
<file path=[Content_Types].xml><?xml version="1.0" encoding="utf-8"?>
<Types xmlns="http://schemas.openxmlformats.org/package/2006/content-types">
  <Default ContentType="application/vnd.openxmlformats-package.relationships+xml" Extension="rels"/>
  <Default ContentType="application/vnd.openxmlformats-officedocument.vmlDrawing" Extension="vml"/>
  <Default ContentType="application/xml" Extension="xml"/>
  <Override ContentType="application/vnd.openxmlformats-officedocument.customXmlProperties+xml" PartName="/customXml/itemProps1.xml"/>
  <Override ContentType="application/vnd.openxmlformats-officedocument.customXmlProperties+xml" PartName="/customXml/itemProps2.xml"/>
  <Override ContentType="application/vnd.ms-office.classificationlabels+xml" PartName="/docMetadata/LabelInfo.xml"/>
  <Override ContentType="application/vnd.openxmlformats-officedocument.extended-properties+xml" PartName="/docProps/app.xml"/>
  <Override ContentType="application/vnd.openxmlformats-package.core-properties+xml" PartName="/docProps/core.xml"/>
  <Override ContentType="application/vnd.openxmlformats-officedocument.custom-properties+xml" PartName="/docProps/custom.xml"/>
  <Override ContentType="application/vnd.openxmlformats-officedocument.spreadsheetml.comments+xml" PartName="/xl/comments1.xml"/>
  <Override ContentType="application/vnd.openxmlformats-officedocument.spreadsheetml.sharedStrings+xml" PartName="/xl/sharedStrings.xml"/>
  <Override ContentType="application/vnd.openxmlformats-officedocument.spreadsheetml.styles+xml" PartName="/xl/styles.xml"/>
  <Override ContentType="application/vnd.openxmlformats-officedocument.theme+xml" PartName="/xl/theme/theme1.xml"/>
  <Override ContentType="application/vnd.openxmlformats-officedocument.spreadsheetml.sheet.main+xml" PartName="/xl/workbook.xml"/>
  <Override ContentType="application/vnd.openxmlformats-officedocument.spreadsheetml.worksheet+xml" PartName="/xl/worksheets/sheet1.xml"/>
</Types>
</file>

<file path=_rels/.rels><?xml version="1.0" encoding="UTF-8" standalone="yes"?><Relationships xmlns="http://schemas.openxmlformats.org/package/2006/relationships"><Relationship Id="rId1" Target="xl/workbook.xml" Type="http://schemas.openxmlformats.org/officeDocument/2006/relationships/officeDocument"/><Relationship Id="rId2" Target="docMetadata/LabelInfo.xml" Type="http://schemas.microsoft.com/office/2020/02/relationships/classificationlabels"/><Relationship Id="rId3" Target="docProps/core.xml" Type="http://schemas.openxmlformats.org/package/2006/relationships/metadata/core-properties"/><Relationship Id="rId4" Target="docProps/app.xml" Type="http://schemas.openxmlformats.org/officeDocument/2006/relationships/extended-properties"/><Relationship Id="rId5" Target="docProps/custom.xml" Type="http://schemas.openxmlformats.org/officeDocument/2006/relationships/custom-properties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328"/>
  <workbookPr/>
  <mc:AlternateContent xmlns:mc="http://schemas.openxmlformats.org/markup-compatibility/2006">
    <mc:Choice Requires="x15">
      <x15ac:absPath xmlns:x15ac="http://schemas.microsoft.com/office/spreadsheetml/2010/11/ac" url="C:\Users\luqma\Documents\GitHub\P3_WhereHouse\"/>
    </mc:Choice>
  </mc:AlternateContent>
  <xr:revisionPtr revIDLastSave="0" documentId="13_ncr:1_{4050ECFF-978A-413A-ABCF-AFC4FBEA9944}" xr6:coauthVersionLast="47" xr6:coauthVersionMax="47" xr10:uidLastSave="{00000000-0000-0000-0000-000000000000}"/>
  <bookViews>
    <workbookView xWindow="-110" yWindow="-110" windowWidth="19420" windowHeight="10300" xr2:uid="{9B968765-B4A3-4859-AC06-50499BCF4E32}"/>
  </bookViews>
  <sheets>
    <sheet name="Sheet1" sheetId="1" r:id="rId1"/>
  </sheets>
  <definedNames>
    <definedName name="_xlnm._FilterDatabase" localSheetId="0" hidden="1">Sheet1!$A$1:$N$4360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omments1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BICS (Brian Egen Christensen)</author>
  </authors>
  <commentList>
    <comment ref="K3309" authorId="0" shapeId="0" xr:uid="{5E99C57E-4612-4FD4-B4A6-0B3B6630BF88}">
      <text>
        <r>
          <rPr>
            <b/>
            <sz val="9"/>
            <color indexed="81"/>
            <rFont val="Tahoma"/>
            <family val="2"/>
          </rPr>
          <t>BICS (Brian Egen Christensen):</t>
        </r>
        <r>
          <rPr>
            <sz val="9"/>
            <color indexed="81"/>
            <rFont val="Tahoma"/>
            <family val="2"/>
          </rPr>
          <t xml:space="preserve">
rettet</t>
        </r>
      </text>
    </comment>
  </commentList>
</comments>
</file>

<file path=xl/sharedStrings.xml><?xml version="1.0" encoding="utf-8"?>
<sst xmlns="http://schemas.openxmlformats.org/spreadsheetml/2006/main" count="28370" uniqueCount="89">
  <si>
    <t>Capacity Forum round</t>
  </si>
  <si>
    <t>Warehouse</t>
  </si>
  <si>
    <t>Stakeholder priority</t>
  </si>
  <si>
    <t>SVP Area</t>
  </si>
  <si>
    <t>Temperature</t>
  </si>
  <si>
    <t>SVP Area Group</t>
  </si>
  <si>
    <t>Year</t>
  </si>
  <si>
    <t>Storage condition</t>
  </si>
  <si>
    <t>Total need for storage in EUR pallets in your area (pallets)</t>
  </si>
  <si>
    <t>Internal capacity in EUR (Pallet)</t>
  </si>
  <si>
    <t>May_25</t>
  </si>
  <si>
    <t>PS HUB</t>
  </si>
  <si>
    <t>Denmark</t>
  </si>
  <si>
    <t>L&amp;D Capacity</t>
  </si>
  <si>
    <t>CRT +15°C to +25°C</t>
  </si>
  <si>
    <t>Cold +2°C to +8°C</t>
  </si>
  <si>
    <t>PS PAC I</t>
  </si>
  <si>
    <t>PS PAC II</t>
  </si>
  <si>
    <t>DSV</t>
  </si>
  <si>
    <t>Freeze</t>
  </si>
  <si>
    <t>NEFF</t>
  </si>
  <si>
    <t>Ambient -5°C to +35°C</t>
  </si>
  <si>
    <t>PS WH KA</t>
  </si>
  <si>
    <t>KN Durham</t>
  </si>
  <si>
    <t>USA</t>
  </si>
  <si>
    <t>Kanban Logistics</t>
  </si>
  <si>
    <t>MDL Garner</t>
  </si>
  <si>
    <t>KN Durham 2</t>
  </si>
  <si>
    <t>US -80°C Freezer</t>
  </si>
  <si>
    <t>Life Science</t>
  </si>
  <si>
    <t>Legrendre</t>
  </si>
  <si>
    <t>France</t>
  </si>
  <si>
    <t>Geodis (DSD)</t>
  </si>
  <si>
    <t>Geodis (VDR)</t>
  </si>
  <si>
    <t>Argan (New France)</t>
  </si>
  <si>
    <t>Daye</t>
  </si>
  <si>
    <t>China</t>
  </si>
  <si>
    <t>KN Tianjin</t>
  </si>
  <si>
    <t>Aurora</t>
  </si>
  <si>
    <t>Brazil</t>
  </si>
  <si>
    <t>RDC Singapore</t>
  </si>
  <si>
    <t>SG</t>
  </si>
  <si>
    <t>RDC Panama</t>
  </si>
  <si>
    <t>PA</t>
  </si>
  <si>
    <t>RDC South Africa</t>
  </si>
  <si>
    <t>Africa</t>
  </si>
  <si>
    <t>API</t>
  </si>
  <si>
    <t>Atex</t>
  </si>
  <si>
    <t xml:space="preserve">Acid &amp; Base </t>
  </si>
  <si>
    <t>CRT +15°C to +25°C FP</t>
  </si>
  <si>
    <t>Cold +2°C to +8°C FP</t>
  </si>
  <si>
    <t xml:space="preserve">No Temp Requirements </t>
  </si>
  <si>
    <t>ET</t>
  </si>
  <si>
    <t>OFP Durham</t>
  </si>
  <si>
    <t>TJ</t>
  </si>
  <si>
    <t>FPM</t>
  </si>
  <si>
    <t>MOC</t>
  </si>
  <si>
    <t>CL 1</t>
  </si>
  <si>
    <t>CL 2</t>
  </si>
  <si>
    <t>CH</t>
  </si>
  <si>
    <t>Anagni</t>
  </si>
  <si>
    <t>Italy</t>
  </si>
  <si>
    <t>Bloomington</t>
  </si>
  <si>
    <t>Brussels</t>
  </si>
  <si>
    <t>GCMD</t>
  </si>
  <si>
    <t>GCMD (SDD)</t>
  </si>
  <si>
    <t>GCMD (NMS)</t>
  </si>
  <si>
    <t>Hjørring</t>
  </si>
  <si>
    <t>25N</t>
  </si>
  <si>
    <t>SoOp Raw</t>
  </si>
  <si>
    <t>SoOp Primary Pack</t>
  </si>
  <si>
    <t>Clayton</t>
  </si>
  <si>
    <t>SoOp PPM</t>
  </si>
  <si>
    <t>Clinical Supplies</t>
  </si>
  <si>
    <t>GCM DP</t>
  </si>
  <si>
    <t>Pilot Operations (DMD)</t>
  </si>
  <si>
    <t>L&amp;D Capacity (Physical pallet spaces)</t>
  </si>
  <si>
    <t>High</t>
  </si>
  <si>
    <t>Ambient</t>
  </si>
  <si>
    <t>Cold</t>
  </si>
  <si>
    <t>Medium</t>
  </si>
  <si>
    <t>Other</t>
  </si>
  <si>
    <t>PalletAmount</t>
  </si>
  <si>
    <t>ProductionSite</t>
  </si>
  <si>
    <t>Country</t>
  </si>
  <si>
    <t>Kalundborg</t>
  </si>
  <si>
    <t>Hillerød</t>
  </si>
  <si>
    <t>Gentofte</t>
  </si>
  <si>
    <t>Bagsvær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43" formatCode="_-* #,##0.00_-;\-* #,##0.00_-;_-* &quot;-&quot;??_-;_-@_-"/>
    <numFmt numFmtId="164" formatCode="[$-406]mmmm\ yy;@"/>
    <numFmt numFmtId="165" formatCode="_-* #,##0_-;\-* #,##0_-;_-* &quot;-&quot;??_-;_-@_-"/>
  </numFmts>
  <fonts count="6">
    <font>
      <sz val="10"/>
      <color theme="1"/>
      <name val="Apis For Office"/>
      <family val="2"/>
      <scheme val="minor"/>
    </font>
    <font>
      <sz val="10"/>
      <color theme="1"/>
      <name val="Apis For Office"/>
      <family val="2"/>
      <scheme val="minor"/>
    </font>
    <font>
      <b/>
      <sz val="10"/>
      <color rgb="FF000000"/>
      <name val="Apis For Office"/>
      <family val="2"/>
      <scheme val="minor"/>
    </font>
    <font>
      <sz val="10"/>
      <color rgb="FF000000"/>
      <name val="Apis For Office"/>
      <family val="2"/>
      <scheme val="minor"/>
    </font>
    <font>
      <b/>
      <sz val="9"/>
      <color indexed="81"/>
      <name val="Tahoma"/>
      <family val="2"/>
    </font>
    <font>
      <sz val="9"/>
      <color indexed="81"/>
      <name val="Tahoma"/>
      <family val="2"/>
    </font>
  </fonts>
  <fills count="4">
    <fill>
      <patternFill patternType="none"/>
    </fill>
    <fill>
      <patternFill patternType="gray125"/>
    </fill>
    <fill>
      <patternFill patternType="solid">
        <fgColor rgb="FFF2F2F2"/>
        <bgColor rgb="FF000000"/>
      </patternFill>
    </fill>
    <fill>
      <patternFill patternType="solid">
        <fgColor theme="9" tint="0.79998168889431442"/>
        <bgColor theme="9" tint="0.79998168889431442"/>
      </patternFill>
    </fill>
  </fills>
  <borders count="15">
    <border>
      <left/>
      <right/>
      <top/>
      <bottom/>
      <diagonal/>
    </border>
    <border>
      <left style="thin">
        <color theme="9"/>
      </left>
      <right style="medium">
        <color indexed="64"/>
      </right>
      <top style="thin">
        <color theme="9"/>
      </top>
      <bottom style="thin">
        <color indexed="64"/>
      </bottom>
      <diagonal/>
    </border>
    <border>
      <left style="thin">
        <color theme="9"/>
      </left>
      <right/>
      <top style="thin">
        <color theme="9"/>
      </top>
      <bottom/>
      <diagonal/>
    </border>
    <border>
      <left/>
      <right/>
      <top style="thin">
        <color theme="9"/>
      </top>
      <bottom/>
      <diagonal/>
    </border>
    <border>
      <left style="thin">
        <color theme="9"/>
      </left>
      <right style="thin">
        <color rgb="FF000000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indexed="64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theme="9"/>
      </right>
      <top style="thin">
        <color indexed="64"/>
      </top>
      <bottom style="thin">
        <color theme="9"/>
      </bottom>
      <diagonal/>
    </border>
    <border>
      <left style="thin">
        <color theme="9"/>
      </left>
      <right style="thin">
        <color theme="9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rgb="FF000000"/>
      </right>
      <top style="thin">
        <color rgb="FF000000"/>
      </top>
      <bottom style="medium">
        <color rgb="FF000000"/>
      </bottom>
      <diagonal/>
    </border>
    <border>
      <left style="thin">
        <color theme="9"/>
      </left>
      <right style="thin">
        <color theme="9"/>
      </right>
      <top style="thin">
        <color rgb="FF000000"/>
      </top>
      <bottom style="medium">
        <color rgb="FF000000"/>
      </bottom>
      <diagonal/>
    </border>
    <border>
      <left style="thin">
        <color theme="9"/>
      </left>
      <right style="thin">
        <color rgb="FF000000"/>
      </right>
      <top style="thin">
        <color rgb="FF000000"/>
      </top>
      <bottom style="medium">
        <color indexed="64"/>
      </bottom>
      <diagonal/>
    </border>
    <border>
      <left style="thin">
        <color theme="9"/>
      </left>
      <right style="thin">
        <color indexed="64"/>
      </right>
      <top style="thin">
        <color indexed="64"/>
      </top>
      <bottom style="thin">
        <color theme="9"/>
      </bottom>
      <diagonal/>
    </border>
    <border>
      <left style="thin">
        <color rgb="FF000000"/>
      </left>
      <right style="thin">
        <color theme="9"/>
      </right>
      <top style="thin">
        <color rgb="FF000000"/>
      </top>
      <bottom style="medium">
        <color rgb="FF000000"/>
      </bottom>
      <diagonal/>
    </border>
    <border>
      <left style="thin">
        <color rgb="FF000000"/>
      </left>
      <right style="thin">
        <color theme="9"/>
      </right>
      <top style="thin">
        <color theme="9"/>
      </top>
      <bottom style="thick">
        <color rgb="FF000000"/>
      </bottom>
      <diagonal/>
    </border>
    <border>
      <left style="thin">
        <color theme="9"/>
      </left>
      <right style="thin">
        <color theme="9"/>
      </right>
      <top style="thin">
        <color theme="9"/>
      </top>
      <bottom style="thick">
        <color rgb="FF000000"/>
      </bottom>
      <diagonal/>
    </border>
  </borders>
  <cellStyleXfs count="2">
    <xf numFmtId="0" fontId="0" fillId="0" borderId="0"/>
    <xf numFmtId="43" fontId="1" fillId="0" borderId="0" applyFont="0" applyFill="0" applyBorder="0" applyAlignment="0" applyProtection="0"/>
  </cellStyleXfs>
  <cellXfs count="37">
    <xf numFmtId="0" fontId="0" fillId="0" borderId="0" xfId="0"/>
    <xf numFmtId="164" fontId="2" fillId="2" borderId="0" xfId="0" applyNumberFormat="1" applyFont="1" applyFill="1" applyAlignment="1">
      <alignment horizontal="center" vertical="center" wrapText="1"/>
    </xf>
    <xf numFmtId="0" fontId="2" fillId="2" borderId="0" xfId="0" applyFont="1" applyFill="1" applyAlignment="1">
      <alignment horizontal="center" vertical="center" wrapText="1"/>
    </xf>
    <xf numFmtId="0" fontId="2" fillId="2" borderId="1" xfId="0" applyFont="1" applyFill="1" applyBorder="1" applyAlignment="1">
      <alignment horizontal="center" vertical="center" wrapText="1"/>
    </xf>
    <xf numFmtId="0" fontId="2" fillId="2" borderId="2" xfId="0" applyFont="1" applyFill="1" applyBorder="1" applyAlignment="1">
      <alignment horizontal="center" vertical="center" wrapText="1"/>
    </xf>
    <xf numFmtId="3" fontId="2" fillId="2" borderId="3" xfId="0" applyNumberFormat="1" applyFont="1" applyFill="1" applyBorder="1" applyAlignment="1">
      <alignment horizontal="center" vertical="center" wrapText="1"/>
    </xf>
    <xf numFmtId="3" fontId="2" fillId="2" borderId="1" xfId="0" applyNumberFormat="1" applyFont="1" applyFill="1" applyBorder="1" applyAlignment="1">
      <alignment horizontal="center" vertical="center" wrapText="1"/>
    </xf>
    <xf numFmtId="164" fontId="0" fillId="0" borderId="0" xfId="0" applyNumberFormat="1" applyAlignment="1">
      <alignment horizontal="center"/>
    </xf>
    <xf numFmtId="0" fontId="0" fillId="0" borderId="0" xfId="0" applyAlignment="1">
      <alignment horizontal="center"/>
    </xf>
    <xf numFmtId="0" fontId="0" fillId="3" borderId="0" xfId="0" applyFill="1" applyAlignment="1">
      <alignment horizontal="center" vertical="center"/>
    </xf>
    <xf numFmtId="3" fontId="0" fillId="0" borderId="0" xfId="0" applyNumberFormat="1"/>
    <xf numFmtId="0" fontId="0" fillId="3" borderId="0" xfId="0" applyFill="1" applyAlignment="1">
      <alignment horizontal="center"/>
    </xf>
    <xf numFmtId="0" fontId="3" fillId="3" borderId="0" xfId="0" applyFont="1" applyFill="1"/>
    <xf numFmtId="165" fontId="0" fillId="3" borderId="0" xfId="1" applyNumberFormat="1" applyFont="1" applyFill="1" applyBorder="1"/>
    <xf numFmtId="0" fontId="0" fillId="3" borderId="0" xfId="0" applyFill="1"/>
    <xf numFmtId="0" fontId="3" fillId="0" borderId="0" xfId="0" applyFont="1"/>
    <xf numFmtId="165" fontId="0" fillId="0" borderId="0" xfId="1" applyNumberFormat="1" applyFont="1" applyBorder="1"/>
    <xf numFmtId="0" fontId="3" fillId="3" borderId="0" xfId="0" applyFont="1" applyFill="1" applyAlignment="1">
      <alignment vertical="center"/>
    </xf>
    <xf numFmtId="165" fontId="0" fillId="3" borderId="0" xfId="1" applyNumberFormat="1" applyFont="1" applyFill="1" applyBorder="1" applyAlignment="1">
      <alignment vertical="center"/>
    </xf>
    <xf numFmtId="0" fontId="0" fillId="3" borderId="0" xfId="0" applyFill="1" applyAlignment="1">
      <alignment vertical="center"/>
    </xf>
    <xf numFmtId="0" fontId="0" fillId="0" borderId="4" xfId="0" applyBorder="1" applyAlignment="1">
      <alignment horizontal="center"/>
    </xf>
    <xf numFmtId="0" fontId="0" fillId="0" borderId="5" xfId="0" applyBorder="1"/>
    <xf numFmtId="3" fontId="0" fillId="0" borderId="6" xfId="0" applyNumberFormat="1" applyBorder="1"/>
    <xf numFmtId="0" fontId="0" fillId="0" borderId="6" xfId="0" applyBorder="1"/>
    <xf numFmtId="3" fontId="0" fillId="0" borderId="7" xfId="0" applyNumberFormat="1" applyBorder="1"/>
    <xf numFmtId="0" fontId="0" fillId="0" borderId="8" xfId="0" applyBorder="1" applyAlignment="1">
      <alignment horizontal="center"/>
    </xf>
    <xf numFmtId="0" fontId="0" fillId="0" borderId="8" xfId="0" applyBorder="1"/>
    <xf numFmtId="3" fontId="0" fillId="0" borderId="9" xfId="0" applyNumberFormat="1" applyBorder="1"/>
    <xf numFmtId="0" fontId="0" fillId="0" borderId="7" xfId="0" applyBorder="1" applyAlignment="1">
      <alignment horizontal="center"/>
    </xf>
    <xf numFmtId="0" fontId="0" fillId="0" borderId="9" xfId="0" applyBorder="1" applyAlignment="1">
      <alignment horizontal="center"/>
    </xf>
    <xf numFmtId="0" fontId="0" fillId="0" borderId="10" xfId="0" applyBorder="1"/>
    <xf numFmtId="0" fontId="0" fillId="0" borderId="11" xfId="0" applyBorder="1"/>
    <xf numFmtId="0" fontId="0" fillId="0" borderId="7" xfId="0" applyBorder="1"/>
    <xf numFmtId="3" fontId="0" fillId="0" borderId="12" xfId="0" applyNumberFormat="1" applyBorder="1"/>
    <xf numFmtId="0" fontId="0" fillId="0" borderId="9" xfId="0" applyBorder="1"/>
    <xf numFmtId="3" fontId="0" fillId="0" borderId="13" xfId="0" applyNumberFormat="1" applyBorder="1"/>
    <xf numFmtId="0" fontId="0" fillId="0" borderId="14" xfId="0" applyBorder="1"/>
  </cellXfs>
  <cellStyles count="2">
    <cellStyle name="Comma" xfId="1" builtinId="3"/>
    <cellStyle name="Normal" xfId="0" builtinId="0" customBuiltin="1"/>
  </cellStyles>
  <dxfs count="2">
    <dxf>
      <font>
        <b val="0"/>
        <i val="0"/>
        <u val="none"/>
      </font>
      <numFmt numFmtId="30" formatCode="@"/>
      <fill>
        <patternFill>
          <bgColor theme="7" tint="0.79998168889431442"/>
        </patternFill>
      </fill>
      <border>
        <left style="thin">
          <color auto="1"/>
        </left>
        <right style="thin">
          <color auto="1"/>
        </right>
        <top style="thin">
          <color auto="1"/>
        </top>
        <bottom style="thin">
          <color auto="1"/>
        </bottom>
        <vertical/>
        <horizontal/>
      </border>
    </dxf>
    <dxf>
      <font>
        <b val="0"/>
        <i val="0"/>
        <u val="none"/>
      </font>
      <numFmt numFmtId="30" formatCode="@"/>
      <fill>
        <patternFill>
          <bgColor theme="7" tint="0.79998168889431442"/>
        </patternFill>
      </fill>
      <border>
        <left style="thin">
          <color auto="1"/>
        </left>
        <right style="thin">
          <color auto="1"/>
        </right>
        <top style="thin">
          <color auto="1"/>
        </top>
        <bottom style="thin">
          <color auto="1"/>
        </bottom>
        <vertical/>
        <horizontal/>
      </border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<Relationships xmlns="http://schemas.openxmlformats.org/package/2006/relationships"><Relationship Id="rId1" Target="worksheets/sheet1.xml" Type="http://schemas.openxmlformats.org/officeDocument/2006/relationships/worksheet"/><Relationship Id="rId2" Target="theme/theme1.xml" Type="http://schemas.openxmlformats.org/officeDocument/2006/relationships/theme"/><Relationship Id="rId3" Target="styles.xml" Type="http://schemas.openxmlformats.org/officeDocument/2006/relationships/styles"/><Relationship Id="rId4" Target="sharedStrings.xml" Type="http://schemas.openxmlformats.org/officeDocument/2006/relationships/sharedStrings"/><Relationship Id="rId5" Target="../customXml/item1.xml" Type="http://schemas.openxmlformats.org/officeDocument/2006/relationships/customXml"/><Relationship Id="rId6" Target="../customXml/item2.xml" Type="http://schemas.openxmlformats.org/officeDocument/2006/relationships/customXml"/></Relationships>
</file>

<file path=xl/theme/theme1.xml><?xml version="1.0" encoding="utf-8"?>
<a:theme xmlns:a="http://schemas.openxmlformats.org/drawingml/2006/main" name="Office Theme">
  <a:themeElements>
    <a:clrScheme name="Novo Nordisk 2020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2020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<Relationships xmlns="http://schemas.openxmlformats.org/package/2006/relationships"><Relationship Id="rId1" Target="../drawings/vmlDrawing1.vml" Type="http://schemas.openxmlformats.org/officeDocument/2006/relationships/vmlDrawing"/><Relationship Id="rId2" Target="../comments1.xml" Type="http://schemas.openxmlformats.org/officeDocument/2006/relationships/comments"/></Relationships>
</file>

<file path=xl/worksheets/sheet1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4E5E572-A9F8-4A9A-859C-DB03830801C7}">
  <sheetPr filterMode="1"/>
  <dimension ref="A1:N1040641"/>
  <sheetViews>
    <sheetView tabSelected="1" zoomScale="110" zoomScaleNormal="110" workbookViewId="0">
      <pane ySplit="1" topLeftCell="A2" activePane="bottomLeft" state="frozen"/>
      <selection pane="bottomLeft" activeCell="G56" sqref="G56"/>
    </sheetView>
  </sheetViews>
  <sheetFormatPr defaultColWidth="9" defaultRowHeight="12.5"/>
  <cols>
    <col min="1" max="1" width="25.81640625" customWidth="1"/>
    <col min="2" max="2" width="16" bestFit="1" customWidth="1"/>
    <col min="3" max="3" width="21.1796875" customWidth="1"/>
    <col min="4" max="4" width="25.81640625" customWidth="1"/>
    <col min="5" max="5" width="10.81640625" bestFit="1" customWidth="1"/>
    <col min="6" max="13" width="25.81640625" customWidth="1"/>
    <col min="14" max="14" width="24.1796875" customWidth="1"/>
  </cols>
  <sheetData>
    <row r="1" spans="1:14" ht="39">
      <c r="A1" s="1" t="s">
        <v>0</v>
      </c>
      <c r="B1" s="2" t="s">
        <v>1</v>
      </c>
      <c r="C1" s="2" t="s">
        <v>83</v>
      </c>
      <c r="D1" s="2" t="s">
        <v>2</v>
      </c>
      <c r="E1" s="3" t="s">
        <v>84</v>
      </c>
      <c r="F1" s="3" t="s">
        <v>3</v>
      </c>
      <c r="G1" s="4" t="s">
        <v>4</v>
      </c>
      <c r="H1" s="4" t="s">
        <v>5</v>
      </c>
      <c r="I1" s="4" t="s">
        <v>6</v>
      </c>
      <c r="J1" s="2" t="s">
        <v>7</v>
      </c>
      <c r="K1" s="5" t="s">
        <v>8</v>
      </c>
      <c r="L1" s="4" t="s">
        <v>9</v>
      </c>
      <c r="M1" s="6" t="s">
        <v>82</v>
      </c>
      <c r="N1" s="5" t="s">
        <v>76</v>
      </c>
    </row>
    <row r="2" spans="1:14">
      <c r="A2" s="7" t="s">
        <v>10</v>
      </c>
      <c r="B2" s="8" t="s">
        <v>11</v>
      </c>
      <c r="D2" t="s">
        <v>77</v>
      </c>
      <c r="E2" s="9" t="s">
        <v>12</v>
      </c>
      <c r="F2" t="s">
        <v>13</v>
      </c>
      <c r="G2" t="s">
        <v>78</v>
      </c>
      <c r="H2" t="s">
        <v>13</v>
      </c>
      <c r="I2" s="8">
        <v>2025</v>
      </c>
      <c r="J2" t="s">
        <v>14</v>
      </c>
      <c r="K2" s="10"/>
      <c r="M2" s="10"/>
      <c r="N2">
        <v>5609</v>
      </c>
    </row>
    <row r="3" spans="1:14" hidden="1">
      <c r="A3" s="7" t="s">
        <v>10</v>
      </c>
      <c r="B3" s="8" t="s">
        <v>11</v>
      </c>
      <c r="D3" t="s">
        <v>77</v>
      </c>
      <c r="E3" s="9" t="s">
        <v>12</v>
      </c>
      <c r="F3" t="s">
        <v>13</v>
      </c>
      <c r="G3" t="s">
        <v>78</v>
      </c>
      <c r="H3" t="s">
        <v>13</v>
      </c>
      <c r="I3" s="8">
        <v>2026</v>
      </c>
      <c r="J3" t="s">
        <v>14</v>
      </c>
      <c r="K3" s="10"/>
      <c r="M3" s="10"/>
      <c r="N3">
        <v>5609</v>
      </c>
    </row>
    <row r="4" spans="1:14" hidden="1">
      <c r="A4" s="7" t="s">
        <v>10</v>
      </c>
      <c r="B4" s="8" t="s">
        <v>11</v>
      </c>
      <c r="D4" t="s">
        <v>77</v>
      </c>
      <c r="E4" s="9" t="s">
        <v>12</v>
      </c>
      <c r="F4" t="s">
        <v>13</v>
      </c>
      <c r="G4" t="s">
        <v>78</v>
      </c>
      <c r="H4" t="s">
        <v>13</v>
      </c>
      <c r="I4" s="8">
        <v>2027</v>
      </c>
      <c r="J4" t="s">
        <v>14</v>
      </c>
      <c r="K4" s="10"/>
      <c r="M4" s="10"/>
      <c r="N4">
        <v>5609</v>
      </c>
    </row>
    <row r="5" spans="1:14" hidden="1">
      <c r="A5" s="7" t="s">
        <v>10</v>
      </c>
      <c r="B5" s="8" t="s">
        <v>11</v>
      </c>
      <c r="D5" t="s">
        <v>77</v>
      </c>
      <c r="E5" s="9" t="s">
        <v>12</v>
      </c>
      <c r="F5" t="s">
        <v>13</v>
      </c>
      <c r="G5" t="s">
        <v>78</v>
      </c>
      <c r="H5" t="s">
        <v>13</v>
      </c>
      <c r="I5" s="8">
        <v>2028</v>
      </c>
      <c r="J5" t="s">
        <v>14</v>
      </c>
      <c r="K5" s="10"/>
      <c r="M5" s="10"/>
      <c r="N5">
        <v>5609</v>
      </c>
    </row>
    <row r="6" spans="1:14" hidden="1">
      <c r="A6" s="7" t="s">
        <v>10</v>
      </c>
      <c r="B6" s="8" t="s">
        <v>11</v>
      </c>
      <c r="D6" t="s">
        <v>77</v>
      </c>
      <c r="E6" s="9" t="s">
        <v>12</v>
      </c>
      <c r="F6" t="s">
        <v>13</v>
      </c>
      <c r="G6" t="s">
        <v>78</v>
      </c>
      <c r="H6" t="s">
        <v>13</v>
      </c>
      <c r="I6" s="8">
        <v>2029</v>
      </c>
      <c r="J6" t="s">
        <v>14</v>
      </c>
      <c r="K6" s="10"/>
      <c r="M6" s="10"/>
      <c r="N6">
        <v>5609</v>
      </c>
    </row>
    <row r="7" spans="1:14" hidden="1">
      <c r="A7" s="7" t="s">
        <v>10</v>
      </c>
      <c r="B7" s="8" t="s">
        <v>11</v>
      </c>
      <c r="D7" t="s">
        <v>77</v>
      </c>
      <c r="E7" s="9" t="s">
        <v>12</v>
      </c>
      <c r="F7" t="s">
        <v>13</v>
      </c>
      <c r="G7" t="s">
        <v>78</v>
      </c>
      <c r="H7" t="s">
        <v>13</v>
      </c>
      <c r="I7" s="8">
        <v>2030</v>
      </c>
      <c r="J7" t="s">
        <v>14</v>
      </c>
      <c r="K7" s="10"/>
      <c r="M7" s="10"/>
      <c r="N7">
        <v>5609</v>
      </c>
    </row>
    <row r="8" spans="1:14" hidden="1">
      <c r="A8" s="7" t="s">
        <v>10</v>
      </c>
      <c r="B8" s="8" t="s">
        <v>11</v>
      </c>
      <c r="D8" t="s">
        <v>77</v>
      </c>
      <c r="E8" s="9" t="s">
        <v>12</v>
      </c>
      <c r="F8" t="s">
        <v>13</v>
      </c>
      <c r="G8" t="s">
        <v>78</v>
      </c>
      <c r="H8" t="s">
        <v>13</v>
      </c>
      <c r="I8" s="8">
        <v>2031</v>
      </c>
      <c r="J8" t="s">
        <v>14</v>
      </c>
      <c r="K8" s="10"/>
      <c r="M8" s="10"/>
      <c r="N8">
        <v>5609</v>
      </c>
    </row>
    <row r="9" spans="1:14" hidden="1">
      <c r="A9" s="7" t="s">
        <v>10</v>
      </c>
      <c r="B9" s="8" t="s">
        <v>11</v>
      </c>
      <c r="D9" t="s">
        <v>77</v>
      </c>
      <c r="E9" s="9" t="s">
        <v>12</v>
      </c>
      <c r="F9" t="s">
        <v>13</v>
      </c>
      <c r="G9" t="s">
        <v>78</v>
      </c>
      <c r="H9" t="s">
        <v>13</v>
      </c>
      <c r="I9" s="8">
        <v>2032</v>
      </c>
      <c r="J9" t="s">
        <v>14</v>
      </c>
      <c r="K9" s="10"/>
      <c r="M9" s="10"/>
      <c r="N9">
        <v>5609</v>
      </c>
    </row>
    <row r="10" spans="1:14" hidden="1">
      <c r="A10" s="7" t="s">
        <v>10</v>
      </c>
      <c r="B10" s="8" t="s">
        <v>11</v>
      </c>
      <c r="D10" t="s">
        <v>77</v>
      </c>
      <c r="E10" s="9" t="s">
        <v>12</v>
      </c>
      <c r="F10" t="s">
        <v>13</v>
      </c>
      <c r="G10" t="s">
        <v>78</v>
      </c>
      <c r="H10" t="s">
        <v>13</v>
      </c>
      <c r="I10" s="8">
        <v>2033</v>
      </c>
      <c r="J10" t="s">
        <v>14</v>
      </c>
      <c r="K10" s="10"/>
      <c r="M10" s="10"/>
      <c r="N10">
        <v>5609</v>
      </c>
    </row>
    <row r="11" spans="1:14">
      <c r="A11" s="7" t="s">
        <v>10</v>
      </c>
      <c r="B11" s="8" t="s">
        <v>11</v>
      </c>
      <c r="D11" t="s">
        <v>77</v>
      </c>
      <c r="E11" s="9" t="s">
        <v>12</v>
      </c>
      <c r="F11" t="s">
        <v>13</v>
      </c>
      <c r="G11" t="s">
        <v>79</v>
      </c>
      <c r="H11" t="s">
        <v>13</v>
      </c>
      <c r="I11" s="8">
        <v>2025</v>
      </c>
      <c r="J11" t="s">
        <v>15</v>
      </c>
      <c r="K11" s="10"/>
      <c r="M11" s="10"/>
      <c r="N11">
        <v>9615</v>
      </c>
    </row>
    <row r="12" spans="1:14" hidden="1">
      <c r="A12" s="7" t="s">
        <v>10</v>
      </c>
      <c r="B12" s="8" t="s">
        <v>11</v>
      </c>
      <c r="D12" t="s">
        <v>77</v>
      </c>
      <c r="E12" s="9" t="s">
        <v>12</v>
      </c>
      <c r="F12" t="s">
        <v>13</v>
      </c>
      <c r="G12" t="s">
        <v>79</v>
      </c>
      <c r="H12" t="s">
        <v>13</v>
      </c>
      <c r="I12" s="8">
        <v>2026</v>
      </c>
      <c r="J12" t="s">
        <v>15</v>
      </c>
      <c r="K12" s="10"/>
      <c r="M12" s="10"/>
      <c r="N12">
        <v>9615</v>
      </c>
    </row>
    <row r="13" spans="1:14" hidden="1">
      <c r="A13" s="7" t="s">
        <v>10</v>
      </c>
      <c r="B13" s="8" t="s">
        <v>11</v>
      </c>
      <c r="D13" t="s">
        <v>77</v>
      </c>
      <c r="E13" s="9" t="s">
        <v>12</v>
      </c>
      <c r="F13" t="s">
        <v>13</v>
      </c>
      <c r="G13" t="s">
        <v>79</v>
      </c>
      <c r="H13" t="s">
        <v>13</v>
      </c>
      <c r="I13" s="8">
        <v>2027</v>
      </c>
      <c r="J13" t="s">
        <v>15</v>
      </c>
      <c r="K13" s="10"/>
      <c r="M13" s="10"/>
      <c r="N13">
        <v>9615</v>
      </c>
    </row>
    <row r="14" spans="1:14" hidden="1">
      <c r="A14" s="7" t="s">
        <v>10</v>
      </c>
      <c r="B14" s="8" t="s">
        <v>11</v>
      </c>
      <c r="D14" t="s">
        <v>77</v>
      </c>
      <c r="E14" s="9" t="s">
        <v>12</v>
      </c>
      <c r="F14" t="s">
        <v>13</v>
      </c>
      <c r="G14" t="s">
        <v>79</v>
      </c>
      <c r="H14" t="s">
        <v>13</v>
      </c>
      <c r="I14" s="8">
        <v>2028</v>
      </c>
      <c r="J14" t="s">
        <v>15</v>
      </c>
      <c r="K14" s="10"/>
      <c r="M14" s="10"/>
      <c r="N14">
        <v>9615</v>
      </c>
    </row>
    <row r="15" spans="1:14" hidden="1">
      <c r="A15" s="7" t="s">
        <v>10</v>
      </c>
      <c r="B15" s="8" t="s">
        <v>11</v>
      </c>
      <c r="D15" t="s">
        <v>77</v>
      </c>
      <c r="E15" s="9" t="s">
        <v>12</v>
      </c>
      <c r="F15" t="s">
        <v>13</v>
      </c>
      <c r="G15" t="s">
        <v>79</v>
      </c>
      <c r="H15" t="s">
        <v>13</v>
      </c>
      <c r="I15" s="8">
        <v>2029</v>
      </c>
      <c r="J15" t="s">
        <v>15</v>
      </c>
      <c r="K15" s="10"/>
      <c r="M15" s="10"/>
      <c r="N15">
        <v>9615</v>
      </c>
    </row>
    <row r="16" spans="1:14" hidden="1">
      <c r="A16" s="7" t="s">
        <v>10</v>
      </c>
      <c r="B16" s="8" t="s">
        <v>11</v>
      </c>
      <c r="D16" t="s">
        <v>77</v>
      </c>
      <c r="E16" s="9" t="s">
        <v>12</v>
      </c>
      <c r="F16" t="s">
        <v>13</v>
      </c>
      <c r="G16" t="s">
        <v>79</v>
      </c>
      <c r="H16" t="s">
        <v>13</v>
      </c>
      <c r="I16" s="8">
        <v>2030</v>
      </c>
      <c r="J16" t="s">
        <v>15</v>
      </c>
      <c r="K16" s="10"/>
      <c r="M16" s="10"/>
      <c r="N16">
        <v>9615</v>
      </c>
    </row>
    <row r="17" spans="1:14" hidden="1">
      <c r="A17" s="7" t="s">
        <v>10</v>
      </c>
      <c r="B17" s="8" t="s">
        <v>11</v>
      </c>
      <c r="D17" t="s">
        <v>77</v>
      </c>
      <c r="E17" s="9" t="s">
        <v>12</v>
      </c>
      <c r="F17" t="s">
        <v>13</v>
      </c>
      <c r="G17" t="s">
        <v>79</v>
      </c>
      <c r="H17" t="s">
        <v>13</v>
      </c>
      <c r="I17" s="8">
        <v>2031</v>
      </c>
      <c r="J17" t="s">
        <v>15</v>
      </c>
      <c r="K17" s="10"/>
      <c r="M17" s="10"/>
      <c r="N17">
        <v>9615</v>
      </c>
    </row>
    <row r="18" spans="1:14" hidden="1">
      <c r="A18" s="7" t="s">
        <v>10</v>
      </c>
      <c r="B18" s="8" t="s">
        <v>11</v>
      </c>
      <c r="D18" t="s">
        <v>77</v>
      </c>
      <c r="E18" s="9" t="s">
        <v>12</v>
      </c>
      <c r="F18" t="s">
        <v>13</v>
      </c>
      <c r="G18" t="s">
        <v>79</v>
      </c>
      <c r="H18" t="s">
        <v>13</v>
      </c>
      <c r="I18" s="8">
        <v>2032</v>
      </c>
      <c r="J18" t="s">
        <v>15</v>
      </c>
      <c r="K18" s="10"/>
      <c r="M18" s="10"/>
      <c r="N18">
        <v>9615</v>
      </c>
    </row>
    <row r="19" spans="1:14" hidden="1">
      <c r="A19" s="7" t="s">
        <v>10</v>
      </c>
      <c r="B19" s="8" t="s">
        <v>11</v>
      </c>
      <c r="D19" t="s">
        <v>77</v>
      </c>
      <c r="E19" s="9" t="s">
        <v>12</v>
      </c>
      <c r="F19" t="s">
        <v>13</v>
      </c>
      <c r="G19" t="s">
        <v>79</v>
      </c>
      <c r="H19" t="s">
        <v>13</v>
      </c>
      <c r="I19" s="8">
        <v>2033</v>
      </c>
      <c r="J19" t="s">
        <v>15</v>
      </c>
      <c r="K19" s="10"/>
      <c r="M19" s="10"/>
      <c r="N19">
        <v>9615</v>
      </c>
    </row>
    <row r="20" spans="1:14">
      <c r="A20" s="7" t="s">
        <v>10</v>
      </c>
      <c r="B20" s="8" t="s">
        <v>16</v>
      </c>
      <c r="D20" t="s">
        <v>77</v>
      </c>
      <c r="E20" s="9" t="s">
        <v>12</v>
      </c>
      <c r="F20" t="s">
        <v>13</v>
      </c>
      <c r="G20" t="s">
        <v>78</v>
      </c>
      <c r="H20" t="s">
        <v>13</v>
      </c>
      <c r="I20" s="8">
        <v>2025</v>
      </c>
      <c r="J20" t="s">
        <v>14</v>
      </c>
      <c r="K20" s="10"/>
      <c r="M20" s="10"/>
      <c r="N20">
        <v>20647</v>
      </c>
    </row>
    <row r="21" spans="1:14" hidden="1">
      <c r="A21" s="7" t="s">
        <v>10</v>
      </c>
      <c r="B21" s="8" t="s">
        <v>16</v>
      </c>
      <c r="D21" t="s">
        <v>77</v>
      </c>
      <c r="E21" s="9" t="s">
        <v>12</v>
      </c>
      <c r="F21" t="s">
        <v>13</v>
      </c>
      <c r="G21" t="s">
        <v>78</v>
      </c>
      <c r="H21" t="s">
        <v>13</v>
      </c>
      <c r="I21" s="8">
        <v>2026</v>
      </c>
      <c r="J21" t="s">
        <v>14</v>
      </c>
      <c r="K21" s="10"/>
      <c r="M21" s="10"/>
      <c r="N21">
        <v>20647</v>
      </c>
    </row>
    <row r="22" spans="1:14" hidden="1">
      <c r="A22" s="7" t="s">
        <v>10</v>
      </c>
      <c r="B22" s="8" t="s">
        <v>16</v>
      </c>
      <c r="D22" t="s">
        <v>77</v>
      </c>
      <c r="E22" s="9" t="s">
        <v>12</v>
      </c>
      <c r="F22" t="s">
        <v>13</v>
      </c>
      <c r="G22" t="s">
        <v>78</v>
      </c>
      <c r="H22" t="s">
        <v>13</v>
      </c>
      <c r="I22" s="8">
        <v>2027</v>
      </c>
      <c r="J22" t="s">
        <v>14</v>
      </c>
      <c r="K22" s="10"/>
      <c r="M22" s="10"/>
      <c r="N22">
        <v>20647</v>
      </c>
    </row>
    <row r="23" spans="1:14" hidden="1">
      <c r="A23" s="7" t="s">
        <v>10</v>
      </c>
      <c r="B23" s="8" t="s">
        <v>16</v>
      </c>
      <c r="D23" t="s">
        <v>77</v>
      </c>
      <c r="E23" s="9" t="s">
        <v>12</v>
      </c>
      <c r="F23" t="s">
        <v>13</v>
      </c>
      <c r="G23" t="s">
        <v>78</v>
      </c>
      <c r="H23" t="s">
        <v>13</v>
      </c>
      <c r="I23" s="8">
        <v>2028</v>
      </c>
      <c r="J23" t="s">
        <v>14</v>
      </c>
      <c r="K23" s="10"/>
      <c r="M23" s="10"/>
      <c r="N23">
        <v>20647</v>
      </c>
    </row>
    <row r="24" spans="1:14" hidden="1">
      <c r="A24" s="7" t="s">
        <v>10</v>
      </c>
      <c r="B24" s="8" t="s">
        <v>16</v>
      </c>
      <c r="D24" t="s">
        <v>77</v>
      </c>
      <c r="E24" s="9" t="s">
        <v>12</v>
      </c>
      <c r="F24" t="s">
        <v>13</v>
      </c>
      <c r="G24" t="s">
        <v>78</v>
      </c>
      <c r="H24" t="s">
        <v>13</v>
      </c>
      <c r="I24" s="8">
        <v>2029</v>
      </c>
      <c r="J24" t="s">
        <v>14</v>
      </c>
      <c r="K24" s="10"/>
      <c r="M24" s="10"/>
      <c r="N24">
        <v>20647</v>
      </c>
    </row>
    <row r="25" spans="1:14" hidden="1">
      <c r="A25" s="7" t="s">
        <v>10</v>
      </c>
      <c r="B25" s="8" t="s">
        <v>16</v>
      </c>
      <c r="D25" t="s">
        <v>77</v>
      </c>
      <c r="E25" s="9" t="s">
        <v>12</v>
      </c>
      <c r="F25" t="s">
        <v>13</v>
      </c>
      <c r="G25" t="s">
        <v>78</v>
      </c>
      <c r="H25" t="s">
        <v>13</v>
      </c>
      <c r="I25" s="8">
        <v>2030</v>
      </c>
      <c r="J25" t="s">
        <v>14</v>
      </c>
      <c r="K25" s="10"/>
      <c r="M25" s="10"/>
      <c r="N25">
        <v>20647</v>
      </c>
    </row>
    <row r="26" spans="1:14" hidden="1">
      <c r="A26" s="7" t="s">
        <v>10</v>
      </c>
      <c r="B26" s="8" t="s">
        <v>16</v>
      </c>
      <c r="D26" t="s">
        <v>77</v>
      </c>
      <c r="E26" s="9" t="s">
        <v>12</v>
      </c>
      <c r="F26" t="s">
        <v>13</v>
      </c>
      <c r="G26" t="s">
        <v>78</v>
      </c>
      <c r="H26" t="s">
        <v>13</v>
      </c>
      <c r="I26" s="8">
        <v>2031</v>
      </c>
      <c r="J26" t="s">
        <v>14</v>
      </c>
      <c r="K26" s="10"/>
      <c r="M26" s="10"/>
      <c r="N26">
        <v>20647</v>
      </c>
    </row>
    <row r="27" spans="1:14" hidden="1">
      <c r="A27" s="7" t="s">
        <v>10</v>
      </c>
      <c r="B27" s="8" t="s">
        <v>16</v>
      </c>
      <c r="D27" t="s">
        <v>77</v>
      </c>
      <c r="E27" s="9" t="s">
        <v>12</v>
      </c>
      <c r="F27" t="s">
        <v>13</v>
      </c>
      <c r="G27" t="s">
        <v>78</v>
      </c>
      <c r="H27" t="s">
        <v>13</v>
      </c>
      <c r="I27" s="8">
        <v>2032</v>
      </c>
      <c r="J27" t="s">
        <v>14</v>
      </c>
      <c r="K27" s="10"/>
      <c r="M27" s="10"/>
      <c r="N27">
        <v>20647</v>
      </c>
    </row>
    <row r="28" spans="1:14" hidden="1">
      <c r="A28" s="7" t="s">
        <v>10</v>
      </c>
      <c r="B28" s="8" t="s">
        <v>16</v>
      </c>
      <c r="D28" t="s">
        <v>77</v>
      </c>
      <c r="E28" s="9" t="s">
        <v>12</v>
      </c>
      <c r="F28" t="s">
        <v>13</v>
      </c>
      <c r="G28" t="s">
        <v>78</v>
      </c>
      <c r="H28" t="s">
        <v>13</v>
      </c>
      <c r="I28" s="8">
        <v>2033</v>
      </c>
      <c r="J28" t="s">
        <v>14</v>
      </c>
      <c r="K28" s="10"/>
      <c r="M28" s="10"/>
      <c r="N28">
        <v>20647</v>
      </c>
    </row>
    <row r="29" spans="1:14">
      <c r="A29" s="7" t="s">
        <v>10</v>
      </c>
      <c r="B29" s="8" t="s">
        <v>17</v>
      </c>
      <c r="D29" t="s">
        <v>77</v>
      </c>
      <c r="E29" s="9" t="s">
        <v>12</v>
      </c>
      <c r="F29" t="s">
        <v>13</v>
      </c>
      <c r="G29" t="s">
        <v>78</v>
      </c>
      <c r="H29" t="s">
        <v>13</v>
      </c>
      <c r="I29" s="8">
        <v>2025</v>
      </c>
      <c r="J29" t="s">
        <v>14</v>
      </c>
      <c r="K29" s="10"/>
      <c r="M29" s="10"/>
      <c r="N29">
        <v>35873</v>
      </c>
    </row>
    <row r="30" spans="1:14" hidden="1">
      <c r="A30" s="7" t="s">
        <v>10</v>
      </c>
      <c r="B30" s="8" t="s">
        <v>17</v>
      </c>
      <c r="D30" t="s">
        <v>77</v>
      </c>
      <c r="E30" s="9" t="s">
        <v>12</v>
      </c>
      <c r="F30" t="s">
        <v>13</v>
      </c>
      <c r="G30" t="s">
        <v>78</v>
      </c>
      <c r="H30" t="s">
        <v>13</v>
      </c>
      <c r="I30" s="8">
        <v>2026</v>
      </c>
      <c r="J30" t="s">
        <v>14</v>
      </c>
      <c r="K30" s="10"/>
      <c r="M30" s="10"/>
      <c r="N30">
        <v>35873</v>
      </c>
    </row>
    <row r="31" spans="1:14" hidden="1">
      <c r="A31" s="7" t="s">
        <v>10</v>
      </c>
      <c r="B31" s="8" t="s">
        <v>17</v>
      </c>
      <c r="D31" t="s">
        <v>77</v>
      </c>
      <c r="E31" s="9" t="s">
        <v>12</v>
      </c>
      <c r="F31" t="s">
        <v>13</v>
      </c>
      <c r="G31" t="s">
        <v>78</v>
      </c>
      <c r="H31" t="s">
        <v>13</v>
      </c>
      <c r="I31" s="8">
        <v>2027</v>
      </c>
      <c r="J31" t="s">
        <v>14</v>
      </c>
      <c r="K31" s="10"/>
      <c r="M31" s="10"/>
      <c r="N31">
        <v>35873</v>
      </c>
    </row>
    <row r="32" spans="1:14" hidden="1">
      <c r="A32" s="7" t="s">
        <v>10</v>
      </c>
      <c r="B32" s="8" t="s">
        <v>17</v>
      </c>
      <c r="D32" t="s">
        <v>77</v>
      </c>
      <c r="E32" s="9" t="s">
        <v>12</v>
      </c>
      <c r="F32" t="s">
        <v>13</v>
      </c>
      <c r="G32" t="s">
        <v>78</v>
      </c>
      <c r="H32" t="s">
        <v>13</v>
      </c>
      <c r="I32" s="8">
        <v>2028</v>
      </c>
      <c r="J32" t="s">
        <v>14</v>
      </c>
      <c r="K32" s="10"/>
      <c r="M32" s="10"/>
      <c r="N32">
        <v>35873</v>
      </c>
    </row>
    <row r="33" spans="1:14" hidden="1">
      <c r="A33" s="7" t="s">
        <v>10</v>
      </c>
      <c r="B33" s="8" t="s">
        <v>17</v>
      </c>
      <c r="D33" t="s">
        <v>77</v>
      </c>
      <c r="E33" s="9" t="s">
        <v>12</v>
      </c>
      <c r="F33" t="s">
        <v>13</v>
      </c>
      <c r="G33" t="s">
        <v>78</v>
      </c>
      <c r="H33" t="s">
        <v>13</v>
      </c>
      <c r="I33" s="8">
        <v>2029</v>
      </c>
      <c r="J33" t="s">
        <v>14</v>
      </c>
      <c r="K33" s="10"/>
      <c r="M33" s="10"/>
      <c r="N33">
        <v>35873</v>
      </c>
    </row>
    <row r="34" spans="1:14" hidden="1">
      <c r="A34" s="7" t="s">
        <v>10</v>
      </c>
      <c r="B34" s="8" t="s">
        <v>17</v>
      </c>
      <c r="D34" t="s">
        <v>77</v>
      </c>
      <c r="E34" s="9" t="s">
        <v>12</v>
      </c>
      <c r="F34" t="s">
        <v>13</v>
      </c>
      <c r="G34" t="s">
        <v>78</v>
      </c>
      <c r="H34" t="s">
        <v>13</v>
      </c>
      <c r="I34" s="8">
        <v>2030</v>
      </c>
      <c r="J34" t="s">
        <v>14</v>
      </c>
      <c r="K34" s="10"/>
      <c r="M34" s="10"/>
      <c r="N34">
        <v>35873</v>
      </c>
    </row>
    <row r="35" spans="1:14" hidden="1">
      <c r="A35" s="7" t="s">
        <v>10</v>
      </c>
      <c r="B35" s="8" t="s">
        <v>17</v>
      </c>
      <c r="D35" t="s">
        <v>77</v>
      </c>
      <c r="E35" s="9" t="s">
        <v>12</v>
      </c>
      <c r="F35" t="s">
        <v>13</v>
      </c>
      <c r="G35" t="s">
        <v>78</v>
      </c>
      <c r="H35" t="s">
        <v>13</v>
      </c>
      <c r="I35" s="8">
        <v>2031</v>
      </c>
      <c r="J35" t="s">
        <v>14</v>
      </c>
      <c r="K35" s="10"/>
      <c r="M35" s="10"/>
      <c r="N35">
        <v>35873</v>
      </c>
    </row>
    <row r="36" spans="1:14" hidden="1">
      <c r="A36" s="7" t="s">
        <v>10</v>
      </c>
      <c r="B36" s="8" t="s">
        <v>17</v>
      </c>
      <c r="D36" t="s">
        <v>77</v>
      </c>
      <c r="E36" s="9" t="s">
        <v>12</v>
      </c>
      <c r="F36" t="s">
        <v>13</v>
      </c>
      <c r="G36" t="s">
        <v>78</v>
      </c>
      <c r="H36" t="s">
        <v>13</v>
      </c>
      <c r="I36" s="8">
        <v>2032</v>
      </c>
      <c r="J36" t="s">
        <v>14</v>
      </c>
      <c r="K36" s="10"/>
      <c r="M36" s="10"/>
      <c r="N36">
        <v>35873</v>
      </c>
    </row>
    <row r="37" spans="1:14" hidden="1">
      <c r="A37" s="7" t="s">
        <v>10</v>
      </c>
      <c r="B37" s="8" t="s">
        <v>17</v>
      </c>
      <c r="D37" t="s">
        <v>77</v>
      </c>
      <c r="E37" s="9" t="s">
        <v>12</v>
      </c>
      <c r="F37" t="s">
        <v>13</v>
      </c>
      <c r="G37" t="s">
        <v>78</v>
      </c>
      <c r="H37" t="s">
        <v>13</v>
      </c>
      <c r="I37" s="8">
        <v>2033</v>
      </c>
      <c r="J37" t="s">
        <v>14</v>
      </c>
      <c r="K37" s="10"/>
      <c r="M37" s="10"/>
      <c r="N37">
        <v>35873</v>
      </c>
    </row>
    <row r="38" spans="1:14">
      <c r="A38" s="7" t="s">
        <v>10</v>
      </c>
      <c r="B38" s="8" t="s">
        <v>18</v>
      </c>
      <c r="D38" t="s">
        <v>77</v>
      </c>
      <c r="E38" s="9" t="s">
        <v>12</v>
      </c>
      <c r="F38" t="s">
        <v>13</v>
      </c>
      <c r="G38" t="s">
        <v>78</v>
      </c>
      <c r="H38" t="s">
        <v>13</v>
      </c>
      <c r="I38" s="8">
        <v>2025</v>
      </c>
      <c r="J38" t="s">
        <v>14</v>
      </c>
      <c r="K38" s="10"/>
      <c r="M38" s="10"/>
      <c r="N38">
        <v>46444</v>
      </c>
    </row>
    <row r="39" spans="1:14" hidden="1">
      <c r="A39" s="7" t="s">
        <v>10</v>
      </c>
      <c r="B39" s="8" t="s">
        <v>18</v>
      </c>
      <c r="D39" t="s">
        <v>77</v>
      </c>
      <c r="E39" s="9" t="s">
        <v>12</v>
      </c>
      <c r="F39" t="s">
        <v>13</v>
      </c>
      <c r="G39" t="s">
        <v>78</v>
      </c>
      <c r="H39" t="s">
        <v>13</v>
      </c>
      <c r="I39" s="8">
        <v>2026</v>
      </c>
      <c r="J39" t="s">
        <v>14</v>
      </c>
      <c r="K39" s="10"/>
      <c r="M39" s="10"/>
      <c r="N39">
        <v>46444</v>
      </c>
    </row>
    <row r="40" spans="1:14" hidden="1">
      <c r="A40" s="7" t="s">
        <v>10</v>
      </c>
      <c r="B40" s="8" t="s">
        <v>18</v>
      </c>
      <c r="D40" t="s">
        <v>77</v>
      </c>
      <c r="E40" s="9" t="s">
        <v>12</v>
      </c>
      <c r="F40" t="s">
        <v>13</v>
      </c>
      <c r="G40" t="s">
        <v>78</v>
      </c>
      <c r="H40" t="s">
        <v>13</v>
      </c>
      <c r="I40" s="8">
        <v>2027</v>
      </c>
      <c r="J40" t="s">
        <v>14</v>
      </c>
      <c r="K40" s="10"/>
      <c r="M40" s="10"/>
      <c r="N40">
        <v>46444</v>
      </c>
    </row>
    <row r="41" spans="1:14" hidden="1">
      <c r="A41" s="7" t="s">
        <v>10</v>
      </c>
      <c r="B41" s="8" t="s">
        <v>18</v>
      </c>
      <c r="D41" t="s">
        <v>77</v>
      </c>
      <c r="E41" s="9" t="s">
        <v>12</v>
      </c>
      <c r="F41" t="s">
        <v>13</v>
      </c>
      <c r="G41" t="s">
        <v>78</v>
      </c>
      <c r="H41" t="s">
        <v>13</v>
      </c>
      <c r="I41" s="8">
        <v>2028</v>
      </c>
      <c r="J41" t="s">
        <v>14</v>
      </c>
      <c r="K41" s="10"/>
      <c r="M41" s="10"/>
      <c r="N41">
        <v>46444</v>
      </c>
    </row>
    <row r="42" spans="1:14" hidden="1">
      <c r="A42" s="7" t="s">
        <v>10</v>
      </c>
      <c r="B42" s="8" t="s">
        <v>18</v>
      </c>
      <c r="D42" t="s">
        <v>77</v>
      </c>
      <c r="E42" s="9" t="s">
        <v>12</v>
      </c>
      <c r="F42" t="s">
        <v>13</v>
      </c>
      <c r="G42" t="s">
        <v>78</v>
      </c>
      <c r="H42" t="s">
        <v>13</v>
      </c>
      <c r="I42" s="8">
        <v>2029</v>
      </c>
      <c r="J42" t="s">
        <v>14</v>
      </c>
      <c r="K42" s="10"/>
      <c r="M42" s="10"/>
      <c r="N42">
        <v>46444</v>
      </c>
    </row>
    <row r="43" spans="1:14" hidden="1">
      <c r="A43" s="7" t="s">
        <v>10</v>
      </c>
      <c r="B43" s="8" t="s">
        <v>18</v>
      </c>
      <c r="D43" t="s">
        <v>77</v>
      </c>
      <c r="E43" s="9" t="s">
        <v>12</v>
      </c>
      <c r="F43" t="s">
        <v>13</v>
      </c>
      <c r="G43" t="s">
        <v>78</v>
      </c>
      <c r="H43" t="s">
        <v>13</v>
      </c>
      <c r="I43" s="8">
        <v>2030</v>
      </c>
      <c r="J43" t="s">
        <v>14</v>
      </c>
      <c r="K43" s="10"/>
      <c r="M43" s="10"/>
      <c r="N43">
        <v>46444</v>
      </c>
    </row>
    <row r="44" spans="1:14" hidden="1">
      <c r="A44" s="7" t="s">
        <v>10</v>
      </c>
      <c r="B44" s="8" t="s">
        <v>18</v>
      </c>
      <c r="D44" t="s">
        <v>77</v>
      </c>
      <c r="E44" s="9" t="s">
        <v>12</v>
      </c>
      <c r="F44" t="s">
        <v>13</v>
      </c>
      <c r="G44" t="s">
        <v>78</v>
      </c>
      <c r="H44" t="s">
        <v>13</v>
      </c>
      <c r="I44" s="8">
        <v>2031</v>
      </c>
      <c r="J44" t="s">
        <v>14</v>
      </c>
      <c r="K44" s="10"/>
      <c r="M44" s="10"/>
      <c r="N44">
        <v>46444</v>
      </c>
    </row>
    <row r="45" spans="1:14" hidden="1">
      <c r="A45" s="7" t="s">
        <v>10</v>
      </c>
      <c r="B45" s="8" t="s">
        <v>18</v>
      </c>
      <c r="D45" t="s">
        <v>77</v>
      </c>
      <c r="E45" s="9" t="s">
        <v>12</v>
      </c>
      <c r="F45" t="s">
        <v>13</v>
      </c>
      <c r="G45" t="s">
        <v>78</v>
      </c>
      <c r="H45" t="s">
        <v>13</v>
      </c>
      <c r="I45" s="8">
        <v>2032</v>
      </c>
      <c r="J45" t="s">
        <v>14</v>
      </c>
      <c r="K45" s="10"/>
      <c r="M45" s="10"/>
      <c r="N45">
        <v>46444</v>
      </c>
    </row>
    <row r="46" spans="1:14" hidden="1">
      <c r="A46" s="7" t="s">
        <v>10</v>
      </c>
      <c r="B46" s="8" t="s">
        <v>18</v>
      </c>
      <c r="D46" t="s">
        <v>77</v>
      </c>
      <c r="E46" s="9" t="s">
        <v>12</v>
      </c>
      <c r="F46" t="s">
        <v>13</v>
      </c>
      <c r="G46" t="s">
        <v>78</v>
      </c>
      <c r="H46" t="s">
        <v>13</v>
      </c>
      <c r="I46" s="8">
        <v>2033</v>
      </c>
      <c r="J46" t="s">
        <v>14</v>
      </c>
      <c r="K46" s="10"/>
      <c r="M46" s="10"/>
      <c r="N46">
        <v>46444</v>
      </c>
    </row>
    <row r="47" spans="1:14">
      <c r="A47" s="7" t="s">
        <v>10</v>
      </c>
      <c r="B47" s="8" t="s">
        <v>18</v>
      </c>
      <c r="D47" t="s">
        <v>77</v>
      </c>
      <c r="E47" s="9" t="s">
        <v>12</v>
      </c>
      <c r="F47" t="s">
        <v>13</v>
      </c>
      <c r="G47" t="s">
        <v>79</v>
      </c>
      <c r="H47" t="s">
        <v>13</v>
      </c>
      <c r="I47" s="8">
        <v>2025</v>
      </c>
      <c r="J47" t="s">
        <v>15</v>
      </c>
      <c r="K47" s="10"/>
      <c r="M47" s="10"/>
      <c r="N47">
        <v>10800</v>
      </c>
    </row>
    <row r="48" spans="1:14" hidden="1">
      <c r="A48" s="7" t="s">
        <v>10</v>
      </c>
      <c r="B48" s="8" t="s">
        <v>18</v>
      </c>
      <c r="D48" t="s">
        <v>77</v>
      </c>
      <c r="E48" s="9" t="s">
        <v>12</v>
      </c>
      <c r="F48" t="s">
        <v>13</v>
      </c>
      <c r="G48" t="s">
        <v>79</v>
      </c>
      <c r="H48" t="s">
        <v>13</v>
      </c>
      <c r="I48" s="8">
        <v>2026</v>
      </c>
      <c r="J48" t="s">
        <v>15</v>
      </c>
      <c r="K48" s="10"/>
      <c r="M48" s="10"/>
      <c r="N48">
        <v>10800</v>
      </c>
    </row>
    <row r="49" spans="1:14" hidden="1">
      <c r="A49" s="7" t="s">
        <v>10</v>
      </c>
      <c r="B49" s="8" t="s">
        <v>18</v>
      </c>
      <c r="D49" t="s">
        <v>77</v>
      </c>
      <c r="E49" s="9" t="s">
        <v>12</v>
      </c>
      <c r="F49" t="s">
        <v>13</v>
      </c>
      <c r="G49" t="s">
        <v>79</v>
      </c>
      <c r="H49" t="s">
        <v>13</v>
      </c>
      <c r="I49" s="8">
        <v>2027</v>
      </c>
      <c r="J49" t="s">
        <v>15</v>
      </c>
      <c r="K49" s="10"/>
      <c r="M49" s="10"/>
      <c r="N49">
        <v>10800</v>
      </c>
    </row>
    <row r="50" spans="1:14" hidden="1">
      <c r="A50" s="7" t="s">
        <v>10</v>
      </c>
      <c r="B50" s="8" t="s">
        <v>18</v>
      </c>
      <c r="D50" t="s">
        <v>77</v>
      </c>
      <c r="E50" s="9" t="s">
        <v>12</v>
      </c>
      <c r="F50" t="s">
        <v>13</v>
      </c>
      <c r="G50" t="s">
        <v>79</v>
      </c>
      <c r="H50" t="s">
        <v>13</v>
      </c>
      <c r="I50" s="8">
        <v>2028</v>
      </c>
      <c r="J50" t="s">
        <v>15</v>
      </c>
      <c r="K50" s="10"/>
      <c r="M50" s="10"/>
      <c r="N50">
        <v>10800</v>
      </c>
    </row>
    <row r="51" spans="1:14" hidden="1">
      <c r="A51" s="7" t="s">
        <v>10</v>
      </c>
      <c r="B51" s="8" t="s">
        <v>18</v>
      </c>
      <c r="D51" t="s">
        <v>77</v>
      </c>
      <c r="E51" s="9" t="s">
        <v>12</v>
      </c>
      <c r="F51" t="s">
        <v>13</v>
      </c>
      <c r="G51" t="s">
        <v>79</v>
      </c>
      <c r="H51" t="s">
        <v>13</v>
      </c>
      <c r="I51" s="8">
        <v>2029</v>
      </c>
      <c r="J51" t="s">
        <v>15</v>
      </c>
      <c r="K51" s="10"/>
      <c r="M51" s="10"/>
      <c r="N51">
        <v>10800</v>
      </c>
    </row>
    <row r="52" spans="1:14" hidden="1">
      <c r="A52" s="7" t="s">
        <v>10</v>
      </c>
      <c r="B52" s="8" t="s">
        <v>18</v>
      </c>
      <c r="D52" t="s">
        <v>77</v>
      </c>
      <c r="E52" s="9" t="s">
        <v>12</v>
      </c>
      <c r="F52" t="s">
        <v>13</v>
      </c>
      <c r="G52" t="s">
        <v>79</v>
      </c>
      <c r="H52" t="s">
        <v>13</v>
      </c>
      <c r="I52" s="8">
        <v>2030</v>
      </c>
      <c r="J52" t="s">
        <v>15</v>
      </c>
      <c r="K52" s="10"/>
      <c r="M52" s="10"/>
      <c r="N52">
        <v>10800</v>
      </c>
    </row>
    <row r="53" spans="1:14" hidden="1">
      <c r="A53" s="7" t="s">
        <v>10</v>
      </c>
      <c r="B53" s="8" t="s">
        <v>18</v>
      </c>
      <c r="D53" t="s">
        <v>77</v>
      </c>
      <c r="E53" s="9" t="s">
        <v>12</v>
      </c>
      <c r="F53" t="s">
        <v>13</v>
      </c>
      <c r="G53" t="s">
        <v>79</v>
      </c>
      <c r="H53" t="s">
        <v>13</v>
      </c>
      <c r="I53" s="8">
        <v>2031</v>
      </c>
      <c r="J53" t="s">
        <v>15</v>
      </c>
      <c r="K53" s="10"/>
      <c r="M53" s="10"/>
      <c r="N53">
        <v>10800</v>
      </c>
    </row>
    <row r="54" spans="1:14" hidden="1">
      <c r="A54" s="7" t="s">
        <v>10</v>
      </c>
      <c r="B54" s="8" t="s">
        <v>18</v>
      </c>
      <c r="D54" t="s">
        <v>77</v>
      </c>
      <c r="E54" s="9" t="s">
        <v>12</v>
      </c>
      <c r="F54" t="s">
        <v>13</v>
      </c>
      <c r="G54" t="s">
        <v>79</v>
      </c>
      <c r="H54" t="s">
        <v>13</v>
      </c>
      <c r="I54" s="8">
        <v>2032</v>
      </c>
      <c r="J54" t="s">
        <v>15</v>
      </c>
      <c r="K54" s="10"/>
      <c r="M54" s="10"/>
      <c r="N54">
        <v>10800</v>
      </c>
    </row>
    <row r="55" spans="1:14" hidden="1">
      <c r="A55" s="7" t="s">
        <v>10</v>
      </c>
      <c r="B55" s="8" t="s">
        <v>18</v>
      </c>
      <c r="D55" t="s">
        <v>77</v>
      </c>
      <c r="E55" s="9" t="s">
        <v>12</v>
      </c>
      <c r="F55" t="s">
        <v>13</v>
      </c>
      <c r="G55" t="s">
        <v>79</v>
      </c>
      <c r="H55" t="s">
        <v>13</v>
      </c>
      <c r="I55" s="8">
        <v>2033</v>
      </c>
      <c r="J55" t="s">
        <v>15</v>
      </c>
      <c r="K55" s="10"/>
      <c r="M55" s="10"/>
      <c r="N55">
        <v>10800</v>
      </c>
    </row>
    <row r="56" spans="1:14">
      <c r="A56" s="7" t="s">
        <v>10</v>
      </c>
      <c r="B56" s="8" t="s">
        <v>18</v>
      </c>
      <c r="D56" t="s">
        <v>77</v>
      </c>
      <c r="E56" s="9" t="s">
        <v>12</v>
      </c>
      <c r="F56" t="s">
        <v>13</v>
      </c>
      <c r="G56" t="s">
        <v>19</v>
      </c>
      <c r="H56" t="s">
        <v>13</v>
      </c>
      <c r="I56" s="8">
        <v>2025</v>
      </c>
      <c r="J56" t="s">
        <v>19</v>
      </c>
      <c r="K56" s="10"/>
      <c r="M56" s="10"/>
      <c r="N56">
        <v>1340</v>
      </c>
    </row>
    <row r="57" spans="1:14" hidden="1">
      <c r="A57" s="7" t="s">
        <v>10</v>
      </c>
      <c r="B57" s="8" t="s">
        <v>18</v>
      </c>
      <c r="D57" t="s">
        <v>77</v>
      </c>
      <c r="E57" s="9" t="s">
        <v>12</v>
      </c>
      <c r="F57" t="s">
        <v>13</v>
      </c>
      <c r="G57" t="s">
        <v>19</v>
      </c>
      <c r="H57" t="s">
        <v>13</v>
      </c>
      <c r="I57" s="8">
        <v>2026</v>
      </c>
      <c r="J57" t="s">
        <v>19</v>
      </c>
      <c r="K57" s="10"/>
      <c r="M57" s="10"/>
      <c r="N57">
        <v>1340</v>
      </c>
    </row>
    <row r="58" spans="1:14" hidden="1">
      <c r="A58" s="7" t="s">
        <v>10</v>
      </c>
      <c r="B58" s="8" t="s">
        <v>18</v>
      </c>
      <c r="D58" t="s">
        <v>77</v>
      </c>
      <c r="E58" s="9" t="s">
        <v>12</v>
      </c>
      <c r="F58" t="s">
        <v>13</v>
      </c>
      <c r="G58" t="s">
        <v>19</v>
      </c>
      <c r="H58" t="s">
        <v>13</v>
      </c>
      <c r="I58" s="8">
        <v>2027</v>
      </c>
      <c r="J58" t="s">
        <v>19</v>
      </c>
      <c r="K58" s="10"/>
      <c r="M58" s="10"/>
      <c r="N58">
        <v>1340</v>
      </c>
    </row>
    <row r="59" spans="1:14" hidden="1">
      <c r="A59" s="7" t="s">
        <v>10</v>
      </c>
      <c r="B59" s="8" t="s">
        <v>18</v>
      </c>
      <c r="D59" t="s">
        <v>77</v>
      </c>
      <c r="E59" s="9" t="s">
        <v>12</v>
      </c>
      <c r="F59" t="s">
        <v>13</v>
      </c>
      <c r="G59" t="s">
        <v>19</v>
      </c>
      <c r="H59" t="s">
        <v>13</v>
      </c>
      <c r="I59" s="8">
        <v>2028</v>
      </c>
      <c r="J59" t="s">
        <v>19</v>
      </c>
      <c r="K59" s="10"/>
      <c r="M59" s="10"/>
      <c r="N59">
        <v>1340</v>
      </c>
    </row>
    <row r="60" spans="1:14" hidden="1">
      <c r="A60" s="7" t="s">
        <v>10</v>
      </c>
      <c r="B60" s="8" t="s">
        <v>18</v>
      </c>
      <c r="D60" t="s">
        <v>77</v>
      </c>
      <c r="E60" s="9" t="s">
        <v>12</v>
      </c>
      <c r="F60" t="s">
        <v>13</v>
      </c>
      <c r="G60" t="s">
        <v>19</v>
      </c>
      <c r="H60" t="s">
        <v>13</v>
      </c>
      <c r="I60" s="8">
        <v>2029</v>
      </c>
      <c r="J60" t="s">
        <v>19</v>
      </c>
      <c r="K60" s="10"/>
      <c r="M60" s="10"/>
      <c r="N60">
        <v>1340</v>
      </c>
    </row>
    <row r="61" spans="1:14" hidden="1">
      <c r="A61" s="7" t="s">
        <v>10</v>
      </c>
      <c r="B61" s="8" t="s">
        <v>18</v>
      </c>
      <c r="D61" t="s">
        <v>77</v>
      </c>
      <c r="E61" s="9" t="s">
        <v>12</v>
      </c>
      <c r="F61" t="s">
        <v>13</v>
      </c>
      <c r="G61" t="s">
        <v>19</v>
      </c>
      <c r="H61" t="s">
        <v>13</v>
      </c>
      <c r="I61" s="8">
        <v>2030</v>
      </c>
      <c r="J61" t="s">
        <v>19</v>
      </c>
      <c r="K61" s="10"/>
      <c r="M61" s="10"/>
      <c r="N61">
        <v>1340</v>
      </c>
    </row>
    <row r="62" spans="1:14" hidden="1">
      <c r="A62" s="7" t="s">
        <v>10</v>
      </c>
      <c r="B62" s="8" t="s">
        <v>18</v>
      </c>
      <c r="D62" t="s">
        <v>77</v>
      </c>
      <c r="E62" s="9" t="s">
        <v>12</v>
      </c>
      <c r="F62" t="s">
        <v>13</v>
      </c>
      <c r="G62" t="s">
        <v>19</v>
      </c>
      <c r="H62" t="s">
        <v>13</v>
      </c>
      <c r="I62" s="8">
        <v>2031</v>
      </c>
      <c r="J62" t="s">
        <v>19</v>
      </c>
      <c r="K62" s="10"/>
      <c r="M62" s="10"/>
      <c r="N62">
        <v>1340</v>
      </c>
    </row>
    <row r="63" spans="1:14" hidden="1">
      <c r="A63" s="7" t="s">
        <v>10</v>
      </c>
      <c r="B63" s="8" t="s">
        <v>18</v>
      </c>
      <c r="D63" t="s">
        <v>77</v>
      </c>
      <c r="E63" s="9" t="s">
        <v>12</v>
      </c>
      <c r="F63" t="s">
        <v>13</v>
      </c>
      <c r="G63" t="s">
        <v>19</v>
      </c>
      <c r="H63" t="s">
        <v>13</v>
      </c>
      <c r="I63" s="8">
        <v>2032</v>
      </c>
      <c r="J63" t="s">
        <v>19</v>
      </c>
      <c r="K63" s="10"/>
      <c r="M63" s="10"/>
      <c r="N63">
        <v>1340</v>
      </c>
    </row>
    <row r="64" spans="1:14" hidden="1">
      <c r="A64" s="7" t="s">
        <v>10</v>
      </c>
      <c r="B64" s="8" t="s">
        <v>18</v>
      </c>
      <c r="D64" t="s">
        <v>77</v>
      </c>
      <c r="E64" s="9" t="s">
        <v>12</v>
      </c>
      <c r="F64" t="s">
        <v>13</v>
      </c>
      <c r="G64" t="s">
        <v>19</v>
      </c>
      <c r="H64" t="s">
        <v>13</v>
      </c>
      <c r="I64" s="8">
        <v>2033</v>
      </c>
      <c r="J64" t="s">
        <v>19</v>
      </c>
      <c r="K64" s="10"/>
      <c r="M64" s="10"/>
      <c r="N64">
        <v>1340</v>
      </c>
    </row>
    <row r="65" spans="1:14">
      <c r="A65" s="7" t="s">
        <v>10</v>
      </c>
      <c r="B65" s="8" t="s">
        <v>20</v>
      </c>
      <c r="D65" t="s">
        <v>77</v>
      </c>
      <c r="E65" s="9" t="s">
        <v>12</v>
      </c>
      <c r="F65" t="s">
        <v>13</v>
      </c>
      <c r="G65" t="s">
        <v>78</v>
      </c>
      <c r="H65" t="s">
        <v>13</v>
      </c>
      <c r="I65" s="8">
        <v>2025</v>
      </c>
      <c r="J65" t="s">
        <v>14</v>
      </c>
      <c r="K65" s="10"/>
      <c r="M65" s="10"/>
      <c r="N65">
        <v>1024</v>
      </c>
    </row>
    <row r="66" spans="1:14" hidden="1">
      <c r="A66" s="7" t="s">
        <v>10</v>
      </c>
      <c r="B66" s="8" t="s">
        <v>20</v>
      </c>
      <c r="D66" t="s">
        <v>77</v>
      </c>
      <c r="E66" s="9" t="s">
        <v>12</v>
      </c>
      <c r="F66" t="s">
        <v>13</v>
      </c>
      <c r="G66" t="s">
        <v>78</v>
      </c>
      <c r="H66" t="s">
        <v>13</v>
      </c>
      <c r="I66" s="8">
        <v>2026</v>
      </c>
      <c r="J66" t="s">
        <v>14</v>
      </c>
      <c r="K66" s="10"/>
      <c r="M66" s="10"/>
      <c r="N66">
        <v>1024</v>
      </c>
    </row>
    <row r="67" spans="1:14" hidden="1">
      <c r="A67" s="7" t="s">
        <v>10</v>
      </c>
      <c r="B67" s="8" t="s">
        <v>20</v>
      </c>
      <c r="D67" t="s">
        <v>77</v>
      </c>
      <c r="E67" s="9" t="s">
        <v>12</v>
      </c>
      <c r="F67" t="s">
        <v>13</v>
      </c>
      <c r="G67" t="s">
        <v>78</v>
      </c>
      <c r="H67" t="s">
        <v>13</v>
      </c>
      <c r="I67" s="8">
        <v>2027</v>
      </c>
      <c r="J67" t="s">
        <v>14</v>
      </c>
      <c r="K67" s="10"/>
      <c r="M67" s="10"/>
      <c r="N67">
        <v>1024</v>
      </c>
    </row>
    <row r="68" spans="1:14" hidden="1">
      <c r="A68" s="7" t="s">
        <v>10</v>
      </c>
      <c r="B68" s="8" t="s">
        <v>20</v>
      </c>
      <c r="D68" t="s">
        <v>77</v>
      </c>
      <c r="E68" s="9" t="s">
        <v>12</v>
      </c>
      <c r="F68" t="s">
        <v>13</v>
      </c>
      <c r="G68" t="s">
        <v>78</v>
      </c>
      <c r="H68" t="s">
        <v>13</v>
      </c>
      <c r="I68" s="8">
        <v>2028</v>
      </c>
      <c r="J68" t="s">
        <v>14</v>
      </c>
      <c r="K68" s="10"/>
      <c r="M68" s="10"/>
      <c r="N68">
        <v>1024</v>
      </c>
    </row>
    <row r="69" spans="1:14" hidden="1">
      <c r="A69" s="7" t="s">
        <v>10</v>
      </c>
      <c r="B69" s="8" t="s">
        <v>20</v>
      </c>
      <c r="D69" t="s">
        <v>77</v>
      </c>
      <c r="E69" s="9" t="s">
        <v>12</v>
      </c>
      <c r="F69" t="s">
        <v>13</v>
      </c>
      <c r="G69" t="s">
        <v>78</v>
      </c>
      <c r="H69" t="s">
        <v>13</v>
      </c>
      <c r="I69" s="8">
        <v>2029</v>
      </c>
      <c r="J69" t="s">
        <v>14</v>
      </c>
      <c r="K69" s="10"/>
      <c r="M69" s="10"/>
      <c r="N69">
        <v>1024</v>
      </c>
    </row>
    <row r="70" spans="1:14" hidden="1">
      <c r="A70" s="7" t="s">
        <v>10</v>
      </c>
      <c r="B70" s="8" t="s">
        <v>20</v>
      </c>
      <c r="D70" t="s">
        <v>77</v>
      </c>
      <c r="E70" s="9" t="s">
        <v>12</v>
      </c>
      <c r="F70" t="s">
        <v>13</v>
      </c>
      <c r="G70" t="s">
        <v>78</v>
      </c>
      <c r="H70" t="s">
        <v>13</v>
      </c>
      <c r="I70" s="8">
        <v>2030</v>
      </c>
      <c r="J70" t="s">
        <v>14</v>
      </c>
      <c r="K70" s="10"/>
      <c r="M70" s="10"/>
      <c r="N70">
        <v>1024</v>
      </c>
    </row>
    <row r="71" spans="1:14" hidden="1">
      <c r="A71" s="7" t="s">
        <v>10</v>
      </c>
      <c r="B71" s="8" t="s">
        <v>20</v>
      </c>
      <c r="D71" t="s">
        <v>77</v>
      </c>
      <c r="E71" s="9" t="s">
        <v>12</v>
      </c>
      <c r="F71" t="s">
        <v>13</v>
      </c>
      <c r="G71" t="s">
        <v>78</v>
      </c>
      <c r="H71" t="s">
        <v>13</v>
      </c>
      <c r="I71" s="8">
        <v>2031</v>
      </c>
      <c r="J71" t="s">
        <v>14</v>
      </c>
      <c r="K71" s="10"/>
      <c r="M71" s="10"/>
      <c r="N71">
        <v>1024</v>
      </c>
    </row>
    <row r="72" spans="1:14" hidden="1">
      <c r="A72" s="7" t="s">
        <v>10</v>
      </c>
      <c r="B72" s="8" t="s">
        <v>20</v>
      </c>
      <c r="D72" t="s">
        <v>77</v>
      </c>
      <c r="E72" s="9" t="s">
        <v>12</v>
      </c>
      <c r="F72" t="s">
        <v>13</v>
      </c>
      <c r="G72" t="s">
        <v>78</v>
      </c>
      <c r="H72" t="s">
        <v>13</v>
      </c>
      <c r="I72" s="8">
        <v>2032</v>
      </c>
      <c r="J72" t="s">
        <v>14</v>
      </c>
      <c r="K72" s="10"/>
      <c r="M72" s="10"/>
      <c r="N72">
        <v>1024</v>
      </c>
    </row>
    <row r="73" spans="1:14" hidden="1">
      <c r="A73" s="7" t="s">
        <v>10</v>
      </c>
      <c r="B73" s="8" t="s">
        <v>20</v>
      </c>
      <c r="D73" t="s">
        <v>77</v>
      </c>
      <c r="E73" s="9" t="s">
        <v>12</v>
      </c>
      <c r="F73" t="s">
        <v>13</v>
      </c>
      <c r="G73" t="s">
        <v>78</v>
      </c>
      <c r="H73" t="s">
        <v>13</v>
      </c>
      <c r="I73" s="8">
        <v>2033</v>
      </c>
      <c r="J73" t="s">
        <v>14</v>
      </c>
      <c r="K73" s="10"/>
      <c r="M73" s="10"/>
      <c r="N73">
        <v>1024</v>
      </c>
    </row>
    <row r="74" spans="1:14">
      <c r="A74" s="7" t="s">
        <v>10</v>
      </c>
      <c r="B74" s="8" t="s">
        <v>20</v>
      </c>
      <c r="D74" t="s">
        <v>77</v>
      </c>
      <c r="E74" s="9" t="s">
        <v>12</v>
      </c>
      <c r="F74" t="s">
        <v>13</v>
      </c>
      <c r="G74" t="s">
        <v>78</v>
      </c>
      <c r="H74" t="s">
        <v>13</v>
      </c>
      <c r="I74" s="8">
        <v>2025</v>
      </c>
      <c r="J74" t="s">
        <v>21</v>
      </c>
      <c r="K74" s="10"/>
      <c r="M74" s="10"/>
      <c r="N74">
        <v>8976</v>
      </c>
    </row>
    <row r="75" spans="1:14" hidden="1">
      <c r="A75" s="7" t="s">
        <v>10</v>
      </c>
      <c r="B75" s="8" t="s">
        <v>20</v>
      </c>
      <c r="D75" t="s">
        <v>77</v>
      </c>
      <c r="E75" s="9" t="s">
        <v>12</v>
      </c>
      <c r="F75" t="s">
        <v>13</v>
      </c>
      <c r="G75" t="s">
        <v>78</v>
      </c>
      <c r="H75" t="s">
        <v>13</v>
      </c>
      <c r="I75" s="8">
        <v>2026</v>
      </c>
      <c r="J75" t="s">
        <v>21</v>
      </c>
      <c r="K75" s="10"/>
      <c r="M75" s="10"/>
      <c r="N75">
        <v>8976</v>
      </c>
    </row>
    <row r="76" spans="1:14" hidden="1">
      <c r="A76" s="7" t="s">
        <v>10</v>
      </c>
      <c r="B76" s="8" t="s">
        <v>20</v>
      </c>
      <c r="D76" t="s">
        <v>77</v>
      </c>
      <c r="E76" s="9" t="s">
        <v>12</v>
      </c>
      <c r="F76" t="s">
        <v>13</v>
      </c>
      <c r="G76" t="s">
        <v>78</v>
      </c>
      <c r="H76" t="s">
        <v>13</v>
      </c>
      <c r="I76" s="8">
        <v>2027</v>
      </c>
      <c r="J76" t="s">
        <v>21</v>
      </c>
      <c r="K76" s="10"/>
      <c r="M76" s="10"/>
      <c r="N76">
        <v>8976</v>
      </c>
    </row>
    <row r="77" spans="1:14" hidden="1">
      <c r="A77" s="7" t="s">
        <v>10</v>
      </c>
      <c r="B77" s="8" t="s">
        <v>20</v>
      </c>
      <c r="D77" t="s">
        <v>77</v>
      </c>
      <c r="E77" s="9" t="s">
        <v>12</v>
      </c>
      <c r="F77" t="s">
        <v>13</v>
      </c>
      <c r="G77" t="s">
        <v>78</v>
      </c>
      <c r="H77" t="s">
        <v>13</v>
      </c>
      <c r="I77" s="8">
        <v>2028</v>
      </c>
      <c r="J77" t="s">
        <v>21</v>
      </c>
      <c r="K77" s="10"/>
      <c r="M77" s="10"/>
      <c r="N77">
        <v>8976</v>
      </c>
    </row>
    <row r="78" spans="1:14" hidden="1">
      <c r="A78" s="7" t="s">
        <v>10</v>
      </c>
      <c r="B78" s="8" t="s">
        <v>20</v>
      </c>
      <c r="D78" t="s">
        <v>77</v>
      </c>
      <c r="E78" s="9" t="s">
        <v>12</v>
      </c>
      <c r="F78" t="s">
        <v>13</v>
      </c>
      <c r="G78" t="s">
        <v>78</v>
      </c>
      <c r="H78" t="s">
        <v>13</v>
      </c>
      <c r="I78" s="8">
        <v>2029</v>
      </c>
      <c r="J78" t="s">
        <v>21</v>
      </c>
      <c r="K78" s="10"/>
      <c r="M78" s="10"/>
      <c r="N78">
        <v>8976</v>
      </c>
    </row>
    <row r="79" spans="1:14" hidden="1">
      <c r="A79" s="7" t="s">
        <v>10</v>
      </c>
      <c r="B79" s="8" t="s">
        <v>20</v>
      </c>
      <c r="D79" t="s">
        <v>77</v>
      </c>
      <c r="E79" s="9" t="s">
        <v>12</v>
      </c>
      <c r="F79" t="s">
        <v>13</v>
      </c>
      <c r="G79" t="s">
        <v>78</v>
      </c>
      <c r="H79" t="s">
        <v>13</v>
      </c>
      <c r="I79" s="8">
        <v>2030</v>
      </c>
      <c r="J79" t="s">
        <v>21</v>
      </c>
      <c r="K79" s="10"/>
      <c r="M79" s="10"/>
      <c r="N79">
        <v>8976</v>
      </c>
    </row>
    <row r="80" spans="1:14" hidden="1">
      <c r="A80" s="7" t="s">
        <v>10</v>
      </c>
      <c r="B80" s="8" t="s">
        <v>20</v>
      </c>
      <c r="D80" t="s">
        <v>77</v>
      </c>
      <c r="E80" s="9" t="s">
        <v>12</v>
      </c>
      <c r="F80" t="s">
        <v>13</v>
      </c>
      <c r="G80" t="s">
        <v>78</v>
      </c>
      <c r="H80" t="s">
        <v>13</v>
      </c>
      <c r="I80" s="8">
        <v>2031</v>
      </c>
      <c r="J80" t="s">
        <v>21</v>
      </c>
      <c r="K80" s="10"/>
      <c r="M80" s="10"/>
      <c r="N80">
        <v>8976</v>
      </c>
    </row>
    <row r="81" spans="1:14" hidden="1">
      <c r="A81" s="7" t="s">
        <v>10</v>
      </c>
      <c r="B81" s="8" t="s">
        <v>20</v>
      </c>
      <c r="D81" t="s">
        <v>77</v>
      </c>
      <c r="E81" s="9" t="s">
        <v>12</v>
      </c>
      <c r="F81" t="s">
        <v>13</v>
      </c>
      <c r="G81" t="s">
        <v>78</v>
      </c>
      <c r="H81" t="s">
        <v>13</v>
      </c>
      <c r="I81" s="8">
        <v>2032</v>
      </c>
      <c r="J81" t="s">
        <v>21</v>
      </c>
      <c r="K81" s="10"/>
      <c r="M81" s="10"/>
      <c r="N81">
        <v>8976</v>
      </c>
    </row>
    <row r="82" spans="1:14" hidden="1">
      <c r="A82" s="7" t="s">
        <v>10</v>
      </c>
      <c r="B82" s="8" t="s">
        <v>20</v>
      </c>
      <c r="D82" t="s">
        <v>77</v>
      </c>
      <c r="E82" s="9" t="s">
        <v>12</v>
      </c>
      <c r="F82" t="s">
        <v>13</v>
      </c>
      <c r="G82" t="s">
        <v>78</v>
      </c>
      <c r="H82" t="s">
        <v>13</v>
      </c>
      <c r="I82" s="8">
        <v>2033</v>
      </c>
      <c r="J82" t="s">
        <v>21</v>
      </c>
      <c r="K82" s="10"/>
      <c r="M82" s="10"/>
      <c r="N82">
        <v>8976</v>
      </c>
    </row>
    <row r="83" spans="1:14">
      <c r="A83" s="7" t="s">
        <v>10</v>
      </c>
      <c r="B83" s="8" t="s">
        <v>22</v>
      </c>
      <c r="D83" t="s">
        <v>77</v>
      </c>
      <c r="E83" s="9" t="s">
        <v>12</v>
      </c>
      <c r="F83" t="s">
        <v>13</v>
      </c>
      <c r="G83" t="s">
        <v>79</v>
      </c>
      <c r="H83" t="s">
        <v>13</v>
      </c>
      <c r="I83" s="8">
        <v>2025</v>
      </c>
      <c r="J83" t="s">
        <v>15</v>
      </c>
      <c r="K83" s="10"/>
      <c r="M83" s="10"/>
      <c r="N83">
        <v>0</v>
      </c>
    </row>
    <row r="84" spans="1:14" hidden="1">
      <c r="A84" s="7" t="s">
        <v>10</v>
      </c>
      <c r="B84" s="8" t="s">
        <v>22</v>
      </c>
      <c r="D84" t="s">
        <v>77</v>
      </c>
      <c r="E84" s="9" t="s">
        <v>12</v>
      </c>
      <c r="F84" t="s">
        <v>13</v>
      </c>
      <c r="G84" t="s">
        <v>78</v>
      </c>
      <c r="H84" t="s">
        <v>13</v>
      </c>
      <c r="I84" s="8">
        <v>2026</v>
      </c>
      <c r="J84" t="s">
        <v>14</v>
      </c>
      <c r="K84" s="10"/>
      <c r="M84" s="10"/>
      <c r="N84">
        <v>0</v>
      </c>
    </row>
    <row r="85" spans="1:14" hidden="1">
      <c r="A85" s="7" t="s">
        <v>10</v>
      </c>
      <c r="B85" s="8" t="s">
        <v>23</v>
      </c>
      <c r="D85" t="s">
        <v>77</v>
      </c>
      <c r="E85" s="9" t="s">
        <v>24</v>
      </c>
      <c r="F85" t="s">
        <v>13</v>
      </c>
      <c r="G85" t="s">
        <v>78</v>
      </c>
      <c r="H85" t="s">
        <v>13</v>
      </c>
      <c r="I85" s="8">
        <v>2025</v>
      </c>
      <c r="J85" t="s">
        <v>21</v>
      </c>
      <c r="K85" s="10"/>
      <c r="M85" s="10"/>
      <c r="N85">
        <v>16300</v>
      </c>
    </row>
    <row r="86" spans="1:14" hidden="1">
      <c r="A86" s="7" t="s">
        <v>10</v>
      </c>
      <c r="B86" s="8" t="s">
        <v>23</v>
      </c>
      <c r="D86" t="s">
        <v>77</v>
      </c>
      <c r="E86" s="9" t="s">
        <v>24</v>
      </c>
      <c r="F86" t="s">
        <v>13</v>
      </c>
      <c r="G86" t="s">
        <v>78</v>
      </c>
      <c r="H86" t="s">
        <v>13</v>
      </c>
      <c r="I86" s="8">
        <v>2026</v>
      </c>
      <c r="J86" t="s">
        <v>21</v>
      </c>
      <c r="K86" s="10"/>
      <c r="M86" s="10"/>
      <c r="N86">
        <v>16300</v>
      </c>
    </row>
    <row r="87" spans="1:14" hidden="1">
      <c r="A87" s="7" t="s">
        <v>10</v>
      </c>
      <c r="B87" s="8" t="s">
        <v>23</v>
      </c>
      <c r="D87" t="s">
        <v>77</v>
      </c>
      <c r="E87" s="9" t="s">
        <v>24</v>
      </c>
      <c r="F87" t="s">
        <v>13</v>
      </c>
      <c r="G87" t="s">
        <v>78</v>
      </c>
      <c r="H87" t="s">
        <v>13</v>
      </c>
      <c r="I87" s="8">
        <v>2027</v>
      </c>
      <c r="J87" t="s">
        <v>21</v>
      </c>
      <c r="K87" s="10"/>
      <c r="M87" s="10"/>
      <c r="N87">
        <v>16300</v>
      </c>
    </row>
    <row r="88" spans="1:14" hidden="1">
      <c r="A88" s="7" t="s">
        <v>10</v>
      </c>
      <c r="B88" s="8" t="s">
        <v>23</v>
      </c>
      <c r="D88" t="s">
        <v>77</v>
      </c>
      <c r="E88" s="9" t="s">
        <v>24</v>
      </c>
      <c r="F88" t="s">
        <v>13</v>
      </c>
      <c r="G88" t="s">
        <v>78</v>
      </c>
      <c r="H88" t="s">
        <v>13</v>
      </c>
      <c r="I88" s="8">
        <v>2028</v>
      </c>
      <c r="J88" t="s">
        <v>21</v>
      </c>
      <c r="K88" s="10"/>
      <c r="M88" s="10"/>
      <c r="N88">
        <v>16300</v>
      </c>
    </row>
    <row r="89" spans="1:14" hidden="1">
      <c r="A89" s="7" t="s">
        <v>10</v>
      </c>
      <c r="B89" s="8" t="s">
        <v>23</v>
      </c>
      <c r="D89" t="s">
        <v>77</v>
      </c>
      <c r="E89" s="9" t="s">
        <v>24</v>
      </c>
      <c r="F89" t="s">
        <v>13</v>
      </c>
      <c r="G89" t="s">
        <v>78</v>
      </c>
      <c r="H89" t="s">
        <v>13</v>
      </c>
      <c r="I89" s="8">
        <v>2029</v>
      </c>
      <c r="J89" t="s">
        <v>21</v>
      </c>
      <c r="K89" s="10"/>
      <c r="M89" s="10"/>
      <c r="N89">
        <v>16300</v>
      </c>
    </row>
    <row r="90" spans="1:14" hidden="1">
      <c r="A90" s="7" t="s">
        <v>10</v>
      </c>
      <c r="B90" s="8" t="s">
        <v>23</v>
      </c>
      <c r="D90" t="s">
        <v>77</v>
      </c>
      <c r="E90" s="9" t="s">
        <v>24</v>
      </c>
      <c r="F90" t="s">
        <v>13</v>
      </c>
      <c r="G90" t="s">
        <v>78</v>
      </c>
      <c r="H90" t="s">
        <v>13</v>
      </c>
      <c r="I90" s="8">
        <v>2030</v>
      </c>
      <c r="J90" t="s">
        <v>21</v>
      </c>
      <c r="K90" s="10"/>
      <c r="M90" s="10"/>
      <c r="N90">
        <v>16300</v>
      </c>
    </row>
    <row r="91" spans="1:14" hidden="1">
      <c r="A91" s="7" t="s">
        <v>10</v>
      </c>
      <c r="B91" s="8" t="s">
        <v>23</v>
      </c>
      <c r="D91" t="s">
        <v>77</v>
      </c>
      <c r="E91" s="9" t="s">
        <v>24</v>
      </c>
      <c r="F91" t="s">
        <v>13</v>
      </c>
      <c r="G91" t="s">
        <v>78</v>
      </c>
      <c r="H91" t="s">
        <v>13</v>
      </c>
      <c r="I91" s="8">
        <v>2031</v>
      </c>
      <c r="J91" t="s">
        <v>21</v>
      </c>
      <c r="K91" s="10"/>
      <c r="M91" s="10"/>
      <c r="N91">
        <v>16300</v>
      </c>
    </row>
    <row r="92" spans="1:14" hidden="1">
      <c r="A92" s="7" t="s">
        <v>10</v>
      </c>
      <c r="B92" s="8" t="s">
        <v>23</v>
      </c>
      <c r="D92" t="s">
        <v>77</v>
      </c>
      <c r="E92" s="9" t="s">
        <v>24</v>
      </c>
      <c r="F92" t="s">
        <v>13</v>
      </c>
      <c r="G92" t="s">
        <v>78</v>
      </c>
      <c r="H92" t="s">
        <v>13</v>
      </c>
      <c r="I92" s="8">
        <v>2032</v>
      </c>
      <c r="J92" t="s">
        <v>21</v>
      </c>
      <c r="K92" s="10"/>
      <c r="M92" s="10"/>
      <c r="N92">
        <v>16300</v>
      </c>
    </row>
    <row r="93" spans="1:14" hidden="1">
      <c r="A93" s="7" t="s">
        <v>10</v>
      </c>
      <c r="B93" s="8" t="s">
        <v>23</v>
      </c>
      <c r="D93" t="s">
        <v>77</v>
      </c>
      <c r="E93" s="9" t="s">
        <v>24</v>
      </c>
      <c r="F93" t="s">
        <v>13</v>
      </c>
      <c r="G93" t="s">
        <v>78</v>
      </c>
      <c r="H93" t="s">
        <v>13</v>
      </c>
      <c r="I93" s="8">
        <v>2033</v>
      </c>
      <c r="J93" t="s">
        <v>21</v>
      </c>
      <c r="K93" s="10"/>
      <c r="M93" s="10"/>
      <c r="N93">
        <v>16300</v>
      </c>
    </row>
    <row r="94" spans="1:14" hidden="1">
      <c r="A94" s="7" t="s">
        <v>10</v>
      </c>
      <c r="B94" s="8" t="s">
        <v>25</v>
      </c>
      <c r="D94" t="s">
        <v>77</v>
      </c>
      <c r="E94" s="9" t="s">
        <v>24</v>
      </c>
      <c r="F94" t="s">
        <v>13</v>
      </c>
      <c r="G94" t="s">
        <v>78</v>
      </c>
      <c r="H94" t="s">
        <v>13</v>
      </c>
      <c r="I94" s="8">
        <v>2027</v>
      </c>
      <c r="J94" t="s">
        <v>21</v>
      </c>
      <c r="K94" s="10"/>
      <c r="M94" s="10"/>
      <c r="N94">
        <v>0</v>
      </c>
    </row>
    <row r="95" spans="1:14" hidden="1">
      <c r="A95" s="7" t="s">
        <v>10</v>
      </c>
      <c r="B95" s="8" t="s">
        <v>26</v>
      </c>
      <c r="D95" t="s">
        <v>77</v>
      </c>
      <c r="E95" s="9" t="s">
        <v>24</v>
      </c>
      <c r="F95" t="s">
        <v>13</v>
      </c>
      <c r="G95" t="s">
        <v>78</v>
      </c>
      <c r="H95" t="s">
        <v>13</v>
      </c>
      <c r="I95" s="8">
        <v>2025</v>
      </c>
      <c r="J95" t="s">
        <v>14</v>
      </c>
      <c r="K95" s="10"/>
      <c r="M95" s="10"/>
      <c r="N95">
        <v>10000</v>
      </c>
    </row>
    <row r="96" spans="1:14" hidden="1">
      <c r="A96" s="7" t="s">
        <v>10</v>
      </c>
      <c r="B96" s="8" t="s">
        <v>26</v>
      </c>
      <c r="D96" t="s">
        <v>77</v>
      </c>
      <c r="E96" s="9" t="s">
        <v>24</v>
      </c>
      <c r="F96" t="s">
        <v>13</v>
      </c>
      <c r="G96" t="s">
        <v>78</v>
      </c>
      <c r="H96" t="s">
        <v>13</v>
      </c>
      <c r="I96" s="8">
        <v>2026</v>
      </c>
      <c r="J96" t="s">
        <v>14</v>
      </c>
      <c r="K96" s="10"/>
      <c r="M96" s="10"/>
      <c r="N96">
        <v>10000</v>
      </c>
    </row>
    <row r="97" spans="1:14" hidden="1">
      <c r="A97" s="7" t="s">
        <v>10</v>
      </c>
      <c r="B97" s="8" t="s">
        <v>26</v>
      </c>
      <c r="D97" t="s">
        <v>77</v>
      </c>
      <c r="E97" s="9" t="s">
        <v>24</v>
      </c>
      <c r="F97" t="s">
        <v>13</v>
      </c>
      <c r="G97" t="s">
        <v>78</v>
      </c>
      <c r="H97" t="s">
        <v>13</v>
      </c>
      <c r="I97" s="8">
        <v>2027</v>
      </c>
      <c r="J97" t="s">
        <v>14</v>
      </c>
      <c r="K97" s="10"/>
      <c r="M97" s="10"/>
      <c r="N97">
        <v>10000</v>
      </c>
    </row>
    <row r="98" spans="1:14" hidden="1">
      <c r="A98" s="7" t="s">
        <v>10</v>
      </c>
      <c r="B98" s="8" t="s">
        <v>26</v>
      </c>
      <c r="D98" t="s">
        <v>77</v>
      </c>
      <c r="E98" s="9" t="s">
        <v>24</v>
      </c>
      <c r="F98" t="s">
        <v>13</v>
      </c>
      <c r="G98" t="s">
        <v>78</v>
      </c>
      <c r="H98" t="s">
        <v>13</v>
      </c>
      <c r="I98" s="8">
        <v>2028</v>
      </c>
      <c r="J98" t="s">
        <v>14</v>
      </c>
      <c r="K98" s="10"/>
      <c r="M98" s="10"/>
      <c r="N98">
        <v>10000</v>
      </c>
    </row>
    <row r="99" spans="1:14" hidden="1">
      <c r="A99" s="7" t="s">
        <v>10</v>
      </c>
      <c r="B99" s="8" t="s">
        <v>26</v>
      </c>
      <c r="D99" t="s">
        <v>77</v>
      </c>
      <c r="E99" s="9" t="s">
        <v>24</v>
      </c>
      <c r="F99" t="s">
        <v>13</v>
      </c>
      <c r="G99" t="s">
        <v>78</v>
      </c>
      <c r="H99" t="s">
        <v>13</v>
      </c>
      <c r="I99" s="8">
        <v>2029</v>
      </c>
      <c r="J99" t="s">
        <v>14</v>
      </c>
      <c r="K99" s="10"/>
      <c r="M99" s="10"/>
      <c r="N99">
        <v>10000</v>
      </c>
    </row>
    <row r="100" spans="1:14" hidden="1">
      <c r="A100" s="7" t="s">
        <v>10</v>
      </c>
      <c r="B100" s="8" t="s">
        <v>26</v>
      </c>
      <c r="D100" t="s">
        <v>77</v>
      </c>
      <c r="E100" s="9" t="s">
        <v>24</v>
      </c>
      <c r="F100" t="s">
        <v>13</v>
      </c>
      <c r="G100" t="s">
        <v>78</v>
      </c>
      <c r="H100" t="s">
        <v>13</v>
      </c>
      <c r="I100" s="8">
        <v>2030</v>
      </c>
      <c r="J100" t="s">
        <v>14</v>
      </c>
      <c r="K100" s="10"/>
      <c r="M100" s="10"/>
      <c r="N100">
        <v>10000</v>
      </c>
    </row>
    <row r="101" spans="1:14" hidden="1">
      <c r="A101" s="7" t="s">
        <v>10</v>
      </c>
      <c r="B101" s="8" t="s">
        <v>26</v>
      </c>
      <c r="D101" t="s">
        <v>77</v>
      </c>
      <c r="E101" s="9" t="s">
        <v>24</v>
      </c>
      <c r="F101" t="s">
        <v>13</v>
      </c>
      <c r="G101" t="s">
        <v>78</v>
      </c>
      <c r="H101" t="s">
        <v>13</v>
      </c>
      <c r="I101" s="8">
        <v>2031</v>
      </c>
      <c r="J101" t="s">
        <v>14</v>
      </c>
      <c r="K101" s="10"/>
      <c r="M101" s="10"/>
      <c r="N101">
        <v>10000</v>
      </c>
    </row>
    <row r="102" spans="1:14" hidden="1">
      <c r="A102" s="7" t="s">
        <v>10</v>
      </c>
      <c r="B102" s="8" t="s">
        <v>26</v>
      </c>
      <c r="D102" t="s">
        <v>77</v>
      </c>
      <c r="E102" s="9" t="s">
        <v>24</v>
      </c>
      <c r="F102" t="s">
        <v>13</v>
      </c>
      <c r="G102" t="s">
        <v>78</v>
      </c>
      <c r="H102" t="s">
        <v>13</v>
      </c>
      <c r="I102" s="8">
        <v>2032</v>
      </c>
      <c r="J102" t="s">
        <v>14</v>
      </c>
      <c r="K102" s="10"/>
      <c r="M102" s="10"/>
      <c r="N102">
        <v>10000</v>
      </c>
    </row>
    <row r="103" spans="1:14" hidden="1">
      <c r="A103" s="7" t="s">
        <v>10</v>
      </c>
      <c r="B103" s="8" t="s">
        <v>26</v>
      </c>
      <c r="D103" t="s">
        <v>77</v>
      </c>
      <c r="E103" s="9" t="s">
        <v>24</v>
      </c>
      <c r="F103" t="s">
        <v>13</v>
      </c>
      <c r="G103" t="s">
        <v>78</v>
      </c>
      <c r="H103" t="s">
        <v>13</v>
      </c>
      <c r="I103" s="8">
        <v>2033</v>
      </c>
      <c r="J103" t="s">
        <v>14</v>
      </c>
      <c r="K103" s="10"/>
      <c r="M103" s="10"/>
      <c r="N103">
        <v>10000</v>
      </c>
    </row>
    <row r="104" spans="1:14" hidden="1">
      <c r="A104" s="7" t="s">
        <v>10</v>
      </c>
      <c r="B104" s="8" t="s">
        <v>26</v>
      </c>
      <c r="D104" t="s">
        <v>77</v>
      </c>
      <c r="E104" s="9" t="s">
        <v>24</v>
      </c>
      <c r="F104" t="s">
        <v>13</v>
      </c>
      <c r="G104" t="s">
        <v>79</v>
      </c>
      <c r="H104" t="s">
        <v>13</v>
      </c>
      <c r="I104" s="8">
        <v>2025</v>
      </c>
      <c r="J104" t="s">
        <v>15</v>
      </c>
      <c r="K104" s="10"/>
      <c r="M104" s="10"/>
      <c r="N104">
        <v>4525</v>
      </c>
    </row>
    <row r="105" spans="1:14" hidden="1">
      <c r="A105" s="7" t="s">
        <v>10</v>
      </c>
      <c r="B105" s="8" t="s">
        <v>26</v>
      </c>
      <c r="D105" t="s">
        <v>77</v>
      </c>
      <c r="E105" s="9" t="s">
        <v>24</v>
      </c>
      <c r="F105" t="s">
        <v>13</v>
      </c>
      <c r="G105" t="s">
        <v>79</v>
      </c>
      <c r="H105" t="s">
        <v>13</v>
      </c>
      <c r="I105" s="8">
        <v>2026</v>
      </c>
      <c r="J105" t="s">
        <v>15</v>
      </c>
      <c r="K105" s="10"/>
      <c r="M105" s="10"/>
      <c r="N105">
        <v>4525</v>
      </c>
    </row>
    <row r="106" spans="1:14" hidden="1">
      <c r="A106" s="7" t="s">
        <v>10</v>
      </c>
      <c r="B106" s="8" t="s">
        <v>26</v>
      </c>
      <c r="D106" t="s">
        <v>77</v>
      </c>
      <c r="E106" s="9" t="s">
        <v>24</v>
      </c>
      <c r="F106" t="s">
        <v>13</v>
      </c>
      <c r="G106" t="s">
        <v>79</v>
      </c>
      <c r="H106" t="s">
        <v>13</v>
      </c>
      <c r="I106" s="8">
        <v>2027</v>
      </c>
      <c r="J106" t="s">
        <v>15</v>
      </c>
      <c r="K106" s="10"/>
      <c r="M106" s="10"/>
      <c r="N106">
        <v>4525</v>
      </c>
    </row>
    <row r="107" spans="1:14" hidden="1">
      <c r="A107" s="7" t="s">
        <v>10</v>
      </c>
      <c r="B107" s="8" t="s">
        <v>26</v>
      </c>
      <c r="D107" t="s">
        <v>77</v>
      </c>
      <c r="E107" s="9" t="s">
        <v>24</v>
      </c>
      <c r="F107" t="s">
        <v>13</v>
      </c>
      <c r="G107" t="s">
        <v>79</v>
      </c>
      <c r="H107" t="s">
        <v>13</v>
      </c>
      <c r="I107" s="8">
        <v>2028</v>
      </c>
      <c r="J107" t="s">
        <v>15</v>
      </c>
      <c r="K107" s="10"/>
      <c r="M107" s="10"/>
      <c r="N107">
        <v>4525</v>
      </c>
    </row>
    <row r="108" spans="1:14" hidden="1">
      <c r="A108" s="7" t="s">
        <v>10</v>
      </c>
      <c r="B108" s="8" t="s">
        <v>26</v>
      </c>
      <c r="D108" t="s">
        <v>77</v>
      </c>
      <c r="E108" s="9" t="s">
        <v>24</v>
      </c>
      <c r="F108" t="s">
        <v>13</v>
      </c>
      <c r="G108" t="s">
        <v>79</v>
      </c>
      <c r="H108" t="s">
        <v>13</v>
      </c>
      <c r="I108" s="8">
        <v>2029</v>
      </c>
      <c r="J108" t="s">
        <v>15</v>
      </c>
      <c r="K108" s="10"/>
      <c r="M108" s="10"/>
      <c r="N108">
        <v>4525</v>
      </c>
    </row>
    <row r="109" spans="1:14" hidden="1">
      <c r="A109" s="7" t="s">
        <v>10</v>
      </c>
      <c r="B109" s="8" t="s">
        <v>26</v>
      </c>
      <c r="D109" t="s">
        <v>77</v>
      </c>
      <c r="E109" s="9" t="s">
        <v>24</v>
      </c>
      <c r="F109" t="s">
        <v>13</v>
      </c>
      <c r="G109" t="s">
        <v>79</v>
      </c>
      <c r="H109" t="s">
        <v>13</v>
      </c>
      <c r="I109" s="8">
        <v>2030</v>
      </c>
      <c r="J109" t="s">
        <v>15</v>
      </c>
      <c r="K109" s="10"/>
      <c r="M109" s="10"/>
      <c r="N109">
        <v>4525</v>
      </c>
    </row>
    <row r="110" spans="1:14" hidden="1">
      <c r="A110" s="7" t="s">
        <v>10</v>
      </c>
      <c r="B110" s="8" t="s">
        <v>26</v>
      </c>
      <c r="D110" t="s">
        <v>77</v>
      </c>
      <c r="E110" s="9" t="s">
        <v>24</v>
      </c>
      <c r="F110" t="s">
        <v>13</v>
      </c>
      <c r="G110" t="s">
        <v>79</v>
      </c>
      <c r="H110" t="s">
        <v>13</v>
      </c>
      <c r="I110" s="8">
        <v>2031</v>
      </c>
      <c r="J110" t="s">
        <v>15</v>
      </c>
      <c r="K110" s="10"/>
      <c r="M110" s="10"/>
      <c r="N110">
        <v>4525</v>
      </c>
    </row>
    <row r="111" spans="1:14" hidden="1">
      <c r="A111" s="7" t="s">
        <v>10</v>
      </c>
      <c r="B111" s="8" t="s">
        <v>26</v>
      </c>
      <c r="D111" t="s">
        <v>77</v>
      </c>
      <c r="E111" s="9" t="s">
        <v>24</v>
      </c>
      <c r="F111" t="s">
        <v>13</v>
      </c>
      <c r="G111" t="s">
        <v>79</v>
      </c>
      <c r="H111" t="s">
        <v>13</v>
      </c>
      <c r="I111" s="8">
        <v>2032</v>
      </c>
      <c r="J111" t="s">
        <v>15</v>
      </c>
      <c r="K111" s="10"/>
      <c r="M111" s="10"/>
      <c r="N111">
        <v>4525</v>
      </c>
    </row>
    <row r="112" spans="1:14" hidden="1">
      <c r="A112" s="7" t="s">
        <v>10</v>
      </c>
      <c r="B112" s="8" t="s">
        <v>26</v>
      </c>
      <c r="D112" t="s">
        <v>77</v>
      </c>
      <c r="E112" s="9" t="s">
        <v>24</v>
      </c>
      <c r="F112" t="s">
        <v>13</v>
      </c>
      <c r="G112" t="s">
        <v>79</v>
      </c>
      <c r="H112" t="s">
        <v>13</v>
      </c>
      <c r="I112" s="8">
        <v>2033</v>
      </c>
      <c r="J112" t="s">
        <v>15</v>
      </c>
      <c r="K112" s="10"/>
      <c r="M112" s="10"/>
      <c r="N112">
        <v>4525</v>
      </c>
    </row>
    <row r="113" spans="1:14" hidden="1">
      <c r="A113" s="7" t="s">
        <v>10</v>
      </c>
      <c r="B113" s="8" t="s">
        <v>27</v>
      </c>
      <c r="D113" t="s">
        <v>77</v>
      </c>
      <c r="E113" s="9" t="s">
        <v>24</v>
      </c>
      <c r="F113" t="s">
        <v>13</v>
      </c>
      <c r="G113" t="s">
        <v>78</v>
      </c>
      <c r="H113" t="s">
        <v>13</v>
      </c>
      <c r="I113" s="8">
        <v>2025</v>
      </c>
      <c r="J113" t="s">
        <v>14</v>
      </c>
      <c r="K113" s="10"/>
      <c r="M113" s="10"/>
      <c r="N113">
        <v>26500</v>
      </c>
    </row>
    <row r="114" spans="1:14" hidden="1">
      <c r="A114" s="7" t="s">
        <v>10</v>
      </c>
      <c r="B114" s="8" t="s">
        <v>27</v>
      </c>
      <c r="D114" t="s">
        <v>77</v>
      </c>
      <c r="E114" s="9" t="s">
        <v>24</v>
      </c>
      <c r="F114" t="s">
        <v>13</v>
      </c>
      <c r="G114" t="s">
        <v>78</v>
      </c>
      <c r="H114" t="s">
        <v>13</v>
      </c>
      <c r="I114" s="8">
        <v>2026</v>
      </c>
      <c r="J114" t="s">
        <v>14</v>
      </c>
      <c r="K114" s="10"/>
      <c r="M114" s="10"/>
      <c r="N114">
        <v>26500</v>
      </c>
    </row>
    <row r="115" spans="1:14" hidden="1">
      <c r="A115" s="7" t="s">
        <v>10</v>
      </c>
      <c r="B115" s="8" t="s">
        <v>27</v>
      </c>
      <c r="D115" t="s">
        <v>77</v>
      </c>
      <c r="E115" s="9" t="s">
        <v>24</v>
      </c>
      <c r="F115" t="s">
        <v>13</v>
      </c>
      <c r="G115" t="s">
        <v>78</v>
      </c>
      <c r="H115" t="s">
        <v>13</v>
      </c>
      <c r="I115" s="8">
        <v>2027</v>
      </c>
      <c r="J115" t="s">
        <v>14</v>
      </c>
      <c r="K115" s="10"/>
      <c r="M115" s="10"/>
      <c r="N115">
        <v>26500</v>
      </c>
    </row>
    <row r="116" spans="1:14" hidden="1">
      <c r="A116" s="7" t="s">
        <v>10</v>
      </c>
      <c r="B116" s="8" t="s">
        <v>27</v>
      </c>
      <c r="D116" t="s">
        <v>77</v>
      </c>
      <c r="E116" s="9" t="s">
        <v>24</v>
      </c>
      <c r="F116" t="s">
        <v>13</v>
      </c>
      <c r="G116" t="s">
        <v>78</v>
      </c>
      <c r="H116" t="s">
        <v>13</v>
      </c>
      <c r="I116" s="8">
        <v>2028</v>
      </c>
      <c r="J116" t="s">
        <v>14</v>
      </c>
      <c r="K116" s="10"/>
      <c r="M116" s="10"/>
      <c r="N116">
        <v>26500</v>
      </c>
    </row>
    <row r="117" spans="1:14" hidden="1">
      <c r="A117" s="7" t="s">
        <v>10</v>
      </c>
      <c r="B117" s="8" t="s">
        <v>27</v>
      </c>
      <c r="D117" t="s">
        <v>77</v>
      </c>
      <c r="E117" s="9" t="s">
        <v>24</v>
      </c>
      <c r="F117" t="s">
        <v>13</v>
      </c>
      <c r="G117" t="s">
        <v>78</v>
      </c>
      <c r="H117" t="s">
        <v>13</v>
      </c>
      <c r="I117" s="8">
        <v>2029</v>
      </c>
      <c r="J117" t="s">
        <v>14</v>
      </c>
      <c r="K117" s="10"/>
      <c r="M117" s="10"/>
      <c r="N117">
        <v>26500</v>
      </c>
    </row>
    <row r="118" spans="1:14" hidden="1">
      <c r="A118" s="7" t="s">
        <v>10</v>
      </c>
      <c r="B118" s="8" t="s">
        <v>27</v>
      </c>
      <c r="D118" t="s">
        <v>77</v>
      </c>
      <c r="E118" s="9" t="s">
        <v>24</v>
      </c>
      <c r="F118" t="s">
        <v>13</v>
      </c>
      <c r="G118" t="s">
        <v>78</v>
      </c>
      <c r="H118" t="s">
        <v>13</v>
      </c>
      <c r="I118" s="8">
        <v>2030</v>
      </c>
      <c r="J118" t="s">
        <v>14</v>
      </c>
      <c r="K118" s="10"/>
      <c r="M118" s="10"/>
      <c r="N118">
        <v>26500</v>
      </c>
    </row>
    <row r="119" spans="1:14" hidden="1">
      <c r="A119" s="7" t="s">
        <v>10</v>
      </c>
      <c r="B119" s="8" t="s">
        <v>27</v>
      </c>
      <c r="D119" t="s">
        <v>77</v>
      </c>
      <c r="E119" s="9" t="s">
        <v>24</v>
      </c>
      <c r="F119" t="s">
        <v>13</v>
      </c>
      <c r="G119" t="s">
        <v>78</v>
      </c>
      <c r="H119" t="s">
        <v>13</v>
      </c>
      <c r="I119" s="8">
        <v>2031</v>
      </c>
      <c r="J119" t="s">
        <v>14</v>
      </c>
      <c r="K119" s="10"/>
      <c r="M119" s="10"/>
      <c r="N119">
        <v>26500</v>
      </c>
    </row>
    <row r="120" spans="1:14" hidden="1">
      <c r="A120" s="7" t="s">
        <v>10</v>
      </c>
      <c r="B120" s="8" t="s">
        <v>27</v>
      </c>
      <c r="D120" t="s">
        <v>77</v>
      </c>
      <c r="E120" s="9" t="s">
        <v>24</v>
      </c>
      <c r="F120" t="s">
        <v>13</v>
      </c>
      <c r="G120" t="s">
        <v>78</v>
      </c>
      <c r="H120" t="s">
        <v>13</v>
      </c>
      <c r="I120" s="8">
        <v>2032</v>
      </c>
      <c r="J120" t="s">
        <v>14</v>
      </c>
      <c r="K120" s="10"/>
      <c r="M120" s="10"/>
      <c r="N120">
        <v>26500</v>
      </c>
    </row>
    <row r="121" spans="1:14" hidden="1">
      <c r="A121" s="7" t="s">
        <v>10</v>
      </c>
      <c r="B121" s="8" t="s">
        <v>27</v>
      </c>
      <c r="D121" t="s">
        <v>77</v>
      </c>
      <c r="E121" s="9" t="s">
        <v>24</v>
      </c>
      <c r="F121" t="s">
        <v>13</v>
      </c>
      <c r="G121" t="s">
        <v>78</v>
      </c>
      <c r="H121" t="s">
        <v>13</v>
      </c>
      <c r="I121" s="8">
        <v>2033</v>
      </c>
      <c r="J121" t="s">
        <v>14</v>
      </c>
      <c r="K121" s="10"/>
      <c r="M121" s="10"/>
      <c r="N121">
        <v>26500</v>
      </c>
    </row>
    <row r="122" spans="1:14" hidden="1">
      <c r="A122" s="7" t="s">
        <v>10</v>
      </c>
      <c r="B122" s="8" t="s">
        <v>27</v>
      </c>
      <c r="D122" t="s">
        <v>77</v>
      </c>
      <c r="E122" s="9" t="s">
        <v>24</v>
      </c>
      <c r="F122" t="s">
        <v>13</v>
      </c>
      <c r="G122" t="s">
        <v>79</v>
      </c>
      <c r="H122" t="s">
        <v>13</v>
      </c>
      <c r="I122" s="8">
        <v>2025</v>
      </c>
      <c r="J122" t="s">
        <v>15</v>
      </c>
      <c r="K122" s="10"/>
      <c r="M122" s="10"/>
      <c r="N122">
        <v>10000</v>
      </c>
    </row>
    <row r="123" spans="1:14" hidden="1">
      <c r="A123" s="7" t="s">
        <v>10</v>
      </c>
      <c r="B123" s="8" t="s">
        <v>27</v>
      </c>
      <c r="D123" t="s">
        <v>77</v>
      </c>
      <c r="E123" s="9" t="s">
        <v>24</v>
      </c>
      <c r="F123" t="s">
        <v>13</v>
      </c>
      <c r="G123" t="s">
        <v>79</v>
      </c>
      <c r="H123" t="s">
        <v>13</v>
      </c>
      <c r="I123" s="8">
        <v>2026</v>
      </c>
      <c r="J123" t="s">
        <v>15</v>
      </c>
      <c r="K123" s="10"/>
      <c r="M123" s="10"/>
      <c r="N123">
        <v>10000</v>
      </c>
    </row>
    <row r="124" spans="1:14" hidden="1">
      <c r="A124" s="7" t="s">
        <v>10</v>
      </c>
      <c r="B124" s="8" t="s">
        <v>27</v>
      </c>
      <c r="D124" t="s">
        <v>77</v>
      </c>
      <c r="E124" s="9" t="s">
        <v>24</v>
      </c>
      <c r="F124" t="s">
        <v>13</v>
      </c>
      <c r="G124" t="s">
        <v>79</v>
      </c>
      <c r="H124" t="s">
        <v>13</v>
      </c>
      <c r="I124" s="8">
        <v>2027</v>
      </c>
      <c r="J124" t="s">
        <v>15</v>
      </c>
      <c r="K124" s="10"/>
      <c r="M124" s="10"/>
      <c r="N124">
        <v>10000</v>
      </c>
    </row>
    <row r="125" spans="1:14" hidden="1">
      <c r="A125" s="7" t="s">
        <v>10</v>
      </c>
      <c r="B125" s="8" t="s">
        <v>27</v>
      </c>
      <c r="D125" t="s">
        <v>77</v>
      </c>
      <c r="E125" s="9" t="s">
        <v>24</v>
      </c>
      <c r="F125" t="s">
        <v>13</v>
      </c>
      <c r="G125" t="s">
        <v>79</v>
      </c>
      <c r="H125" t="s">
        <v>13</v>
      </c>
      <c r="I125" s="8">
        <v>2028</v>
      </c>
      <c r="J125" t="s">
        <v>15</v>
      </c>
      <c r="K125" s="10"/>
      <c r="M125" s="10"/>
      <c r="N125">
        <v>10000</v>
      </c>
    </row>
    <row r="126" spans="1:14" hidden="1">
      <c r="A126" s="7" t="s">
        <v>10</v>
      </c>
      <c r="B126" s="8" t="s">
        <v>27</v>
      </c>
      <c r="D126" t="s">
        <v>77</v>
      </c>
      <c r="E126" s="9" t="s">
        <v>24</v>
      </c>
      <c r="F126" t="s">
        <v>13</v>
      </c>
      <c r="G126" t="s">
        <v>79</v>
      </c>
      <c r="H126" t="s">
        <v>13</v>
      </c>
      <c r="I126" s="8">
        <v>2029</v>
      </c>
      <c r="J126" t="s">
        <v>15</v>
      </c>
      <c r="K126" s="10"/>
      <c r="M126" s="10"/>
      <c r="N126">
        <v>10000</v>
      </c>
    </row>
    <row r="127" spans="1:14" hidden="1">
      <c r="A127" s="7" t="s">
        <v>10</v>
      </c>
      <c r="B127" s="8" t="s">
        <v>27</v>
      </c>
      <c r="D127" t="s">
        <v>77</v>
      </c>
      <c r="E127" s="9" t="s">
        <v>24</v>
      </c>
      <c r="F127" t="s">
        <v>13</v>
      </c>
      <c r="G127" t="s">
        <v>79</v>
      </c>
      <c r="H127" t="s">
        <v>13</v>
      </c>
      <c r="I127" s="8">
        <v>2030</v>
      </c>
      <c r="J127" t="s">
        <v>15</v>
      </c>
      <c r="K127" s="10"/>
      <c r="M127" s="10"/>
      <c r="N127">
        <v>10000</v>
      </c>
    </row>
    <row r="128" spans="1:14" hidden="1">
      <c r="A128" s="7" t="s">
        <v>10</v>
      </c>
      <c r="B128" s="8" t="s">
        <v>27</v>
      </c>
      <c r="D128" t="s">
        <v>77</v>
      </c>
      <c r="E128" s="9" t="s">
        <v>24</v>
      </c>
      <c r="F128" t="s">
        <v>13</v>
      </c>
      <c r="G128" t="s">
        <v>79</v>
      </c>
      <c r="H128" t="s">
        <v>13</v>
      </c>
      <c r="I128" s="8">
        <v>2031</v>
      </c>
      <c r="J128" t="s">
        <v>15</v>
      </c>
      <c r="K128" s="10"/>
      <c r="M128" s="10"/>
      <c r="N128">
        <v>10000</v>
      </c>
    </row>
    <row r="129" spans="1:14" hidden="1">
      <c r="A129" s="7" t="s">
        <v>10</v>
      </c>
      <c r="B129" s="8" t="s">
        <v>27</v>
      </c>
      <c r="D129" t="s">
        <v>77</v>
      </c>
      <c r="E129" s="9" t="s">
        <v>24</v>
      </c>
      <c r="F129" t="s">
        <v>13</v>
      </c>
      <c r="G129" t="s">
        <v>79</v>
      </c>
      <c r="H129" t="s">
        <v>13</v>
      </c>
      <c r="I129" s="8">
        <v>2032</v>
      </c>
      <c r="J129" t="s">
        <v>15</v>
      </c>
      <c r="K129" s="10"/>
      <c r="M129" s="10"/>
      <c r="N129">
        <v>10000</v>
      </c>
    </row>
    <row r="130" spans="1:14" hidden="1">
      <c r="A130" s="7" t="s">
        <v>10</v>
      </c>
      <c r="B130" s="8" t="s">
        <v>27</v>
      </c>
      <c r="D130" t="s">
        <v>77</v>
      </c>
      <c r="E130" s="9" t="s">
        <v>24</v>
      </c>
      <c r="F130" t="s">
        <v>13</v>
      </c>
      <c r="G130" t="s">
        <v>79</v>
      </c>
      <c r="H130" t="s">
        <v>13</v>
      </c>
      <c r="I130" s="8">
        <v>2033</v>
      </c>
      <c r="J130" t="s">
        <v>15</v>
      </c>
      <c r="K130" s="10"/>
      <c r="M130" s="10"/>
      <c r="N130">
        <v>10000</v>
      </c>
    </row>
    <row r="131" spans="1:14" hidden="1">
      <c r="A131" s="7" t="s">
        <v>10</v>
      </c>
      <c r="B131" s="8" t="s">
        <v>27</v>
      </c>
      <c r="D131" t="s">
        <v>77</v>
      </c>
      <c r="E131" s="9" t="s">
        <v>24</v>
      </c>
      <c r="F131" t="s">
        <v>13</v>
      </c>
      <c r="G131" t="s">
        <v>19</v>
      </c>
      <c r="H131" t="s">
        <v>13</v>
      </c>
      <c r="I131" s="8">
        <v>2025</v>
      </c>
      <c r="J131" t="s">
        <v>19</v>
      </c>
      <c r="K131" s="10"/>
      <c r="M131" s="10"/>
      <c r="N131">
        <v>0</v>
      </c>
    </row>
    <row r="132" spans="1:14" hidden="1">
      <c r="A132" s="7" t="s">
        <v>10</v>
      </c>
      <c r="B132" s="8" t="s">
        <v>27</v>
      </c>
      <c r="D132" t="s">
        <v>77</v>
      </c>
      <c r="E132" s="9" t="s">
        <v>24</v>
      </c>
      <c r="F132" t="s">
        <v>13</v>
      </c>
      <c r="G132" t="s">
        <v>19</v>
      </c>
      <c r="H132" t="s">
        <v>13</v>
      </c>
      <c r="I132" s="8">
        <v>2026</v>
      </c>
      <c r="J132" t="s">
        <v>19</v>
      </c>
      <c r="K132" s="10"/>
      <c r="M132" s="10"/>
      <c r="N132">
        <v>8</v>
      </c>
    </row>
    <row r="133" spans="1:14" hidden="1">
      <c r="A133" s="7" t="s">
        <v>10</v>
      </c>
      <c r="B133" s="8" t="s">
        <v>27</v>
      </c>
      <c r="D133" t="s">
        <v>77</v>
      </c>
      <c r="E133" s="9" t="s">
        <v>24</v>
      </c>
      <c r="F133" t="s">
        <v>13</v>
      </c>
      <c r="G133" t="s">
        <v>19</v>
      </c>
      <c r="H133" t="s">
        <v>13</v>
      </c>
      <c r="I133" s="8">
        <v>2027</v>
      </c>
      <c r="J133" t="s">
        <v>19</v>
      </c>
      <c r="K133" s="10"/>
      <c r="M133" s="10"/>
      <c r="N133">
        <v>8</v>
      </c>
    </row>
    <row r="134" spans="1:14" hidden="1">
      <c r="A134" s="7" t="s">
        <v>10</v>
      </c>
      <c r="B134" s="8" t="s">
        <v>27</v>
      </c>
      <c r="D134" t="s">
        <v>77</v>
      </c>
      <c r="E134" s="9" t="s">
        <v>24</v>
      </c>
      <c r="F134" t="s">
        <v>13</v>
      </c>
      <c r="G134" t="s">
        <v>19</v>
      </c>
      <c r="H134" t="s">
        <v>13</v>
      </c>
      <c r="I134" s="8">
        <v>2028</v>
      </c>
      <c r="J134" t="s">
        <v>19</v>
      </c>
      <c r="K134" s="10"/>
      <c r="M134" s="10"/>
      <c r="N134">
        <v>8</v>
      </c>
    </row>
    <row r="135" spans="1:14" hidden="1">
      <c r="A135" s="7" t="s">
        <v>10</v>
      </c>
      <c r="B135" s="8" t="s">
        <v>27</v>
      </c>
      <c r="D135" t="s">
        <v>77</v>
      </c>
      <c r="E135" s="9" t="s">
        <v>24</v>
      </c>
      <c r="F135" t="s">
        <v>13</v>
      </c>
      <c r="G135" t="s">
        <v>19</v>
      </c>
      <c r="H135" t="s">
        <v>13</v>
      </c>
      <c r="I135" s="8">
        <v>2029</v>
      </c>
      <c r="J135" t="s">
        <v>19</v>
      </c>
      <c r="K135" s="10"/>
      <c r="M135" s="10"/>
      <c r="N135">
        <v>8</v>
      </c>
    </row>
    <row r="136" spans="1:14" hidden="1">
      <c r="A136" s="7" t="s">
        <v>10</v>
      </c>
      <c r="B136" s="8" t="s">
        <v>27</v>
      </c>
      <c r="D136" t="s">
        <v>77</v>
      </c>
      <c r="E136" s="9" t="s">
        <v>24</v>
      </c>
      <c r="F136" t="s">
        <v>13</v>
      </c>
      <c r="G136" t="s">
        <v>19</v>
      </c>
      <c r="H136" t="s">
        <v>13</v>
      </c>
      <c r="I136" s="8">
        <v>2030</v>
      </c>
      <c r="J136" t="s">
        <v>19</v>
      </c>
      <c r="K136" s="10"/>
      <c r="M136" s="10"/>
      <c r="N136">
        <v>8</v>
      </c>
    </row>
    <row r="137" spans="1:14" hidden="1">
      <c r="A137" s="7" t="s">
        <v>10</v>
      </c>
      <c r="B137" s="8" t="s">
        <v>27</v>
      </c>
      <c r="D137" t="s">
        <v>77</v>
      </c>
      <c r="E137" s="9" t="s">
        <v>24</v>
      </c>
      <c r="F137" t="s">
        <v>13</v>
      </c>
      <c r="G137" t="s">
        <v>19</v>
      </c>
      <c r="H137" t="s">
        <v>13</v>
      </c>
      <c r="I137" s="8">
        <v>2031</v>
      </c>
      <c r="J137" t="s">
        <v>19</v>
      </c>
      <c r="K137" s="10"/>
      <c r="M137" s="10"/>
      <c r="N137">
        <v>8</v>
      </c>
    </row>
    <row r="138" spans="1:14" hidden="1">
      <c r="A138" s="7" t="s">
        <v>10</v>
      </c>
      <c r="B138" s="8" t="s">
        <v>27</v>
      </c>
      <c r="D138" t="s">
        <v>77</v>
      </c>
      <c r="E138" s="9" t="s">
        <v>24</v>
      </c>
      <c r="F138" t="s">
        <v>13</v>
      </c>
      <c r="G138" t="s">
        <v>19</v>
      </c>
      <c r="H138" t="s">
        <v>13</v>
      </c>
      <c r="I138" s="8">
        <v>2032</v>
      </c>
      <c r="J138" t="s">
        <v>19</v>
      </c>
      <c r="K138" s="10"/>
      <c r="M138" s="10"/>
      <c r="N138">
        <v>8</v>
      </c>
    </row>
    <row r="139" spans="1:14" hidden="1">
      <c r="A139" s="7" t="s">
        <v>10</v>
      </c>
      <c r="B139" s="8" t="s">
        <v>27</v>
      </c>
      <c r="D139" t="s">
        <v>77</v>
      </c>
      <c r="E139" s="9" t="s">
        <v>24</v>
      </c>
      <c r="F139" t="s">
        <v>13</v>
      </c>
      <c r="G139" t="s">
        <v>19</v>
      </c>
      <c r="H139" t="s">
        <v>13</v>
      </c>
      <c r="I139" s="8">
        <v>2033</v>
      </c>
      <c r="J139" t="s">
        <v>19</v>
      </c>
      <c r="K139" s="10"/>
      <c r="M139" s="10"/>
      <c r="N139">
        <v>8</v>
      </c>
    </row>
    <row r="140" spans="1:14" hidden="1">
      <c r="A140" s="7" t="s">
        <v>10</v>
      </c>
      <c r="B140" s="8" t="s">
        <v>28</v>
      </c>
      <c r="D140" t="s">
        <v>77</v>
      </c>
      <c r="E140" s="9" t="s">
        <v>24</v>
      </c>
      <c r="F140" t="s">
        <v>13</v>
      </c>
      <c r="G140" t="s">
        <v>19</v>
      </c>
      <c r="H140" t="s">
        <v>13</v>
      </c>
      <c r="I140" s="8">
        <v>2025</v>
      </c>
      <c r="J140" t="s">
        <v>19</v>
      </c>
      <c r="K140" s="10"/>
      <c r="M140" s="10"/>
      <c r="N140">
        <v>11</v>
      </c>
    </row>
    <row r="141" spans="1:14" hidden="1">
      <c r="A141" s="7" t="s">
        <v>10</v>
      </c>
      <c r="B141" s="8" t="s">
        <v>28</v>
      </c>
      <c r="D141" t="s">
        <v>77</v>
      </c>
      <c r="E141" s="9" t="s">
        <v>24</v>
      </c>
      <c r="F141" t="s">
        <v>13</v>
      </c>
      <c r="G141" t="s">
        <v>19</v>
      </c>
      <c r="H141" t="s">
        <v>13</v>
      </c>
      <c r="I141" s="8">
        <v>2026</v>
      </c>
      <c r="J141" t="s">
        <v>19</v>
      </c>
      <c r="K141" s="10"/>
      <c r="M141" s="10"/>
      <c r="N141">
        <v>11</v>
      </c>
    </row>
    <row r="142" spans="1:14" hidden="1">
      <c r="A142" s="7" t="s">
        <v>10</v>
      </c>
      <c r="B142" s="8" t="s">
        <v>28</v>
      </c>
      <c r="D142" t="s">
        <v>77</v>
      </c>
      <c r="E142" s="9" t="s">
        <v>24</v>
      </c>
      <c r="F142" t="s">
        <v>13</v>
      </c>
      <c r="G142" t="s">
        <v>19</v>
      </c>
      <c r="H142" t="s">
        <v>13</v>
      </c>
      <c r="I142" s="8">
        <v>2027</v>
      </c>
      <c r="J142" t="s">
        <v>19</v>
      </c>
      <c r="K142" s="10"/>
      <c r="M142" s="10"/>
      <c r="N142">
        <v>11</v>
      </c>
    </row>
    <row r="143" spans="1:14" hidden="1">
      <c r="A143" s="7" t="s">
        <v>10</v>
      </c>
      <c r="B143" s="8" t="s">
        <v>28</v>
      </c>
      <c r="D143" t="s">
        <v>77</v>
      </c>
      <c r="E143" s="9" t="s">
        <v>24</v>
      </c>
      <c r="F143" t="s">
        <v>13</v>
      </c>
      <c r="G143" t="s">
        <v>19</v>
      </c>
      <c r="H143" t="s">
        <v>13</v>
      </c>
      <c r="I143" s="8">
        <v>2028</v>
      </c>
      <c r="J143" t="s">
        <v>19</v>
      </c>
      <c r="K143" s="10"/>
      <c r="M143" s="10"/>
      <c r="N143">
        <v>11</v>
      </c>
    </row>
    <row r="144" spans="1:14" hidden="1">
      <c r="A144" s="7" t="s">
        <v>10</v>
      </c>
      <c r="B144" s="8" t="s">
        <v>28</v>
      </c>
      <c r="D144" t="s">
        <v>77</v>
      </c>
      <c r="E144" s="9" t="s">
        <v>24</v>
      </c>
      <c r="F144" t="s">
        <v>13</v>
      </c>
      <c r="G144" t="s">
        <v>19</v>
      </c>
      <c r="H144" t="s">
        <v>13</v>
      </c>
      <c r="I144" s="8">
        <v>2029</v>
      </c>
      <c r="J144" t="s">
        <v>19</v>
      </c>
      <c r="K144" s="10"/>
      <c r="M144" s="10"/>
      <c r="N144">
        <v>11</v>
      </c>
    </row>
    <row r="145" spans="1:14" hidden="1">
      <c r="A145" s="7" t="s">
        <v>10</v>
      </c>
      <c r="B145" s="8" t="s">
        <v>28</v>
      </c>
      <c r="D145" t="s">
        <v>77</v>
      </c>
      <c r="E145" s="9" t="s">
        <v>24</v>
      </c>
      <c r="F145" t="s">
        <v>13</v>
      </c>
      <c r="G145" t="s">
        <v>19</v>
      </c>
      <c r="H145" t="s">
        <v>13</v>
      </c>
      <c r="I145" s="8">
        <v>2030</v>
      </c>
      <c r="J145" t="s">
        <v>19</v>
      </c>
      <c r="K145" s="10"/>
      <c r="M145" s="10"/>
      <c r="N145">
        <v>11</v>
      </c>
    </row>
    <row r="146" spans="1:14" hidden="1">
      <c r="A146" s="7" t="s">
        <v>10</v>
      </c>
      <c r="B146" s="8" t="s">
        <v>28</v>
      </c>
      <c r="D146" t="s">
        <v>77</v>
      </c>
      <c r="E146" s="9" t="s">
        <v>24</v>
      </c>
      <c r="F146" t="s">
        <v>13</v>
      </c>
      <c r="G146" t="s">
        <v>19</v>
      </c>
      <c r="H146" t="s">
        <v>13</v>
      </c>
      <c r="I146" s="8">
        <v>2031</v>
      </c>
      <c r="J146" t="s">
        <v>19</v>
      </c>
      <c r="K146" s="10"/>
      <c r="M146" s="10"/>
      <c r="N146">
        <v>11</v>
      </c>
    </row>
    <row r="147" spans="1:14" hidden="1">
      <c r="A147" s="7" t="s">
        <v>10</v>
      </c>
      <c r="B147" s="8" t="s">
        <v>28</v>
      </c>
      <c r="D147" t="s">
        <v>77</v>
      </c>
      <c r="E147" s="9" t="s">
        <v>24</v>
      </c>
      <c r="F147" t="s">
        <v>13</v>
      </c>
      <c r="G147" t="s">
        <v>19</v>
      </c>
      <c r="H147" t="s">
        <v>13</v>
      </c>
      <c r="I147" s="8">
        <v>2032</v>
      </c>
      <c r="J147" t="s">
        <v>19</v>
      </c>
      <c r="K147" s="10"/>
      <c r="M147" s="10"/>
      <c r="N147">
        <v>11</v>
      </c>
    </row>
    <row r="148" spans="1:14" hidden="1">
      <c r="A148" s="7" t="s">
        <v>10</v>
      </c>
      <c r="B148" s="8" t="s">
        <v>28</v>
      </c>
      <c r="D148" t="s">
        <v>77</v>
      </c>
      <c r="E148" s="9" t="s">
        <v>24</v>
      </c>
      <c r="F148" t="s">
        <v>13</v>
      </c>
      <c r="G148" t="s">
        <v>19</v>
      </c>
      <c r="H148" t="s">
        <v>13</v>
      </c>
      <c r="I148" s="8">
        <v>2033</v>
      </c>
      <c r="J148" t="s">
        <v>19</v>
      </c>
      <c r="K148" s="10"/>
      <c r="M148" s="10"/>
      <c r="N148">
        <v>11</v>
      </c>
    </row>
    <row r="149" spans="1:14" hidden="1">
      <c r="A149" s="7" t="s">
        <v>10</v>
      </c>
      <c r="B149" s="8" t="s">
        <v>29</v>
      </c>
      <c r="D149" t="s">
        <v>77</v>
      </c>
      <c r="E149" s="9" t="s">
        <v>24</v>
      </c>
      <c r="F149" t="s">
        <v>13</v>
      </c>
      <c r="G149" t="s">
        <v>78</v>
      </c>
      <c r="H149" t="s">
        <v>13</v>
      </c>
      <c r="I149" s="8">
        <v>2025</v>
      </c>
      <c r="J149" t="s">
        <v>14</v>
      </c>
      <c r="K149" s="10"/>
      <c r="M149" s="10"/>
      <c r="N149">
        <v>26000</v>
      </c>
    </row>
    <row r="150" spans="1:14" hidden="1">
      <c r="A150" s="7" t="s">
        <v>10</v>
      </c>
      <c r="B150" s="8" t="s">
        <v>29</v>
      </c>
      <c r="D150" t="s">
        <v>77</v>
      </c>
      <c r="E150" s="9" t="s">
        <v>24</v>
      </c>
      <c r="F150" t="s">
        <v>13</v>
      </c>
      <c r="G150" t="s">
        <v>78</v>
      </c>
      <c r="H150" t="s">
        <v>13</v>
      </c>
      <c r="I150" s="8">
        <v>2026</v>
      </c>
      <c r="J150" t="s">
        <v>14</v>
      </c>
      <c r="K150" s="10"/>
      <c r="M150" s="10"/>
      <c r="N150">
        <v>26000</v>
      </c>
    </row>
    <row r="151" spans="1:14" hidden="1">
      <c r="A151" s="7" t="s">
        <v>10</v>
      </c>
      <c r="B151" s="8" t="s">
        <v>29</v>
      </c>
      <c r="D151" t="s">
        <v>77</v>
      </c>
      <c r="E151" s="9" t="s">
        <v>24</v>
      </c>
      <c r="F151" t="s">
        <v>13</v>
      </c>
      <c r="G151" t="s">
        <v>78</v>
      </c>
      <c r="H151" t="s">
        <v>13</v>
      </c>
      <c r="I151" s="8">
        <v>2027</v>
      </c>
      <c r="J151" t="s">
        <v>14</v>
      </c>
      <c r="K151" s="10"/>
      <c r="M151" s="10"/>
      <c r="N151">
        <v>26000</v>
      </c>
    </row>
    <row r="152" spans="1:14" hidden="1">
      <c r="A152" s="7" t="s">
        <v>10</v>
      </c>
      <c r="B152" s="8" t="s">
        <v>29</v>
      </c>
      <c r="D152" t="s">
        <v>77</v>
      </c>
      <c r="E152" s="9" t="s">
        <v>24</v>
      </c>
      <c r="F152" t="s">
        <v>13</v>
      </c>
      <c r="G152" t="s">
        <v>78</v>
      </c>
      <c r="H152" t="s">
        <v>13</v>
      </c>
      <c r="I152" s="8">
        <v>2028</v>
      </c>
      <c r="J152" t="s">
        <v>14</v>
      </c>
      <c r="K152" s="10"/>
      <c r="M152" s="10"/>
      <c r="N152">
        <v>26000</v>
      </c>
    </row>
    <row r="153" spans="1:14" hidden="1">
      <c r="A153" s="7" t="s">
        <v>10</v>
      </c>
      <c r="B153" s="8" t="s">
        <v>29</v>
      </c>
      <c r="D153" t="s">
        <v>77</v>
      </c>
      <c r="E153" s="9" t="s">
        <v>24</v>
      </c>
      <c r="F153" t="s">
        <v>13</v>
      </c>
      <c r="G153" t="s">
        <v>78</v>
      </c>
      <c r="H153" t="s">
        <v>13</v>
      </c>
      <c r="I153" s="8">
        <v>2029</v>
      </c>
      <c r="J153" t="s">
        <v>14</v>
      </c>
      <c r="K153" s="10"/>
      <c r="M153" s="10"/>
      <c r="N153">
        <v>26000</v>
      </c>
    </row>
    <row r="154" spans="1:14" hidden="1">
      <c r="A154" s="7" t="s">
        <v>10</v>
      </c>
      <c r="B154" s="8" t="s">
        <v>29</v>
      </c>
      <c r="D154" t="s">
        <v>77</v>
      </c>
      <c r="E154" s="9" t="s">
        <v>24</v>
      </c>
      <c r="F154" t="s">
        <v>13</v>
      </c>
      <c r="G154" t="s">
        <v>78</v>
      </c>
      <c r="H154" t="s">
        <v>13</v>
      </c>
      <c r="I154" s="8">
        <v>2030</v>
      </c>
      <c r="J154" t="s">
        <v>14</v>
      </c>
      <c r="K154" s="10"/>
      <c r="M154" s="10"/>
      <c r="N154">
        <v>26000</v>
      </c>
    </row>
    <row r="155" spans="1:14" hidden="1">
      <c r="A155" s="7" t="s">
        <v>10</v>
      </c>
      <c r="B155" s="8" t="s">
        <v>29</v>
      </c>
      <c r="D155" t="s">
        <v>77</v>
      </c>
      <c r="E155" s="9" t="s">
        <v>24</v>
      </c>
      <c r="F155" t="s">
        <v>13</v>
      </c>
      <c r="G155" t="s">
        <v>78</v>
      </c>
      <c r="H155" t="s">
        <v>13</v>
      </c>
      <c r="I155" s="8">
        <v>2031</v>
      </c>
      <c r="J155" t="s">
        <v>14</v>
      </c>
      <c r="K155" s="10"/>
      <c r="M155" s="10"/>
      <c r="N155">
        <v>26000</v>
      </c>
    </row>
    <row r="156" spans="1:14" hidden="1">
      <c r="A156" s="7" t="s">
        <v>10</v>
      </c>
      <c r="B156" s="8" t="s">
        <v>29</v>
      </c>
      <c r="D156" t="s">
        <v>77</v>
      </c>
      <c r="E156" s="9" t="s">
        <v>24</v>
      </c>
      <c r="F156" t="s">
        <v>13</v>
      </c>
      <c r="G156" t="s">
        <v>78</v>
      </c>
      <c r="H156" t="s">
        <v>13</v>
      </c>
      <c r="I156" s="8">
        <v>2032</v>
      </c>
      <c r="J156" t="s">
        <v>14</v>
      </c>
      <c r="K156" s="10"/>
      <c r="M156" s="10"/>
      <c r="N156">
        <v>26000</v>
      </c>
    </row>
    <row r="157" spans="1:14" hidden="1">
      <c r="A157" s="7" t="s">
        <v>10</v>
      </c>
      <c r="B157" s="8" t="s">
        <v>29</v>
      </c>
      <c r="D157" t="s">
        <v>77</v>
      </c>
      <c r="E157" s="9" t="s">
        <v>24</v>
      </c>
      <c r="F157" t="s">
        <v>13</v>
      </c>
      <c r="G157" t="s">
        <v>78</v>
      </c>
      <c r="H157" t="s">
        <v>13</v>
      </c>
      <c r="I157" s="8">
        <v>2033</v>
      </c>
      <c r="J157" t="s">
        <v>14</v>
      </c>
      <c r="K157" s="10"/>
      <c r="M157" s="10"/>
      <c r="N157">
        <v>26000</v>
      </c>
    </row>
    <row r="158" spans="1:14" hidden="1">
      <c r="A158" s="7" t="s">
        <v>10</v>
      </c>
      <c r="B158" s="8" t="s">
        <v>29</v>
      </c>
      <c r="D158" t="s">
        <v>77</v>
      </c>
      <c r="E158" s="9" t="s">
        <v>24</v>
      </c>
      <c r="F158" t="s">
        <v>13</v>
      </c>
      <c r="G158" t="s">
        <v>19</v>
      </c>
      <c r="H158" t="s">
        <v>13</v>
      </c>
      <c r="I158" s="8">
        <v>2025</v>
      </c>
      <c r="J158" t="s">
        <v>19</v>
      </c>
      <c r="K158" s="10"/>
      <c r="M158" s="10"/>
      <c r="N158">
        <v>300</v>
      </c>
    </row>
    <row r="159" spans="1:14" hidden="1">
      <c r="A159" s="7" t="s">
        <v>10</v>
      </c>
      <c r="B159" s="8" t="s">
        <v>29</v>
      </c>
      <c r="D159" t="s">
        <v>77</v>
      </c>
      <c r="E159" s="9" t="s">
        <v>24</v>
      </c>
      <c r="F159" t="s">
        <v>13</v>
      </c>
      <c r="G159" t="s">
        <v>19</v>
      </c>
      <c r="H159" t="s">
        <v>13</v>
      </c>
      <c r="I159" s="8">
        <v>2026</v>
      </c>
      <c r="J159" t="s">
        <v>19</v>
      </c>
      <c r="K159" s="10"/>
      <c r="M159" s="10"/>
      <c r="N159">
        <v>300</v>
      </c>
    </row>
    <row r="160" spans="1:14" hidden="1">
      <c r="A160" s="7" t="s">
        <v>10</v>
      </c>
      <c r="B160" s="8" t="s">
        <v>29</v>
      </c>
      <c r="D160" t="s">
        <v>77</v>
      </c>
      <c r="E160" s="9" t="s">
        <v>24</v>
      </c>
      <c r="F160" t="s">
        <v>13</v>
      </c>
      <c r="G160" t="s">
        <v>19</v>
      </c>
      <c r="H160" t="s">
        <v>13</v>
      </c>
      <c r="I160" s="8">
        <v>2027</v>
      </c>
      <c r="J160" t="s">
        <v>19</v>
      </c>
      <c r="K160" s="10"/>
      <c r="M160" s="10"/>
      <c r="N160">
        <v>300</v>
      </c>
    </row>
    <row r="161" spans="1:14" hidden="1">
      <c r="A161" s="7" t="s">
        <v>10</v>
      </c>
      <c r="B161" s="8" t="s">
        <v>29</v>
      </c>
      <c r="D161" t="s">
        <v>77</v>
      </c>
      <c r="E161" s="9" t="s">
        <v>24</v>
      </c>
      <c r="F161" t="s">
        <v>13</v>
      </c>
      <c r="G161" t="s">
        <v>19</v>
      </c>
      <c r="H161" t="s">
        <v>13</v>
      </c>
      <c r="I161" s="8">
        <v>2028</v>
      </c>
      <c r="J161" t="s">
        <v>19</v>
      </c>
      <c r="K161" s="10"/>
      <c r="M161" s="10"/>
      <c r="N161">
        <v>300</v>
      </c>
    </row>
    <row r="162" spans="1:14" hidden="1">
      <c r="A162" s="7" t="s">
        <v>10</v>
      </c>
      <c r="B162" s="8" t="s">
        <v>29</v>
      </c>
      <c r="D162" t="s">
        <v>77</v>
      </c>
      <c r="E162" s="9" t="s">
        <v>24</v>
      </c>
      <c r="F162" t="s">
        <v>13</v>
      </c>
      <c r="G162" t="s">
        <v>19</v>
      </c>
      <c r="H162" t="s">
        <v>13</v>
      </c>
      <c r="I162" s="8">
        <v>2029</v>
      </c>
      <c r="J162" t="s">
        <v>19</v>
      </c>
      <c r="K162" s="10"/>
      <c r="M162" s="10"/>
      <c r="N162">
        <v>300</v>
      </c>
    </row>
    <row r="163" spans="1:14" hidden="1">
      <c r="A163" s="7" t="s">
        <v>10</v>
      </c>
      <c r="B163" s="8" t="s">
        <v>29</v>
      </c>
      <c r="D163" t="s">
        <v>77</v>
      </c>
      <c r="E163" s="9" t="s">
        <v>24</v>
      </c>
      <c r="F163" t="s">
        <v>13</v>
      </c>
      <c r="G163" t="s">
        <v>19</v>
      </c>
      <c r="H163" t="s">
        <v>13</v>
      </c>
      <c r="I163" s="8">
        <v>2030</v>
      </c>
      <c r="J163" t="s">
        <v>19</v>
      </c>
      <c r="K163" s="10"/>
      <c r="M163" s="10"/>
      <c r="N163">
        <v>300</v>
      </c>
    </row>
    <row r="164" spans="1:14" hidden="1">
      <c r="A164" s="7" t="s">
        <v>10</v>
      </c>
      <c r="B164" s="8" t="s">
        <v>29</v>
      </c>
      <c r="D164" t="s">
        <v>77</v>
      </c>
      <c r="E164" s="9" t="s">
        <v>24</v>
      </c>
      <c r="F164" t="s">
        <v>13</v>
      </c>
      <c r="G164" t="s">
        <v>19</v>
      </c>
      <c r="H164" t="s">
        <v>13</v>
      </c>
      <c r="I164" s="8">
        <v>2031</v>
      </c>
      <c r="J164" t="s">
        <v>19</v>
      </c>
      <c r="K164" s="10"/>
      <c r="M164" s="10"/>
      <c r="N164">
        <v>300</v>
      </c>
    </row>
    <row r="165" spans="1:14" hidden="1">
      <c r="A165" s="7" t="s">
        <v>10</v>
      </c>
      <c r="B165" s="8" t="s">
        <v>29</v>
      </c>
      <c r="D165" t="s">
        <v>77</v>
      </c>
      <c r="E165" s="9" t="s">
        <v>24</v>
      </c>
      <c r="F165" t="s">
        <v>13</v>
      </c>
      <c r="G165" t="s">
        <v>19</v>
      </c>
      <c r="H165" t="s">
        <v>13</v>
      </c>
      <c r="I165" s="8">
        <v>2032</v>
      </c>
      <c r="J165" t="s">
        <v>19</v>
      </c>
      <c r="K165" s="10"/>
      <c r="M165" s="10"/>
      <c r="N165">
        <v>300</v>
      </c>
    </row>
    <row r="166" spans="1:14" hidden="1">
      <c r="A166" s="7" t="s">
        <v>10</v>
      </c>
      <c r="B166" s="8" t="s">
        <v>29</v>
      </c>
      <c r="D166" t="s">
        <v>77</v>
      </c>
      <c r="E166" s="9" t="s">
        <v>24</v>
      </c>
      <c r="F166" t="s">
        <v>13</v>
      </c>
      <c r="G166" t="s">
        <v>19</v>
      </c>
      <c r="H166" t="s">
        <v>13</v>
      </c>
      <c r="I166" s="8">
        <v>2033</v>
      </c>
      <c r="J166" t="s">
        <v>19</v>
      </c>
      <c r="K166" s="10"/>
      <c r="M166" s="10"/>
      <c r="N166">
        <v>300</v>
      </c>
    </row>
    <row r="167" spans="1:14" hidden="1">
      <c r="A167" s="7" t="s">
        <v>10</v>
      </c>
      <c r="B167" s="8" t="s">
        <v>30</v>
      </c>
      <c r="D167" t="s">
        <v>77</v>
      </c>
      <c r="E167" s="9" t="s">
        <v>31</v>
      </c>
      <c r="F167" t="s">
        <v>13</v>
      </c>
      <c r="G167" t="s">
        <v>78</v>
      </c>
      <c r="H167" t="s">
        <v>13</v>
      </c>
      <c r="I167" s="8">
        <v>2025</v>
      </c>
      <c r="J167" t="s">
        <v>21</v>
      </c>
      <c r="K167" s="10"/>
      <c r="M167" s="10"/>
      <c r="N167">
        <v>6770</v>
      </c>
    </row>
    <row r="168" spans="1:14" hidden="1">
      <c r="A168" s="7" t="s">
        <v>10</v>
      </c>
      <c r="B168" s="8" t="s">
        <v>30</v>
      </c>
      <c r="D168" t="s">
        <v>77</v>
      </c>
      <c r="E168" s="9" t="s">
        <v>31</v>
      </c>
      <c r="F168" t="s">
        <v>13</v>
      </c>
      <c r="G168" t="s">
        <v>78</v>
      </c>
      <c r="H168" t="s">
        <v>13</v>
      </c>
      <c r="I168" s="8">
        <v>2026</v>
      </c>
      <c r="J168" t="s">
        <v>21</v>
      </c>
      <c r="K168" s="10"/>
      <c r="M168" s="10"/>
      <c r="N168">
        <v>6770</v>
      </c>
    </row>
    <row r="169" spans="1:14" hidden="1">
      <c r="A169" s="7" t="s">
        <v>10</v>
      </c>
      <c r="B169" s="8" t="s">
        <v>30</v>
      </c>
      <c r="D169" t="s">
        <v>77</v>
      </c>
      <c r="E169" s="9" t="s">
        <v>31</v>
      </c>
      <c r="F169" t="s">
        <v>13</v>
      </c>
      <c r="G169" t="s">
        <v>78</v>
      </c>
      <c r="H169" t="s">
        <v>13</v>
      </c>
      <c r="I169" s="8">
        <v>2027</v>
      </c>
      <c r="J169" t="s">
        <v>21</v>
      </c>
      <c r="K169" s="10"/>
      <c r="M169" s="10"/>
      <c r="N169">
        <v>6770</v>
      </c>
    </row>
    <row r="170" spans="1:14" hidden="1">
      <c r="A170" s="7" t="s">
        <v>10</v>
      </c>
      <c r="B170" s="8" t="s">
        <v>30</v>
      </c>
      <c r="D170" t="s">
        <v>77</v>
      </c>
      <c r="E170" s="9" t="s">
        <v>31</v>
      </c>
      <c r="F170" t="s">
        <v>13</v>
      </c>
      <c r="G170" t="s">
        <v>78</v>
      </c>
      <c r="H170" t="s">
        <v>13</v>
      </c>
      <c r="I170" s="8">
        <v>2028</v>
      </c>
      <c r="J170" t="s">
        <v>21</v>
      </c>
      <c r="K170" s="10"/>
      <c r="M170" s="10"/>
      <c r="N170">
        <v>6770</v>
      </c>
    </row>
    <row r="171" spans="1:14" hidden="1">
      <c r="A171" s="7" t="s">
        <v>10</v>
      </c>
      <c r="B171" s="8" t="s">
        <v>30</v>
      </c>
      <c r="D171" t="s">
        <v>77</v>
      </c>
      <c r="E171" s="9" t="s">
        <v>31</v>
      </c>
      <c r="F171" t="s">
        <v>13</v>
      </c>
      <c r="G171" t="s">
        <v>78</v>
      </c>
      <c r="H171" t="s">
        <v>13</v>
      </c>
      <c r="I171" s="8">
        <v>2029</v>
      </c>
      <c r="J171" t="s">
        <v>21</v>
      </c>
      <c r="K171" s="10"/>
      <c r="M171" s="10"/>
      <c r="N171">
        <v>6770</v>
      </c>
    </row>
    <row r="172" spans="1:14" hidden="1">
      <c r="A172" s="7" t="s">
        <v>10</v>
      </c>
      <c r="B172" s="8" t="s">
        <v>30</v>
      </c>
      <c r="D172" t="s">
        <v>77</v>
      </c>
      <c r="E172" s="9" t="s">
        <v>31</v>
      </c>
      <c r="F172" t="s">
        <v>13</v>
      </c>
      <c r="G172" t="s">
        <v>78</v>
      </c>
      <c r="H172" t="s">
        <v>13</v>
      </c>
      <c r="I172" s="8">
        <v>2030</v>
      </c>
      <c r="J172" t="s">
        <v>21</v>
      </c>
      <c r="K172" s="10"/>
      <c r="M172" s="10"/>
      <c r="N172">
        <v>6770</v>
      </c>
    </row>
    <row r="173" spans="1:14" hidden="1">
      <c r="A173" s="7" t="s">
        <v>10</v>
      </c>
      <c r="B173" s="8" t="s">
        <v>30</v>
      </c>
      <c r="D173" t="s">
        <v>77</v>
      </c>
      <c r="E173" s="9" t="s">
        <v>31</v>
      </c>
      <c r="F173" t="s">
        <v>13</v>
      </c>
      <c r="G173" t="s">
        <v>78</v>
      </c>
      <c r="H173" t="s">
        <v>13</v>
      </c>
      <c r="I173" s="8">
        <v>2031</v>
      </c>
      <c r="J173" t="s">
        <v>21</v>
      </c>
      <c r="K173" s="10"/>
      <c r="M173" s="10"/>
      <c r="N173">
        <v>6770</v>
      </c>
    </row>
    <row r="174" spans="1:14" hidden="1">
      <c r="A174" s="7" t="s">
        <v>10</v>
      </c>
      <c r="B174" s="8" t="s">
        <v>30</v>
      </c>
      <c r="D174" t="s">
        <v>77</v>
      </c>
      <c r="E174" s="9" t="s">
        <v>31</v>
      </c>
      <c r="F174" t="s">
        <v>13</v>
      </c>
      <c r="G174" t="s">
        <v>78</v>
      </c>
      <c r="H174" t="s">
        <v>13</v>
      </c>
      <c r="I174" s="8">
        <v>2032</v>
      </c>
      <c r="J174" t="s">
        <v>21</v>
      </c>
      <c r="K174" s="10"/>
      <c r="M174" s="10"/>
      <c r="N174">
        <v>6770</v>
      </c>
    </row>
    <row r="175" spans="1:14" hidden="1">
      <c r="A175" s="7" t="s">
        <v>10</v>
      </c>
      <c r="B175" s="8" t="s">
        <v>30</v>
      </c>
      <c r="D175" t="s">
        <v>77</v>
      </c>
      <c r="E175" s="9" t="s">
        <v>31</v>
      </c>
      <c r="F175" t="s">
        <v>13</v>
      </c>
      <c r="G175" t="s">
        <v>78</v>
      </c>
      <c r="H175" t="s">
        <v>13</v>
      </c>
      <c r="I175" s="8">
        <v>2033</v>
      </c>
      <c r="J175" t="s">
        <v>21</v>
      </c>
      <c r="K175" s="10"/>
      <c r="M175" s="10"/>
      <c r="N175">
        <v>6770</v>
      </c>
    </row>
    <row r="176" spans="1:14" hidden="1">
      <c r="A176" s="7" t="s">
        <v>10</v>
      </c>
      <c r="B176" s="8" t="s">
        <v>32</v>
      </c>
      <c r="D176" t="s">
        <v>77</v>
      </c>
      <c r="E176" s="9" t="s">
        <v>31</v>
      </c>
      <c r="F176" t="s">
        <v>13</v>
      </c>
      <c r="G176" t="s">
        <v>78</v>
      </c>
      <c r="H176" t="s">
        <v>13</v>
      </c>
      <c r="I176" s="8">
        <v>2025</v>
      </c>
      <c r="J176" t="s">
        <v>14</v>
      </c>
      <c r="K176" s="10"/>
      <c r="M176" s="10"/>
      <c r="N176">
        <v>3921</v>
      </c>
    </row>
    <row r="177" spans="1:14" hidden="1">
      <c r="A177" s="7" t="s">
        <v>10</v>
      </c>
      <c r="B177" s="8" t="s">
        <v>32</v>
      </c>
      <c r="D177" t="s">
        <v>77</v>
      </c>
      <c r="E177" s="9" t="s">
        <v>31</v>
      </c>
      <c r="F177" t="s">
        <v>13</v>
      </c>
      <c r="G177" t="s">
        <v>78</v>
      </c>
      <c r="H177" t="s">
        <v>13</v>
      </c>
      <c r="I177" s="8">
        <v>2026</v>
      </c>
      <c r="J177" t="s">
        <v>14</v>
      </c>
      <c r="K177" s="10"/>
      <c r="M177" s="10"/>
      <c r="N177">
        <v>3921</v>
      </c>
    </row>
    <row r="178" spans="1:14" hidden="1">
      <c r="A178" s="7" t="s">
        <v>10</v>
      </c>
      <c r="B178" s="8" t="s">
        <v>32</v>
      </c>
      <c r="D178" t="s">
        <v>77</v>
      </c>
      <c r="E178" s="9" t="s">
        <v>31</v>
      </c>
      <c r="F178" t="s">
        <v>13</v>
      </c>
      <c r="G178" t="s">
        <v>78</v>
      </c>
      <c r="H178" t="s">
        <v>13</v>
      </c>
      <c r="I178" s="8">
        <v>2027</v>
      </c>
      <c r="J178" t="s">
        <v>14</v>
      </c>
      <c r="K178" s="10"/>
      <c r="M178" s="10"/>
      <c r="N178">
        <v>3921</v>
      </c>
    </row>
    <row r="179" spans="1:14" hidden="1">
      <c r="A179" s="7" t="s">
        <v>10</v>
      </c>
      <c r="B179" s="8" t="s">
        <v>32</v>
      </c>
      <c r="D179" t="s">
        <v>77</v>
      </c>
      <c r="E179" s="9" t="s">
        <v>31</v>
      </c>
      <c r="F179" t="s">
        <v>13</v>
      </c>
      <c r="G179" t="s">
        <v>78</v>
      </c>
      <c r="H179" t="s">
        <v>13</v>
      </c>
      <c r="I179" s="8">
        <v>2028</v>
      </c>
      <c r="J179" t="s">
        <v>14</v>
      </c>
      <c r="K179" s="10"/>
      <c r="M179" s="10"/>
      <c r="N179">
        <v>3921</v>
      </c>
    </row>
    <row r="180" spans="1:14" hidden="1">
      <c r="A180" s="7" t="s">
        <v>10</v>
      </c>
      <c r="B180" s="8" t="s">
        <v>32</v>
      </c>
      <c r="D180" t="s">
        <v>77</v>
      </c>
      <c r="E180" s="9" t="s">
        <v>31</v>
      </c>
      <c r="F180" t="s">
        <v>13</v>
      </c>
      <c r="G180" t="s">
        <v>78</v>
      </c>
      <c r="H180" t="s">
        <v>13</v>
      </c>
      <c r="I180" s="8">
        <v>2029</v>
      </c>
      <c r="J180" t="s">
        <v>14</v>
      </c>
      <c r="K180" s="10"/>
      <c r="M180" s="10"/>
      <c r="N180">
        <v>3921</v>
      </c>
    </row>
    <row r="181" spans="1:14" hidden="1">
      <c r="A181" s="7" t="s">
        <v>10</v>
      </c>
      <c r="B181" s="8" t="s">
        <v>32</v>
      </c>
      <c r="D181" t="s">
        <v>77</v>
      </c>
      <c r="E181" s="9" t="s">
        <v>31</v>
      </c>
      <c r="F181" t="s">
        <v>13</v>
      </c>
      <c r="G181" t="s">
        <v>78</v>
      </c>
      <c r="H181" t="s">
        <v>13</v>
      </c>
      <c r="I181" s="8">
        <v>2030</v>
      </c>
      <c r="J181" t="s">
        <v>14</v>
      </c>
      <c r="K181" s="10"/>
      <c r="M181" s="10"/>
      <c r="N181">
        <v>3921</v>
      </c>
    </row>
    <row r="182" spans="1:14" hidden="1">
      <c r="A182" s="7" t="s">
        <v>10</v>
      </c>
      <c r="B182" s="8" t="s">
        <v>32</v>
      </c>
      <c r="D182" t="s">
        <v>77</v>
      </c>
      <c r="E182" s="9" t="s">
        <v>31</v>
      </c>
      <c r="F182" t="s">
        <v>13</v>
      </c>
      <c r="G182" t="s">
        <v>78</v>
      </c>
      <c r="H182" t="s">
        <v>13</v>
      </c>
      <c r="I182" s="8">
        <v>2031</v>
      </c>
      <c r="J182" t="s">
        <v>14</v>
      </c>
      <c r="K182" s="10"/>
      <c r="M182" s="10"/>
      <c r="N182">
        <v>3921</v>
      </c>
    </row>
    <row r="183" spans="1:14" hidden="1">
      <c r="A183" s="7" t="s">
        <v>10</v>
      </c>
      <c r="B183" s="8" t="s">
        <v>32</v>
      </c>
      <c r="D183" t="s">
        <v>77</v>
      </c>
      <c r="E183" s="9" t="s">
        <v>31</v>
      </c>
      <c r="F183" t="s">
        <v>13</v>
      </c>
      <c r="G183" t="s">
        <v>78</v>
      </c>
      <c r="H183" t="s">
        <v>13</v>
      </c>
      <c r="I183" s="8">
        <v>2032</v>
      </c>
      <c r="J183" t="s">
        <v>14</v>
      </c>
      <c r="K183" s="10"/>
      <c r="M183" s="10"/>
      <c r="N183">
        <v>3921</v>
      </c>
    </row>
    <row r="184" spans="1:14" hidden="1">
      <c r="A184" s="7" t="s">
        <v>10</v>
      </c>
      <c r="B184" s="8" t="s">
        <v>32</v>
      </c>
      <c r="D184" t="s">
        <v>77</v>
      </c>
      <c r="E184" s="9" t="s">
        <v>31</v>
      </c>
      <c r="F184" t="s">
        <v>13</v>
      </c>
      <c r="G184" t="s">
        <v>78</v>
      </c>
      <c r="H184" t="s">
        <v>13</v>
      </c>
      <c r="I184" s="8">
        <v>2033</v>
      </c>
      <c r="J184" t="s">
        <v>14</v>
      </c>
      <c r="K184" s="10"/>
      <c r="M184" s="10"/>
      <c r="N184">
        <v>3921</v>
      </c>
    </row>
    <row r="185" spans="1:14" hidden="1">
      <c r="A185" s="7" t="s">
        <v>10</v>
      </c>
      <c r="B185" s="8" t="s">
        <v>32</v>
      </c>
      <c r="D185" t="s">
        <v>77</v>
      </c>
      <c r="E185" s="9" t="s">
        <v>31</v>
      </c>
      <c r="F185" t="s">
        <v>13</v>
      </c>
      <c r="G185" t="s">
        <v>78</v>
      </c>
      <c r="H185" t="s">
        <v>13</v>
      </c>
      <c r="I185" s="8">
        <v>2025</v>
      </c>
      <c r="J185" t="s">
        <v>21</v>
      </c>
      <c r="K185" s="10"/>
      <c r="M185" s="10"/>
      <c r="N185">
        <v>4600</v>
      </c>
    </row>
    <row r="186" spans="1:14" hidden="1">
      <c r="A186" s="7" t="s">
        <v>10</v>
      </c>
      <c r="B186" s="8" t="s">
        <v>32</v>
      </c>
      <c r="D186" t="s">
        <v>77</v>
      </c>
      <c r="E186" s="9" t="s">
        <v>31</v>
      </c>
      <c r="F186" t="s">
        <v>13</v>
      </c>
      <c r="G186" t="s">
        <v>78</v>
      </c>
      <c r="H186" t="s">
        <v>13</v>
      </c>
      <c r="I186" s="8">
        <v>2026</v>
      </c>
      <c r="J186" t="s">
        <v>21</v>
      </c>
      <c r="K186" s="10"/>
      <c r="M186" s="10"/>
      <c r="N186">
        <v>4600</v>
      </c>
    </row>
    <row r="187" spans="1:14" hidden="1">
      <c r="A187" s="7" t="s">
        <v>10</v>
      </c>
      <c r="B187" s="8" t="s">
        <v>32</v>
      </c>
      <c r="D187" t="s">
        <v>77</v>
      </c>
      <c r="E187" s="9" t="s">
        <v>31</v>
      </c>
      <c r="F187" t="s">
        <v>13</v>
      </c>
      <c r="G187" t="s">
        <v>78</v>
      </c>
      <c r="H187" t="s">
        <v>13</v>
      </c>
      <c r="I187" s="8">
        <v>2027</v>
      </c>
      <c r="J187" t="s">
        <v>21</v>
      </c>
      <c r="K187" s="10"/>
      <c r="M187" s="10"/>
      <c r="N187">
        <v>4600</v>
      </c>
    </row>
    <row r="188" spans="1:14" hidden="1">
      <c r="A188" s="7" t="s">
        <v>10</v>
      </c>
      <c r="B188" s="8" t="s">
        <v>32</v>
      </c>
      <c r="D188" t="s">
        <v>77</v>
      </c>
      <c r="E188" s="9" t="s">
        <v>31</v>
      </c>
      <c r="F188" t="s">
        <v>13</v>
      </c>
      <c r="G188" t="s">
        <v>78</v>
      </c>
      <c r="H188" t="s">
        <v>13</v>
      </c>
      <c r="I188" s="8">
        <v>2028</v>
      </c>
      <c r="J188" t="s">
        <v>21</v>
      </c>
      <c r="K188" s="10"/>
      <c r="M188" s="10"/>
      <c r="N188">
        <v>4600</v>
      </c>
    </row>
    <row r="189" spans="1:14" hidden="1">
      <c r="A189" s="7" t="s">
        <v>10</v>
      </c>
      <c r="B189" s="8" t="s">
        <v>32</v>
      </c>
      <c r="D189" t="s">
        <v>77</v>
      </c>
      <c r="E189" s="9" t="s">
        <v>31</v>
      </c>
      <c r="F189" t="s">
        <v>13</v>
      </c>
      <c r="G189" t="s">
        <v>78</v>
      </c>
      <c r="H189" t="s">
        <v>13</v>
      </c>
      <c r="I189" s="8">
        <v>2029</v>
      </c>
      <c r="J189" t="s">
        <v>21</v>
      </c>
      <c r="K189" s="10"/>
      <c r="M189" s="10"/>
      <c r="N189">
        <v>4600</v>
      </c>
    </row>
    <row r="190" spans="1:14" hidden="1">
      <c r="A190" s="7" t="s">
        <v>10</v>
      </c>
      <c r="B190" s="8" t="s">
        <v>32</v>
      </c>
      <c r="D190" t="s">
        <v>77</v>
      </c>
      <c r="E190" s="9" t="s">
        <v>31</v>
      </c>
      <c r="F190" t="s">
        <v>13</v>
      </c>
      <c r="G190" t="s">
        <v>78</v>
      </c>
      <c r="H190" t="s">
        <v>13</v>
      </c>
      <c r="I190" s="8">
        <v>2030</v>
      </c>
      <c r="J190" t="s">
        <v>21</v>
      </c>
      <c r="K190" s="10"/>
      <c r="M190" s="10"/>
      <c r="N190">
        <v>4600</v>
      </c>
    </row>
    <row r="191" spans="1:14" hidden="1">
      <c r="A191" s="7" t="s">
        <v>10</v>
      </c>
      <c r="B191" s="8" t="s">
        <v>32</v>
      </c>
      <c r="D191" t="s">
        <v>77</v>
      </c>
      <c r="E191" s="9" t="s">
        <v>31</v>
      </c>
      <c r="F191" t="s">
        <v>13</v>
      </c>
      <c r="G191" t="s">
        <v>78</v>
      </c>
      <c r="H191" t="s">
        <v>13</v>
      </c>
      <c r="I191" s="8">
        <v>2031</v>
      </c>
      <c r="J191" t="s">
        <v>21</v>
      </c>
      <c r="K191" s="10"/>
      <c r="M191" s="10"/>
      <c r="N191">
        <v>4600</v>
      </c>
    </row>
    <row r="192" spans="1:14" hidden="1">
      <c r="A192" s="7" t="s">
        <v>10</v>
      </c>
      <c r="B192" s="8" t="s">
        <v>32</v>
      </c>
      <c r="D192" t="s">
        <v>77</v>
      </c>
      <c r="E192" s="9" t="s">
        <v>31</v>
      </c>
      <c r="F192" t="s">
        <v>13</v>
      </c>
      <c r="G192" t="s">
        <v>78</v>
      </c>
      <c r="H192" t="s">
        <v>13</v>
      </c>
      <c r="I192" s="8">
        <v>2032</v>
      </c>
      <c r="J192" t="s">
        <v>21</v>
      </c>
      <c r="K192" s="10"/>
      <c r="M192" s="10"/>
      <c r="N192">
        <v>4600</v>
      </c>
    </row>
    <row r="193" spans="1:14" hidden="1">
      <c r="A193" s="7" t="s">
        <v>10</v>
      </c>
      <c r="B193" s="8" t="s">
        <v>32</v>
      </c>
      <c r="D193" t="s">
        <v>77</v>
      </c>
      <c r="E193" s="9" t="s">
        <v>31</v>
      </c>
      <c r="F193" t="s">
        <v>13</v>
      </c>
      <c r="G193" t="s">
        <v>78</v>
      </c>
      <c r="H193" t="s">
        <v>13</v>
      </c>
      <c r="I193" s="8">
        <v>2033</v>
      </c>
      <c r="J193" t="s">
        <v>21</v>
      </c>
      <c r="K193" s="10"/>
      <c r="M193" s="10"/>
      <c r="N193">
        <v>4600</v>
      </c>
    </row>
    <row r="194" spans="1:14" hidden="1">
      <c r="A194" s="7" t="s">
        <v>10</v>
      </c>
      <c r="B194" s="8" t="s">
        <v>33</v>
      </c>
      <c r="D194" t="s">
        <v>77</v>
      </c>
      <c r="E194" s="9" t="s">
        <v>31</v>
      </c>
      <c r="F194" t="s">
        <v>13</v>
      </c>
      <c r="G194" t="s">
        <v>79</v>
      </c>
      <c r="H194" t="s">
        <v>13</v>
      </c>
      <c r="I194" s="8">
        <v>2025</v>
      </c>
      <c r="J194" t="s">
        <v>15</v>
      </c>
      <c r="K194" s="10"/>
      <c r="M194" s="10"/>
      <c r="N194">
        <v>3000</v>
      </c>
    </row>
    <row r="195" spans="1:14" hidden="1">
      <c r="A195" s="7" t="s">
        <v>10</v>
      </c>
      <c r="B195" s="8" t="s">
        <v>33</v>
      </c>
      <c r="D195" t="s">
        <v>77</v>
      </c>
      <c r="E195" s="9" t="s">
        <v>31</v>
      </c>
      <c r="F195" t="s">
        <v>13</v>
      </c>
      <c r="G195" t="s">
        <v>79</v>
      </c>
      <c r="H195" t="s">
        <v>13</v>
      </c>
      <c r="I195" s="8">
        <v>2026</v>
      </c>
      <c r="J195" t="s">
        <v>15</v>
      </c>
      <c r="K195" s="10"/>
      <c r="M195" s="10"/>
      <c r="N195">
        <v>4500</v>
      </c>
    </row>
    <row r="196" spans="1:14" hidden="1">
      <c r="A196" s="7" t="s">
        <v>10</v>
      </c>
      <c r="B196" s="8" t="s">
        <v>33</v>
      </c>
      <c r="D196" t="s">
        <v>77</v>
      </c>
      <c r="E196" s="9" t="s">
        <v>31</v>
      </c>
      <c r="F196" t="s">
        <v>13</v>
      </c>
      <c r="G196" t="s">
        <v>79</v>
      </c>
      <c r="H196" t="s">
        <v>13</v>
      </c>
      <c r="I196" s="8">
        <v>2027</v>
      </c>
      <c r="J196" t="s">
        <v>15</v>
      </c>
      <c r="K196" s="10"/>
      <c r="M196" s="10"/>
      <c r="N196">
        <v>4500</v>
      </c>
    </row>
    <row r="197" spans="1:14" hidden="1">
      <c r="A197" s="7" t="s">
        <v>10</v>
      </c>
      <c r="B197" s="8" t="s">
        <v>33</v>
      </c>
      <c r="D197" t="s">
        <v>77</v>
      </c>
      <c r="E197" s="9" t="s">
        <v>31</v>
      </c>
      <c r="F197" t="s">
        <v>13</v>
      </c>
      <c r="G197" t="s">
        <v>79</v>
      </c>
      <c r="H197" t="s">
        <v>13</v>
      </c>
      <c r="I197" s="8">
        <v>2028</v>
      </c>
      <c r="J197" t="s">
        <v>15</v>
      </c>
      <c r="K197" s="10"/>
      <c r="M197" s="10"/>
      <c r="N197">
        <v>4500</v>
      </c>
    </row>
    <row r="198" spans="1:14" hidden="1">
      <c r="A198" s="7" t="s">
        <v>10</v>
      </c>
      <c r="B198" s="8" t="s">
        <v>33</v>
      </c>
      <c r="D198" t="s">
        <v>77</v>
      </c>
      <c r="E198" s="9" t="s">
        <v>31</v>
      </c>
      <c r="F198" t="s">
        <v>13</v>
      </c>
      <c r="G198" t="s">
        <v>79</v>
      </c>
      <c r="H198" t="s">
        <v>13</v>
      </c>
      <c r="I198" s="8">
        <v>2029</v>
      </c>
      <c r="J198" t="s">
        <v>15</v>
      </c>
      <c r="K198" s="10"/>
      <c r="M198" s="10"/>
      <c r="N198">
        <v>4500</v>
      </c>
    </row>
    <row r="199" spans="1:14" hidden="1">
      <c r="A199" s="7" t="s">
        <v>10</v>
      </c>
      <c r="B199" s="8" t="s">
        <v>33</v>
      </c>
      <c r="D199" t="s">
        <v>77</v>
      </c>
      <c r="E199" s="9" t="s">
        <v>31</v>
      </c>
      <c r="F199" t="s">
        <v>13</v>
      </c>
      <c r="G199" t="s">
        <v>79</v>
      </c>
      <c r="H199" t="s">
        <v>13</v>
      </c>
      <c r="I199" s="8">
        <v>2030</v>
      </c>
      <c r="J199" t="s">
        <v>15</v>
      </c>
      <c r="K199" s="10"/>
      <c r="M199" s="10"/>
      <c r="N199">
        <v>4500</v>
      </c>
    </row>
    <row r="200" spans="1:14" hidden="1">
      <c r="A200" s="7" t="s">
        <v>10</v>
      </c>
      <c r="B200" s="8" t="s">
        <v>33</v>
      </c>
      <c r="D200" t="s">
        <v>77</v>
      </c>
      <c r="E200" s="9" t="s">
        <v>31</v>
      </c>
      <c r="F200" t="s">
        <v>13</v>
      </c>
      <c r="G200" t="s">
        <v>79</v>
      </c>
      <c r="H200" t="s">
        <v>13</v>
      </c>
      <c r="I200" s="8">
        <v>2031</v>
      </c>
      <c r="J200" t="s">
        <v>15</v>
      </c>
      <c r="K200" s="10"/>
      <c r="M200" s="10"/>
      <c r="N200">
        <v>4500</v>
      </c>
    </row>
    <row r="201" spans="1:14" hidden="1">
      <c r="A201" s="7" t="s">
        <v>10</v>
      </c>
      <c r="B201" s="8" t="s">
        <v>33</v>
      </c>
      <c r="D201" t="s">
        <v>77</v>
      </c>
      <c r="E201" s="9" t="s">
        <v>31</v>
      </c>
      <c r="F201" t="s">
        <v>13</v>
      </c>
      <c r="G201" t="s">
        <v>79</v>
      </c>
      <c r="H201" t="s">
        <v>13</v>
      </c>
      <c r="I201" s="8">
        <v>2032</v>
      </c>
      <c r="J201" t="s">
        <v>15</v>
      </c>
      <c r="K201" s="10"/>
      <c r="M201" s="10"/>
      <c r="N201">
        <v>4500</v>
      </c>
    </row>
    <row r="202" spans="1:14" hidden="1">
      <c r="A202" s="7" t="s">
        <v>10</v>
      </c>
      <c r="B202" s="8" t="s">
        <v>33</v>
      </c>
      <c r="D202" t="s">
        <v>77</v>
      </c>
      <c r="E202" s="9" t="s">
        <v>31</v>
      </c>
      <c r="F202" t="s">
        <v>13</v>
      </c>
      <c r="G202" t="s">
        <v>79</v>
      </c>
      <c r="H202" t="s">
        <v>13</v>
      </c>
      <c r="I202" s="8">
        <v>2033</v>
      </c>
      <c r="J202" t="s">
        <v>15</v>
      </c>
      <c r="K202" s="10"/>
      <c r="M202" s="10"/>
      <c r="N202">
        <v>4500</v>
      </c>
    </row>
    <row r="203" spans="1:14" hidden="1">
      <c r="A203" s="7" t="s">
        <v>10</v>
      </c>
      <c r="B203" s="8" t="s">
        <v>34</v>
      </c>
      <c r="D203" t="s">
        <v>77</v>
      </c>
      <c r="E203" s="9" t="s">
        <v>31</v>
      </c>
      <c r="F203" t="s">
        <v>13</v>
      </c>
      <c r="G203" t="s">
        <v>78</v>
      </c>
      <c r="H203" t="s">
        <v>13</v>
      </c>
      <c r="I203" s="8">
        <v>2025</v>
      </c>
      <c r="J203" t="s">
        <v>14</v>
      </c>
      <c r="K203" s="10"/>
      <c r="M203" s="10"/>
      <c r="N203">
        <v>0</v>
      </c>
    </row>
    <row r="204" spans="1:14" hidden="1">
      <c r="A204" s="7" t="s">
        <v>10</v>
      </c>
      <c r="B204" s="8" t="s">
        <v>34</v>
      </c>
      <c r="D204" t="s">
        <v>77</v>
      </c>
      <c r="E204" s="9" t="s">
        <v>31</v>
      </c>
      <c r="F204" t="s">
        <v>13</v>
      </c>
      <c r="G204" t="s">
        <v>78</v>
      </c>
      <c r="H204" t="s">
        <v>13</v>
      </c>
      <c r="I204" s="8">
        <v>2026</v>
      </c>
      <c r="J204" t="s">
        <v>14</v>
      </c>
      <c r="K204" s="10"/>
      <c r="M204" s="10"/>
      <c r="N204">
        <v>0</v>
      </c>
    </row>
    <row r="205" spans="1:14" hidden="1">
      <c r="A205" s="7" t="s">
        <v>10</v>
      </c>
      <c r="B205" s="8" t="s">
        <v>34</v>
      </c>
      <c r="D205" t="s">
        <v>77</v>
      </c>
      <c r="E205" s="9" t="s">
        <v>31</v>
      </c>
      <c r="F205" t="s">
        <v>13</v>
      </c>
      <c r="G205" t="s">
        <v>78</v>
      </c>
      <c r="H205" t="s">
        <v>13</v>
      </c>
      <c r="I205" s="8">
        <v>2027</v>
      </c>
      <c r="J205" t="s">
        <v>14</v>
      </c>
      <c r="K205" s="10"/>
      <c r="M205" s="10"/>
      <c r="N205">
        <v>18000</v>
      </c>
    </row>
    <row r="206" spans="1:14" hidden="1">
      <c r="A206" s="7" t="s">
        <v>10</v>
      </c>
      <c r="B206" s="8" t="s">
        <v>34</v>
      </c>
      <c r="D206" t="s">
        <v>77</v>
      </c>
      <c r="E206" s="9" t="s">
        <v>31</v>
      </c>
      <c r="F206" t="s">
        <v>13</v>
      </c>
      <c r="G206" t="s">
        <v>78</v>
      </c>
      <c r="H206" t="s">
        <v>13</v>
      </c>
      <c r="I206" s="8">
        <v>2028</v>
      </c>
      <c r="J206" t="s">
        <v>14</v>
      </c>
      <c r="K206" s="10"/>
      <c r="M206" s="10"/>
      <c r="N206">
        <v>18000</v>
      </c>
    </row>
    <row r="207" spans="1:14" hidden="1">
      <c r="A207" s="7" t="s">
        <v>10</v>
      </c>
      <c r="B207" s="8" t="s">
        <v>34</v>
      </c>
      <c r="D207" t="s">
        <v>77</v>
      </c>
      <c r="E207" s="9" t="s">
        <v>31</v>
      </c>
      <c r="F207" t="s">
        <v>13</v>
      </c>
      <c r="G207" t="s">
        <v>78</v>
      </c>
      <c r="H207" t="s">
        <v>13</v>
      </c>
      <c r="I207" s="8">
        <v>2029</v>
      </c>
      <c r="J207" t="s">
        <v>14</v>
      </c>
      <c r="K207" s="10"/>
      <c r="M207" s="10"/>
      <c r="N207">
        <v>18000</v>
      </c>
    </row>
    <row r="208" spans="1:14" hidden="1">
      <c r="A208" s="7" t="s">
        <v>10</v>
      </c>
      <c r="B208" s="8" t="s">
        <v>34</v>
      </c>
      <c r="D208" t="s">
        <v>77</v>
      </c>
      <c r="E208" s="9" t="s">
        <v>31</v>
      </c>
      <c r="F208" t="s">
        <v>13</v>
      </c>
      <c r="G208" t="s">
        <v>78</v>
      </c>
      <c r="H208" t="s">
        <v>13</v>
      </c>
      <c r="I208" s="8">
        <v>2030</v>
      </c>
      <c r="J208" t="s">
        <v>14</v>
      </c>
      <c r="K208" s="10"/>
      <c r="M208" s="10"/>
      <c r="N208">
        <v>18000</v>
      </c>
    </row>
    <row r="209" spans="1:14" hidden="1">
      <c r="A209" s="7" t="s">
        <v>10</v>
      </c>
      <c r="B209" s="8" t="s">
        <v>34</v>
      </c>
      <c r="D209" t="s">
        <v>77</v>
      </c>
      <c r="E209" s="9" t="s">
        <v>31</v>
      </c>
      <c r="F209" t="s">
        <v>13</v>
      </c>
      <c r="G209" t="s">
        <v>78</v>
      </c>
      <c r="H209" t="s">
        <v>13</v>
      </c>
      <c r="I209" s="8">
        <v>2031</v>
      </c>
      <c r="J209" t="s">
        <v>14</v>
      </c>
      <c r="K209" s="10"/>
      <c r="M209" s="10"/>
      <c r="N209">
        <v>18000</v>
      </c>
    </row>
    <row r="210" spans="1:14" hidden="1">
      <c r="A210" s="7" t="s">
        <v>10</v>
      </c>
      <c r="B210" s="8" t="s">
        <v>34</v>
      </c>
      <c r="D210" t="s">
        <v>77</v>
      </c>
      <c r="E210" s="9" t="s">
        <v>31</v>
      </c>
      <c r="F210" t="s">
        <v>13</v>
      </c>
      <c r="G210" t="s">
        <v>78</v>
      </c>
      <c r="H210" t="s">
        <v>13</v>
      </c>
      <c r="I210" s="8">
        <v>2032</v>
      </c>
      <c r="J210" t="s">
        <v>14</v>
      </c>
      <c r="K210" s="10"/>
      <c r="M210" s="10"/>
      <c r="N210">
        <v>18000</v>
      </c>
    </row>
    <row r="211" spans="1:14" hidden="1">
      <c r="A211" s="7" t="s">
        <v>10</v>
      </c>
      <c r="B211" s="8" t="s">
        <v>34</v>
      </c>
      <c r="D211" t="s">
        <v>77</v>
      </c>
      <c r="E211" s="9" t="s">
        <v>31</v>
      </c>
      <c r="F211" t="s">
        <v>13</v>
      </c>
      <c r="G211" t="s">
        <v>78</v>
      </c>
      <c r="H211" t="s">
        <v>13</v>
      </c>
      <c r="I211" s="8">
        <v>2033</v>
      </c>
      <c r="J211" t="s">
        <v>14</v>
      </c>
      <c r="K211" s="10"/>
      <c r="M211" s="10"/>
      <c r="N211">
        <v>18000</v>
      </c>
    </row>
    <row r="212" spans="1:14" hidden="1">
      <c r="A212" s="7" t="s">
        <v>10</v>
      </c>
      <c r="B212" s="8" t="s">
        <v>34</v>
      </c>
      <c r="D212" t="s">
        <v>77</v>
      </c>
      <c r="E212" s="9" t="s">
        <v>31</v>
      </c>
      <c r="F212" t="s">
        <v>13</v>
      </c>
      <c r="G212" t="s">
        <v>79</v>
      </c>
      <c r="H212" t="s">
        <v>13</v>
      </c>
      <c r="I212" s="8">
        <v>2025</v>
      </c>
      <c r="J212" t="s">
        <v>15</v>
      </c>
      <c r="K212" s="10"/>
      <c r="M212" s="10"/>
      <c r="N212">
        <v>0</v>
      </c>
    </row>
    <row r="213" spans="1:14" hidden="1">
      <c r="A213" s="7" t="s">
        <v>10</v>
      </c>
      <c r="B213" s="8" t="s">
        <v>34</v>
      </c>
      <c r="D213" t="s">
        <v>77</v>
      </c>
      <c r="E213" s="9" t="s">
        <v>31</v>
      </c>
      <c r="F213" t="s">
        <v>13</v>
      </c>
      <c r="G213" t="s">
        <v>79</v>
      </c>
      <c r="H213" t="s">
        <v>13</v>
      </c>
      <c r="I213" s="8">
        <v>2026</v>
      </c>
      <c r="J213" t="s">
        <v>15</v>
      </c>
      <c r="K213" s="10"/>
      <c r="M213" s="10"/>
      <c r="N213">
        <v>0</v>
      </c>
    </row>
    <row r="214" spans="1:14" hidden="1">
      <c r="A214" s="7" t="s">
        <v>10</v>
      </c>
      <c r="B214" s="8" t="s">
        <v>34</v>
      </c>
      <c r="D214" t="s">
        <v>77</v>
      </c>
      <c r="E214" s="9" t="s">
        <v>31</v>
      </c>
      <c r="F214" t="s">
        <v>13</v>
      </c>
      <c r="G214" t="s">
        <v>79</v>
      </c>
      <c r="H214" t="s">
        <v>13</v>
      </c>
      <c r="I214" s="8">
        <v>2027</v>
      </c>
      <c r="J214" t="s">
        <v>15</v>
      </c>
      <c r="K214" s="10"/>
      <c r="M214" s="10"/>
      <c r="N214">
        <v>9000</v>
      </c>
    </row>
    <row r="215" spans="1:14" hidden="1">
      <c r="A215" s="7" t="s">
        <v>10</v>
      </c>
      <c r="B215" s="8" t="s">
        <v>34</v>
      </c>
      <c r="D215" t="s">
        <v>77</v>
      </c>
      <c r="E215" s="9" t="s">
        <v>31</v>
      </c>
      <c r="F215" t="s">
        <v>13</v>
      </c>
      <c r="G215" t="s">
        <v>79</v>
      </c>
      <c r="H215" t="s">
        <v>13</v>
      </c>
      <c r="I215" s="8">
        <v>2028</v>
      </c>
      <c r="J215" t="s">
        <v>15</v>
      </c>
      <c r="K215" s="10"/>
      <c r="M215" s="10"/>
      <c r="N215">
        <v>9000</v>
      </c>
    </row>
    <row r="216" spans="1:14" hidden="1">
      <c r="A216" s="7" t="s">
        <v>10</v>
      </c>
      <c r="B216" s="8" t="s">
        <v>34</v>
      </c>
      <c r="D216" t="s">
        <v>77</v>
      </c>
      <c r="E216" s="9" t="s">
        <v>31</v>
      </c>
      <c r="F216" t="s">
        <v>13</v>
      </c>
      <c r="G216" t="s">
        <v>79</v>
      </c>
      <c r="H216" t="s">
        <v>13</v>
      </c>
      <c r="I216" s="8">
        <v>2029</v>
      </c>
      <c r="J216" t="s">
        <v>15</v>
      </c>
      <c r="K216" s="10"/>
      <c r="M216" s="10"/>
      <c r="N216">
        <v>9000</v>
      </c>
    </row>
    <row r="217" spans="1:14" hidden="1">
      <c r="A217" s="7" t="s">
        <v>10</v>
      </c>
      <c r="B217" s="8" t="s">
        <v>34</v>
      </c>
      <c r="D217" t="s">
        <v>77</v>
      </c>
      <c r="E217" s="9" t="s">
        <v>31</v>
      </c>
      <c r="F217" t="s">
        <v>13</v>
      </c>
      <c r="G217" t="s">
        <v>79</v>
      </c>
      <c r="H217" t="s">
        <v>13</v>
      </c>
      <c r="I217" s="8">
        <v>2030</v>
      </c>
      <c r="J217" t="s">
        <v>15</v>
      </c>
      <c r="K217" s="10"/>
      <c r="M217" s="10"/>
      <c r="N217">
        <v>9000</v>
      </c>
    </row>
    <row r="218" spans="1:14" hidden="1">
      <c r="A218" s="7" t="s">
        <v>10</v>
      </c>
      <c r="B218" s="8" t="s">
        <v>34</v>
      </c>
      <c r="D218" t="s">
        <v>77</v>
      </c>
      <c r="E218" s="9" t="s">
        <v>31</v>
      </c>
      <c r="F218" t="s">
        <v>13</v>
      </c>
      <c r="G218" t="s">
        <v>79</v>
      </c>
      <c r="H218" t="s">
        <v>13</v>
      </c>
      <c r="I218" s="8">
        <v>2031</v>
      </c>
      <c r="J218" t="s">
        <v>15</v>
      </c>
      <c r="K218" s="10"/>
      <c r="M218" s="10"/>
      <c r="N218">
        <v>9000</v>
      </c>
    </row>
    <row r="219" spans="1:14" hidden="1">
      <c r="A219" s="7" t="s">
        <v>10</v>
      </c>
      <c r="B219" s="8" t="s">
        <v>34</v>
      </c>
      <c r="D219" t="s">
        <v>77</v>
      </c>
      <c r="E219" s="9" t="s">
        <v>31</v>
      </c>
      <c r="F219" t="s">
        <v>13</v>
      </c>
      <c r="G219" t="s">
        <v>79</v>
      </c>
      <c r="H219" t="s">
        <v>13</v>
      </c>
      <c r="I219" s="8">
        <v>2032</v>
      </c>
      <c r="J219" t="s">
        <v>15</v>
      </c>
      <c r="K219" s="10"/>
      <c r="M219" s="10"/>
      <c r="N219">
        <v>9000</v>
      </c>
    </row>
    <row r="220" spans="1:14" hidden="1">
      <c r="A220" s="7" t="s">
        <v>10</v>
      </c>
      <c r="B220" s="8" t="s">
        <v>34</v>
      </c>
      <c r="D220" t="s">
        <v>77</v>
      </c>
      <c r="E220" s="9" t="s">
        <v>31</v>
      </c>
      <c r="F220" t="s">
        <v>13</v>
      </c>
      <c r="G220" t="s">
        <v>79</v>
      </c>
      <c r="H220" t="s">
        <v>13</v>
      </c>
      <c r="I220" s="8">
        <v>2033</v>
      </c>
      <c r="J220" t="s">
        <v>15</v>
      </c>
      <c r="K220" s="10"/>
      <c r="M220" s="10"/>
      <c r="N220">
        <v>9000</v>
      </c>
    </row>
    <row r="221" spans="1:14" hidden="1">
      <c r="A221" s="7" t="s">
        <v>10</v>
      </c>
      <c r="B221" s="8" t="s">
        <v>35</v>
      </c>
      <c r="D221" t="s">
        <v>77</v>
      </c>
      <c r="E221" s="9" t="s">
        <v>36</v>
      </c>
      <c r="F221" t="s">
        <v>13</v>
      </c>
      <c r="G221" t="s">
        <v>78</v>
      </c>
      <c r="H221" t="s">
        <v>13</v>
      </c>
      <c r="I221" s="8">
        <v>2025</v>
      </c>
      <c r="J221" t="s">
        <v>21</v>
      </c>
      <c r="K221" s="10"/>
      <c r="M221" s="10"/>
      <c r="N221">
        <v>4000</v>
      </c>
    </row>
    <row r="222" spans="1:14" hidden="1">
      <c r="A222" s="7" t="s">
        <v>10</v>
      </c>
      <c r="B222" s="8" t="s">
        <v>35</v>
      </c>
      <c r="D222" t="s">
        <v>77</v>
      </c>
      <c r="E222" s="9" t="s">
        <v>36</v>
      </c>
      <c r="F222" t="s">
        <v>13</v>
      </c>
      <c r="G222" t="s">
        <v>78</v>
      </c>
      <c r="H222" t="s">
        <v>13</v>
      </c>
      <c r="I222" s="8">
        <v>2026</v>
      </c>
      <c r="J222" t="s">
        <v>21</v>
      </c>
      <c r="K222" s="10"/>
      <c r="M222" s="10"/>
      <c r="N222">
        <v>4000</v>
      </c>
    </row>
    <row r="223" spans="1:14" hidden="1">
      <c r="A223" s="7" t="s">
        <v>10</v>
      </c>
      <c r="B223" s="8" t="s">
        <v>35</v>
      </c>
      <c r="D223" t="s">
        <v>77</v>
      </c>
      <c r="E223" s="9" t="s">
        <v>36</v>
      </c>
      <c r="F223" t="s">
        <v>13</v>
      </c>
      <c r="G223" t="s">
        <v>78</v>
      </c>
      <c r="H223" t="s">
        <v>13</v>
      </c>
      <c r="I223" s="8">
        <v>2027</v>
      </c>
      <c r="J223" t="s">
        <v>21</v>
      </c>
      <c r="K223" s="10"/>
      <c r="M223" s="10"/>
      <c r="N223">
        <v>4000</v>
      </c>
    </row>
    <row r="224" spans="1:14" hidden="1">
      <c r="A224" s="7" t="s">
        <v>10</v>
      </c>
      <c r="B224" s="8" t="s">
        <v>35</v>
      </c>
      <c r="D224" t="s">
        <v>77</v>
      </c>
      <c r="E224" s="9" t="s">
        <v>36</v>
      </c>
      <c r="F224" t="s">
        <v>13</v>
      </c>
      <c r="G224" t="s">
        <v>78</v>
      </c>
      <c r="H224" t="s">
        <v>13</v>
      </c>
      <c r="I224" s="8">
        <v>2028</v>
      </c>
      <c r="J224" t="s">
        <v>21</v>
      </c>
      <c r="K224" s="10"/>
      <c r="M224" s="10"/>
      <c r="N224">
        <v>4000</v>
      </c>
    </row>
    <row r="225" spans="1:14" hidden="1">
      <c r="A225" s="7" t="s">
        <v>10</v>
      </c>
      <c r="B225" s="8" t="s">
        <v>35</v>
      </c>
      <c r="D225" t="s">
        <v>77</v>
      </c>
      <c r="E225" s="9" t="s">
        <v>36</v>
      </c>
      <c r="F225" t="s">
        <v>13</v>
      </c>
      <c r="G225" t="s">
        <v>78</v>
      </c>
      <c r="H225" t="s">
        <v>13</v>
      </c>
      <c r="I225" s="8">
        <v>2029</v>
      </c>
      <c r="J225" t="s">
        <v>21</v>
      </c>
      <c r="K225" s="10"/>
      <c r="M225" s="10"/>
      <c r="N225">
        <v>4000</v>
      </c>
    </row>
    <row r="226" spans="1:14" hidden="1">
      <c r="A226" s="7" t="s">
        <v>10</v>
      </c>
      <c r="B226" s="8" t="s">
        <v>35</v>
      </c>
      <c r="D226" t="s">
        <v>77</v>
      </c>
      <c r="E226" s="9" t="s">
        <v>36</v>
      </c>
      <c r="F226" t="s">
        <v>13</v>
      </c>
      <c r="G226" t="s">
        <v>78</v>
      </c>
      <c r="H226" t="s">
        <v>13</v>
      </c>
      <c r="I226" s="8">
        <v>2030</v>
      </c>
      <c r="J226" t="s">
        <v>21</v>
      </c>
      <c r="K226" s="10"/>
      <c r="M226" s="10"/>
      <c r="N226">
        <v>4000</v>
      </c>
    </row>
    <row r="227" spans="1:14" hidden="1">
      <c r="A227" s="7" t="s">
        <v>10</v>
      </c>
      <c r="B227" s="8" t="s">
        <v>35</v>
      </c>
      <c r="D227" t="s">
        <v>77</v>
      </c>
      <c r="E227" s="9" t="s">
        <v>36</v>
      </c>
      <c r="F227" t="s">
        <v>13</v>
      </c>
      <c r="G227" t="s">
        <v>78</v>
      </c>
      <c r="H227" t="s">
        <v>13</v>
      </c>
      <c r="I227" s="8">
        <v>2031</v>
      </c>
      <c r="J227" t="s">
        <v>21</v>
      </c>
      <c r="K227" s="10"/>
      <c r="M227" s="10"/>
      <c r="N227">
        <v>4000</v>
      </c>
    </row>
    <row r="228" spans="1:14" hidden="1">
      <c r="A228" s="7" t="s">
        <v>10</v>
      </c>
      <c r="B228" s="8" t="s">
        <v>35</v>
      </c>
      <c r="D228" t="s">
        <v>77</v>
      </c>
      <c r="E228" s="9" t="s">
        <v>36</v>
      </c>
      <c r="F228" t="s">
        <v>13</v>
      </c>
      <c r="G228" t="s">
        <v>78</v>
      </c>
      <c r="H228" t="s">
        <v>13</v>
      </c>
      <c r="I228" s="8">
        <v>2032</v>
      </c>
      <c r="J228" t="s">
        <v>21</v>
      </c>
      <c r="K228" s="10"/>
      <c r="M228" s="10"/>
      <c r="N228">
        <v>4000</v>
      </c>
    </row>
    <row r="229" spans="1:14" hidden="1">
      <c r="A229" s="7" t="s">
        <v>10</v>
      </c>
      <c r="B229" s="8" t="s">
        <v>35</v>
      </c>
      <c r="D229" t="s">
        <v>77</v>
      </c>
      <c r="E229" s="9" t="s">
        <v>36</v>
      </c>
      <c r="F229" t="s">
        <v>13</v>
      </c>
      <c r="G229" t="s">
        <v>78</v>
      </c>
      <c r="H229" t="s">
        <v>13</v>
      </c>
      <c r="I229" s="8">
        <v>2033</v>
      </c>
      <c r="J229" t="s">
        <v>21</v>
      </c>
      <c r="K229" s="10"/>
      <c r="M229" s="10"/>
      <c r="N229">
        <v>4000</v>
      </c>
    </row>
    <row r="230" spans="1:14" hidden="1">
      <c r="A230" s="7" t="s">
        <v>10</v>
      </c>
      <c r="B230" s="8" t="s">
        <v>37</v>
      </c>
      <c r="D230" t="s">
        <v>77</v>
      </c>
      <c r="E230" s="9" t="s">
        <v>36</v>
      </c>
      <c r="F230" t="s">
        <v>13</v>
      </c>
      <c r="G230" t="s">
        <v>78</v>
      </c>
      <c r="H230" t="s">
        <v>13</v>
      </c>
      <c r="I230" s="8">
        <v>2025</v>
      </c>
      <c r="J230" t="s">
        <v>14</v>
      </c>
      <c r="K230" s="10"/>
      <c r="M230" s="10"/>
      <c r="N230">
        <v>13452</v>
      </c>
    </row>
    <row r="231" spans="1:14" hidden="1">
      <c r="A231" s="7" t="s">
        <v>10</v>
      </c>
      <c r="B231" s="8" t="s">
        <v>37</v>
      </c>
      <c r="D231" t="s">
        <v>77</v>
      </c>
      <c r="E231" s="9" t="s">
        <v>36</v>
      </c>
      <c r="F231" t="s">
        <v>13</v>
      </c>
      <c r="G231" t="s">
        <v>78</v>
      </c>
      <c r="H231" t="s">
        <v>13</v>
      </c>
      <c r="I231" s="8">
        <v>2026</v>
      </c>
      <c r="J231" t="s">
        <v>14</v>
      </c>
      <c r="K231" s="10"/>
      <c r="M231" s="10"/>
      <c r="N231">
        <v>13452</v>
      </c>
    </row>
    <row r="232" spans="1:14" hidden="1">
      <c r="A232" s="7" t="s">
        <v>10</v>
      </c>
      <c r="B232" s="8" t="s">
        <v>37</v>
      </c>
      <c r="D232" t="s">
        <v>77</v>
      </c>
      <c r="E232" s="9" t="s">
        <v>36</v>
      </c>
      <c r="F232" t="s">
        <v>13</v>
      </c>
      <c r="G232" t="s">
        <v>78</v>
      </c>
      <c r="H232" t="s">
        <v>13</v>
      </c>
      <c r="I232" s="8">
        <v>2027</v>
      </c>
      <c r="J232" t="s">
        <v>14</v>
      </c>
      <c r="K232" s="10"/>
      <c r="M232" s="10"/>
      <c r="N232">
        <v>13452</v>
      </c>
    </row>
    <row r="233" spans="1:14" hidden="1">
      <c r="A233" s="7" t="s">
        <v>10</v>
      </c>
      <c r="B233" s="8" t="s">
        <v>37</v>
      </c>
      <c r="D233" t="s">
        <v>77</v>
      </c>
      <c r="E233" s="9" t="s">
        <v>36</v>
      </c>
      <c r="F233" t="s">
        <v>13</v>
      </c>
      <c r="G233" t="s">
        <v>78</v>
      </c>
      <c r="H233" t="s">
        <v>13</v>
      </c>
      <c r="I233" s="8">
        <v>2028</v>
      </c>
      <c r="J233" t="s">
        <v>14</v>
      </c>
      <c r="K233" s="10"/>
      <c r="M233" s="10"/>
      <c r="N233">
        <v>13452</v>
      </c>
    </row>
    <row r="234" spans="1:14" hidden="1">
      <c r="A234" s="7" t="s">
        <v>10</v>
      </c>
      <c r="B234" s="8" t="s">
        <v>37</v>
      </c>
      <c r="D234" t="s">
        <v>77</v>
      </c>
      <c r="E234" s="9" t="s">
        <v>36</v>
      </c>
      <c r="F234" t="s">
        <v>13</v>
      </c>
      <c r="G234" t="s">
        <v>78</v>
      </c>
      <c r="H234" t="s">
        <v>13</v>
      </c>
      <c r="I234" s="8">
        <v>2029</v>
      </c>
      <c r="J234" t="s">
        <v>14</v>
      </c>
      <c r="K234" s="10"/>
      <c r="M234" s="10"/>
      <c r="N234">
        <v>13452</v>
      </c>
    </row>
    <row r="235" spans="1:14" hidden="1">
      <c r="A235" s="7" t="s">
        <v>10</v>
      </c>
      <c r="B235" s="8" t="s">
        <v>37</v>
      </c>
      <c r="D235" t="s">
        <v>77</v>
      </c>
      <c r="E235" s="9" t="s">
        <v>36</v>
      </c>
      <c r="F235" t="s">
        <v>13</v>
      </c>
      <c r="G235" t="s">
        <v>78</v>
      </c>
      <c r="H235" t="s">
        <v>13</v>
      </c>
      <c r="I235" s="8">
        <v>2030</v>
      </c>
      <c r="J235" t="s">
        <v>14</v>
      </c>
      <c r="K235" s="10"/>
      <c r="M235" s="10"/>
      <c r="N235">
        <v>13452</v>
      </c>
    </row>
    <row r="236" spans="1:14" hidden="1">
      <c r="A236" s="7" t="s">
        <v>10</v>
      </c>
      <c r="B236" s="8" t="s">
        <v>37</v>
      </c>
      <c r="D236" t="s">
        <v>77</v>
      </c>
      <c r="E236" s="9" t="s">
        <v>36</v>
      </c>
      <c r="F236" t="s">
        <v>13</v>
      </c>
      <c r="G236" t="s">
        <v>78</v>
      </c>
      <c r="H236" t="s">
        <v>13</v>
      </c>
      <c r="I236" s="8">
        <v>2031</v>
      </c>
      <c r="J236" t="s">
        <v>14</v>
      </c>
      <c r="K236" s="10"/>
      <c r="M236" s="10"/>
      <c r="N236">
        <v>13452</v>
      </c>
    </row>
    <row r="237" spans="1:14" hidden="1">
      <c r="A237" s="7" t="s">
        <v>10</v>
      </c>
      <c r="B237" s="8" t="s">
        <v>37</v>
      </c>
      <c r="D237" t="s">
        <v>77</v>
      </c>
      <c r="E237" s="9" t="s">
        <v>36</v>
      </c>
      <c r="F237" t="s">
        <v>13</v>
      </c>
      <c r="G237" t="s">
        <v>78</v>
      </c>
      <c r="H237" t="s">
        <v>13</v>
      </c>
      <c r="I237" s="8">
        <v>2032</v>
      </c>
      <c r="J237" t="s">
        <v>14</v>
      </c>
      <c r="K237" s="10"/>
      <c r="M237" s="10"/>
      <c r="N237">
        <v>13452</v>
      </c>
    </row>
    <row r="238" spans="1:14" hidden="1">
      <c r="A238" s="7" t="s">
        <v>10</v>
      </c>
      <c r="B238" s="8" t="s">
        <v>37</v>
      </c>
      <c r="D238" t="s">
        <v>77</v>
      </c>
      <c r="E238" s="9" t="s">
        <v>36</v>
      </c>
      <c r="F238" t="s">
        <v>13</v>
      </c>
      <c r="G238" t="s">
        <v>78</v>
      </c>
      <c r="H238" t="s">
        <v>13</v>
      </c>
      <c r="I238" s="8">
        <v>2033</v>
      </c>
      <c r="J238" t="s">
        <v>14</v>
      </c>
      <c r="K238" s="10"/>
      <c r="M238" s="10"/>
      <c r="N238">
        <v>13452</v>
      </c>
    </row>
    <row r="239" spans="1:14" hidden="1">
      <c r="A239" s="7" t="s">
        <v>10</v>
      </c>
      <c r="B239" s="8" t="s">
        <v>38</v>
      </c>
      <c r="D239" t="s">
        <v>77</v>
      </c>
      <c r="E239" s="9" t="s">
        <v>39</v>
      </c>
      <c r="F239" t="s">
        <v>13</v>
      </c>
      <c r="G239" t="s">
        <v>79</v>
      </c>
      <c r="H239" t="s">
        <v>13</v>
      </c>
      <c r="I239" s="8">
        <v>2025</v>
      </c>
      <c r="J239" t="s">
        <v>15</v>
      </c>
      <c r="K239" s="10"/>
      <c r="M239" s="10"/>
      <c r="N239">
        <v>2250</v>
      </c>
    </row>
    <row r="240" spans="1:14" hidden="1">
      <c r="A240" s="7" t="s">
        <v>10</v>
      </c>
      <c r="B240" s="8" t="s">
        <v>38</v>
      </c>
      <c r="D240" t="s">
        <v>77</v>
      </c>
      <c r="E240" s="9" t="s">
        <v>39</v>
      </c>
      <c r="F240" t="s">
        <v>13</v>
      </c>
      <c r="G240" t="s">
        <v>79</v>
      </c>
      <c r="H240" t="s">
        <v>13</v>
      </c>
      <c r="I240" s="8">
        <v>2026</v>
      </c>
      <c r="J240" t="s">
        <v>15</v>
      </c>
      <c r="K240" s="10"/>
      <c r="M240" s="10"/>
      <c r="N240">
        <v>2250</v>
      </c>
    </row>
    <row r="241" spans="1:14" hidden="1">
      <c r="A241" s="7" t="s">
        <v>10</v>
      </c>
      <c r="B241" s="8" t="s">
        <v>38</v>
      </c>
      <c r="D241" t="s">
        <v>77</v>
      </c>
      <c r="E241" s="9" t="s">
        <v>39</v>
      </c>
      <c r="F241" t="s">
        <v>13</v>
      </c>
      <c r="G241" t="s">
        <v>79</v>
      </c>
      <c r="H241" t="s">
        <v>13</v>
      </c>
      <c r="I241" s="8">
        <v>2027</v>
      </c>
      <c r="J241" t="s">
        <v>15</v>
      </c>
      <c r="K241" s="10"/>
      <c r="M241" s="10"/>
      <c r="N241">
        <v>2250</v>
      </c>
    </row>
    <row r="242" spans="1:14" hidden="1">
      <c r="A242" s="7" t="s">
        <v>10</v>
      </c>
      <c r="B242" s="8" t="s">
        <v>38</v>
      </c>
      <c r="D242" t="s">
        <v>77</v>
      </c>
      <c r="E242" s="9" t="s">
        <v>39</v>
      </c>
      <c r="F242" t="s">
        <v>13</v>
      </c>
      <c r="G242" t="s">
        <v>79</v>
      </c>
      <c r="H242" t="s">
        <v>13</v>
      </c>
      <c r="I242" s="8">
        <v>2028</v>
      </c>
      <c r="J242" t="s">
        <v>15</v>
      </c>
      <c r="K242" s="10"/>
      <c r="M242" s="10"/>
      <c r="N242">
        <v>2250</v>
      </c>
    </row>
    <row r="243" spans="1:14" hidden="1">
      <c r="A243" s="7" t="s">
        <v>10</v>
      </c>
      <c r="B243" s="8" t="s">
        <v>38</v>
      </c>
      <c r="D243" t="s">
        <v>77</v>
      </c>
      <c r="E243" s="9" t="s">
        <v>39</v>
      </c>
      <c r="F243" t="s">
        <v>13</v>
      </c>
      <c r="G243" t="s">
        <v>79</v>
      </c>
      <c r="H243" t="s">
        <v>13</v>
      </c>
      <c r="I243" s="8">
        <v>2029</v>
      </c>
      <c r="J243" t="s">
        <v>15</v>
      </c>
      <c r="K243" s="10"/>
      <c r="M243" s="10"/>
      <c r="N243">
        <v>2250</v>
      </c>
    </row>
    <row r="244" spans="1:14" hidden="1">
      <c r="A244" s="7" t="s">
        <v>10</v>
      </c>
      <c r="B244" s="8" t="s">
        <v>38</v>
      </c>
      <c r="D244" t="s">
        <v>77</v>
      </c>
      <c r="E244" s="9" t="s">
        <v>39</v>
      </c>
      <c r="F244" t="s">
        <v>13</v>
      </c>
      <c r="G244" t="s">
        <v>79</v>
      </c>
      <c r="H244" t="s">
        <v>13</v>
      </c>
      <c r="I244" s="8">
        <v>2030</v>
      </c>
      <c r="J244" t="s">
        <v>15</v>
      </c>
      <c r="K244" s="10"/>
      <c r="M244" s="10"/>
      <c r="N244">
        <v>2250</v>
      </c>
    </row>
    <row r="245" spans="1:14" hidden="1">
      <c r="A245" s="7" t="s">
        <v>10</v>
      </c>
      <c r="B245" s="8" t="s">
        <v>38</v>
      </c>
      <c r="D245" t="s">
        <v>77</v>
      </c>
      <c r="E245" s="9" t="s">
        <v>39</v>
      </c>
      <c r="F245" t="s">
        <v>13</v>
      </c>
      <c r="G245" t="s">
        <v>79</v>
      </c>
      <c r="H245" t="s">
        <v>13</v>
      </c>
      <c r="I245" s="8">
        <v>2031</v>
      </c>
      <c r="J245" t="s">
        <v>15</v>
      </c>
      <c r="K245" s="10"/>
      <c r="M245" s="10"/>
      <c r="N245">
        <v>2250</v>
      </c>
    </row>
    <row r="246" spans="1:14" hidden="1">
      <c r="A246" s="7" t="s">
        <v>10</v>
      </c>
      <c r="B246" s="8" t="s">
        <v>38</v>
      </c>
      <c r="D246" t="s">
        <v>77</v>
      </c>
      <c r="E246" s="9" t="s">
        <v>39</v>
      </c>
      <c r="F246" t="s">
        <v>13</v>
      </c>
      <c r="G246" t="s">
        <v>79</v>
      </c>
      <c r="H246" t="s">
        <v>13</v>
      </c>
      <c r="I246" s="8">
        <v>2032</v>
      </c>
      <c r="J246" t="s">
        <v>15</v>
      </c>
      <c r="K246" s="10"/>
      <c r="M246" s="10"/>
      <c r="N246">
        <v>2250</v>
      </c>
    </row>
    <row r="247" spans="1:14" hidden="1">
      <c r="A247" s="7" t="s">
        <v>10</v>
      </c>
      <c r="B247" s="8" t="s">
        <v>38</v>
      </c>
      <c r="D247" t="s">
        <v>77</v>
      </c>
      <c r="E247" s="9" t="s">
        <v>39</v>
      </c>
      <c r="F247" t="s">
        <v>13</v>
      </c>
      <c r="G247" t="s">
        <v>79</v>
      </c>
      <c r="H247" t="s">
        <v>13</v>
      </c>
      <c r="I247" s="8">
        <v>2033</v>
      </c>
      <c r="J247" t="s">
        <v>15</v>
      </c>
      <c r="K247" s="10"/>
      <c r="M247" s="10"/>
      <c r="N247">
        <v>2250</v>
      </c>
    </row>
    <row r="248" spans="1:14" hidden="1">
      <c r="A248" s="7" t="s">
        <v>10</v>
      </c>
      <c r="B248" s="8" t="s">
        <v>40</v>
      </c>
      <c r="D248" t="s">
        <v>77</v>
      </c>
      <c r="E248" s="9" t="s">
        <v>41</v>
      </c>
      <c r="F248" t="s">
        <v>13</v>
      </c>
      <c r="G248" t="s">
        <v>78</v>
      </c>
      <c r="H248" t="s">
        <v>13</v>
      </c>
      <c r="I248" s="8">
        <v>2025</v>
      </c>
      <c r="J248" t="s">
        <v>14</v>
      </c>
      <c r="K248" s="10"/>
      <c r="M248" s="10"/>
      <c r="N248">
        <v>115</v>
      </c>
    </row>
    <row r="249" spans="1:14" hidden="1">
      <c r="A249" s="7" t="s">
        <v>10</v>
      </c>
      <c r="B249" s="8" t="s">
        <v>40</v>
      </c>
      <c r="D249" t="s">
        <v>77</v>
      </c>
      <c r="E249" s="9" t="s">
        <v>41</v>
      </c>
      <c r="F249" t="s">
        <v>13</v>
      </c>
      <c r="G249" t="s">
        <v>78</v>
      </c>
      <c r="H249" t="s">
        <v>13</v>
      </c>
      <c r="I249" s="8">
        <v>2026</v>
      </c>
      <c r="J249" t="s">
        <v>14</v>
      </c>
      <c r="K249" s="10"/>
      <c r="M249" s="10"/>
      <c r="N249">
        <v>115</v>
      </c>
    </row>
    <row r="250" spans="1:14" hidden="1">
      <c r="A250" s="7" t="s">
        <v>10</v>
      </c>
      <c r="B250" s="8" t="s">
        <v>40</v>
      </c>
      <c r="D250" t="s">
        <v>77</v>
      </c>
      <c r="E250" s="9" t="s">
        <v>41</v>
      </c>
      <c r="F250" t="s">
        <v>13</v>
      </c>
      <c r="G250" t="s">
        <v>78</v>
      </c>
      <c r="H250" t="s">
        <v>13</v>
      </c>
      <c r="I250" s="8">
        <v>2027</v>
      </c>
      <c r="J250" t="s">
        <v>14</v>
      </c>
      <c r="K250" s="10"/>
      <c r="M250" s="10"/>
      <c r="N250">
        <v>115</v>
      </c>
    </row>
    <row r="251" spans="1:14" hidden="1">
      <c r="A251" s="7" t="s">
        <v>10</v>
      </c>
      <c r="B251" s="8" t="s">
        <v>40</v>
      </c>
      <c r="D251" t="s">
        <v>77</v>
      </c>
      <c r="E251" s="9" t="s">
        <v>41</v>
      </c>
      <c r="F251" t="s">
        <v>13</v>
      </c>
      <c r="G251" t="s">
        <v>78</v>
      </c>
      <c r="H251" t="s">
        <v>13</v>
      </c>
      <c r="I251" s="8">
        <v>2028</v>
      </c>
      <c r="J251" t="s">
        <v>14</v>
      </c>
      <c r="K251" s="10"/>
      <c r="M251" s="10"/>
      <c r="N251">
        <v>115</v>
      </c>
    </row>
    <row r="252" spans="1:14" hidden="1">
      <c r="A252" s="7" t="s">
        <v>10</v>
      </c>
      <c r="B252" s="8" t="s">
        <v>40</v>
      </c>
      <c r="D252" t="s">
        <v>77</v>
      </c>
      <c r="E252" s="9" t="s">
        <v>41</v>
      </c>
      <c r="F252" t="s">
        <v>13</v>
      </c>
      <c r="G252" t="s">
        <v>78</v>
      </c>
      <c r="H252" t="s">
        <v>13</v>
      </c>
      <c r="I252" s="8">
        <v>2029</v>
      </c>
      <c r="J252" t="s">
        <v>14</v>
      </c>
      <c r="K252" s="10"/>
      <c r="M252" s="10"/>
      <c r="N252">
        <v>115</v>
      </c>
    </row>
    <row r="253" spans="1:14" hidden="1">
      <c r="A253" s="7" t="s">
        <v>10</v>
      </c>
      <c r="B253" s="8" t="s">
        <v>40</v>
      </c>
      <c r="D253" t="s">
        <v>77</v>
      </c>
      <c r="E253" s="9" t="s">
        <v>41</v>
      </c>
      <c r="F253" t="s">
        <v>13</v>
      </c>
      <c r="G253" t="s">
        <v>78</v>
      </c>
      <c r="H253" t="s">
        <v>13</v>
      </c>
      <c r="I253" s="8">
        <v>2030</v>
      </c>
      <c r="J253" t="s">
        <v>14</v>
      </c>
      <c r="K253" s="10"/>
      <c r="M253" s="10"/>
      <c r="N253">
        <v>115</v>
      </c>
    </row>
    <row r="254" spans="1:14" hidden="1">
      <c r="A254" s="7" t="s">
        <v>10</v>
      </c>
      <c r="B254" s="8" t="s">
        <v>40</v>
      </c>
      <c r="D254" t="s">
        <v>77</v>
      </c>
      <c r="E254" s="9" t="s">
        <v>41</v>
      </c>
      <c r="F254" t="s">
        <v>13</v>
      </c>
      <c r="G254" t="s">
        <v>78</v>
      </c>
      <c r="H254" t="s">
        <v>13</v>
      </c>
      <c r="I254" s="8">
        <v>2031</v>
      </c>
      <c r="J254" t="s">
        <v>14</v>
      </c>
      <c r="K254" s="10"/>
      <c r="M254" s="10"/>
      <c r="N254">
        <v>115</v>
      </c>
    </row>
    <row r="255" spans="1:14" hidden="1">
      <c r="A255" s="7" t="s">
        <v>10</v>
      </c>
      <c r="B255" s="8" t="s">
        <v>40</v>
      </c>
      <c r="D255" t="s">
        <v>77</v>
      </c>
      <c r="E255" s="9" t="s">
        <v>41</v>
      </c>
      <c r="F255" t="s">
        <v>13</v>
      </c>
      <c r="G255" t="s">
        <v>78</v>
      </c>
      <c r="H255" t="s">
        <v>13</v>
      </c>
      <c r="I255" s="8">
        <v>2032</v>
      </c>
      <c r="J255" t="s">
        <v>14</v>
      </c>
      <c r="K255" s="10"/>
      <c r="M255" s="10"/>
      <c r="N255">
        <v>115</v>
      </c>
    </row>
    <row r="256" spans="1:14" hidden="1">
      <c r="A256" s="7" t="s">
        <v>10</v>
      </c>
      <c r="B256" s="8" t="s">
        <v>40</v>
      </c>
      <c r="D256" t="s">
        <v>77</v>
      </c>
      <c r="E256" s="9" t="s">
        <v>41</v>
      </c>
      <c r="F256" t="s">
        <v>13</v>
      </c>
      <c r="G256" t="s">
        <v>78</v>
      </c>
      <c r="H256" t="s">
        <v>13</v>
      </c>
      <c r="I256" s="8">
        <v>2033</v>
      </c>
      <c r="J256" t="s">
        <v>14</v>
      </c>
      <c r="K256" s="10"/>
      <c r="M256" s="10"/>
      <c r="N256">
        <v>115</v>
      </c>
    </row>
    <row r="257" spans="1:14" hidden="1">
      <c r="A257" s="7" t="s">
        <v>10</v>
      </c>
      <c r="B257" s="8" t="s">
        <v>40</v>
      </c>
      <c r="D257" t="s">
        <v>77</v>
      </c>
      <c r="E257" s="9" t="s">
        <v>41</v>
      </c>
      <c r="F257" t="s">
        <v>13</v>
      </c>
      <c r="G257" t="s">
        <v>79</v>
      </c>
      <c r="H257" t="s">
        <v>13</v>
      </c>
      <c r="I257" s="8">
        <v>2025</v>
      </c>
      <c r="J257" t="s">
        <v>15</v>
      </c>
      <c r="K257" s="10"/>
      <c r="M257" s="10"/>
      <c r="N257">
        <v>296</v>
      </c>
    </row>
    <row r="258" spans="1:14" hidden="1">
      <c r="A258" s="7" t="s">
        <v>10</v>
      </c>
      <c r="B258" s="8" t="s">
        <v>40</v>
      </c>
      <c r="D258" t="s">
        <v>77</v>
      </c>
      <c r="E258" s="9" t="s">
        <v>41</v>
      </c>
      <c r="F258" t="s">
        <v>13</v>
      </c>
      <c r="G258" t="s">
        <v>79</v>
      </c>
      <c r="H258" t="s">
        <v>13</v>
      </c>
      <c r="I258" s="8">
        <v>2026</v>
      </c>
      <c r="J258" t="s">
        <v>15</v>
      </c>
      <c r="K258" s="10"/>
      <c r="M258" s="10"/>
      <c r="N258">
        <v>296</v>
      </c>
    </row>
    <row r="259" spans="1:14" hidden="1">
      <c r="A259" s="7" t="s">
        <v>10</v>
      </c>
      <c r="B259" s="8" t="s">
        <v>40</v>
      </c>
      <c r="D259" t="s">
        <v>77</v>
      </c>
      <c r="E259" s="9" t="s">
        <v>41</v>
      </c>
      <c r="F259" t="s">
        <v>13</v>
      </c>
      <c r="G259" t="s">
        <v>79</v>
      </c>
      <c r="H259" t="s">
        <v>13</v>
      </c>
      <c r="I259" s="8">
        <v>2027</v>
      </c>
      <c r="J259" t="s">
        <v>15</v>
      </c>
      <c r="K259" s="10"/>
      <c r="M259" s="10"/>
      <c r="N259">
        <v>296</v>
      </c>
    </row>
    <row r="260" spans="1:14" hidden="1">
      <c r="A260" s="7" t="s">
        <v>10</v>
      </c>
      <c r="B260" s="8" t="s">
        <v>40</v>
      </c>
      <c r="D260" t="s">
        <v>77</v>
      </c>
      <c r="E260" s="9" t="s">
        <v>41</v>
      </c>
      <c r="F260" t="s">
        <v>13</v>
      </c>
      <c r="G260" t="s">
        <v>79</v>
      </c>
      <c r="H260" t="s">
        <v>13</v>
      </c>
      <c r="I260" s="8">
        <v>2028</v>
      </c>
      <c r="J260" t="s">
        <v>15</v>
      </c>
      <c r="K260" s="10"/>
      <c r="M260" s="10"/>
      <c r="N260">
        <v>296</v>
      </c>
    </row>
    <row r="261" spans="1:14" hidden="1">
      <c r="A261" s="7" t="s">
        <v>10</v>
      </c>
      <c r="B261" s="8" t="s">
        <v>40</v>
      </c>
      <c r="D261" t="s">
        <v>77</v>
      </c>
      <c r="E261" s="9" t="s">
        <v>41</v>
      </c>
      <c r="F261" t="s">
        <v>13</v>
      </c>
      <c r="G261" t="s">
        <v>79</v>
      </c>
      <c r="H261" t="s">
        <v>13</v>
      </c>
      <c r="I261" s="8">
        <v>2029</v>
      </c>
      <c r="J261" t="s">
        <v>15</v>
      </c>
      <c r="K261" s="10"/>
      <c r="M261" s="10"/>
      <c r="N261">
        <v>296</v>
      </c>
    </row>
    <row r="262" spans="1:14" hidden="1">
      <c r="A262" s="7" t="s">
        <v>10</v>
      </c>
      <c r="B262" s="8" t="s">
        <v>40</v>
      </c>
      <c r="D262" t="s">
        <v>77</v>
      </c>
      <c r="E262" s="9" t="s">
        <v>41</v>
      </c>
      <c r="F262" t="s">
        <v>13</v>
      </c>
      <c r="G262" t="s">
        <v>79</v>
      </c>
      <c r="H262" t="s">
        <v>13</v>
      </c>
      <c r="I262" s="8">
        <v>2030</v>
      </c>
      <c r="J262" t="s">
        <v>15</v>
      </c>
      <c r="K262" s="10"/>
      <c r="M262" s="10"/>
      <c r="N262">
        <v>296</v>
      </c>
    </row>
    <row r="263" spans="1:14" hidden="1">
      <c r="A263" s="7" t="s">
        <v>10</v>
      </c>
      <c r="B263" s="8" t="s">
        <v>40</v>
      </c>
      <c r="D263" t="s">
        <v>77</v>
      </c>
      <c r="E263" s="9" t="s">
        <v>41</v>
      </c>
      <c r="F263" t="s">
        <v>13</v>
      </c>
      <c r="G263" t="s">
        <v>79</v>
      </c>
      <c r="H263" t="s">
        <v>13</v>
      </c>
      <c r="I263" s="8">
        <v>2031</v>
      </c>
      <c r="J263" t="s">
        <v>15</v>
      </c>
      <c r="K263" s="10"/>
      <c r="M263" s="10"/>
      <c r="N263">
        <v>296</v>
      </c>
    </row>
    <row r="264" spans="1:14" hidden="1">
      <c r="A264" s="7" t="s">
        <v>10</v>
      </c>
      <c r="B264" s="8" t="s">
        <v>40</v>
      </c>
      <c r="D264" t="s">
        <v>77</v>
      </c>
      <c r="E264" s="9" t="s">
        <v>41</v>
      </c>
      <c r="F264" t="s">
        <v>13</v>
      </c>
      <c r="G264" t="s">
        <v>79</v>
      </c>
      <c r="H264" t="s">
        <v>13</v>
      </c>
      <c r="I264" s="8">
        <v>2032</v>
      </c>
      <c r="J264" t="s">
        <v>15</v>
      </c>
      <c r="K264" s="10"/>
      <c r="M264" s="10"/>
      <c r="N264">
        <v>296</v>
      </c>
    </row>
    <row r="265" spans="1:14" hidden="1">
      <c r="A265" s="7" t="s">
        <v>10</v>
      </c>
      <c r="B265" s="8" t="s">
        <v>40</v>
      </c>
      <c r="D265" t="s">
        <v>77</v>
      </c>
      <c r="E265" s="9" t="s">
        <v>41</v>
      </c>
      <c r="F265" t="s">
        <v>13</v>
      </c>
      <c r="G265" t="s">
        <v>79</v>
      </c>
      <c r="H265" t="s">
        <v>13</v>
      </c>
      <c r="I265" s="8">
        <v>2033</v>
      </c>
      <c r="J265" t="s">
        <v>15</v>
      </c>
      <c r="K265" s="10"/>
      <c r="M265" s="10"/>
      <c r="N265">
        <v>296</v>
      </c>
    </row>
    <row r="266" spans="1:14" hidden="1">
      <c r="A266" s="7" t="s">
        <v>10</v>
      </c>
      <c r="B266" s="8" t="s">
        <v>42</v>
      </c>
      <c r="D266" t="s">
        <v>77</v>
      </c>
      <c r="E266" s="9" t="s">
        <v>43</v>
      </c>
      <c r="F266" t="s">
        <v>13</v>
      </c>
      <c r="G266" t="s">
        <v>78</v>
      </c>
      <c r="H266" t="s">
        <v>13</v>
      </c>
      <c r="I266" s="8">
        <v>2025</v>
      </c>
      <c r="J266" t="s">
        <v>14</v>
      </c>
      <c r="K266" s="10"/>
      <c r="M266" s="10"/>
      <c r="N266">
        <v>450</v>
      </c>
    </row>
    <row r="267" spans="1:14" hidden="1">
      <c r="A267" s="7" t="s">
        <v>10</v>
      </c>
      <c r="B267" s="8" t="s">
        <v>42</v>
      </c>
      <c r="D267" t="s">
        <v>77</v>
      </c>
      <c r="E267" s="9" t="s">
        <v>43</v>
      </c>
      <c r="F267" t="s">
        <v>13</v>
      </c>
      <c r="G267" t="s">
        <v>78</v>
      </c>
      <c r="H267" t="s">
        <v>13</v>
      </c>
      <c r="I267" s="8">
        <v>2026</v>
      </c>
      <c r="J267" t="s">
        <v>14</v>
      </c>
      <c r="K267" s="10"/>
      <c r="M267" s="10"/>
      <c r="N267">
        <v>450</v>
      </c>
    </row>
    <row r="268" spans="1:14" hidden="1">
      <c r="A268" s="7" t="s">
        <v>10</v>
      </c>
      <c r="B268" s="8" t="s">
        <v>42</v>
      </c>
      <c r="D268" t="s">
        <v>77</v>
      </c>
      <c r="E268" s="9" t="s">
        <v>43</v>
      </c>
      <c r="F268" t="s">
        <v>13</v>
      </c>
      <c r="G268" t="s">
        <v>78</v>
      </c>
      <c r="H268" t="s">
        <v>13</v>
      </c>
      <c r="I268" s="8">
        <v>2027</v>
      </c>
      <c r="J268" t="s">
        <v>14</v>
      </c>
      <c r="K268" s="10"/>
      <c r="M268" s="10"/>
      <c r="N268">
        <v>450</v>
      </c>
    </row>
    <row r="269" spans="1:14" hidden="1">
      <c r="A269" s="7" t="s">
        <v>10</v>
      </c>
      <c r="B269" s="8" t="s">
        <v>42</v>
      </c>
      <c r="D269" t="s">
        <v>77</v>
      </c>
      <c r="E269" s="9" t="s">
        <v>43</v>
      </c>
      <c r="F269" t="s">
        <v>13</v>
      </c>
      <c r="G269" t="s">
        <v>78</v>
      </c>
      <c r="H269" t="s">
        <v>13</v>
      </c>
      <c r="I269" s="8">
        <v>2028</v>
      </c>
      <c r="J269" t="s">
        <v>14</v>
      </c>
      <c r="K269" s="10"/>
      <c r="M269" s="10"/>
      <c r="N269">
        <v>450</v>
      </c>
    </row>
    <row r="270" spans="1:14" hidden="1">
      <c r="A270" s="7" t="s">
        <v>10</v>
      </c>
      <c r="B270" s="8" t="s">
        <v>42</v>
      </c>
      <c r="D270" t="s">
        <v>77</v>
      </c>
      <c r="E270" s="9" t="s">
        <v>43</v>
      </c>
      <c r="F270" t="s">
        <v>13</v>
      </c>
      <c r="G270" t="s">
        <v>78</v>
      </c>
      <c r="H270" t="s">
        <v>13</v>
      </c>
      <c r="I270" s="8">
        <v>2029</v>
      </c>
      <c r="J270" t="s">
        <v>14</v>
      </c>
      <c r="K270" s="10"/>
      <c r="M270" s="10"/>
      <c r="N270">
        <v>450</v>
      </c>
    </row>
    <row r="271" spans="1:14" hidden="1">
      <c r="A271" s="7" t="s">
        <v>10</v>
      </c>
      <c r="B271" s="8" t="s">
        <v>42</v>
      </c>
      <c r="D271" t="s">
        <v>77</v>
      </c>
      <c r="E271" s="9" t="s">
        <v>43</v>
      </c>
      <c r="F271" t="s">
        <v>13</v>
      </c>
      <c r="G271" t="s">
        <v>78</v>
      </c>
      <c r="H271" t="s">
        <v>13</v>
      </c>
      <c r="I271" s="8">
        <v>2030</v>
      </c>
      <c r="J271" t="s">
        <v>14</v>
      </c>
      <c r="K271" s="10"/>
      <c r="M271" s="10"/>
      <c r="N271">
        <v>450</v>
      </c>
    </row>
    <row r="272" spans="1:14" hidden="1">
      <c r="A272" s="7" t="s">
        <v>10</v>
      </c>
      <c r="B272" s="8" t="s">
        <v>42</v>
      </c>
      <c r="D272" t="s">
        <v>77</v>
      </c>
      <c r="E272" s="9" t="s">
        <v>43</v>
      </c>
      <c r="F272" t="s">
        <v>13</v>
      </c>
      <c r="G272" t="s">
        <v>78</v>
      </c>
      <c r="H272" t="s">
        <v>13</v>
      </c>
      <c r="I272" s="8">
        <v>2031</v>
      </c>
      <c r="J272" t="s">
        <v>14</v>
      </c>
      <c r="K272" s="10"/>
      <c r="M272" s="10"/>
      <c r="N272">
        <v>450</v>
      </c>
    </row>
    <row r="273" spans="1:14" hidden="1">
      <c r="A273" s="7" t="s">
        <v>10</v>
      </c>
      <c r="B273" s="8" t="s">
        <v>42</v>
      </c>
      <c r="D273" t="s">
        <v>77</v>
      </c>
      <c r="E273" s="9" t="s">
        <v>43</v>
      </c>
      <c r="F273" t="s">
        <v>13</v>
      </c>
      <c r="G273" t="s">
        <v>78</v>
      </c>
      <c r="H273" t="s">
        <v>13</v>
      </c>
      <c r="I273" s="8">
        <v>2032</v>
      </c>
      <c r="J273" t="s">
        <v>14</v>
      </c>
      <c r="K273" s="10"/>
      <c r="M273" s="10"/>
      <c r="N273">
        <v>450</v>
      </c>
    </row>
    <row r="274" spans="1:14" hidden="1">
      <c r="A274" s="7" t="s">
        <v>10</v>
      </c>
      <c r="B274" s="8" t="s">
        <v>42</v>
      </c>
      <c r="D274" t="s">
        <v>77</v>
      </c>
      <c r="E274" s="9" t="s">
        <v>43</v>
      </c>
      <c r="F274" t="s">
        <v>13</v>
      </c>
      <c r="G274" t="s">
        <v>78</v>
      </c>
      <c r="H274" t="s">
        <v>13</v>
      </c>
      <c r="I274" s="8">
        <v>2033</v>
      </c>
      <c r="J274" t="s">
        <v>14</v>
      </c>
      <c r="K274" s="10"/>
      <c r="M274" s="10"/>
      <c r="N274">
        <v>450</v>
      </c>
    </row>
    <row r="275" spans="1:14" hidden="1">
      <c r="A275" s="7" t="s">
        <v>10</v>
      </c>
      <c r="B275" s="8" t="s">
        <v>42</v>
      </c>
      <c r="D275" t="s">
        <v>77</v>
      </c>
      <c r="E275" s="9" t="s">
        <v>43</v>
      </c>
      <c r="F275" t="s">
        <v>13</v>
      </c>
      <c r="G275" t="s">
        <v>79</v>
      </c>
      <c r="H275" t="s">
        <v>13</v>
      </c>
      <c r="I275" s="8">
        <v>2025</v>
      </c>
      <c r="J275" t="s">
        <v>15</v>
      </c>
      <c r="K275" s="10"/>
      <c r="M275" s="10"/>
      <c r="N275">
        <v>50</v>
      </c>
    </row>
    <row r="276" spans="1:14" hidden="1">
      <c r="A276" s="7" t="s">
        <v>10</v>
      </c>
      <c r="B276" s="8" t="s">
        <v>42</v>
      </c>
      <c r="D276" t="s">
        <v>77</v>
      </c>
      <c r="E276" s="9" t="s">
        <v>43</v>
      </c>
      <c r="F276" t="s">
        <v>13</v>
      </c>
      <c r="G276" t="s">
        <v>79</v>
      </c>
      <c r="H276" t="s">
        <v>13</v>
      </c>
      <c r="I276" s="8">
        <v>2026</v>
      </c>
      <c r="J276" t="s">
        <v>15</v>
      </c>
      <c r="K276" s="10"/>
      <c r="M276" s="10"/>
      <c r="N276">
        <v>50</v>
      </c>
    </row>
    <row r="277" spans="1:14" hidden="1">
      <c r="A277" s="7" t="s">
        <v>10</v>
      </c>
      <c r="B277" s="8" t="s">
        <v>42</v>
      </c>
      <c r="D277" t="s">
        <v>77</v>
      </c>
      <c r="E277" s="9" t="s">
        <v>43</v>
      </c>
      <c r="F277" t="s">
        <v>13</v>
      </c>
      <c r="G277" t="s">
        <v>79</v>
      </c>
      <c r="H277" t="s">
        <v>13</v>
      </c>
      <c r="I277" s="8">
        <v>2027</v>
      </c>
      <c r="J277" t="s">
        <v>15</v>
      </c>
      <c r="K277" s="10"/>
      <c r="M277" s="10"/>
      <c r="N277">
        <v>50</v>
      </c>
    </row>
    <row r="278" spans="1:14" hidden="1">
      <c r="A278" s="7" t="s">
        <v>10</v>
      </c>
      <c r="B278" s="8" t="s">
        <v>42</v>
      </c>
      <c r="D278" t="s">
        <v>77</v>
      </c>
      <c r="E278" s="9" t="s">
        <v>43</v>
      </c>
      <c r="F278" t="s">
        <v>13</v>
      </c>
      <c r="G278" t="s">
        <v>79</v>
      </c>
      <c r="H278" t="s">
        <v>13</v>
      </c>
      <c r="I278" s="8">
        <v>2028</v>
      </c>
      <c r="J278" t="s">
        <v>15</v>
      </c>
      <c r="K278" s="10"/>
      <c r="M278" s="10"/>
      <c r="N278">
        <v>50</v>
      </c>
    </row>
    <row r="279" spans="1:14" hidden="1">
      <c r="A279" s="7" t="s">
        <v>10</v>
      </c>
      <c r="B279" s="8" t="s">
        <v>42</v>
      </c>
      <c r="D279" t="s">
        <v>77</v>
      </c>
      <c r="E279" s="9" t="s">
        <v>43</v>
      </c>
      <c r="F279" t="s">
        <v>13</v>
      </c>
      <c r="G279" t="s">
        <v>79</v>
      </c>
      <c r="H279" t="s">
        <v>13</v>
      </c>
      <c r="I279" s="8">
        <v>2029</v>
      </c>
      <c r="J279" t="s">
        <v>15</v>
      </c>
      <c r="K279" s="10"/>
      <c r="M279" s="10"/>
      <c r="N279">
        <v>50</v>
      </c>
    </row>
    <row r="280" spans="1:14" hidden="1">
      <c r="A280" s="7" t="s">
        <v>10</v>
      </c>
      <c r="B280" s="8" t="s">
        <v>42</v>
      </c>
      <c r="D280" t="s">
        <v>77</v>
      </c>
      <c r="E280" s="9" t="s">
        <v>43</v>
      </c>
      <c r="F280" t="s">
        <v>13</v>
      </c>
      <c r="G280" t="s">
        <v>79</v>
      </c>
      <c r="H280" t="s">
        <v>13</v>
      </c>
      <c r="I280" s="8">
        <v>2030</v>
      </c>
      <c r="J280" t="s">
        <v>15</v>
      </c>
      <c r="K280" s="10"/>
      <c r="M280" s="10"/>
      <c r="N280">
        <v>50</v>
      </c>
    </row>
    <row r="281" spans="1:14" hidden="1">
      <c r="A281" s="7" t="s">
        <v>10</v>
      </c>
      <c r="B281" s="8" t="s">
        <v>42</v>
      </c>
      <c r="D281" t="s">
        <v>77</v>
      </c>
      <c r="E281" s="9" t="s">
        <v>43</v>
      </c>
      <c r="F281" t="s">
        <v>13</v>
      </c>
      <c r="G281" t="s">
        <v>79</v>
      </c>
      <c r="H281" t="s">
        <v>13</v>
      </c>
      <c r="I281" s="8">
        <v>2031</v>
      </c>
      <c r="J281" t="s">
        <v>15</v>
      </c>
      <c r="K281" s="10"/>
      <c r="M281" s="10"/>
      <c r="N281">
        <v>50</v>
      </c>
    </row>
    <row r="282" spans="1:14" hidden="1">
      <c r="A282" s="7" t="s">
        <v>10</v>
      </c>
      <c r="B282" s="8" t="s">
        <v>42</v>
      </c>
      <c r="D282" t="s">
        <v>77</v>
      </c>
      <c r="E282" s="9" t="s">
        <v>43</v>
      </c>
      <c r="F282" t="s">
        <v>13</v>
      </c>
      <c r="G282" t="s">
        <v>79</v>
      </c>
      <c r="H282" t="s">
        <v>13</v>
      </c>
      <c r="I282" s="8">
        <v>2032</v>
      </c>
      <c r="J282" t="s">
        <v>15</v>
      </c>
      <c r="K282" s="10"/>
      <c r="M282" s="10"/>
      <c r="N282">
        <v>50</v>
      </c>
    </row>
    <row r="283" spans="1:14" hidden="1">
      <c r="A283" s="7" t="s">
        <v>10</v>
      </c>
      <c r="B283" s="8" t="s">
        <v>42</v>
      </c>
      <c r="D283" t="s">
        <v>77</v>
      </c>
      <c r="E283" s="9" t="s">
        <v>43</v>
      </c>
      <c r="F283" t="s">
        <v>13</v>
      </c>
      <c r="G283" t="s">
        <v>79</v>
      </c>
      <c r="H283" t="s">
        <v>13</v>
      </c>
      <c r="I283" s="8">
        <v>2033</v>
      </c>
      <c r="J283" t="s">
        <v>15</v>
      </c>
      <c r="K283" s="10"/>
      <c r="M283" s="10"/>
      <c r="N283">
        <v>50</v>
      </c>
    </row>
    <row r="284" spans="1:14" hidden="1">
      <c r="A284" s="7" t="s">
        <v>10</v>
      </c>
      <c r="B284" s="8" t="s">
        <v>44</v>
      </c>
      <c r="D284" t="s">
        <v>77</v>
      </c>
      <c r="E284" s="9" t="s">
        <v>45</v>
      </c>
      <c r="F284" t="s">
        <v>13</v>
      </c>
      <c r="G284" t="s">
        <v>78</v>
      </c>
      <c r="H284" t="s">
        <v>13</v>
      </c>
      <c r="I284" s="8">
        <v>2025</v>
      </c>
      <c r="J284" t="s">
        <v>14</v>
      </c>
      <c r="K284" s="10"/>
      <c r="M284" s="10"/>
      <c r="N284">
        <v>0</v>
      </c>
    </row>
    <row r="285" spans="1:14" hidden="1">
      <c r="A285" s="7" t="s">
        <v>10</v>
      </c>
      <c r="B285" s="8" t="s">
        <v>44</v>
      </c>
      <c r="D285" t="s">
        <v>77</v>
      </c>
      <c r="E285" s="9" t="s">
        <v>45</v>
      </c>
      <c r="F285" t="s">
        <v>13</v>
      </c>
      <c r="G285" t="s">
        <v>78</v>
      </c>
      <c r="H285" t="s">
        <v>13</v>
      </c>
      <c r="I285" s="8">
        <v>2026</v>
      </c>
      <c r="J285" t="s">
        <v>14</v>
      </c>
      <c r="K285" s="10"/>
      <c r="M285" s="10"/>
      <c r="N285">
        <v>0</v>
      </c>
    </row>
    <row r="286" spans="1:14" hidden="1">
      <c r="A286" s="7" t="s">
        <v>10</v>
      </c>
      <c r="B286" s="8" t="s">
        <v>44</v>
      </c>
      <c r="D286" t="s">
        <v>77</v>
      </c>
      <c r="E286" s="9" t="s">
        <v>45</v>
      </c>
      <c r="F286" t="s">
        <v>13</v>
      </c>
      <c r="G286" t="s">
        <v>78</v>
      </c>
      <c r="H286" t="s">
        <v>13</v>
      </c>
      <c r="I286" s="8">
        <v>2027</v>
      </c>
      <c r="J286" t="s">
        <v>14</v>
      </c>
      <c r="K286" s="10"/>
      <c r="M286" s="10"/>
      <c r="N286">
        <v>0</v>
      </c>
    </row>
    <row r="287" spans="1:14" hidden="1">
      <c r="A287" s="7" t="s">
        <v>10</v>
      </c>
      <c r="B287" s="8" t="s">
        <v>44</v>
      </c>
      <c r="D287" t="s">
        <v>77</v>
      </c>
      <c r="E287" s="9" t="s">
        <v>45</v>
      </c>
      <c r="F287" t="s">
        <v>13</v>
      </c>
      <c r="G287" t="s">
        <v>78</v>
      </c>
      <c r="H287" t="s">
        <v>13</v>
      </c>
      <c r="I287" s="8">
        <v>2028</v>
      </c>
      <c r="J287" t="s">
        <v>14</v>
      </c>
      <c r="K287" s="10"/>
      <c r="M287" s="10"/>
      <c r="N287">
        <v>0</v>
      </c>
    </row>
    <row r="288" spans="1:14" hidden="1">
      <c r="A288" s="7" t="s">
        <v>10</v>
      </c>
      <c r="B288" s="8" t="s">
        <v>44</v>
      </c>
      <c r="D288" t="s">
        <v>77</v>
      </c>
      <c r="E288" s="9" t="s">
        <v>45</v>
      </c>
      <c r="F288" t="s">
        <v>13</v>
      </c>
      <c r="G288" t="s">
        <v>78</v>
      </c>
      <c r="H288" t="s">
        <v>13</v>
      </c>
      <c r="I288" s="8">
        <v>2029</v>
      </c>
      <c r="J288" t="s">
        <v>14</v>
      </c>
      <c r="K288" s="10"/>
      <c r="M288" s="10"/>
      <c r="N288">
        <v>0</v>
      </c>
    </row>
    <row r="289" spans="1:14" hidden="1">
      <c r="A289" s="7" t="s">
        <v>10</v>
      </c>
      <c r="B289" s="8" t="s">
        <v>44</v>
      </c>
      <c r="D289" t="s">
        <v>77</v>
      </c>
      <c r="E289" s="9" t="s">
        <v>45</v>
      </c>
      <c r="F289" t="s">
        <v>13</v>
      </c>
      <c r="G289" t="s">
        <v>78</v>
      </c>
      <c r="H289" t="s">
        <v>13</v>
      </c>
      <c r="I289" s="8">
        <v>2030</v>
      </c>
      <c r="J289" t="s">
        <v>14</v>
      </c>
      <c r="K289" s="10"/>
      <c r="M289" s="10"/>
      <c r="N289">
        <v>0</v>
      </c>
    </row>
    <row r="290" spans="1:14" hidden="1">
      <c r="A290" s="7" t="s">
        <v>10</v>
      </c>
      <c r="B290" s="8" t="s">
        <v>44</v>
      </c>
      <c r="D290" t="s">
        <v>77</v>
      </c>
      <c r="E290" s="9" t="s">
        <v>45</v>
      </c>
      <c r="F290" t="s">
        <v>13</v>
      </c>
      <c r="G290" t="s">
        <v>78</v>
      </c>
      <c r="H290" t="s">
        <v>13</v>
      </c>
      <c r="I290" s="8">
        <v>2031</v>
      </c>
      <c r="J290" t="s">
        <v>14</v>
      </c>
      <c r="K290" s="10"/>
      <c r="M290" s="10"/>
      <c r="N290">
        <v>0</v>
      </c>
    </row>
    <row r="291" spans="1:14" hidden="1">
      <c r="A291" s="7" t="s">
        <v>10</v>
      </c>
      <c r="B291" s="8" t="s">
        <v>44</v>
      </c>
      <c r="D291" t="s">
        <v>77</v>
      </c>
      <c r="E291" s="9" t="s">
        <v>45</v>
      </c>
      <c r="F291" t="s">
        <v>13</v>
      </c>
      <c r="G291" t="s">
        <v>78</v>
      </c>
      <c r="H291" t="s">
        <v>13</v>
      </c>
      <c r="I291" s="8">
        <v>2032</v>
      </c>
      <c r="J291" t="s">
        <v>14</v>
      </c>
      <c r="K291" s="10"/>
      <c r="M291" s="10"/>
      <c r="N291">
        <v>0</v>
      </c>
    </row>
    <row r="292" spans="1:14" hidden="1">
      <c r="A292" s="7" t="s">
        <v>10</v>
      </c>
      <c r="B292" s="8" t="s">
        <v>44</v>
      </c>
      <c r="D292" t="s">
        <v>77</v>
      </c>
      <c r="E292" s="9" t="s">
        <v>45</v>
      </c>
      <c r="F292" t="s">
        <v>13</v>
      </c>
      <c r="G292" t="s">
        <v>78</v>
      </c>
      <c r="H292" t="s">
        <v>13</v>
      </c>
      <c r="I292" s="8">
        <v>2033</v>
      </c>
      <c r="J292" t="s">
        <v>14</v>
      </c>
      <c r="K292" s="10"/>
      <c r="M292" s="10"/>
      <c r="N292">
        <v>0</v>
      </c>
    </row>
    <row r="293" spans="1:14" hidden="1">
      <c r="A293" s="7" t="s">
        <v>10</v>
      </c>
      <c r="B293" s="8" t="s">
        <v>44</v>
      </c>
      <c r="D293" t="s">
        <v>77</v>
      </c>
      <c r="E293" s="9" t="s">
        <v>45</v>
      </c>
      <c r="F293" t="s">
        <v>13</v>
      </c>
      <c r="G293" t="s">
        <v>79</v>
      </c>
      <c r="H293" t="s">
        <v>13</v>
      </c>
      <c r="I293" s="8">
        <v>2025</v>
      </c>
      <c r="J293" t="s">
        <v>15</v>
      </c>
      <c r="K293" s="10"/>
      <c r="M293" s="10"/>
      <c r="N293">
        <v>0</v>
      </c>
    </row>
    <row r="294" spans="1:14" hidden="1">
      <c r="A294" s="7" t="s">
        <v>10</v>
      </c>
      <c r="B294" s="8" t="s">
        <v>44</v>
      </c>
      <c r="D294" t="s">
        <v>77</v>
      </c>
      <c r="E294" s="9" t="s">
        <v>45</v>
      </c>
      <c r="F294" t="s">
        <v>13</v>
      </c>
      <c r="G294" t="s">
        <v>79</v>
      </c>
      <c r="H294" t="s">
        <v>13</v>
      </c>
      <c r="I294" s="8">
        <v>2026</v>
      </c>
      <c r="J294" t="s">
        <v>15</v>
      </c>
      <c r="K294" s="10"/>
      <c r="M294" s="10"/>
      <c r="N294">
        <v>0</v>
      </c>
    </row>
    <row r="295" spans="1:14" hidden="1">
      <c r="A295" s="7" t="s">
        <v>10</v>
      </c>
      <c r="B295" s="8" t="s">
        <v>44</v>
      </c>
      <c r="D295" t="s">
        <v>77</v>
      </c>
      <c r="E295" s="9" t="s">
        <v>45</v>
      </c>
      <c r="F295" t="s">
        <v>13</v>
      </c>
      <c r="G295" t="s">
        <v>79</v>
      </c>
      <c r="H295" t="s">
        <v>13</v>
      </c>
      <c r="I295" s="8">
        <v>2027</v>
      </c>
      <c r="J295" t="s">
        <v>15</v>
      </c>
      <c r="K295" s="10"/>
      <c r="M295" s="10"/>
      <c r="N295">
        <v>0</v>
      </c>
    </row>
    <row r="296" spans="1:14" hidden="1">
      <c r="A296" s="7" t="s">
        <v>10</v>
      </c>
      <c r="B296" s="8" t="s">
        <v>44</v>
      </c>
      <c r="D296" t="s">
        <v>77</v>
      </c>
      <c r="E296" s="9" t="s">
        <v>45</v>
      </c>
      <c r="F296" t="s">
        <v>13</v>
      </c>
      <c r="G296" t="s">
        <v>79</v>
      </c>
      <c r="H296" t="s">
        <v>13</v>
      </c>
      <c r="I296" s="8">
        <v>2028</v>
      </c>
      <c r="J296" t="s">
        <v>15</v>
      </c>
      <c r="K296" s="10"/>
      <c r="M296" s="10"/>
      <c r="N296">
        <v>0</v>
      </c>
    </row>
    <row r="297" spans="1:14" hidden="1">
      <c r="A297" s="7" t="s">
        <v>10</v>
      </c>
      <c r="B297" s="8" t="s">
        <v>44</v>
      </c>
      <c r="D297" t="s">
        <v>77</v>
      </c>
      <c r="E297" s="9" t="s">
        <v>45</v>
      </c>
      <c r="F297" t="s">
        <v>13</v>
      </c>
      <c r="G297" t="s">
        <v>79</v>
      </c>
      <c r="H297" t="s">
        <v>13</v>
      </c>
      <c r="I297" s="8">
        <v>2029</v>
      </c>
      <c r="J297" t="s">
        <v>15</v>
      </c>
      <c r="K297" s="10"/>
      <c r="M297" s="10"/>
      <c r="N297">
        <v>0</v>
      </c>
    </row>
    <row r="298" spans="1:14" hidden="1">
      <c r="A298" s="7" t="s">
        <v>10</v>
      </c>
      <c r="B298" s="8" t="s">
        <v>44</v>
      </c>
      <c r="D298" t="s">
        <v>77</v>
      </c>
      <c r="E298" s="9" t="s">
        <v>45</v>
      </c>
      <c r="F298" t="s">
        <v>13</v>
      </c>
      <c r="G298" t="s">
        <v>79</v>
      </c>
      <c r="H298" t="s">
        <v>13</v>
      </c>
      <c r="I298" s="8">
        <v>2030</v>
      </c>
      <c r="J298" t="s">
        <v>15</v>
      </c>
      <c r="K298" s="10"/>
      <c r="M298" s="10"/>
      <c r="N298">
        <v>0</v>
      </c>
    </row>
    <row r="299" spans="1:14" hidden="1">
      <c r="A299" s="7" t="s">
        <v>10</v>
      </c>
      <c r="B299" s="8" t="s">
        <v>44</v>
      </c>
      <c r="D299" t="s">
        <v>77</v>
      </c>
      <c r="E299" s="9" t="s">
        <v>45</v>
      </c>
      <c r="F299" t="s">
        <v>13</v>
      </c>
      <c r="G299" t="s">
        <v>79</v>
      </c>
      <c r="H299" t="s">
        <v>13</v>
      </c>
      <c r="I299" s="8">
        <v>2031</v>
      </c>
      <c r="J299" t="s">
        <v>15</v>
      </c>
      <c r="K299" s="10"/>
      <c r="M299" s="10"/>
      <c r="N299">
        <v>0</v>
      </c>
    </row>
    <row r="300" spans="1:14" hidden="1">
      <c r="A300" s="7" t="s">
        <v>10</v>
      </c>
      <c r="B300" s="8" t="s">
        <v>44</v>
      </c>
      <c r="D300" t="s">
        <v>77</v>
      </c>
      <c r="E300" s="9" t="s">
        <v>45</v>
      </c>
      <c r="F300" t="s">
        <v>13</v>
      </c>
      <c r="G300" t="s">
        <v>79</v>
      </c>
      <c r="H300" t="s">
        <v>13</v>
      </c>
      <c r="I300" s="8">
        <v>2032</v>
      </c>
      <c r="J300" t="s">
        <v>15</v>
      </c>
      <c r="K300" s="10"/>
      <c r="M300" s="10"/>
      <c r="N300">
        <v>0</v>
      </c>
    </row>
    <row r="301" spans="1:14" hidden="1">
      <c r="A301" s="7" t="s">
        <v>10</v>
      </c>
      <c r="B301" s="8" t="s">
        <v>44</v>
      </c>
      <c r="D301" t="s">
        <v>77</v>
      </c>
      <c r="E301" s="9" t="s">
        <v>45</v>
      </c>
      <c r="F301" t="s">
        <v>13</v>
      </c>
      <c r="G301" t="s">
        <v>79</v>
      </c>
      <c r="H301" t="s">
        <v>13</v>
      </c>
      <c r="I301" s="8">
        <v>2033</v>
      </c>
      <c r="J301" t="s">
        <v>15</v>
      </c>
      <c r="K301" s="10"/>
      <c r="M301" s="10"/>
      <c r="N301">
        <v>0</v>
      </c>
    </row>
    <row r="302" spans="1:14">
      <c r="A302" s="7" t="s">
        <v>10</v>
      </c>
      <c r="B302" s="8"/>
      <c r="C302" s="8"/>
      <c r="D302" t="s">
        <v>80</v>
      </c>
      <c r="E302" s="8" t="s">
        <v>12</v>
      </c>
      <c r="F302" t="s">
        <v>46</v>
      </c>
      <c r="G302" t="s">
        <v>78</v>
      </c>
      <c r="H302" t="s">
        <v>81</v>
      </c>
      <c r="I302" s="11">
        <v>2025</v>
      </c>
      <c r="J302" s="12" t="s">
        <v>47</v>
      </c>
      <c r="K302" s="13">
        <v>0</v>
      </c>
      <c r="L302" s="14">
        <v>0</v>
      </c>
      <c r="M302" s="14">
        <v>0</v>
      </c>
      <c r="N302">
        <v>0</v>
      </c>
    </row>
    <row r="303" spans="1:14">
      <c r="A303" s="7" t="s">
        <v>10</v>
      </c>
      <c r="B303" s="8"/>
      <c r="C303" s="8"/>
      <c r="D303" t="s">
        <v>80</v>
      </c>
      <c r="E303" s="8" t="s">
        <v>12</v>
      </c>
      <c r="F303" t="s">
        <v>46</v>
      </c>
      <c r="G303" t="s">
        <v>78</v>
      </c>
      <c r="H303" t="s">
        <v>81</v>
      </c>
      <c r="I303" s="8">
        <v>2025</v>
      </c>
      <c r="J303" s="15" t="s">
        <v>48</v>
      </c>
      <c r="K303" s="16">
        <v>0</v>
      </c>
      <c r="L303">
        <v>0</v>
      </c>
      <c r="M303">
        <v>0</v>
      </c>
      <c r="N303">
        <v>0</v>
      </c>
    </row>
    <row r="304" spans="1:14">
      <c r="A304" s="7" t="s">
        <v>10</v>
      </c>
      <c r="B304" s="8"/>
      <c r="C304" s="8"/>
      <c r="D304" t="s">
        <v>80</v>
      </c>
      <c r="E304" s="8" t="s">
        <v>12</v>
      </c>
      <c r="F304" t="s">
        <v>46</v>
      </c>
      <c r="G304" t="s">
        <v>78</v>
      </c>
      <c r="H304" t="s">
        <v>81</v>
      </c>
      <c r="I304" s="11">
        <v>2025</v>
      </c>
      <c r="J304" s="12" t="s">
        <v>14</v>
      </c>
      <c r="K304" s="13">
        <v>270</v>
      </c>
      <c r="L304" s="14">
        <v>270</v>
      </c>
      <c r="M304" s="14">
        <v>0</v>
      </c>
      <c r="N304">
        <v>0</v>
      </c>
    </row>
    <row r="305" spans="1:14">
      <c r="A305" s="7" t="s">
        <v>10</v>
      </c>
      <c r="B305" s="8"/>
      <c r="C305" s="8"/>
      <c r="D305" t="s">
        <v>80</v>
      </c>
      <c r="E305" s="8" t="s">
        <v>12</v>
      </c>
      <c r="F305" t="s">
        <v>46</v>
      </c>
      <c r="G305" t="s">
        <v>78</v>
      </c>
      <c r="H305" t="s">
        <v>81</v>
      </c>
      <c r="I305" s="8">
        <v>2025</v>
      </c>
      <c r="J305" s="15" t="s">
        <v>49</v>
      </c>
      <c r="K305" s="16">
        <v>0</v>
      </c>
      <c r="L305">
        <v>0</v>
      </c>
      <c r="M305">
        <v>0</v>
      </c>
      <c r="N305">
        <v>0</v>
      </c>
    </row>
    <row r="306" spans="1:14">
      <c r="A306" s="7" t="s">
        <v>10</v>
      </c>
      <c r="B306" s="8"/>
      <c r="C306" s="8"/>
      <c r="D306" t="s">
        <v>80</v>
      </c>
      <c r="E306" s="8" t="s">
        <v>12</v>
      </c>
      <c r="F306" t="s">
        <v>46</v>
      </c>
      <c r="G306" t="s">
        <v>79</v>
      </c>
      <c r="H306" t="s">
        <v>81</v>
      </c>
      <c r="I306" s="11">
        <v>2025</v>
      </c>
      <c r="J306" s="12" t="s">
        <v>15</v>
      </c>
      <c r="K306" s="13">
        <v>0</v>
      </c>
      <c r="L306" s="14">
        <v>0</v>
      </c>
      <c r="M306" s="14">
        <v>0</v>
      </c>
      <c r="N306">
        <v>0</v>
      </c>
    </row>
    <row r="307" spans="1:14">
      <c r="A307" s="7" t="s">
        <v>10</v>
      </c>
      <c r="B307" s="8"/>
      <c r="C307" s="8"/>
      <c r="D307" t="s">
        <v>80</v>
      </c>
      <c r="E307" s="8" t="s">
        <v>12</v>
      </c>
      <c r="F307" t="s">
        <v>46</v>
      </c>
      <c r="G307" t="s">
        <v>79</v>
      </c>
      <c r="H307" t="s">
        <v>81</v>
      </c>
      <c r="I307" s="8">
        <v>2025</v>
      </c>
      <c r="J307" s="15" t="s">
        <v>50</v>
      </c>
      <c r="K307" s="16">
        <v>0</v>
      </c>
      <c r="L307">
        <v>0</v>
      </c>
      <c r="M307">
        <v>0</v>
      </c>
      <c r="N307">
        <v>0</v>
      </c>
    </row>
    <row r="308" spans="1:14">
      <c r="A308" s="7" t="s">
        <v>10</v>
      </c>
      <c r="B308" s="8"/>
      <c r="C308" s="8"/>
      <c r="D308" t="s">
        <v>80</v>
      </c>
      <c r="E308" s="8" t="s">
        <v>12</v>
      </c>
      <c r="F308" t="s">
        <v>46</v>
      </c>
      <c r="G308" t="s">
        <v>19</v>
      </c>
      <c r="H308" t="s">
        <v>81</v>
      </c>
      <c r="I308" s="11">
        <v>2025</v>
      </c>
      <c r="J308" s="12" t="s">
        <v>19</v>
      </c>
      <c r="K308" s="13">
        <v>1478</v>
      </c>
      <c r="L308" s="14">
        <v>64</v>
      </c>
      <c r="M308" s="14">
        <v>1414</v>
      </c>
      <c r="N308">
        <v>0</v>
      </c>
    </row>
    <row r="309" spans="1:14">
      <c r="A309" s="7" t="s">
        <v>10</v>
      </c>
      <c r="B309" s="8"/>
      <c r="C309" s="8"/>
      <c r="D309" t="s">
        <v>80</v>
      </c>
      <c r="E309" s="8" t="s">
        <v>12</v>
      </c>
      <c r="F309" t="s">
        <v>46</v>
      </c>
      <c r="G309" t="s">
        <v>78</v>
      </c>
      <c r="H309" t="s">
        <v>81</v>
      </c>
      <c r="I309" s="8">
        <v>2025</v>
      </c>
      <c r="J309" s="15" t="s">
        <v>21</v>
      </c>
      <c r="K309" s="16">
        <v>260</v>
      </c>
      <c r="L309">
        <v>260</v>
      </c>
      <c r="M309">
        <v>0</v>
      </c>
      <c r="N309">
        <v>0</v>
      </c>
    </row>
    <row r="310" spans="1:14">
      <c r="A310" s="7" t="s">
        <v>10</v>
      </c>
      <c r="B310" s="8"/>
      <c r="C310" s="8"/>
      <c r="D310" t="s">
        <v>80</v>
      </c>
      <c r="E310" s="8" t="s">
        <v>12</v>
      </c>
      <c r="F310" t="s">
        <v>46</v>
      </c>
      <c r="G310" t="s">
        <v>78</v>
      </c>
      <c r="H310" t="s">
        <v>81</v>
      </c>
      <c r="I310" s="9">
        <v>2025</v>
      </c>
      <c r="J310" s="17" t="s">
        <v>51</v>
      </c>
      <c r="K310" s="18">
        <v>3120</v>
      </c>
      <c r="L310" s="19">
        <v>385</v>
      </c>
      <c r="M310" s="19">
        <v>0</v>
      </c>
      <c r="N310">
        <v>0</v>
      </c>
    </row>
    <row r="311" spans="1:14" hidden="1">
      <c r="A311" s="7" t="s">
        <v>10</v>
      </c>
      <c r="B311" s="8"/>
      <c r="C311" s="8"/>
      <c r="D311" t="s">
        <v>80</v>
      </c>
      <c r="E311" s="8" t="s">
        <v>12</v>
      </c>
      <c r="F311" t="s">
        <v>46</v>
      </c>
      <c r="G311" t="s">
        <v>78</v>
      </c>
      <c r="H311" t="s">
        <v>81</v>
      </c>
      <c r="I311" s="8">
        <v>2026</v>
      </c>
      <c r="J311" s="15" t="s">
        <v>47</v>
      </c>
      <c r="K311" s="16">
        <v>0</v>
      </c>
      <c r="L311">
        <v>0</v>
      </c>
      <c r="M311">
        <v>0</v>
      </c>
      <c r="N311">
        <v>0</v>
      </c>
    </row>
    <row r="312" spans="1:14" hidden="1">
      <c r="A312" s="7" t="s">
        <v>10</v>
      </c>
      <c r="B312" s="8"/>
      <c r="C312" s="8"/>
      <c r="D312" t="s">
        <v>80</v>
      </c>
      <c r="E312" s="8" t="s">
        <v>12</v>
      </c>
      <c r="F312" t="s">
        <v>46</v>
      </c>
      <c r="G312" t="s">
        <v>78</v>
      </c>
      <c r="H312" t="s">
        <v>81</v>
      </c>
      <c r="I312" s="11">
        <v>2026</v>
      </c>
      <c r="J312" s="12" t="s">
        <v>48</v>
      </c>
      <c r="K312" s="13">
        <v>0</v>
      </c>
      <c r="L312" s="14">
        <v>0</v>
      </c>
      <c r="M312" s="14">
        <v>0</v>
      </c>
      <c r="N312">
        <v>0</v>
      </c>
    </row>
    <row r="313" spans="1:14" hidden="1">
      <c r="A313" s="7" t="s">
        <v>10</v>
      </c>
      <c r="B313" s="8"/>
      <c r="C313" s="8"/>
      <c r="D313" t="s">
        <v>80</v>
      </c>
      <c r="E313" s="8" t="s">
        <v>12</v>
      </c>
      <c r="F313" t="s">
        <v>46</v>
      </c>
      <c r="G313" t="s">
        <v>78</v>
      </c>
      <c r="H313" t="s">
        <v>81</v>
      </c>
      <c r="I313" s="8">
        <v>2026</v>
      </c>
      <c r="J313" s="15" t="s">
        <v>14</v>
      </c>
      <c r="K313" s="16">
        <v>270</v>
      </c>
      <c r="L313">
        <v>270</v>
      </c>
      <c r="M313">
        <v>0</v>
      </c>
      <c r="N313">
        <v>0</v>
      </c>
    </row>
    <row r="314" spans="1:14" hidden="1">
      <c r="A314" s="7" t="s">
        <v>10</v>
      </c>
      <c r="B314" s="8"/>
      <c r="C314" s="8"/>
      <c r="D314" t="s">
        <v>80</v>
      </c>
      <c r="E314" s="8" t="s">
        <v>12</v>
      </c>
      <c r="F314" t="s">
        <v>46</v>
      </c>
      <c r="G314" t="s">
        <v>78</v>
      </c>
      <c r="H314" t="s">
        <v>81</v>
      </c>
      <c r="I314" s="11">
        <v>2026</v>
      </c>
      <c r="J314" s="12" t="s">
        <v>49</v>
      </c>
      <c r="K314" s="13">
        <v>0</v>
      </c>
      <c r="L314" s="14">
        <v>0</v>
      </c>
      <c r="M314" s="14">
        <v>0</v>
      </c>
      <c r="N314">
        <v>0</v>
      </c>
    </row>
    <row r="315" spans="1:14" hidden="1">
      <c r="A315" s="7" t="s">
        <v>10</v>
      </c>
      <c r="B315" s="8"/>
      <c r="C315" s="8"/>
      <c r="D315" t="s">
        <v>80</v>
      </c>
      <c r="E315" s="8" t="s">
        <v>12</v>
      </c>
      <c r="F315" t="s">
        <v>46</v>
      </c>
      <c r="G315" t="s">
        <v>79</v>
      </c>
      <c r="H315" t="s">
        <v>81</v>
      </c>
      <c r="I315" s="8">
        <v>2026</v>
      </c>
      <c r="J315" s="15" t="s">
        <v>15</v>
      </c>
      <c r="K315" s="16">
        <v>0</v>
      </c>
      <c r="L315">
        <v>0</v>
      </c>
      <c r="M315">
        <v>0</v>
      </c>
      <c r="N315">
        <v>0</v>
      </c>
    </row>
    <row r="316" spans="1:14" hidden="1">
      <c r="A316" s="7" t="s">
        <v>10</v>
      </c>
      <c r="B316" s="8"/>
      <c r="C316" s="8"/>
      <c r="D316" t="s">
        <v>80</v>
      </c>
      <c r="E316" s="8" t="s">
        <v>12</v>
      </c>
      <c r="F316" t="s">
        <v>46</v>
      </c>
      <c r="G316" t="s">
        <v>79</v>
      </c>
      <c r="H316" t="s">
        <v>81</v>
      </c>
      <c r="I316" s="11">
        <v>2026</v>
      </c>
      <c r="J316" s="12" t="s">
        <v>50</v>
      </c>
      <c r="K316" s="13">
        <v>0</v>
      </c>
      <c r="L316" s="14">
        <v>0</v>
      </c>
      <c r="M316" s="14">
        <v>0</v>
      </c>
      <c r="N316">
        <v>0</v>
      </c>
    </row>
    <row r="317" spans="1:14" hidden="1">
      <c r="A317" s="7" t="s">
        <v>10</v>
      </c>
      <c r="B317" s="8"/>
      <c r="C317" s="8"/>
      <c r="D317" t="s">
        <v>80</v>
      </c>
      <c r="E317" s="8" t="s">
        <v>12</v>
      </c>
      <c r="F317" t="s">
        <v>46</v>
      </c>
      <c r="G317" t="s">
        <v>19</v>
      </c>
      <c r="H317" t="s">
        <v>81</v>
      </c>
      <c r="I317" s="8">
        <v>2026</v>
      </c>
      <c r="J317" s="15" t="s">
        <v>19</v>
      </c>
      <c r="K317" s="16">
        <v>1967</v>
      </c>
      <c r="L317">
        <v>77</v>
      </c>
      <c r="M317">
        <v>1890</v>
      </c>
      <c r="N317">
        <v>0</v>
      </c>
    </row>
    <row r="318" spans="1:14" hidden="1">
      <c r="A318" s="7" t="s">
        <v>10</v>
      </c>
      <c r="B318" s="8"/>
      <c r="C318" s="8"/>
      <c r="D318" t="s">
        <v>80</v>
      </c>
      <c r="E318" s="8" t="s">
        <v>12</v>
      </c>
      <c r="F318" t="s">
        <v>46</v>
      </c>
      <c r="G318" t="s">
        <v>78</v>
      </c>
      <c r="H318" t="s">
        <v>81</v>
      </c>
      <c r="I318" s="11">
        <v>2026</v>
      </c>
      <c r="J318" s="12" t="s">
        <v>21</v>
      </c>
      <c r="K318" s="13">
        <v>260</v>
      </c>
      <c r="L318" s="14">
        <v>260</v>
      </c>
      <c r="M318" s="14">
        <v>0</v>
      </c>
      <c r="N318">
        <v>0</v>
      </c>
    </row>
    <row r="319" spans="1:14" hidden="1">
      <c r="A319" s="7" t="s">
        <v>10</v>
      </c>
      <c r="B319" s="8"/>
      <c r="C319" s="8"/>
      <c r="D319" t="s">
        <v>80</v>
      </c>
      <c r="E319" s="8" t="s">
        <v>12</v>
      </c>
      <c r="F319" t="s">
        <v>46</v>
      </c>
      <c r="G319" t="s">
        <v>78</v>
      </c>
      <c r="H319" t="s">
        <v>81</v>
      </c>
      <c r="I319" s="8">
        <v>2026</v>
      </c>
      <c r="J319" s="15" t="s">
        <v>51</v>
      </c>
      <c r="K319" s="16">
        <v>3120</v>
      </c>
      <c r="L319">
        <v>385</v>
      </c>
      <c r="M319">
        <v>0</v>
      </c>
      <c r="N319">
        <v>0</v>
      </c>
    </row>
    <row r="320" spans="1:14" hidden="1">
      <c r="A320" s="7" t="s">
        <v>10</v>
      </c>
      <c r="B320" s="8"/>
      <c r="C320" s="8"/>
      <c r="D320" t="s">
        <v>80</v>
      </c>
      <c r="E320" s="8" t="s">
        <v>12</v>
      </c>
      <c r="F320" t="s">
        <v>46</v>
      </c>
      <c r="G320" t="s">
        <v>78</v>
      </c>
      <c r="H320" t="s">
        <v>81</v>
      </c>
      <c r="I320" s="11">
        <v>2027</v>
      </c>
      <c r="J320" s="12" t="s">
        <v>47</v>
      </c>
      <c r="K320" s="13">
        <v>0</v>
      </c>
      <c r="L320" s="14">
        <v>0</v>
      </c>
      <c r="M320" s="14">
        <v>0</v>
      </c>
      <c r="N320">
        <v>0</v>
      </c>
    </row>
    <row r="321" spans="1:14" hidden="1">
      <c r="A321" s="7" t="s">
        <v>10</v>
      </c>
      <c r="B321" s="8"/>
      <c r="C321" s="8"/>
      <c r="D321" t="s">
        <v>80</v>
      </c>
      <c r="E321" s="8" t="s">
        <v>12</v>
      </c>
      <c r="F321" t="s">
        <v>46</v>
      </c>
      <c r="G321" t="s">
        <v>78</v>
      </c>
      <c r="H321" t="s">
        <v>81</v>
      </c>
      <c r="I321" s="8">
        <v>2027</v>
      </c>
      <c r="J321" s="15" t="s">
        <v>48</v>
      </c>
      <c r="K321" s="16">
        <v>0</v>
      </c>
      <c r="L321">
        <v>0</v>
      </c>
      <c r="M321">
        <v>0</v>
      </c>
      <c r="N321">
        <v>0</v>
      </c>
    </row>
    <row r="322" spans="1:14" hidden="1">
      <c r="A322" s="7" t="s">
        <v>10</v>
      </c>
      <c r="B322" s="8"/>
      <c r="C322" s="8"/>
      <c r="D322" t="s">
        <v>80</v>
      </c>
      <c r="E322" s="8" t="s">
        <v>12</v>
      </c>
      <c r="F322" t="s">
        <v>46</v>
      </c>
      <c r="G322" t="s">
        <v>78</v>
      </c>
      <c r="H322" t="s">
        <v>81</v>
      </c>
      <c r="I322" s="11">
        <v>2027</v>
      </c>
      <c r="J322" s="12" t="s">
        <v>14</v>
      </c>
      <c r="K322" s="13">
        <v>270</v>
      </c>
      <c r="L322" s="14">
        <v>270</v>
      </c>
      <c r="M322" s="14">
        <v>0</v>
      </c>
      <c r="N322">
        <v>0</v>
      </c>
    </row>
    <row r="323" spans="1:14" hidden="1">
      <c r="A323" s="7" t="s">
        <v>10</v>
      </c>
      <c r="B323" s="8"/>
      <c r="C323" s="8"/>
      <c r="D323" t="s">
        <v>80</v>
      </c>
      <c r="E323" s="8" t="s">
        <v>12</v>
      </c>
      <c r="F323" t="s">
        <v>46</v>
      </c>
      <c r="G323" t="s">
        <v>78</v>
      </c>
      <c r="H323" t="s">
        <v>81</v>
      </c>
      <c r="I323" s="8">
        <v>2027</v>
      </c>
      <c r="J323" s="15" t="s">
        <v>49</v>
      </c>
      <c r="K323" s="16">
        <v>0</v>
      </c>
      <c r="L323">
        <v>0</v>
      </c>
      <c r="M323">
        <v>0</v>
      </c>
      <c r="N323">
        <v>0</v>
      </c>
    </row>
    <row r="324" spans="1:14" hidden="1">
      <c r="A324" s="7" t="s">
        <v>10</v>
      </c>
      <c r="B324" s="8"/>
      <c r="C324" s="8"/>
      <c r="D324" t="s">
        <v>80</v>
      </c>
      <c r="E324" s="8" t="s">
        <v>12</v>
      </c>
      <c r="F324" t="s">
        <v>46</v>
      </c>
      <c r="G324" t="s">
        <v>79</v>
      </c>
      <c r="H324" t="s">
        <v>81</v>
      </c>
      <c r="I324" s="11">
        <v>2027</v>
      </c>
      <c r="J324" s="12" t="s">
        <v>15</v>
      </c>
      <c r="K324" s="13">
        <v>0</v>
      </c>
      <c r="L324" s="14">
        <v>0</v>
      </c>
      <c r="M324" s="14">
        <v>0</v>
      </c>
      <c r="N324">
        <v>0</v>
      </c>
    </row>
    <row r="325" spans="1:14" hidden="1">
      <c r="A325" s="7" t="s">
        <v>10</v>
      </c>
      <c r="B325" s="8"/>
      <c r="C325" s="8"/>
      <c r="D325" t="s">
        <v>80</v>
      </c>
      <c r="E325" s="8" t="s">
        <v>12</v>
      </c>
      <c r="F325" t="s">
        <v>46</v>
      </c>
      <c r="G325" t="s">
        <v>79</v>
      </c>
      <c r="H325" t="s">
        <v>81</v>
      </c>
      <c r="I325" s="8">
        <v>2027</v>
      </c>
      <c r="J325" s="15" t="s">
        <v>50</v>
      </c>
      <c r="K325" s="16">
        <v>0</v>
      </c>
      <c r="L325">
        <v>0</v>
      </c>
      <c r="M325">
        <v>0</v>
      </c>
      <c r="N325">
        <v>0</v>
      </c>
    </row>
    <row r="326" spans="1:14" hidden="1">
      <c r="A326" s="7" t="s">
        <v>10</v>
      </c>
      <c r="B326" s="8"/>
      <c r="C326" s="8"/>
      <c r="D326" t="s">
        <v>80</v>
      </c>
      <c r="E326" s="8" t="s">
        <v>12</v>
      </c>
      <c r="F326" t="s">
        <v>46</v>
      </c>
      <c r="G326" t="s">
        <v>19</v>
      </c>
      <c r="H326" t="s">
        <v>81</v>
      </c>
      <c r="I326" s="11">
        <v>2027</v>
      </c>
      <c r="J326" s="12" t="s">
        <v>19</v>
      </c>
      <c r="K326" s="13">
        <v>2327</v>
      </c>
      <c r="L326" s="14">
        <v>77</v>
      </c>
      <c r="M326" s="14">
        <v>2250</v>
      </c>
      <c r="N326">
        <v>0</v>
      </c>
    </row>
    <row r="327" spans="1:14" hidden="1">
      <c r="A327" s="7" t="s">
        <v>10</v>
      </c>
      <c r="B327" s="8"/>
      <c r="C327" s="8"/>
      <c r="D327" t="s">
        <v>80</v>
      </c>
      <c r="E327" s="8" t="s">
        <v>12</v>
      </c>
      <c r="F327" t="s">
        <v>46</v>
      </c>
      <c r="G327" t="s">
        <v>78</v>
      </c>
      <c r="H327" t="s">
        <v>81</v>
      </c>
      <c r="I327" s="8">
        <v>2027</v>
      </c>
      <c r="J327" s="15" t="s">
        <v>21</v>
      </c>
      <c r="K327" s="16">
        <v>260</v>
      </c>
      <c r="L327">
        <v>260</v>
      </c>
      <c r="M327">
        <v>0</v>
      </c>
      <c r="N327">
        <v>0</v>
      </c>
    </row>
    <row r="328" spans="1:14" hidden="1">
      <c r="A328" s="7" t="s">
        <v>10</v>
      </c>
      <c r="B328" s="8"/>
      <c r="C328" s="8"/>
      <c r="D328" t="s">
        <v>80</v>
      </c>
      <c r="E328" s="8" t="s">
        <v>12</v>
      </c>
      <c r="F328" t="s">
        <v>46</v>
      </c>
      <c r="G328" t="s">
        <v>78</v>
      </c>
      <c r="H328" t="s">
        <v>81</v>
      </c>
      <c r="I328" s="11">
        <v>2027</v>
      </c>
      <c r="J328" s="12" t="s">
        <v>51</v>
      </c>
      <c r="K328" s="13">
        <v>3120</v>
      </c>
      <c r="L328" s="14">
        <v>385</v>
      </c>
      <c r="M328" s="14">
        <v>0</v>
      </c>
      <c r="N328">
        <v>0</v>
      </c>
    </row>
    <row r="329" spans="1:14" hidden="1">
      <c r="A329" s="7" t="s">
        <v>10</v>
      </c>
      <c r="B329" s="8"/>
      <c r="C329" s="8"/>
      <c r="D329" t="s">
        <v>80</v>
      </c>
      <c r="E329" s="8" t="s">
        <v>12</v>
      </c>
      <c r="F329" t="s">
        <v>46</v>
      </c>
      <c r="G329" t="s">
        <v>78</v>
      </c>
      <c r="H329" t="s">
        <v>81</v>
      </c>
      <c r="I329" s="8">
        <v>2028</v>
      </c>
      <c r="J329" s="15" t="s">
        <v>47</v>
      </c>
      <c r="K329" s="16">
        <v>0</v>
      </c>
      <c r="L329">
        <v>0</v>
      </c>
      <c r="M329">
        <v>0</v>
      </c>
      <c r="N329">
        <v>0</v>
      </c>
    </row>
    <row r="330" spans="1:14" hidden="1">
      <c r="A330" s="7" t="s">
        <v>10</v>
      </c>
      <c r="B330" s="8"/>
      <c r="C330" s="8"/>
      <c r="D330" t="s">
        <v>80</v>
      </c>
      <c r="E330" s="8" t="s">
        <v>12</v>
      </c>
      <c r="F330" t="s">
        <v>46</v>
      </c>
      <c r="G330" t="s">
        <v>78</v>
      </c>
      <c r="H330" t="s">
        <v>81</v>
      </c>
      <c r="I330" s="11">
        <v>2028</v>
      </c>
      <c r="J330" s="12" t="s">
        <v>48</v>
      </c>
      <c r="K330" s="13">
        <v>0</v>
      </c>
      <c r="L330" s="14">
        <v>0</v>
      </c>
      <c r="M330" s="14">
        <v>0</v>
      </c>
      <c r="N330">
        <v>0</v>
      </c>
    </row>
    <row r="331" spans="1:14" hidden="1">
      <c r="A331" s="7" t="s">
        <v>10</v>
      </c>
      <c r="B331" s="8"/>
      <c r="C331" s="8"/>
      <c r="D331" t="s">
        <v>80</v>
      </c>
      <c r="E331" s="8" t="s">
        <v>12</v>
      </c>
      <c r="F331" t="s">
        <v>46</v>
      </c>
      <c r="G331" t="s">
        <v>78</v>
      </c>
      <c r="H331" t="s">
        <v>81</v>
      </c>
      <c r="I331" s="8">
        <v>2028</v>
      </c>
      <c r="J331" s="15" t="s">
        <v>14</v>
      </c>
      <c r="K331" s="16">
        <v>270</v>
      </c>
      <c r="L331">
        <v>270</v>
      </c>
      <c r="M331">
        <v>0</v>
      </c>
      <c r="N331">
        <v>0</v>
      </c>
    </row>
    <row r="332" spans="1:14" hidden="1">
      <c r="A332" s="7" t="s">
        <v>10</v>
      </c>
      <c r="B332" s="8"/>
      <c r="C332" s="8"/>
      <c r="D332" t="s">
        <v>80</v>
      </c>
      <c r="E332" s="8" t="s">
        <v>12</v>
      </c>
      <c r="F332" t="s">
        <v>46</v>
      </c>
      <c r="G332" t="s">
        <v>78</v>
      </c>
      <c r="H332" t="s">
        <v>81</v>
      </c>
      <c r="I332" s="11">
        <v>2028</v>
      </c>
      <c r="J332" s="12" t="s">
        <v>49</v>
      </c>
      <c r="K332" s="13">
        <v>0</v>
      </c>
      <c r="L332" s="14">
        <v>0</v>
      </c>
      <c r="M332" s="14">
        <v>0</v>
      </c>
      <c r="N332">
        <v>0</v>
      </c>
    </row>
    <row r="333" spans="1:14" hidden="1">
      <c r="A333" s="7" t="s">
        <v>10</v>
      </c>
      <c r="B333" s="8"/>
      <c r="C333" s="8"/>
      <c r="D333" t="s">
        <v>80</v>
      </c>
      <c r="E333" s="8" t="s">
        <v>12</v>
      </c>
      <c r="F333" t="s">
        <v>46</v>
      </c>
      <c r="G333" t="s">
        <v>79</v>
      </c>
      <c r="H333" t="s">
        <v>81</v>
      </c>
      <c r="I333" s="8">
        <v>2028</v>
      </c>
      <c r="J333" s="15" t="s">
        <v>15</v>
      </c>
      <c r="K333" s="16">
        <v>0</v>
      </c>
      <c r="L333">
        <v>0</v>
      </c>
      <c r="M333">
        <v>0</v>
      </c>
      <c r="N333">
        <v>0</v>
      </c>
    </row>
    <row r="334" spans="1:14" hidden="1">
      <c r="A334" s="7" t="s">
        <v>10</v>
      </c>
      <c r="B334" s="8"/>
      <c r="C334" s="8"/>
      <c r="D334" t="s">
        <v>80</v>
      </c>
      <c r="E334" s="8" t="s">
        <v>12</v>
      </c>
      <c r="F334" t="s">
        <v>46</v>
      </c>
      <c r="G334" t="s">
        <v>79</v>
      </c>
      <c r="H334" t="s">
        <v>81</v>
      </c>
      <c r="I334" s="11">
        <v>2028</v>
      </c>
      <c r="J334" s="12" t="s">
        <v>50</v>
      </c>
      <c r="K334" s="13">
        <v>0</v>
      </c>
      <c r="L334" s="14">
        <v>0</v>
      </c>
      <c r="M334" s="14">
        <v>0</v>
      </c>
      <c r="N334">
        <v>0</v>
      </c>
    </row>
    <row r="335" spans="1:14" hidden="1">
      <c r="A335" s="7" t="s">
        <v>10</v>
      </c>
      <c r="B335" s="8"/>
      <c r="C335" s="8"/>
      <c r="D335" t="s">
        <v>80</v>
      </c>
      <c r="E335" s="8" t="s">
        <v>12</v>
      </c>
      <c r="F335" t="s">
        <v>46</v>
      </c>
      <c r="G335" t="s">
        <v>19</v>
      </c>
      <c r="H335" t="s">
        <v>81</v>
      </c>
      <c r="I335" s="8">
        <v>2028</v>
      </c>
      <c r="J335" s="15" t="s">
        <v>19</v>
      </c>
      <c r="K335" s="16">
        <v>3127</v>
      </c>
      <c r="L335">
        <v>77</v>
      </c>
      <c r="M335">
        <v>3050</v>
      </c>
      <c r="N335">
        <v>0</v>
      </c>
    </row>
    <row r="336" spans="1:14" hidden="1">
      <c r="A336" s="7" t="s">
        <v>10</v>
      </c>
      <c r="B336" s="8"/>
      <c r="C336" s="8"/>
      <c r="D336" t="s">
        <v>80</v>
      </c>
      <c r="E336" s="8" t="s">
        <v>12</v>
      </c>
      <c r="F336" t="s">
        <v>46</v>
      </c>
      <c r="G336" t="s">
        <v>78</v>
      </c>
      <c r="H336" t="s">
        <v>81</v>
      </c>
      <c r="I336" s="11">
        <v>2028</v>
      </c>
      <c r="J336" s="12" t="s">
        <v>21</v>
      </c>
      <c r="K336" s="13">
        <v>260</v>
      </c>
      <c r="L336" s="14">
        <v>260</v>
      </c>
      <c r="M336" s="14">
        <v>0</v>
      </c>
      <c r="N336">
        <v>0</v>
      </c>
    </row>
    <row r="337" spans="1:14" hidden="1">
      <c r="A337" s="7" t="s">
        <v>10</v>
      </c>
      <c r="B337" s="8"/>
      <c r="C337" s="8"/>
      <c r="D337" t="s">
        <v>80</v>
      </c>
      <c r="E337" s="8" t="s">
        <v>12</v>
      </c>
      <c r="F337" t="s">
        <v>46</v>
      </c>
      <c r="G337" t="s">
        <v>78</v>
      </c>
      <c r="H337" t="s">
        <v>81</v>
      </c>
      <c r="I337" s="8">
        <v>2028</v>
      </c>
      <c r="J337" s="15" t="s">
        <v>51</v>
      </c>
      <c r="K337" s="16">
        <v>3120</v>
      </c>
      <c r="L337">
        <v>385</v>
      </c>
      <c r="M337">
        <v>0</v>
      </c>
      <c r="N337">
        <v>0</v>
      </c>
    </row>
    <row r="338" spans="1:14" hidden="1">
      <c r="A338" s="7" t="s">
        <v>10</v>
      </c>
      <c r="B338" s="8"/>
      <c r="C338" s="8"/>
      <c r="D338" t="s">
        <v>80</v>
      </c>
      <c r="E338" s="8" t="s">
        <v>12</v>
      </c>
      <c r="F338" t="s">
        <v>46</v>
      </c>
      <c r="G338" t="s">
        <v>78</v>
      </c>
      <c r="H338" t="s">
        <v>81</v>
      </c>
      <c r="I338" s="11">
        <v>2029</v>
      </c>
      <c r="J338" s="12" t="s">
        <v>47</v>
      </c>
      <c r="K338" s="13">
        <v>0</v>
      </c>
      <c r="L338" s="14">
        <v>0</v>
      </c>
      <c r="M338" s="14">
        <v>0</v>
      </c>
      <c r="N338">
        <v>0</v>
      </c>
    </row>
    <row r="339" spans="1:14" hidden="1">
      <c r="A339" s="7" t="s">
        <v>10</v>
      </c>
      <c r="B339" s="8"/>
      <c r="C339" s="8"/>
      <c r="D339" t="s">
        <v>80</v>
      </c>
      <c r="E339" s="8" t="s">
        <v>12</v>
      </c>
      <c r="F339" t="s">
        <v>46</v>
      </c>
      <c r="G339" t="s">
        <v>78</v>
      </c>
      <c r="H339" t="s">
        <v>81</v>
      </c>
      <c r="I339" s="8">
        <v>2029</v>
      </c>
      <c r="J339" s="15" t="s">
        <v>48</v>
      </c>
      <c r="K339" s="16">
        <v>0</v>
      </c>
      <c r="L339">
        <v>0</v>
      </c>
      <c r="M339">
        <v>0</v>
      </c>
      <c r="N339">
        <v>0</v>
      </c>
    </row>
    <row r="340" spans="1:14" hidden="1">
      <c r="A340" s="7" t="s">
        <v>10</v>
      </c>
      <c r="B340" s="8"/>
      <c r="C340" s="8"/>
      <c r="D340" t="s">
        <v>80</v>
      </c>
      <c r="E340" s="8" t="s">
        <v>12</v>
      </c>
      <c r="F340" t="s">
        <v>46</v>
      </c>
      <c r="G340" t="s">
        <v>78</v>
      </c>
      <c r="H340" t="s">
        <v>81</v>
      </c>
      <c r="I340" s="11">
        <v>2029</v>
      </c>
      <c r="J340" s="12" t="s">
        <v>14</v>
      </c>
      <c r="K340" s="13">
        <v>270</v>
      </c>
      <c r="L340" s="14">
        <v>270</v>
      </c>
      <c r="M340" s="14">
        <v>0</v>
      </c>
      <c r="N340">
        <v>0</v>
      </c>
    </row>
    <row r="341" spans="1:14" hidden="1">
      <c r="A341" s="7" t="s">
        <v>10</v>
      </c>
      <c r="B341" s="8"/>
      <c r="C341" s="8"/>
      <c r="D341" t="s">
        <v>80</v>
      </c>
      <c r="E341" s="8" t="s">
        <v>12</v>
      </c>
      <c r="F341" t="s">
        <v>46</v>
      </c>
      <c r="G341" t="s">
        <v>78</v>
      </c>
      <c r="H341" t="s">
        <v>81</v>
      </c>
      <c r="I341" s="8">
        <v>2029</v>
      </c>
      <c r="J341" s="15" t="s">
        <v>49</v>
      </c>
      <c r="K341" s="16">
        <v>0</v>
      </c>
      <c r="L341">
        <v>0</v>
      </c>
      <c r="M341">
        <v>0</v>
      </c>
      <c r="N341">
        <v>0</v>
      </c>
    </row>
    <row r="342" spans="1:14" hidden="1">
      <c r="A342" s="7" t="s">
        <v>10</v>
      </c>
      <c r="B342" s="8"/>
      <c r="C342" s="8"/>
      <c r="D342" t="s">
        <v>80</v>
      </c>
      <c r="E342" s="8" t="s">
        <v>12</v>
      </c>
      <c r="F342" t="s">
        <v>46</v>
      </c>
      <c r="G342" t="s">
        <v>79</v>
      </c>
      <c r="H342" t="s">
        <v>81</v>
      </c>
      <c r="I342" s="11">
        <v>2029</v>
      </c>
      <c r="J342" s="12" t="s">
        <v>15</v>
      </c>
      <c r="K342" s="13">
        <v>0</v>
      </c>
      <c r="L342" s="14">
        <v>0</v>
      </c>
      <c r="M342" s="14">
        <v>0</v>
      </c>
      <c r="N342">
        <v>0</v>
      </c>
    </row>
    <row r="343" spans="1:14" hidden="1">
      <c r="A343" s="7" t="s">
        <v>10</v>
      </c>
      <c r="B343" s="8"/>
      <c r="C343" s="8"/>
      <c r="D343" t="s">
        <v>80</v>
      </c>
      <c r="E343" s="8" t="s">
        <v>12</v>
      </c>
      <c r="F343" t="s">
        <v>46</v>
      </c>
      <c r="G343" t="s">
        <v>79</v>
      </c>
      <c r="H343" t="s">
        <v>81</v>
      </c>
      <c r="I343" s="8">
        <v>2029</v>
      </c>
      <c r="J343" s="15" t="s">
        <v>50</v>
      </c>
      <c r="K343" s="16">
        <v>0</v>
      </c>
      <c r="L343">
        <v>0</v>
      </c>
      <c r="M343">
        <v>0</v>
      </c>
      <c r="N343">
        <v>0</v>
      </c>
    </row>
    <row r="344" spans="1:14" hidden="1">
      <c r="A344" s="7" t="s">
        <v>10</v>
      </c>
      <c r="B344" s="8"/>
      <c r="C344" s="8"/>
      <c r="D344" t="s">
        <v>80</v>
      </c>
      <c r="E344" s="8" t="s">
        <v>12</v>
      </c>
      <c r="F344" t="s">
        <v>46</v>
      </c>
      <c r="G344" t="s">
        <v>19</v>
      </c>
      <c r="H344" t="s">
        <v>81</v>
      </c>
      <c r="I344" s="11">
        <v>2029</v>
      </c>
      <c r="J344" s="12" t="s">
        <v>19</v>
      </c>
      <c r="K344" s="13">
        <v>3576</v>
      </c>
      <c r="L344" s="14">
        <v>77</v>
      </c>
      <c r="M344" s="14">
        <v>3499</v>
      </c>
      <c r="N344">
        <v>0</v>
      </c>
    </row>
    <row r="345" spans="1:14" hidden="1">
      <c r="A345" s="7" t="s">
        <v>10</v>
      </c>
      <c r="B345" s="8"/>
      <c r="C345" s="8"/>
      <c r="D345" t="s">
        <v>80</v>
      </c>
      <c r="E345" s="8" t="s">
        <v>12</v>
      </c>
      <c r="F345" t="s">
        <v>46</v>
      </c>
      <c r="G345" t="s">
        <v>78</v>
      </c>
      <c r="H345" t="s">
        <v>81</v>
      </c>
      <c r="I345" s="8">
        <v>2029</v>
      </c>
      <c r="J345" s="15" t="s">
        <v>21</v>
      </c>
      <c r="K345" s="16">
        <v>260</v>
      </c>
      <c r="L345">
        <v>260</v>
      </c>
      <c r="M345">
        <v>0</v>
      </c>
      <c r="N345">
        <v>0</v>
      </c>
    </row>
    <row r="346" spans="1:14" hidden="1">
      <c r="A346" s="7" t="s">
        <v>10</v>
      </c>
      <c r="B346" s="8"/>
      <c r="C346" s="8"/>
      <c r="D346" t="s">
        <v>80</v>
      </c>
      <c r="E346" s="8" t="s">
        <v>12</v>
      </c>
      <c r="F346" t="s">
        <v>46</v>
      </c>
      <c r="G346" t="s">
        <v>78</v>
      </c>
      <c r="H346" t="s">
        <v>81</v>
      </c>
      <c r="I346" s="11">
        <v>2029</v>
      </c>
      <c r="J346" s="12" t="s">
        <v>51</v>
      </c>
      <c r="K346" s="13">
        <v>3120</v>
      </c>
      <c r="L346" s="14">
        <v>385</v>
      </c>
      <c r="M346" s="14">
        <v>0</v>
      </c>
      <c r="N346">
        <v>0</v>
      </c>
    </row>
    <row r="347" spans="1:14" hidden="1">
      <c r="A347" s="7" t="s">
        <v>10</v>
      </c>
      <c r="B347" s="8"/>
      <c r="C347" s="8"/>
      <c r="D347" t="s">
        <v>80</v>
      </c>
      <c r="E347" s="8" t="s">
        <v>12</v>
      </c>
      <c r="F347" t="s">
        <v>46</v>
      </c>
      <c r="G347" t="s">
        <v>78</v>
      </c>
      <c r="H347" t="s">
        <v>81</v>
      </c>
      <c r="I347" s="8">
        <v>2030</v>
      </c>
      <c r="J347" s="15" t="s">
        <v>47</v>
      </c>
      <c r="K347" s="16">
        <v>0</v>
      </c>
      <c r="L347">
        <v>0</v>
      </c>
      <c r="M347">
        <v>0</v>
      </c>
      <c r="N347">
        <v>0</v>
      </c>
    </row>
    <row r="348" spans="1:14" hidden="1">
      <c r="A348" s="7" t="s">
        <v>10</v>
      </c>
      <c r="B348" s="8"/>
      <c r="C348" s="8"/>
      <c r="D348" t="s">
        <v>80</v>
      </c>
      <c r="E348" s="8" t="s">
        <v>12</v>
      </c>
      <c r="F348" t="s">
        <v>46</v>
      </c>
      <c r="G348" t="s">
        <v>78</v>
      </c>
      <c r="H348" t="s">
        <v>81</v>
      </c>
      <c r="I348" s="11">
        <v>2030</v>
      </c>
      <c r="J348" s="12" t="s">
        <v>48</v>
      </c>
      <c r="K348" s="13">
        <v>0</v>
      </c>
      <c r="L348" s="14">
        <v>0</v>
      </c>
      <c r="M348" s="14">
        <v>0</v>
      </c>
      <c r="N348">
        <v>0</v>
      </c>
    </row>
    <row r="349" spans="1:14" hidden="1">
      <c r="A349" s="7" t="s">
        <v>10</v>
      </c>
      <c r="B349" s="8"/>
      <c r="C349" s="8"/>
      <c r="D349" t="s">
        <v>80</v>
      </c>
      <c r="E349" s="8" t="s">
        <v>12</v>
      </c>
      <c r="F349" t="s">
        <v>46</v>
      </c>
      <c r="G349" t="s">
        <v>78</v>
      </c>
      <c r="H349" t="s">
        <v>81</v>
      </c>
      <c r="I349" s="8">
        <v>2030</v>
      </c>
      <c r="J349" s="15" t="s">
        <v>14</v>
      </c>
      <c r="K349" s="16">
        <v>270</v>
      </c>
      <c r="L349">
        <v>270</v>
      </c>
      <c r="M349">
        <v>0</v>
      </c>
      <c r="N349">
        <v>0</v>
      </c>
    </row>
    <row r="350" spans="1:14" hidden="1">
      <c r="A350" s="7" t="s">
        <v>10</v>
      </c>
      <c r="B350" s="8"/>
      <c r="C350" s="8"/>
      <c r="D350" t="s">
        <v>80</v>
      </c>
      <c r="E350" s="8" t="s">
        <v>12</v>
      </c>
      <c r="F350" t="s">
        <v>46</v>
      </c>
      <c r="G350" t="s">
        <v>78</v>
      </c>
      <c r="H350" t="s">
        <v>81</v>
      </c>
      <c r="I350" s="11">
        <v>2030</v>
      </c>
      <c r="J350" s="12" t="s">
        <v>49</v>
      </c>
      <c r="K350" s="13">
        <v>0</v>
      </c>
      <c r="L350" s="14">
        <v>0</v>
      </c>
      <c r="M350" s="14">
        <v>0</v>
      </c>
      <c r="N350">
        <v>0</v>
      </c>
    </row>
    <row r="351" spans="1:14" hidden="1">
      <c r="A351" s="7" t="s">
        <v>10</v>
      </c>
      <c r="B351" s="8"/>
      <c r="C351" s="8"/>
      <c r="D351" t="s">
        <v>80</v>
      </c>
      <c r="E351" s="8" t="s">
        <v>12</v>
      </c>
      <c r="F351" t="s">
        <v>46</v>
      </c>
      <c r="G351" t="s">
        <v>79</v>
      </c>
      <c r="H351" t="s">
        <v>81</v>
      </c>
      <c r="I351" s="8">
        <v>2030</v>
      </c>
      <c r="J351" s="15" t="s">
        <v>15</v>
      </c>
      <c r="K351" s="16">
        <v>0</v>
      </c>
      <c r="L351">
        <v>0</v>
      </c>
      <c r="M351">
        <v>0</v>
      </c>
      <c r="N351">
        <v>0</v>
      </c>
    </row>
    <row r="352" spans="1:14" hidden="1">
      <c r="A352" s="7" t="s">
        <v>10</v>
      </c>
      <c r="B352" s="8"/>
      <c r="C352" s="8"/>
      <c r="D352" t="s">
        <v>80</v>
      </c>
      <c r="E352" s="8" t="s">
        <v>12</v>
      </c>
      <c r="F352" t="s">
        <v>46</v>
      </c>
      <c r="G352" t="s">
        <v>79</v>
      </c>
      <c r="H352" t="s">
        <v>81</v>
      </c>
      <c r="I352" s="11">
        <v>2030</v>
      </c>
      <c r="J352" s="12" t="s">
        <v>50</v>
      </c>
      <c r="K352" s="13">
        <v>0</v>
      </c>
      <c r="L352" s="14">
        <v>0</v>
      </c>
      <c r="M352" s="14">
        <v>0</v>
      </c>
      <c r="N352">
        <v>0</v>
      </c>
    </row>
    <row r="353" spans="1:14" hidden="1">
      <c r="A353" s="7" t="s">
        <v>10</v>
      </c>
      <c r="B353" s="8"/>
      <c r="C353" s="8"/>
      <c r="D353" t="s">
        <v>80</v>
      </c>
      <c r="E353" s="8" t="s">
        <v>12</v>
      </c>
      <c r="F353" t="s">
        <v>46</v>
      </c>
      <c r="G353" t="s">
        <v>19</v>
      </c>
      <c r="H353" t="s">
        <v>81</v>
      </c>
      <c r="I353" s="8">
        <v>2030</v>
      </c>
      <c r="J353" s="15" t="s">
        <v>19</v>
      </c>
      <c r="K353" s="16">
        <v>4171</v>
      </c>
      <c r="L353">
        <v>77</v>
      </c>
      <c r="M353">
        <v>4094</v>
      </c>
      <c r="N353">
        <v>0</v>
      </c>
    </row>
    <row r="354" spans="1:14" hidden="1">
      <c r="A354" s="7" t="s">
        <v>10</v>
      </c>
      <c r="B354" s="8"/>
      <c r="C354" s="8"/>
      <c r="D354" t="s">
        <v>80</v>
      </c>
      <c r="E354" s="8" t="s">
        <v>12</v>
      </c>
      <c r="F354" t="s">
        <v>46</v>
      </c>
      <c r="G354" t="s">
        <v>78</v>
      </c>
      <c r="H354" t="s">
        <v>81</v>
      </c>
      <c r="I354" s="11">
        <v>2030</v>
      </c>
      <c r="J354" s="12" t="s">
        <v>21</v>
      </c>
      <c r="K354" s="13">
        <v>260</v>
      </c>
      <c r="L354" s="14">
        <v>260</v>
      </c>
      <c r="M354" s="14">
        <v>0</v>
      </c>
      <c r="N354">
        <v>0</v>
      </c>
    </row>
    <row r="355" spans="1:14" hidden="1">
      <c r="A355" s="7" t="s">
        <v>10</v>
      </c>
      <c r="B355" s="8"/>
      <c r="C355" s="8"/>
      <c r="D355" t="s">
        <v>80</v>
      </c>
      <c r="E355" s="8" t="s">
        <v>12</v>
      </c>
      <c r="F355" t="s">
        <v>46</v>
      </c>
      <c r="G355" t="s">
        <v>78</v>
      </c>
      <c r="H355" t="s">
        <v>81</v>
      </c>
      <c r="I355" s="8">
        <v>2030</v>
      </c>
      <c r="J355" s="15" t="s">
        <v>51</v>
      </c>
      <c r="K355" s="16">
        <v>3120</v>
      </c>
      <c r="L355">
        <v>385</v>
      </c>
      <c r="M355">
        <v>0</v>
      </c>
      <c r="N355">
        <v>0</v>
      </c>
    </row>
    <row r="356" spans="1:14" hidden="1">
      <c r="A356" s="7" t="s">
        <v>10</v>
      </c>
      <c r="B356" s="8"/>
      <c r="C356" s="8"/>
      <c r="D356" t="s">
        <v>80</v>
      </c>
      <c r="E356" s="8" t="s">
        <v>12</v>
      </c>
      <c r="F356" t="s">
        <v>46</v>
      </c>
      <c r="G356" t="s">
        <v>78</v>
      </c>
      <c r="H356" t="s">
        <v>81</v>
      </c>
      <c r="I356" s="11">
        <v>2031</v>
      </c>
      <c r="J356" s="12" t="s">
        <v>47</v>
      </c>
      <c r="K356" s="13">
        <v>0</v>
      </c>
      <c r="L356" s="14">
        <v>0</v>
      </c>
      <c r="M356" s="14">
        <v>0</v>
      </c>
      <c r="N356">
        <v>0</v>
      </c>
    </row>
    <row r="357" spans="1:14" hidden="1">
      <c r="A357" s="7" t="s">
        <v>10</v>
      </c>
      <c r="B357" s="8"/>
      <c r="C357" s="8"/>
      <c r="D357" t="s">
        <v>80</v>
      </c>
      <c r="E357" s="8" t="s">
        <v>12</v>
      </c>
      <c r="F357" t="s">
        <v>46</v>
      </c>
      <c r="G357" t="s">
        <v>78</v>
      </c>
      <c r="H357" t="s">
        <v>81</v>
      </c>
      <c r="I357" s="8">
        <v>2031</v>
      </c>
      <c r="J357" s="15" t="s">
        <v>48</v>
      </c>
      <c r="K357" s="16">
        <v>0</v>
      </c>
      <c r="L357">
        <v>0</v>
      </c>
      <c r="M357">
        <v>0</v>
      </c>
      <c r="N357">
        <v>0</v>
      </c>
    </row>
    <row r="358" spans="1:14" hidden="1">
      <c r="A358" s="7" t="s">
        <v>10</v>
      </c>
      <c r="B358" s="8"/>
      <c r="C358" s="8"/>
      <c r="D358" t="s">
        <v>80</v>
      </c>
      <c r="E358" s="8" t="s">
        <v>12</v>
      </c>
      <c r="F358" t="s">
        <v>46</v>
      </c>
      <c r="G358" t="s">
        <v>78</v>
      </c>
      <c r="H358" t="s">
        <v>81</v>
      </c>
      <c r="I358" s="11">
        <v>2031</v>
      </c>
      <c r="J358" s="12" t="s">
        <v>14</v>
      </c>
      <c r="K358" s="13">
        <v>270</v>
      </c>
      <c r="L358" s="14">
        <v>270</v>
      </c>
      <c r="M358" s="14">
        <v>0</v>
      </c>
      <c r="N358">
        <v>0</v>
      </c>
    </row>
    <row r="359" spans="1:14" hidden="1">
      <c r="A359" s="7" t="s">
        <v>10</v>
      </c>
      <c r="B359" s="8"/>
      <c r="C359" s="8"/>
      <c r="D359" t="s">
        <v>80</v>
      </c>
      <c r="E359" s="8" t="s">
        <v>12</v>
      </c>
      <c r="F359" t="s">
        <v>46</v>
      </c>
      <c r="G359" t="s">
        <v>78</v>
      </c>
      <c r="H359" t="s">
        <v>81</v>
      </c>
      <c r="I359" s="8">
        <v>2031</v>
      </c>
      <c r="J359" s="15" t="s">
        <v>49</v>
      </c>
      <c r="K359" s="16">
        <v>0</v>
      </c>
      <c r="L359">
        <v>0</v>
      </c>
      <c r="M359">
        <v>0</v>
      </c>
      <c r="N359">
        <v>0</v>
      </c>
    </row>
    <row r="360" spans="1:14" hidden="1">
      <c r="A360" s="7" t="s">
        <v>10</v>
      </c>
      <c r="B360" s="8"/>
      <c r="C360" s="8"/>
      <c r="D360" t="s">
        <v>80</v>
      </c>
      <c r="E360" s="8" t="s">
        <v>12</v>
      </c>
      <c r="F360" t="s">
        <v>46</v>
      </c>
      <c r="G360" t="s">
        <v>79</v>
      </c>
      <c r="H360" t="s">
        <v>81</v>
      </c>
      <c r="I360" s="11">
        <v>2031</v>
      </c>
      <c r="J360" s="12" t="s">
        <v>15</v>
      </c>
      <c r="K360" s="13">
        <v>0</v>
      </c>
      <c r="L360" s="14">
        <v>0</v>
      </c>
      <c r="M360" s="14">
        <v>0</v>
      </c>
      <c r="N360">
        <v>0</v>
      </c>
    </row>
    <row r="361" spans="1:14" hidden="1">
      <c r="A361" s="7" t="s">
        <v>10</v>
      </c>
      <c r="B361" s="8"/>
      <c r="C361" s="8"/>
      <c r="D361" t="s">
        <v>80</v>
      </c>
      <c r="E361" s="8" t="s">
        <v>12</v>
      </c>
      <c r="F361" t="s">
        <v>46</v>
      </c>
      <c r="G361" t="s">
        <v>79</v>
      </c>
      <c r="H361" t="s">
        <v>81</v>
      </c>
      <c r="I361" s="8">
        <v>2031</v>
      </c>
      <c r="J361" s="15" t="s">
        <v>50</v>
      </c>
      <c r="K361" s="16">
        <v>0</v>
      </c>
      <c r="L361">
        <v>0</v>
      </c>
      <c r="M361">
        <v>0</v>
      </c>
      <c r="N361">
        <v>0</v>
      </c>
    </row>
    <row r="362" spans="1:14" hidden="1">
      <c r="A362" s="7" t="s">
        <v>10</v>
      </c>
      <c r="B362" s="8"/>
      <c r="C362" s="8"/>
      <c r="D362" t="s">
        <v>80</v>
      </c>
      <c r="E362" s="8" t="s">
        <v>12</v>
      </c>
      <c r="F362" t="s">
        <v>46</v>
      </c>
      <c r="G362" t="s">
        <v>19</v>
      </c>
      <c r="H362" t="s">
        <v>81</v>
      </c>
      <c r="I362" s="11">
        <v>2031</v>
      </c>
      <c r="J362" s="12" t="s">
        <v>19</v>
      </c>
      <c r="K362" s="13">
        <v>4393</v>
      </c>
      <c r="L362" s="14">
        <v>77</v>
      </c>
      <c r="M362" s="14">
        <v>4316</v>
      </c>
      <c r="N362">
        <v>0</v>
      </c>
    </row>
    <row r="363" spans="1:14" hidden="1">
      <c r="A363" s="7" t="s">
        <v>10</v>
      </c>
      <c r="B363" s="8"/>
      <c r="C363" s="8"/>
      <c r="D363" t="s">
        <v>80</v>
      </c>
      <c r="E363" s="8" t="s">
        <v>12</v>
      </c>
      <c r="F363" t="s">
        <v>46</v>
      </c>
      <c r="G363" t="s">
        <v>78</v>
      </c>
      <c r="H363" t="s">
        <v>81</v>
      </c>
      <c r="I363" s="8">
        <v>2031</v>
      </c>
      <c r="J363" s="15" t="s">
        <v>21</v>
      </c>
      <c r="K363" s="16">
        <v>90</v>
      </c>
      <c r="L363">
        <v>90</v>
      </c>
      <c r="M363">
        <v>0</v>
      </c>
      <c r="N363">
        <v>0</v>
      </c>
    </row>
    <row r="364" spans="1:14" hidden="1">
      <c r="A364" s="7" t="s">
        <v>10</v>
      </c>
      <c r="B364" s="8"/>
      <c r="C364" s="8"/>
      <c r="D364" t="s">
        <v>80</v>
      </c>
      <c r="E364" s="8" t="s">
        <v>12</v>
      </c>
      <c r="F364" t="s">
        <v>46</v>
      </c>
      <c r="G364" t="s">
        <v>78</v>
      </c>
      <c r="H364" t="s">
        <v>81</v>
      </c>
      <c r="I364" s="11">
        <v>2031</v>
      </c>
      <c r="J364" s="12" t="s">
        <v>51</v>
      </c>
      <c r="K364" s="13">
        <v>3120</v>
      </c>
      <c r="L364" s="14">
        <v>385</v>
      </c>
      <c r="M364" s="14">
        <v>0</v>
      </c>
      <c r="N364">
        <v>0</v>
      </c>
    </row>
    <row r="365" spans="1:14" hidden="1">
      <c r="A365" s="7" t="s">
        <v>10</v>
      </c>
      <c r="B365" s="8"/>
      <c r="C365" s="8"/>
      <c r="D365" t="s">
        <v>80</v>
      </c>
      <c r="E365" s="8" t="s">
        <v>12</v>
      </c>
      <c r="F365" t="s">
        <v>46</v>
      </c>
      <c r="G365" t="s">
        <v>78</v>
      </c>
      <c r="H365" t="s">
        <v>81</v>
      </c>
      <c r="I365" s="8">
        <v>2032</v>
      </c>
      <c r="J365" s="15" t="s">
        <v>47</v>
      </c>
      <c r="K365" s="16">
        <v>0</v>
      </c>
      <c r="L365">
        <v>0</v>
      </c>
      <c r="M365">
        <v>0</v>
      </c>
      <c r="N365">
        <v>0</v>
      </c>
    </row>
    <row r="366" spans="1:14" hidden="1">
      <c r="A366" s="7" t="s">
        <v>10</v>
      </c>
      <c r="B366" s="8"/>
      <c r="C366" s="8"/>
      <c r="D366" t="s">
        <v>80</v>
      </c>
      <c r="E366" s="8" t="s">
        <v>12</v>
      </c>
      <c r="F366" t="s">
        <v>46</v>
      </c>
      <c r="G366" t="s">
        <v>78</v>
      </c>
      <c r="H366" t="s">
        <v>81</v>
      </c>
      <c r="I366" s="11">
        <v>2032</v>
      </c>
      <c r="J366" s="12" t="s">
        <v>48</v>
      </c>
      <c r="K366" s="13">
        <v>0</v>
      </c>
      <c r="L366" s="14">
        <v>0</v>
      </c>
      <c r="M366" s="14">
        <v>0</v>
      </c>
      <c r="N366">
        <v>0</v>
      </c>
    </row>
    <row r="367" spans="1:14" hidden="1">
      <c r="A367" s="7" t="s">
        <v>10</v>
      </c>
      <c r="B367" s="8"/>
      <c r="C367" s="8"/>
      <c r="D367" t="s">
        <v>80</v>
      </c>
      <c r="E367" s="8" t="s">
        <v>12</v>
      </c>
      <c r="F367" t="s">
        <v>46</v>
      </c>
      <c r="G367" t="s">
        <v>78</v>
      </c>
      <c r="H367" t="s">
        <v>81</v>
      </c>
      <c r="I367" s="8">
        <v>2032</v>
      </c>
      <c r="J367" s="15" t="s">
        <v>14</v>
      </c>
      <c r="K367" s="16">
        <v>270</v>
      </c>
      <c r="L367">
        <v>270</v>
      </c>
      <c r="M367">
        <v>0</v>
      </c>
      <c r="N367">
        <v>0</v>
      </c>
    </row>
    <row r="368" spans="1:14" hidden="1">
      <c r="A368" s="7" t="s">
        <v>10</v>
      </c>
      <c r="B368" s="8"/>
      <c r="C368" s="8"/>
      <c r="D368" t="s">
        <v>80</v>
      </c>
      <c r="E368" s="8" t="s">
        <v>12</v>
      </c>
      <c r="F368" t="s">
        <v>46</v>
      </c>
      <c r="G368" t="s">
        <v>78</v>
      </c>
      <c r="H368" t="s">
        <v>81</v>
      </c>
      <c r="I368" s="11">
        <v>2032</v>
      </c>
      <c r="J368" s="12" t="s">
        <v>49</v>
      </c>
      <c r="K368" s="13">
        <v>0</v>
      </c>
      <c r="L368" s="14">
        <v>0</v>
      </c>
      <c r="M368" s="14">
        <v>0</v>
      </c>
      <c r="N368">
        <v>0</v>
      </c>
    </row>
    <row r="369" spans="1:14" hidden="1">
      <c r="A369" s="7" t="s">
        <v>10</v>
      </c>
      <c r="B369" s="8"/>
      <c r="C369" s="8"/>
      <c r="D369" t="s">
        <v>80</v>
      </c>
      <c r="E369" s="8" t="s">
        <v>12</v>
      </c>
      <c r="F369" t="s">
        <v>46</v>
      </c>
      <c r="G369" t="s">
        <v>79</v>
      </c>
      <c r="H369" t="s">
        <v>81</v>
      </c>
      <c r="I369" s="8">
        <v>2032</v>
      </c>
      <c r="J369" s="15" t="s">
        <v>15</v>
      </c>
      <c r="K369" s="16">
        <v>0</v>
      </c>
      <c r="L369">
        <v>0</v>
      </c>
      <c r="M369">
        <v>0</v>
      </c>
      <c r="N369">
        <v>0</v>
      </c>
    </row>
    <row r="370" spans="1:14" hidden="1">
      <c r="A370" s="7" t="s">
        <v>10</v>
      </c>
      <c r="B370" s="8"/>
      <c r="C370" s="8"/>
      <c r="D370" t="s">
        <v>80</v>
      </c>
      <c r="E370" s="8" t="s">
        <v>12</v>
      </c>
      <c r="F370" t="s">
        <v>46</v>
      </c>
      <c r="G370" t="s">
        <v>79</v>
      </c>
      <c r="H370" t="s">
        <v>81</v>
      </c>
      <c r="I370" s="11">
        <v>2032</v>
      </c>
      <c r="J370" s="12" t="s">
        <v>50</v>
      </c>
      <c r="K370" s="13">
        <v>0</v>
      </c>
      <c r="L370" s="14">
        <v>0</v>
      </c>
      <c r="M370" s="14">
        <v>0</v>
      </c>
      <c r="N370">
        <v>0</v>
      </c>
    </row>
    <row r="371" spans="1:14" hidden="1">
      <c r="A371" s="7" t="s">
        <v>10</v>
      </c>
      <c r="B371" s="8"/>
      <c r="C371" s="8"/>
      <c r="D371" t="s">
        <v>80</v>
      </c>
      <c r="E371" s="8" t="s">
        <v>12</v>
      </c>
      <c r="F371" t="s">
        <v>46</v>
      </c>
      <c r="G371" t="s">
        <v>19</v>
      </c>
      <c r="H371" t="s">
        <v>81</v>
      </c>
      <c r="I371" s="8">
        <v>2032</v>
      </c>
      <c r="J371" s="15" t="s">
        <v>19</v>
      </c>
      <c r="K371" s="16">
        <v>4628</v>
      </c>
      <c r="L371">
        <v>77</v>
      </c>
      <c r="M371">
        <v>4551</v>
      </c>
      <c r="N371">
        <v>0</v>
      </c>
    </row>
    <row r="372" spans="1:14" hidden="1">
      <c r="A372" s="7" t="s">
        <v>10</v>
      </c>
      <c r="B372" s="8"/>
      <c r="C372" s="8"/>
      <c r="D372" t="s">
        <v>80</v>
      </c>
      <c r="E372" s="8" t="s">
        <v>12</v>
      </c>
      <c r="F372" t="s">
        <v>46</v>
      </c>
      <c r="G372" t="s">
        <v>78</v>
      </c>
      <c r="H372" t="s">
        <v>81</v>
      </c>
      <c r="I372" s="11">
        <v>2032</v>
      </c>
      <c r="J372" s="12" t="s">
        <v>21</v>
      </c>
      <c r="K372" s="13">
        <v>260</v>
      </c>
      <c r="L372" s="14">
        <v>260</v>
      </c>
      <c r="M372" s="14">
        <v>0</v>
      </c>
      <c r="N372">
        <v>0</v>
      </c>
    </row>
    <row r="373" spans="1:14" hidden="1">
      <c r="A373" s="7" t="s">
        <v>10</v>
      </c>
      <c r="B373" s="8"/>
      <c r="C373" s="8"/>
      <c r="D373" t="s">
        <v>80</v>
      </c>
      <c r="E373" s="8" t="s">
        <v>12</v>
      </c>
      <c r="F373" t="s">
        <v>46</v>
      </c>
      <c r="G373" t="s">
        <v>78</v>
      </c>
      <c r="H373" t="s">
        <v>81</v>
      </c>
      <c r="I373" s="8">
        <v>2032</v>
      </c>
      <c r="J373" s="15" t="s">
        <v>51</v>
      </c>
      <c r="K373" s="16">
        <v>3120</v>
      </c>
      <c r="L373">
        <v>385</v>
      </c>
      <c r="M373">
        <v>0</v>
      </c>
      <c r="N373">
        <v>0</v>
      </c>
    </row>
    <row r="374" spans="1:14" hidden="1">
      <c r="A374" s="7" t="s">
        <v>10</v>
      </c>
      <c r="B374" s="8"/>
      <c r="C374" s="8"/>
      <c r="D374" t="s">
        <v>80</v>
      </c>
      <c r="E374" s="8" t="s">
        <v>12</v>
      </c>
      <c r="F374" t="s">
        <v>46</v>
      </c>
      <c r="G374" t="s">
        <v>78</v>
      </c>
      <c r="H374" t="s">
        <v>81</v>
      </c>
      <c r="I374" s="11">
        <v>2033</v>
      </c>
      <c r="J374" s="12" t="s">
        <v>47</v>
      </c>
      <c r="K374" s="13">
        <v>0</v>
      </c>
      <c r="L374" s="14">
        <v>0</v>
      </c>
      <c r="M374" s="14">
        <v>0</v>
      </c>
      <c r="N374">
        <v>0</v>
      </c>
    </row>
    <row r="375" spans="1:14" hidden="1">
      <c r="A375" s="7" t="s">
        <v>10</v>
      </c>
      <c r="B375" s="8"/>
      <c r="C375" s="8"/>
      <c r="D375" t="s">
        <v>80</v>
      </c>
      <c r="E375" s="8" t="s">
        <v>12</v>
      </c>
      <c r="F375" t="s">
        <v>46</v>
      </c>
      <c r="G375" t="s">
        <v>78</v>
      </c>
      <c r="H375" t="s">
        <v>81</v>
      </c>
      <c r="I375" s="8">
        <v>2033</v>
      </c>
      <c r="J375" s="15" t="s">
        <v>48</v>
      </c>
      <c r="K375" s="16">
        <v>0</v>
      </c>
      <c r="L375">
        <v>0</v>
      </c>
      <c r="M375">
        <v>0</v>
      </c>
      <c r="N375">
        <v>0</v>
      </c>
    </row>
    <row r="376" spans="1:14" hidden="1">
      <c r="A376" s="7" t="s">
        <v>10</v>
      </c>
      <c r="B376" s="8"/>
      <c r="C376" s="8"/>
      <c r="D376" t="s">
        <v>80</v>
      </c>
      <c r="E376" s="8" t="s">
        <v>12</v>
      </c>
      <c r="F376" t="s">
        <v>46</v>
      </c>
      <c r="G376" t="s">
        <v>78</v>
      </c>
      <c r="H376" t="s">
        <v>81</v>
      </c>
      <c r="I376" s="11">
        <v>2033</v>
      </c>
      <c r="J376" s="12" t="s">
        <v>14</v>
      </c>
      <c r="K376" s="13">
        <v>270</v>
      </c>
      <c r="L376" s="14">
        <v>270</v>
      </c>
      <c r="M376" s="14">
        <v>0</v>
      </c>
      <c r="N376">
        <v>0</v>
      </c>
    </row>
    <row r="377" spans="1:14" hidden="1">
      <c r="A377" s="7" t="s">
        <v>10</v>
      </c>
      <c r="B377" s="8"/>
      <c r="C377" s="8"/>
      <c r="D377" t="s">
        <v>80</v>
      </c>
      <c r="E377" s="8" t="s">
        <v>12</v>
      </c>
      <c r="F377" t="s">
        <v>46</v>
      </c>
      <c r="G377" t="s">
        <v>78</v>
      </c>
      <c r="H377" t="s">
        <v>81</v>
      </c>
      <c r="I377" s="8">
        <v>2033</v>
      </c>
      <c r="J377" s="15" t="s">
        <v>49</v>
      </c>
      <c r="K377" s="16">
        <v>0</v>
      </c>
      <c r="L377">
        <v>0</v>
      </c>
      <c r="M377">
        <v>0</v>
      </c>
      <c r="N377">
        <v>0</v>
      </c>
    </row>
    <row r="378" spans="1:14" hidden="1">
      <c r="A378" s="7" t="s">
        <v>10</v>
      </c>
      <c r="B378" s="8"/>
      <c r="C378" s="8"/>
      <c r="D378" t="s">
        <v>80</v>
      </c>
      <c r="E378" s="8" t="s">
        <v>12</v>
      </c>
      <c r="F378" t="s">
        <v>46</v>
      </c>
      <c r="G378" t="s">
        <v>79</v>
      </c>
      <c r="H378" t="s">
        <v>81</v>
      </c>
      <c r="I378" s="11">
        <v>2033</v>
      </c>
      <c r="J378" s="12" t="s">
        <v>15</v>
      </c>
      <c r="K378" s="13">
        <v>0</v>
      </c>
      <c r="L378" s="14">
        <v>0</v>
      </c>
      <c r="M378" s="14">
        <v>0</v>
      </c>
      <c r="N378">
        <v>0</v>
      </c>
    </row>
    <row r="379" spans="1:14" hidden="1">
      <c r="A379" s="7" t="s">
        <v>10</v>
      </c>
      <c r="B379" s="8"/>
      <c r="C379" s="8"/>
      <c r="D379" t="s">
        <v>80</v>
      </c>
      <c r="E379" s="8" t="s">
        <v>12</v>
      </c>
      <c r="F379" t="s">
        <v>46</v>
      </c>
      <c r="G379" t="s">
        <v>79</v>
      </c>
      <c r="H379" t="s">
        <v>81</v>
      </c>
      <c r="I379" s="8">
        <v>2033</v>
      </c>
      <c r="J379" s="15" t="s">
        <v>50</v>
      </c>
      <c r="K379" s="16">
        <v>0</v>
      </c>
      <c r="L379">
        <v>0</v>
      </c>
      <c r="M379">
        <v>0</v>
      </c>
      <c r="N379">
        <v>0</v>
      </c>
    </row>
    <row r="380" spans="1:14" hidden="1">
      <c r="A380" s="7" t="s">
        <v>10</v>
      </c>
      <c r="B380" s="8"/>
      <c r="C380" s="8"/>
      <c r="D380" t="s">
        <v>80</v>
      </c>
      <c r="E380" s="8" t="s">
        <v>12</v>
      </c>
      <c r="F380" t="s">
        <v>46</v>
      </c>
      <c r="G380" t="s">
        <v>19</v>
      </c>
      <c r="H380" t="s">
        <v>81</v>
      </c>
      <c r="I380" s="11">
        <v>2033</v>
      </c>
      <c r="J380" s="12" t="s">
        <v>19</v>
      </c>
      <c r="K380" s="13">
        <v>4983</v>
      </c>
      <c r="L380" s="14">
        <v>77</v>
      </c>
      <c r="M380" s="14">
        <v>4906</v>
      </c>
      <c r="N380">
        <v>0</v>
      </c>
    </row>
    <row r="381" spans="1:14" hidden="1">
      <c r="A381" s="7" t="s">
        <v>10</v>
      </c>
      <c r="B381" s="8"/>
      <c r="C381" s="8"/>
      <c r="D381" t="s">
        <v>80</v>
      </c>
      <c r="E381" s="8" t="s">
        <v>12</v>
      </c>
      <c r="F381" t="s">
        <v>46</v>
      </c>
      <c r="G381" t="s">
        <v>78</v>
      </c>
      <c r="H381" t="s">
        <v>81</v>
      </c>
      <c r="I381" s="8">
        <v>2033</v>
      </c>
      <c r="J381" s="15" t="s">
        <v>21</v>
      </c>
      <c r="K381" s="16">
        <v>260</v>
      </c>
      <c r="L381">
        <v>260</v>
      </c>
      <c r="M381">
        <v>0</v>
      </c>
      <c r="N381">
        <v>0</v>
      </c>
    </row>
    <row r="382" spans="1:14" hidden="1">
      <c r="A382" s="7" t="s">
        <v>10</v>
      </c>
      <c r="B382" s="8"/>
      <c r="C382" s="8"/>
      <c r="D382" t="s">
        <v>80</v>
      </c>
      <c r="E382" s="8" t="s">
        <v>12</v>
      </c>
      <c r="F382" t="s">
        <v>46</v>
      </c>
      <c r="G382" t="s">
        <v>78</v>
      </c>
      <c r="H382" t="s">
        <v>81</v>
      </c>
      <c r="I382" s="11">
        <v>2033</v>
      </c>
      <c r="J382" s="12" t="s">
        <v>51</v>
      </c>
      <c r="K382" s="13">
        <v>3120</v>
      </c>
      <c r="L382" s="14">
        <v>385</v>
      </c>
      <c r="M382" s="14">
        <v>0</v>
      </c>
      <c r="N382">
        <v>0</v>
      </c>
    </row>
    <row r="383" spans="1:14" hidden="1">
      <c r="A383" s="7" t="s">
        <v>10</v>
      </c>
      <c r="B383" s="8"/>
      <c r="C383" s="8"/>
      <c r="D383" t="s">
        <v>80</v>
      </c>
      <c r="E383" s="8" t="s">
        <v>24</v>
      </c>
      <c r="F383" t="s">
        <v>46</v>
      </c>
      <c r="G383" t="s">
        <v>78</v>
      </c>
      <c r="H383" t="s">
        <v>81</v>
      </c>
      <c r="I383" s="11">
        <v>2025</v>
      </c>
      <c r="J383" s="12" t="s">
        <v>47</v>
      </c>
      <c r="K383" s="14"/>
      <c r="L383" s="14"/>
      <c r="M383" s="14">
        <v>0</v>
      </c>
      <c r="N383">
        <v>0</v>
      </c>
    </row>
    <row r="384" spans="1:14" hidden="1">
      <c r="A384" s="7" t="s">
        <v>10</v>
      </c>
      <c r="B384" s="8"/>
      <c r="C384" s="8"/>
      <c r="D384" t="s">
        <v>80</v>
      </c>
      <c r="E384" s="8" t="s">
        <v>24</v>
      </c>
      <c r="F384" t="s">
        <v>46</v>
      </c>
      <c r="G384" t="s">
        <v>78</v>
      </c>
      <c r="H384" t="s">
        <v>81</v>
      </c>
      <c r="I384" s="8">
        <v>2025</v>
      </c>
      <c r="J384" s="15" t="s">
        <v>48</v>
      </c>
      <c r="K384">
        <v>162</v>
      </c>
      <c r="L384">
        <v>477</v>
      </c>
      <c r="M384">
        <v>0</v>
      </c>
      <c r="N384">
        <v>0</v>
      </c>
    </row>
    <row r="385" spans="1:14" hidden="1">
      <c r="A385" s="7" t="s">
        <v>10</v>
      </c>
      <c r="B385" s="8"/>
      <c r="C385" s="8"/>
      <c r="D385" t="s">
        <v>80</v>
      </c>
      <c r="E385" s="8" t="s">
        <v>24</v>
      </c>
      <c r="F385" t="s">
        <v>46</v>
      </c>
      <c r="G385" t="s">
        <v>78</v>
      </c>
      <c r="H385" t="s">
        <v>81</v>
      </c>
      <c r="I385" s="11">
        <v>2025</v>
      </c>
      <c r="J385" s="12" t="s">
        <v>14</v>
      </c>
      <c r="K385" s="14">
        <v>1659</v>
      </c>
      <c r="L385" s="14">
        <v>2940</v>
      </c>
      <c r="M385" s="14">
        <v>0</v>
      </c>
      <c r="N385">
        <v>0</v>
      </c>
    </row>
    <row r="386" spans="1:14" hidden="1">
      <c r="A386" s="7" t="s">
        <v>10</v>
      </c>
      <c r="B386" s="8"/>
      <c r="C386" s="8"/>
      <c r="D386" t="s">
        <v>80</v>
      </c>
      <c r="E386" s="8" t="s">
        <v>24</v>
      </c>
      <c r="F386" t="s">
        <v>46</v>
      </c>
      <c r="G386" t="s">
        <v>78</v>
      </c>
      <c r="H386" t="s">
        <v>81</v>
      </c>
      <c r="I386" s="8">
        <v>2025</v>
      </c>
      <c r="J386" s="15" t="s">
        <v>49</v>
      </c>
      <c r="M386">
        <v>0</v>
      </c>
      <c r="N386">
        <v>0</v>
      </c>
    </row>
    <row r="387" spans="1:14" hidden="1">
      <c r="A387" s="7" t="s">
        <v>10</v>
      </c>
      <c r="B387" s="8"/>
      <c r="C387" s="8"/>
      <c r="D387" t="s">
        <v>80</v>
      </c>
      <c r="E387" s="8" t="s">
        <v>24</v>
      </c>
      <c r="F387" t="s">
        <v>46</v>
      </c>
      <c r="G387" t="s">
        <v>79</v>
      </c>
      <c r="H387" t="s">
        <v>81</v>
      </c>
      <c r="I387" s="11">
        <v>2025</v>
      </c>
      <c r="J387" s="12" t="s">
        <v>15</v>
      </c>
      <c r="K387" s="14">
        <v>76</v>
      </c>
      <c r="L387" s="14">
        <v>36</v>
      </c>
      <c r="M387" s="14">
        <v>40</v>
      </c>
      <c r="N387">
        <v>0</v>
      </c>
    </row>
    <row r="388" spans="1:14" hidden="1">
      <c r="A388" s="7" t="s">
        <v>10</v>
      </c>
      <c r="B388" s="8"/>
      <c r="C388" s="8"/>
      <c r="D388" t="s">
        <v>80</v>
      </c>
      <c r="E388" s="8" t="s">
        <v>24</v>
      </c>
      <c r="F388" t="s">
        <v>46</v>
      </c>
      <c r="G388" t="s">
        <v>79</v>
      </c>
      <c r="H388" t="s">
        <v>81</v>
      </c>
      <c r="I388" s="8">
        <v>2025</v>
      </c>
      <c r="J388" s="15" t="s">
        <v>50</v>
      </c>
      <c r="M388">
        <v>0</v>
      </c>
      <c r="N388">
        <v>0</v>
      </c>
    </row>
    <row r="389" spans="1:14" hidden="1">
      <c r="A389" s="7" t="s">
        <v>10</v>
      </c>
      <c r="B389" s="8"/>
      <c r="C389" s="8"/>
      <c r="D389" t="s">
        <v>80</v>
      </c>
      <c r="E389" s="8" t="s">
        <v>24</v>
      </c>
      <c r="F389" t="s">
        <v>46</v>
      </c>
      <c r="G389" t="s">
        <v>19</v>
      </c>
      <c r="H389" t="s">
        <v>81</v>
      </c>
      <c r="I389" s="11">
        <v>2025</v>
      </c>
      <c r="J389" s="12" t="s">
        <v>19</v>
      </c>
      <c r="K389" s="14">
        <v>864</v>
      </c>
      <c r="L389" s="14">
        <v>540</v>
      </c>
      <c r="M389" s="14">
        <v>324</v>
      </c>
      <c r="N389">
        <v>0</v>
      </c>
    </row>
    <row r="390" spans="1:14" hidden="1">
      <c r="A390" s="7" t="s">
        <v>10</v>
      </c>
      <c r="B390" s="8"/>
      <c r="C390" s="8"/>
      <c r="D390" t="s">
        <v>80</v>
      </c>
      <c r="E390" s="8" t="s">
        <v>24</v>
      </c>
      <c r="F390" t="s">
        <v>46</v>
      </c>
      <c r="G390" t="s">
        <v>78</v>
      </c>
      <c r="H390" t="s">
        <v>81</v>
      </c>
      <c r="I390" s="8">
        <v>2025</v>
      </c>
      <c r="J390" s="15" t="s">
        <v>21</v>
      </c>
      <c r="M390">
        <v>0</v>
      </c>
      <c r="N390">
        <v>0</v>
      </c>
    </row>
    <row r="391" spans="1:14" hidden="1">
      <c r="A391" s="7" t="s">
        <v>10</v>
      </c>
      <c r="B391" s="8"/>
      <c r="C391" s="8"/>
      <c r="D391" t="s">
        <v>80</v>
      </c>
      <c r="E391" s="8" t="s">
        <v>24</v>
      </c>
      <c r="F391" t="s">
        <v>46</v>
      </c>
      <c r="G391" t="s">
        <v>78</v>
      </c>
      <c r="H391" t="s">
        <v>81</v>
      </c>
      <c r="I391" s="11">
        <v>2025</v>
      </c>
      <c r="J391" s="12" t="s">
        <v>51</v>
      </c>
      <c r="K391" s="14"/>
      <c r="L391" s="14"/>
      <c r="M391" s="14">
        <v>0</v>
      </c>
      <c r="N391">
        <v>0</v>
      </c>
    </row>
    <row r="392" spans="1:14" hidden="1">
      <c r="A392" s="7" t="s">
        <v>10</v>
      </c>
      <c r="B392" s="8"/>
      <c r="C392" s="8"/>
      <c r="D392" t="s">
        <v>80</v>
      </c>
      <c r="E392" s="8" t="s">
        <v>24</v>
      </c>
      <c r="F392" t="s">
        <v>46</v>
      </c>
      <c r="G392" t="s">
        <v>78</v>
      </c>
      <c r="H392" t="s">
        <v>81</v>
      </c>
      <c r="I392" s="8">
        <v>2026</v>
      </c>
      <c r="J392" s="15" t="s">
        <v>47</v>
      </c>
      <c r="M392">
        <v>0</v>
      </c>
      <c r="N392">
        <v>0</v>
      </c>
    </row>
    <row r="393" spans="1:14" hidden="1">
      <c r="A393" s="7" t="s">
        <v>10</v>
      </c>
      <c r="B393" s="8"/>
      <c r="C393" s="8"/>
      <c r="D393" t="s">
        <v>80</v>
      </c>
      <c r="E393" s="8" t="s">
        <v>24</v>
      </c>
      <c r="F393" t="s">
        <v>46</v>
      </c>
      <c r="G393" t="s">
        <v>78</v>
      </c>
      <c r="H393" t="s">
        <v>81</v>
      </c>
      <c r="I393" s="11">
        <v>2026</v>
      </c>
      <c r="J393" s="12" t="s">
        <v>48</v>
      </c>
      <c r="K393" s="14">
        <v>199</v>
      </c>
      <c r="L393" s="14">
        <v>477</v>
      </c>
      <c r="M393" s="14">
        <v>0</v>
      </c>
      <c r="N393">
        <v>0</v>
      </c>
    </row>
    <row r="394" spans="1:14" hidden="1">
      <c r="A394" s="7" t="s">
        <v>10</v>
      </c>
      <c r="B394" s="8"/>
      <c r="C394" s="8"/>
      <c r="D394" t="s">
        <v>80</v>
      </c>
      <c r="E394" s="8" t="s">
        <v>24</v>
      </c>
      <c r="F394" t="s">
        <v>46</v>
      </c>
      <c r="G394" t="s">
        <v>78</v>
      </c>
      <c r="H394" t="s">
        <v>81</v>
      </c>
      <c r="I394" s="8">
        <v>2026</v>
      </c>
      <c r="J394" s="15" t="s">
        <v>14</v>
      </c>
      <c r="K394">
        <v>2067</v>
      </c>
      <c r="L394">
        <v>2940</v>
      </c>
      <c r="M394">
        <v>0</v>
      </c>
      <c r="N394">
        <v>0</v>
      </c>
    </row>
    <row r="395" spans="1:14" hidden="1">
      <c r="A395" s="7" t="s">
        <v>10</v>
      </c>
      <c r="B395" s="8"/>
      <c r="C395" s="8"/>
      <c r="D395" t="s">
        <v>80</v>
      </c>
      <c r="E395" s="8" t="s">
        <v>24</v>
      </c>
      <c r="F395" t="s">
        <v>46</v>
      </c>
      <c r="G395" t="s">
        <v>78</v>
      </c>
      <c r="H395" t="s">
        <v>81</v>
      </c>
      <c r="I395" s="11">
        <v>2026</v>
      </c>
      <c r="J395" s="12" t="s">
        <v>49</v>
      </c>
      <c r="K395" s="14"/>
      <c r="L395" s="14"/>
      <c r="M395" s="14">
        <v>0</v>
      </c>
      <c r="N395">
        <v>0</v>
      </c>
    </row>
    <row r="396" spans="1:14" hidden="1">
      <c r="A396" s="7" t="s">
        <v>10</v>
      </c>
      <c r="B396" s="8"/>
      <c r="C396" s="8"/>
      <c r="D396" t="s">
        <v>80</v>
      </c>
      <c r="E396" s="8" t="s">
        <v>24</v>
      </c>
      <c r="F396" t="s">
        <v>46</v>
      </c>
      <c r="G396" t="s">
        <v>79</v>
      </c>
      <c r="H396" t="s">
        <v>81</v>
      </c>
      <c r="I396" s="8">
        <v>2026</v>
      </c>
      <c r="J396" s="15" t="s">
        <v>15</v>
      </c>
      <c r="K396">
        <v>97</v>
      </c>
      <c r="L396">
        <v>36</v>
      </c>
      <c r="M396">
        <v>61</v>
      </c>
      <c r="N396">
        <v>0</v>
      </c>
    </row>
    <row r="397" spans="1:14" hidden="1">
      <c r="A397" s="7" t="s">
        <v>10</v>
      </c>
      <c r="B397" s="8"/>
      <c r="C397" s="8"/>
      <c r="D397" t="s">
        <v>80</v>
      </c>
      <c r="E397" s="8" t="s">
        <v>24</v>
      </c>
      <c r="F397" t="s">
        <v>46</v>
      </c>
      <c r="G397" t="s">
        <v>79</v>
      </c>
      <c r="H397" t="s">
        <v>81</v>
      </c>
      <c r="I397" s="11">
        <v>2026</v>
      </c>
      <c r="J397" s="12" t="s">
        <v>50</v>
      </c>
      <c r="K397" s="14"/>
      <c r="L397" s="14"/>
      <c r="M397" s="14">
        <v>0</v>
      </c>
      <c r="N397">
        <v>0</v>
      </c>
    </row>
    <row r="398" spans="1:14" hidden="1">
      <c r="A398" s="7" t="s">
        <v>10</v>
      </c>
      <c r="B398" s="8"/>
      <c r="C398" s="8"/>
      <c r="D398" t="s">
        <v>80</v>
      </c>
      <c r="E398" s="8" t="s">
        <v>24</v>
      </c>
      <c r="F398" t="s">
        <v>46</v>
      </c>
      <c r="G398" t="s">
        <v>19</v>
      </c>
      <c r="H398" t="s">
        <v>81</v>
      </c>
      <c r="I398" s="8">
        <v>2026</v>
      </c>
      <c r="J398" s="15" t="s">
        <v>19</v>
      </c>
      <c r="K398">
        <v>1080</v>
      </c>
      <c r="L398">
        <v>540</v>
      </c>
      <c r="M398">
        <v>540</v>
      </c>
      <c r="N398">
        <v>0</v>
      </c>
    </row>
    <row r="399" spans="1:14" hidden="1">
      <c r="A399" s="7" t="s">
        <v>10</v>
      </c>
      <c r="B399" s="8"/>
      <c r="C399" s="8"/>
      <c r="D399" t="s">
        <v>80</v>
      </c>
      <c r="E399" s="8" t="s">
        <v>24</v>
      </c>
      <c r="F399" t="s">
        <v>46</v>
      </c>
      <c r="G399" t="s">
        <v>78</v>
      </c>
      <c r="H399" t="s">
        <v>81</v>
      </c>
      <c r="I399" s="11">
        <v>2026</v>
      </c>
      <c r="J399" s="12" t="s">
        <v>21</v>
      </c>
      <c r="K399" s="14"/>
      <c r="L399" s="14"/>
      <c r="M399" s="14">
        <v>0</v>
      </c>
      <c r="N399">
        <v>0</v>
      </c>
    </row>
    <row r="400" spans="1:14" hidden="1">
      <c r="A400" s="7" t="s">
        <v>10</v>
      </c>
      <c r="B400" s="8"/>
      <c r="C400" s="8"/>
      <c r="D400" t="s">
        <v>80</v>
      </c>
      <c r="E400" s="8" t="s">
        <v>24</v>
      </c>
      <c r="F400" t="s">
        <v>46</v>
      </c>
      <c r="G400" t="s">
        <v>78</v>
      </c>
      <c r="H400" t="s">
        <v>81</v>
      </c>
      <c r="I400" s="8">
        <v>2026</v>
      </c>
      <c r="J400" s="15" t="s">
        <v>51</v>
      </c>
      <c r="M400">
        <v>0</v>
      </c>
      <c r="N400">
        <v>0</v>
      </c>
    </row>
    <row r="401" spans="1:14" hidden="1">
      <c r="A401" s="7" t="s">
        <v>10</v>
      </c>
      <c r="B401" s="8"/>
      <c r="C401" s="8"/>
      <c r="D401" t="s">
        <v>80</v>
      </c>
      <c r="E401" s="8" t="s">
        <v>24</v>
      </c>
      <c r="F401" t="s">
        <v>46</v>
      </c>
      <c r="G401" t="s">
        <v>78</v>
      </c>
      <c r="H401" t="s">
        <v>81</v>
      </c>
      <c r="I401" s="11">
        <v>2027</v>
      </c>
      <c r="J401" s="12" t="s">
        <v>47</v>
      </c>
      <c r="K401" s="14"/>
      <c r="L401" s="14"/>
      <c r="M401" s="14">
        <v>0</v>
      </c>
      <c r="N401">
        <v>0</v>
      </c>
    </row>
    <row r="402" spans="1:14" hidden="1">
      <c r="A402" s="7" t="s">
        <v>10</v>
      </c>
      <c r="B402" s="8"/>
      <c r="C402" s="8"/>
      <c r="D402" t="s">
        <v>80</v>
      </c>
      <c r="E402" s="8" t="s">
        <v>24</v>
      </c>
      <c r="F402" t="s">
        <v>46</v>
      </c>
      <c r="G402" t="s">
        <v>78</v>
      </c>
      <c r="H402" t="s">
        <v>81</v>
      </c>
      <c r="I402" s="8">
        <v>2027</v>
      </c>
      <c r="J402" s="15" t="s">
        <v>48</v>
      </c>
      <c r="K402">
        <v>199</v>
      </c>
      <c r="L402">
        <v>477</v>
      </c>
      <c r="M402">
        <v>0</v>
      </c>
      <c r="N402">
        <v>0</v>
      </c>
    </row>
    <row r="403" spans="1:14" hidden="1">
      <c r="A403" s="7" t="s">
        <v>10</v>
      </c>
      <c r="B403" s="8"/>
      <c r="C403" s="8"/>
      <c r="D403" t="s">
        <v>80</v>
      </c>
      <c r="E403" s="8" t="s">
        <v>24</v>
      </c>
      <c r="F403" t="s">
        <v>46</v>
      </c>
      <c r="G403" t="s">
        <v>78</v>
      </c>
      <c r="H403" t="s">
        <v>81</v>
      </c>
      <c r="I403" s="11">
        <v>2027</v>
      </c>
      <c r="J403" s="12" t="s">
        <v>14</v>
      </c>
      <c r="K403" s="14">
        <v>2067</v>
      </c>
      <c r="L403" s="14">
        <v>2940</v>
      </c>
      <c r="M403" s="14">
        <v>0</v>
      </c>
      <c r="N403">
        <v>0</v>
      </c>
    </row>
    <row r="404" spans="1:14" hidden="1">
      <c r="A404" s="7" t="s">
        <v>10</v>
      </c>
      <c r="B404" s="8"/>
      <c r="C404" s="8"/>
      <c r="D404" t="s">
        <v>80</v>
      </c>
      <c r="E404" s="8" t="s">
        <v>24</v>
      </c>
      <c r="F404" t="s">
        <v>46</v>
      </c>
      <c r="G404" t="s">
        <v>78</v>
      </c>
      <c r="H404" t="s">
        <v>81</v>
      </c>
      <c r="I404" s="8">
        <v>2027</v>
      </c>
      <c r="J404" s="15" t="s">
        <v>49</v>
      </c>
      <c r="M404">
        <v>0</v>
      </c>
      <c r="N404">
        <v>0</v>
      </c>
    </row>
    <row r="405" spans="1:14" hidden="1">
      <c r="A405" s="7" t="s">
        <v>10</v>
      </c>
      <c r="B405" s="8"/>
      <c r="C405" s="8"/>
      <c r="D405" t="s">
        <v>80</v>
      </c>
      <c r="E405" s="8" t="s">
        <v>24</v>
      </c>
      <c r="F405" t="s">
        <v>46</v>
      </c>
      <c r="G405" t="s">
        <v>79</v>
      </c>
      <c r="H405" t="s">
        <v>81</v>
      </c>
      <c r="I405" s="11">
        <v>2027</v>
      </c>
      <c r="J405" s="12" t="s">
        <v>15</v>
      </c>
      <c r="K405" s="14">
        <v>97</v>
      </c>
      <c r="L405" s="14">
        <v>36</v>
      </c>
      <c r="M405" s="14">
        <v>61</v>
      </c>
      <c r="N405">
        <v>0</v>
      </c>
    </row>
    <row r="406" spans="1:14" hidden="1">
      <c r="A406" s="7" t="s">
        <v>10</v>
      </c>
      <c r="B406" s="8"/>
      <c r="C406" s="8"/>
      <c r="D406" t="s">
        <v>80</v>
      </c>
      <c r="E406" s="8" t="s">
        <v>24</v>
      </c>
      <c r="F406" t="s">
        <v>46</v>
      </c>
      <c r="G406" t="s">
        <v>79</v>
      </c>
      <c r="H406" t="s">
        <v>81</v>
      </c>
      <c r="I406" s="8">
        <v>2027</v>
      </c>
      <c r="J406" s="15" t="s">
        <v>50</v>
      </c>
      <c r="M406">
        <v>0</v>
      </c>
      <c r="N406">
        <v>0</v>
      </c>
    </row>
    <row r="407" spans="1:14" hidden="1">
      <c r="A407" s="7" t="s">
        <v>10</v>
      </c>
      <c r="B407" s="8"/>
      <c r="C407" s="8"/>
      <c r="D407" t="s">
        <v>80</v>
      </c>
      <c r="E407" s="8" t="s">
        <v>24</v>
      </c>
      <c r="F407" t="s">
        <v>46</v>
      </c>
      <c r="G407" t="s">
        <v>19</v>
      </c>
      <c r="H407" t="s">
        <v>81</v>
      </c>
      <c r="I407" s="11">
        <v>2027</v>
      </c>
      <c r="J407" s="12" t="s">
        <v>19</v>
      </c>
      <c r="K407" s="14">
        <v>1080</v>
      </c>
      <c r="L407" s="14">
        <v>540</v>
      </c>
      <c r="M407" s="14">
        <v>540</v>
      </c>
      <c r="N407">
        <v>0</v>
      </c>
    </row>
    <row r="408" spans="1:14" hidden="1">
      <c r="A408" s="7" t="s">
        <v>10</v>
      </c>
      <c r="B408" s="8"/>
      <c r="C408" s="8"/>
      <c r="D408" t="s">
        <v>80</v>
      </c>
      <c r="E408" s="8" t="s">
        <v>24</v>
      </c>
      <c r="F408" t="s">
        <v>46</v>
      </c>
      <c r="G408" t="s">
        <v>78</v>
      </c>
      <c r="H408" t="s">
        <v>81</v>
      </c>
      <c r="I408" s="8">
        <v>2027</v>
      </c>
      <c r="J408" s="15" t="s">
        <v>21</v>
      </c>
      <c r="M408">
        <v>0</v>
      </c>
      <c r="N408">
        <v>0</v>
      </c>
    </row>
    <row r="409" spans="1:14" hidden="1">
      <c r="A409" s="7" t="s">
        <v>10</v>
      </c>
      <c r="B409" s="8"/>
      <c r="C409" s="8"/>
      <c r="D409" t="s">
        <v>80</v>
      </c>
      <c r="E409" s="8" t="s">
        <v>24</v>
      </c>
      <c r="F409" t="s">
        <v>46</v>
      </c>
      <c r="G409" t="s">
        <v>78</v>
      </c>
      <c r="H409" t="s">
        <v>81</v>
      </c>
      <c r="I409" s="11">
        <v>2027</v>
      </c>
      <c r="J409" s="12" t="s">
        <v>51</v>
      </c>
      <c r="K409" s="14"/>
      <c r="L409" s="14"/>
      <c r="M409" s="14">
        <v>0</v>
      </c>
      <c r="N409">
        <v>0</v>
      </c>
    </row>
    <row r="410" spans="1:14" hidden="1">
      <c r="A410" s="7" t="s">
        <v>10</v>
      </c>
      <c r="B410" s="8"/>
      <c r="C410" s="8"/>
      <c r="D410" t="s">
        <v>80</v>
      </c>
      <c r="E410" s="8" t="s">
        <v>24</v>
      </c>
      <c r="F410" t="s">
        <v>46</v>
      </c>
      <c r="G410" t="s">
        <v>78</v>
      </c>
      <c r="H410" t="s">
        <v>81</v>
      </c>
      <c r="I410" s="8">
        <v>2028</v>
      </c>
      <c r="J410" s="15" t="s">
        <v>47</v>
      </c>
      <c r="M410">
        <v>0</v>
      </c>
      <c r="N410">
        <v>0</v>
      </c>
    </row>
    <row r="411" spans="1:14" hidden="1">
      <c r="A411" s="7" t="s">
        <v>10</v>
      </c>
      <c r="B411" s="8"/>
      <c r="C411" s="8"/>
      <c r="D411" t="s">
        <v>80</v>
      </c>
      <c r="E411" s="8" t="s">
        <v>24</v>
      </c>
      <c r="F411" t="s">
        <v>46</v>
      </c>
      <c r="G411" t="s">
        <v>78</v>
      </c>
      <c r="H411" t="s">
        <v>81</v>
      </c>
      <c r="I411" s="11">
        <v>2028</v>
      </c>
      <c r="J411" s="12" t="s">
        <v>48</v>
      </c>
      <c r="K411" s="14">
        <v>199</v>
      </c>
      <c r="L411" s="14">
        <v>477</v>
      </c>
      <c r="M411" s="14">
        <v>0</v>
      </c>
      <c r="N411">
        <v>0</v>
      </c>
    </row>
    <row r="412" spans="1:14" hidden="1">
      <c r="A412" s="7" t="s">
        <v>10</v>
      </c>
      <c r="B412" s="8"/>
      <c r="C412" s="8"/>
      <c r="D412" t="s">
        <v>80</v>
      </c>
      <c r="E412" s="8" t="s">
        <v>24</v>
      </c>
      <c r="F412" t="s">
        <v>46</v>
      </c>
      <c r="G412" t="s">
        <v>78</v>
      </c>
      <c r="H412" t="s">
        <v>81</v>
      </c>
      <c r="I412" s="8">
        <v>2028</v>
      </c>
      <c r="J412" s="15" t="s">
        <v>14</v>
      </c>
      <c r="K412">
        <v>2067</v>
      </c>
      <c r="L412">
        <v>2940</v>
      </c>
      <c r="M412">
        <v>0</v>
      </c>
      <c r="N412">
        <v>0</v>
      </c>
    </row>
    <row r="413" spans="1:14" hidden="1">
      <c r="A413" s="7" t="s">
        <v>10</v>
      </c>
      <c r="B413" s="8"/>
      <c r="C413" s="8"/>
      <c r="D413" t="s">
        <v>80</v>
      </c>
      <c r="E413" s="8" t="s">
        <v>24</v>
      </c>
      <c r="F413" t="s">
        <v>46</v>
      </c>
      <c r="G413" t="s">
        <v>78</v>
      </c>
      <c r="H413" t="s">
        <v>81</v>
      </c>
      <c r="I413" s="11">
        <v>2028</v>
      </c>
      <c r="J413" s="12" t="s">
        <v>49</v>
      </c>
      <c r="K413" s="14"/>
      <c r="L413" s="14"/>
      <c r="M413" s="14">
        <v>0</v>
      </c>
      <c r="N413">
        <v>0</v>
      </c>
    </row>
    <row r="414" spans="1:14" hidden="1">
      <c r="A414" s="7" t="s">
        <v>10</v>
      </c>
      <c r="B414" s="8"/>
      <c r="C414" s="8"/>
      <c r="D414" t="s">
        <v>80</v>
      </c>
      <c r="E414" s="8" t="s">
        <v>24</v>
      </c>
      <c r="F414" t="s">
        <v>46</v>
      </c>
      <c r="G414" t="s">
        <v>79</v>
      </c>
      <c r="H414" t="s">
        <v>81</v>
      </c>
      <c r="I414" s="8">
        <v>2028</v>
      </c>
      <c r="J414" s="15" t="s">
        <v>15</v>
      </c>
      <c r="K414">
        <v>97</v>
      </c>
      <c r="L414">
        <v>36</v>
      </c>
      <c r="M414">
        <v>61</v>
      </c>
      <c r="N414">
        <v>0</v>
      </c>
    </row>
    <row r="415" spans="1:14" hidden="1">
      <c r="A415" s="7" t="s">
        <v>10</v>
      </c>
      <c r="B415" s="8"/>
      <c r="C415" s="8"/>
      <c r="D415" t="s">
        <v>80</v>
      </c>
      <c r="E415" s="8" t="s">
        <v>24</v>
      </c>
      <c r="F415" t="s">
        <v>46</v>
      </c>
      <c r="G415" t="s">
        <v>79</v>
      </c>
      <c r="H415" t="s">
        <v>81</v>
      </c>
      <c r="I415" s="11">
        <v>2028</v>
      </c>
      <c r="J415" s="12" t="s">
        <v>50</v>
      </c>
      <c r="K415" s="14"/>
      <c r="L415" s="14"/>
      <c r="M415" s="14">
        <v>0</v>
      </c>
      <c r="N415">
        <v>0</v>
      </c>
    </row>
    <row r="416" spans="1:14" hidden="1">
      <c r="A416" s="7" t="s">
        <v>10</v>
      </c>
      <c r="B416" s="8"/>
      <c r="C416" s="8"/>
      <c r="D416" t="s">
        <v>80</v>
      </c>
      <c r="E416" s="8" t="s">
        <v>24</v>
      </c>
      <c r="F416" t="s">
        <v>46</v>
      </c>
      <c r="G416" t="s">
        <v>19</v>
      </c>
      <c r="H416" t="s">
        <v>81</v>
      </c>
      <c r="I416" s="8">
        <v>2028</v>
      </c>
      <c r="J416" s="15" t="s">
        <v>19</v>
      </c>
      <c r="K416">
        <v>1080</v>
      </c>
      <c r="L416">
        <v>540</v>
      </c>
      <c r="M416">
        <v>540</v>
      </c>
      <c r="N416">
        <v>0</v>
      </c>
    </row>
    <row r="417" spans="1:14" hidden="1">
      <c r="A417" s="7" t="s">
        <v>10</v>
      </c>
      <c r="B417" s="8"/>
      <c r="C417" s="8"/>
      <c r="D417" t="s">
        <v>80</v>
      </c>
      <c r="E417" s="8" t="s">
        <v>24</v>
      </c>
      <c r="F417" t="s">
        <v>46</v>
      </c>
      <c r="G417" t="s">
        <v>78</v>
      </c>
      <c r="H417" t="s">
        <v>81</v>
      </c>
      <c r="I417" s="11">
        <v>2028</v>
      </c>
      <c r="J417" s="12" t="s">
        <v>21</v>
      </c>
      <c r="K417" s="14"/>
      <c r="L417" s="14"/>
      <c r="M417" s="14">
        <v>0</v>
      </c>
      <c r="N417">
        <v>0</v>
      </c>
    </row>
    <row r="418" spans="1:14" hidden="1">
      <c r="A418" s="7" t="s">
        <v>10</v>
      </c>
      <c r="B418" s="8"/>
      <c r="C418" s="8"/>
      <c r="D418" t="s">
        <v>80</v>
      </c>
      <c r="E418" s="8" t="s">
        <v>24</v>
      </c>
      <c r="F418" t="s">
        <v>46</v>
      </c>
      <c r="G418" t="s">
        <v>78</v>
      </c>
      <c r="H418" t="s">
        <v>81</v>
      </c>
      <c r="I418" s="8">
        <v>2028</v>
      </c>
      <c r="J418" s="15" t="s">
        <v>51</v>
      </c>
      <c r="M418">
        <v>0</v>
      </c>
      <c r="N418">
        <v>0</v>
      </c>
    </row>
    <row r="419" spans="1:14" hidden="1">
      <c r="A419" s="7" t="s">
        <v>10</v>
      </c>
      <c r="B419" s="8"/>
      <c r="C419" s="8"/>
      <c r="D419" t="s">
        <v>80</v>
      </c>
      <c r="E419" s="8" t="s">
        <v>24</v>
      </c>
      <c r="F419" t="s">
        <v>46</v>
      </c>
      <c r="G419" t="s">
        <v>78</v>
      </c>
      <c r="H419" t="s">
        <v>81</v>
      </c>
      <c r="I419" s="11">
        <v>2029</v>
      </c>
      <c r="J419" s="12" t="s">
        <v>47</v>
      </c>
      <c r="K419" s="14"/>
      <c r="L419" s="14"/>
      <c r="M419" s="14">
        <v>0</v>
      </c>
      <c r="N419">
        <v>0</v>
      </c>
    </row>
    <row r="420" spans="1:14" hidden="1">
      <c r="A420" s="7" t="s">
        <v>10</v>
      </c>
      <c r="B420" s="8"/>
      <c r="C420" s="8"/>
      <c r="D420" t="s">
        <v>80</v>
      </c>
      <c r="E420" s="8" t="s">
        <v>24</v>
      </c>
      <c r="F420" t="s">
        <v>46</v>
      </c>
      <c r="G420" t="s">
        <v>78</v>
      </c>
      <c r="H420" t="s">
        <v>81</v>
      </c>
      <c r="I420" s="8">
        <v>2029</v>
      </c>
      <c r="J420" s="15" t="s">
        <v>48</v>
      </c>
      <c r="K420">
        <v>199</v>
      </c>
      <c r="L420">
        <v>477</v>
      </c>
      <c r="M420">
        <v>0</v>
      </c>
      <c r="N420">
        <v>0</v>
      </c>
    </row>
    <row r="421" spans="1:14" hidden="1">
      <c r="A421" s="7" t="s">
        <v>10</v>
      </c>
      <c r="B421" s="8"/>
      <c r="C421" s="8"/>
      <c r="D421" t="s">
        <v>80</v>
      </c>
      <c r="E421" s="8" t="s">
        <v>24</v>
      </c>
      <c r="F421" t="s">
        <v>46</v>
      </c>
      <c r="G421" t="s">
        <v>78</v>
      </c>
      <c r="H421" t="s">
        <v>81</v>
      </c>
      <c r="I421" s="11">
        <v>2029</v>
      </c>
      <c r="J421" s="12" t="s">
        <v>14</v>
      </c>
      <c r="K421" s="14">
        <v>2067</v>
      </c>
      <c r="L421" s="14">
        <v>2940</v>
      </c>
      <c r="M421" s="14">
        <v>0</v>
      </c>
      <c r="N421">
        <v>0</v>
      </c>
    </row>
    <row r="422" spans="1:14" hidden="1">
      <c r="A422" s="7" t="s">
        <v>10</v>
      </c>
      <c r="B422" s="8"/>
      <c r="C422" s="8"/>
      <c r="D422" t="s">
        <v>80</v>
      </c>
      <c r="E422" s="8" t="s">
        <v>24</v>
      </c>
      <c r="F422" t="s">
        <v>46</v>
      </c>
      <c r="G422" t="s">
        <v>78</v>
      </c>
      <c r="H422" t="s">
        <v>81</v>
      </c>
      <c r="I422" s="8">
        <v>2029</v>
      </c>
      <c r="J422" s="15" t="s">
        <v>49</v>
      </c>
      <c r="M422">
        <v>0</v>
      </c>
      <c r="N422">
        <v>0</v>
      </c>
    </row>
    <row r="423" spans="1:14" hidden="1">
      <c r="A423" s="7" t="s">
        <v>10</v>
      </c>
      <c r="B423" s="8"/>
      <c r="C423" s="8"/>
      <c r="D423" t="s">
        <v>80</v>
      </c>
      <c r="E423" s="8" t="s">
        <v>24</v>
      </c>
      <c r="F423" t="s">
        <v>46</v>
      </c>
      <c r="G423" t="s">
        <v>79</v>
      </c>
      <c r="H423" t="s">
        <v>81</v>
      </c>
      <c r="I423" s="11">
        <v>2029</v>
      </c>
      <c r="J423" s="12" t="s">
        <v>15</v>
      </c>
      <c r="K423" s="14">
        <v>97</v>
      </c>
      <c r="L423" s="14">
        <v>36</v>
      </c>
      <c r="M423" s="14">
        <v>61</v>
      </c>
      <c r="N423">
        <v>0</v>
      </c>
    </row>
    <row r="424" spans="1:14" hidden="1">
      <c r="A424" s="7" t="s">
        <v>10</v>
      </c>
      <c r="B424" s="8"/>
      <c r="C424" s="8"/>
      <c r="D424" t="s">
        <v>80</v>
      </c>
      <c r="E424" s="8" t="s">
        <v>24</v>
      </c>
      <c r="F424" t="s">
        <v>46</v>
      </c>
      <c r="G424" t="s">
        <v>79</v>
      </c>
      <c r="H424" t="s">
        <v>81</v>
      </c>
      <c r="I424" s="8">
        <v>2029</v>
      </c>
      <c r="J424" s="15" t="s">
        <v>50</v>
      </c>
      <c r="M424">
        <v>0</v>
      </c>
      <c r="N424">
        <v>0</v>
      </c>
    </row>
    <row r="425" spans="1:14" hidden="1">
      <c r="A425" s="7" t="s">
        <v>10</v>
      </c>
      <c r="B425" s="8"/>
      <c r="C425" s="8"/>
      <c r="D425" t="s">
        <v>80</v>
      </c>
      <c r="E425" s="8" t="s">
        <v>24</v>
      </c>
      <c r="F425" t="s">
        <v>46</v>
      </c>
      <c r="G425" t="s">
        <v>19</v>
      </c>
      <c r="H425" t="s">
        <v>81</v>
      </c>
      <c r="I425" s="11">
        <v>2029</v>
      </c>
      <c r="J425" s="12" t="s">
        <v>19</v>
      </c>
      <c r="K425" s="14">
        <v>1080</v>
      </c>
      <c r="L425" s="14">
        <v>540</v>
      </c>
      <c r="M425" s="14">
        <v>540</v>
      </c>
      <c r="N425">
        <v>0</v>
      </c>
    </row>
    <row r="426" spans="1:14" hidden="1">
      <c r="A426" s="7" t="s">
        <v>10</v>
      </c>
      <c r="B426" s="8"/>
      <c r="C426" s="8"/>
      <c r="D426" t="s">
        <v>80</v>
      </c>
      <c r="E426" s="8" t="s">
        <v>24</v>
      </c>
      <c r="F426" t="s">
        <v>46</v>
      </c>
      <c r="G426" t="s">
        <v>78</v>
      </c>
      <c r="H426" t="s">
        <v>81</v>
      </c>
      <c r="I426" s="8">
        <v>2029</v>
      </c>
      <c r="J426" s="15" t="s">
        <v>21</v>
      </c>
      <c r="M426">
        <v>0</v>
      </c>
      <c r="N426">
        <v>0</v>
      </c>
    </row>
    <row r="427" spans="1:14" hidden="1">
      <c r="A427" s="7" t="s">
        <v>10</v>
      </c>
      <c r="B427" s="8"/>
      <c r="C427" s="8"/>
      <c r="D427" t="s">
        <v>80</v>
      </c>
      <c r="E427" s="8" t="s">
        <v>24</v>
      </c>
      <c r="F427" t="s">
        <v>46</v>
      </c>
      <c r="G427" t="s">
        <v>78</v>
      </c>
      <c r="H427" t="s">
        <v>81</v>
      </c>
      <c r="I427" s="11">
        <v>2029</v>
      </c>
      <c r="J427" s="12" t="s">
        <v>51</v>
      </c>
      <c r="K427" s="14"/>
      <c r="L427" s="14"/>
      <c r="M427" s="14">
        <v>0</v>
      </c>
      <c r="N427">
        <v>0</v>
      </c>
    </row>
    <row r="428" spans="1:14" hidden="1">
      <c r="A428" s="7" t="s">
        <v>10</v>
      </c>
      <c r="B428" s="8"/>
      <c r="C428" s="8"/>
      <c r="D428" t="s">
        <v>80</v>
      </c>
      <c r="E428" s="8" t="s">
        <v>24</v>
      </c>
      <c r="F428" t="s">
        <v>46</v>
      </c>
      <c r="G428" t="s">
        <v>78</v>
      </c>
      <c r="H428" t="s">
        <v>81</v>
      </c>
      <c r="I428" s="8">
        <v>2030</v>
      </c>
      <c r="J428" s="15" t="s">
        <v>47</v>
      </c>
      <c r="M428">
        <v>0</v>
      </c>
      <c r="N428">
        <v>0</v>
      </c>
    </row>
    <row r="429" spans="1:14" hidden="1">
      <c r="A429" s="7" t="s">
        <v>10</v>
      </c>
      <c r="B429" s="8"/>
      <c r="C429" s="8"/>
      <c r="D429" t="s">
        <v>80</v>
      </c>
      <c r="E429" s="8" t="s">
        <v>24</v>
      </c>
      <c r="F429" t="s">
        <v>46</v>
      </c>
      <c r="G429" t="s">
        <v>78</v>
      </c>
      <c r="H429" t="s">
        <v>81</v>
      </c>
      <c r="I429" s="11">
        <v>2030</v>
      </c>
      <c r="J429" s="12" t="s">
        <v>48</v>
      </c>
      <c r="K429" s="14">
        <v>199</v>
      </c>
      <c r="L429" s="14">
        <v>477</v>
      </c>
      <c r="M429" s="14">
        <v>0</v>
      </c>
      <c r="N429">
        <v>0</v>
      </c>
    </row>
    <row r="430" spans="1:14" hidden="1">
      <c r="A430" s="7" t="s">
        <v>10</v>
      </c>
      <c r="B430" s="8"/>
      <c r="C430" s="8"/>
      <c r="D430" t="s">
        <v>80</v>
      </c>
      <c r="E430" s="8" t="s">
        <v>24</v>
      </c>
      <c r="F430" t="s">
        <v>46</v>
      </c>
      <c r="G430" t="s">
        <v>78</v>
      </c>
      <c r="H430" t="s">
        <v>81</v>
      </c>
      <c r="I430" s="8">
        <v>2030</v>
      </c>
      <c r="J430" s="15" t="s">
        <v>14</v>
      </c>
      <c r="K430">
        <v>2067</v>
      </c>
      <c r="L430">
        <v>2940</v>
      </c>
      <c r="M430">
        <v>0</v>
      </c>
      <c r="N430">
        <v>0</v>
      </c>
    </row>
    <row r="431" spans="1:14" hidden="1">
      <c r="A431" s="7" t="s">
        <v>10</v>
      </c>
      <c r="B431" s="8"/>
      <c r="C431" s="8"/>
      <c r="D431" t="s">
        <v>80</v>
      </c>
      <c r="E431" s="8" t="s">
        <v>24</v>
      </c>
      <c r="F431" t="s">
        <v>46</v>
      </c>
      <c r="G431" t="s">
        <v>78</v>
      </c>
      <c r="H431" t="s">
        <v>81</v>
      </c>
      <c r="I431" s="11">
        <v>2030</v>
      </c>
      <c r="J431" s="12" t="s">
        <v>49</v>
      </c>
      <c r="K431" s="14"/>
      <c r="L431" s="14"/>
      <c r="M431" s="14">
        <v>0</v>
      </c>
      <c r="N431">
        <v>0</v>
      </c>
    </row>
    <row r="432" spans="1:14" hidden="1">
      <c r="A432" s="7" t="s">
        <v>10</v>
      </c>
      <c r="B432" s="8"/>
      <c r="C432" s="8"/>
      <c r="D432" t="s">
        <v>80</v>
      </c>
      <c r="E432" s="8" t="s">
        <v>24</v>
      </c>
      <c r="F432" t="s">
        <v>46</v>
      </c>
      <c r="G432" t="s">
        <v>79</v>
      </c>
      <c r="H432" t="s">
        <v>81</v>
      </c>
      <c r="I432" s="8">
        <v>2030</v>
      </c>
      <c r="J432" s="15" t="s">
        <v>15</v>
      </c>
      <c r="K432">
        <v>97</v>
      </c>
      <c r="L432">
        <v>36</v>
      </c>
      <c r="M432">
        <v>61</v>
      </c>
      <c r="N432">
        <v>0</v>
      </c>
    </row>
    <row r="433" spans="1:14" hidden="1">
      <c r="A433" s="7" t="s">
        <v>10</v>
      </c>
      <c r="B433" s="8"/>
      <c r="C433" s="8"/>
      <c r="D433" t="s">
        <v>80</v>
      </c>
      <c r="E433" s="8" t="s">
        <v>24</v>
      </c>
      <c r="F433" t="s">
        <v>46</v>
      </c>
      <c r="G433" t="s">
        <v>79</v>
      </c>
      <c r="H433" t="s">
        <v>81</v>
      </c>
      <c r="I433" s="11">
        <v>2030</v>
      </c>
      <c r="J433" s="12" t="s">
        <v>50</v>
      </c>
      <c r="K433" s="14"/>
      <c r="L433" s="14"/>
      <c r="M433" s="14">
        <v>0</v>
      </c>
      <c r="N433">
        <v>0</v>
      </c>
    </row>
    <row r="434" spans="1:14" hidden="1">
      <c r="A434" s="7" t="s">
        <v>10</v>
      </c>
      <c r="B434" s="8"/>
      <c r="C434" s="8"/>
      <c r="D434" t="s">
        <v>80</v>
      </c>
      <c r="E434" s="8" t="s">
        <v>24</v>
      </c>
      <c r="F434" t="s">
        <v>46</v>
      </c>
      <c r="G434" t="s">
        <v>19</v>
      </c>
      <c r="H434" t="s">
        <v>81</v>
      </c>
      <c r="I434" s="8">
        <v>2030</v>
      </c>
      <c r="J434" s="15" t="s">
        <v>19</v>
      </c>
      <c r="K434">
        <v>1080</v>
      </c>
      <c r="L434">
        <v>540</v>
      </c>
      <c r="M434">
        <v>540</v>
      </c>
      <c r="N434">
        <v>0</v>
      </c>
    </row>
    <row r="435" spans="1:14" hidden="1">
      <c r="A435" s="7" t="s">
        <v>10</v>
      </c>
      <c r="B435" s="8"/>
      <c r="C435" s="8"/>
      <c r="D435" t="s">
        <v>80</v>
      </c>
      <c r="E435" s="8" t="s">
        <v>24</v>
      </c>
      <c r="F435" t="s">
        <v>46</v>
      </c>
      <c r="G435" t="s">
        <v>78</v>
      </c>
      <c r="H435" t="s">
        <v>81</v>
      </c>
      <c r="I435" s="11">
        <v>2030</v>
      </c>
      <c r="J435" s="12" t="s">
        <v>21</v>
      </c>
      <c r="K435" s="14"/>
      <c r="L435" s="14"/>
      <c r="M435" s="14">
        <v>0</v>
      </c>
      <c r="N435">
        <v>0</v>
      </c>
    </row>
    <row r="436" spans="1:14" hidden="1">
      <c r="A436" s="7" t="s">
        <v>10</v>
      </c>
      <c r="B436" s="8"/>
      <c r="C436" s="8"/>
      <c r="D436" t="s">
        <v>80</v>
      </c>
      <c r="E436" s="8" t="s">
        <v>24</v>
      </c>
      <c r="F436" t="s">
        <v>46</v>
      </c>
      <c r="G436" t="s">
        <v>78</v>
      </c>
      <c r="H436" t="s">
        <v>81</v>
      </c>
      <c r="I436" s="8">
        <v>2030</v>
      </c>
      <c r="J436" s="15" t="s">
        <v>51</v>
      </c>
      <c r="M436">
        <v>0</v>
      </c>
      <c r="N436">
        <v>0</v>
      </c>
    </row>
    <row r="437" spans="1:14" hidden="1">
      <c r="A437" s="7" t="s">
        <v>10</v>
      </c>
      <c r="B437" s="8"/>
      <c r="C437" s="8"/>
      <c r="D437" t="s">
        <v>80</v>
      </c>
      <c r="E437" s="8" t="s">
        <v>24</v>
      </c>
      <c r="F437" t="s">
        <v>46</v>
      </c>
      <c r="G437" t="s">
        <v>78</v>
      </c>
      <c r="H437" t="s">
        <v>81</v>
      </c>
      <c r="I437" s="11">
        <v>2031</v>
      </c>
      <c r="J437" s="12" t="s">
        <v>47</v>
      </c>
      <c r="K437" s="14"/>
      <c r="L437" s="14"/>
      <c r="M437" s="14">
        <v>0</v>
      </c>
      <c r="N437">
        <v>0</v>
      </c>
    </row>
    <row r="438" spans="1:14" hidden="1">
      <c r="A438" s="7" t="s">
        <v>10</v>
      </c>
      <c r="B438" s="8"/>
      <c r="C438" s="8"/>
      <c r="D438" t="s">
        <v>80</v>
      </c>
      <c r="E438" s="8" t="s">
        <v>24</v>
      </c>
      <c r="F438" t="s">
        <v>46</v>
      </c>
      <c r="G438" t="s">
        <v>78</v>
      </c>
      <c r="H438" t="s">
        <v>81</v>
      </c>
      <c r="I438" s="8">
        <v>2031</v>
      </c>
      <c r="J438" s="15" t="s">
        <v>48</v>
      </c>
      <c r="K438">
        <v>199</v>
      </c>
      <c r="L438">
        <v>477</v>
      </c>
      <c r="M438">
        <v>0</v>
      </c>
      <c r="N438">
        <v>0</v>
      </c>
    </row>
    <row r="439" spans="1:14" hidden="1">
      <c r="A439" s="7" t="s">
        <v>10</v>
      </c>
      <c r="B439" s="8"/>
      <c r="C439" s="8"/>
      <c r="D439" t="s">
        <v>80</v>
      </c>
      <c r="E439" s="8" t="s">
        <v>24</v>
      </c>
      <c r="F439" t="s">
        <v>46</v>
      </c>
      <c r="G439" t="s">
        <v>78</v>
      </c>
      <c r="H439" t="s">
        <v>81</v>
      </c>
      <c r="I439" s="11">
        <v>2031</v>
      </c>
      <c r="J439" s="12" t="s">
        <v>14</v>
      </c>
      <c r="K439" s="14">
        <v>2067</v>
      </c>
      <c r="L439" s="14">
        <v>2940</v>
      </c>
      <c r="M439" s="14">
        <v>0</v>
      </c>
      <c r="N439">
        <v>0</v>
      </c>
    </row>
    <row r="440" spans="1:14" hidden="1">
      <c r="A440" s="7" t="s">
        <v>10</v>
      </c>
      <c r="B440" s="8"/>
      <c r="C440" s="8"/>
      <c r="D440" t="s">
        <v>80</v>
      </c>
      <c r="E440" s="8" t="s">
        <v>24</v>
      </c>
      <c r="F440" t="s">
        <v>46</v>
      </c>
      <c r="G440" t="s">
        <v>78</v>
      </c>
      <c r="H440" t="s">
        <v>81</v>
      </c>
      <c r="I440" s="8">
        <v>2031</v>
      </c>
      <c r="J440" s="15" t="s">
        <v>49</v>
      </c>
      <c r="M440">
        <v>0</v>
      </c>
      <c r="N440">
        <v>0</v>
      </c>
    </row>
    <row r="441" spans="1:14" hidden="1">
      <c r="A441" s="7" t="s">
        <v>10</v>
      </c>
      <c r="B441" s="8"/>
      <c r="C441" s="8"/>
      <c r="D441" t="s">
        <v>80</v>
      </c>
      <c r="E441" s="8" t="s">
        <v>24</v>
      </c>
      <c r="F441" t="s">
        <v>46</v>
      </c>
      <c r="G441" t="s">
        <v>79</v>
      </c>
      <c r="H441" t="s">
        <v>81</v>
      </c>
      <c r="I441" s="11">
        <v>2031</v>
      </c>
      <c r="J441" s="12" t="s">
        <v>15</v>
      </c>
      <c r="K441" s="14">
        <v>97</v>
      </c>
      <c r="L441" s="14">
        <v>36</v>
      </c>
      <c r="M441" s="14">
        <v>61</v>
      </c>
      <c r="N441">
        <v>0</v>
      </c>
    </row>
    <row r="442" spans="1:14" hidden="1">
      <c r="A442" s="7" t="s">
        <v>10</v>
      </c>
      <c r="B442" s="8"/>
      <c r="C442" s="8"/>
      <c r="D442" t="s">
        <v>80</v>
      </c>
      <c r="E442" s="8" t="s">
        <v>24</v>
      </c>
      <c r="F442" t="s">
        <v>46</v>
      </c>
      <c r="G442" t="s">
        <v>79</v>
      </c>
      <c r="H442" t="s">
        <v>81</v>
      </c>
      <c r="I442" s="8">
        <v>2031</v>
      </c>
      <c r="J442" s="15" t="s">
        <v>50</v>
      </c>
      <c r="M442">
        <v>0</v>
      </c>
      <c r="N442">
        <v>0</v>
      </c>
    </row>
    <row r="443" spans="1:14" hidden="1">
      <c r="A443" s="7" t="s">
        <v>10</v>
      </c>
      <c r="B443" s="8"/>
      <c r="C443" s="8"/>
      <c r="D443" t="s">
        <v>80</v>
      </c>
      <c r="E443" s="8" t="s">
        <v>24</v>
      </c>
      <c r="F443" t="s">
        <v>46</v>
      </c>
      <c r="G443" t="s">
        <v>19</v>
      </c>
      <c r="H443" t="s">
        <v>81</v>
      </c>
      <c r="I443" s="11">
        <v>2031</v>
      </c>
      <c r="J443" s="12" t="s">
        <v>19</v>
      </c>
      <c r="K443" s="14">
        <v>1080</v>
      </c>
      <c r="L443" s="14">
        <v>540</v>
      </c>
      <c r="M443" s="14">
        <v>540</v>
      </c>
      <c r="N443">
        <v>0</v>
      </c>
    </row>
    <row r="444" spans="1:14" hidden="1">
      <c r="A444" s="7" t="s">
        <v>10</v>
      </c>
      <c r="B444" s="8"/>
      <c r="C444" s="8"/>
      <c r="D444" t="s">
        <v>80</v>
      </c>
      <c r="E444" s="8" t="s">
        <v>24</v>
      </c>
      <c r="F444" t="s">
        <v>46</v>
      </c>
      <c r="G444" t="s">
        <v>78</v>
      </c>
      <c r="H444" t="s">
        <v>81</v>
      </c>
      <c r="I444" s="8">
        <v>2031</v>
      </c>
      <c r="J444" s="15" t="s">
        <v>21</v>
      </c>
      <c r="M444">
        <v>0</v>
      </c>
      <c r="N444">
        <v>0</v>
      </c>
    </row>
    <row r="445" spans="1:14" hidden="1">
      <c r="A445" s="7" t="s">
        <v>10</v>
      </c>
      <c r="B445" s="8"/>
      <c r="C445" s="8"/>
      <c r="D445" t="s">
        <v>80</v>
      </c>
      <c r="E445" s="8" t="s">
        <v>24</v>
      </c>
      <c r="F445" t="s">
        <v>46</v>
      </c>
      <c r="G445" t="s">
        <v>78</v>
      </c>
      <c r="H445" t="s">
        <v>81</v>
      </c>
      <c r="I445" s="11">
        <v>2031</v>
      </c>
      <c r="J445" s="12" t="s">
        <v>51</v>
      </c>
      <c r="K445" s="14"/>
      <c r="L445" s="14"/>
      <c r="M445" s="14">
        <v>0</v>
      </c>
      <c r="N445">
        <v>0</v>
      </c>
    </row>
    <row r="446" spans="1:14" hidden="1">
      <c r="A446" s="7" t="s">
        <v>10</v>
      </c>
      <c r="B446" s="8"/>
      <c r="C446" s="8"/>
      <c r="D446" t="s">
        <v>80</v>
      </c>
      <c r="E446" s="8" t="s">
        <v>24</v>
      </c>
      <c r="F446" t="s">
        <v>46</v>
      </c>
      <c r="G446" t="s">
        <v>78</v>
      </c>
      <c r="H446" t="s">
        <v>81</v>
      </c>
      <c r="I446" s="8">
        <v>2032</v>
      </c>
      <c r="J446" s="15" t="s">
        <v>47</v>
      </c>
      <c r="M446">
        <v>0</v>
      </c>
      <c r="N446">
        <v>0</v>
      </c>
    </row>
    <row r="447" spans="1:14" hidden="1">
      <c r="A447" s="7" t="s">
        <v>10</v>
      </c>
      <c r="B447" s="8"/>
      <c r="C447" s="8"/>
      <c r="D447" t="s">
        <v>80</v>
      </c>
      <c r="E447" s="8" t="s">
        <v>24</v>
      </c>
      <c r="F447" t="s">
        <v>46</v>
      </c>
      <c r="G447" t="s">
        <v>78</v>
      </c>
      <c r="H447" t="s">
        <v>81</v>
      </c>
      <c r="I447" s="11">
        <v>2032</v>
      </c>
      <c r="J447" s="12" t="s">
        <v>48</v>
      </c>
      <c r="K447" s="14">
        <v>199</v>
      </c>
      <c r="L447" s="14">
        <v>477</v>
      </c>
      <c r="M447" s="14">
        <v>0</v>
      </c>
      <c r="N447">
        <v>0</v>
      </c>
    </row>
    <row r="448" spans="1:14" hidden="1">
      <c r="A448" s="7" t="s">
        <v>10</v>
      </c>
      <c r="B448" s="8"/>
      <c r="C448" s="8"/>
      <c r="D448" t="s">
        <v>80</v>
      </c>
      <c r="E448" s="8" t="s">
        <v>24</v>
      </c>
      <c r="F448" t="s">
        <v>46</v>
      </c>
      <c r="G448" t="s">
        <v>78</v>
      </c>
      <c r="H448" t="s">
        <v>81</v>
      </c>
      <c r="I448" s="8">
        <v>2032</v>
      </c>
      <c r="J448" s="15" t="s">
        <v>14</v>
      </c>
      <c r="K448">
        <v>2067</v>
      </c>
      <c r="L448">
        <v>2940</v>
      </c>
      <c r="M448">
        <v>0</v>
      </c>
      <c r="N448">
        <v>0</v>
      </c>
    </row>
    <row r="449" spans="1:14" hidden="1">
      <c r="A449" s="7" t="s">
        <v>10</v>
      </c>
      <c r="B449" s="8"/>
      <c r="C449" s="8"/>
      <c r="D449" t="s">
        <v>80</v>
      </c>
      <c r="E449" s="8" t="s">
        <v>24</v>
      </c>
      <c r="F449" t="s">
        <v>46</v>
      </c>
      <c r="G449" t="s">
        <v>78</v>
      </c>
      <c r="H449" t="s">
        <v>81</v>
      </c>
      <c r="I449" s="11">
        <v>2032</v>
      </c>
      <c r="J449" s="12" t="s">
        <v>49</v>
      </c>
      <c r="K449" s="14"/>
      <c r="L449" s="14"/>
      <c r="M449" s="14">
        <v>0</v>
      </c>
      <c r="N449">
        <v>0</v>
      </c>
    </row>
    <row r="450" spans="1:14" hidden="1">
      <c r="A450" s="7" t="s">
        <v>10</v>
      </c>
      <c r="B450" s="8"/>
      <c r="C450" s="8"/>
      <c r="D450" t="s">
        <v>80</v>
      </c>
      <c r="E450" s="8" t="s">
        <v>24</v>
      </c>
      <c r="F450" t="s">
        <v>46</v>
      </c>
      <c r="G450" t="s">
        <v>79</v>
      </c>
      <c r="H450" t="s">
        <v>81</v>
      </c>
      <c r="I450" s="8">
        <v>2032</v>
      </c>
      <c r="J450" s="15" t="s">
        <v>15</v>
      </c>
      <c r="K450">
        <v>97</v>
      </c>
      <c r="L450">
        <v>36</v>
      </c>
      <c r="M450">
        <v>61</v>
      </c>
      <c r="N450">
        <v>0</v>
      </c>
    </row>
    <row r="451" spans="1:14" hidden="1">
      <c r="A451" s="7" t="s">
        <v>10</v>
      </c>
      <c r="B451" s="8"/>
      <c r="C451" s="8"/>
      <c r="D451" t="s">
        <v>80</v>
      </c>
      <c r="E451" s="8" t="s">
        <v>24</v>
      </c>
      <c r="F451" t="s">
        <v>46</v>
      </c>
      <c r="G451" t="s">
        <v>79</v>
      </c>
      <c r="H451" t="s">
        <v>81</v>
      </c>
      <c r="I451" s="11">
        <v>2032</v>
      </c>
      <c r="J451" s="12" t="s">
        <v>50</v>
      </c>
      <c r="K451" s="14"/>
      <c r="L451" s="14"/>
      <c r="M451" s="14">
        <v>0</v>
      </c>
      <c r="N451">
        <v>0</v>
      </c>
    </row>
    <row r="452" spans="1:14" hidden="1">
      <c r="A452" s="7" t="s">
        <v>10</v>
      </c>
      <c r="B452" s="8"/>
      <c r="C452" s="8"/>
      <c r="D452" t="s">
        <v>80</v>
      </c>
      <c r="E452" s="8" t="s">
        <v>24</v>
      </c>
      <c r="F452" t="s">
        <v>46</v>
      </c>
      <c r="G452" t="s">
        <v>19</v>
      </c>
      <c r="H452" t="s">
        <v>81</v>
      </c>
      <c r="I452" s="8">
        <v>2032</v>
      </c>
      <c r="J452" s="15" t="s">
        <v>19</v>
      </c>
      <c r="K452">
        <v>1080</v>
      </c>
      <c r="L452">
        <v>540</v>
      </c>
      <c r="M452">
        <v>540</v>
      </c>
      <c r="N452">
        <v>0</v>
      </c>
    </row>
    <row r="453" spans="1:14" hidden="1">
      <c r="A453" s="7" t="s">
        <v>10</v>
      </c>
      <c r="B453" s="8"/>
      <c r="C453" s="8"/>
      <c r="D453" t="s">
        <v>80</v>
      </c>
      <c r="E453" s="8" t="s">
        <v>24</v>
      </c>
      <c r="F453" t="s">
        <v>46</v>
      </c>
      <c r="G453" t="s">
        <v>78</v>
      </c>
      <c r="H453" t="s">
        <v>81</v>
      </c>
      <c r="I453" s="11">
        <v>2032</v>
      </c>
      <c r="J453" s="12" t="s">
        <v>21</v>
      </c>
      <c r="K453" s="14"/>
      <c r="L453" s="14"/>
      <c r="M453" s="14">
        <v>0</v>
      </c>
      <c r="N453">
        <v>0</v>
      </c>
    </row>
    <row r="454" spans="1:14" hidden="1">
      <c r="A454" s="7" t="s">
        <v>10</v>
      </c>
      <c r="B454" s="8"/>
      <c r="C454" s="8"/>
      <c r="D454" t="s">
        <v>80</v>
      </c>
      <c r="E454" s="8" t="s">
        <v>24</v>
      </c>
      <c r="F454" t="s">
        <v>46</v>
      </c>
      <c r="G454" t="s">
        <v>78</v>
      </c>
      <c r="H454" t="s">
        <v>81</v>
      </c>
      <c r="I454" s="8">
        <v>2032</v>
      </c>
      <c r="J454" s="15" t="s">
        <v>51</v>
      </c>
      <c r="M454">
        <v>0</v>
      </c>
      <c r="N454">
        <v>0</v>
      </c>
    </row>
    <row r="455" spans="1:14" hidden="1">
      <c r="A455" s="7" t="s">
        <v>10</v>
      </c>
      <c r="B455" s="8"/>
      <c r="C455" s="8"/>
      <c r="D455" t="s">
        <v>80</v>
      </c>
      <c r="E455" s="8" t="s">
        <v>24</v>
      </c>
      <c r="F455" t="s">
        <v>46</v>
      </c>
      <c r="G455" t="s">
        <v>78</v>
      </c>
      <c r="H455" t="s">
        <v>81</v>
      </c>
      <c r="I455" s="11">
        <v>2033</v>
      </c>
      <c r="J455" s="12" t="s">
        <v>47</v>
      </c>
      <c r="K455" s="14"/>
      <c r="L455" s="14"/>
      <c r="M455" s="14">
        <v>0</v>
      </c>
      <c r="N455">
        <v>0</v>
      </c>
    </row>
    <row r="456" spans="1:14" hidden="1">
      <c r="A456" s="7" t="s">
        <v>10</v>
      </c>
      <c r="B456" s="8"/>
      <c r="C456" s="8"/>
      <c r="D456" t="s">
        <v>80</v>
      </c>
      <c r="E456" s="8" t="s">
        <v>24</v>
      </c>
      <c r="F456" t="s">
        <v>46</v>
      </c>
      <c r="G456" t="s">
        <v>78</v>
      </c>
      <c r="H456" t="s">
        <v>81</v>
      </c>
      <c r="I456" s="8">
        <v>2033</v>
      </c>
      <c r="J456" s="15" t="s">
        <v>48</v>
      </c>
      <c r="K456">
        <v>199</v>
      </c>
      <c r="L456">
        <v>477</v>
      </c>
      <c r="M456">
        <v>0</v>
      </c>
      <c r="N456">
        <v>0</v>
      </c>
    </row>
    <row r="457" spans="1:14" hidden="1">
      <c r="A457" s="7" t="s">
        <v>10</v>
      </c>
      <c r="B457" s="8"/>
      <c r="C457" s="8"/>
      <c r="D457" t="s">
        <v>80</v>
      </c>
      <c r="E457" s="8" t="s">
        <v>24</v>
      </c>
      <c r="F457" t="s">
        <v>46</v>
      </c>
      <c r="G457" t="s">
        <v>78</v>
      </c>
      <c r="H457" t="s">
        <v>81</v>
      </c>
      <c r="I457" s="11">
        <v>2033</v>
      </c>
      <c r="J457" s="12" t="s">
        <v>14</v>
      </c>
      <c r="K457" s="14">
        <v>2067</v>
      </c>
      <c r="L457" s="14">
        <v>2940</v>
      </c>
      <c r="M457" s="14">
        <v>0</v>
      </c>
      <c r="N457">
        <v>0</v>
      </c>
    </row>
    <row r="458" spans="1:14" hidden="1">
      <c r="A458" s="7" t="s">
        <v>10</v>
      </c>
      <c r="B458" s="8"/>
      <c r="C458" s="8"/>
      <c r="D458" t="s">
        <v>80</v>
      </c>
      <c r="E458" s="8" t="s">
        <v>24</v>
      </c>
      <c r="F458" t="s">
        <v>46</v>
      </c>
      <c r="G458" t="s">
        <v>78</v>
      </c>
      <c r="H458" t="s">
        <v>81</v>
      </c>
      <c r="I458" s="8">
        <v>2033</v>
      </c>
      <c r="J458" s="15" t="s">
        <v>49</v>
      </c>
      <c r="M458">
        <v>0</v>
      </c>
      <c r="N458">
        <v>0</v>
      </c>
    </row>
    <row r="459" spans="1:14" hidden="1">
      <c r="A459" s="7" t="s">
        <v>10</v>
      </c>
      <c r="B459" s="8"/>
      <c r="C459" s="8"/>
      <c r="D459" t="s">
        <v>80</v>
      </c>
      <c r="E459" s="8" t="s">
        <v>24</v>
      </c>
      <c r="F459" t="s">
        <v>46</v>
      </c>
      <c r="G459" t="s">
        <v>79</v>
      </c>
      <c r="H459" t="s">
        <v>81</v>
      </c>
      <c r="I459" s="11">
        <v>2033</v>
      </c>
      <c r="J459" s="12" t="s">
        <v>15</v>
      </c>
      <c r="K459" s="14">
        <v>97</v>
      </c>
      <c r="L459" s="14">
        <v>36</v>
      </c>
      <c r="M459" s="14">
        <v>61</v>
      </c>
      <c r="N459">
        <v>0</v>
      </c>
    </row>
    <row r="460" spans="1:14" hidden="1">
      <c r="A460" s="7" t="s">
        <v>10</v>
      </c>
      <c r="B460" s="8"/>
      <c r="C460" s="8"/>
      <c r="D460" t="s">
        <v>80</v>
      </c>
      <c r="E460" s="8" t="s">
        <v>24</v>
      </c>
      <c r="F460" t="s">
        <v>46</v>
      </c>
      <c r="G460" t="s">
        <v>79</v>
      </c>
      <c r="H460" t="s">
        <v>81</v>
      </c>
      <c r="I460" s="8">
        <v>2033</v>
      </c>
      <c r="J460" s="15" t="s">
        <v>50</v>
      </c>
      <c r="M460">
        <v>0</v>
      </c>
      <c r="N460">
        <v>0</v>
      </c>
    </row>
    <row r="461" spans="1:14" hidden="1">
      <c r="A461" s="7" t="s">
        <v>10</v>
      </c>
      <c r="B461" s="8"/>
      <c r="C461" s="8"/>
      <c r="D461" t="s">
        <v>80</v>
      </c>
      <c r="E461" s="8" t="s">
        <v>24</v>
      </c>
      <c r="F461" t="s">
        <v>46</v>
      </c>
      <c r="G461" t="s">
        <v>19</v>
      </c>
      <c r="H461" t="s">
        <v>81</v>
      </c>
      <c r="I461" s="11">
        <v>2033</v>
      </c>
      <c r="J461" s="12" t="s">
        <v>19</v>
      </c>
      <c r="K461" s="14">
        <v>1080</v>
      </c>
      <c r="L461" s="14">
        <v>540</v>
      </c>
      <c r="M461" s="14">
        <v>540</v>
      </c>
      <c r="N461">
        <v>0</v>
      </c>
    </row>
    <row r="462" spans="1:14" hidden="1">
      <c r="A462" s="7" t="s">
        <v>10</v>
      </c>
      <c r="B462" s="8"/>
      <c r="C462" s="8"/>
      <c r="D462" t="s">
        <v>80</v>
      </c>
      <c r="E462" s="8" t="s">
        <v>24</v>
      </c>
      <c r="F462" t="s">
        <v>46</v>
      </c>
      <c r="G462" t="s">
        <v>78</v>
      </c>
      <c r="H462" t="s">
        <v>81</v>
      </c>
      <c r="I462" s="8">
        <v>2033</v>
      </c>
      <c r="J462" s="15" t="s">
        <v>21</v>
      </c>
      <c r="M462">
        <v>0</v>
      </c>
      <c r="N462">
        <v>0</v>
      </c>
    </row>
    <row r="463" spans="1:14" hidden="1">
      <c r="A463" s="7" t="s">
        <v>10</v>
      </c>
      <c r="B463" s="8"/>
      <c r="C463" s="8"/>
      <c r="D463" t="s">
        <v>80</v>
      </c>
      <c r="E463" s="8" t="s">
        <v>24</v>
      </c>
      <c r="F463" t="s">
        <v>46</v>
      </c>
      <c r="G463" t="s">
        <v>78</v>
      </c>
      <c r="H463" t="s">
        <v>81</v>
      </c>
      <c r="I463" s="11">
        <v>2033</v>
      </c>
      <c r="J463" s="12" t="s">
        <v>51</v>
      </c>
      <c r="K463" s="14"/>
      <c r="L463" s="14"/>
      <c r="M463" s="14">
        <v>0</v>
      </c>
      <c r="N463">
        <v>0</v>
      </c>
    </row>
    <row r="464" spans="1:14">
      <c r="A464" s="7" t="s">
        <v>10</v>
      </c>
      <c r="B464" s="8"/>
      <c r="C464" s="8"/>
      <c r="D464" t="s">
        <v>80</v>
      </c>
      <c r="E464" s="8" t="s">
        <v>12</v>
      </c>
      <c r="F464" t="s">
        <v>52</v>
      </c>
      <c r="G464" t="s">
        <v>78</v>
      </c>
      <c r="H464" t="s">
        <v>81</v>
      </c>
      <c r="I464" s="11">
        <v>2025</v>
      </c>
      <c r="J464" s="12" t="s">
        <v>47</v>
      </c>
      <c r="K464" s="14">
        <v>0</v>
      </c>
      <c r="L464" s="14">
        <v>0</v>
      </c>
      <c r="M464" s="14">
        <v>0</v>
      </c>
      <c r="N464">
        <v>0</v>
      </c>
    </row>
    <row r="465" spans="1:14">
      <c r="A465" s="7" t="s">
        <v>10</v>
      </c>
      <c r="B465" s="8"/>
      <c r="C465" s="8"/>
      <c r="D465" t="s">
        <v>80</v>
      </c>
      <c r="E465" s="8" t="s">
        <v>12</v>
      </c>
      <c r="F465" t="s">
        <v>52</v>
      </c>
      <c r="G465" t="s">
        <v>78</v>
      </c>
      <c r="H465" t="s">
        <v>81</v>
      </c>
      <c r="I465" s="8">
        <v>2025</v>
      </c>
      <c r="J465" s="15" t="s">
        <v>48</v>
      </c>
      <c r="K465">
        <v>15</v>
      </c>
      <c r="L465">
        <v>15</v>
      </c>
      <c r="M465">
        <v>0</v>
      </c>
      <c r="N465">
        <v>0</v>
      </c>
    </row>
    <row r="466" spans="1:14">
      <c r="A466" s="7" t="s">
        <v>10</v>
      </c>
      <c r="B466" s="8"/>
      <c r="C466" s="8"/>
      <c r="D466" t="s">
        <v>80</v>
      </c>
      <c r="E466" s="8" t="s">
        <v>12</v>
      </c>
      <c r="F466" t="s">
        <v>52</v>
      </c>
      <c r="G466" t="s">
        <v>78</v>
      </c>
      <c r="H466" t="s">
        <v>81</v>
      </c>
      <c r="I466" s="11">
        <v>2025</v>
      </c>
      <c r="J466" s="12" t="s">
        <v>14</v>
      </c>
      <c r="K466" s="14">
        <v>4000</v>
      </c>
      <c r="L466" s="14">
        <v>5021</v>
      </c>
      <c r="M466" s="14">
        <v>200</v>
      </c>
      <c r="N466">
        <v>0</v>
      </c>
    </row>
    <row r="467" spans="1:14">
      <c r="A467" s="7" t="s">
        <v>10</v>
      </c>
      <c r="B467" s="8"/>
      <c r="C467" s="8"/>
      <c r="D467" t="s">
        <v>80</v>
      </c>
      <c r="E467" s="8" t="s">
        <v>12</v>
      </c>
      <c r="F467" t="s">
        <v>52</v>
      </c>
      <c r="G467" t="s">
        <v>78</v>
      </c>
      <c r="H467" t="s">
        <v>81</v>
      </c>
      <c r="I467" s="8">
        <v>2025</v>
      </c>
      <c r="J467" s="15" t="s">
        <v>49</v>
      </c>
      <c r="K467">
        <v>132</v>
      </c>
      <c r="L467">
        <v>132</v>
      </c>
      <c r="M467">
        <v>0</v>
      </c>
      <c r="N467">
        <v>0</v>
      </c>
    </row>
    <row r="468" spans="1:14">
      <c r="A468" s="7" t="s">
        <v>10</v>
      </c>
      <c r="B468" s="8"/>
      <c r="C468" s="8"/>
      <c r="D468" t="s">
        <v>80</v>
      </c>
      <c r="E468" s="8" t="s">
        <v>12</v>
      </c>
      <c r="F468" t="s">
        <v>52</v>
      </c>
      <c r="G468" t="s">
        <v>79</v>
      </c>
      <c r="H468" t="s">
        <v>81</v>
      </c>
      <c r="I468" s="11">
        <v>2025</v>
      </c>
      <c r="J468" s="12" t="s">
        <v>15</v>
      </c>
      <c r="K468" s="14">
        <v>0</v>
      </c>
      <c r="L468" s="14">
        <v>0</v>
      </c>
      <c r="M468" s="14">
        <v>0</v>
      </c>
      <c r="N468">
        <v>0</v>
      </c>
    </row>
    <row r="469" spans="1:14">
      <c r="A469" s="7" t="s">
        <v>10</v>
      </c>
      <c r="B469" s="8"/>
      <c r="C469" s="8"/>
      <c r="D469" t="s">
        <v>80</v>
      </c>
      <c r="E469" s="8" t="s">
        <v>12</v>
      </c>
      <c r="F469" t="s">
        <v>52</v>
      </c>
      <c r="G469" t="s">
        <v>79</v>
      </c>
      <c r="H469" t="s">
        <v>81</v>
      </c>
      <c r="I469" s="8">
        <v>2025</v>
      </c>
      <c r="J469" s="15" t="s">
        <v>50</v>
      </c>
      <c r="K469">
        <v>0</v>
      </c>
      <c r="L469">
        <v>0</v>
      </c>
      <c r="M469">
        <v>0</v>
      </c>
      <c r="N469">
        <v>0</v>
      </c>
    </row>
    <row r="470" spans="1:14">
      <c r="A470" s="7" t="s">
        <v>10</v>
      </c>
      <c r="B470" s="8"/>
      <c r="C470" s="8"/>
      <c r="D470" t="s">
        <v>80</v>
      </c>
      <c r="E470" s="8" t="s">
        <v>12</v>
      </c>
      <c r="F470" t="s">
        <v>52</v>
      </c>
      <c r="G470" t="s">
        <v>19</v>
      </c>
      <c r="H470" t="s">
        <v>81</v>
      </c>
      <c r="I470" s="11">
        <v>2025</v>
      </c>
      <c r="J470" s="12" t="s">
        <v>19</v>
      </c>
      <c r="K470" s="14">
        <v>0</v>
      </c>
      <c r="L470" s="14">
        <v>0</v>
      </c>
      <c r="M470" s="14">
        <v>0</v>
      </c>
      <c r="N470">
        <v>0</v>
      </c>
    </row>
    <row r="471" spans="1:14">
      <c r="A471" s="7" t="s">
        <v>10</v>
      </c>
      <c r="B471" s="8"/>
      <c r="C471" s="8"/>
      <c r="D471" t="s">
        <v>80</v>
      </c>
      <c r="E471" s="8" t="s">
        <v>12</v>
      </c>
      <c r="F471" t="s">
        <v>52</v>
      </c>
      <c r="G471" t="s">
        <v>78</v>
      </c>
      <c r="H471" t="s">
        <v>81</v>
      </c>
      <c r="I471" s="8">
        <v>2025</v>
      </c>
      <c r="J471" s="15" t="s">
        <v>21</v>
      </c>
      <c r="K471">
        <v>0</v>
      </c>
      <c r="L471">
        <v>0</v>
      </c>
      <c r="M471">
        <v>0</v>
      </c>
      <c r="N471">
        <v>0</v>
      </c>
    </row>
    <row r="472" spans="1:14">
      <c r="A472" s="7" t="s">
        <v>10</v>
      </c>
      <c r="B472" s="8"/>
      <c r="C472" s="8"/>
      <c r="D472" t="s">
        <v>80</v>
      </c>
      <c r="E472" s="8" t="s">
        <v>12</v>
      </c>
      <c r="F472" t="s">
        <v>52</v>
      </c>
      <c r="G472" t="s">
        <v>78</v>
      </c>
      <c r="H472" t="s">
        <v>81</v>
      </c>
      <c r="I472" s="11">
        <v>2025</v>
      </c>
      <c r="J472" s="12" t="s">
        <v>51</v>
      </c>
      <c r="K472" s="14">
        <v>220</v>
      </c>
      <c r="L472" s="14">
        <v>0</v>
      </c>
      <c r="M472" s="14">
        <v>220</v>
      </c>
      <c r="N472">
        <v>0</v>
      </c>
    </row>
    <row r="473" spans="1:14" hidden="1">
      <c r="A473" s="7" t="s">
        <v>10</v>
      </c>
      <c r="B473" s="8"/>
      <c r="C473" s="8"/>
      <c r="D473" t="s">
        <v>80</v>
      </c>
      <c r="E473" s="8" t="s">
        <v>12</v>
      </c>
      <c r="F473" t="s">
        <v>52</v>
      </c>
      <c r="G473" t="s">
        <v>78</v>
      </c>
      <c r="H473" t="s">
        <v>81</v>
      </c>
      <c r="I473" s="8">
        <v>2026</v>
      </c>
      <c r="J473" s="15" t="s">
        <v>47</v>
      </c>
      <c r="K473">
        <v>0</v>
      </c>
      <c r="L473">
        <v>0</v>
      </c>
      <c r="M473">
        <v>0</v>
      </c>
      <c r="N473">
        <v>0</v>
      </c>
    </row>
    <row r="474" spans="1:14" hidden="1">
      <c r="A474" s="7" t="s">
        <v>10</v>
      </c>
      <c r="B474" s="8"/>
      <c r="C474" s="8"/>
      <c r="D474" t="s">
        <v>80</v>
      </c>
      <c r="E474" s="8" t="s">
        <v>12</v>
      </c>
      <c r="F474" t="s">
        <v>52</v>
      </c>
      <c r="G474" t="s">
        <v>78</v>
      </c>
      <c r="H474" t="s">
        <v>81</v>
      </c>
      <c r="I474" s="11">
        <v>2026</v>
      </c>
      <c r="J474" s="12" t="s">
        <v>48</v>
      </c>
      <c r="K474" s="14">
        <v>15</v>
      </c>
      <c r="L474" s="14">
        <v>15</v>
      </c>
      <c r="M474" s="14">
        <v>0</v>
      </c>
      <c r="N474">
        <v>0</v>
      </c>
    </row>
    <row r="475" spans="1:14" hidden="1">
      <c r="A475" s="7" t="s">
        <v>10</v>
      </c>
      <c r="B475" s="8"/>
      <c r="C475" s="8"/>
      <c r="D475" t="s">
        <v>80</v>
      </c>
      <c r="E475" s="8" t="s">
        <v>12</v>
      </c>
      <c r="F475" t="s">
        <v>52</v>
      </c>
      <c r="G475" t="s">
        <v>78</v>
      </c>
      <c r="H475" t="s">
        <v>81</v>
      </c>
      <c r="I475" s="8">
        <v>2026</v>
      </c>
      <c r="J475" s="15" t="s">
        <v>14</v>
      </c>
      <c r="K475">
        <v>4000</v>
      </c>
      <c r="L475">
        <v>5021</v>
      </c>
      <c r="M475">
        <v>200</v>
      </c>
      <c r="N475">
        <v>0</v>
      </c>
    </row>
    <row r="476" spans="1:14" hidden="1">
      <c r="A476" s="7" t="s">
        <v>10</v>
      </c>
      <c r="B476" s="8"/>
      <c r="C476" s="8"/>
      <c r="D476" t="s">
        <v>80</v>
      </c>
      <c r="E476" s="8" t="s">
        <v>12</v>
      </c>
      <c r="F476" t="s">
        <v>52</v>
      </c>
      <c r="G476" t="s">
        <v>78</v>
      </c>
      <c r="H476" t="s">
        <v>81</v>
      </c>
      <c r="I476" s="11">
        <v>2026</v>
      </c>
      <c r="J476" s="12" t="s">
        <v>49</v>
      </c>
      <c r="K476" s="14">
        <v>132</v>
      </c>
      <c r="L476" s="14">
        <v>132</v>
      </c>
      <c r="M476" s="14">
        <v>0</v>
      </c>
      <c r="N476">
        <v>0</v>
      </c>
    </row>
    <row r="477" spans="1:14" hidden="1">
      <c r="A477" s="7" t="s">
        <v>10</v>
      </c>
      <c r="B477" s="8"/>
      <c r="C477" s="8"/>
      <c r="D477" t="s">
        <v>80</v>
      </c>
      <c r="E477" s="8" t="s">
        <v>12</v>
      </c>
      <c r="F477" t="s">
        <v>52</v>
      </c>
      <c r="G477" t="s">
        <v>79</v>
      </c>
      <c r="H477" t="s">
        <v>81</v>
      </c>
      <c r="I477" s="8">
        <v>2026</v>
      </c>
      <c r="J477" s="15" t="s">
        <v>15</v>
      </c>
      <c r="K477">
        <v>0</v>
      </c>
      <c r="L477">
        <v>0</v>
      </c>
      <c r="M477">
        <v>0</v>
      </c>
      <c r="N477">
        <v>0</v>
      </c>
    </row>
    <row r="478" spans="1:14" hidden="1">
      <c r="A478" s="7" t="s">
        <v>10</v>
      </c>
      <c r="B478" s="8"/>
      <c r="C478" s="8"/>
      <c r="D478" t="s">
        <v>80</v>
      </c>
      <c r="E478" s="8" t="s">
        <v>12</v>
      </c>
      <c r="F478" t="s">
        <v>52</v>
      </c>
      <c r="G478" t="s">
        <v>79</v>
      </c>
      <c r="H478" t="s">
        <v>81</v>
      </c>
      <c r="I478" s="11">
        <v>2026</v>
      </c>
      <c r="J478" s="12" t="s">
        <v>50</v>
      </c>
      <c r="K478" s="14">
        <v>0</v>
      </c>
      <c r="L478" s="14">
        <v>0</v>
      </c>
      <c r="M478" s="14">
        <v>0</v>
      </c>
      <c r="N478">
        <v>0</v>
      </c>
    </row>
    <row r="479" spans="1:14" hidden="1">
      <c r="A479" s="7" t="s">
        <v>10</v>
      </c>
      <c r="B479" s="8"/>
      <c r="C479" s="8"/>
      <c r="D479" t="s">
        <v>80</v>
      </c>
      <c r="E479" s="8" t="s">
        <v>12</v>
      </c>
      <c r="F479" t="s">
        <v>52</v>
      </c>
      <c r="G479" t="s">
        <v>19</v>
      </c>
      <c r="H479" t="s">
        <v>81</v>
      </c>
      <c r="I479" s="8">
        <v>2026</v>
      </c>
      <c r="J479" s="15" t="s">
        <v>19</v>
      </c>
      <c r="K479">
        <v>0</v>
      </c>
      <c r="L479">
        <v>0</v>
      </c>
      <c r="M479">
        <v>0</v>
      </c>
      <c r="N479">
        <v>0</v>
      </c>
    </row>
    <row r="480" spans="1:14" hidden="1">
      <c r="A480" s="7" t="s">
        <v>10</v>
      </c>
      <c r="B480" s="8"/>
      <c r="C480" s="8"/>
      <c r="D480" t="s">
        <v>80</v>
      </c>
      <c r="E480" s="8" t="s">
        <v>12</v>
      </c>
      <c r="F480" t="s">
        <v>52</v>
      </c>
      <c r="G480" t="s">
        <v>78</v>
      </c>
      <c r="H480" t="s">
        <v>81</v>
      </c>
      <c r="I480" s="11">
        <v>2026</v>
      </c>
      <c r="J480" s="12" t="s">
        <v>21</v>
      </c>
      <c r="K480" s="14">
        <v>0</v>
      </c>
      <c r="L480" s="14">
        <v>0</v>
      </c>
      <c r="M480" s="14">
        <v>0</v>
      </c>
      <c r="N480">
        <v>0</v>
      </c>
    </row>
    <row r="481" spans="1:14" hidden="1">
      <c r="A481" s="7" t="s">
        <v>10</v>
      </c>
      <c r="B481" s="8"/>
      <c r="C481" s="8"/>
      <c r="D481" t="s">
        <v>80</v>
      </c>
      <c r="E481" s="8" t="s">
        <v>12</v>
      </c>
      <c r="F481" t="s">
        <v>52</v>
      </c>
      <c r="G481" t="s">
        <v>78</v>
      </c>
      <c r="H481" t="s">
        <v>81</v>
      </c>
      <c r="I481" s="8">
        <v>2026</v>
      </c>
      <c r="J481" s="15" t="s">
        <v>51</v>
      </c>
      <c r="K481">
        <v>220</v>
      </c>
      <c r="L481">
        <v>0</v>
      </c>
      <c r="M481">
        <v>220</v>
      </c>
      <c r="N481">
        <v>0</v>
      </c>
    </row>
    <row r="482" spans="1:14" hidden="1">
      <c r="A482" s="7" t="s">
        <v>10</v>
      </c>
      <c r="B482" s="8"/>
      <c r="C482" s="8"/>
      <c r="D482" t="s">
        <v>80</v>
      </c>
      <c r="E482" s="8" t="s">
        <v>12</v>
      </c>
      <c r="F482" t="s">
        <v>52</v>
      </c>
      <c r="G482" t="s">
        <v>78</v>
      </c>
      <c r="H482" t="s">
        <v>81</v>
      </c>
      <c r="I482" s="11">
        <v>2027</v>
      </c>
      <c r="J482" s="12" t="s">
        <v>47</v>
      </c>
      <c r="K482" s="14">
        <v>0</v>
      </c>
      <c r="L482" s="14">
        <v>0</v>
      </c>
      <c r="M482" s="14">
        <v>0</v>
      </c>
      <c r="N482">
        <v>0</v>
      </c>
    </row>
    <row r="483" spans="1:14" hidden="1">
      <c r="A483" s="7" t="s">
        <v>10</v>
      </c>
      <c r="B483" s="8"/>
      <c r="C483" s="8"/>
      <c r="D483" t="s">
        <v>80</v>
      </c>
      <c r="E483" s="8" t="s">
        <v>12</v>
      </c>
      <c r="F483" t="s">
        <v>52</v>
      </c>
      <c r="G483" t="s">
        <v>78</v>
      </c>
      <c r="H483" t="s">
        <v>81</v>
      </c>
      <c r="I483" s="8">
        <v>2027</v>
      </c>
      <c r="J483" s="15" t="s">
        <v>48</v>
      </c>
      <c r="K483">
        <v>15</v>
      </c>
      <c r="L483">
        <v>15</v>
      </c>
      <c r="M483">
        <v>0</v>
      </c>
      <c r="N483">
        <v>0</v>
      </c>
    </row>
    <row r="484" spans="1:14" hidden="1">
      <c r="A484" s="7" t="s">
        <v>10</v>
      </c>
      <c r="B484" s="8"/>
      <c r="C484" s="8"/>
      <c r="D484" t="s">
        <v>80</v>
      </c>
      <c r="E484" s="8" t="s">
        <v>12</v>
      </c>
      <c r="F484" t="s">
        <v>52</v>
      </c>
      <c r="G484" t="s">
        <v>78</v>
      </c>
      <c r="H484" t="s">
        <v>81</v>
      </c>
      <c r="I484" s="11">
        <v>2027</v>
      </c>
      <c r="J484" s="12" t="s">
        <v>14</v>
      </c>
      <c r="K484" s="14">
        <v>4000</v>
      </c>
      <c r="L484" s="14">
        <v>5021</v>
      </c>
      <c r="M484" s="14">
        <v>200</v>
      </c>
      <c r="N484">
        <v>0</v>
      </c>
    </row>
    <row r="485" spans="1:14" hidden="1">
      <c r="A485" s="7" t="s">
        <v>10</v>
      </c>
      <c r="B485" s="8"/>
      <c r="C485" s="8"/>
      <c r="D485" t="s">
        <v>80</v>
      </c>
      <c r="E485" s="8" t="s">
        <v>12</v>
      </c>
      <c r="F485" t="s">
        <v>52</v>
      </c>
      <c r="G485" t="s">
        <v>78</v>
      </c>
      <c r="H485" t="s">
        <v>81</v>
      </c>
      <c r="I485" s="8">
        <v>2027</v>
      </c>
      <c r="J485" s="15" t="s">
        <v>49</v>
      </c>
      <c r="K485">
        <v>132</v>
      </c>
      <c r="L485">
        <v>132</v>
      </c>
      <c r="M485">
        <v>0</v>
      </c>
      <c r="N485">
        <v>0</v>
      </c>
    </row>
    <row r="486" spans="1:14" hidden="1">
      <c r="A486" s="7" t="s">
        <v>10</v>
      </c>
      <c r="B486" s="8"/>
      <c r="C486" s="8"/>
      <c r="D486" t="s">
        <v>80</v>
      </c>
      <c r="E486" s="8" t="s">
        <v>12</v>
      </c>
      <c r="F486" t="s">
        <v>52</v>
      </c>
      <c r="G486" t="s">
        <v>79</v>
      </c>
      <c r="H486" t="s">
        <v>81</v>
      </c>
      <c r="I486" s="11">
        <v>2027</v>
      </c>
      <c r="J486" s="12" t="s">
        <v>15</v>
      </c>
      <c r="K486" s="14">
        <v>0</v>
      </c>
      <c r="L486" s="14">
        <v>0</v>
      </c>
      <c r="M486" s="14">
        <v>0</v>
      </c>
      <c r="N486">
        <v>0</v>
      </c>
    </row>
    <row r="487" spans="1:14" hidden="1">
      <c r="A487" s="7" t="s">
        <v>10</v>
      </c>
      <c r="B487" s="8"/>
      <c r="C487" s="8"/>
      <c r="D487" t="s">
        <v>80</v>
      </c>
      <c r="E487" s="8" t="s">
        <v>12</v>
      </c>
      <c r="F487" t="s">
        <v>52</v>
      </c>
      <c r="G487" t="s">
        <v>79</v>
      </c>
      <c r="H487" t="s">
        <v>81</v>
      </c>
      <c r="I487" s="8">
        <v>2027</v>
      </c>
      <c r="J487" s="15" t="s">
        <v>50</v>
      </c>
      <c r="K487">
        <v>0</v>
      </c>
      <c r="L487">
        <v>0</v>
      </c>
      <c r="M487">
        <v>0</v>
      </c>
      <c r="N487">
        <v>0</v>
      </c>
    </row>
    <row r="488" spans="1:14" hidden="1">
      <c r="A488" s="7" t="s">
        <v>10</v>
      </c>
      <c r="B488" s="8"/>
      <c r="C488" s="8"/>
      <c r="D488" t="s">
        <v>80</v>
      </c>
      <c r="E488" s="8" t="s">
        <v>12</v>
      </c>
      <c r="F488" t="s">
        <v>52</v>
      </c>
      <c r="G488" t="s">
        <v>19</v>
      </c>
      <c r="H488" t="s">
        <v>81</v>
      </c>
      <c r="I488" s="11">
        <v>2027</v>
      </c>
      <c r="J488" s="12" t="s">
        <v>19</v>
      </c>
      <c r="K488" s="14">
        <v>0</v>
      </c>
      <c r="L488" s="14">
        <v>0</v>
      </c>
      <c r="M488" s="14">
        <v>0</v>
      </c>
      <c r="N488">
        <v>0</v>
      </c>
    </row>
    <row r="489" spans="1:14" hidden="1">
      <c r="A489" s="7" t="s">
        <v>10</v>
      </c>
      <c r="B489" s="8"/>
      <c r="C489" s="8"/>
      <c r="D489" t="s">
        <v>80</v>
      </c>
      <c r="E489" s="8" t="s">
        <v>12</v>
      </c>
      <c r="F489" t="s">
        <v>52</v>
      </c>
      <c r="G489" t="s">
        <v>78</v>
      </c>
      <c r="H489" t="s">
        <v>81</v>
      </c>
      <c r="I489" s="8">
        <v>2027</v>
      </c>
      <c r="J489" s="15" t="s">
        <v>21</v>
      </c>
      <c r="K489">
        <v>0</v>
      </c>
      <c r="L489">
        <v>0</v>
      </c>
      <c r="M489">
        <v>0</v>
      </c>
      <c r="N489">
        <v>0</v>
      </c>
    </row>
    <row r="490" spans="1:14" hidden="1">
      <c r="A490" s="7" t="s">
        <v>10</v>
      </c>
      <c r="B490" s="8"/>
      <c r="C490" s="8"/>
      <c r="D490" t="s">
        <v>80</v>
      </c>
      <c r="E490" s="8" t="s">
        <v>12</v>
      </c>
      <c r="F490" t="s">
        <v>52</v>
      </c>
      <c r="G490" t="s">
        <v>78</v>
      </c>
      <c r="H490" t="s">
        <v>81</v>
      </c>
      <c r="I490" s="11">
        <v>2027</v>
      </c>
      <c r="J490" s="12" t="s">
        <v>51</v>
      </c>
      <c r="K490" s="14">
        <v>220</v>
      </c>
      <c r="L490" s="14">
        <v>0</v>
      </c>
      <c r="M490" s="14">
        <v>220</v>
      </c>
      <c r="N490">
        <v>0</v>
      </c>
    </row>
    <row r="491" spans="1:14" hidden="1">
      <c r="A491" s="7" t="s">
        <v>10</v>
      </c>
      <c r="B491" s="8"/>
      <c r="C491" s="8"/>
      <c r="D491" t="s">
        <v>80</v>
      </c>
      <c r="E491" s="8" t="s">
        <v>12</v>
      </c>
      <c r="F491" t="s">
        <v>52</v>
      </c>
      <c r="G491" t="s">
        <v>78</v>
      </c>
      <c r="H491" t="s">
        <v>81</v>
      </c>
      <c r="I491" s="8">
        <v>2028</v>
      </c>
      <c r="J491" s="15" t="s">
        <v>47</v>
      </c>
      <c r="K491">
        <v>0</v>
      </c>
      <c r="L491">
        <v>0</v>
      </c>
      <c r="M491">
        <v>0</v>
      </c>
      <c r="N491">
        <v>0</v>
      </c>
    </row>
    <row r="492" spans="1:14" hidden="1">
      <c r="A492" s="7" t="s">
        <v>10</v>
      </c>
      <c r="B492" s="8"/>
      <c r="C492" s="8"/>
      <c r="D492" t="s">
        <v>80</v>
      </c>
      <c r="E492" s="8" t="s">
        <v>12</v>
      </c>
      <c r="F492" t="s">
        <v>52</v>
      </c>
      <c r="G492" t="s">
        <v>78</v>
      </c>
      <c r="H492" t="s">
        <v>81</v>
      </c>
      <c r="I492" s="11">
        <v>2028</v>
      </c>
      <c r="J492" s="12" t="s">
        <v>48</v>
      </c>
      <c r="K492" s="14">
        <v>15</v>
      </c>
      <c r="L492" s="14">
        <v>15</v>
      </c>
      <c r="M492" s="14">
        <v>0</v>
      </c>
      <c r="N492">
        <v>0</v>
      </c>
    </row>
    <row r="493" spans="1:14" hidden="1">
      <c r="A493" s="7" t="s">
        <v>10</v>
      </c>
      <c r="B493" s="8"/>
      <c r="C493" s="8"/>
      <c r="D493" t="s">
        <v>80</v>
      </c>
      <c r="E493" s="8" t="s">
        <v>12</v>
      </c>
      <c r="F493" t="s">
        <v>52</v>
      </c>
      <c r="G493" t="s">
        <v>78</v>
      </c>
      <c r="H493" t="s">
        <v>81</v>
      </c>
      <c r="I493" s="8">
        <v>2028</v>
      </c>
      <c r="J493" s="15" t="s">
        <v>14</v>
      </c>
      <c r="K493">
        <v>4100</v>
      </c>
      <c r="L493">
        <v>5021</v>
      </c>
      <c r="M493">
        <v>200</v>
      </c>
      <c r="N493">
        <v>0</v>
      </c>
    </row>
    <row r="494" spans="1:14" hidden="1">
      <c r="A494" s="7" t="s">
        <v>10</v>
      </c>
      <c r="B494" s="8"/>
      <c r="C494" s="8"/>
      <c r="D494" t="s">
        <v>80</v>
      </c>
      <c r="E494" s="8" t="s">
        <v>12</v>
      </c>
      <c r="F494" t="s">
        <v>52</v>
      </c>
      <c r="G494" t="s">
        <v>78</v>
      </c>
      <c r="H494" t="s">
        <v>81</v>
      </c>
      <c r="I494" s="11">
        <v>2028</v>
      </c>
      <c r="J494" s="12" t="s">
        <v>49</v>
      </c>
      <c r="K494" s="14">
        <v>132</v>
      </c>
      <c r="L494" s="14">
        <v>132</v>
      </c>
      <c r="M494" s="14">
        <v>0</v>
      </c>
      <c r="N494">
        <v>0</v>
      </c>
    </row>
    <row r="495" spans="1:14" hidden="1">
      <c r="A495" s="7" t="s">
        <v>10</v>
      </c>
      <c r="B495" s="8"/>
      <c r="C495" s="8"/>
      <c r="D495" t="s">
        <v>80</v>
      </c>
      <c r="E495" s="8" t="s">
        <v>12</v>
      </c>
      <c r="F495" t="s">
        <v>52</v>
      </c>
      <c r="G495" t="s">
        <v>79</v>
      </c>
      <c r="H495" t="s">
        <v>81</v>
      </c>
      <c r="I495" s="8">
        <v>2028</v>
      </c>
      <c r="J495" s="15" t="s">
        <v>15</v>
      </c>
      <c r="K495">
        <v>0</v>
      </c>
      <c r="L495">
        <v>0</v>
      </c>
      <c r="M495">
        <v>0</v>
      </c>
      <c r="N495">
        <v>0</v>
      </c>
    </row>
    <row r="496" spans="1:14" hidden="1">
      <c r="A496" s="7" t="s">
        <v>10</v>
      </c>
      <c r="B496" s="8"/>
      <c r="C496" s="8"/>
      <c r="D496" t="s">
        <v>80</v>
      </c>
      <c r="E496" s="8" t="s">
        <v>12</v>
      </c>
      <c r="F496" t="s">
        <v>52</v>
      </c>
      <c r="G496" t="s">
        <v>79</v>
      </c>
      <c r="H496" t="s">
        <v>81</v>
      </c>
      <c r="I496" s="11">
        <v>2028</v>
      </c>
      <c r="J496" s="12" t="s">
        <v>50</v>
      </c>
      <c r="K496" s="14">
        <v>0</v>
      </c>
      <c r="L496" s="14">
        <v>0</v>
      </c>
      <c r="M496" s="14">
        <v>0</v>
      </c>
      <c r="N496">
        <v>0</v>
      </c>
    </row>
    <row r="497" spans="1:14" hidden="1">
      <c r="A497" s="7" t="s">
        <v>10</v>
      </c>
      <c r="B497" s="8"/>
      <c r="C497" s="8"/>
      <c r="D497" t="s">
        <v>80</v>
      </c>
      <c r="E497" s="8" t="s">
        <v>12</v>
      </c>
      <c r="F497" t="s">
        <v>52</v>
      </c>
      <c r="G497" t="s">
        <v>19</v>
      </c>
      <c r="H497" t="s">
        <v>81</v>
      </c>
      <c r="I497" s="8">
        <v>2028</v>
      </c>
      <c r="J497" s="15" t="s">
        <v>19</v>
      </c>
      <c r="K497">
        <v>0</v>
      </c>
      <c r="L497">
        <v>0</v>
      </c>
      <c r="M497">
        <v>0</v>
      </c>
      <c r="N497">
        <v>0</v>
      </c>
    </row>
    <row r="498" spans="1:14" hidden="1">
      <c r="A498" s="7" t="s">
        <v>10</v>
      </c>
      <c r="B498" s="8"/>
      <c r="C498" s="8"/>
      <c r="D498" t="s">
        <v>80</v>
      </c>
      <c r="E498" s="8" t="s">
        <v>12</v>
      </c>
      <c r="F498" t="s">
        <v>52</v>
      </c>
      <c r="G498" t="s">
        <v>78</v>
      </c>
      <c r="H498" t="s">
        <v>81</v>
      </c>
      <c r="I498" s="11">
        <v>2028</v>
      </c>
      <c r="J498" s="12" t="s">
        <v>21</v>
      </c>
      <c r="K498" s="14">
        <v>0</v>
      </c>
      <c r="L498" s="14">
        <v>0</v>
      </c>
      <c r="M498" s="14">
        <v>0</v>
      </c>
      <c r="N498">
        <v>0</v>
      </c>
    </row>
    <row r="499" spans="1:14" hidden="1">
      <c r="A499" s="7" t="s">
        <v>10</v>
      </c>
      <c r="B499" s="8"/>
      <c r="C499" s="8"/>
      <c r="D499" t="s">
        <v>80</v>
      </c>
      <c r="E499" s="8" t="s">
        <v>12</v>
      </c>
      <c r="F499" t="s">
        <v>52</v>
      </c>
      <c r="G499" t="s">
        <v>78</v>
      </c>
      <c r="H499" t="s">
        <v>81</v>
      </c>
      <c r="I499" s="8">
        <v>2028</v>
      </c>
      <c r="J499" s="15" t="s">
        <v>51</v>
      </c>
      <c r="K499">
        <v>220</v>
      </c>
      <c r="L499">
        <v>0</v>
      </c>
      <c r="M499">
        <v>220</v>
      </c>
      <c r="N499">
        <v>0</v>
      </c>
    </row>
    <row r="500" spans="1:14" hidden="1">
      <c r="A500" s="7" t="s">
        <v>10</v>
      </c>
      <c r="B500" s="8"/>
      <c r="C500" s="8"/>
      <c r="D500" t="s">
        <v>80</v>
      </c>
      <c r="E500" s="8" t="s">
        <v>12</v>
      </c>
      <c r="F500" t="s">
        <v>52</v>
      </c>
      <c r="G500" t="s">
        <v>78</v>
      </c>
      <c r="H500" t="s">
        <v>81</v>
      </c>
      <c r="I500" s="11">
        <v>2029</v>
      </c>
      <c r="J500" s="12" t="s">
        <v>47</v>
      </c>
      <c r="K500" s="14">
        <v>0</v>
      </c>
      <c r="L500" s="14">
        <v>0</v>
      </c>
      <c r="M500" s="14">
        <v>0</v>
      </c>
      <c r="N500">
        <v>0</v>
      </c>
    </row>
    <row r="501" spans="1:14" hidden="1">
      <c r="A501" s="7" t="s">
        <v>10</v>
      </c>
      <c r="B501" s="8"/>
      <c r="C501" s="8"/>
      <c r="D501" t="s">
        <v>80</v>
      </c>
      <c r="E501" s="8" t="s">
        <v>12</v>
      </c>
      <c r="F501" t="s">
        <v>52</v>
      </c>
      <c r="G501" t="s">
        <v>78</v>
      </c>
      <c r="H501" t="s">
        <v>81</v>
      </c>
      <c r="I501" s="8">
        <v>2029</v>
      </c>
      <c r="J501" s="15" t="s">
        <v>48</v>
      </c>
      <c r="K501">
        <v>15</v>
      </c>
      <c r="L501">
        <v>15</v>
      </c>
      <c r="M501">
        <v>0</v>
      </c>
      <c r="N501">
        <v>0</v>
      </c>
    </row>
    <row r="502" spans="1:14" hidden="1">
      <c r="A502" s="7" t="s">
        <v>10</v>
      </c>
      <c r="B502" s="8"/>
      <c r="C502" s="8"/>
      <c r="D502" t="s">
        <v>80</v>
      </c>
      <c r="E502" s="8" t="s">
        <v>12</v>
      </c>
      <c r="F502" t="s">
        <v>52</v>
      </c>
      <c r="G502" t="s">
        <v>78</v>
      </c>
      <c r="H502" t="s">
        <v>81</v>
      </c>
      <c r="I502" s="11">
        <v>2029</v>
      </c>
      <c r="J502" s="12" t="s">
        <v>14</v>
      </c>
      <c r="K502" s="14">
        <v>4100</v>
      </c>
      <c r="L502" s="14">
        <v>5021</v>
      </c>
      <c r="M502" s="14">
        <v>200</v>
      </c>
      <c r="N502">
        <v>0</v>
      </c>
    </row>
    <row r="503" spans="1:14" hidden="1">
      <c r="A503" s="7" t="s">
        <v>10</v>
      </c>
      <c r="B503" s="8"/>
      <c r="C503" s="8"/>
      <c r="D503" t="s">
        <v>80</v>
      </c>
      <c r="E503" s="8" t="s">
        <v>12</v>
      </c>
      <c r="F503" t="s">
        <v>52</v>
      </c>
      <c r="G503" t="s">
        <v>78</v>
      </c>
      <c r="H503" t="s">
        <v>81</v>
      </c>
      <c r="I503" s="8">
        <v>2029</v>
      </c>
      <c r="J503" s="15" t="s">
        <v>49</v>
      </c>
      <c r="K503">
        <v>132</v>
      </c>
      <c r="L503">
        <v>132</v>
      </c>
      <c r="M503">
        <v>0</v>
      </c>
      <c r="N503">
        <v>0</v>
      </c>
    </row>
    <row r="504" spans="1:14" hidden="1">
      <c r="A504" s="7" t="s">
        <v>10</v>
      </c>
      <c r="B504" s="8"/>
      <c r="C504" s="8"/>
      <c r="D504" t="s">
        <v>80</v>
      </c>
      <c r="E504" s="8" t="s">
        <v>12</v>
      </c>
      <c r="F504" t="s">
        <v>52</v>
      </c>
      <c r="G504" t="s">
        <v>79</v>
      </c>
      <c r="H504" t="s">
        <v>81</v>
      </c>
      <c r="I504" s="11">
        <v>2029</v>
      </c>
      <c r="J504" s="12" t="s">
        <v>15</v>
      </c>
      <c r="K504" s="14">
        <v>0</v>
      </c>
      <c r="L504" s="14">
        <v>0</v>
      </c>
      <c r="M504" s="14">
        <v>0</v>
      </c>
      <c r="N504">
        <v>0</v>
      </c>
    </row>
    <row r="505" spans="1:14" hidden="1">
      <c r="A505" s="7" t="s">
        <v>10</v>
      </c>
      <c r="B505" s="8"/>
      <c r="C505" s="8"/>
      <c r="D505" t="s">
        <v>80</v>
      </c>
      <c r="E505" s="8" t="s">
        <v>12</v>
      </c>
      <c r="F505" t="s">
        <v>52</v>
      </c>
      <c r="G505" t="s">
        <v>79</v>
      </c>
      <c r="H505" t="s">
        <v>81</v>
      </c>
      <c r="I505" s="8">
        <v>2029</v>
      </c>
      <c r="J505" s="15" t="s">
        <v>50</v>
      </c>
      <c r="K505">
        <v>0</v>
      </c>
      <c r="L505">
        <v>0</v>
      </c>
      <c r="M505">
        <v>0</v>
      </c>
      <c r="N505">
        <v>0</v>
      </c>
    </row>
    <row r="506" spans="1:14" hidden="1">
      <c r="A506" s="7" t="s">
        <v>10</v>
      </c>
      <c r="B506" s="8"/>
      <c r="C506" s="8"/>
      <c r="D506" t="s">
        <v>80</v>
      </c>
      <c r="E506" s="8" t="s">
        <v>12</v>
      </c>
      <c r="F506" t="s">
        <v>52</v>
      </c>
      <c r="G506" t="s">
        <v>19</v>
      </c>
      <c r="H506" t="s">
        <v>81</v>
      </c>
      <c r="I506" s="11">
        <v>2029</v>
      </c>
      <c r="J506" s="12" t="s">
        <v>19</v>
      </c>
      <c r="K506" s="14">
        <v>0</v>
      </c>
      <c r="L506" s="14">
        <v>0</v>
      </c>
      <c r="M506" s="14">
        <v>0</v>
      </c>
      <c r="N506">
        <v>0</v>
      </c>
    </row>
    <row r="507" spans="1:14" hidden="1">
      <c r="A507" s="7" t="s">
        <v>10</v>
      </c>
      <c r="B507" s="8"/>
      <c r="C507" s="8"/>
      <c r="D507" t="s">
        <v>80</v>
      </c>
      <c r="E507" s="8" t="s">
        <v>12</v>
      </c>
      <c r="F507" t="s">
        <v>52</v>
      </c>
      <c r="G507" t="s">
        <v>78</v>
      </c>
      <c r="H507" t="s">
        <v>81</v>
      </c>
      <c r="I507" s="8">
        <v>2029</v>
      </c>
      <c r="J507" s="15" t="s">
        <v>21</v>
      </c>
      <c r="K507">
        <v>0</v>
      </c>
      <c r="L507">
        <v>0</v>
      </c>
      <c r="M507">
        <v>0</v>
      </c>
      <c r="N507">
        <v>0</v>
      </c>
    </row>
    <row r="508" spans="1:14" hidden="1">
      <c r="A508" s="7" t="s">
        <v>10</v>
      </c>
      <c r="B508" s="8"/>
      <c r="C508" s="8"/>
      <c r="D508" t="s">
        <v>80</v>
      </c>
      <c r="E508" s="8" t="s">
        <v>12</v>
      </c>
      <c r="F508" t="s">
        <v>52</v>
      </c>
      <c r="G508" t="s">
        <v>78</v>
      </c>
      <c r="H508" t="s">
        <v>81</v>
      </c>
      <c r="I508" s="11">
        <v>2029</v>
      </c>
      <c r="J508" s="12" t="s">
        <v>51</v>
      </c>
      <c r="K508" s="14">
        <v>220</v>
      </c>
      <c r="L508" s="14">
        <v>0</v>
      </c>
      <c r="M508" s="14">
        <v>220</v>
      </c>
      <c r="N508">
        <v>0</v>
      </c>
    </row>
    <row r="509" spans="1:14" hidden="1">
      <c r="A509" s="7" t="s">
        <v>10</v>
      </c>
      <c r="B509" s="8"/>
      <c r="C509" s="8"/>
      <c r="D509" t="s">
        <v>80</v>
      </c>
      <c r="E509" s="8" t="s">
        <v>12</v>
      </c>
      <c r="F509" t="s">
        <v>52</v>
      </c>
      <c r="G509" t="s">
        <v>78</v>
      </c>
      <c r="H509" t="s">
        <v>81</v>
      </c>
      <c r="I509" s="8">
        <v>2030</v>
      </c>
      <c r="J509" s="15" t="s">
        <v>47</v>
      </c>
      <c r="K509">
        <v>0</v>
      </c>
      <c r="L509">
        <v>0</v>
      </c>
      <c r="M509">
        <v>0</v>
      </c>
      <c r="N509">
        <v>0</v>
      </c>
    </row>
    <row r="510" spans="1:14" hidden="1">
      <c r="A510" s="7" t="s">
        <v>10</v>
      </c>
      <c r="B510" s="8"/>
      <c r="C510" s="8"/>
      <c r="D510" t="s">
        <v>80</v>
      </c>
      <c r="E510" s="8" t="s">
        <v>12</v>
      </c>
      <c r="F510" t="s">
        <v>52</v>
      </c>
      <c r="G510" t="s">
        <v>78</v>
      </c>
      <c r="H510" t="s">
        <v>81</v>
      </c>
      <c r="I510" s="11">
        <v>2030</v>
      </c>
      <c r="J510" s="12" t="s">
        <v>48</v>
      </c>
      <c r="K510" s="14">
        <v>15</v>
      </c>
      <c r="L510" s="14">
        <v>15</v>
      </c>
      <c r="M510" s="14">
        <v>0</v>
      </c>
      <c r="N510">
        <v>0</v>
      </c>
    </row>
    <row r="511" spans="1:14" hidden="1">
      <c r="A511" s="7" t="s">
        <v>10</v>
      </c>
      <c r="B511" s="8"/>
      <c r="C511" s="8"/>
      <c r="D511" t="s">
        <v>80</v>
      </c>
      <c r="E511" s="8" t="s">
        <v>12</v>
      </c>
      <c r="F511" t="s">
        <v>52</v>
      </c>
      <c r="G511" t="s">
        <v>78</v>
      </c>
      <c r="H511" t="s">
        <v>81</v>
      </c>
      <c r="I511" s="8">
        <v>2030</v>
      </c>
      <c r="J511" s="15" t="s">
        <v>14</v>
      </c>
      <c r="K511">
        <v>4200</v>
      </c>
      <c r="L511">
        <v>5021</v>
      </c>
      <c r="M511">
        <v>200</v>
      </c>
      <c r="N511">
        <v>0</v>
      </c>
    </row>
    <row r="512" spans="1:14" hidden="1">
      <c r="A512" s="7" t="s">
        <v>10</v>
      </c>
      <c r="B512" s="8"/>
      <c r="C512" s="8"/>
      <c r="D512" t="s">
        <v>80</v>
      </c>
      <c r="E512" s="8" t="s">
        <v>12</v>
      </c>
      <c r="F512" t="s">
        <v>52</v>
      </c>
      <c r="G512" t="s">
        <v>78</v>
      </c>
      <c r="H512" t="s">
        <v>81</v>
      </c>
      <c r="I512" s="11">
        <v>2030</v>
      </c>
      <c r="J512" s="12" t="s">
        <v>49</v>
      </c>
      <c r="K512" s="14">
        <v>132</v>
      </c>
      <c r="L512" s="14">
        <v>132</v>
      </c>
      <c r="M512" s="14">
        <v>0</v>
      </c>
      <c r="N512">
        <v>0</v>
      </c>
    </row>
    <row r="513" spans="1:14" hidden="1">
      <c r="A513" s="7" t="s">
        <v>10</v>
      </c>
      <c r="B513" s="8"/>
      <c r="C513" s="8"/>
      <c r="D513" t="s">
        <v>80</v>
      </c>
      <c r="E513" s="8" t="s">
        <v>12</v>
      </c>
      <c r="F513" t="s">
        <v>52</v>
      </c>
      <c r="G513" t="s">
        <v>79</v>
      </c>
      <c r="H513" t="s">
        <v>81</v>
      </c>
      <c r="I513" s="8">
        <v>2030</v>
      </c>
      <c r="J513" s="15" t="s">
        <v>15</v>
      </c>
      <c r="K513">
        <v>0</v>
      </c>
      <c r="L513">
        <v>0</v>
      </c>
      <c r="M513">
        <v>0</v>
      </c>
      <c r="N513">
        <v>0</v>
      </c>
    </row>
    <row r="514" spans="1:14" hidden="1">
      <c r="A514" s="7" t="s">
        <v>10</v>
      </c>
      <c r="B514" s="8"/>
      <c r="C514" s="8"/>
      <c r="D514" t="s">
        <v>80</v>
      </c>
      <c r="E514" s="8" t="s">
        <v>12</v>
      </c>
      <c r="F514" t="s">
        <v>52</v>
      </c>
      <c r="G514" t="s">
        <v>79</v>
      </c>
      <c r="H514" t="s">
        <v>81</v>
      </c>
      <c r="I514" s="11">
        <v>2030</v>
      </c>
      <c r="J514" s="12" t="s">
        <v>50</v>
      </c>
      <c r="K514" s="14">
        <v>0</v>
      </c>
      <c r="L514" s="14">
        <v>0</v>
      </c>
      <c r="M514" s="14">
        <v>0</v>
      </c>
      <c r="N514">
        <v>0</v>
      </c>
    </row>
    <row r="515" spans="1:14" hidden="1">
      <c r="A515" s="7" t="s">
        <v>10</v>
      </c>
      <c r="B515" s="8"/>
      <c r="C515" s="8"/>
      <c r="D515" t="s">
        <v>80</v>
      </c>
      <c r="E515" s="8" t="s">
        <v>12</v>
      </c>
      <c r="F515" t="s">
        <v>52</v>
      </c>
      <c r="G515" t="s">
        <v>19</v>
      </c>
      <c r="H515" t="s">
        <v>81</v>
      </c>
      <c r="I515" s="8">
        <v>2030</v>
      </c>
      <c r="J515" s="15" t="s">
        <v>19</v>
      </c>
      <c r="K515">
        <v>0</v>
      </c>
      <c r="L515">
        <v>0</v>
      </c>
      <c r="M515">
        <v>0</v>
      </c>
      <c r="N515">
        <v>0</v>
      </c>
    </row>
    <row r="516" spans="1:14" hidden="1">
      <c r="A516" s="7" t="s">
        <v>10</v>
      </c>
      <c r="B516" s="8"/>
      <c r="C516" s="8"/>
      <c r="D516" t="s">
        <v>80</v>
      </c>
      <c r="E516" s="8" t="s">
        <v>12</v>
      </c>
      <c r="F516" t="s">
        <v>52</v>
      </c>
      <c r="G516" t="s">
        <v>78</v>
      </c>
      <c r="H516" t="s">
        <v>81</v>
      </c>
      <c r="I516" s="11">
        <v>2030</v>
      </c>
      <c r="J516" s="12" t="s">
        <v>21</v>
      </c>
      <c r="K516" s="14">
        <v>0</v>
      </c>
      <c r="L516" s="14">
        <v>0</v>
      </c>
      <c r="M516" s="14">
        <v>0</v>
      </c>
      <c r="N516">
        <v>0</v>
      </c>
    </row>
    <row r="517" spans="1:14" hidden="1">
      <c r="A517" s="7" t="s">
        <v>10</v>
      </c>
      <c r="B517" s="8"/>
      <c r="C517" s="8"/>
      <c r="D517" t="s">
        <v>80</v>
      </c>
      <c r="E517" s="8" t="s">
        <v>12</v>
      </c>
      <c r="F517" t="s">
        <v>52</v>
      </c>
      <c r="G517" t="s">
        <v>78</v>
      </c>
      <c r="H517" t="s">
        <v>81</v>
      </c>
      <c r="I517" s="8">
        <v>2030</v>
      </c>
      <c r="J517" s="15" t="s">
        <v>51</v>
      </c>
      <c r="K517">
        <v>220</v>
      </c>
      <c r="L517">
        <v>0</v>
      </c>
      <c r="M517">
        <v>220</v>
      </c>
      <c r="N517">
        <v>0</v>
      </c>
    </row>
    <row r="518" spans="1:14" hidden="1">
      <c r="A518" s="7" t="s">
        <v>10</v>
      </c>
      <c r="B518" s="8"/>
      <c r="C518" s="8"/>
      <c r="D518" t="s">
        <v>80</v>
      </c>
      <c r="E518" s="8" t="s">
        <v>12</v>
      </c>
      <c r="F518" t="s">
        <v>52</v>
      </c>
      <c r="G518" t="s">
        <v>78</v>
      </c>
      <c r="H518" t="s">
        <v>81</v>
      </c>
      <c r="I518" s="11">
        <v>2031</v>
      </c>
      <c r="J518" s="12" t="s">
        <v>47</v>
      </c>
      <c r="K518" s="14">
        <v>0</v>
      </c>
      <c r="L518" s="14">
        <v>0</v>
      </c>
      <c r="M518" s="14">
        <v>0</v>
      </c>
      <c r="N518">
        <v>0</v>
      </c>
    </row>
    <row r="519" spans="1:14" hidden="1">
      <c r="A519" s="7" t="s">
        <v>10</v>
      </c>
      <c r="B519" s="8"/>
      <c r="C519" s="8"/>
      <c r="D519" t="s">
        <v>80</v>
      </c>
      <c r="E519" s="8" t="s">
        <v>12</v>
      </c>
      <c r="F519" t="s">
        <v>52</v>
      </c>
      <c r="G519" t="s">
        <v>78</v>
      </c>
      <c r="H519" t="s">
        <v>81</v>
      </c>
      <c r="I519" s="8">
        <v>2031</v>
      </c>
      <c r="J519" s="15" t="s">
        <v>48</v>
      </c>
      <c r="K519">
        <v>15</v>
      </c>
      <c r="L519">
        <v>15</v>
      </c>
      <c r="M519">
        <v>0</v>
      </c>
      <c r="N519">
        <v>0</v>
      </c>
    </row>
    <row r="520" spans="1:14" hidden="1">
      <c r="A520" s="7" t="s">
        <v>10</v>
      </c>
      <c r="B520" s="8"/>
      <c r="C520" s="8"/>
      <c r="D520" t="s">
        <v>80</v>
      </c>
      <c r="E520" s="8" t="s">
        <v>12</v>
      </c>
      <c r="F520" t="s">
        <v>52</v>
      </c>
      <c r="G520" t="s">
        <v>78</v>
      </c>
      <c r="H520" t="s">
        <v>81</v>
      </c>
      <c r="I520" s="11">
        <v>2031</v>
      </c>
      <c r="J520" s="12" t="s">
        <v>14</v>
      </c>
      <c r="K520" s="14">
        <v>4200</v>
      </c>
      <c r="L520" s="14">
        <v>5021</v>
      </c>
      <c r="M520" s="14">
        <v>200</v>
      </c>
      <c r="N520">
        <v>0</v>
      </c>
    </row>
    <row r="521" spans="1:14" hidden="1">
      <c r="A521" s="7" t="s">
        <v>10</v>
      </c>
      <c r="B521" s="8"/>
      <c r="C521" s="8"/>
      <c r="D521" t="s">
        <v>80</v>
      </c>
      <c r="E521" s="8" t="s">
        <v>12</v>
      </c>
      <c r="F521" t="s">
        <v>52</v>
      </c>
      <c r="G521" t="s">
        <v>78</v>
      </c>
      <c r="H521" t="s">
        <v>81</v>
      </c>
      <c r="I521" s="8">
        <v>2031</v>
      </c>
      <c r="J521" s="15" t="s">
        <v>49</v>
      </c>
      <c r="K521">
        <v>132</v>
      </c>
      <c r="L521">
        <v>132</v>
      </c>
      <c r="M521">
        <v>0</v>
      </c>
      <c r="N521">
        <v>0</v>
      </c>
    </row>
    <row r="522" spans="1:14" hidden="1">
      <c r="A522" s="7" t="s">
        <v>10</v>
      </c>
      <c r="B522" s="8"/>
      <c r="C522" s="8"/>
      <c r="D522" t="s">
        <v>80</v>
      </c>
      <c r="E522" s="8" t="s">
        <v>12</v>
      </c>
      <c r="F522" t="s">
        <v>52</v>
      </c>
      <c r="G522" t="s">
        <v>79</v>
      </c>
      <c r="H522" t="s">
        <v>81</v>
      </c>
      <c r="I522" s="11">
        <v>2031</v>
      </c>
      <c r="J522" s="12" t="s">
        <v>15</v>
      </c>
      <c r="K522" s="14">
        <v>0</v>
      </c>
      <c r="L522" s="14">
        <v>0</v>
      </c>
      <c r="M522" s="14">
        <v>0</v>
      </c>
      <c r="N522">
        <v>0</v>
      </c>
    </row>
    <row r="523" spans="1:14" hidden="1">
      <c r="A523" s="7" t="s">
        <v>10</v>
      </c>
      <c r="B523" s="8"/>
      <c r="C523" s="8"/>
      <c r="D523" t="s">
        <v>80</v>
      </c>
      <c r="E523" s="8" t="s">
        <v>12</v>
      </c>
      <c r="F523" t="s">
        <v>52</v>
      </c>
      <c r="G523" t="s">
        <v>79</v>
      </c>
      <c r="H523" t="s">
        <v>81</v>
      </c>
      <c r="I523" s="8">
        <v>2031</v>
      </c>
      <c r="J523" s="15" t="s">
        <v>50</v>
      </c>
      <c r="K523">
        <v>0</v>
      </c>
      <c r="L523">
        <v>0</v>
      </c>
      <c r="M523">
        <v>0</v>
      </c>
      <c r="N523">
        <v>0</v>
      </c>
    </row>
    <row r="524" spans="1:14" hidden="1">
      <c r="A524" s="7" t="s">
        <v>10</v>
      </c>
      <c r="B524" s="8"/>
      <c r="C524" s="8"/>
      <c r="D524" t="s">
        <v>80</v>
      </c>
      <c r="E524" s="8" t="s">
        <v>12</v>
      </c>
      <c r="F524" t="s">
        <v>52</v>
      </c>
      <c r="G524" t="s">
        <v>19</v>
      </c>
      <c r="H524" t="s">
        <v>81</v>
      </c>
      <c r="I524" s="11">
        <v>2031</v>
      </c>
      <c r="J524" s="12" t="s">
        <v>19</v>
      </c>
      <c r="K524" s="14">
        <v>0</v>
      </c>
      <c r="L524" s="14">
        <v>0</v>
      </c>
      <c r="M524" s="14">
        <v>0</v>
      </c>
      <c r="N524">
        <v>0</v>
      </c>
    </row>
    <row r="525" spans="1:14" hidden="1">
      <c r="A525" s="7" t="s">
        <v>10</v>
      </c>
      <c r="B525" s="8"/>
      <c r="C525" s="8"/>
      <c r="D525" t="s">
        <v>80</v>
      </c>
      <c r="E525" s="8" t="s">
        <v>12</v>
      </c>
      <c r="F525" t="s">
        <v>52</v>
      </c>
      <c r="G525" t="s">
        <v>78</v>
      </c>
      <c r="H525" t="s">
        <v>81</v>
      </c>
      <c r="I525" s="8">
        <v>2031</v>
      </c>
      <c r="J525" s="15" t="s">
        <v>21</v>
      </c>
      <c r="K525">
        <v>0</v>
      </c>
      <c r="L525">
        <v>0</v>
      </c>
      <c r="M525">
        <v>0</v>
      </c>
      <c r="N525">
        <v>0</v>
      </c>
    </row>
    <row r="526" spans="1:14" hidden="1">
      <c r="A526" s="7" t="s">
        <v>10</v>
      </c>
      <c r="B526" s="8"/>
      <c r="C526" s="8"/>
      <c r="D526" t="s">
        <v>80</v>
      </c>
      <c r="E526" s="8" t="s">
        <v>12</v>
      </c>
      <c r="F526" t="s">
        <v>52</v>
      </c>
      <c r="G526" t="s">
        <v>78</v>
      </c>
      <c r="H526" t="s">
        <v>81</v>
      </c>
      <c r="I526" s="11">
        <v>2031</v>
      </c>
      <c r="J526" s="12" t="s">
        <v>51</v>
      </c>
      <c r="K526" s="14">
        <v>220</v>
      </c>
      <c r="L526" s="14">
        <v>0</v>
      </c>
      <c r="M526" s="14">
        <v>220</v>
      </c>
      <c r="N526">
        <v>0</v>
      </c>
    </row>
    <row r="527" spans="1:14" hidden="1">
      <c r="A527" s="7" t="s">
        <v>10</v>
      </c>
      <c r="B527" s="8"/>
      <c r="C527" s="8"/>
      <c r="D527" t="s">
        <v>80</v>
      </c>
      <c r="E527" s="8" t="s">
        <v>12</v>
      </c>
      <c r="F527" t="s">
        <v>52</v>
      </c>
      <c r="G527" t="s">
        <v>78</v>
      </c>
      <c r="H527" t="s">
        <v>81</v>
      </c>
      <c r="I527" s="8">
        <v>2032</v>
      </c>
      <c r="J527" s="15" t="s">
        <v>47</v>
      </c>
      <c r="K527">
        <v>0</v>
      </c>
      <c r="L527">
        <v>0</v>
      </c>
      <c r="M527">
        <v>0</v>
      </c>
      <c r="N527">
        <v>0</v>
      </c>
    </row>
    <row r="528" spans="1:14" hidden="1">
      <c r="A528" s="7" t="s">
        <v>10</v>
      </c>
      <c r="B528" s="8"/>
      <c r="C528" s="8"/>
      <c r="D528" t="s">
        <v>80</v>
      </c>
      <c r="E528" s="8" t="s">
        <v>12</v>
      </c>
      <c r="F528" t="s">
        <v>52</v>
      </c>
      <c r="G528" t="s">
        <v>78</v>
      </c>
      <c r="H528" t="s">
        <v>81</v>
      </c>
      <c r="I528" s="11">
        <v>2032</v>
      </c>
      <c r="J528" s="12" t="s">
        <v>48</v>
      </c>
      <c r="K528" s="14">
        <v>15</v>
      </c>
      <c r="L528" s="14">
        <v>15</v>
      </c>
      <c r="M528" s="14">
        <v>0</v>
      </c>
      <c r="N528">
        <v>0</v>
      </c>
    </row>
    <row r="529" spans="1:14" hidden="1">
      <c r="A529" s="7" t="s">
        <v>10</v>
      </c>
      <c r="B529" s="8"/>
      <c r="C529" s="8"/>
      <c r="D529" t="s">
        <v>80</v>
      </c>
      <c r="E529" s="8" t="s">
        <v>12</v>
      </c>
      <c r="F529" t="s">
        <v>52</v>
      </c>
      <c r="G529" t="s">
        <v>78</v>
      </c>
      <c r="H529" t="s">
        <v>81</v>
      </c>
      <c r="I529" s="8">
        <v>2032</v>
      </c>
      <c r="J529" s="15" t="s">
        <v>14</v>
      </c>
      <c r="K529">
        <v>4200</v>
      </c>
      <c r="L529">
        <v>5021</v>
      </c>
      <c r="M529">
        <v>200</v>
      </c>
      <c r="N529">
        <v>0</v>
      </c>
    </row>
    <row r="530" spans="1:14" hidden="1">
      <c r="A530" s="7" t="s">
        <v>10</v>
      </c>
      <c r="B530" s="8"/>
      <c r="C530" s="8"/>
      <c r="D530" t="s">
        <v>80</v>
      </c>
      <c r="E530" s="8" t="s">
        <v>12</v>
      </c>
      <c r="F530" t="s">
        <v>52</v>
      </c>
      <c r="G530" t="s">
        <v>78</v>
      </c>
      <c r="H530" t="s">
        <v>81</v>
      </c>
      <c r="I530" s="11">
        <v>2032</v>
      </c>
      <c r="J530" s="12" t="s">
        <v>49</v>
      </c>
      <c r="K530" s="14">
        <v>132</v>
      </c>
      <c r="L530" s="14">
        <v>132</v>
      </c>
      <c r="M530" s="14">
        <v>0</v>
      </c>
      <c r="N530">
        <v>0</v>
      </c>
    </row>
    <row r="531" spans="1:14" hidden="1">
      <c r="A531" s="7" t="s">
        <v>10</v>
      </c>
      <c r="B531" s="8"/>
      <c r="C531" s="8"/>
      <c r="D531" t="s">
        <v>80</v>
      </c>
      <c r="E531" s="8" t="s">
        <v>12</v>
      </c>
      <c r="F531" t="s">
        <v>52</v>
      </c>
      <c r="G531" t="s">
        <v>79</v>
      </c>
      <c r="H531" t="s">
        <v>81</v>
      </c>
      <c r="I531" s="8">
        <v>2032</v>
      </c>
      <c r="J531" s="15" t="s">
        <v>15</v>
      </c>
      <c r="K531">
        <v>0</v>
      </c>
      <c r="L531">
        <v>0</v>
      </c>
      <c r="M531">
        <v>0</v>
      </c>
      <c r="N531">
        <v>0</v>
      </c>
    </row>
    <row r="532" spans="1:14" hidden="1">
      <c r="A532" s="7" t="s">
        <v>10</v>
      </c>
      <c r="B532" s="8"/>
      <c r="C532" s="8"/>
      <c r="D532" t="s">
        <v>80</v>
      </c>
      <c r="E532" s="8" t="s">
        <v>12</v>
      </c>
      <c r="F532" t="s">
        <v>52</v>
      </c>
      <c r="G532" t="s">
        <v>79</v>
      </c>
      <c r="H532" t="s">
        <v>81</v>
      </c>
      <c r="I532" s="11">
        <v>2032</v>
      </c>
      <c r="J532" s="12" t="s">
        <v>50</v>
      </c>
      <c r="K532" s="14">
        <v>0</v>
      </c>
      <c r="L532" s="14">
        <v>0</v>
      </c>
      <c r="M532" s="14">
        <v>0</v>
      </c>
      <c r="N532">
        <v>0</v>
      </c>
    </row>
    <row r="533" spans="1:14" hidden="1">
      <c r="A533" s="7" t="s">
        <v>10</v>
      </c>
      <c r="B533" s="8"/>
      <c r="C533" s="8"/>
      <c r="D533" t="s">
        <v>80</v>
      </c>
      <c r="E533" s="8" t="s">
        <v>12</v>
      </c>
      <c r="F533" t="s">
        <v>52</v>
      </c>
      <c r="G533" t="s">
        <v>19</v>
      </c>
      <c r="H533" t="s">
        <v>81</v>
      </c>
      <c r="I533" s="8">
        <v>2032</v>
      </c>
      <c r="J533" s="15" t="s">
        <v>19</v>
      </c>
      <c r="K533">
        <v>0</v>
      </c>
      <c r="L533">
        <v>0</v>
      </c>
      <c r="M533">
        <v>0</v>
      </c>
      <c r="N533">
        <v>0</v>
      </c>
    </row>
    <row r="534" spans="1:14" hidden="1">
      <c r="A534" s="7" t="s">
        <v>10</v>
      </c>
      <c r="B534" s="8"/>
      <c r="C534" s="8"/>
      <c r="D534" t="s">
        <v>80</v>
      </c>
      <c r="E534" s="8" t="s">
        <v>12</v>
      </c>
      <c r="F534" t="s">
        <v>52</v>
      </c>
      <c r="G534" t="s">
        <v>78</v>
      </c>
      <c r="H534" t="s">
        <v>81</v>
      </c>
      <c r="I534" s="11">
        <v>2032</v>
      </c>
      <c r="J534" s="12" t="s">
        <v>21</v>
      </c>
      <c r="K534" s="14">
        <v>0</v>
      </c>
      <c r="L534" s="14">
        <v>0</v>
      </c>
      <c r="M534" s="14">
        <v>0</v>
      </c>
      <c r="N534">
        <v>0</v>
      </c>
    </row>
    <row r="535" spans="1:14" hidden="1">
      <c r="A535" s="7" t="s">
        <v>10</v>
      </c>
      <c r="B535" s="8"/>
      <c r="C535" s="8"/>
      <c r="D535" t="s">
        <v>80</v>
      </c>
      <c r="E535" s="8" t="s">
        <v>12</v>
      </c>
      <c r="F535" t="s">
        <v>52</v>
      </c>
      <c r="G535" t="s">
        <v>78</v>
      </c>
      <c r="H535" t="s">
        <v>81</v>
      </c>
      <c r="I535" s="8">
        <v>2032</v>
      </c>
      <c r="J535" s="15" t="s">
        <v>51</v>
      </c>
      <c r="K535">
        <v>220</v>
      </c>
      <c r="L535">
        <v>0</v>
      </c>
      <c r="M535">
        <v>220</v>
      </c>
      <c r="N535">
        <v>0</v>
      </c>
    </row>
    <row r="536" spans="1:14" hidden="1">
      <c r="A536" s="7" t="s">
        <v>10</v>
      </c>
      <c r="B536" s="8"/>
      <c r="C536" s="8"/>
      <c r="D536" t="s">
        <v>80</v>
      </c>
      <c r="E536" s="8" t="s">
        <v>12</v>
      </c>
      <c r="F536" t="s">
        <v>52</v>
      </c>
      <c r="G536" t="s">
        <v>78</v>
      </c>
      <c r="H536" t="s">
        <v>81</v>
      </c>
      <c r="I536" s="11">
        <v>2033</v>
      </c>
      <c r="J536" s="12" t="s">
        <v>47</v>
      </c>
      <c r="K536" s="14">
        <v>0</v>
      </c>
      <c r="L536" s="14">
        <v>0</v>
      </c>
      <c r="M536" s="14">
        <v>0</v>
      </c>
      <c r="N536">
        <v>0</v>
      </c>
    </row>
    <row r="537" spans="1:14" hidden="1">
      <c r="A537" s="7" t="s">
        <v>10</v>
      </c>
      <c r="B537" s="8"/>
      <c r="C537" s="8"/>
      <c r="D537" t="s">
        <v>80</v>
      </c>
      <c r="E537" s="8" t="s">
        <v>12</v>
      </c>
      <c r="F537" t="s">
        <v>52</v>
      </c>
      <c r="G537" t="s">
        <v>78</v>
      </c>
      <c r="H537" t="s">
        <v>81</v>
      </c>
      <c r="I537" s="8">
        <v>2033</v>
      </c>
      <c r="J537" s="15" t="s">
        <v>48</v>
      </c>
      <c r="K537">
        <v>15</v>
      </c>
      <c r="L537">
        <v>15</v>
      </c>
      <c r="M537">
        <v>0</v>
      </c>
      <c r="N537">
        <v>0</v>
      </c>
    </row>
    <row r="538" spans="1:14" hidden="1">
      <c r="A538" s="7" t="s">
        <v>10</v>
      </c>
      <c r="B538" s="8"/>
      <c r="C538" s="8"/>
      <c r="D538" t="s">
        <v>80</v>
      </c>
      <c r="E538" s="8" t="s">
        <v>12</v>
      </c>
      <c r="F538" t="s">
        <v>52</v>
      </c>
      <c r="G538" t="s">
        <v>78</v>
      </c>
      <c r="H538" t="s">
        <v>81</v>
      </c>
      <c r="I538" s="11">
        <v>2033</v>
      </c>
      <c r="J538" s="12" t="s">
        <v>14</v>
      </c>
      <c r="K538" s="14">
        <v>4200</v>
      </c>
      <c r="L538" s="14">
        <v>5021</v>
      </c>
      <c r="M538" s="14">
        <v>200</v>
      </c>
      <c r="N538">
        <v>0</v>
      </c>
    </row>
    <row r="539" spans="1:14" hidden="1">
      <c r="A539" s="7" t="s">
        <v>10</v>
      </c>
      <c r="B539" s="8"/>
      <c r="C539" s="8"/>
      <c r="D539" t="s">
        <v>80</v>
      </c>
      <c r="E539" s="8" t="s">
        <v>12</v>
      </c>
      <c r="F539" t="s">
        <v>52</v>
      </c>
      <c r="G539" t="s">
        <v>78</v>
      </c>
      <c r="H539" t="s">
        <v>81</v>
      </c>
      <c r="I539" s="8">
        <v>2033</v>
      </c>
      <c r="J539" s="15" t="s">
        <v>49</v>
      </c>
      <c r="K539">
        <v>132</v>
      </c>
      <c r="L539">
        <v>132</v>
      </c>
      <c r="M539">
        <v>0</v>
      </c>
      <c r="N539">
        <v>0</v>
      </c>
    </row>
    <row r="540" spans="1:14" hidden="1">
      <c r="A540" s="7" t="s">
        <v>10</v>
      </c>
      <c r="B540" s="8"/>
      <c r="C540" s="8"/>
      <c r="D540" t="s">
        <v>80</v>
      </c>
      <c r="E540" s="8" t="s">
        <v>12</v>
      </c>
      <c r="F540" t="s">
        <v>52</v>
      </c>
      <c r="G540" t="s">
        <v>79</v>
      </c>
      <c r="H540" t="s">
        <v>81</v>
      </c>
      <c r="I540" s="11">
        <v>2033</v>
      </c>
      <c r="J540" s="12" t="s">
        <v>15</v>
      </c>
      <c r="K540" s="14">
        <v>0</v>
      </c>
      <c r="L540" s="14">
        <v>0</v>
      </c>
      <c r="M540" s="14">
        <v>0</v>
      </c>
      <c r="N540">
        <v>0</v>
      </c>
    </row>
    <row r="541" spans="1:14" hidden="1">
      <c r="A541" s="7" t="s">
        <v>10</v>
      </c>
      <c r="B541" s="8"/>
      <c r="C541" s="8"/>
      <c r="D541" t="s">
        <v>80</v>
      </c>
      <c r="E541" s="8" t="s">
        <v>12</v>
      </c>
      <c r="F541" t="s">
        <v>52</v>
      </c>
      <c r="G541" t="s">
        <v>79</v>
      </c>
      <c r="H541" t="s">
        <v>81</v>
      </c>
      <c r="I541" s="8">
        <v>2033</v>
      </c>
      <c r="J541" s="15" t="s">
        <v>50</v>
      </c>
      <c r="K541">
        <v>0</v>
      </c>
      <c r="L541">
        <v>0</v>
      </c>
      <c r="M541">
        <v>0</v>
      </c>
      <c r="N541">
        <v>0</v>
      </c>
    </row>
    <row r="542" spans="1:14" hidden="1">
      <c r="A542" s="7" t="s">
        <v>10</v>
      </c>
      <c r="B542" s="8"/>
      <c r="C542" s="8"/>
      <c r="D542" t="s">
        <v>80</v>
      </c>
      <c r="E542" s="8" t="s">
        <v>12</v>
      </c>
      <c r="F542" t="s">
        <v>52</v>
      </c>
      <c r="G542" t="s">
        <v>19</v>
      </c>
      <c r="H542" t="s">
        <v>81</v>
      </c>
      <c r="I542" s="11">
        <v>2033</v>
      </c>
      <c r="J542" s="12" t="s">
        <v>19</v>
      </c>
      <c r="K542" s="14">
        <v>0</v>
      </c>
      <c r="L542" s="14">
        <v>0</v>
      </c>
      <c r="M542" s="14">
        <v>0</v>
      </c>
      <c r="N542">
        <v>0</v>
      </c>
    </row>
    <row r="543" spans="1:14" hidden="1">
      <c r="A543" s="7" t="s">
        <v>10</v>
      </c>
      <c r="B543" s="8"/>
      <c r="C543" s="8"/>
      <c r="D543" t="s">
        <v>80</v>
      </c>
      <c r="E543" s="8" t="s">
        <v>12</v>
      </c>
      <c r="F543" t="s">
        <v>52</v>
      </c>
      <c r="G543" t="s">
        <v>78</v>
      </c>
      <c r="H543" t="s">
        <v>81</v>
      </c>
      <c r="I543" s="8">
        <v>2033</v>
      </c>
      <c r="J543" s="15" t="s">
        <v>21</v>
      </c>
      <c r="K543">
        <v>0</v>
      </c>
      <c r="L543">
        <v>0</v>
      </c>
      <c r="M543">
        <v>0</v>
      </c>
      <c r="N543">
        <v>0</v>
      </c>
    </row>
    <row r="544" spans="1:14" hidden="1">
      <c r="A544" s="7" t="s">
        <v>10</v>
      </c>
      <c r="B544" s="8"/>
      <c r="C544" s="8"/>
      <c r="D544" t="s">
        <v>80</v>
      </c>
      <c r="E544" s="8" t="s">
        <v>12</v>
      </c>
      <c r="F544" t="s">
        <v>52</v>
      </c>
      <c r="G544" t="s">
        <v>78</v>
      </c>
      <c r="H544" t="s">
        <v>81</v>
      </c>
      <c r="I544" s="11">
        <v>2033</v>
      </c>
      <c r="J544" s="12" t="s">
        <v>51</v>
      </c>
      <c r="K544" s="14">
        <v>220</v>
      </c>
      <c r="L544" s="14">
        <v>0</v>
      </c>
      <c r="M544" s="14">
        <v>220</v>
      </c>
      <c r="N544">
        <v>0</v>
      </c>
    </row>
    <row r="545" spans="1:14" hidden="1">
      <c r="A545" s="7" t="s">
        <v>10</v>
      </c>
      <c r="B545" s="8"/>
      <c r="C545" s="8" t="s">
        <v>53</v>
      </c>
      <c r="D545" t="s">
        <v>80</v>
      </c>
      <c r="E545" s="8" t="s">
        <v>24</v>
      </c>
      <c r="F545" t="s">
        <v>52</v>
      </c>
      <c r="G545" t="s">
        <v>78</v>
      </c>
      <c r="H545" t="s">
        <v>81</v>
      </c>
      <c r="I545" s="11">
        <v>2025</v>
      </c>
      <c r="J545" s="12" t="s">
        <v>47</v>
      </c>
      <c r="K545" s="14">
        <v>0</v>
      </c>
      <c r="L545" s="14">
        <v>0</v>
      </c>
      <c r="M545" s="14">
        <v>0</v>
      </c>
      <c r="N545">
        <v>0</v>
      </c>
    </row>
    <row r="546" spans="1:14" hidden="1">
      <c r="A546" s="7" t="s">
        <v>10</v>
      </c>
      <c r="B546" s="8"/>
      <c r="C546" s="8" t="s">
        <v>53</v>
      </c>
      <c r="D546" t="s">
        <v>80</v>
      </c>
      <c r="E546" s="8" t="s">
        <v>24</v>
      </c>
      <c r="F546" t="s">
        <v>52</v>
      </c>
      <c r="G546" t="s">
        <v>78</v>
      </c>
      <c r="H546" t="s">
        <v>81</v>
      </c>
      <c r="I546" s="8">
        <v>2025</v>
      </c>
      <c r="J546" s="15" t="s">
        <v>48</v>
      </c>
      <c r="K546">
        <v>10</v>
      </c>
      <c r="L546">
        <v>10</v>
      </c>
      <c r="M546">
        <v>0</v>
      </c>
      <c r="N546">
        <v>0</v>
      </c>
    </row>
    <row r="547" spans="1:14" hidden="1">
      <c r="A547" s="7" t="s">
        <v>10</v>
      </c>
      <c r="B547" s="8"/>
      <c r="C547" s="8" t="s">
        <v>53</v>
      </c>
      <c r="D547" t="s">
        <v>80</v>
      </c>
      <c r="E547" s="8" t="s">
        <v>24</v>
      </c>
      <c r="F547" t="s">
        <v>52</v>
      </c>
      <c r="G547" t="s">
        <v>78</v>
      </c>
      <c r="H547" t="s">
        <v>81</v>
      </c>
      <c r="I547" s="11">
        <v>2025</v>
      </c>
      <c r="J547" s="12" t="s">
        <v>14</v>
      </c>
      <c r="K547" s="14">
        <v>4000</v>
      </c>
      <c r="L547" s="14">
        <v>2700</v>
      </c>
      <c r="M547" s="14">
        <v>3000</v>
      </c>
      <c r="N547">
        <v>0</v>
      </c>
    </row>
    <row r="548" spans="1:14" hidden="1">
      <c r="A548" s="7" t="s">
        <v>10</v>
      </c>
      <c r="B548" s="8"/>
      <c r="C548" s="8" t="s">
        <v>53</v>
      </c>
      <c r="D548" t="s">
        <v>80</v>
      </c>
      <c r="E548" s="8" t="s">
        <v>24</v>
      </c>
      <c r="F548" t="s">
        <v>52</v>
      </c>
      <c r="G548" t="s">
        <v>78</v>
      </c>
      <c r="H548" t="s">
        <v>81</v>
      </c>
      <c r="I548" s="8">
        <v>2025</v>
      </c>
      <c r="J548" s="15" t="s">
        <v>49</v>
      </c>
      <c r="K548">
        <v>0</v>
      </c>
      <c r="L548">
        <v>0</v>
      </c>
      <c r="M548">
        <v>0</v>
      </c>
      <c r="N548">
        <v>0</v>
      </c>
    </row>
    <row r="549" spans="1:14" hidden="1">
      <c r="A549" s="7" t="s">
        <v>10</v>
      </c>
      <c r="B549" s="8"/>
      <c r="C549" s="8" t="s">
        <v>53</v>
      </c>
      <c r="D549" t="s">
        <v>80</v>
      </c>
      <c r="E549" s="8" t="s">
        <v>24</v>
      </c>
      <c r="F549" t="s">
        <v>52</v>
      </c>
      <c r="G549" t="s">
        <v>79</v>
      </c>
      <c r="H549" t="s">
        <v>81</v>
      </c>
      <c r="I549" s="11">
        <v>2025</v>
      </c>
      <c r="J549" s="12" t="s">
        <v>15</v>
      </c>
      <c r="K549" s="14">
        <v>0</v>
      </c>
      <c r="L549" s="14">
        <v>0</v>
      </c>
      <c r="M549" s="14">
        <v>0</v>
      </c>
      <c r="N549">
        <v>0</v>
      </c>
    </row>
    <row r="550" spans="1:14" hidden="1">
      <c r="A550" s="7" t="s">
        <v>10</v>
      </c>
      <c r="B550" s="8"/>
      <c r="C550" s="8" t="s">
        <v>53</v>
      </c>
      <c r="D550" t="s">
        <v>80</v>
      </c>
      <c r="E550" s="8" t="s">
        <v>24</v>
      </c>
      <c r="F550" t="s">
        <v>52</v>
      </c>
      <c r="G550" t="s">
        <v>79</v>
      </c>
      <c r="H550" t="s">
        <v>81</v>
      </c>
      <c r="I550" s="8">
        <v>2025</v>
      </c>
      <c r="J550" s="15" t="s">
        <v>50</v>
      </c>
      <c r="K550">
        <v>0</v>
      </c>
      <c r="L550">
        <v>0</v>
      </c>
      <c r="M550">
        <v>0</v>
      </c>
      <c r="N550">
        <v>0</v>
      </c>
    </row>
    <row r="551" spans="1:14" hidden="1">
      <c r="A551" s="7" t="s">
        <v>10</v>
      </c>
      <c r="B551" s="8"/>
      <c r="C551" s="8" t="s">
        <v>53</v>
      </c>
      <c r="D551" t="s">
        <v>80</v>
      </c>
      <c r="E551" s="8" t="s">
        <v>24</v>
      </c>
      <c r="F551" t="s">
        <v>52</v>
      </c>
      <c r="G551" t="s">
        <v>19</v>
      </c>
      <c r="H551" t="s">
        <v>81</v>
      </c>
      <c r="I551" s="11">
        <v>2025</v>
      </c>
      <c r="J551" s="12" t="s">
        <v>19</v>
      </c>
      <c r="K551" s="14">
        <v>24</v>
      </c>
      <c r="L551" s="14">
        <v>24</v>
      </c>
      <c r="M551" s="14">
        <v>0</v>
      </c>
      <c r="N551">
        <v>0</v>
      </c>
    </row>
    <row r="552" spans="1:14" hidden="1">
      <c r="A552" s="7" t="s">
        <v>10</v>
      </c>
      <c r="B552" s="8"/>
      <c r="C552" s="8" t="s">
        <v>53</v>
      </c>
      <c r="D552" t="s">
        <v>80</v>
      </c>
      <c r="E552" s="8" t="s">
        <v>24</v>
      </c>
      <c r="F552" t="s">
        <v>52</v>
      </c>
      <c r="G552" t="s">
        <v>78</v>
      </c>
      <c r="H552" t="s">
        <v>81</v>
      </c>
      <c r="I552" s="8">
        <v>2025</v>
      </c>
      <c r="J552" s="15" t="s">
        <v>21</v>
      </c>
      <c r="K552">
        <v>0</v>
      </c>
      <c r="L552">
        <v>0</v>
      </c>
      <c r="M552">
        <v>0</v>
      </c>
      <c r="N552">
        <v>0</v>
      </c>
    </row>
    <row r="553" spans="1:14" hidden="1">
      <c r="A553" s="7" t="s">
        <v>10</v>
      </c>
      <c r="B553" s="8"/>
      <c r="C553" s="8" t="s">
        <v>53</v>
      </c>
      <c r="D553" t="s">
        <v>80</v>
      </c>
      <c r="E553" s="8" t="s">
        <v>24</v>
      </c>
      <c r="F553" t="s">
        <v>52</v>
      </c>
      <c r="G553" t="s">
        <v>78</v>
      </c>
      <c r="H553" t="s">
        <v>81</v>
      </c>
      <c r="I553" s="11">
        <v>2025</v>
      </c>
      <c r="J553" s="12" t="s">
        <v>51</v>
      </c>
      <c r="K553" s="14">
        <v>0</v>
      </c>
      <c r="L553" s="14">
        <v>0</v>
      </c>
      <c r="M553" s="14">
        <v>0</v>
      </c>
      <c r="N553">
        <v>0</v>
      </c>
    </row>
    <row r="554" spans="1:14" hidden="1">
      <c r="A554" s="7" t="s">
        <v>10</v>
      </c>
      <c r="B554" s="8"/>
      <c r="C554" s="8" t="s">
        <v>53</v>
      </c>
      <c r="D554" t="s">
        <v>80</v>
      </c>
      <c r="E554" s="8" t="s">
        <v>24</v>
      </c>
      <c r="F554" t="s">
        <v>52</v>
      </c>
      <c r="G554" t="s">
        <v>78</v>
      </c>
      <c r="H554" t="s">
        <v>81</v>
      </c>
      <c r="I554" s="8">
        <v>2026</v>
      </c>
      <c r="J554" s="15" t="s">
        <v>47</v>
      </c>
      <c r="K554">
        <v>0</v>
      </c>
      <c r="L554">
        <v>0</v>
      </c>
      <c r="M554">
        <v>0</v>
      </c>
      <c r="N554">
        <v>0</v>
      </c>
    </row>
    <row r="555" spans="1:14" hidden="1">
      <c r="A555" s="7" t="s">
        <v>10</v>
      </c>
      <c r="B555" s="8"/>
      <c r="C555" s="8" t="s">
        <v>53</v>
      </c>
      <c r="D555" t="s">
        <v>80</v>
      </c>
      <c r="E555" s="8" t="s">
        <v>24</v>
      </c>
      <c r="F555" t="s">
        <v>52</v>
      </c>
      <c r="G555" t="s">
        <v>78</v>
      </c>
      <c r="H555" t="s">
        <v>81</v>
      </c>
      <c r="I555" s="11">
        <v>2026</v>
      </c>
      <c r="J555" s="12" t="s">
        <v>48</v>
      </c>
      <c r="K555" s="14">
        <v>10</v>
      </c>
      <c r="L555" s="14">
        <v>10</v>
      </c>
      <c r="M555" s="14">
        <v>0</v>
      </c>
      <c r="N555">
        <v>0</v>
      </c>
    </row>
    <row r="556" spans="1:14" hidden="1">
      <c r="A556" s="7" t="s">
        <v>10</v>
      </c>
      <c r="B556" s="8"/>
      <c r="C556" s="8" t="s">
        <v>53</v>
      </c>
      <c r="D556" t="s">
        <v>80</v>
      </c>
      <c r="E556" s="8" t="s">
        <v>24</v>
      </c>
      <c r="F556" t="s">
        <v>52</v>
      </c>
      <c r="G556" t="s">
        <v>78</v>
      </c>
      <c r="H556" t="s">
        <v>81</v>
      </c>
      <c r="I556" s="8">
        <v>2026</v>
      </c>
      <c r="J556" s="15" t="s">
        <v>14</v>
      </c>
      <c r="K556">
        <v>4000</v>
      </c>
      <c r="L556">
        <v>2700</v>
      </c>
      <c r="M556">
        <v>3000</v>
      </c>
      <c r="N556">
        <v>0</v>
      </c>
    </row>
    <row r="557" spans="1:14" hidden="1">
      <c r="A557" s="7" t="s">
        <v>10</v>
      </c>
      <c r="B557" s="8"/>
      <c r="C557" s="8" t="s">
        <v>53</v>
      </c>
      <c r="D557" t="s">
        <v>80</v>
      </c>
      <c r="E557" s="8" t="s">
        <v>24</v>
      </c>
      <c r="F557" t="s">
        <v>52</v>
      </c>
      <c r="G557" t="s">
        <v>78</v>
      </c>
      <c r="H557" t="s">
        <v>81</v>
      </c>
      <c r="I557" s="11">
        <v>2026</v>
      </c>
      <c r="J557" s="12" t="s">
        <v>49</v>
      </c>
      <c r="K557" s="14">
        <v>0</v>
      </c>
      <c r="L557" s="14">
        <v>0</v>
      </c>
      <c r="M557" s="14">
        <v>0</v>
      </c>
      <c r="N557">
        <v>0</v>
      </c>
    </row>
    <row r="558" spans="1:14" hidden="1">
      <c r="A558" s="7" t="s">
        <v>10</v>
      </c>
      <c r="B558" s="8"/>
      <c r="C558" s="8" t="s">
        <v>53</v>
      </c>
      <c r="D558" t="s">
        <v>80</v>
      </c>
      <c r="E558" s="8" t="s">
        <v>24</v>
      </c>
      <c r="F558" t="s">
        <v>52</v>
      </c>
      <c r="G558" t="s">
        <v>79</v>
      </c>
      <c r="H558" t="s">
        <v>81</v>
      </c>
      <c r="I558" s="8">
        <v>2026</v>
      </c>
      <c r="J558" s="15" t="s">
        <v>15</v>
      </c>
      <c r="K558">
        <v>0</v>
      </c>
      <c r="L558">
        <v>0</v>
      </c>
      <c r="M558">
        <v>0</v>
      </c>
      <c r="N558">
        <v>0</v>
      </c>
    </row>
    <row r="559" spans="1:14" hidden="1">
      <c r="A559" s="7" t="s">
        <v>10</v>
      </c>
      <c r="B559" s="8"/>
      <c r="C559" s="8" t="s">
        <v>53</v>
      </c>
      <c r="D559" t="s">
        <v>80</v>
      </c>
      <c r="E559" s="8" t="s">
        <v>24</v>
      </c>
      <c r="F559" t="s">
        <v>52</v>
      </c>
      <c r="G559" t="s">
        <v>79</v>
      </c>
      <c r="H559" t="s">
        <v>81</v>
      </c>
      <c r="I559" s="11">
        <v>2026</v>
      </c>
      <c r="J559" s="12" t="s">
        <v>50</v>
      </c>
      <c r="K559" s="14">
        <v>0</v>
      </c>
      <c r="L559" s="14">
        <v>0</v>
      </c>
      <c r="M559" s="14">
        <v>0</v>
      </c>
      <c r="N559">
        <v>0</v>
      </c>
    </row>
    <row r="560" spans="1:14" hidden="1">
      <c r="A560" s="7" t="s">
        <v>10</v>
      </c>
      <c r="B560" s="8"/>
      <c r="C560" s="8" t="s">
        <v>53</v>
      </c>
      <c r="D560" t="s">
        <v>80</v>
      </c>
      <c r="E560" s="8" t="s">
        <v>24</v>
      </c>
      <c r="F560" t="s">
        <v>52</v>
      </c>
      <c r="G560" t="s">
        <v>19</v>
      </c>
      <c r="H560" t="s">
        <v>81</v>
      </c>
      <c r="I560" s="8">
        <v>2026</v>
      </c>
      <c r="J560" s="15" t="s">
        <v>19</v>
      </c>
      <c r="K560">
        <v>24</v>
      </c>
      <c r="L560">
        <v>24</v>
      </c>
      <c r="M560">
        <v>0</v>
      </c>
      <c r="N560">
        <v>0</v>
      </c>
    </row>
    <row r="561" spans="1:14" hidden="1">
      <c r="A561" s="7" t="s">
        <v>10</v>
      </c>
      <c r="B561" s="8"/>
      <c r="C561" s="8" t="s">
        <v>53</v>
      </c>
      <c r="D561" t="s">
        <v>80</v>
      </c>
      <c r="E561" s="8" t="s">
        <v>24</v>
      </c>
      <c r="F561" t="s">
        <v>52</v>
      </c>
      <c r="G561" t="s">
        <v>78</v>
      </c>
      <c r="H561" t="s">
        <v>81</v>
      </c>
      <c r="I561" s="11">
        <v>2026</v>
      </c>
      <c r="J561" s="12" t="s">
        <v>21</v>
      </c>
      <c r="K561" s="14">
        <v>0</v>
      </c>
      <c r="L561" s="14">
        <v>0</v>
      </c>
      <c r="M561" s="14">
        <v>0</v>
      </c>
      <c r="N561">
        <v>0</v>
      </c>
    </row>
    <row r="562" spans="1:14" hidden="1">
      <c r="A562" s="7" t="s">
        <v>10</v>
      </c>
      <c r="B562" s="8"/>
      <c r="C562" s="8" t="s">
        <v>53</v>
      </c>
      <c r="D562" t="s">
        <v>80</v>
      </c>
      <c r="E562" s="8" t="s">
        <v>24</v>
      </c>
      <c r="F562" t="s">
        <v>52</v>
      </c>
      <c r="G562" t="s">
        <v>78</v>
      </c>
      <c r="H562" t="s">
        <v>81</v>
      </c>
      <c r="I562" s="8">
        <v>2026</v>
      </c>
      <c r="J562" s="15" t="s">
        <v>51</v>
      </c>
      <c r="K562">
        <v>0</v>
      </c>
      <c r="L562">
        <v>0</v>
      </c>
      <c r="M562">
        <v>0</v>
      </c>
      <c r="N562">
        <v>0</v>
      </c>
    </row>
    <row r="563" spans="1:14" hidden="1">
      <c r="A563" s="7" t="s">
        <v>10</v>
      </c>
      <c r="B563" s="8"/>
      <c r="C563" s="8" t="s">
        <v>53</v>
      </c>
      <c r="D563" t="s">
        <v>80</v>
      </c>
      <c r="E563" s="8" t="s">
        <v>24</v>
      </c>
      <c r="F563" t="s">
        <v>52</v>
      </c>
      <c r="G563" t="s">
        <v>78</v>
      </c>
      <c r="H563" t="s">
        <v>81</v>
      </c>
      <c r="I563" s="11">
        <v>2027</v>
      </c>
      <c r="J563" s="12" t="s">
        <v>47</v>
      </c>
      <c r="K563" s="14">
        <v>0</v>
      </c>
      <c r="L563" s="14">
        <v>0</v>
      </c>
      <c r="M563" s="14">
        <v>0</v>
      </c>
      <c r="N563">
        <v>0</v>
      </c>
    </row>
    <row r="564" spans="1:14" hidden="1">
      <c r="A564" s="7" t="s">
        <v>10</v>
      </c>
      <c r="B564" s="8"/>
      <c r="C564" s="8" t="s">
        <v>53</v>
      </c>
      <c r="D564" t="s">
        <v>80</v>
      </c>
      <c r="E564" s="8" t="s">
        <v>24</v>
      </c>
      <c r="F564" t="s">
        <v>52</v>
      </c>
      <c r="G564" t="s">
        <v>78</v>
      </c>
      <c r="H564" t="s">
        <v>81</v>
      </c>
      <c r="I564" s="8">
        <v>2027</v>
      </c>
      <c r="J564" s="15" t="s">
        <v>48</v>
      </c>
      <c r="K564">
        <v>10</v>
      </c>
      <c r="L564">
        <v>10</v>
      </c>
      <c r="M564">
        <v>0</v>
      </c>
      <c r="N564">
        <v>0</v>
      </c>
    </row>
    <row r="565" spans="1:14" hidden="1">
      <c r="A565" s="7" t="s">
        <v>10</v>
      </c>
      <c r="B565" s="8"/>
      <c r="C565" s="8" t="s">
        <v>53</v>
      </c>
      <c r="D565" t="s">
        <v>80</v>
      </c>
      <c r="E565" s="8" t="s">
        <v>24</v>
      </c>
      <c r="F565" t="s">
        <v>52</v>
      </c>
      <c r="G565" t="s">
        <v>78</v>
      </c>
      <c r="H565" t="s">
        <v>81</v>
      </c>
      <c r="I565" s="11">
        <v>2027</v>
      </c>
      <c r="J565" s="12" t="s">
        <v>14</v>
      </c>
      <c r="K565" s="14">
        <v>4000</v>
      </c>
      <c r="L565" s="14">
        <v>2700</v>
      </c>
      <c r="M565" s="14">
        <v>3000</v>
      </c>
      <c r="N565">
        <v>0</v>
      </c>
    </row>
    <row r="566" spans="1:14" hidden="1">
      <c r="A566" s="7" t="s">
        <v>10</v>
      </c>
      <c r="B566" s="8"/>
      <c r="C566" s="8" t="s">
        <v>53</v>
      </c>
      <c r="D566" t="s">
        <v>80</v>
      </c>
      <c r="E566" s="8" t="s">
        <v>24</v>
      </c>
      <c r="F566" t="s">
        <v>52</v>
      </c>
      <c r="G566" t="s">
        <v>78</v>
      </c>
      <c r="H566" t="s">
        <v>81</v>
      </c>
      <c r="I566" s="8">
        <v>2027</v>
      </c>
      <c r="J566" s="15" t="s">
        <v>49</v>
      </c>
      <c r="K566">
        <v>0</v>
      </c>
      <c r="L566">
        <v>0</v>
      </c>
      <c r="M566">
        <v>0</v>
      </c>
      <c r="N566">
        <v>0</v>
      </c>
    </row>
    <row r="567" spans="1:14" hidden="1">
      <c r="A567" s="7" t="s">
        <v>10</v>
      </c>
      <c r="B567" s="8"/>
      <c r="C567" s="8" t="s">
        <v>53</v>
      </c>
      <c r="D567" t="s">
        <v>80</v>
      </c>
      <c r="E567" s="8" t="s">
        <v>24</v>
      </c>
      <c r="F567" t="s">
        <v>52</v>
      </c>
      <c r="G567" t="s">
        <v>79</v>
      </c>
      <c r="H567" t="s">
        <v>81</v>
      </c>
      <c r="I567" s="11">
        <v>2027</v>
      </c>
      <c r="J567" s="12" t="s">
        <v>15</v>
      </c>
      <c r="K567" s="14">
        <v>0</v>
      </c>
      <c r="L567" s="14">
        <v>0</v>
      </c>
      <c r="M567" s="14">
        <v>0</v>
      </c>
      <c r="N567">
        <v>0</v>
      </c>
    </row>
    <row r="568" spans="1:14" hidden="1">
      <c r="A568" s="7" t="s">
        <v>10</v>
      </c>
      <c r="B568" s="8"/>
      <c r="C568" s="8" t="s">
        <v>53</v>
      </c>
      <c r="D568" t="s">
        <v>80</v>
      </c>
      <c r="E568" s="8" t="s">
        <v>24</v>
      </c>
      <c r="F568" t="s">
        <v>52</v>
      </c>
      <c r="G568" t="s">
        <v>79</v>
      </c>
      <c r="H568" t="s">
        <v>81</v>
      </c>
      <c r="I568" s="8">
        <v>2027</v>
      </c>
      <c r="J568" s="15" t="s">
        <v>50</v>
      </c>
      <c r="K568">
        <v>0</v>
      </c>
      <c r="L568">
        <v>0</v>
      </c>
      <c r="M568">
        <v>0</v>
      </c>
      <c r="N568">
        <v>0</v>
      </c>
    </row>
    <row r="569" spans="1:14" hidden="1">
      <c r="A569" s="7" t="s">
        <v>10</v>
      </c>
      <c r="B569" s="8"/>
      <c r="C569" s="8" t="s">
        <v>53</v>
      </c>
      <c r="D569" t="s">
        <v>80</v>
      </c>
      <c r="E569" s="8" t="s">
        <v>24</v>
      </c>
      <c r="F569" t="s">
        <v>52</v>
      </c>
      <c r="G569" t="s">
        <v>19</v>
      </c>
      <c r="H569" t="s">
        <v>81</v>
      </c>
      <c r="I569" s="11">
        <v>2027</v>
      </c>
      <c r="J569" s="12" t="s">
        <v>19</v>
      </c>
      <c r="K569" s="14">
        <v>24</v>
      </c>
      <c r="L569" s="14">
        <v>24</v>
      </c>
      <c r="M569" s="14">
        <v>0</v>
      </c>
      <c r="N569">
        <v>0</v>
      </c>
    </row>
    <row r="570" spans="1:14" hidden="1">
      <c r="A570" s="7" t="s">
        <v>10</v>
      </c>
      <c r="B570" s="8"/>
      <c r="C570" s="8" t="s">
        <v>53</v>
      </c>
      <c r="D570" t="s">
        <v>80</v>
      </c>
      <c r="E570" s="8" t="s">
        <v>24</v>
      </c>
      <c r="F570" t="s">
        <v>52</v>
      </c>
      <c r="G570" t="s">
        <v>78</v>
      </c>
      <c r="H570" t="s">
        <v>81</v>
      </c>
      <c r="I570" s="8">
        <v>2027</v>
      </c>
      <c r="J570" s="15" t="s">
        <v>21</v>
      </c>
      <c r="K570">
        <v>0</v>
      </c>
      <c r="L570">
        <v>0</v>
      </c>
      <c r="M570">
        <v>0</v>
      </c>
      <c r="N570">
        <v>0</v>
      </c>
    </row>
    <row r="571" spans="1:14" hidden="1">
      <c r="A571" s="7" t="s">
        <v>10</v>
      </c>
      <c r="B571" s="8"/>
      <c r="C571" s="8" t="s">
        <v>53</v>
      </c>
      <c r="D571" t="s">
        <v>80</v>
      </c>
      <c r="E571" s="8" t="s">
        <v>24</v>
      </c>
      <c r="F571" t="s">
        <v>52</v>
      </c>
      <c r="G571" t="s">
        <v>78</v>
      </c>
      <c r="H571" t="s">
        <v>81</v>
      </c>
      <c r="I571" s="11">
        <v>2027</v>
      </c>
      <c r="J571" s="12" t="s">
        <v>51</v>
      </c>
      <c r="K571" s="14">
        <v>0</v>
      </c>
      <c r="L571" s="14">
        <v>0</v>
      </c>
      <c r="M571" s="14">
        <v>0</v>
      </c>
      <c r="N571">
        <v>0</v>
      </c>
    </row>
    <row r="572" spans="1:14" hidden="1">
      <c r="A572" s="7" t="s">
        <v>10</v>
      </c>
      <c r="B572" s="8"/>
      <c r="C572" s="8" t="s">
        <v>53</v>
      </c>
      <c r="D572" t="s">
        <v>80</v>
      </c>
      <c r="E572" s="8" t="s">
        <v>24</v>
      </c>
      <c r="F572" t="s">
        <v>52</v>
      </c>
      <c r="G572" t="s">
        <v>78</v>
      </c>
      <c r="H572" t="s">
        <v>81</v>
      </c>
      <c r="I572" s="8">
        <v>2028</v>
      </c>
      <c r="J572" s="15" t="s">
        <v>47</v>
      </c>
      <c r="K572">
        <v>0</v>
      </c>
      <c r="L572">
        <v>0</v>
      </c>
      <c r="M572">
        <v>0</v>
      </c>
      <c r="N572">
        <v>0</v>
      </c>
    </row>
    <row r="573" spans="1:14" hidden="1">
      <c r="A573" s="7" t="s">
        <v>10</v>
      </c>
      <c r="B573" s="8"/>
      <c r="C573" s="8" t="s">
        <v>53</v>
      </c>
      <c r="D573" t="s">
        <v>80</v>
      </c>
      <c r="E573" s="8" t="s">
        <v>24</v>
      </c>
      <c r="F573" t="s">
        <v>52</v>
      </c>
      <c r="G573" t="s">
        <v>78</v>
      </c>
      <c r="H573" t="s">
        <v>81</v>
      </c>
      <c r="I573" s="11">
        <v>2028</v>
      </c>
      <c r="J573" s="12" t="s">
        <v>48</v>
      </c>
      <c r="K573" s="14">
        <v>10</v>
      </c>
      <c r="L573" s="14">
        <v>10</v>
      </c>
      <c r="M573" s="14">
        <v>0</v>
      </c>
      <c r="N573">
        <v>0</v>
      </c>
    </row>
    <row r="574" spans="1:14" hidden="1">
      <c r="A574" s="7" t="s">
        <v>10</v>
      </c>
      <c r="B574" s="8"/>
      <c r="C574" s="8" t="s">
        <v>53</v>
      </c>
      <c r="D574" t="s">
        <v>80</v>
      </c>
      <c r="E574" s="8" t="s">
        <v>24</v>
      </c>
      <c r="F574" t="s">
        <v>52</v>
      </c>
      <c r="G574" t="s">
        <v>78</v>
      </c>
      <c r="H574" t="s">
        <v>81</v>
      </c>
      <c r="I574" s="8">
        <v>2028</v>
      </c>
      <c r="J574" s="15" t="s">
        <v>14</v>
      </c>
      <c r="K574">
        <v>4000</v>
      </c>
      <c r="L574">
        <v>2700</v>
      </c>
      <c r="M574">
        <v>3000</v>
      </c>
      <c r="N574">
        <v>0</v>
      </c>
    </row>
    <row r="575" spans="1:14" hidden="1">
      <c r="A575" s="7" t="s">
        <v>10</v>
      </c>
      <c r="B575" s="8"/>
      <c r="C575" s="8" t="s">
        <v>53</v>
      </c>
      <c r="D575" t="s">
        <v>80</v>
      </c>
      <c r="E575" s="8" t="s">
        <v>24</v>
      </c>
      <c r="F575" t="s">
        <v>52</v>
      </c>
      <c r="G575" t="s">
        <v>78</v>
      </c>
      <c r="H575" t="s">
        <v>81</v>
      </c>
      <c r="I575" s="11">
        <v>2028</v>
      </c>
      <c r="J575" s="12" t="s">
        <v>49</v>
      </c>
      <c r="K575" s="14">
        <v>0</v>
      </c>
      <c r="L575" s="14">
        <v>0</v>
      </c>
      <c r="M575" s="14">
        <v>0</v>
      </c>
      <c r="N575">
        <v>0</v>
      </c>
    </row>
    <row r="576" spans="1:14" hidden="1">
      <c r="A576" s="7" t="s">
        <v>10</v>
      </c>
      <c r="B576" s="8"/>
      <c r="C576" s="8" t="s">
        <v>53</v>
      </c>
      <c r="D576" t="s">
        <v>80</v>
      </c>
      <c r="E576" s="8" t="s">
        <v>24</v>
      </c>
      <c r="F576" t="s">
        <v>52</v>
      </c>
      <c r="G576" t="s">
        <v>79</v>
      </c>
      <c r="H576" t="s">
        <v>81</v>
      </c>
      <c r="I576" s="8">
        <v>2028</v>
      </c>
      <c r="J576" s="15" t="s">
        <v>15</v>
      </c>
      <c r="K576">
        <v>0</v>
      </c>
      <c r="L576">
        <v>0</v>
      </c>
      <c r="M576">
        <v>0</v>
      </c>
      <c r="N576">
        <v>0</v>
      </c>
    </row>
    <row r="577" spans="1:14" hidden="1">
      <c r="A577" s="7" t="s">
        <v>10</v>
      </c>
      <c r="B577" s="8"/>
      <c r="C577" s="8" t="s">
        <v>53</v>
      </c>
      <c r="D577" t="s">
        <v>80</v>
      </c>
      <c r="E577" s="8" t="s">
        <v>24</v>
      </c>
      <c r="F577" t="s">
        <v>52</v>
      </c>
      <c r="G577" t="s">
        <v>79</v>
      </c>
      <c r="H577" t="s">
        <v>81</v>
      </c>
      <c r="I577" s="11">
        <v>2028</v>
      </c>
      <c r="J577" s="12" t="s">
        <v>50</v>
      </c>
      <c r="K577" s="14">
        <v>0</v>
      </c>
      <c r="L577" s="14">
        <v>0</v>
      </c>
      <c r="M577" s="14">
        <v>0</v>
      </c>
      <c r="N577">
        <v>0</v>
      </c>
    </row>
    <row r="578" spans="1:14" hidden="1">
      <c r="A578" s="7" t="s">
        <v>10</v>
      </c>
      <c r="B578" s="8"/>
      <c r="C578" s="8" t="s">
        <v>53</v>
      </c>
      <c r="D578" t="s">
        <v>80</v>
      </c>
      <c r="E578" s="8" t="s">
        <v>24</v>
      </c>
      <c r="F578" t="s">
        <v>52</v>
      </c>
      <c r="G578" t="s">
        <v>19</v>
      </c>
      <c r="H578" t="s">
        <v>81</v>
      </c>
      <c r="I578" s="8">
        <v>2028</v>
      </c>
      <c r="J578" s="15" t="s">
        <v>19</v>
      </c>
      <c r="K578">
        <v>24</v>
      </c>
      <c r="L578">
        <v>24</v>
      </c>
      <c r="M578">
        <v>0</v>
      </c>
      <c r="N578">
        <v>0</v>
      </c>
    </row>
    <row r="579" spans="1:14" hidden="1">
      <c r="A579" s="7" t="s">
        <v>10</v>
      </c>
      <c r="B579" s="8"/>
      <c r="C579" s="8" t="s">
        <v>53</v>
      </c>
      <c r="D579" t="s">
        <v>80</v>
      </c>
      <c r="E579" s="8" t="s">
        <v>24</v>
      </c>
      <c r="F579" t="s">
        <v>52</v>
      </c>
      <c r="G579" t="s">
        <v>78</v>
      </c>
      <c r="H579" t="s">
        <v>81</v>
      </c>
      <c r="I579" s="11">
        <v>2028</v>
      </c>
      <c r="J579" s="12" t="s">
        <v>21</v>
      </c>
      <c r="K579" s="14">
        <v>0</v>
      </c>
      <c r="L579" s="14">
        <v>0</v>
      </c>
      <c r="M579" s="14">
        <v>0</v>
      </c>
      <c r="N579">
        <v>0</v>
      </c>
    </row>
    <row r="580" spans="1:14" hidden="1">
      <c r="A580" s="7" t="s">
        <v>10</v>
      </c>
      <c r="B580" s="8"/>
      <c r="C580" s="8" t="s">
        <v>53</v>
      </c>
      <c r="D580" t="s">
        <v>80</v>
      </c>
      <c r="E580" s="8" t="s">
        <v>24</v>
      </c>
      <c r="F580" t="s">
        <v>52</v>
      </c>
      <c r="G580" t="s">
        <v>78</v>
      </c>
      <c r="H580" t="s">
        <v>81</v>
      </c>
      <c r="I580" s="8">
        <v>2028</v>
      </c>
      <c r="J580" s="15" t="s">
        <v>51</v>
      </c>
      <c r="K580">
        <v>0</v>
      </c>
      <c r="L580">
        <v>0</v>
      </c>
      <c r="M580">
        <v>0</v>
      </c>
      <c r="N580">
        <v>0</v>
      </c>
    </row>
    <row r="581" spans="1:14" hidden="1">
      <c r="A581" s="7" t="s">
        <v>10</v>
      </c>
      <c r="B581" s="8"/>
      <c r="C581" s="8" t="s">
        <v>53</v>
      </c>
      <c r="D581" t="s">
        <v>80</v>
      </c>
      <c r="E581" s="8" t="s">
        <v>24</v>
      </c>
      <c r="F581" t="s">
        <v>52</v>
      </c>
      <c r="G581" t="s">
        <v>78</v>
      </c>
      <c r="H581" t="s">
        <v>81</v>
      </c>
      <c r="I581" s="11">
        <v>2029</v>
      </c>
      <c r="J581" s="12" t="s">
        <v>47</v>
      </c>
      <c r="K581" s="14">
        <v>0</v>
      </c>
      <c r="L581" s="14">
        <v>0</v>
      </c>
      <c r="M581" s="14">
        <v>0</v>
      </c>
      <c r="N581">
        <v>0</v>
      </c>
    </row>
    <row r="582" spans="1:14" hidden="1">
      <c r="A582" s="7" t="s">
        <v>10</v>
      </c>
      <c r="B582" s="8"/>
      <c r="C582" s="8" t="s">
        <v>53</v>
      </c>
      <c r="D582" t="s">
        <v>80</v>
      </c>
      <c r="E582" s="8" t="s">
        <v>24</v>
      </c>
      <c r="F582" t="s">
        <v>52</v>
      </c>
      <c r="G582" t="s">
        <v>78</v>
      </c>
      <c r="H582" t="s">
        <v>81</v>
      </c>
      <c r="I582" s="8">
        <v>2029</v>
      </c>
      <c r="J582" s="15" t="s">
        <v>48</v>
      </c>
      <c r="K582">
        <v>10</v>
      </c>
      <c r="L582">
        <v>10</v>
      </c>
      <c r="M582">
        <v>0</v>
      </c>
      <c r="N582">
        <v>0</v>
      </c>
    </row>
    <row r="583" spans="1:14" hidden="1">
      <c r="A583" s="7" t="s">
        <v>10</v>
      </c>
      <c r="B583" s="8"/>
      <c r="C583" s="8" t="s">
        <v>53</v>
      </c>
      <c r="D583" t="s">
        <v>80</v>
      </c>
      <c r="E583" s="8" t="s">
        <v>24</v>
      </c>
      <c r="F583" t="s">
        <v>52</v>
      </c>
      <c r="G583" t="s">
        <v>78</v>
      </c>
      <c r="H583" t="s">
        <v>81</v>
      </c>
      <c r="I583" s="11">
        <v>2029</v>
      </c>
      <c r="J583" s="12" t="s">
        <v>14</v>
      </c>
      <c r="K583" s="14">
        <v>4000</v>
      </c>
      <c r="L583" s="14">
        <v>2700</v>
      </c>
      <c r="M583" s="14">
        <v>3000</v>
      </c>
      <c r="N583">
        <v>0</v>
      </c>
    </row>
    <row r="584" spans="1:14" hidden="1">
      <c r="A584" s="7" t="s">
        <v>10</v>
      </c>
      <c r="B584" s="8"/>
      <c r="C584" s="8" t="s">
        <v>53</v>
      </c>
      <c r="D584" t="s">
        <v>80</v>
      </c>
      <c r="E584" s="8" t="s">
        <v>24</v>
      </c>
      <c r="F584" t="s">
        <v>52</v>
      </c>
      <c r="G584" t="s">
        <v>78</v>
      </c>
      <c r="H584" t="s">
        <v>81</v>
      </c>
      <c r="I584" s="8">
        <v>2029</v>
      </c>
      <c r="J584" s="15" t="s">
        <v>49</v>
      </c>
      <c r="K584">
        <v>0</v>
      </c>
      <c r="L584">
        <v>0</v>
      </c>
      <c r="M584">
        <v>0</v>
      </c>
      <c r="N584">
        <v>0</v>
      </c>
    </row>
    <row r="585" spans="1:14" hidden="1">
      <c r="A585" s="7" t="s">
        <v>10</v>
      </c>
      <c r="B585" s="8"/>
      <c r="C585" s="8" t="s">
        <v>53</v>
      </c>
      <c r="D585" t="s">
        <v>80</v>
      </c>
      <c r="E585" s="8" t="s">
        <v>24</v>
      </c>
      <c r="F585" t="s">
        <v>52</v>
      </c>
      <c r="G585" t="s">
        <v>79</v>
      </c>
      <c r="H585" t="s">
        <v>81</v>
      </c>
      <c r="I585" s="11">
        <v>2029</v>
      </c>
      <c r="J585" s="12" t="s">
        <v>15</v>
      </c>
      <c r="K585" s="14">
        <v>0</v>
      </c>
      <c r="L585" s="14">
        <v>0</v>
      </c>
      <c r="M585" s="14">
        <v>0</v>
      </c>
      <c r="N585">
        <v>0</v>
      </c>
    </row>
    <row r="586" spans="1:14" hidden="1">
      <c r="A586" s="7" t="s">
        <v>10</v>
      </c>
      <c r="B586" s="8"/>
      <c r="C586" s="8" t="s">
        <v>53</v>
      </c>
      <c r="D586" t="s">
        <v>80</v>
      </c>
      <c r="E586" s="8" t="s">
        <v>24</v>
      </c>
      <c r="F586" t="s">
        <v>52</v>
      </c>
      <c r="G586" t="s">
        <v>79</v>
      </c>
      <c r="H586" t="s">
        <v>81</v>
      </c>
      <c r="I586" s="8">
        <v>2029</v>
      </c>
      <c r="J586" s="15" t="s">
        <v>50</v>
      </c>
      <c r="K586">
        <v>0</v>
      </c>
      <c r="L586">
        <v>0</v>
      </c>
      <c r="M586">
        <v>0</v>
      </c>
      <c r="N586">
        <v>0</v>
      </c>
    </row>
    <row r="587" spans="1:14" hidden="1">
      <c r="A587" s="7" t="s">
        <v>10</v>
      </c>
      <c r="B587" s="8"/>
      <c r="C587" s="8" t="s">
        <v>53</v>
      </c>
      <c r="D587" t="s">
        <v>80</v>
      </c>
      <c r="E587" s="8" t="s">
        <v>24</v>
      </c>
      <c r="F587" t="s">
        <v>52</v>
      </c>
      <c r="G587" t="s">
        <v>19</v>
      </c>
      <c r="H587" t="s">
        <v>81</v>
      </c>
      <c r="I587" s="11">
        <v>2029</v>
      </c>
      <c r="J587" s="12" t="s">
        <v>19</v>
      </c>
      <c r="K587" s="14">
        <v>24</v>
      </c>
      <c r="L587" s="14">
        <v>24</v>
      </c>
      <c r="M587" s="14">
        <v>0</v>
      </c>
      <c r="N587">
        <v>0</v>
      </c>
    </row>
    <row r="588" spans="1:14" hidden="1">
      <c r="A588" s="7" t="s">
        <v>10</v>
      </c>
      <c r="B588" s="8"/>
      <c r="C588" s="8" t="s">
        <v>53</v>
      </c>
      <c r="D588" t="s">
        <v>80</v>
      </c>
      <c r="E588" s="8" t="s">
        <v>24</v>
      </c>
      <c r="F588" t="s">
        <v>52</v>
      </c>
      <c r="G588" t="s">
        <v>78</v>
      </c>
      <c r="H588" t="s">
        <v>81</v>
      </c>
      <c r="I588" s="8">
        <v>2029</v>
      </c>
      <c r="J588" s="15" t="s">
        <v>21</v>
      </c>
      <c r="K588">
        <v>0</v>
      </c>
      <c r="L588">
        <v>0</v>
      </c>
      <c r="M588">
        <v>0</v>
      </c>
      <c r="N588">
        <v>0</v>
      </c>
    </row>
    <row r="589" spans="1:14" hidden="1">
      <c r="A589" s="7" t="s">
        <v>10</v>
      </c>
      <c r="B589" s="8"/>
      <c r="C589" s="8" t="s">
        <v>53</v>
      </c>
      <c r="D589" t="s">
        <v>80</v>
      </c>
      <c r="E589" s="8" t="s">
        <v>24</v>
      </c>
      <c r="F589" t="s">
        <v>52</v>
      </c>
      <c r="G589" t="s">
        <v>78</v>
      </c>
      <c r="H589" t="s">
        <v>81</v>
      </c>
      <c r="I589" s="11">
        <v>2029</v>
      </c>
      <c r="J589" s="12" t="s">
        <v>51</v>
      </c>
      <c r="K589" s="14">
        <v>0</v>
      </c>
      <c r="L589" s="14">
        <v>0</v>
      </c>
      <c r="M589" s="14">
        <v>0</v>
      </c>
      <c r="N589">
        <v>0</v>
      </c>
    </row>
    <row r="590" spans="1:14" hidden="1">
      <c r="A590" s="7" t="s">
        <v>10</v>
      </c>
      <c r="B590" s="8"/>
      <c r="C590" s="8" t="s">
        <v>53</v>
      </c>
      <c r="D590" t="s">
        <v>80</v>
      </c>
      <c r="E590" s="8" t="s">
        <v>24</v>
      </c>
      <c r="F590" t="s">
        <v>52</v>
      </c>
      <c r="G590" t="s">
        <v>78</v>
      </c>
      <c r="H590" t="s">
        <v>81</v>
      </c>
      <c r="I590" s="8">
        <v>2030</v>
      </c>
      <c r="J590" s="15" t="s">
        <v>47</v>
      </c>
      <c r="K590">
        <v>0</v>
      </c>
      <c r="L590">
        <v>0</v>
      </c>
      <c r="M590">
        <v>0</v>
      </c>
      <c r="N590">
        <v>0</v>
      </c>
    </row>
    <row r="591" spans="1:14" hidden="1">
      <c r="A591" s="7" t="s">
        <v>10</v>
      </c>
      <c r="B591" s="8"/>
      <c r="C591" s="8" t="s">
        <v>53</v>
      </c>
      <c r="D591" t="s">
        <v>80</v>
      </c>
      <c r="E591" s="8" t="s">
        <v>24</v>
      </c>
      <c r="F591" t="s">
        <v>52</v>
      </c>
      <c r="G591" t="s">
        <v>78</v>
      </c>
      <c r="H591" t="s">
        <v>81</v>
      </c>
      <c r="I591" s="11">
        <v>2030</v>
      </c>
      <c r="J591" s="12" t="s">
        <v>48</v>
      </c>
      <c r="K591" s="14">
        <v>10</v>
      </c>
      <c r="L591" s="14">
        <v>10</v>
      </c>
      <c r="M591" s="14">
        <v>0</v>
      </c>
      <c r="N591">
        <v>0</v>
      </c>
    </row>
    <row r="592" spans="1:14" hidden="1">
      <c r="A592" s="7" t="s">
        <v>10</v>
      </c>
      <c r="B592" s="8"/>
      <c r="C592" s="8" t="s">
        <v>53</v>
      </c>
      <c r="D592" t="s">
        <v>80</v>
      </c>
      <c r="E592" s="8" t="s">
        <v>24</v>
      </c>
      <c r="F592" t="s">
        <v>52</v>
      </c>
      <c r="G592" t="s">
        <v>78</v>
      </c>
      <c r="H592" t="s">
        <v>81</v>
      </c>
      <c r="I592" s="8">
        <v>2030</v>
      </c>
      <c r="J592" s="15" t="s">
        <v>14</v>
      </c>
      <c r="K592">
        <v>4000</v>
      </c>
      <c r="L592">
        <v>2700</v>
      </c>
      <c r="M592">
        <v>3000</v>
      </c>
      <c r="N592">
        <v>0</v>
      </c>
    </row>
    <row r="593" spans="1:14" hidden="1">
      <c r="A593" s="7" t="s">
        <v>10</v>
      </c>
      <c r="B593" s="8"/>
      <c r="C593" s="8" t="s">
        <v>53</v>
      </c>
      <c r="D593" t="s">
        <v>80</v>
      </c>
      <c r="E593" s="8" t="s">
        <v>24</v>
      </c>
      <c r="F593" t="s">
        <v>52</v>
      </c>
      <c r="G593" t="s">
        <v>78</v>
      </c>
      <c r="H593" t="s">
        <v>81</v>
      </c>
      <c r="I593" s="11">
        <v>2030</v>
      </c>
      <c r="J593" s="12" t="s">
        <v>49</v>
      </c>
      <c r="K593" s="14">
        <v>0</v>
      </c>
      <c r="L593" s="14">
        <v>0</v>
      </c>
      <c r="M593" s="14">
        <v>0</v>
      </c>
      <c r="N593">
        <v>0</v>
      </c>
    </row>
    <row r="594" spans="1:14" hidden="1">
      <c r="A594" s="7" t="s">
        <v>10</v>
      </c>
      <c r="B594" s="8"/>
      <c r="C594" s="8" t="s">
        <v>53</v>
      </c>
      <c r="D594" t="s">
        <v>80</v>
      </c>
      <c r="E594" s="8" t="s">
        <v>24</v>
      </c>
      <c r="F594" t="s">
        <v>52</v>
      </c>
      <c r="G594" t="s">
        <v>79</v>
      </c>
      <c r="H594" t="s">
        <v>81</v>
      </c>
      <c r="I594" s="8">
        <v>2030</v>
      </c>
      <c r="J594" s="15" t="s">
        <v>15</v>
      </c>
      <c r="K594">
        <v>0</v>
      </c>
      <c r="L594">
        <v>0</v>
      </c>
      <c r="M594">
        <v>0</v>
      </c>
      <c r="N594">
        <v>0</v>
      </c>
    </row>
    <row r="595" spans="1:14" hidden="1">
      <c r="A595" s="7" t="s">
        <v>10</v>
      </c>
      <c r="B595" s="8"/>
      <c r="C595" s="8" t="s">
        <v>53</v>
      </c>
      <c r="D595" t="s">
        <v>80</v>
      </c>
      <c r="E595" s="8" t="s">
        <v>24</v>
      </c>
      <c r="F595" t="s">
        <v>52</v>
      </c>
      <c r="G595" t="s">
        <v>79</v>
      </c>
      <c r="H595" t="s">
        <v>81</v>
      </c>
      <c r="I595" s="11">
        <v>2030</v>
      </c>
      <c r="J595" s="12" t="s">
        <v>50</v>
      </c>
      <c r="K595" s="14">
        <v>0</v>
      </c>
      <c r="L595" s="14">
        <v>0</v>
      </c>
      <c r="M595" s="14">
        <v>0</v>
      </c>
      <c r="N595">
        <v>0</v>
      </c>
    </row>
    <row r="596" spans="1:14" hidden="1">
      <c r="A596" s="7" t="s">
        <v>10</v>
      </c>
      <c r="B596" s="8"/>
      <c r="C596" s="8" t="s">
        <v>53</v>
      </c>
      <c r="D596" t="s">
        <v>80</v>
      </c>
      <c r="E596" s="8" t="s">
        <v>24</v>
      </c>
      <c r="F596" t="s">
        <v>52</v>
      </c>
      <c r="G596" t="s">
        <v>19</v>
      </c>
      <c r="H596" t="s">
        <v>81</v>
      </c>
      <c r="I596" s="8">
        <v>2030</v>
      </c>
      <c r="J596" s="15" t="s">
        <v>19</v>
      </c>
      <c r="K596">
        <v>24</v>
      </c>
      <c r="L596">
        <v>24</v>
      </c>
      <c r="M596">
        <v>0</v>
      </c>
      <c r="N596">
        <v>0</v>
      </c>
    </row>
    <row r="597" spans="1:14" hidden="1">
      <c r="A597" s="7" t="s">
        <v>10</v>
      </c>
      <c r="B597" s="8"/>
      <c r="C597" s="8" t="s">
        <v>53</v>
      </c>
      <c r="D597" t="s">
        <v>80</v>
      </c>
      <c r="E597" s="8" t="s">
        <v>24</v>
      </c>
      <c r="F597" t="s">
        <v>52</v>
      </c>
      <c r="G597" t="s">
        <v>78</v>
      </c>
      <c r="H597" t="s">
        <v>81</v>
      </c>
      <c r="I597" s="11">
        <v>2030</v>
      </c>
      <c r="J597" s="12" t="s">
        <v>21</v>
      </c>
      <c r="K597" s="14">
        <v>0</v>
      </c>
      <c r="L597" s="14">
        <v>0</v>
      </c>
      <c r="M597" s="14">
        <v>0</v>
      </c>
      <c r="N597">
        <v>0</v>
      </c>
    </row>
    <row r="598" spans="1:14" hidden="1">
      <c r="A598" s="7" t="s">
        <v>10</v>
      </c>
      <c r="B598" s="8"/>
      <c r="C598" s="8" t="s">
        <v>53</v>
      </c>
      <c r="D598" t="s">
        <v>80</v>
      </c>
      <c r="E598" s="8" t="s">
        <v>24</v>
      </c>
      <c r="F598" t="s">
        <v>52</v>
      </c>
      <c r="G598" t="s">
        <v>78</v>
      </c>
      <c r="H598" t="s">
        <v>81</v>
      </c>
      <c r="I598" s="8">
        <v>2030</v>
      </c>
      <c r="J598" s="15" t="s">
        <v>51</v>
      </c>
      <c r="K598">
        <v>0</v>
      </c>
      <c r="L598">
        <v>0</v>
      </c>
      <c r="M598">
        <v>0</v>
      </c>
      <c r="N598">
        <v>0</v>
      </c>
    </row>
    <row r="599" spans="1:14" hidden="1">
      <c r="A599" s="7" t="s">
        <v>10</v>
      </c>
      <c r="B599" s="8"/>
      <c r="C599" s="8" t="s">
        <v>53</v>
      </c>
      <c r="D599" t="s">
        <v>80</v>
      </c>
      <c r="E599" s="8" t="s">
        <v>24</v>
      </c>
      <c r="F599" t="s">
        <v>52</v>
      </c>
      <c r="G599" t="s">
        <v>78</v>
      </c>
      <c r="H599" t="s">
        <v>81</v>
      </c>
      <c r="I599" s="11">
        <v>2031</v>
      </c>
      <c r="J599" s="12" t="s">
        <v>47</v>
      </c>
      <c r="K599" s="14">
        <v>0</v>
      </c>
      <c r="L599" s="14">
        <v>0</v>
      </c>
      <c r="M599" s="14">
        <v>0</v>
      </c>
      <c r="N599">
        <v>0</v>
      </c>
    </row>
    <row r="600" spans="1:14" hidden="1">
      <c r="A600" s="7" t="s">
        <v>10</v>
      </c>
      <c r="B600" s="8"/>
      <c r="C600" s="8" t="s">
        <v>53</v>
      </c>
      <c r="D600" t="s">
        <v>80</v>
      </c>
      <c r="E600" s="8" t="s">
        <v>24</v>
      </c>
      <c r="F600" t="s">
        <v>52</v>
      </c>
      <c r="G600" t="s">
        <v>78</v>
      </c>
      <c r="H600" t="s">
        <v>81</v>
      </c>
      <c r="I600" s="8">
        <v>2031</v>
      </c>
      <c r="J600" s="15" t="s">
        <v>48</v>
      </c>
      <c r="K600">
        <v>10</v>
      </c>
      <c r="L600">
        <v>10</v>
      </c>
      <c r="M600">
        <v>0</v>
      </c>
      <c r="N600">
        <v>0</v>
      </c>
    </row>
    <row r="601" spans="1:14" hidden="1">
      <c r="A601" s="7" t="s">
        <v>10</v>
      </c>
      <c r="B601" s="8"/>
      <c r="C601" s="8" t="s">
        <v>53</v>
      </c>
      <c r="D601" t="s">
        <v>80</v>
      </c>
      <c r="E601" s="8" t="s">
        <v>24</v>
      </c>
      <c r="F601" t="s">
        <v>52</v>
      </c>
      <c r="G601" t="s">
        <v>78</v>
      </c>
      <c r="H601" t="s">
        <v>81</v>
      </c>
      <c r="I601" s="11">
        <v>2031</v>
      </c>
      <c r="J601" s="12" t="s">
        <v>14</v>
      </c>
      <c r="K601" s="14">
        <v>4000</v>
      </c>
      <c r="L601" s="14">
        <v>2700</v>
      </c>
      <c r="M601" s="14">
        <v>3000</v>
      </c>
      <c r="N601">
        <v>0</v>
      </c>
    </row>
    <row r="602" spans="1:14" hidden="1">
      <c r="A602" s="7" t="s">
        <v>10</v>
      </c>
      <c r="B602" s="8"/>
      <c r="C602" s="8" t="s">
        <v>53</v>
      </c>
      <c r="D602" t="s">
        <v>80</v>
      </c>
      <c r="E602" s="8" t="s">
        <v>24</v>
      </c>
      <c r="F602" t="s">
        <v>52</v>
      </c>
      <c r="G602" t="s">
        <v>78</v>
      </c>
      <c r="H602" t="s">
        <v>81</v>
      </c>
      <c r="I602" s="8">
        <v>2031</v>
      </c>
      <c r="J602" s="15" t="s">
        <v>49</v>
      </c>
      <c r="K602">
        <v>0</v>
      </c>
      <c r="L602">
        <v>0</v>
      </c>
      <c r="M602">
        <v>0</v>
      </c>
      <c r="N602">
        <v>0</v>
      </c>
    </row>
    <row r="603" spans="1:14" hidden="1">
      <c r="A603" s="7" t="s">
        <v>10</v>
      </c>
      <c r="B603" s="8"/>
      <c r="C603" s="8" t="s">
        <v>53</v>
      </c>
      <c r="D603" t="s">
        <v>80</v>
      </c>
      <c r="E603" s="8" t="s">
        <v>24</v>
      </c>
      <c r="F603" t="s">
        <v>52</v>
      </c>
      <c r="G603" t="s">
        <v>79</v>
      </c>
      <c r="H603" t="s">
        <v>81</v>
      </c>
      <c r="I603" s="11">
        <v>2031</v>
      </c>
      <c r="J603" s="12" t="s">
        <v>15</v>
      </c>
      <c r="K603" s="14">
        <v>0</v>
      </c>
      <c r="L603" s="14">
        <v>0</v>
      </c>
      <c r="M603" s="14">
        <v>0</v>
      </c>
      <c r="N603">
        <v>0</v>
      </c>
    </row>
    <row r="604" spans="1:14" hidden="1">
      <c r="A604" s="7" t="s">
        <v>10</v>
      </c>
      <c r="B604" s="8"/>
      <c r="C604" s="8" t="s">
        <v>53</v>
      </c>
      <c r="D604" t="s">
        <v>80</v>
      </c>
      <c r="E604" s="8" t="s">
        <v>24</v>
      </c>
      <c r="F604" t="s">
        <v>52</v>
      </c>
      <c r="G604" t="s">
        <v>79</v>
      </c>
      <c r="H604" t="s">
        <v>81</v>
      </c>
      <c r="I604" s="8">
        <v>2031</v>
      </c>
      <c r="J604" s="15" t="s">
        <v>50</v>
      </c>
      <c r="K604">
        <v>0</v>
      </c>
      <c r="L604">
        <v>0</v>
      </c>
      <c r="M604">
        <v>0</v>
      </c>
      <c r="N604">
        <v>0</v>
      </c>
    </row>
    <row r="605" spans="1:14" hidden="1">
      <c r="A605" s="7" t="s">
        <v>10</v>
      </c>
      <c r="B605" s="8"/>
      <c r="C605" s="8" t="s">
        <v>53</v>
      </c>
      <c r="D605" t="s">
        <v>80</v>
      </c>
      <c r="E605" s="8" t="s">
        <v>24</v>
      </c>
      <c r="F605" t="s">
        <v>52</v>
      </c>
      <c r="G605" t="s">
        <v>19</v>
      </c>
      <c r="H605" t="s">
        <v>81</v>
      </c>
      <c r="I605" s="11">
        <v>2031</v>
      </c>
      <c r="J605" s="12" t="s">
        <v>19</v>
      </c>
      <c r="K605" s="14">
        <v>24</v>
      </c>
      <c r="L605" s="14">
        <v>24</v>
      </c>
      <c r="M605" s="14">
        <v>0</v>
      </c>
      <c r="N605">
        <v>0</v>
      </c>
    </row>
    <row r="606" spans="1:14" hidden="1">
      <c r="A606" s="7" t="s">
        <v>10</v>
      </c>
      <c r="B606" s="8"/>
      <c r="C606" s="8" t="s">
        <v>53</v>
      </c>
      <c r="D606" t="s">
        <v>80</v>
      </c>
      <c r="E606" s="8" t="s">
        <v>24</v>
      </c>
      <c r="F606" t="s">
        <v>52</v>
      </c>
      <c r="G606" t="s">
        <v>78</v>
      </c>
      <c r="H606" t="s">
        <v>81</v>
      </c>
      <c r="I606" s="8">
        <v>2031</v>
      </c>
      <c r="J606" s="15" t="s">
        <v>21</v>
      </c>
      <c r="K606">
        <v>0</v>
      </c>
      <c r="L606">
        <v>0</v>
      </c>
      <c r="M606">
        <v>0</v>
      </c>
      <c r="N606">
        <v>0</v>
      </c>
    </row>
    <row r="607" spans="1:14" hidden="1">
      <c r="A607" s="7" t="s">
        <v>10</v>
      </c>
      <c r="B607" s="8"/>
      <c r="C607" s="8" t="s">
        <v>53</v>
      </c>
      <c r="D607" t="s">
        <v>80</v>
      </c>
      <c r="E607" s="8" t="s">
        <v>24</v>
      </c>
      <c r="F607" t="s">
        <v>52</v>
      </c>
      <c r="G607" t="s">
        <v>78</v>
      </c>
      <c r="H607" t="s">
        <v>81</v>
      </c>
      <c r="I607" s="11">
        <v>2031</v>
      </c>
      <c r="J607" s="12" t="s">
        <v>51</v>
      </c>
      <c r="K607" s="14">
        <v>0</v>
      </c>
      <c r="L607" s="14">
        <v>0</v>
      </c>
      <c r="M607" s="14">
        <v>0</v>
      </c>
      <c r="N607">
        <v>0</v>
      </c>
    </row>
    <row r="608" spans="1:14" hidden="1">
      <c r="A608" s="7" t="s">
        <v>10</v>
      </c>
      <c r="B608" s="8"/>
      <c r="C608" s="8" t="s">
        <v>53</v>
      </c>
      <c r="D608" t="s">
        <v>80</v>
      </c>
      <c r="E608" s="8" t="s">
        <v>24</v>
      </c>
      <c r="F608" t="s">
        <v>52</v>
      </c>
      <c r="G608" t="s">
        <v>78</v>
      </c>
      <c r="H608" t="s">
        <v>81</v>
      </c>
      <c r="I608" s="8">
        <v>2032</v>
      </c>
      <c r="J608" s="15" t="s">
        <v>47</v>
      </c>
      <c r="K608">
        <v>0</v>
      </c>
      <c r="L608">
        <v>0</v>
      </c>
      <c r="M608">
        <v>0</v>
      </c>
      <c r="N608">
        <v>0</v>
      </c>
    </row>
    <row r="609" spans="1:14" hidden="1">
      <c r="A609" s="7" t="s">
        <v>10</v>
      </c>
      <c r="B609" s="8"/>
      <c r="C609" s="8" t="s">
        <v>53</v>
      </c>
      <c r="D609" t="s">
        <v>80</v>
      </c>
      <c r="E609" s="8" t="s">
        <v>24</v>
      </c>
      <c r="F609" t="s">
        <v>52</v>
      </c>
      <c r="G609" t="s">
        <v>78</v>
      </c>
      <c r="H609" t="s">
        <v>81</v>
      </c>
      <c r="I609" s="11">
        <v>2032</v>
      </c>
      <c r="J609" s="12" t="s">
        <v>48</v>
      </c>
      <c r="K609" s="14">
        <v>10</v>
      </c>
      <c r="L609" s="14">
        <v>10</v>
      </c>
      <c r="M609" s="14">
        <v>0</v>
      </c>
      <c r="N609">
        <v>0</v>
      </c>
    </row>
    <row r="610" spans="1:14" hidden="1">
      <c r="A610" s="7" t="s">
        <v>10</v>
      </c>
      <c r="B610" s="8"/>
      <c r="C610" s="8" t="s">
        <v>53</v>
      </c>
      <c r="D610" t="s">
        <v>80</v>
      </c>
      <c r="E610" s="8" t="s">
        <v>24</v>
      </c>
      <c r="F610" t="s">
        <v>52</v>
      </c>
      <c r="G610" t="s">
        <v>78</v>
      </c>
      <c r="H610" t="s">
        <v>81</v>
      </c>
      <c r="I610" s="8">
        <v>2032</v>
      </c>
      <c r="J610" s="15" t="s">
        <v>14</v>
      </c>
      <c r="K610">
        <v>4000</v>
      </c>
      <c r="L610">
        <v>2700</v>
      </c>
      <c r="M610">
        <v>3000</v>
      </c>
      <c r="N610">
        <v>0</v>
      </c>
    </row>
    <row r="611" spans="1:14" hidden="1">
      <c r="A611" s="7" t="s">
        <v>10</v>
      </c>
      <c r="B611" s="8"/>
      <c r="C611" s="8" t="s">
        <v>53</v>
      </c>
      <c r="D611" t="s">
        <v>80</v>
      </c>
      <c r="E611" s="8" t="s">
        <v>24</v>
      </c>
      <c r="F611" t="s">
        <v>52</v>
      </c>
      <c r="G611" t="s">
        <v>78</v>
      </c>
      <c r="H611" t="s">
        <v>81</v>
      </c>
      <c r="I611" s="11">
        <v>2032</v>
      </c>
      <c r="J611" s="12" t="s">
        <v>49</v>
      </c>
      <c r="K611" s="14">
        <v>0</v>
      </c>
      <c r="L611" s="14">
        <v>0</v>
      </c>
      <c r="M611" s="14">
        <v>0</v>
      </c>
      <c r="N611">
        <v>0</v>
      </c>
    </row>
    <row r="612" spans="1:14" hidden="1">
      <c r="A612" s="7" t="s">
        <v>10</v>
      </c>
      <c r="B612" s="8"/>
      <c r="C612" s="8" t="s">
        <v>53</v>
      </c>
      <c r="D612" t="s">
        <v>80</v>
      </c>
      <c r="E612" s="8" t="s">
        <v>24</v>
      </c>
      <c r="F612" t="s">
        <v>52</v>
      </c>
      <c r="G612" t="s">
        <v>79</v>
      </c>
      <c r="H612" t="s">
        <v>81</v>
      </c>
      <c r="I612" s="8">
        <v>2032</v>
      </c>
      <c r="J612" s="15" t="s">
        <v>15</v>
      </c>
      <c r="K612">
        <v>0</v>
      </c>
      <c r="L612">
        <v>0</v>
      </c>
      <c r="M612">
        <v>0</v>
      </c>
      <c r="N612">
        <v>0</v>
      </c>
    </row>
    <row r="613" spans="1:14" hidden="1">
      <c r="A613" s="7" t="s">
        <v>10</v>
      </c>
      <c r="B613" s="8"/>
      <c r="C613" s="8" t="s">
        <v>53</v>
      </c>
      <c r="D613" t="s">
        <v>80</v>
      </c>
      <c r="E613" s="8" t="s">
        <v>24</v>
      </c>
      <c r="F613" t="s">
        <v>52</v>
      </c>
      <c r="G613" t="s">
        <v>79</v>
      </c>
      <c r="H613" t="s">
        <v>81</v>
      </c>
      <c r="I613" s="11">
        <v>2032</v>
      </c>
      <c r="J613" s="12" t="s">
        <v>50</v>
      </c>
      <c r="K613" s="14">
        <v>0</v>
      </c>
      <c r="L613" s="14">
        <v>0</v>
      </c>
      <c r="M613" s="14">
        <v>0</v>
      </c>
      <c r="N613">
        <v>0</v>
      </c>
    </row>
    <row r="614" spans="1:14" hidden="1">
      <c r="A614" s="7" t="s">
        <v>10</v>
      </c>
      <c r="B614" s="8"/>
      <c r="C614" s="8" t="s">
        <v>53</v>
      </c>
      <c r="D614" t="s">
        <v>80</v>
      </c>
      <c r="E614" s="8" t="s">
        <v>24</v>
      </c>
      <c r="F614" t="s">
        <v>52</v>
      </c>
      <c r="G614" t="s">
        <v>19</v>
      </c>
      <c r="H614" t="s">
        <v>81</v>
      </c>
      <c r="I614" s="8">
        <v>2032</v>
      </c>
      <c r="J614" s="15" t="s">
        <v>19</v>
      </c>
      <c r="K614">
        <v>24</v>
      </c>
      <c r="L614">
        <v>24</v>
      </c>
      <c r="M614">
        <v>0</v>
      </c>
      <c r="N614">
        <v>0</v>
      </c>
    </row>
    <row r="615" spans="1:14" hidden="1">
      <c r="A615" s="7" t="s">
        <v>10</v>
      </c>
      <c r="B615" s="8"/>
      <c r="C615" s="8" t="s">
        <v>53</v>
      </c>
      <c r="D615" t="s">
        <v>80</v>
      </c>
      <c r="E615" s="8" t="s">
        <v>24</v>
      </c>
      <c r="F615" t="s">
        <v>52</v>
      </c>
      <c r="G615" t="s">
        <v>78</v>
      </c>
      <c r="H615" t="s">
        <v>81</v>
      </c>
      <c r="I615" s="11">
        <v>2032</v>
      </c>
      <c r="J615" s="12" t="s">
        <v>21</v>
      </c>
      <c r="K615" s="14">
        <v>0</v>
      </c>
      <c r="L615" s="14">
        <v>0</v>
      </c>
      <c r="M615" s="14">
        <v>0</v>
      </c>
      <c r="N615">
        <v>0</v>
      </c>
    </row>
    <row r="616" spans="1:14" hidden="1">
      <c r="A616" s="7" t="s">
        <v>10</v>
      </c>
      <c r="B616" s="8"/>
      <c r="C616" s="8" t="s">
        <v>53</v>
      </c>
      <c r="D616" t="s">
        <v>80</v>
      </c>
      <c r="E616" s="8" t="s">
        <v>24</v>
      </c>
      <c r="F616" t="s">
        <v>52</v>
      </c>
      <c r="G616" t="s">
        <v>78</v>
      </c>
      <c r="H616" t="s">
        <v>81</v>
      </c>
      <c r="I616" s="8">
        <v>2032</v>
      </c>
      <c r="J616" s="15" t="s">
        <v>51</v>
      </c>
      <c r="K616">
        <v>0</v>
      </c>
      <c r="L616">
        <v>0</v>
      </c>
      <c r="M616">
        <v>0</v>
      </c>
      <c r="N616">
        <v>0</v>
      </c>
    </row>
    <row r="617" spans="1:14" hidden="1">
      <c r="A617" s="7" t="s">
        <v>10</v>
      </c>
      <c r="B617" s="8"/>
      <c r="C617" s="8" t="s">
        <v>53</v>
      </c>
      <c r="D617" t="s">
        <v>80</v>
      </c>
      <c r="E617" s="8" t="s">
        <v>24</v>
      </c>
      <c r="F617" t="s">
        <v>52</v>
      </c>
      <c r="G617" t="s">
        <v>78</v>
      </c>
      <c r="H617" t="s">
        <v>81</v>
      </c>
      <c r="I617" s="11">
        <v>2033</v>
      </c>
      <c r="J617" s="12" t="s">
        <v>47</v>
      </c>
      <c r="K617" s="14">
        <v>0</v>
      </c>
      <c r="L617" s="14">
        <v>0</v>
      </c>
      <c r="M617" s="14">
        <v>0</v>
      </c>
      <c r="N617">
        <v>0</v>
      </c>
    </row>
    <row r="618" spans="1:14" hidden="1">
      <c r="A618" s="7" t="s">
        <v>10</v>
      </c>
      <c r="B618" s="8"/>
      <c r="C618" s="8" t="s">
        <v>53</v>
      </c>
      <c r="D618" t="s">
        <v>80</v>
      </c>
      <c r="E618" s="8" t="s">
        <v>24</v>
      </c>
      <c r="F618" t="s">
        <v>52</v>
      </c>
      <c r="G618" t="s">
        <v>78</v>
      </c>
      <c r="H618" t="s">
        <v>81</v>
      </c>
      <c r="I618" s="8">
        <v>2033</v>
      </c>
      <c r="J618" s="15" t="s">
        <v>48</v>
      </c>
      <c r="K618">
        <v>10</v>
      </c>
      <c r="L618">
        <v>10</v>
      </c>
      <c r="M618">
        <v>0</v>
      </c>
      <c r="N618">
        <v>0</v>
      </c>
    </row>
    <row r="619" spans="1:14" hidden="1">
      <c r="A619" s="7" t="s">
        <v>10</v>
      </c>
      <c r="B619" s="8"/>
      <c r="C619" s="8" t="s">
        <v>53</v>
      </c>
      <c r="D619" t="s">
        <v>80</v>
      </c>
      <c r="E619" s="8" t="s">
        <v>24</v>
      </c>
      <c r="F619" t="s">
        <v>52</v>
      </c>
      <c r="G619" t="s">
        <v>78</v>
      </c>
      <c r="H619" t="s">
        <v>81</v>
      </c>
      <c r="I619" s="11">
        <v>2033</v>
      </c>
      <c r="J619" s="12" t="s">
        <v>14</v>
      </c>
      <c r="K619" s="14">
        <v>4000</v>
      </c>
      <c r="L619" s="14">
        <v>2700</v>
      </c>
      <c r="M619" s="14">
        <v>3000</v>
      </c>
      <c r="N619">
        <v>0</v>
      </c>
    </row>
    <row r="620" spans="1:14" hidden="1">
      <c r="A620" s="7" t="s">
        <v>10</v>
      </c>
      <c r="B620" s="8"/>
      <c r="C620" s="8" t="s">
        <v>53</v>
      </c>
      <c r="D620" t="s">
        <v>80</v>
      </c>
      <c r="E620" s="8" t="s">
        <v>24</v>
      </c>
      <c r="F620" t="s">
        <v>52</v>
      </c>
      <c r="G620" t="s">
        <v>78</v>
      </c>
      <c r="H620" t="s">
        <v>81</v>
      </c>
      <c r="I620" s="8">
        <v>2033</v>
      </c>
      <c r="J620" s="15" t="s">
        <v>49</v>
      </c>
      <c r="K620">
        <v>0</v>
      </c>
      <c r="L620">
        <v>0</v>
      </c>
      <c r="M620">
        <v>0</v>
      </c>
      <c r="N620">
        <v>0</v>
      </c>
    </row>
    <row r="621" spans="1:14" hidden="1">
      <c r="A621" s="7" t="s">
        <v>10</v>
      </c>
      <c r="B621" s="8"/>
      <c r="C621" s="8" t="s">
        <v>53</v>
      </c>
      <c r="D621" t="s">
        <v>80</v>
      </c>
      <c r="E621" s="8" t="s">
        <v>24</v>
      </c>
      <c r="F621" t="s">
        <v>52</v>
      </c>
      <c r="G621" t="s">
        <v>79</v>
      </c>
      <c r="H621" t="s">
        <v>81</v>
      </c>
      <c r="I621" s="11">
        <v>2033</v>
      </c>
      <c r="J621" s="12" t="s">
        <v>15</v>
      </c>
      <c r="K621" s="14">
        <v>0</v>
      </c>
      <c r="L621" s="14">
        <v>0</v>
      </c>
      <c r="M621" s="14">
        <v>0</v>
      </c>
      <c r="N621">
        <v>0</v>
      </c>
    </row>
    <row r="622" spans="1:14" hidden="1">
      <c r="A622" s="7" t="s">
        <v>10</v>
      </c>
      <c r="B622" s="8"/>
      <c r="C622" s="8" t="s">
        <v>53</v>
      </c>
      <c r="D622" t="s">
        <v>80</v>
      </c>
      <c r="E622" s="8" t="s">
        <v>24</v>
      </c>
      <c r="F622" t="s">
        <v>52</v>
      </c>
      <c r="G622" t="s">
        <v>79</v>
      </c>
      <c r="H622" t="s">
        <v>81</v>
      </c>
      <c r="I622" s="8">
        <v>2033</v>
      </c>
      <c r="J622" s="15" t="s">
        <v>50</v>
      </c>
      <c r="K622">
        <v>0</v>
      </c>
      <c r="L622">
        <v>0</v>
      </c>
      <c r="M622">
        <v>0</v>
      </c>
      <c r="N622">
        <v>0</v>
      </c>
    </row>
    <row r="623" spans="1:14" hidden="1">
      <c r="A623" s="7" t="s">
        <v>10</v>
      </c>
      <c r="B623" s="8"/>
      <c r="C623" s="8" t="s">
        <v>53</v>
      </c>
      <c r="D623" t="s">
        <v>80</v>
      </c>
      <c r="E623" s="8" t="s">
        <v>24</v>
      </c>
      <c r="F623" t="s">
        <v>52</v>
      </c>
      <c r="G623" t="s">
        <v>19</v>
      </c>
      <c r="H623" t="s">
        <v>81</v>
      </c>
      <c r="I623" s="11">
        <v>2033</v>
      </c>
      <c r="J623" s="12" t="s">
        <v>19</v>
      </c>
      <c r="K623" s="14">
        <v>24</v>
      </c>
      <c r="L623" s="14">
        <v>24</v>
      </c>
      <c r="M623" s="14">
        <v>0</v>
      </c>
      <c r="N623">
        <v>0</v>
      </c>
    </row>
    <row r="624" spans="1:14" hidden="1">
      <c r="A624" s="7" t="s">
        <v>10</v>
      </c>
      <c r="B624" s="8"/>
      <c r="C624" s="8" t="s">
        <v>53</v>
      </c>
      <c r="D624" t="s">
        <v>80</v>
      </c>
      <c r="E624" s="8" t="s">
        <v>24</v>
      </c>
      <c r="F624" t="s">
        <v>52</v>
      </c>
      <c r="G624" t="s">
        <v>78</v>
      </c>
      <c r="H624" t="s">
        <v>81</v>
      </c>
      <c r="I624" s="8">
        <v>2033</v>
      </c>
      <c r="J624" s="15" t="s">
        <v>21</v>
      </c>
      <c r="K624">
        <v>0</v>
      </c>
      <c r="L624">
        <v>0</v>
      </c>
      <c r="M624">
        <v>0</v>
      </c>
      <c r="N624">
        <v>0</v>
      </c>
    </row>
    <row r="625" spans="1:14" hidden="1">
      <c r="A625" s="7" t="s">
        <v>10</v>
      </c>
      <c r="B625" s="8"/>
      <c r="C625" s="8" t="s">
        <v>53</v>
      </c>
      <c r="D625" t="s">
        <v>80</v>
      </c>
      <c r="E625" s="8" t="s">
        <v>24</v>
      </c>
      <c r="F625" t="s">
        <v>52</v>
      </c>
      <c r="G625" t="s">
        <v>78</v>
      </c>
      <c r="H625" t="s">
        <v>81</v>
      </c>
      <c r="I625" s="11">
        <v>2033</v>
      </c>
      <c r="J625" s="12" t="s">
        <v>51</v>
      </c>
      <c r="K625" s="14">
        <v>0</v>
      </c>
      <c r="L625" s="14">
        <v>0</v>
      </c>
      <c r="M625" s="14">
        <v>0</v>
      </c>
      <c r="N625">
        <v>0</v>
      </c>
    </row>
    <row r="626" spans="1:14" hidden="1">
      <c r="A626" s="7" t="s">
        <v>10</v>
      </c>
      <c r="B626" s="8"/>
      <c r="C626" s="8" t="s">
        <v>54</v>
      </c>
      <c r="D626" t="s">
        <v>77</v>
      </c>
      <c r="E626" s="8" t="s">
        <v>36</v>
      </c>
      <c r="F626" t="s">
        <v>55</v>
      </c>
      <c r="G626" t="s">
        <v>78</v>
      </c>
      <c r="H626" t="s">
        <v>55</v>
      </c>
      <c r="I626" s="8">
        <v>2025</v>
      </c>
      <c r="J626" t="s">
        <v>47</v>
      </c>
      <c r="K626" s="10"/>
      <c r="M626" s="10"/>
      <c r="N626">
        <v>0</v>
      </c>
    </row>
    <row r="627" spans="1:14" hidden="1">
      <c r="A627" s="7" t="s">
        <v>10</v>
      </c>
      <c r="B627" s="8"/>
      <c r="C627" s="8" t="s">
        <v>54</v>
      </c>
      <c r="D627" t="s">
        <v>77</v>
      </c>
      <c r="E627" s="8" t="s">
        <v>36</v>
      </c>
      <c r="F627" t="s">
        <v>55</v>
      </c>
      <c r="G627" t="s">
        <v>78</v>
      </c>
      <c r="H627" t="s">
        <v>55</v>
      </c>
      <c r="I627" s="8">
        <v>2025</v>
      </c>
      <c r="J627" t="s">
        <v>48</v>
      </c>
      <c r="K627" s="10"/>
      <c r="M627" s="10"/>
      <c r="N627">
        <v>0</v>
      </c>
    </row>
    <row r="628" spans="1:14" hidden="1">
      <c r="A628" s="7" t="s">
        <v>10</v>
      </c>
      <c r="B628" s="8"/>
      <c r="C628" s="8" t="s">
        <v>54</v>
      </c>
      <c r="D628" t="s">
        <v>77</v>
      </c>
      <c r="E628" s="8" t="s">
        <v>36</v>
      </c>
      <c r="F628" t="s">
        <v>55</v>
      </c>
      <c r="G628" t="s">
        <v>78</v>
      </c>
      <c r="H628" t="s">
        <v>55</v>
      </c>
      <c r="I628" s="8">
        <v>2025</v>
      </c>
      <c r="J628" t="s">
        <v>14</v>
      </c>
      <c r="K628" s="10">
        <v>16125</v>
      </c>
      <c r="L628">
        <v>1979</v>
      </c>
      <c r="M628" s="10">
        <v>0</v>
      </c>
      <c r="N628">
        <v>0</v>
      </c>
    </row>
    <row r="629" spans="1:14" hidden="1">
      <c r="A629" s="7" t="s">
        <v>10</v>
      </c>
      <c r="B629" s="8"/>
      <c r="C629" s="8" t="s">
        <v>54</v>
      </c>
      <c r="D629" t="s">
        <v>77</v>
      </c>
      <c r="E629" s="8" t="s">
        <v>36</v>
      </c>
      <c r="F629" t="s">
        <v>55</v>
      </c>
      <c r="G629" t="s">
        <v>78</v>
      </c>
      <c r="H629" t="s">
        <v>55</v>
      </c>
      <c r="I629" s="8">
        <v>2025</v>
      </c>
      <c r="J629" t="s">
        <v>49</v>
      </c>
      <c r="K629" s="10"/>
      <c r="M629" s="10"/>
      <c r="N629">
        <v>0</v>
      </c>
    </row>
    <row r="630" spans="1:14" hidden="1">
      <c r="A630" s="7" t="s">
        <v>10</v>
      </c>
      <c r="B630" s="8"/>
      <c r="C630" s="8" t="s">
        <v>54</v>
      </c>
      <c r="D630" t="s">
        <v>77</v>
      </c>
      <c r="E630" s="8" t="s">
        <v>36</v>
      </c>
      <c r="F630" t="s">
        <v>55</v>
      </c>
      <c r="G630" t="s">
        <v>79</v>
      </c>
      <c r="H630" t="s">
        <v>55</v>
      </c>
      <c r="I630" s="8">
        <v>2025</v>
      </c>
      <c r="J630" t="s">
        <v>15</v>
      </c>
      <c r="K630" s="10">
        <v>7390</v>
      </c>
      <c r="L630">
        <v>4908</v>
      </c>
      <c r="M630" s="10">
        <v>2482</v>
      </c>
      <c r="N630">
        <v>0</v>
      </c>
    </row>
    <row r="631" spans="1:14" hidden="1">
      <c r="A631" s="7" t="s">
        <v>10</v>
      </c>
      <c r="B631" s="8"/>
      <c r="C631" s="8" t="s">
        <v>54</v>
      </c>
      <c r="D631" t="s">
        <v>77</v>
      </c>
      <c r="E631" s="8" t="s">
        <v>36</v>
      </c>
      <c r="F631" t="s">
        <v>55</v>
      </c>
      <c r="G631" t="s">
        <v>79</v>
      </c>
      <c r="H631" t="s">
        <v>55</v>
      </c>
      <c r="I631" s="8">
        <v>2025</v>
      </c>
      <c r="J631" t="s">
        <v>50</v>
      </c>
      <c r="K631" s="10"/>
      <c r="M631" s="10"/>
      <c r="N631">
        <v>0</v>
      </c>
    </row>
    <row r="632" spans="1:14" hidden="1">
      <c r="A632" s="7" t="s">
        <v>10</v>
      </c>
      <c r="B632" s="8"/>
      <c r="C632" s="8" t="s">
        <v>54</v>
      </c>
      <c r="D632" t="s">
        <v>77</v>
      </c>
      <c r="E632" s="8" t="s">
        <v>36</v>
      </c>
      <c r="F632" t="s">
        <v>55</v>
      </c>
      <c r="G632" t="s">
        <v>19</v>
      </c>
      <c r="H632" t="s">
        <v>55</v>
      </c>
      <c r="I632" s="8">
        <v>2025</v>
      </c>
      <c r="J632" t="s">
        <v>19</v>
      </c>
      <c r="K632" s="10"/>
      <c r="M632" s="10"/>
      <c r="N632">
        <v>0</v>
      </c>
    </row>
    <row r="633" spans="1:14" hidden="1">
      <c r="A633" s="7" t="s">
        <v>10</v>
      </c>
      <c r="B633" s="8"/>
      <c r="C633" s="8" t="s">
        <v>54</v>
      </c>
      <c r="D633" t="s">
        <v>77</v>
      </c>
      <c r="E633" s="8" t="s">
        <v>36</v>
      </c>
      <c r="F633" t="s">
        <v>55</v>
      </c>
      <c r="G633" t="s">
        <v>78</v>
      </c>
      <c r="H633" t="s">
        <v>55</v>
      </c>
      <c r="I633" s="8">
        <v>2025</v>
      </c>
      <c r="J633" t="s">
        <v>21</v>
      </c>
      <c r="K633" s="10"/>
      <c r="M633" s="10"/>
      <c r="N633">
        <v>0</v>
      </c>
    </row>
    <row r="634" spans="1:14" hidden="1">
      <c r="A634" s="7" t="s">
        <v>10</v>
      </c>
      <c r="B634" s="8"/>
      <c r="C634" s="8" t="s">
        <v>54</v>
      </c>
      <c r="D634" t="s">
        <v>77</v>
      </c>
      <c r="E634" s="8" t="s">
        <v>36</v>
      </c>
      <c r="F634" t="s">
        <v>55</v>
      </c>
      <c r="G634" t="s">
        <v>78</v>
      </c>
      <c r="H634" t="s">
        <v>55</v>
      </c>
      <c r="I634" s="8">
        <v>2025</v>
      </c>
      <c r="J634" t="s">
        <v>51</v>
      </c>
      <c r="K634" s="10"/>
      <c r="M634" s="10"/>
      <c r="N634">
        <v>0</v>
      </c>
    </row>
    <row r="635" spans="1:14" hidden="1">
      <c r="A635" s="7" t="s">
        <v>10</v>
      </c>
      <c r="B635" s="8"/>
      <c r="C635" s="8" t="s">
        <v>54</v>
      </c>
      <c r="D635" t="s">
        <v>77</v>
      </c>
      <c r="E635" s="8" t="s">
        <v>36</v>
      </c>
      <c r="F635" t="s">
        <v>55</v>
      </c>
      <c r="G635" t="s">
        <v>78</v>
      </c>
      <c r="H635" t="s">
        <v>55</v>
      </c>
      <c r="I635" s="8">
        <v>2026</v>
      </c>
      <c r="J635" t="s">
        <v>47</v>
      </c>
      <c r="K635" s="10"/>
      <c r="M635" s="10"/>
      <c r="N635">
        <v>0</v>
      </c>
    </row>
    <row r="636" spans="1:14" hidden="1">
      <c r="A636" s="7" t="s">
        <v>10</v>
      </c>
      <c r="B636" s="8"/>
      <c r="C636" s="8" t="s">
        <v>54</v>
      </c>
      <c r="D636" t="s">
        <v>77</v>
      </c>
      <c r="E636" s="8" t="s">
        <v>36</v>
      </c>
      <c r="F636" t="s">
        <v>55</v>
      </c>
      <c r="G636" t="s">
        <v>78</v>
      </c>
      <c r="H636" t="s">
        <v>55</v>
      </c>
      <c r="I636" s="8">
        <v>2026</v>
      </c>
      <c r="J636" t="s">
        <v>48</v>
      </c>
      <c r="K636" s="10"/>
      <c r="M636" s="10"/>
      <c r="N636">
        <v>0</v>
      </c>
    </row>
    <row r="637" spans="1:14" hidden="1">
      <c r="A637" s="7" t="s">
        <v>10</v>
      </c>
      <c r="B637" s="8"/>
      <c r="C637" s="8" t="s">
        <v>54</v>
      </c>
      <c r="D637" t="s">
        <v>77</v>
      </c>
      <c r="E637" s="8" t="s">
        <v>36</v>
      </c>
      <c r="F637" t="s">
        <v>55</v>
      </c>
      <c r="G637" t="s">
        <v>78</v>
      </c>
      <c r="H637" t="s">
        <v>55</v>
      </c>
      <c r="I637" s="8">
        <v>2026</v>
      </c>
      <c r="J637" t="s">
        <v>14</v>
      </c>
      <c r="K637" s="10">
        <v>16650</v>
      </c>
      <c r="L637">
        <v>2044</v>
      </c>
      <c r="M637" s="10">
        <v>0</v>
      </c>
      <c r="N637">
        <v>0</v>
      </c>
    </row>
    <row r="638" spans="1:14" hidden="1">
      <c r="A638" s="7" t="s">
        <v>10</v>
      </c>
      <c r="B638" s="8"/>
      <c r="C638" s="8" t="s">
        <v>54</v>
      </c>
      <c r="D638" t="s">
        <v>77</v>
      </c>
      <c r="E638" s="8" t="s">
        <v>36</v>
      </c>
      <c r="F638" t="s">
        <v>55</v>
      </c>
      <c r="G638" t="s">
        <v>78</v>
      </c>
      <c r="H638" t="s">
        <v>55</v>
      </c>
      <c r="I638" s="8">
        <v>2026</v>
      </c>
      <c r="J638" t="s">
        <v>49</v>
      </c>
      <c r="K638" s="10"/>
      <c r="M638" s="10"/>
      <c r="N638">
        <v>0</v>
      </c>
    </row>
    <row r="639" spans="1:14" hidden="1">
      <c r="A639" s="7" t="s">
        <v>10</v>
      </c>
      <c r="B639" s="8"/>
      <c r="C639" s="8" t="s">
        <v>54</v>
      </c>
      <c r="D639" t="s">
        <v>77</v>
      </c>
      <c r="E639" s="8" t="s">
        <v>36</v>
      </c>
      <c r="F639" t="s">
        <v>55</v>
      </c>
      <c r="G639" t="s">
        <v>79</v>
      </c>
      <c r="H639" t="s">
        <v>55</v>
      </c>
      <c r="I639" s="8">
        <v>2026</v>
      </c>
      <c r="J639" t="s">
        <v>15</v>
      </c>
      <c r="K639" s="10">
        <v>7988</v>
      </c>
      <c r="L639">
        <v>5072</v>
      </c>
      <c r="M639" s="10">
        <v>2916</v>
      </c>
      <c r="N639">
        <v>0</v>
      </c>
    </row>
    <row r="640" spans="1:14" hidden="1">
      <c r="A640" s="7" t="s">
        <v>10</v>
      </c>
      <c r="B640" s="8"/>
      <c r="C640" s="8" t="s">
        <v>54</v>
      </c>
      <c r="D640" t="s">
        <v>77</v>
      </c>
      <c r="E640" s="8" t="s">
        <v>36</v>
      </c>
      <c r="F640" t="s">
        <v>55</v>
      </c>
      <c r="G640" t="s">
        <v>79</v>
      </c>
      <c r="H640" t="s">
        <v>55</v>
      </c>
      <c r="I640" s="8">
        <v>2026</v>
      </c>
      <c r="J640" t="s">
        <v>50</v>
      </c>
      <c r="K640" s="10"/>
      <c r="M640" s="10"/>
      <c r="N640">
        <v>0</v>
      </c>
    </row>
    <row r="641" spans="1:14" hidden="1">
      <c r="A641" s="7" t="s">
        <v>10</v>
      </c>
      <c r="B641" s="8"/>
      <c r="C641" s="8" t="s">
        <v>54</v>
      </c>
      <c r="D641" t="s">
        <v>77</v>
      </c>
      <c r="E641" s="8" t="s">
        <v>36</v>
      </c>
      <c r="F641" t="s">
        <v>55</v>
      </c>
      <c r="G641" t="s">
        <v>19</v>
      </c>
      <c r="H641" t="s">
        <v>55</v>
      </c>
      <c r="I641" s="8">
        <v>2026</v>
      </c>
      <c r="J641" t="s">
        <v>19</v>
      </c>
      <c r="K641" s="10"/>
      <c r="M641" s="10"/>
      <c r="N641">
        <v>0</v>
      </c>
    </row>
    <row r="642" spans="1:14" hidden="1">
      <c r="A642" s="7" t="s">
        <v>10</v>
      </c>
      <c r="B642" s="8"/>
      <c r="C642" s="8" t="s">
        <v>54</v>
      </c>
      <c r="D642" t="s">
        <v>77</v>
      </c>
      <c r="E642" s="8" t="s">
        <v>36</v>
      </c>
      <c r="F642" t="s">
        <v>55</v>
      </c>
      <c r="G642" t="s">
        <v>78</v>
      </c>
      <c r="H642" t="s">
        <v>55</v>
      </c>
      <c r="I642" s="8">
        <v>2026</v>
      </c>
      <c r="J642" t="s">
        <v>21</v>
      </c>
      <c r="K642" s="10"/>
      <c r="M642" s="10"/>
      <c r="N642">
        <v>0</v>
      </c>
    </row>
    <row r="643" spans="1:14" hidden="1">
      <c r="A643" s="7" t="s">
        <v>10</v>
      </c>
      <c r="B643" s="8"/>
      <c r="C643" s="8" t="s">
        <v>54</v>
      </c>
      <c r="D643" t="s">
        <v>77</v>
      </c>
      <c r="E643" s="8" t="s">
        <v>36</v>
      </c>
      <c r="F643" t="s">
        <v>55</v>
      </c>
      <c r="G643" t="s">
        <v>78</v>
      </c>
      <c r="H643" t="s">
        <v>55</v>
      </c>
      <c r="I643" s="8">
        <v>2026</v>
      </c>
      <c r="J643" t="s">
        <v>51</v>
      </c>
      <c r="K643" s="10"/>
      <c r="M643" s="10"/>
      <c r="N643">
        <v>0</v>
      </c>
    </row>
    <row r="644" spans="1:14" hidden="1">
      <c r="A644" s="7" t="s">
        <v>10</v>
      </c>
      <c r="B644" s="8"/>
      <c r="C644" s="8" t="s">
        <v>54</v>
      </c>
      <c r="D644" t="s">
        <v>77</v>
      </c>
      <c r="E644" s="8" t="s">
        <v>36</v>
      </c>
      <c r="F644" t="s">
        <v>55</v>
      </c>
      <c r="G644" t="s">
        <v>78</v>
      </c>
      <c r="H644" t="s">
        <v>55</v>
      </c>
      <c r="I644" s="8">
        <v>2027</v>
      </c>
      <c r="J644" t="s">
        <v>47</v>
      </c>
      <c r="K644" s="10"/>
      <c r="M644" s="10"/>
      <c r="N644">
        <v>0</v>
      </c>
    </row>
    <row r="645" spans="1:14" hidden="1">
      <c r="A645" s="7" t="s">
        <v>10</v>
      </c>
      <c r="B645" s="8"/>
      <c r="C645" s="8" t="s">
        <v>54</v>
      </c>
      <c r="D645" t="s">
        <v>77</v>
      </c>
      <c r="E645" s="8" t="s">
        <v>36</v>
      </c>
      <c r="F645" t="s">
        <v>55</v>
      </c>
      <c r="G645" t="s">
        <v>78</v>
      </c>
      <c r="H645" t="s">
        <v>55</v>
      </c>
      <c r="I645" s="8">
        <v>2027</v>
      </c>
      <c r="J645" t="s">
        <v>48</v>
      </c>
      <c r="K645" s="10"/>
      <c r="M645" s="10"/>
      <c r="N645">
        <v>0</v>
      </c>
    </row>
    <row r="646" spans="1:14" hidden="1">
      <c r="A646" s="7" t="s">
        <v>10</v>
      </c>
      <c r="B646" s="8"/>
      <c r="C646" s="8" t="s">
        <v>54</v>
      </c>
      <c r="D646" t="s">
        <v>77</v>
      </c>
      <c r="E646" s="8" t="s">
        <v>36</v>
      </c>
      <c r="F646" t="s">
        <v>55</v>
      </c>
      <c r="G646" t="s">
        <v>78</v>
      </c>
      <c r="H646" t="s">
        <v>55</v>
      </c>
      <c r="I646" s="8">
        <v>2027</v>
      </c>
      <c r="J646" t="s">
        <v>14</v>
      </c>
      <c r="K646" s="10">
        <v>16220</v>
      </c>
      <c r="L646">
        <v>2006</v>
      </c>
      <c r="M646" s="10">
        <v>0</v>
      </c>
      <c r="N646">
        <v>0</v>
      </c>
    </row>
    <row r="647" spans="1:14" hidden="1">
      <c r="A647" s="7" t="s">
        <v>10</v>
      </c>
      <c r="B647" s="8"/>
      <c r="C647" s="8" t="s">
        <v>54</v>
      </c>
      <c r="D647" t="s">
        <v>77</v>
      </c>
      <c r="E647" s="8" t="s">
        <v>36</v>
      </c>
      <c r="F647" t="s">
        <v>55</v>
      </c>
      <c r="G647" t="s">
        <v>78</v>
      </c>
      <c r="H647" t="s">
        <v>55</v>
      </c>
      <c r="I647" s="8">
        <v>2027</v>
      </c>
      <c r="J647" t="s">
        <v>49</v>
      </c>
      <c r="K647" s="10"/>
      <c r="M647" s="10"/>
      <c r="N647">
        <v>0</v>
      </c>
    </row>
    <row r="648" spans="1:14" hidden="1">
      <c r="A648" s="7" t="s">
        <v>10</v>
      </c>
      <c r="B648" s="8"/>
      <c r="C648" s="8" t="s">
        <v>54</v>
      </c>
      <c r="D648" t="s">
        <v>77</v>
      </c>
      <c r="E648" s="8" t="s">
        <v>36</v>
      </c>
      <c r="F648" t="s">
        <v>55</v>
      </c>
      <c r="G648" t="s">
        <v>79</v>
      </c>
      <c r="H648" t="s">
        <v>55</v>
      </c>
      <c r="I648" s="8">
        <v>2027</v>
      </c>
      <c r="J648" t="s">
        <v>15</v>
      </c>
      <c r="K648" s="10">
        <v>7851</v>
      </c>
      <c r="L648">
        <v>5069</v>
      </c>
      <c r="M648" s="10">
        <v>2782</v>
      </c>
      <c r="N648">
        <v>0</v>
      </c>
    </row>
    <row r="649" spans="1:14" hidden="1">
      <c r="A649" s="7" t="s">
        <v>10</v>
      </c>
      <c r="B649" s="8"/>
      <c r="C649" s="8" t="s">
        <v>54</v>
      </c>
      <c r="D649" t="s">
        <v>77</v>
      </c>
      <c r="E649" s="8" t="s">
        <v>36</v>
      </c>
      <c r="F649" t="s">
        <v>55</v>
      </c>
      <c r="G649" t="s">
        <v>79</v>
      </c>
      <c r="H649" t="s">
        <v>55</v>
      </c>
      <c r="I649" s="8">
        <v>2027</v>
      </c>
      <c r="J649" t="s">
        <v>50</v>
      </c>
      <c r="K649" s="10"/>
      <c r="M649" s="10"/>
      <c r="N649">
        <v>0</v>
      </c>
    </row>
    <row r="650" spans="1:14" hidden="1">
      <c r="A650" s="7" t="s">
        <v>10</v>
      </c>
      <c r="B650" s="8"/>
      <c r="C650" s="8" t="s">
        <v>54</v>
      </c>
      <c r="D650" t="s">
        <v>77</v>
      </c>
      <c r="E650" s="8" t="s">
        <v>36</v>
      </c>
      <c r="F650" t="s">
        <v>55</v>
      </c>
      <c r="G650" t="s">
        <v>19</v>
      </c>
      <c r="H650" t="s">
        <v>55</v>
      </c>
      <c r="I650" s="8">
        <v>2027</v>
      </c>
      <c r="J650" t="s">
        <v>19</v>
      </c>
      <c r="K650" s="10"/>
      <c r="M650" s="10"/>
      <c r="N650">
        <v>0</v>
      </c>
    </row>
    <row r="651" spans="1:14" hidden="1">
      <c r="A651" s="7" t="s">
        <v>10</v>
      </c>
      <c r="B651" s="8"/>
      <c r="C651" s="8" t="s">
        <v>54</v>
      </c>
      <c r="D651" t="s">
        <v>77</v>
      </c>
      <c r="E651" s="8" t="s">
        <v>36</v>
      </c>
      <c r="F651" t="s">
        <v>55</v>
      </c>
      <c r="G651" t="s">
        <v>78</v>
      </c>
      <c r="H651" t="s">
        <v>55</v>
      </c>
      <c r="I651" s="8">
        <v>2027</v>
      </c>
      <c r="J651" t="s">
        <v>21</v>
      </c>
      <c r="K651" s="10"/>
      <c r="M651" s="10"/>
      <c r="N651">
        <v>0</v>
      </c>
    </row>
    <row r="652" spans="1:14" hidden="1">
      <c r="A652" s="7" t="s">
        <v>10</v>
      </c>
      <c r="B652" s="8"/>
      <c r="C652" s="8" t="s">
        <v>54</v>
      </c>
      <c r="D652" t="s">
        <v>77</v>
      </c>
      <c r="E652" s="8" t="s">
        <v>36</v>
      </c>
      <c r="F652" t="s">
        <v>55</v>
      </c>
      <c r="G652" t="s">
        <v>78</v>
      </c>
      <c r="H652" t="s">
        <v>55</v>
      </c>
      <c r="I652" s="8">
        <v>2027</v>
      </c>
      <c r="J652" t="s">
        <v>51</v>
      </c>
      <c r="K652" s="10"/>
      <c r="M652" s="10"/>
      <c r="N652">
        <v>0</v>
      </c>
    </row>
    <row r="653" spans="1:14" hidden="1">
      <c r="A653" s="7" t="s">
        <v>10</v>
      </c>
      <c r="B653" s="8"/>
      <c r="C653" s="8" t="s">
        <v>54</v>
      </c>
      <c r="D653" t="s">
        <v>77</v>
      </c>
      <c r="E653" s="8" t="s">
        <v>36</v>
      </c>
      <c r="F653" t="s">
        <v>55</v>
      </c>
      <c r="G653" t="s">
        <v>78</v>
      </c>
      <c r="H653" t="s">
        <v>55</v>
      </c>
      <c r="I653" s="8">
        <v>2028</v>
      </c>
      <c r="J653" t="s">
        <v>47</v>
      </c>
      <c r="K653" s="10"/>
      <c r="M653" s="10"/>
      <c r="N653">
        <v>0</v>
      </c>
    </row>
    <row r="654" spans="1:14" hidden="1">
      <c r="A654" s="7" t="s">
        <v>10</v>
      </c>
      <c r="B654" s="8"/>
      <c r="C654" s="8" t="s">
        <v>54</v>
      </c>
      <c r="D654" t="s">
        <v>77</v>
      </c>
      <c r="E654" s="8" t="s">
        <v>36</v>
      </c>
      <c r="F654" t="s">
        <v>55</v>
      </c>
      <c r="G654" t="s">
        <v>78</v>
      </c>
      <c r="H654" t="s">
        <v>55</v>
      </c>
      <c r="I654" s="8">
        <v>2028</v>
      </c>
      <c r="J654" t="s">
        <v>48</v>
      </c>
      <c r="K654" s="10"/>
      <c r="M654" s="10"/>
      <c r="N654">
        <v>0</v>
      </c>
    </row>
    <row r="655" spans="1:14" hidden="1">
      <c r="A655" s="7" t="s">
        <v>10</v>
      </c>
      <c r="B655" s="8"/>
      <c r="C655" s="8" t="s">
        <v>54</v>
      </c>
      <c r="D655" t="s">
        <v>77</v>
      </c>
      <c r="E655" s="8" t="s">
        <v>36</v>
      </c>
      <c r="F655" t="s">
        <v>55</v>
      </c>
      <c r="G655" t="s">
        <v>78</v>
      </c>
      <c r="H655" t="s">
        <v>55</v>
      </c>
      <c r="I655" s="8">
        <v>2028</v>
      </c>
      <c r="J655" t="s">
        <v>14</v>
      </c>
      <c r="K655" s="10">
        <v>16688</v>
      </c>
      <c r="L655">
        <v>2044</v>
      </c>
      <c r="M655" s="10">
        <v>0</v>
      </c>
      <c r="N655">
        <v>0</v>
      </c>
    </row>
    <row r="656" spans="1:14" hidden="1">
      <c r="A656" s="7" t="s">
        <v>10</v>
      </c>
      <c r="B656" s="8"/>
      <c r="C656" s="8" t="s">
        <v>54</v>
      </c>
      <c r="D656" t="s">
        <v>77</v>
      </c>
      <c r="E656" s="8" t="s">
        <v>36</v>
      </c>
      <c r="F656" t="s">
        <v>55</v>
      </c>
      <c r="G656" t="s">
        <v>78</v>
      </c>
      <c r="H656" t="s">
        <v>55</v>
      </c>
      <c r="I656" s="8">
        <v>2028</v>
      </c>
      <c r="J656" t="s">
        <v>49</v>
      </c>
      <c r="K656" s="10"/>
      <c r="M656" s="10"/>
      <c r="N656">
        <v>0</v>
      </c>
    </row>
    <row r="657" spans="1:14" hidden="1">
      <c r="A657" s="7" t="s">
        <v>10</v>
      </c>
      <c r="B657" s="8"/>
      <c r="C657" s="8" t="s">
        <v>54</v>
      </c>
      <c r="D657" t="s">
        <v>77</v>
      </c>
      <c r="E657" s="8" t="s">
        <v>36</v>
      </c>
      <c r="F657" t="s">
        <v>55</v>
      </c>
      <c r="G657" t="s">
        <v>79</v>
      </c>
      <c r="H657" t="s">
        <v>55</v>
      </c>
      <c r="I657" s="8">
        <v>2028</v>
      </c>
      <c r="J657" t="s">
        <v>15</v>
      </c>
      <c r="K657" s="10">
        <v>8016</v>
      </c>
      <c r="L657">
        <v>4971</v>
      </c>
      <c r="M657" s="10">
        <v>6862</v>
      </c>
      <c r="N657">
        <v>0</v>
      </c>
    </row>
    <row r="658" spans="1:14" hidden="1">
      <c r="A658" s="7" t="s">
        <v>10</v>
      </c>
      <c r="B658" s="8"/>
      <c r="C658" s="8" t="s">
        <v>54</v>
      </c>
      <c r="D658" t="s">
        <v>77</v>
      </c>
      <c r="E658" s="8" t="s">
        <v>36</v>
      </c>
      <c r="F658" t="s">
        <v>55</v>
      </c>
      <c r="G658" t="s">
        <v>79</v>
      </c>
      <c r="H658" t="s">
        <v>55</v>
      </c>
      <c r="I658" s="8">
        <v>2028</v>
      </c>
      <c r="J658" t="s">
        <v>50</v>
      </c>
      <c r="K658" s="10"/>
      <c r="M658" s="10"/>
      <c r="N658">
        <v>0</v>
      </c>
    </row>
    <row r="659" spans="1:14" hidden="1">
      <c r="A659" s="7" t="s">
        <v>10</v>
      </c>
      <c r="B659" s="8"/>
      <c r="C659" s="8" t="s">
        <v>54</v>
      </c>
      <c r="D659" t="s">
        <v>77</v>
      </c>
      <c r="E659" s="8" t="s">
        <v>36</v>
      </c>
      <c r="F659" t="s">
        <v>55</v>
      </c>
      <c r="G659" t="s">
        <v>19</v>
      </c>
      <c r="H659" t="s">
        <v>55</v>
      </c>
      <c r="I659" s="8">
        <v>2028</v>
      </c>
      <c r="J659" t="s">
        <v>19</v>
      </c>
      <c r="K659" s="10"/>
      <c r="M659" s="10"/>
      <c r="N659">
        <v>0</v>
      </c>
    </row>
    <row r="660" spans="1:14" hidden="1">
      <c r="A660" s="7" t="s">
        <v>10</v>
      </c>
      <c r="B660" s="8"/>
      <c r="C660" s="8" t="s">
        <v>54</v>
      </c>
      <c r="D660" t="s">
        <v>77</v>
      </c>
      <c r="E660" s="8" t="s">
        <v>36</v>
      </c>
      <c r="F660" t="s">
        <v>55</v>
      </c>
      <c r="G660" t="s">
        <v>78</v>
      </c>
      <c r="H660" t="s">
        <v>55</v>
      </c>
      <c r="I660" s="8">
        <v>2028</v>
      </c>
      <c r="J660" t="s">
        <v>21</v>
      </c>
      <c r="K660" s="10"/>
      <c r="M660" s="10"/>
      <c r="N660">
        <v>0</v>
      </c>
    </row>
    <row r="661" spans="1:14" hidden="1">
      <c r="A661" s="7" t="s">
        <v>10</v>
      </c>
      <c r="B661" s="8"/>
      <c r="C661" s="8" t="s">
        <v>54</v>
      </c>
      <c r="D661" t="s">
        <v>77</v>
      </c>
      <c r="E661" s="8" t="s">
        <v>36</v>
      </c>
      <c r="F661" t="s">
        <v>55</v>
      </c>
      <c r="G661" t="s">
        <v>78</v>
      </c>
      <c r="H661" t="s">
        <v>55</v>
      </c>
      <c r="I661" s="8">
        <v>2028</v>
      </c>
      <c r="J661" t="s">
        <v>51</v>
      </c>
      <c r="K661" s="10"/>
      <c r="M661" s="10"/>
      <c r="N661">
        <v>0</v>
      </c>
    </row>
    <row r="662" spans="1:14" hidden="1">
      <c r="A662" s="7" t="s">
        <v>10</v>
      </c>
      <c r="B662" s="8"/>
      <c r="C662" s="8" t="s">
        <v>54</v>
      </c>
      <c r="D662" t="s">
        <v>77</v>
      </c>
      <c r="E662" s="8" t="s">
        <v>36</v>
      </c>
      <c r="F662" t="s">
        <v>55</v>
      </c>
      <c r="G662" t="s">
        <v>78</v>
      </c>
      <c r="H662" t="s">
        <v>55</v>
      </c>
      <c r="I662" s="8">
        <v>2029</v>
      </c>
      <c r="J662" t="s">
        <v>47</v>
      </c>
      <c r="K662" s="10"/>
      <c r="M662" s="10"/>
      <c r="N662">
        <v>0</v>
      </c>
    </row>
    <row r="663" spans="1:14" hidden="1">
      <c r="A663" s="7" t="s">
        <v>10</v>
      </c>
      <c r="B663" s="8"/>
      <c r="C663" s="8" t="s">
        <v>54</v>
      </c>
      <c r="D663" t="s">
        <v>77</v>
      </c>
      <c r="E663" s="8" t="s">
        <v>36</v>
      </c>
      <c r="F663" t="s">
        <v>55</v>
      </c>
      <c r="G663" t="s">
        <v>78</v>
      </c>
      <c r="H663" t="s">
        <v>55</v>
      </c>
      <c r="I663" s="8">
        <v>2029</v>
      </c>
      <c r="J663" t="s">
        <v>48</v>
      </c>
      <c r="K663" s="10"/>
      <c r="M663" s="10"/>
      <c r="N663">
        <v>0</v>
      </c>
    </row>
    <row r="664" spans="1:14" hidden="1">
      <c r="A664" s="7" t="s">
        <v>10</v>
      </c>
      <c r="B664" s="8"/>
      <c r="C664" s="8" t="s">
        <v>54</v>
      </c>
      <c r="D664" t="s">
        <v>77</v>
      </c>
      <c r="E664" s="8" t="s">
        <v>36</v>
      </c>
      <c r="F664" t="s">
        <v>55</v>
      </c>
      <c r="G664" t="s">
        <v>78</v>
      </c>
      <c r="H664" t="s">
        <v>55</v>
      </c>
      <c r="I664" s="8">
        <v>2029</v>
      </c>
      <c r="J664" t="s">
        <v>14</v>
      </c>
      <c r="K664" s="10">
        <v>29165</v>
      </c>
      <c r="L664">
        <v>3300</v>
      </c>
      <c r="M664" s="10">
        <v>0</v>
      </c>
      <c r="N664">
        <v>0</v>
      </c>
    </row>
    <row r="665" spans="1:14" hidden="1">
      <c r="A665" s="7" t="s">
        <v>10</v>
      </c>
      <c r="B665" s="8"/>
      <c r="C665" s="8" t="s">
        <v>54</v>
      </c>
      <c r="D665" t="s">
        <v>77</v>
      </c>
      <c r="E665" s="8" t="s">
        <v>36</v>
      </c>
      <c r="F665" t="s">
        <v>55</v>
      </c>
      <c r="G665" t="s">
        <v>78</v>
      </c>
      <c r="H665" t="s">
        <v>55</v>
      </c>
      <c r="I665" s="8">
        <v>2029</v>
      </c>
      <c r="J665" t="s">
        <v>49</v>
      </c>
      <c r="K665" s="10"/>
      <c r="M665" s="10"/>
      <c r="N665">
        <v>0</v>
      </c>
    </row>
    <row r="666" spans="1:14" hidden="1">
      <c r="A666" s="7" t="s">
        <v>10</v>
      </c>
      <c r="B666" s="8"/>
      <c r="C666" s="8" t="s">
        <v>54</v>
      </c>
      <c r="D666" t="s">
        <v>77</v>
      </c>
      <c r="E666" s="8" t="s">
        <v>36</v>
      </c>
      <c r="F666" t="s">
        <v>55</v>
      </c>
      <c r="G666" t="s">
        <v>79</v>
      </c>
      <c r="H666" t="s">
        <v>55</v>
      </c>
      <c r="I666" s="8">
        <v>2029</v>
      </c>
      <c r="J666" t="s">
        <v>15</v>
      </c>
      <c r="K666" s="10">
        <v>13388</v>
      </c>
      <c r="L666">
        <v>6526</v>
      </c>
      <c r="M666" s="10">
        <v>6862</v>
      </c>
      <c r="N666">
        <v>0</v>
      </c>
    </row>
    <row r="667" spans="1:14" hidden="1">
      <c r="A667" s="7" t="s">
        <v>10</v>
      </c>
      <c r="B667" s="8"/>
      <c r="C667" s="8" t="s">
        <v>54</v>
      </c>
      <c r="D667" t="s">
        <v>77</v>
      </c>
      <c r="E667" s="8" t="s">
        <v>36</v>
      </c>
      <c r="F667" t="s">
        <v>55</v>
      </c>
      <c r="G667" t="s">
        <v>79</v>
      </c>
      <c r="H667" t="s">
        <v>55</v>
      </c>
      <c r="I667" s="8">
        <v>2029</v>
      </c>
      <c r="J667" t="s">
        <v>50</v>
      </c>
      <c r="K667" s="10"/>
      <c r="M667" s="10"/>
      <c r="N667">
        <v>0</v>
      </c>
    </row>
    <row r="668" spans="1:14" hidden="1">
      <c r="A668" s="7" t="s">
        <v>10</v>
      </c>
      <c r="B668" s="8"/>
      <c r="C668" s="8" t="s">
        <v>54</v>
      </c>
      <c r="D668" t="s">
        <v>77</v>
      </c>
      <c r="E668" s="8" t="s">
        <v>36</v>
      </c>
      <c r="F668" t="s">
        <v>55</v>
      </c>
      <c r="G668" t="s">
        <v>19</v>
      </c>
      <c r="H668" t="s">
        <v>55</v>
      </c>
      <c r="I668" s="8">
        <v>2029</v>
      </c>
      <c r="J668" t="s">
        <v>19</v>
      </c>
      <c r="K668" s="10"/>
      <c r="M668" s="10"/>
      <c r="N668">
        <v>0</v>
      </c>
    </row>
    <row r="669" spans="1:14" hidden="1">
      <c r="A669" s="7" t="s">
        <v>10</v>
      </c>
      <c r="B669" s="8"/>
      <c r="C669" s="8" t="s">
        <v>54</v>
      </c>
      <c r="D669" t="s">
        <v>77</v>
      </c>
      <c r="E669" s="8" t="s">
        <v>36</v>
      </c>
      <c r="F669" t="s">
        <v>55</v>
      </c>
      <c r="G669" t="s">
        <v>78</v>
      </c>
      <c r="H669" t="s">
        <v>55</v>
      </c>
      <c r="I669" s="8">
        <v>2029</v>
      </c>
      <c r="J669" t="s">
        <v>21</v>
      </c>
      <c r="K669" s="10"/>
      <c r="M669" s="10"/>
      <c r="N669">
        <v>0</v>
      </c>
    </row>
    <row r="670" spans="1:14" hidden="1">
      <c r="A670" s="7" t="s">
        <v>10</v>
      </c>
      <c r="B670" s="8"/>
      <c r="C670" s="8" t="s">
        <v>54</v>
      </c>
      <c r="D670" t="s">
        <v>77</v>
      </c>
      <c r="E670" s="8" t="s">
        <v>36</v>
      </c>
      <c r="F670" t="s">
        <v>55</v>
      </c>
      <c r="G670" t="s">
        <v>78</v>
      </c>
      <c r="H670" t="s">
        <v>55</v>
      </c>
      <c r="I670" s="8">
        <v>2029</v>
      </c>
      <c r="J670" t="s">
        <v>51</v>
      </c>
      <c r="K670" s="10"/>
      <c r="M670" s="10"/>
      <c r="N670">
        <v>0</v>
      </c>
    </row>
    <row r="671" spans="1:14" hidden="1">
      <c r="A671" s="7" t="s">
        <v>10</v>
      </c>
      <c r="B671" s="8"/>
      <c r="C671" s="8" t="s">
        <v>54</v>
      </c>
      <c r="D671" t="s">
        <v>77</v>
      </c>
      <c r="E671" s="8" t="s">
        <v>36</v>
      </c>
      <c r="F671" t="s">
        <v>55</v>
      </c>
      <c r="G671" t="s">
        <v>78</v>
      </c>
      <c r="H671" t="s">
        <v>55</v>
      </c>
      <c r="I671" s="8">
        <v>2030</v>
      </c>
      <c r="J671" t="s">
        <v>47</v>
      </c>
      <c r="K671" s="10"/>
      <c r="M671" s="10"/>
      <c r="N671">
        <v>0</v>
      </c>
    </row>
    <row r="672" spans="1:14" hidden="1">
      <c r="A672" s="7" t="s">
        <v>10</v>
      </c>
      <c r="B672" s="8"/>
      <c r="C672" s="8" t="s">
        <v>54</v>
      </c>
      <c r="D672" t="s">
        <v>77</v>
      </c>
      <c r="E672" s="8" t="s">
        <v>36</v>
      </c>
      <c r="F672" t="s">
        <v>55</v>
      </c>
      <c r="G672" t="s">
        <v>78</v>
      </c>
      <c r="H672" t="s">
        <v>55</v>
      </c>
      <c r="I672" s="8">
        <v>2030</v>
      </c>
      <c r="J672" t="s">
        <v>48</v>
      </c>
      <c r="K672" s="10"/>
      <c r="M672" s="10"/>
      <c r="N672">
        <v>0</v>
      </c>
    </row>
    <row r="673" spans="1:14" hidden="1">
      <c r="A673" s="7" t="s">
        <v>10</v>
      </c>
      <c r="B673" s="8"/>
      <c r="C673" s="8" t="s">
        <v>54</v>
      </c>
      <c r="D673" t="s">
        <v>77</v>
      </c>
      <c r="E673" s="8" t="s">
        <v>36</v>
      </c>
      <c r="F673" t="s">
        <v>55</v>
      </c>
      <c r="G673" t="s">
        <v>78</v>
      </c>
      <c r="H673" t="s">
        <v>55</v>
      </c>
      <c r="I673" s="8">
        <v>2030</v>
      </c>
      <c r="J673" t="s">
        <v>14</v>
      </c>
      <c r="K673" s="10">
        <v>29165</v>
      </c>
      <c r="L673">
        <v>3429</v>
      </c>
      <c r="M673" s="10">
        <v>0</v>
      </c>
      <c r="N673">
        <v>0</v>
      </c>
    </row>
    <row r="674" spans="1:14" hidden="1">
      <c r="A674" s="7" t="s">
        <v>10</v>
      </c>
      <c r="B674" s="8"/>
      <c r="C674" s="8" t="s">
        <v>54</v>
      </c>
      <c r="D674" t="s">
        <v>77</v>
      </c>
      <c r="E674" s="8" t="s">
        <v>36</v>
      </c>
      <c r="F674" t="s">
        <v>55</v>
      </c>
      <c r="G674" t="s">
        <v>78</v>
      </c>
      <c r="H674" t="s">
        <v>55</v>
      </c>
      <c r="I674" s="8">
        <v>2030</v>
      </c>
      <c r="J674" t="s">
        <v>49</v>
      </c>
      <c r="K674" s="10"/>
      <c r="M674" s="10"/>
      <c r="N674">
        <v>0</v>
      </c>
    </row>
    <row r="675" spans="1:14" hidden="1">
      <c r="A675" s="7" t="s">
        <v>10</v>
      </c>
      <c r="B675" s="8"/>
      <c r="C675" s="8" t="s">
        <v>54</v>
      </c>
      <c r="D675" t="s">
        <v>77</v>
      </c>
      <c r="E675" s="8" t="s">
        <v>36</v>
      </c>
      <c r="F675" t="s">
        <v>55</v>
      </c>
      <c r="G675" t="s">
        <v>79</v>
      </c>
      <c r="H675" t="s">
        <v>55</v>
      </c>
      <c r="I675" s="8">
        <v>2030</v>
      </c>
      <c r="J675" t="s">
        <v>15</v>
      </c>
      <c r="K675" s="10">
        <v>14536</v>
      </c>
      <c r="L675">
        <v>7662</v>
      </c>
      <c r="M675" s="10">
        <v>6874</v>
      </c>
      <c r="N675">
        <v>0</v>
      </c>
    </row>
    <row r="676" spans="1:14" hidden="1">
      <c r="A676" s="7" t="s">
        <v>10</v>
      </c>
      <c r="B676" s="8"/>
      <c r="C676" s="8" t="s">
        <v>54</v>
      </c>
      <c r="D676" t="s">
        <v>77</v>
      </c>
      <c r="E676" s="8" t="s">
        <v>36</v>
      </c>
      <c r="F676" t="s">
        <v>55</v>
      </c>
      <c r="G676" t="s">
        <v>79</v>
      </c>
      <c r="H676" t="s">
        <v>55</v>
      </c>
      <c r="I676" s="8">
        <v>2030</v>
      </c>
      <c r="J676" t="s">
        <v>50</v>
      </c>
      <c r="K676" s="10"/>
      <c r="M676" s="10"/>
      <c r="N676">
        <v>0</v>
      </c>
    </row>
    <row r="677" spans="1:14" hidden="1">
      <c r="A677" s="7" t="s">
        <v>10</v>
      </c>
      <c r="B677" s="8"/>
      <c r="C677" s="8" t="s">
        <v>54</v>
      </c>
      <c r="D677" t="s">
        <v>77</v>
      </c>
      <c r="E677" s="8" t="s">
        <v>36</v>
      </c>
      <c r="F677" t="s">
        <v>55</v>
      </c>
      <c r="G677" t="s">
        <v>19</v>
      </c>
      <c r="H677" t="s">
        <v>55</v>
      </c>
      <c r="I677" s="8">
        <v>2030</v>
      </c>
      <c r="J677" t="s">
        <v>19</v>
      </c>
      <c r="K677" s="10"/>
      <c r="M677" s="10"/>
      <c r="N677">
        <v>0</v>
      </c>
    </row>
    <row r="678" spans="1:14" hidden="1">
      <c r="A678" s="7" t="s">
        <v>10</v>
      </c>
      <c r="B678" s="8"/>
      <c r="C678" s="8" t="s">
        <v>54</v>
      </c>
      <c r="D678" t="s">
        <v>77</v>
      </c>
      <c r="E678" s="8" t="s">
        <v>36</v>
      </c>
      <c r="F678" t="s">
        <v>55</v>
      </c>
      <c r="G678" t="s">
        <v>78</v>
      </c>
      <c r="H678" t="s">
        <v>55</v>
      </c>
      <c r="I678" s="8">
        <v>2030</v>
      </c>
      <c r="J678" t="s">
        <v>21</v>
      </c>
      <c r="K678" s="10"/>
      <c r="M678" s="10"/>
      <c r="N678">
        <v>0</v>
      </c>
    </row>
    <row r="679" spans="1:14" hidden="1">
      <c r="A679" s="7" t="s">
        <v>10</v>
      </c>
      <c r="B679" s="8"/>
      <c r="C679" s="8" t="s">
        <v>54</v>
      </c>
      <c r="D679" t="s">
        <v>77</v>
      </c>
      <c r="E679" s="8" t="s">
        <v>36</v>
      </c>
      <c r="F679" t="s">
        <v>55</v>
      </c>
      <c r="G679" t="s">
        <v>78</v>
      </c>
      <c r="H679" t="s">
        <v>55</v>
      </c>
      <c r="I679" s="8">
        <v>2030</v>
      </c>
      <c r="J679" t="s">
        <v>51</v>
      </c>
      <c r="K679" s="10"/>
      <c r="M679" s="10"/>
      <c r="N679">
        <v>0</v>
      </c>
    </row>
    <row r="680" spans="1:14" hidden="1">
      <c r="A680" s="7" t="s">
        <v>10</v>
      </c>
      <c r="B680" s="8"/>
      <c r="C680" s="8" t="s">
        <v>54</v>
      </c>
      <c r="D680" t="s">
        <v>77</v>
      </c>
      <c r="E680" s="8" t="s">
        <v>36</v>
      </c>
      <c r="F680" t="s">
        <v>55</v>
      </c>
      <c r="G680" t="s">
        <v>78</v>
      </c>
      <c r="H680" t="s">
        <v>55</v>
      </c>
      <c r="I680" s="8">
        <v>2031</v>
      </c>
      <c r="J680" t="s">
        <v>47</v>
      </c>
      <c r="K680" s="10"/>
      <c r="M680" s="10"/>
      <c r="N680">
        <v>0</v>
      </c>
    </row>
    <row r="681" spans="1:14" hidden="1">
      <c r="A681" s="7" t="s">
        <v>10</v>
      </c>
      <c r="B681" s="8"/>
      <c r="C681" s="8" t="s">
        <v>54</v>
      </c>
      <c r="D681" t="s">
        <v>77</v>
      </c>
      <c r="E681" s="8" t="s">
        <v>36</v>
      </c>
      <c r="F681" t="s">
        <v>55</v>
      </c>
      <c r="G681" t="s">
        <v>78</v>
      </c>
      <c r="H681" t="s">
        <v>55</v>
      </c>
      <c r="I681" s="8">
        <v>2031</v>
      </c>
      <c r="J681" t="s">
        <v>48</v>
      </c>
      <c r="K681" s="10"/>
      <c r="M681" s="10"/>
      <c r="N681">
        <v>0</v>
      </c>
    </row>
    <row r="682" spans="1:14" hidden="1">
      <c r="A682" s="7" t="s">
        <v>10</v>
      </c>
      <c r="B682" s="8"/>
      <c r="C682" s="8" t="s">
        <v>54</v>
      </c>
      <c r="D682" t="s">
        <v>77</v>
      </c>
      <c r="E682" s="8" t="s">
        <v>36</v>
      </c>
      <c r="F682" t="s">
        <v>55</v>
      </c>
      <c r="G682" t="s">
        <v>78</v>
      </c>
      <c r="H682" t="s">
        <v>55</v>
      </c>
      <c r="I682" s="8">
        <v>2031</v>
      </c>
      <c r="J682" t="s">
        <v>14</v>
      </c>
      <c r="K682" s="10">
        <v>29657</v>
      </c>
      <c r="L682">
        <v>3499</v>
      </c>
      <c r="M682" s="10">
        <v>0</v>
      </c>
      <c r="N682">
        <v>0</v>
      </c>
    </row>
    <row r="683" spans="1:14" hidden="1">
      <c r="A683" s="7" t="s">
        <v>10</v>
      </c>
      <c r="B683" s="8"/>
      <c r="C683" s="8" t="s">
        <v>54</v>
      </c>
      <c r="D683" t="s">
        <v>77</v>
      </c>
      <c r="E683" s="8" t="s">
        <v>36</v>
      </c>
      <c r="F683" t="s">
        <v>55</v>
      </c>
      <c r="G683" t="s">
        <v>78</v>
      </c>
      <c r="H683" t="s">
        <v>55</v>
      </c>
      <c r="I683" s="8">
        <v>2031</v>
      </c>
      <c r="J683" t="s">
        <v>49</v>
      </c>
      <c r="K683" s="10"/>
      <c r="M683" s="10"/>
      <c r="N683">
        <v>0</v>
      </c>
    </row>
    <row r="684" spans="1:14" hidden="1">
      <c r="A684" s="7" t="s">
        <v>10</v>
      </c>
      <c r="B684" s="8"/>
      <c r="C684" s="8" t="s">
        <v>54</v>
      </c>
      <c r="D684" t="s">
        <v>77</v>
      </c>
      <c r="E684" s="8" t="s">
        <v>36</v>
      </c>
      <c r="F684" t="s">
        <v>55</v>
      </c>
      <c r="G684" t="s">
        <v>79</v>
      </c>
      <c r="H684" t="s">
        <v>55</v>
      </c>
      <c r="I684" s="8">
        <v>2031</v>
      </c>
      <c r="J684" t="s">
        <v>15</v>
      </c>
      <c r="K684" s="10">
        <v>14773</v>
      </c>
      <c r="L684">
        <v>7890</v>
      </c>
      <c r="M684" s="10">
        <v>6883</v>
      </c>
      <c r="N684">
        <v>0</v>
      </c>
    </row>
    <row r="685" spans="1:14" hidden="1">
      <c r="A685" s="7" t="s">
        <v>10</v>
      </c>
      <c r="B685" s="8"/>
      <c r="C685" s="8" t="s">
        <v>54</v>
      </c>
      <c r="D685" t="s">
        <v>77</v>
      </c>
      <c r="E685" s="8" t="s">
        <v>36</v>
      </c>
      <c r="F685" t="s">
        <v>55</v>
      </c>
      <c r="G685" t="s">
        <v>79</v>
      </c>
      <c r="H685" t="s">
        <v>55</v>
      </c>
      <c r="I685" s="8">
        <v>2031</v>
      </c>
      <c r="J685" t="s">
        <v>50</v>
      </c>
      <c r="K685" s="10"/>
      <c r="M685" s="10"/>
      <c r="N685">
        <v>0</v>
      </c>
    </row>
    <row r="686" spans="1:14" hidden="1">
      <c r="A686" s="7" t="s">
        <v>10</v>
      </c>
      <c r="B686" s="8"/>
      <c r="C686" s="8" t="s">
        <v>54</v>
      </c>
      <c r="D686" t="s">
        <v>77</v>
      </c>
      <c r="E686" s="8" t="s">
        <v>36</v>
      </c>
      <c r="F686" t="s">
        <v>55</v>
      </c>
      <c r="G686" t="s">
        <v>19</v>
      </c>
      <c r="H686" t="s">
        <v>55</v>
      </c>
      <c r="I686" s="8">
        <v>2031</v>
      </c>
      <c r="J686" t="s">
        <v>19</v>
      </c>
      <c r="K686" s="10"/>
      <c r="M686" s="10"/>
      <c r="N686">
        <v>0</v>
      </c>
    </row>
    <row r="687" spans="1:14" hidden="1">
      <c r="A687" s="7" t="s">
        <v>10</v>
      </c>
      <c r="B687" s="8"/>
      <c r="C687" s="8" t="s">
        <v>54</v>
      </c>
      <c r="D687" t="s">
        <v>77</v>
      </c>
      <c r="E687" s="8" t="s">
        <v>36</v>
      </c>
      <c r="F687" t="s">
        <v>55</v>
      </c>
      <c r="G687" t="s">
        <v>78</v>
      </c>
      <c r="H687" t="s">
        <v>55</v>
      </c>
      <c r="I687" s="8">
        <v>2031</v>
      </c>
      <c r="J687" t="s">
        <v>21</v>
      </c>
      <c r="K687" s="10"/>
      <c r="M687" s="10"/>
      <c r="N687">
        <v>0</v>
      </c>
    </row>
    <row r="688" spans="1:14" hidden="1">
      <c r="A688" s="7" t="s">
        <v>10</v>
      </c>
      <c r="B688" s="8"/>
      <c r="C688" s="8" t="s">
        <v>54</v>
      </c>
      <c r="D688" t="s">
        <v>77</v>
      </c>
      <c r="E688" s="8" t="s">
        <v>36</v>
      </c>
      <c r="F688" t="s">
        <v>55</v>
      </c>
      <c r="G688" t="s">
        <v>78</v>
      </c>
      <c r="H688" t="s">
        <v>55</v>
      </c>
      <c r="I688" s="8">
        <v>2031</v>
      </c>
      <c r="J688" t="s">
        <v>51</v>
      </c>
      <c r="K688" s="10"/>
      <c r="M688" s="10"/>
      <c r="N688">
        <v>0</v>
      </c>
    </row>
    <row r="689" spans="1:14" hidden="1">
      <c r="A689" s="7" t="s">
        <v>10</v>
      </c>
      <c r="B689" s="8"/>
      <c r="C689" s="8" t="s">
        <v>54</v>
      </c>
      <c r="D689" t="s">
        <v>77</v>
      </c>
      <c r="E689" s="8" t="s">
        <v>36</v>
      </c>
      <c r="F689" t="s">
        <v>55</v>
      </c>
      <c r="G689" t="s">
        <v>78</v>
      </c>
      <c r="H689" t="s">
        <v>55</v>
      </c>
      <c r="I689" s="8">
        <v>2032</v>
      </c>
      <c r="J689" t="s">
        <v>47</v>
      </c>
      <c r="K689" s="10"/>
      <c r="M689" s="10"/>
      <c r="N689">
        <v>0</v>
      </c>
    </row>
    <row r="690" spans="1:14" hidden="1">
      <c r="A690" s="7" t="s">
        <v>10</v>
      </c>
      <c r="B690" s="8"/>
      <c r="C690" s="8" t="s">
        <v>54</v>
      </c>
      <c r="D690" t="s">
        <v>77</v>
      </c>
      <c r="E690" s="8" t="s">
        <v>36</v>
      </c>
      <c r="F690" t="s">
        <v>55</v>
      </c>
      <c r="G690" t="s">
        <v>78</v>
      </c>
      <c r="H690" t="s">
        <v>55</v>
      </c>
      <c r="I690" s="8">
        <v>2032</v>
      </c>
      <c r="J690" t="s">
        <v>48</v>
      </c>
      <c r="K690" s="10"/>
      <c r="M690" s="10"/>
      <c r="N690">
        <v>0</v>
      </c>
    </row>
    <row r="691" spans="1:14" hidden="1">
      <c r="A691" s="7" t="s">
        <v>10</v>
      </c>
      <c r="B691" s="8"/>
      <c r="C691" s="8" t="s">
        <v>54</v>
      </c>
      <c r="D691" t="s">
        <v>77</v>
      </c>
      <c r="E691" s="8" t="s">
        <v>36</v>
      </c>
      <c r="F691" t="s">
        <v>55</v>
      </c>
      <c r="G691" t="s">
        <v>78</v>
      </c>
      <c r="H691" t="s">
        <v>55</v>
      </c>
      <c r="I691" s="8">
        <v>2032</v>
      </c>
      <c r="J691" t="s">
        <v>14</v>
      </c>
      <c r="K691" s="10">
        <v>29438</v>
      </c>
      <c r="L691">
        <v>3470</v>
      </c>
      <c r="M691" s="10">
        <v>0</v>
      </c>
      <c r="N691">
        <v>0</v>
      </c>
    </row>
    <row r="692" spans="1:14" hidden="1">
      <c r="A692" s="7" t="s">
        <v>10</v>
      </c>
      <c r="B692" s="8"/>
      <c r="C692" s="8" t="s">
        <v>54</v>
      </c>
      <c r="D692" t="s">
        <v>77</v>
      </c>
      <c r="E692" s="8" t="s">
        <v>36</v>
      </c>
      <c r="F692" t="s">
        <v>55</v>
      </c>
      <c r="G692" t="s">
        <v>78</v>
      </c>
      <c r="H692" t="s">
        <v>55</v>
      </c>
      <c r="I692" s="8">
        <v>2032</v>
      </c>
      <c r="J692" t="s">
        <v>49</v>
      </c>
      <c r="K692" s="10"/>
      <c r="M692" s="10"/>
      <c r="N692">
        <v>0</v>
      </c>
    </row>
    <row r="693" spans="1:14" hidden="1">
      <c r="A693" s="7" t="s">
        <v>10</v>
      </c>
      <c r="B693" s="8"/>
      <c r="C693" s="8" t="s">
        <v>54</v>
      </c>
      <c r="D693" t="s">
        <v>77</v>
      </c>
      <c r="E693" s="8" t="s">
        <v>36</v>
      </c>
      <c r="F693" t="s">
        <v>55</v>
      </c>
      <c r="G693" t="s">
        <v>79</v>
      </c>
      <c r="H693" t="s">
        <v>55</v>
      </c>
      <c r="I693" s="8">
        <v>2032</v>
      </c>
      <c r="J693" t="s">
        <v>15</v>
      </c>
      <c r="K693" s="10">
        <v>14726</v>
      </c>
      <c r="L693">
        <v>7840</v>
      </c>
      <c r="M693" s="10">
        <v>6886</v>
      </c>
      <c r="N693">
        <v>0</v>
      </c>
    </row>
    <row r="694" spans="1:14" hidden="1">
      <c r="A694" s="7" t="s">
        <v>10</v>
      </c>
      <c r="B694" s="8"/>
      <c r="C694" s="8" t="s">
        <v>54</v>
      </c>
      <c r="D694" t="s">
        <v>77</v>
      </c>
      <c r="E694" s="8" t="s">
        <v>36</v>
      </c>
      <c r="F694" t="s">
        <v>55</v>
      </c>
      <c r="G694" t="s">
        <v>79</v>
      </c>
      <c r="H694" t="s">
        <v>55</v>
      </c>
      <c r="I694" s="8">
        <v>2032</v>
      </c>
      <c r="J694" t="s">
        <v>50</v>
      </c>
      <c r="K694" s="10"/>
      <c r="M694" s="10"/>
      <c r="N694">
        <v>0</v>
      </c>
    </row>
    <row r="695" spans="1:14" hidden="1">
      <c r="A695" s="7" t="s">
        <v>10</v>
      </c>
      <c r="B695" s="8"/>
      <c r="C695" s="8" t="s">
        <v>54</v>
      </c>
      <c r="D695" t="s">
        <v>77</v>
      </c>
      <c r="E695" s="8" t="s">
        <v>36</v>
      </c>
      <c r="F695" t="s">
        <v>55</v>
      </c>
      <c r="G695" t="s">
        <v>19</v>
      </c>
      <c r="H695" t="s">
        <v>55</v>
      </c>
      <c r="I695" s="8">
        <v>2032</v>
      </c>
      <c r="J695" t="s">
        <v>19</v>
      </c>
      <c r="K695" s="10"/>
      <c r="M695" s="10"/>
      <c r="N695">
        <v>0</v>
      </c>
    </row>
    <row r="696" spans="1:14" hidden="1">
      <c r="A696" s="7" t="s">
        <v>10</v>
      </c>
      <c r="B696" s="8"/>
      <c r="C696" s="8" t="s">
        <v>54</v>
      </c>
      <c r="D696" t="s">
        <v>77</v>
      </c>
      <c r="E696" s="8" t="s">
        <v>36</v>
      </c>
      <c r="F696" t="s">
        <v>55</v>
      </c>
      <c r="G696" t="s">
        <v>78</v>
      </c>
      <c r="H696" t="s">
        <v>55</v>
      </c>
      <c r="I696" s="8">
        <v>2032</v>
      </c>
      <c r="J696" t="s">
        <v>21</v>
      </c>
      <c r="K696" s="10"/>
      <c r="M696" s="10"/>
      <c r="N696">
        <v>0</v>
      </c>
    </row>
    <row r="697" spans="1:14" hidden="1">
      <c r="A697" s="7" t="s">
        <v>10</v>
      </c>
      <c r="B697" s="8"/>
      <c r="C697" s="8" t="s">
        <v>54</v>
      </c>
      <c r="D697" t="s">
        <v>77</v>
      </c>
      <c r="E697" s="8" t="s">
        <v>36</v>
      </c>
      <c r="F697" t="s">
        <v>55</v>
      </c>
      <c r="G697" t="s">
        <v>78</v>
      </c>
      <c r="H697" t="s">
        <v>55</v>
      </c>
      <c r="I697" s="8">
        <v>2032</v>
      </c>
      <c r="J697" t="s">
        <v>51</v>
      </c>
      <c r="K697" s="10"/>
      <c r="M697" s="10"/>
      <c r="N697">
        <v>0</v>
      </c>
    </row>
    <row r="698" spans="1:14" hidden="1">
      <c r="A698" s="7" t="s">
        <v>10</v>
      </c>
      <c r="B698" s="8"/>
      <c r="C698" s="8" t="s">
        <v>54</v>
      </c>
      <c r="D698" t="s">
        <v>77</v>
      </c>
      <c r="E698" s="8" t="s">
        <v>36</v>
      </c>
      <c r="F698" t="s">
        <v>55</v>
      </c>
      <c r="G698" t="s">
        <v>78</v>
      </c>
      <c r="H698" t="s">
        <v>55</v>
      </c>
      <c r="I698" s="8">
        <v>2033</v>
      </c>
      <c r="J698" t="s">
        <v>47</v>
      </c>
      <c r="K698" s="10"/>
      <c r="M698" s="10"/>
      <c r="N698">
        <v>0</v>
      </c>
    </row>
    <row r="699" spans="1:14" hidden="1">
      <c r="A699" s="7" t="s">
        <v>10</v>
      </c>
      <c r="B699" s="8"/>
      <c r="C699" s="8" t="s">
        <v>54</v>
      </c>
      <c r="D699" t="s">
        <v>77</v>
      </c>
      <c r="E699" s="8" t="s">
        <v>36</v>
      </c>
      <c r="F699" t="s">
        <v>55</v>
      </c>
      <c r="G699" t="s">
        <v>78</v>
      </c>
      <c r="H699" t="s">
        <v>55</v>
      </c>
      <c r="I699" s="8">
        <v>2033</v>
      </c>
      <c r="J699" t="s">
        <v>48</v>
      </c>
      <c r="K699" s="10"/>
      <c r="M699" s="10"/>
      <c r="N699">
        <v>0</v>
      </c>
    </row>
    <row r="700" spans="1:14" hidden="1">
      <c r="A700" s="7" t="s">
        <v>10</v>
      </c>
      <c r="B700" s="8"/>
      <c r="C700" s="8" t="s">
        <v>54</v>
      </c>
      <c r="D700" t="s">
        <v>77</v>
      </c>
      <c r="E700" s="8" t="s">
        <v>36</v>
      </c>
      <c r="F700" t="s">
        <v>55</v>
      </c>
      <c r="G700" t="s">
        <v>78</v>
      </c>
      <c r="H700" t="s">
        <v>55</v>
      </c>
      <c r="I700" s="8">
        <v>2033</v>
      </c>
      <c r="J700" t="s">
        <v>14</v>
      </c>
      <c r="K700" s="10">
        <v>29756</v>
      </c>
      <c r="L700">
        <v>3513</v>
      </c>
      <c r="M700" s="10">
        <v>0</v>
      </c>
      <c r="N700">
        <v>0</v>
      </c>
    </row>
    <row r="701" spans="1:14" hidden="1">
      <c r="A701" s="7" t="s">
        <v>10</v>
      </c>
      <c r="B701" s="8"/>
      <c r="C701" s="8" t="s">
        <v>54</v>
      </c>
      <c r="D701" t="s">
        <v>77</v>
      </c>
      <c r="E701" s="8" t="s">
        <v>36</v>
      </c>
      <c r="F701" t="s">
        <v>55</v>
      </c>
      <c r="G701" t="s">
        <v>78</v>
      </c>
      <c r="H701" t="s">
        <v>55</v>
      </c>
      <c r="I701" s="8">
        <v>2033</v>
      </c>
      <c r="J701" t="s">
        <v>49</v>
      </c>
      <c r="K701" s="10"/>
      <c r="M701" s="10"/>
      <c r="N701">
        <v>0</v>
      </c>
    </row>
    <row r="702" spans="1:14" hidden="1">
      <c r="A702" s="7" t="s">
        <v>10</v>
      </c>
      <c r="B702" s="8"/>
      <c r="C702" s="8" t="s">
        <v>54</v>
      </c>
      <c r="D702" t="s">
        <v>77</v>
      </c>
      <c r="E702" s="8" t="s">
        <v>36</v>
      </c>
      <c r="F702" t="s">
        <v>55</v>
      </c>
      <c r="G702" t="s">
        <v>79</v>
      </c>
      <c r="H702" t="s">
        <v>55</v>
      </c>
      <c r="I702" s="8">
        <v>2033</v>
      </c>
      <c r="J702" t="s">
        <v>15</v>
      </c>
      <c r="K702" s="10">
        <v>14845</v>
      </c>
      <c r="L702">
        <v>7959</v>
      </c>
      <c r="M702" s="10">
        <v>6886</v>
      </c>
      <c r="N702">
        <v>0</v>
      </c>
    </row>
    <row r="703" spans="1:14" hidden="1">
      <c r="A703" s="7" t="s">
        <v>10</v>
      </c>
      <c r="B703" s="8"/>
      <c r="C703" s="8" t="s">
        <v>54</v>
      </c>
      <c r="D703" t="s">
        <v>77</v>
      </c>
      <c r="E703" s="8" t="s">
        <v>36</v>
      </c>
      <c r="F703" t="s">
        <v>55</v>
      </c>
      <c r="G703" t="s">
        <v>79</v>
      </c>
      <c r="H703" t="s">
        <v>55</v>
      </c>
      <c r="I703" s="8">
        <v>2033</v>
      </c>
      <c r="J703" t="s">
        <v>50</v>
      </c>
      <c r="K703" s="10"/>
      <c r="M703" s="10"/>
      <c r="N703">
        <v>0</v>
      </c>
    </row>
    <row r="704" spans="1:14" hidden="1">
      <c r="A704" s="7" t="s">
        <v>10</v>
      </c>
      <c r="B704" s="8"/>
      <c r="C704" s="8" t="s">
        <v>54</v>
      </c>
      <c r="D704" t="s">
        <v>77</v>
      </c>
      <c r="E704" s="8" t="s">
        <v>36</v>
      </c>
      <c r="F704" t="s">
        <v>55</v>
      </c>
      <c r="G704" t="s">
        <v>19</v>
      </c>
      <c r="H704" t="s">
        <v>55</v>
      </c>
      <c r="I704" s="8">
        <v>2033</v>
      </c>
      <c r="J704" t="s">
        <v>19</v>
      </c>
      <c r="K704" s="10"/>
      <c r="M704" s="10"/>
      <c r="N704">
        <v>0</v>
      </c>
    </row>
    <row r="705" spans="1:14" hidden="1">
      <c r="A705" s="7" t="s">
        <v>10</v>
      </c>
      <c r="B705" s="8"/>
      <c r="C705" s="8" t="s">
        <v>54</v>
      </c>
      <c r="D705" t="s">
        <v>77</v>
      </c>
      <c r="E705" s="8" t="s">
        <v>36</v>
      </c>
      <c r="F705" t="s">
        <v>55</v>
      </c>
      <c r="G705" t="s">
        <v>78</v>
      </c>
      <c r="H705" t="s">
        <v>55</v>
      </c>
      <c r="I705" s="8">
        <v>2033</v>
      </c>
      <c r="J705" t="s">
        <v>21</v>
      </c>
      <c r="K705" s="10"/>
      <c r="M705" s="10"/>
      <c r="N705">
        <v>0</v>
      </c>
    </row>
    <row r="706" spans="1:14" hidden="1">
      <c r="A706" s="7" t="s">
        <v>10</v>
      </c>
      <c r="B706" s="8"/>
      <c r="C706" s="8" t="s">
        <v>54</v>
      </c>
      <c r="D706" t="s">
        <v>77</v>
      </c>
      <c r="E706" s="8" t="s">
        <v>36</v>
      </c>
      <c r="F706" t="s">
        <v>55</v>
      </c>
      <c r="G706" t="s">
        <v>78</v>
      </c>
      <c r="H706" t="s">
        <v>55</v>
      </c>
      <c r="I706" s="8">
        <v>2033</v>
      </c>
      <c r="J706" t="s">
        <v>51</v>
      </c>
      <c r="K706" s="10"/>
      <c r="M706" s="10"/>
      <c r="N706">
        <v>0</v>
      </c>
    </row>
    <row r="707" spans="1:14" hidden="1">
      <c r="A707" s="7" t="s">
        <v>10</v>
      </c>
      <c r="B707" s="8"/>
      <c r="C707" s="8" t="s">
        <v>54</v>
      </c>
      <c r="D707" t="s">
        <v>77</v>
      </c>
      <c r="E707" s="8" t="s">
        <v>36</v>
      </c>
      <c r="F707" t="s">
        <v>55</v>
      </c>
      <c r="G707" t="s">
        <v>78</v>
      </c>
      <c r="H707" t="s">
        <v>55</v>
      </c>
      <c r="I707" s="8">
        <v>2034</v>
      </c>
      <c r="J707" t="s">
        <v>47</v>
      </c>
      <c r="K707" s="10"/>
      <c r="M707" s="10"/>
      <c r="N707">
        <v>0</v>
      </c>
    </row>
    <row r="708" spans="1:14" hidden="1">
      <c r="A708" s="7" t="s">
        <v>10</v>
      </c>
      <c r="B708" s="8"/>
      <c r="C708" s="8" t="s">
        <v>54</v>
      </c>
      <c r="D708" t="s">
        <v>77</v>
      </c>
      <c r="E708" s="8" t="s">
        <v>36</v>
      </c>
      <c r="F708" t="s">
        <v>55</v>
      </c>
      <c r="G708" t="s">
        <v>78</v>
      </c>
      <c r="H708" t="s">
        <v>55</v>
      </c>
      <c r="I708" s="8">
        <v>2034</v>
      </c>
      <c r="J708" t="s">
        <v>48</v>
      </c>
      <c r="K708" s="10"/>
      <c r="M708" s="10"/>
      <c r="N708">
        <v>0</v>
      </c>
    </row>
    <row r="709" spans="1:14" hidden="1">
      <c r="A709" s="7" t="s">
        <v>10</v>
      </c>
      <c r="B709" s="8"/>
      <c r="C709" s="8" t="s">
        <v>54</v>
      </c>
      <c r="D709" t="s">
        <v>77</v>
      </c>
      <c r="E709" s="8" t="s">
        <v>36</v>
      </c>
      <c r="F709" t="s">
        <v>55</v>
      </c>
      <c r="G709" t="s">
        <v>78</v>
      </c>
      <c r="H709" t="s">
        <v>55</v>
      </c>
      <c r="I709" s="8">
        <v>2034</v>
      </c>
      <c r="J709" t="s">
        <v>14</v>
      </c>
      <c r="K709" s="10">
        <v>29438</v>
      </c>
      <c r="L709">
        <v>3470</v>
      </c>
      <c r="M709" s="10">
        <v>0</v>
      </c>
      <c r="N709">
        <v>0</v>
      </c>
    </row>
    <row r="710" spans="1:14" hidden="1">
      <c r="A710" s="7" t="s">
        <v>10</v>
      </c>
      <c r="B710" s="8"/>
      <c r="C710" s="8" t="s">
        <v>54</v>
      </c>
      <c r="D710" t="s">
        <v>77</v>
      </c>
      <c r="E710" s="8" t="s">
        <v>36</v>
      </c>
      <c r="F710" t="s">
        <v>55</v>
      </c>
      <c r="G710" t="s">
        <v>78</v>
      </c>
      <c r="H710" t="s">
        <v>55</v>
      </c>
      <c r="I710" s="8">
        <v>2034</v>
      </c>
      <c r="J710" t="s">
        <v>49</v>
      </c>
      <c r="K710" s="10"/>
      <c r="M710" s="10"/>
      <c r="N710">
        <v>0</v>
      </c>
    </row>
    <row r="711" spans="1:14" hidden="1">
      <c r="A711" s="7" t="s">
        <v>10</v>
      </c>
      <c r="B711" s="8"/>
      <c r="C711" s="8" t="s">
        <v>54</v>
      </c>
      <c r="D711" t="s">
        <v>77</v>
      </c>
      <c r="E711" s="8" t="s">
        <v>36</v>
      </c>
      <c r="F711" t="s">
        <v>55</v>
      </c>
      <c r="G711" t="s">
        <v>79</v>
      </c>
      <c r="H711" t="s">
        <v>55</v>
      </c>
      <c r="I711" s="8">
        <v>2034</v>
      </c>
      <c r="J711" t="s">
        <v>15</v>
      </c>
      <c r="K711" s="10">
        <v>14726</v>
      </c>
      <c r="L711">
        <v>7840</v>
      </c>
      <c r="M711" s="10">
        <v>6886</v>
      </c>
      <c r="N711">
        <v>0</v>
      </c>
    </row>
    <row r="712" spans="1:14" hidden="1">
      <c r="A712" s="7" t="s">
        <v>10</v>
      </c>
      <c r="B712" s="8"/>
      <c r="C712" s="8" t="s">
        <v>54</v>
      </c>
      <c r="D712" t="s">
        <v>77</v>
      </c>
      <c r="E712" s="8" t="s">
        <v>36</v>
      </c>
      <c r="F712" t="s">
        <v>55</v>
      </c>
      <c r="G712" t="s">
        <v>79</v>
      </c>
      <c r="H712" t="s">
        <v>55</v>
      </c>
      <c r="I712" s="8">
        <v>2034</v>
      </c>
      <c r="J712" t="s">
        <v>50</v>
      </c>
      <c r="K712" s="10"/>
      <c r="M712" s="10"/>
      <c r="N712">
        <v>0</v>
      </c>
    </row>
    <row r="713" spans="1:14" hidden="1">
      <c r="A713" s="7" t="s">
        <v>10</v>
      </c>
      <c r="B713" s="8"/>
      <c r="C713" s="8" t="s">
        <v>54</v>
      </c>
      <c r="D713" t="s">
        <v>77</v>
      </c>
      <c r="E713" s="8" t="s">
        <v>36</v>
      </c>
      <c r="F713" t="s">
        <v>55</v>
      </c>
      <c r="G713" t="s">
        <v>19</v>
      </c>
      <c r="H713" t="s">
        <v>55</v>
      </c>
      <c r="I713" s="8">
        <v>2034</v>
      </c>
      <c r="J713" t="s">
        <v>19</v>
      </c>
      <c r="K713" s="10"/>
      <c r="M713" s="10"/>
      <c r="N713">
        <v>0</v>
      </c>
    </row>
    <row r="714" spans="1:14" hidden="1">
      <c r="A714" s="7" t="s">
        <v>10</v>
      </c>
      <c r="B714" s="8"/>
      <c r="C714" s="8" t="s">
        <v>54</v>
      </c>
      <c r="D714" t="s">
        <v>77</v>
      </c>
      <c r="E714" s="8" t="s">
        <v>36</v>
      </c>
      <c r="F714" t="s">
        <v>55</v>
      </c>
      <c r="G714" t="s">
        <v>78</v>
      </c>
      <c r="H714" t="s">
        <v>55</v>
      </c>
      <c r="I714" s="8">
        <v>2034</v>
      </c>
      <c r="J714" t="s">
        <v>21</v>
      </c>
      <c r="K714" s="10"/>
      <c r="M714" s="10"/>
      <c r="N714">
        <v>0</v>
      </c>
    </row>
    <row r="715" spans="1:14" hidden="1">
      <c r="A715" s="7" t="s">
        <v>10</v>
      </c>
      <c r="B715" s="8"/>
      <c r="C715" s="8" t="s">
        <v>54</v>
      </c>
      <c r="D715" t="s">
        <v>77</v>
      </c>
      <c r="E715" s="8" t="s">
        <v>36</v>
      </c>
      <c r="F715" t="s">
        <v>55</v>
      </c>
      <c r="G715" t="s">
        <v>78</v>
      </c>
      <c r="H715" t="s">
        <v>55</v>
      </c>
      <c r="I715" s="8">
        <v>2034</v>
      </c>
      <c r="J715" t="s">
        <v>51</v>
      </c>
      <c r="K715" s="10"/>
      <c r="M715" s="10"/>
      <c r="N715">
        <v>0</v>
      </c>
    </row>
    <row r="716" spans="1:14" hidden="1">
      <c r="A716" s="7" t="s">
        <v>10</v>
      </c>
      <c r="B716" s="8"/>
      <c r="C716" s="8" t="s">
        <v>56</v>
      </c>
      <c r="D716" t="s">
        <v>77</v>
      </c>
      <c r="E716" s="8" t="s">
        <v>39</v>
      </c>
      <c r="F716" t="s">
        <v>55</v>
      </c>
      <c r="G716" t="s">
        <v>78</v>
      </c>
      <c r="H716" t="s">
        <v>55</v>
      </c>
      <c r="I716" s="8">
        <v>2025</v>
      </c>
      <c r="J716" t="s">
        <v>47</v>
      </c>
      <c r="K716" s="10"/>
      <c r="M716" s="10"/>
      <c r="N716">
        <v>0</v>
      </c>
    </row>
    <row r="717" spans="1:14" hidden="1">
      <c r="A717" s="7" t="s">
        <v>10</v>
      </c>
      <c r="B717" s="8"/>
      <c r="C717" s="8" t="s">
        <v>56</v>
      </c>
      <c r="D717" t="s">
        <v>77</v>
      </c>
      <c r="E717" s="8" t="s">
        <v>39</v>
      </c>
      <c r="F717" t="s">
        <v>55</v>
      </c>
      <c r="G717" t="s">
        <v>78</v>
      </c>
      <c r="H717" t="s">
        <v>55</v>
      </c>
      <c r="I717" s="8">
        <v>2025</v>
      </c>
      <c r="J717" t="s">
        <v>48</v>
      </c>
      <c r="K717" s="10"/>
      <c r="M717" s="10"/>
      <c r="N717">
        <v>0</v>
      </c>
    </row>
    <row r="718" spans="1:14" hidden="1">
      <c r="A718" s="7" t="s">
        <v>10</v>
      </c>
      <c r="B718" s="8"/>
      <c r="C718" s="8" t="s">
        <v>56</v>
      </c>
      <c r="D718" t="s">
        <v>77</v>
      </c>
      <c r="E718" s="8" t="s">
        <v>39</v>
      </c>
      <c r="F718" t="s">
        <v>55</v>
      </c>
      <c r="G718" t="s">
        <v>78</v>
      </c>
      <c r="H718" t="s">
        <v>55</v>
      </c>
      <c r="I718" s="8">
        <v>2025</v>
      </c>
      <c r="J718" t="s">
        <v>14</v>
      </c>
      <c r="K718" s="10">
        <v>11572</v>
      </c>
      <c r="L718">
        <v>1340</v>
      </c>
      <c r="M718" s="10">
        <v>0</v>
      </c>
      <c r="N718">
        <v>0</v>
      </c>
    </row>
    <row r="719" spans="1:14" hidden="1">
      <c r="A719" s="7" t="s">
        <v>10</v>
      </c>
      <c r="B719" s="8"/>
      <c r="C719" s="8" t="s">
        <v>56</v>
      </c>
      <c r="D719" t="s">
        <v>77</v>
      </c>
      <c r="E719" s="8" t="s">
        <v>39</v>
      </c>
      <c r="F719" t="s">
        <v>55</v>
      </c>
      <c r="G719" t="s">
        <v>78</v>
      </c>
      <c r="H719" t="s">
        <v>55</v>
      </c>
      <c r="I719" s="8">
        <v>2025</v>
      </c>
      <c r="J719" t="s">
        <v>49</v>
      </c>
      <c r="K719" s="10"/>
      <c r="M719" s="10"/>
      <c r="N719">
        <v>0</v>
      </c>
    </row>
    <row r="720" spans="1:14" hidden="1">
      <c r="A720" s="7" t="s">
        <v>10</v>
      </c>
      <c r="B720" s="8"/>
      <c r="C720" s="8" t="s">
        <v>56</v>
      </c>
      <c r="D720" t="s">
        <v>77</v>
      </c>
      <c r="E720" s="8" t="s">
        <v>39</v>
      </c>
      <c r="F720" t="s">
        <v>55</v>
      </c>
      <c r="G720" t="s">
        <v>79</v>
      </c>
      <c r="H720" t="s">
        <v>55</v>
      </c>
      <c r="I720" s="8">
        <v>2025</v>
      </c>
      <c r="J720" t="s">
        <v>15</v>
      </c>
      <c r="K720" s="10">
        <v>4787</v>
      </c>
      <c r="L720">
        <v>2889</v>
      </c>
      <c r="M720" s="10">
        <v>1898</v>
      </c>
      <c r="N720">
        <v>0</v>
      </c>
    </row>
    <row r="721" spans="1:14" hidden="1">
      <c r="A721" s="7" t="s">
        <v>10</v>
      </c>
      <c r="B721" s="8"/>
      <c r="C721" s="8" t="s">
        <v>56</v>
      </c>
      <c r="D721" t="s">
        <v>77</v>
      </c>
      <c r="E721" s="8" t="s">
        <v>39</v>
      </c>
      <c r="F721" t="s">
        <v>55</v>
      </c>
      <c r="G721" t="s">
        <v>79</v>
      </c>
      <c r="H721" t="s">
        <v>55</v>
      </c>
      <c r="I721" s="8">
        <v>2025</v>
      </c>
      <c r="J721" t="s">
        <v>50</v>
      </c>
      <c r="K721" s="10"/>
      <c r="M721" s="10"/>
      <c r="N721">
        <v>0</v>
      </c>
    </row>
    <row r="722" spans="1:14" hidden="1">
      <c r="A722" s="7" t="s">
        <v>10</v>
      </c>
      <c r="B722" s="8"/>
      <c r="C722" s="8" t="s">
        <v>56</v>
      </c>
      <c r="D722" t="s">
        <v>77</v>
      </c>
      <c r="E722" s="8" t="s">
        <v>39</v>
      </c>
      <c r="F722" t="s">
        <v>55</v>
      </c>
      <c r="G722" t="s">
        <v>19</v>
      </c>
      <c r="H722" t="s">
        <v>55</v>
      </c>
      <c r="I722" s="8">
        <v>2025</v>
      </c>
      <c r="J722" t="s">
        <v>19</v>
      </c>
      <c r="K722" s="10"/>
      <c r="M722" s="10"/>
      <c r="N722">
        <v>0</v>
      </c>
    </row>
    <row r="723" spans="1:14" hidden="1">
      <c r="A723" s="7" t="s">
        <v>10</v>
      </c>
      <c r="B723" s="8"/>
      <c r="C723" s="8" t="s">
        <v>56</v>
      </c>
      <c r="D723" t="s">
        <v>77</v>
      </c>
      <c r="E723" s="8" t="s">
        <v>39</v>
      </c>
      <c r="F723" t="s">
        <v>55</v>
      </c>
      <c r="G723" t="s">
        <v>78</v>
      </c>
      <c r="H723" t="s">
        <v>55</v>
      </c>
      <c r="I723" s="8">
        <v>2025</v>
      </c>
      <c r="J723" t="s">
        <v>21</v>
      </c>
      <c r="K723" s="10"/>
      <c r="M723" s="10"/>
      <c r="N723">
        <v>0</v>
      </c>
    </row>
    <row r="724" spans="1:14" hidden="1">
      <c r="A724" s="7" t="s">
        <v>10</v>
      </c>
      <c r="B724" s="8"/>
      <c r="C724" s="8" t="s">
        <v>56</v>
      </c>
      <c r="D724" t="s">
        <v>77</v>
      </c>
      <c r="E724" s="8" t="s">
        <v>39</v>
      </c>
      <c r="F724" t="s">
        <v>55</v>
      </c>
      <c r="G724" t="s">
        <v>78</v>
      </c>
      <c r="H724" t="s">
        <v>55</v>
      </c>
      <c r="I724" s="8">
        <v>2025</v>
      </c>
      <c r="J724" t="s">
        <v>51</v>
      </c>
      <c r="K724" s="10"/>
      <c r="M724" s="10"/>
      <c r="N724">
        <v>0</v>
      </c>
    </row>
    <row r="725" spans="1:14" hidden="1">
      <c r="A725" s="7" t="s">
        <v>10</v>
      </c>
      <c r="B725" s="8"/>
      <c r="C725" s="8" t="s">
        <v>56</v>
      </c>
      <c r="D725" t="s">
        <v>77</v>
      </c>
      <c r="E725" s="8" t="s">
        <v>39</v>
      </c>
      <c r="F725" t="s">
        <v>55</v>
      </c>
      <c r="G725" t="s">
        <v>78</v>
      </c>
      <c r="H725" t="s">
        <v>55</v>
      </c>
      <c r="I725" s="8">
        <v>2026</v>
      </c>
      <c r="J725" t="s">
        <v>47</v>
      </c>
      <c r="K725" s="10"/>
      <c r="M725" s="10"/>
      <c r="N725">
        <v>0</v>
      </c>
    </row>
    <row r="726" spans="1:14" hidden="1">
      <c r="A726" s="7" t="s">
        <v>10</v>
      </c>
      <c r="B726" s="8"/>
      <c r="C726" s="8" t="s">
        <v>56</v>
      </c>
      <c r="D726" t="s">
        <v>77</v>
      </c>
      <c r="E726" s="8" t="s">
        <v>39</v>
      </c>
      <c r="F726" t="s">
        <v>55</v>
      </c>
      <c r="G726" t="s">
        <v>78</v>
      </c>
      <c r="H726" t="s">
        <v>55</v>
      </c>
      <c r="I726" s="8">
        <v>2026</v>
      </c>
      <c r="J726" t="s">
        <v>48</v>
      </c>
      <c r="K726" s="10"/>
      <c r="M726" s="10"/>
      <c r="N726">
        <v>0</v>
      </c>
    </row>
    <row r="727" spans="1:14" hidden="1">
      <c r="A727" s="7" t="s">
        <v>10</v>
      </c>
      <c r="B727" s="8"/>
      <c r="C727" s="8" t="s">
        <v>56</v>
      </c>
      <c r="D727" t="s">
        <v>77</v>
      </c>
      <c r="E727" s="8" t="s">
        <v>39</v>
      </c>
      <c r="F727" t="s">
        <v>55</v>
      </c>
      <c r="G727" t="s">
        <v>78</v>
      </c>
      <c r="H727" t="s">
        <v>55</v>
      </c>
      <c r="I727" s="8">
        <v>2026</v>
      </c>
      <c r="J727" t="s">
        <v>14</v>
      </c>
      <c r="K727" s="10">
        <v>15354</v>
      </c>
      <c r="L727">
        <v>1776</v>
      </c>
      <c r="M727" s="10">
        <v>0</v>
      </c>
      <c r="N727">
        <v>0</v>
      </c>
    </row>
    <row r="728" spans="1:14" hidden="1">
      <c r="A728" s="7" t="s">
        <v>10</v>
      </c>
      <c r="B728" s="8"/>
      <c r="C728" s="8" t="s">
        <v>56</v>
      </c>
      <c r="D728" t="s">
        <v>77</v>
      </c>
      <c r="E728" s="8" t="s">
        <v>39</v>
      </c>
      <c r="F728" t="s">
        <v>55</v>
      </c>
      <c r="G728" t="s">
        <v>78</v>
      </c>
      <c r="H728" t="s">
        <v>55</v>
      </c>
      <c r="I728" s="8">
        <v>2026</v>
      </c>
      <c r="J728" t="s">
        <v>49</v>
      </c>
      <c r="K728" s="10"/>
      <c r="M728" s="10"/>
      <c r="N728">
        <v>0</v>
      </c>
    </row>
    <row r="729" spans="1:14" hidden="1">
      <c r="A729" s="7" t="s">
        <v>10</v>
      </c>
      <c r="B729" s="8"/>
      <c r="C729" s="8" t="s">
        <v>56</v>
      </c>
      <c r="D729" t="s">
        <v>77</v>
      </c>
      <c r="E729" s="8" t="s">
        <v>39</v>
      </c>
      <c r="F729" t="s">
        <v>55</v>
      </c>
      <c r="G729" t="s">
        <v>79</v>
      </c>
      <c r="H729" t="s">
        <v>55</v>
      </c>
      <c r="I729" s="8">
        <v>2026</v>
      </c>
      <c r="J729" t="s">
        <v>15</v>
      </c>
      <c r="K729" s="10">
        <v>6277</v>
      </c>
      <c r="L729">
        <v>3755</v>
      </c>
      <c r="M729" s="10">
        <v>2522</v>
      </c>
      <c r="N729">
        <v>0</v>
      </c>
    </row>
    <row r="730" spans="1:14" hidden="1">
      <c r="A730" s="7" t="s">
        <v>10</v>
      </c>
      <c r="B730" s="8"/>
      <c r="C730" s="8" t="s">
        <v>56</v>
      </c>
      <c r="D730" t="s">
        <v>77</v>
      </c>
      <c r="E730" s="8" t="s">
        <v>39</v>
      </c>
      <c r="F730" t="s">
        <v>55</v>
      </c>
      <c r="G730" t="s">
        <v>79</v>
      </c>
      <c r="H730" t="s">
        <v>55</v>
      </c>
      <c r="I730" s="8">
        <v>2026</v>
      </c>
      <c r="J730" t="s">
        <v>50</v>
      </c>
      <c r="K730" s="10"/>
      <c r="M730" s="10"/>
      <c r="N730">
        <v>0</v>
      </c>
    </row>
    <row r="731" spans="1:14" hidden="1">
      <c r="A731" s="7" t="s">
        <v>10</v>
      </c>
      <c r="B731" s="8"/>
      <c r="C731" s="8" t="s">
        <v>56</v>
      </c>
      <c r="D731" t="s">
        <v>77</v>
      </c>
      <c r="E731" s="8" t="s">
        <v>39</v>
      </c>
      <c r="F731" t="s">
        <v>55</v>
      </c>
      <c r="G731" t="s">
        <v>19</v>
      </c>
      <c r="H731" t="s">
        <v>55</v>
      </c>
      <c r="I731" s="8">
        <v>2026</v>
      </c>
      <c r="J731" t="s">
        <v>19</v>
      </c>
      <c r="K731" s="10"/>
      <c r="M731" s="10"/>
      <c r="N731">
        <v>0</v>
      </c>
    </row>
    <row r="732" spans="1:14" hidden="1">
      <c r="A732" s="7" t="s">
        <v>10</v>
      </c>
      <c r="B732" s="8"/>
      <c r="C732" s="8" t="s">
        <v>56</v>
      </c>
      <c r="D732" t="s">
        <v>77</v>
      </c>
      <c r="E732" s="8" t="s">
        <v>39</v>
      </c>
      <c r="F732" t="s">
        <v>55</v>
      </c>
      <c r="G732" t="s">
        <v>78</v>
      </c>
      <c r="H732" t="s">
        <v>55</v>
      </c>
      <c r="I732" s="8">
        <v>2026</v>
      </c>
      <c r="J732" t="s">
        <v>21</v>
      </c>
      <c r="K732" s="10"/>
      <c r="M732" s="10"/>
      <c r="N732">
        <v>0</v>
      </c>
    </row>
    <row r="733" spans="1:14" hidden="1">
      <c r="A733" s="7" t="s">
        <v>10</v>
      </c>
      <c r="B733" s="8"/>
      <c r="C733" s="8" t="s">
        <v>56</v>
      </c>
      <c r="D733" t="s">
        <v>77</v>
      </c>
      <c r="E733" s="8" t="s">
        <v>39</v>
      </c>
      <c r="F733" t="s">
        <v>55</v>
      </c>
      <c r="G733" t="s">
        <v>78</v>
      </c>
      <c r="H733" t="s">
        <v>55</v>
      </c>
      <c r="I733" s="8">
        <v>2026</v>
      </c>
      <c r="J733" t="s">
        <v>51</v>
      </c>
      <c r="K733" s="10"/>
      <c r="M733" s="10"/>
      <c r="N733">
        <v>0</v>
      </c>
    </row>
    <row r="734" spans="1:14" hidden="1">
      <c r="A734" s="7" t="s">
        <v>10</v>
      </c>
      <c r="B734" s="8"/>
      <c r="C734" s="8" t="s">
        <v>56</v>
      </c>
      <c r="D734" t="s">
        <v>77</v>
      </c>
      <c r="E734" s="8" t="s">
        <v>39</v>
      </c>
      <c r="F734" t="s">
        <v>55</v>
      </c>
      <c r="G734" t="s">
        <v>78</v>
      </c>
      <c r="H734" t="s">
        <v>55</v>
      </c>
      <c r="I734" s="8">
        <v>2027</v>
      </c>
      <c r="J734" t="s">
        <v>47</v>
      </c>
      <c r="K734" s="10"/>
      <c r="M734" s="10"/>
      <c r="N734">
        <v>0</v>
      </c>
    </row>
    <row r="735" spans="1:14" hidden="1">
      <c r="A735" s="7" t="s">
        <v>10</v>
      </c>
      <c r="B735" s="8"/>
      <c r="C735" s="8" t="s">
        <v>56</v>
      </c>
      <c r="D735" t="s">
        <v>77</v>
      </c>
      <c r="E735" s="8" t="s">
        <v>39</v>
      </c>
      <c r="F735" t="s">
        <v>55</v>
      </c>
      <c r="G735" t="s">
        <v>78</v>
      </c>
      <c r="H735" t="s">
        <v>55</v>
      </c>
      <c r="I735" s="8">
        <v>2027</v>
      </c>
      <c r="J735" t="s">
        <v>48</v>
      </c>
      <c r="K735" s="10"/>
      <c r="M735" s="10"/>
      <c r="N735">
        <v>0</v>
      </c>
    </row>
    <row r="736" spans="1:14" hidden="1">
      <c r="A736" s="7" t="s">
        <v>10</v>
      </c>
      <c r="B736" s="8"/>
      <c r="C736" s="8" t="s">
        <v>56</v>
      </c>
      <c r="D736" t="s">
        <v>77</v>
      </c>
      <c r="E736" s="8" t="s">
        <v>39</v>
      </c>
      <c r="F736" t="s">
        <v>55</v>
      </c>
      <c r="G736" t="s">
        <v>78</v>
      </c>
      <c r="H736" t="s">
        <v>55</v>
      </c>
      <c r="I736" s="8">
        <v>2027</v>
      </c>
      <c r="J736" t="s">
        <v>14</v>
      </c>
      <c r="K736" s="10">
        <v>15061</v>
      </c>
      <c r="L736">
        <v>1737</v>
      </c>
      <c r="M736" s="10">
        <v>0</v>
      </c>
      <c r="N736">
        <v>0</v>
      </c>
    </row>
    <row r="737" spans="1:14" hidden="1">
      <c r="A737" s="7" t="s">
        <v>10</v>
      </c>
      <c r="B737" s="8"/>
      <c r="C737" s="8" t="s">
        <v>56</v>
      </c>
      <c r="D737" t="s">
        <v>77</v>
      </c>
      <c r="E737" s="8" t="s">
        <v>39</v>
      </c>
      <c r="F737" t="s">
        <v>55</v>
      </c>
      <c r="G737" t="s">
        <v>78</v>
      </c>
      <c r="H737" t="s">
        <v>55</v>
      </c>
      <c r="I737" s="8">
        <v>2027</v>
      </c>
      <c r="J737" t="s">
        <v>49</v>
      </c>
      <c r="K737" s="10"/>
      <c r="M737" s="10"/>
      <c r="N737">
        <v>0</v>
      </c>
    </row>
    <row r="738" spans="1:14" hidden="1">
      <c r="A738" s="7" t="s">
        <v>10</v>
      </c>
      <c r="B738" s="8"/>
      <c r="C738" s="8" t="s">
        <v>56</v>
      </c>
      <c r="D738" t="s">
        <v>77</v>
      </c>
      <c r="E738" s="8" t="s">
        <v>39</v>
      </c>
      <c r="F738" t="s">
        <v>55</v>
      </c>
      <c r="G738" t="s">
        <v>79</v>
      </c>
      <c r="H738" t="s">
        <v>55</v>
      </c>
      <c r="I738" s="8">
        <v>2027</v>
      </c>
      <c r="J738" t="s">
        <v>15</v>
      </c>
      <c r="K738" s="10">
        <v>6084</v>
      </c>
      <c r="L738">
        <v>3562</v>
      </c>
      <c r="M738" s="10">
        <v>2522</v>
      </c>
      <c r="N738">
        <v>0</v>
      </c>
    </row>
    <row r="739" spans="1:14" hidden="1">
      <c r="A739" s="7" t="s">
        <v>10</v>
      </c>
      <c r="B739" s="8"/>
      <c r="C739" s="8" t="s">
        <v>56</v>
      </c>
      <c r="D739" t="s">
        <v>77</v>
      </c>
      <c r="E739" s="8" t="s">
        <v>39</v>
      </c>
      <c r="F739" t="s">
        <v>55</v>
      </c>
      <c r="G739" t="s">
        <v>79</v>
      </c>
      <c r="H739" t="s">
        <v>55</v>
      </c>
      <c r="I739" s="8">
        <v>2027</v>
      </c>
      <c r="J739" t="s">
        <v>50</v>
      </c>
      <c r="K739" s="10"/>
      <c r="M739" s="10"/>
      <c r="N739">
        <v>0</v>
      </c>
    </row>
    <row r="740" spans="1:14" hidden="1">
      <c r="A740" s="7" t="s">
        <v>10</v>
      </c>
      <c r="B740" s="8"/>
      <c r="C740" s="8" t="s">
        <v>56</v>
      </c>
      <c r="D740" t="s">
        <v>77</v>
      </c>
      <c r="E740" s="8" t="s">
        <v>39</v>
      </c>
      <c r="F740" t="s">
        <v>55</v>
      </c>
      <c r="G740" t="s">
        <v>19</v>
      </c>
      <c r="H740" t="s">
        <v>55</v>
      </c>
      <c r="I740" s="8">
        <v>2027</v>
      </c>
      <c r="J740" t="s">
        <v>19</v>
      </c>
      <c r="K740" s="10"/>
      <c r="M740" s="10"/>
      <c r="N740">
        <v>0</v>
      </c>
    </row>
    <row r="741" spans="1:14" hidden="1">
      <c r="A741" s="7" t="s">
        <v>10</v>
      </c>
      <c r="B741" s="8"/>
      <c r="C741" s="8" t="s">
        <v>56</v>
      </c>
      <c r="D741" t="s">
        <v>77</v>
      </c>
      <c r="E741" s="8" t="s">
        <v>39</v>
      </c>
      <c r="F741" t="s">
        <v>55</v>
      </c>
      <c r="G741" t="s">
        <v>78</v>
      </c>
      <c r="H741" t="s">
        <v>55</v>
      </c>
      <c r="I741" s="8">
        <v>2027</v>
      </c>
      <c r="J741" t="s">
        <v>21</v>
      </c>
      <c r="K741" s="10"/>
      <c r="M741" s="10"/>
      <c r="N741">
        <v>0</v>
      </c>
    </row>
    <row r="742" spans="1:14" hidden="1">
      <c r="A742" s="7" t="s">
        <v>10</v>
      </c>
      <c r="B742" s="8"/>
      <c r="C742" s="8" t="s">
        <v>56</v>
      </c>
      <c r="D742" t="s">
        <v>77</v>
      </c>
      <c r="E742" s="8" t="s">
        <v>39</v>
      </c>
      <c r="F742" t="s">
        <v>55</v>
      </c>
      <c r="G742" t="s">
        <v>78</v>
      </c>
      <c r="H742" t="s">
        <v>55</v>
      </c>
      <c r="I742" s="8">
        <v>2027</v>
      </c>
      <c r="J742" t="s">
        <v>51</v>
      </c>
      <c r="K742" s="10"/>
      <c r="M742" s="10"/>
      <c r="N742">
        <v>0</v>
      </c>
    </row>
    <row r="743" spans="1:14" hidden="1">
      <c r="A743" s="7" t="s">
        <v>10</v>
      </c>
      <c r="B743" s="8"/>
      <c r="C743" s="8" t="s">
        <v>56</v>
      </c>
      <c r="D743" t="s">
        <v>77</v>
      </c>
      <c r="E743" s="8" t="s">
        <v>39</v>
      </c>
      <c r="F743" t="s">
        <v>55</v>
      </c>
      <c r="G743" t="s">
        <v>78</v>
      </c>
      <c r="H743" t="s">
        <v>55</v>
      </c>
      <c r="I743" s="8">
        <v>2028</v>
      </c>
      <c r="J743" t="s">
        <v>47</v>
      </c>
      <c r="K743" s="10"/>
      <c r="M743" s="10"/>
      <c r="N743">
        <v>0</v>
      </c>
    </row>
    <row r="744" spans="1:14" hidden="1">
      <c r="A744" s="7" t="s">
        <v>10</v>
      </c>
      <c r="B744" s="8"/>
      <c r="C744" s="8" t="s">
        <v>56</v>
      </c>
      <c r="D744" t="s">
        <v>77</v>
      </c>
      <c r="E744" s="8" t="s">
        <v>39</v>
      </c>
      <c r="F744" t="s">
        <v>55</v>
      </c>
      <c r="G744" t="s">
        <v>78</v>
      </c>
      <c r="H744" t="s">
        <v>55</v>
      </c>
      <c r="I744" s="8">
        <v>2028</v>
      </c>
      <c r="J744" t="s">
        <v>48</v>
      </c>
      <c r="K744" s="10"/>
      <c r="M744" s="10"/>
      <c r="N744">
        <v>0</v>
      </c>
    </row>
    <row r="745" spans="1:14" hidden="1">
      <c r="A745" s="7" t="s">
        <v>10</v>
      </c>
      <c r="B745" s="8"/>
      <c r="C745" s="8" t="s">
        <v>56</v>
      </c>
      <c r="D745" t="s">
        <v>77</v>
      </c>
      <c r="E745" s="8" t="s">
        <v>39</v>
      </c>
      <c r="F745" t="s">
        <v>55</v>
      </c>
      <c r="G745" t="s">
        <v>78</v>
      </c>
      <c r="H745" t="s">
        <v>55</v>
      </c>
      <c r="I745" s="8">
        <v>2028</v>
      </c>
      <c r="J745" t="s">
        <v>14</v>
      </c>
      <c r="K745" s="10">
        <v>17426</v>
      </c>
      <c r="L745">
        <v>2010</v>
      </c>
      <c r="M745" s="10">
        <v>0</v>
      </c>
      <c r="N745">
        <v>0</v>
      </c>
    </row>
    <row r="746" spans="1:14" hidden="1">
      <c r="A746" s="7" t="s">
        <v>10</v>
      </c>
      <c r="B746" s="8"/>
      <c r="C746" s="8" t="s">
        <v>56</v>
      </c>
      <c r="D746" t="s">
        <v>77</v>
      </c>
      <c r="E746" s="8" t="s">
        <v>39</v>
      </c>
      <c r="F746" t="s">
        <v>55</v>
      </c>
      <c r="G746" t="s">
        <v>78</v>
      </c>
      <c r="H746" t="s">
        <v>55</v>
      </c>
      <c r="I746" s="8">
        <v>2028</v>
      </c>
      <c r="J746" t="s">
        <v>49</v>
      </c>
      <c r="K746" s="10"/>
      <c r="M746" s="10"/>
      <c r="N746">
        <v>0</v>
      </c>
    </row>
    <row r="747" spans="1:14" hidden="1">
      <c r="A747" s="7" t="s">
        <v>10</v>
      </c>
      <c r="B747" s="8"/>
      <c r="C747" s="8" t="s">
        <v>56</v>
      </c>
      <c r="D747" t="s">
        <v>77</v>
      </c>
      <c r="E747" s="8" t="s">
        <v>39</v>
      </c>
      <c r="F747" t="s">
        <v>55</v>
      </c>
      <c r="G747" t="s">
        <v>79</v>
      </c>
      <c r="H747" t="s">
        <v>55</v>
      </c>
      <c r="I747" s="8">
        <v>2028</v>
      </c>
      <c r="J747" t="s">
        <v>15</v>
      </c>
      <c r="K747" s="10">
        <v>6940</v>
      </c>
      <c r="L747">
        <v>4205</v>
      </c>
      <c r="M747" s="10">
        <v>2985</v>
      </c>
      <c r="N747">
        <v>0</v>
      </c>
    </row>
    <row r="748" spans="1:14" hidden="1">
      <c r="A748" s="7" t="s">
        <v>10</v>
      </c>
      <c r="B748" s="8"/>
      <c r="C748" s="8" t="s">
        <v>56</v>
      </c>
      <c r="D748" t="s">
        <v>77</v>
      </c>
      <c r="E748" s="8" t="s">
        <v>39</v>
      </c>
      <c r="F748" t="s">
        <v>55</v>
      </c>
      <c r="G748" t="s">
        <v>79</v>
      </c>
      <c r="H748" t="s">
        <v>55</v>
      </c>
      <c r="I748" s="8">
        <v>2028</v>
      </c>
      <c r="J748" t="s">
        <v>50</v>
      </c>
      <c r="K748" s="10"/>
      <c r="M748" s="10"/>
      <c r="N748">
        <v>0</v>
      </c>
    </row>
    <row r="749" spans="1:14" hidden="1">
      <c r="A749" s="7" t="s">
        <v>10</v>
      </c>
      <c r="B749" s="8"/>
      <c r="C749" s="8" t="s">
        <v>56</v>
      </c>
      <c r="D749" t="s">
        <v>77</v>
      </c>
      <c r="E749" s="8" t="s">
        <v>39</v>
      </c>
      <c r="F749" t="s">
        <v>55</v>
      </c>
      <c r="G749" t="s">
        <v>19</v>
      </c>
      <c r="H749" t="s">
        <v>55</v>
      </c>
      <c r="I749" s="8">
        <v>2028</v>
      </c>
      <c r="J749" t="s">
        <v>19</v>
      </c>
      <c r="K749" s="10"/>
      <c r="M749" s="10"/>
      <c r="N749">
        <v>0</v>
      </c>
    </row>
    <row r="750" spans="1:14" hidden="1">
      <c r="A750" s="7" t="s">
        <v>10</v>
      </c>
      <c r="B750" s="8"/>
      <c r="C750" s="8" t="s">
        <v>56</v>
      </c>
      <c r="D750" t="s">
        <v>77</v>
      </c>
      <c r="E750" s="8" t="s">
        <v>39</v>
      </c>
      <c r="F750" t="s">
        <v>55</v>
      </c>
      <c r="G750" t="s">
        <v>78</v>
      </c>
      <c r="H750" t="s">
        <v>55</v>
      </c>
      <c r="I750" s="8">
        <v>2028</v>
      </c>
      <c r="J750" t="s">
        <v>21</v>
      </c>
      <c r="K750" s="10"/>
      <c r="M750" s="10"/>
      <c r="N750">
        <v>0</v>
      </c>
    </row>
    <row r="751" spans="1:14" hidden="1">
      <c r="A751" s="7" t="s">
        <v>10</v>
      </c>
      <c r="B751" s="8"/>
      <c r="C751" s="8" t="s">
        <v>56</v>
      </c>
      <c r="D751" t="s">
        <v>77</v>
      </c>
      <c r="E751" s="8" t="s">
        <v>39</v>
      </c>
      <c r="F751" t="s">
        <v>55</v>
      </c>
      <c r="G751" t="s">
        <v>78</v>
      </c>
      <c r="H751" t="s">
        <v>55</v>
      </c>
      <c r="I751" s="8">
        <v>2028</v>
      </c>
      <c r="J751" t="s">
        <v>51</v>
      </c>
      <c r="K751" s="10"/>
      <c r="M751" s="10"/>
      <c r="N751">
        <v>0</v>
      </c>
    </row>
    <row r="752" spans="1:14" hidden="1">
      <c r="A752" s="7" t="s">
        <v>10</v>
      </c>
      <c r="B752" s="8"/>
      <c r="C752" s="8" t="s">
        <v>56</v>
      </c>
      <c r="D752" t="s">
        <v>77</v>
      </c>
      <c r="E752" s="8" t="s">
        <v>39</v>
      </c>
      <c r="F752" t="s">
        <v>55</v>
      </c>
      <c r="G752" t="s">
        <v>78</v>
      </c>
      <c r="H752" t="s">
        <v>55</v>
      </c>
      <c r="I752" s="8">
        <v>2029</v>
      </c>
      <c r="J752" t="s">
        <v>47</v>
      </c>
      <c r="K752" s="10"/>
      <c r="M752" s="10"/>
      <c r="N752">
        <v>0</v>
      </c>
    </row>
    <row r="753" spans="1:14" hidden="1">
      <c r="A753" s="7" t="s">
        <v>10</v>
      </c>
      <c r="B753" s="8"/>
      <c r="C753" s="8" t="s">
        <v>56</v>
      </c>
      <c r="D753" t="s">
        <v>77</v>
      </c>
      <c r="E753" s="8" t="s">
        <v>39</v>
      </c>
      <c r="F753" t="s">
        <v>55</v>
      </c>
      <c r="G753" t="s">
        <v>78</v>
      </c>
      <c r="H753" t="s">
        <v>55</v>
      </c>
      <c r="I753" s="8">
        <v>2029</v>
      </c>
      <c r="J753" t="s">
        <v>48</v>
      </c>
      <c r="K753" s="10"/>
      <c r="M753" s="10"/>
      <c r="N753">
        <v>0</v>
      </c>
    </row>
    <row r="754" spans="1:14" hidden="1">
      <c r="A754" s="7" t="s">
        <v>10</v>
      </c>
      <c r="B754" s="8"/>
      <c r="C754" s="8" t="s">
        <v>56</v>
      </c>
      <c r="D754" t="s">
        <v>77</v>
      </c>
      <c r="E754" s="8" t="s">
        <v>39</v>
      </c>
      <c r="F754" t="s">
        <v>55</v>
      </c>
      <c r="G754" t="s">
        <v>78</v>
      </c>
      <c r="H754" t="s">
        <v>55</v>
      </c>
      <c r="I754" s="8">
        <v>2029</v>
      </c>
      <c r="J754" t="s">
        <v>14</v>
      </c>
      <c r="K754" s="10">
        <v>20591</v>
      </c>
      <c r="L754">
        <v>2366</v>
      </c>
      <c r="M754" s="10">
        <v>0</v>
      </c>
      <c r="N754">
        <v>0</v>
      </c>
    </row>
    <row r="755" spans="1:14" hidden="1">
      <c r="A755" s="7" t="s">
        <v>10</v>
      </c>
      <c r="B755" s="8"/>
      <c r="C755" s="8" t="s">
        <v>56</v>
      </c>
      <c r="D755" t="s">
        <v>77</v>
      </c>
      <c r="E755" s="8" t="s">
        <v>39</v>
      </c>
      <c r="F755" t="s">
        <v>55</v>
      </c>
      <c r="G755" t="s">
        <v>78</v>
      </c>
      <c r="H755" t="s">
        <v>55</v>
      </c>
      <c r="I755" s="8">
        <v>2029</v>
      </c>
      <c r="J755" t="s">
        <v>49</v>
      </c>
      <c r="K755" s="10"/>
      <c r="M755" s="10"/>
      <c r="N755">
        <v>0</v>
      </c>
    </row>
    <row r="756" spans="1:14" hidden="1">
      <c r="A756" s="7" t="s">
        <v>10</v>
      </c>
      <c r="B756" s="8"/>
      <c r="C756" s="8" t="s">
        <v>56</v>
      </c>
      <c r="D756" t="s">
        <v>77</v>
      </c>
      <c r="E756" s="8" t="s">
        <v>39</v>
      </c>
      <c r="F756" t="s">
        <v>55</v>
      </c>
      <c r="G756" t="s">
        <v>79</v>
      </c>
      <c r="H756" t="s">
        <v>55</v>
      </c>
      <c r="I756" s="8">
        <v>2029</v>
      </c>
      <c r="J756" t="s">
        <v>15</v>
      </c>
      <c r="K756" s="10">
        <v>7905</v>
      </c>
      <c r="L756">
        <v>4920</v>
      </c>
      <c r="M756" s="10">
        <v>2985</v>
      </c>
      <c r="N756">
        <v>0</v>
      </c>
    </row>
    <row r="757" spans="1:14" hidden="1">
      <c r="A757" s="7" t="s">
        <v>10</v>
      </c>
      <c r="B757" s="8"/>
      <c r="C757" s="8" t="s">
        <v>56</v>
      </c>
      <c r="D757" t="s">
        <v>77</v>
      </c>
      <c r="E757" s="8" t="s">
        <v>39</v>
      </c>
      <c r="F757" t="s">
        <v>55</v>
      </c>
      <c r="G757" t="s">
        <v>79</v>
      </c>
      <c r="H757" t="s">
        <v>55</v>
      </c>
      <c r="I757" s="8">
        <v>2029</v>
      </c>
      <c r="J757" t="s">
        <v>50</v>
      </c>
      <c r="K757" s="10"/>
      <c r="M757" s="10"/>
      <c r="N757">
        <v>0</v>
      </c>
    </row>
    <row r="758" spans="1:14" hidden="1">
      <c r="A758" s="7" t="s">
        <v>10</v>
      </c>
      <c r="B758" s="8"/>
      <c r="C758" s="8" t="s">
        <v>56</v>
      </c>
      <c r="D758" t="s">
        <v>77</v>
      </c>
      <c r="E758" s="8" t="s">
        <v>39</v>
      </c>
      <c r="F758" t="s">
        <v>55</v>
      </c>
      <c r="G758" t="s">
        <v>19</v>
      </c>
      <c r="H758" t="s">
        <v>55</v>
      </c>
      <c r="I758" s="8">
        <v>2029</v>
      </c>
      <c r="J758" t="s">
        <v>19</v>
      </c>
      <c r="K758" s="10"/>
      <c r="M758" s="10"/>
      <c r="N758">
        <v>0</v>
      </c>
    </row>
    <row r="759" spans="1:14" hidden="1">
      <c r="A759" s="7" t="s">
        <v>10</v>
      </c>
      <c r="B759" s="8"/>
      <c r="C759" s="8" t="s">
        <v>56</v>
      </c>
      <c r="D759" t="s">
        <v>77</v>
      </c>
      <c r="E759" s="8" t="s">
        <v>39</v>
      </c>
      <c r="F759" t="s">
        <v>55</v>
      </c>
      <c r="G759" t="s">
        <v>78</v>
      </c>
      <c r="H759" t="s">
        <v>55</v>
      </c>
      <c r="I759" s="8">
        <v>2029</v>
      </c>
      <c r="J759" t="s">
        <v>21</v>
      </c>
      <c r="K759" s="10"/>
      <c r="M759" s="10"/>
      <c r="N759">
        <v>0</v>
      </c>
    </row>
    <row r="760" spans="1:14" hidden="1">
      <c r="A760" s="7" t="s">
        <v>10</v>
      </c>
      <c r="B760" s="8"/>
      <c r="C760" s="8" t="s">
        <v>56</v>
      </c>
      <c r="D760" t="s">
        <v>77</v>
      </c>
      <c r="E760" s="8" t="s">
        <v>39</v>
      </c>
      <c r="F760" t="s">
        <v>55</v>
      </c>
      <c r="G760" t="s">
        <v>78</v>
      </c>
      <c r="H760" t="s">
        <v>55</v>
      </c>
      <c r="I760" s="8">
        <v>2029</v>
      </c>
      <c r="J760" t="s">
        <v>51</v>
      </c>
      <c r="K760" s="10"/>
      <c r="M760" s="10"/>
      <c r="N760">
        <v>0</v>
      </c>
    </row>
    <row r="761" spans="1:14" hidden="1">
      <c r="A761" s="7" t="s">
        <v>10</v>
      </c>
      <c r="B761" s="8"/>
      <c r="C761" s="8" t="s">
        <v>56</v>
      </c>
      <c r="D761" t="s">
        <v>77</v>
      </c>
      <c r="E761" s="8" t="s">
        <v>39</v>
      </c>
      <c r="F761" t="s">
        <v>55</v>
      </c>
      <c r="G761" t="s">
        <v>78</v>
      </c>
      <c r="H761" t="s">
        <v>55</v>
      </c>
      <c r="I761" s="8">
        <v>2030</v>
      </c>
      <c r="J761" t="s">
        <v>47</v>
      </c>
      <c r="K761" s="10"/>
      <c r="M761" s="10"/>
      <c r="N761">
        <v>0</v>
      </c>
    </row>
    <row r="762" spans="1:14" hidden="1">
      <c r="A762" s="7" t="s">
        <v>10</v>
      </c>
      <c r="B762" s="8"/>
      <c r="C762" s="8" t="s">
        <v>56</v>
      </c>
      <c r="D762" t="s">
        <v>77</v>
      </c>
      <c r="E762" s="8" t="s">
        <v>39</v>
      </c>
      <c r="F762" t="s">
        <v>55</v>
      </c>
      <c r="G762" t="s">
        <v>78</v>
      </c>
      <c r="H762" t="s">
        <v>55</v>
      </c>
      <c r="I762" s="8">
        <v>2030</v>
      </c>
      <c r="J762" t="s">
        <v>48</v>
      </c>
      <c r="K762" s="10"/>
      <c r="M762" s="10"/>
      <c r="N762">
        <v>0</v>
      </c>
    </row>
    <row r="763" spans="1:14" hidden="1">
      <c r="A763" s="7" t="s">
        <v>10</v>
      </c>
      <c r="B763" s="8"/>
      <c r="C763" s="8" t="s">
        <v>56</v>
      </c>
      <c r="D763" t="s">
        <v>77</v>
      </c>
      <c r="E763" s="8" t="s">
        <v>39</v>
      </c>
      <c r="F763" t="s">
        <v>55</v>
      </c>
      <c r="G763" t="s">
        <v>78</v>
      </c>
      <c r="H763" t="s">
        <v>55</v>
      </c>
      <c r="I763" s="8">
        <v>2030</v>
      </c>
      <c r="J763" t="s">
        <v>14</v>
      </c>
      <c r="K763" s="10">
        <v>18291</v>
      </c>
      <c r="L763">
        <v>2103</v>
      </c>
      <c r="M763" s="10">
        <v>0</v>
      </c>
      <c r="N763">
        <v>0</v>
      </c>
    </row>
    <row r="764" spans="1:14" hidden="1">
      <c r="A764" s="7" t="s">
        <v>10</v>
      </c>
      <c r="B764" s="8"/>
      <c r="C764" s="8" t="s">
        <v>56</v>
      </c>
      <c r="D764" t="s">
        <v>77</v>
      </c>
      <c r="E764" s="8" t="s">
        <v>39</v>
      </c>
      <c r="F764" t="s">
        <v>55</v>
      </c>
      <c r="G764" t="s">
        <v>78</v>
      </c>
      <c r="H764" t="s">
        <v>55</v>
      </c>
      <c r="I764" s="8">
        <v>2030</v>
      </c>
      <c r="J764" t="s">
        <v>49</v>
      </c>
      <c r="K764" s="10"/>
      <c r="M764" s="10"/>
      <c r="N764">
        <v>0</v>
      </c>
    </row>
    <row r="765" spans="1:14" hidden="1">
      <c r="A765" s="7" t="s">
        <v>10</v>
      </c>
      <c r="B765" s="8"/>
      <c r="C765" s="8" t="s">
        <v>56</v>
      </c>
      <c r="D765" t="s">
        <v>77</v>
      </c>
      <c r="E765" s="8" t="s">
        <v>39</v>
      </c>
      <c r="F765" t="s">
        <v>55</v>
      </c>
      <c r="G765" t="s">
        <v>79</v>
      </c>
      <c r="H765" t="s">
        <v>55</v>
      </c>
      <c r="I765" s="8">
        <v>2030</v>
      </c>
      <c r="J765" t="s">
        <v>15</v>
      </c>
      <c r="K765" s="10">
        <v>7075</v>
      </c>
      <c r="L765">
        <v>4415</v>
      </c>
      <c r="M765" s="10">
        <v>2660</v>
      </c>
      <c r="N765">
        <v>0</v>
      </c>
    </row>
    <row r="766" spans="1:14" hidden="1">
      <c r="A766" s="7" t="s">
        <v>10</v>
      </c>
      <c r="B766" s="8"/>
      <c r="C766" s="8" t="s">
        <v>56</v>
      </c>
      <c r="D766" t="s">
        <v>77</v>
      </c>
      <c r="E766" s="8" t="s">
        <v>39</v>
      </c>
      <c r="F766" t="s">
        <v>55</v>
      </c>
      <c r="G766" t="s">
        <v>79</v>
      </c>
      <c r="H766" t="s">
        <v>55</v>
      </c>
      <c r="I766" s="8">
        <v>2030</v>
      </c>
      <c r="J766" t="s">
        <v>50</v>
      </c>
      <c r="K766" s="10"/>
      <c r="M766" s="10"/>
      <c r="N766">
        <v>0</v>
      </c>
    </row>
    <row r="767" spans="1:14" hidden="1">
      <c r="A767" s="7" t="s">
        <v>10</v>
      </c>
      <c r="B767" s="8"/>
      <c r="C767" s="8" t="s">
        <v>56</v>
      </c>
      <c r="D767" t="s">
        <v>77</v>
      </c>
      <c r="E767" s="8" t="s">
        <v>39</v>
      </c>
      <c r="F767" t="s">
        <v>55</v>
      </c>
      <c r="G767" t="s">
        <v>19</v>
      </c>
      <c r="H767" t="s">
        <v>55</v>
      </c>
      <c r="I767" s="8">
        <v>2030</v>
      </c>
      <c r="J767" t="s">
        <v>19</v>
      </c>
      <c r="K767" s="10"/>
      <c r="M767" s="10"/>
      <c r="N767">
        <v>0</v>
      </c>
    </row>
    <row r="768" spans="1:14" hidden="1">
      <c r="A768" s="7" t="s">
        <v>10</v>
      </c>
      <c r="B768" s="8"/>
      <c r="C768" s="8" t="s">
        <v>56</v>
      </c>
      <c r="D768" t="s">
        <v>77</v>
      </c>
      <c r="E768" s="8" t="s">
        <v>39</v>
      </c>
      <c r="F768" t="s">
        <v>55</v>
      </c>
      <c r="G768" t="s">
        <v>78</v>
      </c>
      <c r="H768" t="s">
        <v>55</v>
      </c>
      <c r="I768" s="8">
        <v>2030</v>
      </c>
      <c r="J768" t="s">
        <v>21</v>
      </c>
      <c r="K768" s="10"/>
      <c r="M768" s="10"/>
      <c r="N768">
        <v>0</v>
      </c>
    </row>
    <row r="769" spans="1:14" hidden="1">
      <c r="A769" s="7" t="s">
        <v>10</v>
      </c>
      <c r="B769" s="8"/>
      <c r="C769" s="8" t="s">
        <v>56</v>
      </c>
      <c r="D769" t="s">
        <v>77</v>
      </c>
      <c r="E769" s="8" t="s">
        <v>39</v>
      </c>
      <c r="F769" t="s">
        <v>55</v>
      </c>
      <c r="G769" t="s">
        <v>78</v>
      </c>
      <c r="H769" t="s">
        <v>55</v>
      </c>
      <c r="I769" s="8">
        <v>2030</v>
      </c>
      <c r="J769" t="s">
        <v>51</v>
      </c>
      <c r="K769" s="10"/>
      <c r="M769" s="10"/>
      <c r="N769">
        <v>0</v>
      </c>
    </row>
    <row r="770" spans="1:14" hidden="1">
      <c r="A770" s="7" t="s">
        <v>10</v>
      </c>
      <c r="B770" s="8"/>
      <c r="C770" s="8" t="s">
        <v>56</v>
      </c>
      <c r="D770" t="s">
        <v>77</v>
      </c>
      <c r="E770" s="8" t="s">
        <v>39</v>
      </c>
      <c r="F770" t="s">
        <v>55</v>
      </c>
      <c r="G770" t="s">
        <v>78</v>
      </c>
      <c r="H770" t="s">
        <v>55</v>
      </c>
      <c r="I770" s="8">
        <v>2031</v>
      </c>
      <c r="J770" t="s">
        <v>47</v>
      </c>
      <c r="K770" s="10"/>
      <c r="M770" s="10"/>
      <c r="N770">
        <v>0</v>
      </c>
    </row>
    <row r="771" spans="1:14" hidden="1">
      <c r="A771" s="7" t="s">
        <v>10</v>
      </c>
      <c r="B771" s="8"/>
      <c r="C771" s="8" t="s">
        <v>56</v>
      </c>
      <c r="D771" t="s">
        <v>77</v>
      </c>
      <c r="E771" s="8" t="s">
        <v>39</v>
      </c>
      <c r="F771" t="s">
        <v>55</v>
      </c>
      <c r="G771" t="s">
        <v>78</v>
      </c>
      <c r="H771" t="s">
        <v>55</v>
      </c>
      <c r="I771" s="8">
        <v>2031</v>
      </c>
      <c r="J771" t="s">
        <v>48</v>
      </c>
      <c r="K771" s="10"/>
      <c r="M771" s="10"/>
      <c r="N771">
        <v>0</v>
      </c>
    </row>
    <row r="772" spans="1:14" hidden="1">
      <c r="A772" s="7" t="s">
        <v>10</v>
      </c>
      <c r="B772" s="8"/>
      <c r="C772" s="8" t="s">
        <v>56</v>
      </c>
      <c r="D772" t="s">
        <v>77</v>
      </c>
      <c r="E772" s="8" t="s">
        <v>39</v>
      </c>
      <c r="F772" t="s">
        <v>55</v>
      </c>
      <c r="G772" t="s">
        <v>78</v>
      </c>
      <c r="H772" t="s">
        <v>55</v>
      </c>
      <c r="I772" s="8">
        <v>2031</v>
      </c>
      <c r="J772" t="s">
        <v>14</v>
      </c>
      <c r="K772" s="10">
        <v>18428</v>
      </c>
      <c r="L772">
        <v>2125</v>
      </c>
      <c r="M772" s="10">
        <v>0</v>
      </c>
      <c r="N772">
        <v>0</v>
      </c>
    </row>
    <row r="773" spans="1:14" hidden="1">
      <c r="A773" s="7" t="s">
        <v>10</v>
      </c>
      <c r="B773" s="8"/>
      <c r="C773" s="8" t="s">
        <v>56</v>
      </c>
      <c r="D773" t="s">
        <v>77</v>
      </c>
      <c r="E773" s="8" t="s">
        <v>39</v>
      </c>
      <c r="F773" t="s">
        <v>55</v>
      </c>
      <c r="G773" t="s">
        <v>78</v>
      </c>
      <c r="H773" t="s">
        <v>55</v>
      </c>
      <c r="I773" s="8">
        <v>2031</v>
      </c>
      <c r="J773" t="s">
        <v>49</v>
      </c>
      <c r="K773" s="10"/>
      <c r="M773" s="10"/>
      <c r="N773">
        <v>0</v>
      </c>
    </row>
    <row r="774" spans="1:14" hidden="1">
      <c r="A774" s="7" t="s">
        <v>10</v>
      </c>
      <c r="B774" s="8"/>
      <c r="C774" s="8" t="s">
        <v>56</v>
      </c>
      <c r="D774" t="s">
        <v>77</v>
      </c>
      <c r="E774" s="8" t="s">
        <v>39</v>
      </c>
      <c r="F774" t="s">
        <v>55</v>
      </c>
      <c r="G774" t="s">
        <v>79</v>
      </c>
      <c r="H774" t="s">
        <v>55</v>
      </c>
      <c r="I774" s="8">
        <v>2031</v>
      </c>
      <c r="J774" t="s">
        <v>15</v>
      </c>
      <c r="K774" s="10">
        <v>7173</v>
      </c>
      <c r="L774">
        <v>4513</v>
      </c>
      <c r="M774" s="10">
        <v>2660</v>
      </c>
      <c r="N774">
        <v>0</v>
      </c>
    </row>
    <row r="775" spans="1:14" hidden="1">
      <c r="A775" s="7" t="s">
        <v>10</v>
      </c>
      <c r="B775" s="8"/>
      <c r="C775" s="8" t="s">
        <v>56</v>
      </c>
      <c r="D775" t="s">
        <v>77</v>
      </c>
      <c r="E775" s="8" t="s">
        <v>39</v>
      </c>
      <c r="F775" t="s">
        <v>55</v>
      </c>
      <c r="G775" t="s">
        <v>79</v>
      </c>
      <c r="H775" t="s">
        <v>55</v>
      </c>
      <c r="I775" s="8">
        <v>2031</v>
      </c>
      <c r="J775" t="s">
        <v>50</v>
      </c>
      <c r="K775" s="10"/>
      <c r="M775" s="10"/>
      <c r="N775">
        <v>0</v>
      </c>
    </row>
    <row r="776" spans="1:14" hidden="1">
      <c r="A776" s="7" t="s">
        <v>10</v>
      </c>
      <c r="B776" s="8"/>
      <c r="C776" s="8" t="s">
        <v>56</v>
      </c>
      <c r="D776" t="s">
        <v>77</v>
      </c>
      <c r="E776" s="8" t="s">
        <v>39</v>
      </c>
      <c r="F776" t="s">
        <v>55</v>
      </c>
      <c r="G776" t="s">
        <v>19</v>
      </c>
      <c r="H776" t="s">
        <v>55</v>
      </c>
      <c r="I776" s="8">
        <v>2031</v>
      </c>
      <c r="J776" t="s">
        <v>19</v>
      </c>
      <c r="K776" s="10"/>
      <c r="M776" s="10"/>
      <c r="N776">
        <v>0</v>
      </c>
    </row>
    <row r="777" spans="1:14" hidden="1">
      <c r="A777" s="7" t="s">
        <v>10</v>
      </c>
      <c r="B777" s="8"/>
      <c r="C777" s="8" t="s">
        <v>56</v>
      </c>
      <c r="D777" t="s">
        <v>77</v>
      </c>
      <c r="E777" s="8" t="s">
        <v>39</v>
      </c>
      <c r="F777" t="s">
        <v>55</v>
      </c>
      <c r="G777" t="s">
        <v>78</v>
      </c>
      <c r="H777" t="s">
        <v>55</v>
      </c>
      <c r="I777" s="8">
        <v>2031</v>
      </c>
      <c r="J777" t="s">
        <v>21</v>
      </c>
      <c r="K777" s="10"/>
      <c r="M777" s="10"/>
      <c r="N777">
        <v>0</v>
      </c>
    </row>
    <row r="778" spans="1:14" hidden="1">
      <c r="A778" s="7" t="s">
        <v>10</v>
      </c>
      <c r="B778" s="8"/>
      <c r="C778" s="8" t="s">
        <v>56</v>
      </c>
      <c r="D778" t="s">
        <v>77</v>
      </c>
      <c r="E778" s="8" t="s">
        <v>39</v>
      </c>
      <c r="F778" t="s">
        <v>55</v>
      </c>
      <c r="G778" t="s">
        <v>78</v>
      </c>
      <c r="H778" t="s">
        <v>55</v>
      </c>
      <c r="I778" s="8">
        <v>2031</v>
      </c>
      <c r="J778" t="s">
        <v>51</v>
      </c>
      <c r="K778" s="10"/>
      <c r="M778" s="10"/>
      <c r="N778">
        <v>0</v>
      </c>
    </row>
    <row r="779" spans="1:14" hidden="1">
      <c r="A779" s="7" t="s">
        <v>10</v>
      </c>
      <c r="B779" s="8"/>
      <c r="C779" s="8" t="s">
        <v>56</v>
      </c>
      <c r="D779" t="s">
        <v>77</v>
      </c>
      <c r="E779" s="8" t="s">
        <v>39</v>
      </c>
      <c r="F779" t="s">
        <v>55</v>
      </c>
      <c r="G779" t="s">
        <v>78</v>
      </c>
      <c r="H779" t="s">
        <v>55</v>
      </c>
      <c r="I779" s="8">
        <v>2032</v>
      </c>
      <c r="J779" t="s">
        <v>47</v>
      </c>
      <c r="K779" s="10"/>
      <c r="M779" s="10"/>
      <c r="N779">
        <v>0</v>
      </c>
    </row>
    <row r="780" spans="1:14" hidden="1">
      <c r="A780" s="7" t="s">
        <v>10</v>
      </c>
      <c r="B780" s="8"/>
      <c r="C780" s="8" t="s">
        <v>56</v>
      </c>
      <c r="D780" t="s">
        <v>77</v>
      </c>
      <c r="E780" s="8" t="s">
        <v>39</v>
      </c>
      <c r="F780" t="s">
        <v>55</v>
      </c>
      <c r="G780" t="s">
        <v>78</v>
      </c>
      <c r="H780" t="s">
        <v>55</v>
      </c>
      <c r="I780" s="8">
        <v>2032</v>
      </c>
      <c r="J780" t="s">
        <v>48</v>
      </c>
      <c r="K780" s="10"/>
      <c r="M780" s="10"/>
      <c r="N780">
        <v>0</v>
      </c>
    </row>
    <row r="781" spans="1:14" hidden="1">
      <c r="A781" s="7" t="s">
        <v>10</v>
      </c>
      <c r="B781" s="8"/>
      <c r="C781" s="8" t="s">
        <v>56</v>
      </c>
      <c r="D781" t="s">
        <v>77</v>
      </c>
      <c r="E781" s="8" t="s">
        <v>39</v>
      </c>
      <c r="F781" t="s">
        <v>55</v>
      </c>
      <c r="G781" t="s">
        <v>78</v>
      </c>
      <c r="H781" t="s">
        <v>55</v>
      </c>
      <c r="I781" s="8">
        <v>2032</v>
      </c>
      <c r="J781" t="s">
        <v>14</v>
      </c>
      <c r="K781" s="10">
        <v>18438</v>
      </c>
      <c r="L781">
        <v>2128</v>
      </c>
      <c r="M781" s="10">
        <v>0</v>
      </c>
      <c r="N781">
        <v>0</v>
      </c>
    </row>
    <row r="782" spans="1:14" hidden="1">
      <c r="A782" s="7" t="s">
        <v>10</v>
      </c>
      <c r="B782" s="8"/>
      <c r="C782" s="8" t="s">
        <v>56</v>
      </c>
      <c r="D782" t="s">
        <v>77</v>
      </c>
      <c r="E782" s="8" t="s">
        <v>39</v>
      </c>
      <c r="F782" t="s">
        <v>55</v>
      </c>
      <c r="G782" t="s">
        <v>78</v>
      </c>
      <c r="H782" t="s">
        <v>55</v>
      </c>
      <c r="I782" s="8">
        <v>2032</v>
      </c>
      <c r="J782" t="s">
        <v>49</v>
      </c>
      <c r="K782" s="10"/>
      <c r="M782" s="10"/>
      <c r="N782">
        <v>0</v>
      </c>
    </row>
    <row r="783" spans="1:14" hidden="1">
      <c r="A783" s="7" t="s">
        <v>10</v>
      </c>
      <c r="B783" s="8"/>
      <c r="C783" s="8" t="s">
        <v>56</v>
      </c>
      <c r="D783" t="s">
        <v>77</v>
      </c>
      <c r="E783" s="8" t="s">
        <v>39</v>
      </c>
      <c r="F783" t="s">
        <v>55</v>
      </c>
      <c r="G783" t="s">
        <v>79</v>
      </c>
      <c r="H783" t="s">
        <v>55</v>
      </c>
      <c r="I783" s="8">
        <v>2032</v>
      </c>
      <c r="J783" t="s">
        <v>15</v>
      </c>
      <c r="K783" s="10">
        <v>7180</v>
      </c>
      <c r="L783">
        <v>4520</v>
      </c>
      <c r="M783" s="10">
        <v>2660</v>
      </c>
      <c r="N783">
        <v>0</v>
      </c>
    </row>
    <row r="784" spans="1:14" hidden="1">
      <c r="A784" s="7" t="s">
        <v>10</v>
      </c>
      <c r="B784" s="8"/>
      <c r="C784" s="8" t="s">
        <v>56</v>
      </c>
      <c r="D784" t="s">
        <v>77</v>
      </c>
      <c r="E784" s="8" t="s">
        <v>39</v>
      </c>
      <c r="F784" t="s">
        <v>55</v>
      </c>
      <c r="G784" t="s">
        <v>79</v>
      </c>
      <c r="H784" t="s">
        <v>55</v>
      </c>
      <c r="I784" s="8">
        <v>2032</v>
      </c>
      <c r="J784" t="s">
        <v>50</v>
      </c>
      <c r="K784" s="10"/>
      <c r="M784" s="10"/>
      <c r="N784">
        <v>0</v>
      </c>
    </row>
    <row r="785" spans="1:14" hidden="1">
      <c r="A785" s="7" t="s">
        <v>10</v>
      </c>
      <c r="B785" s="8"/>
      <c r="C785" s="8" t="s">
        <v>56</v>
      </c>
      <c r="D785" t="s">
        <v>77</v>
      </c>
      <c r="E785" s="8" t="s">
        <v>39</v>
      </c>
      <c r="F785" t="s">
        <v>55</v>
      </c>
      <c r="G785" t="s">
        <v>19</v>
      </c>
      <c r="H785" t="s">
        <v>55</v>
      </c>
      <c r="I785" s="8">
        <v>2032</v>
      </c>
      <c r="J785" t="s">
        <v>19</v>
      </c>
      <c r="K785" s="10"/>
      <c r="M785" s="10"/>
      <c r="N785">
        <v>0</v>
      </c>
    </row>
    <row r="786" spans="1:14" hidden="1">
      <c r="A786" s="7" t="s">
        <v>10</v>
      </c>
      <c r="B786" s="8"/>
      <c r="C786" s="8" t="s">
        <v>56</v>
      </c>
      <c r="D786" t="s">
        <v>77</v>
      </c>
      <c r="E786" s="8" t="s">
        <v>39</v>
      </c>
      <c r="F786" t="s">
        <v>55</v>
      </c>
      <c r="G786" t="s">
        <v>78</v>
      </c>
      <c r="H786" t="s">
        <v>55</v>
      </c>
      <c r="I786" s="8">
        <v>2032</v>
      </c>
      <c r="J786" t="s">
        <v>21</v>
      </c>
      <c r="K786" s="10"/>
      <c r="M786" s="10"/>
      <c r="N786">
        <v>0</v>
      </c>
    </row>
    <row r="787" spans="1:14" hidden="1">
      <c r="A787" s="7" t="s">
        <v>10</v>
      </c>
      <c r="B787" s="8"/>
      <c r="C787" s="8" t="s">
        <v>56</v>
      </c>
      <c r="D787" t="s">
        <v>77</v>
      </c>
      <c r="E787" s="8" t="s">
        <v>39</v>
      </c>
      <c r="F787" t="s">
        <v>55</v>
      </c>
      <c r="G787" t="s">
        <v>78</v>
      </c>
      <c r="H787" t="s">
        <v>55</v>
      </c>
      <c r="I787" s="8">
        <v>2032</v>
      </c>
      <c r="J787" t="s">
        <v>51</v>
      </c>
      <c r="K787" s="10"/>
      <c r="M787" s="10"/>
      <c r="N787">
        <v>0</v>
      </c>
    </row>
    <row r="788" spans="1:14" hidden="1">
      <c r="A788" s="7" t="s">
        <v>10</v>
      </c>
      <c r="B788" s="8"/>
      <c r="C788" s="8" t="s">
        <v>56</v>
      </c>
      <c r="D788" t="s">
        <v>77</v>
      </c>
      <c r="E788" s="8" t="s">
        <v>39</v>
      </c>
      <c r="F788" t="s">
        <v>55</v>
      </c>
      <c r="G788" t="s">
        <v>78</v>
      </c>
      <c r="H788" t="s">
        <v>55</v>
      </c>
      <c r="I788" s="8">
        <v>2033</v>
      </c>
      <c r="J788" t="s">
        <v>47</v>
      </c>
      <c r="K788" s="10"/>
      <c r="M788" s="10"/>
      <c r="N788">
        <v>0</v>
      </c>
    </row>
    <row r="789" spans="1:14" hidden="1">
      <c r="A789" s="7" t="s">
        <v>10</v>
      </c>
      <c r="B789" s="8"/>
      <c r="C789" s="8" t="s">
        <v>56</v>
      </c>
      <c r="D789" t="s">
        <v>77</v>
      </c>
      <c r="E789" s="8" t="s">
        <v>39</v>
      </c>
      <c r="F789" t="s">
        <v>55</v>
      </c>
      <c r="G789" t="s">
        <v>78</v>
      </c>
      <c r="H789" t="s">
        <v>55</v>
      </c>
      <c r="I789" s="8">
        <v>2033</v>
      </c>
      <c r="J789" t="s">
        <v>48</v>
      </c>
      <c r="K789" s="10"/>
      <c r="M789" s="10"/>
      <c r="N789">
        <v>0</v>
      </c>
    </row>
    <row r="790" spans="1:14" hidden="1">
      <c r="A790" s="7" t="s">
        <v>10</v>
      </c>
      <c r="B790" s="8"/>
      <c r="C790" s="8" t="s">
        <v>56</v>
      </c>
      <c r="D790" t="s">
        <v>77</v>
      </c>
      <c r="E790" s="8" t="s">
        <v>39</v>
      </c>
      <c r="F790" t="s">
        <v>55</v>
      </c>
      <c r="G790" t="s">
        <v>78</v>
      </c>
      <c r="H790" t="s">
        <v>55</v>
      </c>
      <c r="I790" s="8">
        <v>2033</v>
      </c>
      <c r="J790" t="s">
        <v>14</v>
      </c>
      <c r="K790" s="10">
        <v>18438</v>
      </c>
      <c r="L790">
        <v>2128</v>
      </c>
      <c r="M790" s="10">
        <v>0</v>
      </c>
      <c r="N790">
        <v>0</v>
      </c>
    </row>
    <row r="791" spans="1:14" hidden="1">
      <c r="A791" s="7" t="s">
        <v>10</v>
      </c>
      <c r="B791" s="8"/>
      <c r="C791" s="8" t="s">
        <v>56</v>
      </c>
      <c r="D791" t="s">
        <v>77</v>
      </c>
      <c r="E791" s="8" t="s">
        <v>39</v>
      </c>
      <c r="F791" t="s">
        <v>55</v>
      </c>
      <c r="G791" t="s">
        <v>78</v>
      </c>
      <c r="H791" t="s">
        <v>55</v>
      </c>
      <c r="I791" s="8">
        <v>2033</v>
      </c>
      <c r="J791" t="s">
        <v>49</v>
      </c>
      <c r="K791" s="10"/>
      <c r="M791" s="10"/>
      <c r="N791">
        <v>0</v>
      </c>
    </row>
    <row r="792" spans="1:14" hidden="1">
      <c r="A792" s="7" t="s">
        <v>10</v>
      </c>
      <c r="B792" s="8"/>
      <c r="C792" s="8" t="s">
        <v>56</v>
      </c>
      <c r="D792" t="s">
        <v>77</v>
      </c>
      <c r="E792" s="8" t="s">
        <v>39</v>
      </c>
      <c r="F792" t="s">
        <v>55</v>
      </c>
      <c r="G792" t="s">
        <v>79</v>
      </c>
      <c r="H792" t="s">
        <v>55</v>
      </c>
      <c r="I792" s="8">
        <v>2033</v>
      </c>
      <c r="J792" t="s">
        <v>15</v>
      </c>
      <c r="K792" s="10">
        <v>7180</v>
      </c>
      <c r="L792">
        <v>4520</v>
      </c>
      <c r="M792" s="10">
        <v>2660</v>
      </c>
      <c r="N792">
        <v>0</v>
      </c>
    </row>
    <row r="793" spans="1:14" hidden="1">
      <c r="A793" s="7" t="s">
        <v>10</v>
      </c>
      <c r="B793" s="8"/>
      <c r="C793" s="8" t="s">
        <v>56</v>
      </c>
      <c r="D793" t="s">
        <v>77</v>
      </c>
      <c r="E793" s="8" t="s">
        <v>39</v>
      </c>
      <c r="F793" t="s">
        <v>55</v>
      </c>
      <c r="G793" t="s">
        <v>79</v>
      </c>
      <c r="H793" t="s">
        <v>55</v>
      </c>
      <c r="I793" s="8">
        <v>2033</v>
      </c>
      <c r="J793" t="s">
        <v>50</v>
      </c>
      <c r="K793" s="10"/>
      <c r="M793" s="10"/>
      <c r="N793">
        <v>0</v>
      </c>
    </row>
    <row r="794" spans="1:14" hidden="1">
      <c r="A794" s="7" t="s">
        <v>10</v>
      </c>
      <c r="B794" s="8"/>
      <c r="C794" s="8" t="s">
        <v>56</v>
      </c>
      <c r="D794" t="s">
        <v>77</v>
      </c>
      <c r="E794" s="8" t="s">
        <v>39</v>
      </c>
      <c r="F794" t="s">
        <v>55</v>
      </c>
      <c r="G794" t="s">
        <v>19</v>
      </c>
      <c r="H794" t="s">
        <v>55</v>
      </c>
      <c r="I794" s="8">
        <v>2033</v>
      </c>
      <c r="J794" t="s">
        <v>19</v>
      </c>
      <c r="K794" s="10"/>
      <c r="M794" s="10"/>
      <c r="N794">
        <v>0</v>
      </c>
    </row>
    <row r="795" spans="1:14" hidden="1">
      <c r="A795" s="7" t="s">
        <v>10</v>
      </c>
      <c r="B795" s="8"/>
      <c r="C795" s="8" t="s">
        <v>56</v>
      </c>
      <c r="D795" t="s">
        <v>77</v>
      </c>
      <c r="E795" s="8" t="s">
        <v>39</v>
      </c>
      <c r="F795" t="s">
        <v>55</v>
      </c>
      <c r="G795" t="s">
        <v>78</v>
      </c>
      <c r="H795" t="s">
        <v>55</v>
      </c>
      <c r="I795" s="8">
        <v>2033</v>
      </c>
      <c r="J795" t="s">
        <v>21</v>
      </c>
      <c r="K795" s="10"/>
      <c r="M795" s="10"/>
      <c r="N795">
        <v>0</v>
      </c>
    </row>
    <row r="796" spans="1:14" hidden="1">
      <c r="A796" s="7" t="s">
        <v>10</v>
      </c>
      <c r="B796" s="8"/>
      <c r="C796" s="8" t="s">
        <v>56</v>
      </c>
      <c r="D796" t="s">
        <v>77</v>
      </c>
      <c r="E796" s="8" t="s">
        <v>39</v>
      </c>
      <c r="F796" t="s">
        <v>55</v>
      </c>
      <c r="G796" t="s">
        <v>78</v>
      </c>
      <c r="H796" t="s">
        <v>55</v>
      </c>
      <c r="I796" s="8">
        <v>2033</v>
      </c>
      <c r="J796" t="s">
        <v>51</v>
      </c>
      <c r="K796" s="10"/>
      <c r="M796" s="10"/>
      <c r="N796">
        <v>0</v>
      </c>
    </row>
    <row r="797" spans="1:14" hidden="1">
      <c r="A797" s="7" t="s">
        <v>10</v>
      </c>
      <c r="B797" s="8"/>
      <c r="C797" s="8" t="s">
        <v>56</v>
      </c>
      <c r="D797" t="s">
        <v>77</v>
      </c>
      <c r="E797" s="8" t="s">
        <v>39</v>
      </c>
      <c r="F797" t="s">
        <v>55</v>
      </c>
      <c r="G797" t="s">
        <v>78</v>
      </c>
      <c r="H797" t="s">
        <v>55</v>
      </c>
      <c r="I797" s="8">
        <v>2034</v>
      </c>
      <c r="J797" t="s">
        <v>47</v>
      </c>
      <c r="K797" s="10"/>
      <c r="M797" s="10"/>
      <c r="N797">
        <v>0</v>
      </c>
    </row>
    <row r="798" spans="1:14" hidden="1">
      <c r="A798" s="7" t="s">
        <v>10</v>
      </c>
      <c r="B798" s="8"/>
      <c r="C798" s="8" t="s">
        <v>56</v>
      </c>
      <c r="D798" t="s">
        <v>77</v>
      </c>
      <c r="E798" s="8" t="s">
        <v>39</v>
      </c>
      <c r="F798" t="s">
        <v>55</v>
      </c>
      <c r="G798" t="s">
        <v>78</v>
      </c>
      <c r="H798" t="s">
        <v>55</v>
      </c>
      <c r="I798" s="8">
        <v>2034</v>
      </c>
      <c r="J798" t="s">
        <v>48</v>
      </c>
      <c r="K798" s="10"/>
      <c r="M798" s="10"/>
      <c r="N798">
        <v>0</v>
      </c>
    </row>
    <row r="799" spans="1:14" hidden="1">
      <c r="A799" s="7" t="s">
        <v>10</v>
      </c>
      <c r="B799" s="8"/>
      <c r="C799" s="8" t="s">
        <v>56</v>
      </c>
      <c r="D799" t="s">
        <v>77</v>
      </c>
      <c r="E799" s="8" t="s">
        <v>39</v>
      </c>
      <c r="F799" t="s">
        <v>55</v>
      </c>
      <c r="G799" t="s">
        <v>78</v>
      </c>
      <c r="H799" t="s">
        <v>55</v>
      </c>
      <c r="I799" s="8">
        <v>2034</v>
      </c>
      <c r="J799" t="s">
        <v>14</v>
      </c>
      <c r="K799" s="10">
        <v>18438</v>
      </c>
      <c r="L799">
        <v>2128</v>
      </c>
      <c r="M799" s="10">
        <v>0</v>
      </c>
      <c r="N799">
        <v>0</v>
      </c>
    </row>
    <row r="800" spans="1:14" hidden="1">
      <c r="A800" s="7" t="s">
        <v>10</v>
      </c>
      <c r="B800" s="8"/>
      <c r="C800" s="8" t="s">
        <v>56</v>
      </c>
      <c r="D800" t="s">
        <v>77</v>
      </c>
      <c r="E800" s="8" t="s">
        <v>39</v>
      </c>
      <c r="F800" t="s">
        <v>55</v>
      </c>
      <c r="G800" t="s">
        <v>78</v>
      </c>
      <c r="H800" t="s">
        <v>55</v>
      </c>
      <c r="I800" s="8">
        <v>2034</v>
      </c>
      <c r="J800" t="s">
        <v>49</v>
      </c>
      <c r="K800" s="10"/>
      <c r="M800" s="10"/>
      <c r="N800">
        <v>0</v>
      </c>
    </row>
    <row r="801" spans="1:14" hidden="1">
      <c r="A801" s="7" t="s">
        <v>10</v>
      </c>
      <c r="B801" s="8"/>
      <c r="C801" s="8" t="s">
        <v>56</v>
      </c>
      <c r="D801" t="s">
        <v>77</v>
      </c>
      <c r="E801" s="8" t="s">
        <v>39</v>
      </c>
      <c r="F801" t="s">
        <v>55</v>
      </c>
      <c r="G801" t="s">
        <v>79</v>
      </c>
      <c r="H801" t="s">
        <v>55</v>
      </c>
      <c r="I801" s="8">
        <v>2034</v>
      </c>
      <c r="J801" t="s">
        <v>15</v>
      </c>
      <c r="K801" s="10">
        <v>7180</v>
      </c>
      <c r="L801">
        <v>4520</v>
      </c>
      <c r="M801" s="10">
        <v>2660</v>
      </c>
      <c r="N801">
        <v>0</v>
      </c>
    </row>
    <row r="802" spans="1:14" hidden="1">
      <c r="A802" s="7" t="s">
        <v>10</v>
      </c>
      <c r="B802" s="8"/>
      <c r="C802" s="8" t="s">
        <v>56</v>
      </c>
      <c r="D802" t="s">
        <v>77</v>
      </c>
      <c r="E802" s="8" t="s">
        <v>39</v>
      </c>
      <c r="F802" t="s">
        <v>55</v>
      </c>
      <c r="G802" t="s">
        <v>79</v>
      </c>
      <c r="H802" t="s">
        <v>55</v>
      </c>
      <c r="I802" s="8">
        <v>2034</v>
      </c>
      <c r="J802" t="s">
        <v>50</v>
      </c>
      <c r="K802" s="10"/>
      <c r="M802" s="10"/>
      <c r="N802">
        <v>0</v>
      </c>
    </row>
    <row r="803" spans="1:14" hidden="1">
      <c r="A803" s="7" t="s">
        <v>10</v>
      </c>
      <c r="B803" s="8"/>
      <c r="C803" s="8" t="s">
        <v>56</v>
      </c>
      <c r="D803" t="s">
        <v>77</v>
      </c>
      <c r="E803" s="8" t="s">
        <v>39</v>
      </c>
      <c r="F803" t="s">
        <v>55</v>
      </c>
      <c r="G803" t="s">
        <v>19</v>
      </c>
      <c r="H803" t="s">
        <v>55</v>
      </c>
      <c r="I803" s="8">
        <v>2034</v>
      </c>
      <c r="J803" t="s">
        <v>19</v>
      </c>
      <c r="K803" s="10"/>
      <c r="M803" s="10"/>
      <c r="N803">
        <v>0</v>
      </c>
    </row>
    <row r="804" spans="1:14" hidden="1">
      <c r="A804" s="7" t="s">
        <v>10</v>
      </c>
      <c r="B804" s="8"/>
      <c r="C804" s="8" t="s">
        <v>56</v>
      </c>
      <c r="D804" t="s">
        <v>77</v>
      </c>
      <c r="E804" s="8" t="s">
        <v>39</v>
      </c>
      <c r="F804" t="s">
        <v>55</v>
      </c>
      <c r="G804" t="s">
        <v>78</v>
      </c>
      <c r="H804" t="s">
        <v>55</v>
      </c>
      <c r="I804" s="8">
        <v>2034</v>
      </c>
      <c r="J804" t="s">
        <v>21</v>
      </c>
      <c r="K804" s="10"/>
      <c r="M804" s="10"/>
      <c r="N804">
        <v>0</v>
      </c>
    </row>
    <row r="805" spans="1:14" hidden="1">
      <c r="A805" s="7" t="s">
        <v>10</v>
      </c>
      <c r="B805" s="8"/>
      <c r="C805" s="8" t="s">
        <v>56</v>
      </c>
      <c r="D805" t="s">
        <v>77</v>
      </c>
      <c r="E805" s="8" t="s">
        <v>39</v>
      </c>
      <c r="F805" t="s">
        <v>55</v>
      </c>
      <c r="G805" t="s">
        <v>78</v>
      </c>
      <c r="H805" t="s">
        <v>55</v>
      </c>
      <c r="I805" s="8">
        <v>2034</v>
      </c>
      <c r="J805" t="s">
        <v>51</v>
      </c>
      <c r="K805" s="10"/>
      <c r="M805" s="10"/>
      <c r="N805">
        <v>0</v>
      </c>
    </row>
    <row r="806" spans="1:14">
      <c r="A806" s="7" t="s">
        <v>10</v>
      </c>
      <c r="B806" s="8"/>
      <c r="C806" s="8" t="s">
        <v>85</v>
      </c>
      <c r="D806" t="s">
        <v>77</v>
      </c>
      <c r="E806" s="8" t="s">
        <v>12</v>
      </c>
      <c r="F806" t="s">
        <v>55</v>
      </c>
      <c r="G806" t="s">
        <v>78</v>
      </c>
      <c r="H806" t="s">
        <v>55</v>
      </c>
      <c r="I806" s="8">
        <v>2025</v>
      </c>
      <c r="J806" t="s">
        <v>47</v>
      </c>
      <c r="K806" s="10"/>
      <c r="M806" s="10"/>
      <c r="N806">
        <v>0</v>
      </c>
    </row>
    <row r="807" spans="1:14">
      <c r="A807" s="7" t="s">
        <v>10</v>
      </c>
      <c r="B807" s="8"/>
      <c r="C807" s="8" t="s">
        <v>85</v>
      </c>
      <c r="D807" t="s">
        <v>77</v>
      </c>
      <c r="E807" s="8" t="s">
        <v>12</v>
      </c>
      <c r="F807" t="s">
        <v>55</v>
      </c>
      <c r="G807" t="s">
        <v>78</v>
      </c>
      <c r="H807" t="s">
        <v>55</v>
      </c>
      <c r="I807" s="8">
        <v>2025</v>
      </c>
      <c r="J807" t="s">
        <v>48</v>
      </c>
      <c r="K807" s="10"/>
      <c r="M807" s="10"/>
      <c r="N807">
        <v>0</v>
      </c>
    </row>
    <row r="808" spans="1:14">
      <c r="A808" s="7" t="s">
        <v>10</v>
      </c>
      <c r="B808" s="8"/>
      <c r="C808" s="8" t="s">
        <v>85</v>
      </c>
      <c r="D808" t="s">
        <v>77</v>
      </c>
      <c r="E808" s="8" t="s">
        <v>12</v>
      </c>
      <c r="F808" t="s">
        <v>55</v>
      </c>
      <c r="G808" t="s">
        <v>78</v>
      </c>
      <c r="H808" t="s">
        <v>55</v>
      </c>
      <c r="I808" s="8">
        <v>2025</v>
      </c>
      <c r="J808" t="s">
        <v>14</v>
      </c>
      <c r="K808" s="10">
        <v>6211</v>
      </c>
      <c r="L808">
        <v>728</v>
      </c>
      <c r="M808" s="10">
        <v>0</v>
      </c>
      <c r="N808">
        <v>0</v>
      </c>
    </row>
    <row r="809" spans="1:14">
      <c r="A809" s="7" t="s">
        <v>10</v>
      </c>
      <c r="B809" s="8"/>
      <c r="C809" s="8" t="s">
        <v>85</v>
      </c>
      <c r="D809" t="s">
        <v>77</v>
      </c>
      <c r="E809" s="8" t="s">
        <v>12</v>
      </c>
      <c r="F809" t="s">
        <v>55</v>
      </c>
      <c r="G809" t="s">
        <v>78</v>
      </c>
      <c r="H809" t="s">
        <v>55</v>
      </c>
      <c r="I809" s="8">
        <v>2025</v>
      </c>
      <c r="J809" t="s">
        <v>49</v>
      </c>
      <c r="K809" s="10"/>
      <c r="M809" s="10"/>
      <c r="N809">
        <v>0</v>
      </c>
    </row>
    <row r="810" spans="1:14">
      <c r="A810" s="7" t="s">
        <v>10</v>
      </c>
      <c r="B810" s="8"/>
      <c r="C810" s="8" t="s">
        <v>85</v>
      </c>
      <c r="D810" t="s">
        <v>77</v>
      </c>
      <c r="E810" s="8" t="s">
        <v>12</v>
      </c>
      <c r="F810" t="s">
        <v>55</v>
      </c>
      <c r="G810" t="s">
        <v>79</v>
      </c>
      <c r="H810" t="s">
        <v>55</v>
      </c>
      <c r="I810" s="8">
        <v>2025</v>
      </c>
      <c r="J810" t="s">
        <v>15</v>
      </c>
      <c r="K810" s="10">
        <v>2393</v>
      </c>
      <c r="L810">
        <v>1460</v>
      </c>
      <c r="M810" s="10">
        <v>2393</v>
      </c>
      <c r="N810">
        <v>0</v>
      </c>
    </row>
    <row r="811" spans="1:14">
      <c r="A811" s="7" t="s">
        <v>10</v>
      </c>
      <c r="B811" s="8"/>
      <c r="C811" s="8" t="s">
        <v>85</v>
      </c>
      <c r="D811" t="s">
        <v>77</v>
      </c>
      <c r="E811" s="8" t="s">
        <v>12</v>
      </c>
      <c r="F811" t="s">
        <v>55</v>
      </c>
      <c r="G811" t="s">
        <v>79</v>
      </c>
      <c r="H811" t="s">
        <v>55</v>
      </c>
      <c r="I811" s="8">
        <v>2025</v>
      </c>
      <c r="J811" t="s">
        <v>50</v>
      </c>
      <c r="K811" s="10"/>
      <c r="M811" s="10"/>
      <c r="N811">
        <v>0</v>
      </c>
    </row>
    <row r="812" spans="1:14">
      <c r="A812" s="7" t="s">
        <v>10</v>
      </c>
      <c r="B812" s="8"/>
      <c r="C812" s="8" t="s">
        <v>85</v>
      </c>
      <c r="D812" t="s">
        <v>77</v>
      </c>
      <c r="E812" s="8" t="s">
        <v>12</v>
      </c>
      <c r="F812" t="s">
        <v>55</v>
      </c>
      <c r="G812" t="s">
        <v>19</v>
      </c>
      <c r="H812" t="s">
        <v>55</v>
      </c>
      <c r="I812" s="8">
        <v>2025</v>
      </c>
      <c r="J812" t="s">
        <v>19</v>
      </c>
      <c r="K812" s="10"/>
      <c r="M812" s="10"/>
      <c r="N812">
        <v>0</v>
      </c>
    </row>
    <row r="813" spans="1:14">
      <c r="A813" s="7" t="s">
        <v>10</v>
      </c>
      <c r="B813" s="8"/>
      <c r="C813" s="8" t="s">
        <v>85</v>
      </c>
      <c r="D813" t="s">
        <v>77</v>
      </c>
      <c r="E813" s="8" t="s">
        <v>12</v>
      </c>
      <c r="F813" t="s">
        <v>55</v>
      </c>
      <c r="G813" t="s">
        <v>78</v>
      </c>
      <c r="H813" t="s">
        <v>55</v>
      </c>
      <c r="I813" s="8">
        <v>2025</v>
      </c>
      <c r="J813" t="s">
        <v>21</v>
      </c>
      <c r="K813" s="10"/>
      <c r="M813" s="10"/>
      <c r="N813">
        <v>0</v>
      </c>
    </row>
    <row r="814" spans="1:14">
      <c r="A814" s="7" t="s">
        <v>10</v>
      </c>
      <c r="B814" s="8"/>
      <c r="C814" s="8" t="s">
        <v>85</v>
      </c>
      <c r="D814" t="s">
        <v>77</v>
      </c>
      <c r="E814" s="8" t="s">
        <v>12</v>
      </c>
      <c r="F814" t="s">
        <v>55</v>
      </c>
      <c r="G814" t="s">
        <v>78</v>
      </c>
      <c r="H814" t="s">
        <v>55</v>
      </c>
      <c r="I814" s="8">
        <v>2025</v>
      </c>
      <c r="J814" t="s">
        <v>51</v>
      </c>
      <c r="K814" s="10"/>
      <c r="M814" s="10"/>
      <c r="N814">
        <v>0</v>
      </c>
    </row>
    <row r="815" spans="1:14" hidden="1">
      <c r="A815" s="7" t="s">
        <v>10</v>
      </c>
      <c r="B815" s="8"/>
      <c r="C815" s="8" t="s">
        <v>85</v>
      </c>
      <c r="D815" t="s">
        <v>77</v>
      </c>
      <c r="E815" s="8" t="s">
        <v>12</v>
      </c>
      <c r="F815" t="s">
        <v>55</v>
      </c>
      <c r="G815" t="s">
        <v>78</v>
      </c>
      <c r="H815" t="s">
        <v>55</v>
      </c>
      <c r="I815" s="8">
        <v>2026</v>
      </c>
      <c r="J815" t="s">
        <v>47</v>
      </c>
      <c r="K815" s="10"/>
      <c r="M815" s="10"/>
      <c r="N815">
        <v>0</v>
      </c>
    </row>
    <row r="816" spans="1:14" hidden="1">
      <c r="A816" s="7" t="s">
        <v>10</v>
      </c>
      <c r="B816" s="8"/>
      <c r="C816" s="8" t="s">
        <v>85</v>
      </c>
      <c r="D816" t="s">
        <v>77</v>
      </c>
      <c r="E816" s="8" t="s">
        <v>12</v>
      </c>
      <c r="F816" t="s">
        <v>55</v>
      </c>
      <c r="G816" t="s">
        <v>78</v>
      </c>
      <c r="H816" t="s">
        <v>55</v>
      </c>
      <c r="I816" s="8">
        <v>2026</v>
      </c>
      <c r="J816" t="s">
        <v>48</v>
      </c>
      <c r="K816" s="10"/>
      <c r="M816" s="10"/>
      <c r="N816">
        <v>0</v>
      </c>
    </row>
    <row r="817" spans="1:14" hidden="1">
      <c r="A817" s="7" t="s">
        <v>10</v>
      </c>
      <c r="B817" s="8"/>
      <c r="C817" s="8" t="s">
        <v>85</v>
      </c>
      <c r="D817" t="s">
        <v>77</v>
      </c>
      <c r="E817" s="8" t="s">
        <v>12</v>
      </c>
      <c r="F817" t="s">
        <v>55</v>
      </c>
      <c r="G817" t="s">
        <v>78</v>
      </c>
      <c r="H817" t="s">
        <v>55</v>
      </c>
      <c r="I817" s="8">
        <v>2026</v>
      </c>
      <c r="J817" t="s">
        <v>14</v>
      </c>
      <c r="K817" s="10">
        <v>9119</v>
      </c>
      <c r="L817">
        <v>1066</v>
      </c>
      <c r="M817" s="10">
        <v>0</v>
      </c>
      <c r="N817">
        <v>0</v>
      </c>
    </row>
    <row r="818" spans="1:14" hidden="1">
      <c r="A818" s="7" t="s">
        <v>10</v>
      </c>
      <c r="B818" s="8"/>
      <c r="C818" s="8" t="s">
        <v>85</v>
      </c>
      <c r="D818" t="s">
        <v>77</v>
      </c>
      <c r="E818" s="8" t="s">
        <v>12</v>
      </c>
      <c r="F818" t="s">
        <v>55</v>
      </c>
      <c r="G818" t="s">
        <v>78</v>
      </c>
      <c r="H818" t="s">
        <v>55</v>
      </c>
      <c r="I818" s="8">
        <v>2026</v>
      </c>
      <c r="J818" t="s">
        <v>49</v>
      </c>
      <c r="K818" s="10"/>
      <c r="M818" s="10"/>
      <c r="N818">
        <v>0</v>
      </c>
    </row>
    <row r="819" spans="1:14" hidden="1">
      <c r="A819" s="7" t="s">
        <v>10</v>
      </c>
      <c r="B819" s="8"/>
      <c r="C819" s="8" t="s">
        <v>85</v>
      </c>
      <c r="D819" t="s">
        <v>77</v>
      </c>
      <c r="E819" s="8" t="s">
        <v>12</v>
      </c>
      <c r="F819" t="s">
        <v>55</v>
      </c>
      <c r="G819" t="s">
        <v>79</v>
      </c>
      <c r="H819" t="s">
        <v>55</v>
      </c>
      <c r="I819" s="8">
        <v>2026</v>
      </c>
      <c r="J819" t="s">
        <v>15</v>
      </c>
      <c r="K819" s="10">
        <v>3750</v>
      </c>
      <c r="L819">
        <v>2137</v>
      </c>
      <c r="M819" s="10">
        <v>3750</v>
      </c>
      <c r="N819">
        <v>0</v>
      </c>
    </row>
    <row r="820" spans="1:14" hidden="1">
      <c r="A820" s="7" t="s">
        <v>10</v>
      </c>
      <c r="B820" s="8"/>
      <c r="C820" s="8" t="s">
        <v>85</v>
      </c>
      <c r="D820" t="s">
        <v>77</v>
      </c>
      <c r="E820" s="8" t="s">
        <v>12</v>
      </c>
      <c r="F820" t="s">
        <v>55</v>
      </c>
      <c r="G820" t="s">
        <v>79</v>
      </c>
      <c r="H820" t="s">
        <v>55</v>
      </c>
      <c r="I820" s="8">
        <v>2026</v>
      </c>
      <c r="J820" t="s">
        <v>50</v>
      </c>
      <c r="K820" s="10"/>
      <c r="M820" s="10"/>
      <c r="N820">
        <v>0</v>
      </c>
    </row>
    <row r="821" spans="1:14" hidden="1">
      <c r="A821" s="7" t="s">
        <v>10</v>
      </c>
      <c r="B821" s="8"/>
      <c r="C821" s="8" t="s">
        <v>85</v>
      </c>
      <c r="D821" t="s">
        <v>77</v>
      </c>
      <c r="E821" s="8" t="s">
        <v>12</v>
      </c>
      <c r="F821" t="s">
        <v>55</v>
      </c>
      <c r="G821" t="s">
        <v>19</v>
      </c>
      <c r="H821" t="s">
        <v>55</v>
      </c>
      <c r="I821" s="8">
        <v>2026</v>
      </c>
      <c r="J821" t="s">
        <v>19</v>
      </c>
      <c r="K821" s="10"/>
      <c r="M821" s="10"/>
      <c r="N821">
        <v>0</v>
      </c>
    </row>
    <row r="822" spans="1:14" hidden="1">
      <c r="A822" s="7" t="s">
        <v>10</v>
      </c>
      <c r="B822" s="8"/>
      <c r="C822" s="8" t="s">
        <v>85</v>
      </c>
      <c r="D822" t="s">
        <v>77</v>
      </c>
      <c r="E822" s="8" t="s">
        <v>12</v>
      </c>
      <c r="F822" t="s">
        <v>55</v>
      </c>
      <c r="G822" t="s">
        <v>78</v>
      </c>
      <c r="H822" t="s">
        <v>55</v>
      </c>
      <c r="I822" s="8">
        <v>2026</v>
      </c>
      <c r="J822" t="s">
        <v>21</v>
      </c>
      <c r="K822" s="10"/>
      <c r="M822" s="10"/>
      <c r="N822">
        <v>0</v>
      </c>
    </row>
    <row r="823" spans="1:14" hidden="1">
      <c r="A823" s="7" t="s">
        <v>10</v>
      </c>
      <c r="B823" s="8"/>
      <c r="C823" s="8" t="s">
        <v>85</v>
      </c>
      <c r="D823" t="s">
        <v>77</v>
      </c>
      <c r="E823" s="8" t="s">
        <v>12</v>
      </c>
      <c r="F823" t="s">
        <v>55</v>
      </c>
      <c r="G823" t="s">
        <v>78</v>
      </c>
      <c r="H823" t="s">
        <v>55</v>
      </c>
      <c r="I823" s="8">
        <v>2026</v>
      </c>
      <c r="J823" t="s">
        <v>51</v>
      </c>
      <c r="K823" s="10"/>
      <c r="M823" s="10"/>
      <c r="N823">
        <v>0</v>
      </c>
    </row>
    <row r="824" spans="1:14" hidden="1">
      <c r="A824" s="7" t="s">
        <v>10</v>
      </c>
      <c r="B824" s="8"/>
      <c r="C824" s="8" t="s">
        <v>85</v>
      </c>
      <c r="D824" t="s">
        <v>77</v>
      </c>
      <c r="E824" s="8" t="s">
        <v>12</v>
      </c>
      <c r="F824" t="s">
        <v>55</v>
      </c>
      <c r="G824" t="s">
        <v>78</v>
      </c>
      <c r="H824" t="s">
        <v>55</v>
      </c>
      <c r="I824" s="8">
        <v>2027</v>
      </c>
      <c r="J824" t="s">
        <v>47</v>
      </c>
      <c r="K824" s="10"/>
      <c r="M824" s="10"/>
      <c r="N824">
        <v>0</v>
      </c>
    </row>
    <row r="825" spans="1:14" hidden="1">
      <c r="A825" s="7" t="s">
        <v>10</v>
      </c>
      <c r="B825" s="8"/>
      <c r="C825" s="8" t="s">
        <v>85</v>
      </c>
      <c r="D825" t="s">
        <v>77</v>
      </c>
      <c r="E825" s="8" t="s">
        <v>12</v>
      </c>
      <c r="F825" t="s">
        <v>55</v>
      </c>
      <c r="G825" t="s">
        <v>78</v>
      </c>
      <c r="H825" t="s">
        <v>55</v>
      </c>
      <c r="I825" s="8">
        <v>2027</v>
      </c>
      <c r="J825" t="s">
        <v>48</v>
      </c>
      <c r="K825" s="10"/>
      <c r="M825" s="10"/>
      <c r="N825">
        <v>0</v>
      </c>
    </row>
    <row r="826" spans="1:14" hidden="1">
      <c r="A826" s="7" t="s">
        <v>10</v>
      </c>
      <c r="B826" s="8"/>
      <c r="C826" s="8" t="s">
        <v>85</v>
      </c>
      <c r="D826" t="s">
        <v>77</v>
      </c>
      <c r="E826" s="8" t="s">
        <v>12</v>
      </c>
      <c r="F826" t="s">
        <v>55</v>
      </c>
      <c r="G826" t="s">
        <v>78</v>
      </c>
      <c r="H826" t="s">
        <v>55</v>
      </c>
      <c r="I826" s="8">
        <v>2027</v>
      </c>
      <c r="J826" t="s">
        <v>14</v>
      </c>
      <c r="K826" s="10">
        <v>11945</v>
      </c>
      <c r="L826">
        <v>1395</v>
      </c>
      <c r="M826" s="10">
        <v>0</v>
      </c>
      <c r="N826">
        <v>0</v>
      </c>
    </row>
    <row r="827" spans="1:14" hidden="1">
      <c r="A827" s="7" t="s">
        <v>10</v>
      </c>
      <c r="B827" s="8"/>
      <c r="C827" s="8" t="s">
        <v>85</v>
      </c>
      <c r="D827" t="s">
        <v>77</v>
      </c>
      <c r="E827" s="8" t="s">
        <v>12</v>
      </c>
      <c r="F827" t="s">
        <v>55</v>
      </c>
      <c r="G827" t="s">
        <v>78</v>
      </c>
      <c r="H827" t="s">
        <v>55</v>
      </c>
      <c r="I827" s="8">
        <v>2027</v>
      </c>
      <c r="J827" t="s">
        <v>49</v>
      </c>
      <c r="K827" s="10"/>
      <c r="M827" s="10"/>
      <c r="N827">
        <v>0</v>
      </c>
    </row>
    <row r="828" spans="1:14" hidden="1">
      <c r="A828" s="7" t="s">
        <v>10</v>
      </c>
      <c r="B828" s="8"/>
      <c r="C828" s="8" t="s">
        <v>85</v>
      </c>
      <c r="D828" t="s">
        <v>77</v>
      </c>
      <c r="E828" s="8" t="s">
        <v>12</v>
      </c>
      <c r="F828" t="s">
        <v>55</v>
      </c>
      <c r="G828" t="s">
        <v>79</v>
      </c>
      <c r="H828" t="s">
        <v>55</v>
      </c>
      <c r="I828" s="8">
        <v>2027</v>
      </c>
      <c r="J828" t="s">
        <v>15</v>
      </c>
      <c r="K828" s="10">
        <v>4970</v>
      </c>
      <c r="L828">
        <v>2831</v>
      </c>
      <c r="M828" s="10">
        <v>4970</v>
      </c>
      <c r="N828">
        <v>0</v>
      </c>
    </row>
    <row r="829" spans="1:14" hidden="1">
      <c r="A829" s="7" t="s">
        <v>10</v>
      </c>
      <c r="B829" s="8"/>
      <c r="C829" s="8" t="s">
        <v>85</v>
      </c>
      <c r="D829" t="s">
        <v>77</v>
      </c>
      <c r="E829" s="8" t="s">
        <v>12</v>
      </c>
      <c r="F829" t="s">
        <v>55</v>
      </c>
      <c r="G829" t="s">
        <v>79</v>
      </c>
      <c r="H829" t="s">
        <v>55</v>
      </c>
      <c r="I829" s="8">
        <v>2027</v>
      </c>
      <c r="J829" t="s">
        <v>50</v>
      </c>
      <c r="K829" s="10"/>
      <c r="M829" s="10"/>
      <c r="N829">
        <v>0</v>
      </c>
    </row>
    <row r="830" spans="1:14" hidden="1">
      <c r="A830" s="7" t="s">
        <v>10</v>
      </c>
      <c r="B830" s="8"/>
      <c r="C830" s="8" t="s">
        <v>85</v>
      </c>
      <c r="D830" t="s">
        <v>77</v>
      </c>
      <c r="E830" s="8" t="s">
        <v>12</v>
      </c>
      <c r="F830" t="s">
        <v>55</v>
      </c>
      <c r="G830" t="s">
        <v>19</v>
      </c>
      <c r="H830" t="s">
        <v>55</v>
      </c>
      <c r="I830" s="8">
        <v>2027</v>
      </c>
      <c r="J830" t="s">
        <v>19</v>
      </c>
      <c r="K830" s="10"/>
      <c r="M830" s="10"/>
      <c r="N830">
        <v>0</v>
      </c>
    </row>
    <row r="831" spans="1:14" hidden="1">
      <c r="A831" s="7" t="s">
        <v>10</v>
      </c>
      <c r="B831" s="8"/>
      <c r="C831" s="8" t="s">
        <v>85</v>
      </c>
      <c r="D831" t="s">
        <v>77</v>
      </c>
      <c r="E831" s="8" t="s">
        <v>12</v>
      </c>
      <c r="F831" t="s">
        <v>55</v>
      </c>
      <c r="G831" t="s">
        <v>78</v>
      </c>
      <c r="H831" t="s">
        <v>55</v>
      </c>
      <c r="I831" s="8">
        <v>2027</v>
      </c>
      <c r="J831" t="s">
        <v>21</v>
      </c>
      <c r="K831" s="10"/>
      <c r="M831" s="10"/>
      <c r="N831">
        <v>0</v>
      </c>
    </row>
    <row r="832" spans="1:14" hidden="1">
      <c r="A832" s="7" t="s">
        <v>10</v>
      </c>
      <c r="B832" s="8"/>
      <c r="C832" s="8" t="s">
        <v>85</v>
      </c>
      <c r="D832" t="s">
        <v>77</v>
      </c>
      <c r="E832" s="8" t="s">
        <v>12</v>
      </c>
      <c r="F832" t="s">
        <v>55</v>
      </c>
      <c r="G832" t="s">
        <v>78</v>
      </c>
      <c r="H832" t="s">
        <v>55</v>
      </c>
      <c r="I832" s="8">
        <v>2027</v>
      </c>
      <c r="J832" t="s">
        <v>51</v>
      </c>
      <c r="K832" s="10"/>
      <c r="M832" s="10"/>
      <c r="N832">
        <v>0</v>
      </c>
    </row>
    <row r="833" spans="1:14" hidden="1">
      <c r="A833" s="7" t="s">
        <v>10</v>
      </c>
      <c r="B833" s="8"/>
      <c r="C833" s="8" t="s">
        <v>85</v>
      </c>
      <c r="D833" t="s">
        <v>77</v>
      </c>
      <c r="E833" s="8" t="s">
        <v>12</v>
      </c>
      <c r="F833" t="s">
        <v>55</v>
      </c>
      <c r="G833" t="s">
        <v>78</v>
      </c>
      <c r="H833" t="s">
        <v>55</v>
      </c>
      <c r="I833" s="8">
        <v>2028</v>
      </c>
      <c r="J833" t="s">
        <v>47</v>
      </c>
      <c r="K833" s="10"/>
      <c r="M833" s="10"/>
      <c r="N833">
        <v>0</v>
      </c>
    </row>
    <row r="834" spans="1:14" hidden="1">
      <c r="A834" s="7" t="s">
        <v>10</v>
      </c>
      <c r="B834" s="8"/>
      <c r="C834" s="8" t="s">
        <v>85</v>
      </c>
      <c r="D834" t="s">
        <v>77</v>
      </c>
      <c r="E834" s="8" t="s">
        <v>12</v>
      </c>
      <c r="F834" t="s">
        <v>55</v>
      </c>
      <c r="G834" t="s">
        <v>78</v>
      </c>
      <c r="H834" t="s">
        <v>55</v>
      </c>
      <c r="I834" s="8">
        <v>2028</v>
      </c>
      <c r="J834" t="s">
        <v>48</v>
      </c>
      <c r="K834" s="10"/>
      <c r="M834" s="10"/>
      <c r="N834">
        <v>0</v>
      </c>
    </row>
    <row r="835" spans="1:14" hidden="1">
      <c r="A835" s="7" t="s">
        <v>10</v>
      </c>
      <c r="B835" s="8"/>
      <c r="C835" s="8" t="s">
        <v>85</v>
      </c>
      <c r="D835" t="s">
        <v>77</v>
      </c>
      <c r="E835" s="8" t="s">
        <v>12</v>
      </c>
      <c r="F835" t="s">
        <v>55</v>
      </c>
      <c r="G835" t="s">
        <v>78</v>
      </c>
      <c r="H835" t="s">
        <v>55</v>
      </c>
      <c r="I835" s="8">
        <v>2028</v>
      </c>
      <c r="J835" t="s">
        <v>14</v>
      </c>
      <c r="K835" s="10">
        <v>13029</v>
      </c>
      <c r="L835">
        <v>1524</v>
      </c>
      <c r="M835" s="10">
        <v>0</v>
      </c>
      <c r="N835">
        <v>0</v>
      </c>
    </row>
    <row r="836" spans="1:14" hidden="1">
      <c r="A836" s="7" t="s">
        <v>10</v>
      </c>
      <c r="B836" s="8"/>
      <c r="C836" s="8" t="s">
        <v>85</v>
      </c>
      <c r="D836" t="s">
        <v>77</v>
      </c>
      <c r="E836" s="8" t="s">
        <v>12</v>
      </c>
      <c r="F836" t="s">
        <v>55</v>
      </c>
      <c r="G836" t="s">
        <v>78</v>
      </c>
      <c r="H836" t="s">
        <v>55</v>
      </c>
      <c r="I836" s="8">
        <v>2028</v>
      </c>
      <c r="J836" t="s">
        <v>49</v>
      </c>
      <c r="K836" s="10"/>
      <c r="M836" s="10"/>
      <c r="N836">
        <v>0</v>
      </c>
    </row>
    <row r="837" spans="1:14" hidden="1">
      <c r="A837" s="7" t="s">
        <v>10</v>
      </c>
      <c r="B837" s="8"/>
      <c r="C837" s="8" t="s">
        <v>85</v>
      </c>
      <c r="D837" t="s">
        <v>77</v>
      </c>
      <c r="E837" s="8" t="s">
        <v>12</v>
      </c>
      <c r="F837" t="s">
        <v>55</v>
      </c>
      <c r="G837" t="s">
        <v>79</v>
      </c>
      <c r="H837" t="s">
        <v>55</v>
      </c>
      <c r="I837" s="8">
        <v>2028</v>
      </c>
      <c r="J837" t="s">
        <v>15</v>
      </c>
      <c r="K837" s="10">
        <v>5443</v>
      </c>
      <c r="L837">
        <v>3100</v>
      </c>
      <c r="M837" s="10">
        <v>5443</v>
      </c>
      <c r="N837">
        <v>0</v>
      </c>
    </row>
    <row r="838" spans="1:14" hidden="1">
      <c r="A838" s="7" t="s">
        <v>10</v>
      </c>
      <c r="B838" s="8"/>
      <c r="C838" s="8" t="s">
        <v>85</v>
      </c>
      <c r="D838" t="s">
        <v>77</v>
      </c>
      <c r="E838" s="8" t="s">
        <v>12</v>
      </c>
      <c r="F838" t="s">
        <v>55</v>
      </c>
      <c r="G838" t="s">
        <v>79</v>
      </c>
      <c r="H838" t="s">
        <v>55</v>
      </c>
      <c r="I838" s="8">
        <v>2028</v>
      </c>
      <c r="J838" t="s">
        <v>50</v>
      </c>
      <c r="K838" s="10"/>
      <c r="M838" s="10"/>
      <c r="N838">
        <v>0</v>
      </c>
    </row>
    <row r="839" spans="1:14" hidden="1">
      <c r="A839" s="7" t="s">
        <v>10</v>
      </c>
      <c r="B839" s="8"/>
      <c r="C839" s="8" t="s">
        <v>85</v>
      </c>
      <c r="D839" t="s">
        <v>77</v>
      </c>
      <c r="E839" s="8" t="s">
        <v>12</v>
      </c>
      <c r="F839" t="s">
        <v>55</v>
      </c>
      <c r="G839" t="s">
        <v>19</v>
      </c>
      <c r="H839" t="s">
        <v>55</v>
      </c>
      <c r="I839" s="8">
        <v>2028</v>
      </c>
      <c r="J839" t="s">
        <v>19</v>
      </c>
      <c r="K839" s="10"/>
      <c r="M839" s="10"/>
      <c r="N839">
        <v>0</v>
      </c>
    </row>
    <row r="840" spans="1:14" hidden="1">
      <c r="A840" s="7" t="s">
        <v>10</v>
      </c>
      <c r="B840" s="8"/>
      <c r="C840" s="8" t="s">
        <v>85</v>
      </c>
      <c r="D840" t="s">
        <v>77</v>
      </c>
      <c r="E840" s="8" t="s">
        <v>12</v>
      </c>
      <c r="F840" t="s">
        <v>55</v>
      </c>
      <c r="G840" t="s">
        <v>78</v>
      </c>
      <c r="H840" t="s">
        <v>55</v>
      </c>
      <c r="I840" s="8">
        <v>2028</v>
      </c>
      <c r="J840" t="s">
        <v>21</v>
      </c>
      <c r="K840" s="10"/>
      <c r="M840" s="10"/>
      <c r="N840">
        <v>0</v>
      </c>
    </row>
    <row r="841" spans="1:14" hidden="1">
      <c r="A841" s="7" t="s">
        <v>10</v>
      </c>
      <c r="B841" s="8"/>
      <c r="C841" s="8" t="s">
        <v>85</v>
      </c>
      <c r="D841" t="s">
        <v>77</v>
      </c>
      <c r="E841" s="8" t="s">
        <v>12</v>
      </c>
      <c r="F841" t="s">
        <v>55</v>
      </c>
      <c r="G841" t="s">
        <v>78</v>
      </c>
      <c r="H841" t="s">
        <v>55</v>
      </c>
      <c r="I841" s="8">
        <v>2028</v>
      </c>
      <c r="J841" t="s">
        <v>51</v>
      </c>
      <c r="K841" s="10"/>
      <c r="M841" s="10"/>
      <c r="N841">
        <v>0</v>
      </c>
    </row>
    <row r="842" spans="1:14" hidden="1">
      <c r="A842" s="7" t="s">
        <v>10</v>
      </c>
      <c r="B842" s="8"/>
      <c r="C842" s="8" t="s">
        <v>85</v>
      </c>
      <c r="D842" t="s">
        <v>77</v>
      </c>
      <c r="E842" s="8" t="s">
        <v>12</v>
      </c>
      <c r="F842" t="s">
        <v>55</v>
      </c>
      <c r="G842" t="s">
        <v>78</v>
      </c>
      <c r="H842" t="s">
        <v>55</v>
      </c>
      <c r="I842" s="8">
        <v>2029</v>
      </c>
      <c r="J842" t="s">
        <v>47</v>
      </c>
      <c r="K842" s="10"/>
      <c r="M842" s="10"/>
      <c r="N842">
        <v>0</v>
      </c>
    </row>
    <row r="843" spans="1:14" hidden="1">
      <c r="A843" s="7" t="s">
        <v>10</v>
      </c>
      <c r="B843" s="8"/>
      <c r="C843" s="8" t="s">
        <v>85</v>
      </c>
      <c r="D843" t="s">
        <v>77</v>
      </c>
      <c r="E843" s="8" t="s">
        <v>12</v>
      </c>
      <c r="F843" t="s">
        <v>55</v>
      </c>
      <c r="G843" t="s">
        <v>78</v>
      </c>
      <c r="H843" t="s">
        <v>55</v>
      </c>
      <c r="I843" s="8">
        <v>2029</v>
      </c>
      <c r="J843" t="s">
        <v>48</v>
      </c>
      <c r="K843" s="10"/>
      <c r="M843" s="10"/>
      <c r="N843">
        <v>0</v>
      </c>
    </row>
    <row r="844" spans="1:14" hidden="1">
      <c r="A844" s="7" t="s">
        <v>10</v>
      </c>
      <c r="B844" s="8"/>
      <c r="C844" s="8" t="s">
        <v>85</v>
      </c>
      <c r="D844" t="s">
        <v>77</v>
      </c>
      <c r="E844" s="8" t="s">
        <v>12</v>
      </c>
      <c r="F844" t="s">
        <v>55</v>
      </c>
      <c r="G844" t="s">
        <v>78</v>
      </c>
      <c r="H844" t="s">
        <v>55</v>
      </c>
      <c r="I844" s="8">
        <v>2029</v>
      </c>
      <c r="J844" t="s">
        <v>14</v>
      </c>
      <c r="K844" s="10">
        <v>14872</v>
      </c>
      <c r="L844">
        <v>1756</v>
      </c>
      <c r="M844" s="10">
        <v>0</v>
      </c>
      <c r="N844">
        <v>0</v>
      </c>
    </row>
    <row r="845" spans="1:14" hidden="1">
      <c r="A845" s="7" t="s">
        <v>10</v>
      </c>
      <c r="B845" s="8"/>
      <c r="C845" s="8" t="s">
        <v>85</v>
      </c>
      <c r="D845" t="s">
        <v>77</v>
      </c>
      <c r="E845" s="8" t="s">
        <v>12</v>
      </c>
      <c r="F845" t="s">
        <v>55</v>
      </c>
      <c r="G845" t="s">
        <v>78</v>
      </c>
      <c r="H845" t="s">
        <v>55</v>
      </c>
      <c r="I845" s="8">
        <v>2029</v>
      </c>
      <c r="J845" t="s">
        <v>49</v>
      </c>
      <c r="K845" s="10"/>
      <c r="M845" s="10"/>
      <c r="N845">
        <v>0</v>
      </c>
    </row>
    <row r="846" spans="1:14" hidden="1">
      <c r="A846" s="7" t="s">
        <v>10</v>
      </c>
      <c r="B846" s="8"/>
      <c r="C846" s="8" t="s">
        <v>85</v>
      </c>
      <c r="D846" t="s">
        <v>77</v>
      </c>
      <c r="E846" s="8" t="s">
        <v>12</v>
      </c>
      <c r="F846" t="s">
        <v>55</v>
      </c>
      <c r="G846" t="s">
        <v>79</v>
      </c>
      <c r="H846" t="s">
        <v>55</v>
      </c>
      <c r="I846" s="8">
        <v>2029</v>
      </c>
      <c r="J846" t="s">
        <v>15</v>
      </c>
      <c r="K846" s="10">
        <v>6633</v>
      </c>
      <c r="L846">
        <v>3702</v>
      </c>
      <c r="M846" s="10">
        <v>6633</v>
      </c>
      <c r="N846">
        <v>0</v>
      </c>
    </row>
    <row r="847" spans="1:14" hidden="1">
      <c r="A847" s="7" t="s">
        <v>10</v>
      </c>
      <c r="B847" s="8"/>
      <c r="C847" s="8" t="s">
        <v>85</v>
      </c>
      <c r="D847" t="s">
        <v>77</v>
      </c>
      <c r="E847" s="8" t="s">
        <v>12</v>
      </c>
      <c r="F847" t="s">
        <v>55</v>
      </c>
      <c r="G847" t="s">
        <v>79</v>
      </c>
      <c r="H847" t="s">
        <v>55</v>
      </c>
      <c r="I847" s="8">
        <v>2029</v>
      </c>
      <c r="J847" t="s">
        <v>50</v>
      </c>
      <c r="K847" s="10"/>
      <c r="M847" s="10"/>
      <c r="N847">
        <v>0</v>
      </c>
    </row>
    <row r="848" spans="1:14" hidden="1">
      <c r="A848" s="7" t="s">
        <v>10</v>
      </c>
      <c r="B848" s="8"/>
      <c r="C848" s="8" t="s">
        <v>85</v>
      </c>
      <c r="D848" t="s">
        <v>77</v>
      </c>
      <c r="E848" s="8" t="s">
        <v>12</v>
      </c>
      <c r="F848" t="s">
        <v>55</v>
      </c>
      <c r="G848" t="s">
        <v>19</v>
      </c>
      <c r="H848" t="s">
        <v>55</v>
      </c>
      <c r="I848" s="8">
        <v>2029</v>
      </c>
      <c r="J848" t="s">
        <v>19</v>
      </c>
      <c r="K848" s="10"/>
      <c r="M848" s="10"/>
      <c r="N848">
        <v>0</v>
      </c>
    </row>
    <row r="849" spans="1:14" hidden="1">
      <c r="A849" s="7" t="s">
        <v>10</v>
      </c>
      <c r="B849" s="8"/>
      <c r="C849" s="8" t="s">
        <v>85</v>
      </c>
      <c r="D849" t="s">
        <v>77</v>
      </c>
      <c r="E849" s="8" t="s">
        <v>12</v>
      </c>
      <c r="F849" t="s">
        <v>55</v>
      </c>
      <c r="G849" t="s">
        <v>78</v>
      </c>
      <c r="H849" t="s">
        <v>55</v>
      </c>
      <c r="I849" s="8">
        <v>2029</v>
      </c>
      <c r="J849" t="s">
        <v>21</v>
      </c>
      <c r="K849" s="10"/>
      <c r="M849" s="10"/>
      <c r="N849">
        <v>0</v>
      </c>
    </row>
    <row r="850" spans="1:14" hidden="1">
      <c r="A850" s="7" t="s">
        <v>10</v>
      </c>
      <c r="B850" s="8"/>
      <c r="C850" s="8" t="s">
        <v>85</v>
      </c>
      <c r="D850" t="s">
        <v>77</v>
      </c>
      <c r="E850" s="8" t="s">
        <v>12</v>
      </c>
      <c r="F850" t="s">
        <v>55</v>
      </c>
      <c r="G850" t="s">
        <v>78</v>
      </c>
      <c r="H850" t="s">
        <v>55</v>
      </c>
      <c r="I850" s="8">
        <v>2029</v>
      </c>
      <c r="J850" t="s">
        <v>51</v>
      </c>
      <c r="K850" s="10"/>
      <c r="M850" s="10"/>
      <c r="N850">
        <v>0</v>
      </c>
    </row>
    <row r="851" spans="1:14" hidden="1">
      <c r="A851" s="7" t="s">
        <v>10</v>
      </c>
      <c r="B851" s="8"/>
      <c r="C851" s="8" t="s">
        <v>85</v>
      </c>
      <c r="D851" t="s">
        <v>77</v>
      </c>
      <c r="E851" s="8" t="s">
        <v>12</v>
      </c>
      <c r="F851" t="s">
        <v>55</v>
      </c>
      <c r="G851" t="s">
        <v>78</v>
      </c>
      <c r="H851" t="s">
        <v>55</v>
      </c>
      <c r="I851" s="8">
        <v>2030</v>
      </c>
      <c r="J851" t="s">
        <v>47</v>
      </c>
      <c r="K851" s="10"/>
      <c r="M851" s="10"/>
      <c r="N851">
        <v>0</v>
      </c>
    </row>
    <row r="852" spans="1:14" hidden="1">
      <c r="A852" s="7" t="s">
        <v>10</v>
      </c>
      <c r="B852" s="8"/>
      <c r="C852" s="8" t="s">
        <v>85</v>
      </c>
      <c r="D852" t="s">
        <v>77</v>
      </c>
      <c r="E852" s="8" t="s">
        <v>12</v>
      </c>
      <c r="F852" t="s">
        <v>55</v>
      </c>
      <c r="G852" t="s">
        <v>78</v>
      </c>
      <c r="H852" t="s">
        <v>55</v>
      </c>
      <c r="I852" s="8">
        <v>2030</v>
      </c>
      <c r="J852" t="s">
        <v>48</v>
      </c>
      <c r="K852" s="10"/>
      <c r="M852" s="10"/>
      <c r="N852">
        <v>0</v>
      </c>
    </row>
    <row r="853" spans="1:14" hidden="1">
      <c r="A853" s="7" t="s">
        <v>10</v>
      </c>
      <c r="B853" s="8"/>
      <c r="C853" s="8" t="s">
        <v>85</v>
      </c>
      <c r="D853" t="s">
        <v>77</v>
      </c>
      <c r="E853" s="8" t="s">
        <v>12</v>
      </c>
      <c r="F853" t="s">
        <v>55</v>
      </c>
      <c r="G853" t="s">
        <v>78</v>
      </c>
      <c r="H853" t="s">
        <v>55</v>
      </c>
      <c r="I853" s="8">
        <v>2030</v>
      </c>
      <c r="J853" t="s">
        <v>14</v>
      </c>
      <c r="K853" s="10">
        <v>15116</v>
      </c>
      <c r="L853">
        <v>1790</v>
      </c>
      <c r="M853" s="10">
        <v>0</v>
      </c>
      <c r="N853">
        <v>0</v>
      </c>
    </row>
    <row r="854" spans="1:14" hidden="1">
      <c r="A854" s="7" t="s">
        <v>10</v>
      </c>
      <c r="B854" s="8"/>
      <c r="C854" s="8" t="s">
        <v>85</v>
      </c>
      <c r="D854" t="s">
        <v>77</v>
      </c>
      <c r="E854" s="8" t="s">
        <v>12</v>
      </c>
      <c r="F854" t="s">
        <v>55</v>
      </c>
      <c r="G854" t="s">
        <v>78</v>
      </c>
      <c r="H854" t="s">
        <v>55</v>
      </c>
      <c r="I854" s="8">
        <v>2030</v>
      </c>
      <c r="J854" t="s">
        <v>49</v>
      </c>
      <c r="K854" s="10"/>
      <c r="M854" s="10"/>
      <c r="N854">
        <v>0</v>
      </c>
    </row>
    <row r="855" spans="1:14" hidden="1">
      <c r="A855" s="7" t="s">
        <v>10</v>
      </c>
      <c r="B855" s="8"/>
      <c r="C855" s="8" t="s">
        <v>85</v>
      </c>
      <c r="D855" t="s">
        <v>77</v>
      </c>
      <c r="E855" s="8" t="s">
        <v>12</v>
      </c>
      <c r="F855" t="s">
        <v>55</v>
      </c>
      <c r="G855" t="s">
        <v>79</v>
      </c>
      <c r="H855" t="s">
        <v>55</v>
      </c>
      <c r="I855" s="8">
        <v>2030</v>
      </c>
      <c r="J855" t="s">
        <v>15</v>
      </c>
      <c r="K855" s="10">
        <v>6883</v>
      </c>
      <c r="L855">
        <v>3817</v>
      </c>
      <c r="M855" s="10">
        <v>6883</v>
      </c>
      <c r="N855">
        <v>0</v>
      </c>
    </row>
    <row r="856" spans="1:14" hidden="1">
      <c r="A856" s="7" t="s">
        <v>10</v>
      </c>
      <c r="B856" s="8"/>
      <c r="C856" s="8" t="s">
        <v>85</v>
      </c>
      <c r="D856" t="s">
        <v>77</v>
      </c>
      <c r="E856" s="8" t="s">
        <v>12</v>
      </c>
      <c r="F856" t="s">
        <v>55</v>
      </c>
      <c r="G856" t="s">
        <v>79</v>
      </c>
      <c r="H856" t="s">
        <v>55</v>
      </c>
      <c r="I856" s="8">
        <v>2030</v>
      </c>
      <c r="J856" t="s">
        <v>50</v>
      </c>
      <c r="K856" s="10"/>
      <c r="M856" s="10"/>
      <c r="N856">
        <v>0</v>
      </c>
    </row>
    <row r="857" spans="1:14" hidden="1">
      <c r="A857" s="7" t="s">
        <v>10</v>
      </c>
      <c r="B857" s="8"/>
      <c r="C857" s="8" t="s">
        <v>85</v>
      </c>
      <c r="D857" t="s">
        <v>77</v>
      </c>
      <c r="E857" s="8" t="s">
        <v>12</v>
      </c>
      <c r="F857" t="s">
        <v>55</v>
      </c>
      <c r="G857" t="s">
        <v>19</v>
      </c>
      <c r="H857" t="s">
        <v>55</v>
      </c>
      <c r="I857" s="8">
        <v>2030</v>
      </c>
      <c r="J857" t="s">
        <v>19</v>
      </c>
      <c r="K857" s="10"/>
      <c r="M857" s="10"/>
      <c r="N857">
        <v>0</v>
      </c>
    </row>
    <row r="858" spans="1:14" hidden="1">
      <c r="A858" s="7" t="s">
        <v>10</v>
      </c>
      <c r="B858" s="8"/>
      <c r="C858" s="8" t="s">
        <v>85</v>
      </c>
      <c r="D858" t="s">
        <v>77</v>
      </c>
      <c r="E858" s="8" t="s">
        <v>12</v>
      </c>
      <c r="F858" t="s">
        <v>55</v>
      </c>
      <c r="G858" t="s">
        <v>78</v>
      </c>
      <c r="H858" t="s">
        <v>55</v>
      </c>
      <c r="I858" s="8">
        <v>2030</v>
      </c>
      <c r="J858" t="s">
        <v>21</v>
      </c>
      <c r="K858" s="10"/>
      <c r="M858" s="10"/>
      <c r="N858">
        <v>0</v>
      </c>
    </row>
    <row r="859" spans="1:14" hidden="1">
      <c r="A859" s="7" t="s">
        <v>10</v>
      </c>
      <c r="B859" s="8"/>
      <c r="C859" s="8" t="s">
        <v>85</v>
      </c>
      <c r="D859" t="s">
        <v>77</v>
      </c>
      <c r="E859" s="8" t="s">
        <v>12</v>
      </c>
      <c r="F859" t="s">
        <v>55</v>
      </c>
      <c r="G859" t="s">
        <v>78</v>
      </c>
      <c r="H859" t="s">
        <v>55</v>
      </c>
      <c r="I859" s="8">
        <v>2030</v>
      </c>
      <c r="J859" t="s">
        <v>51</v>
      </c>
      <c r="K859" s="10"/>
      <c r="M859" s="10"/>
      <c r="N859">
        <v>0</v>
      </c>
    </row>
    <row r="860" spans="1:14" hidden="1">
      <c r="A860" s="7" t="s">
        <v>10</v>
      </c>
      <c r="B860" s="8"/>
      <c r="C860" s="8" t="s">
        <v>85</v>
      </c>
      <c r="D860" t="s">
        <v>77</v>
      </c>
      <c r="E860" s="8" t="s">
        <v>12</v>
      </c>
      <c r="F860" t="s">
        <v>55</v>
      </c>
      <c r="G860" t="s">
        <v>78</v>
      </c>
      <c r="H860" t="s">
        <v>55</v>
      </c>
      <c r="I860" s="8">
        <v>2031</v>
      </c>
      <c r="J860" t="s">
        <v>47</v>
      </c>
      <c r="K860" s="10"/>
      <c r="M860" s="10"/>
      <c r="N860">
        <v>0</v>
      </c>
    </row>
    <row r="861" spans="1:14" hidden="1">
      <c r="A861" s="7" t="s">
        <v>10</v>
      </c>
      <c r="B861" s="8"/>
      <c r="C861" s="8" t="s">
        <v>85</v>
      </c>
      <c r="D861" t="s">
        <v>77</v>
      </c>
      <c r="E861" s="8" t="s">
        <v>12</v>
      </c>
      <c r="F861" t="s">
        <v>55</v>
      </c>
      <c r="G861" t="s">
        <v>78</v>
      </c>
      <c r="H861" t="s">
        <v>55</v>
      </c>
      <c r="I861" s="8">
        <v>2031</v>
      </c>
      <c r="J861" t="s">
        <v>48</v>
      </c>
      <c r="K861" s="10"/>
      <c r="M861" s="10"/>
      <c r="N861">
        <v>0</v>
      </c>
    </row>
    <row r="862" spans="1:14" hidden="1">
      <c r="A862" s="7" t="s">
        <v>10</v>
      </c>
      <c r="B862" s="8"/>
      <c r="C862" s="8" t="s">
        <v>85</v>
      </c>
      <c r="D862" t="s">
        <v>77</v>
      </c>
      <c r="E862" s="8" t="s">
        <v>12</v>
      </c>
      <c r="F862" t="s">
        <v>55</v>
      </c>
      <c r="G862" t="s">
        <v>78</v>
      </c>
      <c r="H862" t="s">
        <v>55</v>
      </c>
      <c r="I862" s="8">
        <v>2031</v>
      </c>
      <c r="J862" t="s">
        <v>14</v>
      </c>
      <c r="K862" s="10">
        <v>15116</v>
      </c>
      <c r="L862">
        <v>1790</v>
      </c>
      <c r="M862" s="10">
        <v>0</v>
      </c>
      <c r="N862">
        <v>0</v>
      </c>
    </row>
    <row r="863" spans="1:14" hidden="1">
      <c r="A863" s="7" t="s">
        <v>10</v>
      </c>
      <c r="B863" s="8"/>
      <c r="C863" s="8" t="s">
        <v>85</v>
      </c>
      <c r="D863" t="s">
        <v>77</v>
      </c>
      <c r="E863" s="8" t="s">
        <v>12</v>
      </c>
      <c r="F863" t="s">
        <v>55</v>
      </c>
      <c r="G863" t="s">
        <v>78</v>
      </c>
      <c r="H863" t="s">
        <v>55</v>
      </c>
      <c r="I863" s="8">
        <v>2031</v>
      </c>
      <c r="J863" t="s">
        <v>49</v>
      </c>
      <c r="K863" s="10"/>
      <c r="M863" s="10"/>
      <c r="N863">
        <v>0</v>
      </c>
    </row>
    <row r="864" spans="1:14" hidden="1">
      <c r="A864" s="7" t="s">
        <v>10</v>
      </c>
      <c r="B864" s="8"/>
      <c r="C864" s="8" t="s">
        <v>85</v>
      </c>
      <c r="D864" t="s">
        <v>77</v>
      </c>
      <c r="E864" s="8" t="s">
        <v>12</v>
      </c>
      <c r="F864" t="s">
        <v>55</v>
      </c>
      <c r="G864" t="s">
        <v>79</v>
      </c>
      <c r="H864" t="s">
        <v>55</v>
      </c>
      <c r="I864" s="8">
        <v>2031</v>
      </c>
      <c r="J864" t="s">
        <v>15</v>
      </c>
      <c r="K864" s="10">
        <v>6883</v>
      </c>
      <c r="L864">
        <v>3817</v>
      </c>
      <c r="M864" s="10">
        <v>6883</v>
      </c>
      <c r="N864">
        <v>0</v>
      </c>
    </row>
    <row r="865" spans="1:14" hidden="1">
      <c r="A865" s="7" t="s">
        <v>10</v>
      </c>
      <c r="B865" s="8"/>
      <c r="C865" s="8" t="s">
        <v>85</v>
      </c>
      <c r="D865" t="s">
        <v>77</v>
      </c>
      <c r="E865" s="8" t="s">
        <v>12</v>
      </c>
      <c r="F865" t="s">
        <v>55</v>
      </c>
      <c r="G865" t="s">
        <v>79</v>
      </c>
      <c r="H865" t="s">
        <v>55</v>
      </c>
      <c r="I865" s="8">
        <v>2031</v>
      </c>
      <c r="J865" t="s">
        <v>50</v>
      </c>
      <c r="K865" s="10"/>
      <c r="M865" s="10"/>
      <c r="N865">
        <v>0</v>
      </c>
    </row>
    <row r="866" spans="1:14" hidden="1">
      <c r="A866" s="7" t="s">
        <v>10</v>
      </c>
      <c r="B866" s="8"/>
      <c r="C866" s="8" t="s">
        <v>85</v>
      </c>
      <c r="D866" t="s">
        <v>77</v>
      </c>
      <c r="E866" s="8" t="s">
        <v>12</v>
      </c>
      <c r="F866" t="s">
        <v>55</v>
      </c>
      <c r="G866" t="s">
        <v>19</v>
      </c>
      <c r="H866" t="s">
        <v>55</v>
      </c>
      <c r="I866" s="8">
        <v>2031</v>
      </c>
      <c r="J866" t="s">
        <v>19</v>
      </c>
      <c r="K866" s="10"/>
      <c r="M866" s="10"/>
      <c r="N866">
        <v>0</v>
      </c>
    </row>
    <row r="867" spans="1:14" hidden="1">
      <c r="A867" s="7" t="s">
        <v>10</v>
      </c>
      <c r="B867" s="8"/>
      <c r="C867" s="8" t="s">
        <v>85</v>
      </c>
      <c r="D867" t="s">
        <v>77</v>
      </c>
      <c r="E867" s="8" t="s">
        <v>12</v>
      </c>
      <c r="F867" t="s">
        <v>55</v>
      </c>
      <c r="G867" t="s">
        <v>78</v>
      </c>
      <c r="H867" t="s">
        <v>55</v>
      </c>
      <c r="I867" s="8">
        <v>2031</v>
      </c>
      <c r="J867" t="s">
        <v>21</v>
      </c>
      <c r="K867" s="10"/>
      <c r="M867" s="10"/>
      <c r="N867">
        <v>0</v>
      </c>
    </row>
    <row r="868" spans="1:14" hidden="1">
      <c r="A868" s="7" t="s">
        <v>10</v>
      </c>
      <c r="B868" s="8"/>
      <c r="C868" s="8" t="s">
        <v>85</v>
      </c>
      <c r="D868" t="s">
        <v>77</v>
      </c>
      <c r="E868" s="8" t="s">
        <v>12</v>
      </c>
      <c r="F868" t="s">
        <v>55</v>
      </c>
      <c r="G868" t="s">
        <v>78</v>
      </c>
      <c r="H868" t="s">
        <v>55</v>
      </c>
      <c r="I868" s="8">
        <v>2031</v>
      </c>
      <c r="J868" t="s">
        <v>51</v>
      </c>
      <c r="K868" s="10"/>
      <c r="M868" s="10"/>
      <c r="N868">
        <v>0</v>
      </c>
    </row>
    <row r="869" spans="1:14" hidden="1">
      <c r="A869" s="7" t="s">
        <v>10</v>
      </c>
      <c r="B869" s="8"/>
      <c r="C869" s="8" t="s">
        <v>85</v>
      </c>
      <c r="D869" t="s">
        <v>77</v>
      </c>
      <c r="E869" s="8" t="s">
        <v>12</v>
      </c>
      <c r="F869" t="s">
        <v>55</v>
      </c>
      <c r="G869" t="s">
        <v>78</v>
      </c>
      <c r="H869" t="s">
        <v>55</v>
      </c>
      <c r="I869" s="8">
        <v>2032</v>
      </c>
      <c r="J869" t="s">
        <v>47</v>
      </c>
      <c r="K869" s="10"/>
      <c r="M869" s="10"/>
      <c r="N869">
        <v>0</v>
      </c>
    </row>
    <row r="870" spans="1:14" hidden="1">
      <c r="A870" s="7" t="s">
        <v>10</v>
      </c>
      <c r="B870" s="8"/>
      <c r="C870" s="8" t="s">
        <v>85</v>
      </c>
      <c r="D870" t="s">
        <v>77</v>
      </c>
      <c r="E870" s="8" t="s">
        <v>12</v>
      </c>
      <c r="F870" t="s">
        <v>55</v>
      </c>
      <c r="G870" t="s">
        <v>78</v>
      </c>
      <c r="H870" t="s">
        <v>55</v>
      </c>
      <c r="I870" s="8">
        <v>2032</v>
      </c>
      <c r="J870" t="s">
        <v>48</v>
      </c>
      <c r="K870" s="10"/>
      <c r="M870" s="10"/>
      <c r="N870">
        <v>0</v>
      </c>
    </row>
    <row r="871" spans="1:14" hidden="1">
      <c r="A871" s="7" t="s">
        <v>10</v>
      </c>
      <c r="B871" s="8"/>
      <c r="C871" s="8" t="s">
        <v>85</v>
      </c>
      <c r="D871" t="s">
        <v>77</v>
      </c>
      <c r="E871" s="8" t="s">
        <v>12</v>
      </c>
      <c r="F871" t="s">
        <v>55</v>
      </c>
      <c r="G871" t="s">
        <v>78</v>
      </c>
      <c r="H871" t="s">
        <v>55</v>
      </c>
      <c r="I871" s="8">
        <v>2032</v>
      </c>
      <c r="J871" t="s">
        <v>14</v>
      </c>
      <c r="K871" s="10">
        <v>15116</v>
      </c>
      <c r="L871">
        <v>1790</v>
      </c>
      <c r="M871" s="10">
        <v>0</v>
      </c>
      <c r="N871">
        <v>0</v>
      </c>
    </row>
    <row r="872" spans="1:14" hidden="1">
      <c r="A872" s="7" t="s">
        <v>10</v>
      </c>
      <c r="B872" s="8"/>
      <c r="C872" s="8" t="s">
        <v>85</v>
      </c>
      <c r="D872" t="s">
        <v>77</v>
      </c>
      <c r="E872" s="8" t="s">
        <v>12</v>
      </c>
      <c r="F872" t="s">
        <v>55</v>
      </c>
      <c r="G872" t="s">
        <v>78</v>
      </c>
      <c r="H872" t="s">
        <v>55</v>
      </c>
      <c r="I872" s="8">
        <v>2032</v>
      </c>
      <c r="J872" t="s">
        <v>49</v>
      </c>
      <c r="K872" s="10"/>
      <c r="M872" s="10"/>
      <c r="N872">
        <v>0</v>
      </c>
    </row>
    <row r="873" spans="1:14" hidden="1">
      <c r="A873" s="7" t="s">
        <v>10</v>
      </c>
      <c r="B873" s="8"/>
      <c r="C873" s="8" t="s">
        <v>85</v>
      </c>
      <c r="D873" t="s">
        <v>77</v>
      </c>
      <c r="E873" s="8" t="s">
        <v>12</v>
      </c>
      <c r="F873" t="s">
        <v>55</v>
      </c>
      <c r="G873" t="s">
        <v>79</v>
      </c>
      <c r="H873" t="s">
        <v>55</v>
      </c>
      <c r="I873" s="8">
        <v>2032</v>
      </c>
      <c r="J873" t="s">
        <v>15</v>
      </c>
      <c r="K873" s="10">
        <v>6883</v>
      </c>
      <c r="L873">
        <v>3817</v>
      </c>
      <c r="M873" s="10">
        <v>6883</v>
      </c>
      <c r="N873">
        <v>0</v>
      </c>
    </row>
    <row r="874" spans="1:14" hidden="1">
      <c r="A874" s="7" t="s">
        <v>10</v>
      </c>
      <c r="B874" s="8"/>
      <c r="C874" s="8" t="s">
        <v>85</v>
      </c>
      <c r="D874" t="s">
        <v>77</v>
      </c>
      <c r="E874" s="8" t="s">
        <v>12</v>
      </c>
      <c r="F874" t="s">
        <v>55</v>
      </c>
      <c r="G874" t="s">
        <v>79</v>
      </c>
      <c r="H874" t="s">
        <v>55</v>
      </c>
      <c r="I874" s="8">
        <v>2032</v>
      </c>
      <c r="J874" t="s">
        <v>50</v>
      </c>
      <c r="K874" s="10"/>
      <c r="M874" s="10"/>
      <c r="N874">
        <v>0</v>
      </c>
    </row>
    <row r="875" spans="1:14" hidden="1">
      <c r="A875" s="7" t="s">
        <v>10</v>
      </c>
      <c r="B875" s="8"/>
      <c r="C875" s="8" t="s">
        <v>85</v>
      </c>
      <c r="D875" t="s">
        <v>77</v>
      </c>
      <c r="E875" s="8" t="s">
        <v>12</v>
      </c>
      <c r="F875" t="s">
        <v>55</v>
      </c>
      <c r="G875" t="s">
        <v>19</v>
      </c>
      <c r="H875" t="s">
        <v>55</v>
      </c>
      <c r="I875" s="8">
        <v>2032</v>
      </c>
      <c r="J875" t="s">
        <v>19</v>
      </c>
      <c r="K875" s="10"/>
      <c r="M875" s="10"/>
      <c r="N875">
        <v>0</v>
      </c>
    </row>
    <row r="876" spans="1:14" hidden="1">
      <c r="A876" s="7" t="s">
        <v>10</v>
      </c>
      <c r="B876" s="8"/>
      <c r="C876" s="8" t="s">
        <v>85</v>
      </c>
      <c r="D876" t="s">
        <v>77</v>
      </c>
      <c r="E876" s="8" t="s">
        <v>12</v>
      </c>
      <c r="F876" t="s">
        <v>55</v>
      </c>
      <c r="G876" t="s">
        <v>78</v>
      </c>
      <c r="H876" t="s">
        <v>55</v>
      </c>
      <c r="I876" s="8">
        <v>2032</v>
      </c>
      <c r="J876" t="s">
        <v>21</v>
      </c>
      <c r="K876" s="10"/>
      <c r="M876" s="10"/>
      <c r="N876">
        <v>0</v>
      </c>
    </row>
    <row r="877" spans="1:14" hidden="1">
      <c r="A877" s="7" t="s">
        <v>10</v>
      </c>
      <c r="B877" s="8"/>
      <c r="C877" s="8" t="s">
        <v>85</v>
      </c>
      <c r="D877" t="s">
        <v>77</v>
      </c>
      <c r="E877" s="8" t="s">
        <v>12</v>
      </c>
      <c r="F877" t="s">
        <v>55</v>
      </c>
      <c r="G877" t="s">
        <v>78</v>
      </c>
      <c r="H877" t="s">
        <v>55</v>
      </c>
      <c r="I877" s="8">
        <v>2032</v>
      </c>
      <c r="J877" t="s">
        <v>51</v>
      </c>
      <c r="K877" s="10"/>
      <c r="M877" s="10"/>
      <c r="N877">
        <v>0</v>
      </c>
    </row>
    <row r="878" spans="1:14" hidden="1">
      <c r="A878" s="7" t="s">
        <v>10</v>
      </c>
      <c r="B878" s="8"/>
      <c r="C878" s="8" t="s">
        <v>85</v>
      </c>
      <c r="D878" t="s">
        <v>77</v>
      </c>
      <c r="E878" s="8" t="s">
        <v>12</v>
      </c>
      <c r="F878" t="s">
        <v>55</v>
      </c>
      <c r="G878" t="s">
        <v>78</v>
      </c>
      <c r="H878" t="s">
        <v>55</v>
      </c>
      <c r="I878" s="8">
        <v>2033</v>
      </c>
      <c r="J878" t="s">
        <v>47</v>
      </c>
      <c r="K878" s="10"/>
      <c r="M878" s="10"/>
      <c r="N878">
        <v>0</v>
      </c>
    </row>
    <row r="879" spans="1:14" hidden="1">
      <c r="A879" s="7" t="s">
        <v>10</v>
      </c>
      <c r="B879" s="8"/>
      <c r="C879" s="8" t="s">
        <v>85</v>
      </c>
      <c r="D879" t="s">
        <v>77</v>
      </c>
      <c r="E879" s="8" t="s">
        <v>12</v>
      </c>
      <c r="F879" t="s">
        <v>55</v>
      </c>
      <c r="G879" t="s">
        <v>78</v>
      </c>
      <c r="H879" t="s">
        <v>55</v>
      </c>
      <c r="I879" s="8">
        <v>2033</v>
      </c>
      <c r="J879" t="s">
        <v>48</v>
      </c>
      <c r="K879" s="10"/>
      <c r="M879" s="10"/>
      <c r="N879">
        <v>0</v>
      </c>
    </row>
    <row r="880" spans="1:14" hidden="1">
      <c r="A880" s="7" t="s">
        <v>10</v>
      </c>
      <c r="B880" s="8"/>
      <c r="C880" s="8" t="s">
        <v>85</v>
      </c>
      <c r="D880" t="s">
        <v>77</v>
      </c>
      <c r="E880" s="8" t="s">
        <v>12</v>
      </c>
      <c r="F880" t="s">
        <v>55</v>
      </c>
      <c r="G880" t="s">
        <v>78</v>
      </c>
      <c r="H880" t="s">
        <v>55</v>
      </c>
      <c r="I880" s="8">
        <v>2033</v>
      </c>
      <c r="J880" t="s">
        <v>14</v>
      </c>
      <c r="K880" s="10">
        <v>15116</v>
      </c>
      <c r="L880">
        <v>1790</v>
      </c>
      <c r="M880" s="10">
        <v>0</v>
      </c>
      <c r="N880">
        <v>0</v>
      </c>
    </row>
    <row r="881" spans="1:14" hidden="1">
      <c r="A881" s="7" t="s">
        <v>10</v>
      </c>
      <c r="B881" s="8"/>
      <c r="C881" s="8" t="s">
        <v>85</v>
      </c>
      <c r="D881" t="s">
        <v>77</v>
      </c>
      <c r="E881" s="8" t="s">
        <v>12</v>
      </c>
      <c r="F881" t="s">
        <v>55</v>
      </c>
      <c r="G881" t="s">
        <v>78</v>
      </c>
      <c r="H881" t="s">
        <v>55</v>
      </c>
      <c r="I881" s="8">
        <v>2033</v>
      </c>
      <c r="J881" t="s">
        <v>49</v>
      </c>
      <c r="K881" s="10"/>
      <c r="M881" s="10"/>
      <c r="N881">
        <v>0</v>
      </c>
    </row>
    <row r="882" spans="1:14" hidden="1">
      <c r="A882" s="7" t="s">
        <v>10</v>
      </c>
      <c r="B882" s="8"/>
      <c r="C882" s="8" t="s">
        <v>85</v>
      </c>
      <c r="D882" t="s">
        <v>77</v>
      </c>
      <c r="E882" s="8" t="s">
        <v>12</v>
      </c>
      <c r="F882" t="s">
        <v>55</v>
      </c>
      <c r="G882" t="s">
        <v>79</v>
      </c>
      <c r="H882" t="s">
        <v>55</v>
      </c>
      <c r="I882" s="8">
        <v>2033</v>
      </c>
      <c r="J882" t="s">
        <v>15</v>
      </c>
      <c r="K882" s="10">
        <v>6883</v>
      </c>
      <c r="L882">
        <v>3817</v>
      </c>
      <c r="M882" s="10">
        <v>6883</v>
      </c>
      <c r="N882">
        <v>0</v>
      </c>
    </row>
    <row r="883" spans="1:14" hidden="1">
      <c r="A883" s="7" t="s">
        <v>10</v>
      </c>
      <c r="B883" s="8"/>
      <c r="C883" s="8" t="s">
        <v>85</v>
      </c>
      <c r="D883" t="s">
        <v>77</v>
      </c>
      <c r="E883" s="8" t="s">
        <v>12</v>
      </c>
      <c r="F883" t="s">
        <v>55</v>
      </c>
      <c r="G883" t="s">
        <v>79</v>
      </c>
      <c r="H883" t="s">
        <v>55</v>
      </c>
      <c r="I883" s="8">
        <v>2033</v>
      </c>
      <c r="J883" t="s">
        <v>50</v>
      </c>
      <c r="K883" s="10"/>
      <c r="M883" s="10"/>
      <c r="N883">
        <v>0</v>
      </c>
    </row>
    <row r="884" spans="1:14" hidden="1">
      <c r="A884" s="7" t="s">
        <v>10</v>
      </c>
      <c r="B884" s="8"/>
      <c r="C884" s="8" t="s">
        <v>85</v>
      </c>
      <c r="D884" t="s">
        <v>77</v>
      </c>
      <c r="E884" s="8" t="s">
        <v>12</v>
      </c>
      <c r="F884" t="s">
        <v>55</v>
      </c>
      <c r="G884" t="s">
        <v>19</v>
      </c>
      <c r="H884" t="s">
        <v>55</v>
      </c>
      <c r="I884" s="8">
        <v>2033</v>
      </c>
      <c r="J884" t="s">
        <v>19</v>
      </c>
      <c r="K884" s="10"/>
      <c r="M884" s="10"/>
      <c r="N884">
        <v>0</v>
      </c>
    </row>
    <row r="885" spans="1:14" hidden="1">
      <c r="A885" s="7" t="s">
        <v>10</v>
      </c>
      <c r="B885" s="8"/>
      <c r="C885" s="8" t="s">
        <v>85</v>
      </c>
      <c r="D885" t="s">
        <v>77</v>
      </c>
      <c r="E885" s="8" t="s">
        <v>12</v>
      </c>
      <c r="F885" t="s">
        <v>55</v>
      </c>
      <c r="G885" t="s">
        <v>78</v>
      </c>
      <c r="H885" t="s">
        <v>55</v>
      </c>
      <c r="I885" s="8">
        <v>2033</v>
      </c>
      <c r="J885" t="s">
        <v>21</v>
      </c>
      <c r="K885" s="10"/>
      <c r="M885" s="10"/>
      <c r="N885">
        <v>0</v>
      </c>
    </row>
    <row r="886" spans="1:14" hidden="1">
      <c r="A886" s="7" t="s">
        <v>10</v>
      </c>
      <c r="B886" s="8"/>
      <c r="C886" s="8" t="s">
        <v>85</v>
      </c>
      <c r="D886" t="s">
        <v>77</v>
      </c>
      <c r="E886" s="8" t="s">
        <v>12</v>
      </c>
      <c r="F886" t="s">
        <v>55</v>
      </c>
      <c r="G886" t="s">
        <v>78</v>
      </c>
      <c r="H886" t="s">
        <v>55</v>
      </c>
      <c r="I886" s="8">
        <v>2033</v>
      </c>
      <c r="J886" t="s">
        <v>51</v>
      </c>
      <c r="K886" s="10"/>
      <c r="M886" s="10"/>
      <c r="N886">
        <v>0</v>
      </c>
    </row>
    <row r="887" spans="1:14" hidden="1">
      <c r="A887" s="7" t="s">
        <v>10</v>
      </c>
      <c r="B887" s="8"/>
      <c r="C887" s="8" t="s">
        <v>85</v>
      </c>
      <c r="D887" t="s">
        <v>77</v>
      </c>
      <c r="E887" s="8" t="s">
        <v>12</v>
      </c>
      <c r="F887" t="s">
        <v>55</v>
      </c>
      <c r="G887" t="s">
        <v>78</v>
      </c>
      <c r="H887" t="s">
        <v>55</v>
      </c>
      <c r="I887" s="8">
        <v>2034</v>
      </c>
      <c r="J887" t="s">
        <v>47</v>
      </c>
      <c r="K887" s="10"/>
      <c r="M887" s="10"/>
      <c r="N887">
        <v>0</v>
      </c>
    </row>
    <row r="888" spans="1:14" hidden="1">
      <c r="A888" s="7" t="s">
        <v>10</v>
      </c>
      <c r="B888" s="8"/>
      <c r="C888" s="8" t="s">
        <v>85</v>
      </c>
      <c r="D888" t="s">
        <v>77</v>
      </c>
      <c r="E888" s="8" t="s">
        <v>12</v>
      </c>
      <c r="F888" t="s">
        <v>55</v>
      </c>
      <c r="G888" t="s">
        <v>78</v>
      </c>
      <c r="H888" t="s">
        <v>55</v>
      </c>
      <c r="I888" s="8">
        <v>2034</v>
      </c>
      <c r="J888" t="s">
        <v>48</v>
      </c>
      <c r="K888" s="10"/>
      <c r="M888" s="10"/>
      <c r="N888">
        <v>0</v>
      </c>
    </row>
    <row r="889" spans="1:14" hidden="1">
      <c r="A889" s="7" t="s">
        <v>10</v>
      </c>
      <c r="B889" s="8"/>
      <c r="C889" s="8" t="s">
        <v>85</v>
      </c>
      <c r="D889" t="s">
        <v>77</v>
      </c>
      <c r="E889" s="8" t="s">
        <v>12</v>
      </c>
      <c r="F889" t="s">
        <v>55</v>
      </c>
      <c r="G889" t="s">
        <v>78</v>
      </c>
      <c r="H889" t="s">
        <v>55</v>
      </c>
      <c r="I889" s="8">
        <v>2034</v>
      </c>
      <c r="J889" t="s">
        <v>14</v>
      </c>
      <c r="K889" s="10">
        <v>15116</v>
      </c>
      <c r="L889">
        <v>1790</v>
      </c>
      <c r="M889" s="10">
        <v>0</v>
      </c>
      <c r="N889">
        <v>0</v>
      </c>
    </row>
    <row r="890" spans="1:14" hidden="1">
      <c r="A890" s="7" t="s">
        <v>10</v>
      </c>
      <c r="B890" s="8"/>
      <c r="C890" s="8" t="s">
        <v>85</v>
      </c>
      <c r="D890" t="s">
        <v>77</v>
      </c>
      <c r="E890" s="8" t="s">
        <v>12</v>
      </c>
      <c r="F890" t="s">
        <v>55</v>
      </c>
      <c r="G890" t="s">
        <v>78</v>
      </c>
      <c r="H890" t="s">
        <v>55</v>
      </c>
      <c r="I890" s="8">
        <v>2034</v>
      </c>
      <c r="J890" t="s">
        <v>49</v>
      </c>
      <c r="K890" s="10"/>
      <c r="M890" s="10"/>
      <c r="N890">
        <v>0</v>
      </c>
    </row>
    <row r="891" spans="1:14" hidden="1">
      <c r="A891" s="7" t="s">
        <v>10</v>
      </c>
      <c r="B891" s="8"/>
      <c r="C891" s="8" t="s">
        <v>85</v>
      </c>
      <c r="D891" t="s">
        <v>77</v>
      </c>
      <c r="E891" s="8" t="s">
        <v>12</v>
      </c>
      <c r="F891" t="s">
        <v>55</v>
      </c>
      <c r="G891" t="s">
        <v>79</v>
      </c>
      <c r="H891" t="s">
        <v>55</v>
      </c>
      <c r="I891" s="8">
        <v>2034</v>
      </c>
      <c r="J891" t="s">
        <v>15</v>
      </c>
      <c r="K891" s="10">
        <v>6883</v>
      </c>
      <c r="L891">
        <v>3817</v>
      </c>
      <c r="M891" s="10">
        <v>6883</v>
      </c>
      <c r="N891">
        <v>0</v>
      </c>
    </row>
    <row r="892" spans="1:14" hidden="1">
      <c r="A892" s="7" t="s">
        <v>10</v>
      </c>
      <c r="B892" s="8"/>
      <c r="C892" s="8" t="s">
        <v>85</v>
      </c>
      <c r="D892" t="s">
        <v>77</v>
      </c>
      <c r="E892" s="8" t="s">
        <v>12</v>
      </c>
      <c r="F892" t="s">
        <v>55</v>
      </c>
      <c r="G892" t="s">
        <v>79</v>
      </c>
      <c r="H892" t="s">
        <v>55</v>
      </c>
      <c r="I892" s="8">
        <v>2034</v>
      </c>
      <c r="J892" t="s">
        <v>50</v>
      </c>
      <c r="K892" s="10"/>
      <c r="M892" s="10"/>
      <c r="N892">
        <v>0</v>
      </c>
    </row>
    <row r="893" spans="1:14" hidden="1">
      <c r="A893" s="7" t="s">
        <v>10</v>
      </c>
      <c r="B893" s="8"/>
      <c r="C893" s="8" t="s">
        <v>85</v>
      </c>
      <c r="D893" t="s">
        <v>77</v>
      </c>
      <c r="E893" s="8" t="s">
        <v>12</v>
      </c>
      <c r="F893" t="s">
        <v>55</v>
      </c>
      <c r="G893" t="s">
        <v>19</v>
      </c>
      <c r="H893" t="s">
        <v>55</v>
      </c>
      <c r="I893" s="8">
        <v>2034</v>
      </c>
      <c r="J893" t="s">
        <v>19</v>
      </c>
      <c r="K893" s="10"/>
      <c r="M893" s="10"/>
      <c r="N893">
        <v>0</v>
      </c>
    </row>
    <row r="894" spans="1:14" hidden="1">
      <c r="A894" s="7" t="s">
        <v>10</v>
      </c>
      <c r="B894" s="8"/>
      <c r="C894" s="8" t="s">
        <v>85</v>
      </c>
      <c r="D894" t="s">
        <v>77</v>
      </c>
      <c r="E894" s="8" t="s">
        <v>12</v>
      </c>
      <c r="F894" t="s">
        <v>55</v>
      </c>
      <c r="G894" t="s">
        <v>78</v>
      </c>
      <c r="H894" t="s">
        <v>55</v>
      </c>
      <c r="I894" s="8">
        <v>2034</v>
      </c>
      <c r="J894" t="s">
        <v>21</v>
      </c>
      <c r="K894" s="10"/>
      <c r="M894" s="10"/>
      <c r="N894">
        <v>0</v>
      </c>
    </row>
    <row r="895" spans="1:14" hidden="1">
      <c r="A895" s="7" t="s">
        <v>10</v>
      </c>
      <c r="B895" s="8"/>
      <c r="C895" s="8" t="s">
        <v>85</v>
      </c>
      <c r="D895" t="s">
        <v>77</v>
      </c>
      <c r="E895" s="8" t="s">
        <v>12</v>
      </c>
      <c r="F895" t="s">
        <v>55</v>
      </c>
      <c r="G895" t="s">
        <v>78</v>
      </c>
      <c r="H895" t="s">
        <v>55</v>
      </c>
      <c r="I895" s="8">
        <v>2034</v>
      </c>
      <c r="J895" t="s">
        <v>51</v>
      </c>
      <c r="K895" s="10"/>
      <c r="M895" s="10"/>
      <c r="N895">
        <v>0</v>
      </c>
    </row>
    <row r="896" spans="1:14">
      <c r="A896" s="7" t="s">
        <v>10</v>
      </c>
      <c r="B896" s="8"/>
      <c r="C896" s="8" t="s">
        <v>86</v>
      </c>
      <c r="D896" t="s">
        <v>77</v>
      </c>
      <c r="E896" s="8" t="s">
        <v>12</v>
      </c>
      <c r="F896" t="s">
        <v>55</v>
      </c>
      <c r="G896" t="s">
        <v>78</v>
      </c>
      <c r="H896" t="s">
        <v>55</v>
      </c>
      <c r="I896" s="8">
        <v>2025</v>
      </c>
      <c r="J896" t="s">
        <v>47</v>
      </c>
      <c r="K896" s="10"/>
      <c r="M896" s="10"/>
      <c r="N896">
        <v>0</v>
      </c>
    </row>
    <row r="897" spans="1:14">
      <c r="A897" s="7" t="s">
        <v>10</v>
      </c>
      <c r="B897" s="8"/>
      <c r="C897" s="8" t="s">
        <v>86</v>
      </c>
      <c r="D897" t="s">
        <v>77</v>
      </c>
      <c r="E897" s="8" t="s">
        <v>12</v>
      </c>
      <c r="F897" t="s">
        <v>55</v>
      </c>
      <c r="G897" t="s">
        <v>78</v>
      </c>
      <c r="H897" t="s">
        <v>55</v>
      </c>
      <c r="I897" s="8">
        <v>2025</v>
      </c>
      <c r="J897" t="s">
        <v>48</v>
      </c>
      <c r="K897" s="10"/>
      <c r="M897" s="10"/>
      <c r="N897">
        <v>0</v>
      </c>
    </row>
    <row r="898" spans="1:14">
      <c r="A898" s="7" t="s">
        <v>10</v>
      </c>
      <c r="B898" s="8"/>
      <c r="C898" s="8" t="s">
        <v>86</v>
      </c>
      <c r="D898" t="s">
        <v>77</v>
      </c>
      <c r="E898" s="8" t="s">
        <v>12</v>
      </c>
      <c r="F898" t="s">
        <v>55</v>
      </c>
      <c r="G898" t="s">
        <v>78</v>
      </c>
      <c r="H898" t="s">
        <v>55</v>
      </c>
      <c r="I898" s="8">
        <v>2025</v>
      </c>
      <c r="J898" t="s">
        <v>14</v>
      </c>
      <c r="K898" s="10">
        <v>8612</v>
      </c>
      <c r="L898">
        <v>1148</v>
      </c>
      <c r="M898" s="10">
        <v>0</v>
      </c>
      <c r="N898">
        <v>0</v>
      </c>
    </row>
    <row r="899" spans="1:14">
      <c r="A899" s="7" t="s">
        <v>10</v>
      </c>
      <c r="B899" s="8"/>
      <c r="C899" s="8" t="s">
        <v>86</v>
      </c>
      <c r="D899" t="s">
        <v>77</v>
      </c>
      <c r="E899" s="8" t="s">
        <v>12</v>
      </c>
      <c r="F899" t="s">
        <v>55</v>
      </c>
      <c r="G899" t="s">
        <v>78</v>
      </c>
      <c r="H899" t="s">
        <v>55</v>
      </c>
      <c r="I899" s="8">
        <v>2025</v>
      </c>
      <c r="J899" t="s">
        <v>49</v>
      </c>
      <c r="K899" s="10"/>
      <c r="M899" s="10"/>
      <c r="N899">
        <v>0</v>
      </c>
    </row>
    <row r="900" spans="1:14">
      <c r="A900" s="7" t="s">
        <v>10</v>
      </c>
      <c r="B900" s="8"/>
      <c r="C900" s="8" t="s">
        <v>86</v>
      </c>
      <c r="D900" t="s">
        <v>77</v>
      </c>
      <c r="E900" s="8" t="s">
        <v>12</v>
      </c>
      <c r="F900" t="s">
        <v>55</v>
      </c>
      <c r="G900" t="s">
        <v>79</v>
      </c>
      <c r="H900" t="s">
        <v>55</v>
      </c>
      <c r="I900" s="8">
        <v>2025</v>
      </c>
      <c r="J900" t="s">
        <v>15</v>
      </c>
      <c r="K900" s="10">
        <v>9074</v>
      </c>
      <c r="L900">
        <v>3386</v>
      </c>
      <c r="M900" s="10">
        <v>9074</v>
      </c>
      <c r="N900">
        <v>0</v>
      </c>
    </row>
    <row r="901" spans="1:14">
      <c r="A901" s="7" t="s">
        <v>10</v>
      </c>
      <c r="B901" s="8"/>
      <c r="C901" s="8" t="s">
        <v>86</v>
      </c>
      <c r="D901" t="s">
        <v>77</v>
      </c>
      <c r="E901" s="8" t="s">
        <v>12</v>
      </c>
      <c r="F901" t="s">
        <v>55</v>
      </c>
      <c r="G901" t="s">
        <v>79</v>
      </c>
      <c r="H901" t="s">
        <v>55</v>
      </c>
      <c r="I901" s="8">
        <v>2025</v>
      </c>
      <c r="J901" t="s">
        <v>50</v>
      </c>
      <c r="K901" s="10"/>
      <c r="M901" s="10"/>
      <c r="N901">
        <v>0</v>
      </c>
    </row>
    <row r="902" spans="1:14">
      <c r="A902" s="7" t="s">
        <v>10</v>
      </c>
      <c r="B902" s="8"/>
      <c r="C902" s="8" t="s">
        <v>86</v>
      </c>
      <c r="D902" t="s">
        <v>77</v>
      </c>
      <c r="E902" s="8" t="s">
        <v>12</v>
      </c>
      <c r="F902" t="s">
        <v>55</v>
      </c>
      <c r="G902" t="s">
        <v>19</v>
      </c>
      <c r="H902" t="s">
        <v>55</v>
      </c>
      <c r="I902" s="8">
        <v>2025</v>
      </c>
      <c r="J902" t="s">
        <v>19</v>
      </c>
      <c r="K902" s="10"/>
      <c r="M902" s="10"/>
      <c r="N902">
        <v>0</v>
      </c>
    </row>
    <row r="903" spans="1:14">
      <c r="A903" s="7" t="s">
        <v>10</v>
      </c>
      <c r="B903" s="8"/>
      <c r="C903" s="8" t="s">
        <v>86</v>
      </c>
      <c r="D903" t="s">
        <v>77</v>
      </c>
      <c r="E903" s="8" t="s">
        <v>12</v>
      </c>
      <c r="F903" t="s">
        <v>55</v>
      </c>
      <c r="G903" t="s">
        <v>78</v>
      </c>
      <c r="H903" t="s">
        <v>55</v>
      </c>
      <c r="I903" s="8">
        <v>2025</v>
      </c>
      <c r="J903" t="s">
        <v>21</v>
      </c>
      <c r="K903" s="10"/>
      <c r="M903" s="10"/>
      <c r="N903">
        <v>0</v>
      </c>
    </row>
    <row r="904" spans="1:14">
      <c r="A904" s="7" t="s">
        <v>10</v>
      </c>
      <c r="B904" s="8"/>
      <c r="C904" s="8" t="s">
        <v>86</v>
      </c>
      <c r="D904" t="s">
        <v>77</v>
      </c>
      <c r="E904" s="8" t="s">
        <v>12</v>
      </c>
      <c r="F904" t="s">
        <v>55</v>
      </c>
      <c r="G904" t="s">
        <v>78</v>
      </c>
      <c r="H904" t="s">
        <v>55</v>
      </c>
      <c r="I904" s="8">
        <v>2025</v>
      </c>
      <c r="J904" t="s">
        <v>51</v>
      </c>
      <c r="K904" s="10"/>
      <c r="M904" s="10"/>
      <c r="N904">
        <v>0</v>
      </c>
    </row>
    <row r="905" spans="1:14" hidden="1">
      <c r="A905" s="7" t="s">
        <v>10</v>
      </c>
      <c r="B905" s="8"/>
      <c r="C905" s="8" t="s">
        <v>86</v>
      </c>
      <c r="D905" t="s">
        <v>77</v>
      </c>
      <c r="E905" s="8" t="s">
        <v>12</v>
      </c>
      <c r="F905" t="s">
        <v>55</v>
      </c>
      <c r="G905" t="s">
        <v>78</v>
      </c>
      <c r="H905" t="s">
        <v>55</v>
      </c>
      <c r="I905" s="8">
        <v>2026</v>
      </c>
      <c r="J905" t="s">
        <v>47</v>
      </c>
      <c r="K905" s="10"/>
      <c r="M905" s="10"/>
      <c r="N905">
        <v>0</v>
      </c>
    </row>
    <row r="906" spans="1:14" hidden="1">
      <c r="A906" s="7" t="s">
        <v>10</v>
      </c>
      <c r="B906" s="8"/>
      <c r="C906" s="8" t="s">
        <v>86</v>
      </c>
      <c r="D906" t="s">
        <v>77</v>
      </c>
      <c r="E906" s="8" t="s">
        <v>12</v>
      </c>
      <c r="F906" t="s">
        <v>55</v>
      </c>
      <c r="G906" t="s">
        <v>78</v>
      </c>
      <c r="H906" t="s">
        <v>55</v>
      </c>
      <c r="I906" s="8">
        <v>2026</v>
      </c>
      <c r="J906" t="s">
        <v>48</v>
      </c>
      <c r="K906" s="10"/>
      <c r="M906" s="10"/>
      <c r="N906">
        <v>0</v>
      </c>
    </row>
    <row r="907" spans="1:14" hidden="1">
      <c r="A907" s="7" t="s">
        <v>10</v>
      </c>
      <c r="B907" s="8"/>
      <c r="C907" s="8" t="s">
        <v>86</v>
      </c>
      <c r="D907" t="s">
        <v>77</v>
      </c>
      <c r="E907" s="8" t="s">
        <v>12</v>
      </c>
      <c r="F907" t="s">
        <v>55</v>
      </c>
      <c r="G907" t="s">
        <v>78</v>
      </c>
      <c r="H907" t="s">
        <v>55</v>
      </c>
      <c r="I907" s="8">
        <v>2026</v>
      </c>
      <c r="J907" t="s">
        <v>14</v>
      </c>
      <c r="K907" s="10">
        <v>9948</v>
      </c>
      <c r="L907">
        <v>1343</v>
      </c>
      <c r="M907" s="10">
        <v>0</v>
      </c>
      <c r="N907">
        <v>0</v>
      </c>
    </row>
    <row r="908" spans="1:14" hidden="1">
      <c r="A908" s="7" t="s">
        <v>10</v>
      </c>
      <c r="B908" s="8"/>
      <c r="C908" s="8" t="s">
        <v>86</v>
      </c>
      <c r="D908" t="s">
        <v>77</v>
      </c>
      <c r="E908" s="8" t="s">
        <v>12</v>
      </c>
      <c r="F908" t="s">
        <v>55</v>
      </c>
      <c r="G908" t="s">
        <v>78</v>
      </c>
      <c r="H908" t="s">
        <v>55</v>
      </c>
      <c r="I908" s="8">
        <v>2026</v>
      </c>
      <c r="J908" t="s">
        <v>49</v>
      </c>
      <c r="K908" s="10"/>
      <c r="M908" s="10"/>
      <c r="N908">
        <v>0</v>
      </c>
    </row>
    <row r="909" spans="1:14" hidden="1">
      <c r="A909" s="7" t="s">
        <v>10</v>
      </c>
      <c r="B909" s="8"/>
      <c r="C909" s="8" t="s">
        <v>86</v>
      </c>
      <c r="D909" t="s">
        <v>77</v>
      </c>
      <c r="E909" s="8" t="s">
        <v>12</v>
      </c>
      <c r="F909" t="s">
        <v>55</v>
      </c>
      <c r="G909" t="s">
        <v>79</v>
      </c>
      <c r="H909" t="s">
        <v>55</v>
      </c>
      <c r="I909" s="8">
        <v>2026</v>
      </c>
      <c r="J909" t="s">
        <v>15</v>
      </c>
      <c r="K909" s="10">
        <v>11503</v>
      </c>
      <c r="L909">
        <v>4070</v>
      </c>
      <c r="M909" s="10">
        <v>11503</v>
      </c>
      <c r="N909">
        <v>0</v>
      </c>
    </row>
    <row r="910" spans="1:14" hidden="1">
      <c r="A910" s="7" t="s">
        <v>10</v>
      </c>
      <c r="B910" s="8"/>
      <c r="C910" s="8" t="s">
        <v>86</v>
      </c>
      <c r="D910" t="s">
        <v>77</v>
      </c>
      <c r="E910" s="8" t="s">
        <v>12</v>
      </c>
      <c r="F910" t="s">
        <v>55</v>
      </c>
      <c r="G910" t="s">
        <v>79</v>
      </c>
      <c r="H910" t="s">
        <v>55</v>
      </c>
      <c r="I910" s="8">
        <v>2026</v>
      </c>
      <c r="J910" t="s">
        <v>50</v>
      </c>
      <c r="K910" s="10"/>
      <c r="M910" s="10"/>
      <c r="N910">
        <v>0</v>
      </c>
    </row>
    <row r="911" spans="1:14" hidden="1">
      <c r="A911" s="7" t="s">
        <v>10</v>
      </c>
      <c r="B911" s="8"/>
      <c r="C911" s="8" t="s">
        <v>86</v>
      </c>
      <c r="D911" t="s">
        <v>77</v>
      </c>
      <c r="E911" s="8" t="s">
        <v>12</v>
      </c>
      <c r="F911" t="s">
        <v>55</v>
      </c>
      <c r="G911" t="s">
        <v>19</v>
      </c>
      <c r="H911" t="s">
        <v>55</v>
      </c>
      <c r="I911" s="8">
        <v>2026</v>
      </c>
      <c r="J911" t="s">
        <v>19</v>
      </c>
      <c r="K911" s="10"/>
      <c r="M911" s="10"/>
      <c r="N911">
        <v>0</v>
      </c>
    </row>
    <row r="912" spans="1:14" hidden="1">
      <c r="A912" s="7" t="s">
        <v>10</v>
      </c>
      <c r="B912" s="8"/>
      <c r="C912" s="8" t="s">
        <v>86</v>
      </c>
      <c r="D912" t="s">
        <v>77</v>
      </c>
      <c r="E912" s="8" t="s">
        <v>12</v>
      </c>
      <c r="F912" t="s">
        <v>55</v>
      </c>
      <c r="G912" t="s">
        <v>78</v>
      </c>
      <c r="H912" t="s">
        <v>55</v>
      </c>
      <c r="I912" s="8">
        <v>2026</v>
      </c>
      <c r="J912" t="s">
        <v>21</v>
      </c>
      <c r="K912" s="10"/>
      <c r="M912" s="10"/>
      <c r="N912">
        <v>0</v>
      </c>
    </row>
    <row r="913" spans="1:14" hidden="1">
      <c r="A913" s="7" t="s">
        <v>10</v>
      </c>
      <c r="B913" s="8"/>
      <c r="C913" s="8" t="s">
        <v>86</v>
      </c>
      <c r="D913" t="s">
        <v>77</v>
      </c>
      <c r="E913" s="8" t="s">
        <v>12</v>
      </c>
      <c r="F913" t="s">
        <v>55</v>
      </c>
      <c r="G913" t="s">
        <v>78</v>
      </c>
      <c r="H913" t="s">
        <v>55</v>
      </c>
      <c r="I913" s="8">
        <v>2026</v>
      </c>
      <c r="J913" t="s">
        <v>51</v>
      </c>
      <c r="K913" s="10"/>
      <c r="M913" s="10"/>
      <c r="N913">
        <v>0</v>
      </c>
    </row>
    <row r="914" spans="1:14" hidden="1">
      <c r="A914" s="7" t="s">
        <v>10</v>
      </c>
      <c r="B914" s="8"/>
      <c r="C914" s="8" t="s">
        <v>86</v>
      </c>
      <c r="D914" t="s">
        <v>77</v>
      </c>
      <c r="E914" s="8" t="s">
        <v>12</v>
      </c>
      <c r="F914" t="s">
        <v>55</v>
      </c>
      <c r="G914" t="s">
        <v>78</v>
      </c>
      <c r="H914" t="s">
        <v>55</v>
      </c>
      <c r="I914" s="8">
        <v>2027</v>
      </c>
      <c r="J914" t="s">
        <v>47</v>
      </c>
      <c r="K914" s="10"/>
      <c r="M914" s="10"/>
      <c r="N914">
        <v>0</v>
      </c>
    </row>
    <row r="915" spans="1:14" hidden="1">
      <c r="A915" s="7" t="s">
        <v>10</v>
      </c>
      <c r="B915" s="8"/>
      <c r="C915" s="8" t="s">
        <v>86</v>
      </c>
      <c r="D915" t="s">
        <v>77</v>
      </c>
      <c r="E915" s="8" t="s">
        <v>12</v>
      </c>
      <c r="F915" t="s">
        <v>55</v>
      </c>
      <c r="G915" t="s">
        <v>78</v>
      </c>
      <c r="H915" t="s">
        <v>55</v>
      </c>
      <c r="I915" s="8">
        <v>2027</v>
      </c>
      <c r="J915" t="s">
        <v>48</v>
      </c>
      <c r="K915" s="10"/>
      <c r="M915" s="10"/>
      <c r="N915">
        <v>0</v>
      </c>
    </row>
    <row r="916" spans="1:14" hidden="1">
      <c r="A916" s="7" t="s">
        <v>10</v>
      </c>
      <c r="B916" s="8"/>
      <c r="C916" s="8" t="s">
        <v>86</v>
      </c>
      <c r="D916" t="s">
        <v>77</v>
      </c>
      <c r="E916" s="8" t="s">
        <v>12</v>
      </c>
      <c r="F916" t="s">
        <v>55</v>
      </c>
      <c r="G916" t="s">
        <v>78</v>
      </c>
      <c r="H916" t="s">
        <v>55</v>
      </c>
      <c r="I916" s="8">
        <v>2027</v>
      </c>
      <c r="J916" t="s">
        <v>14</v>
      </c>
      <c r="K916" s="10">
        <v>11464</v>
      </c>
      <c r="L916">
        <v>1553</v>
      </c>
      <c r="M916" s="10">
        <v>0</v>
      </c>
      <c r="N916">
        <v>0</v>
      </c>
    </row>
    <row r="917" spans="1:14" hidden="1">
      <c r="A917" s="7" t="s">
        <v>10</v>
      </c>
      <c r="B917" s="8"/>
      <c r="C917" s="8" t="s">
        <v>86</v>
      </c>
      <c r="D917" t="s">
        <v>77</v>
      </c>
      <c r="E917" s="8" t="s">
        <v>12</v>
      </c>
      <c r="F917" t="s">
        <v>55</v>
      </c>
      <c r="G917" t="s">
        <v>78</v>
      </c>
      <c r="H917" t="s">
        <v>55</v>
      </c>
      <c r="I917" s="8">
        <v>2027</v>
      </c>
      <c r="J917" t="s">
        <v>49</v>
      </c>
      <c r="K917" s="10"/>
      <c r="M917" s="10"/>
      <c r="N917">
        <v>0</v>
      </c>
    </row>
    <row r="918" spans="1:14" hidden="1">
      <c r="A918" s="7" t="s">
        <v>10</v>
      </c>
      <c r="B918" s="8"/>
      <c r="C918" s="8" t="s">
        <v>86</v>
      </c>
      <c r="D918" t="s">
        <v>77</v>
      </c>
      <c r="E918" s="8" t="s">
        <v>12</v>
      </c>
      <c r="F918" t="s">
        <v>55</v>
      </c>
      <c r="G918" t="s">
        <v>79</v>
      </c>
      <c r="H918" t="s">
        <v>55</v>
      </c>
      <c r="I918" s="8">
        <v>2027</v>
      </c>
      <c r="J918" t="s">
        <v>15</v>
      </c>
      <c r="K918" s="10">
        <v>13244</v>
      </c>
      <c r="L918">
        <v>4839</v>
      </c>
      <c r="M918" s="10">
        <v>13244</v>
      </c>
      <c r="N918">
        <v>0</v>
      </c>
    </row>
    <row r="919" spans="1:14" hidden="1">
      <c r="A919" s="7" t="s">
        <v>10</v>
      </c>
      <c r="B919" s="8"/>
      <c r="C919" s="8" t="s">
        <v>86</v>
      </c>
      <c r="D919" t="s">
        <v>77</v>
      </c>
      <c r="E919" s="8" t="s">
        <v>12</v>
      </c>
      <c r="F919" t="s">
        <v>55</v>
      </c>
      <c r="G919" t="s">
        <v>79</v>
      </c>
      <c r="H919" t="s">
        <v>55</v>
      </c>
      <c r="I919" s="8">
        <v>2027</v>
      </c>
      <c r="J919" t="s">
        <v>50</v>
      </c>
      <c r="K919" s="10"/>
      <c r="M919" s="10"/>
      <c r="N919">
        <v>0</v>
      </c>
    </row>
    <row r="920" spans="1:14" hidden="1">
      <c r="A920" s="7" t="s">
        <v>10</v>
      </c>
      <c r="B920" s="8"/>
      <c r="C920" s="8" t="s">
        <v>86</v>
      </c>
      <c r="D920" t="s">
        <v>77</v>
      </c>
      <c r="E920" s="8" t="s">
        <v>12</v>
      </c>
      <c r="F920" t="s">
        <v>55</v>
      </c>
      <c r="G920" t="s">
        <v>19</v>
      </c>
      <c r="H920" t="s">
        <v>55</v>
      </c>
      <c r="I920" s="8">
        <v>2027</v>
      </c>
      <c r="J920" t="s">
        <v>19</v>
      </c>
      <c r="K920" s="10"/>
      <c r="M920" s="10"/>
      <c r="N920">
        <v>0</v>
      </c>
    </row>
    <row r="921" spans="1:14" hidden="1">
      <c r="A921" s="7" t="s">
        <v>10</v>
      </c>
      <c r="B921" s="8"/>
      <c r="C921" s="8" t="s">
        <v>86</v>
      </c>
      <c r="D921" t="s">
        <v>77</v>
      </c>
      <c r="E921" s="8" t="s">
        <v>12</v>
      </c>
      <c r="F921" t="s">
        <v>55</v>
      </c>
      <c r="G921" t="s">
        <v>78</v>
      </c>
      <c r="H921" t="s">
        <v>55</v>
      </c>
      <c r="I921" s="8">
        <v>2027</v>
      </c>
      <c r="J921" t="s">
        <v>21</v>
      </c>
      <c r="K921" s="10"/>
      <c r="M921" s="10"/>
      <c r="N921">
        <v>0</v>
      </c>
    </row>
    <row r="922" spans="1:14" hidden="1">
      <c r="A922" s="7" t="s">
        <v>10</v>
      </c>
      <c r="B922" s="8"/>
      <c r="C922" s="8" t="s">
        <v>86</v>
      </c>
      <c r="D922" t="s">
        <v>77</v>
      </c>
      <c r="E922" s="8" t="s">
        <v>12</v>
      </c>
      <c r="F922" t="s">
        <v>55</v>
      </c>
      <c r="G922" t="s">
        <v>78</v>
      </c>
      <c r="H922" t="s">
        <v>55</v>
      </c>
      <c r="I922" s="8">
        <v>2027</v>
      </c>
      <c r="J922" t="s">
        <v>51</v>
      </c>
      <c r="K922" s="10"/>
      <c r="M922" s="10"/>
      <c r="N922">
        <v>0</v>
      </c>
    </row>
    <row r="923" spans="1:14" hidden="1">
      <c r="A923" s="7" t="s">
        <v>10</v>
      </c>
      <c r="B923" s="8"/>
      <c r="C923" s="8" t="s">
        <v>86</v>
      </c>
      <c r="D923" t="s">
        <v>77</v>
      </c>
      <c r="E923" s="8" t="s">
        <v>12</v>
      </c>
      <c r="F923" t="s">
        <v>55</v>
      </c>
      <c r="G923" t="s">
        <v>78</v>
      </c>
      <c r="H923" t="s">
        <v>55</v>
      </c>
      <c r="I923" s="8">
        <v>2028</v>
      </c>
      <c r="J923" t="s">
        <v>47</v>
      </c>
      <c r="K923" s="10"/>
      <c r="M923" s="10"/>
      <c r="N923">
        <v>0</v>
      </c>
    </row>
    <row r="924" spans="1:14" hidden="1">
      <c r="A924" s="7" t="s">
        <v>10</v>
      </c>
      <c r="B924" s="8"/>
      <c r="C924" s="8" t="s">
        <v>86</v>
      </c>
      <c r="D924" t="s">
        <v>77</v>
      </c>
      <c r="E924" s="8" t="s">
        <v>12</v>
      </c>
      <c r="F924" t="s">
        <v>55</v>
      </c>
      <c r="G924" t="s">
        <v>78</v>
      </c>
      <c r="H924" t="s">
        <v>55</v>
      </c>
      <c r="I924" s="8">
        <v>2028</v>
      </c>
      <c r="J924" t="s">
        <v>48</v>
      </c>
      <c r="K924" s="10"/>
      <c r="M924" s="10"/>
      <c r="N924">
        <v>0</v>
      </c>
    </row>
    <row r="925" spans="1:14" hidden="1">
      <c r="A925" s="7" t="s">
        <v>10</v>
      </c>
      <c r="B925" s="8"/>
      <c r="C925" s="8" t="s">
        <v>86</v>
      </c>
      <c r="D925" t="s">
        <v>77</v>
      </c>
      <c r="E925" s="8" t="s">
        <v>12</v>
      </c>
      <c r="F925" t="s">
        <v>55</v>
      </c>
      <c r="G925" t="s">
        <v>78</v>
      </c>
      <c r="H925" t="s">
        <v>55</v>
      </c>
      <c r="I925" s="8">
        <v>2028</v>
      </c>
      <c r="J925" t="s">
        <v>14</v>
      </c>
      <c r="K925" s="10">
        <v>11512</v>
      </c>
      <c r="L925">
        <v>1568</v>
      </c>
      <c r="M925" s="10">
        <v>0</v>
      </c>
      <c r="N925">
        <v>0</v>
      </c>
    </row>
    <row r="926" spans="1:14" hidden="1">
      <c r="A926" s="7" t="s">
        <v>10</v>
      </c>
      <c r="B926" s="8"/>
      <c r="C926" s="8" t="s">
        <v>86</v>
      </c>
      <c r="D926" t="s">
        <v>77</v>
      </c>
      <c r="E926" s="8" t="s">
        <v>12</v>
      </c>
      <c r="F926" t="s">
        <v>55</v>
      </c>
      <c r="G926" t="s">
        <v>78</v>
      </c>
      <c r="H926" t="s">
        <v>55</v>
      </c>
      <c r="I926" s="8">
        <v>2028</v>
      </c>
      <c r="J926" t="s">
        <v>49</v>
      </c>
      <c r="K926" s="10"/>
      <c r="M926" s="10"/>
      <c r="N926">
        <v>0</v>
      </c>
    </row>
    <row r="927" spans="1:14" hidden="1">
      <c r="A927" s="7" t="s">
        <v>10</v>
      </c>
      <c r="B927" s="8"/>
      <c r="C927" s="8" t="s">
        <v>86</v>
      </c>
      <c r="D927" t="s">
        <v>77</v>
      </c>
      <c r="E927" s="8" t="s">
        <v>12</v>
      </c>
      <c r="F927" t="s">
        <v>55</v>
      </c>
      <c r="G927" t="s">
        <v>79</v>
      </c>
      <c r="H927" t="s">
        <v>55</v>
      </c>
      <c r="I927" s="8">
        <v>2028</v>
      </c>
      <c r="J927" t="s">
        <v>15</v>
      </c>
      <c r="K927" s="10">
        <v>13685</v>
      </c>
      <c r="L927">
        <v>4931</v>
      </c>
      <c r="M927" s="10">
        <v>13685</v>
      </c>
      <c r="N927">
        <v>0</v>
      </c>
    </row>
    <row r="928" spans="1:14" hidden="1">
      <c r="A928" s="7" t="s">
        <v>10</v>
      </c>
      <c r="B928" s="8"/>
      <c r="C928" s="8" t="s">
        <v>86</v>
      </c>
      <c r="D928" t="s">
        <v>77</v>
      </c>
      <c r="E928" s="8" t="s">
        <v>12</v>
      </c>
      <c r="F928" t="s">
        <v>55</v>
      </c>
      <c r="G928" t="s">
        <v>79</v>
      </c>
      <c r="H928" t="s">
        <v>55</v>
      </c>
      <c r="I928" s="8">
        <v>2028</v>
      </c>
      <c r="J928" t="s">
        <v>50</v>
      </c>
      <c r="K928" s="10"/>
      <c r="M928" s="10"/>
      <c r="N928">
        <v>0</v>
      </c>
    </row>
    <row r="929" spans="1:14" hidden="1">
      <c r="A929" s="7" t="s">
        <v>10</v>
      </c>
      <c r="B929" s="8"/>
      <c r="C929" s="8" t="s">
        <v>86</v>
      </c>
      <c r="D929" t="s">
        <v>77</v>
      </c>
      <c r="E929" s="8" t="s">
        <v>12</v>
      </c>
      <c r="F929" t="s">
        <v>55</v>
      </c>
      <c r="G929" t="s">
        <v>19</v>
      </c>
      <c r="H929" t="s">
        <v>55</v>
      </c>
      <c r="I929" s="8">
        <v>2028</v>
      </c>
      <c r="J929" t="s">
        <v>19</v>
      </c>
      <c r="K929" s="10"/>
      <c r="M929" s="10"/>
      <c r="N929">
        <v>0</v>
      </c>
    </row>
    <row r="930" spans="1:14" hidden="1">
      <c r="A930" s="7" t="s">
        <v>10</v>
      </c>
      <c r="B930" s="8"/>
      <c r="C930" s="8" t="s">
        <v>86</v>
      </c>
      <c r="D930" t="s">
        <v>77</v>
      </c>
      <c r="E930" s="8" t="s">
        <v>12</v>
      </c>
      <c r="F930" t="s">
        <v>55</v>
      </c>
      <c r="G930" t="s">
        <v>78</v>
      </c>
      <c r="H930" t="s">
        <v>55</v>
      </c>
      <c r="I930" s="8">
        <v>2028</v>
      </c>
      <c r="J930" t="s">
        <v>21</v>
      </c>
      <c r="K930" s="10"/>
      <c r="M930" s="10"/>
      <c r="N930">
        <v>0</v>
      </c>
    </row>
    <row r="931" spans="1:14" hidden="1">
      <c r="A931" s="7" t="s">
        <v>10</v>
      </c>
      <c r="B931" s="8"/>
      <c r="C931" s="8" t="s">
        <v>86</v>
      </c>
      <c r="D931" t="s">
        <v>77</v>
      </c>
      <c r="E931" s="8" t="s">
        <v>12</v>
      </c>
      <c r="F931" t="s">
        <v>55</v>
      </c>
      <c r="G931" t="s">
        <v>78</v>
      </c>
      <c r="H931" t="s">
        <v>55</v>
      </c>
      <c r="I931" s="8">
        <v>2028</v>
      </c>
      <c r="J931" t="s">
        <v>51</v>
      </c>
      <c r="K931" s="10"/>
      <c r="M931" s="10"/>
      <c r="N931">
        <v>0</v>
      </c>
    </row>
    <row r="932" spans="1:14" hidden="1">
      <c r="A932" s="7" t="s">
        <v>10</v>
      </c>
      <c r="B932" s="8"/>
      <c r="C932" s="8" t="s">
        <v>86</v>
      </c>
      <c r="D932" t="s">
        <v>77</v>
      </c>
      <c r="E932" s="8" t="s">
        <v>12</v>
      </c>
      <c r="F932" t="s">
        <v>55</v>
      </c>
      <c r="G932" t="s">
        <v>78</v>
      </c>
      <c r="H932" t="s">
        <v>55</v>
      </c>
      <c r="I932" s="8">
        <v>2029</v>
      </c>
      <c r="J932" t="s">
        <v>47</v>
      </c>
      <c r="K932" s="10"/>
      <c r="M932" s="10"/>
      <c r="N932">
        <v>0</v>
      </c>
    </row>
    <row r="933" spans="1:14" hidden="1">
      <c r="A933" s="7" t="s">
        <v>10</v>
      </c>
      <c r="B933" s="8"/>
      <c r="C933" s="8" t="s">
        <v>86</v>
      </c>
      <c r="D933" t="s">
        <v>77</v>
      </c>
      <c r="E933" s="8" t="s">
        <v>12</v>
      </c>
      <c r="F933" t="s">
        <v>55</v>
      </c>
      <c r="G933" t="s">
        <v>78</v>
      </c>
      <c r="H933" t="s">
        <v>55</v>
      </c>
      <c r="I933" s="8">
        <v>2029</v>
      </c>
      <c r="J933" t="s">
        <v>48</v>
      </c>
      <c r="K933" s="10"/>
      <c r="M933" s="10"/>
      <c r="N933">
        <v>0</v>
      </c>
    </row>
    <row r="934" spans="1:14" hidden="1">
      <c r="A934" s="7" t="s">
        <v>10</v>
      </c>
      <c r="B934" s="8"/>
      <c r="C934" s="8" t="s">
        <v>86</v>
      </c>
      <c r="D934" t="s">
        <v>77</v>
      </c>
      <c r="E934" s="8" t="s">
        <v>12</v>
      </c>
      <c r="F934" t="s">
        <v>55</v>
      </c>
      <c r="G934" t="s">
        <v>78</v>
      </c>
      <c r="H934" t="s">
        <v>55</v>
      </c>
      <c r="I934" s="8">
        <v>2029</v>
      </c>
      <c r="J934" t="s">
        <v>14</v>
      </c>
      <c r="K934" s="10">
        <v>13296</v>
      </c>
      <c r="L934">
        <v>1819</v>
      </c>
      <c r="M934" s="10">
        <v>0</v>
      </c>
      <c r="N934">
        <v>0</v>
      </c>
    </row>
    <row r="935" spans="1:14" hidden="1">
      <c r="A935" s="7" t="s">
        <v>10</v>
      </c>
      <c r="B935" s="8"/>
      <c r="C935" s="8" t="s">
        <v>86</v>
      </c>
      <c r="D935" t="s">
        <v>77</v>
      </c>
      <c r="E935" s="8" t="s">
        <v>12</v>
      </c>
      <c r="F935" t="s">
        <v>55</v>
      </c>
      <c r="G935" t="s">
        <v>78</v>
      </c>
      <c r="H935" t="s">
        <v>55</v>
      </c>
      <c r="I935" s="8">
        <v>2029</v>
      </c>
      <c r="J935" t="s">
        <v>49</v>
      </c>
      <c r="K935" s="10"/>
      <c r="M935" s="10"/>
      <c r="N935">
        <v>0</v>
      </c>
    </row>
    <row r="936" spans="1:14" hidden="1">
      <c r="A936" s="7" t="s">
        <v>10</v>
      </c>
      <c r="B936" s="8"/>
      <c r="C936" s="8" t="s">
        <v>86</v>
      </c>
      <c r="D936" t="s">
        <v>77</v>
      </c>
      <c r="E936" s="8" t="s">
        <v>12</v>
      </c>
      <c r="F936" t="s">
        <v>55</v>
      </c>
      <c r="G936" t="s">
        <v>79</v>
      </c>
      <c r="H936" t="s">
        <v>55</v>
      </c>
      <c r="I936" s="8">
        <v>2029</v>
      </c>
      <c r="J936" t="s">
        <v>15</v>
      </c>
      <c r="K936" s="10">
        <v>15846</v>
      </c>
      <c r="L936">
        <v>5883</v>
      </c>
      <c r="M936" s="10">
        <v>15846</v>
      </c>
      <c r="N936">
        <v>0</v>
      </c>
    </row>
    <row r="937" spans="1:14" hidden="1">
      <c r="A937" s="7" t="s">
        <v>10</v>
      </c>
      <c r="B937" s="8"/>
      <c r="C937" s="8" t="s">
        <v>86</v>
      </c>
      <c r="D937" t="s">
        <v>77</v>
      </c>
      <c r="E937" s="8" t="s">
        <v>12</v>
      </c>
      <c r="F937" t="s">
        <v>55</v>
      </c>
      <c r="G937" t="s">
        <v>79</v>
      </c>
      <c r="H937" t="s">
        <v>55</v>
      </c>
      <c r="I937" s="8">
        <v>2029</v>
      </c>
      <c r="J937" t="s">
        <v>50</v>
      </c>
      <c r="K937" s="10"/>
      <c r="M937" s="10"/>
      <c r="N937">
        <v>0</v>
      </c>
    </row>
    <row r="938" spans="1:14" hidden="1">
      <c r="A938" s="7" t="s">
        <v>10</v>
      </c>
      <c r="B938" s="8"/>
      <c r="C938" s="8" t="s">
        <v>86</v>
      </c>
      <c r="D938" t="s">
        <v>77</v>
      </c>
      <c r="E938" s="8" t="s">
        <v>12</v>
      </c>
      <c r="F938" t="s">
        <v>55</v>
      </c>
      <c r="G938" t="s">
        <v>19</v>
      </c>
      <c r="H938" t="s">
        <v>55</v>
      </c>
      <c r="I938" s="8">
        <v>2029</v>
      </c>
      <c r="J938" t="s">
        <v>19</v>
      </c>
      <c r="K938" s="10"/>
      <c r="M938" s="10"/>
      <c r="N938">
        <v>0</v>
      </c>
    </row>
    <row r="939" spans="1:14" hidden="1">
      <c r="A939" s="7" t="s">
        <v>10</v>
      </c>
      <c r="B939" s="8"/>
      <c r="C939" s="8" t="s">
        <v>86</v>
      </c>
      <c r="D939" t="s">
        <v>77</v>
      </c>
      <c r="E939" s="8" t="s">
        <v>12</v>
      </c>
      <c r="F939" t="s">
        <v>55</v>
      </c>
      <c r="G939" t="s">
        <v>78</v>
      </c>
      <c r="H939" t="s">
        <v>55</v>
      </c>
      <c r="I939" s="8">
        <v>2029</v>
      </c>
      <c r="J939" t="s">
        <v>21</v>
      </c>
      <c r="K939" s="10"/>
      <c r="M939" s="10"/>
      <c r="N939">
        <v>0</v>
      </c>
    </row>
    <row r="940" spans="1:14" hidden="1">
      <c r="A940" s="7" t="s">
        <v>10</v>
      </c>
      <c r="B940" s="8"/>
      <c r="C940" s="8" t="s">
        <v>86</v>
      </c>
      <c r="D940" t="s">
        <v>77</v>
      </c>
      <c r="E940" s="8" t="s">
        <v>12</v>
      </c>
      <c r="F940" t="s">
        <v>55</v>
      </c>
      <c r="G940" t="s">
        <v>78</v>
      </c>
      <c r="H940" t="s">
        <v>55</v>
      </c>
      <c r="I940" s="8">
        <v>2029</v>
      </c>
      <c r="J940" t="s">
        <v>51</v>
      </c>
      <c r="K940" s="10"/>
      <c r="M940" s="10"/>
      <c r="N940">
        <v>0</v>
      </c>
    </row>
    <row r="941" spans="1:14" hidden="1">
      <c r="A941" s="7" t="s">
        <v>10</v>
      </c>
      <c r="B941" s="8"/>
      <c r="C941" s="8" t="s">
        <v>86</v>
      </c>
      <c r="D941" t="s">
        <v>77</v>
      </c>
      <c r="E941" s="8" t="s">
        <v>12</v>
      </c>
      <c r="F941" t="s">
        <v>55</v>
      </c>
      <c r="G941" t="s">
        <v>78</v>
      </c>
      <c r="H941" t="s">
        <v>55</v>
      </c>
      <c r="I941" s="8">
        <v>2030</v>
      </c>
      <c r="J941" t="s">
        <v>47</v>
      </c>
      <c r="K941" s="10"/>
      <c r="M941" s="10"/>
      <c r="N941">
        <v>0</v>
      </c>
    </row>
    <row r="942" spans="1:14" hidden="1">
      <c r="A942" s="7" t="s">
        <v>10</v>
      </c>
      <c r="B942" s="8"/>
      <c r="C942" s="8" t="s">
        <v>86</v>
      </c>
      <c r="D942" t="s">
        <v>77</v>
      </c>
      <c r="E942" s="8" t="s">
        <v>12</v>
      </c>
      <c r="F942" t="s">
        <v>55</v>
      </c>
      <c r="G942" t="s">
        <v>78</v>
      </c>
      <c r="H942" t="s">
        <v>55</v>
      </c>
      <c r="I942" s="8">
        <v>2030</v>
      </c>
      <c r="J942" t="s">
        <v>48</v>
      </c>
      <c r="K942" s="10"/>
      <c r="M942" s="10"/>
      <c r="N942">
        <v>0</v>
      </c>
    </row>
    <row r="943" spans="1:14" hidden="1">
      <c r="A943" s="7" t="s">
        <v>10</v>
      </c>
      <c r="B943" s="8"/>
      <c r="C943" s="8" t="s">
        <v>86</v>
      </c>
      <c r="D943" t="s">
        <v>77</v>
      </c>
      <c r="E943" s="8" t="s">
        <v>12</v>
      </c>
      <c r="F943" t="s">
        <v>55</v>
      </c>
      <c r="G943" t="s">
        <v>78</v>
      </c>
      <c r="H943" t="s">
        <v>55</v>
      </c>
      <c r="I943" s="8">
        <v>2030</v>
      </c>
      <c r="J943" t="s">
        <v>14</v>
      </c>
      <c r="K943" s="10">
        <v>13551</v>
      </c>
      <c r="L943">
        <v>1849</v>
      </c>
      <c r="M943" s="10">
        <v>0</v>
      </c>
      <c r="N943">
        <v>0</v>
      </c>
    </row>
    <row r="944" spans="1:14" hidden="1">
      <c r="A944" s="7" t="s">
        <v>10</v>
      </c>
      <c r="B944" s="8"/>
      <c r="C944" s="8" t="s">
        <v>86</v>
      </c>
      <c r="D944" t="s">
        <v>77</v>
      </c>
      <c r="E944" s="8" t="s">
        <v>12</v>
      </c>
      <c r="F944" t="s">
        <v>55</v>
      </c>
      <c r="G944" t="s">
        <v>78</v>
      </c>
      <c r="H944" t="s">
        <v>55</v>
      </c>
      <c r="I944" s="8">
        <v>2030</v>
      </c>
      <c r="J944" t="s">
        <v>49</v>
      </c>
      <c r="K944" s="10"/>
      <c r="M944" s="10"/>
      <c r="N944">
        <v>0</v>
      </c>
    </row>
    <row r="945" spans="1:14" hidden="1">
      <c r="A945" s="7" t="s">
        <v>10</v>
      </c>
      <c r="B945" s="8"/>
      <c r="C945" s="8" t="s">
        <v>86</v>
      </c>
      <c r="D945" t="s">
        <v>77</v>
      </c>
      <c r="E945" s="8" t="s">
        <v>12</v>
      </c>
      <c r="F945" t="s">
        <v>55</v>
      </c>
      <c r="G945" t="s">
        <v>79</v>
      </c>
      <c r="H945" t="s">
        <v>55</v>
      </c>
      <c r="I945" s="8">
        <v>2030</v>
      </c>
      <c r="J945" t="s">
        <v>15</v>
      </c>
      <c r="K945" s="10">
        <v>16007</v>
      </c>
      <c r="L945">
        <v>5962</v>
      </c>
      <c r="M945" s="10">
        <v>16007</v>
      </c>
      <c r="N945">
        <v>0</v>
      </c>
    </row>
    <row r="946" spans="1:14" hidden="1">
      <c r="A946" s="7" t="s">
        <v>10</v>
      </c>
      <c r="B946" s="8"/>
      <c r="C946" s="8" t="s">
        <v>86</v>
      </c>
      <c r="D946" t="s">
        <v>77</v>
      </c>
      <c r="E946" s="8" t="s">
        <v>12</v>
      </c>
      <c r="F946" t="s">
        <v>55</v>
      </c>
      <c r="G946" t="s">
        <v>79</v>
      </c>
      <c r="H946" t="s">
        <v>55</v>
      </c>
      <c r="I946" s="8">
        <v>2030</v>
      </c>
      <c r="J946" t="s">
        <v>50</v>
      </c>
      <c r="K946" s="10"/>
      <c r="M946" s="10"/>
      <c r="N946">
        <v>0</v>
      </c>
    </row>
    <row r="947" spans="1:14" hidden="1">
      <c r="A947" s="7" t="s">
        <v>10</v>
      </c>
      <c r="B947" s="8"/>
      <c r="C947" s="8" t="s">
        <v>86</v>
      </c>
      <c r="D947" t="s">
        <v>77</v>
      </c>
      <c r="E947" s="8" t="s">
        <v>12</v>
      </c>
      <c r="F947" t="s">
        <v>55</v>
      </c>
      <c r="G947" t="s">
        <v>19</v>
      </c>
      <c r="H947" t="s">
        <v>55</v>
      </c>
      <c r="I947" s="8">
        <v>2030</v>
      </c>
      <c r="J947" t="s">
        <v>19</v>
      </c>
      <c r="K947" s="10"/>
      <c r="M947" s="10"/>
      <c r="N947">
        <v>0</v>
      </c>
    </row>
    <row r="948" spans="1:14" hidden="1">
      <c r="A948" s="7" t="s">
        <v>10</v>
      </c>
      <c r="B948" s="8"/>
      <c r="C948" s="8" t="s">
        <v>86</v>
      </c>
      <c r="D948" t="s">
        <v>77</v>
      </c>
      <c r="E948" s="8" t="s">
        <v>12</v>
      </c>
      <c r="F948" t="s">
        <v>55</v>
      </c>
      <c r="G948" t="s">
        <v>78</v>
      </c>
      <c r="H948" t="s">
        <v>55</v>
      </c>
      <c r="I948" s="8">
        <v>2030</v>
      </c>
      <c r="J948" t="s">
        <v>21</v>
      </c>
      <c r="K948" s="10"/>
      <c r="M948" s="10"/>
      <c r="N948">
        <v>0</v>
      </c>
    </row>
    <row r="949" spans="1:14" hidden="1">
      <c r="A949" s="7" t="s">
        <v>10</v>
      </c>
      <c r="B949" s="8"/>
      <c r="C949" s="8" t="s">
        <v>86</v>
      </c>
      <c r="D949" t="s">
        <v>77</v>
      </c>
      <c r="E949" s="8" t="s">
        <v>12</v>
      </c>
      <c r="F949" t="s">
        <v>55</v>
      </c>
      <c r="G949" t="s">
        <v>78</v>
      </c>
      <c r="H949" t="s">
        <v>55</v>
      </c>
      <c r="I949" s="8">
        <v>2030</v>
      </c>
      <c r="J949" t="s">
        <v>51</v>
      </c>
      <c r="K949" s="10"/>
      <c r="M949" s="10"/>
      <c r="N949">
        <v>0</v>
      </c>
    </row>
    <row r="950" spans="1:14" hidden="1">
      <c r="A950" s="7" t="s">
        <v>10</v>
      </c>
      <c r="B950" s="8"/>
      <c r="C950" s="8" t="s">
        <v>86</v>
      </c>
      <c r="D950" t="s">
        <v>77</v>
      </c>
      <c r="E950" s="8" t="s">
        <v>12</v>
      </c>
      <c r="F950" t="s">
        <v>55</v>
      </c>
      <c r="G950" t="s">
        <v>78</v>
      </c>
      <c r="H950" t="s">
        <v>55</v>
      </c>
      <c r="I950" s="8">
        <v>2031</v>
      </c>
      <c r="J950" t="s">
        <v>47</v>
      </c>
      <c r="K950" s="10"/>
      <c r="M950" s="10"/>
      <c r="N950">
        <v>0</v>
      </c>
    </row>
    <row r="951" spans="1:14" hidden="1">
      <c r="A951" s="7" t="s">
        <v>10</v>
      </c>
      <c r="B951" s="8"/>
      <c r="C951" s="8" t="s">
        <v>86</v>
      </c>
      <c r="D951" t="s">
        <v>77</v>
      </c>
      <c r="E951" s="8" t="s">
        <v>12</v>
      </c>
      <c r="F951" t="s">
        <v>55</v>
      </c>
      <c r="G951" t="s">
        <v>78</v>
      </c>
      <c r="H951" t="s">
        <v>55</v>
      </c>
      <c r="I951" s="8">
        <v>2031</v>
      </c>
      <c r="J951" t="s">
        <v>48</v>
      </c>
      <c r="K951" s="10"/>
      <c r="M951" s="10"/>
      <c r="N951">
        <v>0</v>
      </c>
    </row>
    <row r="952" spans="1:14" hidden="1">
      <c r="A952" s="7" t="s">
        <v>10</v>
      </c>
      <c r="B952" s="8"/>
      <c r="C952" s="8" t="s">
        <v>86</v>
      </c>
      <c r="D952" t="s">
        <v>77</v>
      </c>
      <c r="E952" s="8" t="s">
        <v>12</v>
      </c>
      <c r="F952" t="s">
        <v>55</v>
      </c>
      <c r="G952" t="s">
        <v>78</v>
      </c>
      <c r="H952" t="s">
        <v>55</v>
      </c>
      <c r="I952" s="8">
        <v>2031</v>
      </c>
      <c r="J952" t="s">
        <v>14</v>
      </c>
      <c r="K952" s="10">
        <v>13597</v>
      </c>
      <c r="L952">
        <v>1856</v>
      </c>
      <c r="M952" s="10">
        <v>0</v>
      </c>
      <c r="N952">
        <v>0</v>
      </c>
    </row>
    <row r="953" spans="1:14" hidden="1">
      <c r="A953" s="7" t="s">
        <v>10</v>
      </c>
      <c r="B953" s="8"/>
      <c r="C953" s="8" t="s">
        <v>86</v>
      </c>
      <c r="D953" t="s">
        <v>77</v>
      </c>
      <c r="E953" s="8" t="s">
        <v>12</v>
      </c>
      <c r="F953" t="s">
        <v>55</v>
      </c>
      <c r="G953" t="s">
        <v>78</v>
      </c>
      <c r="H953" t="s">
        <v>55</v>
      </c>
      <c r="I953" s="8">
        <v>2031</v>
      </c>
      <c r="J953" t="s">
        <v>49</v>
      </c>
      <c r="K953" s="10"/>
      <c r="M953" s="10"/>
      <c r="N953">
        <v>0</v>
      </c>
    </row>
    <row r="954" spans="1:14" hidden="1">
      <c r="A954" s="7" t="s">
        <v>10</v>
      </c>
      <c r="B954" s="8"/>
      <c r="C954" s="8" t="s">
        <v>86</v>
      </c>
      <c r="D954" t="s">
        <v>77</v>
      </c>
      <c r="E954" s="8" t="s">
        <v>12</v>
      </c>
      <c r="F954" t="s">
        <v>55</v>
      </c>
      <c r="G954" t="s">
        <v>79</v>
      </c>
      <c r="H954" t="s">
        <v>55</v>
      </c>
      <c r="I954" s="8">
        <v>2031</v>
      </c>
      <c r="J954" t="s">
        <v>15</v>
      </c>
      <c r="K954" s="10">
        <v>16043</v>
      </c>
      <c r="L954">
        <v>5998</v>
      </c>
      <c r="M954" s="10">
        <v>16043</v>
      </c>
      <c r="N954">
        <v>0</v>
      </c>
    </row>
    <row r="955" spans="1:14" hidden="1">
      <c r="A955" s="7" t="s">
        <v>10</v>
      </c>
      <c r="B955" s="8"/>
      <c r="C955" s="8" t="s">
        <v>86</v>
      </c>
      <c r="D955" t="s">
        <v>77</v>
      </c>
      <c r="E955" s="8" t="s">
        <v>12</v>
      </c>
      <c r="F955" t="s">
        <v>55</v>
      </c>
      <c r="G955" t="s">
        <v>79</v>
      </c>
      <c r="H955" t="s">
        <v>55</v>
      </c>
      <c r="I955" s="8">
        <v>2031</v>
      </c>
      <c r="J955" t="s">
        <v>50</v>
      </c>
      <c r="K955" s="10"/>
      <c r="M955" s="10"/>
      <c r="N955">
        <v>0</v>
      </c>
    </row>
    <row r="956" spans="1:14" hidden="1">
      <c r="A956" s="7" t="s">
        <v>10</v>
      </c>
      <c r="B956" s="8"/>
      <c r="C956" s="8" t="s">
        <v>86</v>
      </c>
      <c r="D956" t="s">
        <v>77</v>
      </c>
      <c r="E956" s="8" t="s">
        <v>12</v>
      </c>
      <c r="F956" t="s">
        <v>55</v>
      </c>
      <c r="G956" t="s">
        <v>19</v>
      </c>
      <c r="H956" t="s">
        <v>55</v>
      </c>
      <c r="I956" s="8">
        <v>2031</v>
      </c>
      <c r="J956" t="s">
        <v>19</v>
      </c>
      <c r="K956" s="10"/>
      <c r="M956" s="10"/>
      <c r="N956">
        <v>0</v>
      </c>
    </row>
    <row r="957" spans="1:14" hidden="1">
      <c r="A957" s="7" t="s">
        <v>10</v>
      </c>
      <c r="B957" s="8"/>
      <c r="C957" s="8" t="s">
        <v>86</v>
      </c>
      <c r="D957" t="s">
        <v>77</v>
      </c>
      <c r="E957" s="8" t="s">
        <v>12</v>
      </c>
      <c r="F957" t="s">
        <v>55</v>
      </c>
      <c r="G957" t="s">
        <v>78</v>
      </c>
      <c r="H957" t="s">
        <v>55</v>
      </c>
      <c r="I957" s="8">
        <v>2031</v>
      </c>
      <c r="J957" t="s">
        <v>21</v>
      </c>
      <c r="K957" s="10"/>
      <c r="M957" s="10"/>
      <c r="N957">
        <v>0</v>
      </c>
    </row>
    <row r="958" spans="1:14" hidden="1">
      <c r="A958" s="7" t="s">
        <v>10</v>
      </c>
      <c r="B958" s="8"/>
      <c r="C958" s="8" t="s">
        <v>86</v>
      </c>
      <c r="D958" t="s">
        <v>77</v>
      </c>
      <c r="E958" s="8" t="s">
        <v>12</v>
      </c>
      <c r="F958" t="s">
        <v>55</v>
      </c>
      <c r="G958" t="s">
        <v>78</v>
      </c>
      <c r="H958" t="s">
        <v>55</v>
      </c>
      <c r="I958" s="8">
        <v>2031</v>
      </c>
      <c r="J958" t="s">
        <v>51</v>
      </c>
      <c r="K958" s="10"/>
      <c r="M958" s="10"/>
      <c r="N958">
        <v>0</v>
      </c>
    </row>
    <row r="959" spans="1:14" hidden="1">
      <c r="A959" s="7" t="s">
        <v>10</v>
      </c>
      <c r="B959" s="8"/>
      <c r="C959" s="8" t="s">
        <v>86</v>
      </c>
      <c r="D959" t="s">
        <v>77</v>
      </c>
      <c r="E959" s="8" t="s">
        <v>12</v>
      </c>
      <c r="F959" t="s">
        <v>55</v>
      </c>
      <c r="G959" t="s">
        <v>78</v>
      </c>
      <c r="H959" t="s">
        <v>55</v>
      </c>
      <c r="I959" s="8">
        <v>2032</v>
      </c>
      <c r="J959" t="s">
        <v>47</v>
      </c>
      <c r="K959" s="10"/>
      <c r="M959" s="10"/>
      <c r="N959">
        <v>0</v>
      </c>
    </row>
    <row r="960" spans="1:14" hidden="1">
      <c r="A960" s="7" t="s">
        <v>10</v>
      </c>
      <c r="B960" s="8"/>
      <c r="C960" s="8" t="s">
        <v>86</v>
      </c>
      <c r="D960" t="s">
        <v>77</v>
      </c>
      <c r="E960" s="8" t="s">
        <v>12</v>
      </c>
      <c r="F960" t="s">
        <v>55</v>
      </c>
      <c r="G960" t="s">
        <v>78</v>
      </c>
      <c r="H960" t="s">
        <v>55</v>
      </c>
      <c r="I960" s="8">
        <v>2032</v>
      </c>
      <c r="J960" t="s">
        <v>48</v>
      </c>
      <c r="K960" s="10"/>
      <c r="M960" s="10"/>
      <c r="N960">
        <v>0</v>
      </c>
    </row>
    <row r="961" spans="1:14" hidden="1">
      <c r="A961" s="7" t="s">
        <v>10</v>
      </c>
      <c r="B961" s="8"/>
      <c r="C961" s="8" t="s">
        <v>86</v>
      </c>
      <c r="D961" t="s">
        <v>77</v>
      </c>
      <c r="E961" s="8" t="s">
        <v>12</v>
      </c>
      <c r="F961" t="s">
        <v>55</v>
      </c>
      <c r="G961" t="s">
        <v>78</v>
      </c>
      <c r="H961" t="s">
        <v>55</v>
      </c>
      <c r="I961" s="8">
        <v>2032</v>
      </c>
      <c r="J961" t="s">
        <v>14</v>
      </c>
      <c r="K961" s="10">
        <v>13597</v>
      </c>
      <c r="L961">
        <v>1856</v>
      </c>
      <c r="M961" s="10">
        <v>0</v>
      </c>
      <c r="N961">
        <v>0</v>
      </c>
    </row>
    <row r="962" spans="1:14" hidden="1">
      <c r="A962" s="7" t="s">
        <v>10</v>
      </c>
      <c r="B962" s="8"/>
      <c r="C962" s="8" t="s">
        <v>86</v>
      </c>
      <c r="D962" t="s">
        <v>77</v>
      </c>
      <c r="E962" s="8" t="s">
        <v>12</v>
      </c>
      <c r="F962" t="s">
        <v>55</v>
      </c>
      <c r="G962" t="s">
        <v>78</v>
      </c>
      <c r="H962" t="s">
        <v>55</v>
      </c>
      <c r="I962" s="8">
        <v>2032</v>
      </c>
      <c r="J962" t="s">
        <v>49</v>
      </c>
      <c r="K962" s="10"/>
      <c r="M962" s="10"/>
      <c r="N962">
        <v>0</v>
      </c>
    </row>
    <row r="963" spans="1:14" hidden="1">
      <c r="A963" s="7" t="s">
        <v>10</v>
      </c>
      <c r="B963" s="8"/>
      <c r="C963" s="8" t="s">
        <v>86</v>
      </c>
      <c r="D963" t="s">
        <v>77</v>
      </c>
      <c r="E963" s="8" t="s">
        <v>12</v>
      </c>
      <c r="F963" t="s">
        <v>55</v>
      </c>
      <c r="G963" t="s">
        <v>79</v>
      </c>
      <c r="H963" t="s">
        <v>55</v>
      </c>
      <c r="I963" s="8">
        <v>2032</v>
      </c>
      <c r="J963" t="s">
        <v>15</v>
      </c>
      <c r="K963" s="10">
        <v>16043</v>
      </c>
      <c r="L963">
        <v>5998</v>
      </c>
      <c r="M963" s="10">
        <v>16043</v>
      </c>
      <c r="N963">
        <v>0</v>
      </c>
    </row>
    <row r="964" spans="1:14" hidden="1">
      <c r="A964" s="7" t="s">
        <v>10</v>
      </c>
      <c r="B964" s="8"/>
      <c r="C964" s="8" t="s">
        <v>86</v>
      </c>
      <c r="D964" t="s">
        <v>77</v>
      </c>
      <c r="E964" s="8" t="s">
        <v>12</v>
      </c>
      <c r="F964" t="s">
        <v>55</v>
      </c>
      <c r="G964" t="s">
        <v>79</v>
      </c>
      <c r="H964" t="s">
        <v>55</v>
      </c>
      <c r="I964" s="8">
        <v>2032</v>
      </c>
      <c r="J964" t="s">
        <v>50</v>
      </c>
      <c r="K964" s="10"/>
      <c r="M964" s="10"/>
      <c r="N964">
        <v>0</v>
      </c>
    </row>
    <row r="965" spans="1:14" hidden="1">
      <c r="A965" s="7" t="s">
        <v>10</v>
      </c>
      <c r="B965" s="8"/>
      <c r="C965" s="8" t="s">
        <v>86</v>
      </c>
      <c r="D965" t="s">
        <v>77</v>
      </c>
      <c r="E965" s="8" t="s">
        <v>12</v>
      </c>
      <c r="F965" t="s">
        <v>55</v>
      </c>
      <c r="G965" t="s">
        <v>19</v>
      </c>
      <c r="H965" t="s">
        <v>55</v>
      </c>
      <c r="I965" s="8">
        <v>2032</v>
      </c>
      <c r="J965" t="s">
        <v>19</v>
      </c>
      <c r="K965" s="10"/>
      <c r="M965" s="10"/>
      <c r="N965">
        <v>0</v>
      </c>
    </row>
    <row r="966" spans="1:14" hidden="1">
      <c r="A966" s="7" t="s">
        <v>10</v>
      </c>
      <c r="B966" s="8"/>
      <c r="C966" s="8" t="s">
        <v>86</v>
      </c>
      <c r="D966" t="s">
        <v>77</v>
      </c>
      <c r="E966" s="8" t="s">
        <v>12</v>
      </c>
      <c r="F966" t="s">
        <v>55</v>
      </c>
      <c r="G966" t="s">
        <v>78</v>
      </c>
      <c r="H966" t="s">
        <v>55</v>
      </c>
      <c r="I966" s="8">
        <v>2032</v>
      </c>
      <c r="J966" t="s">
        <v>21</v>
      </c>
      <c r="K966" s="10"/>
      <c r="M966" s="10"/>
      <c r="N966">
        <v>0</v>
      </c>
    </row>
    <row r="967" spans="1:14" hidden="1">
      <c r="A967" s="7" t="s">
        <v>10</v>
      </c>
      <c r="B967" s="8"/>
      <c r="C967" s="8" t="s">
        <v>86</v>
      </c>
      <c r="D967" t="s">
        <v>77</v>
      </c>
      <c r="E967" s="8" t="s">
        <v>12</v>
      </c>
      <c r="F967" t="s">
        <v>55</v>
      </c>
      <c r="G967" t="s">
        <v>78</v>
      </c>
      <c r="H967" t="s">
        <v>55</v>
      </c>
      <c r="I967" s="8">
        <v>2032</v>
      </c>
      <c r="J967" t="s">
        <v>51</v>
      </c>
      <c r="K967" s="10"/>
      <c r="M967" s="10"/>
      <c r="N967">
        <v>0</v>
      </c>
    </row>
    <row r="968" spans="1:14" hidden="1">
      <c r="A968" s="7" t="s">
        <v>10</v>
      </c>
      <c r="B968" s="8"/>
      <c r="C968" s="8" t="s">
        <v>86</v>
      </c>
      <c r="D968" t="s">
        <v>77</v>
      </c>
      <c r="E968" s="8" t="s">
        <v>12</v>
      </c>
      <c r="F968" t="s">
        <v>55</v>
      </c>
      <c r="G968" t="s">
        <v>78</v>
      </c>
      <c r="H968" t="s">
        <v>55</v>
      </c>
      <c r="I968" s="8">
        <v>2033</v>
      </c>
      <c r="J968" t="s">
        <v>47</v>
      </c>
      <c r="K968" s="10"/>
      <c r="M968" s="10"/>
      <c r="N968">
        <v>0</v>
      </c>
    </row>
    <row r="969" spans="1:14" hidden="1">
      <c r="A969" s="7" t="s">
        <v>10</v>
      </c>
      <c r="B969" s="8"/>
      <c r="C969" s="8" t="s">
        <v>86</v>
      </c>
      <c r="D969" t="s">
        <v>77</v>
      </c>
      <c r="E969" s="8" t="s">
        <v>12</v>
      </c>
      <c r="F969" t="s">
        <v>55</v>
      </c>
      <c r="G969" t="s">
        <v>78</v>
      </c>
      <c r="H969" t="s">
        <v>55</v>
      </c>
      <c r="I969" s="8">
        <v>2033</v>
      </c>
      <c r="J969" t="s">
        <v>48</v>
      </c>
      <c r="K969" s="10"/>
      <c r="M969" s="10"/>
      <c r="N969">
        <v>0</v>
      </c>
    </row>
    <row r="970" spans="1:14" hidden="1">
      <c r="A970" s="7" t="s">
        <v>10</v>
      </c>
      <c r="B970" s="8"/>
      <c r="C970" s="8" t="s">
        <v>86</v>
      </c>
      <c r="D970" t="s">
        <v>77</v>
      </c>
      <c r="E970" s="8" t="s">
        <v>12</v>
      </c>
      <c r="F970" t="s">
        <v>55</v>
      </c>
      <c r="G970" t="s">
        <v>78</v>
      </c>
      <c r="H970" t="s">
        <v>55</v>
      </c>
      <c r="I970" s="8">
        <v>2033</v>
      </c>
      <c r="J970" t="s">
        <v>14</v>
      </c>
      <c r="K970" s="10">
        <v>13597</v>
      </c>
      <c r="L970">
        <v>1856</v>
      </c>
      <c r="M970" s="10">
        <v>0</v>
      </c>
      <c r="N970">
        <v>0</v>
      </c>
    </row>
    <row r="971" spans="1:14" hidden="1">
      <c r="A971" s="7" t="s">
        <v>10</v>
      </c>
      <c r="B971" s="8"/>
      <c r="C971" s="8" t="s">
        <v>86</v>
      </c>
      <c r="D971" t="s">
        <v>77</v>
      </c>
      <c r="E971" s="8" t="s">
        <v>12</v>
      </c>
      <c r="F971" t="s">
        <v>55</v>
      </c>
      <c r="G971" t="s">
        <v>78</v>
      </c>
      <c r="H971" t="s">
        <v>55</v>
      </c>
      <c r="I971" s="8">
        <v>2033</v>
      </c>
      <c r="J971" t="s">
        <v>49</v>
      </c>
      <c r="K971" s="10"/>
      <c r="M971" s="10"/>
      <c r="N971">
        <v>0</v>
      </c>
    </row>
    <row r="972" spans="1:14" hidden="1">
      <c r="A972" s="7" t="s">
        <v>10</v>
      </c>
      <c r="B972" s="8"/>
      <c r="C972" s="8" t="s">
        <v>86</v>
      </c>
      <c r="D972" t="s">
        <v>77</v>
      </c>
      <c r="E972" s="8" t="s">
        <v>12</v>
      </c>
      <c r="F972" t="s">
        <v>55</v>
      </c>
      <c r="G972" t="s">
        <v>79</v>
      </c>
      <c r="H972" t="s">
        <v>55</v>
      </c>
      <c r="I972" s="8">
        <v>2033</v>
      </c>
      <c r="J972" t="s">
        <v>15</v>
      </c>
      <c r="K972" s="10">
        <v>16043</v>
      </c>
      <c r="L972">
        <v>5998</v>
      </c>
      <c r="M972" s="10">
        <v>16043</v>
      </c>
      <c r="N972">
        <v>0</v>
      </c>
    </row>
    <row r="973" spans="1:14" hidden="1">
      <c r="A973" s="7" t="s">
        <v>10</v>
      </c>
      <c r="B973" s="8"/>
      <c r="C973" s="8" t="s">
        <v>86</v>
      </c>
      <c r="D973" t="s">
        <v>77</v>
      </c>
      <c r="E973" s="8" t="s">
        <v>12</v>
      </c>
      <c r="F973" t="s">
        <v>55</v>
      </c>
      <c r="G973" t="s">
        <v>79</v>
      </c>
      <c r="H973" t="s">
        <v>55</v>
      </c>
      <c r="I973" s="8">
        <v>2033</v>
      </c>
      <c r="J973" t="s">
        <v>50</v>
      </c>
      <c r="K973" s="10"/>
      <c r="M973" s="10"/>
      <c r="N973">
        <v>0</v>
      </c>
    </row>
    <row r="974" spans="1:14" hidden="1">
      <c r="A974" s="7" t="s">
        <v>10</v>
      </c>
      <c r="B974" s="8"/>
      <c r="C974" s="8" t="s">
        <v>86</v>
      </c>
      <c r="D974" t="s">
        <v>77</v>
      </c>
      <c r="E974" s="8" t="s">
        <v>12</v>
      </c>
      <c r="F974" t="s">
        <v>55</v>
      </c>
      <c r="G974" t="s">
        <v>19</v>
      </c>
      <c r="H974" t="s">
        <v>55</v>
      </c>
      <c r="I974" s="8">
        <v>2033</v>
      </c>
      <c r="J974" t="s">
        <v>19</v>
      </c>
      <c r="K974" s="10"/>
      <c r="M974" s="10"/>
      <c r="N974">
        <v>0</v>
      </c>
    </row>
    <row r="975" spans="1:14" hidden="1">
      <c r="A975" s="7" t="s">
        <v>10</v>
      </c>
      <c r="B975" s="8"/>
      <c r="C975" s="8" t="s">
        <v>86</v>
      </c>
      <c r="D975" t="s">
        <v>77</v>
      </c>
      <c r="E975" s="8" t="s">
        <v>12</v>
      </c>
      <c r="F975" t="s">
        <v>55</v>
      </c>
      <c r="G975" t="s">
        <v>78</v>
      </c>
      <c r="H975" t="s">
        <v>55</v>
      </c>
      <c r="I975" s="8">
        <v>2033</v>
      </c>
      <c r="J975" t="s">
        <v>21</v>
      </c>
      <c r="K975" s="10"/>
      <c r="M975" s="10"/>
      <c r="N975">
        <v>0</v>
      </c>
    </row>
    <row r="976" spans="1:14" hidden="1">
      <c r="A976" s="7" t="s">
        <v>10</v>
      </c>
      <c r="B976" s="8"/>
      <c r="C976" s="8" t="s">
        <v>86</v>
      </c>
      <c r="D976" t="s">
        <v>77</v>
      </c>
      <c r="E976" s="8" t="s">
        <v>12</v>
      </c>
      <c r="F976" t="s">
        <v>55</v>
      </c>
      <c r="G976" t="s">
        <v>78</v>
      </c>
      <c r="H976" t="s">
        <v>55</v>
      </c>
      <c r="I976" s="8">
        <v>2033</v>
      </c>
      <c r="J976" t="s">
        <v>51</v>
      </c>
      <c r="K976" s="10"/>
      <c r="M976" s="10"/>
      <c r="N976">
        <v>0</v>
      </c>
    </row>
    <row r="977" spans="1:14" hidden="1">
      <c r="A977" s="7" t="s">
        <v>10</v>
      </c>
      <c r="B977" s="8"/>
      <c r="C977" s="8" t="s">
        <v>86</v>
      </c>
      <c r="D977" t="s">
        <v>77</v>
      </c>
      <c r="E977" s="8" t="s">
        <v>12</v>
      </c>
      <c r="F977" t="s">
        <v>55</v>
      </c>
      <c r="G977" t="s">
        <v>78</v>
      </c>
      <c r="H977" t="s">
        <v>55</v>
      </c>
      <c r="I977" s="8">
        <v>2034</v>
      </c>
      <c r="J977" t="s">
        <v>47</v>
      </c>
      <c r="K977" s="10"/>
      <c r="M977" s="10"/>
      <c r="N977">
        <v>0</v>
      </c>
    </row>
    <row r="978" spans="1:14" hidden="1">
      <c r="A978" s="7" t="s">
        <v>10</v>
      </c>
      <c r="B978" s="8"/>
      <c r="C978" s="8" t="s">
        <v>86</v>
      </c>
      <c r="D978" t="s">
        <v>77</v>
      </c>
      <c r="E978" s="8" t="s">
        <v>12</v>
      </c>
      <c r="F978" t="s">
        <v>55</v>
      </c>
      <c r="G978" t="s">
        <v>78</v>
      </c>
      <c r="H978" t="s">
        <v>55</v>
      </c>
      <c r="I978" s="8">
        <v>2034</v>
      </c>
      <c r="J978" t="s">
        <v>48</v>
      </c>
      <c r="K978" s="10"/>
      <c r="M978" s="10"/>
      <c r="N978">
        <v>0</v>
      </c>
    </row>
    <row r="979" spans="1:14" hidden="1">
      <c r="A979" s="7" t="s">
        <v>10</v>
      </c>
      <c r="B979" s="8"/>
      <c r="C979" s="8" t="s">
        <v>86</v>
      </c>
      <c r="D979" t="s">
        <v>77</v>
      </c>
      <c r="E979" s="8" t="s">
        <v>12</v>
      </c>
      <c r="F979" t="s">
        <v>55</v>
      </c>
      <c r="G979" t="s">
        <v>78</v>
      </c>
      <c r="H979" t="s">
        <v>55</v>
      </c>
      <c r="I979" s="8">
        <v>2034</v>
      </c>
      <c r="J979" t="s">
        <v>14</v>
      </c>
      <c r="K979" s="10">
        <v>13597</v>
      </c>
      <c r="L979">
        <v>1856</v>
      </c>
      <c r="M979" s="10">
        <v>0</v>
      </c>
      <c r="N979">
        <v>0</v>
      </c>
    </row>
    <row r="980" spans="1:14" hidden="1">
      <c r="A980" s="7" t="s">
        <v>10</v>
      </c>
      <c r="B980" s="8"/>
      <c r="C980" s="8" t="s">
        <v>86</v>
      </c>
      <c r="D980" t="s">
        <v>77</v>
      </c>
      <c r="E980" s="8" t="s">
        <v>12</v>
      </c>
      <c r="F980" t="s">
        <v>55</v>
      </c>
      <c r="G980" t="s">
        <v>78</v>
      </c>
      <c r="H980" t="s">
        <v>55</v>
      </c>
      <c r="I980" s="8">
        <v>2034</v>
      </c>
      <c r="J980" t="s">
        <v>49</v>
      </c>
      <c r="K980" s="10"/>
      <c r="M980" s="10"/>
      <c r="N980">
        <v>0</v>
      </c>
    </row>
    <row r="981" spans="1:14" hidden="1">
      <c r="A981" s="7" t="s">
        <v>10</v>
      </c>
      <c r="B981" s="8"/>
      <c r="C981" s="8" t="s">
        <v>86</v>
      </c>
      <c r="D981" t="s">
        <v>77</v>
      </c>
      <c r="E981" s="8" t="s">
        <v>12</v>
      </c>
      <c r="F981" t="s">
        <v>55</v>
      </c>
      <c r="G981" t="s">
        <v>79</v>
      </c>
      <c r="H981" t="s">
        <v>55</v>
      </c>
      <c r="I981" s="8">
        <v>2034</v>
      </c>
      <c r="J981" t="s">
        <v>15</v>
      </c>
      <c r="K981" s="10">
        <v>16043</v>
      </c>
      <c r="L981">
        <v>5998</v>
      </c>
      <c r="M981" s="10">
        <v>16043</v>
      </c>
      <c r="N981">
        <v>0</v>
      </c>
    </row>
    <row r="982" spans="1:14" hidden="1">
      <c r="A982" s="7" t="s">
        <v>10</v>
      </c>
      <c r="B982" s="8"/>
      <c r="C982" s="8" t="s">
        <v>86</v>
      </c>
      <c r="D982" t="s">
        <v>77</v>
      </c>
      <c r="E982" s="8" t="s">
        <v>12</v>
      </c>
      <c r="F982" t="s">
        <v>55</v>
      </c>
      <c r="G982" t="s">
        <v>79</v>
      </c>
      <c r="H982" t="s">
        <v>55</v>
      </c>
      <c r="I982" s="8">
        <v>2034</v>
      </c>
      <c r="J982" t="s">
        <v>50</v>
      </c>
      <c r="K982" s="10"/>
      <c r="M982" s="10"/>
      <c r="N982">
        <v>0</v>
      </c>
    </row>
    <row r="983" spans="1:14" hidden="1">
      <c r="A983" s="7" t="s">
        <v>10</v>
      </c>
      <c r="B983" s="8"/>
      <c r="C983" s="8" t="s">
        <v>86</v>
      </c>
      <c r="D983" t="s">
        <v>77</v>
      </c>
      <c r="E983" s="8" t="s">
        <v>12</v>
      </c>
      <c r="F983" t="s">
        <v>55</v>
      </c>
      <c r="G983" t="s">
        <v>19</v>
      </c>
      <c r="H983" t="s">
        <v>55</v>
      </c>
      <c r="I983" s="8">
        <v>2034</v>
      </c>
      <c r="J983" t="s">
        <v>19</v>
      </c>
      <c r="K983" s="10"/>
      <c r="M983" s="10"/>
      <c r="N983">
        <v>0</v>
      </c>
    </row>
    <row r="984" spans="1:14" hidden="1">
      <c r="A984" s="7" t="s">
        <v>10</v>
      </c>
      <c r="B984" s="8"/>
      <c r="C984" s="8" t="s">
        <v>86</v>
      </c>
      <c r="D984" t="s">
        <v>77</v>
      </c>
      <c r="E984" s="8" t="s">
        <v>12</v>
      </c>
      <c r="F984" t="s">
        <v>55</v>
      </c>
      <c r="G984" t="s">
        <v>78</v>
      </c>
      <c r="H984" t="s">
        <v>55</v>
      </c>
      <c r="I984" s="8">
        <v>2034</v>
      </c>
      <c r="J984" t="s">
        <v>21</v>
      </c>
      <c r="K984" s="10"/>
      <c r="M984" s="10"/>
      <c r="N984">
        <v>0</v>
      </c>
    </row>
    <row r="985" spans="1:14" hidden="1">
      <c r="A985" s="7" t="s">
        <v>10</v>
      </c>
      <c r="B985" s="8"/>
      <c r="C985" s="8" t="s">
        <v>86</v>
      </c>
      <c r="D985" t="s">
        <v>77</v>
      </c>
      <c r="E985" s="8" t="s">
        <v>12</v>
      </c>
      <c r="F985" t="s">
        <v>55</v>
      </c>
      <c r="G985" t="s">
        <v>78</v>
      </c>
      <c r="H985" t="s">
        <v>55</v>
      </c>
      <c r="I985" s="8">
        <v>2034</v>
      </c>
      <c r="J985" t="s">
        <v>51</v>
      </c>
      <c r="K985" s="10"/>
      <c r="M985" s="10"/>
      <c r="N985">
        <v>0</v>
      </c>
    </row>
    <row r="986" spans="1:14">
      <c r="A986" s="7" t="s">
        <v>10</v>
      </c>
      <c r="B986" s="8"/>
      <c r="C986" s="8" t="s">
        <v>87</v>
      </c>
      <c r="D986" t="s">
        <v>77</v>
      </c>
      <c r="E986" s="8" t="s">
        <v>12</v>
      </c>
      <c r="F986" t="s">
        <v>55</v>
      </c>
      <c r="G986" t="s">
        <v>78</v>
      </c>
      <c r="H986" t="s">
        <v>55</v>
      </c>
      <c r="I986" s="8">
        <v>2025</v>
      </c>
      <c r="J986" t="s">
        <v>47</v>
      </c>
      <c r="K986" s="10"/>
      <c r="M986" s="10"/>
      <c r="N986">
        <v>0</v>
      </c>
    </row>
    <row r="987" spans="1:14">
      <c r="A987" s="7" t="s">
        <v>10</v>
      </c>
      <c r="B987" s="8"/>
      <c r="C987" s="8" t="s">
        <v>87</v>
      </c>
      <c r="D987" t="s">
        <v>77</v>
      </c>
      <c r="E987" s="8" t="s">
        <v>12</v>
      </c>
      <c r="F987" t="s">
        <v>55</v>
      </c>
      <c r="G987" t="s">
        <v>78</v>
      </c>
      <c r="H987" t="s">
        <v>55</v>
      </c>
      <c r="I987" s="8">
        <v>2025</v>
      </c>
      <c r="J987" t="s">
        <v>48</v>
      </c>
      <c r="K987" s="10"/>
      <c r="M987" s="10"/>
      <c r="N987">
        <v>0</v>
      </c>
    </row>
    <row r="988" spans="1:14">
      <c r="A988" s="7" t="s">
        <v>10</v>
      </c>
      <c r="B988" s="8"/>
      <c r="C988" s="8" t="s">
        <v>87</v>
      </c>
      <c r="D988" t="s">
        <v>77</v>
      </c>
      <c r="E988" s="8" t="s">
        <v>12</v>
      </c>
      <c r="F988" t="s">
        <v>55</v>
      </c>
      <c r="G988" t="s">
        <v>78</v>
      </c>
      <c r="H988" t="s">
        <v>55</v>
      </c>
      <c r="I988" s="8">
        <v>2025</v>
      </c>
      <c r="J988" t="s">
        <v>14</v>
      </c>
      <c r="K988" s="10">
        <v>0</v>
      </c>
      <c r="L988">
        <v>0</v>
      </c>
      <c r="M988" s="10">
        <v>0</v>
      </c>
      <c r="N988">
        <v>0</v>
      </c>
    </row>
    <row r="989" spans="1:14">
      <c r="A989" s="7" t="s">
        <v>10</v>
      </c>
      <c r="B989" s="8"/>
      <c r="C989" s="8" t="s">
        <v>87</v>
      </c>
      <c r="D989" t="s">
        <v>77</v>
      </c>
      <c r="E989" s="8" t="s">
        <v>12</v>
      </c>
      <c r="F989" t="s">
        <v>55</v>
      </c>
      <c r="G989" t="s">
        <v>78</v>
      </c>
      <c r="H989" t="s">
        <v>55</v>
      </c>
      <c r="I989" s="8">
        <v>2025</v>
      </c>
      <c r="J989" t="s">
        <v>49</v>
      </c>
      <c r="K989" s="10"/>
      <c r="M989" s="10"/>
      <c r="N989">
        <v>0</v>
      </c>
    </row>
    <row r="990" spans="1:14">
      <c r="A990" s="7" t="s">
        <v>10</v>
      </c>
      <c r="B990" s="8"/>
      <c r="C990" s="8" t="s">
        <v>87</v>
      </c>
      <c r="D990" t="s">
        <v>77</v>
      </c>
      <c r="E990" s="8" t="s">
        <v>12</v>
      </c>
      <c r="F990" t="s">
        <v>55</v>
      </c>
      <c r="G990" t="s">
        <v>79</v>
      </c>
      <c r="H990" t="s">
        <v>55</v>
      </c>
      <c r="I990" s="8">
        <v>2025</v>
      </c>
      <c r="J990" t="s">
        <v>15</v>
      </c>
      <c r="K990" s="10">
        <v>0</v>
      </c>
      <c r="L990">
        <v>0</v>
      </c>
      <c r="M990" s="10">
        <v>0</v>
      </c>
      <c r="N990">
        <v>0</v>
      </c>
    </row>
    <row r="991" spans="1:14">
      <c r="A991" s="7" t="s">
        <v>10</v>
      </c>
      <c r="B991" s="8"/>
      <c r="C991" s="8" t="s">
        <v>87</v>
      </c>
      <c r="D991" t="s">
        <v>77</v>
      </c>
      <c r="E991" s="8" t="s">
        <v>12</v>
      </c>
      <c r="F991" t="s">
        <v>55</v>
      </c>
      <c r="G991" t="s">
        <v>79</v>
      </c>
      <c r="H991" t="s">
        <v>55</v>
      </c>
      <c r="I991" s="8">
        <v>2025</v>
      </c>
      <c r="J991" t="s">
        <v>50</v>
      </c>
      <c r="K991" s="10"/>
      <c r="M991" s="10"/>
      <c r="N991">
        <v>0</v>
      </c>
    </row>
    <row r="992" spans="1:14">
      <c r="A992" s="7" t="s">
        <v>10</v>
      </c>
      <c r="B992" s="8"/>
      <c r="C992" s="8" t="s">
        <v>87</v>
      </c>
      <c r="D992" t="s">
        <v>77</v>
      </c>
      <c r="E992" s="8" t="s">
        <v>12</v>
      </c>
      <c r="F992" t="s">
        <v>55</v>
      </c>
      <c r="G992" t="s">
        <v>19</v>
      </c>
      <c r="H992" t="s">
        <v>55</v>
      </c>
      <c r="I992" s="8">
        <v>2025</v>
      </c>
      <c r="J992" t="s">
        <v>19</v>
      </c>
      <c r="K992" s="10"/>
      <c r="M992" s="10"/>
      <c r="N992">
        <v>0</v>
      </c>
    </row>
    <row r="993" spans="1:14">
      <c r="A993" s="7" t="s">
        <v>10</v>
      </c>
      <c r="B993" s="8"/>
      <c r="C993" s="8" t="s">
        <v>87</v>
      </c>
      <c r="D993" t="s">
        <v>77</v>
      </c>
      <c r="E993" s="8" t="s">
        <v>12</v>
      </c>
      <c r="F993" t="s">
        <v>55</v>
      </c>
      <c r="G993" t="s">
        <v>78</v>
      </c>
      <c r="H993" t="s">
        <v>55</v>
      </c>
      <c r="I993" s="8">
        <v>2025</v>
      </c>
      <c r="J993" t="s">
        <v>21</v>
      </c>
      <c r="K993" s="10"/>
      <c r="M993" s="10"/>
      <c r="N993">
        <v>0</v>
      </c>
    </row>
    <row r="994" spans="1:14">
      <c r="A994" s="7" t="s">
        <v>10</v>
      </c>
      <c r="B994" s="8"/>
      <c r="C994" s="8" t="s">
        <v>87</v>
      </c>
      <c r="D994" t="s">
        <v>77</v>
      </c>
      <c r="E994" s="8" t="s">
        <v>12</v>
      </c>
      <c r="F994" t="s">
        <v>55</v>
      </c>
      <c r="G994" t="s">
        <v>78</v>
      </c>
      <c r="H994" t="s">
        <v>55</v>
      </c>
      <c r="I994" s="8">
        <v>2025</v>
      </c>
      <c r="J994" t="s">
        <v>51</v>
      </c>
      <c r="K994" s="10"/>
      <c r="M994" s="10"/>
      <c r="N994">
        <v>0</v>
      </c>
    </row>
    <row r="995" spans="1:14" hidden="1">
      <c r="A995" s="7" t="s">
        <v>10</v>
      </c>
      <c r="B995" s="8"/>
      <c r="C995" s="8" t="s">
        <v>87</v>
      </c>
      <c r="D995" t="s">
        <v>77</v>
      </c>
      <c r="E995" s="8" t="s">
        <v>12</v>
      </c>
      <c r="F995" t="s">
        <v>55</v>
      </c>
      <c r="G995" t="s">
        <v>78</v>
      </c>
      <c r="H995" t="s">
        <v>55</v>
      </c>
      <c r="I995" s="8">
        <v>2026</v>
      </c>
      <c r="J995" t="s">
        <v>47</v>
      </c>
      <c r="K995" s="10"/>
      <c r="M995" s="10"/>
      <c r="N995">
        <v>0</v>
      </c>
    </row>
    <row r="996" spans="1:14" hidden="1">
      <c r="A996" s="7" t="s">
        <v>10</v>
      </c>
      <c r="B996" s="8"/>
      <c r="C996" s="8" t="s">
        <v>87</v>
      </c>
      <c r="D996" t="s">
        <v>77</v>
      </c>
      <c r="E996" s="8" t="s">
        <v>12</v>
      </c>
      <c r="F996" t="s">
        <v>55</v>
      </c>
      <c r="G996" t="s">
        <v>78</v>
      </c>
      <c r="H996" t="s">
        <v>55</v>
      </c>
      <c r="I996" s="8">
        <v>2026</v>
      </c>
      <c r="J996" t="s">
        <v>48</v>
      </c>
      <c r="K996" s="10"/>
      <c r="M996" s="10"/>
      <c r="N996">
        <v>0</v>
      </c>
    </row>
    <row r="997" spans="1:14" hidden="1">
      <c r="A997" s="7" t="s">
        <v>10</v>
      </c>
      <c r="B997" s="8"/>
      <c r="C997" s="8" t="s">
        <v>87</v>
      </c>
      <c r="D997" t="s">
        <v>77</v>
      </c>
      <c r="E997" s="8" t="s">
        <v>12</v>
      </c>
      <c r="F997" t="s">
        <v>55</v>
      </c>
      <c r="G997" t="s">
        <v>78</v>
      </c>
      <c r="H997" t="s">
        <v>55</v>
      </c>
      <c r="I997" s="8">
        <v>2026</v>
      </c>
      <c r="J997" t="s">
        <v>14</v>
      </c>
      <c r="K997" s="10">
        <v>231</v>
      </c>
      <c r="L997">
        <v>24</v>
      </c>
      <c r="M997" s="10">
        <v>0</v>
      </c>
      <c r="N997">
        <v>0</v>
      </c>
    </row>
    <row r="998" spans="1:14" hidden="1">
      <c r="A998" s="7" t="s">
        <v>10</v>
      </c>
      <c r="B998" s="8"/>
      <c r="C998" s="8" t="s">
        <v>87</v>
      </c>
      <c r="D998" t="s">
        <v>77</v>
      </c>
      <c r="E998" s="8" t="s">
        <v>12</v>
      </c>
      <c r="F998" t="s">
        <v>55</v>
      </c>
      <c r="G998" t="s">
        <v>78</v>
      </c>
      <c r="H998" t="s">
        <v>55</v>
      </c>
      <c r="I998" s="8">
        <v>2026</v>
      </c>
      <c r="J998" t="s">
        <v>49</v>
      </c>
      <c r="K998" s="10"/>
      <c r="M998" s="10"/>
      <c r="N998">
        <v>0</v>
      </c>
    </row>
    <row r="999" spans="1:14" hidden="1">
      <c r="A999" s="7" t="s">
        <v>10</v>
      </c>
      <c r="B999" s="8"/>
      <c r="C999" s="8" t="s">
        <v>87</v>
      </c>
      <c r="D999" t="s">
        <v>77</v>
      </c>
      <c r="E999" s="8" t="s">
        <v>12</v>
      </c>
      <c r="F999" t="s">
        <v>55</v>
      </c>
      <c r="G999" t="s">
        <v>79</v>
      </c>
      <c r="H999" t="s">
        <v>55</v>
      </c>
      <c r="I999" s="8">
        <v>2026</v>
      </c>
      <c r="J999" t="s">
        <v>15</v>
      </c>
      <c r="K999" s="10">
        <v>79</v>
      </c>
      <c r="L999">
        <v>79</v>
      </c>
      <c r="M999" s="10">
        <v>0</v>
      </c>
      <c r="N999">
        <v>0</v>
      </c>
    </row>
    <row r="1000" spans="1:14" hidden="1">
      <c r="A1000" s="7" t="s">
        <v>10</v>
      </c>
      <c r="B1000" s="8"/>
      <c r="C1000" s="8" t="s">
        <v>87</v>
      </c>
      <c r="D1000" t="s">
        <v>77</v>
      </c>
      <c r="E1000" s="8" t="s">
        <v>12</v>
      </c>
      <c r="F1000" t="s">
        <v>55</v>
      </c>
      <c r="G1000" t="s">
        <v>79</v>
      </c>
      <c r="H1000" t="s">
        <v>55</v>
      </c>
      <c r="I1000" s="8">
        <v>2026</v>
      </c>
      <c r="J1000" t="s">
        <v>50</v>
      </c>
      <c r="K1000" s="10"/>
      <c r="M1000" s="10"/>
      <c r="N1000">
        <v>0</v>
      </c>
    </row>
    <row r="1001" spans="1:14" hidden="1">
      <c r="A1001" s="7" t="s">
        <v>10</v>
      </c>
      <c r="B1001" s="8"/>
      <c r="C1001" s="8" t="s">
        <v>87</v>
      </c>
      <c r="D1001" t="s">
        <v>77</v>
      </c>
      <c r="E1001" s="8" t="s">
        <v>12</v>
      </c>
      <c r="F1001" t="s">
        <v>55</v>
      </c>
      <c r="G1001" t="s">
        <v>19</v>
      </c>
      <c r="H1001" t="s">
        <v>55</v>
      </c>
      <c r="I1001" s="8">
        <v>2026</v>
      </c>
      <c r="J1001" t="s">
        <v>19</v>
      </c>
      <c r="K1001" s="10"/>
      <c r="M1001" s="10"/>
      <c r="N1001">
        <v>0</v>
      </c>
    </row>
    <row r="1002" spans="1:14" hidden="1">
      <c r="A1002" s="7" t="s">
        <v>10</v>
      </c>
      <c r="B1002" s="8"/>
      <c r="C1002" s="8" t="s">
        <v>87</v>
      </c>
      <c r="D1002" t="s">
        <v>77</v>
      </c>
      <c r="E1002" s="8" t="s">
        <v>12</v>
      </c>
      <c r="F1002" t="s">
        <v>55</v>
      </c>
      <c r="G1002" t="s">
        <v>78</v>
      </c>
      <c r="H1002" t="s">
        <v>55</v>
      </c>
      <c r="I1002" s="8">
        <v>2026</v>
      </c>
      <c r="J1002" t="s">
        <v>21</v>
      </c>
      <c r="K1002" s="10"/>
      <c r="M1002" s="10"/>
      <c r="N1002">
        <v>0</v>
      </c>
    </row>
    <row r="1003" spans="1:14" hidden="1">
      <c r="A1003" s="7" t="s">
        <v>10</v>
      </c>
      <c r="B1003" s="8"/>
      <c r="C1003" s="8" t="s">
        <v>87</v>
      </c>
      <c r="D1003" t="s">
        <v>77</v>
      </c>
      <c r="E1003" s="8" t="s">
        <v>12</v>
      </c>
      <c r="F1003" t="s">
        <v>55</v>
      </c>
      <c r="G1003" t="s">
        <v>78</v>
      </c>
      <c r="H1003" t="s">
        <v>55</v>
      </c>
      <c r="I1003" s="8">
        <v>2026</v>
      </c>
      <c r="J1003" t="s">
        <v>51</v>
      </c>
      <c r="K1003" s="10"/>
      <c r="M1003" s="10"/>
      <c r="N1003">
        <v>0</v>
      </c>
    </row>
    <row r="1004" spans="1:14" hidden="1">
      <c r="A1004" s="7" t="s">
        <v>10</v>
      </c>
      <c r="B1004" s="8"/>
      <c r="C1004" s="8" t="s">
        <v>87</v>
      </c>
      <c r="D1004" t="s">
        <v>77</v>
      </c>
      <c r="E1004" s="8" t="s">
        <v>12</v>
      </c>
      <c r="F1004" t="s">
        <v>55</v>
      </c>
      <c r="G1004" t="s">
        <v>78</v>
      </c>
      <c r="H1004" t="s">
        <v>55</v>
      </c>
      <c r="I1004" s="8">
        <v>2027</v>
      </c>
      <c r="J1004" t="s">
        <v>47</v>
      </c>
      <c r="K1004" s="10"/>
      <c r="M1004" s="10"/>
      <c r="N1004">
        <v>0</v>
      </c>
    </row>
    <row r="1005" spans="1:14" hidden="1">
      <c r="A1005" s="7" t="s">
        <v>10</v>
      </c>
      <c r="B1005" s="8"/>
      <c r="C1005" s="8" t="s">
        <v>87</v>
      </c>
      <c r="D1005" t="s">
        <v>77</v>
      </c>
      <c r="E1005" s="8" t="s">
        <v>12</v>
      </c>
      <c r="F1005" t="s">
        <v>55</v>
      </c>
      <c r="G1005" t="s">
        <v>78</v>
      </c>
      <c r="H1005" t="s">
        <v>55</v>
      </c>
      <c r="I1005" s="8">
        <v>2027</v>
      </c>
      <c r="J1005" t="s">
        <v>48</v>
      </c>
      <c r="K1005" s="10"/>
      <c r="M1005" s="10"/>
      <c r="N1005">
        <v>0</v>
      </c>
    </row>
    <row r="1006" spans="1:14" hidden="1">
      <c r="A1006" s="7" t="s">
        <v>10</v>
      </c>
      <c r="B1006" s="8"/>
      <c r="C1006" s="8" t="s">
        <v>87</v>
      </c>
      <c r="D1006" t="s">
        <v>77</v>
      </c>
      <c r="E1006" s="8" t="s">
        <v>12</v>
      </c>
      <c r="F1006" t="s">
        <v>55</v>
      </c>
      <c r="G1006" t="s">
        <v>78</v>
      </c>
      <c r="H1006" t="s">
        <v>55</v>
      </c>
      <c r="I1006" s="8">
        <v>2027</v>
      </c>
      <c r="J1006" t="s">
        <v>14</v>
      </c>
      <c r="K1006" s="10">
        <v>509</v>
      </c>
      <c r="L1006">
        <v>51</v>
      </c>
      <c r="M1006" s="10">
        <v>0</v>
      </c>
      <c r="N1006">
        <v>0</v>
      </c>
    </row>
    <row r="1007" spans="1:14" hidden="1">
      <c r="A1007" s="7" t="s">
        <v>10</v>
      </c>
      <c r="B1007" s="8"/>
      <c r="C1007" s="8" t="s">
        <v>87</v>
      </c>
      <c r="D1007" t="s">
        <v>77</v>
      </c>
      <c r="E1007" s="8" t="s">
        <v>12</v>
      </c>
      <c r="F1007" t="s">
        <v>55</v>
      </c>
      <c r="G1007" t="s">
        <v>78</v>
      </c>
      <c r="H1007" t="s">
        <v>55</v>
      </c>
      <c r="I1007" s="8">
        <v>2027</v>
      </c>
      <c r="J1007" t="s">
        <v>49</v>
      </c>
      <c r="K1007" s="10"/>
      <c r="M1007" s="10"/>
      <c r="N1007">
        <v>0</v>
      </c>
    </row>
    <row r="1008" spans="1:14" hidden="1">
      <c r="A1008" s="7" t="s">
        <v>10</v>
      </c>
      <c r="B1008" s="8"/>
      <c r="C1008" s="8" t="s">
        <v>87</v>
      </c>
      <c r="D1008" t="s">
        <v>77</v>
      </c>
      <c r="E1008" s="8" t="s">
        <v>12</v>
      </c>
      <c r="F1008" t="s">
        <v>55</v>
      </c>
      <c r="G1008" t="s">
        <v>79</v>
      </c>
      <c r="H1008" t="s">
        <v>55</v>
      </c>
      <c r="I1008" s="8">
        <v>2027</v>
      </c>
      <c r="J1008" t="s">
        <v>15</v>
      </c>
      <c r="K1008" s="10">
        <v>173</v>
      </c>
      <c r="L1008">
        <v>173</v>
      </c>
      <c r="M1008" s="10">
        <v>0</v>
      </c>
      <c r="N1008">
        <v>0</v>
      </c>
    </row>
    <row r="1009" spans="1:14" hidden="1">
      <c r="A1009" s="7" t="s">
        <v>10</v>
      </c>
      <c r="B1009" s="8"/>
      <c r="C1009" s="8" t="s">
        <v>87</v>
      </c>
      <c r="D1009" t="s">
        <v>77</v>
      </c>
      <c r="E1009" s="8" t="s">
        <v>12</v>
      </c>
      <c r="F1009" t="s">
        <v>55</v>
      </c>
      <c r="G1009" t="s">
        <v>79</v>
      </c>
      <c r="H1009" t="s">
        <v>55</v>
      </c>
      <c r="I1009" s="8">
        <v>2027</v>
      </c>
      <c r="J1009" t="s">
        <v>50</v>
      </c>
      <c r="K1009" s="10"/>
      <c r="M1009" s="10"/>
      <c r="N1009">
        <v>0</v>
      </c>
    </row>
    <row r="1010" spans="1:14" hidden="1">
      <c r="A1010" s="7" t="s">
        <v>10</v>
      </c>
      <c r="B1010" s="8"/>
      <c r="C1010" s="8" t="s">
        <v>87</v>
      </c>
      <c r="D1010" t="s">
        <v>77</v>
      </c>
      <c r="E1010" s="8" t="s">
        <v>12</v>
      </c>
      <c r="F1010" t="s">
        <v>55</v>
      </c>
      <c r="G1010" t="s">
        <v>19</v>
      </c>
      <c r="H1010" t="s">
        <v>55</v>
      </c>
      <c r="I1010" s="8">
        <v>2027</v>
      </c>
      <c r="J1010" t="s">
        <v>19</v>
      </c>
      <c r="K1010" s="10"/>
      <c r="M1010" s="10"/>
      <c r="N1010">
        <v>0</v>
      </c>
    </row>
    <row r="1011" spans="1:14" hidden="1">
      <c r="A1011" s="7" t="s">
        <v>10</v>
      </c>
      <c r="B1011" s="8"/>
      <c r="C1011" s="8" t="s">
        <v>87</v>
      </c>
      <c r="D1011" t="s">
        <v>77</v>
      </c>
      <c r="E1011" s="8" t="s">
        <v>12</v>
      </c>
      <c r="F1011" t="s">
        <v>55</v>
      </c>
      <c r="G1011" t="s">
        <v>78</v>
      </c>
      <c r="H1011" t="s">
        <v>55</v>
      </c>
      <c r="I1011" s="8">
        <v>2027</v>
      </c>
      <c r="J1011" t="s">
        <v>21</v>
      </c>
      <c r="K1011" s="10"/>
      <c r="M1011" s="10"/>
      <c r="N1011">
        <v>0</v>
      </c>
    </row>
    <row r="1012" spans="1:14" hidden="1">
      <c r="A1012" s="7" t="s">
        <v>10</v>
      </c>
      <c r="B1012" s="8"/>
      <c r="C1012" s="8" t="s">
        <v>87</v>
      </c>
      <c r="D1012" t="s">
        <v>77</v>
      </c>
      <c r="E1012" s="8" t="s">
        <v>12</v>
      </c>
      <c r="F1012" t="s">
        <v>55</v>
      </c>
      <c r="G1012" t="s">
        <v>78</v>
      </c>
      <c r="H1012" t="s">
        <v>55</v>
      </c>
      <c r="I1012" s="8">
        <v>2027</v>
      </c>
      <c r="J1012" t="s">
        <v>51</v>
      </c>
      <c r="K1012" s="10"/>
      <c r="M1012" s="10"/>
      <c r="N1012">
        <v>0</v>
      </c>
    </row>
    <row r="1013" spans="1:14" hidden="1">
      <c r="A1013" s="7" t="s">
        <v>10</v>
      </c>
      <c r="B1013" s="8"/>
      <c r="C1013" s="8" t="s">
        <v>87</v>
      </c>
      <c r="D1013" t="s">
        <v>77</v>
      </c>
      <c r="E1013" s="8" t="s">
        <v>12</v>
      </c>
      <c r="F1013" t="s">
        <v>55</v>
      </c>
      <c r="G1013" t="s">
        <v>78</v>
      </c>
      <c r="H1013" t="s">
        <v>55</v>
      </c>
      <c r="I1013" s="8">
        <v>2028</v>
      </c>
      <c r="J1013" t="s">
        <v>47</v>
      </c>
      <c r="K1013" s="10"/>
      <c r="M1013" s="10"/>
      <c r="N1013">
        <v>0</v>
      </c>
    </row>
    <row r="1014" spans="1:14" hidden="1">
      <c r="A1014" s="7" t="s">
        <v>10</v>
      </c>
      <c r="B1014" s="8"/>
      <c r="C1014" s="8" t="s">
        <v>87</v>
      </c>
      <c r="D1014" t="s">
        <v>77</v>
      </c>
      <c r="E1014" s="8" t="s">
        <v>12</v>
      </c>
      <c r="F1014" t="s">
        <v>55</v>
      </c>
      <c r="G1014" t="s">
        <v>78</v>
      </c>
      <c r="H1014" t="s">
        <v>55</v>
      </c>
      <c r="I1014" s="8">
        <v>2028</v>
      </c>
      <c r="J1014" t="s">
        <v>48</v>
      </c>
      <c r="K1014" s="10"/>
      <c r="M1014" s="10"/>
      <c r="N1014">
        <v>0</v>
      </c>
    </row>
    <row r="1015" spans="1:14" hidden="1">
      <c r="A1015" s="7" t="s">
        <v>10</v>
      </c>
      <c r="B1015" s="8"/>
      <c r="C1015" s="8" t="s">
        <v>87</v>
      </c>
      <c r="D1015" t="s">
        <v>77</v>
      </c>
      <c r="E1015" s="8" t="s">
        <v>12</v>
      </c>
      <c r="F1015" t="s">
        <v>55</v>
      </c>
      <c r="G1015" t="s">
        <v>78</v>
      </c>
      <c r="H1015" t="s">
        <v>55</v>
      </c>
      <c r="I1015" s="8">
        <v>2028</v>
      </c>
      <c r="J1015" t="s">
        <v>14</v>
      </c>
      <c r="K1015" s="10">
        <v>702</v>
      </c>
      <c r="L1015">
        <v>69</v>
      </c>
      <c r="M1015" s="10">
        <v>0</v>
      </c>
      <c r="N1015">
        <v>0</v>
      </c>
    </row>
    <row r="1016" spans="1:14" hidden="1">
      <c r="A1016" s="7" t="s">
        <v>10</v>
      </c>
      <c r="B1016" s="8"/>
      <c r="C1016" s="8" t="s">
        <v>87</v>
      </c>
      <c r="D1016" t="s">
        <v>77</v>
      </c>
      <c r="E1016" s="8" t="s">
        <v>12</v>
      </c>
      <c r="F1016" t="s">
        <v>55</v>
      </c>
      <c r="G1016" t="s">
        <v>78</v>
      </c>
      <c r="H1016" t="s">
        <v>55</v>
      </c>
      <c r="I1016" s="8">
        <v>2028</v>
      </c>
      <c r="J1016" t="s">
        <v>49</v>
      </c>
      <c r="K1016" s="10"/>
      <c r="M1016" s="10"/>
      <c r="N1016">
        <v>0</v>
      </c>
    </row>
    <row r="1017" spans="1:14" hidden="1">
      <c r="A1017" s="7" t="s">
        <v>10</v>
      </c>
      <c r="B1017" s="8"/>
      <c r="C1017" s="8" t="s">
        <v>87</v>
      </c>
      <c r="D1017" t="s">
        <v>77</v>
      </c>
      <c r="E1017" s="8" t="s">
        <v>12</v>
      </c>
      <c r="F1017" t="s">
        <v>55</v>
      </c>
      <c r="G1017" t="s">
        <v>79</v>
      </c>
      <c r="H1017" t="s">
        <v>55</v>
      </c>
      <c r="I1017" s="8">
        <v>2028</v>
      </c>
      <c r="J1017" t="s">
        <v>15</v>
      </c>
      <c r="K1017" s="10">
        <v>240</v>
      </c>
      <c r="L1017">
        <v>240</v>
      </c>
      <c r="M1017" s="10">
        <v>0</v>
      </c>
      <c r="N1017">
        <v>0</v>
      </c>
    </row>
    <row r="1018" spans="1:14" hidden="1">
      <c r="A1018" s="7" t="s">
        <v>10</v>
      </c>
      <c r="B1018" s="8"/>
      <c r="C1018" s="8" t="s">
        <v>87</v>
      </c>
      <c r="D1018" t="s">
        <v>77</v>
      </c>
      <c r="E1018" s="8" t="s">
        <v>12</v>
      </c>
      <c r="F1018" t="s">
        <v>55</v>
      </c>
      <c r="G1018" t="s">
        <v>79</v>
      </c>
      <c r="H1018" t="s">
        <v>55</v>
      </c>
      <c r="I1018" s="8">
        <v>2028</v>
      </c>
      <c r="J1018" t="s">
        <v>50</v>
      </c>
      <c r="K1018" s="10"/>
      <c r="M1018" s="10"/>
      <c r="N1018">
        <v>0</v>
      </c>
    </row>
    <row r="1019" spans="1:14" hidden="1">
      <c r="A1019" s="7" t="s">
        <v>10</v>
      </c>
      <c r="B1019" s="8"/>
      <c r="C1019" s="8" t="s">
        <v>87</v>
      </c>
      <c r="D1019" t="s">
        <v>77</v>
      </c>
      <c r="E1019" s="8" t="s">
        <v>12</v>
      </c>
      <c r="F1019" t="s">
        <v>55</v>
      </c>
      <c r="G1019" t="s">
        <v>19</v>
      </c>
      <c r="H1019" t="s">
        <v>55</v>
      </c>
      <c r="I1019" s="8">
        <v>2028</v>
      </c>
      <c r="J1019" t="s">
        <v>19</v>
      </c>
      <c r="K1019" s="10"/>
      <c r="M1019" s="10"/>
      <c r="N1019">
        <v>0</v>
      </c>
    </row>
    <row r="1020" spans="1:14" hidden="1">
      <c r="A1020" s="7" t="s">
        <v>10</v>
      </c>
      <c r="B1020" s="8"/>
      <c r="C1020" s="8" t="s">
        <v>87</v>
      </c>
      <c r="D1020" t="s">
        <v>77</v>
      </c>
      <c r="E1020" s="8" t="s">
        <v>12</v>
      </c>
      <c r="F1020" t="s">
        <v>55</v>
      </c>
      <c r="G1020" t="s">
        <v>78</v>
      </c>
      <c r="H1020" t="s">
        <v>55</v>
      </c>
      <c r="I1020" s="8">
        <v>2028</v>
      </c>
      <c r="J1020" t="s">
        <v>21</v>
      </c>
      <c r="K1020" s="10"/>
      <c r="M1020" s="10"/>
      <c r="N1020">
        <v>0</v>
      </c>
    </row>
    <row r="1021" spans="1:14" hidden="1">
      <c r="A1021" s="7" t="s">
        <v>10</v>
      </c>
      <c r="B1021" s="8"/>
      <c r="C1021" s="8" t="s">
        <v>87</v>
      </c>
      <c r="D1021" t="s">
        <v>77</v>
      </c>
      <c r="E1021" s="8" t="s">
        <v>12</v>
      </c>
      <c r="F1021" t="s">
        <v>55</v>
      </c>
      <c r="G1021" t="s">
        <v>78</v>
      </c>
      <c r="H1021" t="s">
        <v>55</v>
      </c>
      <c r="I1021" s="8">
        <v>2028</v>
      </c>
      <c r="J1021" t="s">
        <v>51</v>
      </c>
      <c r="K1021" s="10"/>
      <c r="M1021" s="10"/>
      <c r="N1021">
        <v>0</v>
      </c>
    </row>
    <row r="1022" spans="1:14" hidden="1">
      <c r="A1022" s="7" t="s">
        <v>10</v>
      </c>
      <c r="B1022" s="8"/>
      <c r="C1022" s="8" t="s">
        <v>87</v>
      </c>
      <c r="D1022" t="s">
        <v>77</v>
      </c>
      <c r="E1022" s="8" t="s">
        <v>12</v>
      </c>
      <c r="F1022" t="s">
        <v>55</v>
      </c>
      <c r="G1022" t="s">
        <v>78</v>
      </c>
      <c r="H1022" t="s">
        <v>55</v>
      </c>
      <c r="I1022" s="8">
        <v>2029</v>
      </c>
      <c r="J1022" t="s">
        <v>47</v>
      </c>
      <c r="K1022" s="10"/>
      <c r="M1022" s="10"/>
      <c r="N1022">
        <v>0</v>
      </c>
    </row>
    <row r="1023" spans="1:14" hidden="1">
      <c r="A1023" s="7" t="s">
        <v>10</v>
      </c>
      <c r="B1023" s="8"/>
      <c r="C1023" s="8" t="s">
        <v>87</v>
      </c>
      <c r="D1023" t="s">
        <v>77</v>
      </c>
      <c r="E1023" s="8" t="s">
        <v>12</v>
      </c>
      <c r="F1023" t="s">
        <v>55</v>
      </c>
      <c r="G1023" t="s">
        <v>78</v>
      </c>
      <c r="H1023" t="s">
        <v>55</v>
      </c>
      <c r="I1023" s="8">
        <v>2029</v>
      </c>
      <c r="J1023" t="s">
        <v>48</v>
      </c>
      <c r="K1023" s="10"/>
      <c r="M1023" s="10"/>
      <c r="N1023">
        <v>0</v>
      </c>
    </row>
    <row r="1024" spans="1:14" hidden="1">
      <c r="A1024" s="7" t="s">
        <v>10</v>
      </c>
      <c r="B1024" s="8"/>
      <c r="C1024" s="8" t="s">
        <v>87</v>
      </c>
      <c r="D1024" t="s">
        <v>77</v>
      </c>
      <c r="E1024" s="8" t="s">
        <v>12</v>
      </c>
      <c r="F1024" t="s">
        <v>55</v>
      </c>
      <c r="G1024" t="s">
        <v>78</v>
      </c>
      <c r="H1024" t="s">
        <v>55</v>
      </c>
      <c r="I1024" s="8">
        <v>2029</v>
      </c>
      <c r="J1024" t="s">
        <v>14</v>
      </c>
      <c r="K1024" s="10">
        <v>814</v>
      </c>
      <c r="L1024">
        <v>80</v>
      </c>
      <c r="M1024" s="10">
        <v>0</v>
      </c>
      <c r="N1024">
        <v>0</v>
      </c>
    </row>
    <row r="1025" spans="1:14" hidden="1">
      <c r="A1025" s="7" t="s">
        <v>10</v>
      </c>
      <c r="B1025" s="8"/>
      <c r="C1025" s="8" t="s">
        <v>87</v>
      </c>
      <c r="D1025" t="s">
        <v>77</v>
      </c>
      <c r="E1025" s="8" t="s">
        <v>12</v>
      </c>
      <c r="F1025" t="s">
        <v>55</v>
      </c>
      <c r="G1025" t="s">
        <v>78</v>
      </c>
      <c r="H1025" t="s">
        <v>55</v>
      </c>
      <c r="I1025" s="8">
        <v>2029</v>
      </c>
      <c r="J1025" t="s">
        <v>49</v>
      </c>
      <c r="K1025" s="10"/>
      <c r="M1025" s="10"/>
      <c r="N1025">
        <v>0</v>
      </c>
    </row>
    <row r="1026" spans="1:14" hidden="1">
      <c r="A1026" s="7" t="s">
        <v>10</v>
      </c>
      <c r="B1026" s="8"/>
      <c r="C1026" s="8" t="s">
        <v>87</v>
      </c>
      <c r="D1026" t="s">
        <v>77</v>
      </c>
      <c r="E1026" s="8" t="s">
        <v>12</v>
      </c>
      <c r="F1026" t="s">
        <v>55</v>
      </c>
      <c r="G1026" t="s">
        <v>79</v>
      </c>
      <c r="H1026" t="s">
        <v>55</v>
      </c>
      <c r="I1026" s="8">
        <v>2029</v>
      </c>
      <c r="J1026" t="s">
        <v>15</v>
      </c>
      <c r="K1026" s="10">
        <v>278</v>
      </c>
      <c r="L1026">
        <v>278</v>
      </c>
      <c r="M1026" s="10">
        <v>0</v>
      </c>
      <c r="N1026">
        <v>0</v>
      </c>
    </row>
    <row r="1027" spans="1:14" hidden="1">
      <c r="A1027" s="7" t="s">
        <v>10</v>
      </c>
      <c r="B1027" s="8"/>
      <c r="C1027" s="8" t="s">
        <v>87</v>
      </c>
      <c r="D1027" t="s">
        <v>77</v>
      </c>
      <c r="E1027" s="8" t="s">
        <v>12</v>
      </c>
      <c r="F1027" t="s">
        <v>55</v>
      </c>
      <c r="G1027" t="s">
        <v>79</v>
      </c>
      <c r="H1027" t="s">
        <v>55</v>
      </c>
      <c r="I1027" s="8">
        <v>2029</v>
      </c>
      <c r="J1027" t="s">
        <v>50</v>
      </c>
      <c r="K1027" s="10"/>
      <c r="M1027" s="10"/>
      <c r="N1027">
        <v>0</v>
      </c>
    </row>
    <row r="1028" spans="1:14" hidden="1">
      <c r="A1028" s="7" t="s">
        <v>10</v>
      </c>
      <c r="B1028" s="8"/>
      <c r="C1028" s="8" t="s">
        <v>87</v>
      </c>
      <c r="D1028" t="s">
        <v>77</v>
      </c>
      <c r="E1028" s="8" t="s">
        <v>12</v>
      </c>
      <c r="F1028" t="s">
        <v>55</v>
      </c>
      <c r="G1028" t="s">
        <v>19</v>
      </c>
      <c r="H1028" t="s">
        <v>55</v>
      </c>
      <c r="I1028" s="8">
        <v>2029</v>
      </c>
      <c r="J1028" t="s">
        <v>19</v>
      </c>
      <c r="K1028" s="10"/>
      <c r="M1028" s="10"/>
      <c r="N1028">
        <v>0</v>
      </c>
    </row>
    <row r="1029" spans="1:14" hidden="1">
      <c r="A1029" s="7" t="s">
        <v>10</v>
      </c>
      <c r="B1029" s="8"/>
      <c r="C1029" s="8" t="s">
        <v>87</v>
      </c>
      <c r="D1029" t="s">
        <v>77</v>
      </c>
      <c r="E1029" s="8" t="s">
        <v>12</v>
      </c>
      <c r="F1029" t="s">
        <v>55</v>
      </c>
      <c r="G1029" t="s">
        <v>78</v>
      </c>
      <c r="H1029" t="s">
        <v>55</v>
      </c>
      <c r="I1029" s="8">
        <v>2029</v>
      </c>
      <c r="J1029" t="s">
        <v>21</v>
      </c>
      <c r="K1029" s="10"/>
      <c r="M1029" s="10"/>
      <c r="N1029">
        <v>0</v>
      </c>
    </row>
    <row r="1030" spans="1:14" hidden="1">
      <c r="A1030" s="7" t="s">
        <v>10</v>
      </c>
      <c r="B1030" s="8"/>
      <c r="C1030" s="8" t="s">
        <v>87</v>
      </c>
      <c r="D1030" t="s">
        <v>77</v>
      </c>
      <c r="E1030" s="8" t="s">
        <v>12</v>
      </c>
      <c r="F1030" t="s">
        <v>55</v>
      </c>
      <c r="G1030" t="s">
        <v>78</v>
      </c>
      <c r="H1030" t="s">
        <v>55</v>
      </c>
      <c r="I1030" s="8">
        <v>2029</v>
      </c>
      <c r="J1030" t="s">
        <v>51</v>
      </c>
      <c r="K1030" s="10"/>
      <c r="M1030" s="10"/>
      <c r="N1030">
        <v>0</v>
      </c>
    </row>
    <row r="1031" spans="1:14" hidden="1">
      <c r="A1031" s="7" t="s">
        <v>10</v>
      </c>
      <c r="B1031" s="8"/>
      <c r="C1031" s="8" t="s">
        <v>87</v>
      </c>
      <c r="D1031" t="s">
        <v>77</v>
      </c>
      <c r="E1031" s="8" t="s">
        <v>12</v>
      </c>
      <c r="F1031" t="s">
        <v>55</v>
      </c>
      <c r="G1031" t="s">
        <v>78</v>
      </c>
      <c r="H1031" t="s">
        <v>55</v>
      </c>
      <c r="I1031" s="8">
        <v>2030</v>
      </c>
      <c r="J1031" t="s">
        <v>47</v>
      </c>
      <c r="K1031" s="10"/>
      <c r="M1031" s="10"/>
      <c r="N1031">
        <v>0</v>
      </c>
    </row>
    <row r="1032" spans="1:14" hidden="1">
      <c r="A1032" s="7" t="s">
        <v>10</v>
      </c>
      <c r="B1032" s="8"/>
      <c r="C1032" s="8" t="s">
        <v>87</v>
      </c>
      <c r="D1032" t="s">
        <v>77</v>
      </c>
      <c r="E1032" s="8" t="s">
        <v>12</v>
      </c>
      <c r="F1032" t="s">
        <v>55</v>
      </c>
      <c r="G1032" t="s">
        <v>78</v>
      </c>
      <c r="H1032" t="s">
        <v>55</v>
      </c>
      <c r="I1032" s="8">
        <v>2030</v>
      </c>
      <c r="J1032" t="s">
        <v>48</v>
      </c>
      <c r="K1032" s="10"/>
      <c r="M1032" s="10"/>
      <c r="N1032">
        <v>0</v>
      </c>
    </row>
    <row r="1033" spans="1:14" hidden="1">
      <c r="A1033" s="7" t="s">
        <v>10</v>
      </c>
      <c r="B1033" s="8"/>
      <c r="C1033" s="8" t="s">
        <v>87</v>
      </c>
      <c r="D1033" t="s">
        <v>77</v>
      </c>
      <c r="E1033" s="8" t="s">
        <v>12</v>
      </c>
      <c r="F1033" t="s">
        <v>55</v>
      </c>
      <c r="G1033" t="s">
        <v>78</v>
      </c>
      <c r="H1033" t="s">
        <v>55</v>
      </c>
      <c r="I1033" s="8">
        <v>2030</v>
      </c>
      <c r="J1033" t="s">
        <v>14</v>
      </c>
      <c r="K1033" s="10">
        <v>911</v>
      </c>
      <c r="L1033">
        <v>89</v>
      </c>
      <c r="M1033" s="10">
        <v>0</v>
      </c>
      <c r="N1033">
        <v>0</v>
      </c>
    </row>
    <row r="1034" spans="1:14" hidden="1">
      <c r="A1034" s="7" t="s">
        <v>10</v>
      </c>
      <c r="B1034" s="8"/>
      <c r="C1034" s="8" t="s">
        <v>87</v>
      </c>
      <c r="D1034" t="s">
        <v>77</v>
      </c>
      <c r="E1034" s="8" t="s">
        <v>12</v>
      </c>
      <c r="F1034" t="s">
        <v>55</v>
      </c>
      <c r="G1034" t="s">
        <v>78</v>
      </c>
      <c r="H1034" t="s">
        <v>55</v>
      </c>
      <c r="I1034" s="8">
        <v>2030</v>
      </c>
      <c r="J1034" t="s">
        <v>49</v>
      </c>
      <c r="K1034" s="10"/>
      <c r="M1034" s="10"/>
      <c r="N1034">
        <v>0</v>
      </c>
    </row>
    <row r="1035" spans="1:14" hidden="1">
      <c r="A1035" s="7" t="s">
        <v>10</v>
      </c>
      <c r="B1035" s="8"/>
      <c r="C1035" s="8" t="s">
        <v>87</v>
      </c>
      <c r="D1035" t="s">
        <v>77</v>
      </c>
      <c r="E1035" s="8" t="s">
        <v>12</v>
      </c>
      <c r="F1035" t="s">
        <v>55</v>
      </c>
      <c r="G1035" t="s">
        <v>79</v>
      </c>
      <c r="H1035" t="s">
        <v>55</v>
      </c>
      <c r="I1035" s="8">
        <v>2030</v>
      </c>
      <c r="J1035" t="s">
        <v>15</v>
      </c>
      <c r="K1035" s="10">
        <v>311</v>
      </c>
      <c r="L1035">
        <v>311</v>
      </c>
      <c r="M1035" s="10">
        <v>0</v>
      </c>
      <c r="N1035">
        <v>0</v>
      </c>
    </row>
    <row r="1036" spans="1:14" hidden="1">
      <c r="A1036" s="7" t="s">
        <v>10</v>
      </c>
      <c r="B1036" s="8"/>
      <c r="C1036" s="8" t="s">
        <v>87</v>
      </c>
      <c r="D1036" t="s">
        <v>77</v>
      </c>
      <c r="E1036" s="8" t="s">
        <v>12</v>
      </c>
      <c r="F1036" t="s">
        <v>55</v>
      </c>
      <c r="G1036" t="s">
        <v>79</v>
      </c>
      <c r="H1036" t="s">
        <v>55</v>
      </c>
      <c r="I1036" s="8">
        <v>2030</v>
      </c>
      <c r="J1036" t="s">
        <v>50</v>
      </c>
      <c r="K1036" s="10"/>
      <c r="M1036" s="10"/>
      <c r="N1036">
        <v>0</v>
      </c>
    </row>
    <row r="1037" spans="1:14" hidden="1">
      <c r="A1037" s="7" t="s">
        <v>10</v>
      </c>
      <c r="B1037" s="8"/>
      <c r="C1037" s="8" t="s">
        <v>87</v>
      </c>
      <c r="D1037" t="s">
        <v>77</v>
      </c>
      <c r="E1037" s="8" t="s">
        <v>12</v>
      </c>
      <c r="F1037" t="s">
        <v>55</v>
      </c>
      <c r="G1037" t="s">
        <v>19</v>
      </c>
      <c r="H1037" t="s">
        <v>55</v>
      </c>
      <c r="I1037" s="8">
        <v>2030</v>
      </c>
      <c r="J1037" t="s">
        <v>19</v>
      </c>
      <c r="K1037" s="10"/>
      <c r="M1037" s="10"/>
      <c r="N1037">
        <v>0</v>
      </c>
    </row>
    <row r="1038" spans="1:14" hidden="1">
      <c r="A1038" s="7" t="s">
        <v>10</v>
      </c>
      <c r="B1038" s="8"/>
      <c r="C1038" s="8" t="s">
        <v>87</v>
      </c>
      <c r="D1038" t="s">
        <v>77</v>
      </c>
      <c r="E1038" s="8" t="s">
        <v>12</v>
      </c>
      <c r="F1038" t="s">
        <v>55</v>
      </c>
      <c r="G1038" t="s">
        <v>78</v>
      </c>
      <c r="H1038" t="s">
        <v>55</v>
      </c>
      <c r="I1038" s="8">
        <v>2030</v>
      </c>
      <c r="J1038" t="s">
        <v>21</v>
      </c>
      <c r="K1038" s="10"/>
      <c r="M1038" s="10"/>
      <c r="N1038">
        <v>0</v>
      </c>
    </row>
    <row r="1039" spans="1:14" hidden="1">
      <c r="A1039" s="7" t="s">
        <v>10</v>
      </c>
      <c r="B1039" s="8"/>
      <c r="C1039" s="8" t="s">
        <v>87</v>
      </c>
      <c r="D1039" t="s">
        <v>77</v>
      </c>
      <c r="E1039" s="8" t="s">
        <v>12</v>
      </c>
      <c r="F1039" t="s">
        <v>55</v>
      </c>
      <c r="G1039" t="s">
        <v>78</v>
      </c>
      <c r="H1039" t="s">
        <v>55</v>
      </c>
      <c r="I1039" s="8">
        <v>2030</v>
      </c>
      <c r="J1039" t="s">
        <v>51</v>
      </c>
      <c r="K1039" s="10"/>
      <c r="M1039" s="10"/>
      <c r="N1039">
        <v>0</v>
      </c>
    </row>
    <row r="1040" spans="1:14" hidden="1">
      <c r="A1040" s="7" t="s">
        <v>10</v>
      </c>
      <c r="B1040" s="8"/>
      <c r="C1040" s="8" t="s">
        <v>87</v>
      </c>
      <c r="D1040" t="s">
        <v>77</v>
      </c>
      <c r="E1040" s="8" t="s">
        <v>12</v>
      </c>
      <c r="F1040" t="s">
        <v>55</v>
      </c>
      <c r="G1040" t="s">
        <v>78</v>
      </c>
      <c r="H1040" t="s">
        <v>55</v>
      </c>
      <c r="I1040" s="8">
        <v>2031</v>
      </c>
      <c r="J1040" t="s">
        <v>47</v>
      </c>
      <c r="K1040" s="10"/>
      <c r="M1040" s="10"/>
      <c r="N1040">
        <v>0</v>
      </c>
    </row>
    <row r="1041" spans="1:14" hidden="1">
      <c r="A1041" s="7" t="s">
        <v>10</v>
      </c>
      <c r="B1041" s="8"/>
      <c r="C1041" s="8" t="s">
        <v>87</v>
      </c>
      <c r="D1041" t="s">
        <v>77</v>
      </c>
      <c r="E1041" s="8" t="s">
        <v>12</v>
      </c>
      <c r="F1041" t="s">
        <v>55</v>
      </c>
      <c r="G1041" t="s">
        <v>78</v>
      </c>
      <c r="H1041" t="s">
        <v>55</v>
      </c>
      <c r="I1041" s="8">
        <v>2031</v>
      </c>
      <c r="J1041" t="s">
        <v>48</v>
      </c>
      <c r="K1041" s="10"/>
      <c r="M1041" s="10"/>
      <c r="N1041">
        <v>0</v>
      </c>
    </row>
    <row r="1042" spans="1:14" hidden="1">
      <c r="A1042" s="7" t="s">
        <v>10</v>
      </c>
      <c r="B1042" s="8"/>
      <c r="C1042" s="8" t="s">
        <v>87</v>
      </c>
      <c r="D1042" t="s">
        <v>77</v>
      </c>
      <c r="E1042" s="8" t="s">
        <v>12</v>
      </c>
      <c r="F1042" t="s">
        <v>55</v>
      </c>
      <c r="G1042" t="s">
        <v>78</v>
      </c>
      <c r="H1042" t="s">
        <v>55</v>
      </c>
      <c r="I1042" s="8">
        <v>2031</v>
      </c>
      <c r="J1042" t="s">
        <v>14</v>
      </c>
      <c r="K1042" s="10">
        <v>953</v>
      </c>
      <c r="L1042">
        <v>92</v>
      </c>
      <c r="M1042" s="10">
        <v>0</v>
      </c>
      <c r="N1042">
        <v>0</v>
      </c>
    </row>
    <row r="1043" spans="1:14" hidden="1">
      <c r="A1043" s="7" t="s">
        <v>10</v>
      </c>
      <c r="B1043" s="8"/>
      <c r="C1043" s="8" t="s">
        <v>87</v>
      </c>
      <c r="D1043" t="s">
        <v>77</v>
      </c>
      <c r="E1043" s="8" t="s">
        <v>12</v>
      </c>
      <c r="F1043" t="s">
        <v>55</v>
      </c>
      <c r="G1043" t="s">
        <v>78</v>
      </c>
      <c r="H1043" t="s">
        <v>55</v>
      </c>
      <c r="I1043" s="8">
        <v>2031</v>
      </c>
      <c r="J1043" t="s">
        <v>49</v>
      </c>
      <c r="K1043" s="10"/>
      <c r="M1043" s="10"/>
      <c r="N1043">
        <v>0</v>
      </c>
    </row>
    <row r="1044" spans="1:14" hidden="1">
      <c r="A1044" s="7" t="s">
        <v>10</v>
      </c>
      <c r="B1044" s="8"/>
      <c r="C1044" s="8" t="s">
        <v>87</v>
      </c>
      <c r="D1044" t="s">
        <v>77</v>
      </c>
      <c r="E1044" s="8" t="s">
        <v>12</v>
      </c>
      <c r="F1044" t="s">
        <v>55</v>
      </c>
      <c r="G1044" t="s">
        <v>79</v>
      </c>
      <c r="H1044" t="s">
        <v>55</v>
      </c>
      <c r="I1044" s="8">
        <v>2031</v>
      </c>
      <c r="J1044" t="s">
        <v>15</v>
      </c>
      <c r="K1044" s="10">
        <v>325</v>
      </c>
      <c r="L1044">
        <v>325</v>
      </c>
      <c r="M1044" s="10">
        <v>0</v>
      </c>
      <c r="N1044">
        <v>0</v>
      </c>
    </row>
    <row r="1045" spans="1:14" hidden="1">
      <c r="A1045" s="7" t="s">
        <v>10</v>
      </c>
      <c r="B1045" s="8"/>
      <c r="C1045" s="8" t="s">
        <v>87</v>
      </c>
      <c r="D1045" t="s">
        <v>77</v>
      </c>
      <c r="E1045" s="8" t="s">
        <v>12</v>
      </c>
      <c r="F1045" t="s">
        <v>55</v>
      </c>
      <c r="G1045" t="s">
        <v>79</v>
      </c>
      <c r="H1045" t="s">
        <v>55</v>
      </c>
      <c r="I1045" s="8">
        <v>2031</v>
      </c>
      <c r="J1045" t="s">
        <v>50</v>
      </c>
      <c r="K1045" s="10"/>
      <c r="M1045" s="10"/>
      <c r="N1045">
        <v>0</v>
      </c>
    </row>
    <row r="1046" spans="1:14" hidden="1">
      <c r="A1046" s="7" t="s">
        <v>10</v>
      </c>
      <c r="B1046" s="8"/>
      <c r="C1046" s="8" t="s">
        <v>87</v>
      </c>
      <c r="D1046" t="s">
        <v>77</v>
      </c>
      <c r="E1046" s="8" t="s">
        <v>12</v>
      </c>
      <c r="F1046" t="s">
        <v>55</v>
      </c>
      <c r="G1046" t="s">
        <v>19</v>
      </c>
      <c r="H1046" t="s">
        <v>55</v>
      </c>
      <c r="I1046" s="8">
        <v>2031</v>
      </c>
      <c r="J1046" t="s">
        <v>19</v>
      </c>
      <c r="K1046" s="10"/>
      <c r="M1046" s="10"/>
      <c r="N1046">
        <v>0</v>
      </c>
    </row>
    <row r="1047" spans="1:14" hidden="1">
      <c r="A1047" s="7" t="s">
        <v>10</v>
      </c>
      <c r="B1047" s="8"/>
      <c r="C1047" s="8" t="s">
        <v>87</v>
      </c>
      <c r="D1047" t="s">
        <v>77</v>
      </c>
      <c r="E1047" s="8" t="s">
        <v>12</v>
      </c>
      <c r="F1047" t="s">
        <v>55</v>
      </c>
      <c r="G1047" t="s">
        <v>78</v>
      </c>
      <c r="H1047" t="s">
        <v>55</v>
      </c>
      <c r="I1047" s="8">
        <v>2031</v>
      </c>
      <c r="J1047" t="s">
        <v>21</v>
      </c>
      <c r="K1047" s="10"/>
      <c r="M1047" s="10"/>
      <c r="N1047">
        <v>0</v>
      </c>
    </row>
    <row r="1048" spans="1:14" hidden="1">
      <c r="A1048" s="7" t="s">
        <v>10</v>
      </c>
      <c r="B1048" s="8"/>
      <c r="C1048" s="8" t="s">
        <v>87</v>
      </c>
      <c r="D1048" t="s">
        <v>77</v>
      </c>
      <c r="E1048" s="8" t="s">
        <v>12</v>
      </c>
      <c r="F1048" t="s">
        <v>55</v>
      </c>
      <c r="G1048" t="s">
        <v>78</v>
      </c>
      <c r="H1048" t="s">
        <v>55</v>
      </c>
      <c r="I1048" s="8">
        <v>2031</v>
      </c>
      <c r="J1048" t="s">
        <v>51</v>
      </c>
      <c r="K1048" s="10"/>
      <c r="M1048" s="10"/>
      <c r="N1048">
        <v>0</v>
      </c>
    </row>
    <row r="1049" spans="1:14" hidden="1">
      <c r="A1049" s="7" t="s">
        <v>10</v>
      </c>
      <c r="B1049" s="8"/>
      <c r="C1049" s="8" t="s">
        <v>87</v>
      </c>
      <c r="D1049" t="s">
        <v>77</v>
      </c>
      <c r="E1049" s="8" t="s">
        <v>12</v>
      </c>
      <c r="F1049" t="s">
        <v>55</v>
      </c>
      <c r="G1049" t="s">
        <v>78</v>
      </c>
      <c r="H1049" t="s">
        <v>55</v>
      </c>
      <c r="I1049" s="8">
        <v>2032</v>
      </c>
      <c r="J1049" t="s">
        <v>47</v>
      </c>
      <c r="K1049" s="10"/>
      <c r="M1049" s="10"/>
      <c r="N1049">
        <v>0</v>
      </c>
    </row>
    <row r="1050" spans="1:14" hidden="1">
      <c r="A1050" s="7" t="s">
        <v>10</v>
      </c>
      <c r="B1050" s="8"/>
      <c r="C1050" s="8" t="s">
        <v>87</v>
      </c>
      <c r="D1050" t="s">
        <v>77</v>
      </c>
      <c r="E1050" s="8" t="s">
        <v>12</v>
      </c>
      <c r="F1050" t="s">
        <v>55</v>
      </c>
      <c r="G1050" t="s">
        <v>78</v>
      </c>
      <c r="H1050" t="s">
        <v>55</v>
      </c>
      <c r="I1050" s="8">
        <v>2032</v>
      </c>
      <c r="J1050" t="s">
        <v>48</v>
      </c>
      <c r="K1050" s="10"/>
      <c r="M1050" s="10"/>
      <c r="N1050">
        <v>0</v>
      </c>
    </row>
    <row r="1051" spans="1:14" hidden="1">
      <c r="A1051" s="7" t="s">
        <v>10</v>
      </c>
      <c r="B1051" s="8"/>
      <c r="C1051" s="8" t="s">
        <v>87</v>
      </c>
      <c r="D1051" t="s">
        <v>77</v>
      </c>
      <c r="E1051" s="8" t="s">
        <v>12</v>
      </c>
      <c r="F1051" t="s">
        <v>55</v>
      </c>
      <c r="G1051" t="s">
        <v>78</v>
      </c>
      <c r="H1051" t="s">
        <v>55</v>
      </c>
      <c r="I1051" s="8">
        <v>2032</v>
      </c>
      <c r="J1051" t="s">
        <v>14</v>
      </c>
      <c r="K1051" s="10">
        <v>981</v>
      </c>
      <c r="L1051">
        <v>95</v>
      </c>
      <c r="M1051" s="10">
        <v>0</v>
      </c>
      <c r="N1051">
        <v>0</v>
      </c>
    </row>
    <row r="1052" spans="1:14" hidden="1">
      <c r="A1052" s="7" t="s">
        <v>10</v>
      </c>
      <c r="B1052" s="8"/>
      <c r="C1052" s="8" t="s">
        <v>87</v>
      </c>
      <c r="D1052" t="s">
        <v>77</v>
      </c>
      <c r="E1052" s="8" t="s">
        <v>12</v>
      </c>
      <c r="F1052" t="s">
        <v>55</v>
      </c>
      <c r="G1052" t="s">
        <v>78</v>
      </c>
      <c r="H1052" t="s">
        <v>55</v>
      </c>
      <c r="I1052" s="8">
        <v>2032</v>
      </c>
      <c r="J1052" t="s">
        <v>49</v>
      </c>
      <c r="K1052" s="10"/>
      <c r="M1052" s="10"/>
      <c r="N1052">
        <v>0</v>
      </c>
    </row>
    <row r="1053" spans="1:14" hidden="1">
      <c r="A1053" s="7" t="s">
        <v>10</v>
      </c>
      <c r="B1053" s="8"/>
      <c r="C1053" s="8" t="s">
        <v>87</v>
      </c>
      <c r="D1053" t="s">
        <v>77</v>
      </c>
      <c r="E1053" s="8" t="s">
        <v>12</v>
      </c>
      <c r="F1053" t="s">
        <v>55</v>
      </c>
      <c r="G1053" t="s">
        <v>79</v>
      </c>
      <c r="H1053" t="s">
        <v>55</v>
      </c>
      <c r="I1053" s="8">
        <v>2032</v>
      </c>
      <c r="J1053" t="s">
        <v>15</v>
      </c>
      <c r="K1053" s="10">
        <v>335</v>
      </c>
      <c r="L1053">
        <v>335</v>
      </c>
      <c r="M1053" s="10">
        <v>0</v>
      </c>
      <c r="N1053">
        <v>0</v>
      </c>
    </row>
    <row r="1054" spans="1:14" hidden="1">
      <c r="A1054" s="7" t="s">
        <v>10</v>
      </c>
      <c r="B1054" s="8"/>
      <c r="C1054" s="8" t="s">
        <v>87</v>
      </c>
      <c r="D1054" t="s">
        <v>77</v>
      </c>
      <c r="E1054" s="8" t="s">
        <v>12</v>
      </c>
      <c r="F1054" t="s">
        <v>55</v>
      </c>
      <c r="G1054" t="s">
        <v>79</v>
      </c>
      <c r="H1054" t="s">
        <v>55</v>
      </c>
      <c r="I1054" s="8">
        <v>2032</v>
      </c>
      <c r="J1054" t="s">
        <v>50</v>
      </c>
      <c r="K1054" s="10"/>
      <c r="M1054" s="10"/>
      <c r="N1054">
        <v>0</v>
      </c>
    </row>
    <row r="1055" spans="1:14" hidden="1">
      <c r="A1055" s="7" t="s">
        <v>10</v>
      </c>
      <c r="B1055" s="8"/>
      <c r="C1055" s="8" t="s">
        <v>87</v>
      </c>
      <c r="D1055" t="s">
        <v>77</v>
      </c>
      <c r="E1055" s="8" t="s">
        <v>12</v>
      </c>
      <c r="F1055" t="s">
        <v>55</v>
      </c>
      <c r="G1055" t="s">
        <v>19</v>
      </c>
      <c r="H1055" t="s">
        <v>55</v>
      </c>
      <c r="I1055" s="8">
        <v>2032</v>
      </c>
      <c r="J1055" t="s">
        <v>19</v>
      </c>
      <c r="K1055" s="10"/>
      <c r="M1055" s="10"/>
      <c r="N1055">
        <v>0</v>
      </c>
    </row>
    <row r="1056" spans="1:14" hidden="1">
      <c r="A1056" s="7" t="s">
        <v>10</v>
      </c>
      <c r="B1056" s="8"/>
      <c r="C1056" s="8" t="s">
        <v>87</v>
      </c>
      <c r="D1056" t="s">
        <v>77</v>
      </c>
      <c r="E1056" s="8" t="s">
        <v>12</v>
      </c>
      <c r="F1056" t="s">
        <v>55</v>
      </c>
      <c r="G1056" t="s">
        <v>78</v>
      </c>
      <c r="H1056" t="s">
        <v>55</v>
      </c>
      <c r="I1056" s="8">
        <v>2032</v>
      </c>
      <c r="J1056" t="s">
        <v>21</v>
      </c>
      <c r="K1056" s="10"/>
      <c r="M1056" s="10"/>
      <c r="N1056">
        <v>0</v>
      </c>
    </row>
    <row r="1057" spans="1:14" hidden="1">
      <c r="A1057" s="7" t="s">
        <v>10</v>
      </c>
      <c r="B1057" s="8"/>
      <c r="C1057" s="8" t="s">
        <v>87</v>
      </c>
      <c r="D1057" t="s">
        <v>77</v>
      </c>
      <c r="E1057" s="8" t="s">
        <v>12</v>
      </c>
      <c r="F1057" t="s">
        <v>55</v>
      </c>
      <c r="G1057" t="s">
        <v>78</v>
      </c>
      <c r="H1057" t="s">
        <v>55</v>
      </c>
      <c r="I1057" s="8">
        <v>2032</v>
      </c>
      <c r="J1057" t="s">
        <v>51</v>
      </c>
      <c r="K1057" s="10"/>
      <c r="M1057" s="10"/>
      <c r="N1057">
        <v>0</v>
      </c>
    </row>
    <row r="1058" spans="1:14" hidden="1">
      <c r="A1058" s="7" t="s">
        <v>10</v>
      </c>
      <c r="B1058" s="8"/>
      <c r="C1058" s="8" t="s">
        <v>87</v>
      </c>
      <c r="D1058" t="s">
        <v>77</v>
      </c>
      <c r="E1058" s="8" t="s">
        <v>12</v>
      </c>
      <c r="F1058" t="s">
        <v>55</v>
      </c>
      <c r="G1058" t="s">
        <v>78</v>
      </c>
      <c r="H1058" t="s">
        <v>55</v>
      </c>
      <c r="I1058" s="8">
        <v>2033</v>
      </c>
      <c r="J1058" t="s">
        <v>47</v>
      </c>
      <c r="K1058" s="10"/>
      <c r="M1058" s="10"/>
      <c r="N1058">
        <v>0</v>
      </c>
    </row>
    <row r="1059" spans="1:14" hidden="1">
      <c r="A1059" s="7" t="s">
        <v>10</v>
      </c>
      <c r="B1059" s="8"/>
      <c r="C1059" s="8" t="s">
        <v>87</v>
      </c>
      <c r="D1059" t="s">
        <v>77</v>
      </c>
      <c r="E1059" s="8" t="s">
        <v>12</v>
      </c>
      <c r="F1059" t="s">
        <v>55</v>
      </c>
      <c r="G1059" t="s">
        <v>78</v>
      </c>
      <c r="H1059" t="s">
        <v>55</v>
      </c>
      <c r="I1059" s="8">
        <v>2033</v>
      </c>
      <c r="J1059" t="s">
        <v>48</v>
      </c>
      <c r="K1059" s="10"/>
      <c r="M1059" s="10"/>
      <c r="N1059">
        <v>0</v>
      </c>
    </row>
    <row r="1060" spans="1:14" hidden="1">
      <c r="A1060" s="7" t="s">
        <v>10</v>
      </c>
      <c r="B1060" s="8"/>
      <c r="C1060" s="8" t="s">
        <v>87</v>
      </c>
      <c r="D1060" t="s">
        <v>77</v>
      </c>
      <c r="E1060" s="8" t="s">
        <v>12</v>
      </c>
      <c r="F1060" t="s">
        <v>55</v>
      </c>
      <c r="G1060" t="s">
        <v>78</v>
      </c>
      <c r="H1060" t="s">
        <v>55</v>
      </c>
      <c r="I1060" s="8">
        <v>2033</v>
      </c>
      <c r="J1060" t="s">
        <v>14</v>
      </c>
      <c r="K1060" s="10">
        <v>981</v>
      </c>
      <c r="L1060">
        <v>95</v>
      </c>
      <c r="M1060" s="10">
        <v>0</v>
      </c>
      <c r="N1060">
        <v>0</v>
      </c>
    </row>
    <row r="1061" spans="1:14" hidden="1">
      <c r="A1061" s="7" t="s">
        <v>10</v>
      </c>
      <c r="B1061" s="8"/>
      <c r="C1061" s="8" t="s">
        <v>87</v>
      </c>
      <c r="D1061" t="s">
        <v>77</v>
      </c>
      <c r="E1061" s="8" t="s">
        <v>12</v>
      </c>
      <c r="F1061" t="s">
        <v>55</v>
      </c>
      <c r="G1061" t="s">
        <v>78</v>
      </c>
      <c r="H1061" t="s">
        <v>55</v>
      </c>
      <c r="I1061" s="8">
        <v>2033</v>
      </c>
      <c r="J1061" t="s">
        <v>49</v>
      </c>
      <c r="K1061" s="10"/>
      <c r="M1061" s="10"/>
      <c r="N1061">
        <v>0</v>
      </c>
    </row>
    <row r="1062" spans="1:14" hidden="1">
      <c r="A1062" s="7" t="s">
        <v>10</v>
      </c>
      <c r="B1062" s="8"/>
      <c r="C1062" s="8" t="s">
        <v>87</v>
      </c>
      <c r="D1062" t="s">
        <v>77</v>
      </c>
      <c r="E1062" s="8" t="s">
        <v>12</v>
      </c>
      <c r="F1062" t="s">
        <v>55</v>
      </c>
      <c r="G1062" t="s">
        <v>79</v>
      </c>
      <c r="H1062" t="s">
        <v>55</v>
      </c>
      <c r="I1062" s="8">
        <v>2033</v>
      </c>
      <c r="J1062" t="s">
        <v>15</v>
      </c>
      <c r="K1062" s="10">
        <v>335</v>
      </c>
      <c r="L1062">
        <v>335</v>
      </c>
      <c r="M1062" s="10">
        <v>0</v>
      </c>
      <c r="N1062">
        <v>0</v>
      </c>
    </row>
    <row r="1063" spans="1:14" hidden="1">
      <c r="A1063" s="7" t="s">
        <v>10</v>
      </c>
      <c r="B1063" s="8"/>
      <c r="C1063" s="8" t="s">
        <v>87</v>
      </c>
      <c r="D1063" t="s">
        <v>77</v>
      </c>
      <c r="E1063" s="8" t="s">
        <v>12</v>
      </c>
      <c r="F1063" t="s">
        <v>55</v>
      </c>
      <c r="G1063" t="s">
        <v>79</v>
      </c>
      <c r="H1063" t="s">
        <v>55</v>
      </c>
      <c r="I1063" s="8">
        <v>2033</v>
      </c>
      <c r="J1063" t="s">
        <v>50</v>
      </c>
      <c r="K1063" s="10"/>
      <c r="M1063" s="10"/>
      <c r="N1063">
        <v>0</v>
      </c>
    </row>
    <row r="1064" spans="1:14" hidden="1">
      <c r="A1064" s="7" t="s">
        <v>10</v>
      </c>
      <c r="B1064" s="8"/>
      <c r="C1064" s="8" t="s">
        <v>87</v>
      </c>
      <c r="D1064" t="s">
        <v>77</v>
      </c>
      <c r="E1064" s="8" t="s">
        <v>12</v>
      </c>
      <c r="F1064" t="s">
        <v>55</v>
      </c>
      <c r="G1064" t="s">
        <v>19</v>
      </c>
      <c r="H1064" t="s">
        <v>55</v>
      </c>
      <c r="I1064" s="8">
        <v>2033</v>
      </c>
      <c r="J1064" t="s">
        <v>19</v>
      </c>
      <c r="K1064" s="10"/>
      <c r="M1064" s="10"/>
      <c r="N1064">
        <v>0</v>
      </c>
    </row>
    <row r="1065" spans="1:14" hidden="1">
      <c r="A1065" s="7" t="s">
        <v>10</v>
      </c>
      <c r="B1065" s="8"/>
      <c r="C1065" s="8" t="s">
        <v>87</v>
      </c>
      <c r="D1065" t="s">
        <v>77</v>
      </c>
      <c r="E1065" s="8" t="s">
        <v>12</v>
      </c>
      <c r="F1065" t="s">
        <v>55</v>
      </c>
      <c r="G1065" t="s">
        <v>78</v>
      </c>
      <c r="H1065" t="s">
        <v>55</v>
      </c>
      <c r="I1065" s="8">
        <v>2033</v>
      </c>
      <c r="J1065" t="s">
        <v>21</v>
      </c>
      <c r="K1065" s="10"/>
      <c r="M1065" s="10"/>
      <c r="N1065">
        <v>0</v>
      </c>
    </row>
    <row r="1066" spans="1:14" hidden="1">
      <c r="A1066" s="7" t="s">
        <v>10</v>
      </c>
      <c r="B1066" s="8"/>
      <c r="C1066" s="8" t="s">
        <v>87</v>
      </c>
      <c r="D1066" t="s">
        <v>77</v>
      </c>
      <c r="E1066" s="8" t="s">
        <v>12</v>
      </c>
      <c r="F1066" t="s">
        <v>55</v>
      </c>
      <c r="G1066" t="s">
        <v>78</v>
      </c>
      <c r="H1066" t="s">
        <v>55</v>
      </c>
      <c r="I1066" s="8">
        <v>2033</v>
      </c>
      <c r="J1066" t="s">
        <v>51</v>
      </c>
      <c r="K1066" s="10"/>
      <c r="M1066" s="10"/>
      <c r="N1066">
        <v>0</v>
      </c>
    </row>
    <row r="1067" spans="1:14" hidden="1">
      <c r="A1067" s="7" t="s">
        <v>10</v>
      </c>
      <c r="B1067" s="8"/>
      <c r="C1067" s="8" t="s">
        <v>87</v>
      </c>
      <c r="D1067" t="s">
        <v>77</v>
      </c>
      <c r="E1067" s="8" t="s">
        <v>12</v>
      </c>
      <c r="F1067" t="s">
        <v>55</v>
      </c>
      <c r="G1067" t="s">
        <v>78</v>
      </c>
      <c r="H1067" t="s">
        <v>55</v>
      </c>
      <c r="I1067" s="8">
        <v>2034</v>
      </c>
      <c r="J1067" t="s">
        <v>47</v>
      </c>
      <c r="K1067" s="10"/>
      <c r="M1067" s="10"/>
      <c r="N1067">
        <v>0</v>
      </c>
    </row>
    <row r="1068" spans="1:14" hidden="1">
      <c r="A1068" s="7" t="s">
        <v>10</v>
      </c>
      <c r="B1068" s="8"/>
      <c r="C1068" s="8" t="s">
        <v>87</v>
      </c>
      <c r="D1068" t="s">
        <v>77</v>
      </c>
      <c r="E1068" s="8" t="s">
        <v>12</v>
      </c>
      <c r="F1068" t="s">
        <v>55</v>
      </c>
      <c r="G1068" t="s">
        <v>78</v>
      </c>
      <c r="H1068" t="s">
        <v>55</v>
      </c>
      <c r="I1068" s="8">
        <v>2034</v>
      </c>
      <c r="J1068" t="s">
        <v>48</v>
      </c>
      <c r="K1068" s="10"/>
      <c r="M1068" s="10"/>
      <c r="N1068">
        <v>0</v>
      </c>
    </row>
    <row r="1069" spans="1:14" hidden="1">
      <c r="A1069" s="7" t="s">
        <v>10</v>
      </c>
      <c r="B1069" s="8"/>
      <c r="C1069" s="8" t="s">
        <v>87</v>
      </c>
      <c r="D1069" t="s">
        <v>77</v>
      </c>
      <c r="E1069" s="8" t="s">
        <v>12</v>
      </c>
      <c r="F1069" t="s">
        <v>55</v>
      </c>
      <c r="G1069" t="s">
        <v>78</v>
      </c>
      <c r="H1069" t="s">
        <v>55</v>
      </c>
      <c r="I1069" s="8">
        <v>2034</v>
      </c>
      <c r="J1069" t="s">
        <v>14</v>
      </c>
      <c r="K1069" s="10">
        <v>981</v>
      </c>
      <c r="L1069">
        <v>95</v>
      </c>
      <c r="M1069" s="10">
        <v>0</v>
      </c>
      <c r="N1069">
        <v>0</v>
      </c>
    </row>
    <row r="1070" spans="1:14" hidden="1">
      <c r="A1070" s="7" t="s">
        <v>10</v>
      </c>
      <c r="B1070" s="8"/>
      <c r="C1070" s="8" t="s">
        <v>87</v>
      </c>
      <c r="D1070" t="s">
        <v>77</v>
      </c>
      <c r="E1070" s="8" t="s">
        <v>12</v>
      </c>
      <c r="F1070" t="s">
        <v>55</v>
      </c>
      <c r="G1070" t="s">
        <v>78</v>
      </c>
      <c r="H1070" t="s">
        <v>55</v>
      </c>
      <c r="I1070" s="8">
        <v>2034</v>
      </c>
      <c r="J1070" t="s">
        <v>49</v>
      </c>
      <c r="K1070" s="10"/>
      <c r="M1070" s="10"/>
      <c r="N1070">
        <v>0</v>
      </c>
    </row>
    <row r="1071" spans="1:14" hidden="1">
      <c r="A1071" s="7" t="s">
        <v>10</v>
      </c>
      <c r="B1071" s="8"/>
      <c r="C1071" s="8" t="s">
        <v>87</v>
      </c>
      <c r="D1071" t="s">
        <v>77</v>
      </c>
      <c r="E1071" s="8" t="s">
        <v>12</v>
      </c>
      <c r="F1071" t="s">
        <v>55</v>
      </c>
      <c r="G1071" t="s">
        <v>79</v>
      </c>
      <c r="H1071" t="s">
        <v>55</v>
      </c>
      <c r="I1071" s="8">
        <v>2034</v>
      </c>
      <c r="J1071" t="s">
        <v>15</v>
      </c>
      <c r="K1071" s="10">
        <v>335</v>
      </c>
      <c r="L1071">
        <v>335</v>
      </c>
      <c r="M1071" s="10">
        <v>0</v>
      </c>
      <c r="N1071">
        <v>0</v>
      </c>
    </row>
    <row r="1072" spans="1:14" hidden="1">
      <c r="A1072" s="7" t="s">
        <v>10</v>
      </c>
      <c r="B1072" s="8"/>
      <c r="C1072" s="8" t="s">
        <v>87</v>
      </c>
      <c r="D1072" t="s">
        <v>77</v>
      </c>
      <c r="E1072" s="8" t="s">
        <v>12</v>
      </c>
      <c r="F1072" t="s">
        <v>55</v>
      </c>
      <c r="G1072" t="s">
        <v>79</v>
      </c>
      <c r="H1072" t="s">
        <v>55</v>
      </c>
      <c r="I1072" s="8">
        <v>2034</v>
      </c>
      <c r="J1072" t="s">
        <v>50</v>
      </c>
      <c r="K1072" s="10"/>
      <c r="M1072" s="10"/>
      <c r="N1072">
        <v>0</v>
      </c>
    </row>
    <row r="1073" spans="1:14" hidden="1">
      <c r="A1073" s="7" t="s">
        <v>10</v>
      </c>
      <c r="B1073" s="8"/>
      <c r="C1073" s="8" t="s">
        <v>87</v>
      </c>
      <c r="D1073" t="s">
        <v>77</v>
      </c>
      <c r="E1073" s="8" t="s">
        <v>12</v>
      </c>
      <c r="F1073" t="s">
        <v>55</v>
      </c>
      <c r="G1073" t="s">
        <v>19</v>
      </c>
      <c r="H1073" t="s">
        <v>55</v>
      </c>
      <c r="I1073" s="8">
        <v>2034</v>
      </c>
      <c r="J1073" t="s">
        <v>19</v>
      </c>
      <c r="K1073" s="10"/>
      <c r="M1073" s="10"/>
      <c r="N1073">
        <v>0</v>
      </c>
    </row>
    <row r="1074" spans="1:14" hidden="1">
      <c r="A1074" s="7" t="s">
        <v>10</v>
      </c>
      <c r="B1074" s="8"/>
      <c r="C1074" s="8" t="s">
        <v>87</v>
      </c>
      <c r="D1074" t="s">
        <v>77</v>
      </c>
      <c r="E1074" s="8" t="s">
        <v>12</v>
      </c>
      <c r="F1074" t="s">
        <v>55</v>
      </c>
      <c r="G1074" t="s">
        <v>78</v>
      </c>
      <c r="H1074" t="s">
        <v>55</v>
      </c>
      <c r="I1074" s="8">
        <v>2034</v>
      </c>
      <c r="J1074" t="s">
        <v>21</v>
      </c>
      <c r="K1074" s="10"/>
      <c r="M1074" s="10"/>
      <c r="N1074">
        <v>0</v>
      </c>
    </row>
    <row r="1075" spans="1:14" hidden="1">
      <c r="A1075" s="7" t="s">
        <v>10</v>
      </c>
      <c r="B1075" s="8"/>
      <c r="C1075" s="8" t="s">
        <v>87</v>
      </c>
      <c r="D1075" t="s">
        <v>77</v>
      </c>
      <c r="E1075" s="8" t="s">
        <v>12</v>
      </c>
      <c r="F1075" t="s">
        <v>55</v>
      </c>
      <c r="G1075" t="s">
        <v>78</v>
      </c>
      <c r="H1075" t="s">
        <v>55</v>
      </c>
      <c r="I1075" s="8">
        <v>2034</v>
      </c>
      <c r="J1075" t="s">
        <v>51</v>
      </c>
      <c r="K1075" s="10"/>
      <c r="M1075" s="10"/>
      <c r="N1075">
        <v>0</v>
      </c>
    </row>
    <row r="1076" spans="1:14" hidden="1">
      <c r="A1076" s="7" t="s">
        <v>10</v>
      </c>
      <c r="B1076" s="8"/>
      <c r="C1076" s="8" t="s">
        <v>57</v>
      </c>
      <c r="D1076" t="s">
        <v>77</v>
      </c>
      <c r="E1076" s="8" t="s">
        <v>24</v>
      </c>
      <c r="F1076" t="s">
        <v>55</v>
      </c>
      <c r="G1076" t="s">
        <v>78</v>
      </c>
      <c r="H1076" t="s">
        <v>55</v>
      </c>
      <c r="I1076" s="8">
        <v>2025</v>
      </c>
      <c r="J1076" t="s">
        <v>47</v>
      </c>
      <c r="K1076" s="10"/>
      <c r="M1076" s="10"/>
      <c r="N1076">
        <v>0</v>
      </c>
    </row>
    <row r="1077" spans="1:14" hidden="1">
      <c r="A1077" s="7" t="s">
        <v>10</v>
      </c>
      <c r="B1077" s="8"/>
      <c r="C1077" s="8" t="s">
        <v>57</v>
      </c>
      <c r="D1077" t="s">
        <v>77</v>
      </c>
      <c r="E1077" s="8" t="s">
        <v>24</v>
      </c>
      <c r="F1077" t="s">
        <v>55</v>
      </c>
      <c r="G1077" t="s">
        <v>78</v>
      </c>
      <c r="H1077" t="s">
        <v>55</v>
      </c>
      <c r="I1077" s="8">
        <v>2025</v>
      </c>
      <c r="J1077" t="s">
        <v>48</v>
      </c>
      <c r="K1077" s="10"/>
      <c r="M1077" s="10"/>
      <c r="N1077">
        <v>0</v>
      </c>
    </row>
    <row r="1078" spans="1:14" hidden="1">
      <c r="A1078" s="7" t="s">
        <v>10</v>
      </c>
      <c r="B1078" s="8"/>
      <c r="C1078" s="8" t="s">
        <v>57</v>
      </c>
      <c r="D1078" t="s">
        <v>77</v>
      </c>
      <c r="E1078" s="8" t="s">
        <v>24</v>
      </c>
      <c r="F1078" t="s">
        <v>55</v>
      </c>
      <c r="G1078" t="s">
        <v>78</v>
      </c>
      <c r="H1078" t="s">
        <v>55</v>
      </c>
      <c r="I1078" s="8">
        <v>2025</v>
      </c>
      <c r="J1078" t="s">
        <v>14</v>
      </c>
      <c r="K1078" s="10">
        <v>12047</v>
      </c>
      <c r="L1078">
        <v>1569</v>
      </c>
      <c r="M1078" s="10">
        <v>0</v>
      </c>
      <c r="N1078">
        <v>0</v>
      </c>
    </row>
    <row r="1079" spans="1:14" hidden="1">
      <c r="A1079" s="7" t="s">
        <v>10</v>
      </c>
      <c r="B1079" s="8"/>
      <c r="C1079" s="8" t="s">
        <v>57</v>
      </c>
      <c r="D1079" t="s">
        <v>77</v>
      </c>
      <c r="E1079" s="8" t="s">
        <v>24</v>
      </c>
      <c r="F1079" t="s">
        <v>55</v>
      </c>
      <c r="G1079" t="s">
        <v>78</v>
      </c>
      <c r="H1079" t="s">
        <v>55</v>
      </c>
      <c r="I1079" s="8">
        <v>2025</v>
      </c>
      <c r="J1079" t="s">
        <v>49</v>
      </c>
      <c r="K1079" s="10"/>
      <c r="M1079" s="10"/>
      <c r="N1079">
        <v>0</v>
      </c>
    </row>
    <row r="1080" spans="1:14" hidden="1">
      <c r="A1080" s="7" t="s">
        <v>10</v>
      </c>
      <c r="B1080" s="8"/>
      <c r="C1080" s="8" t="s">
        <v>57</v>
      </c>
      <c r="D1080" t="s">
        <v>77</v>
      </c>
      <c r="E1080" s="8" t="s">
        <v>24</v>
      </c>
      <c r="F1080" t="s">
        <v>55</v>
      </c>
      <c r="G1080" t="s">
        <v>79</v>
      </c>
      <c r="H1080" t="s">
        <v>55</v>
      </c>
      <c r="I1080" s="8">
        <v>2025</v>
      </c>
      <c r="J1080" t="s">
        <v>15</v>
      </c>
      <c r="K1080" s="10">
        <v>9008</v>
      </c>
      <c r="L1080">
        <v>4525</v>
      </c>
      <c r="M1080" s="10">
        <v>4483</v>
      </c>
      <c r="N1080">
        <v>0</v>
      </c>
    </row>
    <row r="1081" spans="1:14" hidden="1">
      <c r="A1081" s="7" t="s">
        <v>10</v>
      </c>
      <c r="B1081" s="8"/>
      <c r="C1081" s="8" t="s">
        <v>57</v>
      </c>
      <c r="D1081" t="s">
        <v>77</v>
      </c>
      <c r="E1081" s="8" t="s">
        <v>24</v>
      </c>
      <c r="F1081" t="s">
        <v>55</v>
      </c>
      <c r="G1081" t="s">
        <v>79</v>
      </c>
      <c r="H1081" t="s">
        <v>55</v>
      </c>
      <c r="I1081" s="8">
        <v>2025</v>
      </c>
      <c r="J1081" t="s">
        <v>50</v>
      </c>
      <c r="K1081" s="10"/>
      <c r="M1081" s="10"/>
      <c r="N1081">
        <v>0</v>
      </c>
    </row>
    <row r="1082" spans="1:14" hidden="1">
      <c r="A1082" s="7" t="s">
        <v>10</v>
      </c>
      <c r="B1082" s="8"/>
      <c r="C1082" s="8" t="s">
        <v>57</v>
      </c>
      <c r="D1082" t="s">
        <v>77</v>
      </c>
      <c r="E1082" s="8" t="s">
        <v>24</v>
      </c>
      <c r="F1082" t="s">
        <v>55</v>
      </c>
      <c r="G1082" t="s">
        <v>19</v>
      </c>
      <c r="H1082" t="s">
        <v>55</v>
      </c>
      <c r="I1082" s="8">
        <v>2025</v>
      </c>
      <c r="J1082" t="s">
        <v>19</v>
      </c>
      <c r="K1082" s="10"/>
      <c r="M1082" s="10"/>
      <c r="N1082">
        <v>0</v>
      </c>
    </row>
    <row r="1083" spans="1:14" hidden="1">
      <c r="A1083" s="7" t="s">
        <v>10</v>
      </c>
      <c r="B1083" s="8"/>
      <c r="C1083" s="8" t="s">
        <v>57</v>
      </c>
      <c r="D1083" t="s">
        <v>77</v>
      </c>
      <c r="E1083" s="8" t="s">
        <v>24</v>
      </c>
      <c r="F1083" t="s">
        <v>55</v>
      </c>
      <c r="G1083" t="s">
        <v>78</v>
      </c>
      <c r="H1083" t="s">
        <v>55</v>
      </c>
      <c r="I1083" s="8">
        <v>2025</v>
      </c>
      <c r="J1083" t="s">
        <v>21</v>
      </c>
      <c r="K1083" s="10"/>
      <c r="M1083" s="10"/>
      <c r="N1083">
        <v>0</v>
      </c>
    </row>
    <row r="1084" spans="1:14" hidden="1">
      <c r="A1084" s="7" t="s">
        <v>10</v>
      </c>
      <c r="B1084" s="8"/>
      <c r="C1084" s="8" t="s">
        <v>57</v>
      </c>
      <c r="D1084" t="s">
        <v>77</v>
      </c>
      <c r="E1084" s="8" t="s">
        <v>24</v>
      </c>
      <c r="F1084" t="s">
        <v>55</v>
      </c>
      <c r="G1084" t="s">
        <v>78</v>
      </c>
      <c r="H1084" t="s">
        <v>55</v>
      </c>
      <c r="I1084" s="8">
        <v>2025</v>
      </c>
      <c r="J1084" t="s">
        <v>51</v>
      </c>
      <c r="K1084" s="10"/>
      <c r="M1084" s="10"/>
      <c r="N1084">
        <v>0</v>
      </c>
    </row>
    <row r="1085" spans="1:14" hidden="1">
      <c r="A1085" s="7" t="s">
        <v>10</v>
      </c>
      <c r="B1085" s="8"/>
      <c r="C1085" s="8" t="s">
        <v>57</v>
      </c>
      <c r="D1085" t="s">
        <v>77</v>
      </c>
      <c r="E1085" s="8" t="s">
        <v>24</v>
      </c>
      <c r="F1085" t="s">
        <v>55</v>
      </c>
      <c r="G1085" t="s">
        <v>78</v>
      </c>
      <c r="H1085" t="s">
        <v>55</v>
      </c>
      <c r="I1085" s="8">
        <v>2026</v>
      </c>
      <c r="J1085" t="s">
        <v>47</v>
      </c>
      <c r="K1085" s="10"/>
      <c r="M1085" s="10"/>
      <c r="N1085">
        <v>0</v>
      </c>
    </row>
    <row r="1086" spans="1:14" hidden="1">
      <c r="A1086" s="7" t="s">
        <v>10</v>
      </c>
      <c r="B1086" s="8"/>
      <c r="C1086" s="8" t="s">
        <v>57</v>
      </c>
      <c r="D1086" t="s">
        <v>77</v>
      </c>
      <c r="E1086" s="8" t="s">
        <v>24</v>
      </c>
      <c r="F1086" t="s">
        <v>55</v>
      </c>
      <c r="G1086" t="s">
        <v>78</v>
      </c>
      <c r="H1086" t="s">
        <v>55</v>
      </c>
      <c r="I1086" s="8">
        <v>2026</v>
      </c>
      <c r="J1086" t="s">
        <v>48</v>
      </c>
      <c r="K1086" s="10"/>
      <c r="M1086" s="10"/>
      <c r="N1086">
        <v>0</v>
      </c>
    </row>
    <row r="1087" spans="1:14" hidden="1">
      <c r="A1087" s="7" t="s">
        <v>10</v>
      </c>
      <c r="B1087" s="8"/>
      <c r="C1087" s="8" t="s">
        <v>57</v>
      </c>
      <c r="D1087" t="s">
        <v>77</v>
      </c>
      <c r="E1087" s="8" t="s">
        <v>24</v>
      </c>
      <c r="F1087" t="s">
        <v>55</v>
      </c>
      <c r="G1087" t="s">
        <v>78</v>
      </c>
      <c r="H1087" t="s">
        <v>55</v>
      </c>
      <c r="I1087" s="8">
        <v>2026</v>
      </c>
      <c r="J1087" t="s">
        <v>14</v>
      </c>
      <c r="K1087" s="10">
        <v>14183</v>
      </c>
      <c r="L1087">
        <v>1746</v>
      </c>
      <c r="M1087" s="10">
        <v>0</v>
      </c>
      <c r="N1087">
        <v>0</v>
      </c>
    </row>
    <row r="1088" spans="1:14" hidden="1">
      <c r="A1088" s="7" t="s">
        <v>10</v>
      </c>
      <c r="B1088" s="8"/>
      <c r="C1088" s="8" t="s">
        <v>57</v>
      </c>
      <c r="D1088" t="s">
        <v>77</v>
      </c>
      <c r="E1088" s="8" t="s">
        <v>24</v>
      </c>
      <c r="F1088" t="s">
        <v>55</v>
      </c>
      <c r="G1088" t="s">
        <v>78</v>
      </c>
      <c r="H1088" t="s">
        <v>55</v>
      </c>
      <c r="I1088" s="8">
        <v>2026</v>
      </c>
      <c r="J1088" t="s">
        <v>49</v>
      </c>
      <c r="K1088" s="10"/>
      <c r="M1088" s="10"/>
      <c r="N1088">
        <v>0</v>
      </c>
    </row>
    <row r="1089" spans="1:14" hidden="1">
      <c r="A1089" s="7" t="s">
        <v>10</v>
      </c>
      <c r="B1089" s="8"/>
      <c r="C1089" s="8" t="s">
        <v>57</v>
      </c>
      <c r="D1089" t="s">
        <v>77</v>
      </c>
      <c r="E1089" s="8" t="s">
        <v>24</v>
      </c>
      <c r="F1089" t="s">
        <v>55</v>
      </c>
      <c r="G1089" t="s">
        <v>79</v>
      </c>
      <c r="H1089" t="s">
        <v>55</v>
      </c>
      <c r="I1089" s="8">
        <v>2026</v>
      </c>
      <c r="J1089" t="s">
        <v>15</v>
      </c>
      <c r="K1089" s="10">
        <v>9729</v>
      </c>
      <c r="L1089">
        <v>4483</v>
      </c>
      <c r="M1089" s="10">
        <v>5246</v>
      </c>
      <c r="N1089">
        <v>0</v>
      </c>
    </row>
    <row r="1090" spans="1:14" hidden="1">
      <c r="A1090" s="7" t="s">
        <v>10</v>
      </c>
      <c r="B1090" s="8"/>
      <c r="C1090" s="8" t="s">
        <v>57</v>
      </c>
      <c r="D1090" t="s">
        <v>77</v>
      </c>
      <c r="E1090" s="8" t="s">
        <v>24</v>
      </c>
      <c r="F1090" t="s">
        <v>55</v>
      </c>
      <c r="G1090" t="s">
        <v>79</v>
      </c>
      <c r="H1090" t="s">
        <v>55</v>
      </c>
      <c r="I1090" s="8">
        <v>2026</v>
      </c>
      <c r="J1090" t="s">
        <v>50</v>
      </c>
      <c r="K1090" s="10"/>
      <c r="M1090" s="10"/>
      <c r="N1090">
        <v>0</v>
      </c>
    </row>
    <row r="1091" spans="1:14" hidden="1">
      <c r="A1091" s="7" t="s">
        <v>10</v>
      </c>
      <c r="B1091" s="8"/>
      <c r="C1091" s="8" t="s">
        <v>57</v>
      </c>
      <c r="D1091" t="s">
        <v>77</v>
      </c>
      <c r="E1091" s="8" t="s">
        <v>24</v>
      </c>
      <c r="F1091" t="s">
        <v>55</v>
      </c>
      <c r="G1091" t="s">
        <v>19</v>
      </c>
      <c r="H1091" t="s">
        <v>55</v>
      </c>
      <c r="I1091" s="8">
        <v>2026</v>
      </c>
      <c r="J1091" t="s">
        <v>19</v>
      </c>
      <c r="K1091" s="10"/>
      <c r="M1091" s="10"/>
      <c r="N1091">
        <v>0</v>
      </c>
    </row>
    <row r="1092" spans="1:14" hidden="1">
      <c r="A1092" s="7" t="s">
        <v>10</v>
      </c>
      <c r="B1092" s="8"/>
      <c r="C1092" s="8" t="s">
        <v>57</v>
      </c>
      <c r="D1092" t="s">
        <v>77</v>
      </c>
      <c r="E1092" s="8" t="s">
        <v>24</v>
      </c>
      <c r="F1092" t="s">
        <v>55</v>
      </c>
      <c r="G1092" t="s">
        <v>78</v>
      </c>
      <c r="H1092" t="s">
        <v>55</v>
      </c>
      <c r="I1092" s="8">
        <v>2026</v>
      </c>
      <c r="J1092" t="s">
        <v>21</v>
      </c>
      <c r="K1092" s="10"/>
      <c r="M1092" s="10"/>
      <c r="N1092">
        <v>0</v>
      </c>
    </row>
    <row r="1093" spans="1:14" hidden="1">
      <c r="A1093" s="7" t="s">
        <v>10</v>
      </c>
      <c r="B1093" s="8"/>
      <c r="C1093" s="8" t="s">
        <v>57</v>
      </c>
      <c r="D1093" t="s">
        <v>77</v>
      </c>
      <c r="E1093" s="8" t="s">
        <v>24</v>
      </c>
      <c r="F1093" t="s">
        <v>55</v>
      </c>
      <c r="G1093" t="s">
        <v>78</v>
      </c>
      <c r="H1093" t="s">
        <v>55</v>
      </c>
      <c r="I1093" s="8">
        <v>2026</v>
      </c>
      <c r="J1093" t="s">
        <v>51</v>
      </c>
      <c r="K1093" s="10"/>
      <c r="M1093" s="10"/>
      <c r="N1093">
        <v>0</v>
      </c>
    </row>
    <row r="1094" spans="1:14" hidden="1">
      <c r="A1094" s="7" t="s">
        <v>10</v>
      </c>
      <c r="B1094" s="8"/>
      <c r="C1094" s="8" t="s">
        <v>57</v>
      </c>
      <c r="D1094" t="s">
        <v>77</v>
      </c>
      <c r="E1094" s="8" t="s">
        <v>24</v>
      </c>
      <c r="F1094" t="s">
        <v>55</v>
      </c>
      <c r="G1094" t="s">
        <v>78</v>
      </c>
      <c r="H1094" t="s">
        <v>55</v>
      </c>
      <c r="I1094" s="8">
        <v>2027</v>
      </c>
      <c r="J1094" t="s">
        <v>47</v>
      </c>
      <c r="K1094" s="10"/>
      <c r="M1094" s="10"/>
      <c r="N1094">
        <v>0</v>
      </c>
    </row>
    <row r="1095" spans="1:14" hidden="1">
      <c r="A1095" s="7" t="s">
        <v>10</v>
      </c>
      <c r="B1095" s="8"/>
      <c r="C1095" s="8" t="s">
        <v>57</v>
      </c>
      <c r="D1095" t="s">
        <v>77</v>
      </c>
      <c r="E1095" s="8" t="s">
        <v>24</v>
      </c>
      <c r="F1095" t="s">
        <v>55</v>
      </c>
      <c r="G1095" t="s">
        <v>78</v>
      </c>
      <c r="H1095" t="s">
        <v>55</v>
      </c>
      <c r="I1095" s="8">
        <v>2027</v>
      </c>
      <c r="J1095" t="s">
        <v>48</v>
      </c>
      <c r="K1095" s="10"/>
      <c r="M1095" s="10"/>
      <c r="N1095">
        <v>0</v>
      </c>
    </row>
    <row r="1096" spans="1:14" hidden="1">
      <c r="A1096" s="7" t="s">
        <v>10</v>
      </c>
      <c r="B1096" s="8"/>
      <c r="C1096" s="8" t="s">
        <v>57</v>
      </c>
      <c r="D1096" t="s">
        <v>77</v>
      </c>
      <c r="E1096" s="8" t="s">
        <v>24</v>
      </c>
      <c r="F1096" t="s">
        <v>55</v>
      </c>
      <c r="G1096" t="s">
        <v>78</v>
      </c>
      <c r="H1096" t="s">
        <v>55</v>
      </c>
      <c r="I1096" s="8">
        <v>2027</v>
      </c>
      <c r="J1096" t="s">
        <v>14</v>
      </c>
      <c r="K1096" s="10">
        <v>19840</v>
      </c>
      <c r="L1096">
        <v>2524</v>
      </c>
      <c r="M1096" s="10">
        <v>0</v>
      </c>
      <c r="N1096">
        <v>0</v>
      </c>
    </row>
    <row r="1097" spans="1:14" hidden="1">
      <c r="A1097" s="7" t="s">
        <v>10</v>
      </c>
      <c r="B1097" s="8"/>
      <c r="C1097" s="8" t="s">
        <v>57</v>
      </c>
      <c r="D1097" t="s">
        <v>77</v>
      </c>
      <c r="E1097" s="8" t="s">
        <v>24</v>
      </c>
      <c r="F1097" t="s">
        <v>55</v>
      </c>
      <c r="G1097" t="s">
        <v>78</v>
      </c>
      <c r="H1097" t="s">
        <v>55</v>
      </c>
      <c r="I1097" s="8">
        <v>2027</v>
      </c>
      <c r="J1097" t="s">
        <v>49</v>
      </c>
      <c r="K1097" s="10"/>
      <c r="M1097" s="10"/>
      <c r="N1097">
        <v>0</v>
      </c>
    </row>
    <row r="1098" spans="1:14" hidden="1">
      <c r="A1098" s="7" t="s">
        <v>10</v>
      </c>
      <c r="B1098" s="8"/>
      <c r="C1098" s="8" t="s">
        <v>57</v>
      </c>
      <c r="D1098" t="s">
        <v>77</v>
      </c>
      <c r="E1098" s="8" t="s">
        <v>24</v>
      </c>
      <c r="F1098" t="s">
        <v>55</v>
      </c>
      <c r="G1098" t="s">
        <v>79</v>
      </c>
      <c r="H1098" t="s">
        <v>55</v>
      </c>
      <c r="I1098" s="8">
        <v>2027</v>
      </c>
      <c r="J1098" t="s">
        <v>15</v>
      </c>
      <c r="K1098" s="10">
        <v>15353</v>
      </c>
      <c r="L1098">
        <v>6899</v>
      </c>
      <c r="M1098" s="10">
        <v>8454</v>
      </c>
      <c r="N1098">
        <v>0</v>
      </c>
    </row>
    <row r="1099" spans="1:14" hidden="1">
      <c r="A1099" s="7" t="s">
        <v>10</v>
      </c>
      <c r="B1099" s="8"/>
      <c r="C1099" s="8" t="s">
        <v>57</v>
      </c>
      <c r="D1099" t="s">
        <v>77</v>
      </c>
      <c r="E1099" s="8" t="s">
        <v>24</v>
      </c>
      <c r="F1099" t="s">
        <v>55</v>
      </c>
      <c r="G1099" t="s">
        <v>79</v>
      </c>
      <c r="H1099" t="s">
        <v>55</v>
      </c>
      <c r="I1099" s="8">
        <v>2027</v>
      </c>
      <c r="J1099" t="s">
        <v>50</v>
      </c>
      <c r="K1099" s="10"/>
      <c r="M1099" s="10"/>
      <c r="N1099">
        <v>0</v>
      </c>
    </row>
    <row r="1100" spans="1:14" hidden="1">
      <c r="A1100" s="7" t="s">
        <v>10</v>
      </c>
      <c r="B1100" s="8"/>
      <c r="C1100" s="8" t="s">
        <v>57</v>
      </c>
      <c r="D1100" t="s">
        <v>77</v>
      </c>
      <c r="E1100" s="8" t="s">
        <v>24</v>
      </c>
      <c r="F1100" t="s">
        <v>55</v>
      </c>
      <c r="G1100" t="s">
        <v>19</v>
      </c>
      <c r="H1100" t="s">
        <v>55</v>
      </c>
      <c r="I1100" s="8">
        <v>2027</v>
      </c>
      <c r="J1100" t="s">
        <v>19</v>
      </c>
      <c r="K1100" s="10"/>
      <c r="M1100" s="10"/>
      <c r="N1100">
        <v>0</v>
      </c>
    </row>
    <row r="1101" spans="1:14" hidden="1">
      <c r="A1101" s="7" t="s">
        <v>10</v>
      </c>
      <c r="B1101" s="8"/>
      <c r="C1101" s="8" t="s">
        <v>57</v>
      </c>
      <c r="D1101" t="s">
        <v>77</v>
      </c>
      <c r="E1101" s="8" t="s">
        <v>24</v>
      </c>
      <c r="F1101" t="s">
        <v>55</v>
      </c>
      <c r="G1101" t="s">
        <v>78</v>
      </c>
      <c r="H1101" t="s">
        <v>55</v>
      </c>
      <c r="I1101" s="8">
        <v>2027</v>
      </c>
      <c r="J1101" t="s">
        <v>21</v>
      </c>
      <c r="K1101" s="10"/>
      <c r="M1101" s="10"/>
      <c r="N1101">
        <v>0</v>
      </c>
    </row>
    <row r="1102" spans="1:14" hidden="1">
      <c r="A1102" s="7" t="s">
        <v>10</v>
      </c>
      <c r="B1102" s="8"/>
      <c r="C1102" s="8" t="s">
        <v>57</v>
      </c>
      <c r="D1102" t="s">
        <v>77</v>
      </c>
      <c r="E1102" s="8" t="s">
        <v>24</v>
      </c>
      <c r="F1102" t="s">
        <v>55</v>
      </c>
      <c r="G1102" t="s">
        <v>78</v>
      </c>
      <c r="H1102" t="s">
        <v>55</v>
      </c>
      <c r="I1102" s="8">
        <v>2027</v>
      </c>
      <c r="J1102" t="s">
        <v>51</v>
      </c>
      <c r="K1102" s="10"/>
      <c r="M1102" s="10"/>
      <c r="N1102">
        <v>0</v>
      </c>
    </row>
    <row r="1103" spans="1:14" hidden="1">
      <c r="A1103" s="7" t="s">
        <v>10</v>
      </c>
      <c r="B1103" s="8"/>
      <c r="C1103" s="8" t="s">
        <v>57</v>
      </c>
      <c r="D1103" t="s">
        <v>77</v>
      </c>
      <c r="E1103" s="8" t="s">
        <v>24</v>
      </c>
      <c r="F1103" t="s">
        <v>55</v>
      </c>
      <c r="G1103" t="s">
        <v>78</v>
      </c>
      <c r="H1103" t="s">
        <v>55</v>
      </c>
      <c r="I1103" s="8">
        <v>2028</v>
      </c>
      <c r="J1103" t="s">
        <v>47</v>
      </c>
      <c r="K1103" s="10"/>
      <c r="M1103" s="10"/>
      <c r="N1103">
        <v>0</v>
      </c>
    </row>
    <row r="1104" spans="1:14" hidden="1">
      <c r="A1104" s="7" t="s">
        <v>10</v>
      </c>
      <c r="B1104" s="8"/>
      <c r="C1104" s="8" t="s">
        <v>57</v>
      </c>
      <c r="D1104" t="s">
        <v>77</v>
      </c>
      <c r="E1104" s="8" t="s">
        <v>24</v>
      </c>
      <c r="F1104" t="s">
        <v>55</v>
      </c>
      <c r="G1104" t="s">
        <v>78</v>
      </c>
      <c r="H1104" t="s">
        <v>55</v>
      </c>
      <c r="I1104" s="8">
        <v>2028</v>
      </c>
      <c r="J1104" t="s">
        <v>48</v>
      </c>
      <c r="K1104" s="10"/>
      <c r="M1104" s="10"/>
      <c r="N1104">
        <v>0</v>
      </c>
    </row>
    <row r="1105" spans="1:14" hidden="1">
      <c r="A1105" s="7" t="s">
        <v>10</v>
      </c>
      <c r="B1105" s="8"/>
      <c r="C1105" s="8" t="s">
        <v>57</v>
      </c>
      <c r="D1105" t="s">
        <v>77</v>
      </c>
      <c r="E1105" s="8" t="s">
        <v>24</v>
      </c>
      <c r="F1105" t="s">
        <v>55</v>
      </c>
      <c r="G1105" t="s">
        <v>78</v>
      </c>
      <c r="H1105" t="s">
        <v>55</v>
      </c>
      <c r="I1105" s="8">
        <v>2028</v>
      </c>
      <c r="J1105" t="s">
        <v>14</v>
      </c>
      <c r="K1105" s="10">
        <v>32583</v>
      </c>
      <c r="L1105">
        <v>3949</v>
      </c>
      <c r="M1105" s="10">
        <v>0</v>
      </c>
      <c r="N1105">
        <v>0</v>
      </c>
    </row>
    <row r="1106" spans="1:14" hidden="1">
      <c r="A1106" s="7" t="s">
        <v>10</v>
      </c>
      <c r="B1106" s="8"/>
      <c r="C1106" s="8" t="s">
        <v>57</v>
      </c>
      <c r="D1106" t="s">
        <v>77</v>
      </c>
      <c r="E1106" s="8" t="s">
        <v>24</v>
      </c>
      <c r="F1106" t="s">
        <v>55</v>
      </c>
      <c r="G1106" t="s">
        <v>78</v>
      </c>
      <c r="H1106" t="s">
        <v>55</v>
      </c>
      <c r="I1106" s="8">
        <v>2028</v>
      </c>
      <c r="J1106" t="s">
        <v>49</v>
      </c>
      <c r="K1106" s="10"/>
      <c r="M1106" s="10"/>
      <c r="N1106">
        <v>0</v>
      </c>
    </row>
    <row r="1107" spans="1:14" hidden="1">
      <c r="A1107" s="7" t="s">
        <v>10</v>
      </c>
      <c r="B1107" s="8"/>
      <c r="C1107" s="8" t="s">
        <v>57</v>
      </c>
      <c r="D1107" t="s">
        <v>77</v>
      </c>
      <c r="E1107" s="8" t="s">
        <v>24</v>
      </c>
      <c r="F1107" t="s">
        <v>55</v>
      </c>
      <c r="G1107" t="s">
        <v>79</v>
      </c>
      <c r="H1107" t="s">
        <v>55</v>
      </c>
      <c r="I1107" s="8">
        <v>2028</v>
      </c>
      <c r="J1107" t="s">
        <v>15</v>
      </c>
      <c r="K1107" s="10">
        <v>22983</v>
      </c>
      <c r="L1107">
        <v>9935</v>
      </c>
      <c r="M1107" s="10">
        <v>13446</v>
      </c>
      <c r="N1107">
        <v>0</v>
      </c>
    </row>
    <row r="1108" spans="1:14" hidden="1">
      <c r="A1108" s="7" t="s">
        <v>10</v>
      </c>
      <c r="B1108" s="8"/>
      <c r="C1108" s="8" t="s">
        <v>57</v>
      </c>
      <c r="D1108" t="s">
        <v>77</v>
      </c>
      <c r="E1108" s="8" t="s">
        <v>24</v>
      </c>
      <c r="F1108" t="s">
        <v>55</v>
      </c>
      <c r="G1108" t="s">
        <v>79</v>
      </c>
      <c r="H1108" t="s">
        <v>55</v>
      </c>
      <c r="I1108" s="8">
        <v>2028</v>
      </c>
      <c r="J1108" t="s">
        <v>50</v>
      </c>
      <c r="K1108" s="10"/>
      <c r="M1108" s="10"/>
      <c r="N1108">
        <v>0</v>
      </c>
    </row>
    <row r="1109" spans="1:14" hidden="1">
      <c r="A1109" s="7" t="s">
        <v>10</v>
      </c>
      <c r="B1109" s="8"/>
      <c r="C1109" s="8" t="s">
        <v>57</v>
      </c>
      <c r="D1109" t="s">
        <v>77</v>
      </c>
      <c r="E1109" s="8" t="s">
        <v>24</v>
      </c>
      <c r="F1109" t="s">
        <v>55</v>
      </c>
      <c r="G1109" t="s">
        <v>19</v>
      </c>
      <c r="H1109" t="s">
        <v>55</v>
      </c>
      <c r="I1109" s="8">
        <v>2028</v>
      </c>
      <c r="J1109" t="s">
        <v>19</v>
      </c>
      <c r="K1109" s="10"/>
      <c r="M1109" s="10"/>
      <c r="N1109">
        <v>0</v>
      </c>
    </row>
    <row r="1110" spans="1:14" hidden="1">
      <c r="A1110" s="7" t="s">
        <v>10</v>
      </c>
      <c r="B1110" s="8"/>
      <c r="C1110" s="8" t="s">
        <v>57</v>
      </c>
      <c r="D1110" t="s">
        <v>77</v>
      </c>
      <c r="E1110" s="8" t="s">
        <v>24</v>
      </c>
      <c r="F1110" t="s">
        <v>55</v>
      </c>
      <c r="G1110" t="s">
        <v>78</v>
      </c>
      <c r="H1110" t="s">
        <v>55</v>
      </c>
      <c r="I1110" s="8">
        <v>2028</v>
      </c>
      <c r="J1110" t="s">
        <v>21</v>
      </c>
      <c r="K1110" s="10"/>
      <c r="M1110" s="10"/>
      <c r="N1110">
        <v>0</v>
      </c>
    </row>
    <row r="1111" spans="1:14" hidden="1">
      <c r="A1111" s="7" t="s">
        <v>10</v>
      </c>
      <c r="B1111" s="8"/>
      <c r="C1111" s="8" t="s">
        <v>57</v>
      </c>
      <c r="D1111" t="s">
        <v>77</v>
      </c>
      <c r="E1111" s="8" t="s">
        <v>24</v>
      </c>
      <c r="F1111" t="s">
        <v>55</v>
      </c>
      <c r="G1111" t="s">
        <v>78</v>
      </c>
      <c r="H1111" t="s">
        <v>55</v>
      </c>
      <c r="I1111" s="8">
        <v>2028</v>
      </c>
      <c r="J1111" t="s">
        <v>51</v>
      </c>
      <c r="K1111" s="10"/>
      <c r="M1111" s="10"/>
      <c r="N1111">
        <v>0</v>
      </c>
    </row>
    <row r="1112" spans="1:14" hidden="1">
      <c r="A1112" s="7" t="s">
        <v>10</v>
      </c>
      <c r="B1112" s="8"/>
      <c r="C1112" s="8" t="s">
        <v>57</v>
      </c>
      <c r="D1112" t="s">
        <v>77</v>
      </c>
      <c r="E1112" s="8" t="s">
        <v>24</v>
      </c>
      <c r="F1112" t="s">
        <v>55</v>
      </c>
      <c r="G1112" t="s">
        <v>78</v>
      </c>
      <c r="H1112" t="s">
        <v>55</v>
      </c>
      <c r="I1112" s="8">
        <v>2029</v>
      </c>
      <c r="J1112" t="s">
        <v>47</v>
      </c>
      <c r="K1112" s="10"/>
      <c r="M1112" s="10"/>
      <c r="N1112">
        <v>0</v>
      </c>
    </row>
    <row r="1113" spans="1:14" hidden="1">
      <c r="A1113" s="7" t="s">
        <v>10</v>
      </c>
      <c r="B1113" s="8"/>
      <c r="C1113" s="8" t="s">
        <v>57</v>
      </c>
      <c r="D1113" t="s">
        <v>77</v>
      </c>
      <c r="E1113" s="8" t="s">
        <v>24</v>
      </c>
      <c r="F1113" t="s">
        <v>55</v>
      </c>
      <c r="G1113" t="s">
        <v>78</v>
      </c>
      <c r="H1113" t="s">
        <v>55</v>
      </c>
      <c r="I1113" s="8">
        <v>2029</v>
      </c>
      <c r="J1113" t="s">
        <v>48</v>
      </c>
      <c r="K1113" s="10"/>
      <c r="M1113" s="10"/>
      <c r="N1113">
        <v>0</v>
      </c>
    </row>
    <row r="1114" spans="1:14" hidden="1">
      <c r="A1114" s="7" t="s">
        <v>10</v>
      </c>
      <c r="B1114" s="8"/>
      <c r="C1114" s="8" t="s">
        <v>57</v>
      </c>
      <c r="D1114" t="s">
        <v>77</v>
      </c>
      <c r="E1114" s="8" t="s">
        <v>24</v>
      </c>
      <c r="F1114" t="s">
        <v>55</v>
      </c>
      <c r="G1114" t="s">
        <v>78</v>
      </c>
      <c r="H1114" t="s">
        <v>55</v>
      </c>
      <c r="I1114" s="8">
        <v>2029</v>
      </c>
      <c r="J1114" t="s">
        <v>14</v>
      </c>
      <c r="K1114" s="10">
        <v>36410</v>
      </c>
      <c r="L1114">
        <v>4356</v>
      </c>
      <c r="M1114" s="10">
        <v>0</v>
      </c>
      <c r="N1114">
        <v>0</v>
      </c>
    </row>
    <row r="1115" spans="1:14" hidden="1">
      <c r="A1115" s="7" t="s">
        <v>10</v>
      </c>
      <c r="B1115" s="8"/>
      <c r="C1115" s="8" t="s">
        <v>57</v>
      </c>
      <c r="D1115" t="s">
        <v>77</v>
      </c>
      <c r="E1115" s="8" t="s">
        <v>24</v>
      </c>
      <c r="F1115" t="s">
        <v>55</v>
      </c>
      <c r="G1115" t="s">
        <v>78</v>
      </c>
      <c r="H1115" t="s">
        <v>55</v>
      </c>
      <c r="I1115" s="8">
        <v>2029</v>
      </c>
      <c r="J1115" t="s">
        <v>49</v>
      </c>
      <c r="K1115" s="10"/>
      <c r="M1115" s="10"/>
      <c r="N1115">
        <v>0</v>
      </c>
    </row>
    <row r="1116" spans="1:14" hidden="1">
      <c r="A1116" s="7" t="s">
        <v>10</v>
      </c>
      <c r="B1116" s="8"/>
      <c r="C1116" s="8" t="s">
        <v>57</v>
      </c>
      <c r="D1116" t="s">
        <v>77</v>
      </c>
      <c r="E1116" s="8" t="s">
        <v>24</v>
      </c>
      <c r="F1116" t="s">
        <v>55</v>
      </c>
      <c r="G1116" t="s">
        <v>79</v>
      </c>
      <c r="H1116" t="s">
        <v>55</v>
      </c>
      <c r="I1116" s="8">
        <v>2029</v>
      </c>
      <c r="J1116" t="s">
        <v>15</v>
      </c>
      <c r="K1116" s="10">
        <v>24365</v>
      </c>
      <c r="L1116">
        <v>10919</v>
      </c>
      <c r="M1116" s="10">
        <v>13446</v>
      </c>
      <c r="N1116">
        <v>0</v>
      </c>
    </row>
    <row r="1117" spans="1:14" hidden="1">
      <c r="A1117" s="7" t="s">
        <v>10</v>
      </c>
      <c r="B1117" s="8"/>
      <c r="C1117" s="8" t="s">
        <v>57</v>
      </c>
      <c r="D1117" t="s">
        <v>77</v>
      </c>
      <c r="E1117" s="8" t="s">
        <v>24</v>
      </c>
      <c r="F1117" t="s">
        <v>55</v>
      </c>
      <c r="G1117" t="s">
        <v>79</v>
      </c>
      <c r="H1117" t="s">
        <v>55</v>
      </c>
      <c r="I1117" s="8">
        <v>2029</v>
      </c>
      <c r="J1117" t="s">
        <v>50</v>
      </c>
      <c r="K1117" s="10"/>
      <c r="M1117" s="10"/>
      <c r="N1117">
        <v>0</v>
      </c>
    </row>
    <row r="1118" spans="1:14" hidden="1">
      <c r="A1118" s="7" t="s">
        <v>10</v>
      </c>
      <c r="B1118" s="8"/>
      <c r="C1118" s="8" t="s">
        <v>57</v>
      </c>
      <c r="D1118" t="s">
        <v>77</v>
      </c>
      <c r="E1118" s="8" t="s">
        <v>24</v>
      </c>
      <c r="F1118" t="s">
        <v>55</v>
      </c>
      <c r="G1118" t="s">
        <v>19</v>
      </c>
      <c r="H1118" t="s">
        <v>55</v>
      </c>
      <c r="I1118" s="8">
        <v>2029</v>
      </c>
      <c r="J1118" t="s">
        <v>19</v>
      </c>
      <c r="K1118" s="10"/>
      <c r="M1118" s="10"/>
      <c r="N1118">
        <v>0</v>
      </c>
    </row>
    <row r="1119" spans="1:14" hidden="1">
      <c r="A1119" s="7" t="s">
        <v>10</v>
      </c>
      <c r="B1119" s="8"/>
      <c r="C1119" s="8" t="s">
        <v>57</v>
      </c>
      <c r="D1119" t="s">
        <v>77</v>
      </c>
      <c r="E1119" s="8" t="s">
        <v>24</v>
      </c>
      <c r="F1119" t="s">
        <v>55</v>
      </c>
      <c r="G1119" t="s">
        <v>78</v>
      </c>
      <c r="H1119" t="s">
        <v>55</v>
      </c>
      <c r="I1119" s="8">
        <v>2029</v>
      </c>
      <c r="J1119" t="s">
        <v>21</v>
      </c>
      <c r="K1119" s="10"/>
      <c r="M1119" s="10"/>
      <c r="N1119">
        <v>0</v>
      </c>
    </row>
    <row r="1120" spans="1:14" hidden="1">
      <c r="A1120" s="7" t="s">
        <v>10</v>
      </c>
      <c r="B1120" s="8"/>
      <c r="C1120" s="8" t="s">
        <v>57</v>
      </c>
      <c r="D1120" t="s">
        <v>77</v>
      </c>
      <c r="E1120" s="8" t="s">
        <v>24</v>
      </c>
      <c r="F1120" t="s">
        <v>55</v>
      </c>
      <c r="G1120" t="s">
        <v>78</v>
      </c>
      <c r="H1120" t="s">
        <v>55</v>
      </c>
      <c r="I1120" s="8">
        <v>2029</v>
      </c>
      <c r="J1120" t="s">
        <v>51</v>
      </c>
      <c r="K1120" s="10"/>
      <c r="M1120" s="10"/>
      <c r="N1120">
        <v>0</v>
      </c>
    </row>
    <row r="1121" spans="1:14" hidden="1">
      <c r="A1121" s="7" t="s">
        <v>10</v>
      </c>
      <c r="B1121" s="8"/>
      <c r="C1121" s="8" t="s">
        <v>57</v>
      </c>
      <c r="D1121" t="s">
        <v>77</v>
      </c>
      <c r="E1121" s="8" t="s">
        <v>24</v>
      </c>
      <c r="F1121" t="s">
        <v>55</v>
      </c>
      <c r="G1121" t="s">
        <v>78</v>
      </c>
      <c r="H1121" t="s">
        <v>55</v>
      </c>
      <c r="I1121" s="8">
        <v>2030</v>
      </c>
      <c r="J1121" t="s">
        <v>47</v>
      </c>
      <c r="K1121" s="10"/>
      <c r="M1121" s="10"/>
      <c r="N1121">
        <v>0</v>
      </c>
    </row>
    <row r="1122" spans="1:14" hidden="1">
      <c r="A1122" s="7" t="s">
        <v>10</v>
      </c>
      <c r="B1122" s="8"/>
      <c r="C1122" s="8" t="s">
        <v>57</v>
      </c>
      <c r="D1122" t="s">
        <v>77</v>
      </c>
      <c r="E1122" s="8" t="s">
        <v>24</v>
      </c>
      <c r="F1122" t="s">
        <v>55</v>
      </c>
      <c r="G1122" t="s">
        <v>78</v>
      </c>
      <c r="H1122" t="s">
        <v>55</v>
      </c>
      <c r="I1122" s="8">
        <v>2030</v>
      </c>
      <c r="J1122" t="s">
        <v>48</v>
      </c>
      <c r="K1122" s="10"/>
      <c r="M1122" s="10"/>
      <c r="N1122">
        <v>0</v>
      </c>
    </row>
    <row r="1123" spans="1:14" hidden="1">
      <c r="A1123" s="7" t="s">
        <v>10</v>
      </c>
      <c r="B1123" s="8"/>
      <c r="C1123" s="8" t="s">
        <v>57</v>
      </c>
      <c r="D1123" t="s">
        <v>77</v>
      </c>
      <c r="E1123" s="8" t="s">
        <v>24</v>
      </c>
      <c r="F1123" t="s">
        <v>55</v>
      </c>
      <c r="G1123" t="s">
        <v>78</v>
      </c>
      <c r="H1123" t="s">
        <v>55</v>
      </c>
      <c r="I1123" s="8">
        <v>2030</v>
      </c>
      <c r="J1123" t="s">
        <v>14</v>
      </c>
      <c r="K1123" s="10">
        <v>39667</v>
      </c>
      <c r="L1123">
        <v>4796</v>
      </c>
      <c r="M1123" s="10">
        <v>0</v>
      </c>
      <c r="N1123">
        <v>0</v>
      </c>
    </row>
    <row r="1124" spans="1:14" hidden="1">
      <c r="A1124" s="7" t="s">
        <v>10</v>
      </c>
      <c r="B1124" s="8"/>
      <c r="C1124" s="8" t="s">
        <v>57</v>
      </c>
      <c r="D1124" t="s">
        <v>77</v>
      </c>
      <c r="E1124" s="8" t="s">
        <v>24</v>
      </c>
      <c r="F1124" t="s">
        <v>55</v>
      </c>
      <c r="G1124" t="s">
        <v>78</v>
      </c>
      <c r="H1124" t="s">
        <v>55</v>
      </c>
      <c r="I1124" s="8">
        <v>2030</v>
      </c>
      <c r="J1124" t="s">
        <v>49</v>
      </c>
      <c r="K1124" s="10"/>
      <c r="M1124" s="10"/>
      <c r="N1124">
        <v>0</v>
      </c>
    </row>
    <row r="1125" spans="1:14" hidden="1">
      <c r="A1125" s="7" t="s">
        <v>10</v>
      </c>
      <c r="B1125" s="8"/>
      <c r="C1125" s="8" t="s">
        <v>57</v>
      </c>
      <c r="D1125" t="s">
        <v>77</v>
      </c>
      <c r="E1125" s="8" t="s">
        <v>24</v>
      </c>
      <c r="F1125" t="s">
        <v>55</v>
      </c>
      <c r="G1125" t="s">
        <v>79</v>
      </c>
      <c r="H1125" t="s">
        <v>55</v>
      </c>
      <c r="I1125" s="8">
        <v>2030</v>
      </c>
      <c r="J1125" t="s">
        <v>15</v>
      </c>
      <c r="K1125" s="10">
        <v>26748</v>
      </c>
      <c r="L1125">
        <v>12508</v>
      </c>
      <c r="M1125" s="10">
        <v>14240</v>
      </c>
      <c r="N1125">
        <v>0</v>
      </c>
    </row>
    <row r="1126" spans="1:14" hidden="1">
      <c r="A1126" s="7" t="s">
        <v>10</v>
      </c>
      <c r="B1126" s="8"/>
      <c r="C1126" s="8" t="s">
        <v>57</v>
      </c>
      <c r="D1126" t="s">
        <v>77</v>
      </c>
      <c r="E1126" s="8" t="s">
        <v>24</v>
      </c>
      <c r="F1126" t="s">
        <v>55</v>
      </c>
      <c r="G1126" t="s">
        <v>79</v>
      </c>
      <c r="H1126" t="s">
        <v>55</v>
      </c>
      <c r="I1126" s="8">
        <v>2030</v>
      </c>
      <c r="J1126" t="s">
        <v>50</v>
      </c>
      <c r="K1126" s="10"/>
      <c r="M1126" s="10"/>
      <c r="N1126">
        <v>0</v>
      </c>
    </row>
    <row r="1127" spans="1:14" hidden="1">
      <c r="A1127" s="7" t="s">
        <v>10</v>
      </c>
      <c r="B1127" s="8"/>
      <c r="C1127" s="8" t="s">
        <v>57</v>
      </c>
      <c r="D1127" t="s">
        <v>77</v>
      </c>
      <c r="E1127" s="8" t="s">
        <v>24</v>
      </c>
      <c r="F1127" t="s">
        <v>55</v>
      </c>
      <c r="G1127" t="s">
        <v>19</v>
      </c>
      <c r="H1127" t="s">
        <v>55</v>
      </c>
      <c r="I1127" s="8">
        <v>2030</v>
      </c>
      <c r="J1127" t="s">
        <v>19</v>
      </c>
      <c r="K1127" s="10"/>
      <c r="M1127" s="10"/>
      <c r="N1127">
        <v>0</v>
      </c>
    </row>
    <row r="1128" spans="1:14" hidden="1">
      <c r="A1128" s="7" t="s">
        <v>10</v>
      </c>
      <c r="B1128" s="8"/>
      <c r="C1128" s="8" t="s">
        <v>57</v>
      </c>
      <c r="D1128" t="s">
        <v>77</v>
      </c>
      <c r="E1128" s="8" t="s">
        <v>24</v>
      </c>
      <c r="F1128" t="s">
        <v>55</v>
      </c>
      <c r="G1128" t="s">
        <v>78</v>
      </c>
      <c r="H1128" t="s">
        <v>55</v>
      </c>
      <c r="I1128" s="8">
        <v>2030</v>
      </c>
      <c r="J1128" t="s">
        <v>21</v>
      </c>
      <c r="K1128" s="10"/>
      <c r="M1128" s="10"/>
      <c r="N1128">
        <v>0</v>
      </c>
    </row>
    <row r="1129" spans="1:14" hidden="1">
      <c r="A1129" s="7" t="s">
        <v>10</v>
      </c>
      <c r="B1129" s="8"/>
      <c r="C1129" s="8" t="s">
        <v>57</v>
      </c>
      <c r="D1129" t="s">
        <v>77</v>
      </c>
      <c r="E1129" s="8" t="s">
        <v>24</v>
      </c>
      <c r="F1129" t="s">
        <v>55</v>
      </c>
      <c r="G1129" t="s">
        <v>78</v>
      </c>
      <c r="H1129" t="s">
        <v>55</v>
      </c>
      <c r="I1129" s="8">
        <v>2030</v>
      </c>
      <c r="J1129" t="s">
        <v>51</v>
      </c>
      <c r="K1129" s="10"/>
      <c r="M1129" s="10"/>
      <c r="N1129">
        <v>0</v>
      </c>
    </row>
    <row r="1130" spans="1:14" hidden="1">
      <c r="A1130" s="7" t="s">
        <v>10</v>
      </c>
      <c r="B1130" s="8"/>
      <c r="C1130" s="8" t="s">
        <v>57</v>
      </c>
      <c r="D1130" t="s">
        <v>77</v>
      </c>
      <c r="E1130" s="8" t="s">
        <v>24</v>
      </c>
      <c r="F1130" t="s">
        <v>55</v>
      </c>
      <c r="G1130" t="s">
        <v>78</v>
      </c>
      <c r="H1130" t="s">
        <v>55</v>
      </c>
      <c r="I1130" s="8">
        <v>2031</v>
      </c>
      <c r="J1130" t="s">
        <v>47</v>
      </c>
      <c r="K1130" s="10"/>
      <c r="M1130" s="10"/>
      <c r="N1130">
        <v>0</v>
      </c>
    </row>
    <row r="1131" spans="1:14" hidden="1">
      <c r="A1131" s="7" t="s">
        <v>10</v>
      </c>
      <c r="B1131" s="8"/>
      <c r="C1131" s="8" t="s">
        <v>57</v>
      </c>
      <c r="D1131" t="s">
        <v>77</v>
      </c>
      <c r="E1131" s="8" t="s">
        <v>24</v>
      </c>
      <c r="F1131" t="s">
        <v>55</v>
      </c>
      <c r="G1131" t="s">
        <v>78</v>
      </c>
      <c r="H1131" t="s">
        <v>55</v>
      </c>
      <c r="I1131" s="8">
        <v>2031</v>
      </c>
      <c r="J1131" t="s">
        <v>48</v>
      </c>
      <c r="K1131" s="10"/>
      <c r="M1131" s="10"/>
      <c r="N1131">
        <v>0</v>
      </c>
    </row>
    <row r="1132" spans="1:14" hidden="1">
      <c r="A1132" s="7" t="s">
        <v>10</v>
      </c>
      <c r="B1132" s="8"/>
      <c r="C1132" s="8" t="s">
        <v>57</v>
      </c>
      <c r="D1132" t="s">
        <v>77</v>
      </c>
      <c r="E1132" s="8" t="s">
        <v>24</v>
      </c>
      <c r="F1132" t="s">
        <v>55</v>
      </c>
      <c r="G1132" t="s">
        <v>78</v>
      </c>
      <c r="H1132" t="s">
        <v>55</v>
      </c>
      <c r="I1132" s="8">
        <v>2031</v>
      </c>
      <c r="J1132" t="s">
        <v>14</v>
      </c>
      <c r="K1132" s="10">
        <v>39179</v>
      </c>
      <c r="L1132">
        <v>4737</v>
      </c>
      <c r="M1132" s="10">
        <v>0</v>
      </c>
      <c r="N1132">
        <v>0</v>
      </c>
    </row>
    <row r="1133" spans="1:14" hidden="1">
      <c r="A1133" s="7" t="s">
        <v>10</v>
      </c>
      <c r="B1133" s="8"/>
      <c r="C1133" s="8" t="s">
        <v>57</v>
      </c>
      <c r="D1133" t="s">
        <v>77</v>
      </c>
      <c r="E1133" s="8" t="s">
        <v>24</v>
      </c>
      <c r="F1133" t="s">
        <v>55</v>
      </c>
      <c r="G1133" t="s">
        <v>78</v>
      </c>
      <c r="H1133" t="s">
        <v>55</v>
      </c>
      <c r="I1133" s="8">
        <v>2031</v>
      </c>
      <c r="J1133" t="s">
        <v>49</v>
      </c>
      <c r="K1133" s="10"/>
      <c r="M1133" s="10"/>
      <c r="N1133">
        <v>0</v>
      </c>
    </row>
    <row r="1134" spans="1:14" hidden="1">
      <c r="A1134" s="7" t="s">
        <v>10</v>
      </c>
      <c r="B1134" s="8"/>
      <c r="C1134" s="8" t="s">
        <v>57</v>
      </c>
      <c r="D1134" t="s">
        <v>77</v>
      </c>
      <c r="E1134" s="8" t="s">
        <v>24</v>
      </c>
      <c r="F1134" t="s">
        <v>55</v>
      </c>
      <c r="G1134" t="s">
        <v>79</v>
      </c>
      <c r="H1134" t="s">
        <v>55</v>
      </c>
      <c r="I1134" s="8">
        <v>2031</v>
      </c>
      <c r="J1134" t="s">
        <v>15</v>
      </c>
      <c r="K1134" s="10">
        <v>26374</v>
      </c>
      <c r="L1134">
        <v>12388</v>
      </c>
      <c r="M1134" s="10">
        <v>13986</v>
      </c>
      <c r="N1134">
        <v>0</v>
      </c>
    </row>
    <row r="1135" spans="1:14" hidden="1">
      <c r="A1135" s="7" t="s">
        <v>10</v>
      </c>
      <c r="B1135" s="8"/>
      <c r="C1135" s="8" t="s">
        <v>57</v>
      </c>
      <c r="D1135" t="s">
        <v>77</v>
      </c>
      <c r="E1135" s="8" t="s">
        <v>24</v>
      </c>
      <c r="F1135" t="s">
        <v>55</v>
      </c>
      <c r="G1135" t="s">
        <v>79</v>
      </c>
      <c r="H1135" t="s">
        <v>55</v>
      </c>
      <c r="I1135" s="8">
        <v>2031</v>
      </c>
      <c r="J1135" t="s">
        <v>50</v>
      </c>
      <c r="K1135" s="10"/>
      <c r="M1135" s="10"/>
      <c r="N1135">
        <v>0</v>
      </c>
    </row>
    <row r="1136" spans="1:14" hidden="1">
      <c r="A1136" s="7" t="s">
        <v>10</v>
      </c>
      <c r="B1136" s="8"/>
      <c r="C1136" s="8" t="s">
        <v>57</v>
      </c>
      <c r="D1136" t="s">
        <v>77</v>
      </c>
      <c r="E1136" s="8" t="s">
        <v>24</v>
      </c>
      <c r="F1136" t="s">
        <v>55</v>
      </c>
      <c r="G1136" t="s">
        <v>19</v>
      </c>
      <c r="H1136" t="s">
        <v>55</v>
      </c>
      <c r="I1136" s="8">
        <v>2031</v>
      </c>
      <c r="J1136" t="s">
        <v>19</v>
      </c>
      <c r="K1136" s="10"/>
      <c r="M1136" s="10"/>
      <c r="N1136">
        <v>0</v>
      </c>
    </row>
    <row r="1137" spans="1:14" hidden="1">
      <c r="A1137" s="7" t="s">
        <v>10</v>
      </c>
      <c r="B1137" s="8"/>
      <c r="C1137" s="8" t="s">
        <v>57</v>
      </c>
      <c r="D1137" t="s">
        <v>77</v>
      </c>
      <c r="E1137" s="8" t="s">
        <v>24</v>
      </c>
      <c r="F1137" t="s">
        <v>55</v>
      </c>
      <c r="G1137" t="s">
        <v>78</v>
      </c>
      <c r="H1137" t="s">
        <v>55</v>
      </c>
      <c r="I1137" s="8">
        <v>2031</v>
      </c>
      <c r="J1137" t="s">
        <v>21</v>
      </c>
      <c r="K1137" s="10"/>
      <c r="M1137" s="10"/>
      <c r="N1137">
        <v>0</v>
      </c>
    </row>
    <row r="1138" spans="1:14" hidden="1">
      <c r="A1138" s="7" t="s">
        <v>10</v>
      </c>
      <c r="B1138" s="8"/>
      <c r="C1138" s="8" t="s">
        <v>57</v>
      </c>
      <c r="D1138" t="s">
        <v>77</v>
      </c>
      <c r="E1138" s="8" t="s">
        <v>24</v>
      </c>
      <c r="F1138" t="s">
        <v>55</v>
      </c>
      <c r="G1138" t="s">
        <v>78</v>
      </c>
      <c r="H1138" t="s">
        <v>55</v>
      </c>
      <c r="I1138" s="8">
        <v>2031</v>
      </c>
      <c r="J1138" t="s">
        <v>51</v>
      </c>
      <c r="K1138" s="10"/>
      <c r="M1138" s="10"/>
      <c r="N1138">
        <v>0</v>
      </c>
    </row>
    <row r="1139" spans="1:14" hidden="1">
      <c r="A1139" s="7" t="s">
        <v>10</v>
      </c>
      <c r="B1139" s="8"/>
      <c r="C1139" s="8" t="s">
        <v>57</v>
      </c>
      <c r="D1139" t="s">
        <v>77</v>
      </c>
      <c r="E1139" s="8" t="s">
        <v>24</v>
      </c>
      <c r="F1139" t="s">
        <v>55</v>
      </c>
      <c r="G1139" t="s">
        <v>78</v>
      </c>
      <c r="H1139" t="s">
        <v>55</v>
      </c>
      <c r="I1139" s="8">
        <v>2032</v>
      </c>
      <c r="J1139" t="s">
        <v>47</v>
      </c>
      <c r="K1139" s="10"/>
      <c r="M1139" s="10"/>
      <c r="N1139">
        <v>0</v>
      </c>
    </row>
    <row r="1140" spans="1:14" hidden="1">
      <c r="A1140" s="7" t="s">
        <v>10</v>
      </c>
      <c r="B1140" s="8"/>
      <c r="C1140" s="8" t="s">
        <v>57</v>
      </c>
      <c r="D1140" t="s">
        <v>77</v>
      </c>
      <c r="E1140" s="8" t="s">
        <v>24</v>
      </c>
      <c r="F1140" t="s">
        <v>55</v>
      </c>
      <c r="G1140" t="s">
        <v>78</v>
      </c>
      <c r="H1140" t="s">
        <v>55</v>
      </c>
      <c r="I1140" s="8">
        <v>2032</v>
      </c>
      <c r="J1140" t="s">
        <v>48</v>
      </c>
      <c r="K1140" s="10"/>
      <c r="M1140" s="10"/>
      <c r="N1140">
        <v>0</v>
      </c>
    </row>
    <row r="1141" spans="1:14" hidden="1">
      <c r="A1141" s="7" t="s">
        <v>10</v>
      </c>
      <c r="B1141" s="8"/>
      <c r="C1141" s="8" t="s">
        <v>57</v>
      </c>
      <c r="D1141" t="s">
        <v>77</v>
      </c>
      <c r="E1141" s="8" t="s">
        <v>24</v>
      </c>
      <c r="F1141" t="s">
        <v>55</v>
      </c>
      <c r="G1141" t="s">
        <v>78</v>
      </c>
      <c r="H1141" t="s">
        <v>55</v>
      </c>
      <c r="I1141" s="8">
        <v>2032</v>
      </c>
      <c r="J1141" t="s">
        <v>14</v>
      </c>
      <c r="K1141" s="10">
        <v>38531</v>
      </c>
      <c r="L1141">
        <v>4666</v>
      </c>
      <c r="M1141" s="10">
        <v>0</v>
      </c>
      <c r="N1141">
        <v>0</v>
      </c>
    </row>
    <row r="1142" spans="1:14" hidden="1">
      <c r="A1142" s="7" t="s">
        <v>10</v>
      </c>
      <c r="B1142" s="8"/>
      <c r="C1142" s="8" t="s">
        <v>57</v>
      </c>
      <c r="D1142" t="s">
        <v>77</v>
      </c>
      <c r="E1142" s="8" t="s">
        <v>24</v>
      </c>
      <c r="F1142" t="s">
        <v>55</v>
      </c>
      <c r="G1142" t="s">
        <v>78</v>
      </c>
      <c r="H1142" t="s">
        <v>55</v>
      </c>
      <c r="I1142" s="8">
        <v>2032</v>
      </c>
      <c r="J1142" t="s">
        <v>49</v>
      </c>
      <c r="K1142" s="10"/>
      <c r="M1142" s="10"/>
      <c r="N1142">
        <v>0</v>
      </c>
    </row>
    <row r="1143" spans="1:14" hidden="1">
      <c r="A1143" s="7" t="s">
        <v>10</v>
      </c>
      <c r="B1143" s="8"/>
      <c r="C1143" s="8" t="s">
        <v>57</v>
      </c>
      <c r="D1143" t="s">
        <v>77</v>
      </c>
      <c r="E1143" s="8" t="s">
        <v>24</v>
      </c>
      <c r="F1143" t="s">
        <v>55</v>
      </c>
      <c r="G1143" t="s">
        <v>79</v>
      </c>
      <c r="H1143" t="s">
        <v>55</v>
      </c>
      <c r="I1143" s="8">
        <v>2032</v>
      </c>
      <c r="J1143" t="s">
        <v>15</v>
      </c>
      <c r="K1143" s="10">
        <v>25985</v>
      </c>
      <c r="L1143">
        <v>12285</v>
      </c>
      <c r="M1143" s="10">
        <v>13700</v>
      </c>
      <c r="N1143">
        <v>0</v>
      </c>
    </row>
    <row r="1144" spans="1:14" hidden="1">
      <c r="A1144" s="7" t="s">
        <v>10</v>
      </c>
      <c r="B1144" s="8"/>
      <c r="C1144" s="8" t="s">
        <v>57</v>
      </c>
      <c r="D1144" t="s">
        <v>77</v>
      </c>
      <c r="E1144" s="8" t="s">
        <v>24</v>
      </c>
      <c r="F1144" t="s">
        <v>55</v>
      </c>
      <c r="G1144" t="s">
        <v>79</v>
      </c>
      <c r="H1144" t="s">
        <v>55</v>
      </c>
      <c r="I1144" s="8">
        <v>2032</v>
      </c>
      <c r="J1144" t="s">
        <v>50</v>
      </c>
      <c r="K1144" s="10"/>
      <c r="M1144" s="10"/>
      <c r="N1144">
        <v>0</v>
      </c>
    </row>
    <row r="1145" spans="1:14" hidden="1">
      <c r="A1145" s="7" t="s">
        <v>10</v>
      </c>
      <c r="B1145" s="8"/>
      <c r="C1145" s="8" t="s">
        <v>57</v>
      </c>
      <c r="D1145" t="s">
        <v>77</v>
      </c>
      <c r="E1145" s="8" t="s">
        <v>24</v>
      </c>
      <c r="F1145" t="s">
        <v>55</v>
      </c>
      <c r="G1145" t="s">
        <v>19</v>
      </c>
      <c r="H1145" t="s">
        <v>55</v>
      </c>
      <c r="I1145" s="8">
        <v>2032</v>
      </c>
      <c r="J1145" t="s">
        <v>19</v>
      </c>
      <c r="K1145" s="10"/>
      <c r="M1145" s="10"/>
      <c r="N1145">
        <v>0</v>
      </c>
    </row>
    <row r="1146" spans="1:14" hidden="1">
      <c r="A1146" s="7" t="s">
        <v>10</v>
      </c>
      <c r="B1146" s="8"/>
      <c r="C1146" s="8" t="s">
        <v>57</v>
      </c>
      <c r="D1146" t="s">
        <v>77</v>
      </c>
      <c r="E1146" s="8" t="s">
        <v>24</v>
      </c>
      <c r="F1146" t="s">
        <v>55</v>
      </c>
      <c r="G1146" t="s">
        <v>78</v>
      </c>
      <c r="H1146" t="s">
        <v>55</v>
      </c>
      <c r="I1146" s="8">
        <v>2032</v>
      </c>
      <c r="J1146" t="s">
        <v>21</v>
      </c>
      <c r="K1146" s="10"/>
      <c r="M1146" s="10"/>
      <c r="N1146">
        <v>0</v>
      </c>
    </row>
    <row r="1147" spans="1:14" hidden="1">
      <c r="A1147" s="7" t="s">
        <v>10</v>
      </c>
      <c r="B1147" s="8"/>
      <c r="C1147" s="8" t="s">
        <v>57</v>
      </c>
      <c r="D1147" t="s">
        <v>77</v>
      </c>
      <c r="E1147" s="8" t="s">
        <v>24</v>
      </c>
      <c r="F1147" t="s">
        <v>55</v>
      </c>
      <c r="G1147" t="s">
        <v>78</v>
      </c>
      <c r="H1147" t="s">
        <v>55</v>
      </c>
      <c r="I1147" s="8">
        <v>2032</v>
      </c>
      <c r="J1147" t="s">
        <v>51</v>
      </c>
      <c r="K1147" s="10"/>
      <c r="M1147" s="10"/>
      <c r="N1147">
        <v>0</v>
      </c>
    </row>
    <row r="1148" spans="1:14" hidden="1">
      <c r="A1148" s="7" t="s">
        <v>10</v>
      </c>
      <c r="B1148" s="8"/>
      <c r="C1148" s="8" t="s">
        <v>57</v>
      </c>
      <c r="D1148" t="s">
        <v>77</v>
      </c>
      <c r="E1148" s="8" t="s">
        <v>24</v>
      </c>
      <c r="F1148" t="s">
        <v>55</v>
      </c>
      <c r="G1148" t="s">
        <v>78</v>
      </c>
      <c r="H1148" t="s">
        <v>55</v>
      </c>
      <c r="I1148" s="8">
        <v>2033</v>
      </c>
      <c r="J1148" t="s">
        <v>47</v>
      </c>
      <c r="K1148" s="10"/>
      <c r="M1148" s="10"/>
      <c r="N1148">
        <v>0</v>
      </c>
    </row>
    <row r="1149" spans="1:14" hidden="1">
      <c r="A1149" s="7" t="s">
        <v>10</v>
      </c>
      <c r="B1149" s="8"/>
      <c r="C1149" s="8" t="s">
        <v>57</v>
      </c>
      <c r="D1149" t="s">
        <v>77</v>
      </c>
      <c r="E1149" s="8" t="s">
        <v>24</v>
      </c>
      <c r="F1149" t="s">
        <v>55</v>
      </c>
      <c r="G1149" t="s">
        <v>78</v>
      </c>
      <c r="H1149" t="s">
        <v>55</v>
      </c>
      <c r="I1149" s="8">
        <v>2033</v>
      </c>
      <c r="J1149" t="s">
        <v>48</v>
      </c>
      <c r="K1149" s="10"/>
      <c r="M1149" s="10"/>
      <c r="N1149">
        <v>0</v>
      </c>
    </row>
    <row r="1150" spans="1:14" hidden="1">
      <c r="A1150" s="7" t="s">
        <v>10</v>
      </c>
      <c r="B1150" s="8"/>
      <c r="C1150" s="8" t="s">
        <v>57</v>
      </c>
      <c r="D1150" t="s">
        <v>77</v>
      </c>
      <c r="E1150" s="8" t="s">
        <v>24</v>
      </c>
      <c r="F1150" t="s">
        <v>55</v>
      </c>
      <c r="G1150" t="s">
        <v>78</v>
      </c>
      <c r="H1150" t="s">
        <v>55</v>
      </c>
      <c r="I1150" s="8">
        <v>2033</v>
      </c>
      <c r="J1150" t="s">
        <v>14</v>
      </c>
      <c r="K1150" s="10">
        <v>38821</v>
      </c>
      <c r="L1150">
        <v>4715</v>
      </c>
      <c r="M1150" s="10">
        <v>0</v>
      </c>
      <c r="N1150">
        <v>0</v>
      </c>
    </row>
    <row r="1151" spans="1:14" hidden="1">
      <c r="A1151" s="7" t="s">
        <v>10</v>
      </c>
      <c r="B1151" s="8"/>
      <c r="C1151" s="8" t="s">
        <v>57</v>
      </c>
      <c r="D1151" t="s">
        <v>77</v>
      </c>
      <c r="E1151" s="8" t="s">
        <v>24</v>
      </c>
      <c r="F1151" t="s">
        <v>55</v>
      </c>
      <c r="G1151" t="s">
        <v>78</v>
      </c>
      <c r="H1151" t="s">
        <v>55</v>
      </c>
      <c r="I1151" s="8">
        <v>2033</v>
      </c>
      <c r="J1151" t="s">
        <v>49</v>
      </c>
      <c r="K1151" s="10"/>
      <c r="M1151" s="10"/>
      <c r="N1151">
        <v>0</v>
      </c>
    </row>
    <row r="1152" spans="1:14" hidden="1">
      <c r="A1152" s="7" t="s">
        <v>10</v>
      </c>
      <c r="B1152" s="8"/>
      <c r="C1152" s="8" t="s">
        <v>57</v>
      </c>
      <c r="D1152" t="s">
        <v>77</v>
      </c>
      <c r="E1152" s="8" t="s">
        <v>24</v>
      </c>
      <c r="F1152" t="s">
        <v>55</v>
      </c>
      <c r="G1152" t="s">
        <v>79</v>
      </c>
      <c r="H1152" t="s">
        <v>55</v>
      </c>
      <c r="I1152" s="8">
        <v>2033</v>
      </c>
      <c r="J1152" t="s">
        <v>15</v>
      </c>
      <c r="K1152" s="10">
        <v>26297</v>
      </c>
      <c r="L1152">
        <v>12436</v>
      </c>
      <c r="M1152" s="10">
        <v>13861</v>
      </c>
      <c r="N1152">
        <v>0</v>
      </c>
    </row>
    <row r="1153" spans="1:14" hidden="1">
      <c r="A1153" s="7" t="s">
        <v>10</v>
      </c>
      <c r="B1153" s="8"/>
      <c r="C1153" s="8" t="s">
        <v>57</v>
      </c>
      <c r="D1153" t="s">
        <v>77</v>
      </c>
      <c r="E1153" s="8" t="s">
        <v>24</v>
      </c>
      <c r="F1153" t="s">
        <v>55</v>
      </c>
      <c r="G1153" t="s">
        <v>79</v>
      </c>
      <c r="H1153" t="s">
        <v>55</v>
      </c>
      <c r="I1153" s="8">
        <v>2033</v>
      </c>
      <c r="J1153" t="s">
        <v>50</v>
      </c>
      <c r="K1153" s="10"/>
      <c r="M1153" s="10"/>
      <c r="N1153">
        <v>0</v>
      </c>
    </row>
    <row r="1154" spans="1:14" hidden="1">
      <c r="A1154" s="7" t="s">
        <v>10</v>
      </c>
      <c r="B1154" s="8"/>
      <c r="C1154" s="8" t="s">
        <v>57</v>
      </c>
      <c r="D1154" t="s">
        <v>77</v>
      </c>
      <c r="E1154" s="8" t="s">
        <v>24</v>
      </c>
      <c r="F1154" t="s">
        <v>55</v>
      </c>
      <c r="G1154" t="s">
        <v>19</v>
      </c>
      <c r="H1154" t="s">
        <v>55</v>
      </c>
      <c r="I1154" s="8">
        <v>2033</v>
      </c>
      <c r="J1154" t="s">
        <v>19</v>
      </c>
      <c r="K1154" s="10"/>
      <c r="M1154" s="10"/>
      <c r="N1154">
        <v>0</v>
      </c>
    </row>
    <row r="1155" spans="1:14" hidden="1">
      <c r="A1155" s="7" t="s">
        <v>10</v>
      </c>
      <c r="B1155" s="8"/>
      <c r="C1155" s="8" t="s">
        <v>57</v>
      </c>
      <c r="D1155" t="s">
        <v>77</v>
      </c>
      <c r="E1155" s="8" t="s">
        <v>24</v>
      </c>
      <c r="F1155" t="s">
        <v>55</v>
      </c>
      <c r="G1155" t="s">
        <v>78</v>
      </c>
      <c r="H1155" t="s">
        <v>55</v>
      </c>
      <c r="I1155" s="8">
        <v>2033</v>
      </c>
      <c r="J1155" t="s">
        <v>21</v>
      </c>
      <c r="K1155" s="10"/>
      <c r="M1155" s="10"/>
      <c r="N1155">
        <v>0</v>
      </c>
    </row>
    <row r="1156" spans="1:14" hidden="1">
      <c r="A1156" s="7" t="s">
        <v>10</v>
      </c>
      <c r="B1156" s="8"/>
      <c r="C1156" s="8" t="s">
        <v>57</v>
      </c>
      <c r="D1156" t="s">
        <v>77</v>
      </c>
      <c r="E1156" s="8" t="s">
        <v>24</v>
      </c>
      <c r="F1156" t="s">
        <v>55</v>
      </c>
      <c r="G1156" t="s">
        <v>78</v>
      </c>
      <c r="H1156" t="s">
        <v>55</v>
      </c>
      <c r="I1156" s="8">
        <v>2033</v>
      </c>
      <c r="J1156" t="s">
        <v>51</v>
      </c>
      <c r="K1156" s="10"/>
      <c r="M1156" s="10"/>
      <c r="N1156">
        <v>0</v>
      </c>
    </row>
    <row r="1157" spans="1:14" hidden="1">
      <c r="A1157" s="7" t="s">
        <v>10</v>
      </c>
      <c r="B1157" s="8"/>
      <c r="C1157" s="8" t="s">
        <v>57</v>
      </c>
      <c r="D1157" t="s">
        <v>77</v>
      </c>
      <c r="E1157" s="8" t="s">
        <v>24</v>
      </c>
      <c r="F1157" t="s">
        <v>55</v>
      </c>
      <c r="G1157" t="s">
        <v>78</v>
      </c>
      <c r="H1157" t="s">
        <v>55</v>
      </c>
      <c r="I1157" s="8">
        <v>2034</v>
      </c>
      <c r="J1157" t="s">
        <v>47</v>
      </c>
      <c r="K1157" s="10"/>
      <c r="M1157" s="10"/>
      <c r="N1157">
        <v>0</v>
      </c>
    </row>
    <row r="1158" spans="1:14" hidden="1">
      <c r="A1158" s="7" t="s">
        <v>10</v>
      </c>
      <c r="B1158" s="8"/>
      <c r="C1158" s="8" t="s">
        <v>57</v>
      </c>
      <c r="D1158" t="s">
        <v>77</v>
      </c>
      <c r="E1158" s="8" t="s">
        <v>24</v>
      </c>
      <c r="F1158" t="s">
        <v>55</v>
      </c>
      <c r="G1158" t="s">
        <v>78</v>
      </c>
      <c r="H1158" t="s">
        <v>55</v>
      </c>
      <c r="I1158" s="8">
        <v>2034</v>
      </c>
      <c r="J1158" t="s">
        <v>48</v>
      </c>
      <c r="K1158" s="10"/>
      <c r="M1158" s="10"/>
      <c r="N1158">
        <v>0</v>
      </c>
    </row>
    <row r="1159" spans="1:14" hidden="1">
      <c r="A1159" s="7" t="s">
        <v>10</v>
      </c>
      <c r="B1159" s="8"/>
      <c r="C1159" s="8" t="s">
        <v>57</v>
      </c>
      <c r="D1159" t="s">
        <v>77</v>
      </c>
      <c r="E1159" s="8" t="s">
        <v>24</v>
      </c>
      <c r="F1159" t="s">
        <v>55</v>
      </c>
      <c r="G1159" t="s">
        <v>78</v>
      </c>
      <c r="H1159" t="s">
        <v>55</v>
      </c>
      <c r="I1159" s="8">
        <v>2034</v>
      </c>
      <c r="J1159" t="s">
        <v>14</v>
      </c>
      <c r="K1159" s="10">
        <v>38591</v>
      </c>
      <c r="L1159">
        <v>4689</v>
      </c>
      <c r="M1159" s="10">
        <v>0</v>
      </c>
      <c r="N1159">
        <v>0</v>
      </c>
    </row>
    <row r="1160" spans="1:14" hidden="1">
      <c r="A1160" s="7" t="s">
        <v>10</v>
      </c>
      <c r="B1160" s="8"/>
      <c r="C1160" s="8" t="s">
        <v>57</v>
      </c>
      <c r="D1160" t="s">
        <v>77</v>
      </c>
      <c r="E1160" s="8" t="s">
        <v>24</v>
      </c>
      <c r="F1160" t="s">
        <v>55</v>
      </c>
      <c r="G1160" t="s">
        <v>78</v>
      </c>
      <c r="H1160" t="s">
        <v>55</v>
      </c>
      <c r="I1160" s="8">
        <v>2034</v>
      </c>
      <c r="J1160" t="s">
        <v>49</v>
      </c>
      <c r="K1160" s="10"/>
      <c r="M1160" s="10"/>
      <c r="N1160">
        <v>0</v>
      </c>
    </row>
    <row r="1161" spans="1:14" hidden="1">
      <c r="A1161" s="7" t="s">
        <v>10</v>
      </c>
      <c r="B1161" s="8"/>
      <c r="C1161" s="8" t="s">
        <v>57</v>
      </c>
      <c r="D1161" t="s">
        <v>77</v>
      </c>
      <c r="E1161" s="8" t="s">
        <v>24</v>
      </c>
      <c r="F1161" t="s">
        <v>55</v>
      </c>
      <c r="G1161" t="s">
        <v>79</v>
      </c>
      <c r="H1161" t="s">
        <v>55</v>
      </c>
      <c r="I1161" s="8">
        <v>2034</v>
      </c>
      <c r="J1161" t="s">
        <v>15</v>
      </c>
      <c r="K1161" s="10">
        <v>26124</v>
      </c>
      <c r="L1161">
        <v>12388</v>
      </c>
      <c r="M1161" s="10">
        <v>13736</v>
      </c>
      <c r="N1161">
        <v>0</v>
      </c>
    </row>
    <row r="1162" spans="1:14" hidden="1">
      <c r="A1162" s="7" t="s">
        <v>10</v>
      </c>
      <c r="B1162" s="8"/>
      <c r="C1162" s="8" t="s">
        <v>57</v>
      </c>
      <c r="D1162" t="s">
        <v>77</v>
      </c>
      <c r="E1162" s="8" t="s">
        <v>24</v>
      </c>
      <c r="F1162" t="s">
        <v>55</v>
      </c>
      <c r="G1162" t="s">
        <v>79</v>
      </c>
      <c r="H1162" t="s">
        <v>55</v>
      </c>
      <c r="I1162" s="8">
        <v>2034</v>
      </c>
      <c r="J1162" t="s">
        <v>50</v>
      </c>
      <c r="K1162" s="10"/>
      <c r="M1162" s="10"/>
      <c r="N1162">
        <v>0</v>
      </c>
    </row>
    <row r="1163" spans="1:14" hidden="1">
      <c r="A1163" s="7" t="s">
        <v>10</v>
      </c>
      <c r="B1163" s="8"/>
      <c r="C1163" s="8" t="s">
        <v>57</v>
      </c>
      <c r="D1163" t="s">
        <v>77</v>
      </c>
      <c r="E1163" s="8" t="s">
        <v>24</v>
      </c>
      <c r="F1163" t="s">
        <v>55</v>
      </c>
      <c r="G1163" t="s">
        <v>19</v>
      </c>
      <c r="H1163" t="s">
        <v>55</v>
      </c>
      <c r="I1163" s="8">
        <v>2034</v>
      </c>
      <c r="J1163" t="s">
        <v>19</v>
      </c>
      <c r="K1163" s="10"/>
      <c r="M1163" s="10"/>
      <c r="N1163">
        <v>0</v>
      </c>
    </row>
    <row r="1164" spans="1:14" hidden="1">
      <c r="A1164" s="7" t="s">
        <v>10</v>
      </c>
      <c r="B1164" s="8"/>
      <c r="C1164" s="8" t="s">
        <v>57</v>
      </c>
      <c r="D1164" t="s">
        <v>77</v>
      </c>
      <c r="E1164" s="8" t="s">
        <v>24</v>
      </c>
      <c r="F1164" t="s">
        <v>55</v>
      </c>
      <c r="G1164" t="s">
        <v>78</v>
      </c>
      <c r="H1164" t="s">
        <v>55</v>
      </c>
      <c r="I1164" s="8">
        <v>2034</v>
      </c>
      <c r="J1164" t="s">
        <v>21</v>
      </c>
      <c r="K1164" s="10"/>
      <c r="M1164" s="10"/>
      <c r="N1164">
        <v>0</v>
      </c>
    </row>
    <row r="1165" spans="1:14" hidden="1">
      <c r="A1165" s="7" t="s">
        <v>10</v>
      </c>
      <c r="B1165" s="8"/>
      <c r="C1165" s="8" t="s">
        <v>57</v>
      </c>
      <c r="D1165" t="s">
        <v>77</v>
      </c>
      <c r="E1165" s="8" t="s">
        <v>24</v>
      </c>
      <c r="F1165" t="s">
        <v>55</v>
      </c>
      <c r="G1165" t="s">
        <v>78</v>
      </c>
      <c r="H1165" t="s">
        <v>55</v>
      </c>
      <c r="I1165" s="8">
        <v>2034</v>
      </c>
      <c r="J1165" t="s">
        <v>51</v>
      </c>
      <c r="K1165" s="10"/>
      <c r="M1165" s="10"/>
      <c r="N1165">
        <v>0</v>
      </c>
    </row>
    <row r="1166" spans="1:14" hidden="1">
      <c r="A1166" s="7" t="s">
        <v>10</v>
      </c>
      <c r="B1166" s="8"/>
      <c r="C1166" s="8" t="s">
        <v>58</v>
      </c>
      <c r="D1166" t="s">
        <v>77</v>
      </c>
      <c r="E1166" s="8" t="s">
        <v>24</v>
      </c>
      <c r="F1166" t="s">
        <v>55</v>
      </c>
      <c r="G1166" t="s">
        <v>78</v>
      </c>
      <c r="H1166" t="s">
        <v>55</v>
      </c>
      <c r="I1166" s="8">
        <v>2025</v>
      </c>
      <c r="J1166" t="s">
        <v>47</v>
      </c>
      <c r="K1166" s="10"/>
      <c r="M1166" s="10"/>
      <c r="N1166">
        <v>0</v>
      </c>
    </row>
    <row r="1167" spans="1:14" hidden="1">
      <c r="A1167" s="7" t="s">
        <v>10</v>
      </c>
      <c r="B1167" s="8"/>
      <c r="C1167" s="8" t="s">
        <v>58</v>
      </c>
      <c r="D1167" t="s">
        <v>77</v>
      </c>
      <c r="E1167" s="8" t="s">
        <v>24</v>
      </c>
      <c r="F1167" t="s">
        <v>55</v>
      </c>
      <c r="G1167" t="s">
        <v>78</v>
      </c>
      <c r="H1167" t="s">
        <v>55</v>
      </c>
      <c r="I1167" s="8">
        <v>2025</v>
      </c>
      <c r="J1167" t="s">
        <v>48</v>
      </c>
      <c r="K1167" s="10"/>
      <c r="M1167" s="10"/>
      <c r="N1167">
        <v>0</v>
      </c>
    </row>
    <row r="1168" spans="1:14" hidden="1">
      <c r="A1168" s="7" t="s">
        <v>10</v>
      </c>
      <c r="B1168" s="8"/>
      <c r="C1168" s="8" t="s">
        <v>58</v>
      </c>
      <c r="D1168" t="s">
        <v>77</v>
      </c>
      <c r="E1168" s="8" t="s">
        <v>24</v>
      </c>
      <c r="F1168" t="s">
        <v>55</v>
      </c>
      <c r="G1168" t="s">
        <v>78</v>
      </c>
      <c r="H1168" t="s">
        <v>55</v>
      </c>
      <c r="I1168" s="8">
        <v>2025</v>
      </c>
      <c r="J1168" t="s">
        <v>14</v>
      </c>
      <c r="K1168" s="10">
        <v>0</v>
      </c>
      <c r="L1168">
        <v>0</v>
      </c>
      <c r="M1168" s="10">
        <v>0</v>
      </c>
      <c r="N1168">
        <v>0</v>
      </c>
    </row>
    <row r="1169" spans="1:14" hidden="1">
      <c r="A1169" s="7" t="s">
        <v>10</v>
      </c>
      <c r="B1169" s="8"/>
      <c r="C1169" s="8" t="s">
        <v>58</v>
      </c>
      <c r="D1169" t="s">
        <v>77</v>
      </c>
      <c r="E1169" s="8" t="s">
        <v>24</v>
      </c>
      <c r="F1169" t="s">
        <v>55</v>
      </c>
      <c r="G1169" t="s">
        <v>78</v>
      </c>
      <c r="H1169" t="s">
        <v>55</v>
      </c>
      <c r="I1169" s="8">
        <v>2025</v>
      </c>
      <c r="J1169" t="s">
        <v>49</v>
      </c>
      <c r="K1169" s="10"/>
      <c r="M1169" s="10"/>
      <c r="N1169">
        <v>0</v>
      </c>
    </row>
    <row r="1170" spans="1:14" hidden="1">
      <c r="A1170" s="7" t="s">
        <v>10</v>
      </c>
      <c r="B1170" s="8"/>
      <c r="C1170" s="8" t="s">
        <v>58</v>
      </c>
      <c r="D1170" t="s">
        <v>77</v>
      </c>
      <c r="E1170" s="8" t="s">
        <v>24</v>
      </c>
      <c r="F1170" t="s">
        <v>55</v>
      </c>
      <c r="G1170" t="s">
        <v>79</v>
      </c>
      <c r="H1170" t="s">
        <v>55</v>
      </c>
      <c r="I1170" s="8">
        <v>2025</v>
      </c>
      <c r="J1170" t="s">
        <v>15</v>
      </c>
      <c r="K1170" s="10">
        <v>0</v>
      </c>
      <c r="L1170">
        <v>0</v>
      </c>
      <c r="M1170" s="10">
        <v>0</v>
      </c>
      <c r="N1170">
        <v>0</v>
      </c>
    </row>
    <row r="1171" spans="1:14" hidden="1">
      <c r="A1171" s="7" t="s">
        <v>10</v>
      </c>
      <c r="B1171" s="8"/>
      <c r="C1171" s="8" t="s">
        <v>58</v>
      </c>
      <c r="D1171" t="s">
        <v>77</v>
      </c>
      <c r="E1171" s="8" t="s">
        <v>24</v>
      </c>
      <c r="F1171" t="s">
        <v>55</v>
      </c>
      <c r="G1171" t="s">
        <v>79</v>
      </c>
      <c r="H1171" t="s">
        <v>55</v>
      </c>
      <c r="I1171" s="8">
        <v>2025</v>
      </c>
      <c r="J1171" t="s">
        <v>50</v>
      </c>
      <c r="K1171" s="10"/>
      <c r="M1171" s="10"/>
      <c r="N1171">
        <v>0</v>
      </c>
    </row>
    <row r="1172" spans="1:14" hidden="1">
      <c r="A1172" s="7" t="s">
        <v>10</v>
      </c>
      <c r="B1172" s="8"/>
      <c r="C1172" s="8" t="s">
        <v>58</v>
      </c>
      <c r="D1172" t="s">
        <v>77</v>
      </c>
      <c r="E1172" s="8" t="s">
        <v>24</v>
      </c>
      <c r="F1172" t="s">
        <v>55</v>
      </c>
      <c r="G1172" t="s">
        <v>19</v>
      </c>
      <c r="H1172" t="s">
        <v>55</v>
      </c>
      <c r="I1172" s="8">
        <v>2025</v>
      </c>
      <c r="J1172" t="s">
        <v>19</v>
      </c>
      <c r="K1172" s="10"/>
      <c r="M1172" s="10"/>
      <c r="N1172">
        <v>0</v>
      </c>
    </row>
    <row r="1173" spans="1:14" hidden="1">
      <c r="A1173" s="7" t="s">
        <v>10</v>
      </c>
      <c r="B1173" s="8"/>
      <c r="C1173" s="8" t="s">
        <v>58</v>
      </c>
      <c r="D1173" t="s">
        <v>77</v>
      </c>
      <c r="E1173" s="8" t="s">
        <v>24</v>
      </c>
      <c r="F1173" t="s">
        <v>55</v>
      </c>
      <c r="G1173" t="s">
        <v>78</v>
      </c>
      <c r="H1173" t="s">
        <v>55</v>
      </c>
      <c r="I1173" s="8">
        <v>2025</v>
      </c>
      <c r="J1173" t="s">
        <v>21</v>
      </c>
      <c r="K1173" s="10"/>
      <c r="M1173" s="10"/>
      <c r="N1173">
        <v>0</v>
      </c>
    </row>
    <row r="1174" spans="1:14" hidden="1">
      <c r="A1174" s="7" t="s">
        <v>10</v>
      </c>
      <c r="B1174" s="8"/>
      <c r="C1174" s="8" t="s">
        <v>58</v>
      </c>
      <c r="D1174" t="s">
        <v>77</v>
      </c>
      <c r="E1174" s="8" t="s">
        <v>24</v>
      </c>
      <c r="F1174" t="s">
        <v>55</v>
      </c>
      <c r="G1174" t="s">
        <v>78</v>
      </c>
      <c r="H1174" t="s">
        <v>55</v>
      </c>
      <c r="I1174" s="8">
        <v>2025</v>
      </c>
      <c r="J1174" t="s">
        <v>51</v>
      </c>
      <c r="K1174" s="10"/>
      <c r="M1174" s="10"/>
      <c r="N1174">
        <v>0</v>
      </c>
    </row>
    <row r="1175" spans="1:14" hidden="1">
      <c r="A1175" s="7" t="s">
        <v>10</v>
      </c>
      <c r="B1175" s="8"/>
      <c r="C1175" s="8" t="s">
        <v>58</v>
      </c>
      <c r="D1175" t="s">
        <v>77</v>
      </c>
      <c r="E1175" s="8" t="s">
        <v>24</v>
      </c>
      <c r="F1175" t="s">
        <v>55</v>
      </c>
      <c r="G1175" t="s">
        <v>78</v>
      </c>
      <c r="H1175" t="s">
        <v>55</v>
      </c>
      <c r="I1175" s="8">
        <v>2026</v>
      </c>
      <c r="J1175" t="s">
        <v>47</v>
      </c>
      <c r="K1175" s="10"/>
      <c r="M1175" s="10"/>
      <c r="N1175">
        <v>0</v>
      </c>
    </row>
    <row r="1176" spans="1:14" hidden="1">
      <c r="A1176" s="7" t="s">
        <v>10</v>
      </c>
      <c r="B1176" s="8"/>
      <c r="C1176" s="8" t="s">
        <v>58</v>
      </c>
      <c r="D1176" t="s">
        <v>77</v>
      </c>
      <c r="E1176" s="8" t="s">
        <v>24</v>
      </c>
      <c r="F1176" t="s">
        <v>55</v>
      </c>
      <c r="G1176" t="s">
        <v>78</v>
      </c>
      <c r="H1176" t="s">
        <v>55</v>
      </c>
      <c r="I1176" s="8">
        <v>2026</v>
      </c>
      <c r="J1176" t="s">
        <v>48</v>
      </c>
      <c r="K1176" s="10"/>
      <c r="M1176" s="10"/>
      <c r="N1176">
        <v>0</v>
      </c>
    </row>
    <row r="1177" spans="1:14" hidden="1">
      <c r="A1177" s="7" t="s">
        <v>10</v>
      </c>
      <c r="B1177" s="8"/>
      <c r="C1177" s="8" t="s">
        <v>58</v>
      </c>
      <c r="D1177" t="s">
        <v>77</v>
      </c>
      <c r="E1177" s="8" t="s">
        <v>24</v>
      </c>
      <c r="F1177" t="s">
        <v>55</v>
      </c>
      <c r="G1177" t="s">
        <v>78</v>
      </c>
      <c r="H1177" t="s">
        <v>55</v>
      </c>
      <c r="I1177" s="8">
        <v>2026</v>
      </c>
      <c r="J1177" t="s">
        <v>14</v>
      </c>
      <c r="K1177" s="10">
        <v>434</v>
      </c>
      <c r="L1177">
        <v>59</v>
      </c>
      <c r="M1177" s="10">
        <v>0</v>
      </c>
      <c r="N1177">
        <v>0</v>
      </c>
    </row>
    <row r="1178" spans="1:14" hidden="1">
      <c r="A1178" s="7" t="s">
        <v>10</v>
      </c>
      <c r="B1178" s="8"/>
      <c r="C1178" s="8" t="s">
        <v>58</v>
      </c>
      <c r="D1178" t="s">
        <v>77</v>
      </c>
      <c r="E1178" s="8" t="s">
        <v>24</v>
      </c>
      <c r="F1178" t="s">
        <v>55</v>
      </c>
      <c r="G1178" t="s">
        <v>78</v>
      </c>
      <c r="H1178" t="s">
        <v>55</v>
      </c>
      <c r="I1178" s="8">
        <v>2026</v>
      </c>
      <c r="J1178" t="s">
        <v>49</v>
      </c>
      <c r="K1178" s="10"/>
      <c r="M1178" s="10"/>
      <c r="N1178">
        <v>0</v>
      </c>
    </row>
    <row r="1179" spans="1:14" hidden="1">
      <c r="A1179" s="7" t="s">
        <v>10</v>
      </c>
      <c r="B1179" s="8"/>
      <c r="C1179" s="8" t="s">
        <v>58</v>
      </c>
      <c r="D1179" t="s">
        <v>77</v>
      </c>
      <c r="E1179" s="8" t="s">
        <v>24</v>
      </c>
      <c r="F1179" t="s">
        <v>55</v>
      </c>
      <c r="G1179" t="s">
        <v>79</v>
      </c>
      <c r="H1179" t="s">
        <v>55</v>
      </c>
      <c r="I1179" s="8">
        <v>2026</v>
      </c>
      <c r="J1179" t="s">
        <v>15</v>
      </c>
      <c r="K1179" s="10">
        <v>183</v>
      </c>
      <c r="L1179">
        <v>108</v>
      </c>
      <c r="M1179" s="10">
        <v>75</v>
      </c>
      <c r="N1179">
        <v>0</v>
      </c>
    </row>
    <row r="1180" spans="1:14" hidden="1">
      <c r="A1180" s="7" t="s">
        <v>10</v>
      </c>
      <c r="B1180" s="8"/>
      <c r="C1180" s="8" t="s">
        <v>58</v>
      </c>
      <c r="D1180" t="s">
        <v>77</v>
      </c>
      <c r="E1180" s="8" t="s">
        <v>24</v>
      </c>
      <c r="F1180" t="s">
        <v>55</v>
      </c>
      <c r="G1180" t="s">
        <v>79</v>
      </c>
      <c r="H1180" t="s">
        <v>55</v>
      </c>
      <c r="I1180" s="8">
        <v>2026</v>
      </c>
      <c r="J1180" t="s">
        <v>50</v>
      </c>
      <c r="K1180" s="10"/>
      <c r="M1180" s="10"/>
      <c r="N1180">
        <v>0</v>
      </c>
    </row>
    <row r="1181" spans="1:14" hidden="1">
      <c r="A1181" s="7" t="s">
        <v>10</v>
      </c>
      <c r="B1181" s="8"/>
      <c r="C1181" s="8" t="s">
        <v>58</v>
      </c>
      <c r="D1181" t="s">
        <v>77</v>
      </c>
      <c r="E1181" s="8" t="s">
        <v>24</v>
      </c>
      <c r="F1181" t="s">
        <v>55</v>
      </c>
      <c r="G1181" t="s">
        <v>19</v>
      </c>
      <c r="H1181" t="s">
        <v>55</v>
      </c>
      <c r="I1181" s="8">
        <v>2026</v>
      </c>
      <c r="J1181" t="s">
        <v>19</v>
      </c>
      <c r="K1181" s="10"/>
      <c r="M1181" s="10"/>
      <c r="N1181">
        <v>0</v>
      </c>
    </row>
    <row r="1182" spans="1:14" hidden="1">
      <c r="A1182" s="7" t="s">
        <v>10</v>
      </c>
      <c r="B1182" s="8"/>
      <c r="C1182" s="8" t="s">
        <v>58</v>
      </c>
      <c r="D1182" t="s">
        <v>77</v>
      </c>
      <c r="E1182" s="8" t="s">
        <v>24</v>
      </c>
      <c r="F1182" t="s">
        <v>55</v>
      </c>
      <c r="G1182" t="s">
        <v>78</v>
      </c>
      <c r="H1182" t="s">
        <v>55</v>
      </c>
      <c r="I1182" s="8">
        <v>2026</v>
      </c>
      <c r="J1182" t="s">
        <v>21</v>
      </c>
      <c r="K1182" s="10"/>
      <c r="M1182" s="10"/>
      <c r="N1182">
        <v>0</v>
      </c>
    </row>
    <row r="1183" spans="1:14" hidden="1">
      <c r="A1183" s="7" t="s">
        <v>10</v>
      </c>
      <c r="B1183" s="8"/>
      <c r="C1183" s="8" t="s">
        <v>58</v>
      </c>
      <c r="D1183" t="s">
        <v>77</v>
      </c>
      <c r="E1183" s="8" t="s">
        <v>24</v>
      </c>
      <c r="F1183" t="s">
        <v>55</v>
      </c>
      <c r="G1183" t="s">
        <v>78</v>
      </c>
      <c r="H1183" t="s">
        <v>55</v>
      </c>
      <c r="I1183" s="8">
        <v>2026</v>
      </c>
      <c r="J1183" t="s">
        <v>51</v>
      </c>
      <c r="K1183" s="10"/>
      <c r="M1183" s="10"/>
      <c r="N1183">
        <v>0</v>
      </c>
    </row>
    <row r="1184" spans="1:14" hidden="1">
      <c r="A1184" s="7" t="s">
        <v>10</v>
      </c>
      <c r="B1184" s="8"/>
      <c r="C1184" s="8" t="s">
        <v>58</v>
      </c>
      <c r="D1184" t="s">
        <v>77</v>
      </c>
      <c r="E1184" s="8" t="s">
        <v>24</v>
      </c>
      <c r="F1184" t="s">
        <v>55</v>
      </c>
      <c r="G1184" t="s">
        <v>78</v>
      </c>
      <c r="H1184" t="s">
        <v>55</v>
      </c>
      <c r="I1184" s="8">
        <v>2027</v>
      </c>
      <c r="J1184" t="s">
        <v>47</v>
      </c>
      <c r="K1184" s="10"/>
      <c r="M1184" s="10"/>
      <c r="N1184">
        <v>0</v>
      </c>
    </row>
    <row r="1185" spans="1:14" hidden="1">
      <c r="A1185" s="7" t="s">
        <v>10</v>
      </c>
      <c r="B1185" s="8"/>
      <c r="C1185" s="8" t="s">
        <v>58</v>
      </c>
      <c r="D1185" t="s">
        <v>77</v>
      </c>
      <c r="E1185" s="8" t="s">
        <v>24</v>
      </c>
      <c r="F1185" t="s">
        <v>55</v>
      </c>
      <c r="G1185" t="s">
        <v>78</v>
      </c>
      <c r="H1185" t="s">
        <v>55</v>
      </c>
      <c r="I1185" s="8">
        <v>2027</v>
      </c>
      <c r="J1185" t="s">
        <v>48</v>
      </c>
      <c r="K1185" s="10"/>
      <c r="M1185" s="10"/>
      <c r="N1185">
        <v>0</v>
      </c>
    </row>
    <row r="1186" spans="1:14" hidden="1">
      <c r="A1186" s="7" t="s">
        <v>10</v>
      </c>
      <c r="B1186" s="8"/>
      <c r="C1186" s="8" t="s">
        <v>58</v>
      </c>
      <c r="D1186" t="s">
        <v>77</v>
      </c>
      <c r="E1186" s="8" t="s">
        <v>24</v>
      </c>
      <c r="F1186" t="s">
        <v>55</v>
      </c>
      <c r="G1186" t="s">
        <v>78</v>
      </c>
      <c r="H1186" t="s">
        <v>55</v>
      </c>
      <c r="I1186" s="8">
        <v>2027</v>
      </c>
      <c r="J1186" t="s">
        <v>14</v>
      </c>
      <c r="K1186" s="10">
        <v>7833</v>
      </c>
      <c r="L1186">
        <v>913</v>
      </c>
      <c r="M1186" s="10">
        <v>0</v>
      </c>
      <c r="N1186">
        <v>0</v>
      </c>
    </row>
    <row r="1187" spans="1:14" hidden="1">
      <c r="A1187" s="7" t="s">
        <v>10</v>
      </c>
      <c r="B1187" s="8"/>
      <c r="C1187" s="8" t="s">
        <v>58</v>
      </c>
      <c r="D1187" t="s">
        <v>77</v>
      </c>
      <c r="E1187" s="8" t="s">
        <v>24</v>
      </c>
      <c r="F1187" t="s">
        <v>55</v>
      </c>
      <c r="G1187" t="s">
        <v>78</v>
      </c>
      <c r="H1187" t="s">
        <v>55</v>
      </c>
      <c r="I1187" s="8">
        <v>2027</v>
      </c>
      <c r="J1187" t="s">
        <v>49</v>
      </c>
      <c r="K1187" s="10"/>
      <c r="M1187" s="10"/>
      <c r="N1187">
        <v>0</v>
      </c>
    </row>
    <row r="1188" spans="1:14" hidden="1">
      <c r="A1188" s="7" t="s">
        <v>10</v>
      </c>
      <c r="B1188" s="8"/>
      <c r="C1188" s="8" t="s">
        <v>58</v>
      </c>
      <c r="D1188" t="s">
        <v>77</v>
      </c>
      <c r="E1188" s="8" t="s">
        <v>24</v>
      </c>
      <c r="F1188" t="s">
        <v>55</v>
      </c>
      <c r="G1188" t="s">
        <v>79</v>
      </c>
      <c r="H1188" t="s">
        <v>55</v>
      </c>
      <c r="I1188" s="8">
        <v>2027</v>
      </c>
      <c r="J1188" t="s">
        <v>15</v>
      </c>
      <c r="K1188" s="10">
        <v>3548</v>
      </c>
      <c r="L1188">
        <v>1838</v>
      </c>
      <c r="M1188" s="10">
        <v>1710</v>
      </c>
      <c r="N1188">
        <v>0</v>
      </c>
    </row>
    <row r="1189" spans="1:14" hidden="1">
      <c r="A1189" s="7" t="s">
        <v>10</v>
      </c>
      <c r="B1189" s="8"/>
      <c r="C1189" s="8" t="s">
        <v>58</v>
      </c>
      <c r="D1189" t="s">
        <v>77</v>
      </c>
      <c r="E1189" s="8" t="s">
        <v>24</v>
      </c>
      <c r="F1189" t="s">
        <v>55</v>
      </c>
      <c r="G1189" t="s">
        <v>79</v>
      </c>
      <c r="H1189" t="s">
        <v>55</v>
      </c>
      <c r="I1189" s="8">
        <v>2027</v>
      </c>
      <c r="J1189" t="s">
        <v>50</v>
      </c>
      <c r="K1189" s="10"/>
      <c r="M1189" s="10"/>
      <c r="N1189">
        <v>0</v>
      </c>
    </row>
    <row r="1190" spans="1:14" hidden="1">
      <c r="A1190" s="7" t="s">
        <v>10</v>
      </c>
      <c r="B1190" s="8"/>
      <c r="C1190" s="8" t="s">
        <v>58</v>
      </c>
      <c r="D1190" t="s">
        <v>77</v>
      </c>
      <c r="E1190" s="8" t="s">
        <v>24</v>
      </c>
      <c r="F1190" t="s">
        <v>55</v>
      </c>
      <c r="G1190" t="s">
        <v>19</v>
      </c>
      <c r="H1190" t="s">
        <v>55</v>
      </c>
      <c r="I1190" s="8">
        <v>2027</v>
      </c>
      <c r="J1190" t="s">
        <v>19</v>
      </c>
      <c r="K1190" s="10"/>
      <c r="M1190" s="10"/>
      <c r="N1190">
        <v>0</v>
      </c>
    </row>
    <row r="1191" spans="1:14" hidden="1">
      <c r="A1191" s="7" t="s">
        <v>10</v>
      </c>
      <c r="B1191" s="8"/>
      <c r="C1191" s="8" t="s">
        <v>58</v>
      </c>
      <c r="D1191" t="s">
        <v>77</v>
      </c>
      <c r="E1191" s="8" t="s">
        <v>24</v>
      </c>
      <c r="F1191" t="s">
        <v>55</v>
      </c>
      <c r="G1191" t="s">
        <v>78</v>
      </c>
      <c r="H1191" t="s">
        <v>55</v>
      </c>
      <c r="I1191" s="8">
        <v>2027</v>
      </c>
      <c r="J1191" t="s">
        <v>21</v>
      </c>
      <c r="K1191" s="10"/>
      <c r="M1191" s="10"/>
      <c r="N1191">
        <v>0</v>
      </c>
    </row>
    <row r="1192" spans="1:14" hidden="1">
      <c r="A1192" s="7" t="s">
        <v>10</v>
      </c>
      <c r="B1192" s="8"/>
      <c r="C1192" s="8" t="s">
        <v>58</v>
      </c>
      <c r="D1192" t="s">
        <v>77</v>
      </c>
      <c r="E1192" s="8" t="s">
        <v>24</v>
      </c>
      <c r="F1192" t="s">
        <v>55</v>
      </c>
      <c r="G1192" t="s">
        <v>78</v>
      </c>
      <c r="H1192" t="s">
        <v>55</v>
      </c>
      <c r="I1192" s="8">
        <v>2027</v>
      </c>
      <c r="J1192" t="s">
        <v>51</v>
      </c>
      <c r="K1192" s="10"/>
      <c r="M1192" s="10"/>
      <c r="N1192">
        <v>0</v>
      </c>
    </row>
    <row r="1193" spans="1:14" hidden="1">
      <c r="A1193" s="7" t="s">
        <v>10</v>
      </c>
      <c r="B1193" s="8"/>
      <c r="C1193" s="8" t="s">
        <v>58</v>
      </c>
      <c r="D1193" t="s">
        <v>77</v>
      </c>
      <c r="E1193" s="8" t="s">
        <v>24</v>
      </c>
      <c r="F1193" t="s">
        <v>55</v>
      </c>
      <c r="G1193" t="s">
        <v>78</v>
      </c>
      <c r="H1193" t="s">
        <v>55</v>
      </c>
      <c r="I1193" s="8">
        <v>2028</v>
      </c>
      <c r="J1193" t="s">
        <v>47</v>
      </c>
      <c r="K1193" s="10"/>
      <c r="M1193" s="10"/>
      <c r="N1193">
        <v>0</v>
      </c>
    </row>
    <row r="1194" spans="1:14" hidden="1">
      <c r="A1194" s="7" t="s">
        <v>10</v>
      </c>
      <c r="B1194" s="8"/>
      <c r="C1194" s="8" t="s">
        <v>58</v>
      </c>
      <c r="D1194" t="s">
        <v>77</v>
      </c>
      <c r="E1194" s="8" t="s">
        <v>24</v>
      </c>
      <c r="F1194" t="s">
        <v>55</v>
      </c>
      <c r="G1194" t="s">
        <v>78</v>
      </c>
      <c r="H1194" t="s">
        <v>55</v>
      </c>
      <c r="I1194" s="8">
        <v>2028</v>
      </c>
      <c r="J1194" t="s">
        <v>48</v>
      </c>
      <c r="K1194" s="10"/>
      <c r="M1194" s="10"/>
      <c r="N1194">
        <v>0</v>
      </c>
    </row>
    <row r="1195" spans="1:14" hidden="1">
      <c r="A1195" s="7" t="s">
        <v>10</v>
      </c>
      <c r="B1195" s="8"/>
      <c r="C1195" s="8" t="s">
        <v>58</v>
      </c>
      <c r="D1195" t="s">
        <v>77</v>
      </c>
      <c r="E1195" s="8" t="s">
        <v>24</v>
      </c>
      <c r="F1195" t="s">
        <v>55</v>
      </c>
      <c r="G1195" t="s">
        <v>78</v>
      </c>
      <c r="H1195" t="s">
        <v>55</v>
      </c>
      <c r="I1195" s="8">
        <v>2028</v>
      </c>
      <c r="J1195" t="s">
        <v>14</v>
      </c>
      <c r="K1195" s="10">
        <v>25254</v>
      </c>
      <c r="L1195">
        <v>2928</v>
      </c>
      <c r="M1195" s="10">
        <v>0</v>
      </c>
      <c r="N1195">
        <v>0</v>
      </c>
    </row>
    <row r="1196" spans="1:14" hidden="1">
      <c r="A1196" s="7" t="s">
        <v>10</v>
      </c>
      <c r="B1196" s="8"/>
      <c r="C1196" s="8" t="s">
        <v>58</v>
      </c>
      <c r="D1196" t="s">
        <v>77</v>
      </c>
      <c r="E1196" s="8" t="s">
        <v>24</v>
      </c>
      <c r="F1196" t="s">
        <v>55</v>
      </c>
      <c r="G1196" t="s">
        <v>78</v>
      </c>
      <c r="H1196" t="s">
        <v>55</v>
      </c>
      <c r="I1196" s="8">
        <v>2028</v>
      </c>
      <c r="J1196" t="s">
        <v>49</v>
      </c>
      <c r="K1196" s="10"/>
      <c r="M1196" s="10"/>
      <c r="N1196">
        <v>0</v>
      </c>
    </row>
    <row r="1197" spans="1:14" hidden="1">
      <c r="A1197" s="7" t="s">
        <v>10</v>
      </c>
      <c r="B1197" s="8"/>
      <c r="C1197" s="8" t="s">
        <v>58</v>
      </c>
      <c r="D1197" t="s">
        <v>77</v>
      </c>
      <c r="E1197" s="8" t="s">
        <v>24</v>
      </c>
      <c r="F1197" t="s">
        <v>55</v>
      </c>
      <c r="G1197" t="s">
        <v>79</v>
      </c>
      <c r="H1197" t="s">
        <v>55</v>
      </c>
      <c r="I1197" s="8">
        <v>2028</v>
      </c>
      <c r="J1197" t="s">
        <v>15</v>
      </c>
      <c r="K1197" s="10">
        <v>11029</v>
      </c>
      <c r="L1197">
        <v>5930</v>
      </c>
      <c r="M1197" s="10">
        <v>6673</v>
      </c>
      <c r="N1197">
        <v>0</v>
      </c>
    </row>
    <row r="1198" spans="1:14" hidden="1">
      <c r="A1198" s="7" t="s">
        <v>10</v>
      </c>
      <c r="B1198" s="8"/>
      <c r="C1198" s="8" t="s">
        <v>58</v>
      </c>
      <c r="D1198" t="s">
        <v>77</v>
      </c>
      <c r="E1198" s="8" t="s">
        <v>24</v>
      </c>
      <c r="F1198" t="s">
        <v>55</v>
      </c>
      <c r="G1198" t="s">
        <v>79</v>
      </c>
      <c r="H1198" t="s">
        <v>55</v>
      </c>
      <c r="I1198" s="8">
        <v>2028</v>
      </c>
      <c r="J1198" t="s">
        <v>50</v>
      </c>
      <c r="K1198" s="10"/>
      <c r="M1198" s="10"/>
      <c r="N1198">
        <v>0</v>
      </c>
    </row>
    <row r="1199" spans="1:14" hidden="1">
      <c r="A1199" s="7" t="s">
        <v>10</v>
      </c>
      <c r="B1199" s="8"/>
      <c r="C1199" s="8" t="s">
        <v>58</v>
      </c>
      <c r="D1199" t="s">
        <v>77</v>
      </c>
      <c r="E1199" s="8" t="s">
        <v>24</v>
      </c>
      <c r="F1199" t="s">
        <v>55</v>
      </c>
      <c r="G1199" t="s">
        <v>19</v>
      </c>
      <c r="H1199" t="s">
        <v>55</v>
      </c>
      <c r="I1199" s="8">
        <v>2028</v>
      </c>
      <c r="J1199" t="s">
        <v>19</v>
      </c>
      <c r="K1199" s="10"/>
      <c r="M1199" s="10"/>
      <c r="N1199">
        <v>0</v>
      </c>
    </row>
    <row r="1200" spans="1:14" hidden="1">
      <c r="A1200" s="7" t="s">
        <v>10</v>
      </c>
      <c r="B1200" s="8"/>
      <c r="C1200" s="8" t="s">
        <v>58</v>
      </c>
      <c r="D1200" t="s">
        <v>77</v>
      </c>
      <c r="E1200" s="8" t="s">
        <v>24</v>
      </c>
      <c r="F1200" t="s">
        <v>55</v>
      </c>
      <c r="G1200" t="s">
        <v>78</v>
      </c>
      <c r="H1200" t="s">
        <v>55</v>
      </c>
      <c r="I1200" s="8">
        <v>2028</v>
      </c>
      <c r="J1200" t="s">
        <v>21</v>
      </c>
      <c r="K1200" s="10"/>
      <c r="M1200" s="10"/>
      <c r="N1200">
        <v>0</v>
      </c>
    </row>
    <row r="1201" spans="1:14" hidden="1">
      <c r="A1201" s="7" t="s">
        <v>10</v>
      </c>
      <c r="B1201" s="8"/>
      <c r="C1201" s="8" t="s">
        <v>58</v>
      </c>
      <c r="D1201" t="s">
        <v>77</v>
      </c>
      <c r="E1201" s="8" t="s">
        <v>24</v>
      </c>
      <c r="F1201" t="s">
        <v>55</v>
      </c>
      <c r="G1201" t="s">
        <v>78</v>
      </c>
      <c r="H1201" t="s">
        <v>55</v>
      </c>
      <c r="I1201" s="8">
        <v>2028</v>
      </c>
      <c r="J1201" t="s">
        <v>51</v>
      </c>
      <c r="K1201" s="10"/>
      <c r="M1201" s="10"/>
      <c r="N1201">
        <v>0</v>
      </c>
    </row>
    <row r="1202" spans="1:14" hidden="1">
      <c r="A1202" s="7" t="s">
        <v>10</v>
      </c>
      <c r="B1202" s="8"/>
      <c r="C1202" s="8" t="s">
        <v>58</v>
      </c>
      <c r="D1202" t="s">
        <v>77</v>
      </c>
      <c r="E1202" s="8" t="s">
        <v>24</v>
      </c>
      <c r="F1202" t="s">
        <v>55</v>
      </c>
      <c r="G1202" t="s">
        <v>78</v>
      </c>
      <c r="H1202" t="s">
        <v>55</v>
      </c>
      <c r="I1202" s="8">
        <v>2029</v>
      </c>
      <c r="J1202" t="s">
        <v>47</v>
      </c>
      <c r="K1202" s="10"/>
      <c r="M1202" s="10"/>
      <c r="N1202">
        <v>0</v>
      </c>
    </row>
    <row r="1203" spans="1:14" hidden="1">
      <c r="A1203" s="7" t="s">
        <v>10</v>
      </c>
      <c r="B1203" s="8"/>
      <c r="C1203" s="8" t="s">
        <v>58</v>
      </c>
      <c r="D1203" t="s">
        <v>77</v>
      </c>
      <c r="E1203" s="8" t="s">
        <v>24</v>
      </c>
      <c r="F1203" t="s">
        <v>55</v>
      </c>
      <c r="G1203" t="s">
        <v>78</v>
      </c>
      <c r="H1203" t="s">
        <v>55</v>
      </c>
      <c r="I1203" s="8">
        <v>2029</v>
      </c>
      <c r="J1203" t="s">
        <v>48</v>
      </c>
      <c r="K1203" s="10"/>
      <c r="M1203" s="10"/>
      <c r="N1203">
        <v>0</v>
      </c>
    </row>
    <row r="1204" spans="1:14" hidden="1">
      <c r="A1204" s="7" t="s">
        <v>10</v>
      </c>
      <c r="B1204" s="8"/>
      <c r="C1204" s="8" t="s">
        <v>58</v>
      </c>
      <c r="D1204" t="s">
        <v>77</v>
      </c>
      <c r="E1204" s="8" t="s">
        <v>24</v>
      </c>
      <c r="F1204" t="s">
        <v>55</v>
      </c>
      <c r="G1204" t="s">
        <v>78</v>
      </c>
      <c r="H1204" t="s">
        <v>55</v>
      </c>
      <c r="I1204" s="8">
        <v>2029</v>
      </c>
      <c r="J1204" t="s">
        <v>14</v>
      </c>
      <c r="K1204" s="10">
        <v>34707</v>
      </c>
      <c r="L1204">
        <v>4031</v>
      </c>
      <c r="M1204" s="10">
        <v>0</v>
      </c>
      <c r="N1204">
        <v>0</v>
      </c>
    </row>
    <row r="1205" spans="1:14" hidden="1">
      <c r="A1205" s="7" t="s">
        <v>10</v>
      </c>
      <c r="B1205" s="8"/>
      <c r="C1205" s="8" t="s">
        <v>58</v>
      </c>
      <c r="D1205" t="s">
        <v>77</v>
      </c>
      <c r="E1205" s="8" t="s">
        <v>24</v>
      </c>
      <c r="F1205" t="s">
        <v>55</v>
      </c>
      <c r="G1205" t="s">
        <v>78</v>
      </c>
      <c r="H1205" t="s">
        <v>55</v>
      </c>
      <c r="I1205" s="8">
        <v>2029</v>
      </c>
      <c r="J1205" t="s">
        <v>49</v>
      </c>
      <c r="K1205" s="10"/>
      <c r="M1205" s="10"/>
      <c r="N1205">
        <v>0</v>
      </c>
    </row>
    <row r="1206" spans="1:14" hidden="1">
      <c r="A1206" s="7" t="s">
        <v>10</v>
      </c>
      <c r="B1206" s="8"/>
      <c r="C1206" s="8" t="s">
        <v>58</v>
      </c>
      <c r="D1206" t="s">
        <v>77</v>
      </c>
      <c r="E1206" s="8" t="s">
        <v>24</v>
      </c>
      <c r="F1206" t="s">
        <v>55</v>
      </c>
      <c r="G1206" t="s">
        <v>79</v>
      </c>
      <c r="H1206" t="s">
        <v>55</v>
      </c>
      <c r="I1206" s="8">
        <v>2029</v>
      </c>
      <c r="J1206" t="s">
        <v>15</v>
      </c>
      <c r="K1206" s="10">
        <v>14935</v>
      </c>
      <c r="L1206">
        <v>8262</v>
      </c>
      <c r="M1206" s="10">
        <v>6673</v>
      </c>
      <c r="N1206">
        <v>0</v>
      </c>
    </row>
    <row r="1207" spans="1:14" hidden="1">
      <c r="A1207" s="7" t="s">
        <v>10</v>
      </c>
      <c r="B1207" s="8"/>
      <c r="C1207" s="8" t="s">
        <v>58</v>
      </c>
      <c r="D1207" t="s">
        <v>77</v>
      </c>
      <c r="E1207" s="8" t="s">
        <v>24</v>
      </c>
      <c r="F1207" t="s">
        <v>55</v>
      </c>
      <c r="G1207" t="s">
        <v>79</v>
      </c>
      <c r="H1207" t="s">
        <v>55</v>
      </c>
      <c r="I1207" s="8">
        <v>2029</v>
      </c>
      <c r="J1207" t="s">
        <v>50</v>
      </c>
      <c r="K1207" s="10"/>
      <c r="M1207" s="10"/>
      <c r="N1207">
        <v>0</v>
      </c>
    </row>
    <row r="1208" spans="1:14" hidden="1">
      <c r="A1208" s="7" t="s">
        <v>10</v>
      </c>
      <c r="B1208" s="8"/>
      <c r="C1208" s="8" t="s">
        <v>58</v>
      </c>
      <c r="D1208" t="s">
        <v>77</v>
      </c>
      <c r="E1208" s="8" t="s">
        <v>24</v>
      </c>
      <c r="F1208" t="s">
        <v>55</v>
      </c>
      <c r="G1208" t="s">
        <v>19</v>
      </c>
      <c r="H1208" t="s">
        <v>55</v>
      </c>
      <c r="I1208" s="8">
        <v>2029</v>
      </c>
      <c r="J1208" t="s">
        <v>19</v>
      </c>
      <c r="K1208" s="10"/>
      <c r="M1208" s="10"/>
      <c r="N1208">
        <v>0</v>
      </c>
    </row>
    <row r="1209" spans="1:14" hidden="1">
      <c r="A1209" s="7" t="s">
        <v>10</v>
      </c>
      <c r="B1209" s="8"/>
      <c r="C1209" s="8" t="s">
        <v>58</v>
      </c>
      <c r="D1209" t="s">
        <v>77</v>
      </c>
      <c r="E1209" s="8" t="s">
        <v>24</v>
      </c>
      <c r="F1209" t="s">
        <v>55</v>
      </c>
      <c r="G1209" t="s">
        <v>78</v>
      </c>
      <c r="H1209" t="s">
        <v>55</v>
      </c>
      <c r="I1209" s="8">
        <v>2029</v>
      </c>
      <c r="J1209" t="s">
        <v>21</v>
      </c>
      <c r="K1209" s="10"/>
      <c r="M1209" s="10"/>
      <c r="N1209">
        <v>0</v>
      </c>
    </row>
    <row r="1210" spans="1:14" hidden="1">
      <c r="A1210" s="7" t="s">
        <v>10</v>
      </c>
      <c r="B1210" s="8"/>
      <c r="C1210" s="8" t="s">
        <v>58</v>
      </c>
      <c r="D1210" t="s">
        <v>77</v>
      </c>
      <c r="E1210" s="8" t="s">
        <v>24</v>
      </c>
      <c r="F1210" t="s">
        <v>55</v>
      </c>
      <c r="G1210" t="s">
        <v>78</v>
      </c>
      <c r="H1210" t="s">
        <v>55</v>
      </c>
      <c r="I1210" s="8">
        <v>2029</v>
      </c>
      <c r="J1210" t="s">
        <v>51</v>
      </c>
      <c r="K1210" s="10"/>
      <c r="M1210" s="10"/>
      <c r="N1210">
        <v>0</v>
      </c>
    </row>
    <row r="1211" spans="1:14" hidden="1">
      <c r="A1211" s="7" t="s">
        <v>10</v>
      </c>
      <c r="B1211" s="8"/>
      <c r="C1211" s="8" t="s">
        <v>58</v>
      </c>
      <c r="D1211" t="s">
        <v>77</v>
      </c>
      <c r="E1211" s="8" t="s">
        <v>24</v>
      </c>
      <c r="F1211" t="s">
        <v>55</v>
      </c>
      <c r="G1211" t="s">
        <v>78</v>
      </c>
      <c r="H1211" t="s">
        <v>55</v>
      </c>
      <c r="I1211" s="8">
        <v>2030</v>
      </c>
      <c r="J1211" t="s">
        <v>47</v>
      </c>
      <c r="K1211" s="10"/>
      <c r="M1211" s="10"/>
      <c r="N1211">
        <v>0</v>
      </c>
    </row>
    <row r="1212" spans="1:14" hidden="1">
      <c r="A1212" s="7" t="s">
        <v>10</v>
      </c>
      <c r="B1212" s="8"/>
      <c r="C1212" s="8" t="s">
        <v>58</v>
      </c>
      <c r="D1212" t="s">
        <v>77</v>
      </c>
      <c r="E1212" s="8" t="s">
        <v>24</v>
      </c>
      <c r="F1212" t="s">
        <v>55</v>
      </c>
      <c r="G1212" t="s">
        <v>78</v>
      </c>
      <c r="H1212" t="s">
        <v>55</v>
      </c>
      <c r="I1212" s="8">
        <v>2030</v>
      </c>
      <c r="J1212" t="s">
        <v>48</v>
      </c>
      <c r="K1212" s="10"/>
      <c r="M1212" s="10"/>
      <c r="N1212">
        <v>0</v>
      </c>
    </row>
    <row r="1213" spans="1:14" hidden="1">
      <c r="A1213" s="7" t="s">
        <v>10</v>
      </c>
      <c r="B1213" s="8"/>
      <c r="C1213" s="8" t="s">
        <v>58</v>
      </c>
      <c r="D1213" t="s">
        <v>77</v>
      </c>
      <c r="E1213" s="8" t="s">
        <v>24</v>
      </c>
      <c r="F1213" t="s">
        <v>55</v>
      </c>
      <c r="G1213" t="s">
        <v>78</v>
      </c>
      <c r="H1213" t="s">
        <v>55</v>
      </c>
      <c r="I1213" s="8">
        <v>2030</v>
      </c>
      <c r="J1213" t="s">
        <v>14</v>
      </c>
      <c r="K1213" s="10">
        <v>34707</v>
      </c>
      <c r="L1213">
        <v>4031</v>
      </c>
      <c r="M1213" s="10">
        <v>0</v>
      </c>
      <c r="N1213">
        <v>0</v>
      </c>
    </row>
    <row r="1214" spans="1:14" hidden="1">
      <c r="A1214" s="7" t="s">
        <v>10</v>
      </c>
      <c r="B1214" s="8"/>
      <c r="C1214" s="8" t="s">
        <v>58</v>
      </c>
      <c r="D1214" t="s">
        <v>77</v>
      </c>
      <c r="E1214" s="8" t="s">
        <v>24</v>
      </c>
      <c r="F1214" t="s">
        <v>55</v>
      </c>
      <c r="G1214" t="s">
        <v>78</v>
      </c>
      <c r="H1214" t="s">
        <v>55</v>
      </c>
      <c r="I1214" s="8">
        <v>2030</v>
      </c>
      <c r="J1214" t="s">
        <v>49</v>
      </c>
      <c r="K1214" s="10"/>
      <c r="M1214" s="10"/>
      <c r="N1214">
        <v>0</v>
      </c>
    </row>
    <row r="1215" spans="1:14" hidden="1">
      <c r="A1215" s="7" t="s">
        <v>10</v>
      </c>
      <c r="B1215" s="8"/>
      <c r="C1215" s="8" t="s">
        <v>58</v>
      </c>
      <c r="D1215" t="s">
        <v>77</v>
      </c>
      <c r="E1215" s="8" t="s">
        <v>24</v>
      </c>
      <c r="F1215" t="s">
        <v>55</v>
      </c>
      <c r="G1215" t="s">
        <v>79</v>
      </c>
      <c r="H1215" t="s">
        <v>55</v>
      </c>
      <c r="I1215" s="8">
        <v>2030</v>
      </c>
      <c r="J1215" t="s">
        <v>15</v>
      </c>
      <c r="K1215" s="10">
        <v>14935</v>
      </c>
      <c r="L1215">
        <v>8262</v>
      </c>
      <c r="M1215" s="10">
        <v>6673</v>
      </c>
      <c r="N1215">
        <v>0</v>
      </c>
    </row>
    <row r="1216" spans="1:14" hidden="1">
      <c r="A1216" s="7" t="s">
        <v>10</v>
      </c>
      <c r="B1216" s="8"/>
      <c r="C1216" s="8" t="s">
        <v>58</v>
      </c>
      <c r="D1216" t="s">
        <v>77</v>
      </c>
      <c r="E1216" s="8" t="s">
        <v>24</v>
      </c>
      <c r="F1216" t="s">
        <v>55</v>
      </c>
      <c r="G1216" t="s">
        <v>79</v>
      </c>
      <c r="H1216" t="s">
        <v>55</v>
      </c>
      <c r="I1216" s="8">
        <v>2030</v>
      </c>
      <c r="J1216" t="s">
        <v>50</v>
      </c>
      <c r="K1216" s="10"/>
      <c r="M1216" s="10"/>
      <c r="N1216">
        <v>0</v>
      </c>
    </row>
    <row r="1217" spans="1:14" hidden="1">
      <c r="A1217" s="7" t="s">
        <v>10</v>
      </c>
      <c r="B1217" s="8"/>
      <c r="C1217" s="8" t="s">
        <v>58</v>
      </c>
      <c r="D1217" t="s">
        <v>77</v>
      </c>
      <c r="E1217" s="8" t="s">
        <v>24</v>
      </c>
      <c r="F1217" t="s">
        <v>55</v>
      </c>
      <c r="G1217" t="s">
        <v>19</v>
      </c>
      <c r="H1217" t="s">
        <v>55</v>
      </c>
      <c r="I1217" s="8">
        <v>2030</v>
      </c>
      <c r="J1217" t="s">
        <v>19</v>
      </c>
      <c r="K1217" s="10"/>
      <c r="M1217" s="10"/>
      <c r="N1217">
        <v>0</v>
      </c>
    </row>
    <row r="1218" spans="1:14" hidden="1">
      <c r="A1218" s="7" t="s">
        <v>10</v>
      </c>
      <c r="B1218" s="8"/>
      <c r="C1218" s="8" t="s">
        <v>58</v>
      </c>
      <c r="D1218" t="s">
        <v>77</v>
      </c>
      <c r="E1218" s="8" t="s">
        <v>24</v>
      </c>
      <c r="F1218" t="s">
        <v>55</v>
      </c>
      <c r="G1218" t="s">
        <v>78</v>
      </c>
      <c r="H1218" t="s">
        <v>55</v>
      </c>
      <c r="I1218" s="8">
        <v>2030</v>
      </c>
      <c r="J1218" t="s">
        <v>21</v>
      </c>
      <c r="K1218" s="10"/>
      <c r="M1218" s="10"/>
      <c r="N1218">
        <v>0</v>
      </c>
    </row>
    <row r="1219" spans="1:14" hidden="1">
      <c r="A1219" s="7" t="s">
        <v>10</v>
      </c>
      <c r="B1219" s="8"/>
      <c r="C1219" s="8" t="s">
        <v>58</v>
      </c>
      <c r="D1219" t="s">
        <v>77</v>
      </c>
      <c r="E1219" s="8" t="s">
        <v>24</v>
      </c>
      <c r="F1219" t="s">
        <v>55</v>
      </c>
      <c r="G1219" t="s">
        <v>78</v>
      </c>
      <c r="H1219" t="s">
        <v>55</v>
      </c>
      <c r="I1219" s="8">
        <v>2030</v>
      </c>
      <c r="J1219" t="s">
        <v>51</v>
      </c>
      <c r="K1219" s="10"/>
      <c r="M1219" s="10"/>
      <c r="N1219">
        <v>0</v>
      </c>
    </row>
    <row r="1220" spans="1:14" hidden="1">
      <c r="A1220" s="7" t="s">
        <v>10</v>
      </c>
      <c r="B1220" s="8"/>
      <c r="C1220" s="8" t="s">
        <v>58</v>
      </c>
      <c r="D1220" t="s">
        <v>77</v>
      </c>
      <c r="E1220" s="8" t="s">
        <v>24</v>
      </c>
      <c r="F1220" t="s">
        <v>55</v>
      </c>
      <c r="G1220" t="s">
        <v>78</v>
      </c>
      <c r="H1220" t="s">
        <v>55</v>
      </c>
      <c r="I1220" s="8">
        <v>2031</v>
      </c>
      <c r="J1220" t="s">
        <v>47</v>
      </c>
      <c r="K1220" s="10"/>
      <c r="M1220" s="10"/>
      <c r="N1220">
        <v>0</v>
      </c>
    </row>
    <row r="1221" spans="1:14" hidden="1">
      <c r="A1221" s="7" t="s">
        <v>10</v>
      </c>
      <c r="B1221" s="8"/>
      <c r="C1221" s="8" t="s">
        <v>58</v>
      </c>
      <c r="D1221" t="s">
        <v>77</v>
      </c>
      <c r="E1221" s="8" t="s">
        <v>24</v>
      </c>
      <c r="F1221" t="s">
        <v>55</v>
      </c>
      <c r="G1221" t="s">
        <v>78</v>
      </c>
      <c r="H1221" t="s">
        <v>55</v>
      </c>
      <c r="I1221" s="8">
        <v>2031</v>
      </c>
      <c r="J1221" t="s">
        <v>48</v>
      </c>
      <c r="K1221" s="10"/>
      <c r="M1221" s="10"/>
      <c r="N1221">
        <v>0</v>
      </c>
    </row>
    <row r="1222" spans="1:14" hidden="1">
      <c r="A1222" s="7" t="s">
        <v>10</v>
      </c>
      <c r="B1222" s="8"/>
      <c r="C1222" s="8" t="s">
        <v>58</v>
      </c>
      <c r="D1222" t="s">
        <v>77</v>
      </c>
      <c r="E1222" s="8" t="s">
        <v>24</v>
      </c>
      <c r="F1222" t="s">
        <v>55</v>
      </c>
      <c r="G1222" t="s">
        <v>78</v>
      </c>
      <c r="H1222" t="s">
        <v>55</v>
      </c>
      <c r="I1222" s="8">
        <v>2031</v>
      </c>
      <c r="J1222" t="s">
        <v>14</v>
      </c>
      <c r="K1222" s="10">
        <v>34707</v>
      </c>
      <c r="L1222">
        <v>4031</v>
      </c>
      <c r="M1222" s="10">
        <v>0</v>
      </c>
      <c r="N1222">
        <v>0</v>
      </c>
    </row>
    <row r="1223" spans="1:14" hidden="1">
      <c r="A1223" s="7" t="s">
        <v>10</v>
      </c>
      <c r="B1223" s="8"/>
      <c r="C1223" s="8" t="s">
        <v>58</v>
      </c>
      <c r="D1223" t="s">
        <v>77</v>
      </c>
      <c r="E1223" s="8" t="s">
        <v>24</v>
      </c>
      <c r="F1223" t="s">
        <v>55</v>
      </c>
      <c r="G1223" t="s">
        <v>78</v>
      </c>
      <c r="H1223" t="s">
        <v>55</v>
      </c>
      <c r="I1223" s="8">
        <v>2031</v>
      </c>
      <c r="J1223" t="s">
        <v>49</v>
      </c>
      <c r="K1223" s="10"/>
      <c r="M1223" s="10"/>
      <c r="N1223">
        <v>0</v>
      </c>
    </row>
    <row r="1224" spans="1:14" hidden="1">
      <c r="A1224" s="7" t="s">
        <v>10</v>
      </c>
      <c r="B1224" s="8"/>
      <c r="C1224" s="8" t="s">
        <v>58</v>
      </c>
      <c r="D1224" t="s">
        <v>77</v>
      </c>
      <c r="E1224" s="8" t="s">
        <v>24</v>
      </c>
      <c r="F1224" t="s">
        <v>55</v>
      </c>
      <c r="G1224" t="s">
        <v>79</v>
      </c>
      <c r="H1224" t="s">
        <v>55</v>
      </c>
      <c r="I1224" s="8">
        <v>2031</v>
      </c>
      <c r="J1224" t="s">
        <v>15</v>
      </c>
      <c r="K1224" s="10">
        <v>14935</v>
      </c>
      <c r="L1224">
        <v>8262</v>
      </c>
      <c r="M1224" s="10">
        <v>6673</v>
      </c>
      <c r="N1224">
        <v>0</v>
      </c>
    </row>
    <row r="1225" spans="1:14" hidden="1">
      <c r="A1225" s="7" t="s">
        <v>10</v>
      </c>
      <c r="B1225" s="8"/>
      <c r="C1225" s="8" t="s">
        <v>58</v>
      </c>
      <c r="D1225" t="s">
        <v>77</v>
      </c>
      <c r="E1225" s="8" t="s">
        <v>24</v>
      </c>
      <c r="F1225" t="s">
        <v>55</v>
      </c>
      <c r="G1225" t="s">
        <v>79</v>
      </c>
      <c r="H1225" t="s">
        <v>55</v>
      </c>
      <c r="I1225" s="8">
        <v>2031</v>
      </c>
      <c r="J1225" t="s">
        <v>50</v>
      </c>
      <c r="K1225" s="10"/>
      <c r="M1225" s="10"/>
      <c r="N1225">
        <v>0</v>
      </c>
    </row>
    <row r="1226" spans="1:14" hidden="1">
      <c r="A1226" s="7" t="s">
        <v>10</v>
      </c>
      <c r="B1226" s="8"/>
      <c r="C1226" s="8" t="s">
        <v>58</v>
      </c>
      <c r="D1226" t="s">
        <v>77</v>
      </c>
      <c r="E1226" s="8" t="s">
        <v>24</v>
      </c>
      <c r="F1226" t="s">
        <v>55</v>
      </c>
      <c r="G1226" t="s">
        <v>19</v>
      </c>
      <c r="H1226" t="s">
        <v>55</v>
      </c>
      <c r="I1226" s="8">
        <v>2031</v>
      </c>
      <c r="J1226" t="s">
        <v>19</v>
      </c>
      <c r="K1226" s="10"/>
      <c r="M1226" s="10"/>
      <c r="N1226">
        <v>0</v>
      </c>
    </row>
    <row r="1227" spans="1:14" hidden="1">
      <c r="A1227" s="7" t="s">
        <v>10</v>
      </c>
      <c r="B1227" s="8"/>
      <c r="C1227" s="8" t="s">
        <v>58</v>
      </c>
      <c r="D1227" t="s">
        <v>77</v>
      </c>
      <c r="E1227" s="8" t="s">
        <v>24</v>
      </c>
      <c r="F1227" t="s">
        <v>55</v>
      </c>
      <c r="G1227" t="s">
        <v>78</v>
      </c>
      <c r="H1227" t="s">
        <v>55</v>
      </c>
      <c r="I1227" s="8">
        <v>2031</v>
      </c>
      <c r="J1227" t="s">
        <v>21</v>
      </c>
      <c r="K1227" s="10"/>
      <c r="M1227" s="10"/>
      <c r="N1227">
        <v>0</v>
      </c>
    </row>
    <row r="1228" spans="1:14" hidden="1">
      <c r="A1228" s="7" t="s">
        <v>10</v>
      </c>
      <c r="B1228" s="8"/>
      <c r="C1228" s="8" t="s">
        <v>58</v>
      </c>
      <c r="D1228" t="s">
        <v>77</v>
      </c>
      <c r="E1228" s="8" t="s">
        <v>24</v>
      </c>
      <c r="F1228" t="s">
        <v>55</v>
      </c>
      <c r="G1228" t="s">
        <v>78</v>
      </c>
      <c r="H1228" t="s">
        <v>55</v>
      </c>
      <c r="I1228" s="8">
        <v>2031</v>
      </c>
      <c r="J1228" t="s">
        <v>51</v>
      </c>
      <c r="K1228" s="10"/>
      <c r="M1228" s="10"/>
      <c r="N1228">
        <v>0</v>
      </c>
    </row>
    <row r="1229" spans="1:14" hidden="1">
      <c r="A1229" s="7" t="s">
        <v>10</v>
      </c>
      <c r="B1229" s="8"/>
      <c r="C1229" s="8" t="s">
        <v>58</v>
      </c>
      <c r="D1229" t="s">
        <v>77</v>
      </c>
      <c r="E1229" s="8" t="s">
        <v>24</v>
      </c>
      <c r="F1229" t="s">
        <v>55</v>
      </c>
      <c r="G1229" t="s">
        <v>78</v>
      </c>
      <c r="H1229" t="s">
        <v>55</v>
      </c>
      <c r="I1229" s="8">
        <v>2032</v>
      </c>
      <c r="J1229" t="s">
        <v>47</v>
      </c>
      <c r="K1229" s="10"/>
      <c r="M1229" s="10"/>
      <c r="N1229">
        <v>0</v>
      </c>
    </row>
    <row r="1230" spans="1:14" hidden="1">
      <c r="A1230" s="7" t="s">
        <v>10</v>
      </c>
      <c r="B1230" s="8"/>
      <c r="C1230" s="8" t="s">
        <v>58</v>
      </c>
      <c r="D1230" t="s">
        <v>77</v>
      </c>
      <c r="E1230" s="8" t="s">
        <v>24</v>
      </c>
      <c r="F1230" t="s">
        <v>55</v>
      </c>
      <c r="G1230" t="s">
        <v>78</v>
      </c>
      <c r="H1230" t="s">
        <v>55</v>
      </c>
      <c r="I1230" s="8">
        <v>2032</v>
      </c>
      <c r="J1230" t="s">
        <v>48</v>
      </c>
      <c r="K1230" s="10"/>
      <c r="M1230" s="10"/>
      <c r="N1230">
        <v>0</v>
      </c>
    </row>
    <row r="1231" spans="1:14" hidden="1">
      <c r="A1231" s="7" t="s">
        <v>10</v>
      </c>
      <c r="B1231" s="8"/>
      <c r="C1231" s="8" t="s">
        <v>58</v>
      </c>
      <c r="D1231" t="s">
        <v>77</v>
      </c>
      <c r="E1231" s="8" t="s">
        <v>24</v>
      </c>
      <c r="F1231" t="s">
        <v>55</v>
      </c>
      <c r="G1231" t="s">
        <v>78</v>
      </c>
      <c r="H1231" t="s">
        <v>55</v>
      </c>
      <c r="I1231" s="8">
        <v>2032</v>
      </c>
      <c r="J1231" t="s">
        <v>14</v>
      </c>
      <c r="K1231" s="10">
        <v>34707</v>
      </c>
      <c r="L1231">
        <v>4031</v>
      </c>
      <c r="M1231" s="10">
        <v>0</v>
      </c>
      <c r="N1231">
        <v>0</v>
      </c>
    </row>
    <row r="1232" spans="1:14" hidden="1">
      <c r="A1232" s="7" t="s">
        <v>10</v>
      </c>
      <c r="B1232" s="8"/>
      <c r="C1232" s="8" t="s">
        <v>58</v>
      </c>
      <c r="D1232" t="s">
        <v>77</v>
      </c>
      <c r="E1232" s="8" t="s">
        <v>24</v>
      </c>
      <c r="F1232" t="s">
        <v>55</v>
      </c>
      <c r="G1232" t="s">
        <v>78</v>
      </c>
      <c r="H1232" t="s">
        <v>55</v>
      </c>
      <c r="I1232" s="8">
        <v>2032</v>
      </c>
      <c r="J1232" t="s">
        <v>49</v>
      </c>
      <c r="K1232" s="10"/>
      <c r="M1232" s="10"/>
      <c r="N1232">
        <v>0</v>
      </c>
    </row>
    <row r="1233" spans="1:14" hidden="1">
      <c r="A1233" s="7" t="s">
        <v>10</v>
      </c>
      <c r="B1233" s="8"/>
      <c r="C1233" s="8" t="s">
        <v>58</v>
      </c>
      <c r="D1233" t="s">
        <v>77</v>
      </c>
      <c r="E1233" s="8" t="s">
        <v>24</v>
      </c>
      <c r="F1233" t="s">
        <v>55</v>
      </c>
      <c r="G1233" t="s">
        <v>79</v>
      </c>
      <c r="H1233" t="s">
        <v>55</v>
      </c>
      <c r="I1233" s="8">
        <v>2032</v>
      </c>
      <c r="J1233" t="s">
        <v>15</v>
      </c>
      <c r="K1233" s="10">
        <v>14935</v>
      </c>
      <c r="L1233">
        <v>8262</v>
      </c>
      <c r="M1233" s="10">
        <v>6673</v>
      </c>
      <c r="N1233">
        <v>0</v>
      </c>
    </row>
    <row r="1234" spans="1:14" hidden="1">
      <c r="A1234" s="7" t="s">
        <v>10</v>
      </c>
      <c r="B1234" s="8"/>
      <c r="C1234" s="8" t="s">
        <v>58</v>
      </c>
      <c r="D1234" t="s">
        <v>77</v>
      </c>
      <c r="E1234" s="8" t="s">
        <v>24</v>
      </c>
      <c r="F1234" t="s">
        <v>55</v>
      </c>
      <c r="G1234" t="s">
        <v>79</v>
      </c>
      <c r="H1234" t="s">
        <v>55</v>
      </c>
      <c r="I1234" s="8">
        <v>2032</v>
      </c>
      <c r="J1234" t="s">
        <v>50</v>
      </c>
      <c r="K1234" s="10"/>
      <c r="M1234" s="10"/>
      <c r="N1234">
        <v>0</v>
      </c>
    </row>
    <row r="1235" spans="1:14" hidden="1">
      <c r="A1235" s="7" t="s">
        <v>10</v>
      </c>
      <c r="B1235" s="8"/>
      <c r="C1235" s="8" t="s">
        <v>58</v>
      </c>
      <c r="D1235" t="s">
        <v>77</v>
      </c>
      <c r="E1235" s="8" t="s">
        <v>24</v>
      </c>
      <c r="F1235" t="s">
        <v>55</v>
      </c>
      <c r="G1235" t="s">
        <v>19</v>
      </c>
      <c r="H1235" t="s">
        <v>55</v>
      </c>
      <c r="I1235" s="8">
        <v>2032</v>
      </c>
      <c r="J1235" t="s">
        <v>19</v>
      </c>
      <c r="K1235" s="10"/>
      <c r="M1235" s="10"/>
      <c r="N1235">
        <v>0</v>
      </c>
    </row>
    <row r="1236" spans="1:14" hidden="1">
      <c r="A1236" s="7" t="s">
        <v>10</v>
      </c>
      <c r="B1236" s="8"/>
      <c r="C1236" s="8" t="s">
        <v>58</v>
      </c>
      <c r="D1236" t="s">
        <v>77</v>
      </c>
      <c r="E1236" s="8" t="s">
        <v>24</v>
      </c>
      <c r="F1236" t="s">
        <v>55</v>
      </c>
      <c r="G1236" t="s">
        <v>78</v>
      </c>
      <c r="H1236" t="s">
        <v>55</v>
      </c>
      <c r="I1236" s="8">
        <v>2032</v>
      </c>
      <c r="J1236" t="s">
        <v>21</v>
      </c>
      <c r="K1236" s="10"/>
      <c r="M1236" s="10"/>
      <c r="N1236">
        <v>0</v>
      </c>
    </row>
    <row r="1237" spans="1:14" hidden="1">
      <c r="A1237" s="7" t="s">
        <v>10</v>
      </c>
      <c r="B1237" s="8"/>
      <c r="C1237" s="8" t="s">
        <v>58</v>
      </c>
      <c r="D1237" t="s">
        <v>77</v>
      </c>
      <c r="E1237" s="8" t="s">
        <v>24</v>
      </c>
      <c r="F1237" t="s">
        <v>55</v>
      </c>
      <c r="G1237" t="s">
        <v>78</v>
      </c>
      <c r="H1237" t="s">
        <v>55</v>
      </c>
      <c r="I1237" s="8">
        <v>2032</v>
      </c>
      <c r="J1237" t="s">
        <v>51</v>
      </c>
      <c r="K1237" s="10"/>
      <c r="M1237" s="10"/>
      <c r="N1237">
        <v>0</v>
      </c>
    </row>
    <row r="1238" spans="1:14" hidden="1">
      <c r="A1238" s="7" t="s">
        <v>10</v>
      </c>
      <c r="B1238" s="8"/>
      <c r="C1238" s="8" t="s">
        <v>58</v>
      </c>
      <c r="D1238" t="s">
        <v>77</v>
      </c>
      <c r="E1238" s="8" t="s">
        <v>24</v>
      </c>
      <c r="F1238" t="s">
        <v>55</v>
      </c>
      <c r="G1238" t="s">
        <v>78</v>
      </c>
      <c r="H1238" t="s">
        <v>55</v>
      </c>
      <c r="I1238" s="8">
        <v>2033</v>
      </c>
      <c r="J1238" t="s">
        <v>47</v>
      </c>
      <c r="K1238" s="10"/>
      <c r="M1238" s="10"/>
      <c r="N1238">
        <v>0</v>
      </c>
    </row>
    <row r="1239" spans="1:14" hidden="1">
      <c r="A1239" s="7" t="s">
        <v>10</v>
      </c>
      <c r="B1239" s="8"/>
      <c r="C1239" s="8" t="s">
        <v>58</v>
      </c>
      <c r="D1239" t="s">
        <v>77</v>
      </c>
      <c r="E1239" s="8" t="s">
        <v>24</v>
      </c>
      <c r="F1239" t="s">
        <v>55</v>
      </c>
      <c r="G1239" t="s">
        <v>78</v>
      </c>
      <c r="H1239" t="s">
        <v>55</v>
      </c>
      <c r="I1239" s="8">
        <v>2033</v>
      </c>
      <c r="J1239" t="s">
        <v>48</v>
      </c>
      <c r="K1239" s="10"/>
      <c r="M1239" s="10"/>
      <c r="N1239">
        <v>0</v>
      </c>
    </row>
    <row r="1240" spans="1:14" hidden="1">
      <c r="A1240" s="7" t="s">
        <v>10</v>
      </c>
      <c r="B1240" s="8"/>
      <c r="C1240" s="8" t="s">
        <v>58</v>
      </c>
      <c r="D1240" t="s">
        <v>77</v>
      </c>
      <c r="E1240" s="8" t="s">
        <v>24</v>
      </c>
      <c r="F1240" t="s">
        <v>55</v>
      </c>
      <c r="G1240" t="s">
        <v>78</v>
      </c>
      <c r="H1240" t="s">
        <v>55</v>
      </c>
      <c r="I1240" s="8">
        <v>2033</v>
      </c>
      <c r="J1240" t="s">
        <v>14</v>
      </c>
      <c r="K1240" s="10">
        <v>34707</v>
      </c>
      <c r="L1240">
        <v>4031</v>
      </c>
      <c r="M1240" s="10">
        <v>0</v>
      </c>
      <c r="N1240">
        <v>0</v>
      </c>
    </row>
    <row r="1241" spans="1:14" hidden="1">
      <c r="A1241" s="7" t="s">
        <v>10</v>
      </c>
      <c r="B1241" s="8"/>
      <c r="C1241" s="8" t="s">
        <v>58</v>
      </c>
      <c r="D1241" t="s">
        <v>77</v>
      </c>
      <c r="E1241" s="8" t="s">
        <v>24</v>
      </c>
      <c r="F1241" t="s">
        <v>55</v>
      </c>
      <c r="G1241" t="s">
        <v>78</v>
      </c>
      <c r="H1241" t="s">
        <v>55</v>
      </c>
      <c r="I1241" s="8">
        <v>2033</v>
      </c>
      <c r="J1241" t="s">
        <v>49</v>
      </c>
      <c r="K1241" s="10"/>
      <c r="M1241" s="10"/>
      <c r="N1241">
        <v>0</v>
      </c>
    </row>
    <row r="1242" spans="1:14" hidden="1">
      <c r="A1242" s="7" t="s">
        <v>10</v>
      </c>
      <c r="B1242" s="8"/>
      <c r="C1242" s="8" t="s">
        <v>58</v>
      </c>
      <c r="D1242" t="s">
        <v>77</v>
      </c>
      <c r="E1242" s="8" t="s">
        <v>24</v>
      </c>
      <c r="F1242" t="s">
        <v>55</v>
      </c>
      <c r="G1242" t="s">
        <v>79</v>
      </c>
      <c r="H1242" t="s">
        <v>55</v>
      </c>
      <c r="I1242" s="8">
        <v>2033</v>
      </c>
      <c r="J1242" t="s">
        <v>15</v>
      </c>
      <c r="K1242" s="10">
        <v>14935</v>
      </c>
      <c r="L1242">
        <v>8262</v>
      </c>
      <c r="M1242" s="10">
        <v>6673</v>
      </c>
      <c r="N1242">
        <v>0</v>
      </c>
    </row>
    <row r="1243" spans="1:14" hidden="1">
      <c r="A1243" s="7" t="s">
        <v>10</v>
      </c>
      <c r="B1243" s="8"/>
      <c r="C1243" s="8" t="s">
        <v>58</v>
      </c>
      <c r="D1243" t="s">
        <v>77</v>
      </c>
      <c r="E1243" s="8" t="s">
        <v>24</v>
      </c>
      <c r="F1243" t="s">
        <v>55</v>
      </c>
      <c r="G1243" t="s">
        <v>79</v>
      </c>
      <c r="H1243" t="s">
        <v>55</v>
      </c>
      <c r="I1243" s="8">
        <v>2033</v>
      </c>
      <c r="J1243" t="s">
        <v>50</v>
      </c>
      <c r="K1243" s="10"/>
      <c r="M1243" s="10"/>
      <c r="N1243">
        <v>0</v>
      </c>
    </row>
    <row r="1244" spans="1:14" hidden="1">
      <c r="A1244" s="7" t="s">
        <v>10</v>
      </c>
      <c r="B1244" s="8"/>
      <c r="C1244" s="8" t="s">
        <v>58</v>
      </c>
      <c r="D1244" t="s">
        <v>77</v>
      </c>
      <c r="E1244" s="8" t="s">
        <v>24</v>
      </c>
      <c r="F1244" t="s">
        <v>55</v>
      </c>
      <c r="G1244" t="s">
        <v>19</v>
      </c>
      <c r="H1244" t="s">
        <v>55</v>
      </c>
      <c r="I1244" s="8">
        <v>2033</v>
      </c>
      <c r="J1244" t="s">
        <v>19</v>
      </c>
      <c r="K1244" s="10"/>
      <c r="M1244" s="10"/>
      <c r="N1244">
        <v>0</v>
      </c>
    </row>
    <row r="1245" spans="1:14" hidden="1">
      <c r="A1245" s="7" t="s">
        <v>10</v>
      </c>
      <c r="B1245" s="8"/>
      <c r="C1245" s="8" t="s">
        <v>58</v>
      </c>
      <c r="D1245" t="s">
        <v>77</v>
      </c>
      <c r="E1245" s="8" t="s">
        <v>24</v>
      </c>
      <c r="F1245" t="s">
        <v>55</v>
      </c>
      <c r="G1245" t="s">
        <v>78</v>
      </c>
      <c r="H1245" t="s">
        <v>55</v>
      </c>
      <c r="I1245" s="8">
        <v>2033</v>
      </c>
      <c r="J1245" t="s">
        <v>21</v>
      </c>
      <c r="K1245" s="10"/>
      <c r="M1245" s="10"/>
      <c r="N1245">
        <v>0</v>
      </c>
    </row>
    <row r="1246" spans="1:14" hidden="1">
      <c r="A1246" s="7" t="s">
        <v>10</v>
      </c>
      <c r="B1246" s="8"/>
      <c r="C1246" s="8" t="s">
        <v>58</v>
      </c>
      <c r="D1246" t="s">
        <v>77</v>
      </c>
      <c r="E1246" s="8" t="s">
        <v>24</v>
      </c>
      <c r="F1246" t="s">
        <v>55</v>
      </c>
      <c r="G1246" t="s">
        <v>78</v>
      </c>
      <c r="H1246" t="s">
        <v>55</v>
      </c>
      <c r="I1246" s="8">
        <v>2033</v>
      </c>
      <c r="J1246" t="s">
        <v>51</v>
      </c>
      <c r="K1246" s="10"/>
      <c r="M1246" s="10"/>
      <c r="N1246">
        <v>0</v>
      </c>
    </row>
    <row r="1247" spans="1:14" hidden="1">
      <c r="A1247" s="7" t="s">
        <v>10</v>
      </c>
      <c r="B1247" s="8"/>
      <c r="C1247" s="8" t="s">
        <v>58</v>
      </c>
      <c r="D1247" t="s">
        <v>77</v>
      </c>
      <c r="E1247" s="8" t="s">
        <v>24</v>
      </c>
      <c r="F1247" t="s">
        <v>55</v>
      </c>
      <c r="G1247" t="s">
        <v>78</v>
      </c>
      <c r="H1247" t="s">
        <v>55</v>
      </c>
      <c r="I1247" s="8">
        <v>2034</v>
      </c>
      <c r="J1247" t="s">
        <v>47</v>
      </c>
      <c r="K1247" s="10"/>
      <c r="M1247" s="10"/>
      <c r="N1247">
        <v>0</v>
      </c>
    </row>
    <row r="1248" spans="1:14" hidden="1">
      <c r="A1248" s="7" t="s">
        <v>10</v>
      </c>
      <c r="B1248" s="8"/>
      <c r="C1248" s="8" t="s">
        <v>58</v>
      </c>
      <c r="D1248" t="s">
        <v>77</v>
      </c>
      <c r="E1248" s="8" t="s">
        <v>24</v>
      </c>
      <c r="F1248" t="s">
        <v>55</v>
      </c>
      <c r="G1248" t="s">
        <v>78</v>
      </c>
      <c r="H1248" t="s">
        <v>55</v>
      </c>
      <c r="I1248" s="8">
        <v>2034</v>
      </c>
      <c r="J1248" t="s">
        <v>48</v>
      </c>
      <c r="K1248" s="10"/>
      <c r="M1248" s="10"/>
      <c r="N1248">
        <v>0</v>
      </c>
    </row>
    <row r="1249" spans="1:14" hidden="1">
      <c r="A1249" s="7" t="s">
        <v>10</v>
      </c>
      <c r="B1249" s="8"/>
      <c r="C1249" s="8" t="s">
        <v>58</v>
      </c>
      <c r="D1249" t="s">
        <v>77</v>
      </c>
      <c r="E1249" s="8" t="s">
        <v>24</v>
      </c>
      <c r="F1249" t="s">
        <v>55</v>
      </c>
      <c r="G1249" t="s">
        <v>78</v>
      </c>
      <c r="H1249" t="s">
        <v>55</v>
      </c>
      <c r="I1249" s="8">
        <v>2034</v>
      </c>
      <c r="J1249" t="s">
        <v>14</v>
      </c>
      <c r="K1249" s="10">
        <v>34707</v>
      </c>
      <c r="L1249">
        <v>4031</v>
      </c>
      <c r="M1249" s="10">
        <v>0</v>
      </c>
      <c r="N1249">
        <v>0</v>
      </c>
    </row>
    <row r="1250" spans="1:14" hidden="1">
      <c r="A1250" s="7" t="s">
        <v>10</v>
      </c>
      <c r="B1250" s="8"/>
      <c r="C1250" s="8" t="s">
        <v>58</v>
      </c>
      <c r="D1250" t="s">
        <v>77</v>
      </c>
      <c r="E1250" s="8" t="s">
        <v>24</v>
      </c>
      <c r="F1250" t="s">
        <v>55</v>
      </c>
      <c r="G1250" t="s">
        <v>78</v>
      </c>
      <c r="H1250" t="s">
        <v>55</v>
      </c>
      <c r="I1250" s="8">
        <v>2034</v>
      </c>
      <c r="J1250" t="s">
        <v>49</v>
      </c>
      <c r="K1250" s="10"/>
      <c r="M1250" s="10"/>
      <c r="N1250">
        <v>0</v>
      </c>
    </row>
    <row r="1251" spans="1:14" hidden="1">
      <c r="A1251" s="7" t="s">
        <v>10</v>
      </c>
      <c r="B1251" s="8"/>
      <c r="C1251" s="8" t="s">
        <v>58</v>
      </c>
      <c r="D1251" t="s">
        <v>77</v>
      </c>
      <c r="E1251" s="8" t="s">
        <v>24</v>
      </c>
      <c r="F1251" t="s">
        <v>55</v>
      </c>
      <c r="G1251" t="s">
        <v>79</v>
      </c>
      <c r="H1251" t="s">
        <v>55</v>
      </c>
      <c r="I1251" s="8">
        <v>2034</v>
      </c>
      <c r="J1251" t="s">
        <v>15</v>
      </c>
      <c r="K1251" s="10">
        <v>14935</v>
      </c>
      <c r="L1251">
        <v>8262</v>
      </c>
      <c r="M1251" s="10">
        <v>6673</v>
      </c>
      <c r="N1251">
        <v>0</v>
      </c>
    </row>
    <row r="1252" spans="1:14" hidden="1">
      <c r="A1252" s="7" t="s">
        <v>10</v>
      </c>
      <c r="B1252" s="8"/>
      <c r="C1252" s="8" t="s">
        <v>58</v>
      </c>
      <c r="D1252" t="s">
        <v>77</v>
      </c>
      <c r="E1252" s="8" t="s">
        <v>24</v>
      </c>
      <c r="F1252" t="s">
        <v>55</v>
      </c>
      <c r="G1252" t="s">
        <v>79</v>
      </c>
      <c r="H1252" t="s">
        <v>55</v>
      </c>
      <c r="I1252" s="8">
        <v>2034</v>
      </c>
      <c r="J1252" t="s">
        <v>50</v>
      </c>
      <c r="K1252" s="10"/>
      <c r="M1252" s="10"/>
      <c r="N1252">
        <v>0</v>
      </c>
    </row>
    <row r="1253" spans="1:14" hidden="1">
      <c r="A1253" s="7" t="s">
        <v>10</v>
      </c>
      <c r="B1253" s="8"/>
      <c r="C1253" s="8" t="s">
        <v>58</v>
      </c>
      <c r="D1253" t="s">
        <v>77</v>
      </c>
      <c r="E1253" s="8" t="s">
        <v>24</v>
      </c>
      <c r="F1253" t="s">
        <v>55</v>
      </c>
      <c r="G1253" t="s">
        <v>19</v>
      </c>
      <c r="H1253" t="s">
        <v>55</v>
      </c>
      <c r="I1253" s="8">
        <v>2034</v>
      </c>
      <c r="J1253" t="s">
        <v>19</v>
      </c>
      <c r="K1253" s="10"/>
      <c r="M1253" s="10"/>
      <c r="N1253">
        <v>0</v>
      </c>
    </row>
    <row r="1254" spans="1:14" hidden="1">
      <c r="A1254" s="7" t="s">
        <v>10</v>
      </c>
      <c r="B1254" s="8"/>
      <c r="C1254" s="8" t="s">
        <v>58</v>
      </c>
      <c r="D1254" t="s">
        <v>77</v>
      </c>
      <c r="E1254" s="8" t="s">
        <v>24</v>
      </c>
      <c r="F1254" t="s">
        <v>55</v>
      </c>
      <c r="G1254" t="s">
        <v>78</v>
      </c>
      <c r="H1254" t="s">
        <v>55</v>
      </c>
      <c r="I1254" s="8">
        <v>2034</v>
      </c>
      <c r="J1254" t="s">
        <v>21</v>
      </c>
      <c r="K1254" s="10"/>
      <c r="M1254" s="10"/>
      <c r="N1254">
        <v>0</v>
      </c>
    </row>
    <row r="1255" spans="1:14" hidden="1">
      <c r="A1255" s="7" t="s">
        <v>10</v>
      </c>
      <c r="B1255" s="8"/>
      <c r="C1255" s="8" t="s">
        <v>58</v>
      </c>
      <c r="D1255" t="s">
        <v>77</v>
      </c>
      <c r="E1255" s="8" t="s">
        <v>24</v>
      </c>
      <c r="F1255" t="s">
        <v>55</v>
      </c>
      <c r="G1255" t="s">
        <v>78</v>
      </c>
      <c r="H1255" t="s">
        <v>55</v>
      </c>
      <c r="I1255" s="8">
        <v>2034</v>
      </c>
      <c r="J1255" t="s">
        <v>51</v>
      </c>
      <c r="K1255" s="10"/>
      <c r="M1255" s="10"/>
      <c r="N1255">
        <v>0</v>
      </c>
    </row>
    <row r="1256" spans="1:14" hidden="1">
      <c r="A1256" s="7" t="s">
        <v>10</v>
      </c>
      <c r="B1256" s="8"/>
      <c r="C1256" s="8" t="s">
        <v>59</v>
      </c>
      <c r="D1256" t="s">
        <v>77</v>
      </c>
      <c r="E1256" s="8" t="s">
        <v>31</v>
      </c>
      <c r="F1256" t="s">
        <v>55</v>
      </c>
      <c r="G1256" t="s">
        <v>78</v>
      </c>
      <c r="H1256" t="s">
        <v>55</v>
      </c>
      <c r="I1256" s="8">
        <v>2025</v>
      </c>
      <c r="J1256" t="s">
        <v>47</v>
      </c>
      <c r="K1256" s="10"/>
      <c r="M1256" s="10"/>
      <c r="N1256">
        <v>0</v>
      </c>
    </row>
    <row r="1257" spans="1:14" hidden="1">
      <c r="A1257" s="7" t="s">
        <v>10</v>
      </c>
      <c r="B1257" s="8"/>
      <c r="C1257" s="8" t="s">
        <v>59</v>
      </c>
      <c r="D1257" t="s">
        <v>77</v>
      </c>
      <c r="E1257" s="8" t="s">
        <v>31</v>
      </c>
      <c r="F1257" t="s">
        <v>55</v>
      </c>
      <c r="G1257" t="s">
        <v>78</v>
      </c>
      <c r="H1257" t="s">
        <v>55</v>
      </c>
      <c r="I1257" s="8">
        <v>2025</v>
      </c>
      <c r="J1257" t="s">
        <v>48</v>
      </c>
      <c r="K1257" s="10"/>
      <c r="M1257" s="10"/>
      <c r="N1257">
        <v>0</v>
      </c>
    </row>
    <row r="1258" spans="1:14" hidden="1">
      <c r="A1258" s="7" t="s">
        <v>10</v>
      </c>
      <c r="B1258" s="8"/>
      <c r="C1258" s="8" t="s">
        <v>59</v>
      </c>
      <c r="D1258" t="s">
        <v>77</v>
      </c>
      <c r="E1258" s="8" t="s">
        <v>31</v>
      </c>
      <c r="F1258" t="s">
        <v>55</v>
      </c>
      <c r="G1258" t="s">
        <v>78</v>
      </c>
      <c r="H1258" t="s">
        <v>55</v>
      </c>
      <c r="I1258" s="8">
        <v>2025</v>
      </c>
      <c r="J1258" t="s">
        <v>14</v>
      </c>
      <c r="K1258" s="10">
        <v>11395</v>
      </c>
      <c r="L1258">
        <v>1525</v>
      </c>
      <c r="M1258" s="10">
        <v>0</v>
      </c>
      <c r="N1258">
        <v>0</v>
      </c>
    </row>
    <row r="1259" spans="1:14" hidden="1">
      <c r="A1259" s="7" t="s">
        <v>10</v>
      </c>
      <c r="B1259" s="8"/>
      <c r="C1259" s="8" t="s">
        <v>59</v>
      </c>
      <c r="D1259" t="s">
        <v>77</v>
      </c>
      <c r="E1259" s="8" t="s">
        <v>31</v>
      </c>
      <c r="F1259" t="s">
        <v>55</v>
      </c>
      <c r="G1259" t="s">
        <v>78</v>
      </c>
      <c r="H1259" t="s">
        <v>55</v>
      </c>
      <c r="I1259" s="8">
        <v>2025</v>
      </c>
      <c r="J1259" t="s">
        <v>49</v>
      </c>
      <c r="K1259" s="10"/>
      <c r="M1259" s="10"/>
      <c r="N1259">
        <v>0</v>
      </c>
    </row>
    <row r="1260" spans="1:14" hidden="1">
      <c r="A1260" s="7" t="s">
        <v>10</v>
      </c>
      <c r="B1260" s="8"/>
      <c r="C1260" s="8" t="s">
        <v>59</v>
      </c>
      <c r="D1260" t="s">
        <v>77</v>
      </c>
      <c r="E1260" s="8" t="s">
        <v>31</v>
      </c>
      <c r="F1260" t="s">
        <v>55</v>
      </c>
      <c r="G1260" t="s">
        <v>79</v>
      </c>
      <c r="H1260" t="s">
        <v>55</v>
      </c>
      <c r="I1260" s="8">
        <v>2025</v>
      </c>
      <c r="J1260" t="s">
        <v>15</v>
      </c>
      <c r="K1260" s="10">
        <v>10069</v>
      </c>
      <c r="L1260">
        <v>4652</v>
      </c>
      <c r="M1260" s="10">
        <v>5417</v>
      </c>
      <c r="N1260">
        <v>0</v>
      </c>
    </row>
    <row r="1261" spans="1:14" hidden="1">
      <c r="A1261" s="7" t="s">
        <v>10</v>
      </c>
      <c r="B1261" s="8"/>
      <c r="C1261" s="8" t="s">
        <v>59</v>
      </c>
      <c r="D1261" t="s">
        <v>77</v>
      </c>
      <c r="E1261" s="8" t="s">
        <v>31</v>
      </c>
      <c r="F1261" t="s">
        <v>55</v>
      </c>
      <c r="G1261" t="s">
        <v>79</v>
      </c>
      <c r="H1261" t="s">
        <v>55</v>
      </c>
      <c r="I1261" s="8">
        <v>2025</v>
      </c>
      <c r="J1261" t="s">
        <v>50</v>
      </c>
      <c r="K1261" s="10"/>
      <c r="M1261" s="10"/>
      <c r="N1261">
        <v>0</v>
      </c>
    </row>
    <row r="1262" spans="1:14" hidden="1">
      <c r="A1262" s="7" t="s">
        <v>10</v>
      </c>
      <c r="B1262" s="8"/>
      <c r="C1262" s="8" t="s">
        <v>59</v>
      </c>
      <c r="D1262" t="s">
        <v>77</v>
      </c>
      <c r="E1262" s="8" t="s">
        <v>31</v>
      </c>
      <c r="F1262" t="s">
        <v>55</v>
      </c>
      <c r="G1262" t="s">
        <v>19</v>
      </c>
      <c r="H1262" t="s">
        <v>55</v>
      </c>
      <c r="I1262" s="8">
        <v>2025</v>
      </c>
      <c r="J1262" t="s">
        <v>19</v>
      </c>
      <c r="K1262" s="10"/>
      <c r="M1262" s="10"/>
      <c r="N1262">
        <v>0</v>
      </c>
    </row>
    <row r="1263" spans="1:14" hidden="1">
      <c r="A1263" s="7" t="s">
        <v>10</v>
      </c>
      <c r="B1263" s="8"/>
      <c r="C1263" s="8" t="s">
        <v>59</v>
      </c>
      <c r="D1263" t="s">
        <v>77</v>
      </c>
      <c r="E1263" s="8" t="s">
        <v>31</v>
      </c>
      <c r="F1263" t="s">
        <v>55</v>
      </c>
      <c r="G1263" t="s">
        <v>78</v>
      </c>
      <c r="H1263" t="s">
        <v>55</v>
      </c>
      <c r="I1263" s="8">
        <v>2025</v>
      </c>
      <c r="J1263" t="s">
        <v>21</v>
      </c>
      <c r="K1263" s="10"/>
      <c r="M1263" s="10"/>
      <c r="N1263">
        <v>0</v>
      </c>
    </row>
    <row r="1264" spans="1:14" hidden="1">
      <c r="A1264" s="7" t="s">
        <v>10</v>
      </c>
      <c r="B1264" s="8"/>
      <c r="C1264" s="8" t="s">
        <v>59</v>
      </c>
      <c r="D1264" t="s">
        <v>77</v>
      </c>
      <c r="E1264" s="8" t="s">
        <v>31</v>
      </c>
      <c r="F1264" t="s">
        <v>55</v>
      </c>
      <c r="G1264" t="s">
        <v>78</v>
      </c>
      <c r="H1264" t="s">
        <v>55</v>
      </c>
      <c r="I1264" s="8">
        <v>2025</v>
      </c>
      <c r="J1264" t="s">
        <v>51</v>
      </c>
      <c r="K1264" s="10"/>
      <c r="M1264" s="10"/>
      <c r="N1264">
        <v>0</v>
      </c>
    </row>
    <row r="1265" spans="1:14" hidden="1">
      <c r="A1265" s="7" t="s">
        <v>10</v>
      </c>
      <c r="B1265" s="8"/>
      <c r="C1265" s="8" t="s">
        <v>59</v>
      </c>
      <c r="D1265" t="s">
        <v>77</v>
      </c>
      <c r="E1265" s="8" t="s">
        <v>31</v>
      </c>
      <c r="F1265" t="s">
        <v>55</v>
      </c>
      <c r="G1265" t="s">
        <v>78</v>
      </c>
      <c r="H1265" t="s">
        <v>55</v>
      </c>
      <c r="I1265" s="8">
        <v>2026</v>
      </c>
      <c r="J1265" t="s">
        <v>47</v>
      </c>
      <c r="K1265" s="10"/>
      <c r="M1265" s="10"/>
      <c r="N1265">
        <v>0</v>
      </c>
    </row>
    <row r="1266" spans="1:14" hidden="1">
      <c r="A1266" s="7" t="s">
        <v>10</v>
      </c>
      <c r="B1266" s="8"/>
      <c r="C1266" s="8" t="s">
        <v>59</v>
      </c>
      <c r="D1266" t="s">
        <v>77</v>
      </c>
      <c r="E1266" s="8" t="s">
        <v>31</v>
      </c>
      <c r="F1266" t="s">
        <v>55</v>
      </c>
      <c r="G1266" t="s">
        <v>78</v>
      </c>
      <c r="H1266" t="s">
        <v>55</v>
      </c>
      <c r="I1266" s="8">
        <v>2026</v>
      </c>
      <c r="J1266" t="s">
        <v>48</v>
      </c>
      <c r="K1266" s="10"/>
      <c r="M1266" s="10"/>
      <c r="N1266">
        <v>0</v>
      </c>
    </row>
    <row r="1267" spans="1:14" hidden="1">
      <c r="A1267" s="7" t="s">
        <v>10</v>
      </c>
      <c r="B1267" s="8"/>
      <c r="C1267" s="8" t="s">
        <v>59</v>
      </c>
      <c r="D1267" t="s">
        <v>77</v>
      </c>
      <c r="E1267" s="8" t="s">
        <v>31</v>
      </c>
      <c r="F1267" t="s">
        <v>55</v>
      </c>
      <c r="G1267" t="s">
        <v>78</v>
      </c>
      <c r="H1267" t="s">
        <v>55</v>
      </c>
      <c r="I1267" s="8">
        <v>2026</v>
      </c>
      <c r="J1267" t="s">
        <v>14</v>
      </c>
      <c r="K1267" s="10">
        <v>13169</v>
      </c>
      <c r="L1267">
        <v>1752</v>
      </c>
      <c r="M1267" s="10">
        <v>0</v>
      </c>
      <c r="N1267">
        <v>0</v>
      </c>
    </row>
    <row r="1268" spans="1:14" hidden="1">
      <c r="A1268" s="7" t="s">
        <v>10</v>
      </c>
      <c r="B1268" s="8"/>
      <c r="C1268" s="8" t="s">
        <v>59</v>
      </c>
      <c r="D1268" t="s">
        <v>77</v>
      </c>
      <c r="E1268" s="8" t="s">
        <v>31</v>
      </c>
      <c r="F1268" t="s">
        <v>55</v>
      </c>
      <c r="G1268" t="s">
        <v>78</v>
      </c>
      <c r="H1268" t="s">
        <v>55</v>
      </c>
      <c r="I1268" s="8">
        <v>2026</v>
      </c>
      <c r="J1268" t="s">
        <v>49</v>
      </c>
      <c r="K1268" s="10"/>
      <c r="M1268" s="10"/>
      <c r="N1268">
        <v>0</v>
      </c>
    </row>
    <row r="1269" spans="1:14" hidden="1">
      <c r="A1269" s="7" t="s">
        <v>10</v>
      </c>
      <c r="B1269" s="8"/>
      <c r="C1269" s="8" t="s">
        <v>59</v>
      </c>
      <c r="D1269" t="s">
        <v>77</v>
      </c>
      <c r="E1269" s="8" t="s">
        <v>31</v>
      </c>
      <c r="F1269" t="s">
        <v>55</v>
      </c>
      <c r="G1269" t="s">
        <v>79</v>
      </c>
      <c r="H1269" t="s">
        <v>55</v>
      </c>
      <c r="I1269" s="8">
        <v>2026</v>
      </c>
      <c r="J1269" t="s">
        <v>15</v>
      </c>
      <c r="K1269" s="10">
        <v>11605</v>
      </c>
      <c r="L1269">
        <v>5310</v>
      </c>
      <c r="M1269" s="10">
        <v>6295</v>
      </c>
      <c r="N1269">
        <v>0</v>
      </c>
    </row>
    <row r="1270" spans="1:14" hidden="1">
      <c r="A1270" s="7" t="s">
        <v>10</v>
      </c>
      <c r="B1270" s="8"/>
      <c r="C1270" s="8" t="s">
        <v>59</v>
      </c>
      <c r="D1270" t="s">
        <v>77</v>
      </c>
      <c r="E1270" s="8" t="s">
        <v>31</v>
      </c>
      <c r="F1270" t="s">
        <v>55</v>
      </c>
      <c r="G1270" t="s">
        <v>79</v>
      </c>
      <c r="H1270" t="s">
        <v>55</v>
      </c>
      <c r="I1270" s="8">
        <v>2026</v>
      </c>
      <c r="J1270" t="s">
        <v>50</v>
      </c>
      <c r="K1270" s="10"/>
      <c r="M1270" s="10"/>
      <c r="N1270">
        <v>0</v>
      </c>
    </row>
    <row r="1271" spans="1:14" hidden="1">
      <c r="A1271" s="7" t="s">
        <v>10</v>
      </c>
      <c r="B1271" s="8"/>
      <c r="C1271" s="8" t="s">
        <v>59</v>
      </c>
      <c r="D1271" t="s">
        <v>77</v>
      </c>
      <c r="E1271" s="8" t="s">
        <v>31</v>
      </c>
      <c r="F1271" t="s">
        <v>55</v>
      </c>
      <c r="G1271" t="s">
        <v>19</v>
      </c>
      <c r="H1271" t="s">
        <v>55</v>
      </c>
      <c r="I1271" s="8">
        <v>2026</v>
      </c>
      <c r="J1271" t="s">
        <v>19</v>
      </c>
      <c r="K1271" s="10"/>
      <c r="M1271" s="10"/>
      <c r="N1271">
        <v>0</v>
      </c>
    </row>
    <row r="1272" spans="1:14" hidden="1">
      <c r="A1272" s="7" t="s">
        <v>10</v>
      </c>
      <c r="B1272" s="8"/>
      <c r="C1272" s="8" t="s">
        <v>59</v>
      </c>
      <c r="D1272" t="s">
        <v>77</v>
      </c>
      <c r="E1272" s="8" t="s">
        <v>31</v>
      </c>
      <c r="F1272" t="s">
        <v>55</v>
      </c>
      <c r="G1272" t="s">
        <v>78</v>
      </c>
      <c r="H1272" t="s">
        <v>55</v>
      </c>
      <c r="I1272" s="8">
        <v>2026</v>
      </c>
      <c r="J1272" t="s">
        <v>21</v>
      </c>
      <c r="K1272" s="10"/>
      <c r="M1272" s="10"/>
      <c r="N1272">
        <v>0</v>
      </c>
    </row>
    <row r="1273" spans="1:14" hidden="1">
      <c r="A1273" s="7" t="s">
        <v>10</v>
      </c>
      <c r="B1273" s="8"/>
      <c r="C1273" s="8" t="s">
        <v>59</v>
      </c>
      <c r="D1273" t="s">
        <v>77</v>
      </c>
      <c r="E1273" s="8" t="s">
        <v>31</v>
      </c>
      <c r="F1273" t="s">
        <v>55</v>
      </c>
      <c r="G1273" t="s">
        <v>78</v>
      </c>
      <c r="H1273" t="s">
        <v>55</v>
      </c>
      <c r="I1273" s="8">
        <v>2026</v>
      </c>
      <c r="J1273" t="s">
        <v>51</v>
      </c>
      <c r="K1273" s="10"/>
      <c r="M1273" s="10"/>
      <c r="N1273">
        <v>0</v>
      </c>
    </row>
    <row r="1274" spans="1:14" hidden="1">
      <c r="A1274" s="7" t="s">
        <v>10</v>
      </c>
      <c r="B1274" s="8"/>
      <c r="C1274" s="8" t="s">
        <v>59</v>
      </c>
      <c r="D1274" t="s">
        <v>77</v>
      </c>
      <c r="E1274" s="8" t="s">
        <v>31</v>
      </c>
      <c r="F1274" t="s">
        <v>55</v>
      </c>
      <c r="G1274" t="s">
        <v>78</v>
      </c>
      <c r="H1274" t="s">
        <v>55</v>
      </c>
      <c r="I1274" s="8">
        <v>2027</v>
      </c>
      <c r="J1274" t="s">
        <v>47</v>
      </c>
      <c r="K1274" s="10"/>
      <c r="M1274" s="10"/>
      <c r="N1274">
        <v>0</v>
      </c>
    </row>
    <row r="1275" spans="1:14" hidden="1">
      <c r="A1275" s="7" t="s">
        <v>10</v>
      </c>
      <c r="B1275" s="8"/>
      <c r="C1275" s="8" t="s">
        <v>59</v>
      </c>
      <c r="D1275" t="s">
        <v>77</v>
      </c>
      <c r="E1275" s="8" t="s">
        <v>31</v>
      </c>
      <c r="F1275" t="s">
        <v>55</v>
      </c>
      <c r="G1275" t="s">
        <v>78</v>
      </c>
      <c r="H1275" t="s">
        <v>55</v>
      </c>
      <c r="I1275" s="8">
        <v>2027</v>
      </c>
      <c r="J1275" t="s">
        <v>48</v>
      </c>
      <c r="K1275" s="10"/>
      <c r="M1275" s="10"/>
      <c r="N1275">
        <v>0</v>
      </c>
    </row>
    <row r="1276" spans="1:14" hidden="1">
      <c r="A1276" s="7" t="s">
        <v>10</v>
      </c>
      <c r="B1276" s="8"/>
      <c r="C1276" s="8" t="s">
        <v>59</v>
      </c>
      <c r="D1276" t="s">
        <v>77</v>
      </c>
      <c r="E1276" s="8" t="s">
        <v>31</v>
      </c>
      <c r="F1276" t="s">
        <v>55</v>
      </c>
      <c r="G1276" t="s">
        <v>78</v>
      </c>
      <c r="H1276" t="s">
        <v>55</v>
      </c>
      <c r="I1276" s="8">
        <v>2027</v>
      </c>
      <c r="J1276" t="s">
        <v>14</v>
      </c>
      <c r="K1276" s="10">
        <v>17178</v>
      </c>
      <c r="L1276">
        <v>2417</v>
      </c>
      <c r="M1276" s="10">
        <v>0</v>
      </c>
      <c r="N1276">
        <v>0</v>
      </c>
    </row>
    <row r="1277" spans="1:14" hidden="1">
      <c r="A1277" s="7" t="s">
        <v>10</v>
      </c>
      <c r="B1277" s="8"/>
      <c r="C1277" s="8" t="s">
        <v>59</v>
      </c>
      <c r="D1277" t="s">
        <v>77</v>
      </c>
      <c r="E1277" s="8" t="s">
        <v>31</v>
      </c>
      <c r="F1277" t="s">
        <v>55</v>
      </c>
      <c r="G1277" t="s">
        <v>78</v>
      </c>
      <c r="H1277" t="s">
        <v>55</v>
      </c>
      <c r="I1277" s="8">
        <v>2027</v>
      </c>
      <c r="J1277" t="s">
        <v>49</v>
      </c>
      <c r="K1277" s="10"/>
      <c r="M1277" s="10"/>
      <c r="N1277">
        <v>0</v>
      </c>
    </row>
    <row r="1278" spans="1:14" hidden="1">
      <c r="A1278" s="7" t="s">
        <v>10</v>
      </c>
      <c r="B1278" s="8"/>
      <c r="C1278" s="8" t="s">
        <v>59</v>
      </c>
      <c r="D1278" t="s">
        <v>77</v>
      </c>
      <c r="E1278" s="8" t="s">
        <v>31</v>
      </c>
      <c r="F1278" t="s">
        <v>55</v>
      </c>
      <c r="G1278" t="s">
        <v>79</v>
      </c>
      <c r="H1278" t="s">
        <v>55</v>
      </c>
      <c r="I1278" s="8">
        <v>2027</v>
      </c>
      <c r="J1278" t="s">
        <v>15</v>
      </c>
      <c r="K1278" s="10">
        <v>17539</v>
      </c>
      <c r="L1278">
        <v>8137</v>
      </c>
      <c r="M1278" s="10">
        <v>9402</v>
      </c>
      <c r="N1278">
        <v>0</v>
      </c>
    </row>
    <row r="1279" spans="1:14" hidden="1">
      <c r="A1279" s="7" t="s">
        <v>10</v>
      </c>
      <c r="B1279" s="8"/>
      <c r="C1279" s="8" t="s">
        <v>59</v>
      </c>
      <c r="D1279" t="s">
        <v>77</v>
      </c>
      <c r="E1279" s="8" t="s">
        <v>31</v>
      </c>
      <c r="F1279" t="s">
        <v>55</v>
      </c>
      <c r="G1279" t="s">
        <v>79</v>
      </c>
      <c r="H1279" t="s">
        <v>55</v>
      </c>
      <c r="I1279" s="8">
        <v>2027</v>
      </c>
      <c r="J1279" t="s">
        <v>50</v>
      </c>
      <c r="K1279" s="10"/>
      <c r="M1279" s="10"/>
      <c r="N1279">
        <v>0</v>
      </c>
    </row>
    <row r="1280" spans="1:14" hidden="1">
      <c r="A1280" s="7" t="s">
        <v>10</v>
      </c>
      <c r="B1280" s="8"/>
      <c r="C1280" s="8" t="s">
        <v>59</v>
      </c>
      <c r="D1280" t="s">
        <v>77</v>
      </c>
      <c r="E1280" s="8" t="s">
        <v>31</v>
      </c>
      <c r="F1280" t="s">
        <v>55</v>
      </c>
      <c r="G1280" t="s">
        <v>19</v>
      </c>
      <c r="H1280" t="s">
        <v>55</v>
      </c>
      <c r="I1280" s="8">
        <v>2027</v>
      </c>
      <c r="J1280" t="s">
        <v>19</v>
      </c>
      <c r="K1280" s="10"/>
      <c r="M1280" s="10"/>
      <c r="N1280">
        <v>0</v>
      </c>
    </row>
    <row r="1281" spans="1:14" hidden="1">
      <c r="A1281" s="7" t="s">
        <v>10</v>
      </c>
      <c r="B1281" s="8"/>
      <c r="C1281" s="8" t="s">
        <v>59</v>
      </c>
      <c r="D1281" t="s">
        <v>77</v>
      </c>
      <c r="E1281" s="8" t="s">
        <v>31</v>
      </c>
      <c r="F1281" t="s">
        <v>55</v>
      </c>
      <c r="G1281" t="s">
        <v>78</v>
      </c>
      <c r="H1281" t="s">
        <v>55</v>
      </c>
      <c r="I1281" s="8">
        <v>2027</v>
      </c>
      <c r="J1281" t="s">
        <v>21</v>
      </c>
      <c r="K1281" s="10"/>
      <c r="M1281" s="10"/>
      <c r="N1281">
        <v>0</v>
      </c>
    </row>
    <row r="1282" spans="1:14" hidden="1">
      <c r="A1282" s="7" t="s">
        <v>10</v>
      </c>
      <c r="B1282" s="8"/>
      <c r="C1282" s="8" t="s">
        <v>59</v>
      </c>
      <c r="D1282" t="s">
        <v>77</v>
      </c>
      <c r="E1282" s="8" t="s">
        <v>31</v>
      </c>
      <c r="F1282" t="s">
        <v>55</v>
      </c>
      <c r="G1282" t="s">
        <v>78</v>
      </c>
      <c r="H1282" t="s">
        <v>55</v>
      </c>
      <c r="I1282" s="8">
        <v>2027</v>
      </c>
      <c r="J1282" t="s">
        <v>51</v>
      </c>
      <c r="K1282" s="10"/>
      <c r="M1282" s="10"/>
      <c r="N1282">
        <v>0</v>
      </c>
    </row>
    <row r="1283" spans="1:14" hidden="1">
      <c r="A1283" s="7" t="s">
        <v>10</v>
      </c>
      <c r="B1283" s="8"/>
      <c r="C1283" s="8" t="s">
        <v>59</v>
      </c>
      <c r="D1283" t="s">
        <v>77</v>
      </c>
      <c r="E1283" s="8" t="s">
        <v>31</v>
      </c>
      <c r="F1283" t="s">
        <v>55</v>
      </c>
      <c r="G1283" t="s">
        <v>78</v>
      </c>
      <c r="H1283" t="s">
        <v>55</v>
      </c>
      <c r="I1283" s="8">
        <v>2028</v>
      </c>
      <c r="J1283" t="s">
        <v>47</v>
      </c>
      <c r="K1283" s="10"/>
      <c r="M1283" s="10"/>
      <c r="N1283">
        <v>0</v>
      </c>
    </row>
    <row r="1284" spans="1:14" hidden="1">
      <c r="A1284" s="7" t="s">
        <v>10</v>
      </c>
      <c r="B1284" s="8"/>
      <c r="C1284" s="8" t="s">
        <v>59</v>
      </c>
      <c r="D1284" t="s">
        <v>77</v>
      </c>
      <c r="E1284" s="8" t="s">
        <v>31</v>
      </c>
      <c r="F1284" t="s">
        <v>55</v>
      </c>
      <c r="G1284" t="s">
        <v>78</v>
      </c>
      <c r="H1284" t="s">
        <v>55</v>
      </c>
      <c r="I1284" s="8">
        <v>2028</v>
      </c>
      <c r="J1284" t="s">
        <v>48</v>
      </c>
      <c r="K1284" s="10"/>
      <c r="M1284" s="10"/>
      <c r="N1284">
        <v>0</v>
      </c>
    </row>
    <row r="1285" spans="1:14" hidden="1">
      <c r="A1285" s="7" t="s">
        <v>10</v>
      </c>
      <c r="B1285" s="8"/>
      <c r="C1285" s="8" t="s">
        <v>59</v>
      </c>
      <c r="D1285" t="s">
        <v>77</v>
      </c>
      <c r="E1285" s="8" t="s">
        <v>31</v>
      </c>
      <c r="F1285" t="s">
        <v>55</v>
      </c>
      <c r="G1285" t="s">
        <v>78</v>
      </c>
      <c r="H1285" t="s">
        <v>55</v>
      </c>
      <c r="I1285" s="8">
        <v>2028</v>
      </c>
      <c r="J1285" t="s">
        <v>14</v>
      </c>
      <c r="K1285" s="10">
        <v>21492</v>
      </c>
      <c r="L1285">
        <v>2995</v>
      </c>
      <c r="M1285" s="10">
        <v>0</v>
      </c>
      <c r="N1285">
        <v>0</v>
      </c>
    </row>
    <row r="1286" spans="1:14" hidden="1">
      <c r="A1286" s="7" t="s">
        <v>10</v>
      </c>
      <c r="B1286" s="8"/>
      <c r="C1286" s="8" t="s">
        <v>59</v>
      </c>
      <c r="D1286" t="s">
        <v>77</v>
      </c>
      <c r="E1286" s="8" t="s">
        <v>31</v>
      </c>
      <c r="F1286" t="s">
        <v>55</v>
      </c>
      <c r="G1286" t="s">
        <v>78</v>
      </c>
      <c r="H1286" t="s">
        <v>55</v>
      </c>
      <c r="I1286" s="8">
        <v>2028</v>
      </c>
      <c r="J1286" t="s">
        <v>49</v>
      </c>
      <c r="K1286" s="10"/>
      <c r="M1286" s="10"/>
      <c r="N1286">
        <v>0</v>
      </c>
    </row>
    <row r="1287" spans="1:14" hidden="1">
      <c r="A1287" s="7" t="s">
        <v>10</v>
      </c>
      <c r="B1287" s="8"/>
      <c r="C1287" s="8" t="s">
        <v>59</v>
      </c>
      <c r="D1287" t="s">
        <v>77</v>
      </c>
      <c r="E1287" s="8" t="s">
        <v>31</v>
      </c>
      <c r="F1287" t="s">
        <v>55</v>
      </c>
      <c r="G1287" t="s">
        <v>79</v>
      </c>
      <c r="H1287" t="s">
        <v>55</v>
      </c>
      <c r="I1287" s="8">
        <v>2028</v>
      </c>
      <c r="J1287" t="s">
        <v>15</v>
      </c>
      <c r="K1287" s="10">
        <v>23234</v>
      </c>
      <c r="L1287">
        <v>10004</v>
      </c>
      <c r="M1287" s="10">
        <v>14136</v>
      </c>
      <c r="N1287">
        <v>0</v>
      </c>
    </row>
    <row r="1288" spans="1:14" hidden="1">
      <c r="A1288" s="7" t="s">
        <v>10</v>
      </c>
      <c r="B1288" s="8"/>
      <c r="C1288" s="8" t="s">
        <v>59</v>
      </c>
      <c r="D1288" t="s">
        <v>77</v>
      </c>
      <c r="E1288" s="8" t="s">
        <v>31</v>
      </c>
      <c r="F1288" t="s">
        <v>55</v>
      </c>
      <c r="G1288" t="s">
        <v>79</v>
      </c>
      <c r="H1288" t="s">
        <v>55</v>
      </c>
      <c r="I1288" s="8">
        <v>2028</v>
      </c>
      <c r="J1288" t="s">
        <v>50</v>
      </c>
      <c r="K1288" s="10"/>
      <c r="M1288" s="10"/>
      <c r="N1288">
        <v>0</v>
      </c>
    </row>
    <row r="1289" spans="1:14" hidden="1">
      <c r="A1289" s="7" t="s">
        <v>10</v>
      </c>
      <c r="B1289" s="8"/>
      <c r="C1289" s="8" t="s">
        <v>59</v>
      </c>
      <c r="D1289" t="s">
        <v>77</v>
      </c>
      <c r="E1289" s="8" t="s">
        <v>31</v>
      </c>
      <c r="F1289" t="s">
        <v>55</v>
      </c>
      <c r="G1289" t="s">
        <v>19</v>
      </c>
      <c r="H1289" t="s">
        <v>55</v>
      </c>
      <c r="I1289" s="8">
        <v>2028</v>
      </c>
      <c r="J1289" t="s">
        <v>19</v>
      </c>
      <c r="K1289" s="10"/>
      <c r="M1289" s="10"/>
      <c r="N1289">
        <v>0</v>
      </c>
    </row>
    <row r="1290" spans="1:14" hidden="1">
      <c r="A1290" s="7" t="s">
        <v>10</v>
      </c>
      <c r="B1290" s="8"/>
      <c r="C1290" s="8" t="s">
        <v>59</v>
      </c>
      <c r="D1290" t="s">
        <v>77</v>
      </c>
      <c r="E1290" s="8" t="s">
        <v>31</v>
      </c>
      <c r="F1290" t="s">
        <v>55</v>
      </c>
      <c r="G1290" t="s">
        <v>78</v>
      </c>
      <c r="H1290" t="s">
        <v>55</v>
      </c>
      <c r="I1290" s="8">
        <v>2028</v>
      </c>
      <c r="J1290" t="s">
        <v>21</v>
      </c>
      <c r="K1290" s="10"/>
      <c r="M1290" s="10"/>
      <c r="N1290">
        <v>0</v>
      </c>
    </row>
    <row r="1291" spans="1:14" hidden="1">
      <c r="A1291" s="7" t="s">
        <v>10</v>
      </c>
      <c r="B1291" s="8"/>
      <c r="C1291" s="8" t="s">
        <v>59</v>
      </c>
      <c r="D1291" t="s">
        <v>77</v>
      </c>
      <c r="E1291" s="8" t="s">
        <v>31</v>
      </c>
      <c r="F1291" t="s">
        <v>55</v>
      </c>
      <c r="G1291" t="s">
        <v>78</v>
      </c>
      <c r="H1291" t="s">
        <v>55</v>
      </c>
      <c r="I1291" s="8">
        <v>2028</v>
      </c>
      <c r="J1291" t="s">
        <v>51</v>
      </c>
      <c r="K1291" s="10"/>
      <c r="M1291" s="10"/>
      <c r="N1291">
        <v>0</v>
      </c>
    </row>
    <row r="1292" spans="1:14" hidden="1">
      <c r="A1292" s="7" t="s">
        <v>10</v>
      </c>
      <c r="B1292" s="8"/>
      <c r="C1292" s="8" t="s">
        <v>59</v>
      </c>
      <c r="D1292" t="s">
        <v>77</v>
      </c>
      <c r="E1292" s="8" t="s">
        <v>31</v>
      </c>
      <c r="F1292" t="s">
        <v>55</v>
      </c>
      <c r="G1292" t="s">
        <v>78</v>
      </c>
      <c r="H1292" t="s">
        <v>55</v>
      </c>
      <c r="I1292" s="8">
        <v>2029</v>
      </c>
      <c r="J1292" t="s">
        <v>47</v>
      </c>
      <c r="K1292" s="10"/>
      <c r="M1292" s="10"/>
      <c r="N1292">
        <v>0</v>
      </c>
    </row>
    <row r="1293" spans="1:14" hidden="1">
      <c r="A1293" s="7" t="s">
        <v>10</v>
      </c>
      <c r="B1293" s="8"/>
      <c r="C1293" s="8" t="s">
        <v>59</v>
      </c>
      <c r="D1293" t="s">
        <v>77</v>
      </c>
      <c r="E1293" s="8" t="s">
        <v>31</v>
      </c>
      <c r="F1293" t="s">
        <v>55</v>
      </c>
      <c r="G1293" t="s">
        <v>78</v>
      </c>
      <c r="H1293" t="s">
        <v>55</v>
      </c>
      <c r="I1293" s="8">
        <v>2029</v>
      </c>
      <c r="J1293" t="s">
        <v>48</v>
      </c>
      <c r="K1293" s="10"/>
      <c r="M1293" s="10"/>
      <c r="N1293">
        <v>0</v>
      </c>
    </row>
    <row r="1294" spans="1:14" hidden="1">
      <c r="A1294" s="7" t="s">
        <v>10</v>
      </c>
      <c r="B1294" s="8"/>
      <c r="C1294" s="8" t="s">
        <v>59</v>
      </c>
      <c r="D1294" t="s">
        <v>77</v>
      </c>
      <c r="E1294" s="8" t="s">
        <v>31</v>
      </c>
      <c r="F1294" t="s">
        <v>55</v>
      </c>
      <c r="G1294" t="s">
        <v>78</v>
      </c>
      <c r="H1294" t="s">
        <v>55</v>
      </c>
      <c r="I1294" s="8">
        <v>2029</v>
      </c>
      <c r="J1294" t="s">
        <v>14</v>
      </c>
      <c r="K1294" s="10">
        <v>24917</v>
      </c>
      <c r="L1294">
        <v>3455</v>
      </c>
      <c r="M1294" s="10">
        <v>0</v>
      </c>
      <c r="N1294">
        <v>0</v>
      </c>
    </row>
    <row r="1295" spans="1:14" hidden="1">
      <c r="A1295" s="7" t="s">
        <v>10</v>
      </c>
      <c r="B1295" s="8"/>
      <c r="C1295" s="8" t="s">
        <v>59</v>
      </c>
      <c r="D1295" t="s">
        <v>77</v>
      </c>
      <c r="E1295" s="8" t="s">
        <v>31</v>
      </c>
      <c r="F1295" t="s">
        <v>55</v>
      </c>
      <c r="G1295" t="s">
        <v>78</v>
      </c>
      <c r="H1295" t="s">
        <v>55</v>
      </c>
      <c r="I1295" s="8">
        <v>2029</v>
      </c>
      <c r="J1295" t="s">
        <v>49</v>
      </c>
      <c r="K1295" s="10"/>
      <c r="M1295" s="10"/>
      <c r="N1295">
        <v>0</v>
      </c>
    </row>
    <row r="1296" spans="1:14" hidden="1">
      <c r="A1296" s="7" t="s">
        <v>10</v>
      </c>
      <c r="B1296" s="8"/>
      <c r="C1296" s="8" t="s">
        <v>59</v>
      </c>
      <c r="D1296" t="s">
        <v>77</v>
      </c>
      <c r="E1296" s="8" t="s">
        <v>31</v>
      </c>
      <c r="F1296" t="s">
        <v>55</v>
      </c>
      <c r="G1296" t="s">
        <v>79</v>
      </c>
      <c r="H1296" t="s">
        <v>55</v>
      </c>
      <c r="I1296" s="8">
        <v>2029</v>
      </c>
      <c r="J1296" t="s">
        <v>15</v>
      </c>
      <c r="K1296" s="10">
        <v>25514</v>
      </c>
      <c r="L1296">
        <v>11378</v>
      </c>
      <c r="M1296" s="10">
        <v>14136</v>
      </c>
      <c r="N1296">
        <v>0</v>
      </c>
    </row>
    <row r="1297" spans="1:14" hidden="1">
      <c r="A1297" s="7" t="s">
        <v>10</v>
      </c>
      <c r="B1297" s="8"/>
      <c r="C1297" s="8" t="s">
        <v>59</v>
      </c>
      <c r="D1297" t="s">
        <v>77</v>
      </c>
      <c r="E1297" s="8" t="s">
        <v>31</v>
      </c>
      <c r="F1297" t="s">
        <v>55</v>
      </c>
      <c r="G1297" t="s">
        <v>79</v>
      </c>
      <c r="H1297" t="s">
        <v>55</v>
      </c>
      <c r="I1297" s="8">
        <v>2029</v>
      </c>
      <c r="J1297" t="s">
        <v>50</v>
      </c>
      <c r="K1297" s="10"/>
      <c r="M1297" s="10"/>
      <c r="N1297">
        <v>0</v>
      </c>
    </row>
    <row r="1298" spans="1:14" hidden="1">
      <c r="A1298" s="7" t="s">
        <v>10</v>
      </c>
      <c r="B1298" s="8"/>
      <c r="C1298" s="8" t="s">
        <v>59</v>
      </c>
      <c r="D1298" t="s">
        <v>77</v>
      </c>
      <c r="E1298" s="8" t="s">
        <v>31</v>
      </c>
      <c r="F1298" t="s">
        <v>55</v>
      </c>
      <c r="G1298" t="s">
        <v>19</v>
      </c>
      <c r="H1298" t="s">
        <v>55</v>
      </c>
      <c r="I1298" s="8">
        <v>2029</v>
      </c>
      <c r="J1298" t="s">
        <v>19</v>
      </c>
      <c r="K1298" s="10"/>
      <c r="M1298" s="10"/>
      <c r="N1298">
        <v>0</v>
      </c>
    </row>
    <row r="1299" spans="1:14" hidden="1">
      <c r="A1299" s="7" t="s">
        <v>10</v>
      </c>
      <c r="B1299" s="8"/>
      <c r="C1299" s="8" t="s">
        <v>59</v>
      </c>
      <c r="D1299" t="s">
        <v>77</v>
      </c>
      <c r="E1299" s="8" t="s">
        <v>31</v>
      </c>
      <c r="F1299" t="s">
        <v>55</v>
      </c>
      <c r="G1299" t="s">
        <v>78</v>
      </c>
      <c r="H1299" t="s">
        <v>55</v>
      </c>
      <c r="I1299" s="8">
        <v>2029</v>
      </c>
      <c r="J1299" t="s">
        <v>21</v>
      </c>
      <c r="K1299" s="10"/>
      <c r="M1299" s="10"/>
      <c r="N1299">
        <v>0</v>
      </c>
    </row>
    <row r="1300" spans="1:14" hidden="1">
      <c r="A1300" s="7" t="s">
        <v>10</v>
      </c>
      <c r="B1300" s="8"/>
      <c r="C1300" s="8" t="s">
        <v>59</v>
      </c>
      <c r="D1300" t="s">
        <v>77</v>
      </c>
      <c r="E1300" s="8" t="s">
        <v>31</v>
      </c>
      <c r="F1300" t="s">
        <v>55</v>
      </c>
      <c r="G1300" t="s">
        <v>78</v>
      </c>
      <c r="H1300" t="s">
        <v>55</v>
      </c>
      <c r="I1300" s="8">
        <v>2029</v>
      </c>
      <c r="J1300" t="s">
        <v>51</v>
      </c>
      <c r="K1300" s="10"/>
      <c r="M1300" s="10"/>
      <c r="N1300">
        <v>0</v>
      </c>
    </row>
    <row r="1301" spans="1:14" hidden="1">
      <c r="A1301" s="7" t="s">
        <v>10</v>
      </c>
      <c r="B1301" s="8"/>
      <c r="C1301" s="8" t="s">
        <v>59</v>
      </c>
      <c r="D1301" t="s">
        <v>77</v>
      </c>
      <c r="E1301" s="8" t="s">
        <v>31</v>
      </c>
      <c r="F1301" t="s">
        <v>55</v>
      </c>
      <c r="G1301" t="s">
        <v>78</v>
      </c>
      <c r="H1301" t="s">
        <v>55</v>
      </c>
      <c r="I1301" s="8">
        <v>2030</v>
      </c>
      <c r="J1301" t="s">
        <v>47</v>
      </c>
      <c r="K1301" s="10"/>
      <c r="M1301" s="10"/>
      <c r="N1301">
        <v>0</v>
      </c>
    </row>
    <row r="1302" spans="1:14" hidden="1">
      <c r="A1302" s="7" t="s">
        <v>10</v>
      </c>
      <c r="B1302" s="8"/>
      <c r="C1302" s="8" t="s">
        <v>59</v>
      </c>
      <c r="D1302" t="s">
        <v>77</v>
      </c>
      <c r="E1302" s="8" t="s">
        <v>31</v>
      </c>
      <c r="F1302" t="s">
        <v>55</v>
      </c>
      <c r="G1302" t="s">
        <v>78</v>
      </c>
      <c r="H1302" t="s">
        <v>55</v>
      </c>
      <c r="I1302" s="8">
        <v>2030</v>
      </c>
      <c r="J1302" t="s">
        <v>48</v>
      </c>
      <c r="K1302" s="10"/>
      <c r="M1302" s="10"/>
      <c r="N1302">
        <v>0</v>
      </c>
    </row>
    <row r="1303" spans="1:14" hidden="1">
      <c r="A1303" s="7" t="s">
        <v>10</v>
      </c>
      <c r="B1303" s="8"/>
      <c r="C1303" s="8" t="s">
        <v>59</v>
      </c>
      <c r="D1303" t="s">
        <v>77</v>
      </c>
      <c r="E1303" s="8" t="s">
        <v>31</v>
      </c>
      <c r="F1303" t="s">
        <v>55</v>
      </c>
      <c r="G1303" t="s">
        <v>78</v>
      </c>
      <c r="H1303" t="s">
        <v>55</v>
      </c>
      <c r="I1303" s="8">
        <v>2030</v>
      </c>
      <c r="J1303" t="s">
        <v>14</v>
      </c>
      <c r="K1303" s="10">
        <v>27485</v>
      </c>
      <c r="L1303">
        <v>3791</v>
      </c>
      <c r="M1303" s="10">
        <v>0</v>
      </c>
      <c r="N1303">
        <v>0</v>
      </c>
    </row>
    <row r="1304" spans="1:14" hidden="1">
      <c r="A1304" s="7" t="s">
        <v>10</v>
      </c>
      <c r="B1304" s="8"/>
      <c r="C1304" s="8" t="s">
        <v>59</v>
      </c>
      <c r="D1304" t="s">
        <v>77</v>
      </c>
      <c r="E1304" s="8" t="s">
        <v>31</v>
      </c>
      <c r="F1304" t="s">
        <v>55</v>
      </c>
      <c r="G1304" t="s">
        <v>78</v>
      </c>
      <c r="H1304" t="s">
        <v>55</v>
      </c>
      <c r="I1304" s="8">
        <v>2030</v>
      </c>
      <c r="J1304" t="s">
        <v>49</v>
      </c>
      <c r="K1304" s="10"/>
      <c r="M1304" s="10"/>
      <c r="N1304">
        <v>0</v>
      </c>
    </row>
    <row r="1305" spans="1:14" hidden="1">
      <c r="A1305" s="7" t="s">
        <v>10</v>
      </c>
      <c r="B1305" s="8"/>
      <c r="C1305" s="8" t="s">
        <v>59</v>
      </c>
      <c r="D1305" t="s">
        <v>77</v>
      </c>
      <c r="E1305" s="8" t="s">
        <v>31</v>
      </c>
      <c r="F1305" t="s">
        <v>55</v>
      </c>
      <c r="G1305" t="s">
        <v>79</v>
      </c>
      <c r="H1305" t="s">
        <v>55</v>
      </c>
      <c r="I1305" s="8">
        <v>2030</v>
      </c>
      <c r="J1305" t="s">
        <v>15</v>
      </c>
      <c r="K1305" s="10">
        <v>27815</v>
      </c>
      <c r="L1305">
        <v>12396</v>
      </c>
      <c r="M1305" s="10">
        <v>15419</v>
      </c>
      <c r="N1305">
        <v>0</v>
      </c>
    </row>
    <row r="1306" spans="1:14" hidden="1">
      <c r="A1306" s="7" t="s">
        <v>10</v>
      </c>
      <c r="B1306" s="8"/>
      <c r="C1306" s="8" t="s">
        <v>59</v>
      </c>
      <c r="D1306" t="s">
        <v>77</v>
      </c>
      <c r="E1306" s="8" t="s">
        <v>31</v>
      </c>
      <c r="F1306" t="s">
        <v>55</v>
      </c>
      <c r="G1306" t="s">
        <v>79</v>
      </c>
      <c r="H1306" t="s">
        <v>55</v>
      </c>
      <c r="I1306" s="8">
        <v>2030</v>
      </c>
      <c r="J1306" t="s">
        <v>50</v>
      </c>
      <c r="K1306" s="10"/>
      <c r="M1306" s="10"/>
      <c r="N1306">
        <v>0</v>
      </c>
    </row>
    <row r="1307" spans="1:14" hidden="1">
      <c r="A1307" s="7" t="s">
        <v>10</v>
      </c>
      <c r="B1307" s="8"/>
      <c r="C1307" s="8" t="s">
        <v>59</v>
      </c>
      <c r="D1307" t="s">
        <v>77</v>
      </c>
      <c r="E1307" s="8" t="s">
        <v>31</v>
      </c>
      <c r="F1307" t="s">
        <v>55</v>
      </c>
      <c r="G1307" t="s">
        <v>19</v>
      </c>
      <c r="H1307" t="s">
        <v>55</v>
      </c>
      <c r="I1307" s="8">
        <v>2030</v>
      </c>
      <c r="J1307" t="s">
        <v>19</v>
      </c>
      <c r="K1307" s="10"/>
      <c r="M1307" s="10"/>
      <c r="N1307">
        <v>0</v>
      </c>
    </row>
    <row r="1308" spans="1:14" hidden="1">
      <c r="A1308" s="7" t="s">
        <v>10</v>
      </c>
      <c r="B1308" s="8"/>
      <c r="C1308" s="8" t="s">
        <v>59</v>
      </c>
      <c r="D1308" t="s">
        <v>77</v>
      </c>
      <c r="E1308" s="8" t="s">
        <v>31</v>
      </c>
      <c r="F1308" t="s">
        <v>55</v>
      </c>
      <c r="G1308" t="s">
        <v>78</v>
      </c>
      <c r="H1308" t="s">
        <v>55</v>
      </c>
      <c r="I1308" s="8">
        <v>2030</v>
      </c>
      <c r="J1308" t="s">
        <v>21</v>
      </c>
      <c r="K1308" s="10"/>
      <c r="M1308" s="10"/>
      <c r="N1308">
        <v>0</v>
      </c>
    </row>
    <row r="1309" spans="1:14" hidden="1">
      <c r="A1309" s="7" t="s">
        <v>10</v>
      </c>
      <c r="B1309" s="8"/>
      <c r="C1309" s="8" t="s">
        <v>59</v>
      </c>
      <c r="D1309" t="s">
        <v>77</v>
      </c>
      <c r="E1309" s="8" t="s">
        <v>31</v>
      </c>
      <c r="F1309" t="s">
        <v>55</v>
      </c>
      <c r="G1309" t="s">
        <v>78</v>
      </c>
      <c r="H1309" t="s">
        <v>55</v>
      </c>
      <c r="I1309" s="8">
        <v>2030</v>
      </c>
      <c r="J1309" t="s">
        <v>51</v>
      </c>
      <c r="K1309" s="10"/>
      <c r="M1309" s="10"/>
      <c r="N1309">
        <v>0</v>
      </c>
    </row>
    <row r="1310" spans="1:14" hidden="1">
      <c r="A1310" s="7" t="s">
        <v>10</v>
      </c>
      <c r="B1310" s="8"/>
      <c r="C1310" s="8" t="s">
        <v>59</v>
      </c>
      <c r="D1310" t="s">
        <v>77</v>
      </c>
      <c r="E1310" s="8" t="s">
        <v>31</v>
      </c>
      <c r="F1310" t="s">
        <v>55</v>
      </c>
      <c r="G1310" t="s">
        <v>78</v>
      </c>
      <c r="H1310" t="s">
        <v>55</v>
      </c>
      <c r="I1310" s="8">
        <v>2031</v>
      </c>
      <c r="J1310" t="s">
        <v>47</v>
      </c>
      <c r="K1310" s="10"/>
      <c r="M1310" s="10"/>
      <c r="N1310">
        <v>0</v>
      </c>
    </row>
    <row r="1311" spans="1:14" hidden="1">
      <c r="A1311" s="7" t="s">
        <v>10</v>
      </c>
      <c r="B1311" s="8"/>
      <c r="C1311" s="8" t="s">
        <v>59</v>
      </c>
      <c r="D1311" t="s">
        <v>77</v>
      </c>
      <c r="E1311" s="8" t="s">
        <v>31</v>
      </c>
      <c r="F1311" t="s">
        <v>55</v>
      </c>
      <c r="G1311" t="s">
        <v>78</v>
      </c>
      <c r="H1311" t="s">
        <v>55</v>
      </c>
      <c r="I1311" s="8">
        <v>2031</v>
      </c>
      <c r="J1311" t="s">
        <v>48</v>
      </c>
      <c r="K1311" s="10"/>
      <c r="M1311" s="10"/>
      <c r="N1311">
        <v>0</v>
      </c>
    </row>
    <row r="1312" spans="1:14" hidden="1">
      <c r="A1312" s="7" t="s">
        <v>10</v>
      </c>
      <c r="B1312" s="8"/>
      <c r="C1312" s="8" t="s">
        <v>59</v>
      </c>
      <c r="D1312" t="s">
        <v>77</v>
      </c>
      <c r="E1312" s="8" t="s">
        <v>31</v>
      </c>
      <c r="F1312" t="s">
        <v>55</v>
      </c>
      <c r="G1312" t="s">
        <v>78</v>
      </c>
      <c r="H1312" t="s">
        <v>55</v>
      </c>
      <c r="I1312" s="8">
        <v>2031</v>
      </c>
      <c r="J1312" t="s">
        <v>14</v>
      </c>
      <c r="K1312" s="10">
        <v>28140</v>
      </c>
      <c r="L1312">
        <v>3920</v>
      </c>
      <c r="M1312" s="10">
        <v>0</v>
      </c>
      <c r="N1312">
        <v>0</v>
      </c>
    </row>
    <row r="1313" spans="1:14" hidden="1">
      <c r="A1313" s="7" t="s">
        <v>10</v>
      </c>
      <c r="B1313" s="8"/>
      <c r="C1313" s="8" t="s">
        <v>59</v>
      </c>
      <c r="D1313" t="s">
        <v>77</v>
      </c>
      <c r="E1313" s="8" t="s">
        <v>31</v>
      </c>
      <c r="F1313" t="s">
        <v>55</v>
      </c>
      <c r="G1313" t="s">
        <v>78</v>
      </c>
      <c r="H1313" t="s">
        <v>55</v>
      </c>
      <c r="I1313" s="8">
        <v>2031</v>
      </c>
      <c r="J1313" t="s">
        <v>49</v>
      </c>
      <c r="K1313" s="10"/>
      <c r="M1313" s="10"/>
      <c r="N1313">
        <v>0</v>
      </c>
    </row>
    <row r="1314" spans="1:14" hidden="1">
      <c r="A1314" s="7" t="s">
        <v>10</v>
      </c>
      <c r="B1314" s="8"/>
      <c r="C1314" s="8" t="s">
        <v>59</v>
      </c>
      <c r="D1314" t="s">
        <v>77</v>
      </c>
      <c r="E1314" s="8" t="s">
        <v>31</v>
      </c>
      <c r="F1314" t="s">
        <v>55</v>
      </c>
      <c r="G1314" t="s">
        <v>79</v>
      </c>
      <c r="H1314" t="s">
        <v>55</v>
      </c>
      <c r="I1314" s="8">
        <v>2031</v>
      </c>
      <c r="J1314" t="s">
        <v>15</v>
      </c>
      <c r="K1314" s="10">
        <v>31056</v>
      </c>
      <c r="L1314">
        <v>13130</v>
      </c>
      <c r="M1314" s="10">
        <v>17926</v>
      </c>
      <c r="N1314">
        <v>0</v>
      </c>
    </row>
    <row r="1315" spans="1:14" hidden="1">
      <c r="A1315" s="7" t="s">
        <v>10</v>
      </c>
      <c r="B1315" s="8"/>
      <c r="C1315" s="8" t="s">
        <v>59</v>
      </c>
      <c r="D1315" t="s">
        <v>77</v>
      </c>
      <c r="E1315" s="8" t="s">
        <v>31</v>
      </c>
      <c r="F1315" t="s">
        <v>55</v>
      </c>
      <c r="G1315" t="s">
        <v>79</v>
      </c>
      <c r="H1315" t="s">
        <v>55</v>
      </c>
      <c r="I1315" s="8">
        <v>2031</v>
      </c>
      <c r="J1315" t="s">
        <v>50</v>
      </c>
      <c r="K1315" s="10"/>
      <c r="M1315" s="10"/>
      <c r="N1315">
        <v>0</v>
      </c>
    </row>
    <row r="1316" spans="1:14" hidden="1">
      <c r="A1316" s="7" t="s">
        <v>10</v>
      </c>
      <c r="B1316" s="8"/>
      <c r="C1316" s="8" t="s">
        <v>59</v>
      </c>
      <c r="D1316" t="s">
        <v>77</v>
      </c>
      <c r="E1316" s="8" t="s">
        <v>31</v>
      </c>
      <c r="F1316" t="s">
        <v>55</v>
      </c>
      <c r="G1316" t="s">
        <v>19</v>
      </c>
      <c r="H1316" t="s">
        <v>55</v>
      </c>
      <c r="I1316" s="8">
        <v>2031</v>
      </c>
      <c r="J1316" t="s">
        <v>19</v>
      </c>
      <c r="K1316" s="10"/>
      <c r="M1316" s="10"/>
      <c r="N1316">
        <v>0</v>
      </c>
    </row>
    <row r="1317" spans="1:14" hidden="1">
      <c r="A1317" s="7" t="s">
        <v>10</v>
      </c>
      <c r="B1317" s="8"/>
      <c r="C1317" s="8" t="s">
        <v>59</v>
      </c>
      <c r="D1317" t="s">
        <v>77</v>
      </c>
      <c r="E1317" s="8" t="s">
        <v>31</v>
      </c>
      <c r="F1317" t="s">
        <v>55</v>
      </c>
      <c r="G1317" t="s">
        <v>78</v>
      </c>
      <c r="H1317" t="s">
        <v>55</v>
      </c>
      <c r="I1317" s="8">
        <v>2031</v>
      </c>
      <c r="J1317" t="s">
        <v>21</v>
      </c>
      <c r="K1317" s="10"/>
      <c r="M1317" s="10"/>
      <c r="N1317">
        <v>0</v>
      </c>
    </row>
    <row r="1318" spans="1:14" hidden="1">
      <c r="A1318" s="7" t="s">
        <v>10</v>
      </c>
      <c r="B1318" s="8"/>
      <c r="C1318" s="8" t="s">
        <v>59</v>
      </c>
      <c r="D1318" t="s">
        <v>77</v>
      </c>
      <c r="E1318" s="8" t="s">
        <v>31</v>
      </c>
      <c r="F1318" t="s">
        <v>55</v>
      </c>
      <c r="G1318" t="s">
        <v>78</v>
      </c>
      <c r="H1318" t="s">
        <v>55</v>
      </c>
      <c r="I1318" s="8">
        <v>2031</v>
      </c>
      <c r="J1318" t="s">
        <v>51</v>
      </c>
      <c r="K1318" s="10"/>
      <c r="M1318" s="10"/>
      <c r="N1318">
        <v>0</v>
      </c>
    </row>
    <row r="1319" spans="1:14" hidden="1">
      <c r="A1319" s="7" t="s">
        <v>10</v>
      </c>
      <c r="B1319" s="8"/>
      <c r="C1319" s="8" t="s">
        <v>59</v>
      </c>
      <c r="D1319" t="s">
        <v>77</v>
      </c>
      <c r="E1319" s="8" t="s">
        <v>31</v>
      </c>
      <c r="F1319" t="s">
        <v>55</v>
      </c>
      <c r="G1319" t="s">
        <v>78</v>
      </c>
      <c r="H1319" t="s">
        <v>55</v>
      </c>
      <c r="I1319" s="8">
        <v>2032</v>
      </c>
      <c r="J1319" t="s">
        <v>47</v>
      </c>
      <c r="K1319" s="10"/>
      <c r="M1319" s="10"/>
      <c r="N1319">
        <v>0</v>
      </c>
    </row>
    <row r="1320" spans="1:14" hidden="1">
      <c r="A1320" s="7" t="s">
        <v>10</v>
      </c>
      <c r="B1320" s="8"/>
      <c r="C1320" s="8" t="s">
        <v>59</v>
      </c>
      <c r="D1320" t="s">
        <v>77</v>
      </c>
      <c r="E1320" s="8" t="s">
        <v>31</v>
      </c>
      <c r="F1320" t="s">
        <v>55</v>
      </c>
      <c r="G1320" t="s">
        <v>78</v>
      </c>
      <c r="H1320" t="s">
        <v>55</v>
      </c>
      <c r="I1320" s="8">
        <v>2032</v>
      </c>
      <c r="J1320" t="s">
        <v>48</v>
      </c>
      <c r="K1320" s="10"/>
      <c r="M1320" s="10"/>
      <c r="N1320">
        <v>0</v>
      </c>
    </row>
    <row r="1321" spans="1:14" hidden="1">
      <c r="A1321" s="7" t="s">
        <v>10</v>
      </c>
      <c r="B1321" s="8"/>
      <c r="C1321" s="8" t="s">
        <v>59</v>
      </c>
      <c r="D1321" t="s">
        <v>77</v>
      </c>
      <c r="E1321" s="8" t="s">
        <v>31</v>
      </c>
      <c r="F1321" t="s">
        <v>55</v>
      </c>
      <c r="G1321" t="s">
        <v>78</v>
      </c>
      <c r="H1321" t="s">
        <v>55</v>
      </c>
      <c r="I1321" s="8">
        <v>2032</v>
      </c>
      <c r="J1321" t="s">
        <v>14</v>
      </c>
      <c r="K1321" s="10">
        <v>28365</v>
      </c>
      <c r="L1321">
        <v>3953</v>
      </c>
      <c r="M1321" s="10">
        <v>0</v>
      </c>
      <c r="N1321">
        <v>0</v>
      </c>
    </row>
    <row r="1322" spans="1:14" hidden="1">
      <c r="A1322" s="7" t="s">
        <v>10</v>
      </c>
      <c r="B1322" s="8"/>
      <c r="C1322" s="8" t="s">
        <v>59</v>
      </c>
      <c r="D1322" t="s">
        <v>77</v>
      </c>
      <c r="E1322" s="8" t="s">
        <v>31</v>
      </c>
      <c r="F1322" t="s">
        <v>55</v>
      </c>
      <c r="G1322" t="s">
        <v>78</v>
      </c>
      <c r="H1322" t="s">
        <v>55</v>
      </c>
      <c r="I1322" s="8">
        <v>2032</v>
      </c>
      <c r="J1322" t="s">
        <v>49</v>
      </c>
      <c r="K1322" s="10"/>
      <c r="M1322" s="10"/>
      <c r="N1322">
        <v>0</v>
      </c>
    </row>
    <row r="1323" spans="1:14" hidden="1">
      <c r="A1323" s="7" t="s">
        <v>10</v>
      </c>
      <c r="B1323" s="8"/>
      <c r="C1323" s="8" t="s">
        <v>59</v>
      </c>
      <c r="D1323" t="s">
        <v>77</v>
      </c>
      <c r="E1323" s="8" t="s">
        <v>31</v>
      </c>
      <c r="F1323" t="s">
        <v>55</v>
      </c>
      <c r="G1323" t="s">
        <v>79</v>
      </c>
      <c r="H1323" t="s">
        <v>55</v>
      </c>
      <c r="I1323" s="8">
        <v>2032</v>
      </c>
      <c r="J1323" t="s">
        <v>15</v>
      </c>
      <c r="K1323" s="10">
        <v>31550</v>
      </c>
      <c r="L1323">
        <v>13258</v>
      </c>
      <c r="M1323" s="10">
        <v>18292</v>
      </c>
      <c r="N1323">
        <v>0</v>
      </c>
    </row>
    <row r="1324" spans="1:14" hidden="1">
      <c r="A1324" s="7" t="s">
        <v>10</v>
      </c>
      <c r="B1324" s="8"/>
      <c r="C1324" s="8" t="s">
        <v>59</v>
      </c>
      <c r="D1324" t="s">
        <v>77</v>
      </c>
      <c r="E1324" s="8" t="s">
        <v>31</v>
      </c>
      <c r="F1324" t="s">
        <v>55</v>
      </c>
      <c r="G1324" t="s">
        <v>79</v>
      </c>
      <c r="H1324" t="s">
        <v>55</v>
      </c>
      <c r="I1324" s="8">
        <v>2032</v>
      </c>
      <c r="J1324" t="s">
        <v>50</v>
      </c>
      <c r="K1324" s="10"/>
      <c r="M1324" s="10"/>
      <c r="N1324">
        <v>0</v>
      </c>
    </row>
    <row r="1325" spans="1:14" hidden="1">
      <c r="A1325" s="7" t="s">
        <v>10</v>
      </c>
      <c r="B1325" s="8"/>
      <c r="C1325" s="8" t="s">
        <v>59</v>
      </c>
      <c r="D1325" t="s">
        <v>77</v>
      </c>
      <c r="E1325" s="8" t="s">
        <v>31</v>
      </c>
      <c r="F1325" t="s">
        <v>55</v>
      </c>
      <c r="G1325" t="s">
        <v>19</v>
      </c>
      <c r="H1325" t="s">
        <v>55</v>
      </c>
      <c r="I1325" s="8">
        <v>2032</v>
      </c>
      <c r="J1325" t="s">
        <v>19</v>
      </c>
      <c r="K1325" s="10"/>
      <c r="M1325" s="10"/>
      <c r="N1325">
        <v>0</v>
      </c>
    </row>
    <row r="1326" spans="1:14" hidden="1">
      <c r="A1326" s="7" t="s">
        <v>10</v>
      </c>
      <c r="B1326" s="8"/>
      <c r="C1326" s="8" t="s">
        <v>59</v>
      </c>
      <c r="D1326" t="s">
        <v>77</v>
      </c>
      <c r="E1326" s="8" t="s">
        <v>31</v>
      </c>
      <c r="F1326" t="s">
        <v>55</v>
      </c>
      <c r="G1326" t="s">
        <v>78</v>
      </c>
      <c r="H1326" t="s">
        <v>55</v>
      </c>
      <c r="I1326" s="8">
        <v>2032</v>
      </c>
      <c r="J1326" t="s">
        <v>21</v>
      </c>
      <c r="K1326" s="10"/>
      <c r="M1326" s="10"/>
      <c r="N1326">
        <v>0</v>
      </c>
    </row>
    <row r="1327" spans="1:14" hidden="1">
      <c r="A1327" s="7" t="s">
        <v>10</v>
      </c>
      <c r="B1327" s="8"/>
      <c r="C1327" s="8" t="s">
        <v>59</v>
      </c>
      <c r="D1327" t="s">
        <v>77</v>
      </c>
      <c r="E1327" s="8" t="s">
        <v>31</v>
      </c>
      <c r="F1327" t="s">
        <v>55</v>
      </c>
      <c r="G1327" t="s">
        <v>78</v>
      </c>
      <c r="H1327" t="s">
        <v>55</v>
      </c>
      <c r="I1327" s="8">
        <v>2032</v>
      </c>
      <c r="J1327" t="s">
        <v>51</v>
      </c>
      <c r="K1327" s="10"/>
      <c r="M1327" s="10"/>
      <c r="N1327">
        <v>0</v>
      </c>
    </row>
    <row r="1328" spans="1:14" hidden="1">
      <c r="A1328" s="7" t="s">
        <v>10</v>
      </c>
      <c r="B1328" s="8"/>
      <c r="C1328" s="8" t="s">
        <v>59</v>
      </c>
      <c r="D1328" t="s">
        <v>77</v>
      </c>
      <c r="E1328" s="8" t="s">
        <v>31</v>
      </c>
      <c r="F1328" t="s">
        <v>55</v>
      </c>
      <c r="G1328" t="s">
        <v>78</v>
      </c>
      <c r="H1328" t="s">
        <v>55</v>
      </c>
      <c r="I1328" s="8">
        <v>2033</v>
      </c>
      <c r="J1328" t="s">
        <v>47</v>
      </c>
      <c r="K1328" s="10"/>
      <c r="M1328" s="10"/>
      <c r="N1328">
        <v>0</v>
      </c>
    </row>
    <row r="1329" spans="1:14" hidden="1">
      <c r="A1329" s="7" t="s">
        <v>10</v>
      </c>
      <c r="B1329" s="8"/>
      <c r="C1329" s="8" t="s">
        <v>59</v>
      </c>
      <c r="D1329" t="s">
        <v>77</v>
      </c>
      <c r="E1329" s="8" t="s">
        <v>31</v>
      </c>
      <c r="F1329" t="s">
        <v>55</v>
      </c>
      <c r="G1329" t="s">
        <v>78</v>
      </c>
      <c r="H1329" t="s">
        <v>55</v>
      </c>
      <c r="I1329" s="8">
        <v>2033</v>
      </c>
      <c r="J1329" t="s">
        <v>48</v>
      </c>
      <c r="K1329" s="10"/>
      <c r="M1329" s="10"/>
      <c r="N1329">
        <v>0</v>
      </c>
    </row>
    <row r="1330" spans="1:14" hidden="1">
      <c r="A1330" s="7" t="s">
        <v>10</v>
      </c>
      <c r="B1330" s="8"/>
      <c r="C1330" s="8" t="s">
        <v>59</v>
      </c>
      <c r="D1330" t="s">
        <v>77</v>
      </c>
      <c r="E1330" s="8" t="s">
        <v>31</v>
      </c>
      <c r="F1330" t="s">
        <v>55</v>
      </c>
      <c r="G1330" t="s">
        <v>78</v>
      </c>
      <c r="H1330" t="s">
        <v>55</v>
      </c>
      <c r="I1330" s="8">
        <v>2033</v>
      </c>
      <c r="J1330" t="s">
        <v>14</v>
      </c>
      <c r="K1330" s="10">
        <v>28400</v>
      </c>
      <c r="L1330">
        <v>3965</v>
      </c>
      <c r="M1330" s="10">
        <v>0</v>
      </c>
      <c r="N1330">
        <v>0</v>
      </c>
    </row>
    <row r="1331" spans="1:14" hidden="1">
      <c r="A1331" s="7" t="s">
        <v>10</v>
      </c>
      <c r="B1331" s="8"/>
      <c r="C1331" s="8" t="s">
        <v>59</v>
      </c>
      <c r="D1331" t="s">
        <v>77</v>
      </c>
      <c r="E1331" s="8" t="s">
        <v>31</v>
      </c>
      <c r="F1331" t="s">
        <v>55</v>
      </c>
      <c r="G1331" t="s">
        <v>78</v>
      </c>
      <c r="H1331" t="s">
        <v>55</v>
      </c>
      <c r="I1331" s="8">
        <v>2033</v>
      </c>
      <c r="J1331" t="s">
        <v>49</v>
      </c>
      <c r="K1331" s="10"/>
      <c r="M1331" s="10"/>
      <c r="N1331">
        <v>0</v>
      </c>
    </row>
    <row r="1332" spans="1:14" hidden="1">
      <c r="A1332" s="7" t="s">
        <v>10</v>
      </c>
      <c r="B1332" s="8"/>
      <c r="C1332" s="8" t="s">
        <v>59</v>
      </c>
      <c r="D1332" t="s">
        <v>77</v>
      </c>
      <c r="E1332" s="8" t="s">
        <v>31</v>
      </c>
      <c r="F1332" t="s">
        <v>55</v>
      </c>
      <c r="G1332" t="s">
        <v>79</v>
      </c>
      <c r="H1332" t="s">
        <v>55</v>
      </c>
      <c r="I1332" s="8">
        <v>2033</v>
      </c>
      <c r="J1332" t="s">
        <v>15</v>
      </c>
      <c r="K1332" s="10">
        <v>32038</v>
      </c>
      <c r="L1332">
        <v>13356</v>
      </c>
      <c r="M1332" s="10">
        <v>18682</v>
      </c>
      <c r="N1332">
        <v>0</v>
      </c>
    </row>
    <row r="1333" spans="1:14" hidden="1">
      <c r="A1333" s="7" t="s">
        <v>10</v>
      </c>
      <c r="B1333" s="8"/>
      <c r="C1333" s="8" t="s">
        <v>59</v>
      </c>
      <c r="D1333" t="s">
        <v>77</v>
      </c>
      <c r="E1333" s="8" t="s">
        <v>31</v>
      </c>
      <c r="F1333" t="s">
        <v>55</v>
      </c>
      <c r="G1333" t="s">
        <v>79</v>
      </c>
      <c r="H1333" t="s">
        <v>55</v>
      </c>
      <c r="I1333" s="8">
        <v>2033</v>
      </c>
      <c r="J1333" t="s">
        <v>50</v>
      </c>
      <c r="K1333" s="10"/>
      <c r="M1333" s="10"/>
      <c r="N1333">
        <v>0</v>
      </c>
    </row>
    <row r="1334" spans="1:14" hidden="1">
      <c r="A1334" s="7" t="s">
        <v>10</v>
      </c>
      <c r="B1334" s="8"/>
      <c r="C1334" s="8" t="s">
        <v>59</v>
      </c>
      <c r="D1334" t="s">
        <v>77</v>
      </c>
      <c r="E1334" s="8" t="s">
        <v>31</v>
      </c>
      <c r="F1334" t="s">
        <v>55</v>
      </c>
      <c r="G1334" t="s">
        <v>19</v>
      </c>
      <c r="H1334" t="s">
        <v>55</v>
      </c>
      <c r="I1334" s="8">
        <v>2033</v>
      </c>
      <c r="J1334" t="s">
        <v>19</v>
      </c>
      <c r="K1334" s="10"/>
      <c r="M1334" s="10"/>
      <c r="N1334">
        <v>0</v>
      </c>
    </row>
    <row r="1335" spans="1:14" hidden="1">
      <c r="A1335" s="7" t="s">
        <v>10</v>
      </c>
      <c r="B1335" s="8"/>
      <c r="C1335" s="8" t="s">
        <v>59</v>
      </c>
      <c r="D1335" t="s">
        <v>77</v>
      </c>
      <c r="E1335" s="8" t="s">
        <v>31</v>
      </c>
      <c r="F1335" t="s">
        <v>55</v>
      </c>
      <c r="G1335" t="s">
        <v>78</v>
      </c>
      <c r="H1335" t="s">
        <v>55</v>
      </c>
      <c r="I1335" s="8">
        <v>2033</v>
      </c>
      <c r="J1335" t="s">
        <v>21</v>
      </c>
      <c r="K1335" s="10"/>
      <c r="M1335" s="10"/>
      <c r="N1335">
        <v>0</v>
      </c>
    </row>
    <row r="1336" spans="1:14" hidden="1">
      <c r="A1336" s="7" t="s">
        <v>10</v>
      </c>
      <c r="B1336" s="8"/>
      <c r="C1336" s="8" t="s">
        <v>59</v>
      </c>
      <c r="D1336" t="s">
        <v>77</v>
      </c>
      <c r="E1336" s="8" t="s">
        <v>31</v>
      </c>
      <c r="F1336" t="s">
        <v>55</v>
      </c>
      <c r="G1336" t="s">
        <v>78</v>
      </c>
      <c r="H1336" t="s">
        <v>55</v>
      </c>
      <c r="I1336" s="8">
        <v>2033</v>
      </c>
      <c r="J1336" t="s">
        <v>51</v>
      </c>
      <c r="K1336" s="10"/>
      <c r="M1336" s="10"/>
      <c r="N1336">
        <v>0</v>
      </c>
    </row>
    <row r="1337" spans="1:14" hidden="1">
      <c r="A1337" s="7" t="s">
        <v>10</v>
      </c>
      <c r="B1337" s="8"/>
      <c r="C1337" s="8" t="s">
        <v>59</v>
      </c>
      <c r="D1337" t="s">
        <v>77</v>
      </c>
      <c r="E1337" s="8" t="s">
        <v>31</v>
      </c>
      <c r="F1337" t="s">
        <v>55</v>
      </c>
      <c r="G1337" t="s">
        <v>78</v>
      </c>
      <c r="H1337" t="s">
        <v>55</v>
      </c>
      <c r="I1337" s="8">
        <v>2034</v>
      </c>
      <c r="J1337" t="s">
        <v>47</v>
      </c>
      <c r="K1337" s="10"/>
      <c r="M1337" s="10"/>
      <c r="N1337">
        <v>0</v>
      </c>
    </row>
    <row r="1338" spans="1:14" hidden="1">
      <c r="A1338" s="7" t="s">
        <v>10</v>
      </c>
      <c r="B1338" s="8"/>
      <c r="C1338" s="8" t="s">
        <v>59</v>
      </c>
      <c r="D1338" t="s">
        <v>77</v>
      </c>
      <c r="E1338" s="8" t="s">
        <v>31</v>
      </c>
      <c r="F1338" t="s">
        <v>55</v>
      </c>
      <c r="G1338" t="s">
        <v>78</v>
      </c>
      <c r="H1338" t="s">
        <v>55</v>
      </c>
      <c r="I1338" s="8">
        <v>2034</v>
      </c>
      <c r="J1338" t="s">
        <v>48</v>
      </c>
      <c r="K1338" s="10"/>
      <c r="M1338" s="10"/>
      <c r="N1338">
        <v>0</v>
      </c>
    </row>
    <row r="1339" spans="1:14" hidden="1">
      <c r="A1339" s="7" t="s">
        <v>10</v>
      </c>
      <c r="B1339" s="8"/>
      <c r="C1339" s="8" t="s">
        <v>59</v>
      </c>
      <c r="D1339" t="s">
        <v>77</v>
      </c>
      <c r="E1339" s="8" t="s">
        <v>31</v>
      </c>
      <c r="F1339" t="s">
        <v>55</v>
      </c>
      <c r="G1339" t="s">
        <v>78</v>
      </c>
      <c r="H1339" t="s">
        <v>55</v>
      </c>
      <c r="I1339" s="8">
        <v>2034</v>
      </c>
      <c r="J1339" t="s">
        <v>14</v>
      </c>
      <c r="K1339" s="10">
        <v>27794</v>
      </c>
      <c r="L1339">
        <v>3872</v>
      </c>
      <c r="M1339" s="10">
        <v>0</v>
      </c>
      <c r="N1339">
        <v>0</v>
      </c>
    </row>
    <row r="1340" spans="1:14" hidden="1">
      <c r="A1340" s="7" t="s">
        <v>10</v>
      </c>
      <c r="B1340" s="8"/>
      <c r="C1340" s="8" t="s">
        <v>59</v>
      </c>
      <c r="D1340" t="s">
        <v>77</v>
      </c>
      <c r="E1340" s="8" t="s">
        <v>31</v>
      </c>
      <c r="F1340" t="s">
        <v>55</v>
      </c>
      <c r="G1340" t="s">
        <v>78</v>
      </c>
      <c r="H1340" t="s">
        <v>55</v>
      </c>
      <c r="I1340" s="8">
        <v>2034</v>
      </c>
      <c r="J1340" t="s">
        <v>49</v>
      </c>
      <c r="K1340" s="10"/>
      <c r="M1340" s="10"/>
      <c r="N1340">
        <v>0</v>
      </c>
    </row>
    <row r="1341" spans="1:14" hidden="1">
      <c r="A1341" s="7" t="s">
        <v>10</v>
      </c>
      <c r="B1341" s="8"/>
      <c r="C1341" s="8" t="s">
        <v>59</v>
      </c>
      <c r="D1341" t="s">
        <v>77</v>
      </c>
      <c r="E1341" s="8" t="s">
        <v>31</v>
      </c>
      <c r="F1341" t="s">
        <v>55</v>
      </c>
      <c r="G1341" t="s">
        <v>79</v>
      </c>
      <c r="H1341" t="s">
        <v>55</v>
      </c>
      <c r="I1341" s="8">
        <v>2034</v>
      </c>
      <c r="J1341" t="s">
        <v>15</v>
      </c>
      <c r="K1341" s="10">
        <v>31757</v>
      </c>
      <c r="L1341">
        <v>12902</v>
      </c>
      <c r="M1341" s="10">
        <v>18855</v>
      </c>
      <c r="N1341">
        <v>0</v>
      </c>
    </row>
    <row r="1342" spans="1:14" hidden="1">
      <c r="A1342" s="7" t="s">
        <v>10</v>
      </c>
      <c r="B1342" s="8"/>
      <c r="C1342" s="8" t="s">
        <v>59</v>
      </c>
      <c r="D1342" t="s">
        <v>77</v>
      </c>
      <c r="E1342" s="8" t="s">
        <v>31</v>
      </c>
      <c r="F1342" t="s">
        <v>55</v>
      </c>
      <c r="G1342" t="s">
        <v>79</v>
      </c>
      <c r="H1342" t="s">
        <v>55</v>
      </c>
      <c r="I1342" s="8">
        <v>2034</v>
      </c>
      <c r="J1342" t="s">
        <v>50</v>
      </c>
      <c r="K1342" s="10"/>
      <c r="M1342" s="10"/>
      <c r="N1342">
        <v>0</v>
      </c>
    </row>
    <row r="1343" spans="1:14" hidden="1">
      <c r="A1343" s="7" t="s">
        <v>10</v>
      </c>
      <c r="B1343" s="8"/>
      <c r="C1343" s="8" t="s">
        <v>59</v>
      </c>
      <c r="D1343" t="s">
        <v>77</v>
      </c>
      <c r="E1343" s="8" t="s">
        <v>31</v>
      </c>
      <c r="F1343" t="s">
        <v>55</v>
      </c>
      <c r="G1343" t="s">
        <v>19</v>
      </c>
      <c r="H1343" t="s">
        <v>55</v>
      </c>
      <c r="I1343" s="8">
        <v>2034</v>
      </c>
      <c r="J1343" t="s">
        <v>19</v>
      </c>
      <c r="K1343" s="10"/>
      <c r="M1343" s="10"/>
      <c r="N1343">
        <v>0</v>
      </c>
    </row>
    <row r="1344" spans="1:14" hidden="1">
      <c r="A1344" s="7" t="s">
        <v>10</v>
      </c>
      <c r="B1344" s="8"/>
      <c r="C1344" s="8" t="s">
        <v>59</v>
      </c>
      <c r="D1344" t="s">
        <v>77</v>
      </c>
      <c r="E1344" s="8" t="s">
        <v>31</v>
      </c>
      <c r="F1344" t="s">
        <v>55</v>
      </c>
      <c r="G1344" t="s">
        <v>78</v>
      </c>
      <c r="H1344" t="s">
        <v>55</v>
      </c>
      <c r="I1344" s="8">
        <v>2034</v>
      </c>
      <c r="J1344" t="s">
        <v>21</v>
      </c>
      <c r="K1344" s="10"/>
      <c r="M1344" s="10"/>
      <c r="N1344">
        <v>0</v>
      </c>
    </row>
    <row r="1345" spans="1:14" hidden="1">
      <c r="A1345" s="7" t="s">
        <v>10</v>
      </c>
      <c r="B1345" s="8"/>
      <c r="C1345" s="8" t="s">
        <v>59</v>
      </c>
      <c r="D1345" t="s">
        <v>77</v>
      </c>
      <c r="E1345" s="8" t="s">
        <v>31</v>
      </c>
      <c r="F1345" t="s">
        <v>55</v>
      </c>
      <c r="G1345" t="s">
        <v>78</v>
      </c>
      <c r="H1345" t="s">
        <v>55</v>
      </c>
      <c r="I1345" s="8">
        <v>2034</v>
      </c>
      <c r="J1345" t="s">
        <v>51</v>
      </c>
      <c r="K1345" s="10"/>
      <c r="M1345" s="10"/>
      <c r="N1345">
        <v>0</v>
      </c>
    </row>
    <row r="1346" spans="1:14">
      <c r="A1346" s="7" t="s">
        <v>10</v>
      </c>
      <c r="B1346" s="8"/>
      <c r="C1346" s="8" t="s">
        <v>88</v>
      </c>
      <c r="D1346" t="s">
        <v>77</v>
      </c>
      <c r="E1346" s="8" t="s">
        <v>12</v>
      </c>
      <c r="F1346" t="s">
        <v>55</v>
      </c>
      <c r="G1346" t="s">
        <v>78</v>
      </c>
      <c r="H1346" t="s">
        <v>55</v>
      </c>
      <c r="I1346" s="8">
        <v>2025</v>
      </c>
      <c r="J1346" t="s">
        <v>47</v>
      </c>
      <c r="K1346" s="10"/>
      <c r="M1346" s="10"/>
      <c r="N1346">
        <v>0</v>
      </c>
    </row>
    <row r="1347" spans="1:14">
      <c r="A1347" s="7" t="s">
        <v>10</v>
      </c>
      <c r="B1347" s="8"/>
      <c r="C1347" s="8" t="s">
        <v>88</v>
      </c>
      <c r="D1347" t="s">
        <v>77</v>
      </c>
      <c r="E1347" s="8" t="s">
        <v>12</v>
      </c>
      <c r="F1347" t="s">
        <v>55</v>
      </c>
      <c r="G1347" t="s">
        <v>78</v>
      </c>
      <c r="H1347" t="s">
        <v>55</v>
      </c>
      <c r="I1347" s="8">
        <v>2025</v>
      </c>
      <c r="J1347" t="s">
        <v>48</v>
      </c>
      <c r="K1347" s="10"/>
      <c r="M1347" s="10"/>
      <c r="N1347">
        <v>0</v>
      </c>
    </row>
    <row r="1348" spans="1:14">
      <c r="A1348" s="7" t="s">
        <v>10</v>
      </c>
      <c r="B1348" s="8"/>
      <c r="C1348" s="8" t="s">
        <v>88</v>
      </c>
      <c r="D1348" t="s">
        <v>77</v>
      </c>
      <c r="E1348" s="8" t="s">
        <v>12</v>
      </c>
      <c r="F1348" t="s">
        <v>55</v>
      </c>
      <c r="G1348" t="s">
        <v>78</v>
      </c>
      <c r="H1348" t="s">
        <v>55</v>
      </c>
      <c r="I1348" s="8">
        <v>2025</v>
      </c>
      <c r="J1348" t="s">
        <v>14</v>
      </c>
      <c r="K1348" s="10">
        <v>541</v>
      </c>
      <c r="L1348">
        <v>86</v>
      </c>
      <c r="M1348" s="10">
        <v>0</v>
      </c>
      <c r="N1348">
        <v>0</v>
      </c>
    </row>
    <row r="1349" spans="1:14">
      <c r="A1349" s="7" t="s">
        <v>10</v>
      </c>
      <c r="B1349" s="8"/>
      <c r="C1349" s="8" t="s">
        <v>88</v>
      </c>
      <c r="D1349" t="s">
        <v>77</v>
      </c>
      <c r="E1349" s="8" t="s">
        <v>12</v>
      </c>
      <c r="F1349" t="s">
        <v>55</v>
      </c>
      <c r="G1349" t="s">
        <v>78</v>
      </c>
      <c r="H1349" t="s">
        <v>55</v>
      </c>
      <c r="I1349" s="8">
        <v>2025</v>
      </c>
      <c r="J1349" t="s">
        <v>49</v>
      </c>
      <c r="K1349" s="10"/>
      <c r="M1349" s="10"/>
      <c r="N1349">
        <v>0</v>
      </c>
    </row>
    <row r="1350" spans="1:14">
      <c r="A1350" s="7" t="s">
        <v>10</v>
      </c>
      <c r="B1350" s="8"/>
      <c r="C1350" s="8" t="s">
        <v>88</v>
      </c>
      <c r="D1350" t="s">
        <v>77</v>
      </c>
      <c r="E1350" s="8" t="s">
        <v>12</v>
      </c>
      <c r="F1350" t="s">
        <v>55</v>
      </c>
      <c r="G1350" t="s">
        <v>79</v>
      </c>
      <c r="H1350" t="s">
        <v>55</v>
      </c>
      <c r="I1350" s="8">
        <v>2025</v>
      </c>
      <c r="J1350" t="s">
        <v>15</v>
      </c>
      <c r="K1350" s="10">
        <v>390</v>
      </c>
      <c r="L1350">
        <v>390</v>
      </c>
      <c r="M1350" s="10">
        <v>0</v>
      </c>
      <c r="N1350">
        <v>0</v>
      </c>
    </row>
    <row r="1351" spans="1:14">
      <c r="A1351" s="7" t="s">
        <v>10</v>
      </c>
      <c r="B1351" s="8"/>
      <c r="C1351" s="8" t="s">
        <v>88</v>
      </c>
      <c r="D1351" t="s">
        <v>77</v>
      </c>
      <c r="E1351" s="8" t="s">
        <v>12</v>
      </c>
      <c r="F1351" t="s">
        <v>55</v>
      </c>
      <c r="G1351" t="s">
        <v>79</v>
      </c>
      <c r="H1351" t="s">
        <v>55</v>
      </c>
      <c r="I1351" s="8">
        <v>2025</v>
      </c>
      <c r="J1351" t="s">
        <v>50</v>
      </c>
      <c r="K1351" s="10"/>
      <c r="M1351" s="10"/>
      <c r="N1351">
        <v>0</v>
      </c>
    </row>
    <row r="1352" spans="1:14">
      <c r="A1352" s="7" t="s">
        <v>10</v>
      </c>
      <c r="B1352" s="8"/>
      <c r="C1352" s="8" t="s">
        <v>88</v>
      </c>
      <c r="D1352" t="s">
        <v>77</v>
      </c>
      <c r="E1352" s="8" t="s">
        <v>12</v>
      </c>
      <c r="F1352" t="s">
        <v>55</v>
      </c>
      <c r="G1352" t="s">
        <v>19</v>
      </c>
      <c r="H1352" t="s">
        <v>55</v>
      </c>
      <c r="I1352" s="8">
        <v>2025</v>
      </c>
      <c r="J1352" t="s">
        <v>19</v>
      </c>
      <c r="K1352" s="10"/>
      <c r="M1352" s="10"/>
      <c r="N1352">
        <v>0</v>
      </c>
    </row>
    <row r="1353" spans="1:14">
      <c r="A1353" s="7" t="s">
        <v>10</v>
      </c>
      <c r="B1353" s="8"/>
      <c r="C1353" s="8" t="s">
        <v>88</v>
      </c>
      <c r="D1353" t="s">
        <v>77</v>
      </c>
      <c r="E1353" s="8" t="s">
        <v>12</v>
      </c>
      <c r="F1353" t="s">
        <v>55</v>
      </c>
      <c r="G1353" t="s">
        <v>78</v>
      </c>
      <c r="H1353" t="s">
        <v>55</v>
      </c>
      <c r="I1353" s="8">
        <v>2025</v>
      </c>
      <c r="J1353" t="s">
        <v>21</v>
      </c>
      <c r="K1353" s="10"/>
      <c r="M1353" s="10"/>
      <c r="N1353">
        <v>0</v>
      </c>
    </row>
    <row r="1354" spans="1:14">
      <c r="A1354" s="7" t="s">
        <v>10</v>
      </c>
      <c r="B1354" s="8"/>
      <c r="C1354" s="8" t="s">
        <v>88</v>
      </c>
      <c r="D1354" t="s">
        <v>77</v>
      </c>
      <c r="E1354" s="8" t="s">
        <v>12</v>
      </c>
      <c r="F1354" t="s">
        <v>55</v>
      </c>
      <c r="G1354" t="s">
        <v>78</v>
      </c>
      <c r="H1354" t="s">
        <v>55</v>
      </c>
      <c r="I1354" s="8">
        <v>2025</v>
      </c>
      <c r="J1354" t="s">
        <v>51</v>
      </c>
      <c r="K1354" s="10"/>
      <c r="M1354" s="10"/>
      <c r="N1354">
        <v>0</v>
      </c>
    </row>
    <row r="1355" spans="1:14" hidden="1">
      <c r="A1355" s="7" t="s">
        <v>10</v>
      </c>
      <c r="B1355" s="8"/>
      <c r="C1355" s="8" t="s">
        <v>88</v>
      </c>
      <c r="D1355" t="s">
        <v>77</v>
      </c>
      <c r="E1355" s="8" t="s">
        <v>12</v>
      </c>
      <c r="F1355" t="s">
        <v>55</v>
      </c>
      <c r="G1355" t="s">
        <v>78</v>
      </c>
      <c r="H1355" t="s">
        <v>55</v>
      </c>
      <c r="I1355" s="8">
        <v>2026</v>
      </c>
      <c r="J1355" t="s">
        <v>47</v>
      </c>
      <c r="K1355" s="10"/>
      <c r="M1355" s="10"/>
      <c r="N1355">
        <v>0</v>
      </c>
    </row>
    <row r="1356" spans="1:14" hidden="1">
      <c r="A1356" s="7" t="s">
        <v>10</v>
      </c>
      <c r="B1356" s="8"/>
      <c r="C1356" s="8" t="s">
        <v>88</v>
      </c>
      <c r="D1356" t="s">
        <v>77</v>
      </c>
      <c r="E1356" s="8" t="s">
        <v>12</v>
      </c>
      <c r="F1356" t="s">
        <v>55</v>
      </c>
      <c r="G1356" t="s">
        <v>78</v>
      </c>
      <c r="H1356" t="s">
        <v>55</v>
      </c>
      <c r="I1356" s="8">
        <v>2026</v>
      </c>
      <c r="J1356" t="s">
        <v>48</v>
      </c>
      <c r="K1356" s="10"/>
      <c r="M1356" s="10"/>
      <c r="N1356">
        <v>0</v>
      </c>
    </row>
    <row r="1357" spans="1:14" hidden="1">
      <c r="A1357" s="7" t="s">
        <v>10</v>
      </c>
      <c r="B1357" s="8"/>
      <c r="C1357" s="8" t="s">
        <v>88</v>
      </c>
      <c r="D1357" t="s">
        <v>77</v>
      </c>
      <c r="E1357" s="8" t="s">
        <v>12</v>
      </c>
      <c r="F1357" t="s">
        <v>55</v>
      </c>
      <c r="G1357" t="s">
        <v>78</v>
      </c>
      <c r="H1357" t="s">
        <v>55</v>
      </c>
      <c r="I1357" s="8">
        <v>2026</v>
      </c>
      <c r="J1357" t="s">
        <v>14</v>
      </c>
      <c r="K1357" s="10">
        <v>526</v>
      </c>
      <c r="L1357">
        <v>83</v>
      </c>
      <c r="M1357" s="10">
        <v>0</v>
      </c>
      <c r="N1357">
        <v>0</v>
      </c>
    </row>
    <row r="1358" spans="1:14" hidden="1">
      <c r="A1358" s="7" t="s">
        <v>10</v>
      </c>
      <c r="B1358" s="8"/>
      <c r="C1358" s="8" t="s">
        <v>88</v>
      </c>
      <c r="D1358" t="s">
        <v>77</v>
      </c>
      <c r="E1358" s="8" t="s">
        <v>12</v>
      </c>
      <c r="F1358" t="s">
        <v>55</v>
      </c>
      <c r="G1358" t="s">
        <v>78</v>
      </c>
      <c r="H1358" t="s">
        <v>55</v>
      </c>
      <c r="I1358" s="8">
        <v>2026</v>
      </c>
      <c r="J1358" t="s">
        <v>49</v>
      </c>
      <c r="K1358" s="10"/>
      <c r="M1358" s="10"/>
      <c r="N1358">
        <v>0</v>
      </c>
    </row>
    <row r="1359" spans="1:14" hidden="1">
      <c r="A1359" s="7" t="s">
        <v>10</v>
      </c>
      <c r="B1359" s="8"/>
      <c r="C1359" s="8" t="s">
        <v>88</v>
      </c>
      <c r="D1359" t="s">
        <v>77</v>
      </c>
      <c r="E1359" s="8" t="s">
        <v>12</v>
      </c>
      <c r="F1359" t="s">
        <v>55</v>
      </c>
      <c r="G1359" t="s">
        <v>79</v>
      </c>
      <c r="H1359" t="s">
        <v>55</v>
      </c>
      <c r="I1359" s="8">
        <v>2026</v>
      </c>
      <c r="J1359" t="s">
        <v>15</v>
      </c>
      <c r="K1359" s="10">
        <v>371</v>
      </c>
      <c r="L1359">
        <v>371</v>
      </c>
      <c r="M1359" s="10">
        <v>0</v>
      </c>
      <c r="N1359">
        <v>0</v>
      </c>
    </row>
    <row r="1360" spans="1:14" hidden="1">
      <c r="A1360" s="7" t="s">
        <v>10</v>
      </c>
      <c r="B1360" s="8"/>
      <c r="C1360" s="8" t="s">
        <v>88</v>
      </c>
      <c r="D1360" t="s">
        <v>77</v>
      </c>
      <c r="E1360" s="8" t="s">
        <v>12</v>
      </c>
      <c r="F1360" t="s">
        <v>55</v>
      </c>
      <c r="G1360" t="s">
        <v>79</v>
      </c>
      <c r="H1360" t="s">
        <v>55</v>
      </c>
      <c r="I1360" s="8">
        <v>2026</v>
      </c>
      <c r="J1360" t="s">
        <v>50</v>
      </c>
      <c r="K1360" s="10"/>
      <c r="M1360" s="10"/>
      <c r="N1360">
        <v>0</v>
      </c>
    </row>
    <row r="1361" spans="1:14" hidden="1">
      <c r="A1361" s="7" t="s">
        <v>10</v>
      </c>
      <c r="B1361" s="8"/>
      <c r="C1361" s="8" t="s">
        <v>88</v>
      </c>
      <c r="D1361" t="s">
        <v>77</v>
      </c>
      <c r="E1361" s="8" t="s">
        <v>12</v>
      </c>
      <c r="F1361" t="s">
        <v>55</v>
      </c>
      <c r="G1361" t="s">
        <v>19</v>
      </c>
      <c r="H1361" t="s">
        <v>55</v>
      </c>
      <c r="I1361" s="8">
        <v>2026</v>
      </c>
      <c r="J1361" t="s">
        <v>19</v>
      </c>
      <c r="K1361" s="10"/>
      <c r="M1361" s="10"/>
      <c r="N1361">
        <v>0</v>
      </c>
    </row>
    <row r="1362" spans="1:14" hidden="1">
      <c r="A1362" s="7" t="s">
        <v>10</v>
      </c>
      <c r="B1362" s="8"/>
      <c r="C1362" s="8" t="s">
        <v>88</v>
      </c>
      <c r="D1362" t="s">
        <v>77</v>
      </c>
      <c r="E1362" s="8" t="s">
        <v>12</v>
      </c>
      <c r="F1362" t="s">
        <v>55</v>
      </c>
      <c r="G1362" t="s">
        <v>78</v>
      </c>
      <c r="H1362" t="s">
        <v>55</v>
      </c>
      <c r="I1362" s="8">
        <v>2026</v>
      </c>
      <c r="J1362" t="s">
        <v>21</v>
      </c>
      <c r="K1362" s="10"/>
      <c r="M1362" s="10"/>
      <c r="N1362">
        <v>0</v>
      </c>
    </row>
    <row r="1363" spans="1:14" hidden="1">
      <c r="A1363" s="7" t="s">
        <v>10</v>
      </c>
      <c r="B1363" s="8"/>
      <c r="C1363" s="8" t="s">
        <v>88</v>
      </c>
      <c r="D1363" t="s">
        <v>77</v>
      </c>
      <c r="E1363" s="8" t="s">
        <v>12</v>
      </c>
      <c r="F1363" t="s">
        <v>55</v>
      </c>
      <c r="G1363" t="s">
        <v>78</v>
      </c>
      <c r="H1363" t="s">
        <v>55</v>
      </c>
      <c r="I1363" s="8">
        <v>2026</v>
      </c>
      <c r="J1363" t="s">
        <v>51</v>
      </c>
      <c r="K1363" s="10"/>
      <c r="M1363" s="10"/>
      <c r="N1363">
        <v>0</v>
      </c>
    </row>
    <row r="1364" spans="1:14" hidden="1">
      <c r="A1364" s="7" t="s">
        <v>10</v>
      </c>
      <c r="B1364" s="8"/>
      <c r="C1364" s="8" t="s">
        <v>88</v>
      </c>
      <c r="D1364" t="s">
        <v>77</v>
      </c>
      <c r="E1364" s="8" t="s">
        <v>12</v>
      </c>
      <c r="F1364" t="s">
        <v>55</v>
      </c>
      <c r="G1364" t="s">
        <v>78</v>
      </c>
      <c r="H1364" t="s">
        <v>55</v>
      </c>
      <c r="I1364" s="8">
        <v>2027</v>
      </c>
      <c r="J1364" t="s">
        <v>47</v>
      </c>
      <c r="K1364" s="10"/>
      <c r="M1364" s="10"/>
      <c r="N1364">
        <v>0</v>
      </c>
    </row>
    <row r="1365" spans="1:14" hidden="1">
      <c r="A1365" s="7" t="s">
        <v>10</v>
      </c>
      <c r="B1365" s="8"/>
      <c r="C1365" s="8" t="s">
        <v>88</v>
      </c>
      <c r="D1365" t="s">
        <v>77</v>
      </c>
      <c r="E1365" s="8" t="s">
        <v>12</v>
      </c>
      <c r="F1365" t="s">
        <v>55</v>
      </c>
      <c r="G1365" t="s">
        <v>78</v>
      </c>
      <c r="H1365" t="s">
        <v>55</v>
      </c>
      <c r="I1365" s="8">
        <v>2027</v>
      </c>
      <c r="J1365" t="s">
        <v>48</v>
      </c>
      <c r="K1365" s="10"/>
      <c r="M1365" s="10"/>
      <c r="N1365">
        <v>0</v>
      </c>
    </row>
    <row r="1366" spans="1:14" hidden="1">
      <c r="A1366" s="7" t="s">
        <v>10</v>
      </c>
      <c r="B1366" s="8"/>
      <c r="C1366" s="8" t="s">
        <v>88</v>
      </c>
      <c r="D1366" t="s">
        <v>77</v>
      </c>
      <c r="E1366" s="8" t="s">
        <v>12</v>
      </c>
      <c r="F1366" t="s">
        <v>55</v>
      </c>
      <c r="G1366" t="s">
        <v>78</v>
      </c>
      <c r="H1366" t="s">
        <v>55</v>
      </c>
      <c r="I1366" s="8">
        <v>2027</v>
      </c>
      <c r="J1366" t="s">
        <v>14</v>
      </c>
      <c r="K1366" s="10">
        <v>833</v>
      </c>
      <c r="L1366">
        <v>120</v>
      </c>
      <c r="M1366" s="10">
        <v>0</v>
      </c>
      <c r="N1366">
        <v>0</v>
      </c>
    </row>
    <row r="1367" spans="1:14" hidden="1">
      <c r="A1367" s="7" t="s">
        <v>10</v>
      </c>
      <c r="B1367" s="8"/>
      <c r="C1367" s="8" t="s">
        <v>88</v>
      </c>
      <c r="D1367" t="s">
        <v>77</v>
      </c>
      <c r="E1367" s="8" t="s">
        <v>12</v>
      </c>
      <c r="F1367" t="s">
        <v>55</v>
      </c>
      <c r="G1367" t="s">
        <v>78</v>
      </c>
      <c r="H1367" t="s">
        <v>55</v>
      </c>
      <c r="I1367" s="8">
        <v>2027</v>
      </c>
      <c r="J1367" t="s">
        <v>49</v>
      </c>
      <c r="K1367" s="10"/>
      <c r="M1367" s="10"/>
      <c r="N1367">
        <v>0</v>
      </c>
    </row>
    <row r="1368" spans="1:14" hidden="1">
      <c r="A1368" s="7" t="s">
        <v>10</v>
      </c>
      <c r="B1368" s="8"/>
      <c r="C1368" s="8" t="s">
        <v>88</v>
      </c>
      <c r="D1368" t="s">
        <v>77</v>
      </c>
      <c r="E1368" s="8" t="s">
        <v>12</v>
      </c>
      <c r="F1368" t="s">
        <v>55</v>
      </c>
      <c r="G1368" t="s">
        <v>79</v>
      </c>
      <c r="H1368" t="s">
        <v>55</v>
      </c>
      <c r="I1368" s="8">
        <v>2027</v>
      </c>
      <c r="J1368" t="s">
        <v>15</v>
      </c>
      <c r="K1368" s="10">
        <v>528</v>
      </c>
      <c r="L1368">
        <v>528</v>
      </c>
      <c r="M1368" s="10">
        <v>0</v>
      </c>
      <c r="N1368">
        <v>0</v>
      </c>
    </row>
    <row r="1369" spans="1:14" hidden="1">
      <c r="A1369" s="7" t="s">
        <v>10</v>
      </c>
      <c r="B1369" s="8"/>
      <c r="C1369" s="8" t="s">
        <v>88</v>
      </c>
      <c r="D1369" t="s">
        <v>77</v>
      </c>
      <c r="E1369" s="8" t="s">
        <v>12</v>
      </c>
      <c r="F1369" t="s">
        <v>55</v>
      </c>
      <c r="G1369" t="s">
        <v>79</v>
      </c>
      <c r="H1369" t="s">
        <v>55</v>
      </c>
      <c r="I1369" s="8">
        <v>2027</v>
      </c>
      <c r="J1369" t="s">
        <v>50</v>
      </c>
      <c r="K1369" s="10"/>
      <c r="M1369" s="10"/>
      <c r="N1369">
        <v>0</v>
      </c>
    </row>
    <row r="1370" spans="1:14" hidden="1">
      <c r="A1370" s="7" t="s">
        <v>10</v>
      </c>
      <c r="B1370" s="8"/>
      <c r="C1370" s="8" t="s">
        <v>88</v>
      </c>
      <c r="D1370" t="s">
        <v>77</v>
      </c>
      <c r="E1370" s="8" t="s">
        <v>12</v>
      </c>
      <c r="F1370" t="s">
        <v>55</v>
      </c>
      <c r="G1370" t="s">
        <v>19</v>
      </c>
      <c r="H1370" t="s">
        <v>55</v>
      </c>
      <c r="I1370" s="8">
        <v>2027</v>
      </c>
      <c r="J1370" t="s">
        <v>19</v>
      </c>
      <c r="K1370" s="10"/>
      <c r="M1370" s="10"/>
      <c r="N1370">
        <v>0</v>
      </c>
    </row>
    <row r="1371" spans="1:14" hidden="1">
      <c r="A1371" s="7" t="s">
        <v>10</v>
      </c>
      <c r="B1371" s="8"/>
      <c r="C1371" s="8" t="s">
        <v>88</v>
      </c>
      <c r="D1371" t="s">
        <v>77</v>
      </c>
      <c r="E1371" s="8" t="s">
        <v>12</v>
      </c>
      <c r="F1371" t="s">
        <v>55</v>
      </c>
      <c r="G1371" t="s">
        <v>78</v>
      </c>
      <c r="H1371" t="s">
        <v>55</v>
      </c>
      <c r="I1371" s="8">
        <v>2027</v>
      </c>
      <c r="J1371" t="s">
        <v>21</v>
      </c>
      <c r="K1371" s="10"/>
      <c r="M1371" s="10"/>
      <c r="N1371">
        <v>0</v>
      </c>
    </row>
    <row r="1372" spans="1:14" hidden="1">
      <c r="A1372" s="7" t="s">
        <v>10</v>
      </c>
      <c r="B1372" s="8"/>
      <c r="C1372" s="8" t="s">
        <v>88</v>
      </c>
      <c r="D1372" t="s">
        <v>77</v>
      </c>
      <c r="E1372" s="8" t="s">
        <v>12</v>
      </c>
      <c r="F1372" t="s">
        <v>55</v>
      </c>
      <c r="G1372" t="s">
        <v>78</v>
      </c>
      <c r="H1372" t="s">
        <v>55</v>
      </c>
      <c r="I1372" s="8">
        <v>2027</v>
      </c>
      <c r="J1372" t="s">
        <v>51</v>
      </c>
      <c r="K1372" s="10"/>
      <c r="M1372" s="10"/>
      <c r="N1372">
        <v>0</v>
      </c>
    </row>
    <row r="1373" spans="1:14" hidden="1">
      <c r="A1373" s="7" t="s">
        <v>10</v>
      </c>
      <c r="B1373" s="8"/>
      <c r="C1373" s="8" t="s">
        <v>88</v>
      </c>
      <c r="D1373" t="s">
        <v>77</v>
      </c>
      <c r="E1373" s="8" t="s">
        <v>12</v>
      </c>
      <c r="F1373" t="s">
        <v>55</v>
      </c>
      <c r="G1373" t="s">
        <v>78</v>
      </c>
      <c r="H1373" t="s">
        <v>55</v>
      </c>
      <c r="I1373" s="8">
        <v>2028</v>
      </c>
      <c r="J1373" t="s">
        <v>47</v>
      </c>
      <c r="K1373" s="10"/>
      <c r="M1373" s="10"/>
      <c r="N1373">
        <v>0</v>
      </c>
    </row>
    <row r="1374" spans="1:14" hidden="1">
      <c r="A1374" s="7" t="s">
        <v>10</v>
      </c>
      <c r="B1374" s="8"/>
      <c r="C1374" s="8" t="s">
        <v>88</v>
      </c>
      <c r="D1374" t="s">
        <v>77</v>
      </c>
      <c r="E1374" s="8" t="s">
        <v>12</v>
      </c>
      <c r="F1374" t="s">
        <v>55</v>
      </c>
      <c r="G1374" t="s">
        <v>78</v>
      </c>
      <c r="H1374" t="s">
        <v>55</v>
      </c>
      <c r="I1374" s="8">
        <v>2028</v>
      </c>
      <c r="J1374" t="s">
        <v>48</v>
      </c>
      <c r="K1374" s="10"/>
      <c r="M1374" s="10"/>
      <c r="N1374">
        <v>0</v>
      </c>
    </row>
    <row r="1375" spans="1:14" hidden="1">
      <c r="A1375" s="7" t="s">
        <v>10</v>
      </c>
      <c r="B1375" s="8"/>
      <c r="C1375" s="8" t="s">
        <v>88</v>
      </c>
      <c r="D1375" t="s">
        <v>77</v>
      </c>
      <c r="E1375" s="8" t="s">
        <v>12</v>
      </c>
      <c r="F1375" t="s">
        <v>55</v>
      </c>
      <c r="G1375" t="s">
        <v>78</v>
      </c>
      <c r="H1375" t="s">
        <v>55</v>
      </c>
      <c r="I1375" s="8">
        <v>2028</v>
      </c>
      <c r="J1375" t="s">
        <v>14</v>
      </c>
      <c r="K1375" s="10">
        <v>537</v>
      </c>
      <c r="L1375">
        <v>69</v>
      </c>
      <c r="M1375" s="10">
        <v>0</v>
      </c>
      <c r="N1375">
        <v>0</v>
      </c>
    </row>
    <row r="1376" spans="1:14" hidden="1">
      <c r="A1376" s="7" t="s">
        <v>10</v>
      </c>
      <c r="B1376" s="8"/>
      <c r="C1376" s="8" t="s">
        <v>88</v>
      </c>
      <c r="D1376" t="s">
        <v>77</v>
      </c>
      <c r="E1376" s="8" t="s">
        <v>12</v>
      </c>
      <c r="F1376" t="s">
        <v>55</v>
      </c>
      <c r="G1376" t="s">
        <v>78</v>
      </c>
      <c r="H1376" t="s">
        <v>55</v>
      </c>
      <c r="I1376" s="8">
        <v>2028</v>
      </c>
      <c r="J1376" t="s">
        <v>49</v>
      </c>
      <c r="K1376" s="10"/>
      <c r="M1376" s="10"/>
      <c r="N1376">
        <v>0</v>
      </c>
    </row>
    <row r="1377" spans="1:14" hidden="1">
      <c r="A1377" s="7" t="s">
        <v>10</v>
      </c>
      <c r="B1377" s="8"/>
      <c r="C1377" s="8" t="s">
        <v>88</v>
      </c>
      <c r="D1377" t="s">
        <v>77</v>
      </c>
      <c r="E1377" s="8" t="s">
        <v>12</v>
      </c>
      <c r="F1377" t="s">
        <v>55</v>
      </c>
      <c r="G1377" t="s">
        <v>79</v>
      </c>
      <c r="H1377" t="s">
        <v>55</v>
      </c>
      <c r="I1377" s="8">
        <v>2028</v>
      </c>
      <c r="J1377" t="s">
        <v>15</v>
      </c>
      <c r="K1377" s="10">
        <v>283</v>
      </c>
      <c r="L1377">
        <v>283</v>
      </c>
      <c r="M1377" s="10">
        <v>0</v>
      </c>
      <c r="N1377">
        <v>0</v>
      </c>
    </row>
    <row r="1378" spans="1:14" hidden="1">
      <c r="A1378" s="7" t="s">
        <v>10</v>
      </c>
      <c r="B1378" s="8"/>
      <c r="C1378" s="8" t="s">
        <v>88</v>
      </c>
      <c r="D1378" t="s">
        <v>77</v>
      </c>
      <c r="E1378" s="8" t="s">
        <v>12</v>
      </c>
      <c r="F1378" t="s">
        <v>55</v>
      </c>
      <c r="G1378" t="s">
        <v>79</v>
      </c>
      <c r="H1378" t="s">
        <v>55</v>
      </c>
      <c r="I1378" s="8">
        <v>2028</v>
      </c>
      <c r="J1378" t="s">
        <v>50</v>
      </c>
      <c r="K1378" s="10"/>
      <c r="M1378" s="10"/>
      <c r="N1378">
        <v>0</v>
      </c>
    </row>
    <row r="1379" spans="1:14" hidden="1">
      <c r="A1379" s="7" t="s">
        <v>10</v>
      </c>
      <c r="B1379" s="8"/>
      <c r="C1379" s="8" t="s">
        <v>88</v>
      </c>
      <c r="D1379" t="s">
        <v>77</v>
      </c>
      <c r="E1379" s="8" t="s">
        <v>12</v>
      </c>
      <c r="F1379" t="s">
        <v>55</v>
      </c>
      <c r="G1379" t="s">
        <v>19</v>
      </c>
      <c r="H1379" t="s">
        <v>55</v>
      </c>
      <c r="I1379" s="8">
        <v>2028</v>
      </c>
      <c r="J1379" t="s">
        <v>19</v>
      </c>
      <c r="K1379" s="10"/>
      <c r="M1379" s="10"/>
      <c r="N1379">
        <v>0</v>
      </c>
    </row>
    <row r="1380" spans="1:14" hidden="1">
      <c r="A1380" s="7" t="s">
        <v>10</v>
      </c>
      <c r="B1380" s="8"/>
      <c r="C1380" s="8" t="s">
        <v>88</v>
      </c>
      <c r="D1380" t="s">
        <v>77</v>
      </c>
      <c r="E1380" s="8" t="s">
        <v>12</v>
      </c>
      <c r="F1380" t="s">
        <v>55</v>
      </c>
      <c r="G1380" t="s">
        <v>78</v>
      </c>
      <c r="H1380" t="s">
        <v>55</v>
      </c>
      <c r="I1380" s="8">
        <v>2028</v>
      </c>
      <c r="J1380" t="s">
        <v>21</v>
      </c>
      <c r="K1380" s="10"/>
      <c r="M1380" s="10"/>
      <c r="N1380">
        <v>0</v>
      </c>
    </row>
    <row r="1381" spans="1:14" hidden="1">
      <c r="A1381" s="7" t="s">
        <v>10</v>
      </c>
      <c r="B1381" s="8"/>
      <c r="C1381" s="8" t="s">
        <v>88</v>
      </c>
      <c r="D1381" t="s">
        <v>77</v>
      </c>
      <c r="E1381" s="8" t="s">
        <v>12</v>
      </c>
      <c r="F1381" t="s">
        <v>55</v>
      </c>
      <c r="G1381" t="s">
        <v>78</v>
      </c>
      <c r="H1381" t="s">
        <v>55</v>
      </c>
      <c r="I1381" s="8">
        <v>2028</v>
      </c>
      <c r="J1381" t="s">
        <v>51</v>
      </c>
      <c r="K1381" s="10"/>
      <c r="M1381" s="10"/>
      <c r="N1381">
        <v>0</v>
      </c>
    </row>
    <row r="1382" spans="1:14" hidden="1">
      <c r="A1382" s="7" t="s">
        <v>10</v>
      </c>
      <c r="B1382" s="8"/>
      <c r="C1382" s="8" t="s">
        <v>88</v>
      </c>
      <c r="D1382" t="s">
        <v>77</v>
      </c>
      <c r="E1382" s="8" t="s">
        <v>12</v>
      </c>
      <c r="F1382" t="s">
        <v>55</v>
      </c>
      <c r="G1382" t="s">
        <v>78</v>
      </c>
      <c r="H1382" t="s">
        <v>55</v>
      </c>
      <c r="I1382" s="8">
        <v>2029</v>
      </c>
      <c r="J1382" t="s">
        <v>47</v>
      </c>
      <c r="K1382" s="10"/>
      <c r="M1382" s="10"/>
      <c r="N1382">
        <v>0</v>
      </c>
    </row>
    <row r="1383" spans="1:14" hidden="1">
      <c r="A1383" s="7" t="s">
        <v>10</v>
      </c>
      <c r="B1383" s="8"/>
      <c r="C1383" s="8" t="s">
        <v>88</v>
      </c>
      <c r="D1383" t="s">
        <v>77</v>
      </c>
      <c r="E1383" s="8" t="s">
        <v>12</v>
      </c>
      <c r="F1383" t="s">
        <v>55</v>
      </c>
      <c r="G1383" t="s">
        <v>78</v>
      </c>
      <c r="H1383" t="s">
        <v>55</v>
      </c>
      <c r="I1383" s="8">
        <v>2029</v>
      </c>
      <c r="J1383" t="s">
        <v>48</v>
      </c>
      <c r="K1383" s="10"/>
      <c r="M1383" s="10"/>
      <c r="N1383">
        <v>0</v>
      </c>
    </row>
    <row r="1384" spans="1:14" hidden="1">
      <c r="A1384" s="7" t="s">
        <v>10</v>
      </c>
      <c r="B1384" s="8"/>
      <c r="C1384" s="8" t="s">
        <v>88</v>
      </c>
      <c r="D1384" t="s">
        <v>77</v>
      </c>
      <c r="E1384" s="8" t="s">
        <v>12</v>
      </c>
      <c r="F1384" t="s">
        <v>55</v>
      </c>
      <c r="G1384" t="s">
        <v>78</v>
      </c>
      <c r="H1384" t="s">
        <v>55</v>
      </c>
      <c r="I1384" s="8">
        <v>2029</v>
      </c>
      <c r="J1384" t="s">
        <v>14</v>
      </c>
      <c r="K1384" s="10">
        <v>595</v>
      </c>
      <c r="L1384">
        <v>77</v>
      </c>
      <c r="M1384" s="10">
        <v>0</v>
      </c>
      <c r="N1384">
        <v>0</v>
      </c>
    </row>
    <row r="1385" spans="1:14" hidden="1">
      <c r="A1385" s="7" t="s">
        <v>10</v>
      </c>
      <c r="B1385" s="8"/>
      <c r="C1385" s="8" t="s">
        <v>88</v>
      </c>
      <c r="D1385" t="s">
        <v>77</v>
      </c>
      <c r="E1385" s="8" t="s">
        <v>12</v>
      </c>
      <c r="F1385" t="s">
        <v>55</v>
      </c>
      <c r="G1385" t="s">
        <v>78</v>
      </c>
      <c r="H1385" t="s">
        <v>55</v>
      </c>
      <c r="I1385" s="8">
        <v>2029</v>
      </c>
      <c r="J1385" t="s">
        <v>49</v>
      </c>
      <c r="K1385" s="10"/>
      <c r="M1385" s="10"/>
      <c r="N1385">
        <v>0</v>
      </c>
    </row>
    <row r="1386" spans="1:14" hidden="1">
      <c r="A1386" s="7" t="s">
        <v>10</v>
      </c>
      <c r="B1386" s="8"/>
      <c r="C1386" s="8" t="s">
        <v>88</v>
      </c>
      <c r="D1386" t="s">
        <v>77</v>
      </c>
      <c r="E1386" s="8" t="s">
        <v>12</v>
      </c>
      <c r="F1386" t="s">
        <v>55</v>
      </c>
      <c r="G1386" t="s">
        <v>79</v>
      </c>
      <c r="H1386" t="s">
        <v>55</v>
      </c>
      <c r="I1386" s="8">
        <v>2029</v>
      </c>
      <c r="J1386" t="s">
        <v>15</v>
      </c>
      <c r="K1386" s="10">
        <v>311</v>
      </c>
      <c r="L1386">
        <v>311</v>
      </c>
      <c r="M1386" s="10">
        <v>0</v>
      </c>
      <c r="N1386">
        <v>0</v>
      </c>
    </row>
    <row r="1387" spans="1:14" hidden="1">
      <c r="A1387" s="7" t="s">
        <v>10</v>
      </c>
      <c r="B1387" s="8"/>
      <c r="C1387" s="8" t="s">
        <v>88</v>
      </c>
      <c r="D1387" t="s">
        <v>77</v>
      </c>
      <c r="E1387" s="8" t="s">
        <v>12</v>
      </c>
      <c r="F1387" t="s">
        <v>55</v>
      </c>
      <c r="G1387" t="s">
        <v>79</v>
      </c>
      <c r="H1387" t="s">
        <v>55</v>
      </c>
      <c r="I1387" s="8">
        <v>2029</v>
      </c>
      <c r="J1387" t="s">
        <v>50</v>
      </c>
      <c r="K1387" s="10"/>
      <c r="M1387" s="10"/>
      <c r="N1387">
        <v>0</v>
      </c>
    </row>
    <row r="1388" spans="1:14" hidden="1">
      <c r="A1388" s="7" t="s">
        <v>10</v>
      </c>
      <c r="B1388" s="8"/>
      <c r="C1388" s="8" t="s">
        <v>88</v>
      </c>
      <c r="D1388" t="s">
        <v>77</v>
      </c>
      <c r="E1388" s="8" t="s">
        <v>12</v>
      </c>
      <c r="F1388" t="s">
        <v>55</v>
      </c>
      <c r="G1388" t="s">
        <v>19</v>
      </c>
      <c r="H1388" t="s">
        <v>55</v>
      </c>
      <c r="I1388" s="8">
        <v>2029</v>
      </c>
      <c r="J1388" t="s">
        <v>19</v>
      </c>
      <c r="K1388" s="10"/>
      <c r="M1388" s="10"/>
      <c r="N1388">
        <v>0</v>
      </c>
    </row>
    <row r="1389" spans="1:14" hidden="1">
      <c r="A1389" s="7" t="s">
        <v>10</v>
      </c>
      <c r="B1389" s="8"/>
      <c r="C1389" s="8" t="s">
        <v>88</v>
      </c>
      <c r="D1389" t="s">
        <v>77</v>
      </c>
      <c r="E1389" s="8" t="s">
        <v>12</v>
      </c>
      <c r="F1389" t="s">
        <v>55</v>
      </c>
      <c r="G1389" t="s">
        <v>78</v>
      </c>
      <c r="H1389" t="s">
        <v>55</v>
      </c>
      <c r="I1389" s="8">
        <v>2029</v>
      </c>
      <c r="J1389" t="s">
        <v>21</v>
      </c>
      <c r="K1389" s="10"/>
      <c r="M1389" s="10"/>
      <c r="N1389">
        <v>0</v>
      </c>
    </row>
    <row r="1390" spans="1:14" hidden="1">
      <c r="A1390" s="7" t="s">
        <v>10</v>
      </c>
      <c r="B1390" s="8"/>
      <c r="C1390" s="8" t="s">
        <v>88</v>
      </c>
      <c r="D1390" t="s">
        <v>77</v>
      </c>
      <c r="E1390" s="8" t="s">
        <v>12</v>
      </c>
      <c r="F1390" t="s">
        <v>55</v>
      </c>
      <c r="G1390" t="s">
        <v>78</v>
      </c>
      <c r="H1390" t="s">
        <v>55</v>
      </c>
      <c r="I1390" s="8">
        <v>2029</v>
      </c>
      <c r="J1390" t="s">
        <v>51</v>
      </c>
      <c r="K1390" s="10"/>
      <c r="M1390" s="10"/>
      <c r="N1390">
        <v>0</v>
      </c>
    </row>
    <row r="1391" spans="1:14" hidden="1">
      <c r="A1391" s="7" t="s">
        <v>10</v>
      </c>
      <c r="B1391" s="8"/>
      <c r="C1391" s="8" t="s">
        <v>88</v>
      </c>
      <c r="D1391" t="s">
        <v>77</v>
      </c>
      <c r="E1391" s="8" t="s">
        <v>12</v>
      </c>
      <c r="F1391" t="s">
        <v>55</v>
      </c>
      <c r="G1391" t="s">
        <v>78</v>
      </c>
      <c r="H1391" t="s">
        <v>55</v>
      </c>
      <c r="I1391" s="8">
        <v>2030</v>
      </c>
      <c r="J1391" t="s">
        <v>47</v>
      </c>
      <c r="K1391" s="10"/>
      <c r="M1391" s="10"/>
      <c r="N1391">
        <v>0</v>
      </c>
    </row>
    <row r="1392" spans="1:14" hidden="1">
      <c r="A1392" s="7" t="s">
        <v>10</v>
      </c>
      <c r="B1392" s="8"/>
      <c r="C1392" s="8" t="s">
        <v>88</v>
      </c>
      <c r="D1392" t="s">
        <v>77</v>
      </c>
      <c r="E1392" s="8" t="s">
        <v>12</v>
      </c>
      <c r="F1392" t="s">
        <v>55</v>
      </c>
      <c r="G1392" t="s">
        <v>78</v>
      </c>
      <c r="H1392" t="s">
        <v>55</v>
      </c>
      <c r="I1392" s="8">
        <v>2030</v>
      </c>
      <c r="J1392" t="s">
        <v>48</v>
      </c>
      <c r="K1392" s="10"/>
      <c r="M1392" s="10"/>
      <c r="N1392">
        <v>0</v>
      </c>
    </row>
    <row r="1393" spans="1:14" hidden="1">
      <c r="A1393" s="7" t="s">
        <v>10</v>
      </c>
      <c r="B1393" s="8"/>
      <c r="C1393" s="8" t="s">
        <v>88</v>
      </c>
      <c r="D1393" t="s">
        <v>77</v>
      </c>
      <c r="E1393" s="8" t="s">
        <v>12</v>
      </c>
      <c r="F1393" t="s">
        <v>55</v>
      </c>
      <c r="G1393" t="s">
        <v>78</v>
      </c>
      <c r="H1393" t="s">
        <v>55</v>
      </c>
      <c r="I1393" s="8">
        <v>2030</v>
      </c>
      <c r="J1393" t="s">
        <v>14</v>
      </c>
      <c r="K1393" s="10">
        <v>595</v>
      </c>
      <c r="L1393">
        <v>77</v>
      </c>
      <c r="M1393" s="10">
        <v>0</v>
      </c>
      <c r="N1393">
        <v>0</v>
      </c>
    </row>
    <row r="1394" spans="1:14" hidden="1">
      <c r="A1394" s="7" t="s">
        <v>10</v>
      </c>
      <c r="B1394" s="8"/>
      <c r="C1394" s="8" t="s">
        <v>88</v>
      </c>
      <c r="D1394" t="s">
        <v>77</v>
      </c>
      <c r="E1394" s="8" t="s">
        <v>12</v>
      </c>
      <c r="F1394" t="s">
        <v>55</v>
      </c>
      <c r="G1394" t="s">
        <v>78</v>
      </c>
      <c r="H1394" t="s">
        <v>55</v>
      </c>
      <c r="I1394" s="8">
        <v>2030</v>
      </c>
      <c r="J1394" t="s">
        <v>49</v>
      </c>
      <c r="K1394" s="10"/>
      <c r="M1394" s="10"/>
      <c r="N1394">
        <v>0</v>
      </c>
    </row>
    <row r="1395" spans="1:14" hidden="1">
      <c r="A1395" s="7" t="s">
        <v>10</v>
      </c>
      <c r="B1395" s="8"/>
      <c r="C1395" s="8" t="s">
        <v>88</v>
      </c>
      <c r="D1395" t="s">
        <v>77</v>
      </c>
      <c r="E1395" s="8" t="s">
        <v>12</v>
      </c>
      <c r="F1395" t="s">
        <v>55</v>
      </c>
      <c r="G1395" t="s">
        <v>79</v>
      </c>
      <c r="H1395" t="s">
        <v>55</v>
      </c>
      <c r="I1395" s="8">
        <v>2030</v>
      </c>
      <c r="J1395" t="s">
        <v>15</v>
      </c>
      <c r="K1395" s="10">
        <v>311</v>
      </c>
      <c r="L1395">
        <v>311</v>
      </c>
      <c r="M1395" s="10">
        <v>0</v>
      </c>
      <c r="N1395">
        <v>0</v>
      </c>
    </row>
    <row r="1396" spans="1:14" hidden="1">
      <c r="A1396" s="7" t="s">
        <v>10</v>
      </c>
      <c r="B1396" s="8"/>
      <c r="C1396" s="8" t="s">
        <v>88</v>
      </c>
      <c r="D1396" t="s">
        <v>77</v>
      </c>
      <c r="E1396" s="8" t="s">
        <v>12</v>
      </c>
      <c r="F1396" t="s">
        <v>55</v>
      </c>
      <c r="G1396" t="s">
        <v>79</v>
      </c>
      <c r="H1396" t="s">
        <v>55</v>
      </c>
      <c r="I1396" s="8">
        <v>2030</v>
      </c>
      <c r="J1396" t="s">
        <v>50</v>
      </c>
      <c r="K1396" s="10"/>
      <c r="M1396" s="10"/>
      <c r="N1396">
        <v>0</v>
      </c>
    </row>
    <row r="1397" spans="1:14" hidden="1">
      <c r="A1397" s="7" t="s">
        <v>10</v>
      </c>
      <c r="B1397" s="8"/>
      <c r="C1397" s="8" t="s">
        <v>88</v>
      </c>
      <c r="D1397" t="s">
        <v>77</v>
      </c>
      <c r="E1397" s="8" t="s">
        <v>12</v>
      </c>
      <c r="F1397" t="s">
        <v>55</v>
      </c>
      <c r="G1397" t="s">
        <v>19</v>
      </c>
      <c r="H1397" t="s">
        <v>55</v>
      </c>
      <c r="I1397" s="8">
        <v>2030</v>
      </c>
      <c r="J1397" t="s">
        <v>19</v>
      </c>
      <c r="K1397" s="10"/>
      <c r="M1397" s="10"/>
      <c r="N1397">
        <v>0</v>
      </c>
    </row>
    <row r="1398" spans="1:14" hidden="1">
      <c r="A1398" s="7" t="s">
        <v>10</v>
      </c>
      <c r="B1398" s="8"/>
      <c r="C1398" s="8" t="s">
        <v>88</v>
      </c>
      <c r="D1398" t="s">
        <v>77</v>
      </c>
      <c r="E1398" s="8" t="s">
        <v>12</v>
      </c>
      <c r="F1398" t="s">
        <v>55</v>
      </c>
      <c r="G1398" t="s">
        <v>78</v>
      </c>
      <c r="H1398" t="s">
        <v>55</v>
      </c>
      <c r="I1398" s="8">
        <v>2030</v>
      </c>
      <c r="J1398" t="s">
        <v>21</v>
      </c>
      <c r="K1398" s="10"/>
      <c r="M1398" s="10"/>
      <c r="N1398">
        <v>0</v>
      </c>
    </row>
    <row r="1399" spans="1:14" hidden="1">
      <c r="A1399" s="7" t="s">
        <v>10</v>
      </c>
      <c r="B1399" s="8"/>
      <c r="C1399" s="8" t="s">
        <v>88</v>
      </c>
      <c r="D1399" t="s">
        <v>77</v>
      </c>
      <c r="E1399" s="8" t="s">
        <v>12</v>
      </c>
      <c r="F1399" t="s">
        <v>55</v>
      </c>
      <c r="G1399" t="s">
        <v>78</v>
      </c>
      <c r="H1399" t="s">
        <v>55</v>
      </c>
      <c r="I1399" s="8">
        <v>2030</v>
      </c>
      <c r="J1399" t="s">
        <v>51</v>
      </c>
      <c r="K1399" s="10"/>
      <c r="M1399" s="10"/>
      <c r="N1399">
        <v>0</v>
      </c>
    </row>
    <row r="1400" spans="1:14" hidden="1">
      <c r="A1400" s="7" t="s">
        <v>10</v>
      </c>
      <c r="B1400" s="8"/>
      <c r="C1400" s="8" t="s">
        <v>88</v>
      </c>
      <c r="D1400" t="s">
        <v>77</v>
      </c>
      <c r="E1400" s="8" t="s">
        <v>12</v>
      </c>
      <c r="F1400" t="s">
        <v>55</v>
      </c>
      <c r="G1400" t="s">
        <v>78</v>
      </c>
      <c r="H1400" t="s">
        <v>55</v>
      </c>
      <c r="I1400" s="8">
        <v>2031</v>
      </c>
      <c r="J1400" t="s">
        <v>47</v>
      </c>
      <c r="K1400" s="10"/>
      <c r="M1400" s="10"/>
      <c r="N1400">
        <v>0</v>
      </c>
    </row>
    <row r="1401" spans="1:14" hidden="1">
      <c r="A1401" s="7" t="s">
        <v>10</v>
      </c>
      <c r="B1401" s="8"/>
      <c r="C1401" s="8" t="s">
        <v>88</v>
      </c>
      <c r="D1401" t="s">
        <v>77</v>
      </c>
      <c r="E1401" s="8" t="s">
        <v>12</v>
      </c>
      <c r="F1401" t="s">
        <v>55</v>
      </c>
      <c r="G1401" t="s">
        <v>78</v>
      </c>
      <c r="H1401" t="s">
        <v>55</v>
      </c>
      <c r="I1401" s="8">
        <v>2031</v>
      </c>
      <c r="J1401" t="s">
        <v>48</v>
      </c>
      <c r="K1401" s="10"/>
      <c r="M1401" s="10"/>
      <c r="N1401">
        <v>0</v>
      </c>
    </row>
    <row r="1402" spans="1:14" hidden="1">
      <c r="A1402" s="7" t="s">
        <v>10</v>
      </c>
      <c r="B1402" s="8"/>
      <c r="C1402" s="8" t="s">
        <v>88</v>
      </c>
      <c r="D1402" t="s">
        <v>77</v>
      </c>
      <c r="E1402" s="8" t="s">
        <v>12</v>
      </c>
      <c r="F1402" t="s">
        <v>55</v>
      </c>
      <c r="G1402" t="s">
        <v>78</v>
      </c>
      <c r="H1402" t="s">
        <v>55</v>
      </c>
      <c r="I1402" s="8">
        <v>2031</v>
      </c>
      <c r="J1402" t="s">
        <v>14</v>
      </c>
      <c r="K1402" s="10">
        <v>610</v>
      </c>
      <c r="L1402">
        <v>78</v>
      </c>
      <c r="M1402" s="10">
        <v>0</v>
      </c>
      <c r="N1402">
        <v>0</v>
      </c>
    </row>
    <row r="1403" spans="1:14" hidden="1">
      <c r="A1403" s="7" t="s">
        <v>10</v>
      </c>
      <c r="B1403" s="8"/>
      <c r="C1403" s="8" t="s">
        <v>88</v>
      </c>
      <c r="D1403" t="s">
        <v>77</v>
      </c>
      <c r="E1403" s="8" t="s">
        <v>12</v>
      </c>
      <c r="F1403" t="s">
        <v>55</v>
      </c>
      <c r="G1403" t="s">
        <v>78</v>
      </c>
      <c r="H1403" t="s">
        <v>55</v>
      </c>
      <c r="I1403" s="8">
        <v>2031</v>
      </c>
      <c r="J1403" t="s">
        <v>49</v>
      </c>
      <c r="K1403" s="10"/>
      <c r="M1403" s="10"/>
      <c r="N1403">
        <v>0</v>
      </c>
    </row>
    <row r="1404" spans="1:14" hidden="1">
      <c r="A1404" s="7" t="s">
        <v>10</v>
      </c>
      <c r="B1404" s="8"/>
      <c r="C1404" s="8" t="s">
        <v>88</v>
      </c>
      <c r="D1404" t="s">
        <v>77</v>
      </c>
      <c r="E1404" s="8" t="s">
        <v>12</v>
      </c>
      <c r="F1404" t="s">
        <v>55</v>
      </c>
      <c r="G1404" t="s">
        <v>79</v>
      </c>
      <c r="H1404" t="s">
        <v>55</v>
      </c>
      <c r="I1404" s="8">
        <v>2031</v>
      </c>
      <c r="J1404" t="s">
        <v>15</v>
      </c>
      <c r="K1404" s="10">
        <v>323</v>
      </c>
      <c r="L1404">
        <v>323</v>
      </c>
      <c r="M1404" s="10">
        <v>0</v>
      </c>
      <c r="N1404">
        <v>0</v>
      </c>
    </row>
    <row r="1405" spans="1:14" hidden="1">
      <c r="A1405" s="7" t="s">
        <v>10</v>
      </c>
      <c r="B1405" s="8"/>
      <c r="C1405" s="8" t="s">
        <v>88</v>
      </c>
      <c r="D1405" t="s">
        <v>77</v>
      </c>
      <c r="E1405" s="8" t="s">
        <v>12</v>
      </c>
      <c r="F1405" t="s">
        <v>55</v>
      </c>
      <c r="G1405" t="s">
        <v>79</v>
      </c>
      <c r="H1405" t="s">
        <v>55</v>
      </c>
      <c r="I1405" s="8">
        <v>2031</v>
      </c>
      <c r="J1405" t="s">
        <v>50</v>
      </c>
      <c r="K1405" s="10"/>
      <c r="M1405" s="10"/>
      <c r="N1405">
        <v>0</v>
      </c>
    </row>
    <row r="1406" spans="1:14" hidden="1">
      <c r="A1406" s="7" t="s">
        <v>10</v>
      </c>
      <c r="B1406" s="8"/>
      <c r="C1406" s="8" t="s">
        <v>88</v>
      </c>
      <c r="D1406" t="s">
        <v>77</v>
      </c>
      <c r="E1406" s="8" t="s">
        <v>12</v>
      </c>
      <c r="F1406" t="s">
        <v>55</v>
      </c>
      <c r="G1406" t="s">
        <v>19</v>
      </c>
      <c r="H1406" t="s">
        <v>55</v>
      </c>
      <c r="I1406" s="8">
        <v>2031</v>
      </c>
      <c r="J1406" t="s">
        <v>19</v>
      </c>
      <c r="K1406" s="10"/>
      <c r="M1406" s="10"/>
      <c r="N1406">
        <v>0</v>
      </c>
    </row>
    <row r="1407" spans="1:14" hidden="1">
      <c r="A1407" s="7" t="s">
        <v>10</v>
      </c>
      <c r="B1407" s="8"/>
      <c r="C1407" s="8" t="s">
        <v>88</v>
      </c>
      <c r="D1407" t="s">
        <v>77</v>
      </c>
      <c r="E1407" s="8" t="s">
        <v>12</v>
      </c>
      <c r="F1407" t="s">
        <v>55</v>
      </c>
      <c r="G1407" t="s">
        <v>78</v>
      </c>
      <c r="H1407" t="s">
        <v>55</v>
      </c>
      <c r="I1407" s="8">
        <v>2031</v>
      </c>
      <c r="J1407" t="s">
        <v>21</v>
      </c>
      <c r="K1407" s="10"/>
      <c r="M1407" s="10"/>
      <c r="N1407">
        <v>0</v>
      </c>
    </row>
    <row r="1408" spans="1:14" hidden="1">
      <c r="A1408" s="7" t="s">
        <v>10</v>
      </c>
      <c r="B1408" s="8"/>
      <c r="C1408" s="8" t="s">
        <v>88</v>
      </c>
      <c r="D1408" t="s">
        <v>77</v>
      </c>
      <c r="E1408" s="8" t="s">
        <v>12</v>
      </c>
      <c r="F1408" t="s">
        <v>55</v>
      </c>
      <c r="G1408" t="s">
        <v>78</v>
      </c>
      <c r="H1408" t="s">
        <v>55</v>
      </c>
      <c r="I1408" s="8">
        <v>2031</v>
      </c>
      <c r="J1408" t="s">
        <v>51</v>
      </c>
      <c r="K1408" s="10"/>
      <c r="M1408" s="10"/>
      <c r="N1408">
        <v>0</v>
      </c>
    </row>
    <row r="1409" spans="1:14" hidden="1">
      <c r="A1409" s="7" t="s">
        <v>10</v>
      </c>
      <c r="B1409" s="8"/>
      <c r="C1409" s="8" t="s">
        <v>88</v>
      </c>
      <c r="D1409" t="s">
        <v>77</v>
      </c>
      <c r="E1409" s="8" t="s">
        <v>12</v>
      </c>
      <c r="F1409" t="s">
        <v>55</v>
      </c>
      <c r="G1409" t="s">
        <v>78</v>
      </c>
      <c r="H1409" t="s">
        <v>55</v>
      </c>
      <c r="I1409" s="8">
        <v>2032</v>
      </c>
      <c r="J1409" t="s">
        <v>47</v>
      </c>
      <c r="K1409" s="10"/>
      <c r="M1409" s="10"/>
      <c r="N1409">
        <v>0</v>
      </c>
    </row>
    <row r="1410" spans="1:14" hidden="1">
      <c r="A1410" s="7" t="s">
        <v>10</v>
      </c>
      <c r="B1410" s="8"/>
      <c r="C1410" s="8" t="s">
        <v>88</v>
      </c>
      <c r="D1410" t="s">
        <v>77</v>
      </c>
      <c r="E1410" s="8" t="s">
        <v>12</v>
      </c>
      <c r="F1410" t="s">
        <v>55</v>
      </c>
      <c r="G1410" t="s">
        <v>78</v>
      </c>
      <c r="H1410" t="s">
        <v>55</v>
      </c>
      <c r="I1410" s="8">
        <v>2032</v>
      </c>
      <c r="J1410" t="s">
        <v>48</v>
      </c>
      <c r="K1410" s="10"/>
      <c r="M1410" s="10"/>
      <c r="N1410">
        <v>0</v>
      </c>
    </row>
    <row r="1411" spans="1:14" hidden="1">
      <c r="A1411" s="7" t="s">
        <v>10</v>
      </c>
      <c r="B1411" s="8"/>
      <c r="C1411" s="8" t="s">
        <v>88</v>
      </c>
      <c r="D1411" t="s">
        <v>77</v>
      </c>
      <c r="E1411" s="8" t="s">
        <v>12</v>
      </c>
      <c r="F1411" t="s">
        <v>55</v>
      </c>
      <c r="G1411" t="s">
        <v>78</v>
      </c>
      <c r="H1411" t="s">
        <v>55</v>
      </c>
      <c r="I1411" s="8">
        <v>2032</v>
      </c>
      <c r="J1411" t="s">
        <v>14</v>
      </c>
      <c r="K1411" s="10">
        <v>319</v>
      </c>
      <c r="L1411">
        <v>33</v>
      </c>
      <c r="M1411" s="10">
        <v>0</v>
      </c>
      <c r="N1411">
        <v>0</v>
      </c>
    </row>
    <row r="1412" spans="1:14" hidden="1">
      <c r="A1412" s="7" t="s">
        <v>10</v>
      </c>
      <c r="B1412" s="8"/>
      <c r="C1412" s="8" t="s">
        <v>88</v>
      </c>
      <c r="D1412" t="s">
        <v>77</v>
      </c>
      <c r="E1412" s="8" t="s">
        <v>12</v>
      </c>
      <c r="F1412" t="s">
        <v>55</v>
      </c>
      <c r="G1412" t="s">
        <v>78</v>
      </c>
      <c r="H1412" t="s">
        <v>55</v>
      </c>
      <c r="I1412" s="8">
        <v>2032</v>
      </c>
      <c r="J1412" t="s">
        <v>49</v>
      </c>
      <c r="K1412" s="10"/>
      <c r="M1412" s="10"/>
      <c r="N1412">
        <v>0</v>
      </c>
    </row>
    <row r="1413" spans="1:14" hidden="1">
      <c r="A1413" s="7" t="s">
        <v>10</v>
      </c>
      <c r="B1413" s="8"/>
      <c r="C1413" s="8" t="s">
        <v>88</v>
      </c>
      <c r="D1413" t="s">
        <v>77</v>
      </c>
      <c r="E1413" s="8" t="s">
        <v>12</v>
      </c>
      <c r="F1413" t="s">
        <v>55</v>
      </c>
      <c r="G1413" t="s">
        <v>79</v>
      </c>
      <c r="H1413" t="s">
        <v>55</v>
      </c>
      <c r="I1413" s="8">
        <v>2032</v>
      </c>
      <c r="J1413" t="s">
        <v>15</v>
      </c>
      <c r="K1413" s="10">
        <v>109</v>
      </c>
      <c r="L1413">
        <v>109</v>
      </c>
      <c r="M1413" s="10">
        <v>0</v>
      </c>
      <c r="N1413">
        <v>0</v>
      </c>
    </row>
    <row r="1414" spans="1:14" hidden="1">
      <c r="A1414" s="7" t="s">
        <v>10</v>
      </c>
      <c r="B1414" s="8"/>
      <c r="C1414" s="8" t="s">
        <v>88</v>
      </c>
      <c r="D1414" t="s">
        <v>77</v>
      </c>
      <c r="E1414" s="8" t="s">
        <v>12</v>
      </c>
      <c r="F1414" t="s">
        <v>55</v>
      </c>
      <c r="G1414" t="s">
        <v>79</v>
      </c>
      <c r="H1414" t="s">
        <v>55</v>
      </c>
      <c r="I1414" s="8">
        <v>2032</v>
      </c>
      <c r="J1414" t="s">
        <v>50</v>
      </c>
      <c r="K1414" s="10"/>
      <c r="M1414" s="10"/>
      <c r="N1414">
        <v>0</v>
      </c>
    </row>
    <row r="1415" spans="1:14" hidden="1">
      <c r="A1415" s="7" t="s">
        <v>10</v>
      </c>
      <c r="B1415" s="8"/>
      <c r="C1415" s="8" t="s">
        <v>88</v>
      </c>
      <c r="D1415" t="s">
        <v>77</v>
      </c>
      <c r="E1415" s="8" t="s">
        <v>12</v>
      </c>
      <c r="F1415" t="s">
        <v>55</v>
      </c>
      <c r="G1415" t="s">
        <v>19</v>
      </c>
      <c r="H1415" t="s">
        <v>55</v>
      </c>
      <c r="I1415" s="8">
        <v>2032</v>
      </c>
      <c r="J1415" t="s">
        <v>19</v>
      </c>
      <c r="K1415" s="10"/>
      <c r="M1415" s="10"/>
      <c r="N1415">
        <v>0</v>
      </c>
    </row>
    <row r="1416" spans="1:14" hidden="1">
      <c r="A1416" s="7" t="s">
        <v>10</v>
      </c>
      <c r="B1416" s="8"/>
      <c r="C1416" s="8" t="s">
        <v>88</v>
      </c>
      <c r="D1416" t="s">
        <v>77</v>
      </c>
      <c r="E1416" s="8" t="s">
        <v>12</v>
      </c>
      <c r="F1416" t="s">
        <v>55</v>
      </c>
      <c r="G1416" t="s">
        <v>78</v>
      </c>
      <c r="H1416" t="s">
        <v>55</v>
      </c>
      <c r="I1416" s="8">
        <v>2032</v>
      </c>
      <c r="J1416" t="s">
        <v>21</v>
      </c>
      <c r="K1416" s="10"/>
      <c r="M1416" s="10"/>
      <c r="N1416">
        <v>0</v>
      </c>
    </row>
    <row r="1417" spans="1:14" hidden="1">
      <c r="A1417" s="7" t="s">
        <v>10</v>
      </c>
      <c r="B1417" s="8"/>
      <c r="C1417" s="8" t="s">
        <v>88</v>
      </c>
      <c r="D1417" t="s">
        <v>77</v>
      </c>
      <c r="E1417" s="8" t="s">
        <v>12</v>
      </c>
      <c r="F1417" t="s">
        <v>55</v>
      </c>
      <c r="G1417" t="s">
        <v>78</v>
      </c>
      <c r="H1417" t="s">
        <v>55</v>
      </c>
      <c r="I1417" s="8">
        <v>2032</v>
      </c>
      <c r="J1417" t="s">
        <v>51</v>
      </c>
      <c r="K1417" s="10"/>
      <c r="M1417" s="10"/>
      <c r="N1417">
        <v>0</v>
      </c>
    </row>
    <row r="1418" spans="1:14" hidden="1">
      <c r="A1418" s="7" t="s">
        <v>10</v>
      </c>
      <c r="B1418" s="8"/>
      <c r="C1418" s="8" t="s">
        <v>88</v>
      </c>
      <c r="D1418" t="s">
        <v>77</v>
      </c>
      <c r="E1418" s="8" t="s">
        <v>12</v>
      </c>
      <c r="F1418" t="s">
        <v>55</v>
      </c>
      <c r="G1418" t="s">
        <v>78</v>
      </c>
      <c r="H1418" t="s">
        <v>55</v>
      </c>
      <c r="I1418" s="8">
        <v>2033</v>
      </c>
      <c r="J1418" t="s">
        <v>47</v>
      </c>
      <c r="K1418" s="10"/>
      <c r="M1418" s="10"/>
      <c r="N1418">
        <v>0</v>
      </c>
    </row>
    <row r="1419" spans="1:14" hidden="1">
      <c r="A1419" s="7" t="s">
        <v>10</v>
      </c>
      <c r="B1419" s="8"/>
      <c r="C1419" s="8" t="s">
        <v>88</v>
      </c>
      <c r="D1419" t="s">
        <v>77</v>
      </c>
      <c r="E1419" s="8" t="s">
        <v>12</v>
      </c>
      <c r="F1419" t="s">
        <v>55</v>
      </c>
      <c r="G1419" t="s">
        <v>78</v>
      </c>
      <c r="H1419" t="s">
        <v>55</v>
      </c>
      <c r="I1419" s="8">
        <v>2033</v>
      </c>
      <c r="J1419" t="s">
        <v>48</v>
      </c>
      <c r="K1419" s="10"/>
      <c r="M1419" s="10"/>
      <c r="N1419">
        <v>0</v>
      </c>
    </row>
    <row r="1420" spans="1:14" hidden="1">
      <c r="A1420" s="7" t="s">
        <v>10</v>
      </c>
      <c r="B1420" s="8"/>
      <c r="C1420" s="8" t="s">
        <v>88</v>
      </c>
      <c r="D1420" t="s">
        <v>77</v>
      </c>
      <c r="E1420" s="8" t="s">
        <v>12</v>
      </c>
      <c r="F1420" t="s">
        <v>55</v>
      </c>
      <c r="G1420" t="s">
        <v>78</v>
      </c>
      <c r="H1420" t="s">
        <v>55</v>
      </c>
      <c r="I1420" s="8">
        <v>2033</v>
      </c>
      <c r="J1420" t="s">
        <v>14</v>
      </c>
      <c r="K1420" s="10">
        <v>319</v>
      </c>
      <c r="L1420">
        <v>33</v>
      </c>
      <c r="M1420" s="10">
        <v>0</v>
      </c>
      <c r="N1420">
        <v>0</v>
      </c>
    </row>
    <row r="1421" spans="1:14" hidden="1">
      <c r="A1421" s="7" t="s">
        <v>10</v>
      </c>
      <c r="B1421" s="8"/>
      <c r="C1421" s="8" t="s">
        <v>88</v>
      </c>
      <c r="D1421" t="s">
        <v>77</v>
      </c>
      <c r="E1421" s="8" t="s">
        <v>12</v>
      </c>
      <c r="F1421" t="s">
        <v>55</v>
      </c>
      <c r="G1421" t="s">
        <v>78</v>
      </c>
      <c r="H1421" t="s">
        <v>55</v>
      </c>
      <c r="I1421" s="8">
        <v>2033</v>
      </c>
      <c r="J1421" t="s">
        <v>49</v>
      </c>
      <c r="K1421" s="10"/>
      <c r="M1421" s="10"/>
      <c r="N1421">
        <v>0</v>
      </c>
    </row>
    <row r="1422" spans="1:14" hidden="1">
      <c r="A1422" s="7" t="s">
        <v>10</v>
      </c>
      <c r="B1422" s="8"/>
      <c r="C1422" s="8" t="s">
        <v>88</v>
      </c>
      <c r="D1422" t="s">
        <v>77</v>
      </c>
      <c r="E1422" s="8" t="s">
        <v>12</v>
      </c>
      <c r="F1422" t="s">
        <v>55</v>
      </c>
      <c r="G1422" t="s">
        <v>79</v>
      </c>
      <c r="H1422" t="s">
        <v>55</v>
      </c>
      <c r="I1422" s="8">
        <v>2033</v>
      </c>
      <c r="J1422" t="s">
        <v>15</v>
      </c>
      <c r="K1422" s="10">
        <v>109</v>
      </c>
      <c r="L1422">
        <v>109</v>
      </c>
      <c r="M1422" s="10">
        <v>0</v>
      </c>
      <c r="N1422">
        <v>0</v>
      </c>
    </row>
    <row r="1423" spans="1:14" hidden="1">
      <c r="A1423" s="7" t="s">
        <v>10</v>
      </c>
      <c r="B1423" s="8"/>
      <c r="C1423" s="8" t="s">
        <v>88</v>
      </c>
      <c r="D1423" t="s">
        <v>77</v>
      </c>
      <c r="E1423" s="8" t="s">
        <v>12</v>
      </c>
      <c r="F1423" t="s">
        <v>55</v>
      </c>
      <c r="G1423" t="s">
        <v>79</v>
      </c>
      <c r="H1423" t="s">
        <v>55</v>
      </c>
      <c r="I1423" s="8">
        <v>2033</v>
      </c>
      <c r="J1423" t="s">
        <v>50</v>
      </c>
      <c r="K1423" s="10"/>
      <c r="M1423" s="10"/>
      <c r="N1423">
        <v>0</v>
      </c>
    </row>
    <row r="1424" spans="1:14" hidden="1">
      <c r="A1424" s="7" t="s">
        <v>10</v>
      </c>
      <c r="B1424" s="8"/>
      <c r="C1424" s="8" t="s">
        <v>88</v>
      </c>
      <c r="D1424" t="s">
        <v>77</v>
      </c>
      <c r="E1424" s="8" t="s">
        <v>12</v>
      </c>
      <c r="F1424" t="s">
        <v>55</v>
      </c>
      <c r="G1424" t="s">
        <v>19</v>
      </c>
      <c r="H1424" t="s">
        <v>55</v>
      </c>
      <c r="I1424" s="8">
        <v>2033</v>
      </c>
      <c r="J1424" t="s">
        <v>19</v>
      </c>
      <c r="K1424" s="10"/>
      <c r="M1424" s="10"/>
      <c r="N1424">
        <v>0</v>
      </c>
    </row>
    <row r="1425" spans="1:14" hidden="1">
      <c r="A1425" s="7" t="s">
        <v>10</v>
      </c>
      <c r="B1425" s="8"/>
      <c r="C1425" s="8" t="s">
        <v>88</v>
      </c>
      <c r="D1425" t="s">
        <v>77</v>
      </c>
      <c r="E1425" s="8" t="s">
        <v>12</v>
      </c>
      <c r="F1425" t="s">
        <v>55</v>
      </c>
      <c r="G1425" t="s">
        <v>78</v>
      </c>
      <c r="H1425" t="s">
        <v>55</v>
      </c>
      <c r="I1425" s="8">
        <v>2033</v>
      </c>
      <c r="J1425" t="s">
        <v>21</v>
      </c>
      <c r="K1425" s="10"/>
      <c r="M1425" s="10"/>
      <c r="N1425">
        <v>0</v>
      </c>
    </row>
    <row r="1426" spans="1:14" hidden="1">
      <c r="A1426" s="7" t="s">
        <v>10</v>
      </c>
      <c r="B1426" s="8"/>
      <c r="C1426" s="8" t="s">
        <v>88</v>
      </c>
      <c r="D1426" t="s">
        <v>77</v>
      </c>
      <c r="E1426" s="8" t="s">
        <v>12</v>
      </c>
      <c r="F1426" t="s">
        <v>55</v>
      </c>
      <c r="G1426" t="s">
        <v>78</v>
      </c>
      <c r="H1426" t="s">
        <v>55</v>
      </c>
      <c r="I1426" s="8">
        <v>2033</v>
      </c>
      <c r="J1426" t="s">
        <v>51</v>
      </c>
      <c r="K1426" s="10"/>
      <c r="M1426" s="10"/>
      <c r="N1426">
        <v>0</v>
      </c>
    </row>
    <row r="1427" spans="1:14" hidden="1">
      <c r="A1427" s="7" t="s">
        <v>10</v>
      </c>
      <c r="B1427" s="8"/>
      <c r="C1427" s="8" t="s">
        <v>88</v>
      </c>
      <c r="D1427" t="s">
        <v>77</v>
      </c>
      <c r="E1427" s="8" t="s">
        <v>12</v>
      </c>
      <c r="F1427" t="s">
        <v>55</v>
      </c>
      <c r="G1427" t="s">
        <v>78</v>
      </c>
      <c r="H1427" t="s">
        <v>55</v>
      </c>
      <c r="I1427" s="8">
        <v>2034</v>
      </c>
      <c r="J1427" t="s">
        <v>47</v>
      </c>
      <c r="K1427" s="10"/>
      <c r="M1427" s="10"/>
      <c r="N1427">
        <v>0</v>
      </c>
    </row>
    <row r="1428" spans="1:14" hidden="1">
      <c r="A1428" s="7" t="s">
        <v>10</v>
      </c>
      <c r="B1428" s="8"/>
      <c r="C1428" s="8" t="s">
        <v>88</v>
      </c>
      <c r="D1428" t="s">
        <v>77</v>
      </c>
      <c r="E1428" s="8" t="s">
        <v>12</v>
      </c>
      <c r="F1428" t="s">
        <v>55</v>
      </c>
      <c r="G1428" t="s">
        <v>78</v>
      </c>
      <c r="H1428" t="s">
        <v>55</v>
      </c>
      <c r="I1428" s="8">
        <v>2034</v>
      </c>
      <c r="J1428" t="s">
        <v>48</v>
      </c>
      <c r="K1428" s="10"/>
      <c r="M1428" s="10"/>
      <c r="N1428">
        <v>0</v>
      </c>
    </row>
    <row r="1429" spans="1:14" hidden="1">
      <c r="A1429" s="7" t="s">
        <v>10</v>
      </c>
      <c r="B1429" s="8"/>
      <c r="C1429" s="8" t="s">
        <v>88</v>
      </c>
      <c r="D1429" t="s">
        <v>77</v>
      </c>
      <c r="E1429" s="8" t="s">
        <v>12</v>
      </c>
      <c r="F1429" t="s">
        <v>55</v>
      </c>
      <c r="G1429" t="s">
        <v>78</v>
      </c>
      <c r="H1429" t="s">
        <v>55</v>
      </c>
      <c r="I1429" s="8">
        <v>2034</v>
      </c>
      <c r="J1429" t="s">
        <v>14</v>
      </c>
      <c r="K1429" s="10">
        <v>319</v>
      </c>
      <c r="L1429">
        <v>33</v>
      </c>
      <c r="M1429" s="10">
        <v>0</v>
      </c>
      <c r="N1429">
        <v>0</v>
      </c>
    </row>
    <row r="1430" spans="1:14" hidden="1">
      <c r="A1430" s="7" t="s">
        <v>10</v>
      </c>
      <c r="B1430" s="8"/>
      <c r="C1430" s="8" t="s">
        <v>88</v>
      </c>
      <c r="D1430" t="s">
        <v>77</v>
      </c>
      <c r="E1430" s="8" t="s">
        <v>12</v>
      </c>
      <c r="F1430" t="s">
        <v>55</v>
      </c>
      <c r="G1430" t="s">
        <v>78</v>
      </c>
      <c r="H1430" t="s">
        <v>55</v>
      </c>
      <c r="I1430" s="8">
        <v>2034</v>
      </c>
      <c r="J1430" t="s">
        <v>49</v>
      </c>
      <c r="K1430" s="10"/>
      <c r="M1430" s="10"/>
      <c r="N1430">
        <v>0</v>
      </c>
    </row>
    <row r="1431" spans="1:14" hidden="1">
      <c r="A1431" s="7" t="s">
        <v>10</v>
      </c>
      <c r="B1431" s="8"/>
      <c r="C1431" s="8" t="s">
        <v>88</v>
      </c>
      <c r="D1431" t="s">
        <v>77</v>
      </c>
      <c r="E1431" s="8" t="s">
        <v>12</v>
      </c>
      <c r="F1431" t="s">
        <v>55</v>
      </c>
      <c r="G1431" t="s">
        <v>79</v>
      </c>
      <c r="H1431" t="s">
        <v>55</v>
      </c>
      <c r="I1431" s="8">
        <v>2034</v>
      </c>
      <c r="J1431" t="s">
        <v>15</v>
      </c>
      <c r="K1431" s="10">
        <v>109</v>
      </c>
      <c r="L1431">
        <v>109</v>
      </c>
      <c r="M1431" s="10">
        <v>0</v>
      </c>
      <c r="N1431">
        <v>0</v>
      </c>
    </row>
    <row r="1432" spans="1:14" hidden="1">
      <c r="A1432" s="7" t="s">
        <v>10</v>
      </c>
      <c r="B1432" s="8"/>
      <c r="C1432" s="8" t="s">
        <v>88</v>
      </c>
      <c r="D1432" t="s">
        <v>77</v>
      </c>
      <c r="E1432" s="8" t="s">
        <v>12</v>
      </c>
      <c r="F1432" t="s">
        <v>55</v>
      </c>
      <c r="G1432" t="s">
        <v>79</v>
      </c>
      <c r="H1432" t="s">
        <v>55</v>
      </c>
      <c r="I1432" s="8">
        <v>2034</v>
      </c>
      <c r="J1432" t="s">
        <v>50</v>
      </c>
      <c r="K1432" s="10"/>
      <c r="M1432" s="10"/>
      <c r="N1432">
        <v>0</v>
      </c>
    </row>
    <row r="1433" spans="1:14" hidden="1">
      <c r="A1433" s="7" t="s">
        <v>10</v>
      </c>
      <c r="B1433" s="8"/>
      <c r="C1433" s="8" t="s">
        <v>88</v>
      </c>
      <c r="D1433" t="s">
        <v>77</v>
      </c>
      <c r="E1433" s="8" t="s">
        <v>12</v>
      </c>
      <c r="F1433" t="s">
        <v>55</v>
      </c>
      <c r="G1433" t="s">
        <v>19</v>
      </c>
      <c r="H1433" t="s">
        <v>55</v>
      </c>
      <c r="I1433" s="8">
        <v>2034</v>
      </c>
      <c r="J1433" t="s">
        <v>19</v>
      </c>
      <c r="K1433" s="10"/>
      <c r="M1433" s="10"/>
      <c r="N1433">
        <v>0</v>
      </c>
    </row>
    <row r="1434" spans="1:14" hidden="1">
      <c r="A1434" s="7" t="s">
        <v>10</v>
      </c>
      <c r="B1434" s="8"/>
      <c r="C1434" s="8" t="s">
        <v>88</v>
      </c>
      <c r="D1434" t="s">
        <v>77</v>
      </c>
      <c r="E1434" s="8" t="s">
        <v>12</v>
      </c>
      <c r="F1434" t="s">
        <v>55</v>
      </c>
      <c r="G1434" t="s">
        <v>78</v>
      </c>
      <c r="H1434" t="s">
        <v>55</v>
      </c>
      <c r="I1434" s="8">
        <v>2034</v>
      </c>
      <c r="J1434" t="s">
        <v>21</v>
      </c>
      <c r="K1434" s="10"/>
      <c r="M1434" s="10"/>
      <c r="N1434">
        <v>0</v>
      </c>
    </row>
    <row r="1435" spans="1:14" hidden="1">
      <c r="A1435" s="7" t="s">
        <v>10</v>
      </c>
      <c r="B1435" s="8"/>
      <c r="C1435" s="8" t="s">
        <v>88</v>
      </c>
      <c r="D1435" t="s">
        <v>77</v>
      </c>
      <c r="E1435" s="8" t="s">
        <v>12</v>
      </c>
      <c r="F1435" t="s">
        <v>55</v>
      </c>
      <c r="G1435" t="s">
        <v>78</v>
      </c>
      <c r="H1435" t="s">
        <v>55</v>
      </c>
      <c r="I1435" s="8">
        <v>2034</v>
      </c>
      <c r="J1435" t="s">
        <v>51</v>
      </c>
      <c r="K1435" s="10"/>
      <c r="M1435" s="10"/>
      <c r="N1435">
        <v>0</v>
      </c>
    </row>
    <row r="1436" spans="1:14" hidden="1">
      <c r="A1436" s="7" t="s">
        <v>10</v>
      </c>
      <c r="B1436" s="8"/>
      <c r="C1436" s="8" t="s">
        <v>60</v>
      </c>
      <c r="D1436" t="s">
        <v>77</v>
      </c>
      <c r="E1436" s="8" t="s">
        <v>61</v>
      </c>
      <c r="F1436" t="s">
        <v>55</v>
      </c>
      <c r="G1436" t="s">
        <v>78</v>
      </c>
      <c r="H1436" t="s">
        <v>55</v>
      </c>
      <c r="I1436" s="8">
        <v>2025</v>
      </c>
      <c r="J1436" t="s">
        <v>47</v>
      </c>
      <c r="K1436" s="10"/>
      <c r="M1436" s="10"/>
      <c r="N1436">
        <v>0</v>
      </c>
    </row>
    <row r="1437" spans="1:14" hidden="1">
      <c r="A1437" s="7" t="s">
        <v>10</v>
      </c>
      <c r="B1437" s="8"/>
      <c r="C1437" s="8" t="s">
        <v>60</v>
      </c>
      <c r="D1437" t="s">
        <v>77</v>
      </c>
      <c r="E1437" s="8" t="s">
        <v>61</v>
      </c>
      <c r="F1437" t="s">
        <v>55</v>
      </c>
      <c r="G1437" t="s">
        <v>78</v>
      </c>
      <c r="H1437" t="s">
        <v>55</v>
      </c>
      <c r="I1437" s="8">
        <v>2025</v>
      </c>
      <c r="J1437" t="s">
        <v>48</v>
      </c>
      <c r="K1437" s="10"/>
      <c r="M1437" s="10"/>
      <c r="N1437">
        <v>0</v>
      </c>
    </row>
    <row r="1438" spans="1:14" hidden="1">
      <c r="A1438" s="7" t="s">
        <v>10</v>
      </c>
      <c r="B1438" s="8"/>
      <c r="C1438" s="8" t="s">
        <v>60</v>
      </c>
      <c r="D1438" t="s">
        <v>77</v>
      </c>
      <c r="E1438" s="8" t="s">
        <v>61</v>
      </c>
      <c r="F1438" t="s">
        <v>55</v>
      </c>
      <c r="G1438" t="s">
        <v>78</v>
      </c>
      <c r="H1438" t="s">
        <v>55</v>
      </c>
      <c r="I1438" s="8">
        <v>2025</v>
      </c>
      <c r="J1438" t="s">
        <v>14</v>
      </c>
      <c r="K1438" s="10">
        <v>215</v>
      </c>
      <c r="L1438">
        <v>24</v>
      </c>
      <c r="M1438" s="10">
        <v>0</v>
      </c>
      <c r="N1438">
        <v>0</v>
      </c>
    </row>
    <row r="1439" spans="1:14" hidden="1">
      <c r="A1439" s="7" t="s">
        <v>10</v>
      </c>
      <c r="B1439" s="8"/>
      <c r="C1439" s="8" t="s">
        <v>60</v>
      </c>
      <c r="D1439" t="s">
        <v>77</v>
      </c>
      <c r="E1439" s="8" t="s">
        <v>61</v>
      </c>
      <c r="F1439" t="s">
        <v>55</v>
      </c>
      <c r="G1439" t="s">
        <v>78</v>
      </c>
      <c r="H1439" t="s">
        <v>55</v>
      </c>
      <c r="I1439" s="8">
        <v>2025</v>
      </c>
      <c r="J1439" t="s">
        <v>49</v>
      </c>
      <c r="K1439" s="10"/>
      <c r="M1439" s="10"/>
      <c r="N1439">
        <v>0</v>
      </c>
    </row>
    <row r="1440" spans="1:14" hidden="1">
      <c r="A1440" s="7" t="s">
        <v>10</v>
      </c>
      <c r="B1440" s="8"/>
      <c r="C1440" s="8" t="s">
        <v>60</v>
      </c>
      <c r="D1440" t="s">
        <v>77</v>
      </c>
      <c r="E1440" s="8" t="s">
        <v>61</v>
      </c>
      <c r="F1440" t="s">
        <v>55</v>
      </c>
      <c r="G1440" t="s">
        <v>79</v>
      </c>
      <c r="H1440" t="s">
        <v>55</v>
      </c>
      <c r="I1440" s="8">
        <v>2025</v>
      </c>
      <c r="J1440" t="s">
        <v>15</v>
      </c>
      <c r="K1440" s="10">
        <v>73</v>
      </c>
      <c r="L1440">
        <v>73</v>
      </c>
      <c r="M1440" s="10">
        <v>0</v>
      </c>
      <c r="N1440">
        <v>0</v>
      </c>
    </row>
    <row r="1441" spans="1:14" hidden="1">
      <c r="A1441" s="7" t="s">
        <v>10</v>
      </c>
      <c r="B1441" s="8"/>
      <c r="C1441" s="8" t="s">
        <v>60</v>
      </c>
      <c r="D1441" t="s">
        <v>77</v>
      </c>
      <c r="E1441" s="8" t="s">
        <v>61</v>
      </c>
      <c r="F1441" t="s">
        <v>55</v>
      </c>
      <c r="G1441" t="s">
        <v>79</v>
      </c>
      <c r="H1441" t="s">
        <v>55</v>
      </c>
      <c r="I1441" s="8">
        <v>2025</v>
      </c>
      <c r="J1441" t="s">
        <v>50</v>
      </c>
      <c r="K1441" s="10"/>
      <c r="M1441" s="10"/>
      <c r="N1441">
        <v>0</v>
      </c>
    </row>
    <row r="1442" spans="1:14" hidden="1">
      <c r="A1442" s="7" t="s">
        <v>10</v>
      </c>
      <c r="B1442" s="8"/>
      <c r="C1442" s="8" t="s">
        <v>60</v>
      </c>
      <c r="D1442" t="s">
        <v>77</v>
      </c>
      <c r="E1442" s="8" t="s">
        <v>61</v>
      </c>
      <c r="F1442" t="s">
        <v>55</v>
      </c>
      <c r="G1442" t="s">
        <v>19</v>
      </c>
      <c r="H1442" t="s">
        <v>55</v>
      </c>
      <c r="I1442" s="8">
        <v>2025</v>
      </c>
      <c r="J1442" t="s">
        <v>19</v>
      </c>
      <c r="K1442" s="10"/>
      <c r="M1442" s="10"/>
      <c r="N1442">
        <v>0</v>
      </c>
    </row>
    <row r="1443" spans="1:14" hidden="1">
      <c r="A1443" s="7" t="s">
        <v>10</v>
      </c>
      <c r="B1443" s="8"/>
      <c r="C1443" s="8" t="s">
        <v>60</v>
      </c>
      <c r="D1443" t="s">
        <v>77</v>
      </c>
      <c r="E1443" s="8" t="s">
        <v>61</v>
      </c>
      <c r="F1443" t="s">
        <v>55</v>
      </c>
      <c r="G1443" t="s">
        <v>78</v>
      </c>
      <c r="H1443" t="s">
        <v>55</v>
      </c>
      <c r="I1443" s="8">
        <v>2025</v>
      </c>
      <c r="J1443" t="s">
        <v>21</v>
      </c>
      <c r="K1443" s="10"/>
      <c r="M1443" s="10"/>
      <c r="N1443">
        <v>0</v>
      </c>
    </row>
    <row r="1444" spans="1:14" hidden="1">
      <c r="A1444" s="7" t="s">
        <v>10</v>
      </c>
      <c r="B1444" s="8"/>
      <c r="C1444" s="8" t="s">
        <v>60</v>
      </c>
      <c r="D1444" t="s">
        <v>77</v>
      </c>
      <c r="E1444" s="8" t="s">
        <v>61</v>
      </c>
      <c r="F1444" t="s">
        <v>55</v>
      </c>
      <c r="G1444" t="s">
        <v>78</v>
      </c>
      <c r="H1444" t="s">
        <v>55</v>
      </c>
      <c r="I1444" s="8">
        <v>2025</v>
      </c>
      <c r="J1444" t="s">
        <v>51</v>
      </c>
      <c r="K1444" s="10"/>
      <c r="M1444" s="10"/>
      <c r="N1444">
        <v>0</v>
      </c>
    </row>
    <row r="1445" spans="1:14" hidden="1">
      <c r="A1445" s="7" t="s">
        <v>10</v>
      </c>
      <c r="B1445" s="8"/>
      <c r="C1445" s="8" t="s">
        <v>60</v>
      </c>
      <c r="D1445" t="s">
        <v>77</v>
      </c>
      <c r="E1445" s="8" t="s">
        <v>61</v>
      </c>
      <c r="F1445" t="s">
        <v>55</v>
      </c>
      <c r="G1445" t="s">
        <v>78</v>
      </c>
      <c r="H1445" t="s">
        <v>55</v>
      </c>
      <c r="I1445" s="8">
        <v>2026</v>
      </c>
      <c r="J1445" t="s">
        <v>47</v>
      </c>
      <c r="K1445" s="10"/>
      <c r="M1445" s="10"/>
      <c r="N1445">
        <v>0</v>
      </c>
    </row>
    <row r="1446" spans="1:14" hidden="1">
      <c r="A1446" s="7" t="s">
        <v>10</v>
      </c>
      <c r="B1446" s="8"/>
      <c r="C1446" s="8" t="s">
        <v>60</v>
      </c>
      <c r="D1446" t="s">
        <v>77</v>
      </c>
      <c r="E1446" s="8" t="s">
        <v>61</v>
      </c>
      <c r="F1446" t="s">
        <v>55</v>
      </c>
      <c r="G1446" t="s">
        <v>78</v>
      </c>
      <c r="H1446" t="s">
        <v>55</v>
      </c>
      <c r="I1446" s="8">
        <v>2026</v>
      </c>
      <c r="J1446" t="s">
        <v>48</v>
      </c>
      <c r="K1446" s="10"/>
      <c r="M1446" s="10"/>
      <c r="N1446">
        <v>0</v>
      </c>
    </row>
    <row r="1447" spans="1:14" hidden="1">
      <c r="A1447" s="7" t="s">
        <v>10</v>
      </c>
      <c r="B1447" s="8"/>
      <c r="C1447" s="8" t="s">
        <v>60</v>
      </c>
      <c r="D1447" t="s">
        <v>77</v>
      </c>
      <c r="E1447" s="8" t="s">
        <v>61</v>
      </c>
      <c r="F1447" t="s">
        <v>55</v>
      </c>
      <c r="G1447" t="s">
        <v>78</v>
      </c>
      <c r="H1447" t="s">
        <v>55</v>
      </c>
      <c r="I1447" s="8">
        <v>2026</v>
      </c>
      <c r="J1447" t="s">
        <v>14</v>
      </c>
      <c r="K1447" s="10">
        <v>950</v>
      </c>
      <c r="L1447">
        <v>98</v>
      </c>
      <c r="M1447" s="10">
        <v>0</v>
      </c>
      <c r="N1447">
        <v>0</v>
      </c>
    </row>
    <row r="1448" spans="1:14" hidden="1">
      <c r="A1448" s="7" t="s">
        <v>10</v>
      </c>
      <c r="B1448" s="8"/>
      <c r="C1448" s="8" t="s">
        <v>60</v>
      </c>
      <c r="D1448" t="s">
        <v>77</v>
      </c>
      <c r="E1448" s="8" t="s">
        <v>61</v>
      </c>
      <c r="F1448" t="s">
        <v>55</v>
      </c>
      <c r="G1448" t="s">
        <v>78</v>
      </c>
      <c r="H1448" t="s">
        <v>55</v>
      </c>
      <c r="I1448" s="8">
        <v>2026</v>
      </c>
      <c r="J1448" t="s">
        <v>49</v>
      </c>
      <c r="K1448" s="10"/>
      <c r="M1448" s="10"/>
      <c r="N1448">
        <v>0</v>
      </c>
    </row>
    <row r="1449" spans="1:14" hidden="1">
      <c r="A1449" s="7" t="s">
        <v>10</v>
      </c>
      <c r="B1449" s="8"/>
      <c r="C1449" s="8" t="s">
        <v>60</v>
      </c>
      <c r="D1449" t="s">
        <v>77</v>
      </c>
      <c r="E1449" s="8" t="s">
        <v>61</v>
      </c>
      <c r="F1449" t="s">
        <v>55</v>
      </c>
      <c r="G1449" t="s">
        <v>79</v>
      </c>
      <c r="H1449" t="s">
        <v>55</v>
      </c>
      <c r="I1449" s="8">
        <v>2026</v>
      </c>
      <c r="J1449" t="s">
        <v>15</v>
      </c>
      <c r="K1449" s="10">
        <v>360</v>
      </c>
      <c r="L1449">
        <v>337</v>
      </c>
      <c r="M1449" s="10">
        <v>23</v>
      </c>
      <c r="N1449">
        <v>0</v>
      </c>
    </row>
    <row r="1450" spans="1:14" hidden="1">
      <c r="A1450" s="7" t="s">
        <v>10</v>
      </c>
      <c r="B1450" s="8"/>
      <c r="C1450" s="8" t="s">
        <v>60</v>
      </c>
      <c r="D1450" t="s">
        <v>77</v>
      </c>
      <c r="E1450" s="8" t="s">
        <v>61</v>
      </c>
      <c r="F1450" t="s">
        <v>55</v>
      </c>
      <c r="G1450" t="s">
        <v>79</v>
      </c>
      <c r="H1450" t="s">
        <v>55</v>
      </c>
      <c r="I1450" s="8">
        <v>2026</v>
      </c>
      <c r="J1450" t="s">
        <v>50</v>
      </c>
      <c r="K1450" s="10"/>
      <c r="M1450" s="10"/>
      <c r="N1450">
        <v>0</v>
      </c>
    </row>
    <row r="1451" spans="1:14" hidden="1">
      <c r="A1451" s="7" t="s">
        <v>10</v>
      </c>
      <c r="B1451" s="8"/>
      <c r="C1451" s="8" t="s">
        <v>60</v>
      </c>
      <c r="D1451" t="s">
        <v>77</v>
      </c>
      <c r="E1451" s="8" t="s">
        <v>61</v>
      </c>
      <c r="F1451" t="s">
        <v>55</v>
      </c>
      <c r="G1451" t="s">
        <v>19</v>
      </c>
      <c r="H1451" t="s">
        <v>55</v>
      </c>
      <c r="I1451" s="8">
        <v>2026</v>
      </c>
      <c r="J1451" t="s">
        <v>19</v>
      </c>
      <c r="K1451" s="10"/>
      <c r="M1451" s="10"/>
      <c r="N1451">
        <v>0</v>
      </c>
    </row>
    <row r="1452" spans="1:14" hidden="1">
      <c r="A1452" s="7" t="s">
        <v>10</v>
      </c>
      <c r="B1452" s="8"/>
      <c r="C1452" s="8" t="s">
        <v>60</v>
      </c>
      <c r="D1452" t="s">
        <v>77</v>
      </c>
      <c r="E1452" s="8" t="s">
        <v>61</v>
      </c>
      <c r="F1452" t="s">
        <v>55</v>
      </c>
      <c r="G1452" t="s">
        <v>78</v>
      </c>
      <c r="H1452" t="s">
        <v>55</v>
      </c>
      <c r="I1452" s="8">
        <v>2026</v>
      </c>
      <c r="J1452" t="s">
        <v>21</v>
      </c>
      <c r="K1452" s="10"/>
      <c r="M1452" s="10"/>
      <c r="N1452">
        <v>0</v>
      </c>
    </row>
    <row r="1453" spans="1:14" hidden="1">
      <c r="A1453" s="7" t="s">
        <v>10</v>
      </c>
      <c r="B1453" s="8"/>
      <c r="C1453" s="8" t="s">
        <v>60</v>
      </c>
      <c r="D1453" t="s">
        <v>77</v>
      </c>
      <c r="E1453" s="8" t="s">
        <v>61</v>
      </c>
      <c r="F1453" t="s">
        <v>55</v>
      </c>
      <c r="G1453" t="s">
        <v>78</v>
      </c>
      <c r="H1453" t="s">
        <v>55</v>
      </c>
      <c r="I1453" s="8">
        <v>2026</v>
      </c>
      <c r="J1453" t="s">
        <v>51</v>
      </c>
      <c r="K1453" s="10"/>
      <c r="M1453" s="10"/>
      <c r="N1453">
        <v>0</v>
      </c>
    </row>
    <row r="1454" spans="1:14" hidden="1">
      <c r="A1454" s="7" t="s">
        <v>10</v>
      </c>
      <c r="B1454" s="8"/>
      <c r="C1454" s="8" t="s">
        <v>60</v>
      </c>
      <c r="D1454" t="s">
        <v>77</v>
      </c>
      <c r="E1454" s="8" t="s">
        <v>61</v>
      </c>
      <c r="F1454" t="s">
        <v>55</v>
      </c>
      <c r="G1454" t="s">
        <v>78</v>
      </c>
      <c r="H1454" t="s">
        <v>55</v>
      </c>
      <c r="I1454" s="8">
        <v>2027</v>
      </c>
      <c r="J1454" t="s">
        <v>47</v>
      </c>
      <c r="K1454" s="10"/>
      <c r="M1454" s="10"/>
      <c r="N1454">
        <v>0</v>
      </c>
    </row>
    <row r="1455" spans="1:14" hidden="1">
      <c r="A1455" s="7" t="s">
        <v>10</v>
      </c>
      <c r="B1455" s="8"/>
      <c r="C1455" s="8" t="s">
        <v>60</v>
      </c>
      <c r="D1455" t="s">
        <v>77</v>
      </c>
      <c r="E1455" s="8" t="s">
        <v>61</v>
      </c>
      <c r="F1455" t="s">
        <v>55</v>
      </c>
      <c r="G1455" t="s">
        <v>78</v>
      </c>
      <c r="H1455" t="s">
        <v>55</v>
      </c>
      <c r="I1455" s="8">
        <v>2027</v>
      </c>
      <c r="J1455" t="s">
        <v>48</v>
      </c>
      <c r="K1455" s="10"/>
      <c r="M1455" s="10"/>
      <c r="N1455">
        <v>0</v>
      </c>
    </row>
    <row r="1456" spans="1:14" hidden="1">
      <c r="A1456" s="7" t="s">
        <v>10</v>
      </c>
      <c r="B1456" s="8"/>
      <c r="C1456" s="8" t="s">
        <v>60</v>
      </c>
      <c r="D1456" t="s">
        <v>77</v>
      </c>
      <c r="E1456" s="8" t="s">
        <v>61</v>
      </c>
      <c r="F1456" t="s">
        <v>55</v>
      </c>
      <c r="G1456" t="s">
        <v>78</v>
      </c>
      <c r="H1456" t="s">
        <v>55</v>
      </c>
      <c r="I1456" s="8">
        <v>2027</v>
      </c>
      <c r="J1456" t="s">
        <v>14</v>
      </c>
      <c r="K1456" s="10">
        <v>3750</v>
      </c>
      <c r="L1456">
        <v>432</v>
      </c>
      <c r="M1456" s="10">
        <v>0</v>
      </c>
      <c r="N1456">
        <v>0</v>
      </c>
    </row>
    <row r="1457" spans="1:14" hidden="1">
      <c r="A1457" s="7" t="s">
        <v>10</v>
      </c>
      <c r="B1457" s="8"/>
      <c r="C1457" s="8" t="s">
        <v>60</v>
      </c>
      <c r="D1457" t="s">
        <v>77</v>
      </c>
      <c r="E1457" s="8" t="s">
        <v>61</v>
      </c>
      <c r="F1457" t="s">
        <v>55</v>
      </c>
      <c r="G1457" t="s">
        <v>78</v>
      </c>
      <c r="H1457" t="s">
        <v>55</v>
      </c>
      <c r="I1457" s="8">
        <v>2027</v>
      </c>
      <c r="J1457" t="s">
        <v>49</v>
      </c>
      <c r="K1457" s="10"/>
      <c r="M1457" s="10"/>
      <c r="N1457">
        <v>0</v>
      </c>
    </row>
    <row r="1458" spans="1:14" hidden="1">
      <c r="A1458" s="7" t="s">
        <v>10</v>
      </c>
      <c r="B1458" s="8"/>
      <c r="C1458" s="8" t="s">
        <v>60</v>
      </c>
      <c r="D1458" t="s">
        <v>77</v>
      </c>
      <c r="E1458" s="8" t="s">
        <v>61</v>
      </c>
      <c r="F1458" t="s">
        <v>55</v>
      </c>
      <c r="G1458" t="s">
        <v>79</v>
      </c>
      <c r="H1458" t="s">
        <v>55</v>
      </c>
      <c r="I1458" s="8">
        <v>2027</v>
      </c>
      <c r="J1458" t="s">
        <v>15</v>
      </c>
      <c r="K1458" s="10">
        <v>1917</v>
      </c>
      <c r="L1458">
        <v>1672</v>
      </c>
      <c r="M1458" s="10">
        <v>245</v>
      </c>
      <c r="N1458">
        <v>0</v>
      </c>
    </row>
    <row r="1459" spans="1:14" hidden="1">
      <c r="A1459" s="7" t="s">
        <v>10</v>
      </c>
      <c r="B1459" s="8"/>
      <c r="C1459" s="8" t="s">
        <v>60</v>
      </c>
      <c r="D1459" t="s">
        <v>77</v>
      </c>
      <c r="E1459" s="8" t="s">
        <v>61</v>
      </c>
      <c r="F1459" t="s">
        <v>55</v>
      </c>
      <c r="G1459" t="s">
        <v>79</v>
      </c>
      <c r="H1459" t="s">
        <v>55</v>
      </c>
      <c r="I1459" s="8">
        <v>2027</v>
      </c>
      <c r="J1459" t="s">
        <v>50</v>
      </c>
      <c r="K1459" s="10"/>
      <c r="M1459" s="10"/>
      <c r="N1459">
        <v>0</v>
      </c>
    </row>
    <row r="1460" spans="1:14" hidden="1">
      <c r="A1460" s="7" t="s">
        <v>10</v>
      </c>
      <c r="B1460" s="8"/>
      <c r="C1460" s="8" t="s">
        <v>60</v>
      </c>
      <c r="D1460" t="s">
        <v>77</v>
      </c>
      <c r="E1460" s="8" t="s">
        <v>61</v>
      </c>
      <c r="F1460" t="s">
        <v>55</v>
      </c>
      <c r="G1460" t="s">
        <v>19</v>
      </c>
      <c r="H1460" t="s">
        <v>55</v>
      </c>
      <c r="I1460" s="8">
        <v>2027</v>
      </c>
      <c r="J1460" t="s">
        <v>19</v>
      </c>
      <c r="K1460" s="10"/>
      <c r="M1460" s="10"/>
      <c r="N1460">
        <v>0</v>
      </c>
    </row>
    <row r="1461" spans="1:14" hidden="1">
      <c r="A1461" s="7" t="s">
        <v>10</v>
      </c>
      <c r="B1461" s="8"/>
      <c r="C1461" s="8" t="s">
        <v>60</v>
      </c>
      <c r="D1461" t="s">
        <v>77</v>
      </c>
      <c r="E1461" s="8" t="s">
        <v>61</v>
      </c>
      <c r="F1461" t="s">
        <v>55</v>
      </c>
      <c r="G1461" t="s">
        <v>78</v>
      </c>
      <c r="H1461" t="s">
        <v>55</v>
      </c>
      <c r="I1461" s="8">
        <v>2027</v>
      </c>
      <c r="J1461" t="s">
        <v>21</v>
      </c>
      <c r="K1461" s="10"/>
      <c r="M1461" s="10"/>
      <c r="N1461">
        <v>0</v>
      </c>
    </row>
    <row r="1462" spans="1:14" hidden="1">
      <c r="A1462" s="7" t="s">
        <v>10</v>
      </c>
      <c r="B1462" s="8"/>
      <c r="C1462" s="8" t="s">
        <v>60</v>
      </c>
      <c r="D1462" t="s">
        <v>77</v>
      </c>
      <c r="E1462" s="8" t="s">
        <v>61</v>
      </c>
      <c r="F1462" t="s">
        <v>55</v>
      </c>
      <c r="G1462" t="s">
        <v>78</v>
      </c>
      <c r="H1462" t="s">
        <v>55</v>
      </c>
      <c r="I1462" s="8">
        <v>2027</v>
      </c>
      <c r="J1462" t="s">
        <v>51</v>
      </c>
      <c r="K1462" s="10"/>
      <c r="M1462" s="10"/>
      <c r="N1462">
        <v>0</v>
      </c>
    </row>
    <row r="1463" spans="1:14" hidden="1">
      <c r="A1463" s="7" t="s">
        <v>10</v>
      </c>
      <c r="B1463" s="8"/>
      <c r="C1463" s="8" t="s">
        <v>60</v>
      </c>
      <c r="D1463" t="s">
        <v>77</v>
      </c>
      <c r="E1463" s="8" t="s">
        <v>61</v>
      </c>
      <c r="F1463" t="s">
        <v>55</v>
      </c>
      <c r="G1463" t="s">
        <v>78</v>
      </c>
      <c r="H1463" t="s">
        <v>55</v>
      </c>
      <c r="I1463" s="8">
        <v>2028</v>
      </c>
      <c r="J1463" t="s">
        <v>47</v>
      </c>
      <c r="K1463" s="10"/>
      <c r="M1463" s="10"/>
      <c r="N1463">
        <v>0</v>
      </c>
    </row>
    <row r="1464" spans="1:14" hidden="1">
      <c r="A1464" s="7" t="s">
        <v>10</v>
      </c>
      <c r="B1464" s="8"/>
      <c r="C1464" s="8" t="s">
        <v>60</v>
      </c>
      <c r="D1464" t="s">
        <v>77</v>
      </c>
      <c r="E1464" s="8" t="s">
        <v>61</v>
      </c>
      <c r="F1464" t="s">
        <v>55</v>
      </c>
      <c r="G1464" t="s">
        <v>78</v>
      </c>
      <c r="H1464" t="s">
        <v>55</v>
      </c>
      <c r="I1464" s="8">
        <v>2028</v>
      </c>
      <c r="J1464" t="s">
        <v>48</v>
      </c>
      <c r="K1464" s="10"/>
      <c r="M1464" s="10"/>
      <c r="N1464">
        <v>0</v>
      </c>
    </row>
    <row r="1465" spans="1:14" hidden="1">
      <c r="A1465" s="7" t="s">
        <v>10</v>
      </c>
      <c r="B1465" s="8"/>
      <c r="C1465" s="8" t="s">
        <v>60</v>
      </c>
      <c r="D1465" t="s">
        <v>77</v>
      </c>
      <c r="E1465" s="8" t="s">
        <v>61</v>
      </c>
      <c r="F1465" t="s">
        <v>55</v>
      </c>
      <c r="G1465" t="s">
        <v>78</v>
      </c>
      <c r="H1465" t="s">
        <v>55</v>
      </c>
      <c r="I1465" s="8">
        <v>2028</v>
      </c>
      <c r="J1465" t="s">
        <v>14</v>
      </c>
      <c r="K1465" s="10">
        <v>6310</v>
      </c>
      <c r="L1465">
        <v>810</v>
      </c>
      <c r="M1465" s="10">
        <v>0</v>
      </c>
      <c r="N1465">
        <v>0</v>
      </c>
    </row>
    <row r="1466" spans="1:14" hidden="1">
      <c r="A1466" s="7" t="s">
        <v>10</v>
      </c>
      <c r="B1466" s="8"/>
      <c r="C1466" s="8" t="s">
        <v>60</v>
      </c>
      <c r="D1466" t="s">
        <v>77</v>
      </c>
      <c r="E1466" s="8" t="s">
        <v>61</v>
      </c>
      <c r="F1466" t="s">
        <v>55</v>
      </c>
      <c r="G1466" t="s">
        <v>78</v>
      </c>
      <c r="H1466" t="s">
        <v>55</v>
      </c>
      <c r="I1466" s="8">
        <v>2028</v>
      </c>
      <c r="J1466" t="s">
        <v>49</v>
      </c>
      <c r="K1466" s="10"/>
      <c r="M1466" s="10"/>
      <c r="N1466">
        <v>0</v>
      </c>
    </row>
    <row r="1467" spans="1:14" hidden="1">
      <c r="A1467" s="7" t="s">
        <v>10</v>
      </c>
      <c r="B1467" s="8"/>
      <c r="C1467" s="8" t="s">
        <v>60</v>
      </c>
      <c r="D1467" t="s">
        <v>77</v>
      </c>
      <c r="E1467" s="8" t="s">
        <v>61</v>
      </c>
      <c r="F1467" t="s">
        <v>55</v>
      </c>
      <c r="G1467" t="s">
        <v>79</v>
      </c>
      <c r="H1467" t="s">
        <v>55</v>
      </c>
      <c r="I1467" s="8">
        <v>2028</v>
      </c>
      <c r="J1467" t="s">
        <v>15</v>
      </c>
      <c r="K1467" s="10">
        <v>4157</v>
      </c>
      <c r="L1467">
        <v>3326</v>
      </c>
      <c r="M1467" s="10">
        <v>5575</v>
      </c>
      <c r="N1467">
        <v>0</v>
      </c>
    </row>
    <row r="1468" spans="1:14" hidden="1">
      <c r="A1468" s="7" t="s">
        <v>10</v>
      </c>
      <c r="B1468" s="8"/>
      <c r="C1468" s="8" t="s">
        <v>60</v>
      </c>
      <c r="D1468" t="s">
        <v>77</v>
      </c>
      <c r="E1468" s="8" t="s">
        <v>61</v>
      </c>
      <c r="F1468" t="s">
        <v>55</v>
      </c>
      <c r="G1468" t="s">
        <v>79</v>
      </c>
      <c r="H1468" t="s">
        <v>55</v>
      </c>
      <c r="I1468" s="8">
        <v>2028</v>
      </c>
      <c r="J1468" t="s">
        <v>50</v>
      </c>
      <c r="K1468" s="10"/>
      <c r="M1468" s="10"/>
      <c r="N1468">
        <v>0</v>
      </c>
    </row>
    <row r="1469" spans="1:14" hidden="1">
      <c r="A1469" s="7" t="s">
        <v>10</v>
      </c>
      <c r="B1469" s="8"/>
      <c r="C1469" s="8" t="s">
        <v>60</v>
      </c>
      <c r="D1469" t="s">
        <v>77</v>
      </c>
      <c r="E1469" s="8" t="s">
        <v>61</v>
      </c>
      <c r="F1469" t="s">
        <v>55</v>
      </c>
      <c r="G1469" t="s">
        <v>19</v>
      </c>
      <c r="H1469" t="s">
        <v>55</v>
      </c>
      <c r="I1469" s="8">
        <v>2028</v>
      </c>
      <c r="J1469" t="s">
        <v>19</v>
      </c>
      <c r="K1469" s="10"/>
      <c r="M1469" s="10"/>
      <c r="N1469">
        <v>0</v>
      </c>
    </row>
    <row r="1470" spans="1:14" hidden="1">
      <c r="A1470" s="7" t="s">
        <v>10</v>
      </c>
      <c r="B1470" s="8"/>
      <c r="C1470" s="8" t="s">
        <v>60</v>
      </c>
      <c r="D1470" t="s">
        <v>77</v>
      </c>
      <c r="E1470" s="8" t="s">
        <v>61</v>
      </c>
      <c r="F1470" t="s">
        <v>55</v>
      </c>
      <c r="G1470" t="s">
        <v>78</v>
      </c>
      <c r="H1470" t="s">
        <v>55</v>
      </c>
      <c r="I1470" s="8">
        <v>2028</v>
      </c>
      <c r="J1470" t="s">
        <v>21</v>
      </c>
      <c r="K1470" s="10"/>
      <c r="M1470" s="10"/>
      <c r="N1470">
        <v>0</v>
      </c>
    </row>
    <row r="1471" spans="1:14" hidden="1">
      <c r="A1471" s="7" t="s">
        <v>10</v>
      </c>
      <c r="B1471" s="8"/>
      <c r="C1471" s="8" t="s">
        <v>60</v>
      </c>
      <c r="D1471" t="s">
        <v>77</v>
      </c>
      <c r="E1471" s="8" t="s">
        <v>61</v>
      </c>
      <c r="F1471" t="s">
        <v>55</v>
      </c>
      <c r="G1471" t="s">
        <v>78</v>
      </c>
      <c r="H1471" t="s">
        <v>55</v>
      </c>
      <c r="I1471" s="8">
        <v>2028</v>
      </c>
      <c r="J1471" t="s">
        <v>51</v>
      </c>
      <c r="K1471" s="10"/>
      <c r="M1471" s="10"/>
      <c r="N1471">
        <v>0</v>
      </c>
    </row>
    <row r="1472" spans="1:14" hidden="1">
      <c r="A1472" s="7" t="s">
        <v>10</v>
      </c>
      <c r="B1472" s="8"/>
      <c r="C1472" s="8" t="s">
        <v>60</v>
      </c>
      <c r="D1472" t="s">
        <v>77</v>
      </c>
      <c r="E1472" s="8" t="s">
        <v>61</v>
      </c>
      <c r="F1472" t="s">
        <v>55</v>
      </c>
      <c r="G1472" t="s">
        <v>78</v>
      </c>
      <c r="H1472" t="s">
        <v>55</v>
      </c>
      <c r="I1472" s="8">
        <v>2029</v>
      </c>
      <c r="J1472" t="s">
        <v>47</v>
      </c>
      <c r="K1472" s="10"/>
      <c r="M1472" s="10"/>
      <c r="N1472">
        <v>0</v>
      </c>
    </row>
    <row r="1473" spans="1:14" hidden="1">
      <c r="A1473" s="7" t="s">
        <v>10</v>
      </c>
      <c r="B1473" s="8"/>
      <c r="C1473" s="8" t="s">
        <v>60</v>
      </c>
      <c r="D1473" t="s">
        <v>77</v>
      </c>
      <c r="E1473" s="8" t="s">
        <v>61</v>
      </c>
      <c r="F1473" t="s">
        <v>55</v>
      </c>
      <c r="G1473" t="s">
        <v>78</v>
      </c>
      <c r="H1473" t="s">
        <v>55</v>
      </c>
      <c r="I1473" s="8">
        <v>2029</v>
      </c>
      <c r="J1473" t="s">
        <v>48</v>
      </c>
      <c r="K1473" s="10"/>
      <c r="M1473" s="10"/>
      <c r="N1473">
        <v>0</v>
      </c>
    </row>
    <row r="1474" spans="1:14" hidden="1">
      <c r="A1474" s="7" t="s">
        <v>10</v>
      </c>
      <c r="B1474" s="8"/>
      <c r="C1474" s="8" t="s">
        <v>60</v>
      </c>
      <c r="D1474" t="s">
        <v>77</v>
      </c>
      <c r="E1474" s="8" t="s">
        <v>61</v>
      </c>
      <c r="F1474" t="s">
        <v>55</v>
      </c>
      <c r="G1474" t="s">
        <v>78</v>
      </c>
      <c r="H1474" t="s">
        <v>55</v>
      </c>
      <c r="I1474" s="8">
        <v>2029</v>
      </c>
      <c r="J1474" t="s">
        <v>14</v>
      </c>
      <c r="K1474" s="10">
        <v>12044</v>
      </c>
      <c r="L1474">
        <v>1771</v>
      </c>
      <c r="M1474" s="10">
        <v>0</v>
      </c>
      <c r="N1474">
        <v>0</v>
      </c>
    </row>
    <row r="1475" spans="1:14" hidden="1">
      <c r="A1475" s="7" t="s">
        <v>10</v>
      </c>
      <c r="B1475" s="8"/>
      <c r="C1475" s="8" t="s">
        <v>60</v>
      </c>
      <c r="D1475" t="s">
        <v>77</v>
      </c>
      <c r="E1475" s="8" t="s">
        <v>61</v>
      </c>
      <c r="F1475" t="s">
        <v>55</v>
      </c>
      <c r="G1475" t="s">
        <v>78</v>
      </c>
      <c r="H1475" t="s">
        <v>55</v>
      </c>
      <c r="I1475" s="8">
        <v>2029</v>
      </c>
      <c r="J1475" t="s">
        <v>49</v>
      </c>
      <c r="K1475" s="10"/>
      <c r="M1475" s="10"/>
      <c r="N1475">
        <v>0</v>
      </c>
    </row>
    <row r="1476" spans="1:14" hidden="1">
      <c r="A1476" s="7" t="s">
        <v>10</v>
      </c>
      <c r="B1476" s="8"/>
      <c r="C1476" s="8" t="s">
        <v>60</v>
      </c>
      <c r="D1476" t="s">
        <v>77</v>
      </c>
      <c r="E1476" s="8" t="s">
        <v>61</v>
      </c>
      <c r="F1476" t="s">
        <v>55</v>
      </c>
      <c r="G1476" t="s">
        <v>79</v>
      </c>
      <c r="H1476" t="s">
        <v>55</v>
      </c>
      <c r="I1476" s="8">
        <v>2029</v>
      </c>
      <c r="J1476" t="s">
        <v>15</v>
      </c>
      <c r="K1476" s="10">
        <v>13321</v>
      </c>
      <c r="L1476">
        <v>7746</v>
      </c>
      <c r="M1476" s="10">
        <v>5575</v>
      </c>
      <c r="N1476">
        <v>0</v>
      </c>
    </row>
    <row r="1477" spans="1:14" hidden="1">
      <c r="A1477" s="7" t="s">
        <v>10</v>
      </c>
      <c r="B1477" s="8"/>
      <c r="C1477" s="8" t="s">
        <v>60</v>
      </c>
      <c r="D1477" t="s">
        <v>77</v>
      </c>
      <c r="E1477" s="8" t="s">
        <v>61</v>
      </c>
      <c r="F1477" t="s">
        <v>55</v>
      </c>
      <c r="G1477" t="s">
        <v>79</v>
      </c>
      <c r="H1477" t="s">
        <v>55</v>
      </c>
      <c r="I1477" s="8">
        <v>2029</v>
      </c>
      <c r="J1477" t="s">
        <v>50</v>
      </c>
      <c r="K1477" s="10"/>
      <c r="M1477" s="10"/>
      <c r="N1477">
        <v>0</v>
      </c>
    </row>
    <row r="1478" spans="1:14" hidden="1">
      <c r="A1478" s="7" t="s">
        <v>10</v>
      </c>
      <c r="B1478" s="8"/>
      <c r="C1478" s="8" t="s">
        <v>60</v>
      </c>
      <c r="D1478" t="s">
        <v>77</v>
      </c>
      <c r="E1478" s="8" t="s">
        <v>61</v>
      </c>
      <c r="F1478" t="s">
        <v>55</v>
      </c>
      <c r="G1478" t="s">
        <v>19</v>
      </c>
      <c r="H1478" t="s">
        <v>55</v>
      </c>
      <c r="I1478" s="8">
        <v>2029</v>
      </c>
      <c r="J1478" t="s">
        <v>19</v>
      </c>
      <c r="K1478" s="10"/>
      <c r="M1478" s="10"/>
      <c r="N1478">
        <v>0</v>
      </c>
    </row>
    <row r="1479" spans="1:14" hidden="1">
      <c r="A1479" s="7" t="s">
        <v>10</v>
      </c>
      <c r="B1479" s="8"/>
      <c r="C1479" s="8" t="s">
        <v>60</v>
      </c>
      <c r="D1479" t="s">
        <v>77</v>
      </c>
      <c r="E1479" s="8" t="s">
        <v>61</v>
      </c>
      <c r="F1479" t="s">
        <v>55</v>
      </c>
      <c r="G1479" t="s">
        <v>78</v>
      </c>
      <c r="H1479" t="s">
        <v>55</v>
      </c>
      <c r="I1479" s="8">
        <v>2029</v>
      </c>
      <c r="J1479" t="s">
        <v>21</v>
      </c>
      <c r="K1479" s="10"/>
      <c r="M1479" s="10"/>
      <c r="N1479">
        <v>0</v>
      </c>
    </row>
    <row r="1480" spans="1:14" hidden="1">
      <c r="A1480" s="7" t="s">
        <v>10</v>
      </c>
      <c r="B1480" s="8"/>
      <c r="C1480" s="8" t="s">
        <v>60</v>
      </c>
      <c r="D1480" t="s">
        <v>77</v>
      </c>
      <c r="E1480" s="8" t="s">
        <v>61</v>
      </c>
      <c r="F1480" t="s">
        <v>55</v>
      </c>
      <c r="G1480" t="s">
        <v>78</v>
      </c>
      <c r="H1480" t="s">
        <v>55</v>
      </c>
      <c r="I1480" s="8">
        <v>2029</v>
      </c>
      <c r="J1480" t="s">
        <v>51</v>
      </c>
      <c r="K1480" s="10"/>
      <c r="M1480" s="10"/>
      <c r="N1480">
        <v>0</v>
      </c>
    </row>
    <row r="1481" spans="1:14" hidden="1">
      <c r="A1481" s="7" t="s">
        <v>10</v>
      </c>
      <c r="B1481" s="8"/>
      <c r="C1481" s="8" t="s">
        <v>60</v>
      </c>
      <c r="D1481" t="s">
        <v>77</v>
      </c>
      <c r="E1481" s="8" t="s">
        <v>61</v>
      </c>
      <c r="F1481" t="s">
        <v>55</v>
      </c>
      <c r="G1481" t="s">
        <v>78</v>
      </c>
      <c r="H1481" t="s">
        <v>55</v>
      </c>
      <c r="I1481" s="8">
        <v>2030</v>
      </c>
      <c r="J1481" t="s">
        <v>47</v>
      </c>
      <c r="K1481" s="10"/>
      <c r="M1481" s="10"/>
      <c r="N1481">
        <v>0</v>
      </c>
    </row>
    <row r="1482" spans="1:14" hidden="1">
      <c r="A1482" s="7" t="s">
        <v>10</v>
      </c>
      <c r="B1482" s="8"/>
      <c r="C1482" s="8" t="s">
        <v>60</v>
      </c>
      <c r="D1482" t="s">
        <v>77</v>
      </c>
      <c r="E1482" s="8" t="s">
        <v>61</v>
      </c>
      <c r="F1482" t="s">
        <v>55</v>
      </c>
      <c r="G1482" t="s">
        <v>78</v>
      </c>
      <c r="H1482" t="s">
        <v>55</v>
      </c>
      <c r="I1482" s="8">
        <v>2030</v>
      </c>
      <c r="J1482" t="s">
        <v>48</v>
      </c>
      <c r="K1482" s="10"/>
      <c r="M1482" s="10"/>
      <c r="N1482">
        <v>0</v>
      </c>
    </row>
    <row r="1483" spans="1:14" hidden="1">
      <c r="A1483" s="7" t="s">
        <v>10</v>
      </c>
      <c r="B1483" s="8"/>
      <c r="C1483" s="8" t="s">
        <v>60</v>
      </c>
      <c r="D1483" t="s">
        <v>77</v>
      </c>
      <c r="E1483" s="8" t="s">
        <v>61</v>
      </c>
      <c r="F1483" t="s">
        <v>55</v>
      </c>
      <c r="G1483" t="s">
        <v>78</v>
      </c>
      <c r="H1483" t="s">
        <v>55</v>
      </c>
      <c r="I1483" s="8">
        <v>2030</v>
      </c>
      <c r="J1483" t="s">
        <v>14</v>
      </c>
      <c r="K1483" s="10">
        <v>16460</v>
      </c>
      <c r="L1483">
        <v>2437</v>
      </c>
      <c r="M1483" s="10">
        <v>0</v>
      </c>
      <c r="N1483">
        <v>0</v>
      </c>
    </row>
    <row r="1484" spans="1:14" hidden="1">
      <c r="A1484" s="7" t="s">
        <v>10</v>
      </c>
      <c r="B1484" s="8"/>
      <c r="C1484" s="8" t="s">
        <v>60</v>
      </c>
      <c r="D1484" t="s">
        <v>77</v>
      </c>
      <c r="E1484" s="8" t="s">
        <v>61</v>
      </c>
      <c r="F1484" t="s">
        <v>55</v>
      </c>
      <c r="G1484" t="s">
        <v>78</v>
      </c>
      <c r="H1484" t="s">
        <v>55</v>
      </c>
      <c r="I1484" s="8">
        <v>2030</v>
      </c>
      <c r="J1484" t="s">
        <v>49</v>
      </c>
      <c r="K1484" s="10"/>
      <c r="M1484" s="10"/>
      <c r="N1484">
        <v>0</v>
      </c>
    </row>
    <row r="1485" spans="1:14" hidden="1">
      <c r="A1485" s="7" t="s">
        <v>10</v>
      </c>
      <c r="B1485" s="8"/>
      <c r="C1485" s="8" t="s">
        <v>60</v>
      </c>
      <c r="D1485" t="s">
        <v>77</v>
      </c>
      <c r="E1485" s="8" t="s">
        <v>61</v>
      </c>
      <c r="F1485" t="s">
        <v>55</v>
      </c>
      <c r="G1485" t="s">
        <v>79</v>
      </c>
      <c r="H1485" t="s">
        <v>55</v>
      </c>
      <c r="I1485" s="8">
        <v>2030</v>
      </c>
      <c r="J1485" t="s">
        <v>15</v>
      </c>
      <c r="K1485" s="10">
        <v>20455</v>
      </c>
      <c r="L1485">
        <v>10349</v>
      </c>
      <c r="M1485" s="10">
        <v>10106</v>
      </c>
      <c r="N1485">
        <v>0</v>
      </c>
    </row>
    <row r="1486" spans="1:14" hidden="1">
      <c r="A1486" s="7" t="s">
        <v>10</v>
      </c>
      <c r="B1486" s="8"/>
      <c r="C1486" s="8" t="s">
        <v>60</v>
      </c>
      <c r="D1486" t="s">
        <v>77</v>
      </c>
      <c r="E1486" s="8" t="s">
        <v>61</v>
      </c>
      <c r="F1486" t="s">
        <v>55</v>
      </c>
      <c r="G1486" t="s">
        <v>79</v>
      </c>
      <c r="H1486" t="s">
        <v>55</v>
      </c>
      <c r="I1486" s="8">
        <v>2030</v>
      </c>
      <c r="J1486" t="s">
        <v>50</v>
      </c>
      <c r="K1486" s="10"/>
      <c r="M1486" s="10"/>
      <c r="N1486">
        <v>0</v>
      </c>
    </row>
    <row r="1487" spans="1:14" hidden="1">
      <c r="A1487" s="7" t="s">
        <v>10</v>
      </c>
      <c r="B1487" s="8"/>
      <c r="C1487" s="8" t="s">
        <v>60</v>
      </c>
      <c r="D1487" t="s">
        <v>77</v>
      </c>
      <c r="E1487" s="8" t="s">
        <v>61</v>
      </c>
      <c r="F1487" t="s">
        <v>55</v>
      </c>
      <c r="G1487" t="s">
        <v>19</v>
      </c>
      <c r="H1487" t="s">
        <v>55</v>
      </c>
      <c r="I1487" s="8">
        <v>2030</v>
      </c>
      <c r="J1487" t="s">
        <v>19</v>
      </c>
      <c r="K1487" s="10"/>
      <c r="M1487" s="10"/>
      <c r="N1487">
        <v>0</v>
      </c>
    </row>
    <row r="1488" spans="1:14" hidden="1">
      <c r="A1488" s="7" t="s">
        <v>10</v>
      </c>
      <c r="B1488" s="8"/>
      <c r="C1488" s="8" t="s">
        <v>60</v>
      </c>
      <c r="D1488" t="s">
        <v>77</v>
      </c>
      <c r="E1488" s="8" t="s">
        <v>61</v>
      </c>
      <c r="F1488" t="s">
        <v>55</v>
      </c>
      <c r="G1488" t="s">
        <v>78</v>
      </c>
      <c r="H1488" t="s">
        <v>55</v>
      </c>
      <c r="I1488" s="8">
        <v>2030</v>
      </c>
      <c r="J1488" t="s">
        <v>21</v>
      </c>
      <c r="K1488" s="10"/>
      <c r="M1488" s="10"/>
      <c r="N1488">
        <v>0</v>
      </c>
    </row>
    <row r="1489" spans="1:14" hidden="1">
      <c r="A1489" s="7" t="s">
        <v>10</v>
      </c>
      <c r="B1489" s="8"/>
      <c r="C1489" s="8" t="s">
        <v>60</v>
      </c>
      <c r="D1489" t="s">
        <v>77</v>
      </c>
      <c r="E1489" s="8" t="s">
        <v>61</v>
      </c>
      <c r="F1489" t="s">
        <v>55</v>
      </c>
      <c r="G1489" t="s">
        <v>78</v>
      </c>
      <c r="H1489" t="s">
        <v>55</v>
      </c>
      <c r="I1489" s="8">
        <v>2030</v>
      </c>
      <c r="J1489" t="s">
        <v>51</v>
      </c>
      <c r="K1489" s="10"/>
      <c r="M1489" s="10"/>
      <c r="N1489">
        <v>0</v>
      </c>
    </row>
    <row r="1490" spans="1:14" hidden="1">
      <c r="A1490" s="7" t="s">
        <v>10</v>
      </c>
      <c r="B1490" s="8"/>
      <c r="C1490" s="8" t="s">
        <v>60</v>
      </c>
      <c r="D1490" t="s">
        <v>77</v>
      </c>
      <c r="E1490" s="8" t="s">
        <v>61</v>
      </c>
      <c r="F1490" t="s">
        <v>55</v>
      </c>
      <c r="G1490" t="s">
        <v>78</v>
      </c>
      <c r="H1490" t="s">
        <v>55</v>
      </c>
      <c r="I1490" s="8">
        <v>2031</v>
      </c>
      <c r="J1490" t="s">
        <v>47</v>
      </c>
      <c r="K1490" s="10"/>
      <c r="M1490" s="10"/>
      <c r="N1490">
        <v>0</v>
      </c>
    </row>
    <row r="1491" spans="1:14" hidden="1">
      <c r="A1491" s="7" t="s">
        <v>10</v>
      </c>
      <c r="B1491" s="8"/>
      <c r="C1491" s="8" t="s">
        <v>60</v>
      </c>
      <c r="D1491" t="s">
        <v>77</v>
      </c>
      <c r="E1491" s="8" t="s">
        <v>61</v>
      </c>
      <c r="F1491" t="s">
        <v>55</v>
      </c>
      <c r="G1491" t="s">
        <v>78</v>
      </c>
      <c r="H1491" t="s">
        <v>55</v>
      </c>
      <c r="I1491" s="8">
        <v>2031</v>
      </c>
      <c r="J1491" t="s">
        <v>48</v>
      </c>
      <c r="K1491" s="10"/>
      <c r="M1491" s="10"/>
      <c r="N1491">
        <v>0</v>
      </c>
    </row>
    <row r="1492" spans="1:14" hidden="1">
      <c r="A1492" s="7" t="s">
        <v>10</v>
      </c>
      <c r="B1492" s="8"/>
      <c r="C1492" s="8" t="s">
        <v>60</v>
      </c>
      <c r="D1492" t="s">
        <v>77</v>
      </c>
      <c r="E1492" s="8" t="s">
        <v>61</v>
      </c>
      <c r="F1492" t="s">
        <v>55</v>
      </c>
      <c r="G1492" t="s">
        <v>78</v>
      </c>
      <c r="H1492" t="s">
        <v>55</v>
      </c>
      <c r="I1492" s="8">
        <v>2031</v>
      </c>
      <c r="J1492" t="s">
        <v>14</v>
      </c>
      <c r="K1492" s="10">
        <v>19932</v>
      </c>
      <c r="L1492">
        <v>2996</v>
      </c>
      <c r="M1492" s="10">
        <v>0</v>
      </c>
      <c r="N1492">
        <v>0</v>
      </c>
    </row>
    <row r="1493" spans="1:14" hidden="1">
      <c r="A1493" s="7" t="s">
        <v>10</v>
      </c>
      <c r="B1493" s="8"/>
      <c r="C1493" s="8" t="s">
        <v>60</v>
      </c>
      <c r="D1493" t="s">
        <v>77</v>
      </c>
      <c r="E1493" s="8" t="s">
        <v>61</v>
      </c>
      <c r="F1493" t="s">
        <v>55</v>
      </c>
      <c r="G1493" t="s">
        <v>78</v>
      </c>
      <c r="H1493" t="s">
        <v>55</v>
      </c>
      <c r="I1493" s="8">
        <v>2031</v>
      </c>
      <c r="J1493" t="s">
        <v>49</v>
      </c>
      <c r="K1493" s="10"/>
      <c r="M1493" s="10"/>
      <c r="N1493">
        <v>0</v>
      </c>
    </row>
    <row r="1494" spans="1:14" hidden="1">
      <c r="A1494" s="7" t="s">
        <v>10</v>
      </c>
      <c r="B1494" s="8"/>
      <c r="C1494" s="8" t="s">
        <v>60</v>
      </c>
      <c r="D1494" t="s">
        <v>77</v>
      </c>
      <c r="E1494" s="8" t="s">
        <v>61</v>
      </c>
      <c r="F1494" t="s">
        <v>55</v>
      </c>
      <c r="G1494" t="s">
        <v>79</v>
      </c>
      <c r="H1494" t="s">
        <v>55</v>
      </c>
      <c r="I1494" s="8">
        <v>2031</v>
      </c>
      <c r="J1494" t="s">
        <v>15</v>
      </c>
      <c r="K1494" s="10">
        <v>26061</v>
      </c>
      <c r="L1494">
        <v>12692</v>
      </c>
      <c r="M1494" s="10">
        <v>13369</v>
      </c>
      <c r="N1494">
        <v>0</v>
      </c>
    </row>
    <row r="1495" spans="1:14" hidden="1">
      <c r="A1495" s="7" t="s">
        <v>10</v>
      </c>
      <c r="B1495" s="8"/>
      <c r="C1495" s="8" t="s">
        <v>60</v>
      </c>
      <c r="D1495" t="s">
        <v>77</v>
      </c>
      <c r="E1495" s="8" t="s">
        <v>61</v>
      </c>
      <c r="F1495" t="s">
        <v>55</v>
      </c>
      <c r="G1495" t="s">
        <v>79</v>
      </c>
      <c r="H1495" t="s">
        <v>55</v>
      </c>
      <c r="I1495" s="8">
        <v>2031</v>
      </c>
      <c r="J1495" t="s">
        <v>50</v>
      </c>
      <c r="K1495" s="10"/>
      <c r="M1495" s="10"/>
      <c r="N1495">
        <v>0</v>
      </c>
    </row>
    <row r="1496" spans="1:14" hidden="1">
      <c r="A1496" s="7" t="s">
        <v>10</v>
      </c>
      <c r="B1496" s="8"/>
      <c r="C1496" s="8" t="s">
        <v>60</v>
      </c>
      <c r="D1496" t="s">
        <v>77</v>
      </c>
      <c r="E1496" s="8" t="s">
        <v>61</v>
      </c>
      <c r="F1496" t="s">
        <v>55</v>
      </c>
      <c r="G1496" t="s">
        <v>19</v>
      </c>
      <c r="H1496" t="s">
        <v>55</v>
      </c>
      <c r="I1496" s="8">
        <v>2031</v>
      </c>
      <c r="J1496" t="s">
        <v>19</v>
      </c>
      <c r="K1496" s="10"/>
      <c r="M1496" s="10"/>
      <c r="N1496">
        <v>0</v>
      </c>
    </row>
    <row r="1497" spans="1:14" hidden="1">
      <c r="A1497" s="7" t="s">
        <v>10</v>
      </c>
      <c r="B1497" s="8"/>
      <c r="C1497" s="8" t="s">
        <v>60</v>
      </c>
      <c r="D1497" t="s">
        <v>77</v>
      </c>
      <c r="E1497" s="8" t="s">
        <v>61</v>
      </c>
      <c r="F1497" t="s">
        <v>55</v>
      </c>
      <c r="G1497" t="s">
        <v>78</v>
      </c>
      <c r="H1497" t="s">
        <v>55</v>
      </c>
      <c r="I1497" s="8">
        <v>2031</v>
      </c>
      <c r="J1497" t="s">
        <v>21</v>
      </c>
      <c r="K1497" s="10"/>
      <c r="M1497" s="10"/>
      <c r="N1497">
        <v>0</v>
      </c>
    </row>
    <row r="1498" spans="1:14" hidden="1">
      <c r="A1498" s="7" t="s">
        <v>10</v>
      </c>
      <c r="B1498" s="8"/>
      <c r="C1498" s="8" t="s">
        <v>60</v>
      </c>
      <c r="D1498" t="s">
        <v>77</v>
      </c>
      <c r="E1498" s="8" t="s">
        <v>61</v>
      </c>
      <c r="F1498" t="s">
        <v>55</v>
      </c>
      <c r="G1498" t="s">
        <v>78</v>
      </c>
      <c r="H1498" t="s">
        <v>55</v>
      </c>
      <c r="I1498" s="8">
        <v>2031</v>
      </c>
      <c r="J1498" t="s">
        <v>51</v>
      </c>
      <c r="K1498" s="10"/>
      <c r="M1498" s="10"/>
      <c r="N1498">
        <v>0</v>
      </c>
    </row>
    <row r="1499" spans="1:14" hidden="1">
      <c r="A1499" s="7" t="s">
        <v>10</v>
      </c>
      <c r="B1499" s="8"/>
      <c r="C1499" s="8" t="s">
        <v>60</v>
      </c>
      <c r="D1499" t="s">
        <v>77</v>
      </c>
      <c r="E1499" s="8" t="s">
        <v>61</v>
      </c>
      <c r="F1499" t="s">
        <v>55</v>
      </c>
      <c r="G1499" t="s">
        <v>78</v>
      </c>
      <c r="H1499" t="s">
        <v>55</v>
      </c>
      <c r="I1499" s="8">
        <v>2032</v>
      </c>
      <c r="J1499" t="s">
        <v>47</v>
      </c>
      <c r="K1499" s="10"/>
      <c r="M1499" s="10"/>
      <c r="N1499">
        <v>0</v>
      </c>
    </row>
    <row r="1500" spans="1:14" hidden="1">
      <c r="A1500" s="7" t="s">
        <v>10</v>
      </c>
      <c r="B1500" s="8"/>
      <c r="C1500" s="8" t="s">
        <v>60</v>
      </c>
      <c r="D1500" t="s">
        <v>77</v>
      </c>
      <c r="E1500" s="8" t="s">
        <v>61</v>
      </c>
      <c r="F1500" t="s">
        <v>55</v>
      </c>
      <c r="G1500" t="s">
        <v>78</v>
      </c>
      <c r="H1500" t="s">
        <v>55</v>
      </c>
      <c r="I1500" s="8">
        <v>2032</v>
      </c>
      <c r="J1500" t="s">
        <v>48</v>
      </c>
      <c r="K1500" s="10"/>
      <c r="M1500" s="10"/>
      <c r="N1500">
        <v>0</v>
      </c>
    </row>
    <row r="1501" spans="1:14" hidden="1">
      <c r="A1501" s="7" t="s">
        <v>10</v>
      </c>
      <c r="B1501" s="8"/>
      <c r="C1501" s="8" t="s">
        <v>60</v>
      </c>
      <c r="D1501" t="s">
        <v>77</v>
      </c>
      <c r="E1501" s="8" t="s">
        <v>61</v>
      </c>
      <c r="F1501" t="s">
        <v>55</v>
      </c>
      <c r="G1501" t="s">
        <v>78</v>
      </c>
      <c r="H1501" t="s">
        <v>55</v>
      </c>
      <c r="I1501" s="8">
        <v>2032</v>
      </c>
      <c r="J1501" t="s">
        <v>14</v>
      </c>
      <c r="K1501" s="10">
        <v>21030</v>
      </c>
      <c r="L1501">
        <v>3149</v>
      </c>
      <c r="M1501" s="10">
        <v>0</v>
      </c>
      <c r="N1501">
        <v>0</v>
      </c>
    </row>
    <row r="1502" spans="1:14" hidden="1">
      <c r="A1502" s="7" t="s">
        <v>10</v>
      </c>
      <c r="B1502" s="8"/>
      <c r="C1502" s="8" t="s">
        <v>60</v>
      </c>
      <c r="D1502" t="s">
        <v>77</v>
      </c>
      <c r="E1502" s="8" t="s">
        <v>61</v>
      </c>
      <c r="F1502" t="s">
        <v>55</v>
      </c>
      <c r="G1502" t="s">
        <v>78</v>
      </c>
      <c r="H1502" t="s">
        <v>55</v>
      </c>
      <c r="I1502" s="8">
        <v>2032</v>
      </c>
      <c r="J1502" t="s">
        <v>49</v>
      </c>
      <c r="K1502" s="10"/>
      <c r="M1502" s="10"/>
      <c r="N1502">
        <v>0</v>
      </c>
    </row>
    <row r="1503" spans="1:14" hidden="1">
      <c r="A1503" s="7" t="s">
        <v>10</v>
      </c>
      <c r="B1503" s="8"/>
      <c r="C1503" s="8" t="s">
        <v>60</v>
      </c>
      <c r="D1503" t="s">
        <v>77</v>
      </c>
      <c r="E1503" s="8" t="s">
        <v>61</v>
      </c>
      <c r="F1503" t="s">
        <v>55</v>
      </c>
      <c r="G1503" t="s">
        <v>79</v>
      </c>
      <c r="H1503" t="s">
        <v>55</v>
      </c>
      <c r="I1503" s="8">
        <v>2032</v>
      </c>
      <c r="J1503" t="s">
        <v>15</v>
      </c>
      <c r="K1503" s="10">
        <v>27651</v>
      </c>
      <c r="L1503">
        <v>13255</v>
      </c>
      <c r="M1503" s="10">
        <v>14396</v>
      </c>
      <c r="N1503">
        <v>0</v>
      </c>
    </row>
    <row r="1504" spans="1:14" hidden="1">
      <c r="A1504" s="7" t="s">
        <v>10</v>
      </c>
      <c r="B1504" s="8"/>
      <c r="C1504" s="8" t="s">
        <v>60</v>
      </c>
      <c r="D1504" t="s">
        <v>77</v>
      </c>
      <c r="E1504" s="8" t="s">
        <v>61</v>
      </c>
      <c r="F1504" t="s">
        <v>55</v>
      </c>
      <c r="G1504" t="s">
        <v>79</v>
      </c>
      <c r="H1504" t="s">
        <v>55</v>
      </c>
      <c r="I1504" s="8">
        <v>2032</v>
      </c>
      <c r="J1504" t="s">
        <v>50</v>
      </c>
      <c r="K1504" s="10"/>
      <c r="M1504" s="10"/>
      <c r="N1504">
        <v>0</v>
      </c>
    </row>
    <row r="1505" spans="1:14" hidden="1">
      <c r="A1505" s="7" t="s">
        <v>10</v>
      </c>
      <c r="B1505" s="8"/>
      <c r="C1505" s="8" t="s">
        <v>60</v>
      </c>
      <c r="D1505" t="s">
        <v>77</v>
      </c>
      <c r="E1505" s="8" t="s">
        <v>61</v>
      </c>
      <c r="F1505" t="s">
        <v>55</v>
      </c>
      <c r="G1505" t="s">
        <v>19</v>
      </c>
      <c r="H1505" t="s">
        <v>55</v>
      </c>
      <c r="I1505" s="8">
        <v>2032</v>
      </c>
      <c r="J1505" t="s">
        <v>19</v>
      </c>
      <c r="K1505" s="10"/>
      <c r="M1505" s="10"/>
      <c r="N1505">
        <v>0</v>
      </c>
    </row>
    <row r="1506" spans="1:14" hidden="1">
      <c r="A1506" s="7" t="s">
        <v>10</v>
      </c>
      <c r="B1506" s="8"/>
      <c r="C1506" s="8" t="s">
        <v>60</v>
      </c>
      <c r="D1506" t="s">
        <v>77</v>
      </c>
      <c r="E1506" s="8" t="s">
        <v>61</v>
      </c>
      <c r="F1506" t="s">
        <v>55</v>
      </c>
      <c r="G1506" t="s">
        <v>78</v>
      </c>
      <c r="H1506" t="s">
        <v>55</v>
      </c>
      <c r="I1506" s="8">
        <v>2032</v>
      </c>
      <c r="J1506" t="s">
        <v>21</v>
      </c>
      <c r="K1506" s="10"/>
      <c r="M1506" s="10"/>
      <c r="N1506">
        <v>0</v>
      </c>
    </row>
    <row r="1507" spans="1:14" hidden="1">
      <c r="A1507" s="7" t="s">
        <v>10</v>
      </c>
      <c r="B1507" s="8"/>
      <c r="C1507" s="8" t="s">
        <v>60</v>
      </c>
      <c r="D1507" t="s">
        <v>77</v>
      </c>
      <c r="E1507" s="8" t="s">
        <v>61</v>
      </c>
      <c r="F1507" t="s">
        <v>55</v>
      </c>
      <c r="G1507" t="s">
        <v>78</v>
      </c>
      <c r="H1507" t="s">
        <v>55</v>
      </c>
      <c r="I1507" s="8">
        <v>2032</v>
      </c>
      <c r="J1507" t="s">
        <v>51</v>
      </c>
      <c r="K1507" s="10"/>
      <c r="M1507" s="10"/>
      <c r="N1507">
        <v>0</v>
      </c>
    </row>
    <row r="1508" spans="1:14" hidden="1">
      <c r="A1508" s="7" t="s">
        <v>10</v>
      </c>
      <c r="B1508" s="8"/>
      <c r="C1508" s="8" t="s">
        <v>60</v>
      </c>
      <c r="D1508" t="s">
        <v>77</v>
      </c>
      <c r="E1508" s="8" t="s">
        <v>61</v>
      </c>
      <c r="F1508" t="s">
        <v>55</v>
      </c>
      <c r="G1508" t="s">
        <v>78</v>
      </c>
      <c r="H1508" t="s">
        <v>55</v>
      </c>
      <c r="I1508" s="8">
        <v>2033</v>
      </c>
      <c r="J1508" t="s">
        <v>47</v>
      </c>
      <c r="K1508" s="10"/>
      <c r="M1508" s="10"/>
      <c r="N1508">
        <v>0</v>
      </c>
    </row>
    <row r="1509" spans="1:14" hidden="1">
      <c r="A1509" s="7" t="s">
        <v>10</v>
      </c>
      <c r="B1509" s="8"/>
      <c r="C1509" s="8" t="s">
        <v>60</v>
      </c>
      <c r="D1509" t="s">
        <v>77</v>
      </c>
      <c r="E1509" s="8" t="s">
        <v>61</v>
      </c>
      <c r="F1509" t="s">
        <v>55</v>
      </c>
      <c r="G1509" t="s">
        <v>78</v>
      </c>
      <c r="H1509" t="s">
        <v>55</v>
      </c>
      <c r="I1509" s="8">
        <v>2033</v>
      </c>
      <c r="J1509" t="s">
        <v>48</v>
      </c>
      <c r="K1509" s="10"/>
      <c r="M1509" s="10"/>
      <c r="N1509">
        <v>0</v>
      </c>
    </row>
    <row r="1510" spans="1:14" hidden="1">
      <c r="A1510" s="7" t="s">
        <v>10</v>
      </c>
      <c r="B1510" s="8"/>
      <c r="C1510" s="8" t="s">
        <v>60</v>
      </c>
      <c r="D1510" t="s">
        <v>77</v>
      </c>
      <c r="E1510" s="8" t="s">
        <v>61</v>
      </c>
      <c r="F1510" t="s">
        <v>55</v>
      </c>
      <c r="G1510" t="s">
        <v>78</v>
      </c>
      <c r="H1510" t="s">
        <v>55</v>
      </c>
      <c r="I1510" s="8">
        <v>2033</v>
      </c>
      <c r="J1510" t="s">
        <v>14</v>
      </c>
      <c r="K1510" s="10">
        <v>21179</v>
      </c>
      <c r="L1510">
        <v>3168</v>
      </c>
      <c r="M1510" s="10">
        <v>0</v>
      </c>
      <c r="N1510">
        <v>0</v>
      </c>
    </row>
    <row r="1511" spans="1:14" hidden="1">
      <c r="A1511" s="7" t="s">
        <v>10</v>
      </c>
      <c r="B1511" s="8"/>
      <c r="C1511" s="8" t="s">
        <v>60</v>
      </c>
      <c r="D1511" t="s">
        <v>77</v>
      </c>
      <c r="E1511" s="8" t="s">
        <v>61</v>
      </c>
      <c r="F1511" t="s">
        <v>55</v>
      </c>
      <c r="G1511" t="s">
        <v>78</v>
      </c>
      <c r="H1511" t="s">
        <v>55</v>
      </c>
      <c r="I1511" s="8">
        <v>2033</v>
      </c>
      <c r="J1511" t="s">
        <v>49</v>
      </c>
      <c r="K1511" s="10"/>
      <c r="M1511" s="10"/>
      <c r="N1511">
        <v>0</v>
      </c>
    </row>
    <row r="1512" spans="1:14" hidden="1">
      <c r="A1512" s="7" t="s">
        <v>10</v>
      </c>
      <c r="B1512" s="8"/>
      <c r="C1512" s="8" t="s">
        <v>60</v>
      </c>
      <c r="D1512" t="s">
        <v>77</v>
      </c>
      <c r="E1512" s="8" t="s">
        <v>61</v>
      </c>
      <c r="F1512" t="s">
        <v>55</v>
      </c>
      <c r="G1512" t="s">
        <v>79</v>
      </c>
      <c r="H1512" t="s">
        <v>55</v>
      </c>
      <c r="I1512" s="8">
        <v>2033</v>
      </c>
      <c r="J1512" t="s">
        <v>15</v>
      </c>
      <c r="K1512" s="10">
        <v>27728</v>
      </c>
      <c r="L1512">
        <v>13332</v>
      </c>
      <c r="M1512" s="10">
        <v>14396</v>
      </c>
      <c r="N1512">
        <v>0</v>
      </c>
    </row>
    <row r="1513" spans="1:14" hidden="1">
      <c r="A1513" s="7" t="s">
        <v>10</v>
      </c>
      <c r="B1513" s="8"/>
      <c r="C1513" s="8" t="s">
        <v>60</v>
      </c>
      <c r="D1513" t="s">
        <v>77</v>
      </c>
      <c r="E1513" s="8" t="s">
        <v>61</v>
      </c>
      <c r="F1513" t="s">
        <v>55</v>
      </c>
      <c r="G1513" t="s">
        <v>79</v>
      </c>
      <c r="H1513" t="s">
        <v>55</v>
      </c>
      <c r="I1513" s="8">
        <v>2033</v>
      </c>
      <c r="J1513" t="s">
        <v>50</v>
      </c>
      <c r="K1513" s="10"/>
      <c r="M1513" s="10"/>
      <c r="N1513">
        <v>0</v>
      </c>
    </row>
    <row r="1514" spans="1:14" hidden="1">
      <c r="A1514" s="7" t="s">
        <v>10</v>
      </c>
      <c r="B1514" s="8"/>
      <c r="C1514" s="8" t="s">
        <v>60</v>
      </c>
      <c r="D1514" t="s">
        <v>77</v>
      </c>
      <c r="E1514" s="8" t="s">
        <v>61</v>
      </c>
      <c r="F1514" t="s">
        <v>55</v>
      </c>
      <c r="G1514" t="s">
        <v>19</v>
      </c>
      <c r="H1514" t="s">
        <v>55</v>
      </c>
      <c r="I1514" s="8">
        <v>2033</v>
      </c>
      <c r="J1514" t="s">
        <v>19</v>
      </c>
      <c r="K1514" s="10"/>
      <c r="M1514" s="10"/>
      <c r="N1514">
        <v>0</v>
      </c>
    </row>
    <row r="1515" spans="1:14" hidden="1">
      <c r="A1515" s="7" t="s">
        <v>10</v>
      </c>
      <c r="B1515" s="8"/>
      <c r="C1515" s="8" t="s">
        <v>60</v>
      </c>
      <c r="D1515" t="s">
        <v>77</v>
      </c>
      <c r="E1515" s="8" t="s">
        <v>61</v>
      </c>
      <c r="F1515" t="s">
        <v>55</v>
      </c>
      <c r="G1515" t="s">
        <v>78</v>
      </c>
      <c r="H1515" t="s">
        <v>55</v>
      </c>
      <c r="I1515" s="8">
        <v>2033</v>
      </c>
      <c r="J1515" t="s">
        <v>21</v>
      </c>
      <c r="K1515" s="10"/>
      <c r="M1515" s="10"/>
      <c r="N1515">
        <v>0</v>
      </c>
    </row>
    <row r="1516" spans="1:14" hidden="1">
      <c r="A1516" s="7" t="s">
        <v>10</v>
      </c>
      <c r="B1516" s="8"/>
      <c r="C1516" s="8" t="s">
        <v>60</v>
      </c>
      <c r="D1516" t="s">
        <v>77</v>
      </c>
      <c r="E1516" s="8" t="s">
        <v>61</v>
      </c>
      <c r="F1516" t="s">
        <v>55</v>
      </c>
      <c r="G1516" t="s">
        <v>78</v>
      </c>
      <c r="H1516" t="s">
        <v>55</v>
      </c>
      <c r="I1516" s="8">
        <v>2033</v>
      </c>
      <c r="J1516" t="s">
        <v>51</v>
      </c>
      <c r="K1516" s="10"/>
      <c r="M1516" s="10"/>
      <c r="N1516">
        <v>0</v>
      </c>
    </row>
    <row r="1517" spans="1:14" hidden="1">
      <c r="A1517" s="7" t="s">
        <v>10</v>
      </c>
      <c r="B1517" s="8"/>
      <c r="C1517" s="8" t="s">
        <v>60</v>
      </c>
      <c r="D1517" t="s">
        <v>77</v>
      </c>
      <c r="E1517" s="8" t="s">
        <v>61</v>
      </c>
      <c r="F1517" t="s">
        <v>55</v>
      </c>
      <c r="G1517" t="s">
        <v>78</v>
      </c>
      <c r="H1517" t="s">
        <v>55</v>
      </c>
      <c r="I1517" s="8">
        <v>2034</v>
      </c>
      <c r="J1517" t="s">
        <v>47</v>
      </c>
      <c r="K1517" s="10"/>
      <c r="M1517" s="10"/>
      <c r="N1517">
        <v>0</v>
      </c>
    </row>
    <row r="1518" spans="1:14" hidden="1">
      <c r="A1518" s="7" t="s">
        <v>10</v>
      </c>
      <c r="B1518" s="8"/>
      <c r="C1518" s="8" t="s">
        <v>60</v>
      </c>
      <c r="D1518" t="s">
        <v>77</v>
      </c>
      <c r="E1518" s="8" t="s">
        <v>61</v>
      </c>
      <c r="F1518" t="s">
        <v>55</v>
      </c>
      <c r="G1518" t="s">
        <v>78</v>
      </c>
      <c r="H1518" t="s">
        <v>55</v>
      </c>
      <c r="I1518" s="8">
        <v>2034</v>
      </c>
      <c r="J1518" t="s">
        <v>48</v>
      </c>
      <c r="K1518" s="10"/>
      <c r="M1518" s="10"/>
      <c r="N1518">
        <v>0</v>
      </c>
    </row>
    <row r="1519" spans="1:14" hidden="1">
      <c r="A1519" s="7" t="s">
        <v>10</v>
      </c>
      <c r="B1519" s="8"/>
      <c r="C1519" s="8" t="s">
        <v>60</v>
      </c>
      <c r="D1519" t="s">
        <v>77</v>
      </c>
      <c r="E1519" s="8" t="s">
        <v>61</v>
      </c>
      <c r="F1519" t="s">
        <v>55</v>
      </c>
      <c r="G1519" t="s">
        <v>78</v>
      </c>
      <c r="H1519" t="s">
        <v>55</v>
      </c>
      <c r="I1519" s="8">
        <v>2034</v>
      </c>
      <c r="J1519" t="s">
        <v>14</v>
      </c>
      <c r="K1519" s="10">
        <v>21179</v>
      </c>
      <c r="L1519">
        <v>3168</v>
      </c>
      <c r="M1519" s="10">
        <v>0</v>
      </c>
      <c r="N1519">
        <v>0</v>
      </c>
    </row>
    <row r="1520" spans="1:14" hidden="1">
      <c r="A1520" s="7" t="s">
        <v>10</v>
      </c>
      <c r="B1520" s="8"/>
      <c r="C1520" s="8" t="s">
        <v>60</v>
      </c>
      <c r="D1520" t="s">
        <v>77</v>
      </c>
      <c r="E1520" s="8" t="s">
        <v>61</v>
      </c>
      <c r="F1520" t="s">
        <v>55</v>
      </c>
      <c r="G1520" t="s">
        <v>78</v>
      </c>
      <c r="H1520" t="s">
        <v>55</v>
      </c>
      <c r="I1520" s="8">
        <v>2034</v>
      </c>
      <c r="J1520" t="s">
        <v>49</v>
      </c>
      <c r="K1520" s="10"/>
      <c r="M1520" s="10"/>
      <c r="N1520">
        <v>0</v>
      </c>
    </row>
    <row r="1521" spans="1:14" hidden="1">
      <c r="A1521" s="7" t="s">
        <v>10</v>
      </c>
      <c r="B1521" s="8"/>
      <c r="C1521" s="8" t="s">
        <v>60</v>
      </c>
      <c r="D1521" t="s">
        <v>77</v>
      </c>
      <c r="E1521" s="8" t="s">
        <v>61</v>
      </c>
      <c r="F1521" t="s">
        <v>55</v>
      </c>
      <c r="G1521" t="s">
        <v>79</v>
      </c>
      <c r="H1521" t="s">
        <v>55</v>
      </c>
      <c r="I1521" s="8">
        <v>2034</v>
      </c>
      <c r="J1521" t="s">
        <v>15</v>
      </c>
      <c r="K1521" s="10">
        <v>27728</v>
      </c>
      <c r="L1521">
        <v>13332</v>
      </c>
      <c r="M1521" s="10">
        <v>14396</v>
      </c>
      <c r="N1521">
        <v>0</v>
      </c>
    </row>
    <row r="1522" spans="1:14" hidden="1">
      <c r="A1522" s="7" t="s">
        <v>10</v>
      </c>
      <c r="B1522" s="8"/>
      <c r="C1522" s="8" t="s">
        <v>60</v>
      </c>
      <c r="D1522" t="s">
        <v>77</v>
      </c>
      <c r="E1522" s="8" t="s">
        <v>61</v>
      </c>
      <c r="F1522" t="s">
        <v>55</v>
      </c>
      <c r="G1522" t="s">
        <v>79</v>
      </c>
      <c r="H1522" t="s">
        <v>55</v>
      </c>
      <c r="I1522" s="8">
        <v>2034</v>
      </c>
      <c r="J1522" t="s">
        <v>50</v>
      </c>
      <c r="K1522" s="10"/>
      <c r="M1522" s="10"/>
      <c r="N1522">
        <v>0</v>
      </c>
    </row>
    <row r="1523" spans="1:14" hidden="1">
      <c r="A1523" s="7" t="s">
        <v>10</v>
      </c>
      <c r="B1523" s="8"/>
      <c r="C1523" s="8" t="s">
        <v>60</v>
      </c>
      <c r="D1523" t="s">
        <v>77</v>
      </c>
      <c r="E1523" s="8" t="s">
        <v>61</v>
      </c>
      <c r="F1523" t="s">
        <v>55</v>
      </c>
      <c r="G1523" t="s">
        <v>19</v>
      </c>
      <c r="H1523" t="s">
        <v>55</v>
      </c>
      <c r="I1523" s="8">
        <v>2034</v>
      </c>
      <c r="J1523" t="s">
        <v>19</v>
      </c>
      <c r="K1523" s="10"/>
      <c r="M1523" s="10"/>
      <c r="N1523">
        <v>0</v>
      </c>
    </row>
    <row r="1524" spans="1:14" hidden="1">
      <c r="A1524" s="7" t="s">
        <v>10</v>
      </c>
      <c r="B1524" s="8"/>
      <c r="C1524" s="8" t="s">
        <v>60</v>
      </c>
      <c r="D1524" t="s">
        <v>77</v>
      </c>
      <c r="E1524" s="8" t="s">
        <v>61</v>
      </c>
      <c r="F1524" t="s">
        <v>55</v>
      </c>
      <c r="G1524" t="s">
        <v>78</v>
      </c>
      <c r="H1524" t="s">
        <v>55</v>
      </c>
      <c r="I1524" s="8">
        <v>2034</v>
      </c>
      <c r="J1524" t="s">
        <v>21</v>
      </c>
      <c r="K1524" s="10"/>
      <c r="M1524" s="10"/>
      <c r="N1524">
        <v>0</v>
      </c>
    </row>
    <row r="1525" spans="1:14" hidden="1">
      <c r="A1525" s="7" t="s">
        <v>10</v>
      </c>
      <c r="B1525" s="8"/>
      <c r="C1525" s="8" t="s">
        <v>60</v>
      </c>
      <c r="D1525" t="s">
        <v>77</v>
      </c>
      <c r="E1525" s="8" t="s">
        <v>61</v>
      </c>
      <c r="F1525" t="s">
        <v>55</v>
      </c>
      <c r="G1525" t="s">
        <v>78</v>
      </c>
      <c r="H1525" t="s">
        <v>55</v>
      </c>
      <c r="I1525" s="8">
        <v>2034</v>
      </c>
      <c r="J1525" t="s">
        <v>51</v>
      </c>
      <c r="K1525" s="10"/>
      <c r="M1525" s="10"/>
      <c r="N1525">
        <v>0</v>
      </c>
    </row>
    <row r="1526" spans="1:14" hidden="1">
      <c r="A1526" s="7" t="s">
        <v>10</v>
      </c>
      <c r="B1526" s="8"/>
      <c r="C1526" s="8" t="s">
        <v>62</v>
      </c>
      <c r="D1526" t="s">
        <v>77</v>
      </c>
      <c r="E1526" s="8" t="s">
        <v>24</v>
      </c>
      <c r="F1526" t="s">
        <v>55</v>
      </c>
      <c r="G1526" t="s">
        <v>78</v>
      </c>
      <c r="H1526" t="s">
        <v>55</v>
      </c>
      <c r="I1526" s="8">
        <v>2025</v>
      </c>
      <c r="J1526" t="s">
        <v>47</v>
      </c>
      <c r="K1526" s="10"/>
      <c r="M1526" s="10"/>
      <c r="N1526">
        <v>0</v>
      </c>
    </row>
    <row r="1527" spans="1:14" hidden="1">
      <c r="A1527" s="7" t="s">
        <v>10</v>
      </c>
      <c r="B1527" s="8"/>
      <c r="C1527" s="8" t="s">
        <v>62</v>
      </c>
      <c r="D1527" t="s">
        <v>77</v>
      </c>
      <c r="E1527" s="8" t="s">
        <v>24</v>
      </c>
      <c r="F1527" t="s">
        <v>55</v>
      </c>
      <c r="G1527" t="s">
        <v>78</v>
      </c>
      <c r="H1527" t="s">
        <v>55</v>
      </c>
      <c r="I1527" s="8">
        <v>2025</v>
      </c>
      <c r="J1527" t="s">
        <v>48</v>
      </c>
      <c r="K1527" s="10"/>
      <c r="M1527" s="10"/>
      <c r="N1527">
        <v>0</v>
      </c>
    </row>
    <row r="1528" spans="1:14" hidden="1">
      <c r="A1528" s="7" t="s">
        <v>10</v>
      </c>
      <c r="B1528" s="8"/>
      <c r="C1528" s="8" t="s">
        <v>62</v>
      </c>
      <c r="D1528" t="s">
        <v>77</v>
      </c>
      <c r="E1528" s="8" t="s">
        <v>24</v>
      </c>
      <c r="F1528" t="s">
        <v>55</v>
      </c>
      <c r="G1528" t="s">
        <v>78</v>
      </c>
      <c r="H1528" t="s">
        <v>55</v>
      </c>
      <c r="I1528" s="8">
        <v>2025</v>
      </c>
      <c r="J1528" t="s">
        <v>14</v>
      </c>
      <c r="K1528" s="10">
        <v>479</v>
      </c>
      <c r="L1528">
        <v>48</v>
      </c>
      <c r="M1528" s="10">
        <v>0</v>
      </c>
      <c r="N1528">
        <v>0</v>
      </c>
    </row>
    <row r="1529" spans="1:14" hidden="1">
      <c r="A1529" s="7" t="s">
        <v>10</v>
      </c>
      <c r="B1529" s="8"/>
      <c r="C1529" s="8" t="s">
        <v>62</v>
      </c>
      <c r="D1529" t="s">
        <v>77</v>
      </c>
      <c r="E1529" s="8" t="s">
        <v>24</v>
      </c>
      <c r="F1529" t="s">
        <v>55</v>
      </c>
      <c r="G1529" t="s">
        <v>78</v>
      </c>
      <c r="H1529" t="s">
        <v>55</v>
      </c>
      <c r="I1529" s="8">
        <v>2025</v>
      </c>
      <c r="J1529" t="s">
        <v>49</v>
      </c>
      <c r="K1529" s="10"/>
      <c r="M1529" s="10"/>
      <c r="N1529">
        <v>0</v>
      </c>
    </row>
    <row r="1530" spans="1:14" hidden="1">
      <c r="A1530" s="7" t="s">
        <v>10</v>
      </c>
      <c r="B1530" s="8"/>
      <c r="C1530" s="8" t="s">
        <v>62</v>
      </c>
      <c r="D1530" t="s">
        <v>77</v>
      </c>
      <c r="E1530" s="8" t="s">
        <v>24</v>
      </c>
      <c r="F1530" t="s">
        <v>55</v>
      </c>
      <c r="G1530" t="s">
        <v>79</v>
      </c>
      <c r="H1530" t="s">
        <v>55</v>
      </c>
      <c r="I1530" s="8">
        <v>2025</v>
      </c>
      <c r="J1530" t="s">
        <v>15</v>
      </c>
      <c r="K1530" s="10">
        <v>164</v>
      </c>
      <c r="L1530">
        <v>164</v>
      </c>
      <c r="M1530" s="10">
        <v>0</v>
      </c>
      <c r="N1530">
        <v>0</v>
      </c>
    </row>
    <row r="1531" spans="1:14" hidden="1">
      <c r="A1531" s="7" t="s">
        <v>10</v>
      </c>
      <c r="B1531" s="8"/>
      <c r="C1531" s="8" t="s">
        <v>62</v>
      </c>
      <c r="D1531" t="s">
        <v>77</v>
      </c>
      <c r="E1531" s="8" t="s">
        <v>24</v>
      </c>
      <c r="F1531" t="s">
        <v>55</v>
      </c>
      <c r="G1531" t="s">
        <v>79</v>
      </c>
      <c r="H1531" t="s">
        <v>55</v>
      </c>
      <c r="I1531" s="8">
        <v>2025</v>
      </c>
      <c r="J1531" t="s">
        <v>50</v>
      </c>
      <c r="K1531" s="10"/>
      <c r="M1531" s="10"/>
      <c r="N1531">
        <v>0</v>
      </c>
    </row>
    <row r="1532" spans="1:14" hidden="1">
      <c r="A1532" s="7" t="s">
        <v>10</v>
      </c>
      <c r="B1532" s="8"/>
      <c r="C1532" s="8" t="s">
        <v>62</v>
      </c>
      <c r="D1532" t="s">
        <v>77</v>
      </c>
      <c r="E1532" s="8" t="s">
        <v>24</v>
      </c>
      <c r="F1532" t="s">
        <v>55</v>
      </c>
      <c r="G1532" t="s">
        <v>19</v>
      </c>
      <c r="H1532" t="s">
        <v>55</v>
      </c>
      <c r="I1532" s="8">
        <v>2025</v>
      </c>
      <c r="J1532" t="s">
        <v>19</v>
      </c>
      <c r="K1532" s="10"/>
      <c r="M1532" s="10"/>
      <c r="N1532">
        <v>0</v>
      </c>
    </row>
    <row r="1533" spans="1:14" hidden="1">
      <c r="A1533" s="7" t="s">
        <v>10</v>
      </c>
      <c r="B1533" s="8"/>
      <c r="C1533" s="8" t="s">
        <v>62</v>
      </c>
      <c r="D1533" t="s">
        <v>77</v>
      </c>
      <c r="E1533" s="8" t="s">
        <v>24</v>
      </c>
      <c r="F1533" t="s">
        <v>55</v>
      </c>
      <c r="G1533" t="s">
        <v>78</v>
      </c>
      <c r="H1533" t="s">
        <v>55</v>
      </c>
      <c r="I1533" s="8">
        <v>2025</v>
      </c>
      <c r="J1533" t="s">
        <v>21</v>
      </c>
      <c r="K1533" s="10"/>
      <c r="M1533" s="10"/>
      <c r="N1533">
        <v>0</v>
      </c>
    </row>
    <row r="1534" spans="1:14" hidden="1">
      <c r="A1534" s="7" t="s">
        <v>10</v>
      </c>
      <c r="B1534" s="8"/>
      <c r="C1534" s="8" t="s">
        <v>62</v>
      </c>
      <c r="D1534" t="s">
        <v>77</v>
      </c>
      <c r="E1534" s="8" t="s">
        <v>24</v>
      </c>
      <c r="F1534" t="s">
        <v>55</v>
      </c>
      <c r="G1534" t="s">
        <v>78</v>
      </c>
      <c r="H1534" t="s">
        <v>55</v>
      </c>
      <c r="I1534" s="8">
        <v>2025</v>
      </c>
      <c r="J1534" t="s">
        <v>51</v>
      </c>
      <c r="K1534" s="10"/>
      <c r="M1534" s="10"/>
      <c r="N1534">
        <v>0</v>
      </c>
    </row>
    <row r="1535" spans="1:14" hidden="1">
      <c r="A1535" s="7" t="s">
        <v>10</v>
      </c>
      <c r="B1535" s="8"/>
      <c r="C1535" s="8" t="s">
        <v>62</v>
      </c>
      <c r="D1535" t="s">
        <v>77</v>
      </c>
      <c r="E1535" s="8" t="s">
        <v>24</v>
      </c>
      <c r="F1535" t="s">
        <v>55</v>
      </c>
      <c r="G1535" t="s">
        <v>78</v>
      </c>
      <c r="H1535" t="s">
        <v>55</v>
      </c>
      <c r="I1535" s="8">
        <v>2026</v>
      </c>
      <c r="J1535" t="s">
        <v>47</v>
      </c>
      <c r="K1535" s="10"/>
      <c r="M1535" s="10"/>
      <c r="N1535">
        <v>0</v>
      </c>
    </row>
    <row r="1536" spans="1:14" hidden="1">
      <c r="A1536" s="7" t="s">
        <v>10</v>
      </c>
      <c r="B1536" s="8"/>
      <c r="C1536" s="8" t="s">
        <v>62</v>
      </c>
      <c r="D1536" t="s">
        <v>77</v>
      </c>
      <c r="E1536" s="8" t="s">
        <v>24</v>
      </c>
      <c r="F1536" t="s">
        <v>55</v>
      </c>
      <c r="G1536" t="s">
        <v>78</v>
      </c>
      <c r="H1536" t="s">
        <v>55</v>
      </c>
      <c r="I1536" s="8">
        <v>2026</v>
      </c>
      <c r="J1536" t="s">
        <v>48</v>
      </c>
      <c r="K1536" s="10"/>
      <c r="M1536" s="10"/>
      <c r="N1536">
        <v>0</v>
      </c>
    </row>
    <row r="1537" spans="1:14" hidden="1">
      <c r="A1537" s="7" t="s">
        <v>10</v>
      </c>
      <c r="B1537" s="8"/>
      <c r="C1537" s="8" t="s">
        <v>62</v>
      </c>
      <c r="D1537" t="s">
        <v>77</v>
      </c>
      <c r="E1537" s="8" t="s">
        <v>24</v>
      </c>
      <c r="F1537" t="s">
        <v>55</v>
      </c>
      <c r="G1537" t="s">
        <v>78</v>
      </c>
      <c r="H1537" t="s">
        <v>55</v>
      </c>
      <c r="I1537" s="8">
        <v>2026</v>
      </c>
      <c r="J1537" t="s">
        <v>14</v>
      </c>
      <c r="K1537" s="10">
        <v>1009</v>
      </c>
      <c r="L1537">
        <v>112</v>
      </c>
      <c r="M1537" s="10">
        <v>0</v>
      </c>
      <c r="N1537">
        <v>0</v>
      </c>
    </row>
    <row r="1538" spans="1:14" hidden="1">
      <c r="A1538" s="7" t="s">
        <v>10</v>
      </c>
      <c r="B1538" s="8"/>
      <c r="C1538" s="8" t="s">
        <v>62</v>
      </c>
      <c r="D1538" t="s">
        <v>77</v>
      </c>
      <c r="E1538" s="8" t="s">
        <v>24</v>
      </c>
      <c r="F1538" t="s">
        <v>55</v>
      </c>
      <c r="G1538" t="s">
        <v>78</v>
      </c>
      <c r="H1538" t="s">
        <v>55</v>
      </c>
      <c r="I1538" s="8">
        <v>2026</v>
      </c>
      <c r="J1538" t="s">
        <v>49</v>
      </c>
      <c r="K1538" s="10"/>
      <c r="M1538" s="10"/>
      <c r="N1538">
        <v>0</v>
      </c>
    </row>
    <row r="1539" spans="1:14" hidden="1">
      <c r="A1539" s="7" t="s">
        <v>10</v>
      </c>
      <c r="B1539" s="8"/>
      <c r="C1539" s="8" t="s">
        <v>62</v>
      </c>
      <c r="D1539" t="s">
        <v>77</v>
      </c>
      <c r="E1539" s="8" t="s">
        <v>24</v>
      </c>
      <c r="F1539" t="s">
        <v>55</v>
      </c>
      <c r="G1539" t="s">
        <v>79</v>
      </c>
      <c r="H1539" t="s">
        <v>55</v>
      </c>
      <c r="I1539" s="8">
        <v>2026</v>
      </c>
      <c r="J1539" t="s">
        <v>15</v>
      </c>
      <c r="K1539" s="10">
        <v>438</v>
      </c>
      <c r="L1539">
        <v>438</v>
      </c>
      <c r="M1539" s="10">
        <v>0</v>
      </c>
      <c r="N1539">
        <v>0</v>
      </c>
    </row>
    <row r="1540" spans="1:14" hidden="1">
      <c r="A1540" s="7" t="s">
        <v>10</v>
      </c>
      <c r="B1540" s="8"/>
      <c r="C1540" s="8" t="s">
        <v>62</v>
      </c>
      <c r="D1540" t="s">
        <v>77</v>
      </c>
      <c r="E1540" s="8" t="s">
        <v>24</v>
      </c>
      <c r="F1540" t="s">
        <v>55</v>
      </c>
      <c r="G1540" t="s">
        <v>79</v>
      </c>
      <c r="H1540" t="s">
        <v>55</v>
      </c>
      <c r="I1540" s="8">
        <v>2026</v>
      </c>
      <c r="J1540" t="s">
        <v>50</v>
      </c>
      <c r="K1540" s="10"/>
      <c r="M1540" s="10"/>
      <c r="N1540">
        <v>0</v>
      </c>
    </row>
    <row r="1541" spans="1:14" hidden="1">
      <c r="A1541" s="7" t="s">
        <v>10</v>
      </c>
      <c r="B1541" s="8"/>
      <c r="C1541" s="8" t="s">
        <v>62</v>
      </c>
      <c r="D1541" t="s">
        <v>77</v>
      </c>
      <c r="E1541" s="8" t="s">
        <v>24</v>
      </c>
      <c r="F1541" t="s">
        <v>55</v>
      </c>
      <c r="G1541" t="s">
        <v>19</v>
      </c>
      <c r="H1541" t="s">
        <v>55</v>
      </c>
      <c r="I1541" s="8">
        <v>2026</v>
      </c>
      <c r="J1541" t="s">
        <v>19</v>
      </c>
      <c r="K1541" s="10"/>
      <c r="M1541" s="10"/>
      <c r="N1541">
        <v>0</v>
      </c>
    </row>
    <row r="1542" spans="1:14" hidden="1">
      <c r="A1542" s="7" t="s">
        <v>10</v>
      </c>
      <c r="B1542" s="8"/>
      <c r="C1542" s="8" t="s">
        <v>62</v>
      </c>
      <c r="D1542" t="s">
        <v>77</v>
      </c>
      <c r="E1542" s="8" t="s">
        <v>24</v>
      </c>
      <c r="F1542" t="s">
        <v>55</v>
      </c>
      <c r="G1542" t="s">
        <v>78</v>
      </c>
      <c r="H1542" t="s">
        <v>55</v>
      </c>
      <c r="I1542" s="8">
        <v>2026</v>
      </c>
      <c r="J1542" t="s">
        <v>21</v>
      </c>
      <c r="K1542" s="10"/>
      <c r="M1542" s="10"/>
      <c r="N1542">
        <v>0</v>
      </c>
    </row>
    <row r="1543" spans="1:14" hidden="1">
      <c r="A1543" s="7" t="s">
        <v>10</v>
      </c>
      <c r="B1543" s="8"/>
      <c r="C1543" s="8" t="s">
        <v>62</v>
      </c>
      <c r="D1543" t="s">
        <v>77</v>
      </c>
      <c r="E1543" s="8" t="s">
        <v>24</v>
      </c>
      <c r="F1543" t="s">
        <v>55</v>
      </c>
      <c r="G1543" t="s">
        <v>78</v>
      </c>
      <c r="H1543" t="s">
        <v>55</v>
      </c>
      <c r="I1543" s="8">
        <v>2026</v>
      </c>
      <c r="J1543" t="s">
        <v>51</v>
      </c>
      <c r="K1543" s="10"/>
      <c r="M1543" s="10"/>
      <c r="N1543">
        <v>0</v>
      </c>
    </row>
    <row r="1544" spans="1:14" hidden="1">
      <c r="A1544" s="7" t="s">
        <v>10</v>
      </c>
      <c r="B1544" s="8"/>
      <c r="C1544" s="8" t="s">
        <v>62</v>
      </c>
      <c r="D1544" t="s">
        <v>77</v>
      </c>
      <c r="E1544" s="8" t="s">
        <v>24</v>
      </c>
      <c r="F1544" t="s">
        <v>55</v>
      </c>
      <c r="G1544" t="s">
        <v>78</v>
      </c>
      <c r="H1544" t="s">
        <v>55</v>
      </c>
      <c r="I1544" s="8">
        <v>2027</v>
      </c>
      <c r="J1544" t="s">
        <v>47</v>
      </c>
      <c r="K1544" s="10"/>
      <c r="M1544" s="10"/>
      <c r="N1544">
        <v>0</v>
      </c>
    </row>
    <row r="1545" spans="1:14" hidden="1">
      <c r="A1545" s="7" t="s">
        <v>10</v>
      </c>
      <c r="B1545" s="8"/>
      <c r="C1545" s="8" t="s">
        <v>62</v>
      </c>
      <c r="D1545" t="s">
        <v>77</v>
      </c>
      <c r="E1545" s="8" t="s">
        <v>24</v>
      </c>
      <c r="F1545" t="s">
        <v>55</v>
      </c>
      <c r="G1545" t="s">
        <v>78</v>
      </c>
      <c r="H1545" t="s">
        <v>55</v>
      </c>
      <c r="I1545" s="8">
        <v>2027</v>
      </c>
      <c r="J1545" t="s">
        <v>48</v>
      </c>
      <c r="K1545" s="10"/>
      <c r="M1545" s="10"/>
      <c r="N1545">
        <v>0</v>
      </c>
    </row>
    <row r="1546" spans="1:14" hidden="1">
      <c r="A1546" s="7" t="s">
        <v>10</v>
      </c>
      <c r="B1546" s="8"/>
      <c r="C1546" s="8" t="s">
        <v>62</v>
      </c>
      <c r="D1546" t="s">
        <v>77</v>
      </c>
      <c r="E1546" s="8" t="s">
        <v>24</v>
      </c>
      <c r="F1546" t="s">
        <v>55</v>
      </c>
      <c r="G1546" t="s">
        <v>78</v>
      </c>
      <c r="H1546" t="s">
        <v>55</v>
      </c>
      <c r="I1546" s="8">
        <v>2027</v>
      </c>
      <c r="J1546" t="s">
        <v>14</v>
      </c>
      <c r="K1546" s="10">
        <v>2794</v>
      </c>
      <c r="L1546">
        <v>365</v>
      </c>
      <c r="M1546" s="10">
        <v>0</v>
      </c>
      <c r="N1546">
        <v>0</v>
      </c>
    </row>
    <row r="1547" spans="1:14" hidden="1">
      <c r="A1547" s="7" t="s">
        <v>10</v>
      </c>
      <c r="B1547" s="8"/>
      <c r="C1547" s="8" t="s">
        <v>62</v>
      </c>
      <c r="D1547" t="s">
        <v>77</v>
      </c>
      <c r="E1547" s="8" t="s">
        <v>24</v>
      </c>
      <c r="F1547" t="s">
        <v>55</v>
      </c>
      <c r="G1547" t="s">
        <v>78</v>
      </c>
      <c r="H1547" t="s">
        <v>55</v>
      </c>
      <c r="I1547" s="8">
        <v>2027</v>
      </c>
      <c r="J1547" t="s">
        <v>49</v>
      </c>
      <c r="K1547" s="10"/>
      <c r="M1547" s="10"/>
      <c r="N1547">
        <v>0</v>
      </c>
    </row>
    <row r="1548" spans="1:14" hidden="1">
      <c r="A1548" s="7" t="s">
        <v>10</v>
      </c>
      <c r="B1548" s="8"/>
      <c r="C1548" s="8" t="s">
        <v>62</v>
      </c>
      <c r="D1548" t="s">
        <v>77</v>
      </c>
      <c r="E1548" s="8" t="s">
        <v>24</v>
      </c>
      <c r="F1548" t="s">
        <v>55</v>
      </c>
      <c r="G1548" t="s">
        <v>79</v>
      </c>
      <c r="H1548" t="s">
        <v>55</v>
      </c>
      <c r="I1548" s="8">
        <v>2027</v>
      </c>
      <c r="J1548" t="s">
        <v>15</v>
      </c>
      <c r="K1548" s="10">
        <v>1660</v>
      </c>
      <c r="L1548">
        <v>1560</v>
      </c>
      <c r="M1548" s="10">
        <v>100</v>
      </c>
      <c r="N1548">
        <v>0</v>
      </c>
    </row>
    <row r="1549" spans="1:14" hidden="1">
      <c r="A1549" s="7" t="s">
        <v>10</v>
      </c>
      <c r="B1549" s="8"/>
      <c r="C1549" s="8" t="s">
        <v>62</v>
      </c>
      <c r="D1549" t="s">
        <v>77</v>
      </c>
      <c r="E1549" s="8" t="s">
        <v>24</v>
      </c>
      <c r="F1549" t="s">
        <v>55</v>
      </c>
      <c r="G1549" t="s">
        <v>79</v>
      </c>
      <c r="H1549" t="s">
        <v>55</v>
      </c>
      <c r="I1549" s="8">
        <v>2027</v>
      </c>
      <c r="J1549" t="s">
        <v>50</v>
      </c>
      <c r="K1549" s="10"/>
      <c r="M1549" s="10"/>
      <c r="N1549">
        <v>0</v>
      </c>
    </row>
    <row r="1550" spans="1:14" hidden="1">
      <c r="A1550" s="7" t="s">
        <v>10</v>
      </c>
      <c r="B1550" s="8"/>
      <c r="C1550" s="8" t="s">
        <v>62</v>
      </c>
      <c r="D1550" t="s">
        <v>77</v>
      </c>
      <c r="E1550" s="8" t="s">
        <v>24</v>
      </c>
      <c r="F1550" t="s">
        <v>55</v>
      </c>
      <c r="G1550" t="s">
        <v>19</v>
      </c>
      <c r="H1550" t="s">
        <v>55</v>
      </c>
      <c r="I1550" s="8">
        <v>2027</v>
      </c>
      <c r="J1550" t="s">
        <v>19</v>
      </c>
      <c r="K1550" s="10"/>
      <c r="M1550" s="10"/>
      <c r="N1550">
        <v>0</v>
      </c>
    </row>
    <row r="1551" spans="1:14" hidden="1">
      <c r="A1551" s="7" t="s">
        <v>10</v>
      </c>
      <c r="B1551" s="8"/>
      <c r="C1551" s="8" t="s">
        <v>62</v>
      </c>
      <c r="D1551" t="s">
        <v>77</v>
      </c>
      <c r="E1551" s="8" t="s">
        <v>24</v>
      </c>
      <c r="F1551" t="s">
        <v>55</v>
      </c>
      <c r="G1551" t="s">
        <v>78</v>
      </c>
      <c r="H1551" t="s">
        <v>55</v>
      </c>
      <c r="I1551" s="8">
        <v>2027</v>
      </c>
      <c r="J1551" t="s">
        <v>21</v>
      </c>
      <c r="K1551" s="10"/>
      <c r="M1551" s="10"/>
      <c r="N1551">
        <v>0</v>
      </c>
    </row>
    <row r="1552" spans="1:14" hidden="1">
      <c r="A1552" s="7" t="s">
        <v>10</v>
      </c>
      <c r="B1552" s="8"/>
      <c r="C1552" s="8" t="s">
        <v>62</v>
      </c>
      <c r="D1552" t="s">
        <v>77</v>
      </c>
      <c r="E1552" s="8" t="s">
        <v>24</v>
      </c>
      <c r="F1552" t="s">
        <v>55</v>
      </c>
      <c r="G1552" t="s">
        <v>78</v>
      </c>
      <c r="H1552" t="s">
        <v>55</v>
      </c>
      <c r="I1552" s="8">
        <v>2027</v>
      </c>
      <c r="J1552" t="s">
        <v>51</v>
      </c>
      <c r="K1552" s="10"/>
      <c r="M1552" s="10"/>
      <c r="N1552">
        <v>0</v>
      </c>
    </row>
    <row r="1553" spans="1:14" hidden="1">
      <c r="A1553" s="7" t="s">
        <v>10</v>
      </c>
      <c r="B1553" s="8"/>
      <c r="C1553" s="8" t="s">
        <v>62</v>
      </c>
      <c r="D1553" t="s">
        <v>77</v>
      </c>
      <c r="E1553" s="8" t="s">
        <v>24</v>
      </c>
      <c r="F1553" t="s">
        <v>55</v>
      </c>
      <c r="G1553" t="s">
        <v>78</v>
      </c>
      <c r="H1553" t="s">
        <v>55</v>
      </c>
      <c r="I1553" s="8">
        <v>2028</v>
      </c>
      <c r="J1553" t="s">
        <v>47</v>
      </c>
      <c r="K1553" s="10"/>
      <c r="M1553" s="10"/>
      <c r="N1553">
        <v>0</v>
      </c>
    </row>
    <row r="1554" spans="1:14" hidden="1">
      <c r="A1554" s="7" t="s">
        <v>10</v>
      </c>
      <c r="B1554" s="8"/>
      <c r="C1554" s="8" t="s">
        <v>62</v>
      </c>
      <c r="D1554" t="s">
        <v>77</v>
      </c>
      <c r="E1554" s="8" t="s">
        <v>24</v>
      </c>
      <c r="F1554" t="s">
        <v>55</v>
      </c>
      <c r="G1554" t="s">
        <v>78</v>
      </c>
      <c r="H1554" t="s">
        <v>55</v>
      </c>
      <c r="I1554" s="8">
        <v>2028</v>
      </c>
      <c r="J1554" t="s">
        <v>48</v>
      </c>
      <c r="K1554" s="10"/>
      <c r="M1554" s="10"/>
      <c r="N1554">
        <v>0</v>
      </c>
    </row>
    <row r="1555" spans="1:14" hidden="1">
      <c r="A1555" s="7" t="s">
        <v>10</v>
      </c>
      <c r="B1555" s="8"/>
      <c r="C1555" s="8" t="s">
        <v>62</v>
      </c>
      <c r="D1555" t="s">
        <v>77</v>
      </c>
      <c r="E1555" s="8" t="s">
        <v>24</v>
      </c>
      <c r="F1555" t="s">
        <v>55</v>
      </c>
      <c r="G1555" t="s">
        <v>78</v>
      </c>
      <c r="H1555" t="s">
        <v>55</v>
      </c>
      <c r="I1555" s="8">
        <v>2028</v>
      </c>
      <c r="J1555" t="s">
        <v>14</v>
      </c>
      <c r="K1555" s="10">
        <v>4329</v>
      </c>
      <c r="L1555">
        <v>578</v>
      </c>
      <c r="M1555" s="10">
        <v>0</v>
      </c>
      <c r="N1555">
        <v>0</v>
      </c>
    </row>
    <row r="1556" spans="1:14" hidden="1">
      <c r="A1556" s="7" t="s">
        <v>10</v>
      </c>
      <c r="B1556" s="8"/>
      <c r="C1556" s="8" t="s">
        <v>62</v>
      </c>
      <c r="D1556" t="s">
        <v>77</v>
      </c>
      <c r="E1556" s="8" t="s">
        <v>24</v>
      </c>
      <c r="F1556" t="s">
        <v>55</v>
      </c>
      <c r="G1556" t="s">
        <v>78</v>
      </c>
      <c r="H1556" t="s">
        <v>55</v>
      </c>
      <c r="I1556" s="8">
        <v>2028</v>
      </c>
      <c r="J1556" t="s">
        <v>49</v>
      </c>
      <c r="K1556" s="10"/>
      <c r="M1556" s="10"/>
      <c r="N1556">
        <v>0</v>
      </c>
    </row>
    <row r="1557" spans="1:14" hidden="1">
      <c r="A1557" s="7" t="s">
        <v>10</v>
      </c>
      <c r="B1557" s="8"/>
      <c r="C1557" s="8" t="s">
        <v>62</v>
      </c>
      <c r="D1557" t="s">
        <v>77</v>
      </c>
      <c r="E1557" s="8" t="s">
        <v>24</v>
      </c>
      <c r="F1557" t="s">
        <v>55</v>
      </c>
      <c r="G1557" t="s">
        <v>79</v>
      </c>
      <c r="H1557" t="s">
        <v>55</v>
      </c>
      <c r="I1557" s="8">
        <v>2028</v>
      </c>
      <c r="J1557" t="s">
        <v>15</v>
      </c>
      <c r="K1557" s="10">
        <v>2736</v>
      </c>
      <c r="L1557">
        <v>2524</v>
      </c>
      <c r="M1557" s="10">
        <v>241</v>
      </c>
      <c r="N1557">
        <v>0</v>
      </c>
    </row>
    <row r="1558" spans="1:14" hidden="1">
      <c r="A1558" s="7" t="s">
        <v>10</v>
      </c>
      <c r="B1558" s="8"/>
      <c r="C1558" s="8" t="s">
        <v>62</v>
      </c>
      <c r="D1558" t="s">
        <v>77</v>
      </c>
      <c r="E1558" s="8" t="s">
        <v>24</v>
      </c>
      <c r="F1558" t="s">
        <v>55</v>
      </c>
      <c r="G1558" t="s">
        <v>79</v>
      </c>
      <c r="H1558" t="s">
        <v>55</v>
      </c>
      <c r="I1558" s="8">
        <v>2028</v>
      </c>
      <c r="J1558" t="s">
        <v>50</v>
      </c>
      <c r="K1558" s="10"/>
      <c r="M1558" s="10"/>
      <c r="N1558">
        <v>0</v>
      </c>
    </row>
    <row r="1559" spans="1:14" hidden="1">
      <c r="A1559" s="7" t="s">
        <v>10</v>
      </c>
      <c r="B1559" s="8"/>
      <c r="C1559" s="8" t="s">
        <v>62</v>
      </c>
      <c r="D1559" t="s">
        <v>77</v>
      </c>
      <c r="E1559" s="8" t="s">
        <v>24</v>
      </c>
      <c r="F1559" t="s">
        <v>55</v>
      </c>
      <c r="G1559" t="s">
        <v>19</v>
      </c>
      <c r="H1559" t="s">
        <v>55</v>
      </c>
      <c r="I1559" s="8">
        <v>2028</v>
      </c>
      <c r="J1559" t="s">
        <v>19</v>
      </c>
      <c r="K1559" s="10"/>
      <c r="M1559" s="10"/>
      <c r="N1559">
        <v>0</v>
      </c>
    </row>
    <row r="1560" spans="1:14" hidden="1">
      <c r="A1560" s="7" t="s">
        <v>10</v>
      </c>
      <c r="B1560" s="8"/>
      <c r="C1560" s="8" t="s">
        <v>62</v>
      </c>
      <c r="D1560" t="s">
        <v>77</v>
      </c>
      <c r="E1560" s="8" t="s">
        <v>24</v>
      </c>
      <c r="F1560" t="s">
        <v>55</v>
      </c>
      <c r="G1560" t="s">
        <v>78</v>
      </c>
      <c r="H1560" t="s">
        <v>55</v>
      </c>
      <c r="I1560" s="8">
        <v>2028</v>
      </c>
      <c r="J1560" t="s">
        <v>21</v>
      </c>
      <c r="K1560" s="10"/>
      <c r="M1560" s="10"/>
      <c r="N1560">
        <v>0</v>
      </c>
    </row>
    <row r="1561" spans="1:14" hidden="1">
      <c r="A1561" s="7" t="s">
        <v>10</v>
      </c>
      <c r="B1561" s="8"/>
      <c r="C1561" s="8" t="s">
        <v>62</v>
      </c>
      <c r="D1561" t="s">
        <v>77</v>
      </c>
      <c r="E1561" s="8" t="s">
        <v>24</v>
      </c>
      <c r="F1561" t="s">
        <v>55</v>
      </c>
      <c r="G1561" t="s">
        <v>78</v>
      </c>
      <c r="H1561" t="s">
        <v>55</v>
      </c>
      <c r="I1561" s="8">
        <v>2028</v>
      </c>
      <c r="J1561" t="s">
        <v>51</v>
      </c>
      <c r="K1561" s="10"/>
      <c r="M1561" s="10"/>
      <c r="N1561">
        <v>0</v>
      </c>
    </row>
    <row r="1562" spans="1:14" hidden="1">
      <c r="A1562" s="7" t="s">
        <v>10</v>
      </c>
      <c r="B1562" s="8"/>
      <c r="C1562" s="8" t="s">
        <v>62</v>
      </c>
      <c r="D1562" t="s">
        <v>77</v>
      </c>
      <c r="E1562" s="8" t="s">
        <v>24</v>
      </c>
      <c r="F1562" t="s">
        <v>55</v>
      </c>
      <c r="G1562" t="s">
        <v>78</v>
      </c>
      <c r="H1562" t="s">
        <v>55</v>
      </c>
      <c r="I1562" s="8">
        <v>2029</v>
      </c>
      <c r="J1562" t="s">
        <v>47</v>
      </c>
      <c r="K1562" s="10"/>
      <c r="M1562" s="10"/>
      <c r="N1562">
        <v>0</v>
      </c>
    </row>
    <row r="1563" spans="1:14" hidden="1">
      <c r="A1563" s="7" t="s">
        <v>10</v>
      </c>
      <c r="B1563" s="8"/>
      <c r="C1563" s="8" t="s">
        <v>62</v>
      </c>
      <c r="D1563" t="s">
        <v>77</v>
      </c>
      <c r="E1563" s="8" t="s">
        <v>24</v>
      </c>
      <c r="F1563" t="s">
        <v>55</v>
      </c>
      <c r="G1563" t="s">
        <v>78</v>
      </c>
      <c r="H1563" t="s">
        <v>55</v>
      </c>
      <c r="I1563" s="8">
        <v>2029</v>
      </c>
      <c r="J1563" t="s">
        <v>48</v>
      </c>
      <c r="K1563" s="10"/>
      <c r="M1563" s="10"/>
      <c r="N1563">
        <v>0</v>
      </c>
    </row>
    <row r="1564" spans="1:14" hidden="1">
      <c r="A1564" s="7" t="s">
        <v>10</v>
      </c>
      <c r="B1564" s="8"/>
      <c r="C1564" s="8" t="s">
        <v>62</v>
      </c>
      <c r="D1564" t="s">
        <v>77</v>
      </c>
      <c r="E1564" s="8" t="s">
        <v>24</v>
      </c>
      <c r="F1564" t="s">
        <v>55</v>
      </c>
      <c r="G1564" t="s">
        <v>78</v>
      </c>
      <c r="H1564" t="s">
        <v>55</v>
      </c>
      <c r="I1564" s="8">
        <v>2029</v>
      </c>
      <c r="J1564" t="s">
        <v>14</v>
      </c>
      <c r="K1564" s="10">
        <v>6396</v>
      </c>
      <c r="L1564">
        <v>785</v>
      </c>
      <c r="M1564" s="10">
        <v>0</v>
      </c>
      <c r="N1564">
        <v>0</v>
      </c>
    </row>
    <row r="1565" spans="1:14" hidden="1">
      <c r="A1565" s="7" t="s">
        <v>10</v>
      </c>
      <c r="B1565" s="8"/>
      <c r="C1565" s="8" t="s">
        <v>62</v>
      </c>
      <c r="D1565" t="s">
        <v>77</v>
      </c>
      <c r="E1565" s="8" t="s">
        <v>24</v>
      </c>
      <c r="F1565" t="s">
        <v>55</v>
      </c>
      <c r="G1565" t="s">
        <v>78</v>
      </c>
      <c r="H1565" t="s">
        <v>55</v>
      </c>
      <c r="I1565" s="8">
        <v>2029</v>
      </c>
      <c r="J1565" t="s">
        <v>49</v>
      </c>
      <c r="K1565" s="10"/>
      <c r="M1565" s="10"/>
      <c r="N1565">
        <v>0</v>
      </c>
    </row>
    <row r="1566" spans="1:14" hidden="1">
      <c r="A1566" s="7" t="s">
        <v>10</v>
      </c>
      <c r="B1566" s="8"/>
      <c r="C1566" s="8" t="s">
        <v>62</v>
      </c>
      <c r="D1566" t="s">
        <v>77</v>
      </c>
      <c r="E1566" s="8" t="s">
        <v>24</v>
      </c>
      <c r="F1566" t="s">
        <v>55</v>
      </c>
      <c r="G1566" t="s">
        <v>79</v>
      </c>
      <c r="H1566" t="s">
        <v>55</v>
      </c>
      <c r="I1566" s="8">
        <v>2029</v>
      </c>
      <c r="J1566" t="s">
        <v>15</v>
      </c>
      <c r="K1566" s="10">
        <v>3525</v>
      </c>
      <c r="L1566">
        <v>3284</v>
      </c>
      <c r="M1566" s="10">
        <v>241</v>
      </c>
      <c r="N1566">
        <v>0</v>
      </c>
    </row>
    <row r="1567" spans="1:14" hidden="1">
      <c r="A1567" s="7" t="s">
        <v>10</v>
      </c>
      <c r="B1567" s="8"/>
      <c r="C1567" s="8" t="s">
        <v>62</v>
      </c>
      <c r="D1567" t="s">
        <v>77</v>
      </c>
      <c r="E1567" s="8" t="s">
        <v>24</v>
      </c>
      <c r="F1567" t="s">
        <v>55</v>
      </c>
      <c r="G1567" t="s">
        <v>79</v>
      </c>
      <c r="H1567" t="s">
        <v>55</v>
      </c>
      <c r="I1567" s="8">
        <v>2029</v>
      </c>
      <c r="J1567" t="s">
        <v>50</v>
      </c>
      <c r="K1567" s="10"/>
      <c r="M1567" s="10"/>
      <c r="N1567">
        <v>0</v>
      </c>
    </row>
    <row r="1568" spans="1:14" hidden="1">
      <c r="A1568" s="7" t="s">
        <v>10</v>
      </c>
      <c r="B1568" s="8"/>
      <c r="C1568" s="8" t="s">
        <v>62</v>
      </c>
      <c r="D1568" t="s">
        <v>77</v>
      </c>
      <c r="E1568" s="8" t="s">
        <v>24</v>
      </c>
      <c r="F1568" t="s">
        <v>55</v>
      </c>
      <c r="G1568" t="s">
        <v>19</v>
      </c>
      <c r="H1568" t="s">
        <v>55</v>
      </c>
      <c r="I1568" s="8">
        <v>2029</v>
      </c>
      <c r="J1568" t="s">
        <v>19</v>
      </c>
      <c r="K1568" s="10"/>
      <c r="M1568" s="10"/>
      <c r="N1568">
        <v>0</v>
      </c>
    </row>
    <row r="1569" spans="1:14" hidden="1">
      <c r="A1569" s="7" t="s">
        <v>10</v>
      </c>
      <c r="B1569" s="8"/>
      <c r="C1569" s="8" t="s">
        <v>62</v>
      </c>
      <c r="D1569" t="s">
        <v>77</v>
      </c>
      <c r="E1569" s="8" t="s">
        <v>24</v>
      </c>
      <c r="F1569" t="s">
        <v>55</v>
      </c>
      <c r="G1569" t="s">
        <v>78</v>
      </c>
      <c r="H1569" t="s">
        <v>55</v>
      </c>
      <c r="I1569" s="8">
        <v>2029</v>
      </c>
      <c r="J1569" t="s">
        <v>21</v>
      </c>
      <c r="K1569" s="10"/>
      <c r="M1569" s="10"/>
      <c r="N1569">
        <v>0</v>
      </c>
    </row>
    <row r="1570" spans="1:14" hidden="1">
      <c r="A1570" s="7" t="s">
        <v>10</v>
      </c>
      <c r="B1570" s="8"/>
      <c r="C1570" s="8" t="s">
        <v>62</v>
      </c>
      <c r="D1570" t="s">
        <v>77</v>
      </c>
      <c r="E1570" s="8" t="s">
        <v>24</v>
      </c>
      <c r="F1570" t="s">
        <v>55</v>
      </c>
      <c r="G1570" t="s">
        <v>78</v>
      </c>
      <c r="H1570" t="s">
        <v>55</v>
      </c>
      <c r="I1570" s="8">
        <v>2029</v>
      </c>
      <c r="J1570" t="s">
        <v>51</v>
      </c>
      <c r="K1570" s="10"/>
      <c r="M1570" s="10"/>
      <c r="N1570">
        <v>0</v>
      </c>
    </row>
    <row r="1571" spans="1:14" hidden="1">
      <c r="A1571" s="7" t="s">
        <v>10</v>
      </c>
      <c r="B1571" s="8"/>
      <c r="C1571" s="8" t="s">
        <v>62</v>
      </c>
      <c r="D1571" t="s">
        <v>77</v>
      </c>
      <c r="E1571" s="8" t="s">
        <v>24</v>
      </c>
      <c r="F1571" t="s">
        <v>55</v>
      </c>
      <c r="G1571" t="s">
        <v>78</v>
      </c>
      <c r="H1571" t="s">
        <v>55</v>
      </c>
      <c r="I1571" s="8">
        <v>2030</v>
      </c>
      <c r="J1571" t="s">
        <v>47</v>
      </c>
      <c r="K1571" s="10"/>
      <c r="M1571" s="10"/>
      <c r="N1571">
        <v>0</v>
      </c>
    </row>
    <row r="1572" spans="1:14" hidden="1">
      <c r="A1572" s="7" t="s">
        <v>10</v>
      </c>
      <c r="B1572" s="8"/>
      <c r="C1572" s="8" t="s">
        <v>62</v>
      </c>
      <c r="D1572" t="s">
        <v>77</v>
      </c>
      <c r="E1572" s="8" t="s">
        <v>24</v>
      </c>
      <c r="F1572" t="s">
        <v>55</v>
      </c>
      <c r="G1572" t="s">
        <v>78</v>
      </c>
      <c r="H1572" t="s">
        <v>55</v>
      </c>
      <c r="I1572" s="8">
        <v>2030</v>
      </c>
      <c r="J1572" t="s">
        <v>48</v>
      </c>
      <c r="K1572" s="10"/>
      <c r="M1572" s="10"/>
      <c r="N1572">
        <v>0</v>
      </c>
    </row>
    <row r="1573" spans="1:14" hidden="1">
      <c r="A1573" s="7" t="s">
        <v>10</v>
      </c>
      <c r="B1573" s="8"/>
      <c r="C1573" s="8" t="s">
        <v>62</v>
      </c>
      <c r="D1573" t="s">
        <v>77</v>
      </c>
      <c r="E1573" s="8" t="s">
        <v>24</v>
      </c>
      <c r="F1573" t="s">
        <v>55</v>
      </c>
      <c r="G1573" t="s">
        <v>78</v>
      </c>
      <c r="H1573" t="s">
        <v>55</v>
      </c>
      <c r="I1573" s="8">
        <v>2030</v>
      </c>
      <c r="J1573" t="s">
        <v>14</v>
      </c>
      <c r="K1573" s="10">
        <v>7212</v>
      </c>
      <c r="L1573">
        <v>882</v>
      </c>
      <c r="M1573" s="10">
        <v>0</v>
      </c>
      <c r="N1573">
        <v>0</v>
      </c>
    </row>
    <row r="1574" spans="1:14" hidden="1">
      <c r="A1574" s="7" t="s">
        <v>10</v>
      </c>
      <c r="B1574" s="8"/>
      <c r="C1574" s="8" t="s">
        <v>62</v>
      </c>
      <c r="D1574" t="s">
        <v>77</v>
      </c>
      <c r="E1574" s="8" t="s">
        <v>24</v>
      </c>
      <c r="F1574" t="s">
        <v>55</v>
      </c>
      <c r="G1574" t="s">
        <v>78</v>
      </c>
      <c r="H1574" t="s">
        <v>55</v>
      </c>
      <c r="I1574" s="8">
        <v>2030</v>
      </c>
      <c r="J1574" t="s">
        <v>49</v>
      </c>
      <c r="K1574" s="10"/>
      <c r="M1574" s="10"/>
      <c r="N1574">
        <v>0</v>
      </c>
    </row>
    <row r="1575" spans="1:14" hidden="1">
      <c r="A1575" s="7" t="s">
        <v>10</v>
      </c>
      <c r="B1575" s="8"/>
      <c r="C1575" s="8" t="s">
        <v>62</v>
      </c>
      <c r="D1575" t="s">
        <v>77</v>
      </c>
      <c r="E1575" s="8" t="s">
        <v>24</v>
      </c>
      <c r="F1575" t="s">
        <v>55</v>
      </c>
      <c r="G1575" t="s">
        <v>79</v>
      </c>
      <c r="H1575" t="s">
        <v>55</v>
      </c>
      <c r="I1575" s="8">
        <v>2030</v>
      </c>
      <c r="J1575" t="s">
        <v>15</v>
      </c>
      <c r="K1575" s="10">
        <v>3961</v>
      </c>
      <c r="L1575">
        <v>3706</v>
      </c>
      <c r="M1575" s="10">
        <v>255</v>
      </c>
      <c r="N1575">
        <v>0</v>
      </c>
    </row>
    <row r="1576" spans="1:14" hidden="1">
      <c r="A1576" s="7" t="s">
        <v>10</v>
      </c>
      <c r="B1576" s="8"/>
      <c r="C1576" s="8" t="s">
        <v>62</v>
      </c>
      <c r="D1576" t="s">
        <v>77</v>
      </c>
      <c r="E1576" s="8" t="s">
        <v>24</v>
      </c>
      <c r="F1576" t="s">
        <v>55</v>
      </c>
      <c r="G1576" t="s">
        <v>79</v>
      </c>
      <c r="H1576" t="s">
        <v>55</v>
      </c>
      <c r="I1576" s="8">
        <v>2030</v>
      </c>
      <c r="J1576" t="s">
        <v>50</v>
      </c>
      <c r="K1576" s="10"/>
      <c r="M1576" s="10"/>
      <c r="N1576">
        <v>0</v>
      </c>
    </row>
    <row r="1577" spans="1:14" hidden="1">
      <c r="A1577" s="7" t="s">
        <v>10</v>
      </c>
      <c r="B1577" s="8"/>
      <c r="C1577" s="8" t="s">
        <v>62</v>
      </c>
      <c r="D1577" t="s">
        <v>77</v>
      </c>
      <c r="E1577" s="8" t="s">
        <v>24</v>
      </c>
      <c r="F1577" t="s">
        <v>55</v>
      </c>
      <c r="G1577" t="s">
        <v>19</v>
      </c>
      <c r="H1577" t="s">
        <v>55</v>
      </c>
      <c r="I1577" s="8">
        <v>2030</v>
      </c>
      <c r="J1577" t="s">
        <v>19</v>
      </c>
      <c r="K1577" s="10"/>
      <c r="M1577" s="10"/>
      <c r="N1577">
        <v>0</v>
      </c>
    </row>
    <row r="1578" spans="1:14" hidden="1">
      <c r="A1578" s="7" t="s">
        <v>10</v>
      </c>
      <c r="B1578" s="8"/>
      <c r="C1578" s="8" t="s">
        <v>62</v>
      </c>
      <c r="D1578" t="s">
        <v>77</v>
      </c>
      <c r="E1578" s="8" t="s">
        <v>24</v>
      </c>
      <c r="F1578" t="s">
        <v>55</v>
      </c>
      <c r="G1578" t="s">
        <v>78</v>
      </c>
      <c r="H1578" t="s">
        <v>55</v>
      </c>
      <c r="I1578" s="8">
        <v>2030</v>
      </c>
      <c r="J1578" t="s">
        <v>21</v>
      </c>
      <c r="K1578" s="10"/>
      <c r="M1578" s="10"/>
      <c r="N1578">
        <v>0</v>
      </c>
    </row>
    <row r="1579" spans="1:14" hidden="1">
      <c r="A1579" s="7" t="s">
        <v>10</v>
      </c>
      <c r="B1579" s="8"/>
      <c r="C1579" s="8" t="s">
        <v>62</v>
      </c>
      <c r="D1579" t="s">
        <v>77</v>
      </c>
      <c r="E1579" s="8" t="s">
        <v>24</v>
      </c>
      <c r="F1579" t="s">
        <v>55</v>
      </c>
      <c r="G1579" t="s">
        <v>78</v>
      </c>
      <c r="H1579" t="s">
        <v>55</v>
      </c>
      <c r="I1579" s="8">
        <v>2030</v>
      </c>
      <c r="J1579" t="s">
        <v>51</v>
      </c>
      <c r="K1579" s="10"/>
      <c r="M1579" s="10"/>
      <c r="N1579">
        <v>0</v>
      </c>
    </row>
    <row r="1580" spans="1:14" hidden="1">
      <c r="A1580" s="7" t="s">
        <v>10</v>
      </c>
      <c r="B1580" s="8"/>
      <c r="C1580" s="8" t="s">
        <v>62</v>
      </c>
      <c r="D1580" t="s">
        <v>77</v>
      </c>
      <c r="E1580" s="8" t="s">
        <v>24</v>
      </c>
      <c r="F1580" t="s">
        <v>55</v>
      </c>
      <c r="G1580" t="s">
        <v>78</v>
      </c>
      <c r="H1580" t="s">
        <v>55</v>
      </c>
      <c r="I1580" s="8">
        <v>2031</v>
      </c>
      <c r="J1580" t="s">
        <v>47</v>
      </c>
      <c r="K1580" s="10"/>
      <c r="M1580" s="10"/>
      <c r="N1580">
        <v>0</v>
      </c>
    </row>
    <row r="1581" spans="1:14" hidden="1">
      <c r="A1581" s="7" t="s">
        <v>10</v>
      </c>
      <c r="B1581" s="8"/>
      <c r="C1581" s="8" t="s">
        <v>62</v>
      </c>
      <c r="D1581" t="s">
        <v>77</v>
      </c>
      <c r="E1581" s="8" t="s">
        <v>24</v>
      </c>
      <c r="F1581" t="s">
        <v>55</v>
      </c>
      <c r="G1581" t="s">
        <v>78</v>
      </c>
      <c r="H1581" t="s">
        <v>55</v>
      </c>
      <c r="I1581" s="8">
        <v>2031</v>
      </c>
      <c r="J1581" t="s">
        <v>48</v>
      </c>
      <c r="K1581" s="10"/>
      <c r="M1581" s="10"/>
      <c r="N1581">
        <v>0</v>
      </c>
    </row>
    <row r="1582" spans="1:14" hidden="1">
      <c r="A1582" s="7" t="s">
        <v>10</v>
      </c>
      <c r="B1582" s="8"/>
      <c r="C1582" s="8" t="s">
        <v>62</v>
      </c>
      <c r="D1582" t="s">
        <v>77</v>
      </c>
      <c r="E1582" s="8" t="s">
        <v>24</v>
      </c>
      <c r="F1582" t="s">
        <v>55</v>
      </c>
      <c r="G1582" t="s">
        <v>78</v>
      </c>
      <c r="H1582" t="s">
        <v>55</v>
      </c>
      <c r="I1582" s="8">
        <v>2031</v>
      </c>
      <c r="J1582" t="s">
        <v>14</v>
      </c>
      <c r="K1582" s="10">
        <v>7849</v>
      </c>
      <c r="L1582">
        <v>968</v>
      </c>
      <c r="M1582" s="10">
        <v>0</v>
      </c>
      <c r="N1582">
        <v>0</v>
      </c>
    </row>
    <row r="1583" spans="1:14" hidden="1">
      <c r="A1583" s="7" t="s">
        <v>10</v>
      </c>
      <c r="B1583" s="8"/>
      <c r="C1583" s="8" t="s">
        <v>62</v>
      </c>
      <c r="D1583" t="s">
        <v>77</v>
      </c>
      <c r="E1583" s="8" t="s">
        <v>24</v>
      </c>
      <c r="F1583" t="s">
        <v>55</v>
      </c>
      <c r="G1583" t="s">
        <v>78</v>
      </c>
      <c r="H1583" t="s">
        <v>55</v>
      </c>
      <c r="I1583" s="8">
        <v>2031</v>
      </c>
      <c r="J1583" t="s">
        <v>49</v>
      </c>
      <c r="K1583" s="10"/>
      <c r="M1583" s="10"/>
      <c r="N1583">
        <v>0</v>
      </c>
    </row>
    <row r="1584" spans="1:14" hidden="1">
      <c r="A1584" s="7" t="s">
        <v>10</v>
      </c>
      <c r="B1584" s="8"/>
      <c r="C1584" s="8" t="s">
        <v>62</v>
      </c>
      <c r="D1584" t="s">
        <v>77</v>
      </c>
      <c r="E1584" s="8" t="s">
        <v>24</v>
      </c>
      <c r="F1584" t="s">
        <v>55</v>
      </c>
      <c r="G1584" t="s">
        <v>79</v>
      </c>
      <c r="H1584" t="s">
        <v>55</v>
      </c>
      <c r="I1584" s="8">
        <v>2031</v>
      </c>
      <c r="J1584" t="s">
        <v>15</v>
      </c>
      <c r="K1584" s="10">
        <v>4359</v>
      </c>
      <c r="L1584">
        <v>4104</v>
      </c>
      <c r="M1584" s="10">
        <v>255</v>
      </c>
      <c r="N1584">
        <v>0</v>
      </c>
    </row>
    <row r="1585" spans="1:14" hidden="1">
      <c r="A1585" s="7" t="s">
        <v>10</v>
      </c>
      <c r="B1585" s="8"/>
      <c r="C1585" s="8" t="s">
        <v>62</v>
      </c>
      <c r="D1585" t="s">
        <v>77</v>
      </c>
      <c r="E1585" s="8" t="s">
        <v>24</v>
      </c>
      <c r="F1585" t="s">
        <v>55</v>
      </c>
      <c r="G1585" t="s">
        <v>79</v>
      </c>
      <c r="H1585" t="s">
        <v>55</v>
      </c>
      <c r="I1585" s="8">
        <v>2031</v>
      </c>
      <c r="J1585" t="s">
        <v>50</v>
      </c>
      <c r="K1585" s="10"/>
      <c r="M1585" s="10"/>
      <c r="N1585">
        <v>0</v>
      </c>
    </row>
    <row r="1586" spans="1:14" hidden="1">
      <c r="A1586" s="7" t="s">
        <v>10</v>
      </c>
      <c r="B1586" s="8"/>
      <c r="C1586" s="8" t="s">
        <v>62</v>
      </c>
      <c r="D1586" t="s">
        <v>77</v>
      </c>
      <c r="E1586" s="8" t="s">
        <v>24</v>
      </c>
      <c r="F1586" t="s">
        <v>55</v>
      </c>
      <c r="G1586" t="s">
        <v>19</v>
      </c>
      <c r="H1586" t="s">
        <v>55</v>
      </c>
      <c r="I1586" s="8">
        <v>2031</v>
      </c>
      <c r="J1586" t="s">
        <v>19</v>
      </c>
      <c r="K1586" s="10"/>
      <c r="M1586" s="10"/>
      <c r="N1586">
        <v>0</v>
      </c>
    </row>
    <row r="1587" spans="1:14" hidden="1">
      <c r="A1587" s="7" t="s">
        <v>10</v>
      </c>
      <c r="B1587" s="8"/>
      <c r="C1587" s="8" t="s">
        <v>62</v>
      </c>
      <c r="D1587" t="s">
        <v>77</v>
      </c>
      <c r="E1587" s="8" t="s">
        <v>24</v>
      </c>
      <c r="F1587" t="s">
        <v>55</v>
      </c>
      <c r="G1587" t="s">
        <v>78</v>
      </c>
      <c r="H1587" t="s">
        <v>55</v>
      </c>
      <c r="I1587" s="8">
        <v>2031</v>
      </c>
      <c r="J1587" t="s">
        <v>21</v>
      </c>
      <c r="K1587" s="10"/>
      <c r="M1587" s="10"/>
      <c r="N1587">
        <v>0</v>
      </c>
    </row>
    <row r="1588" spans="1:14" hidden="1">
      <c r="A1588" s="7" t="s">
        <v>10</v>
      </c>
      <c r="B1588" s="8"/>
      <c r="C1588" s="8" t="s">
        <v>62</v>
      </c>
      <c r="D1588" t="s">
        <v>77</v>
      </c>
      <c r="E1588" s="8" t="s">
        <v>24</v>
      </c>
      <c r="F1588" t="s">
        <v>55</v>
      </c>
      <c r="G1588" t="s">
        <v>78</v>
      </c>
      <c r="H1588" t="s">
        <v>55</v>
      </c>
      <c r="I1588" s="8">
        <v>2031</v>
      </c>
      <c r="J1588" t="s">
        <v>51</v>
      </c>
      <c r="K1588" s="10"/>
      <c r="M1588" s="10"/>
      <c r="N1588">
        <v>0</v>
      </c>
    </row>
    <row r="1589" spans="1:14" hidden="1">
      <c r="A1589" s="7" t="s">
        <v>10</v>
      </c>
      <c r="B1589" s="8"/>
      <c r="C1589" s="8" t="s">
        <v>62</v>
      </c>
      <c r="D1589" t="s">
        <v>77</v>
      </c>
      <c r="E1589" s="8" t="s">
        <v>24</v>
      </c>
      <c r="F1589" t="s">
        <v>55</v>
      </c>
      <c r="G1589" t="s">
        <v>78</v>
      </c>
      <c r="H1589" t="s">
        <v>55</v>
      </c>
      <c r="I1589" s="8">
        <v>2032</v>
      </c>
      <c r="J1589" t="s">
        <v>47</v>
      </c>
      <c r="K1589" s="10"/>
      <c r="M1589" s="10"/>
      <c r="N1589">
        <v>0</v>
      </c>
    </row>
    <row r="1590" spans="1:14" hidden="1">
      <c r="A1590" s="7" t="s">
        <v>10</v>
      </c>
      <c r="B1590" s="8"/>
      <c r="C1590" s="8" t="s">
        <v>62</v>
      </c>
      <c r="D1590" t="s">
        <v>77</v>
      </c>
      <c r="E1590" s="8" t="s">
        <v>24</v>
      </c>
      <c r="F1590" t="s">
        <v>55</v>
      </c>
      <c r="G1590" t="s">
        <v>78</v>
      </c>
      <c r="H1590" t="s">
        <v>55</v>
      </c>
      <c r="I1590" s="8">
        <v>2032</v>
      </c>
      <c r="J1590" t="s">
        <v>48</v>
      </c>
      <c r="K1590" s="10"/>
      <c r="M1590" s="10"/>
      <c r="N1590">
        <v>0</v>
      </c>
    </row>
    <row r="1591" spans="1:14" hidden="1">
      <c r="A1591" s="7" t="s">
        <v>10</v>
      </c>
      <c r="B1591" s="8"/>
      <c r="C1591" s="8" t="s">
        <v>62</v>
      </c>
      <c r="D1591" t="s">
        <v>77</v>
      </c>
      <c r="E1591" s="8" t="s">
        <v>24</v>
      </c>
      <c r="F1591" t="s">
        <v>55</v>
      </c>
      <c r="G1591" t="s">
        <v>78</v>
      </c>
      <c r="H1591" t="s">
        <v>55</v>
      </c>
      <c r="I1591" s="8">
        <v>2032</v>
      </c>
      <c r="J1591" t="s">
        <v>14</v>
      </c>
      <c r="K1591" s="10">
        <v>8272</v>
      </c>
      <c r="L1591">
        <v>1024</v>
      </c>
      <c r="M1591" s="10">
        <v>0</v>
      </c>
      <c r="N1591">
        <v>0</v>
      </c>
    </row>
    <row r="1592" spans="1:14" hidden="1">
      <c r="A1592" s="7" t="s">
        <v>10</v>
      </c>
      <c r="B1592" s="8"/>
      <c r="C1592" s="8" t="s">
        <v>62</v>
      </c>
      <c r="D1592" t="s">
        <v>77</v>
      </c>
      <c r="E1592" s="8" t="s">
        <v>24</v>
      </c>
      <c r="F1592" t="s">
        <v>55</v>
      </c>
      <c r="G1592" t="s">
        <v>78</v>
      </c>
      <c r="H1592" t="s">
        <v>55</v>
      </c>
      <c r="I1592" s="8">
        <v>2032</v>
      </c>
      <c r="J1592" t="s">
        <v>49</v>
      </c>
      <c r="K1592" s="10"/>
      <c r="M1592" s="10"/>
      <c r="N1592">
        <v>0</v>
      </c>
    </row>
    <row r="1593" spans="1:14" hidden="1">
      <c r="A1593" s="7" t="s">
        <v>10</v>
      </c>
      <c r="B1593" s="8"/>
      <c r="C1593" s="8" t="s">
        <v>62</v>
      </c>
      <c r="D1593" t="s">
        <v>77</v>
      </c>
      <c r="E1593" s="8" t="s">
        <v>24</v>
      </c>
      <c r="F1593" t="s">
        <v>55</v>
      </c>
      <c r="G1593" t="s">
        <v>79</v>
      </c>
      <c r="H1593" t="s">
        <v>55</v>
      </c>
      <c r="I1593" s="8">
        <v>2032</v>
      </c>
      <c r="J1593" t="s">
        <v>15</v>
      </c>
      <c r="K1593" s="10">
        <v>4605</v>
      </c>
      <c r="L1593">
        <v>4350</v>
      </c>
      <c r="M1593" s="10">
        <v>255</v>
      </c>
      <c r="N1593">
        <v>0</v>
      </c>
    </row>
    <row r="1594" spans="1:14" hidden="1">
      <c r="A1594" s="7" t="s">
        <v>10</v>
      </c>
      <c r="B1594" s="8"/>
      <c r="C1594" s="8" t="s">
        <v>62</v>
      </c>
      <c r="D1594" t="s">
        <v>77</v>
      </c>
      <c r="E1594" s="8" t="s">
        <v>24</v>
      </c>
      <c r="F1594" t="s">
        <v>55</v>
      </c>
      <c r="G1594" t="s">
        <v>79</v>
      </c>
      <c r="H1594" t="s">
        <v>55</v>
      </c>
      <c r="I1594" s="8">
        <v>2032</v>
      </c>
      <c r="J1594" t="s">
        <v>50</v>
      </c>
      <c r="K1594" s="10"/>
      <c r="M1594" s="10"/>
      <c r="N1594">
        <v>0</v>
      </c>
    </row>
    <row r="1595" spans="1:14" hidden="1">
      <c r="A1595" s="7" t="s">
        <v>10</v>
      </c>
      <c r="B1595" s="8"/>
      <c r="C1595" s="8" t="s">
        <v>62</v>
      </c>
      <c r="D1595" t="s">
        <v>77</v>
      </c>
      <c r="E1595" s="8" t="s">
        <v>24</v>
      </c>
      <c r="F1595" t="s">
        <v>55</v>
      </c>
      <c r="G1595" t="s">
        <v>19</v>
      </c>
      <c r="H1595" t="s">
        <v>55</v>
      </c>
      <c r="I1595" s="8">
        <v>2032</v>
      </c>
      <c r="J1595" t="s">
        <v>19</v>
      </c>
      <c r="K1595" s="10"/>
      <c r="M1595" s="10"/>
      <c r="N1595">
        <v>0</v>
      </c>
    </row>
    <row r="1596" spans="1:14" hidden="1">
      <c r="A1596" s="7" t="s">
        <v>10</v>
      </c>
      <c r="B1596" s="8"/>
      <c r="C1596" s="8" t="s">
        <v>62</v>
      </c>
      <c r="D1596" t="s">
        <v>77</v>
      </c>
      <c r="E1596" s="8" t="s">
        <v>24</v>
      </c>
      <c r="F1596" t="s">
        <v>55</v>
      </c>
      <c r="G1596" t="s">
        <v>78</v>
      </c>
      <c r="H1596" t="s">
        <v>55</v>
      </c>
      <c r="I1596" s="8">
        <v>2032</v>
      </c>
      <c r="J1596" t="s">
        <v>21</v>
      </c>
      <c r="K1596" s="10"/>
      <c r="M1596" s="10"/>
      <c r="N1596">
        <v>0</v>
      </c>
    </row>
    <row r="1597" spans="1:14" hidden="1">
      <c r="A1597" s="7" t="s">
        <v>10</v>
      </c>
      <c r="B1597" s="8"/>
      <c r="C1597" s="8" t="s">
        <v>62</v>
      </c>
      <c r="D1597" t="s">
        <v>77</v>
      </c>
      <c r="E1597" s="8" t="s">
        <v>24</v>
      </c>
      <c r="F1597" t="s">
        <v>55</v>
      </c>
      <c r="G1597" t="s">
        <v>78</v>
      </c>
      <c r="H1597" t="s">
        <v>55</v>
      </c>
      <c r="I1597" s="8">
        <v>2032</v>
      </c>
      <c r="J1597" t="s">
        <v>51</v>
      </c>
      <c r="K1597" s="10"/>
      <c r="M1597" s="10"/>
      <c r="N1597">
        <v>0</v>
      </c>
    </row>
    <row r="1598" spans="1:14" hidden="1">
      <c r="A1598" s="7" t="s">
        <v>10</v>
      </c>
      <c r="B1598" s="8"/>
      <c r="C1598" s="8" t="s">
        <v>62</v>
      </c>
      <c r="D1598" t="s">
        <v>77</v>
      </c>
      <c r="E1598" s="8" t="s">
        <v>24</v>
      </c>
      <c r="F1598" t="s">
        <v>55</v>
      </c>
      <c r="G1598" t="s">
        <v>78</v>
      </c>
      <c r="H1598" t="s">
        <v>55</v>
      </c>
      <c r="I1598" s="8">
        <v>2033</v>
      </c>
      <c r="J1598" t="s">
        <v>47</v>
      </c>
      <c r="K1598" s="10"/>
      <c r="M1598" s="10"/>
      <c r="N1598">
        <v>0</v>
      </c>
    </row>
    <row r="1599" spans="1:14" hidden="1">
      <c r="A1599" s="7" t="s">
        <v>10</v>
      </c>
      <c r="B1599" s="8"/>
      <c r="C1599" s="8" t="s">
        <v>62</v>
      </c>
      <c r="D1599" t="s">
        <v>77</v>
      </c>
      <c r="E1599" s="8" t="s">
        <v>24</v>
      </c>
      <c r="F1599" t="s">
        <v>55</v>
      </c>
      <c r="G1599" t="s">
        <v>78</v>
      </c>
      <c r="H1599" t="s">
        <v>55</v>
      </c>
      <c r="I1599" s="8">
        <v>2033</v>
      </c>
      <c r="J1599" t="s">
        <v>48</v>
      </c>
      <c r="K1599" s="10"/>
      <c r="M1599" s="10"/>
      <c r="N1599">
        <v>0</v>
      </c>
    </row>
    <row r="1600" spans="1:14" hidden="1">
      <c r="A1600" s="7" t="s">
        <v>10</v>
      </c>
      <c r="B1600" s="8"/>
      <c r="C1600" s="8" t="s">
        <v>62</v>
      </c>
      <c r="D1600" t="s">
        <v>77</v>
      </c>
      <c r="E1600" s="8" t="s">
        <v>24</v>
      </c>
      <c r="F1600" t="s">
        <v>55</v>
      </c>
      <c r="G1600" t="s">
        <v>78</v>
      </c>
      <c r="H1600" t="s">
        <v>55</v>
      </c>
      <c r="I1600" s="8">
        <v>2033</v>
      </c>
      <c r="J1600" t="s">
        <v>14</v>
      </c>
      <c r="K1600" s="10">
        <v>8333</v>
      </c>
      <c r="L1600">
        <v>1033</v>
      </c>
      <c r="M1600" s="10">
        <v>0</v>
      </c>
      <c r="N1600">
        <v>0</v>
      </c>
    </row>
    <row r="1601" spans="1:14" hidden="1">
      <c r="A1601" s="7" t="s">
        <v>10</v>
      </c>
      <c r="B1601" s="8"/>
      <c r="C1601" s="8" t="s">
        <v>62</v>
      </c>
      <c r="D1601" t="s">
        <v>77</v>
      </c>
      <c r="E1601" s="8" t="s">
        <v>24</v>
      </c>
      <c r="F1601" t="s">
        <v>55</v>
      </c>
      <c r="G1601" t="s">
        <v>78</v>
      </c>
      <c r="H1601" t="s">
        <v>55</v>
      </c>
      <c r="I1601" s="8">
        <v>2033</v>
      </c>
      <c r="J1601" t="s">
        <v>49</v>
      </c>
      <c r="K1601" s="10"/>
      <c r="M1601" s="10"/>
      <c r="N1601">
        <v>0</v>
      </c>
    </row>
    <row r="1602" spans="1:14" hidden="1">
      <c r="A1602" s="7" t="s">
        <v>10</v>
      </c>
      <c r="B1602" s="8"/>
      <c r="C1602" s="8" t="s">
        <v>62</v>
      </c>
      <c r="D1602" t="s">
        <v>77</v>
      </c>
      <c r="E1602" s="8" t="s">
        <v>24</v>
      </c>
      <c r="F1602" t="s">
        <v>55</v>
      </c>
      <c r="G1602" t="s">
        <v>79</v>
      </c>
      <c r="H1602" t="s">
        <v>55</v>
      </c>
      <c r="I1602" s="8">
        <v>2033</v>
      </c>
      <c r="J1602" t="s">
        <v>15</v>
      </c>
      <c r="K1602" s="10">
        <v>4650</v>
      </c>
      <c r="L1602">
        <v>4395</v>
      </c>
      <c r="M1602" s="10">
        <v>255</v>
      </c>
      <c r="N1602">
        <v>0</v>
      </c>
    </row>
    <row r="1603" spans="1:14" hidden="1">
      <c r="A1603" s="7" t="s">
        <v>10</v>
      </c>
      <c r="B1603" s="8"/>
      <c r="C1603" s="8" t="s">
        <v>62</v>
      </c>
      <c r="D1603" t="s">
        <v>77</v>
      </c>
      <c r="E1603" s="8" t="s">
        <v>24</v>
      </c>
      <c r="F1603" t="s">
        <v>55</v>
      </c>
      <c r="G1603" t="s">
        <v>79</v>
      </c>
      <c r="H1603" t="s">
        <v>55</v>
      </c>
      <c r="I1603" s="8">
        <v>2033</v>
      </c>
      <c r="J1603" t="s">
        <v>50</v>
      </c>
      <c r="K1603" s="10"/>
      <c r="M1603" s="10"/>
      <c r="N1603">
        <v>0</v>
      </c>
    </row>
    <row r="1604" spans="1:14" hidden="1">
      <c r="A1604" s="7" t="s">
        <v>10</v>
      </c>
      <c r="B1604" s="8"/>
      <c r="C1604" s="8" t="s">
        <v>62</v>
      </c>
      <c r="D1604" t="s">
        <v>77</v>
      </c>
      <c r="E1604" s="8" t="s">
        <v>24</v>
      </c>
      <c r="F1604" t="s">
        <v>55</v>
      </c>
      <c r="G1604" t="s">
        <v>19</v>
      </c>
      <c r="H1604" t="s">
        <v>55</v>
      </c>
      <c r="I1604" s="8">
        <v>2033</v>
      </c>
      <c r="J1604" t="s">
        <v>19</v>
      </c>
      <c r="K1604" s="10"/>
      <c r="M1604" s="10"/>
      <c r="N1604">
        <v>0</v>
      </c>
    </row>
    <row r="1605" spans="1:14" hidden="1">
      <c r="A1605" s="7" t="s">
        <v>10</v>
      </c>
      <c r="B1605" s="8"/>
      <c r="C1605" s="8" t="s">
        <v>62</v>
      </c>
      <c r="D1605" t="s">
        <v>77</v>
      </c>
      <c r="E1605" s="8" t="s">
        <v>24</v>
      </c>
      <c r="F1605" t="s">
        <v>55</v>
      </c>
      <c r="G1605" t="s">
        <v>78</v>
      </c>
      <c r="H1605" t="s">
        <v>55</v>
      </c>
      <c r="I1605" s="8">
        <v>2033</v>
      </c>
      <c r="J1605" t="s">
        <v>21</v>
      </c>
      <c r="K1605" s="10"/>
      <c r="M1605" s="10"/>
      <c r="N1605">
        <v>0</v>
      </c>
    </row>
    <row r="1606" spans="1:14" hidden="1">
      <c r="A1606" s="7" t="s">
        <v>10</v>
      </c>
      <c r="B1606" s="8"/>
      <c r="C1606" s="8" t="s">
        <v>62</v>
      </c>
      <c r="D1606" t="s">
        <v>77</v>
      </c>
      <c r="E1606" s="8" t="s">
        <v>24</v>
      </c>
      <c r="F1606" t="s">
        <v>55</v>
      </c>
      <c r="G1606" t="s">
        <v>78</v>
      </c>
      <c r="H1606" t="s">
        <v>55</v>
      </c>
      <c r="I1606" s="8">
        <v>2033</v>
      </c>
      <c r="J1606" t="s">
        <v>51</v>
      </c>
      <c r="K1606" s="10"/>
      <c r="M1606" s="10"/>
      <c r="N1606">
        <v>0</v>
      </c>
    </row>
    <row r="1607" spans="1:14" hidden="1">
      <c r="A1607" s="7" t="s">
        <v>10</v>
      </c>
      <c r="B1607" s="8"/>
      <c r="C1607" s="8" t="s">
        <v>62</v>
      </c>
      <c r="D1607" t="s">
        <v>77</v>
      </c>
      <c r="E1607" s="8" t="s">
        <v>24</v>
      </c>
      <c r="F1607" t="s">
        <v>55</v>
      </c>
      <c r="G1607" t="s">
        <v>78</v>
      </c>
      <c r="H1607" t="s">
        <v>55</v>
      </c>
      <c r="I1607" s="8">
        <v>2034</v>
      </c>
      <c r="J1607" t="s">
        <v>47</v>
      </c>
      <c r="K1607" s="10"/>
      <c r="M1607" s="10"/>
      <c r="N1607">
        <v>0</v>
      </c>
    </row>
    <row r="1608" spans="1:14" hidden="1">
      <c r="A1608" s="7" t="s">
        <v>10</v>
      </c>
      <c r="B1608" s="8"/>
      <c r="C1608" s="8" t="s">
        <v>62</v>
      </c>
      <c r="D1608" t="s">
        <v>77</v>
      </c>
      <c r="E1608" s="8" t="s">
        <v>24</v>
      </c>
      <c r="F1608" t="s">
        <v>55</v>
      </c>
      <c r="G1608" t="s">
        <v>78</v>
      </c>
      <c r="H1608" t="s">
        <v>55</v>
      </c>
      <c r="I1608" s="8">
        <v>2034</v>
      </c>
      <c r="J1608" t="s">
        <v>48</v>
      </c>
      <c r="K1608" s="10"/>
      <c r="M1608" s="10"/>
      <c r="N1608">
        <v>0</v>
      </c>
    </row>
    <row r="1609" spans="1:14" hidden="1">
      <c r="A1609" s="7" t="s">
        <v>10</v>
      </c>
      <c r="B1609" s="8"/>
      <c r="C1609" s="8" t="s">
        <v>62</v>
      </c>
      <c r="D1609" t="s">
        <v>77</v>
      </c>
      <c r="E1609" s="8" t="s">
        <v>24</v>
      </c>
      <c r="F1609" t="s">
        <v>55</v>
      </c>
      <c r="G1609" t="s">
        <v>78</v>
      </c>
      <c r="H1609" t="s">
        <v>55</v>
      </c>
      <c r="I1609" s="8">
        <v>2034</v>
      </c>
      <c r="J1609" t="s">
        <v>14</v>
      </c>
      <c r="K1609" s="10">
        <v>8363</v>
      </c>
      <c r="L1609">
        <v>1039</v>
      </c>
      <c r="M1609" s="10">
        <v>0</v>
      </c>
      <c r="N1609">
        <v>0</v>
      </c>
    </row>
    <row r="1610" spans="1:14" hidden="1">
      <c r="A1610" s="7" t="s">
        <v>10</v>
      </c>
      <c r="B1610" s="8"/>
      <c r="C1610" s="8" t="s">
        <v>62</v>
      </c>
      <c r="D1610" t="s">
        <v>77</v>
      </c>
      <c r="E1610" s="8" t="s">
        <v>24</v>
      </c>
      <c r="F1610" t="s">
        <v>55</v>
      </c>
      <c r="G1610" t="s">
        <v>78</v>
      </c>
      <c r="H1610" t="s">
        <v>55</v>
      </c>
      <c r="I1610" s="8">
        <v>2034</v>
      </c>
      <c r="J1610" t="s">
        <v>49</v>
      </c>
      <c r="K1610" s="10"/>
      <c r="M1610" s="10"/>
      <c r="N1610">
        <v>0</v>
      </c>
    </row>
    <row r="1611" spans="1:14" hidden="1">
      <c r="A1611" s="7" t="s">
        <v>10</v>
      </c>
      <c r="B1611" s="8"/>
      <c r="C1611" s="8" t="s">
        <v>62</v>
      </c>
      <c r="D1611" t="s">
        <v>77</v>
      </c>
      <c r="E1611" s="8" t="s">
        <v>24</v>
      </c>
      <c r="F1611" t="s">
        <v>55</v>
      </c>
      <c r="G1611" t="s">
        <v>79</v>
      </c>
      <c r="H1611" t="s">
        <v>55</v>
      </c>
      <c r="I1611" s="8">
        <v>2034</v>
      </c>
      <c r="J1611" t="s">
        <v>15</v>
      </c>
      <c r="K1611" s="10">
        <v>4672</v>
      </c>
      <c r="L1611">
        <v>4417</v>
      </c>
      <c r="M1611" s="10">
        <v>255</v>
      </c>
      <c r="N1611">
        <v>0</v>
      </c>
    </row>
    <row r="1612" spans="1:14" hidden="1">
      <c r="A1612" s="7" t="s">
        <v>10</v>
      </c>
      <c r="B1612" s="8"/>
      <c r="C1612" s="8" t="s">
        <v>62</v>
      </c>
      <c r="D1612" t="s">
        <v>77</v>
      </c>
      <c r="E1612" s="8" t="s">
        <v>24</v>
      </c>
      <c r="F1612" t="s">
        <v>55</v>
      </c>
      <c r="G1612" t="s">
        <v>79</v>
      </c>
      <c r="H1612" t="s">
        <v>55</v>
      </c>
      <c r="I1612" s="8">
        <v>2034</v>
      </c>
      <c r="J1612" t="s">
        <v>50</v>
      </c>
      <c r="K1612" s="10"/>
      <c r="M1612" s="10"/>
      <c r="N1612">
        <v>0</v>
      </c>
    </row>
    <row r="1613" spans="1:14" hidden="1">
      <c r="A1613" s="7" t="s">
        <v>10</v>
      </c>
      <c r="B1613" s="8"/>
      <c r="C1613" s="8" t="s">
        <v>62</v>
      </c>
      <c r="D1613" t="s">
        <v>77</v>
      </c>
      <c r="E1613" s="8" t="s">
        <v>24</v>
      </c>
      <c r="F1613" t="s">
        <v>55</v>
      </c>
      <c r="G1613" t="s">
        <v>19</v>
      </c>
      <c r="H1613" t="s">
        <v>55</v>
      </c>
      <c r="I1613" s="8">
        <v>2034</v>
      </c>
      <c r="J1613" t="s">
        <v>19</v>
      </c>
      <c r="K1613" s="10"/>
      <c r="M1613" s="10"/>
      <c r="N1613">
        <v>0</v>
      </c>
    </row>
    <row r="1614" spans="1:14" hidden="1">
      <c r="A1614" s="7" t="s">
        <v>10</v>
      </c>
      <c r="B1614" s="8"/>
      <c r="C1614" s="8" t="s">
        <v>62</v>
      </c>
      <c r="D1614" t="s">
        <v>77</v>
      </c>
      <c r="E1614" s="8" t="s">
        <v>24</v>
      </c>
      <c r="F1614" t="s">
        <v>55</v>
      </c>
      <c r="G1614" t="s">
        <v>78</v>
      </c>
      <c r="H1614" t="s">
        <v>55</v>
      </c>
      <c r="I1614" s="8">
        <v>2034</v>
      </c>
      <c r="J1614" t="s">
        <v>21</v>
      </c>
      <c r="K1614" s="10"/>
      <c r="M1614" s="10"/>
      <c r="N1614">
        <v>0</v>
      </c>
    </row>
    <row r="1615" spans="1:14" hidden="1">
      <c r="A1615" s="7" t="s">
        <v>10</v>
      </c>
      <c r="B1615" s="8"/>
      <c r="C1615" s="8" t="s">
        <v>62</v>
      </c>
      <c r="D1615" t="s">
        <v>77</v>
      </c>
      <c r="E1615" s="8" t="s">
        <v>24</v>
      </c>
      <c r="F1615" t="s">
        <v>55</v>
      </c>
      <c r="G1615" t="s">
        <v>78</v>
      </c>
      <c r="H1615" t="s">
        <v>55</v>
      </c>
      <c r="I1615" s="8">
        <v>2034</v>
      </c>
      <c r="J1615" t="s">
        <v>51</v>
      </c>
      <c r="K1615" s="10"/>
      <c r="M1615" s="10"/>
      <c r="N1615">
        <v>0</v>
      </c>
    </row>
    <row r="1616" spans="1:14" hidden="1">
      <c r="A1616" s="7" t="s">
        <v>10</v>
      </c>
      <c r="B1616" s="8"/>
      <c r="C1616" s="8" t="s">
        <v>63</v>
      </c>
      <c r="D1616" t="s">
        <v>77</v>
      </c>
      <c r="E1616" s="8" t="s">
        <v>63</v>
      </c>
      <c r="F1616" t="s">
        <v>55</v>
      </c>
      <c r="G1616" t="s">
        <v>78</v>
      </c>
      <c r="H1616" t="s">
        <v>55</v>
      </c>
      <c r="I1616" s="8">
        <v>2025</v>
      </c>
      <c r="J1616" t="s">
        <v>47</v>
      </c>
      <c r="K1616" s="10"/>
      <c r="M1616" s="10"/>
      <c r="N1616">
        <v>0</v>
      </c>
    </row>
    <row r="1617" spans="1:14" hidden="1">
      <c r="A1617" s="7" t="s">
        <v>10</v>
      </c>
      <c r="B1617" s="8"/>
      <c r="C1617" s="8" t="s">
        <v>63</v>
      </c>
      <c r="D1617" t="s">
        <v>77</v>
      </c>
      <c r="E1617" s="8" t="s">
        <v>63</v>
      </c>
      <c r="F1617" t="s">
        <v>55</v>
      </c>
      <c r="G1617" t="s">
        <v>78</v>
      </c>
      <c r="H1617" t="s">
        <v>55</v>
      </c>
      <c r="I1617" s="8">
        <v>2025</v>
      </c>
      <c r="J1617" t="s">
        <v>48</v>
      </c>
      <c r="K1617" s="10"/>
      <c r="M1617" s="10"/>
      <c r="N1617">
        <v>0</v>
      </c>
    </row>
    <row r="1618" spans="1:14" hidden="1">
      <c r="A1618" s="7" t="s">
        <v>10</v>
      </c>
      <c r="B1618" s="8"/>
      <c r="C1618" s="8" t="s">
        <v>63</v>
      </c>
      <c r="D1618" t="s">
        <v>77</v>
      </c>
      <c r="E1618" s="8" t="s">
        <v>63</v>
      </c>
      <c r="F1618" t="s">
        <v>55</v>
      </c>
      <c r="G1618" t="s">
        <v>78</v>
      </c>
      <c r="H1618" t="s">
        <v>55</v>
      </c>
      <c r="I1618" s="8">
        <v>2025</v>
      </c>
      <c r="J1618" t="s">
        <v>14</v>
      </c>
      <c r="K1618" s="10">
        <v>702</v>
      </c>
      <c r="L1618">
        <v>69</v>
      </c>
      <c r="M1618" s="10">
        <v>0</v>
      </c>
      <c r="N1618">
        <v>0</v>
      </c>
    </row>
    <row r="1619" spans="1:14" hidden="1">
      <c r="A1619" s="7" t="s">
        <v>10</v>
      </c>
      <c r="B1619" s="8"/>
      <c r="C1619" s="8" t="s">
        <v>63</v>
      </c>
      <c r="D1619" t="s">
        <v>77</v>
      </c>
      <c r="E1619" s="8" t="s">
        <v>63</v>
      </c>
      <c r="F1619" t="s">
        <v>55</v>
      </c>
      <c r="G1619" t="s">
        <v>78</v>
      </c>
      <c r="H1619" t="s">
        <v>55</v>
      </c>
      <c r="I1619" s="8">
        <v>2025</v>
      </c>
      <c r="J1619" t="s">
        <v>49</v>
      </c>
      <c r="K1619" s="10"/>
      <c r="M1619" s="10"/>
      <c r="N1619">
        <v>0</v>
      </c>
    </row>
    <row r="1620" spans="1:14" hidden="1">
      <c r="A1620" s="7" t="s">
        <v>10</v>
      </c>
      <c r="B1620" s="8"/>
      <c r="C1620" s="8" t="s">
        <v>63</v>
      </c>
      <c r="D1620" t="s">
        <v>77</v>
      </c>
      <c r="E1620" s="8" t="s">
        <v>63</v>
      </c>
      <c r="F1620" t="s">
        <v>55</v>
      </c>
      <c r="G1620" t="s">
        <v>79</v>
      </c>
      <c r="H1620" t="s">
        <v>55</v>
      </c>
      <c r="I1620" s="8">
        <v>2025</v>
      </c>
      <c r="J1620" t="s">
        <v>15</v>
      </c>
      <c r="K1620" s="10">
        <v>240</v>
      </c>
      <c r="L1620">
        <v>240</v>
      </c>
      <c r="M1620" s="10">
        <v>0</v>
      </c>
      <c r="N1620">
        <v>0</v>
      </c>
    </row>
    <row r="1621" spans="1:14" hidden="1">
      <c r="A1621" s="7" t="s">
        <v>10</v>
      </c>
      <c r="B1621" s="8"/>
      <c r="C1621" s="8" t="s">
        <v>63</v>
      </c>
      <c r="D1621" t="s">
        <v>77</v>
      </c>
      <c r="E1621" s="8" t="s">
        <v>63</v>
      </c>
      <c r="F1621" t="s">
        <v>55</v>
      </c>
      <c r="G1621" t="s">
        <v>79</v>
      </c>
      <c r="H1621" t="s">
        <v>55</v>
      </c>
      <c r="I1621" s="8">
        <v>2025</v>
      </c>
      <c r="J1621" t="s">
        <v>50</v>
      </c>
      <c r="K1621" s="10"/>
      <c r="M1621" s="10"/>
      <c r="N1621">
        <v>0</v>
      </c>
    </row>
    <row r="1622" spans="1:14" hidden="1">
      <c r="A1622" s="7" t="s">
        <v>10</v>
      </c>
      <c r="B1622" s="8"/>
      <c r="C1622" s="8" t="s">
        <v>63</v>
      </c>
      <c r="D1622" t="s">
        <v>77</v>
      </c>
      <c r="E1622" s="8" t="s">
        <v>63</v>
      </c>
      <c r="F1622" t="s">
        <v>55</v>
      </c>
      <c r="G1622" t="s">
        <v>19</v>
      </c>
      <c r="H1622" t="s">
        <v>55</v>
      </c>
      <c r="I1622" s="8">
        <v>2025</v>
      </c>
      <c r="J1622" t="s">
        <v>19</v>
      </c>
      <c r="K1622" s="10"/>
      <c r="M1622" s="10"/>
      <c r="N1622">
        <v>0</v>
      </c>
    </row>
    <row r="1623" spans="1:14" hidden="1">
      <c r="A1623" s="7" t="s">
        <v>10</v>
      </c>
      <c r="B1623" s="8"/>
      <c r="C1623" s="8" t="s">
        <v>63</v>
      </c>
      <c r="D1623" t="s">
        <v>77</v>
      </c>
      <c r="E1623" s="8" t="s">
        <v>63</v>
      </c>
      <c r="F1623" t="s">
        <v>55</v>
      </c>
      <c r="G1623" t="s">
        <v>78</v>
      </c>
      <c r="H1623" t="s">
        <v>55</v>
      </c>
      <c r="I1623" s="8">
        <v>2025</v>
      </c>
      <c r="J1623" t="s">
        <v>21</v>
      </c>
      <c r="K1623" s="10"/>
      <c r="M1623" s="10"/>
      <c r="N1623">
        <v>0</v>
      </c>
    </row>
    <row r="1624" spans="1:14" hidden="1">
      <c r="A1624" s="7" t="s">
        <v>10</v>
      </c>
      <c r="B1624" s="8"/>
      <c r="C1624" s="8" t="s">
        <v>63</v>
      </c>
      <c r="D1624" t="s">
        <v>77</v>
      </c>
      <c r="E1624" s="8" t="s">
        <v>63</v>
      </c>
      <c r="F1624" t="s">
        <v>55</v>
      </c>
      <c r="G1624" t="s">
        <v>78</v>
      </c>
      <c r="H1624" t="s">
        <v>55</v>
      </c>
      <c r="I1624" s="8">
        <v>2025</v>
      </c>
      <c r="J1624" t="s">
        <v>51</v>
      </c>
      <c r="K1624" s="10"/>
      <c r="M1624" s="10"/>
      <c r="N1624">
        <v>0</v>
      </c>
    </row>
    <row r="1625" spans="1:14" hidden="1">
      <c r="A1625" s="7" t="s">
        <v>10</v>
      </c>
      <c r="B1625" s="8"/>
      <c r="C1625" s="8" t="s">
        <v>63</v>
      </c>
      <c r="D1625" t="s">
        <v>77</v>
      </c>
      <c r="E1625" s="8" t="s">
        <v>63</v>
      </c>
      <c r="F1625" t="s">
        <v>55</v>
      </c>
      <c r="G1625" t="s">
        <v>78</v>
      </c>
      <c r="H1625" t="s">
        <v>55</v>
      </c>
      <c r="I1625" s="8">
        <v>2026</v>
      </c>
      <c r="J1625" t="s">
        <v>47</v>
      </c>
      <c r="K1625" s="10"/>
      <c r="M1625" s="10"/>
      <c r="N1625">
        <v>0</v>
      </c>
    </row>
    <row r="1626" spans="1:14" hidden="1">
      <c r="A1626" s="7" t="s">
        <v>10</v>
      </c>
      <c r="B1626" s="8"/>
      <c r="C1626" s="8" t="s">
        <v>63</v>
      </c>
      <c r="D1626" t="s">
        <v>77</v>
      </c>
      <c r="E1626" s="8" t="s">
        <v>63</v>
      </c>
      <c r="F1626" t="s">
        <v>55</v>
      </c>
      <c r="G1626" t="s">
        <v>78</v>
      </c>
      <c r="H1626" t="s">
        <v>55</v>
      </c>
      <c r="I1626" s="8">
        <v>2026</v>
      </c>
      <c r="J1626" t="s">
        <v>48</v>
      </c>
      <c r="K1626" s="10"/>
      <c r="M1626" s="10"/>
      <c r="N1626">
        <v>0</v>
      </c>
    </row>
    <row r="1627" spans="1:14" hidden="1">
      <c r="A1627" s="7" t="s">
        <v>10</v>
      </c>
      <c r="B1627" s="8"/>
      <c r="C1627" s="8" t="s">
        <v>63</v>
      </c>
      <c r="D1627" t="s">
        <v>77</v>
      </c>
      <c r="E1627" s="8" t="s">
        <v>63</v>
      </c>
      <c r="F1627" t="s">
        <v>55</v>
      </c>
      <c r="G1627" t="s">
        <v>78</v>
      </c>
      <c r="H1627" t="s">
        <v>55</v>
      </c>
      <c r="I1627" s="8">
        <v>2026</v>
      </c>
      <c r="J1627" t="s">
        <v>14</v>
      </c>
      <c r="K1627" s="10">
        <v>966</v>
      </c>
      <c r="L1627">
        <v>93</v>
      </c>
      <c r="M1627" s="10">
        <v>0</v>
      </c>
      <c r="N1627">
        <v>0</v>
      </c>
    </row>
    <row r="1628" spans="1:14" hidden="1">
      <c r="A1628" s="7" t="s">
        <v>10</v>
      </c>
      <c r="B1628" s="8"/>
      <c r="C1628" s="8" t="s">
        <v>63</v>
      </c>
      <c r="D1628" t="s">
        <v>77</v>
      </c>
      <c r="E1628" s="8" t="s">
        <v>63</v>
      </c>
      <c r="F1628" t="s">
        <v>55</v>
      </c>
      <c r="G1628" t="s">
        <v>78</v>
      </c>
      <c r="H1628" t="s">
        <v>55</v>
      </c>
      <c r="I1628" s="8">
        <v>2026</v>
      </c>
      <c r="J1628" t="s">
        <v>49</v>
      </c>
      <c r="K1628" s="10"/>
      <c r="M1628" s="10"/>
      <c r="N1628">
        <v>0</v>
      </c>
    </row>
    <row r="1629" spans="1:14" hidden="1">
      <c r="A1629" s="7" t="s">
        <v>10</v>
      </c>
      <c r="B1629" s="8"/>
      <c r="C1629" s="8" t="s">
        <v>63</v>
      </c>
      <c r="D1629" t="s">
        <v>77</v>
      </c>
      <c r="E1629" s="8" t="s">
        <v>63</v>
      </c>
      <c r="F1629" t="s">
        <v>55</v>
      </c>
      <c r="G1629" t="s">
        <v>79</v>
      </c>
      <c r="H1629" t="s">
        <v>55</v>
      </c>
      <c r="I1629" s="8">
        <v>2026</v>
      </c>
      <c r="J1629" t="s">
        <v>15</v>
      </c>
      <c r="K1629" s="10">
        <v>330</v>
      </c>
      <c r="L1629">
        <v>330</v>
      </c>
      <c r="M1629" s="10">
        <v>0</v>
      </c>
      <c r="N1629">
        <v>0</v>
      </c>
    </row>
    <row r="1630" spans="1:14" hidden="1">
      <c r="A1630" s="7" t="s">
        <v>10</v>
      </c>
      <c r="B1630" s="8"/>
      <c r="C1630" s="8" t="s">
        <v>63</v>
      </c>
      <c r="D1630" t="s">
        <v>77</v>
      </c>
      <c r="E1630" s="8" t="s">
        <v>63</v>
      </c>
      <c r="F1630" t="s">
        <v>55</v>
      </c>
      <c r="G1630" t="s">
        <v>79</v>
      </c>
      <c r="H1630" t="s">
        <v>55</v>
      </c>
      <c r="I1630" s="8">
        <v>2026</v>
      </c>
      <c r="J1630" t="s">
        <v>50</v>
      </c>
      <c r="K1630" s="10"/>
      <c r="M1630" s="10"/>
      <c r="N1630">
        <v>0</v>
      </c>
    </row>
    <row r="1631" spans="1:14" hidden="1">
      <c r="A1631" s="7" t="s">
        <v>10</v>
      </c>
      <c r="B1631" s="8"/>
      <c r="C1631" s="8" t="s">
        <v>63</v>
      </c>
      <c r="D1631" t="s">
        <v>77</v>
      </c>
      <c r="E1631" s="8" t="s">
        <v>63</v>
      </c>
      <c r="F1631" t="s">
        <v>55</v>
      </c>
      <c r="G1631" t="s">
        <v>19</v>
      </c>
      <c r="H1631" t="s">
        <v>55</v>
      </c>
      <c r="I1631" s="8">
        <v>2026</v>
      </c>
      <c r="J1631" t="s">
        <v>19</v>
      </c>
      <c r="K1631" s="10"/>
      <c r="M1631" s="10"/>
      <c r="N1631">
        <v>0</v>
      </c>
    </row>
    <row r="1632" spans="1:14" hidden="1">
      <c r="A1632" s="7" t="s">
        <v>10</v>
      </c>
      <c r="B1632" s="8"/>
      <c r="C1632" s="8" t="s">
        <v>63</v>
      </c>
      <c r="D1632" t="s">
        <v>77</v>
      </c>
      <c r="E1632" s="8" t="s">
        <v>63</v>
      </c>
      <c r="F1632" t="s">
        <v>55</v>
      </c>
      <c r="G1632" t="s">
        <v>78</v>
      </c>
      <c r="H1632" t="s">
        <v>55</v>
      </c>
      <c r="I1632" s="8">
        <v>2026</v>
      </c>
      <c r="J1632" t="s">
        <v>21</v>
      </c>
      <c r="K1632" s="10"/>
      <c r="M1632" s="10"/>
      <c r="N1632">
        <v>0</v>
      </c>
    </row>
    <row r="1633" spans="1:14" hidden="1">
      <c r="A1633" s="7" t="s">
        <v>10</v>
      </c>
      <c r="B1633" s="8"/>
      <c r="C1633" s="8" t="s">
        <v>63</v>
      </c>
      <c r="D1633" t="s">
        <v>77</v>
      </c>
      <c r="E1633" s="8" t="s">
        <v>63</v>
      </c>
      <c r="F1633" t="s">
        <v>55</v>
      </c>
      <c r="G1633" t="s">
        <v>78</v>
      </c>
      <c r="H1633" t="s">
        <v>55</v>
      </c>
      <c r="I1633" s="8">
        <v>2026</v>
      </c>
      <c r="J1633" t="s">
        <v>51</v>
      </c>
      <c r="K1633" s="10"/>
      <c r="M1633" s="10"/>
      <c r="N1633">
        <v>0</v>
      </c>
    </row>
    <row r="1634" spans="1:14" hidden="1">
      <c r="A1634" s="7" t="s">
        <v>10</v>
      </c>
      <c r="B1634" s="8"/>
      <c r="C1634" s="8" t="s">
        <v>63</v>
      </c>
      <c r="D1634" t="s">
        <v>77</v>
      </c>
      <c r="E1634" s="8" t="s">
        <v>63</v>
      </c>
      <c r="F1634" t="s">
        <v>55</v>
      </c>
      <c r="G1634" t="s">
        <v>78</v>
      </c>
      <c r="H1634" t="s">
        <v>55</v>
      </c>
      <c r="I1634" s="8">
        <v>2027</v>
      </c>
      <c r="J1634" t="s">
        <v>47</v>
      </c>
      <c r="K1634" s="10"/>
      <c r="M1634" s="10"/>
      <c r="N1634">
        <v>0</v>
      </c>
    </row>
    <row r="1635" spans="1:14" hidden="1">
      <c r="A1635" s="7" t="s">
        <v>10</v>
      </c>
      <c r="B1635" s="8"/>
      <c r="C1635" s="8" t="s">
        <v>63</v>
      </c>
      <c r="D1635" t="s">
        <v>77</v>
      </c>
      <c r="E1635" s="8" t="s">
        <v>63</v>
      </c>
      <c r="F1635" t="s">
        <v>55</v>
      </c>
      <c r="G1635" t="s">
        <v>78</v>
      </c>
      <c r="H1635" t="s">
        <v>55</v>
      </c>
      <c r="I1635" s="8">
        <v>2027</v>
      </c>
      <c r="J1635" t="s">
        <v>48</v>
      </c>
      <c r="K1635" s="10"/>
      <c r="M1635" s="10"/>
      <c r="N1635">
        <v>0</v>
      </c>
    </row>
    <row r="1636" spans="1:14" hidden="1">
      <c r="A1636" s="7" t="s">
        <v>10</v>
      </c>
      <c r="B1636" s="8"/>
      <c r="C1636" s="8" t="s">
        <v>63</v>
      </c>
      <c r="D1636" t="s">
        <v>77</v>
      </c>
      <c r="E1636" s="8" t="s">
        <v>63</v>
      </c>
      <c r="F1636" t="s">
        <v>55</v>
      </c>
      <c r="G1636" t="s">
        <v>78</v>
      </c>
      <c r="H1636" t="s">
        <v>55</v>
      </c>
      <c r="I1636" s="8">
        <v>2027</v>
      </c>
      <c r="J1636" t="s">
        <v>14</v>
      </c>
      <c r="K1636" s="10">
        <v>1036</v>
      </c>
      <c r="L1636">
        <v>99</v>
      </c>
      <c r="M1636" s="10">
        <v>0</v>
      </c>
      <c r="N1636">
        <v>0</v>
      </c>
    </row>
    <row r="1637" spans="1:14" hidden="1">
      <c r="A1637" s="7" t="s">
        <v>10</v>
      </c>
      <c r="B1637" s="8"/>
      <c r="C1637" s="8" t="s">
        <v>63</v>
      </c>
      <c r="D1637" t="s">
        <v>77</v>
      </c>
      <c r="E1637" s="8" t="s">
        <v>63</v>
      </c>
      <c r="F1637" t="s">
        <v>55</v>
      </c>
      <c r="G1637" t="s">
        <v>78</v>
      </c>
      <c r="H1637" t="s">
        <v>55</v>
      </c>
      <c r="I1637" s="8">
        <v>2027</v>
      </c>
      <c r="J1637" t="s">
        <v>49</v>
      </c>
      <c r="K1637" s="10"/>
      <c r="M1637" s="10"/>
      <c r="N1637">
        <v>0</v>
      </c>
    </row>
    <row r="1638" spans="1:14" hidden="1">
      <c r="A1638" s="7" t="s">
        <v>10</v>
      </c>
      <c r="B1638" s="8"/>
      <c r="C1638" s="8" t="s">
        <v>63</v>
      </c>
      <c r="D1638" t="s">
        <v>77</v>
      </c>
      <c r="E1638" s="8" t="s">
        <v>63</v>
      </c>
      <c r="F1638" t="s">
        <v>55</v>
      </c>
      <c r="G1638" t="s">
        <v>79</v>
      </c>
      <c r="H1638" t="s">
        <v>55</v>
      </c>
      <c r="I1638" s="8">
        <v>2027</v>
      </c>
      <c r="J1638" t="s">
        <v>15</v>
      </c>
      <c r="K1638" s="10">
        <v>353</v>
      </c>
      <c r="L1638">
        <v>353</v>
      </c>
      <c r="M1638" s="10">
        <v>0</v>
      </c>
      <c r="N1638">
        <v>0</v>
      </c>
    </row>
    <row r="1639" spans="1:14" hidden="1">
      <c r="A1639" s="7" t="s">
        <v>10</v>
      </c>
      <c r="B1639" s="8"/>
      <c r="C1639" s="8" t="s">
        <v>63</v>
      </c>
      <c r="D1639" t="s">
        <v>77</v>
      </c>
      <c r="E1639" s="8" t="s">
        <v>63</v>
      </c>
      <c r="F1639" t="s">
        <v>55</v>
      </c>
      <c r="G1639" t="s">
        <v>79</v>
      </c>
      <c r="H1639" t="s">
        <v>55</v>
      </c>
      <c r="I1639" s="8">
        <v>2027</v>
      </c>
      <c r="J1639" t="s">
        <v>50</v>
      </c>
      <c r="K1639" s="10"/>
      <c r="M1639" s="10"/>
      <c r="N1639">
        <v>0</v>
      </c>
    </row>
    <row r="1640" spans="1:14" hidden="1">
      <c r="A1640" s="7" t="s">
        <v>10</v>
      </c>
      <c r="B1640" s="8"/>
      <c r="C1640" s="8" t="s">
        <v>63</v>
      </c>
      <c r="D1640" t="s">
        <v>77</v>
      </c>
      <c r="E1640" s="8" t="s">
        <v>63</v>
      </c>
      <c r="F1640" t="s">
        <v>55</v>
      </c>
      <c r="G1640" t="s">
        <v>19</v>
      </c>
      <c r="H1640" t="s">
        <v>55</v>
      </c>
      <c r="I1640" s="8">
        <v>2027</v>
      </c>
      <c r="J1640" t="s">
        <v>19</v>
      </c>
      <c r="K1640" s="10"/>
      <c r="M1640" s="10"/>
      <c r="N1640">
        <v>0</v>
      </c>
    </row>
    <row r="1641" spans="1:14" hidden="1">
      <c r="A1641" s="7" t="s">
        <v>10</v>
      </c>
      <c r="B1641" s="8"/>
      <c r="C1641" s="8" t="s">
        <v>63</v>
      </c>
      <c r="D1641" t="s">
        <v>77</v>
      </c>
      <c r="E1641" s="8" t="s">
        <v>63</v>
      </c>
      <c r="F1641" t="s">
        <v>55</v>
      </c>
      <c r="G1641" t="s">
        <v>78</v>
      </c>
      <c r="H1641" t="s">
        <v>55</v>
      </c>
      <c r="I1641" s="8">
        <v>2027</v>
      </c>
      <c r="J1641" t="s">
        <v>21</v>
      </c>
      <c r="K1641" s="10"/>
      <c r="M1641" s="10"/>
      <c r="N1641">
        <v>0</v>
      </c>
    </row>
    <row r="1642" spans="1:14" hidden="1">
      <c r="A1642" s="7" t="s">
        <v>10</v>
      </c>
      <c r="B1642" s="8"/>
      <c r="C1642" s="8" t="s">
        <v>63</v>
      </c>
      <c r="D1642" t="s">
        <v>77</v>
      </c>
      <c r="E1642" s="8" t="s">
        <v>63</v>
      </c>
      <c r="F1642" t="s">
        <v>55</v>
      </c>
      <c r="G1642" t="s">
        <v>78</v>
      </c>
      <c r="H1642" t="s">
        <v>55</v>
      </c>
      <c r="I1642" s="8">
        <v>2027</v>
      </c>
      <c r="J1642" t="s">
        <v>51</v>
      </c>
      <c r="K1642" s="10"/>
      <c r="M1642" s="10"/>
      <c r="N1642">
        <v>0</v>
      </c>
    </row>
    <row r="1643" spans="1:14" hidden="1">
      <c r="A1643" s="7" t="s">
        <v>10</v>
      </c>
      <c r="B1643" s="8"/>
      <c r="C1643" s="8" t="s">
        <v>63</v>
      </c>
      <c r="D1643" t="s">
        <v>77</v>
      </c>
      <c r="E1643" s="8" t="s">
        <v>63</v>
      </c>
      <c r="F1643" t="s">
        <v>55</v>
      </c>
      <c r="G1643" t="s">
        <v>78</v>
      </c>
      <c r="H1643" t="s">
        <v>55</v>
      </c>
      <c r="I1643" s="8">
        <v>2028</v>
      </c>
      <c r="J1643" t="s">
        <v>47</v>
      </c>
      <c r="K1643" s="10"/>
      <c r="M1643" s="10"/>
      <c r="N1643">
        <v>0</v>
      </c>
    </row>
    <row r="1644" spans="1:14" hidden="1">
      <c r="A1644" s="7" t="s">
        <v>10</v>
      </c>
      <c r="B1644" s="8"/>
      <c r="C1644" s="8" t="s">
        <v>63</v>
      </c>
      <c r="D1644" t="s">
        <v>77</v>
      </c>
      <c r="E1644" s="8" t="s">
        <v>63</v>
      </c>
      <c r="F1644" t="s">
        <v>55</v>
      </c>
      <c r="G1644" t="s">
        <v>78</v>
      </c>
      <c r="H1644" t="s">
        <v>55</v>
      </c>
      <c r="I1644" s="8">
        <v>2028</v>
      </c>
      <c r="J1644" t="s">
        <v>48</v>
      </c>
      <c r="K1644" s="10"/>
      <c r="M1644" s="10"/>
      <c r="N1644">
        <v>0</v>
      </c>
    </row>
    <row r="1645" spans="1:14" hidden="1">
      <c r="A1645" s="7" t="s">
        <v>10</v>
      </c>
      <c r="B1645" s="8"/>
      <c r="C1645" s="8" t="s">
        <v>63</v>
      </c>
      <c r="D1645" t="s">
        <v>77</v>
      </c>
      <c r="E1645" s="8" t="s">
        <v>63</v>
      </c>
      <c r="F1645" t="s">
        <v>55</v>
      </c>
      <c r="G1645" t="s">
        <v>78</v>
      </c>
      <c r="H1645" t="s">
        <v>55</v>
      </c>
      <c r="I1645" s="8">
        <v>2028</v>
      </c>
      <c r="J1645" t="s">
        <v>14</v>
      </c>
      <c r="K1645" s="10">
        <v>1036</v>
      </c>
      <c r="L1645">
        <v>99</v>
      </c>
      <c r="M1645" s="10">
        <v>0</v>
      </c>
      <c r="N1645">
        <v>0</v>
      </c>
    </row>
    <row r="1646" spans="1:14" hidden="1">
      <c r="A1646" s="7" t="s">
        <v>10</v>
      </c>
      <c r="B1646" s="8"/>
      <c r="C1646" s="8" t="s">
        <v>63</v>
      </c>
      <c r="D1646" t="s">
        <v>77</v>
      </c>
      <c r="E1646" s="8" t="s">
        <v>63</v>
      </c>
      <c r="F1646" t="s">
        <v>55</v>
      </c>
      <c r="G1646" t="s">
        <v>78</v>
      </c>
      <c r="H1646" t="s">
        <v>55</v>
      </c>
      <c r="I1646" s="8">
        <v>2028</v>
      </c>
      <c r="J1646" t="s">
        <v>49</v>
      </c>
      <c r="K1646" s="10"/>
      <c r="M1646" s="10"/>
      <c r="N1646">
        <v>0</v>
      </c>
    </row>
    <row r="1647" spans="1:14" hidden="1">
      <c r="A1647" s="7" t="s">
        <v>10</v>
      </c>
      <c r="B1647" s="8"/>
      <c r="C1647" s="8" t="s">
        <v>63</v>
      </c>
      <c r="D1647" t="s">
        <v>77</v>
      </c>
      <c r="E1647" s="8" t="s">
        <v>63</v>
      </c>
      <c r="F1647" t="s">
        <v>55</v>
      </c>
      <c r="G1647" t="s">
        <v>79</v>
      </c>
      <c r="H1647" t="s">
        <v>55</v>
      </c>
      <c r="I1647" s="8">
        <v>2028</v>
      </c>
      <c r="J1647" t="s">
        <v>15</v>
      </c>
      <c r="K1647" s="10">
        <v>353</v>
      </c>
      <c r="L1647">
        <v>353</v>
      </c>
      <c r="M1647" s="10">
        <v>0</v>
      </c>
      <c r="N1647">
        <v>0</v>
      </c>
    </row>
    <row r="1648" spans="1:14" hidden="1">
      <c r="A1648" s="7" t="s">
        <v>10</v>
      </c>
      <c r="B1648" s="8"/>
      <c r="C1648" s="8" t="s">
        <v>63</v>
      </c>
      <c r="D1648" t="s">
        <v>77</v>
      </c>
      <c r="E1648" s="8" t="s">
        <v>63</v>
      </c>
      <c r="F1648" t="s">
        <v>55</v>
      </c>
      <c r="G1648" t="s">
        <v>79</v>
      </c>
      <c r="H1648" t="s">
        <v>55</v>
      </c>
      <c r="I1648" s="8">
        <v>2028</v>
      </c>
      <c r="J1648" t="s">
        <v>50</v>
      </c>
      <c r="K1648" s="10"/>
      <c r="M1648" s="10"/>
      <c r="N1648">
        <v>0</v>
      </c>
    </row>
    <row r="1649" spans="1:14" hidden="1">
      <c r="A1649" s="7" t="s">
        <v>10</v>
      </c>
      <c r="B1649" s="8"/>
      <c r="C1649" s="8" t="s">
        <v>63</v>
      </c>
      <c r="D1649" t="s">
        <v>77</v>
      </c>
      <c r="E1649" s="8" t="s">
        <v>63</v>
      </c>
      <c r="F1649" t="s">
        <v>55</v>
      </c>
      <c r="G1649" t="s">
        <v>19</v>
      </c>
      <c r="H1649" t="s">
        <v>55</v>
      </c>
      <c r="I1649" s="8">
        <v>2028</v>
      </c>
      <c r="J1649" t="s">
        <v>19</v>
      </c>
      <c r="K1649" s="10"/>
      <c r="M1649" s="10"/>
      <c r="N1649">
        <v>0</v>
      </c>
    </row>
    <row r="1650" spans="1:14" hidden="1">
      <c r="A1650" s="7" t="s">
        <v>10</v>
      </c>
      <c r="B1650" s="8"/>
      <c r="C1650" s="8" t="s">
        <v>63</v>
      </c>
      <c r="D1650" t="s">
        <v>77</v>
      </c>
      <c r="E1650" s="8" t="s">
        <v>63</v>
      </c>
      <c r="F1650" t="s">
        <v>55</v>
      </c>
      <c r="G1650" t="s">
        <v>78</v>
      </c>
      <c r="H1650" t="s">
        <v>55</v>
      </c>
      <c r="I1650" s="8">
        <v>2028</v>
      </c>
      <c r="J1650" t="s">
        <v>21</v>
      </c>
      <c r="K1650" s="10"/>
      <c r="M1650" s="10"/>
      <c r="N1650">
        <v>0</v>
      </c>
    </row>
    <row r="1651" spans="1:14" hidden="1">
      <c r="A1651" s="7" t="s">
        <v>10</v>
      </c>
      <c r="B1651" s="8"/>
      <c r="C1651" s="8" t="s">
        <v>63</v>
      </c>
      <c r="D1651" t="s">
        <v>77</v>
      </c>
      <c r="E1651" s="8" t="s">
        <v>63</v>
      </c>
      <c r="F1651" t="s">
        <v>55</v>
      </c>
      <c r="G1651" t="s">
        <v>78</v>
      </c>
      <c r="H1651" t="s">
        <v>55</v>
      </c>
      <c r="I1651" s="8">
        <v>2028</v>
      </c>
      <c r="J1651" t="s">
        <v>51</v>
      </c>
      <c r="K1651" s="10"/>
      <c r="M1651" s="10"/>
      <c r="N1651">
        <v>0</v>
      </c>
    </row>
    <row r="1652" spans="1:14" hidden="1">
      <c r="A1652" s="7" t="s">
        <v>10</v>
      </c>
      <c r="B1652" s="8"/>
      <c r="C1652" s="8" t="s">
        <v>63</v>
      </c>
      <c r="D1652" t="s">
        <v>77</v>
      </c>
      <c r="E1652" s="8" t="s">
        <v>63</v>
      </c>
      <c r="F1652" t="s">
        <v>55</v>
      </c>
      <c r="G1652" t="s">
        <v>78</v>
      </c>
      <c r="H1652" t="s">
        <v>55</v>
      </c>
      <c r="I1652" s="8">
        <v>2029</v>
      </c>
      <c r="J1652" t="s">
        <v>47</v>
      </c>
      <c r="K1652" s="10"/>
      <c r="M1652" s="10"/>
      <c r="N1652">
        <v>0</v>
      </c>
    </row>
    <row r="1653" spans="1:14" hidden="1">
      <c r="A1653" s="7" t="s">
        <v>10</v>
      </c>
      <c r="B1653" s="8"/>
      <c r="C1653" s="8" t="s">
        <v>63</v>
      </c>
      <c r="D1653" t="s">
        <v>77</v>
      </c>
      <c r="E1653" s="8" t="s">
        <v>63</v>
      </c>
      <c r="F1653" t="s">
        <v>55</v>
      </c>
      <c r="G1653" t="s">
        <v>78</v>
      </c>
      <c r="H1653" t="s">
        <v>55</v>
      </c>
      <c r="I1653" s="8">
        <v>2029</v>
      </c>
      <c r="J1653" t="s">
        <v>48</v>
      </c>
      <c r="K1653" s="10"/>
      <c r="M1653" s="10"/>
      <c r="N1653">
        <v>0</v>
      </c>
    </row>
    <row r="1654" spans="1:14" hidden="1">
      <c r="A1654" s="7" t="s">
        <v>10</v>
      </c>
      <c r="B1654" s="8"/>
      <c r="C1654" s="8" t="s">
        <v>63</v>
      </c>
      <c r="D1654" t="s">
        <v>77</v>
      </c>
      <c r="E1654" s="8" t="s">
        <v>63</v>
      </c>
      <c r="F1654" t="s">
        <v>55</v>
      </c>
      <c r="G1654" t="s">
        <v>78</v>
      </c>
      <c r="H1654" t="s">
        <v>55</v>
      </c>
      <c r="I1654" s="8">
        <v>2029</v>
      </c>
      <c r="J1654" t="s">
        <v>14</v>
      </c>
      <c r="K1654" s="10">
        <v>1036</v>
      </c>
      <c r="L1654">
        <v>99</v>
      </c>
      <c r="M1654" s="10">
        <v>0</v>
      </c>
      <c r="N1654">
        <v>0</v>
      </c>
    </row>
    <row r="1655" spans="1:14" hidden="1">
      <c r="A1655" s="7" t="s">
        <v>10</v>
      </c>
      <c r="B1655" s="8"/>
      <c r="C1655" s="8" t="s">
        <v>63</v>
      </c>
      <c r="D1655" t="s">
        <v>77</v>
      </c>
      <c r="E1655" s="8" t="s">
        <v>63</v>
      </c>
      <c r="F1655" t="s">
        <v>55</v>
      </c>
      <c r="G1655" t="s">
        <v>78</v>
      </c>
      <c r="H1655" t="s">
        <v>55</v>
      </c>
      <c r="I1655" s="8">
        <v>2029</v>
      </c>
      <c r="J1655" t="s">
        <v>49</v>
      </c>
      <c r="K1655" s="10"/>
      <c r="M1655" s="10"/>
      <c r="N1655">
        <v>0</v>
      </c>
    </row>
    <row r="1656" spans="1:14" hidden="1">
      <c r="A1656" s="7" t="s">
        <v>10</v>
      </c>
      <c r="B1656" s="8"/>
      <c r="C1656" s="8" t="s">
        <v>63</v>
      </c>
      <c r="D1656" t="s">
        <v>77</v>
      </c>
      <c r="E1656" s="8" t="s">
        <v>63</v>
      </c>
      <c r="F1656" t="s">
        <v>55</v>
      </c>
      <c r="G1656" t="s">
        <v>79</v>
      </c>
      <c r="H1656" t="s">
        <v>55</v>
      </c>
      <c r="I1656" s="8">
        <v>2029</v>
      </c>
      <c r="J1656" t="s">
        <v>15</v>
      </c>
      <c r="K1656" s="10">
        <v>353</v>
      </c>
      <c r="L1656">
        <v>353</v>
      </c>
      <c r="M1656" s="10">
        <v>0</v>
      </c>
      <c r="N1656">
        <v>0</v>
      </c>
    </row>
    <row r="1657" spans="1:14" hidden="1">
      <c r="A1657" s="7" t="s">
        <v>10</v>
      </c>
      <c r="B1657" s="8"/>
      <c r="C1657" s="8" t="s">
        <v>63</v>
      </c>
      <c r="D1657" t="s">
        <v>77</v>
      </c>
      <c r="E1657" s="8" t="s">
        <v>63</v>
      </c>
      <c r="F1657" t="s">
        <v>55</v>
      </c>
      <c r="G1657" t="s">
        <v>79</v>
      </c>
      <c r="H1657" t="s">
        <v>55</v>
      </c>
      <c r="I1657" s="8">
        <v>2029</v>
      </c>
      <c r="J1657" t="s">
        <v>50</v>
      </c>
      <c r="K1657" s="10"/>
      <c r="M1657" s="10"/>
      <c r="N1657">
        <v>0</v>
      </c>
    </row>
    <row r="1658" spans="1:14" hidden="1">
      <c r="A1658" s="7" t="s">
        <v>10</v>
      </c>
      <c r="B1658" s="8"/>
      <c r="C1658" s="8" t="s">
        <v>63</v>
      </c>
      <c r="D1658" t="s">
        <v>77</v>
      </c>
      <c r="E1658" s="8" t="s">
        <v>63</v>
      </c>
      <c r="F1658" t="s">
        <v>55</v>
      </c>
      <c r="G1658" t="s">
        <v>19</v>
      </c>
      <c r="H1658" t="s">
        <v>55</v>
      </c>
      <c r="I1658" s="8">
        <v>2029</v>
      </c>
      <c r="J1658" t="s">
        <v>19</v>
      </c>
      <c r="K1658" s="10"/>
      <c r="M1658" s="10"/>
      <c r="N1658">
        <v>0</v>
      </c>
    </row>
    <row r="1659" spans="1:14" hidden="1">
      <c r="A1659" s="7" t="s">
        <v>10</v>
      </c>
      <c r="B1659" s="8"/>
      <c r="C1659" s="8" t="s">
        <v>63</v>
      </c>
      <c r="D1659" t="s">
        <v>77</v>
      </c>
      <c r="E1659" s="8" t="s">
        <v>63</v>
      </c>
      <c r="F1659" t="s">
        <v>55</v>
      </c>
      <c r="G1659" t="s">
        <v>78</v>
      </c>
      <c r="H1659" t="s">
        <v>55</v>
      </c>
      <c r="I1659" s="8">
        <v>2029</v>
      </c>
      <c r="J1659" t="s">
        <v>21</v>
      </c>
      <c r="K1659" s="10"/>
      <c r="M1659" s="10"/>
      <c r="N1659">
        <v>0</v>
      </c>
    </row>
    <row r="1660" spans="1:14" hidden="1">
      <c r="A1660" s="7" t="s">
        <v>10</v>
      </c>
      <c r="B1660" s="8"/>
      <c r="C1660" s="8" t="s">
        <v>63</v>
      </c>
      <c r="D1660" t="s">
        <v>77</v>
      </c>
      <c r="E1660" s="8" t="s">
        <v>63</v>
      </c>
      <c r="F1660" t="s">
        <v>55</v>
      </c>
      <c r="G1660" t="s">
        <v>78</v>
      </c>
      <c r="H1660" t="s">
        <v>55</v>
      </c>
      <c r="I1660" s="8">
        <v>2029</v>
      </c>
      <c r="J1660" t="s">
        <v>51</v>
      </c>
      <c r="K1660" s="10"/>
      <c r="M1660" s="10"/>
      <c r="N1660">
        <v>0</v>
      </c>
    </row>
    <row r="1661" spans="1:14" hidden="1">
      <c r="A1661" s="7" t="s">
        <v>10</v>
      </c>
      <c r="B1661" s="8"/>
      <c r="C1661" s="8" t="s">
        <v>63</v>
      </c>
      <c r="D1661" t="s">
        <v>77</v>
      </c>
      <c r="E1661" s="8" t="s">
        <v>63</v>
      </c>
      <c r="F1661" t="s">
        <v>55</v>
      </c>
      <c r="G1661" t="s">
        <v>78</v>
      </c>
      <c r="H1661" t="s">
        <v>55</v>
      </c>
      <c r="I1661" s="8">
        <v>2030</v>
      </c>
      <c r="J1661" t="s">
        <v>47</v>
      </c>
      <c r="K1661" s="10"/>
      <c r="M1661" s="10"/>
      <c r="N1661">
        <v>0</v>
      </c>
    </row>
    <row r="1662" spans="1:14" hidden="1">
      <c r="A1662" s="7" t="s">
        <v>10</v>
      </c>
      <c r="B1662" s="8"/>
      <c r="C1662" s="8" t="s">
        <v>63</v>
      </c>
      <c r="D1662" t="s">
        <v>77</v>
      </c>
      <c r="E1662" s="8" t="s">
        <v>63</v>
      </c>
      <c r="F1662" t="s">
        <v>55</v>
      </c>
      <c r="G1662" t="s">
        <v>78</v>
      </c>
      <c r="H1662" t="s">
        <v>55</v>
      </c>
      <c r="I1662" s="8">
        <v>2030</v>
      </c>
      <c r="J1662" t="s">
        <v>48</v>
      </c>
      <c r="K1662" s="10"/>
      <c r="M1662" s="10"/>
      <c r="N1662">
        <v>0</v>
      </c>
    </row>
    <row r="1663" spans="1:14" hidden="1">
      <c r="A1663" s="7" t="s">
        <v>10</v>
      </c>
      <c r="B1663" s="8"/>
      <c r="C1663" s="8" t="s">
        <v>63</v>
      </c>
      <c r="D1663" t="s">
        <v>77</v>
      </c>
      <c r="E1663" s="8" t="s">
        <v>63</v>
      </c>
      <c r="F1663" t="s">
        <v>55</v>
      </c>
      <c r="G1663" t="s">
        <v>78</v>
      </c>
      <c r="H1663" t="s">
        <v>55</v>
      </c>
      <c r="I1663" s="8">
        <v>2030</v>
      </c>
      <c r="J1663" t="s">
        <v>14</v>
      </c>
      <c r="K1663" s="10">
        <v>1036</v>
      </c>
      <c r="L1663">
        <v>99</v>
      </c>
      <c r="M1663" s="10">
        <v>0</v>
      </c>
      <c r="N1663">
        <v>0</v>
      </c>
    </row>
    <row r="1664" spans="1:14" hidden="1">
      <c r="A1664" s="7" t="s">
        <v>10</v>
      </c>
      <c r="B1664" s="8"/>
      <c r="C1664" s="8" t="s">
        <v>63</v>
      </c>
      <c r="D1664" t="s">
        <v>77</v>
      </c>
      <c r="E1664" s="8" t="s">
        <v>63</v>
      </c>
      <c r="F1664" t="s">
        <v>55</v>
      </c>
      <c r="G1664" t="s">
        <v>78</v>
      </c>
      <c r="H1664" t="s">
        <v>55</v>
      </c>
      <c r="I1664" s="8">
        <v>2030</v>
      </c>
      <c r="J1664" t="s">
        <v>49</v>
      </c>
      <c r="K1664" s="10"/>
      <c r="M1664" s="10"/>
      <c r="N1664">
        <v>0</v>
      </c>
    </row>
    <row r="1665" spans="1:14" hidden="1">
      <c r="A1665" s="7" t="s">
        <v>10</v>
      </c>
      <c r="B1665" s="8"/>
      <c r="C1665" s="8" t="s">
        <v>63</v>
      </c>
      <c r="D1665" t="s">
        <v>77</v>
      </c>
      <c r="E1665" s="8" t="s">
        <v>63</v>
      </c>
      <c r="F1665" t="s">
        <v>55</v>
      </c>
      <c r="G1665" t="s">
        <v>79</v>
      </c>
      <c r="H1665" t="s">
        <v>55</v>
      </c>
      <c r="I1665" s="8">
        <v>2030</v>
      </c>
      <c r="J1665" t="s">
        <v>15</v>
      </c>
      <c r="K1665" s="10">
        <v>353</v>
      </c>
      <c r="L1665">
        <v>353</v>
      </c>
      <c r="M1665" s="10">
        <v>0</v>
      </c>
      <c r="N1665">
        <v>0</v>
      </c>
    </row>
    <row r="1666" spans="1:14" hidden="1">
      <c r="A1666" s="7" t="s">
        <v>10</v>
      </c>
      <c r="B1666" s="8"/>
      <c r="C1666" s="8" t="s">
        <v>63</v>
      </c>
      <c r="D1666" t="s">
        <v>77</v>
      </c>
      <c r="E1666" s="8" t="s">
        <v>63</v>
      </c>
      <c r="F1666" t="s">
        <v>55</v>
      </c>
      <c r="G1666" t="s">
        <v>79</v>
      </c>
      <c r="H1666" t="s">
        <v>55</v>
      </c>
      <c r="I1666" s="8">
        <v>2030</v>
      </c>
      <c r="J1666" t="s">
        <v>50</v>
      </c>
      <c r="K1666" s="10"/>
      <c r="M1666" s="10"/>
      <c r="N1666">
        <v>0</v>
      </c>
    </row>
    <row r="1667" spans="1:14" hidden="1">
      <c r="A1667" s="7" t="s">
        <v>10</v>
      </c>
      <c r="B1667" s="8"/>
      <c r="C1667" s="8" t="s">
        <v>63</v>
      </c>
      <c r="D1667" t="s">
        <v>77</v>
      </c>
      <c r="E1667" s="8" t="s">
        <v>63</v>
      </c>
      <c r="F1667" t="s">
        <v>55</v>
      </c>
      <c r="G1667" t="s">
        <v>19</v>
      </c>
      <c r="H1667" t="s">
        <v>55</v>
      </c>
      <c r="I1667" s="8">
        <v>2030</v>
      </c>
      <c r="J1667" t="s">
        <v>19</v>
      </c>
      <c r="K1667" s="10"/>
      <c r="M1667" s="10"/>
      <c r="N1667">
        <v>0</v>
      </c>
    </row>
    <row r="1668" spans="1:14" hidden="1">
      <c r="A1668" s="7" t="s">
        <v>10</v>
      </c>
      <c r="B1668" s="8"/>
      <c r="C1668" s="8" t="s">
        <v>63</v>
      </c>
      <c r="D1668" t="s">
        <v>77</v>
      </c>
      <c r="E1668" s="8" t="s">
        <v>63</v>
      </c>
      <c r="F1668" t="s">
        <v>55</v>
      </c>
      <c r="G1668" t="s">
        <v>78</v>
      </c>
      <c r="H1668" t="s">
        <v>55</v>
      </c>
      <c r="I1668" s="8">
        <v>2030</v>
      </c>
      <c r="J1668" t="s">
        <v>21</v>
      </c>
      <c r="K1668" s="10"/>
      <c r="M1668" s="10"/>
      <c r="N1668">
        <v>0</v>
      </c>
    </row>
    <row r="1669" spans="1:14" hidden="1">
      <c r="A1669" s="7" t="s">
        <v>10</v>
      </c>
      <c r="B1669" s="8"/>
      <c r="C1669" s="8" t="s">
        <v>63</v>
      </c>
      <c r="D1669" t="s">
        <v>77</v>
      </c>
      <c r="E1669" s="8" t="s">
        <v>63</v>
      </c>
      <c r="F1669" t="s">
        <v>55</v>
      </c>
      <c r="G1669" t="s">
        <v>78</v>
      </c>
      <c r="H1669" t="s">
        <v>55</v>
      </c>
      <c r="I1669" s="8">
        <v>2030</v>
      </c>
      <c r="J1669" t="s">
        <v>51</v>
      </c>
      <c r="K1669" s="10"/>
      <c r="M1669" s="10"/>
      <c r="N1669">
        <v>0</v>
      </c>
    </row>
    <row r="1670" spans="1:14" hidden="1">
      <c r="A1670" s="7" t="s">
        <v>10</v>
      </c>
      <c r="B1670" s="8"/>
      <c r="C1670" s="8" t="s">
        <v>63</v>
      </c>
      <c r="D1670" t="s">
        <v>77</v>
      </c>
      <c r="E1670" s="8" t="s">
        <v>63</v>
      </c>
      <c r="F1670" t="s">
        <v>55</v>
      </c>
      <c r="G1670" t="s">
        <v>78</v>
      </c>
      <c r="H1670" t="s">
        <v>55</v>
      </c>
      <c r="I1670" s="8">
        <v>2031</v>
      </c>
      <c r="J1670" t="s">
        <v>47</v>
      </c>
      <c r="K1670" s="10"/>
      <c r="M1670" s="10"/>
      <c r="N1670">
        <v>0</v>
      </c>
    </row>
    <row r="1671" spans="1:14" hidden="1">
      <c r="A1671" s="7" t="s">
        <v>10</v>
      </c>
      <c r="B1671" s="8"/>
      <c r="C1671" s="8" t="s">
        <v>63</v>
      </c>
      <c r="D1671" t="s">
        <v>77</v>
      </c>
      <c r="E1671" s="8" t="s">
        <v>63</v>
      </c>
      <c r="F1671" t="s">
        <v>55</v>
      </c>
      <c r="G1671" t="s">
        <v>78</v>
      </c>
      <c r="H1671" t="s">
        <v>55</v>
      </c>
      <c r="I1671" s="8">
        <v>2031</v>
      </c>
      <c r="J1671" t="s">
        <v>48</v>
      </c>
      <c r="K1671" s="10"/>
      <c r="M1671" s="10"/>
      <c r="N1671">
        <v>0</v>
      </c>
    </row>
    <row r="1672" spans="1:14" hidden="1">
      <c r="A1672" s="7" t="s">
        <v>10</v>
      </c>
      <c r="B1672" s="8"/>
      <c r="C1672" s="8" t="s">
        <v>63</v>
      </c>
      <c r="D1672" t="s">
        <v>77</v>
      </c>
      <c r="E1672" s="8" t="s">
        <v>63</v>
      </c>
      <c r="F1672" t="s">
        <v>55</v>
      </c>
      <c r="G1672" t="s">
        <v>78</v>
      </c>
      <c r="H1672" t="s">
        <v>55</v>
      </c>
      <c r="I1672" s="8">
        <v>2031</v>
      </c>
      <c r="J1672" t="s">
        <v>14</v>
      </c>
      <c r="K1672" s="10">
        <v>1036</v>
      </c>
      <c r="L1672">
        <v>99</v>
      </c>
      <c r="M1672" s="10">
        <v>0</v>
      </c>
      <c r="N1672">
        <v>0</v>
      </c>
    </row>
    <row r="1673" spans="1:14" hidden="1">
      <c r="A1673" s="7" t="s">
        <v>10</v>
      </c>
      <c r="B1673" s="8"/>
      <c r="C1673" s="8" t="s">
        <v>63</v>
      </c>
      <c r="D1673" t="s">
        <v>77</v>
      </c>
      <c r="E1673" s="8" t="s">
        <v>63</v>
      </c>
      <c r="F1673" t="s">
        <v>55</v>
      </c>
      <c r="G1673" t="s">
        <v>78</v>
      </c>
      <c r="H1673" t="s">
        <v>55</v>
      </c>
      <c r="I1673" s="8">
        <v>2031</v>
      </c>
      <c r="J1673" t="s">
        <v>49</v>
      </c>
      <c r="K1673" s="10"/>
      <c r="M1673" s="10"/>
      <c r="N1673">
        <v>0</v>
      </c>
    </row>
    <row r="1674" spans="1:14" hidden="1">
      <c r="A1674" s="7" t="s">
        <v>10</v>
      </c>
      <c r="B1674" s="8"/>
      <c r="C1674" s="8" t="s">
        <v>63</v>
      </c>
      <c r="D1674" t="s">
        <v>77</v>
      </c>
      <c r="E1674" s="8" t="s">
        <v>63</v>
      </c>
      <c r="F1674" t="s">
        <v>55</v>
      </c>
      <c r="G1674" t="s">
        <v>79</v>
      </c>
      <c r="H1674" t="s">
        <v>55</v>
      </c>
      <c r="I1674" s="8">
        <v>2031</v>
      </c>
      <c r="J1674" t="s">
        <v>15</v>
      </c>
      <c r="K1674" s="10">
        <v>353</v>
      </c>
      <c r="L1674">
        <v>353</v>
      </c>
      <c r="M1674" s="10">
        <v>0</v>
      </c>
      <c r="N1674">
        <v>0</v>
      </c>
    </row>
    <row r="1675" spans="1:14" hidden="1">
      <c r="A1675" s="7" t="s">
        <v>10</v>
      </c>
      <c r="B1675" s="8"/>
      <c r="C1675" s="8" t="s">
        <v>63</v>
      </c>
      <c r="D1675" t="s">
        <v>77</v>
      </c>
      <c r="E1675" s="8" t="s">
        <v>63</v>
      </c>
      <c r="F1675" t="s">
        <v>55</v>
      </c>
      <c r="G1675" t="s">
        <v>79</v>
      </c>
      <c r="H1675" t="s">
        <v>55</v>
      </c>
      <c r="I1675" s="8">
        <v>2031</v>
      </c>
      <c r="J1675" t="s">
        <v>50</v>
      </c>
      <c r="K1675" s="10"/>
      <c r="M1675" s="10"/>
      <c r="N1675">
        <v>0</v>
      </c>
    </row>
    <row r="1676" spans="1:14" hidden="1">
      <c r="A1676" s="7" t="s">
        <v>10</v>
      </c>
      <c r="B1676" s="8"/>
      <c r="C1676" s="8" t="s">
        <v>63</v>
      </c>
      <c r="D1676" t="s">
        <v>77</v>
      </c>
      <c r="E1676" s="8" t="s">
        <v>63</v>
      </c>
      <c r="F1676" t="s">
        <v>55</v>
      </c>
      <c r="G1676" t="s">
        <v>19</v>
      </c>
      <c r="H1676" t="s">
        <v>55</v>
      </c>
      <c r="I1676" s="8">
        <v>2031</v>
      </c>
      <c r="J1676" t="s">
        <v>19</v>
      </c>
      <c r="K1676" s="10"/>
      <c r="M1676" s="10"/>
      <c r="N1676">
        <v>0</v>
      </c>
    </row>
    <row r="1677" spans="1:14" hidden="1">
      <c r="A1677" s="7" t="s">
        <v>10</v>
      </c>
      <c r="B1677" s="8"/>
      <c r="C1677" s="8" t="s">
        <v>63</v>
      </c>
      <c r="D1677" t="s">
        <v>77</v>
      </c>
      <c r="E1677" s="8" t="s">
        <v>63</v>
      </c>
      <c r="F1677" t="s">
        <v>55</v>
      </c>
      <c r="G1677" t="s">
        <v>78</v>
      </c>
      <c r="H1677" t="s">
        <v>55</v>
      </c>
      <c r="I1677" s="8">
        <v>2031</v>
      </c>
      <c r="J1677" t="s">
        <v>21</v>
      </c>
      <c r="K1677" s="10"/>
      <c r="M1677" s="10"/>
      <c r="N1677">
        <v>0</v>
      </c>
    </row>
    <row r="1678" spans="1:14" hidden="1">
      <c r="A1678" s="7" t="s">
        <v>10</v>
      </c>
      <c r="B1678" s="8"/>
      <c r="C1678" s="8" t="s">
        <v>63</v>
      </c>
      <c r="D1678" t="s">
        <v>77</v>
      </c>
      <c r="E1678" s="8" t="s">
        <v>63</v>
      </c>
      <c r="F1678" t="s">
        <v>55</v>
      </c>
      <c r="G1678" t="s">
        <v>78</v>
      </c>
      <c r="H1678" t="s">
        <v>55</v>
      </c>
      <c r="I1678" s="8">
        <v>2031</v>
      </c>
      <c r="J1678" t="s">
        <v>51</v>
      </c>
      <c r="K1678" s="10"/>
      <c r="M1678" s="10"/>
      <c r="N1678">
        <v>0</v>
      </c>
    </row>
    <row r="1679" spans="1:14" hidden="1">
      <c r="A1679" s="7" t="s">
        <v>10</v>
      </c>
      <c r="B1679" s="8"/>
      <c r="C1679" s="8" t="s">
        <v>63</v>
      </c>
      <c r="D1679" t="s">
        <v>77</v>
      </c>
      <c r="E1679" s="8" t="s">
        <v>63</v>
      </c>
      <c r="F1679" t="s">
        <v>55</v>
      </c>
      <c r="G1679" t="s">
        <v>78</v>
      </c>
      <c r="H1679" t="s">
        <v>55</v>
      </c>
      <c r="I1679" s="8">
        <v>2032</v>
      </c>
      <c r="J1679" t="s">
        <v>47</v>
      </c>
      <c r="K1679" s="10"/>
      <c r="M1679" s="10"/>
      <c r="N1679">
        <v>0</v>
      </c>
    </row>
    <row r="1680" spans="1:14" hidden="1">
      <c r="A1680" s="7" t="s">
        <v>10</v>
      </c>
      <c r="B1680" s="8"/>
      <c r="C1680" s="8" t="s">
        <v>63</v>
      </c>
      <c r="D1680" t="s">
        <v>77</v>
      </c>
      <c r="E1680" s="8" t="s">
        <v>63</v>
      </c>
      <c r="F1680" t="s">
        <v>55</v>
      </c>
      <c r="G1680" t="s">
        <v>78</v>
      </c>
      <c r="H1680" t="s">
        <v>55</v>
      </c>
      <c r="I1680" s="8">
        <v>2032</v>
      </c>
      <c r="J1680" t="s">
        <v>48</v>
      </c>
      <c r="K1680" s="10"/>
      <c r="M1680" s="10"/>
      <c r="N1680">
        <v>0</v>
      </c>
    </row>
    <row r="1681" spans="1:14" hidden="1">
      <c r="A1681" s="7" t="s">
        <v>10</v>
      </c>
      <c r="B1681" s="8"/>
      <c r="C1681" s="8" t="s">
        <v>63</v>
      </c>
      <c r="D1681" t="s">
        <v>77</v>
      </c>
      <c r="E1681" s="8" t="s">
        <v>63</v>
      </c>
      <c r="F1681" t="s">
        <v>55</v>
      </c>
      <c r="G1681" t="s">
        <v>78</v>
      </c>
      <c r="H1681" t="s">
        <v>55</v>
      </c>
      <c r="I1681" s="8">
        <v>2032</v>
      </c>
      <c r="J1681" t="s">
        <v>14</v>
      </c>
      <c r="K1681" s="10">
        <v>1036</v>
      </c>
      <c r="L1681">
        <v>99</v>
      </c>
      <c r="M1681" s="10">
        <v>0</v>
      </c>
      <c r="N1681">
        <v>0</v>
      </c>
    </row>
    <row r="1682" spans="1:14" hidden="1">
      <c r="A1682" s="7" t="s">
        <v>10</v>
      </c>
      <c r="B1682" s="8"/>
      <c r="C1682" s="8" t="s">
        <v>63</v>
      </c>
      <c r="D1682" t="s">
        <v>77</v>
      </c>
      <c r="E1682" s="8" t="s">
        <v>63</v>
      </c>
      <c r="F1682" t="s">
        <v>55</v>
      </c>
      <c r="G1682" t="s">
        <v>78</v>
      </c>
      <c r="H1682" t="s">
        <v>55</v>
      </c>
      <c r="I1682" s="8">
        <v>2032</v>
      </c>
      <c r="J1682" t="s">
        <v>49</v>
      </c>
      <c r="K1682" s="10"/>
      <c r="M1682" s="10"/>
      <c r="N1682">
        <v>0</v>
      </c>
    </row>
    <row r="1683" spans="1:14" hidden="1">
      <c r="A1683" s="7" t="s">
        <v>10</v>
      </c>
      <c r="B1683" s="8"/>
      <c r="C1683" s="8" t="s">
        <v>63</v>
      </c>
      <c r="D1683" t="s">
        <v>77</v>
      </c>
      <c r="E1683" s="8" t="s">
        <v>63</v>
      </c>
      <c r="F1683" t="s">
        <v>55</v>
      </c>
      <c r="G1683" t="s">
        <v>79</v>
      </c>
      <c r="H1683" t="s">
        <v>55</v>
      </c>
      <c r="I1683" s="8">
        <v>2032</v>
      </c>
      <c r="J1683" t="s">
        <v>15</v>
      </c>
      <c r="K1683" s="10">
        <v>353</v>
      </c>
      <c r="L1683">
        <v>353</v>
      </c>
      <c r="M1683" s="10">
        <v>0</v>
      </c>
      <c r="N1683">
        <v>0</v>
      </c>
    </row>
    <row r="1684" spans="1:14" hidden="1">
      <c r="A1684" s="7" t="s">
        <v>10</v>
      </c>
      <c r="B1684" s="8"/>
      <c r="C1684" s="8" t="s">
        <v>63</v>
      </c>
      <c r="D1684" t="s">
        <v>77</v>
      </c>
      <c r="E1684" s="8" t="s">
        <v>63</v>
      </c>
      <c r="F1684" t="s">
        <v>55</v>
      </c>
      <c r="G1684" t="s">
        <v>79</v>
      </c>
      <c r="H1684" t="s">
        <v>55</v>
      </c>
      <c r="I1684" s="8">
        <v>2032</v>
      </c>
      <c r="J1684" t="s">
        <v>50</v>
      </c>
      <c r="K1684" s="10"/>
      <c r="M1684" s="10"/>
      <c r="N1684">
        <v>0</v>
      </c>
    </row>
    <row r="1685" spans="1:14" hidden="1">
      <c r="A1685" s="7" t="s">
        <v>10</v>
      </c>
      <c r="B1685" s="8"/>
      <c r="C1685" s="8" t="s">
        <v>63</v>
      </c>
      <c r="D1685" t="s">
        <v>77</v>
      </c>
      <c r="E1685" s="8" t="s">
        <v>63</v>
      </c>
      <c r="F1685" t="s">
        <v>55</v>
      </c>
      <c r="G1685" t="s">
        <v>19</v>
      </c>
      <c r="H1685" t="s">
        <v>55</v>
      </c>
      <c r="I1685" s="8">
        <v>2032</v>
      </c>
      <c r="J1685" t="s">
        <v>19</v>
      </c>
      <c r="K1685" s="10"/>
      <c r="M1685" s="10"/>
      <c r="N1685">
        <v>0</v>
      </c>
    </row>
    <row r="1686" spans="1:14" hidden="1">
      <c r="A1686" s="7" t="s">
        <v>10</v>
      </c>
      <c r="B1686" s="8"/>
      <c r="C1686" s="8" t="s">
        <v>63</v>
      </c>
      <c r="D1686" t="s">
        <v>77</v>
      </c>
      <c r="E1686" s="8" t="s">
        <v>63</v>
      </c>
      <c r="F1686" t="s">
        <v>55</v>
      </c>
      <c r="G1686" t="s">
        <v>78</v>
      </c>
      <c r="H1686" t="s">
        <v>55</v>
      </c>
      <c r="I1686" s="8">
        <v>2032</v>
      </c>
      <c r="J1686" t="s">
        <v>21</v>
      </c>
      <c r="K1686" s="10"/>
      <c r="M1686" s="10"/>
      <c r="N1686">
        <v>0</v>
      </c>
    </row>
    <row r="1687" spans="1:14" hidden="1">
      <c r="A1687" s="7" t="s">
        <v>10</v>
      </c>
      <c r="B1687" s="8"/>
      <c r="C1687" s="8" t="s">
        <v>63</v>
      </c>
      <c r="D1687" t="s">
        <v>77</v>
      </c>
      <c r="E1687" s="8" t="s">
        <v>63</v>
      </c>
      <c r="F1687" t="s">
        <v>55</v>
      </c>
      <c r="G1687" t="s">
        <v>78</v>
      </c>
      <c r="H1687" t="s">
        <v>55</v>
      </c>
      <c r="I1687" s="8">
        <v>2032</v>
      </c>
      <c r="J1687" t="s">
        <v>51</v>
      </c>
      <c r="K1687" s="10"/>
      <c r="M1687" s="10"/>
      <c r="N1687">
        <v>0</v>
      </c>
    </row>
    <row r="1688" spans="1:14" hidden="1">
      <c r="A1688" s="7" t="s">
        <v>10</v>
      </c>
      <c r="B1688" s="8"/>
      <c r="C1688" s="8" t="s">
        <v>63</v>
      </c>
      <c r="D1688" t="s">
        <v>77</v>
      </c>
      <c r="E1688" s="8" t="s">
        <v>63</v>
      </c>
      <c r="F1688" t="s">
        <v>55</v>
      </c>
      <c r="G1688" t="s">
        <v>78</v>
      </c>
      <c r="H1688" t="s">
        <v>55</v>
      </c>
      <c r="I1688" s="8">
        <v>2033</v>
      </c>
      <c r="J1688" t="s">
        <v>47</v>
      </c>
      <c r="K1688" s="10"/>
      <c r="M1688" s="10"/>
      <c r="N1688">
        <v>0</v>
      </c>
    </row>
    <row r="1689" spans="1:14" hidden="1">
      <c r="A1689" s="7" t="s">
        <v>10</v>
      </c>
      <c r="B1689" s="8"/>
      <c r="C1689" s="8" t="s">
        <v>63</v>
      </c>
      <c r="D1689" t="s">
        <v>77</v>
      </c>
      <c r="E1689" s="8" t="s">
        <v>63</v>
      </c>
      <c r="F1689" t="s">
        <v>55</v>
      </c>
      <c r="G1689" t="s">
        <v>78</v>
      </c>
      <c r="H1689" t="s">
        <v>55</v>
      </c>
      <c r="I1689" s="8">
        <v>2033</v>
      </c>
      <c r="J1689" t="s">
        <v>48</v>
      </c>
      <c r="K1689" s="10"/>
      <c r="M1689" s="10"/>
      <c r="N1689">
        <v>0</v>
      </c>
    </row>
    <row r="1690" spans="1:14" hidden="1">
      <c r="A1690" s="7" t="s">
        <v>10</v>
      </c>
      <c r="B1690" s="8"/>
      <c r="C1690" s="8" t="s">
        <v>63</v>
      </c>
      <c r="D1690" t="s">
        <v>77</v>
      </c>
      <c r="E1690" s="8" t="s">
        <v>63</v>
      </c>
      <c r="F1690" t="s">
        <v>55</v>
      </c>
      <c r="G1690" t="s">
        <v>78</v>
      </c>
      <c r="H1690" t="s">
        <v>55</v>
      </c>
      <c r="I1690" s="8">
        <v>2033</v>
      </c>
      <c r="J1690" t="s">
        <v>14</v>
      </c>
      <c r="K1690" s="10">
        <v>1036</v>
      </c>
      <c r="L1690">
        <v>99</v>
      </c>
      <c r="M1690" s="10">
        <v>0</v>
      </c>
      <c r="N1690">
        <v>0</v>
      </c>
    </row>
    <row r="1691" spans="1:14" hidden="1">
      <c r="A1691" s="7" t="s">
        <v>10</v>
      </c>
      <c r="B1691" s="8"/>
      <c r="C1691" s="8" t="s">
        <v>63</v>
      </c>
      <c r="D1691" t="s">
        <v>77</v>
      </c>
      <c r="E1691" s="8" t="s">
        <v>63</v>
      </c>
      <c r="F1691" t="s">
        <v>55</v>
      </c>
      <c r="G1691" t="s">
        <v>78</v>
      </c>
      <c r="H1691" t="s">
        <v>55</v>
      </c>
      <c r="I1691" s="8">
        <v>2033</v>
      </c>
      <c r="J1691" t="s">
        <v>49</v>
      </c>
      <c r="K1691" s="10"/>
      <c r="M1691" s="10"/>
      <c r="N1691">
        <v>0</v>
      </c>
    </row>
    <row r="1692" spans="1:14" hidden="1">
      <c r="A1692" s="7" t="s">
        <v>10</v>
      </c>
      <c r="B1692" s="8"/>
      <c r="C1692" s="8" t="s">
        <v>63</v>
      </c>
      <c r="D1692" t="s">
        <v>77</v>
      </c>
      <c r="E1692" s="8" t="s">
        <v>63</v>
      </c>
      <c r="F1692" t="s">
        <v>55</v>
      </c>
      <c r="G1692" t="s">
        <v>79</v>
      </c>
      <c r="H1692" t="s">
        <v>55</v>
      </c>
      <c r="I1692" s="8">
        <v>2033</v>
      </c>
      <c r="J1692" t="s">
        <v>15</v>
      </c>
      <c r="K1692" s="10">
        <v>353</v>
      </c>
      <c r="L1692">
        <v>353</v>
      </c>
      <c r="M1692" s="10">
        <v>0</v>
      </c>
      <c r="N1692">
        <v>0</v>
      </c>
    </row>
    <row r="1693" spans="1:14" hidden="1">
      <c r="A1693" s="7" t="s">
        <v>10</v>
      </c>
      <c r="B1693" s="8"/>
      <c r="C1693" s="8" t="s">
        <v>63</v>
      </c>
      <c r="D1693" t="s">
        <v>77</v>
      </c>
      <c r="E1693" s="8" t="s">
        <v>63</v>
      </c>
      <c r="F1693" t="s">
        <v>55</v>
      </c>
      <c r="G1693" t="s">
        <v>79</v>
      </c>
      <c r="H1693" t="s">
        <v>55</v>
      </c>
      <c r="I1693" s="8">
        <v>2033</v>
      </c>
      <c r="J1693" t="s">
        <v>50</v>
      </c>
      <c r="K1693" s="10"/>
      <c r="M1693" s="10"/>
      <c r="N1693">
        <v>0</v>
      </c>
    </row>
    <row r="1694" spans="1:14" hidden="1">
      <c r="A1694" s="7" t="s">
        <v>10</v>
      </c>
      <c r="B1694" s="8"/>
      <c r="C1694" s="8" t="s">
        <v>63</v>
      </c>
      <c r="D1694" t="s">
        <v>77</v>
      </c>
      <c r="E1694" s="8" t="s">
        <v>63</v>
      </c>
      <c r="F1694" t="s">
        <v>55</v>
      </c>
      <c r="G1694" t="s">
        <v>19</v>
      </c>
      <c r="H1694" t="s">
        <v>55</v>
      </c>
      <c r="I1694" s="8">
        <v>2033</v>
      </c>
      <c r="J1694" t="s">
        <v>19</v>
      </c>
      <c r="K1694" s="10"/>
      <c r="M1694" s="10"/>
      <c r="N1694">
        <v>0</v>
      </c>
    </row>
    <row r="1695" spans="1:14" hidden="1">
      <c r="A1695" s="7" t="s">
        <v>10</v>
      </c>
      <c r="B1695" s="8"/>
      <c r="C1695" s="8" t="s">
        <v>63</v>
      </c>
      <c r="D1695" t="s">
        <v>77</v>
      </c>
      <c r="E1695" s="8" t="s">
        <v>63</v>
      </c>
      <c r="F1695" t="s">
        <v>55</v>
      </c>
      <c r="G1695" t="s">
        <v>78</v>
      </c>
      <c r="H1695" t="s">
        <v>55</v>
      </c>
      <c r="I1695" s="8">
        <v>2033</v>
      </c>
      <c r="J1695" t="s">
        <v>21</v>
      </c>
      <c r="K1695" s="10"/>
      <c r="M1695" s="10"/>
      <c r="N1695">
        <v>0</v>
      </c>
    </row>
    <row r="1696" spans="1:14" hidden="1">
      <c r="A1696" s="7" t="s">
        <v>10</v>
      </c>
      <c r="B1696" s="8"/>
      <c r="C1696" s="8" t="s">
        <v>63</v>
      </c>
      <c r="D1696" t="s">
        <v>77</v>
      </c>
      <c r="E1696" s="8" t="s">
        <v>63</v>
      </c>
      <c r="F1696" t="s">
        <v>55</v>
      </c>
      <c r="G1696" t="s">
        <v>78</v>
      </c>
      <c r="H1696" t="s">
        <v>55</v>
      </c>
      <c r="I1696" s="8">
        <v>2033</v>
      </c>
      <c r="J1696" t="s">
        <v>51</v>
      </c>
      <c r="K1696" s="10"/>
      <c r="M1696" s="10"/>
      <c r="N1696">
        <v>0</v>
      </c>
    </row>
    <row r="1697" spans="1:14" hidden="1">
      <c r="A1697" s="7" t="s">
        <v>10</v>
      </c>
      <c r="B1697" s="8"/>
      <c r="C1697" s="8" t="s">
        <v>63</v>
      </c>
      <c r="D1697" t="s">
        <v>77</v>
      </c>
      <c r="E1697" s="8" t="s">
        <v>63</v>
      </c>
      <c r="F1697" t="s">
        <v>55</v>
      </c>
      <c r="G1697" t="s">
        <v>78</v>
      </c>
      <c r="H1697" t="s">
        <v>55</v>
      </c>
      <c r="I1697" s="8">
        <v>2034</v>
      </c>
      <c r="J1697" t="s">
        <v>47</v>
      </c>
      <c r="K1697" s="10"/>
      <c r="M1697" s="10"/>
      <c r="N1697">
        <v>0</v>
      </c>
    </row>
    <row r="1698" spans="1:14" hidden="1">
      <c r="A1698" s="7" t="s">
        <v>10</v>
      </c>
      <c r="B1698" s="8"/>
      <c r="C1698" s="8" t="s">
        <v>63</v>
      </c>
      <c r="D1698" t="s">
        <v>77</v>
      </c>
      <c r="E1698" s="8" t="s">
        <v>63</v>
      </c>
      <c r="F1698" t="s">
        <v>55</v>
      </c>
      <c r="G1698" t="s">
        <v>78</v>
      </c>
      <c r="H1698" t="s">
        <v>55</v>
      </c>
      <c r="I1698" s="8">
        <v>2034</v>
      </c>
      <c r="J1698" t="s">
        <v>48</v>
      </c>
      <c r="K1698" s="10"/>
      <c r="M1698" s="10"/>
      <c r="N1698">
        <v>0</v>
      </c>
    </row>
    <row r="1699" spans="1:14" hidden="1">
      <c r="A1699" s="7" t="s">
        <v>10</v>
      </c>
      <c r="B1699" s="8"/>
      <c r="C1699" s="8" t="s">
        <v>63</v>
      </c>
      <c r="D1699" t="s">
        <v>77</v>
      </c>
      <c r="E1699" s="8" t="s">
        <v>63</v>
      </c>
      <c r="F1699" t="s">
        <v>55</v>
      </c>
      <c r="G1699" t="s">
        <v>78</v>
      </c>
      <c r="H1699" t="s">
        <v>55</v>
      </c>
      <c r="I1699" s="8">
        <v>2034</v>
      </c>
      <c r="J1699" t="s">
        <v>14</v>
      </c>
      <c r="K1699" s="10">
        <v>1036</v>
      </c>
      <c r="L1699">
        <v>99</v>
      </c>
      <c r="M1699" s="10">
        <v>0</v>
      </c>
      <c r="N1699">
        <v>0</v>
      </c>
    </row>
    <row r="1700" spans="1:14" hidden="1">
      <c r="A1700" s="7" t="s">
        <v>10</v>
      </c>
      <c r="B1700" s="8"/>
      <c r="C1700" s="8" t="s">
        <v>63</v>
      </c>
      <c r="D1700" t="s">
        <v>77</v>
      </c>
      <c r="E1700" s="8" t="s">
        <v>63</v>
      </c>
      <c r="F1700" t="s">
        <v>55</v>
      </c>
      <c r="G1700" t="s">
        <v>78</v>
      </c>
      <c r="H1700" t="s">
        <v>55</v>
      </c>
      <c r="I1700" s="8">
        <v>2034</v>
      </c>
      <c r="J1700" t="s">
        <v>49</v>
      </c>
      <c r="K1700" s="10"/>
      <c r="M1700" s="10"/>
      <c r="N1700">
        <v>0</v>
      </c>
    </row>
    <row r="1701" spans="1:14" hidden="1">
      <c r="A1701" s="7" t="s">
        <v>10</v>
      </c>
      <c r="B1701" s="8"/>
      <c r="C1701" s="8" t="s">
        <v>63</v>
      </c>
      <c r="D1701" t="s">
        <v>77</v>
      </c>
      <c r="E1701" s="8" t="s">
        <v>63</v>
      </c>
      <c r="F1701" t="s">
        <v>55</v>
      </c>
      <c r="G1701" t="s">
        <v>79</v>
      </c>
      <c r="H1701" t="s">
        <v>55</v>
      </c>
      <c r="I1701" s="8">
        <v>2034</v>
      </c>
      <c r="J1701" t="s">
        <v>15</v>
      </c>
      <c r="K1701" s="10">
        <v>353</v>
      </c>
      <c r="L1701">
        <v>353</v>
      </c>
      <c r="M1701" s="10">
        <v>0</v>
      </c>
      <c r="N1701">
        <v>0</v>
      </c>
    </row>
    <row r="1702" spans="1:14" hidden="1">
      <c r="A1702" s="7" t="s">
        <v>10</v>
      </c>
      <c r="B1702" s="8"/>
      <c r="C1702" s="8" t="s">
        <v>63</v>
      </c>
      <c r="D1702" t="s">
        <v>77</v>
      </c>
      <c r="E1702" s="8" t="s">
        <v>63</v>
      </c>
      <c r="F1702" t="s">
        <v>55</v>
      </c>
      <c r="G1702" t="s">
        <v>79</v>
      </c>
      <c r="H1702" t="s">
        <v>55</v>
      </c>
      <c r="I1702" s="8">
        <v>2034</v>
      </c>
      <c r="J1702" t="s">
        <v>50</v>
      </c>
      <c r="K1702" s="10"/>
      <c r="M1702" s="10"/>
      <c r="N1702">
        <v>0</v>
      </c>
    </row>
    <row r="1703" spans="1:14" hidden="1">
      <c r="A1703" s="7" t="s">
        <v>10</v>
      </c>
      <c r="B1703" s="8"/>
      <c r="C1703" s="8" t="s">
        <v>63</v>
      </c>
      <c r="D1703" t="s">
        <v>77</v>
      </c>
      <c r="E1703" s="8" t="s">
        <v>63</v>
      </c>
      <c r="F1703" t="s">
        <v>55</v>
      </c>
      <c r="G1703" t="s">
        <v>19</v>
      </c>
      <c r="H1703" t="s">
        <v>55</v>
      </c>
      <c r="I1703" s="8">
        <v>2034</v>
      </c>
      <c r="J1703" t="s">
        <v>19</v>
      </c>
      <c r="K1703" s="10"/>
      <c r="M1703" s="10"/>
      <c r="N1703">
        <v>0</v>
      </c>
    </row>
    <row r="1704" spans="1:14" hidden="1">
      <c r="A1704" s="7" t="s">
        <v>10</v>
      </c>
      <c r="B1704" s="8"/>
      <c r="C1704" s="8" t="s">
        <v>63</v>
      </c>
      <c r="D1704" t="s">
        <v>77</v>
      </c>
      <c r="E1704" s="8" t="s">
        <v>63</v>
      </c>
      <c r="F1704" t="s">
        <v>55</v>
      </c>
      <c r="G1704" t="s">
        <v>78</v>
      </c>
      <c r="H1704" t="s">
        <v>55</v>
      </c>
      <c r="I1704" s="8">
        <v>2034</v>
      </c>
      <c r="J1704" t="s">
        <v>21</v>
      </c>
      <c r="K1704" s="10"/>
      <c r="M1704" s="10"/>
      <c r="N1704">
        <v>0</v>
      </c>
    </row>
    <row r="1705" spans="1:14" hidden="1">
      <c r="A1705" s="7" t="s">
        <v>10</v>
      </c>
      <c r="B1705" s="8"/>
      <c r="C1705" s="8" t="s">
        <v>63</v>
      </c>
      <c r="D1705" t="s">
        <v>77</v>
      </c>
      <c r="E1705" s="8" t="s">
        <v>63</v>
      </c>
      <c r="F1705" t="s">
        <v>55</v>
      </c>
      <c r="G1705" t="s">
        <v>78</v>
      </c>
      <c r="H1705" t="s">
        <v>55</v>
      </c>
      <c r="I1705" s="8">
        <v>2034</v>
      </c>
      <c r="J1705" t="s">
        <v>51</v>
      </c>
      <c r="K1705" s="10"/>
      <c r="M1705" s="10"/>
      <c r="N1705">
        <v>0</v>
      </c>
    </row>
    <row r="1706" spans="1:14">
      <c r="A1706" s="7" t="s">
        <v>10</v>
      </c>
      <c r="B1706" s="8"/>
      <c r="C1706" s="8"/>
      <c r="D1706" t="s">
        <v>77</v>
      </c>
      <c r="E1706" s="8" t="s">
        <v>12</v>
      </c>
      <c r="F1706" t="s">
        <v>64</v>
      </c>
      <c r="G1706" t="s">
        <v>78</v>
      </c>
      <c r="H1706" t="s">
        <v>64</v>
      </c>
      <c r="I1706" s="8">
        <v>2025</v>
      </c>
      <c r="J1706" t="s">
        <v>47</v>
      </c>
      <c r="K1706" s="10">
        <v>0</v>
      </c>
      <c r="L1706">
        <v>0</v>
      </c>
      <c r="M1706" s="10">
        <v>0</v>
      </c>
      <c r="N1706">
        <v>0</v>
      </c>
    </row>
    <row r="1707" spans="1:14">
      <c r="A1707" s="7" t="s">
        <v>10</v>
      </c>
      <c r="B1707" s="8"/>
      <c r="C1707" s="8"/>
      <c r="D1707" t="s">
        <v>77</v>
      </c>
      <c r="E1707" s="8" t="s">
        <v>12</v>
      </c>
      <c r="F1707" t="s">
        <v>64</v>
      </c>
      <c r="G1707" t="s">
        <v>78</v>
      </c>
      <c r="H1707" t="s">
        <v>64</v>
      </c>
      <c r="I1707" s="8">
        <v>2025</v>
      </c>
      <c r="J1707" t="s">
        <v>48</v>
      </c>
      <c r="K1707" s="10">
        <v>0</v>
      </c>
      <c r="L1707">
        <v>0</v>
      </c>
      <c r="M1707" s="10">
        <v>0</v>
      </c>
      <c r="N1707">
        <v>0</v>
      </c>
    </row>
    <row r="1708" spans="1:14">
      <c r="A1708" s="7" t="s">
        <v>10</v>
      </c>
      <c r="B1708" s="8"/>
      <c r="C1708" s="8"/>
      <c r="D1708" t="s">
        <v>77</v>
      </c>
      <c r="E1708" s="8" t="s">
        <v>12</v>
      </c>
      <c r="F1708" t="s">
        <v>64</v>
      </c>
      <c r="G1708" t="s">
        <v>78</v>
      </c>
      <c r="H1708" t="s">
        <v>64</v>
      </c>
      <c r="I1708" s="8">
        <v>2025</v>
      </c>
      <c r="J1708" t="s">
        <v>14</v>
      </c>
      <c r="K1708" s="10">
        <v>0</v>
      </c>
      <c r="L1708">
        <v>0</v>
      </c>
      <c r="M1708" s="10">
        <v>0</v>
      </c>
      <c r="N1708">
        <v>0</v>
      </c>
    </row>
    <row r="1709" spans="1:14">
      <c r="A1709" s="7" t="s">
        <v>10</v>
      </c>
      <c r="B1709" s="8"/>
      <c r="C1709" s="8"/>
      <c r="D1709" t="s">
        <v>77</v>
      </c>
      <c r="E1709" s="8" t="s">
        <v>12</v>
      </c>
      <c r="F1709" t="s">
        <v>64</v>
      </c>
      <c r="G1709" t="s">
        <v>78</v>
      </c>
      <c r="H1709" t="s">
        <v>64</v>
      </c>
      <c r="I1709" s="8">
        <v>2025</v>
      </c>
      <c r="J1709" t="s">
        <v>49</v>
      </c>
      <c r="K1709" s="10">
        <v>0</v>
      </c>
      <c r="L1709">
        <v>0</v>
      </c>
      <c r="M1709" s="10">
        <v>0</v>
      </c>
      <c r="N1709">
        <v>0</v>
      </c>
    </row>
    <row r="1710" spans="1:14">
      <c r="A1710" s="7" t="s">
        <v>10</v>
      </c>
      <c r="B1710" s="8"/>
      <c r="C1710" s="8"/>
      <c r="D1710" t="s">
        <v>77</v>
      </c>
      <c r="E1710" s="8" t="s">
        <v>12</v>
      </c>
      <c r="F1710" t="s">
        <v>64</v>
      </c>
      <c r="G1710" t="s">
        <v>79</v>
      </c>
      <c r="H1710" t="s">
        <v>64</v>
      </c>
      <c r="I1710" s="8">
        <v>2025</v>
      </c>
      <c r="J1710" t="s">
        <v>15</v>
      </c>
      <c r="K1710" s="10">
        <v>450</v>
      </c>
      <c r="L1710">
        <v>0</v>
      </c>
      <c r="M1710" s="10">
        <v>450</v>
      </c>
      <c r="N1710">
        <v>0</v>
      </c>
    </row>
    <row r="1711" spans="1:14">
      <c r="A1711" s="7" t="s">
        <v>10</v>
      </c>
      <c r="B1711" s="8"/>
      <c r="C1711" s="8"/>
      <c r="D1711" t="s">
        <v>77</v>
      </c>
      <c r="E1711" s="8" t="s">
        <v>12</v>
      </c>
      <c r="F1711" t="s">
        <v>64</v>
      </c>
      <c r="G1711" t="s">
        <v>79</v>
      </c>
      <c r="H1711" t="s">
        <v>64</v>
      </c>
      <c r="I1711" s="8">
        <v>2025</v>
      </c>
      <c r="J1711" t="s">
        <v>50</v>
      </c>
      <c r="K1711" s="10">
        <v>0</v>
      </c>
      <c r="L1711">
        <v>0</v>
      </c>
      <c r="M1711" s="10">
        <v>0</v>
      </c>
      <c r="N1711">
        <v>0</v>
      </c>
    </row>
    <row r="1712" spans="1:14">
      <c r="A1712" s="7" t="s">
        <v>10</v>
      </c>
      <c r="B1712" s="8"/>
      <c r="C1712" s="8"/>
      <c r="D1712" t="s">
        <v>77</v>
      </c>
      <c r="E1712" s="8" t="s">
        <v>12</v>
      </c>
      <c r="F1712" t="s">
        <v>64</v>
      </c>
      <c r="G1712" t="s">
        <v>19</v>
      </c>
      <c r="H1712" t="s">
        <v>64</v>
      </c>
      <c r="I1712" s="8">
        <v>2025</v>
      </c>
      <c r="J1712" t="s">
        <v>19</v>
      </c>
      <c r="K1712" s="10">
        <v>0</v>
      </c>
      <c r="L1712">
        <v>0</v>
      </c>
      <c r="M1712" s="10">
        <v>0</v>
      </c>
      <c r="N1712">
        <v>0</v>
      </c>
    </row>
    <row r="1713" spans="1:14">
      <c r="A1713" s="7" t="s">
        <v>10</v>
      </c>
      <c r="B1713" s="8"/>
      <c r="C1713" s="8"/>
      <c r="D1713" t="s">
        <v>77</v>
      </c>
      <c r="E1713" s="8" t="s">
        <v>12</v>
      </c>
      <c r="F1713" t="s">
        <v>64</v>
      </c>
      <c r="G1713" t="s">
        <v>78</v>
      </c>
      <c r="H1713" t="s">
        <v>64</v>
      </c>
      <c r="I1713" s="8">
        <v>2025</v>
      </c>
      <c r="J1713" t="s">
        <v>21</v>
      </c>
      <c r="K1713" s="10">
        <v>47823</v>
      </c>
      <c r="L1713">
        <v>10000</v>
      </c>
      <c r="M1713" s="10">
        <v>37823</v>
      </c>
      <c r="N1713">
        <v>0</v>
      </c>
    </row>
    <row r="1714" spans="1:14">
      <c r="A1714" s="7" t="s">
        <v>10</v>
      </c>
      <c r="B1714" s="8"/>
      <c r="C1714" s="8"/>
      <c r="D1714" t="s">
        <v>77</v>
      </c>
      <c r="E1714" s="8" t="s">
        <v>12</v>
      </c>
      <c r="F1714" t="s">
        <v>64</v>
      </c>
      <c r="G1714" t="s">
        <v>78</v>
      </c>
      <c r="H1714" t="s">
        <v>64</v>
      </c>
      <c r="I1714" s="8">
        <v>2025</v>
      </c>
      <c r="J1714" t="s">
        <v>51</v>
      </c>
      <c r="K1714" s="10">
        <v>4910</v>
      </c>
      <c r="L1714">
        <v>1110</v>
      </c>
      <c r="M1714" s="10">
        <v>3800</v>
      </c>
      <c r="N1714">
        <v>0</v>
      </c>
    </row>
    <row r="1715" spans="1:14" hidden="1">
      <c r="A1715" s="7" t="s">
        <v>10</v>
      </c>
      <c r="B1715" s="8"/>
      <c r="C1715" s="8"/>
      <c r="D1715" t="s">
        <v>77</v>
      </c>
      <c r="E1715" s="8" t="s">
        <v>12</v>
      </c>
      <c r="F1715" t="s">
        <v>64</v>
      </c>
      <c r="G1715" t="s">
        <v>78</v>
      </c>
      <c r="H1715" t="s">
        <v>64</v>
      </c>
      <c r="I1715" s="8">
        <v>2026</v>
      </c>
      <c r="J1715" t="s">
        <v>47</v>
      </c>
      <c r="K1715" s="10">
        <v>0</v>
      </c>
      <c r="L1715">
        <v>0</v>
      </c>
      <c r="M1715" s="10">
        <v>0</v>
      </c>
      <c r="N1715">
        <v>0</v>
      </c>
    </row>
    <row r="1716" spans="1:14" hidden="1">
      <c r="A1716" s="7" t="s">
        <v>10</v>
      </c>
      <c r="B1716" s="8"/>
      <c r="C1716" s="8"/>
      <c r="D1716" t="s">
        <v>77</v>
      </c>
      <c r="E1716" s="8" t="s">
        <v>12</v>
      </c>
      <c r="F1716" t="s">
        <v>64</v>
      </c>
      <c r="G1716" t="s">
        <v>78</v>
      </c>
      <c r="H1716" t="s">
        <v>64</v>
      </c>
      <c r="I1716" s="8">
        <v>2026</v>
      </c>
      <c r="J1716" t="s">
        <v>48</v>
      </c>
      <c r="K1716" s="10">
        <v>0</v>
      </c>
      <c r="L1716">
        <v>0</v>
      </c>
      <c r="M1716" s="10">
        <v>0</v>
      </c>
      <c r="N1716">
        <v>0</v>
      </c>
    </row>
    <row r="1717" spans="1:14" hidden="1">
      <c r="A1717" s="7" t="s">
        <v>10</v>
      </c>
      <c r="B1717" s="8"/>
      <c r="C1717" s="8"/>
      <c r="D1717" t="s">
        <v>77</v>
      </c>
      <c r="E1717" s="8" t="s">
        <v>12</v>
      </c>
      <c r="F1717" t="s">
        <v>64</v>
      </c>
      <c r="G1717" t="s">
        <v>78</v>
      </c>
      <c r="H1717" t="s">
        <v>64</v>
      </c>
      <c r="I1717" s="8">
        <v>2026</v>
      </c>
      <c r="J1717" t="s">
        <v>14</v>
      </c>
      <c r="K1717" s="10">
        <v>0</v>
      </c>
      <c r="L1717">
        <v>0</v>
      </c>
      <c r="M1717" s="10">
        <v>0</v>
      </c>
      <c r="N1717">
        <v>0</v>
      </c>
    </row>
    <row r="1718" spans="1:14" hidden="1">
      <c r="A1718" s="7" t="s">
        <v>10</v>
      </c>
      <c r="B1718" s="8"/>
      <c r="C1718" s="8"/>
      <c r="D1718" t="s">
        <v>77</v>
      </c>
      <c r="E1718" s="8" t="s">
        <v>12</v>
      </c>
      <c r="F1718" t="s">
        <v>64</v>
      </c>
      <c r="G1718" t="s">
        <v>78</v>
      </c>
      <c r="H1718" t="s">
        <v>64</v>
      </c>
      <c r="I1718" s="8">
        <v>2026</v>
      </c>
      <c r="J1718" t="s">
        <v>49</v>
      </c>
      <c r="K1718" s="10">
        <v>0</v>
      </c>
      <c r="L1718">
        <v>0</v>
      </c>
      <c r="M1718" s="10">
        <v>0</v>
      </c>
      <c r="N1718">
        <v>0</v>
      </c>
    </row>
    <row r="1719" spans="1:14" hidden="1">
      <c r="A1719" s="7" t="s">
        <v>10</v>
      </c>
      <c r="B1719" s="8"/>
      <c r="C1719" s="8"/>
      <c r="D1719" t="s">
        <v>77</v>
      </c>
      <c r="E1719" s="8" t="s">
        <v>12</v>
      </c>
      <c r="F1719" t="s">
        <v>64</v>
      </c>
      <c r="G1719" t="s">
        <v>79</v>
      </c>
      <c r="H1719" t="s">
        <v>64</v>
      </c>
      <c r="I1719" s="8">
        <v>2026</v>
      </c>
      <c r="J1719" t="s">
        <v>15</v>
      </c>
      <c r="K1719" s="10">
        <v>450</v>
      </c>
      <c r="L1719">
        <v>0</v>
      </c>
      <c r="M1719" s="10">
        <v>450</v>
      </c>
      <c r="N1719">
        <v>0</v>
      </c>
    </row>
    <row r="1720" spans="1:14" hidden="1">
      <c r="A1720" s="7" t="s">
        <v>10</v>
      </c>
      <c r="B1720" s="8"/>
      <c r="C1720" s="8"/>
      <c r="D1720" t="s">
        <v>77</v>
      </c>
      <c r="E1720" s="8" t="s">
        <v>12</v>
      </c>
      <c r="F1720" t="s">
        <v>64</v>
      </c>
      <c r="G1720" t="s">
        <v>79</v>
      </c>
      <c r="H1720" t="s">
        <v>64</v>
      </c>
      <c r="I1720" s="8">
        <v>2026</v>
      </c>
      <c r="J1720" t="s">
        <v>50</v>
      </c>
      <c r="K1720" s="10">
        <v>0</v>
      </c>
      <c r="L1720">
        <v>0</v>
      </c>
      <c r="M1720" s="10">
        <v>0</v>
      </c>
      <c r="N1720">
        <v>0</v>
      </c>
    </row>
    <row r="1721" spans="1:14" hidden="1">
      <c r="A1721" s="7" t="s">
        <v>10</v>
      </c>
      <c r="B1721" s="8"/>
      <c r="C1721" s="8"/>
      <c r="D1721" t="s">
        <v>77</v>
      </c>
      <c r="E1721" s="8" t="s">
        <v>12</v>
      </c>
      <c r="F1721" t="s">
        <v>64</v>
      </c>
      <c r="G1721" t="s">
        <v>19</v>
      </c>
      <c r="H1721" t="s">
        <v>64</v>
      </c>
      <c r="I1721" s="8">
        <v>2026</v>
      </c>
      <c r="J1721" t="s">
        <v>19</v>
      </c>
      <c r="K1721" s="10">
        <v>0</v>
      </c>
      <c r="L1721">
        <v>0</v>
      </c>
      <c r="M1721" s="10">
        <v>0</v>
      </c>
      <c r="N1721">
        <v>0</v>
      </c>
    </row>
    <row r="1722" spans="1:14" hidden="1">
      <c r="A1722" s="7" t="s">
        <v>10</v>
      </c>
      <c r="B1722" s="8"/>
      <c r="C1722" s="8"/>
      <c r="D1722" t="s">
        <v>77</v>
      </c>
      <c r="E1722" s="8" t="s">
        <v>12</v>
      </c>
      <c r="F1722" t="s">
        <v>64</v>
      </c>
      <c r="G1722" t="s">
        <v>78</v>
      </c>
      <c r="H1722" t="s">
        <v>64</v>
      </c>
      <c r="I1722" s="8">
        <v>2026</v>
      </c>
      <c r="J1722" t="s">
        <v>21</v>
      </c>
      <c r="K1722" s="10">
        <v>55636</v>
      </c>
      <c r="L1722">
        <v>15000</v>
      </c>
      <c r="M1722" s="10">
        <v>40636</v>
      </c>
      <c r="N1722">
        <v>0</v>
      </c>
    </row>
    <row r="1723" spans="1:14" hidden="1">
      <c r="A1723" s="7" t="s">
        <v>10</v>
      </c>
      <c r="B1723" s="8"/>
      <c r="C1723" s="8"/>
      <c r="D1723" t="s">
        <v>77</v>
      </c>
      <c r="E1723" s="8" t="s">
        <v>12</v>
      </c>
      <c r="F1723" t="s">
        <v>64</v>
      </c>
      <c r="G1723" t="s">
        <v>78</v>
      </c>
      <c r="H1723" t="s">
        <v>64</v>
      </c>
      <c r="I1723" s="8">
        <v>2026</v>
      </c>
      <c r="J1723" t="s">
        <v>51</v>
      </c>
      <c r="K1723" s="10">
        <v>5110</v>
      </c>
      <c r="L1723">
        <v>1110</v>
      </c>
      <c r="M1723" s="10">
        <v>4000</v>
      </c>
      <c r="N1723">
        <v>0</v>
      </c>
    </row>
    <row r="1724" spans="1:14" hidden="1">
      <c r="A1724" s="7" t="s">
        <v>10</v>
      </c>
      <c r="B1724" s="8"/>
      <c r="C1724" s="8"/>
      <c r="D1724" t="s">
        <v>77</v>
      </c>
      <c r="E1724" s="8" t="s">
        <v>12</v>
      </c>
      <c r="F1724" t="s">
        <v>64</v>
      </c>
      <c r="G1724" t="s">
        <v>78</v>
      </c>
      <c r="H1724" t="s">
        <v>64</v>
      </c>
      <c r="I1724" s="8">
        <v>2027</v>
      </c>
      <c r="J1724" t="s">
        <v>47</v>
      </c>
      <c r="K1724" s="10">
        <v>0</v>
      </c>
      <c r="L1724">
        <v>0</v>
      </c>
      <c r="M1724" s="10">
        <v>0</v>
      </c>
      <c r="N1724">
        <v>0</v>
      </c>
    </row>
    <row r="1725" spans="1:14" hidden="1">
      <c r="A1725" s="7" t="s">
        <v>10</v>
      </c>
      <c r="B1725" s="8"/>
      <c r="C1725" s="8"/>
      <c r="D1725" t="s">
        <v>77</v>
      </c>
      <c r="E1725" s="8" t="s">
        <v>12</v>
      </c>
      <c r="F1725" t="s">
        <v>64</v>
      </c>
      <c r="G1725" t="s">
        <v>78</v>
      </c>
      <c r="H1725" t="s">
        <v>64</v>
      </c>
      <c r="I1725" s="8">
        <v>2027</v>
      </c>
      <c r="J1725" t="s">
        <v>48</v>
      </c>
      <c r="K1725" s="10">
        <v>0</v>
      </c>
      <c r="L1725">
        <v>0</v>
      </c>
      <c r="M1725" s="10">
        <v>0</v>
      </c>
      <c r="N1725">
        <v>0</v>
      </c>
    </row>
    <row r="1726" spans="1:14" hidden="1">
      <c r="A1726" s="7" t="s">
        <v>10</v>
      </c>
      <c r="B1726" s="8"/>
      <c r="C1726" s="8"/>
      <c r="D1726" t="s">
        <v>77</v>
      </c>
      <c r="E1726" s="8" t="s">
        <v>12</v>
      </c>
      <c r="F1726" t="s">
        <v>64</v>
      </c>
      <c r="G1726" t="s">
        <v>78</v>
      </c>
      <c r="H1726" t="s">
        <v>64</v>
      </c>
      <c r="I1726" s="8">
        <v>2027</v>
      </c>
      <c r="J1726" t="s">
        <v>14</v>
      </c>
      <c r="K1726" s="10">
        <v>0</v>
      </c>
      <c r="L1726">
        <v>0</v>
      </c>
      <c r="M1726" s="10">
        <v>0</v>
      </c>
      <c r="N1726">
        <v>0</v>
      </c>
    </row>
    <row r="1727" spans="1:14" hidden="1">
      <c r="A1727" s="7" t="s">
        <v>10</v>
      </c>
      <c r="B1727" s="8"/>
      <c r="C1727" s="8"/>
      <c r="D1727" t="s">
        <v>77</v>
      </c>
      <c r="E1727" s="8" t="s">
        <v>12</v>
      </c>
      <c r="F1727" t="s">
        <v>64</v>
      </c>
      <c r="G1727" t="s">
        <v>78</v>
      </c>
      <c r="H1727" t="s">
        <v>64</v>
      </c>
      <c r="I1727" s="8">
        <v>2027</v>
      </c>
      <c r="J1727" t="s">
        <v>49</v>
      </c>
      <c r="K1727" s="10">
        <v>0</v>
      </c>
      <c r="L1727">
        <v>0</v>
      </c>
      <c r="M1727" s="10">
        <v>0</v>
      </c>
      <c r="N1727">
        <v>0</v>
      </c>
    </row>
    <row r="1728" spans="1:14" hidden="1">
      <c r="A1728" s="7" t="s">
        <v>10</v>
      </c>
      <c r="B1728" s="8"/>
      <c r="C1728" s="8"/>
      <c r="D1728" t="s">
        <v>77</v>
      </c>
      <c r="E1728" s="8" t="s">
        <v>12</v>
      </c>
      <c r="F1728" t="s">
        <v>64</v>
      </c>
      <c r="G1728" t="s">
        <v>79</v>
      </c>
      <c r="H1728" t="s">
        <v>64</v>
      </c>
      <c r="I1728" s="8">
        <v>2027</v>
      </c>
      <c r="J1728" t="s">
        <v>15</v>
      </c>
      <c r="K1728" s="10">
        <v>450</v>
      </c>
      <c r="L1728">
        <v>0</v>
      </c>
      <c r="M1728" s="10">
        <v>450</v>
      </c>
      <c r="N1728">
        <v>0</v>
      </c>
    </row>
    <row r="1729" spans="1:14" hidden="1">
      <c r="A1729" s="7" t="s">
        <v>10</v>
      </c>
      <c r="B1729" s="8"/>
      <c r="C1729" s="8"/>
      <c r="D1729" t="s">
        <v>77</v>
      </c>
      <c r="E1729" s="8" t="s">
        <v>12</v>
      </c>
      <c r="F1729" t="s">
        <v>64</v>
      </c>
      <c r="G1729" t="s">
        <v>79</v>
      </c>
      <c r="H1729" t="s">
        <v>64</v>
      </c>
      <c r="I1729" s="8">
        <v>2027</v>
      </c>
      <c r="J1729" t="s">
        <v>50</v>
      </c>
      <c r="K1729" s="10">
        <v>0</v>
      </c>
      <c r="L1729">
        <v>0</v>
      </c>
      <c r="M1729" s="10">
        <v>0</v>
      </c>
      <c r="N1729">
        <v>0</v>
      </c>
    </row>
    <row r="1730" spans="1:14" hidden="1">
      <c r="A1730" s="7" t="s">
        <v>10</v>
      </c>
      <c r="B1730" s="8"/>
      <c r="C1730" s="8"/>
      <c r="D1730" t="s">
        <v>77</v>
      </c>
      <c r="E1730" s="8" t="s">
        <v>12</v>
      </c>
      <c r="F1730" t="s">
        <v>64</v>
      </c>
      <c r="G1730" t="s">
        <v>19</v>
      </c>
      <c r="H1730" t="s">
        <v>64</v>
      </c>
      <c r="I1730" s="8">
        <v>2027</v>
      </c>
      <c r="J1730" t="s">
        <v>19</v>
      </c>
      <c r="K1730" s="10">
        <v>0</v>
      </c>
      <c r="L1730">
        <v>0</v>
      </c>
      <c r="M1730" s="10">
        <v>0</v>
      </c>
      <c r="N1730">
        <v>0</v>
      </c>
    </row>
    <row r="1731" spans="1:14" hidden="1">
      <c r="A1731" s="7" t="s">
        <v>10</v>
      </c>
      <c r="B1731" s="8"/>
      <c r="C1731" s="8"/>
      <c r="D1731" t="s">
        <v>77</v>
      </c>
      <c r="E1731" s="8" t="s">
        <v>12</v>
      </c>
      <c r="F1731" t="s">
        <v>64</v>
      </c>
      <c r="G1731" t="s">
        <v>78</v>
      </c>
      <c r="H1731" t="s">
        <v>64</v>
      </c>
      <c r="I1731" s="8">
        <v>2027</v>
      </c>
      <c r="J1731" t="s">
        <v>21</v>
      </c>
      <c r="K1731" s="10">
        <v>55187</v>
      </c>
      <c r="L1731">
        <v>10000</v>
      </c>
      <c r="M1731" s="10">
        <v>45187</v>
      </c>
      <c r="N1731">
        <v>0</v>
      </c>
    </row>
    <row r="1732" spans="1:14" hidden="1">
      <c r="A1732" s="7" t="s">
        <v>10</v>
      </c>
      <c r="B1732" s="8"/>
      <c r="C1732" s="8"/>
      <c r="D1732" t="s">
        <v>77</v>
      </c>
      <c r="E1732" s="8" t="s">
        <v>12</v>
      </c>
      <c r="F1732" t="s">
        <v>64</v>
      </c>
      <c r="G1732" t="s">
        <v>78</v>
      </c>
      <c r="H1732" t="s">
        <v>64</v>
      </c>
      <c r="I1732" s="8">
        <v>2027</v>
      </c>
      <c r="J1732" t="s">
        <v>51</v>
      </c>
      <c r="K1732" s="10">
        <v>5502</v>
      </c>
      <c r="L1732">
        <v>1110</v>
      </c>
      <c r="M1732" s="10">
        <v>4392</v>
      </c>
      <c r="N1732">
        <v>0</v>
      </c>
    </row>
    <row r="1733" spans="1:14" hidden="1">
      <c r="A1733" s="7" t="s">
        <v>10</v>
      </c>
      <c r="B1733" s="8"/>
      <c r="C1733" s="8"/>
      <c r="D1733" t="s">
        <v>77</v>
      </c>
      <c r="E1733" s="8" t="s">
        <v>12</v>
      </c>
      <c r="F1733" t="s">
        <v>64</v>
      </c>
      <c r="G1733" t="s">
        <v>78</v>
      </c>
      <c r="H1733" t="s">
        <v>64</v>
      </c>
      <c r="I1733" s="8">
        <v>2028</v>
      </c>
      <c r="J1733" t="s">
        <v>47</v>
      </c>
      <c r="K1733" s="10">
        <v>0</v>
      </c>
      <c r="L1733">
        <v>0</v>
      </c>
      <c r="M1733" s="10">
        <v>0</v>
      </c>
      <c r="N1733">
        <v>0</v>
      </c>
    </row>
    <row r="1734" spans="1:14" hidden="1">
      <c r="A1734" s="7" t="s">
        <v>10</v>
      </c>
      <c r="B1734" s="8"/>
      <c r="C1734" s="8"/>
      <c r="D1734" t="s">
        <v>77</v>
      </c>
      <c r="E1734" s="8" t="s">
        <v>12</v>
      </c>
      <c r="F1734" t="s">
        <v>64</v>
      </c>
      <c r="G1734" t="s">
        <v>78</v>
      </c>
      <c r="H1734" t="s">
        <v>64</v>
      </c>
      <c r="I1734" s="8">
        <v>2028</v>
      </c>
      <c r="J1734" t="s">
        <v>48</v>
      </c>
      <c r="K1734" s="10">
        <v>0</v>
      </c>
      <c r="L1734">
        <v>0</v>
      </c>
      <c r="M1734" s="10">
        <v>0</v>
      </c>
      <c r="N1734">
        <v>0</v>
      </c>
    </row>
    <row r="1735" spans="1:14" hidden="1">
      <c r="A1735" s="7" t="s">
        <v>10</v>
      </c>
      <c r="B1735" s="8"/>
      <c r="C1735" s="8"/>
      <c r="D1735" t="s">
        <v>77</v>
      </c>
      <c r="E1735" s="8" t="s">
        <v>12</v>
      </c>
      <c r="F1735" t="s">
        <v>64</v>
      </c>
      <c r="G1735" t="s">
        <v>78</v>
      </c>
      <c r="H1735" t="s">
        <v>64</v>
      </c>
      <c r="I1735" s="8">
        <v>2028</v>
      </c>
      <c r="J1735" t="s">
        <v>14</v>
      </c>
      <c r="K1735" s="10">
        <v>0</v>
      </c>
      <c r="L1735">
        <v>0</v>
      </c>
      <c r="M1735" s="10">
        <v>0</v>
      </c>
      <c r="N1735">
        <v>0</v>
      </c>
    </row>
    <row r="1736" spans="1:14" hidden="1">
      <c r="A1736" s="7" t="s">
        <v>10</v>
      </c>
      <c r="B1736" s="8"/>
      <c r="C1736" s="8"/>
      <c r="D1736" t="s">
        <v>77</v>
      </c>
      <c r="E1736" s="8" t="s">
        <v>12</v>
      </c>
      <c r="F1736" t="s">
        <v>64</v>
      </c>
      <c r="G1736" t="s">
        <v>78</v>
      </c>
      <c r="H1736" t="s">
        <v>64</v>
      </c>
      <c r="I1736" s="8">
        <v>2028</v>
      </c>
      <c r="J1736" t="s">
        <v>49</v>
      </c>
      <c r="K1736" s="10">
        <v>0</v>
      </c>
      <c r="L1736">
        <v>0</v>
      </c>
      <c r="M1736" s="10">
        <v>0</v>
      </c>
      <c r="N1736">
        <v>0</v>
      </c>
    </row>
    <row r="1737" spans="1:14" hidden="1">
      <c r="A1737" s="7" t="s">
        <v>10</v>
      </c>
      <c r="B1737" s="8"/>
      <c r="C1737" s="8"/>
      <c r="D1737" t="s">
        <v>77</v>
      </c>
      <c r="E1737" s="8" t="s">
        <v>12</v>
      </c>
      <c r="F1737" t="s">
        <v>64</v>
      </c>
      <c r="G1737" t="s">
        <v>79</v>
      </c>
      <c r="H1737" t="s">
        <v>64</v>
      </c>
      <c r="I1737" s="8">
        <v>2028</v>
      </c>
      <c r="J1737" t="s">
        <v>15</v>
      </c>
      <c r="K1737" s="10">
        <v>450</v>
      </c>
      <c r="L1737">
        <v>0</v>
      </c>
      <c r="M1737" s="10">
        <v>450</v>
      </c>
      <c r="N1737">
        <v>0</v>
      </c>
    </row>
    <row r="1738" spans="1:14" hidden="1">
      <c r="A1738" s="7" t="s">
        <v>10</v>
      </c>
      <c r="B1738" s="8"/>
      <c r="C1738" s="8"/>
      <c r="D1738" t="s">
        <v>77</v>
      </c>
      <c r="E1738" s="8" t="s">
        <v>12</v>
      </c>
      <c r="F1738" t="s">
        <v>64</v>
      </c>
      <c r="G1738" t="s">
        <v>79</v>
      </c>
      <c r="H1738" t="s">
        <v>64</v>
      </c>
      <c r="I1738" s="8">
        <v>2028</v>
      </c>
      <c r="J1738" t="s">
        <v>50</v>
      </c>
      <c r="K1738" s="10">
        <v>0</v>
      </c>
      <c r="L1738">
        <v>0</v>
      </c>
      <c r="M1738" s="10">
        <v>0</v>
      </c>
      <c r="N1738">
        <v>0</v>
      </c>
    </row>
    <row r="1739" spans="1:14" hidden="1">
      <c r="A1739" s="7" t="s">
        <v>10</v>
      </c>
      <c r="B1739" s="8"/>
      <c r="C1739" s="8"/>
      <c r="D1739" t="s">
        <v>77</v>
      </c>
      <c r="E1739" s="8" t="s">
        <v>12</v>
      </c>
      <c r="F1739" t="s">
        <v>64</v>
      </c>
      <c r="G1739" t="s">
        <v>19</v>
      </c>
      <c r="H1739" t="s">
        <v>64</v>
      </c>
      <c r="I1739" s="8">
        <v>2028</v>
      </c>
      <c r="J1739" t="s">
        <v>19</v>
      </c>
      <c r="K1739" s="10">
        <v>0</v>
      </c>
      <c r="L1739">
        <v>0</v>
      </c>
      <c r="M1739" s="10">
        <v>0</v>
      </c>
      <c r="N1739">
        <v>0</v>
      </c>
    </row>
    <row r="1740" spans="1:14" hidden="1">
      <c r="A1740" s="7" t="s">
        <v>10</v>
      </c>
      <c r="B1740" s="8"/>
      <c r="C1740" s="8"/>
      <c r="D1740" t="s">
        <v>77</v>
      </c>
      <c r="E1740" s="8" t="s">
        <v>12</v>
      </c>
      <c r="F1740" t="s">
        <v>64</v>
      </c>
      <c r="G1740" t="s">
        <v>78</v>
      </c>
      <c r="H1740" t="s">
        <v>64</v>
      </c>
      <c r="I1740" s="8">
        <v>2028</v>
      </c>
      <c r="J1740" t="s">
        <v>21</v>
      </c>
      <c r="K1740" s="10">
        <v>55215</v>
      </c>
      <c r="L1740">
        <v>10000</v>
      </c>
      <c r="M1740" s="10">
        <v>50215</v>
      </c>
      <c r="N1740">
        <v>0</v>
      </c>
    </row>
    <row r="1741" spans="1:14" hidden="1">
      <c r="A1741" s="7" t="s">
        <v>10</v>
      </c>
      <c r="B1741" s="8"/>
      <c r="C1741" s="8"/>
      <c r="D1741" t="s">
        <v>77</v>
      </c>
      <c r="E1741" s="8" t="s">
        <v>12</v>
      </c>
      <c r="F1741" t="s">
        <v>64</v>
      </c>
      <c r="G1741" t="s">
        <v>78</v>
      </c>
      <c r="H1741" t="s">
        <v>64</v>
      </c>
      <c r="I1741" s="8">
        <v>2028</v>
      </c>
      <c r="J1741" t="s">
        <v>51</v>
      </c>
      <c r="K1741" s="10">
        <v>5502</v>
      </c>
      <c r="L1741">
        <v>1110</v>
      </c>
      <c r="M1741" s="10">
        <v>4392</v>
      </c>
      <c r="N1741">
        <v>0</v>
      </c>
    </row>
    <row r="1742" spans="1:14" hidden="1">
      <c r="A1742" s="7" t="s">
        <v>10</v>
      </c>
      <c r="B1742" s="8"/>
      <c r="C1742" s="8"/>
      <c r="D1742" t="s">
        <v>77</v>
      </c>
      <c r="E1742" s="8" t="s">
        <v>12</v>
      </c>
      <c r="F1742" t="s">
        <v>64</v>
      </c>
      <c r="G1742" t="s">
        <v>78</v>
      </c>
      <c r="H1742" t="s">
        <v>64</v>
      </c>
      <c r="I1742" s="8">
        <v>2029</v>
      </c>
      <c r="J1742" t="s">
        <v>47</v>
      </c>
      <c r="K1742" s="10">
        <v>0</v>
      </c>
      <c r="L1742">
        <v>0</v>
      </c>
      <c r="M1742" s="10">
        <v>0</v>
      </c>
      <c r="N1742">
        <v>0</v>
      </c>
    </row>
    <row r="1743" spans="1:14" hidden="1">
      <c r="A1743" s="7" t="s">
        <v>10</v>
      </c>
      <c r="B1743" s="8"/>
      <c r="C1743" s="8"/>
      <c r="D1743" t="s">
        <v>77</v>
      </c>
      <c r="E1743" s="8" t="s">
        <v>12</v>
      </c>
      <c r="F1743" t="s">
        <v>64</v>
      </c>
      <c r="G1743" t="s">
        <v>78</v>
      </c>
      <c r="H1743" t="s">
        <v>64</v>
      </c>
      <c r="I1743" s="8">
        <v>2029</v>
      </c>
      <c r="J1743" t="s">
        <v>48</v>
      </c>
      <c r="K1743" s="10">
        <v>0</v>
      </c>
      <c r="L1743">
        <v>0</v>
      </c>
      <c r="M1743" s="10">
        <v>0</v>
      </c>
      <c r="N1743">
        <v>0</v>
      </c>
    </row>
    <row r="1744" spans="1:14" hidden="1">
      <c r="A1744" s="7" t="s">
        <v>10</v>
      </c>
      <c r="B1744" s="8"/>
      <c r="C1744" s="8"/>
      <c r="D1744" t="s">
        <v>77</v>
      </c>
      <c r="E1744" s="8" t="s">
        <v>12</v>
      </c>
      <c r="F1744" t="s">
        <v>64</v>
      </c>
      <c r="G1744" t="s">
        <v>78</v>
      </c>
      <c r="H1744" t="s">
        <v>64</v>
      </c>
      <c r="I1744" s="8">
        <v>2029</v>
      </c>
      <c r="J1744" t="s">
        <v>14</v>
      </c>
      <c r="K1744" s="10">
        <v>0</v>
      </c>
      <c r="L1744">
        <v>0</v>
      </c>
      <c r="M1744" s="10">
        <v>0</v>
      </c>
      <c r="N1744">
        <v>0</v>
      </c>
    </row>
    <row r="1745" spans="1:14" hidden="1">
      <c r="A1745" s="7" t="s">
        <v>10</v>
      </c>
      <c r="B1745" s="8"/>
      <c r="C1745" s="8"/>
      <c r="D1745" t="s">
        <v>77</v>
      </c>
      <c r="E1745" s="8" t="s">
        <v>12</v>
      </c>
      <c r="F1745" t="s">
        <v>64</v>
      </c>
      <c r="G1745" t="s">
        <v>78</v>
      </c>
      <c r="H1745" t="s">
        <v>64</v>
      </c>
      <c r="I1745" s="8">
        <v>2029</v>
      </c>
      <c r="J1745" t="s">
        <v>49</v>
      </c>
      <c r="K1745" s="10">
        <v>0</v>
      </c>
      <c r="L1745">
        <v>0</v>
      </c>
      <c r="M1745" s="10">
        <v>0</v>
      </c>
      <c r="N1745">
        <v>0</v>
      </c>
    </row>
    <row r="1746" spans="1:14" hidden="1">
      <c r="A1746" s="7" t="s">
        <v>10</v>
      </c>
      <c r="B1746" s="8"/>
      <c r="C1746" s="8"/>
      <c r="D1746" t="s">
        <v>77</v>
      </c>
      <c r="E1746" s="8" t="s">
        <v>12</v>
      </c>
      <c r="F1746" t="s">
        <v>64</v>
      </c>
      <c r="G1746" t="s">
        <v>79</v>
      </c>
      <c r="H1746" t="s">
        <v>64</v>
      </c>
      <c r="I1746" s="8">
        <v>2029</v>
      </c>
      <c r="J1746" t="s">
        <v>15</v>
      </c>
      <c r="K1746" s="10">
        <v>450</v>
      </c>
      <c r="L1746">
        <v>0</v>
      </c>
      <c r="M1746" s="10">
        <v>450</v>
      </c>
      <c r="N1746">
        <v>0</v>
      </c>
    </row>
    <row r="1747" spans="1:14" hidden="1">
      <c r="A1747" s="7" t="s">
        <v>10</v>
      </c>
      <c r="B1747" s="8"/>
      <c r="C1747" s="8"/>
      <c r="D1747" t="s">
        <v>77</v>
      </c>
      <c r="E1747" s="8" t="s">
        <v>12</v>
      </c>
      <c r="F1747" t="s">
        <v>64</v>
      </c>
      <c r="G1747" t="s">
        <v>79</v>
      </c>
      <c r="H1747" t="s">
        <v>64</v>
      </c>
      <c r="I1747" s="8">
        <v>2029</v>
      </c>
      <c r="J1747" t="s">
        <v>50</v>
      </c>
      <c r="K1747" s="10">
        <v>0</v>
      </c>
      <c r="L1747">
        <v>0</v>
      </c>
      <c r="M1747" s="10">
        <v>0</v>
      </c>
      <c r="N1747">
        <v>0</v>
      </c>
    </row>
    <row r="1748" spans="1:14" hidden="1">
      <c r="A1748" s="7" t="s">
        <v>10</v>
      </c>
      <c r="B1748" s="8"/>
      <c r="C1748" s="8"/>
      <c r="D1748" t="s">
        <v>77</v>
      </c>
      <c r="E1748" s="8" t="s">
        <v>12</v>
      </c>
      <c r="F1748" t="s">
        <v>64</v>
      </c>
      <c r="G1748" t="s">
        <v>19</v>
      </c>
      <c r="H1748" t="s">
        <v>64</v>
      </c>
      <c r="I1748" s="8">
        <v>2029</v>
      </c>
      <c r="J1748" t="s">
        <v>19</v>
      </c>
      <c r="K1748" s="10">
        <v>0</v>
      </c>
      <c r="L1748">
        <v>0</v>
      </c>
      <c r="M1748" s="10">
        <v>0</v>
      </c>
      <c r="N1748">
        <v>0</v>
      </c>
    </row>
    <row r="1749" spans="1:14" hidden="1">
      <c r="A1749" s="7" t="s">
        <v>10</v>
      </c>
      <c r="B1749" s="8"/>
      <c r="C1749" s="8"/>
      <c r="D1749" t="s">
        <v>77</v>
      </c>
      <c r="E1749" s="8" t="s">
        <v>12</v>
      </c>
      <c r="F1749" t="s">
        <v>64</v>
      </c>
      <c r="G1749" t="s">
        <v>78</v>
      </c>
      <c r="H1749" t="s">
        <v>64</v>
      </c>
      <c r="I1749" s="8">
        <v>2029</v>
      </c>
      <c r="J1749" t="s">
        <v>21</v>
      </c>
      <c r="K1749" s="10">
        <v>60622</v>
      </c>
      <c r="L1749">
        <v>10000</v>
      </c>
      <c r="M1749" s="10">
        <v>55622</v>
      </c>
      <c r="N1749">
        <v>0</v>
      </c>
    </row>
    <row r="1750" spans="1:14" hidden="1">
      <c r="A1750" s="7" t="s">
        <v>10</v>
      </c>
      <c r="B1750" s="8"/>
      <c r="C1750" s="8"/>
      <c r="D1750" t="s">
        <v>77</v>
      </c>
      <c r="E1750" s="8" t="s">
        <v>12</v>
      </c>
      <c r="F1750" t="s">
        <v>64</v>
      </c>
      <c r="G1750" t="s">
        <v>78</v>
      </c>
      <c r="H1750" t="s">
        <v>64</v>
      </c>
      <c r="I1750" s="8">
        <v>2029</v>
      </c>
      <c r="J1750" t="s">
        <v>51</v>
      </c>
      <c r="K1750" s="10">
        <v>5502</v>
      </c>
      <c r="L1750">
        <v>1110</v>
      </c>
      <c r="M1750" s="10">
        <v>4392</v>
      </c>
      <c r="N1750">
        <v>0</v>
      </c>
    </row>
    <row r="1751" spans="1:14" hidden="1">
      <c r="A1751" s="7" t="s">
        <v>10</v>
      </c>
      <c r="B1751" s="8"/>
      <c r="C1751" s="8"/>
      <c r="D1751" t="s">
        <v>77</v>
      </c>
      <c r="E1751" s="8" t="s">
        <v>12</v>
      </c>
      <c r="F1751" t="s">
        <v>64</v>
      </c>
      <c r="G1751" t="s">
        <v>78</v>
      </c>
      <c r="H1751" t="s">
        <v>64</v>
      </c>
      <c r="I1751" s="8">
        <v>2030</v>
      </c>
      <c r="J1751" t="s">
        <v>47</v>
      </c>
      <c r="K1751" s="10">
        <v>0</v>
      </c>
      <c r="L1751">
        <v>0</v>
      </c>
      <c r="M1751" s="10">
        <v>0</v>
      </c>
      <c r="N1751">
        <v>0</v>
      </c>
    </row>
    <row r="1752" spans="1:14" hidden="1">
      <c r="A1752" s="7" t="s">
        <v>10</v>
      </c>
      <c r="B1752" s="8"/>
      <c r="C1752" s="8"/>
      <c r="D1752" t="s">
        <v>77</v>
      </c>
      <c r="E1752" s="8" t="s">
        <v>12</v>
      </c>
      <c r="F1752" t="s">
        <v>64</v>
      </c>
      <c r="G1752" t="s">
        <v>78</v>
      </c>
      <c r="H1752" t="s">
        <v>64</v>
      </c>
      <c r="I1752" s="8">
        <v>2030</v>
      </c>
      <c r="J1752" t="s">
        <v>48</v>
      </c>
      <c r="K1752" s="10">
        <v>0</v>
      </c>
      <c r="L1752">
        <v>0</v>
      </c>
      <c r="M1752" s="10">
        <v>0</v>
      </c>
      <c r="N1752">
        <v>0</v>
      </c>
    </row>
    <row r="1753" spans="1:14" hidden="1">
      <c r="A1753" s="7" t="s">
        <v>10</v>
      </c>
      <c r="B1753" s="8"/>
      <c r="C1753" s="8"/>
      <c r="D1753" t="s">
        <v>77</v>
      </c>
      <c r="E1753" s="8" t="s">
        <v>12</v>
      </c>
      <c r="F1753" t="s">
        <v>64</v>
      </c>
      <c r="G1753" t="s">
        <v>78</v>
      </c>
      <c r="H1753" t="s">
        <v>64</v>
      </c>
      <c r="I1753" s="8">
        <v>2030</v>
      </c>
      <c r="J1753" t="s">
        <v>14</v>
      </c>
      <c r="K1753" s="10">
        <v>0</v>
      </c>
      <c r="L1753">
        <v>0</v>
      </c>
      <c r="M1753" s="10">
        <v>0</v>
      </c>
      <c r="N1753">
        <v>0</v>
      </c>
    </row>
    <row r="1754" spans="1:14" hidden="1">
      <c r="A1754" s="7" t="s">
        <v>10</v>
      </c>
      <c r="B1754" s="8"/>
      <c r="C1754" s="8"/>
      <c r="D1754" t="s">
        <v>77</v>
      </c>
      <c r="E1754" s="8" t="s">
        <v>12</v>
      </c>
      <c r="F1754" t="s">
        <v>64</v>
      </c>
      <c r="G1754" t="s">
        <v>78</v>
      </c>
      <c r="H1754" t="s">
        <v>64</v>
      </c>
      <c r="I1754" s="8">
        <v>2030</v>
      </c>
      <c r="J1754" t="s">
        <v>49</v>
      </c>
      <c r="K1754" s="10">
        <v>0</v>
      </c>
      <c r="L1754">
        <v>0</v>
      </c>
      <c r="M1754" s="10">
        <v>0</v>
      </c>
      <c r="N1754">
        <v>0</v>
      </c>
    </row>
    <row r="1755" spans="1:14" hidden="1">
      <c r="A1755" s="7" t="s">
        <v>10</v>
      </c>
      <c r="B1755" s="8"/>
      <c r="C1755" s="8"/>
      <c r="D1755" t="s">
        <v>77</v>
      </c>
      <c r="E1755" s="8" t="s">
        <v>12</v>
      </c>
      <c r="F1755" t="s">
        <v>64</v>
      </c>
      <c r="G1755" t="s">
        <v>79</v>
      </c>
      <c r="H1755" t="s">
        <v>64</v>
      </c>
      <c r="I1755" s="8">
        <v>2030</v>
      </c>
      <c r="J1755" t="s">
        <v>15</v>
      </c>
      <c r="K1755" s="10">
        <v>450</v>
      </c>
      <c r="L1755">
        <v>0</v>
      </c>
      <c r="M1755" s="10">
        <v>450</v>
      </c>
      <c r="N1755">
        <v>0</v>
      </c>
    </row>
    <row r="1756" spans="1:14" hidden="1">
      <c r="A1756" s="7" t="s">
        <v>10</v>
      </c>
      <c r="B1756" s="8"/>
      <c r="C1756" s="8"/>
      <c r="D1756" t="s">
        <v>77</v>
      </c>
      <c r="E1756" s="8" t="s">
        <v>12</v>
      </c>
      <c r="F1756" t="s">
        <v>64</v>
      </c>
      <c r="G1756" t="s">
        <v>79</v>
      </c>
      <c r="H1756" t="s">
        <v>64</v>
      </c>
      <c r="I1756" s="8">
        <v>2030</v>
      </c>
      <c r="J1756" t="s">
        <v>50</v>
      </c>
      <c r="K1756" s="10">
        <v>0</v>
      </c>
      <c r="L1756">
        <v>0</v>
      </c>
      <c r="M1756" s="10">
        <v>0</v>
      </c>
      <c r="N1756">
        <v>0</v>
      </c>
    </row>
    <row r="1757" spans="1:14" hidden="1">
      <c r="A1757" s="7" t="s">
        <v>10</v>
      </c>
      <c r="B1757" s="8"/>
      <c r="C1757" s="8"/>
      <c r="D1757" t="s">
        <v>77</v>
      </c>
      <c r="E1757" s="8" t="s">
        <v>12</v>
      </c>
      <c r="F1757" t="s">
        <v>64</v>
      </c>
      <c r="G1757" t="s">
        <v>19</v>
      </c>
      <c r="H1757" t="s">
        <v>64</v>
      </c>
      <c r="I1757" s="8">
        <v>2030</v>
      </c>
      <c r="J1757" t="s">
        <v>19</v>
      </c>
      <c r="K1757" s="10">
        <v>0</v>
      </c>
      <c r="L1757">
        <v>0</v>
      </c>
      <c r="M1757" s="10">
        <v>0</v>
      </c>
      <c r="N1757">
        <v>0</v>
      </c>
    </row>
    <row r="1758" spans="1:14" hidden="1">
      <c r="A1758" s="7" t="s">
        <v>10</v>
      </c>
      <c r="B1758" s="8"/>
      <c r="C1758" s="8"/>
      <c r="D1758" t="s">
        <v>77</v>
      </c>
      <c r="E1758" s="8" t="s">
        <v>12</v>
      </c>
      <c r="F1758" t="s">
        <v>64</v>
      </c>
      <c r="G1758" t="s">
        <v>78</v>
      </c>
      <c r="H1758" t="s">
        <v>64</v>
      </c>
      <c r="I1758" s="8">
        <v>2030</v>
      </c>
      <c r="J1758" t="s">
        <v>21</v>
      </c>
      <c r="K1758" s="10">
        <v>61185</v>
      </c>
      <c r="L1758">
        <v>10000</v>
      </c>
      <c r="M1758" s="10">
        <v>56185</v>
      </c>
      <c r="N1758">
        <v>0</v>
      </c>
    </row>
    <row r="1759" spans="1:14" hidden="1">
      <c r="A1759" s="7" t="s">
        <v>10</v>
      </c>
      <c r="B1759" s="8"/>
      <c r="C1759" s="8"/>
      <c r="D1759" t="s">
        <v>77</v>
      </c>
      <c r="E1759" s="8" t="s">
        <v>12</v>
      </c>
      <c r="F1759" t="s">
        <v>64</v>
      </c>
      <c r="G1759" t="s">
        <v>78</v>
      </c>
      <c r="H1759" t="s">
        <v>64</v>
      </c>
      <c r="I1759" s="8">
        <v>2030</v>
      </c>
      <c r="J1759" t="s">
        <v>51</v>
      </c>
      <c r="K1759" s="10">
        <v>5502</v>
      </c>
      <c r="L1759">
        <v>1110</v>
      </c>
      <c r="M1759" s="10">
        <v>4392</v>
      </c>
      <c r="N1759">
        <v>0</v>
      </c>
    </row>
    <row r="1760" spans="1:14" hidden="1">
      <c r="A1760" s="7" t="s">
        <v>10</v>
      </c>
      <c r="B1760" s="8"/>
      <c r="C1760" s="8"/>
      <c r="D1760" t="s">
        <v>77</v>
      </c>
      <c r="E1760" s="8" t="s">
        <v>12</v>
      </c>
      <c r="F1760" t="s">
        <v>64</v>
      </c>
      <c r="G1760" t="s">
        <v>78</v>
      </c>
      <c r="H1760" t="s">
        <v>64</v>
      </c>
      <c r="I1760" s="8">
        <v>2031</v>
      </c>
      <c r="J1760" t="s">
        <v>47</v>
      </c>
      <c r="K1760" s="10">
        <v>0</v>
      </c>
      <c r="L1760">
        <v>0</v>
      </c>
      <c r="M1760" s="10">
        <v>0</v>
      </c>
      <c r="N1760">
        <v>0</v>
      </c>
    </row>
    <row r="1761" spans="1:14" hidden="1">
      <c r="A1761" s="7" t="s">
        <v>10</v>
      </c>
      <c r="B1761" s="8"/>
      <c r="C1761" s="8"/>
      <c r="D1761" t="s">
        <v>77</v>
      </c>
      <c r="E1761" s="8" t="s">
        <v>12</v>
      </c>
      <c r="F1761" t="s">
        <v>64</v>
      </c>
      <c r="G1761" t="s">
        <v>78</v>
      </c>
      <c r="H1761" t="s">
        <v>64</v>
      </c>
      <c r="I1761" s="8">
        <v>2031</v>
      </c>
      <c r="J1761" t="s">
        <v>48</v>
      </c>
      <c r="K1761" s="10">
        <v>0</v>
      </c>
      <c r="L1761">
        <v>0</v>
      </c>
      <c r="M1761" s="10">
        <v>0</v>
      </c>
      <c r="N1761">
        <v>0</v>
      </c>
    </row>
    <row r="1762" spans="1:14" hidden="1">
      <c r="A1762" s="7" t="s">
        <v>10</v>
      </c>
      <c r="B1762" s="8"/>
      <c r="C1762" s="8"/>
      <c r="D1762" t="s">
        <v>77</v>
      </c>
      <c r="E1762" s="8" t="s">
        <v>12</v>
      </c>
      <c r="F1762" t="s">
        <v>64</v>
      </c>
      <c r="G1762" t="s">
        <v>78</v>
      </c>
      <c r="H1762" t="s">
        <v>64</v>
      </c>
      <c r="I1762" s="8">
        <v>2031</v>
      </c>
      <c r="J1762" t="s">
        <v>14</v>
      </c>
      <c r="K1762" s="10">
        <v>0</v>
      </c>
      <c r="L1762">
        <v>0</v>
      </c>
      <c r="M1762" s="10">
        <v>0</v>
      </c>
      <c r="N1762">
        <v>0</v>
      </c>
    </row>
    <row r="1763" spans="1:14" hidden="1">
      <c r="A1763" s="7" t="s">
        <v>10</v>
      </c>
      <c r="B1763" s="8"/>
      <c r="C1763" s="8"/>
      <c r="D1763" t="s">
        <v>77</v>
      </c>
      <c r="E1763" s="8" t="s">
        <v>12</v>
      </c>
      <c r="F1763" t="s">
        <v>64</v>
      </c>
      <c r="G1763" t="s">
        <v>78</v>
      </c>
      <c r="H1763" t="s">
        <v>64</v>
      </c>
      <c r="I1763" s="8">
        <v>2031</v>
      </c>
      <c r="J1763" t="s">
        <v>49</v>
      </c>
      <c r="K1763" s="10">
        <v>0</v>
      </c>
      <c r="L1763">
        <v>0</v>
      </c>
      <c r="M1763" s="10">
        <v>0</v>
      </c>
      <c r="N1763">
        <v>0</v>
      </c>
    </row>
    <row r="1764" spans="1:14" hidden="1">
      <c r="A1764" s="7" t="s">
        <v>10</v>
      </c>
      <c r="B1764" s="8"/>
      <c r="C1764" s="8"/>
      <c r="D1764" t="s">
        <v>77</v>
      </c>
      <c r="E1764" s="8" t="s">
        <v>12</v>
      </c>
      <c r="F1764" t="s">
        <v>64</v>
      </c>
      <c r="G1764" t="s">
        <v>79</v>
      </c>
      <c r="H1764" t="s">
        <v>64</v>
      </c>
      <c r="I1764" s="8">
        <v>2031</v>
      </c>
      <c r="J1764" t="s">
        <v>15</v>
      </c>
      <c r="K1764" s="10">
        <v>450</v>
      </c>
      <c r="L1764">
        <v>0</v>
      </c>
      <c r="M1764" s="10">
        <v>450</v>
      </c>
      <c r="N1764">
        <v>0</v>
      </c>
    </row>
    <row r="1765" spans="1:14" hidden="1">
      <c r="A1765" s="7" t="s">
        <v>10</v>
      </c>
      <c r="B1765" s="8"/>
      <c r="C1765" s="8"/>
      <c r="D1765" t="s">
        <v>77</v>
      </c>
      <c r="E1765" s="8" t="s">
        <v>12</v>
      </c>
      <c r="F1765" t="s">
        <v>64</v>
      </c>
      <c r="G1765" t="s">
        <v>79</v>
      </c>
      <c r="H1765" t="s">
        <v>64</v>
      </c>
      <c r="I1765" s="8">
        <v>2031</v>
      </c>
      <c r="J1765" t="s">
        <v>50</v>
      </c>
      <c r="K1765" s="10">
        <v>0</v>
      </c>
      <c r="L1765">
        <v>0</v>
      </c>
      <c r="M1765" s="10">
        <v>0</v>
      </c>
      <c r="N1765">
        <v>0</v>
      </c>
    </row>
    <row r="1766" spans="1:14" hidden="1">
      <c r="A1766" s="7" t="s">
        <v>10</v>
      </c>
      <c r="B1766" s="8"/>
      <c r="C1766" s="8"/>
      <c r="D1766" t="s">
        <v>77</v>
      </c>
      <c r="E1766" s="8" t="s">
        <v>12</v>
      </c>
      <c r="F1766" t="s">
        <v>64</v>
      </c>
      <c r="G1766" t="s">
        <v>19</v>
      </c>
      <c r="H1766" t="s">
        <v>64</v>
      </c>
      <c r="I1766" s="8">
        <v>2031</v>
      </c>
      <c r="J1766" t="s">
        <v>19</v>
      </c>
      <c r="K1766" s="10">
        <v>0</v>
      </c>
      <c r="L1766">
        <v>0</v>
      </c>
      <c r="M1766" s="10">
        <v>0</v>
      </c>
      <c r="N1766">
        <v>0</v>
      </c>
    </row>
    <row r="1767" spans="1:14" hidden="1">
      <c r="A1767" s="7" t="s">
        <v>10</v>
      </c>
      <c r="B1767" s="8"/>
      <c r="C1767" s="8"/>
      <c r="D1767" t="s">
        <v>77</v>
      </c>
      <c r="E1767" s="8" t="s">
        <v>12</v>
      </c>
      <c r="F1767" t="s">
        <v>64</v>
      </c>
      <c r="G1767" t="s">
        <v>78</v>
      </c>
      <c r="H1767" t="s">
        <v>64</v>
      </c>
      <c r="I1767" s="8">
        <v>2031</v>
      </c>
      <c r="J1767" t="s">
        <v>21</v>
      </c>
      <c r="K1767" s="10">
        <v>60909</v>
      </c>
      <c r="L1767">
        <v>10000</v>
      </c>
      <c r="M1767" s="10">
        <v>55909</v>
      </c>
      <c r="N1767">
        <v>0</v>
      </c>
    </row>
    <row r="1768" spans="1:14" hidden="1">
      <c r="A1768" s="7" t="s">
        <v>10</v>
      </c>
      <c r="B1768" s="8"/>
      <c r="C1768" s="8"/>
      <c r="D1768" t="s">
        <v>77</v>
      </c>
      <c r="E1768" s="8" t="s">
        <v>12</v>
      </c>
      <c r="F1768" t="s">
        <v>64</v>
      </c>
      <c r="G1768" t="s">
        <v>78</v>
      </c>
      <c r="H1768" t="s">
        <v>64</v>
      </c>
      <c r="I1768" s="8">
        <v>2031</v>
      </c>
      <c r="J1768" t="s">
        <v>51</v>
      </c>
      <c r="K1768" s="10">
        <v>5502</v>
      </c>
      <c r="L1768">
        <v>1110</v>
      </c>
      <c r="M1768" s="10">
        <v>4392</v>
      </c>
      <c r="N1768">
        <v>0</v>
      </c>
    </row>
    <row r="1769" spans="1:14" hidden="1">
      <c r="A1769" s="7" t="s">
        <v>10</v>
      </c>
      <c r="B1769" s="8"/>
      <c r="C1769" s="8"/>
      <c r="D1769" t="s">
        <v>77</v>
      </c>
      <c r="E1769" s="8" t="s">
        <v>12</v>
      </c>
      <c r="F1769" t="s">
        <v>64</v>
      </c>
      <c r="G1769" t="s">
        <v>78</v>
      </c>
      <c r="H1769" t="s">
        <v>64</v>
      </c>
      <c r="I1769" s="8">
        <v>2032</v>
      </c>
      <c r="J1769" t="s">
        <v>47</v>
      </c>
      <c r="K1769" s="10">
        <v>0</v>
      </c>
      <c r="L1769">
        <v>0</v>
      </c>
      <c r="M1769" s="10">
        <v>0</v>
      </c>
      <c r="N1769">
        <v>0</v>
      </c>
    </row>
    <row r="1770" spans="1:14" hidden="1">
      <c r="A1770" s="7" t="s">
        <v>10</v>
      </c>
      <c r="B1770" s="8"/>
      <c r="C1770" s="8"/>
      <c r="D1770" t="s">
        <v>77</v>
      </c>
      <c r="E1770" s="8" t="s">
        <v>12</v>
      </c>
      <c r="F1770" t="s">
        <v>64</v>
      </c>
      <c r="G1770" t="s">
        <v>78</v>
      </c>
      <c r="H1770" t="s">
        <v>64</v>
      </c>
      <c r="I1770" s="8">
        <v>2032</v>
      </c>
      <c r="J1770" t="s">
        <v>48</v>
      </c>
      <c r="K1770" s="10">
        <v>0</v>
      </c>
      <c r="L1770">
        <v>0</v>
      </c>
      <c r="M1770" s="10">
        <v>0</v>
      </c>
      <c r="N1770">
        <v>0</v>
      </c>
    </row>
    <row r="1771" spans="1:14" hidden="1">
      <c r="A1771" s="7" t="s">
        <v>10</v>
      </c>
      <c r="B1771" s="8"/>
      <c r="C1771" s="8"/>
      <c r="D1771" t="s">
        <v>77</v>
      </c>
      <c r="E1771" s="8" t="s">
        <v>12</v>
      </c>
      <c r="F1771" t="s">
        <v>64</v>
      </c>
      <c r="G1771" t="s">
        <v>78</v>
      </c>
      <c r="H1771" t="s">
        <v>64</v>
      </c>
      <c r="I1771" s="8">
        <v>2032</v>
      </c>
      <c r="J1771" t="s">
        <v>14</v>
      </c>
      <c r="K1771" s="10">
        <v>0</v>
      </c>
      <c r="L1771">
        <v>0</v>
      </c>
      <c r="M1771" s="10">
        <v>0</v>
      </c>
      <c r="N1771">
        <v>0</v>
      </c>
    </row>
    <row r="1772" spans="1:14" hidden="1">
      <c r="A1772" s="7" t="s">
        <v>10</v>
      </c>
      <c r="B1772" s="8"/>
      <c r="C1772" s="8"/>
      <c r="D1772" t="s">
        <v>77</v>
      </c>
      <c r="E1772" s="8" t="s">
        <v>12</v>
      </c>
      <c r="F1772" t="s">
        <v>64</v>
      </c>
      <c r="G1772" t="s">
        <v>78</v>
      </c>
      <c r="H1772" t="s">
        <v>64</v>
      </c>
      <c r="I1772" s="8">
        <v>2032</v>
      </c>
      <c r="J1772" t="s">
        <v>49</v>
      </c>
      <c r="K1772" s="10">
        <v>0</v>
      </c>
      <c r="L1772">
        <v>0</v>
      </c>
      <c r="M1772" s="10">
        <v>0</v>
      </c>
      <c r="N1772">
        <v>0</v>
      </c>
    </row>
    <row r="1773" spans="1:14" hidden="1">
      <c r="A1773" s="7" t="s">
        <v>10</v>
      </c>
      <c r="B1773" s="8"/>
      <c r="C1773" s="8"/>
      <c r="D1773" t="s">
        <v>77</v>
      </c>
      <c r="E1773" s="8" t="s">
        <v>12</v>
      </c>
      <c r="F1773" t="s">
        <v>64</v>
      </c>
      <c r="G1773" t="s">
        <v>79</v>
      </c>
      <c r="H1773" t="s">
        <v>64</v>
      </c>
      <c r="I1773" s="8">
        <v>2032</v>
      </c>
      <c r="J1773" t="s">
        <v>15</v>
      </c>
      <c r="K1773" s="10">
        <v>450</v>
      </c>
      <c r="L1773">
        <v>0</v>
      </c>
      <c r="M1773" s="10">
        <v>450</v>
      </c>
      <c r="N1773">
        <v>0</v>
      </c>
    </row>
    <row r="1774" spans="1:14" hidden="1">
      <c r="A1774" s="7" t="s">
        <v>10</v>
      </c>
      <c r="B1774" s="8"/>
      <c r="C1774" s="8"/>
      <c r="D1774" t="s">
        <v>77</v>
      </c>
      <c r="E1774" s="8" t="s">
        <v>12</v>
      </c>
      <c r="F1774" t="s">
        <v>64</v>
      </c>
      <c r="G1774" t="s">
        <v>79</v>
      </c>
      <c r="H1774" t="s">
        <v>64</v>
      </c>
      <c r="I1774" s="8">
        <v>2032</v>
      </c>
      <c r="J1774" t="s">
        <v>50</v>
      </c>
      <c r="K1774" s="10">
        <v>0</v>
      </c>
      <c r="L1774">
        <v>0</v>
      </c>
      <c r="M1774" s="10">
        <v>0</v>
      </c>
      <c r="N1774">
        <v>0</v>
      </c>
    </row>
    <row r="1775" spans="1:14" hidden="1">
      <c r="A1775" s="7" t="s">
        <v>10</v>
      </c>
      <c r="B1775" s="8"/>
      <c r="C1775" s="8"/>
      <c r="D1775" t="s">
        <v>77</v>
      </c>
      <c r="E1775" s="8" t="s">
        <v>12</v>
      </c>
      <c r="F1775" t="s">
        <v>64</v>
      </c>
      <c r="G1775" t="s">
        <v>19</v>
      </c>
      <c r="H1775" t="s">
        <v>64</v>
      </c>
      <c r="I1775" s="8">
        <v>2032</v>
      </c>
      <c r="J1775" t="s">
        <v>19</v>
      </c>
      <c r="K1775" s="10">
        <v>0</v>
      </c>
      <c r="L1775">
        <v>0</v>
      </c>
      <c r="M1775" s="10">
        <v>0</v>
      </c>
      <c r="N1775">
        <v>0</v>
      </c>
    </row>
    <row r="1776" spans="1:14" hidden="1">
      <c r="A1776" s="7" t="s">
        <v>10</v>
      </c>
      <c r="B1776" s="8"/>
      <c r="C1776" s="8"/>
      <c r="D1776" t="s">
        <v>77</v>
      </c>
      <c r="E1776" s="8" t="s">
        <v>12</v>
      </c>
      <c r="F1776" t="s">
        <v>64</v>
      </c>
      <c r="G1776" t="s">
        <v>78</v>
      </c>
      <c r="H1776" t="s">
        <v>64</v>
      </c>
      <c r="I1776" s="8">
        <v>2032</v>
      </c>
      <c r="J1776" t="s">
        <v>21</v>
      </c>
      <c r="K1776" s="10">
        <v>60734</v>
      </c>
      <c r="L1776">
        <v>10000</v>
      </c>
      <c r="M1776" s="10">
        <v>55734</v>
      </c>
      <c r="N1776">
        <v>0</v>
      </c>
    </row>
    <row r="1777" spans="1:14" hidden="1">
      <c r="A1777" s="7" t="s">
        <v>10</v>
      </c>
      <c r="B1777" s="8"/>
      <c r="C1777" s="8"/>
      <c r="D1777" t="s">
        <v>77</v>
      </c>
      <c r="E1777" s="8" t="s">
        <v>12</v>
      </c>
      <c r="F1777" t="s">
        <v>64</v>
      </c>
      <c r="G1777" t="s">
        <v>78</v>
      </c>
      <c r="H1777" t="s">
        <v>64</v>
      </c>
      <c r="I1777" s="8">
        <v>2032</v>
      </c>
      <c r="J1777" t="s">
        <v>51</v>
      </c>
      <c r="K1777" s="10">
        <v>5502</v>
      </c>
      <c r="L1777">
        <v>1110</v>
      </c>
      <c r="M1777" s="10">
        <v>4392</v>
      </c>
      <c r="N1777">
        <v>0</v>
      </c>
    </row>
    <row r="1778" spans="1:14" hidden="1">
      <c r="A1778" s="7" t="s">
        <v>10</v>
      </c>
      <c r="B1778" s="8"/>
      <c r="C1778" s="8"/>
      <c r="D1778" t="s">
        <v>77</v>
      </c>
      <c r="E1778" s="8" t="s">
        <v>12</v>
      </c>
      <c r="F1778" t="s">
        <v>64</v>
      </c>
      <c r="G1778" t="s">
        <v>78</v>
      </c>
      <c r="H1778" t="s">
        <v>64</v>
      </c>
      <c r="I1778" s="8">
        <v>2033</v>
      </c>
      <c r="J1778" t="s">
        <v>47</v>
      </c>
      <c r="K1778" s="10">
        <v>0</v>
      </c>
      <c r="L1778">
        <v>0</v>
      </c>
      <c r="M1778" s="10">
        <v>0</v>
      </c>
      <c r="N1778">
        <v>0</v>
      </c>
    </row>
    <row r="1779" spans="1:14" hidden="1">
      <c r="A1779" s="7" t="s">
        <v>10</v>
      </c>
      <c r="B1779" s="8"/>
      <c r="C1779" s="8"/>
      <c r="D1779" t="s">
        <v>77</v>
      </c>
      <c r="E1779" s="8" t="s">
        <v>12</v>
      </c>
      <c r="F1779" t="s">
        <v>64</v>
      </c>
      <c r="G1779" t="s">
        <v>78</v>
      </c>
      <c r="H1779" t="s">
        <v>64</v>
      </c>
      <c r="I1779" s="8">
        <v>2033</v>
      </c>
      <c r="J1779" t="s">
        <v>48</v>
      </c>
      <c r="K1779" s="10">
        <v>0</v>
      </c>
      <c r="L1779">
        <v>0</v>
      </c>
      <c r="M1779" s="10">
        <v>0</v>
      </c>
      <c r="N1779">
        <v>0</v>
      </c>
    </row>
    <row r="1780" spans="1:14" hidden="1">
      <c r="A1780" s="7" t="s">
        <v>10</v>
      </c>
      <c r="B1780" s="8"/>
      <c r="C1780" s="8"/>
      <c r="D1780" t="s">
        <v>77</v>
      </c>
      <c r="E1780" s="8" t="s">
        <v>12</v>
      </c>
      <c r="F1780" t="s">
        <v>64</v>
      </c>
      <c r="G1780" t="s">
        <v>78</v>
      </c>
      <c r="H1780" t="s">
        <v>64</v>
      </c>
      <c r="I1780" s="8">
        <v>2033</v>
      </c>
      <c r="J1780" t="s">
        <v>14</v>
      </c>
      <c r="K1780" s="10">
        <v>0</v>
      </c>
      <c r="L1780">
        <v>0</v>
      </c>
      <c r="M1780" s="10">
        <v>0</v>
      </c>
      <c r="N1780">
        <v>0</v>
      </c>
    </row>
    <row r="1781" spans="1:14" hidden="1">
      <c r="A1781" s="7" t="s">
        <v>10</v>
      </c>
      <c r="B1781" s="8"/>
      <c r="C1781" s="8"/>
      <c r="D1781" t="s">
        <v>77</v>
      </c>
      <c r="E1781" s="8" t="s">
        <v>12</v>
      </c>
      <c r="F1781" t="s">
        <v>64</v>
      </c>
      <c r="G1781" t="s">
        <v>78</v>
      </c>
      <c r="H1781" t="s">
        <v>64</v>
      </c>
      <c r="I1781" s="8">
        <v>2033</v>
      </c>
      <c r="J1781" t="s">
        <v>49</v>
      </c>
      <c r="K1781" s="10">
        <v>0</v>
      </c>
      <c r="L1781">
        <v>0</v>
      </c>
      <c r="M1781" s="10">
        <v>0</v>
      </c>
      <c r="N1781">
        <v>0</v>
      </c>
    </row>
    <row r="1782" spans="1:14" hidden="1">
      <c r="A1782" s="7" t="s">
        <v>10</v>
      </c>
      <c r="B1782" s="8"/>
      <c r="C1782" s="8"/>
      <c r="D1782" t="s">
        <v>77</v>
      </c>
      <c r="E1782" s="8" t="s">
        <v>12</v>
      </c>
      <c r="F1782" t="s">
        <v>64</v>
      </c>
      <c r="G1782" t="s">
        <v>79</v>
      </c>
      <c r="H1782" t="s">
        <v>64</v>
      </c>
      <c r="I1782" s="8">
        <v>2033</v>
      </c>
      <c r="J1782" t="s">
        <v>15</v>
      </c>
      <c r="K1782" s="10">
        <v>450</v>
      </c>
      <c r="L1782">
        <v>0</v>
      </c>
      <c r="M1782" s="10">
        <v>450</v>
      </c>
      <c r="N1782">
        <v>0</v>
      </c>
    </row>
    <row r="1783" spans="1:14" hidden="1">
      <c r="A1783" s="7" t="s">
        <v>10</v>
      </c>
      <c r="B1783" s="8"/>
      <c r="C1783" s="8"/>
      <c r="D1783" t="s">
        <v>77</v>
      </c>
      <c r="E1783" s="8" t="s">
        <v>12</v>
      </c>
      <c r="F1783" t="s">
        <v>64</v>
      </c>
      <c r="G1783" t="s">
        <v>79</v>
      </c>
      <c r="H1783" t="s">
        <v>64</v>
      </c>
      <c r="I1783" s="8">
        <v>2033</v>
      </c>
      <c r="J1783" t="s">
        <v>50</v>
      </c>
      <c r="K1783" s="10">
        <v>0</v>
      </c>
      <c r="L1783">
        <v>0</v>
      </c>
      <c r="M1783" s="10">
        <v>0</v>
      </c>
      <c r="N1783">
        <v>0</v>
      </c>
    </row>
    <row r="1784" spans="1:14" hidden="1">
      <c r="A1784" s="7" t="s">
        <v>10</v>
      </c>
      <c r="B1784" s="8"/>
      <c r="C1784" s="8"/>
      <c r="D1784" t="s">
        <v>77</v>
      </c>
      <c r="E1784" s="8" t="s">
        <v>12</v>
      </c>
      <c r="F1784" t="s">
        <v>64</v>
      </c>
      <c r="G1784" t="s">
        <v>19</v>
      </c>
      <c r="H1784" t="s">
        <v>64</v>
      </c>
      <c r="I1784" s="8">
        <v>2033</v>
      </c>
      <c r="J1784" t="s">
        <v>19</v>
      </c>
      <c r="K1784" s="10">
        <v>0</v>
      </c>
      <c r="L1784">
        <v>0</v>
      </c>
      <c r="M1784" s="10">
        <v>0</v>
      </c>
      <c r="N1784">
        <v>0</v>
      </c>
    </row>
    <row r="1785" spans="1:14" hidden="1">
      <c r="A1785" s="7" t="s">
        <v>10</v>
      </c>
      <c r="B1785" s="8"/>
      <c r="C1785" s="8"/>
      <c r="D1785" t="s">
        <v>77</v>
      </c>
      <c r="E1785" s="8" t="s">
        <v>12</v>
      </c>
      <c r="F1785" t="s">
        <v>64</v>
      </c>
      <c r="G1785" t="s">
        <v>78</v>
      </c>
      <c r="H1785" t="s">
        <v>64</v>
      </c>
      <c r="I1785" s="8">
        <v>2033</v>
      </c>
      <c r="J1785" t="s">
        <v>21</v>
      </c>
      <c r="K1785" s="10">
        <v>60597</v>
      </c>
      <c r="L1785">
        <v>10000</v>
      </c>
      <c r="M1785" s="10">
        <v>55597</v>
      </c>
      <c r="N1785">
        <v>0</v>
      </c>
    </row>
    <row r="1786" spans="1:14" hidden="1">
      <c r="A1786" s="7" t="s">
        <v>10</v>
      </c>
      <c r="B1786" s="8"/>
      <c r="C1786" s="8"/>
      <c r="D1786" t="s">
        <v>77</v>
      </c>
      <c r="E1786" s="8" t="s">
        <v>12</v>
      </c>
      <c r="F1786" t="s">
        <v>64</v>
      </c>
      <c r="G1786" t="s">
        <v>78</v>
      </c>
      <c r="H1786" t="s">
        <v>64</v>
      </c>
      <c r="I1786" s="8">
        <v>2033</v>
      </c>
      <c r="J1786" t="s">
        <v>51</v>
      </c>
      <c r="K1786" s="10">
        <v>5502</v>
      </c>
      <c r="L1786">
        <v>1110</v>
      </c>
      <c r="M1786" s="10">
        <v>4392</v>
      </c>
      <c r="N1786">
        <v>0</v>
      </c>
    </row>
    <row r="1787" spans="1:14" hidden="1">
      <c r="A1787" s="7" t="s">
        <v>10</v>
      </c>
      <c r="B1787" s="8"/>
      <c r="C1787" s="8"/>
      <c r="D1787" t="s">
        <v>77</v>
      </c>
      <c r="E1787" s="8" t="s">
        <v>24</v>
      </c>
      <c r="F1787" t="s">
        <v>64</v>
      </c>
      <c r="G1787" t="s">
        <v>78</v>
      </c>
      <c r="H1787" t="s">
        <v>64</v>
      </c>
      <c r="I1787" s="8">
        <v>2025</v>
      </c>
      <c r="J1787" t="s">
        <v>47</v>
      </c>
      <c r="K1787" s="10">
        <v>0</v>
      </c>
      <c r="L1787">
        <v>0</v>
      </c>
      <c r="M1787" s="10">
        <v>0</v>
      </c>
      <c r="N1787">
        <v>0</v>
      </c>
    </row>
    <row r="1788" spans="1:14" hidden="1">
      <c r="A1788" s="7" t="s">
        <v>10</v>
      </c>
      <c r="B1788" s="8"/>
      <c r="C1788" s="8"/>
      <c r="D1788" t="s">
        <v>77</v>
      </c>
      <c r="E1788" s="8" t="s">
        <v>24</v>
      </c>
      <c r="F1788" t="s">
        <v>64</v>
      </c>
      <c r="G1788" t="s">
        <v>78</v>
      </c>
      <c r="H1788" t="s">
        <v>64</v>
      </c>
      <c r="I1788" s="8">
        <v>2025</v>
      </c>
      <c r="J1788" t="s">
        <v>48</v>
      </c>
      <c r="K1788" s="10">
        <v>0</v>
      </c>
      <c r="L1788">
        <v>0</v>
      </c>
      <c r="M1788" s="10">
        <v>0</v>
      </c>
      <c r="N1788">
        <v>0</v>
      </c>
    </row>
    <row r="1789" spans="1:14" hidden="1">
      <c r="A1789" s="7" t="s">
        <v>10</v>
      </c>
      <c r="B1789" s="8"/>
      <c r="C1789" s="8"/>
      <c r="D1789" t="s">
        <v>77</v>
      </c>
      <c r="E1789" s="8" t="s">
        <v>24</v>
      </c>
      <c r="F1789" t="s">
        <v>64</v>
      </c>
      <c r="G1789" t="s">
        <v>78</v>
      </c>
      <c r="H1789" t="s">
        <v>64</v>
      </c>
      <c r="I1789" s="8">
        <v>2025</v>
      </c>
      <c r="J1789" t="s">
        <v>14</v>
      </c>
      <c r="K1789" s="10">
        <v>0</v>
      </c>
      <c r="L1789">
        <v>0</v>
      </c>
      <c r="M1789" s="10">
        <v>0</v>
      </c>
      <c r="N1789">
        <v>0</v>
      </c>
    </row>
    <row r="1790" spans="1:14" hidden="1">
      <c r="A1790" s="7" t="s">
        <v>10</v>
      </c>
      <c r="B1790" s="8"/>
      <c r="C1790" s="8"/>
      <c r="D1790" t="s">
        <v>77</v>
      </c>
      <c r="E1790" s="8" t="s">
        <v>24</v>
      </c>
      <c r="F1790" t="s">
        <v>64</v>
      </c>
      <c r="G1790" t="s">
        <v>78</v>
      </c>
      <c r="H1790" t="s">
        <v>64</v>
      </c>
      <c r="I1790" s="8">
        <v>2025</v>
      </c>
      <c r="J1790" t="s">
        <v>49</v>
      </c>
      <c r="K1790" s="10">
        <v>0</v>
      </c>
      <c r="L1790">
        <v>0</v>
      </c>
      <c r="M1790" s="10">
        <v>0</v>
      </c>
      <c r="N1790">
        <v>0</v>
      </c>
    </row>
    <row r="1791" spans="1:14" hidden="1">
      <c r="A1791" s="7" t="s">
        <v>10</v>
      </c>
      <c r="B1791" s="8"/>
      <c r="C1791" s="8"/>
      <c r="D1791" t="s">
        <v>77</v>
      </c>
      <c r="E1791" s="8" t="s">
        <v>24</v>
      </c>
      <c r="F1791" t="s">
        <v>64</v>
      </c>
      <c r="G1791" t="s">
        <v>79</v>
      </c>
      <c r="H1791" t="s">
        <v>64</v>
      </c>
      <c r="I1791" s="8">
        <v>2025</v>
      </c>
      <c r="J1791" t="s">
        <v>15</v>
      </c>
      <c r="K1791" s="10">
        <v>0</v>
      </c>
      <c r="L1791">
        <v>0</v>
      </c>
      <c r="M1791" s="10">
        <v>0</v>
      </c>
      <c r="N1791">
        <v>0</v>
      </c>
    </row>
    <row r="1792" spans="1:14" hidden="1">
      <c r="A1792" s="7" t="s">
        <v>10</v>
      </c>
      <c r="B1792" s="8"/>
      <c r="C1792" s="8"/>
      <c r="D1792" t="s">
        <v>77</v>
      </c>
      <c r="E1792" s="8" t="s">
        <v>24</v>
      </c>
      <c r="F1792" t="s">
        <v>64</v>
      </c>
      <c r="G1792" t="s">
        <v>79</v>
      </c>
      <c r="H1792" t="s">
        <v>64</v>
      </c>
      <c r="I1792" s="8">
        <v>2025</v>
      </c>
      <c r="J1792" t="s">
        <v>50</v>
      </c>
      <c r="K1792" s="10">
        <v>0</v>
      </c>
      <c r="L1792">
        <v>0</v>
      </c>
      <c r="M1792" s="10">
        <v>0</v>
      </c>
      <c r="N1792">
        <v>0</v>
      </c>
    </row>
    <row r="1793" spans="1:14" hidden="1">
      <c r="A1793" s="7" t="s">
        <v>10</v>
      </c>
      <c r="B1793" s="8"/>
      <c r="C1793" s="8"/>
      <c r="D1793" t="s">
        <v>77</v>
      </c>
      <c r="E1793" s="8" t="s">
        <v>24</v>
      </c>
      <c r="F1793" t="s">
        <v>64</v>
      </c>
      <c r="G1793" t="s">
        <v>19</v>
      </c>
      <c r="H1793" t="s">
        <v>64</v>
      </c>
      <c r="I1793" s="8">
        <v>2025</v>
      </c>
      <c r="J1793" t="s">
        <v>19</v>
      </c>
      <c r="K1793" s="10">
        <v>0</v>
      </c>
      <c r="L1793">
        <v>0</v>
      </c>
      <c r="M1793" s="10">
        <v>0</v>
      </c>
      <c r="N1793">
        <v>0</v>
      </c>
    </row>
    <row r="1794" spans="1:14" hidden="1">
      <c r="A1794" s="7" t="s">
        <v>10</v>
      </c>
      <c r="B1794" s="8"/>
      <c r="C1794" s="8"/>
      <c r="D1794" t="s">
        <v>77</v>
      </c>
      <c r="E1794" s="8" t="s">
        <v>24</v>
      </c>
      <c r="F1794" t="s">
        <v>64</v>
      </c>
      <c r="G1794" t="s">
        <v>78</v>
      </c>
      <c r="H1794" t="s">
        <v>64</v>
      </c>
      <c r="I1794" s="8">
        <v>2025</v>
      </c>
      <c r="J1794" t="s">
        <v>21</v>
      </c>
      <c r="K1794" s="10">
        <v>10173</v>
      </c>
      <c r="L1794">
        <v>0</v>
      </c>
      <c r="M1794" s="10">
        <v>10173</v>
      </c>
      <c r="N1794">
        <v>0</v>
      </c>
    </row>
    <row r="1795" spans="1:14" hidden="1">
      <c r="A1795" s="7" t="s">
        <v>10</v>
      </c>
      <c r="B1795" s="8"/>
      <c r="C1795" s="8"/>
      <c r="D1795" t="s">
        <v>77</v>
      </c>
      <c r="E1795" s="8" t="s">
        <v>24</v>
      </c>
      <c r="F1795" t="s">
        <v>64</v>
      </c>
      <c r="G1795" t="s">
        <v>78</v>
      </c>
      <c r="H1795" t="s">
        <v>64</v>
      </c>
      <c r="I1795" s="8">
        <v>2025</v>
      </c>
      <c r="J1795" t="s">
        <v>51</v>
      </c>
      <c r="K1795" s="10">
        <v>2500</v>
      </c>
      <c r="L1795">
        <v>0</v>
      </c>
      <c r="M1795" s="10">
        <v>2500</v>
      </c>
      <c r="N1795">
        <v>0</v>
      </c>
    </row>
    <row r="1796" spans="1:14" hidden="1">
      <c r="A1796" s="7" t="s">
        <v>10</v>
      </c>
      <c r="B1796" s="8"/>
      <c r="C1796" s="8"/>
      <c r="D1796" t="s">
        <v>77</v>
      </c>
      <c r="E1796" s="8" t="s">
        <v>24</v>
      </c>
      <c r="F1796" t="s">
        <v>64</v>
      </c>
      <c r="G1796" t="s">
        <v>78</v>
      </c>
      <c r="H1796" t="s">
        <v>64</v>
      </c>
      <c r="I1796" s="8">
        <v>2026</v>
      </c>
      <c r="J1796" t="s">
        <v>47</v>
      </c>
      <c r="K1796" s="10">
        <v>0</v>
      </c>
      <c r="L1796">
        <v>0</v>
      </c>
      <c r="M1796" s="10">
        <v>0</v>
      </c>
      <c r="N1796">
        <v>0</v>
      </c>
    </row>
    <row r="1797" spans="1:14" hidden="1">
      <c r="A1797" s="7" t="s">
        <v>10</v>
      </c>
      <c r="B1797" s="8"/>
      <c r="C1797" s="8"/>
      <c r="D1797" t="s">
        <v>77</v>
      </c>
      <c r="E1797" s="8" t="s">
        <v>24</v>
      </c>
      <c r="F1797" t="s">
        <v>64</v>
      </c>
      <c r="G1797" t="s">
        <v>78</v>
      </c>
      <c r="H1797" t="s">
        <v>64</v>
      </c>
      <c r="I1797" s="8">
        <v>2026</v>
      </c>
      <c r="J1797" t="s">
        <v>48</v>
      </c>
      <c r="K1797" s="10">
        <v>0</v>
      </c>
      <c r="L1797">
        <v>0</v>
      </c>
      <c r="M1797" s="10">
        <v>0</v>
      </c>
      <c r="N1797">
        <v>0</v>
      </c>
    </row>
    <row r="1798" spans="1:14" hidden="1">
      <c r="A1798" s="7" t="s">
        <v>10</v>
      </c>
      <c r="B1798" s="8"/>
      <c r="C1798" s="8"/>
      <c r="D1798" t="s">
        <v>77</v>
      </c>
      <c r="E1798" s="8" t="s">
        <v>24</v>
      </c>
      <c r="F1798" t="s">
        <v>64</v>
      </c>
      <c r="G1798" t="s">
        <v>78</v>
      </c>
      <c r="H1798" t="s">
        <v>64</v>
      </c>
      <c r="I1798" s="8">
        <v>2026</v>
      </c>
      <c r="J1798" t="s">
        <v>14</v>
      </c>
      <c r="K1798" s="10">
        <v>0</v>
      </c>
      <c r="L1798">
        <v>0</v>
      </c>
      <c r="M1798" s="10">
        <v>0</v>
      </c>
      <c r="N1798">
        <v>0</v>
      </c>
    </row>
    <row r="1799" spans="1:14" hidden="1">
      <c r="A1799" s="7" t="s">
        <v>10</v>
      </c>
      <c r="B1799" s="8"/>
      <c r="C1799" s="8"/>
      <c r="D1799" t="s">
        <v>77</v>
      </c>
      <c r="E1799" s="8" t="s">
        <v>24</v>
      </c>
      <c r="F1799" t="s">
        <v>64</v>
      </c>
      <c r="G1799" t="s">
        <v>78</v>
      </c>
      <c r="H1799" t="s">
        <v>64</v>
      </c>
      <c r="I1799" s="8">
        <v>2026</v>
      </c>
      <c r="J1799" t="s">
        <v>49</v>
      </c>
      <c r="K1799" s="10">
        <v>0</v>
      </c>
      <c r="L1799">
        <v>0</v>
      </c>
      <c r="M1799" s="10">
        <v>0</v>
      </c>
      <c r="N1799">
        <v>0</v>
      </c>
    </row>
    <row r="1800" spans="1:14" hidden="1">
      <c r="A1800" s="7" t="s">
        <v>10</v>
      </c>
      <c r="B1800" s="8"/>
      <c r="C1800" s="8"/>
      <c r="D1800" t="s">
        <v>77</v>
      </c>
      <c r="E1800" s="8" t="s">
        <v>24</v>
      </c>
      <c r="F1800" t="s">
        <v>64</v>
      </c>
      <c r="G1800" t="s">
        <v>79</v>
      </c>
      <c r="H1800" t="s">
        <v>64</v>
      </c>
      <c r="I1800" s="8">
        <v>2026</v>
      </c>
      <c r="J1800" t="s">
        <v>15</v>
      </c>
      <c r="K1800" s="10">
        <v>0</v>
      </c>
      <c r="L1800">
        <v>0</v>
      </c>
      <c r="M1800" s="10">
        <v>0</v>
      </c>
      <c r="N1800">
        <v>0</v>
      </c>
    </row>
    <row r="1801" spans="1:14" hidden="1">
      <c r="A1801" s="7" t="s">
        <v>10</v>
      </c>
      <c r="B1801" s="8"/>
      <c r="C1801" s="8"/>
      <c r="D1801" t="s">
        <v>77</v>
      </c>
      <c r="E1801" s="8" t="s">
        <v>24</v>
      </c>
      <c r="F1801" t="s">
        <v>64</v>
      </c>
      <c r="G1801" t="s">
        <v>79</v>
      </c>
      <c r="H1801" t="s">
        <v>64</v>
      </c>
      <c r="I1801" s="8">
        <v>2026</v>
      </c>
      <c r="J1801" t="s">
        <v>50</v>
      </c>
      <c r="K1801" s="10">
        <v>0</v>
      </c>
      <c r="L1801">
        <v>0</v>
      </c>
      <c r="M1801" s="10">
        <v>0</v>
      </c>
      <c r="N1801">
        <v>0</v>
      </c>
    </row>
    <row r="1802" spans="1:14" hidden="1">
      <c r="A1802" s="7" t="s">
        <v>10</v>
      </c>
      <c r="B1802" s="8"/>
      <c r="C1802" s="8"/>
      <c r="D1802" t="s">
        <v>77</v>
      </c>
      <c r="E1802" s="8" t="s">
        <v>24</v>
      </c>
      <c r="F1802" t="s">
        <v>64</v>
      </c>
      <c r="G1802" t="s">
        <v>19</v>
      </c>
      <c r="H1802" t="s">
        <v>64</v>
      </c>
      <c r="I1802" s="8">
        <v>2026</v>
      </c>
      <c r="J1802" t="s">
        <v>19</v>
      </c>
      <c r="K1802" s="10">
        <v>0</v>
      </c>
      <c r="L1802">
        <v>0</v>
      </c>
      <c r="M1802" s="10">
        <v>0</v>
      </c>
      <c r="N1802">
        <v>0</v>
      </c>
    </row>
    <row r="1803" spans="1:14" hidden="1">
      <c r="A1803" s="7" t="s">
        <v>10</v>
      </c>
      <c r="B1803" s="8"/>
      <c r="C1803" s="8"/>
      <c r="D1803" t="s">
        <v>77</v>
      </c>
      <c r="E1803" s="8" t="s">
        <v>24</v>
      </c>
      <c r="F1803" t="s">
        <v>64</v>
      </c>
      <c r="G1803" t="s">
        <v>78</v>
      </c>
      <c r="H1803" t="s">
        <v>64</v>
      </c>
      <c r="I1803" s="8">
        <v>2026</v>
      </c>
      <c r="J1803" t="s">
        <v>21</v>
      </c>
      <c r="K1803" s="10">
        <v>11132</v>
      </c>
      <c r="L1803">
        <v>0</v>
      </c>
      <c r="M1803" s="10">
        <v>11132</v>
      </c>
      <c r="N1803">
        <v>0</v>
      </c>
    </row>
    <row r="1804" spans="1:14" hidden="1">
      <c r="A1804" s="7" t="s">
        <v>10</v>
      </c>
      <c r="B1804" s="8"/>
      <c r="C1804" s="8"/>
      <c r="D1804" t="s">
        <v>77</v>
      </c>
      <c r="E1804" s="8" t="s">
        <v>24</v>
      </c>
      <c r="F1804" t="s">
        <v>64</v>
      </c>
      <c r="G1804" t="s">
        <v>78</v>
      </c>
      <c r="H1804" t="s">
        <v>64</v>
      </c>
      <c r="I1804" s="8">
        <v>2026</v>
      </c>
      <c r="J1804" t="s">
        <v>51</v>
      </c>
      <c r="K1804" s="10">
        <v>2600</v>
      </c>
      <c r="L1804">
        <v>0</v>
      </c>
      <c r="M1804" s="10">
        <v>2600</v>
      </c>
      <c r="N1804">
        <v>0</v>
      </c>
    </row>
    <row r="1805" spans="1:14" hidden="1">
      <c r="A1805" s="7" t="s">
        <v>10</v>
      </c>
      <c r="B1805" s="8"/>
      <c r="C1805" s="8"/>
      <c r="D1805" t="s">
        <v>77</v>
      </c>
      <c r="E1805" s="8" t="s">
        <v>24</v>
      </c>
      <c r="F1805" t="s">
        <v>64</v>
      </c>
      <c r="G1805" t="s">
        <v>78</v>
      </c>
      <c r="H1805" t="s">
        <v>64</v>
      </c>
      <c r="I1805" s="8">
        <v>2027</v>
      </c>
      <c r="J1805" t="s">
        <v>47</v>
      </c>
      <c r="K1805" s="10">
        <v>0</v>
      </c>
      <c r="L1805">
        <v>0</v>
      </c>
      <c r="M1805" s="10">
        <v>0</v>
      </c>
      <c r="N1805">
        <v>0</v>
      </c>
    </row>
    <row r="1806" spans="1:14" hidden="1">
      <c r="A1806" s="7" t="s">
        <v>10</v>
      </c>
      <c r="B1806" s="8"/>
      <c r="C1806" s="8"/>
      <c r="D1806" t="s">
        <v>77</v>
      </c>
      <c r="E1806" s="8" t="s">
        <v>24</v>
      </c>
      <c r="F1806" t="s">
        <v>64</v>
      </c>
      <c r="G1806" t="s">
        <v>78</v>
      </c>
      <c r="H1806" t="s">
        <v>64</v>
      </c>
      <c r="I1806" s="8">
        <v>2027</v>
      </c>
      <c r="J1806" t="s">
        <v>48</v>
      </c>
      <c r="K1806" s="10">
        <v>0</v>
      </c>
      <c r="L1806">
        <v>0</v>
      </c>
      <c r="M1806" s="10">
        <v>0</v>
      </c>
      <c r="N1806">
        <v>0</v>
      </c>
    </row>
    <row r="1807" spans="1:14" hidden="1">
      <c r="A1807" s="7" t="s">
        <v>10</v>
      </c>
      <c r="B1807" s="8"/>
      <c r="C1807" s="8"/>
      <c r="D1807" t="s">
        <v>77</v>
      </c>
      <c r="E1807" s="8" t="s">
        <v>24</v>
      </c>
      <c r="F1807" t="s">
        <v>64</v>
      </c>
      <c r="G1807" t="s">
        <v>78</v>
      </c>
      <c r="H1807" t="s">
        <v>64</v>
      </c>
      <c r="I1807" s="8">
        <v>2027</v>
      </c>
      <c r="J1807" t="s">
        <v>14</v>
      </c>
      <c r="K1807" s="10">
        <v>0</v>
      </c>
      <c r="L1807">
        <v>0</v>
      </c>
      <c r="M1807" s="10">
        <v>0</v>
      </c>
      <c r="N1807">
        <v>0</v>
      </c>
    </row>
    <row r="1808" spans="1:14" hidden="1">
      <c r="A1808" s="7" t="s">
        <v>10</v>
      </c>
      <c r="B1808" s="8"/>
      <c r="C1808" s="8"/>
      <c r="D1808" t="s">
        <v>77</v>
      </c>
      <c r="E1808" s="8" t="s">
        <v>24</v>
      </c>
      <c r="F1808" t="s">
        <v>64</v>
      </c>
      <c r="G1808" t="s">
        <v>78</v>
      </c>
      <c r="H1808" t="s">
        <v>64</v>
      </c>
      <c r="I1808" s="8">
        <v>2027</v>
      </c>
      <c r="J1808" t="s">
        <v>49</v>
      </c>
      <c r="K1808" s="10">
        <v>0</v>
      </c>
      <c r="L1808">
        <v>0</v>
      </c>
      <c r="M1808" s="10">
        <v>0</v>
      </c>
      <c r="N1808">
        <v>0</v>
      </c>
    </row>
    <row r="1809" spans="1:14" hidden="1">
      <c r="A1809" s="7" t="s">
        <v>10</v>
      </c>
      <c r="B1809" s="8"/>
      <c r="C1809" s="8"/>
      <c r="D1809" t="s">
        <v>77</v>
      </c>
      <c r="E1809" s="8" t="s">
        <v>24</v>
      </c>
      <c r="F1809" t="s">
        <v>64</v>
      </c>
      <c r="G1809" t="s">
        <v>79</v>
      </c>
      <c r="H1809" t="s">
        <v>64</v>
      </c>
      <c r="I1809" s="8">
        <v>2027</v>
      </c>
      <c r="J1809" t="s">
        <v>15</v>
      </c>
      <c r="K1809" s="10">
        <v>0</v>
      </c>
      <c r="L1809">
        <v>0</v>
      </c>
      <c r="M1809" s="10">
        <v>0</v>
      </c>
      <c r="N1809">
        <v>0</v>
      </c>
    </row>
    <row r="1810" spans="1:14" hidden="1">
      <c r="A1810" s="7" t="s">
        <v>10</v>
      </c>
      <c r="B1810" s="8"/>
      <c r="C1810" s="8"/>
      <c r="D1810" t="s">
        <v>77</v>
      </c>
      <c r="E1810" s="8" t="s">
        <v>24</v>
      </c>
      <c r="F1810" t="s">
        <v>64</v>
      </c>
      <c r="G1810" t="s">
        <v>79</v>
      </c>
      <c r="H1810" t="s">
        <v>64</v>
      </c>
      <c r="I1810" s="8">
        <v>2027</v>
      </c>
      <c r="J1810" t="s">
        <v>50</v>
      </c>
      <c r="K1810" s="10">
        <v>0</v>
      </c>
      <c r="L1810">
        <v>0</v>
      </c>
      <c r="M1810" s="10">
        <v>0</v>
      </c>
      <c r="N1810">
        <v>0</v>
      </c>
    </row>
    <row r="1811" spans="1:14" hidden="1">
      <c r="A1811" s="7" t="s">
        <v>10</v>
      </c>
      <c r="B1811" s="8"/>
      <c r="C1811" s="8"/>
      <c r="D1811" t="s">
        <v>77</v>
      </c>
      <c r="E1811" s="8" t="s">
        <v>24</v>
      </c>
      <c r="F1811" t="s">
        <v>64</v>
      </c>
      <c r="G1811" t="s">
        <v>19</v>
      </c>
      <c r="H1811" t="s">
        <v>64</v>
      </c>
      <c r="I1811" s="8">
        <v>2027</v>
      </c>
      <c r="J1811" t="s">
        <v>19</v>
      </c>
      <c r="K1811" s="10">
        <v>0</v>
      </c>
      <c r="L1811">
        <v>0</v>
      </c>
      <c r="M1811" s="10">
        <v>0</v>
      </c>
      <c r="N1811">
        <v>0</v>
      </c>
    </row>
    <row r="1812" spans="1:14" hidden="1">
      <c r="A1812" s="7" t="s">
        <v>10</v>
      </c>
      <c r="B1812" s="8"/>
      <c r="C1812" s="8"/>
      <c r="D1812" t="s">
        <v>77</v>
      </c>
      <c r="E1812" s="8" t="s">
        <v>24</v>
      </c>
      <c r="F1812" t="s">
        <v>64</v>
      </c>
      <c r="G1812" t="s">
        <v>78</v>
      </c>
      <c r="H1812" t="s">
        <v>64</v>
      </c>
      <c r="I1812" s="8">
        <v>2027</v>
      </c>
      <c r="J1812" t="s">
        <v>21</v>
      </c>
      <c r="K1812" s="10">
        <v>12378</v>
      </c>
      <c r="L1812">
        <v>0</v>
      </c>
      <c r="M1812" s="10">
        <v>12378</v>
      </c>
      <c r="N1812">
        <v>0</v>
      </c>
    </row>
    <row r="1813" spans="1:14" hidden="1">
      <c r="A1813" s="7" t="s">
        <v>10</v>
      </c>
      <c r="B1813" s="8"/>
      <c r="C1813" s="8"/>
      <c r="D1813" t="s">
        <v>77</v>
      </c>
      <c r="E1813" s="8" t="s">
        <v>24</v>
      </c>
      <c r="F1813" t="s">
        <v>64</v>
      </c>
      <c r="G1813" t="s">
        <v>78</v>
      </c>
      <c r="H1813" t="s">
        <v>64</v>
      </c>
      <c r="I1813" s="8">
        <v>2027</v>
      </c>
      <c r="J1813" t="s">
        <v>51</v>
      </c>
      <c r="K1813" s="10">
        <v>2600</v>
      </c>
      <c r="L1813">
        <v>0</v>
      </c>
      <c r="M1813" s="10">
        <v>2600</v>
      </c>
      <c r="N1813">
        <v>0</v>
      </c>
    </row>
    <row r="1814" spans="1:14" hidden="1">
      <c r="A1814" s="7" t="s">
        <v>10</v>
      </c>
      <c r="B1814" s="8"/>
      <c r="C1814" s="8"/>
      <c r="D1814" t="s">
        <v>77</v>
      </c>
      <c r="E1814" s="8" t="s">
        <v>24</v>
      </c>
      <c r="F1814" t="s">
        <v>64</v>
      </c>
      <c r="G1814" t="s">
        <v>78</v>
      </c>
      <c r="H1814" t="s">
        <v>64</v>
      </c>
      <c r="I1814" s="8">
        <v>2028</v>
      </c>
      <c r="J1814" t="s">
        <v>47</v>
      </c>
      <c r="K1814" s="10">
        <v>0</v>
      </c>
      <c r="L1814">
        <v>0</v>
      </c>
      <c r="M1814" s="10">
        <v>0</v>
      </c>
      <c r="N1814">
        <v>0</v>
      </c>
    </row>
    <row r="1815" spans="1:14" hidden="1">
      <c r="A1815" s="7" t="s">
        <v>10</v>
      </c>
      <c r="B1815" s="8"/>
      <c r="C1815" s="8"/>
      <c r="D1815" t="s">
        <v>77</v>
      </c>
      <c r="E1815" s="8" t="s">
        <v>24</v>
      </c>
      <c r="F1815" t="s">
        <v>64</v>
      </c>
      <c r="G1815" t="s">
        <v>78</v>
      </c>
      <c r="H1815" t="s">
        <v>64</v>
      </c>
      <c r="I1815" s="8">
        <v>2028</v>
      </c>
      <c r="J1815" t="s">
        <v>48</v>
      </c>
      <c r="K1815" s="10">
        <v>0</v>
      </c>
      <c r="L1815">
        <v>0</v>
      </c>
      <c r="M1815" s="10">
        <v>0</v>
      </c>
      <c r="N1815">
        <v>0</v>
      </c>
    </row>
    <row r="1816" spans="1:14" hidden="1">
      <c r="A1816" s="7" t="s">
        <v>10</v>
      </c>
      <c r="B1816" s="8"/>
      <c r="C1816" s="8"/>
      <c r="D1816" t="s">
        <v>77</v>
      </c>
      <c r="E1816" s="8" t="s">
        <v>24</v>
      </c>
      <c r="F1816" t="s">
        <v>64</v>
      </c>
      <c r="G1816" t="s">
        <v>78</v>
      </c>
      <c r="H1816" t="s">
        <v>64</v>
      </c>
      <c r="I1816" s="8">
        <v>2028</v>
      </c>
      <c r="J1816" t="s">
        <v>14</v>
      </c>
      <c r="K1816" s="10">
        <v>0</v>
      </c>
      <c r="L1816">
        <v>0</v>
      </c>
      <c r="M1816" s="10">
        <v>0</v>
      </c>
      <c r="N1816">
        <v>0</v>
      </c>
    </row>
    <row r="1817" spans="1:14" hidden="1">
      <c r="A1817" s="7" t="s">
        <v>10</v>
      </c>
      <c r="B1817" s="8"/>
      <c r="C1817" s="8"/>
      <c r="D1817" t="s">
        <v>77</v>
      </c>
      <c r="E1817" s="8" t="s">
        <v>24</v>
      </c>
      <c r="F1817" t="s">
        <v>64</v>
      </c>
      <c r="G1817" t="s">
        <v>78</v>
      </c>
      <c r="H1817" t="s">
        <v>64</v>
      </c>
      <c r="I1817" s="8">
        <v>2028</v>
      </c>
      <c r="J1817" t="s">
        <v>49</v>
      </c>
      <c r="K1817" s="10">
        <v>0</v>
      </c>
      <c r="L1817">
        <v>0</v>
      </c>
      <c r="M1817" s="10">
        <v>0</v>
      </c>
      <c r="N1817">
        <v>0</v>
      </c>
    </row>
    <row r="1818" spans="1:14" hidden="1">
      <c r="A1818" s="7" t="s">
        <v>10</v>
      </c>
      <c r="B1818" s="8"/>
      <c r="C1818" s="8"/>
      <c r="D1818" t="s">
        <v>77</v>
      </c>
      <c r="E1818" s="8" t="s">
        <v>24</v>
      </c>
      <c r="F1818" t="s">
        <v>64</v>
      </c>
      <c r="G1818" t="s">
        <v>79</v>
      </c>
      <c r="H1818" t="s">
        <v>64</v>
      </c>
      <c r="I1818" s="8">
        <v>2028</v>
      </c>
      <c r="J1818" t="s">
        <v>15</v>
      </c>
      <c r="K1818" s="10">
        <v>0</v>
      </c>
      <c r="L1818">
        <v>0</v>
      </c>
      <c r="M1818" s="10">
        <v>0</v>
      </c>
      <c r="N1818">
        <v>0</v>
      </c>
    </row>
    <row r="1819" spans="1:14" hidden="1">
      <c r="A1819" s="7" t="s">
        <v>10</v>
      </c>
      <c r="B1819" s="8"/>
      <c r="C1819" s="8"/>
      <c r="D1819" t="s">
        <v>77</v>
      </c>
      <c r="E1819" s="8" t="s">
        <v>24</v>
      </c>
      <c r="F1819" t="s">
        <v>64</v>
      </c>
      <c r="G1819" t="s">
        <v>79</v>
      </c>
      <c r="H1819" t="s">
        <v>64</v>
      </c>
      <c r="I1819" s="8">
        <v>2028</v>
      </c>
      <c r="J1819" t="s">
        <v>50</v>
      </c>
      <c r="K1819" s="10">
        <v>0</v>
      </c>
      <c r="L1819">
        <v>0</v>
      </c>
      <c r="M1819" s="10">
        <v>0</v>
      </c>
      <c r="N1819">
        <v>0</v>
      </c>
    </row>
    <row r="1820" spans="1:14" hidden="1">
      <c r="A1820" s="7" t="s">
        <v>10</v>
      </c>
      <c r="B1820" s="8"/>
      <c r="C1820" s="8"/>
      <c r="D1820" t="s">
        <v>77</v>
      </c>
      <c r="E1820" s="8" t="s">
        <v>24</v>
      </c>
      <c r="F1820" t="s">
        <v>64</v>
      </c>
      <c r="G1820" t="s">
        <v>19</v>
      </c>
      <c r="H1820" t="s">
        <v>64</v>
      </c>
      <c r="I1820" s="8">
        <v>2028</v>
      </c>
      <c r="J1820" t="s">
        <v>19</v>
      </c>
      <c r="K1820" s="10">
        <v>0</v>
      </c>
      <c r="L1820">
        <v>0</v>
      </c>
      <c r="M1820" s="10">
        <v>0</v>
      </c>
      <c r="N1820">
        <v>0</v>
      </c>
    </row>
    <row r="1821" spans="1:14" hidden="1">
      <c r="A1821" s="7" t="s">
        <v>10</v>
      </c>
      <c r="B1821" s="8"/>
      <c r="C1821" s="8"/>
      <c r="D1821" t="s">
        <v>77</v>
      </c>
      <c r="E1821" s="8" t="s">
        <v>24</v>
      </c>
      <c r="F1821" t="s">
        <v>64</v>
      </c>
      <c r="G1821" t="s">
        <v>78</v>
      </c>
      <c r="H1821" t="s">
        <v>64</v>
      </c>
      <c r="I1821" s="8">
        <v>2028</v>
      </c>
      <c r="J1821" t="s">
        <v>21</v>
      </c>
      <c r="K1821" s="10">
        <v>13894</v>
      </c>
      <c r="L1821">
        <v>0</v>
      </c>
      <c r="M1821" s="10">
        <v>13894</v>
      </c>
      <c r="N1821">
        <v>0</v>
      </c>
    </row>
    <row r="1822" spans="1:14" hidden="1">
      <c r="A1822" s="7" t="s">
        <v>10</v>
      </c>
      <c r="B1822" s="8"/>
      <c r="C1822" s="8"/>
      <c r="D1822" t="s">
        <v>77</v>
      </c>
      <c r="E1822" s="8" t="s">
        <v>24</v>
      </c>
      <c r="F1822" t="s">
        <v>64</v>
      </c>
      <c r="G1822" t="s">
        <v>78</v>
      </c>
      <c r="H1822" t="s">
        <v>64</v>
      </c>
      <c r="I1822" s="8">
        <v>2028</v>
      </c>
      <c r="J1822" t="s">
        <v>51</v>
      </c>
      <c r="K1822" s="10">
        <v>2600</v>
      </c>
      <c r="L1822">
        <v>0</v>
      </c>
      <c r="M1822" s="10">
        <v>2600</v>
      </c>
      <c r="N1822">
        <v>0</v>
      </c>
    </row>
    <row r="1823" spans="1:14" hidden="1">
      <c r="A1823" s="7" t="s">
        <v>10</v>
      </c>
      <c r="B1823" s="8"/>
      <c r="C1823" s="8"/>
      <c r="D1823" t="s">
        <v>77</v>
      </c>
      <c r="E1823" s="8" t="s">
        <v>24</v>
      </c>
      <c r="F1823" t="s">
        <v>64</v>
      </c>
      <c r="G1823" t="s">
        <v>78</v>
      </c>
      <c r="H1823" t="s">
        <v>64</v>
      </c>
      <c r="I1823" s="8">
        <v>2029</v>
      </c>
      <c r="J1823" t="s">
        <v>47</v>
      </c>
      <c r="K1823" s="10">
        <v>0</v>
      </c>
      <c r="L1823">
        <v>0</v>
      </c>
      <c r="M1823" s="10">
        <v>0</v>
      </c>
      <c r="N1823">
        <v>0</v>
      </c>
    </row>
    <row r="1824" spans="1:14" hidden="1">
      <c r="A1824" s="7" t="s">
        <v>10</v>
      </c>
      <c r="B1824" s="8"/>
      <c r="C1824" s="8"/>
      <c r="D1824" t="s">
        <v>77</v>
      </c>
      <c r="E1824" s="8" t="s">
        <v>24</v>
      </c>
      <c r="F1824" t="s">
        <v>64</v>
      </c>
      <c r="G1824" t="s">
        <v>78</v>
      </c>
      <c r="H1824" t="s">
        <v>64</v>
      </c>
      <c r="I1824" s="8">
        <v>2029</v>
      </c>
      <c r="J1824" t="s">
        <v>48</v>
      </c>
      <c r="K1824" s="10">
        <v>0</v>
      </c>
      <c r="L1824">
        <v>0</v>
      </c>
      <c r="M1824" s="10">
        <v>0</v>
      </c>
      <c r="N1824">
        <v>0</v>
      </c>
    </row>
    <row r="1825" spans="1:14" hidden="1">
      <c r="A1825" s="7" t="s">
        <v>10</v>
      </c>
      <c r="B1825" s="8"/>
      <c r="C1825" s="8"/>
      <c r="D1825" t="s">
        <v>77</v>
      </c>
      <c r="E1825" s="8" t="s">
        <v>24</v>
      </c>
      <c r="F1825" t="s">
        <v>64</v>
      </c>
      <c r="G1825" t="s">
        <v>78</v>
      </c>
      <c r="H1825" t="s">
        <v>64</v>
      </c>
      <c r="I1825" s="8">
        <v>2029</v>
      </c>
      <c r="J1825" t="s">
        <v>14</v>
      </c>
      <c r="K1825" s="10">
        <v>0</v>
      </c>
      <c r="L1825">
        <v>0</v>
      </c>
      <c r="M1825" s="10">
        <v>0</v>
      </c>
      <c r="N1825">
        <v>0</v>
      </c>
    </row>
    <row r="1826" spans="1:14" hidden="1">
      <c r="A1826" s="7" t="s">
        <v>10</v>
      </c>
      <c r="B1826" s="8"/>
      <c r="C1826" s="8"/>
      <c r="D1826" t="s">
        <v>77</v>
      </c>
      <c r="E1826" s="8" t="s">
        <v>24</v>
      </c>
      <c r="F1826" t="s">
        <v>64</v>
      </c>
      <c r="G1826" t="s">
        <v>78</v>
      </c>
      <c r="H1826" t="s">
        <v>64</v>
      </c>
      <c r="I1826" s="8">
        <v>2029</v>
      </c>
      <c r="J1826" t="s">
        <v>49</v>
      </c>
      <c r="K1826" s="10">
        <v>0</v>
      </c>
      <c r="L1826">
        <v>0</v>
      </c>
      <c r="M1826" s="10">
        <v>0</v>
      </c>
      <c r="N1826">
        <v>0</v>
      </c>
    </row>
    <row r="1827" spans="1:14" hidden="1">
      <c r="A1827" s="7" t="s">
        <v>10</v>
      </c>
      <c r="B1827" s="8"/>
      <c r="C1827" s="8"/>
      <c r="D1827" t="s">
        <v>77</v>
      </c>
      <c r="E1827" s="8" t="s">
        <v>24</v>
      </c>
      <c r="F1827" t="s">
        <v>64</v>
      </c>
      <c r="G1827" t="s">
        <v>79</v>
      </c>
      <c r="H1827" t="s">
        <v>64</v>
      </c>
      <c r="I1827" s="8">
        <v>2029</v>
      </c>
      <c r="J1827" t="s">
        <v>15</v>
      </c>
      <c r="K1827" s="10">
        <v>0</v>
      </c>
      <c r="L1827">
        <v>0</v>
      </c>
      <c r="M1827" s="10">
        <v>0</v>
      </c>
      <c r="N1827">
        <v>0</v>
      </c>
    </row>
    <row r="1828" spans="1:14" hidden="1">
      <c r="A1828" s="7" t="s">
        <v>10</v>
      </c>
      <c r="B1828" s="8"/>
      <c r="C1828" s="8"/>
      <c r="D1828" t="s">
        <v>77</v>
      </c>
      <c r="E1828" s="8" t="s">
        <v>24</v>
      </c>
      <c r="F1828" t="s">
        <v>64</v>
      </c>
      <c r="G1828" t="s">
        <v>79</v>
      </c>
      <c r="H1828" t="s">
        <v>64</v>
      </c>
      <c r="I1828" s="8">
        <v>2029</v>
      </c>
      <c r="J1828" t="s">
        <v>50</v>
      </c>
      <c r="K1828" s="10">
        <v>0</v>
      </c>
      <c r="L1828">
        <v>0</v>
      </c>
      <c r="M1828" s="10">
        <v>0</v>
      </c>
      <c r="N1828">
        <v>0</v>
      </c>
    </row>
    <row r="1829" spans="1:14" hidden="1">
      <c r="A1829" s="7" t="s">
        <v>10</v>
      </c>
      <c r="B1829" s="8"/>
      <c r="C1829" s="8"/>
      <c r="D1829" t="s">
        <v>77</v>
      </c>
      <c r="E1829" s="8" t="s">
        <v>24</v>
      </c>
      <c r="F1829" t="s">
        <v>64</v>
      </c>
      <c r="G1829" t="s">
        <v>19</v>
      </c>
      <c r="H1829" t="s">
        <v>64</v>
      </c>
      <c r="I1829" s="8">
        <v>2029</v>
      </c>
      <c r="J1829" t="s">
        <v>19</v>
      </c>
      <c r="K1829" s="10">
        <v>0</v>
      </c>
      <c r="L1829">
        <v>0</v>
      </c>
      <c r="M1829" s="10">
        <v>0</v>
      </c>
      <c r="N1829">
        <v>0</v>
      </c>
    </row>
    <row r="1830" spans="1:14" hidden="1">
      <c r="A1830" s="7" t="s">
        <v>10</v>
      </c>
      <c r="B1830" s="8"/>
      <c r="C1830" s="8"/>
      <c r="D1830" t="s">
        <v>77</v>
      </c>
      <c r="E1830" s="8" t="s">
        <v>24</v>
      </c>
      <c r="F1830" t="s">
        <v>64</v>
      </c>
      <c r="G1830" t="s">
        <v>78</v>
      </c>
      <c r="H1830" t="s">
        <v>64</v>
      </c>
      <c r="I1830" s="8">
        <v>2029</v>
      </c>
      <c r="J1830" t="s">
        <v>21</v>
      </c>
      <c r="K1830" s="10">
        <v>15559</v>
      </c>
      <c r="L1830">
        <v>0</v>
      </c>
      <c r="M1830" s="10">
        <v>15559</v>
      </c>
      <c r="N1830">
        <v>0</v>
      </c>
    </row>
    <row r="1831" spans="1:14" hidden="1">
      <c r="A1831" s="7" t="s">
        <v>10</v>
      </c>
      <c r="B1831" s="8"/>
      <c r="C1831" s="8"/>
      <c r="D1831" t="s">
        <v>77</v>
      </c>
      <c r="E1831" s="8" t="s">
        <v>24</v>
      </c>
      <c r="F1831" t="s">
        <v>64</v>
      </c>
      <c r="G1831" t="s">
        <v>78</v>
      </c>
      <c r="H1831" t="s">
        <v>64</v>
      </c>
      <c r="I1831" s="8">
        <v>2029</v>
      </c>
      <c r="J1831" t="s">
        <v>51</v>
      </c>
      <c r="K1831" s="10">
        <v>2600</v>
      </c>
      <c r="L1831">
        <v>0</v>
      </c>
      <c r="M1831" s="10">
        <v>2600</v>
      </c>
      <c r="N1831">
        <v>0</v>
      </c>
    </row>
    <row r="1832" spans="1:14" hidden="1">
      <c r="A1832" s="7" t="s">
        <v>10</v>
      </c>
      <c r="B1832" s="8"/>
      <c r="C1832" s="8"/>
      <c r="D1832" t="s">
        <v>77</v>
      </c>
      <c r="E1832" s="8" t="s">
        <v>24</v>
      </c>
      <c r="F1832" t="s">
        <v>64</v>
      </c>
      <c r="G1832" t="s">
        <v>78</v>
      </c>
      <c r="H1832" t="s">
        <v>64</v>
      </c>
      <c r="I1832" s="8">
        <v>2030</v>
      </c>
      <c r="J1832" t="s">
        <v>47</v>
      </c>
      <c r="K1832" s="10">
        <v>0</v>
      </c>
      <c r="L1832">
        <v>0</v>
      </c>
      <c r="M1832" s="10">
        <v>0</v>
      </c>
      <c r="N1832">
        <v>0</v>
      </c>
    </row>
    <row r="1833" spans="1:14" hidden="1">
      <c r="A1833" s="7" t="s">
        <v>10</v>
      </c>
      <c r="B1833" s="8"/>
      <c r="C1833" s="8"/>
      <c r="D1833" t="s">
        <v>77</v>
      </c>
      <c r="E1833" s="8" t="s">
        <v>24</v>
      </c>
      <c r="F1833" t="s">
        <v>64</v>
      </c>
      <c r="G1833" t="s">
        <v>78</v>
      </c>
      <c r="H1833" t="s">
        <v>64</v>
      </c>
      <c r="I1833" s="8">
        <v>2030</v>
      </c>
      <c r="J1833" t="s">
        <v>48</v>
      </c>
      <c r="K1833" s="10">
        <v>0</v>
      </c>
      <c r="L1833">
        <v>0</v>
      </c>
      <c r="M1833" s="10">
        <v>0</v>
      </c>
      <c r="N1833">
        <v>0</v>
      </c>
    </row>
    <row r="1834" spans="1:14" hidden="1">
      <c r="A1834" s="7" t="s">
        <v>10</v>
      </c>
      <c r="B1834" s="8"/>
      <c r="C1834" s="8"/>
      <c r="D1834" t="s">
        <v>77</v>
      </c>
      <c r="E1834" s="8" t="s">
        <v>24</v>
      </c>
      <c r="F1834" t="s">
        <v>64</v>
      </c>
      <c r="G1834" t="s">
        <v>78</v>
      </c>
      <c r="H1834" t="s">
        <v>64</v>
      </c>
      <c r="I1834" s="8">
        <v>2030</v>
      </c>
      <c r="J1834" t="s">
        <v>14</v>
      </c>
      <c r="K1834" s="10">
        <v>0</v>
      </c>
      <c r="L1834">
        <v>0</v>
      </c>
      <c r="M1834" s="10">
        <v>0</v>
      </c>
      <c r="N1834">
        <v>0</v>
      </c>
    </row>
    <row r="1835" spans="1:14" hidden="1">
      <c r="A1835" s="7" t="s">
        <v>10</v>
      </c>
      <c r="B1835" s="8"/>
      <c r="C1835" s="8"/>
      <c r="D1835" t="s">
        <v>77</v>
      </c>
      <c r="E1835" s="8" t="s">
        <v>24</v>
      </c>
      <c r="F1835" t="s">
        <v>64</v>
      </c>
      <c r="G1835" t="s">
        <v>78</v>
      </c>
      <c r="H1835" t="s">
        <v>64</v>
      </c>
      <c r="I1835" s="8">
        <v>2030</v>
      </c>
      <c r="J1835" t="s">
        <v>49</v>
      </c>
      <c r="K1835" s="10">
        <v>0</v>
      </c>
      <c r="L1835">
        <v>0</v>
      </c>
      <c r="M1835" s="10">
        <v>0</v>
      </c>
      <c r="N1835">
        <v>0</v>
      </c>
    </row>
    <row r="1836" spans="1:14" hidden="1">
      <c r="A1836" s="7" t="s">
        <v>10</v>
      </c>
      <c r="B1836" s="8"/>
      <c r="C1836" s="8"/>
      <c r="D1836" t="s">
        <v>77</v>
      </c>
      <c r="E1836" s="8" t="s">
        <v>24</v>
      </c>
      <c r="F1836" t="s">
        <v>64</v>
      </c>
      <c r="G1836" t="s">
        <v>79</v>
      </c>
      <c r="H1836" t="s">
        <v>64</v>
      </c>
      <c r="I1836" s="8">
        <v>2030</v>
      </c>
      <c r="J1836" t="s">
        <v>15</v>
      </c>
      <c r="K1836" s="10">
        <v>0</v>
      </c>
      <c r="L1836">
        <v>0</v>
      </c>
      <c r="M1836" s="10">
        <v>0</v>
      </c>
      <c r="N1836">
        <v>0</v>
      </c>
    </row>
    <row r="1837" spans="1:14" hidden="1">
      <c r="A1837" s="7" t="s">
        <v>10</v>
      </c>
      <c r="B1837" s="8"/>
      <c r="C1837" s="8"/>
      <c r="D1837" t="s">
        <v>77</v>
      </c>
      <c r="E1837" s="8" t="s">
        <v>24</v>
      </c>
      <c r="F1837" t="s">
        <v>64</v>
      </c>
      <c r="G1837" t="s">
        <v>79</v>
      </c>
      <c r="H1837" t="s">
        <v>64</v>
      </c>
      <c r="I1837" s="8">
        <v>2030</v>
      </c>
      <c r="J1837" t="s">
        <v>50</v>
      </c>
      <c r="K1837" s="10">
        <v>0</v>
      </c>
      <c r="L1837">
        <v>0</v>
      </c>
      <c r="M1837" s="10">
        <v>0</v>
      </c>
      <c r="N1837">
        <v>0</v>
      </c>
    </row>
    <row r="1838" spans="1:14" hidden="1">
      <c r="A1838" s="7" t="s">
        <v>10</v>
      </c>
      <c r="B1838" s="8"/>
      <c r="C1838" s="8"/>
      <c r="D1838" t="s">
        <v>77</v>
      </c>
      <c r="E1838" s="8" t="s">
        <v>24</v>
      </c>
      <c r="F1838" t="s">
        <v>64</v>
      </c>
      <c r="G1838" t="s">
        <v>19</v>
      </c>
      <c r="H1838" t="s">
        <v>64</v>
      </c>
      <c r="I1838" s="8">
        <v>2030</v>
      </c>
      <c r="J1838" t="s">
        <v>19</v>
      </c>
      <c r="K1838" s="10">
        <v>0</v>
      </c>
      <c r="L1838">
        <v>0</v>
      </c>
      <c r="M1838" s="10">
        <v>0</v>
      </c>
      <c r="N1838">
        <v>0</v>
      </c>
    </row>
    <row r="1839" spans="1:14" hidden="1">
      <c r="A1839" s="7" t="s">
        <v>10</v>
      </c>
      <c r="B1839" s="8"/>
      <c r="C1839" s="8"/>
      <c r="D1839" t="s">
        <v>77</v>
      </c>
      <c r="E1839" s="8" t="s">
        <v>24</v>
      </c>
      <c r="F1839" t="s">
        <v>64</v>
      </c>
      <c r="G1839" t="s">
        <v>78</v>
      </c>
      <c r="H1839" t="s">
        <v>64</v>
      </c>
      <c r="I1839" s="8">
        <v>2030</v>
      </c>
      <c r="J1839" t="s">
        <v>21</v>
      </c>
      <c r="K1839" s="10">
        <v>15716</v>
      </c>
      <c r="L1839">
        <v>0</v>
      </c>
      <c r="M1839" s="10">
        <v>15716</v>
      </c>
      <c r="N1839">
        <v>0</v>
      </c>
    </row>
    <row r="1840" spans="1:14" hidden="1">
      <c r="A1840" s="7" t="s">
        <v>10</v>
      </c>
      <c r="B1840" s="8"/>
      <c r="C1840" s="8"/>
      <c r="D1840" t="s">
        <v>77</v>
      </c>
      <c r="E1840" s="8" t="s">
        <v>24</v>
      </c>
      <c r="F1840" t="s">
        <v>64</v>
      </c>
      <c r="G1840" t="s">
        <v>78</v>
      </c>
      <c r="H1840" t="s">
        <v>64</v>
      </c>
      <c r="I1840" s="8">
        <v>2030</v>
      </c>
      <c r="J1840" t="s">
        <v>51</v>
      </c>
      <c r="K1840" s="10">
        <v>2600</v>
      </c>
      <c r="L1840">
        <v>0</v>
      </c>
      <c r="M1840" s="10">
        <v>2600</v>
      </c>
      <c r="N1840">
        <v>0</v>
      </c>
    </row>
    <row r="1841" spans="1:14" hidden="1">
      <c r="A1841" s="7" t="s">
        <v>10</v>
      </c>
      <c r="B1841" s="8"/>
      <c r="C1841" s="8"/>
      <c r="D1841" t="s">
        <v>77</v>
      </c>
      <c r="E1841" s="8" t="s">
        <v>24</v>
      </c>
      <c r="F1841" t="s">
        <v>64</v>
      </c>
      <c r="G1841" t="s">
        <v>78</v>
      </c>
      <c r="H1841" t="s">
        <v>64</v>
      </c>
      <c r="I1841" s="8">
        <v>2031</v>
      </c>
      <c r="J1841" t="s">
        <v>47</v>
      </c>
      <c r="K1841" s="10">
        <v>0</v>
      </c>
      <c r="L1841">
        <v>0</v>
      </c>
      <c r="M1841" s="10">
        <v>0</v>
      </c>
      <c r="N1841">
        <v>0</v>
      </c>
    </row>
    <row r="1842" spans="1:14" hidden="1">
      <c r="A1842" s="7" t="s">
        <v>10</v>
      </c>
      <c r="B1842" s="8"/>
      <c r="C1842" s="8"/>
      <c r="D1842" t="s">
        <v>77</v>
      </c>
      <c r="E1842" s="8" t="s">
        <v>24</v>
      </c>
      <c r="F1842" t="s">
        <v>64</v>
      </c>
      <c r="G1842" t="s">
        <v>78</v>
      </c>
      <c r="H1842" t="s">
        <v>64</v>
      </c>
      <c r="I1842" s="8">
        <v>2031</v>
      </c>
      <c r="J1842" t="s">
        <v>48</v>
      </c>
      <c r="K1842" s="10">
        <v>0</v>
      </c>
      <c r="L1842">
        <v>0</v>
      </c>
      <c r="M1842" s="10">
        <v>0</v>
      </c>
      <c r="N1842">
        <v>0</v>
      </c>
    </row>
    <row r="1843" spans="1:14" hidden="1">
      <c r="A1843" s="7" t="s">
        <v>10</v>
      </c>
      <c r="B1843" s="8"/>
      <c r="C1843" s="8"/>
      <c r="D1843" t="s">
        <v>77</v>
      </c>
      <c r="E1843" s="8" t="s">
        <v>24</v>
      </c>
      <c r="F1843" t="s">
        <v>64</v>
      </c>
      <c r="G1843" t="s">
        <v>78</v>
      </c>
      <c r="H1843" t="s">
        <v>64</v>
      </c>
      <c r="I1843" s="8">
        <v>2031</v>
      </c>
      <c r="J1843" t="s">
        <v>14</v>
      </c>
      <c r="K1843" s="10">
        <v>0</v>
      </c>
      <c r="L1843">
        <v>0</v>
      </c>
      <c r="M1843" s="10">
        <v>0</v>
      </c>
      <c r="N1843">
        <v>0</v>
      </c>
    </row>
    <row r="1844" spans="1:14" hidden="1">
      <c r="A1844" s="7" t="s">
        <v>10</v>
      </c>
      <c r="B1844" s="8"/>
      <c r="C1844" s="8"/>
      <c r="D1844" t="s">
        <v>77</v>
      </c>
      <c r="E1844" s="8" t="s">
        <v>24</v>
      </c>
      <c r="F1844" t="s">
        <v>64</v>
      </c>
      <c r="G1844" t="s">
        <v>78</v>
      </c>
      <c r="H1844" t="s">
        <v>64</v>
      </c>
      <c r="I1844" s="8">
        <v>2031</v>
      </c>
      <c r="J1844" t="s">
        <v>49</v>
      </c>
      <c r="K1844" s="10">
        <v>0</v>
      </c>
      <c r="L1844">
        <v>0</v>
      </c>
      <c r="M1844" s="10">
        <v>0</v>
      </c>
      <c r="N1844">
        <v>0</v>
      </c>
    </row>
    <row r="1845" spans="1:14" hidden="1">
      <c r="A1845" s="7" t="s">
        <v>10</v>
      </c>
      <c r="B1845" s="8"/>
      <c r="C1845" s="8"/>
      <c r="D1845" t="s">
        <v>77</v>
      </c>
      <c r="E1845" s="8" t="s">
        <v>24</v>
      </c>
      <c r="F1845" t="s">
        <v>64</v>
      </c>
      <c r="G1845" t="s">
        <v>79</v>
      </c>
      <c r="H1845" t="s">
        <v>64</v>
      </c>
      <c r="I1845" s="8">
        <v>2031</v>
      </c>
      <c r="J1845" t="s">
        <v>15</v>
      </c>
      <c r="K1845" s="10">
        <v>0</v>
      </c>
      <c r="L1845">
        <v>0</v>
      </c>
      <c r="M1845" s="10">
        <v>0</v>
      </c>
      <c r="N1845">
        <v>0</v>
      </c>
    </row>
    <row r="1846" spans="1:14" hidden="1">
      <c r="A1846" s="7" t="s">
        <v>10</v>
      </c>
      <c r="B1846" s="8"/>
      <c r="C1846" s="8"/>
      <c r="D1846" t="s">
        <v>77</v>
      </c>
      <c r="E1846" s="8" t="s">
        <v>24</v>
      </c>
      <c r="F1846" t="s">
        <v>64</v>
      </c>
      <c r="G1846" t="s">
        <v>79</v>
      </c>
      <c r="H1846" t="s">
        <v>64</v>
      </c>
      <c r="I1846" s="8">
        <v>2031</v>
      </c>
      <c r="J1846" t="s">
        <v>50</v>
      </c>
      <c r="K1846" s="10">
        <v>0</v>
      </c>
      <c r="L1846">
        <v>0</v>
      </c>
      <c r="M1846" s="10">
        <v>0</v>
      </c>
      <c r="N1846">
        <v>0</v>
      </c>
    </row>
    <row r="1847" spans="1:14" hidden="1">
      <c r="A1847" s="7" t="s">
        <v>10</v>
      </c>
      <c r="B1847" s="8"/>
      <c r="C1847" s="8"/>
      <c r="D1847" t="s">
        <v>77</v>
      </c>
      <c r="E1847" s="8" t="s">
        <v>24</v>
      </c>
      <c r="F1847" t="s">
        <v>64</v>
      </c>
      <c r="G1847" t="s">
        <v>19</v>
      </c>
      <c r="H1847" t="s">
        <v>64</v>
      </c>
      <c r="I1847" s="8">
        <v>2031</v>
      </c>
      <c r="J1847" t="s">
        <v>19</v>
      </c>
      <c r="K1847" s="10">
        <v>0</v>
      </c>
      <c r="L1847">
        <v>0</v>
      </c>
      <c r="M1847" s="10">
        <v>0</v>
      </c>
      <c r="N1847">
        <v>0</v>
      </c>
    </row>
    <row r="1848" spans="1:14" hidden="1">
      <c r="A1848" s="7" t="s">
        <v>10</v>
      </c>
      <c r="B1848" s="8"/>
      <c r="C1848" s="8"/>
      <c r="D1848" t="s">
        <v>77</v>
      </c>
      <c r="E1848" s="8" t="s">
        <v>24</v>
      </c>
      <c r="F1848" t="s">
        <v>64</v>
      </c>
      <c r="G1848" t="s">
        <v>78</v>
      </c>
      <c r="H1848" t="s">
        <v>64</v>
      </c>
      <c r="I1848" s="8">
        <v>2031</v>
      </c>
      <c r="J1848" t="s">
        <v>21</v>
      </c>
      <c r="K1848" s="10">
        <v>15622</v>
      </c>
      <c r="L1848">
        <v>0</v>
      </c>
      <c r="M1848" s="10">
        <v>15622</v>
      </c>
      <c r="N1848">
        <v>0</v>
      </c>
    </row>
    <row r="1849" spans="1:14" hidden="1">
      <c r="A1849" s="7" t="s">
        <v>10</v>
      </c>
      <c r="B1849" s="8"/>
      <c r="C1849" s="8"/>
      <c r="D1849" t="s">
        <v>77</v>
      </c>
      <c r="E1849" s="8" t="s">
        <v>24</v>
      </c>
      <c r="F1849" t="s">
        <v>64</v>
      </c>
      <c r="G1849" t="s">
        <v>78</v>
      </c>
      <c r="H1849" t="s">
        <v>64</v>
      </c>
      <c r="I1849" s="8">
        <v>2031</v>
      </c>
      <c r="J1849" t="s">
        <v>51</v>
      </c>
      <c r="K1849" s="10">
        <v>2600</v>
      </c>
      <c r="L1849">
        <v>0</v>
      </c>
      <c r="M1849" s="10">
        <v>2600</v>
      </c>
      <c r="N1849">
        <v>0</v>
      </c>
    </row>
    <row r="1850" spans="1:14" hidden="1">
      <c r="A1850" s="7" t="s">
        <v>10</v>
      </c>
      <c r="B1850" s="8"/>
      <c r="C1850" s="8"/>
      <c r="D1850" t="s">
        <v>77</v>
      </c>
      <c r="E1850" s="8" t="s">
        <v>24</v>
      </c>
      <c r="F1850" t="s">
        <v>64</v>
      </c>
      <c r="G1850" t="s">
        <v>78</v>
      </c>
      <c r="H1850" t="s">
        <v>64</v>
      </c>
      <c r="I1850" s="8">
        <v>2032</v>
      </c>
      <c r="J1850" t="s">
        <v>47</v>
      </c>
      <c r="K1850" s="10">
        <v>0</v>
      </c>
      <c r="L1850">
        <v>0</v>
      </c>
      <c r="M1850" s="10">
        <v>0</v>
      </c>
      <c r="N1850">
        <v>0</v>
      </c>
    </row>
    <row r="1851" spans="1:14" hidden="1">
      <c r="A1851" s="7" t="s">
        <v>10</v>
      </c>
      <c r="B1851" s="8"/>
      <c r="C1851" s="8"/>
      <c r="D1851" t="s">
        <v>77</v>
      </c>
      <c r="E1851" s="8" t="s">
        <v>24</v>
      </c>
      <c r="F1851" t="s">
        <v>64</v>
      </c>
      <c r="G1851" t="s">
        <v>78</v>
      </c>
      <c r="H1851" t="s">
        <v>64</v>
      </c>
      <c r="I1851" s="8">
        <v>2032</v>
      </c>
      <c r="J1851" t="s">
        <v>48</v>
      </c>
      <c r="K1851" s="10">
        <v>0</v>
      </c>
      <c r="L1851">
        <v>0</v>
      </c>
      <c r="M1851" s="10">
        <v>0</v>
      </c>
      <c r="N1851">
        <v>0</v>
      </c>
    </row>
    <row r="1852" spans="1:14" hidden="1">
      <c r="A1852" s="7" t="s">
        <v>10</v>
      </c>
      <c r="B1852" s="8"/>
      <c r="C1852" s="8"/>
      <c r="D1852" t="s">
        <v>77</v>
      </c>
      <c r="E1852" s="8" t="s">
        <v>24</v>
      </c>
      <c r="F1852" t="s">
        <v>64</v>
      </c>
      <c r="G1852" t="s">
        <v>78</v>
      </c>
      <c r="H1852" t="s">
        <v>64</v>
      </c>
      <c r="I1852" s="8">
        <v>2032</v>
      </c>
      <c r="J1852" t="s">
        <v>14</v>
      </c>
      <c r="K1852" s="10">
        <v>0</v>
      </c>
      <c r="L1852">
        <v>0</v>
      </c>
      <c r="M1852" s="10">
        <v>0</v>
      </c>
      <c r="N1852">
        <v>0</v>
      </c>
    </row>
    <row r="1853" spans="1:14" hidden="1">
      <c r="A1853" s="7" t="s">
        <v>10</v>
      </c>
      <c r="B1853" s="8"/>
      <c r="C1853" s="8"/>
      <c r="D1853" t="s">
        <v>77</v>
      </c>
      <c r="E1853" s="8" t="s">
        <v>24</v>
      </c>
      <c r="F1853" t="s">
        <v>64</v>
      </c>
      <c r="G1853" t="s">
        <v>78</v>
      </c>
      <c r="H1853" t="s">
        <v>64</v>
      </c>
      <c r="I1853" s="8">
        <v>2032</v>
      </c>
      <c r="J1853" t="s">
        <v>49</v>
      </c>
      <c r="K1853" s="10">
        <v>0</v>
      </c>
      <c r="L1853">
        <v>0</v>
      </c>
      <c r="M1853" s="10">
        <v>0</v>
      </c>
      <c r="N1853">
        <v>0</v>
      </c>
    </row>
    <row r="1854" spans="1:14" hidden="1">
      <c r="A1854" s="7" t="s">
        <v>10</v>
      </c>
      <c r="B1854" s="8"/>
      <c r="C1854" s="8"/>
      <c r="D1854" t="s">
        <v>77</v>
      </c>
      <c r="E1854" s="8" t="s">
        <v>24</v>
      </c>
      <c r="F1854" t="s">
        <v>64</v>
      </c>
      <c r="G1854" t="s">
        <v>79</v>
      </c>
      <c r="H1854" t="s">
        <v>64</v>
      </c>
      <c r="I1854" s="8">
        <v>2032</v>
      </c>
      <c r="J1854" t="s">
        <v>15</v>
      </c>
      <c r="K1854" s="10">
        <v>0</v>
      </c>
      <c r="L1854">
        <v>0</v>
      </c>
      <c r="M1854" s="10">
        <v>0</v>
      </c>
      <c r="N1854">
        <v>0</v>
      </c>
    </row>
    <row r="1855" spans="1:14" hidden="1">
      <c r="A1855" s="7" t="s">
        <v>10</v>
      </c>
      <c r="B1855" s="8"/>
      <c r="C1855" s="8"/>
      <c r="D1855" t="s">
        <v>77</v>
      </c>
      <c r="E1855" s="8" t="s">
        <v>24</v>
      </c>
      <c r="F1855" t="s">
        <v>64</v>
      </c>
      <c r="G1855" t="s">
        <v>79</v>
      </c>
      <c r="H1855" t="s">
        <v>64</v>
      </c>
      <c r="I1855" s="8">
        <v>2032</v>
      </c>
      <c r="J1855" t="s">
        <v>50</v>
      </c>
      <c r="K1855" s="10">
        <v>0</v>
      </c>
      <c r="L1855">
        <v>0</v>
      </c>
      <c r="M1855" s="10">
        <v>0</v>
      </c>
      <c r="N1855">
        <v>0</v>
      </c>
    </row>
    <row r="1856" spans="1:14" hidden="1">
      <c r="A1856" s="7" t="s">
        <v>10</v>
      </c>
      <c r="B1856" s="8"/>
      <c r="C1856" s="8"/>
      <c r="D1856" t="s">
        <v>77</v>
      </c>
      <c r="E1856" s="8" t="s">
        <v>24</v>
      </c>
      <c r="F1856" t="s">
        <v>64</v>
      </c>
      <c r="G1856" t="s">
        <v>19</v>
      </c>
      <c r="H1856" t="s">
        <v>64</v>
      </c>
      <c r="I1856" s="8">
        <v>2032</v>
      </c>
      <c r="J1856" t="s">
        <v>19</v>
      </c>
      <c r="K1856" s="10">
        <v>0</v>
      </c>
      <c r="L1856">
        <v>0</v>
      </c>
      <c r="M1856" s="10">
        <v>0</v>
      </c>
      <c r="N1856">
        <v>0</v>
      </c>
    </row>
    <row r="1857" spans="1:14" hidden="1">
      <c r="A1857" s="7" t="s">
        <v>10</v>
      </c>
      <c r="B1857" s="8"/>
      <c r="C1857" s="8"/>
      <c r="D1857" t="s">
        <v>77</v>
      </c>
      <c r="E1857" s="8" t="s">
        <v>24</v>
      </c>
      <c r="F1857" t="s">
        <v>64</v>
      </c>
      <c r="G1857" t="s">
        <v>78</v>
      </c>
      <c r="H1857" t="s">
        <v>64</v>
      </c>
      <c r="I1857" s="8">
        <v>2032</v>
      </c>
      <c r="J1857" t="s">
        <v>21</v>
      </c>
      <c r="K1857" s="10">
        <v>15563</v>
      </c>
      <c r="L1857">
        <v>0</v>
      </c>
      <c r="M1857" s="10">
        <v>15563</v>
      </c>
      <c r="N1857">
        <v>0</v>
      </c>
    </row>
    <row r="1858" spans="1:14" hidden="1">
      <c r="A1858" s="7" t="s">
        <v>10</v>
      </c>
      <c r="B1858" s="8"/>
      <c r="C1858" s="8"/>
      <c r="D1858" t="s">
        <v>77</v>
      </c>
      <c r="E1858" s="8" t="s">
        <v>24</v>
      </c>
      <c r="F1858" t="s">
        <v>64</v>
      </c>
      <c r="G1858" t="s">
        <v>78</v>
      </c>
      <c r="H1858" t="s">
        <v>64</v>
      </c>
      <c r="I1858" s="8">
        <v>2032</v>
      </c>
      <c r="J1858" t="s">
        <v>51</v>
      </c>
      <c r="K1858" s="10">
        <v>2600</v>
      </c>
      <c r="L1858">
        <v>0</v>
      </c>
      <c r="M1858" s="10">
        <v>2600</v>
      </c>
      <c r="N1858">
        <v>0</v>
      </c>
    </row>
    <row r="1859" spans="1:14" hidden="1">
      <c r="A1859" s="7" t="s">
        <v>10</v>
      </c>
      <c r="B1859" s="8"/>
      <c r="C1859" s="8"/>
      <c r="D1859" t="s">
        <v>77</v>
      </c>
      <c r="E1859" s="8" t="s">
        <v>24</v>
      </c>
      <c r="F1859" t="s">
        <v>64</v>
      </c>
      <c r="G1859" t="s">
        <v>78</v>
      </c>
      <c r="H1859" t="s">
        <v>64</v>
      </c>
      <c r="I1859" s="8">
        <v>2033</v>
      </c>
      <c r="J1859" t="s">
        <v>47</v>
      </c>
      <c r="K1859" s="10">
        <v>0</v>
      </c>
      <c r="L1859">
        <v>0</v>
      </c>
      <c r="M1859" s="10">
        <v>0</v>
      </c>
      <c r="N1859">
        <v>0</v>
      </c>
    </row>
    <row r="1860" spans="1:14" hidden="1">
      <c r="A1860" s="7" t="s">
        <v>10</v>
      </c>
      <c r="B1860" s="8"/>
      <c r="C1860" s="8"/>
      <c r="D1860" t="s">
        <v>77</v>
      </c>
      <c r="E1860" s="8" t="s">
        <v>24</v>
      </c>
      <c r="F1860" t="s">
        <v>64</v>
      </c>
      <c r="G1860" t="s">
        <v>78</v>
      </c>
      <c r="H1860" t="s">
        <v>64</v>
      </c>
      <c r="I1860" s="8">
        <v>2033</v>
      </c>
      <c r="J1860" t="s">
        <v>48</v>
      </c>
      <c r="K1860" s="10">
        <v>0</v>
      </c>
      <c r="L1860">
        <v>0</v>
      </c>
      <c r="M1860" s="10">
        <v>0</v>
      </c>
      <c r="N1860">
        <v>0</v>
      </c>
    </row>
    <row r="1861" spans="1:14" hidden="1">
      <c r="A1861" s="7" t="s">
        <v>10</v>
      </c>
      <c r="B1861" s="8"/>
      <c r="C1861" s="8"/>
      <c r="D1861" t="s">
        <v>77</v>
      </c>
      <c r="E1861" s="8" t="s">
        <v>24</v>
      </c>
      <c r="F1861" t="s">
        <v>64</v>
      </c>
      <c r="G1861" t="s">
        <v>78</v>
      </c>
      <c r="H1861" t="s">
        <v>64</v>
      </c>
      <c r="I1861" s="8">
        <v>2033</v>
      </c>
      <c r="J1861" t="s">
        <v>14</v>
      </c>
      <c r="K1861" s="10">
        <v>0</v>
      </c>
      <c r="L1861">
        <v>0</v>
      </c>
      <c r="M1861" s="10">
        <v>0</v>
      </c>
      <c r="N1861">
        <v>0</v>
      </c>
    </row>
    <row r="1862" spans="1:14" hidden="1">
      <c r="A1862" s="7" t="s">
        <v>10</v>
      </c>
      <c r="B1862" s="8"/>
      <c r="C1862" s="8"/>
      <c r="D1862" t="s">
        <v>77</v>
      </c>
      <c r="E1862" s="8" t="s">
        <v>24</v>
      </c>
      <c r="F1862" t="s">
        <v>64</v>
      </c>
      <c r="G1862" t="s">
        <v>78</v>
      </c>
      <c r="H1862" t="s">
        <v>64</v>
      </c>
      <c r="I1862" s="8">
        <v>2033</v>
      </c>
      <c r="J1862" t="s">
        <v>49</v>
      </c>
      <c r="K1862" s="10">
        <v>0</v>
      </c>
      <c r="L1862">
        <v>0</v>
      </c>
      <c r="M1862" s="10">
        <v>0</v>
      </c>
      <c r="N1862">
        <v>0</v>
      </c>
    </row>
    <row r="1863" spans="1:14" hidden="1">
      <c r="A1863" s="7" t="s">
        <v>10</v>
      </c>
      <c r="B1863" s="8"/>
      <c r="C1863" s="8"/>
      <c r="D1863" t="s">
        <v>77</v>
      </c>
      <c r="E1863" s="8" t="s">
        <v>24</v>
      </c>
      <c r="F1863" t="s">
        <v>64</v>
      </c>
      <c r="G1863" t="s">
        <v>79</v>
      </c>
      <c r="H1863" t="s">
        <v>64</v>
      </c>
      <c r="I1863" s="8">
        <v>2033</v>
      </c>
      <c r="J1863" t="s">
        <v>15</v>
      </c>
      <c r="K1863" s="10">
        <v>0</v>
      </c>
      <c r="L1863">
        <v>0</v>
      </c>
      <c r="M1863" s="10">
        <v>0</v>
      </c>
      <c r="N1863">
        <v>0</v>
      </c>
    </row>
    <row r="1864" spans="1:14" hidden="1">
      <c r="A1864" s="7" t="s">
        <v>10</v>
      </c>
      <c r="B1864" s="8"/>
      <c r="C1864" s="8"/>
      <c r="D1864" t="s">
        <v>77</v>
      </c>
      <c r="E1864" s="8" t="s">
        <v>24</v>
      </c>
      <c r="F1864" t="s">
        <v>64</v>
      </c>
      <c r="G1864" t="s">
        <v>79</v>
      </c>
      <c r="H1864" t="s">
        <v>64</v>
      </c>
      <c r="I1864" s="8">
        <v>2033</v>
      </c>
      <c r="J1864" t="s">
        <v>50</v>
      </c>
      <c r="K1864" s="10">
        <v>0</v>
      </c>
      <c r="L1864">
        <v>0</v>
      </c>
      <c r="M1864" s="10">
        <v>0</v>
      </c>
      <c r="N1864">
        <v>0</v>
      </c>
    </row>
    <row r="1865" spans="1:14" hidden="1">
      <c r="A1865" s="7" t="s">
        <v>10</v>
      </c>
      <c r="B1865" s="8"/>
      <c r="C1865" s="8"/>
      <c r="D1865" t="s">
        <v>77</v>
      </c>
      <c r="E1865" s="8" t="s">
        <v>24</v>
      </c>
      <c r="F1865" t="s">
        <v>64</v>
      </c>
      <c r="G1865" t="s">
        <v>19</v>
      </c>
      <c r="H1865" t="s">
        <v>64</v>
      </c>
      <c r="I1865" s="8">
        <v>2033</v>
      </c>
      <c r="J1865" t="s">
        <v>19</v>
      </c>
      <c r="K1865" s="10">
        <v>0</v>
      </c>
      <c r="L1865">
        <v>0</v>
      </c>
      <c r="M1865" s="10">
        <v>0</v>
      </c>
      <c r="N1865">
        <v>0</v>
      </c>
    </row>
    <row r="1866" spans="1:14" hidden="1">
      <c r="A1866" s="7" t="s">
        <v>10</v>
      </c>
      <c r="B1866" s="8"/>
      <c r="C1866" s="8"/>
      <c r="D1866" t="s">
        <v>77</v>
      </c>
      <c r="E1866" s="8" t="s">
        <v>24</v>
      </c>
      <c r="F1866" t="s">
        <v>64</v>
      </c>
      <c r="G1866" t="s">
        <v>78</v>
      </c>
      <c r="H1866" t="s">
        <v>64</v>
      </c>
      <c r="I1866" s="8">
        <v>2033</v>
      </c>
      <c r="J1866" t="s">
        <v>21</v>
      </c>
      <c r="K1866" s="10">
        <v>15516</v>
      </c>
      <c r="L1866">
        <v>0</v>
      </c>
      <c r="M1866" s="10">
        <v>15516</v>
      </c>
      <c r="N1866">
        <v>0</v>
      </c>
    </row>
    <row r="1867" spans="1:14" hidden="1">
      <c r="A1867" s="7" t="s">
        <v>10</v>
      </c>
      <c r="B1867" s="8"/>
      <c r="C1867" s="8"/>
      <c r="D1867" t="s">
        <v>77</v>
      </c>
      <c r="E1867" s="8" t="s">
        <v>24</v>
      </c>
      <c r="F1867" t="s">
        <v>64</v>
      </c>
      <c r="G1867" t="s">
        <v>78</v>
      </c>
      <c r="H1867" t="s">
        <v>64</v>
      </c>
      <c r="I1867" s="8">
        <v>2033</v>
      </c>
      <c r="J1867" t="s">
        <v>51</v>
      </c>
      <c r="K1867" s="10">
        <v>2600</v>
      </c>
      <c r="L1867">
        <v>0</v>
      </c>
      <c r="M1867" s="10">
        <v>2600</v>
      </c>
      <c r="N1867">
        <v>0</v>
      </c>
    </row>
    <row r="1868" spans="1:14" hidden="1">
      <c r="A1868" s="7" t="s">
        <v>10</v>
      </c>
      <c r="B1868" s="8"/>
      <c r="C1868" s="8"/>
      <c r="D1868" t="s">
        <v>77</v>
      </c>
      <c r="E1868" s="8" t="s">
        <v>31</v>
      </c>
      <c r="F1868" t="s">
        <v>64</v>
      </c>
      <c r="G1868" t="s">
        <v>78</v>
      </c>
      <c r="H1868" t="s">
        <v>64</v>
      </c>
      <c r="I1868" s="8">
        <v>2025</v>
      </c>
      <c r="J1868" t="s">
        <v>47</v>
      </c>
      <c r="K1868" s="10">
        <v>0</v>
      </c>
      <c r="L1868">
        <v>0</v>
      </c>
      <c r="M1868" s="10">
        <v>0</v>
      </c>
      <c r="N1868">
        <v>0</v>
      </c>
    </row>
    <row r="1869" spans="1:14" hidden="1">
      <c r="A1869" s="7" t="s">
        <v>10</v>
      </c>
      <c r="B1869" s="8"/>
      <c r="C1869" s="8"/>
      <c r="D1869" t="s">
        <v>77</v>
      </c>
      <c r="E1869" s="8" t="s">
        <v>31</v>
      </c>
      <c r="F1869" t="s">
        <v>64</v>
      </c>
      <c r="G1869" t="s">
        <v>78</v>
      </c>
      <c r="H1869" t="s">
        <v>64</v>
      </c>
      <c r="I1869" s="8">
        <v>2025</v>
      </c>
      <c r="J1869" t="s">
        <v>48</v>
      </c>
      <c r="K1869" s="10">
        <v>0</v>
      </c>
      <c r="L1869">
        <v>0</v>
      </c>
      <c r="M1869" s="10">
        <v>0</v>
      </c>
      <c r="N1869">
        <v>0</v>
      </c>
    </row>
    <row r="1870" spans="1:14" hidden="1">
      <c r="A1870" s="7" t="s">
        <v>10</v>
      </c>
      <c r="B1870" s="8"/>
      <c r="C1870" s="8"/>
      <c r="D1870" t="s">
        <v>77</v>
      </c>
      <c r="E1870" s="8" t="s">
        <v>31</v>
      </c>
      <c r="F1870" t="s">
        <v>64</v>
      </c>
      <c r="G1870" t="s">
        <v>78</v>
      </c>
      <c r="H1870" t="s">
        <v>64</v>
      </c>
      <c r="I1870" s="8">
        <v>2025</v>
      </c>
      <c r="J1870" t="s">
        <v>14</v>
      </c>
      <c r="K1870" s="10">
        <v>0</v>
      </c>
      <c r="L1870">
        <v>0</v>
      </c>
      <c r="M1870" s="10">
        <v>0</v>
      </c>
      <c r="N1870">
        <v>0</v>
      </c>
    </row>
    <row r="1871" spans="1:14" hidden="1">
      <c r="A1871" s="7" t="s">
        <v>10</v>
      </c>
      <c r="B1871" s="8"/>
      <c r="C1871" s="8"/>
      <c r="D1871" t="s">
        <v>77</v>
      </c>
      <c r="E1871" s="8" t="s">
        <v>31</v>
      </c>
      <c r="F1871" t="s">
        <v>64</v>
      </c>
      <c r="G1871" t="s">
        <v>78</v>
      </c>
      <c r="H1871" t="s">
        <v>64</v>
      </c>
      <c r="I1871" s="8">
        <v>2025</v>
      </c>
      <c r="J1871" t="s">
        <v>49</v>
      </c>
      <c r="K1871" s="10">
        <v>0</v>
      </c>
      <c r="L1871">
        <v>0</v>
      </c>
      <c r="M1871" s="10">
        <v>0</v>
      </c>
      <c r="N1871">
        <v>0</v>
      </c>
    </row>
    <row r="1872" spans="1:14" hidden="1">
      <c r="A1872" s="7" t="s">
        <v>10</v>
      </c>
      <c r="B1872" s="8"/>
      <c r="C1872" s="8"/>
      <c r="D1872" t="s">
        <v>77</v>
      </c>
      <c r="E1872" s="8" t="s">
        <v>31</v>
      </c>
      <c r="F1872" t="s">
        <v>64</v>
      </c>
      <c r="G1872" t="s">
        <v>79</v>
      </c>
      <c r="H1872" t="s">
        <v>64</v>
      </c>
      <c r="I1872" s="8">
        <v>2025</v>
      </c>
      <c r="J1872" t="s">
        <v>15</v>
      </c>
      <c r="K1872" s="10">
        <v>0</v>
      </c>
      <c r="L1872">
        <v>0</v>
      </c>
      <c r="M1872" s="10">
        <v>0</v>
      </c>
      <c r="N1872">
        <v>0</v>
      </c>
    </row>
    <row r="1873" spans="1:14" hidden="1">
      <c r="A1873" s="7" t="s">
        <v>10</v>
      </c>
      <c r="B1873" s="8"/>
      <c r="C1873" s="8"/>
      <c r="D1873" t="s">
        <v>77</v>
      </c>
      <c r="E1873" s="8" t="s">
        <v>31</v>
      </c>
      <c r="F1873" t="s">
        <v>64</v>
      </c>
      <c r="G1873" t="s">
        <v>79</v>
      </c>
      <c r="H1873" t="s">
        <v>64</v>
      </c>
      <c r="I1873" s="8">
        <v>2025</v>
      </c>
      <c r="J1873" t="s">
        <v>50</v>
      </c>
      <c r="K1873" s="10">
        <v>0</v>
      </c>
      <c r="L1873">
        <v>0</v>
      </c>
      <c r="M1873" s="10">
        <v>0</v>
      </c>
      <c r="N1873">
        <v>0</v>
      </c>
    </row>
    <row r="1874" spans="1:14" hidden="1">
      <c r="A1874" s="7" t="s">
        <v>10</v>
      </c>
      <c r="B1874" s="8"/>
      <c r="C1874" s="8"/>
      <c r="D1874" t="s">
        <v>77</v>
      </c>
      <c r="E1874" s="8" t="s">
        <v>31</v>
      </c>
      <c r="F1874" t="s">
        <v>64</v>
      </c>
      <c r="G1874" t="s">
        <v>19</v>
      </c>
      <c r="H1874" t="s">
        <v>64</v>
      </c>
      <c r="I1874" s="8">
        <v>2025</v>
      </c>
      <c r="J1874" t="s">
        <v>19</v>
      </c>
      <c r="K1874" s="10">
        <v>0</v>
      </c>
      <c r="L1874">
        <v>0</v>
      </c>
      <c r="M1874" s="10">
        <v>0</v>
      </c>
      <c r="N1874">
        <v>0</v>
      </c>
    </row>
    <row r="1875" spans="1:14" hidden="1">
      <c r="A1875" s="7" t="s">
        <v>10</v>
      </c>
      <c r="B1875" s="8"/>
      <c r="C1875" s="8"/>
      <c r="D1875" t="s">
        <v>77</v>
      </c>
      <c r="E1875" s="8" t="s">
        <v>31</v>
      </c>
      <c r="F1875" t="s">
        <v>64</v>
      </c>
      <c r="G1875" t="s">
        <v>78</v>
      </c>
      <c r="H1875" t="s">
        <v>64</v>
      </c>
      <c r="I1875" s="8">
        <v>2025</v>
      </c>
      <c r="J1875" t="s">
        <v>21</v>
      </c>
      <c r="K1875" s="10">
        <v>6440</v>
      </c>
      <c r="L1875">
        <v>0</v>
      </c>
      <c r="M1875" s="10">
        <v>6440</v>
      </c>
      <c r="N1875">
        <v>0</v>
      </c>
    </row>
    <row r="1876" spans="1:14" hidden="1">
      <c r="A1876" s="7" t="s">
        <v>10</v>
      </c>
      <c r="B1876" s="8"/>
      <c r="C1876" s="8"/>
      <c r="D1876" t="s">
        <v>77</v>
      </c>
      <c r="E1876" s="8" t="s">
        <v>31</v>
      </c>
      <c r="F1876" t="s">
        <v>64</v>
      </c>
      <c r="G1876" t="s">
        <v>78</v>
      </c>
      <c r="H1876" t="s">
        <v>64</v>
      </c>
      <c r="I1876" s="8">
        <v>2025</v>
      </c>
      <c r="J1876" t="s">
        <v>51</v>
      </c>
      <c r="K1876" s="10">
        <v>1000</v>
      </c>
      <c r="L1876">
        <v>0</v>
      </c>
      <c r="M1876" s="10">
        <v>1000</v>
      </c>
      <c r="N1876">
        <v>0</v>
      </c>
    </row>
    <row r="1877" spans="1:14" hidden="1">
      <c r="A1877" s="7" t="s">
        <v>10</v>
      </c>
      <c r="B1877" s="8"/>
      <c r="C1877" s="8"/>
      <c r="D1877" t="s">
        <v>77</v>
      </c>
      <c r="E1877" s="8" t="s">
        <v>31</v>
      </c>
      <c r="F1877" t="s">
        <v>64</v>
      </c>
      <c r="G1877" t="s">
        <v>78</v>
      </c>
      <c r="H1877" t="s">
        <v>64</v>
      </c>
      <c r="I1877" s="8">
        <v>2026</v>
      </c>
      <c r="J1877" t="s">
        <v>47</v>
      </c>
      <c r="K1877" s="10">
        <v>0</v>
      </c>
      <c r="L1877">
        <v>0</v>
      </c>
      <c r="M1877" s="10">
        <v>0</v>
      </c>
      <c r="N1877">
        <v>0</v>
      </c>
    </row>
    <row r="1878" spans="1:14" hidden="1">
      <c r="A1878" s="7" t="s">
        <v>10</v>
      </c>
      <c r="B1878" s="8"/>
      <c r="C1878" s="8"/>
      <c r="D1878" t="s">
        <v>77</v>
      </c>
      <c r="E1878" s="8" t="s">
        <v>31</v>
      </c>
      <c r="F1878" t="s">
        <v>64</v>
      </c>
      <c r="G1878" t="s">
        <v>78</v>
      </c>
      <c r="H1878" t="s">
        <v>64</v>
      </c>
      <c r="I1878" s="8">
        <v>2026</v>
      </c>
      <c r="J1878" t="s">
        <v>48</v>
      </c>
      <c r="K1878" s="10">
        <v>0</v>
      </c>
      <c r="L1878">
        <v>0</v>
      </c>
      <c r="M1878" s="10">
        <v>0</v>
      </c>
      <c r="N1878">
        <v>0</v>
      </c>
    </row>
    <row r="1879" spans="1:14" hidden="1">
      <c r="A1879" s="7" t="s">
        <v>10</v>
      </c>
      <c r="B1879" s="8"/>
      <c r="C1879" s="8"/>
      <c r="D1879" t="s">
        <v>77</v>
      </c>
      <c r="E1879" s="8" t="s">
        <v>31</v>
      </c>
      <c r="F1879" t="s">
        <v>64</v>
      </c>
      <c r="G1879" t="s">
        <v>78</v>
      </c>
      <c r="H1879" t="s">
        <v>64</v>
      </c>
      <c r="I1879" s="8">
        <v>2026</v>
      </c>
      <c r="J1879" t="s">
        <v>14</v>
      </c>
      <c r="K1879" s="10">
        <v>0</v>
      </c>
      <c r="L1879">
        <v>0</v>
      </c>
      <c r="M1879" s="10">
        <v>0</v>
      </c>
      <c r="N1879">
        <v>0</v>
      </c>
    </row>
    <row r="1880" spans="1:14" hidden="1">
      <c r="A1880" s="7" t="s">
        <v>10</v>
      </c>
      <c r="B1880" s="8"/>
      <c r="C1880" s="8"/>
      <c r="D1880" t="s">
        <v>77</v>
      </c>
      <c r="E1880" s="8" t="s">
        <v>31</v>
      </c>
      <c r="F1880" t="s">
        <v>64</v>
      </c>
      <c r="G1880" t="s">
        <v>78</v>
      </c>
      <c r="H1880" t="s">
        <v>64</v>
      </c>
      <c r="I1880" s="8">
        <v>2026</v>
      </c>
      <c r="J1880" t="s">
        <v>49</v>
      </c>
      <c r="K1880" s="10">
        <v>0</v>
      </c>
      <c r="L1880">
        <v>0</v>
      </c>
      <c r="M1880" s="10">
        <v>0</v>
      </c>
      <c r="N1880">
        <v>0</v>
      </c>
    </row>
    <row r="1881" spans="1:14" hidden="1">
      <c r="A1881" s="7" t="s">
        <v>10</v>
      </c>
      <c r="B1881" s="8"/>
      <c r="C1881" s="8"/>
      <c r="D1881" t="s">
        <v>77</v>
      </c>
      <c r="E1881" s="8" t="s">
        <v>31</v>
      </c>
      <c r="F1881" t="s">
        <v>64</v>
      </c>
      <c r="G1881" t="s">
        <v>79</v>
      </c>
      <c r="H1881" t="s">
        <v>64</v>
      </c>
      <c r="I1881" s="8">
        <v>2026</v>
      </c>
      <c r="J1881" t="s">
        <v>15</v>
      </c>
      <c r="K1881" s="10">
        <v>0</v>
      </c>
      <c r="L1881">
        <v>0</v>
      </c>
      <c r="M1881" s="10">
        <v>0</v>
      </c>
      <c r="N1881">
        <v>0</v>
      </c>
    </row>
    <row r="1882" spans="1:14" hidden="1">
      <c r="A1882" s="7" t="s">
        <v>10</v>
      </c>
      <c r="B1882" s="8"/>
      <c r="C1882" s="8"/>
      <c r="D1882" t="s">
        <v>77</v>
      </c>
      <c r="E1882" s="8" t="s">
        <v>31</v>
      </c>
      <c r="F1882" t="s">
        <v>64</v>
      </c>
      <c r="G1882" t="s">
        <v>79</v>
      </c>
      <c r="H1882" t="s">
        <v>64</v>
      </c>
      <c r="I1882" s="8">
        <v>2026</v>
      </c>
      <c r="J1882" t="s">
        <v>50</v>
      </c>
      <c r="K1882" s="10">
        <v>0</v>
      </c>
      <c r="L1882">
        <v>0</v>
      </c>
      <c r="M1882" s="10">
        <v>0</v>
      </c>
      <c r="N1882">
        <v>0</v>
      </c>
    </row>
    <row r="1883" spans="1:14" hidden="1">
      <c r="A1883" s="7" t="s">
        <v>10</v>
      </c>
      <c r="B1883" s="8"/>
      <c r="C1883" s="8"/>
      <c r="D1883" t="s">
        <v>77</v>
      </c>
      <c r="E1883" s="8" t="s">
        <v>31</v>
      </c>
      <c r="F1883" t="s">
        <v>64</v>
      </c>
      <c r="G1883" t="s">
        <v>19</v>
      </c>
      <c r="H1883" t="s">
        <v>64</v>
      </c>
      <c r="I1883" s="8">
        <v>2026</v>
      </c>
      <c r="J1883" t="s">
        <v>19</v>
      </c>
      <c r="K1883" s="10">
        <v>0</v>
      </c>
      <c r="L1883">
        <v>0</v>
      </c>
      <c r="M1883" s="10">
        <v>0</v>
      </c>
      <c r="N1883">
        <v>0</v>
      </c>
    </row>
    <row r="1884" spans="1:14" hidden="1">
      <c r="A1884" s="7" t="s">
        <v>10</v>
      </c>
      <c r="B1884" s="8"/>
      <c r="C1884" s="8"/>
      <c r="D1884" t="s">
        <v>77</v>
      </c>
      <c r="E1884" s="8" t="s">
        <v>31</v>
      </c>
      <c r="F1884" t="s">
        <v>64</v>
      </c>
      <c r="G1884" t="s">
        <v>78</v>
      </c>
      <c r="H1884" t="s">
        <v>64</v>
      </c>
      <c r="I1884" s="8">
        <v>2026</v>
      </c>
      <c r="J1884" t="s">
        <v>21</v>
      </c>
      <c r="K1884" s="10">
        <v>7338</v>
      </c>
      <c r="L1884">
        <v>0</v>
      </c>
      <c r="M1884" s="10">
        <v>7338</v>
      </c>
      <c r="N1884">
        <v>0</v>
      </c>
    </row>
    <row r="1885" spans="1:14" hidden="1">
      <c r="A1885" s="7" t="s">
        <v>10</v>
      </c>
      <c r="B1885" s="8"/>
      <c r="C1885" s="8"/>
      <c r="D1885" t="s">
        <v>77</v>
      </c>
      <c r="E1885" s="8" t="s">
        <v>31</v>
      </c>
      <c r="F1885" t="s">
        <v>64</v>
      </c>
      <c r="G1885" t="s">
        <v>78</v>
      </c>
      <c r="H1885" t="s">
        <v>64</v>
      </c>
      <c r="I1885" s="8">
        <v>2026</v>
      </c>
      <c r="J1885" t="s">
        <v>51</v>
      </c>
      <c r="K1885" s="10">
        <v>1100</v>
      </c>
      <c r="L1885">
        <v>0</v>
      </c>
      <c r="M1885" s="10">
        <v>1100</v>
      </c>
      <c r="N1885">
        <v>0</v>
      </c>
    </row>
    <row r="1886" spans="1:14" hidden="1">
      <c r="A1886" s="7" t="s">
        <v>10</v>
      </c>
      <c r="B1886" s="8"/>
      <c r="C1886" s="8"/>
      <c r="D1886" t="s">
        <v>77</v>
      </c>
      <c r="E1886" s="8" t="s">
        <v>31</v>
      </c>
      <c r="F1886" t="s">
        <v>64</v>
      </c>
      <c r="G1886" t="s">
        <v>78</v>
      </c>
      <c r="H1886" t="s">
        <v>64</v>
      </c>
      <c r="I1886" s="8">
        <v>2027</v>
      </c>
      <c r="J1886" t="s">
        <v>47</v>
      </c>
      <c r="K1886" s="10">
        <v>0</v>
      </c>
      <c r="L1886">
        <v>0</v>
      </c>
      <c r="M1886" s="10">
        <v>0</v>
      </c>
      <c r="N1886">
        <v>0</v>
      </c>
    </row>
    <row r="1887" spans="1:14" hidden="1">
      <c r="A1887" s="7" t="s">
        <v>10</v>
      </c>
      <c r="B1887" s="8"/>
      <c r="C1887" s="8"/>
      <c r="D1887" t="s">
        <v>77</v>
      </c>
      <c r="E1887" s="8" t="s">
        <v>31</v>
      </c>
      <c r="F1887" t="s">
        <v>64</v>
      </c>
      <c r="G1887" t="s">
        <v>78</v>
      </c>
      <c r="H1887" t="s">
        <v>64</v>
      </c>
      <c r="I1887" s="8">
        <v>2027</v>
      </c>
      <c r="J1887" t="s">
        <v>48</v>
      </c>
      <c r="K1887" s="10">
        <v>0</v>
      </c>
      <c r="L1887">
        <v>0</v>
      </c>
      <c r="M1887" s="10">
        <v>0</v>
      </c>
      <c r="N1887">
        <v>0</v>
      </c>
    </row>
    <row r="1888" spans="1:14" hidden="1">
      <c r="A1888" s="7" t="s">
        <v>10</v>
      </c>
      <c r="B1888" s="8"/>
      <c r="C1888" s="8"/>
      <c r="D1888" t="s">
        <v>77</v>
      </c>
      <c r="E1888" s="8" t="s">
        <v>31</v>
      </c>
      <c r="F1888" t="s">
        <v>64</v>
      </c>
      <c r="G1888" t="s">
        <v>78</v>
      </c>
      <c r="H1888" t="s">
        <v>64</v>
      </c>
      <c r="I1888" s="8">
        <v>2027</v>
      </c>
      <c r="J1888" t="s">
        <v>14</v>
      </c>
      <c r="K1888" s="10">
        <v>0</v>
      </c>
      <c r="L1888">
        <v>0</v>
      </c>
      <c r="M1888" s="10">
        <v>0</v>
      </c>
      <c r="N1888">
        <v>0</v>
      </c>
    </row>
    <row r="1889" spans="1:14" hidden="1">
      <c r="A1889" s="7" t="s">
        <v>10</v>
      </c>
      <c r="B1889" s="8"/>
      <c r="C1889" s="8"/>
      <c r="D1889" t="s">
        <v>77</v>
      </c>
      <c r="E1889" s="8" t="s">
        <v>31</v>
      </c>
      <c r="F1889" t="s">
        <v>64</v>
      </c>
      <c r="G1889" t="s">
        <v>78</v>
      </c>
      <c r="H1889" t="s">
        <v>64</v>
      </c>
      <c r="I1889" s="8">
        <v>2027</v>
      </c>
      <c r="J1889" t="s">
        <v>49</v>
      </c>
      <c r="K1889" s="10">
        <v>0</v>
      </c>
      <c r="L1889">
        <v>0</v>
      </c>
      <c r="M1889" s="10">
        <v>0</v>
      </c>
      <c r="N1889">
        <v>0</v>
      </c>
    </row>
    <row r="1890" spans="1:14" hidden="1">
      <c r="A1890" s="7" t="s">
        <v>10</v>
      </c>
      <c r="B1890" s="8"/>
      <c r="C1890" s="8"/>
      <c r="D1890" t="s">
        <v>77</v>
      </c>
      <c r="E1890" s="8" t="s">
        <v>31</v>
      </c>
      <c r="F1890" t="s">
        <v>64</v>
      </c>
      <c r="G1890" t="s">
        <v>79</v>
      </c>
      <c r="H1890" t="s">
        <v>64</v>
      </c>
      <c r="I1890" s="8">
        <v>2027</v>
      </c>
      <c r="J1890" t="s">
        <v>15</v>
      </c>
      <c r="K1890" s="10">
        <v>0</v>
      </c>
      <c r="L1890">
        <v>0</v>
      </c>
      <c r="M1890" s="10">
        <v>0</v>
      </c>
      <c r="N1890">
        <v>0</v>
      </c>
    </row>
    <row r="1891" spans="1:14" hidden="1">
      <c r="A1891" s="7" t="s">
        <v>10</v>
      </c>
      <c r="B1891" s="8"/>
      <c r="C1891" s="8"/>
      <c r="D1891" t="s">
        <v>77</v>
      </c>
      <c r="E1891" s="8" t="s">
        <v>31</v>
      </c>
      <c r="F1891" t="s">
        <v>64</v>
      </c>
      <c r="G1891" t="s">
        <v>79</v>
      </c>
      <c r="H1891" t="s">
        <v>64</v>
      </c>
      <c r="I1891" s="8">
        <v>2027</v>
      </c>
      <c r="J1891" t="s">
        <v>50</v>
      </c>
      <c r="K1891" s="10">
        <v>0</v>
      </c>
      <c r="L1891">
        <v>0</v>
      </c>
      <c r="M1891" s="10">
        <v>0</v>
      </c>
      <c r="N1891">
        <v>0</v>
      </c>
    </row>
    <row r="1892" spans="1:14" hidden="1">
      <c r="A1892" s="7" t="s">
        <v>10</v>
      </c>
      <c r="B1892" s="8"/>
      <c r="C1892" s="8"/>
      <c r="D1892" t="s">
        <v>77</v>
      </c>
      <c r="E1892" s="8" t="s">
        <v>31</v>
      </c>
      <c r="F1892" t="s">
        <v>64</v>
      </c>
      <c r="G1892" t="s">
        <v>19</v>
      </c>
      <c r="H1892" t="s">
        <v>64</v>
      </c>
      <c r="I1892" s="8">
        <v>2027</v>
      </c>
      <c r="J1892" t="s">
        <v>19</v>
      </c>
      <c r="K1892" s="10">
        <v>0</v>
      </c>
      <c r="L1892">
        <v>0</v>
      </c>
      <c r="M1892" s="10">
        <v>0</v>
      </c>
      <c r="N1892">
        <v>0</v>
      </c>
    </row>
    <row r="1893" spans="1:14" hidden="1">
      <c r="A1893" s="7" t="s">
        <v>10</v>
      </c>
      <c r="B1893" s="8"/>
      <c r="C1893" s="8"/>
      <c r="D1893" t="s">
        <v>77</v>
      </c>
      <c r="E1893" s="8" t="s">
        <v>31</v>
      </c>
      <c r="F1893" t="s">
        <v>64</v>
      </c>
      <c r="G1893" t="s">
        <v>78</v>
      </c>
      <c r="H1893" t="s">
        <v>64</v>
      </c>
      <c r="I1893" s="8">
        <v>2027</v>
      </c>
      <c r="J1893" t="s">
        <v>21</v>
      </c>
      <c r="K1893" s="10">
        <v>8566</v>
      </c>
      <c r="L1893">
        <v>0</v>
      </c>
      <c r="M1893" s="10">
        <v>8566</v>
      </c>
      <c r="N1893">
        <v>0</v>
      </c>
    </row>
    <row r="1894" spans="1:14" hidden="1">
      <c r="A1894" s="7" t="s">
        <v>10</v>
      </c>
      <c r="B1894" s="8"/>
      <c r="C1894" s="8"/>
      <c r="D1894" t="s">
        <v>77</v>
      </c>
      <c r="E1894" s="8" t="s">
        <v>31</v>
      </c>
      <c r="F1894" t="s">
        <v>64</v>
      </c>
      <c r="G1894" t="s">
        <v>78</v>
      </c>
      <c r="H1894" t="s">
        <v>64</v>
      </c>
      <c r="I1894" s="8">
        <v>2027</v>
      </c>
      <c r="J1894" t="s">
        <v>51</v>
      </c>
      <c r="K1894" s="10">
        <v>1100</v>
      </c>
      <c r="L1894">
        <v>0</v>
      </c>
      <c r="M1894" s="10">
        <v>1100</v>
      </c>
      <c r="N1894">
        <v>0</v>
      </c>
    </row>
    <row r="1895" spans="1:14" hidden="1">
      <c r="A1895" s="7" t="s">
        <v>10</v>
      </c>
      <c r="B1895" s="8"/>
      <c r="C1895" s="8"/>
      <c r="D1895" t="s">
        <v>77</v>
      </c>
      <c r="E1895" s="8" t="s">
        <v>31</v>
      </c>
      <c r="F1895" t="s">
        <v>64</v>
      </c>
      <c r="G1895" t="s">
        <v>78</v>
      </c>
      <c r="H1895" t="s">
        <v>64</v>
      </c>
      <c r="I1895" s="8">
        <v>2028</v>
      </c>
      <c r="J1895" t="s">
        <v>47</v>
      </c>
      <c r="K1895" s="10">
        <v>0</v>
      </c>
      <c r="L1895">
        <v>0</v>
      </c>
      <c r="M1895" s="10">
        <v>0</v>
      </c>
      <c r="N1895">
        <v>0</v>
      </c>
    </row>
    <row r="1896" spans="1:14" hidden="1">
      <c r="A1896" s="7" t="s">
        <v>10</v>
      </c>
      <c r="B1896" s="8"/>
      <c r="C1896" s="8"/>
      <c r="D1896" t="s">
        <v>77</v>
      </c>
      <c r="E1896" s="8" t="s">
        <v>31</v>
      </c>
      <c r="F1896" t="s">
        <v>64</v>
      </c>
      <c r="G1896" t="s">
        <v>78</v>
      </c>
      <c r="H1896" t="s">
        <v>64</v>
      </c>
      <c r="I1896" s="8">
        <v>2028</v>
      </c>
      <c r="J1896" t="s">
        <v>48</v>
      </c>
      <c r="K1896" s="10">
        <v>0</v>
      </c>
      <c r="L1896">
        <v>0</v>
      </c>
      <c r="M1896" s="10">
        <v>0</v>
      </c>
      <c r="N1896">
        <v>0</v>
      </c>
    </row>
    <row r="1897" spans="1:14" hidden="1">
      <c r="A1897" s="7" t="s">
        <v>10</v>
      </c>
      <c r="B1897" s="8"/>
      <c r="C1897" s="8"/>
      <c r="D1897" t="s">
        <v>77</v>
      </c>
      <c r="E1897" s="8" t="s">
        <v>31</v>
      </c>
      <c r="F1897" t="s">
        <v>64</v>
      </c>
      <c r="G1897" t="s">
        <v>78</v>
      </c>
      <c r="H1897" t="s">
        <v>64</v>
      </c>
      <c r="I1897" s="8">
        <v>2028</v>
      </c>
      <c r="J1897" t="s">
        <v>14</v>
      </c>
      <c r="K1897" s="10">
        <v>0</v>
      </c>
      <c r="L1897">
        <v>0</v>
      </c>
      <c r="M1897" s="10">
        <v>0</v>
      </c>
      <c r="N1897">
        <v>0</v>
      </c>
    </row>
    <row r="1898" spans="1:14" hidden="1">
      <c r="A1898" s="7" t="s">
        <v>10</v>
      </c>
      <c r="B1898" s="8"/>
      <c r="C1898" s="8"/>
      <c r="D1898" t="s">
        <v>77</v>
      </c>
      <c r="E1898" s="8" t="s">
        <v>31</v>
      </c>
      <c r="F1898" t="s">
        <v>64</v>
      </c>
      <c r="G1898" t="s">
        <v>78</v>
      </c>
      <c r="H1898" t="s">
        <v>64</v>
      </c>
      <c r="I1898" s="8">
        <v>2028</v>
      </c>
      <c r="J1898" t="s">
        <v>49</v>
      </c>
      <c r="K1898" s="10">
        <v>0</v>
      </c>
      <c r="L1898">
        <v>0</v>
      </c>
      <c r="M1898" s="10">
        <v>0</v>
      </c>
      <c r="N1898">
        <v>0</v>
      </c>
    </row>
    <row r="1899" spans="1:14" hidden="1">
      <c r="A1899" s="7" t="s">
        <v>10</v>
      </c>
      <c r="B1899" s="8"/>
      <c r="C1899" s="8"/>
      <c r="D1899" t="s">
        <v>77</v>
      </c>
      <c r="E1899" s="8" t="s">
        <v>31</v>
      </c>
      <c r="F1899" t="s">
        <v>64</v>
      </c>
      <c r="G1899" t="s">
        <v>79</v>
      </c>
      <c r="H1899" t="s">
        <v>64</v>
      </c>
      <c r="I1899" s="8">
        <v>2028</v>
      </c>
      <c r="J1899" t="s">
        <v>15</v>
      </c>
      <c r="K1899" s="10">
        <v>0</v>
      </c>
      <c r="L1899">
        <v>0</v>
      </c>
      <c r="M1899" s="10">
        <v>0</v>
      </c>
      <c r="N1899">
        <v>0</v>
      </c>
    </row>
    <row r="1900" spans="1:14" hidden="1">
      <c r="A1900" s="7" t="s">
        <v>10</v>
      </c>
      <c r="B1900" s="8"/>
      <c r="C1900" s="8"/>
      <c r="D1900" t="s">
        <v>77</v>
      </c>
      <c r="E1900" s="8" t="s">
        <v>31</v>
      </c>
      <c r="F1900" t="s">
        <v>64</v>
      </c>
      <c r="G1900" t="s">
        <v>79</v>
      </c>
      <c r="H1900" t="s">
        <v>64</v>
      </c>
      <c r="I1900" s="8">
        <v>2028</v>
      </c>
      <c r="J1900" t="s">
        <v>50</v>
      </c>
      <c r="K1900" s="10">
        <v>0</v>
      </c>
      <c r="L1900">
        <v>0</v>
      </c>
      <c r="M1900" s="10">
        <v>0</v>
      </c>
      <c r="N1900">
        <v>0</v>
      </c>
    </row>
    <row r="1901" spans="1:14" hidden="1">
      <c r="A1901" s="7" t="s">
        <v>10</v>
      </c>
      <c r="B1901" s="8"/>
      <c r="C1901" s="8"/>
      <c r="D1901" t="s">
        <v>77</v>
      </c>
      <c r="E1901" s="8" t="s">
        <v>31</v>
      </c>
      <c r="F1901" t="s">
        <v>64</v>
      </c>
      <c r="G1901" t="s">
        <v>19</v>
      </c>
      <c r="H1901" t="s">
        <v>64</v>
      </c>
      <c r="I1901" s="8">
        <v>2028</v>
      </c>
      <c r="J1901" t="s">
        <v>19</v>
      </c>
      <c r="K1901" s="10">
        <v>0</v>
      </c>
      <c r="L1901">
        <v>0</v>
      </c>
      <c r="M1901" s="10">
        <v>0</v>
      </c>
      <c r="N1901">
        <v>0</v>
      </c>
    </row>
    <row r="1902" spans="1:14" hidden="1">
      <c r="A1902" s="7" t="s">
        <v>10</v>
      </c>
      <c r="B1902" s="8"/>
      <c r="C1902" s="8"/>
      <c r="D1902" t="s">
        <v>77</v>
      </c>
      <c r="E1902" s="8" t="s">
        <v>31</v>
      </c>
      <c r="F1902" t="s">
        <v>64</v>
      </c>
      <c r="G1902" t="s">
        <v>78</v>
      </c>
      <c r="H1902" t="s">
        <v>64</v>
      </c>
      <c r="I1902" s="8">
        <v>2028</v>
      </c>
      <c r="J1902" t="s">
        <v>21</v>
      </c>
      <c r="K1902" s="10">
        <v>9368</v>
      </c>
      <c r="L1902">
        <v>0</v>
      </c>
      <c r="M1902" s="10">
        <v>9368</v>
      </c>
      <c r="N1902">
        <v>0</v>
      </c>
    </row>
    <row r="1903" spans="1:14" hidden="1">
      <c r="A1903" s="7" t="s">
        <v>10</v>
      </c>
      <c r="B1903" s="8"/>
      <c r="C1903" s="8"/>
      <c r="D1903" t="s">
        <v>77</v>
      </c>
      <c r="E1903" s="8" t="s">
        <v>31</v>
      </c>
      <c r="F1903" t="s">
        <v>64</v>
      </c>
      <c r="G1903" t="s">
        <v>78</v>
      </c>
      <c r="H1903" t="s">
        <v>64</v>
      </c>
      <c r="I1903" s="8">
        <v>2028</v>
      </c>
      <c r="J1903" t="s">
        <v>51</v>
      </c>
      <c r="K1903" s="10">
        <v>1100</v>
      </c>
      <c r="L1903">
        <v>0</v>
      </c>
      <c r="M1903" s="10">
        <v>1100</v>
      </c>
      <c r="N1903">
        <v>0</v>
      </c>
    </row>
    <row r="1904" spans="1:14" hidden="1">
      <c r="A1904" s="7" t="s">
        <v>10</v>
      </c>
      <c r="B1904" s="8"/>
      <c r="C1904" s="8"/>
      <c r="D1904" t="s">
        <v>77</v>
      </c>
      <c r="E1904" s="8" t="s">
        <v>31</v>
      </c>
      <c r="F1904" t="s">
        <v>64</v>
      </c>
      <c r="G1904" t="s">
        <v>78</v>
      </c>
      <c r="H1904" t="s">
        <v>64</v>
      </c>
      <c r="I1904" s="8">
        <v>2029</v>
      </c>
      <c r="J1904" t="s">
        <v>47</v>
      </c>
      <c r="K1904" s="10">
        <v>0</v>
      </c>
      <c r="L1904">
        <v>0</v>
      </c>
      <c r="M1904" s="10">
        <v>0</v>
      </c>
      <c r="N1904">
        <v>0</v>
      </c>
    </row>
    <row r="1905" spans="1:14" hidden="1">
      <c r="A1905" s="7" t="s">
        <v>10</v>
      </c>
      <c r="B1905" s="8"/>
      <c r="C1905" s="8"/>
      <c r="D1905" t="s">
        <v>77</v>
      </c>
      <c r="E1905" s="8" t="s">
        <v>31</v>
      </c>
      <c r="F1905" t="s">
        <v>64</v>
      </c>
      <c r="G1905" t="s">
        <v>78</v>
      </c>
      <c r="H1905" t="s">
        <v>64</v>
      </c>
      <c r="I1905" s="8">
        <v>2029</v>
      </c>
      <c r="J1905" t="s">
        <v>48</v>
      </c>
      <c r="K1905" s="10">
        <v>0</v>
      </c>
      <c r="L1905">
        <v>0</v>
      </c>
      <c r="M1905" s="10">
        <v>0</v>
      </c>
      <c r="N1905">
        <v>0</v>
      </c>
    </row>
    <row r="1906" spans="1:14" hidden="1">
      <c r="A1906" s="7" t="s">
        <v>10</v>
      </c>
      <c r="B1906" s="8"/>
      <c r="C1906" s="8"/>
      <c r="D1906" t="s">
        <v>77</v>
      </c>
      <c r="E1906" s="8" t="s">
        <v>31</v>
      </c>
      <c r="F1906" t="s">
        <v>64</v>
      </c>
      <c r="G1906" t="s">
        <v>78</v>
      </c>
      <c r="H1906" t="s">
        <v>64</v>
      </c>
      <c r="I1906" s="8">
        <v>2029</v>
      </c>
      <c r="J1906" t="s">
        <v>14</v>
      </c>
      <c r="K1906" s="10">
        <v>0</v>
      </c>
      <c r="L1906">
        <v>0</v>
      </c>
      <c r="M1906" s="10">
        <v>0</v>
      </c>
      <c r="N1906">
        <v>0</v>
      </c>
    </row>
    <row r="1907" spans="1:14" hidden="1">
      <c r="A1907" s="7" t="s">
        <v>10</v>
      </c>
      <c r="B1907" s="8"/>
      <c r="C1907" s="8"/>
      <c r="D1907" t="s">
        <v>77</v>
      </c>
      <c r="E1907" s="8" t="s">
        <v>31</v>
      </c>
      <c r="F1907" t="s">
        <v>64</v>
      </c>
      <c r="G1907" t="s">
        <v>78</v>
      </c>
      <c r="H1907" t="s">
        <v>64</v>
      </c>
      <c r="I1907" s="8">
        <v>2029</v>
      </c>
      <c r="J1907" t="s">
        <v>49</v>
      </c>
      <c r="K1907" s="10">
        <v>0</v>
      </c>
      <c r="L1907">
        <v>0</v>
      </c>
      <c r="M1907" s="10">
        <v>0</v>
      </c>
      <c r="N1907">
        <v>0</v>
      </c>
    </row>
    <row r="1908" spans="1:14" hidden="1">
      <c r="A1908" s="7" t="s">
        <v>10</v>
      </c>
      <c r="B1908" s="8"/>
      <c r="C1908" s="8"/>
      <c r="D1908" t="s">
        <v>77</v>
      </c>
      <c r="E1908" s="8" t="s">
        <v>31</v>
      </c>
      <c r="F1908" t="s">
        <v>64</v>
      </c>
      <c r="G1908" t="s">
        <v>79</v>
      </c>
      <c r="H1908" t="s">
        <v>64</v>
      </c>
      <c r="I1908" s="8">
        <v>2029</v>
      </c>
      <c r="J1908" t="s">
        <v>15</v>
      </c>
      <c r="K1908" s="10">
        <v>0</v>
      </c>
      <c r="L1908">
        <v>0</v>
      </c>
      <c r="M1908" s="10">
        <v>0</v>
      </c>
      <c r="N1908">
        <v>0</v>
      </c>
    </row>
    <row r="1909" spans="1:14" hidden="1">
      <c r="A1909" s="7" t="s">
        <v>10</v>
      </c>
      <c r="B1909" s="8"/>
      <c r="C1909" s="8"/>
      <c r="D1909" t="s">
        <v>77</v>
      </c>
      <c r="E1909" s="8" t="s">
        <v>31</v>
      </c>
      <c r="F1909" t="s">
        <v>64</v>
      </c>
      <c r="G1909" t="s">
        <v>79</v>
      </c>
      <c r="H1909" t="s">
        <v>64</v>
      </c>
      <c r="I1909" s="8">
        <v>2029</v>
      </c>
      <c r="J1909" t="s">
        <v>50</v>
      </c>
      <c r="K1909" s="10">
        <v>0</v>
      </c>
      <c r="L1909">
        <v>0</v>
      </c>
      <c r="M1909" s="10">
        <v>0</v>
      </c>
      <c r="N1909">
        <v>0</v>
      </c>
    </row>
    <row r="1910" spans="1:14" hidden="1">
      <c r="A1910" s="7" t="s">
        <v>10</v>
      </c>
      <c r="B1910" s="8"/>
      <c r="C1910" s="8"/>
      <c r="D1910" t="s">
        <v>77</v>
      </c>
      <c r="E1910" s="8" t="s">
        <v>31</v>
      </c>
      <c r="F1910" t="s">
        <v>64</v>
      </c>
      <c r="G1910" t="s">
        <v>19</v>
      </c>
      <c r="H1910" t="s">
        <v>64</v>
      </c>
      <c r="I1910" s="8">
        <v>2029</v>
      </c>
      <c r="J1910" t="s">
        <v>19</v>
      </c>
      <c r="K1910" s="10">
        <v>0</v>
      </c>
      <c r="L1910">
        <v>0</v>
      </c>
      <c r="M1910" s="10">
        <v>0</v>
      </c>
      <c r="N1910">
        <v>0</v>
      </c>
    </row>
    <row r="1911" spans="1:14" hidden="1">
      <c r="A1911" s="7" t="s">
        <v>10</v>
      </c>
      <c r="B1911" s="8"/>
      <c r="C1911" s="8"/>
      <c r="D1911" t="s">
        <v>77</v>
      </c>
      <c r="E1911" s="8" t="s">
        <v>31</v>
      </c>
      <c r="F1911" t="s">
        <v>64</v>
      </c>
      <c r="G1911" t="s">
        <v>78</v>
      </c>
      <c r="H1911" t="s">
        <v>64</v>
      </c>
      <c r="I1911" s="8">
        <v>2029</v>
      </c>
      <c r="J1911" t="s">
        <v>21</v>
      </c>
      <c r="K1911" s="10">
        <v>10469</v>
      </c>
      <c r="L1911">
        <v>0</v>
      </c>
      <c r="M1911" s="10">
        <v>10469</v>
      </c>
      <c r="N1911">
        <v>0</v>
      </c>
    </row>
    <row r="1912" spans="1:14" hidden="1">
      <c r="A1912" s="7" t="s">
        <v>10</v>
      </c>
      <c r="B1912" s="8"/>
      <c r="C1912" s="8"/>
      <c r="D1912" t="s">
        <v>77</v>
      </c>
      <c r="E1912" s="8" t="s">
        <v>31</v>
      </c>
      <c r="F1912" t="s">
        <v>64</v>
      </c>
      <c r="G1912" t="s">
        <v>78</v>
      </c>
      <c r="H1912" t="s">
        <v>64</v>
      </c>
      <c r="I1912" s="8">
        <v>2029</v>
      </c>
      <c r="J1912" t="s">
        <v>51</v>
      </c>
      <c r="K1912" s="10">
        <v>1100</v>
      </c>
      <c r="L1912">
        <v>0</v>
      </c>
      <c r="M1912" s="10">
        <v>1100</v>
      </c>
      <c r="N1912">
        <v>0</v>
      </c>
    </row>
    <row r="1913" spans="1:14" hidden="1">
      <c r="A1913" s="7" t="s">
        <v>10</v>
      </c>
      <c r="B1913" s="8"/>
      <c r="C1913" s="8"/>
      <c r="D1913" t="s">
        <v>77</v>
      </c>
      <c r="E1913" s="8" t="s">
        <v>31</v>
      </c>
      <c r="F1913" t="s">
        <v>64</v>
      </c>
      <c r="G1913" t="s">
        <v>78</v>
      </c>
      <c r="H1913" t="s">
        <v>64</v>
      </c>
      <c r="I1913" s="8">
        <v>2030</v>
      </c>
      <c r="J1913" t="s">
        <v>47</v>
      </c>
      <c r="K1913" s="10">
        <v>0</v>
      </c>
      <c r="L1913">
        <v>0</v>
      </c>
      <c r="M1913" s="10">
        <v>0</v>
      </c>
      <c r="N1913">
        <v>0</v>
      </c>
    </row>
    <row r="1914" spans="1:14" hidden="1">
      <c r="A1914" s="7" t="s">
        <v>10</v>
      </c>
      <c r="B1914" s="8"/>
      <c r="C1914" s="8"/>
      <c r="D1914" t="s">
        <v>77</v>
      </c>
      <c r="E1914" s="8" t="s">
        <v>31</v>
      </c>
      <c r="F1914" t="s">
        <v>64</v>
      </c>
      <c r="G1914" t="s">
        <v>78</v>
      </c>
      <c r="H1914" t="s">
        <v>64</v>
      </c>
      <c r="I1914" s="8">
        <v>2030</v>
      </c>
      <c r="J1914" t="s">
        <v>48</v>
      </c>
      <c r="K1914" s="10">
        <v>0</v>
      </c>
      <c r="L1914">
        <v>0</v>
      </c>
      <c r="M1914" s="10">
        <v>0</v>
      </c>
      <c r="N1914">
        <v>0</v>
      </c>
    </row>
    <row r="1915" spans="1:14" hidden="1">
      <c r="A1915" s="7" t="s">
        <v>10</v>
      </c>
      <c r="B1915" s="8"/>
      <c r="C1915" s="8"/>
      <c r="D1915" t="s">
        <v>77</v>
      </c>
      <c r="E1915" s="8" t="s">
        <v>31</v>
      </c>
      <c r="F1915" t="s">
        <v>64</v>
      </c>
      <c r="G1915" t="s">
        <v>78</v>
      </c>
      <c r="H1915" t="s">
        <v>64</v>
      </c>
      <c r="I1915" s="8">
        <v>2030</v>
      </c>
      <c r="J1915" t="s">
        <v>14</v>
      </c>
      <c r="K1915" s="10">
        <v>0</v>
      </c>
      <c r="L1915">
        <v>0</v>
      </c>
      <c r="M1915" s="10">
        <v>0</v>
      </c>
      <c r="N1915">
        <v>0</v>
      </c>
    </row>
    <row r="1916" spans="1:14" hidden="1">
      <c r="A1916" s="7" t="s">
        <v>10</v>
      </c>
      <c r="B1916" s="8"/>
      <c r="C1916" s="8"/>
      <c r="D1916" t="s">
        <v>77</v>
      </c>
      <c r="E1916" s="8" t="s">
        <v>31</v>
      </c>
      <c r="F1916" t="s">
        <v>64</v>
      </c>
      <c r="G1916" t="s">
        <v>78</v>
      </c>
      <c r="H1916" t="s">
        <v>64</v>
      </c>
      <c r="I1916" s="8">
        <v>2030</v>
      </c>
      <c r="J1916" t="s">
        <v>49</v>
      </c>
      <c r="K1916" s="10">
        <v>0</v>
      </c>
      <c r="L1916">
        <v>0</v>
      </c>
      <c r="M1916" s="10">
        <v>0</v>
      </c>
      <c r="N1916">
        <v>0</v>
      </c>
    </row>
    <row r="1917" spans="1:14" hidden="1">
      <c r="A1917" s="7" t="s">
        <v>10</v>
      </c>
      <c r="B1917" s="8"/>
      <c r="C1917" s="8"/>
      <c r="D1917" t="s">
        <v>77</v>
      </c>
      <c r="E1917" s="8" t="s">
        <v>31</v>
      </c>
      <c r="F1917" t="s">
        <v>64</v>
      </c>
      <c r="G1917" t="s">
        <v>79</v>
      </c>
      <c r="H1917" t="s">
        <v>64</v>
      </c>
      <c r="I1917" s="8">
        <v>2030</v>
      </c>
      <c r="J1917" t="s">
        <v>15</v>
      </c>
      <c r="K1917" s="10">
        <v>0</v>
      </c>
      <c r="L1917">
        <v>0</v>
      </c>
      <c r="M1917" s="10">
        <v>0</v>
      </c>
      <c r="N1917">
        <v>0</v>
      </c>
    </row>
    <row r="1918" spans="1:14" hidden="1">
      <c r="A1918" s="7" t="s">
        <v>10</v>
      </c>
      <c r="B1918" s="8"/>
      <c r="C1918" s="8"/>
      <c r="D1918" t="s">
        <v>77</v>
      </c>
      <c r="E1918" s="8" t="s">
        <v>31</v>
      </c>
      <c r="F1918" t="s">
        <v>64</v>
      </c>
      <c r="G1918" t="s">
        <v>79</v>
      </c>
      <c r="H1918" t="s">
        <v>64</v>
      </c>
      <c r="I1918" s="8">
        <v>2030</v>
      </c>
      <c r="J1918" t="s">
        <v>50</v>
      </c>
      <c r="K1918" s="10">
        <v>0</v>
      </c>
      <c r="L1918">
        <v>0</v>
      </c>
      <c r="M1918" s="10">
        <v>0</v>
      </c>
      <c r="N1918">
        <v>0</v>
      </c>
    </row>
    <row r="1919" spans="1:14" hidden="1">
      <c r="A1919" s="7" t="s">
        <v>10</v>
      </c>
      <c r="B1919" s="8"/>
      <c r="C1919" s="8"/>
      <c r="D1919" t="s">
        <v>77</v>
      </c>
      <c r="E1919" s="8" t="s">
        <v>31</v>
      </c>
      <c r="F1919" t="s">
        <v>64</v>
      </c>
      <c r="G1919" t="s">
        <v>19</v>
      </c>
      <c r="H1919" t="s">
        <v>64</v>
      </c>
      <c r="I1919" s="8">
        <v>2030</v>
      </c>
      <c r="J1919" t="s">
        <v>19</v>
      </c>
      <c r="K1919" s="10">
        <v>0</v>
      </c>
      <c r="L1919">
        <v>0</v>
      </c>
      <c r="M1919" s="10">
        <v>0</v>
      </c>
      <c r="N1919">
        <v>0</v>
      </c>
    </row>
    <row r="1920" spans="1:14" hidden="1">
      <c r="A1920" s="7" t="s">
        <v>10</v>
      </c>
      <c r="B1920" s="8"/>
      <c r="C1920" s="8"/>
      <c r="D1920" t="s">
        <v>77</v>
      </c>
      <c r="E1920" s="8" t="s">
        <v>31</v>
      </c>
      <c r="F1920" t="s">
        <v>64</v>
      </c>
      <c r="G1920" t="s">
        <v>78</v>
      </c>
      <c r="H1920" t="s">
        <v>64</v>
      </c>
      <c r="I1920" s="8">
        <v>2030</v>
      </c>
      <c r="J1920" t="s">
        <v>21</v>
      </c>
      <c r="K1920" s="10">
        <v>10463</v>
      </c>
      <c r="L1920">
        <v>0</v>
      </c>
      <c r="M1920" s="10">
        <v>10463</v>
      </c>
      <c r="N1920">
        <v>0</v>
      </c>
    </row>
    <row r="1921" spans="1:14" hidden="1">
      <c r="A1921" s="7" t="s">
        <v>10</v>
      </c>
      <c r="B1921" s="8"/>
      <c r="C1921" s="8"/>
      <c r="D1921" t="s">
        <v>77</v>
      </c>
      <c r="E1921" s="8" t="s">
        <v>31</v>
      </c>
      <c r="F1921" t="s">
        <v>64</v>
      </c>
      <c r="G1921" t="s">
        <v>78</v>
      </c>
      <c r="H1921" t="s">
        <v>64</v>
      </c>
      <c r="I1921" s="8">
        <v>2030</v>
      </c>
      <c r="J1921" t="s">
        <v>51</v>
      </c>
      <c r="K1921" s="10">
        <v>1100</v>
      </c>
      <c r="L1921">
        <v>0</v>
      </c>
      <c r="M1921" s="10">
        <v>1100</v>
      </c>
      <c r="N1921">
        <v>0</v>
      </c>
    </row>
    <row r="1922" spans="1:14" hidden="1">
      <c r="A1922" s="7" t="s">
        <v>10</v>
      </c>
      <c r="B1922" s="8"/>
      <c r="C1922" s="8"/>
      <c r="D1922" t="s">
        <v>77</v>
      </c>
      <c r="E1922" s="8" t="s">
        <v>31</v>
      </c>
      <c r="F1922" t="s">
        <v>64</v>
      </c>
      <c r="G1922" t="s">
        <v>78</v>
      </c>
      <c r="H1922" t="s">
        <v>64</v>
      </c>
      <c r="I1922" s="8">
        <v>2031</v>
      </c>
      <c r="J1922" t="s">
        <v>47</v>
      </c>
      <c r="K1922" s="10">
        <v>0</v>
      </c>
      <c r="L1922">
        <v>0</v>
      </c>
      <c r="M1922" s="10">
        <v>0</v>
      </c>
      <c r="N1922">
        <v>0</v>
      </c>
    </row>
    <row r="1923" spans="1:14" hidden="1">
      <c r="A1923" s="7" t="s">
        <v>10</v>
      </c>
      <c r="B1923" s="8"/>
      <c r="C1923" s="8"/>
      <c r="D1923" t="s">
        <v>77</v>
      </c>
      <c r="E1923" s="8" t="s">
        <v>31</v>
      </c>
      <c r="F1923" t="s">
        <v>64</v>
      </c>
      <c r="G1923" t="s">
        <v>78</v>
      </c>
      <c r="H1923" t="s">
        <v>64</v>
      </c>
      <c r="I1923" s="8">
        <v>2031</v>
      </c>
      <c r="J1923" t="s">
        <v>48</v>
      </c>
      <c r="K1923" s="10">
        <v>0</v>
      </c>
      <c r="L1923">
        <v>0</v>
      </c>
      <c r="M1923" s="10">
        <v>0</v>
      </c>
      <c r="N1923">
        <v>0</v>
      </c>
    </row>
    <row r="1924" spans="1:14" hidden="1">
      <c r="A1924" s="7" t="s">
        <v>10</v>
      </c>
      <c r="B1924" s="8"/>
      <c r="C1924" s="8"/>
      <c r="D1924" t="s">
        <v>77</v>
      </c>
      <c r="E1924" s="8" t="s">
        <v>31</v>
      </c>
      <c r="F1924" t="s">
        <v>64</v>
      </c>
      <c r="G1924" t="s">
        <v>78</v>
      </c>
      <c r="H1924" t="s">
        <v>64</v>
      </c>
      <c r="I1924" s="8">
        <v>2031</v>
      </c>
      <c r="J1924" t="s">
        <v>14</v>
      </c>
      <c r="K1924" s="10">
        <v>0</v>
      </c>
      <c r="L1924">
        <v>0</v>
      </c>
      <c r="M1924" s="10">
        <v>0</v>
      </c>
      <c r="N1924">
        <v>0</v>
      </c>
    </row>
    <row r="1925" spans="1:14" hidden="1">
      <c r="A1925" s="7" t="s">
        <v>10</v>
      </c>
      <c r="B1925" s="8"/>
      <c r="C1925" s="8"/>
      <c r="D1925" t="s">
        <v>77</v>
      </c>
      <c r="E1925" s="8" t="s">
        <v>31</v>
      </c>
      <c r="F1925" t="s">
        <v>64</v>
      </c>
      <c r="G1925" t="s">
        <v>78</v>
      </c>
      <c r="H1925" t="s">
        <v>64</v>
      </c>
      <c r="I1925" s="8">
        <v>2031</v>
      </c>
      <c r="J1925" t="s">
        <v>49</v>
      </c>
      <c r="K1925" s="10">
        <v>0</v>
      </c>
      <c r="L1925">
        <v>0</v>
      </c>
      <c r="M1925" s="10">
        <v>0</v>
      </c>
      <c r="N1925">
        <v>0</v>
      </c>
    </row>
    <row r="1926" spans="1:14" hidden="1">
      <c r="A1926" s="7" t="s">
        <v>10</v>
      </c>
      <c r="B1926" s="8"/>
      <c r="C1926" s="8"/>
      <c r="D1926" t="s">
        <v>77</v>
      </c>
      <c r="E1926" s="8" t="s">
        <v>31</v>
      </c>
      <c r="F1926" t="s">
        <v>64</v>
      </c>
      <c r="G1926" t="s">
        <v>79</v>
      </c>
      <c r="H1926" t="s">
        <v>64</v>
      </c>
      <c r="I1926" s="8">
        <v>2031</v>
      </c>
      <c r="J1926" t="s">
        <v>15</v>
      </c>
      <c r="K1926" s="10">
        <v>0</v>
      </c>
      <c r="L1926">
        <v>0</v>
      </c>
      <c r="M1926" s="10">
        <v>0</v>
      </c>
      <c r="N1926">
        <v>0</v>
      </c>
    </row>
    <row r="1927" spans="1:14" hidden="1">
      <c r="A1927" s="7" t="s">
        <v>10</v>
      </c>
      <c r="B1927" s="8"/>
      <c r="C1927" s="8"/>
      <c r="D1927" t="s">
        <v>77</v>
      </c>
      <c r="E1927" s="8" t="s">
        <v>31</v>
      </c>
      <c r="F1927" t="s">
        <v>64</v>
      </c>
      <c r="G1927" t="s">
        <v>79</v>
      </c>
      <c r="H1927" t="s">
        <v>64</v>
      </c>
      <c r="I1927" s="8">
        <v>2031</v>
      </c>
      <c r="J1927" t="s">
        <v>50</v>
      </c>
      <c r="K1927" s="10">
        <v>0</v>
      </c>
      <c r="L1927">
        <v>0</v>
      </c>
      <c r="M1927" s="10">
        <v>0</v>
      </c>
      <c r="N1927">
        <v>0</v>
      </c>
    </row>
    <row r="1928" spans="1:14" hidden="1">
      <c r="A1928" s="7" t="s">
        <v>10</v>
      </c>
      <c r="B1928" s="8"/>
      <c r="C1928" s="8"/>
      <c r="D1928" t="s">
        <v>77</v>
      </c>
      <c r="E1928" s="8" t="s">
        <v>31</v>
      </c>
      <c r="F1928" t="s">
        <v>64</v>
      </c>
      <c r="G1928" t="s">
        <v>19</v>
      </c>
      <c r="H1928" t="s">
        <v>64</v>
      </c>
      <c r="I1928" s="8">
        <v>2031</v>
      </c>
      <c r="J1928" t="s">
        <v>19</v>
      </c>
      <c r="K1928" s="10">
        <v>0</v>
      </c>
      <c r="L1928">
        <v>0</v>
      </c>
      <c r="M1928" s="10">
        <v>0</v>
      </c>
      <c r="N1928">
        <v>0</v>
      </c>
    </row>
    <row r="1929" spans="1:14" hidden="1">
      <c r="A1929" s="7" t="s">
        <v>10</v>
      </c>
      <c r="B1929" s="8"/>
      <c r="C1929" s="8"/>
      <c r="D1929" t="s">
        <v>77</v>
      </c>
      <c r="E1929" s="8" t="s">
        <v>31</v>
      </c>
      <c r="F1929" t="s">
        <v>64</v>
      </c>
      <c r="G1929" t="s">
        <v>78</v>
      </c>
      <c r="H1929" t="s">
        <v>64</v>
      </c>
      <c r="I1929" s="8">
        <v>2031</v>
      </c>
      <c r="J1929" t="s">
        <v>21</v>
      </c>
      <c r="K1929" s="10">
        <v>10344</v>
      </c>
      <c r="L1929">
        <v>0</v>
      </c>
      <c r="M1929" s="10">
        <v>10344</v>
      </c>
      <c r="N1929">
        <v>0</v>
      </c>
    </row>
    <row r="1930" spans="1:14" hidden="1">
      <c r="A1930" s="7" t="s">
        <v>10</v>
      </c>
      <c r="B1930" s="8"/>
      <c r="C1930" s="8"/>
      <c r="D1930" t="s">
        <v>77</v>
      </c>
      <c r="E1930" s="8" t="s">
        <v>31</v>
      </c>
      <c r="F1930" t="s">
        <v>64</v>
      </c>
      <c r="G1930" t="s">
        <v>78</v>
      </c>
      <c r="H1930" t="s">
        <v>64</v>
      </c>
      <c r="I1930" s="8">
        <v>2031</v>
      </c>
      <c r="J1930" t="s">
        <v>51</v>
      </c>
      <c r="K1930" s="10">
        <v>1100</v>
      </c>
      <c r="L1930">
        <v>0</v>
      </c>
      <c r="M1930" s="10">
        <v>1100</v>
      </c>
      <c r="N1930">
        <v>0</v>
      </c>
    </row>
    <row r="1931" spans="1:14" hidden="1">
      <c r="A1931" s="7" t="s">
        <v>10</v>
      </c>
      <c r="B1931" s="8"/>
      <c r="C1931" s="8"/>
      <c r="D1931" t="s">
        <v>77</v>
      </c>
      <c r="E1931" s="8" t="s">
        <v>31</v>
      </c>
      <c r="F1931" t="s">
        <v>64</v>
      </c>
      <c r="G1931" t="s">
        <v>78</v>
      </c>
      <c r="H1931" t="s">
        <v>64</v>
      </c>
      <c r="I1931" s="8">
        <v>2032</v>
      </c>
      <c r="J1931" t="s">
        <v>47</v>
      </c>
      <c r="K1931" s="10">
        <v>0</v>
      </c>
      <c r="L1931">
        <v>0</v>
      </c>
      <c r="M1931" s="10">
        <v>0</v>
      </c>
      <c r="N1931">
        <v>0</v>
      </c>
    </row>
    <row r="1932" spans="1:14" hidden="1">
      <c r="A1932" s="7" t="s">
        <v>10</v>
      </c>
      <c r="B1932" s="8"/>
      <c r="C1932" s="8"/>
      <c r="D1932" t="s">
        <v>77</v>
      </c>
      <c r="E1932" s="8" t="s">
        <v>31</v>
      </c>
      <c r="F1932" t="s">
        <v>64</v>
      </c>
      <c r="G1932" t="s">
        <v>78</v>
      </c>
      <c r="H1932" t="s">
        <v>64</v>
      </c>
      <c r="I1932" s="8">
        <v>2032</v>
      </c>
      <c r="J1932" t="s">
        <v>48</v>
      </c>
      <c r="K1932" s="10">
        <v>0</v>
      </c>
      <c r="L1932">
        <v>0</v>
      </c>
      <c r="M1932" s="10">
        <v>0</v>
      </c>
      <c r="N1932">
        <v>0</v>
      </c>
    </row>
    <row r="1933" spans="1:14" hidden="1">
      <c r="A1933" s="7" t="s">
        <v>10</v>
      </c>
      <c r="B1933" s="8"/>
      <c r="C1933" s="8"/>
      <c r="D1933" t="s">
        <v>77</v>
      </c>
      <c r="E1933" s="8" t="s">
        <v>31</v>
      </c>
      <c r="F1933" t="s">
        <v>64</v>
      </c>
      <c r="G1933" t="s">
        <v>78</v>
      </c>
      <c r="H1933" t="s">
        <v>64</v>
      </c>
      <c r="I1933" s="8">
        <v>2032</v>
      </c>
      <c r="J1933" t="s">
        <v>14</v>
      </c>
      <c r="K1933" s="10">
        <v>0</v>
      </c>
      <c r="L1933">
        <v>0</v>
      </c>
      <c r="M1933" s="10">
        <v>0</v>
      </c>
      <c r="N1933">
        <v>0</v>
      </c>
    </row>
    <row r="1934" spans="1:14" hidden="1">
      <c r="A1934" s="7" t="s">
        <v>10</v>
      </c>
      <c r="B1934" s="8"/>
      <c r="C1934" s="8"/>
      <c r="D1934" t="s">
        <v>77</v>
      </c>
      <c r="E1934" s="8" t="s">
        <v>31</v>
      </c>
      <c r="F1934" t="s">
        <v>64</v>
      </c>
      <c r="G1934" t="s">
        <v>78</v>
      </c>
      <c r="H1934" t="s">
        <v>64</v>
      </c>
      <c r="I1934" s="8">
        <v>2032</v>
      </c>
      <c r="J1934" t="s">
        <v>49</v>
      </c>
      <c r="K1934" s="10">
        <v>0</v>
      </c>
      <c r="L1934">
        <v>0</v>
      </c>
      <c r="M1934" s="10">
        <v>0</v>
      </c>
      <c r="N1934">
        <v>0</v>
      </c>
    </row>
    <row r="1935" spans="1:14" hidden="1">
      <c r="A1935" s="7" t="s">
        <v>10</v>
      </c>
      <c r="B1935" s="8"/>
      <c r="C1935" s="8"/>
      <c r="D1935" t="s">
        <v>77</v>
      </c>
      <c r="E1935" s="8" t="s">
        <v>31</v>
      </c>
      <c r="F1935" t="s">
        <v>64</v>
      </c>
      <c r="G1935" t="s">
        <v>79</v>
      </c>
      <c r="H1935" t="s">
        <v>64</v>
      </c>
      <c r="I1935" s="8">
        <v>2032</v>
      </c>
      <c r="J1935" t="s">
        <v>15</v>
      </c>
      <c r="K1935" s="10">
        <v>0</v>
      </c>
      <c r="L1935">
        <v>0</v>
      </c>
      <c r="M1935" s="10">
        <v>0</v>
      </c>
      <c r="N1935">
        <v>0</v>
      </c>
    </row>
    <row r="1936" spans="1:14" hidden="1">
      <c r="A1936" s="7" t="s">
        <v>10</v>
      </c>
      <c r="B1936" s="8"/>
      <c r="C1936" s="8"/>
      <c r="D1936" t="s">
        <v>77</v>
      </c>
      <c r="E1936" s="8" t="s">
        <v>31</v>
      </c>
      <c r="F1936" t="s">
        <v>64</v>
      </c>
      <c r="G1936" t="s">
        <v>79</v>
      </c>
      <c r="H1936" t="s">
        <v>64</v>
      </c>
      <c r="I1936" s="8">
        <v>2032</v>
      </c>
      <c r="J1936" t="s">
        <v>50</v>
      </c>
      <c r="K1936" s="10">
        <v>0</v>
      </c>
      <c r="L1936">
        <v>0</v>
      </c>
      <c r="M1936" s="10">
        <v>0</v>
      </c>
      <c r="N1936">
        <v>0</v>
      </c>
    </row>
    <row r="1937" spans="1:14" hidden="1">
      <c r="A1937" s="7" t="s">
        <v>10</v>
      </c>
      <c r="B1937" s="8"/>
      <c r="C1937" s="8"/>
      <c r="D1937" t="s">
        <v>77</v>
      </c>
      <c r="E1937" s="8" t="s">
        <v>31</v>
      </c>
      <c r="F1937" t="s">
        <v>64</v>
      </c>
      <c r="G1937" t="s">
        <v>19</v>
      </c>
      <c r="H1937" t="s">
        <v>64</v>
      </c>
      <c r="I1937" s="8">
        <v>2032</v>
      </c>
      <c r="J1937" t="s">
        <v>19</v>
      </c>
      <c r="K1937" s="10">
        <v>0</v>
      </c>
      <c r="L1937">
        <v>0</v>
      </c>
      <c r="M1937" s="10">
        <v>0</v>
      </c>
      <c r="N1937">
        <v>0</v>
      </c>
    </row>
    <row r="1938" spans="1:14" hidden="1">
      <c r="A1938" s="7" t="s">
        <v>10</v>
      </c>
      <c r="B1938" s="8"/>
      <c r="C1938" s="8"/>
      <c r="D1938" t="s">
        <v>77</v>
      </c>
      <c r="E1938" s="8" t="s">
        <v>31</v>
      </c>
      <c r="F1938" t="s">
        <v>64</v>
      </c>
      <c r="G1938" t="s">
        <v>78</v>
      </c>
      <c r="H1938" t="s">
        <v>64</v>
      </c>
      <c r="I1938" s="8">
        <v>2032</v>
      </c>
      <c r="J1938" t="s">
        <v>21</v>
      </c>
      <c r="K1938" s="10">
        <v>10268</v>
      </c>
      <c r="L1938">
        <v>0</v>
      </c>
      <c r="M1938" s="10">
        <v>10268</v>
      </c>
      <c r="N1938">
        <v>0</v>
      </c>
    </row>
    <row r="1939" spans="1:14" hidden="1">
      <c r="A1939" s="7" t="s">
        <v>10</v>
      </c>
      <c r="B1939" s="8"/>
      <c r="C1939" s="8"/>
      <c r="D1939" t="s">
        <v>77</v>
      </c>
      <c r="E1939" s="8" t="s">
        <v>31</v>
      </c>
      <c r="F1939" t="s">
        <v>64</v>
      </c>
      <c r="G1939" t="s">
        <v>78</v>
      </c>
      <c r="H1939" t="s">
        <v>64</v>
      </c>
      <c r="I1939" s="8">
        <v>2032</v>
      </c>
      <c r="J1939" t="s">
        <v>51</v>
      </c>
      <c r="K1939" s="10">
        <v>1100</v>
      </c>
      <c r="L1939">
        <v>0</v>
      </c>
      <c r="M1939" s="10">
        <v>1100</v>
      </c>
      <c r="N1939">
        <v>0</v>
      </c>
    </row>
    <row r="1940" spans="1:14" hidden="1">
      <c r="A1940" s="7" t="s">
        <v>10</v>
      </c>
      <c r="B1940" s="8"/>
      <c r="C1940" s="8"/>
      <c r="D1940" t="s">
        <v>77</v>
      </c>
      <c r="E1940" s="8" t="s">
        <v>31</v>
      </c>
      <c r="F1940" t="s">
        <v>64</v>
      </c>
      <c r="G1940" t="s">
        <v>78</v>
      </c>
      <c r="H1940" t="s">
        <v>64</v>
      </c>
      <c r="I1940" s="8">
        <v>2033</v>
      </c>
      <c r="J1940" t="s">
        <v>47</v>
      </c>
      <c r="K1940" s="10">
        <v>0</v>
      </c>
      <c r="L1940">
        <v>0</v>
      </c>
      <c r="M1940" s="10">
        <v>0</v>
      </c>
      <c r="N1940">
        <v>0</v>
      </c>
    </row>
    <row r="1941" spans="1:14" hidden="1">
      <c r="A1941" s="7" t="s">
        <v>10</v>
      </c>
      <c r="B1941" s="8"/>
      <c r="C1941" s="8"/>
      <c r="D1941" t="s">
        <v>77</v>
      </c>
      <c r="E1941" s="8" t="s">
        <v>31</v>
      </c>
      <c r="F1941" t="s">
        <v>64</v>
      </c>
      <c r="G1941" t="s">
        <v>78</v>
      </c>
      <c r="H1941" t="s">
        <v>64</v>
      </c>
      <c r="I1941" s="8">
        <v>2033</v>
      </c>
      <c r="J1941" t="s">
        <v>48</v>
      </c>
      <c r="K1941" s="10">
        <v>0</v>
      </c>
      <c r="L1941">
        <v>0</v>
      </c>
      <c r="M1941" s="10">
        <v>0</v>
      </c>
      <c r="N1941">
        <v>0</v>
      </c>
    </row>
    <row r="1942" spans="1:14" hidden="1">
      <c r="A1942" s="7" t="s">
        <v>10</v>
      </c>
      <c r="B1942" s="8"/>
      <c r="C1942" s="8"/>
      <c r="D1942" t="s">
        <v>77</v>
      </c>
      <c r="E1942" s="8" t="s">
        <v>31</v>
      </c>
      <c r="F1942" t="s">
        <v>64</v>
      </c>
      <c r="G1942" t="s">
        <v>78</v>
      </c>
      <c r="H1942" t="s">
        <v>64</v>
      </c>
      <c r="I1942" s="8">
        <v>2033</v>
      </c>
      <c r="J1942" t="s">
        <v>14</v>
      </c>
      <c r="K1942" s="10">
        <v>0</v>
      </c>
      <c r="L1942">
        <v>0</v>
      </c>
      <c r="M1942" s="10">
        <v>0</v>
      </c>
      <c r="N1942">
        <v>0</v>
      </c>
    </row>
    <row r="1943" spans="1:14" hidden="1">
      <c r="A1943" s="7" t="s">
        <v>10</v>
      </c>
      <c r="B1943" s="8"/>
      <c r="C1943" s="8"/>
      <c r="D1943" t="s">
        <v>77</v>
      </c>
      <c r="E1943" s="8" t="s">
        <v>31</v>
      </c>
      <c r="F1943" t="s">
        <v>64</v>
      </c>
      <c r="G1943" t="s">
        <v>78</v>
      </c>
      <c r="H1943" t="s">
        <v>64</v>
      </c>
      <c r="I1943" s="8">
        <v>2033</v>
      </c>
      <c r="J1943" t="s">
        <v>49</v>
      </c>
      <c r="K1943" s="10">
        <v>0</v>
      </c>
      <c r="L1943">
        <v>0</v>
      </c>
      <c r="M1943" s="10">
        <v>0</v>
      </c>
      <c r="N1943">
        <v>0</v>
      </c>
    </row>
    <row r="1944" spans="1:14" hidden="1">
      <c r="A1944" s="7" t="s">
        <v>10</v>
      </c>
      <c r="B1944" s="8"/>
      <c r="C1944" s="8"/>
      <c r="D1944" t="s">
        <v>77</v>
      </c>
      <c r="E1944" s="8" t="s">
        <v>31</v>
      </c>
      <c r="F1944" t="s">
        <v>64</v>
      </c>
      <c r="G1944" t="s">
        <v>79</v>
      </c>
      <c r="H1944" t="s">
        <v>64</v>
      </c>
      <c r="I1944" s="8">
        <v>2033</v>
      </c>
      <c r="J1944" t="s">
        <v>15</v>
      </c>
      <c r="K1944" s="10">
        <v>0</v>
      </c>
      <c r="L1944">
        <v>0</v>
      </c>
      <c r="M1944" s="10">
        <v>0</v>
      </c>
      <c r="N1944">
        <v>0</v>
      </c>
    </row>
    <row r="1945" spans="1:14" hidden="1">
      <c r="A1945" s="7" t="s">
        <v>10</v>
      </c>
      <c r="B1945" s="8"/>
      <c r="C1945" s="8"/>
      <c r="D1945" t="s">
        <v>77</v>
      </c>
      <c r="E1945" s="8" t="s">
        <v>31</v>
      </c>
      <c r="F1945" t="s">
        <v>64</v>
      </c>
      <c r="G1945" t="s">
        <v>79</v>
      </c>
      <c r="H1945" t="s">
        <v>64</v>
      </c>
      <c r="I1945" s="8">
        <v>2033</v>
      </c>
      <c r="J1945" t="s">
        <v>50</v>
      </c>
      <c r="K1945" s="10">
        <v>0</v>
      </c>
      <c r="L1945">
        <v>0</v>
      </c>
      <c r="M1945" s="10">
        <v>0</v>
      </c>
      <c r="N1945">
        <v>0</v>
      </c>
    </row>
    <row r="1946" spans="1:14" hidden="1">
      <c r="A1946" s="7" t="s">
        <v>10</v>
      </c>
      <c r="B1946" s="8"/>
      <c r="C1946" s="8"/>
      <c r="D1946" t="s">
        <v>77</v>
      </c>
      <c r="E1946" s="8" t="s">
        <v>31</v>
      </c>
      <c r="F1946" t="s">
        <v>64</v>
      </c>
      <c r="G1946" t="s">
        <v>19</v>
      </c>
      <c r="H1946" t="s">
        <v>64</v>
      </c>
      <c r="I1946" s="8">
        <v>2033</v>
      </c>
      <c r="J1946" t="s">
        <v>19</v>
      </c>
      <c r="K1946" s="10">
        <v>0</v>
      </c>
      <c r="L1946">
        <v>0</v>
      </c>
      <c r="M1946" s="10">
        <v>0</v>
      </c>
      <c r="N1946">
        <v>0</v>
      </c>
    </row>
    <row r="1947" spans="1:14" hidden="1">
      <c r="A1947" s="7" t="s">
        <v>10</v>
      </c>
      <c r="B1947" s="8"/>
      <c r="C1947" s="8"/>
      <c r="D1947" t="s">
        <v>77</v>
      </c>
      <c r="E1947" s="8" t="s">
        <v>31</v>
      </c>
      <c r="F1947" t="s">
        <v>64</v>
      </c>
      <c r="G1947" t="s">
        <v>78</v>
      </c>
      <c r="H1947" t="s">
        <v>64</v>
      </c>
      <c r="I1947" s="8">
        <v>2033</v>
      </c>
      <c r="J1947" t="s">
        <v>21</v>
      </c>
      <c r="K1947" s="10">
        <v>10209</v>
      </c>
      <c r="L1947">
        <v>0</v>
      </c>
      <c r="M1947" s="10">
        <v>10209</v>
      </c>
      <c r="N1947">
        <v>0</v>
      </c>
    </row>
    <row r="1948" spans="1:14" hidden="1">
      <c r="A1948" s="7" t="s">
        <v>10</v>
      </c>
      <c r="B1948" s="8"/>
      <c r="C1948" s="8"/>
      <c r="D1948" t="s">
        <v>77</v>
      </c>
      <c r="E1948" s="8" t="s">
        <v>31</v>
      </c>
      <c r="F1948" t="s">
        <v>64</v>
      </c>
      <c r="G1948" t="s">
        <v>78</v>
      </c>
      <c r="H1948" t="s">
        <v>64</v>
      </c>
      <c r="I1948" s="8">
        <v>2033</v>
      </c>
      <c r="J1948" t="s">
        <v>51</v>
      </c>
      <c r="K1948" s="10">
        <v>1100</v>
      </c>
      <c r="L1948">
        <v>0</v>
      </c>
      <c r="M1948" s="10">
        <v>1100</v>
      </c>
      <c r="N1948">
        <v>0</v>
      </c>
    </row>
    <row r="1949" spans="1:14" hidden="1">
      <c r="A1949" s="7" t="s">
        <v>10</v>
      </c>
      <c r="B1949" s="8"/>
      <c r="C1949" s="8"/>
      <c r="D1949" t="s">
        <v>77</v>
      </c>
      <c r="E1949" s="8" t="s">
        <v>39</v>
      </c>
      <c r="F1949" t="s">
        <v>64</v>
      </c>
      <c r="G1949" t="s">
        <v>78</v>
      </c>
      <c r="H1949" t="s">
        <v>64</v>
      </c>
      <c r="I1949" s="8">
        <v>2025</v>
      </c>
      <c r="J1949" t="s">
        <v>47</v>
      </c>
      <c r="K1949" s="10">
        <v>0</v>
      </c>
      <c r="L1949">
        <v>0</v>
      </c>
      <c r="M1949" s="10">
        <v>0</v>
      </c>
      <c r="N1949">
        <v>0</v>
      </c>
    </row>
    <row r="1950" spans="1:14" hidden="1">
      <c r="A1950" s="7" t="s">
        <v>10</v>
      </c>
      <c r="B1950" s="8"/>
      <c r="C1950" s="8"/>
      <c r="D1950" t="s">
        <v>77</v>
      </c>
      <c r="E1950" s="8" t="s">
        <v>39</v>
      </c>
      <c r="F1950" t="s">
        <v>64</v>
      </c>
      <c r="G1950" t="s">
        <v>78</v>
      </c>
      <c r="H1950" t="s">
        <v>64</v>
      </c>
      <c r="I1950" s="8">
        <v>2025</v>
      </c>
      <c r="J1950" t="s">
        <v>48</v>
      </c>
      <c r="K1950" s="10">
        <v>0</v>
      </c>
      <c r="L1950">
        <v>0</v>
      </c>
      <c r="M1950" s="10">
        <v>0</v>
      </c>
      <c r="N1950">
        <v>0</v>
      </c>
    </row>
    <row r="1951" spans="1:14" hidden="1">
      <c r="A1951" s="7" t="s">
        <v>10</v>
      </c>
      <c r="B1951" s="8"/>
      <c r="C1951" s="8"/>
      <c r="D1951" t="s">
        <v>77</v>
      </c>
      <c r="E1951" s="8" t="s">
        <v>39</v>
      </c>
      <c r="F1951" t="s">
        <v>64</v>
      </c>
      <c r="G1951" t="s">
        <v>78</v>
      </c>
      <c r="H1951" t="s">
        <v>64</v>
      </c>
      <c r="I1951" s="8">
        <v>2025</v>
      </c>
      <c r="J1951" t="s">
        <v>14</v>
      </c>
      <c r="K1951" s="10">
        <v>0</v>
      </c>
      <c r="L1951">
        <v>0</v>
      </c>
      <c r="M1951" s="10">
        <v>0</v>
      </c>
      <c r="N1951">
        <v>0</v>
      </c>
    </row>
    <row r="1952" spans="1:14" hidden="1">
      <c r="A1952" s="7" t="s">
        <v>10</v>
      </c>
      <c r="B1952" s="8"/>
      <c r="C1952" s="8"/>
      <c r="D1952" t="s">
        <v>77</v>
      </c>
      <c r="E1952" s="8" t="s">
        <v>39</v>
      </c>
      <c r="F1952" t="s">
        <v>64</v>
      </c>
      <c r="G1952" t="s">
        <v>78</v>
      </c>
      <c r="H1952" t="s">
        <v>64</v>
      </c>
      <c r="I1952" s="8">
        <v>2025</v>
      </c>
      <c r="J1952" t="s">
        <v>49</v>
      </c>
      <c r="K1952" s="10">
        <v>0</v>
      </c>
      <c r="L1952">
        <v>0</v>
      </c>
      <c r="M1952" s="10">
        <v>0</v>
      </c>
      <c r="N1952">
        <v>0</v>
      </c>
    </row>
    <row r="1953" spans="1:14" hidden="1">
      <c r="A1953" s="7" t="s">
        <v>10</v>
      </c>
      <c r="B1953" s="8"/>
      <c r="C1953" s="8"/>
      <c r="D1953" t="s">
        <v>77</v>
      </c>
      <c r="E1953" s="8" t="s">
        <v>39</v>
      </c>
      <c r="F1953" t="s">
        <v>64</v>
      </c>
      <c r="G1953" t="s">
        <v>79</v>
      </c>
      <c r="H1953" t="s">
        <v>64</v>
      </c>
      <c r="I1953" s="8">
        <v>2025</v>
      </c>
      <c r="J1953" t="s">
        <v>15</v>
      </c>
      <c r="K1953" s="10">
        <v>0</v>
      </c>
      <c r="L1953">
        <v>0</v>
      </c>
      <c r="M1953" s="10">
        <v>0</v>
      </c>
      <c r="N1953">
        <v>0</v>
      </c>
    </row>
    <row r="1954" spans="1:14" hidden="1">
      <c r="A1954" s="7" t="s">
        <v>10</v>
      </c>
      <c r="B1954" s="8"/>
      <c r="C1954" s="8"/>
      <c r="D1954" t="s">
        <v>77</v>
      </c>
      <c r="E1954" s="8" t="s">
        <v>39</v>
      </c>
      <c r="F1954" t="s">
        <v>64</v>
      </c>
      <c r="G1954" t="s">
        <v>79</v>
      </c>
      <c r="H1954" t="s">
        <v>64</v>
      </c>
      <c r="I1954" s="8">
        <v>2025</v>
      </c>
      <c r="J1954" t="s">
        <v>50</v>
      </c>
      <c r="K1954" s="10">
        <v>0</v>
      </c>
      <c r="L1954">
        <v>0</v>
      </c>
      <c r="M1954" s="10">
        <v>0</v>
      </c>
      <c r="N1954">
        <v>0</v>
      </c>
    </row>
    <row r="1955" spans="1:14" hidden="1">
      <c r="A1955" s="7" t="s">
        <v>10</v>
      </c>
      <c r="B1955" s="8"/>
      <c r="C1955" s="8"/>
      <c r="D1955" t="s">
        <v>77</v>
      </c>
      <c r="E1955" s="8" t="s">
        <v>39</v>
      </c>
      <c r="F1955" t="s">
        <v>64</v>
      </c>
      <c r="G1955" t="s">
        <v>19</v>
      </c>
      <c r="H1955" t="s">
        <v>64</v>
      </c>
      <c r="I1955" s="8">
        <v>2025</v>
      </c>
      <c r="J1955" t="s">
        <v>19</v>
      </c>
      <c r="K1955" s="10">
        <v>0</v>
      </c>
      <c r="L1955">
        <v>0</v>
      </c>
      <c r="M1955" s="10">
        <v>0</v>
      </c>
      <c r="N1955">
        <v>0</v>
      </c>
    </row>
    <row r="1956" spans="1:14" hidden="1">
      <c r="A1956" s="7" t="s">
        <v>10</v>
      </c>
      <c r="B1956" s="8"/>
      <c r="C1956" s="8"/>
      <c r="D1956" t="s">
        <v>77</v>
      </c>
      <c r="E1956" s="8" t="s">
        <v>39</v>
      </c>
      <c r="F1956" t="s">
        <v>64</v>
      </c>
      <c r="G1956" t="s">
        <v>78</v>
      </c>
      <c r="H1956" t="s">
        <v>64</v>
      </c>
      <c r="I1956" s="8">
        <v>2025</v>
      </c>
      <c r="J1956" t="s">
        <v>21</v>
      </c>
      <c r="K1956" s="10">
        <v>2680</v>
      </c>
      <c r="L1956">
        <v>0</v>
      </c>
      <c r="M1956" s="10">
        <v>2680</v>
      </c>
      <c r="N1956">
        <v>0</v>
      </c>
    </row>
    <row r="1957" spans="1:14" hidden="1">
      <c r="A1957" s="7" t="s">
        <v>10</v>
      </c>
      <c r="B1957" s="8"/>
      <c r="C1957" s="8"/>
      <c r="D1957" t="s">
        <v>77</v>
      </c>
      <c r="E1957" s="8" t="s">
        <v>39</v>
      </c>
      <c r="F1957" t="s">
        <v>64</v>
      </c>
      <c r="G1957" t="s">
        <v>78</v>
      </c>
      <c r="H1957" t="s">
        <v>64</v>
      </c>
      <c r="I1957" s="8">
        <v>2025</v>
      </c>
      <c r="J1957" t="s">
        <v>51</v>
      </c>
      <c r="K1957" s="10">
        <v>0</v>
      </c>
      <c r="L1957">
        <v>0</v>
      </c>
      <c r="M1957" s="10">
        <v>0</v>
      </c>
      <c r="N1957">
        <v>0</v>
      </c>
    </row>
    <row r="1958" spans="1:14" hidden="1">
      <c r="A1958" s="7" t="s">
        <v>10</v>
      </c>
      <c r="B1958" s="8"/>
      <c r="C1958" s="8"/>
      <c r="D1958" t="s">
        <v>77</v>
      </c>
      <c r="E1958" s="8" t="s">
        <v>39</v>
      </c>
      <c r="F1958" t="s">
        <v>64</v>
      </c>
      <c r="G1958" t="s">
        <v>78</v>
      </c>
      <c r="H1958" t="s">
        <v>64</v>
      </c>
      <c r="I1958" s="8">
        <v>2026</v>
      </c>
      <c r="J1958" t="s">
        <v>47</v>
      </c>
      <c r="K1958" s="10">
        <v>0</v>
      </c>
      <c r="L1958">
        <v>0</v>
      </c>
      <c r="M1958" s="10">
        <v>0</v>
      </c>
      <c r="N1958">
        <v>0</v>
      </c>
    </row>
    <row r="1959" spans="1:14" hidden="1">
      <c r="A1959" s="7" t="s">
        <v>10</v>
      </c>
      <c r="B1959" s="8"/>
      <c r="C1959" s="8"/>
      <c r="D1959" t="s">
        <v>77</v>
      </c>
      <c r="E1959" s="8" t="s">
        <v>39</v>
      </c>
      <c r="F1959" t="s">
        <v>64</v>
      </c>
      <c r="G1959" t="s">
        <v>78</v>
      </c>
      <c r="H1959" t="s">
        <v>64</v>
      </c>
      <c r="I1959" s="8">
        <v>2026</v>
      </c>
      <c r="J1959" t="s">
        <v>48</v>
      </c>
      <c r="K1959" s="10">
        <v>0</v>
      </c>
      <c r="L1959">
        <v>0</v>
      </c>
      <c r="M1959" s="10">
        <v>0</v>
      </c>
      <c r="N1959">
        <v>0</v>
      </c>
    </row>
    <row r="1960" spans="1:14" hidden="1">
      <c r="A1960" s="7" t="s">
        <v>10</v>
      </c>
      <c r="B1960" s="8"/>
      <c r="C1960" s="8"/>
      <c r="D1960" t="s">
        <v>77</v>
      </c>
      <c r="E1960" s="8" t="s">
        <v>39</v>
      </c>
      <c r="F1960" t="s">
        <v>64</v>
      </c>
      <c r="G1960" t="s">
        <v>78</v>
      </c>
      <c r="H1960" t="s">
        <v>64</v>
      </c>
      <c r="I1960" s="8">
        <v>2026</v>
      </c>
      <c r="J1960" t="s">
        <v>14</v>
      </c>
      <c r="K1960" s="10">
        <v>0</v>
      </c>
      <c r="L1960">
        <v>0</v>
      </c>
      <c r="M1960" s="10">
        <v>0</v>
      </c>
      <c r="N1960">
        <v>0</v>
      </c>
    </row>
    <row r="1961" spans="1:14" hidden="1">
      <c r="A1961" s="7" t="s">
        <v>10</v>
      </c>
      <c r="B1961" s="8"/>
      <c r="C1961" s="8"/>
      <c r="D1961" t="s">
        <v>77</v>
      </c>
      <c r="E1961" s="8" t="s">
        <v>39</v>
      </c>
      <c r="F1961" t="s">
        <v>64</v>
      </c>
      <c r="G1961" t="s">
        <v>78</v>
      </c>
      <c r="H1961" t="s">
        <v>64</v>
      </c>
      <c r="I1961" s="8">
        <v>2026</v>
      </c>
      <c r="J1961" t="s">
        <v>49</v>
      </c>
      <c r="K1961" s="10">
        <v>0</v>
      </c>
      <c r="L1961">
        <v>0</v>
      </c>
      <c r="M1961" s="10">
        <v>0</v>
      </c>
      <c r="N1961">
        <v>0</v>
      </c>
    </row>
    <row r="1962" spans="1:14" hidden="1">
      <c r="A1962" s="7" t="s">
        <v>10</v>
      </c>
      <c r="B1962" s="8"/>
      <c r="C1962" s="8"/>
      <c r="D1962" t="s">
        <v>77</v>
      </c>
      <c r="E1962" s="8" t="s">
        <v>39</v>
      </c>
      <c r="F1962" t="s">
        <v>64</v>
      </c>
      <c r="G1962" t="s">
        <v>79</v>
      </c>
      <c r="H1962" t="s">
        <v>64</v>
      </c>
      <c r="I1962" s="8">
        <v>2026</v>
      </c>
      <c r="J1962" t="s">
        <v>15</v>
      </c>
      <c r="K1962" s="10">
        <v>0</v>
      </c>
      <c r="L1962">
        <v>0</v>
      </c>
      <c r="M1962" s="10">
        <v>0</v>
      </c>
      <c r="N1962">
        <v>0</v>
      </c>
    </row>
    <row r="1963" spans="1:14" hidden="1">
      <c r="A1963" s="7" t="s">
        <v>10</v>
      </c>
      <c r="B1963" s="8"/>
      <c r="C1963" s="8"/>
      <c r="D1963" t="s">
        <v>77</v>
      </c>
      <c r="E1963" s="8" t="s">
        <v>39</v>
      </c>
      <c r="F1963" t="s">
        <v>64</v>
      </c>
      <c r="G1963" t="s">
        <v>79</v>
      </c>
      <c r="H1963" t="s">
        <v>64</v>
      </c>
      <c r="I1963" s="8">
        <v>2026</v>
      </c>
      <c r="J1963" t="s">
        <v>50</v>
      </c>
      <c r="K1963" s="10">
        <v>0</v>
      </c>
      <c r="L1963">
        <v>0</v>
      </c>
      <c r="M1963" s="10">
        <v>0</v>
      </c>
      <c r="N1963">
        <v>0</v>
      </c>
    </row>
    <row r="1964" spans="1:14" hidden="1">
      <c r="A1964" s="7" t="s">
        <v>10</v>
      </c>
      <c r="B1964" s="8"/>
      <c r="C1964" s="8"/>
      <c r="D1964" t="s">
        <v>77</v>
      </c>
      <c r="E1964" s="8" t="s">
        <v>39</v>
      </c>
      <c r="F1964" t="s">
        <v>64</v>
      </c>
      <c r="G1964" t="s">
        <v>19</v>
      </c>
      <c r="H1964" t="s">
        <v>64</v>
      </c>
      <c r="I1964" s="8">
        <v>2026</v>
      </c>
      <c r="J1964" t="s">
        <v>19</v>
      </c>
      <c r="K1964" s="10">
        <v>0</v>
      </c>
      <c r="L1964">
        <v>0</v>
      </c>
      <c r="M1964" s="10">
        <v>0</v>
      </c>
      <c r="N1964">
        <v>0</v>
      </c>
    </row>
    <row r="1965" spans="1:14" hidden="1">
      <c r="A1965" s="7" t="s">
        <v>10</v>
      </c>
      <c r="B1965" s="8"/>
      <c r="C1965" s="8"/>
      <c r="D1965" t="s">
        <v>77</v>
      </c>
      <c r="E1965" s="8" t="s">
        <v>39</v>
      </c>
      <c r="F1965" t="s">
        <v>64</v>
      </c>
      <c r="G1965" t="s">
        <v>78</v>
      </c>
      <c r="H1965" t="s">
        <v>64</v>
      </c>
      <c r="I1965" s="8">
        <v>2026</v>
      </c>
      <c r="J1965" t="s">
        <v>21</v>
      </c>
      <c r="K1965" s="10">
        <v>2680</v>
      </c>
      <c r="L1965">
        <v>0</v>
      </c>
      <c r="M1965" s="10">
        <v>2680</v>
      </c>
      <c r="N1965">
        <v>0</v>
      </c>
    </row>
    <row r="1966" spans="1:14" hidden="1">
      <c r="A1966" s="7" t="s">
        <v>10</v>
      </c>
      <c r="B1966" s="8"/>
      <c r="C1966" s="8"/>
      <c r="D1966" t="s">
        <v>77</v>
      </c>
      <c r="E1966" s="8" t="s">
        <v>39</v>
      </c>
      <c r="F1966" t="s">
        <v>64</v>
      </c>
      <c r="G1966" t="s">
        <v>78</v>
      </c>
      <c r="H1966" t="s">
        <v>64</v>
      </c>
      <c r="I1966" s="8">
        <v>2026</v>
      </c>
      <c r="J1966" t="s">
        <v>51</v>
      </c>
      <c r="K1966" s="10">
        <v>0</v>
      </c>
      <c r="L1966">
        <v>0</v>
      </c>
      <c r="M1966" s="10">
        <v>0</v>
      </c>
      <c r="N1966">
        <v>0</v>
      </c>
    </row>
    <row r="1967" spans="1:14" hidden="1">
      <c r="A1967" s="7" t="s">
        <v>10</v>
      </c>
      <c r="B1967" s="8"/>
      <c r="C1967" s="8"/>
      <c r="D1967" t="s">
        <v>77</v>
      </c>
      <c r="E1967" s="8" t="s">
        <v>39</v>
      </c>
      <c r="F1967" t="s">
        <v>64</v>
      </c>
      <c r="G1967" t="s">
        <v>78</v>
      </c>
      <c r="H1967" t="s">
        <v>64</v>
      </c>
      <c r="I1967" s="8">
        <v>2027</v>
      </c>
      <c r="J1967" t="s">
        <v>47</v>
      </c>
      <c r="K1967" s="10">
        <v>0</v>
      </c>
      <c r="L1967">
        <v>0</v>
      </c>
      <c r="M1967" s="10">
        <v>0</v>
      </c>
      <c r="N1967">
        <v>0</v>
      </c>
    </row>
    <row r="1968" spans="1:14" hidden="1">
      <c r="A1968" s="7" t="s">
        <v>10</v>
      </c>
      <c r="B1968" s="8"/>
      <c r="C1968" s="8"/>
      <c r="D1968" t="s">
        <v>77</v>
      </c>
      <c r="E1968" s="8" t="s">
        <v>39</v>
      </c>
      <c r="F1968" t="s">
        <v>64</v>
      </c>
      <c r="G1968" t="s">
        <v>78</v>
      </c>
      <c r="H1968" t="s">
        <v>64</v>
      </c>
      <c r="I1968" s="8">
        <v>2027</v>
      </c>
      <c r="J1968" t="s">
        <v>48</v>
      </c>
      <c r="K1968" s="10">
        <v>0</v>
      </c>
      <c r="L1968">
        <v>0</v>
      </c>
      <c r="M1968" s="10">
        <v>0</v>
      </c>
      <c r="N1968">
        <v>0</v>
      </c>
    </row>
    <row r="1969" spans="1:14" hidden="1">
      <c r="A1969" s="7" t="s">
        <v>10</v>
      </c>
      <c r="B1969" s="8"/>
      <c r="C1969" s="8"/>
      <c r="D1969" t="s">
        <v>77</v>
      </c>
      <c r="E1969" s="8" t="s">
        <v>39</v>
      </c>
      <c r="F1969" t="s">
        <v>64</v>
      </c>
      <c r="G1969" t="s">
        <v>78</v>
      </c>
      <c r="H1969" t="s">
        <v>64</v>
      </c>
      <c r="I1969" s="8">
        <v>2027</v>
      </c>
      <c r="J1969" t="s">
        <v>14</v>
      </c>
      <c r="K1969" s="10">
        <v>0</v>
      </c>
      <c r="L1969">
        <v>0</v>
      </c>
      <c r="M1969" s="10">
        <v>0</v>
      </c>
      <c r="N1969">
        <v>0</v>
      </c>
    </row>
    <row r="1970" spans="1:14" hidden="1">
      <c r="A1970" s="7" t="s">
        <v>10</v>
      </c>
      <c r="B1970" s="8"/>
      <c r="C1970" s="8"/>
      <c r="D1970" t="s">
        <v>77</v>
      </c>
      <c r="E1970" s="8" t="s">
        <v>39</v>
      </c>
      <c r="F1970" t="s">
        <v>64</v>
      </c>
      <c r="G1970" t="s">
        <v>78</v>
      </c>
      <c r="H1970" t="s">
        <v>64</v>
      </c>
      <c r="I1970" s="8">
        <v>2027</v>
      </c>
      <c r="J1970" t="s">
        <v>49</v>
      </c>
      <c r="K1970" s="10">
        <v>0</v>
      </c>
      <c r="L1970">
        <v>0</v>
      </c>
      <c r="M1970" s="10">
        <v>0</v>
      </c>
      <c r="N1970">
        <v>0</v>
      </c>
    </row>
    <row r="1971" spans="1:14" hidden="1">
      <c r="A1971" s="7" t="s">
        <v>10</v>
      </c>
      <c r="B1971" s="8"/>
      <c r="C1971" s="8"/>
      <c r="D1971" t="s">
        <v>77</v>
      </c>
      <c r="E1971" s="8" t="s">
        <v>39</v>
      </c>
      <c r="F1971" t="s">
        <v>64</v>
      </c>
      <c r="G1971" t="s">
        <v>79</v>
      </c>
      <c r="H1971" t="s">
        <v>64</v>
      </c>
      <c r="I1971" s="8">
        <v>2027</v>
      </c>
      <c r="J1971" t="s">
        <v>15</v>
      </c>
      <c r="K1971" s="10">
        <v>0</v>
      </c>
      <c r="L1971">
        <v>0</v>
      </c>
      <c r="M1971" s="10">
        <v>0</v>
      </c>
      <c r="N1971">
        <v>0</v>
      </c>
    </row>
    <row r="1972" spans="1:14" hidden="1">
      <c r="A1972" s="7" t="s">
        <v>10</v>
      </c>
      <c r="B1972" s="8"/>
      <c r="C1972" s="8"/>
      <c r="D1972" t="s">
        <v>77</v>
      </c>
      <c r="E1972" s="8" t="s">
        <v>39</v>
      </c>
      <c r="F1972" t="s">
        <v>64</v>
      </c>
      <c r="G1972" t="s">
        <v>79</v>
      </c>
      <c r="H1972" t="s">
        <v>64</v>
      </c>
      <c r="I1972" s="8">
        <v>2027</v>
      </c>
      <c r="J1972" t="s">
        <v>50</v>
      </c>
      <c r="K1972" s="10">
        <v>0</v>
      </c>
      <c r="L1972">
        <v>0</v>
      </c>
      <c r="M1972" s="10">
        <v>0</v>
      </c>
      <c r="N1972">
        <v>0</v>
      </c>
    </row>
    <row r="1973" spans="1:14" hidden="1">
      <c r="A1973" s="7" t="s">
        <v>10</v>
      </c>
      <c r="B1973" s="8"/>
      <c r="C1973" s="8"/>
      <c r="D1973" t="s">
        <v>77</v>
      </c>
      <c r="E1973" s="8" t="s">
        <v>39</v>
      </c>
      <c r="F1973" t="s">
        <v>64</v>
      </c>
      <c r="G1973" t="s">
        <v>19</v>
      </c>
      <c r="H1973" t="s">
        <v>64</v>
      </c>
      <c r="I1973" s="8">
        <v>2027</v>
      </c>
      <c r="J1973" t="s">
        <v>19</v>
      </c>
      <c r="K1973" s="10">
        <v>0</v>
      </c>
      <c r="L1973">
        <v>0</v>
      </c>
      <c r="M1973" s="10">
        <v>0</v>
      </c>
      <c r="N1973">
        <v>0</v>
      </c>
    </row>
    <row r="1974" spans="1:14" hidden="1">
      <c r="A1974" s="7" t="s">
        <v>10</v>
      </c>
      <c r="B1974" s="8"/>
      <c r="C1974" s="8"/>
      <c r="D1974" t="s">
        <v>77</v>
      </c>
      <c r="E1974" s="8" t="s">
        <v>39</v>
      </c>
      <c r="F1974" t="s">
        <v>64</v>
      </c>
      <c r="G1974" t="s">
        <v>78</v>
      </c>
      <c r="H1974" t="s">
        <v>64</v>
      </c>
      <c r="I1974" s="8">
        <v>2027</v>
      </c>
      <c r="J1974" t="s">
        <v>21</v>
      </c>
      <c r="K1974" s="10">
        <v>2680</v>
      </c>
      <c r="L1974">
        <v>0</v>
      </c>
      <c r="M1974" s="10">
        <v>2680</v>
      </c>
      <c r="N1974">
        <v>0</v>
      </c>
    </row>
    <row r="1975" spans="1:14" hidden="1">
      <c r="A1975" s="7" t="s">
        <v>10</v>
      </c>
      <c r="B1975" s="8"/>
      <c r="C1975" s="8"/>
      <c r="D1975" t="s">
        <v>77</v>
      </c>
      <c r="E1975" s="8" t="s">
        <v>39</v>
      </c>
      <c r="F1975" t="s">
        <v>64</v>
      </c>
      <c r="G1975" t="s">
        <v>78</v>
      </c>
      <c r="H1975" t="s">
        <v>64</v>
      </c>
      <c r="I1975" s="8">
        <v>2027</v>
      </c>
      <c r="J1975" t="s">
        <v>51</v>
      </c>
      <c r="K1975" s="10">
        <v>0</v>
      </c>
      <c r="L1975">
        <v>0</v>
      </c>
      <c r="M1975" s="10">
        <v>0</v>
      </c>
      <c r="N1975">
        <v>0</v>
      </c>
    </row>
    <row r="1976" spans="1:14" hidden="1">
      <c r="A1976" s="7" t="s">
        <v>10</v>
      </c>
      <c r="B1976" s="8"/>
      <c r="C1976" s="8"/>
      <c r="D1976" t="s">
        <v>77</v>
      </c>
      <c r="E1976" s="8" t="s">
        <v>39</v>
      </c>
      <c r="F1976" t="s">
        <v>64</v>
      </c>
      <c r="G1976" t="s">
        <v>78</v>
      </c>
      <c r="H1976" t="s">
        <v>64</v>
      </c>
      <c r="I1976" s="8">
        <v>2028</v>
      </c>
      <c r="J1976" t="s">
        <v>47</v>
      </c>
      <c r="K1976" s="10">
        <v>0</v>
      </c>
      <c r="L1976">
        <v>0</v>
      </c>
      <c r="M1976" s="10">
        <v>0</v>
      </c>
      <c r="N1976">
        <v>0</v>
      </c>
    </row>
    <row r="1977" spans="1:14" hidden="1">
      <c r="A1977" s="7" t="s">
        <v>10</v>
      </c>
      <c r="B1977" s="8"/>
      <c r="C1977" s="8"/>
      <c r="D1977" t="s">
        <v>77</v>
      </c>
      <c r="E1977" s="8" t="s">
        <v>39</v>
      </c>
      <c r="F1977" t="s">
        <v>64</v>
      </c>
      <c r="G1977" t="s">
        <v>78</v>
      </c>
      <c r="H1977" t="s">
        <v>64</v>
      </c>
      <c r="I1977" s="8">
        <v>2028</v>
      </c>
      <c r="J1977" t="s">
        <v>48</v>
      </c>
      <c r="K1977" s="10">
        <v>0</v>
      </c>
      <c r="L1977">
        <v>0</v>
      </c>
      <c r="M1977" s="10">
        <v>0</v>
      </c>
      <c r="N1977">
        <v>0</v>
      </c>
    </row>
    <row r="1978" spans="1:14" hidden="1">
      <c r="A1978" s="7" t="s">
        <v>10</v>
      </c>
      <c r="B1978" s="8"/>
      <c r="C1978" s="8"/>
      <c r="D1978" t="s">
        <v>77</v>
      </c>
      <c r="E1978" s="8" t="s">
        <v>39</v>
      </c>
      <c r="F1978" t="s">
        <v>64</v>
      </c>
      <c r="G1978" t="s">
        <v>78</v>
      </c>
      <c r="H1978" t="s">
        <v>64</v>
      </c>
      <c r="I1978" s="8">
        <v>2028</v>
      </c>
      <c r="J1978" t="s">
        <v>14</v>
      </c>
      <c r="K1978" s="10">
        <v>0</v>
      </c>
      <c r="L1978">
        <v>0</v>
      </c>
      <c r="M1978" s="10">
        <v>0</v>
      </c>
      <c r="N1978">
        <v>0</v>
      </c>
    </row>
    <row r="1979" spans="1:14" hidden="1">
      <c r="A1979" s="7" t="s">
        <v>10</v>
      </c>
      <c r="B1979" s="8"/>
      <c r="C1979" s="8"/>
      <c r="D1979" t="s">
        <v>77</v>
      </c>
      <c r="E1979" s="8" t="s">
        <v>39</v>
      </c>
      <c r="F1979" t="s">
        <v>64</v>
      </c>
      <c r="G1979" t="s">
        <v>78</v>
      </c>
      <c r="H1979" t="s">
        <v>64</v>
      </c>
      <c r="I1979" s="8">
        <v>2028</v>
      </c>
      <c r="J1979" t="s">
        <v>49</v>
      </c>
      <c r="K1979" s="10">
        <v>0</v>
      </c>
      <c r="L1979">
        <v>0</v>
      </c>
      <c r="M1979" s="10">
        <v>0</v>
      </c>
      <c r="N1979">
        <v>0</v>
      </c>
    </row>
    <row r="1980" spans="1:14" hidden="1">
      <c r="A1980" s="7" t="s">
        <v>10</v>
      </c>
      <c r="B1980" s="8"/>
      <c r="C1980" s="8"/>
      <c r="D1980" t="s">
        <v>77</v>
      </c>
      <c r="E1980" s="8" t="s">
        <v>39</v>
      </c>
      <c r="F1980" t="s">
        <v>64</v>
      </c>
      <c r="G1980" t="s">
        <v>79</v>
      </c>
      <c r="H1980" t="s">
        <v>64</v>
      </c>
      <c r="I1980" s="8">
        <v>2028</v>
      </c>
      <c r="J1980" t="s">
        <v>15</v>
      </c>
      <c r="K1980" s="10">
        <v>0</v>
      </c>
      <c r="L1980">
        <v>0</v>
      </c>
      <c r="M1980" s="10">
        <v>0</v>
      </c>
      <c r="N1980">
        <v>0</v>
      </c>
    </row>
    <row r="1981" spans="1:14" hidden="1">
      <c r="A1981" s="7" t="s">
        <v>10</v>
      </c>
      <c r="B1981" s="8"/>
      <c r="C1981" s="8"/>
      <c r="D1981" t="s">
        <v>77</v>
      </c>
      <c r="E1981" s="8" t="s">
        <v>39</v>
      </c>
      <c r="F1981" t="s">
        <v>64</v>
      </c>
      <c r="G1981" t="s">
        <v>79</v>
      </c>
      <c r="H1981" t="s">
        <v>64</v>
      </c>
      <c r="I1981" s="8">
        <v>2028</v>
      </c>
      <c r="J1981" t="s">
        <v>50</v>
      </c>
      <c r="K1981" s="10">
        <v>0</v>
      </c>
      <c r="L1981">
        <v>0</v>
      </c>
      <c r="M1981" s="10">
        <v>0</v>
      </c>
      <c r="N1981">
        <v>0</v>
      </c>
    </row>
    <row r="1982" spans="1:14" hidden="1">
      <c r="A1982" s="7" t="s">
        <v>10</v>
      </c>
      <c r="B1982" s="8"/>
      <c r="C1982" s="8"/>
      <c r="D1982" t="s">
        <v>77</v>
      </c>
      <c r="E1982" s="8" t="s">
        <v>39</v>
      </c>
      <c r="F1982" t="s">
        <v>64</v>
      </c>
      <c r="G1982" t="s">
        <v>19</v>
      </c>
      <c r="H1982" t="s">
        <v>64</v>
      </c>
      <c r="I1982" s="8">
        <v>2028</v>
      </c>
      <c r="J1982" t="s">
        <v>19</v>
      </c>
      <c r="K1982" s="10">
        <v>0</v>
      </c>
      <c r="L1982">
        <v>0</v>
      </c>
      <c r="M1982" s="10">
        <v>0</v>
      </c>
      <c r="N1982">
        <v>0</v>
      </c>
    </row>
    <row r="1983" spans="1:14" hidden="1">
      <c r="A1983" s="7" t="s">
        <v>10</v>
      </c>
      <c r="B1983" s="8"/>
      <c r="C1983" s="8"/>
      <c r="D1983" t="s">
        <v>77</v>
      </c>
      <c r="E1983" s="8" t="s">
        <v>39</v>
      </c>
      <c r="F1983" t="s">
        <v>64</v>
      </c>
      <c r="G1983" t="s">
        <v>78</v>
      </c>
      <c r="H1983" t="s">
        <v>64</v>
      </c>
      <c r="I1983" s="8">
        <v>2028</v>
      </c>
      <c r="J1983" t="s">
        <v>21</v>
      </c>
      <c r="K1983" s="10">
        <v>2232</v>
      </c>
      <c r="L1983">
        <v>0</v>
      </c>
      <c r="M1983" s="10">
        <v>2232</v>
      </c>
      <c r="N1983">
        <v>0</v>
      </c>
    </row>
    <row r="1984" spans="1:14" hidden="1">
      <c r="A1984" s="7" t="s">
        <v>10</v>
      </c>
      <c r="B1984" s="8"/>
      <c r="C1984" s="8"/>
      <c r="D1984" t="s">
        <v>77</v>
      </c>
      <c r="E1984" s="8" t="s">
        <v>39</v>
      </c>
      <c r="F1984" t="s">
        <v>64</v>
      </c>
      <c r="G1984" t="s">
        <v>78</v>
      </c>
      <c r="H1984" t="s">
        <v>64</v>
      </c>
      <c r="I1984" s="8">
        <v>2028</v>
      </c>
      <c r="J1984" t="s">
        <v>51</v>
      </c>
      <c r="K1984" s="10">
        <v>0</v>
      </c>
      <c r="L1984">
        <v>0</v>
      </c>
      <c r="M1984" s="10">
        <v>0</v>
      </c>
      <c r="N1984">
        <v>0</v>
      </c>
    </row>
    <row r="1985" spans="1:14" hidden="1">
      <c r="A1985" s="7" t="s">
        <v>10</v>
      </c>
      <c r="B1985" s="8"/>
      <c r="C1985" s="8"/>
      <c r="D1985" t="s">
        <v>77</v>
      </c>
      <c r="E1985" s="8" t="s">
        <v>39</v>
      </c>
      <c r="F1985" t="s">
        <v>64</v>
      </c>
      <c r="G1985" t="s">
        <v>78</v>
      </c>
      <c r="H1985" t="s">
        <v>64</v>
      </c>
      <c r="I1985" s="8">
        <v>2029</v>
      </c>
      <c r="J1985" t="s">
        <v>47</v>
      </c>
      <c r="K1985" s="10">
        <v>0</v>
      </c>
      <c r="L1985">
        <v>0</v>
      </c>
      <c r="M1985" s="10">
        <v>0</v>
      </c>
      <c r="N1985">
        <v>0</v>
      </c>
    </row>
    <row r="1986" spans="1:14" hidden="1">
      <c r="A1986" s="7" t="s">
        <v>10</v>
      </c>
      <c r="B1986" s="8"/>
      <c r="C1986" s="8"/>
      <c r="D1986" t="s">
        <v>77</v>
      </c>
      <c r="E1986" s="8" t="s">
        <v>39</v>
      </c>
      <c r="F1986" t="s">
        <v>64</v>
      </c>
      <c r="G1986" t="s">
        <v>78</v>
      </c>
      <c r="H1986" t="s">
        <v>64</v>
      </c>
      <c r="I1986" s="8">
        <v>2029</v>
      </c>
      <c r="J1986" t="s">
        <v>48</v>
      </c>
      <c r="K1986" s="10">
        <v>0</v>
      </c>
      <c r="L1986">
        <v>0</v>
      </c>
      <c r="M1986" s="10">
        <v>0</v>
      </c>
      <c r="N1986">
        <v>0</v>
      </c>
    </row>
    <row r="1987" spans="1:14" hidden="1">
      <c r="A1987" s="7" t="s">
        <v>10</v>
      </c>
      <c r="B1987" s="8"/>
      <c r="C1987" s="8"/>
      <c r="D1987" t="s">
        <v>77</v>
      </c>
      <c r="E1987" s="8" t="s">
        <v>39</v>
      </c>
      <c r="F1987" t="s">
        <v>64</v>
      </c>
      <c r="G1987" t="s">
        <v>78</v>
      </c>
      <c r="H1987" t="s">
        <v>64</v>
      </c>
      <c r="I1987" s="8">
        <v>2029</v>
      </c>
      <c r="J1987" t="s">
        <v>14</v>
      </c>
      <c r="K1987" s="10">
        <v>0</v>
      </c>
      <c r="L1987">
        <v>0</v>
      </c>
      <c r="M1987" s="10">
        <v>0</v>
      </c>
      <c r="N1987">
        <v>0</v>
      </c>
    </row>
    <row r="1988" spans="1:14" hidden="1">
      <c r="A1988" s="7" t="s">
        <v>10</v>
      </c>
      <c r="B1988" s="8"/>
      <c r="C1988" s="8"/>
      <c r="D1988" t="s">
        <v>77</v>
      </c>
      <c r="E1988" s="8" t="s">
        <v>39</v>
      </c>
      <c r="F1988" t="s">
        <v>64</v>
      </c>
      <c r="G1988" t="s">
        <v>78</v>
      </c>
      <c r="H1988" t="s">
        <v>64</v>
      </c>
      <c r="I1988" s="8">
        <v>2029</v>
      </c>
      <c r="J1988" t="s">
        <v>49</v>
      </c>
      <c r="K1988" s="10">
        <v>0</v>
      </c>
      <c r="L1988">
        <v>0</v>
      </c>
      <c r="M1988" s="10">
        <v>0</v>
      </c>
      <c r="N1988">
        <v>0</v>
      </c>
    </row>
    <row r="1989" spans="1:14" hidden="1">
      <c r="A1989" s="7" t="s">
        <v>10</v>
      </c>
      <c r="B1989" s="8"/>
      <c r="C1989" s="8"/>
      <c r="D1989" t="s">
        <v>77</v>
      </c>
      <c r="E1989" s="8" t="s">
        <v>39</v>
      </c>
      <c r="F1989" t="s">
        <v>64</v>
      </c>
      <c r="G1989" t="s">
        <v>79</v>
      </c>
      <c r="H1989" t="s">
        <v>64</v>
      </c>
      <c r="I1989" s="8">
        <v>2029</v>
      </c>
      <c r="J1989" t="s">
        <v>15</v>
      </c>
      <c r="K1989" s="10">
        <v>0</v>
      </c>
      <c r="L1989">
        <v>0</v>
      </c>
      <c r="M1989" s="10">
        <v>0</v>
      </c>
      <c r="N1989">
        <v>0</v>
      </c>
    </row>
    <row r="1990" spans="1:14" hidden="1">
      <c r="A1990" s="7" t="s">
        <v>10</v>
      </c>
      <c r="B1990" s="8"/>
      <c r="C1990" s="8"/>
      <c r="D1990" t="s">
        <v>77</v>
      </c>
      <c r="E1990" s="8" t="s">
        <v>39</v>
      </c>
      <c r="F1990" t="s">
        <v>64</v>
      </c>
      <c r="G1990" t="s">
        <v>79</v>
      </c>
      <c r="H1990" t="s">
        <v>64</v>
      </c>
      <c r="I1990" s="8">
        <v>2029</v>
      </c>
      <c r="J1990" t="s">
        <v>50</v>
      </c>
      <c r="K1990" s="10">
        <v>0</v>
      </c>
      <c r="L1990">
        <v>0</v>
      </c>
      <c r="M1990" s="10">
        <v>0</v>
      </c>
      <c r="N1990">
        <v>0</v>
      </c>
    </row>
    <row r="1991" spans="1:14" hidden="1">
      <c r="A1991" s="7" t="s">
        <v>10</v>
      </c>
      <c r="B1991" s="8"/>
      <c r="C1991" s="8"/>
      <c r="D1991" t="s">
        <v>77</v>
      </c>
      <c r="E1991" s="8" t="s">
        <v>39</v>
      </c>
      <c r="F1991" t="s">
        <v>64</v>
      </c>
      <c r="G1991" t="s">
        <v>19</v>
      </c>
      <c r="H1991" t="s">
        <v>64</v>
      </c>
      <c r="I1991" s="8">
        <v>2029</v>
      </c>
      <c r="J1991" t="s">
        <v>19</v>
      </c>
      <c r="K1991" s="10">
        <v>0</v>
      </c>
      <c r="L1991">
        <v>0</v>
      </c>
      <c r="M1991" s="10">
        <v>0</v>
      </c>
      <c r="N1991">
        <v>0</v>
      </c>
    </row>
    <row r="1992" spans="1:14" hidden="1">
      <c r="A1992" s="7" t="s">
        <v>10</v>
      </c>
      <c r="B1992" s="8"/>
      <c r="C1992" s="8"/>
      <c r="D1992" t="s">
        <v>77</v>
      </c>
      <c r="E1992" s="8" t="s">
        <v>39</v>
      </c>
      <c r="F1992" t="s">
        <v>64</v>
      </c>
      <c r="G1992" t="s">
        <v>78</v>
      </c>
      <c r="H1992" t="s">
        <v>64</v>
      </c>
      <c r="I1992" s="8">
        <v>2029</v>
      </c>
      <c r="J1992" t="s">
        <v>21</v>
      </c>
      <c r="K1992" s="10">
        <v>2151</v>
      </c>
      <c r="L1992">
        <v>0</v>
      </c>
      <c r="M1992" s="10">
        <v>2151</v>
      </c>
      <c r="N1992">
        <v>0</v>
      </c>
    </row>
    <row r="1993" spans="1:14" hidden="1">
      <c r="A1993" s="7" t="s">
        <v>10</v>
      </c>
      <c r="B1993" s="8"/>
      <c r="C1993" s="8"/>
      <c r="D1993" t="s">
        <v>77</v>
      </c>
      <c r="E1993" s="8" t="s">
        <v>39</v>
      </c>
      <c r="F1993" t="s">
        <v>64</v>
      </c>
      <c r="G1993" t="s">
        <v>78</v>
      </c>
      <c r="H1993" t="s">
        <v>64</v>
      </c>
      <c r="I1993" s="8">
        <v>2029</v>
      </c>
      <c r="J1993" t="s">
        <v>51</v>
      </c>
      <c r="K1993" s="10">
        <v>0</v>
      </c>
      <c r="L1993">
        <v>0</v>
      </c>
      <c r="M1993" s="10">
        <v>0</v>
      </c>
      <c r="N1993">
        <v>0</v>
      </c>
    </row>
    <row r="1994" spans="1:14" hidden="1">
      <c r="A1994" s="7" t="s">
        <v>10</v>
      </c>
      <c r="B1994" s="8"/>
      <c r="C1994" s="8"/>
      <c r="D1994" t="s">
        <v>77</v>
      </c>
      <c r="E1994" s="8" t="s">
        <v>39</v>
      </c>
      <c r="F1994" t="s">
        <v>64</v>
      </c>
      <c r="G1994" t="s">
        <v>78</v>
      </c>
      <c r="H1994" t="s">
        <v>64</v>
      </c>
      <c r="I1994" s="8">
        <v>2030</v>
      </c>
      <c r="J1994" t="s">
        <v>47</v>
      </c>
      <c r="K1994" s="10">
        <v>0</v>
      </c>
      <c r="L1994">
        <v>0</v>
      </c>
      <c r="M1994" s="10">
        <v>0</v>
      </c>
      <c r="N1994">
        <v>0</v>
      </c>
    </row>
    <row r="1995" spans="1:14" hidden="1">
      <c r="A1995" s="7" t="s">
        <v>10</v>
      </c>
      <c r="B1995" s="8"/>
      <c r="C1995" s="8"/>
      <c r="D1995" t="s">
        <v>77</v>
      </c>
      <c r="E1995" s="8" t="s">
        <v>39</v>
      </c>
      <c r="F1995" t="s">
        <v>64</v>
      </c>
      <c r="G1995" t="s">
        <v>78</v>
      </c>
      <c r="H1995" t="s">
        <v>64</v>
      </c>
      <c r="I1995" s="8">
        <v>2030</v>
      </c>
      <c r="J1995" t="s">
        <v>48</v>
      </c>
      <c r="K1995" s="10">
        <v>0</v>
      </c>
      <c r="L1995">
        <v>0</v>
      </c>
      <c r="M1995" s="10">
        <v>0</v>
      </c>
      <c r="N1995">
        <v>0</v>
      </c>
    </row>
    <row r="1996" spans="1:14" hidden="1">
      <c r="A1996" s="7" t="s">
        <v>10</v>
      </c>
      <c r="B1996" s="8"/>
      <c r="C1996" s="8"/>
      <c r="D1996" t="s">
        <v>77</v>
      </c>
      <c r="E1996" s="8" t="s">
        <v>39</v>
      </c>
      <c r="F1996" t="s">
        <v>64</v>
      </c>
      <c r="G1996" t="s">
        <v>78</v>
      </c>
      <c r="H1996" t="s">
        <v>64</v>
      </c>
      <c r="I1996" s="8">
        <v>2030</v>
      </c>
      <c r="J1996" t="s">
        <v>14</v>
      </c>
      <c r="K1996" s="10">
        <v>0</v>
      </c>
      <c r="L1996">
        <v>0</v>
      </c>
      <c r="M1996" s="10">
        <v>0</v>
      </c>
      <c r="N1996">
        <v>0</v>
      </c>
    </row>
    <row r="1997" spans="1:14" hidden="1">
      <c r="A1997" s="7" t="s">
        <v>10</v>
      </c>
      <c r="B1997" s="8"/>
      <c r="C1997" s="8"/>
      <c r="D1997" t="s">
        <v>77</v>
      </c>
      <c r="E1997" s="8" t="s">
        <v>39</v>
      </c>
      <c r="F1997" t="s">
        <v>64</v>
      </c>
      <c r="G1997" t="s">
        <v>78</v>
      </c>
      <c r="H1997" t="s">
        <v>64</v>
      </c>
      <c r="I1997" s="8">
        <v>2030</v>
      </c>
      <c r="J1997" t="s">
        <v>49</v>
      </c>
      <c r="K1997" s="10">
        <v>0</v>
      </c>
      <c r="L1997">
        <v>0</v>
      </c>
      <c r="M1997" s="10">
        <v>0</v>
      </c>
      <c r="N1997">
        <v>0</v>
      </c>
    </row>
    <row r="1998" spans="1:14" hidden="1">
      <c r="A1998" s="7" t="s">
        <v>10</v>
      </c>
      <c r="B1998" s="8"/>
      <c r="C1998" s="8"/>
      <c r="D1998" t="s">
        <v>77</v>
      </c>
      <c r="E1998" s="8" t="s">
        <v>39</v>
      </c>
      <c r="F1998" t="s">
        <v>64</v>
      </c>
      <c r="G1998" t="s">
        <v>79</v>
      </c>
      <c r="H1998" t="s">
        <v>64</v>
      </c>
      <c r="I1998" s="8">
        <v>2030</v>
      </c>
      <c r="J1998" t="s">
        <v>15</v>
      </c>
      <c r="K1998" s="10">
        <v>0</v>
      </c>
      <c r="L1998">
        <v>0</v>
      </c>
      <c r="M1998" s="10">
        <v>0</v>
      </c>
      <c r="N1998">
        <v>0</v>
      </c>
    </row>
    <row r="1999" spans="1:14" hidden="1">
      <c r="A1999" s="7" t="s">
        <v>10</v>
      </c>
      <c r="B1999" s="8"/>
      <c r="C1999" s="8"/>
      <c r="D1999" t="s">
        <v>77</v>
      </c>
      <c r="E1999" s="8" t="s">
        <v>39</v>
      </c>
      <c r="F1999" t="s">
        <v>64</v>
      </c>
      <c r="G1999" t="s">
        <v>79</v>
      </c>
      <c r="H1999" t="s">
        <v>64</v>
      </c>
      <c r="I1999" s="8">
        <v>2030</v>
      </c>
      <c r="J1999" t="s">
        <v>50</v>
      </c>
      <c r="K1999" s="10">
        <v>0</v>
      </c>
      <c r="L1999">
        <v>0</v>
      </c>
      <c r="M1999" s="10">
        <v>0</v>
      </c>
      <c r="N1999">
        <v>0</v>
      </c>
    </row>
    <row r="2000" spans="1:14" hidden="1">
      <c r="A2000" s="7" t="s">
        <v>10</v>
      </c>
      <c r="B2000" s="8"/>
      <c r="C2000" s="8"/>
      <c r="D2000" t="s">
        <v>77</v>
      </c>
      <c r="E2000" s="8" t="s">
        <v>39</v>
      </c>
      <c r="F2000" t="s">
        <v>64</v>
      </c>
      <c r="G2000" t="s">
        <v>19</v>
      </c>
      <c r="H2000" t="s">
        <v>64</v>
      </c>
      <c r="I2000" s="8">
        <v>2030</v>
      </c>
      <c r="J2000" t="s">
        <v>19</v>
      </c>
      <c r="K2000" s="10">
        <v>0</v>
      </c>
      <c r="L2000">
        <v>0</v>
      </c>
      <c r="M2000" s="10">
        <v>0</v>
      </c>
      <c r="N2000">
        <v>0</v>
      </c>
    </row>
    <row r="2001" spans="1:14" hidden="1">
      <c r="A2001" s="7" t="s">
        <v>10</v>
      </c>
      <c r="B2001" s="8"/>
      <c r="C2001" s="8"/>
      <c r="D2001" t="s">
        <v>77</v>
      </c>
      <c r="E2001" s="8" t="s">
        <v>39</v>
      </c>
      <c r="F2001" t="s">
        <v>64</v>
      </c>
      <c r="G2001" t="s">
        <v>78</v>
      </c>
      <c r="H2001" t="s">
        <v>64</v>
      </c>
      <c r="I2001" s="8">
        <v>2030</v>
      </c>
      <c r="J2001" t="s">
        <v>21</v>
      </c>
      <c r="K2001" s="10">
        <v>1939</v>
      </c>
      <c r="L2001">
        <v>0</v>
      </c>
      <c r="M2001" s="10">
        <v>1939</v>
      </c>
      <c r="N2001">
        <v>0</v>
      </c>
    </row>
    <row r="2002" spans="1:14" hidden="1">
      <c r="A2002" s="7" t="s">
        <v>10</v>
      </c>
      <c r="B2002" s="8"/>
      <c r="C2002" s="8"/>
      <c r="D2002" t="s">
        <v>77</v>
      </c>
      <c r="E2002" s="8" t="s">
        <v>39</v>
      </c>
      <c r="F2002" t="s">
        <v>64</v>
      </c>
      <c r="G2002" t="s">
        <v>78</v>
      </c>
      <c r="H2002" t="s">
        <v>64</v>
      </c>
      <c r="I2002" s="8">
        <v>2030</v>
      </c>
      <c r="J2002" t="s">
        <v>51</v>
      </c>
      <c r="K2002" s="10">
        <v>0</v>
      </c>
      <c r="L2002">
        <v>0</v>
      </c>
      <c r="M2002" s="10">
        <v>0</v>
      </c>
      <c r="N2002">
        <v>0</v>
      </c>
    </row>
    <row r="2003" spans="1:14" hidden="1">
      <c r="A2003" s="7" t="s">
        <v>10</v>
      </c>
      <c r="B2003" s="8"/>
      <c r="C2003" s="8"/>
      <c r="D2003" t="s">
        <v>77</v>
      </c>
      <c r="E2003" s="8" t="s">
        <v>39</v>
      </c>
      <c r="F2003" t="s">
        <v>64</v>
      </c>
      <c r="G2003" t="s">
        <v>78</v>
      </c>
      <c r="H2003" t="s">
        <v>64</v>
      </c>
      <c r="I2003" s="8">
        <v>2031</v>
      </c>
      <c r="J2003" t="s">
        <v>47</v>
      </c>
      <c r="K2003" s="10">
        <v>0</v>
      </c>
      <c r="L2003">
        <v>0</v>
      </c>
      <c r="M2003" s="10">
        <v>0</v>
      </c>
      <c r="N2003">
        <v>0</v>
      </c>
    </row>
    <row r="2004" spans="1:14" hidden="1">
      <c r="A2004" s="7" t="s">
        <v>10</v>
      </c>
      <c r="B2004" s="8"/>
      <c r="C2004" s="8"/>
      <c r="D2004" t="s">
        <v>77</v>
      </c>
      <c r="E2004" s="8" t="s">
        <v>39</v>
      </c>
      <c r="F2004" t="s">
        <v>64</v>
      </c>
      <c r="G2004" t="s">
        <v>78</v>
      </c>
      <c r="H2004" t="s">
        <v>64</v>
      </c>
      <c r="I2004" s="8">
        <v>2031</v>
      </c>
      <c r="J2004" t="s">
        <v>48</v>
      </c>
      <c r="K2004" s="10">
        <v>0</v>
      </c>
      <c r="L2004">
        <v>0</v>
      </c>
      <c r="M2004" s="10">
        <v>0</v>
      </c>
      <c r="N2004">
        <v>0</v>
      </c>
    </row>
    <row r="2005" spans="1:14" hidden="1">
      <c r="A2005" s="7" t="s">
        <v>10</v>
      </c>
      <c r="B2005" s="8"/>
      <c r="C2005" s="8"/>
      <c r="D2005" t="s">
        <v>77</v>
      </c>
      <c r="E2005" s="8" t="s">
        <v>39</v>
      </c>
      <c r="F2005" t="s">
        <v>64</v>
      </c>
      <c r="G2005" t="s">
        <v>78</v>
      </c>
      <c r="H2005" t="s">
        <v>64</v>
      </c>
      <c r="I2005" s="8">
        <v>2031</v>
      </c>
      <c r="J2005" t="s">
        <v>14</v>
      </c>
      <c r="K2005" s="10">
        <v>0</v>
      </c>
      <c r="L2005">
        <v>0</v>
      </c>
      <c r="M2005" s="10">
        <v>0</v>
      </c>
      <c r="N2005">
        <v>0</v>
      </c>
    </row>
    <row r="2006" spans="1:14" hidden="1">
      <c r="A2006" s="7" t="s">
        <v>10</v>
      </c>
      <c r="B2006" s="8"/>
      <c r="C2006" s="8"/>
      <c r="D2006" t="s">
        <v>77</v>
      </c>
      <c r="E2006" s="8" t="s">
        <v>39</v>
      </c>
      <c r="F2006" t="s">
        <v>64</v>
      </c>
      <c r="G2006" t="s">
        <v>78</v>
      </c>
      <c r="H2006" t="s">
        <v>64</v>
      </c>
      <c r="I2006" s="8">
        <v>2031</v>
      </c>
      <c r="J2006" t="s">
        <v>49</v>
      </c>
      <c r="K2006" s="10">
        <v>0</v>
      </c>
      <c r="L2006">
        <v>0</v>
      </c>
      <c r="M2006" s="10">
        <v>0</v>
      </c>
      <c r="N2006">
        <v>0</v>
      </c>
    </row>
    <row r="2007" spans="1:14" hidden="1">
      <c r="A2007" s="7" t="s">
        <v>10</v>
      </c>
      <c r="B2007" s="8"/>
      <c r="C2007" s="8"/>
      <c r="D2007" t="s">
        <v>77</v>
      </c>
      <c r="E2007" s="8" t="s">
        <v>39</v>
      </c>
      <c r="F2007" t="s">
        <v>64</v>
      </c>
      <c r="G2007" t="s">
        <v>79</v>
      </c>
      <c r="H2007" t="s">
        <v>64</v>
      </c>
      <c r="I2007" s="8">
        <v>2031</v>
      </c>
      <c r="J2007" t="s">
        <v>15</v>
      </c>
      <c r="K2007" s="10">
        <v>0</v>
      </c>
      <c r="L2007">
        <v>0</v>
      </c>
      <c r="M2007" s="10">
        <v>0</v>
      </c>
      <c r="N2007">
        <v>0</v>
      </c>
    </row>
    <row r="2008" spans="1:14" hidden="1">
      <c r="A2008" s="7" t="s">
        <v>10</v>
      </c>
      <c r="B2008" s="8"/>
      <c r="C2008" s="8"/>
      <c r="D2008" t="s">
        <v>77</v>
      </c>
      <c r="E2008" s="8" t="s">
        <v>39</v>
      </c>
      <c r="F2008" t="s">
        <v>64</v>
      </c>
      <c r="G2008" t="s">
        <v>79</v>
      </c>
      <c r="H2008" t="s">
        <v>64</v>
      </c>
      <c r="I2008" s="8">
        <v>2031</v>
      </c>
      <c r="J2008" t="s">
        <v>50</v>
      </c>
      <c r="K2008" s="10">
        <v>0</v>
      </c>
      <c r="L2008">
        <v>0</v>
      </c>
      <c r="M2008" s="10">
        <v>0</v>
      </c>
      <c r="N2008">
        <v>0</v>
      </c>
    </row>
    <row r="2009" spans="1:14" hidden="1">
      <c r="A2009" s="7" t="s">
        <v>10</v>
      </c>
      <c r="B2009" s="8"/>
      <c r="C2009" s="8"/>
      <c r="D2009" t="s">
        <v>77</v>
      </c>
      <c r="E2009" s="8" t="s">
        <v>39</v>
      </c>
      <c r="F2009" t="s">
        <v>64</v>
      </c>
      <c r="G2009" t="s">
        <v>19</v>
      </c>
      <c r="H2009" t="s">
        <v>64</v>
      </c>
      <c r="I2009" s="8">
        <v>2031</v>
      </c>
      <c r="J2009" t="s">
        <v>19</v>
      </c>
      <c r="K2009" s="10">
        <v>0</v>
      </c>
      <c r="L2009">
        <v>0</v>
      </c>
      <c r="M2009" s="10">
        <v>0</v>
      </c>
      <c r="N2009">
        <v>0</v>
      </c>
    </row>
    <row r="2010" spans="1:14" hidden="1">
      <c r="A2010" s="7" t="s">
        <v>10</v>
      </c>
      <c r="B2010" s="8"/>
      <c r="C2010" s="8"/>
      <c r="D2010" t="s">
        <v>77</v>
      </c>
      <c r="E2010" s="8" t="s">
        <v>39</v>
      </c>
      <c r="F2010" t="s">
        <v>64</v>
      </c>
      <c r="G2010" t="s">
        <v>78</v>
      </c>
      <c r="H2010" t="s">
        <v>64</v>
      </c>
      <c r="I2010" s="8">
        <v>2031</v>
      </c>
      <c r="J2010" t="s">
        <v>21</v>
      </c>
      <c r="K2010" s="10">
        <v>1838</v>
      </c>
      <c r="L2010">
        <v>0</v>
      </c>
      <c r="M2010" s="10">
        <v>1838</v>
      </c>
      <c r="N2010">
        <v>0</v>
      </c>
    </row>
    <row r="2011" spans="1:14" hidden="1">
      <c r="A2011" s="7" t="s">
        <v>10</v>
      </c>
      <c r="B2011" s="8"/>
      <c r="C2011" s="8"/>
      <c r="D2011" t="s">
        <v>77</v>
      </c>
      <c r="E2011" s="8" t="s">
        <v>39</v>
      </c>
      <c r="F2011" t="s">
        <v>64</v>
      </c>
      <c r="G2011" t="s">
        <v>78</v>
      </c>
      <c r="H2011" t="s">
        <v>64</v>
      </c>
      <c r="I2011" s="8">
        <v>2031</v>
      </c>
      <c r="J2011" t="s">
        <v>51</v>
      </c>
      <c r="K2011" s="10">
        <v>0</v>
      </c>
      <c r="L2011">
        <v>0</v>
      </c>
      <c r="M2011" s="10">
        <v>0</v>
      </c>
      <c r="N2011">
        <v>0</v>
      </c>
    </row>
    <row r="2012" spans="1:14" hidden="1">
      <c r="A2012" s="7" t="s">
        <v>10</v>
      </c>
      <c r="B2012" s="8"/>
      <c r="C2012" s="8"/>
      <c r="D2012" t="s">
        <v>77</v>
      </c>
      <c r="E2012" s="8" t="s">
        <v>39</v>
      </c>
      <c r="F2012" t="s">
        <v>64</v>
      </c>
      <c r="G2012" t="s">
        <v>78</v>
      </c>
      <c r="H2012" t="s">
        <v>64</v>
      </c>
      <c r="I2012" s="8">
        <v>2032</v>
      </c>
      <c r="J2012" t="s">
        <v>47</v>
      </c>
      <c r="K2012" s="10">
        <v>0</v>
      </c>
      <c r="L2012">
        <v>0</v>
      </c>
      <c r="M2012" s="10">
        <v>0</v>
      </c>
      <c r="N2012">
        <v>0</v>
      </c>
    </row>
    <row r="2013" spans="1:14" hidden="1">
      <c r="A2013" s="7" t="s">
        <v>10</v>
      </c>
      <c r="B2013" s="8"/>
      <c r="C2013" s="8"/>
      <c r="D2013" t="s">
        <v>77</v>
      </c>
      <c r="E2013" s="8" t="s">
        <v>39</v>
      </c>
      <c r="F2013" t="s">
        <v>64</v>
      </c>
      <c r="G2013" t="s">
        <v>78</v>
      </c>
      <c r="H2013" t="s">
        <v>64</v>
      </c>
      <c r="I2013" s="8">
        <v>2032</v>
      </c>
      <c r="J2013" t="s">
        <v>48</v>
      </c>
      <c r="K2013" s="10">
        <v>0</v>
      </c>
      <c r="L2013">
        <v>0</v>
      </c>
      <c r="M2013" s="10">
        <v>0</v>
      </c>
      <c r="N2013">
        <v>0</v>
      </c>
    </row>
    <row r="2014" spans="1:14" hidden="1">
      <c r="A2014" s="7" t="s">
        <v>10</v>
      </c>
      <c r="B2014" s="8"/>
      <c r="C2014" s="8"/>
      <c r="D2014" t="s">
        <v>77</v>
      </c>
      <c r="E2014" s="8" t="s">
        <v>39</v>
      </c>
      <c r="F2014" t="s">
        <v>64</v>
      </c>
      <c r="G2014" t="s">
        <v>78</v>
      </c>
      <c r="H2014" t="s">
        <v>64</v>
      </c>
      <c r="I2014" s="8">
        <v>2032</v>
      </c>
      <c r="J2014" t="s">
        <v>14</v>
      </c>
      <c r="K2014" s="10">
        <v>0</v>
      </c>
      <c r="L2014">
        <v>0</v>
      </c>
      <c r="M2014" s="10">
        <v>0</v>
      </c>
      <c r="N2014">
        <v>0</v>
      </c>
    </row>
    <row r="2015" spans="1:14" hidden="1">
      <c r="A2015" s="7" t="s">
        <v>10</v>
      </c>
      <c r="B2015" s="8"/>
      <c r="C2015" s="8"/>
      <c r="D2015" t="s">
        <v>77</v>
      </c>
      <c r="E2015" s="8" t="s">
        <v>39</v>
      </c>
      <c r="F2015" t="s">
        <v>64</v>
      </c>
      <c r="G2015" t="s">
        <v>78</v>
      </c>
      <c r="H2015" t="s">
        <v>64</v>
      </c>
      <c r="I2015" s="8">
        <v>2032</v>
      </c>
      <c r="J2015" t="s">
        <v>49</v>
      </c>
      <c r="K2015" s="10">
        <v>0</v>
      </c>
      <c r="L2015">
        <v>0</v>
      </c>
      <c r="M2015" s="10">
        <v>0</v>
      </c>
      <c r="N2015">
        <v>0</v>
      </c>
    </row>
    <row r="2016" spans="1:14" hidden="1">
      <c r="A2016" s="7" t="s">
        <v>10</v>
      </c>
      <c r="B2016" s="8"/>
      <c r="C2016" s="8"/>
      <c r="D2016" t="s">
        <v>77</v>
      </c>
      <c r="E2016" s="8" t="s">
        <v>39</v>
      </c>
      <c r="F2016" t="s">
        <v>64</v>
      </c>
      <c r="G2016" t="s">
        <v>79</v>
      </c>
      <c r="H2016" t="s">
        <v>64</v>
      </c>
      <c r="I2016" s="8">
        <v>2032</v>
      </c>
      <c r="J2016" t="s">
        <v>15</v>
      </c>
      <c r="K2016" s="10">
        <v>0</v>
      </c>
      <c r="L2016">
        <v>0</v>
      </c>
      <c r="M2016" s="10">
        <v>0</v>
      </c>
      <c r="N2016">
        <v>0</v>
      </c>
    </row>
    <row r="2017" spans="1:14" hidden="1">
      <c r="A2017" s="7" t="s">
        <v>10</v>
      </c>
      <c r="B2017" s="8"/>
      <c r="C2017" s="8"/>
      <c r="D2017" t="s">
        <v>77</v>
      </c>
      <c r="E2017" s="8" t="s">
        <v>39</v>
      </c>
      <c r="F2017" t="s">
        <v>64</v>
      </c>
      <c r="G2017" t="s">
        <v>79</v>
      </c>
      <c r="H2017" t="s">
        <v>64</v>
      </c>
      <c r="I2017" s="8">
        <v>2032</v>
      </c>
      <c r="J2017" t="s">
        <v>50</v>
      </c>
      <c r="K2017" s="10">
        <v>0</v>
      </c>
      <c r="L2017">
        <v>0</v>
      </c>
      <c r="M2017" s="10">
        <v>0</v>
      </c>
      <c r="N2017">
        <v>0</v>
      </c>
    </row>
    <row r="2018" spans="1:14" hidden="1">
      <c r="A2018" s="7" t="s">
        <v>10</v>
      </c>
      <c r="B2018" s="8"/>
      <c r="C2018" s="8"/>
      <c r="D2018" t="s">
        <v>77</v>
      </c>
      <c r="E2018" s="8" t="s">
        <v>39</v>
      </c>
      <c r="F2018" t="s">
        <v>64</v>
      </c>
      <c r="G2018" t="s">
        <v>19</v>
      </c>
      <c r="H2018" t="s">
        <v>64</v>
      </c>
      <c r="I2018" s="8">
        <v>2032</v>
      </c>
      <c r="J2018" t="s">
        <v>19</v>
      </c>
      <c r="K2018" s="10">
        <v>0</v>
      </c>
      <c r="L2018">
        <v>0</v>
      </c>
      <c r="M2018" s="10">
        <v>0</v>
      </c>
      <c r="N2018">
        <v>0</v>
      </c>
    </row>
    <row r="2019" spans="1:14" hidden="1">
      <c r="A2019" s="7" t="s">
        <v>10</v>
      </c>
      <c r="B2019" s="8"/>
      <c r="C2019" s="8"/>
      <c r="D2019" t="s">
        <v>77</v>
      </c>
      <c r="E2019" s="8" t="s">
        <v>39</v>
      </c>
      <c r="F2019" t="s">
        <v>64</v>
      </c>
      <c r="G2019" t="s">
        <v>78</v>
      </c>
      <c r="H2019" t="s">
        <v>64</v>
      </c>
      <c r="I2019" s="8">
        <v>2032</v>
      </c>
      <c r="J2019" t="s">
        <v>21</v>
      </c>
      <c r="K2019" s="10">
        <v>1773</v>
      </c>
      <c r="L2019">
        <v>0</v>
      </c>
      <c r="M2019" s="10">
        <v>1773</v>
      </c>
      <c r="N2019">
        <v>0</v>
      </c>
    </row>
    <row r="2020" spans="1:14" hidden="1">
      <c r="A2020" s="7" t="s">
        <v>10</v>
      </c>
      <c r="B2020" s="8"/>
      <c r="C2020" s="8"/>
      <c r="D2020" t="s">
        <v>77</v>
      </c>
      <c r="E2020" s="8" t="s">
        <v>39</v>
      </c>
      <c r="F2020" t="s">
        <v>64</v>
      </c>
      <c r="G2020" t="s">
        <v>78</v>
      </c>
      <c r="H2020" t="s">
        <v>64</v>
      </c>
      <c r="I2020" s="8">
        <v>2032</v>
      </c>
      <c r="J2020" t="s">
        <v>51</v>
      </c>
      <c r="K2020" s="10">
        <v>0</v>
      </c>
      <c r="L2020">
        <v>0</v>
      </c>
      <c r="M2020" s="10">
        <v>0</v>
      </c>
      <c r="N2020">
        <v>0</v>
      </c>
    </row>
    <row r="2021" spans="1:14" hidden="1">
      <c r="A2021" s="7" t="s">
        <v>10</v>
      </c>
      <c r="B2021" s="8"/>
      <c r="C2021" s="8"/>
      <c r="D2021" t="s">
        <v>77</v>
      </c>
      <c r="E2021" s="8" t="s">
        <v>39</v>
      </c>
      <c r="F2021" t="s">
        <v>64</v>
      </c>
      <c r="G2021" t="s">
        <v>78</v>
      </c>
      <c r="H2021" t="s">
        <v>64</v>
      </c>
      <c r="I2021" s="8">
        <v>2033</v>
      </c>
      <c r="J2021" t="s">
        <v>47</v>
      </c>
      <c r="K2021" s="10">
        <v>0</v>
      </c>
      <c r="L2021">
        <v>0</v>
      </c>
      <c r="M2021" s="10">
        <v>0</v>
      </c>
      <c r="N2021">
        <v>0</v>
      </c>
    </row>
    <row r="2022" spans="1:14" hidden="1">
      <c r="A2022" s="7" t="s">
        <v>10</v>
      </c>
      <c r="B2022" s="8"/>
      <c r="C2022" s="8"/>
      <c r="D2022" t="s">
        <v>77</v>
      </c>
      <c r="E2022" s="8" t="s">
        <v>39</v>
      </c>
      <c r="F2022" t="s">
        <v>64</v>
      </c>
      <c r="G2022" t="s">
        <v>78</v>
      </c>
      <c r="H2022" t="s">
        <v>64</v>
      </c>
      <c r="I2022" s="8">
        <v>2033</v>
      </c>
      <c r="J2022" t="s">
        <v>48</v>
      </c>
      <c r="K2022" s="10">
        <v>0</v>
      </c>
      <c r="L2022">
        <v>0</v>
      </c>
      <c r="M2022" s="10">
        <v>0</v>
      </c>
      <c r="N2022">
        <v>0</v>
      </c>
    </row>
    <row r="2023" spans="1:14" hidden="1">
      <c r="A2023" s="7" t="s">
        <v>10</v>
      </c>
      <c r="B2023" s="8"/>
      <c r="C2023" s="8"/>
      <c r="D2023" t="s">
        <v>77</v>
      </c>
      <c r="E2023" s="8" t="s">
        <v>39</v>
      </c>
      <c r="F2023" t="s">
        <v>64</v>
      </c>
      <c r="G2023" t="s">
        <v>78</v>
      </c>
      <c r="H2023" t="s">
        <v>64</v>
      </c>
      <c r="I2023" s="8">
        <v>2033</v>
      </c>
      <c r="J2023" t="s">
        <v>14</v>
      </c>
      <c r="K2023" s="10">
        <v>0</v>
      </c>
      <c r="L2023">
        <v>0</v>
      </c>
      <c r="M2023" s="10">
        <v>0</v>
      </c>
      <c r="N2023">
        <v>0</v>
      </c>
    </row>
    <row r="2024" spans="1:14" hidden="1">
      <c r="A2024" s="7" t="s">
        <v>10</v>
      </c>
      <c r="B2024" s="8"/>
      <c r="C2024" s="8"/>
      <c r="D2024" t="s">
        <v>77</v>
      </c>
      <c r="E2024" s="8" t="s">
        <v>39</v>
      </c>
      <c r="F2024" t="s">
        <v>64</v>
      </c>
      <c r="G2024" t="s">
        <v>78</v>
      </c>
      <c r="H2024" t="s">
        <v>64</v>
      </c>
      <c r="I2024" s="8">
        <v>2033</v>
      </c>
      <c r="J2024" t="s">
        <v>49</v>
      </c>
      <c r="K2024" s="10">
        <v>0</v>
      </c>
      <c r="L2024">
        <v>0</v>
      </c>
      <c r="M2024" s="10">
        <v>0</v>
      </c>
      <c r="N2024">
        <v>0</v>
      </c>
    </row>
    <row r="2025" spans="1:14" hidden="1">
      <c r="A2025" s="7" t="s">
        <v>10</v>
      </c>
      <c r="B2025" s="8"/>
      <c r="C2025" s="8"/>
      <c r="D2025" t="s">
        <v>77</v>
      </c>
      <c r="E2025" s="8" t="s">
        <v>39</v>
      </c>
      <c r="F2025" t="s">
        <v>64</v>
      </c>
      <c r="G2025" t="s">
        <v>79</v>
      </c>
      <c r="H2025" t="s">
        <v>64</v>
      </c>
      <c r="I2025" s="8">
        <v>2033</v>
      </c>
      <c r="J2025" t="s">
        <v>15</v>
      </c>
      <c r="K2025" s="10">
        <v>0</v>
      </c>
      <c r="L2025">
        <v>0</v>
      </c>
      <c r="M2025" s="10">
        <v>0</v>
      </c>
      <c r="N2025">
        <v>0</v>
      </c>
    </row>
    <row r="2026" spans="1:14" hidden="1">
      <c r="A2026" s="7" t="s">
        <v>10</v>
      </c>
      <c r="B2026" s="8"/>
      <c r="C2026" s="8"/>
      <c r="D2026" t="s">
        <v>77</v>
      </c>
      <c r="E2026" s="8" t="s">
        <v>39</v>
      </c>
      <c r="F2026" t="s">
        <v>64</v>
      </c>
      <c r="G2026" t="s">
        <v>79</v>
      </c>
      <c r="H2026" t="s">
        <v>64</v>
      </c>
      <c r="I2026" s="8">
        <v>2033</v>
      </c>
      <c r="J2026" t="s">
        <v>50</v>
      </c>
      <c r="K2026" s="10">
        <v>0</v>
      </c>
      <c r="L2026">
        <v>0</v>
      </c>
      <c r="M2026" s="10">
        <v>0</v>
      </c>
      <c r="N2026">
        <v>0</v>
      </c>
    </row>
    <row r="2027" spans="1:14" hidden="1">
      <c r="A2027" s="7" t="s">
        <v>10</v>
      </c>
      <c r="B2027" s="8"/>
      <c r="C2027" s="8"/>
      <c r="D2027" t="s">
        <v>77</v>
      </c>
      <c r="E2027" s="8" t="s">
        <v>39</v>
      </c>
      <c r="F2027" t="s">
        <v>64</v>
      </c>
      <c r="G2027" t="s">
        <v>19</v>
      </c>
      <c r="H2027" t="s">
        <v>64</v>
      </c>
      <c r="I2027" s="8">
        <v>2033</v>
      </c>
      <c r="J2027" t="s">
        <v>19</v>
      </c>
      <c r="K2027" s="10">
        <v>0</v>
      </c>
      <c r="L2027">
        <v>0</v>
      </c>
      <c r="M2027" s="10">
        <v>0</v>
      </c>
      <c r="N2027">
        <v>0</v>
      </c>
    </row>
    <row r="2028" spans="1:14" hidden="1">
      <c r="A2028" s="7" t="s">
        <v>10</v>
      </c>
      <c r="B2028" s="8"/>
      <c r="C2028" s="8"/>
      <c r="D2028" t="s">
        <v>77</v>
      </c>
      <c r="E2028" s="8" t="s">
        <v>39</v>
      </c>
      <c r="F2028" t="s">
        <v>64</v>
      </c>
      <c r="G2028" t="s">
        <v>78</v>
      </c>
      <c r="H2028" t="s">
        <v>64</v>
      </c>
      <c r="I2028" s="8">
        <v>2033</v>
      </c>
      <c r="J2028" t="s">
        <v>21</v>
      </c>
      <c r="K2028" s="10">
        <v>1723</v>
      </c>
      <c r="L2028">
        <v>0</v>
      </c>
      <c r="M2028" s="10">
        <v>1723</v>
      </c>
      <c r="N2028">
        <v>0</v>
      </c>
    </row>
    <row r="2029" spans="1:14" hidden="1">
      <c r="A2029" s="7" t="s">
        <v>10</v>
      </c>
      <c r="B2029" s="8"/>
      <c r="C2029" s="8"/>
      <c r="D2029" t="s">
        <v>77</v>
      </c>
      <c r="E2029" s="8" t="s">
        <v>39</v>
      </c>
      <c r="F2029" t="s">
        <v>64</v>
      </c>
      <c r="G2029" t="s">
        <v>78</v>
      </c>
      <c r="H2029" t="s">
        <v>64</v>
      </c>
      <c r="I2029" s="8">
        <v>2033</v>
      </c>
      <c r="J2029" t="s">
        <v>51</v>
      </c>
      <c r="K2029" s="10">
        <v>0</v>
      </c>
      <c r="L2029">
        <v>0</v>
      </c>
      <c r="M2029" s="10">
        <v>0</v>
      </c>
      <c r="N2029">
        <v>0</v>
      </c>
    </row>
    <row r="2030" spans="1:14" hidden="1">
      <c r="A2030" s="7" t="s">
        <v>10</v>
      </c>
      <c r="B2030" s="8"/>
      <c r="C2030" s="8"/>
      <c r="D2030" t="s">
        <v>77</v>
      </c>
      <c r="E2030" s="8" t="s">
        <v>36</v>
      </c>
      <c r="F2030" t="s">
        <v>64</v>
      </c>
      <c r="G2030" t="s">
        <v>78</v>
      </c>
      <c r="H2030" t="s">
        <v>64</v>
      </c>
      <c r="I2030" s="8">
        <v>2025</v>
      </c>
      <c r="J2030" t="s">
        <v>47</v>
      </c>
      <c r="K2030" s="10">
        <v>0</v>
      </c>
      <c r="L2030">
        <v>0</v>
      </c>
      <c r="M2030" s="10">
        <v>0</v>
      </c>
      <c r="N2030">
        <v>0</v>
      </c>
    </row>
    <row r="2031" spans="1:14" hidden="1">
      <c r="A2031" s="7" t="s">
        <v>10</v>
      </c>
      <c r="B2031" s="8"/>
      <c r="C2031" s="8"/>
      <c r="D2031" t="s">
        <v>77</v>
      </c>
      <c r="E2031" s="8" t="s">
        <v>36</v>
      </c>
      <c r="F2031" t="s">
        <v>64</v>
      </c>
      <c r="G2031" t="s">
        <v>78</v>
      </c>
      <c r="H2031" t="s">
        <v>64</v>
      </c>
      <c r="I2031" s="8">
        <v>2025</v>
      </c>
      <c r="J2031" t="s">
        <v>48</v>
      </c>
      <c r="K2031" s="10">
        <v>0</v>
      </c>
      <c r="L2031">
        <v>0</v>
      </c>
      <c r="M2031" s="10">
        <v>0</v>
      </c>
      <c r="N2031">
        <v>0</v>
      </c>
    </row>
    <row r="2032" spans="1:14" hidden="1">
      <c r="A2032" s="7" t="s">
        <v>10</v>
      </c>
      <c r="B2032" s="8"/>
      <c r="C2032" s="8"/>
      <c r="D2032" t="s">
        <v>77</v>
      </c>
      <c r="E2032" s="8" t="s">
        <v>36</v>
      </c>
      <c r="F2032" t="s">
        <v>64</v>
      </c>
      <c r="G2032" t="s">
        <v>78</v>
      </c>
      <c r="H2032" t="s">
        <v>64</v>
      </c>
      <c r="I2032" s="8">
        <v>2025</v>
      </c>
      <c r="J2032" t="s">
        <v>14</v>
      </c>
      <c r="K2032" s="10">
        <v>0</v>
      </c>
      <c r="L2032">
        <v>0</v>
      </c>
      <c r="M2032" s="10">
        <v>0</v>
      </c>
      <c r="N2032">
        <v>0</v>
      </c>
    </row>
    <row r="2033" spans="1:14" hidden="1">
      <c r="A2033" s="7" t="s">
        <v>10</v>
      </c>
      <c r="B2033" s="8"/>
      <c r="C2033" s="8"/>
      <c r="D2033" t="s">
        <v>77</v>
      </c>
      <c r="E2033" s="8" t="s">
        <v>36</v>
      </c>
      <c r="F2033" t="s">
        <v>64</v>
      </c>
      <c r="G2033" t="s">
        <v>78</v>
      </c>
      <c r="H2033" t="s">
        <v>64</v>
      </c>
      <c r="I2033" s="8">
        <v>2025</v>
      </c>
      <c r="J2033" t="s">
        <v>49</v>
      </c>
      <c r="K2033" s="10">
        <v>0</v>
      </c>
      <c r="L2033">
        <v>0</v>
      </c>
      <c r="M2033" s="10">
        <v>0</v>
      </c>
      <c r="N2033">
        <v>0</v>
      </c>
    </row>
    <row r="2034" spans="1:14" hidden="1">
      <c r="A2034" s="7" t="s">
        <v>10</v>
      </c>
      <c r="B2034" s="8"/>
      <c r="C2034" s="8"/>
      <c r="D2034" t="s">
        <v>77</v>
      </c>
      <c r="E2034" s="8" t="s">
        <v>36</v>
      </c>
      <c r="F2034" t="s">
        <v>64</v>
      </c>
      <c r="G2034" t="s">
        <v>79</v>
      </c>
      <c r="H2034" t="s">
        <v>64</v>
      </c>
      <c r="I2034" s="8">
        <v>2025</v>
      </c>
      <c r="J2034" t="s">
        <v>15</v>
      </c>
      <c r="K2034" s="10">
        <v>0</v>
      </c>
      <c r="L2034">
        <v>0</v>
      </c>
      <c r="M2034" s="10">
        <v>0</v>
      </c>
      <c r="N2034">
        <v>0</v>
      </c>
    </row>
    <row r="2035" spans="1:14" hidden="1">
      <c r="A2035" s="7" t="s">
        <v>10</v>
      </c>
      <c r="B2035" s="8"/>
      <c r="C2035" s="8"/>
      <c r="D2035" t="s">
        <v>77</v>
      </c>
      <c r="E2035" s="8" t="s">
        <v>36</v>
      </c>
      <c r="F2035" t="s">
        <v>64</v>
      </c>
      <c r="G2035" t="s">
        <v>79</v>
      </c>
      <c r="H2035" t="s">
        <v>64</v>
      </c>
      <c r="I2035" s="8">
        <v>2025</v>
      </c>
      <c r="J2035" t="s">
        <v>50</v>
      </c>
      <c r="K2035" s="10">
        <v>0</v>
      </c>
      <c r="L2035">
        <v>0</v>
      </c>
      <c r="M2035" s="10">
        <v>0</v>
      </c>
      <c r="N2035">
        <v>0</v>
      </c>
    </row>
    <row r="2036" spans="1:14" hidden="1">
      <c r="A2036" s="7" t="s">
        <v>10</v>
      </c>
      <c r="B2036" s="8"/>
      <c r="C2036" s="8"/>
      <c r="D2036" t="s">
        <v>77</v>
      </c>
      <c r="E2036" s="8" t="s">
        <v>36</v>
      </c>
      <c r="F2036" t="s">
        <v>64</v>
      </c>
      <c r="G2036" t="s">
        <v>19</v>
      </c>
      <c r="H2036" t="s">
        <v>64</v>
      </c>
      <c r="I2036" s="8">
        <v>2025</v>
      </c>
      <c r="J2036" t="s">
        <v>19</v>
      </c>
      <c r="K2036" s="10">
        <v>0</v>
      </c>
      <c r="L2036">
        <v>0</v>
      </c>
      <c r="M2036" s="10">
        <v>0</v>
      </c>
      <c r="N2036">
        <v>0</v>
      </c>
    </row>
    <row r="2037" spans="1:14" hidden="1">
      <c r="A2037" s="7" t="s">
        <v>10</v>
      </c>
      <c r="B2037" s="8"/>
      <c r="C2037" s="8"/>
      <c r="D2037" t="s">
        <v>77</v>
      </c>
      <c r="E2037" s="8" t="s">
        <v>36</v>
      </c>
      <c r="F2037" t="s">
        <v>64</v>
      </c>
      <c r="G2037" t="s">
        <v>78</v>
      </c>
      <c r="H2037" t="s">
        <v>64</v>
      </c>
      <c r="I2037" s="8">
        <v>2025</v>
      </c>
      <c r="J2037" t="s">
        <v>21</v>
      </c>
      <c r="K2037" s="10">
        <v>9770</v>
      </c>
      <c r="L2037">
        <v>0</v>
      </c>
      <c r="M2037" s="10">
        <v>9770</v>
      </c>
      <c r="N2037">
        <v>0</v>
      </c>
    </row>
    <row r="2038" spans="1:14" hidden="1">
      <c r="A2038" s="7" t="s">
        <v>10</v>
      </c>
      <c r="B2038" s="8"/>
      <c r="C2038" s="8"/>
      <c r="D2038" t="s">
        <v>77</v>
      </c>
      <c r="E2038" s="8" t="s">
        <v>36</v>
      </c>
      <c r="F2038" t="s">
        <v>64</v>
      </c>
      <c r="G2038" t="s">
        <v>78</v>
      </c>
      <c r="H2038" t="s">
        <v>64</v>
      </c>
      <c r="I2038" s="8">
        <v>2025</v>
      </c>
      <c r="J2038" t="s">
        <v>51</v>
      </c>
      <c r="K2038" s="10">
        <v>1500</v>
      </c>
      <c r="L2038">
        <v>0</v>
      </c>
      <c r="M2038" s="10">
        <v>1500</v>
      </c>
      <c r="N2038">
        <v>0</v>
      </c>
    </row>
    <row r="2039" spans="1:14" hidden="1">
      <c r="A2039" s="7" t="s">
        <v>10</v>
      </c>
      <c r="B2039" s="8"/>
      <c r="C2039" s="8"/>
      <c r="D2039" t="s">
        <v>77</v>
      </c>
      <c r="E2039" s="8" t="s">
        <v>36</v>
      </c>
      <c r="F2039" t="s">
        <v>64</v>
      </c>
      <c r="G2039" t="s">
        <v>78</v>
      </c>
      <c r="H2039" t="s">
        <v>64</v>
      </c>
      <c r="I2039" s="8">
        <v>2026</v>
      </c>
      <c r="J2039" t="s">
        <v>47</v>
      </c>
      <c r="K2039" s="10">
        <v>0</v>
      </c>
      <c r="L2039">
        <v>0</v>
      </c>
      <c r="M2039" s="10">
        <v>0</v>
      </c>
      <c r="N2039">
        <v>0</v>
      </c>
    </row>
    <row r="2040" spans="1:14" hidden="1">
      <c r="A2040" s="7" t="s">
        <v>10</v>
      </c>
      <c r="B2040" s="8"/>
      <c r="C2040" s="8"/>
      <c r="D2040" t="s">
        <v>77</v>
      </c>
      <c r="E2040" s="8" t="s">
        <v>36</v>
      </c>
      <c r="F2040" t="s">
        <v>64</v>
      </c>
      <c r="G2040" t="s">
        <v>78</v>
      </c>
      <c r="H2040" t="s">
        <v>64</v>
      </c>
      <c r="I2040" s="8">
        <v>2026</v>
      </c>
      <c r="J2040" t="s">
        <v>48</v>
      </c>
      <c r="K2040" s="10">
        <v>0</v>
      </c>
      <c r="L2040">
        <v>0</v>
      </c>
      <c r="M2040" s="10">
        <v>0</v>
      </c>
      <c r="N2040">
        <v>0</v>
      </c>
    </row>
    <row r="2041" spans="1:14" hidden="1">
      <c r="A2041" s="7" t="s">
        <v>10</v>
      </c>
      <c r="B2041" s="8"/>
      <c r="C2041" s="8"/>
      <c r="D2041" t="s">
        <v>77</v>
      </c>
      <c r="E2041" s="8" t="s">
        <v>36</v>
      </c>
      <c r="F2041" t="s">
        <v>64</v>
      </c>
      <c r="G2041" t="s">
        <v>78</v>
      </c>
      <c r="H2041" t="s">
        <v>64</v>
      </c>
      <c r="I2041" s="8">
        <v>2026</v>
      </c>
      <c r="J2041" t="s">
        <v>14</v>
      </c>
      <c r="K2041" s="10">
        <v>0</v>
      </c>
      <c r="L2041">
        <v>0</v>
      </c>
      <c r="M2041" s="10">
        <v>0</v>
      </c>
      <c r="N2041">
        <v>0</v>
      </c>
    </row>
    <row r="2042" spans="1:14" hidden="1">
      <c r="A2042" s="7" t="s">
        <v>10</v>
      </c>
      <c r="B2042" s="8"/>
      <c r="C2042" s="8"/>
      <c r="D2042" t="s">
        <v>77</v>
      </c>
      <c r="E2042" s="8" t="s">
        <v>36</v>
      </c>
      <c r="F2042" t="s">
        <v>64</v>
      </c>
      <c r="G2042" t="s">
        <v>78</v>
      </c>
      <c r="H2042" t="s">
        <v>64</v>
      </c>
      <c r="I2042" s="8">
        <v>2026</v>
      </c>
      <c r="J2042" t="s">
        <v>49</v>
      </c>
      <c r="K2042" s="10">
        <v>0</v>
      </c>
      <c r="L2042">
        <v>0</v>
      </c>
      <c r="M2042" s="10">
        <v>0</v>
      </c>
      <c r="N2042">
        <v>0</v>
      </c>
    </row>
    <row r="2043" spans="1:14" hidden="1">
      <c r="A2043" s="7" t="s">
        <v>10</v>
      </c>
      <c r="B2043" s="8"/>
      <c r="C2043" s="8"/>
      <c r="D2043" t="s">
        <v>77</v>
      </c>
      <c r="E2043" s="8" t="s">
        <v>36</v>
      </c>
      <c r="F2043" t="s">
        <v>64</v>
      </c>
      <c r="G2043" t="s">
        <v>79</v>
      </c>
      <c r="H2043" t="s">
        <v>64</v>
      </c>
      <c r="I2043" s="8">
        <v>2026</v>
      </c>
      <c r="J2043" t="s">
        <v>15</v>
      </c>
      <c r="K2043" s="10">
        <v>0</v>
      </c>
      <c r="L2043">
        <v>0</v>
      </c>
      <c r="M2043" s="10">
        <v>0</v>
      </c>
      <c r="N2043">
        <v>0</v>
      </c>
    </row>
    <row r="2044" spans="1:14" hidden="1">
      <c r="A2044" s="7" t="s">
        <v>10</v>
      </c>
      <c r="B2044" s="8"/>
      <c r="C2044" s="8"/>
      <c r="D2044" t="s">
        <v>77</v>
      </c>
      <c r="E2044" s="8" t="s">
        <v>36</v>
      </c>
      <c r="F2044" t="s">
        <v>64</v>
      </c>
      <c r="G2044" t="s">
        <v>79</v>
      </c>
      <c r="H2044" t="s">
        <v>64</v>
      </c>
      <c r="I2044" s="8">
        <v>2026</v>
      </c>
      <c r="J2044" t="s">
        <v>50</v>
      </c>
      <c r="K2044" s="10">
        <v>0</v>
      </c>
      <c r="L2044">
        <v>0</v>
      </c>
      <c r="M2044" s="10">
        <v>0</v>
      </c>
      <c r="N2044">
        <v>0</v>
      </c>
    </row>
    <row r="2045" spans="1:14" hidden="1">
      <c r="A2045" s="7" t="s">
        <v>10</v>
      </c>
      <c r="B2045" s="8"/>
      <c r="C2045" s="8"/>
      <c r="D2045" t="s">
        <v>77</v>
      </c>
      <c r="E2045" s="8" t="s">
        <v>36</v>
      </c>
      <c r="F2045" t="s">
        <v>64</v>
      </c>
      <c r="G2045" t="s">
        <v>19</v>
      </c>
      <c r="H2045" t="s">
        <v>64</v>
      </c>
      <c r="I2045" s="8">
        <v>2026</v>
      </c>
      <c r="J2045" t="s">
        <v>19</v>
      </c>
      <c r="K2045" s="10">
        <v>0</v>
      </c>
      <c r="L2045">
        <v>0</v>
      </c>
      <c r="M2045" s="10">
        <v>0</v>
      </c>
      <c r="N2045">
        <v>0</v>
      </c>
    </row>
    <row r="2046" spans="1:14" hidden="1">
      <c r="A2046" s="7" t="s">
        <v>10</v>
      </c>
      <c r="B2046" s="8"/>
      <c r="C2046" s="8"/>
      <c r="D2046" t="s">
        <v>77</v>
      </c>
      <c r="E2046" s="8" t="s">
        <v>36</v>
      </c>
      <c r="F2046" t="s">
        <v>64</v>
      </c>
      <c r="G2046" t="s">
        <v>78</v>
      </c>
      <c r="H2046" t="s">
        <v>64</v>
      </c>
      <c r="I2046" s="8">
        <v>2026</v>
      </c>
      <c r="J2046" t="s">
        <v>21</v>
      </c>
      <c r="K2046" s="10">
        <v>11331</v>
      </c>
      <c r="L2046">
        <v>0</v>
      </c>
      <c r="M2046" s="10">
        <v>11331</v>
      </c>
      <c r="N2046">
        <v>0</v>
      </c>
    </row>
    <row r="2047" spans="1:14" hidden="1">
      <c r="A2047" s="7" t="s">
        <v>10</v>
      </c>
      <c r="B2047" s="8"/>
      <c r="C2047" s="8"/>
      <c r="D2047" t="s">
        <v>77</v>
      </c>
      <c r="E2047" s="8" t="s">
        <v>36</v>
      </c>
      <c r="F2047" t="s">
        <v>64</v>
      </c>
      <c r="G2047" t="s">
        <v>78</v>
      </c>
      <c r="H2047" t="s">
        <v>64</v>
      </c>
      <c r="I2047" s="8">
        <v>2026</v>
      </c>
      <c r="J2047" t="s">
        <v>51</v>
      </c>
      <c r="K2047" s="10">
        <v>1600</v>
      </c>
      <c r="L2047">
        <v>0</v>
      </c>
      <c r="M2047" s="10">
        <v>1600</v>
      </c>
      <c r="N2047">
        <v>0</v>
      </c>
    </row>
    <row r="2048" spans="1:14" hidden="1">
      <c r="A2048" s="7" t="s">
        <v>10</v>
      </c>
      <c r="B2048" s="8"/>
      <c r="C2048" s="8"/>
      <c r="D2048" t="s">
        <v>77</v>
      </c>
      <c r="E2048" s="8" t="s">
        <v>36</v>
      </c>
      <c r="F2048" t="s">
        <v>64</v>
      </c>
      <c r="G2048" t="s">
        <v>78</v>
      </c>
      <c r="H2048" t="s">
        <v>64</v>
      </c>
      <c r="I2048" s="8">
        <v>2027</v>
      </c>
      <c r="J2048" t="s">
        <v>47</v>
      </c>
      <c r="K2048" s="10">
        <v>0</v>
      </c>
      <c r="L2048">
        <v>0</v>
      </c>
      <c r="M2048" s="10">
        <v>0</v>
      </c>
      <c r="N2048">
        <v>0</v>
      </c>
    </row>
    <row r="2049" spans="1:14" hidden="1">
      <c r="A2049" s="7" t="s">
        <v>10</v>
      </c>
      <c r="B2049" s="8"/>
      <c r="C2049" s="8"/>
      <c r="D2049" t="s">
        <v>77</v>
      </c>
      <c r="E2049" s="8" t="s">
        <v>36</v>
      </c>
      <c r="F2049" t="s">
        <v>64</v>
      </c>
      <c r="G2049" t="s">
        <v>78</v>
      </c>
      <c r="H2049" t="s">
        <v>64</v>
      </c>
      <c r="I2049" s="8">
        <v>2027</v>
      </c>
      <c r="J2049" t="s">
        <v>48</v>
      </c>
      <c r="K2049" s="10">
        <v>0</v>
      </c>
      <c r="L2049">
        <v>0</v>
      </c>
      <c r="M2049" s="10">
        <v>0</v>
      </c>
      <c r="N2049">
        <v>0</v>
      </c>
    </row>
    <row r="2050" spans="1:14" hidden="1">
      <c r="A2050" s="7" t="s">
        <v>10</v>
      </c>
      <c r="B2050" s="8"/>
      <c r="C2050" s="8"/>
      <c r="D2050" t="s">
        <v>77</v>
      </c>
      <c r="E2050" s="8" t="s">
        <v>36</v>
      </c>
      <c r="F2050" t="s">
        <v>64</v>
      </c>
      <c r="G2050" t="s">
        <v>78</v>
      </c>
      <c r="H2050" t="s">
        <v>64</v>
      </c>
      <c r="I2050" s="8">
        <v>2027</v>
      </c>
      <c r="J2050" t="s">
        <v>14</v>
      </c>
      <c r="K2050" s="10">
        <v>0</v>
      </c>
      <c r="L2050">
        <v>0</v>
      </c>
      <c r="M2050" s="10">
        <v>0</v>
      </c>
      <c r="N2050">
        <v>0</v>
      </c>
    </row>
    <row r="2051" spans="1:14" hidden="1">
      <c r="A2051" s="7" t="s">
        <v>10</v>
      </c>
      <c r="B2051" s="8"/>
      <c r="C2051" s="8"/>
      <c r="D2051" t="s">
        <v>77</v>
      </c>
      <c r="E2051" s="8" t="s">
        <v>36</v>
      </c>
      <c r="F2051" t="s">
        <v>64</v>
      </c>
      <c r="G2051" t="s">
        <v>78</v>
      </c>
      <c r="H2051" t="s">
        <v>64</v>
      </c>
      <c r="I2051" s="8">
        <v>2027</v>
      </c>
      <c r="J2051" t="s">
        <v>49</v>
      </c>
      <c r="K2051" s="10">
        <v>0</v>
      </c>
      <c r="L2051">
        <v>0</v>
      </c>
      <c r="M2051" s="10">
        <v>0</v>
      </c>
      <c r="N2051">
        <v>0</v>
      </c>
    </row>
    <row r="2052" spans="1:14" hidden="1">
      <c r="A2052" s="7" t="s">
        <v>10</v>
      </c>
      <c r="B2052" s="8"/>
      <c r="C2052" s="8"/>
      <c r="D2052" t="s">
        <v>77</v>
      </c>
      <c r="E2052" s="8" t="s">
        <v>36</v>
      </c>
      <c r="F2052" t="s">
        <v>64</v>
      </c>
      <c r="G2052" t="s">
        <v>79</v>
      </c>
      <c r="H2052" t="s">
        <v>64</v>
      </c>
      <c r="I2052" s="8">
        <v>2027</v>
      </c>
      <c r="J2052" t="s">
        <v>15</v>
      </c>
      <c r="K2052" s="10">
        <v>0</v>
      </c>
      <c r="L2052">
        <v>0</v>
      </c>
      <c r="M2052" s="10">
        <v>0</v>
      </c>
      <c r="N2052">
        <v>0</v>
      </c>
    </row>
    <row r="2053" spans="1:14" hidden="1">
      <c r="A2053" s="7" t="s">
        <v>10</v>
      </c>
      <c r="B2053" s="8"/>
      <c r="C2053" s="8"/>
      <c r="D2053" t="s">
        <v>77</v>
      </c>
      <c r="E2053" s="8" t="s">
        <v>36</v>
      </c>
      <c r="F2053" t="s">
        <v>64</v>
      </c>
      <c r="G2053" t="s">
        <v>79</v>
      </c>
      <c r="H2053" t="s">
        <v>64</v>
      </c>
      <c r="I2053" s="8">
        <v>2027</v>
      </c>
      <c r="J2053" t="s">
        <v>50</v>
      </c>
      <c r="K2053" s="10">
        <v>0</v>
      </c>
      <c r="L2053">
        <v>0</v>
      </c>
      <c r="M2053" s="10">
        <v>0</v>
      </c>
      <c r="N2053">
        <v>0</v>
      </c>
    </row>
    <row r="2054" spans="1:14" hidden="1">
      <c r="A2054" s="7" t="s">
        <v>10</v>
      </c>
      <c r="B2054" s="8"/>
      <c r="C2054" s="8"/>
      <c r="D2054" t="s">
        <v>77</v>
      </c>
      <c r="E2054" s="8" t="s">
        <v>36</v>
      </c>
      <c r="F2054" t="s">
        <v>64</v>
      </c>
      <c r="G2054" t="s">
        <v>19</v>
      </c>
      <c r="H2054" t="s">
        <v>64</v>
      </c>
      <c r="I2054" s="8">
        <v>2027</v>
      </c>
      <c r="J2054" t="s">
        <v>19</v>
      </c>
      <c r="K2054" s="10">
        <v>0</v>
      </c>
      <c r="L2054">
        <v>0</v>
      </c>
      <c r="M2054" s="10">
        <v>0</v>
      </c>
      <c r="N2054">
        <v>0</v>
      </c>
    </row>
    <row r="2055" spans="1:14" hidden="1">
      <c r="A2055" s="7" t="s">
        <v>10</v>
      </c>
      <c r="B2055" s="8"/>
      <c r="C2055" s="8"/>
      <c r="D2055" t="s">
        <v>77</v>
      </c>
      <c r="E2055" s="8" t="s">
        <v>36</v>
      </c>
      <c r="F2055" t="s">
        <v>64</v>
      </c>
      <c r="G2055" t="s">
        <v>78</v>
      </c>
      <c r="H2055" t="s">
        <v>64</v>
      </c>
      <c r="I2055" s="8">
        <v>2027</v>
      </c>
      <c r="J2055" t="s">
        <v>21</v>
      </c>
      <c r="K2055" s="10">
        <v>10952</v>
      </c>
      <c r="L2055">
        <v>0</v>
      </c>
      <c r="M2055" s="10">
        <v>10952</v>
      </c>
      <c r="N2055">
        <v>0</v>
      </c>
    </row>
    <row r="2056" spans="1:14" hidden="1">
      <c r="A2056" s="7" t="s">
        <v>10</v>
      </c>
      <c r="B2056" s="8"/>
      <c r="C2056" s="8"/>
      <c r="D2056" t="s">
        <v>77</v>
      </c>
      <c r="E2056" s="8" t="s">
        <v>36</v>
      </c>
      <c r="F2056" t="s">
        <v>64</v>
      </c>
      <c r="G2056" t="s">
        <v>78</v>
      </c>
      <c r="H2056" t="s">
        <v>64</v>
      </c>
      <c r="I2056" s="8">
        <v>2027</v>
      </c>
      <c r="J2056" t="s">
        <v>51</v>
      </c>
      <c r="K2056" s="10">
        <v>1800</v>
      </c>
      <c r="L2056">
        <v>0</v>
      </c>
      <c r="M2056" s="10">
        <v>1800</v>
      </c>
      <c r="N2056">
        <v>0</v>
      </c>
    </row>
    <row r="2057" spans="1:14" hidden="1">
      <c r="A2057" s="7" t="s">
        <v>10</v>
      </c>
      <c r="B2057" s="8"/>
      <c r="C2057" s="8"/>
      <c r="D2057" t="s">
        <v>77</v>
      </c>
      <c r="E2057" s="8" t="s">
        <v>36</v>
      </c>
      <c r="F2057" t="s">
        <v>64</v>
      </c>
      <c r="G2057" t="s">
        <v>78</v>
      </c>
      <c r="H2057" t="s">
        <v>64</v>
      </c>
      <c r="I2057" s="8">
        <v>2028</v>
      </c>
      <c r="J2057" t="s">
        <v>47</v>
      </c>
      <c r="K2057" s="10">
        <v>0</v>
      </c>
      <c r="L2057">
        <v>0</v>
      </c>
      <c r="M2057" s="10">
        <v>0</v>
      </c>
      <c r="N2057">
        <v>0</v>
      </c>
    </row>
    <row r="2058" spans="1:14" hidden="1">
      <c r="A2058" s="7" t="s">
        <v>10</v>
      </c>
      <c r="B2058" s="8"/>
      <c r="C2058" s="8"/>
      <c r="D2058" t="s">
        <v>77</v>
      </c>
      <c r="E2058" s="8" t="s">
        <v>36</v>
      </c>
      <c r="F2058" t="s">
        <v>64</v>
      </c>
      <c r="G2058" t="s">
        <v>78</v>
      </c>
      <c r="H2058" t="s">
        <v>64</v>
      </c>
      <c r="I2058" s="8">
        <v>2028</v>
      </c>
      <c r="J2058" t="s">
        <v>48</v>
      </c>
      <c r="K2058" s="10">
        <v>0</v>
      </c>
      <c r="L2058">
        <v>0</v>
      </c>
      <c r="M2058" s="10">
        <v>0</v>
      </c>
      <c r="N2058">
        <v>0</v>
      </c>
    </row>
    <row r="2059" spans="1:14" hidden="1">
      <c r="A2059" s="7" t="s">
        <v>10</v>
      </c>
      <c r="B2059" s="8"/>
      <c r="C2059" s="8"/>
      <c r="D2059" t="s">
        <v>77</v>
      </c>
      <c r="E2059" s="8" t="s">
        <v>36</v>
      </c>
      <c r="F2059" t="s">
        <v>64</v>
      </c>
      <c r="G2059" t="s">
        <v>78</v>
      </c>
      <c r="H2059" t="s">
        <v>64</v>
      </c>
      <c r="I2059" s="8">
        <v>2028</v>
      </c>
      <c r="J2059" t="s">
        <v>14</v>
      </c>
      <c r="K2059" s="10">
        <v>0</v>
      </c>
      <c r="L2059">
        <v>0</v>
      </c>
      <c r="M2059" s="10">
        <v>0</v>
      </c>
      <c r="N2059">
        <v>0</v>
      </c>
    </row>
    <row r="2060" spans="1:14" hidden="1">
      <c r="A2060" s="7" t="s">
        <v>10</v>
      </c>
      <c r="B2060" s="8"/>
      <c r="C2060" s="8"/>
      <c r="D2060" t="s">
        <v>77</v>
      </c>
      <c r="E2060" s="8" t="s">
        <v>36</v>
      </c>
      <c r="F2060" t="s">
        <v>64</v>
      </c>
      <c r="G2060" t="s">
        <v>78</v>
      </c>
      <c r="H2060" t="s">
        <v>64</v>
      </c>
      <c r="I2060" s="8">
        <v>2028</v>
      </c>
      <c r="J2060" t="s">
        <v>49</v>
      </c>
      <c r="K2060" s="10">
        <v>0</v>
      </c>
      <c r="L2060">
        <v>0</v>
      </c>
      <c r="M2060" s="10">
        <v>0</v>
      </c>
      <c r="N2060">
        <v>0</v>
      </c>
    </row>
    <row r="2061" spans="1:14" hidden="1">
      <c r="A2061" s="7" t="s">
        <v>10</v>
      </c>
      <c r="B2061" s="8"/>
      <c r="C2061" s="8"/>
      <c r="D2061" t="s">
        <v>77</v>
      </c>
      <c r="E2061" s="8" t="s">
        <v>36</v>
      </c>
      <c r="F2061" t="s">
        <v>64</v>
      </c>
      <c r="G2061" t="s">
        <v>79</v>
      </c>
      <c r="H2061" t="s">
        <v>64</v>
      </c>
      <c r="I2061" s="8">
        <v>2028</v>
      </c>
      <c r="J2061" t="s">
        <v>15</v>
      </c>
      <c r="K2061" s="10">
        <v>0</v>
      </c>
      <c r="L2061">
        <v>0</v>
      </c>
      <c r="M2061" s="10">
        <v>0</v>
      </c>
      <c r="N2061">
        <v>0</v>
      </c>
    </row>
    <row r="2062" spans="1:14" hidden="1">
      <c r="A2062" s="7" t="s">
        <v>10</v>
      </c>
      <c r="B2062" s="8"/>
      <c r="C2062" s="8"/>
      <c r="D2062" t="s">
        <v>77</v>
      </c>
      <c r="E2062" s="8" t="s">
        <v>36</v>
      </c>
      <c r="F2062" t="s">
        <v>64</v>
      </c>
      <c r="G2062" t="s">
        <v>79</v>
      </c>
      <c r="H2062" t="s">
        <v>64</v>
      </c>
      <c r="I2062" s="8">
        <v>2028</v>
      </c>
      <c r="J2062" t="s">
        <v>50</v>
      </c>
      <c r="K2062" s="10">
        <v>0</v>
      </c>
      <c r="L2062">
        <v>0</v>
      </c>
      <c r="M2062" s="10">
        <v>0</v>
      </c>
      <c r="N2062">
        <v>0</v>
      </c>
    </row>
    <row r="2063" spans="1:14" hidden="1">
      <c r="A2063" s="7" t="s">
        <v>10</v>
      </c>
      <c r="B2063" s="8"/>
      <c r="C2063" s="8"/>
      <c r="D2063" t="s">
        <v>77</v>
      </c>
      <c r="E2063" s="8" t="s">
        <v>36</v>
      </c>
      <c r="F2063" t="s">
        <v>64</v>
      </c>
      <c r="G2063" t="s">
        <v>19</v>
      </c>
      <c r="H2063" t="s">
        <v>64</v>
      </c>
      <c r="I2063" s="8">
        <v>2028</v>
      </c>
      <c r="J2063" t="s">
        <v>19</v>
      </c>
      <c r="K2063" s="10">
        <v>0</v>
      </c>
      <c r="L2063">
        <v>0</v>
      </c>
      <c r="M2063" s="10">
        <v>0</v>
      </c>
      <c r="N2063">
        <v>0</v>
      </c>
    </row>
    <row r="2064" spans="1:14" hidden="1">
      <c r="A2064" s="7" t="s">
        <v>10</v>
      </c>
      <c r="B2064" s="8"/>
      <c r="C2064" s="8"/>
      <c r="D2064" t="s">
        <v>77</v>
      </c>
      <c r="E2064" s="8" t="s">
        <v>36</v>
      </c>
      <c r="F2064" t="s">
        <v>64</v>
      </c>
      <c r="G2064" t="s">
        <v>78</v>
      </c>
      <c r="H2064" t="s">
        <v>64</v>
      </c>
      <c r="I2064" s="8">
        <v>2028</v>
      </c>
      <c r="J2064" t="s">
        <v>21</v>
      </c>
      <c r="K2064" s="10">
        <v>12726</v>
      </c>
      <c r="L2064">
        <v>0</v>
      </c>
      <c r="M2064" s="10">
        <v>12726</v>
      </c>
      <c r="N2064">
        <v>0</v>
      </c>
    </row>
    <row r="2065" spans="1:14" hidden="1">
      <c r="A2065" s="7" t="s">
        <v>10</v>
      </c>
      <c r="B2065" s="8"/>
      <c r="C2065" s="8"/>
      <c r="D2065" t="s">
        <v>77</v>
      </c>
      <c r="E2065" s="8" t="s">
        <v>36</v>
      </c>
      <c r="F2065" t="s">
        <v>64</v>
      </c>
      <c r="G2065" t="s">
        <v>78</v>
      </c>
      <c r="H2065" t="s">
        <v>64</v>
      </c>
      <c r="I2065" s="8">
        <v>2028</v>
      </c>
      <c r="J2065" t="s">
        <v>51</v>
      </c>
      <c r="K2065" s="10">
        <v>1800</v>
      </c>
      <c r="L2065">
        <v>0</v>
      </c>
      <c r="M2065" s="10">
        <v>1800</v>
      </c>
      <c r="N2065">
        <v>0</v>
      </c>
    </row>
    <row r="2066" spans="1:14" hidden="1">
      <c r="A2066" s="7" t="s">
        <v>10</v>
      </c>
      <c r="B2066" s="8"/>
      <c r="C2066" s="8"/>
      <c r="D2066" t="s">
        <v>77</v>
      </c>
      <c r="E2066" s="8" t="s">
        <v>36</v>
      </c>
      <c r="F2066" t="s">
        <v>64</v>
      </c>
      <c r="G2066" t="s">
        <v>78</v>
      </c>
      <c r="H2066" t="s">
        <v>64</v>
      </c>
      <c r="I2066" s="8">
        <v>2029</v>
      </c>
      <c r="J2066" t="s">
        <v>47</v>
      </c>
      <c r="K2066" s="10">
        <v>0</v>
      </c>
      <c r="L2066">
        <v>0</v>
      </c>
      <c r="M2066" s="10">
        <v>0</v>
      </c>
      <c r="N2066">
        <v>0</v>
      </c>
    </row>
    <row r="2067" spans="1:14" hidden="1">
      <c r="A2067" s="7" t="s">
        <v>10</v>
      </c>
      <c r="B2067" s="8"/>
      <c r="C2067" s="8"/>
      <c r="D2067" t="s">
        <v>77</v>
      </c>
      <c r="E2067" s="8" t="s">
        <v>36</v>
      </c>
      <c r="F2067" t="s">
        <v>64</v>
      </c>
      <c r="G2067" t="s">
        <v>78</v>
      </c>
      <c r="H2067" t="s">
        <v>64</v>
      </c>
      <c r="I2067" s="8">
        <v>2029</v>
      </c>
      <c r="J2067" t="s">
        <v>48</v>
      </c>
      <c r="K2067" s="10">
        <v>0</v>
      </c>
      <c r="L2067">
        <v>0</v>
      </c>
      <c r="M2067" s="10">
        <v>0</v>
      </c>
      <c r="N2067">
        <v>0</v>
      </c>
    </row>
    <row r="2068" spans="1:14" hidden="1">
      <c r="A2068" s="7" t="s">
        <v>10</v>
      </c>
      <c r="B2068" s="8"/>
      <c r="C2068" s="8"/>
      <c r="D2068" t="s">
        <v>77</v>
      </c>
      <c r="E2068" s="8" t="s">
        <v>36</v>
      </c>
      <c r="F2068" t="s">
        <v>64</v>
      </c>
      <c r="G2068" t="s">
        <v>78</v>
      </c>
      <c r="H2068" t="s">
        <v>64</v>
      </c>
      <c r="I2068" s="8">
        <v>2029</v>
      </c>
      <c r="J2068" t="s">
        <v>14</v>
      </c>
      <c r="K2068" s="10">
        <v>0</v>
      </c>
      <c r="L2068">
        <v>0</v>
      </c>
      <c r="M2068" s="10">
        <v>0</v>
      </c>
      <c r="N2068">
        <v>0</v>
      </c>
    </row>
    <row r="2069" spans="1:14" hidden="1">
      <c r="A2069" s="7" t="s">
        <v>10</v>
      </c>
      <c r="B2069" s="8"/>
      <c r="C2069" s="8"/>
      <c r="D2069" t="s">
        <v>77</v>
      </c>
      <c r="E2069" s="8" t="s">
        <v>36</v>
      </c>
      <c r="F2069" t="s">
        <v>64</v>
      </c>
      <c r="G2069" t="s">
        <v>78</v>
      </c>
      <c r="H2069" t="s">
        <v>64</v>
      </c>
      <c r="I2069" s="8">
        <v>2029</v>
      </c>
      <c r="J2069" t="s">
        <v>49</v>
      </c>
      <c r="K2069" s="10">
        <v>0</v>
      </c>
      <c r="L2069">
        <v>0</v>
      </c>
      <c r="M2069" s="10">
        <v>0</v>
      </c>
      <c r="N2069">
        <v>0</v>
      </c>
    </row>
    <row r="2070" spans="1:14" hidden="1">
      <c r="A2070" s="7" t="s">
        <v>10</v>
      </c>
      <c r="B2070" s="8"/>
      <c r="C2070" s="8"/>
      <c r="D2070" t="s">
        <v>77</v>
      </c>
      <c r="E2070" s="8" t="s">
        <v>36</v>
      </c>
      <c r="F2070" t="s">
        <v>64</v>
      </c>
      <c r="G2070" t="s">
        <v>79</v>
      </c>
      <c r="H2070" t="s">
        <v>64</v>
      </c>
      <c r="I2070" s="8">
        <v>2029</v>
      </c>
      <c r="J2070" t="s">
        <v>15</v>
      </c>
      <c r="K2070" s="10">
        <v>0</v>
      </c>
      <c r="L2070">
        <v>0</v>
      </c>
      <c r="M2070" s="10">
        <v>0</v>
      </c>
      <c r="N2070">
        <v>0</v>
      </c>
    </row>
    <row r="2071" spans="1:14" hidden="1">
      <c r="A2071" s="7" t="s">
        <v>10</v>
      </c>
      <c r="B2071" s="8"/>
      <c r="C2071" s="8"/>
      <c r="D2071" t="s">
        <v>77</v>
      </c>
      <c r="E2071" s="8" t="s">
        <v>36</v>
      </c>
      <c r="F2071" t="s">
        <v>64</v>
      </c>
      <c r="G2071" t="s">
        <v>79</v>
      </c>
      <c r="H2071" t="s">
        <v>64</v>
      </c>
      <c r="I2071" s="8">
        <v>2029</v>
      </c>
      <c r="J2071" t="s">
        <v>50</v>
      </c>
      <c r="K2071" s="10">
        <v>0</v>
      </c>
      <c r="L2071">
        <v>0</v>
      </c>
      <c r="M2071" s="10">
        <v>0</v>
      </c>
      <c r="N2071">
        <v>0</v>
      </c>
    </row>
    <row r="2072" spans="1:14" hidden="1">
      <c r="A2072" s="7" t="s">
        <v>10</v>
      </c>
      <c r="B2072" s="8"/>
      <c r="C2072" s="8"/>
      <c r="D2072" t="s">
        <v>77</v>
      </c>
      <c r="E2072" s="8" t="s">
        <v>36</v>
      </c>
      <c r="F2072" t="s">
        <v>64</v>
      </c>
      <c r="G2072" t="s">
        <v>19</v>
      </c>
      <c r="H2072" t="s">
        <v>64</v>
      </c>
      <c r="I2072" s="8">
        <v>2029</v>
      </c>
      <c r="J2072" t="s">
        <v>19</v>
      </c>
      <c r="K2072" s="10">
        <v>0</v>
      </c>
      <c r="L2072">
        <v>0</v>
      </c>
      <c r="M2072" s="10">
        <v>0</v>
      </c>
      <c r="N2072">
        <v>0</v>
      </c>
    </row>
    <row r="2073" spans="1:14" hidden="1">
      <c r="A2073" s="7" t="s">
        <v>10</v>
      </c>
      <c r="B2073" s="8"/>
      <c r="C2073" s="8"/>
      <c r="D2073" t="s">
        <v>77</v>
      </c>
      <c r="E2073" s="8" t="s">
        <v>36</v>
      </c>
      <c r="F2073" t="s">
        <v>64</v>
      </c>
      <c r="G2073" t="s">
        <v>78</v>
      </c>
      <c r="H2073" t="s">
        <v>64</v>
      </c>
      <c r="I2073" s="8">
        <v>2029</v>
      </c>
      <c r="J2073" t="s">
        <v>21</v>
      </c>
      <c r="K2073" s="10">
        <v>14621</v>
      </c>
      <c r="L2073">
        <v>0</v>
      </c>
      <c r="M2073" s="10">
        <v>14621</v>
      </c>
      <c r="N2073">
        <v>0</v>
      </c>
    </row>
    <row r="2074" spans="1:14" hidden="1">
      <c r="A2074" s="7" t="s">
        <v>10</v>
      </c>
      <c r="B2074" s="8"/>
      <c r="C2074" s="8"/>
      <c r="D2074" t="s">
        <v>77</v>
      </c>
      <c r="E2074" s="8" t="s">
        <v>36</v>
      </c>
      <c r="F2074" t="s">
        <v>64</v>
      </c>
      <c r="G2074" t="s">
        <v>78</v>
      </c>
      <c r="H2074" t="s">
        <v>64</v>
      </c>
      <c r="I2074" s="8">
        <v>2029</v>
      </c>
      <c r="J2074" t="s">
        <v>51</v>
      </c>
      <c r="K2074" s="10">
        <v>1800</v>
      </c>
      <c r="L2074">
        <v>0</v>
      </c>
      <c r="M2074" s="10">
        <v>1800</v>
      </c>
      <c r="N2074">
        <v>0</v>
      </c>
    </row>
    <row r="2075" spans="1:14" hidden="1">
      <c r="A2075" s="7" t="s">
        <v>10</v>
      </c>
      <c r="B2075" s="8"/>
      <c r="C2075" s="8"/>
      <c r="D2075" t="s">
        <v>77</v>
      </c>
      <c r="E2075" s="8" t="s">
        <v>36</v>
      </c>
      <c r="F2075" t="s">
        <v>64</v>
      </c>
      <c r="G2075" t="s">
        <v>78</v>
      </c>
      <c r="H2075" t="s">
        <v>64</v>
      </c>
      <c r="I2075" s="8">
        <v>2030</v>
      </c>
      <c r="J2075" t="s">
        <v>47</v>
      </c>
      <c r="K2075" s="10">
        <v>0</v>
      </c>
      <c r="L2075">
        <v>0</v>
      </c>
      <c r="M2075" s="10">
        <v>0</v>
      </c>
      <c r="N2075">
        <v>0</v>
      </c>
    </row>
    <row r="2076" spans="1:14" hidden="1">
      <c r="A2076" s="7" t="s">
        <v>10</v>
      </c>
      <c r="B2076" s="8"/>
      <c r="C2076" s="8"/>
      <c r="D2076" t="s">
        <v>77</v>
      </c>
      <c r="E2076" s="8" t="s">
        <v>36</v>
      </c>
      <c r="F2076" t="s">
        <v>64</v>
      </c>
      <c r="G2076" t="s">
        <v>78</v>
      </c>
      <c r="H2076" t="s">
        <v>64</v>
      </c>
      <c r="I2076" s="8">
        <v>2030</v>
      </c>
      <c r="J2076" t="s">
        <v>48</v>
      </c>
      <c r="K2076" s="10">
        <v>0</v>
      </c>
      <c r="L2076">
        <v>0</v>
      </c>
      <c r="M2076" s="10">
        <v>0</v>
      </c>
      <c r="N2076">
        <v>0</v>
      </c>
    </row>
    <row r="2077" spans="1:14" hidden="1">
      <c r="A2077" s="7" t="s">
        <v>10</v>
      </c>
      <c r="B2077" s="8"/>
      <c r="C2077" s="8"/>
      <c r="D2077" t="s">
        <v>77</v>
      </c>
      <c r="E2077" s="8" t="s">
        <v>36</v>
      </c>
      <c r="F2077" t="s">
        <v>64</v>
      </c>
      <c r="G2077" t="s">
        <v>78</v>
      </c>
      <c r="H2077" t="s">
        <v>64</v>
      </c>
      <c r="I2077" s="8">
        <v>2030</v>
      </c>
      <c r="J2077" t="s">
        <v>14</v>
      </c>
      <c r="K2077" s="10">
        <v>0</v>
      </c>
      <c r="L2077">
        <v>0</v>
      </c>
      <c r="M2077" s="10">
        <v>0</v>
      </c>
      <c r="N2077">
        <v>0</v>
      </c>
    </row>
    <row r="2078" spans="1:14" hidden="1">
      <c r="A2078" s="7" t="s">
        <v>10</v>
      </c>
      <c r="B2078" s="8"/>
      <c r="C2078" s="8"/>
      <c r="D2078" t="s">
        <v>77</v>
      </c>
      <c r="E2078" s="8" t="s">
        <v>36</v>
      </c>
      <c r="F2078" t="s">
        <v>64</v>
      </c>
      <c r="G2078" t="s">
        <v>78</v>
      </c>
      <c r="H2078" t="s">
        <v>64</v>
      </c>
      <c r="I2078" s="8">
        <v>2030</v>
      </c>
      <c r="J2078" t="s">
        <v>49</v>
      </c>
      <c r="K2078" s="10">
        <v>0</v>
      </c>
      <c r="L2078">
        <v>0</v>
      </c>
      <c r="M2078" s="10">
        <v>0</v>
      </c>
      <c r="N2078">
        <v>0</v>
      </c>
    </row>
    <row r="2079" spans="1:14" hidden="1">
      <c r="A2079" s="7" t="s">
        <v>10</v>
      </c>
      <c r="B2079" s="8"/>
      <c r="C2079" s="8"/>
      <c r="D2079" t="s">
        <v>77</v>
      </c>
      <c r="E2079" s="8" t="s">
        <v>36</v>
      </c>
      <c r="F2079" t="s">
        <v>64</v>
      </c>
      <c r="G2079" t="s">
        <v>79</v>
      </c>
      <c r="H2079" t="s">
        <v>64</v>
      </c>
      <c r="I2079" s="8">
        <v>2030</v>
      </c>
      <c r="J2079" t="s">
        <v>15</v>
      </c>
      <c r="K2079" s="10">
        <v>0</v>
      </c>
      <c r="L2079">
        <v>0</v>
      </c>
      <c r="M2079" s="10">
        <v>0</v>
      </c>
      <c r="N2079">
        <v>0</v>
      </c>
    </row>
    <row r="2080" spans="1:14" hidden="1">
      <c r="A2080" s="7" t="s">
        <v>10</v>
      </c>
      <c r="B2080" s="8"/>
      <c r="C2080" s="8"/>
      <c r="D2080" t="s">
        <v>77</v>
      </c>
      <c r="E2080" s="8" t="s">
        <v>36</v>
      </c>
      <c r="F2080" t="s">
        <v>64</v>
      </c>
      <c r="G2080" t="s">
        <v>79</v>
      </c>
      <c r="H2080" t="s">
        <v>64</v>
      </c>
      <c r="I2080" s="8">
        <v>2030</v>
      </c>
      <c r="J2080" t="s">
        <v>50</v>
      </c>
      <c r="K2080" s="10">
        <v>0</v>
      </c>
      <c r="L2080">
        <v>0</v>
      </c>
      <c r="M2080" s="10">
        <v>0</v>
      </c>
      <c r="N2080">
        <v>0</v>
      </c>
    </row>
    <row r="2081" spans="1:14" hidden="1">
      <c r="A2081" s="7" t="s">
        <v>10</v>
      </c>
      <c r="B2081" s="8"/>
      <c r="C2081" s="8"/>
      <c r="D2081" t="s">
        <v>77</v>
      </c>
      <c r="E2081" s="8" t="s">
        <v>36</v>
      </c>
      <c r="F2081" t="s">
        <v>64</v>
      </c>
      <c r="G2081" t="s">
        <v>19</v>
      </c>
      <c r="H2081" t="s">
        <v>64</v>
      </c>
      <c r="I2081" s="8">
        <v>2030</v>
      </c>
      <c r="J2081" t="s">
        <v>19</v>
      </c>
      <c r="K2081" s="10">
        <v>0</v>
      </c>
      <c r="L2081">
        <v>0</v>
      </c>
      <c r="M2081" s="10">
        <v>0</v>
      </c>
      <c r="N2081">
        <v>0</v>
      </c>
    </row>
    <row r="2082" spans="1:14" hidden="1">
      <c r="A2082" s="7" t="s">
        <v>10</v>
      </c>
      <c r="B2082" s="8"/>
      <c r="C2082" s="8"/>
      <c r="D2082" t="s">
        <v>77</v>
      </c>
      <c r="E2082" s="8" t="s">
        <v>36</v>
      </c>
      <c r="F2082" t="s">
        <v>64</v>
      </c>
      <c r="G2082" t="s">
        <v>78</v>
      </c>
      <c r="H2082" t="s">
        <v>64</v>
      </c>
      <c r="I2082" s="8">
        <v>2030</v>
      </c>
      <c r="J2082" t="s">
        <v>21</v>
      </c>
      <c r="K2082" s="10">
        <v>15274</v>
      </c>
      <c r="L2082">
        <v>0</v>
      </c>
      <c r="M2082" s="10">
        <v>15274</v>
      </c>
      <c r="N2082">
        <v>0</v>
      </c>
    </row>
    <row r="2083" spans="1:14" hidden="1">
      <c r="A2083" s="7" t="s">
        <v>10</v>
      </c>
      <c r="B2083" s="8"/>
      <c r="C2083" s="8"/>
      <c r="D2083" t="s">
        <v>77</v>
      </c>
      <c r="E2083" s="8" t="s">
        <v>36</v>
      </c>
      <c r="F2083" t="s">
        <v>64</v>
      </c>
      <c r="G2083" t="s">
        <v>78</v>
      </c>
      <c r="H2083" t="s">
        <v>64</v>
      </c>
      <c r="I2083" s="8">
        <v>2030</v>
      </c>
      <c r="J2083" t="s">
        <v>51</v>
      </c>
      <c r="K2083" s="10">
        <v>1800</v>
      </c>
      <c r="L2083">
        <v>0</v>
      </c>
      <c r="M2083" s="10">
        <v>1800</v>
      </c>
      <c r="N2083">
        <v>0</v>
      </c>
    </row>
    <row r="2084" spans="1:14" hidden="1">
      <c r="A2084" s="7" t="s">
        <v>10</v>
      </c>
      <c r="B2084" s="8"/>
      <c r="C2084" s="8"/>
      <c r="D2084" t="s">
        <v>77</v>
      </c>
      <c r="E2084" s="8" t="s">
        <v>36</v>
      </c>
      <c r="F2084" t="s">
        <v>64</v>
      </c>
      <c r="G2084" t="s">
        <v>78</v>
      </c>
      <c r="H2084" t="s">
        <v>64</v>
      </c>
      <c r="I2084" s="8">
        <v>2031</v>
      </c>
      <c r="J2084" t="s">
        <v>47</v>
      </c>
      <c r="K2084" s="10">
        <v>0</v>
      </c>
      <c r="L2084">
        <v>0</v>
      </c>
      <c r="M2084" s="10">
        <v>0</v>
      </c>
      <c r="N2084">
        <v>0</v>
      </c>
    </row>
    <row r="2085" spans="1:14" hidden="1">
      <c r="A2085" s="7" t="s">
        <v>10</v>
      </c>
      <c r="B2085" s="8"/>
      <c r="C2085" s="8"/>
      <c r="D2085" t="s">
        <v>77</v>
      </c>
      <c r="E2085" s="8" t="s">
        <v>36</v>
      </c>
      <c r="F2085" t="s">
        <v>64</v>
      </c>
      <c r="G2085" t="s">
        <v>78</v>
      </c>
      <c r="H2085" t="s">
        <v>64</v>
      </c>
      <c r="I2085" s="8">
        <v>2031</v>
      </c>
      <c r="J2085" t="s">
        <v>48</v>
      </c>
      <c r="K2085" s="10">
        <v>0</v>
      </c>
      <c r="L2085">
        <v>0</v>
      </c>
      <c r="M2085" s="10">
        <v>0</v>
      </c>
      <c r="N2085">
        <v>0</v>
      </c>
    </row>
    <row r="2086" spans="1:14" hidden="1">
      <c r="A2086" s="7" t="s">
        <v>10</v>
      </c>
      <c r="B2086" s="8"/>
      <c r="C2086" s="8"/>
      <c r="D2086" t="s">
        <v>77</v>
      </c>
      <c r="E2086" s="8" t="s">
        <v>36</v>
      </c>
      <c r="F2086" t="s">
        <v>64</v>
      </c>
      <c r="G2086" t="s">
        <v>78</v>
      </c>
      <c r="H2086" t="s">
        <v>64</v>
      </c>
      <c r="I2086" s="8">
        <v>2031</v>
      </c>
      <c r="J2086" t="s">
        <v>14</v>
      </c>
      <c r="K2086" s="10">
        <v>0</v>
      </c>
      <c r="L2086">
        <v>0</v>
      </c>
      <c r="M2086" s="10">
        <v>0</v>
      </c>
      <c r="N2086">
        <v>0</v>
      </c>
    </row>
    <row r="2087" spans="1:14" hidden="1">
      <c r="A2087" s="7" t="s">
        <v>10</v>
      </c>
      <c r="B2087" s="8"/>
      <c r="C2087" s="8"/>
      <c r="D2087" t="s">
        <v>77</v>
      </c>
      <c r="E2087" s="8" t="s">
        <v>36</v>
      </c>
      <c r="F2087" t="s">
        <v>64</v>
      </c>
      <c r="G2087" t="s">
        <v>78</v>
      </c>
      <c r="H2087" t="s">
        <v>64</v>
      </c>
      <c r="I2087" s="8">
        <v>2031</v>
      </c>
      <c r="J2087" t="s">
        <v>49</v>
      </c>
      <c r="K2087" s="10">
        <v>0</v>
      </c>
      <c r="L2087">
        <v>0</v>
      </c>
      <c r="M2087" s="10">
        <v>0</v>
      </c>
      <c r="N2087">
        <v>0</v>
      </c>
    </row>
    <row r="2088" spans="1:14" hidden="1">
      <c r="A2088" s="7" t="s">
        <v>10</v>
      </c>
      <c r="B2088" s="8"/>
      <c r="C2088" s="8"/>
      <c r="D2088" t="s">
        <v>77</v>
      </c>
      <c r="E2088" s="8" t="s">
        <v>36</v>
      </c>
      <c r="F2088" t="s">
        <v>64</v>
      </c>
      <c r="G2088" t="s">
        <v>79</v>
      </c>
      <c r="H2088" t="s">
        <v>64</v>
      </c>
      <c r="I2088" s="8">
        <v>2031</v>
      </c>
      <c r="J2088" t="s">
        <v>15</v>
      </c>
      <c r="K2088" s="10">
        <v>0</v>
      </c>
      <c r="L2088">
        <v>0</v>
      </c>
      <c r="M2088" s="10">
        <v>0</v>
      </c>
      <c r="N2088">
        <v>0</v>
      </c>
    </row>
    <row r="2089" spans="1:14" hidden="1">
      <c r="A2089" s="7" t="s">
        <v>10</v>
      </c>
      <c r="B2089" s="8"/>
      <c r="C2089" s="8"/>
      <c r="D2089" t="s">
        <v>77</v>
      </c>
      <c r="E2089" s="8" t="s">
        <v>36</v>
      </c>
      <c r="F2089" t="s">
        <v>64</v>
      </c>
      <c r="G2089" t="s">
        <v>79</v>
      </c>
      <c r="H2089" t="s">
        <v>64</v>
      </c>
      <c r="I2089" s="8">
        <v>2031</v>
      </c>
      <c r="J2089" t="s">
        <v>50</v>
      </c>
      <c r="K2089" s="10">
        <v>0</v>
      </c>
      <c r="L2089">
        <v>0</v>
      </c>
      <c r="M2089" s="10">
        <v>0</v>
      </c>
      <c r="N2089">
        <v>0</v>
      </c>
    </row>
    <row r="2090" spans="1:14" hidden="1">
      <c r="A2090" s="7" t="s">
        <v>10</v>
      </c>
      <c r="B2090" s="8"/>
      <c r="C2090" s="8"/>
      <c r="D2090" t="s">
        <v>77</v>
      </c>
      <c r="E2090" s="8" t="s">
        <v>36</v>
      </c>
      <c r="F2090" t="s">
        <v>64</v>
      </c>
      <c r="G2090" t="s">
        <v>19</v>
      </c>
      <c r="H2090" t="s">
        <v>64</v>
      </c>
      <c r="I2090" s="8">
        <v>2031</v>
      </c>
      <c r="J2090" t="s">
        <v>19</v>
      </c>
      <c r="K2090" s="10">
        <v>0</v>
      </c>
      <c r="L2090">
        <v>0</v>
      </c>
      <c r="M2090" s="10">
        <v>0</v>
      </c>
      <c r="N2090">
        <v>0</v>
      </c>
    </row>
    <row r="2091" spans="1:14" hidden="1">
      <c r="A2091" s="7" t="s">
        <v>10</v>
      </c>
      <c r="B2091" s="8"/>
      <c r="C2091" s="8"/>
      <c r="D2091" t="s">
        <v>77</v>
      </c>
      <c r="E2091" s="8" t="s">
        <v>36</v>
      </c>
      <c r="F2091" t="s">
        <v>64</v>
      </c>
      <c r="G2091" t="s">
        <v>78</v>
      </c>
      <c r="H2091" t="s">
        <v>64</v>
      </c>
      <c r="I2091" s="8">
        <v>2031</v>
      </c>
      <c r="J2091" t="s">
        <v>21</v>
      </c>
      <c r="K2091" s="10">
        <v>15310</v>
      </c>
      <c r="L2091">
        <v>0</v>
      </c>
      <c r="M2091" s="10">
        <v>15310</v>
      </c>
      <c r="N2091">
        <v>0</v>
      </c>
    </row>
    <row r="2092" spans="1:14" hidden="1">
      <c r="A2092" s="7" t="s">
        <v>10</v>
      </c>
      <c r="B2092" s="8"/>
      <c r="C2092" s="8"/>
      <c r="D2092" t="s">
        <v>77</v>
      </c>
      <c r="E2092" s="8" t="s">
        <v>36</v>
      </c>
      <c r="F2092" t="s">
        <v>64</v>
      </c>
      <c r="G2092" t="s">
        <v>78</v>
      </c>
      <c r="H2092" t="s">
        <v>64</v>
      </c>
      <c r="I2092" s="8">
        <v>2031</v>
      </c>
      <c r="J2092" t="s">
        <v>51</v>
      </c>
      <c r="K2092" s="10">
        <v>1800</v>
      </c>
      <c r="L2092">
        <v>0</v>
      </c>
      <c r="M2092" s="10">
        <v>1800</v>
      </c>
      <c r="N2092">
        <v>0</v>
      </c>
    </row>
    <row r="2093" spans="1:14" hidden="1">
      <c r="A2093" s="7" t="s">
        <v>10</v>
      </c>
      <c r="B2093" s="8"/>
      <c r="C2093" s="8"/>
      <c r="D2093" t="s">
        <v>77</v>
      </c>
      <c r="E2093" s="8" t="s">
        <v>36</v>
      </c>
      <c r="F2093" t="s">
        <v>64</v>
      </c>
      <c r="G2093" t="s">
        <v>78</v>
      </c>
      <c r="H2093" t="s">
        <v>64</v>
      </c>
      <c r="I2093" s="8">
        <v>2032</v>
      </c>
      <c r="J2093" t="s">
        <v>47</v>
      </c>
      <c r="K2093" s="10">
        <v>0</v>
      </c>
      <c r="L2093">
        <v>0</v>
      </c>
      <c r="M2093" s="10">
        <v>0</v>
      </c>
      <c r="N2093">
        <v>0</v>
      </c>
    </row>
    <row r="2094" spans="1:14" hidden="1">
      <c r="A2094" s="7" t="s">
        <v>10</v>
      </c>
      <c r="B2094" s="8"/>
      <c r="C2094" s="8"/>
      <c r="D2094" t="s">
        <v>77</v>
      </c>
      <c r="E2094" s="8" t="s">
        <v>36</v>
      </c>
      <c r="F2094" t="s">
        <v>64</v>
      </c>
      <c r="G2094" t="s">
        <v>78</v>
      </c>
      <c r="H2094" t="s">
        <v>64</v>
      </c>
      <c r="I2094" s="8">
        <v>2032</v>
      </c>
      <c r="J2094" t="s">
        <v>48</v>
      </c>
      <c r="K2094" s="10">
        <v>0</v>
      </c>
      <c r="L2094">
        <v>0</v>
      </c>
      <c r="M2094" s="10">
        <v>0</v>
      </c>
      <c r="N2094">
        <v>0</v>
      </c>
    </row>
    <row r="2095" spans="1:14" hidden="1">
      <c r="A2095" s="7" t="s">
        <v>10</v>
      </c>
      <c r="B2095" s="8"/>
      <c r="C2095" s="8"/>
      <c r="D2095" t="s">
        <v>77</v>
      </c>
      <c r="E2095" s="8" t="s">
        <v>36</v>
      </c>
      <c r="F2095" t="s">
        <v>64</v>
      </c>
      <c r="G2095" t="s">
        <v>78</v>
      </c>
      <c r="H2095" t="s">
        <v>64</v>
      </c>
      <c r="I2095" s="8">
        <v>2032</v>
      </c>
      <c r="J2095" t="s">
        <v>14</v>
      </c>
      <c r="K2095" s="10">
        <v>0</v>
      </c>
      <c r="L2095">
        <v>0</v>
      </c>
      <c r="M2095" s="10">
        <v>0</v>
      </c>
      <c r="N2095">
        <v>0</v>
      </c>
    </row>
    <row r="2096" spans="1:14" hidden="1">
      <c r="A2096" s="7" t="s">
        <v>10</v>
      </c>
      <c r="B2096" s="8"/>
      <c r="C2096" s="8"/>
      <c r="D2096" t="s">
        <v>77</v>
      </c>
      <c r="E2096" s="8" t="s">
        <v>36</v>
      </c>
      <c r="F2096" t="s">
        <v>64</v>
      </c>
      <c r="G2096" t="s">
        <v>78</v>
      </c>
      <c r="H2096" t="s">
        <v>64</v>
      </c>
      <c r="I2096" s="8">
        <v>2032</v>
      </c>
      <c r="J2096" t="s">
        <v>49</v>
      </c>
      <c r="K2096" s="10">
        <v>0</v>
      </c>
      <c r="L2096">
        <v>0</v>
      </c>
      <c r="M2096" s="10">
        <v>0</v>
      </c>
      <c r="N2096">
        <v>0</v>
      </c>
    </row>
    <row r="2097" spans="1:14" hidden="1">
      <c r="A2097" s="7" t="s">
        <v>10</v>
      </c>
      <c r="B2097" s="8"/>
      <c r="C2097" s="8"/>
      <c r="D2097" t="s">
        <v>77</v>
      </c>
      <c r="E2097" s="8" t="s">
        <v>36</v>
      </c>
      <c r="F2097" t="s">
        <v>64</v>
      </c>
      <c r="G2097" t="s">
        <v>79</v>
      </c>
      <c r="H2097" t="s">
        <v>64</v>
      </c>
      <c r="I2097" s="8">
        <v>2032</v>
      </c>
      <c r="J2097" t="s">
        <v>15</v>
      </c>
      <c r="K2097" s="10">
        <v>0</v>
      </c>
      <c r="L2097">
        <v>0</v>
      </c>
      <c r="M2097" s="10">
        <v>0</v>
      </c>
      <c r="N2097">
        <v>0</v>
      </c>
    </row>
    <row r="2098" spans="1:14" hidden="1">
      <c r="A2098" s="7" t="s">
        <v>10</v>
      </c>
      <c r="B2098" s="8"/>
      <c r="C2098" s="8"/>
      <c r="D2098" t="s">
        <v>77</v>
      </c>
      <c r="E2098" s="8" t="s">
        <v>36</v>
      </c>
      <c r="F2098" t="s">
        <v>64</v>
      </c>
      <c r="G2098" t="s">
        <v>79</v>
      </c>
      <c r="H2098" t="s">
        <v>64</v>
      </c>
      <c r="I2098" s="8">
        <v>2032</v>
      </c>
      <c r="J2098" t="s">
        <v>50</v>
      </c>
      <c r="K2098" s="10">
        <v>0</v>
      </c>
      <c r="L2098">
        <v>0</v>
      </c>
      <c r="M2098" s="10">
        <v>0</v>
      </c>
      <c r="N2098">
        <v>0</v>
      </c>
    </row>
    <row r="2099" spans="1:14" hidden="1">
      <c r="A2099" s="7" t="s">
        <v>10</v>
      </c>
      <c r="B2099" s="8"/>
      <c r="C2099" s="8"/>
      <c r="D2099" t="s">
        <v>77</v>
      </c>
      <c r="E2099" s="8" t="s">
        <v>36</v>
      </c>
      <c r="F2099" t="s">
        <v>64</v>
      </c>
      <c r="G2099" t="s">
        <v>19</v>
      </c>
      <c r="H2099" t="s">
        <v>64</v>
      </c>
      <c r="I2099" s="8">
        <v>2032</v>
      </c>
      <c r="J2099" t="s">
        <v>19</v>
      </c>
      <c r="K2099" s="10">
        <v>0</v>
      </c>
      <c r="L2099">
        <v>0</v>
      </c>
      <c r="M2099" s="10">
        <v>0</v>
      </c>
      <c r="N2099">
        <v>0</v>
      </c>
    </row>
    <row r="2100" spans="1:14" hidden="1">
      <c r="A2100" s="7" t="s">
        <v>10</v>
      </c>
      <c r="B2100" s="8"/>
      <c r="C2100" s="8"/>
      <c r="D2100" t="s">
        <v>77</v>
      </c>
      <c r="E2100" s="8" t="s">
        <v>36</v>
      </c>
      <c r="F2100" t="s">
        <v>64</v>
      </c>
      <c r="G2100" t="s">
        <v>78</v>
      </c>
      <c r="H2100" t="s">
        <v>64</v>
      </c>
      <c r="I2100" s="8">
        <v>2032</v>
      </c>
      <c r="J2100" t="s">
        <v>21</v>
      </c>
      <c r="K2100" s="10">
        <v>15451</v>
      </c>
      <c r="L2100">
        <v>0</v>
      </c>
      <c r="M2100" s="10">
        <v>15451</v>
      </c>
      <c r="N2100">
        <v>0</v>
      </c>
    </row>
    <row r="2101" spans="1:14" hidden="1">
      <c r="A2101" s="7" t="s">
        <v>10</v>
      </c>
      <c r="B2101" s="8"/>
      <c r="C2101" s="8"/>
      <c r="D2101" t="s">
        <v>77</v>
      </c>
      <c r="E2101" s="8" t="s">
        <v>36</v>
      </c>
      <c r="F2101" t="s">
        <v>64</v>
      </c>
      <c r="G2101" t="s">
        <v>78</v>
      </c>
      <c r="H2101" t="s">
        <v>64</v>
      </c>
      <c r="I2101" s="8">
        <v>2032</v>
      </c>
      <c r="J2101" t="s">
        <v>51</v>
      </c>
      <c r="K2101" s="10">
        <v>1800</v>
      </c>
      <c r="L2101">
        <v>0</v>
      </c>
      <c r="M2101" s="10">
        <v>1800</v>
      </c>
      <c r="N2101">
        <v>0</v>
      </c>
    </row>
    <row r="2102" spans="1:14" hidden="1">
      <c r="A2102" s="7" t="s">
        <v>10</v>
      </c>
      <c r="B2102" s="8"/>
      <c r="C2102" s="8"/>
      <c r="D2102" t="s">
        <v>77</v>
      </c>
      <c r="E2102" s="8" t="s">
        <v>36</v>
      </c>
      <c r="F2102" t="s">
        <v>64</v>
      </c>
      <c r="G2102" t="s">
        <v>78</v>
      </c>
      <c r="H2102" t="s">
        <v>64</v>
      </c>
      <c r="I2102" s="8">
        <v>2033</v>
      </c>
      <c r="J2102" t="s">
        <v>47</v>
      </c>
      <c r="K2102" s="10">
        <v>0</v>
      </c>
      <c r="L2102">
        <v>0</v>
      </c>
      <c r="M2102" s="10">
        <v>0</v>
      </c>
      <c r="N2102">
        <v>0</v>
      </c>
    </row>
    <row r="2103" spans="1:14" hidden="1">
      <c r="A2103" s="7" t="s">
        <v>10</v>
      </c>
      <c r="B2103" s="8"/>
      <c r="C2103" s="8"/>
      <c r="D2103" t="s">
        <v>77</v>
      </c>
      <c r="E2103" s="8" t="s">
        <v>36</v>
      </c>
      <c r="F2103" t="s">
        <v>64</v>
      </c>
      <c r="G2103" t="s">
        <v>78</v>
      </c>
      <c r="H2103" t="s">
        <v>64</v>
      </c>
      <c r="I2103" s="8">
        <v>2033</v>
      </c>
      <c r="J2103" t="s">
        <v>48</v>
      </c>
      <c r="K2103" s="10">
        <v>0</v>
      </c>
      <c r="L2103">
        <v>0</v>
      </c>
      <c r="M2103" s="10">
        <v>0</v>
      </c>
      <c r="N2103">
        <v>0</v>
      </c>
    </row>
    <row r="2104" spans="1:14" hidden="1">
      <c r="A2104" s="7" t="s">
        <v>10</v>
      </c>
      <c r="B2104" s="8"/>
      <c r="C2104" s="8"/>
      <c r="D2104" t="s">
        <v>77</v>
      </c>
      <c r="E2104" s="8" t="s">
        <v>36</v>
      </c>
      <c r="F2104" t="s">
        <v>64</v>
      </c>
      <c r="G2104" t="s">
        <v>78</v>
      </c>
      <c r="H2104" t="s">
        <v>64</v>
      </c>
      <c r="I2104" s="8">
        <v>2033</v>
      </c>
      <c r="J2104" t="s">
        <v>14</v>
      </c>
      <c r="K2104" s="10">
        <v>0</v>
      </c>
      <c r="L2104">
        <v>0</v>
      </c>
      <c r="M2104" s="10">
        <v>0</v>
      </c>
      <c r="N2104">
        <v>0</v>
      </c>
    </row>
    <row r="2105" spans="1:14" hidden="1">
      <c r="A2105" s="7" t="s">
        <v>10</v>
      </c>
      <c r="B2105" s="8"/>
      <c r="C2105" s="8"/>
      <c r="D2105" t="s">
        <v>77</v>
      </c>
      <c r="E2105" s="8" t="s">
        <v>36</v>
      </c>
      <c r="F2105" t="s">
        <v>64</v>
      </c>
      <c r="G2105" t="s">
        <v>78</v>
      </c>
      <c r="H2105" t="s">
        <v>64</v>
      </c>
      <c r="I2105" s="8">
        <v>2033</v>
      </c>
      <c r="J2105" t="s">
        <v>49</v>
      </c>
      <c r="K2105" s="10">
        <v>0</v>
      </c>
      <c r="L2105">
        <v>0</v>
      </c>
      <c r="M2105" s="10">
        <v>0</v>
      </c>
      <c r="N2105">
        <v>0</v>
      </c>
    </row>
    <row r="2106" spans="1:14" hidden="1">
      <c r="A2106" s="7" t="s">
        <v>10</v>
      </c>
      <c r="B2106" s="8"/>
      <c r="C2106" s="8"/>
      <c r="D2106" t="s">
        <v>77</v>
      </c>
      <c r="E2106" s="8" t="s">
        <v>36</v>
      </c>
      <c r="F2106" t="s">
        <v>64</v>
      </c>
      <c r="G2106" t="s">
        <v>79</v>
      </c>
      <c r="H2106" t="s">
        <v>64</v>
      </c>
      <c r="I2106" s="8">
        <v>2033</v>
      </c>
      <c r="J2106" t="s">
        <v>15</v>
      </c>
      <c r="K2106" s="10">
        <v>0</v>
      </c>
      <c r="L2106">
        <v>0</v>
      </c>
      <c r="M2106" s="10">
        <v>0</v>
      </c>
      <c r="N2106">
        <v>0</v>
      </c>
    </row>
    <row r="2107" spans="1:14" hidden="1">
      <c r="A2107" s="7" t="s">
        <v>10</v>
      </c>
      <c r="B2107" s="8"/>
      <c r="C2107" s="8"/>
      <c r="D2107" t="s">
        <v>77</v>
      </c>
      <c r="E2107" s="8" t="s">
        <v>36</v>
      </c>
      <c r="F2107" t="s">
        <v>64</v>
      </c>
      <c r="G2107" t="s">
        <v>79</v>
      </c>
      <c r="H2107" t="s">
        <v>64</v>
      </c>
      <c r="I2107" s="8">
        <v>2033</v>
      </c>
      <c r="J2107" t="s">
        <v>50</v>
      </c>
      <c r="K2107" s="10">
        <v>0</v>
      </c>
      <c r="L2107">
        <v>0</v>
      </c>
      <c r="M2107" s="10">
        <v>0</v>
      </c>
      <c r="N2107">
        <v>0</v>
      </c>
    </row>
    <row r="2108" spans="1:14" hidden="1">
      <c r="A2108" s="7" t="s">
        <v>10</v>
      </c>
      <c r="B2108" s="8"/>
      <c r="C2108" s="8"/>
      <c r="D2108" t="s">
        <v>77</v>
      </c>
      <c r="E2108" s="8" t="s">
        <v>36</v>
      </c>
      <c r="F2108" t="s">
        <v>64</v>
      </c>
      <c r="G2108" t="s">
        <v>19</v>
      </c>
      <c r="H2108" t="s">
        <v>64</v>
      </c>
      <c r="I2108" s="8">
        <v>2033</v>
      </c>
      <c r="J2108" t="s">
        <v>19</v>
      </c>
      <c r="K2108" s="10">
        <v>0</v>
      </c>
      <c r="L2108">
        <v>0</v>
      </c>
      <c r="M2108" s="10">
        <v>0</v>
      </c>
      <c r="N2108">
        <v>0</v>
      </c>
    </row>
    <row r="2109" spans="1:14" hidden="1">
      <c r="A2109" s="7" t="s">
        <v>10</v>
      </c>
      <c r="B2109" s="8"/>
      <c r="C2109" s="8"/>
      <c r="D2109" t="s">
        <v>77</v>
      </c>
      <c r="E2109" s="8" t="s">
        <v>36</v>
      </c>
      <c r="F2109" t="s">
        <v>64</v>
      </c>
      <c r="G2109" t="s">
        <v>78</v>
      </c>
      <c r="H2109" t="s">
        <v>64</v>
      </c>
      <c r="I2109" s="8">
        <v>2033</v>
      </c>
      <c r="J2109" t="s">
        <v>21</v>
      </c>
      <c r="K2109" s="10">
        <v>15537</v>
      </c>
      <c r="L2109">
        <v>0</v>
      </c>
      <c r="M2109" s="10">
        <v>15537</v>
      </c>
      <c r="N2109">
        <v>0</v>
      </c>
    </row>
    <row r="2110" spans="1:14" hidden="1">
      <c r="A2110" s="7" t="s">
        <v>10</v>
      </c>
      <c r="B2110" s="8"/>
      <c r="C2110" s="8"/>
      <c r="D2110" t="s">
        <v>77</v>
      </c>
      <c r="E2110" s="8" t="s">
        <v>36</v>
      </c>
      <c r="F2110" t="s">
        <v>64</v>
      </c>
      <c r="G2110" t="s">
        <v>78</v>
      </c>
      <c r="H2110" t="s">
        <v>64</v>
      </c>
      <c r="I2110" s="8">
        <v>2033</v>
      </c>
      <c r="J2110" t="s">
        <v>51</v>
      </c>
      <c r="K2110" s="10">
        <v>1800</v>
      </c>
      <c r="L2110">
        <v>0</v>
      </c>
      <c r="M2110" s="10">
        <v>1800</v>
      </c>
      <c r="N2110">
        <v>0</v>
      </c>
    </row>
    <row r="2111" spans="1:14">
      <c r="A2111" s="7" t="s">
        <v>10</v>
      </c>
      <c r="B2111" s="8"/>
      <c r="C2111" s="8"/>
      <c r="D2111" t="s">
        <v>77</v>
      </c>
      <c r="E2111" s="8" t="s">
        <v>12</v>
      </c>
      <c r="F2111" t="s">
        <v>65</v>
      </c>
      <c r="G2111" t="s">
        <v>78</v>
      </c>
      <c r="H2111" t="s">
        <v>65</v>
      </c>
      <c r="I2111" s="8">
        <v>2025</v>
      </c>
      <c r="J2111" t="s">
        <v>47</v>
      </c>
      <c r="K2111" s="10">
        <v>0</v>
      </c>
      <c r="L2111">
        <v>0</v>
      </c>
      <c r="M2111" s="10">
        <v>0</v>
      </c>
      <c r="N2111">
        <v>0</v>
      </c>
    </row>
    <row r="2112" spans="1:14">
      <c r="A2112" s="7" t="s">
        <v>10</v>
      </c>
      <c r="B2112" s="8"/>
      <c r="C2112" s="8"/>
      <c r="D2112" t="s">
        <v>77</v>
      </c>
      <c r="E2112" s="8" t="s">
        <v>12</v>
      </c>
      <c r="F2112" t="s">
        <v>65</v>
      </c>
      <c r="G2112" t="s">
        <v>78</v>
      </c>
      <c r="H2112" t="s">
        <v>65</v>
      </c>
      <c r="I2112" s="8">
        <v>2025</v>
      </c>
      <c r="J2112" t="s">
        <v>48</v>
      </c>
      <c r="K2112" s="10">
        <v>0</v>
      </c>
      <c r="L2112">
        <v>0</v>
      </c>
      <c r="M2112" s="10">
        <v>0</v>
      </c>
      <c r="N2112">
        <v>0</v>
      </c>
    </row>
    <row r="2113" spans="1:14">
      <c r="A2113" s="7" t="s">
        <v>10</v>
      </c>
      <c r="B2113" s="8"/>
      <c r="C2113" s="8"/>
      <c r="D2113" t="s">
        <v>77</v>
      </c>
      <c r="E2113" s="8" t="s">
        <v>12</v>
      </c>
      <c r="F2113" t="s">
        <v>65</v>
      </c>
      <c r="G2113" t="s">
        <v>78</v>
      </c>
      <c r="H2113" t="s">
        <v>65</v>
      </c>
      <c r="I2113" s="8">
        <v>2025</v>
      </c>
      <c r="J2113" t="s">
        <v>14</v>
      </c>
      <c r="K2113" s="10">
        <v>6886</v>
      </c>
      <c r="L2113">
        <v>0</v>
      </c>
      <c r="M2113" s="10">
        <v>6886</v>
      </c>
      <c r="N2113">
        <v>0</v>
      </c>
    </row>
    <row r="2114" spans="1:14">
      <c r="A2114" s="7" t="s">
        <v>10</v>
      </c>
      <c r="B2114" s="8"/>
      <c r="C2114" s="8"/>
      <c r="D2114" t="s">
        <v>77</v>
      </c>
      <c r="E2114" s="8" t="s">
        <v>12</v>
      </c>
      <c r="F2114" t="s">
        <v>65</v>
      </c>
      <c r="G2114" t="s">
        <v>78</v>
      </c>
      <c r="H2114" t="s">
        <v>65</v>
      </c>
      <c r="I2114" s="8">
        <v>2025</v>
      </c>
      <c r="J2114" t="s">
        <v>49</v>
      </c>
      <c r="K2114" s="10">
        <v>0</v>
      </c>
      <c r="L2114">
        <v>0</v>
      </c>
      <c r="M2114" s="10">
        <v>0</v>
      </c>
      <c r="N2114">
        <v>0</v>
      </c>
    </row>
    <row r="2115" spans="1:14">
      <c r="A2115" s="7" t="s">
        <v>10</v>
      </c>
      <c r="B2115" s="8"/>
      <c r="C2115" s="8"/>
      <c r="D2115" t="s">
        <v>77</v>
      </c>
      <c r="E2115" s="8" t="s">
        <v>12</v>
      </c>
      <c r="F2115" t="s">
        <v>65</v>
      </c>
      <c r="G2115" t="s">
        <v>79</v>
      </c>
      <c r="H2115" t="s">
        <v>65</v>
      </c>
      <c r="I2115" s="8">
        <v>2025</v>
      </c>
      <c r="J2115" t="s">
        <v>15</v>
      </c>
      <c r="K2115" s="10">
        <v>0</v>
      </c>
      <c r="L2115">
        <v>0</v>
      </c>
      <c r="M2115" s="10">
        <v>0</v>
      </c>
      <c r="N2115">
        <v>0</v>
      </c>
    </row>
    <row r="2116" spans="1:14">
      <c r="A2116" s="7" t="s">
        <v>10</v>
      </c>
      <c r="B2116" s="8"/>
      <c r="C2116" s="8"/>
      <c r="D2116" t="s">
        <v>77</v>
      </c>
      <c r="E2116" s="8" t="s">
        <v>12</v>
      </c>
      <c r="F2116" t="s">
        <v>65</v>
      </c>
      <c r="G2116" t="s">
        <v>79</v>
      </c>
      <c r="H2116" t="s">
        <v>65</v>
      </c>
      <c r="I2116" s="8">
        <v>2025</v>
      </c>
      <c r="J2116" t="s">
        <v>50</v>
      </c>
      <c r="K2116" s="10">
        <v>0</v>
      </c>
      <c r="L2116">
        <v>0</v>
      </c>
      <c r="M2116" s="10">
        <v>0</v>
      </c>
      <c r="N2116">
        <v>0</v>
      </c>
    </row>
    <row r="2117" spans="1:14">
      <c r="A2117" s="7" t="s">
        <v>10</v>
      </c>
      <c r="B2117" s="8"/>
      <c r="C2117" s="8"/>
      <c r="D2117" t="s">
        <v>77</v>
      </c>
      <c r="E2117" s="8" t="s">
        <v>12</v>
      </c>
      <c r="F2117" t="s">
        <v>65</v>
      </c>
      <c r="G2117" t="s">
        <v>19</v>
      </c>
      <c r="H2117" t="s">
        <v>65</v>
      </c>
      <c r="I2117" s="8">
        <v>2025</v>
      </c>
      <c r="J2117" t="s">
        <v>19</v>
      </c>
      <c r="K2117" s="10">
        <v>0</v>
      </c>
      <c r="L2117">
        <v>0</v>
      </c>
      <c r="M2117" s="10">
        <v>0</v>
      </c>
      <c r="N2117">
        <v>0</v>
      </c>
    </row>
    <row r="2118" spans="1:14">
      <c r="A2118" s="7" t="s">
        <v>10</v>
      </c>
      <c r="B2118" s="8"/>
      <c r="C2118" s="8"/>
      <c r="D2118" t="s">
        <v>77</v>
      </c>
      <c r="E2118" s="8" t="s">
        <v>12</v>
      </c>
      <c r="F2118" t="s">
        <v>65</v>
      </c>
      <c r="G2118" t="s">
        <v>78</v>
      </c>
      <c r="H2118" t="s">
        <v>65</v>
      </c>
      <c r="I2118" s="8">
        <v>2025</v>
      </c>
      <c r="J2118" t="s">
        <v>21</v>
      </c>
      <c r="K2118" s="10">
        <v>0</v>
      </c>
      <c r="L2118">
        <v>0</v>
      </c>
      <c r="M2118" s="10">
        <v>0</v>
      </c>
      <c r="N2118">
        <v>0</v>
      </c>
    </row>
    <row r="2119" spans="1:14">
      <c r="A2119" s="7" t="s">
        <v>10</v>
      </c>
      <c r="B2119" s="8"/>
      <c r="C2119" s="8"/>
      <c r="D2119" t="s">
        <v>77</v>
      </c>
      <c r="E2119" s="8" t="s">
        <v>12</v>
      </c>
      <c r="F2119" t="s">
        <v>65</v>
      </c>
      <c r="G2119" t="s">
        <v>78</v>
      </c>
      <c r="H2119" t="s">
        <v>65</v>
      </c>
      <c r="I2119" s="8">
        <v>2025</v>
      </c>
      <c r="J2119" t="s">
        <v>51</v>
      </c>
      <c r="K2119" s="10">
        <v>0</v>
      </c>
      <c r="L2119">
        <v>0</v>
      </c>
      <c r="M2119" s="10">
        <v>0</v>
      </c>
      <c r="N2119">
        <v>0</v>
      </c>
    </row>
    <row r="2120" spans="1:14" hidden="1">
      <c r="A2120" s="7" t="s">
        <v>10</v>
      </c>
      <c r="B2120" s="8"/>
      <c r="C2120" s="8"/>
      <c r="D2120" t="s">
        <v>77</v>
      </c>
      <c r="E2120" s="8" t="s">
        <v>12</v>
      </c>
      <c r="F2120" t="s">
        <v>65</v>
      </c>
      <c r="G2120" t="s">
        <v>78</v>
      </c>
      <c r="H2120" t="s">
        <v>65</v>
      </c>
      <c r="I2120" s="8">
        <v>2026</v>
      </c>
      <c r="J2120" t="s">
        <v>47</v>
      </c>
      <c r="K2120" s="10">
        <v>0</v>
      </c>
      <c r="L2120">
        <v>0</v>
      </c>
      <c r="M2120" s="10">
        <v>0</v>
      </c>
      <c r="N2120">
        <v>0</v>
      </c>
    </row>
    <row r="2121" spans="1:14" hidden="1">
      <c r="A2121" s="7" t="s">
        <v>10</v>
      </c>
      <c r="B2121" s="8"/>
      <c r="C2121" s="8"/>
      <c r="D2121" t="s">
        <v>77</v>
      </c>
      <c r="E2121" s="8" t="s">
        <v>12</v>
      </c>
      <c r="F2121" t="s">
        <v>65</v>
      </c>
      <c r="G2121" t="s">
        <v>78</v>
      </c>
      <c r="H2121" t="s">
        <v>65</v>
      </c>
      <c r="I2121" s="8">
        <v>2026</v>
      </c>
      <c r="J2121" t="s">
        <v>48</v>
      </c>
      <c r="K2121" s="10">
        <v>0</v>
      </c>
      <c r="L2121">
        <v>0</v>
      </c>
      <c r="M2121" s="10">
        <v>0</v>
      </c>
      <c r="N2121">
        <v>0</v>
      </c>
    </row>
    <row r="2122" spans="1:14" hidden="1">
      <c r="A2122" s="7" t="s">
        <v>10</v>
      </c>
      <c r="B2122" s="8"/>
      <c r="C2122" s="8"/>
      <c r="D2122" t="s">
        <v>77</v>
      </c>
      <c r="E2122" s="8" t="s">
        <v>12</v>
      </c>
      <c r="F2122" t="s">
        <v>65</v>
      </c>
      <c r="G2122" t="s">
        <v>78</v>
      </c>
      <c r="H2122" t="s">
        <v>65</v>
      </c>
      <c r="I2122" s="8">
        <v>2026</v>
      </c>
      <c r="J2122" t="s">
        <v>14</v>
      </c>
      <c r="K2122" s="10">
        <v>8022</v>
      </c>
      <c r="L2122">
        <v>0</v>
      </c>
      <c r="M2122" s="10">
        <v>8022</v>
      </c>
      <c r="N2122">
        <v>0</v>
      </c>
    </row>
    <row r="2123" spans="1:14" hidden="1">
      <c r="A2123" s="7" t="s">
        <v>10</v>
      </c>
      <c r="B2123" s="8"/>
      <c r="C2123" s="8"/>
      <c r="D2123" t="s">
        <v>77</v>
      </c>
      <c r="E2123" s="8" t="s">
        <v>12</v>
      </c>
      <c r="F2123" t="s">
        <v>65</v>
      </c>
      <c r="G2123" t="s">
        <v>78</v>
      </c>
      <c r="H2123" t="s">
        <v>65</v>
      </c>
      <c r="I2123" s="8">
        <v>2026</v>
      </c>
      <c r="J2123" t="s">
        <v>49</v>
      </c>
      <c r="K2123" s="10">
        <v>0</v>
      </c>
      <c r="L2123">
        <v>0</v>
      </c>
      <c r="M2123" s="10">
        <v>0</v>
      </c>
      <c r="N2123">
        <v>0</v>
      </c>
    </row>
    <row r="2124" spans="1:14" hidden="1">
      <c r="A2124" s="7" t="s">
        <v>10</v>
      </c>
      <c r="B2124" s="8"/>
      <c r="C2124" s="8"/>
      <c r="D2124" t="s">
        <v>77</v>
      </c>
      <c r="E2124" s="8" t="s">
        <v>12</v>
      </c>
      <c r="F2124" t="s">
        <v>65</v>
      </c>
      <c r="G2124" t="s">
        <v>79</v>
      </c>
      <c r="H2124" t="s">
        <v>65</v>
      </c>
      <c r="I2124" s="8">
        <v>2026</v>
      </c>
      <c r="J2124" t="s">
        <v>15</v>
      </c>
      <c r="K2124" s="10">
        <v>0</v>
      </c>
      <c r="L2124">
        <v>0</v>
      </c>
      <c r="M2124" s="10">
        <v>0</v>
      </c>
      <c r="N2124">
        <v>0</v>
      </c>
    </row>
    <row r="2125" spans="1:14" hidden="1">
      <c r="A2125" s="7" t="s">
        <v>10</v>
      </c>
      <c r="B2125" s="8"/>
      <c r="C2125" s="8"/>
      <c r="D2125" t="s">
        <v>77</v>
      </c>
      <c r="E2125" s="8" t="s">
        <v>12</v>
      </c>
      <c r="F2125" t="s">
        <v>65</v>
      </c>
      <c r="G2125" t="s">
        <v>79</v>
      </c>
      <c r="H2125" t="s">
        <v>65</v>
      </c>
      <c r="I2125" s="8">
        <v>2026</v>
      </c>
      <c r="J2125" t="s">
        <v>50</v>
      </c>
      <c r="K2125" s="10">
        <v>0</v>
      </c>
      <c r="L2125">
        <v>0</v>
      </c>
      <c r="M2125" s="10">
        <v>0</v>
      </c>
      <c r="N2125">
        <v>0</v>
      </c>
    </row>
    <row r="2126" spans="1:14" hidden="1">
      <c r="A2126" s="7" t="s">
        <v>10</v>
      </c>
      <c r="B2126" s="8"/>
      <c r="C2126" s="8"/>
      <c r="D2126" t="s">
        <v>77</v>
      </c>
      <c r="E2126" s="8" t="s">
        <v>12</v>
      </c>
      <c r="F2126" t="s">
        <v>65</v>
      </c>
      <c r="G2126" t="s">
        <v>19</v>
      </c>
      <c r="H2126" t="s">
        <v>65</v>
      </c>
      <c r="I2126" s="8">
        <v>2026</v>
      </c>
      <c r="J2126" t="s">
        <v>19</v>
      </c>
      <c r="K2126" s="10">
        <v>0</v>
      </c>
      <c r="L2126">
        <v>0</v>
      </c>
      <c r="M2126" s="10">
        <v>0</v>
      </c>
      <c r="N2126">
        <v>0</v>
      </c>
    </row>
    <row r="2127" spans="1:14" hidden="1">
      <c r="A2127" s="7" t="s">
        <v>10</v>
      </c>
      <c r="B2127" s="8"/>
      <c r="C2127" s="8"/>
      <c r="D2127" t="s">
        <v>77</v>
      </c>
      <c r="E2127" s="8" t="s">
        <v>12</v>
      </c>
      <c r="F2127" t="s">
        <v>65</v>
      </c>
      <c r="G2127" t="s">
        <v>78</v>
      </c>
      <c r="H2127" t="s">
        <v>65</v>
      </c>
      <c r="I2127" s="8">
        <v>2026</v>
      </c>
      <c r="J2127" t="s">
        <v>21</v>
      </c>
      <c r="K2127" s="10">
        <v>0</v>
      </c>
      <c r="L2127">
        <v>0</v>
      </c>
      <c r="M2127" s="10">
        <v>0</v>
      </c>
      <c r="N2127">
        <v>0</v>
      </c>
    </row>
    <row r="2128" spans="1:14" hidden="1">
      <c r="A2128" s="7" t="s">
        <v>10</v>
      </c>
      <c r="B2128" s="8"/>
      <c r="C2128" s="8"/>
      <c r="D2128" t="s">
        <v>77</v>
      </c>
      <c r="E2128" s="8" t="s">
        <v>12</v>
      </c>
      <c r="F2128" t="s">
        <v>65</v>
      </c>
      <c r="G2128" t="s">
        <v>78</v>
      </c>
      <c r="H2128" t="s">
        <v>65</v>
      </c>
      <c r="I2128" s="8">
        <v>2026</v>
      </c>
      <c r="J2128" t="s">
        <v>51</v>
      </c>
      <c r="K2128" s="10">
        <v>0</v>
      </c>
      <c r="L2128">
        <v>0</v>
      </c>
      <c r="M2128" s="10">
        <v>0</v>
      </c>
      <c r="N2128">
        <v>0</v>
      </c>
    </row>
    <row r="2129" spans="1:14" hidden="1">
      <c r="A2129" s="7" t="s">
        <v>10</v>
      </c>
      <c r="B2129" s="8"/>
      <c r="C2129" s="8"/>
      <c r="D2129" t="s">
        <v>77</v>
      </c>
      <c r="E2129" s="8" t="s">
        <v>12</v>
      </c>
      <c r="F2129" t="s">
        <v>65</v>
      </c>
      <c r="G2129" t="s">
        <v>78</v>
      </c>
      <c r="H2129" t="s">
        <v>65</v>
      </c>
      <c r="I2129" s="8">
        <v>2027</v>
      </c>
      <c r="J2129" t="s">
        <v>47</v>
      </c>
      <c r="K2129" s="10">
        <v>0</v>
      </c>
      <c r="L2129">
        <v>0</v>
      </c>
      <c r="M2129" s="10">
        <v>0</v>
      </c>
      <c r="N2129">
        <v>0</v>
      </c>
    </row>
    <row r="2130" spans="1:14" hidden="1">
      <c r="A2130" s="7" t="s">
        <v>10</v>
      </c>
      <c r="B2130" s="8"/>
      <c r="C2130" s="8"/>
      <c r="D2130" t="s">
        <v>77</v>
      </c>
      <c r="E2130" s="8" t="s">
        <v>12</v>
      </c>
      <c r="F2130" t="s">
        <v>65</v>
      </c>
      <c r="G2130" t="s">
        <v>78</v>
      </c>
      <c r="H2130" t="s">
        <v>65</v>
      </c>
      <c r="I2130" s="8">
        <v>2027</v>
      </c>
      <c r="J2130" t="s">
        <v>48</v>
      </c>
      <c r="K2130" s="10">
        <v>0</v>
      </c>
      <c r="L2130">
        <v>0</v>
      </c>
      <c r="M2130" s="10">
        <v>0</v>
      </c>
      <c r="N2130">
        <v>0</v>
      </c>
    </row>
    <row r="2131" spans="1:14" hidden="1">
      <c r="A2131" s="7" t="s">
        <v>10</v>
      </c>
      <c r="B2131" s="8"/>
      <c r="C2131" s="8"/>
      <c r="D2131" t="s">
        <v>77</v>
      </c>
      <c r="E2131" s="8" t="s">
        <v>12</v>
      </c>
      <c r="F2131" t="s">
        <v>65</v>
      </c>
      <c r="G2131" t="s">
        <v>78</v>
      </c>
      <c r="H2131" t="s">
        <v>65</v>
      </c>
      <c r="I2131" s="8">
        <v>2027</v>
      </c>
      <c r="J2131" t="s">
        <v>14</v>
      </c>
      <c r="K2131" s="10">
        <v>10255</v>
      </c>
      <c r="L2131">
        <v>0</v>
      </c>
      <c r="M2131" s="10">
        <v>10255</v>
      </c>
      <c r="N2131">
        <v>0</v>
      </c>
    </row>
    <row r="2132" spans="1:14" hidden="1">
      <c r="A2132" s="7" t="s">
        <v>10</v>
      </c>
      <c r="B2132" s="8"/>
      <c r="C2132" s="8"/>
      <c r="D2132" t="s">
        <v>77</v>
      </c>
      <c r="E2132" s="8" t="s">
        <v>12</v>
      </c>
      <c r="F2132" t="s">
        <v>65</v>
      </c>
      <c r="G2132" t="s">
        <v>78</v>
      </c>
      <c r="H2132" t="s">
        <v>65</v>
      </c>
      <c r="I2132" s="8">
        <v>2027</v>
      </c>
      <c r="J2132" t="s">
        <v>49</v>
      </c>
      <c r="K2132" s="10">
        <v>0</v>
      </c>
      <c r="L2132">
        <v>0</v>
      </c>
      <c r="M2132" s="10">
        <v>0</v>
      </c>
      <c r="N2132">
        <v>0</v>
      </c>
    </row>
    <row r="2133" spans="1:14" hidden="1">
      <c r="A2133" s="7" t="s">
        <v>10</v>
      </c>
      <c r="B2133" s="8"/>
      <c r="C2133" s="8"/>
      <c r="D2133" t="s">
        <v>77</v>
      </c>
      <c r="E2133" s="8" t="s">
        <v>12</v>
      </c>
      <c r="F2133" t="s">
        <v>65</v>
      </c>
      <c r="G2133" t="s">
        <v>79</v>
      </c>
      <c r="H2133" t="s">
        <v>65</v>
      </c>
      <c r="I2133" s="8">
        <v>2027</v>
      </c>
      <c r="J2133" t="s">
        <v>15</v>
      </c>
      <c r="K2133" s="10">
        <v>0</v>
      </c>
      <c r="L2133">
        <v>0</v>
      </c>
      <c r="M2133" s="10">
        <v>0</v>
      </c>
      <c r="N2133">
        <v>0</v>
      </c>
    </row>
    <row r="2134" spans="1:14" hidden="1">
      <c r="A2134" s="7" t="s">
        <v>10</v>
      </c>
      <c r="B2134" s="8"/>
      <c r="C2134" s="8"/>
      <c r="D2134" t="s">
        <v>77</v>
      </c>
      <c r="E2134" s="8" t="s">
        <v>12</v>
      </c>
      <c r="F2134" t="s">
        <v>65</v>
      </c>
      <c r="G2134" t="s">
        <v>79</v>
      </c>
      <c r="H2134" t="s">
        <v>65</v>
      </c>
      <c r="I2134" s="8">
        <v>2027</v>
      </c>
      <c r="J2134" t="s">
        <v>50</v>
      </c>
      <c r="K2134" s="10">
        <v>0</v>
      </c>
      <c r="L2134">
        <v>0</v>
      </c>
      <c r="M2134" s="10">
        <v>0</v>
      </c>
      <c r="N2134">
        <v>0</v>
      </c>
    </row>
    <row r="2135" spans="1:14" hidden="1">
      <c r="A2135" s="7" t="s">
        <v>10</v>
      </c>
      <c r="B2135" s="8"/>
      <c r="C2135" s="8"/>
      <c r="D2135" t="s">
        <v>77</v>
      </c>
      <c r="E2135" s="8" t="s">
        <v>12</v>
      </c>
      <c r="F2135" t="s">
        <v>65</v>
      </c>
      <c r="G2135" t="s">
        <v>19</v>
      </c>
      <c r="H2135" t="s">
        <v>65</v>
      </c>
      <c r="I2135" s="8">
        <v>2027</v>
      </c>
      <c r="J2135" t="s">
        <v>19</v>
      </c>
      <c r="K2135" s="10">
        <v>0</v>
      </c>
      <c r="L2135">
        <v>0</v>
      </c>
      <c r="M2135" s="10">
        <v>0</v>
      </c>
      <c r="N2135">
        <v>0</v>
      </c>
    </row>
    <row r="2136" spans="1:14" hidden="1">
      <c r="A2136" s="7" t="s">
        <v>10</v>
      </c>
      <c r="B2136" s="8"/>
      <c r="C2136" s="8"/>
      <c r="D2136" t="s">
        <v>77</v>
      </c>
      <c r="E2136" s="8" t="s">
        <v>12</v>
      </c>
      <c r="F2136" t="s">
        <v>65</v>
      </c>
      <c r="G2136" t="s">
        <v>78</v>
      </c>
      <c r="H2136" t="s">
        <v>65</v>
      </c>
      <c r="I2136" s="8">
        <v>2027</v>
      </c>
      <c r="J2136" t="s">
        <v>21</v>
      </c>
      <c r="K2136" s="10">
        <v>0</v>
      </c>
      <c r="L2136">
        <v>0</v>
      </c>
      <c r="M2136" s="10">
        <v>0</v>
      </c>
      <c r="N2136">
        <v>0</v>
      </c>
    </row>
    <row r="2137" spans="1:14" hidden="1">
      <c r="A2137" s="7" t="s">
        <v>10</v>
      </c>
      <c r="B2137" s="8"/>
      <c r="C2137" s="8"/>
      <c r="D2137" t="s">
        <v>77</v>
      </c>
      <c r="E2137" s="8" t="s">
        <v>12</v>
      </c>
      <c r="F2137" t="s">
        <v>65</v>
      </c>
      <c r="G2137" t="s">
        <v>78</v>
      </c>
      <c r="H2137" t="s">
        <v>65</v>
      </c>
      <c r="I2137" s="8">
        <v>2027</v>
      </c>
      <c r="J2137" t="s">
        <v>51</v>
      </c>
      <c r="K2137" s="10">
        <v>0</v>
      </c>
      <c r="L2137">
        <v>0</v>
      </c>
      <c r="M2137" s="10">
        <v>0</v>
      </c>
      <c r="N2137">
        <v>0</v>
      </c>
    </row>
    <row r="2138" spans="1:14" hidden="1">
      <c r="A2138" s="7" t="s">
        <v>10</v>
      </c>
      <c r="B2138" s="8"/>
      <c r="C2138" s="8"/>
      <c r="D2138" t="s">
        <v>77</v>
      </c>
      <c r="E2138" s="8" t="s">
        <v>12</v>
      </c>
      <c r="F2138" t="s">
        <v>65</v>
      </c>
      <c r="G2138" t="s">
        <v>78</v>
      </c>
      <c r="H2138" t="s">
        <v>65</v>
      </c>
      <c r="I2138" s="8">
        <v>2028</v>
      </c>
      <c r="J2138" t="s">
        <v>47</v>
      </c>
      <c r="K2138" s="10">
        <v>0</v>
      </c>
      <c r="L2138">
        <v>0</v>
      </c>
      <c r="M2138" s="10">
        <v>0</v>
      </c>
      <c r="N2138">
        <v>0</v>
      </c>
    </row>
    <row r="2139" spans="1:14" hidden="1">
      <c r="A2139" s="7" t="s">
        <v>10</v>
      </c>
      <c r="B2139" s="8"/>
      <c r="C2139" s="8"/>
      <c r="D2139" t="s">
        <v>77</v>
      </c>
      <c r="E2139" s="8" t="s">
        <v>12</v>
      </c>
      <c r="F2139" t="s">
        <v>65</v>
      </c>
      <c r="G2139" t="s">
        <v>78</v>
      </c>
      <c r="H2139" t="s">
        <v>65</v>
      </c>
      <c r="I2139" s="8">
        <v>2028</v>
      </c>
      <c r="J2139" t="s">
        <v>48</v>
      </c>
      <c r="K2139" s="10">
        <v>0</v>
      </c>
      <c r="L2139">
        <v>0</v>
      </c>
      <c r="M2139" s="10">
        <v>0</v>
      </c>
      <c r="N2139">
        <v>0</v>
      </c>
    </row>
    <row r="2140" spans="1:14" hidden="1">
      <c r="A2140" s="7" t="s">
        <v>10</v>
      </c>
      <c r="B2140" s="8"/>
      <c r="C2140" s="8"/>
      <c r="D2140" t="s">
        <v>77</v>
      </c>
      <c r="E2140" s="8" t="s">
        <v>12</v>
      </c>
      <c r="F2140" t="s">
        <v>65</v>
      </c>
      <c r="G2140" t="s">
        <v>78</v>
      </c>
      <c r="H2140" t="s">
        <v>65</v>
      </c>
      <c r="I2140" s="8">
        <v>2028</v>
      </c>
      <c r="J2140" t="s">
        <v>14</v>
      </c>
      <c r="K2140" s="10">
        <v>5959</v>
      </c>
      <c r="L2140">
        <v>0</v>
      </c>
      <c r="M2140" s="10">
        <v>5959</v>
      </c>
      <c r="N2140">
        <v>0</v>
      </c>
    </row>
    <row r="2141" spans="1:14" hidden="1">
      <c r="A2141" s="7" t="s">
        <v>10</v>
      </c>
      <c r="B2141" s="8"/>
      <c r="C2141" s="8"/>
      <c r="D2141" t="s">
        <v>77</v>
      </c>
      <c r="E2141" s="8" t="s">
        <v>12</v>
      </c>
      <c r="F2141" t="s">
        <v>65</v>
      </c>
      <c r="G2141" t="s">
        <v>78</v>
      </c>
      <c r="H2141" t="s">
        <v>65</v>
      </c>
      <c r="I2141" s="8">
        <v>2028</v>
      </c>
      <c r="J2141" t="s">
        <v>49</v>
      </c>
      <c r="K2141" s="10">
        <v>0</v>
      </c>
      <c r="L2141">
        <v>0</v>
      </c>
      <c r="M2141" s="10">
        <v>0</v>
      </c>
      <c r="N2141">
        <v>0</v>
      </c>
    </row>
    <row r="2142" spans="1:14" hidden="1">
      <c r="A2142" s="7" t="s">
        <v>10</v>
      </c>
      <c r="B2142" s="8"/>
      <c r="C2142" s="8"/>
      <c r="D2142" t="s">
        <v>77</v>
      </c>
      <c r="E2142" s="8" t="s">
        <v>12</v>
      </c>
      <c r="F2142" t="s">
        <v>65</v>
      </c>
      <c r="G2142" t="s">
        <v>79</v>
      </c>
      <c r="H2142" t="s">
        <v>65</v>
      </c>
      <c r="I2142" s="8">
        <v>2028</v>
      </c>
      <c r="J2142" t="s">
        <v>15</v>
      </c>
      <c r="K2142" s="10">
        <v>0</v>
      </c>
      <c r="L2142">
        <v>0</v>
      </c>
      <c r="M2142" s="10">
        <v>0</v>
      </c>
      <c r="N2142">
        <v>0</v>
      </c>
    </row>
    <row r="2143" spans="1:14" hidden="1">
      <c r="A2143" s="7" t="s">
        <v>10</v>
      </c>
      <c r="B2143" s="8"/>
      <c r="C2143" s="8"/>
      <c r="D2143" t="s">
        <v>77</v>
      </c>
      <c r="E2143" s="8" t="s">
        <v>12</v>
      </c>
      <c r="F2143" t="s">
        <v>65</v>
      </c>
      <c r="G2143" t="s">
        <v>79</v>
      </c>
      <c r="H2143" t="s">
        <v>65</v>
      </c>
      <c r="I2143" s="8">
        <v>2028</v>
      </c>
      <c r="J2143" t="s">
        <v>50</v>
      </c>
      <c r="K2143" s="10">
        <v>0</v>
      </c>
      <c r="L2143">
        <v>0</v>
      </c>
      <c r="M2143" s="10">
        <v>0</v>
      </c>
      <c r="N2143">
        <v>0</v>
      </c>
    </row>
    <row r="2144" spans="1:14" hidden="1">
      <c r="A2144" s="7" t="s">
        <v>10</v>
      </c>
      <c r="B2144" s="8"/>
      <c r="C2144" s="8"/>
      <c r="D2144" t="s">
        <v>77</v>
      </c>
      <c r="E2144" s="8" t="s">
        <v>12</v>
      </c>
      <c r="F2144" t="s">
        <v>65</v>
      </c>
      <c r="G2144" t="s">
        <v>19</v>
      </c>
      <c r="H2144" t="s">
        <v>65</v>
      </c>
      <c r="I2144" s="8">
        <v>2028</v>
      </c>
      <c r="J2144" t="s">
        <v>19</v>
      </c>
      <c r="K2144" s="10">
        <v>0</v>
      </c>
      <c r="L2144">
        <v>0</v>
      </c>
      <c r="M2144" s="10">
        <v>0</v>
      </c>
      <c r="N2144">
        <v>0</v>
      </c>
    </row>
    <row r="2145" spans="1:14" hidden="1">
      <c r="A2145" s="7" t="s">
        <v>10</v>
      </c>
      <c r="B2145" s="8"/>
      <c r="C2145" s="8"/>
      <c r="D2145" t="s">
        <v>77</v>
      </c>
      <c r="E2145" s="8" t="s">
        <v>12</v>
      </c>
      <c r="F2145" t="s">
        <v>65</v>
      </c>
      <c r="G2145" t="s">
        <v>78</v>
      </c>
      <c r="H2145" t="s">
        <v>65</v>
      </c>
      <c r="I2145" s="8">
        <v>2028</v>
      </c>
      <c r="J2145" t="s">
        <v>21</v>
      </c>
      <c r="K2145" s="10">
        <v>0</v>
      </c>
      <c r="L2145">
        <v>0</v>
      </c>
      <c r="M2145" s="10">
        <v>0</v>
      </c>
      <c r="N2145">
        <v>0</v>
      </c>
    </row>
    <row r="2146" spans="1:14" hidden="1">
      <c r="A2146" s="7" t="s">
        <v>10</v>
      </c>
      <c r="B2146" s="8"/>
      <c r="C2146" s="8"/>
      <c r="D2146" t="s">
        <v>77</v>
      </c>
      <c r="E2146" s="8" t="s">
        <v>12</v>
      </c>
      <c r="F2146" t="s">
        <v>65</v>
      </c>
      <c r="G2146" t="s">
        <v>78</v>
      </c>
      <c r="H2146" t="s">
        <v>65</v>
      </c>
      <c r="I2146" s="8">
        <v>2028</v>
      </c>
      <c r="J2146" t="s">
        <v>51</v>
      </c>
      <c r="K2146" s="10">
        <v>0</v>
      </c>
      <c r="L2146">
        <v>0</v>
      </c>
      <c r="M2146" s="10">
        <v>0</v>
      </c>
      <c r="N2146">
        <v>0</v>
      </c>
    </row>
    <row r="2147" spans="1:14" hidden="1">
      <c r="A2147" s="7" t="s">
        <v>10</v>
      </c>
      <c r="B2147" s="8"/>
      <c r="C2147" s="8"/>
      <c r="D2147" t="s">
        <v>77</v>
      </c>
      <c r="E2147" s="8" t="s">
        <v>12</v>
      </c>
      <c r="F2147" t="s">
        <v>65</v>
      </c>
      <c r="G2147" t="s">
        <v>78</v>
      </c>
      <c r="H2147" t="s">
        <v>65</v>
      </c>
      <c r="I2147" s="8">
        <v>2029</v>
      </c>
      <c r="J2147" t="s">
        <v>47</v>
      </c>
      <c r="K2147" s="10">
        <v>0</v>
      </c>
      <c r="L2147">
        <v>0</v>
      </c>
      <c r="M2147" s="10">
        <v>0</v>
      </c>
      <c r="N2147">
        <v>0</v>
      </c>
    </row>
    <row r="2148" spans="1:14" hidden="1">
      <c r="A2148" s="7" t="s">
        <v>10</v>
      </c>
      <c r="B2148" s="8"/>
      <c r="C2148" s="8"/>
      <c r="D2148" t="s">
        <v>77</v>
      </c>
      <c r="E2148" s="8" t="s">
        <v>12</v>
      </c>
      <c r="F2148" t="s">
        <v>65</v>
      </c>
      <c r="G2148" t="s">
        <v>78</v>
      </c>
      <c r="H2148" t="s">
        <v>65</v>
      </c>
      <c r="I2148" s="8">
        <v>2029</v>
      </c>
      <c r="J2148" t="s">
        <v>48</v>
      </c>
      <c r="K2148" s="10">
        <v>0</v>
      </c>
      <c r="L2148">
        <v>0</v>
      </c>
      <c r="M2148" s="10">
        <v>0</v>
      </c>
      <c r="N2148">
        <v>0</v>
      </c>
    </row>
    <row r="2149" spans="1:14" hidden="1">
      <c r="A2149" s="7" t="s">
        <v>10</v>
      </c>
      <c r="B2149" s="8"/>
      <c r="C2149" s="8"/>
      <c r="D2149" t="s">
        <v>77</v>
      </c>
      <c r="E2149" s="8" t="s">
        <v>12</v>
      </c>
      <c r="F2149" t="s">
        <v>65</v>
      </c>
      <c r="G2149" t="s">
        <v>78</v>
      </c>
      <c r="H2149" t="s">
        <v>65</v>
      </c>
      <c r="I2149" s="8">
        <v>2029</v>
      </c>
      <c r="J2149" t="s">
        <v>14</v>
      </c>
      <c r="K2149" s="10">
        <v>5293</v>
      </c>
      <c r="L2149">
        <v>0</v>
      </c>
      <c r="M2149" s="10">
        <v>5293</v>
      </c>
      <c r="N2149">
        <v>0</v>
      </c>
    </row>
    <row r="2150" spans="1:14" hidden="1">
      <c r="A2150" s="7" t="s">
        <v>10</v>
      </c>
      <c r="B2150" s="8"/>
      <c r="C2150" s="8"/>
      <c r="D2150" t="s">
        <v>77</v>
      </c>
      <c r="E2150" s="8" t="s">
        <v>12</v>
      </c>
      <c r="F2150" t="s">
        <v>65</v>
      </c>
      <c r="G2150" t="s">
        <v>78</v>
      </c>
      <c r="H2150" t="s">
        <v>65</v>
      </c>
      <c r="I2150" s="8">
        <v>2029</v>
      </c>
      <c r="J2150" t="s">
        <v>49</v>
      </c>
      <c r="K2150" s="10">
        <v>0</v>
      </c>
      <c r="L2150">
        <v>0</v>
      </c>
      <c r="M2150" s="10">
        <v>0</v>
      </c>
      <c r="N2150">
        <v>0</v>
      </c>
    </row>
    <row r="2151" spans="1:14" hidden="1">
      <c r="A2151" s="7" t="s">
        <v>10</v>
      </c>
      <c r="B2151" s="8"/>
      <c r="C2151" s="8"/>
      <c r="D2151" t="s">
        <v>77</v>
      </c>
      <c r="E2151" s="8" t="s">
        <v>12</v>
      </c>
      <c r="F2151" t="s">
        <v>65</v>
      </c>
      <c r="G2151" t="s">
        <v>79</v>
      </c>
      <c r="H2151" t="s">
        <v>65</v>
      </c>
      <c r="I2151" s="8">
        <v>2029</v>
      </c>
      <c r="J2151" t="s">
        <v>15</v>
      </c>
      <c r="K2151" s="10">
        <v>0</v>
      </c>
      <c r="L2151">
        <v>0</v>
      </c>
      <c r="M2151" s="10">
        <v>0</v>
      </c>
      <c r="N2151">
        <v>0</v>
      </c>
    </row>
    <row r="2152" spans="1:14" hidden="1">
      <c r="A2152" s="7" t="s">
        <v>10</v>
      </c>
      <c r="B2152" s="8"/>
      <c r="C2152" s="8"/>
      <c r="D2152" t="s">
        <v>77</v>
      </c>
      <c r="E2152" s="8" t="s">
        <v>12</v>
      </c>
      <c r="F2152" t="s">
        <v>65</v>
      </c>
      <c r="G2152" t="s">
        <v>79</v>
      </c>
      <c r="H2152" t="s">
        <v>65</v>
      </c>
      <c r="I2152" s="8">
        <v>2029</v>
      </c>
      <c r="J2152" t="s">
        <v>50</v>
      </c>
      <c r="K2152" s="10">
        <v>0</v>
      </c>
      <c r="L2152">
        <v>0</v>
      </c>
      <c r="M2152" s="10">
        <v>0</v>
      </c>
      <c r="N2152">
        <v>0</v>
      </c>
    </row>
    <row r="2153" spans="1:14" hidden="1">
      <c r="A2153" s="7" t="s">
        <v>10</v>
      </c>
      <c r="B2153" s="8"/>
      <c r="C2153" s="8"/>
      <c r="D2153" t="s">
        <v>77</v>
      </c>
      <c r="E2153" s="8" t="s">
        <v>12</v>
      </c>
      <c r="F2153" t="s">
        <v>65</v>
      </c>
      <c r="G2153" t="s">
        <v>19</v>
      </c>
      <c r="H2153" t="s">
        <v>65</v>
      </c>
      <c r="I2153" s="8">
        <v>2029</v>
      </c>
      <c r="J2153" t="s">
        <v>19</v>
      </c>
      <c r="K2153" s="10">
        <v>0</v>
      </c>
      <c r="L2153">
        <v>0</v>
      </c>
      <c r="M2153" s="10">
        <v>0</v>
      </c>
      <c r="N2153">
        <v>0</v>
      </c>
    </row>
    <row r="2154" spans="1:14" hidden="1">
      <c r="A2154" s="7" t="s">
        <v>10</v>
      </c>
      <c r="B2154" s="8"/>
      <c r="C2154" s="8"/>
      <c r="D2154" t="s">
        <v>77</v>
      </c>
      <c r="E2154" s="8" t="s">
        <v>12</v>
      </c>
      <c r="F2154" t="s">
        <v>65</v>
      </c>
      <c r="G2154" t="s">
        <v>78</v>
      </c>
      <c r="H2154" t="s">
        <v>65</v>
      </c>
      <c r="I2154" s="8">
        <v>2029</v>
      </c>
      <c r="J2154" t="s">
        <v>21</v>
      </c>
      <c r="K2154" s="10">
        <v>0</v>
      </c>
      <c r="L2154">
        <v>0</v>
      </c>
      <c r="M2154" s="10">
        <v>0</v>
      </c>
      <c r="N2154">
        <v>0</v>
      </c>
    </row>
    <row r="2155" spans="1:14" hidden="1">
      <c r="A2155" s="7" t="s">
        <v>10</v>
      </c>
      <c r="B2155" s="8"/>
      <c r="C2155" s="8"/>
      <c r="D2155" t="s">
        <v>77</v>
      </c>
      <c r="E2155" s="8" t="s">
        <v>12</v>
      </c>
      <c r="F2155" t="s">
        <v>65</v>
      </c>
      <c r="G2155" t="s">
        <v>78</v>
      </c>
      <c r="H2155" t="s">
        <v>65</v>
      </c>
      <c r="I2155" s="8">
        <v>2029</v>
      </c>
      <c r="J2155" t="s">
        <v>51</v>
      </c>
      <c r="K2155" s="10">
        <v>0</v>
      </c>
      <c r="L2155">
        <v>0</v>
      </c>
      <c r="M2155" s="10">
        <v>0</v>
      </c>
      <c r="N2155">
        <v>0</v>
      </c>
    </row>
    <row r="2156" spans="1:14" hidden="1">
      <c r="A2156" s="7" t="s">
        <v>10</v>
      </c>
      <c r="B2156" s="8"/>
      <c r="C2156" s="8"/>
      <c r="D2156" t="s">
        <v>77</v>
      </c>
      <c r="E2156" s="8" t="s">
        <v>12</v>
      </c>
      <c r="F2156" t="s">
        <v>65</v>
      </c>
      <c r="G2156" t="s">
        <v>78</v>
      </c>
      <c r="H2156" t="s">
        <v>65</v>
      </c>
      <c r="I2156" s="8">
        <v>2030</v>
      </c>
      <c r="J2156" t="s">
        <v>47</v>
      </c>
      <c r="K2156" s="10">
        <v>0</v>
      </c>
      <c r="L2156">
        <v>0</v>
      </c>
      <c r="M2156" s="10">
        <v>0</v>
      </c>
      <c r="N2156">
        <v>0</v>
      </c>
    </row>
    <row r="2157" spans="1:14" hidden="1">
      <c r="A2157" s="7" t="s">
        <v>10</v>
      </c>
      <c r="B2157" s="8"/>
      <c r="C2157" s="8"/>
      <c r="D2157" t="s">
        <v>77</v>
      </c>
      <c r="E2157" s="8" t="s">
        <v>12</v>
      </c>
      <c r="F2157" t="s">
        <v>65</v>
      </c>
      <c r="G2157" t="s">
        <v>78</v>
      </c>
      <c r="H2157" t="s">
        <v>65</v>
      </c>
      <c r="I2157" s="8">
        <v>2030</v>
      </c>
      <c r="J2157" t="s">
        <v>48</v>
      </c>
      <c r="K2157" s="10">
        <v>0</v>
      </c>
      <c r="L2157">
        <v>0</v>
      </c>
      <c r="M2157" s="10">
        <v>0</v>
      </c>
      <c r="N2157">
        <v>0</v>
      </c>
    </row>
    <row r="2158" spans="1:14" hidden="1">
      <c r="A2158" s="7" t="s">
        <v>10</v>
      </c>
      <c r="B2158" s="8"/>
      <c r="C2158" s="8"/>
      <c r="D2158" t="s">
        <v>77</v>
      </c>
      <c r="E2158" s="8" t="s">
        <v>12</v>
      </c>
      <c r="F2158" t="s">
        <v>65</v>
      </c>
      <c r="G2158" t="s">
        <v>78</v>
      </c>
      <c r="H2158" t="s">
        <v>65</v>
      </c>
      <c r="I2158" s="8">
        <v>2030</v>
      </c>
      <c r="J2158" t="s">
        <v>14</v>
      </c>
      <c r="K2158" s="10">
        <v>4669</v>
      </c>
      <c r="L2158">
        <v>0</v>
      </c>
      <c r="M2158" s="10">
        <v>4669</v>
      </c>
      <c r="N2158">
        <v>0</v>
      </c>
    </row>
    <row r="2159" spans="1:14" hidden="1">
      <c r="A2159" s="7" t="s">
        <v>10</v>
      </c>
      <c r="B2159" s="8"/>
      <c r="C2159" s="8"/>
      <c r="D2159" t="s">
        <v>77</v>
      </c>
      <c r="E2159" s="8" t="s">
        <v>12</v>
      </c>
      <c r="F2159" t="s">
        <v>65</v>
      </c>
      <c r="G2159" t="s">
        <v>78</v>
      </c>
      <c r="H2159" t="s">
        <v>65</v>
      </c>
      <c r="I2159" s="8">
        <v>2030</v>
      </c>
      <c r="J2159" t="s">
        <v>49</v>
      </c>
      <c r="K2159" s="10">
        <v>0</v>
      </c>
      <c r="L2159">
        <v>0</v>
      </c>
      <c r="M2159" s="10">
        <v>0</v>
      </c>
      <c r="N2159">
        <v>0</v>
      </c>
    </row>
    <row r="2160" spans="1:14" hidden="1">
      <c r="A2160" s="7" t="s">
        <v>10</v>
      </c>
      <c r="B2160" s="8"/>
      <c r="C2160" s="8"/>
      <c r="D2160" t="s">
        <v>77</v>
      </c>
      <c r="E2160" s="8" t="s">
        <v>12</v>
      </c>
      <c r="F2160" t="s">
        <v>65</v>
      </c>
      <c r="G2160" t="s">
        <v>79</v>
      </c>
      <c r="H2160" t="s">
        <v>65</v>
      </c>
      <c r="I2160" s="8">
        <v>2030</v>
      </c>
      <c r="J2160" t="s">
        <v>15</v>
      </c>
      <c r="K2160" s="10">
        <v>0</v>
      </c>
      <c r="L2160">
        <v>0</v>
      </c>
      <c r="M2160" s="10">
        <v>0</v>
      </c>
      <c r="N2160">
        <v>0</v>
      </c>
    </row>
    <row r="2161" spans="1:14" hidden="1">
      <c r="A2161" s="7" t="s">
        <v>10</v>
      </c>
      <c r="B2161" s="8"/>
      <c r="C2161" s="8"/>
      <c r="D2161" t="s">
        <v>77</v>
      </c>
      <c r="E2161" s="8" t="s">
        <v>12</v>
      </c>
      <c r="F2161" t="s">
        <v>65</v>
      </c>
      <c r="G2161" t="s">
        <v>79</v>
      </c>
      <c r="H2161" t="s">
        <v>65</v>
      </c>
      <c r="I2161" s="8">
        <v>2030</v>
      </c>
      <c r="J2161" t="s">
        <v>50</v>
      </c>
      <c r="K2161" s="10">
        <v>0</v>
      </c>
      <c r="L2161">
        <v>0</v>
      </c>
      <c r="M2161" s="10">
        <v>0</v>
      </c>
      <c r="N2161">
        <v>0</v>
      </c>
    </row>
    <row r="2162" spans="1:14" hidden="1">
      <c r="A2162" s="7" t="s">
        <v>10</v>
      </c>
      <c r="B2162" s="8"/>
      <c r="C2162" s="8"/>
      <c r="D2162" t="s">
        <v>77</v>
      </c>
      <c r="E2162" s="8" t="s">
        <v>12</v>
      </c>
      <c r="F2162" t="s">
        <v>65</v>
      </c>
      <c r="G2162" t="s">
        <v>19</v>
      </c>
      <c r="H2162" t="s">
        <v>65</v>
      </c>
      <c r="I2162" s="8">
        <v>2030</v>
      </c>
      <c r="J2162" t="s">
        <v>19</v>
      </c>
      <c r="K2162" s="10">
        <v>0</v>
      </c>
      <c r="L2162">
        <v>0</v>
      </c>
      <c r="M2162" s="10">
        <v>0</v>
      </c>
      <c r="N2162">
        <v>0</v>
      </c>
    </row>
    <row r="2163" spans="1:14" hidden="1">
      <c r="A2163" s="7" t="s">
        <v>10</v>
      </c>
      <c r="B2163" s="8"/>
      <c r="C2163" s="8"/>
      <c r="D2163" t="s">
        <v>77</v>
      </c>
      <c r="E2163" s="8" t="s">
        <v>12</v>
      </c>
      <c r="F2163" t="s">
        <v>65</v>
      </c>
      <c r="G2163" t="s">
        <v>78</v>
      </c>
      <c r="H2163" t="s">
        <v>65</v>
      </c>
      <c r="I2163" s="8">
        <v>2030</v>
      </c>
      <c r="J2163" t="s">
        <v>21</v>
      </c>
      <c r="K2163" s="10">
        <v>0</v>
      </c>
      <c r="L2163">
        <v>0</v>
      </c>
      <c r="M2163" s="10">
        <v>0</v>
      </c>
      <c r="N2163">
        <v>0</v>
      </c>
    </row>
    <row r="2164" spans="1:14" hidden="1">
      <c r="A2164" s="7" t="s">
        <v>10</v>
      </c>
      <c r="B2164" s="8"/>
      <c r="C2164" s="8"/>
      <c r="D2164" t="s">
        <v>77</v>
      </c>
      <c r="E2164" s="8" t="s">
        <v>12</v>
      </c>
      <c r="F2164" t="s">
        <v>65</v>
      </c>
      <c r="G2164" t="s">
        <v>78</v>
      </c>
      <c r="H2164" t="s">
        <v>65</v>
      </c>
      <c r="I2164" s="8">
        <v>2030</v>
      </c>
      <c r="J2164" t="s">
        <v>51</v>
      </c>
      <c r="K2164" s="10">
        <v>0</v>
      </c>
      <c r="L2164">
        <v>0</v>
      </c>
      <c r="M2164" s="10">
        <v>0</v>
      </c>
      <c r="N2164">
        <v>0</v>
      </c>
    </row>
    <row r="2165" spans="1:14" hidden="1">
      <c r="A2165" s="7" t="s">
        <v>10</v>
      </c>
      <c r="B2165" s="8"/>
      <c r="C2165" s="8"/>
      <c r="D2165" t="s">
        <v>77</v>
      </c>
      <c r="E2165" s="8" t="s">
        <v>12</v>
      </c>
      <c r="F2165" t="s">
        <v>65</v>
      </c>
      <c r="G2165" t="s">
        <v>78</v>
      </c>
      <c r="H2165" t="s">
        <v>65</v>
      </c>
      <c r="I2165" s="8">
        <v>2031</v>
      </c>
      <c r="J2165" t="s">
        <v>47</v>
      </c>
      <c r="K2165" s="10">
        <v>0</v>
      </c>
      <c r="L2165">
        <v>0</v>
      </c>
      <c r="M2165" s="10">
        <v>0</v>
      </c>
      <c r="N2165">
        <v>0</v>
      </c>
    </row>
    <row r="2166" spans="1:14" hidden="1">
      <c r="A2166" s="7" t="s">
        <v>10</v>
      </c>
      <c r="B2166" s="8"/>
      <c r="C2166" s="8"/>
      <c r="D2166" t="s">
        <v>77</v>
      </c>
      <c r="E2166" s="8" t="s">
        <v>12</v>
      </c>
      <c r="F2166" t="s">
        <v>65</v>
      </c>
      <c r="G2166" t="s">
        <v>78</v>
      </c>
      <c r="H2166" t="s">
        <v>65</v>
      </c>
      <c r="I2166" s="8">
        <v>2031</v>
      </c>
      <c r="J2166" t="s">
        <v>48</v>
      </c>
      <c r="K2166" s="10">
        <v>0</v>
      </c>
      <c r="L2166">
        <v>0</v>
      </c>
      <c r="M2166" s="10">
        <v>0</v>
      </c>
      <c r="N2166">
        <v>0</v>
      </c>
    </row>
    <row r="2167" spans="1:14" hidden="1">
      <c r="A2167" s="7" t="s">
        <v>10</v>
      </c>
      <c r="B2167" s="8"/>
      <c r="C2167" s="8"/>
      <c r="D2167" t="s">
        <v>77</v>
      </c>
      <c r="E2167" s="8" t="s">
        <v>12</v>
      </c>
      <c r="F2167" t="s">
        <v>65</v>
      </c>
      <c r="G2167" t="s">
        <v>78</v>
      </c>
      <c r="H2167" t="s">
        <v>65</v>
      </c>
      <c r="I2167" s="8">
        <v>2031</v>
      </c>
      <c r="J2167" t="s">
        <v>14</v>
      </c>
      <c r="K2167" s="10">
        <v>4608</v>
      </c>
      <c r="L2167">
        <v>0</v>
      </c>
      <c r="M2167" s="10">
        <v>4608</v>
      </c>
      <c r="N2167">
        <v>0</v>
      </c>
    </row>
    <row r="2168" spans="1:14" hidden="1">
      <c r="A2168" s="7" t="s">
        <v>10</v>
      </c>
      <c r="B2168" s="8"/>
      <c r="C2168" s="8"/>
      <c r="D2168" t="s">
        <v>77</v>
      </c>
      <c r="E2168" s="8" t="s">
        <v>12</v>
      </c>
      <c r="F2168" t="s">
        <v>65</v>
      </c>
      <c r="G2168" t="s">
        <v>78</v>
      </c>
      <c r="H2168" t="s">
        <v>65</v>
      </c>
      <c r="I2168" s="8">
        <v>2031</v>
      </c>
      <c r="J2168" t="s">
        <v>49</v>
      </c>
      <c r="K2168" s="10">
        <v>0</v>
      </c>
      <c r="L2168">
        <v>0</v>
      </c>
      <c r="M2168" s="10">
        <v>0</v>
      </c>
      <c r="N2168">
        <v>0</v>
      </c>
    </row>
    <row r="2169" spans="1:14" hidden="1">
      <c r="A2169" s="7" t="s">
        <v>10</v>
      </c>
      <c r="B2169" s="8"/>
      <c r="C2169" s="8"/>
      <c r="D2169" t="s">
        <v>77</v>
      </c>
      <c r="E2169" s="8" t="s">
        <v>12</v>
      </c>
      <c r="F2169" t="s">
        <v>65</v>
      </c>
      <c r="G2169" t="s">
        <v>79</v>
      </c>
      <c r="H2169" t="s">
        <v>65</v>
      </c>
      <c r="I2169" s="8">
        <v>2031</v>
      </c>
      <c r="J2169" t="s">
        <v>15</v>
      </c>
      <c r="K2169" s="10">
        <v>0</v>
      </c>
      <c r="L2169">
        <v>0</v>
      </c>
      <c r="M2169" s="10">
        <v>0</v>
      </c>
      <c r="N2169">
        <v>0</v>
      </c>
    </row>
    <row r="2170" spans="1:14" hidden="1">
      <c r="A2170" s="7" t="s">
        <v>10</v>
      </c>
      <c r="B2170" s="8"/>
      <c r="C2170" s="8"/>
      <c r="D2170" t="s">
        <v>77</v>
      </c>
      <c r="E2170" s="8" t="s">
        <v>12</v>
      </c>
      <c r="F2170" t="s">
        <v>65</v>
      </c>
      <c r="G2170" t="s">
        <v>79</v>
      </c>
      <c r="H2170" t="s">
        <v>65</v>
      </c>
      <c r="I2170" s="8">
        <v>2031</v>
      </c>
      <c r="J2170" t="s">
        <v>50</v>
      </c>
      <c r="K2170" s="10">
        <v>0</v>
      </c>
      <c r="L2170">
        <v>0</v>
      </c>
      <c r="M2170" s="10">
        <v>0</v>
      </c>
      <c r="N2170">
        <v>0</v>
      </c>
    </row>
    <row r="2171" spans="1:14" hidden="1">
      <c r="A2171" s="7" t="s">
        <v>10</v>
      </c>
      <c r="B2171" s="8"/>
      <c r="C2171" s="8"/>
      <c r="D2171" t="s">
        <v>77</v>
      </c>
      <c r="E2171" s="8" t="s">
        <v>12</v>
      </c>
      <c r="F2171" t="s">
        <v>65</v>
      </c>
      <c r="G2171" t="s">
        <v>19</v>
      </c>
      <c r="H2171" t="s">
        <v>65</v>
      </c>
      <c r="I2171" s="8">
        <v>2031</v>
      </c>
      <c r="J2171" t="s">
        <v>19</v>
      </c>
      <c r="K2171" s="10">
        <v>0</v>
      </c>
      <c r="L2171">
        <v>0</v>
      </c>
      <c r="M2171" s="10">
        <v>0</v>
      </c>
      <c r="N2171">
        <v>0</v>
      </c>
    </row>
    <row r="2172" spans="1:14" hidden="1">
      <c r="A2172" s="7" t="s">
        <v>10</v>
      </c>
      <c r="B2172" s="8"/>
      <c r="C2172" s="8"/>
      <c r="D2172" t="s">
        <v>77</v>
      </c>
      <c r="E2172" s="8" t="s">
        <v>12</v>
      </c>
      <c r="F2172" t="s">
        <v>65</v>
      </c>
      <c r="G2172" t="s">
        <v>78</v>
      </c>
      <c r="H2172" t="s">
        <v>65</v>
      </c>
      <c r="I2172" s="8">
        <v>2031</v>
      </c>
      <c r="J2172" t="s">
        <v>21</v>
      </c>
      <c r="K2172" s="10">
        <v>0</v>
      </c>
      <c r="L2172">
        <v>0</v>
      </c>
      <c r="M2172" s="10">
        <v>0</v>
      </c>
      <c r="N2172">
        <v>0</v>
      </c>
    </row>
    <row r="2173" spans="1:14" hidden="1">
      <c r="A2173" s="7" t="s">
        <v>10</v>
      </c>
      <c r="B2173" s="8"/>
      <c r="C2173" s="8"/>
      <c r="D2173" t="s">
        <v>77</v>
      </c>
      <c r="E2173" s="8" t="s">
        <v>12</v>
      </c>
      <c r="F2173" t="s">
        <v>65</v>
      </c>
      <c r="G2173" t="s">
        <v>78</v>
      </c>
      <c r="H2173" t="s">
        <v>65</v>
      </c>
      <c r="I2173" s="8">
        <v>2031</v>
      </c>
      <c r="J2173" t="s">
        <v>51</v>
      </c>
      <c r="K2173" s="10">
        <v>0</v>
      </c>
      <c r="L2173">
        <v>0</v>
      </c>
      <c r="M2173" s="10">
        <v>0</v>
      </c>
      <c r="N2173">
        <v>0</v>
      </c>
    </row>
    <row r="2174" spans="1:14" hidden="1">
      <c r="A2174" s="7" t="s">
        <v>10</v>
      </c>
      <c r="B2174" s="8"/>
      <c r="C2174" s="8"/>
      <c r="D2174" t="s">
        <v>77</v>
      </c>
      <c r="E2174" s="8" t="s">
        <v>12</v>
      </c>
      <c r="F2174" t="s">
        <v>65</v>
      </c>
      <c r="G2174" t="s">
        <v>78</v>
      </c>
      <c r="H2174" t="s">
        <v>65</v>
      </c>
      <c r="I2174" s="8">
        <v>2032</v>
      </c>
      <c r="J2174" t="s">
        <v>47</v>
      </c>
      <c r="K2174" s="10">
        <v>0</v>
      </c>
      <c r="L2174">
        <v>0</v>
      </c>
      <c r="M2174" s="10">
        <v>0</v>
      </c>
      <c r="N2174">
        <v>0</v>
      </c>
    </row>
    <row r="2175" spans="1:14" hidden="1">
      <c r="A2175" s="7" t="s">
        <v>10</v>
      </c>
      <c r="B2175" s="8"/>
      <c r="C2175" s="8"/>
      <c r="D2175" t="s">
        <v>77</v>
      </c>
      <c r="E2175" s="8" t="s">
        <v>12</v>
      </c>
      <c r="F2175" t="s">
        <v>65</v>
      </c>
      <c r="G2175" t="s">
        <v>78</v>
      </c>
      <c r="H2175" t="s">
        <v>65</v>
      </c>
      <c r="I2175" s="8">
        <v>2032</v>
      </c>
      <c r="J2175" t="s">
        <v>48</v>
      </c>
      <c r="K2175" s="10">
        <v>0</v>
      </c>
      <c r="L2175">
        <v>0</v>
      </c>
      <c r="M2175" s="10">
        <v>0</v>
      </c>
      <c r="N2175">
        <v>0</v>
      </c>
    </row>
    <row r="2176" spans="1:14" hidden="1">
      <c r="A2176" s="7" t="s">
        <v>10</v>
      </c>
      <c r="B2176" s="8"/>
      <c r="C2176" s="8"/>
      <c r="D2176" t="s">
        <v>77</v>
      </c>
      <c r="E2176" s="8" t="s">
        <v>12</v>
      </c>
      <c r="F2176" t="s">
        <v>65</v>
      </c>
      <c r="G2176" t="s">
        <v>78</v>
      </c>
      <c r="H2176" t="s">
        <v>65</v>
      </c>
      <c r="I2176" s="8">
        <v>2032</v>
      </c>
      <c r="J2176" t="s">
        <v>14</v>
      </c>
      <c r="K2176" s="10">
        <v>4576</v>
      </c>
      <c r="L2176">
        <v>0</v>
      </c>
      <c r="M2176" s="10">
        <v>4576</v>
      </c>
      <c r="N2176">
        <v>0</v>
      </c>
    </row>
    <row r="2177" spans="1:14" hidden="1">
      <c r="A2177" s="7" t="s">
        <v>10</v>
      </c>
      <c r="B2177" s="8"/>
      <c r="C2177" s="8"/>
      <c r="D2177" t="s">
        <v>77</v>
      </c>
      <c r="E2177" s="8" t="s">
        <v>12</v>
      </c>
      <c r="F2177" t="s">
        <v>65</v>
      </c>
      <c r="G2177" t="s">
        <v>78</v>
      </c>
      <c r="H2177" t="s">
        <v>65</v>
      </c>
      <c r="I2177" s="8">
        <v>2032</v>
      </c>
      <c r="J2177" t="s">
        <v>49</v>
      </c>
      <c r="K2177" s="10">
        <v>0</v>
      </c>
      <c r="L2177">
        <v>0</v>
      </c>
      <c r="M2177" s="10">
        <v>0</v>
      </c>
      <c r="N2177">
        <v>0</v>
      </c>
    </row>
    <row r="2178" spans="1:14" hidden="1">
      <c r="A2178" s="7" t="s">
        <v>10</v>
      </c>
      <c r="B2178" s="8"/>
      <c r="C2178" s="8"/>
      <c r="D2178" t="s">
        <v>77</v>
      </c>
      <c r="E2178" s="8" t="s">
        <v>12</v>
      </c>
      <c r="F2178" t="s">
        <v>65</v>
      </c>
      <c r="G2178" t="s">
        <v>79</v>
      </c>
      <c r="H2178" t="s">
        <v>65</v>
      </c>
      <c r="I2178" s="8">
        <v>2032</v>
      </c>
      <c r="J2178" t="s">
        <v>15</v>
      </c>
      <c r="K2178" s="10">
        <v>0</v>
      </c>
      <c r="L2178">
        <v>0</v>
      </c>
      <c r="M2178" s="10">
        <v>0</v>
      </c>
      <c r="N2178">
        <v>0</v>
      </c>
    </row>
    <row r="2179" spans="1:14" hidden="1">
      <c r="A2179" s="7" t="s">
        <v>10</v>
      </c>
      <c r="B2179" s="8"/>
      <c r="C2179" s="8"/>
      <c r="D2179" t="s">
        <v>77</v>
      </c>
      <c r="E2179" s="8" t="s">
        <v>12</v>
      </c>
      <c r="F2179" t="s">
        <v>65</v>
      </c>
      <c r="G2179" t="s">
        <v>79</v>
      </c>
      <c r="H2179" t="s">
        <v>65</v>
      </c>
      <c r="I2179" s="8">
        <v>2032</v>
      </c>
      <c r="J2179" t="s">
        <v>50</v>
      </c>
      <c r="K2179" s="10">
        <v>0</v>
      </c>
      <c r="L2179">
        <v>0</v>
      </c>
      <c r="M2179" s="10">
        <v>0</v>
      </c>
      <c r="N2179">
        <v>0</v>
      </c>
    </row>
    <row r="2180" spans="1:14" hidden="1">
      <c r="A2180" s="7" t="s">
        <v>10</v>
      </c>
      <c r="B2180" s="8"/>
      <c r="C2180" s="8"/>
      <c r="D2180" t="s">
        <v>77</v>
      </c>
      <c r="E2180" s="8" t="s">
        <v>12</v>
      </c>
      <c r="F2180" t="s">
        <v>65</v>
      </c>
      <c r="G2180" t="s">
        <v>19</v>
      </c>
      <c r="H2180" t="s">
        <v>65</v>
      </c>
      <c r="I2180" s="8">
        <v>2032</v>
      </c>
      <c r="J2180" t="s">
        <v>19</v>
      </c>
      <c r="K2180" s="10">
        <v>0</v>
      </c>
      <c r="L2180">
        <v>0</v>
      </c>
      <c r="M2180" s="10">
        <v>0</v>
      </c>
      <c r="N2180">
        <v>0</v>
      </c>
    </row>
    <row r="2181" spans="1:14" hidden="1">
      <c r="A2181" s="7" t="s">
        <v>10</v>
      </c>
      <c r="B2181" s="8"/>
      <c r="C2181" s="8"/>
      <c r="D2181" t="s">
        <v>77</v>
      </c>
      <c r="E2181" s="8" t="s">
        <v>12</v>
      </c>
      <c r="F2181" t="s">
        <v>65</v>
      </c>
      <c r="G2181" t="s">
        <v>78</v>
      </c>
      <c r="H2181" t="s">
        <v>65</v>
      </c>
      <c r="I2181" s="8">
        <v>2032</v>
      </c>
      <c r="J2181" t="s">
        <v>21</v>
      </c>
      <c r="K2181" s="10">
        <v>0</v>
      </c>
      <c r="L2181">
        <v>0</v>
      </c>
      <c r="M2181" s="10">
        <v>0</v>
      </c>
      <c r="N2181">
        <v>0</v>
      </c>
    </row>
    <row r="2182" spans="1:14" hidden="1">
      <c r="A2182" s="7" t="s">
        <v>10</v>
      </c>
      <c r="B2182" s="8"/>
      <c r="C2182" s="8"/>
      <c r="D2182" t="s">
        <v>77</v>
      </c>
      <c r="E2182" s="8" t="s">
        <v>12</v>
      </c>
      <c r="F2182" t="s">
        <v>65</v>
      </c>
      <c r="G2182" t="s">
        <v>78</v>
      </c>
      <c r="H2182" t="s">
        <v>65</v>
      </c>
      <c r="I2182" s="8">
        <v>2032</v>
      </c>
      <c r="J2182" t="s">
        <v>51</v>
      </c>
      <c r="K2182" s="10">
        <v>0</v>
      </c>
      <c r="L2182">
        <v>0</v>
      </c>
      <c r="M2182" s="10">
        <v>0</v>
      </c>
      <c r="N2182">
        <v>0</v>
      </c>
    </row>
    <row r="2183" spans="1:14" hidden="1">
      <c r="A2183" s="7" t="s">
        <v>10</v>
      </c>
      <c r="B2183" s="8"/>
      <c r="C2183" s="8"/>
      <c r="D2183" t="s">
        <v>77</v>
      </c>
      <c r="E2183" s="8" t="s">
        <v>12</v>
      </c>
      <c r="F2183" t="s">
        <v>65</v>
      </c>
      <c r="G2183" t="s">
        <v>78</v>
      </c>
      <c r="H2183" t="s">
        <v>65</v>
      </c>
      <c r="I2183" s="8">
        <v>2033</v>
      </c>
      <c r="J2183" t="s">
        <v>47</v>
      </c>
      <c r="K2183" s="10">
        <v>0</v>
      </c>
      <c r="L2183">
        <v>0</v>
      </c>
      <c r="M2183" s="10">
        <v>0</v>
      </c>
      <c r="N2183">
        <v>0</v>
      </c>
    </row>
    <row r="2184" spans="1:14" hidden="1">
      <c r="A2184" s="7" t="s">
        <v>10</v>
      </c>
      <c r="B2184" s="8"/>
      <c r="C2184" s="8"/>
      <c r="D2184" t="s">
        <v>77</v>
      </c>
      <c r="E2184" s="8" t="s">
        <v>12</v>
      </c>
      <c r="F2184" t="s">
        <v>65</v>
      </c>
      <c r="G2184" t="s">
        <v>78</v>
      </c>
      <c r="H2184" t="s">
        <v>65</v>
      </c>
      <c r="I2184" s="8">
        <v>2033</v>
      </c>
      <c r="J2184" t="s">
        <v>48</v>
      </c>
      <c r="K2184" s="10">
        <v>0</v>
      </c>
      <c r="L2184">
        <v>0</v>
      </c>
      <c r="M2184" s="10">
        <v>0</v>
      </c>
      <c r="N2184">
        <v>0</v>
      </c>
    </row>
    <row r="2185" spans="1:14" hidden="1">
      <c r="A2185" s="7" t="s">
        <v>10</v>
      </c>
      <c r="B2185" s="8"/>
      <c r="C2185" s="8"/>
      <c r="D2185" t="s">
        <v>77</v>
      </c>
      <c r="E2185" s="8" t="s">
        <v>12</v>
      </c>
      <c r="F2185" t="s">
        <v>65</v>
      </c>
      <c r="G2185" t="s">
        <v>78</v>
      </c>
      <c r="H2185" t="s">
        <v>65</v>
      </c>
      <c r="I2185" s="8">
        <v>2033</v>
      </c>
      <c r="J2185" t="s">
        <v>14</v>
      </c>
      <c r="K2185" s="10">
        <v>4537</v>
      </c>
      <c r="L2185">
        <v>0</v>
      </c>
      <c r="M2185" s="10">
        <v>4537</v>
      </c>
      <c r="N2185">
        <v>0</v>
      </c>
    </row>
    <row r="2186" spans="1:14" hidden="1">
      <c r="A2186" s="7" t="s">
        <v>10</v>
      </c>
      <c r="B2186" s="8"/>
      <c r="C2186" s="8"/>
      <c r="D2186" t="s">
        <v>77</v>
      </c>
      <c r="E2186" s="8" t="s">
        <v>12</v>
      </c>
      <c r="F2186" t="s">
        <v>65</v>
      </c>
      <c r="G2186" t="s">
        <v>78</v>
      </c>
      <c r="H2186" t="s">
        <v>65</v>
      </c>
      <c r="I2186" s="8">
        <v>2033</v>
      </c>
      <c r="J2186" t="s">
        <v>49</v>
      </c>
      <c r="K2186" s="10">
        <v>0</v>
      </c>
      <c r="L2186">
        <v>0</v>
      </c>
      <c r="M2186" s="10">
        <v>0</v>
      </c>
      <c r="N2186">
        <v>0</v>
      </c>
    </row>
    <row r="2187" spans="1:14" hidden="1">
      <c r="A2187" s="7" t="s">
        <v>10</v>
      </c>
      <c r="B2187" s="8"/>
      <c r="C2187" s="8"/>
      <c r="D2187" t="s">
        <v>77</v>
      </c>
      <c r="E2187" s="8" t="s">
        <v>12</v>
      </c>
      <c r="F2187" t="s">
        <v>65</v>
      </c>
      <c r="G2187" t="s">
        <v>79</v>
      </c>
      <c r="H2187" t="s">
        <v>65</v>
      </c>
      <c r="I2187" s="8">
        <v>2033</v>
      </c>
      <c r="J2187" t="s">
        <v>15</v>
      </c>
      <c r="K2187" s="10">
        <v>0</v>
      </c>
      <c r="L2187">
        <v>0</v>
      </c>
      <c r="M2187" s="10">
        <v>0</v>
      </c>
      <c r="N2187">
        <v>0</v>
      </c>
    </row>
    <row r="2188" spans="1:14" hidden="1">
      <c r="A2188" s="7" t="s">
        <v>10</v>
      </c>
      <c r="B2188" s="8"/>
      <c r="C2188" s="8"/>
      <c r="D2188" t="s">
        <v>77</v>
      </c>
      <c r="E2188" s="8" t="s">
        <v>12</v>
      </c>
      <c r="F2188" t="s">
        <v>65</v>
      </c>
      <c r="G2188" t="s">
        <v>79</v>
      </c>
      <c r="H2188" t="s">
        <v>65</v>
      </c>
      <c r="I2188" s="8">
        <v>2033</v>
      </c>
      <c r="J2188" t="s">
        <v>50</v>
      </c>
      <c r="K2188" s="10">
        <v>0</v>
      </c>
      <c r="L2188">
        <v>0</v>
      </c>
      <c r="M2188" s="10">
        <v>0</v>
      </c>
      <c r="N2188">
        <v>0</v>
      </c>
    </row>
    <row r="2189" spans="1:14" hidden="1">
      <c r="A2189" s="7" t="s">
        <v>10</v>
      </c>
      <c r="B2189" s="8"/>
      <c r="C2189" s="8"/>
      <c r="D2189" t="s">
        <v>77</v>
      </c>
      <c r="E2189" s="8" t="s">
        <v>12</v>
      </c>
      <c r="F2189" t="s">
        <v>65</v>
      </c>
      <c r="G2189" t="s">
        <v>19</v>
      </c>
      <c r="H2189" t="s">
        <v>65</v>
      </c>
      <c r="I2189" s="8">
        <v>2033</v>
      </c>
      <c r="J2189" t="s">
        <v>19</v>
      </c>
      <c r="K2189" s="10">
        <v>0</v>
      </c>
      <c r="L2189">
        <v>0</v>
      </c>
      <c r="M2189" s="10">
        <v>0</v>
      </c>
      <c r="N2189">
        <v>0</v>
      </c>
    </row>
    <row r="2190" spans="1:14" hidden="1">
      <c r="A2190" s="7" t="s">
        <v>10</v>
      </c>
      <c r="B2190" s="8"/>
      <c r="C2190" s="8"/>
      <c r="D2190" t="s">
        <v>77</v>
      </c>
      <c r="E2190" s="8" t="s">
        <v>12</v>
      </c>
      <c r="F2190" t="s">
        <v>65</v>
      </c>
      <c r="G2190" t="s">
        <v>78</v>
      </c>
      <c r="H2190" t="s">
        <v>65</v>
      </c>
      <c r="I2190" s="8">
        <v>2033</v>
      </c>
      <c r="J2190" t="s">
        <v>21</v>
      </c>
      <c r="K2190" s="10">
        <v>0</v>
      </c>
      <c r="L2190">
        <v>0</v>
      </c>
      <c r="M2190" s="10">
        <v>0</v>
      </c>
      <c r="N2190">
        <v>0</v>
      </c>
    </row>
    <row r="2191" spans="1:14" hidden="1">
      <c r="A2191" s="7" t="s">
        <v>10</v>
      </c>
      <c r="B2191" s="8"/>
      <c r="C2191" s="8"/>
      <c r="D2191" t="s">
        <v>77</v>
      </c>
      <c r="E2191" s="8" t="s">
        <v>12</v>
      </c>
      <c r="F2191" t="s">
        <v>65</v>
      </c>
      <c r="G2191" t="s">
        <v>78</v>
      </c>
      <c r="H2191" t="s">
        <v>65</v>
      </c>
      <c r="I2191" s="8">
        <v>2033</v>
      </c>
      <c r="J2191" t="s">
        <v>51</v>
      </c>
      <c r="K2191" s="10">
        <v>0</v>
      </c>
      <c r="L2191">
        <v>0</v>
      </c>
      <c r="M2191" s="10">
        <v>0</v>
      </c>
      <c r="N2191">
        <v>0</v>
      </c>
    </row>
    <row r="2192" spans="1:14" hidden="1">
      <c r="A2192" s="7" t="s">
        <v>10</v>
      </c>
      <c r="B2192" s="8"/>
      <c r="C2192" s="8"/>
      <c r="D2192" t="s">
        <v>77</v>
      </c>
      <c r="E2192" s="8" t="s">
        <v>24</v>
      </c>
      <c r="F2192" t="s">
        <v>65</v>
      </c>
      <c r="G2192" t="s">
        <v>78</v>
      </c>
      <c r="H2192" t="s">
        <v>65</v>
      </c>
      <c r="I2192" s="8">
        <v>2025</v>
      </c>
      <c r="J2192" t="s">
        <v>47</v>
      </c>
      <c r="K2192" s="10">
        <v>0</v>
      </c>
      <c r="L2192">
        <v>0</v>
      </c>
      <c r="M2192" s="10">
        <v>0</v>
      </c>
      <c r="N2192">
        <v>0</v>
      </c>
    </row>
    <row r="2193" spans="1:14" hidden="1">
      <c r="A2193" s="7" t="s">
        <v>10</v>
      </c>
      <c r="B2193" s="8"/>
      <c r="C2193" s="8"/>
      <c r="D2193" t="s">
        <v>77</v>
      </c>
      <c r="E2193" s="8" t="s">
        <v>24</v>
      </c>
      <c r="F2193" t="s">
        <v>65</v>
      </c>
      <c r="G2193" t="s">
        <v>78</v>
      </c>
      <c r="H2193" t="s">
        <v>65</v>
      </c>
      <c r="I2193" s="8">
        <v>2025</v>
      </c>
      <c r="J2193" t="s">
        <v>48</v>
      </c>
      <c r="K2193" s="10">
        <v>0</v>
      </c>
      <c r="L2193">
        <v>0</v>
      </c>
      <c r="M2193" s="10">
        <v>0</v>
      </c>
      <c r="N2193">
        <v>0</v>
      </c>
    </row>
    <row r="2194" spans="1:14" hidden="1">
      <c r="A2194" s="7" t="s">
        <v>10</v>
      </c>
      <c r="B2194" s="8"/>
      <c r="C2194" s="8"/>
      <c r="D2194" t="s">
        <v>77</v>
      </c>
      <c r="E2194" s="8" t="s">
        <v>24</v>
      </c>
      <c r="F2194" t="s">
        <v>65</v>
      </c>
      <c r="G2194" t="s">
        <v>78</v>
      </c>
      <c r="H2194" t="s">
        <v>65</v>
      </c>
      <c r="I2194" s="8">
        <v>2025</v>
      </c>
      <c r="J2194" t="s">
        <v>14</v>
      </c>
      <c r="K2194" s="10">
        <v>22972</v>
      </c>
      <c r="L2194">
        <v>0</v>
      </c>
      <c r="M2194" s="10">
        <v>22972</v>
      </c>
      <c r="N2194">
        <v>0</v>
      </c>
    </row>
    <row r="2195" spans="1:14" hidden="1">
      <c r="A2195" s="7" t="s">
        <v>10</v>
      </c>
      <c r="B2195" s="8"/>
      <c r="C2195" s="8"/>
      <c r="D2195" t="s">
        <v>77</v>
      </c>
      <c r="E2195" s="8" t="s">
        <v>24</v>
      </c>
      <c r="F2195" t="s">
        <v>65</v>
      </c>
      <c r="G2195" t="s">
        <v>78</v>
      </c>
      <c r="H2195" t="s">
        <v>65</v>
      </c>
      <c r="I2195" s="8">
        <v>2025</v>
      </c>
      <c r="J2195" t="s">
        <v>49</v>
      </c>
      <c r="K2195" s="10">
        <v>0</v>
      </c>
      <c r="L2195">
        <v>0</v>
      </c>
      <c r="M2195" s="10">
        <v>0</v>
      </c>
      <c r="N2195">
        <v>0</v>
      </c>
    </row>
    <row r="2196" spans="1:14" hidden="1">
      <c r="A2196" s="7" t="s">
        <v>10</v>
      </c>
      <c r="B2196" s="8"/>
      <c r="C2196" s="8"/>
      <c r="D2196" t="s">
        <v>77</v>
      </c>
      <c r="E2196" s="8" t="s">
        <v>24</v>
      </c>
      <c r="F2196" t="s">
        <v>65</v>
      </c>
      <c r="G2196" t="s">
        <v>79</v>
      </c>
      <c r="H2196" t="s">
        <v>65</v>
      </c>
      <c r="I2196" s="8">
        <v>2025</v>
      </c>
      <c r="J2196" t="s">
        <v>15</v>
      </c>
      <c r="K2196" s="10">
        <v>0</v>
      </c>
      <c r="L2196">
        <v>0</v>
      </c>
      <c r="M2196" s="10">
        <v>0</v>
      </c>
      <c r="N2196">
        <v>0</v>
      </c>
    </row>
    <row r="2197" spans="1:14" hidden="1">
      <c r="A2197" s="7" t="s">
        <v>10</v>
      </c>
      <c r="B2197" s="8"/>
      <c r="C2197" s="8"/>
      <c r="D2197" t="s">
        <v>77</v>
      </c>
      <c r="E2197" s="8" t="s">
        <v>24</v>
      </c>
      <c r="F2197" t="s">
        <v>65</v>
      </c>
      <c r="G2197" t="s">
        <v>79</v>
      </c>
      <c r="H2197" t="s">
        <v>65</v>
      </c>
      <c r="I2197" s="8">
        <v>2025</v>
      </c>
      <c r="J2197" t="s">
        <v>50</v>
      </c>
      <c r="K2197" s="10">
        <v>0</v>
      </c>
      <c r="L2197">
        <v>0</v>
      </c>
      <c r="M2197" s="10">
        <v>0</v>
      </c>
      <c r="N2197">
        <v>0</v>
      </c>
    </row>
    <row r="2198" spans="1:14" hidden="1">
      <c r="A2198" s="7" t="s">
        <v>10</v>
      </c>
      <c r="B2198" s="8"/>
      <c r="C2198" s="8"/>
      <c r="D2198" t="s">
        <v>77</v>
      </c>
      <c r="E2198" s="8" t="s">
        <v>24</v>
      </c>
      <c r="F2198" t="s">
        <v>65</v>
      </c>
      <c r="G2198" t="s">
        <v>19</v>
      </c>
      <c r="H2198" t="s">
        <v>65</v>
      </c>
      <c r="I2198" s="8">
        <v>2025</v>
      </c>
      <c r="J2198" t="s">
        <v>19</v>
      </c>
      <c r="K2198" s="10">
        <v>0</v>
      </c>
      <c r="L2198">
        <v>0</v>
      </c>
      <c r="M2198" s="10">
        <v>0</v>
      </c>
      <c r="N2198">
        <v>0</v>
      </c>
    </row>
    <row r="2199" spans="1:14" hidden="1">
      <c r="A2199" s="7" t="s">
        <v>10</v>
      </c>
      <c r="B2199" s="8"/>
      <c r="C2199" s="8"/>
      <c r="D2199" t="s">
        <v>77</v>
      </c>
      <c r="E2199" s="8" t="s">
        <v>24</v>
      </c>
      <c r="F2199" t="s">
        <v>65</v>
      </c>
      <c r="G2199" t="s">
        <v>78</v>
      </c>
      <c r="H2199" t="s">
        <v>65</v>
      </c>
      <c r="I2199" s="8">
        <v>2025</v>
      </c>
      <c r="J2199" t="s">
        <v>21</v>
      </c>
      <c r="K2199" s="10">
        <v>0</v>
      </c>
      <c r="L2199">
        <v>0</v>
      </c>
      <c r="M2199" s="10">
        <v>0</v>
      </c>
      <c r="N2199">
        <v>0</v>
      </c>
    </row>
    <row r="2200" spans="1:14" hidden="1">
      <c r="A2200" s="7" t="s">
        <v>10</v>
      </c>
      <c r="B2200" s="8"/>
      <c r="C2200" s="8"/>
      <c r="D2200" t="s">
        <v>77</v>
      </c>
      <c r="E2200" s="8" t="s">
        <v>24</v>
      </c>
      <c r="F2200" t="s">
        <v>65</v>
      </c>
      <c r="G2200" t="s">
        <v>78</v>
      </c>
      <c r="H2200" t="s">
        <v>65</v>
      </c>
      <c r="I2200" s="8">
        <v>2025</v>
      </c>
      <c r="J2200" t="s">
        <v>51</v>
      </c>
      <c r="K2200" s="10">
        <v>0</v>
      </c>
      <c r="L2200">
        <v>0</v>
      </c>
      <c r="M2200" s="10">
        <v>0</v>
      </c>
      <c r="N2200">
        <v>0</v>
      </c>
    </row>
    <row r="2201" spans="1:14" hidden="1">
      <c r="A2201" s="7" t="s">
        <v>10</v>
      </c>
      <c r="B2201" s="8"/>
      <c r="C2201" s="8"/>
      <c r="D2201" t="s">
        <v>77</v>
      </c>
      <c r="E2201" s="8" t="s">
        <v>24</v>
      </c>
      <c r="F2201" t="s">
        <v>65</v>
      </c>
      <c r="G2201" t="s">
        <v>78</v>
      </c>
      <c r="H2201" t="s">
        <v>65</v>
      </c>
      <c r="I2201" s="8">
        <v>2026</v>
      </c>
      <c r="J2201" t="s">
        <v>47</v>
      </c>
      <c r="K2201" s="10">
        <v>0</v>
      </c>
      <c r="L2201">
        <v>0</v>
      </c>
      <c r="M2201" s="10">
        <v>0</v>
      </c>
      <c r="N2201">
        <v>0</v>
      </c>
    </row>
    <row r="2202" spans="1:14" hidden="1">
      <c r="A2202" s="7" t="s">
        <v>10</v>
      </c>
      <c r="B2202" s="8"/>
      <c r="C2202" s="8"/>
      <c r="D2202" t="s">
        <v>77</v>
      </c>
      <c r="E2202" s="8" t="s">
        <v>24</v>
      </c>
      <c r="F2202" t="s">
        <v>65</v>
      </c>
      <c r="G2202" t="s">
        <v>78</v>
      </c>
      <c r="H2202" t="s">
        <v>65</v>
      </c>
      <c r="I2202" s="8">
        <v>2026</v>
      </c>
      <c r="J2202" t="s">
        <v>48</v>
      </c>
      <c r="K2202" s="10">
        <v>0</v>
      </c>
      <c r="L2202">
        <v>0</v>
      </c>
      <c r="M2202" s="10">
        <v>0</v>
      </c>
      <c r="N2202">
        <v>0</v>
      </c>
    </row>
    <row r="2203" spans="1:14" hidden="1">
      <c r="A2203" s="7" t="s">
        <v>10</v>
      </c>
      <c r="B2203" s="8"/>
      <c r="C2203" s="8"/>
      <c r="D2203" t="s">
        <v>77</v>
      </c>
      <c r="E2203" s="8" t="s">
        <v>24</v>
      </c>
      <c r="F2203" t="s">
        <v>65</v>
      </c>
      <c r="G2203" t="s">
        <v>78</v>
      </c>
      <c r="H2203" t="s">
        <v>65</v>
      </c>
      <c r="I2203" s="8">
        <v>2026</v>
      </c>
      <c r="J2203" t="s">
        <v>14</v>
      </c>
      <c r="K2203" s="10">
        <v>31994</v>
      </c>
      <c r="L2203">
        <v>0</v>
      </c>
      <c r="M2203" s="10">
        <v>31994</v>
      </c>
      <c r="N2203">
        <v>0</v>
      </c>
    </row>
    <row r="2204" spans="1:14" hidden="1">
      <c r="A2204" s="7" t="s">
        <v>10</v>
      </c>
      <c r="B2204" s="8"/>
      <c r="C2204" s="8"/>
      <c r="D2204" t="s">
        <v>77</v>
      </c>
      <c r="E2204" s="8" t="s">
        <v>24</v>
      </c>
      <c r="F2204" t="s">
        <v>65</v>
      </c>
      <c r="G2204" t="s">
        <v>78</v>
      </c>
      <c r="H2204" t="s">
        <v>65</v>
      </c>
      <c r="I2204" s="8">
        <v>2026</v>
      </c>
      <c r="J2204" t="s">
        <v>49</v>
      </c>
      <c r="K2204" s="10">
        <v>0</v>
      </c>
      <c r="L2204">
        <v>0</v>
      </c>
      <c r="M2204" s="10">
        <v>0</v>
      </c>
      <c r="N2204">
        <v>0</v>
      </c>
    </row>
    <row r="2205" spans="1:14" hidden="1">
      <c r="A2205" s="7" t="s">
        <v>10</v>
      </c>
      <c r="B2205" s="8"/>
      <c r="C2205" s="8"/>
      <c r="D2205" t="s">
        <v>77</v>
      </c>
      <c r="E2205" s="8" t="s">
        <v>24</v>
      </c>
      <c r="F2205" t="s">
        <v>65</v>
      </c>
      <c r="G2205" t="s">
        <v>79</v>
      </c>
      <c r="H2205" t="s">
        <v>65</v>
      </c>
      <c r="I2205" s="8">
        <v>2026</v>
      </c>
      <c r="J2205" t="s">
        <v>15</v>
      </c>
      <c r="K2205" s="10">
        <v>0</v>
      </c>
      <c r="L2205">
        <v>0</v>
      </c>
      <c r="M2205" s="10">
        <v>0</v>
      </c>
      <c r="N2205">
        <v>0</v>
      </c>
    </row>
    <row r="2206" spans="1:14" hidden="1">
      <c r="A2206" s="7" t="s">
        <v>10</v>
      </c>
      <c r="B2206" s="8"/>
      <c r="C2206" s="8"/>
      <c r="D2206" t="s">
        <v>77</v>
      </c>
      <c r="E2206" s="8" t="s">
        <v>24</v>
      </c>
      <c r="F2206" t="s">
        <v>65</v>
      </c>
      <c r="G2206" t="s">
        <v>79</v>
      </c>
      <c r="H2206" t="s">
        <v>65</v>
      </c>
      <c r="I2206" s="8">
        <v>2026</v>
      </c>
      <c r="J2206" t="s">
        <v>50</v>
      </c>
      <c r="K2206" s="10">
        <v>0</v>
      </c>
      <c r="L2206">
        <v>0</v>
      </c>
      <c r="M2206" s="10">
        <v>0</v>
      </c>
      <c r="N2206">
        <v>0</v>
      </c>
    </row>
    <row r="2207" spans="1:14" hidden="1">
      <c r="A2207" s="7" t="s">
        <v>10</v>
      </c>
      <c r="B2207" s="8"/>
      <c r="C2207" s="8"/>
      <c r="D2207" t="s">
        <v>77</v>
      </c>
      <c r="E2207" s="8" t="s">
        <v>24</v>
      </c>
      <c r="F2207" t="s">
        <v>65</v>
      </c>
      <c r="G2207" t="s">
        <v>19</v>
      </c>
      <c r="H2207" t="s">
        <v>65</v>
      </c>
      <c r="I2207" s="8">
        <v>2026</v>
      </c>
      <c r="J2207" t="s">
        <v>19</v>
      </c>
      <c r="K2207" s="10">
        <v>0</v>
      </c>
      <c r="L2207">
        <v>0</v>
      </c>
      <c r="M2207" s="10">
        <v>0</v>
      </c>
      <c r="N2207">
        <v>0</v>
      </c>
    </row>
    <row r="2208" spans="1:14" hidden="1">
      <c r="A2208" s="7" t="s">
        <v>10</v>
      </c>
      <c r="B2208" s="8"/>
      <c r="C2208" s="8"/>
      <c r="D2208" t="s">
        <v>77</v>
      </c>
      <c r="E2208" s="8" t="s">
        <v>24</v>
      </c>
      <c r="F2208" t="s">
        <v>65</v>
      </c>
      <c r="G2208" t="s">
        <v>78</v>
      </c>
      <c r="H2208" t="s">
        <v>65</v>
      </c>
      <c r="I2208" s="8">
        <v>2026</v>
      </c>
      <c r="J2208" t="s">
        <v>21</v>
      </c>
      <c r="K2208" s="10">
        <v>0</v>
      </c>
      <c r="L2208">
        <v>0</v>
      </c>
      <c r="M2208" s="10">
        <v>0</v>
      </c>
      <c r="N2208">
        <v>0</v>
      </c>
    </row>
    <row r="2209" spans="1:14" hidden="1">
      <c r="A2209" s="7" t="s">
        <v>10</v>
      </c>
      <c r="B2209" s="8"/>
      <c r="C2209" s="8"/>
      <c r="D2209" t="s">
        <v>77</v>
      </c>
      <c r="E2209" s="8" t="s">
        <v>24</v>
      </c>
      <c r="F2209" t="s">
        <v>65</v>
      </c>
      <c r="G2209" t="s">
        <v>78</v>
      </c>
      <c r="H2209" t="s">
        <v>65</v>
      </c>
      <c r="I2209" s="8">
        <v>2026</v>
      </c>
      <c r="J2209" t="s">
        <v>51</v>
      </c>
      <c r="K2209" s="10">
        <v>0</v>
      </c>
      <c r="L2209">
        <v>0</v>
      </c>
      <c r="M2209" s="10">
        <v>0</v>
      </c>
      <c r="N2209">
        <v>0</v>
      </c>
    </row>
    <row r="2210" spans="1:14" hidden="1">
      <c r="A2210" s="7" t="s">
        <v>10</v>
      </c>
      <c r="B2210" s="8"/>
      <c r="C2210" s="8"/>
      <c r="D2210" t="s">
        <v>77</v>
      </c>
      <c r="E2210" s="8" t="s">
        <v>24</v>
      </c>
      <c r="F2210" t="s">
        <v>65</v>
      </c>
      <c r="G2210" t="s">
        <v>78</v>
      </c>
      <c r="H2210" t="s">
        <v>65</v>
      </c>
      <c r="I2210" s="8">
        <v>2027</v>
      </c>
      <c r="J2210" t="s">
        <v>47</v>
      </c>
      <c r="K2210" s="10">
        <v>0</v>
      </c>
      <c r="L2210">
        <v>0</v>
      </c>
      <c r="M2210" s="10">
        <v>0</v>
      </c>
      <c r="N2210">
        <v>0</v>
      </c>
    </row>
    <row r="2211" spans="1:14" hidden="1">
      <c r="A2211" s="7" t="s">
        <v>10</v>
      </c>
      <c r="B2211" s="8"/>
      <c r="C2211" s="8"/>
      <c r="D2211" t="s">
        <v>77</v>
      </c>
      <c r="E2211" s="8" t="s">
        <v>24</v>
      </c>
      <c r="F2211" t="s">
        <v>65</v>
      </c>
      <c r="G2211" t="s">
        <v>78</v>
      </c>
      <c r="H2211" t="s">
        <v>65</v>
      </c>
      <c r="I2211" s="8">
        <v>2027</v>
      </c>
      <c r="J2211" t="s">
        <v>48</v>
      </c>
      <c r="K2211" s="10">
        <v>0</v>
      </c>
      <c r="L2211">
        <v>0</v>
      </c>
      <c r="M2211" s="10">
        <v>0</v>
      </c>
      <c r="N2211">
        <v>0</v>
      </c>
    </row>
    <row r="2212" spans="1:14" hidden="1">
      <c r="A2212" s="7" t="s">
        <v>10</v>
      </c>
      <c r="B2212" s="8"/>
      <c r="C2212" s="8"/>
      <c r="D2212" t="s">
        <v>77</v>
      </c>
      <c r="E2212" s="8" t="s">
        <v>24</v>
      </c>
      <c r="F2212" t="s">
        <v>65</v>
      </c>
      <c r="G2212" t="s">
        <v>78</v>
      </c>
      <c r="H2212" t="s">
        <v>65</v>
      </c>
      <c r="I2212" s="8">
        <v>2027</v>
      </c>
      <c r="J2212" t="s">
        <v>14</v>
      </c>
      <c r="K2212" s="10">
        <v>38935</v>
      </c>
      <c r="L2212">
        <v>0</v>
      </c>
      <c r="M2212" s="10">
        <v>38935</v>
      </c>
      <c r="N2212">
        <v>0</v>
      </c>
    </row>
    <row r="2213" spans="1:14" hidden="1">
      <c r="A2213" s="7" t="s">
        <v>10</v>
      </c>
      <c r="B2213" s="8"/>
      <c r="C2213" s="8"/>
      <c r="D2213" t="s">
        <v>77</v>
      </c>
      <c r="E2213" s="8" t="s">
        <v>24</v>
      </c>
      <c r="F2213" t="s">
        <v>65</v>
      </c>
      <c r="G2213" t="s">
        <v>78</v>
      </c>
      <c r="H2213" t="s">
        <v>65</v>
      </c>
      <c r="I2213" s="8">
        <v>2027</v>
      </c>
      <c r="J2213" t="s">
        <v>49</v>
      </c>
      <c r="K2213" s="10">
        <v>0</v>
      </c>
      <c r="L2213">
        <v>0</v>
      </c>
      <c r="M2213" s="10">
        <v>0</v>
      </c>
      <c r="N2213">
        <v>0</v>
      </c>
    </row>
    <row r="2214" spans="1:14" hidden="1">
      <c r="A2214" s="7" t="s">
        <v>10</v>
      </c>
      <c r="B2214" s="8"/>
      <c r="C2214" s="8"/>
      <c r="D2214" t="s">
        <v>77</v>
      </c>
      <c r="E2214" s="8" t="s">
        <v>24</v>
      </c>
      <c r="F2214" t="s">
        <v>65</v>
      </c>
      <c r="G2214" t="s">
        <v>79</v>
      </c>
      <c r="H2214" t="s">
        <v>65</v>
      </c>
      <c r="I2214" s="8">
        <v>2027</v>
      </c>
      <c r="J2214" t="s">
        <v>15</v>
      </c>
      <c r="K2214" s="10">
        <v>0</v>
      </c>
      <c r="L2214">
        <v>0</v>
      </c>
      <c r="M2214" s="10">
        <v>0</v>
      </c>
      <c r="N2214">
        <v>0</v>
      </c>
    </row>
    <row r="2215" spans="1:14" hidden="1">
      <c r="A2215" s="7" t="s">
        <v>10</v>
      </c>
      <c r="B2215" s="8"/>
      <c r="C2215" s="8"/>
      <c r="D2215" t="s">
        <v>77</v>
      </c>
      <c r="E2215" s="8" t="s">
        <v>24</v>
      </c>
      <c r="F2215" t="s">
        <v>65</v>
      </c>
      <c r="G2215" t="s">
        <v>79</v>
      </c>
      <c r="H2215" t="s">
        <v>65</v>
      </c>
      <c r="I2215" s="8">
        <v>2027</v>
      </c>
      <c r="J2215" t="s">
        <v>50</v>
      </c>
      <c r="K2215" s="10">
        <v>0</v>
      </c>
      <c r="L2215">
        <v>0</v>
      </c>
      <c r="M2215" s="10">
        <v>0</v>
      </c>
      <c r="N2215">
        <v>0</v>
      </c>
    </row>
    <row r="2216" spans="1:14" hidden="1">
      <c r="A2216" s="7" t="s">
        <v>10</v>
      </c>
      <c r="B2216" s="8"/>
      <c r="C2216" s="8"/>
      <c r="D2216" t="s">
        <v>77</v>
      </c>
      <c r="E2216" s="8" t="s">
        <v>24</v>
      </c>
      <c r="F2216" t="s">
        <v>65</v>
      </c>
      <c r="G2216" t="s">
        <v>19</v>
      </c>
      <c r="H2216" t="s">
        <v>65</v>
      </c>
      <c r="I2216" s="8">
        <v>2027</v>
      </c>
      <c r="J2216" t="s">
        <v>19</v>
      </c>
      <c r="K2216" s="10">
        <v>0</v>
      </c>
      <c r="L2216">
        <v>0</v>
      </c>
      <c r="M2216" s="10">
        <v>0</v>
      </c>
      <c r="N2216">
        <v>0</v>
      </c>
    </row>
    <row r="2217" spans="1:14" hidden="1">
      <c r="A2217" s="7" t="s">
        <v>10</v>
      </c>
      <c r="B2217" s="8"/>
      <c r="C2217" s="8"/>
      <c r="D2217" t="s">
        <v>77</v>
      </c>
      <c r="E2217" s="8" t="s">
        <v>24</v>
      </c>
      <c r="F2217" t="s">
        <v>65</v>
      </c>
      <c r="G2217" t="s">
        <v>78</v>
      </c>
      <c r="H2217" t="s">
        <v>65</v>
      </c>
      <c r="I2217" s="8">
        <v>2027</v>
      </c>
      <c r="J2217" t="s">
        <v>21</v>
      </c>
      <c r="K2217" s="10">
        <v>0</v>
      </c>
      <c r="L2217">
        <v>0</v>
      </c>
      <c r="M2217" s="10">
        <v>0</v>
      </c>
      <c r="N2217">
        <v>0</v>
      </c>
    </row>
    <row r="2218" spans="1:14" hidden="1">
      <c r="A2218" s="7" t="s">
        <v>10</v>
      </c>
      <c r="B2218" s="8"/>
      <c r="C2218" s="8"/>
      <c r="D2218" t="s">
        <v>77</v>
      </c>
      <c r="E2218" s="8" t="s">
        <v>24</v>
      </c>
      <c r="F2218" t="s">
        <v>65</v>
      </c>
      <c r="G2218" t="s">
        <v>78</v>
      </c>
      <c r="H2218" t="s">
        <v>65</v>
      </c>
      <c r="I2218" s="8">
        <v>2027</v>
      </c>
      <c r="J2218" t="s">
        <v>51</v>
      </c>
      <c r="K2218" s="10">
        <v>0</v>
      </c>
      <c r="L2218">
        <v>0</v>
      </c>
      <c r="M2218" s="10">
        <v>0</v>
      </c>
      <c r="N2218">
        <v>0</v>
      </c>
    </row>
    <row r="2219" spans="1:14" hidden="1">
      <c r="A2219" s="7" t="s">
        <v>10</v>
      </c>
      <c r="B2219" s="8"/>
      <c r="C2219" s="8"/>
      <c r="D2219" t="s">
        <v>77</v>
      </c>
      <c r="E2219" s="8" t="s">
        <v>24</v>
      </c>
      <c r="F2219" t="s">
        <v>65</v>
      </c>
      <c r="G2219" t="s">
        <v>78</v>
      </c>
      <c r="H2219" t="s">
        <v>65</v>
      </c>
      <c r="I2219" s="8">
        <v>2028</v>
      </c>
      <c r="J2219" t="s">
        <v>47</v>
      </c>
      <c r="K2219" s="10">
        <v>0</v>
      </c>
      <c r="L2219">
        <v>0</v>
      </c>
      <c r="M2219" s="10">
        <v>0</v>
      </c>
      <c r="N2219">
        <v>0</v>
      </c>
    </row>
    <row r="2220" spans="1:14" hidden="1">
      <c r="A2220" s="7" t="s">
        <v>10</v>
      </c>
      <c r="B2220" s="8"/>
      <c r="C2220" s="8"/>
      <c r="D2220" t="s">
        <v>77</v>
      </c>
      <c r="E2220" s="8" t="s">
        <v>24</v>
      </c>
      <c r="F2220" t="s">
        <v>65</v>
      </c>
      <c r="G2220" t="s">
        <v>78</v>
      </c>
      <c r="H2220" t="s">
        <v>65</v>
      </c>
      <c r="I2220" s="8">
        <v>2028</v>
      </c>
      <c r="J2220" t="s">
        <v>48</v>
      </c>
      <c r="K2220" s="10">
        <v>0</v>
      </c>
      <c r="L2220">
        <v>0</v>
      </c>
      <c r="M2220" s="10">
        <v>0</v>
      </c>
      <c r="N2220">
        <v>0</v>
      </c>
    </row>
    <row r="2221" spans="1:14" hidden="1">
      <c r="A2221" s="7" t="s">
        <v>10</v>
      </c>
      <c r="B2221" s="8"/>
      <c r="C2221" s="8"/>
      <c r="D2221" t="s">
        <v>77</v>
      </c>
      <c r="E2221" s="8" t="s">
        <v>24</v>
      </c>
      <c r="F2221" t="s">
        <v>65</v>
      </c>
      <c r="G2221" t="s">
        <v>78</v>
      </c>
      <c r="H2221" t="s">
        <v>65</v>
      </c>
      <c r="I2221" s="8">
        <v>2028</v>
      </c>
      <c r="J2221" t="s">
        <v>14</v>
      </c>
      <c r="K2221" s="10">
        <v>33693</v>
      </c>
      <c r="L2221">
        <v>0</v>
      </c>
      <c r="M2221" s="10">
        <v>33693</v>
      </c>
      <c r="N2221">
        <v>0</v>
      </c>
    </row>
    <row r="2222" spans="1:14" hidden="1">
      <c r="A2222" s="7" t="s">
        <v>10</v>
      </c>
      <c r="B2222" s="8"/>
      <c r="C2222" s="8"/>
      <c r="D2222" t="s">
        <v>77</v>
      </c>
      <c r="E2222" s="8" t="s">
        <v>24</v>
      </c>
      <c r="F2222" t="s">
        <v>65</v>
      </c>
      <c r="G2222" t="s">
        <v>78</v>
      </c>
      <c r="H2222" t="s">
        <v>65</v>
      </c>
      <c r="I2222" s="8">
        <v>2028</v>
      </c>
      <c r="J2222" t="s">
        <v>49</v>
      </c>
      <c r="K2222" s="10">
        <v>0</v>
      </c>
      <c r="L2222">
        <v>0</v>
      </c>
      <c r="M2222" s="10">
        <v>0</v>
      </c>
      <c r="N2222">
        <v>0</v>
      </c>
    </row>
    <row r="2223" spans="1:14" hidden="1">
      <c r="A2223" s="7" t="s">
        <v>10</v>
      </c>
      <c r="B2223" s="8"/>
      <c r="C2223" s="8"/>
      <c r="D2223" t="s">
        <v>77</v>
      </c>
      <c r="E2223" s="8" t="s">
        <v>24</v>
      </c>
      <c r="F2223" t="s">
        <v>65</v>
      </c>
      <c r="G2223" t="s">
        <v>79</v>
      </c>
      <c r="H2223" t="s">
        <v>65</v>
      </c>
      <c r="I2223" s="8">
        <v>2028</v>
      </c>
      <c r="J2223" t="s">
        <v>15</v>
      </c>
      <c r="K2223" s="10">
        <v>0</v>
      </c>
      <c r="L2223">
        <v>0</v>
      </c>
      <c r="M2223" s="10">
        <v>0</v>
      </c>
      <c r="N2223">
        <v>0</v>
      </c>
    </row>
    <row r="2224" spans="1:14" hidden="1">
      <c r="A2224" s="7" t="s">
        <v>10</v>
      </c>
      <c r="B2224" s="8"/>
      <c r="C2224" s="8"/>
      <c r="D2224" t="s">
        <v>77</v>
      </c>
      <c r="E2224" s="8" t="s">
        <v>24</v>
      </c>
      <c r="F2224" t="s">
        <v>65</v>
      </c>
      <c r="G2224" t="s">
        <v>79</v>
      </c>
      <c r="H2224" t="s">
        <v>65</v>
      </c>
      <c r="I2224" s="8">
        <v>2028</v>
      </c>
      <c r="J2224" t="s">
        <v>50</v>
      </c>
      <c r="K2224" s="10">
        <v>0</v>
      </c>
      <c r="L2224">
        <v>0</v>
      </c>
      <c r="M2224" s="10">
        <v>0</v>
      </c>
      <c r="N2224">
        <v>0</v>
      </c>
    </row>
    <row r="2225" spans="1:14" hidden="1">
      <c r="A2225" s="7" t="s">
        <v>10</v>
      </c>
      <c r="B2225" s="8"/>
      <c r="C2225" s="8"/>
      <c r="D2225" t="s">
        <v>77</v>
      </c>
      <c r="E2225" s="8" t="s">
        <v>24</v>
      </c>
      <c r="F2225" t="s">
        <v>65</v>
      </c>
      <c r="G2225" t="s">
        <v>19</v>
      </c>
      <c r="H2225" t="s">
        <v>65</v>
      </c>
      <c r="I2225" s="8">
        <v>2028</v>
      </c>
      <c r="J2225" t="s">
        <v>19</v>
      </c>
      <c r="K2225" s="10">
        <v>0</v>
      </c>
      <c r="L2225">
        <v>0</v>
      </c>
      <c r="M2225" s="10">
        <v>0</v>
      </c>
      <c r="N2225">
        <v>0</v>
      </c>
    </row>
    <row r="2226" spans="1:14" hidden="1">
      <c r="A2226" s="7" t="s">
        <v>10</v>
      </c>
      <c r="B2226" s="8"/>
      <c r="C2226" s="8"/>
      <c r="D2226" t="s">
        <v>77</v>
      </c>
      <c r="E2226" s="8" t="s">
        <v>24</v>
      </c>
      <c r="F2226" t="s">
        <v>65</v>
      </c>
      <c r="G2226" t="s">
        <v>78</v>
      </c>
      <c r="H2226" t="s">
        <v>65</v>
      </c>
      <c r="I2226" s="8">
        <v>2028</v>
      </c>
      <c r="J2226" t="s">
        <v>21</v>
      </c>
      <c r="K2226" s="10">
        <v>0</v>
      </c>
      <c r="L2226">
        <v>0</v>
      </c>
      <c r="M2226" s="10">
        <v>0</v>
      </c>
      <c r="N2226">
        <v>0</v>
      </c>
    </row>
    <row r="2227" spans="1:14" hidden="1">
      <c r="A2227" s="7" t="s">
        <v>10</v>
      </c>
      <c r="B2227" s="8"/>
      <c r="C2227" s="8"/>
      <c r="D2227" t="s">
        <v>77</v>
      </c>
      <c r="E2227" s="8" t="s">
        <v>24</v>
      </c>
      <c r="F2227" t="s">
        <v>65</v>
      </c>
      <c r="G2227" t="s">
        <v>78</v>
      </c>
      <c r="H2227" t="s">
        <v>65</v>
      </c>
      <c r="I2227" s="8">
        <v>2028</v>
      </c>
      <c r="J2227" t="s">
        <v>51</v>
      </c>
      <c r="K2227" s="10">
        <v>0</v>
      </c>
      <c r="L2227">
        <v>0</v>
      </c>
      <c r="M2227" s="10">
        <v>0</v>
      </c>
      <c r="N2227">
        <v>0</v>
      </c>
    </row>
    <row r="2228" spans="1:14" hidden="1">
      <c r="A2228" s="7" t="s">
        <v>10</v>
      </c>
      <c r="B2228" s="8"/>
      <c r="C2228" s="8"/>
      <c r="D2228" t="s">
        <v>77</v>
      </c>
      <c r="E2228" s="8" t="s">
        <v>24</v>
      </c>
      <c r="F2228" t="s">
        <v>65</v>
      </c>
      <c r="G2228" t="s">
        <v>78</v>
      </c>
      <c r="H2228" t="s">
        <v>65</v>
      </c>
      <c r="I2228" s="8">
        <v>2029</v>
      </c>
      <c r="J2228" t="s">
        <v>47</v>
      </c>
      <c r="K2228" s="10">
        <v>0</v>
      </c>
      <c r="L2228">
        <v>0</v>
      </c>
      <c r="M2228" s="10">
        <v>0</v>
      </c>
      <c r="N2228">
        <v>0</v>
      </c>
    </row>
    <row r="2229" spans="1:14" hidden="1">
      <c r="A2229" s="7" t="s">
        <v>10</v>
      </c>
      <c r="B2229" s="8"/>
      <c r="C2229" s="8"/>
      <c r="D2229" t="s">
        <v>77</v>
      </c>
      <c r="E2229" s="8" t="s">
        <v>24</v>
      </c>
      <c r="F2229" t="s">
        <v>65</v>
      </c>
      <c r="G2229" t="s">
        <v>78</v>
      </c>
      <c r="H2229" t="s">
        <v>65</v>
      </c>
      <c r="I2229" s="8">
        <v>2029</v>
      </c>
      <c r="J2229" t="s">
        <v>48</v>
      </c>
      <c r="K2229" s="10">
        <v>0</v>
      </c>
      <c r="L2229">
        <v>0</v>
      </c>
      <c r="M2229" s="10">
        <v>0</v>
      </c>
      <c r="N2229">
        <v>0</v>
      </c>
    </row>
    <row r="2230" spans="1:14" hidden="1">
      <c r="A2230" s="7" t="s">
        <v>10</v>
      </c>
      <c r="B2230" s="8"/>
      <c r="C2230" s="8"/>
      <c r="D2230" t="s">
        <v>77</v>
      </c>
      <c r="E2230" s="8" t="s">
        <v>24</v>
      </c>
      <c r="F2230" t="s">
        <v>65</v>
      </c>
      <c r="G2230" t="s">
        <v>78</v>
      </c>
      <c r="H2230" t="s">
        <v>65</v>
      </c>
      <c r="I2230" s="8">
        <v>2029</v>
      </c>
      <c r="J2230" t="s">
        <v>14</v>
      </c>
      <c r="K2230" s="10">
        <v>32759</v>
      </c>
      <c r="L2230">
        <v>0</v>
      </c>
      <c r="M2230" s="10">
        <v>32759</v>
      </c>
      <c r="N2230">
        <v>0</v>
      </c>
    </row>
    <row r="2231" spans="1:14" hidden="1">
      <c r="A2231" s="7" t="s">
        <v>10</v>
      </c>
      <c r="B2231" s="8"/>
      <c r="C2231" s="8"/>
      <c r="D2231" t="s">
        <v>77</v>
      </c>
      <c r="E2231" s="8" t="s">
        <v>24</v>
      </c>
      <c r="F2231" t="s">
        <v>65</v>
      </c>
      <c r="G2231" t="s">
        <v>78</v>
      </c>
      <c r="H2231" t="s">
        <v>65</v>
      </c>
      <c r="I2231" s="8">
        <v>2029</v>
      </c>
      <c r="J2231" t="s">
        <v>49</v>
      </c>
      <c r="K2231" s="10">
        <v>0</v>
      </c>
      <c r="L2231">
        <v>0</v>
      </c>
      <c r="M2231" s="10">
        <v>0</v>
      </c>
      <c r="N2231">
        <v>0</v>
      </c>
    </row>
    <row r="2232" spans="1:14" hidden="1">
      <c r="A2232" s="7" t="s">
        <v>10</v>
      </c>
      <c r="B2232" s="8"/>
      <c r="C2232" s="8"/>
      <c r="D2232" t="s">
        <v>77</v>
      </c>
      <c r="E2232" s="8" t="s">
        <v>24</v>
      </c>
      <c r="F2232" t="s">
        <v>65</v>
      </c>
      <c r="G2232" t="s">
        <v>79</v>
      </c>
      <c r="H2232" t="s">
        <v>65</v>
      </c>
      <c r="I2232" s="8">
        <v>2029</v>
      </c>
      <c r="J2232" t="s">
        <v>15</v>
      </c>
      <c r="K2232" s="10">
        <v>0</v>
      </c>
      <c r="L2232">
        <v>0</v>
      </c>
      <c r="M2232" s="10">
        <v>0</v>
      </c>
      <c r="N2232">
        <v>0</v>
      </c>
    </row>
    <row r="2233" spans="1:14" hidden="1">
      <c r="A2233" s="7" t="s">
        <v>10</v>
      </c>
      <c r="B2233" s="8"/>
      <c r="C2233" s="8"/>
      <c r="D2233" t="s">
        <v>77</v>
      </c>
      <c r="E2233" s="8" t="s">
        <v>24</v>
      </c>
      <c r="F2233" t="s">
        <v>65</v>
      </c>
      <c r="G2233" t="s">
        <v>79</v>
      </c>
      <c r="H2233" t="s">
        <v>65</v>
      </c>
      <c r="I2233" s="8">
        <v>2029</v>
      </c>
      <c r="J2233" t="s">
        <v>50</v>
      </c>
      <c r="K2233" s="10">
        <v>0</v>
      </c>
      <c r="L2233">
        <v>0</v>
      </c>
      <c r="M2233" s="10">
        <v>0</v>
      </c>
      <c r="N2233">
        <v>0</v>
      </c>
    </row>
    <row r="2234" spans="1:14" hidden="1">
      <c r="A2234" s="7" t="s">
        <v>10</v>
      </c>
      <c r="B2234" s="8"/>
      <c r="C2234" s="8"/>
      <c r="D2234" t="s">
        <v>77</v>
      </c>
      <c r="E2234" s="8" t="s">
        <v>24</v>
      </c>
      <c r="F2234" t="s">
        <v>65</v>
      </c>
      <c r="G2234" t="s">
        <v>19</v>
      </c>
      <c r="H2234" t="s">
        <v>65</v>
      </c>
      <c r="I2234" s="8">
        <v>2029</v>
      </c>
      <c r="J2234" t="s">
        <v>19</v>
      </c>
      <c r="K2234" s="10">
        <v>0</v>
      </c>
      <c r="L2234">
        <v>0</v>
      </c>
      <c r="M2234" s="10">
        <v>0</v>
      </c>
      <c r="N2234">
        <v>0</v>
      </c>
    </row>
    <row r="2235" spans="1:14" hidden="1">
      <c r="A2235" s="7" t="s">
        <v>10</v>
      </c>
      <c r="B2235" s="8"/>
      <c r="C2235" s="8"/>
      <c r="D2235" t="s">
        <v>77</v>
      </c>
      <c r="E2235" s="8" t="s">
        <v>24</v>
      </c>
      <c r="F2235" t="s">
        <v>65</v>
      </c>
      <c r="G2235" t="s">
        <v>78</v>
      </c>
      <c r="H2235" t="s">
        <v>65</v>
      </c>
      <c r="I2235" s="8">
        <v>2029</v>
      </c>
      <c r="J2235" t="s">
        <v>21</v>
      </c>
      <c r="K2235" s="10">
        <v>0</v>
      </c>
      <c r="L2235">
        <v>0</v>
      </c>
      <c r="M2235" s="10">
        <v>0</v>
      </c>
      <c r="N2235">
        <v>0</v>
      </c>
    </row>
    <row r="2236" spans="1:14" hidden="1">
      <c r="A2236" s="7" t="s">
        <v>10</v>
      </c>
      <c r="B2236" s="8"/>
      <c r="C2236" s="8"/>
      <c r="D2236" t="s">
        <v>77</v>
      </c>
      <c r="E2236" s="8" t="s">
        <v>24</v>
      </c>
      <c r="F2236" t="s">
        <v>65</v>
      </c>
      <c r="G2236" t="s">
        <v>78</v>
      </c>
      <c r="H2236" t="s">
        <v>65</v>
      </c>
      <c r="I2236" s="8">
        <v>2029</v>
      </c>
      <c r="J2236" t="s">
        <v>51</v>
      </c>
      <c r="K2236" s="10">
        <v>0</v>
      </c>
      <c r="L2236">
        <v>0</v>
      </c>
      <c r="M2236" s="10">
        <v>0</v>
      </c>
      <c r="N2236">
        <v>0</v>
      </c>
    </row>
    <row r="2237" spans="1:14" hidden="1">
      <c r="A2237" s="7" t="s">
        <v>10</v>
      </c>
      <c r="B2237" s="8"/>
      <c r="C2237" s="8"/>
      <c r="D2237" t="s">
        <v>77</v>
      </c>
      <c r="E2237" s="8" t="s">
        <v>24</v>
      </c>
      <c r="F2237" t="s">
        <v>65</v>
      </c>
      <c r="G2237" t="s">
        <v>78</v>
      </c>
      <c r="H2237" t="s">
        <v>65</v>
      </c>
      <c r="I2237" s="8">
        <v>2030</v>
      </c>
      <c r="J2237" t="s">
        <v>47</v>
      </c>
      <c r="K2237" s="10">
        <v>0</v>
      </c>
      <c r="L2237">
        <v>0</v>
      </c>
      <c r="M2237" s="10">
        <v>0</v>
      </c>
      <c r="N2237">
        <v>0</v>
      </c>
    </row>
    <row r="2238" spans="1:14" hidden="1">
      <c r="A2238" s="7" t="s">
        <v>10</v>
      </c>
      <c r="B2238" s="8"/>
      <c r="C2238" s="8"/>
      <c r="D2238" t="s">
        <v>77</v>
      </c>
      <c r="E2238" s="8" t="s">
        <v>24</v>
      </c>
      <c r="F2238" t="s">
        <v>65</v>
      </c>
      <c r="G2238" t="s">
        <v>78</v>
      </c>
      <c r="H2238" t="s">
        <v>65</v>
      </c>
      <c r="I2238" s="8">
        <v>2030</v>
      </c>
      <c r="J2238" t="s">
        <v>48</v>
      </c>
      <c r="K2238" s="10">
        <v>0</v>
      </c>
      <c r="L2238">
        <v>0</v>
      </c>
      <c r="M2238" s="10">
        <v>0</v>
      </c>
      <c r="N2238">
        <v>0</v>
      </c>
    </row>
    <row r="2239" spans="1:14" hidden="1">
      <c r="A2239" s="7" t="s">
        <v>10</v>
      </c>
      <c r="B2239" s="8"/>
      <c r="C2239" s="8"/>
      <c r="D2239" t="s">
        <v>77</v>
      </c>
      <c r="E2239" s="8" t="s">
        <v>24</v>
      </c>
      <c r="F2239" t="s">
        <v>65</v>
      </c>
      <c r="G2239" t="s">
        <v>78</v>
      </c>
      <c r="H2239" t="s">
        <v>65</v>
      </c>
      <c r="I2239" s="8">
        <v>2030</v>
      </c>
      <c r="J2239" t="s">
        <v>14</v>
      </c>
      <c r="K2239" s="10">
        <v>33589</v>
      </c>
      <c r="L2239">
        <v>0</v>
      </c>
      <c r="M2239" s="10">
        <v>33589</v>
      </c>
      <c r="N2239">
        <v>0</v>
      </c>
    </row>
    <row r="2240" spans="1:14" hidden="1">
      <c r="A2240" s="7" t="s">
        <v>10</v>
      </c>
      <c r="B2240" s="8"/>
      <c r="C2240" s="8"/>
      <c r="D2240" t="s">
        <v>77</v>
      </c>
      <c r="E2240" s="8" t="s">
        <v>24</v>
      </c>
      <c r="F2240" t="s">
        <v>65</v>
      </c>
      <c r="G2240" t="s">
        <v>78</v>
      </c>
      <c r="H2240" t="s">
        <v>65</v>
      </c>
      <c r="I2240" s="8">
        <v>2030</v>
      </c>
      <c r="J2240" t="s">
        <v>49</v>
      </c>
      <c r="K2240" s="10">
        <v>0</v>
      </c>
      <c r="L2240">
        <v>0</v>
      </c>
      <c r="M2240" s="10">
        <v>0</v>
      </c>
      <c r="N2240">
        <v>0</v>
      </c>
    </row>
    <row r="2241" spans="1:14" hidden="1">
      <c r="A2241" s="7" t="s">
        <v>10</v>
      </c>
      <c r="B2241" s="8"/>
      <c r="C2241" s="8"/>
      <c r="D2241" t="s">
        <v>77</v>
      </c>
      <c r="E2241" s="8" t="s">
        <v>24</v>
      </c>
      <c r="F2241" t="s">
        <v>65</v>
      </c>
      <c r="G2241" t="s">
        <v>79</v>
      </c>
      <c r="H2241" t="s">
        <v>65</v>
      </c>
      <c r="I2241" s="8">
        <v>2030</v>
      </c>
      <c r="J2241" t="s">
        <v>15</v>
      </c>
      <c r="K2241" s="10">
        <v>0</v>
      </c>
      <c r="L2241">
        <v>0</v>
      </c>
      <c r="M2241" s="10">
        <v>0</v>
      </c>
      <c r="N2241">
        <v>0</v>
      </c>
    </row>
    <row r="2242" spans="1:14" hidden="1">
      <c r="A2242" s="7" t="s">
        <v>10</v>
      </c>
      <c r="B2242" s="8"/>
      <c r="C2242" s="8"/>
      <c r="D2242" t="s">
        <v>77</v>
      </c>
      <c r="E2242" s="8" t="s">
        <v>24</v>
      </c>
      <c r="F2242" t="s">
        <v>65</v>
      </c>
      <c r="G2242" t="s">
        <v>79</v>
      </c>
      <c r="H2242" t="s">
        <v>65</v>
      </c>
      <c r="I2242" s="8">
        <v>2030</v>
      </c>
      <c r="J2242" t="s">
        <v>50</v>
      </c>
      <c r="K2242" s="10">
        <v>0</v>
      </c>
      <c r="L2242">
        <v>0</v>
      </c>
      <c r="M2242" s="10">
        <v>0</v>
      </c>
      <c r="N2242">
        <v>0</v>
      </c>
    </row>
    <row r="2243" spans="1:14" hidden="1">
      <c r="A2243" s="7" t="s">
        <v>10</v>
      </c>
      <c r="B2243" s="8"/>
      <c r="C2243" s="8"/>
      <c r="D2243" t="s">
        <v>77</v>
      </c>
      <c r="E2243" s="8" t="s">
        <v>24</v>
      </c>
      <c r="F2243" t="s">
        <v>65</v>
      </c>
      <c r="G2243" t="s">
        <v>19</v>
      </c>
      <c r="H2243" t="s">
        <v>65</v>
      </c>
      <c r="I2243" s="8">
        <v>2030</v>
      </c>
      <c r="J2243" t="s">
        <v>19</v>
      </c>
      <c r="K2243" s="10">
        <v>0</v>
      </c>
      <c r="L2243">
        <v>0</v>
      </c>
      <c r="M2243" s="10">
        <v>0</v>
      </c>
      <c r="N2243">
        <v>0</v>
      </c>
    </row>
    <row r="2244" spans="1:14" hidden="1">
      <c r="A2244" s="7" t="s">
        <v>10</v>
      </c>
      <c r="B2244" s="8"/>
      <c r="C2244" s="8"/>
      <c r="D2244" t="s">
        <v>77</v>
      </c>
      <c r="E2244" s="8" t="s">
        <v>24</v>
      </c>
      <c r="F2244" t="s">
        <v>65</v>
      </c>
      <c r="G2244" t="s">
        <v>78</v>
      </c>
      <c r="H2244" t="s">
        <v>65</v>
      </c>
      <c r="I2244" s="8">
        <v>2030</v>
      </c>
      <c r="J2244" t="s">
        <v>21</v>
      </c>
      <c r="K2244" s="10">
        <v>0</v>
      </c>
      <c r="L2244">
        <v>0</v>
      </c>
      <c r="M2244" s="10">
        <v>0</v>
      </c>
      <c r="N2244">
        <v>0</v>
      </c>
    </row>
    <row r="2245" spans="1:14" hidden="1">
      <c r="A2245" s="7" t="s">
        <v>10</v>
      </c>
      <c r="B2245" s="8"/>
      <c r="C2245" s="8"/>
      <c r="D2245" t="s">
        <v>77</v>
      </c>
      <c r="E2245" s="8" t="s">
        <v>24</v>
      </c>
      <c r="F2245" t="s">
        <v>65</v>
      </c>
      <c r="G2245" t="s">
        <v>78</v>
      </c>
      <c r="H2245" t="s">
        <v>65</v>
      </c>
      <c r="I2245" s="8">
        <v>2030</v>
      </c>
      <c r="J2245" t="s">
        <v>51</v>
      </c>
      <c r="K2245" s="10">
        <v>0</v>
      </c>
      <c r="L2245">
        <v>0</v>
      </c>
      <c r="M2245" s="10">
        <v>0</v>
      </c>
      <c r="N2245">
        <v>0</v>
      </c>
    </row>
    <row r="2246" spans="1:14" hidden="1">
      <c r="A2246" s="7" t="s">
        <v>10</v>
      </c>
      <c r="B2246" s="8"/>
      <c r="C2246" s="8"/>
      <c r="D2246" t="s">
        <v>77</v>
      </c>
      <c r="E2246" s="8" t="s">
        <v>24</v>
      </c>
      <c r="F2246" t="s">
        <v>65</v>
      </c>
      <c r="G2246" t="s">
        <v>78</v>
      </c>
      <c r="H2246" t="s">
        <v>65</v>
      </c>
      <c r="I2246" s="8">
        <v>2031</v>
      </c>
      <c r="J2246" t="s">
        <v>47</v>
      </c>
      <c r="K2246" s="10">
        <v>0</v>
      </c>
      <c r="L2246">
        <v>0</v>
      </c>
      <c r="M2246" s="10">
        <v>0</v>
      </c>
      <c r="N2246">
        <v>0</v>
      </c>
    </row>
    <row r="2247" spans="1:14" hidden="1">
      <c r="A2247" s="7" t="s">
        <v>10</v>
      </c>
      <c r="B2247" s="8"/>
      <c r="C2247" s="8"/>
      <c r="D2247" t="s">
        <v>77</v>
      </c>
      <c r="E2247" s="8" t="s">
        <v>24</v>
      </c>
      <c r="F2247" t="s">
        <v>65</v>
      </c>
      <c r="G2247" t="s">
        <v>78</v>
      </c>
      <c r="H2247" t="s">
        <v>65</v>
      </c>
      <c r="I2247" s="8">
        <v>2031</v>
      </c>
      <c r="J2247" t="s">
        <v>48</v>
      </c>
      <c r="K2247" s="10">
        <v>0</v>
      </c>
      <c r="L2247">
        <v>0</v>
      </c>
      <c r="M2247" s="10">
        <v>0</v>
      </c>
      <c r="N2247">
        <v>0</v>
      </c>
    </row>
    <row r="2248" spans="1:14" hidden="1">
      <c r="A2248" s="7" t="s">
        <v>10</v>
      </c>
      <c r="B2248" s="8"/>
      <c r="C2248" s="8"/>
      <c r="D2248" t="s">
        <v>77</v>
      </c>
      <c r="E2248" s="8" t="s">
        <v>24</v>
      </c>
      <c r="F2248" t="s">
        <v>65</v>
      </c>
      <c r="G2248" t="s">
        <v>78</v>
      </c>
      <c r="H2248" t="s">
        <v>65</v>
      </c>
      <c r="I2248" s="8">
        <v>2031</v>
      </c>
      <c r="J2248" t="s">
        <v>14</v>
      </c>
      <c r="K2248" s="10">
        <v>33196</v>
      </c>
      <c r="L2248">
        <v>0</v>
      </c>
      <c r="M2248" s="10">
        <v>33196</v>
      </c>
      <c r="N2248">
        <v>0</v>
      </c>
    </row>
    <row r="2249" spans="1:14" hidden="1">
      <c r="A2249" s="7" t="s">
        <v>10</v>
      </c>
      <c r="B2249" s="8"/>
      <c r="C2249" s="8"/>
      <c r="D2249" t="s">
        <v>77</v>
      </c>
      <c r="E2249" s="8" t="s">
        <v>24</v>
      </c>
      <c r="F2249" t="s">
        <v>65</v>
      </c>
      <c r="G2249" t="s">
        <v>78</v>
      </c>
      <c r="H2249" t="s">
        <v>65</v>
      </c>
      <c r="I2249" s="8">
        <v>2031</v>
      </c>
      <c r="J2249" t="s">
        <v>49</v>
      </c>
      <c r="K2249" s="10">
        <v>0</v>
      </c>
      <c r="L2249">
        <v>0</v>
      </c>
      <c r="M2249" s="10">
        <v>0</v>
      </c>
      <c r="N2249">
        <v>0</v>
      </c>
    </row>
    <row r="2250" spans="1:14" hidden="1">
      <c r="A2250" s="7" t="s">
        <v>10</v>
      </c>
      <c r="B2250" s="8"/>
      <c r="C2250" s="8"/>
      <c r="D2250" t="s">
        <v>77</v>
      </c>
      <c r="E2250" s="8" t="s">
        <v>24</v>
      </c>
      <c r="F2250" t="s">
        <v>65</v>
      </c>
      <c r="G2250" t="s">
        <v>79</v>
      </c>
      <c r="H2250" t="s">
        <v>65</v>
      </c>
      <c r="I2250" s="8">
        <v>2031</v>
      </c>
      <c r="J2250" t="s">
        <v>15</v>
      </c>
      <c r="K2250" s="10">
        <v>0</v>
      </c>
      <c r="L2250">
        <v>0</v>
      </c>
      <c r="M2250" s="10">
        <v>0</v>
      </c>
      <c r="N2250">
        <v>0</v>
      </c>
    </row>
    <row r="2251" spans="1:14" hidden="1">
      <c r="A2251" s="7" t="s">
        <v>10</v>
      </c>
      <c r="B2251" s="8"/>
      <c r="C2251" s="8"/>
      <c r="D2251" t="s">
        <v>77</v>
      </c>
      <c r="E2251" s="8" t="s">
        <v>24</v>
      </c>
      <c r="F2251" t="s">
        <v>65</v>
      </c>
      <c r="G2251" t="s">
        <v>79</v>
      </c>
      <c r="H2251" t="s">
        <v>65</v>
      </c>
      <c r="I2251" s="8">
        <v>2031</v>
      </c>
      <c r="J2251" t="s">
        <v>50</v>
      </c>
      <c r="K2251" s="10">
        <v>0</v>
      </c>
      <c r="L2251">
        <v>0</v>
      </c>
      <c r="M2251" s="10">
        <v>0</v>
      </c>
      <c r="N2251">
        <v>0</v>
      </c>
    </row>
    <row r="2252" spans="1:14" hidden="1">
      <c r="A2252" s="7" t="s">
        <v>10</v>
      </c>
      <c r="B2252" s="8"/>
      <c r="C2252" s="8"/>
      <c r="D2252" t="s">
        <v>77</v>
      </c>
      <c r="E2252" s="8" t="s">
        <v>24</v>
      </c>
      <c r="F2252" t="s">
        <v>65</v>
      </c>
      <c r="G2252" t="s">
        <v>19</v>
      </c>
      <c r="H2252" t="s">
        <v>65</v>
      </c>
      <c r="I2252" s="8">
        <v>2031</v>
      </c>
      <c r="J2252" t="s">
        <v>19</v>
      </c>
      <c r="K2252" s="10">
        <v>0</v>
      </c>
      <c r="L2252">
        <v>0</v>
      </c>
      <c r="M2252" s="10">
        <v>0</v>
      </c>
      <c r="N2252">
        <v>0</v>
      </c>
    </row>
    <row r="2253" spans="1:14" hidden="1">
      <c r="A2253" s="7" t="s">
        <v>10</v>
      </c>
      <c r="B2253" s="8"/>
      <c r="C2253" s="8"/>
      <c r="D2253" t="s">
        <v>77</v>
      </c>
      <c r="E2253" s="8" t="s">
        <v>24</v>
      </c>
      <c r="F2253" t="s">
        <v>65</v>
      </c>
      <c r="G2253" t="s">
        <v>78</v>
      </c>
      <c r="H2253" t="s">
        <v>65</v>
      </c>
      <c r="I2253" s="8">
        <v>2031</v>
      </c>
      <c r="J2253" t="s">
        <v>21</v>
      </c>
      <c r="K2253" s="10">
        <v>0</v>
      </c>
      <c r="L2253">
        <v>0</v>
      </c>
      <c r="M2253" s="10">
        <v>0</v>
      </c>
      <c r="N2253">
        <v>0</v>
      </c>
    </row>
    <row r="2254" spans="1:14" hidden="1">
      <c r="A2254" s="7" t="s">
        <v>10</v>
      </c>
      <c r="B2254" s="8"/>
      <c r="C2254" s="8"/>
      <c r="D2254" t="s">
        <v>77</v>
      </c>
      <c r="E2254" s="8" t="s">
        <v>24</v>
      </c>
      <c r="F2254" t="s">
        <v>65</v>
      </c>
      <c r="G2254" t="s">
        <v>78</v>
      </c>
      <c r="H2254" t="s">
        <v>65</v>
      </c>
      <c r="I2254" s="8">
        <v>2031</v>
      </c>
      <c r="J2254" t="s">
        <v>51</v>
      </c>
      <c r="K2254" s="10">
        <v>0</v>
      </c>
      <c r="L2254">
        <v>0</v>
      </c>
      <c r="M2254" s="10">
        <v>0</v>
      </c>
      <c r="N2254">
        <v>0</v>
      </c>
    </row>
    <row r="2255" spans="1:14" hidden="1">
      <c r="A2255" s="7" t="s">
        <v>10</v>
      </c>
      <c r="B2255" s="8"/>
      <c r="C2255" s="8"/>
      <c r="D2255" t="s">
        <v>77</v>
      </c>
      <c r="E2255" s="8" t="s">
        <v>24</v>
      </c>
      <c r="F2255" t="s">
        <v>65</v>
      </c>
      <c r="G2255" t="s">
        <v>78</v>
      </c>
      <c r="H2255" t="s">
        <v>65</v>
      </c>
      <c r="I2255" s="8">
        <v>2032</v>
      </c>
      <c r="J2255" t="s">
        <v>47</v>
      </c>
      <c r="K2255" s="10">
        <v>0</v>
      </c>
      <c r="L2255">
        <v>0</v>
      </c>
      <c r="M2255" s="10">
        <v>0</v>
      </c>
      <c r="N2255">
        <v>0</v>
      </c>
    </row>
    <row r="2256" spans="1:14" hidden="1">
      <c r="A2256" s="7" t="s">
        <v>10</v>
      </c>
      <c r="B2256" s="8"/>
      <c r="C2256" s="8"/>
      <c r="D2256" t="s">
        <v>77</v>
      </c>
      <c r="E2256" s="8" t="s">
        <v>24</v>
      </c>
      <c r="F2256" t="s">
        <v>65</v>
      </c>
      <c r="G2256" t="s">
        <v>78</v>
      </c>
      <c r="H2256" t="s">
        <v>65</v>
      </c>
      <c r="I2256" s="8">
        <v>2032</v>
      </c>
      <c r="J2256" t="s">
        <v>48</v>
      </c>
      <c r="K2256" s="10">
        <v>0</v>
      </c>
      <c r="L2256">
        <v>0</v>
      </c>
      <c r="M2256" s="10">
        <v>0</v>
      </c>
      <c r="N2256">
        <v>0</v>
      </c>
    </row>
    <row r="2257" spans="1:14" hidden="1">
      <c r="A2257" s="7" t="s">
        <v>10</v>
      </c>
      <c r="B2257" s="8"/>
      <c r="C2257" s="8"/>
      <c r="D2257" t="s">
        <v>77</v>
      </c>
      <c r="E2257" s="8" t="s">
        <v>24</v>
      </c>
      <c r="F2257" t="s">
        <v>65</v>
      </c>
      <c r="G2257" t="s">
        <v>78</v>
      </c>
      <c r="H2257" t="s">
        <v>65</v>
      </c>
      <c r="I2257" s="8">
        <v>2032</v>
      </c>
      <c r="J2257" t="s">
        <v>14</v>
      </c>
      <c r="K2257" s="10">
        <v>31877</v>
      </c>
      <c r="L2257">
        <v>0</v>
      </c>
      <c r="M2257" s="10">
        <v>31877</v>
      </c>
      <c r="N2257">
        <v>0</v>
      </c>
    </row>
    <row r="2258" spans="1:14" hidden="1">
      <c r="A2258" s="7" t="s">
        <v>10</v>
      </c>
      <c r="B2258" s="8"/>
      <c r="C2258" s="8"/>
      <c r="D2258" t="s">
        <v>77</v>
      </c>
      <c r="E2258" s="8" t="s">
        <v>24</v>
      </c>
      <c r="F2258" t="s">
        <v>65</v>
      </c>
      <c r="G2258" t="s">
        <v>78</v>
      </c>
      <c r="H2258" t="s">
        <v>65</v>
      </c>
      <c r="I2258" s="8">
        <v>2032</v>
      </c>
      <c r="J2258" t="s">
        <v>49</v>
      </c>
      <c r="K2258" s="10">
        <v>0</v>
      </c>
      <c r="L2258">
        <v>0</v>
      </c>
      <c r="M2258" s="10">
        <v>0</v>
      </c>
      <c r="N2258">
        <v>0</v>
      </c>
    </row>
    <row r="2259" spans="1:14" hidden="1">
      <c r="A2259" s="7" t="s">
        <v>10</v>
      </c>
      <c r="B2259" s="8"/>
      <c r="C2259" s="8"/>
      <c r="D2259" t="s">
        <v>77</v>
      </c>
      <c r="E2259" s="8" t="s">
        <v>24</v>
      </c>
      <c r="F2259" t="s">
        <v>65</v>
      </c>
      <c r="G2259" t="s">
        <v>79</v>
      </c>
      <c r="H2259" t="s">
        <v>65</v>
      </c>
      <c r="I2259" s="8">
        <v>2032</v>
      </c>
      <c r="J2259" t="s">
        <v>15</v>
      </c>
      <c r="K2259" s="10">
        <v>0</v>
      </c>
      <c r="L2259">
        <v>0</v>
      </c>
      <c r="M2259" s="10">
        <v>0</v>
      </c>
      <c r="N2259">
        <v>0</v>
      </c>
    </row>
    <row r="2260" spans="1:14" hidden="1">
      <c r="A2260" s="7" t="s">
        <v>10</v>
      </c>
      <c r="B2260" s="8"/>
      <c r="C2260" s="8"/>
      <c r="D2260" t="s">
        <v>77</v>
      </c>
      <c r="E2260" s="8" t="s">
        <v>24</v>
      </c>
      <c r="F2260" t="s">
        <v>65</v>
      </c>
      <c r="G2260" t="s">
        <v>79</v>
      </c>
      <c r="H2260" t="s">
        <v>65</v>
      </c>
      <c r="I2260" s="8">
        <v>2032</v>
      </c>
      <c r="J2260" t="s">
        <v>50</v>
      </c>
      <c r="K2260" s="10">
        <v>0</v>
      </c>
      <c r="L2260">
        <v>0</v>
      </c>
      <c r="M2260" s="10">
        <v>0</v>
      </c>
      <c r="N2260">
        <v>0</v>
      </c>
    </row>
    <row r="2261" spans="1:14" hidden="1">
      <c r="A2261" s="7" t="s">
        <v>10</v>
      </c>
      <c r="B2261" s="8"/>
      <c r="C2261" s="8"/>
      <c r="D2261" t="s">
        <v>77</v>
      </c>
      <c r="E2261" s="8" t="s">
        <v>24</v>
      </c>
      <c r="F2261" t="s">
        <v>65</v>
      </c>
      <c r="G2261" t="s">
        <v>19</v>
      </c>
      <c r="H2261" t="s">
        <v>65</v>
      </c>
      <c r="I2261" s="8">
        <v>2032</v>
      </c>
      <c r="J2261" t="s">
        <v>19</v>
      </c>
      <c r="K2261" s="10">
        <v>0</v>
      </c>
      <c r="L2261">
        <v>0</v>
      </c>
      <c r="M2261" s="10">
        <v>0</v>
      </c>
      <c r="N2261">
        <v>0</v>
      </c>
    </row>
    <row r="2262" spans="1:14" hidden="1">
      <c r="A2262" s="7" t="s">
        <v>10</v>
      </c>
      <c r="B2262" s="8"/>
      <c r="C2262" s="8"/>
      <c r="D2262" t="s">
        <v>77</v>
      </c>
      <c r="E2262" s="8" t="s">
        <v>24</v>
      </c>
      <c r="F2262" t="s">
        <v>65</v>
      </c>
      <c r="G2262" t="s">
        <v>78</v>
      </c>
      <c r="H2262" t="s">
        <v>65</v>
      </c>
      <c r="I2262" s="8">
        <v>2032</v>
      </c>
      <c r="J2262" t="s">
        <v>21</v>
      </c>
      <c r="K2262" s="10">
        <v>0</v>
      </c>
      <c r="L2262">
        <v>0</v>
      </c>
      <c r="M2262" s="10">
        <v>0</v>
      </c>
      <c r="N2262">
        <v>0</v>
      </c>
    </row>
    <row r="2263" spans="1:14" hidden="1">
      <c r="A2263" s="7" t="s">
        <v>10</v>
      </c>
      <c r="B2263" s="8"/>
      <c r="C2263" s="8"/>
      <c r="D2263" t="s">
        <v>77</v>
      </c>
      <c r="E2263" s="8" t="s">
        <v>24</v>
      </c>
      <c r="F2263" t="s">
        <v>65</v>
      </c>
      <c r="G2263" t="s">
        <v>78</v>
      </c>
      <c r="H2263" t="s">
        <v>65</v>
      </c>
      <c r="I2263" s="8">
        <v>2032</v>
      </c>
      <c r="J2263" t="s">
        <v>51</v>
      </c>
      <c r="K2263" s="10">
        <v>0</v>
      </c>
      <c r="L2263">
        <v>0</v>
      </c>
      <c r="M2263" s="10">
        <v>0</v>
      </c>
      <c r="N2263">
        <v>0</v>
      </c>
    </row>
    <row r="2264" spans="1:14" hidden="1">
      <c r="A2264" s="7" t="s">
        <v>10</v>
      </c>
      <c r="B2264" s="8"/>
      <c r="C2264" s="8"/>
      <c r="D2264" t="s">
        <v>77</v>
      </c>
      <c r="E2264" s="8" t="s">
        <v>24</v>
      </c>
      <c r="F2264" t="s">
        <v>65</v>
      </c>
      <c r="G2264" t="s">
        <v>78</v>
      </c>
      <c r="H2264" t="s">
        <v>65</v>
      </c>
      <c r="I2264" s="8">
        <v>2033</v>
      </c>
      <c r="J2264" t="s">
        <v>47</v>
      </c>
      <c r="K2264" s="10">
        <v>0</v>
      </c>
      <c r="L2264">
        <v>0</v>
      </c>
      <c r="M2264" s="10">
        <v>0</v>
      </c>
      <c r="N2264">
        <v>0</v>
      </c>
    </row>
    <row r="2265" spans="1:14" hidden="1">
      <c r="A2265" s="7" t="s">
        <v>10</v>
      </c>
      <c r="B2265" s="8"/>
      <c r="C2265" s="8"/>
      <c r="D2265" t="s">
        <v>77</v>
      </c>
      <c r="E2265" s="8" t="s">
        <v>24</v>
      </c>
      <c r="F2265" t="s">
        <v>65</v>
      </c>
      <c r="G2265" t="s">
        <v>78</v>
      </c>
      <c r="H2265" t="s">
        <v>65</v>
      </c>
      <c r="I2265" s="8">
        <v>2033</v>
      </c>
      <c r="J2265" t="s">
        <v>48</v>
      </c>
      <c r="K2265" s="10">
        <v>0</v>
      </c>
      <c r="L2265">
        <v>0</v>
      </c>
      <c r="M2265" s="10">
        <v>0</v>
      </c>
      <c r="N2265">
        <v>0</v>
      </c>
    </row>
    <row r="2266" spans="1:14" hidden="1">
      <c r="A2266" s="7" t="s">
        <v>10</v>
      </c>
      <c r="B2266" s="8"/>
      <c r="C2266" s="8"/>
      <c r="D2266" t="s">
        <v>77</v>
      </c>
      <c r="E2266" s="8" t="s">
        <v>24</v>
      </c>
      <c r="F2266" t="s">
        <v>65</v>
      </c>
      <c r="G2266" t="s">
        <v>78</v>
      </c>
      <c r="H2266" t="s">
        <v>65</v>
      </c>
      <c r="I2266" s="8">
        <v>2033</v>
      </c>
      <c r="J2266" t="s">
        <v>14</v>
      </c>
      <c r="K2266" s="10">
        <v>33094</v>
      </c>
      <c r="L2266">
        <v>0</v>
      </c>
      <c r="M2266" s="10">
        <v>33094</v>
      </c>
      <c r="N2266">
        <v>0</v>
      </c>
    </row>
    <row r="2267" spans="1:14" hidden="1">
      <c r="A2267" s="7" t="s">
        <v>10</v>
      </c>
      <c r="B2267" s="8"/>
      <c r="C2267" s="8"/>
      <c r="D2267" t="s">
        <v>77</v>
      </c>
      <c r="E2267" s="8" t="s">
        <v>24</v>
      </c>
      <c r="F2267" t="s">
        <v>65</v>
      </c>
      <c r="G2267" t="s">
        <v>78</v>
      </c>
      <c r="H2267" t="s">
        <v>65</v>
      </c>
      <c r="I2267" s="8">
        <v>2033</v>
      </c>
      <c r="J2267" t="s">
        <v>49</v>
      </c>
      <c r="K2267" s="10">
        <v>0</v>
      </c>
      <c r="L2267">
        <v>0</v>
      </c>
      <c r="M2267" s="10">
        <v>0</v>
      </c>
      <c r="N2267">
        <v>0</v>
      </c>
    </row>
    <row r="2268" spans="1:14" hidden="1">
      <c r="A2268" s="7" t="s">
        <v>10</v>
      </c>
      <c r="B2268" s="8"/>
      <c r="C2268" s="8"/>
      <c r="D2268" t="s">
        <v>77</v>
      </c>
      <c r="E2268" s="8" t="s">
        <v>24</v>
      </c>
      <c r="F2268" t="s">
        <v>65</v>
      </c>
      <c r="G2268" t="s">
        <v>79</v>
      </c>
      <c r="H2268" t="s">
        <v>65</v>
      </c>
      <c r="I2268" s="8">
        <v>2033</v>
      </c>
      <c r="J2268" t="s">
        <v>15</v>
      </c>
      <c r="K2268" s="10">
        <v>0</v>
      </c>
      <c r="L2268">
        <v>0</v>
      </c>
      <c r="M2268" s="10">
        <v>0</v>
      </c>
      <c r="N2268">
        <v>0</v>
      </c>
    </row>
    <row r="2269" spans="1:14" hidden="1">
      <c r="A2269" s="7" t="s">
        <v>10</v>
      </c>
      <c r="B2269" s="8"/>
      <c r="C2269" s="8"/>
      <c r="D2269" t="s">
        <v>77</v>
      </c>
      <c r="E2269" s="8" t="s">
        <v>24</v>
      </c>
      <c r="F2269" t="s">
        <v>65</v>
      </c>
      <c r="G2269" t="s">
        <v>79</v>
      </c>
      <c r="H2269" t="s">
        <v>65</v>
      </c>
      <c r="I2269" s="8">
        <v>2033</v>
      </c>
      <c r="J2269" t="s">
        <v>50</v>
      </c>
      <c r="K2269" s="10">
        <v>0</v>
      </c>
      <c r="L2269">
        <v>0</v>
      </c>
      <c r="M2269" s="10">
        <v>0</v>
      </c>
      <c r="N2269">
        <v>0</v>
      </c>
    </row>
    <row r="2270" spans="1:14" hidden="1">
      <c r="A2270" s="7" t="s">
        <v>10</v>
      </c>
      <c r="B2270" s="8"/>
      <c r="C2270" s="8"/>
      <c r="D2270" t="s">
        <v>77</v>
      </c>
      <c r="E2270" s="8" t="s">
        <v>24</v>
      </c>
      <c r="F2270" t="s">
        <v>65</v>
      </c>
      <c r="G2270" t="s">
        <v>19</v>
      </c>
      <c r="H2270" t="s">
        <v>65</v>
      </c>
      <c r="I2270" s="8">
        <v>2033</v>
      </c>
      <c r="J2270" t="s">
        <v>19</v>
      </c>
      <c r="K2270" s="10">
        <v>0</v>
      </c>
      <c r="L2270">
        <v>0</v>
      </c>
      <c r="M2270" s="10">
        <v>0</v>
      </c>
      <c r="N2270">
        <v>0</v>
      </c>
    </row>
    <row r="2271" spans="1:14" hidden="1">
      <c r="A2271" s="7" t="s">
        <v>10</v>
      </c>
      <c r="B2271" s="8"/>
      <c r="C2271" s="8"/>
      <c r="D2271" t="s">
        <v>77</v>
      </c>
      <c r="E2271" s="8" t="s">
        <v>24</v>
      </c>
      <c r="F2271" t="s">
        <v>65</v>
      </c>
      <c r="G2271" t="s">
        <v>78</v>
      </c>
      <c r="H2271" t="s">
        <v>65</v>
      </c>
      <c r="I2271" s="8">
        <v>2033</v>
      </c>
      <c r="J2271" t="s">
        <v>21</v>
      </c>
      <c r="K2271" s="10">
        <v>0</v>
      </c>
      <c r="L2271">
        <v>0</v>
      </c>
      <c r="M2271" s="10">
        <v>0</v>
      </c>
      <c r="N2271">
        <v>0</v>
      </c>
    </row>
    <row r="2272" spans="1:14" hidden="1">
      <c r="A2272" s="7" t="s">
        <v>10</v>
      </c>
      <c r="B2272" s="8"/>
      <c r="C2272" s="8"/>
      <c r="D2272" t="s">
        <v>77</v>
      </c>
      <c r="E2272" s="8" t="s">
        <v>24</v>
      </c>
      <c r="F2272" t="s">
        <v>65</v>
      </c>
      <c r="G2272" t="s">
        <v>78</v>
      </c>
      <c r="H2272" t="s">
        <v>65</v>
      </c>
      <c r="I2272" s="8">
        <v>2033</v>
      </c>
      <c r="J2272" t="s">
        <v>51</v>
      </c>
      <c r="K2272" s="10">
        <v>0</v>
      </c>
      <c r="L2272">
        <v>0</v>
      </c>
      <c r="M2272" s="10">
        <v>0</v>
      </c>
      <c r="N2272">
        <v>0</v>
      </c>
    </row>
    <row r="2273" spans="1:14">
      <c r="A2273" s="7" t="s">
        <v>10</v>
      </c>
      <c r="B2273" s="8"/>
      <c r="C2273" s="8"/>
      <c r="D2273" t="s">
        <v>77</v>
      </c>
      <c r="E2273" s="8" t="s">
        <v>12</v>
      </c>
      <c r="F2273" t="s">
        <v>66</v>
      </c>
      <c r="G2273" t="s">
        <v>78</v>
      </c>
      <c r="H2273" t="s">
        <v>66</v>
      </c>
      <c r="I2273" s="8">
        <v>2025</v>
      </c>
      <c r="J2273" t="s">
        <v>47</v>
      </c>
      <c r="K2273" s="10"/>
      <c r="M2273" s="10"/>
      <c r="N2273">
        <v>0</v>
      </c>
    </row>
    <row r="2274" spans="1:14">
      <c r="A2274" s="7" t="s">
        <v>10</v>
      </c>
      <c r="B2274" s="8"/>
      <c r="C2274" s="8"/>
      <c r="D2274" t="s">
        <v>77</v>
      </c>
      <c r="E2274" s="8" t="s">
        <v>12</v>
      </c>
      <c r="F2274" t="s">
        <v>66</v>
      </c>
      <c r="G2274" t="s">
        <v>78</v>
      </c>
      <c r="H2274" t="s">
        <v>66</v>
      </c>
      <c r="I2274" s="8">
        <v>2025</v>
      </c>
      <c r="J2274" t="s">
        <v>48</v>
      </c>
      <c r="K2274" s="10"/>
      <c r="M2274" s="10"/>
      <c r="N2274">
        <v>0</v>
      </c>
    </row>
    <row r="2275" spans="1:14">
      <c r="A2275" s="7" t="s">
        <v>10</v>
      </c>
      <c r="B2275" s="8"/>
      <c r="C2275" s="8"/>
      <c r="D2275" t="s">
        <v>77</v>
      </c>
      <c r="E2275" s="8" t="s">
        <v>12</v>
      </c>
      <c r="F2275" t="s">
        <v>66</v>
      </c>
      <c r="G2275" t="s">
        <v>78</v>
      </c>
      <c r="H2275" t="s">
        <v>66</v>
      </c>
      <c r="I2275" s="8">
        <v>2025</v>
      </c>
      <c r="J2275" t="s">
        <v>14</v>
      </c>
      <c r="K2275" s="10"/>
      <c r="M2275" s="10"/>
      <c r="N2275">
        <v>0</v>
      </c>
    </row>
    <row r="2276" spans="1:14">
      <c r="A2276" s="7" t="s">
        <v>10</v>
      </c>
      <c r="B2276" s="8"/>
      <c r="C2276" s="8"/>
      <c r="D2276" t="s">
        <v>77</v>
      </c>
      <c r="E2276" s="8" t="s">
        <v>12</v>
      </c>
      <c r="F2276" t="s">
        <v>66</v>
      </c>
      <c r="G2276" t="s">
        <v>78</v>
      </c>
      <c r="H2276" t="s">
        <v>66</v>
      </c>
      <c r="I2276" s="8">
        <v>2025</v>
      </c>
      <c r="J2276" t="s">
        <v>49</v>
      </c>
      <c r="K2276" s="10"/>
      <c r="M2276" s="10"/>
      <c r="N2276">
        <v>0</v>
      </c>
    </row>
    <row r="2277" spans="1:14">
      <c r="A2277" s="7" t="s">
        <v>10</v>
      </c>
      <c r="B2277" s="8"/>
      <c r="C2277" s="8"/>
      <c r="D2277" t="s">
        <v>77</v>
      </c>
      <c r="E2277" s="8" t="s">
        <v>12</v>
      </c>
      <c r="F2277" t="s">
        <v>66</v>
      </c>
      <c r="G2277" t="s">
        <v>79</v>
      </c>
      <c r="H2277" t="s">
        <v>66</v>
      </c>
      <c r="I2277" s="8">
        <v>2025</v>
      </c>
      <c r="J2277" t="s">
        <v>15</v>
      </c>
      <c r="K2277" s="10"/>
      <c r="M2277" s="10"/>
      <c r="N2277">
        <v>0</v>
      </c>
    </row>
    <row r="2278" spans="1:14">
      <c r="A2278" s="7" t="s">
        <v>10</v>
      </c>
      <c r="B2278" s="8"/>
      <c r="C2278" s="8"/>
      <c r="D2278" t="s">
        <v>77</v>
      </c>
      <c r="E2278" s="8" t="s">
        <v>12</v>
      </c>
      <c r="F2278" t="s">
        <v>66</v>
      </c>
      <c r="G2278" t="s">
        <v>79</v>
      </c>
      <c r="H2278" t="s">
        <v>66</v>
      </c>
      <c r="I2278" s="8">
        <v>2025</v>
      </c>
      <c r="J2278" t="s">
        <v>50</v>
      </c>
      <c r="K2278" s="10">
        <v>3</v>
      </c>
      <c r="L2278">
        <v>3</v>
      </c>
      <c r="M2278" s="10"/>
      <c r="N2278">
        <v>0</v>
      </c>
    </row>
    <row r="2279" spans="1:14">
      <c r="A2279" s="7" t="s">
        <v>10</v>
      </c>
      <c r="B2279" s="8"/>
      <c r="C2279" s="8"/>
      <c r="D2279" t="s">
        <v>77</v>
      </c>
      <c r="E2279" s="8" t="s">
        <v>12</v>
      </c>
      <c r="F2279" t="s">
        <v>66</v>
      </c>
      <c r="G2279" t="s">
        <v>19</v>
      </c>
      <c r="H2279" t="s">
        <v>66</v>
      </c>
      <c r="I2279" s="8">
        <v>2025</v>
      </c>
      <c r="J2279" t="s">
        <v>19</v>
      </c>
      <c r="K2279" s="10"/>
      <c r="M2279" s="10"/>
      <c r="N2279">
        <v>0</v>
      </c>
    </row>
    <row r="2280" spans="1:14">
      <c r="A2280" s="7" t="s">
        <v>10</v>
      </c>
      <c r="B2280" s="8"/>
      <c r="C2280" s="8"/>
      <c r="D2280" t="s">
        <v>77</v>
      </c>
      <c r="E2280" s="8" t="s">
        <v>12</v>
      </c>
      <c r="F2280" t="s">
        <v>66</v>
      </c>
      <c r="G2280" t="s">
        <v>78</v>
      </c>
      <c r="H2280" t="s">
        <v>66</v>
      </c>
      <c r="I2280" s="8">
        <v>2025</v>
      </c>
      <c r="J2280" t="s">
        <v>21</v>
      </c>
      <c r="K2280" s="10"/>
      <c r="M2280" s="10"/>
      <c r="N2280">
        <v>0</v>
      </c>
    </row>
    <row r="2281" spans="1:14">
      <c r="A2281" s="7" t="s">
        <v>10</v>
      </c>
      <c r="B2281" s="8"/>
      <c r="C2281" s="8"/>
      <c r="D2281" t="s">
        <v>77</v>
      </c>
      <c r="E2281" s="8" t="s">
        <v>12</v>
      </c>
      <c r="F2281" t="s">
        <v>66</v>
      </c>
      <c r="G2281" t="s">
        <v>78</v>
      </c>
      <c r="H2281" t="s">
        <v>66</v>
      </c>
      <c r="I2281" s="8">
        <v>2025</v>
      </c>
      <c r="J2281" t="s">
        <v>51</v>
      </c>
      <c r="K2281" s="10">
        <v>1736</v>
      </c>
      <c r="L2281">
        <v>850</v>
      </c>
      <c r="M2281" s="10">
        <v>886</v>
      </c>
      <c r="N2281">
        <v>0</v>
      </c>
    </row>
    <row r="2282" spans="1:14" hidden="1">
      <c r="A2282" s="7" t="s">
        <v>10</v>
      </c>
      <c r="B2282" s="8"/>
      <c r="C2282" s="8"/>
      <c r="D2282" t="s">
        <v>77</v>
      </c>
      <c r="E2282" s="8" t="s">
        <v>12</v>
      </c>
      <c r="F2282" t="s">
        <v>66</v>
      </c>
      <c r="G2282" t="s">
        <v>78</v>
      </c>
      <c r="H2282" t="s">
        <v>66</v>
      </c>
      <c r="I2282" s="8">
        <v>2026</v>
      </c>
      <c r="J2282" t="s">
        <v>47</v>
      </c>
      <c r="K2282" s="10"/>
      <c r="M2282" s="10"/>
      <c r="N2282">
        <v>0</v>
      </c>
    </row>
    <row r="2283" spans="1:14" hidden="1">
      <c r="A2283" s="7" t="s">
        <v>10</v>
      </c>
      <c r="B2283" s="8"/>
      <c r="C2283" s="8"/>
      <c r="D2283" t="s">
        <v>77</v>
      </c>
      <c r="E2283" s="8" t="s">
        <v>12</v>
      </c>
      <c r="F2283" t="s">
        <v>66</v>
      </c>
      <c r="G2283" t="s">
        <v>78</v>
      </c>
      <c r="H2283" t="s">
        <v>66</v>
      </c>
      <c r="I2283" s="8">
        <v>2026</v>
      </c>
      <c r="J2283" t="s">
        <v>48</v>
      </c>
      <c r="K2283" s="10"/>
      <c r="M2283" s="10"/>
      <c r="N2283">
        <v>0</v>
      </c>
    </row>
    <row r="2284" spans="1:14" hidden="1">
      <c r="A2284" s="7" t="s">
        <v>10</v>
      </c>
      <c r="B2284" s="8"/>
      <c r="C2284" s="8"/>
      <c r="D2284" t="s">
        <v>77</v>
      </c>
      <c r="E2284" s="8" t="s">
        <v>12</v>
      </c>
      <c r="F2284" t="s">
        <v>66</v>
      </c>
      <c r="G2284" t="s">
        <v>78</v>
      </c>
      <c r="H2284" t="s">
        <v>66</v>
      </c>
      <c r="I2284" s="8">
        <v>2026</v>
      </c>
      <c r="J2284" t="s">
        <v>14</v>
      </c>
      <c r="K2284" s="10"/>
      <c r="M2284" s="10"/>
      <c r="N2284">
        <v>0</v>
      </c>
    </row>
    <row r="2285" spans="1:14" hidden="1">
      <c r="A2285" s="7" t="s">
        <v>10</v>
      </c>
      <c r="B2285" s="8"/>
      <c r="C2285" s="8"/>
      <c r="D2285" t="s">
        <v>77</v>
      </c>
      <c r="E2285" s="8" t="s">
        <v>12</v>
      </c>
      <c r="F2285" t="s">
        <v>66</v>
      </c>
      <c r="G2285" t="s">
        <v>78</v>
      </c>
      <c r="H2285" t="s">
        <v>66</v>
      </c>
      <c r="I2285" s="8">
        <v>2026</v>
      </c>
      <c r="J2285" t="s">
        <v>49</v>
      </c>
      <c r="K2285" s="10"/>
      <c r="M2285" s="10"/>
      <c r="N2285">
        <v>0</v>
      </c>
    </row>
    <row r="2286" spans="1:14" hidden="1">
      <c r="A2286" s="7" t="s">
        <v>10</v>
      </c>
      <c r="B2286" s="8"/>
      <c r="C2286" s="8"/>
      <c r="D2286" t="s">
        <v>77</v>
      </c>
      <c r="E2286" s="8" t="s">
        <v>12</v>
      </c>
      <c r="F2286" t="s">
        <v>66</v>
      </c>
      <c r="G2286" t="s">
        <v>79</v>
      </c>
      <c r="H2286" t="s">
        <v>66</v>
      </c>
      <c r="I2286" s="8">
        <v>2026</v>
      </c>
      <c r="J2286" t="s">
        <v>15</v>
      </c>
      <c r="K2286" s="10">
        <v>6</v>
      </c>
      <c r="L2286">
        <v>8</v>
      </c>
      <c r="M2286" s="10"/>
      <c r="N2286">
        <v>0</v>
      </c>
    </row>
    <row r="2287" spans="1:14" hidden="1">
      <c r="A2287" s="7" t="s">
        <v>10</v>
      </c>
      <c r="B2287" s="8"/>
      <c r="C2287" s="8"/>
      <c r="D2287" t="s">
        <v>77</v>
      </c>
      <c r="E2287" s="8" t="s">
        <v>12</v>
      </c>
      <c r="F2287" t="s">
        <v>66</v>
      </c>
      <c r="G2287" t="s">
        <v>79</v>
      </c>
      <c r="H2287" t="s">
        <v>66</v>
      </c>
      <c r="I2287" s="8">
        <v>2026</v>
      </c>
      <c r="J2287" t="s">
        <v>50</v>
      </c>
      <c r="K2287" s="10"/>
      <c r="M2287" s="10"/>
      <c r="N2287">
        <v>0</v>
      </c>
    </row>
    <row r="2288" spans="1:14" hidden="1">
      <c r="A2288" s="7" t="s">
        <v>10</v>
      </c>
      <c r="B2288" s="8"/>
      <c r="C2288" s="8"/>
      <c r="D2288" t="s">
        <v>77</v>
      </c>
      <c r="E2288" s="8" t="s">
        <v>12</v>
      </c>
      <c r="F2288" t="s">
        <v>66</v>
      </c>
      <c r="G2288" t="s">
        <v>19</v>
      </c>
      <c r="H2288" t="s">
        <v>66</v>
      </c>
      <c r="I2288" s="8">
        <v>2026</v>
      </c>
      <c r="J2288" t="s">
        <v>19</v>
      </c>
      <c r="K2288" s="10"/>
      <c r="M2288" s="10"/>
      <c r="N2288">
        <v>0</v>
      </c>
    </row>
    <row r="2289" spans="1:14" hidden="1">
      <c r="A2289" s="7" t="s">
        <v>10</v>
      </c>
      <c r="B2289" s="8"/>
      <c r="C2289" s="8"/>
      <c r="D2289" t="s">
        <v>77</v>
      </c>
      <c r="E2289" s="8" t="s">
        <v>12</v>
      </c>
      <c r="F2289" t="s">
        <v>66</v>
      </c>
      <c r="G2289" t="s">
        <v>78</v>
      </c>
      <c r="H2289" t="s">
        <v>66</v>
      </c>
      <c r="I2289" s="8">
        <v>2026</v>
      </c>
      <c r="J2289" t="s">
        <v>21</v>
      </c>
      <c r="K2289" s="10"/>
      <c r="M2289" s="10"/>
      <c r="N2289">
        <v>0</v>
      </c>
    </row>
    <row r="2290" spans="1:14" hidden="1">
      <c r="A2290" s="7" t="s">
        <v>10</v>
      </c>
      <c r="B2290" s="8"/>
      <c r="C2290" s="8"/>
      <c r="D2290" t="s">
        <v>77</v>
      </c>
      <c r="E2290" s="8" t="s">
        <v>12</v>
      </c>
      <c r="F2290" t="s">
        <v>66</v>
      </c>
      <c r="G2290" t="s">
        <v>78</v>
      </c>
      <c r="H2290" t="s">
        <v>66</v>
      </c>
      <c r="I2290" s="8">
        <v>2026</v>
      </c>
      <c r="J2290" t="s">
        <v>51</v>
      </c>
      <c r="K2290" s="10">
        <v>3044</v>
      </c>
      <c r="L2290">
        <v>850</v>
      </c>
      <c r="M2290" s="10">
        <v>2194</v>
      </c>
      <c r="N2290">
        <v>0</v>
      </c>
    </row>
    <row r="2291" spans="1:14" hidden="1">
      <c r="A2291" s="7" t="s">
        <v>10</v>
      </c>
      <c r="B2291" s="8"/>
      <c r="C2291" s="8"/>
      <c r="D2291" t="s">
        <v>77</v>
      </c>
      <c r="E2291" s="8" t="s">
        <v>12</v>
      </c>
      <c r="F2291" t="s">
        <v>66</v>
      </c>
      <c r="G2291" t="s">
        <v>78</v>
      </c>
      <c r="H2291" t="s">
        <v>66</v>
      </c>
      <c r="I2291" s="8">
        <v>2027</v>
      </c>
      <c r="J2291" t="s">
        <v>47</v>
      </c>
      <c r="K2291" s="10"/>
      <c r="M2291" s="10"/>
      <c r="N2291">
        <v>0</v>
      </c>
    </row>
    <row r="2292" spans="1:14" hidden="1">
      <c r="A2292" s="7" t="s">
        <v>10</v>
      </c>
      <c r="B2292" s="8"/>
      <c r="C2292" s="8"/>
      <c r="D2292" t="s">
        <v>77</v>
      </c>
      <c r="E2292" s="8" t="s">
        <v>12</v>
      </c>
      <c r="F2292" t="s">
        <v>66</v>
      </c>
      <c r="G2292" t="s">
        <v>78</v>
      </c>
      <c r="H2292" t="s">
        <v>66</v>
      </c>
      <c r="I2292" s="8">
        <v>2027</v>
      </c>
      <c r="J2292" t="s">
        <v>48</v>
      </c>
      <c r="K2292" s="10"/>
      <c r="M2292" s="10"/>
      <c r="N2292">
        <v>0</v>
      </c>
    </row>
    <row r="2293" spans="1:14" hidden="1">
      <c r="A2293" s="7" t="s">
        <v>10</v>
      </c>
      <c r="B2293" s="8"/>
      <c r="C2293" s="8"/>
      <c r="D2293" t="s">
        <v>77</v>
      </c>
      <c r="E2293" s="8" t="s">
        <v>12</v>
      </c>
      <c r="F2293" t="s">
        <v>66</v>
      </c>
      <c r="G2293" t="s">
        <v>78</v>
      </c>
      <c r="H2293" t="s">
        <v>66</v>
      </c>
      <c r="I2293" s="8">
        <v>2027</v>
      </c>
      <c r="J2293" t="s">
        <v>14</v>
      </c>
      <c r="K2293" s="10"/>
      <c r="M2293" s="10"/>
      <c r="N2293">
        <v>0</v>
      </c>
    </row>
    <row r="2294" spans="1:14" hidden="1">
      <c r="A2294" s="7" t="s">
        <v>10</v>
      </c>
      <c r="B2294" s="8"/>
      <c r="C2294" s="8"/>
      <c r="D2294" t="s">
        <v>77</v>
      </c>
      <c r="E2294" s="8" t="s">
        <v>12</v>
      </c>
      <c r="F2294" t="s">
        <v>66</v>
      </c>
      <c r="G2294" t="s">
        <v>78</v>
      </c>
      <c r="H2294" t="s">
        <v>66</v>
      </c>
      <c r="I2294" s="8">
        <v>2027</v>
      </c>
      <c r="J2294" t="s">
        <v>49</v>
      </c>
      <c r="K2294" s="10"/>
      <c r="M2294" s="10"/>
      <c r="N2294">
        <v>0</v>
      </c>
    </row>
    <row r="2295" spans="1:14" hidden="1">
      <c r="A2295" s="7" t="s">
        <v>10</v>
      </c>
      <c r="B2295" s="8"/>
      <c r="C2295" s="8"/>
      <c r="D2295" t="s">
        <v>77</v>
      </c>
      <c r="E2295" s="8" t="s">
        <v>12</v>
      </c>
      <c r="F2295" t="s">
        <v>66</v>
      </c>
      <c r="G2295" t="s">
        <v>79</v>
      </c>
      <c r="H2295" t="s">
        <v>66</v>
      </c>
      <c r="I2295" s="8">
        <v>2027</v>
      </c>
      <c r="J2295" t="s">
        <v>15</v>
      </c>
      <c r="K2295" s="10">
        <v>6</v>
      </c>
      <c r="L2295">
        <v>8</v>
      </c>
      <c r="M2295" s="10"/>
      <c r="N2295">
        <v>0</v>
      </c>
    </row>
    <row r="2296" spans="1:14" hidden="1">
      <c r="A2296" s="7" t="s">
        <v>10</v>
      </c>
      <c r="B2296" s="8"/>
      <c r="C2296" s="8"/>
      <c r="D2296" t="s">
        <v>77</v>
      </c>
      <c r="E2296" s="8" t="s">
        <v>12</v>
      </c>
      <c r="F2296" t="s">
        <v>66</v>
      </c>
      <c r="G2296" t="s">
        <v>79</v>
      </c>
      <c r="H2296" t="s">
        <v>66</v>
      </c>
      <c r="I2296" s="8">
        <v>2027</v>
      </c>
      <c r="J2296" t="s">
        <v>50</v>
      </c>
      <c r="K2296" s="10"/>
      <c r="M2296" s="10"/>
      <c r="N2296">
        <v>0</v>
      </c>
    </row>
    <row r="2297" spans="1:14" hidden="1">
      <c r="A2297" s="7" t="s">
        <v>10</v>
      </c>
      <c r="B2297" s="8"/>
      <c r="C2297" s="8"/>
      <c r="D2297" t="s">
        <v>77</v>
      </c>
      <c r="E2297" s="8" t="s">
        <v>12</v>
      </c>
      <c r="F2297" t="s">
        <v>66</v>
      </c>
      <c r="G2297" t="s">
        <v>19</v>
      </c>
      <c r="H2297" t="s">
        <v>66</v>
      </c>
      <c r="I2297" s="8">
        <v>2027</v>
      </c>
      <c r="J2297" t="s">
        <v>19</v>
      </c>
      <c r="K2297" s="10"/>
      <c r="M2297" s="10"/>
      <c r="N2297">
        <v>0</v>
      </c>
    </row>
    <row r="2298" spans="1:14" hidden="1">
      <c r="A2298" s="7" t="s">
        <v>10</v>
      </c>
      <c r="B2298" s="8"/>
      <c r="C2298" s="8"/>
      <c r="D2298" t="s">
        <v>77</v>
      </c>
      <c r="E2298" s="8" t="s">
        <v>12</v>
      </c>
      <c r="F2298" t="s">
        <v>66</v>
      </c>
      <c r="G2298" t="s">
        <v>78</v>
      </c>
      <c r="H2298" t="s">
        <v>66</v>
      </c>
      <c r="I2298" s="8">
        <v>2027</v>
      </c>
      <c r="J2298" t="s">
        <v>21</v>
      </c>
      <c r="K2298" s="10"/>
      <c r="M2298" s="10"/>
      <c r="N2298">
        <v>0</v>
      </c>
    </row>
    <row r="2299" spans="1:14" hidden="1">
      <c r="A2299" s="7" t="s">
        <v>10</v>
      </c>
      <c r="B2299" s="8"/>
      <c r="C2299" s="8"/>
      <c r="D2299" t="s">
        <v>77</v>
      </c>
      <c r="E2299" s="8" t="s">
        <v>12</v>
      </c>
      <c r="F2299" t="s">
        <v>66</v>
      </c>
      <c r="G2299" t="s">
        <v>78</v>
      </c>
      <c r="H2299" t="s">
        <v>66</v>
      </c>
      <c r="I2299" s="8">
        <v>2027</v>
      </c>
      <c r="J2299" t="s">
        <v>51</v>
      </c>
      <c r="K2299" s="10">
        <v>4247</v>
      </c>
      <c r="L2299">
        <v>850</v>
      </c>
      <c r="M2299" s="10">
        <v>3397</v>
      </c>
      <c r="N2299">
        <v>0</v>
      </c>
    </row>
    <row r="2300" spans="1:14" hidden="1">
      <c r="A2300" s="7" t="s">
        <v>10</v>
      </c>
      <c r="B2300" s="8"/>
      <c r="C2300" s="8"/>
      <c r="D2300" t="s">
        <v>77</v>
      </c>
      <c r="E2300" s="8" t="s">
        <v>12</v>
      </c>
      <c r="F2300" t="s">
        <v>66</v>
      </c>
      <c r="G2300" t="s">
        <v>78</v>
      </c>
      <c r="H2300" t="s">
        <v>66</v>
      </c>
      <c r="I2300" s="8">
        <v>2028</v>
      </c>
      <c r="J2300" t="s">
        <v>47</v>
      </c>
      <c r="K2300" s="10"/>
      <c r="M2300" s="10"/>
      <c r="N2300">
        <v>0</v>
      </c>
    </row>
    <row r="2301" spans="1:14" hidden="1">
      <c r="A2301" s="7" t="s">
        <v>10</v>
      </c>
      <c r="B2301" s="8"/>
      <c r="C2301" s="8"/>
      <c r="D2301" t="s">
        <v>77</v>
      </c>
      <c r="E2301" s="8" t="s">
        <v>12</v>
      </c>
      <c r="F2301" t="s">
        <v>66</v>
      </c>
      <c r="G2301" t="s">
        <v>78</v>
      </c>
      <c r="H2301" t="s">
        <v>66</v>
      </c>
      <c r="I2301" s="8">
        <v>2028</v>
      </c>
      <c r="J2301" t="s">
        <v>48</v>
      </c>
      <c r="K2301" s="10"/>
      <c r="M2301" s="10"/>
      <c r="N2301">
        <v>0</v>
      </c>
    </row>
    <row r="2302" spans="1:14" hidden="1">
      <c r="A2302" s="7" t="s">
        <v>10</v>
      </c>
      <c r="B2302" s="8"/>
      <c r="C2302" s="8"/>
      <c r="D2302" t="s">
        <v>77</v>
      </c>
      <c r="E2302" s="8" t="s">
        <v>12</v>
      </c>
      <c r="F2302" t="s">
        <v>66</v>
      </c>
      <c r="G2302" t="s">
        <v>78</v>
      </c>
      <c r="H2302" t="s">
        <v>66</v>
      </c>
      <c r="I2302" s="8">
        <v>2028</v>
      </c>
      <c r="J2302" t="s">
        <v>14</v>
      </c>
      <c r="K2302" s="10"/>
      <c r="M2302" s="10"/>
      <c r="N2302">
        <v>0</v>
      </c>
    </row>
    <row r="2303" spans="1:14" hidden="1">
      <c r="A2303" s="7" t="s">
        <v>10</v>
      </c>
      <c r="B2303" s="8"/>
      <c r="C2303" s="8"/>
      <c r="D2303" t="s">
        <v>77</v>
      </c>
      <c r="E2303" s="8" t="s">
        <v>12</v>
      </c>
      <c r="F2303" t="s">
        <v>66</v>
      </c>
      <c r="G2303" t="s">
        <v>78</v>
      </c>
      <c r="H2303" t="s">
        <v>66</v>
      </c>
      <c r="I2303" s="8">
        <v>2028</v>
      </c>
      <c r="J2303" t="s">
        <v>49</v>
      </c>
      <c r="K2303" s="10"/>
      <c r="M2303" s="10"/>
      <c r="N2303">
        <v>0</v>
      </c>
    </row>
    <row r="2304" spans="1:14" hidden="1">
      <c r="A2304" s="7" t="s">
        <v>10</v>
      </c>
      <c r="B2304" s="8"/>
      <c r="C2304" s="8"/>
      <c r="D2304" t="s">
        <v>77</v>
      </c>
      <c r="E2304" s="8" t="s">
        <v>12</v>
      </c>
      <c r="F2304" t="s">
        <v>66</v>
      </c>
      <c r="G2304" t="s">
        <v>79</v>
      </c>
      <c r="H2304" t="s">
        <v>66</v>
      </c>
      <c r="I2304" s="8">
        <v>2028</v>
      </c>
      <c r="J2304" t="s">
        <v>15</v>
      </c>
      <c r="K2304" s="10">
        <v>6</v>
      </c>
      <c r="L2304">
        <v>8</v>
      </c>
      <c r="M2304" s="10"/>
      <c r="N2304">
        <v>0</v>
      </c>
    </row>
    <row r="2305" spans="1:14" hidden="1">
      <c r="A2305" s="7" t="s">
        <v>10</v>
      </c>
      <c r="B2305" s="8"/>
      <c r="C2305" s="8"/>
      <c r="D2305" t="s">
        <v>77</v>
      </c>
      <c r="E2305" s="8" t="s">
        <v>12</v>
      </c>
      <c r="F2305" t="s">
        <v>66</v>
      </c>
      <c r="G2305" t="s">
        <v>79</v>
      </c>
      <c r="H2305" t="s">
        <v>66</v>
      </c>
      <c r="I2305" s="8">
        <v>2028</v>
      </c>
      <c r="J2305" t="s">
        <v>50</v>
      </c>
      <c r="K2305" s="10"/>
      <c r="M2305" s="10"/>
      <c r="N2305">
        <v>0</v>
      </c>
    </row>
    <row r="2306" spans="1:14" hidden="1">
      <c r="A2306" s="7" t="s">
        <v>10</v>
      </c>
      <c r="B2306" s="8"/>
      <c r="C2306" s="8"/>
      <c r="D2306" t="s">
        <v>77</v>
      </c>
      <c r="E2306" s="8" t="s">
        <v>12</v>
      </c>
      <c r="F2306" t="s">
        <v>66</v>
      </c>
      <c r="G2306" t="s">
        <v>19</v>
      </c>
      <c r="H2306" t="s">
        <v>66</v>
      </c>
      <c r="I2306" s="8">
        <v>2028</v>
      </c>
      <c r="J2306" t="s">
        <v>19</v>
      </c>
      <c r="K2306" s="10"/>
      <c r="M2306" s="10"/>
      <c r="N2306">
        <v>0</v>
      </c>
    </row>
    <row r="2307" spans="1:14" hidden="1">
      <c r="A2307" s="7" t="s">
        <v>10</v>
      </c>
      <c r="B2307" s="8"/>
      <c r="C2307" s="8"/>
      <c r="D2307" t="s">
        <v>77</v>
      </c>
      <c r="E2307" s="8" t="s">
        <v>12</v>
      </c>
      <c r="F2307" t="s">
        <v>66</v>
      </c>
      <c r="G2307" t="s">
        <v>78</v>
      </c>
      <c r="H2307" t="s">
        <v>66</v>
      </c>
      <c r="I2307" s="8">
        <v>2028</v>
      </c>
      <c r="J2307" t="s">
        <v>21</v>
      </c>
      <c r="K2307" s="10"/>
      <c r="M2307" s="10"/>
      <c r="N2307">
        <v>0</v>
      </c>
    </row>
    <row r="2308" spans="1:14" hidden="1">
      <c r="A2308" s="7" t="s">
        <v>10</v>
      </c>
      <c r="B2308" s="8"/>
      <c r="C2308" s="8"/>
      <c r="D2308" t="s">
        <v>77</v>
      </c>
      <c r="E2308" s="8" t="s">
        <v>12</v>
      </c>
      <c r="F2308" t="s">
        <v>66</v>
      </c>
      <c r="G2308" t="s">
        <v>78</v>
      </c>
      <c r="H2308" t="s">
        <v>66</v>
      </c>
      <c r="I2308" s="8">
        <v>2028</v>
      </c>
      <c r="J2308" t="s">
        <v>51</v>
      </c>
      <c r="K2308" s="10">
        <v>4247</v>
      </c>
      <c r="L2308">
        <v>850</v>
      </c>
      <c r="M2308" s="10">
        <v>3397</v>
      </c>
      <c r="N2308">
        <v>0</v>
      </c>
    </row>
    <row r="2309" spans="1:14" hidden="1">
      <c r="A2309" s="7" t="s">
        <v>10</v>
      </c>
      <c r="B2309" s="8"/>
      <c r="C2309" s="8"/>
      <c r="D2309" t="s">
        <v>77</v>
      </c>
      <c r="E2309" s="8" t="s">
        <v>12</v>
      </c>
      <c r="F2309" t="s">
        <v>66</v>
      </c>
      <c r="G2309" t="s">
        <v>78</v>
      </c>
      <c r="H2309" t="s">
        <v>66</v>
      </c>
      <c r="I2309" s="8">
        <v>2029</v>
      </c>
      <c r="J2309" t="s">
        <v>47</v>
      </c>
      <c r="K2309" s="10"/>
      <c r="M2309" s="10"/>
      <c r="N2309">
        <v>0</v>
      </c>
    </row>
    <row r="2310" spans="1:14" hidden="1">
      <c r="A2310" s="7" t="s">
        <v>10</v>
      </c>
      <c r="B2310" s="8"/>
      <c r="C2310" s="8"/>
      <c r="D2310" t="s">
        <v>77</v>
      </c>
      <c r="E2310" s="8" t="s">
        <v>12</v>
      </c>
      <c r="F2310" t="s">
        <v>66</v>
      </c>
      <c r="G2310" t="s">
        <v>78</v>
      </c>
      <c r="H2310" t="s">
        <v>66</v>
      </c>
      <c r="I2310" s="8">
        <v>2029</v>
      </c>
      <c r="J2310" t="s">
        <v>48</v>
      </c>
      <c r="K2310" s="10"/>
      <c r="M2310" s="10"/>
      <c r="N2310">
        <v>0</v>
      </c>
    </row>
    <row r="2311" spans="1:14" hidden="1">
      <c r="A2311" s="7" t="s">
        <v>10</v>
      </c>
      <c r="B2311" s="8"/>
      <c r="C2311" s="8"/>
      <c r="D2311" t="s">
        <v>77</v>
      </c>
      <c r="E2311" s="8" t="s">
        <v>12</v>
      </c>
      <c r="F2311" t="s">
        <v>66</v>
      </c>
      <c r="G2311" t="s">
        <v>78</v>
      </c>
      <c r="H2311" t="s">
        <v>66</v>
      </c>
      <c r="I2311" s="8">
        <v>2029</v>
      </c>
      <c r="J2311" t="s">
        <v>14</v>
      </c>
      <c r="K2311" s="10"/>
      <c r="M2311" s="10"/>
      <c r="N2311">
        <v>0</v>
      </c>
    </row>
    <row r="2312" spans="1:14" hidden="1">
      <c r="A2312" s="7" t="s">
        <v>10</v>
      </c>
      <c r="B2312" s="8"/>
      <c r="C2312" s="8"/>
      <c r="D2312" t="s">
        <v>77</v>
      </c>
      <c r="E2312" s="8" t="s">
        <v>12</v>
      </c>
      <c r="F2312" t="s">
        <v>66</v>
      </c>
      <c r="G2312" t="s">
        <v>78</v>
      </c>
      <c r="H2312" t="s">
        <v>66</v>
      </c>
      <c r="I2312" s="8">
        <v>2029</v>
      </c>
      <c r="J2312" t="s">
        <v>49</v>
      </c>
      <c r="K2312" s="10"/>
      <c r="M2312" s="10"/>
      <c r="N2312">
        <v>0</v>
      </c>
    </row>
    <row r="2313" spans="1:14" hidden="1">
      <c r="A2313" s="7" t="s">
        <v>10</v>
      </c>
      <c r="B2313" s="8"/>
      <c r="C2313" s="8"/>
      <c r="D2313" t="s">
        <v>77</v>
      </c>
      <c r="E2313" s="8" t="s">
        <v>12</v>
      </c>
      <c r="F2313" t="s">
        <v>66</v>
      </c>
      <c r="G2313" t="s">
        <v>79</v>
      </c>
      <c r="H2313" t="s">
        <v>66</v>
      </c>
      <c r="I2313" s="8">
        <v>2029</v>
      </c>
      <c r="J2313" t="s">
        <v>15</v>
      </c>
      <c r="K2313" s="10">
        <v>6</v>
      </c>
      <c r="L2313">
        <v>8</v>
      </c>
      <c r="M2313" s="10"/>
      <c r="N2313">
        <v>0</v>
      </c>
    </row>
    <row r="2314" spans="1:14" hidden="1">
      <c r="A2314" s="7" t="s">
        <v>10</v>
      </c>
      <c r="B2314" s="8"/>
      <c r="C2314" s="8"/>
      <c r="D2314" t="s">
        <v>77</v>
      </c>
      <c r="E2314" s="8" t="s">
        <v>12</v>
      </c>
      <c r="F2314" t="s">
        <v>66</v>
      </c>
      <c r="G2314" t="s">
        <v>79</v>
      </c>
      <c r="H2314" t="s">
        <v>66</v>
      </c>
      <c r="I2314" s="8">
        <v>2029</v>
      </c>
      <c r="J2314" t="s">
        <v>50</v>
      </c>
      <c r="K2314" s="10"/>
      <c r="M2314" s="10"/>
      <c r="N2314">
        <v>0</v>
      </c>
    </row>
    <row r="2315" spans="1:14" hidden="1">
      <c r="A2315" s="7" t="s">
        <v>10</v>
      </c>
      <c r="B2315" s="8"/>
      <c r="C2315" s="8"/>
      <c r="D2315" t="s">
        <v>77</v>
      </c>
      <c r="E2315" s="8" t="s">
        <v>12</v>
      </c>
      <c r="F2315" t="s">
        <v>66</v>
      </c>
      <c r="G2315" t="s">
        <v>19</v>
      </c>
      <c r="H2315" t="s">
        <v>66</v>
      </c>
      <c r="I2315" s="8">
        <v>2029</v>
      </c>
      <c r="J2315" t="s">
        <v>19</v>
      </c>
      <c r="K2315" s="10"/>
      <c r="M2315" s="10"/>
      <c r="N2315">
        <v>0</v>
      </c>
    </row>
    <row r="2316" spans="1:14" hidden="1">
      <c r="A2316" s="7" t="s">
        <v>10</v>
      </c>
      <c r="B2316" s="8"/>
      <c r="C2316" s="8"/>
      <c r="D2316" t="s">
        <v>77</v>
      </c>
      <c r="E2316" s="8" t="s">
        <v>12</v>
      </c>
      <c r="F2316" t="s">
        <v>66</v>
      </c>
      <c r="G2316" t="s">
        <v>78</v>
      </c>
      <c r="H2316" t="s">
        <v>66</v>
      </c>
      <c r="I2316" s="8">
        <v>2029</v>
      </c>
      <c r="J2316" t="s">
        <v>21</v>
      </c>
      <c r="K2316" s="10"/>
      <c r="M2316" s="10"/>
      <c r="N2316">
        <v>0</v>
      </c>
    </row>
    <row r="2317" spans="1:14" hidden="1">
      <c r="A2317" s="7" t="s">
        <v>10</v>
      </c>
      <c r="B2317" s="8"/>
      <c r="C2317" s="8"/>
      <c r="D2317" t="s">
        <v>77</v>
      </c>
      <c r="E2317" s="8" t="s">
        <v>12</v>
      </c>
      <c r="F2317" t="s">
        <v>66</v>
      </c>
      <c r="G2317" t="s">
        <v>78</v>
      </c>
      <c r="H2317" t="s">
        <v>66</v>
      </c>
      <c r="I2317" s="8">
        <v>2029</v>
      </c>
      <c r="J2317" t="s">
        <v>51</v>
      </c>
      <c r="K2317" s="10">
        <v>4247</v>
      </c>
      <c r="L2317">
        <v>850</v>
      </c>
      <c r="M2317" s="10">
        <v>3397</v>
      </c>
      <c r="N2317">
        <v>0</v>
      </c>
    </row>
    <row r="2318" spans="1:14" hidden="1">
      <c r="A2318" s="7" t="s">
        <v>10</v>
      </c>
      <c r="B2318" s="8"/>
      <c r="C2318" s="8"/>
      <c r="D2318" t="s">
        <v>77</v>
      </c>
      <c r="E2318" s="8" t="s">
        <v>12</v>
      </c>
      <c r="F2318" t="s">
        <v>66</v>
      </c>
      <c r="G2318" t="s">
        <v>78</v>
      </c>
      <c r="H2318" t="s">
        <v>66</v>
      </c>
      <c r="I2318" s="8">
        <v>2030</v>
      </c>
      <c r="J2318" t="s">
        <v>47</v>
      </c>
      <c r="K2318" s="10"/>
      <c r="M2318" s="10"/>
      <c r="N2318">
        <v>0</v>
      </c>
    </row>
    <row r="2319" spans="1:14" hidden="1">
      <c r="A2319" s="7" t="s">
        <v>10</v>
      </c>
      <c r="B2319" s="8"/>
      <c r="C2319" s="8"/>
      <c r="D2319" t="s">
        <v>77</v>
      </c>
      <c r="E2319" s="8" t="s">
        <v>12</v>
      </c>
      <c r="F2319" t="s">
        <v>66</v>
      </c>
      <c r="G2319" t="s">
        <v>78</v>
      </c>
      <c r="H2319" t="s">
        <v>66</v>
      </c>
      <c r="I2319" s="8">
        <v>2030</v>
      </c>
      <c r="J2319" t="s">
        <v>48</v>
      </c>
      <c r="K2319" s="10"/>
      <c r="M2319" s="10"/>
      <c r="N2319">
        <v>0</v>
      </c>
    </row>
    <row r="2320" spans="1:14" hidden="1">
      <c r="A2320" s="7" t="s">
        <v>10</v>
      </c>
      <c r="B2320" s="8"/>
      <c r="C2320" s="8"/>
      <c r="D2320" t="s">
        <v>77</v>
      </c>
      <c r="E2320" s="8" t="s">
        <v>12</v>
      </c>
      <c r="F2320" t="s">
        <v>66</v>
      </c>
      <c r="G2320" t="s">
        <v>78</v>
      </c>
      <c r="H2320" t="s">
        <v>66</v>
      </c>
      <c r="I2320" s="8">
        <v>2030</v>
      </c>
      <c r="J2320" t="s">
        <v>14</v>
      </c>
      <c r="K2320" s="10"/>
      <c r="M2320" s="10"/>
      <c r="N2320">
        <v>0</v>
      </c>
    </row>
    <row r="2321" spans="1:14" hidden="1">
      <c r="A2321" s="7" t="s">
        <v>10</v>
      </c>
      <c r="B2321" s="8"/>
      <c r="C2321" s="8"/>
      <c r="D2321" t="s">
        <v>77</v>
      </c>
      <c r="E2321" s="8" t="s">
        <v>12</v>
      </c>
      <c r="F2321" t="s">
        <v>66</v>
      </c>
      <c r="G2321" t="s">
        <v>78</v>
      </c>
      <c r="H2321" t="s">
        <v>66</v>
      </c>
      <c r="I2321" s="8">
        <v>2030</v>
      </c>
      <c r="J2321" t="s">
        <v>49</v>
      </c>
      <c r="K2321" s="10"/>
      <c r="M2321" s="10"/>
      <c r="N2321">
        <v>0</v>
      </c>
    </row>
    <row r="2322" spans="1:14" hidden="1">
      <c r="A2322" s="7" t="s">
        <v>10</v>
      </c>
      <c r="B2322" s="8"/>
      <c r="C2322" s="8"/>
      <c r="D2322" t="s">
        <v>77</v>
      </c>
      <c r="E2322" s="8" t="s">
        <v>12</v>
      </c>
      <c r="F2322" t="s">
        <v>66</v>
      </c>
      <c r="G2322" t="s">
        <v>79</v>
      </c>
      <c r="H2322" t="s">
        <v>66</v>
      </c>
      <c r="I2322" s="8">
        <v>2030</v>
      </c>
      <c r="J2322" t="s">
        <v>15</v>
      </c>
      <c r="K2322" s="10">
        <v>6</v>
      </c>
      <c r="L2322">
        <v>8</v>
      </c>
      <c r="M2322" s="10"/>
      <c r="N2322">
        <v>0</v>
      </c>
    </row>
    <row r="2323" spans="1:14" hidden="1">
      <c r="A2323" s="7" t="s">
        <v>10</v>
      </c>
      <c r="B2323" s="8"/>
      <c r="C2323" s="8"/>
      <c r="D2323" t="s">
        <v>77</v>
      </c>
      <c r="E2323" s="8" t="s">
        <v>12</v>
      </c>
      <c r="F2323" t="s">
        <v>66</v>
      </c>
      <c r="G2323" t="s">
        <v>79</v>
      </c>
      <c r="H2323" t="s">
        <v>66</v>
      </c>
      <c r="I2323" s="8">
        <v>2030</v>
      </c>
      <c r="J2323" t="s">
        <v>50</v>
      </c>
      <c r="K2323" s="10"/>
      <c r="M2323" s="10"/>
      <c r="N2323">
        <v>0</v>
      </c>
    </row>
    <row r="2324" spans="1:14" hidden="1">
      <c r="A2324" s="7" t="s">
        <v>10</v>
      </c>
      <c r="B2324" s="8"/>
      <c r="C2324" s="8"/>
      <c r="D2324" t="s">
        <v>77</v>
      </c>
      <c r="E2324" s="8" t="s">
        <v>12</v>
      </c>
      <c r="F2324" t="s">
        <v>66</v>
      </c>
      <c r="G2324" t="s">
        <v>19</v>
      </c>
      <c r="H2324" t="s">
        <v>66</v>
      </c>
      <c r="I2324" s="8">
        <v>2030</v>
      </c>
      <c r="J2324" t="s">
        <v>19</v>
      </c>
      <c r="K2324" s="10"/>
      <c r="M2324" s="10"/>
      <c r="N2324">
        <v>0</v>
      </c>
    </row>
    <row r="2325" spans="1:14" hidden="1">
      <c r="A2325" s="7" t="s">
        <v>10</v>
      </c>
      <c r="B2325" s="8"/>
      <c r="C2325" s="8"/>
      <c r="D2325" t="s">
        <v>77</v>
      </c>
      <c r="E2325" s="8" t="s">
        <v>12</v>
      </c>
      <c r="F2325" t="s">
        <v>66</v>
      </c>
      <c r="G2325" t="s">
        <v>78</v>
      </c>
      <c r="H2325" t="s">
        <v>66</v>
      </c>
      <c r="I2325" s="8">
        <v>2030</v>
      </c>
      <c r="J2325" t="s">
        <v>21</v>
      </c>
      <c r="K2325" s="10"/>
      <c r="M2325" s="10"/>
      <c r="N2325">
        <v>0</v>
      </c>
    </row>
    <row r="2326" spans="1:14" hidden="1">
      <c r="A2326" s="7" t="s">
        <v>10</v>
      </c>
      <c r="B2326" s="8"/>
      <c r="C2326" s="8"/>
      <c r="D2326" t="s">
        <v>77</v>
      </c>
      <c r="E2326" s="8" t="s">
        <v>12</v>
      </c>
      <c r="F2326" t="s">
        <v>66</v>
      </c>
      <c r="G2326" t="s">
        <v>78</v>
      </c>
      <c r="H2326" t="s">
        <v>66</v>
      </c>
      <c r="I2326" s="8">
        <v>2030</v>
      </c>
      <c r="J2326" t="s">
        <v>51</v>
      </c>
      <c r="K2326" s="10">
        <v>4247</v>
      </c>
      <c r="L2326">
        <v>850</v>
      </c>
      <c r="M2326" s="10">
        <v>3397</v>
      </c>
      <c r="N2326">
        <v>0</v>
      </c>
    </row>
    <row r="2327" spans="1:14" hidden="1">
      <c r="A2327" s="7" t="s">
        <v>10</v>
      </c>
      <c r="B2327" s="8"/>
      <c r="C2327" s="8"/>
      <c r="D2327" t="s">
        <v>77</v>
      </c>
      <c r="E2327" s="8" t="s">
        <v>12</v>
      </c>
      <c r="F2327" t="s">
        <v>66</v>
      </c>
      <c r="G2327" t="s">
        <v>78</v>
      </c>
      <c r="H2327" t="s">
        <v>66</v>
      </c>
      <c r="I2327" s="8">
        <v>2031</v>
      </c>
      <c r="J2327" t="s">
        <v>47</v>
      </c>
      <c r="K2327" s="10"/>
      <c r="M2327" s="10"/>
      <c r="N2327">
        <v>0</v>
      </c>
    </row>
    <row r="2328" spans="1:14" hidden="1">
      <c r="A2328" s="7" t="s">
        <v>10</v>
      </c>
      <c r="B2328" s="8"/>
      <c r="C2328" s="8"/>
      <c r="D2328" t="s">
        <v>77</v>
      </c>
      <c r="E2328" s="8" t="s">
        <v>12</v>
      </c>
      <c r="F2328" t="s">
        <v>66</v>
      </c>
      <c r="G2328" t="s">
        <v>78</v>
      </c>
      <c r="H2328" t="s">
        <v>66</v>
      </c>
      <c r="I2328" s="8">
        <v>2031</v>
      </c>
      <c r="J2328" t="s">
        <v>48</v>
      </c>
      <c r="K2328" s="10"/>
      <c r="M2328" s="10"/>
      <c r="N2328">
        <v>0</v>
      </c>
    </row>
    <row r="2329" spans="1:14" hidden="1">
      <c r="A2329" s="7" t="s">
        <v>10</v>
      </c>
      <c r="B2329" s="8"/>
      <c r="C2329" s="8"/>
      <c r="D2329" t="s">
        <v>77</v>
      </c>
      <c r="E2329" s="8" t="s">
        <v>12</v>
      </c>
      <c r="F2329" t="s">
        <v>66</v>
      </c>
      <c r="G2329" t="s">
        <v>78</v>
      </c>
      <c r="H2329" t="s">
        <v>66</v>
      </c>
      <c r="I2329" s="8">
        <v>2031</v>
      </c>
      <c r="J2329" t="s">
        <v>14</v>
      </c>
      <c r="K2329" s="10"/>
      <c r="M2329" s="10"/>
      <c r="N2329">
        <v>0</v>
      </c>
    </row>
    <row r="2330" spans="1:14" hidden="1">
      <c r="A2330" s="7" t="s">
        <v>10</v>
      </c>
      <c r="B2330" s="8"/>
      <c r="C2330" s="8"/>
      <c r="D2330" t="s">
        <v>77</v>
      </c>
      <c r="E2330" s="8" t="s">
        <v>12</v>
      </c>
      <c r="F2330" t="s">
        <v>66</v>
      </c>
      <c r="G2330" t="s">
        <v>78</v>
      </c>
      <c r="H2330" t="s">
        <v>66</v>
      </c>
      <c r="I2330" s="8">
        <v>2031</v>
      </c>
      <c r="J2330" t="s">
        <v>49</v>
      </c>
      <c r="K2330" s="10"/>
      <c r="M2330" s="10"/>
      <c r="N2330">
        <v>0</v>
      </c>
    </row>
    <row r="2331" spans="1:14" hidden="1">
      <c r="A2331" s="7" t="s">
        <v>10</v>
      </c>
      <c r="B2331" s="8"/>
      <c r="C2331" s="8"/>
      <c r="D2331" t="s">
        <v>77</v>
      </c>
      <c r="E2331" s="8" t="s">
        <v>12</v>
      </c>
      <c r="F2331" t="s">
        <v>66</v>
      </c>
      <c r="G2331" t="s">
        <v>79</v>
      </c>
      <c r="H2331" t="s">
        <v>66</v>
      </c>
      <c r="I2331" s="8">
        <v>2031</v>
      </c>
      <c r="J2331" t="s">
        <v>15</v>
      </c>
      <c r="K2331" s="10">
        <v>6</v>
      </c>
      <c r="L2331">
        <v>8</v>
      </c>
      <c r="M2331" s="10"/>
      <c r="N2331">
        <v>0</v>
      </c>
    </row>
    <row r="2332" spans="1:14" hidden="1">
      <c r="A2332" s="7" t="s">
        <v>10</v>
      </c>
      <c r="B2332" s="8"/>
      <c r="C2332" s="8"/>
      <c r="D2332" t="s">
        <v>77</v>
      </c>
      <c r="E2332" s="8" t="s">
        <v>12</v>
      </c>
      <c r="F2332" t="s">
        <v>66</v>
      </c>
      <c r="G2332" t="s">
        <v>79</v>
      </c>
      <c r="H2332" t="s">
        <v>66</v>
      </c>
      <c r="I2332" s="8">
        <v>2031</v>
      </c>
      <c r="J2332" t="s">
        <v>50</v>
      </c>
      <c r="K2332" s="10"/>
      <c r="M2332" s="10"/>
      <c r="N2332">
        <v>0</v>
      </c>
    </row>
    <row r="2333" spans="1:14" hidden="1">
      <c r="A2333" s="7" t="s">
        <v>10</v>
      </c>
      <c r="B2333" s="8"/>
      <c r="C2333" s="8"/>
      <c r="D2333" t="s">
        <v>77</v>
      </c>
      <c r="E2333" s="8" t="s">
        <v>12</v>
      </c>
      <c r="F2333" t="s">
        <v>66</v>
      </c>
      <c r="G2333" t="s">
        <v>19</v>
      </c>
      <c r="H2333" t="s">
        <v>66</v>
      </c>
      <c r="I2333" s="8">
        <v>2031</v>
      </c>
      <c r="J2333" t="s">
        <v>19</v>
      </c>
      <c r="K2333" s="10"/>
      <c r="M2333" s="10"/>
      <c r="N2333">
        <v>0</v>
      </c>
    </row>
    <row r="2334" spans="1:14" hidden="1">
      <c r="A2334" s="7" t="s">
        <v>10</v>
      </c>
      <c r="B2334" s="8"/>
      <c r="C2334" s="8"/>
      <c r="D2334" t="s">
        <v>77</v>
      </c>
      <c r="E2334" s="8" t="s">
        <v>12</v>
      </c>
      <c r="F2334" t="s">
        <v>66</v>
      </c>
      <c r="G2334" t="s">
        <v>78</v>
      </c>
      <c r="H2334" t="s">
        <v>66</v>
      </c>
      <c r="I2334" s="8">
        <v>2031</v>
      </c>
      <c r="J2334" t="s">
        <v>21</v>
      </c>
      <c r="K2334" s="10"/>
      <c r="M2334" s="10"/>
      <c r="N2334">
        <v>0</v>
      </c>
    </row>
    <row r="2335" spans="1:14" hidden="1">
      <c r="A2335" s="7" t="s">
        <v>10</v>
      </c>
      <c r="B2335" s="8"/>
      <c r="C2335" s="8"/>
      <c r="D2335" t="s">
        <v>77</v>
      </c>
      <c r="E2335" s="8" t="s">
        <v>12</v>
      </c>
      <c r="F2335" t="s">
        <v>66</v>
      </c>
      <c r="G2335" t="s">
        <v>78</v>
      </c>
      <c r="H2335" t="s">
        <v>66</v>
      </c>
      <c r="I2335" s="8">
        <v>2031</v>
      </c>
      <c r="J2335" t="s">
        <v>51</v>
      </c>
      <c r="K2335" s="10">
        <v>4247</v>
      </c>
      <c r="L2335">
        <v>850</v>
      </c>
      <c r="M2335" s="10">
        <v>3397</v>
      </c>
      <c r="N2335">
        <v>0</v>
      </c>
    </row>
    <row r="2336" spans="1:14" hidden="1">
      <c r="A2336" s="7" t="s">
        <v>10</v>
      </c>
      <c r="B2336" s="8"/>
      <c r="C2336" s="8"/>
      <c r="D2336" t="s">
        <v>77</v>
      </c>
      <c r="E2336" s="8" t="s">
        <v>12</v>
      </c>
      <c r="F2336" t="s">
        <v>66</v>
      </c>
      <c r="G2336" t="s">
        <v>78</v>
      </c>
      <c r="H2336" t="s">
        <v>66</v>
      </c>
      <c r="I2336" s="8">
        <v>2032</v>
      </c>
      <c r="J2336" t="s">
        <v>47</v>
      </c>
      <c r="K2336" s="10"/>
      <c r="M2336" s="10"/>
      <c r="N2336">
        <v>0</v>
      </c>
    </row>
    <row r="2337" spans="1:14" hidden="1">
      <c r="A2337" s="7" t="s">
        <v>10</v>
      </c>
      <c r="B2337" s="8"/>
      <c r="C2337" s="8"/>
      <c r="D2337" t="s">
        <v>77</v>
      </c>
      <c r="E2337" s="8" t="s">
        <v>12</v>
      </c>
      <c r="F2337" t="s">
        <v>66</v>
      </c>
      <c r="G2337" t="s">
        <v>78</v>
      </c>
      <c r="H2337" t="s">
        <v>66</v>
      </c>
      <c r="I2337" s="8">
        <v>2032</v>
      </c>
      <c r="J2337" t="s">
        <v>48</v>
      </c>
      <c r="K2337" s="10"/>
      <c r="M2337" s="10"/>
      <c r="N2337">
        <v>0</v>
      </c>
    </row>
    <row r="2338" spans="1:14" hidden="1">
      <c r="A2338" s="7" t="s">
        <v>10</v>
      </c>
      <c r="B2338" s="8"/>
      <c r="C2338" s="8"/>
      <c r="D2338" t="s">
        <v>77</v>
      </c>
      <c r="E2338" s="8" t="s">
        <v>12</v>
      </c>
      <c r="F2338" t="s">
        <v>66</v>
      </c>
      <c r="G2338" t="s">
        <v>78</v>
      </c>
      <c r="H2338" t="s">
        <v>66</v>
      </c>
      <c r="I2338" s="8">
        <v>2032</v>
      </c>
      <c r="J2338" t="s">
        <v>14</v>
      </c>
      <c r="K2338" s="10"/>
      <c r="M2338" s="10"/>
      <c r="N2338">
        <v>0</v>
      </c>
    </row>
    <row r="2339" spans="1:14" hidden="1">
      <c r="A2339" s="7" t="s">
        <v>10</v>
      </c>
      <c r="B2339" s="8"/>
      <c r="C2339" s="8"/>
      <c r="D2339" t="s">
        <v>77</v>
      </c>
      <c r="E2339" s="8" t="s">
        <v>12</v>
      </c>
      <c r="F2339" t="s">
        <v>66</v>
      </c>
      <c r="G2339" t="s">
        <v>78</v>
      </c>
      <c r="H2339" t="s">
        <v>66</v>
      </c>
      <c r="I2339" s="8">
        <v>2032</v>
      </c>
      <c r="J2339" t="s">
        <v>49</v>
      </c>
      <c r="K2339" s="10"/>
      <c r="M2339" s="10"/>
      <c r="N2339">
        <v>0</v>
      </c>
    </row>
    <row r="2340" spans="1:14" hidden="1">
      <c r="A2340" s="7" t="s">
        <v>10</v>
      </c>
      <c r="B2340" s="8"/>
      <c r="C2340" s="8"/>
      <c r="D2340" t="s">
        <v>77</v>
      </c>
      <c r="E2340" s="8" t="s">
        <v>12</v>
      </c>
      <c r="F2340" t="s">
        <v>66</v>
      </c>
      <c r="G2340" t="s">
        <v>79</v>
      </c>
      <c r="H2340" t="s">
        <v>66</v>
      </c>
      <c r="I2340" s="8">
        <v>2032</v>
      </c>
      <c r="J2340" t="s">
        <v>15</v>
      </c>
      <c r="K2340" s="10">
        <v>6</v>
      </c>
      <c r="L2340">
        <v>8</v>
      </c>
      <c r="M2340" s="10"/>
      <c r="N2340">
        <v>0</v>
      </c>
    </row>
    <row r="2341" spans="1:14" hidden="1">
      <c r="A2341" s="7" t="s">
        <v>10</v>
      </c>
      <c r="B2341" s="8"/>
      <c r="C2341" s="8"/>
      <c r="D2341" t="s">
        <v>77</v>
      </c>
      <c r="E2341" s="8" t="s">
        <v>12</v>
      </c>
      <c r="F2341" t="s">
        <v>66</v>
      </c>
      <c r="G2341" t="s">
        <v>79</v>
      </c>
      <c r="H2341" t="s">
        <v>66</v>
      </c>
      <c r="I2341" s="8">
        <v>2032</v>
      </c>
      <c r="J2341" t="s">
        <v>50</v>
      </c>
      <c r="K2341" s="10"/>
      <c r="M2341" s="10"/>
      <c r="N2341">
        <v>0</v>
      </c>
    </row>
    <row r="2342" spans="1:14" hidden="1">
      <c r="A2342" s="7" t="s">
        <v>10</v>
      </c>
      <c r="B2342" s="8"/>
      <c r="C2342" s="8"/>
      <c r="D2342" t="s">
        <v>77</v>
      </c>
      <c r="E2342" s="8" t="s">
        <v>12</v>
      </c>
      <c r="F2342" t="s">
        <v>66</v>
      </c>
      <c r="G2342" t="s">
        <v>19</v>
      </c>
      <c r="H2342" t="s">
        <v>66</v>
      </c>
      <c r="I2342" s="8">
        <v>2032</v>
      </c>
      <c r="J2342" t="s">
        <v>19</v>
      </c>
      <c r="K2342" s="10"/>
      <c r="M2342" s="10"/>
      <c r="N2342">
        <v>0</v>
      </c>
    </row>
    <row r="2343" spans="1:14" hidden="1">
      <c r="A2343" s="7" t="s">
        <v>10</v>
      </c>
      <c r="B2343" s="8"/>
      <c r="C2343" s="8"/>
      <c r="D2343" t="s">
        <v>77</v>
      </c>
      <c r="E2343" s="8" t="s">
        <v>12</v>
      </c>
      <c r="F2343" t="s">
        <v>66</v>
      </c>
      <c r="G2343" t="s">
        <v>78</v>
      </c>
      <c r="H2343" t="s">
        <v>66</v>
      </c>
      <c r="I2343" s="8">
        <v>2032</v>
      </c>
      <c r="J2343" t="s">
        <v>21</v>
      </c>
      <c r="K2343" s="10"/>
      <c r="M2343" s="10"/>
      <c r="N2343">
        <v>0</v>
      </c>
    </row>
    <row r="2344" spans="1:14" hidden="1">
      <c r="A2344" s="7" t="s">
        <v>10</v>
      </c>
      <c r="B2344" s="8"/>
      <c r="C2344" s="8"/>
      <c r="D2344" t="s">
        <v>77</v>
      </c>
      <c r="E2344" s="8" t="s">
        <v>12</v>
      </c>
      <c r="F2344" t="s">
        <v>66</v>
      </c>
      <c r="G2344" t="s">
        <v>78</v>
      </c>
      <c r="H2344" t="s">
        <v>66</v>
      </c>
      <c r="I2344" s="8">
        <v>2032</v>
      </c>
      <c r="J2344" t="s">
        <v>51</v>
      </c>
      <c r="K2344" s="10">
        <v>4247</v>
      </c>
      <c r="L2344">
        <v>850</v>
      </c>
      <c r="M2344" s="10">
        <v>3397</v>
      </c>
      <c r="N2344">
        <v>0</v>
      </c>
    </row>
    <row r="2345" spans="1:14" hidden="1">
      <c r="A2345" s="7" t="s">
        <v>10</v>
      </c>
      <c r="B2345" s="8"/>
      <c r="C2345" s="8"/>
      <c r="D2345" t="s">
        <v>77</v>
      </c>
      <c r="E2345" s="8" t="s">
        <v>12</v>
      </c>
      <c r="F2345" t="s">
        <v>66</v>
      </c>
      <c r="G2345" t="s">
        <v>78</v>
      </c>
      <c r="H2345" t="s">
        <v>66</v>
      </c>
      <c r="I2345" s="8">
        <v>2033</v>
      </c>
      <c r="J2345" t="s">
        <v>47</v>
      </c>
      <c r="K2345" s="10"/>
      <c r="M2345" s="10"/>
      <c r="N2345">
        <v>0</v>
      </c>
    </row>
    <row r="2346" spans="1:14" hidden="1">
      <c r="A2346" s="7" t="s">
        <v>10</v>
      </c>
      <c r="B2346" s="8"/>
      <c r="C2346" s="8"/>
      <c r="D2346" t="s">
        <v>77</v>
      </c>
      <c r="E2346" s="8" t="s">
        <v>12</v>
      </c>
      <c r="F2346" t="s">
        <v>66</v>
      </c>
      <c r="G2346" t="s">
        <v>78</v>
      </c>
      <c r="H2346" t="s">
        <v>66</v>
      </c>
      <c r="I2346" s="8">
        <v>2033</v>
      </c>
      <c r="J2346" t="s">
        <v>48</v>
      </c>
      <c r="K2346" s="10"/>
      <c r="M2346" s="10"/>
      <c r="N2346">
        <v>0</v>
      </c>
    </row>
    <row r="2347" spans="1:14" hidden="1">
      <c r="A2347" s="7" t="s">
        <v>10</v>
      </c>
      <c r="B2347" s="8"/>
      <c r="C2347" s="8"/>
      <c r="D2347" t="s">
        <v>77</v>
      </c>
      <c r="E2347" s="8" t="s">
        <v>12</v>
      </c>
      <c r="F2347" t="s">
        <v>66</v>
      </c>
      <c r="G2347" t="s">
        <v>78</v>
      </c>
      <c r="H2347" t="s">
        <v>66</v>
      </c>
      <c r="I2347" s="8">
        <v>2033</v>
      </c>
      <c r="J2347" t="s">
        <v>14</v>
      </c>
      <c r="K2347" s="10"/>
      <c r="M2347" s="10"/>
      <c r="N2347">
        <v>0</v>
      </c>
    </row>
    <row r="2348" spans="1:14" hidden="1">
      <c r="A2348" s="7" t="s">
        <v>10</v>
      </c>
      <c r="B2348" s="8"/>
      <c r="C2348" s="8"/>
      <c r="D2348" t="s">
        <v>77</v>
      </c>
      <c r="E2348" s="8" t="s">
        <v>12</v>
      </c>
      <c r="F2348" t="s">
        <v>66</v>
      </c>
      <c r="G2348" t="s">
        <v>78</v>
      </c>
      <c r="H2348" t="s">
        <v>66</v>
      </c>
      <c r="I2348" s="8">
        <v>2033</v>
      </c>
      <c r="J2348" t="s">
        <v>49</v>
      </c>
      <c r="K2348" s="10"/>
      <c r="M2348" s="10"/>
      <c r="N2348">
        <v>0</v>
      </c>
    </row>
    <row r="2349" spans="1:14" hidden="1">
      <c r="A2349" s="7" t="s">
        <v>10</v>
      </c>
      <c r="B2349" s="8"/>
      <c r="C2349" s="8"/>
      <c r="D2349" t="s">
        <v>77</v>
      </c>
      <c r="E2349" s="8" t="s">
        <v>12</v>
      </c>
      <c r="F2349" t="s">
        <v>66</v>
      </c>
      <c r="G2349" t="s">
        <v>79</v>
      </c>
      <c r="H2349" t="s">
        <v>66</v>
      </c>
      <c r="I2349" s="8">
        <v>2033</v>
      </c>
      <c r="J2349" t="s">
        <v>15</v>
      </c>
      <c r="K2349" s="10">
        <v>6</v>
      </c>
      <c r="L2349">
        <v>8</v>
      </c>
      <c r="M2349" s="10"/>
      <c r="N2349">
        <v>0</v>
      </c>
    </row>
    <row r="2350" spans="1:14" hidden="1">
      <c r="A2350" s="7" t="s">
        <v>10</v>
      </c>
      <c r="B2350" s="8"/>
      <c r="C2350" s="8"/>
      <c r="D2350" t="s">
        <v>77</v>
      </c>
      <c r="E2350" s="8" t="s">
        <v>12</v>
      </c>
      <c r="F2350" t="s">
        <v>66</v>
      </c>
      <c r="G2350" t="s">
        <v>79</v>
      </c>
      <c r="H2350" t="s">
        <v>66</v>
      </c>
      <c r="I2350" s="8">
        <v>2033</v>
      </c>
      <c r="J2350" t="s">
        <v>50</v>
      </c>
      <c r="K2350" s="10"/>
      <c r="M2350" s="10"/>
      <c r="N2350">
        <v>0</v>
      </c>
    </row>
    <row r="2351" spans="1:14" hidden="1">
      <c r="A2351" s="7" t="s">
        <v>10</v>
      </c>
      <c r="B2351" s="8"/>
      <c r="C2351" s="8"/>
      <c r="D2351" t="s">
        <v>77</v>
      </c>
      <c r="E2351" s="8" t="s">
        <v>12</v>
      </c>
      <c r="F2351" t="s">
        <v>66</v>
      </c>
      <c r="G2351" t="s">
        <v>19</v>
      </c>
      <c r="H2351" t="s">
        <v>66</v>
      </c>
      <c r="I2351" s="8">
        <v>2033</v>
      </c>
      <c r="J2351" t="s">
        <v>19</v>
      </c>
      <c r="K2351" s="10"/>
      <c r="M2351" s="10"/>
      <c r="N2351">
        <v>0</v>
      </c>
    </row>
    <row r="2352" spans="1:14" hidden="1">
      <c r="A2352" s="7" t="s">
        <v>10</v>
      </c>
      <c r="B2352" s="8"/>
      <c r="C2352" s="8"/>
      <c r="D2352" t="s">
        <v>77</v>
      </c>
      <c r="E2352" s="8" t="s">
        <v>12</v>
      </c>
      <c r="F2352" t="s">
        <v>66</v>
      </c>
      <c r="G2352" t="s">
        <v>78</v>
      </c>
      <c r="H2352" t="s">
        <v>66</v>
      </c>
      <c r="I2352" s="8">
        <v>2033</v>
      </c>
      <c r="J2352" t="s">
        <v>21</v>
      </c>
      <c r="K2352" s="10"/>
      <c r="M2352" s="10"/>
      <c r="N2352">
        <v>0</v>
      </c>
    </row>
    <row r="2353" spans="1:14" hidden="1">
      <c r="A2353" s="7" t="s">
        <v>10</v>
      </c>
      <c r="B2353" s="8"/>
      <c r="C2353" s="8"/>
      <c r="D2353" t="s">
        <v>77</v>
      </c>
      <c r="E2353" s="8" t="s">
        <v>12</v>
      </c>
      <c r="F2353" t="s">
        <v>66</v>
      </c>
      <c r="G2353" t="s">
        <v>78</v>
      </c>
      <c r="H2353" t="s">
        <v>66</v>
      </c>
      <c r="I2353" s="8">
        <v>2033</v>
      </c>
      <c r="J2353" t="s">
        <v>51</v>
      </c>
      <c r="K2353" s="10">
        <v>4247</v>
      </c>
      <c r="L2353">
        <v>850</v>
      </c>
      <c r="M2353" s="10">
        <v>3397</v>
      </c>
      <c r="N2353">
        <v>0</v>
      </c>
    </row>
    <row r="2354" spans="1:14">
      <c r="A2354" s="7" t="s">
        <v>10</v>
      </c>
      <c r="B2354" s="8"/>
      <c r="C2354" s="8"/>
      <c r="D2354" t="s">
        <v>77</v>
      </c>
      <c r="E2354" s="8" t="s">
        <v>12</v>
      </c>
      <c r="F2354" t="s">
        <v>66</v>
      </c>
      <c r="G2354" t="s">
        <v>78</v>
      </c>
      <c r="H2354" t="s">
        <v>66</v>
      </c>
      <c r="I2354" s="8">
        <v>2025</v>
      </c>
      <c r="J2354" t="s">
        <v>47</v>
      </c>
      <c r="K2354" s="10"/>
      <c r="M2354" s="10"/>
      <c r="N2354">
        <v>0</v>
      </c>
    </row>
    <row r="2355" spans="1:14">
      <c r="A2355" s="7" t="s">
        <v>10</v>
      </c>
      <c r="B2355" s="8"/>
      <c r="C2355" s="8"/>
      <c r="D2355" t="s">
        <v>77</v>
      </c>
      <c r="E2355" s="8" t="s">
        <v>12</v>
      </c>
      <c r="F2355" t="s">
        <v>66</v>
      </c>
      <c r="G2355" t="s">
        <v>78</v>
      </c>
      <c r="H2355" t="s">
        <v>66</v>
      </c>
      <c r="I2355" s="8">
        <v>2025</v>
      </c>
      <c r="J2355" t="s">
        <v>48</v>
      </c>
      <c r="K2355" s="10"/>
      <c r="M2355" s="10"/>
      <c r="N2355">
        <v>0</v>
      </c>
    </row>
    <row r="2356" spans="1:14">
      <c r="A2356" s="7" t="s">
        <v>10</v>
      </c>
      <c r="B2356" s="8"/>
      <c r="C2356" s="8"/>
      <c r="D2356" t="s">
        <v>77</v>
      </c>
      <c r="E2356" s="8" t="s">
        <v>12</v>
      </c>
      <c r="F2356" t="s">
        <v>66</v>
      </c>
      <c r="G2356" t="s">
        <v>78</v>
      </c>
      <c r="H2356" t="s">
        <v>66</v>
      </c>
      <c r="I2356" s="8">
        <v>2025</v>
      </c>
      <c r="J2356" t="s">
        <v>14</v>
      </c>
      <c r="K2356" s="10"/>
      <c r="M2356" s="10"/>
      <c r="N2356">
        <v>0</v>
      </c>
    </row>
    <row r="2357" spans="1:14">
      <c r="A2357" s="7" t="s">
        <v>10</v>
      </c>
      <c r="B2357" s="8"/>
      <c r="C2357" s="8"/>
      <c r="D2357" t="s">
        <v>77</v>
      </c>
      <c r="E2357" s="8" t="s">
        <v>12</v>
      </c>
      <c r="F2357" t="s">
        <v>66</v>
      </c>
      <c r="G2357" t="s">
        <v>78</v>
      </c>
      <c r="H2357" t="s">
        <v>66</v>
      </c>
      <c r="I2357" s="8">
        <v>2025</v>
      </c>
      <c r="J2357" t="s">
        <v>49</v>
      </c>
      <c r="K2357" s="10"/>
      <c r="M2357" s="10"/>
      <c r="N2357">
        <v>0</v>
      </c>
    </row>
    <row r="2358" spans="1:14">
      <c r="A2358" s="7" t="s">
        <v>10</v>
      </c>
      <c r="B2358" s="8"/>
      <c r="C2358" s="8"/>
      <c r="D2358" t="s">
        <v>77</v>
      </c>
      <c r="E2358" s="8" t="s">
        <v>12</v>
      </c>
      <c r="F2358" t="s">
        <v>66</v>
      </c>
      <c r="G2358" t="s">
        <v>79</v>
      </c>
      <c r="H2358" t="s">
        <v>66</v>
      </c>
      <c r="I2358" s="8">
        <v>2025</v>
      </c>
      <c r="J2358" t="s">
        <v>15</v>
      </c>
      <c r="K2358" s="10"/>
      <c r="M2358" s="10"/>
      <c r="N2358">
        <v>0</v>
      </c>
    </row>
    <row r="2359" spans="1:14">
      <c r="A2359" s="7" t="s">
        <v>10</v>
      </c>
      <c r="B2359" s="8"/>
      <c r="C2359" s="8"/>
      <c r="D2359" t="s">
        <v>77</v>
      </c>
      <c r="E2359" s="8" t="s">
        <v>12</v>
      </c>
      <c r="F2359" t="s">
        <v>66</v>
      </c>
      <c r="G2359" t="s">
        <v>79</v>
      </c>
      <c r="H2359" t="s">
        <v>66</v>
      </c>
      <c r="I2359" s="8">
        <v>2025</v>
      </c>
      <c r="J2359" t="s">
        <v>50</v>
      </c>
      <c r="K2359" s="10"/>
      <c r="M2359" s="10"/>
      <c r="N2359">
        <v>0</v>
      </c>
    </row>
    <row r="2360" spans="1:14">
      <c r="A2360" s="7" t="s">
        <v>10</v>
      </c>
      <c r="B2360" s="8"/>
      <c r="C2360" s="8"/>
      <c r="D2360" t="s">
        <v>77</v>
      </c>
      <c r="E2360" s="8" t="s">
        <v>12</v>
      </c>
      <c r="F2360" t="s">
        <v>66</v>
      </c>
      <c r="G2360" t="s">
        <v>19</v>
      </c>
      <c r="H2360" t="s">
        <v>66</v>
      </c>
      <c r="I2360" s="8">
        <v>2025</v>
      </c>
      <c r="J2360" t="s">
        <v>19</v>
      </c>
      <c r="K2360" s="10"/>
      <c r="M2360" s="10"/>
      <c r="N2360">
        <v>0</v>
      </c>
    </row>
    <row r="2361" spans="1:14">
      <c r="A2361" s="7" t="s">
        <v>10</v>
      </c>
      <c r="B2361" s="8"/>
      <c r="C2361" s="8"/>
      <c r="D2361" t="s">
        <v>77</v>
      </c>
      <c r="E2361" s="8" t="s">
        <v>12</v>
      </c>
      <c r="F2361" t="s">
        <v>66</v>
      </c>
      <c r="G2361" t="s">
        <v>78</v>
      </c>
      <c r="H2361" t="s">
        <v>66</v>
      </c>
      <c r="I2361" s="8">
        <v>2025</v>
      </c>
      <c r="J2361" t="s">
        <v>21</v>
      </c>
      <c r="K2361" s="10"/>
      <c r="M2361" s="10"/>
      <c r="N2361">
        <v>0</v>
      </c>
    </row>
    <row r="2362" spans="1:14">
      <c r="A2362" s="7" t="s">
        <v>10</v>
      </c>
      <c r="B2362" s="8"/>
      <c r="C2362" s="8"/>
      <c r="D2362" t="s">
        <v>77</v>
      </c>
      <c r="E2362" s="8" t="s">
        <v>12</v>
      </c>
      <c r="F2362" t="s">
        <v>66</v>
      </c>
      <c r="G2362" t="s">
        <v>78</v>
      </c>
      <c r="H2362" t="s">
        <v>66</v>
      </c>
      <c r="I2362" s="8">
        <v>2025</v>
      </c>
      <c r="J2362" t="s">
        <v>51</v>
      </c>
      <c r="K2362" s="10">
        <v>300</v>
      </c>
      <c r="L2362">
        <v>0</v>
      </c>
      <c r="M2362" s="10">
        <v>300</v>
      </c>
      <c r="N2362">
        <v>0</v>
      </c>
    </row>
    <row r="2363" spans="1:14" hidden="1">
      <c r="A2363" s="7" t="s">
        <v>10</v>
      </c>
      <c r="B2363" s="8"/>
      <c r="C2363" s="8"/>
      <c r="D2363" t="s">
        <v>77</v>
      </c>
      <c r="E2363" s="8" t="s">
        <v>12</v>
      </c>
      <c r="F2363" t="s">
        <v>66</v>
      </c>
      <c r="G2363" t="s">
        <v>78</v>
      </c>
      <c r="H2363" t="s">
        <v>66</v>
      </c>
      <c r="I2363" s="8">
        <v>2026</v>
      </c>
      <c r="J2363" t="s">
        <v>47</v>
      </c>
      <c r="K2363" s="10"/>
      <c r="M2363" s="10"/>
      <c r="N2363">
        <v>0</v>
      </c>
    </row>
    <row r="2364" spans="1:14" hidden="1">
      <c r="A2364" s="7" t="s">
        <v>10</v>
      </c>
      <c r="B2364" s="8"/>
      <c r="C2364" s="8"/>
      <c r="D2364" t="s">
        <v>77</v>
      </c>
      <c r="E2364" s="8" t="s">
        <v>12</v>
      </c>
      <c r="F2364" t="s">
        <v>66</v>
      </c>
      <c r="G2364" t="s">
        <v>78</v>
      </c>
      <c r="H2364" t="s">
        <v>66</v>
      </c>
      <c r="I2364" s="8">
        <v>2026</v>
      </c>
      <c r="J2364" t="s">
        <v>48</v>
      </c>
      <c r="K2364" s="10"/>
      <c r="M2364" s="10"/>
      <c r="N2364">
        <v>0</v>
      </c>
    </row>
    <row r="2365" spans="1:14" hidden="1">
      <c r="A2365" s="7" t="s">
        <v>10</v>
      </c>
      <c r="B2365" s="8"/>
      <c r="C2365" s="8"/>
      <c r="D2365" t="s">
        <v>77</v>
      </c>
      <c r="E2365" s="8" t="s">
        <v>12</v>
      </c>
      <c r="F2365" t="s">
        <v>66</v>
      </c>
      <c r="G2365" t="s">
        <v>78</v>
      </c>
      <c r="H2365" t="s">
        <v>66</v>
      </c>
      <c r="I2365" s="8">
        <v>2026</v>
      </c>
      <c r="J2365" t="s">
        <v>14</v>
      </c>
      <c r="K2365" s="10"/>
      <c r="M2365" s="10"/>
      <c r="N2365">
        <v>0</v>
      </c>
    </row>
    <row r="2366" spans="1:14" hidden="1">
      <c r="A2366" s="7" t="s">
        <v>10</v>
      </c>
      <c r="B2366" s="8"/>
      <c r="C2366" s="8"/>
      <c r="D2366" t="s">
        <v>77</v>
      </c>
      <c r="E2366" s="8" t="s">
        <v>12</v>
      </c>
      <c r="F2366" t="s">
        <v>66</v>
      </c>
      <c r="G2366" t="s">
        <v>78</v>
      </c>
      <c r="H2366" t="s">
        <v>66</v>
      </c>
      <c r="I2366" s="8">
        <v>2026</v>
      </c>
      <c r="J2366" t="s">
        <v>49</v>
      </c>
      <c r="K2366" s="10"/>
      <c r="M2366" s="10"/>
      <c r="N2366">
        <v>0</v>
      </c>
    </row>
    <row r="2367" spans="1:14" hidden="1">
      <c r="A2367" s="7" t="s">
        <v>10</v>
      </c>
      <c r="B2367" s="8"/>
      <c r="C2367" s="8"/>
      <c r="D2367" t="s">
        <v>77</v>
      </c>
      <c r="E2367" s="8" t="s">
        <v>12</v>
      </c>
      <c r="F2367" t="s">
        <v>66</v>
      </c>
      <c r="G2367" t="s">
        <v>79</v>
      </c>
      <c r="H2367" t="s">
        <v>66</v>
      </c>
      <c r="I2367" s="8">
        <v>2026</v>
      </c>
      <c r="J2367" t="s">
        <v>15</v>
      </c>
      <c r="K2367" s="10"/>
      <c r="M2367" s="10"/>
      <c r="N2367">
        <v>0</v>
      </c>
    </row>
    <row r="2368" spans="1:14" hidden="1">
      <c r="A2368" s="7" t="s">
        <v>10</v>
      </c>
      <c r="B2368" s="8"/>
      <c r="C2368" s="8"/>
      <c r="D2368" t="s">
        <v>77</v>
      </c>
      <c r="E2368" s="8" t="s">
        <v>12</v>
      </c>
      <c r="F2368" t="s">
        <v>66</v>
      </c>
      <c r="G2368" t="s">
        <v>79</v>
      </c>
      <c r="H2368" t="s">
        <v>66</v>
      </c>
      <c r="I2368" s="8">
        <v>2026</v>
      </c>
      <c r="J2368" t="s">
        <v>50</v>
      </c>
      <c r="K2368" s="10"/>
      <c r="M2368" s="10"/>
      <c r="N2368">
        <v>0</v>
      </c>
    </row>
    <row r="2369" spans="1:14" hidden="1">
      <c r="A2369" s="7" t="s">
        <v>10</v>
      </c>
      <c r="B2369" s="8"/>
      <c r="C2369" s="8"/>
      <c r="D2369" t="s">
        <v>77</v>
      </c>
      <c r="E2369" s="8" t="s">
        <v>12</v>
      </c>
      <c r="F2369" t="s">
        <v>66</v>
      </c>
      <c r="G2369" t="s">
        <v>19</v>
      </c>
      <c r="H2369" t="s">
        <v>66</v>
      </c>
      <c r="I2369" s="8">
        <v>2026</v>
      </c>
      <c r="J2369" t="s">
        <v>19</v>
      </c>
      <c r="K2369" s="10"/>
      <c r="M2369" s="10"/>
      <c r="N2369">
        <v>0</v>
      </c>
    </row>
    <row r="2370" spans="1:14" hidden="1">
      <c r="A2370" s="7" t="s">
        <v>10</v>
      </c>
      <c r="B2370" s="8"/>
      <c r="C2370" s="8"/>
      <c r="D2370" t="s">
        <v>77</v>
      </c>
      <c r="E2370" s="8" t="s">
        <v>12</v>
      </c>
      <c r="F2370" t="s">
        <v>66</v>
      </c>
      <c r="G2370" t="s">
        <v>78</v>
      </c>
      <c r="H2370" t="s">
        <v>66</v>
      </c>
      <c r="I2370" s="8">
        <v>2026</v>
      </c>
      <c r="J2370" t="s">
        <v>21</v>
      </c>
      <c r="K2370" s="10"/>
      <c r="M2370" s="10"/>
      <c r="N2370">
        <v>0</v>
      </c>
    </row>
    <row r="2371" spans="1:14" hidden="1">
      <c r="A2371" s="7" t="s">
        <v>10</v>
      </c>
      <c r="B2371" s="8"/>
      <c r="C2371" s="8"/>
      <c r="D2371" t="s">
        <v>77</v>
      </c>
      <c r="E2371" s="8" t="s">
        <v>12</v>
      </c>
      <c r="F2371" t="s">
        <v>66</v>
      </c>
      <c r="G2371" t="s">
        <v>78</v>
      </c>
      <c r="H2371" t="s">
        <v>66</v>
      </c>
      <c r="I2371" s="8">
        <v>2026</v>
      </c>
      <c r="J2371" t="s">
        <v>51</v>
      </c>
      <c r="K2371" s="10">
        <v>300</v>
      </c>
      <c r="L2371">
        <v>0</v>
      </c>
      <c r="M2371" s="10">
        <v>300</v>
      </c>
      <c r="N2371">
        <v>0</v>
      </c>
    </row>
    <row r="2372" spans="1:14" hidden="1">
      <c r="A2372" s="7" t="s">
        <v>10</v>
      </c>
      <c r="B2372" s="8"/>
      <c r="C2372" s="8"/>
      <c r="D2372" t="s">
        <v>77</v>
      </c>
      <c r="E2372" s="8" t="s">
        <v>12</v>
      </c>
      <c r="F2372" t="s">
        <v>66</v>
      </c>
      <c r="G2372" t="s">
        <v>78</v>
      </c>
      <c r="H2372" t="s">
        <v>66</v>
      </c>
      <c r="I2372" s="8">
        <v>2027</v>
      </c>
      <c r="J2372" t="s">
        <v>47</v>
      </c>
      <c r="K2372" s="10"/>
      <c r="M2372" s="10"/>
      <c r="N2372">
        <v>0</v>
      </c>
    </row>
    <row r="2373" spans="1:14" hidden="1">
      <c r="A2373" s="7" t="s">
        <v>10</v>
      </c>
      <c r="B2373" s="8"/>
      <c r="C2373" s="8"/>
      <c r="D2373" t="s">
        <v>77</v>
      </c>
      <c r="E2373" s="8" t="s">
        <v>12</v>
      </c>
      <c r="F2373" t="s">
        <v>66</v>
      </c>
      <c r="G2373" t="s">
        <v>78</v>
      </c>
      <c r="H2373" t="s">
        <v>66</v>
      </c>
      <c r="I2373" s="8">
        <v>2027</v>
      </c>
      <c r="J2373" t="s">
        <v>48</v>
      </c>
      <c r="K2373" s="10"/>
      <c r="M2373" s="10"/>
      <c r="N2373">
        <v>0</v>
      </c>
    </row>
    <row r="2374" spans="1:14" hidden="1">
      <c r="A2374" s="7" t="s">
        <v>10</v>
      </c>
      <c r="B2374" s="8"/>
      <c r="C2374" s="8"/>
      <c r="D2374" t="s">
        <v>77</v>
      </c>
      <c r="E2374" s="8" t="s">
        <v>12</v>
      </c>
      <c r="F2374" t="s">
        <v>66</v>
      </c>
      <c r="G2374" t="s">
        <v>78</v>
      </c>
      <c r="H2374" t="s">
        <v>66</v>
      </c>
      <c r="I2374" s="8">
        <v>2027</v>
      </c>
      <c r="J2374" t="s">
        <v>14</v>
      </c>
      <c r="K2374" s="10"/>
      <c r="M2374" s="10"/>
      <c r="N2374">
        <v>0</v>
      </c>
    </row>
    <row r="2375" spans="1:14" hidden="1">
      <c r="A2375" s="7" t="s">
        <v>10</v>
      </c>
      <c r="B2375" s="8"/>
      <c r="C2375" s="8"/>
      <c r="D2375" t="s">
        <v>77</v>
      </c>
      <c r="E2375" s="8" t="s">
        <v>12</v>
      </c>
      <c r="F2375" t="s">
        <v>66</v>
      </c>
      <c r="G2375" t="s">
        <v>78</v>
      </c>
      <c r="H2375" t="s">
        <v>66</v>
      </c>
      <c r="I2375" s="8">
        <v>2027</v>
      </c>
      <c r="J2375" t="s">
        <v>49</v>
      </c>
      <c r="K2375" s="10"/>
      <c r="M2375" s="10"/>
      <c r="N2375">
        <v>0</v>
      </c>
    </row>
    <row r="2376" spans="1:14" hidden="1">
      <c r="A2376" s="7" t="s">
        <v>10</v>
      </c>
      <c r="B2376" s="8"/>
      <c r="C2376" s="8"/>
      <c r="D2376" t="s">
        <v>77</v>
      </c>
      <c r="E2376" s="8" t="s">
        <v>12</v>
      </c>
      <c r="F2376" t="s">
        <v>66</v>
      </c>
      <c r="G2376" t="s">
        <v>79</v>
      </c>
      <c r="H2376" t="s">
        <v>66</v>
      </c>
      <c r="I2376" s="8">
        <v>2027</v>
      </c>
      <c r="J2376" t="s">
        <v>15</v>
      </c>
      <c r="K2376" s="10"/>
      <c r="M2376" s="10"/>
      <c r="N2376">
        <v>0</v>
      </c>
    </row>
    <row r="2377" spans="1:14" hidden="1">
      <c r="A2377" s="7" t="s">
        <v>10</v>
      </c>
      <c r="B2377" s="8"/>
      <c r="C2377" s="8"/>
      <c r="D2377" t="s">
        <v>77</v>
      </c>
      <c r="E2377" s="8" t="s">
        <v>12</v>
      </c>
      <c r="F2377" t="s">
        <v>66</v>
      </c>
      <c r="G2377" t="s">
        <v>79</v>
      </c>
      <c r="H2377" t="s">
        <v>66</v>
      </c>
      <c r="I2377" s="8">
        <v>2027</v>
      </c>
      <c r="J2377" t="s">
        <v>50</v>
      </c>
      <c r="K2377" s="10"/>
      <c r="M2377" s="10"/>
      <c r="N2377">
        <v>0</v>
      </c>
    </row>
    <row r="2378" spans="1:14" hidden="1">
      <c r="A2378" s="7" t="s">
        <v>10</v>
      </c>
      <c r="B2378" s="8"/>
      <c r="C2378" s="8"/>
      <c r="D2378" t="s">
        <v>77</v>
      </c>
      <c r="E2378" s="8" t="s">
        <v>12</v>
      </c>
      <c r="F2378" t="s">
        <v>66</v>
      </c>
      <c r="G2378" t="s">
        <v>19</v>
      </c>
      <c r="H2378" t="s">
        <v>66</v>
      </c>
      <c r="I2378" s="8">
        <v>2027</v>
      </c>
      <c r="J2378" t="s">
        <v>19</v>
      </c>
      <c r="K2378" s="10"/>
      <c r="M2378" s="10"/>
      <c r="N2378">
        <v>0</v>
      </c>
    </row>
    <row r="2379" spans="1:14" hidden="1">
      <c r="A2379" s="7" t="s">
        <v>10</v>
      </c>
      <c r="B2379" s="8"/>
      <c r="C2379" s="8"/>
      <c r="D2379" t="s">
        <v>77</v>
      </c>
      <c r="E2379" s="8" t="s">
        <v>12</v>
      </c>
      <c r="F2379" t="s">
        <v>66</v>
      </c>
      <c r="G2379" t="s">
        <v>78</v>
      </c>
      <c r="H2379" t="s">
        <v>66</v>
      </c>
      <c r="I2379" s="8">
        <v>2027</v>
      </c>
      <c r="J2379" t="s">
        <v>21</v>
      </c>
      <c r="K2379" s="10"/>
      <c r="M2379" s="10"/>
      <c r="N2379">
        <v>0</v>
      </c>
    </row>
    <row r="2380" spans="1:14" hidden="1">
      <c r="A2380" s="7" t="s">
        <v>10</v>
      </c>
      <c r="B2380" s="8"/>
      <c r="C2380" s="8"/>
      <c r="D2380" t="s">
        <v>77</v>
      </c>
      <c r="E2380" s="8" t="s">
        <v>12</v>
      </c>
      <c r="F2380" t="s">
        <v>66</v>
      </c>
      <c r="G2380" t="s">
        <v>78</v>
      </c>
      <c r="H2380" t="s">
        <v>66</v>
      </c>
      <c r="I2380" s="8">
        <v>2027</v>
      </c>
      <c r="J2380" t="s">
        <v>51</v>
      </c>
      <c r="K2380" s="10">
        <v>300</v>
      </c>
      <c r="L2380">
        <v>0</v>
      </c>
      <c r="M2380" s="10">
        <v>300</v>
      </c>
      <c r="N2380">
        <v>0</v>
      </c>
    </row>
    <row r="2381" spans="1:14" hidden="1">
      <c r="A2381" s="7" t="s">
        <v>10</v>
      </c>
      <c r="B2381" s="8"/>
      <c r="C2381" s="8"/>
      <c r="D2381" t="s">
        <v>77</v>
      </c>
      <c r="E2381" s="8" t="s">
        <v>12</v>
      </c>
      <c r="F2381" t="s">
        <v>66</v>
      </c>
      <c r="G2381" t="s">
        <v>78</v>
      </c>
      <c r="H2381" t="s">
        <v>66</v>
      </c>
      <c r="I2381" s="8">
        <v>2028</v>
      </c>
      <c r="J2381" t="s">
        <v>47</v>
      </c>
      <c r="K2381" s="10"/>
      <c r="M2381" s="10"/>
      <c r="N2381">
        <v>0</v>
      </c>
    </row>
    <row r="2382" spans="1:14" hidden="1">
      <c r="A2382" s="7" t="s">
        <v>10</v>
      </c>
      <c r="B2382" s="8"/>
      <c r="C2382" s="8"/>
      <c r="D2382" t="s">
        <v>77</v>
      </c>
      <c r="E2382" s="8" t="s">
        <v>12</v>
      </c>
      <c r="F2382" t="s">
        <v>66</v>
      </c>
      <c r="G2382" t="s">
        <v>78</v>
      </c>
      <c r="H2382" t="s">
        <v>66</v>
      </c>
      <c r="I2382" s="8">
        <v>2028</v>
      </c>
      <c r="J2382" t="s">
        <v>48</v>
      </c>
      <c r="K2382" s="10"/>
      <c r="M2382" s="10"/>
      <c r="N2382">
        <v>0</v>
      </c>
    </row>
    <row r="2383" spans="1:14" hidden="1">
      <c r="A2383" s="7" t="s">
        <v>10</v>
      </c>
      <c r="B2383" s="8"/>
      <c r="C2383" s="8"/>
      <c r="D2383" t="s">
        <v>77</v>
      </c>
      <c r="E2383" s="8" t="s">
        <v>12</v>
      </c>
      <c r="F2383" t="s">
        <v>66</v>
      </c>
      <c r="G2383" t="s">
        <v>78</v>
      </c>
      <c r="H2383" t="s">
        <v>66</v>
      </c>
      <c r="I2383" s="8">
        <v>2028</v>
      </c>
      <c r="J2383" t="s">
        <v>14</v>
      </c>
      <c r="K2383" s="10"/>
      <c r="M2383" s="10"/>
      <c r="N2383">
        <v>0</v>
      </c>
    </row>
    <row r="2384" spans="1:14" hidden="1">
      <c r="A2384" s="7" t="s">
        <v>10</v>
      </c>
      <c r="B2384" s="8"/>
      <c r="C2384" s="8"/>
      <c r="D2384" t="s">
        <v>77</v>
      </c>
      <c r="E2384" s="8" t="s">
        <v>12</v>
      </c>
      <c r="F2384" t="s">
        <v>66</v>
      </c>
      <c r="G2384" t="s">
        <v>78</v>
      </c>
      <c r="H2384" t="s">
        <v>66</v>
      </c>
      <c r="I2384" s="8">
        <v>2028</v>
      </c>
      <c r="J2384" t="s">
        <v>49</v>
      </c>
      <c r="K2384" s="10"/>
      <c r="M2384" s="10"/>
      <c r="N2384">
        <v>0</v>
      </c>
    </row>
    <row r="2385" spans="1:14" hidden="1">
      <c r="A2385" s="7" t="s">
        <v>10</v>
      </c>
      <c r="B2385" s="8"/>
      <c r="C2385" s="8"/>
      <c r="D2385" t="s">
        <v>77</v>
      </c>
      <c r="E2385" s="8" t="s">
        <v>12</v>
      </c>
      <c r="F2385" t="s">
        <v>66</v>
      </c>
      <c r="G2385" t="s">
        <v>79</v>
      </c>
      <c r="H2385" t="s">
        <v>66</v>
      </c>
      <c r="I2385" s="8">
        <v>2028</v>
      </c>
      <c r="J2385" t="s">
        <v>15</v>
      </c>
      <c r="K2385" s="10"/>
      <c r="M2385" s="10"/>
      <c r="N2385">
        <v>0</v>
      </c>
    </row>
    <row r="2386" spans="1:14" hidden="1">
      <c r="A2386" s="7" t="s">
        <v>10</v>
      </c>
      <c r="B2386" s="8"/>
      <c r="C2386" s="8"/>
      <c r="D2386" t="s">
        <v>77</v>
      </c>
      <c r="E2386" s="8" t="s">
        <v>12</v>
      </c>
      <c r="F2386" t="s">
        <v>66</v>
      </c>
      <c r="G2386" t="s">
        <v>79</v>
      </c>
      <c r="H2386" t="s">
        <v>66</v>
      </c>
      <c r="I2386" s="8">
        <v>2028</v>
      </c>
      <c r="J2386" t="s">
        <v>50</v>
      </c>
      <c r="K2386" s="10"/>
      <c r="M2386" s="10"/>
      <c r="N2386">
        <v>0</v>
      </c>
    </row>
    <row r="2387" spans="1:14" hidden="1">
      <c r="A2387" s="7" t="s">
        <v>10</v>
      </c>
      <c r="B2387" s="8"/>
      <c r="C2387" s="8"/>
      <c r="D2387" t="s">
        <v>77</v>
      </c>
      <c r="E2387" s="8" t="s">
        <v>12</v>
      </c>
      <c r="F2387" t="s">
        <v>66</v>
      </c>
      <c r="G2387" t="s">
        <v>19</v>
      </c>
      <c r="H2387" t="s">
        <v>66</v>
      </c>
      <c r="I2387" s="8">
        <v>2028</v>
      </c>
      <c r="J2387" t="s">
        <v>19</v>
      </c>
      <c r="K2387" s="10"/>
      <c r="M2387" s="10"/>
      <c r="N2387">
        <v>0</v>
      </c>
    </row>
    <row r="2388" spans="1:14" hidden="1">
      <c r="A2388" s="7" t="s">
        <v>10</v>
      </c>
      <c r="B2388" s="8"/>
      <c r="C2388" s="8"/>
      <c r="D2388" t="s">
        <v>77</v>
      </c>
      <c r="E2388" s="8" t="s">
        <v>12</v>
      </c>
      <c r="F2388" t="s">
        <v>66</v>
      </c>
      <c r="G2388" t="s">
        <v>78</v>
      </c>
      <c r="H2388" t="s">
        <v>66</v>
      </c>
      <c r="I2388" s="8">
        <v>2028</v>
      </c>
      <c r="J2388" t="s">
        <v>21</v>
      </c>
      <c r="K2388" s="10"/>
      <c r="M2388" s="10"/>
      <c r="N2388">
        <v>0</v>
      </c>
    </row>
    <row r="2389" spans="1:14" hidden="1">
      <c r="A2389" s="7" t="s">
        <v>10</v>
      </c>
      <c r="B2389" s="8"/>
      <c r="C2389" s="8"/>
      <c r="D2389" t="s">
        <v>77</v>
      </c>
      <c r="E2389" s="8" t="s">
        <v>12</v>
      </c>
      <c r="F2389" t="s">
        <v>66</v>
      </c>
      <c r="G2389" t="s">
        <v>78</v>
      </c>
      <c r="H2389" t="s">
        <v>66</v>
      </c>
      <c r="I2389" s="8">
        <v>2028</v>
      </c>
      <c r="J2389" t="s">
        <v>51</v>
      </c>
      <c r="K2389" s="10">
        <v>300</v>
      </c>
      <c r="L2389">
        <v>0</v>
      </c>
      <c r="M2389" s="10">
        <v>300</v>
      </c>
      <c r="N2389">
        <v>0</v>
      </c>
    </row>
    <row r="2390" spans="1:14" hidden="1">
      <c r="A2390" s="7" t="s">
        <v>10</v>
      </c>
      <c r="B2390" s="8"/>
      <c r="C2390" s="8"/>
      <c r="D2390" t="s">
        <v>77</v>
      </c>
      <c r="E2390" s="8" t="s">
        <v>12</v>
      </c>
      <c r="F2390" t="s">
        <v>66</v>
      </c>
      <c r="G2390" t="s">
        <v>78</v>
      </c>
      <c r="H2390" t="s">
        <v>66</v>
      </c>
      <c r="I2390" s="8">
        <v>2029</v>
      </c>
      <c r="J2390" t="s">
        <v>47</v>
      </c>
      <c r="K2390" s="10"/>
      <c r="M2390" s="10"/>
      <c r="N2390">
        <v>0</v>
      </c>
    </row>
    <row r="2391" spans="1:14" hidden="1">
      <c r="A2391" s="7" t="s">
        <v>10</v>
      </c>
      <c r="B2391" s="8"/>
      <c r="C2391" s="8"/>
      <c r="D2391" t="s">
        <v>77</v>
      </c>
      <c r="E2391" s="8" t="s">
        <v>12</v>
      </c>
      <c r="F2391" t="s">
        <v>66</v>
      </c>
      <c r="G2391" t="s">
        <v>78</v>
      </c>
      <c r="H2391" t="s">
        <v>66</v>
      </c>
      <c r="I2391" s="8">
        <v>2029</v>
      </c>
      <c r="J2391" t="s">
        <v>48</v>
      </c>
      <c r="K2391" s="10"/>
      <c r="M2391" s="10"/>
      <c r="N2391">
        <v>0</v>
      </c>
    </row>
    <row r="2392" spans="1:14" hidden="1">
      <c r="A2392" s="7" t="s">
        <v>10</v>
      </c>
      <c r="B2392" s="8"/>
      <c r="C2392" s="8"/>
      <c r="D2392" t="s">
        <v>77</v>
      </c>
      <c r="E2392" s="8" t="s">
        <v>12</v>
      </c>
      <c r="F2392" t="s">
        <v>66</v>
      </c>
      <c r="G2392" t="s">
        <v>78</v>
      </c>
      <c r="H2392" t="s">
        <v>66</v>
      </c>
      <c r="I2392" s="8">
        <v>2029</v>
      </c>
      <c r="J2392" t="s">
        <v>14</v>
      </c>
      <c r="K2392" s="10"/>
      <c r="M2392" s="10"/>
      <c r="N2392">
        <v>0</v>
      </c>
    </row>
    <row r="2393" spans="1:14" hidden="1">
      <c r="A2393" s="7" t="s">
        <v>10</v>
      </c>
      <c r="B2393" s="8"/>
      <c r="C2393" s="8"/>
      <c r="D2393" t="s">
        <v>77</v>
      </c>
      <c r="E2393" s="8" t="s">
        <v>12</v>
      </c>
      <c r="F2393" t="s">
        <v>66</v>
      </c>
      <c r="G2393" t="s">
        <v>78</v>
      </c>
      <c r="H2393" t="s">
        <v>66</v>
      </c>
      <c r="I2393" s="8">
        <v>2029</v>
      </c>
      <c r="J2393" t="s">
        <v>49</v>
      </c>
      <c r="K2393" s="10"/>
      <c r="M2393" s="10"/>
      <c r="N2393">
        <v>0</v>
      </c>
    </row>
    <row r="2394" spans="1:14" hidden="1">
      <c r="A2394" s="7" t="s">
        <v>10</v>
      </c>
      <c r="B2394" s="8"/>
      <c r="C2394" s="8"/>
      <c r="D2394" t="s">
        <v>77</v>
      </c>
      <c r="E2394" s="8" t="s">
        <v>12</v>
      </c>
      <c r="F2394" t="s">
        <v>66</v>
      </c>
      <c r="G2394" t="s">
        <v>79</v>
      </c>
      <c r="H2394" t="s">
        <v>66</v>
      </c>
      <c r="I2394" s="8">
        <v>2029</v>
      </c>
      <c r="J2394" t="s">
        <v>15</v>
      </c>
      <c r="K2394" s="10"/>
      <c r="M2394" s="10"/>
      <c r="N2394">
        <v>0</v>
      </c>
    </row>
    <row r="2395" spans="1:14" hidden="1">
      <c r="A2395" s="7" t="s">
        <v>10</v>
      </c>
      <c r="B2395" s="8"/>
      <c r="C2395" s="8"/>
      <c r="D2395" t="s">
        <v>77</v>
      </c>
      <c r="E2395" s="8" t="s">
        <v>12</v>
      </c>
      <c r="F2395" t="s">
        <v>66</v>
      </c>
      <c r="G2395" t="s">
        <v>79</v>
      </c>
      <c r="H2395" t="s">
        <v>66</v>
      </c>
      <c r="I2395" s="8">
        <v>2029</v>
      </c>
      <c r="J2395" t="s">
        <v>50</v>
      </c>
      <c r="K2395" s="10"/>
      <c r="M2395" s="10"/>
      <c r="N2395">
        <v>0</v>
      </c>
    </row>
    <row r="2396" spans="1:14" hidden="1">
      <c r="A2396" s="7" t="s">
        <v>10</v>
      </c>
      <c r="B2396" s="8"/>
      <c r="C2396" s="8"/>
      <c r="D2396" t="s">
        <v>77</v>
      </c>
      <c r="E2396" s="8" t="s">
        <v>12</v>
      </c>
      <c r="F2396" t="s">
        <v>66</v>
      </c>
      <c r="G2396" t="s">
        <v>19</v>
      </c>
      <c r="H2396" t="s">
        <v>66</v>
      </c>
      <c r="I2396" s="8">
        <v>2029</v>
      </c>
      <c r="J2396" t="s">
        <v>19</v>
      </c>
      <c r="K2396" s="10"/>
      <c r="M2396" s="10"/>
      <c r="N2396">
        <v>0</v>
      </c>
    </row>
    <row r="2397" spans="1:14" hidden="1">
      <c r="A2397" s="7" t="s">
        <v>10</v>
      </c>
      <c r="B2397" s="8"/>
      <c r="C2397" s="8"/>
      <c r="D2397" t="s">
        <v>77</v>
      </c>
      <c r="E2397" s="8" t="s">
        <v>12</v>
      </c>
      <c r="F2397" t="s">
        <v>66</v>
      </c>
      <c r="G2397" t="s">
        <v>78</v>
      </c>
      <c r="H2397" t="s">
        <v>66</v>
      </c>
      <c r="I2397" s="8">
        <v>2029</v>
      </c>
      <c r="J2397" t="s">
        <v>21</v>
      </c>
      <c r="K2397" s="10"/>
      <c r="M2397" s="10"/>
      <c r="N2397">
        <v>0</v>
      </c>
    </row>
    <row r="2398" spans="1:14" hidden="1">
      <c r="A2398" s="7" t="s">
        <v>10</v>
      </c>
      <c r="B2398" s="8"/>
      <c r="C2398" s="8"/>
      <c r="D2398" t="s">
        <v>77</v>
      </c>
      <c r="E2398" s="8" t="s">
        <v>12</v>
      </c>
      <c r="F2398" t="s">
        <v>66</v>
      </c>
      <c r="G2398" t="s">
        <v>78</v>
      </c>
      <c r="H2398" t="s">
        <v>66</v>
      </c>
      <c r="I2398" s="8">
        <v>2029</v>
      </c>
      <c r="J2398" t="s">
        <v>51</v>
      </c>
      <c r="K2398" s="10">
        <v>300</v>
      </c>
      <c r="L2398">
        <v>0</v>
      </c>
      <c r="M2398" s="10">
        <v>300</v>
      </c>
      <c r="N2398">
        <v>0</v>
      </c>
    </row>
    <row r="2399" spans="1:14" hidden="1">
      <c r="A2399" s="7" t="s">
        <v>10</v>
      </c>
      <c r="B2399" s="8"/>
      <c r="C2399" s="8"/>
      <c r="D2399" t="s">
        <v>77</v>
      </c>
      <c r="E2399" s="8" t="s">
        <v>12</v>
      </c>
      <c r="F2399" t="s">
        <v>66</v>
      </c>
      <c r="G2399" t="s">
        <v>78</v>
      </c>
      <c r="H2399" t="s">
        <v>66</v>
      </c>
      <c r="I2399" s="8">
        <v>2030</v>
      </c>
      <c r="J2399" t="s">
        <v>47</v>
      </c>
      <c r="K2399" s="10"/>
      <c r="M2399" s="10"/>
      <c r="N2399">
        <v>0</v>
      </c>
    </row>
    <row r="2400" spans="1:14" hidden="1">
      <c r="A2400" s="7" t="s">
        <v>10</v>
      </c>
      <c r="B2400" s="8"/>
      <c r="C2400" s="8"/>
      <c r="D2400" t="s">
        <v>77</v>
      </c>
      <c r="E2400" s="8" t="s">
        <v>12</v>
      </c>
      <c r="F2400" t="s">
        <v>66</v>
      </c>
      <c r="G2400" t="s">
        <v>78</v>
      </c>
      <c r="H2400" t="s">
        <v>66</v>
      </c>
      <c r="I2400" s="8">
        <v>2030</v>
      </c>
      <c r="J2400" t="s">
        <v>48</v>
      </c>
      <c r="K2400" s="10"/>
      <c r="M2400" s="10"/>
      <c r="N2400">
        <v>0</v>
      </c>
    </row>
    <row r="2401" spans="1:14" hidden="1">
      <c r="A2401" s="7" t="s">
        <v>10</v>
      </c>
      <c r="B2401" s="8"/>
      <c r="C2401" s="8"/>
      <c r="D2401" t="s">
        <v>77</v>
      </c>
      <c r="E2401" s="8" t="s">
        <v>12</v>
      </c>
      <c r="F2401" t="s">
        <v>66</v>
      </c>
      <c r="G2401" t="s">
        <v>78</v>
      </c>
      <c r="H2401" t="s">
        <v>66</v>
      </c>
      <c r="I2401" s="8">
        <v>2030</v>
      </c>
      <c r="J2401" t="s">
        <v>14</v>
      </c>
      <c r="K2401" s="10"/>
      <c r="M2401" s="10"/>
      <c r="N2401">
        <v>0</v>
      </c>
    </row>
    <row r="2402" spans="1:14" hidden="1">
      <c r="A2402" s="7" t="s">
        <v>10</v>
      </c>
      <c r="B2402" s="8"/>
      <c r="C2402" s="8"/>
      <c r="D2402" t="s">
        <v>77</v>
      </c>
      <c r="E2402" s="8" t="s">
        <v>12</v>
      </c>
      <c r="F2402" t="s">
        <v>66</v>
      </c>
      <c r="G2402" t="s">
        <v>78</v>
      </c>
      <c r="H2402" t="s">
        <v>66</v>
      </c>
      <c r="I2402" s="8">
        <v>2030</v>
      </c>
      <c r="J2402" t="s">
        <v>49</v>
      </c>
      <c r="K2402" s="10"/>
      <c r="M2402" s="10"/>
      <c r="N2402">
        <v>0</v>
      </c>
    </row>
    <row r="2403" spans="1:14" hidden="1">
      <c r="A2403" s="7" t="s">
        <v>10</v>
      </c>
      <c r="B2403" s="8"/>
      <c r="C2403" s="8"/>
      <c r="D2403" t="s">
        <v>77</v>
      </c>
      <c r="E2403" s="8" t="s">
        <v>12</v>
      </c>
      <c r="F2403" t="s">
        <v>66</v>
      </c>
      <c r="G2403" t="s">
        <v>79</v>
      </c>
      <c r="H2403" t="s">
        <v>66</v>
      </c>
      <c r="I2403" s="8">
        <v>2030</v>
      </c>
      <c r="J2403" t="s">
        <v>15</v>
      </c>
      <c r="K2403" s="10"/>
      <c r="M2403" s="10"/>
      <c r="N2403">
        <v>0</v>
      </c>
    </row>
    <row r="2404" spans="1:14" hidden="1">
      <c r="A2404" s="7" t="s">
        <v>10</v>
      </c>
      <c r="B2404" s="8"/>
      <c r="C2404" s="8"/>
      <c r="D2404" t="s">
        <v>77</v>
      </c>
      <c r="E2404" s="8" t="s">
        <v>12</v>
      </c>
      <c r="F2404" t="s">
        <v>66</v>
      </c>
      <c r="G2404" t="s">
        <v>79</v>
      </c>
      <c r="H2404" t="s">
        <v>66</v>
      </c>
      <c r="I2404" s="8">
        <v>2030</v>
      </c>
      <c r="J2404" t="s">
        <v>50</v>
      </c>
      <c r="K2404" s="10"/>
      <c r="M2404" s="10"/>
      <c r="N2404">
        <v>0</v>
      </c>
    </row>
    <row r="2405" spans="1:14" hidden="1">
      <c r="A2405" s="7" t="s">
        <v>10</v>
      </c>
      <c r="B2405" s="8"/>
      <c r="C2405" s="8"/>
      <c r="D2405" t="s">
        <v>77</v>
      </c>
      <c r="E2405" s="8" t="s">
        <v>12</v>
      </c>
      <c r="F2405" t="s">
        <v>66</v>
      </c>
      <c r="G2405" t="s">
        <v>19</v>
      </c>
      <c r="H2405" t="s">
        <v>66</v>
      </c>
      <c r="I2405" s="8">
        <v>2030</v>
      </c>
      <c r="J2405" t="s">
        <v>19</v>
      </c>
      <c r="K2405" s="10"/>
      <c r="M2405" s="10"/>
      <c r="N2405">
        <v>0</v>
      </c>
    </row>
    <row r="2406" spans="1:14" hidden="1">
      <c r="A2406" s="7" t="s">
        <v>10</v>
      </c>
      <c r="B2406" s="8"/>
      <c r="C2406" s="8"/>
      <c r="D2406" t="s">
        <v>77</v>
      </c>
      <c r="E2406" s="8" t="s">
        <v>12</v>
      </c>
      <c r="F2406" t="s">
        <v>66</v>
      </c>
      <c r="G2406" t="s">
        <v>78</v>
      </c>
      <c r="H2406" t="s">
        <v>66</v>
      </c>
      <c r="I2406" s="8">
        <v>2030</v>
      </c>
      <c r="J2406" t="s">
        <v>21</v>
      </c>
      <c r="K2406" s="10"/>
      <c r="M2406" s="10"/>
      <c r="N2406">
        <v>0</v>
      </c>
    </row>
    <row r="2407" spans="1:14" hidden="1">
      <c r="A2407" s="7" t="s">
        <v>10</v>
      </c>
      <c r="B2407" s="8"/>
      <c r="C2407" s="8"/>
      <c r="D2407" t="s">
        <v>77</v>
      </c>
      <c r="E2407" s="8" t="s">
        <v>12</v>
      </c>
      <c r="F2407" t="s">
        <v>66</v>
      </c>
      <c r="G2407" t="s">
        <v>78</v>
      </c>
      <c r="H2407" t="s">
        <v>66</v>
      </c>
      <c r="I2407" s="8">
        <v>2030</v>
      </c>
      <c r="J2407" t="s">
        <v>51</v>
      </c>
      <c r="K2407" s="10">
        <v>300</v>
      </c>
      <c r="L2407">
        <v>0</v>
      </c>
      <c r="M2407" s="10">
        <v>300</v>
      </c>
      <c r="N2407">
        <v>0</v>
      </c>
    </row>
    <row r="2408" spans="1:14" hidden="1">
      <c r="A2408" s="7" t="s">
        <v>10</v>
      </c>
      <c r="B2408" s="8"/>
      <c r="C2408" s="8"/>
      <c r="D2408" t="s">
        <v>77</v>
      </c>
      <c r="E2408" s="8" t="s">
        <v>12</v>
      </c>
      <c r="F2408" t="s">
        <v>66</v>
      </c>
      <c r="G2408" t="s">
        <v>78</v>
      </c>
      <c r="H2408" t="s">
        <v>66</v>
      </c>
      <c r="I2408" s="8">
        <v>2031</v>
      </c>
      <c r="J2408" t="s">
        <v>47</v>
      </c>
      <c r="K2408" s="10"/>
      <c r="M2408" s="10"/>
      <c r="N2408">
        <v>0</v>
      </c>
    </row>
    <row r="2409" spans="1:14" hidden="1">
      <c r="A2409" s="7" t="s">
        <v>10</v>
      </c>
      <c r="B2409" s="8"/>
      <c r="C2409" s="8"/>
      <c r="D2409" t="s">
        <v>77</v>
      </c>
      <c r="E2409" s="8" t="s">
        <v>12</v>
      </c>
      <c r="F2409" t="s">
        <v>66</v>
      </c>
      <c r="G2409" t="s">
        <v>78</v>
      </c>
      <c r="H2409" t="s">
        <v>66</v>
      </c>
      <c r="I2409" s="8">
        <v>2031</v>
      </c>
      <c r="J2409" t="s">
        <v>48</v>
      </c>
      <c r="K2409" s="10"/>
      <c r="M2409" s="10"/>
      <c r="N2409">
        <v>0</v>
      </c>
    </row>
    <row r="2410" spans="1:14" hidden="1">
      <c r="A2410" s="7" t="s">
        <v>10</v>
      </c>
      <c r="B2410" s="8"/>
      <c r="C2410" s="8"/>
      <c r="D2410" t="s">
        <v>77</v>
      </c>
      <c r="E2410" s="8" t="s">
        <v>12</v>
      </c>
      <c r="F2410" t="s">
        <v>66</v>
      </c>
      <c r="G2410" t="s">
        <v>78</v>
      </c>
      <c r="H2410" t="s">
        <v>66</v>
      </c>
      <c r="I2410" s="8">
        <v>2031</v>
      </c>
      <c r="J2410" t="s">
        <v>14</v>
      </c>
      <c r="K2410" s="10"/>
      <c r="M2410" s="10"/>
      <c r="N2410">
        <v>0</v>
      </c>
    </row>
    <row r="2411" spans="1:14" hidden="1">
      <c r="A2411" s="7" t="s">
        <v>10</v>
      </c>
      <c r="B2411" s="8"/>
      <c r="C2411" s="8"/>
      <c r="D2411" t="s">
        <v>77</v>
      </c>
      <c r="E2411" s="8" t="s">
        <v>12</v>
      </c>
      <c r="F2411" t="s">
        <v>66</v>
      </c>
      <c r="G2411" t="s">
        <v>78</v>
      </c>
      <c r="H2411" t="s">
        <v>66</v>
      </c>
      <c r="I2411" s="8">
        <v>2031</v>
      </c>
      <c r="J2411" t="s">
        <v>49</v>
      </c>
      <c r="K2411" s="10"/>
      <c r="M2411" s="10"/>
      <c r="N2411">
        <v>0</v>
      </c>
    </row>
    <row r="2412" spans="1:14" hidden="1">
      <c r="A2412" s="7" t="s">
        <v>10</v>
      </c>
      <c r="B2412" s="8"/>
      <c r="C2412" s="8"/>
      <c r="D2412" t="s">
        <v>77</v>
      </c>
      <c r="E2412" s="8" t="s">
        <v>12</v>
      </c>
      <c r="F2412" t="s">
        <v>66</v>
      </c>
      <c r="G2412" t="s">
        <v>79</v>
      </c>
      <c r="H2412" t="s">
        <v>66</v>
      </c>
      <c r="I2412" s="8">
        <v>2031</v>
      </c>
      <c r="J2412" t="s">
        <v>15</v>
      </c>
      <c r="K2412" s="10"/>
      <c r="M2412" s="10"/>
      <c r="N2412">
        <v>0</v>
      </c>
    </row>
    <row r="2413" spans="1:14" hidden="1">
      <c r="A2413" s="7" t="s">
        <v>10</v>
      </c>
      <c r="B2413" s="8"/>
      <c r="C2413" s="8"/>
      <c r="D2413" t="s">
        <v>77</v>
      </c>
      <c r="E2413" s="8" t="s">
        <v>12</v>
      </c>
      <c r="F2413" t="s">
        <v>66</v>
      </c>
      <c r="G2413" t="s">
        <v>79</v>
      </c>
      <c r="H2413" t="s">
        <v>66</v>
      </c>
      <c r="I2413" s="8">
        <v>2031</v>
      </c>
      <c r="J2413" t="s">
        <v>50</v>
      </c>
      <c r="K2413" s="10"/>
      <c r="M2413" s="10"/>
      <c r="N2413">
        <v>0</v>
      </c>
    </row>
    <row r="2414" spans="1:14" hidden="1">
      <c r="A2414" s="7" t="s">
        <v>10</v>
      </c>
      <c r="B2414" s="8"/>
      <c r="C2414" s="8"/>
      <c r="D2414" t="s">
        <v>77</v>
      </c>
      <c r="E2414" s="8" t="s">
        <v>12</v>
      </c>
      <c r="F2414" t="s">
        <v>66</v>
      </c>
      <c r="G2414" t="s">
        <v>19</v>
      </c>
      <c r="H2414" t="s">
        <v>66</v>
      </c>
      <c r="I2414" s="8">
        <v>2031</v>
      </c>
      <c r="J2414" t="s">
        <v>19</v>
      </c>
      <c r="K2414" s="10"/>
      <c r="M2414" s="10"/>
      <c r="N2414">
        <v>0</v>
      </c>
    </row>
    <row r="2415" spans="1:14" hidden="1">
      <c r="A2415" s="7" t="s">
        <v>10</v>
      </c>
      <c r="B2415" s="8"/>
      <c r="C2415" s="8"/>
      <c r="D2415" t="s">
        <v>77</v>
      </c>
      <c r="E2415" s="8" t="s">
        <v>12</v>
      </c>
      <c r="F2415" t="s">
        <v>66</v>
      </c>
      <c r="G2415" t="s">
        <v>78</v>
      </c>
      <c r="H2415" t="s">
        <v>66</v>
      </c>
      <c r="I2415" s="8">
        <v>2031</v>
      </c>
      <c r="J2415" t="s">
        <v>21</v>
      </c>
      <c r="K2415" s="10"/>
      <c r="M2415" s="10"/>
      <c r="N2415">
        <v>0</v>
      </c>
    </row>
    <row r="2416" spans="1:14" hidden="1">
      <c r="A2416" s="7" t="s">
        <v>10</v>
      </c>
      <c r="B2416" s="8"/>
      <c r="C2416" s="8"/>
      <c r="D2416" t="s">
        <v>77</v>
      </c>
      <c r="E2416" s="8" t="s">
        <v>12</v>
      </c>
      <c r="F2416" t="s">
        <v>66</v>
      </c>
      <c r="G2416" t="s">
        <v>78</v>
      </c>
      <c r="H2416" t="s">
        <v>66</v>
      </c>
      <c r="I2416" s="8">
        <v>2031</v>
      </c>
      <c r="J2416" t="s">
        <v>51</v>
      </c>
      <c r="K2416" s="10">
        <v>300</v>
      </c>
      <c r="L2416">
        <v>0</v>
      </c>
      <c r="M2416" s="10">
        <v>300</v>
      </c>
      <c r="N2416">
        <v>0</v>
      </c>
    </row>
    <row r="2417" spans="1:14" hidden="1">
      <c r="A2417" s="7" t="s">
        <v>10</v>
      </c>
      <c r="B2417" s="8"/>
      <c r="C2417" s="8"/>
      <c r="D2417" t="s">
        <v>77</v>
      </c>
      <c r="E2417" s="8" t="s">
        <v>12</v>
      </c>
      <c r="F2417" t="s">
        <v>66</v>
      </c>
      <c r="G2417" t="s">
        <v>78</v>
      </c>
      <c r="H2417" t="s">
        <v>66</v>
      </c>
      <c r="I2417" s="8">
        <v>2032</v>
      </c>
      <c r="J2417" t="s">
        <v>47</v>
      </c>
      <c r="K2417" s="10"/>
      <c r="M2417" s="10"/>
      <c r="N2417">
        <v>0</v>
      </c>
    </row>
    <row r="2418" spans="1:14" hidden="1">
      <c r="A2418" s="7" t="s">
        <v>10</v>
      </c>
      <c r="B2418" s="8"/>
      <c r="C2418" s="8"/>
      <c r="D2418" t="s">
        <v>77</v>
      </c>
      <c r="E2418" s="8" t="s">
        <v>12</v>
      </c>
      <c r="F2418" t="s">
        <v>66</v>
      </c>
      <c r="G2418" t="s">
        <v>78</v>
      </c>
      <c r="H2418" t="s">
        <v>66</v>
      </c>
      <c r="I2418" s="8">
        <v>2032</v>
      </c>
      <c r="J2418" t="s">
        <v>48</v>
      </c>
      <c r="K2418" s="10"/>
      <c r="M2418" s="10"/>
      <c r="N2418">
        <v>0</v>
      </c>
    </row>
    <row r="2419" spans="1:14" hidden="1">
      <c r="A2419" s="7" t="s">
        <v>10</v>
      </c>
      <c r="B2419" s="8"/>
      <c r="C2419" s="8"/>
      <c r="D2419" t="s">
        <v>77</v>
      </c>
      <c r="E2419" s="8" t="s">
        <v>12</v>
      </c>
      <c r="F2419" t="s">
        <v>66</v>
      </c>
      <c r="G2419" t="s">
        <v>78</v>
      </c>
      <c r="H2419" t="s">
        <v>66</v>
      </c>
      <c r="I2419" s="8">
        <v>2032</v>
      </c>
      <c r="J2419" t="s">
        <v>14</v>
      </c>
      <c r="K2419" s="10"/>
      <c r="M2419" s="10"/>
      <c r="N2419">
        <v>0</v>
      </c>
    </row>
    <row r="2420" spans="1:14" hidden="1">
      <c r="A2420" s="7" t="s">
        <v>10</v>
      </c>
      <c r="B2420" s="8"/>
      <c r="C2420" s="8"/>
      <c r="D2420" t="s">
        <v>77</v>
      </c>
      <c r="E2420" s="8" t="s">
        <v>12</v>
      </c>
      <c r="F2420" t="s">
        <v>66</v>
      </c>
      <c r="G2420" t="s">
        <v>78</v>
      </c>
      <c r="H2420" t="s">
        <v>66</v>
      </c>
      <c r="I2420" s="8">
        <v>2032</v>
      </c>
      <c r="J2420" t="s">
        <v>49</v>
      </c>
      <c r="K2420" s="10"/>
      <c r="M2420" s="10"/>
      <c r="N2420">
        <v>0</v>
      </c>
    </row>
    <row r="2421" spans="1:14" hidden="1">
      <c r="A2421" s="7" t="s">
        <v>10</v>
      </c>
      <c r="B2421" s="8"/>
      <c r="C2421" s="8"/>
      <c r="D2421" t="s">
        <v>77</v>
      </c>
      <c r="E2421" s="8" t="s">
        <v>12</v>
      </c>
      <c r="F2421" t="s">
        <v>66</v>
      </c>
      <c r="G2421" t="s">
        <v>79</v>
      </c>
      <c r="H2421" t="s">
        <v>66</v>
      </c>
      <c r="I2421" s="8">
        <v>2032</v>
      </c>
      <c r="J2421" t="s">
        <v>15</v>
      </c>
      <c r="K2421" s="10"/>
      <c r="M2421" s="10"/>
      <c r="N2421">
        <v>0</v>
      </c>
    </row>
    <row r="2422" spans="1:14" hidden="1">
      <c r="A2422" s="7" t="s">
        <v>10</v>
      </c>
      <c r="B2422" s="8"/>
      <c r="C2422" s="8"/>
      <c r="D2422" t="s">
        <v>77</v>
      </c>
      <c r="E2422" s="8" t="s">
        <v>12</v>
      </c>
      <c r="F2422" t="s">
        <v>66</v>
      </c>
      <c r="G2422" t="s">
        <v>79</v>
      </c>
      <c r="H2422" t="s">
        <v>66</v>
      </c>
      <c r="I2422" s="8">
        <v>2032</v>
      </c>
      <c r="J2422" t="s">
        <v>50</v>
      </c>
      <c r="K2422" s="10"/>
      <c r="M2422" s="10"/>
      <c r="N2422">
        <v>0</v>
      </c>
    </row>
    <row r="2423" spans="1:14" hidden="1">
      <c r="A2423" s="7" t="s">
        <v>10</v>
      </c>
      <c r="B2423" s="8"/>
      <c r="C2423" s="8"/>
      <c r="D2423" t="s">
        <v>77</v>
      </c>
      <c r="E2423" s="8" t="s">
        <v>12</v>
      </c>
      <c r="F2423" t="s">
        <v>66</v>
      </c>
      <c r="G2423" t="s">
        <v>19</v>
      </c>
      <c r="H2423" t="s">
        <v>66</v>
      </c>
      <c r="I2423" s="8">
        <v>2032</v>
      </c>
      <c r="J2423" t="s">
        <v>19</v>
      </c>
      <c r="K2423" s="10"/>
      <c r="M2423" s="10"/>
      <c r="N2423">
        <v>0</v>
      </c>
    </row>
    <row r="2424" spans="1:14" hidden="1">
      <c r="A2424" s="7" t="s">
        <v>10</v>
      </c>
      <c r="B2424" s="8"/>
      <c r="C2424" s="8"/>
      <c r="D2424" t="s">
        <v>77</v>
      </c>
      <c r="E2424" s="8" t="s">
        <v>12</v>
      </c>
      <c r="F2424" t="s">
        <v>66</v>
      </c>
      <c r="G2424" t="s">
        <v>78</v>
      </c>
      <c r="H2424" t="s">
        <v>66</v>
      </c>
      <c r="I2424" s="8">
        <v>2032</v>
      </c>
      <c r="J2424" t="s">
        <v>21</v>
      </c>
      <c r="K2424" s="10"/>
      <c r="M2424" s="10"/>
      <c r="N2424">
        <v>0</v>
      </c>
    </row>
    <row r="2425" spans="1:14" hidden="1">
      <c r="A2425" s="7" t="s">
        <v>10</v>
      </c>
      <c r="B2425" s="8"/>
      <c r="C2425" s="8"/>
      <c r="D2425" t="s">
        <v>77</v>
      </c>
      <c r="E2425" s="8" t="s">
        <v>12</v>
      </c>
      <c r="F2425" t="s">
        <v>66</v>
      </c>
      <c r="G2425" t="s">
        <v>78</v>
      </c>
      <c r="H2425" t="s">
        <v>66</v>
      </c>
      <c r="I2425" s="8">
        <v>2032</v>
      </c>
      <c r="J2425" t="s">
        <v>51</v>
      </c>
      <c r="K2425" s="10">
        <v>300</v>
      </c>
      <c r="L2425">
        <v>0</v>
      </c>
      <c r="M2425" s="10">
        <v>300</v>
      </c>
      <c r="N2425">
        <v>0</v>
      </c>
    </row>
    <row r="2426" spans="1:14" hidden="1">
      <c r="A2426" s="7" t="s">
        <v>10</v>
      </c>
      <c r="B2426" s="8"/>
      <c r="C2426" s="8"/>
      <c r="D2426" t="s">
        <v>77</v>
      </c>
      <c r="E2426" s="8" t="s">
        <v>12</v>
      </c>
      <c r="F2426" t="s">
        <v>66</v>
      </c>
      <c r="G2426" t="s">
        <v>78</v>
      </c>
      <c r="H2426" t="s">
        <v>66</v>
      </c>
      <c r="I2426" s="8">
        <v>2033</v>
      </c>
      <c r="J2426" t="s">
        <v>47</v>
      </c>
      <c r="K2426" s="10"/>
      <c r="M2426" s="10"/>
      <c r="N2426">
        <v>0</v>
      </c>
    </row>
    <row r="2427" spans="1:14" hidden="1">
      <c r="A2427" s="7" t="s">
        <v>10</v>
      </c>
      <c r="B2427" s="8"/>
      <c r="C2427" s="8"/>
      <c r="D2427" t="s">
        <v>77</v>
      </c>
      <c r="E2427" s="8" t="s">
        <v>12</v>
      </c>
      <c r="F2427" t="s">
        <v>66</v>
      </c>
      <c r="G2427" t="s">
        <v>78</v>
      </c>
      <c r="H2427" t="s">
        <v>66</v>
      </c>
      <c r="I2427" s="8">
        <v>2033</v>
      </c>
      <c r="J2427" t="s">
        <v>48</v>
      </c>
      <c r="K2427" s="10"/>
      <c r="M2427" s="10"/>
      <c r="N2427">
        <v>0</v>
      </c>
    </row>
    <row r="2428" spans="1:14" hidden="1">
      <c r="A2428" s="7" t="s">
        <v>10</v>
      </c>
      <c r="B2428" s="8"/>
      <c r="C2428" s="8"/>
      <c r="D2428" t="s">
        <v>77</v>
      </c>
      <c r="E2428" s="8" t="s">
        <v>12</v>
      </c>
      <c r="F2428" t="s">
        <v>66</v>
      </c>
      <c r="G2428" t="s">
        <v>78</v>
      </c>
      <c r="H2428" t="s">
        <v>66</v>
      </c>
      <c r="I2428" s="8">
        <v>2033</v>
      </c>
      <c r="J2428" t="s">
        <v>14</v>
      </c>
      <c r="K2428" s="10"/>
      <c r="M2428" s="10"/>
      <c r="N2428">
        <v>0</v>
      </c>
    </row>
    <row r="2429" spans="1:14" hidden="1">
      <c r="A2429" s="7" t="s">
        <v>10</v>
      </c>
      <c r="B2429" s="8"/>
      <c r="C2429" s="8"/>
      <c r="D2429" t="s">
        <v>77</v>
      </c>
      <c r="E2429" s="8" t="s">
        <v>12</v>
      </c>
      <c r="F2429" t="s">
        <v>66</v>
      </c>
      <c r="G2429" t="s">
        <v>78</v>
      </c>
      <c r="H2429" t="s">
        <v>66</v>
      </c>
      <c r="I2429" s="8">
        <v>2033</v>
      </c>
      <c r="J2429" t="s">
        <v>49</v>
      </c>
      <c r="K2429" s="10"/>
      <c r="M2429" s="10"/>
      <c r="N2429">
        <v>0</v>
      </c>
    </row>
    <row r="2430" spans="1:14" hidden="1">
      <c r="A2430" s="7" t="s">
        <v>10</v>
      </c>
      <c r="B2430" s="8"/>
      <c r="C2430" s="8"/>
      <c r="D2430" t="s">
        <v>77</v>
      </c>
      <c r="E2430" s="8" t="s">
        <v>12</v>
      </c>
      <c r="F2430" t="s">
        <v>66</v>
      </c>
      <c r="G2430" t="s">
        <v>79</v>
      </c>
      <c r="H2430" t="s">
        <v>66</v>
      </c>
      <c r="I2430" s="8">
        <v>2033</v>
      </c>
      <c r="J2430" t="s">
        <v>15</v>
      </c>
      <c r="K2430" s="10"/>
      <c r="M2430" s="10"/>
      <c r="N2430">
        <v>0</v>
      </c>
    </row>
    <row r="2431" spans="1:14" hidden="1">
      <c r="A2431" s="7" t="s">
        <v>10</v>
      </c>
      <c r="B2431" s="8"/>
      <c r="C2431" s="8"/>
      <c r="D2431" t="s">
        <v>77</v>
      </c>
      <c r="E2431" s="8" t="s">
        <v>12</v>
      </c>
      <c r="F2431" t="s">
        <v>66</v>
      </c>
      <c r="G2431" t="s">
        <v>79</v>
      </c>
      <c r="H2431" t="s">
        <v>66</v>
      </c>
      <c r="I2431" s="8">
        <v>2033</v>
      </c>
      <c r="J2431" t="s">
        <v>50</v>
      </c>
      <c r="K2431" s="10"/>
      <c r="M2431" s="10"/>
      <c r="N2431">
        <v>0</v>
      </c>
    </row>
    <row r="2432" spans="1:14" hidden="1">
      <c r="A2432" s="7" t="s">
        <v>10</v>
      </c>
      <c r="B2432" s="8"/>
      <c r="C2432" s="8"/>
      <c r="D2432" t="s">
        <v>77</v>
      </c>
      <c r="E2432" s="8" t="s">
        <v>12</v>
      </c>
      <c r="F2432" t="s">
        <v>66</v>
      </c>
      <c r="G2432" t="s">
        <v>19</v>
      </c>
      <c r="H2432" t="s">
        <v>66</v>
      </c>
      <c r="I2432" s="8">
        <v>2033</v>
      </c>
      <c r="J2432" t="s">
        <v>19</v>
      </c>
      <c r="K2432" s="10"/>
      <c r="M2432" s="10"/>
      <c r="N2432">
        <v>0</v>
      </c>
    </row>
    <row r="2433" spans="1:14" hidden="1">
      <c r="A2433" s="7" t="s">
        <v>10</v>
      </c>
      <c r="B2433" s="8"/>
      <c r="C2433" s="8"/>
      <c r="D2433" t="s">
        <v>77</v>
      </c>
      <c r="E2433" s="8" t="s">
        <v>12</v>
      </c>
      <c r="F2433" t="s">
        <v>66</v>
      </c>
      <c r="G2433" t="s">
        <v>78</v>
      </c>
      <c r="H2433" t="s">
        <v>66</v>
      </c>
      <c r="I2433" s="8">
        <v>2033</v>
      </c>
      <c r="J2433" t="s">
        <v>21</v>
      </c>
      <c r="K2433" s="10"/>
      <c r="M2433" s="10"/>
      <c r="N2433">
        <v>0</v>
      </c>
    </row>
    <row r="2434" spans="1:14" hidden="1">
      <c r="A2434" s="7" t="s">
        <v>10</v>
      </c>
      <c r="B2434" s="8"/>
      <c r="C2434" s="8"/>
      <c r="D2434" t="s">
        <v>77</v>
      </c>
      <c r="E2434" s="8" t="s">
        <v>12</v>
      </c>
      <c r="F2434" t="s">
        <v>66</v>
      </c>
      <c r="G2434" t="s">
        <v>78</v>
      </c>
      <c r="H2434" t="s">
        <v>66</v>
      </c>
      <c r="I2434" s="8">
        <v>2033</v>
      </c>
      <c r="J2434" t="s">
        <v>51</v>
      </c>
      <c r="K2434" s="10">
        <v>300</v>
      </c>
      <c r="L2434">
        <v>0</v>
      </c>
      <c r="M2434" s="10">
        <v>300</v>
      </c>
      <c r="N2434">
        <v>0</v>
      </c>
    </row>
    <row r="2435" spans="1:14">
      <c r="A2435" s="7" t="s">
        <v>10</v>
      </c>
      <c r="B2435" s="8"/>
      <c r="C2435" s="8" t="s">
        <v>67</v>
      </c>
      <c r="D2435" t="s">
        <v>77</v>
      </c>
      <c r="E2435" s="8" t="s">
        <v>12</v>
      </c>
      <c r="F2435" t="s">
        <v>66</v>
      </c>
      <c r="G2435" t="s">
        <v>78</v>
      </c>
      <c r="H2435" t="s">
        <v>66</v>
      </c>
      <c r="I2435" s="8">
        <v>2025</v>
      </c>
      <c r="J2435" t="s">
        <v>47</v>
      </c>
      <c r="K2435" s="10">
        <v>16</v>
      </c>
      <c r="L2435">
        <v>24</v>
      </c>
      <c r="M2435" s="10">
        <v>0</v>
      </c>
      <c r="N2435">
        <v>0</v>
      </c>
    </row>
    <row r="2436" spans="1:14">
      <c r="A2436" s="7" t="s">
        <v>10</v>
      </c>
      <c r="B2436" s="8"/>
      <c r="C2436" s="8" t="s">
        <v>67</v>
      </c>
      <c r="D2436" t="s">
        <v>77</v>
      </c>
      <c r="E2436" s="8" t="s">
        <v>12</v>
      </c>
      <c r="F2436" t="s">
        <v>66</v>
      </c>
      <c r="G2436" t="s">
        <v>78</v>
      </c>
      <c r="H2436" t="s">
        <v>66</v>
      </c>
      <c r="I2436" s="8">
        <v>2025</v>
      </c>
      <c r="J2436" t="s">
        <v>48</v>
      </c>
      <c r="K2436" s="10"/>
      <c r="M2436" s="10"/>
      <c r="N2436">
        <v>0</v>
      </c>
    </row>
    <row r="2437" spans="1:14">
      <c r="A2437" s="7" t="s">
        <v>10</v>
      </c>
      <c r="B2437" s="8"/>
      <c r="C2437" s="8" t="s">
        <v>67</v>
      </c>
      <c r="D2437" t="s">
        <v>77</v>
      </c>
      <c r="E2437" s="8" t="s">
        <v>12</v>
      </c>
      <c r="F2437" t="s">
        <v>66</v>
      </c>
      <c r="G2437" t="s">
        <v>78</v>
      </c>
      <c r="H2437" t="s">
        <v>66</v>
      </c>
      <c r="I2437" s="8">
        <v>2025</v>
      </c>
      <c r="J2437" t="s">
        <v>14</v>
      </c>
      <c r="K2437" s="10"/>
      <c r="M2437" s="10"/>
      <c r="N2437">
        <v>0</v>
      </c>
    </row>
    <row r="2438" spans="1:14">
      <c r="A2438" s="7" t="s">
        <v>10</v>
      </c>
      <c r="B2438" s="8"/>
      <c r="C2438" s="8" t="s">
        <v>67</v>
      </c>
      <c r="D2438" t="s">
        <v>77</v>
      </c>
      <c r="E2438" s="8" t="s">
        <v>12</v>
      </c>
      <c r="F2438" t="s">
        <v>66</v>
      </c>
      <c r="G2438" t="s">
        <v>78</v>
      </c>
      <c r="H2438" t="s">
        <v>66</v>
      </c>
      <c r="I2438" s="8">
        <v>2025</v>
      </c>
      <c r="J2438" t="s">
        <v>49</v>
      </c>
      <c r="K2438" s="10"/>
      <c r="M2438" s="10"/>
      <c r="N2438">
        <v>0</v>
      </c>
    </row>
    <row r="2439" spans="1:14">
      <c r="A2439" s="7" t="s">
        <v>10</v>
      </c>
      <c r="B2439" s="8"/>
      <c r="C2439" s="8" t="s">
        <v>67</v>
      </c>
      <c r="D2439" t="s">
        <v>77</v>
      </c>
      <c r="E2439" s="8" t="s">
        <v>12</v>
      </c>
      <c r="F2439" t="s">
        <v>66</v>
      </c>
      <c r="G2439" t="s">
        <v>79</v>
      </c>
      <c r="H2439" t="s">
        <v>66</v>
      </c>
      <c r="I2439" s="8">
        <v>2025</v>
      </c>
      <c r="J2439" t="s">
        <v>15</v>
      </c>
      <c r="K2439" s="10">
        <v>6</v>
      </c>
      <c r="L2439">
        <v>8</v>
      </c>
      <c r="M2439" s="10">
        <v>0</v>
      </c>
      <c r="N2439">
        <v>0</v>
      </c>
    </row>
    <row r="2440" spans="1:14">
      <c r="A2440" s="7" t="s">
        <v>10</v>
      </c>
      <c r="B2440" s="8"/>
      <c r="C2440" s="8" t="s">
        <v>67</v>
      </c>
      <c r="D2440" t="s">
        <v>77</v>
      </c>
      <c r="E2440" s="8" t="s">
        <v>12</v>
      </c>
      <c r="F2440" t="s">
        <v>66</v>
      </c>
      <c r="G2440" t="s">
        <v>79</v>
      </c>
      <c r="H2440" t="s">
        <v>66</v>
      </c>
      <c r="I2440" s="8">
        <v>2025</v>
      </c>
      <c r="J2440" t="s">
        <v>50</v>
      </c>
      <c r="K2440" s="10"/>
      <c r="M2440" s="10"/>
      <c r="N2440">
        <v>0</v>
      </c>
    </row>
    <row r="2441" spans="1:14">
      <c r="A2441" s="7" t="s">
        <v>10</v>
      </c>
      <c r="B2441" s="8"/>
      <c r="C2441" s="8" t="s">
        <v>67</v>
      </c>
      <c r="D2441" t="s">
        <v>77</v>
      </c>
      <c r="E2441" s="8" t="s">
        <v>12</v>
      </c>
      <c r="F2441" t="s">
        <v>66</v>
      </c>
      <c r="G2441" t="s">
        <v>19</v>
      </c>
      <c r="H2441" t="s">
        <v>66</v>
      </c>
      <c r="I2441" s="8">
        <v>2025</v>
      </c>
      <c r="J2441" t="s">
        <v>19</v>
      </c>
      <c r="K2441" s="10"/>
      <c r="M2441" s="10"/>
      <c r="N2441">
        <v>0</v>
      </c>
    </row>
    <row r="2442" spans="1:14">
      <c r="A2442" s="7" t="s">
        <v>10</v>
      </c>
      <c r="B2442" s="8"/>
      <c r="C2442" s="8" t="s">
        <v>67</v>
      </c>
      <c r="D2442" t="s">
        <v>77</v>
      </c>
      <c r="E2442" s="8" t="s">
        <v>12</v>
      </c>
      <c r="F2442" t="s">
        <v>66</v>
      </c>
      <c r="G2442" t="s">
        <v>78</v>
      </c>
      <c r="H2442" t="s">
        <v>66</v>
      </c>
      <c r="I2442" s="8">
        <v>2025</v>
      </c>
      <c r="J2442" t="s">
        <v>21</v>
      </c>
      <c r="K2442" s="10"/>
      <c r="M2442" s="10"/>
      <c r="N2442">
        <v>0</v>
      </c>
    </row>
    <row r="2443" spans="1:14">
      <c r="A2443" s="7" t="s">
        <v>10</v>
      </c>
      <c r="B2443" s="8"/>
      <c r="C2443" s="8" t="s">
        <v>67</v>
      </c>
      <c r="D2443" t="s">
        <v>77</v>
      </c>
      <c r="E2443" s="8" t="s">
        <v>12</v>
      </c>
      <c r="F2443" t="s">
        <v>66</v>
      </c>
      <c r="G2443" t="s">
        <v>78</v>
      </c>
      <c r="H2443" t="s">
        <v>66</v>
      </c>
      <c r="I2443" s="8">
        <v>2025</v>
      </c>
      <c r="J2443" t="s">
        <v>51</v>
      </c>
      <c r="K2443" s="10">
        <v>4506</v>
      </c>
      <c r="L2443">
        <v>2006</v>
      </c>
      <c r="M2443" s="10">
        <v>2500</v>
      </c>
      <c r="N2443">
        <v>0</v>
      </c>
    </row>
    <row r="2444" spans="1:14" hidden="1">
      <c r="A2444" s="7" t="s">
        <v>10</v>
      </c>
      <c r="B2444" s="8"/>
      <c r="C2444" s="8" t="s">
        <v>67</v>
      </c>
      <c r="D2444" t="s">
        <v>77</v>
      </c>
      <c r="E2444" s="8" t="s">
        <v>12</v>
      </c>
      <c r="F2444" t="s">
        <v>66</v>
      </c>
      <c r="G2444" t="s">
        <v>78</v>
      </c>
      <c r="H2444" t="s">
        <v>66</v>
      </c>
      <c r="I2444" s="8">
        <v>2026</v>
      </c>
      <c r="J2444" t="s">
        <v>47</v>
      </c>
      <c r="K2444" s="10">
        <v>16</v>
      </c>
      <c r="L2444">
        <v>24</v>
      </c>
      <c r="M2444" s="10">
        <v>0</v>
      </c>
      <c r="N2444">
        <v>0</v>
      </c>
    </row>
    <row r="2445" spans="1:14" hidden="1">
      <c r="A2445" s="7" t="s">
        <v>10</v>
      </c>
      <c r="B2445" s="8"/>
      <c r="C2445" s="8" t="s">
        <v>67</v>
      </c>
      <c r="D2445" t="s">
        <v>77</v>
      </c>
      <c r="E2445" s="8" t="s">
        <v>12</v>
      </c>
      <c r="F2445" t="s">
        <v>66</v>
      </c>
      <c r="G2445" t="s">
        <v>78</v>
      </c>
      <c r="H2445" t="s">
        <v>66</v>
      </c>
      <c r="I2445" s="8">
        <v>2026</v>
      </c>
      <c r="J2445" t="s">
        <v>48</v>
      </c>
      <c r="K2445" s="10"/>
      <c r="M2445" s="10"/>
      <c r="N2445">
        <v>0</v>
      </c>
    </row>
    <row r="2446" spans="1:14" hidden="1">
      <c r="A2446" s="7" t="s">
        <v>10</v>
      </c>
      <c r="B2446" s="8"/>
      <c r="C2446" s="8" t="s">
        <v>67</v>
      </c>
      <c r="D2446" t="s">
        <v>77</v>
      </c>
      <c r="E2446" s="8" t="s">
        <v>12</v>
      </c>
      <c r="F2446" t="s">
        <v>66</v>
      </c>
      <c r="G2446" t="s">
        <v>78</v>
      </c>
      <c r="H2446" t="s">
        <v>66</v>
      </c>
      <c r="I2446" s="8">
        <v>2026</v>
      </c>
      <c r="J2446" t="s">
        <v>14</v>
      </c>
      <c r="K2446" s="10"/>
      <c r="M2446" s="10"/>
      <c r="N2446">
        <v>0</v>
      </c>
    </row>
    <row r="2447" spans="1:14" hidden="1">
      <c r="A2447" s="7" t="s">
        <v>10</v>
      </c>
      <c r="B2447" s="8"/>
      <c r="C2447" s="8" t="s">
        <v>67</v>
      </c>
      <c r="D2447" t="s">
        <v>77</v>
      </c>
      <c r="E2447" s="8" t="s">
        <v>12</v>
      </c>
      <c r="F2447" t="s">
        <v>66</v>
      </c>
      <c r="G2447" t="s">
        <v>78</v>
      </c>
      <c r="H2447" t="s">
        <v>66</v>
      </c>
      <c r="I2447" s="8">
        <v>2026</v>
      </c>
      <c r="J2447" t="s">
        <v>49</v>
      </c>
      <c r="K2447" s="10"/>
      <c r="M2447" s="10"/>
      <c r="N2447">
        <v>0</v>
      </c>
    </row>
    <row r="2448" spans="1:14" hidden="1">
      <c r="A2448" s="7" t="s">
        <v>10</v>
      </c>
      <c r="B2448" s="8"/>
      <c r="C2448" s="8" t="s">
        <v>67</v>
      </c>
      <c r="D2448" t="s">
        <v>77</v>
      </c>
      <c r="E2448" s="8" t="s">
        <v>12</v>
      </c>
      <c r="F2448" t="s">
        <v>66</v>
      </c>
      <c r="G2448" t="s">
        <v>79</v>
      </c>
      <c r="H2448" t="s">
        <v>66</v>
      </c>
      <c r="I2448" s="8">
        <v>2026</v>
      </c>
      <c r="J2448" t="s">
        <v>15</v>
      </c>
      <c r="K2448" s="10">
        <v>6</v>
      </c>
      <c r="L2448">
        <v>8</v>
      </c>
      <c r="M2448" s="10">
        <v>0</v>
      </c>
      <c r="N2448">
        <v>0</v>
      </c>
    </row>
    <row r="2449" spans="1:14" hidden="1">
      <c r="A2449" s="7" t="s">
        <v>10</v>
      </c>
      <c r="B2449" s="8"/>
      <c r="C2449" s="8" t="s">
        <v>67</v>
      </c>
      <c r="D2449" t="s">
        <v>77</v>
      </c>
      <c r="E2449" s="8" t="s">
        <v>12</v>
      </c>
      <c r="F2449" t="s">
        <v>66</v>
      </c>
      <c r="G2449" t="s">
        <v>79</v>
      </c>
      <c r="H2449" t="s">
        <v>66</v>
      </c>
      <c r="I2449" s="8">
        <v>2026</v>
      </c>
      <c r="J2449" t="s">
        <v>50</v>
      </c>
      <c r="K2449" s="10"/>
      <c r="M2449" s="10"/>
      <c r="N2449">
        <v>0</v>
      </c>
    </row>
    <row r="2450" spans="1:14" hidden="1">
      <c r="A2450" s="7" t="s">
        <v>10</v>
      </c>
      <c r="B2450" s="8"/>
      <c r="C2450" s="8" t="s">
        <v>67</v>
      </c>
      <c r="D2450" t="s">
        <v>77</v>
      </c>
      <c r="E2450" s="8" t="s">
        <v>12</v>
      </c>
      <c r="F2450" t="s">
        <v>66</v>
      </c>
      <c r="G2450" t="s">
        <v>19</v>
      </c>
      <c r="H2450" t="s">
        <v>66</v>
      </c>
      <c r="I2450" s="8">
        <v>2026</v>
      </c>
      <c r="J2450" t="s">
        <v>19</v>
      </c>
      <c r="K2450" s="10"/>
      <c r="M2450" s="10"/>
      <c r="N2450">
        <v>0</v>
      </c>
    </row>
    <row r="2451" spans="1:14" hidden="1">
      <c r="A2451" s="7" t="s">
        <v>10</v>
      </c>
      <c r="B2451" s="8"/>
      <c r="C2451" s="8" t="s">
        <v>67</v>
      </c>
      <c r="D2451" t="s">
        <v>77</v>
      </c>
      <c r="E2451" s="8" t="s">
        <v>12</v>
      </c>
      <c r="F2451" t="s">
        <v>66</v>
      </c>
      <c r="G2451" t="s">
        <v>78</v>
      </c>
      <c r="H2451" t="s">
        <v>66</v>
      </c>
      <c r="I2451" s="8">
        <v>2026</v>
      </c>
      <c r="J2451" t="s">
        <v>21</v>
      </c>
      <c r="K2451" s="10"/>
      <c r="M2451" s="10"/>
      <c r="N2451">
        <v>0</v>
      </c>
    </row>
    <row r="2452" spans="1:14" hidden="1">
      <c r="A2452" s="7" t="s">
        <v>10</v>
      </c>
      <c r="B2452" s="8"/>
      <c r="C2452" s="8" t="s">
        <v>67</v>
      </c>
      <c r="D2452" t="s">
        <v>77</v>
      </c>
      <c r="E2452" s="8" t="s">
        <v>12</v>
      </c>
      <c r="F2452" t="s">
        <v>66</v>
      </c>
      <c r="G2452" t="s">
        <v>78</v>
      </c>
      <c r="H2452" t="s">
        <v>66</v>
      </c>
      <c r="I2452" s="8">
        <v>2026</v>
      </c>
      <c r="J2452" t="s">
        <v>51</v>
      </c>
      <c r="K2452" s="10">
        <v>6533</v>
      </c>
      <c r="L2452">
        <v>2006</v>
      </c>
      <c r="M2452" s="10">
        <v>4527</v>
      </c>
      <c r="N2452">
        <v>0</v>
      </c>
    </row>
    <row r="2453" spans="1:14" hidden="1">
      <c r="A2453" s="7" t="s">
        <v>10</v>
      </c>
      <c r="B2453" s="8"/>
      <c r="C2453" s="8" t="s">
        <v>67</v>
      </c>
      <c r="D2453" t="s">
        <v>77</v>
      </c>
      <c r="E2453" s="8" t="s">
        <v>12</v>
      </c>
      <c r="F2453" t="s">
        <v>66</v>
      </c>
      <c r="G2453" t="s">
        <v>78</v>
      </c>
      <c r="H2453" t="s">
        <v>66</v>
      </c>
      <c r="I2453" s="8">
        <v>2027</v>
      </c>
      <c r="J2453" t="s">
        <v>47</v>
      </c>
      <c r="K2453" s="10">
        <v>16</v>
      </c>
      <c r="L2453">
        <v>24</v>
      </c>
      <c r="M2453" s="10">
        <v>0</v>
      </c>
      <c r="N2453">
        <v>0</v>
      </c>
    </row>
    <row r="2454" spans="1:14" hidden="1">
      <c r="A2454" s="7" t="s">
        <v>10</v>
      </c>
      <c r="B2454" s="8"/>
      <c r="C2454" s="8" t="s">
        <v>67</v>
      </c>
      <c r="D2454" t="s">
        <v>77</v>
      </c>
      <c r="E2454" s="8" t="s">
        <v>12</v>
      </c>
      <c r="F2454" t="s">
        <v>66</v>
      </c>
      <c r="G2454" t="s">
        <v>78</v>
      </c>
      <c r="H2454" t="s">
        <v>66</v>
      </c>
      <c r="I2454" s="8">
        <v>2027</v>
      </c>
      <c r="J2454" t="s">
        <v>48</v>
      </c>
      <c r="K2454" s="10"/>
      <c r="M2454" s="10"/>
      <c r="N2454">
        <v>0</v>
      </c>
    </row>
    <row r="2455" spans="1:14" hidden="1">
      <c r="A2455" s="7" t="s">
        <v>10</v>
      </c>
      <c r="B2455" s="8"/>
      <c r="C2455" s="8" t="s">
        <v>67</v>
      </c>
      <c r="D2455" t="s">
        <v>77</v>
      </c>
      <c r="E2455" s="8" t="s">
        <v>12</v>
      </c>
      <c r="F2455" t="s">
        <v>66</v>
      </c>
      <c r="G2455" t="s">
        <v>78</v>
      </c>
      <c r="H2455" t="s">
        <v>66</v>
      </c>
      <c r="I2455" s="8">
        <v>2027</v>
      </c>
      <c r="J2455" t="s">
        <v>14</v>
      </c>
      <c r="K2455" s="10"/>
      <c r="M2455" s="10"/>
      <c r="N2455">
        <v>0</v>
      </c>
    </row>
    <row r="2456" spans="1:14" hidden="1">
      <c r="A2456" s="7" t="s">
        <v>10</v>
      </c>
      <c r="B2456" s="8"/>
      <c r="C2456" s="8" t="s">
        <v>67</v>
      </c>
      <c r="D2456" t="s">
        <v>77</v>
      </c>
      <c r="E2456" s="8" t="s">
        <v>12</v>
      </c>
      <c r="F2456" t="s">
        <v>66</v>
      </c>
      <c r="G2456" t="s">
        <v>78</v>
      </c>
      <c r="H2456" t="s">
        <v>66</v>
      </c>
      <c r="I2456" s="8">
        <v>2027</v>
      </c>
      <c r="J2456" t="s">
        <v>49</v>
      </c>
      <c r="K2456" s="10"/>
      <c r="M2456" s="10"/>
      <c r="N2456">
        <v>0</v>
      </c>
    </row>
    <row r="2457" spans="1:14" hidden="1">
      <c r="A2457" s="7" t="s">
        <v>10</v>
      </c>
      <c r="B2457" s="8"/>
      <c r="C2457" s="8" t="s">
        <v>67</v>
      </c>
      <c r="D2457" t="s">
        <v>77</v>
      </c>
      <c r="E2457" s="8" t="s">
        <v>12</v>
      </c>
      <c r="F2457" t="s">
        <v>66</v>
      </c>
      <c r="G2457" t="s">
        <v>79</v>
      </c>
      <c r="H2457" t="s">
        <v>66</v>
      </c>
      <c r="I2457" s="8">
        <v>2027</v>
      </c>
      <c r="J2457" t="s">
        <v>15</v>
      </c>
      <c r="K2457" s="10">
        <v>6</v>
      </c>
      <c r="L2457">
        <v>8</v>
      </c>
      <c r="M2457" s="10">
        <v>0</v>
      </c>
      <c r="N2457">
        <v>0</v>
      </c>
    </row>
    <row r="2458" spans="1:14" hidden="1">
      <c r="A2458" s="7" t="s">
        <v>10</v>
      </c>
      <c r="B2458" s="8"/>
      <c r="C2458" s="8" t="s">
        <v>67</v>
      </c>
      <c r="D2458" t="s">
        <v>77</v>
      </c>
      <c r="E2458" s="8" t="s">
        <v>12</v>
      </c>
      <c r="F2458" t="s">
        <v>66</v>
      </c>
      <c r="G2458" t="s">
        <v>79</v>
      </c>
      <c r="H2458" t="s">
        <v>66</v>
      </c>
      <c r="I2458" s="8">
        <v>2027</v>
      </c>
      <c r="J2458" t="s">
        <v>50</v>
      </c>
      <c r="K2458" s="10"/>
      <c r="M2458" s="10"/>
      <c r="N2458">
        <v>0</v>
      </c>
    </row>
    <row r="2459" spans="1:14" hidden="1">
      <c r="A2459" s="7" t="s">
        <v>10</v>
      </c>
      <c r="B2459" s="8"/>
      <c r="C2459" s="8" t="s">
        <v>67</v>
      </c>
      <c r="D2459" t="s">
        <v>77</v>
      </c>
      <c r="E2459" s="8" t="s">
        <v>12</v>
      </c>
      <c r="F2459" t="s">
        <v>66</v>
      </c>
      <c r="G2459" t="s">
        <v>19</v>
      </c>
      <c r="H2459" t="s">
        <v>66</v>
      </c>
      <c r="I2459" s="8">
        <v>2027</v>
      </c>
      <c r="J2459" t="s">
        <v>19</v>
      </c>
      <c r="K2459" s="10"/>
      <c r="M2459" s="10"/>
      <c r="N2459">
        <v>0</v>
      </c>
    </row>
    <row r="2460" spans="1:14" hidden="1">
      <c r="A2460" s="7" t="s">
        <v>10</v>
      </c>
      <c r="B2460" s="8"/>
      <c r="C2460" s="8" t="s">
        <v>67</v>
      </c>
      <c r="D2460" t="s">
        <v>77</v>
      </c>
      <c r="E2460" s="8" t="s">
        <v>12</v>
      </c>
      <c r="F2460" t="s">
        <v>66</v>
      </c>
      <c r="G2460" t="s">
        <v>78</v>
      </c>
      <c r="H2460" t="s">
        <v>66</v>
      </c>
      <c r="I2460" s="8">
        <v>2027</v>
      </c>
      <c r="J2460" t="s">
        <v>21</v>
      </c>
      <c r="K2460" s="10"/>
      <c r="M2460" s="10"/>
      <c r="N2460">
        <v>0</v>
      </c>
    </row>
    <row r="2461" spans="1:14" hidden="1">
      <c r="A2461" s="7" t="s">
        <v>10</v>
      </c>
      <c r="B2461" s="8"/>
      <c r="C2461" s="8" t="s">
        <v>67</v>
      </c>
      <c r="D2461" t="s">
        <v>77</v>
      </c>
      <c r="E2461" s="8" t="s">
        <v>12</v>
      </c>
      <c r="F2461" t="s">
        <v>66</v>
      </c>
      <c r="G2461" t="s">
        <v>78</v>
      </c>
      <c r="H2461" t="s">
        <v>66</v>
      </c>
      <c r="I2461" s="8">
        <v>2027</v>
      </c>
      <c r="J2461" t="s">
        <v>51</v>
      </c>
      <c r="K2461" s="10">
        <v>7129</v>
      </c>
      <c r="L2461">
        <v>2006</v>
      </c>
      <c r="M2461" s="10">
        <v>5123</v>
      </c>
      <c r="N2461">
        <v>0</v>
      </c>
    </row>
    <row r="2462" spans="1:14" hidden="1">
      <c r="A2462" s="7" t="s">
        <v>10</v>
      </c>
      <c r="B2462" s="8"/>
      <c r="C2462" s="8" t="s">
        <v>67</v>
      </c>
      <c r="D2462" t="s">
        <v>77</v>
      </c>
      <c r="E2462" s="8" t="s">
        <v>12</v>
      </c>
      <c r="F2462" t="s">
        <v>66</v>
      </c>
      <c r="G2462" t="s">
        <v>78</v>
      </c>
      <c r="H2462" t="s">
        <v>66</v>
      </c>
      <c r="I2462" s="8">
        <v>2028</v>
      </c>
      <c r="J2462" t="s">
        <v>47</v>
      </c>
      <c r="K2462" s="10">
        <v>16</v>
      </c>
      <c r="L2462">
        <v>24</v>
      </c>
      <c r="M2462" s="10">
        <v>0</v>
      </c>
      <c r="N2462">
        <v>0</v>
      </c>
    </row>
    <row r="2463" spans="1:14" hidden="1">
      <c r="A2463" s="7" t="s">
        <v>10</v>
      </c>
      <c r="B2463" s="8"/>
      <c r="C2463" s="8" t="s">
        <v>67</v>
      </c>
      <c r="D2463" t="s">
        <v>77</v>
      </c>
      <c r="E2463" s="8" t="s">
        <v>12</v>
      </c>
      <c r="F2463" t="s">
        <v>66</v>
      </c>
      <c r="G2463" t="s">
        <v>78</v>
      </c>
      <c r="H2463" t="s">
        <v>66</v>
      </c>
      <c r="I2463" s="8">
        <v>2028</v>
      </c>
      <c r="J2463" t="s">
        <v>48</v>
      </c>
      <c r="K2463" s="10"/>
      <c r="M2463" s="10"/>
      <c r="N2463">
        <v>0</v>
      </c>
    </row>
    <row r="2464" spans="1:14" hidden="1">
      <c r="A2464" s="7" t="s">
        <v>10</v>
      </c>
      <c r="B2464" s="8"/>
      <c r="C2464" s="8" t="s">
        <v>67</v>
      </c>
      <c r="D2464" t="s">
        <v>77</v>
      </c>
      <c r="E2464" s="8" t="s">
        <v>12</v>
      </c>
      <c r="F2464" t="s">
        <v>66</v>
      </c>
      <c r="G2464" t="s">
        <v>78</v>
      </c>
      <c r="H2464" t="s">
        <v>66</v>
      </c>
      <c r="I2464" s="8">
        <v>2028</v>
      </c>
      <c r="J2464" t="s">
        <v>14</v>
      </c>
      <c r="K2464" s="10"/>
      <c r="M2464" s="10"/>
      <c r="N2464">
        <v>0</v>
      </c>
    </row>
    <row r="2465" spans="1:14" hidden="1">
      <c r="A2465" s="7" t="s">
        <v>10</v>
      </c>
      <c r="B2465" s="8"/>
      <c r="C2465" s="8" t="s">
        <v>67</v>
      </c>
      <c r="D2465" t="s">
        <v>77</v>
      </c>
      <c r="E2465" s="8" t="s">
        <v>12</v>
      </c>
      <c r="F2465" t="s">
        <v>66</v>
      </c>
      <c r="G2465" t="s">
        <v>78</v>
      </c>
      <c r="H2465" t="s">
        <v>66</v>
      </c>
      <c r="I2465" s="8">
        <v>2028</v>
      </c>
      <c r="J2465" t="s">
        <v>49</v>
      </c>
      <c r="K2465" s="10"/>
      <c r="M2465" s="10"/>
      <c r="N2465">
        <v>0</v>
      </c>
    </row>
    <row r="2466" spans="1:14" hidden="1">
      <c r="A2466" s="7" t="s">
        <v>10</v>
      </c>
      <c r="B2466" s="8"/>
      <c r="C2466" s="8" t="s">
        <v>67</v>
      </c>
      <c r="D2466" t="s">
        <v>77</v>
      </c>
      <c r="E2466" s="8" t="s">
        <v>12</v>
      </c>
      <c r="F2466" t="s">
        <v>66</v>
      </c>
      <c r="G2466" t="s">
        <v>79</v>
      </c>
      <c r="H2466" t="s">
        <v>66</v>
      </c>
      <c r="I2466" s="8">
        <v>2028</v>
      </c>
      <c r="J2466" t="s">
        <v>15</v>
      </c>
      <c r="K2466" s="10">
        <v>6</v>
      </c>
      <c r="L2466">
        <v>8</v>
      </c>
      <c r="M2466" s="10">
        <v>0</v>
      </c>
      <c r="N2466">
        <v>0</v>
      </c>
    </row>
    <row r="2467" spans="1:14" hidden="1">
      <c r="A2467" s="7" t="s">
        <v>10</v>
      </c>
      <c r="B2467" s="8"/>
      <c r="C2467" s="8" t="s">
        <v>67</v>
      </c>
      <c r="D2467" t="s">
        <v>77</v>
      </c>
      <c r="E2467" s="8" t="s">
        <v>12</v>
      </c>
      <c r="F2467" t="s">
        <v>66</v>
      </c>
      <c r="G2467" t="s">
        <v>79</v>
      </c>
      <c r="H2467" t="s">
        <v>66</v>
      </c>
      <c r="I2467" s="8">
        <v>2028</v>
      </c>
      <c r="J2467" t="s">
        <v>50</v>
      </c>
      <c r="K2467" s="10"/>
      <c r="M2467" s="10"/>
      <c r="N2467">
        <v>0</v>
      </c>
    </row>
    <row r="2468" spans="1:14" hidden="1">
      <c r="A2468" s="7" t="s">
        <v>10</v>
      </c>
      <c r="B2468" s="8"/>
      <c r="C2468" s="8" t="s">
        <v>67</v>
      </c>
      <c r="D2468" t="s">
        <v>77</v>
      </c>
      <c r="E2468" s="8" t="s">
        <v>12</v>
      </c>
      <c r="F2468" t="s">
        <v>66</v>
      </c>
      <c r="G2468" t="s">
        <v>19</v>
      </c>
      <c r="H2468" t="s">
        <v>66</v>
      </c>
      <c r="I2468" s="8">
        <v>2028</v>
      </c>
      <c r="J2468" t="s">
        <v>19</v>
      </c>
      <c r="K2468" s="10"/>
      <c r="M2468" s="10"/>
      <c r="N2468">
        <v>0</v>
      </c>
    </row>
    <row r="2469" spans="1:14" hidden="1">
      <c r="A2469" s="7" t="s">
        <v>10</v>
      </c>
      <c r="B2469" s="8"/>
      <c r="C2469" s="8" t="s">
        <v>67</v>
      </c>
      <c r="D2469" t="s">
        <v>77</v>
      </c>
      <c r="E2469" s="8" t="s">
        <v>12</v>
      </c>
      <c r="F2469" t="s">
        <v>66</v>
      </c>
      <c r="G2469" t="s">
        <v>78</v>
      </c>
      <c r="H2469" t="s">
        <v>66</v>
      </c>
      <c r="I2469" s="8">
        <v>2028</v>
      </c>
      <c r="J2469" t="s">
        <v>21</v>
      </c>
      <c r="K2469" s="10"/>
      <c r="M2469" s="10"/>
      <c r="N2469">
        <v>0</v>
      </c>
    </row>
    <row r="2470" spans="1:14" hidden="1">
      <c r="A2470" s="7" t="s">
        <v>10</v>
      </c>
      <c r="B2470" s="8"/>
      <c r="C2470" s="8" t="s">
        <v>67</v>
      </c>
      <c r="D2470" t="s">
        <v>77</v>
      </c>
      <c r="E2470" s="8" t="s">
        <v>12</v>
      </c>
      <c r="F2470" t="s">
        <v>66</v>
      </c>
      <c r="G2470" t="s">
        <v>78</v>
      </c>
      <c r="H2470" t="s">
        <v>66</v>
      </c>
      <c r="I2470" s="8">
        <v>2028</v>
      </c>
      <c r="J2470" t="s">
        <v>51</v>
      </c>
      <c r="K2470" s="10">
        <v>11588</v>
      </c>
      <c r="L2470">
        <v>6000</v>
      </c>
      <c r="M2470" s="10">
        <v>5588</v>
      </c>
      <c r="N2470">
        <v>0</v>
      </c>
    </row>
    <row r="2471" spans="1:14" hidden="1">
      <c r="A2471" s="7" t="s">
        <v>10</v>
      </c>
      <c r="B2471" s="8"/>
      <c r="C2471" s="8" t="s">
        <v>67</v>
      </c>
      <c r="D2471" t="s">
        <v>77</v>
      </c>
      <c r="E2471" s="8" t="s">
        <v>12</v>
      </c>
      <c r="F2471" t="s">
        <v>66</v>
      </c>
      <c r="G2471" t="s">
        <v>78</v>
      </c>
      <c r="H2471" t="s">
        <v>66</v>
      </c>
      <c r="I2471" s="8">
        <v>2029</v>
      </c>
      <c r="J2471" t="s">
        <v>47</v>
      </c>
      <c r="K2471" s="10">
        <v>16</v>
      </c>
      <c r="L2471">
        <v>24</v>
      </c>
      <c r="M2471" s="10">
        <v>0</v>
      </c>
      <c r="N2471">
        <v>0</v>
      </c>
    </row>
    <row r="2472" spans="1:14" hidden="1">
      <c r="A2472" s="7" t="s">
        <v>10</v>
      </c>
      <c r="B2472" s="8"/>
      <c r="C2472" s="8" t="s">
        <v>67</v>
      </c>
      <c r="D2472" t="s">
        <v>77</v>
      </c>
      <c r="E2472" s="8" t="s">
        <v>12</v>
      </c>
      <c r="F2472" t="s">
        <v>66</v>
      </c>
      <c r="G2472" t="s">
        <v>78</v>
      </c>
      <c r="H2472" t="s">
        <v>66</v>
      </c>
      <c r="I2472" s="8">
        <v>2029</v>
      </c>
      <c r="J2472" t="s">
        <v>48</v>
      </c>
      <c r="K2472" s="10"/>
      <c r="M2472" s="10"/>
      <c r="N2472">
        <v>0</v>
      </c>
    </row>
    <row r="2473" spans="1:14" hidden="1">
      <c r="A2473" s="7" t="s">
        <v>10</v>
      </c>
      <c r="B2473" s="8"/>
      <c r="C2473" s="8" t="s">
        <v>67</v>
      </c>
      <c r="D2473" t="s">
        <v>77</v>
      </c>
      <c r="E2473" s="8" t="s">
        <v>12</v>
      </c>
      <c r="F2473" t="s">
        <v>66</v>
      </c>
      <c r="G2473" t="s">
        <v>78</v>
      </c>
      <c r="H2473" t="s">
        <v>66</v>
      </c>
      <c r="I2473" s="8">
        <v>2029</v>
      </c>
      <c r="J2473" t="s">
        <v>14</v>
      </c>
      <c r="K2473" s="10"/>
      <c r="M2473" s="10"/>
      <c r="N2473">
        <v>0</v>
      </c>
    </row>
    <row r="2474" spans="1:14" hidden="1">
      <c r="A2474" s="7" t="s">
        <v>10</v>
      </c>
      <c r="B2474" s="8"/>
      <c r="C2474" s="8" t="s">
        <v>67</v>
      </c>
      <c r="D2474" t="s">
        <v>77</v>
      </c>
      <c r="E2474" s="8" t="s">
        <v>12</v>
      </c>
      <c r="F2474" t="s">
        <v>66</v>
      </c>
      <c r="G2474" t="s">
        <v>78</v>
      </c>
      <c r="H2474" t="s">
        <v>66</v>
      </c>
      <c r="I2474" s="8">
        <v>2029</v>
      </c>
      <c r="J2474" t="s">
        <v>49</v>
      </c>
      <c r="K2474" s="10"/>
      <c r="M2474" s="10"/>
      <c r="N2474">
        <v>0</v>
      </c>
    </row>
    <row r="2475" spans="1:14" hidden="1">
      <c r="A2475" s="7" t="s">
        <v>10</v>
      </c>
      <c r="B2475" s="8"/>
      <c r="C2475" s="8" t="s">
        <v>67</v>
      </c>
      <c r="D2475" t="s">
        <v>77</v>
      </c>
      <c r="E2475" s="8" t="s">
        <v>12</v>
      </c>
      <c r="F2475" t="s">
        <v>66</v>
      </c>
      <c r="G2475" t="s">
        <v>79</v>
      </c>
      <c r="H2475" t="s">
        <v>66</v>
      </c>
      <c r="I2475" s="8">
        <v>2029</v>
      </c>
      <c r="J2475" t="s">
        <v>15</v>
      </c>
      <c r="K2475" s="10"/>
      <c r="M2475" s="10"/>
      <c r="N2475">
        <v>0</v>
      </c>
    </row>
    <row r="2476" spans="1:14" hidden="1">
      <c r="A2476" s="7" t="s">
        <v>10</v>
      </c>
      <c r="B2476" s="8"/>
      <c r="C2476" s="8" t="s">
        <v>67</v>
      </c>
      <c r="D2476" t="s">
        <v>77</v>
      </c>
      <c r="E2476" s="8" t="s">
        <v>12</v>
      </c>
      <c r="F2476" t="s">
        <v>66</v>
      </c>
      <c r="G2476" t="s">
        <v>79</v>
      </c>
      <c r="H2476" t="s">
        <v>66</v>
      </c>
      <c r="I2476" s="8">
        <v>2029</v>
      </c>
      <c r="J2476" t="s">
        <v>50</v>
      </c>
      <c r="K2476" s="10">
        <v>6</v>
      </c>
      <c r="L2476">
        <v>8</v>
      </c>
      <c r="M2476" s="10">
        <v>0</v>
      </c>
      <c r="N2476">
        <v>0</v>
      </c>
    </row>
    <row r="2477" spans="1:14" hidden="1">
      <c r="A2477" s="7" t="s">
        <v>10</v>
      </c>
      <c r="B2477" s="8"/>
      <c r="C2477" s="8" t="s">
        <v>67</v>
      </c>
      <c r="D2477" t="s">
        <v>77</v>
      </c>
      <c r="E2477" s="8" t="s">
        <v>12</v>
      </c>
      <c r="F2477" t="s">
        <v>66</v>
      </c>
      <c r="G2477" t="s">
        <v>19</v>
      </c>
      <c r="H2477" t="s">
        <v>66</v>
      </c>
      <c r="I2477" s="8">
        <v>2029</v>
      </c>
      <c r="J2477" t="s">
        <v>19</v>
      </c>
      <c r="K2477" s="10"/>
      <c r="M2477" s="10"/>
      <c r="N2477">
        <v>0</v>
      </c>
    </row>
    <row r="2478" spans="1:14" hidden="1">
      <c r="A2478" s="7" t="s">
        <v>10</v>
      </c>
      <c r="B2478" s="8"/>
      <c r="C2478" s="8" t="s">
        <v>67</v>
      </c>
      <c r="D2478" t="s">
        <v>77</v>
      </c>
      <c r="E2478" s="8" t="s">
        <v>12</v>
      </c>
      <c r="F2478" t="s">
        <v>66</v>
      </c>
      <c r="G2478" t="s">
        <v>78</v>
      </c>
      <c r="H2478" t="s">
        <v>66</v>
      </c>
      <c r="I2478" s="8">
        <v>2029</v>
      </c>
      <c r="J2478" t="s">
        <v>21</v>
      </c>
      <c r="K2478" s="10"/>
      <c r="M2478" s="10"/>
      <c r="N2478">
        <v>0</v>
      </c>
    </row>
    <row r="2479" spans="1:14" hidden="1">
      <c r="A2479" s="7" t="s">
        <v>10</v>
      </c>
      <c r="B2479" s="8"/>
      <c r="C2479" s="8" t="s">
        <v>67</v>
      </c>
      <c r="D2479" t="s">
        <v>77</v>
      </c>
      <c r="E2479" s="8" t="s">
        <v>12</v>
      </c>
      <c r="F2479" t="s">
        <v>66</v>
      </c>
      <c r="G2479" t="s">
        <v>78</v>
      </c>
      <c r="H2479" t="s">
        <v>66</v>
      </c>
      <c r="I2479" s="8">
        <v>2029</v>
      </c>
      <c r="J2479" t="s">
        <v>51</v>
      </c>
      <c r="K2479" s="10">
        <v>11588</v>
      </c>
      <c r="L2479">
        <v>6000</v>
      </c>
      <c r="M2479" s="10">
        <v>5588</v>
      </c>
      <c r="N2479">
        <v>0</v>
      </c>
    </row>
    <row r="2480" spans="1:14" hidden="1">
      <c r="A2480" s="7" t="s">
        <v>10</v>
      </c>
      <c r="B2480" s="8"/>
      <c r="C2480" s="8" t="s">
        <v>67</v>
      </c>
      <c r="D2480" t="s">
        <v>77</v>
      </c>
      <c r="E2480" s="8" t="s">
        <v>12</v>
      </c>
      <c r="F2480" t="s">
        <v>66</v>
      </c>
      <c r="G2480" t="s">
        <v>78</v>
      </c>
      <c r="H2480" t="s">
        <v>66</v>
      </c>
      <c r="I2480" s="8">
        <v>2030</v>
      </c>
      <c r="J2480" t="s">
        <v>47</v>
      </c>
      <c r="K2480" s="10">
        <v>16</v>
      </c>
      <c r="L2480">
        <v>24</v>
      </c>
      <c r="M2480" s="10">
        <v>0</v>
      </c>
      <c r="N2480">
        <v>0</v>
      </c>
    </row>
    <row r="2481" spans="1:14" hidden="1">
      <c r="A2481" s="7" t="s">
        <v>10</v>
      </c>
      <c r="B2481" s="8"/>
      <c r="C2481" s="8" t="s">
        <v>67</v>
      </c>
      <c r="D2481" t="s">
        <v>77</v>
      </c>
      <c r="E2481" s="8" t="s">
        <v>12</v>
      </c>
      <c r="F2481" t="s">
        <v>66</v>
      </c>
      <c r="G2481" t="s">
        <v>78</v>
      </c>
      <c r="H2481" t="s">
        <v>66</v>
      </c>
      <c r="I2481" s="8">
        <v>2030</v>
      </c>
      <c r="J2481" t="s">
        <v>48</v>
      </c>
      <c r="K2481" s="10"/>
      <c r="M2481" s="10"/>
      <c r="N2481">
        <v>0</v>
      </c>
    </row>
    <row r="2482" spans="1:14" hidden="1">
      <c r="A2482" s="7" t="s">
        <v>10</v>
      </c>
      <c r="B2482" s="8"/>
      <c r="C2482" s="8" t="s">
        <v>67</v>
      </c>
      <c r="D2482" t="s">
        <v>77</v>
      </c>
      <c r="E2482" s="8" t="s">
        <v>12</v>
      </c>
      <c r="F2482" t="s">
        <v>66</v>
      </c>
      <c r="G2482" t="s">
        <v>78</v>
      </c>
      <c r="H2482" t="s">
        <v>66</v>
      </c>
      <c r="I2482" s="8">
        <v>2030</v>
      </c>
      <c r="J2482" t="s">
        <v>14</v>
      </c>
      <c r="K2482" s="10"/>
      <c r="M2482" s="10"/>
      <c r="N2482">
        <v>0</v>
      </c>
    </row>
    <row r="2483" spans="1:14" hidden="1">
      <c r="A2483" s="7" t="s">
        <v>10</v>
      </c>
      <c r="B2483" s="8"/>
      <c r="C2483" s="8" t="s">
        <v>67</v>
      </c>
      <c r="D2483" t="s">
        <v>77</v>
      </c>
      <c r="E2483" s="8" t="s">
        <v>12</v>
      </c>
      <c r="F2483" t="s">
        <v>66</v>
      </c>
      <c r="G2483" t="s">
        <v>78</v>
      </c>
      <c r="H2483" t="s">
        <v>66</v>
      </c>
      <c r="I2483" s="8">
        <v>2030</v>
      </c>
      <c r="J2483" t="s">
        <v>49</v>
      </c>
      <c r="K2483" s="10"/>
      <c r="M2483" s="10"/>
      <c r="N2483">
        <v>0</v>
      </c>
    </row>
    <row r="2484" spans="1:14" hidden="1">
      <c r="A2484" s="7" t="s">
        <v>10</v>
      </c>
      <c r="B2484" s="8"/>
      <c r="C2484" s="8" t="s">
        <v>67</v>
      </c>
      <c r="D2484" t="s">
        <v>77</v>
      </c>
      <c r="E2484" s="8" t="s">
        <v>12</v>
      </c>
      <c r="F2484" t="s">
        <v>66</v>
      </c>
      <c r="G2484" t="s">
        <v>79</v>
      </c>
      <c r="H2484" t="s">
        <v>66</v>
      </c>
      <c r="I2484" s="8">
        <v>2030</v>
      </c>
      <c r="J2484" t="s">
        <v>15</v>
      </c>
      <c r="K2484" s="10"/>
      <c r="M2484" s="10"/>
      <c r="N2484">
        <v>0</v>
      </c>
    </row>
    <row r="2485" spans="1:14" hidden="1">
      <c r="A2485" s="7" t="s">
        <v>10</v>
      </c>
      <c r="B2485" s="8"/>
      <c r="C2485" s="8" t="s">
        <v>67</v>
      </c>
      <c r="D2485" t="s">
        <v>77</v>
      </c>
      <c r="E2485" s="8" t="s">
        <v>12</v>
      </c>
      <c r="F2485" t="s">
        <v>66</v>
      </c>
      <c r="G2485" t="s">
        <v>79</v>
      </c>
      <c r="H2485" t="s">
        <v>66</v>
      </c>
      <c r="I2485" s="8">
        <v>2030</v>
      </c>
      <c r="J2485" t="s">
        <v>50</v>
      </c>
      <c r="K2485" s="10">
        <v>6</v>
      </c>
      <c r="L2485">
        <v>8</v>
      </c>
      <c r="M2485" s="10">
        <v>0</v>
      </c>
      <c r="N2485">
        <v>0</v>
      </c>
    </row>
    <row r="2486" spans="1:14" hidden="1">
      <c r="A2486" s="7" t="s">
        <v>10</v>
      </c>
      <c r="B2486" s="8"/>
      <c r="C2486" s="8" t="s">
        <v>67</v>
      </c>
      <c r="D2486" t="s">
        <v>77</v>
      </c>
      <c r="E2486" s="8" t="s">
        <v>12</v>
      </c>
      <c r="F2486" t="s">
        <v>66</v>
      </c>
      <c r="G2486" t="s">
        <v>19</v>
      </c>
      <c r="H2486" t="s">
        <v>66</v>
      </c>
      <c r="I2486" s="8">
        <v>2030</v>
      </c>
      <c r="J2486" t="s">
        <v>19</v>
      </c>
      <c r="K2486" s="10"/>
      <c r="M2486" s="10"/>
      <c r="N2486">
        <v>0</v>
      </c>
    </row>
    <row r="2487" spans="1:14" hidden="1">
      <c r="A2487" s="7" t="s">
        <v>10</v>
      </c>
      <c r="B2487" s="8"/>
      <c r="C2487" s="8" t="s">
        <v>67</v>
      </c>
      <c r="D2487" t="s">
        <v>77</v>
      </c>
      <c r="E2487" s="8" t="s">
        <v>12</v>
      </c>
      <c r="F2487" t="s">
        <v>66</v>
      </c>
      <c r="G2487" t="s">
        <v>78</v>
      </c>
      <c r="H2487" t="s">
        <v>66</v>
      </c>
      <c r="I2487" s="8">
        <v>2030</v>
      </c>
      <c r="J2487" t="s">
        <v>21</v>
      </c>
      <c r="K2487" s="10"/>
      <c r="M2487" s="10"/>
      <c r="N2487">
        <v>0</v>
      </c>
    </row>
    <row r="2488" spans="1:14" hidden="1">
      <c r="A2488" s="7" t="s">
        <v>10</v>
      </c>
      <c r="B2488" s="8"/>
      <c r="C2488" s="8" t="s">
        <v>67</v>
      </c>
      <c r="D2488" t="s">
        <v>77</v>
      </c>
      <c r="E2488" s="8" t="s">
        <v>12</v>
      </c>
      <c r="F2488" t="s">
        <v>66</v>
      </c>
      <c r="G2488" t="s">
        <v>78</v>
      </c>
      <c r="H2488" t="s">
        <v>66</v>
      </c>
      <c r="I2488" s="8">
        <v>2030</v>
      </c>
      <c r="J2488" t="s">
        <v>51</v>
      </c>
      <c r="K2488" s="10">
        <v>6000</v>
      </c>
      <c r="L2488">
        <v>6000</v>
      </c>
      <c r="M2488" s="10">
        <v>5588</v>
      </c>
      <c r="N2488">
        <v>0</v>
      </c>
    </row>
    <row r="2489" spans="1:14" hidden="1">
      <c r="A2489" s="7" t="s">
        <v>10</v>
      </c>
      <c r="B2489" s="8"/>
      <c r="C2489" s="8" t="s">
        <v>67</v>
      </c>
      <c r="D2489" t="s">
        <v>77</v>
      </c>
      <c r="E2489" s="8" t="s">
        <v>12</v>
      </c>
      <c r="F2489" t="s">
        <v>66</v>
      </c>
      <c r="G2489" t="s">
        <v>78</v>
      </c>
      <c r="H2489" t="s">
        <v>66</v>
      </c>
      <c r="I2489" s="8">
        <v>2031</v>
      </c>
      <c r="J2489" t="s">
        <v>47</v>
      </c>
      <c r="K2489" s="10">
        <v>16</v>
      </c>
      <c r="L2489">
        <v>24</v>
      </c>
      <c r="M2489" s="10">
        <v>0</v>
      </c>
      <c r="N2489">
        <v>0</v>
      </c>
    </row>
    <row r="2490" spans="1:14" hidden="1">
      <c r="A2490" s="7" t="s">
        <v>10</v>
      </c>
      <c r="B2490" s="8"/>
      <c r="C2490" s="8" t="s">
        <v>67</v>
      </c>
      <c r="D2490" t="s">
        <v>77</v>
      </c>
      <c r="E2490" s="8" t="s">
        <v>12</v>
      </c>
      <c r="F2490" t="s">
        <v>66</v>
      </c>
      <c r="G2490" t="s">
        <v>78</v>
      </c>
      <c r="H2490" t="s">
        <v>66</v>
      </c>
      <c r="I2490" s="8">
        <v>2031</v>
      </c>
      <c r="J2490" t="s">
        <v>48</v>
      </c>
      <c r="K2490" s="10"/>
      <c r="M2490" s="10"/>
      <c r="N2490">
        <v>0</v>
      </c>
    </row>
    <row r="2491" spans="1:14" hidden="1">
      <c r="A2491" s="7" t="s">
        <v>10</v>
      </c>
      <c r="B2491" s="8"/>
      <c r="C2491" s="8" t="s">
        <v>67</v>
      </c>
      <c r="D2491" t="s">
        <v>77</v>
      </c>
      <c r="E2491" s="8" t="s">
        <v>12</v>
      </c>
      <c r="F2491" t="s">
        <v>66</v>
      </c>
      <c r="G2491" t="s">
        <v>78</v>
      </c>
      <c r="H2491" t="s">
        <v>66</v>
      </c>
      <c r="I2491" s="8">
        <v>2031</v>
      </c>
      <c r="J2491" t="s">
        <v>14</v>
      </c>
      <c r="K2491" s="10"/>
      <c r="M2491" s="10"/>
      <c r="N2491">
        <v>0</v>
      </c>
    </row>
    <row r="2492" spans="1:14" hidden="1">
      <c r="A2492" s="7" t="s">
        <v>10</v>
      </c>
      <c r="B2492" s="8"/>
      <c r="C2492" s="8" t="s">
        <v>67</v>
      </c>
      <c r="D2492" t="s">
        <v>77</v>
      </c>
      <c r="E2492" s="8" t="s">
        <v>12</v>
      </c>
      <c r="F2492" t="s">
        <v>66</v>
      </c>
      <c r="G2492" t="s">
        <v>78</v>
      </c>
      <c r="H2492" t="s">
        <v>66</v>
      </c>
      <c r="I2492" s="8">
        <v>2031</v>
      </c>
      <c r="J2492" t="s">
        <v>49</v>
      </c>
      <c r="K2492" s="10"/>
      <c r="M2492" s="10"/>
      <c r="N2492">
        <v>0</v>
      </c>
    </row>
    <row r="2493" spans="1:14" hidden="1">
      <c r="A2493" s="7" t="s">
        <v>10</v>
      </c>
      <c r="B2493" s="8"/>
      <c r="C2493" s="8" t="s">
        <v>67</v>
      </c>
      <c r="D2493" t="s">
        <v>77</v>
      </c>
      <c r="E2493" s="8" t="s">
        <v>12</v>
      </c>
      <c r="F2493" t="s">
        <v>66</v>
      </c>
      <c r="G2493" t="s">
        <v>79</v>
      </c>
      <c r="H2493" t="s">
        <v>66</v>
      </c>
      <c r="I2493" s="8">
        <v>2031</v>
      </c>
      <c r="J2493" t="s">
        <v>15</v>
      </c>
      <c r="K2493" s="10"/>
      <c r="M2493" s="10"/>
      <c r="N2493">
        <v>0</v>
      </c>
    </row>
    <row r="2494" spans="1:14" hidden="1">
      <c r="A2494" s="7" t="s">
        <v>10</v>
      </c>
      <c r="B2494" s="8"/>
      <c r="C2494" s="8" t="s">
        <v>67</v>
      </c>
      <c r="D2494" t="s">
        <v>77</v>
      </c>
      <c r="E2494" s="8" t="s">
        <v>12</v>
      </c>
      <c r="F2494" t="s">
        <v>66</v>
      </c>
      <c r="G2494" t="s">
        <v>79</v>
      </c>
      <c r="H2494" t="s">
        <v>66</v>
      </c>
      <c r="I2494" s="8">
        <v>2031</v>
      </c>
      <c r="J2494" t="s">
        <v>50</v>
      </c>
      <c r="K2494" s="10">
        <v>6</v>
      </c>
      <c r="L2494">
        <v>8</v>
      </c>
      <c r="M2494" s="10">
        <v>0</v>
      </c>
      <c r="N2494">
        <v>0</v>
      </c>
    </row>
    <row r="2495" spans="1:14" hidden="1">
      <c r="A2495" s="7" t="s">
        <v>10</v>
      </c>
      <c r="B2495" s="8"/>
      <c r="C2495" s="8" t="s">
        <v>67</v>
      </c>
      <c r="D2495" t="s">
        <v>77</v>
      </c>
      <c r="E2495" s="8" t="s">
        <v>12</v>
      </c>
      <c r="F2495" t="s">
        <v>66</v>
      </c>
      <c r="G2495" t="s">
        <v>19</v>
      </c>
      <c r="H2495" t="s">
        <v>66</v>
      </c>
      <c r="I2495" s="8">
        <v>2031</v>
      </c>
      <c r="J2495" t="s">
        <v>19</v>
      </c>
      <c r="K2495" s="10"/>
      <c r="M2495" s="10"/>
      <c r="N2495">
        <v>0</v>
      </c>
    </row>
    <row r="2496" spans="1:14" hidden="1">
      <c r="A2496" s="7" t="s">
        <v>10</v>
      </c>
      <c r="B2496" s="8"/>
      <c r="C2496" s="8" t="s">
        <v>67</v>
      </c>
      <c r="D2496" t="s">
        <v>77</v>
      </c>
      <c r="E2496" s="8" t="s">
        <v>12</v>
      </c>
      <c r="F2496" t="s">
        <v>66</v>
      </c>
      <c r="G2496" t="s">
        <v>78</v>
      </c>
      <c r="H2496" t="s">
        <v>66</v>
      </c>
      <c r="I2496" s="8">
        <v>2031</v>
      </c>
      <c r="J2496" t="s">
        <v>21</v>
      </c>
      <c r="K2496" s="10"/>
      <c r="M2496" s="10"/>
      <c r="N2496">
        <v>0</v>
      </c>
    </row>
    <row r="2497" spans="1:14" hidden="1">
      <c r="A2497" s="7" t="s">
        <v>10</v>
      </c>
      <c r="B2497" s="8"/>
      <c r="C2497" s="8" t="s">
        <v>67</v>
      </c>
      <c r="D2497" t="s">
        <v>77</v>
      </c>
      <c r="E2497" s="8" t="s">
        <v>12</v>
      </c>
      <c r="F2497" t="s">
        <v>66</v>
      </c>
      <c r="G2497" t="s">
        <v>78</v>
      </c>
      <c r="H2497" t="s">
        <v>66</v>
      </c>
      <c r="I2497" s="8">
        <v>2031</v>
      </c>
      <c r="J2497" t="s">
        <v>51</v>
      </c>
      <c r="K2497" s="10">
        <v>11588</v>
      </c>
      <c r="L2497">
        <v>6000</v>
      </c>
      <c r="M2497" s="10">
        <v>5588</v>
      </c>
      <c r="N2497">
        <v>0</v>
      </c>
    </row>
    <row r="2498" spans="1:14" hidden="1">
      <c r="A2498" s="7" t="s">
        <v>10</v>
      </c>
      <c r="B2498" s="8"/>
      <c r="C2498" s="8" t="s">
        <v>67</v>
      </c>
      <c r="D2498" t="s">
        <v>77</v>
      </c>
      <c r="E2498" s="8" t="s">
        <v>12</v>
      </c>
      <c r="F2498" t="s">
        <v>66</v>
      </c>
      <c r="G2498" t="s">
        <v>78</v>
      </c>
      <c r="H2498" t="s">
        <v>66</v>
      </c>
      <c r="I2498" s="8">
        <v>2032</v>
      </c>
      <c r="J2498" t="s">
        <v>47</v>
      </c>
      <c r="K2498" s="10">
        <v>16</v>
      </c>
      <c r="L2498">
        <v>24</v>
      </c>
      <c r="M2498" s="10">
        <v>0</v>
      </c>
      <c r="N2498">
        <v>0</v>
      </c>
    </row>
    <row r="2499" spans="1:14" hidden="1">
      <c r="A2499" s="7" t="s">
        <v>10</v>
      </c>
      <c r="B2499" s="8"/>
      <c r="C2499" s="8" t="s">
        <v>67</v>
      </c>
      <c r="D2499" t="s">
        <v>77</v>
      </c>
      <c r="E2499" s="8" t="s">
        <v>12</v>
      </c>
      <c r="F2499" t="s">
        <v>66</v>
      </c>
      <c r="G2499" t="s">
        <v>78</v>
      </c>
      <c r="H2499" t="s">
        <v>66</v>
      </c>
      <c r="I2499" s="8">
        <v>2032</v>
      </c>
      <c r="J2499" t="s">
        <v>48</v>
      </c>
      <c r="K2499" s="10"/>
      <c r="M2499" s="10"/>
      <c r="N2499">
        <v>0</v>
      </c>
    </row>
    <row r="2500" spans="1:14" hidden="1">
      <c r="A2500" s="7" t="s">
        <v>10</v>
      </c>
      <c r="B2500" s="8"/>
      <c r="C2500" s="8" t="s">
        <v>67</v>
      </c>
      <c r="D2500" t="s">
        <v>77</v>
      </c>
      <c r="E2500" s="8" t="s">
        <v>12</v>
      </c>
      <c r="F2500" t="s">
        <v>66</v>
      </c>
      <c r="G2500" t="s">
        <v>78</v>
      </c>
      <c r="H2500" t="s">
        <v>66</v>
      </c>
      <c r="I2500" s="8">
        <v>2032</v>
      </c>
      <c r="J2500" t="s">
        <v>14</v>
      </c>
      <c r="K2500" s="10"/>
      <c r="M2500" s="10"/>
      <c r="N2500">
        <v>0</v>
      </c>
    </row>
    <row r="2501" spans="1:14" hidden="1">
      <c r="A2501" s="7" t="s">
        <v>10</v>
      </c>
      <c r="B2501" s="8"/>
      <c r="C2501" s="8" t="s">
        <v>67</v>
      </c>
      <c r="D2501" t="s">
        <v>77</v>
      </c>
      <c r="E2501" s="8" t="s">
        <v>12</v>
      </c>
      <c r="F2501" t="s">
        <v>66</v>
      </c>
      <c r="G2501" t="s">
        <v>78</v>
      </c>
      <c r="H2501" t="s">
        <v>66</v>
      </c>
      <c r="I2501" s="8">
        <v>2032</v>
      </c>
      <c r="J2501" t="s">
        <v>49</v>
      </c>
      <c r="K2501" s="10"/>
      <c r="M2501" s="10"/>
      <c r="N2501">
        <v>0</v>
      </c>
    </row>
    <row r="2502" spans="1:14" hidden="1">
      <c r="A2502" s="7" t="s">
        <v>10</v>
      </c>
      <c r="B2502" s="8"/>
      <c r="C2502" s="8" t="s">
        <v>67</v>
      </c>
      <c r="D2502" t="s">
        <v>77</v>
      </c>
      <c r="E2502" s="8" t="s">
        <v>12</v>
      </c>
      <c r="F2502" t="s">
        <v>66</v>
      </c>
      <c r="G2502" t="s">
        <v>79</v>
      </c>
      <c r="H2502" t="s">
        <v>66</v>
      </c>
      <c r="I2502" s="8">
        <v>2032</v>
      </c>
      <c r="J2502" t="s">
        <v>15</v>
      </c>
      <c r="K2502" s="10"/>
      <c r="M2502" s="10"/>
      <c r="N2502">
        <v>0</v>
      </c>
    </row>
    <row r="2503" spans="1:14" hidden="1">
      <c r="A2503" s="7" t="s">
        <v>10</v>
      </c>
      <c r="B2503" s="8"/>
      <c r="C2503" s="8" t="s">
        <v>67</v>
      </c>
      <c r="D2503" t="s">
        <v>77</v>
      </c>
      <c r="E2503" s="8" t="s">
        <v>12</v>
      </c>
      <c r="F2503" t="s">
        <v>66</v>
      </c>
      <c r="G2503" t="s">
        <v>79</v>
      </c>
      <c r="H2503" t="s">
        <v>66</v>
      </c>
      <c r="I2503" s="8">
        <v>2032</v>
      </c>
      <c r="J2503" t="s">
        <v>50</v>
      </c>
      <c r="K2503" s="10">
        <v>6</v>
      </c>
      <c r="L2503">
        <v>8</v>
      </c>
      <c r="M2503" s="10">
        <v>0</v>
      </c>
      <c r="N2503">
        <v>0</v>
      </c>
    </row>
    <row r="2504" spans="1:14" hidden="1">
      <c r="A2504" s="7" t="s">
        <v>10</v>
      </c>
      <c r="B2504" s="8"/>
      <c r="C2504" s="8" t="s">
        <v>67</v>
      </c>
      <c r="D2504" t="s">
        <v>77</v>
      </c>
      <c r="E2504" s="8" t="s">
        <v>12</v>
      </c>
      <c r="F2504" t="s">
        <v>66</v>
      </c>
      <c r="G2504" t="s">
        <v>19</v>
      </c>
      <c r="H2504" t="s">
        <v>66</v>
      </c>
      <c r="I2504" s="8">
        <v>2032</v>
      </c>
      <c r="J2504" t="s">
        <v>19</v>
      </c>
      <c r="K2504" s="10"/>
      <c r="M2504" s="10"/>
      <c r="N2504">
        <v>0</v>
      </c>
    </row>
    <row r="2505" spans="1:14" hidden="1">
      <c r="A2505" s="7" t="s">
        <v>10</v>
      </c>
      <c r="B2505" s="8"/>
      <c r="C2505" s="8" t="s">
        <v>67</v>
      </c>
      <c r="D2505" t="s">
        <v>77</v>
      </c>
      <c r="E2505" s="8" t="s">
        <v>12</v>
      </c>
      <c r="F2505" t="s">
        <v>66</v>
      </c>
      <c r="G2505" t="s">
        <v>78</v>
      </c>
      <c r="H2505" t="s">
        <v>66</v>
      </c>
      <c r="I2505" s="8">
        <v>2032</v>
      </c>
      <c r="J2505" t="s">
        <v>21</v>
      </c>
      <c r="K2505" s="10"/>
      <c r="M2505" s="10"/>
      <c r="N2505">
        <v>0</v>
      </c>
    </row>
    <row r="2506" spans="1:14" hidden="1">
      <c r="A2506" s="7" t="s">
        <v>10</v>
      </c>
      <c r="B2506" s="8"/>
      <c r="C2506" s="8" t="s">
        <v>67</v>
      </c>
      <c r="D2506" t="s">
        <v>77</v>
      </c>
      <c r="E2506" s="8" t="s">
        <v>12</v>
      </c>
      <c r="F2506" t="s">
        <v>66</v>
      </c>
      <c r="G2506" t="s">
        <v>78</v>
      </c>
      <c r="H2506" t="s">
        <v>66</v>
      </c>
      <c r="I2506" s="8">
        <v>2032</v>
      </c>
      <c r="J2506" t="s">
        <v>51</v>
      </c>
      <c r="K2506" s="10">
        <v>11588</v>
      </c>
      <c r="L2506">
        <v>6000</v>
      </c>
      <c r="M2506" s="10">
        <v>5588</v>
      </c>
      <c r="N2506">
        <v>0</v>
      </c>
    </row>
    <row r="2507" spans="1:14" hidden="1">
      <c r="A2507" s="7" t="s">
        <v>10</v>
      </c>
      <c r="B2507" s="8"/>
      <c r="C2507" s="8" t="s">
        <v>67</v>
      </c>
      <c r="D2507" t="s">
        <v>77</v>
      </c>
      <c r="E2507" s="8" t="s">
        <v>12</v>
      </c>
      <c r="F2507" t="s">
        <v>66</v>
      </c>
      <c r="G2507" t="s">
        <v>78</v>
      </c>
      <c r="H2507" t="s">
        <v>66</v>
      </c>
      <c r="I2507" s="8">
        <v>2033</v>
      </c>
      <c r="J2507" t="s">
        <v>47</v>
      </c>
      <c r="K2507" s="10">
        <v>16</v>
      </c>
      <c r="L2507">
        <v>24</v>
      </c>
      <c r="M2507" s="10">
        <v>0</v>
      </c>
      <c r="N2507">
        <v>0</v>
      </c>
    </row>
    <row r="2508" spans="1:14" hidden="1">
      <c r="A2508" s="7" t="s">
        <v>10</v>
      </c>
      <c r="B2508" s="8"/>
      <c r="C2508" s="8" t="s">
        <v>67</v>
      </c>
      <c r="D2508" t="s">
        <v>77</v>
      </c>
      <c r="E2508" s="8" t="s">
        <v>12</v>
      </c>
      <c r="F2508" t="s">
        <v>66</v>
      </c>
      <c r="G2508" t="s">
        <v>78</v>
      </c>
      <c r="H2508" t="s">
        <v>66</v>
      </c>
      <c r="I2508" s="8">
        <v>2033</v>
      </c>
      <c r="J2508" t="s">
        <v>48</v>
      </c>
      <c r="K2508" s="10"/>
      <c r="M2508" s="10"/>
      <c r="N2508">
        <v>0</v>
      </c>
    </row>
    <row r="2509" spans="1:14" hidden="1">
      <c r="A2509" s="7" t="s">
        <v>10</v>
      </c>
      <c r="B2509" s="8"/>
      <c r="C2509" s="8" t="s">
        <v>67</v>
      </c>
      <c r="D2509" t="s">
        <v>77</v>
      </c>
      <c r="E2509" s="8" t="s">
        <v>12</v>
      </c>
      <c r="F2509" t="s">
        <v>66</v>
      </c>
      <c r="G2509" t="s">
        <v>78</v>
      </c>
      <c r="H2509" t="s">
        <v>66</v>
      </c>
      <c r="I2509" s="8">
        <v>2033</v>
      </c>
      <c r="J2509" t="s">
        <v>14</v>
      </c>
      <c r="K2509" s="10"/>
      <c r="M2509" s="10"/>
      <c r="N2509">
        <v>0</v>
      </c>
    </row>
    <row r="2510" spans="1:14" hidden="1">
      <c r="A2510" s="7" t="s">
        <v>10</v>
      </c>
      <c r="B2510" s="8"/>
      <c r="C2510" s="8" t="s">
        <v>67</v>
      </c>
      <c r="D2510" t="s">
        <v>77</v>
      </c>
      <c r="E2510" s="8" t="s">
        <v>12</v>
      </c>
      <c r="F2510" t="s">
        <v>66</v>
      </c>
      <c r="G2510" t="s">
        <v>78</v>
      </c>
      <c r="H2510" t="s">
        <v>66</v>
      </c>
      <c r="I2510" s="8">
        <v>2033</v>
      </c>
      <c r="J2510" t="s">
        <v>49</v>
      </c>
      <c r="K2510" s="10"/>
      <c r="M2510" s="10"/>
      <c r="N2510">
        <v>0</v>
      </c>
    </row>
    <row r="2511" spans="1:14" hidden="1">
      <c r="A2511" s="7" t="s">
        <v>10</v>
      </c>
      <c r="B2511" s="8"/>
      <c r="C2511" s="8" t="s">
        <v>67</v>
      </c>
      <c r="D2511" t="s">
        <v>77</v>
      </c>
      <c r="E2511" s="8" t="s">
        <v>12</v>
      </c>
      <c r="F2511" t="s">
        <v>66</v>
      </c>
      <c r="G2511" t="s">
        <v>79</v>
      </c>
      <c r="H2511" t="s">
        <v>66</v>
      </c>
      <c r="I2511" s="8">
        <v>2033</v>
      </c>
      <c r="J2511" t="s">
        <v>15</v>
      </c>
      <c r="K2511" s="10"/>
      <c r="M2511" s="10"/>
      <c r="N2511">
        <v>0</v>
      </c>
    </row>
    <row r="2512" spans="1:14" hidden="1">
      <c r="A2512" s="7" t="s">
        <v>10</v>
      </c>
      <c r="B2512" s="8"/>
      <c r="C2512" s="8" t="s">
        <v>67</v>
      </c>
      <c r="D2512" t="s">
        <v>77</v>
      </c>
      <c r="E2512" s="8" t="s">
        <v>12</v>
      </c>
      <c r="F2512" t="s">
        <v>66</v>
      </c>
      <c r="G2512" t="s">
        <v>79</v>
      </c>
      <c r="H2512" t="s">
        <v>66</v>
      </c>
      <c r="I2512" s="8">
        <v>2033</v>
      </c>
      <c r="J2512" t="s">
        <v>50</v>
      </c>
      <c r="K2512" s="10">
        <v>6</v>
      </c>
      <c r="L2512">
        <v>8</v>
      </c>
      <c r="M2512" s="10">
        <v>0</v>
      </c>
      <c r="N2512">
        <v>0</v>
      </c>
    </row>
    <row r="2513" spans="1:14" hidden="1">
      <c r="A2513" s="7" t="s">
        <v>10</v>
      </c>
      <c r="B2513" s="8"/>
      <c r="C2513" s="8" t="s">
        <v>67</v>
      </c>
      <c r="D2513" t="s">
        <v>77</v>
      </c>
      <c r="E2513" s="8" t="s">
        <v>12</v>
      </c>
      <c r="F2513" t="s">
        <v>66</v>
      </c>
      <c r="G2513" t="s">
        <v>19</v>
      </c>
      <c r="H2513" t="s">
        <v>66</v>
      </c>
      <c r="I2513" s="8">
        <v>2033</v>
      </c>
      <c r="J2513" t="s">
        <v>19</v>
      </c>
      <c r="K2513" s="10"/>
      <c r="M2513" s="10"/>
      <c r="N2513">
        <v>0</v>
      </c>
    </row>
    <row r="2514" spans="1:14" hidden="1">
      <c r="A2514" s="7" t="s">
        <v>10</v>
      </c>
      <c r="B2514" s="8"/>
      <c r="C2514" s="8" t="s">
        <v>67</v>
      </c>
      <c r="D2514" t="s">
        <v>77</v>
      </c>
      <c r="E2514" s="8" t="s">
        <v>12</v>
      </c>
      <c r="F2514" t="s">
        <v>66</v>
      </c>
      <c r="G2514" t="s">
        <v>78</v>
      </c>
      <c r="H2514" t="s">
        <v>66</v>
      </c>
      <c r="I2514" s="8">
        <v>2033</v>
      </c>
      <c r="J2514" t="s">
        <v>21</v>
      </c>
      <c r="K2514" s="10"/>
      <c r="M2514" s="10"/>
      <c r="N2514">
        <v>0</v>
      </c>
    </row>
    <row r="2515" spans="1:14" hidden="1">
      <c r="A2515" s="7" t="s">
        <v>10</v>
      </c>
      <c r="B2515" s="8"/>
      <c r="C2515" s="8" t="s">
        <v>67</v>
      </c>
      <c r="D2515" t="s">
        <v>77</v>
      </c>
      <c r="E2515" s="8" t="s">
        <v>12</v>
      </c>
      <c r="F2515" t="s">
        <v>66</v>
      </c>
      <c r="G2515" t="s">
        <v>78</v>
      </c>
      <c r="H2515" t="s">
        <v>66</v>
      </c>
      <c r="I2515" s="8">
        <v>2033</v>
      </c>
      <c r="J2515" t="s">
        <v>51</v>
      </c>
      <c r="K2515" s="10">
        <v>11588</v>
      </c>
      <c r="L2515">
        <v>6000</v>
      </c>
      <c r="M2515" s="10">
        <v>5588</v>
      </c>
      <c r="N2515">
        <v>0</v>
      </c>
    </row>
    <row r="2516" spans="1:14">
      <c r="A2516" s="7" t="s">
        <v>10</v>
      </c>
      <c r="B2516" s="8" t="s">
        <v>68</v>
      </c>
      <c r="C2516" s="8"/>
      <c r="D2516" t="s">
        <v>77</v>
      </c>
      <c r="E2516" s="8" t="s">
        <v>12</v>
      </c>
      <c r="F2516" t="s">
        <v>69</v>
      </c>
      <c r="G2516" t="s">
        <v>78</v>
      </c>
      <c r="H2516" t="s">
        <v>69</v>
      </c>
      <c r="I2516" s="8">
        <v>2025</v>
      </c>
      <c r="J2516" t="s">
        <v>47</v>
      </c>
      <c r="K2516" s="10">
        <v>1527</v>
      </c>
      <c r="L2516">
        <v>818</v>
      </c>
      <c r="M2516" s="10">
        <v>600</v>
      </c>
      <c r="N2516">
        <v>0</v>
      </c>
    </row>
    <row r="2517" spans="1:14">
      <c r="A2517" s="7" t="s">
        <v>10</v>
      </c>
      <c r="B2517" s="8" t="s">
        <v>68</v>
      </c>
      <c r="C2517" s="8"/>
      <c r="D2517" t="s">
        <v>77</v>
      </c>
      <c r="E2517" s="8" t="s">
        <v>12</v>
      </c>
      <c r="F2517" t="s">
        <v>69</v>
      </c>
      <c r="G2517" t="s">
        <v>78</v>
      </c>
      <c r="H2517" t="s">
        <v>69</v>
      </c>
      <c r="I2517" s="8">
        <v>2025</v>
      </c>
      <c r="J2517" t="s">
        <v>48</v>
      </c>
      <c r="K2517" s="10">
        <v>2141</v>
      </c>
      <c r="L2517">
        <v>1018</v>
      </c>
      <c r="M2517" s="10">
        <v>0</v>
      </c>
      <c r="N2517">
        <v>0</v>
      </c>
    </row>
    <row r="2518" spans="1:14">
      <c r="A2518" s="7" t="s">
        <v>10</v>
      </c>
      <c r="B2518" s="8" t="s">
        <v>68</v>
      </c>
      <c r="C2518" s="8"/>
      <c r="D2518" t="s">
        <v>77</v>
      </c>
      <c r="E2518" s="8" t="s">
        <v>12</v>
      </c>
      <c r="F2518" t="s">
        <v>69</v>
      </c>
      <c r="G2518" t="s">
        <v>78</v>
      </c>
      <c r="H2518" t="s">
        <v>69</v>
      </c>
      <c r="I2518" s="8">
        <v>2025</v>
      </c>
      <c r="J2518" t="s">
        <v>14</v>
      </c>
      <c r="K2518" s="10">
        <v>20116</v>
      </c>
      <c r="L2518">
        <v>10920</v>
      </c>
      <c r="M2518" s="10">
        <v>15000</v>
      </c>
      <c r="N2518">
        <v>0</v>
      </c>
    </row>
    <row r="2519" spans="1:14">
      <c r="A2519" s="7" t="s">
        <v>10</v>
      </c>
      <c r="B2519" s="8" t="s">
        <v>68</v>
      </c>
      <c r="C2519" s="8"/>
      <c r="D2519" t="s">
        <v>77</v>
      </c>
      <c r="E2519" s="8" t="s">
        <v>12</v>
      </c>
      <c r="F2519" t="s">
        <v>69</v>
      </c>
      <c r="G2519" t="s">
        <v>78</v>
      </c>
      <c r="H2519" t="s">
        <v>69</v>
      </c>
      <c r="I2519" s="8">
        <v>2025</v>
      </c>
      <c r="J2519" t="s">
        <v>49</v>
      </c>
      <c r="K2519" s="10"/>
      <c r="M2519" s="10"/>
      <c r="N2519">
        <v>0</v>
      </c>
    </row>
    <row r="2520" spans="1:14">
      <c r="A2520" s="7" t="s">
        <v>10</v>
      </c>
      <c r="B2520" s="8" t="s">
        <v>68</v>
      </c>
      <c r="C2520" s="8"/>
      <c r="D2520" t="s">
        <v>77</v>
      </c>
      <c r="E2520" s="8" t="s">
        <v>12</v>
      </c>
      <c r="F2520" t="s">
        <v>69</v>
      </c>
      <c r="G2520" t="s">
        <v>79</v>
      </c>
      <c r="H2520" t="s">
        <v>69</v>
      </c>
      <c r="I2520" s="8">
        <v>2025</v>
      </c>
      <c r="J2520" t="s">
        <v>15</v>
      </c>
      <c r="K2520" s="10">
        <v>3058</v>
      </c>
      <c r="L2520">
        <v>2138</v>
      </c>
      <c r="M2520" s="10">
        <v>200</v>
      </c>
      <c r="N2520">
        <v>0</v>
      </c>
    </row>
    <row r="2521" spans="1:14">
      <c r="A2521" s="7" t="s">
        <v>10</v>
      </c>
      <c r="B2521" s="8" t="s">
        <v>68</v>
      </c>
      <c r="C2521" s="8"/>
      <c r="D2521" t="s">
        <v>77</v>
      </c>
      <c r="E2521" s="8" t="s">
        <v>12</v>
      </c>
      <c r="F2521" t="s">
        <v>69</v>
      </c>
      <c r="G2521" t="s">
        <v>79</v>
      </c>
      <c r="H2521" t="s">
        <v>69</v>
      </c>
      <c r="I2521" s="8">
        <v>2025</v>
      </c>
      <c r="J2521" t="s">
        <v>50</v>
      </c>
      <c r="K2521" s="10"/>
      <c r="M2521" s="10"/>
      <c r="N2521">
        <v>0</v>
      </c>
    </row>
    <row r="2522" spans="1:14">
      <c r="A2522" s="7" t="s">
        <v>10</v>
      </c>
      <c r="B2522" s="8" t="s">
        <v>68</v>
      </c>
      <c r="C2522" s="8"/>
      <c r="D2522" t="s">
        <v>77</v>
      </c>
      <c r="E2522" s="8" t="s">
        <v>12</v>
      </c>
      <c r="F2522" t="s">
        <v>69</v>
      </c>
      <c r="G2522" t="s">
        <v>19</v>
      </c>
      <c r="H2522" t="s">
        <v>69</v>
      </c>
      <c r="I2522" s="8">
        <v>2025</v>
      </c>
      <c r="J2522" t="s">
        <v>19</v>
      </c>
      <c r="K2522" s="10">
        <v>645</v>
      </c>
      <c r="L2522">
        <v>2502</v>
      </c>
      <c r="M2522" s="10">
        <v>1300</v>
      </c>
      <c r="N2522">
        <v>0</v>
      </c>
    </row>
    <row r="2523" spans="1:14">
      <c r="A2523" s="7" t="s">
        <v>10</v>
      </c>
      <c r="B2523" s="8" t="s">
        <v>68</v>
      </c>
      <c r="C2523" s="8"/>
      <c r="D2523" t="s">
        <v>77</v>
      </c>
      <c r="E2523" s="8" t="s">
        <v>12</v>
      </c>
      <c r="F2523" t="s">
        <v>69</v>
      </c>
      <c r="G2523" t="s">
        <v>78</v>
      </c>
      <c r="H2523" t="s">
        <v>69</v>
      </c>
      <c r="I2523" s="8">
        <v>2025</v>
      </c>
      <c r="J2523" t="s">
        <v>21</v>
      </c>
      <c r="K2523" s="10"/>
      <c r="M2523" s="10"/>
      <c r="N2523">
        <v>0</v>
      </c>
    </row>
    <row r="2524" spans="1:14">
      <c r="A2524" s="7" t="s">
        <v>10</v>
      </c>
      <c r="B2524" s="8" t="s">
        <v>68</v>
      </c>
      <c r="C2524" s="8"/>
      <c r="D2524" t="s">
        <v>77</v>
      </c>
      <c r="E2524" s="8" t="s">
        <v>12</v>
      </c>
      <c r="F2524" t="s">
        <v>69</v>
      </c>
      <c r="G2524" t="s">
        <v>78</v>
      </c>
      <c r="H2524" t="s">
        <v>69</v>
      </c>
      <c r="I2524" s="8">
        <v>2025</v>
      </c>
      <c r="J2524" t="s">
        <v>51</v>
      </c>
      <c r="K2524" s="10"/>
      <c r="M2524" s="10"/>
      <c r="N2524">
        <v>0</v>
      </c>
    </row>
    <row r="2525" spans="1:14" hidden="1">
      <c r="A2525" s="7" t="s">
        <v>10</v>
      </c>
      <c r="B2525" s="8" t="s">
        <v>68</v>
      </c>
      <c r="C2525" s="8"/>
      <c r="D2525" t="s">
        <v>77</v>
      </c>
      <c r="E2525" s="8" t="s">
        <v>12</v>
      </c>
      <c r="F2525" t="s">
        <v>69</v>
      </c>
      <c r="G2525" t="s">
        <v>78</v>
      </c>
      <c r="H2525" t="s">
        <v>69</v>
      </c>
      <c r="I2525" s="8">
        <v>2026</v>
      </c>
      <c r="J2525" t="s">
        <v>47</v>
      </c>
      <c r="K2525" s="10">
        <v>1071</v>
      </c>
      <c r="L2525">
        <v>784</v>
      </c>
      <c r="M2525" s="10">
        <v>600</v>
      </c>
      <c r="N2525">
        <v>0</v>
      </c>
    </row>
    <row r="2526" spans="1:14" hidden="1">
      <c r="A2526" s="7" t="s">
        <v>10</v>
      </c>
      <c r="B2526" s="8" t="s">
        <v>68</v>
      </c>
      <c r="C2526" s="8"/>
      <c r="D2526" t="s">
        <v>77</v>
      </c>
      <c r="E2526" s="8" t="s">
        <v>12</v>
      </c>
      <c r="F2526" t="s">
        <v>69</v>
      </c>
      <c r="G2526" t="s">
        <v>78</v>
      </c>
      <c r="H2526" t="s">
        <v>69</v>
      </c>
      <c r="I2526" s="8">
        <v>2026</v>
      </c>
      <c r="J2526" t="s">
        <v>48</v>
      </c>
      <c r="K2526" s="10">
        <v>2744</v>
      </c>
      <c r="L2526">
        <v>1018</v>
      </c>
      <c r="M2526" s="10">
        <v>2000</v>
      </c>
      <c r="N2526">
        <v>0</v>
      </c>
    </row>
    <row r="2527" spans="1:14" hidden="1">
      <c r="A2527" s="7" t="s">
        <v>10</v>
      </c>
      <c r="B2527" s="8" t="s">
        <v>68</v>
      </c>
      <c r="C2527" s="8"/>
      <c r="D2527" t="s">
        <v>77</v>
      </c>
      <c r="E2527" s="8" t="s">
        <v>12</v>
      </c>
      <c r="F2527" t="s">
        <v>69</v>
      </c>
      <c r="G2527" t="s">
        <v>78</v>
      </c>
      <c r="H2527" t="s">
        <v>69</v>
      </c>
      <c r="I2527" s="8">
        <v>2026</v>
      </c>
      <c r="J2527" t="s">
        <v>14</v>
      </c>
      <c r="K2527" s="10">
        <v>17424</v>
      </c>
      <c r="L2527">
        <v>10920</v>
      </c>
      <c r="M2527" s="10">
        <v>15000</v>
      </c>
      <c r="N2527">
        <v>0</v>
      </c>
    </row>
    <row r="2528" spans="1:14" hidden="1">
      <c r="A2528" s="7" t="s">
        <v>10</v>
      </c>
      <c r="B2528" s="8" t="s">
        <v>68</v>
      </c>
      <c r="C2528" s="8"/>
      <c r="D2528" t="s">
        <v>77</v>
      </c>
      <c r="E2528" s="8" t="s">
        <v>12</v>
      </c>
      <c r="F2528" t="s">
        <v>69</v>
      </c>
      <c r="G2528" t="s">
        <v>78</v>
      </c>
      <c r="H2528" t="s">
        <v>69</v>
      </c>
      <c r="I2528" s="8">
        <v>2026</v>
      </c>
      <c r="J2528" t="s">
        <v>49</v>
      </c>
      <c r="K2528" s="10"/>
      <c r="M2528" s="10"/>
      <c r="N2528">
        <v>0</v>
      </c>
    </row>
    <row r="2529" spans="1:14" hidden="1">
      <c r="A2529" s="7" t="s">
        <v>10</v>
      </c>
      <c r="B2529" s="8" t="s">
        <v>68</v>
      </c>
      <c r="C2529" s="8"/>
      <c r="D2529" t="s">
        <v>77</v>
      </c>
      <c r="E2529" s="8" t="s">
        <v>12</v>
      </c>
      <c r="F2529" t="s">
        <v>69</v>
      </c>
      <c r="G2529" t="s">
        <v>79</v>
      </c>
      <c r="H2529" t="s">
        <v>69</v>
      </c>
      <c r="I2529" s="8">
        <v>2026</v>
      </c>
      <c r="J2529" t="s">
        <v>15</v>
      </c>
      <c r="K2529" s="10">
        <v>2386</v>
      </c>
      <c r="L2529">
        <v>2138</v>
      </c>
      <c r="M2529" s="10">
        <v>500</v>
      </c>
      <c r="N2529">
        <v>0</v>
      </c>
    </row>
    <row r="2530" spans="1:14" hidden="1">
      <c r="A2530" s="7" t="s">
        <v>10</v>
      </c>
      <c r="B2530" s="8" t="s">
        <v>68</v>
      </c>
      <c r="C2530" s="8"/>
      <c r="D2530" t="s">
        <v>77</v>
      </c>
      <c r="E2530" s="8" t="s">
        <v>12</v>
      </c>
      <c r="F2530" t="s">
        <v>69</v>
      </c>
      <c r="G2530" t="s">
        <v>79</v>
      </c>
      <c r="H2530" t="s">
        <v>69</v>
      </c>
      <c r="I2530" s="8">
        <v>2026</v>
      </c>
      <c r="J2530" t="s">
        <v>50</v>
      </c>
      <c r="K2530" s="10"/>
      <c r="M2530" s="10"/>
      <c r="N2530">
        <v>0</v>
      </c>
    </row>
    <row r="2531" spans="1:14" hidden="1">
      <c r="A2531" s="7" t="s">
        <v>10</v>
      </c>
      <c r="B2531" s="8" t="s">
        <v>68</v>
      </c>
      <c r="C2531" s="8"/>
      <c r="D2531" t="s">
        <v>77</v>
      </c>
      <c r="E2531" s="8" t="s">
        <v>12</v>
      </c>
      <c r="F2531" t="s">
        <v>69</v>
      </c>
      <c r="G2531" t="s">
        <v>19</v>
      </c>
      <c r="H2531" t="s">
        <v>69</v>
      </c>
      <c r="I2531" s="8">
        <v>2026</v>
      </c>
      <c r="J2531" t="s">
        <v>19</v>
      </c>
      <c r="K2531" s="10">
        <v>539</v>
      </c>
      <c r="L2531">
        <v>2502</v>
      </c>
      <c r="M2531" s="10">
        <v>1300</v>
      </c>
      <c r="N2531">
        <v>0</v>
      </c>
    </row>
    <row r="2532" spans="1:14" hidden="1">
      <c r="A2532" s="7" t="s">
        <v>10</v>
      </c>
      <c r="B2532" s="8" t="s">
        <v>68</v>
      </c>
      <c r="C2532" s="8"/>
      <c r="D2532" t="s">
        <v>77</v>
      </c>
      <c r="E2532" s="8" t="s">
        <v>12</v>
      </c>
      <c r="F2532" t="s">
        <v>69</v>
      </c>
      <c r="G2532" t="s">
        <v>78</v>
      </c>
      <c r="H2532" t="s">
        <v>69</v>
      </c>
      <c r="I2532" s="8">
        <v>2026</v>
      </c>
      <c r="J2532" t="s">
        <v>21</v>
      </c>
      <c r="K2532" s="10"/>
      <c r="M2532" s="10"/>
      <c r="N2532">
        <v>0</v>
      </c>
    </row>
    <row r="2533" spans="1:14" hidden="1">
      <c r="A2533" s="7" t="s">
        <v>10</v>
      </c>
      <c r="B2533" s="8" t="s">
        <v>68</v>
      </c>
      <c r="C2533" s="8"/>
      <c r="D2533" t="s">
        <v>77</v>
      </c>
      <c r="E2533" s="8" t="s">
        <v>12</v>
      </c>
      <c r="F2533" t="s">
        <v>69</v>
      </c>
      <c r="G2533" t="s">
        <v>78</v>
      </c>
      <c r="H2533" t="s">
        <v>69</v>
      </c>
      <c r="I2533" s="8">
        <v>2026</v>
      </c>
      <c r="J2533" t="s">
        <v>51</v>
      </c>
      <c r="K2533" s="10"/>
      <c r="M2533" s="10"/>
      <c r="N2533">
        <v>0</v>
      </c>
    </row>
    <row r="2534" spans="1:14" hidden="1">
      <c r="A2534" s="7" t="s">
        <v>10</v>
      </c>
      <c r="B2534" s="8" t="s">
        <v>68</v>
      </c>
      <c r="C2534" s="8"/>
      <c r="D2534" t="s">
        <v>77</v>
      </c>
      <c r="E2534" s="8" t="s">
        <v>12</v>
      </c>
      <c r="F2534" t="s">
        <v>69</v>
      </c>
      <c r="G2534" t="s">
        <v>78</v>
      </c>
      <c r="H2534" t="s">
        <v>69</v>
      </c>
      <c r="I2534" s="8">
        <v>2027</v>
      </c>
      <c r="J2534" t="s">
        <v>47</v>
      </c>
      <c r="K2534" s="10">
        <v>1282</v>
      </c>
      <c r="L2534">
        <v>784</v>
      </c>
      <c r="M2534" s="10">
        <v>800</v>
      </c>
      <c r="N2534">
        <v>0</v>
      </c>
    </row>
    <row r="2535" spans="1:14" hidden="1">
      <c r="A2535" s="7" t="s">
        <v>10</v>
      </c>
      <c r="B2535" s="8" t="s">
        <v>68</v>
      </c>
      <c r="C2535" s="8"/>
      <c r="D2535" t="s">
        <v>77</v>
      </c>
      <c r="E2535" s="8" t="s">
        <v>12</v>
      </c>
      <c r="F2535" t="s">
        <v>69</v>
      </c>
      <c r="G2535" t="s">
        <v>78</v>
      </c>
      <c r="H2535" t="s">
        <v>69</v>
      </c>
      <c r="I2535" s="8">
        <v>2027</v>
      </c>
      <c r="J2535" t="s">
        <v>48</v>
      </c>
      <c r="K2535" s="10">
        <v>3452</v>
      </c>
      <c r="L2535">
        <v>1018</v>
      </c>
      <c r="M2535" s="10">
        <v>3000</v>
      </c>
      <c r="N2535">
        <v>0</v>
      </c>
    </row>
    <row r="2536" spans="1:14" hidden="1">
      <c r="A2536" s="7" t="s">
        <v>10</v>
      </c>
      <c r="B2536" s="8" t="s">
        <v>68</v>
      </c>
      <c r="C2536" s="8"/>
      <c r="D2536" t="s">
        <v>77</v>
      </c>
      <c r="E2536" s="8" t="s">
        <v>12</v>
      </c>
      <c r="F2536" t="s">
        <v>69</v>
      </c>
      <c r="G2536" t="s">
        <v>78</v>
      </c>
      <c r="H2536" t="s">
        <v>69</v>
      </c>
      <c r="I2536" s="8">
        <v>2027</v>
      </c>
      <c r="J2536" t="s">
        <v>14</v>
      </c>
      <c r="K2536" s="10">
        <v>22833</v>
      </c>
      <c r="L2536">
        <v>10920</v>
      </c>
      <c r="M2536" s="10">
        <v>15000</v>
      </c>
      <c r="N2536">
        <v>0</v>
      </c>
    </row>
    <row r="2537" spans="1:14" hidden="1">
      <c r="A2537" s="7" t="s">
        <v>10</v>
      </c>
      <c r="B2537" s="8" t="s">
        <v>68</v>
      </c>
      <c r="C2537" s="8"/>
      <c r="D2537" t="s">
        <v>77</v>
      </c>
      <c r="E2537" s="8" t="s">
        <v>12</v>
      </c>
      <c r="F2537" t="s">
        <v>69</v>
      </c>
      <c r="G2537" t="s">
        <v>78</v>
      </c>
      <c r="H2537" t="s">
        <v>69</v>
      </c>
      <c r="I2537" s="8">
        <v>2027</v>
      </c>
      <c r="J2537" t="s">
        <v>49</v>
      </c>
      <c r="K2537" s="10"/>
      <c r="M2537" s="10"/>
      <c r="N2537">
        <v>0</v>
      </c>
    </row>
    <row r="2538" spans="1:14" hidden="1">
      <c r="A2538" s="7" t="s">
        <v>10</v>
      </c>
      <c r="B2538" s="8" t="s">
        <v>68</v>
      </c>
      <c r="C2538" s="8"/>
      <c r="D2538" t="s">
        <v>77</v>
      </c>
      <c r="E2538" s="8" t="s">
        <v>12</v>
      </c>
      <c r="F2538" t="s">
        <v>69</v>
      </c>
      <c r="G2538" t="s">
        <v>79</v>
      </c>
      <c r="H2538" t="s">
        <v>69</v>
      </c>
      <c r="I2538" s="8">
        <v>2027</v>
      </c>
      <c r="J2538" t="s">
        <v>15</v>
      </c>
      <c r="K2538" s="10">
        <v>2516</v>
      </c>
      <c r="L2538">
        <v>2138</v>
      </c>
      <c r="M2538" s="10">
        <v>1000</v>
      </c>
      <c r="N2538">
        <v>0</v>
      </c>
    </row>
    <row r="2539" spans="1:14" hidden="1">
      <c r="A2539" s="7" t="s">
        <v>10</v>
      </c>
      <c r="B2539" s="8" t="s">
        <v>68</v>
      </c>
      <c r="C2539" s="8"/>
      <c r="D2539" t="s">
        <v>77</v>
      </c>
      <c r="E2539" s="8" t="s">
        <v>12</v>
      </c>
      <c r="F2539" t="s">
        <v>69</v>
      </c>
      <c r="G2539" t="s">
        <v>79</v>
      </c>
      <c r="H2539" t="s">
        <v>69</v>
      </c>
      <c r="I2539" s="8">
        <v>2027</v>
      </c>
      <c r="J2539" t="s">
        <v>50</v>
      </c>
      <c r="K2539" s="10"/>
      <c r="M2539" s="10"/>
      <c r="N2539">
        <v>0</v>
      </c>
    </row>
    <row r="2540" spans="1:14" hidden="1">
      <c r="A2540" s="7" t="s">
        <v>10</v>
      </c>
      <c r="B2540" s="8" t="s">
        <v>68</v>
      </c>
      <c r="C2540" s="8"/>
      <c r="D2540" t="s">
        <v>77</v>
      </c>
      <c r="E2540" s="8" t="s">
        <v>12</v>
      </c>
      <c r="F2540" t="s">
        <v>69</v>
      </c>
      <c r="G2540" t="s">
        <v>19</v>
      </c>
      <c r="H2540" t="s">
        <v>69</v>
      </c>
      <c r="I2540" s="8">
        <v>2027</v>
      </c>
      <c r="J2540" t="s">
        <v>19</v>
      </c>
      <c r="K2540" s="10">
        <v>511</v>
      </c>
      <c r="L2540">
        <v>2502</v>
      </c>
      <c r="M2540" s="10">
        <v>1300</v>
      </c>
      <c r="N2540">
        <v>0</v>
      </c>
    </row>
    <row r="2541" spans="1:14" hidden="1">
      <c r="A2541" s="7" t="s">
        <v>10</v>
      </c>
      <c r="B2541" s="8" t="s">
        <v>68</v>
      </c>
      <c r="C2541" s="8"/>
      <c r="D2541" t="s">
        <v>77</v>
      </c>
      <c r="E2541" s="8" t="s">
        <v>12</v>
      </c>
      <c r="F2541" t="s">
        <v>69</v>
      </c>
      <c r="G2541" t="s">
        <v>78</v>
      </c>
      <c r="H2541" t="s">
        <v>69</v>
      </c>
      <c r="I2541" s="8">
        <v>2027</v>
      </c>
      <c r="J2541" t="s">
        <v>21</v>
      </c>
      <c r="K2541" s="10"/>
      <c r="M2541" s="10"/>
      <c r="N2541">
        <v>0</v>
      </c>
    </row>
    <row r="2542" spans="1:14" hidden="1">
      <c r="A2542" s="7" t="s">
        <v>10</v>
      </c>
      <c r="B2542" s="8" t="s">
        <v>68</v>
      </c>
      <c r="C2542" s="8"/>
      <c r="D2542" t="s">
        <v>77</v>
      </c>
      <c r="E2542" s="8" t="s">
        <v>12</v>
      </c>
      <c r="F2542" t="s">
        <v>69</v>
      </c>
      <c r="G2542" t="s">
        <v>78</v>
      </c>
      <c r="H2542" t="s">
        <v>69</v>
      </c>
      <c r="I2542" s="8">
        <v>2027</v>
      </c>
      <c r="J2542" t="s">
        <v>51</v>
      </c>
      <c r="K2542" s="10"/>
      <c r="M2542" s="10"/>
      <c r="N2542">
        <v>0</v>
      </c>
    </row>
    <row r="2543" spans="1:14" hidden="1">
      <c r="A2543" s="7" t="s">
        <v>10</v>
      </c>
      <c r="B2543" s="8" t="s">
        <v>68</v>
      </c>
      <c r="C2543" s="8"/>
      <c r="D2543" t="s">
        <v>77</v>
      </c>
      <c r="E2543" s="8" t="s">
        <v>12</v>
      </c>
      <c r="F2543" t="s">
        <v>69</v>
      </c>
      <c r="G2543" t="s">
        <v>78</v>
      </c>
      <c r="H2543" t="s">
        <v>69</v>
      </c>
      <c r="I2543" s="8">
        <v>2028</v>
      </c>
      <c r="J2543" t="s">
        <v>47</v>
      </c>
      <c r="K2543" s="10">
        <v>1752</v>
      </c>
      <c r="L2543">
        <v>784</v>
      </c>
      <c r="M2543" s="10">
        <v>1300</v>
      </c>
      <c r="N2543">
        <v>0</v>
      </c>
    </row>
    <row r="2544" spans="1:14" hidden="1">
      <c r="A2544" s="7" t="s">
        <v>10</v>
      </c>
      <c r="B2544" s="8" t="s">
        <v>68</v>
      </c>
      <c r="C2544" s="8"/>
      <c r="D2544" t="s">
        <v>77</v>
      </c>
      <c r="E2544" s="8" t="s">
        <v>12</v>
      </c>
      <c r="F2544" t="s">
        <v>69</v>
      </c>
      <c r="G2544" t="s">
        <v>78</v>
      </c>
      <c r="H2544" t="s">
        <v>69</v>
      </c>
      <c r="I2544" s="8">
        <v>2028</v>
      </c>
      <c r="J2544" t="s">
        <v>48</v>
      </c>
      <c r="K2544" s="10">
        <v>6284</v>
      </c>
      <c r="L2544">
        <v>1018</v>
      </c>
      <c r="M2544" s="10">
        <v>5500</v>
      </c>
      <c r="N2544">
        <v>0</v>
      </c>
    </row>
    <row r="2545" spans="1:14" hidden="1">
      <c r="A2545" s="7" t="s">
        <v>10</v>
      </c>
      <c r="B2545" s="8" t="s">
        <v>68</v>
      </c>
      <c r="C2545" s="8"/>
      <c r="D2545" t="s">
        <v>77</v>
      </c>
      <c r="E2545" s="8" t="s">
        <v>12</v>
      </c>
      <c r="F2545" t="s">
        <v>69</v>
      </c>
      <c r="G2545" t="s">
        <v>78</v>
      </c>
      <c r="H2545" t="s">
        <v>69</v>
      </c>
      <c r="I2545" s="8">
        <v>2028</v>
      </c>
      <c r="J2545" t="s">
        <v>14</v>
      </c>
      <c r="K2545" s="10">
        <v>33557</v>
      </c>
      <c r="L2545">
        <v>10920</v>
      </c>
      <c r="M2545" s="10">
        <v>25000</v>
      </c>
      <c r="N2545">
        <v>0</v>
      </c>
    </row>
    <row r="2546" spans="1:14" hidden="1">
      <c r="A2546" s="7" t="s">
        <v>10</v>
      </c>
      <c r="B2546" s="8" t="s">
        <v>68</v>
      </c>
      <c r="C2546" s="8"/>
      <c r="D2546" t="s">
        <v>77</v>
      </c>
      <c r="E2546" s="8" t="s">
        <v>12</v>
      </c>
      <c r="F2546" t="s">
        <v>69</v>
      </c>
      <c r="G2546" t="s">
        <v>78</v>
      </c>
      <c r="H2546" t="s">
        <v>69</v>
      </c>
      <c r="I2546" s="8">
        <v>2028</v>
      </c>
      <c r="J2546" t="s">
        <v>49</v>
      </c>
      <c r="K2546" s="10"/>
      <c r="M2546" s="10"/>
      <c r="N2546">
        <v>0</v>
      </c>
    </row>
    <row r="2547" spans="1:14" hidden="1">
      <c r="A2547" s="7" t="s">
        <v>10</v>
      </c>
      <c r="B2547" s="8" t="s">
        <v>68</v>
      </c>
      <c r="C2547" s="8"/>
      <c r="D2547" t="s">
        <v>77</v>
      </c>
      <c r="E2547" s="8" t="s">
        <v>12</v>
      </c>
      <c r="F2547" t="s">
        <v>69</v>
      </c>
      <c r="G2547" t="s">
        <v>79</v>
      </c>
      <c r="H2547" t="s">
        <v>69</v>
      </c>
      <c r="I2547" s="8">
        <v>2028</v>
      </c>
      <c r="J2547" t="s">
        <v>15</v>
      </c>
      <c r="K2547" s="10">
        <v>3380</v>
      </c>
      <c r="L2547">
        <v>2138</v>
      </c>
      <c r="M2547" s="10">
        <v>1500</v>
      </c>
      <c r="N2547">
        <v>0</v>
      </c>
    </row>
    <row r="2548" spans="1:14" hidden="1">
      <c r="A2548" s="7" t="s">
        <v>10</v>
      </c>
      <c r="B2548" s="8" t="s">
        <v>68</v>
      </c>
      <c r="C2548" s="8"/>
      <c r="D2548" t="s">
        <v>77</v>
      </c>
      <c r="E2548" s="8" t="s">
        <v>12</v>
      </c>
      <c r="F2548" t="s">
        <v>69</v>
      </c>
      <c r="G2548" t="s">
        <v>79</v>
      </c>
      <c r="H2548" t="s">
        <v>69</v>
      </c>
      <c r="I2548" s="8">
        <v>2028</v>
      </c>
      <c r="J2548" t="s">
        <v>50</v>
      </c>
      <c r="K2548" s="10"/>
      <c r="M2548" s="10"/>
      <c r="N2548">
        <v>0</v>
      </c>
    </row>
    <row r="2549" spans="1:14" hidden="1">
      <c r="A2549" s="7" t="s">
        <v>10</v>
      </c>
      <c r="B2549" s="8" t="s">
        <v>68</v>
      </c>
      <c r="C2549" s="8"/>
      <c r="D2549" t="s">
        <v>77</v>
      </c>
      <c r="E2549" s="8" t="s">
        <v>12</v>
      </c>
      <c r="F2549" t="s">
        <v>69</v>
      </c>
      <c r="G2549" t="s">
        <v>19</v>
      </c>
      <c r="H2549" t="s">
        <v>69</v>
      </c>
      <c r="I2549" s="8">
        <v>2028</v>
      </c>
      <c r="J2549" t="s">
        <v>19</v>
      </c>
      <c r="K2549" s="10">
        <v>628</v>
      </c>
      <c r="L2549">
        <v>2502</v>
      </c>
      <c r="M2549" s="10">
        <v>1300</v>
      </c>
      <c r="N2549">
        <v>0</v>
      </c>
    </row>
    <row r="2550" spans="1:14" hidden="1">
      <c r="A2550" s="7" t="s">
        <v>10</v>
      </c>
      <c r="B2550" s="8" t="s">
        <v>68</v>
      </c>
      <c r="C2550" s="8"/>
      <c r="D2550" t="s">
        <v>77</v>
      </c>
      <c r="E2550" s="8" t="s">
        <v>12</v>
      </c>
      <c r="F2550" t="s">
        <v>69</v>
      </c>
      <c r="G2550" t="s">
        <v>78</v>
      </c>
      <c r="H2550" t="s">
        <v>69</v>
      </c>
      <c r="I2550" s="8">
        <v>2028</v>
      </c>
      <c r="J2550" t="s">
        <v>21</v>
      </c>
      <c r="K2550" s="10"/>
      <c r="M2550" s="10"/>
      <c r="N2550">
        <v>0</v>
      </c>
    </row>
    <row r="2551" spans="1:14" hidden="1">
      <c r="A2551" s="7" t="s">
        <v>10</v>
      </c>
      <c r="B2551" s="8" t="s">
        <v>68</v>
      </c>
      <c r="C2551" s="8"/>
      <c r="D2551" t="s">
        <v>77</v>
      </c>
      <c r="E2551" s="8" t="s">
        <v>12</v>
      </c>
      <c r="F2551" t="s">
        <v>69</v>
      </c>
      <c r="G2551" t="s">
        <v>78</v>
      </c>
      <c r="H2551" t="s">
        <v>69</v>
      </c>
      <c r="I2551" s="8">
        <v>2028</v>
      </c>
      <c r="J2551" t="s">
        <v>51</v>
      </c>
      <c r="K2551" s="10"/>
      <c r="M2551" s="10"/>
      <c r="N2551">
        <v>0</v>
      </c>
    </row>
    <row r="2552" spans="1:14" hidden="1">
      <c r="A2552" s="7" t="s">
        <v>10</v>
      </c>
      <c r="B2552" s="8" t="s">
        <v>68</v>
      </c>
      <c r="C2552" s="8"/>
      <c r="D2552" t="s">
        <v>77</v>
      </c>
      <c r="E2552" s="8" t="s">
        <v>12</v>
      </c>
      <c r="F2552" t="s">
        <v>69</v>
      </c>
      <c r="G2552" t="s">
        <v>78</v>
      </c>
      <c r="H2552" t="s">
        <v>69</v>
      </c>
      <c r="I2552" s="8">
        <v>2029</v>
      </c>
      <c r="J2552" t="s">
        <v>47</v>
      </c>
      <c r="K2552" s="10">
        <v>2039</v>
      </c>
      <c r="L2552">
        <v>784</v>
      </c>
      <c r="M2552" s="10">
        <v>1500</v>
      </c>
      <c r="N2552">
        <v>0</v>
      </c>
    </row>
    <row r="2553" spans="1:14" hidden="1">
      <c r="A2553" s="7" t="s">
        <v>10</v>
      </c>
      <c r="B2553" s="8" t="s">
        <v>68</v>
      </c>
      <c r="C2553" s="8"/>
      <c r="D2553" t="s">
        <v>77</v>
      </c>
      <c r="E2553" s="8" t="s">
        <v>12</v>
      </c>
      <c r="F2553" t="s">
        <v>69</v>
      </c>
      <c r="G2553" t="s">
        <v>78</v>
      </c>
      <c r="H2553" t="s">
        <v>69</v>
      </c>
      <c r="I2553" s="8">
        <v>2029</v>
      </c>
      <c r="J2553" t="s">
        <v>48</v>
      </c>
      <c r="K2553" s="10">
        <v>5253</v>
      </c>
      <c r="L2553">
        <v>1018</v>
      </c>
      <c r="M2553" s="10">
        <v>5500</v>
      </c>
      <c r="N2553">
        <v>0</v>
      </c>
    </row>
    <row r="2554" spans="1:14" hidden="1">
      <c r="A2554" s="7" t="s">
        <v>10</v>
      </c>
      <c r="B2554" s="8" t="s">
        <v>68</v>
      </c>
      <c r="C2554" s="8"/>
      <c r="D2554" t="s">
        <v>77</v>
      </c>
      <c r="E2554" s="8" t="s">
        <v>12</v>
      </c>
      <c r="F2554" t="s">
        <v>69</v>
      </c>
      <c r="G2554" t="s">
        <v>78</v>
      </c>
      <c r="H2554" t="s">
        <v>69</v>
      </c>
      <c r="I2554" s="8">
        <v>2029</v>
      </c>
      <c r="J2554" t="s">
        <v>14</v>
      </c>
      <c r="K2554" s="10">
        <v>38819</v>
      </c>
      <c r="L2554">
        <v>10920</v>
      </c>
      <c r="M2554" s="10">
        <v>30000</v>
      </c>
      <c r="N2554">
        <v>0</v>
      </c>
    </row>
    <row r="2555" spans="1:14" hidden="1">
      <c r="A2555" s="7" t="s">
        <v>10</v>
      </c>
      <c r="B2555" s="8" t="s">
        <v>68</v>
      </c>
      <c r="C2555" s="8"/>
      <c r="D2555" t="s">
        <v>77</v>
      </c>
      <c r="E2555" s="8" t="s">
        <v>12</v>
      </c>
      <c r="F2555" t="s">
        <v>69</v>
      </c>
      <c r="G2555" t="s">
        <v>78</v>
      </c>
      <c r="H2555" t="s">
        <v>69</v>
      </c>
      <c r="I2555" s="8">
        <v>2029</v>
      </c>
      <c r="J2555" t="s">
        <v>49</v>
      </c>
      <c r="K2555" s="10"/>
      <c r="M2555" s="10"/>
      <c r="N2555">
        <v>0</v>
      </c>
    </row>
    <row r="2556" spans="1:14" hidden="1">
      <c r="A2556" s="7" t="s">
        <v>10</v>
      </c>
      <c r="B2556" s="8" t="s">
        <v>68</v>
      </c>
      <c r="C2556" s="8"/>
      <c r="D2556" t="s">
        <v>77</v>
      </c>
      <c r="E2556" s="8" t="s">
        <v>12</v>
      </c>
      <c r="F2556" t="s">
        <v>69</v>
      </c>
      <c r="G2556" t="s">
        <v>79</v>
      </c>
      <c r="H2556" t="s">
        <v>69</v>
      </c>
      <c r="I2556" s="8">
        <v>2029</v>
      </c>
      <c r="J2556" t="s">
        <v>15</v>
      </c>
      <c r="K2556" s="10">
        <v>4388</v>
      </c>
      <c r="L2556">
        <v>2138</v>
      </c>
      <c r="M2556" s="10">
        <v>2500</v>
      </c>
      <c r="N2556">
        <v>0</v>
      </c>
    </row>
    <row r="2557" spans="1:14" hidden="1">
      <c r="A2557" s="7" t="s">
        <v>10</v>
      </c>
      <c r="B2557" s="8" t="s">
        <v>68</v>
      </c>
      <c r="C2557" s="8"/>
      <c r="D2557" t="s">
        <v>77</v>
      </c>
      <c r="E2557" s="8" t="s">
        <v>12</v>
      </c>
      <c r="F2557" t="s">
        <v>69</v>
      </c>
      <c r="G2557" t="s">
        <v>79</v>
      </c>
      <c r="H2557" t="s">
        <v>69</v>
      </c>
      <c r="I2557" s="8">
        <v>2029</v>
      </c>
      <c r="J2557" t="s">
        <v>50</v>
      </c>
      <c r="K2557" s="10"/>
      <c r="M2557" s="10"/>
      <c r="N2557">
        <v>0</v>
      </c>
    </row>
    <row r="2558" spans="1:14" hidden="1">
      <c r="A2558" s="7" t="s">
        <v>10</v>
      </c>
      <c r="B2558" s="8" t="s">
        <v>68</v>
      </c>
      <c r="C2558" s="8"/>
      <c r="D2558" t="s">
        <v>77</v>
      </c>
      <c r="E2558" s="8" t="s">
        <v>12</v>
      </c>
      <c r="F2558" t="s">
        <v>69</v>
      </c>
      <c r="G2558" t="s">
        <v>19</v>
      </c>
      <c r="H2558" t="s">
        <v>69</v>
      </c>
      <c r="I2558" s="8">
        <v>2029</v>
      </c>
      <c r="J2558" t="s">
        <v>19</v>
      </c>
      <c r="K2558" s="10">
        <v>628</v>
      </c>
      <c r="L2558">
        <v>2502</v>
      </c>
      <c r="M2558" s="10">
        <v>1300</v>
      </c>
      <c r="N2558">
        <v>0</v>
      </c>
    </row>
    <row r="2559" spans="1:14" hidden="1">
      <c r="A2559" s="7" t="s">
        <v>10</v>
      </c>
      <c r="B2559" s="8" t="s">
        <v>68</v>
      </c>
      <c r="C2559" s="8"/>
      <c r="D2559" t="s">
        <v>77</v>
      </c>
      <c r="E2559" s="8" t="s">
        <v>12</v>
      </c>
      <c r="F2559" t="s">
        <v>69</v>
      </c>
      <c r="G2559" t="s">
        <v>78</v>
      </c>
      <c r="H2559" t="s">
        <v>69</v>
      </c>
      <c r="I2559" s="8">
        <v>2029</v>
      </c>
      <c r="J2559" t="s">
        <v>21</v>
      </c>
      <c r="K2559" s="10"/>
      <c r="M2559" s="10"/>
      <c r="N2559">
        <v>0</v>
      </c>
    </row>
    <row r="2560" spans="1:14" hidden="1">
      <c r="A2560" s="7" t="s">
        <v>10</v>
      </c>
      <c r="B2560" s="8" t="s">
        <v>68</v>
      </c>
      <c r="C2560" s="8"/>
      <c r="D2560" t="s">
        <v>77</v>
      </c>
      <c r="E2560" s="8" t="s">
        <v>12</v>
      </c>
      <c r="F2560" t="s">
        <v>69</v>
      </c>
      <c r="G2560" t="s">
        <v>78</v>
      </c>
      <c r="H2560" t="s">
        <v>69</v>
      </c>
      <c r="I2560" s="8">
        <v>2029</v>
      </c>
      <c r="J2560" t="s">
        <v>51</v>
      </c>
      <c r="K2560" s="10"/>
      <c r="M2560" s="10"/>
      <c r="N2560">
        <v>0</v>
      </c>
    </row>
    <row r="2561" spans="1:14" hidden="1">
      <c r="A2561" s="7" t="s">
        <v>10</v>
      </c>
      <c r="B2561" s="8" t="s">
        <v>68</v>
      </c>
      <c r="C2561" s="8"/>
      <c r="D2561" t="s">
        <v>77</v>
      </c>
      <c r="E2561" s="8" t="s">
        <v>12</v>
      </c>
      <c r="F2561" t="s">
        <v>69</v>
      </c>
      <c r="G2561" t="s">
        <v>78</v>
      </c>
      <c r="H2561" t="s">
        <v>69</v>
      </c>
      <c r="I2561" s="8">
        <v>2030</v>
      </c>
      <c r="J2561" t="s">
        <v>47</v>
      </c>
      <c r="K2561" s="10">
        <v>2349</v>
      </c>
      <c r="L2561">
        <v>784</v>
      </c>
      <c r="M2561" s="10">
        <v>2000</v>
      </c>
      <c r="N2561">
        <v>0</v>
      </c>
    </row>
    <row r="2562" spans="1:14" hidden="1">
      <c r="A2562" s="7" t="s">
        <v>10</v>
      </c>
      <c r="B2562" s="8" t="s">
        <v>68</v>
      </c>
      <c r="C2562" s="8"/>
      <c r="D2562" t="s">
        <v>77</v>
      </c>
      <c r="E2562" s="8" t="s">
        <v>12</v>
      </c>
      <c r="F2562" t="s">
        <v>69</v>
      </c>
      <c r="G2562" t="s">
        <v>78</v>
      </c>
      <c r="H2562" t="s">
        <v>69</v>
      </c>
      <c r="I2562" s="8">
        <v>2030</v>
      </c>
      <c r="J2562" t="s">
        <v>48</v>
      </c>
      <c r="K2562" s="10">
        <v>6200</v>
      </c>
      <c r="L2562">
        <v>1018</v>
      </c>
      <c r="M2562" s="10">
        <v>5500</v>
      </c>
      <c r="N2562">
        <v>0</v>
      </c>
    </row>
    <row r="2563" spans="1:14" hidden="1">
      <c r="A2563" s="7" t="s">
        <v>10</v>
      </c>
      <c r="B2563" s="8" t="s">
        <v>68</v>
      </c>
      <c r="C2563" s="8"/>
      <c r="D2563" t="s">
        <v>77</v>
      </c>
      <c r="E2563" s="8" t="s">
        <v>12</v>
      </c>
      <c r="F2563" t="s">
        <v>69</v>
      </c>
      <c r="G2563" t="s">
        <v>78</v>
      </c>
      <c r="H2563" t="s">
        <v>69</v>
      </c>
      <c r="I2563" s="8">
        <v>2030</v>
      </c>
      <c r="J2563" t="s">
        <v>14</v>
      </c>
      <c r="K2563" s="10">
        <v>42913</v>
      </c>
      <c r="L2563">
        <v>10920</v>
      </c>
      <c r="M2563" s="10">
        <v>35000</v>
      </c>
      <c r="N2563">
        <v>0</v>
      </c>
    </row>
    <row r="2564" spans="1:14" hidden="1">
      <c r="A2564" s="7" t="s">
        <v>10</v>
      </c>
      <c r="B2564" s="8" t="s">
        <v>68</v>
      </c>
      <c r="C2564" s="8"/>
      <c r="D2564" t="s">
        <v>77</v>
      </c>
      <c r="E2564" s="8" t="s">
        <v>12</v>
      </c>
      <c r="F2564" t="s">
        <v>69</v>
      </c>
      <c r="G2564" t="s">
        <v>78</v>
      </c>
      <c r="H2564" t="s">
        <v>69</v>
      </c>
      <c r="I2564" s="8">
        <v>2030</v>
      </c>
      <c r="J2564" t="s">
        <v>49</v>
      </c>
      <c r="K2564" s="10"/>
      <c r="M2564" s="10"/>
      <c r="N2564">
        <v>0</v>
      </c>
    </row>
    <row r="2565" spans="1:14" hidden="1">
      <c r="A2565" s="7" t="s">
        <v>10</v>
      </c>
      <c r="B2565" s="8" t="s">
        <v>68</v>
      </c>
      <c r="C2565" s="8"/>
      <c r="D2565" t="s">
        <v>77</v>
      </c>
      <c r="E2565" s="8" t="s">
        <v>12</v>
      </c>
      <c r="F2565" t="s">
        <v>69</v>
      </c>
      <c r="G2565" t="s">
        <v>79</v>
      </c>
      <c r="H2565" t="s">
        <v>69</v>
      </c>
      <c r="I2565" s="8">
        <v>2030</v>
      </c>
      <c r="J2565" t="s">
        <v>15</v>
      </c>
      <c r="K2565" s="10">
        <v>5378</v>
      </c>
      <c r="L2565">
        <v>2138</v>
      </c>
      <c r="M2565" s="10">
        <v>3500</v>
      </c>
      <c r="N2565">
        <v>0</v>
      </c>
    </row>
    <row r="2566" spans="1:14" hidden="1">
      <c r="A2566" s="7" t="s">
        <v>10</v>
      </c>
      <c r="B2566" s="8" t="s">
        <v>68</v>
      </c>
      <c r="C2566" s="8"/>
      <c r="D2566" t="s">
        <v>77</v>
      </c>
      <c r="E2566" s="8" t="s">
        <v>12</v>
      </c>
      <c r="F2566" t="s">
        <v>69</v>
      </c>
      <c r="G2566" t="s">
        <v>79</v>
      </c>
      <c r="H2566" t="s">
        <v>69</v>
      </c>
      <c r="I2566" s="8">
        <v>2030</v>
      </c>
      <c r="J2566" t="s">
        <v>50</v>
      </c>
      <c r="K2566" s="10"/>
      <c r="M2566" s="10"/>
      <c r="N2566">
        <v>0</v>
      </c>
    </row>
    <row r="2567" spans="1:14" hidden="1">
      <c r="A2567" s="7" t="s">
        <v>10</v>
      </c>
      <c r="B2567" s="8" t="s">
        <v>68</v>
      </c>
      <c r="C2567" s="8"/>
      <c r="D2567" t="s">
        <v>77</v>
      </c>
      <c r="E2567" s="8" t="s">
        <v>12</v>
      </c>
      <c r="F2567" t="s">
        <v>69</v>
      </c>
      <c r="G2567" t="s">
        <v>19</v>
      </c>
      <c r="H2567" t="s">
        <v>69</v>
      </c>
      <c r="I2567" s="8">
        <v>2030</v>
      </c>
      <c r="J2567" t="s">
        <v>19</v>
      </c>
      <c r="K2567" s="10">
        <v>711</v>
      </c>
      <c r="L2567">
        <v>2502</v>
      </c>
      <c r="M2567" s="10">
        <v>1300</v>
      </c>
      <c r="N2567">
        <v>0</v>
      </c>
    </row>
    <row r="2568" spans="1:14" hidden="1">
      <c r="A2568" s="7" t="s">
        <v>10</v>
      </c>
      <c r="B2568" s="8" t="s">
        <v>68</v>
      </c>
      <c r="C2568" s="8"/>
      <c r="D2568" t="s">
        <v>77</v>
      </c>
      <c r="E2568" s="8" t="s">
        <v>12</v>
      </c>
      <c r="F2568" t="s">
        <v>69</v>
      </c>
      <c r="G2568" t="s">
        <v>78</v>
      </c>
      <c r="H2568" t="s">
        <v>69</v>
      </c>
      <c r="I2568" s="8">
        <v>2030</v>
      </c>
      <c r="J2568" t="s">
        <v>21</v>
      </c>
      <c r="K2568" s="10"/>
      <c r="M2568" s="10"/>
      <c r="N2568">
        <v>0</v>
      </c>
    </row>
    <row r="2569" spans="1:14" hidden="1">
      <c r="A2569" s="7" t="s">
        <v>10</v>
      </c>
      <c r="B2569" s="8" t="s">
        <v>68</v>
      </c>
      <c r="C2569" s="8"/>
      <c r="D2569" t="s">
        <v>77</v>
      </c>
      <c r="E2569" s="8" t="s">
        <v>12</v>
      </c>
      <c r="F2569" t="s">
        <v>69</v>
      </c>
      <c r="G2569" t="s">
        <v>78</v>
      </c>
      <c r="H2569" t="s">
        <v>69</v>
      </c>
      <c r="I2569" s="8">
        <v>2030</v>
      </c>
      <c r="J2569" t="s">
        <v>51</v>
      </c>
      <c r="K2569" s="10"/>
      <c r="M2569" s="10"/>
      <c r="N2569">
        <v>0</v>
      </c>
    </row>
    <row r="2570" spans="1:14" hidden="1">
      <c r="A2570" s="7" t="s">
        <v>10</v>
      </c>
      <c r="B2570" s="8" t="s">
        <v>68</v>
      </c>
      <c r="C2570" s="8"/>
      <c r="D2570" t="s">
        <v>77</v>
      </c>
      <c r="E2570" s="8" t="s">
        <v>12</v>
      </c>
      <c r="F2570" t="s">
        <v>69</v>
      </c>
      <c r="G2570" t="s">
        <v>78</v>
      </c>
      <c r="H2570" t="s">
        <v>69</v>
      </c>
      <c r="I2570" s="8">
        <v>2031</v>
      </c>
      <c r="J2570" t="s">
        <v>47</v>
      </c>
      <c r="K2570" s="10">
        <v>2451</v>
      </c>
      <c r="L2570">
        <v>784</v>
      </c>
      <c r="M2570" s="10">
        <v>2000</v>
      </c>
      <c r="N2570">
        <v>0</v>
      </c>
    </row>
    <row r="2571" spans="1:14" hidden="1">
      <c r="A2571" s="7" t="s">
        <v>10</v>
      </c>
      <c r="B2571" s="8" t="s">
        <v>68</v>
      </c>
      <c r="C2571" s="8"/>
      <c r="D2571" t="s">
        <v>77</v>
      </c>
      <c r="E2571" s="8" t="s">
        <v>12</v>
      </c>
      <c r="F2571" t="s">
        <v>69</v>
      </c>
      <c r="G2571" t="s">
        <v>78</v>
      </c>
      <c r="H2571" t="s">
        <v>69</v>
      </c>
      <c r="I2571" s="8">
        <v>2031</v>
      </c>
      <c r="J2571" t="s">
        <v>48</v>
      </c>
      <c r="K2571" s="10">
        <v>5582</v>
      </c>
      <c r="L2571">
        <v>1018</v>
      </c>
      <c r="M2571" s="10">
        <v>5500</v>
      </c>
      <c r="N2571">
        <v>0</v>
      </c>
    </row>
    <row r="2572" spans="1:14" hidden="1">
      <c r="A2572" s="7" t="s">
        <v>10</v>
      </c>
      <c r="B2572" s="8" t="s">
        <v>68</v>
      </c>
      <c r="C2572" s="8"/>
      <c r="D2572" t="s">
        <v>77</v>
      </c>
      <c r="E2572" s="8" t="s">
        <v>12</v>
      </c>
      <c r="F2572" t="s">
        <v>69</v>
      </c>
      <c r="G2572" t="s">
        <v>78</v>
      </c>
      <c r="H2572" t="s">
        <v>69</v>
      </c>
      <c r="I2572" s="8">
        <v>2031</v>
      </c>
      <c r="J2572" t="s">
        <v>14</v>
      </c>
      <c r="K2572" s="10">
        <v>44970</v>
      </c>
      <c r="L2572">
        <v>10920</v>
      </c>
      <c r="M2572" s="10">
        <v>35000</v>
      </c>
      <c r="N2572">
        <v>0</v>
      </c>
    </row>
    <row r="2573" spans="1:14" hidden="1">
      <c r="A2573" s="7" t="s">
        <v>10</v>
      </c>
      <c r="B2573" s="8" t="s">
        <v>68</v>
      </c>
      <c r="C2573" s="8"/>
      <c r="D2573" t="s">
        <v>77</v>
      </c>
      <c r="E2573" s="8" t="s">
        <v>12</v>
      </c>
      <c r="F2573" t="s">
        <v>69</v>
      </c>
      <c r="G2573" t="s">
        <v>78</v>
      </c>
      <c r="H2573" t="s">
        <v>69</v>
      </c>
      <c r="I2573" s="8">
        <v>2031</v>
      </c>
      <c r="J2573" t="s">
        <v>49</v>
      </c>
      <c r="K2573" s="10"/>
      <c r="M2573" s="10"/>
      <c r="N2573">
        <v>0</v>
      </c>
    </row>
    <row r="2574" spans="1:14" hidden="1">
      <c r="A2574" s="7" t="s">
        <v>10</v>
      </c>
      <c r="B2574" s="8" t="s">
        <v>68</v>
      </c>
      <c r="C2574" s="8"/>
      <c r="D2574" t="s">
        <v>77</v>
      </c>
      <c r="E2574" s="8" t="s">
        <v>12</v>
      </c>
      <c r="F2574" t="s">
        <v>69</v>
      </c>
      <c r="G2574" t="s">
        <v>79</v>
      </c>
      <c r="H2574" t="s">
        <v>69</v>
      </c>
      <c r="I2574" s="8">
        <v>2031</v>
      </c>
      <c r="J2574" t="s">
        <v>15</v>
      </c>
      <c r="K2574" s="10">
        <v>6150</v>
      </c>
      <c r="L2574">
        <v>2138</v>
      </c>
      <c r="M2574" s="10">
        <v>4500</v>
      </c>
      <c r="N2574">
        <v>0</v>
      </c>
    </row>
    <row r="2575" spans="1:14" hidden="1">
      <c r="A2575" s="7" t="s">
        <v>10</v>
      </c>
      <c r="B2575" s="8" t="s">
        <v>68</v>
      </c>
      <c r="C2575" s="8"/>
      <c r="D2575" t="s">
        <v>77</v>
      </c>
      <c r="E2575" s="8" t="s">
        <v>12</v>
      </c>
      <c r="F2575" t="s">
        <v>69</v>
      </c>
      <c r="G2575" t="s">
        <v>79</v>
      </c>
      <c r="H2575" t="s">
        <v>69</v>
      </c>
      <c r="I2575" s="8">
        <v>2031</v>
      </c>
      <c r="J2575" t="s">
        <v>50</v>
      </c>
      <c r="K2575" s="10"/>
      <c r="M2575" s="10"/>
      <c r="N2575">
        <v>0</v>
      </c>
    </row>
    <row r="2576" spans="1:14" hidden="1">
      <c r="A2576" s="7" t="s">
        <v>10</v>
      </c>
      <c r="B2576" s="8" t="s">
        <v>68</v>
      </c>
      <c r="C2576" s="8"/>
      <c r="D2576" t="s">
        <v>77</v>
      </c>
      <c r="E2576" s="8" t="s">
        <v>12</v>
      </c>
      <c r="F2576" t="s">
        <v>69</v>
      </c>
      <c r="G2576" t="s">
        <v>19</v>
      </c>
      <c r="H2576" t="s">
        <v>69</v>
      </c>
      <c r="I2576" s="8">
        <v>2031</v>
      </c>
      <c r="J2576" t="s">
        <v>19</v>
      </c>
      <c r="K2576" s="10">
        <v>677</v>
      </c>
      <c r="L2576">
        <v>2502</v>
      </c>
      <c r="M2576" s="10">
        <v>1300</v>
      </c>
      <c r="N2576">
        <v>0</v>
      </c>
    </row>
    <row r="2577" spans="1:14" hidden="1">
      <c r="A2577" s="7" t="s">
        <v>10</v>
      </c>
      <c r="B2577" s="8" t="s">
        <v>68</v>
      </c>
      <c r="C2577" s="8"/>
      <c r="D2577" t="s">
        <v>77</v>
      </c>
      <c r="E2577" s="8" t="s">
        <v>12</v>
      </c>
      <c r="F2577" t="s">
        <v>69</v>
      </c>
      <c r="G2577" t="s">
        <v>78</v>
      </c>
      <c r="H2577" t="s">
        <v>69</v>
      </c>
      <c r="I2577" s="8">
        <v>2031</v>
      </c>
      <c r="J2577" t="s">
        <v>21</v>
      </c>
      <c r="K2577" s="10"/>
      <c r="M2577" s="10"/>
      <c r="N2577">
        <v>0</v>
      </c>
    </row>
    <row r="2578" spans="1:14" hidden="1">
      <c r="A2578" s="7" t="s">
        <v>10</v>
      </c>
      <c r="B2578" s="8" t="s">
        <v>68</v>
      </c>
      <c r="C2578" s="8"/>
      <c r="D2578" t="s">
        <v>77</v>
      </c>
      <c r="E2578" s="8" t="s">
        <v>12</v>
      </c>
      <c r="F2578" t="s">
        <v>69</v>
      </c>
      <c r="G2578" t="s">
        <v>78</v>
      </c>
      <c r="H2578" t="s">
        <v>69</v>
      </c>
      <c r="I2578" s="8">
        <v>2031</v>
      </c>
      <c r="J2578" t="s">
        <v>51</v>
      </c>
      <c r="K2578" s="10"/>
      <c r="M2578" s="10"/>
      <c r="N2578">
        <v>0</v>
      </c>
    </row>
    <row r="2579" spans="1:14" hidden="1">
      <c r="A2579" s="7" t="s">
        <v>10</v>
      </c>
      <c r="B2579" s="8" t="s">
        <v>68</v>
      </c>
      <c r="C2579" s="8"/>
      <c r="D2579" t="s">
        <v>77</v>
      </c>
      <c r="E2579" s="8" t="s">
        <v>12</v>
      </c>
      <c r="F2579" t="s">
        <v>69</v>
      </c>
      <c r="G2579" t="s">
        <v>78</v>
      </c>
      <c r="H2579" t="s">
        <v>69</v>
      </c>
      <c r="I2579" s="8">
        <v>2032</v>
      </c>
      <c r="J2579" t="s">
        <v>47</v>
      </c>
      <c r="K2579" s="10">
        <v>2796</v>
      </c>
      <c r="L2579">
        <v>784</v>
      </c>
      <c r="M2579" s="10">
        <v>2200</v>
      </c>
      <c r="N2579">
        <v>0</v>
      </c>
    </row>
    <row r="2580" spans="1:14" hidden="1">
      <c r="A2580" s="7" t="s">
        <v>10</v>
      </c>
      <c r="B2580" s="8" t="s">
        <v>68</v>
      </c>
      <c r="C2580" s="8"/>
      <c r="D2580" t="s">
        <v>77</v>
      </c>
      <c r="E2580" s="8" t="s">
        <v>12</v>
      </c>
      <c r="F2580" t="s">
        <v>69</v>
      </c>
      <c r="G2580" t="s">
        <v>78</v>
      </c>
      <c r="H2580" t="s">
        <v>69</v>
      </c>
      <c r="I2580" s="8">
        <v>2032</v>
      </c>
      <c r="J2580" t="s">
        <v>48</v>
      </c>
      <c r="K2580" s="10">
        <v>6334</v>
      </c>
      <c r="L2580">
        <v>1018</v>
      </c>
      <c r="M2580" s="10">
        <v>5500</v>
      </c>
      <c r="N2580">
        <v>0</v>
      </c>
    </row>
    <row r="2581" spans="1:14" hidden="1">
      <c r="A2581" s="7" t="s">
        <v>10</v>
      </c>
      <c r="B2581" s="8" t="s">
        <v>68</v>
      </c>
      <c r="C2581" s="8"/>
      <c r="D2581" t="s">
        <v>77</v>
      </c>
      <c r="E2581" s="8" t="s">
        <v>12</v>
      </c>
      <c r="F2581" t="s">
        <v>69</v>
      </c>
      <c r="G2581" t="s">
        <v>78</v>
      </c>
      <c r="H2581" t="s">
        <v>69</v>
      </c>
      <c r="I2581" s="8">
        <v>2032</v>
      </c>
      <c r="J2581" t="s">
        <v>14</v>
      </c>
      <c r="K2581" s="10">
        <v>49519</v>
      </c>
      <c r="L2581">
        <v>10920</v>
      </c>
      <c r="M2581" s="10">
        <v>40000</v>
      </c>
      <c r="N2581">
        <v>0</v>
      </c>
    </row>
    <row r="2582" spans="1:14" hidden="1">
      <c r="A2582" s="7" t="s">
        <v>10</v>
      </c>
      <c r="B2582" s="8" t="s">
        <v>68</v>
      </c>
      <c r="C2582" s="8"/>
      <c r="D2582" t="s">
        <v>77</v>
      </c>
      <c r="E2582" s="8" t="s">
        <v>12</v>
      </c>
      <c r="F2582" t="s">
        <v>69</v>
      </c>
      <c r="G2582" t="s">
        <v>78</v>
      </c>
      <c r="H2582" t="s">
        <v>69</v>
      </c>
      <c r="I2582" s="8">
        <v>2032</v>
      </c>
      <c r="J2582" t="s">
        <v>49</v>
      </c>
      <c r="K2582" s="10"/>
      <c r="M2582" s="10"/>
      <c r="N2582">
        <v>0</v>
      </c>
    </row>
    <row r="2583" spans="1:14" hidden="1">
      <c r="A2583" s="7" t="s">
        <v>10</v>
      </c>
      <c r="B2583" s="8" t="s">
        <v>68</v>
      </c>
      <c r="C2583" s="8"/>
      <c r="D2583" t="s">
        <v>77</v>
      </c>
      <c r="E2583" s="8" t="s">
        <v>12</v>
      </c>
      <c r="F2583" t="s">
        <v>69</v>
      </c>
      <c r="G2583" t="s">
        <v>79</v>
      </c>
      <c r="H2583" t="s">
        <v>69</v>
      </c>
      <c r="I2583" s="8">
        <v>2032</v>
      </c>
      <c r="J2583" t="s">
        <v>15</v>
      </c>
      <c r="K2583" s="10">
        <v>6847</v>
      </c>
      <c r="L2583">
        <v>2138</v>
      </c>
      <c r="M2583" s="10">
        <v>5000</v>
      </c>
      <c r="N2583">
        <v>0</v>
      </c>
    </row>
    <row r="2584" spans="1:14" hidden="1">
      <c r="A2584" s="7" t="s">
        <v>10</v>
      </c>
      <c r="B2584" s="8" t="s">
        <v>68</v>
      </c>
      <c r="C2584" s="8"/>
      <c r="D2584" t="s">
        <v>77</v>
      </c>
      <c r="E2584" s="8" t="s">
        <v>12</v>
      </c>
      <c r="F2584" t="s">
        <v>69</v>
      </c>
      <c r="G2584" t="s">
        <v>79</v>
      </c>
      <c r="H2584" t="s">
        <v>69</v>
      </c>
      <c r="I2584" s="8">
        <v>2032</v>
      </c>
      <c r="J2584" t="s">
        <v>50</v>
      </c>
      <c r="K2584" s="10"/>
      <c r="M2584" s="10"/>
      <c r="N2584">
        <v>0</v>
      </c>
    </row>
    <row r="2585" spans="1:14" hidden="1">
      <c r="A2585" s="7" t="s">
        <v>10</v>
      </c>
      <c r="B2585" s="8" t="s">
        <v>68</v>
      </c>
      <c r="C2585" s="8"/>
      <c r="D2585" t="s">
        <v>77</v>
      </c>
      <c r="E2585" s="8" t="s">
        <v>12</v>
      </c>
      <c r="F2585" t="s">
        <v>69</v>
      </c>
      <c r="G2585" t="s">
        <v>19</v>
      </c>
      <c r="H2585" t="s">
        <v>69</v>
      </c>
      <c r="I2585" s="8">
        <v>2032</v>
      </c>
      <c r="J2585" t="s">
        <v>19</v>
      </c>
      <c r="K2585" s="10">
        <v>761</v>
      </c>
      <c r="L2585">
        <v>2502</v>
      </c>
      <c r="M2585" s="10">
        <v>1300</v>
      </c>
      <c r="N2585">
        <v>0</v>
      </c>
    </row>
    <row r="2586" spans="1:14" hidden="1">
      <c r="A2586" s="7" t="s">
        <v>10</v>
      </c>
      <c r="B2586" s="8" t="s">
        <v>68</v>
      </c>
      <c r="C2586" s="8"/>
      <c r="D2586" t="s">
        <v>77</v>
      </c>
      <c r="E2586" s="8" t="s">
        <v>12</v>
      </c>
      <c r="F2586" t="s">
        <v>69</v>
      </c>
      <c r="G2586" t="s">
        <v>78</v>
      </c>
      <c r="H2586" t="s">
        <v>69</v>
      </c>
      <c r="I2586" s="8">
        <v>2032</v>
      </c>
      <c r="J2586" t="s">
        <v>21</v>
      </c>
      <c r="K2586" s="10"/>
      <c r="M2586" s="10"/>
      <c r="N2586">
        <v>0</v>
      </c>
    </row>
    <row r="2587" spans="1:14" hidden="1">
      <c r="A2587" s="7" t="s">
        <v>10</v>
      </c>
      <c r="B2587" s="8" t="s">
        <v>68</v>
      </c>
      <c r="C2587" s="8"/>
      <c r="D2587" t="s">
        <v>77</v>
      </c>
      <c r="E2587" s="8" t="s">
        <v>12</v>
      </c>
      <c r="F2587" t="s">
        <v>69</v>
      </c>
      <c r="G2587" t="s">
        <v>78</v>
      </c>
      <c r="H2587" t="s">
        <v>69</v>
      </c>
      <c r="I2587" s="8">
        <v>2032</v>
      </c>
      <c r="J2587" t="s">
        <v>51</v>
      </c>
      <c r="K2587" s="10"/>
      <c r="M2587" s="10"/>
      <c r="N2587">
        <v>0</v>
      </c>
    </row>
    <row r="2588" spans="1:14" hidden="1">
      <c r="A2588" s="7" t="s">
        <v>10</v>
      </c>
      <c r="B2588" s="8" t="s">
        <v>68</v>
      </c>
      <c r="C2588" s="8"/>
      <c r="D2588" t="s">
        <v>77</v>
      </c>
      <c r="E2588" s="8" t="s">
        <v>12</v>
      </c>
      <c r="F2588" t="s">
        <v>69</v>
      </c>
      <c r="G2588" t="s">
        <v>78</v>
      </c>
      <c r="H2588" t="s">
        <v>69</v>
      </c>
      <c r="I2588" s="8">
        <v>2033</v>
      </c>
      <c r="J2588" t="s">
        <v>47</v>
      </c>
      <c r="K2588" s="10">
        <v>2768</v>
      </c>
      <c r="L2588">
        <v>784</v>
      </c>
      <c r="M2588" s="10">
        <v>2200</v>
      </c>
      <c r="N2588">
        <v>0</v>
      </c>
    </row>
    <row r="2589" spans="1:14" hidden="1">
      <c r="A2589" s="7" t="s">
        <v>10</v>
      </c>
      <c r="B2589" s="8" t="s">
        <v>68</v>
      </c>
      <c r="C2589" s="8"/>
      <c r="D2589" t="s">
        <v>77</v>
      </c>
      <c r="E2589" s="8" t="s">
        <v>12</v>
      </c>
      <c r="F2589" t="s">
        <v>69</v>
      </c>
      <c r="G2589" t="s">
        <v>78</v>
      </c>
      <c r="H2589" t="s">
        <v>69</v>
      </c>
      <c r="I2589" s="8">
        <v>2033</v>
      </c>
      <c r="J2589" t="s">
        <v>48</v>
      </c>
      <c r="K2589" s="10">
        <v>6288</v>
      </c>
      <c r="L2589">
        <v>1018</v>
      </c>
      <c r="M2589" s="10">
        <v>5500</v>
      </c>
      <c r="N2589">
        <v>0</v>
      </c>
    </row>
    <row r="2590" spans="1:14" hidden="1">
      <c r="A2590" s="7" t="s">
        <v>10</v>
      </c>
      <c r="B2590" s="8" t="s">
        <v>68</v>
      </c>
      <c r="C2590" s="8"/>
      <c r="D2590" t="s">
        <v>77</v>
      </c>
      <c r="E2590" s="8" t="s">
        <v>12</v>
      </c>
      <c r="F2590" t="s">
        <v>69</v>
      </c>
      <c r="G2590" t="s">
        <v>78</v>
      </c>
      <c r="H2590" t="s">
        <v>69</v>
      </c>
      <c r="I2590" s="8">
        <v>2033</v>
      </c>
      <c r="J2590" t="s">
        <v>14</v>
      </c>
      <c r="K2590" s="10">
        <v>48541</v>
      </c>
      <c r="L2590">
        <v>10920</v>
      </c>
      <c r="M2590" s="10">
        <v>40000</v>
      </c>
      <c r="N2590">
        <v>0</v>
      </c>
    </row>
    <row r="2591" spans="1:14" hidden="1">
      <c r="A2591" s="7" t="s">
        <v>10</v>
      </c>
      <c r="B2591" s="8" t="s">
        <v>68</v>
      </c>
      <c r="C2591" s="8"/>
      <c r="D2591" t="s">
        <v>77</v>
      </c>
      <c r="E2591" s="8" t="s">
        <v>12</v>
      </c>
      <c r="F2591" t="s">
        <v>69</v>
      </c>
      <c r="G2591" t="s">
        <v>78</v>
      </c>
      <c r="H2591" t="s">
        <v>69</v>
      </c>
      <c r="I2591" s="8">
        <v>2033</v>
      </c>
      <c r="J2591" t="s">
        <v>49</v>
      </c>
      <c r="K2591" s="10"/>
      <c r="M2591" s="10"/>
      <c r="N2591">
        <v>0</v>
      </c>
    </row>
    <row r="2592" spans="1:14" hidden="1">
      <c r="A2592" s="7" t="s">
        <v>10</v>
      </c>
      <c r="B2592" s="8" t="s">
        <v>68</v>
      </c>
      <c r="C2592" s="8"/>
      <c r="D2592" t="s">
        <v>77</v>
      </c>
      <c r="E2592" s="8" t="s">
        <v>12</v>
      </c>
      <c r="F2592" t="s">
        <v>69</v>
      </c>
      <c r="G2592" t="s">
        <v>79</v>
      </c>
      <c r="H2592" t="s">
        <v>69</v>
      </c>
      <c r="I2592" s="8">
        <v>2033</v>
      </c>
      <c r="J2592" t="s">
        <v>15</v>
      </c>
      <c r="K2592" s="10">
        <v>5699</v>
      </c>
      <c r="L2592">
        <v>2138</v>
      </c>
      <c r="M2592" s="10">
        <v>5000</v>
      </c>
      <c r="N2592">
        <v>0</v>
      </c>
    </row>
    <row r="2593" spans="1:14" hidden="1">
      <c r="A2593" s="7" t="s">
        <v>10</v>
      </c>
      <c r="B2593" s="8" t="s">
        <v>68</v>
      </c>
      <c r="C2593" s="8"/>
      <c r="D2593" t="s">
        <v>77</v>
      </c>
      <c r="E2593" s="8" t="s">
        <v>12</v>
      </c>
      <c r="F2593" t="s">
        <v>69</v>
      </c>
      <c r="G2593" t="s">
        <v>79</v>
      </c>
      <c r="H2593" t="s">
        <v>69</v>
      </c>
      <c r="I2593" s="8">
        <v>2033</v>
      </c>
      <c r="J2593" t="s">
        <v>50</v>
      </c>
      <c r="K2593" s="10"/>
      <c r="M2593" s="10"/>
      <c r="N2593">
        <v>0</v>
      </c>
    </row>
    <row r="2594" spans="1:14" hidden="1">
      <c r="A2594" s="7" t="s">
        <v>10</v>
      </c>
      <c r="B2594" s="8" t="s">
        <v>68</v>
      </c>
      <c r="C2594" s="8"/>
      <c r="D2594" t="s">
        <v>77</v>
      </c>
      <c r="E2594" s="8" t="s">
        <v>12</v>
      </c>
      <c r="F2594" t="s">
        <v>69</v>
      </c>
      <c r="G2594" t="s">
        <v>19</v>
      </c>
      <c r="H2594" t="s">
        <v>69</v>
      </c>
      <c r="I2594" s="8">
        <v>2033</v>
      </c>
      <c r="J2594" t="s">
        <v>19</v>
      </c>
      <c r="K2594" s="10">
        <v>710</v>
      </c>
      <c r="L2594">
        <v>2502</v>
      </c>
      <c r="M2594" s="10">
        <v>1300</v>
      </c>
      <c r="N2594">
        <v>0</v>
      </c>
    </row>
    <row r="2595" spans="1:14" hidden="1">
      <c r="A2595" s="7" t="s">
        <v>10</v>
      </c>
      <c r="B2595" s="8" t="s">
        <v>68</v>
      </c>
      <c r="C2595" s="8"/>
      <c r="D2595" t="s">
        <v>77</v>
      </c>
      <c r="E2595" s="8" t="s">
        <v>12</v>
      </c>
      <c r="F2595" t="s">
        <v>69</v>
      </c>
      <c r="G2595" t="s">
        <v>78</v>
      </c>
      <c r="H2595" t="s">
        <v>69</v>
      </c>
      <c r="I2595" s="8">
        <v>2033</v>
      </c>
      <c r="J2595" t="s">
        <v>21</v>
      </c>
      <c r="K2595" s="10"/>
      <c r="M2595" s="10"/>
      <c r="N2595">
        <v>0</v>
      </c>
    </row>
    <row r="2596" spans="1:14" hidden="1">
      <c r="A2596" s="7" t="s">
        <v>10</v>
      </c>
      <c r="B2596" s="8" t="s">
        <v>68</v>
      </c>
      <c r="C2596" s="8"/>
      <c r="D2596" t="s">
        <v>77</v>
      </c>
      <c r="E2596" s="8" t="s">
        <v>12</v>
      </c>
      <c r="F2596" t="s">
        <v>69</v>
      </c>
      <c r="G2596" t="s">
        <v>78</v>
      </c>
      <c r="H2596" t="s">
        <v>69</v>
      </c>
      <c r="I2596" s="8">
        <v>2033</v>
      </c>
      <c r="J2596" t="s">
        <v>51</v>
      </c>
      <c r="K2596" s="10"/>
      <c r="M2596" s="10"/>
      <c r="N2596">
        <v>0</v>
      </c>
    </row>
    <row r="2597" spans="1:14">
      <c r="A2597" s="7" t="s">
        <v>10</v>
      </c>
      <c r="B2597" s="8"/>
      <c r="C2597" s="8"/>
      <c r="D2597" t="s">
        <v>77</v>
      </c>
      <c r="E2597" s="8" t="s">
        <v>12</v>
      </c>
      <c r="F2597" t="s">
        <v>70</v>
      </c>
      <c r="G2597" t="s">
        <v>78</v>
      </c>
      <c r="H2597" t="s">
        <v>70</v>
      </c>
      <c r="I2597" s="8">
        <v>2025</v>
      </c>
      <c r="J2597" t="s">
        <v>47</v>
      </c>
      <c r="K2597" s="10"/>
      <c r="M2597" s="10"/>
      <c r="N2597">
        <v>0</v>
      </c>
    </row>
    <row r="2598" spans="1:14">
      <c r="A2598" s="7" t="s">
        <v>10</v>
      </c>
      <c r="B2598" s="8"/>
      <c r="C2598" s="8"/>
      <c r="D2598" t="s">
        <v>77</v>
      </c>
      <c r="E2598" s="8" t="s">
        <v>12</v>
      </c>
      <c r="F2598" t="s">
        <v>70</v>
      </c>
      <c r="G2598" t="s">
        <v>78</v>
      </c>
      <c r="H2598" t="s">
        <v>70</v>
      </c>
      <c r="I2598" s="8">
        <v>2025</v>
      </c>
      <c r="J2598" t="s">
        <v>48</v>
      </c>
      <c r="K2598" s="10"/>
      <c r="M2598" s="10"/>
      <c r="N2598">
        <v>0</v>
      </c>
    </row>
    <row r="2599" spans="1:14">
      <c r="A2599" s="7" t="s">
        <v>10</v>
      </c>
      <c r="B2599" s="8"/>
      <c r="C2599" s="8"/>
      <c r="D2599" t="s">
        <v>77</v>
      </c>
      <c r="E2599" s="8" t="s">
        <v>12</v>
      </c>
      <c r="F2599" t="s">
        <v>70</v>
      </c>
      <c r="G2599" t="s">
        <v>78</v>
      </c>
      <c r="H2599" t="s">
        <v>70</v>
      </c>
      <c r="I2599" s="8">
        <v>2025</v>
      </c>
      <c r="J2599" t="s">
        <v>14</v>
      </c>
      <c r="K2599" s="10">
        <v>20348.235294117647</v>
      </c>
      <c r="M2599" s="10"/>
      <c r="N2599">
        <v>0</v>
      </c>
    </row>
    <row r="2600" spans="1:14">
      <c r="A2600" s="7" t="s">
        <v>10</v>
      </c>
      <c r="B2600" s="8"/>
      <c r="C2600" s="8"/>
      <c r="D2600" t="s">
        <v>77</v>
      </c>
      <c r="E2600" s="8" t="s">
        <v>12</v>
      </c>
      <c r="F2600" t="s">
        <v>70</v>
      </c>
      <c r="G2600" t="s">
        <v>78</v>
      </c>
      <c r="H2600" t="s">
        <v>70</v>
      </c>
      <c r="I2600" s="8">
        <v>2025</v>
      </c>
      <c r="J2600" t="s">
        <v>49</v>
      </c>
      <c r="K2600" s="10"/>
      <c r="M2600" s="10"/>
      <c r="N2600">
        <v>0</v>
      </c>
    </row>
    <row r="2601" spans="1:14">
      <c r="A2601" s="7" t="s">
        <v>10</v>
      </c>
      <c r="B2601" s="8"/>
      <c r="C2601" s="8"/>
      <c r="D2601" t="s">
        <v>77</v>
      </c>
      <c r="E2601" s="8" t="s">
        <v>12</v>
      </c>
      <c r="F2601" t="s">
        <v>70</v>
      </c>
      <c r="G2601" t="s">
        <v>79</v>
      </c>
      <c r="H2601" t="s">
        <v>70</v>
      </c>
      <c r="I2601" s="8">
        <v>2025</v>
      </c>
      <c r="J2601" t="s">
        <v>15</v>
      </c>
      <c r="K2601" s="10"/>
      <c r="M2601" s="10"/>
      <c r="N2601">
        <v>0</v>
      </c>
    </row>
    <row r="2602" spans="1:14">
      <c r="A2602" s="7" t="s">
        <v>10</v>
      </c>
      <c r="B2602" s="8"/>
      <c r="C2602" s="8"/>
      <c r="D2602" t="s">
        <v>77</v>
      </c>
      <c r="E2602" s="8" t="s">
        <v>12</v>
      </c>
      <c r="F2602" t="s">
        <v>70</v>
      </c>
      <c r="G2602" t="s">
        <v>79</v>
      </c>
      <c r="H2602" t="s">
        <v>70</v>
      </c>
      <c r="I2602" s="8">
        <v>2025</v>
      </c>
      <c r="J2602" t="s">
        <v>50</v>
      </c>
      <c r="K2602" s="10"/>
      <c r="M2602" s="10"/>
      <c r="N2602">
        <v>0</v>
      </c>
    </row>
    <row r="2603" spans="1:14">
      <c r="A2603" s="7" t="s">
        <v>10</v>
      </c>
      <c r="B2603" s="8"/>
      <c r="C2603" s="8"/>
      <c r="D2603" t="s">
        <v>77</v>
      </c>
      <c r="E2603" s="8" t="s">
        <v>12</v>
      </c>
      <c r="F2603" t="s">
        <v>70</v>
      </c>
      <c r="G2603" t="s">
        <v>19</v>
      </c>
      <c r="H2603" t="s">
        <v>70</v>
      </c>
      <c r="I2603" s="8">
        <v>2025</v>
      </c>
      <c r="J2603" t="s">
        <v>19</v>
      </c>
      <c r="K2603" s="10"/>
      <c r="M2603" s="10"/>
      <c r="N2603">
        <v>0</v>
      </c>
    </row>
    <row r="2604" spans="1:14">
      <c r="A2604" s="7" t="s">
        <v>10</v>
      </c>
      <c r="B2604" s="8"/>
      <c r="C2604" s="8"/>
      <c r="D2604" t="s">
        <v>77</v>
      </c>
      <c r="E2604" s="8" t="s">
        <v>12</v>
      </c>
      <c r="F2604" t="s">
        <v>70</v>
      </c>
      <c r="G2604" t="s">
        <v>78</v>
      </c>
      <c r="H2604" t="s">
        <v>70</v>
      </c>
      <c r="I2604" s="8">
        <v>2025</v>
      </c>
      <c r="J2604" t="s">
        <v>21</v>
      </c>
      <c r="K2604" s="10"/>
      <c r="M2604" s="10"/>
      <c r="N2604">
        <v>0</v>
      </c>
    </row>
    <row r="2605" spans="1:14">
      <c r="A2605" s="7" t="s">
        <v>10</v>
      </c>
      <c r="B2605" s="8"/>
      <c r="C2605" s="8"/>
      <c r="D2605" t="s">
        <v>77</v>
      </c>
      <c r="E2605" s="8" t="s">
        <v>12</v>
      </c>
      <c r="F2605" t="s">
        <v>70</v>
      </c>
      <c r="G2605" t="s">
        <v>78</v>
      </c>
      <c r="H2605" t="s">
        <v>70</v>
      </c>
      <c r="I2605" s="8">
        <v>2025</v>
      </c>
      <c r="J2605" t="s">
        <v>51</v>
      </c>
      <c r="K2605" s="10"/>
      <c r="M2605" s="10"/>
      <c r="N2605">
        <v>0</v>
      </c>
    </row>
    <row r="2606" spans="1:14" hidden="1">
      <c r="A2606" s="7" t="s">
        <v>10</v>
      </c>
      <c r="B2606" s="8"/>
      <c r="C2606" s="8"/>
      <c r="D2606" t="s">
        <v>77</v>
      </c>
      <c r="E2606" s="8" t="s">
        <v>12</v>
      </c>
      <c r="F2606" t="s">
        <v>70</v>
      </c>
      <c r="G2606" t="s">
        <v>78</v>
      </c>
      <c r="H2606" t="s">
        <v>70</v>
      </c>
      <c r="I2606" s="8">
        <v>2026</v>
      </c>
      <c r="J2606" t="s">
        <v>47</v>
      </c>
      <c r="K2606" s="10"/>
      <c r="M2606" s="10"/>
      <c r="N2606">
        <v>0</v>
      </c>
    </row>
    <row r="2607" spans="1:14" hidden="1">
      <c r="A2607" s="7" t="s">
        <v>10</v>
      </c>
      <c r="B2607" s="8"/>
      <c r="C2607" s="8"/>
      <c r="D2607" t="s">
        <v>77</v>
      </c>
      <c r="E2607" s="8" t="s">
        <v>12</v>
      </c>
      <c r="F2607" t="s">
        <v>70</v>
      </c>
      <c r="G2607" t="s">
        <v>78</v>
      </c>
      <c r="H2607" t="s">
        <v>70</v>
      </c>
      <c r="I2607" s="8">
        <v>2026</v>
      </c>
      <c r="J2607" t="s">
        <v>48</v>
      </c>
      <c r="K2607" s="10"/>
      <c r="M2607" s="10"/>
      <c r="N2607">
        <v>0</v>
      </c>
    </row>
    <row r="2608" spans="1:14" hidden="1">
      <c r="A2608" s="7" t="s">
        <v>10</v>
      </c>
      <c r="B2608" s="8"/>
      <c r="C2608" s="8"/>
      <c r="D2608" t="s">
        <v>77</v>
      </c>
      <c r="E2608" s="8" t="s">
        <v>12</v>
      </c>
      <c r="F2608" t="s">
        <v>70</v>
      </c>
      <c r="G2608" t="s">
        <v>78</v>
      </c>
      <c r="H2608" t="s">
        <v>70</v>
      </c>
      <c r="I2608" s="8">
        <v>2026</v>
      </c>
      <c r="J2608" t="s">
        <v>14</v>
      </c>
      <c r="K2608" s="10">
        <v>22901.176470588234</v>
      </c>
      <c r="M2608" s="10"/>
      <c r="N2608">
        <v>0</v>
      </c>
    </row>
    <row r="2609" spans="1:14" hidden="1">
      <c r="A2609" s="7" t="s">
        <v>10</v>
      </c>
      <c r="B2609" s="8"/>
      <c r="C2609" s="8"/>
      <c r="D2609" t="s">
        <v>77</v>
      </c>
      <c r="E2609" s="8" t="s">
        <v>12</v>
      </c>
      <c r="F2609" t="s">
        <v>70</v>
      </c>
      <c r="G2609" t="s">
        <v>78</v>
      </c>
      <c r="H2609" t="s">
        <v>70</v>
      </c>
      <c r="I2609" s="8">
        <v>2026</v>
      </c>
      <c r="J2609" t="s">
        <v>49</v>
      </c>
      <c r="K2609" s="10"/>
      <c r="M2609" s="10"/>
      <c r="N2609">
        <v>0</v>
      </c>
    </row>
    <row r="2610" spans="1:14" hidden="1">
      <c r="A2610" s="7" t="s">
        <v>10</v>
      </c>
      <c r="B2610" s="8"/>
      <c r="C2610" s="8"/>
      <c r="D2610" t="s">
        <v>77</v>
      </c>
      <c r="E2610" s="8" t="s">
        <v>12</v>
      </c>
      <c r="F2610" t="s">
        <v>70</v>
      </c>
      <c r="G2610" t="s">
        <v>79</v>
      </c>
      <c r="H2610" t="s">
        <v>70</v>
      </c>
      <c r="I2610" s="8">
        <v>2026</v>
      </c>
      <c r="J2610" t="s">
        <v>15</v>
      </c>
      <c r="K2610" s="10"/>
      <c r="M2610" s="10"/>
      <c r="N2610">
        <v>0</v>
      </c>
    </row>
    <row r="2611" spans="1:14" hidden="1">
      <c r="A2611" s="7" t="s">
        <v>10</v>
      </c>
      <c r="B2611" s="8"/>
      <c r="C2611" s="8"/>
      <c r="D2611" t="s">
        <v>77</v>
      </c>
      <c r="E2611" s="8" t="s">
        <v>12</v>
      </c>
      <c r="F2611" t="s">
        <v>70</v>
      </c>
      <c r="G2611" t="s">
        <v>79</v>
      </c>
      <c r="H2611" t="s">
        <v>70</v>
      </c>
      <c r="I2611" s="8">
        <v>2026</v>
      </c>
      <c r="J2611" t="s">
        <v>50</v>
      </c>
      <c r="K2611" s="10"/>
      <c r="M2611" s="10"/>
      <c r="N2611">
        <v>0</v>
      </c>
    </row>
    <row r="2612" spans="1:14" hidden="1">
      <c r="A2612" s="7" t="s">
        <v>10</v>
      </c>
      <c r="B2612" s="8"/>
      <c r="C2612" s="8"/>
      <c r="D2612" t="s">
        <v>77</v>
      </c>
      <c r="E2612" s="8" t="s">
        <v>12</v>
      </c>
      <c r="F2612" t="s">
        <v>70</v>
      </c>
      <c r="G2612" t="s">
        <v>19</v>
      </c>
      <c r="H2612" t="s">
        <v>70</v>
      </c>
      <c r="I2612" s="8">
        <v>2026</v>
      </c>
      <c r="J2612" t="s">
        <v>19</v>
      </c>
      <c r="K2612" s="10"/>
      <c r="M2612" s="10"/>
      <c r="N2612">
        <v>0</v>
      </c>
    </row>
    <row r="2613" spans="1:14" hidden="1">
      <c r="A2613" s="7" t="s">
        <v>10</v>
      </c>
      <c r="B2613" s="8"/>
      <c r="C2613" s="8"/>
      <c r="D2613" t="s">
        <v>77</v>
      </c>
      <c r="E2613" s="8" t="s">
        <v>12</v>
      </c>
      <c r="F2613" t="s">
        <v>70</v>
      </c>
      <c r="G2613" t="s">
        <v>78</v>
      </c>
      <c r="H2613" t="s">
        <v>70</v>
      </c>
      <c r="I2613" s="8">
        <v>2026</v>
      </c>
      <c r="J2613" t="s">
        <v>21</v>
      </c>
      <c r="K2613" s="10"/>
      <c r="M2613" s="10"/>
      <c r="N2613">
        <v>0</v>
      </c>
    </row>
    <row r="2614" spans="1:14" hidden="1">
      <c r="A2614" s="7" t="s">
        <v>10</v>
      </c>
      <c r="B2614" s="8"/>
      <c r="C2614" s="8"/>
      <c r="D2614" t="s">
        <v>77</v>
      </c>
      <c r="E2614" s="8" t="s">
        <v>12</v>
      </c>
      <c r="F2614" t="s">
        <v>70</v>
      </c>
      <c r="G2614" t="s">
        <v>78</v>
      </c>
      <c r="H2614" t="s">
        <v>70</v>
      </c>
      <c r="I2614" s="8">
        <v>2026</v>
      </c>
      <c r="J2614" t="s">
        <v>51</v>
      </c>
      <c r="K2614" s="10"/>
      <c r="M2614" s="10"/>
      <c r="N2614">
        <v>0</v>
      </c>
    </row>
    <row r="2615" spans="1:14" hidden="1">
      <c r="A2615" s="7" t="s">
        <v>10</v>
      </c>
      <c r="B2615" s="8"/>
      <c r="C2615" s="8"/>
      <c r="D2615" t="s">
        <v>77</v>
      </c>
      <c r="E2615" s="8" t="s">
        <v>12</v>
      </c>
      <c r="F2615" t="s">
        <v>70</v>
      </c>
      <c r="G2615" t="s">
        <v>78</v>
      </c>
      <c r="H2615" t="s">
        <v>70</v>
      </c>
      <c r="I2615" s="8">
        <v>2027</v>
      </c>
      <c r="J2615" t="s">
        <v>47</v>
      </c>
      <c r="K2615" s="10"/>
      <c r="M2615" s="10"/>
      <c r="N2615">
        <v>0</v>
      </c>
    </row>
    <row r="2616" spans="1:14" hidden="1">
      <c r="A2616" s="7" t="s">
        <v>10</v>
      </c>
      <c r="B2616" s="8"/>
      <c r="C2616" s="8"/>
      <c r="D2616" t="s">
        <v>77</v>
      </c>
      <c r="E2616" s="8" t="s">
        <v>12</v>
      </c>
      <c r="F2616" t="s">
        <v>70</v>
      </c>
      <c r="G2616" t="s">
        <v>78</v>
      </c>
      <c r="H2616" t="s">
        <v>70</v>
      </c>
      <c r="I2616" s="8">
        <v>2027</v>
      </c>
      <c r="J2616" t="s">
        <v>48</v>
      </c>
      <c r="K2616" s="10"/>
      <c r="M2616" s="10"/>
      <c r="N2616">
        <v>0</v>
      </c>
    </row>
    <row r="2617" spans="1:14" hidden="1">
      <c r="A2617" s="7" t="s">
        <v>10</v>
      </c>
      <c r="B2617" s="8"/>
      <c r="C2617" s="8"/>
      <c r="D2617" t="s">
        <v>77</v>
      </c>
      <c r="E2617" s="8" t="s">
        <v>12</v>
      </c>
      <c r="F2617" t="s">
        <v>70</v>
      </c>
      <c r="G2617" t="s">
        <v>78</v>
      </c>
      <c r="H2617" t="s">
        <v>70</v>
      </c>
      <c r="I2617" s="8">
        <v>2027</v>
      </c>
      <c r="J2617" t="s">
        <v>14</v>
      </c>
      <c r="K2617" s="10">
        <v>24652.941176470587</v>
      </c>
      <c r="M2617" s="10"/>
      <c r="N2617">
        <v>0</v>
      </c>
    </row>
    <row r="2618" spans="1:14" hidden="1">
      <c r="A2618" s="7" t="s">
        <v>10</v>
      </c>
      <c r="B2618" s="8"/>
      <c r="C2618" s="8"/>
      <c r="D2618" t="s">
        <v>77</v>
      </c>
      <c r="E2618" s="8" t="s">
        <v>12</v>
      </c>
      <c r="F2618" t="s">
        <v>70</v>
      </c>
      <c r="G2618" t="s">
        <v>78</v>
      </c>
      <c r="H2618" t="s">
        <v>70</v>
      </c>
      <c r="I2618" s="8">
        <v>2027</v>
      </c>
      <c r="J2618" t="s">
        <v>49</v>
      </c>
      <c r="K2618" s="10"/>
      <c r="M2618" s="10"/>
      <c r="N2618">
        <v>0</v>
      </c>
    </row>
    <row r="2619" spans="1:14" hidden="1">
      <c r="A2619" s="7" t="s">
        <v>10</v>
      </c>
      <c r="B2619" s="8"/>
      <c r="C2619" s="8"/>
      <c r="D2619" t="s">
        <v>77</v>
      </c>
      <c r="E2619" s="8" t="s">
        <v>12</v>
      </c>
      <c r="F2619" t="s">
        <v>70</v>
      </c>
      <c r="G2619" t="s">
        <v>79</v>
      </c>
      <c r="H2619" t="s">
        <v>70</v>
      </c>
      <c r="I2619" s="8">
        <v>2027</v>
      </c>
      <c r="J2619" t="s">
        <v>15</v>
      </c>
      <c r="K2619" s="10"/>
      <c r="M2619" s="10"/>
      <c r="N2619">
        <v>0</v>
      </c>
    </row>
    <row r="2620" spans="1:14" hidden="1">
      <c r="A2620" s="7" t="s">
        <v>10</v>
      </c>
      <c r="B2620" s="8"/>
      <c r="C2620" s="8"/>
      <c r="D2620" t="s">
        <v>77</v>
      </c>
      <c r="E2620" s="8" t="s">
        <v>12</v>
      </c>
      <c r="F2620" t="s">
        <v>70</v>
      </c>
      <c r="G2620" t="s">
        <v>79</v>
      </c>
      <c r="H2620" t="s">
        <v>70</v>
      </c>
      <c r="I2620" s="8">
        <v>2027</v>
      </c>
      <c r="J2620" t="s">
        <v>50</v>
      </c>
      <c r="K2620" s="10"/>
      <c r="M2620" s="10"/>
      <c r="N2620">
        <v>0</v>
      </c>
    </row>
    <row r="2621" spans="1:14" hidden="1">
      <c r="A2621" s="7" t="s">
        <v>10</v>
      </c>
      <c r="B2621" s="8"/>
      <c r="C2621" s="8"/>
      <c r="D2621" t="s">
        <v>77</v>
      </c>
      <c r="E2621" s="8" t="s">
        <v>12</v>
      </c>
      <c r="F2621" t="s">
        <v>70</v>
      </c>
      <c r="G2621" t="s">
        <v>19</v>
      </c>
      <c r="H2621" t="s">
        <v>70</v>
      </c>
      <c r="I2621" s="8">
        <v>2027</v>
      </c>
      <c r="J2621" t="s">
        <v>19</v>
      </c>
      <c r="K2621" s="10"/>
      <c r="M2621" s="10"/>
      <c r="N2621">
        <v>0</v>
      </c>
    </row>
    <row r="2622" spans="1:14" hidden="1">
      <c r="A2622" s="7" t="s">
        <v>10</v>
      </c>
      <c r="B2622" s="8"/>
      <c r="C2622" s="8"/>
      <c r="D2622" t="s">
        <v>77</v>
      </c>
      <c r="E2622" s="8" t="s">
        <v>12</v>
      </c>
      <c r="F2622" t="s">
        <v>70</v>
      </c>
      <c r="G2622" t="s">
        <v>78</v>
      </c>
      <c r="H2622" t="s">
        <v>70</v>
      </c>
      <c r="I2622" s="8">
        <v>2027</v>
      </c>
      <c r="J2622" t="s">
        <v>21</v>
      </c>
      <c r="K2622" s="10"/>
      <c r="M2622" s="10"/>
      <c r="N2622">
        <v>0</v>
      </c>
    </row>
    <row r="2623" spans="1:14" hidden="1">
      <c r="A2623" s="7" t="s">
        <v>10</v>
      </c>
      <c r="B2623" s="8"/>
      <c r="C2623" s="8"/>
      <c r="D2623" t="s">
        <v>77</v>
      </c>
      <c r="E2623" s="8" t="s">
        <v>12</v>
      </c>
      <c r="F2623" t="s">
        <v>70</v>
      </c>
      <c r="G2623" t="s">
        <v>78</v>
      </c>
      <c r="H2623" t="s">
        <v>70</v>
      </c>
      <c r="I2623" s="8">
        <v>2027</v>
      </c>
      <c r="J2623" t="s">
        <v>51</v>
      </c>
      <c r="K2623" s="10"/>
      <c r="M2623" s="10"/>
      <c r="N2623">
        <v>0</v>
      </c>
    </row>
    <row r="2624" spans="1:14" hidden="1">
      <c r="A2624" s="7" t="s">
        <v>10</v>
      </c>
      <c r="B2624" s="8"/>
      <c r="C2624" s="8"/>
      <c r="D2624" t="s">
        <v>77</v>
      </c>
      <c r="E2624" s="8" t="s">
        <v>12</v>
      </c>
      <c r="F2624" t="s">
        <v>70</v>
      </c>
      <c r="G2624" t="s">
        <v>78</v>
      </c>
      <c r="H2624" t="s">
        <v>70</v>
      </c>
      <c r="I2624" s="8">
        <v>2028</v>
      </c>
      <c r="J2624" t="s">
        <v>47</v>
      </c>
      <c r="K2624" s="10"/>
      <c r="M2624" s="10"/>
      <c r="N2624">
        <v>0</v>
      </c>
    </row>
    <row r="2625" spans="1:14" hidden="1">
      <c r="A2625" s="7" t="s">
        <v>10</v>
      </c>
      <c r="B2625" s="8"/>
      <c r="C2625" s="8"/>
      <c r="D2625" t="s">
        <v>77</v>
      </c>
      <c r="E2625" s="8" t="s">
        <v>12</v>
      </c>
      <c r="F2625" t="s">
        <v>70</v>
      </c>
      <c r="G2625" t="s">
        <v>78</v>
      </c>
      <c r="H2625" t="s">
        <v>70</v>
      </c>
      <c r="I2625" s="8">
        <v>2028</v>
      </c>
      <c r="J2625" t="s">
        <v>48</v>
      </c>
      <c r="K2625" s="10"/>
      <c r="M2625" s="10"/>
      <c r="N2625">
        <v>0</v>
      </c>
    </row>
    <row r="2626" spans="1:14" hidden="1">
      <c r="A2626" s="7" t="s">
        <v>10</v>
      </c>
      <c r="B2626" s="8"/>
      <c r="C2626" s="8"/>
      <c r="D2626" t="s">
        <v>77</v>
      </c>
      <c r="E2626" s="8" t="s">
        <v>12</v>
      </c>
      <c r="F2626" t="s">
        <v>70</v>
      </c>
      <c r="G2626" t="s">
        <v>78</v>
      </c>
      <c r="H2626" t="s">
        <v>70</v>
      </c>
      <c r="I2626" s="8">
        <v>2028</v>
      </c>
      <c r="J2626" t="s">
        <v>14</v>
      </c>
      <c r="K2626" s="10">
        <v>32840</v>
      </c>
      <c r="M2626" s="10"/>
      <c r="N2626">
        <v>0</v>
      </c>
    </row>
    <row r="2627" spans="1:14" hidden="1">
      <c r="A2627" s="7" t="s">
        <v>10</v>
      </c>
      <c r="B2627" s="8"/>
      <c r="C2627" s="8"/>
      <c r="D2627" t="s">
        <v>77</v>
      </c>
      <c r="E2627" s="8" t="s">
        <v>12</v>
      </c>
      <c r="F2627" t="s">
        <v>70</v>
      </c>
      <c r="G2627" t="s">
        <v>78</v>
      </c>
      <c r="H2627" t="s">
        <v>70</v>
      </c>
      <c r="I2627" s="8">
        <v>2028</v>
      </c>
      <c r="J2627" t="s">
        <v>49</v>
      </c>
      <c r="K2627" s="10"/>
      <c r="M2627" s="10"/>
      <c r="N2627">
        <v>0</v>
      </c>
    </row>
    <row r="2628" spans="1:14" hidden="1">
      <c r="A2628" s="7" t="s">
        <v>10</v>
      </c>
      <c r="B2628" s="8"/>
      <c r="C2628" s="8"/>
      <c r="D2628" t="s">
        <v>77</v>
      </c>
      <c r="E2628" s="8" t="s">
        <v>12</v>
      </c>
      <c r="F2628" t="s">
        <v>70</v>
      </c>
      <c r="G2628" t="s">
        <v>79</v>
      </c>
      <c r="H2628" t="s">
        <v>70</v>
      </c>
      <c r="I2628" s="8">
        <v>2028</v>
      </c>
      <c r="J2628" t="s">
        <v>15</v>
      </c>
      <c r="K2628" s="10"/>
      <c r="M2628" s="10"/>
      <c r="N2628">
        <v>0</v>
      </c>
    </row>
    <row r="2629" spans="1:14" hidden="1">
      <c r="A2629" s="7" t="s">
        <v>10</v>
      </c>
      <c r="B2629" s="8"/>
      <c r="C2629" s="8"/>
      <c r="D2629" t="s">
        <v>77</v>
      </c>
      <c r="E2629" s="8" t="s">
        <v>12</v>
      </c>
      <c r="F2629" t="s">
        <v>70</v>
      </c>
      <c r="G2629" t="s">
        <v>79</v>
      </c>
      <c r="H2629" t="s">
        <v>70</v>
      </c>
      <c r="I2629" s="8">
        <v>2028</v>
      </c>
      <c r="J2629" t="s">
        <v>50</v>
      </c>
      <c r="K2629" s="10"/>
      <c r="M2629" s="10"/>
      <c r="N2629">
        <v>0</v>
      </c>
    </row>
    <row r="2630" spans="1:14" hidden="1">
      <c r="A2630" s="7" t="s">
        <v>10</v>
      </c>
      <c r="B2630" s="8"/>
      <c r="C2630" s="8"/>
      <c r="D2630" t="s">
        <v>77</v>
      </c>
      <c r="E2630" s="8" t="s">
        <v>12</v>
      </c>
      <c r="F2630" t="s">
        <v>70</v>
      </c>
      <c r="G2630" t="s">
        <v>19</v>
      </c>
      <c r="H2630" t="s">
        <v>70</v>
      </c>
      <c r="I2630" s="8">
        <v>2028</v>
      </c>
      <c r="J2630" t="s">
        <v>19</v>
      </c>
      <c r="K2630" s="10"/>
      <c r="M2630" s="10"/>
      <c r="N2630">
        <v>0</v>
      </c>
    </row>
    <row r="2631" spans="1:14" hidden="1">
      <c r="A2631" s="7" t="s">
        <v>10</v>
      </c>
      <c r="B2631" s="8"/>
      <c r="C2631" s="8"/>
      <c r="D2631" t="s">
        <v>77</v>
      </c>
      <c r="E2631" s="8" t="s">
        <v>12</v>
      </c>
      <c r="F2631" t="s">
        <v>70</v>
      </c>
      <c r="G2631" t="s">
        <v>78</v>
      </c>
      <c r="H2631" t="s">
        <v>70</v>
      </c>
      <c r="I2631" s="8">
        <v>2028</v>
      </c>
      <c r="J2631" t="s">
        <v>21</v>
      </c>
      <c r="K2631" s="10"/>
      <c r="M2631" s="10"/>
      <c r="N2631">
        <v>0</v>
      </c>
    </row>
    <row r="2632" spans="1:14" hidden="1">
      <c r="A2632" s="7" t="s">
        <v>10</v>
      </c>
      <c r="B2632" s="8"/>
      <c r="C2632" s="8"/>
      <c r="D2632" t="s">
        <v>77</v>
      </c>
      <c r="E2632" s="8" t="s">
        <v>12</v>
      </c>
      <c r="F2632" t="s">
        <v>70</v>
      </c>
      <c r="G2632" t="s">
        <v>78</v>
      </c>
      <c r="H2632" t="s">
        <v>70</v>
      </c>
      <c r="I2632" s="8">
        <v>2028</v>
      </c>
      <c r="J2632" t="s">
        <v>51</v>
      </c>
      <c r="K2632" s="10"/>
      <c r="M2632" s="10"/>
      <c r="N2632">
        <v>0</v>
      </c>
    </row>
    <row r="2633" spans="1:14" hidden="1">
      <c r="A2633" s="7" t="s">
        <v>10</v>
      </c>
      <c r="B2633" s="8"/>
      <c r="C2633" s="8"/>
      <c r="D2633" t="s">
        <v>77</v>
      </c>
      <c r="E2633" s="8" t="s">
        <v>12</v>
      </c>
      <c r="F2633" t="s">
        <v>70</v>
      </c>
      <c r="G2633" t="s">
        <v>78</v>
      </c>
      <c r="H2633" t="s">
        <v>70</v>
      </c>
      <c r="I2633" s="8">
        <v>2029</v>
      </c>
      <c r="J2633" t="s">
        <v>47</v>
      </c>
      <c r="K2633" s="10"/>
      <c r="M2633" s="10"/>
      <c r="N2633">
        <v>0</v>
      </c>
    </row>
    <row r="2634" spans="1:14" hidden="1">
      <c r="A2634" s="7" t="s">
        <v>10</v>
      </c>
      <c r="B2634" s="8"/>
      <c r="C2634" s="8"/>
      <c r="D2634" t="s">
        <v>77</v>
      </c>
      <c r="E2634" s="8" t="s">
        <v>12</v>
      </c>
      <c r="F2634" t="s">
        <v>70</v>
      </c>
      <c r="G2634" t="s">
        <v>78</v>
      </c>
      <c r="H2634" t="s">
        <v>70</v>
      </c>
      <c r="I2634" s="8">
        <v>2029</v>
      </c>
      <c r="J2634" t="s">
        <v>48</v>
      </c>
      <c r="K2634" s="10"/>
      <c r="M2634" s="10"/>
      <c r="N2634">
        <v>0</v>
      </c>
    </row>
    <row r="2635" spans="1:14" hidden="1">
      <c r="A2635" s="7" t="s">
        <v>10</v>
      </c>
      <c r="B2635" s="8"/>
      <c r="C2635" s="8"/>
      <c r="D2635" t="s">
        <v>77</v>
      </c>
      <c r="E2635" s="8" t="s">
        <v>12</v>
      </c>
      <c r="F2635" t="s">
        <v>70</v>
      </c>
      <c r="G2635" t="s">
        <v>78</v>
      </c>
      <c r="H2635" t="s">
        <v>70</v>
      </c>
      <c r="I2635" s="8">
        <v>2029</v>
      </c>
      <c r="J2635" t="s">
        <v>14</v>
      </c>
      <c r="K2635" s="10">
        <v>43942.352941176468</v>
      </c>
      <c r="M2635" s="10"/>
      <c r="N2635">
        <v>0</v>
      </c>
    </row>
    <row r="2636" spans="1:14" hidden="1">
      <c r="A2636" s="7" t="s">
        <v>10</v>
      </c>
      <c r="B2636" s="8"/>
      <c r="C2636" s="8"/>
      <c r="D2636" t="s">
        <v>77</v>
      </c>
      <c r="E2636" s="8" t="s">
        <v>12</v>
      </c>
      <c r="F2636" t="s">
        <v>70</v>
      </c>
      <c r="G2636" t="s">
        <v>78</v>
      </c>
      <c r="H2636" t="s">
        <v>70</v>
      </c>
      <c r="I2636" s="8">
        <v>2029</v>
      </c>
      <c r="J2636" t="s">
        <v>49</v>
      </c>
      <c r="K2636" s="10"/>
      <c r="M2636" s="10"/>
      <c r="N2636">
        <v>0</v>
      </c>
    </row>
    <row r="2637" spans="1:14" hidden="1">
      <c r="A2637" s="7" t="s">
        <v>10</v>
      </c>
      <c r="B2637" s="8"/>
      <c r="C2637" s="8"/>
      <c r="D2637" t="s">
        <v>77</v>
      </c>
      <c r="E2637" s="8" t="s">
        <v>12</v>
      </c>
      <c r="F2637" t="s">
        <v>70</v>
      </c>
      <c r="G2637" t="s">
        <v>79</v>
      </c>
      <c r="H2637" t="s">
        <v>70</v>
      </c>
      <c r="I2637" s="8">
        <v>2029</v>
      </c>
      <c r="J2637" t="s">
        <v>15</v>
      </c>
      <c r="K2637" s="10"/>
      <c r="M2637" s="10"/>
      <c r="N2637">
        <v>0</v>
      </c>
    </row>
    <row r="2638" spans="1:14" hidden="1">
      <c r="A2638" s="7" t="s">
        <v>10</v>
      </c>
      <c r="B2638" s="8"/>
      <c r="C2638" s="8"/>
      <c r="D2638" t="s">
        <v>77</v>
      </c>
      <c r="E2638" s="8" t="s">
        <v>12</v>
      </c>
      <c r="F2638" t="s">
        <v>70</v>
      </c>
      <c r="G2638" t="s">
        <v>79</v>
      </c>
      <c r="H2638" t="s">
        <v>70</v>
      </c>
      <c r="I2638" s="8">
        <v>2029</v>
      </c>
      <c r="J2638" t="s">
        <v>50</v>
      </c>
      <c r="K2638" s="10"/>
      <c r="M2638" s="10"/>
      <c r="N2638">
        <v>0</v>
      </c>
    </row>
    <row r="2639" spans="1:14" hidden="1">
      <c r="A2639" s="7" t="s">
        <v>10</v>
      </c>
      <c r="B2639" s="8"/>
      <c r="C2639" s="8"/>
      <c r="D2639" t="s">
        <v>77</v>
      </c>
      <c r="E2639" s="8" t="s">
        <v>12</v>
      </c>
      <c r="F2639" t="s">
        <v>70</v>
      </c>
      <c r="G2639" t="s">
        <v>19</v>
      </c>
      <c r="H2639" t="s">
        <v>70</v>
      </c>
      <c r="I2639" s="8">
        <v>2029</v>
      </c>
      <c r="J2639" t="s">
        <v>19</v>
      </c>
      <c r="K2639" s="10"/>
      <c r="M2639" s="10"/>
      <c r="N2639">
        <v>0</v>
      </c>
    </row>
    <row r="2640" spans="1:14" hidden="1">
      <c r="A2640" s="7" t="s">
        <v>10</v>
      </c>
      <c r="B2640" s="8"/>
      <c r="C2640" s="8"/>
      <c r="D2640" t="s">
        <v>77</v>
      </c>
      <c r="E2640" s="8" t="s">
        <v>12</v>
      </c>
      <c r="F2640" t="s">
        <v>70</v>
      </c>
      <c r="G2640" t="s">
        <v>78</v>
      </c>
      <c r="H2640" t="s">
        <v>70</v>
      </c>
      <c r="I2640" s="8">
        <v>2029</v>
      </c>
      <c r="J2640" t="s">
        <v>21</v>
      </c>
      <c r="K2640" s="10"/>
      <c r="M2640" s="10"/>
      <c r="N2640">
        <v>0</v>
      </c>
    </row>
    <row r="2641" spans="1:14" hidden="1">
      <c r="A2641" s="7" t="s">
        <v>10</v>
      </c>
      <c r="B2641" s="8"/>
      <c r="C2641" s="8"/>
      <c r="D2641" t="s">
        <v>77</v>
      </c>
      <c r="E2641" s="8" t="s">
        <v>12</v>
      </c>
      <c r="F2641" t="s">
        <v>70</v>
      </c>
      <c r="G2641" t="s">
        <v>78</v>
      </c>
      <c r="H2641" t="s">
        <v>70</v>
      </c>
      <c r="I2641" s="8">
        <v>2029</v>
      </c>
      <c r="J2641" t="s">
        <v>51</v>
      </c>
      <c r="K2641" s="10"/>
      <c r="M2641" s="10"/>
      <c r="N2641">
        <v>0</v>
      </c>
    </row>
    <row r="2642" spans="1:14" hidden="1">
      <c r="A2642" s="7" t="s">
        <v>10</v>
      </c>
      <c r="B2642" s="8"/>
      <c r="C2642" s="8"/>
      <c r="D2642" t="s">
        <v>77</v>
      </c>
      <c r="E2642" s="8" t="s">
        <v>12</v>
      </c>
      <c r="F2642" t="s">
        <v>70</v>
      </c>
      <c r="G2642" t="s">
        <v>78</v>
      </c>
      <c r="H2642" t="s">
        <v>70</v>
      </c>
      <c r="I2642" s="8">
        <v>2030</v>
      </c>
      <c r="J2642" t="s">
        <v>47</v>
      </c>
      <c r="K2642" s="10"/>
      <c r="M2642" s="10"/>
      <c r="N2642">
        <v>0</v>
      </c>
    </row>
    <row r="2643" spans="1:14" hidden="1">
      <c r="A2643" s="7" t="s">
        <v>10</v>
      </c>
      <c r="B2643" s="8"/>
      <c r="C2643" s="8"/>
      <c r="D2643" t="s">
        <v>77</v>
      </c>
      <c r="E2643" s="8" t="s">
        <v>12</v>
      </c>
      <c r="F2643" t="s">
        <v>70</v>
      </c>
      <c r="G2643" t="s">
        <v>78</v>
      </c>
      <c r="H2643" t="s">
        <v>70</v>
      </c>
      <c r="I2643" s="8">
        <v>2030</v>
      </c>
      <c r="J2643" t="s">
        <v>48</v>
      </c>
      <c r="K2643" s="10"/>
      <c r="M2643" s="10"/>
      <c r="N2643">
        <v>0</v>
      </c>
    </row>
    <row r="2644" spans="1:14" hidden="1">
      <c r="A2644" s="7" t="s">
        <v>10</v>
      </c>
      <c r="B2644" s="8"/>
      <c r="C2644" s="8"/>
      <c r="D2644" t="s">
        <v>77</v>
      </c>
      <c r="E2644" s="8" t="s">
        <v>12</v>
      </c>
      <c r="F2644" t="s">
        <v>70</v>
      </c>
      <c r="G2644" t="s">
        <v>78</v>
      </c>
      <c r="H2644" t="s">
        <v>70</v>
      </c>
      <c r="I2644" s="8">
        <v>2030</v>
      </c>
      <c r="J2644" t="s">
        <v>14</v>
      </c>
      <c r="K2644" s="10">
        <v>43942.352941176468</v>
      </c>
      <c r="M2644" s="10"/>
      <c r="N2644">
        <v>0</v>
      </c>
    </row>
    <row r="2645" spans="1:14" hidden="1">
      <c r="A2645" s="7" t="s">
        <v>10</v>
      </c>
      <c r="B2645" s="8"/>
      <c r="C2645" s="8"/>
      <c r="D2645" t="s">
        <v>77</v>
      </c>
      <c r="E2645" s="8" t="s">
        <v>12</v>
      </c>
      <c r="F2645" t="s">
        <v>70</v>
      </c>
      <c r="G2645" t="s">
        <v>78</v>
      </c>
      <c r="H2645" t="s">
        <v>70</v>
      </c>
      <c r="I2645" s="8">
        <v>2030</v>
      </c>
      <c r="J2645" t="s">
        <v>49</v>
      </c>
      <c r="K2645" s="10"/>
      <c r="M2645" s="10"/>
      <c r="N2645">
        <v>0</v>
      </c>
    </row>
    <row r="2646" spans="1:14" hidden="1">
      <c r="A2646" s="7" t="s">
        <v>10</v>
      </c>
      <c r="B2646" s="8"/>
      <c r="C2646" s="8"/>
      <c r="D2646" t="s">
        <v>77</v>
      </c>
      <c r="E2646" s="8" t="s">
        <v>12</v>
      </c>
      <c r="F2646" t="s">
        <v>70</v>
      </c>
      <c r="G2646" t="s">
        <v>79</v>
      </c>
      <c r="H2646" t="s">
        <v>70</v>
      </c>
      <c r="I2646" s="8">
        <v>2030</v>
      </c>
      <c r="J2646" t="s">
        <v>15</v>
      </c>
      <c r="K2646" s="10"/>
      <c r="M2646" s="10"/>
      <c r="N2646">
        <v>0</v>
      </c>
    </row>
    <row r="2647" spans="1:14" hidden="1">
      <c r="A2647" s="7" t="s">
        <v>10</v>
      </c>
      <c r="B2647" s="8"/>
      <c r="C2647" s="8"/>
      <c r="D2647" t="s">
        <v>77</v>
      </c>
      <c r="E2647" s="8" t="s">
        <v>12</v>
      </c>
      <c r="F2647" t="s">
        <v>70</v>
      </c>
      <c r="G2647" t="s">
        <v>79</v>
      </c>
      <c r="H2647" t="s">
        <v>70</v>
      </c>
      <c r="I2647" s="8">
        <v>2030</v>
      </c>
      <c r="J2647" t="s">
        <v>50</v>
      </c>
      <c r="K2647" s="10"/>
      <c r="M2647" s="10"/>
      <c r="N2647">
        <v>0</v>
      </c>
    </row>
    <row r="2648" spans="1:14" hidden="1">
      <c r="A2648" s="7" t="s">
        <v>10</v>
      </c>
      <c r="B2648" s="8"/>
      <c r="C2648" s="8"/>
      <c r="D2648" t="s">
        <v>77</v>
      </c>
      <c r="E2648" s="8" t="s">
        <v>12</v>
      </c>
      <c r="F2648" t="s">
        <v>70</v>
      </c>
      <c r="G2648" t="s">
        <v>19</v>
      </c>
      <c r="H2648" t="s">
        <v>70</v>
      </c>
      <c r="I2648" s="8">
        <v>2030</v>
      </c>
      <c r="J2648" t="s">
        <v>19</v>
      </c>
      <c r="K2648" s="10"/>
      <c r="M2648" s="10"/>
      <c r="N2648">
        <v>0</v>
      </c>
    </row>
    <row r="2649" spans="1:14" hidden="1">
      <c r="A2649" s="7" t="s">
        <v>10</v>
      </c>
      <c r="B2649" s="8"/>
      <c r="C2649" s="8"/>
      <c r="D2649" t="s">
        <v>77</v>
      </c>
      <c r="E2649" s="8" t="s">
        <v>12</v>
      </c>
      <c r="F2649" t="s">
        <v>70</v>
      </c>
      <c r="G2649" t="s">
        <v>78</v>
      </c>
      <c r="H2649" t="s">
        <v>70</v>
      </c>
      <c r="I2649" s="8">
        <v>2030</v>
      </c>
      <c r="J2649" t="s">
        <v>21</v>
      </c>
      <c r="K2649" s="10"/>
      <c r="M2649" s="10"/>
      <c r="N2649">
        <v>0</v>
      </c>
    </row>
    <row r="2650" spans="1:14" hidden="1">
      <c r="A2650" s="7" t="s">
        <v>10</v>
      </c>
      <c r="B2650" s="8"/>
      <c r="C2650" s="8"/>
      <c r="D2650" t="s">
        <v>77</v>
      </c>
      <c r="E2650" s="8" t="s">
        <v>12</v>
      </c>
      <c r="F2650" t="s">
        <v>70</v>
      </c>
      <c r="G2650" t="s">
        <v>78</v>
      </c>
      <c r="H2650" t="s">
        <v>70</v>
      </c>
      <c r="I2650" s="8">
        <v>2030</v>
      </c>
      <c r="J2650" t="s">
        <v>51</v>
      </c>
      <c r="K2650" s="10"/>
      <c r="M2650" s="10"/>
      <c r="N2650">
        <v>0</v>
      </c>
    </row>
    <row r="2651" spans="1:14" hidden="1">
      <c r="A2651" s="7" t="s">
        <v>10</v>
      </c>
      <c r="B2651" s="8"/>
      <c r="C2651" s="8"/>
      <c r="D2651" t="s">
        <v>77</v>
      </c>
      <c r="E2651" s="8" t="s">
        <v>12</v>
      </c>
      <c r="F2651" t="s">
        <v>70</v>
      </c>
      <c r="G2651" t="s">
        <v>78</v>
      </c>
      <c r="H2651" t="s">
        <v>70</v>
      </c>
      <c r="I2651" s="8">
        <v>2031</v>
      </c>
      <c r="J2651" t="s">
        <v>47</v>
      </c>
      <c r="K2651" s="10"/>
      <c r="M2651" s="10"/>
      <c r="N2651">
        <v>0</v>
      </c>
    </row>
    <row r="2652" spans="1:14" hidden="1">
      <c r="A2652" s="7" t="s">
        <v>10</v>
      </c>
      <c r="B2652" s="8"/>
      <c r="C2652" s="8"/>
      <c r="D2652" t="s">
        <v>77</v>
      </c>
      <c r="E2652" s="8" t="s">
        <v>12</v>
      </c>
      <c r="F2652" t="s">
        <v>70</v>
      </c>
      <c r="G2652" t="s">
        <v>78</v>
      </c>
      <c r="H2652" t="s">
        <v>70</v>
      </c>
      <c r="I2652" s="8">
        <v>2031</v>
      </c>
      <c r="J2652" t="s">
        <v>48</v>
      </c>
      <c r="K2652" s="10"/>
      <c r="M2652" s="10"/>
      <c r="N2652">
        <v>0</v>
      </c>
    </row>
    <row r="2653" spans="1:14" hidden="1">
      <c r="A2653" s="7" t="s">
        <v>10</v>
      </c>
      <c r="B2653" s="8"/>
      <c r="C2653" s="8"/>
      <c r="D2653" t="s">
        <v>77</v>
      </c>
      <c r="E2653" s="8" t="s">
        <v>12</v>
      </c>
      <c r="F2653" t="s">
        <v>70</v>
      </c>
      <c r="G2653" t="s">
        <v>78</v>
      </c>
      <c r="H2653" t="s">
        <v>70</v>
      </c>
      <c r="I2653" s="8">
        <v>2031</v>
      </c>
      <c r="J2653" t="s">
        <v>14</v>
      </c>
      <c r="K2653" s="10">
        <v>43942.352941176468</v>
      </c>
      <c r="M2653" s="10"/>
      <c r="N2653">
        <v>0</v>
      </c>
    </row>
    <row r="2654" spans="1:14" hidden="1">
      <c r="A2654" s="7" t="s">
        <v>10</v>
      </c>
      <c r="B2654" s="8"/>
      <c r="C2654" s="8"/>
      <c r="D2654" t="s">
        <v>77</v>
      </c>
      <c r="E2654" s="8" t="s">
        <v>12</v>
      </c>
      <c r="F2654" t="s">
        <v>70</v>
      </c>
      <c r="G2654" t="s">
        <v>78</v>
      </c>
      <c r="H2654" t="s">
        <v>70</v>
      </c>
      <c r="I2654" s="8">
        <v>2031</v>
      </c>
      <c r="J2654" t="s">
        <v>49</v>
      </c>
      <c r="K2654" s="10"/>
      <c r="M2654" s="10"/>
      <c r="N2654">
        <v>0</v>
      </c>
    </row>
    <row r="2655" spans="1:14" hidden="1">
      <c r="A2655" s="7" t="s">
        <v>10</v>
      </c>
      <c r="B2655" s="8"/>
      <c r="C2655" s="8"/>
      <c r="D2655" t="s">
        <v>77</v>
      </c>
      <c r="E2655" s="8" t="s">
        <v>12</v>
      </c>
      <c r="F2655" t="s">
        <v>70</v>
      </c>
      <c r="G2655" t="s">
        <v>79</v>
      </c>
      <c r="H2655" t="s">
        <v>70</v>
      </c>
      <c r="I2655" s="8">
        <v>2031</v>
      </c>
      <c r="J2655" t="s">
        <v>15</v>
      </c>
      <c r="K2655" s="10"/>
      <c r="M2655" s="10"/>
      <c r="N2655">
        <v>0</v>
      </c>
    </row>
    <row r="2656" spans="1:14" hidden="1">
      <c r="A2656" s="7" t="s">
        <v>10</v>
      </c>
      <c r="B2656" s="8"/>
      <c r="C2656" s="8"/>
      <c r="D2656" t="s">
        <v>77</v>
      </c>
      <c r="E2656" s="8" t="s">
        <v>12</v>
      </c>
      <c r="F2656" t="s">
        <v>70</v>
      </c>
      <c r="G2656" t="s">
        <v>79</v>
      </c>
      <c r="H2656" t="s">
        <v>70</v>
      </c>
      <c r="I2656" s="8">
        <v>2031</v>
      </c>
      <c r="J2656" t="s">
        <v>50</v>
      </c>
      <c r="K2656" s="10"/>
      <c r="M2656" s="10"/>
      <c r="N2656">
        <v>0</v>
      </c>
    </row>
    <row r="2657" spans="1:14" hidden="1">
      <c r="A2657" s="7" t="s">
        <v>10</v>
      </c>
      <c r="B2657" s="8"/>
      <c r="C2657" s="8"/>
      <c r="D2657" t="s">
        <v>77</v>
      </c>
      <c r="E2657" s="8" t="s">
        <v>12</v>
      </c>
      <c r="F2657" t="s">
        <v>70</v>
      </c>
      <c r="G2657" t="s">
        <v>19</v>
      </c>
      <c r="H2657" t="s">
        <v>70</v>
      </c>
      <c r="I2657" s="8">
        <v>2031</v>
      </c>
      <c r="J2657" t="s">
        <v>19</v>
      </c>
      <c r="K2657" s="10"/>
      <c r="M2657" s="10"/>
      <c r="N2657">
        <v>0</v>
      </c>
    </row>
    <row r="2658" spans="1:14" hidden="1">
      <c r="A2658" s="7" t="s">
        <v>10</v>
      </c>
      <c r="B2658" s="8"/>
      <c r="C2658" s="8"/>
      <c r="D2658" t="s">
        <v>77</v>
      </c>
      <c r="E2658" s="8" t="s">
        <v>12</v>
      </c>
      <c r="F2658" t="s">
        <v>70</v>
      </c>
      <c r="G2658" t="s">
        <v>78</v>
      </c>
      <c r="H2658" t="s">
        <v>70</v>
      </c>
      <c r="I2658" s="8">
        <v>2031</v>
      </c>
      <c r="J2658" t="s">
        <v>21</v>
      </c>
      <c r="K2658" s="10"/>
      <c r="M2658" s="10"/>
      <c r="N2658">
        <v>0</v>
      </c>
    </row>
    <row r="2659" spans="1:14" hidden="1">
      <c r="A2659" s="7" t="s">
        <v>10</v>
      </c>
      <c r="B2659" s="8"/>
      <c r="C2659" s="8"/>
      <c r="D2659" t="s">
        <v>77</v>
      </c>
      <c r="E2659" s="8" t="s">
        <v>12</v>
      </c>
      <c r="F2659" t="s">
        <v>70</v>
      </c>
      <c r="G2659" t="s">
        <v>78</v>
      </c>
      <c r="H2659" t="s">
        <v>70</v>
      </c>
      <c r="I2659" s="8">
        <v>2031</v>
      </c>
      <c r="J2659" t="s">
        <v>51</v>
      </c>
      <c r="K2659" s="10"/>
      <c r="M2659" s="10"/>
      <c r="N2659">
        <v>0</v>
      </c>
    </row>
    <row r="2660" spans="1:14" hidden="1">
      <c r="A2660" s="7" t="s">
        <v>10</v>
      </c>
      <c r="B2660" s="8"/>
      <c r="C2660" s="8"/>
      <c r="D2660" t="s">
        <v>77</v>
      </c>
      <c r="E2660" s="8" t="s">
        <v>12</v>
      </c>
      <c r="F2660" t="s">
        <v>70</v>
      </c>
      <c r="G2660" t="s">
        <v>78</v>
      </c>
      <c r="H2660" t="s">
        <v>70</v>
      </c>
      <c r="I2660" s="8">
        <v>2032</v>
      </c>
      <c r="J2660" t="s">
        <v>47</v>
      </c>
      <c r="K2660" s="10"/>
      <c r="M2660" s="10"/>
      <c r="N2660">
        <v>0</v>
      </c>
    </row>
    <row r="2661" spans="1:14" hidden="1">
      <c r="A2661" s="7" t="s">
        <v>10</v>
      </c>
      <c r="B2661" s="8"/>
      <c r="C2661" s="8"/>
      <c r="D2661" t="s">
        <v>77</v>
      </c>
      <c r="E2661" s="8" t="s">
        <v>12</v>
      </c>
      <c r="F2661" t="s">
        <v>70</v>
      </c>
      <c r="G2661" t="s">
        <v>78</v>
      </c>
      <c r="H2661" t="s">
        <v>70</v>
      </c>
      <c r="I2661" s="8">
        <v>2032</v>
      </c>
      <c r="J2661" t="s">
        <v>48</v>
      </c>
      <c r="K2661" s="10"/>
      <c r="M2661" s="10"/>
      <c r="N2661">
        <v>0</v>
      </c>
    </row>
    <row r="2662" spans="1:14" hidden="1">
      <c r="A2662" s="7" t="s">
        <v>10</v>
      </c>
      <c r="B2662" s="8"/>
      <c r="C2662" s="8"/>
      <c r="D2662" t="s">
        <v>77</v>
      </c>
      <c r="E2662" s="8" t="s">
        <v>12</v>
      </c>
      <c r="F2662" t="s">
        <v>70</v>
      </c>
      <c r="G2662" t="s">
        <v>78</v>
      </c>
      <c r="H2662" t="s">
        <v>70</v>
      </c>
      <c r="I2662" s="8">
        <v>2032</v>
      </c>
      <c r="J2662" t="s">
        <v>14</v>
      </c>
      <c r="K2662" s="10">
        <v>43942.352941176468</v>
      </c>
      <c r="M2662" s="10"/>
      <c r="N2662">
        <v>0</v>
      </c>
    </row>
    <row r="2663" spans="1:14" hidden="1">
      <c r="A2663" s="7" t="s">
        <v>10</v>
      </c>
      <c r="B2663" s="8"/>
      <c r="C2663" s="8"/>
      <c r="D2663" t="s">
        <v>77</v>
      </c>
      <c r="E2663" s="8" t="s">
        <v>12</v>
      </c>
      <c r="F2663" t="s">
        <v>70</v>
      </c>
      <c r="G2663" t="s">
        <v>78</v>
      </c>
      <c r="H2663" t="s">
        <v>70</v>
      </c>
      <c r="I2663" s="8">
        <v>2032</v>
      </c>
      <c r="J2663" t="s">
        <v>49</v>
      </c>
      <c r="K2663" s="10"/>
      <c r="M2663" s="10"/>
      <c r="N2663">
        <v>0</v>
      </c>
    </row>
    <row r="2664" spans="1:14" hidden="1">
      <c r="A2664" s="7" t="s">
        <v>10</v>
      </c>
      <c r="B2664" s="8"/>
      <c r="C2664" s="8"/>
      <c r="D2664" t="s">
        <v>77</v>
      </c>
      <c r="E2664" s="8" t="s">
        <v>12</v>
      </c>
      <c r="F2664" t="s">
        <v>70</v>
      </c>
      <c r="G2664" t="s">
        <v>79</v>
      </c>
      <c r="H2664" t="s">
        <v>70</v>
      </c>
      <c r="I2664" s="8">
        <v>2032</v>
      </c>
      <c r="J2664" t="s">
        <v>15</v>
      </c>
      <c r="K2664" s="10"/>
      <c r="M2664" s="10"/>
      <c r="N2664">
        <v>0</v>
      </c>
    </row>
    <row r="2665" spans="1:14" hidden="1">
      <c r="A2665" s="7" t="s">
        <v>10</v>
      </c>
      <c r="B2665" s="8"/>
      <c r="C2665" s="8"/>
      <c r="D2665" t="s">
        <v>77</v>
      </c>
      <c r="E2665" s="8" t="s">
        <v>12</v>
      </c>
      <c r="F2665" t="s">
        <v>70</v>
      </c>
      <c r="G2665" t="s">
        <v>79</v>
      </c>
      <c r="H2665" t="s">
        <v>70</v>
      </c>
      <c r="I2665" s="8">
        <v>2032</v>
      </c>
      <c r="J2665" t="s">
        <v>50</v>
      </c>
      <c r="K2665" s="10"/>
      <c r="M2665" s="10"/>
      <c r="N2665">
        <v>0</v>
      </c>
    </row>
    <row r="2666" spans="1:14" hidden="1">
      <c r="A2666" s="7" t="s">
        <v>10</v>
      </c>
      <c r="B2666" s="8"/>
      <c r="C2666" s="8"/>
      <c r="D2666" t="s">
        <v>77</v>
      </c>
      <c r="E2666" s="8" t="s">
        <v>12</v>
      </c>
      <c r="F2666" t="s">
        <v>70</v>
      </c>
      <c r="G2666" t="s">
        <v>19</v>
      </c>
      <c r="H2666" t="s">
        <v>70</v>
      </c>
      <c r="I2666" s="8">
        <v>2032</v>
      </c>
      <c r="J2666" t="s">
        <v>19</v>
      </c>
      <c r="K2666" s="10"/>
      <c r="M2666" s="10"/>
      <c r="N2666">
        <v>0</v>
      </c>
    </row>
    <row r="2667" spans="1:14" hidden="1">
      <c r="A2667" s="7" t="s">
        <v>10</v>
      </c>
      <c r="B2667" s="8"/>
      <c r="C2667" s="8"/>
      <c r="D2667" t="s">
        <v>77</v>
      </c>
      <c r="E2667" s="8" t="s">
        <v>12</v>
      </c>
      <c r="F2667" t="s">
        <v>70</v>
      </c>
      <c r="G2667" t="s">
        <v>78</v>
      </c>
      <c r="H2667" t="s">
        <v>70</v>
      </c>
      <c r="I2667" s="8">
        <v>2032</v>
      </c>
      <c r="J2667" t="s">
        <v>21</v>
      </c>
      <c r="K2667" s="10"/>
      <c r="M2667" s="10"/>
      <c r="N2667">
        <v>0</v>
      </c>
    </row>
    <row r="2668" spans="1:14" hidden="1">
      <c r="A2668" s="7" t="s">
        <v>10</v>
      </c>
      <c r="B2668" s="8"/>
      <c r="C2668" s="8"/>
      <c r="D2668" t="s">
        <v>77</v>
      </c>
      <c r="E2668" s="8" t="s">
        <v>12</v>
      </c>
      <c r="F2668" t="s">
        <v>70</v>
      </c>
      <c r="G2668" t="s">
        <v>78</v>
      </c>
      <c r="H2668" t="s">
        <v>70</v>
      </c>
      <c r="I2668" s="8">
        <v>2032</v>
      </c>
      <c r="J2668" t="s">
        <v>51</v>
      </c>
      <c r="K2668" s="10"/>
      <c r="M2668" s="10"/>
      <c r="N2668">
        <v>0</v>
      </c>
    </row>
    <row r="2669" spans="1:14" hidden="1">
      <c r="A2669" s="7" t="s">
        <v>10</v>
      </c>
      <c r="B2669" s="8"/>
      <c r="C2669" s="8"/>
      <c r="D2669" t="s">
        <v>77</v>
      </c>
      <c r="E2669" s="8" t="s">
        <v>12</v>
      </c>
      <c r="F2669" t="s">
        <v>70</v>
      </c>
      <c r="G2669" t="s">
        <v>78</v>
      </c>
      <c r="H2669" t="s">
        <v>70</v>
      </c>
      <c r="I2669" s="8">
        <v>2033</v>
      </c>
      <c r="J2669" t="s">
        <v>47</v>
      </c>
      <c r="K2669" s="10"/>
      <c r="M2669" s="10"/>
      <c r="N2669">
        <v>0</v>
      </c>
    </row>
    <row r="2670" spans="1:14" hidden="1">
      <c r="A2670" s="7" t="s">
        <v>10</v>
      </c>
      <c r="B2670" s="8"/>
      <c r="C2670" s="8"/>
      <c r="D2670" t="s">
        <v>77</v>
      </c>
      <c r="E2670" s="8" t="s">
        <v>12</v>
      </c>
      <c r="F2670" t="s">
        <v>70</v>
      </c>
      <c r="G2670" t="s">
        <v>78</v>
      </c>
      <c r="H2670" t="s">
        <v>70</v>
      </c>
      <c r="I2670" s="8">
        <v>2033</v>
      </c>
      <c r="J2670" t="s">
        <v>48</v>
      </c>
      <c r="K2670" s="10"/>
      <c r="M2670" s="10"/>
      <c r="N2670">
        <v>0</v>
      </c>
    </row>
    <row r="2671" spans="1:14" hidden="1">
      <c r="A2671" s="7" t="s">
        <v>10</v>
      </c>
      <c r="B2671" s="8"/>
      <c r="C2671" s="8"/>
      <c r="D2671" t="s">
        <v>77</v>
      </c>
      <c r="E2671" s="8" t="s">
        <v>12</v>
      </c>
      <c r="F2671" t="s">
        <v>70</v>
      </c>
      <c r="G2671" t="s">
        <v>78</v>
      </c>
      <c r="H2671" t="s">
        <v>70</v>
      </c>
      <c r="I2671" s="8">
        <v>2033</v>
      </c>
      <c r="J2671" t="s">
        <v>14</v>
      </c>
      <c r="K2671" s="10">
        <v>43942.352941176468</v>
      </c>
      <c r="M2671" s="10"/>
      <c r="N2671">
        <v>0</v>
      </c>
    </row>
    <row r="2672" spans="1:14" hidden="1">
      <c r="A2672" s="7" t="s">
        <v>10</v>
      </c>
      <c r="B2672" s="8"/>
      <c r="C2672" s="8"/>
      <c r="D2672" t="s">
        <v>77</v>
      </c>
      <c r="E2672" s="8" t="s">
        <v>12</v>
      </c>
      <c r="F2672" t="s">
        <v>70</v>
      </c>
      <c r="G2672" t="s">
        <v>78</v>
      </c>
      <c r="H2672" t="s">
        <v>70</v>
      </c>
      <c r="I2672" s="8">
        <v>2033</v>
      </c>
      <c r="J2672" t="s">
        <v>49</v>
      </c>
      <c r="K2672" s="10"/>
      <c r="M2672" s="10"/>
      <c r="N2672">
        <v>0</v>
      </c>
    </row>
    <row r="2673" spans="1:14" hidden="1">
      <c r="A2673" s="7" t="s">
        <v>10</v>
      </c>
      <c r="B2673" s="8"/>
      <c r="C2673" s="8"/>
      <c r="D2673" t="s">
        <v>77</v>
      </c>
      <c r="E2673" s="8" t="s">
        <v>12</v>
      </c>
      <c r="F2673" t="s">
        <v>70</v>
      </c>
      <c r="G2673" t="s">
        <v>79</v>
      </c>
      <c r="H2673" t="s">
        <v>70</v>
      </c>
      <c r="I2673" s="8">
        <v>2033</v>
      </c>
      <c r="J2673" t="s">
        <v>15</v>
      </c>
      <c r="K2673" s="10"/>
      <c r="M2673" s="10"/>
      <c r="N2673">
        <v>0</v>
      </c>
    </row>
    <row r="2674" spans="1:14" hidden="1">
      <c r="A2674" s="7" t="s">
        <v>10</v>
      </c>
      <c r="B2674" s="8"/>
      <c r="C2674" s="8"/>
      <c r="D2674" t="s">
        <v>77</v>
      </c>
      <c r="E2674" s="8" t="s">
        <v>12</v>
      </c>
      <c r="F2674" t="s">
        <v>70</v>
      </c>
      <c r="G2674" t="s">
        <v>79</v>
      </c>
      <c r="H2674" t="s">
        <v>70</v>
      </c>
      <c r="I2674" s="8">
        <v>2033</v>
      </c>
      <c r="J2674" t="s">
        <v>50</v>
      </c>
      <c r="K2674" s="10"/>
      <c r="M2674" s="10"/>
      <c r="N2674">
        <v>0</v>
      </c>
    </row>
    <row r="2675" spans="1:14" hidden="1">
      <c r="A2675" s="7" t="s">
        <v>10</v>
      </c>
      <c r="B2675" s="8"/>
      <c r="C2675" s="8"/>
      <c r="D2675" t="s">
        <v>77</v>
      </c>
      <c r="E2675" s="8" t="s">
        <v>12</v>
      </c>
      <c r="F2675" t="s">
        <v>70</v>
      </c>
      <c r="G2675" t="s">
        <v>19</v>
      </c>
      <c r="H2675" t="s">
        <v>70</v>
      </c>
      <c r="I2675" s="8">
        <v>2033</v>
      </c>
      <c r="J2675" t="s">
        <v>19</v>
      </c>
      <c r="K2675" s="10"/>
      <c r="M2675" s="10"/>
      <c r="N2675">
        <v>0</v>
      </c>
    </row>
    <row r="2676" spans="1:14" hidden="1">
      <c r="A2676" s="7" t="s">
        <v>10</v>
      </c>
      <c r="B2676" s="8"/>
      <c r="C2676" s="8"/>
      <c r="D2676" t="s">
        <v>77</v>
      </c>
      <c r="E2676" s="8" t="s">
        <v>12</v>
      </c>
      <c r="F2676" t="s">
        <v>70</v>
      </c>
      <c r="G2676" t="s">
        <v>78</v>
      </c>
      <c r="H2676" t="s">
        <v>70</v>
      </c>
      <c r="I2676" s="8">
        <v>2033</v>
      </c>
      <c r="J2676" t="s">
        <v>21</v>
      </c>
      <c r="K2676" s="10"/>
      <c r="M2676" s="10"/>
      <c r="N2676">
        <v>0</v>
      </c>
    </row>
    <row r="2677" spans="1:14" hidden="1">
      <c r="A2677" s="7" t="s">
        <v>10</v>
      </c>
      <c r="B2677" s="8"/>
      <c r="C2677" s="8"/>
      <c r="D2677" t="s">
        <v>77</v>
      </c>
      <c r="E2677" s="8" t="s">
        <v>12</v>
      </c>
      <c r="F2677" t="s">
        <v>70</v>
      </c>
      <c r="G2677" t="s">
        <v>78</v>
      </c>
      <c r="H2677" t="s">
        <v>70</v>
      </c>
      <c r="I2677" s="8">
        <v>2033</v>
      </c>
      <c r="J2677" t="s">
        <v>51</v>
      </c>
      <c r="K2677" s="10"/>
      <c r="M2677" s="10"/>
      <c r="N2677">
        <v>0</v>
      </c>
    </row>
    <row r="2678" spans="1:14" hidden="1">
      <c r="A2678" s="7" t="s">
        <v>10</v>
      </c>
      <c r="B2678" s="8"/>
      <c r="C2678" s="8"/>
      <c r="D2678" t="s">
        <v>77</v>
      </c>
      <c r="E2678" s="8" t="s">
        <v>12</v>
      </c>
      <c r="F2678" t="s">
        <v>70</v>
      </c>
      <c r="G2678" t="s">
        <v>78</v>
      </c>
      <c r="H2678" t="s">
        <v>70</v>
      </c>
      <c r="I2678" s="8">
        <v>2034</v>
      </c>
      <c r="J2678" t="s">
        <v>47</v>
      </c>
      <c r="K2678" s="10"/>
      <c r="M2678" s="10"/>
      <c r="N2678">
        <v>0</v>
      </c>
    </row>
    <row r="2679" spans="1:14" hidden="1">
      <c r="A2679" s="7" t="s">
        <v>10</v>
      </c>
      <c r="B2679" s="8"/>
      <c r="C2679" s="8"/>
      <c r="D2679" t="s">
        <v>77</v>
      </c>
      <c r="E2679" s="8" t="s">
        <v>12</v>
      </c>
      <c r="F2679" t="s">
        <v>70</v>
      </c>
      <c r="G2679" t="s">
        <v>78</v>
      </c>
      <c r="H2679" t="s">
        <v>70</v>
      </c>
      <c r="I2679" s="8">
        <v>2034</v>
      </c>
      <c r="J2679" t="s">
        <v>48</v>
      </c>
      <c r="K2679" s="10"/>
      <c r="M2679" s="10"/>
      <c r="N2679">
        <v>0</v>
      </c>
    </row>
    <row r="2680" spans="1:14" hidden="1">
      <c r="A2680" s="7" t="s">
        <v>10</v>
      </c>
      <c r="B2680" s="8"/>
      <c r="C2680" s="8"/>
      <c r="D2680" t="s">
        <v>77</v>
      </c>
      <c r="E2680" s="8" t="s">
        <v>12</v>
      </c>
      <c r="F2680" t="s">
        <v>70</v>
      </c>
      <c r="G2680" t="s">
        <v>78</v>
      </c>
      <c r="H2680" t="s">
        <v>70</v>
      </c>
      <c r="I2680" s="8">
        <v>2034</v>
      </c>
      <c r="J2680" t="s">
        <v>14</v>
      </c>
      <c r="K2680" s="10">
        <v>43942.352941176468</v>
      </c>
      <c r="M2680" s="10"/>
      <c r="N2680">
        <v>0</v>
      </c>
    </row>
    <row r="2681" spans="1:14" hidden="1">
      <c r="A2681" s="7" t="s">
        <v>10</v>
      </c>
      <c r="B2681" s="8"/>
      <c r="C2681" s="8"/>
      <c r="D2681" t="s">
        <v>77</v>
      </c>
      <c r="E2681" s="8" t="s">
        <v>12</v>
      </c>
      <c r="F2681" t="s">
        <v>70</v>
      </c>
      <c r="G2681" t="s">
        <v>78</v>
      </c>
      <c r="H2681" t="s">
        <v>70</v>
      </c>
      <c r="I2681" s="8">
        <v>2034</v>
      </c>
      <c r="J2681" t="s">
        <v>49</v>
      </c>
      <c r="K2681" s="10"/>
      <c r="M2681" s="10"/>
      <c r="N2681">
        <v>0</v>
      </c>
    </row>
    <row r="2682" spans="1:14" hidden="1">
      <c r="A2682" s="7" t="s">
        <v>10</v>
      </c>
      <c r="B2682" s="8"/>
      <c r="C2682" s="8"/>
      <c r="D2682" t="s">
        <v>77</v>
      </c>
      <c r="E2682" s="8" t="s">
        <v>12</v>
      </c>
      <c r="F2682" t="s">
        <v>70</v>
      </c>
      <c r="G2682" t="s">
        <v>79</v>
      </c>
      <c r="H2682" t="s">
        <v>70</v>
      </c>
      <c r="I2682" s="8">
        <v>2034</v>
      </c>
      <c r="J2682" t="s">
        <v>15</v>
      </c>
      <c r="K2682" s="10"/>
      <c r="M2682" s="10"/>
      <c r="N2682">
        <v>0</v>
      </c>
    </row>
    <row r="2683" spans="1:14" hidden="1">
      <c r="A2683" s="7" t="s">
        <v>10</v>
      </c>
      <c r="B2683" s="8"/>
      <c r="C2683" s="8"/>
      <c r="D2683" t="s">
        <v>77</v>
      </c>
      <c r="E2683" s="8" t="s">
        <v>12</v>
      </c>
      <c r="F2683" t="s">
        <v>70</v>
      </c>
      <c r="G2683" t="s">
        <v>79</v>
      </c>
      <c r="H2683" t="s">
        <v>70</v>
      </c>
      <c r="I2683" s="8">
        <v>2034</v>
      </c>
      <c r="J2683" t="s">
        <v>50</v>
      </c>
      <c r="K2683" s="10"/>
      <c r="M2683" s="10"/>
      <c r="N2683">
        <v>0</v>
      </c>
    </row>
    <row r="2684" spans="1:14" hidden="1">
      <c r="A2684" s="7" t="s">
        <v>10</v>
      </c>
      <c r="B2684" s="8"/>
      <c r="C2684" s="8"/>
      <c r="D2684" t="s">
        <v>77</v>
      </c>
      <c r="E2684" s="8" t="s">
        <v>12</v>
      </c>
      <c r="F2684" t="s">
        <v>70</v>
      </c>
      <c r="G2684" t="s">
        <v>19</v>
      </c>
      <c r="H2684" t="s">
        <v>70</v>
      </c>
      <c r="I2684" s="8">
        <v>2034</v>
      </c>
      <c r="J2684" t="s">
        <v>19</v>
      </c>
      <c r="K2684" s="10"/>
      <c r="M2684" s="10"/>
      <c r="N2684">
        <v>0</v>
      </c>
    </row>
    <row r="2685" spans="1:14" hidden="1">
      <c r="A2685" s="7" t="s">
        <v>10</v>
      </c>
      <c r="B2685" s="8"/>
      <c r="C2685" s="8"/>
      <c r="D2685" t="s">
        <v>77</v>
      </c>
      <c r="E2685" s="8" t="s">
        <v>12</v>
      </c>
      <c r="F2685" t="s">
        <v>70</v>
      </c>
      <c r="G2685" t="s">
        <v>78</v>
      </c>
      <c r="H2685" t="s">
        <v>70</v>
      </c>
      <c r="I2685" s="8">
        <v>2034</v>
      </c>
      <c r="J2685" t="s">
        <v>21</v>
      </c>
      <c r="K2685" s="10"/>
      <c r="M2685" s="10"/>
      <c r="N2685">
        <v>0</v>
      </c>
    </row>
    <row r="2686" spans="1:14" hidden="1">
      <c r="A2686" s="7" t="s">
        <v>10</v>
      </c>
      <c r="B2686" s="8"/>
      <c r="C2686" s="8"/>
      <c r="D2686" t="s">
        <v>77</v>
      </c>
      <c r="E2686" s="8" t="s">
        <v>12</v>
      </c>
      <c r="F2686" t="s">
        <v>70</v>
      </c>
      <c r="G2686" t="s">
        <v>78</v>
      </c>
      <c r="H2686" t="s">
        <v>70</v>
      </c>
      <c r="I2686" s="8">
        <v>2034</v>
      </c>
      <c r="J2686" t="s">
        <v>51</v>
      </c>
      <c r="K2686" s="10"/>
      <c r="M2686" s="10"/>
      <c r="N2686">
        <v>0</v>
      </c>
    </row>
    <row r="2687" spans="1:14" hidden="1">
      <c r="A2687" s="7" t="s">
        <v>10</v>
      </c>
      <c r="B2687" s="8"/>
      <c r="C2687" s="8" t="s">
        <v>71</v>
      </c>
      <c r="D2687" t="s">
        <v>77</v>
      </c>
      <c r="E2687" s="8" t="s">
        <v>24</v>
      </c>
      <c r="F2687" t="s">
        <v>70</v>
      </c>
      <c r="G2687" t="s">
        <v>78</v>
      </c>
      <c r="H2687" t="s">
        <v>70</v>
      </c>
      <c r="I2687" s="8">
        <v>2025</v>
      </c>
      <c r="J2687" t="s">
        <v>47</v>
      </c>
      <c r="K2687" s="10"/>
      <c r="M2687" s="10"/>
      <c r="N2687">
        <v>0</v>
      </c>
    </row>
    <row r="2688" spans="1:14" hidden="1">
      <c r="A2688" s="7" t="s">
        <v>10</v>
      </c>
      <c r="B2688" s="8"/>
      <c r="C2688" s="8" t="s">
        <v>71</v>
      </c>
      <c r="D2688" t="s">
        <v>77</v>
      </c>
      <c r="E2688" s="8" t="s">
        <v>24</v>
      </c>
      <c r="F2688" t="s">
        <v>70</v>
      </c>
      <c r="G2688" t="s">
        <v>78</v>
      </c>
      <c r="H2688" t="s">
        <v>70</v>
      </c>
      <c r="I2688" s="8">
        <v>2025</v>
      </c>
      <c r="J2688" t="s">
        <v>48</v>
      </c>
      <c r="K2688" s="10"/>
      <c r="M2688" s="10"/>
      <c r="N2688">
        <v>0</v>
      </c>
    </row>
    <row r="2689" spans="1:14" hidden="1">
      <c r="A2689" s="7" t="s">
        <v>10</v>
      </c>
      <c r="B2689" s="8"/>
      <c r="C2689" s="8" t="s">
        <v>71</v>
      </c>
      <c r="D2689" t="s">
        <v>77</v>
      </c>
      <c r="E2689" s="8" t="s">
        <v>24</v>
      </c>
      <c r="F2689" t="s">
        <v>70</v>
      </c>
      <c r="G2689" t="s">
        <v>78</v>
      </c>
      <c r="H2689" t="s">
        <v>70</v>
      </c>
      <c r="I2689" s="8">
        <v>2025</v>
      </c>
      <c r="J2689" t="s">
        <v>14</v>
      </c>
      <c r="K2689" s="10">
        <v>5708.2352941176468</v>
      </c>
      <c r="M2689" s="10"/>
      <c r="N2689">
        <v>0</v>
      </c>
    </row>
    <row r="2690" spans="1:14" hidden="1">
      <c r="A2690" s="7" t="s">
        <v>10</v>
      </c>
      <c r="B2690" s="8"/>
      <c r="C2690" s="8" t="s">
        <v>71</v>
      </c>
      <c r="D2690" t="s">
        <v>77</v>
      </c>
      <c r="E2690" s="8" t="s">
        <v>24</v>
      </c>
      <c r="F2690" t="s">
        <v>70</v>
      </c>
      <c r="G2690" t="s">
        <v>78</v>
      </c>
      <c r="H2690" t="s">
        <v>70</v>
      </c>
      <c r="I2690" s="8">
        <v>2025</v>
      </c>
      <c r="J2690" t="s">
        <v>49</v>
      </c>
      <c r="K2690" s="10"/>
      <c r="M2690" s="10"/>
      <c r="N2690">
        <v>0</v>
      </c>
    </row>
    <row r="2691" spans="1:14" hidden="1">
      <c r="A2691" s="7" t="s">
        <v>10</v>
      </c>
      <c r="B2691" s="8"/>
      <c r="C2691" s="8" t="s">
        <v>71</v>
      </c>
      <c r="D2691" t="s">
        <v>77</v>
      </c>
      <c r="E2691" s="8" t="s">
        <v>24</v>
      </c>
      <c r="F2691" t="s">
        <v>70</v>
      </c>
      <c r="G2691" t="s">
        <v>79</v>
      </c>
      <c r="H2691" t="s">
        <v>70</v>
      </c>
      <c r="I2691" s="8">
        <v>2025</v>
      </c>
      <c r="J2691" t="s">
        <v>15</v>
      </c>
      <c r="K2691" s="10"/>
      <c r="M2691" s="10"/>
      <c r="N2691">
        <v>0</v>
      </c>
    </row>
    <row r="2692" spans="1:14" hidden="1">
      <c r="A2692" s="7" t="s">
        <v>10</v>
      </c>
      <c r="B2692" s="8"/>
      <c r="C2692" s="8" t="s">
        <v>71</v>
      </c>
      <c r="D2692" t="s">
        <v>77</v>
      </c>
      <c r="E2692" s="8" t="s">
        <v>24</v>
      </c>
      <c r="F2692" t="s">
        <v>70</v>
      </c>
      <c r="G2692" t="s">
        <v>79</v>
      </c>
      <c r="H2692" t="s">
        <v>70</v>
      </c>
      <c r="I2692" s="8">
        <v>2025</v>
      </c>
      <c r="J2692" t="s">
        <v>50</v>
      </c>
      <c r="K2692" s="10"/>
      <c r="M2692" s="10"/>
      <c r="N2692">
        <v>0</v>
      </c>
    </row>
    <row r="2693" spans="1:14" hidden="1">
      <c r="A2693" s="7" t="s">
        <v>10</v>
      </c>
      <c r="B2693" s="8"/>
      <c r="C2693" s="8" t="s">
        <v>71</v>
      </c>
      <c r="D2693" t="s">
        <v>77</v>
      </c>
      <c r="E2693" s="8" t="s">
        <v>24</v>
      </c>
      <c r="F2693" t="s">
        <v>70</v>
      </c>
      <c r="G2693" t="s">
        <v>19</v>
      </c>
      <c r="H2693" t="s">
        <v>70</v>
      </c>
      <c r="I2693" s="8">
        <v>2025</v>
      </c>
      <c r="J2693" t="s">
        <v>19</v>
      </c>
      <c r="K2693" s="10"/>
      <c r="M2693" s="10"/>
      <c r="N2693">
        <v>0</v>
      </c>
    </row>
    <row r="2694" spans="1:14" hidden="1">
      <c r="A2694" s="7" t="s">
        <v>10</v>
      </c>
      <c r="B2694" s="8"/>
      <c r="C2694" s="8" t="s">
        <v>71</v>
      </c>
      <c r="D2694" t="s">
        <v>77</v>
      </c>
      <c r="E2694" s="8" t="s">
        <v>24</v>
      </c>
      <c r="F2694" t="s">
        <v>70</v>
      </c>
      <c r="G2694" t="s">
        <v>78</v>
      </c>
      <c r="H2694" t="s">
        <v>70</v>
      </c>
      <c r="I2694" s="8">
        <v>2025</v>
      </c>
      <c r="J2694" t="s">
        <v>21</v>
      </c>
      <c r="K2694" s="10"/>
      <c r="M2694" s="10"/>
      <c r="N2694">
        <v>0</v>
      </c>
    </row>
    <row r="2695" spans="1:14" hidden="1">
      <c r="A2695" s="7" t="s">
        <v>10</v>
      </c>
      <c r="B2695" s="8"/>
      <c r="C2695" s="8" t="s">
        <v>71</v>
      </c>
      <c r="D2695" t="s">
        <v>77</v>
      </c>
      <c r="E2695" s="8" t="s">
        <v>24</v>
      </c>
      <c r="F2695" t="s">
        <v>70</v>
      </c>
      <c r="G2695" t="s">
        <v>78</v>
      </c>
      <c r="H2695" t="s">
        <v>70</v>
      </c>
      <c r="I2695" s="8">
        <v>2025</v>
      </c>
      <c r="J2695" t="s">
        <v>51</v>
      </c>
      <c r="K2695" s="10"/>
      <c r="M2695" s="10"/>
      <c r="N2695">
        <v>0</v>
      </c>
    </row>
    <row r="2696" spans="1:14" hidden="1">
      <c r="A2696" s="7" t="s">
        <v>10</v>
      </c>
      <c r="B2696" s="8"/>
      <c r="C2696" s="8" t="s">
        <v>71</v>
      </c>
      <c r="D2696" t="s">
        <v>77</v>
      </c>
      <c r="E2696" s="8" t="s">
        <v>24</v>
      </c>
      <c r="F2696" t="s">
        <v>70</v>
      </c>
      <c r="G2696" t="s">
        <v>78</v>
      </c>
      <c r="H2696" t="s">
        <v>70</v>
      </c>
      <c r="I2696" s="8">
        <v>2026</v>
      </c>
      <c r="J2696" t="s">
        <v>47</v>
      </c>
      <c r="K2696" s="10"/>
      <c r="M2696" s="10"/>
      <c r="N2696">
        <v>0</v>
      </c>
    </row>
    <row r="2697" spans="1:14" hidden="1">
      <c r="A2697" s="7" t="s">
        <v>10</v>
      </c>
      <c r="B2697" s="8"/>
      <c r="C2697" s="8" t="s">
        <v>71</v>
      </c>
      <c r="D2697" t="s">
        <v>77</v>
      </c>
      <c r="E2697" s="8" t="s">
        <v>24</v>
      </c>
      <c r="F2697" t="s">
        <v>70</v>
      </c>
      <c r="G2697" t="s">
        <v>78</v>
      </c>
      <c r="H2697" t="s">
        <v>70</v>
      </c>
      <c r="I2697" s="8">
        <v>2026</v>
      </c>
      <c r="J2697" t="s">
        <v>48</v>
      </c>
      <c r="K2697" s="10"/>
      <c r="M2697" s="10"/>
      <c r="N2697">
        <v>0</v>
      </c>
    </row>
    <row r="2698" spans="1:14" hidden="1">
      <c r="A2698" s="7" t="s">
        <v>10</v>
      </c>
      <c r="B2698" s="8"/>
      <c r="C2698" s="8" t="s">
        <v>71</v>
      </c>
      <c r="D2698" t="s">
        <v>77</v>
      </c>
      <c r="E2698" s="8" t="s">
        <v>24</v>
      </c>
      <c r="F2698" t="s">
        <v>70</v>
      </c>
      <c r="G2698" t="s">
        <v>78</v>
      </c>
      <c r="H2698" t="s">
        <v>70</v>
      </c>
      <c r="I2698" s="8">
        <v>2026</v>
      </c>
      <c r="J2698" t="s">
        <v>14</v>
      </c>
      <c r="K2698" s="10">
        <v>5170.588235294118</v>
      </c>
      <c r="M2698" s="10"/>
      <c r="N2698">
        <v>0</v>
      </c>
    </row>
    <row r="2699" spans="1:14" hidden="1">
      <c r="A2699" s="7" t="s">
        <v>10</v>
      </c>
      <c r="B2699" s="8"/>
      <c r="C2699" s="8" t="s">
        <v>71</v>
      </c>
      <c r="D2699" t="s">
        <v>77</v>
      </c>
      <c r="E2699" s="8" t="s">
        <v>24</v>
      </c>
      <c r="F2699" t="s">
        <v>70</v>
      </c>
      <c r="G2699" t="s">
        <v>78</v>
      </c>
      <c r="H2699" t="s">
        <v>70</v>
      </c>
      <c r="I2699" s="8">
        <v>2026</v>
      </c>
      <c r="J2699" t="s">
        <v>49</v>
      </c>
      <c r="K2699" s="10"/>
      <c r="M2699" s="10"/>
      <c r="N2699">
        <v>0</v>
      </c>
    </row>
    <row r="2700" spans="1:14" hidden="1">
      <c r="A2700" s="7" t="s">
        <v>10</v>
      </c>
      <c r="B2700" s="8"/>
      <c r="C2700" s="8" t="s">
        <v>71</v>
      </c>
      <c r="D2700" t="s">
        <v>77</v>
      </c>
      <c r="E2700" s="8" t="s">
        <v>24</v>
      </c>
      <c r="F2700" t="s">
        <v>70</v>
      </c>
      <c r="G2700" t="s">
        <v>79</v>
      </c>
      <c r="H2700" t="s">
        <v>70</v>
      </c>
      <c r="I2700" s="8">
        <v>2026</v>
      </c>
      <c r="J2700" t="s">
        <v>15</v>
      </c>
      <c r="K2700" s="10"/>
      <c r="M2700" s="10"/>
      <c r="N2700">
        <v>0</v>
      </c>
    </row>
    <row r="2701" spans="1:14" hidden="1">
      <c r="A2701" s="7" t="s">
        <v>10</v>
      </c>
      <c r="B2701" s="8"/>
      <c r="C2701" s="8" t="s">
        <v>71</v>
      </c>
      <c r="D2701" t="s">
        <v>77</v>
      </c>
      <c r="E2701" s="8" t="s">
        <v>24</v>
      </c>
      <c r="F2701" t="s">
        <v>70</v>
      </c>
      <c r="G2701" t="s">
        <v>79</v>
      </c>
      <c r="H2701" t="s">
        <v>70</v>
      </c>
      <c r="I2701" s="8">
        <v>2026</v>
      </c>
      <c r="J2701" t="s">
        <v>50</v>
      </c>
      <c r="K2701" s="10"/>
      <c r="M2701" s="10"/>
      <c r="N2701">
        <v>0</v>
      </c>
    </row>
    <row r="2702" spans="1:14" hidden="1">
      <c r="A2702" s="7" t="s">
        <v>10</v>
      </c>
      <c r="B2702" s="8"/>
      <c r="C2702" s="8" t="s">
        <v>71</v>
      </c>
      <c r="D2702" t="s">
        <v>77</v>
      </c>
      <c r="E2702" s="8" t="s">
        <v>24</v>
      </c>
      <c r="F2702" t="s">
        <v>70</v>
      </c>
      <c r="G2702" t="s">
        <v>19</v>
      </c>
      <c r="H2702" t="s">
        <v>70</v>
      </c>
      <c r="I2702" s="8">
        <v>2026</v>
      </c>
      <c r="J2702" t="s">
        <v>19</v>
      </c>
      <c r="K2702" s="10"/>
      <c r="M2702" s="10"/>
      <c r="N2702">
        <v>0</v>
      </c>
    </row>
    <row r="2703" spans="1:14" hidden="1">
      <c r="A2703" s="7" t="s">
        <v>10</v>
      </c>
      <c r="B2703" s="8"/>
      <c r="C2703" s="8" t="s">
        <v>71</v>
      </c>
      <c r="D2703" t="s">
        <v>77</v>
      </c>
      <c r="E2703" s="8" t="s">
        <v>24</v>
      </c>
      <c r="F2703" t="s">
        <v>70</v>
      </c>
      <c r="G2703" t="s">
        <v>78</v>
      </c>
      <c r="H2703" t="s">
        <v>70</v>
      </c>
      <c r="I2703" s="8">
        <v>2026</v>
      </c>
      <c r="J2703" t="s">
        <v>21</v>
      </c>
      <c r="K2703" s="10"/>
      <c r="M2703" s="10"/>
      <c r="N2703">
        <v>0</v>
      </c>
    </row>
    <row r="2704" spans="1:14" hidden="1">
      <c r="A2704" s="7" t="s">
        <v>10</v>
      </c>
      <c r="B2704" s="8"/>
      <c r="C2704" s="8" t="s">
        <v>71</v>
      </c>
      <c r="D2704" t="s">
        <v>77</v>
      </c>
      <c r="E2704" s="8" t="s">
        <v>24</v>
      </c>
      <c r="F2704" t="s">
        <v>70</v>
      </c>
      <c r="G2704" t="s">
        <v>78</v>
      </c>
      <c r="H2704" t="s">
        <v>70</v>
      </c>
      <c r="I2704" s="8">
        <v>2026</v>
      </c>
      <c r="J2704" t="s">
        <v>51</v>
      </c>
      <c r="K2704" s="10"/>
      <c r="M2704" s="10"/>
      <c r="N2704">
        <v>0</v>
      </c>
    </row>
    <row r="2705" spans="1:14" hidden="1">
      <c r="A2705" s="7" t="s">
        <v>10</v>
      </c>
      <c r="B2705" s="8"/>
      <c r="C2705" s="8" t="s">
        <v>71</v>
      </c>
      <c r="D2705" t="s">
        <v>77</v>
      </c>
      <c r="E2705" s="8" t="s">
        <v>24</v>
      </c>
      <c r="F2705" t="s">
        <v>70</v>
      </c>
      <c r="G2705" t="s">
        <v>78</v>
      </c>
      <c r="H2705" t="s">
        <v>70</v>
      </c>
      <c r="I2705" s="8">
        <v>2027</v>
      </c>
      <c r="J2705" t="s">
        <v>47</v>
      </c>
      <c r="K2705" s="10"/>
      <c r="M2705" s="10"/>
      <c r="N2705">
        <v>0</v>
      </c>
    </row>
    <row r="2706" spans="1:14" hidden="1">
      <c r="A2706" s="7" t="s">
        <v>10</v>
      </c>
      <c r="B2706" s="8"/>
      <c r="C2706" s="8" t="s">
        <v>71</v>
      </c>
      <c r="D2706" t="s">
        <v>77</v>
      </c>
      <c r="E2706" s="8" t="s">
        <v>24</v>
      </c>
      <c r="F2706" t="s">
        <v>70</v>
      </c>
      <c r="G2706" t="s">
        <v>78</v>
      </c>
      <c r="H2706" t="s">
        <v>70</v>
      </c>
      <c r="I2706" s="8">
        <v>2027</v>
      </c>
      <c r="J2706" t="s">
        <v>48</v>
      </c>
      <c r="K2706" s="10"/>
      <c r="M2706" s="10"/>
      <c r="N2706">
        <v>0</v>
      </c>
    </row>
    <row r="2707" spans="1:14" hidden="1">
      <c r="A2707" s="7" t="s">
        <v>10</v>
      </c>
      <c r="B2707" s="8"/>
      <c r="C2707" s="8" t="s">
        <v>71</v>
      </c>
      <c r="D2707" t="s">
        <v>77</v>
      </c>
      <c r="E2707" s="8" t="s">
        <v>24</v>
      </c>
      <c r="F2707" t="s">
        <v>70</v>
      </c>
      <c r="G2707" t="s">
        <v>78</v>
      </c>
      <c r="H2707" t="s">
        <v>70</v>
      </c>
      <c r="I2707" s="8">
        <v>2027</v>
      </c>
      <c r="J2707" t="s">
        <v>14</v>
      </c>
      <c r="K2707" s="10">
        <v>5861.176470588236</v>
      </c>
      <c r="M2707" s="10"/>
      <c r="N2707">
        <v>0</v>
      </c>
    </row>
    <row r="2708" spans="1:14" hidden="1">
      <c r="A2708" s="7" t="s">
        <v>10</v>
      </c>
      <c r="B2708" s="8"/>
      <c r="C2708" s="8" t="s">
        <v>71</v>
      </c>
      <c r="D2708" t="s">
        <v>77</v>
      </c>
      <c r="E2708" s="8" t="s">
        <v>24</v>
      </c>
      <c r="F2708" t="s">
        <v>70</v>
      </c>
      <c r="G2708" t="s">
        <v>78</v>
      </c>
      <c r="H2708" t="s">
        <v>70</v>
      </c>
      <c r="I2708" s="8">
        <v>2027</v>
      </c>
      <c r="J2708" t="s">
        <v>49</v>
      </c>
      <c r="K2708" s="10"/>
      <c r="M2708" s="10"/>
      <c r="N2708">
        <v>0</v>
      </c>
    </row>
    <row r="2709" spans="1:14" hidden="1">
      <c r="A2709" s="7" t="s">
        <v>10</v>
      </c>
      <c r="B2709" s="8"/>
      <c r="C2709" s="8" t="s">
        <v>71</v>
      </c>
      <c r="D2709" t="s">
        <v>77</v>
      </c>
      <c r="E2709" s="8" t="s">
        <v>24</v>
      </c>
      <c r="F2709" t="s">
        <v>70</v>
      </c>
      <c r="G2709" t="s">
        <v>79</v>
      </c>
      <c r="H2709" t="s">
        <v>70</v>
      </c>
      <c r="I2709" s="8">
        <v>2027</v>
      </c>
      <c r="J2709" t="s">
        <v>15</v>
      </c>
      <c r="K2709" s="10"/>
      <c r="M2709" s="10"/>
      <c r="N2709">
        <v>0</v>
      </c>
    </row>
    <row r="2710" spans="1:14" hidden="1">
      <c r="A2710" s="7" t="s">
        <v>10</v>
      </c>
      <c r="B2710" s="8"/>
      <c r="C2710" s="8" t="s">
        <v>71</v>
      </c>
      <c r="D2710" t="s">
        <v>77</v>
      </c>
      <c r="E2710" s="8" t="s">
        <v>24</v>
      </c>
      <c r="F2710" t="s">
        <v>70</v>
      </c>
      <c r="G2710" t="s">
        <v>79</v>
      </c>
      <c r="H2710" t="s">
        <v>70</v>
      </c>
      <c r="I2710" s="8">
        <v>2027</v>
      </c>
      <c r="J2710" t="s">
        <v>50</v>
      </c>
      <c r="K2710" s="10"/>
      <c r="M2710" s="10"/>
      <c r="N2710">
        <v>0</v>
      </c>
    </row>
    <row r="2711" spans="1:14" hidden="1">
      <c r="A2711" s="7" t="s">
        <v>10</v>
      </c>
      <c r="B2711" s="8"/>
      <c r="C2711" s="8" t="s">
        <v>71</v>
      </c>
      <c r="D2711" t="s">
        <v>77</v>
      </c>
      <c r="E2711" s="8" t="s">
        <v>24</v>
      </c>
      <c r="F2711" t="s">
        <v>70</v>
      </c>
      <c r="G2711" t="s">
        <v>19</v>
      </c>
      <c r="H2711" t="s">
        <v>70</v>
      </c>
      <c r="I2711" s="8">
        <v>2027</v>
      </c>
      <c r="J2711" t="s">
        <v>19</v>
      </c>
      <c r="K2711" s="10"/>
      <c r="M2711" s="10"/>
      <c r="N2711">
        <v>0</v>
      </c>
    </row>
    <row r="2712" spans="1:14" hidden="1">
      <c r="A2712" s="7" t="s">
        <v>10</v>
      </c>
      <c r="B2712" s="8"/>
      <c r="C2712" s="8" t="s">
        <v>71</v>
      </c>
      <c r="D2712" t="s">
        <v>77</v>
      </c>
      <c r="E2712" s="8" t="s">
        <v>24</v>
      </c>
      <c r="F2712" t="s">
        <v>70</v>
      </c>
      <c r="G2712" t="s">
        <v>78</v>
      </c>
      <c r="H2712" t="s">
        <v>70</v>
      </c>
      <c r="I2712" s="8">
        <v>2027</v>
      </c>
      <c r="J2712" t="s">
        <v>21</v>
      </c>
      <c r="K2712" s="10"/>
      <c r="M2712" s="10"/>
      <c r="N2712">
        <v>0</v>
      </c>
    </row>
    <row r="2713" spans="1:14" hidden="1">
      <c r="A2713" s="7" t="s">
        <v>10</v>
      </c>
      <c r="B2713" s="8"/>
      <c r="C2713" s="8" t="s">
        <v>71</v>
      </c>
      <c r="D2713" t="s">
        <v>77</v>
      </c>
      <c r="E2713" s="8" t="s">
        <v>24</v>
      </c>
      <c r="F2713" t="s">
        <v>70</v>
      </c>
      <c r="G2713" t="s">
        <v>78</v>
      </c>
      <c r="H2713" t="s">
        <v>70</v>
      </c>
      <c r="I2713" s="8">
        <v>2027</v>
      </c>
      <c r="J2713" t="s">
        <v>51</v>
      </c>
      <c r="K2713" s="10"/>
      <c r="M2713" s="10"/>
      <c r="N2713">
        <v>0</v>
      </c>
    </row>
    <row r="2714" spans="1:14" hidden="1">
      <c r="A2714" s="7" t="s">
        <v>10</v>
      </c>
      <c r="B2714" s="8"/>
      <c r="C2714" s="8" t="s">
        <v>71</v>
      </c>
      <c r="D2714" t="s">
        <v>77</v>
      </c>
      <c r="E2714" s="8" t="s">
        <v>24</v>
      </c>
      <c r="F2714" t="s">
        <v>70</v>
      </c>
      <c r="G2714" t="s">
        <v>78</v>
      </c>
      <c r="H2714" t="s">
        <v>70</v>
      </c>
      <c r="I2714" s="8">
        <v>2028</v>
      </c>
      <c r="J2714" t="s">
        <v>47</v>
      </c>
      <c r="K2714" s="10"/>
      <c r="M2714" s="10"/>
      <c r="N2714">
        <v>0</v>
      </c>
    </row>
    <row r="2715" spans="1:14" hidden="1">
      <c r="A2715" s="7" t="s">
        <v>10</v>
      </c>
      <c r="B2715" s="8"/>
      <c r="C2715" s="8" t="s">
        <v>71</v>
      </c>
      <c r="D2715" t="s">
        <v>77</v>
      </c>
      <c r="E2715" s="8" t="s">
        <v>24</v>
      </c>
      <c r="F2715" t="s">
        <v>70</v>
      </c>
      <c r="G2715" t="s">
        <v>78</v>
      </c>
      <c r="H2715" t="s">
        <v>70</v>
      </c>
      <c r="I2715" s="8">
        <v>2028</v>
      </c>
      <c r="J2715" t="s">
        <v>48</v>
      </c>
      <c r="K2715" s="10"/>
      <c r="M2715" s="10"/>
      <c r="N2715">
        <v>0</v>
      </c>
    </row>
    <row r="2716" spans="1:14" hidden="1">
      <c r="A2716" s="7" t="s">
        <v>10</v>
      </c>
      <c r="B2716" s="8"/>
      <c r="C2716" s="8" t="s">
        <v>71</v>
      </c>
      <c r="D2716" t="s">
        <v>77</v>
      </c>
      <c r="E2716" s="8" t="s">
        <v>24</v>
      </c>
      <c r="F2716" t="s">
        <v>70</v>
      </c>
      <c r="G2716" t="s">
        <v>78</v>
      </c>
      <c r="H2716" t="s">
        <v>70</v>
      </c>
      <c r="I2716" s="8">
        <v>2028</v>
      </c>
      <c r="J2716" t="s">
        <v>14</v>
      </c>
      <c r="K2716" s="10">
        <v>12991.764705882353</v>
      </c>
      <c r="M2716" s="10"/>
      <c r="N2716">
        <v>0</v>
      </c>
    </row>
    <row r="2717" spans="1:14" hidden="1">
      <c r="A2717" s="7" t="s">
        <v>10</v>
      </c>
      <c r="B2717" s="8"/>
      <c r="C2717" s="8" t="s">
        <v>71</v>
      </c>
      <c r="D2717" t="s">
        <v>77</v>
      </c>
      <c r="E2717" s="8" t="s">
        <v>24</v>
      </c>
      <c r="F2717" t="s">
        <v>70</v>
      </c>
      <c r="G2717" t="s">
        <v>78</v>
      </c>
      <c r="H2717" t="s">
        <v>70</v>
      </c>
      <c r="I2717" s="8">
        <v>2028</v>
      </c>
      <c r="J2717" t="s">
        <v>49</v>
      </c>
      <c r="K2717" s="10"/>
      <c r="M2717" s="10"/>
      <c r="N2717">
        <v>0</v>
      </c>
    </row>
    <row r="2718" spans="1:14" hidden="1">
      <c r="A2718" s="7" t="s">
        <v>10</v>
      </c>
      <c r="B2718" s="8"/>
      <c r="C2718" s="8" t="s">
        <v>71</v>
      </c>
      <c r="D2718" t="s">
        <v>77</v>
      </c>
      <c r="E2718" s="8" t="s">
        <v>24</v>
      </c>
      <c r="F2718" t="s">
        <v>70</v>
      </c>
      <c r="G2718" t="s">
        <v>79</v>
      </c>
      <c r="H2718" t="s">
        <v>70</v>
      </c>
      <c r="I2718" s="8">
        <v>2028</v>
      </c>
      <c r="J2718" t="s">
        <v>15</v>
      </c>
      <c r="K2718" s="10"/>
      <c r="M2718" s="10"/>
      <c r="N2718">
        <v>0</v>
      </c>
    </row>
    <row r="2719" spans="1:14" hidden="1">
      <c r="A2719" s="7" t="s">
        <v>10</v>
      </c>
      <c r="B2719" s="8"/>
      <c r="C2719" s="8" t="s">
        <v>71</v>
      </c>
      <c r="D2719" t="s">
        <v>77</v>
      </c>
      <c r="E2719" s="8" t="s">
        <v>24</v>
      </c>
      <c r="F2719" t="s">
        <v>70</v>
      </c>
      <c r="G2719" t="s">
        <v>79</v>
      </c>
      <c r="H2719" t="s">
        <v>70</v>
      </c>
      <c r="I2719" s="8">
        <v>2028</v>
      </c>
      <c r="J2719" t="s">
        <v>50</v>
      </c>
      <c r="K2719" s="10"/>
      <c r="M2719" s="10"/>
      <c r="N2719">
        <v>0</v>
      </c>
    </row>
    <row r="2720" spans="1:14" hidden="1">
      <c r="A2720" s="7" t="s">
        <v>10</v>
      </c>
      <c r="B2720" s="8"/>
      <c r="C2720" s="8" t="s">
        <v>71</v>
      </c>
      <c r="D2720" t="s">
        <v>77</v>
      </c>
      <c r="E2720" s="8" t="s">
        <v>24</v>
      </c>
      <c r="F2720" t="s">
        <v>70</v>
      </c>
      <c r="G2720" t="s">
        <v>19</v>
      </c>
      <c r="H2720" t="s">
        <v>70</v>
      </c>
      <c r="I2720" s="8">
        <v>2028</v>
      </c>
      <c r="J2720" t="s">
        <v>19</v>
      </c>
      <c r="K2720" s="10"/>
      <c r="M2720" s="10"/>
      <c r="N2720">
        <v>0</v>
      </c>
    </row>
    <row r="2721" spans="1:14" hidden="1">
      <c r="A2721" s="7" t="s">
        <v>10</v>
      </c>
      <c r="B2721" s="8"/>
      <c r="C2721" s="8" t="s">
        <v>71</v>
      </c>
      <c r="D2721" t="s">
        <v>77</v>
      </c>
      <c r="E2721" s="8" t="s">
        <v>24</v>
      </c>
      <c r="F2721" t="s">
        <v>70</v>
      </c>
      <c r="G2721" t="s">
        <v>78</v>
      </c>
      <c r="H2721" t="s">
        <v>70</v>
      </c>
      <c r="I2721" s="8">
        <v>2028</v>
      </c>
      <c r="J2721" t="s">
        <v>21</v>
      </c>
      <c r="K2721" s="10"/>
      <c r="M2721" s="10"/>
      <c r="N2721">
        <v>0</v>
      </c>
    </row>
    <row r="2722" spans="1:14" hidden="1">
      <c r="A2722" s="7" t="s">
        <v>10</v>
      </c>
      <c r="B2722" s="8"/>
      <c r="C2722" s="8" t="s">
        <v>71</v>
      </c>
      <c r="D2722" t="s">
        <v>77</v>
      </c>
      <c r="E2722" s="8" t="s">
        <v>24</v>
      </c>
      <c r="F2722" t="s">
        <v>70</v>
      </c>
      <c r="G2722" t="s">
        <v>78</v>
      </c>
      <c r="H2722" t="s">
        <v>70</v>
      </c>
      <c r="I2722" s="8">
        <v>2028</v>
      </c>
      <c r="J2722" t="s">
        <v>51</v>
      </c>
      <c r="K2722" s="10"/>
      <c r="M2722" s="10"/>
      <c r="N2722">
        <v>0</v>
      </c>
    </row>
    <row r="2723" spans="1:14" hidden="1">
      <c r="A2723" s="7" t="s">
        <v>10</v>
      </c>
      <c r="B2723" s="8"/>
      <c r="C2723" s="8" t="s">
        <v>71</v>
      </c>
      <c r="D2723" t="s">
        <v>77</v>
      </c>
      <c r="E2723" s="8" t="s">
        <v>24</v>
      </c>
      <c r="F2723" t="s">
        <v>70</v>
      </c>
      <c r="G2723" t="s">
        <v>78</v>
      </c>
      <c r="H2723" t="s">
        <v>70</v>
      </c>
      <c r="I2723" s="8">
        <v>2029</v>
      </c>
      <c r="J2723" t="s">
        <v>47</v>
      </c>
      <c r="K2723" s="10"/>
      <c r="M2723" s="10"/>
      <c r="N2723">
        <v>0</v>
      </c>
    </row>
    <row r="2724" spans="1:14" hidden="1">
      <c r="A2724" s="7" t="s">
        <v>10</v>
      </c>
      <c r="B2724" s="8"/>
      <c r="C2724" s="8" t="s">
        <v>71</v>
      </c>
      <c r="D2724" t="s">
        <v>77</v>
      </c>
      <c r="E2724" s="8" t="s">
        <v>24</v>
      </c>
      <c r="F2724" t="s">
        <v>70</v>
      </c>
      <c r="G2724" t="s">
        <v>78</v>
      </c>
      <c r="H2724" t="s">
        <v>70</v>
      </c>
      <c r="I2724" s="8">
        <v>2029</v>
      </c>
      <c r="J2724" t="s">
        <v>48</v>
      </c>
      <c r="K2724" s="10"/>
      <c r="M2724" s="10"/>
      <c r="N2724">
        <v>0</v>
      </c>
    </row>
    <row r="2725" spans="1:14" hidden="1">
      <c r="A2725" s="7" t="s">
        <v>10</v>
      </c>
      <c r="B2725" s="8"/>
      <c r="C2725" s="8" t="s">
        <v>71</v>
      </c>
      <c r="D2725" t="s">
        <v>77</v>
      </c>
      <c r="E2725" s="8" t="s">
        <v>24</v>
      </c>
      <c r="F2725" t="s">
        <v>70</v>
      </c>
      <c r="G2725" t="s">
        <v>78</v>
      </c>
      <c r="H2725" t="s">
        <v>70</v>
      </c>
      <c r="I2725" s="8">
        <v>2029</v>
      </c>
      <c r="J2725" t="s">
        <v>14</v>
      </c>
      <c r="K2725" s="10">
        <v>15409.411764705883</v>
      </c>
      <c r="M2725" s="10"/>
      <c r="N2725">
        <v>0</v>
      </c>
    </row>
    <row r="2726" spans="1:14" hidden="1">
      <c r="A2726" s="7" t="s">
        <v>10</v>
      </c>
      <c r="B2726" s="8"/>
      <c r="C2726" s="8" t="s">
        <v>71</v>
      </c>
      <c r="D2726" t="s">
        <v>77</v>
      </c>
      <c r="E2726" s="8" t="s">
        <v>24</v>
      </c>
      <c r="F2726" t="s">
        <v>70</v>
      </c>
      <c r="G2726" t="s">
        <v>78</v>
      </c>
      <c r="H2726" t="s">
        <v>70</v>
      </c>
      <c r="I2726" s="8">
        <v>2029</v>
      </c>
      <c r="J2726" t="s">
        <v>49</v>
      </c>
      <c r="K2726" s="10"/>
      <c r="M2726" s="10"/>
      <c r="N2726">
        <v>0</v>
      </c>
    </row>
    <row r="2727" spans="1:14" hidden="1">
      <c r="A2727" s="7" t="s">
        <v>10</v>
      </c>
      <c r="B2727" s="8"/>
      <c r="C2727" s="8" t="s">
        <v>71</v>
      </c>
      <c r="D2727" t="s">
        <v>77</v>
      </c>
      <c r="E2727" s="8" t="s">
        <v>24</v>
      </c>
      <c r="F2727" t="s">
        <v>70</v>
      </c>
      <c r="G2727" t="s">
        <v>79</v>
      </c>
      <c r="H2727" t="s">
        <v>70</v>
      </c>
      <c r="I2727" s="8">
        <v>2029</v>
      </c>
      <c r="J2727" t="s">
        <v>15</v>
      </c>
      <c r="K2727" s="10"/>
      <c r="M2727" s="10"/>
      <c r="N2727">
        <v>0</v>
      </c>
    </row>
    <row r="2728" spans="1:14" hidden="1">
      <c r="A2728" s="7" t="s">
        <v>10</v>
      </c>
      <c r="B2728" s="8"/>
      <c r="C2728" s="8" t="s">
        <v>71</v>
      </c>
      <c r="D2728" t="s">
        <v>77</v>
      </c>
      <c r="E2728" s="8" t="s">
        <v>24</v>
      </c>
      <c r="F2728" t="s">
        <v>70</v>
      </c>
      <c r="G2728" t="s">
        <v>79</v>
      </c>
      <c r="H2728" t="s">
        <v>70</v>
      </c>
      <c r="I2728" s="8">
        <v>2029</v>
      </c>
      <c r="J2728" t="s">
        <v>50</v>
      </c>
      <c r="K2728" s="10"/>
      <c r="M2728" s="10"/>
      <c r="N2728">
        <v>0</v>
      </c>
    </row>
    <row r="2729" spans="1:14" hidden="1">
      <c r="A2729" s="7" t="s">
        <v>10</v>
      </c>
      <c r="B2729" s="8"/>
      <c r="C2729" s="8" t="s">
        <v>71</v>
      </c>
      <c r="D2729" t="s">
        <v>77</v>
      </c>
      <c r="E2729" s="8" t="s">
        <v>24</v>
      </c>
      <c r="F2729" t="s">
        <v>70</v>
      </c>
      <c r="G2729" t="s">
        <v>19</v>
      </c>
      <c r="H2729" t="s">
        <v>70</v>
      </c>
      <c r="I2729" s="8">
        <v>2029</v>
      </c>
      <c r="J2729" t="s">
        <v>19</v>
      </c>
      <c r="K2729" s="10"/>
      <c r="M2729" s="10"/>
      <c r="N2729">
        <v>0</v>
      </c>
    </row>
    <row r="2730" spans="1:14" hidden="1">
      <c r="A2730" s="7" t="s">
        <v>10</v>
      </c>
      <c r="B2730" s="8"/>
      <c r="C2730" s="8" t="s">
        <v>71</v>
      </c>
      <c r="D2730" t="s">
        <v>77</v>
      </c>
      <c r="E2730" s="8" t="s">
        <v>24</v>
      </c>
      <c r="F2730" t="s">
        <v>70</v>
      </c>
      <c r="G2730" t="s">
        <v>78</v>
      </c>
      <c r="H2730" t="s">
        <v>70</v>
      </c>
      <c r="I2730" s="8">
        <v>2029</v>
      </c>
      <c r="J2730" t="s">
        <v>21</v>
      </c>
      <c r="K2730" s="10"/>
      <c r="M2730" s="10"/>
      <c r="N2730">
        <v>0</v>
      </c>
    </row>
    <row r="2731" spans="1:14" hidden="1">
      <c r="A2731" s="7" t="s">
        <v>10</v>
      </c>
      <c r="B2731" s="8"/>
      <c r="C2731" s="8" t="s">
        <v>71</v>
      </c>
      <c r="D2731" t="s">
        <v>77</v>
      </c>
      <c r="E2731" s="8" t="s">
        <v>24</v>
      </c>
      <c r="F2731" t="s">
        <v>70</v>
      </c>
      <c r="G2731" t="s">
        <v>78</v>
      </c>
      <c r="H2731" t="s">
        <v>70</v>
      </c>
      <c r="I2731" s="8">
        <v>2029</v>
      </c>
      <c r="J2731" t="s">
        <v>51</v>
      </c>
      <c r="K2731" s="10"/>
      <c r="M2731" s="10"/>
      <c r="N2731">
        <v>0</v>
      </c>
    </row>
    <row r="2732" spans="1:14" hidden="1">
      <c r="A2732" s="7" t="s">
        <v>10</v>
      </c>
      <c r="B2732" s="8"/>
      <c r="C2732" s="8" t="s">
        <v>71</v>
      </c>
      <c r="D2732" t="s">
        <v>77</v>
      </c>
      <c r="E2732" s="8" t="s">
        <v>24</v>
      </c>
      <c r="F2732" t="s">
        <v>70</v>
      </c>
      <c r="G2732" t="s">
        <v>78</v>
      </c>
      <c r="H2732" t="s">
        <v>70</v>
      </c>
      <c r="I2732" s="8">
        <v>2030</v>
      </c>
      <c r="J2732" t="s">
        <v>47</v>
      </c>
      <c r="K2732" s="10"/>
      <c r="M2732" s="10"/>
      <c r="N2732">
        <v>0</v>
      </c>
    </row>
    <row r="2733" spans="1:14" hidden="1">
      <c r="A2733" s="7" t="s">
        <v>10</v>
      </c>
      <c r="B2733" s="8"/>
      <c r="C2733" s="8" t="s">
        <v>71</v>
      </c>
      <c r="D2733" t="s">
        <v>77</v>
      </c>
      <c r="E2733" s="8" t="s">
        <v>24</v>
      </c>
      <c r="F2733" t="s">
        <v>70</v>
      </c>
      <c r="G2733" t="s">
        <v>78</v>
      </c>
      <c r="H2733" t="s">
        <v>70</v>
      </c>
      <c r="I2733" s="8">
        <v>2030</v>
      </c>
      <c r="J2733" t="s">
        <v>48</v>
      </c>
      <c r="K2733" s="10"/>
      <c r="M2733" s="10"/>
      <c r="N2733">
        <v>0</v>
      </c>
    </row>
    <row r="2734" spans="1:14" hidden="1">
      <c r="A2734" s="7" t="s">
        <v>10</v>
      </c>
      <c r="B2734" s="8"/>
      <c r="C2734" s="8" t="s">
        <v>71</v>
      </c>
      <c r="D2734" t="s">
        <v>77</v>
      </c>
      <c r="E2734" s="8" t="s">
        <v>24</v>
      </c>
      <c r="F2734" t="s">
        <v>70</v>
      </c>
      <c r="G2734" t="s">
        <v>78</v>
      </c>
      <c r="H2734" t="s">
        <v>70</v>
      </c>
      <c r="I2734" s="8">
        <v>2030</v>
      </c>
      <c r="J2734" t="s">
        <v>14</v>
      </c>
      <c r="K2734" s="10">
        <v>17838.823529411766</v>
      </c>
      <c r="M2734" s="10"/>
      <c r="N2734">
        <v>0</v>
      </c>
    </row>
    <row r="2735" spans="1:14" hidden="1">
      <c r="A2735" s="7" t="s">
        <v>10</v>
      </c>
      <c r="B2735" s="8"/>
      <c r="C2735" s="8" t="s">
        <v>71</v>
      </c>
      <c r="D2735" t="s">
        <v>77</v>
      </c>
      <c r="E2735" s="8" t="s">
        <v>24</v>
      </c>
      <c r="F2735" t="s">
        <v>70</v>
      </c>
      <c r="G2735" t="s">
        <v>78</v>
      </c>
      <c r="H2735" t="s">
        <v>70</v>
      </c>
      <c r="I2735" s="8">
        <v>2030</v>
      </c>
      <c r="J2735" t="s">
        <v>49</v>
      </c>
      <c r="K2735" s="10"/>
      <c r="M2735" s="10"/>
      <c r="N2735">
        <v>0</v>
      </c>
    </row>
    <row r="2736" spans="1:14" hidden="1">
      <c r="A2736" s="7" t="s">
        <v>10</v>
      </c>
      <c r="B2736" s="8"/>
      <c r="C2736" s="8" t="s">
        <v>71</v>
      </c>
      <c r="D2736" t="s">
        <v>77</v>
      </c>
      <c r="E2736" s="8" t="s">
        <v>24</v>
      </c>
      <c r="F2736" t="s">
        <v>70</v>
      </c>
      <c r="G2736" t="s">
        <v>79</v>
      </c>
      <c r="H2736" t="s">
        <v>70</v>
      </c>
      <c r="I2736" s="8">
        <v>2030</v>
      </c>
      <c r="J2736" t="s">
        <v>15</v>
      </c>
      <c r="K2736" s="10"/>
      <c r="M2736" s="10"/>
      <c r="N2736">
        <v>0</v>
      </c>
    </row>
    <row r="2737" spans="1:14" hidden="1">
      <c r="A2737" s="7" t="s">
        <v>10</v>
      </c>
      <c r="B2737" s="8"/>
      <c r="C2737" s="8" t="s">
        <v>71</v>
      </c>
      <c r="D2737" t="s">
        <v>77</v>
      </c>
      <c r="E2737" s="8" t="s">
        <v>24</v>
      </c>
      <c r="F2737" t="s">
        <v>70</v>
      </c>
      <c r="G2737" t="s">
        <v>79</v>
      </c>
      <c r="H2737" t="s">
        <v>70</v>
      </c>
      <c r="I2737" s="8">
        <v>2030</v>
      </c>
      <c r="J2737" t="s">
        <v>50</v>
      </c>
      <c r="K2737" s="10"/>
      <c r="M2737" s="10"/>
      <c r="N2737">
        <v>0</v>
      </c>
    </row>
    <row r="2738" spans="1:14" hidden="1">
      <c r="A2738" s="7" t="s">
        <v>10</v>
      </c>
      <c r="B2738" s="8"/>
      <c r="C2738" s="8" t="s">
        <v>71</v>
      </c>
      <c r="D2738" t="s">
        <v>77</v>
      </c>
      <c r="E2738" s="8" t="s">
        <v>24</v>
      </c>
      <c r="F2738" t="s">
        <v>70</v>
      </c>
      <c r="G2738" t="s">
        <v>19</v>
      </c>
      <c r="H2738" t="s">
        <v>70</v>
      </c>
      <c r="I2738" s="8">
        <v>2030</v>
      </c>
      <c r="J2738" t="s">
        <v>19</v>
      </c>
      <c r="K2738" s="10"/>
      <c r="M2738" s="10"/>
      <c r="N2738">
        <v>0</v>
      </c>
    </row>
    <row r="2739" spans="1:14" hidden="1">
      <c r="A2739" s="7" t="s">
        <v>10</v>
      </c>
      <c r="B2739" s="8"/>
      <c r="C2739" s="8" t="s">
        <v>71</v>
      </c>
      <c r="D2739" t="s">
        <v>77</v>
      </c>
      <c r="E2739" s="8" t="s">
        <v>24</v>
      </c>
      <c r="F2739" t="s">
        <v>70</v>
      </c>
      <c r="G2739" t="s">
        <v>78</v>
      </c>
      <c r="H2739" t="s">
        <v>70</v>
      </c>
      <c r="I2739" s="8">
        <v>2030</v>
      </c>
      <c r="J2739" t="s">
        <v>21</v>
      </c>
      <c r="K2739" s="10"/>
      <c r="M2739" s="10"/>
      <c r="N2739">
        <v>0</v>
      </c>
    </row>
    <row r="2740" spans="1:14" hidden="1">
      <c r="A2740" s="7" t="s">
        <v>10</v>
      </c>
      <c r="B2740" s="8"/>
      <c r="C2740" s="8" t="s">
        <v>71</v>
      </c>
      <c r="D2740" t="s">
        <v>77</v>
      </c>
      <c r="E2740" s="8" t="s">
        <v>24</v>
      </c>
      <c r="F2740" t="s">
        <v>70</v>
      </c>
      <c r="G2740" t="s">
        <v>78</v>
      </c>
      <c r="H2740" t="s">
        <v>70</v>
      </c>
      <c r="I2740" s="8">
        <v>2030</v>
      </c>
      <c r="J2740" t="s">
        <v>51</v>
      </c>
      <c r="K2740" s="10"/>
      <c r="M2740" s="10"/>
      <c r="N2740">
        <v>0</v>
      </c>
    </row>
    <row r="2741" spans="1:14" hidden="1">
      <c r="A2741" s="7" t="s">
        <v>10</v>
      </c>
      <c r="B2741" s="8"/>
      <c r="C2741" s="8" t="s">
        <v>71</v>
      </c>
      <c r="D2741" t="s">
        <v>77</v>
      </c>
      <c r="E2741" s="8" t="s">
        <v>24</v>
      </c>
      <c r="F2741" t="s">
        <v>70</v>
      </c>
      <c r="G2741" t="s">
        <v>78</v>
      </c>
      <c r="H2741" t="s">
        <v>70</v>
      </c>
      <c r="I2741" s="8">
        <v>2031</v>
      </c>
      <c r="J2741" t="s">
        <v>47</v>
      </c>
      <c r="K2741" s="10"/>
      <c r="M2741" s="10"/>
      <c r="N2741">
        <v>0</v>
      </c>
    </row>
    <row r="2742" spans="1:14" hidden="1">
      <c r="A2742" s="7" t="s">
        <v>10</v>
      </c>
      <c r="B2742" s="8"/>
      <c r="C2742" s="8" t="s">
        <v>71</v>
      </c>
      <c r="D2742" t="s">
        <v>77</v>
      </c>
      <c r="E2742" s="8" t="s">
        <v>24</v>
      </c>
      <c r="F2742" t="s">
        <v>70</v>
      </c>
      <c r="G2742" t="s">
        <v>78</v>
      </c>
      <c r="H2742" t="s">
        <v>70</v>
      </c>
      <c r="I2742" s="8">
        <v>2031</v>
      </c>
      <c r="J2742" t="s">
        <v>48</v>
      </c>
      <c r="K2742" s="10"/>
      <c r="M2742" s="10"/>
      <c r="N2742">
        <v>0</v>
      </c>
    </row>
    <row r="2743" spans="1:14" hidden="1">
      <c r="A2743" s="7" t="s">
        <v>10</v>
      </c>
      <c r="B2743" s="8"/>
      <c r="C2743" s="8" t="s">
        <v>71</v>
      </c>
      <c r="D2743" t="s">
        <v>77</v>
      </c>
      <c r="E2743" s="8" t="s">
        <v>24</v>
      </c>
      <c r="F2743" t="s">
        <v>70</v>
      </c>
      <c r="G2743" t="s">
        <v>78</v>
      </c>
      <c r="H2743" t="s">
        <v>70</v>
      </c>
      <c r="I2743" s="8">
        <v>2031</v>
      </c>
      <c r="J2743" t="s">
        <v>14</v>
      </c>
      <c r="K2743" s="10">
        <v>18618.823529411766</v>
      </c>
      <c r="M2743" s="10"/>
      <c r="N2743">
        <v>0</v>
      </c>
    </row>
    <row r="2744" spans="1:14" hidden="1">
      <c r="A2744" s="7" t="s">
        <v>10</v>
      </c>
      <c r="B2744" s="8"/>
      <c r="C2744" s="8" t="s">
        <v>71</v>
      </c>
      <c r="D2744" t="s">
        <v>77</v>
      </c>
      <c r="E2744" s="8" t="s">
        <v>24</v>
      </c>
      <c r="F2744" t="s">
        <v>70</v>
      </c>
      <c r="G2744" t="s">
        <v>78</v>
      </c>
      <c r="H2744" t="s">
        <v>70</v>
      </c>
      <c r="I2744" s="8">
        <v>2031</v>
      </c>
      <c r="J2744" t="s">
        <v>49</v>
      </c>
      <c r="K2744" s="10"/>
      <c r="M2744" s="10"/>
      <c r="N2744">
        <v>0</v>
      </c>
    </row>
    <row r="2745" spans="1:14" hidden="1">
      <c r="A2745" s="7" t="s">
        <v>10</v>
      </c>
      <c r="B2745" s="8"/>
      <c r="C2745" s="8" t="s">
        <v>71</v>
      </c>
      <c r="D2745" t="s">
        <v>77</v>
      </c>
      <c r="E2745" s="8" t="s">
        <v>24</v>
      </c>
      <c r="F2745" t="s">
        <v>70</v>
      </c>
      <c r="G2745" t="s">
        <v>79</v>
      </c>
      <c r="H2745" t="s">
        <v>70</v>
      </c>
      <c r="I2745" s="8">
        <v>2031</v>
      </c>
      <c r="J2745" t="s">
        <v>15</v>
      </c>
      <c r="K2745" s="10"/>
      <c r="M2745" s="10"/>
      <c r="N2745">
        <v>0</v>
      </c>
    </row>
    <row r="2746" spans="1:14" hidden="1">
      <c r="A2746" s="7" t="s">
        <v>10</v>
      </c>
      <c r="B2746" s="8"/>
      <c r="C2746" s="8" t="s">
        <v>71</v>
      </c>
      <c r="D2746" t="s">
        <v>77</v>
      </c>
      <c r="E2746" s="8" t="s">
        <v>24</v>
      </c>
      <c r="F2746" t="s">
        <v>70</v>
      </c>
      <c r="G2746" t="s">
        <v>79</v>
      </c>
      <c r="H2746" t="s">
        <v>70</v>
      </c>
      <c r="I2746" s="8">
        <v>2031</v>
      </c>
      <c r="J2746" t="s">
        <v>50</v>
      </c>
      <c r="K2746" s="10"/>
      <c r="M2746" s="10"/>
      <c r="N2746">
        <v>0</v>
      </c>
    </row>
    <row r="2747" spans="1:14" hidden="1">
      <c r="A2747" s="7" t="s">
        <v>10</v>
      </c>
      <c r="B2747" s="8"/>
      <c r="C2747" s="8" t="s">
        <v>71</v>
      </c>
      <c r="D2747" t="s">
        <v>77</v>
      </c>
      <c r="E2747" s="8" t="s">
        <v>24</v>
      </c>
      <c r="F2747" t="s">
        <v>70</v>
      </c>
      <c r="G2747" t="s">
        <v>19</v>
      </c>
      <c r="H2747" t="s">
        <v>70</v>
      </c>
      <c r="I2747" s="8">
        <v>2031</v>
      </c>
      <c r="J2747" t="s">
        <v>19</v>
      </c>
      <c r="K2747" s="10"/>
      <c r="M2747" s="10"/>
      <c r="N2747">
        <v>0</v>
      </c>
    </row>
    <row r="2748" spans="1:14" hidden="1">
      <c r="A2748" s="7" t="s">
        <v>10</v>
      </c>
      <c r="B2748" s="8"/>
      <c r="C2748" s="8" t="s">
        <v>71</v>
      </c>
      <c r="D2748" t="s">
        <v>77</v>
      </c>
      <c r="E2748" s="8" t="s">
        <v>24</v>
      </c>
      <c r="F2748" t="s">
        <v>70</v>
      </c>
      <c r="G2748" t="s">
        <v>78</v>
      </c>
      <c r="H2748" t="s">
        <v>70</v>
      </c>
      <c r="I2748" s="8">
        <v>2031</v>
      </c>
      <c r="J2748" t="s">
        <v>21</v>
      </c>
      <c r="K2748" s="10"/>
      <c r="M2748" s="10"/>
      <c r="N2748">
        <v>0</v>
      </c>
    </row>
    <row r="2749" spans="1:14" hidden="1">
      <c r="A2749" s="7" t="s">
        <v>10</v>
      </c>
      <c r="B2749" s="8"/>
      <c r="C2749" s="8" t="s">
        <v>71</v>
      </c>
      <c r="D2749" t="s">
        <v>77</v>
      </c>
      <c r="E2749" s="8" t="s">
        <v>24</v>
      </c>
      <c r="F2749" t="s">
        <v>70</v>
      </c>
      <c r="G2749" t="s">
        <v>78</v>
      </c>
      <c r="H2749" t="s">
        <v>70</v>
      </c>
      <c r="I2749" s="8">
        <v>2031</v>
      </c>
      <c r="J2749" t="s">
        <v>51</v>
      </c>
      <c r="K2749" s="10"/>
      <c r="M2749" s="10"/>
      <c r="N2749">
        <v>0</v>
      </c>
    </row>
    <row r="2750" spans="1:14" hidden="1">
      <c r="A2750" s="7" t="s">
        <v>10</v>
      </c>
      <c r="B2750" s="8"/>
      <c r="C2750" s="8" t="s">
        <v>71</v>
      </c>
      <c r="D2750" t="s">
        <v>77</v>
      </c>
      <c r="E2750" s="8" t="s">
        <v>24</v>
      </c>
      <c r="F2750" t="s">
        <v>70</v>
      </c>
      <c r="G2750" t="s">
        <v>78</v>
      </c>
      <c r="H2750" t="s">
        <v>70</v>
      </c>
      <c r="I2750" s="8">
        <v>2032</v>
      </c>
      <c r="J2750" t="s">
        <v>47</v>
      </c>
      <c r="K2750" s="10"/>
      <c r="M2750" s="10"/>
      <c r="N2750">
        <v>0</v>
      </c>
    </row>
    <row r="2751" spans="1:14" hidden="1">
      <c r="A2751" s="7" t="s">
        <v>10</v>
      </c>
      <c r="B2751" s="8"/>
      <c r="C2751" s="8" t="s">
        <v>71</v>
      </c>
      <c r="D2751" t="s">
        <v>77</v>
      </c>
      <c r="E2751" s="8" t="s">
        <v>24</v>
      </c>
      <c r="F2751" t="s">
        <v>70</v>
      </c>
      <c r="G2751" t="s">
        <v>78</v>
      </c>
      <c r="H2751" t="s">
        <v>70</v>
      </c>
      <c r="I2751" s="8">
        <v>2032</v>
      </c>
      <c r="J2751" t="s">
        <v>48</v>
      </c>
      <c r="K2751" s="10"/>
      <c r="M2751" s="10"/>
      <c r="N2751">
        <v>0</v>
      </c>
    </row>
    <row r="2752" spans="1:14" hidden="1">
      <c r="A2752" s="7" t="s">
        <v>10</v>
      </c>
      <c r="B2752" s="8"/>
      <c r="C2752" s="8" t="s">
        <v>71</v>
      </c>
      <c r="D2752" t="s">
        <v>77</v>
      </c>
      <c r="E2752" s="8" t="s">
        <v>24</v>
      </c>
      <c r="F2752" t="s">
        <v>70</v>
      </c>
      <c r="G2752" t="s">
        <v>78</v>
      </c>
      <c r="H2752" t="s">
        <v>70</v>
      </c>
      <c r="I2752" s="8">
        <v>2032</v>
      </c>
      <c r="J2752" t="s">
        <v>14</v>
      </c>
      <c r="K2752" s="10">
        <v>18828.235294117647</v>
      </c>
      <c r="M2752" s="10"/>
      <c r="N2752">
        <v>0</v>
      </c>
    </row>
    <row r="2753" spans="1:14" hidden="1">
      <c r="A2753" s="7" t="s">
        <v>10</v>
      </c>
      <c r="B2753" s="8"/>
      <c r="C2753" s="8" t="s">
        <v>71</v>
      </c>
      <c r="D2753" t="s">
        <v>77</v>
      </c>
      <c r="E2753" s="8" t="s">
        <v>24</v>
      </c>
      <c r="F2753" t="s">
        <v>70</v>
      </c>
      <c r="G2753" t="s">
        <v>78</v>
      </c>
      <c r="H2753" t="s">
        <v>70</v>
      </c>
      <c r="I2753" s="8">
        <v>2032</v>
      </c>
      <c r="J2753" t="s">
        <v>49</v>
      </c>
      <c r="K2753" s="10"/>
      <c r="M2753" s="10"/>
      <c r="N2753">
        <v>0</v>
      </c>
    </row>
    <row r="2754" spans="1:14" hidden="1">
      <c r="A2754" s="7" t="s">
        <v>10</v>
      </c>
      <c r="B2754" s="8"/>
      <c r="C2754" s="8" t="s">
        <v>71</v>
      </c>
      <c r="D2754" t="s">
        <v>77</v>
      </c>
      <c r="E2754" s="8" t="s">
        <v>24</v>
      </c>
      <c r="F2754" t="s">
        <v>70</v>
      </c>
      <c r="G2754" t="s">
        <v>79</v>
      </c>
      <c r="H2754" t="s">
        <v>70</v>
      </c>
      <c r="I2754" s="8">
        <v>2032</v>
      </c>
      <c r="J2754" t="s">
        <v>15</v>
      </c>
      <c r="K2754" s="10"/>
      <c r="M2754" s="10"/>
      <c r="N2754">
        <v>0</v>
      </c>
    </row>
    <row r="2755" spans="1:14" hidden="1">
      <c r="A2755" s="7" t="s">
        <v>10</v>
      </c>
      <c r="B2755" s="8"/>
      <c r="C2755" s="8" t="s">
        <v>71</v>
      </c>
      <c r="D2755" t="s">
        <v>77</v>
      </c>
      <c r="E2755" s="8" t="s">
        <v>24</v>
      </c>
      <c r="F2755" t="s">
        <v>70</v>
      </c>
      <c r="G2755" t="s">
        <v>79</v>
      </c>
      <c r="H2755" t="s">
        <v>70</v>
      </c>
      <c r="I2755" s="8">
        <v>2032</v>
      </c>
      <c r="J2755" t="s">
        <v>50</v>
      </c>
      <c r="K2755" s="10"/>
      <c r="M2755" s="10"/>
      <c r="N2755">
        <v>0</v>
      </c>
    </row>
    <row r="2756" spans="1:14" hidden="1">
      <c r="A2756" s="7" t="s">
        <v>10</v>
      </c>
      <c r="B2756" s="8"/>
      <c r="C2756" s="8" t="s">
        <v>71</v>
      </c>
      <c r="D2756" t="s">
        <v>77</v>
      </c>
      <c r="E2756" s="8" t="s">
        <v>24</v>
      </c>
      <c r="F2756" t="s">
        <v>70</v>
      </c>
      <c r="G2756" t="s">
        <v>19</v>
      </c>
      <c r="H2756" t="s">
        <v>70</v>
      </c>
      <c r="I2756" s="8">
        <v>2032</v>
      </c>
      <c r="J2756" t="s">
        <v>19</v>
      </c>
      <c r="K2756" s="10"/>
      <c r="M2756" s="10"/>
      <c r="N2756">
        <v>0</v>
      </c>
    </row>
    <row r="2757" spans="1:14" hidden="1">
      <c r="A2757" s="7" t="s">
        <v>10</v>
      </c>
      <c r="B2757" s="8"/>
      <c r="C2757" s="8" t="s">
        <v>71</v>
      </c>
      <c r="D2757" t="s">
        <v>77</v>
      </c>
      <c r="E2757" s="8" t="s">
        <v>24</v>
      </c>
      <c r="F2757" t="s">
        <v>70</v>
      </c>
      <c r="G2757" t="s">
        <v>78</v>
      </c>
      <c r="H2757" t="s">
        <v>70</v>
      </c>
      <c r="I2757" s="8">
        <v>2032</v>
      </c>
      <c r="J2757" t="s">
        <v>21</v>
      </c>
      <c r="K2757" s="10"/>
      <c r="M2757" s="10"/>
      <c r="N2757">
        <v>0</v>
      </c>
    </row>
    <row r="2758" spans="1:14" hidden="1">
      <c r="A2758" s="7" t="s">
        <v>10</v>
      </c>
      <c r="B2758" s="8"/>
      <c r="C2758" s="8" t="s">
        <v>71</v>
      </c>
      <c r="D2758" t="s">
        <v>77</v>
      </c>
      <c r="E2758" s="8" t="s">
        <v>24</v>
      </c>
      <c r="F2758" t="s">
        <v>70</v>
      </c>
      <c r="G2758" t="s">
        <v>78</v>
      </c>
      <c r="H2758" t="s">
        <v>70</v>
      </c>
      <c r="I2758" s="8">
        <v>2032</v>
      </c>
      <c r="J2758" t="s">
        <v>51</v>
      </c>
      <c r="K2758" s="10"/>
      <c r="M2758" s="10"/>
      <c r="N2758">
        <v>0</v>
      </c>
    </row>
    <row r="2759" spans="1:14" hidden="1">
      <c r="A2759" s="7" t="s">
        <v>10</v>
      </c>
      <c r="B2759" s="8"/>
      <c r="C2759" s="8" t="s">
        <v>71</v>
      </c>
      <c r="D2759" t="s">
        <v>77</v>
      </c>
      <c r="E2759" s="8" t="s">
        <v>24</v>
      </c>
      <c r="F2759" t="s">
        <v>70</v>
      </c>
      <c r="G2759" t="s">
        <v>78</v>
      </c>
      <c r="H2759" t="s">
        <v>70</v>
      </c>
      <c r="I2759" s="8">
        <v>2033</v>
      </c>
      <c r="J2759" t="s">
        <v>47</v>
      </c>
      <c r="K2759" s="10"/>
      <c r="M2759" s="10"/>
      <c r="N2759">
        <v>0</v>
      </c>
    </row>
    <row r="2760" spans="1:14" hidden="1">
      <c r="A2760" s="7" t="s">
        <v>10</v>
      </c>
      <c r="B2760" s="8"/>
      <c r="C2760" s="8" t="s">
        <v>71</v>
      </c>
      <c r="D2760" t="s">
        <v>77</v>
      </c>
      <c r="E2760" s="8" t="s">
        <v>24</v>
      </c>
      <c r="F2760" t="s">
        <v>70</v>
      </c>
      <c r="G2760" t="s">
        <v>78</v>
      </c>
      <c r="H2760" t="s">
        <v>70</v>
      </c>
      <c r="I2760" s="8">
        <v>2033</v>
      </c>
      <c r="J2760" t="s">
        <v>48</v>
      </c>
      <c r="K2760" s="10"/>
      <c r="M2760" s="10"/>
      <c r="N2760">
        <v>0</v>
      </c>
    </row>
    <row r="2761" spans="1:14" hidden="1">
      <c r="A2761" s="7" t="s">
        <v>10</v>
      </c>
      <c r="B2761" s="8"/>
      <c r="C2761" s="8" t="s">
        <v>71</v>
      </c>
      <c r="D2761" t="s">
        <v>77</v>
      </c>
      <c r="E2761" s="8" t="s">
        <v>24</v>
      </c>
      <c r="F2761" t="s">
        <v>70</v>
      </c>
      <c r="G2761" t="s">
        <v>78</v>
      </c>
      <c r="H2761" t="s">
        <v>70</v>
      </c>
      <c r="I2761" s="8">
        <v>2033</v>
      </c>
      <c r="J2761" t="s">
        <v>14</v>
      </c>
      <c r="K2761" s="10">
        <v>17882.352941176472</v>
      </c>
      <c r="M2761" s="10"/>
      <c r="N2761">
        <v>0</v>
      </c>
    </row>
    <row r="2762" spans="1:14" hidden="1">
      <c r="A2762" s="7" t="s">
        <v>10</v>
      </c>
      <c r="B2762" s="8"/>
      <c r="C2762" s="8" t="s">
        <v>71</v>
      </c>
      <c r="D2762" t="s">
        <v>77</v>
      </c>
      <c r="E2762" s="8" t="s">
        <v>24</v>
      </c>
      <c r="F2762" t="s">
        <v>70</v>
      </c>
      <c r="G2762" t="s">
        <v>78</v>
      </c>
      <c r="H2762" t="s">
        <v>70</v>
      </c>
      <c r="I2762" s="8">
        <v>2033</v>
      </c>
      <c r="J2762" t="s">
        <v>49</v>
      </c>
      <c r="K2762" s="10"/>
      <c r="M2762" s="10"/>
      <c r="N2762">
        <v>0</v>
      </c>
    </row>
    <row r="2763" spans="1:14" hidden="1">
      <c r="A2763" s="7" t="s">
        <v>10</v>
      </c>
      <c r="B2763" s="8"/>
      <c r="C2763" s="8" t="s">
        <v>71</v>
      </c>
      <c r="D2763" t="s">
        <v>77</v>
      </c>
      <c r="E2763" s="8" t="s">
        <v>24</v>
      </c>
      <c r="F2763" t="s">
        <v>70</v>
      </c>
      <c r="G2763" t="s">
        <v>79</v>
      </c>
      <c r="H2763" t="s">
        <v>70</v>
      </c>
      <c r="I2763" s="8">
        <v>2033</v>
      </c>
      <c r="J2763" t="s">
        <v>15</v>
      </c>
      <c r="K2763" s="10"/>
      <c r="M2763" s="10"/>
      <c r="N2763">
        <v>0</v>
      </c>
    </row>
    <row r="2764" spans="1:14" hidden="1">
      <c r="A2764" s="7" t="s">
        <v>10</v>
      </c>
      <c r="B2764" s="8"/>
      <c r="C2764" s="8" t="s">
        <v>71</v>
      </c>
      <c r="D2764" t="s">
        <v>77</v>
      </c>
      <c r="E2764" s="8" t="s">
        <v>24</v>
      </c>
      <c r="F2764" t="s">
        <v>70</v>
      </c>
      <c r="G2764" t="s">
        <v>79</v>
      </c>
      <c r="H2764" t="s">
        <v>70</v>
      </c>
      <c r="I2764" s="8">
        <v>2033</v>
      </c>
      <c r="J2764" t="s">
        <v>50</v>
      </c>
      <c r="K2764" s="10"/>
      <c r="M2764" s="10"/>
      <c r="N2764">
        <v>0</v>
      </c>
    </row>
    <row r="2765" spans="1:14" hidden="1">
      <c r="A2765" s="7" t="s">
        <v>10</v>
      </c>
      <c r="B2765" s="8"/>
      <c r="C2765" s="8" t="s">
        <v>71</v>
      </c>
      <c r="D2765" t="s">
        <v>77</v>
      </c>
      <c r="E2765" s="8" t="s">
        <v>24</v>
      </c>
      <c r="F2765" t="s">
        <v>70</v>
      </c>
      <c r="G2765" t="s">
        <v>19</v>
      </c>
      <c r="H2765" t="s">
        <v>70</v>
      </c>
      <c r="I2765" s="8">
        <v>2033</v>
      </c>
      <c r="J2765" t="s">
        <v>19</v>
      </c>
      <c r="K2765" s="10"/>
      <c r="M2765" s="10"/>
      <c r="N2765">
        <v>0</v>
      </c>
    </row>
    <row r="2766" spans="1:14" hidden="1">
      <c r="A2766" s="7" t="s">
        <v>10</v>
      </c>
      <c r="B2766" s="8"/>
      <c r="C2766" s="8" t="s">
        <v>71</v>
      </c>
      <c r="D2766" t="s">
        <v>77</v>
      </c>
      <c r="E2766" s="8" t="s">
        <v>24</v>
      </c>
      <c r="F2766" t="s">
        <v>70</v>
      </c>
      <c r="G2766" t="s">
        <v>78</v>
      </c>
      <c r="H2766" t="s">
        <v>70</v>
      </c>
      <c r="I2766" s="8">
        <v>2033</v>
      </c>
      <c r="J2766" t="s">
        <v>21</v>
      </c>
      <c r="K2766" s="10"/>
      <c r="M2766" s="10"/>
      <c r="N2766">
        <v>0</v>
      </c>
    </row>
    <row r="2767" spans="1:14" hidden="1">
      <c r="A2767" s="7" t="s">
        <v>10</v>
      </c>
      <c r="B2767" s="8"/>
      <c r="C2767" s="8" t="s">
        <v>71</v>
      </c>
      <c r="D2767" t="s">
        <v>77</v>
      </c>
      <c r="E2767" s="8" t="s">
        <v>24</v>
      </c>
      <c r="F2767" t="s">
        <v>70</v>
      </c>
      <c r="G2767" t="s">
        <v>78</v>
      </c>
      <c r="H2767" t="s">
        <v>70</v>
      </c>
      <c r="I2767" s="8">
        <v>2033</v>
      </c>
      <c r="J2767" t="s">
        <v>51</v>
      </c>
      <c r="K2767" s="10"/>
      <c r="M2767" s="10"/>
      <c r="N2767">
        <v>0</v>
      </c>
    </row>
    <row r="2768" spans="1:14" hidden="1">
      <c r="A2768" s="7" t="s">
        <v>10</v>
      </c>
      <c r="B2768" s="8"/>
      <c r="C2768" s="8" t="s">
        <v>71</v>
      </c>
      <c r="D2768" t="s">
        <v>77</v>
      </c>
      <c r="E2768" s="8" t="s">
        <v>24</v>
      </c>
      <c r="F2768" t="s">
        <v>70</v>
      </c>
      <c r="G2768" t="s">
        <v>78</v>
      </c>
      <c r="H2768" t="s">
        <v>70</v>
      </c>
      <c r="I2768" s="8">
        <v>2034</v>
      </c>
      <c r="J2768" t="s">
        <v>47</v>
      </c>
      <c r="K2768" s="10"/>
      <c r="M2768" s="10"/>
      <c r="N2768">
        <v>0</v>
      </c>
    </row>
    <row r="2769" spans="1:14" hidden="1">
      <c r="A2769" s="7" t="s">
        <v>10</v>
      </c>
      <c r="B2769" s="8"/>
      <c r="C2769" s="8" t="s">
        <v>71</v>
      </c>
      <c r="D2769" t="s">
        <v>77</v>
      </c>
      <c r="E2769" s="8" t="s">
        <v>24</v>
      </c>
      <c r="F2769" t="s">
        <v>70</v>
      </c>
      <c r="G2769" t="s">
        <v>78</v>
      </c>
      <c r="H2769" t="s">
        <v>70</v>
      </c>
      <c r="I2769" s="8">
        <v>2034</v>
      </c>
      <c r="J2769" t="s">
        <v>48</v>
      </c>
      <c r="K2769" s="10"/>
      <c r="M2769" s="10"/>
      <c r="N2769">
        <v>0</v>
      </c>
    </row>
    <row r="2770" spans="1:14" hidden="1">
      <c r="A2770" s="7" t="s">
        <v>10</v>
      </c>
      <c r="B2770" s="8"/>
      <c r="C2770" s="8" t="s">
        <v>71</v>
      </c>
      <c r="D2770" t="s">
        <v>77</v>
      </c>
      <c r="E2770" s="8" t="s">
        <v>24</v>
      </c>
      <c r="F2770" t="s">
        <v>70</v>
      </c>
      <c r="G2770" t="s">
        <v>78</v>
      </c>
      <c r="H2770" t="s">
        <v>70</v>
      </c>
      <c r="I2770" s="8">
        <v>2034</v>
      </c>
      <c r="J2770" t="s">
        <v>14</v>
      </c>
      <c r="K2770" s="10">
        <v>17882.352941176472</v>
      </c>
      <c r="M2770" s="10"/>
      <c r="N2770">
        <v>0</v>
      </c>
    </row>
    <row r="2771" spans="1:14" hidden="1">
      <c r="A2771" s="7" t="s">
        <v>10</v>
      </c>
      <c r="B2771" s="8"/>
      <c r="C2771" s="8" t="s">
        <v>71</v>
      </c>
      <c r="D2771" t="s">
        <v>77</v>
      </c>
      <c r="E2771" s="8" t="s">
        <v>24</v>
      </c>
      <c r="F2771" t="s">
        <v>70</v>
      </c>
      <c r="G2771" t="s">
        <v>78</v>
      </c>
      <c r="H2771" t="s">
        <v>70</v>
      </c>
      <c r="I2771" s="8">
        <v>2034</v>
      </c>
      <c r="J2771" t="s">
        <v>49</v>
      </c>
      <c r="K2771" s="10"/>
      <c r="M2771" s="10"/>
      <c r="N2771">
        <v>0</v>
      </c>
    </row>
    <row r="2772" spans="1:14" hidden="1">
      <c r="A2772" s="7" t="s">
        <v>10</v>
      </c>
      <c r="B2772" s="8"/>
      <c r="C2772" s="8" t="s">
        <v>71</v>
      </c>
      <c r="D2772" t="s">
        <v>77</v>
      </c>
      <c r="E2772" s="8" t="s">
        <v>24</v>
      </c>
      <c r="F2772" t="s">
        <v>70</v>
      </c>
      <c r="G2772" t="s">
        <v>79</v>
      </c>
      <c r="H2772" t="s">
        <v>70</v>
      </c>
      <c r="I2772" s="8">
        <v>2034</v>
      </c>
      <c r="J2772" t="s">
        <v>15</v>
      </c>
      <c r="K2772" s="10"/>
      <c r="M2772" s="10"/>
      <c r="N2772">
        <v>0</v>
      </c>
    </row>
    <row r="2773" spans="1:14" hidden="1">
      <c r="A2773" s="7" t="s">
        <v>10</v>
      </c>
      <c r="B2773" s="8"/>
      <c r="C2773" s="8" t="s">
        <v>71</v>
      </c>
      <c r="D2773" t="s">
        <v>77</v>
      </c>
      <c r="E2773" s="8" t="s">
        <v>24</v>
      </c>
      <c r="F2773" t="s">
        <v>70</v>
      </c>
      <c r="G2773" t="s">
        <v>79</v>
      </c>
      <c r="H2773" t="s">
        <v>70</v>
      </c>
      <c r="I2773" s="8">
        <v>2034</v>
      </c>
      <c r="J2773" t="s">
        <v>50</v>
      </c>
      <c r="K2773" s="10"/>
      <c r="M2773" s="10"/>
      <c r="N2773">
        <v>0</v>
      </c>
    </row>
    <row r="2774" spans="1:14" hidden="1">
      <c r="A2774" s="7" t="s">
        <v>10</v>
      </c>
      <c r="B2774" s="8"/>
      <c r="C2774" s="8" t="s">
        <v>71</v>
      </c>
      <c r="D2774" t="s">
        <v>77</v>
      </c>
      <c r="E2774" s="8" t="s">
        <v>24</v>
      </c>
      <c r="F2774" t="s">
        <v>70</v>
      </c>
      <c r="G2774" t="s">
        <v>19</v>
      </c>
      <c r="H2774" t="s">
        <v>70</v>
      </c>
      <c r="I2774" s="8">
        <v>2034</v>
      </c>
      <c r="J2774" t="s">
        <v>19</v>
      </c>
      <c r="K2774" s="10"/>
      <c r="M2774" s="10"/>
      <c r="N2774">
        <v>0</v>
      </c>
    </row>
    <row r="2775" spans="1:14" hidden="1">
      <c r="A2775" s="7" t="s">
        <v>10</v>
      </c>
      <c r="B2775" s="8"/>
      <c r="C2775" s="8" t="s">
        <v>71</v>
      </c>
      <c r="D2775" t="s">
        <v>77</v>
      </c>
      <c r="E2775" s="8" t="s">
        <v>24</v>
      </c>
      <c r="F2775" t="s">
        <v>70</v>
      </c>
      <c r="G2775" t="s">
        <v>78</v>
      </c>
      <c r="H2775" t="s">
        <v>70</v>
      </c>
      <c r="I2775" s="8">
        <v>2034</v>
      </c>
      <c r="J2775" t="s">
        <v>21</v>
      </c>
      <c r="K2775" s="10"/>
      <c r="M2775" s="10"/>
      <c r="N2775">
        <v>0</v>
      </c>
    </row>
    <row r="2776" spans="1:14" hidden="1">
      <c r="A2776" s="7" t="s">
        <v>10</v>
      </c>
      <c r="B2776" s="8"/>
      <c r="C2776" s="8" t="s">
        <v>71</v>
      </c>
      <c r="D2776" t="s">
        <v>77</v>
      </c>
      <c r="E2776" s="8" t="s">
        <v>24</v>
      </c>
      <c r="F2776" t="s">
        <v>70</v>
      </c>
      <c r="G2776" t="s">
        <v>78</v>
      </c>
      <c r="H2776" t="s">
        <v>70</v>
      </c>
      <c r="I2776" s="8">
        <v>2034</v>
      </c>
      <c r="J2776" t="s">
        <v>51</v>
      </c>
      <c r="K2776" s="10"/>
      <c r="M2776" s="10"/>
      <c r="N2776">
        <v>0</v>
      </c>
    </row>
    <row r="2777" spans="1:14" hidden="1">
      <c r="A2777" s="7" t="s">
        <v>10</v>
      </c>
      <c r="B2777" s="8"/>
      <c r="C2777" s="8" t="s">
        <v>62</v>
      </c>
      <c r="D2777" t="s">
        <v>77</v>
      </c>
      <c r="E2777" s="8" t="s">
        <v>24</v>
      </c>
      <c r="F2777" t="s">
        <v>70</v>
      </c>
      <c r="G2777" t="s">
        <v>78</v>
      </c>
      <c r="H2777" t="s">
        <v>70</v>
      </c>
      <c r="I2777" s="8">
        <v>2025</v>
      </c>
      <c r="J2777" t="s">
        <v>47</v>
      </c>
      <c r="K2777" s="10"/>
      <c r="M2777" s="10"/>
      <c r="N2777">
        <v>0</v>
      </c>
    </row>
    <row r="2778" spans="1:14" hidden="1">
      <c r="A2778" s="7" t="s">
        <v>10</v>
      </c>
      <c r="B2778" s="8"/>
      <c r="C2778" s="8" t="s">
        <v>62</v>
      </c>
      <c r="D2778" t="s">
        <v>77</v>
      </c>
      <c r="E2778" s="8" t="s">
        <v>24</v>
      </c>
      <c r="F2778" t="s">
        <v>70</v>
      </c>
      <c r="G2778" t="s">
        <v>78</v>
      </c>
      <c r="H2778" t="s">
        <v>70</v>
      </c>
      <c r="I2778" s="8">
        <v>2025</v>
      </c>
      <c r="J2778" t="s">
        <v>48</v>
      </c>
      <c r="K2778" s="10"/>
      <c r="M2778" s="10"/>
      <c r="N2778">
        <v>0</v>
      </c>
    </row>
    <row r="2779" spans="1:14" hidden="1">
      <c r="A2779" s="7" t="s">
        <v>10</v>
      </c>
      <c r="B2779" s="8"/>
      <c r="C2779" s="8" t="s">
        <v>62</v>
      </c>
      <c r="D2779" t="s">
        <v>77</v>
      </c>
      <c r="E2779" s="8" t="s">
        <v>24</v>
      </c>
      <c r="F2779" t="s">
        <v>70</v>
      </c>
      <c r="G2779" t="s">
        <v>78</v>
      </c>
      <c r="H2779" t="s">
        <v>70</v>
      </c>
      <c r="I2779" s="8">
        <v>2025</v>
      </c>
      <c r="J2779" t="s">
        <v>14</v>
      </c>
      <c r="K2779" s="10">
        <v>954</v>
      </c>
      <c r="M2779" s="10"/>
      <c r="N2779">
        <v>0</v>
      </c>
    </row>
    <row r="2780" spans="1:14" hidden="1">
      <c r="A2780" s="7" t="s">
        <v>10</v>
      </c>
      <c r="B2780" s="8"/>
      <c r="C2780" s="8" t="s">
        <v>62</v>
      </c>
      <c r="D2780" t="s">
        <v>77</v>
      </c>
      <c r="E2780" s="8" t="s">
        <v>24</v>
      </c>
      <c r="F2780" t="s">
        <v>70</v>
      </c>
      <c r="G2780" t="s">
        <v>78</v>
      </c>
      <c r="H2780" t="s">
        <v>70</v>
      </c>
      <c r="I2780" s="8">
        <v>2025</v>
      </c>
      <c r="J2780" t="s">
        <v>49</v>
      </c>
      <c r="K2780" s="10"/>
      <c r="M2780" s="10"/>
      <c r="N2780">
        <v>0</v>
      </c>
    </row>
    <row r="2781" spans="1:14" hidden="1">
      <c r="A2781" s="7" t="s">
        <v>10</v>
      </c>
      <c r="B2781" s="8"/>
      <c r="C2781" s="8" t="s">
        <v>62</v>
      </c>
      <c r="D2781" t="s">
        <v>77</v>
      </c>
      <c r="E2781" s="8" t="s">
        <v>24</v>
      </c>
      <c r="F2781" t="s">
        <v>70</v>
      </c>
      <c r="G2781" t="s">
        <v>79</v>
      </c>
      <c r="H2781" t="s">
        <v>70</v>
      </c>
      <c r="I2781" s="8">
        <v>2025</v>
      </c>
      <c r="J2781" t="s">
        <v>15</v>
      </c>
      <c r="K2781" s="10"/>
      <c r="M2781" s="10"/>
      <c r="N2781">
        <v>0</v>
      </c>
    </row>
    <row r="2782" spans="1:14" hidden="1">
      <c r="A2782" s="7" t="s">
        <v>10</v>
      </c>
      <c r="B2782" s="8"/>
      <c r="C2782" s="8" t="s">
        <v>62</v>
      </c>
      <c r="D2782" t="s">
        <v>77</v>
      </c>
      <c r="E2782" s="8" t="s">
        <v>24</v>
      </c>
      <c r="F2782" t="s">
        <v>70</v>
      </c>
      <c r="G2782" t="s">
        <v>79</v>
      </c>
      <c r="H2782" t="s">
        <v>70</v>
      </c>
      <c r="I2782" s="8">
        <v>2025</v>
      </c>
      <c r="J2782" t="s">
        <v>50</v>
      </c>
      <c r="K2782" s="10"/>
      <c r="M2782" s="10"/>
      <c r="N2782">
        <v>0</v>
      </c>
    </row>
    <row r="2783" spans="1:14" hidden="1">
      <c r="A2783" s="7" t="s">
        <v>10</v>
      </c>
      <c r="B2783" s="8"/>
      <c r="C2783" s="8" t="s">
        <v>62</v>
      </c>
      <c r="D2783" t="s">
        <v>77</v>
      </c>
      <c r="E2783" s="8" t="s">
        <v>24</v>
      </c>
      <c r="F2783" t="s">
        <v>70</v>
      </c>
      <c r="G2783" t="s">
        <v>19</v>
      </c>
      <c r="H2783" t="s">
        <v>70</v>
      </c>
      <c r="I2783" s="8">
        <v>2025</v>
      </c>
      <c r="J2783" t="s">
        <v>19</v>
      </c>
      <c r="K2783" s="10"/>
      <c r="M2783" s="10"/>
      <c r="N2783">
        <v>0</v>
      </c>
    </row>
    <row r="2784" spans="1:14" hidden="1">
      <c r="A2784" s="7" t="s">
        <v>10</v>
      </c>
      <c r="B2784" s="8"/>
      <c r="C2784" s="8" t="s">
        <v>62</v>
      </c>
      <c r="D2784" t="s">
        <v>77</v>
      </c>
      <c r="E2784" s="8" t="s">
        <v>24</v>
      </c>
      <c r="F2784" t="s">
        <v>70</v>
      </c>
      <c r="G2784" t="s">
        <v>78</v>
      </c>
      <c r="H2784" t="s">
        <v>70</v>
      </c>
      <c r="I2784" s="8">
        <v>2025</v>
      </c>
      <c r="J2784" t="s">
        <v>21</v>
      </c>
      <c r="K2784" s="10"/>
      <c r="M2784" s="10"/>
      <c r="N2784">
        <v>0</v>
      </c>
    </row>
    <row r="2785" spans="1:14" hidden="1">
      <c r="A2785" s="7" t="s">
        <v>10</v>
      </c>
      <c r="B2785" s="8"/>
      <c r="C2785" s="8" t="s">
        <v>62</v>
      </c>
      <c r="D2785" t="s">
        <v>77</v>
      </c>
      <c r="E2785" s="8" t="s">
        <v>24</v>
      </c>
      <c r="F2785" t="s">
        <v>70</v>
      </c>
      <c r="G2785" t="s">
        <v>78</v>
      </c>
      <c r="H2785" t="s">
        <v>70</v>
      </c>
      <c r="I2785" s="8">
        <v>2025</v>
      </c>
      <c r="J2785" t="s">
        <v>51</v>
      </c>
      <c r="K2785" s="10"/>
      <c r="M2785" s="10"/>
      <c r="N2785">
        <v>0</v>
      </c>
    </row>
    <row r="2786" spans="1:14" hidden="1">
      <c r="A2786" s="7" t="s">
        <v>10</v>
      </c>
      <c r="B2786" s="8"/>
      <c r="C2786" s="8" t="s">
        <v>62</v>
      </c>
      <c r="D2786" t="s">
        <v>77</v>
      </c>
      <c r="E2786" s="8" t="s">
        <v>24</v>
      </c>
      <c r="F2786" t="s">
        <v>70</v>
      </c>
      <c r="G2786" t="s">
        <v>78</v>
      </c>
      <c r="H2786" t="s">
        <v>70</v>
      </c>
      <c r="I2786" s="8">
        <v>2026</v>
      </c>
      <c r="J2786" t="s">
        <v>47</v>
      </c>
      <c r="K2786" s="10"/>
      <c r="M2786" s="10"/>
      <c r="N2786">
        <v>0</v>
      </c>
    </row>
    <row r="2787" spans="1:14" hidden="1">
      <c r="A2787" s="7" t="s">
        <v>10</v>
      </c>
      <c r="B2787" s="8"/>
      <c r="C2787" s="8" t="s">
        <v>62</v>
      </c>
      <c r="D2787" t="s">
        <v>77</v>
      </c>
      <c r="E2787" s="8" t="s">
        <v>24</v>
      </c>
      <c r="F2787" t="s">
        <v>70</v>
      </c>
      <c r="G2787" t="s">
        <v>78</v>
      </c>
      <c r="H2787" t="s">
        <v>70</v>
      </c>
      <c r="I2787" s="8">
        <v>2026</v>
      </c>
      <c r="J2787" t="s">
        <v>48</v>
      </c>
      <c r="K2787" s="10"/>
      <c r="M2787" s="10"/>
      <c r="N2787">
        <v>0</v>
      </c>
    </row>
    <row r="2788" spans="1:14" hidden="1">
      <c r="A2788" s="7" t="s">
        <v>10</v>
      </c>
      <c r="B2788" s="8"/>
      <c r="C2788" s="8" t="s">
        <v>62</v>
      </c>
      <c r="D2788" t="s">
        <v>77</v>
      </c>
      <c r="E2788" s="8" t="s">
        <v>24</v>
      </c>
      <c r="F2788" t="s">
        <v>70</v>
      </c>
      <c r="G2788" t="s">
        <v>78</v>
      </c>
      <c r="H2788" t="s">
        <v>70</v>
      </c>
      <c r="I2788" s="8">
        <v>2026</v>
      </c>
      <c r="J2788" t="s">
        <v>14</v>
      </c>
      <c r="K2788" s="10">
        <v>1914</v>
      </c>
      <c r="M2788" s="10"/>
      <c r="N2788">
        <v>0</v>
      </c>
    </row>
    <row r="2789" spans="1:14" hidden="1">
      <c r="A2789" s="7" t="s">
        <v>10</v>
      </c>
      <c r="B2789" s="8"/>
      <c r="C2789" s="8" t="s">
        <v>62</v>
      </c>
      <c r="D2789" t="s">
        <v>77</v>
      </c>
      <c r="E2789" s="8" t="s">
        <v>24</v>
      </c>
      <c r="F2789" t="s">
        <v>70</v>
      </c>
      <c r="G2789" t="s">
        <v>78</v>
      </c>
      <c r="H2789" t="s">
        <v>70</v>
      </c>
      <c r="I2789" s="8">
        <v>2026</v>
      </c>
      <c r="J2789" t="s">
        <v>49</v>
      </c>
      <c r="K2789" s="10"/>
      <c r="M2789" s="10"/>
      <c r="N2789">
        <v>0</v>
      </c>
    </row>
    <row r="2790" spans="1:14" hidden="1">
      <c r="A2790" s="7" t="s">
        <v>10</v>
      </c>
      <c r="B2790" s="8"/>
      <c r="C2790" s="8" t="s">
        <v>62</v>
      </c>
      <c r="D2790" t="s">
        <v>77</v>
      </c>
      <c r="E2790" s="8" t="s">
        <v>24</v>
      </c>
      <c r="F2790" t="s">
        <v>70</v>
      </c>
      <c r="G2790" t="s">
        <v>79</v>
      </c>
      <c r="H2790" t="s">
        <v>70</v>
      </c>
      <c r="I2790" s="8">
        <v>2026</v>
      </c>
      <c r="J2790" t="s">
        <v>15</v>
      </c>
      <c r="K2790" s="10"/>
      <c r="M2790" s="10"/>
      <c r="N2790">
        <v>0</v>
      </c>
    </row>
    <row r="2791" spans="1:14" hidden="1">
      <c r="A2791" s="7" t="s">
        <v>10</v>
      </c>
      <c r="B2791" s="8"/>
      <c r="C2791" s="8" t="s">
        <v>62</v>
      </c>
      <c r="D2791" t="s">
        <v>77</v>
      </c>
      <c r="E2791" s="8" t="s">
        <v>24</v>
      </c>
      <c r="F2791" t="s">
        <v>70</v>
      </c>
      <c r="G2791" t="s">
        <v>79</v>
      </c>
      <c r="H2791" t="s">
        <v>70</v>
      </c>
      <c r="I2791" s="8">
        <v>2026</v>
      </c>
      <c r="J2791" t="s">
        <v>50</v>
      </c>
      <c r="K2791" s="10"/>
      <c r="M2791" s="10"/>
      <c r="N2791">
        <v>0</v>
      </c>
    </row>
    <row r="2792" spans="1:14" hidden="1">
      <c r="A2792" s="7" t="s">
        <v>10</v>
      </c>
      <c r="B2792" s="8"/>
      <c r="C2792" s="8" t="s">
        <v>62</v>
      </c>
      <c r="D2792" t="s">
        <v>77</v>
      </c>
      <c r="E2792" s="8" t="s">
        <v>24</v>
      </c>
      <c r="F2792" t="s">
        <v>70</v>
      </c>
      <c r="G2792" t="s">
        <v>19</v>
      </c>
      <c r="H2792" t="s">
        <v>70</v>
      </c>
      <c r="I2792" s="8">
        <v>2026</v>
      </c>
      <c r="J2792" t="s">
        <v>19</v>
      </c>
      <c r="K2792" s="10"/>
      <c r="M2792" s="10"/>
      <c r="N2792">
        <v>0</v>
      </c>
    </row>
    <row r="2793" spans="1:14" hidden="1">
      <c r="A2793" s="7" t="s">
        <v>10</v>
      </c>
      <c r="B2793" s="8"/>
      <c r="C2793" s="8" t="s">
        <v>62</v>
      </c>
      <c r="D2793" t="s">
        <v>77</v>
      </c>
      <c r="E2793" s="8" t="s">
        <v>24</v>
      </c>
      <c r="F2793" t="s">
        <v>70</v>
      </c>
      <c r="G2793" t="s">
        <v>78</v>
      </c>
      <c r="H2793" t="s">
        <v>70</v>
      </c>
      <c r="I2793" s="8">
        <v>2026</v>
      </c>
      <c r="J2793" t="s">
        <v>21</v>
      </c>
      <c r="K2793" s="10"/>
      <c r="M2793" s="10"/>
      <c r="N2793">
        <v>0</v>
      </c>
    </row>
    <row r="2794" spans="1:14" hidden="1">
      <c r="A2794" s="7" t="s">
        <v>10</v>
      </c>
      <c r="B2794" s="8"/>
      <c r="C2794" s="8" t="s">
        <v>62</v>
      </c>
      <c r="D2794" t="s">
        <v>77</v>
      </c>
      <c r="E2794" s="8" t="s">
        <v>24</v>
      </c>
      <c r="F2794" t="s">
        <v>70</v>
      </c>
      <c r="G2794" t="s">
        <v>78</v>
      </c>
      <c r="H2794" t="s">
        <v>70</v>
      </c>
      <c r="I2794" s="8">
        <v>2026</v>
      </c>
      <c r="J2794" t="s">
        <v>51</v>
      </c>
      <c r="K2794" s="10"/>
      <c r="M2794" s="10"/>
      <c r="N2794">
        <v>0</v>
      </c>
    </row>
    <row r="2795" spans="1:14" hidden="1">
      <c r="A2795" s="7" t="s">
        <v>10</v>
      </c>
      <c r="B2795" s="8"/>
      <c r="C2795" s="8" t="s">
        <v>62</v>
      </c>
      <c r="D2795" t="s">
        <v>77</v>
      </c>
      <c r="E2795" s="8" t="s">
        <v>24</v>
      </c>
      <c r="F2795" t="s">
        <v>70</v>
      </c>
      <c r="G2795" t="s">
        <v>78</v>
      </c>
      <c r="H2795" t="s">
        <v>70</v>
      </c>
      <c r="I2795" s="8">
        <v>2027</v>
      </c>
      <c r="J2795" t="s">
        <v>47</v>
      </c>
      <c r="K2795" s="10"/>
      <c r="M2795" s="10"/>
      <c r="N2795">
        <v>0</v>
      </c>
    </row>
    <row r="2796" spans="1:14" hidden="1">
      <c r="A2796" s="7" t="s">
        <v>10</v>
      </c>
      <c r="B2796" s="8"/>
      <c r="C2796" s="8" t="s">
        <v>62</v>
      </c>
      <c r="D2796" t="s">
        <v>77</v>
      </c>
      <c r="E2796" s="8" t="s">
        <v>24</v>
      </c>
      <c r="F2796" t="s">
        <v>70</v>
      </c>
      <c r="G2796" t="s">
        <v>78</v>
      </c>
      <c r="H2796" t="s">
        <v>70</v>
      </c>
      <c r="I2796" s="8">
        <v>2027</v>
      </c>
      <c r="J2796" t="s">
        <v>48</v>
      </c>
      <c r="K2796" s="10"/>
      <c r="M2796" s="10"/>
      <c r="N2796">
        <v>0</v>
      </c>
    </row>
    <row r="2797" spans="1:14" hidden="1">
      <c r="A2797" s="7" t="s">
        <v>10</v>
      </c>
      <c r="B2797" s="8"/>
      <c r="C2797" s="8" t="s">
        <v>62</v>
      </c>
      <c r="D2797" t="s">
        <v>77</v>
      </c>
      <c r="E2797" s="8" t="s">
        <v>24</v>
      </c>
      <c r="F2797" t="s">
        <v>70</v>
      </c>
      <c r="G2797" t="s">
        <v>78</v>
      </c>
      <c r="H2797" t="s">
        <v>70</v>
      </c>
      <c r="I2797" s="8">
        <v>2027</v>
      </c>
      <c r="J2797" t="s">
        <v>14</v>
      </c>
      <c r="K2797" s="10">
        <v>4424</v>
      </c>
      <c r="M2797" s="10"/>
      <c r="N2797">
        <v>0</v>
      </c>
    </row>
    <row r="2798" spans="1:14" hidden="1">
      <c r="A2798" s="7" t="s">
        <v>10</v>
      </c>
      <c r="B2798" s="8"/>
      <c r="C2798" s="8" t="s">
        <v>62</v>
      </c>
      <c r="D2798" t="s">
        <v>77</v>
      </c>
      <c r="E2798" s="8" t="s">
        <v>24</v>
      </c>
      <c r="F2798" t="s">
        <v>70</v>
      </c>
      <c r="G2798" t="s">
        <v>78</v>
      </c>
      <c r="H2798" t="s">
        <v>70</v>
      </c>
      <c r="I2798" s="8">
        <v>2027</v>
      </c>
      <c r="J2798" t="s">
        <v>49</v>
      </c>
      <c r="K2798" s="10"/>
      <c r="M2798" s="10"/>
      <c r="N2798">
        <v>0</v>
      </c>
    </row>
    <row r="2799" spans="1:14" hidden="1">
      <c r="A2799" s="7" t="s">
        <v>10</v>
      </c>
      <c r="B2799" s="8"/>
      <c r="C2799" s="8" t="s">
        <v>62</v>
      </c>
      <c r="D2799" t="s">
        <v>77</v>
      </c>
      <c r="E2799" s="8" t="s">
        <v>24</v>
      </c>
      <c r="F2799" t="s">
        <v>70</v>
      </c>
      <c r="G2799" t="s">
        <v>79</v>
      </c>
      <c r="H2799" t="s">
        <v>70</v>
      </c>
      <c r="I2799" s="8">
        <v>2027</v>
      </c>
      <c r="J2799" t="s">
        <v>15</v>
      </c>
      <c r="K2799" s="10"/>
      <c r="M2799" s="10"/>
      <c r="N2799">
        <v>0</v>
      </c>
    </row>
    <row r="2800" spans="1:14" hidden="1">
      <c r="A2800" s="7" t="s">
        <v>10</v>
      </c>
      <c r="B2800" s="8"/>
      <c r="C2800" s="8" t="s">
        <v>62</v>
      </c>
      <c r="D2800" t="s">
        <v>77</v>
      </c>
      <c r="E2800" s="8" t="s">
        <v>24</v>
      </c>
      <c r="F2800" t="s">
        <v>70</v>
      </c>
      <c r="G2800" t="s">
        <v>79</v>
      </c>
      <c r="H2800" t="s">
        <v>70</v>
      </c>
      <c r="I2800" s="8">
        <v>2027</v>
      </c>
      <c r="J2800" t="s">
        <v>50</v>
      </c>
      <c r="K2800" s="10"/>
      <c r="M2800" s="10"/>
      <c r="N2800">
        <v>0</v>
      </c>
    </row>
    <row r="2801" spans="1:14" hidden="1">
      <c r="A2801" s="7" t="s">
        <v>10</v>
      </c>
      <c r="B2801" s="8"/>
      <c r="C2801" s="8" t="s">
        <v>62</v>
      </c>
      <c r="D2801" t="s">
        <v>77</v>
      </c>
      <c r="E2801" s="8" t="s">
        <v>24</v>
      </c>
      <c r="F2801" t="s">
        <v>70</v>
      </c>
      <c r="G2801" t="s">
        <v>19</v>
      </c>
      <c r="H2801" t="s">
        <v>70</v>
      </c>
      <c r="I2801" s="8">
        <v>2027</v>
      </c>
      <c r="J2801" t="s">
        <v>19</v>
      </c>
      <c r="K2801" s="10"/>
      <c r="M2801" s="10"/>
      <c r="N2801">
        <v>0</v>
      </c>
    </row>
    <row r="2802" spans="1:14" hidden="1">
      <c r="A2802" s="7" t="s">
        <v>10</v>
      </c>
      <c r="B2802" s="8"/>
      <c r="C2802" s="8" t="s">
        <v>62</v>
      </c>
      <c r="D2802" t="s">
        <v>77</v>
      </c>
      <c r="E2802" s="8" t="s">
        <v>24</v>
      </c>
      <c r="F2802" t="s">
        <v>70</v>
      </c>
      <c r="G2802" t="s">
        <v>78</v>
      </c>
      <c r="H2802" t="s">
        <v>70</v>
      </c>
      <c r="I2802" s="8">
        <v>2027</v>
      </c>
      <c r="J2802" t="s">
        <v>21</v>
      </c>
      <c r="K2802" s="10"/>
      <c r="M2802" s="10"/>
      <c r="N2802">
        <v>0</v>
      </c>
    </row>
    <row r="2803" spans="1:14" hidden="1">
      <c r="A2803" s="7" t="s">
        <v>10</v>
      </c>
      <c r="B2803" s="8"/>
      <c r="C2803" s="8" t="s">
        <v>62</v>
      </c>
      <c r="D2803" t="s">
        <v>77</v>
      </c>
      <c r="E2803" s="8" t="s">
        <v>24</v>
      </c>
      <c r="F2803" t="s">
        <v>70</v>
      </c>
      <c r="G2803" t="s">
        <v>78</v>
      </c>
      <c r="H2803" t="s">
        <v>70</v>
      </c>
      <c r="I2803" s="8">
        <v>2027</v>
      </c>
      <c r="J2803" t="s">
        <v>51</v>
      </c>
      <c r="K2803" s="10"/>
      <c r="M2803" s="10"/>
      <c r="N2803">
        <v>0</v>
      </c>
    </row>
    <row r="2804" spans="1:14" hidden="1">
      <c r="A2804" s="7" t="s">
        <v>10</v>
      </c>
      <c r="B2804" s="8"/>
      <c r="C2804" s="8" t="s">
        <v>62</v>
      </c>
      <c r="D2804" t="s">
        <v>77</v>
      </c>
      <c r="E2804" s="8" t="s">
        <v>24</v>
      </c>
      <c r="F2804" t="s">
        <v>70</v>
      </c>
      <c r="G2804" t="s">
        <v>78</v>
      </c>
      <c r="H2804" t="s">
        <v>70</v>
      </c>
      <c r="I2804" s="8">
        <v>2028</v>
      </c>
      <c r="J2804" t="s">
        <v>47</v>
      </c>
      <c r="K2804" s="10"/>
      <c r="M2804" s="10"/>
      <c r="N2804">
        <v>0</v>
      </c>
    </row>
    <row r="2805" spans="1:14" hidden="1">
      <c r="A2805" s="7" t="s">
        <v>10</v>
      </c>
      <c r="B2805" s="8"/>
      <c r="C2805" s="8" t="s">
        <v>62</v>
      </c>
      <c r="D2805" t="s">
        <v>77</v>
      </c>
      <c r="E2805" s="8" t="s">
        <v>24</v>
      </c>
      <c r="F2805" t="s">
        <v>70</v>
      </c>
      <c r="G2805" t="s">
        <v>78</v>
      </c>
      <c r="H2805" t="s">
        <v>70</v>
      </c>
      <c r="I2805" s="8">
        <v>2028</v>
      </c>
      <c r="J2805" t="s">
        <v>48</v>
      </c>
      <c r="K2805" s="10"/>
      <c r="M2805" s="10"/>
      <c r="N2805">
        <v>0</v>
      </c>
    </row>
    <row r="2806" spans="1:14" hidden="1">
      <c r="A2806" s="7" t="s">
        <v>10</v>
      </c>
      <c r="B2806" s="8"/>
      <c r="C2806" s="8" t="s">
        <v>62</v>
      </c>
      <c r="D2806" t="s">
        <v>77</v>
      </c>
      <c r="E2806" s="8" t="s">
        <v>24</v>
      </c>
      <c r="F2806" t="s">
        <v>70</v>
      </c>
      <c r="G2806" t="s">
        <v>78</v>
      </c>
      <c r="H2806" t="s">
        <v>70</v>
      </c>
      <c r="I2806" s="8">
        <v>2028</v>
      </c>
      <c r="J2806" t="s">
        <v>14</v>
      </c>
      <c r="K2806" s="10">
        <v>8831</v>
      </c>
      <c r="M2806" s="10"/>
      <c r="N2806">
        <v>0</v>
      </c>
    </row>
    <row r="2807" spans="1:14" hidden="1">
      <c r="A2807" s="7" t="s">
        <v>10</v>
      </c>
      <c r="B2807" s="8"/>
      <c r="C2807" s="8" t="s">
        <v>62</v>
      </c>
      <c r="D2807" t="s">
        <v>77</v>
      </c>
      <c r="E2807" s="8" t="s">
        <v>24</v>
      </c>
      <c r="F2807" t="s">
        <v>70</v>
      </c>
      <c r="G2807" t="s">
        <v>78</v>
      </c>
      <c r="H2807" t="s">
        <v>70</v>
      </c>
      <c r="I2807" s="8">
        <v>2028</v>
      </c>
      <c r="J2807" t="s">
        <v>49</v>
      </c>
      <c r="K2807" s="10"/>
      <c r="M2807" s="10"/>
      <c r="N2807">
        <v>0</v>
      </c>
    </row>
    <row r="2808" spans="1:14" hidden="1">
      <c r="A2808" s="7" t="s">
        <v>10</v>
      </c>
      <c r="B2808" s="8"/>
      <c r="C2808" s="8" t="s">
        <v>62</v>
      </c>
      <c r="D2808" t="s">
        <v>77</v>
      </c>
      <c r="E2808" s="8" t="s">
        <v>24</v>
      </c>
      <c r="F2808" t="s">
        <v>70</v>
      </c>
      <c r="G2808" t="s">
        <v>79</v>
      </c>
      <c r="H2808" t="s">
        <v>70</v>
      </c>
      <c r="I2808" s="8">
        <v>2028</v>
      </c>
      <c r="J2808" t="s">
        <v>15</v>
      </c>
      <c r="K2808" s="10"/>
      <c r="M2808" s="10"/>
      <c r="N2808">
        <v>0</v>
      </c>
    </row>
    <row r="2809" spans="1:14" hidden="1">
      <c r="A2809" s="7" t="s">
        <v>10</v>
      </c>
      <c r="B2809" s="8"/>
      <c r="C2809" s="8" t="s">
        <v>62</v>
      </c>
      <c r="D2809" t="s">
        <v>77</v>
      </c>
      <c r="E2809" s="8" t="s">
        <v>24</v>
      </c>
      <c r="F2809" t="s">
        <v>70</v>
      </c>
      <c r="G2809" t="s">
        <v>79</v>
      </c>
      <c r="H2809" t="s">
        <v>70</v>
      </c>
      <c r="I2809" s="8">
        <v>2028</v>
      </c>
      <c r="J2809" t="s">
        <v>50</v>
      </c>
      <c r="K2809" s="10"/>
      <c r="M2809" s="10"/>
      <c r="N2809">
        <v>0</v>
      </c>
    </row>
    <row r="2810" spans="1:14" hidden="1">
      <c r="A2810" s="7" t="s">
        <v>10</v>
      </c>
      <c r="B2810" s="8"/>
      <c r="C2810" s="8" t="s">
        <v>62</v>
      </c>
      <c r="D2810" t="s">
        <v>77</v>
      </c>
      <c r="E2810" s="8" t="s">
        <v>24</v>
      </c>
      <c r="F2810" t="s">
        <v>70</v>
      </c>
      <c r="G2810" t="s">
        <v>19</v>
      </c>
      <c r="H2810" t="s">
        <v>70</v>
      </c>
      <c r="I2810" s="8">
        <v>2028</v>
      </c>
      <c r="J2810" t="s">
        <v>19</v>
      </c>
      <c r="K2810" s="10"/>
      <c r="M2810" s="10"/>
      <c r="N2810">
        <v>0</v>
      </c>
    </row>
    <row r="2811" spans="1:14" hidden="1">
      <c r="A2811" s="7" t="s">
        <v>10</v>
      </c>
      <c r="B2811" s="8"/>
      <c r="C2811" s="8" t="s">
        <v>62</v>
      </c>
      <c r="D2811" t="s">
        <v>77</v>
      </c>
      <c r="E2811" s="8" t="s">
        <v>24</v>
      </c>
      <c r="F2811" t="s">
        <v>70</v>
      </c>
      <c r="G2811" t="s">
        <v>78</v>
      </c>
      <c r="H2811" t="s">
        <v>70</v>
      </c>
      <c r="I2811" s="8">
        <v>2028</v>
      </c>
      <c r="J2811" t="s">
        <v>21</v>
      </c>
      <c r="K2811" s="10"/>
      <c r="M2811" s="10"/>
      <c r="N2811">
        <v>0</v>
      </c>
    </row>
    <row r="2812" spans="1:14" hidden="1">
      <c r="A2812" s="7" t="s">
        <v>10</v>
      </c>
      <c r="B2812" s="8"/>
      <c r="C2812" s="8" t="s">
        <v>62</v>
      </c>
      <c r="D2812" t="s">
        <v>77</v>
      </c>
      <c r="E2812" s="8" t="s">
        <v>24</v>
      </c>
      <c r="F2812" t="s">
        <v>70</v>
      </c>
      <c r="G2812" t="s">
        <v>78</v>
      </c>
      <c r="H2812" t="s">
        <v>70</v>
      </c>
      <c r="I2812" s="8">
        <v>2028</v>
      </c>
      <c r="J2812" t="s">
        <v>51</v>
      </c>
      <c r="K2812" s="10"/>
      <c r="M2812" s="10"/>
      <c r="N2812">
        <v>0</v>
      </c>
    </row>
    <row r="2813" spans="1:14" hidden="1">
      <c r="A2813" s="7" t="s">
        <v>10</v>
      </c>
      <c r="B2813" s="8"/>
      <c r="C2813" s="8" t="s">
        <v>62</v>
      </c>
      <c r="D2813" t="s">
        <v>77</v>
      </c>
      <c r="E2813" s="8" t="s">
        <v>24</v>
      </c>
      <c r="F2813" t="s">
        <v>70</v>
      </c>
      <c r="G2813" t="s">
        <v>78</v>
      </c>
      <c r="H2813" t="s">
        <v>70</v>
      </c>
      <c r="I2813" s="8">
        <v>2029</v>
      </c>
      <c r="J2813" t="s">
        <v>47</v>
      </c>
      <c r="K2813" s="10"/>
      <c r="M2813" s="10"/>
      <c r="N2813">
        <v>0</v>
      </c>
    </row>
    <row r="2814" spans="1:14" hidden="1">
      <c r="A2814" s="7" t="s">
        <v>10</v>
      </c>
      <c r="B2814" s="8"/>
      <c r="C2814" s="8" t="s">
        <v>62</v>
      </c>
      <c r="D2814" t="s">
        <v>77</v>
      </c>
      <c r="E2814" s="8" t="s">
        <v>24</v>
      </c>
      <c r="F2814" t="s">
        <v>70</v>
      </c>
      <c r="G2814" t="s">
        <v>78</v>
      </c>
      <c r="H2814" t="s">
        <v>70</v>
      </c>
      <c r="I2814" s="8">
        <v>2029</v>
      </c>
      <c r="J2814" t="s">
        <v>48</v>
      </c>
      <c r="K2814" s="10"/>
      <c r="M2814" s="10"/>
      <c r="N2814">
        <v>0</v>
      </c>
    </row>
    <row r="2815" spans="1:14" hidden="1">
      <c r="A2815" s="7" t="s">
        <v>10</v>
      </c>
      <c r="B2815" s="8"/>
      <c r="C2815" s="8" t="s">
        <v>62</v>
      </c>
      <c r="D2815" t="s">
        <v>77</v>
      </c>
      <c r="E2815" s="8" t="s">
        <v>24</v>
      </c>
      <c r="F2815" t="s">
        <v>70</v>
      </c>
      <c r="G2815" t="s">
        <v>78</v>
      </c>
      <c r="H2815" t="s">
        <v>70</v>
      </c>
      <c r="I2815" s="8">
        <v>2029</v>
      </c>
      <c r="J2815" t="s">
        <v>14</v>
      </c>
      <c r="K2815" s="10">
        <v>16523</v>
      </c>
      <c r="M2815" s="10"/>
      <c r="N2815">
        <v>0</v>
      </c>
    </row>
    <row r="2816" spans="1:14" hidden="1">
      <c r="A2816" s="7" t="s">
        <v>10</v>
      </c>
      <c r="B2816" s="8"/>
      <c r="C2816" s="8" t="s">
        <v>62</v>
      </c>
      <c r="D2816" t="s">
        <v>77</v>
      </c>
      <c r="E2816" s="8" t="s">
        <v>24</v>
      </c>
      <c r="F2816" t="s">
        <v>70</v>
      </c>
      <c r="G2816" t="s">
        <v>78</v>
      </c>
      <c r="H2816" t="s">
        <v>70</v>
      </c>
      <c r="I2816" s="8">
        <v>2029</v>
      </c>
      <c r="J2816" t="s">
        <v>49</v>
      </c>
      <c r="K2816" s="10"/>
      <c r="M2816" s="10"/>
      <c r="N2816">
        <v>0</v>
      </c>
    </row>
    <row r="2817" spans="1:14" hidden="1">
      <c r="A2817" s="7" t="s">
        <v>10</v>
      </c>
      <c r="B2817" s="8"/>
      <c r="C2817" s="8" t="s">
        <v>62</v>
      </c>
      <c r="D2817" t="s">
        <v>77</v>
      </c>
      <c r="E2817" s="8" t="s">
        <v>24</v>
      </c>
      <c r="F2817" t="s">
        <v>70</v>
      </c>
      <c r="G2817" t="s">
        <v>79</v>
      </c>
      <c r="H2817" t="s">
        <v>70</v>
      </c>
      <c r="I2817" s="8">
        <v>2029</v>
      </c>
      <c r="J2817" t="s">
        <v>15</v>
      </c>
      <c r="K2817" s="10"/>
      <c r="M2817" s="10"/>
      <c r="N2817">
        <v>0</v>
      </c>
    </row>
    <row r="2818" spans="1:14" hidden="1">
      <c r="A2818" s="7" t="s">
        <v>10</v>
      </c>
      <c r="B2818" s="8"/>
      <c r="C2818" s="8" t="s">
        <v>62</v>
      </c>
      <c r="D2818" t="s">
        <v>77</v>
      </c>
      <c r="E2818" s="8" t="s">
        <v>24</v>
      </c>
      <c r="F2818" t="s">
        <v>70</v>
      </c>
      <c r="G2818" t="s">
        <v>79</v>
      </c>
      <c r="H2818" t="s">
        <v>70</v>
      </c>
      <c r="I2818" s="8">
        <v>2029</v>
      </c>
      <c r="J2818" t="s">
        <v>50</v>
      </c>
      <c r="K2818" s="10"/>
      <c r="M2818" s="10"/>
      <c r="N2818">
        <v>0</v>
      </c>
    </row>
    <row r="2819" spans="1:14" hidden="1">
      <c r="A2819" s="7" t="s">
        <v>10</v>
      </c>
      <c r="B2819" s="8"/>
      <c r="C2819" s="8" t="s">
        <v>62</v>
      </c>
      <c r="D2819" t="s">
        <v>77</v>
      </c>
      <c r="E2819" s="8" t="s">
        <v>24</v>
      </c>
      <c r="F2819" t="s">
        <v>70</v>
      </c>
      <c r="G2819" t="s">
        <v>19</v>
      </c>
      <c r="H2819" t="s">
        <v>70</v>
      </c>
      <c r="I2819" s="8">
        <v>2029</v>
      </c>
      <c r="J2819" t="s">
        <v>19</v>
      </c>
      <c r="K2819" s="10"/>
      <c r="M2819" s="10"/>
      <c r="N2819">
        <v>0</v>
      </c>
    </row>
    <row r="2820" spans="1:14" hidden="1">
      <c r="A2820" s="7" t="s">
        <v>10</v>
      </c>
      <c r="B2820" s="8"/>
      <c r="C2820" s="8" t="s">
        <v>62</v>
      </c>
      <c r="D2820" t="s">
        <v>77</v>
      </c>
      <c r="E2820" s="8" t="s">
        <v>24</v>
      </c>
      <c r="F2820" t="s">
        <v>70</v>
      </c>
      <c r="G2820" t="s">
        <v>78</v>
      </c>
      <c r="H2820" t="s">
        <v>70</v>
      </c>
      <c r="I2820" s="8">
        <v>2029</v>
      </c>
      <c r="J2820" t="s">
        <v>21</v>
      </c>
      <c r="K2820" s="10"/>
      <c r="M2820" s="10"/>
      <c r="N2820">
        <v>0</v>
      </c>
    </row>
    <row r="2821" spans="1:14" hidden="1">
      <c r="A2821" s="7" t="s">
        <v>10</v>
      </c>
      <c r="B2821" s="8"/>
      <c r="C2821" s="8" t="s">
        <v>62</v>
      </c>
      <c r="D2821" t="s">
        <v>77</v>
      </c>
      <c r="E2821" s="8" t="s">
        <v>24</v>
      </c>
      <c r="F2821" t="s">
        <v>70</v>
      </c>
      <c r="G2821" t="s">
        <v>78</v>
      </c>
      <c r="H2821" t="s">
        <v>70</v>
      </c>
      <c r="I2821" s="8">
        <v>2029</v>
      </c>
      <c r="J2821" t="s">
        <v>51</v>
      </c>
      <c r="K2821" s="10"/>
      <c r="M2821" s="10"/>
      <c r="N2821">
        <v>0</v>
      </c>
    </row>
    <row r="2822" spans="1:14" hidden="1">
      <c r="A2822" s="7" t="s">
        <v>10</v>
      </c>
      <c r="B2822" s="8"/>
      <c r="C2822" s="8" t="s">
        <v>62</v>
      </c>
      <c r="D2822" t="s">
        <v>77</v>
      </c>
      <c r="E2822" s="8" t="s">
        <v>24</v>
      </c>
      <c r="F2822" t="s">
        <v>70</v>
      </c>
      <c r="G2822" t="s">
        <v>78</v>
      </c>
      <c r="H2822" t="s">
        <v>70</v>
      </c>
      <c r="I2822" s="8">
        <v>2030</v>
      </c>
      <c r="J2822" t="s">
        <v>47</v>
      </c>
      <c r="K2822" s="10"/>
      <c r="M2822" s="10"/>
      <c r="N2822">
        <v>0</v>
      </c>
    </row>
    <row r="2823" spans="1:14" hidden="1">
      <c r="A2823" s="7" t="s">
        <v>10</v>
      </c>
      <c r="B2823" s="8"/>
      <c r="C2823" s="8" t="s">
        <v>62</v>
      </c>
      <c r="D2823" t="s">
        <v>77</v>
      </c>
      <c r="E2823" s="8" t="s">
        <v>24</v>
      </c>
      <c r="F2823" t="s">
        <v>70</v>
      </c>
      <c r="G2823" t="s">
        <v>78</v>
      </c>
      <c r="H2823" t="s">
        <v>70</v>
      </c>
      <c r="I2823" s="8">
        <v>2030</v>
      </c>
      <c r="J2823" t="s">
        <v>48</v>
      </c>
      <c r="K2823" s="10"/>
      <c r="M2823" s="10"/>
      <c r="N2823">
        <v>0</v>
      </c>
    </row>
    <row r="2824" spans="1:14" hidden="1">
      <c r="A2824" s="7" t="s">
        <v>10</v>
      </c>
      <c r="B2824" s="8"/>
      <c r="C2824" s="8" t="s">
        <v>62</v>
      </c>
      <c r="D2824" t="s">
        <v>77</v>
      </c>
      <c r="E2824" s="8" t="s">
        <v>24</v>
      </c>
      <c r="F2824" t="s">
        <v>70</v>
      </c>
      <c r="G2824" t="s">
        <v>78</v>
      </c>
      <c r="H2824" t="s">
        <v>70</v>
      </c>
      <c r="I2824" s="8">
        <v>2030</v>
      </c>
      <c r="J2824" t="s">
        <v>14</v>
      </c>
      <c r="K2824" s="10">
        <v>19405</v>
      </c>
      <c r="M2824" s="10"/>
      <c r="N2824">
        <v>0</v>
      </c>
    </row>
    <row r="2825" spans="1:14" hidden="1">
      <c r="A2825" s="7" t="s">
        <v>10</v>
      </c>
      <c r="B2825" s="8"/>
      <c r="C2825" s="8" t="s">
        <v>62</v>
      </c>
      <c r="D2825" t="s">
        <v>77</v>
      </c>
      <c r="E2825" s="8" t="s">
        <v>24</v>
      </c>
      <c r="F2825" t="s">
        <v>70</v>
      </c>
      <c r="G2825" t="s">
        <v>78</v>
      </c>
      <c r="H2825" t="s">
        <v>70</v>
      </c>
      <c r="I2825" s="8">
        <v>2030</v>
      </c>
      <c r="J2825" t="s">
        <v>49</v>
      </c>
      <c r="K2825" s="10"/>
      <c r="M2825" s="10"/>
      <c r="N2825">
        <v>0</v>
      </c>
    </row>
    <row r="2826" spans="1:14" hidden="1">
      <c r="A2826" s="7" t="s">
        <v>10</v>
      </c>
      <c r="B2826" s="8"/>
      <c r="C2826" s="8" t="s">
        <v>62</v>
      </c>
      <c r="D2826" t="s">
        <v>77</v>
      </c>
      <c r="E2826" s="8" t="s">
        <v>24</v>
      </c>
      <c r="F2826" t="s">
        <v>70</v>
      </c>
      <c r="G2826" t="s">
        <v>79</v>
      </c>
      <c r="H2826" t="s">
        <v>70</v>
      </c>
      <c r="I2826" s="8">
        <v>2030</v>
      </c>
      <c r="J2826" t="s">
        <v>15</v>
      </c>
      <c r="K2826" s="10"/>
      <c r="M2826" s="10"/>
      <c r="N2826">
        <v>0</v>
      </c>
    </row>
    <row r="2827" spans="1:14" hidden="1">
      <c r="A2827" s="7" t="s">
        <v>10</v>
      </c>
      <c r="B2827" s="8"/>
      <c r="C2827" s="8" t="s">
        <v>62</v>
      </c>
      <c r="D2827" t="s">
        <v>77</v>
      </c>
      <c r="E2827" s="8" t="s">
        <v>24</v>
      </c>
      <c r="F2827" t="s">
        <v>70</v>
      </c>
      <c r="G2827" t="s">
        <v>79</v>
      </c>
      <c r="H2827" t="s">
        <v>70</v>
      </c>
      <c r="I2827" s="8">
        <v>2030</v>
      </c>
      <c r="J2827" t="s">
        <v>50</v>
      </c>
      <c r="K2827" s="10"/>
      <c r="M2827" s="10"/>
      <c r="N2827">
        <v>0</v>
      </c>
    </row>
    <row r="2828" spans="1:14" hidden="1">
      <c r="A2828" s="7" t="s">
        <v>10</v>
      </c>
      <c r="B2828" s="8"/>
      <c r="C2828" s="8" t="s">
        <v>62</v>
      </c>
      <c r="D2828" t="s">
        <v>77</v>
      </c>
      <c r="E2828" s="8" t="s">
        <v>24</v>
      </c>
      <c r="F2828" t="s">
        <v>70</v>
      </c>
      <c r="G2828" t="s">
        <v>19</v>
      </c>
      <c r="H2828" t="s">
        <v>70</v>
      </c>
      <c r="I2828" s="8">
        <v>2030</v>
      </c>
      <c r="J2828" t="s">
        <v>19</v>
      </c>
      <c r="K2828" s="10"/>
      <c r="M2828" s="10"/>
      <c r="N2828">
        <v>0</v>
      </c>
    </row>
    <row r="2829" spans="1:14" hidden="1">
      <c r="A2829" s="7" t="s">
        <v>10</v>
      </c>
      <c r="B2829" s="8"/>
      <c r="C2829" s="8" t="s">
        <v>62</v>
      </c>
      <c r="D2829" t="s">
        <v>77</v>
      </c>
      <c r="E2829" s="8" t="s">
        <v>24</v>
      </c>
      <c r="F2829" t="s">
        <v>70</v>
      </c>
      <c r="G2829" t="s">
        <v>78</v>
      </c>
      <c r="H2829" t="s">
        <v>70</v>
      </c>
      <c r="I2829" s="8">
        <v>2030</v>
      </c>
      <c r="J2829" t="s">
        <v>21</v>
      </c>
      <c r="K2829" s="10"/>
      <c r="M2829" s="10"/>
      <c r="N2829">
        <v>0</v>
      </c>
    </row>
    <row r="2830" spans="1:14" hidden="1">
      <c r="A2830" s="7" t="s">
        <v>10</v>
      </c>
      <c r="B2830" s="8"/>
      <c r="C2830" s="8" t="s">
        <v>62</v>
      </c>
      <c r="D2830" t="s">
        <v>77</v>
      </c>
      <c r="E2830" s="8" t="s">
        <v>24</v>
      </c>
      <c r="F2830" t="s">
        <v>70</v>
      </c>
      <c r="G2830" t="s">
        <v>78</v>
      </c>
      <c r="H2830" t="s">
        <v>70</v>
      </c>
      <c r="I2830" s="8">
        <v>2030</v>
      </c>
      <c r="J2830" t="s">
        <v>51</v>
      </c>
      <c r="K2830" s="10"/>
      <c r="M2830" s="10"/>
      <c r="N2830">
        <v>0</v>
      </c>
    </row>
    <row r="2831" spans="1:14" hidden="1">
      <c r="A2831" s="7" t="s">
        <v>10</v>
      </c>
      <c r="B2831" s="8"/>
      <c r="C2831" s="8" t="s">
        <v>62</v>
      </c>
      <c r="D2831" t="s">
        <v>77</v>
      </c>
      <c r="E2831" s="8" t="s">
        <v>24</v>
      </c>
      <c r="F2831" t="s">
        <v>70</v>
      </c>
      <c r="G2831" t="s">
        <v>78</v>
      </c>
      <c r="H2831" t="s">
        <v>70</v>
      </c>
      <c r="I2831" s="8">
        <v>2031</v>
      </c>
      <c r="J2831" t="s">
        <v>47</v>
      </c>
      <c r="K2831" s="10"/>
      <c r="M2831" s="10"/>
      <c r="N2831">
        <v>0</v>
      </c>
    </row>
    <row r="2832" spans="1:14" hidden="1">
      <c r="A2832" s="7" t="s">
        <v>10</v>
      </c>
      <c r="B2832" s="8"/>
      <c r="C2832" s="8" t="s">
        <v>62</v>
      </c>
      <c r="D2832" t="s">
        <v>77</v>
      </c>
      <c r="E2832" s="8" t="s">
        <v>24</v>
      </c>
      <c r="F2832" t="s">
        <v>70</v>
      </c>
      <c r="G2832" t="s">
        <v>78</v>
      </c>
      <c r="H2832" t="s">
        <v>70</v>
      </c>
      <c r="I2832" s="8">
        <v>2031</v>
      </c>
      <c r="J2832" t="s">
        <v>48</v>
      </c>
      <c r="K2832" s="10"/>
      <c r="M2832" s="10"/>
      <c r="N2832">
        <v>0</v>
      </c>
    </row>
    <row r="2833" spans="1:14" hidden="1">
      <c r="A2833" s="7" t="s">
        <v>10</v>
      </c>
      <c r="B2833" s="8"/>
      <c r="C2833" s="8" t="s">
        <v>62</v>
      </c>
      <c r="D2833" t="s">
        <v>77</v>
      </c>
      <c r="E2833" s="8" t="s">
        <v>24</v>
      </c>
      <c r="F2833" t="s">
        <v>70</v>
      </c>
      <c r="G2833" t="s">
        <v>78</v>
      </c>
      <c r="H2833" t="s">
        <v>70</v>
      </c>
      <c r="I2833" s="8">
        <v>2031</v>
      </c>
      <c r="J2833" t="s">
        <v>14</v>
      </c>
      <c r="K2833" s="10">
        <v>20238</v>
      </c>
      <c r="M2833" s="10"/>
      <c r="N2833">
        <v>0</v>
      </c>
    </row>
    <row r="2834" spans="1:14" hidden="1">
      <c r="A2834" s="7" t="s">
        <v>10</v>
      </c>
      <c r="B2834" s="8"/>
      <c r="C2834" s="8" t="s">
        <v>62</v>
      </c>
      <c r="D2834" t="s">
        <v>77</v>
      </c>
      <c r="E2834" s="8" t="s">
        <v>24</v>
      </c>
      <c r="F2834" t="s">
        <v>70</v>
      </c>
      <c r="G2834" t="s">
        <v>78</v>
      </c>
      <c r="H2834" t="s">
        <v>70</v>
      </c>
      <c r="I2834" s="8">
        <v>2031</v>
      </c>
      <c r="J2834" t="s">
        <v>49</v>
      </c>
      <c r="K2834" s="10"/>
      <c r="M2834" s="10"/>
      <c r="N2834">
        <v>0</v>
      </c>
    </row>
    <row r="2835" spans="1:14" hidden="1">
      <c r="A2835" s="7" t="s">
        <v>10</v>
      </c>
      <c r="B2835" s="8"/>
      <c r="C2835" s="8" t="s">
        <v>62</v>
      </c>
      <c r="D2835" t="s">
        <v>77</v>
      </c>
      <c r="E2835" s="8" t="s">
        <v>24</v>
      </c>
      <c r="F2835" t="s">
        <v>70</v>
      </c>
      <c r="G2835" t="s">
        <v>79</v>
      </c>
      <c r="H2835" t="s">
        <v>70</v>
      </c>
      <c r="I2835" s="8">
        <v>2031</v>
      </c>
      <c r="J2835" t="s">
        <v>15</v>
      </c>
      <c r="K2835" s="10"/>
      <c r="M2835" s="10"/>
      <c r="N2835">
        <v>0</v>
      </c>
    </row>
    <row r="2836" spans="1:14" hidden="1">
      <c r="A2836" s="7" t="s">
        <v>10</v>
      </c>
      <c r="B2836" s="8"/>
      <c r="C2836" s="8" t="s">
        <v>62</v>
      </c>
      <c r="D2836" t="s">
        <v>77</v>
      </c>
      <c r="E2836" s="8" t="s">
        <v>24</v>
      </c>
      <c r="F2836" t="s">
        <v>70</v>
      </c>
      <c r="G2836" t="s">
        <v>79</v>
      </c>
      <c r="H2836" t="s">
        <v>70</v>
      </c>
      <c r="I2836" s="8">
        <v>2031</v>
      </c>
      <c r="J2836" t="s">
        <v>50</v>
      </c>
      <c r="K2836" s="10"/>
      <c r="M2836" s="10"/>
      <c r="N2836">
        <v>0</v>
      </c>
    </row>
    <row r="2837" spans="1:14" hidden="1">
      <c r="A2837" s="7" t="s">
        <v>10</v>
      </c>
      <c r="B2837" s="8"/>
      <c r="C2837" s="8" t="s">
        <v>62</v>
      </c>
      <c r="D2837" t="s">
        <v>77</v>
      </c>
      <c r="E2837" s="8" t="s">
        <v>24</v>
      </c>
      <c r="F2837" t="s">
        <v>70</v>
      </c>
      <c r="G2837" t="s">
        <v>19</v>
      </c>
      <c r="H2837" t="s">
        <v>70</v>
      </c>
      <c r="I2837" s="8">
        <v>2031</v>
      </c>
      <c r="J2837" t="s">
        <v>19</v>
      </c>
      <c r="K2837" s="10"/>
      <c r="M2837" s="10"/>
      <c r="N2837">
        <v>0</v>
      </c>
    </row>
    <row r="2838" spans="1:14" hidden="1">
      <c r="A2838" s="7" t="s">
        <v>10</v>
      </c>
      <c r="B2838" s="8"/>
      <c r="C2838" s="8" t="s">
        <v>62</v>
      </c>
      <c r="D2838" t="s">
        <v>77</v>
      </c>
      <c r="E2838" s="8" t="s">
        <v>24</v>
      </c>
      <c r="F2838" t="s">
        <v>70</v>
      </c>
      <c r="G2838" t="s">
        <v>78</v>
      </c>
      <c r="H2838" t="s">
        <v>70</v>
      </c>
      <c r="I2838" s="8">
        <v>2031</v>
      </c>
      <c r="J2838" t="s">
        <v>21</v>
      </c>
      <c r="K2838" s="10"/>
      <c r="M2838" s="10"/>
      <c r="N2838">
        <v>0</v>
      </c>
    </row>
    <row r="2839" spans="1:14" hidden="1">
      <c r="A2839" s="7" t="s">
        <v>10</v>
      </c>
      <c r="B2839" s="8"/>
      <c r="C2839" s="8" t="s">
        <v>62</v>
      </c>
      <c r="D2839" t="s">
        <v>77</v>
      </c>
      <c r="E2839" s="8" t="s">
        <v>24</v>
      </c>
      <c r="F2839" t="s">
        <v>70</v>
      </c>
      <c r="G2839" t="s">
        <v>78</v>
      </c>
      <c r="H2839" t="s">
        <v>70</v>
      </c>
      <c r="I2839" s="8">
        <v>2031</v>
      </c>
      <c r="J2839" t="s">
        <v>51</v>
      </c>
      <c r="K2839" s="10"/>
      <c r="M2839" s="10"/>
      <c r="N2839">
        <v>0</v>
      </c>
    </row>
    <row r="2840" spans="1:14" hidden="1">
      <c r="A2840" s="7" t="s">
        <v>10</v>
      </c>
      <c r="B2840" s="8"/>
      <c r="C2840" s="8" t="s">
        <v>62</v>
      </c>
      <c r="D2840" t="s">
        <v>77</v>
      </c>
      <c r="E2840" s="8" t="s">
        <v>24</v>
      </c>
      <c r="F2840" t="s">
        <v>70</v>
      </c>
      <c r="G2840" t="s">
        <v>78</v>
      </c>
      <c r="H2840" t="s">
        <v>70</v>
      </c>
      <c r="I2840" s="8">
        <v>2032</v>
      </c>
      <c r="J2840" t="s">
        <v>47</v>
      </c>
      <c r="K2840" s="10"/>
      <c r="M2840" s="10"/>
      <c r="N2840">
        <v>0</v>
      </c>
    </row>
    <row r="2841" spans="1:14" hidden="1">
      <c r="A2841" s="7" t="s">
        <v>10</v>
      </c>
      <c r="B2841" s="8"/>
      <c r="C2841" s="8" t="s">
        <v>62</v>
      </c>
      <c r="D2841" t="s">
        <v>77</v>
      </c>
      <c r="E2841" s="8" t="s">
        <v>24</v>
      </c>
      <c r="F2841" t="s">
        <v>70</v>
      </c>
      <c r="G2841" t="s">
        <v>78</v>
      </c>
      <c r="H2841" t="s">
        <v>70</v>
      </c>
      <c r="I2841" s="8">
        <v>2032</v>
      </c>
      <c r="J2841" t="s">
        <v>48</v>
      </c>
      <c r="K2841" s="10"/>
      <c r="M2841" s="10"/>
      <c r="N2841">
        <v>0</v>
      </c>
    </row>
    <row r="2842" spans="1:14" hidden="1">
      <c r="A2842" s="7" t="s">
        <v>10</v>
      </c>
      <c r="B2842" s="8"/>
      <c r="C2842" s="8" t="s">
        <v>62</v>
      </c>
      <c r="D2842" t="s">
        <v>77</v>
      </c>
      <c r="E2842" s="8" t="s">
        <v>24</v>
      </c>
      <c r="F2842" t="s">
        <v>70</v>
      </c>
      <c r="G2842" t="s">
        <v>78</v>
      </c>
      <c r="H2842" t="s">
        <v>70</v>
      </c>
      <c r="I2842" s="8">
        <v>2032</v>
      </c>
      <c r="J2842" t="s">
        <v>14</v>
      </c>
      <c r="K2842" s="10">
        <v>20791</v>
      </c>
      <c r="M2842" s="10"/>
      <c r="N2842">
        <v>0</v>
      </c>
    </row>
    <row r="2843" spans="1:14" hidden="1">
      <c r="A2843" s="7" t="s">
        <v>10</v>
      </c>
      <c r="B2843" s="8"/>
      <c r="C2843" s="8" t="s">
        <v>62</v>
      </c>
      <c r="D2843" t="s">
        <v>77</v>
      </c>
      <c r="E2843" s="8" t="s">
        <v>24</v>
      </c>
      <c r="F2843" t="s">
        <v>70</v>
      </c>
      <c r="G2843" t="s">
        <v>78</v>
      </c>
      <c r="H2843" t="s">
        <v>70</v>
      </c>
      <c r="I2843" s="8">
        <v>2032</v>
      </c>
      <c r="J2843" t="s">
        <v>49</v>
      </c>
      <c r="K2843" s="10"/>
      <c r="M2843" s="10"/>
      <c r="N2843">
        <v>0</v>
      </c>
    </row>
    <row r="2844" spans="1:14" hidden="1">
      <c r="A2844" s="7" t="s">
        <v>10</v>
      </c>
      <c r="B2844" s="8"/>
      <c r="C2844" s="8" t="s">
        <v>62</v>
      </c>
      <c r="D2844" t="s">
        <v>77</v>
      </c>
      <c r="E2844" s="8" t="s">
        <v>24</v>
      </c>
      <c r="F2844" t="s">
        <v>70</v>
      </c>
      <c r="G2844" t="s">
        <v>79</v>
      </c>
      <c r="H2844" t="s">
        <v>70</v>
      </c>
      <c r="I2844" s="8">
        <v>2032</v>
      </c>
      <c r="J2844" t="s">
        <v>15</v>
      </c>
      <c r="K2844" s="10"/>
      <c r="M2844" s="10"/>
      <c r="N2844">
        <v>0</v>
      </c>
    </row>
    <row r="2845" spans="1:14" hidden="1">
      <c r="A2845" s="7" t="s">
        <v>10</v>
      </c>
      <c r="B2845" s="8"/>
      <c r="C2845" s="8" t="s">
        <v>62</v>
      </c>
      <c r="D2845" t="s">
        <v>77</v>
      </c>
      <c r="E2845" s="8" t="s">
        <v>24</v>
      </c>
      <c r="F2845" t="s">
        <v>70</v>
      </c>
      <c r="G2845" t="s">
        <v>79</v>
      </c>
      <c r="H2845" t="s">
        <v>70</v>
      </c>
      <c r="I2845" s="8">
        <v>2032</v>
      </c>
      <c r="J2845" t="s">
        <v>50</v>
      </c>
      <c r="K2845" s="10"/>
      <c r="M2845" s="10"/>
      <c r="N2845">
        <v>0</v>
      </c>
    </row>
    <row r="2846" spans="1:14" hidden="1">
      <c r="A2846" s="7" t="s">
        <v>10</v>
      </c>
      <c r="B2846" s="8"/>
      <c r="C2846" s="8" t="s">
        <v>62</v>
      </c>
      <c r="D2846" t="s">
        <v>77</v>
      </c>
      <c r="E2846" s="8" t="s">
        <v>24</v>
      </c>
      <c r="F2846" t="s">
        <v>70</v>
      </c>
      <c r="G2846" t="s">
        <v>19</v>
      </c>
      <c r="H2846" t="s">
        <v>70</v>
      </c>
      <c r="I2846" s="8">
        <v>2032</v>
      </c>
      <c r="J2846" t="s">
        <v>19</v>
      </c>
      <c r="K2846" s="10"/>
      <c r="M2846" s="10"/>
      <c r="N2846">
        <v>0</v>
      </c>
    </row>
    <row r="2847" spans="1:14" hidden="1">
      <c r="A2847" s="7" t="s">
        <v>10</v>
      </c>
      <c r="B2847" s="8"/>
      <c r="C2847" s="8" t="s">
        <v>62</v>
      </c>
      <c r="D2847" t="s">
        <v>77</v>
      </c>
      <c r="E2847" s="8" t="s">
        <v>24</v>
      </c>
      <c r="F2847" t="s">
        <v>70</v>
      </c>
      <c r="G2847" t="s">
        <v>78</v>
      </c>
      <c r="H2847" t="s">
        <v>70</v>
      </c>
      <c r="I2847" s="8">
        <v>2032</v>
      </c>
      <c r="J2847" t="s">
        <v>21</v>
      </c>
      <c r="K2847" s="10"/>
      <c r="M2847" s="10"/>
      <c r="N2847">
        <v>0</v>
      </c>
    </row>
    <row r="2848" spans="1:14" hidden="1">
      <c r="A2848" s="7" t="s">
        <v>10</v>
      </c>
      <c r="B2848" s="8"/>
      <c r="C2848" s="8" t="s">
        <v>62</v>
      </c>
      <c r="D2848" t="s">
        <v>77</v>
      </c>
      <c r="E2848" s="8" t="s">
        <v>24</v>
      </c>
      <c r="F2848" t="s">
        <v>70</v>
      </c>
      <c r="G2848" t="s">
        <v>78</v>
      </c>
      <c r="H2848" t="s">
        <v>70</v>
      </c>
      <c r="I2848" s="8">
        <v>2032</v>
      </c>
      <c r="J2848" t="s">
        <v>51</v>
      </c>
      <c r="K2848" s="10"/>
      <c r="M2848" s="10"/>
      <c r="N2848">
        <v>0</v>
      </c>
    </row>
    <row r="2849" spans="1:14" hidden="1">
      <c r="A2849" s="7" t="s">
        <v>10</v>
      </c>
      <c r="B2849" s="8"/>
      <c r="C2849" s="8" t="s">
        <v>62</v>
      </c>
      <c r="D2849" t="s">
        <v>77</v>
      </c>
      <c r="E2849" s="8" t="s">
        <v>24</v>
      </c>
      <c r="F2849" t="s">
        <v>70</v>
      </c>
      <c r="G2849" t="s">
        <v>78</v>
      </c>
      <c r="H2849" t="s">
        <v>70</v>
      </c>
      <c r="I2849" s="8">
        <v>2033</v>
      </c>
      <c r="J2849" t="s">
        <v>47</v>
      </c>
      <c r="K2849" s="10"/>
      <c r="M2849" s="10"/>
      <c r="N2849">
        <v>0</v>
      </c>
    </row>
    <row r="2850" spans="1:14" hidden="1">
      <c r="A2850" s="7" t="s">
        <v>10</v>
      </c>
      <c r="B2850" s="8"/>
      <c r="C2850" s="8" t="s">
        <v>62</v>
      </c>
      <c r="D2850" t="s">
        <v>77</v>
      </c>
      <c r="E2850" s="8" t="s">
        <v>24</v>
      </c>
      <c r="F2850" t="s">
        <v>70</v>
      </c>
      <c r="G2850" t="s">
        <v>78</v>
      </c>
      <c r="H2850" t="s">
        <v>70</v>
      </c>
      <c r="I2850" s="8">
        <v>2033</v>
      </c>
      <c r="J2850" t="s">
        <v>48</v>
      </c>
      <c r="K2850" s="10"/>
      <c r="M2850" s="10"/>
      <c r="N2850">
        <v>0</v>
      </c>
    </row>
    <row r="2851" spans="1:14" hidden="1">
      <c r="A2851" s="7" t="s">
        <v>10</v>
      </c>
      <c r="B2851" s="8"/>
      <c r="C2851" s="8" t="s">
        <v>62</v>
      </c>
      <c r="D2851" t="s">
        <v>77</v>
      </c>
      <c r="E2851" s="8" t="s">
        <v>24</v>
      </c>
      <c r="F2851" t="s">
        <v>70</v>
      </c>
      <c r="G2851" t="s">
        <v>78</v>
      </c>
      <c r="H2851" t="s">
        <v>70</v>
      </c>
      <c r="I2851" s="8">
        <v>2033</v>
      </c>
      <c r="J2851" t="s">
        <v>14</v>
      </c>
      <c r="K2851" s="10">
        <v>20791</v>
      </c>
      <c r="M2851" s="10"/>
      <c r="N2851">
        <v>0</v>
      </c>
    </row>
    <row r="2852" spans="1:14" hidden="1">
      <c r="A2852" s="7" t="s">
        <v>10</v>
      </c>
      <c r="B2852" s="8"/>
      <c r="C2852" s="8" t="s">
        <v>62</v>
      </c>
      <c r="D2852" t="s">
        <v>77</v>
      </c>
      <c r="E2852" s="8" t="s">
        <v>24</v>
      </c>
      <c r="F2852" t="s">
        <v>70</v>
      </c>
      <c r="G2852" t="s">
        <v>78</v>
      </c>
      <c r="H2852" t="s">
        <v>70</v>
      </c>
      <c r="I2852" s="8">
        <v>2033</v>
      </c>
      <c r="J2852" t="s">
        <v>49</v>
      </c>
      <c r="K2852" s="10"/>
      <c r="M2852" s="10"/>
      <c r="N2852">
        <v>0</v>
      </c>
    </row>
    <row r="2853" spans="1:14" hidden="1">
      <c r="A2853" s="7" t="s">
        <v>10</v>
      </c>
      <c r="B2853" s="8"/>
      <c r="C2853" s="8" t="s">
        <v>62</v>
      </c>
      <c r="D2853" t="s">
        <v>77</v>
      </c>
      <c r="E2853" s="8" t="s">
        <v>24</v>
      </c>
      <c r="F2853" t="s">
        <v>70</v>
      </c>
      <c r="G2853" t="s">
        <v>79</v>
      </c>
      <c r="H2853" t="s">
        <v>70</v>
      </c>
      <c r="I2853" s="8">
        <v>2033</v>
      </c>
      <c r="J2853" t="s">
        <v>15</v>
      </c>
      <c r="K2853" s="10"/>
      <c r="M2853" s="10"/>
      <c r="N2853">
        <v>0</v>
      </c>
    </row>
    <row r="2854" spans="1:14" hidden="1">
      <c r="A2854" s="7" t="s">
        <v>10</v>
      </c>
      <c r="B2854" s="8"/>
      <c r="C2854" s="8" t="s">
        <v>62</v>
      </c>
      <c r="D2854" t="s">
        <v>77</v>
      </c>
      <c r="E2854" s="8" t="s">
        <v>24</v>
      </c>
      <c r="F2854" t="s">
        <v>70</v>
      </c>
      <c r="G2854" t="s">
        <v>79</v>
      </c>
      <c r="H2854" t="s">
        <v>70</v>
      </c>
      <c r="I2854" s="8">
        <v>2033</v>
      </c>
      <c r="J2854" t="s">
        <v>50</v>
      </c>
      <c r="K2854" s="10"/>
      <c r="M2854" s="10"/>
      <c r="N2854">
        <v>0</v>
      </c>
    </row>
    <row r="2855" spans="1:14" hidden="1">
      <c r="A2855" s="7" t="s">
        <v>10</v>
      </c>
      <c r="B2855" s="8"/>
      <c r="C2855" s="8" t="s">
        <v>62</v>
      </c>
      <c r="D2855" t="s">
        <v>77</v>
      </c>
      <c r="E2855" s="8" t="s">
        <v>24</v>
      </c>
      <c r="F2855" t="s">
        <v>70</v>
      </c>
      <c r="G2855" t="s">
        <v>19</v>
      </c>
      <c r="H2855" t="s">
        <v>70</v>
      </c>
      <c r="I2855" s="8">
        <v>2033</v>
      </c>
      <c r="J2855" t="s">
        <v>19</v>
      </c>
      <c r="K2855" s="10"/>
      <c r="M2855" s="10"/>
      <c r="N2855">
        <v>0</v>
      </c>
    </row>
    <row r="2856" spans="1:14" hidden="1">
      <c r="A2856" s="7" t="s">
        <v>10</v>
      </c>
      <c r="B2856" s="8"/>
      <c r="C2856" s="8" t="s">
        <v>62</v>
      </c>
      <c r="D2856" t="s">
        <v>77</v>
      </c>
      <c r="E2856" s="8" t="s">
        <v>24</v>
      </c>
      <c r="F2856" t="s">
        <v>70</v>
      </c>
      <c r="G2856" t="s">
        <v>78</v>
      </c>
      <c r="H2856" t="s">
        <v>70</v>
      </c>
      <c r="I2856" s="8">
        <v>2033</v>
      </c>
      <c r="J2856" t="s">
        <v>21</v>
      </c>
      <c r="K2856" s="10"/>
      <c r="M2856" s="10"/>
      <c r="N2856">
        <v>0</v>
      </c>
    </row>
    <row r="2857" spans="1:14" hidden="1">
      <c r="A2857" s="7" t="s">
        <v>10</v>
      </c>
      <c r="B2857" s="8"/>
      <c r="C2857" s="8" t="s">
        <v>62</v>
      </c>
      <c r="D2857" t="s">
        <v>77</v>
      </c>
      <c r="E2857" s="8" t="s">
        <v>24</v>
      </c>
      <c r="F2857" t="s">
        <v>70</v>
      </c>
      <c r="G2857" t="s">
        <v>78</v>
      </c>
      <c r="H2857" t="s">
        <v>70</v>
      </c>
      <c r="I2857" s="8">
        <v>2033</v>
      </c>
      <c r="J2857" t="s">
        <v>51</v>
      </c>
      <c r="K2857" s="10"/>
      <c r="M2857" s="10"/>
      <c r="N2857">
        <v>0</v>
      </c>
    </row>
    <row r="2858" spans="1:14" hidden="1">
      <c r="A2858" s="7" t="s">
        <v>10</v>
      </c>
      <c r="B2858" s="8"/>
      <c r="C2858" s="8" t="s">
        <v>62</v>
      </c>
      <c r="D2858" t="s">
        <v>77</v>
      </c>
      <c r="E2858" s="8" t="s">
        <v>24</v>
      </c>
      <c r="F2858" t="s">
        <v>70</v>
      </c>
      <c r="G2858" t="s">
        <v>78</v>
      </c>
      <c r="H2858" t="s">
        <v>70</v>
      </c>
      <c r="I2858" s="8">
        <v>2034</v>
      </c>
      <c r="J2858" t="s">
        <v>47</v>
      </c>
      <c r="K2858" s="10"/>
      <c r="M2858" s="10"/>
      <c r="N2858">
        <v>0</v>
      </c>
    </row>
    <row r="2859" spans="1:14" hidden="1">
      <c r="A2859" s="7" t="s">
        <v>10</v>
      </c>
      <c r="B2859" s="8"/>
      <c r="C2859" s="8" t="s">
        <v>62</v>
      </c>
      <c r="D2859" t="s">
        <v>77</v>
      </c>
      <c r="E2859" s="8" t="s">
        <v>24</v>
      </c>
      <c r="F2859" t="s">
        <v>70</v>
      </c>
      <c r="G2859" t="s">
        <v>78</v>
      </c>
      <c r="H2859" t="s">
        <v>70</v>
      </c>
      <c r="I2859" s="8">
        <v>2034</v>
      </c>
      <c r="J2859" t="s">
        <v>48</v>
      </c>
      <c r="K2859" s="10"/>
      <c r="M2859" s="10"/>
      <c r="N2859">
        <v>0</v>
      </c>
    </row>
    <row r="2860" spans="1:14" hidden="1">
      <c r="A2860" s="7" t="s">
        <v>10</v>
      </c>
      <c r="B2860" s="8"/>
      <c r="C2860" s="8" t="s">
        <v>62</v>
      </c>
      <c r="D2860" t="s">
        <v>77</v>
      </c>
      <c r="E2860" s="8" t="s">
        <v>24</v>
      </c>
      <c r="F2860" t="s">
        <v>70</v>
      </c>
      <c r="G2860" t="s">
        <v>78</v>
      </c>
      <c r="H2860" t="s">
        <v>70</v>
      </c>
      <c r="I2860" s="8">
        <v>2034</v>
      </c>
      <c r="J2860" t="s">
        <v>14</v>
      </c>
      <c r="K2860" s="10">
        <v>20791</v>
      </c>
      <c r="M2860" s="10"/>
      <c r="N2860">
        <v>0</v>
      </c>
    </row>
    <row r="2861" spans="1:14" hidden="1">
      <c r="A2861" s="7" t="s">
        <v>10</v>
      </c>
      <c r="B2861" s="8"/>
      <c r="C2861" s="8" t="s">
        <v>62</v>
      </c>
      <c r="D2861" t="s">
        <v>77</v>
      </c>
      <c r="E2861" s="8" t="s">
        <v>24</v>
      </c>
      <c r="F2861" t="s">
        <v>70</v>
      </c>
      <c r="G2861" t="s">
        <v>78</v>
      </c>
      <c r="H2861" t="s">
        <v>70</v>
      </c>
      <c r="I2861" s="8">
        <v>2034</v>
      </c>
      <c r="J2861" t="s">
        <v>49</v>
      </c>
      <c r="K2861" s="10"/>
      <c r="M2861" s="10"/>
      <c r="N2861">
        <v>0</v>
      </c>
    </row>
    <row r="2862" spans="1:14" hidden="1">
      <c r="A2862" s="7" t="s">
        <v>10</v>
      </c>
      <c r="B2862" s="8"/>
      <c r="C2862" s="8" t="s">
        <v>62</v>
      </c>
      <c r="D2862" t="s">
        <v>77</v>
      </c>
      <c r="E2862" s="8" t="s">
        <v>24</v>
      </c>
      <c r="F2862" t="s">
        <v>70</v>
      </c>
      <c r="G2862" t="s">
        <v>79</v>
      </c>
      <c r="H2862" t="s">
        <v>70</v>
      </c>
      <c r="I2862" s="8">
        <v>2034</v>
      </c>
      <c r="J2862" t="s">
        <v>15</v>
      </c>
      <c r="K2862" s="10"/>
      <c r="M2862" s="10"/>
      <c r="N2862">
        <v>0</v>
      </c>
    </row>
    <row r="2863" spans="1:14" hidden="1">
      <c r="A2863" s="7" t="s">
        <v>10</v>
      </c>
      <c r="B2863" s="8"/>
      <c r="C2863" s="8" t="s">
        <v>62</v>
      </c>
      <c r="D2863" t="s">
        <v>77</v>
      </c>
      <c r="E2863" s="8" t="s">
        <v>24</v>
      </c>
      <c r="F2863" t="s">
        <v>70</v>
      </c>
      <c r="G2863" t="s">
        <v>79</v>
      </c>
      <c r="H2863" t="s">
        <v>70</v>
      </c>
      <c r="I2863" s="8">
        <v>2034</v>
      </c>
      <c r="J2863" t="s">
        <v>50</v>
      </c>
      <c r="K2863" s="10"/>
      <c r="M2863" s="10"/>
      <c r="N2863">
        <v>0</v>
      </c>
    </row>
    <row r="2864" spans="1:14" hidden="1">
      <c r="A2864" s="7" t="s">
        <v>10</v>
      </c>
      <c r="B2864" s="8"/>
      <c r="C2864" s="8" t="s">
        <v>62</v>
      </c>
      <c r="D2864" t="s">
        <v>77</v>
      </c>
      <c r="E2864" s="8" t="s">
        <v>24</v>
      </c>
      <c r="F2864" t="s">
        <v>70</v>
      </c>
      <c r="G2864" t="s">
        <v>19</v>
      </c>
      <c r="H2864" t="s">
        <v>70</v>
      </c>
      <c r="I2864" s="8">
        <v>2034</v>
      </c>
      <c r="J2864" t="s">
        <v>19</v>
      </c>
      <c r="K2864" s="10"/>
      <c r="M2864" s="10"/>
      <c r="N2864">
        <v>0</v>
      </c>
    </row>
    <row r="2865" spans="1:14" hidden="1">
      <c r="A2865" s="7" t="s">
        <v>10</v>
      </c>
      <c r="B2865" s="8"/>
      <c r="C2865" s="8" t="s">
        <v>62</v>
      </c>
      <c r="D2865" t="s">
        <v>77</v>
      </c>
      <c r="E2865" s="8" t="s">
        <v>24</v>
      </c>
      <c r="F2865" t="s">
        <v>70</v>
      </c>
      <c r="G2865" t="s">
        <v>78</v>
      </c>
      <c r="H2865" t="s">
        <v>70</v>
      </c>
      <c r="I2865" s="8">
        <v>2034</v>
      </c>
      <c r="J2865" t="s">
        <v>21</v>
      </c>
      <c r="K2865" s="10"/>
      <c r="M2865" s="10"/>
      <c r="N2865">
        <v>0</v>
      </c>
    </row>
    <row r="2866" spans="1:14" hidden="1">
      <c r="A2866" s="7" t="s">
        <v>10</v>
      </c>
      <c r="B2866" s="8"/>
      <c r="C2866" s="8" t="s">
        <v>62</v>
      </c>
      <c r="D2866" t="s">
        <v>77</v>
      </c>
      <c r="E2866" s="8" t="s">
        <v>24</v>
      </c>
      <c r="F2866" t="s">
        <v>70</v>
      </c>
      <c r="G2866" t="s">
        <v>78</v>
      </c>
      <c r="H2866" t="s">
        <v>70</v>
      </c>
      <c r="I2866" s="8">
        <v>2034</v>
      </c>
      <c r="J2866" t="s">
        <v>51</v>
      </c>
      <c r="K2866" s="10"/>
      <c r="M2866" s="10"/>
      <c r="N2866">
        <v>0</v>
      </c>
    </row>
    <row r="2867" spans="1:14" hidden="1">
      <c r="A2867" s="7" t="s">
        <v>10</v>
      </c>
      <c r="B2867" s="8"/>
      <c r="C2867" s="8" t="s">
        <v>59</v>
      </c>
      <c r="D2867" t="s">
        <v>77</v>
      </c>
      <c r="E2867" s="8" t="s">
        <v>31</v>
      </c>
      <c r="F2867" t="s">
        <v>70</v>
      </c>
      <c r="G2867" t="s">
        <v>78</v>
      </c>
      <c r="H2867" t="s">
        <v>70</v>
      </c>
      <c r="I2867" s="8">
        <v>2025</v>
      </c>
      <c r="J2867" t="s">
        <v>47</v>
      </c>
      <c r="K2867" s="10"/>
      <c r="M2867" s="10"/>
      <c r="N2867">
        <v>0</v>
      </c>
    </row>
    <row r="2868" spans="1:14" hidden="1">
      <c r="A2868" s="7" t="s">
        <v>10</v>
      </c>
      <c r="B2868" s="8"/>
      <c r="C2868" s="8" t="s">
        <v>59</v>
      </c>
      <c r="D2868" t="s">
        <v>77</v>
      </c>
      <c r="E2868" s="8" t="s">
        <v>31</v>
      </c>
      <c r="F2868" t="s">
        <v>70</v>
      </c>
      <c r="G2868" t="s">
        <v>78</v>
      </c>
      <c r="H2868" t="s">
        <v>70</v>
      </c>
      <c r="I2868" s="8">
        <v>2025</v>
      </c>
      <c r="J2868" t="s">
        <v>48</v>
      </c>
      <c r="K2868" s="10"/>
      <c r="M2868" s="10"/>
      <c r="N2868">
        <v>0</v>
      </c>
    </row>
    <row r="2869" spans="1:14" hidden="1">
      <c r="A2869" s="7" t="s">
        <v>10</v>
      </c>
      <c r="B2869" s="8"/>
      <c r="C2869" s="8" t="s">
        <v>59</v>
      </c>
      <c r="D2869" t="s">
        <v>77</v>
      </c>
      <c r="E2869" s="8" t="s">
        <v>31</v>
      </c>
      <c r="F2869" t="s">
        <v>70</v>
      </c>
      <c r="G2869" t="s">
        <v>78</v>
      </c>
      <c r="H2869" t="s">
        <v>70</v>
      </c>
      <c r="I2869" s="8">
        <v>2025</v>
      </c>
      <c r="J2869" t="s">
        <v>14</v>
      </c>
      <c r="K2869" s="10">
        <v>3675.294117647059</v>
      </c>
      <c r="M2869" s="10"/>
      <c r="N2869">
        <v>0</v>
      </c>
    </row>
    <row r="2870" spans="1:14" hidden="1">
      <c r="A2870" s="7" t="s">
        <v>10</v>
      </c>
      <c r="B2870" s="8"/>
      <c r="C2870" s="8" t="s">
        <v>59</v>
      </c>
      <c r="D2870" t="s">
        <v>77</v>
      </c>
      <c r="E2870" s="8" t="s">
        <v>31</v>
      </c>
      <c r="F2870" t="s">
        <v>70</v>
      </c>
      <c r="G2870" t="s">
        <v>78</v>
      </c>
      <c r="H2870" t="s">
        <v>70</v>
      </c>
      <c r="I2870" s="8">
        <v>2025</v>
      </c>
      <c r="J2870" t="s">
        <v>49</v>
      </c>
      <c r="K2870" s="10"/>
      <c r="M2870" s="10"/>
      <c r="N2870">
        <v>0</v>
      </c>
    </row>
    <row r="2871" spans="1:14" hidden="1">
      <c r="A2871" s="7" t="s">
        <v>10</v>
      </c>
      <c r="B2871" s="8"/>
      <c r="C2871" s="8" t="s">
        <v>59</v>
      </c>
      <c r="D2871" t="s">
        <v>77</v>
      </c>
      <c r="E2871" s="8" t="s">
        <v>31</v>
      </c>
      <c r="F2871" t="s">
        <v>70</v>
      </c>
      <c r="G2871" t="s">
        <v>79</v>
      </c>
      <c r="H2871" t="s">
        <v>70</v>
      </c>
      <c r="I2871" s="8">
        <v>2025</v>
      </c>
      <c r="J2871" t="s">
        <v>15</v>
      </c>
      <c r="K2871" s="10"/>
      <c r="M2871" s="10"/>
      <c r="N2871">
        <v>0</v>
      </c>
    </row>
    <row r="2872" spans="1:14" hidden="1">
      <c r="A2872" s="7" t="s">
        <v>10</v>
      </c>
      <c r="B2872" s="8"/>
      <c r="C2872" s="8" t="s">
        <v>59</v>
      </c>
      <c r="D2872" t="s">
        <v>77</v>
      </c>
      <c r="E2872" s="8" t="s">
        <v>31</v>
      </c>
      <c r="F2872" t="s">
        <v>70</v>
      </c>
      <c r="G2872" t="s">
        <v>79</v>
      </c>
      <c r="H2872" t="s">
        <v>70</v>
      </c>
      <c r="I2872" s="8">
        <v>2025</v>
      </c>
      <c r="J2872" t="s">
        <v>50</v>
      </c>
      <c r="K2872" s="10"/>
      <c r="M2872" s="10"/>
      <c r="N2872">
        <v>0</v>
      </c>
    </row>
    <row r="2873" spans="1:14" hidden="1">
      <c r="A2873" s="7" t="s">
        <v>10</v>
      </c>
      <c r="B2873" s="8"/>
      <c r="C2873" s="8" t="s">
        <v>59</v>
      </c>
      <c r="D2873" t="s">
        <v>77</v>
      </c>
      <c r="E2873" s="8" t="s">
        <v>31</v>
      </c>
      <c r="F2873" t="s">
        <v>70</v>
      </c>
      <c r="G2873" t="s">
        <v>19</v>
      </c>
      <c r="H2873" t="s">
        <v>70</v>
      </c>
      <c r="I2873" s="8">
        <v>2025</v>
      </c>
      <c r="J2873" t="s">
        <v>19</v>
      </c>
      <c r="K2873" s="10"/>
      <c r="M2873" s="10"/>
      <c r="N2873">
        <v>0</v>
      </c>
    </row>
    <row r="2874" spans="1:14" hidden="1">
      <c r="A2874" s="7" t="s">
        <v>10</v>
      </c>
      <c r="B2874" s="8"/>
      <c r="C2874" s="8" t="s">
        <v>59</v>
      </c>
      <c r="D2874" t="s">
        <v>77</v>
      </c>
      <c r="E2874" s="8" t="s">
        <v>31</v>
      </c>
      <c r="F2874" t="s">
        <v>70</v>
      </c>
      <c r="G2874" t="s">
        <v>78</v>
      </c>
      <c r="H2874" t="s">
        <v>70</v>
      </c>
      <c r="I2874" s="8">
        <v>2025</v>
      </c>
      <c r="J2874" t="s">
        <v>21</v>
      </c>
      <c r="K2874" s="10"/>
      <c r="M2874" s="10"/>
      <c r="N2874">
        <v>0</v>
      </c>
    </row>
    <row r="2875" spans="1:14" hidden="1">
      <c r="A2875" s="7" t="s">
        <v>10</v>
      </c>
      <c r="B2875" s="8"/>
      <c r="C2875" s="8" t="s">
        <v>59</v>
      </c>
      <c r="D2875" t="s">
        <v>77</v>
      </c>
      <c r="E2875" s="8" t="s">
        <v>31</v>
      </c>
      <c r="F2875" t="s">
        <v>70</v>
      </c>
      <c r="G2875" t="s">
        <v>78</v>
      </c>
      <c r="H2875" t="s">
        <v>70</v>
      </c>
      <c r="I2875" s="8">
        <v>2025</v>
      </c>
      <c r="J2875" t="s">
        <v>51</v>
      </c>
      <c r="K2875" s="10"/>
      <c r="M2875" s="10"/>
      <c r="N2875">
        <v>0</v>
      </c>
    </row>
    <row r="2876" spans="1:14" hidden="1">
      <c r="A2876" s="7" t="s">
        <v>10</v>
      </c>
      <c r="B2876" s="8"/>
      <c r="C2876" s="8" t="s">
        <v>59</v>
      </c>
      <c r="D2876" t="s">
        <v>77</v>
      </c>
      <c r="E2876" s="8" t="s">
        <v>31</v>
      </c>
      <c r="F2876" t="s">
        <v>70</v>
      </c>
      <c r="G2876" t="s">
        <v>78</v>
      </c>
      <c r="H2876" t="s">
        <v>70</v>
      </c>
      <c r="I2876" s="8">
        <v>2026</v>
      </c>
      <c r="J2876" t="s">
        <v>47</v>
      </c>
      <c r="K2876" s="10"/>
      <c r="M2876" s="10"/>
      <c r="N2876">
        <v>0</v>
      </c>
    </row>
    <row r="2877" spans="1:14" hidden="1">
      <c r="A2877" s="7" t="s">
        <v>10</v>
      </c>
      <c r="B2877" s="8"/>
      <c r="C2877" s="8" t="s">
        <v>59</v>
      </c>
      <c r="D2877" t="s">
        <v>77</v>
      </c>
      <c r="E2877" s="8" t="s">
        <v>31</v>
      </c>
      <c r="F2877" t="s">
        <v>70</v>
      </c>
      <c r="G2877" t="s">
        <v>78</v>
      </c>
      <c r="H2877" t="s">
        <v>70</v>
      </c>
      <c r="I2877" s="8">
        <v>2026</v>
      </c>
      <c r="J2877" t="s">
        <v>48</v>
      </c>
      <c r="K2877" s="10"/>
      <c r="M2877" s="10"/>
      <c r="N2877">
        <v>0</v>
      </c>
    </row>
    <row r="2878" spans="1:14" hidden="1">
      <c r="A2878" s="7" t="s">
        <v>10</v>
      </c>
      <c r="B2878" s="8"/>
      <c r="C2878" s="8" t="s">
        <v>59</v>
      </c>
      <c r="D2878" t="s">
        <v>77</v>
      </c>
      <c r="E2878" s="8" t="s">
        <v>31</v>
      </c>
      <c r="F2878" t="s">
        <v>70</v>
      </c>
      <c r="G2878" t="s">
        <v>78</v>
      </c>
      <c r="H2878" t="s">
        <v>70</v>
      </c>
      <c r="I2878" s="8">
        <v>2026</v>
      </c>
      <c r="J2878" t="s">
        <v>14</v>
      </c>
      <c r="K2878" s="10">
        <v>4462.3529411764703</v>
      </c>
      <c r="M2878" s="10"/>
      <c r="N2878">
        <v>0</v>
      </c>
    </row>
    <row r="2879" spans="1:14" hidden="1">
      <c r="A2879" s="7" t="s">
        <v>10</v>
      </c>
      <c r="B2879" s="8"/>
      <c r="C2879" s="8" t="s">
        <v>59</v>
      </c>
      <c r="D2879" t="s">
        <v>77</v>
      </c>
      <c r="E2879" s="8" t="s">
        <v>31</v>
      </c>
      <c r="F2879" t="s">
        <v>70</v>
      </c>
      <c r="G2879" t="s">
        <v>78</v>
      </c>
      <c r="H2879" t="s">
        <v>70</v>
      </c>
      <c r="I2879" s="8">
        <v>2026</v>
      </c>
      <c r="J2879" t="s">
        <v>49</v>
      </c>
      <c r="K2879" s="10"/>
      <c r="M2879" s="10"/>
      <c r="N2879">
        <v>0</v>
      </c>
    </row>
    <row r="2880" spans="1:14" hidden="1">
      <c r="A2880" s="7" t="s">
        <v>10</v>
      </c>
      <c r="B2880" s="8"/>
      <c r="C2880" s="8" t="s">
        <v>59</v>
      </c>
      <c r="D2880" t="s">
        <v>77</v>
      </c>
      <c r="E2880" s="8" t="s">
        <v>31</v>
      </c>
      <c r="F2880" t="s">
        <v>70</v>
      </c>
      <c r="G2880" t="s">
        <v>79</v>
      </c>
      <c r="H2880" t="s">
        <v>70</v>
      </c>
      <c r="I2880" s="8">
        <v>2026</v>
      </c>
      <c r="J2880" t="s">
        <v>15</v>
      </c>
      <c r="K2880" s="10"/>
      <c r="M2880" s="10"/>
      <c r="N2880">
        <v>0</v>
      </c>
    </row>
    <row r="2881" spans="1:14" hidden="1">
      <c r="A2881" s="7" t="s">
        <v>10</v>
      </c>
      <c r="B2881" s="8"/>
      <c r="C2881" s="8" t="s">
        <v>59</v>
      </c>
      <c r="D2881" t="s">
        <v>77</v>
      </c>
      <c r="E2881" s="8" t="s">
        <v>31</v>
      </c>
      <c r="F2881" t="s">
        <v>70</v>
      </c>
      <c r="G2881" t="s">
        <v>79</v>
      </c>
      <c r="H2881" t="s">
        <v>70</v>
      </c>
      <c r="I2881" s="8">
        <v>2026</v>
      </c>
      <c r="J2881" t="s">
        <v>50</v>
      </c>
      <c r="K2881" s="10"/>
      <c r="M2881" s="10"/>
      <c r="N2881">
        <v>0</v>
      </c>
    </row>
    <row r="2882" spans="1:14" hidden="1">
      <c r="A2882" s="7" t="s">
        <v>10</v>
      </c>
      <c r="B2882" s="8"/>
      <c r="C2882" s="8" t="s">
        <v>59</v>
      </c>
      <c r="D2882" t="s">
        <v>77</v>
      </c>
      <c r="E2882" s="8" t="s">
        <v>31</v>
      </c>
      <c r="F2882" t="s">
        <v>70</v>
      </c>
      <c r="G2882" t="s">
        <v>19</v>
      </c>
      <c r="H2882" t="s">
        <v>70</v>
      </c>
      <c r="I2882" s="8">
        <v>2026</v>
      </c>
      <c r="J2882" t="s">
        <v>19</v>
      </c>
      <c r="K2882" s="10"/>
      <c r="M2882" s="10"/>
      <c r="N2882">
        <v>0</v>
      </c>
    </row>
    <row r="2883" spans="1:14" hidden="1">
      <c r="A2883" s="7" t="s">
        <v>10</v>
      </c>
      <c r="B2883" s="8"/>
      <c r="C2883" s="8" t="s">
        <v>59</v>
      </c>
      <c r="D2883" t="s">
        <v>77</v>
      </c>
      <c r="E2883" s="8" t="s">
        <v>31</v>
      </c>
      <c r="F2883" t="s">
        <v>70</v>
      </c>
      <c r="G2883" t="s">
        <v>78</v>
      </c>
      <c r="H2883" t="s">
        <v>70</v>
      </c>
      <c r="I2883" s="8">
        <v>2026</v>
      </c>
      <c r="J2883" t="s">
        <v>21</v>
      </c>
      <c r="K2883" s="10"/>
      <c r="M2883" s="10"/>
      <c r="N2883">
        <v>0</v>
      </c>
    </row>
    <row r="2884" spans="1:14" hidden="1">
      <c r="A2884" s="7" t="s">
        <v>10</v>
      </c>
      <c r="B2884" s="8"/>
      <c r="C2884" s="8" t="s">
        <v>59</v>
      </c>
      <c r="D2884" t="s">
        <v>77</v>
      </c>
      <c r="E2884" s="8" t="s">
        <v>31</v>
      </c>
      <c r="F2884" t="s">
        <v>70</v>
      </c>
      <c r="G2884" t="s">
        <v>78</v>
      </c>
      <c r="H2884" t="s">
        <v>70</v>
      </c>
      <c r="I2884" s="8">
        <v>2026</v>
      </c>
      <c r="J2884" t="s">
        <v>51</v>
      </c>
      <c r="K2884" s="10"/>
      <c r="M2884" s="10"/>
      <c r="N2884">
        <v>0</v>
      </c>
    </row>
    <row r="2885" spans="1:14" hidden="1">
      <c r="A2885" s="7" t="s">
        <v>10</v>
      </c>
      <c r="B2885" s="8"/>
      <c r="C2885" s="8" t="s">
        <v>59</v>
      </c>
      <c r="D2885" t="s">
        <v>77</v>
      </c>
      <c r="E2885" s="8" t="s">
        <v>31</v>
      </c>
      <c r="F2885" t="s">
        <v>70</v>
      </c>
      <c r="G2885" t="s">
        <v>78</v>
      </c>
      <c r="H2885" t="s">
        <v>70</v>
      </c>
      <c r="I2885" s="8">
        <v>2027</v>
      </c>
      <c r="J2885" t="s">
        <v>47</v>
      </c>
      <c r="K2885" s="10"/>
      <c r="M2885" s="10"/>
      <c r="N2885">
        <v>0</v>
      </c>
    </row>
    <row r="2886" spans="1:14" hidden="1">
      <c r="A2886" s="7" t="s">
        <v>10</v>
      </c>
      <c r="B2886" s="8"/>
      <c r="C2886" s="8" t="s">
        <v>59</v>
      </c>
      <c r="D2886" t="s">
        <v>77</v>
      </c>
      <c r="E2886" s="8" t="s">
        <v>31</v>
      </c>
      <c r="F2886" t="s">
        <v>70</v>
      </c>
      <c r="G2886" t="s">
        <v>78</v>
      </c>
      <c r="H2886" t="s">
        <v>70</v>
      </c>
      <c r="I2886" s="8">
        <v>2027</v>
      </c>
      <c r="J2886" t="s">
        <v>48</v>
      </c>
      <c r="K2886" s="10"/>
      <c r="M2886" s="10"/>
      <c r="N2886">
        <v>0</v>
      </c>
    </row>
    <row r="2887" spans="1:14" hidden="1">
      <c r="A2887" s="7" t="s">
        <v>10</v>
      </c>
      <c r="B2887" s="8"/>
      <c r="C2887" s="8" t="s">
        <v>59</v>
      </c>
      <c r="D2887" t="s">
        <v>77</v>
      </c>
      <c r="E2887" s="8" t="s">
        <v>31</v>
      </c>
      <c r="F2887" t="s">
        <v>70</v>
      </c>
      <c r="G2887" t="s">
        <v>78</v>
      </c>
      <c r="H2887" t="s">
        <v>70</v>
      </c>
      <c r="I2887" s="8">
        <v>2027</v>
      </c>
      <c r="J2887" t="s">
        <v>14</v>
      </c>
      <c r="K2887" s="10">
        <v>7921.176470588236</v>
      </c>
      <c r="M2887" s="10"/>
      <c r="N2887">
        <v>0</v>
      </c>
    </row>
    <row r="2888" spans="1:14" hidden="1">
      <c r="A2888" s="7" t="s">
        <v>10</v>
      </c>
      <c r="B2888" s="8"/>
      <c r="C2888" s="8" t="s">
        <v>59</v>
      </c>
      <c r="D2888" t="s">
        <v>77</v>
      </c>
      <c r="E2888" s="8" t="s">
        <v>31</v>
      </c>
      <c r="F2888" t="s">
        <v>70</v>
      </c>
      <c r="G2888" t="s">
        <v>78</v>
      </c>
      <c r="H2888" t="s">
        <v>70</v>
      </c>
      <c r="I2888" s="8">
        <v>2027</v>
      </c>
      <c r="J2888" t="s">
        <v>49</v>
      </c>
      <c r="K2888" s="10"/>
      <c r="M2888" s="10"/>
      <c r="N2888">
        <v>0</v>
      </c>
    </row>
    <row r="2889" spans="1:14" hidden="1">
      <c r="A2889" s="7" t="s">
        <v>10</v>
      </c>
      <c r="B2889" s="8"/>
      <c r="C2889" s="8" t="s">
        <v>59</v>
      </c>
      <c r="D2889" t="s">
        <v>77</v>
      </c>
      <c r="E2889" s="8" t="s">
        <v>31</v>
      </c>
      <c r="F2889" t="s">
        <v>70</v>
      </c>
      <c r="G2889" t="s">
        <v>79</v>
      </c>
      <c r="H2889" t="s">
        <v>70</v>
      </c>
      <c r="I2889" s="8">
        <v>2027</v>
      </c>
      <c r="J2889" t="s">
        <v>15</v>
      </c>
      <c r="K2889" s="10"/>
      <c r="M2889" s="10"/>
      <c r="N2889">
        <v>0</v>
      </c>
    </row>
    <row r="2890" spans="1:14" hidden="1">
      <c r="A2890" s="7" t="s">
        <v>10</v>
      </c>
      <c r="B2890" s="8"/>
      <c r="C2890" s="8" t="s">
        <v>59</v>
      </c>
      <c r="D2890" t="s">
        <v>77</v>
      </c>
      <c r="E2890" s="8" t="s">
        <v>31</v>
      </c>
      <c r="F2890" t="s">
        <v>70</v>
      </c>
      <c r="G2890" t="s">
        <v>79</v>
      </c>
      <c r="H2890" t="s">
        <v>70</v>
      </c>
      <c r="I2890" s="8">
        <v>2027</v>
      </c>
      <c r="J2890" t="s">
        <v>50</v>
      </c>
      <c r="K2890" s="10"/>
      <c r="M2890" s="10"/>
      <c r="N2890">
        <v>0</v>
      </c>
    </row>
    <row r="2891" spans="1:14" hidden="1">
      <c r="A2891" s="7" t="s">
        <v>10</v>
      </c>
      <c r="B2891" s="8"/>
      <c r="C2891" s="8" t="s">
        <v>59</v>
      </c>
      <c r="D2891" t="s">
        <v>77</v>
      </c>
      <c r="E2891" s="8" t="s">
        <v>31</v>
      </c>
      <c r="F2891" t="s">
        <v>70</v>
      </c>
      <c r="G2891" t="s">
        <v>19</v>
      </c>
      <c r="H2891" t="s">
        <v>70</v>
      </c>
      <c r="I2891" s="8">
        <v>2027</v>
      </c>
      <c r="J2891" t="s">
        <v>19</v>
      </c>
      <c r="K2891" s="10"/>
      <c r="M2891" s="10"/>
      <c r="N2891">
        <v>0</v>
      </c>
    </row>
    <row r="2892" spans="1:14" hidden="1">
      <c r="A2892" s="7" t="s">
        <v>10</v>
      </c>
      <c r="B2892" s="8"/>
      <c r="C2892" s="8" t="s">
        <v>59</v>
      </c>
      <c r="D2892" t="s">
        <v>77</v>
      </c>
      <c r="E2892" s="8" t="s">
        <v>31</v>
      </c>
      <c r="F2892" t="s">
        <v>70</v>
      </c>
      <c r="G2892" t="s">
        <v>78</v>
      </c>
      <c r="H2892" t="s">
        <v>70</v>
      </c>
      <c r="I2892" s="8">
        <v>2027</v>
      </c>
      <c r="J2892" t="s">
        <v>21</v>
      </c>
      <c r="K2892" s="10"/>
      <c r="M2892" s="10"/>
      <c r="N2892">
        <v>0</v>
      </c>
    </row>
    <row r="2893" spans="1:14" hidden="1">
      <c r="A2893" s="7" t="s">
        <v>10</v>
      </c>
      <c r="B2893" s="8"/>
      <c r="C2893" s="8" t="s">
        <v>59</v>
      </c>
      <c r="D2893" t="s">
        <v>77</v>
      </c>
      <c r="E2893" s="8" t="s">
        <v>31</v>
      </c>
      <c r="F2893" t="s">
        <v>70</v>
      </c>
      <c r="G2893" t="s">
        <v>78</v>
      </c>
      <c r="H2893" t="s">
        <v>70</v>
      </c>
      <c r="I2893" s="8">
        <v>2027</v>
      </c>
      <c r="J2893" t="s">
        <v>51</v>
      </c>
      <c r="K2893" s="10"/>
      <c r="M2893" s="10"/>
      <c r="N2893">
        <v>0</v>
      </c>
    </row>
    <row r="2894" spans="1:14" hidden="1">
      <c r="A2894" s="7" t="s">
        <v>10</v>
      </c>
      <c r="B2894" s="8"/>
      <c r="C2894" s="8" t="s">
        <v>59</v>
      </c>
      <c r="D2894" t="s">
        <v>77</v>
      </c>
      <c r="E2894" s="8" t="s">
        <v>31</v>
      </c>
      <c r="F2894" t="s">
        <v>70</v>
      </c>
      <c r="G2894" t="s">
        <v>78</v>
      </c>
      <c r="H2894" t="s">
        <v>70</v>
      </c>
      <c r="I2894" s="8">
        <v>2028</v>
      </c>
      <c r="J2894" t="s">
        <v>47</v>
      </c>
      <c r="K2894" s="10"/>
      <c r="M2894" s="10"/>
      <c r="N2894">
        <v>0</v>
      </c>
    </row>
    <row r="2895" spans="1:14" hidden="1">
      <c r="A2895" s="7" t="s">
        <v>10</v>
      </c>
      <c r="B2895" s="8"/>
      <c r="C2895" s="8" t="s">
        <v>59</v>
      </c>
      <c r="D2895" t="s">
        <v>77</v>
      </c>
      <c r="E2895" s="8" t="s">
        <v>31</v>
      </c>
      <c r="F2895" t="s">
        <v>70</v>
      </c>
      <c r="G2895" t="s">
        <v>78</v>
      </c>
      <c r="H2895" t="s">
        <v>70</v>
      </c>
      <c r="I2895" s="8">
        <v>2028</v>
      </c>
      <c r="J2895" t="s">
        <v>48</v>
      </c>
      <c r="K2895" s="10"/>
      <c r="M2895" s="10"/>
      <c r="N2895">
        <v>0</v>
      </c>
    </row>
    <row r="2896" spans="1:14" hidden="1">
      <c r="A2896" s="7" t="s">
        <v>10</v>
      </c>
      <c r="B2896" s="8"/>
      <c r="C2896" s="8" t="s">
        <v>59</v>
      </c>
      <c r="D2896" t="s">
        <v>77</v>
      </c>
      <c r="E2896" s="8" t="s">
        <v>31</v>
      </c>
      <c r="F2896" t="s">
        <v>70</v>
      </c>
      <c r="G2896" t="s">
        <v>78</v>
      </c>
      <c r="H2896" t="s">
        <v>70</v>
      </c>
      <c r="I2896" s="8">
        <v>2028</v>
      </c>
      <c r="J2896" t="s">
        <v>14</v>
      </c>
      <c r="K2896" s="10">
        <v>11067.058823529413</v>
      </c>
      <c r="M2896" s="10"/>
      <c r="N2896">
        <v>0</v>
      </c>
    </row>
    <row r="2897" spans="1:14" hidden="1">
      <c r="A2897" s="7" t="s">
        <v>10</v>
      </c>
      <c r="B2897" s="8"/>
      <c r="C2897" s="8" t="s">
        <v>59</v>
      </c>
      <c r="D2897" t="s">
        <v>77</v>
      </c>
      <c r="E2897" s="8" t="s">
        <v>31</v>
      </c>
      <c r="F2897" t="s">
        <v>70</v>
      </c>
      <c r="G2897" t="s">
        <v>78</v>
      </c>
      <c r="H2897" t="s">
        <v>70</v>
      </c>
      <c r="I2897" s="8">
        <v>2028</v>
      </c>
      <c r="J2897" t="s">
        <v>49</v>
      </c>
      <c r="K2897" s="10"/>
      <c r="M2897" s="10"/>
      <c r="N2897">
        <v>0</v>
      </c>
    </row>
    <row r="2898" spans="1:14" hidden="1">
      <c r="A2898" s="7" t="s">
        <v>10</v>
      </c>
      <c r="B2898" s="8"/>
      <c r="C2898" s="8" t="s">
        <v>59</v>
      </c>
      <c r="D2898" t="s">
        <v>77</v>
      </c>
      <c r="E2898" s="8" t="s">
        <v>31</v>
      </c>
      <c r="F2898" t="s">
        <v>70</v>
      </c>
      <c r="G2898" t="s">
        <v>79</v>
      </c>
      <c r="H2898" t="s">
        <v>70</v>
      </c>
      <c r="I2898" s="8">
        <v>2028</v>
      </c>
      <c r="J2898" t="s">
        <v>15</v>
      </c>
      <c r="K2898" s="10"/>
      <c r="M2898" s="10"/>
      <c r="N2898">
        <v>0</v>
      </c>
    </row>
    <row r="2899" spans="1:14" hidden="1">
      <c r="A2899" s="7" t="s">
        <v>10</v>
      </c>
      <c r="B2899" s="8"/>
      <c r="C2899" s="8" t="s">
        <v>59</v>
      </c>
      <c r="D2899" t="s">
        <v>77</v>
      </c>
      <c r="E2899" s="8" t="s">
        <v>31</v>
      </c>
      <c r="F2899" t="s">
        <v>70</v>
      </c>
      <c r="G2899" t="s">
        <v>79</v>
      </c>
      <c r="H2899" t="s">
        <v>70</v>
      </c>
      <c r="I2899" s="8">
        <v>2028</v>
      </c>
      <c r="J2899" t="s">
        <v>50</v>
      </c>
      <c r="K2899" s="10"/>
      <c r="M2899" s="10"/>
      <c r="N2899">
        <v>0</v>
      </c>
    </row>
    <row r="2900" spans="1:14" hidden="1">
      <c r="A2900" s="7" t="s">
        <v>10</v>
      </c>
      <c r="B2900" s="8"/>
      <c r="C2900" s="8" t="s">
        <v>59</v>
      </c>
      <c r="D2900" t="s">
        <v>77</v>
      </c>
      <c r="E2900" s="8" t="s">
        <v>31</v>
      </c>
      <c r="F2900" t="s">
        <v>70</v>
      </c>
      <c r="G2900" t="s">
        <v>19</v>
      </c>
      <c r="H2900" t="s">
        <v>70</v>
      </c>
      <c r="I2900" s="8">
        <v>2028</v>
      </c>
      <c r="J2900" t="s">
        <v>19</v>
      </c>
      <c r="K2900" s="10"/>
      <c r="M2900" s="10"/>
      <c r="N2900">
        <v>0</v>
      </c>
    </row>
    <row r="2901" spans="1:14" hidden="1">
      <c r="A2901" s="7" t="s">
        <v>10</v>
      </c>
      <c r="B2901" s="8"/>
      <c r="C2901" s="8" t="s">
        <v>59</v>
      </c>
      <c r="D2901" t="s">
        <v>77</v>
      </c>
      <c r="E2901" s="8" t="s">
        <v>31</v>
      </c>
      <c r="F2901" t="s">
        <v>70</v>
      </c>
      <c r="G2901" t="s">
        <v>78</v>
      </c>
      <c r="H2901" t="s">
        <v>70</v>
      </c>
      <c r="I2901" s="8">
        <v>2028</v>
      </c>
      <c r="J2901" t="s">
        <v>21</v>
      </c>
      <c r="K2901" s="10"/>
      <c r="M2901" s="10"/>
      <c r="N2901">
        <v>0</v>
      </c>
    </row>
    <row r="2902" spans="1:14" hidden="1">
      <c r="A2902" s="7" t="s">
        <v>10</v>
      </c>
      <c r="B2902" s="8"/>
      <c r="C2902" s="8" t="s">
        <v>59</v>
      </c>
      <c r="D2902" t="s">
        <v>77</v>
      </c>
      <c r="E2902" s="8" t="s">
        <v>31</v>
      </c>
      <c r="F2902" t="s">
        <v>70</v>
      </c>
      <c r="G2902" t="s">
        <v>78</v>
      </c>
      <c r="H2902" t="s">
        <v>70</v>
      </c>
      <c r="I2902" s="8">
        <v>2028</v>
      </c>
      <c r="J2902" t="s">
        <v>51</v>
      </c>
      <c r="K2902" s="10"/>
      <c r="M2902" s="10"/>
      <c r="N2902">
        <v>0</v>
      </c>
    </row>
    <row r="2903" spans="1:14" hidden="1">
      <c r="A2903" s="7" t="s">
        <v>10</v>
      </c>
      <c r="B2903" s="8"/>
      <c r="C2903" s="8" t="s">
        <v>59</v>
      </c>
      <c r="D2903" t="s">
        <v>77</v>
      </c>
      <c r="E2903" s="8" t="s">
        <v>31</v>
      </c>
      <c r="F2903" t="s">
        <v>70</v>
      </c>
      <c r="G2903" t="s">
        <v>78</v>
      </c>
      <c r="H2903" t="s">
        <v>70</v>
      </c>
      <c r="I2903" s="8">
        <v>2029</v>
      </c>
      <c r="J2903" t="s">
        <v>47</v>
      </c>
      <c r="K2903" s="10"/>
      <c r="M2903" s="10"/>
      <c r="N2903">
        <v>0</v>
      </c>
    </row>
    <row r="2904" spans="1:14" hidden="1">
      <c r="A2904" s="7" t="s">
        <v>10</v>
      </c>
      <c r="B2904" s="8"/>
      <c r="C2904" s="8" t="s">
        <v>59</v>
      </c>
      <c r="D2904" t="s">
        <v>77</v>
      </c>
      <c r="E2904" s="8" t="s">
        <v>31</v>
      </c>
      <c r="F2904" t="s">
        <v>70</v>
      </c>
      <c r="G2904" t="s">
        <v>78</v>
      </c>
      <c r="H2904" t="s">
        <v>70</v>
      </c>
      <c r="I2904" s="8">
        <v>2029</v>
      </c>
      <c r="J2904" t="s">
        <v>48</v>
      </c>
      <c r="K2904" s="10"/>
      <c r="M2904" s="10"/>
      <c r="N2904">
        <v>0</v>
      </c>
    </row>
    <row r="2905" spans="1:14" hidden="1">
      <c r="A2905" s="7" t="s">
        <v>10</v>
      </c>
      <c r="B2905" s="8"/>
      <c r="C2905" s="8" t="s">
        <v>59</v>
      </c>
      <c r="D2905" t="s">
        <v>77</v>
      </c>
      <c r="E2905" s="8" t="s">
        <v>31</v>
      </c>
      <c r="F2905" t="s">
        <v>70</v>
      </c>
      <c r="G2905" t="s">
        <v>78</v>
      </c>
      <c r="H2905" t="s">
        <v>70</v>
      </c>
      <c r="I2905" s="8">
        <v>2029</v>
      </c>
      <c r="J2905" t="s">
        <v>14</v>
      </c>
      <c r="K2905" s="10">
        <v>11067</v>
      </c>
      <c r="M2905" s="10"/>
      <c r="N2905">
        <v>0</v>
      </c>
    </row>
    <row r="2906" spans="1:14" hidden="1">
      <c r="A2906" s="7" t="s">
        <v>10</v>
      </c>
      <c r="B2906" s="8"/>
      <c r="C2906" s="8" t="s">
        <v>59</v>
      </c>
      <c r="D2906" t="s">
        <v>77</v>
      </c>
      <c r="E2906" s="8" t="s">
        <v>31</v>
      </c>
      <c r="F2906" t="s">
        <v>70</v>
      </c>
      <c r="G2906" t="s">
        <v>78</v>
      </c>
      <c r="H2906" t="s">
        <v>70</v>
      </c>
      <c r="I2906" s="8">
        <v>2029</v>
      </c>
      <c r="J2906" t="s">
        <v>49</v>
      </c>
      <c r="K2906" s="10"/>
      <c r="M2906" s="10"/>
      <c r="N2906">
        <v>0</v>
      </c>
    </row>
    <row r="2907" spans="1:14" hidden="1">
      <c r="A2907" s="7" t="s">
        <v>10</v>
      </c>
      <c r="B2907" s="8"/>
      <c r="C2907" s="8" t="s">
        <v>59</v>
      </c>
      <c r="D2907" t="s">
        <v>77</v>
      </c>
      <c r="E2907" s="8" t="s">
        <v>31</v>
      </c>
      <c r="F2907" t="s">
        <v>70</v>
      </c>
      <c r="G2907" t="s">
        <v>79</v>
      </c>
      <c r="H2907" t="s">
        <v>70</v>
      </c>
      <c r="I2907" s="8">
        <v>2029</v>
      </c>
      <c r="J2907" t="s">
        <v>15</v>
      </c>
      <c r="K2907" s="10"/>
      <c r="M2907" s="10"/>
      <c r="N2907">
        <v>0</v>
      </c>
    </row>
    <row r="2908" spans="1:14" hidden="1">
      <c r="A2908" s="7" t="s">
        <v>10</v>
      </c>
      <c r="B2908" s="8"/>
      <c r="C2908" s="8" t="s">
        <v>59</v>
      </c>
      <c r="D2908" t="s">
        <v>77</v>
      </c>
      <c r="E2908" s="8" t="s">
        <v>31</v>
      </c>
      <c r="F2908" t="s">
        <v>70</v>
      </c>
      <c r="G2908" t="s">
        <v>79</v>
      </c>
      <c r="H2908" t="s">
        <v>70</v>
      </c>
      <c r="I2908" s="8">
        <v>2029</v>
      </c>
      <c r="J2908" t="s">
        <v>50</v>
      </c>
      <c r="K2908" s="10"/>
      <c r="M2908" s="10"/>
      <c r="N2908">
        <v>0</v>
      </c>
    </row>
    <row r="2909" spans="1:14" hidden="1">
      <c r="A2909" s="7" t="s">
        <v>10</v>
      </c>
      <c r="B2909" s="8"/>
      <c r="C2909" s="8" t="s">
        <v>59</v>
      </c>
      <c r="D2909" t="s">
        <v>77</v>
      </c>
      <c r="E2909" s="8" t="s">
        <v>31</v>
      </c>
      <c r="F2909" t="s">
        <v>70</v>
      </c>
      <c r="G2909" t="s">
        <v>19</v>
      </c>
      <c r="H2909" t="s">
        <v>70</v>
      </c>
      <c r="I2909" s="8">
        <v>2029</v>
      </c>
      <c r="J2909" t="s">
        <v>19</v>
      </c>
      <c r="K2909" s="10"/>
      <c r="M2909" s="10"/>
      <c r="N2909">
        <v>0</v>
      </c>
    </row>
    <row r="2910" spans="1:14" hidden="1">
      <c r="A2910" s="7" t="s">
        <v>10</v>
      </c>
      <c r="B2910" s="8"/>
      <c r="C2910" s="8" t="s">
        <v>59</v>
      </c>
      <c r="D2910" t="s">
        <v>77</v>
      </c>
      <c r="E2910" s="8" t="s">
        <v>31</v>
      </c>
      <c r="F2910" t="s">
        <v>70</v>
      </c>
      <c r="G2910" t="s">
        <v>78</v>
      </c>
      <c r="H2910" t="s">
        <v>70</v>
      </c>
      <c r="I2910" s="8">
        <v>2029</v>
      </c>
      <c r="J2910" t="s">
        <v>21</v>
      </c>
      <c r="K2910" s="10"/>
      <c r="M2910" s="10"/>
      <c r="N2910">
        <v>0</v>
      </c>
    </row>
    <row r="2911" spans="1:14" hidden="1">
      <c r="A2911" s="7" t="s">
        <v>10</v>
      </c>
      <c r="B2911" s="8"/>
      <c r="C2911" s="8" t="s">
        <v>59</v>
      </c>
      <c r="D2911" t="s">
        <v>77</v>
      </c>
      <c r="E2911" s="8" t="s">
        <v>31</v>
      </c>
      <c r="F2911" t="s">
        <v>70</v>
      </c>
      <c r="G2911" t="s">
        <v>78</v>
      </c>
      <c r="H2911" t="s">
        <v>70</v>
      </c>
      <c r="I2911" s="8">
        <v>2029</v>
      </c>
      <c r="J2911" t="s">
        <v>51</v>
      </c>
      <c r="K2911" s="10"/>
      <c r="M2911" s="10"/>
      <c r="N2911">
        <v>0</v>
      </c>
    </row>
    <row r="2912" spans="1:14" hidden="1">
      <c r="A2912" s="7" t="s">
        <v>10</v>
      </c>
      <c r="B2912" s="8"/>
      <c r="C2912" s="8" t="s">
        <v>59</v>
      </c>
      <c r="D2912" t="s">
        <v>77</v>
      </c>
      <c r="E2912" s="8" t="s">
        <v>31</v>
      </c>
      <c r="F2912" t="s">
        <v>70</v>
      </c>
      <c r="G2912" t="s">
        <v>78</v>
      </c>
      <c r="H2912" t="s">
        <v>70</v>
      </c>
      <c r="I2912" s="8">
        <v>2030</v>
      </c>
      <c r="J2912" t="s">
        <v>47</v>
      </c>
      <c r="K2912" s="10"/>
      <c r="M2912" s="10"/>
      <c r="N2912">
        <v>0</v>
      </c>
    </row>
    <row r="2913" spans="1:14" hidden="1">
      <c r="A2913" s="7" t="s">
        <v>10</v>
      </c>
      <c r="B2913" s="8"/>
      <c r="C2913" s="8" t="s">
        <v>59</v>
      </c>
      <c r="D2913" t="s">
        <v>77</v>
      </c>
      <c r="E2913" s="8" t="s">
        <v>31</v>
      </c>
      <c r="F2913" t="s">
        <v>70</v>
      </c>
      <c r="G2913" t="s">
        <v>78</v>
      </c>
      <c r="H2913" t="s">
        <v>70</v>
      </c>
      <c r="I2913" s="8">
        <v>2030</v>
      </c>
      <c r="J2913" t="s">
        <v>48</v>
      </c>
      <c r="K2913" s="10"/>
      <c r="M2913" s="10"/>
      <c r="N2913">
        <v>0</v>
      </c>
    </row>
    <row r="2914" spans="1:14" hidden="1">
      <c r="A2914" s="7" t="s">
        <v>10</v>
      </c>
      <c r="B2914" s="8"/>
      <c r="C2914" s="8" t="s">
        <v>59</v>
      </c>
      <c r="D2914" t="s">
        <v>77</v>
      </c>
      <c r="E2914" s="8" t="s">
        <v>31</v>
      </c>
      <c r="F2914" t="s">
        <v>70</v>
      </c>
      <c r="G2914" t="s">
        <v>78</v>
      </c>
      <c r="H2914" t="s">
        <v>70</v>
      </c>
      <c r="I2914" s="8">
        <v>2030</v>
      </c>
      <c r="J2914" t="s">
        <v>14</v>
      </c>
      <c r="K2914" s="10">
        <v>13000</v>
      </c>
      <c r="M2914" s="10"/>
      <c r="N2914">
        <v>0</v>
      </c>
    </row>
    <row r="2915" spans="1:14" hidden="1">
      <c r="A2915" s="7" t="s">
        <v>10</v>
      </c>
      <c r="B2915" s="8"/>
      <c r="C2915" s="8" t="s">
        <v>59</v>
      </c>
      <c r="D2915" t="s">
        <v>77</v>
      </c>
      <c r="E2915" s="8" t="s">
        <v>31</v>
      </c>
      <c r="F2915" t="s">
        <v>70</v>
      </c>
      <c r="G2915" t="s">
        <v>78</v>
      </c>
      <c r="H2915" t="s">
        <v>70</v>
      </c>
      <c r="I2915" s="8">
        <v>2030</v>
      </c>
      <c r="J2915" t="s">
        <v>49</v>
      </c>
      <c r="K2915" s="10"/>
      <c r="M2915" s="10"/>
      <c r="N2915">
        <v>0</v>
      </c>
    </row>
    <row r="2916" spans="1:14" hidden="1">
      <c r="A2916" s="7" t="s">
        <v>10</v>
      </c>
      <c r="B2916" s="8"/>
      <c r="C2916" s="8" t="s">
        <v>59</v>
      </c>
      <c r="D2916" t="s">
        <v>77</v>
      </c>
      <c r="E2916" s="8" t="s">
        <v>31</v>
      </c>
      <c r="F2916" t="s">
        <v>70</v>
      </c>
      <c r="G2916" t="s">
        <v>79</v>
      </c>
      <c r="H2916" t="s">
        <v>70</v>
      </c>
      <c r="I2916" s="8">
        <v>2030</v>
      </c>
      <c r="J2916" t="s">
        <v>15</v>
      </c>
      <c r="K2916" s="10"/>
      <c r="M2916" s="10"/>
      <c r="N2916">
        <v>0</v>
      </c>
    </row>
    <row r="2917" spans="1:14" hidden="1">
      <c r="A2917" s="7" t="s">
        <v>10</v>
      </c>
      <c r="B2917" s="8"/>
      <c r="C2917" s="8" t="s">
        <v>59</v>
      </c>
      <c r="D2917" t="s">
        <v>77</v>
      </c>
      <c r="E2917" s="8" t="s">
        <v>31</v>
      </c>
      <c r="F2917" t="s">
        <v>70</v>
      </c>
      <c r="G2917" t="s">
        <v>79</v>
      </c>
      <c r="H2917" t="s">
        <v>70</v>
      </c>
      <c r="I2917" s="8">
        <v>2030</v>
      </c>
      <c r="J2917" t="s">
        <v>50</v>
      </c>
      <c r="K2917" s="10"/>
      <c r="M2917" s="10"/>
      <c r="N2917">
        <v>0</v>
      </c>
    </row>
    <row r="2918" spans="1:14" hidden="1">
      <c r="A2918" s="7" t="s">
        <v>10</v>
      </c>
      <c r="B2918" s="8"/>
      <c r="C2918" s="8" t="s">
        <v>59</v>
      </c>
      <c r="D2918" t="s">
        <v>77</v>
      </c>
      <c r="E2918" s="8" t="s">
        <v>31</v>
      </c>
      <c r="F2918" t="s">
        <v>70</v>
      </c>
      <c r="G2918" t="s">
        <v>19</v>
      </c>
      <c r="H2918" t="s">
        <v>70</v>
      </c>
      <c r="I2918" s="8">
        <v>2030</v>
      </c>
      <c r="J2918" t="s">
        <v>19</v>
      </c>
      <c r="K2918" s="10"/>
      <c r="M2918" s="10"/>
      <c r="N2918">
        <v>0</v>
      </c>
    </row>
    <row r="2919" spans="1:14" hidden="1">
      <c r="A2919" s="7" t="s">
        <v>10</v>
      </c>
      <c r="B2919" s="8"/>
      <c r="C2919" s="8" t="s">
        <v>59</v>
      </c>
      <c r="D2919" t="s">
        <v>77</v>
      </c>
      <c r="E2919" s="8" t="s">
        <v>31</v>
      </c>
      <c r="F2919" t="s">
        <v>70</v>
      </c>
      <c r="G2919" t="s">
        <v>78</v>
      </c>
      <c r="H2919" t="s">
        <v>70</v>
      </c>
      <c r="I2919" s="8">
        <v>2030</v>
      </c>
      <c r="J2919" t="s">
        <v>21</v>
      </c>
      <c r="K2919" s="10"/>
      <c r="M2919" s="10"/>
      <c r="N2919">
        <v>0</v>
      </c>
    </row>
    <row r="2920" spans="1:14" hidden="1">
      <c r="A2920" s="7" t="s">
        <v>10</v>
      </c>
      <c r="B2920" s="8"/>
      <c r="C2920" s="8" t="s">
        <v>59</v>
      </c>
      <c r="D2920" t="s">
        <v>77</v>
      </c>
      <c r="E2920" s="8" t="s">
        <v>31</v>
      </c>
      <c r="F2920" t="s">
        <v>70</v>
      </c>
      <c r="G2920" t="s">
        <v>78</v>
      </c>
      <c r="H2920" t="s">
        <v>70</v>
      </c>
      <c r="I2920" s="8">
        <v>2030</v>
      </c>
      <c r="J2920" t="s">
        <v>51</v>
      </c>
      <c r="K2920" s="10"/>
      <c r="M2920" s="10"/>
      <c r="N2920">
        <v>0</v>
      </c>
    </row>
    <row r="2921" spans="1:14" hidden="1">
      <c r="A2921" s="7" t="s">
        <v>10</v>
      </c>
      <c r="B2921" s="8"/>
      <c r="C2921" s="8" t="s">
        <v>59</v>
      </c>
      <c r="D2921" t="s">
        <v>77</v>
      </c>
      <c r="E2921" s="8" t="s">
        <v>31</v>
      </c>
      <c r="F2921" t="s">
        <v>70</v>
      </c>
      <c r="G2921" t="s">
        <v>78</v>
      </c>
      <c r="H2921" t="s">
        <v>70</v>
      </c>
      <c r="I2921" s="8">
        <v>2031</v>
      </c>
      <c r="J2921" t="s">
        <v>47</v>
      </c>
      <c r="K2921" s="10"/>
      <c r="M2921" s="10"/>
      <c r="N2921">
        <v>0</v>
      </c>
    </row>
    <row r="2922" spans="1:14" hidden="1">
      <c r="A2922" s="7" t="s">
        <v>10</v>
      </c>
      <c r="B2922" s="8"/>
      <c r="C2922" s="8" t="s">
        <v>59</v>
      </c>
      <c r="D2922" t="s">
        <v>77</v>
      </c>
      <c r="E2922" s="8" t="s">
        <v>31</v>
      </c>
      <c r="F2922" t="s">
        <v>70</v>
      </c>
      <c r="G2922" t="s">
        <v>78</v>
      </c>
      <c r="H2922" t="s">
        <v>70</v>
      </c>
      <c r="I2922" s="8">
        <v>2031</v>
      </c>
      <c r="J2922" t="s">
        <v>48</v>
      </c>
      <c r="K2922" s="10"/>
      <c r="M2922" s="10"/>
      <c r="N2922">
        <v>0</v>
      </c>
    </row>
    <row r="2923" spans="1:14" hidden="1">
      <c r="A2923" s="7" t="s">
        <v>10</v>
      </c>
      <c r="B2923" s="8"/>
      <c r="C2923" s="8" t="s">
        <v>59</v>
      </c>
      <c r="D2923" t="s">
        <v>77</v>
      </c>
      <c r="E2923" s="8" t="s">
        <v>31</v>
      </c>
      <c r="F2923" t="s">
        <v>70</v>
      </c>
      <c r="G2923" t="s">
        <v>78</v>
      </c>
      <c r="H2923" t="s">
        <v>70</v>
      </c>
      <c r="I2923" s="8">
        <v>2031</v>
      </c>
      <c r="J2923" t="s">
        <v>14</v>
      </c>
      <c r="K2923" s="10">
        <v>14000</v>
      </c>
      <c r="M2923" s="10"/>
      <c r="N2923">
        <v>0</v>
      </c>
    </row>
    <row r="2924" spans="1:14" hidden="1">
      <c r="A2924" s="7" t="s">
        <v>10</v>
      </c>
      <c r="B2924" s="8"/>
      <c r="C2924" s="8" t="s">
        <v>59</v>
      </c>
      <c r="D2924" t="s">
        <v>77</v>
      </c>
      <c r="E2924" s="8" t="s">
        <v>31</v>
      </c>
      <c r="F2924" t="s">
        <v>70</v>
      </c>
      <c r="G2924" t="s">
        <v>78</v>
      </c>
      <c r="H2924" t="s">
        <v>70</v>
      </c>
      <c r="I2924" s="8">
        <v>2031</v>
      </c>
      <c r="J2924" t="s">
        <v>49</v>
      </c>
      <c r="K2924" s="10"/>
      <c r="M2924" s="10"/>
      <c r="N2924">
        <v>0</v>
      </c>
    </row>
    <row r="2925" spans="1:14" hidden="1">
      <c r="A2925" s="7" t="s">
        <v>10</v>
      </c>
      <c r="B2925" s="8"/>
      <c r="C2925" s="8" t="s">
        <v>59</v>
      </c>
      <c r="D2925" t="s">
        <v>77</v>
      </c>
      <c r="E2925" s="8" t="s">
        <v>31</v>
      </c>
      <c r="F2925" t="s">
        <v>70</v>
      </c>
      <c r="G2925" t="s">
        <v>79</v>
      </c>
      <c r="H2925" t="s">
        <v>70</v>
      </c>
      <c r="I2925" s="8">
        <v>2031</v>
      </c>
      <c r="J2925" t="s">
        <v>15</v>
      </c>
      <c r="K2925" s="10"/>
      <c r="M2925" s="10"/>
      <c r="N2925">
        <v>0</v>
      </c>
    </row>
    <row r="2926" spans="1:14" hidden="1">
      <c r="A2926" s="7" t="s">
        <v>10</v>
      </c>
      <c r="B2926" s="8"/>
      <c r="C2926" s="8" t="s">
        <v>59</v>
      </c>
      <c r="D2926" t="s">
        <v>77</v>
      </c>
      <c r="E2926" s="8" t="s">
        <v>31</v>
      </c>
      <c r="F2926" t="s">
        <v>70</v>
      </c>
      <c r="G2926" t="s">
        <v>79</v>
      </c>
      <c r="H2926" t="s">
        <v>70</v>
      </c>
      <c r="I2926" s="8">
        <v>2031</v>
      </c>
      <c r="J2926" t="s">
        <v>50</v>
      </c>
      <c r="K2926" s="10"/>
      <c r="M2926" s="10"/>
      <c r="N2926">
        <v>0</v>
      </c>
    </row>
    <row r="2927" spans="1:14" hidden="1">
      <c r="A2927" s="7" t="s">
        <v>10</v>
      </c>
      <c r="B2927" s="8"/>
      <c r="C2927" s="8" t="s">
        <v>59</v>
      </c>
      <c r="D2927" t="s">
        <v>77</v>
      </c>
      <c r="E2927" s="8" t="s">
        <v>31</v>
      </c>
      <c r="F2927" t="s">
        <v>70</v>
      </c>
      <c r="G2927" t="s">
        <v>19</v>
      </c>
      <c r="H2927" t="s">
        <v>70</v>
      </c>
      <c r="I2927" s="8">
        <v>2031</v>
      </c>
      <c r="J2927" t="s">
        <v>19</v>
      </c>
      <c r="K2927" s="10"/>
      <c r="M2927" s="10"/>
      <c r="N2927">
        <v>0</v>
      </c>
    </row>
    <row r="2928" spans="1:14" hidden="1">
      <c r="A2928" s="7" t="s">
        <v>10</v>
      </c>
      <c r="B2928" s="8"/>
      <c r="C2928" s="8" t="s">
        <v>59</v>
      </c>
      <c r="D2928" t="s">
        <v>77</v>
      </c>
      <c r="E2928" s="8" t="s">
        <v>31</v>
      </c>
      <c r="F2928" t="s">
        <v>70</v>
      </c>
      <c r="G2928" t="s">
        <v>78</v>
      </c>
      <c r="H2928" t="s">
        <v>70</v>
      </c>
      <c r="I2928" s="8">
        <v>2031</v>
      </c>
      <c r="J2928" t="s">
        <v>21</v>
      </c>
      <c r="K2928" s="10"/>
      <c r="M2928" s="10"/>
      <c r="N2928">
        <v>0</v>
      </c>
    </row>
    <row r="2929" spans="1:14" hidden="1">
      <c r="A2929" s="7" t="s">
        <v>10</v>
      </c>
      <c r="B2929" s="8"/>
      <c r="C2929" s="8" t="s">
        <v>59</v>
      </c>
      <c r="D2929" t="s">
        <v>77</v>
      </c>
      <c r="E2929" s="8" t="s">
        <v>31</v>
      </c>
      <c r="F2929" t="s">
        <v>70</v>
      </c>
      <c r="G2929" t="s">
        <v>78</v>
      </c>
      <c r="H2929" t="s">
        <v>70</v>
      </c>
      <c r="I2929" s="8">
        <v>2031</v>
      </c>
      <c r="J2929" t="s">
        <v>51</v>
      </c>
      <c r="K2929" s="10"/>
      <c r="M2929" s="10"/>
      <c r="N2929">
        <v>0</v>
      </c>
    </row>
    <row r="2930" spans="1:14" hidden="1">
      <c r="A2930" s="7" t="s">
        <v>10</v>
      </c>
      <c r="B2930" s="8"/>
      <c r="C2930" s="8" t="s">
        <v>59</v>
      </c>
      <c r="D2930" t="s">
        <v>77</v>
      </c>
      <c r="E2930" s="8" t="s">
        <v>31</v>
      </c>
      <c r="F2930" t="s">
        <v>70</v>
      </c>
      <c r="G2930" t="s">
        <v>78</v>
      </c>
      <c r="H2930" t="s">
        <v>70</v>
      </c>
      <c r="I2930" s="8">
        <v>2032</v>
      </c>
      <c r="J2930" t="s">
        <v>47</v>
      </c>
      <c r="K2930" s="10"/>
      <c r="M2930" s="10"/>
      <c r="N2930">
        <v>0</v>
      </c>
    </row>
    <row r="2931" spans="1:14" hidden="1">
      <c r="A2931" s="7" t="s">
        <v>10</v>
      </c>
      <c r="B2931" s="8"/>
      <c r="C2931" s="8" t="s">
        <v>59</v>
      </c>
      <c r="D2931" t="s">
        <v>77</v>
      </c>
      <c r="E2931" s="8" t="s">
        <v>31</v>
      </c>
      <c r="F2931" t="s">
        <v>70</v>
      </c>
      <c r="G2931" t="s">
        <v>78</v>
      </c>
      <c r="H2931" t="s">
        <v>70</v>
      </c>
      <c r="I2931" s="8">
        <v>2032</v>
      </c>
      <c r="J2931" t="s">
        <v>48</v>
      </c>
      <c r="K2931" s="10"/>
      <c r="M2931" s="10"/>
      <c r="N2931">
        <v>0</v>
      </c>
    </row>
    <row r="2932" spans="1:14" hidden="1">
      <c r="A2932" s="7" t="s">
        <v>10</v>
      </c>
      <c r="B2932" s="8"/>
      <c r="C2932" s="8" t="s">
        <v>59</v>
      </c>
      <c r="D2932" t="s">
        <v>77</v>
      </c>
      <c r="E2932" s="8" t="s">
        <v>31</v>
      </c>
      <c r="F2932" t="s">
        <v>70</v>
      </c>
      <c r="G2932" t="s">
        <v>78</v>
      </c>
      <c r="H2932" t="s">
        <v>70</v>
      </c>
      <c r="I2932" s="8">
        <v>2032</v>
      </c>
      <c r="J2932" t="s">
        <v>14</v>
      </c>
      <c r="K2932" s="10">
        <v>14000</v>
      </c>
      <c r="M2932" s="10"/>
      <c r="N2932">
        <v>0</v>
      </c>
    </row>
    <row r="2933" spans="1:14" hidden="1">
      <c r="A2933" s="7" t="s">
        <v>10</v>
      </c>
      <c r="B2933" s="8"/>
      <c r="C2933" s="8" t="s">
        <v>59</v>
      </c>
      <c r="D2933" t="s">
        <v>77</v>
      </c>
      <c r="E2933" s="8" t="s">
        <v>31</v>
      </c>
      <c r="F2933" t="s">
        <v>70</v>
      </c>
      <c r="G2933" t="s">
        <v>78</v>
      </c>
      <c r="H2933" t="s">
        <v>70</v>
      </c>
      <c r="I2933" s="8">
        <v>2032</v>
      </c>
      <c r="J2933" t="s">
        <v>49</v>
      </c>
      <c r="K2933" s="10"/>
      <c r="M2933" s="10"/>
      <c r="N2933">
        <v>0</v>
      </c>
    </row>
    <row r="2934" spans="1:14" hidden="1">
      <c r="A2934" s="7" t="s">
        <v>10</v>
      </c>
      <c r="B2934" s="8"/>
      <c r="C2934" s="8" t="s">
        <v>59</v>
      </c>
      <c r="D2934" t="s">
        <v>77</v>
      </c>
      <c r="E2934" s="8" t="s">
        <v>31</v>
      </c>
      <c r="F2934" t="s">
        <v>70</v>
      </c>
      <c r="G2934" t="s">
        <v>79</v>
      </c>
      <c r="H2934" t="s">
        <v>70</v>
      </c>
      <c r="I2934" s="8">
        <v>2032</v>
      </c>
      <c r="J2934" t="s">
        <v>15</v>
      </c>
      <c r="K2934" s="10"/>
      <c r="M2934" s="10"/>
      <c r="N2934">
        <v>0</v>
      </c>
    </row>
    <row r="2935" spans="1:14" hidden="1">
      <c r="A2935" s="7" t="s">
        <v>10</v>
      </c>
      <c r="B2935" s="8"/>
      <c r="C2935" s="8" t="s">
        <v>59</v>
      </c>
      <c r="D2935" t="s">
        <v>77</v>
      </c>
      <c r="E2935" s="8" t="s">
        <v>31</v>
      </c>
      <c r="F2935" t="s">
        <v>70</v>
      </c>
      <c r="G2935" t="s">
        <v>79</v>
      </c>
      <c r="H2935" t="s">
        <v>70</v>
      </c>
      <c r="I2935" s="8">
        <v>2032</v>
      </c>
      <c r="J2935" t="s">
        <v>50</v>
      </c>
      <c r="K2935" s="10"/>
      <c r="M2935" s="10"/>
      <c r="N2935">
        <v>0</v>
      </c>
    </row>
    <row r="2936" spans="1:14" hidden="1">
      <c r="A2936" s="7" t="s">
        <v>10</v>
      </c>
      <c r="B2936" s="8"/>
      <c r="C2936" s="8" t="s">
        <v>59</v>
      </c>
      <c r="D2936" t="s">
        <v>77</v>
      </c>
      <c r="E2936" s="8" t="s">
        <v>31</v>
      </c>
      <c r="F2936" t="s">
        <v>70</v>
      </c>
      <c r="G2936" t="s">
        <v>19</v>
      </c>
      <c r="H2936" t="s">
        <v>70</v>
      </c>
      <c r="I2936" s="8">
        <v>2032</v>
      </c>
      <c r="J2936" t="s">
        <v>19</v>
      </c>
      <c r="K2936" s="10"/>
      <c r="M2936" s="10"/>
      <c r="N2936">
        <v>0</v>
      </c>
    </row>
    <row r="2937" spans="1:14" hidden="1">
      <c r="A2937" s="7" t="s">
        <v>10</v>
      </c>
      <c r="B2937" s="8"/>
      <c r="C2937" s="8" t="s">
        <v>59</v>
      </c>
      <c r="D2937" t="s">
        <v>77</v>
      </c>
      <c r="E2937" s="8" t="s">
        <v>31</v>
      </c>
      <c r="F2937" t="s">
        <v>70</v>
      </c>
      <c r="G2937" t="s">
        <v>78</v>
      </c>
      <c r="H2937" t="s">
        <v>70</v>
      </c>
      <c r="I2937" s="8">
        <v>2032</v>
      </c>
      <c r="J2937" t="s">
        <v>21</v>
      </c>
      <c r="K2937" s="10"/>
      <c r="M2937" s="10"/>
      <c r="N2937">
        <v>0</v>
      </c>
    </row>
    <row r="2938" spans="1:14" hidden="1">
      <c r="A2938" s="7" t="s">
        <v>10</v>
      </c>
      <c r="B2938" s="8"/>
      <c r="C2938" s="8" t="s">
        <v>59</v>
      </c>
      <c r="D2938" t="s">
        <v>77</v>
      </c>
      <c r="E2938" s="8" t="s">
        <v>31</v>
      </c>
      <c r="F2938" t="s">
        <v>70</v>
      </c>
      <c r="G2938" t="s">
        <v>78</v>
      </c>
      <c r="H2938" t="s">
        <v>70</v>
      </c>
      <c r="I2938" s="8">
        <v>2032</v>
      </c>
      <c r="J2938" t="s">
        <v>51</v>
      </c>
      <c r="K2938" s="10"/>
      <c r="M2938" s="10"/>
      <c r="N2938">
        <v>0</v>
      </c>
    </row>
    <row r="2939" spans="1:14" hidden="1">
      <c r="A2939" s="7" t="s">
        <v>10</v>
      </c>
      <c r="B2939" s="8"/>
      <c r="C2939" s="8" t="s">
        <v>59</v>
      </c>
      <c r="D2939" t="s">
        <v>77</v>
      </c>
      <c r="E2939" s="8" t="s">
        <v>31</v>
      </c>
      <c r="F2939" t="s">
        <v>70</v>
      </c>
      <c r="G2939" t="s">
        <v>78</v>
      </c>
      <c r="H2939" t="s">
        <v>70</v>
      </c>
      <c r="I2939" s="8">
        <v>2033</v>
      </c>
      <c r="J2939" t="s">
        <v>47</v>
      </c>
      <c r="K2939" s="10"/>
      <c r="M2939" s="10"/>
      <c r="N2939">
        <v>0</v>
      </c>
    </row>
    <row r="2940" spans="1:14" hidden="1">
      <c r="A2940" s="7" t="s">
        <v>10</v>
      </c>
      <c r="B2940" s="8"/>
      <c r="C2940" s="8" t="s">
        <v>59</v>
      </c>
      <c r="D2940" t="s">
        <v>77</v>
      </c>
      <c r="E2940" s="8" t="s">
        <v>31</v>
      </c>
      <c r="F2940" t="s">
        <v>70</v>
      </c>
      <c r="G2940" t="s">
        <v>78</v>
      </c>
      <c r="H2940" t="s">
        <v>70</v>
      </c>
      <c r="I2940" s="8">
        <v>2033</v>
      </c>
      <c r="J2940" t="s">
        <v>48</v>
      </c>
      <c r="K2940" s="10"/>
      <c r="M2940" s="10"/>
      <c r="N2940">
        <v>0</v>
      </c>
    </row>
    <row r="2941" spans="1:14" hidden="1">
      <c r="A2941" s="7" t="s">
        <v>10</v>
      </c>
      <c r="B2941" s="8"/>
      <c r="C2941" s="8" t="s">
        <v>59</v>
      </c>
      <c r="D2941" t="s">
        <v>77</v>
      </c>
      <c r="E2941" s="8" t="s">
        <v>31</v>
      </c>
      <c r="F2941" t="s">
        <v>70</v>
      </c>
      <c r="G2941" t="s">
        <v>78</v>
      </c>
      <c r="H2941" t="s">
        <v>70</v>
      </c>
      <c r="I2941" s="8">
        <v>2033</v>
      </c>
      <c r="J2941" t="s">
        <v>14</v>
      </c>
      <c r="K2941" s="10">
        <v>14000</v>
      </c>
      <c r="M2941" s="10"/>
      <c r="N2941">
        <v>0</v>
      </c>
    </row>
    <row r="2942" spans="1:14" hidden="1">
      <c r="A2942" s="7" t="s">
        <v>10</v>
      </c>
      <c r="B2942" s="8"/>
      <c r="C2942" s="8" t="s">
        <v>59</v>
      </c>
      <c r="D2942" t="s">
        <v>77</v>
      </c>
      <c r="E2942" s="8" t="s">
        <v>31</v>
      </c>
      <c r="F2942" t="s">
        <v>70</v>
      </c>
      <c r="G2942" t="s">
        <v>78</v>
      </c>
      <c r="H2942" t="s">
        <v>70</v>
      </c>
      <c r="I2942" s="8">
        <v>2033</v>
      </c>
      <c r="J2942" t="s">
        <v>49</v>
      </c>
      <c r="K2942" s="10"/>
      <c r="M2942" s="10"/>
      <c r="N2942">
        <v>0</v>
      </c>
    </row>
    <row r="2943" spans="1:14" hidden="1">
      <c r="A2943" s="7" t="s">
        <v>10</v>
      </c>
      <c r="B2943" s="8"/>
      <c r="C2943" s="8" t="s">
        <v>59</v>
      </c>
      <c r="D2943" t="s">
        <v>77</v>
      </c>
      <c r="E2943" s="8" t="s">
        <v>31</v>
      </c>
      <c r="F2943" t="s">
        <v>70</v>
      </c>
      <c r="G2943" t="s">
        <v>79</v>
      </c>
      <c r="H2943" t="s">
        <v>70</v>
      </c>
      <c r="I2943" s="8">
        <v>2033</v>
      </c>
      <c r="J2943" t="s">
        <v>15</v>
      </c>
      <c r="K2943" s="10"/>
      <c r="M2943" s="10"/>
      <c r="N2943">
        <v>0</v>
      </c>
    </row>
    <row r="2944" spans="1:14" hidden="1">
      <c r="A2944" s="7" t="s">
        <v>10</v>
      </c>
      <c r="B2944" s="8"/>
      <c r="C2944" s="8" t="s">
        <v>59</v>
      </c>
      <c r="D2944" t="s">
        <v>77</v>
      </c>
      <c r="E2944" s="8" t="s">
        <v>31</v>
      </c>
      <c r="F2944" t="s">
        <v>70</v>
      </c>
      <c r="G2944" t="s">
        <v>79</v>
      </c>
      <c r="H2944" t="s">
        <v>70</v>
      </c>
      <c r="I2944" s="8">
        <v>2033</v>
      </c>
      <c r="J2944" t="s">
        <v>50</v>
      </c>
      <c r="K2944" s="10"/>
      <c r="M2944" s="10"/>
      <c r="N2944">
        <v>0</v>
      </c>
    </row>
    <row r="2945" spans="1:14" hidden="1">
      <c r="A2945" s="7" t="s">
        <v>10</v>
      </c>
      <c r="B2945" s="8"/>
      <c r="C2945" s="8" t="s">
        <v>59</v>
      </c>
      <c r="D2945" t="s">
        <v>77</v>
      </c>
      <c r="E2945" s="8" t="s">
        <v>31</v>
      </c>
      <c r="F2945" t="s">
        <v>70</v>
      </c>
      <c r="G2945" t="s">
        <v>19</v>
      </c>
      <c r="H2945" t="s">
        <v>70</v>
      </c>
      <c r="I2945" s="8">
        <v>2033</v>
      </c>
      <c r="J2945" t="s">
        <v>19</v>
      </c>
      <c r="K2945" s="10"/>
      <c r="M2945" s="10"/>
      <c r="N2945">
        <v>0</v>
      </c>
    </row>
    <row r="2946" spans="1:14" hidden="1">
      <c r="A2946" s="7" t="s">
        <v>10</v>
      </c>
      <c r="B2946" s="8"/>
      <c r="C2946" s="8" t="s">
        <v>59</v>
      </c>
      <c r="D2946" t="s">
        <v>77</v>
      </c>
      <c r="E2946" s="8" t="s">
        <v>31</v>
      </c>
      <c r="F2946" t="s">
        <v>70</v>
      </c>
      <c r="G2946" t="s">
        <v>78</v>
      </c>
      <c r="H2946" t="s">
        <v>70</v>
      </c>
      <c r="I2946" s="8">
        <v>2033</v>
      </c>
      <c r="J2946" t="s">
        <v>21</v>
      </c>
      <c r="K2946" s="10"/>
      <c r="M2946" s="10"/>
      <c r="N2946">
        <v>0</v>
      </c>
    </row>
    <row r="2947" spans="1:14" hidden="1">
      <c r="A2947" s="7" t="s">
        <v>10</v>
      </c>
      <c r="B2947" s="8"/>
      <c r="C2947" s="8" t="s">
        <v>59</v>
      </c>
      <c r="D2947" t="s">
        <v>77</v>
      </c>
      <c r="E2947" s="8" t="s">
        <v>31</v>
      </c>
      <c r="F2947" t="s">
        <v>70</v>
      </c>
      <c r="G2947" t="s">
        <v>78</v>
      </c>
      <c r="H2947" t="s">
        <v>70</v>
      </c>
      <c r="I2947" s="8">
        <v>2033</v>
      </c>
      <c r="J2947" t="s">
        <v>51</v>
      </c>
      <c r="K2947" s="10"/>
      <c r="M2947" s="10"/>
      <c r="N2947">
        <v>0</v>
      </c>
    </row>
    <row r="2948" spans="1:14" hidden="1">
      <c r="A2948" s="7" t="s">
        <v>10</v>
      </c>
      <c r="B2948" s="8"/>
      <c r="C2948" s="8" t="s">
        <v>59</v>
      </c>
      <c r="D2948" t="s">
        <v>77</v>
      </c>
      <c r="E2948" s="8" t="s">
        <v>31</v>
      </c>
      <c r="F2948" t="s">
        <v>70</v>
      </c>
      <c r="G2948" t="s">
        <v>78</v>
      </c>
      <c r="H2948" t="s">
        <v>70</v>
      </c>
      <c r="I2948" s="8">
        <v>2034</v>
      </c>
      <c r="J2948" t="s">
        <v>47</v>
      </c>
      <c r="K2948" s="10"/>
      <c r="M2948" s="10"/>
      <c r="N2948">
        <v>0</v>
      </c>
    </row>
    <row r="2949" spans="1:14" hidden="1">
      <c r="A2949" s="7" t="s">
        <v>10</v>
      </c>
      <c r="B2949" s="8"/>
      <c r="C2949" s="8" t="s">
        <v>59</v>
      </c>
      <c r="D2949" t="s">
        <v>77</v>
      </c>
      <c r="E2949" s="8" t="s">
        <v>31</v>
      </c>
      <c r="F2949" t="s">
        <v>70</v>
      </c>
      <c r="G2949" t="s">
        <v>78</v>
      </c>
      <c r="H2949" t="s">
        <v>70</v>
      </c>
      <c r="I2949" s="8">
        <v>2034</v>
      </c>
      <c r="J2949" t="s">
        <v>48</v>
      </c>
      <c r="K2949" s="10"/>
      <c r="M2949" s="10"/>
      <c r="N2949">
        <v>0</v>
      </c>
    </row>
    <row r="2950" spans="1:14" hidden="1">
      <c r="A2950" s="7" t="s">
        <v>10</v>
      </c>
      <c r="B2950" s="8"/>
      <c r="C2950" s="8" t="s">
        <v>59</v>
      </c>
      <c r="D2950" t="s">
        <v>77</v>
      </c>
      <c r="E2950" s="8" t="s">
        <v>31</v>
      </c>
      <c r="F2950" t="s">
        <v>70</v>
      </c>
      <c r="G2950" t="s">
        <v>78</v>
      </c>
      <c r="H2950" t="s">
        <v>70</v>
      </c>
      <c r="I2950" s="8">
        <v>2034</v>
      </c>
      <c r="J2950" t="s">
        <v>14</v>
      </c>
      <c r="K2950" s="10">
        <v>14000</v>
      </c>
      <c r="M2950" s="10"/>
      <c r="N2950">
        <v>0</v>
      </c>
    </row>
    <row r="2951" spans="1:14" hidden="1">
      <c r="A2951" s="7" t="s">
        <v>10</v>
      </c>
      <c r="B2951" s="8"/>
      <c r="C2951" s="8" t="s">
        <v>59</v>
      </c>
      <c r="D2951" t="s">
        <v>77</v>
      </c>
      <c r="E2951" s="8" t="s">
        <v>31</v>
      </c>
      <c r="F2951" t="s">
        <v>70</v>
      </c>
      <c r="G2951" t="s">
        <v>78</v>
      </c>
      <c r="H2951" t="s">
        <v>70</v>
      </c>
      <c r="I2951" s="8">
        <v>2034</v>
      </c>
      <c r="J2951" t="s">
        <v>49</v>
      </c>
      <c r="K2951" s="10"/>
      <c r="M2951" s="10"/>
      <c r="N2951">
        <v>0</v>
      </c>
    </row>
    <row r="2952" spans="1:14" hidden="1">
      <c r="A2952" s="7" t="s">
        <v>10</v>
      </c>
      <c r="B2952" s="8"/>
      <c r="C2952" s="8" t="s">
        <v>59</v>
      </c>
      <c r="D2952" t="s">
        <v>77</v>
      </c>
      <c r="E2952" s="8" t="s">
        <v>31</v>
      </c>
      <c r="F2952" t="s">
        <v>70</v>
      </c>
      <c r="G2952" t="s">
        <v>79</v>
      </c>
      <c r="H2952" t="s">
        <v>70</v>
      </c>
      <c r="I2952" s="8">
        <v>2034</v>
      </c>
      <c r="J2952" t="s">
        <v>15</v>
      </c>
      <c r="K2952" s="10"/>
      <c r="M2952" s="10"/>
      <c r="N2952">
        <v>0</v>
      </c>
    </row>
    <row r="2953" spans="1:14" hidden="1">
      <c r="A2953" s="7" t="s">
        <v>10</v>
      </c>
      <c r="B2953" s="8"/>
      <c r="C2953" s="8" t="s">
        <v>59</v>
      </c>
      <c r="D2953" t="s">
        <v>77</v>
      </c>
      <c r="E2953" s="8" t="s">
        <v>31</v>
      </c>
      <c r="F2953" t="s">
        <v>70</v>
      </c>
      <c r="G2953" t="s">
        <v>79</v>
      </c>
      <c r="H2953" t="s">
        <v>70</v>
      </c>
      <c r="I2953" s="8">
        <v>2034</v>
      </c>
      <c r="J2953" t="s">
        <v>50</v>
      </c>
      <c r="K2953" s="10"/>
      <c r="M2953" s="10"/>
      <c r="N2953">
        <v>0</v>
      </c>
    </row>
    <row r="2954" spans="1:14" hidden="1">
      <c r="A2954" s="7" t="s">
        <v>10</v>
      </c>
      <c r="B2954" s="8"/>
      <c r="C2954" s="8" t="s">
        <v>59</v>
      </c>
      <c r="D2954" t="s">
        <v>77</v>
      </c>
      <c r="E2954" s="8" t="s">
        <v>31</v>
      </c>
      <c r="F2954" t="s">
        <v>70</v>
      </c>
      <c r="G2954" t="s">
        <v>19</v>
      </c>
      <c r="H2954" t="s">
        <v>70</v>
      </c>
      <c r="I2954" s="8">
        <v>2034</v>
      </c>
      <c r="J2954" t="s">
        <v>19</v>
      </c>
      <c r="K2954" s="10"/>
      <c r="M2954" s="10"/>
      <c r="N2954">
        <v>0</v>
      </c>
    </row>
    <row r="2955" spans="1:14" hidden="1">
      <c r="A2955" s="7" t="s">
        <v>10</v>
      </c>
      <c r="B2955" s="8"/>
      <c r="C2955" s="8" t="s">
        <v>59</v>
      </c>
      <c r="D2955" t="s">
        <v>77</v>
      </c>
      <c r="E2955" s="8" t="s">
        <v>31</v>
      </c>
      <c r="F2955" t="s">
        <v>70</v>
      </c>
      <c r="G2955" t="s">
        <v>78</v>
      </c>
      <c r="H2955" t="s">
        <v>70</v>
      </c>
      <c r="I2955" s="8">
        <v>2034</v>
      </c>
      <c r="J2955" t="s">
        <v>21</v>
      </c>
      <c r="K2955" s="10"/>
      <c r="M2955" s="10"/>
      <c r="N2955">
        <v>0</v>
      </c>
    </row>
    <row r="2956" spans="1:14" hidden="1">
      <c r="A2956" s="7" t="s">
        <v>10</v>
      </c>
      <c r="B2956" s="8"/>
      <c r="C2956" s="8" t="s">
        <v>59</v>
      </c>
      <c r="D2956" t="s">
        <v>77</v>
      </c>
      <c r="E2956" s="8" t="s">
        <v>31</v>
      </c>
      <c r="F2956" t="s">
        <v>70</v>
      </c>
      <c r="G2956" t="s">
        <v>78</v>
      </c>
      <c r="H2956" t="s">
        <v>70</v>
      </c>
      <c r="I2956" s="8">
        <v>2034</v>
      </c>
      <c r="J2956" t="s">
        <v>51</v>
      </c>
      <c r="K2956" s="10"/>
      <c r="M2956" s="10"/>
      <c r="N2956">
        <v>0</v>
      </c>
    </row>
    <row r="2957" spans="1:14" hidden="1">
      <c r="A2957" s="7" t="s">
        <v>10</v>
      </c>
      <c r="B2957" s="8"/>
      <c r="C2957" s="8" t="s">
        <v>63</v>
      </c>
      <c r="D2957" t="s">
        <v>77</v>
      </c>
      <c r="E2957" s="8" t="s">
        <v>63</v>
      </c>
      <c r="F2957" t="s">
        <v>70</v>
      </c>
      <c r="G2957" t="s">
        <v>78</v>
      </c>
      <c r="H2957" t="s">
        <v>70</v>
      </c>
      <c r="I2957" s="8">
        <v>2025</v>
      </c>
      <c r="J2957" t="s">
        <v>47</v>
      </c>
      <c r="K2957" s="10"/>
      <c r="M2957" s="10"/>
      <c r="N2957">
        <v>0</v>
      </c>
    </row>
    <row r="2958" spans="1:14" hidden="1">
      <c r="A2958" s="7" t="s">
        <v>10</v>
      </c>
      <c r="B2958" s="8"/>
      <c r="C2958" s="8" t="s">
        <v>63</v>
      </c>
      <c r="D2958" t="s">
        <v>77</v>
      </c>
      <c r="E2958" s="8" t="s">
        <v>63</v>
      </c>
      <c r="F2958" t="s">
        <v>70</v>
      </c>
      <c r="G2958" t="s">
        <v>78</v>
      </c>
      <c r="H2958" t="s">
        <v>70</v>
      </c>
      <c r="I2958" s="8">
        <v>2025</v>
      </c>
      <c r="J2958" t="s">
        <v>48</v>
      </c>
      <c r="K2958" s="10"/>
      <c r="M2958" s="10"/>
      <c r="N2958">
        <v>0</v>
      </c>
    </row>
    <row r="2959" spans="1:14" hidden="1">
      <c r="A2959" s="7" t="s">
        <v>10</v>
      </c>
      <c r="B2959" s="8"/>
      <c r="C2959" s="8" t="s">
        <v>63</v>
      </c>
      <c r="D2959" t="s">
        <v>77</v>
      </c>
      <c r="E2959" s="8" t="s">
        <v>63</v>
      </c>
      <c r="F2959" t="s">
        <v>70</v>
      </c>
      <c r="G2959" t="s">
        <v>78</v>
      </c>
      <c r="H2959" t="s">
        <v>70</v>
      </c>
      <c r="I2959" s="8">
        <v>2025</v>
      </c>
      <c r="J2959" t="s">
        <v>14</v>
      </c>
      <c r="K2959" s="10">
        <v>1403</v>
      </c>
      <c r="M2959" s="10"/>
      <c r="N2959">
        <v>0</v>
      </c>
    </row>
    <row r="2960" spans="1:14" hidden="1">
      <c r="A2960" s="7" t="s">
        <v>10</v>
      </c>
      <c r="B2960" s="8"/>
      <c r="C2960" s="8" t="s">
        <v>63</v>
      </c>
      <c r="D2960" t="s">
        <v>77</v>
      </c>
      <c r="E2960" s="8" t="s">
        <v>63</v>
      </c>
      <c r="F2960" t="s">
        <v>70</v>
      </c>
      <c r="G2960" t="s">
        <v>78</v>
      </c>
      <c r="H2960" t="s">
        <v>70</v>
      </c>
      <c r="I2960" s="8">
        <v>2025</v>
      </c>
      <c r="J2960" t="s">
        <v>49</v>
      </c>
      <c r="K2960" s="10"/>
      <c r="M2960" s="10"/>
      <c r="N2960">
        <v>0</v>
      </c>
    </row>
    <row r="2961" spans="1:14" hidden="1">
      <c r="A2961" s="7" t="s">
        <v>10</v>
      </c>
      <c r="B2961" s="8"/>
      <c r="C2961" s="8" t="s">
        <v>63</v>
      </c>
      <c r="D2961" t="s">
        <v>77</v>
      </c>
      <c r="E2961" s="8" t="s">
        <v>63</v>
      </c>
      <c r="F2961" t="s">
        <v>70</v>
      </c>
      <c r="G2961" t="s">
        <v>79</v>
      </c>
      <c r="H2961" t="s">
        <v>70</v>
      </c>
      <c r="I2961" s="8">
        <v>2025</v>
      </c>
      <c r="J2961" t="s">
        <v>15</v>
      </c>
      <c r="K2961" s="10"/>
      <c r="M2961" s="10"/>
      <c r="N2961">
        <v>0</v>
      </c>
    </row>
    <row r="2962" spans="1:14" hidden="1">
      <c r="A2962" s="7" t="s">
        <v>10</v>
      </c>
      <c r="B2962" s="8"/>
      <c r="C2962" s="8" t="s">
        <v>63</v>
      </c>
      <c r="D2962" t="s">
        <v>77</v>
      </c>
      <c r="E2962" s="8" t="s">
        <v>63</v>
      </c>
      <c r="F2962" t="s">
        <v>70</v>
      </c>
      <c r="G2962" t="s">
        <v>79</v>
      </c>
      <c r="H2962" t="s">
        <v>70</v>
      </c>
      <c r="I2962" s="8">
        <v>2025</v>
      </c>
      <c r="J2962" t="s">
        <v>50</v>
      </c>
      <c r="K2962" s="10"/>
      <c r="M2962" s="10"/>
      <c r="N2962">
        <v>0</v>
      </c>
    </row>
    <row r="2963" spans="1:14" hidden="1">
      <c r="A2963" s="7" t="s">
        <v>10</v>
      </c>
      <c r="B2963" s="8"/>
      <c r="C2963" s="8" t="s">
        <v>63</v>
      </c>
      <c r="D2963" t="s">
        <v>77</v>
      </c>
      <c r="E2963" s="8" t="s">
        <v>63</v>
      </c>
      <c r="F2963" t="s">
        <v>70</v>
      </c>
      <c r="G2963" t="s">
        <v>19</v>
      </c>
      <c r="H2963" t="s">
        <v>70</v>
      </c>
      <c r="I2963" s="8">
        <v>2025</v>
      </c>
      <c r="J2963" t="s">
        <v>19</v>
      </c>
      <c r="K2963" s="10"/>
      <c r="M2963" s="10"/>
      <c r="N2963">
        <v>0</v>
      </c>
    </row>
    <row r="2964" spans="1:14" hidden="1">
      <c r="A2964" s="7" t="s">
        <v>10</v>
      </c>
      <c r="B2964" s="8"/>
      <c r="C2964" s="8" t="s">
        <v>63</v>
      </c>
      <c r="D2964" t="s">
        <v>77</v>
      </c>
      <c r="E2964" s="8" t="s">
        <v>63</v>
      </c>
      <c r="F2964" t="s">
        <v>70</v>
      </c>
      <c r="G2964" t="s">
        <v>78</v>
      </c>
      <c r="H2964" t="s">
        <v>70</v>
      </c>
      <c r="I2964" s="8">
        <v>2025</v>
      </c>
      <c r="J2964" t="s">
        <v>21</v>
      </c>
      <c r="K2964" s="10"/>
      <c r="M2964" s="10"/>
      <c r="N2964">
        <v>0</v>
      </c>
    </row>
    <row r="2965" spans="1:14" hidden="1">
      <c r="A2965" s="7" t="s">
        <v>10</v>
      </c>
      <c r="B2965" s="8"/>
      <c r="C2965" s="8" t="s">
        <v>63</v>
      </c>
      <c r="D2965" t="s">
        <v>77</v>
      </c>
      <c r="E2965" s="8" t="s">
        <v>63</v>
      </c>
      <c r="F2965" t="s">
        <v>70</v>
      </c>
      <c r="G2965" t="s">
        <v>78</v>
      </c>
      <c r="H2965" t="s">
        <v>70</v>
      </c>
      <c r="I2965" s="8">
        <v>2025</v>
      </c>
      <c r="J2965" t="s">
        <v>51</v>
      </c>
      <c r="K2965" s="10"/>
      <c r="M2965" s="10"/>
      <c r="N2965">
        <v>0</v>
      </c>
    </row>
    <row r="2966" spans="1:14" hidden="1">
      <c r="A2966" s="7" t="s">
        <v>10</v>
      </c>
      <c r="B2966" s="8"/>
      <c r="C2966" s="8" t="s">
        <v>63</v>
      </c>
      <c r="D2966" t="s">
        <v>77</v>
      </c>
      <c r="E2966" s="8" t="s">
        <v>63</v>
      </c>
      <c r="F2966" t="s">
        <v>70</v>
      </c>
      <c r="G2966" t="s">
        <v>78</v>
      </c>
      <c r="H2966" t="s">
        <v>70</v>
      </c>
      <c r="I2966" s="8">
        <v>2026</v>
      </c>
      <c r="J2966" t="s">
        <v>47</v>
      </c>
      <c r="K2966" s="10"/>
      <c r="M2966" s="10"/>
      <c r="N2966">
        <v>0</v>
      </c>
    </row>
    <row r="2967" spans="1:14" hidden="1">
      <c r="A2967" s="7" t="s">
        <v>10</v>
      </c>
      <c r="B2967" s="8"/>
      <c r="C2967" s="8" t="s">
        <v>63</v>
      </c>
      <c r="D2967" t="s">
        <v>77</v>
      </c>
      <c r="E2967" s="8" t="s">
        <v>63</v>
      </c>
      <c r="F2967" t="s">
        <v>70</v>
      </c>
      <c r="G2967" t="s">
        <v>78</v>
      </c>
      <c r="H2967" t="s">
        <v>70</v>
      </c>
      <c r="I2967" s="8">
        <v>2026</v>
      </c>
      <c r="J2967" t="s">
        <v>48</v>
      </c>
      <c r="K2967" s="10"/>
      <c r="M2967" s="10"/>
      <c r="N2967">
        <v>0</v>
      </c>
    </row>
    <row r="2968" spans="1:14" hidden="1">
      <c r="A2968" s="7" t="s">
        <v>10</v>
      </c>
      <c r="B2968" s="8"/>
      <c r="C2968" s="8" t="s">
        <v>63</v>
      </c>
      <c r="D2968" t="s">
        <v>77</v>
      </c>
      <c r="E2968" s="8" t="s">
        <v>63</v>
      </c>
      <c r="F2968" t="s">
        <v>70</v>
      </c>
      <c r="G2968" t="s">
        <v>78</v>
      </c>
      <c r="H2968" t="s">
        <v>70</v>
      </c>
      <c r="I2968" s="8">
        <v>2026</v>
      </c>
      <c r="J2968" t="s">
        <v>14</v>
      </c>
      <c r="K2968" s="10">
        <v>1935</v>
      </c>
      <c r="M2968" s="10"/>
      <c r="N2968">
        <v>0</v>
      </c>
    </row>
    <row r="2969" spans="1:14" hidden="1">
      <c r="A2969" s="7" t="s">
        <v>10</v>
      </c>
      <c r="B2969" s="8"/>
      <c r="C2969" s="8" t="s">
        <v>63</v>
      </c>
      <c r="D2969" t="s">
        <v>77</v>
      </c>
      <c r="E2969" s="8" t="s">
        <v>63</v>
      </c>
      <c r="F2969" t="s">
        <v>70</v>
      </c>
      <c r="G2969" t="s">
        <v>78</v>
      </c>
      <c r="H2969" t="s">
        <v>70</v>
      </c>
      <c r="I2969" s="8">
        <v>2026</v>
      </c>
      <c r="J2969" t="s">
        <v>49</v>
      </c>
      <c r="K2969" s="10"/>
      <c r="M2969" s="10"/>
      <c r="N2969">
        <v>0</v>
      </c>
    </row>
    <row r="2970" spans="1:14" hidden="1">
      <c r="A2970" s="7" t="s">
        <v>10</v>
      </c>
      <c r="B2970" s="8"/>
      <c r="C2970" s="8" t="s">
        <v>63</v>
      </c>
      <c r="D2970" t="s">
        <v>77</v>
      </c>
      <c r="E2970" s="8" t="s">
        <v>63</v>
      </c>
      <c r="F2970" t="s">
        <v>70</v>
      </c>
      <c r="G2970" t="s">
        <v>79</v>
      </c>
      <c r="H2970" t="s">
        <v>70</v>
      </c>
      <c r="I2970" s="8">
        <v>2026</v>
      </c>
      <c r="J2970" t="s">
        <v>15</v>
      </c>
      <c r="K2970" s="10"/>
      <c r="M2970" s="10"/>
      <c r="N2970">
        <v>0</v>
      </c>
    </row>
    <row r="2971" spans="1:14" hidden="1">
      <c r="A2971" s="7" t="s">
        <v>10</v>
      </c>
      <c r="B2971" s="8"/>
      <c r="C2971" s="8" t="s">
        <v>63</v>
      </c>
      <c r="D2971" t="s">
        <v>77</v>
      </c>
      <c r="E2971" s="8" t="s">
        <v>63</v>
      </c>
      <c r="F2971" t="s">
        <v>70</v>
      </c>
      <c r="G2971" t="s">
        <v>79</v>
      </c>
      <c r="H2971" t="s">
        <v>70</v>
      </c>
      <c r="I2971" s="8">
        <v>2026</v>
      </c>
      <c r="J2971" t="s">
        <v>50</v>
      </c>
      <c r="K2971" s="10"/>
      <c r="M2971" s="10"/>
      <c r="N2971">
        <v>0</v>
      </c>
    </row>
    <row r="2972" spans="1:14" hidden="1">
      <c r="A2972" s="7" t="s">
        <v>10</v>
      </c>
      <c r="B2972" s="8"/>
      <c r="C2972" s="8" t="s">
        <v>63</v>
      </c>
      <c r="D2972" t="s">
        <v>77</v>
      </c>
      <c r="E2972" s="8" t="s">
        <v>63</v>
      </c>
      <c r="F2972" t="s">
        <v>70</v>
      </c>
      <c r="G2972" t="s">
        <v>19</v>
      </c>
      <c r="H2972" t="s">
        <v>70</v>
      </c>
      <c r="I2972" s="8">
        <v>2026</v>
      </c>
      <c r="J2972" t="s">
        <v>19</v>
      </c>
      <c r="K2972" s="10"/>
      <c r="M2972" s="10"/>
      <c r="N2972">
        <v>0</v>
      </c>
    </row>
    <row r="2973" spans="1:14" hidden="1">
      <c r="A2973" s="7" t="s">
        <v>10</v>
      </c>
      <c r="B2973" s="8"/>
      <c r="C2973" s="8" t="s">
        <v>63</v>
      </c>
      <c r="D2973" t="s">
        <v>77</v>
      </c>
      <c r="E2973" s="8" t="s">
        <v>63</v>
      </c>
      <c r="F2973" t="s">
        <v>70</v>
      </c>
      <c r="G2973" t="s">
        <v>78</v>
      </c>
      <c r="H2973" t="s">
        <v>70</v>
      </c>
      <c r="I2973" s="8">
        <v>2026</v>
      </c>
      <c r="J2973" t="s">
        <v>21</v>
      </c>
      <c r="K2973" s="10"/>
      <c r="M2973" s="10"/>
      <c r="N2973">
        <v>0</v>
      </c>
    </row>
    <row r="2974" spans="1:14" hidden="1">
      <c r="A2974" s="7" t="s">
        <v>10</v>
      </c>
      <c r="B2974" s="8"/>
      <c r="C2974" s="8" t="s">
        <v>63</v>
      </c>
      <c r="D2974" t="s">
        <v>77</v>
      </c>
      <c r="E2974" s="8" t="s">
        <v>63</v>
      </c>
      <c r="F2974" t="s">
        <v>70</v>
      </c>
      <c r="G2974" t="s">
        <v>78</v>
      </c>
      <c r="H2974" t="s">
        <v>70</v>
      </c>
      <c r="I2974" s="8">
        <v>2026</v>
      </c>
      <c r="J2974" t="s">
        <v>51</v>
      </c>
      <c r="K2974" s="10"/>
      <c r="M2974" s="10"/>
      <c r="N2974">
        <v>0</v>
      </c>
    </row>
    <row r="2975" spans="1:14" hidden="1">
      <c r="A2975" s="7" t="s">
        <v>10</v>
      </c>
      <c r="B2975" s="8"/>
      <c r="C2975" s="8" t="s">
        <v>63</v>
      </c>
      <c r="D2975" t="s">
        <v>77</v>
      </c>
      <c r="E2975" s="8" t="s">
        <v>63</v>
      </c>
      <c r="F2975" t="s">
        <v>70</v>
      </c>
      <c r="G2975" t="s">
        <v>78</v>
      </c>
      <c r="H2975" t="s">
        <v>70</v>
      </c>
      <c r="I2975" s="8">
        <v>2027</v>
      </c>
      <c r="J2975" t="s">
        <v>47</v>
      </c>
      <c r="K2975" s="10"/>
      <c r="M2975" s="10"/>
      <c r="N2975">
        <v>0</v>
      </c>
    </row>
    <row r="2976" spans="1:14" hidden="1">
      <c r="A2976" s="7" t="s">
        <v>10</v>
      </c>
      <c r="B2976" s="8"/>
      <c r="C2976" s="8" t="s">
        <v>63</v>
      </c>
      <c r="D2976" t="s">
        <v>77</v>
      </c>
      <c r="E2976" s="8" t="s">
        <v>63</v>
      </c>
      <c r="F2976" t="s">
        <v>70</v>
      </c>
      <c r="G2976" t="s">
        <v>78</v>
      </c>
      <c r="H2976" t="s">
        <v>70</v>
      </c>
      <c r="I2976" s="8">
        <v>2027</v>
      </c>
      <c r="J2976" t="s">
        <v>48</v>
      </c>
      <c r="K2976" s="10"/>
      <c r="M2976" s="10"/>
      <c r="N2976">
        <v>0</v>
      </c>
    </row>
    <row r="2977" spans="1:14" hidden="1">
      <c r="A2977" s="7" t="s">
        <v>10</v>
      </c>
      <c r="B2977" s="8"/>
      <c r="C2977" s="8" t="s">
        <v>63</v>
      </c>
      <c r="D2977" t="s">
        <v>77</v>
      </c>
      <c r="E2977" s="8" t="s">
        <v>63</v>
      </c>
      <c r="F2977" t="s">
        <v>70</v>
      </c>
      <c r="G2977" t="s">
        <v>78</v>
      </c>
      <c r="H2977" t="s">
        <v>70</v>
      </c>
      <c r="I2977" s="8">
        <v>2027</v>
      </c>
      <c r="J2977" t="s">
        <v>14</v>
      </c>
      <c r="K2977" s="10">
        <v>1775</v>
      </c>
      <c r="M2977" s="10"/>
      <c r="N2977">
        <v>0</v>
      </c>
    </row>
    <row r="2978" spans="1:14" hidden="1">
      <c r="A2978" s="7" t="s">
        <v>10</v>
      </c>
      <c r="B2978" s="8"/>
      <c r="C2978" s="8" t="s">
        <v>63</v>
      </c>
      <c r="D2978" t="s">
        <v>77</v>
      </c>
      <c r="E2978" s="8" t="s">
        <v>63</v>
      </c>
      <c r="F2978" t="s">
        <v>70</v>
      </c>
      <c r="G2978" t="s">
        <v>78</v>
      </c>
      <c r="H2978" t="s">
        <v>70</v>
      </c>
      <c r="I2978" s="8">
        <v>2027</v>
      </c>
      <c r="J2978" t="s">
        <v>49</v>
      </c>
      <c r="K2978" s="10"/>
      <c r="M2978" s="10"/>
      <c r="N2978">
        <v>0</v>
      </c>
    </row>
    <row r="2979" spans="1:14" hidden="1">
      <c r="A2979" s="7" t="s">
        <v>10</v>
      </c>
      <c r="B2979" s="8"/>
      <c r="C2979" s="8" t="s">
        <v>63</v>
      </c>
      <c r="D2979" t="s">
        <v>77</v>
      </c>
      <c r="E2979" s="8" t="s">
        <v>63</v>
      </c>
      <c r="F2979" t="s">
        <v>70</v>
      </c>
      <c r="G2979" t="s">
        <v>79</v>
      </c>
      <c r="H2979" t="s">
        <v>70</v>
      </c>
      <c r="I2979" s="8">
        <v>2027</v>
      </c>
      <c r="J2979" t="s">
        <v>15</v>
      </c>
      <c r="K2979" s="10"/>
      <c r="M2979" s="10"/>
      <c r="N2979">
        <v>0</v>
      </c>
    </row>
    <row r="2980" spans="1:14" hidden="1">
      <c r="A2980" s="7" t="s">
        <v>10</v>
      </c>
      <c r="B2980" s="8"/>
      <c r="C2980" s="8" t="s">
        <v>63</v>
      </c>
      <c r="D2980" t="s">
        <v>77</v>
      </c>
      <c r="E2980" s="8" t="s">
        <v>63</v>
      </c>
      <c r="F2980" t="s">
        <v>70</v>
      </c>
      <c r="G2980" t="s">
        <v>79</v>
      </c>
      <c r="H2980" t="s">
        <v>70</v>
      </c>
      <c r="I2980" s="8">
        <v>2027</v>
      </c>
      <c r="J2980" t="s">
        <v>50</v>
      </c>
      <c r="K2980" s="10"/>
      <c r="M2980" s="10"/>
      <c r="N2980">
        <v>0</v>
      </c>
    </row>
    <row r="2981" spans="1:14" hidden="1">
      <c r="A2981" s="7" t="s">
        <v>10</v>
      </c>
      <c r="B2981" s="8"/>
      <c r="C2981" s="8" t="s">
        <v>63</v>
      </c>
      <c r="D2981" t="s">
        <v>77</v>
      </c>
      <c r="E2981" s="8" t="s">
        <v>63</v>
      </c>
      <c r="F2981" t="s">
        <v>70</v>
      </c>
      <c r="G2981" t="s">
        <v>19</v>
      </c>
      <c r="H2981" t="s">
        <v>70</v>
      </c>
      <c r="I2981" s="8">
        <v>2027</v>
      </c>
      <c r="J2981" t="s">
        <v>19</v>
      </c>
      <c r="K2981" s="10"/>
      <c r="M2981" s="10"/>
      <c r="N2981">
        <v>0</v>
      </c>
    </row>
    <row r="2982" spans="1:14" hidden="1">
      <c r="A2982" s="7" t="s">
        <v>10</v>
      </c>
      <c r="B2982" s="8"/>
      <c r="C2982" s="8" t="s">
        <v>63</v>
      </c>
      <c r="D2982" t="s">
        <v>77</v>
      </c>
      <c r="E2982" s="8" t="s">
        <v>63</v>
      </c>
      <c r="F2982" t="s">
        <v>70</v>
      </c>
      <c r="G2982" t="s">
        <v>78</v>
      </c>
      <c r="H2982" t="s">
        <v>70</v>
      </c>
      <c r="I2982" s="8">
        <v>2027</v>
      </c>
      <c r="J2982" t="s">
        <v>21</v>
      </c>
      <c r="K2982" s="10"/>
      <c r="M2982" s="10"/>
      <c r="N2982">
        <v>0</v>
      </c>
    </row>
    <row r="2983" spans="1:14" hidden="1">
      <c r="A2983" s="7" t="s">
        <v>10</v>
      </c>
      <c r="B2983" s="8"/>
      <c r="C2983" s="8" t="s">
        <v>63</v>
      </c>
      <c r="D2983" t="s">
        <v>77</v>
      </c>
      <c r="E2983" s="8" t="s">
        <v>63</v>
      </c>
      <c r="F2983" t="s">
        <v>70</v>
      </c>
      <c r="G2983" t="s">
        <v>78</v>
      </c>
      <c r="H2983" t="s">
        <v>70</v>
      </c>
      <c r="I2983" s="8">
        <v>2027</v>
      </c>
      <c r="J2983" t="s">
        <v>51</v>
      </c>
      <c r="K2983" s="10"/>
      <c r="M2983" s="10"/>
      <c r="N2983">
        <v>0</v>
      </c>
    </row>
    <row r="2984" spans="1:14" hidden="1">
      <c r="A2984" s="7" t="s">
        <v>10</v>
      </c>
      <c r="B2984" s="8"/>
      <c r="C2984" s="8" t="s">
        <v>63</v>
      </c>
      <c r="D2984" t="s">
        <v>77</v>
      </c>
      <c r="E2984" s="8" t="s">
        <v>63</v>
      </c>
      <c r="F2984" t="s">
        <v>70</v>
      </c>
      <c r="G2984" t="s">
        <v>78</v>
      </c>
      <c r="H2984" t="s">
        <v>70</v>
      </c>
      <c r="I2984" s="8">
        <v>2028</v>
      </c>
      <c r="J2984" t="s">
        <v>47</v>
      </c>
      <c r="K2984" s="10"/>
      <c r="M2984" s="10"/>
      <c r="N2984">
        <v>0</v>
      </c>
    </row>
    <row r="2985" spans="1:14" hidden="1">
      <c r="A2985" s="7" t="s">
        <v>10</v>
      </c>
      <c r="B2985" s="8"/>
      <c r="C2985" s="8" t="s">
        <v>63</v>
      </c>
      <c r="D2985" t="s">
        <v>77</v>
      </c>
      <c r="E2985" s="8" t="s">
        <v>63</v>
      </c>
      <c r="F2985" t="s">
        <v>70</v>
      </c>
      <c r="G2985" t="s">
        <v>78</v>
      </c>
      <c r="H2985" t="s">
        <v>70</v>
      </c>
      <c r="I2985" s="8">
        <v>2028</v>
      </c>
      <c r="J2985" t="s">
        <v>48</v>
      </c>
      <c r="K2985" s="10"/>
      <c r="M2985" s="10"/>
      <c r="N2985">
        <v>0</v>
      </c>
    </row>
    <row r="2986" spans="1:14" hidden="1">
      <c r="A2986" s="7" t="s">
        <v>10</v>
      </c>
      <c r="B2986" s="8"/>
      <c r="C2986" s="8" t="s">
        <v>63</v>
      </c>
      <c r="D2986" t="s">
        <v>77</v>
      </c>
      <c r="E2986" s="8" t="s">
        <v>63</v>
      </c>
      <c r="F2986" t="s">
        <v>70</v>
      </c>
      <c r="G2986" t="s">
        <v>78</v>
      </c>
      <c r="H2986" t="s">
        <v>70</v>
      </c>
      <c r="I2986" s="8">
        <v>2028</v>
      </c>
      <c r="J2986" t="s">
        <v>14</v>
      </c>
      <c r="K2986" s="10">
        <v>1882</v>
      </c>
      <c r="M2986" s="10"/>
      <c r="N2986">
        <v>0</v>
      </c>
    </row>
    <row r="2987" spans="1:14" hidden="1">
      <c r="A2987" s="7" t="s">
        <v>10</v>
      </c>
      <c r="B2987" s="8"/>
      <c r="C2987" s="8" t="s">
        <v>63</v>
      </c>
      <c r="D2987" t="s">
        <v>77</v>
      </c>
      <c r="E2987" s="8" t="s">
        <v>63</v>
      </c>
      <c r="F2987" t="s">
        <v>70</v>
      </c>
      <c r="G2987" t="s">
        <v>78</v>
      </c>
      <c r="H2987" t="s">
        <v>70</v>
      </c>
      <c r="I2987" s="8">
        <v>2028</v>
      </c>
      <c r="J2987" t="s">
        <v>49</v>
      </c>
      <c r="K2987" s="10"/>
      <c r="M2987" s="10"/>
      <c r="N2987">
        <v>0</v>
      </c>
    </row>
    <row r="2988" spans="1:14" hidden="1">
      <c r="A2988" s="7" t="s">
        <v>10</v>
      </c>
      <c r="B2988" s="8"/>
      <c r="C2988" s="8" t="s">
        <v>63</v>
      </c>
      <c r="D2988" t="s">
        <v>77</v>
      </c>
      <c r="E2988" s="8" t="s">
        <v>63</v>
      </c>
      <c r="F2988" t="s">
        <v>70</v>
      </c>
      <c r="G2988" t="s">
        <v>79</v>
      </c>
      <c r="H2988" t="s">
        <v>70</v>
      </c>
      <c r="I2988" s="8">
        <v>2028</v>
      </c>
      <c r="J2988" t="s">
        <v>15</v>
      </c>
      <c r="K2988" s="10"/>
      <c r="M2988" s="10"/>
      <c r="N2988">
        <v>0</v>
      </c>
    </row>
    <row r="2989" spans="1:14" hidden="1">
      <c r="A2989" s="7" t="s">
        <v>10</v>
      </c>
      <c r="B2989" s="8"/>
      <c r="C2989" s="8" t="s">
        <v>63</v>
      </c>
      <c r="D2989" t="s">
        <v>77</v>
      </c>
      <c r="E2989" s="8" t="s">
        <v>63</v>
      </c>
      <c r="F2989" t="s">
        <v>70</v>
      </c>
      <c r="G2989" t="s">
        <v>79</v>
      </c>
      <c r="H2989" t="s">
        <v>70</v>
      </c>
      <c r="I2989" s="8">
        <v>2028</v>
      </c>
      <c r="J2989" t="s">
        <v>50</v>
      </c>
      <c r="K2989" s="10"/>
      <c r="M2989" s="10"/>
      <c r="N2989">
        <v>0</v>
      </c>
    </row>
    <row r="2990" spans="1:14" hidden="1">
      <c r="A2990" s="7" t="s">
        <v>10</v>
      </c>
      <c r="B2990" s="8"/>
      <c r="C2990" s="8" t="s">
        <v>63</v>
      </c>
      <c r="D2990" t="s">
        <v>77</v>
      </c>
      <c r="E2990" s="8" t="s">
        <v>63</v>
      </c>
      <c r="F2990" t="s">
        <v>70</v>
      </c>
      <c r="G2990" t="s">
        <v>19</v>
      </c>
      <c r="H2990" t="s">
        <v>70</v>
      </c>
      <c r="I2990" s="8">
        <v>2028</v>
      </c>
      <c r="J2990" t="s">
        <v>19</v>
      </c>
      <c r="K2990" s="10"/>
      <c r="M2990" s="10"/>
      <c r="N2990">
        <v>0</v>
      </c>
    </row>
    <row r="2991" spans="1:14" hidden="1">
      <c r="A2991" s="7" t="s">
        <v>10</v>
      </c>
      <c r="B2991" s="8"/>
      <c r="C2991" s="8" t="s">
        <v>63</v>
      </c>
      <c r="D2991" t="s">
        <v>77</v>
      </c>
      <c r="E2991" s="8" t="s">
        <v>63</v>
      </c>
      <c r="F2991" t="s">
        <v>70</v>
      </c>
      <c r="G2991" t="s">
        <v>78</v>
      </c>
      <c r="H2991" t="s">
        <v>70</v>
      </c>
      <c r="I2991" s="8">
        <v>2028</v>
      </c>
      <c r="J2991" t="s">
        <v>21</v>
      </c>
      <c r="K2991" s="10"/>
      <c r="M2991" s="10"/>
      <c r="N2991">
        <v>0</v>
      </c>
    </row>
    <row r="2992" spans="1:14" hidden="1">
      <c r="A2992" s="7" t="s">
        <v>10</v>
      </c>
      <c r="B2992" s="8"/>
      <c r="C2992" s="8" t="s">
        <v>63</v>
      </c>
      <c r="D2992" t="s">
        <v>77</v>
      </c>
      <c r="E2992" s="8" t="s">
        <v>63</v>
      </c>
      <c r="F2992" t="s">
        <v>70</v>
      </c>
      <c r="G2992" t="s">
        <v>78</v>
      </c>
      <c r="H2992" t="s">
        <v>70</v>
      </c>
      <c r="I2992" s="8">
        <v>2028</v>
      </c>
      <c r="J2992" t="s">
        <v>51</v>
      </c>
      <c r="K2992" s="10"/>
      <c r="M2992" s="10"/>
      <c r="N2992">
        <v>0</v>
      </c>
    </row>
    <row r="2993" spans="1:14" hidden="1">
      <c r="A2993" s="7" t="s">
        <v>10</v>
      </c>
      <c r="B2993" s="8"/>
      <c r="C2993" s="8" t="s">
        <v>63</v>
      </c>
      <c r="D2993" t="s">
        <v>77</v>
      </c>
      <c r="E2993" s="8" t="s">
        <v>63</v>
      </c>
      <c r="F2993" t="s">
        <v>70</v>
      </c>
      <c r="G2993" t="s">
        <v>78</v>
      </c>
      <c r="H2993" t="s">
        <v>70</v>
      </c>
      <c r="I2993" s="8">
        <v>2029</v>
      </c>
      <c r="J2993" t="s">
        <v>47</v>
      </c>
      <c r="K2993" s="10"/>
      <c r="M2993" s="10"/>
      <c r="N2993">
        <v>0</v>
      </c>
    </row>
    <row r="2994" spans="1:14" hidden="1">
      <c r="A2994" s="7" t="s">
        <v>10</v>
      </c>
      <c r="B2994" s="8"/>
      <c r="C2994" s="8" t="s">
        <v>63</v>
      </c>
      <c r="D2994" t="s">
        <v>77</v>
      </c>
      <c r="E2994" s="8" t="s">
        <v>63</v>
      </c>
      <c r="F2994" t="s">
        <v>70</v>
      </c>
      <c r="G2994" t="s">
        <v>78</v>
      </c>
      <c r="H2994" t="s">
        <v>70</v>
      </c>
      <c r="I2994" s="8">
        <v>2029</v>
      </c>
      <c r="J2994" t="s">
        <v>48</v>
      </c>
      <c r="K2994" s="10"/>
      <c r="M2994" s="10"/>
      <c r="N2994">
        <v>0</v>
      </c>
    </row>
    <row r="2995" spans="1:14" hidden="1">
      <c r="A2995" s="7" t="s">
        <v>10</v>
      </c>
      <c r="B2995" s="8"/>
      <c r="C2995" s="8" t="s">
        <v>63</v>
      </c>
      <c r="D2995" t="s">
        <v>77</v>
      </c>
      <c r="E2995" s="8" t="s">
        <v>63</v>
      </c>
      <c r="F2995" t="s">
        <v>70</v>
      </c>
      <c r="G2995" t="s">
        <v>78</v>
      </c>
      <c r="H2995" t="s">
        <v>70</v>
      </c>
      <c r="I2995" s="8">
        <v>2029</v>
      </c>
      <c r="J2995" t="s">
        <v>14</v>
      </c>
      <c r="K2995" s="10">
        <v>2076</v>
      </c>
      <c r="M2995" s="10"/>
      <c r="N2995">
        <v>0</v>
      </c>
    </row>
    <row r="2996" spans="1:14" hidden="1">
      <c r="A2996" s="7" t="s">
        <v>10</v>
      </c>
      <c r="B2996" s="8"/>
      <c r="C2996" s="8" t="s">
        <v>63</v>
      </c>
      <c r="D2996" t="s">
        <v>77</v>
      </c>
      <c r="E2996" s="8" t="s">
        <v>63</v>
      </c>
      <c r="F2996" t="s">
        <v>70</v>
      </c>
      <c r="G2996" t="s">
        <v>78</v>
      </c>
      <c r="H2996" t="s">
        <v>70</v>
      </c>
      <c r="I2996" s="8">
        <v>2029</v>
      </c>
      <c r="J2996" t="s">
        <v>49</v>
      </c>
      <c r="K2996" s="10"/>
      <c r="M2996" s="10"/>
      <c r="N2996">
        <v>0</v>
      </c>
    </row>
    <row r="2997" spans="1:14" hidden="1">
      <c r="A2997" s="7" t="s">
        <v>10</v>
      </c>
      <c r="B2997" s="8"/>
      <c r="C2997" s="8" t="s">
        <v>63</v>
      </c>
      <c r="D2997" t="s">
        <v>77</v>
      </c>
      <c r="E2997" s="8" t="s">
        <v>63</v>
      </c>
      <c r="F2997" t="s">
        <v>70</v>
      </c>
      <c r="G2997" t="s">
        <v>79</v>
      </c>
      <c r="H2997" t="s">
        <v>70</v>
      </c>
      <c r="I2997" s="8">
        <v>2029</v>
      </c>
      <c r="J2997" t="s">
        <v>15</v>
      </c>
      <c r="K2997" s="10"/>
      <c r="M2997" s="10"/>
      <c r="N2997">
        <v>0</v>
      </c>
    </row>
    <row r="2998" spans="1:14" hidden="1">
      <c r="A2998" s="7" t="s">
        <v>10</v>
      </c>
      <c r="B2998" s="8"/>
      <c r="C2998" s="8" t="s">
        <v>63</v>
      </c>
      <c r="D2998" t="s">
        <v>77</v>
      </c>
      <c r="E2998" s="8" t="s">
        <v>63</v>
      </c>
      <c r="F2998" t="s">
        <v>70</v>
      </c>
      <c r="G2998" t="s">
        <v>79</v>
      </c>
      <c r="H2998" t="s">
        <v>70</v>
      </c>
      <c r="I2998" s="8">
        <v>2029</v>
      </c>
      <c r="J2998" t="s">
        <v>50</v>
      </c>
      <c r="K2998" s="10"/>
      <c r="M2998" s="10"/>
      <c r="N2998">
        <v>0</v>
      </c>
    </row>
    <row r="2999" spans="1:14" hidden="1">
      <c r="A2999" s="7" t="s">
        <v>10</v>
      </c>
      <c r="B2999" s="8"/>
      <c r="C2999" s="8" t="s">
        <v>63</v>
      </c>
      <c r="D2999" t="s">
        <v>77</v>
      </c>
      <c r="E2999" s="8" t="s">
        <v>63</v>
      </c>
      <c r="F2999" t="s">
        <v>70</v>
      </c>
      <c r="G2999" t="s">
        <v>19</v>
      </c>
      <c r="H2999" t="s">
        <v>70</v>
      </c>
      <c r="I2999" s="8">
        <v>2029</v>
      </c>
      <c r="J2999" t="s">
        <v>19</v>
      </c>
      <c r="K2999" s="10"/>
      <c r="M2999" s="10"/>
      <c r="N2999">
        <v>0</v>
      </c>
    </row>
    <row r="3000" spans="1:14" hidden="1">
      <c r="A3000" s="7" t="s">
        <v>10</v>
      </c>
      <c r="B3000" s="8"/>
      <c r="C3000" s="8" t="s">
        <v>63</v>
      </c>
      <c r="D3000" t="s">
        <v>77</v>
      </c>
      <c r="E3000" s="8" t="s">
        <v>63</v>
      </c>
      <c r="F3000" t="s">
        <v>70</v>
      </c>
      <c r="G3000" t="s">
        <v>78</v>
      </c>
      <c r="H3000" t="s">
        <v>70</v>
      </c>
      <c r="I3000" s="8">
        <v>2029</v>
      </c>
      <c r="J3000" t="s">
        <v>21</v>
      </c>
      <c r="K3000" s="10"/>
      <c r="M3000" s="10"/>
      <c r="N3000">
        <v>0</v>
      </c>
    </row>
    <row r="3001" spans="1:14" hidden="1">
      <c r="A3001" s="7" t="s">
        <v>10</v>
      </c>
      <c r="B3001" s="8"/>
      <c r="C3001" s="8" t="s">
        <v>63</v>
      </c>
      <c r="D3001" t="s">
        <v>77</v>
      </c>
      <c r="E3001" s="8" t="s">
        <v>63</v>
      </c>
      <c r="F3001" t="s">
        <v>70</v>
      </c>
      <c r="G3001" t="s">
        <v>78</v>
      </c>
      <c r="H3001" t="s">
        <v>70</v>
      </c>
      <c r="I3001" s="8">
        <v>2029</v>
      </c>
      <c r="J3001" t="s">
        <v>51</v>
      </c>
      <c r="K3001" s="10"/>
      <c r="M3001" s="10"/>
      <c r="N3001">
        <v>0</v>
      </c>
    </row>
    <row r="3002" spans="1:14" hidden="1">
      <c r="A3002" s="7" t="s">
        <v>10</v>
      </c>
      <c r="B3002" s="8"/>
      <c r="C3002" s="8" t="s">
        <v>63</v>
      </c>
      <c r="D3002" t="s">
        <v>77</v>
      </c>
      <c r="E3002" s="8" t="s">
        <v>63</v>
      </c>
      <c r="F3002" t="s">
        <v>70</v>
      </c>
      <c r="G3002" t="s">
        <v>78</v>
      </c>
      <c r="H3002" t="s">
        <v>70</v>
      </c>
      <c r="I3002" s="8">
        <v>2030</v>
      </c>
      <c r="J3002" t="s">
        <v>47</v>
      </c>
      <c r="K3002" s="10"/>
      <c r="M3002" s="10"/>
      <c r="N3002">
        <v>0</v>
      </c>
    </row>
    <row r="3003" spans="1:14" hidden="1">
      <c r="A3003" s="7" t="s">
        <v>10</v>
      </c>
      <c r="B3003" s="8"/>
      <c r="C3003" s="8" t="s">
        <v>63</v>
      </c>
      <c r="D3003" t="s">
        <v>77</v>
      </c>
      <c r="E3003" s="8" t="s">
        <v>63</v>
      </c>
      <c r="F3003" t="s">
        <v>70</v>
      </c>
      <c r="G3003" t="s">
        <v>78</v>
      </c>
      <c r="H3003" t="s">
        <v>70</v>
      </c>
      <c r="I3003" s="8">
        <v>2030</v>
      </c>
      <c r="J3003" t="s">
        <v>48</v>
      </c>
      <c r="K3003" s="10"/>
      <c r="M3003" s="10"/>
      <c r="N3003">
        <v>0</v>
      </c>
    </row>
    <row r="3004" spans="1:14" hidden="1">
      <c r="A3004" s="7" t="s">
        <v>10</v>
      </c>
      <c r="B3004" s="8"/>
      <c r="C3004" s="8" t="s">
        <v>63</v>
      </c>
      <c r="D3004" t="s">
        <v>77</v>
      </c>
      <c r="E3004" s="8" t="s">
        <v>63</v>
      </c>
      <c r="F3004" t="s">
        <v>70</v>
      </c>
      <c r="G3004" t="s">
        <v>78</v>
      </c>
      <c r="H3004" t="s">
        <v>70</v>
      </c>
      <c r="I3004" s="8">
        <v>2030</v>
      </c>
      <c r="J3004" t="s">
        <v>14</v>
      </c>
      <c r="K3004" s="10">
        <v>2076</v>
      </c>
      <c r="M3004" s="10"/>
      <c r="N3004">
        <v>0</v>
      </c>
    </row>
    <row r="3005" spans="1:14" hidden="1">
      <c r="A3005" s="7" t="s">
        <v>10</v>
      </c>
      <c r="B3005" s="8"/>
      <c r="C3005" s="8" t="s">
        <v>63</v>
      </c>
      <c r="D3005" t="s">
        <v>77</v>
      </c>
      <c r="E3005" s="8" t="s">
        <v>63</v>
      </c>
      <c r="F3005" t="s">
        <v>70</v>
      </c>
      <c r="G3005" t="s">
        <v>78</v>
      </c>
      <c r="H3005" t="s">
        <v>70</v>
      </c>
      <c r="I3005" s="8">
        <v>2030</v>
      </c>
      <c r="J3005" t="s">
        <v>49</v>
      </c>
      <c r="K3005" s="10"/>
      <c r="M3005" s="10"/>
      <c r="N3005">
        <v>0</v>
      </c>
    </row>
    <row r="3006" spans="1:14" hidden="1">
      <c r="A3006" s="7" t="s">
        <v>10</v>
      </c>
      <c r="B3006" s="8"/>
      <c r="C3006" s="8" t="s">
        <v>63</v>
      </c>
      <c r="D3006" t="s">
        <v>77</v>
      </c>
      <c r="E3006" s="8" t="s">
        <v>63</v>
      </c>
      <c r="F3006" t="s">
        <v>70</v>
      </c>
      <c r="G3006" t="s">
        <v>79</v>
      </c>
      <c r="H3006" t="s">
        <v>70</v>
      </c>
      <c r="I3006" s="8">
        <v>2030</v>
      </c>
      <c r="J3006" t="s">
        <v>15</v>
      </c>
      <c r="K3006" s="10"/>
      <c r="M3006" s="10"/>
      <c r="N3006">
        <v>0</v>
      </c>
    </row>
    <row r="3007" spans="1:14" hidden="1">
      <c r="A3007" s="7" t="s">
        <v>10</v>
      </c>
      <c r="B3007" s="8"/>
      <c r="C3007" s="8" t="s">
        <v>63</v>
      </c>
      <c r="D3007" t="s">
        <v>77</v>
      </c>
      <c r="E3007" s="8" t="s">
        <v>63</v>
      </c>
      <c r="F3007" t="s">
        <v>70</v>
      </c>
      <c r="G3007" t="s">
        <v>79</v>
      </c>
      <c r="H3007" t="s">
        <v>70</v>
      </c>
      <c r="I3007" s="8">
        <v>2030</v>
      </c>
      <c r="J3007" t="s">
        <v>50</v>
      </c>
      <c r="K3007" s="10"/>
      <c r="M3007" s="10"/>
      <c r="N3007">
        <v>0</v>
      </c>
    </row>
    <row r="3008" spans="1:14" hidden="1">
      <c r="A3008" s="7" t="s">
        <v>10</v>
      </c>
      <c r="B3008" s="8"/>
      <c r="C3008" s="8" t="s">
        <v>63</v>
      </c>
      <c r="D3008" t="s">
        <v>77</v>
      </c>
      <c r="E3008" s="8" t="s">
        <v>63</v>
      </c>
      <c r="F3008" t="s">
        <v>70</v>
      </c>
      <c r="G3008" t="s">
        <v>19</v>
      </c>
      <c r="H3008" t="s">
        <v>70</v>
      </c>
      <c r="I3008" s="8">
        <v>2030</v>
      </c>
      <c r="J3008" t="s">
        <v>19</v>
      </c>
      <c r="K3008" s="10"/>
      <c r="M3008" s="10"/>
      <c r="N3008">
        <v>0</v>
      </c>
    </row>
    <row r="3009" spans="1:14" hidden="1">
      <c r="A3009" s="7" t="s">
        <v>10</v>
      </c>
      <c r="B3009" s="8"/>
      <c r="C3009" s="8" t="s">
        <v>63</v>
      </c>
      <c r="D3009" t="s">
        <v>77</v>
      </c>
      <c r="E3009" s="8" t="s">
        <v>63</v>
      </c>
      <c r="F3009" t="s">
        <v>70</v>
      </c>
      <c r="G3009" t="s">
        <v>78</v>
      </c>
      <c r="H3009" t="s">
        <v>70</v>
      </c>
      <c r="I3009" s="8">
        <v>2030</v>
      </c>
      <c r="J3009" t="s">
        <v>21</v>
      </c>
      <c r="K3009" s="10"/>
      <c r="M3009" s="10"/>
      <c r="N3009">
        <v>0</v>
      </c>
    </row>
    <row r="3010" spans="1:14" hidden="1">
      <c r="A3010" s="7" t="s">
        <v>10</v>
      </c>
      <c r="B3010" s="8"/>
      <c r="C3010" s="8" t="s">
        <v>63</v>
      </c>
      <c r="D3010" t="s">
        <v>77</v>
      </c>
      <c r="E3010" s="8" t="s">
        <v>63</v>
      </c>
      <c r="F3010" t="s">
        <v>70</v>
      </c>
      <c r="G3010" t="s">
        <v>78</v>
      </c>
      <c r="H3010" t="s">
        <v>70</v>
      </c>
      <c r="I3010" s="8">
        <v>2030</v>
      </c>
      <c r="J3010" t="s">
        <v>51</v>
      </c>
      <c r="K3010" s="10"/>
      <c r="M3010" s="10"/>
      <c r="N3010">
        <v>0</v>
      </c>
    </row>
    <row r="3011" spans="1:14" hidden="1">
      <c r="A3011" s="7" t="s">
        <v>10</v>
      </c>
      <c r="B3011" s="8"/>
      <c r="C3011" s="8" t="s">
        <v>63</v>
      </c>
      <c r="D3011" t="s">
        <v>77</v>
      </c>
      <c r="E3011" s="8" t="s">
        <v>63</v>
      </c>
      <c r="F3011" t="s">
        <v>70</v>
      </c>
      <c r="G3011" t="s">
        <v>78</v>
      </c>
      <c r="H3011" t="s">
        <v>70</v>
      </c>
      <c r="I3011" s="8">
        <v>2031</v>
      </c>
      <c r="J3011" t="s">
        <v>47</v>
      </c>
      <c r="K3011" s="10"/>
      <c r="M3011" s="10"/>
      <c r="N3011">
        <v>0</v>
      </c>
    </row>
    <row r="3012" spans="1:14" hidden="1">
      <c r="A3012" s="7" t="s">
        <v>10</v>
      </c>
      <c r="B3012" s="8"/>
      <c r="C3012" s="8" t="s">
        <v>63</v>
      </c>
      <c r="D3012" t="s">
        <v>77</v>
      </c>
      <c r="E3012" s="8" t="s">
        <v>63</v>
      </c>
      <c r="F3012" t="s">
        <v>70</v>
      </c>
      <c r="G3012" t="s">
        <v>78</v>
      </c>
      <c r="H3012" t="s">
        <v>70</v>
      </c>
      <c r="I3012" s="8">
        <v>2031</v>
      </c>
      <c r="J3012" t="s">
        <v>48</v>
      </c>
      <c r="K3012" s="10"/>
      <c r="M3012" s="10"/>
      <c r="N3012">
        <v>0</v>
      </c>
    </row>
    <row r="3013" spans="1:14" hidden="1">
      <c r="A3013" s="7" t="s">
        <v>10</v>
      </c>
      <c r="B3013" s="8"/>
      <c r="C3013" s="8" t="s">
        <v>63</v>
      </c>
      <c r="D3013" t="s">
        <v>77</v>
      </c>
      <c r="E3013" s="8" t="s">
        <v>63</v>
      </c>
      <c r="F3013" t="s">
        <v>70</v>
      </c>
      <c r="G3013" t="s">
        <v>78</v>
      </c>
      <c r="H3013" t="s">
        <v>70</v>
      </c>
      <c r="I3013" s="8">
        <v>2031</v>
      </c>
      <c r="J3013" t="s">
        <v>14</v>
      </c>
      <c r="K3013" s="10">
        <v>2076</v>
      </c>
      <c r="M3013" s="10"/>
      <c r="N3013">
        <v>0</v>
      </c>
    </row>
    <row r="3014" spans="1:14" hidden="1">
      <c r="A3014" s="7" t="s">
        <v>10</v>
      </c>
      <c r="B3014" s="8"/>
      <c r="C3014" s="8" t="s">
        <v>63</v>
      </c>
      <c r="D3014" t="s">
        <v>77</v>
      </c>
      <c r="E3014" s="8" t="s">
        <v>63</v>
      </c>
      <c r="F3014" t="s">
        <v>70</v>
      </c>
      <c r="G3014" t="s">
        <v>78</v>
      </c>
      <c r="H3014" t="s">
        <v>70</v>
      </c>
      <c r="I3014" s="8">
        <v>2031</v>
      </c>
      <c r="J3014" t="s">
        <v>49</v>
      </c>
      <c r="K3014" s="10"/>
      <c r="M3014" s="10"/>
      <c r="N3014">
        <v>0</v>
      </c>
    </row>
    <row r="3015" spans="1:14" hidden="1">
      <c r="A3015" s="7" t="s">
        <v>10</v>
      </c>
      <c r="B3015" s="8"/>
      <c r="C3015" s="8" t="s">
        <v>63</v>
      </c>
      <c r="D3015" t="s">
        <v>77</v>
      </c>
      <c r="E3015" s="8" t="s">
        <v>63</v>
      </c>
      <c r="F3015" t="s">
        <v>70</v>
      </c>
      <c r="G3015" t="s">
        <v>79</v>
      </c>
      <c r="H3015" t="s">
        <v>70</v>
      </c>
      <c r="I3015" s="8">
        <v>2031</v>
      </c>
      <c r="J3015" t="s">
        <v>15</v>
      </c>
      <c r="K3015" s="10"/>
      <c r="M3015" s="10"/>
      <c r="N3015">
        <v>0</v>
      </c>
    </row>
    <row r="3016" spans="1:14" hidden="1">
      <c r="A3016" s="7" t="s">
        <v>10</v>
      </c>
      <c r="B3016" s="8"/>
      <c r="C3016" s="8" t="s">
        <v>63</v>
      </c>
      <c r="D3016" t="s">
        <v>77</v>
      </c>
      <c r="E3016" s="8" t="s">
        <v>63</v>
      </c>
      <c r="F3016" t="s">
        <v>70</v>
      </c>
      <c r="G3016" t="s">
        <v>79</v>
      </c>
      <c r="H3016" t="s">
        <v>70</v>
      </c>
      <c r="I3016" s="8">
        <v>2031</v>
      </c>
      <c r="J3016" t="s">
        <v>50</v>
      </c>
      <c r="K3016" s="10"/>
      <c r="M3016" s="10"/>
      <c r="N3016">
        <v>0</v>
      </c>
    </row>
    <row r="3017" spans="1:14" hidden="1">
      <c r="A3017" s="7" t="s">
        <v>10</v>
      </c>
      <c r="B3017" s="8"/>
      <c r="C3017" s="8" t="s">
        <v>63</v>
      </c>
      <c r="D3017" t="s">
        <v>77</v>
      </c>
      <c r="E3017" s="8" t="s">
        <v>63</v>
      </c>
      <c r="F3017" t="s">
        <v>70</v>
      </c>
      <c r="G3017" t="s">
        <v>19</v>
      </c>
      <c r="H3017" t="s">
        <v>70</v>
      </c>
      <c r="I3017" s="8">
        <v>2031</v>
      </c>
      <c r="J3017" t="s">
        <v>19</v>
      </c>
      <c r="K3017" s="10"/>
      <c r="M3017" s="10"/>
      <c r="N3017">
        <v>0</v>
      </c>
    </row>
    <row r="3018" spans="1:14" hidden="1">
      <c r="A3018" s="7" t="s">
        <v>10</v>
      </c>
      <c r="B3018" s="8"/>
      <c r="C3018" s="8" t="s">
        <v>63</v>
      </c>
      <c r="D3018" t="s">
        <v>77</v>
      </c>
      <c r="E3018" s="8" t="s">
        <v>63</v>
      </c>
      <c r="F3018" t="s">
        <v>70</v>
      </c>
      <c r="G3018" t="s">
        <v>78</v>
      </c>
      <c r="H3018" t="s">
        <v>70</v>
      </c>
      <c r="I3018" s="8">
        <v>2031</v>
      </c>
      <c r="J3018" t="s">
        <v>21</v>
      </c>
      <c r="K3018" s="10"/>
      <c r="M3018" s="10"/>
      <c r="N3018">
        <v>0</v>
      </c>
    </row>
    <row r="3019" spans="1:14" hidden="1">
      <c r="A3019" s="7" t="s">
        <v>10</v>
      </c>
      <c r="B3019" s="8"/>
      <c r="C3019" s="8" t="s">
        <v>63</v>
      </c>
      <c r="D3019" t="s">
        <v>77</v>
      </c>
      <c r="E3019" s="8" t="s">
        <v>63</v>
      </c>
      <c r="F3019" t="s">
        <v>70</v>
      </c>
      <c r="G3019" t="s">
        <v>78</v>
      </c>
      <c r="H3019" t="s">
        <v>70</v>
      </c>
      <c r="I3019" s="8">
        <v>2031</v>
      </c>
      <c r="J3019" t="s">
        <v>51</v>
      </c>
      <c r="K3019" s="10"/>
      <c r="M3019" s="10"/>
      <c r="N3019">
        <v>0</v>
      </c>
    </row>
    <row r="3020" spans="1:14" hidden="1">
      <c r="A3020" s="7" t="s">
        <v>10</v>
      </c>
      <c r="B3020" s="8"/>
      <c r="C3020" s="8" t="s">
        <v>63</v>
      </c>
      <c r="D3020" t="s">
        <v>77</v>
      </c>
      <c r="E3020" s="8" t="s">
        <v>63</v>
      </c>
      <c r="F3020" t="s">
        <v>70</v>
      </c>
      <c r="G3020" t="s">
        <v>78</v>
      </c>
      <c r="H3020" t="s">
        <v>70</v>
      </c>
      <c r="I3020" s="8">
        <v>2032</v>
      </c>
      <c r="J3020" t="s">
        <v>47</v>
      </c>
      <c r="K3020" s="10"/>
      <c r="M3020" s="10"/>
      <c r="N3020">
        <v>0</v>
      </c>
    </row>
    <row r="3021" spans="1:14" hidden="1">
      <c r="A3021" s="7" t="s">
        <v>10</v>
      </c>
      <c r="B3021" s="8"/>
      <c r="C3021" s="8" t="s">
        <v>63</v>
      </c>
      <c r="D3021" t="s">
        <v>77</v>
      </c>
      <c r="E3021" s="8" t="s">
        <v>63</v>
      </c>
      <c r="F3021" t="s">
        <v>70</v>
      </c>
      <c r="G3021" t="s">
        <v>78</v>
      </c>
      <c r="H3021" t="s">
        <v>70</v>
      </c>
      <c r="I3021" s="8">
        <v>2032</v>
      </c>
      <c r="J3021" t="s">
        <v>48</v>
      </c>
      <c r="K3021" s="10"/>
      <c r="M3021" s="10"/>
      <c r="N3021">
        <v>0</v>
      </c>
    </row>
    <row r="3022" spans="1:14" hidden="1">
      <c r="A3022" s="7" t="s">
        <v>10</v>
      </c>
      <c r="B3022" s="8"/>
      <c r="C3022" s="8" t="s">
        <v>63</v>
      </c>
      <c r="D3022" t="s">
        <v>77</v>
      </c>
      <c r="E3022" s="8" t="s">
        <v>63</v>
      </c>
      <c r="F3022" t="s">
        <v>70</v>
      </c>
      <c r="G3022" t="s">
        <v>78</v>
      </c>
      <c r="H3022" t="s">
        <v>70</v>
      </c>
      <c r="I3022" s="8">
        <v>2032</v>
      </c>
      <c r="J3022" t="s">
        <v>14</v>
      </c>
      <c r="K3022" s="10">
        <v>2076</v>
      </c>
      <c r="M3022" s="10"/>
      <c r="N3022">
        <v>0</v>
      </c>
    </row>
    <row r="3023" spans="1:14" hidden="1">
      <c r="A3023" s="7" t="s">
        <v>10</v>
      </c>
      <c r="B3023" s="8"/>
      <c r="C3023" s="8" t="s">
        <v>63</v>
      </c>
      <c r="D3023" t="s">
        <v>77</v>
      </c>
      <c r="E3023" s="8" t="s">
        <v>63</v>
      </c>
      <c r="F3023" t="s">
        <v>70</v>
      </c>
      <c r="G3023" t="s">
        <v>78</v>
      </c>
      <c r="H3023" t="s">
        <v>70</v>
      </c>
      <c r="I3023" s="8">
        <v>2032</v>
      </c>
      <c r="J3023" t="s">
        <v>49</v>
      </c>
      <c r="K3023" s="10"/>
      <c r="M3023" s="10"/>
      <c r="N3023">
        <v>0</v>
      </c>
    </row>
    <row r="3024" spans="1:14" hidden="1">
      <c r="A3024" s="7" t="s">
        <v>10</v>
      </c>
      <c r="B3024" s="8"/>
      <c r="C3024" s="8" t="s">
        <v>63</v>
      </c>
      <c r="D3024" t="s">
        <v>77</v>
      </c>
      <c r="E3024" s="8" t="s">
        <v>63</v>
      </c>
      <c r="F3024" t="s">
        <v>70</v>
      </c>
      <c r="G3024" t="s">
        <v>79</v>
      </c>
      <c r="H3024" t="s">
        <v>70</v>
      </c>
      <c r="I3024" s="8">
        <v>2032</v>
      </c>
      <c r="J3024" t="s">
        <v>15</v>
      </c>
      <c r="K3024" s="10"/>
      <c r="M3024" s="10"/>
      <c r="N3024">
        <v>0</v>
      </c>
    </row>
    <row r="3025" spans="1:14" hidden="1">
      <c r="A3025" s="7" t="s">
        <v>10</v>
      </c>
      <c r="B3025" s="8"/>
      <c r="C3025" s="8" t="s">
        <v>63</v>
      </c>
      <c r="D3025" t="s">
        <v>77</v>
      </c>
      <c r="E3025" s="8" t="s">
        <v>63</v>
      </c>
      <c r="F3025" t="s">
        <v>70</v>
      </c>
      <c r="G3025" t="s">
        <v>79</v>
      </c>
      <c r="H3025" t="s">
        <v>70</v>
      </c>
      <c r="I3025" s="8">
        <v>2032</v>
      </c>
      <c r="J3025" t="s">
        <v>50</v>
      </c>
      <c r="K3025" s="10"/>
      <c r="M3025" s="10"/>
      <c r="N3025">
        <v>0</v>
      </c>
    </row>
    <row r="3026" spans="1:14" hidden="1">
      <c r="A3026" s="7" t="s">
        <v>10</v>
      </c>
      <c r="B3026" s="8"/>
      <c r="C3026" s="8" t="s">
        <v>63</v>
      </c>
      <c r="D3026" t="s">
        <v>77</v>
      </c>
      <c r="E3026" s="8" t="s">
        <v>63</v>
      </c>
      <c r="F3026" t="s">
        <v>70</v>
      </c>
      <c r="G3026" t="s">
        <v>19</v>
      </c>
      <c r="H3026" t="s">
        <v>70</v>
      </c>
      <c r="I3026" s="8">
        <v>2032</v>
      </c>
      <c r="J3026" t="s">
        <v>19</v>
      </c>
      <c r="K3026" s="10"/>
      <c r="M3026" s="10"/>
      <c r="N3026">
        <v>0</v>
      </c>
    </row>
    <row r="3027" spans="1:14" hidden="1">
      <c r="A3027" s="7" t="s">
        <v>10</v>
      </c>
      <c r="B3027" s="8"/>
      <c r="C3027" s="8" t="s">
        <v>63</v>
      </c>
      <c r="D3027" t="s">
        <v>77</v>
      </c>
      <c r="E3027" s="8" t="s">
        <v>63</v>
      </c>
      <c r="F3027" t="s">
        <v>70</v>
      </c>
      <c r="G3027" t="s">
        <v>78</v>
      </c>
      <c r="H3027" t="s">
        <v>70</v>
      </c>
      <c r="I3027" s="8">
        <v>2032</v>
      </c>
      <c r="J3027" t="s">
        <v>21</v>
      </c>
      <c r="K3027" s="10"/>
      <c r="M3027" s="10"/>
      <c r="N3027">
        <v>0</v>
      </c>
    </row>
    <row r="3028" spans="1:14" hidden="1">
      <c r="A3028" s="7" t="s">
        <v>10</v>
      </c>
      <c r="B3028" s="8"/>
      <c r="C3028" s="8" t="s">
        <v>63</v>
      </c>
      <c r="D3028" t="s">
        <v>77</v>
      </c>
      <c r="E3028" s="8" t="s">
        <v>63</v>
      </c>
      <c r="F3028" t="s">
        <v>70</v>
      </c>
      <c r="G3028" t="s">
        <v>78</v>
      </c>
      <c r="H3028" t="s">
        <v>70</v>
      </c>
      <c r="I3028" s="8">
        <v>2032</v>
      </c>
      <c r="J3028" t="s">
        <v>51</v>
      </c>
      <c r="K3028" s="10"/>
      <c r="M3028" s="10"/>
      <c r="N3028">
        <v>0</v>
      </c>
    </row>
    <row r="3029" spans="1:14" hidden="1">
      <c r="A3029" s="7" t="s">
        <v>10</v>
      </c>
      <c r="B3029" s="8"/>
      <c r="C3029" s="8" t="s">
        <v>63</v>
      </c>
      <c r="D3029" t="s">
        <v>77</v>
      </c>
      <c r="E3029" s="8" t="s">
        <v>63</v>
      </c>
      <c r="F3029" t="s">
        <v>70</v>
      </c>
      <c r="G3029" t="s">
        <v>78</v>
      </c>
      <c r="H3029" t="s">
        <v>70</v>
      </c>
      <c r="I3029" s="8">
        <v>2033</v>
      </c>
      <c r="J3029" t="s">
        <v>47</v>
      </c>
      <c r="K3029" s="10"/>
      <c r="M3029" s="10"/>
      <c r="N3029">
        <v>0</v>
      </c>
    </row>
    <row r="3030" spans="1:14" hidden="1">
      <c r="A3030" s="7" t="s">
        <v>10</v>
      </c>
      <c r="B3030" s="8"/>
      <c r="C3030" s="8" t="s">
        <v>63</v>
      </c>
      <c r="D3030" t="s">
        <v>77</v>
      </c>
      <c r="E3030" s="8" t="s">
        <v>63</v>
      </c>
      <c r="F3030" t="s">
        <v>70</v>
      </c>
      <c r="G3030" t="s">
        <v>78</v>
      </c>
      <c r="H3030" t="s">
        <v>70</v>
      </c>
      <c r="I3030" s="8">
        <v>2033</v>
      </c>
      <c r="J3030" t="s">
        <v>48</v>
      </c>
      <c r="K3030" s="10"/>
      <c r="M3030" s="10"/>
      <c r="N3030">
        <v>0</v>
      </c>
    </row>
    <row r="3031" spans="1:14" hidden="1">
      <c r="A3031" s="7" t="s">
        <v>10</v>
      </c>
      <c r="B3031" s="8"/>
      <c r="C3031" s="8" t="s">
        <v>63</v>
      </c>
      <c r="D3031" t="s">
        <v>77</v>
      </c>
      <c r="E3031" s="8" t="s">
        <v>63</v>
      </c>
      <c r="F3031" t="s">
        <v>70</v>
      </c>
      <c r="G3031" t="s">
        <v>78</v>
      </c>
      <c r="H3031" t="s">
        <v>70</v>
      </c>
      <c r="I3031" s="8">
        <v>2033</v>
      </c>
      <c r="J3031" t="s">
        <v>14</v>
      </c>
      <c r="K3031" s="10">
        <v>2076</v>
      </c>
      <c r="M3031" s="10"/>
      <c r="N3031">
        <v>0</v>
      </c>
    </row>
    <row r="3032" spans="1:14" hidden="1">
      <c r="A3032" s="7" t="s">
        <v>10</v>
      </c>
      <c r="B3032" s="8"/>
      <c r="C3032" s="8" t="s">
        <v>63</v>
      </c>
      <c r="D3032" t="s">
        <v>77</v>
      </c>
      <c r="E3032" s="8" t="s">
        <v>63</v>
      </c>
      <c r="F3032" t="s">
        <v>70</v>
      </c>
      <c r="G3032" t="s">
        <v>78</v>
      </c>
      <c r="H3032" t="s">
        <v>70</v>
      </c>
      <c r="I3032" s="8">
        <v>2033</v>
      </c>
      <c r="J3032" t="s">
        <v>49</v>
      </c>
      <c r="K3032" s="10"/>
      <c r="M3032" s="10"/>
      <c r="N3032">
        <v>0</v>
      </c>
    </row>
    <row r="3033" spans="1:14" hidden="1">
      <c r="A3033" s="7" t="s">
        <v>10</v>
      </c>
      <c r="B3033" s="8"/>
      <c r="C3033" s="8" t="s">
        <v>63</v>
      </c>
      <c r="D3033" t="s">
        <v>77</v>
      </c>
      <c r="E3033" s="8" t="s">
        <v>63</v>
      </c>
      <c r="F3033" t="s">
        <v>70</v>
      </c>
      <c r="G3033" t="s">
        <v>79</v>
      </c>
      <c r="H3033" t="s">
        <v>70</v>
      </c>
      <c r="I3033" s="8">
        <v>2033</v>
      </c>
      <c r="J3033" t="s">
        <v>15</v>
      </c>
      <c r="K3033" s="10"/>
      <c r="M3033" s="10"/>
      <c r="N3033">
        <v>0</v>
      </c>
    </row>
    <row r="3034" spans="1:14" hidden="1">
      <c r="A3034" s="7" t="s">
        <v>10</v>
      </c>
      <c r="B3034" s="8"/>
      <c r="C3034" s="8" t="s">
        <v>63</v>
      </c>
      <c r="D3034" t="s">
        <v>77</v>
      </c>
      <c r="E3034" s="8" t="s">
        <v>63</v>
      </c>
      <c r="F3034" t="s">
        <v>70</v>
      </c>
      <c r="G3034" t="s">
        <v>79</v>
      </c>
      <c r="H3034" t="s">
        <v>70</v>
      </c>
      <c r="I3034" s="8">
        <v>2033</v>
      </c>
      <c r="J3034" t="s">
        <v>50</v>
      </c>
      <c r="K3034" s="10"/>
      <c r="M3034" s="10"/>
      <c r="N3034">
        <v>0</v>
      </c>
    </row>
    <row r="3035" spans="1:14" hidden="1">
      <c r="A3035" s="7" t="s">
        <v>10</v>
      </c>
      <c r="B3035" s="8"/>
      <c r="C3035" s="8" t="s">
        <v>63</v>
      </c>
      <c r="D3035" t="s">
        <v>77</v>
      </c>
      <c r="E3035" s="8" t="s">
        <v>63</v>
      </c>
      <c r="F3035" t="s">
        <v>70</v>
      </c>
      <c r="G3035" t="s">
        <v>19</v>
      </c>
      <c r="H3035" t="s">
        <v>70</v>
      </c>
      <c r="I3035" s="8">
        <v>2033</v>
      </c>
      <c r="J3035" t="s">
        <v>19</v>
      </c>
      <c r="K3035" s="10"/>
      <c r="M3035" s="10"/>
      <c r="N3035">
        <v>0</v>
      </c>
    </row>
    <row r="3036" spans="1:14" hidden="1">
      <c r="A3036" s="7" t="s">
        <v>10</v>
      </c>
      <c r="B3036" s="8"/>
      <c r="C3036" s="8" t="s">
        <v>63</v>
      </c>
      <c r="D3036" t="s">
        <v>77</v>
      </c>
      <c r="E3036" s="8" t="s">
        <v>63</v>
      </c>
      <c r="F3036" t="s">
        <v>70</v>
      </c>
      <c r="G3036" t="s">
        <v>78</v>
      </c>
      <c r="H3036" t="s">
        <v>70</v>
      </c>
      <c r="I3036" s="8">
        <v>2033</v>
      </c>
      <c r="J3036" t="s">
        <v>21</v>
      </c>
      <c r="K3036" s="10"/>
      <c r="M3036" s="10"/>
      <c r="N3036">
        <v>0</v>
      </c>
    </row>
    <row r="3037" spans="1:14" hidden="1">
      <c r="A3037" s="7" t="s">
        <v>10</v>
      </c>
      <c r="B3037" s="8"/>
      <c r="C3037" s="8" t="s">
        <v>63</v>
      </c>
      <c r="D3037" t="s">
        <v>77</v>
      </c>
      <c r="E3037" s="8" t="s">
        <v>63</v>
      </c>
      <c r="F3037" t="s">
        <v>70</v>
      </c>
      <c r="G3037" t="s">
        <v>78</v>
      </c>
      <c r="H3037" t="s">
        <v>70</v>
      </c>
      <c r="I3037" s="8">
        <v>2033</v>
      </c>
      <c r="J3037" t="s">
        <v>51</v>
      </c>
      <c r="K3037" s="10"/>
      <c r="M3037" s="10"/>
      <c r="N3037">
        <v>0</v>
      </c>
    </row>
    <row r="3038" spans="1:14" hidden="1">
      <c r="A3038" s="7" t="s">
        <v>10</v>
      </c>
      <c r="B3038" s="8"/>
      <c r="C3038" s="8" t="s">
        <v>63</v>
      </c>
      <c r="D3038" t="s">
        <v>77</v>
      </c>
      <c r="E3038" s="8" t="s">
        <v>63</v>
      </c>
      <c r="F3038" t="s">
        <v>70</v>
      </c>
      <c r="G3038" t="s">
        <v>78</v>
      </c>
      <c r="H3038" t="s">
        <v>70</v>
      </c>
      <c r="I3038" s="8">
        <v>2034</v>
      </c>
      <c r="J3038" t="s">
        <v>47</v>
      </c>
      <c r="K3038" s="10"/>
      <c r="M3038" s="10"/>
      <c r="N3038">
        <v>0</v>
      </c>
    </row>
    <row r="3039" spans="1:14" hidden="1">
      <c r="A3039" s="7" t="s">
        <v>10</v>
      </c>
      <c r="B3039" s="8"/>
      <c r="C3039" s="8" t="s">
        <v>63</v>
      </c>
      <c r="D3039" t="s">
        <v>77</v>
      </c>
      <c r="E3039" s="8" t="s">
        <v>63</v>
      </c>
      <c r="F3039" t="s">
        <v>70</v>
      </c>
      <c r="G3039" t="s">
        <v>78</v>
      </c>
      <c r="H3039" t="s">
        <v>70</v>
      </c>
      <c r="I3039" s="8">
        <v>2034</v>
      </c>
      <c r="J3039" t="s">
        <v>48</v>
      </c>
      <c r="K3039" s="10"/>
      <c r="M3039" s="10"/>
      <c r="N3039">
        <v>0</v>
      </c>
    </row>
    <row r="3040" spans="1:14" hidden="1">
      <c r="A3040" s="7" t="s">
        <v>10</v>
      </c>
      <c r="B3040" s="8"/>
      <c r="C3040" s="8" t="s">
        <v>63</v>
      </c>
      <c r="D3040" t="s">
        <v>77</v>
      </c>
      <c r="E3040" s="8" t="s">
        <v>63</v>
      </c>
      <c r="F3040" t="s">
        <v>70</v>
      </c>
      <c r="G3040" t="s">
        <v>78</v>
      </c>
      <c r="H3040" t="s">
        <v>70</v>
      </c>
      <c r="I3040" s="8">
        <v>2034</v>
      </c>
      <c r="J3040" t="s">
        <v>14</v>
      </c>
      <c r="K3040" s="10">
        <v>2076</v>
      </c>
      <c r="M3040" s="10"/>
      <c r="N3040">
        <v>0</v>
      </c>
    </row>
    <row r="3041" spans="1:14" hidden="1">
      <c r="A3041" s="7" t="s">
        <v>10</v>
      </c>
      <c r="B3041" s="8"/>
      <c r="C3041" s="8" t="s">
        <v>63</v>
      </c>
      <c r="D3041" t="s">
        <v>77</v>
      </c>
      <c r="E3041" s="8" t="s">
        <v>63</v>
      </c>
      <c r="F3041" t="s">
        <v>70</v>
      </c>
      <c r="G3041" t="s">
        <v>78</v>
      </c>
      <c r="H3041" t="s">
        <v>70</v>
      </c>
      <c r="I3041" s="8">
        <v>2034</v>
      </c>
      <c r="J3041" t="s">
        <v>49</v>
      </c>
      <c r="K3041" s="10"/>
      <c r="M3041" s="10"/>
      <c r="N3041">
        <v>0</v>
      </c>
    </row>
    <row r="3042" spans="1:14" hidden="1">
      <c r="A3042" s="7" t="s">
        <v>10</v>
      </c>
      <c r="B3042" s="8"/>
      <c r="C3042" s="8" t="s">
        <v>63</v>
      </c>
      <c r="D3042" t="s">
        <v>77</v>
      </c>
      <c r="E3042" s="8" t="s">
        <v>63</v>
      </c>
      <c r="F3042" t="s">
        <v>70</v>
      </c>
      <c r="G3042" t="s">
        <v>79</v>
      </c>
      <c r="H3042" t="s">
        <v>70</v>
      </c>
      <c r="I3042" s="8">
        <v>2034</v>
      </c>
      <c r="J3042" t="s">
        <v>15</v>
      </c>
      <c r="K3042" s="10"/>
      <c r="M3042" s="10"/>
      <c r="N3042">
        <v>0</v>
      </c>
    </row>
    <row r="3043" spans="1:14" hidden="1">
      <c r="A3043" s="7" t="s">
        <v>10</v>
      </c>
      <c r="B3043" s="8"/>
      <c r="C3043" s="8" t="s">
        <v>63</v>
      </c>
      <c r="D3043" t="s">
        <v>77</v>
      </c>
      <c r="E3043" s="8" t="s">
        <v>63</v>
      </c>
      <c r="F3043" t="s">
        <v>70</v>
      </c>
      <c r="G3043" t="s">
        <v>79</v>
      </c>
      <c r="H3043" t="s">
        <v>70</v>
      </c>
      <c r="I3043" s="8">
        <v>2034</v>
      </c>
      <c r="J3043" t="s">
        <v>50</v>
      </c>
      <c r="K3043" s="10"/>
      <c r="M3043" s="10"/>
      <c r="N3043">
        <v>0</v>
      </c>
    </row>
    <row r="3044" spans="1:14" hidden="1">
      <c r="A3044" s="7" t="s">
        <v>10</v>
      </c>
      <c r="B3044" s="8"/>
      <c r="C3044" s="8" t="s">
        <v>63</v>
      </c>
      <c r="D3044" t="s">
        <v>77</v>
      </c>
      <c r="E3044" s="8" t="s">
        <v>63</v>
      </c>
      <c r="F3044" t="s">
        <v>70</v>
      </c>
      <c r="G3044" t="s">
        <v>19</v>
      </c>
      <c r="H3044" t="s">
        <v>70</v>
      </c>
      <c r="I3044" s="8">
        <v>2034</v>
      </c>
      <c r="J3044" t="s">
        <v>19</v>
      </c>
      <c r="K3044" s="10"/>
      <c r="M3044" s="10"/>
      <c r="N3044">
        <v>0</v>
      </c>
    </row>
    <row r="3045" spans="1:14" hidden="1">
      <c r="A3045" s="7" t="s">
        <v>10</v>
      </c>
      <c r="B3045" s="8"/>
      <c r="C3045" s="8" t="s">
        <v>63</v>
      </c>
      <c r="D3045" t="s">
        <v>77</v>
      </c>
      <c r="E3045" s="8" t="s">
        <v>63</v>
      </c>
      <c r="F3045" t="s">
        <v>70</v>
      </c>
      <c r="G3045" t="s">
        <v>78</v>
      </c>
      <c r="H3045" t="s">
        <v>70</v>
      </c>
      <c r="I3045" s="8">
        <v>2034</v>
      </c>
      <c r="J3045" t="s">
        <v>21</v>
      </c>
      <c r="K3045" s="10"/>
      <c r="M3045" s="10"/>
      <c r="N3045">
        <v>0</v>
      </c>
    </row>
    <row r="3046" spans="1:14" hidden="1">
      <c r="A3046" s="7" t="s">
        <v>10</v>
      </c>
      <c r="B3046" s="8"/>
      <c r="C3046" s="8" t="s">
        <v>63</v>
      </c>
      <c r="D3046" t="s">
        <v>77</v>
      </c>
      <c r="E3046" s="8" t="s">
        <v>63</v>
      </c>
      <c r="F3046" t="s">
        <v>70</v>
      </c>
      <c r="G3046" t="s">
        <v>78</v>
      </c>
      <c r="H3046" t="s">
        <v>70</v>
      </c>
      <c r="I3046" s="8">
        <v>2034</v>
      </c>
      <c r="J3046" t="s">
        <v>51</v>
      </c>
      <c r="K3046" s="10"/>
      <c r="M3046" s="10"/>
      <c r="N3046">
        <v>0</v>
      </c>
    </row>
    <row r="3047" spans="1:14" hidden="1">
      <c r="A3047" s="7" t="s">
        <v>10</v>
      </c>
      <c r="B3047" s="8"/>
      <c r="C3047" s="8" t="s">
        <v>60</v>
      </c>
      <c r="D3047" t="s">
        <v>77</v>
      </c>
      <c r="E3047" s="8" t="s">
        <v>61</v>
      </c>
      <c r="F3047" t="s">
        <v>70</v>
      </c>
      <c r="G3047" t="s">
        <v>78</v>
      </c>
      <c r="H3047" t="s">
        <v>70</v>
      </c>
      <c r="I3047" s="8">
        <v>2025</v>
      </c>
      <c r="J3047" t="s">
        <v>47</v>
      </c>
      <c r="K3047" s="10"/>
      <c r="M3047" s="10"/>
      <c r="N3047">
        <v>0</v>
      </c>
    </row>
    <row r="3048" spans="1:14" hidden="1">
      <c r="A3048" s="7" t="s">
        <v>10</v>
      </c>
      <c r="B3048" s="8"/>
      <c r="C3048" s="8" t="s">
        <v>60</v>
      </c>
      <c r="D3048" t="s">
        <v>77</v>
      </c>
      <c r="E3048" s="8" t="s">
        <v>61</v>
      </c>
      <c r="F3048" t="s">
        <v>70</v>
      </c>
      <c r="G3048" t="s">
        <v>78</v>
      </c>
      <c r="H3048" t="s">
        <v>70</v>
      </c>
      <c r="I3048" s="8">
        <v>2025</v>
      </c>
      <c r="J3048" t="s">
        <v>48</v>
      </c>
      <c r="K3048" s="10"/>
      <c r="M3048" s="10"/>
      <c r="N3048">
        <v>0</v>
      </c>
    </row>
    <row r="3049" spans="1:14" hidden="1">
      <c r="A3049" s="7" t="s">
        <v>10</v>
      </c>
      <c r="B3049" s="8"/>
      <c r="C3049" s="8" t="s">
        <v>60</v>
      </c>
      <c r="D3049" t="s">
        <v>77</v>
      </c>
      <c r="E3049" s="8" t="s">
        <v>61</v>
      </c>
      <c r="F3049" t="s">
        <v>70</v>
      </c>
      <c r="G3049" t="s">
        <v>78</v>
      </c>
      <c r="H3049" t="s">
        <v>70</v>
      </c>
      <c r="I3049" s="8">
        <v>2025</v>
      </c>
      <c r="J3049" t="s">
        <v>14</v>
      </c>
      <c r="K3049" s="10">
        <v>421</v>
      </c>
      <c r="M3049" s="10"/>
      <c r="N3049">
        <v>0</v>
      </c>
    </row>
    <row r="3050" spans="1:14" hidden="1">
      <c r="A3050" s="7" t="s">
        <v>10</v>
      </c>
      <c r="B3050" s="8"/>
      <c r="C3050" s="8" t="s">
        <v>60</v>
      </c>
      <c r="D3050" t="s">
        <v>77</v>
      </c>
      <c r="E3050" s="8" t="s">
        <v>61</v>
      </c>
      <c r="F3050" t="s">
        <v>70</v>
      </c>
      <c r="G3050" t="s">
        <v>78</v>
      </c>
      <c r="H3050" t="s">
        <v>70</v>
      </c>
      <c r="I3050" s="20">
        <v>2025</v>
      </c>
      <c r="J3050" s="21" t="s">
        <v>49</v>
      </c>
      <c r="K3050" s="22"/>
      <c r="L3050" s="23"/>
      <c r="M3050" s="24"/>
      <c r="N3050">
        <v>0</v>
      </c>
    </row>
    <row r="3051" spans="1:14" hidden="1">
      <c r="A3051" s="7" t="s">
        <v>10</v>
      </c>
      <c r="B3051" s="8"/>
      <c r="C3051" s="8" t="s">
        <v>60</v>
      </c>
      <c r="D3051" t="s">
        <v>77</v>
      </c>
      <c r="E3051" s="8" t="s">
        <v>61</v>
      </c>
      <c r="F3051" t="s">
        <v>70</v>
      </c>
      <c r="G3051" t="s">
        <v>79</v>
      </c>
      <c r="H3051" t="s">
        <v>70</v>
      </c>
      <c r="I3051" s="20">
        <v>2025</v>
      </c>
      <c r="J3051" s="21" t="s">
        <v>15</v>
      </c>
      <c r="K3051" s="22"/>
      <c r="L3051" s="23"/>
      <c r="M3051" s="24"/>
      <c r="N3051">
        <v>0</v>
      </c>
    </row>
    <row r="3052" spans="1:14" hidden="1">
      <c r="A3052" s="7" t="s">
        <v>10</v>
      </c>
      <c r="B3052" s="8"/>
      <c r="C3052" s="8" t="s">
        <v>60</v>
      </c>
      <c r="D3052" t="s">
        <v>77</v>
      </c>
      <c r="E3052" s="8" t="s">
        <v>61</v>
      </c>
      <c r="F3052" t="s">
        <v>70</v>
      </c>
      <c r="G3052" t="s">
        <v>79</v>
      </c>
      <c r="H3052" t="s">
        <v>70</v>
      </c>
      <c r="I3052" s="20">
        <v>2025</v>
      </c>
      <c r="J3052" s="21" t="s">
        <v>50</v>
      </c>
      <c r="K3052" s="22"/>
      <c r="L3052" s="23"/>
      <c r="M3052" s="24"/>
      <c r="N3052">
        <v>0</v>
      </c>
    </row>
    <row r="3053" spans="1:14" hidden="1">
      <c r="A3053" s="7" t="s">
        <v>10</v>
      </c>
      <c r="B3053" s="8"/>
      <c r="C3053" s="8" t="s">
        <v>60</v>
      </c>
      <c r="D3053" t="s">
        <v>77</v>
      </c>
      <c r="E3053" s="8" t="s">
        <v>61</v>
      </c>
      <c r="F3053" t="s">
        <v>70</v>
      </c>
      <c r="G3053" t="s">
        <v>19</v>
      </c>
      <c r="H3053" t="s">
        <v>70</v>
      </c>
      <c r="I3053" s="20">
        <v>2025</v>
      </c>
      <c r="J3053" s="21" t="s">
        <v>19</v>
      </c>
      <c r="K3053" s="22"/>
      <c r="L3053" s="23"/>
      <c r="M3053" s="24"/>
      <c r="N3053">
        <v>0</v>
      </c>
    </row>
    <row r="3054" spans="1:14" hidden="1">
      <c r="A3054" s="7" t="s">
        <v>10</v>
      </c>
      <c r="B3054" s="8"/>
      <c r="C3054" s="8" t="s">
        <v>60</v>
      </c>
      <c r="D3054" t="s">
        <v>77</v>
      </c>
      <c r="E3054" s="8" t="s">
        <v>61</v>
      </c>
      <c r="F3054" t="s">
        <v>70</v>
      </c>
      <c r="G3054" t="s">
        <v>78</v>
      </c>
      <c r="H3054" t="s">
        <v>70</v>
      </c>
      <c r="I3054" s="20">
        <v>2025</v>
      </c>
      <c r="J3054" s="21" t="s">
        <v>21</v>
      </c>
      <c r="K3054" s="22"/>
      <c r="L3054" s="23"/>
      <c r="M3054" s="24"/>
      <c r="N3054">
        <v>0</v>
      </c>
    </row>
    <row r="3055" spans="1:14" hidden="1">
      <c r="A3055" s="7" t="s">
        <v>10</v>
      </c>
      <c r="B3055" s="8"/>
      <c r="C3055" s="8" t="s">
        <v>60</v>
      </c>
      <c r="D3055" t="s">
        <v>77</v>
      </c>
      <c r="E3055" s="8" t="s">
        <v>61</v>
      </c>
      <c r="F3055" t="s">
        <v>70</v>
      </c>
      <c r="G3055" t="s">
        <v>78</v>
      </c>
      <c r="H3055" t="s">
        <v>70</v>
      </c>
      <c r="I3055" s="20">
        <v>2025</v>
      </c>
      <c r="J3055" s="21" t="s">
        <v>51</v>
      </c>
      <c r="K3055" s="22"/>
      <c r="L3055" s="23"/>
      <c r="M3055" s="24"/>
      <c r="N3055">
        <v>0</v>
      </c>
    </row>
    <row r="3056" spans="1:14" hidden="1">
      <c r="A3056" s="7" t="s">
        <v>10</v>
      </c>
      <c r="B3056" s="8"/>
      <c r="C3056" s="8" t="s">
        <v>60</v>
      </c>
      <c r="D3056" t="s">
        <v>77</v>
      </c>
      <c r="E3056" s="8" t="s">
        <v>61</v>
      </c>
      <c r="F3056" t="s">
        <v>70</v>
      </c>
      <c r="G3056" t="s">
        <v>78</v>
      </c>
      <c r="H3056" t="s">
        <v>70</v>
      </c>
      <c r="I3056" s="20">
        <v>2026</v>
      </c>
      <c r="J3056" s="21" t="s">
        <v>47</v>
      </c>
      <c r="K3056" s="22"/>
      <c r="L3056" s="23"/>
      <c r="M3056" s="24"/>
      <c r="N3056">
        <v>0</v>
      </c>
    </row>
    <row r="3057" spans="1:14" hidden="1">
      <c r="A3057" s="7" t="s">
        <v>10</v>
      </c>
      <c r="B3057" s="8"/>
      <c r="C3057" s="8" t="s">
        <v>60</v>
      </c>
      <c r="D3057" t="s">
        <v>77</v>
      </c>
      <c r="E3057" s="8" t="s">
        <v>61</v>
      </c>
      <c r="F3057" t="s">
        <v>70</v>
      </c>
      <c r="G3057" t="s">
        <v>78</v>
      </c>
      <c r="H3057" t="s">
        <v>70</v>
      </c>
      <c r="I3057" s="20">
        <v>2026</v>
      </c>
      <c r="J3057" s="21" t="s">
        <v>48</v>
      </c>
      <c r="K3057" s="22"/>
      <c r="L3057" s="23"/>
      <c r="M3057" s="24"/>
      <c r="N3057">
        <v>0</v>
      </c>
    </row>
    <row r="3058" spans="1:14" ht="13" hidden="1" thickBot="1">
      <c r="A3058" s="7" t="s">
        <v>10</v>
      </c>
      <c r="B3058" s="8"/>
      <c r="C3058" s="8" t="s">
        <v>60</v>
      </c>
      <c r="D3058" t="s">
        <v>77</v>
      </c>
      <c r="E3058" s="8" t="s">
        <v>61</v>
      </c>
      <c r="F3058" t="s">
        <v>70</v>
      </c>
      <c r="G3058" t="s">
        <v>78</v>
      </c>
      <c r="H3058" t="s">
        <v>70</v>
      </c>
      <c r="I3058" s="25">
        <v>2026</v>
      </c>
      <c r="J3058" s="26" t="s">
        <v>14</v>
      </c>
      <c r="K3058" s="22">
        <v>1767</v>
      </c>
      <c r="L3058" s="23"/>
      <c r="M3058" s="27"/>
      <c r="N3058">
        <v>0</v>
      </c>
    </row>
    <row r="3059" spans="1:14" hidden="1">
      <c r="A3059" s="7" t="s">
        <v>10</v>
      </c>
      <c r="B3059" s="8"/>
      <c r="C3059" s="8" t="s">
        <v>60</v>
      </c>
      <c r="D3059" t="s">
        <v>77</v>
      </c>
      <c r="E3059" s="8" t="s">
        <v>61</v>
      </c>
      <c r="F3059" t="s">
        <v>70</v>
      </c>
      <c r="G3059" t="s">
        <v>78</v>
      </c>
      <c r="H3059" t="s">
        <v>70</v>
      </c>
      <c r="I3059" s="28">
        <v>2026</v>
      </c>
      <c r="J3059" s="21" t="s">
        <v>49</v>
      </c>
      <c r="K3059" s="22"/>
      <c r="L3059" s="23"/>
      <c r="M3059" s="24"/>
      <c r="N3059">
        <v>0</v>
      </c>
    </row>
    <row r="3060" spans="1:14" hidden="1">
      <c r="A3060" s="7" t="s">
        <v>10</v>
      </c>
      <c r="B3060" s="8"/>
      <c r="C3060" s="8" t="s">
        <v>60</v>
      </c>
      <c r="D3060" t="s">
        <v>77</v>
      </c>
      <c r="E3060" s="8" t="s">
        <v>61</v>
      </c>
      <c r="F3060" t="s">
        <v>70</v>
      </c>
      <c r="G3060" t="s">
        <v>79</v>
      </c>
      <c r="H3060" t="s">
        <v>70</v>
      </c>
      <c r="I3060" s="28">
        <v>2026</v>
      </c>
      <c r="J3060" s="21" t="s">
        <v>15</v>
      </c>
      <c r="K3060" s="22"/>
      <c r="L3060" s="23"/>
      <c r="M3060" s="24"/>
      <c r="N3060">
        <v>0</v>
      </c>
    </row>
    <row r="3061" spans="1:14" hidden="1">
      <c r="A3061" s="7" t="s">
        <v>10</v>
      </c>
      <c r="B3061" s="8"/>
      <c r="C3061" s="8" t="s">
        <v>60</v>
      </c>
      <c r="D3061" t="s">
        <v>77</v>
      </c>
      <c r="E3061" s="8" t="s">
        <v>61</v>
      </c>
      <c r="F3061" t="s">
        <v>70</v>
      </c>
      <c r="G3061" t="s">
        <v>79</v>
      </c>
      <c r="H3061" t="s">
        <v>70</v>
      </c>
      <c r="I3061" s="28">
        <v>2026</v>
      </c>
      <c r="J3061" s="21" t="s">
        <v>50</v>
      </c>
      <c r="K3061" s="22"/>
      <c r="L3061" s="23"/>
      <c r="M3061" s="24"/>
      <c r="N3061">
        <v>0</v>
      </c>
    </row>
    <row r="3062" spans="1:14" hidden="1">
      <c r="A3062" s="7" t="s">
        <v>10</v>
      </c>
      <c r="B3062" s="8"/>
      <c r="C3062" s="8" t="s">
        <v>60</v>
      </c>
      <c r="D3062" t="s">
        <v>77</v>
      </c>
      <c r="E3062" s="8" t="s">
        <v>61</v>
      </c>
      <c r="F3062" t="s">
        <v>70</v>
      </c>
      <c r="G3062" t="s">
        <v>19</v>
      </c>
      <c r="H3062" t="s">
        <v>70</v>
      </c>
      <c r="I3062" s="28">
        <v>2026</v>
      </c>
      <c r="J3062" s="21" t="s">
        <v>19</v>
      </c>
      <c r="K3062" s="22"/>
      <c r="L3062" s="23"/>
      <c r="M3062" s="24"/>
      <c r="N3062">
        <v>0</v>
      </c>
    </row>
    <row r="3063" spans="1:14" hidden="1">
      <c r="A3063" s="7" t="s">
        <v>10</v>
      </c>
      <c r="B3063" s="8"/>
      <c r="C3063" s="8" t="s">
        <v>60</v>
      </c>
      <c r="D3063" t="s">
        <v>77</v>
      </c>
      <c r="E3063" s="8" t="s">
        <v>61</v>
      </c>
      <c r="F3063" t="s">
        <v>70</v>
      </c>
      <c r="G3063" t="s">
        <v>78</v>
      </c>
      <c r="H3063" t="s">
        <v>70</v>
      </c>
      <c r="I3063" s="28">
        <v>2026</v>
      </c>
      <c r="J3063" s="21" t="s">
        <v>21</v>
      </c>
      <c r="K3063" s="22"/>
      <c r="L3063" s="23"/>
      <c r="M3063" s="24"/>
      <c r="N3063">
        <v>0</v>
      </c>
    </row>
    <row r="3064" spans="1:14" hidden="1">
      <c r="A3064" s="7" t="s">
        <v>10</v>
      </c>
      <c r="B3064" s="8"/>
      <c r="C3064" s="8" t="s">
        <v>60</v>
      </c>
      <c r="D3064" t="s">
        <v>77</v>
      </c>
      <c r="E3064" s="8" t="s">
        <v>61</v>
      </c>
      <c r="F3064" t="s">
        <v>70</v>
      </c>
      <c r="G3064" t="s">
        <v>78</v>
      </c>
      <c r="H3064" t="s">
        <v>70</v>
      </c>
      <c r="I3064" s="28">
        <v>2026</v>
      </c>
      <c r="J3064" s="21" t="s">
        <v>51</v>
      </c>
      <c r="K3064" s="22"/>
      <c r="L3064" s="23"/>
      <c r="M3064" s="24"/>
      <c r="N3064">
        <v>0</v>
      </c>
    </row>
    <row r="3065" spans="1:14" hidden="1">
      <c r="A3065" s="7" t="s">
        <v>10</v>
      </c>
      <c r="B3065" s="8"/>
      <c r="C3065" s="8" t="s">
        <v>60</v>
      </c>
      <c r="D3065" t="s">
        <v>77</v>
      </c>
      <c r="E3065" s="8" t="s">
        <v>61</v>
      </c>
      <c r="F3065" t="s">
        <v>70</v>
      </c>
      <c r="G3065" t="s">
        <v>78</v>
      </c>
      <c r="H3065" t="s">
        <v>70</v>
      </c>
      <c r="I3065" s="28">
        <v>2027</v>
      </c>
      <c r="J3065" s="21" t="s">
        <v>47</v>
      </c>
      <c r="K3065" s="22"/>
      <c r="L3065" s="23"/>
      <c r="M3065" s="24"/>
      <c r="N3065">
        <v>0</v>
      </c>
    </row>
    <row r="3066" spans="1:14" hidden="1">
      <c r="A3066" s="7" t="s">
        <v>10</v>
      </c>
      <c r="B3066" s="8"/>
      <c r="C3066" s="8" t="s">
        <v>60</v>
      </c>
      <c r="D3066" t="s">
        <v>77</v>
      </c>
      <c r="E3066" s="8" t="s">
        <v>61</v>
      </c>
      <c r="F3066" t="s">
        <v>70</v>
      </c>
      <c r="G3066" t="s">
        <v>78</v>
      </c>
      <c r="H3066" t="s">
        <v>70</v>
      </c>
      <c r="I3066" s="28">
        <v>2027</v>
      </c>
      <c r="J3066" s="21" t="s">
        <v>48</v>
      </c>
      <c r="K3066" s="22"/>
      <c r="L3066" s="23"/>
      <c r="M3066" s="24"/>
      <c r="N3066">
        <v>0</v>
      </c>
    </row>
    <row r="3067" spans="1:14" ht="13" hidden="1" thickBot="1">
      <c r="A3067" s="7" t="s">
        <v>10</v>
      </c>
      <c r="B3067" s="8"/>
      <c r="C3067" s="8" t="s">
        <v>60</v>
      </c>
      <c r="D3067" t="s">
        <v>77</v>
      </c>
      <c r="E3067" s="8" t="s">
        <v>61</v>
      </c>
      <c r="F3067" t="s">
        <v>70</v>
      </c>
      <c r="G3067" t="s">
        <v>78</v>
      </c>
      <c r="H3067" t="s">
        <v>70</v>
      </c>
      <c r="I3067" s="29">
        <v>2027</v>
      </c>
      <c r="J3067" s="30" t="s">
        <v>14</v>
      </c>
      <c r="K3067" s="22">
        <v>6715</v>
      </c>
      <c r="L3067" s="23"/>
      <c r="M3067" s="24"/>
      <c r="N3067">
        <v>0</v>
      </c>
    </row>
    <row r="3068" spans="1:14" hidden="1">
      <c r="A3068" s="7" t="s">
        <v>10</v>
      </c>
      <c r="B3068" s="8"/>
      <c r="C3068" s="8" t="s">
        <v>60</v>
      </c>
      <c r="D3068" t="s">
        <v>77</v>
      </c>
      <c r="E3068" s="8" t="s">
        <v>61</v>
      </c>
      <c r="F3068" t="s">
        <v>70</v>
      </c>
      <c r="G3068" t="s">
        <v>78</v>
      </c>
      <c r="H3068" t="s">
        <v>70</v>
      </c>
      <c r="I3068" s="28">
        <v>2027</v>
      </c>
      <c r="J3068" s="31" t="s">
        <v>49</v>
      </c>
      <c r="K3068" s="22"/>
      <c r="L3068" s="23"/>
      <c r="M3068" s="24"/>
      <c r="N3068">
        <v>0</v>
      </c>
    </row>
    <row r="3069" spans="1:14" hidden="1">
      <c r="A3069" s="7" t="s">
        <v>10</v>
      </c>
      <c r="B3069" s="8"/>
      <c r="C3069" s="8" t="s">
        <v>60</v>
      </c>
      <c r="D3069" t="s">
        <v>77</v>
      </c>
      <c r="E3069" s="8" t="s">
        <v>61</v>
      </c>
      <c r="F3069" t="s">
        <v>70</v>
      </c>
      <c r="G3069" t="s">
        <v>79</v>
      </c>
      <c r="H3069" t="s">
        <v>70</v>
      </c>
      <c r="I3069" s="28">
        <v>2027</v>
      </c>
      <c r="J3069" s="21" t="s">
        <v>15</v>
      </c>
      <c r="K3069" s="22"/>
      <c r="L3069" s="23"/>
      <c r="M3069" s="24"/>
      <c r="N3069">
        <v>0</v>
      </c>
    </row>
    <row r="3070" spans="1:14" hidden="1">
      <c r="A3070" s="7" t="s">
        <v>10</v>
      </c>
      <c r="B3070" s="8"/>
      <c r="C3070" s="8" t="s">
        <v>60</v>
      </c>
      <c r="D3070" t="s">
        <v>77</v>
      </c>
      <c r="E3070" s="8" t="s">
        <v>61</v>
      </c>
      <c r="F3070" t="s">
        <v>70</v>
      </c>
      <c r="G3070" t="s">
        <v>79</v>
      </c>
      <c r="H3070" t="s">
        <v>70</v>
      </c>
      <c r="I3070" s="28">
        <v>2027</v>
      </c>
      <c r="J3070" s="21" t="s">
        <v>50</v>
      </c>
      <c r="K3070" s="22"/>
      <c r="L3070" s="23"/>
      <c r="M3070" s="24"/>
      <c r="N3070">
        <v>0</v>
      </c>
    </row>
    <row r="3071" spans="1:14" hidden="1">
      <c r="A3071" s="7" t="s">
        <v>10</v>
      </c>
      <c r="B3071" s="8"/>
      <c r="C3071" s="8" t="s">
        <v>60</v>
      </c>
      <c r="D3071" t="s">
        <v>77</v>
      </c>
      <c r="E3071" s="8" t="s">
        <v>61</v>
      </c>
      <c r="F3071" t="s">
        <v>70</v>
      </c>
      <c r="G3071" t="s">
        <v>19</v>
      </c>
      <c r="H3071" t="s">
        <v>70</v>
      </c>
      <c r="I3071" s="28">
        <v>2027</v>
      </c>
      <c r="J3071" s="21" t="s">
        <v>19</v>
      </c>
      <c r="K3071" s="22"/>
      <c r="L3071" s="23"/>
      <c r="M3071" s="24"/>
      <c r="N3071">
        <v>0</v>
      </c>
    </row>
    <row r="3072" spans="1:14" hidden="1">
      <c r="A3072" s="7" t="s">
        <v>10</v>
      </c>
      <c r="B3072" s="8"/>
      <c r="C3072" s="8" t="s">
        <v>60</v>
      </c>
      <c r="D3072" t="s">
        <v>77</v>
      </c>
      <c r="E3072" s="8" t="s">
        <v>61</v>
      </c>
      <c r="F3072" t="s">
        <v>70</v>
      </c>
      <c r="G3072" t="s">
        <v>78</v>
      </c>
      <c r="H3072" t="s">
        <v>70</v>
      </c>
      <c r="I3072" s="28">
        <v>2027</v>
      </c>
      <c r="J3072" s="21" t="s">
        <v>21</v>
      </c>
      <c r="K3072" s="22"/>
      <c r="L3072" s="23"/>
      <c r="M3072" s="24"/>
      <c r="N3072">
        <v>0</v>
      </c>
    </row>
    <row r="3073" spans="1:14" hidden="1">
      <c r="A3073" s="7" t="s">
        <v>10</v>
      </c>
      <c r="B3073" s="8"/>
      <c r="C3073" s="8" t="s">
        <v>60</v>
      </c>
      <c r="D3073" t="s">
        <v>77</v>
      </c>
      <c r="E3073" s="8" t="s">
        <v>61</v>
      </c>
      <c r="F3073" t="s">
        <v>70</v>
      </c>
      <c r="G3073" t="s">
        <v>78</v>
      </c>
      <c r="H3073" t="s">
        <v>70</v>
      </c>
      <c r="I3073" s="28">
        <v>2027</v>
      </c>
      <c r="J3073" s="21" t="s">
        <v>51</v>
      </c>
      <c r="K3073" s="22"/>
      <c r="L3073" s="23"/>
      <c r="M3073" s="24"/>
      <c r="N3073">
        <v>0</v>
      </c>
    </row>
    <row r="3074" spans="1:14" hidden="1">
      <c r="A3074" s="7" t="s">
        <v>10</v>
      </c>
      <c r="B3074" s="8"/>
      <c r="C3074" s="8" t="s">
        <v>60</v>
      </c>
      <c r="D3074" t="s">
        <v>77</v>
      </c>
      <c r="E3074" s="8" t="s">
        <v>61</v>
      </c>
      <c r="F3074" t="s">
        <v>70</v>
      </c>
      <c r="G3074" t="s">
        <v>78</v>
      </c>
      <c r="H3074" t="s">
        <v>70</v>
      </c>
      <c r="I3074" s="28">
        <v>2028</v>
      </c>
      <c r="J3074" s="21" t="s">
        <v>47</v>
      </c>
      <c r="K3074" s="22"/>
      <c r="L3074" s="23"/>
      <c r="M3074" s="24"/>
      <c r="N3074">
        <v>0</v>
      </c>
    </row>
    <row r="3075" spans="1:14" hidden="1">
      <c r="A3075" s="7" t="s">
        <v>10</v>
      </c>
      <c r="B3075" s="8"/>
      <c r="C3075" s="8" t="s">
        <v>60</v>
      </c>
      <c r="D3075" t="s">
        <v>77</v>
      </c>
      <c r="E3075" s="8" t="s">
        <v>61</v>
      </c>
      <c r="F3075" t="s">
        <v>70</v>
      </c>
      <c r="G3075" t="s">
        <v>78</v>
      </c>
      <c r="H3075" t="s">
        <v>70</v>
      </c>
      <c r="I3075" s="28">
        <v>2028</v>
      </c>
      <c r="J3075" s="21" t="s">
        <v>48</v>
      </c>
      <c r="K3075" s="22"/>
      <c r="L3075" s="23"/>
      <c r="M3075" s="24"/>
      <c r="N3075">
        <v>0</v>
      </c>
    </row>
    <row r="3076" spans="1:14" ht="13" hidden="1" thickBot="1">
      <c r="A3076" s="7" t="s">
        <v>10</v>
      </c>
      <c r="B3076" s="8"/>
      <c r="C3076" s="8" t="s">
        <v>60</v>
      </c>
      <c r="D3076" t="s">
        <v>77</v>
      </c>
      <c r="E3076" s="8" t="s">
        <v>61</v>
      </c>
      <c r="F3076" t="s">
        <v>70</v>
      </c>
      <c r="G3076" t="s">
        <v>78</v>
      </c>
      <c r="H3076" t="s">
        <v>70</v>
      </c>
      <c r="I3076" s="29">
        <v>2028</v>
      </c>
      <c r="J3076" s="30" t="s">
        <v>14</v>
      </c>
      <c r="K3076" s="22">
        <v>11928</v>
      </c>
      <c r="L3076" s="23"/>
      <c r="M3076" s="24"/>
      <c r="N3076">
        <v>0</v>
      </c>
    </row>
    <row r="3077" spans="1:14" hidden="1">
      <c r="A3077" s="7" t="s">
        <v>10</v>
      </c>
      <c r="B3077" s="8"/>
      <c r="C3077" s="8" t="s">
        <v>60</v>
      </c>
      <c r="D3077" t="s">
        <v>77</v>
      </c>
      <c r="E3077" s="8" t="s">
        <v>61</v>
      </c>
      <c r="F3077" t="s">
        <v>70</v>
      </c>
      <c r="G3077" t="s">
        <v>78</v>
      </c>
      <c r="H3077" t="s">
        <v>70</v>
      </c>
      <c r="I3077" s="28">
        <v>2028</v>
      </c>
      <c r="J3077" s="21" t="s">
        <v>49</v>
      </c>
      <c r="K3077" s="22"/>
      <c r="L3077" s="23"/>
      <c r="M3077" s="24"/>
      <c r="N3077">
        <v>0</v>
      </c>
    </row>
    <row r="3078" spans="1:14" hidden="1">
      <c r="A3078" s="7" t="s">
        <v>10</v>
      </c>
      <c r="B3078" s="8"/>
      <c r="C3078" s="8" t="s">
        <v>60</v>
      </c>
      <c r="D3078" t="s">
        <v>77</v>
      </c>
      <c r="E3078" s="8" t="s">
        <v>61</v>
      </c>
      <c r="F3078" t="s">
        <v>70</v>
      </c>
      <c r="G3078" t="s">
        <v>79</v>
      </c>
      <c r="H3078" t="s">
        <v>70</v>
      </c>
      <c r="I3078" s="28">
        <v>2028</v>
      </c>
      <c r="J3078" s="21" t="s">
        <v>15</v>
      </c>
      <c r="K3078" s="22"/>
      <c r="L3078" s="23"/>
      <c r="M3078" s="24"/>
      <c r="N3078">
        <v>0</v>
      </c>
    </row>
    <row r="3079" spans="1:14" hidden="1">
      <c r="A3079" s="7" t="s">
        <v>10</v>
      </c>
      <c r="B3079" s="8"/>
      <c r="C3079" s="8" t="s">
        <v>60</v>
      </c>
      <c r="D3079" t="s">
        <v>77</v>
      </c>
      <c r="E3079" s="8" t="s">
        <v>61</v>
      </c>
      <c r="F3079" t="s">
        <v>70</v>
      </c>
      <c r="G3079" t="s">
        <v>79</v>
      </c>
      <c r="H3079" t="s">
        <v>70</v>
      </c>
      <c r="I3079" s="28">
        <v>2028</v>
      </c>
      <c r="J3079" s="21" t="s">
        <v>50</v>
      </c>
      <c r="K3079" s="22"/>
      <c r="L3079" s="23"/>
      <c r="M3079" s="24"/>
      <c r="N3079">
        <v>0</v>
      </c>
    </row>
    <row r="3080" spans="1:14" hidden="1">
      <c r="A3080" s="7" t="s">
        <v>10</v>
      </c>
      <c r="B3080" s="8"/>
      <c r="C3080" s="8" t="s">
        <v>60</v>
      </c>
      <c r="D3080" t="s">
        <v>77</v>
      </c>
      <c r="E3080" s="8" t="s">
        <v>61</v>
      </c>
      <c r="F3080" t="s">
        <v>70</v>
      </c>
      <c r="G3080" t="s">
        <v>19</v>
      </c>
      <c r="H3080" t="s">
        <v>70</v>
      </c>
      <c r="I3080" s="28">
        <v>2028</v>
      </c>
      <c r="J3080" s="21" t="s">
        <v>19</v>
      </c>
      <c r="K3080" s="22"/>
      <c r="L3080" s="23"/>
      <c r="M3080" s="24"/>
      <c r="N3080">
        <v>0</v>
      </c>
    </row>
    <row r="3081" spans="1:14" hidden="1">
      <c r="A3081" s="7" t="s">
        <v>10</v>
      </c>
      <c r="B3081" s="8"/>
      <c r="C3081" s="8" t="s">
        <v>60</v>
      </c>
      <c r="D3081" t="s">
        <v>77</v>
      </c>
      <c r="E3081" s="8" t="s">
        <v>61</v>
      </c>
      <c r="F3081" t="s">
        <v>70</v>
      </c>
      <c r="G3081" t="s">
        <v>78</v>
      </c>
      <c r="H3081" t="s">
        <v>70</v>
      </c>
      <c r="I3081" s="28">
        <v>2028</v>
      </c>
      <c r="J3081" s="21" t="s">
        <v>21</v>
      </c>
      <c r="K3081" s="22"/>
      <c r="L3081" s="23"/>
      <c r="M3081" s="24"/>
      <c r="N3081">
        <v>0</v>
      </c>
    </row>
    <row r="3082" spans="1:14" hidden="1">
      <c r="A3082" s="7" t="s">
        <v>10</v>
      </c>
      <c r="B3082" s="8"/>
      <c r="C3082" s="8" t="s">
        <v>60</v>
      </c>
      <c r="D3082" t="s">
        <v>77</v>
      </c>
      <c r="E3082" s="8" t="s">
        <v>61</v>
      </c>
      <c r="F3082" t="s">
        <v>70</v>
      </c>
      <c r="G3082" t="s">
        <v>78</v>
      </c>
      <c r="H3082" t="s">
        <v>70</v>
      </c>
      <c r="I3082" s="28">
        <v>2028</v>
      </c>
      <c r="J3082" s="21" t="s">
        <v>51</v>
      </c>
      <c r="K3082" s="22"/>
      <c r="L3082" s="23"/>
      <c r="M3082" s="24"/>
      <c r="N3082">
        <v>0</v>
      </c>
    </row>
    <row r="3083" spans="1:14" hidden="1">
      <c r="A3083" s="7" t="s">
        <v>10</v>
      </c>
      <c r="B3083" s="8"/>
      <c r="C3083" s="8" t="s">
        <v>60</v>
      </c>
      <c r="D3083" t="s">
        <v>77</v>
      </c>
      <c r="E3083" s="8" t="s">
        <v>61</v>
      </c>
      <c r="F3083" t="s">
        <v>70</v>
      </c>
      <c r="G3083" t="s">
        <v>78</v>
      </c>
      <c r="H3083" t="s">
        <v>70</v>
      </c>
      <c r="I3083" s="28">
        <v>2029</v>
      </c>
      <c r="J3083" s="21" t="s">
        <v>47</v>
      </c>
      <c r="K3083" s="22"/>
      <c r="L3083" s="23"/>
      <c r="M3083" s="24"/>
      <c r="N3083">
        <v>0</v>
      </c>
    </row>
    <row r="3084" spans="1:14" hidden="1">
      <c r="A3084" s="7" t="s">
        <v>10</v>
      </c>
      <c r="B3084" s="8"/>
      <c r="C3084" s="8" t="s">
        <v>60</v>
      </c>
      <c r="D3084" t="s">
        <v>77</v>
      </c>
      <c r="E3084" s="8" t="s">
        <v>61</v>
      </c>
      <c r="F3084" t="s">
        <v>70</v>
      </c>
      <c r="G3084" t="s">
        <v>78</v>
      </c>
      <c r="H3084" t="s">
        <v>70</v>
      </c>
      <c r="I3084" s="28">
        <v>2029</v>
      </c>
      <c r="J3084" s="21" t="s">
        <v>48</v>
      </c>
      <c r="K3084" s="22"/>
      <c r="L3084" s="23"/>
      <c r="M3084" s="24"/>
      <c r="N3084">
        <v>0</v>
      </c>
    </row>
    <row r="3085" spans="1:14" ht="13" hidden="1" thickBot="1">
      <c r="A3085" s="7" t="s">
        <v>10</v>
      </c>
      <c r="B3085" s="8"/>
      <c r="C3085" s="8" t="s">
        <v>60</v>
      </c>
      <c r="D3085" t="s">
        <v>77</v>
      </c>
      <c r="E3085" s="8" t="s">
        <v>61</v>
      </c>
      <c r="F3085" t="s">
        <v>70</v>
      </c>
      <c r="G3085" t="s">
        <v>78</v>
      </c>
      <c r="H3085" t="s">
        <v>70</v>
      </c>
      <c r="I3085" s="29">
        <v>2029</v>
      </c>
      <c r="J3085" s="30" t="s">
        <v>14</v>
      </c>
      <c r="K3085" s="22">
        <v>17465</v>
      </c>
      <c r="L3085" s="23"/>
      <c r="M3085" s="24"/>
      <c r="N3085">
        <v>0</v>
      </c>
    </row>
    <row r="3086" spans="1:14" hidden="1">
      <c r="A3086" s="7" t="s">
        <v>10</v>
      </c>
      <c r="B3086" s="8"/>
      <c r="C3086" s="8" t="s">
        <v>60</v>
      </c>
      <c r="D3086" t="s">
        <v>77</v>
      </c>
      <c r="E3086" s="8" t="s">
        <v>61</v>
      </c>
      <c r="F3086" t="s">
        <v>70</v>
      </c>
      <c r="G3086" t="s">
        <v>78</v>
      </c>
      <c r="H3086" t="s">
        <v>70</v>
      </c>
      <c r="I3086" s="28">
        <v>2029</v>
      </c>
      <c r="J3086" s="31" t="s">
        <v>49</v>
      </c>
      <c r="K3086" s="22"/>
      <c r="L3086" s="23"/>
      <c r="M3086" s="24"/>
      <c r="N3086">
        <v>0</v>
      </c>
    </row>
    <row r="3087" spans="1:14" hidden="1">
      <c r="A3087" s="7" t="s">
        <v>10</v>
      </c>
      <c r="B3087" s="8"/>
      <c r="C3087" s="8" t="s">
        <v>60</v>
      </c>
      <c r="D3087" t="s">
        <v>77</v>
      </c>
      <c r="E3087" s="8" t="s">
        <v>61</v>
      </c>
      <c r="F3087" t="s">
        <v>70</v>
      </c>
      <c r="G3087" t="s">
        <v>79</v>
      </c>
      <c r="H3087" t="s">
        <v>70</v>
      </c>
      <c r="I3087" s="28">
        <v>2029</v>
      </c>
      <c r="J3087" s="21" t="s">
        <v>15</v>
      </c>
      <c r="K3087" s="22"/>
      <c r="L3087" s="23"/>
      <c r="M3087" s="24"/>
      <c r="N3087">
        <v>0</v>
      </c>
    </row>
    <row r="3088" spans="1:14" hidden="1">
      <c r="A3088" s="7" t="s">
        <v>10</v>
      </c>
      <c r="B3088" s="8"/>
      <c r="C3088" s="8" t="s">
        <v>60</v>
      </c>
      <c r="D3088" t="s">
        <v>77</v>
      </c>
      <c r="E3088" s="8" t="s">
        <v>61</v>
      </c>
      <c r="F3088" t="s">
        <v>70</v>
      </c>
      <c r="G3088" t="s">
        <v>79</v>
      </c>
      <c r="H3088" t="s">
        <v>70</v>
      </c>
      <c r="I3088" s="28">
        <v>2029</v>
      </c>
      <c r="J3088" s="21" t="s">
        <v>50</v>
      </c>
      <c r="K3088" s="22"/>
      <c r="L3088" s="23"/>
      <c r="M3088" s="24"/>
      <c r="N3088">
        <v>0</v>
      </c>
    </row>
    <row r="3089" spans="1:14" hidden="1">
      <c r="A3089" s="7" t="s">
        <v>10</v>
      </c>
      <c r="B3089" s="8"/>
      <c r="C3089" s="8" t="s">
        <v>60</v>
      </c>
      <c r="D3089" t="s">
        <v>77</v>
      </c>
      <c r="E3089" s="8" t="s">
        <v>61</v>
      </c>
      <c r="F3089" t="s">
        <v>70</v>
      </c>
      <c r="G3089" t="s">
        <v>19</v>
      </c>
      <c r="H3089" t="s">
        <v>70</v>
      </c>
      <c r="I3089" s="28">
        <v>2029</v>
      </c>
      <c r="J3089" s="21" t="s">
        <v>19</v>
      </c>
      <c r="K3089" s="22"/>
      <c r="L3089" s="23"/>
      <c r="M3089" s="24"/>
      <c r="N3089">
        <v>0</v>
      </c>
    </row>
    <row r="3090" spans="1:14" hidden="1">
      <c r="A3090" s="7" t="s">
        <v>10</v>
      </c>
      <c r="B3090" s="8"/>
      <c r="C3090" s="8" t="s">
        <v>60</v>
      </c>
      <c r="D3090" t="s">
        <v>77</v>
      </c>
      <c r="E3090" s="8" t="s">
        <v>61</v>
      </c>
      <c r="F3090" t="s">
        <v>70</v>
      </c>
      <c r="G3090" t="s">
        <v>78</v>
      </c>
      <c r="H3090" t="s">
        <v>70</v>
      </c>
      <c r="I3090" s="28">
        <v>2029</v>
      </c>
      <c r="J3090" s="21" t="s">
        <v>21</v>
      </c>
      <c r="K3090" s="22"/>
      <c r="L3090" s="23"/>
      <c r="M3090" s="24"/>
      <c r="N3090">
        <v>0</v>
      </c>
    </row>
    <row r="3091" spans="1:14" hidden="1">
      <c r="A3091" s="7" t="s">
        <v>10</v>
      </c>
      <c r="B3091" s="8"/>
      <c r="C3091" s="8" t="s">
        <v>60</v>
      </c>
      <c r="D3091" t="s">
        <v>77</v>
      </c>
      <c r="E3091" s="8" t="s">
        <v>61</v>
      </c>
      <c r="F3091" t="s">
        <v>70</v>
      </c>
      <c r="G3091" t="s">
        <v>78</v>
      </c>
      <c r="H3091" t="s">
        <v>70</v>
      </c>
      <c r="I3091" s="28">
        <v>2029</v>
      </c>
      <c r="J3091" s="21" t="s">
        <v>51</v>
      </c>
      <c r="K3091" s="22"/>
      <c r="L3091" s="23"/>
      <c r="M3091" s="24"/>
      <c r="N3091">
        <v>0</v>
      </c>
    </row>
    <row r="3092" spans="1:14" hidden="1">
      <c r="A3092" s="7" t="s">
        <v>10</v>
      </c>
      <c r="B3092" s="8"/>
      <c r="C3092" s="8" t="s">
        <v>60</v>
      </c>
      <c r="D3092" t="s">
        <v>77</v>
      </c>
      <c r="E3092" s="8" t="s">
        <v>61</v>
      </c>
      <c r="F3092" t="s">
        <v>70</v>
      </c>
      <c r="G3092" t="s">
        <v>78</v>
      </c>
      <c r="H3092" t="s">
        <v>70</v>
      </c>
      <c r="I3092" s="28">
        <v>2030</v>
      </c>
      <c r="J3092" s="21" t="s">
        <v>47</v>
      </c>
      <c r="K3092" s="22"/>
      <c r="L3092" s="23"/>
      <c r="M3092" s="24"/>
      <c r="N3092">
        <v>0</v>
      </c>
    </row>
    <row r="3093" spans="1:14" hidden="1">
      <c r="A3093" s="7" t="s">
        <v>10</v>
      </c>
      <c r="B3093" s="8"/>
      <c r="C3093" s="8" t="s">
        <v>60</v>
      </c>
      <c r="D3093" t="s">
        <v>77</v>
      </c>
      <c r="E3093" s="8" t="s">
        <v>61</v>
      </c>
      <c r="F3093" t="s">
        <v>70</v>
      </c>
      <c r="G3093" t="s">
        <v>78</v>
      </c>
      <c r="H3093" t="s">
        <v>70</v>
      </c>
      <c r="I3093" s="28">
        <v>2030</v>
      </c>
      <c r="J3093" s="21" t="s">
        <v>48</v>
      </c>
      <c r="K3093" s="22"/>
      <c r="L3093" s="23"/>
      <c r="M3093" s="24"/>
      <c r="N3093">
        <v>0</v>
      </c>
    </row>
    <row r="3094" spans="1:14" ht="13" hidden="1" thickBot="1">
      <c r="A3094" s="7" t="s">
        <v>10</v>
      </c>
      <c r="B3094" s="8"/>
      <c r="C3094" s="8" t="s">
        <v>60</v>
      </c>
      <c r="D3094" t="s">
        <v>77</v>
      </c>
      <c r="E3094" s="8" t="s">
        <v>61</v>
      </c>
      <c r="F3094" t="s">
        <v>70</v>
      </c>
      <c r="G3094" t="s">
        <v>78</v>
      </c>
      <c r="H3094" t="s">
        <v>70</v>
      </c>
      <c r="I3094" s="29">
        <v>2030</v>
      </c>
      <c r="J3094" s="30" t="s">
        <v>14</v>
      </c>
      <c r="K3094" s="22">
        <v>20371</v>
      </c>
      <c r="L3094" s="23"/>
      <c r="M3094" s="24"/>
      <c r="N3094">
        <v>0</v>
      </c>
    </row>
    <row r="3095" spans="1:14" hidden="1">
      <c r="A3095" s="7" t="s">
        <v>10</v>
      </c>
      <c r="B3095" s="8"/>
      <c r="C3095" s="8" t="s">
        <v>60</v>
      </c>
      <c r="D3095" t="s">
        <v>77</v>
      </c>
      <c r="E3095" s="8" t="s">
        <v>61</v>
      </c>
      <c r="F3095" t="s">
        <v>70</v>
      </c>
      <c r="G3095" t="s">
        <v>78</v>
      </c>
      <c r="H3095" t="s">
        <v>70</v>
      </c>
      <c r="I3095" s="28">
        <v>2030</v>
      </c>
      <c r="J3095" s="21" t="s">
        <v>49</v>
      </c>
      <c r="K3095" s="22"/>
      <c r="L3095" s="23"/>
      <c r="M3095" s="24"/>
      <c r="N3095">
        <v>0</v>
      </c>
    </row>
    <row r="3096" spans="1:14" hidden="1">
      <c r="A3096" s="7" t="s">
        <v>10</v>
      </c>
      <c r="B3096" s="8"/>
      <c r="C3096" s="8" t="s">
        <v>60</v>
      </c>
      <c r="D3096" t="s">
        <v>77</v>
      </c>
      <c r="E3096" s="8" t="s">
        <v>61</v>
      </c>
      <c r="F3096" t="s">
        <v>70</v>
      </c>
      <c r="G3096" t="s">
        <v>79</v>
      </c>
      <c r="H3096" t="s">
        <v>70</v>
      </c>
      <c r="I3096" s="28">
        <v>2030</v>
      </c>
      <c r="J3096" s="21" t="s">
        <v>15</v>
      </c>
      <c r="K3096" s="22"/>
      <c r="L3096" s="23"/>
      <c r="M3096" s="24"/>
      <c r="N3096">
        <v>0</v>
      </c>
    </row>
    <row r="3097" spans="1:14" hidden="1">
      <c r="A3097" s="7" t="s">
        <v>10</v>
      </c>
      <c r="B3097" s="8"/>
      <c r="C3097" s="8" t="s">
        <v>60</v>
      </c>
      <c r="D3097" t="s">
        <v>77</v>
      </c>
      <c r="E3097" s="8" t="s">
        <v>61</v>
      </c>
      <c r="F3097" t="s">
        <v>70</v>
      </c>
      <c r="G3097" t="s">
        <v>79</v>
      </c>
      <c r="H3097" t="s">
        <v>70</v>
      </c>
      <c r="I3097" s="28">
        <v>2030</v>
      </c>
      <c r="J3097" s="21" t="s">
        <v>50</v>
      </c>
      <c r="K3097" s="22"/>
      <c r="L3097" s="23"/>
      <c r="M3097" s="24"/>
      <c r="N3097">
        <v>0</v>
      </c>
    </row>
    <row r="3098" spans="1:14" hidden="1">
      <c r="A3098" s="7" t="s">
        <v>10</v>
      </c>
      <c r="B3098" s="8"/>
      <c r="C3098" s="8" t="s">
        <v>60</v>
      </c>
      <c r="D3098" t="s">
        <v>77</v>
      </c>
      <c r="E3098" s="8" t="s">
        <v>61</v>
      </c>
      <c r="F3098" t="s">
        <v>70</v>
      </c>
      <c r="G3098" t="s">
        <v>19</v>
      </c>
      <c r="H3098" t="s">
        <v>70</v>
      </c>
      <c r="I3098" s="28">
        <v>2030</v>
      </c>
      <c r="J3098" s="21" t="s">
        <v>19</v>
      </c>
      <c r="K3098" s="22"/>
      <c r="L3098" s="23"/>
      <c r="M3098" s="24"/>
      <c r="N3098">
        <v>0</v>
      </c>
    </row>
    <row r="3099" spans="1:14" hidden="1">
      <c r="A3099" s="7" t="s">
        <v>10</v>
      </c>
      <c r="B3099" s="8"/>
      <c r="C3099" s="8" t="s">
        <v>60</v>
      </c>
      <c r="D3099" t="s">
        <v>77</v>
      </c>
      <c r="E3099" s="8" t="s">
        <v>61</v>
      </c>
      <c r="F3099" t="s">
        <v>70</v>
      </c>
      <c r="G3099" t="s">
        <v>78</v>
      </c>
      <c r="H3099" t="s">
        <v>70</v>
      </c>
      <c r="I3099" s="28">
        <v>2030</v>
      </c>
      <c r="J3099" s="21" t="s">
        <v>21</v>
      </c>
      <c r="K3099" s="22"/>
      <c r="L3099" s="23"/>
      <c r="M3099" s="24"/>
      <c r="N3099">
        <v>0</v>
      </c>
    </row>
    <row r="3100" spans="1:14" hidden="1">
      <c r="A3100" s="7" t="s">
        <v>10</v>
      </c>
      <c r="B3100" s="8"/>
      <c r="C3100" s="8" t="s">
        <v>60</v>
      </c>
      <c r="D3100" t="s">
        <v>77</v>
      </c>
      <c r="E3100" s="8" t="s">
        <v>61</v>
      </c>
      <c r="F3100" t="s">
        <v>70</v>
      </c>
      <c r="G3100" t="s">
        <v>78</v>
      </c>
      <c r="H3100" t="s">
        <v>70</v>
      </c>
      <c r="I3100" s="28">
        <v>2030</v>
      </c>
      <c r="J3100" s="21" t="s">
        <v>51</v>
      </c>
      <c r="K3100" s="22"/>
      <c r="L3100" s="23"/>
      <c r="M3100" s="24"/>
      <c r="N3100">
        <v>0</v>
      </c>
    </row>
    <row r="3101" spans="1:14" hidden="1">
      <c r="A3101" s="7" t="s">
        <v>10</v>
      </c>
      <c r="B3101" s="8"/>
      <c r="C3101" s="8" t="s">
        <v>60</v>
      </c>
      <c r="D3101" t="s">
        <v>77</v>
      </c>
      <c r="E3101" s="8" t="s">
        <v>61</v>
      </c>
      <c r="F3101" t="s">
        <v>70</v>
      </c>
      <c r="G3101" t="s">
        <v>78</v>
      </c>
      <c r="H3101" t="s">
        <v>70</v>
      </c>
      <c r="I3101" s="28">
        <v>2031</v>
      </c>
      <c r="J3101" s="21" t="s">
        <v>47</v>
      </c>
      <c r="K3101" s="22"/>
      <c r="L3101" s="23"/>
      <c r="M3101" s="24"/>
      <c r="N3101">
        <v>0</v>
      </c>
    </row>
    <row r="3102" spans="1:14" hidden="1">
      <c r="A3102" s="7" t="s">
        <v>10</v>
      </c>
      <c r="B3102" s="8"/>
      <c r="C3102" s="8" t="s">
        <v>60</v>
      </c>
      <c r="D3102" t="s">
        <v>77</v>
      </c>
      <c r="E3102" s="8" t="s">
        <v>61</v>
      </c>
      <c r="F3102" t="s">
        <v>70</v>
      </c>
      <c r="G3102" t="s">
        <v>78</v>
      </c>
      <c r="H3102" t="s">
        <v>70</v>
      </c>
      <c r="I3102" s="28">
        <v>2031</v>
      </c>
      <c r="J3102" s="21" t="s">
        <v>48</v>
      </c>
      <c r="K3102" s="22"/>
      <c r="L3102" s="23"/>
      <c r="M3102" s="24"/>
      <c r="N3102">
        <v>0</v>
      </c>
    </row>
    <row r="3103" spans="1:14" ht="13" hidden="1" thickBot="1">
      <c r="A3103" s="7" t="s">
        <v>10</v>
      </c>
      <c r="B3103" s="8"/>
      <c r="C3103" s="8" t="s">
        <v>60</v>
      </c>
      <c r="D3103" t="s">
        <v>77</v>
      </c>
      <c r="E3103" s="8" t="s">
        <v>61</v>
      </c>
      <c r="F3103" t="s">
        <v>70</v>
      </c>
      <c r="G3103" t="s">
        <v>78</v>
      </c>
      <c r="H3103" t="s">
        <v>70</v>
      </c>
      <c r="I3103" s="29">
        <v>2031</v>
      </c>
      <c r="J3103" s="30" t="s">
        <v>14</v>
      </c>
      <c r="K3103" s="22">
        <v>21398</v>
      </c>
      <c r="L3103" s="23"/>
      <c r="M3103" s="24"/>
      <c r="N3103">
        <v>0</v>
      </c>
    </row>
    <row r="3104" spans="1:14" hidden="1">
      <c r="A3104" s="7" t="s">
        <v>10</v>
      </c>
      <c r="B3104" s="8"/>
      <c r="C3104" s="8" t="s">
        <v>60</v>
      </c>
      <c r="D3104" t="s">
        <v>77</v>
      </c>
      <c r="E3104" s="8" t="s">
        <v>61</v>
      </c>
      <c r="F3104" t="s">
        <v>70</v>
      </c>
      <c r="G3104" t="s">
        <v>78</v>
      </c>
      <c r="H3104" t="s">
        <v>70</v>
      </c>
      <c r="I3104" s="28">
        <v>2031</v>
      </c>
      <c r="J3104" s="31" t="s">
        <v>49</v>
      </c>
      <c r="K3104" s="22"/>
      <c r="L3104" s="23"/>
      <c r="M3104" s="24"/>
      <c r="N3104">
        <v>0</v>
      </c>
    </row>
    <row r="3105" spans="1:14" hidden="1">
      <c r="A3105" s="7" t="s">
        <v>10</v>
      </c>
      <c r="B3105" s="8"/>
      <c r="C3105" s="8" t="s">
        <v>60</v>
      </c>
      <c r="D3105" t="s">
        <v>77</v>
      </c>
      <c r="E3105" s="8" t="s">
        <v>61</v>
      </c>
      <c r="F3105" t="s">
        <v>70</v>
      </c>
      <c r="G3105" t="s">
        <v>79</v>
      </c>
      <c r="H3105" t="s">
        <v>70</v>
      </c>
      <c r="I3105" s="28">
        <v>2031</v>
      </c>
      <c r="J3105" s="21" t="s">
        <v>15</v>
      </c>
      <c r="K3105" s="22"/>
      <c r="L3105" s="23"/>
      <c r="M3105" s="24"/>
      <c r="N3105">
        <v>0</v>
      </c>
    </row>
    <row r="3106" spans="1:14" hidden="1">
      <c r="A3106" s="7" t="s">
        <v>10</v>
      </c>
      <c r="B3106" s="8"/>
      <c r="C3106" s="8" t="s">
        <v>60</v>
      </c>
      <c r="D3106" t="s">
        <v>77</v>
      </c>
      <c r="E3106" s="8" t="s">
        <v>61</v>
      </c>
      <c r="F3106" t="s">
        <v>70</v>
      </c>
      <c r="G3106" t="s">
        <v>79</v>
      </c>
      <c r="H3106" t="s">
        <v>70</v>
      </c>
      <c r="I3106" s="28">
        <v>2031</v>
      </c>
      <c r="J3106" s="21" t="s">
        <v>50</v>
      </c>
      <c r="K3106" s="22"/>
      <c r="L3106" s="23"/>
      <c r="M3106" s="24"/>
      <c r="N3106">
        <v>0</v>
      </c>
    </row>
    <row r="3107" spans="1:14" hidden="1">
      <c r="A3107" s="7" t="s">
        <v>10</v>
      </c>
      <c r="B3107" s="8"/>
      <c r="C3107" s="8" t="s">
        <v>60</v>
      </c>
      <c r="D3107" t="s">
        <v>77</v>
      </c>
      <c r="E3107" s="8" t="s">
        <v>61</v>
      </c>
      <c r="F3107" t="s">
        <v>70</v>
      </c>
      <c r="G3107" t="s">
        <v>19</v>
      </c>
      <c r="H3107" t="s">
        <v>70</v>
      </c>
      <c r="I3107" s="28">
        <v>2031</v>
      </c>
      <c r="J3107" s="21" t="s">
        <v>19</v>
      </c>
      <c r="K3107" s="22"/>
      <c r="L3107" s="23"/>
      <c r="M3107" s="24"/>
      <c r="N3107">
        <v>0</v>
      </c>
    </row>
    <row r="3108" spans="1:14" hidden="1">
      <c r="A3108" s="7" t="s">
        <v>10</v>
      </c>
      <c r="B3108" s="8"/>
      <c r="C3108" s="8" t="s">
        <v>60</v>
      </c>
      <c r="D3108" t="s">
        <v>77</v>
      </c>
      <c r="E3108" s="8" t="s">
        <v>61</v>
      </c>
      <c r="F3108" t="s">
        <v>70</v>
      </c>
      <c r="G3108" t="s">
        <v>78</v>
      </c>
      <c r="H3108" t="s">
        <v>70</v>
      </c>
      <c r="I3108" s="28">
        <v>2031</v>
      </c>
      <c r="J3108" s="21" t="s">
        <v>21</v>
      </c>
      <c r="K3108" s="22"/>
      <c r="L3108" s="23"/>
      <c r="M3108" s="24"/>
      <c r="N3108">
        <v>0</v>
      </c>
    </row>
    <row r="3109" spans="1:14" hidden="1">
      <c r="A3109" s="7" t="s">
        <v>10</v>
      </c>
      <c r="B3109" s="8"/>
      <c r="C3109" s="8" t="s">
        <v>60</v>
      </c>
      <c r="D3109" t="s">
        <v>77</v>
      </c>
      <c r="E3109" s="8" t="s">
        <v>61</v>
      </c>
      <c r="F3109" t="s">
        <v>70</v>
      </c>
      <c r="G3109" t="s">
        <v>78</v>
      </c>
      <c r="H3109" t="s">
        <v>70</v>
      </c>
      <c r="I3109" s="28">
        <v>2031</v>
      </c>
      <c r="J3109" s="21" t="s">
        <v>51</v>
      </c>
      <c r="K3109" s="22"/>
      <c r="L3109" s="23"/>
      <c r="M3109" s="24"/>
      <c r="N3109">
        <v>0</v>
      </c>
    </row>
    <row r="3110" spans="1:14" hidden="1">
      <c r="A3110" s="7" t="s">
        <v>10</v>
      </c>
      <c r="B3110" s="8"/>
      <c r="C3110" s="8" t="s">
        <v>60</v>
      </c>
      <c r="D3110" t="s">
        <v>77</v>
      </c>
      <c r="E3110" s="8" t="s">
        <v>61</v>
      </c>
      <c r="F3110" t="s">
        <v>70</v>
      </c>
      <c r="G3110" t="s">
        <v>78</v>
      </c>
      <c r="H3110" t="s">
        <v>70</v>
      </c>
      <c r="I3110" s="28">
        <v>2032</v>
      </c>
      <c r="J3110" s="21" t="s">
        <v>47</v>
      </c>
      <c r="K3110" s="22"/>
      <c r="L3110" s="23"/>
      <c r="M3110" s="24"/>
      <c r="N3110">
        <v>0</v>
      </c>
    </row>
    <row r="3111" spans="1:14" hidden="1">
      <c r="A3111" s="7" t="s">
        <v>10</v>
      </c>
      <c r="B3111" s="8"/>
      <c r="C3111" s="8" t="s">
        <v>60</v>
      </c>
      <c r="D3111" t="s">
        <v>77</v>
      </c>
      <c r="E3111" s="8" t="s">
        <v>61</v>
      </c>
      <c r="F3111" t="s">
        <v>70</v>
      </c>
      <c r="G3111" t="s">
        <v>78</v>
      </c>
      <c r="H3111" t="s">
        <v>70</v>
      </c>
      <c r="I3111" s="28">
        <v>2032</v>
      </c>
      <c r="J3111" s="21" t="s">
        <v>48</v>
      </c>
      <c r="K3111" s="22"/>
      <c r="L3111" s="23"/>
      <c r="M3111" s="24"/>
      <c r="N3111">
        <v>0</v>
      </c>
    </row>
    <row r="3112" spans="1:14" ht="13" hidden="1" thickBot="1">
      <c r="A3112" s="7" t="s">
        <v>10</v>
      </c>
      <c r="B3112" s="8"/>
      <c r="C3112" s="8" t="s">
        <v>60</v>
      </c>
      <c r="D3112" t="s">
        <v>77</v>
      </c>
      <c r="E3112" s="8" t="s">
        <v>61</v>
      </c>
      <c r="F3112" t="s">
        <v>70</v>
      </c>
      <c r="G3112" t="s">
        <v>78</v>
      </c>
      <c r="H3112" t="s">
        <v>70</v>
      </c>
      <c r="I3112" s="29">
        <v>2032</v>
      </c>
      <c r="J3112" s="30" t="s">
        <v>14</v>
      </c>
      <c r="K3112" s="22">
        <v>22284</v>
      </c>
      <c r="L3112" s="23"/>
      <c r="M3112" s="24"/>
      <c r="N3112">
        <v>0</v>
      </c>
    </row>
    <row r="3113" spans="1:14" hidden="1">
      <c r="A3113" s="7" t="s">
        <v>10</v>
      </c>
      <c r="B3113" s="8"/>
      <c r="C3113" s="8" t="s">
        <v>60</v>
      </c>
      <c r="D3113" t="s">
        <v>77</v>
      </c>
      <c r="E3113" s="8" t="s">
        <v>61</v>
      </c>
      <c r="F3113" t="s">
        <v>70</v>
      </c>
      <c r="G3113" t="s">
        <v>78</v>
      </c>
      <c r="H3113" t="s">
        <v>70</v>
      </c>
      <c r="I3113" s="28">
        <v>2032</v>
      </c>
      <c r="J3113" s="21" t="s">
        <v>49</v>
      </c>
      <c r="K3113" s="22"/>
      <c r="L3113" s="23"/>
      <c r="M3113" s="24"/>
      <c r="N3113">
        <v>0</v>
      </c>
    </row>
    <row r="3114" spans="1:14" hidden="1">
      <c r="A3114" s="7" t="s">
        <v>10</v>
      </c>
      <c r="B3114" s="8"/>
      <c r="C3114" s="8" t="s">
        <v>60</v>
      </c>
      <c r="D3114" t="s">
        <v>77</v>
      </c>
      <c r="E3114" s="8" t="s">
        <v>61</v>
      </c>
      <c r="F3114" t="s">
        <v>70</v>
      </c>
      <c r="G3114" t="s">
        <v>79</v>
      </c>
      <c r="H3114" t="s">
        <v>70</v>
      </c>
      <c r="I3114" s="28">
        <v>2032</v>
      </c>
      <c r="J3114" s="21" t="s">
        <v>15</v>
      </c>
      <c r="K3114" s="22"/>
      <c r="L3114" s="23"/>
      <c r="M3114" s="24"/>
      <c r="N3114">
        <v>0</v>
      </c>
    </row>
    <row r="3115" spans="1:14" hidden="1">
      <c r="A3115" s="7" t="s">
        <v>10</v>
      </c>
      <c r="B3115" s="8"/>
      <c r="C3115" s="8" t="s">
        <v>60</v>
      </c>
      <c r="D3115" t="s">
        <v>77</v>
      </c>
      <c r="E3115" s="8" t="s">
        <v>61</v>
      </c>
      <c r="F3115" t="s">
        <v>70</v>
      </c>
      <c r="G3115" t="s">
        <v>79</v>
      </c>
      <c r="H3115" t="s">
        <v>70</v>
      </c>
      <c r="I3115" s="28">
        <v>2032</v>
      </c>
      <c r="J3115" s="21" t="s">
        <v>50</v>
      </c>
      <c r="K3115" s="22"/>
      <c r="L3115" s="23"/>
      <c r="M3115" s="24"/>
      <c r="N3115">
        <v>0</v>
      </c>
    </row>
    <row r="3116" spans="1:14" hidden="1">
      <c r="A3116" s="7" t="s">
        <v>10</v>
      </c>
      <c r="B3116" s="8"/>
      <c r="C3116" s="8" t="s">
        <v>60</v>
      </c>
      <c r="D3116" t="s">
        <v>77</v>
      </c>
      <c r="E3116" s="8" t="s">
        <v>61</v>
      </c>
      <c r="F3116" t="s">
        <v>70</v>
      </c>
      <c r="G3116" t="s">
        <v>19</v>
      </c>
      <c r="H3116" t="s">
        <v>70</v>
      </c>
      <c r="I3116" s="28">
        <v>2032</v>
      </c>
      <c r="J3116" s="21" t="s">
        <v>19</v>
      </c>
      <c r="K3116" s="22"/>
      <c r="L3116" s="23"/>
      <c r="M3116" s="24"/>
      <c r="N3116">
        <v>0</v>
      </c>
    </row>
    <row r="3117" spans="1:14" hidden="1">
      <c r="A3117" s="7" t="s">
        <v>10</v>
      </c>
      <c r="B3117" s="8"/>
      <c r="C3117" s="8" t="s">
        <v>60</v>
      </c>
      <c r="D3117" t="s">
        <v>77</v>
      </c>
      <c r="E3117" s="8" t="s">
        <v>61</v>
      </c>
      <c r="F3117" t="s">
        <v>70</v>
      </c>
      <c r="G3117" t="s">
        <v>78</v>
      </c>
      <c r="H3117" t="s">
        <v>70</v>
      </c>
      <c r="I3117" s="28">
        <v>2032</v>
      </c>
      <c r="J3117" s="21" t="s">
        <v>21</v>
      </c>
      <c r="K3117" s="22"/>
      <c r="L3117" s="23"/>
      <c r="M3117" s="24"/>
      <c r="N3117">
        <v>0</v>
      </c>
    </row>
    <row r="3118" spans="1:14" hidden="1">
      <c r="A3118" s="7" t="s">
        <v>10</v>
      </c>
      <c r="B3118" s="8"/>
      <c r="C3118" s="8" t="s">
        <v>60</v>
      </c>
      <c r="D3118" t="s">
        <v>77</v>
      </c>
      <c r="E3118" s="8" t="s">
        <v>61</v>
      </c>
      <c r="F3118" t="s">
        <v>70</v>
      </c>
      <c r="G3118" t="s">
        <v>78</v>
      </c>
      <c r="H3118" t="s">
        <v>70</v>
      </c>
      <c r="I3118" s="28">
        <v>2032</v>
      </c>
      <c r="J3118" s="21" t="s">
        <v>51</v>
      </c>
      <c r="K3118" s="22"/>
      <c r="L3118" s="23"/>
      <c r="M3118" s="24"/>
      <c r="N3118">
        <v>0</v>
      </c>
    </row>
    <row r="3119" spans="1:14" hidden="1">
      <c r="A3119" s="7" t="s">
        <v>10</v>
      </c>
      <c r="B3119" s="8"/>
      <c r="C3119" s="8" t="s">
        <v>60</v>
      </c>
      <c r="D3119" t="s">
        <v>77</v>
      </c>
      <c r="E3119" s="8" t="s">
        <v>61</v>
      </c>
      <c r="F3119" t="s">
        <v>70</v>
      </c>
      <c r="G3119" t="s">
        <v>78</v>
      </c>
      <c r="H3119" t="s">
        <v>70</v>
      </c>
      <c r="I3119" s="28">
        <v>2033</v>
      </c>
      <c r="J3119" s="21" t="s">
        <v>47</v>
      </c>
      <c r="K3119" s="22"/>
      <c r="L3119" s="23"/>
      <c r="M3119" s="24"/>
      <c r="N3119">
        <v>0</v>
      </c>
    </row>
    <row r="3120" spans="1:14" hidden="1">
      <c r="A3120" s="7" t="s">
        <v>10</v>
      </c>
      <c r="B3120" s="8"/>
      <c r="C3120" s="8" t="s">
        <v>60</v>
      </c>
      <c r="D3120" t="s">
        <v>77</v>
      </c>
      <c r="E3120" s="8" t="s">
        <v>61</v>
      </c>
      <c r="F3120" t="s">
        <v>70</v>
      </c>
      <c r="G3120" t="s">
        <v>78</v>
      </c>
      <c r="H3120" t="s">
        <v>70</v>
      </c>
      <c r="I3120" s="28">
        <v>2033</v>
      </c>
      <c r="J3120" s="21" t="s">
        <v>48</v>
      </c>
      <c r="K3120" s="22"/>
      <c r="L3120" s="23"/>
      <c r="M3120" s="24"/>
      <c r="N3120">
        <v>0</v>
      </c>
    </row>
    <row r="3121" spans="1:14" ht="13" hidden="1" thickBot="1">
      <c r="A3121" s="7" t="s">
        <v>10</v>
      </c>
      <c r="B3121" s="8"/>
      <c r="C3121" s="8" t="s">
        <v>60</v>
      </c>
      <c r="D3121" t="s">
        <v>77</v>
      </c>
      <c r="E3121" s="8" t="s">
        <v>61</v>
      </c>
      <c r="F3121" t="s">
        <v>70</v>
      </c>
      <c r="G3121" t="s">
        <v>78</v>
      </c>
      <c r="H3121" t="s">
        <v>70</v>
      </c>
      <c r="I3121" s="29">
        <v>2033</v>
      </c>
      <c r="J3121" s="30" t="s">
        <v>14</v>
      </c>
      <c r="K3121" s="22">
        <v>22284</v>
      </c>
      <c r="L3121" s="23"/>
      <c r="M3121" s="24"/>
      <c r="N3121">
        <v>0</v>
      </c>
    </row>
    <row r="3122" spans="1:14" hidden="1">
      <c r="A3122" s="7" t="s">
        <v>10</v>
      </c>
      <c r="B3122" s="8"/>
      <c r="C3122" s="8" t="s">
        <v>60</v>
      </c>
      <c r="D3122" t="s">
        <v>77</v>
      </c>
      <c r="E3122" s="8" t="s">
        <v>61</v>
      </c>
      <c r="F3122" t="s">
        <v>70</v>
      </c>
      <c r="G3122" t="s">
        <v>78</v>
      </c>
      <c r="H3122" t="s">
        <v>70</v>
      </c>
      <c r="I3122" s="28">
        <v>2033</v>
      </c>
      <c r="J3122" s="31" t="s">
        <v>49</v>
      </c>
      <c r="K3122" s="22"/>
      <c r="L3122" s="23"/>
      <c r="M3122" s="24"/>
      <c r="N3122">
        <v>0</v>
      </c>
    </row>
    <row r="3123" spans="1:14" hidden="1">
      <c r="A3123" s="7" t="s">
        <v>10</v>
      </c>
      <c r="B3123" s="8"/>
      <c r="C3123" s="8" t="s">
        <v>60</v>
      </c>
      <c r="D3123" t="s">
        <v>77</v>
      </c>
      <c r="E3123" s="8" t="s">
        <v>61</v>
      </c>
      <c r="F3123" t="s">
        <v>70</v>
      </c>
      <c r="G3123" t="s">
        <v>79</v>
      </c>
      <c r="H3123" t="s">
        <v>70</v>
      </c>
      <c r="I3123" s="28">
        <v>2033</v>
      </c>
      <c r="J3123" s="21" t="s">
        <v>15</v>
      </c>
      <c r="K3123" s="22"/>
      <c r="L3123" s="23"/>
      <c r="M3123" s="24"/>
      <c r="N3123">
        <v>0</v>
      </c>
    </row>
    <row r="3124" spans="1:14" hidden="1">
      <c r="A3124" s="7" t="s">
        <v>10</v>
      </c>
      <c r="B3124" s="8"/>
      <c r="C3124" s="8" t="s">
        <v>60</v>
      </c>
      <c r="D3124" t="s">
        <v>77</v>
      </c>
      <c r="E3124" s="8" t="s">
        <v>61</v>
      </c>
      <c r="F3124" t="s">
        <v>70</v>
      </c>
      <c r="G3124" t="s">
        <v>79</v>
      </c>
      <c r="H3124" t="s">
        <v>70</v>
      </c>
      <c r="I3124" s="28">
        <v>2033</v>
      </c>
      <c r="J3124" s="21" t="s">
        <v>50</v>
      </c>
      <c r="K3124" s="22"/>
      <c r="L3124" s="23"/>
      <c r="M3124" s="24"/>
      <c r="N3124">
        <v>0</v>
      </c>
    </row>
    <row r="3125" spans="1:14" hidden="1">
      <c r="A3125" s="7" t="s">
        <v>10</v>
      </c>
      <c r="B3125" s="8"/>
      <c r="C3125" s="8" t="s">
        <v>60</v>
      </c>
      <c r="D3125" t="s">
        <v>77</v>
      </c>
      <c r="E3125" s="8" t="s">
        <v>61</v>
      </c>
      <c r="F3125" t="s">
        <v>70</v>
      </c>
      <c r="G3125" t="s">
        <v>19</v>
      </c>
      <c r="H3125" t="s">
        <v>70</v>
      </c>
      <c r="I3125" s="28">
        <v>2033</v>
      </c>
      <c r="J3125" s="21" t="s">
        <v>19</v>
      </c>
      <c r="K3125" s="22"/>
      <c r="L3125" s="23"/>
      <c r="M3125" s="24"/>
      <c r="N3125">
        <v>0</v>
      </c>
    </row>
    <row r="3126" spans="1:14" hidden="1">
      <c r="A3126" s="7" t="s">
        <v>10</v>
      </c>
      <c r="B3126" s="8"/>
      <c r="C3126" s="8" t="s">
        <v>60</v>
      </c>
      <c r="D3126" t="s">
        <v>77</v>
      </c>
      <c r="E3126" s="8" t="s">
        <v>61</v>
      </c>
      <c r="F3126" t="s">
        <v>70</v>
      </c>
      <c r="G3126" t="s">
        <v>78</v>
      </c>
      <c r="H3126" t="s">
        <v>70</v>
      </c>
      <c r="I3126" s="28">
        <v>2033</v>
      </c>
      <c r="J3126" s="21" t="s">
        <v>21</v>
      </c>
      <c r="K3126" s="22"/>
      <c r="L3126" s="23"/>
      <c r="M3126" s="24"/>
      <c r="N3126">
        <v>0</v>
      </c>
    </row>
    <row r="3127" spans="1:14" hidden="1">
      <c r="A3127" s="7" t="s">
        <v>10</v>
      </c>
      <c r="B3127" s="8"/>
      <c r="C3127" s="8" t="s">
        <v>60</v>
      </c>
      <c r="D3127" t="s">
        <v>77</v>
      </c>
      <c r="E3127" s="8" t="s">
        <v>61</v>
      </c>
      <c r="F3127" t="s">
        <v>70</v>
      </c>
      <c r="G3127" t="s">
        <v>78</v>
      </c>
      <c r="H3127" t="s">
        <v>70</v>
      </c>
      <c r="I3127" s="28">
        <v>2033</v>
      </c>
      <c r="J3127" s="21" t="s">
        <v>51</v>
      </c>
      <c r="K3127" s="22"/>
      <c r="L3127" s="23"/>
      <c r="M3127" s="24"/>
      <c r="N3127">
        <v>0</v>
      </c>
    </row>
    <row r="3128" spans="1:14" hidden="1">
      <c r="A3128" s="7" t="s">
        <v>10</v>
      </c>
      <c r="B3128" s="8"/>
      <c r="C3128" s="8" t="s">
        <v>60</v>
      </c>
      <c r="D3128" t="s">
        <v>77</v>
      </c>
      <c r="E3128" s="8" t="s">
        <v>61</v>
      </c>
      <c r="F3128" t="s">
        <v>70</v>
      </c>
      <c r="G3128" t="s">
        <v>78</v>
      </c>
      <c r="H3128" t="s">
        <v>70</v>
      </c>
      <c r="I3128" s="28">
        <v>2034</v>
      </c>
      <c r="J3128" s="21" t="s">
        <v>47</v>
      </c>
      <c r="K3128" s="22"/>
      <c r="L3128" s="23"/>
      <c r="M3128" s="24"/>
      <c r="N3128">
        <v>0</v>
      </c>
    </row>
    <row r="3129" spans="1:14" hidden="1">
      <c r="A3129" s="7" t="s">
        <v>10</v>
      </c>
      <c r="B3129" s="8"/>
      <c r="C3129" s="8" t="s">
        <v>60</v>
      </c>
      <c r="D3129" t="s">
        <v>77</v>
      </c>
      <c r="E3129" s="8" t="s">
        <v>61</v>
      </c>
      <c r="F3129" t="s">
        <v>70</v>
      </c>
      <c r="G3129" t="s">
        <v>78</v>
      </c>
      <c r="H3129" t="s">
        <v>70</v>
      </c>
      <c r="I3129" s="28">
        <v>2034</v>
      </c>
      <c r="J3129" s="21" t="s">
        <v>48</v>
      </c>
      <c r="K3129" s="22"/>
      <c r="L3129" s="23"/>
      <c r="M3129" s="24"/>
      <c r="N3129">
        <v>0</v>
      </c>
    </row>
    <row r="3130" spans="1:14" ht="13" hidden="1" thickBot="1">
      <c r="A3130" s="7" t="s">
        <v>10</v>
      </c>
      <c r="B3130" s="8"/>
      <c r="C3130" s="8" t="s">
        <v>60</v>
      </c>
      <c r="D3130" t="s">
        <v>77</v>
      </c>
      <c r="E3130" s="8" t="s">
        <v>61</v>
      </c>
      <c r="F3130" t="s">
        <v>70</v>
      </c>
      <c r="G3130" t="s">
        <v>78</v>
      </c>
      <c r="H3130" t="s">
        <v>70</v>
      </c>
      <c r="I3130" s="29">
        <v>2034</v>
      </c>
      <c r="J3130" s="30" t="s">
        <v>14</v>
      </c>
      <c r="K3130" s="22">
        <v>22284</v>
      </c>
      <c r="L3130" s="23"/>
      <c r="M3130" s="24"/>
      <c r="N3130">
        <v>0</v>
      </c>
    </row>
    <row r="3131" spans="1:14" hidden="1">
      <c r="A3131" s="7" t="s">
        <v>10</v>
      </c>
      <c r="B3131" s="8"/>
      <c r="C3131" s="8" t="s">
        <v>60</v>
      </c>
      <c r="D3131" t="s">
        <v>77</v>
      </c>
      <c r="E3131" s="8" t="s">
        <v>61</v>
      </c>
      <c r="F3131" t="s">
        <v>70</v>
      </c>
      <c r="G3131" t="s">
        <v>78</v>
      </c>
      <c r="H3131" t="s">
        <v>70</v>
      </c>
      <c r="I3131" s="20">
        <v>2034</v>
      </c>
      <c r="J3131" s="31" t="s">
        <v>49</v>
      </c>
      <c r="K3131" s="24"/>
      <c r="L3131" s="32"/>
      <c r="M3131" s="24"/>
      <c r="N3131">
        <v>0</v>
      </c>
    </row>
    <row r="3132" spans="1:14" hidden="1">
      <c r="A3132" s="7" t="s">
        <v>10</v>
      </c>
      <c r="B3132" s="8"/>
      <c r="C3132" s="8" t="s">
        <v>60</v>
      </c>
      <c r="D3132" t="s">
        <v>77</v>
      </c>
      <c r="E3132" s="8" t="s">
        <v>61</v>
      </c>
      <c r="F3132" t="s">
        <v>70</v>
      </c>
      <c r="G3132" t="s">
        <v>79</v>
      </c>
      <c r="H3132" t="s">
        <v>70</v>
      </c>
      <c r="I3132" s="20">
        <v>2034</v>
      </c>
      <c r="J3132" s="21" t="s">
        <v>15</v>
      </c>
      <c r="K3132" s="24"/>
      <c r="L3132" s="32"/>
      <c r="M3132" s="24"/>
      <c r="N3132">
        <v>0</v>
      </c>
    </row>
    <row r="3133" spans="1:14" hidden="1">
      <c r="A3133" s="7" t="s">
        <v>10</v>
      </c>
      <c r="B3133" s="8"/>
      <c r="C3133" s="8" t="s">
        <v>60</v>
      </c>
      <c r="D3133" t="s">
        <v>77</v>
      </c>
      <c r="E3133" s="8" t="s">
        <v>61</v>
      </c>
      <c r="F3133" t="s">
        <v>70</v>
      </c>
      <c r="G3133" t="s">
        <v>79</v>
      </c>
      <c r="H3133" t="s">
        <v>70</v>
      </c>
      <c r="I3133" s="20">
        <v>2034</v>
      </c>
      <c r="J3133" s="21" t="s">
        <v>50</v>
      </c>
      <c r="K3133" s="24"/>
      <c r="L3133" s="32"/>
      <c r="M3133" s="24"/>
      <c r="N3133">
        <v>0</v>
      </c>
    </row>
    <row r="3134" spans="1:14" hidden="1">
      <c r="A3134" s="7" t="s">
        <v>10</v>
      </c>
      <c r="B3134" s="8"/>
      <c r="C3134" s="8" t="s">
        <v>60</v>
      </c>
      <c r="D3134" t="s">
        <v>77</v>
      </c>
      <c r="E3134" s="8" t="s">
        <v>61</v>
      </c>
      <c r="F3134" t="s">
        <v>70</v>
      </c>
      <c r="G3134" t="s">
        <v>19</v>
      </c>
      <c r="H3134" t="s">
        <v>70</v>
      </c>
      <c r="I3134" s="20">
        <v>2034</v>
      </c>
      <c r="J3134" s="21" t="s">
        <v>19</v>
      </c>
      <c r="K3134" s="24"/>
      <c r="L3134" s="32"/>
      <c r="M3134" s="24"/>
      <c r="N3134">
        <v>0</v>
      </c>
    </row>
    <row r="3135" spans="1:14" hidden="1">
      <c r="A3135" s="7" t="s">
        <v>10</v>
      </c>
      <c r="B3135" s="8"/>
      <c r="C3135" s="8" t="s">
        <v>60</v>
      </c>
      <c r="D3135" t="s">
        <v>77</v>
      </c>
      <c r="E3135" s="8" t="s">
        <v>61</v>
      </c>
      <c r="F3135" t="s">
        <v>70</v>
      </c>
      <c r="G3135" t="s">
        <v>78</v>
      </c>
      <c r="H3135" t="s">
        <v>70</v>
      </c>
      <c r="I3135" s="20">
        <v>2034</v>
      </c>
      <c r="J3135" s="21" t="s">
        <v>21</v>
      </c>
      <c r="K3135" s="24"/>
      <c r="L3135" s="32"/>
      <c r="M3135" s="24"/>
      <c r="N3135">
        <v>0</v>
      </c>
    </row>
    <row r="3136" spans="1:14" hidden="1">
      <c r="A3136" s="7" t="s">
        <v>10</v>
      </c>
      <c r="B3136" s="8"/>
      <c r="C3136" s="8" t="s">
        <v>60</v>
      </c>
      <c r="D3136" t="s">
        <v>77</v>
      </c>
      <c r="E3136" s="8" t="s">
        <v>61</v>
      </c>
      <c r="F3136" t="s">
        <v>70</v>
      </c>
      <c r="G3136" t="s">
        <v>78</v>
      </c>
      <c r="H3136" t="s">
        <v>70</v>
      </c>
      <c r="I3136" s="20">
        <v>2034</v>
      </c>
      <c r="J3136" s="21" t="s">
        <v>51</v>
      </c>
      <c r="K3136" s="24"/>
      <c r="L3136" s="32"/>
      <c r="M3136" s="24"/>
      <c r="N3136">
        <v>0</v>
      </c>
    </row>
    <row r="3137" spans="1:14" hidden="1">
      <c r="A3137" s="7" t="s">
        <v>10</v>
      </c>
      <c r="B3137" s="8"/>
      <c r="C3137" s="8" t="s">
        <v>56</v>
      </c>
      <c r="D3137" t="s">
        <v>77</v>
      </c>
      <c r="E3137" s="8" t="s">
        <v>39</v>
      </c>
      <c r="F3137" t="s">
        <v>70</v>
      </c>
      <c r="G3137" t="s">
        <v>78</v>
      </c>
      <c r="H3137" t="s">
        <v>70</v>
      </c>
      <c r="I3137" s="20">
        <v>2025</v>
      </c>
      <c r="J3137" s="21" t="s">
        <v>47</v>
      </c>
      <c r="K3137" s="24"/>
      <c r="L3137" s="32"/>
      <c r="M3137" s="24"/>
      <c r="N3137">
        <v>0</v>
      </c>
    </row>
    <row r="3138" spans="1:14" hidden="1">
      <c r="A3138" s="7" t="s">
        <v>10</v>
      </c>
      <c r="B3138" s="8"/>
      <c r="C3138" s="8" t="s">
        <v>56</v>
      </c>
      <c r="D3138" t="s">
        <v>77</v>
      </c>
      <c r="E3138" s="8" t="s">
        <v>39</v>
      </c>
      <c r="F3138" t="s">
        <v>70</v>
      </c>
      <c r="G3138" t="s">
        <v>78</v>
      </c>
      <c r="H3138" t="s">
        <v>70</v>
      </c>
      <c r="I3138" s="20">
        <v>2025</v>
      </c>
      <c r="J3138" s="21" t="s">
        <v>48</v>
      </c>
      <c r="K3138" s="24"/>
      <c r="L3138" s="32"/>
      <c r="M3138" s="24"/>
      <c r="N3138">
        <v>0</v>
      </c>
    </row>
    <row r="3139" spans="1:14" ht="13" hidden="1" thickBot="1">
      <c r="A3139" s="7" t="s">
        <v>10</v>
      </c>
      <c r="B3139" s="8"/>
      <c r="C3139" s="8" t="s">
        <v>56</v>
      </c>
      <c r="D3139" t="s">
        <v>77</v>
      </c>
      <c r="E3139" s="8" t="s">
        <v>39</v>
      </c>
      <c r="F3139" t="s">
        <v>70</v>
      </c>
      <c r="G3139" t="s">
        <v>78</v>
      </c>
      <c r="H3139" t="s">
        <v>70</v>
      </c>
      <c r="I3139" s="25">
        <v>2025</v>
      </c>
      <c r="J3139" s="30" t="s">
        <v>14</v>
      </c>
      <c r="K3139" s="24">
        <v>2960</v>
      </c>
      <c r="L3139" s="32"/>
      <c r="M3139" s="27"/>
      <c r="N3139">
        <v>0</v>
      </c>
    </row>
    <row r="3140" spans="1:14" hidden="1">
      <c r="A3140" s="7" t="s">
        <v>10</v>
      </c>
      <c r="B3140" s="8"/>
      <c r="C3140" s="8" t="s">
        <v>56</v>
      </c>
      <c r="D3140" t="s">
        <v>77</v>
      </c>
      <c r="E3140" s="8" t="s">
        <v>39</v>
      </c>
      <c r="F3140" t="s">
        <v>70</v>
      </c>
      <c r="G3140" t="s">
        <v>78</v>
      </c>
      <c r="H3140" t="s">
        <v>70</v>
      </c>
      <c r="I3140" s="28">
        <v>2025</v>
      </c>
      <c r="J3140" s="21" t="s">
        <v>49</v>
      </c>
      <c r="K3140" s="24"/>
      <c r="L3140" s="32"/>
      <c r="M3140" s="24"/>
      <c r="N3140">
        <v>0</v>
      </c>
    </row>
    <row r="3141" spans="1:14" hidden="1">
      <c r="A3141" s="7" t="s">
        <v>10</v>
      </c>
      <c r="B3141" s="8"/>
      <c r="C3141" s="8" t="s">
        <v>56</v>
      </c>
      <c r="D3141" t="s">
        <v>77</v>
      </c>
      <c r="E3141" s="8" t="s">
        <v>39</v>
      </c>
      <c r="F3141" t="s">
        <v>70</v>
      </c>
      <c r="G3141" t="s">
        <v>79</v>
      </c>
      <c r="H3141" t="s">
        <v>70</v>
      </c>
      <c r="I3141" s="28">
        <v>2025</v>
      </c>
      <c r="J3141" s="21" t="s">
        <v>15</v>
      </c>
      <c r="K3141" s="24"/>
      <c r="L3141" s="32"/>
      <c r="M3141" s="24"/>
      <c r="N3141">
        <v>0</v>
      </c>
    </row>
    <row r="3142" spans="1:14" hidden="1">
      <c r="A3142" s="7" t="s">
        <v>10</v>
      </c>
      <c r="B3142" s="8"/>
      <c r="C3142" s="8" t="s">
        <v>56</v>
      </c>
      <c r="D3142" t="s">
        <v>77</v>
      </c>
      <c r="E3142" s="8" t="s">
        <v>39</v>
      </c>
      <c r="F3142" t="s">
        <v>70</v>
      </c>
      <c r="G3142" t="s">
        <v>79</v>
      </c>
      <c r="H3142" t="s">
        <v>70</v>
      </c>
      <c r="I3142" s="28">
        <v>2025</v>
      </c>
      <c r="J3142" s="21" t="s">
        <v>50</v>
      </c>
      <c r="K3142" s="24"/>
      <c r="L3142" s="32"/>
      <c r="M3142" s="24"/>
      <c r="N3142">
        <v>0</v>
      </c>
    </row>
    <row r="3143" spans="1:14" hidden="1">
      <c r="A3143" s="7" t="s">
        <v>10</v>
      </c>
      <c r="B3143" s="8"/>
      <c r="C3143" s="8" t="s">
        <v>56</v>
      </c>
      <c r="D3143" t="s">
        <v>77</v>
      </c>
      <c r="E3143" s="8" t="s">
        <v>39</v>
      </c>
      <c r="F3143" t="s">
        <v>70</v>
      </c>
      <c r="G3143" t="s">
        <v>19</v>
      </c>
      <c r="H3143" t="s">
        <v>70</v>
      </c>
      <c r="I3143" s="28">
        <v>2025</v>
      </c>
      <c r="J3143" s="21" t="s">
        <v>19</v>
      </c>
      <c r="K3143" s="24"/>
      <c r="L3143" s="32"/>
      <c r="M3143" s="24"/>
      <c r="N3143">
        <v>0</v>
      </c>
    </row>
    <row r="3144" spans="1:14" hidden="1">
      <c r="A3144" s="7" t="s">
        <v>10</v>
      </c>
      <c r="B3144" s="8"/>
      <c r="C3144" s="8" t="s">
        <v>56</v>
      </c>
      <c r="D3144" t="s">
        <v>77</v>
      </c>
      <c r="E3144" s="8" t="s">
        <v>39</v>
      </c>
      <c r="F3144" t="s">
        <v>70</v>
      </c>
      <c r="G3144" t="s">
        <v>78</v>
      </c>
      <c r="H3144" t="s">
        <v>70</v>
      </c>
      <c r="I3144" s="28">
        <v>2025</v>
      </c>
      <c r="J3144" s="21" t="s">
        <v>21</v>
      </c>
      <c r="K3144" s="24"/>
      <c r="L3144" s="32"/>
      <c r="M3144" s="24"/>
      <c r="N3144">
        <v>0</v>
      </c>
    </row>
    <row r="3145" spans="1:14" hidden="1">
      <c r="A3145" s="7" t="s">
        <v>10</v>
      </c>
      <c r="B3145" s="8"/>
      <c r="C3145" s="8" t="s">
        <v>56</v>
      </c>
      <c r="D3145" t="s">
        <v>77</v>
      </c>
      <c r="E3145" s="8" t="s">
        <v>39</v>
      </c>
      <c r="F3145" t="s">
        <v>70</v>
      </c>
      <c r="G3145" t="s">
        <v>78</v>
      </c>
      <c r="H3145" t="s">
        <v>70</v>
      </c>
      <c r="I3145" s="28">
        <v>2025</v>
      </c>
      <c r="J3145" s="21" t="s">
        <v>51</v>
      </c>
      <c r="K3145" s="24"/>
      <c r="L3145" s="32"/>
      <c r="M3145" s="24"/>
      <c r="N3145">
        <v>0</v>
      </c>
    </row>
    <row r="3146" spans="1:14" hidden="1">
      <c r="A3146" s="7" t="s">
        <v>10</v>
      </c>
      <c r="B3146" s="8"/>
      <c r="C3146" s="8" t="s">
        <v>56</v>
      </c>
      <c r="D3146" t="s">
        <v>77</v>
      </c>
      <c r="E3146" s="8" t="s">
        <v>39</v>
      </c>
      <c r="F3146" t="s">
        <v>70</v>
      </c>
      <c r="G3146" t="s">
        <v>78</v>
      </c>
      <c r="H3146" t="s">
        <v>70</v>
      </c>
      <c r="I3146" s="28">
        <v>2026</v>
      </c>
      <c r="J3146" s="21" t="s">
        <v>47</v>
      </c>
      <c r="K3146" s="24"/>
      <c r="L3146" s="32"/>
      <c r="M3146" s="24"/>
      <c r="N3146">
        <v>0</v>
      </c>
    </row>
    <row r="3147" spans="1:14" hidden="1">
      <c r="A3147" s="7" t="s">
        <v>10</v>
      </c>
      <c r="B3147" s="8"/>
      <c r="C3147" s="8" t="s">
        <v>56</v>
      </c>
      <c r="D3147" t="s">
        <v>77</v>
      </c>
      <c r="E3147" s="8" t="s">
        <v>39</v>
      </c>
      <c r="F3147" t="s">
        <v>70</v>
      </c>
      <c r="G3147" t="s">
        <v>78</v>
      </c>
      <c r="H3147" t="s">
        <v>70</v>
      </c>
      <c r="I3147" s="28">
        <v>2026</v>
      </c>
      <c r="J3147" s="21" t="s">
        <v>48</v>
      </c>
      <c r="K3147" s="24"/>
      <c r="L3147" s="32"/>
      <c r="M3147" s="24"/>
      <c r="N3147">
        <v>0</v>
      </c>
    </row>
    <row r="3148" spans="1:14" ht="13" hidden="1" thickBot="1">
      <c r="A3148" s="7" t="s">
        <v>10</v>
      </c>
      <c r="B3148" s="8"/>
      <c r="C3148" s="8" t="s">
        <v>56</v>
      </c>
      <c r="D3148" t="s">
        <v>77</v>
      </c>
      <c r="E3148" s="8" t="s">
        <v>39</v>
      </c>
      <c r="F3148" t="s">
        <v>70</v>
      </c>
      <c r="G3148" t="s">
        <v>78</v>
      </c>
      <c r="H3148" t="s">
        <v>70</v>
      </c>
      <c r="I3148" s="29">
        <v>2026</v>
      </c>
      <c r="J3148" s="30" t="s">
        <v>14</v>
      </c>
      <c r="K3148" s="24">
        <v>2927.0588235294117</v>
      </c>
      <c r="L3148" s="32"/>
      <c r="M3148" s="24"/>
      <c r="N3148">
        <v>0</v>
      </c>
    </row>
    <row r="3149" spans="1:14" hidden="1">
      <c r="A3149" s="7" t="s">
        <v>10</v>
      </c>
      <c r="B3149" s="8"/>
      <c r="C3149" s="8" t="s">
        <v>56</v>
      </c>
      <c r="D3149" t="s">
        <v>77</v>
      </c>
      <c r="E3149" s="8" t="s">
        <v>39</v>
      </c>
      <c r="F3149" t="s">
        <v>70</v>
      </c>
      <c r="G3149" t="s">
        <v>78</v>
      </c>
      <c r="H3149" t="s">
        <v>70</v>
      </c>
      <c r="I3149" s="28">
        <v>2026</v>
      </c>
      <c r="J3149" s="31" t="s">
        <v>49</v>
      </c>
      <c r="K3149" s="24"/>
      <c r="L3149" s="32"/>
      <c r="M3149" s="24"/>
      <c r="N3149">
        <v>0</v>
      </c>
    </row>
    <row r="3150" spans="1:14" hidden="1">
      <c r="A3150" s="7" t="s">
        <v>10</v>
      </c>
      <c r="B3150" s="8"/>
      <c r="C3150" s="8" t="s">
        <v>56</v>
      </c>
      <c r="D3150" t="s">
        <v>77</v>
      </c>
      <c r="E3150" s="8" t="s">
        <v>39</v>
      </c>
      <c r="F3150" t="s">
        <v>70</v>
      </c>
      <c r="G3150" t="s">
        <v>79</v>
      </c>
      <c r="H3150" t="s">
        <v>70</v>
      </c>
      <c r="I3150" s="28">
        <v>2026</v>
      </c>
      <c r="J3150" s="21" t="s">
        <v>15</v>
      </c>
      <c r="K3150" s="24"/>
      <c r="L3150" s="32"/>
      <c r="M3150" s="24"/>
      <c r="N3150">
        <v>0</v>
      </c>
    </row>
    <row r="3151" spans="1:14" hidden="1">
      <c r="A3151" s="7" t="s">
        <v>10</v>
      </c>
      <c r="B3151" s="8"/>
      <c r="C3151" s="8" t="s">
        <v>56</v>
      </c>
      <c r="D3151" t="s">
        <v>77</v>
      </c>
      <c r="E3151" s="8" t="s">
        <v>39</v>
      </c>
      <c r="F3151" t="s">
        <v>70</v>
      </c>
      <c r="G3151" t="s">
        <v>79</v>
      </c>
      <c r="H3151" t="s">
        <v>70</v>
      </c>
      <c r="I3151" s="28">
        <v>2026</v>
      </c>
      <c r="J3151" s="21" t="s">
        <v>50</v>
      </c>
      <c r="K3151" s="24"/>
      <c r="L3151" s="32"/>
      <c r="M3151" s="24"/>
      <c r="N3151">
        <v>0</v>
      </c>
    </row>
    <row r="3152" spans="1:14" hidden="1">
      <c r="A3152" s="7" t="s">
        <v>10</v>
      </c>
      <c r="B3152" s="8"/>
      <c r="C3152" s="8" t="s">
        <v>56</v>
      </c>
      <c r="D3152" t="s">
        <v>77</v>
      </c>
      <c r="E3152" s="8" t="s">
        <v>39</v>
      </c>
      <c r="F3152" t="s">
        <v>70</v>
      </c>
      <c r="G3152" t="s">
        <v>19</v>
      </c>
      <c r="H3152" t="s">
        <v>70</v>
      </c>
      <c r="I3152" s="28">
        <v>2026</v>
      </c>
      <c r="J3152" s="21" t="s">
        <v>19</v>
      </c>
      <c r="K3152" s="24"/>
      <c r="L3152" s="32"/>
      <c r="M3152" s="24"/>
      <c r="N3152">
        <v>0</v>
      </c>
    </row>
    <row r="3153" spans="1:14" hidden="1">
      <c r="A3153" s="7" t="s">
        <v>10</v>
      </c>
      <c r="B3153" s="8"/>
      <c r="C3153" s="8" t="s">
        <v>56</v>
      </c>
      <c r="D3153" t="s">
        <v>77</v>
      </c>
      <c r="E3153" s="8" t="s">
        <v>39</v>
      </c>
      <c r="F3153" t="s">
        <v>70</v>
      </c>
      <c r="G3153" t="s">
        <v>78</v>
      </c>
      <c r="H3153" t="s">
        <v>70</v>
      </c>
      <c r="I3153" s="28">
        <v>2026</v>
      </c>
      <c r="J3153" s="21" t="s">
        <v>21</v>
      </c>
      <c r="K3153" s="24"/>
      <c r="L3153" s="32"/>
      <c r="M3153" s="24"/>
      <c r="N3153">
        <v>0</v>
      </c>
    </row>
    <row r="3154" spans="1:14" hidden="1">
      <c r="A3154" s="7" t="s">
        <v>10</v>
      </c>
      <c r="B3154" s="8"/>
      <c r="C3154" s="8" t="s">
        <v>56</v>
      </c>
      <c r="D3154" t="s">
        <v>77</v>
      </c>
      <c r="E3154" s="8" t="s">
        <v>39</v>
      </c>
      <c r="F3154" t="s">
        <v>70</v>
      </c>
      <c r="G3154" t="s">
        <v>78</v>
      </c>
      <c r="H3154" t="s">
        <v>70</v>
      </c>
      <c r="I3154" s="28">
        <v>2026</v>
      </c>
      <c r="J3154" s="21" t="s">
        <v>51</v>
      </c>
      <c r="K3154" s="24"/>
      <c r="L3154" s="32"/>
      <c r="M3154" s="24"/>
      <c r="N3154">
        <v>0</v>
      </c>
    </row>
    <row r="3155" spans="1:14" hidden="1">
      <c r="A3155" s="7" t="s">
        <v>10</v>
      </c>
      <c r="B3155" s="8"/>
      <c r="C3155" s="8" t="s">
        <v>56</v>
      </c>
      <c r="D3155" t="s">
        <v>77</v>
      </c>
      <c r="E3155" s="8" t="s">
        <v>39</v>
      </c>
      <c r="F3155" t="s">
        <v>70</v>
      </c>
      <c r="G3155" t="s">
        <v>78</v>
      </c>
      <c r="H3155" t="s">
        <v>70</v>
      </c>
      <c r="I3155" s="28">
        <v>2027</v>
      </c>
      <c r="J3155" s="21" t="s">
        <v>47</v>
      </c>
      <c r="K3155" s="24"/>
      <c r="L3155" s="32"/>
      <c r="M3155" s="24"/>
      <c r="N3155">
        <v>0</v>
      </c>
    </row>
    <row r="3156" spans="1:14" hidden="1">
      <c r="A3156" s="7" t="s">
        <v>10</v>
      </c>
      <c r="B3156" s="8"/>
      <c r="C3156" s="8" t="s">
        <v>56</v>
      </c>
      <c r="D3156" t="s">
        <v>77</v>
      </c>
      <c r="E3156" s="8" t="s">
        <v>39</v>
      </c>
      <c r="F3156" t="s">
        <v>70</v>
      </c>
      <c r="G3156" t="s">
        <v>78</v>
      </c>
      <c r="H3156" t="s">
        <v>70</v>
      </c>
      <c r="I3156" s="28">
        <v>2027</v>
      </c>
      <c r="J3156" s="21" t="s">
        <v>48</v>
      </c>
      <c r="K3156" s="24"/>
      <c r="L3156" s="32"/>
      <c r="M3156" s="24"/>
      <c r="N3156">
        <v>0</v>
      </c>
    </row>
    <row r="3157" spans="1:14" ht="13" hidden="1" thickBot="1">
      <c r="A3157" s="7" t="s">
        <v>10</v>
      </c>
      <c r="B3157" s="8"/>
      <c r="C3157" s="8" t="s">
        <v>56</v>
      </c>
      <c r="D3157" t="s">
        <v>77</v>
      </c>
      <c r="E3157" s="8" t="s">
        <v>39</v>
      </c>
      <c r="F3157" t="s">
        <v>70</v>
      </c>
      <c r="G3157" t="s">
        <v>78</v>
      </c>
      <c r="H3157" t="s">
        <v>70</v>
      </c>
      <c r="I3157" s="29">
        <v>2027</v>
      </c>
      <c r="J3157" s="30" t="s">
        <v>14</v>
      </c>
      <c r="K3157" s="24">
        <v>2758.8235294117649</v>
      </c>
      <c r="L3157" s="32"/>
      <c r="M3157" s="24"/>
      <c r="N3157">
        <v>0</v>
      </c>
    </row>
    <row r="3158" spans="1:14" hidden="1">
      <c r="A3158" s="7" t="s">
        <v>10</v>
      </c>
      <c r="B3158" s="8"/>
      <c r="C3158" s="8" t="s">
        <v>56</v>
      </c>
      <c r="D3158" t="s">
        <v>77</v>
      </c>
      <c r="E3158" s="8" t="s">
        <v>39</v>
      </c>
      <c r="F3158" t="s">
        <v>70</v>
      </c>
      <c r="G3158" t="s">
        <v>78</v>
      </c>
      <c r="H3158" t="s">
        <v>70</v>
      </c>
      <c r="I3158" s="28">
        <v>2027</v>
      </c>
      <c r="J3158" s="21" t="s">
        <v>49</v>
      </c>
      <c r="K3158" s="24"/>
      <c r="L3158" s="32"/>
      <c r="M3158" s="24"/>
      <c r="N3158">
        <v>0</v>
      </c>
    </row>
    <row r="3159" spans="1:14" hidden="1">
      <c r="A3159" s="7" t="s">
        <v>10</v>
      </c>
      <c r="B3159" s="8"/>
      <c r="C3159" s="8" t="s">
        <v>56</v>
      </c>
      <c r="D3159" t="s">
        <v>77</v>
      </c>
      <c r="E3159" s="8" t="s">
        <v>39</v>
      </c>
      <c r="F3159" t="s">
        <v>70</v>
      </c>
      <c r="G3159" t="s">
        <v>79</v>
      </c>
      <c r="H3159" t="s">
        <v>70</v>
      </c>
      <c r="I3159" s="28">
        <v>2027</v>
      </c>
      <c r="J3159" s="21" t="s">
        <v>15</v>
      </c>
      <c r="K3159" s="24"/>
      <c r="L3159" s="32"/>
      <c r="M3159" s="24"/>
      <c r="N3159">
        <v>0</v>
      </c>
    </row>
    <row r="3160" spans="1:14" hidden="1">
      <c r="A3160" s="7" t="s">
        <v>10</v>
      </c>
      <c r="B3160" s="8"/>
      <c r="C3160" s="8" t="s">
        <v>56</v>
      </c>
      <c r="D3160" t="s">
        <v>77</v>
      </c>
      <c r="E3160" s="8" t="s">
        <v>39</v>
      </c>
      <c r="F3160" t="s">
        <v>70</v>
      </c>
      <c r="G3160" t="s">
        <v>79</v>
      </c>
      <c r="H3160" t="s">
        <v>70</v>
      </c>
      <c r="I3160" s="28">
        <v>2027</v>
      </c>
      <c r="J3160" s="21" t="s">
        <v>50</v>
      </c>
      <c r="K3160" s="24"/>
      <c r="L3160" s="32"/>
      <c r="M3160" s="24"/>
      <c r="N3160">
        <v>0</v>
      </c>
    </row>
    <row r="3161" spans="1:14" hidden="1">
      <c r="A3161" s="7" t="s">
        <v>10</v>
      </c>
      <c r="B3161" s="8"/>
      <c r="C3161" s="8" t="s">
        <v>56</v>
      </c>
      <c r="D3161" t="s">
        <v>77</v>
      </c>
      <c r="E3161" s="8" t="s">
        <v>39</v>
      </c>
      <c r="F3161" t="s">
        <v>70</v>
      </c>
      <c r="G3161" t="s">
        <v>19</v>
      </c>
      <c r="H3161" t="s">
        <v>70</v>
      </c>
      <c r="I3161" s="28">
        <v>2027</v>
      </c>
      <c r="J3161" s="21" t="s">
        <v>19</v>
      </c>
      <c r="K3161" s="24"/>
      <c r="L3161" s="32"/>
      <c r="M3161" s="24"/>
      <c r="N3161">
        <v>0</v>
      </c>
    </row>
    <row r="3162" spans="1:14" hidden="1">
      <c r="A3162" s="7" t="s">
        <v>10</v>
      </c>
      <c r="B3162" s="8"/>
      <c r="C3162" s="8" t="s">
        <v>56</v>
      </c>
      <c r="D3162" t="s">
        <v>77</v>
      </c>
      <c r="E3162" s="8" t="s">
        <v>39</v>
      </c>
      <c r="F3162" t="s">
        <v>70</v>
      </c>
      <c r="G3162" t="s">
        <v>78</v>
      </c>
      <c r="H3162" t="s">
        <v>70</v>
      </c>
      <c r="I3162" s="28">
        <v>2027</v>
      </c>
      <c r="J3162" s="21" t="s">
        <v>21</v>
      </c>
      <c r="K3162" s="24"/>
      <c r="L3162" s="32"/>
      <c r="M3162" s="24"/>
      <c r="N3162">
        <v>0</v>
      </c>
    </row>
    <row r="3163" spans="1:14" hidden="1">
      <c r="A3163" s="7" t="s">
        <v>10</v>
      </c>
      <c r="B3163" s="8"/>
      <c r="C3163" s="8" t="s">
        <v>56</v>
      </c>
      <c r="D3163" t="s">
        <v>77</v>
      </c>
      <c r="E3163" s="8" t="s">
        <v>39</v>
      </c>
      <c r="F3163" t="s">
        <v>70</v>
      </c>
      <c r="G3163" t="s">
        <v>78</v>
      </c>
      <c r="H3163" t="s">
        <v>70</v>
      </c>
      <c r="I3163" s="28">
        <v>2027</v>
      </c>
      <c r="J3163" s="21" t="s">
        <v>51</v>
      </c>
      <c r="K3163" s="24"/>
      <c r="L3163" s="32"/>
      <c r="M3163" s="24"/>
      <c r="N3163">
        <v>0</v>
      </c>
    </row>
    <row r="3164" spans="1:14" hidden="1">
      <c r="A3164" s="7" t="s">
        <v>10</v>
      </c>
      <c r="B3164" s="8"/>
      <c r="C3164" s="8" t="s">
        <v>56</v>
      </c>
      <c r="D3164" t="s">
        <v>77</v>
      </c>
      <c r="E3164" s="8" t="s">
        <v>39</v>
      </c>
      <c r="F3164" t="s">
        <v>70</v>
      </c>
      <c r="G3164" t="s">
        <v>78</v>
      </c>
      <c r="H3164" t="s">
        <v>70</v>
      </c>
      <c r="I3164" s="28">
        <v>2028</v>
      </c>
      <c r="J3164" s="21" t="s">
        <v>47</v>
      </c>
      <c r="K3164" s="24"/>
      <c r="L3164" s="32"/>
      <c r="M3164" s="24"/>
      <c r="N3164">
        <v>0</v>
      </c>
    </row>
    <row r="3165" spans="1:14" hidden="1">
      <c r="A3165" s="7" t="s">
        <v>10</v>
      </c>
      <c r="B3165" s="8"/>
      <c r="C3165" s="8" t="s">
        <v>56</v>
      </c>
      <c r="D3165" t="s">
        <v>77</v>
      </c>
      <c r="E3165" s="8" t="s">
        <v>39</v>
      </c>
      <c r="F3165" t="s">
        <v>70</v>
      </c>
      <c r="G3165" t="s">
        <v>78</v>
      </c>
      <c r="H3165" t="s">
        <v>70</v>
      </c>
      <c r="I3165" s="28">
        <v>2028</v>
      </c>
      <c r="J3165" s="21" t="s">
        <v>48</v>
      </c>
      <c r="K3165" s="24"/>
      <c r="L3165" s="32"/>
      <c r="M3165" s="24"/>
      <c r="N3165">
        <v>0</v>
      </c>
    </row>
    <row r="3166" spans="1:14" ht="13" hidden="1" thickBot="1">
      <c r="A3166" s="7" t="s">
        <v>10</v>
      </c>
      <c r="B3166" s="8"/>
      <c r="C3166" s="8" t="s">
        <v>56</v>
      </c>
      <c r="D3166" t="s">
        <v>77</v>
      </c>
      <c r="E3166" s="8" t="s">
        <v>39</v>
      </c>
      <c r="F3166" t="s">
        <v>70</v>
      </c>
      <c r="G3166" t="s">
        <v>78</v>
      </c>
      <c r="H3166" t="s">
        <v>70</v>
      </c>
      <c r="I3166" s="29">
        <v>2028</v>
      </c>
      <c r="J3166" s="30" t="s">
        <v>14</v>
      </c>
      <c r="K3166" s="24">
        <v>3136.4705882352941</v>
      </c>
      <c r="L3166" s="32"/>
      <c r="M3166" s="24"/>
      <c r="N3166">
        <v>0</v>
      </c>
    </row>
    <row r="3167" spans="1:14" hidden="1">
      <c r="A3167" s="7" t="s">
        <v>10</v>
      </c>
      <c r="B3167" s="8"/>
      <c r="C3167" s="8" t="s">
        <v>56</v>
      </c>
      <c r="D3167" t="s">
        <v>77</v>
      </c>
      <c r="E3167" s="8" t="s">
        <v>39</v>
      </c>
      <c r="F3167" t="s">
        <v>70</v>
      </c>
      <c r="G3167" t="s">
        <v>78</v>
      </c>
      <c r="H3167" t="s">
        <v>70</v>
      </c>
      <c r="I3167" s="28">
        <v>2028</v>
      </c>
      <c r="J3167" s="31" t="s">
        <v>49</v>
      </c>
      <c r="K3167" s="24"/>
      <c r="L3167" s="32"/>
      <c r="M3167" s="24"/>
      <c r="N3167">
        <v>0</v>
      </c>
    </row>
    <row r="3168" spans="1:14" hidden="1">
      <c r="A3168" s="7" t="s">
        <v>10</v>
      </c>
      <c r="B3168" s="8"/>
      <c r="C3168" s="8" t="s">
        <v>56</v>
      </c>
      <c r="D3168" t="s">
        <v>77</v>
      </c>
      <c r="E3168" s="8" t="s">
        <v>39</v>
      </c>
      <c r="F3168" t="s">
        <v>70</v>
      </c>
      <c r="G3168" t="s">
        <v>79</v>
      </c>
      <c r="H3168" t="s">
        <v>70</v>
      </c>
      <c r="I3168" s="28">
        <v>2028</v>
      </c>
      <c r="J3168" s="21" t="s">
        <v>15</v>
      </c>
      <c r="K3168" s="24"/>
      <c r="L3168" s="32"/>
      <c r="M3168" s="24"/>
      <c r="N3168">
        <v>0</v>
      </c>
    </row>
    <row r="3169" spans="1:14" hidden="1">
      <c r="A3169" s="7" t="s">
        <v>10</v>
      </c>
      <c r="B3169" s="8"/>
      <c r="C3169" s="8" t="s">
        <v>56</v>
      </c>
      <c r="D3169" t="s">
        <v>77</v>
      </c>
      <c r="E3169" s="8" t="s">
        <v>39</v>
      </c>
      <c r="F3169" t="s">
        <v>70</v>
      </c>
      <c r="G3169" t="s">
        <v>79</v>
      </c>
      <c r="H3169" t="s">
        <v>70</v>
      </c>
      <c r="I3169" s="28">
        <v>2028</v>
      </c>
      <c r="J3169" s="21" t="s">
        <v>50</v>
      </c>
      <c r="K3169" s="24"/>
      <c r="L3169" s="32"/>
      <c r="M3169" s="24"/>
      <c r="N3169">
        <v>0</v>
      </c>
    </row>
    <row r="3170" spans="1:14" hidden="1">
      <c r="A3170" s="7" t="s">
        <v>10</v>
      </c>
      <c r="B3170" s="8"/>
      <c r="C3170" s="8" t="s">
        <v>56</v>
      </c>
      <c r="D3170" t="s">
        <v>77</v>
      </c>
      <c r="E3170" s="8" t="s">
        <v>39</v>
      </c>
      <c r="F3170" t="s">
        <v>70</v>
      </c>
      <c r="G3170" t="s">
        <v>19</v>
      </c>
      <c r="H3170" t="s">
        <v>70</v>
      </c>
      <c r="I3170" s="28">
        <v>2028</v>
      </c>
      <c r="J3170" s="21" t="s">
        <v>19</v>
      </c>
      <c r="K3170" s="24"/>
      <c r="L3170" s="32"/>
      <c r="M3170" s="24"/>
      <c r="N3170">
        <v>0</v>
      </c>
    </row>
    <row r="3171" spans="1:14" hidden="1">
      <c r="A3171" s="7" t="s">
        <v>10</v>
      </c>
      <c r="B3171" s="8"/>
      <c r="C3171" s="8" t="s">
        <v>56</v>
      </c>
      <c r="D3171" t="s">
        <v>77</v>
      </c>
      <c r="E3171" s="8" t="s">
        <v>39</v>
      </c>
      <c r="F3171" t="s">
        <v>70</v>
      </c>
      <c r="G3171" t="s">
        <v>78</v>
      </c>
      <c r="H3171" t="s">
        <v>70</v>
      </c>
      <c r="I3171" s="28">
        <v>2028</v>
      </c>
      <c r="J3171" s="21" t="s">
        <v>21</v>
      </c>
      <c r="K3171" s="24"/>
      <c r="L3171" s="32"/>
      <c r="M3171" s="24"/>
      <c r="N3171">
        <v>0</v>
      </c>
    </row>
    <row r="3172" spans="1:14" hidden="1">
      <c r="A3172" s="7" t="s">
        <v>10</v>
      </c>
      <c r="B3172" s="8"/>
      <c r="C3172" s="8" t="s">
        <v>56</v>
      </c>
      <c r="D3172" t="s">
        <v>77</v>
      </c>
      <c r="E3172" s="8" t="s">
        <v>39</v>
      </c>
      <c r="F3172" t="s">
        <v>70</v>
      </c>
      <c r="G3172" t="s">
        <v>78</v>
      </c>
      <c r="H3172" t="s">
        <v>70</v>
      </c>
      <c r="I3172" s="28">
        <v>2028</v>
      </c>
      <c r="J3172" s="21" t="s">
        <v>51</v>
      </c>
      <c r="K3172" s="24"/>
      <c r="L3172" s="32"/>
      <c r="M3172" s="24"/>
      <c r="N3172">
        <v>0</v>
      </c>
    </row>
    <row r="3173" spans="1:14" hidden="1">
      <c r="A3173" s="7" t="s">
        <v>10</v>
      </c>
      <c r="B3173" s="8"/>
      <c r="C3173" s="8" t="s">
        <v>56</v>
      </c>
      <c r="D3173" t="s">
        <v>77</v>
      </c>
      <c r="E3173" s="8" t="s">
        <v>39</v>
      </c>
      <c r="F3173" t="s">
        <v>70</v>
      </c>
      <c r="G3173" t="s">
        <v>78</v>
      </c>
      <c r="H3173" t="s">
        <v>70</v>
      </c>
      <c r="I3173" s="28">
        <v>2029</v>
      </c>
      <c r="J3173" s="21" t="s">
        <v>47</v>
      </c>
      <c r="K3173" s="24"/>
      <c r="L3173" s="32"/>
      <c r="M3173" s="24"/>
      <c r="N3173">
        <v>0</v>
      </c>
    </row>
    <row r="3174" spans="1:14" hidden="1">
      <c r="A3174" s="7" t="s">
        <v>10</v>
      </c>
      <c r="B3174" s="8"/>
      <c r="C3174" s="8" t="s">
        <v>56</v>
      </c>
      <c r="D3174" t="s">
        <v>77</v>
      </c>
      <c r="E3174" s="8" t="s">
        <v>39</v>
      </c>
      <c r="F3174" t="s">
        <v>70</v>
      </c>
      <c r="G3174" t="s">
        <v>78</v>
      </c>
      <c r="H3174" t="s">
        <v>70</v>
      </c>
      <c r="I3174" s="28">
        <v>2029</v>
      </c>
      <c r="J3174" s="21" t="s">
        <v>48</v>
      </c>
      <c r="K3174" s="24"/>
      <c r="L3174" s="32"/>
      <c r="M3174" s="24"/>
      <c r="N3174">
        <v>0</v>
      </c>
    </row>
    <row r="3175" spans="1:14" ht="13" hidden="1" thickBot="1">
      <c r="A3175" s="7" t="s">
        <v>10</v>
      </c>
      <c r="B3175" s="8"/>
      <c r="C3175" s="8" t="s">
        <v>56</v>
      </c>
      <c r="D3175" t="s">
        <v>77</v>
      </c>
      <c r="E3175" s="8" t="s">
        <v>39</v>
      </c>
      <c r="F3175" t="s">
        <v>70</v>
      </c>
      <c r="G3175" t="s">
        <v>78</v>
      </c>
      <c r="H3175" t="s">
        <v>70</v>
      </c>
      <c r="I3175" s="29">
        <v>2029</v>
      </c>
      <c r="J3175" s="30" t="s">
        <v>14</v>
      </c>
      <c r="K3175" s="24">
        <v>4044.7058823529414</v>
      </c>
      <c r="L3175" s="32"/>
      <c r="M3175" s="24"/>
      <c r="N3175">
        <v>0</v>
      </c>
    </row>
    <row r="3176" spans="1:14" hidden="1">
      <c r="A3176" s="7" t="s">
        <v>10</v>
      </c>
      <c r="B3176" s="8"/>
      <c r="C3176" s="8" t="s">
        <v>56</v>
      </c>
      <c r="D3176" t="s">
        <v>77</v>
      </c>
      <c r="E3176" s="8" t="s">
        <v>39</v>
      </c>
      <c r="F3176" t="s">
        <v>70</v>
      </c>
      <c r="G3176" t="s">
        <v>78</v>
      </c>
      <c r="H3176" t="s">
        <v>70</v>
      </c>
      <c r="I3176" s="28">
        <v>2029</v>
      </c>
      <c r="J3176" s="21" t="s">
        <v>49</v>
      </c>
      <c r="K3176" s="24"/>
      <c r="L3176" s="32"/>
      <c r="M3176" s="24"/>
      <c r="N3176">
        <v>0</v>
      </c>
    </row>
    <row r="3177" spans="1:14" hidden="1">
      <c r="A3177" s="7" t="s">
        <v>10</v>
      </c>
      <c r="B3177" s="8"/>
      <c r="C3177" s="8" t="s">
        <v>56</v>
      </c>
      <c r="D3177" t="s">
        <v>77</v>
      </c>
      <c r="E3177" s="8" t="s">
        <v>39</v>
      </c>
      <c r="F3177" t="s">
        <v>70</v>
      </c>
      <c r="G3177" t="s">
        <v>79</v>
      </c>
      <c r="H3177" t="s">
        <v>70</v>
      </c>
      <c r="I3177" s="28">
        <v>2029</v>
      </c>
      <c r="J3177" s="21" t="s">
        <v>15</v>
      </c>
      <c r="K3177" s="24"/>
      <c r="L3177" s="32"/>
      <c r="M3177" s="24"/>
      <c r="N3177">
        <v>0</v>
      </c>
    </row>
    <row r="3178" spans="1:14" hidden="1">
      <c r="A3178" s="7" t="s">
        <v>10</v>
      </c>
      <c r="B3178" s="8"/>
      <c r="C3178" s="8" t="s">
        <v>56</v>
      </c>
      <c r="D3178" t="s">
        <v>77</v>
      </c>
      <c r="E3178" s="8" t="s">
        <v>39</v>
      </c>
      <c r="F3178" t="s">
        <v>70</v>
      </c>
      <c r="G3178" t="s">
        <v>79</v>
      </c>
      <c r="H3178" t="s">
        <v>70</v>
      </c>
      <c r="I3178" s="28">
        <v>2029</v>
      </c>
      <c r="J3178" s="21" t="s">
        <v>50</v>
      </c>
      <c r="K3178" s="24"/>
      <c r="L3178" s="32"/>
      <c r="M3178" s="24"/>
      <c r="N3178">
        <v>0</v>
      </c>
    </row>
    <row r="3179" spans="1:14" hidden="1">
      <c r="A3179" s="7" t="s">
        <v>10</v>
      </c>
      <c r="B3179" s="8"/>
      <c r="C3179" s="8" t="s">
        <v>56</v>
      </c>
      <c r="D3179" t="s">
        <v>77</v>
      </c>
      <c r="E3179" s="8" t="s">
        <v>39</v>
      </c>
      <c r="F3179" t="s">
        <v>70</v>
      </c>
      <c r="G3179" t="s">
        <v>19</v>
      </c>
      <c r="H3179" t="s">
        <v>70</v>
      </c>
      <c r="I3179" s="28">
        <v>2029</v>
      </c>
      <c r="J3179" s="21" t="s">
        <v>19</v>
      </c>
      <c r="K3179" s="24"/>
      <c r="L3179" s="32"/>
      <c r="M3179" s="24"/>
      <c r="N3179">
        <v>0</v>
      </c>
    </row>
    <row r="3180" spans="1:14" hidden="1">
      <c r="A3180" s="7" t="s">
        <v>10</v>
      </c>
      <c r="B3180" s="8"/>
      <c r="C3180" s="8" t="s">
        <v>56</v>
      </c>
      <c r="D3180" t="s">
        <v>77</v>
      </c>
      <c r="E3180" s="8" t="s">
        <v>39</v>
      </c>
      <c r="F3180" t="s">
        <v>70</v>
      </c>
      <c r="G3180" t="s">
        <v>78</v>
      </c>
      <c r="H3180" t="s">
        <v>70</v>
      </c>
      <c r="I3180" s="28">
        <v>2029</v>
      </c>
      <c r="J3180" s="21" t="s">
        <v>21</v>
      </c>
      <c r="K3180" s="24"/>
      <c r="L3180" s="32"/>
      <c r="M3180" s="24"/>
      <c r="N3180">
        <v>0</v>
      </c>
    </row>
    <row r="3181" spans="1:14" hidden="1">
      <c r="A3181" s="7" t="s">
        <v>10</v>
      </c>
      <c r="B3181" s="8"/>
      <c r="C3181" s="8" t="s">
        <v>56</v>
      </c>
      <c r="D3181" t="s">
        <v>77</v>
      </c>
      <c r="E3181" s="8" t="s">
        <v>39</v>
      </c>
      <c r="F3181" t="s">
        <v>70</v>
      </c>
      <c r="G3181" t="s">
        <v>78</v>
      </c>
      <c r="H3181" t="s">
        <v>70</v>
      </c>
      <c r="I3181" s="28">
        <v>2029</v>
      </c>
      <c r="J3181" s="21" t="s">
        <v>51</v>
      </c>
      <c r="K3181" s="24"/>
      <c r="L3181" s="32"/>
      <c r="M3181" s="24"/>
      <c r="N3181">
        <v>0</v>
      </c>
    </row>
    <row r="3182" spans="1:14" hidden="1">
      <c r="A3182" s="7" t="s">
        <v>10</v>
      </c>
      <c r="B3182" s="8"/>
      <c r="C3182" s="8" t="s">
        <v>56</v>
      </c>
      <c r="D3182" t="s">
        <v>77</v>
      </c>
      <c r="E3182" s="8" t="s">
        <v>39</v>
      </c>
      <c r="F3182" t="s">
        <v>70</v>
      </c>
      <c r="G3182" t="s">
        <v>78</v>
      </c>
      <c r="H3182" t="s">
        <v>70</v>
      </c>
      <c r="I3182" s="28">
        <v>2030</v>
      </c>
      <c r="J3182" s="21" t="s">
        <v>47</v>
      </c>
      <c r="K3182" s="24"/>
      <c r="L3182" s="32"/>
      <c r="M3182" s="24"/>
      <c r="N3182">
        <v>0</v>
      </c>
    </row>
    <row r="3183" spans="1:14" hidden="1">
      <c r="A3183" s="7" t="s">
        <v>10</v>
      </c>
      <c r="B3183" s="8"/>
      <c r="C3183" s="8" t="s">
        <v>56</v>
      </c>
      <c r="D3183" t="s">
        <v>77</v>
      </c>
      <c r="E3183" s="8" t="s">
        <v>39</v>
      </c>
      <c r="F3183" t="s">
        <v>70</v>
      </c>
      <c r="G3183" t="s">
        <v>78</v>
      </c>
      <c r="H3183" t="s">
        <v>70</v>
      </c>
      <c r="I3183" s="28">
        <v>2030</v>
      </c>
      <c r="J3183" s="21" t="s">
        <v>48</v>
      </c>
      <c r="K3183" s="24"/>
      <c r="L3183" s="32"/>
      <c r="M3183" s="24"/>
      <c r="N3183">
        <v>0</v>
      </c>
    </row>
    <row r="3184" spans="1:14" ht="13" hidden="1" thickBot="1">
      <c r="A3184" s="7" t="s">
        <v>10</v>
      </c>
      <c r="B3184" s="8"/>
      <c r="C3184" s="8" t="s">
        <v>56</v>
      </c>
      <c r="D3184" t="s">
        <v>77</v>
      </c>
      <c r="E3184" s="8" t="s">
        <v>39</v>
      </c>
      <c r="F3184" t="s">
        <v>70</v>
      </c>
      <c r="G3184" t="s">
        <v>78</v>
      </c>
      <c r="H3184" t="s">
        <v>70</v>
      </c>
      <c r="I3184" s="29">
        <v>2030</v>
      </c>
      <c r="J3184" s="30" t="s">
        <v>14</v>
      </c>
      <c r="K3184" s="24">
        <v>5716.4705882352946</v>
      </c>
      <c r="L3184" s="32"/>
      <c r="M3184" s="24"/>
      <c r="N3184">
        <v>0</v>
      </c>
    </row>
    <row r="3185" spans="1:14" hidden="1">
      <c r="A3185" s="7" t="s">
        <v>10</v>
      </c>
      <c r="B3185" s="8"/>
      <c r="C3185" s="8" t="s">
        <v>56</v>
      </c>
      <c r="D3185" t="s">
        <v>77</v>
      </c>
      <c r="E3185" s="8" t="s">
        <v>39</v>
      </c>
      <c r="F3185" t="s">
        <v>70</v>
      </c>
      <c r="G3185" t="s">
        <v>78</v>
      </c>
      <c r="H3185" t="s">
        <v>70</v>
      </c>
      <c r="I3185" s="28">
        <v>2030</v>
      </c>
      <c r="J3185" s="31" t="s">
        <v>49</v>
      </c>
      <c r="K3185" s="24"/>
      <c r="L3185" s="32"/>
      <c r="M3185" s="24"/>
      <c r="N3185">
        <v>0</v>
      </c>
    </row>
    <row r="3186" spans="1:14" hidden="1">
      <c r="A3186" s="7" t="s">
        <v>10</v>
      </c>
      <c r="B3186" s="8"/>
      <c r="C3186" s="8" t="s">
        <v>56</v>
      </c>
      <c r="D3186" t="s">
        <v>77</v>
      </c>
      <c r="E3186" s="8" t="s">
        <v>39</v>
      </c>
      <c r="F3186" t="s">
        <v>70</v>
      </c>
      <c r="G3186" t="s">
        <v>79</v>
      </c>
      <c r="H3186" t="s">
        <v>70</v>
      </c>
      <c r="I3186" s="28">
        <v>2030</v>
      </c>
      <c r="J3186" s="21" t="s">
        <v>15</v>
      </c>
      <c r="K3186" s="24"/>
      <c r="L3186" s="32"/>
      <c r="M3186" s="24"/>
      <c r="N3186">
        <v>0</v>
      </c>
    </row>
    <row r="3187" spans="1:14" hidden="1">
      <c r="A3187" s="7" t="s">
        <v>10</v>
      </c>
      <c r="B3187" s="8"/>
      <c r="C3187" s="8" t="s">
        <v>56</v>
      </c>
      <c r="D3187" t="s">
        <v>77</v>
      </c>
      <c r="E3187" s="8" t="s">
        <v>39</v>
      </c>
      <c r="F3187" t="s">
        <v>70</v>
      </c>
      <c r="G3187" t="s">
        <v>79</v>
      </c>
      <c r="H3187" t="s">
        <v>70</v>
      </c>
      <c r="I3187" s="28">
        <v>2030</v>
      </c>
      <c r="J3187" s="21" t="s">
        <v>50</v>
      </c>
      <c r="K3187" s="24"/>
      <c r="L3187" s="32"/>
      <c r="M3187" s="24"/>
      <c r="N3187">
        <v>0</v>
      </c>
    </row>
    <row r="3188" spans="1:14" hidden="1">
      <c r="A3188" s="7" t="s">
        <v>10</v>
      </c>
      <c r="B3188" s="8"/>
      <c r="C3188" s="8" t="s">
        <v>56</v>
      </c>
      <c r="D3188" t="s">
        <v>77</v>
      </c>
      <c r="E3188" s="8" t="s">
        <v>39</v>
      </c>
      <c r="F3188" t="s">
        <v>70</v>
      </c>
      <c r="G3188" t="s">
        <v>19</v>
      </c>
      <c r="H3188" t="s">
        <v>70</v>
      </c>
      <c r="I3188" s="28">
        <v>2030</v>
      </c>
      <c r="J3188" s="21" t="s">
        <v>19</v>
      </c>
      <c r="K3188" s="24"/>
      <c r="L3188" s="32"/>
      <c r="M3188" s="24"/>
      <c r="N3188">
        <v>0</v>
      </c>
    </row>
    <row r="3189" spans="1:14" hidden="1">
      <c r="A3189" s="7" t="s">
        <v>10</v>
      </c>
      <c r="B3189" s="8"/>
      <c r="C3189" s="8" t="s">
        <v>56</v>
      </c>
      <c r="D3189" t="s">
        <v>77</v>
      </c>
      <c r="E3189" s="8" t="s">
        <v>39</v>
      </c>
      <c r="F3189" t="s">
        <v>70</v>
      </c>
      <c r="G3189" t="s">
        <v>78</v>
      </c>
      <c r="H3189" t="s">
        <v>70</v>
      </c>
      <c r="I3189" s="28">
        <v>2030</v>
      </c>
      <c r="J3189" s="21" t="s">
        <v>21</v>
      </c>
      <c r="K3189" s="24"/>
      <c r="L3189" s="32"/>
      <c r="M3189" s="24"/>
      <c r="N3189">
        <v>0</v>
      </c>
    </row>
    <row r="3190" spans="1:14" hidden="1">
      <c r="A3190" s="7" t="s">
        <v>10</v>
      </c>
      <c r="B3190" s="8"/>
      <c r="C3190" s="8" t="s">
        <v>56</v>
      </c>
      <c r="D3190" t="s">
        <v>77</v>
      </c>
      <c r="E3190" s="8" t="s">
        <v>39</v>
      </c>
      <c r="F3190" t="s">
        <v>70</v>
      </c>
      <c r="G3190" t="s">
        <v>78</v>
      </c>
      <c r="H3190" t="s">
        <v>70</v>
      </c>
      <c r="I3190" s="28">
        <v>2030</v>
      </c>
      <c r="J3190" s="21" t="s">
        <v>51</v>
      </c>
      <c r="K3190" s="24"/>
      <c r="L3190" s="32"/>
      <c r="M3190" s="24"/>
      <c r="N3190">
        <v>0</v>
      </c>
    </row>
    <row r="3191" spans="1:14" hidden="1">
      <c r="A3191" s="7" t="s">
        <v>10</v>
      </c>
      <c r="B3191" s="8"/>
      <c r="C3191" s="8" t="s">
        <v>56</v>
      </c>
      <c r="D3191" t="s">
        <v>77</v>
      </c>
      <c r="E3191" s="8" t="s">
        <v>39</v>
      </c>
      <c r="F3191" t="s">
        <v>70</v>
      </c>
      <c r="G3191" t="s">
        <v>78</v>
      </c>
      <c r="H3191" t="s">
        <v>70</v>
      </c>
      <c r="I3191" s="28">
        <v>2031</v>
      </c>
      <c r="J3191" s="21" t="s">
        <v>47</v>
      </c>
      <c r="K3191" s="24"/>
      <c r="L3191" s="32"/>
      <c r="M3191" s="24"/>
      <c r="N3191">
        <v>0</v>
      </c>
    </row>
    <row r="3192" spans="1:14" hidden="1">
      <c r="A3192" s="7" t="s">
        <v>10</v>
      </c>
      <c r="B3192" s="8"/>
      <c r="C3192" s="8" t="s">
        <v>56</v>
      </c>
      <c r="D3192" t="s">
        <v>77</v>
      </c>
      <c r="E3192" s="8" t="s">
        <v>39</v>
      </c>
      <c r="F3192" t="s">
        <v>70</v>
      </c>
      <c r="G3192" t="s">
        <v>78</v>
      </c>
      <c r="H3192" t="s">
        <v>70</v>
      </c>
      <c r="I3192" s="28">
        <v>2031</v>
      </c>
      <c r="J3192" s="21" t="s">
        <v>48</v>
      </c>
      <c r="K3192" s="24"/>
      <c r="L3192" s="32"/>
      <c r="M3192" s="24"/>
      <c r="N3192">
        <v>0</v>
      </c>
    </row>
    <row r="3193" spans="1:14" ht="13" hidden="1" thickBot="1">
      <c r="A3193" s="7" t="s">
        <v>10</v>
      </c>
      <c r="B3193" s="8"/>
      <c r="C3193" s="8" t="s">
        <v>56</v>
      </c>
      <c r="D3193" t="s">
        <v>77</v>
      </c>
      <c r="E3193" s="8" t="s">
        <v>39</v>
      </c>
      <c r="F3193" t="s">
        <v>70</v>
      </c>
      <c r="G3193" t="s">
        <v>78</v>
      </c>
      <c r="H3193" t="s">
        <v>70</v>
      </c>
      <c r="I3193" s="29">
        <v>2031</v>
      </c>
      <c r="J3193" s="30" t="s">
        <v>14</v>
      </c>
      <c r="K3193" s="24">
        <v>5762.3529411764712</v>
      </c>
      <c r="L3193" s="32"/>
      <c r="M3193" s="24"/>
      <c r="N3193">
        <v>0</v>
      </c>
    </row>
    <row r="3194" spans="1:14" hidden="1">
      <c r="A3194" s="7" t="s">
        <v>10</v>
      </c>
      <c r="B3194" s="8"/>
      <c r="C3194" s="8" t="s">
        <v>56</v>
      </c>
      <c r="D3194" t="s">
        <v>77</v>
      </c>
      <c r="E3194" s="8" t="s">
        <v>39</v>
      </c>
      <c r="F3194" t="s">
        <v>70</v>
      </c>
      <c r="G3194" t="s">
        <v>78</v>
      </c>
      <c r="H3194" t="s">
        <v>70</v>
      </c>
      <c r="I3194" s="28">
        <v>2031</v>
      </c>
      <c r="J3194" s="21" t="s">
        <v>49</v>
      </c>
      <c r="K3194" s="24"/>
      <c r="L3194" s="32"/>
      <c r="M3194" s="24"/>
      <c r="N3194">
        <v>0</v>
      </c>
    </row>
    <row r="3195" spans="1:14" hidden="1">
      <c r="A3195" s="7" t="s">
        <v>10</v>
      </c>
      <c r="B3195" s="8"/>
      <c r="C3195" s="8" t="s">
        <v>56</v>
      </c>
      <c r="D3195" t="s">
        <v>77</v>
      </c>
      <c r="E3195" s="8" t="s">
        <v>39</v>
      </c>
      <c r="F3195" t="s">
        <v>70</v>
      </c>
      <c r="G3195" t="s">
        <v>79</v>
      </c>
      <c r="H3195" t="s">
        <v>70</v>
      </c>
      <c r="I3195" s="28">
        <v>2031</v>
      </c>
      <c r="J3195" s="21" t="s">
        <v>15</v>
      </c>
      <c r="K3195" s="24"/>
      <c r="L3195" s="32"/>
      <c r="M3195" s="24"/>
      <c r="N3195">
        <v>0</v>
      </c>
    </row>
    <row r="3196" spans="1:14" hidden="1">
      <c r="A3196" s="7" t="s">
        <v>10</v>
      </c>
      <c r="B3196" s="8"/>
      <c r="C3196" s="8" t="s">
        <v>56</v>
      </c>
      <c r="D3196" t="s">
        <v>77</v>
      </c>
      <c r="E3196" s="8" t="s">
        <v>39</v>
      </c>
      <c r="F3196" t="s">
        <v>70</v>
      </c>
      <c r="G3196" t="s">
        <v>79</v>
      </c>
      <c r="H3196" t="s">
        <v>70</v>
      </c>
      <c r="I3196" s="28">
        <v>2031</v>
      </c>
      <c r="J3196" s="21" t="s">
        <v>50</v>
      </c>
      <c r="K3196" s="24"/>
      <c r="L3196" s="32"/>
      <c r="M3196" s="24"/>
      <c r="N3196">
        <v>0</v>
      </c>
    </row>
    <row r="3197" spans="1:14" hidden="1">
      <c r="A3197" s="7" t="s">
        <v>10</v>
      </c>
      <c r="B3197" s="8"/>
      <c r="C3197" s="8" t="s">
        <v>56</v>
      </c>
      <c r="D3197" t="s">
        <v>77</v>
      </c>
      <c r="E3197" s="8" t="s">
        <v>39</v>
      </c>
      <c r="F3197" t="s">
        <v>70</v>
      </c>
      <c r="G3197" t="s">
        <v>19</v>
      </c>
      <c r="H3197" t="s">
        <v>70</v>
      </c>
      <c r="I3197" s="28">
        <v>2031</v>
      </c>
      <c r="J3197" s="21" t="s">
        <v>19</v>
      </c>
      <c r="K3197" s="24"/>
      <c r="L3197" s="32"/>
      <c r="M3197" s="24"/>
      <c r="N3197">
        <v>0</v>
      </c>
    </row>
    <row r="3198" spans="1:14" hidden="1">
      <c r="A3198" s="7" t="s">
        <v>10</v>
      </c>
      <c r="B3198" s="8"/>
      <c r="C3198" s="8" t="s">
        <v>56</v>
      </c>
      <c r="D3198" t="s">
        <v>77</v>
      </c>
      <c r="E3198" s="8" t="s">
        <v>39</v>
      </c>
      <c r="F3198" t="s">
        <v>70</v>
      </c>
      <c r="G3198" t="s">
        <v>78</v>
      </c>
      <c r="H3198" t="s">
        <v>70</v>
      </c>
      <c r="I3198" s="28">
        <v>2031</v>
      </c>
      <c r="J3198" s="21" t="s">
        <v>21</v>
      </c>
      <c r="K3198" s="24"/>
      <c r="L3198" s="32"/>
      <c r="M3198" s="24"/>
      <c r="N3198">
        <v>0</v>
      </c>
    </row>
    <row r="3199" spans="1:14" hidden="1">
      <c r="A3199" s="7" t="s">
        <v>10</v>
      </c>
      <c r="B3199" s="8"/>
      <c r="C3199" s="8" t="s">
        <v>56</v>
      </c>
      <c r="D3199" t="s">
        <v>77</v>
      </c>
      <c r="E3199" s="8" t="s">
        <v>39</v>
      </c>
      <c r="F3199" t="s">
        <v>70</v>
      </c>
      <c r="G3199" t="s">
        <v>78</v>
      </c>
      <c r="H3199" t="s">
        <v>70</v>
      </c>
      <c r="I3199" s="28">
        <v>2031</v>
      </c>
      <c r="J3199" s="21" t="s">
        <v>51</v>
      </c>
      <c r="K3199" s="24"/>
      <c r="L3199" s="32"/>
      <c r="M3199" s="24"/>
      <c r="N3199">
        <v>0</v>
      </c>
    </row>
    <row r="3200" spans="1:14" hidden="1">
      <c r="A3200" s="7" t="s">
        <v>10</v>
      </c>
      <c r="B3200" s="8"/>
      <c r="C3200" s="8" t="s">
        <v>56</v>
      </c>
      <c r="D3200" t="s">
        <v>77</v>
      </c>
      <c r="E3200" s="8" t="s">
        <v>39</v>
      </c>
      <c r="F3200" t="s">
        <v>70</v>
      </c>
      <c r="G3200" t="s">
        <v>78</v>
      </c>
      <c r="H3200" t="s">
        <v>70</v>
      </c>
      <c r="I3200" s="28">
        <v>2032</v>
      </c>
      <c r="J3200" s="21" t="s">
        <v>47</v>
      </c>
      <c r="K3200" s="24"/>
      <c r="L3200" s="32"/>
      <c r="M3200" s="24"/>
      <c r="N3200">
        <v>0</v>
      </c>
    </row>
    <row r="3201" spans="1:14" hidden="1">
      <c r="A3201" s="7" t="s">
        <v>10</v>
      </c>
      <c r="B3201" s="8"/>
      <c r="C3201" s="8" t="s">
        <v>56</v>
      </c>
      <c r="D3201" t="s">
        <v>77</v>
      </c>
      <c r="E3201" s="8" t="s">
        <v>39</v>
      </c>
      <c r="F3201" t="s">
        <v>70</v>
      </c>
      <c r="G3201" t="s">
        <v>78</v>
      </c>
      <c r="H3201" t="s">
        <v>70</v>
      </c>
      <c r="I3201" s="28">
        <v>2032</v>
      </c>
      <c r="J3201" s="21" t="s">
        <v>48</v>
      </c>
      <c r="K3201" s="24"/>
      <c r="L3201" s="32"/>
      <c r="M3201" s="24"/>
      <c r="N3201">
        <v>0</v>
      </c>
    </row>
    <row r="3202" spans="1:14" ht="13" hidden="1" thickBot="1">
      <c r="A3202" s="7" t="s">
        <v>10</v>
      </c>
      <c r="B3202" s="8"/>
      <c r="C3202" s="8" t="s">
        <v>56</v>
      </c>
      <c r="D3202" t="s">
        <v>77</v>
      </c>
      <c r="E3202" s="8" t="s">
        <v>39</v>
      </c>
      <c r="F3202" t="s">
        <v>70</v>
      </c>
      <c r="G3202" t="s">
        <v>78</v>
      </c>
      <c r="H3202" t="s">
        <v>70</v>
      </c>
      <c r="I3202" s="29">
        <v>2032</v>
      </c>
      <c r="J3202" s="30" t="s">
        <v>14</v>
      </c>
      <c r="K3202" s="24">
        <v>5992.9411764705883</v>
      </c>
      <c r="L3202" s="32"/>
      <c r="M3202" s="24"/>
      <c r="N3202">
        <v>0</v>
      </c>
    </row>
    <row r="3203" spans="1:14" hidden="1">
      <c r="A3203" s="7" t="s">
        <v>10</v>
      </c>
      <c r="B3203" s="8"/>
      <c r="C3203" s="8" t="s">
        <v>56</v>
      </c>
      <c r="D3203" t="s">
        <v>77</v>
      </c>
      <c r="E3203" s="8" t="s">
        <v>39</v>
      </c>
      <c r="F3203" t="s">
        <v>70</v>
      </c>
      <c r="G3203" t="s">
        <v>78</v>
      </c>
      <c r="H3203" t="s">
        <v>70</v>
      </c>
      <c r="I3203" s="28">
        <v>2032</v>
      </c>
      <c r="J3203" s="31" t="s">
        <v>49</v>
      </c>
      <c r="K3203" s="24"/>
      <c r="L3203" s="32"/>
      <c r="M3203" s="24"/>
      <c r="N3203">
        <v>0</v>
      </c>
    </row>
    <row r="3204" spans="1:14" hidden="1">
      <c r="A3204" s="7" t="s">
        <v>10</v>
      </c>
      <c r="B3204" s="8"/>
      <c r="C3204" s="8" t="s">
        <v>56</v>
      </c>
      <c r="D3204" t="s">
        <v>77</v>
      </c>
      <c r="E3204" s="8" t="s">
        <v>39</v>
      </c>
      <c r="F3204" t="s">
        <v>70</v>
      </c>
      <c r="G3204" t="s">
        <v>79</v>
      </c>
      <c r="H3204" t="s">
        <v>70</v>
      </c>
      <c r="I3204" s="28">
        <v>2032</v>
      </c>
      <c r="J3204" s="21" t="s">
        <v>15</v>
      </c>
      <c r="K3204" s="24"/>
      <c r="L3204" s="32"/>
      <c r="M3204" s="24"/>
      <c r="N3204">
        <v>0</v>
      </c>
    </row>
    <row r="3205" spans="1:14" hidden="1">
      <c r="A3205" s="7" t="s">
        <v>10</v>
      </c>
      <c r="B3205" s="8"/>
      <c r="C3205" s="8" t="s">
        <v>56</v>
      </c>
      <c r="D3205" t="s">
        <v>77</v>
      </c>
      <c r="E3205" s="8" t="s">
        <v>39</v>
      </c>
      <c r="F3205" t="s">
        <v>70</v>
      </c>
      <c r="G3205" t="s">
        <v>79</v>
      </c>
      <c r="H3205" t="s">
        <v>70</v>
      </c>
      <c r="I3205" s="28">
        <v>2032</v>
      </c>
      <c r="J3205" s="21" t="s">
        <v>50</v>
      </c>
      <c r="K3205" s="24"/>
      <c r="L3205" s="32"/>
      <c r="M3205" s="24"/>
      <c r="N3205">
        <v>0</v>
      </c>
    </row>
    <row r="3206" spans="1:14" hidden="1">
      <c r="A3206" s="7" t="s">
        <v>10</v>
      </c>
      <c r="B3206" s="8"/>
      <c r="C3206" s="8" t="s">
        <v>56</v>
      </c>
      <c r="D3206" t="s">
        <v>77</v>
      </c>
      <c r="E3206" s="8" t="s">
        <v>39</v>
      </c>
      <c r="F3206" t="s">
        <v>70</v>
      </c>
      <c r="G3206" t="s">
        <v>19</v>
      </c>
      <c r="H3206" t="s">
        <v>70</v>
      </c>
      <c r="I3206" s="28">
        <v>2032</v>
      </c>
      <c r="J3206" s="21" t="s">
        <v>19</v>
      </c>
      <c r="K3206" s="24"/>
      <c r="L3206" s="32"/>
      <c r="M3206" s="24"/>
      <c r="N3206">
        <v>0</v>
      </c>
    </row>
    <row r="3207" spans="1:14" hidden="1">
      <c r="A3207" s="7" t="s">
        <v>10</v>
      </c>
      <c r="B3207" s="8"/>
      <c r="C3207" s="8" t="s">
        <v>56</v>
      </c>
      <c r="D3207" t="s">
        <v>77</v>
      </c>
      <c r="E3207" s="8" t="s">
        <v>39</v>
      </c>
      <c r="F3207" t="s">
        <v>70</v>
      </c>
      <c r="G3207" t="s">
        <v>78</v>
      </c>
      <c r="H3207" t="s">
        <v>70</v>
      </c>
      <c r="I3207" s="28">
        <v>2032</v>
      </c>
      <c r="J3207" s="21" t="s">
        <v>21</v>
      </c>
      <c r="K3207" s="24"/>
      <c r="L3207" s="32"/>
      <c r="M3207" s="24"/>
      <c r="N3207">
        <v>0</v>
      </c>
    </row>
    <row r="3208" spans="1:14" hidden="1">
      <c r="A3208" s="7" t="s">
        <v>10</v>
      </c>
      <c r="B3208" s="8"/>
      <c r="C3208" s="8" t="s">
        <v>56</v>
      </c>
      <c r="D3208" t="s">
        <v>77</v>
      </c>
      <c r="E3208" s="8" t="s">
        <v>39</v>
      </c>
      <c r="F3208" t="s">
        <v>70</v>
      </c>
      <c r="G3208" t="s">
        <v>78</v>
      </c>
      <c r="H3208" t="s">
        <v>70</v>
      </c>
      <c r="I3208" s="28">
        <v>2032</v>
      </c>
      <c r="J3208" s="21" t="s">
        <v>51</v>
      </c>
      <c r="K3208" s="24"/>
      <c r="L3208" s="32"/>
      <c r="M3208" s="24"/>
      <c r="N3208">
        <v>0</v>
      </c>
    </row>
    <row r="3209" spans="1:14" hidden="1">
      <c r="A3209" s="7" t="s">
        <v>10</v>
      </c>
      <c r="B3209" s="8"/>
      <c r="C3209" s="8" t="s">
        <v>56</v>
      </c>
      <c r="D3209" t="s">
        <v>77</v>
      </c>
      <c r="E3209" s="8" t="s">
        <v>39</v>
      </c>
      <c r="F3209" t="s">
        <v>70</v>
      </c>
      <c r="G3209" t="s">
        <v>78</v>
      </c>
      <c r="H3209" t="s">
        <v>70</v>
      </c>
      <c r="I3209" s="28">
        <v>2033</v>
      </c>
      <c r="J3209" s="21" t="s">
        <v>47</v>
      </c>
      <c r="K3209" s="24"/>
      <c r="L3209" s="32"/>
      <c r="M3209" s="24"/>
      <c r="N3209">
        <v>0</v>
      </c>
    </row>
    <row r="3210" spans="1:14" hidden="1">
      <c r="A3210" s="7" t="s">
        <v>10</v>
      </c>
      <c r="B3210" s="8"/>
      <c r="C3210" s="8" t="s">
        <v>56</v>
      </c>
      <c r="D3210" t="s">
        <v>77</v>
      </c>
      <c r="E3210" s="8" t="s">
        <v>39</v>
      </c>
      <c r="F3210" t="s">
        <v>70</v>
      </c>
      <c r="G3210" t="s">
        <v>78</v>
      </c>
      <c r="H3210" t="s">
        <v>70</v>
      </c>
      <c r="I3210" s="28">
        <v>2033</v>
      </c>
      <c r="J3210" s="21" t="s">
        <v>48</v>
      </c>
      <c r="K3210" s="24"/>
      <c r="L3210" s="32"/>
      <c r="M3210" s="24"/>
      <c r="N3210">
        <v>0</v>
      </c>
    </row>
    <row r="3211" spans="1:14" ht="13" hidden="1" thickBot="1">
      <c r="A3211" s="7" t="s">
        <v>10</v>
      </c>
      <c r="B3211" s="8"/>
      <c r="C3211" s="8" t="s">
        <v>56</v>
      </c>
      <c r="D3211" t="s">
        <v>77</v>
      </c>
      <c r="E3211" s="8" t="s">
        <v>39</v>
      </c>
      <c r="F3211" t="s">
        <v>70</v>
      </c>
      <c r="G3211" t="s">
        <v>78</v>
      </c>
      <c r="H3211" t="s">
        <v>70</v>
      </c>
      <c r="I3211" s="29">
        <v>2033</v>
      </c>
      <c r="J3211" s="30" t="s">
        <v>14</v>
      </c>
      <c r="K3211" s="24">
        <v>5603.5294117647063</v>
      </c>
      <c r="L3211" s="32"/>
      <c r="M3211" s="24"/>
      <c r="N3211">
        <v>0</v>
      </c>
    </row>
    <row r="3212" spans="1:14" hidden="1">
      <c r="A3212" s="7" t="s">
        <v>10</v>
      </c>
      <c r="B3212" s="8"/>
      <c r="C3212" s="8" t="s">
        <v>56</v>
      </c>
      <c r="D3212" t="s">
        <v>77</v>
      </c>
      <c r="E3212" s="8" t="s">
        <v>39</v>
      </c>
      <c r="F3212" t="s">
        <v>70</v>
      </c>
      <c r="G3212" t="s">
        <v>78</v>
      </c>
      <c r="H3212" t="s">
        <v>70</v>
      </c>
      <c r="I3212" s="20">
        <v>2033</v>
      </c>
      <c r="J3212" s="21" t="s">
        <v>49</v>
      </c>
      <c r="K3212" s="24"/>
      <c r="L3212" s="32"/>
      <c r="M3212" s="24"/>
      <c r="N3212">
        <v>0</v>
      </c>
    </row>
    <row r="3213" spans="1:14" hidden="1">
      <c r="A3213" s="7" t="s">
        <v>10</v>
      </c>
      <c r="B3213" s="8"/>
      <c r="C3213" s="8" t="s">
        <v>56</v>
      </c>
      <c r="D3213" t="s">
        <v>77</v>
      </c>
      <c r="E3213" s="8" t="s">
        <v>39</v>
      </c>
      <c r="F3213" t="s">
        <v>70</v>
      </c>
      <c r="G3213" t="s">
        <v>79</v>
      </c>
      <c r="H3213" t="s">
        <v>70</v>
      </c>
      <c r="I3213" s="20">
        <v>2033</v>
      </c>
      <c r="J3213" s="21" t="s">
        <v>15</v>
      </c>
      <c r="K3213" s="24"/>
      <c r="L3213" s="32"/>
      <c r="M3213" s="24"/>
      <c r="N3213">
        <v>0</v>
      </c>
    </row>
    <row r="3214" spans="1:14" hidden="1">
      <c r="A3214" s="7" t="s">
        <v>10</v>
      </c>
      <c r="B3214" s="8"/>
      <c r="C3214" s="8" t="s">
        <v>56</v>
      </c>
      <c r="D3214" t="s">
        <v>77</v>
      </c>
      <c r="E3214" s="8" t="s">
        <v>39</v>
      </c>
      <c r="F3214" t="s">
        <v>70</v>
      </c>
      <c r="G3214" t="s">
        <v>79</v>
      </c>
      <c r="H3214" t="s">
        <v>70</v>
      </c>
      <c r="I3214" s="20">
        <v>2033</v>
      </c>
      <c r="J3214" s="21" t="s">
        <v>50</v>
      </c>
      <c r="K3214" s="24"/>
      <c r="L3214" s="32"/>
      <c r="M3214" s="24"/>
      <c r="N3214">
        <v>0</v>
      </c>
    </row>
    <row r="3215" spans="1:14" hidden="1">
      <c r="A3215" s="7" t="s">
        <v>10</v>
      </c>
      <c r="B3215" s="8"/>
      <c r="C3215" s="8" t="s">
        <v>56</v>
      </c>
      <c r="D3215" t="s">
        <v>77</v>
      </c>
      <c r="E3215" s="8" t="s">
        <v>39</v>
      </c>
      <c r="F3215" t="s">
        <v>70</v>
      </c>
      <c r="G3215" t="s">
        <v>19</v>
      </c>
      <c r="H3215" t="s">
        <v>70</v>
      </c>
      <c r="I3215" s="20">
        <v>2033</v>
      </c>
      <c r="J3215" s="21" t="s">
        <v>19</v>
      </c>
      <c r="K3215" s="24"/>
      <c r="L3215" s="32"/>
      <c r="M3215" s="24"/>
      <c r="N3215">
        <v>0</v>
      </c>
    </row>
    <row r="3216" spans="1:14" hidden="1">
      <c r="A3216" s="7" t="s">
        <v>10</v>
      </c>
      <c r="B3216" s="8"/>
      <c r="C3216" s="8" t="s">
        <v>56</v>
      </c>
      <c r="D3216" t="s">
        <v>77</v>
      </c>
      <c r="E3216" s="8" t="s">
        <v>39</v>
      </c>
      <c r="F3216" t="s">
        <v>70</v>
      </c>
      <c r="G3216" t="s">
        <v>78</v>
      </c>
      <c r="H3216" t="s">
        <v>70</v>
      </c>
      <c r="I3216" s="20">
        <v>2033</v>
      </c>
      <c r="J3216" s="21" t="s">
        <v>21</v>
      </c>
      <c r="K3216" s="24"/>
      <c r="L3216" s="32"/>
      <c r="M3216" s="24"/>
      <c r="N3216">
        <v>0</v>
      </c>
    </row>
    <row r="3217" spans="1:14" hidden="1">
      <c r="A3217" s="7" t="s">
        <v>10</v>
      </c>
      <c r="B3217" s="8"/>
      <c r="C3217" s="8" t="s">
        <v>56</v>
      </c>
      <c r="D3217" t="s">
        <v>77</v>
      </c>
      <c r="E3217" s="8" t="s">
        <v>39</v>
      </c>
      <c r="F3217" t="s">
        <v>70</v>
      </c>
      <c r="G3217" t="s">
        <v>78</v>
      </c>
      <c r="H3217" t="s">
        <v>70</v>
      </c>
      <c r="I3217" s="20">
        <v>2033</v>
      </c>
      <c r="J3217" s="21" t="s">
        <v>51</v>
      </c>
      <c r="K3217" s="24"/>
      <c r="L3217" s="32"/>
      <c r="M3217" s="24"/>
      <c r="N3217">
        <v>0</v>
      </c>
    </row>
    <row r="3218" spans="1:14" hidden="1">
      <c r="A3218" s="7" t="s">
        <v>10</v>
      </c>
      <c r="B3218" s="8"/>
      <c r="C3218" s="8" t="s">
        <v>56</v>
      </c>
      <c r="D3218" t="s">
        <v>77</v>
      </c>
      <c r="E3218" s="8" t="s">
        <v>39</v>
      </c>
      <c r="F3218" t="s">
        <v>70</v>
      </c>
      <c r="G3218" t="s">
        <v>78</v>
      </c>
      <c r="H3218" t="s">
        <v>70</v>
      </c>
      <c r="I3218" s="20">
        <v>2034</v>
      </c>
      <c r="J3218" s="21" t="s">
        <v>47</v>
      </c>
      <c r="K3218" s="24"/>
      <c r="L3218" s="32"/>
      <c r="M3218" s="24"/>
      <c r="N3218">
        <v>0</v>
      </c>
    </row>
    <row r="3219" spans="1:14" hidden="1">
      <c r="A3219" s="7" t="s">
        <v>10</v>
      </c>
      <c r="B3219" s="8"/>
      <c r="C3219" s="8" t="s">
        <v>56</v>
      </c>
      <c r="D3219" t="s">
        <v>77</v>
      </c>
      <c r="E3219" s="8" t="s">
        <v>39</v>
      </c>
      <c r="F3219" t="s">
        <v>70</v>
      </c>
      <c r="G3219" t="s">
        <v>78</v>
      </c>
      <c r="H3219" t="s">
        <v>70</v>
      </c>
      <c r="I3219" s="20">
        <v>2034</v>
      </c>
      <c r="J3219" s="21" t="s">
        <v>48</v>
      </c>
      <c r="K3219" s="24"/>
      <c r="L3219" s="32"/>
      <c r="M3219" s="24"/>
      <c r="N3219">
        <v>0</v>
      </c>
    </row>
    <row r="3220" spans="1:14" ht="13" hidden="1" thickBot="1">
      <c r="A3220" s="7" t="s">
        <v>10</v>
      </c>
      <c r="B3220" s="8"/>
      <c r="C3220" s="8" t="s">
        <v>56</v>
      </c>
      <c r="D3220" t="s">
        <v>77</v>
      </c>
      <c r="E3220" s="8" t="s">
        <v>39</v>
      </c>
      <c r="F3220" t="s">
        <v>70</v>
      </c>
      <c r="G3220" t="s">
        <v>78</v>
      </c>
      <c r="H3220" t="s">
        <v>70</v>
      </c>
      <c r="I3220" s="25">
        <v>2034</v>
      </c>
      <c r="J3220" s="26" t="s">
        <v>14</v>
      </c>
      <c r="K3220" s="33">
        <v>5603.5294117647063</v>
      </c>
      <c r="L3220" s="34"/>
      <c r="M3220" s="27"/>
      <c r="N3220">
        <v>0</v>
      </c>
    </row>
    <row r="3221" spans="1:14" hidden="1">
      <c r="A3221" s="7" t="s">
        <v>10</v>
      </c>
      <c r="B3221" s="8"/>
      <c r="C3221" s="8" t="s">
        <v>56</v>
      </c>
      <c r="D3221" t="s">
        <v>77</v>
      </c>
      <c r="E3221" s="8" t="s">
        <v>39</v>
      </c>
      <c r="F3221" t="s">
        <v>70</v>
      </c>
      <c r="G3221" t="s">
        <v>78</v>
      </c>
      <c r="H3221" t="s">
        <v>70</v>
      </c>
      <c r="I3221" s="28">
        <v>2034</v>
      </c>
      <c r="J3221" s="21" t="s">
        <v>49</v>
      </c>
      <c r="K3221" s="24"/>
      <c r="L3221" s="32"/>
      <c r="M3221" s="24"/>
      <c r="N3221">
        <v>0</v>
      </c>
    </row>
    <row r="3222" spans="1:14" hidden="1">
      <c r="A3222" s="7" t="s">
        <v>10</v>
      </c>
      <c r="B3222" s="8"/>
      <c r="C3222" s="8" t="s">
        <v>56</v>
      </c>
      <c r="D3222" t="s">
        <v>77</v>
      </c>
      <c r="E3222" s="8" t="s">
        <v>39</v>
      </c>
      <c r="F3222" t="s">
        <v>70</v>
      </c>
      <c r="G3222" t="s">
        <v>79</v>
      </c>
      <c r="H3222" t="s">
        <v>70</v>
      </c>
      <c r="I3222" s="28">
        <v>2034</v>
      </c>
      <c r="J3222" s="21" t="s">
        <v>15</v>
      </c>
      <c r="K3222" s="24"/>
      <c r="L3222" s="32"/>
      <c r="M3222" s="24"/>
      <c r="N3222">
        <v>0</v>
      </c>
    </row>
    <row r="3223" spans="1:14" hidden="1">
      <c r="A3223" s="7" t="s">
        <v>10</v>
      </c>
      <c r="B3223" s="8"/>
      <c r="C3223" s="8" t="s">
        <v>56</v>
      </c>
      <c r="D3223" t="s">
        <v>77</v>
      </c>
      <c r="E3223" s="8" t="s">
        <v>39</v>
      </c>
      <c r="F3223" t="s">
        <v>70</v>
      </c>
      <c r="G3223" t="s">
        <v>79</v>
      </c>
      <c r="H3223" t="s">
        <v>70</v>
      </c>
      <c r="I3223" s="28">
        <v>2034</v>
      </c>
      <c r="J3223" s="21" t="s">
        <v>50</v>
      </c>
      <c r="K3223" s="24"/>
      <c r="L3223" s="32"/>
      <c r="M3223" s="24"/>
      <c r="N3223">
        <v>0</v>
      </c>
    </row>
    <row r="3224" spans="1:14" hidden="1">
      <c r="A3224" s="7" t="s">
        <v>10</v>
      </c>
      <c r="B3224" s="8"/>
      <c r="C3224" s="8" t="s">
        <v>56</v>
      </c>
      <c r="D3224" t="s">
        <v>77</v>
      </c>
      <c r="E3224" s="8" t="s">
        <v>39</v>
      </c>
      <c r="F3224" t="s">
        <v>70</v>
      </c>
      <c r="G3224" t="s">
        <v>19</v>
      </c>
      <c r="H3224" t="s">
        <v>70</v>
      </c>
      <c r="I3224" s="28">
        <v>2034</v>
      </c>
      <c r="J3224" s="21" t="s">
        <v>19</v>
      </c>
      <c r="K3224" s="24"/>
      <c r="L3224" s="32"/>
      <c r="M3224" s="24"/>
      <c r="N3224">
        <v>0</v>
      </c>
    </row>
    <row r="3225" spans="1:14" hidden="1">
      <c r="A3225" s="7" t="s">
        <v>10</v>
      </c>
      <c r="B3225" s="8"/>
      <c r="C3225" s="8" t="s">
        <v>56</v>
      </c>
      <c r="D3225" t="s">
        <v>77</v>
      </c>
      <c r="E3225" s="8" t="s">
        <v>39</v>
      </c>
      <c r="F3225" t="s">
        <v>70</v>
      </c>
      <c r="G3225" t="s">
        <v>78</v>
      </c>
      <c r="H3225" t="s">
        <v>70</v>
      </c>
      <c r="I3225" s="28">
        <v>2034</v>
      </c>
      <c r="J3225" s="21" t="s">
        <v>21</v>
      </c>
      <c r="K3225" s="24"/>
      <c r="L3225" s="32"/>
      <c r="M3225" s="24"/>
      <c r="N3225">
        <v>0</v>
      </c>
    </row>
    <row r="3226" spans="1:14" hidden="1">
      <c r="A3226" s="7" t="s">
        <v>10</v>
      </c>
      <c r="B3226" s="8"/>
      <c r="C3226" s="8" t="s">
        <v>56</v>
      </c>
      <c r="D3226" t="s">
        <v>77</v>
      </c>
      <c r="E3226" s="8" t="s">
        <v>39</v>
      </c>
      <c r="F3226" t="s">
        <v>70</v>
      </c>
      <c r="G3226" t="s">
        <v>78</v>
      </c>
      <c r="H3226" t="s">
        <v>70</v>
      </c>
      <c r="I3226" s="28">
        <v>2034</v>
      </c>
      <c r="J3226" s="21" t="s">
        <v>51</v>
      </c>
      <c r="K3226" s="24"/>
      <c r="L3226" s="32"/>
      <c r="M3226" s="24"/>
      <c r="N3226">
        <v>0</v>
      </c>
    </row>
    <row r="3227" spans="1:14" hidden="1">
      <c r="A3227" s="7" t="s">
        <v>10</v>
      </c>
      <c r="B3227" s="8"/>
      <c r="C3227" s="8" t="s">
        <v>54</v>
      </c>
      <c r="D3227" t="s">
        <v>77</v>
      </c>
      <c r="E3227" s="8" t="s">
        <v>36</v>
      </c>
      <c r="F3227" t="s">
        <v>70</v>
      </c>
      <c r="G3227" t="s">
        <v>78</v>
      </c>
      <c r="H3227" t="s">
        <v>70</v>
      </c>
      <c r="I3227" s="28">
        <v>2025</v>
      </c>
      <c r="J3227" s="21" t="s">
        <v>47</v>
      </c>
      <c r="K3227" s="24"/>
      <c r="L3227" s="32"/>
      <c r="M3227" s="24"/>
      <c r="N3227">
        <v>0</v>
      </c>
    </row>
    <row r="3228" spans="1:14" hidden="1">
      <c r="A3228" s="7" t="s">
        <v>10</v>
      </c>
      <c r="B3228" s="8"/>
      <c r="C3228" s="8" t="s">
        <v>54</v>
      </c>
      <c r="D3228" t="s">
        <v>77</v>
      </c>
      <c r="E3228" s="8" t="s">
        <v>36</v>
      </c>
      <c r="F3228" t="s">
        <v>70</v>
      </c>
      <c r="G3228" t="s">
        <v>78</v>
      </c>
      <c r="H3228" t="s">
        <v>70</v>
      </c>
      <c r="I3228" s="28">
        <v>2025</v>
      </c>
      <c r="J3228" s="21" t="s">
        <v>48</v>
      </c>
      <c r="K3228" s="24"/>
      <c r="L3228" s="32"/>
      <c r="M3228" s="24"/>
      <c r="N3228">
        <v>0</v>
      </c>
    </row>
    <row r="3229" spans="1:14" ht="13" hidden="1" thickBot="1">
      <c r="A3229" s="7" t="s">
        <v>10</v>
      </c>
      <c r="B3229" s="8"/>
      <c r="C3229" s="8" t="s">
        <v>54</v>
      </c>
      <c r="D3229" t="s">
        <v>77</v>
      </c>
      <c r="E3229" s="8" t="s">
        <v>36</v>
      </c>
      <c r="F3229" t="s">
        <v>70</v>
      </c>
      <c r="G3229" t="s">
        <v>78</v>
      </c>
      <c r="H3229" t="s">
        <v>70</v>
      </c>
      <c r="I3229" s="29">
        <v>2025</v>
      </c>
      <c r="J3229" s="30" t="s">
        <v>14</v>
      </c>
      <c r="K3229" s="24">
        <v>4063.5294117647059</v>
      </c>
      <c r="L3229" s="32"/>
      <c r="M3229" s="24"/>
      <c r="N3229">
        <v>0</v>
      </c>
    </row>
    <row r="3230" spans="1:14" hidden="1">
      <c r="A3230" s="7" t="s">
        <v>10</v>
      </c>
      <c r="B3230" s="8"/>
      <c r="C3230" s="8" t="s">
        <v>54</v>
      </c>
      <c r="D3230" t="s">
        <v>77</v>
      </c>
      <c r="E3230" s="8" t="s">
        <v>36</v>
      </c>
      <c r="F3230" t="s">
        <v>70</v>
      </c>
      <c r="G3230" t="s">
        <v>78</v>
      </c>
      <c r="H3230" t="s">
        <v>70</v>
      </c>
      <c r="I3230" s="28">
        <v>2025</v>
      </c>
      <c r="J3230" s="31" t="s">
        <v>49</v>
      </c>
      <c r="K3230" s="24"/>
      <c r="L3230" s="32"/>
      <c r="M3230" s="24"/>
      <c r="N3230">
        <v>0</v>
      </c>
    </row>
    <row r="3231" spans="1:14" hidden="1">
      <c r="A3231" s="7" t="s">
        <v>10</v>
      </c>
      <c r="B3231" s="8"/>
      <c r="C3231" s="8" t="s">
        <v>54</v>
      </c>
      <c r="D3231" t="s">
        <v>77</v>
      </c>
      <c r="E3231" s="8" t="s">
        <v>36</v>
      </c>
      <c r="F3231" t="s">
        <v>70</v>
      </c>
      <c r="G3231" t="s">
        <v>79</v>
      </c>
      <c r="H3231" t="s">
        <v>70</v>
      </c>
      <c r="I3231" s="28">
        <v>2025</v>
      </c>
      <c r="J3231" s="21" t="s">
        <v>15</v>
      </c>
      <c r="K3231" s="24"/>
      <c r="L3231" s="32"/>
      <c r="M3231" s="24"/>
      <c r="N3231">
        <v>0</v>
      </c>
    </row>
    <row r="3232" spans="1:14" hidden="1">
      <c r="A3232" s="7" t="s">
        <v>10</v>
      </c>
      <c r="B3232" s="8"/>
      <c r="C3232" s="8" t="s">
        <v>54</v>
      </c>
      <c r="D3232" t="s">
        <v>77</v>
      </c>
      <c r="E3232" s="8" t="s">
        <v>36</v>
      </c>
      <c r="F3232" t="s">
        <v>70</v>
      </c>
      <c r="G3232" t="s">
        <v>79</v>
      </c>
      <c r="H3232" t="s">
        <v>70</v>
      </c>
      <c r="I3232" s="28">
        <v>2025</v>
      </c>
      <c r="J3232" s="21" t="s">
        <v>50</v>
      </c>
      <c r="K3232" s="24"/>
      <c r="L3232" s="32"/>
      <c r="M3232" s="24"/>
      <c r="N3232">
        <v>0</v>
      </c>
    </row>
    <row r="3233" spans="1:14" hidden="1">
      <c r="A3233" s="7" t="s">
        <v>10</v>
      </c>
      <c r="B3233" s="8"/>
      <c r="C3233" s="8" t="s">
        <v>54</v>
      </c>
      <c r="D3233" t="s">
        <v>77</v>
      </c>
      <c r="E3233" s="8" t="s">
        <v>36</v>
      </c>
      <c r="F3233" t="s">
        <v>70</v>
      </c>
      <c r="G3233" t="s">
        <v>19</v>
      </c>
      <c r="H3233" t="s">
        <v>70</v>
      </c>
      <c r="I3233" s="28">
        <v>2025</v>
      </c>
      <c r="J3233" s="21" t="s">
        <v>19</v>
      </c>
      <c r="K3233" s="24"/>
      <c r="L3233" s="32"/>
      <c r="M3233" s="24"/>
      <c r="N3233">
        <v>0</v>
      </c>
    </row>
    <row r="3234" spans="1:14" hidden="1">
      <c r="A3234" s="7" t="s">
        <v>10</v>
      </c>
      <c r="B3234" s="8"/>
      <c r="C3234" s="8" t="s">
        <v>54</v>
      </c>
      <c r="D3234" t="s">
        <v>77</v>
      </c>
      <c r="E3234" s="8" t="s">
        <v>36</v>
      </c>
      <c r="F3234" t="s">
        <v>70</v>
      </c>
      <c r="G3234" t="s">
        <v>78</v>
      </c>
      <c r="H3234" t="s">
        <v>70</v>
      </c>
      <c r="I3234" s="28">
        <v>2025</v>
      </c>
      <c r="J3234" s="21" t="s">
        <v>21</v>
      </c>
      <c r="K3234" s="24"/>
      <c r="L3234" s="32"/>
      <c r="M3234" s="24"/>
      <c r="N3234">
        <v>0</v>
      </c>
    </row>
    <row r="3235" spans="1:14" hidden="1">
      <c r="A3235" s="7" t="s">
        <v>10</v>
      </c>
      <c r="B3235" s="8"/>
      <c r="C3235" s="8" t="s">
        <v>54</v>
      </c>
      <c r="D3235" t="s">
        <v>77</v>
      </c>
      <c r="E3235" s="8" t="s">
        <v>36</v>
      </c>
      <c r="F3235" t="s">
        <v>70</v>
      </c>
      <c r="G3235" t="s">
        <v>78</v>
      </c>
      <c r="H3235" t="s">
        <v>70</v>
      </c>
      <c r="I3235" s="28">
        <v>2025</v>
      </c>
      <c r="J3235" s="21" t="s">
        <v>51</v>
      </c>
      <c r="K3235" s="24"/>
      <c r="L3235" s="32"/>
      <c r="M3235" s="24"/>
      <c r="N3235">
        <v>0</v>
      </c>
    </row>
    <row r="3236" spans="1:14" hidden="1">
      <c r="A3236" s="7" t="s">
        <v>10</v>
      </c>
      <c r="B3236" s="8"/>
      <c r="C3236" s="8" t="s">
        <v>54</v>
      </c>
      <c r="D3236" t="s">
        <v>77</v>
      </c>
      <c r="E3236" s="8" t="s">
        <v>36</v>
      </c>
      <c r="F3236" t="s">
        <v>70</v>
      </c>
      <c r="G3236" t="s">
        <v>78</v>
      </c>
      <c r="H3236" t="s">
        <v>70</v>
      </c>
      <c r="I3236" s="28">
        <v>2026</v>
      </c>
      <c r="J3236" s="21" t="s">
        <v>47</v>
      </c>
      <c r="K3236" s="24"/>
      <c r="L3236" s="32"/>
      <c r="M3236" s="24"/>
      <c r="N3236">
        <v>0</v>
      </c>
    </row>
    <row r="3237" spans="1:14" hidden="1">
      <c r="A3237" s="7" t="s">
        <v>10</v>
      </c>
      <c r="B3237" s="8"/>
      <c r="C3237" s="8" t="s">
        <v>54</v>
      </c>
      <c r="D3237" t="s">
        <v>77</v>
      </c>
      <c r="E3237" s="8" t="s">
        <v>36</v>
      </c>
      <c r="F3237" t="s">
        <v>70</v>
      </c>
      <c r="G3237" t="s">
        <v>78</v>
      </c>
      <c r="H3237" t="s">
        <v>70</v>
      </c>
      <c r="I3237" s="28">
        <v>2026</v>
      </c>
      <c r="J3237" s="21" t="s">
        <v>48</v>
      </c>
      <c r="K3237" s="24"/>
      <c r="L3237" s="32"/>
      <c r="M3237" s="24"/>
      <c r="N3237">
        <v>0</v>
      </c>
    </row>
    <row r="3238" spans="1:14" ht="13" hidden="1" thickBot="1">
      <c r="A3238" s="7" t="s">
        <v>10</v>
      </c>
      <c r="B3238" s="8"/>
      <c r="C3238" s="8" t="s">
        <v>54</v>
      </c>
      <c r="D3238" t="s">
        <v>77</v>
      </c>
      <c r="E3238" s="8" t="s">
        <v>36</v>
      </c>
      <c r="F3238" t="s">
        <v>70</v>
      </c>
      <c r="G3238" t="s">
        <v>78</v>
      </c>
      <c r="H3238" t="s">
        <v>70</v>
      </c>
      <c r="I3238" s="29">
        <v>2026</v>
      </c>
      <c r="J3238" s="30" t="s">
        <v>14</v>
      </c>
      <c r="K3238" s="24">
        <v>4048.2352941176473</v>
      </c>
      <c r="L3238" s="32"/>
      <c r="M3238" s="24"/>
      <c r="N3238">
        <v>0</v>
      </c>
    </row>
    <row r="3239" spans="1:14" hidden="1">
      <c r="A3239" s="7" t="s">
        <v>10</v>
      </c>
      <c r="B3239" s="8"/>
      <c r="C3239" s="8" t="s">
        <v>54</v>
      </c>
      <c r="D3239" t="s">
        <v>77</v>
      </c>
      <c r="E3239" s="8" t="s">
        <v>36</v>
      </c>
      <c r="F3239" t="s">
        <v>70</v>
      </c>
      <c r="G3239" t="s">
        <v>78</v>
      </c>
      <c r="H3239" t="s">
        <v>70</v>
      </c>
      <c r="I3239" s="28">
        <v>2026</v>
      </c>
      <c r="J3239" s="21" t="s">
        <v>49</v>
      </c>
      <c r="K3239" s="24"/>
      <c r="L3239" s="32"/>
      <c r="M3239" s="24"/>
      <c r="N3239">
        <v>0</v>
      </c>
    </row>
    <row r="3240" spans="1:14" hidden="1">
      <c r="A3240" s="7" t="s">
        <v>10</v>
      </c>
      <c r="B3240" s="8"/>
      <c r="C3240" s="8" t="s">
        <v>54</v>
      </c>
      <c r="D3240" t="s">
        <v>77</v>
      </c>
      <c r="E3240" s="8" t="s">
        <v>36</v>
      </c>
      <c r="F3240" t="s">
        <v>70</v>
      </c>
      <c r="G3240" t="s">
        <v>79</v>
      </c>
      <c r="H3240" t="s">
        <v>70</v>
      </c>
      <c r="I3240" s="28">
        <v>2026</v>
      </c>
      <c r="J3240" s="21" t="s">
        <v>15</v>
      </c>
      <c r="K3240" s="24"/>
      <c r="L3240" s="32"/>
      <c r="M3240" s="24"/>
      <c r="N3240">
        <v>0</v>
      </c>
    </row>
    <row r="3241" spans="1:14" hidden="1">
      <c r="A3241" s="7" t="s">
        <v>10</v>
      </c>
      <c r="B3241" s="8"/>
      <c r="C3241" s="8" t="s">
        <v>54</v>
      </c>
      <c r="D3241" t="s">
        <v>77</v>
      </c>
      <c r="E3241" s="8" t="s">
        <v>36</v>
      </c>
      <c r="F3241" t="s">
        <v>70</v>
      </c>
      <c r="G3241" t="s">
        <v>79</v>
      </c>
      <c r="H3241" t="s">
        <v>70</v>
      </c>
      <c r="I3241" s="28">
        <v>2026</v>
      </c>
      <c r="J3241" s="21" t="s">
        <v>50</v>
      </c>
      <c r="K3241" s="24"/>
      <c r="L3241" s="32"/>
      <c r="M3241" s="24"/>
      <c r="N3241">
        <v>0</v>
      </c>
    </row>
    <row r="3242" spans="1:14" hidden="1">
      <c r="A3242" s="7" t="s">
        <v>10</v>
      </c>
      <c r="B3242" s="8"/>
      <c r="C3242" s="8" t="s">
        <v>54</v>
      </c>
      <c r="D3242" t="s">
        <v>77</v>
      </c>
      <c r="E3242" s="8" t="s">
        <v>36</v>
      </c>
      <c r="F3242" t="s">
        <v>70</v>
      </c>
      <c r="G3242" t="s">
        <v>19</v>
      </c>
      <c r="H3242" t="s">
        <v>70</v>
      </c>
      <c r="I3242" s="28">
        <v>2026</v>
      </c>
      <c r="J3242" s="21" t="s">
        <v>19</v>
      </c>
      <c r="K3242" s="24"/>
      <c r="L3242" s="32"/>
      <c r="M3242" s="24"/>
      <c r="N3242">
        <v>0</v>
      </c>
    </row>
    <row r="3243" spans="1:14" hidden="1">
      <c r="A3243" s="7" t="s">
        <v>10</v>
      </c>
      <c r="B3243" s="8"/>
      <c r="C3243" s="8" t="s">
        <v>54</v>
      </c>
      <c r="D3243" t="s">
        <v>77</v>
      </c>
      <c r="E3243" s="8" t="s">
        <v>36</v>
      </c>
      <c r="F3243" t="s">
        <v>70</v>
      </c>
      <c r="G3243" t="s">
        <v>78</v>
      </c>
      <c r="H3243" t="s">
        <v>70</v>
      </c>
      <c r="I3243" s="28">
        <v>2026</v>
      </c>
      <c r="J3243" s="21" t="s">
        <v>21</v>
      </c>
      <c r="K3243" s="24"/>
      <c r="L3243" s="32"/>
      <c r="M3243" s="24"/>
      <c r="N3243">
        <v>0</v>
      </c>
    </row>
    <row r="3244" spans="1:14" hidden="1">
      <c r="A3244" s="7" t="s">
        <v>10</v>
      </c>
      <c r="B3244" s="8"/>
      <c r="C3244" s="8" t="s">
        <v>54</v>
      </c>
      <c r="D3244" t="s">
        <v>77</v>
      </c>
      <c r="E3244" s="8" t="s">
        <v>36</v>
      </c>
      <c r="F3244" t="s">
        <v>70</v>
      </c>
      <c r="G3244" t="s">
        <v>78</v>
      </c>
      <c r="H3244" t="s">
        <v>70</v>
      </c>
      <c r="I3244" s="28">
        <v>2026</v>
      </c>
      <c r="J3244" s="21" t="s">
        <v>51</v>
      </c>
      <c r="K3244" s="24"/>
      <c r="L3244" s="32"/>
      <c r="M3244" s="24"/>
      <c r="N3244">
        <v>0</v>
      </c>
    </row>
    <row r="3245" spans="1:14" hidden="1">
      <c r="A3245" s="7" t="s">
        <v>10</v>
      </c>
      <c r="B3245" s="8"/>
      <c r="C3245" s="8" t="s">
        <v>54</v>
      </c>
      <c r="D3245" t="s">
        <v>77</v>
      </c>
      <c r="E3245" s="8" t="s">
        <v>36</v>
      </c>
      <c r="F3245" t="s">
        <v>70</v>
      </c>
      <c r="G3245" t="s">
        <v>78</v>
      </c>
      <c r="H3245" t="s">
        <v>70</v>
      </c>
      <c r="I3245" s="28">
        <v>2027</v>
      </c>
      <c r="J3245" s="21" t="s">
        <v>47</v>
      </c>
      <c r="K3245" s="24"/>
      <c r="L3245" s="32"/>
      <c r="M3245" s="24"/>
      <c r="N3245">
        <v>0</v>
      </c>
    </row>
    <row r="3246" spans="1:14" hidden="1">
      <c r="A3246" s="7" t="s">
        <v>10</v>
      </c>
      <c r="B3246" s="8"/>
      <c r="C3246" s="8" t="s">
        <v>54</v>
      </c>
      <c r="D3246" t="s">
        <v>77</v>
      </c>
      <c r="E3246" s="8" t="s">
        <v>36</v>
      </c>
      <c r="F3246" t="s">
        <v>70</v>
      </c>
      <c r="G3246" t="s">
        <v>78</v>
      </c>
      <c r="H3246" t="s">
        <v>70</v>
      </c>
      <c r="I3246" s="28">
        <v>2027</v>
      </c>
      <c r="J3246" s="21" t="s">
        <v>48</v>
      </c>
      <c r="K3246" s="24"/>
      <c r="L3246" s="32"/>
      <c r="M3246" s="24"/>
      <c r="N3246">
        <v>0</v>
      </c>
    </row>
    <row r="3247" spans="1:14" ht="13" hidden="1" thickBot="1">
      <c r="A3247" s="7" t="s">
        <v>10</v>
      </c>
      <c r="B3247" s="8"/>
      <c r="C3247" s="8" t="s">
        <v>54</v>
      </c>
      <c r="D3247" t="s">
        <v>77</v>
      </c>
      <c r="E3247" s="8" t="s">
        <v>36</v>
      </c>
      <c r="F3247" t="s">
        <v>70</v>
      </c>
      <c r="G3247" t="s">
        <v>78</v>
      </c>
      <c r="H3247" t="s">
        <v>70</v>
      </c>
      <c r="I3247" s="29">
        <v>2027</v>
      </c>
      <c r="J3247" s="30" t="s">
        <v>14</v>
      </c>
      <c r="K3247" s="24">
        <v>4120</v>
      </c>
      <c r="L3247" s="32"/>
      <c r="M3247" s="24"/>
      <c r="N3247">
        <v>0</v>
      </c>
    </row>
    <row r="3248" spans="1:14" hidden="1">
      <c r="A3248" s="7" t="s">
        <v>10</v>
      </c>
      <c r="B3248" s="8"/>
      <c r="C3248" s="8" t="s">
        <v>54</v>
      </c>
      <c r="D3248" t="s">
        <v>77</v>
      </c>
      <c r="E3248" s="8" t="s">
        <v>36</v>
      </c>
      <c r="F3248" t="s">
        <v>70</v>
      </c>
      <c r="G3248" t="s">
        <v>78</v>
      </c>
      <c r="H3248" t="s">
        <v>70</v>
      </c>
      <c r="I3248" s="28">
        <v>2027</v>
      </c>
      <c r="J3248" s="31" t="s">
        <v>49</v>
      </c>
      <c r="K3248" s="24"/>
      <c r="L3248" s="32"/>
      <c r="M3248" s="24"/>
      <c r="N3248">
        <v>0</v>
      </c>
    </row>
    <row r="3249" spans="1:14" hidden="1">
      <c r="A3249" s="7" t="s">
        <v>10</v>
      </c>
      <c r="B3249" s="8"/>
      <c r="C3249" s="8" t="s">
        <v>54</v>
      </c>
      <c r="D3249" t="s">
        <v>77</v>
      </c>
      <c r="E3249" s="8" t="s">
        <v>36</v>
      </c>
      <c r="F3249" t="s">
        <v>70</v>
      </c>
      <c r="G3249" t="s">
        <v>79</v>
      </c>
      <c r="H3249" t="s">
        <v>70</v>
      </c>
      <c r="I3249" s="28">
        <v>2027</v>
      </c>
      <c r="J3249" s="21" t="s">
        <v>15</v>
      </c>
      <c r="K3249" s="24"/>
      <c r="L3249" s="32"/>
      <c r="M3249" s="24"/>
      <c r="N3249">
        <v>0</v>
      </c>
    </row>
    <row r="3250" spans="1:14" hidden="1">
      <c r="A3250" s="7" t="s">
        <v>10</v>
      </c>
      <c r="B3250" s="8"/>
      <c r="C3250" s="8" t="s">
        <v>54</v>
      </c>
      <c r="D3250" t="s">
        <v>77</v>
      </c>
      <c r="E3250" s="8" t="s">
        <v>36</v>
      </c>
      <c r="F3250" t="s">
        <v>70</v>
      </c>
      <c r="G3250" t="s">
        <v>79</v>
      </c>
      <c r="H3250" t="s">
        <v>70</v>
      </c>
      <c r="I3250" s="28">
        <v>2027</v>
      </c>
      <c r="J3250" s="21" t="s">
        <v>50</v>
      </c>
      <c r="K3250" s="24"/>
      <c r="L3250" s="32"/>
      <c r="M3250" s="24"/>
      <c r="N3250">
        <v>0</v>
      </c>
    </row>
    <row r="3251" spans="1:14" hidden="1">
      <c r="A3251" s="7" t="s">
        <v>10</v>
      </c>
      <c r="B3251" s="8"/>
      <c r="C3251" s="8" t="s">
        <v>54</v>
      </c>
      <c r="D3251" t="s">
        <v>77</v>
      </c>
      <c r="E3251" s="8" t="s">
        <v>36</v>
      </c>
      <c r="F3251" t="s">
        <v>70</v>
      </c>
      <c r="G3251" t="s">
        <v>19</v>
      </c>
      <c r="H3251" t="s">
        <v>70</v>
      </c>
      <c r="I3251" s="28">
        <v>2027</v>
      </c>
      <c r="J3251" s="21" t="s">
        <v>19</v>
      </c>
      <c r="K3251" s="24"/>
      <c r="L3251" s="32"/>
      <c r="M3251" s="24"/>
      <c r="N3251">
        <v>0</v>
      </c>
    </row>
    <row r="3252" spans="1:14" hidden="1">
      <c r="A3252" s="7" t="s">
        <v>10</v>
      </c>
      <c r="B3252" s="8"/>
      <c r="C3252" s="8" t="s">
        <v>54</v>
      </c>
      <c r="D3252" t="s">
        <v>77</v>
      </c>
      <c r="E3252" s="8" t="s">
        <v>36</v>
      </c>
      <c r="F3252" t="s">
        <v>70</v>
      </c>
      <c r="G3252" t="s">
        <v>78</v>
      </c>
      <c r="H3252" t="s">
        <v>70</v>
      </c>
      <c r="I3252" s="28">
        <v>2027</v>
      </c>
      <c r="J3252" s="21" t="s">
        <v>21</v>
      </c>
      <c r="K3252" s="24"/>
      <c r="L3252" s="32"/>
      <c r="M3252" s="24"/>
      <c r="N3252">
        <v>0</v>
      </c>
    </row>
    <row r="3253" spans="1:14" hidden="1">
      <c r="A3253" s="7" t="s">
        <v>10</v>
      </c>
      <c r="B3253" s="8"/>
      <c r="C3253" s="8" t="s">
        <v>54</v>
      </c>
      <c r="D3253" t="s">
        <v>77</v>
      </c>
      <c r="E3253" s="8" t="s">
        <v>36</v>
      </c>
      <c r="F3253" t="s">
        <v>70</v>
      </c>
      <c r="G3253" t="s">
        <v>78</v>
      </c>
      <c r="H3253" t="s">
        <v>70</v>
      </c>
      <c r="I3253" s="28">
        <v>2027</v>
      </c>
      <c r="J3253" s="21" t="s">
        <v>51</v>
      </c>
      <c r="K3253" s="24"/>
      <c r="L3253" s="32"/>
      <c r="M3253" s="24"/>
      <c r="N3253">
        <v>0</v>
      </c>
    </row>
    <row r="3254" spans="1:14" hidden="1">
      <c r="A3254" s="7" t="s">
        <v>10</v>
      </c>
      <c r="B3254" s="8"/>
      <c r="C3254" s="8" t="s">
        <v>54</v>
      </c>
      <c r="D3254" t="s">
        <v>77</v>
      </c>
      <c r="E3254" s="8" t="s">
        <v>36</v>
      </c>
      <c r="F3254" t="s">
        <v>70</v>
      </c>
      <c r="G3254" t="s">
        <v>78</v>
      </c>
      <c r="H3254" t="s">
        <v>70</v>
      </c>
      <c r="I3254" s="28">
        <v>2028</v>
      </c>
      <c r="J3254" s="21" t="s">
        <v>47</v>
      </c>
      <c r="K3254" s="24"/>
      <c r="L3254" s="32"/>
      <c r="M3254" s="24"/>
      <c r="N3254">
        <v>0</v>
      </c>
    </row>
    <row r="3255" spans="1:14" hidden="1">
      <c r="A3255" s="7" t="s">
        <v>10</v>
      </c>
      <c r="B3255" s="8"/>
      <c r="C3255" s="8" t="s">
        <v>54</v>
      </c>
      <c r="D3255" t="s">
        <v>77</v>
      </c>
      <c r="E3255" s="8" t="s">
        <v>36</v>
      </c>
      <c r="F3255" t="s">
        <v>70</v>
      </c>
      <c r="G3255" t="s">
        <v>78</v>
      </c>
      <c r="H3255" t="s">
        <v>70</v>
      </c>
      <c r="I3255" s="28">
        <v>2028</v>
      </c>
      <c r="J3255" s="21" t="s">
        <v>48</v>
      </c>
      <c r="K3255" s="24"/>
      <c r="L3255" s="32"/>
      <c r="M3255" s="24"/>
      <c r="N3255">
        <v>0</v>
      </c>
    </row>
    <row r="3256" spans="1:14" ht="13" hidden="1" thickBot="1">
      <c r="A3256" s="7" t="s">
        <v>10</v>
      </c>
      <c r="B3256" s="8"/>
      <c r="C3256" s="8" t="s">
        <v>54</v>
      </c>
      <c r="D3256" t="s">
        <v>77</v>
      </c>
      <c r="E3256" s="8" t="s">
        <v>36</v>
      </c>
      <c r="F3256" t="s">
        <v>70</v>
      </c>
      <c r="G3256" t="s">
        <v>78</v>
      </c>
      <c r="H3256" t="s">
        <v>70</v>
      </c>
      <c r="I3256" s="29">
        <v>2028</v>
      </c>
      <c r="J3256" s="30" t="s">
        <v>14</v>
      </c>
      <c r="K3256" s="24">
        <v>6094.1176470588234</v>
      </c>
      <c r="L3256" s="32"/>
      <c r="M3256" s="24"/>
      <c r="N3256">
        <v>0</v>
      </c>
    </row>
    <row r="3257" spans="1:14" hidden="1">
      <c r="A3257" s="7" t="s">
        <v>10</v>
      </c>
      <c r="B3257" s="8"/>
      <c r="C3257" s="8" t="s">
        <v>54</v>
      </c>
      <c r="D3257" t="s">
        <v>77</v>
      </c>
      <c r="E3257" s="8" t="s">
        <v>36</v>
      </c>
      <c r="F3257" t="s">
        <v>70</v>
      </c>
      <c r="G3257" t="s">
        <v>78</v>
      </c>
      <c r="H3257" t="s">
        <v>70</v>
      </c>
      <c r="I3257" s="28">
        <v>2028</v>
      </c>
      <c r="J3257" s="21" t="s">
        <v>49</v>
      </c>
      <c r="K3257" s="24"/>
      <c r="L3257" s="32"/>
      <c r="M3257" s="24"/>
      <c r="N3257">
        <v>0</v>
      </c>
    </row>
    <row r="3258" spans="1:14" hidden="1">
      <c r="A3258" s="7" t="s">
        <v>10</v>
      </c>
      <c r="B3258" s="8"/>
      <c r="C3258" s="8" t="s">
        <v>54</v>
      </c>
      <c r="D3258" t="s">
        <v>77</v>
      </c>
      <c r="E3258" s="8" t="s">
        <v>36</v>
      </c>
      <c r="F3258" t="s">
        <v>70</v>
      </c>
      <c r="G3258" t="s">
        <v>79</v>
      </c>
      <c r="H3258" t="s">
        <v>70</v>
      </c>
      <c r="I3258" s="28">
        <v>2028</v>
      </c>
      <c r="J3258" s="21" t="s">
        <v>15</v>
      </c>
      <c r="K3258" s="24"/>
      <c r="L3258" s="32"/>
      <c r="M3258" s="24"/>
      <c r="N3258">
        <v>0</v>
      </c>
    </row>
    <row r="3259" spans="1:14" hidden="1">
      <c r="A3259" s="7" t="s">
        <v>10</v>
      </c>
      <c r="B3259" s="8"/>
      <c r="C3259" s="8" t="s">
        <v>54</v>
      </c>
      <c r="D3259" t="s">
        <v>77</v>
      </c>
      <c r="E3259" s="8" t="s">
        <v>36</v>
      </c>
      <c r="F3259" t="s">
        <v>70</v>
      </c>
      <c r="G3259" t="s">
        <v>79</v>
      </c>
      <c r="H3259" t="s">
        <v>70</v>
      </c>
      <c r="I3259" s="28">
        <v>2028</v>
      </c>
      <c r="J3259" s="21" t="s">
        <v>50</v>
      </c>
      <c r="K3259" s="24"/>
      <c r="L3259" s="32"/>
      <c r="M3259" s="24"/>
      <c r="N3259">
        <v>0</v>
      </c>
    </row>
    <row r="3260" spans="1:14" hidden="1">
      <c r="A3260" s="7" t="s">
        <v>10</v>
      </c>
      <c r="B3260" s="8"/>
      <c r="C3260" s="8" t="s">
        <v>54</v>
      </c>
      <c r="D3260" t="s">
        <v>77</v>
      </c>
      <c r="E3260" s="8" t="s">
        <v>36</v>
      </c>
      <c r="F3260" t="s">
        <v>70</v>
      </c>
      <c r="G3260" t="s">
        <v>19</v>
      </c>
      <c r="H3260" t="s">
        <v>70</v>
      </c>
      <c r="I3260" s="28">
        <v>2028</v>
      </c>
      <c r="J3260" s="21" t="s">
        <v>19</v>
      </c>
      <c r="K3260" s="24"/>
      <c r="L3260" s="32"/>
      <c r="M3260" s="24"/>
      <c r="N3260">
        <v>0</v>
      </c>
    </row>
    <row r="3261" spans="1:14" hidden="1">
      <c r="A3261" s="7" t="s">
        <v>10</v>
      </c>
      <c r="B3261" s="8"/>
      <c r="C3261" s="8" t="s">
        <v>54</v>
      </c>
      <c r="D3261" t="s">
        <v>77</v>
      </c>
      <c r="E3261" s="8" t="s">
        <v>36</v>
      </c>
      <c r="F3261" t="s">
        <v>70</v>
      </c>
      <c r="G3261" t="s">
        <v>78</v>
      </c>
      <c r="H3261" t="s">
        <v>70</v>
      </c>
      <c r="I3261" s="28">
        <v>2028</v>
      </c>
      <c r="J3261" s="21" t="s">
        <v>21</v>
      </c>
      <c r="K3261" s="24"/>
      <c r="L3261" s="32"/>
      <c r="M3261" s="24"/>
      <c r="N3261">
        <v>0</v>
      </c>
    </row>
    <row r="3262" spans="1:14" hidden="1">
      <c r="A3262" s="7" t="s">
        <v>10</v>
      </c>
      <c r="B3262" s="8"/>
      <c r="C3262" s="8" t="s">
        <v>54</v>
      </c>
      <c r="D3262" t="s">
        <v>77</v>
      </c>
      <c r="E3262" s="8" t="s">
        <v>36</v>
      </c>
      <c r="F3262" t="s">
        <v>70</v>
      </c>
      <c r="G3262" t="s">
        <v>78</v>
      </c>
      <c r="H3262" t="s">
        <v>70</v>
      </c>
      <c r="I3262" s="28">
        <v>2028</v>
      </c>
      <c r="J3262" s="21" t="s">
        <v>51</v>
      </c>
      <c r="K3262" s="24"/>
      <c r="L3262" s="32"/>
      <c r="M3262" s="24"/>
      <c r="N3262">
        <v>0</v>
      </c>
    </row>
    <row r="3263" spans="1:14" hidden="1">
      <c r="A3263" s="7" t="s">
        <v>10</v>
      </c>
      <c r="B3263" s="8"/>
      <c r="C3263" s="8" t="s">
        <v>54</v>
      </c>
      <c r="D3263" t="s">
        <v>77</v>
      </c>
      <c r="E3263" s="8" t="s">
        <v>36</v>
      </c>
      <c r="F3263" t="s">
        <v>70</v>
      </c>
      <c r="G3263" t="s">
        <v>78</v>
      </c>
      <c r="H3263" t="s">
        <v>70</v>
      </c>
      <c r="I3263" s="28">
        <v>2029</v>
      </c>
      <c r="J3263" s="21" t="s">
        <v>47</v>
      </c>
      <c r="K3263" s="24"/>
      <c r="L3263" s="32"/>
      <c r="M3263" s="24"/>
      <c r="N3263">
        <v>0</v>
      </c>
    </row>
    <row r="3264" spans="1:14" hidden="1">
      <c r="A3264" s="7" t="s">
        <v>10</v>
      </c>
      <c r="B3264" s="8"/>
      <c r="C3264" s="8" t="s">
        <v>54</v>
      </c>
      <c r="D3264" t="s">
        <v>77</v>
      </c>
      <c r="E3264" s="8" t="s">
        <v>36</v>
      </c>
      <c r="F3264" t="s">
        <v>70</v>
      </c>
      <c r="G3264" t="s">
        <v>78</v>
      </c>
      <c r="H3264" t="s">
        <v>70</v>
      </c>
      <c r="I3264" s="28">
        <v>2029</v>
      </c>
      <c r="J3264" s="21" t="s">
        <v>48</v>
      </c>
      <c r="K3264" s="24"/>
      <c r="L3264" s="32"/>
      <c r="M3264" s="24"/>
      <c r="N3264">
        <v>0</v>
      </c>
    </row>
    <row r="3265" spans="1:14" ht="13" hidden="1" thickBot="1">
      <c r="A3265" s="7" t="s">
        <v>10</v>
      </c>
      <c r="B3265" s="8"/>
      <c r="C3265" s="8" t="s">
        <v>54</v>
      </c>
      <c r="D3265" t="s">
        <v>77</v>
      </c>
      <c r="E3265" s="8" t="s">
        <v>36</v>
      </c>
      <c r="F3265" t="s">
        <v>70</v>
      </c>
      <c r="G3265" t="s">
        <v>78</v>
      </c>
      <c r="H3265" t="s">
        <v>70</v>
      </c>
      <c r="I3265" s="29">
        <v>2029</v>
      </c>
      <c r="J3265" s="30" t="s">
        <v>14</v>
      </c>
      <c r="K3265" s="24">
        <v>13528.235294117647</v>
      </c>
      <c r="L3265" s="32"/>
      <c r="M3265" s="24"/>
      <c r="N3265">
        <v>0</v>
      </c>
    </row>
    <row r="3266" spans="1:14" hidden="1">
      <c r="A3266" s="7" t="s">
        <v>10</v>
      </c>
      <c r="B3266" s="8"/>
      <c r="C3266" s="8" t="s">
        <v>54</v>
      </c>
      <c r="D3266" t="s">
        <v>77</v>
      </c>
      <c r="E3266" s="8" t="s">
        <v>36</v>
      </c>
      <c r="F3266" t="s">
        <v>70</v>
      </c>
      <c r="G3266" t="s">
        <v>78</v>
      </c>
      <c r="H3266" t="s">
        <v>70</v>
      </c>
      <c r="I3266" s="28">
        <v>2029</v>
      </c>
      <c r="J3266" s="31" t="s">
        <v>49</v>
      </c>
      <c r="K3266" s="24"/>
      <c r="L3266" s="32"/>
      <c r="M3266" s="24"/>
      <c r="N3266">
        <v>0</v>
      </c>
    </row>
    <row r="3267" spans="1:14" hidden="1">
      <c r="A3267" s="7" t="s">
        <v>10</v>
      </c>
      <c r="B3267" s="8"/>
      <c r="C3267" s="8" t="s">
        <v>54</v>
      </c>
      <c r="D3267" t="s">
        <v>77</v>
      </c>
      <c r="E3267" s="8" t="s">
        <v>36</v>
      </c>
      <c r="F3267" t="s">
        <v>70</v>
      </c>
      <c r="G3267" t="s">
        <v>79</v>
      </c>
      <c r="H3267" t="s">
        <v>70</v>
      </c>
      <c r="I3267" s="28">
        <v>2029</v>
      </c>
      <c r="J3267" s="21" t="s">
        <v>15</v>
      </c>
      <c r="K3267" s="24"/>
      <c r="L3267" s="32"/>
      <c r="M3267" s="24"/>
      <c r="N3267">
        <v>0</v>
      </c>
    </row>
    <row r="3268" spans="1:14" hidden="1">
      <c r="A3268" s="7" t="s">
        <v>10</v>
      </c>
      <c r="B3268" s="8"/>
      <c r="C3268" s="8" t="s">
        <v>54</v>
      </c>
      <c r="D3268" t="s">
        <v>77</v>
      </c>
      <c r="E3268" s="8" t="s">
        <v>36</v>
      </c>
      <c r="F3268" t="s">
        <v>70</v>
      </c>
      <c r="G3268" t="s">
        <v>79</v>
      </c>
      <c r="H3268" t="s">
        <v>70</v>
      </c>
      <c r="I3268" s="28">
        <v>2029</v>
      </c>
      <c r="J3268" s="21" t="s">
        <v>50</v>
      </c>
      <c r="K3268" s="24"/>
      <c r="L3268" s="32"/>
      <c r="M3268" s="24"/>
      <c r="N3268">
        <v>0</v>
      </c>
    </row>
    <row r="3269" spans="1:14" hidden="1">
      <c r="A3269" s="7" t="s">
        <v>10</v>
      </c>
      <c r="B3269" s="8"/>
      <c r="C3269" s="8" t="s">
        <v>54</v>
      </c>
      <c r="D3269" t="s">
        <v>77</v>
      </c>
      <c r="E3269" s="8" t="s">
        <v>36</v>
      </c>
      <c r="F3269" t="s">
        <v>70</v>
      </c>
      <c r="G3269" t="s">
        <v>19</v>
      </c>
      <c r="H3269" t="s">
        <v>70</v>
      </c>
      <c r="I3269" s="28">
        <v>2029</v>
      </c>
      <c r="J3269" s="21" t="s">
        <v>19</v>
      </c>
      <c r="K3269" s="24"/>
      <c r="L3269" s="32"/>
      <c r="M3269" s="24"/>
      <c r="N3269">
        <v>0</v>
      </c>
    </row>
    <row r="3270" spans="1:14" hidden="1">
      <c r="A3270" s="7" t="s">
        <v>10</v>
      </c>
      <c r="B3270" s="8"/>
      <c r="C3270" s="8" t="s">
        <v>54</v>
      </c>
      <c r="D3270" t="s">
        <v>77</v>
      </c>
      <c r="E3270" s="8" t="s">
        <v>36</v>
      </c>
      <c r="F3270" t="s">
        <v>70</v>
      </c>
      <c r="G3270" t="s">
        <v>78</v>
      </c>
      <c r="H3270" t="s">
        <v>70</v>
      </c>
      <c r="I3270" s="28">
        <v>2029</v>
      </c>
      <c r="J3270" s="21" t="s">
        <v>21</v>
      </c>
      <c r="K3270" s="24"/>
      <c r="L3270" s="32"/>
      <c r="M3270" s="24"/>
      <c r="N3270">
        <v>0</v>
      </c>
    </row>
    <row r="3271" spans="1:14" hidden="1">
      <c r="A3271" s="7" t="s">
        <v>10</v>
      </c>
      <c r="B3271" s="8"/>
      <c r="C3271" s="8" t="s">
        <v>54</v>
      </c>
      <c r="D3271" t="s">
        <v>77</v>
      </c>
      <c r="E3271" s="8" t="s">
        <v>36</v>
      </c>
      <c r="F3271" t="s">
        <v>70</v>
      </c>
      <c r="G3271" t="s">
        <v>78</v>
      </c>
      <c r="H3271" t="s">
        <v>70</v>
      </c>
      <c r="I3271" s="28">
        <v>2029</v>
      </c>
      <c r="J3271" s="21" t="s">
        <v>51</v>
      </c>
      <c r="K3271" s="24"/>
      <c r="L3271" s="32"/>
      <c r="M3271" s="24"/>
      <c r="N3271">
        <v>0</v>
      </c>
    </row>
    <row r="3272" spans="1:14" hidden="1">
      <c r="A3272" s="7" t="s">
        <v>10</v>
      </c>
      <c r="B3272" s="8"/>
      <c r="C3272" s="8" t="s">
        <v>54</v>
      </c>
      <c r="D3272" t="s">
        <v>77</v>
      </c>
      <c r="E3272" s="8" t="s">
        <v>36</v>
      </c>
      <c r="F3272" t="s">
        <v>70</v>
      </c>
      <c r="G3272" t="s">
        <v>78</v>
      </c>
      <c r="H3272" t="s">
        <v>70</v>
      </c>
      <c r="I3272" s="28">
        <v>2030</v>
      </c>
      <c r="J3272" s="21" t="s">
        <v>47</v>
      </c>
      <c r="K3272" s="24"/>
      <c r="L3272" s="32"/>
      <c r="M3272" s="24"/>
      <c r="N3272">
        <v>0</v>
      </c>
    </row>
    <row r="3273" spans="1:14" hidden="1">
      <c r="A3273" s="7" t="s">
        <v>10</v>
      </c>
      <c r="B3273" s="8"/>
      <c r="C3273" s="8" t="s">
        <v>54</v>
      </c>
      <c r="D3273" t="s">
        <v>77</v>
      </c>
      <c r="E3273" s="8" t="s">
        <v>36</v>
      </c>
      <c r="F3273" t="s">
        <v>70</v>
      </c>
      <c r="G3273" t="s">
        <v>78</v>
      </c>
      <c r="H3273" t="s">
        <v>70</v>
      </c>
      <c r="I3273" s="28">
        <v>2030</v>
      </c>
      <c r="J3273" s="21" t="s">
        <v>48</v>
      </c>
      <c r="K3273" s="24"/>
      <c r="L3273" s="32"/>
      <c r="M3273" s="24"/>
      <c r="N3273">
        <v>0</v>
      </c>
    </row>
    <row r="3274" spans="1:14" ht="13" hidden="1" thickBot="1">
      <c r="A3274" s="7" t="s">
        <v>10</v>
      </c>
      <c r="B3274" s="8"/>
      <c r="C3274" s="8" t="s">
        <v>54</v>
      </c>
      <c r="D3274" t="s">
        <v>77</v>
      </c>
      <c r="E3274" s="8" t="s">
        <v>36</v>
      </c>
      <c r="F3274" t="s">
        <v>70</v>
      </c>
      <c r="G3274" t="s">
        <v>78</v>
      </c>
      <c r="H3274" t="s">
        <v>70</v>
      </c>
      <c r="I3274" s="29">
        <v>2030</v>
      </c>
      <c r="J3274" s="30" t="s">
        <v>14</v>
      </c>
      <c r="K3274" s="24">
        <v>19528.235294117647</v>
      </c>
      <c r="L3274" s="32"/>
      <c r="M3274" s="24"/>
      <c r="N3274">
        <v>0</v>
      </c>
    </row>
    <row r="3275" spans="1:14" hidden="1">
      <c r="A3275" s="7" t="s">
        <v>10</v>
      </c>
      <c r="B3275" s="8"/>
      <c r="C3275" s="8" t="s">
        <v>54</v>
      </c>
      <c r="D3275" t="s">
        <v>77</v>
      </c>
      <c r="E3275" s="8" t="s">
        <v>36</v>
      </c>
      <c r="F3275" t="s">
        <v>70</v>
      </c>
      <c r="G3275" t="s">
        <v>78</v>
      </c>
      <c r="H3275" t="s">
        <v>70</v>
      </c>
      <c r="I3275" s="28">
        <v>2030</v>
      </c>
      <c r="J3275" s="21" t="s">
        <v>49</v>
      </c>
      <c r="K3275" s="24"/>
      <c r="L3275" s="32"/>
      <c r="M3275" s="24"/>
      <c r="N3275">
        <v>0</v>
      </c>
    </row>
    <row r="3276" spans="1:14" hidden="1">
      <c r="A3276" s="7" t="s">
        <v>10</v>
      </c>
      <c r="B3276" s="8"/>
      <c r="C3276" s="8" t="s">
        <v>54</v>
      </c>
      <c r="D3276" t="s">
        <v>77</v>
      </c>
      <c r="E3276" s="8" t="s">
        <v>36</v>
      </c>
      <c r="F3276" t="s">
        <v>70</v>
      </c>
      <c r="G3276" t="s">
        <v>79</v>
      </c>
      <c r="H3276" t="s">
        <v>70</v>
      </c>
      <c r="I3276" s="28">
        <v>2030</v>
      </c>
      <c r="J3276" s="21" t="s">
        <v>15</v>
      </c>
      <c r="K3276" s="24"/>
      <c r="L3276" s="32"/>
      <c r="M3276" s="24"/>
      <c r="N3276">
        <v>0</v>
      </c>
    </row>
    <row r="3277" spans="1:14" hidden="1">
      <c r="A3277" s="7" t="s">
        <v>10</v>
      </c>
      <c r="B3277" s="8"/>
      <c r="C3277" s="8" t="s">
        <v>54</v>
      </c>
      <c r="D3277" t="s">
        <v>77</v>
      </c>
      <c r="E3277" s="8" t="s">
        <v>36</v>
      </c>
      <c r="F3277" t="s">
        <v>70</v>
      </c>
      <c r="G3277" t="s">
        <v>79</v>
      </c>
      <c r="H3277" t="s">
        <v>70</v>
      </c>
      <c r="I3277" s="28">
        <v>2030</v>
      </c>
      <c r="J3277" s="21" t="s">
        <v>50</v>
      </c>
      <c r="K3277" s="24"/>
      <c r="L3277" s="32"/>
      <c r="M3277" s="24"/>
      <c r="N3277">
        <v>0</v>
      </c>
    </row>
    <row r="3278" spans="1:14" hidden="1">
      <c r="A3278" s="7" t="s">
        <v>10</v>
      </c>
      <c r="B3278" s="8"/>
      <c r="C3278" s="8" t="s">
        <v>54</v>
      </c>
      <c r="D3278" t="s">
        <v>77</v>
      </c>
      <c r="E3278" s="8" t="s">
        <v>36</v>
      </c>
      <c r="F3278" t="s">
        <v>70</v>
      </c>
      <c r="G3278" t="s">
        <v>19</v>
      </c>
      <c r="H3278" t="s">
        <v>70</v>
      </c>
      <c r="I3278" s="28">
        <v>2030</v>
      </c>
      <c r="J3278" s="21" t="s">
        <v>19</v>
      </c>
      <c r="K3278" s="24"/>
      <c r="L3278" s="32"/>
      <c r="M3278" s="24"/>
      <c r="N3278">
        <v>0</v>
      </c>
    </row>
    <row r="3279" spans="1:14" hidden="1">
      <c r="A3279" s="7" t="s">
        <v>10</v>
      </c>
      <c r="B3279" s="8"/>
      <c r="C3279" s="8" t="s">
        <v>54</v>
      </c>
      <c r="D3279" t="s">
        <v>77</v>
      </c>
      <c r="E3279" s="8" t="s">
        <v>36</v>
      </c>
      <c r="F3279" t="s">
        <v>70</v>
      </c>
      <c r="G3279" t="s">
        <v>78</v>
      </c>
      <c r="H3279" t="s">
        <v>70</v>
      </c>
      <c r="I3279" s="28">
        <v>2030</v>
      </c>
      <c r="J3279" s="21" t="s">
        <v>21</v>
      </c>
      <c r="K3279" s="24"/>
      <c r="L3279" s="32"/>
      <c r="M3279" s="24"/>
      <c r="N3279">
        <v>0</v>
      </c>
    </row>
    <row r="3280" spans="1:14" hidden="1">
      <c r="A3280" s="7" t="s">
        <v>10</v>
      </c>
      <c r="B3280" s="8"/>
      <c r="C3280" s="8" t="s">
        <v>54</v>
      </c>
      <c r="D3280" t="s">
        <v>77</v>
      </c>
      <c r="E3280" s="8" t="s">
        <v>36</v>
      </c>
      <c r="F3280" t="s">
        <v>70</v>
      </c>
      <c r="G3280" t="s">
        <v>78</v>
      </c>
      <c r="H3280" t="s">
        <v>70</v>
      </c>
      <c r="I3280" s="28">
        <v>2030</v>
      </c>
      <c r="J3280" s="21" t="s">
        <v>51</v>
      </c>
      <c r="K3280" s="24"/>
      <c r="L3280" s="32"/>
      <c r="M3280" s="24"/>
      <c r="N3280">
        <v>0</v>
      </c>
    </row>
    <row r="3281" spans="1:14" hidden="1">
      <c r="A3281" s="7" t="s">
        <v>10</v>
      </c>
      <c r="B3281" s="8"/>
      <c r="C3281" s="8" t="s">
        <v>54</v>
      </c>
      <c r="D3281" t="s">
        <v>77</v>
      </c>
      <c r="E3281" s="8" t="s">
        <v>36</v>
      </c>
      <c r="F3281" t="s">
        <v>70</v>
      </c>
      <c r="G3281" t="s">
        <v>78</v>
      </c>
      <c r="H3281" t="s">
        <v>70</v>
      </c>
      <c r="I3281" s="28">
        <v>2031</v>
      </c>
      <c r="J3281" s="21" t="s">
        <v>47</v>
      </c>
      <c r="K3281" s="24"/>
      <c r="L3281" s="32"/>
      <c r="M3281" s="24"/>
      <c r="N3281">
        <v>0</v>
      </c>
    </row>
    <row r="3282" spans="1:14" hidden="1">
      <c r="A3282" s="7" t="s">
        <v>10</v>
      </c>
      <c r="B3282" s="8"/>
      <c r="C3282" s="8" t="s">
        <v>54</v>
      </c>
      <c r="D3282" t="s">
        <v>77</v>
      </c>
      <c r="E3282" s="8" t="s">
        <v>36</v>
      </c>
      <c r="F3282" t="s">
        <v>70</v>
      </c>
      <c r="G3282" t="s">
        <v>78</v>
      </c>
      <c r="H3282" t="s">
        <v>70</v>
      </c>
      <c r="I3282" s="28">
        <v>2031</v>
      </c>
      <c r="J3282" s="21" t="s">
        <v>48</v>
      </c>
      <c r="K3282" s="24"/>
      <c r="L3282" s="32"/>
      <c r="M3282" s="24"/>
      <c r="N3282">
        <v>0</v>
      </c>
    </row>
    <row r="3283" spans="1:14" ht="13" hidden="1" thickBot="1">
      <c r="A3283" s="7" t="s">
        <v>10</v>
      </c>
      <c r="B3283" s="8"/>
      <c r="C3283" s="8" t="s">
        <v>54</v>
      </c>
      <c r="D3283" t="s">
        <v>77</v>
      </c>
      <c r="E3283" s="8" t="s">
        <v>36</v>
      </c>
      <c r="F3283" t="s">
        <v>70</v>
      </c>
      <c r="G3283" t="s">
        <v>78</v>
      </c>
      <c r="H3283" t="s">
        <v>70</v>
      </c>
      <c r="I3283" s="29">
        <v>2031</v>
      </c>
      <c r="J3283" s="30" t="s">
        <v>14</v>
      </c>
      <c r="K3283" s="24">
        <v>24150.588235294119</v>
      </c>
      <c r="L3283" s="32"/>
      <c r="M3283" s="24"/>
      <c r="N3283">
        <v>0</v>
      </c>
    </row>
    <row r="3284" spans="1:14" hidden="1">
      <c r="A3284" s="7" t="s">
        <v>10</v>
      </c>
      <c r="B3284" s="8"/>
      <c r="C3284" s="8" t="s">
        <v>54</v>
      </c>
      <c r="D3284" t="s">
        <v>77</v>
      </c>
      <c r="E3284" s="8" t="s">
        <v>36</v>
      </c>
      <c r="F3284" t="s">
        <v>70</v>
      </c>
      <c r="G3284" t="s">
        <v>78</v>
      </c>
      <c r="H3284" t="s">
        <v>70</v>
      </c>
      <c r="I3284" s="28">
        <v>2031</v>
      </c>
      <c r="J3284" s="31" t="s">
        <v>49</v>
      </c>
      <c r="K3284" s="24"/>
      <c r="L3284" s="32"/>
      <c r="M3284" s="24"/>
      <c r="N3284">
        <v>0</v>
      </c>
    </row>
    <row r="3285" spans="1:14" hidden="1">
      <c r="A3285" s="7" t="s">
        <v>10</v>
      </c>
      <c r="B3285" s="8"/>
      <c r="C3285" s="8" t="s">
        <v>54</v>
      </c>
      <c r="D3285" t="s">
        <v>77</v>
      </c>
      <c r="E3285" s="8" t="s">
        <v>36</v>
      </c>
      <c r="F3285" t="s">
        <v>70</v>
      </c>
      <c r="G3285" t="s">
        <v>79</v>
      </c>
      <c r="H3285" t="s">
        <v>70</v>
      </c>
      <c r="I3285" s="28">
        <v>2031</v>
      </c>
      <c r="J3285" s="21" t="s">
        <v>15</v>
      </c>
      <c r="K3285" s="24"/>
      <c r="L3285" s="32"/>
      <c r="M3285" s="24"/>
      <c r="N3285">
        <v>0</v>
      </c>
    </row>
    <row r="3286" spans="1:14" hidden="1">
      <c r="A3286" s="7" t="s">
        <v>10</v>
      </c>
      <c r="B3286" s="8"/>
      <c r="C3286" s="8" t="s">
        <v>54</v>
      </c>
      <c r="D3286" t="s">
        <v>77</v>
      </c>
      <c r="E3286" s="8" t="s">
        <v>36</v>
      </c>
      <c r="F3286" t="s">
        <v>70</v>
      </c>
      <c r="G3286" t="s">
        <v>79</v>
      </c>
      <c r="H3286" t="s">
        <v>70</v>
      </c>
      <c r="I3286" s="28">
        <v>2031</v>
      </c>
      <c r="J3286" s="21" t="s">
        <v>50</v>
      </c>
      <c r="K3286" s="24"/>
      <c r="L3286" s="32"/>
      <c r="M3286" s="24"/>
      <c r="N3286">
        <v>0</v>
      </c>
    </row>
    <row r="3287" spans="1:14" hidden="1">
      <c r="A3287" s="7" t="s">
        <v>10</v>
      </c>
      <c r="B3287" s="8"/>
      <c r="C3287" s="8" t="s">
        <v>54</v>
      </c>
      <c r="D3287" t="s">
        <v>77</v>
      </c>
      <c r="E3287" s="8" t="s">
        <v>36</v>
      </c>
      <c r="F3287" t="s">
        <v>70</v>
      </c>
      <c r="G3287" t="s">
        <v>19</v>
      </c>
      <c r="H3287" t="s">
        <v>70</v>
      </c>
      <c r="I3287" s="28">
        <v>2031</v>
      </c>
      <c r="J3287" s="21" t="s">
        <v>19</v>
      </c>
      <c r="K3287" s="24"/>
      <c r="L3287" s="32"/>
      <c r="M3287" s="24"/>
      <c r="N3287">
        <v>0</v>
      </c>
    </row>
    <row r="3288" spans="1:14" hidden="1">
      <c r="A3288" s="7" t="s">
        <v>10</v>
      </c>
      <c r="B3288" s="8"/>
      <c r="C3288" s="8" t="s">
        <v>54</v>
      </c>
      <c r="D3288" t="s">
        <v>77</v>
      </c>
      <c r="E3288" s="8" t="s">
        <v>36</v>
      </c>
      <c r="F3288" t="s">
        <v>70</v>
      </c>
      <c r="G3288" t="s">
        <v>78</v>
      </c>
      <c r="H3288" t="s">
        <v>70</v>
      </c>
      <c r="I3288" s="28">
        <v>2031</v>
      </c>
      <c r="J3288" s="21" t="s">
        <v>21</v>
      </c>
      <c r="K3288" s="24"/>
      <c r="L3288" s="32"/>
      <c r="M3288" s="24"/>
      <c r="N3288">
        <v>0</v>
      </c>
    </row>
    <row r="3289" spans="1:14" hidden="1">
      <c r="A3289" s="7" t="s">
        <v>10</v>
      </c>
      <c r="B3289" s="8"/>
      <c r="C3289" s="8" t="s">
        <v>54</v>
      </c>
      <c r="D3289" t="s">
        <v>77</v>
      </c>
      <c r="E3289" s="8" t="s">
        <v>36</v>
      </c>
      <c r="F3289" t="s">
        <v>70</v>
      </c>
      <c r="G3289" t="s">
        <v>78</v>
      </c>
      <c r="H3289" t="s">
        <v>70</v>
      </c>
      <c r="I3289" s="28">
        <v>2031</v>
      </c>
      <c r="J3289" s="21" t="s">
        <v>51</v>
      </c>
      <c r="K3289" s="24"/>
      <c r="L3289" s="32"/>
      <c r="M3289" s="24"/>
      <c r="N3289">
        <v>0</v>
      </c>
    </row>
    <row r="3290" spans="1:14" hidden="1">
      <c r="A3290" s="7" t="s">
        <v>10</v>
      </c>
      <c r="B3290" s="8"/>
      <c r="C3290" s="8" t="s">
        <v>54</v>
      </c>
      <c r="D3290" t="s">
        <v>77</v>
      </c>
      <c r="E3290" s="8" t="s">
        <v>36</v>
      </c>
      <c r="F3290" t="s">
        <v>70</v>
      </c>
      <c r="G3290" t="s">
        <v>78</v>
      </c>
      <c r="H3290" t="s">
        <v>70</v>
      </c>
      <c r="I3290" s="28">
        <v>2032</v>
      </c>
      <c r="J3290" s="21" t="s">
        <v>47</v>
      </c>
      <c r="K3290" s="24"/>
      <c r="L3290" s="32"/>
      <c r="M3290" s="24"/>
      <c r="N3290">
        <v>0</v>
      </c>
    </row>
    <row r="3291" spans="1:14" hidden="1">
      <c r="A3291" s="7" t="s">
        <v>10</v>
      </c>
      <c r="B3291" s="8"/>
      <c r="C3291" s="8" t="s">
        <v>54</v>
      </c>
      <c r="D3291" t="s">
        <v>77</v>
      </c>
      <c r="E3291" s="8" t="s">
        <v>36</v>
      </c>
      <c r="F3291" t="s">
        <v>70</v>
      </c>
      <c r="G3291" t="s">
        <v>78</v>
      </c>
      <c r="H3291" t="s">
        <v>70</v>
      </c>
      <c r="I3291" s="28">
        <v>2032</v>
      </c>
      <c r="J3291" s="21" t="s">
        <v>48</v>
      </c>
      <c r="K3291" s="24"/>
      <c r="L3291" s="32"/>
      <c r="M3291" s="24"/>
      <c r="N3291">
        <v>0</v>
      </c>
    </row>
    <row r="3292" spans="1:14" ht="13" hidden="1" thickBot="1">
      <c r="A3292" s="7" t="s">
        <v>10</v>
      </c>
      <c r="B3292" s="8"/>
      <c r="C3292" s="8" t="s">
        <v>54</v>
      </c>
      <c r="D3292" t="s">
        <v>77</v>
      </c>
      <c r="E3292" s="8" t="s">
        <v>36</v>
      </c>
      <c r="F3292" t="s">
        <v>70</v>
      </c>
      <c r="G3292" t="s">
        <v>78</v>
      </c>
      <c r="H3292" t="s">
        <v>70</v>
      </c>
      <c r="I3292" s="29">
        <v>2032</v>
      </c>
      <c r="J3292" s="30" t="s">
        <v>14</v>
      </c>
      <c r="K3292" s="24">
        <v>33330.588235294119</v>
      </c>
      <c r="L3292" s="32"/>
      <c r="M3292" s="24"/>
      <c r="N3292">
        <v>0</v>
      </c>
    </row>
    <row r="3293" spans="1:14" hidden="1">
      <c r="A3293" s="7" t="s">
        <v>10</v>
      </c>
      <c r="B3293" s="8"/>
      <c r="C3293" s="8" t="s">
        <v>54</v>
      </c>
      <c r="D3293" t="s">
        <v>77</v>
      </c>
      <c r="E3293" s="8" t="s">
        <v>36</v>
      </c>
      <c r="F3293" t="s">
        <v>70</v>
      </c>
      <c r="G3293" t="s">
        <v>78</v>
      </c>
      <c r="H3293" t="s">
        <v>70</v>
      </c>
      <c r="I3293" s="20">
        <v>2032</v>
      </c>
      <c r="J3293" s="31" t="s">
        <v>49</v>
      </c>
      <c r="K3293" s="22"/>
      <c r="L3293" s="23"/>
      <c r="M3293" s="24"/>
      <c r="N3293">
        <v>0</v>
      </c>
    </row>
    <row r="3294" spans="1:14" hidden="1">
      <c r="A3294" s="7" t="s">
        <v>10</v>
      </c>
      <c r="B3294" s="8"/>
      <c r="C3294" s="8" t="s">
        <v>54</v>
      </c>
      <c r="D3294" t="s">
        <v>77</v>
      </c>
      <c r="E3294" s="8" t="s">
        <v>36</v>
      </c>
      <c r="F3294" t="s">
        <v>70</v>
      </c>
      <c r="G3294" t="s">
        <v>79</v>
      </c>
      <c r="H3294" t="s">
        <v>70</v>
      </c>
      <c r="I3294" s="20">
        <v>2032</v>
      </c>
      <c r="J3294" s="21" t="s">
        <v>15</v>
      </c>
      <c r="K3294" s="24"/>
      <c r="L3294" s="32"/>
      <c r="M3294" s="24"/>
      <c r="N3294">
        <v>0</v>
      </c>
    </row>
    <row r="3295" spans="1:14" hidden="1">
      <c r="A3295" s="7" t="s">
        <v>10</v>
      </c>
      <c r="B3295" s="8"/>
      <c r="C3295" s="8" t="s">
        <v>54</v>
      </c>
      <c r="D3295" t="s">
        <v>77</v>
      </c>
      <c r="E3295" s="8" t="s">
        <v>36</v>
      </c>
      <c r="F3295" t="s">
        <v>70</v>
      </c>
      <c r="G3295" t="s">
        <v>79</v>
      </c>
      <c r="H3295" t="s">
        <v>70</v>
      </c>
      <c r="I3295" s="20">
        <v>2032</v>
      </c>
      <c r="J3295" s="21" t="s">
        <v>50</v>
      </c>
      <c r="K3295" s="24"/>
      <c r="L3295" s="32"/>
      <c r="M3295" s="24"/>
      <c r="N3295">
        <v>0</v>
      </c>
    </row>
    <row r="3296" spans="1:14" hidden="1">
      <c r="A3296" s="7" t="s">
        <v>10</v>
      </c>
      <c r="B3296" s="8"/>
      <c r="C3296" s="8" t="s">
        <v>54</v>
      </c>
      <c r="D3296" t="s">
        <v>77</v>
      </c>
      <c r="E3296" s="8" t="s">
        <v>36</v>
      </c>
      <c r="F3296" t="s">
        <v>70</v>
      </c>
      <c r="G3296" t="s">
        <v>19</v>
      </c>
      <c r="H3296" t="s">
        <v>70</v>
      </c>
      <c r="I3296" s="20">
        <v>2032</v>
      </c>
      <c r="J3296" s="21" t="s">
        <v>19</v>
      </c>
      <c r="K3296" s="24"/>
      <c r="L3296" s="32"/>
      <c r="M3296" s="24"/>
      <c r="N3296">
        <v>0</v>
      </c>
    </row>
    <row r="3297" spans="1:14" hidden="1">
      <c r="A3297" s="7" t="s">
        <v>10</v>
      </c>
      <c r="B3297" s="8"/>
      <c r="C3297" s="8" t="s">
        <v>54</v>
      </c>
      <c r="D3297" t="s">
        <v>77</v>
      </c>
      <c r="E3297" s="8" t="s">
        <v>36</v>
      </c>
      <c r="F3297" t="s">
        <v>70</v>
      </c>
      <c r="G3297" t="s">
        <v>78</v>
      </c>
      <c r="H3297" t="s">
        <v>70</v>
      </c>
      <c r="I3297" s="20">
        <v>2032</v>
      </c>
      <c r="J3297" s="21" t="s">
        <v>21</v>
      </c>
      <c r="K3297" s="24"/>
      <c r="L3297" s="32"/>
      <c r="M3297" s="24"/>
      <c r="N3297">
        <v>0</v>
      </c>
    </row>
    <row r="3298" spans="1:14" hidden="1">
      <c r="A3298" s="7" t="s">
        <v>10</v>
      </c>
      <c r="B3298" s="8"/>
      <c r="C3298" s="8" t="s">
        <v>54</v>
      </c>
      <c r="D3298" t="s">
        <v>77</v>
      </c>
      <c r="E3298" s="8" t="s">
        <v>36</v>
      </c>
      <c r="F3298" t="s">
        <v>70</v>
      </c>
      <c r="G3298" t="s">
        <v>78</v>
      </c>
      <c r="H3298" t="s">
        <v>70</v>
      </c>
      <c r="I3298" s="20">
        <v>2032</v>
      </c>
      <c r="J3298" s="21" t="s">
        <v>51</v>
      </c>
      <c r="K3298" s="24"/>
      <c r="L3298" s="32"/>
      <c r="M3298" s="24"/>
      <c r="N3298">
        <v>0</v>
      </c>
    </row>
    <row r="3299" spans="1:14" hidden="1">
      <c r="A3299" s="7" t="s">
        <v>10</v>
      </c>
      <c r="B3299" s="8"/>
      <c r="C3299" s="8" t="s">
        <v>54</v>
      </c>
      <c r="D3299" t="s">
        <v>77</v>
      </c>
      <c r="E3299" s="8" t="s">
        <v>36</v>
      </c>
      <c r="F3299" t="s">
        <v>70</v>
      </c>
      <c r="G3299" t="s">
        <v>78</v>
      </c>
      <c r="H3299" t="s">
        <v>70</v>
      </c>
      <c r="I3299" s="20">
        <v>2033</v>
      </c>
      <c r="J3299" s="21" t="s">
        <v>47</v>
      </c>
      <c r="K3299" s="24"/>
      <c r="L3299" s="32"/>
      <c r="M3299" s="24"/>
      <c r="N3299">
        <v>0</v>
      </c>
    </row>
    <row r="3300" spans="1:14" hidden="1">
      <c r="A3300" s="7" t="s">
        <v>10</v>
      </c>
      <c r="B3300" s="8"/>
      <c r="C3300" s="8" t="s">
        <v>54</v>
      </c>
      <c r="D3300" t="s">
        <v>77</v>
      </c>
      <c r="E3300" s="8" t="s">
        <v>36</v>
      </c>
      <c r="F3300" t="s">
        <v>70</v>
      </c>
      <c r="G3300" t="s">
        <v>78</v>
      </c>
      <c r="H3300" t="s">
        <v>70</v>
      </c>
      <c r="I3300" s="20">
        <v>2033</v>
      </c>
      <c r="J3300" s="21" t="s">
        <v>48</v>
      </c>
      <c r="K3300" s="24"/>
      <c r="L3300" s="32"/>
      <c r="M3300" s="24"/>
      <c r="N3300">
        <v>0</v>
      </c>
    </row>
    <row r="3301" spans="1:14" ht="13" hidden="1" thickBot="1">
      <c r="A3301" s="7" t="s">
        <v>10</v>
      </c>
      <c r="B3301" s="8"/>
      <c r="C3301" s="8" t="s">
        <v>54</v>
      </c>
      <c r="D3301" t="s">
        <v>77</v>
      </c>
      <c r="E3301" s="8" t="s">
        <v>36</v>
      </c>
      <c r="F3301" t="s">
        <v>70</v>
      </c>
      <c r="G3301" t="s">
        <v>78</v>
      </c>
      <c r="H3301" t="s">
        <v>70</v>
      </c>
      <c r="I3301" s="25">
        <v>2033</v>
      </c>
      <c r="J3301" s="30" t="s">
        <v>14</v>
      </c>
      <c r="K3301" s="35">
        <v>32167.058823529413</v>
      </c>
      <c r="L3301" s="36"/>
      <c r="M3301" s="27"/>
      <c r="N3301">
        <v>0</v>
      </c>
    </row>
    <row r="3302" spans="1:14" hidden="1">
      <c r="A3302" s="7" t="s">
        <v>10</v>
      </c>
      <c r="B3302" s="8"/>
      <c r="C3302" s="8" t="s">
        <v>54</v>
      </c>
      <c r="D3302" t="s">
        <v>77</v>
      </c>
      <c r="E3302" s="8" t="s">
        <v>36</v>
      </c>
      <c r="F3302" t="s">
        <v>70</v>
      </c>
      <c r="G3302" t="s">
        <v>78</v>
      </c>
      <c r="H3302" t="s">
        <v>70</v>
      </c>
      <c r="I3302" s="28">
        <v>2033</v>
      </c>
      <c r="J3302" s="21" t="s">
        <v>49</v>
      </c>
      <c r="K3302" s="24"/>
      <c r="L3302" s="32"/>
      <c r="M3302" s="24"/>
      <c r="N3302">
        <v>0</v>
      </c>
    </row>
    <row r="3303" spans="1:14" hidden="1">
      <c r="A3303" s="7" t="s">
        <v>10</v>
      </c>
      <c r="B3303" s="8"/>
      <c r="C3303" s="8" t="s">
        <v>54</v>
      </c>
      <c r="D3303" t="s">
        <v>77</v>
      </c>
      <c r="E3303" s="8" t="s">
        <v>36</v>
      </c>
      <c r="F3303" t="s">
        <v>70</v>
      </c>
      <c r="G3303" t="s">
        <v>79</v>
      </c>
      <c r="H3303" t="s">
        <v>70</v>
      </c>
      <c r="I3303" s="28">
        <v>2033</v>
      </c>
      <c r="J3303" s="21" t="s">
        <v>15</v>
      </c>
      <c r="K3303" s="24"/>
      <c r="L3303" s="32"/>
      <c r="M3303" s="24"/>
      <c r="N3303">
        <v>0</v>
      </c>
    </row>
    <row r="3304" spans="1:14" hidden="1">
      <c r="A3304" s="7" t="s">
        <v>10</v>
      </c>
      <c r="B3304" s="8"/>
      <c r="C3304" s="8" t="s">
        <v>54</v>
      </c>
      <c r="D3304" t="s">
        <v>77</v>
      </c>
      <c r="E3304" s="8" t="s">
        <v>36</v>
      </c>
      <c r="F3304" t="s">
        <v>70</v>
      </c>
      <c r="G3304" t="s">
        <v>79</v>
      </c>
      <c r="H3304" t="s">
        <v>70</v>
      </c>
      <c r="I3304" s="28">
        <v>2033</v>
      </c>
      <c r="J3304" s="21" t="s">
        <v>50</v>
      </c>
      <c r="K3304" s="24"/>
      <c r="L3304" s="32"/>
      <c r="M3304" s="24"/>
      <c r="N3304">
        <v>0</v>
      </c>
    </row>
    <row r="3305" spans="1:14" hidden="1">
      <c r="A3305" s="7" t="s">
        <v>10</v>
      </c>
      <c r="B3305" s="8"/>
      <c r="C3305" s="8" t="s">
        <v>54</v>
      </c>
      <c r="D3305" t="s">
        <v>77</v>
      </c>
      <c r="E3305" s="8" t="s">
        <v>36</v>
      </c>
      <c r="F3305" t="s">
        <v>70</v>
      </c>
      <c r="G3305" t="s">
        <v>19</v>
      </c>
      <c r="H3305" t="s">
        <v>70</v>
      </c>
      <c r="I3305" s="28">
        <v>2033</v>
      </c>
      <c r="J3305" s="21" t="s">
        <v>19</v>
      </c>
      <c r="K3305" s="24"/>
      <c r="L3305" s="32"/>
      <c r="M3305" s="24"/>
      <c r="N3305">
        <v>0</v>
      </c>
    </row>
    <row r="3306" spans="1:14" hidden="1">
      <c r="A3306" s="7" t="s">
        <v>10</v>
      </c>
      <c r="B3306" s="8"/>
      <c r="C3306" s="8" t="s">
        <v>54</v>
      </c>
      <c r="D3306" t="s">
        <v>77</v>
      </c>
      <c r="E3306" s="8" t="s">
        <v>36</v>
      </c>
      <c r="F3306" t="s">
        <v>70</v>
      </c>
      <c r="G3306" t="s">
        <v>78</v>
      </c>
      <c r="H3306" t="s">
        <v>70</v>
      </c>
      <c r="I3306" s="28">
        <v>2033</v>
      </c>
      <c r="J3306" s="21" t="s">
        <v>21</v>
      </c>
      <c r="K3306" s="24"/>
      <c r="L3306" s="32"/>
      <c r="M3306" s="24"/>
      <c r="N3306">
        <v>0</v>
      </c>
    </row>
    <row r="3307" spans="1:14" hidden="1">
      <c r="A3307" s="7" t="s">
        <v>10</v>
      </c>
      <c r="B3307" s="8"/>
      <c r="C3307" s="8" t="s">
        <v>54</v>
      </c>
      <c r="D3307" t="s">
        <v>77</v>
      </c>
      <c r="E3307" s="8" t="s">
        <v>36</v>
      </c>
      <c r="F3307" t="s">
        <v>70</v>
      </c>
      <c r="G3307" t="s">
        <v>78</v>
      </c>
      <c r="H3307" t="s">
        <v>70</v>
      </c>
      <c r="I3307" s="28">
        <v>2033</v>
      </c>
      <c r="J3307" s="21" t="s">
        <v>51</v>
      </c>
      <c r="K3307" s="24"/>
      <c r="L3307" s="32"/>
      <c r="M3307" s="24"/>
      <c r="N3307">
        <v>0</v>
      </c>
    </row>
    <row r="3308" spans="1:14" hidden="1">
      <c r="A3308" s="7" t="s">
        <v>10</v>
      </c>
      <c r="B3308" s="8"/>
      <c r="C3308" s="8" t="s">
        <v>54</v>
      </c>
      <c r="D3308" t="s">
        <v>77</v>
      </c>
      <c r="E3308" s="8" t="s">
        <v>36</v>
      </c>
      <c r="F3308" t="s">
        <v>70</v>
      </c>
      <c r="G3308" t="s">
        <v>78</v>
      </c>
      <c r="H3308" t="s">
        <v>70</v>
      </c>
      <c r="I3308" s="28">
        <v>2034</v>
      </c>
      <c r="J3308" s="21" t="s">
        <v>47</v>
      </c>
      <c r="K3308" s="24"/>
      <c r="L3308" s="32"/>
      <c r="M3308" s="24"/>
      <c r="N3308">
        <v>0</v>
      </c>
    </row>
    <row r="3309" spans="1:14" hidden="1">
      <c r="A3309" s="7" t="s">
        <v>10</v>
      </c>
      <c r="B3309" s="8"/>
      <c r="C3309" s="8" t="s">
        <v>54</v>
      </c>
      <c r="D3309" t="s">
        <v>77</v>
      </c>
      <c r="E3309" s="8" t="s">
        <v>36</v>
      </c>
      <c r="F3309" t="s">
        <v>70</v>
      </c>
      <c r="G3309" t="s">
        <v>78</v>
      </c>
      <c r="H3309" t="s">
        <v>70</v>
      </c>
      <c r="I3309" s="28">
        <v>2034</v>
      </c>
      <c r="J3309" s="21" t="s">
        <v>48</v>
      </c>
      <c r="K3309" s="24">
        <v>8094</v>
      </c>
      <c r="L3309" s="32"/>
      <c r="M3309" s="24"/>
      <c r="N3309">
        <v>0</v>
      </c>
    </row>
    <row r="3310" spans="1:14" ht="13" hidden="1" thickBot="1">
      <c r="A3310" s="7" t="s">
        <v>10</v>
      </c>
      <c r="B3310" s="8"/>
      <c r="C3310" s="8" t="s">
        <v>54</v>
      </c>
      <c r="D3310" t="s">
        <v>77</v>
      </c>
      <c r="E3310" s="8" t="s">
        <v>36</v>
      </c>
      <c r="F3310" t="s">
        <v>70</v>
      </c>
      <c r="G3310" t="s">
        <v>78</v>
      </c>
      <c r="H3310" t="s">
        <v>70</v>
      </c>
      <c r="I3310" s="29">
        <v>2034</v>
      </c>
      <c r="J3310" s="30" t="s">
        <v>14</v>
      </c>
      <c r="K3310" s="24">
        <v>32167.058823529413</v>
      </c>
      <c r="L3310" s="32"/>
      <c r="M3310" s="24"/>
      <c r="N3310">
        <v>0</v>
      </c>
    </row>
    <row r="3311" spans="1:14" hidden="1">
      <c r="A3311" s="7" t="s">
        <v>10</v>
      </c>
      <c r="B3311" s="8"/>
      <c r="C3311" s="8" t="s">
        <v>54</v>
      </c>
      <c r="D3311" t="s">
        <v>77</v>
      </c>
      <c r="E3311" s="8" t="s">
        <v>36</v>
      </c>
      <c r="F3311" t="s">
        <v>70</v>
      </c>
      <c r="G3311" t="s">
        <v>78</v>
      </c>
      <c r="H3311" t="s">
        <v>70</v>
      </c>
      <c r="I3311" s="28">
        <v>2034</v>
      </c>
      <c r="J3311" s="31" t="s">
        <v>49</v>
      </c>
      <c r="K3311" s="24"/>
      <c r="L3311" s="32"/>
      <c r="M3311" s="24"/>
      <c r="N3311">
        <v>0</v>
      </c>
    </row>
    <row r="3312" spans="1:14" hidden="1">
      <c r="A3312" s="7" t="s">
        <v>10</v>
      </c>
      <c r="B3312" s="8"/>
      <c r="C3312" s="8" t="s">
        <v>54</v>
      </c>
      <c r="D3312" t="s">
        <v>77</v>
      </c>
      <c r="E3312" s="8" t="s">
        <v>36</v>
      </c>
      <c r="F3312" t="s">
        <v>70</v>
      </c>
      <c r="G3312" t="s">
        <v>79</v>
      </c>
      <c r="H3312" t="s">
        <v>70</v>
      </c>
      <c r="I3312" s="28">
        <v>2034</v>
      </c>
      <c r="J3312" s="21" t="s">
        <v>15</v>
      </c>
      <c r="K3312" s="24"/>
      <c r="L3312" s="32"/>
      <c r="M3312" s="24"/>
      <c r="N3312">
        <v>0</v>
      </c>
    </row>
    <row r="3313" spans="1:14" hidden="1">
      <c r="A3313" s="7" t="s">
        <v>10</v>
      </c>
      <c r="B3313" s="8"/>
      <c r="C3313" s="8" t="s">
        <v>54</v>
      </c>
      <c r="D3313" t="s">
        <v>77</v>
      </c>
      <c r="E3313" s="8" t="s">
        <v>36</v>
      </c>
      <c r="F3313" t="s">
        <v>70</v>
      </c>
      <c r="G3313" t="s">
        <v>79</v>
      </c>
      <c r="H3313" t="s">
        <v>70</v>
      </c>
      <c r="I3313" s="28">
        <v>2034</v>
      </c>
      <c r="J3313" s="21" t="s">
        <v>50</v>
      </c>
      <c r="K3313" s="24"/>
      <c r="L3313" s="32"/>
      <c r="M3313" s="24"/>
      <c r="N3313">
        <v>0</v>
      </c>
    </row>
    <row r="3314" spans="1:14" hidden="1">
      <c r="A3314" s="7" t="s">
        <v>10</v>
      </c>
      <c r="B3314" s="8"/>
      <c r="C3314" s="8" t="s">
        <v>54</v>
      </c>
      <c r="D3314" t="s">
        <v>77</v>
      </c>
      <c r="E3314" s="8" t="s">
        <v>36</v>
      </c>
      <c r="F3314" t="s">
        <v>70</v>
      </c>
      <c r="G3314" t="s">
        <v>19</v>
      </c>
      <c r="H3314" t="s">
        <v>70</v>
      </c>
      <c r="I3314" s="28">
        <v>2034</v>
      </c>
      <c r="J3314" s="21" t="s">
        <v>19</v>
      </c>
      <c r="K3314" s="24"/>
      <c r="L3314" s="32"/>
      <c r="M3314" s="24"/>
      <c r="N3314">
        <v>0</v>
      </c>
    </row>
    <row r="3315" spans="1:14" hidden="1">
      <c r="A3315" s="7" t="s">
        <v>10</v>
      </c>
      <c r="B3315" s="8"/>
      <c r="C3315" s="8" t="s">
        <v>54</v>
      </c>
      <c r="D3315" t="s">
        <v>77</v>
      </c>
      <c r="E3315" s="8" t="s">
        <v>36</v>
      </c>
      <c r="F3315" t="s">
        <v>70</v>
      </c>
      <c r="G3315" t="s">
        <v>78</v>
      </c>
      <c r="H3315" t="s">
        <v>70</v>
      </c>
      <c r="I3315" s="28">
        <v>2034</v>
      </c>
      <c r="J3315" s="21" t="s">
        <v>21</v>
      </c>
      <c r="K3315" s="24"/>
      <c r="L3315" s="32"/>
      <c r="M3315" s="24"/>
      <c r="N3315">
        <v>0</v>
      </c>
    </row>
    <row r="3316" spans="1:14" hidden="1">
      <c r="A3316" s="7" t="s">
        <v>10</v>
      </c>
      <c r="B3316" s="8"/>
      <c r="C3316" s="8" t="s">
        <v>54</v>
      </c>
      <c r="D3316" t="s">
        <v>77</v>
      </c>
      <c r="E3316" s="8" t="s">
        <v>36</v>
      </c>
      <c r="F3316" t="s">
        <v>70</v>
      </c>
      <c r="G3316" t="s">
        <v>78</v>
      </c>
      <c r="H3316" t="s">
        <v>70</v>
      </c>
      <c r="I3316" s="28">
        <v>2034</v>
      </c>
      <c r="J3316" s="21" t="s">
        <v>51</v>
      </c>
      <c r="K3316" s="24"/>
      <c r="L3316" s="32"/>
      <c r="M3316" s="24"/>
      <c r="N3316">
        <v>0</v>
      </c>
    </row>
    <row r="3317" spans="1:14">
      <c r="A3317" s="7" t="s">
        <v>10</v>
      </c>
      <c r="B3317" s="8"/>
      <c r="C3317" s="8"/>
      <c r="D3317" t="s">
        <v>77</v>
      </c>
      <c r="E3317" s="8" t="s">
        <v>12</v>
      </c>
      <c r="F3317" t="s">
        <v>72</v>
      </c>
      <c r="G3317" t="s">
        <v>78</v>
      </c>
      <c r="H3317" t="s">
        <v>72</v>
      </c>
      <c r="I3317" s="28">
        <v>2025</v>
      </c>
      <c r="J3317" s="21" t="s">
        <v>47</v>
      </c>
      <c r="K3317" s="24"/>
      <c r="L3317" s="32"/>
      <c r="M3317" s="24"/>
      <c r="N3317">
        <v>0</v>
      </c>
    </row>
    <row r="3318" spans="1:14">
      <c r="A3318" s="7" t="s">
        <v>10</v>
      </c>
      <c r="B3318" s="8"/>
      <c r="C3318" s="8"/>
      <c r="D3318" t="s">
        <v>77</v>
      </c>
      <c r="E3318" s="8" t="s">
        <v>12</v>
      </c>
      <c r="F3318" t="s">
        <v>72</v>
      </c>
      <c r="G3318" t="s">
        <v>78</v>
      </c>
      <c r="H3318" t="s">
        <v>72</v>
      </c>
      <c r="I3318" s="28">
        <v>2025</v>
      </c>
      <c r="J3318" s="21" t="s">
        <v>48</v>
      </c>
      <c r="K3318" s="24"/>
      <c r="L3318" s="32"/>
      <c r="M3318" s="24"/>
      <c r="N3318">
        <v>0</v>
      </c>
    </row>
    <row r="3319" spans="1:14" ht="13" thickBot="1">
      <c r="A3319" s="7" t="s">
        <v>10</v>
      </c>
      <c r="B3319" s="8"/>
      <c r="C3319" s="8"/>
      <c r="D3319" t="s">
        <v>77</v>
      </c>
      <c r="E3319" s="8" t="s">
        <v>12</v>
      </c>
      <c r="F3319" t="s">
        <v>72</v>
      </c>
      <c r="G3319" t="s">
        <v>78</v>
      </c>
      <c r="H3319" t="s">
        <v>72</v>
      </c>
      <c r="I3319" s="29">
        <v>2025</v>
      </c>
      <c r="J3319" s="30" t="s">
        <v>14</v>
      </c>
      <c r="K3319" s="24">
        <v>14152.047058823531</v>
      </c>
      <c r="L3319" s="32"/>
      <c r="M3319" s="24"/>
      <c r="N3319">
        <v>0</v>
      </c>
    </row>
    <row r="3320" spans="1:14">
      <c r="A3320" s="7" t="s">
        <v>10</v>
      </c>
      <c r="B3320" s="8"/>
      <c r="C3320" s="8"/>
      <c r="D3320" t="s">
        <v>77</v>
      </c>
      <c r="E3320" s="8" t="s">
        <v>12</v>
      </c>
      <c r="F3320" t="s">
        <v>72</v>
      </c>
      <c r="G3320" t="s">
        <v>78</v>
      </c>
      <c r="H3320" t="s">
        <v>72</v>
      </c>
      <c r="I3320" s="28">
        <v>2025</v>
      </c>
      <c r="J3320" s="21" t="s">
        <v>49</v>
      </c>
      <c r="K3320" s="24"/>
      <c r="L3320" s="32"/>
      <c r="M3320" s="24"/>
      <c r="N3320">
        <v>0</v>
      </c>
    </row>
    <row r="3321" spans="1:14">
      <c r="A3321" s="7" t="s">
        <v>10</v>
      </c>
      <c r="B3321" s="8"/>
      <c r="C3321" s="8"/>
      <c r="D3321" t="s">
        <v>77</v>
      </c>
      <c r="E3321" s="8" t="s">
        <v>12</v>
      </c>
      <c r="F3321" t="s">
        <v>72</v>
      </c>
      <c r="G3321" t="s">
        <v>79</v>
      </c>
      <c r="H3321" t="s">
        <v>72</v>
      </c>
      <c r="I3321" s="28">
        <v>2025</v>
      </c>
      <c r="J3321" s="21" t="s">
        <v>15</v>
      </c>
      <c r="K3321" s="24"/>
      <c r="L3321" s="32"/>
      <c r="M3321" s="24"/>
      <c r="N3321">
        <v>0</v>
      </c>
    </row>
    <row r="3322" spans="1:14">
      <c r="A3322" s="7" t="s">
        <v>10</v>
      </c>
      <c r="B3322" s="8"/>
      <c r="C3322" s="8"/>
      <c r="D3322" t="s">
        <v>77</v>
      </c>
      <c r="E3322" s="8" t="s">
        <v>12</v>
      </c>
      <c r="F3322" t="s">
        <v>72</v>
      </c>
      <c r="G3322" t="s">
        <v>79</v>
      </c>
      <c r="H3322" t="s">
        <v>72</v>
      </c>
      <c r="I3322" s="28">
        <v>2025</v>
      </c>
      <c r="J3322" s="21" t="s">
        <v>50</v>
      </c>
      <c r="K3322" s="24"/>
      <c r="L3322" s="32"/>
      <c r="M3322" s="24"/>
      <c r="N3322">
        <v>0</v>
      </c>
    </row>
    <row r="3323" spans="1:14">
      <c r="A3323" s="7" t="s">
        <v>10</v>
      </c>
      <c r="B3323" s="8"/>
      <c r="C3323" s="8"/>
      <c r="D3323" t="s">
        <v>77</v>
      </c>
      <c r="E3323" s="8" t="s">
        <v>12</v>
      </c>
      <c r="F3323" t="s">
        <v>72</v>
      </c>
      <c r="G3323" t="s">
        <v>19</v>
      </c>
      <c r="H3323" t="s">
        <v>72</v>
      </c>
      <c r="I3323" s="28">
        <v>2025</v>
      </c>
      <c r="J3323" s="21" t="s">
        <v>19</v>
      </c>
      <c r="K3323" s="24"/>
      <c r="L3323" s="32"/>
      <c r="M3323" s="24"/>
      <c r="N3323">
        <v>0</v>
      </c>
    </row>
    <row r="3324" spans="1:14">
      <c r="A3324" s="7" t="s">
        <v>10</v>
      </c>
      <c r="B3324" s="8"/>
      <c r="C3324" s="8"/>
      <c r="D3324" t="s">
        <v>77</v>
      </c>
      <c r="E3324" s="8" t="s">
        <v>12</v>
      </c>
      <c r="F3324" t="s">
        <v>72</v>
      </c>
      <c r="G3324" t="s">
        <v>78</v>
      </c>
      <c r="H3324" t="s">
        <v>72</v>
      </c>
      <c r="I3324" s="28">
        <v>2025</v>
      </c>
      <c r="J3324" s="21" t="s">
        <v>21</v>
      </c>
      <c r="K3324" s="24"/>
      <c r="L3324" s="32"/>
      <c r="M3324" s="24"/>
      <c r="N3324">
        <v>0</v>
      </c>
    </row>
    <row r="3325" spans="1:14">
      <c r="A3325" s="7" t="s">
        <v>10</v>
      </c>
      <c r="B3325" s="8"/>
      <c r="C3325" s="8"/>
      <c r="D3325" t="s">
        <v>77</v>
      </c>
      <c r="E3325" s="8" t="s">
        <v>12</v>
      </c>
      <c r="F3325" t="s">
        <v>72</v>
      </c>
      <c r="G3325" t="s">
        <v>78</v>
      </c>
      <c r="H3325" t="s">
        <v>72</v>
      </c>
      <c r="I3325" s="28">
        <v>2025</v>
      </c>
      <c r="J3325" s="21" t="s">
        <v>51</v>
      </c>
      <c r="K3325" s="24"/>
      <c r="L3325" s="32"/>
      <c r="M3325" s="24"/>
      <c r="N3325">
        <v>0</v>
      </c>
    </row>
    <row r="3326" spans="1:14" hidden="1">
      <c r="A3326" s="7" t="s">
        <v>10</v>
      </c>
      <c r="B3326" s="8"/>
      <c r="C3326" s="8"/>
      <c r="D3326" t="s">
        <v>77</v>
      </c>
      <c r="E3326" s="8" t="s">
        <v>12</v>
      </c>
      <c r="F3326" t="s">
        <v>72</v>
      </c>
      <c r="G3326" t="s">
        <v>78</v>
      </c>
      <c r="H3326" t="s">
        <v>72</v>
      </c>
      <c r="I3326" s="28">
        <v>2026</v>
      </c>
      <c r="J3326" s="21" t="s">
        <v>47</v>
      </c>
      <c r="K3326" s="24"/>
      <c r="L3326" s="32"/>
      <c r="M3326" s="24"/>
      <c r="N3326">
        <v>0</v>
      </c>
    </row>
    <row r="3327" spans="1:14" hidden="1">
      <c r="A3327" s="7" t="s">
        <v>10</v>
      </c>
      <c r="B3327" s="8"/>
      <c r="C3327" s="8"/>
      <c r="D3327" t="s">
        <v>77</v>
      </c>
      <c r="E3327" s="8" t="s">
        <v>12</v>
      </c>
      <c r="F3327" t="s">
        <v>72</v>
      </c>
      <c r="G3327" t="s">
        <v>78</v>
      </c>
      <c r="H3327" t="s">
        <v>72</v>
      </c>
      <c r="I3327" s="28">
        <v>2026</v>
      </c>
      <c r="J3327" s="21" t="s">
        <v>48</v>
      </c>
      <c r="K3327" s="24"/>
      <c r="L3327" s="32"/>
      <c r="M3327" s="24"/>
      <c r="N3327">
        <v>0</v>
      </c>
    </row>
    <row r="3328" spans="1:14" ht="13" hidden="1" thickBot="1">
      <c r="A3328" s="7" t="s">
        <v>10</v>
      </c>
      <c r="B3328" s="8"/>
      <c r="C3328" s="8"/>
      <c r="D3328" t="s">
        <v>77</v>
      </c>
      <c r="E3328" s="8" t="s">
        <v>12</v>
      </c>
      <c r="F3328" t="s">
        <v>72</v>
      </c>
      <c r="G3328" t="s">
        <v>78</v>
      </c>
      <c r="H3328" t="s">
        <v>72</v>
      </c>
      <c r="I3328" s="29">
        <v>2026</v>
      </c>
      <c r="J3328" s="30" t="s">
        <v>14</v>
      </c>
      <c r="K3328" s="24">
        <v>16618.917647058825</v>
      </c>
      <c r="L3328" s="32"/>
      <c r="M3328" s="24"/>
      <c r="N3328">
        <v>0</v>
      </c>
    </row>
    <row r="3329" spans="1:14" hidden="1">
      <c r="A3329" s="7" t="s">
        <v>10</v>
      </c>
      <c r="B3329" s="8"/>
      <c r="C3329" s="8"/>
      <c r="D3329" t="s">
        <v>77</v>
      </c>
      <c r="E3329" s="8" t="s">
        <v>12</v>
      </c>
      <c r="F3329" t="s">
        <v>72</v>
      </c>
      <c r="G3329" t="s">
        <v>78</v>
      </c>
      <c r="H3329" t="s">
        <v>72</v>
      </c>
      <c r="I3329" s="28">
        <v>2026</v>
      </c>
      <c r="J3329" s="31" t="s">
        <v>49</v>
      </c>
      <c r="K3329" s="24"/>
      <c r="L3329" s="32"/>
      <c r="M3329" s="24"/>
      <c r="N3329">
        <v>0</v>
      </c>
    </row>
    <row r="3330" spans="1:14" hidden="1">
      <c r="A3330" s="7" t="s">
        <v>10</v>
      </c>
      <c r="B3330" s="8"/>
      <c r="C3330" s="8"/>
      <c r="D3330" t="s">
        <v>77</v>
      </c>
      <c r="E3330" s="8" t="s">
        <v>12</v>
      </c>
      <c r="F3330" t="s">
        <v>72</v>
      </c>
      <c r="G3330" t="s">
        <v>79</v>
      </c>
      <c r="H3330" t="s">
        <v>72</v>
      </c>
      <c r="I3330" s="28">
        <v>2026</v>
      </c>
      <c r="J3330" s="21" t="s">
        <v>15</v>
      </c>
      <c r="K3330" s="24"/>
      <c r="L3330" s="32"/>
      <c r="M3330" s="24"/>
      <c r="N3330">
        <v>0</v>
      </c>
    </row>
    <row r="3331" spans="1:14" hidden="1">
      <c r="A3331" s="7" t="s">
        <v>10</v>
      </c>
      <c r="B3331" s="8"/>
      <c r="C3331" s="8"/>
      <c r="D3331" t="s">
        <v>77</v>
      </c>
      <c r="E3331" s="8" t="s">
        <v>12</v>
      </c>
      <c r="F3331" t="s">
        <v>72</v>
      </c>
      <c r="G3331" t="s">
        <v>79</v>
      </c>
      <c r="H3331" t="s">
        <v>72</v>
      </c>
      <c r="I3331" s="28">
        <v>2026</v>
      </c>
      <c r="J3331" s="21" t="s">
        <v>50</v>
      </c>
      <c r="K3331" s="24"/>
      <c r="L3331" s="32"/>
      <c r="M3331" s="24"/>
      <c r="N3331">
        <v>0</v>
      </c>
    </row>
    <row r="3332" spans="1:14" hidden="1">
      <c r="A3332" s="7" t="s">
        <v>10</v>
      </c>
      <c r="B3332" s="8"/>
      <c r="C3332" s="8"/>
      <c r="D3332" t="s">
        <v>77</v>
      </c>
      <c r="E3332" s="8" t="s">
        <v>12</v>
      </c>
      <c r="F3332" t="s">
        <v>72</v>
      </c>
      <c r="G3332" t="s">
        <v>19</v>
      </c>
      <c r="H3332" t="s">
        <v>72</v>
      </c>
      <c r="I3332" s="28">
        <v>2026</v>
      </c>
      <c r="J3332" s="21" t="s">
        <v>19</v>
      </c>
      <c r="K3332" s="24"/>
      <c r="L3332" s="32"/>
      <c r="M3332" s="24"/>
      <c r="N3332">
        <v>0</v>
      </c>
    </row>
    <row r="3333" spans="1:14" hidden="1">
      <c r="A3333" s="7" t="s">
        <v>10</v>
      </c>
      <c r="B3333" s="8"/>
      <c r="C3333" s="8"/>
      <c r="D3333" t="s">
        <v>77</v>
      </c>
      <c r="E3333" s="8" t="s">
        <v>12</v>
      </c>
      <c r="F3333" t="s">
        <v>72</v>
      </c>
      <c r="G3333" t="s">
        <v>78</v>
      </c>
      <c r="H3333" t="s">
        <v>72</v>
      </c>
      <c r="I3333" s="28">
        <v>2026</v>
      </c>
      <c r="J3333" s="21" t="s">
        <v>21</v>
      </c>
      <c r="K3333" s="24"/>
      <c r="L3333" s="32"/>
      <c r="M3333" s="24"/>
      <c r="N3333">
        <v>0</v>
      </c>
    </row>
    <row r="3334" spans="1:14" hidden="1">
      <c r="A3334" s="7" t="s">
        <v>10</v>
      </c>
      <c r="B3334" s="8"/>
      <c r="C3334" s="8"/>
      <c r="D3334" t="s">
        <v>77</v>
      </c>
      <c r="E3334" s="8" t="s">
        <v>12</v>
      </c>
      <c r="F3334" t="s">
        <v>72</v>
      </c>
      <c r="G3334" t="s">
        <v>78</v>
      </c>
      <c r="H3334" t="s">
        <v>72</v>
      </c>
      <c r="I3334" s="28">
        <v>2026</v>
      </c>
      <c r="J3334" s="21" t="s">
        <v>51</v>
      </c>
      <c r="K3334" s="24"/>
      <c r="L3334" s="32"/>
      <c r="M3334" s="24"/>
      <c r="N3334">
        <v>0</v>
      </c>
    </row>
    <row r="3335" spans="1:14" hidden="1">
      <c r="A3335" s="7" t="s">
        <v>10</v>
      </c>
      <c r="B3335" s="8"/>
      <c r="C3335" s="8"/>
      <c r="D3335" t="s">
        <v>77</v>
      </c>
      <c r="E3335" s="8" t="s">
        <v>12</v>
      </c>
      <c r="F3335" t="s">
        <v>72</v>
      </c>
      <c r="G3335" t="s">
        <v>78</v>
      </c>
      <c r="H3335" t="s">
        <v>72</v>
      </c>
      <c r="I3335" s="28">
        <v>2027</v>
      </c>
      <c r="J3335" s="21" t="s">
        <v>47</v>
      </c>
      <c r="K3335" s="24"/>
      <c r="L3335" s="32"/>
      <c r="M3335" s="24"/>
      <c r="N3335">
        <v>0</v>
      </c>
    </row>
    <row r="3336" spans="1:14" hidden="1">
      <c r="A3336" s="7" t="s">
        <v>10</v>
      </c>
      <c r="B3336" s="8"/>
      <c r="C3336" s="8"/>
      <c r="D3336" t="s">
        <v>77</v>
      </c>
      <c r="E3336" s="8" t="s">
        <v>12</v>
      </c>
      <c r="F3336" t="s">
        <v>72</v>
      </c>
      <c r="G3336" t="s">
        <v>78</v>
      </c>
      <c r="H3336" t="s">
        <v>72</v>
      </c>
      <c r="I3336" s="28">
        <v>2027</v>
      </c>
      <c r="J3336" s="21" t="s">
        <v>48</v>
      </c>
      <c r="K3336" s="24"/>
      <c r="L3336" s="32"/>
      <c r="M3336" s="24"/>
      <c r="N3336">
        <v>0</v>
      </c>
    </row>
    <row r="3337" spans="1:14" ht="13" hidden="1" thickBot="1">
      <c r="A3337" s="7" t="s">
        <v>10</v>
      </c>
      <c r="B3337" s="8"/>
      <c r="C3337" s="8"/>
      <c r="D3337" t="s">
        <v>77</v>
      </c>
      <c r="E3337" s="8" t="s">
        <v>12</v>
      </c>
      <c r="F3337" t="s">
        <v>72</v>
      </c>
      <c r="G3337" t="s">
        <v>78</v>
      </c>
      <c r="H3337" t="s">
        <v>72</v>
      </c>
      <c r="I3337" s="29">
        <v>2027</v>
      </c>
      <c r="J3337" s="30" t="s">
        <v>14</v>
      </c>
      <c r="K3337" s="24">
        <v>19345.45882352941</v>
      </c>
      <c r="L3337" s="32"/>
      <c r="M3337" s="24"/>
      <c r="N3337">
        <v>0</v>
      </c>
    </row>
    <row r="3338" spans="1:14" hidden="1">
      <c r="A3338" s="7" t="s">
        <v>10</v>
      </c>
      <c r="B3338" s="8"/>
      <c r="C3338" s="8"/>
      <c r="D3338" t="s">
        <v>77</v>
      </c>
      <c r="E3338" s="8" t="s">
        <v>12</v>
      </c>
      <c r="F3338" t="s">
        <v>72</v>
      </c>
      <c r="G3338" t="s">
        <v>78</v>
      </c>
      <c r="H3338" t="s">
        <v>72</v>
      </c>
      <c r="I3338" s="28">
        <v>2027</v>
      </c>
      <c r="J3338" s="21" t="s">
        <v>49</v>
      </c>
      <c r="K3338" s="24"/>
      <c r="L3338" s="32"/>
      <c r="M3338" s="24"/>
      <c r="N3338">
        <v>0</v>
      </c>
    </row>
    <row r="3339" spans="1:14" hidden="1">
      <c r="A3339" s="7" t="s">
        <v>10</v>
      </c>
      <c r="B3339" s="8"/>
      <c r="C3339" s="8"/>
      <c r="D3339" t="s">
        <v>77</v>
      </c>
      <c r="E3339" s="8" t="s">
        <v>12</v>
      </c>
      <c r="F3339" t="s">
        <v>72</v>
      </c>
      <c r="G3339" t="s">
        <v>79</v>
      </c>
      <c r="H3339" t="s">
        <v>72</v>
      </c>
      <c r="I3339" s="28">
        <v>2027</v>
      </c>
      <c r="J3339" s="21" t="s">
        <v>15</v>
      </c>
      <c r="K3339" s="24"/>
      <c r="L3339" s="32"/>
      <c r="M3339" s="24"/>
      <c r="N3339">
        <v>0</v>
      </c>
    </row>
    <row r="3340" spans="1:14" hidden="1">
      <c r="A3340" s="7" t="s">
        <v>10</v>
      </c>
      <c r="B3340" s="8"/>
      <c r="C3340" s="8"/>
      <c r="D3340" t="s">
        <v>77</v>
      </c>
      <c r="E3340" s="8" t="s">
        <v>12</v>
      </c>
      <c r="F3340" t="s">
        <v>72</v>
      </c>
      <c r="G3340" t="s">
        <v>79</v>
      </c>
      <c r="H3340" t="s">
        <v>72</v>
      </c>
      <c r="I3340" s="28">
        <v>2027</v>
      </c>
      <c r="J3340" s="21" t="s">
        <v>50</v>
      </c>
      <c r="K3340" s="24"/>
      <c r="L3340" s="32"/>
      <c r="M3340" s="24"/>
      <c r="N3340">
        <v>0</v>
      </c>
    </row>
    <row r="3341" spans="1:14" hidden="1">
      <c r="A3341" s="7" t="s">
        <v>10</v>
      </c>
      <c r="B3341" s="8"/>
      <c r="C3341" s="8"/>
      <c r="D3341" t="s">
        <v>77</v>
      </c>
      <c r="E3341" s="8" t="s">
        <v>12</v>
      </c>
      <c r="F3341" t="s">
        <v>72</v>
      </c>
      <c r="G3341" t="s">
        <v>19</v>
      </c>
      <c r="H3341" t="s">
        <v>72</v>
      </c>
      <c r="I3341" s="28">
        <v>2027</v>
      </c>
      <c r="J3341" s="21" t="s">
        <v>19</v>
      </c>
      <c r="K3341" s="24"/>
      <c r="L3341" s="32"/>
      <c r="M3341" s="24"/>
      <c r="N3341">
        <v>0</v>
      </c>
    </row>
    <row r="3342" spans="1:14" hidden="1">
      <c r="A3342" s="7" t="s">
        <v>10</v>
      </c>
      <c r="B3342" s="8"/>
      <c r="C3342" s="8"/>
      <c r="D3342" t="s">
        <v>77</v>
      </c>
      <c r="E3342" s="8" t="s">
        <v>12</v>
      </c>
      <c r="F3342" t="s">
        <v>72</v>
      </c>
      <c r="G3342" t="s">
        <v>78</v>
      </c>
      <c r="H3342" t="s">
        <v>72</v>
      </c>
      <c r="I3342" s="28">
        <v>2027</v>
      </c>
      <c r="J3342" s="21" t="s">
        <v>21</v>
      </c>
      <c r="K3342" s="24"/>
      <c r="L3342" s="32"/>
      <c r="M3342" s="24"/>
      <c r="N3342">
        <v>0</v>
      </c>
    </row>
    <row r="3343" spans="1:14" hidden="1">
      <c r="A3343" s="7" t="s">
        <v>10</v>
      </c>
      <c r="B3343" s="8"/>
      <c r="C3343" s="8"/>
      <c r="D3343" t="s">
        <v>77</v>
      </c>
      <c r="E3343" s="8" t="s">
        <v>12</v>
      </c>
      <c r="F3343" t="s">
        <v>72</v>
      </c>
      <c r="G3343" t="s">
        <v>78</v>
      </c>
      <c r="H3343" t="s">
        <v>72</v>
      </c>
      <c r="I3343" s="28">
        <v>2027</v>
      </c>
      <c r="J3343" s="21" t="s">
        <v>51</v>
      </c>
      <c r="K3343" s="24"/>
      <c r="L3343" s="32"/>
      <c r="M3343" s="24"/>
      <c r="N3343">
        <v>0</v>
      </c>
    </row>
    <row r="3344" spans="1:14" hidden="1">
      <c r="A3344" s="7" t="s">
        <v>10</v>
      </c>
      <c r="B3344" s="8"/>
      <c r="C3344" s="8"/>
      <c r="D3344" t="s">
        <v>77</v>
      </c>
      <c r="E3344" s="8" t="s">
        <v>12</v>
      </c>
      <c r="F3344" t="s">
        <v>72</v>
      </c>
      <c r="G3344" t="s">
        <v>78</v>
      </c>
      <c r="H3344" t="s">
        <v>72</v>
      </c>
      <c r="I3344" s="28">
        <v>2028</v>
      </c>
      <c r="J3344" s="21" t="s">
        <v>47</v>
      </c>
      <c r="K3344" s="24"/>
      <c r="L3344" s="32"/>
      <c r="M3344" s="24"/>
      <c r="N3344">
        <v>0</v>
      </c>
    </row>
    <row r="3345" spans="1:14" hidden="1">
      <c r="A3345" s="7" t="s">
        <v>10</v>
      </c>
      <c r="B3345" s="8"/>
      <c r="C3345" s="8"/>
      <c r="D3345" t="s">
        <v>77</v>
      </c>
      <c r="E3345" s="8" t="s">
        <v>12</v>
      </c>
      <c r="F3345" t="s">
        <v>72</v>
      </c>
      <c r="G3345" t="s">
        <v>78</v>
      </c>
      <c r="H3345" t="s">
        <v>72</v>
      </c>
      <c r="I3345" s="28">
        <v>2028</v>
      </c>
      <c r="J3345" s="21" t="s">
        <v>48</v>
      </c>
      <c r="K3345" s="24"/>
      <c r="L3345" s="32"/>
      <c r="M3345" s="24"/>
      <c r="N3345">
        <v>0</v>
      </c>
    </row>
    <row r="3346" spans="1:14" ht="13" hidden="1" thickBot="1">
      <c r="A3346" s="7" t="s">
        <v>10</v>
      </c>
      <c r="B3346" s="8"/>
      <c r="C3346" s="8"/>
      <c r="D3346" t="s">
        <v>77</v>
      </c>
      <c r="E3346" s="8" t="s">
        <v>12</v>
      </c>
      <c r="F3346" t="s">
        <v>72</v>
      </c>
      <c r="G3346" t="s">
        <v>78</v>
      </c>
      <c r="H3346" t="s">
        <v>72</v>
      </c>
      <c r="I3346" s="29">
        <v>2028</v>
      </c>
      <c r="J3346" s="30" t="s">
        <v>14</v>
      </c>
      <c r="K3346" s="24">
        <v>21070.588235294119</v>
      </c>
      <c r="L3346" s="32"/>
      <c r="M3346" s="24"/>
      <c r="N3346">
        <v>0</v>
      </c>
    </row>
    <row r="3347" spans="1:14" hidden="1">
      <c r="A3347" s="7" t="s">
        <v>10</v>
      </c>
      <c r="B3347" s="8"/>
      <c r="C3347" s="8"/>
      <c r="D3347" t="s">
        <v>77</v>
      </c>
      <c r="E3347" s="8" t="s">
        <v>12</v>
      </c>
      <c r="F3347" t="s">
        <v>72</v>
      </c>
      <c r="G3347" t="s">
        <v>78</v>
      </c>
      <c r="H3347" t="s">
        <v>72</v>
      </c>
      <c r="I3347" s="28">
        <v>2028</v>
      </c>
      <c r="J3347" s="31" t="s">
        <v>49</v>
      </c>
      <c r="K3347" s="24"/>
      <c r="L3347" s="32"/>
      <c r="M3347" s="24"/>
      <c r="N3347">
        <v>0</v>
      </c>
    </row>
    <row r="3348" spans="1:14" hidden="1">
      <c r="A3348" s="7" t="s">
        <v>10</v>
      </c>
      <c r="B3348" s="8"/>
      <c r="C3348" s="8"/>
      <c r="D3348" t="s">
        <v>77</v>
      </c>
      <c r="E3348" s="8" t="s">
        <v>12</v>
      </c>
      <c r="F3348" t="s">
        <v>72</v>
      </c>
      <c r="G3348" t="s">
        <v>79</v>
      </c>
      <c r="H3348" t="s">
        <v>72</v>
      </c>
      <c r="I3348" s="28">
        <v>2028</v>
      </c>
      <c r="J3348" s="21" t="s">
        <v>15</v>
      </c>
      <c r="K3348" s="24"/>
      <c r="L3348" s="32"/>
      <c r="M3348" s="24"/>
      <c r="N3348">
        <v>0</v>
      </c>
    </row>
    <row r="3349" spans="1:14" hidden="1">
      <c r="A3349" s="7" t="s">
        <v>10</v>
      </c>
      <c r="B3349" s="8"/>
      <c r="C3349" s="8"/>
      <c r="D3349" t="s">
        <v>77</v>
      </c>
      <c r="E3349" s="8" t="s">
        <v>12</v>
      </c>
      <c r="F3349" t="s">
        <v>72</v>
      </c>
      <c r="G3349" t="s">
        <v>79</v>
      </c>
      <c r="H3349" t="s">
        <v>72</v>
      </c>
      <c r="I3349" s="28">
        <v>2028</v>
      </c>
      <c r="J3349" s="21" t="s">
        <v>50</v>
      </c>
      <c r="K3349" s="24"/>
      <c r="L3349" s="32"/>
      <c r="M3349" s="24"/>
      <c r="N3349">
        <v>0</v>
      </c>
    </row>
    <row r="3350" spans="1:14" hidden="1">
      <c r="A3350" s="7" t="s">
        <v>10</v>
      </c>
      <c r="B3350" s="8"/>
      <c r="C3350" s="8"/>
      <c r="D3350" t="s">
        <v>77</v>
      </c>
      <c r="E3350" s="8" t="s">
        <v>12</v>
      </c>
      <c r="F3350" t="s">
        <v>72</v>
      </c>
      <c r="G3350" t="s">
        <v>19</v>
      </c>
      <c r="H3350" t="s">
        <v>72</v>
      </c>
      <c r="I3350" s="28">
        <v>2028</v>
      </c>
      <c r="J3350" s="21" t="s">
        <v>19</v>
      </c>
      <c r="K3350" s="24"/>
      <c r="L3350" s="32"/>
      <c r="M3350" s="24"/>
      <c r="N3350">
        <v>0</v>
      </c>
    </row>
    <row r="3351" spans="1:14" hidden="1">
      <c r="A3351" s="7" t="s">
        <v>10</v>
      </c>
      <c r="B3351" s="8"/>
      <c r="C3351" s="8"/>
      <c r="D3351" t="s">
        <v>77</v>
      </c>
      <c r="E3351" s="8" t="s">
        <v>12</v>
      </c>
      <c r="F3351" t="s">
        <v>72</v>
      </c>
      <c r="G3351" t="s">
        <v>78</v>
      </c>
      <c r="H3351" t="s">
        <v>72</v>
      </c>
      <c r="I3351" s="28">
        <v>2028</v>
      </c>
      <c r="J3351" s="21" t="s">
        <v>21</v>
      </c>
      <c r="K3351" s="24"/>
      <c r="L3351" s="32"/>
      <c r="M3351" s="24"/>
      <c r="N3351">
        <v>0</v>
      </c>
    </row>
    <row r="3352" spans="1:14" hidden="1">
      <c r="A3352" s="7" t="s">
        <v>10</v>
      </c>
      <c r="B3352" s="8"/>
      <c r="C3352" s="8"/>
      <c r="D3352" t="s">
        <v>77</v>
      </c>
      <c r="E3352" s="8" t="s">
        <v>12</v>
      </c>
      <c r="F3352" t="s">
        <v>72</v>
      </c>
      <c r="G3352" t="s">
        <v>78</v>
      </c>
      <c r="H3352" t="s">
        <v>72</v>
      </c>
      <c r="I3352" s="28">
        <v>2028</v>
      </c>
      <c r="J3352" s="21" t="s">
        <v>51</v>
      </c>
      <c r="K3352" s="24"/>
      <c r="L3352" s="32"/>
      <c r="M3352" s="24"/>
      <c r="N3352">
        <v>0</v>
      </c>
    </row>
    <row r="3353" spans="1:14" hidden="1">
      <c r="A3353" s="7" t="s">
        <v>10</v>
      </c>
      <c r="B3353" s="8"/>
      <c r="C3353" s="8"/>
      <c r="D3353" t="s">
        <v>77</v>
      </c>
      <c r="E3353" s="8" t="s">
        <v>12</v>
      </c>
      <c r="F3353" t="s">
        <v>72</v>
      </c>
      <c r="G3353" t="s">
        <v>78</v>
      </c>
      <c r="H3353" t="s">
        <v>72</v>
      </c>
      <c r="I3353" s="28">
        <v>2029</v>
      </c>
      <c r="J3353" s="21" t="s">
        <v>47</v>
      </c>
      <c r="K3353" s="24"/>
      <c r="L3353" s="32"/>
      <c r="M3353" s="24"/>
      <c r="N3353">
        <v>0</v>
      </c>
    </row>
    <row r="3354" spans="1:14" hidden="1">
      <c r="A3354" s="7" t="s">
        <v>10</v>
      </c>
      <c r="B3354" s="8"/>
      <c r="C3354" s="8"/>
      <c r="D3354" t="s">
        <v>77</v>
      </c>
      <c r="E3354" s="8" t="s">
        <v>12</v>
      </c>
      <c r="F3354" t="s">
        <v>72</v>
      </c>
      <c r="G3354" t="s">
        <v>78</v>
      </c>
      <c r="H3354" t="s">
        <v>72</v>
      </c>
      <c r="I3354" s="28">
        <v>2029</v>
      </c>
      <c r="J3354" s="21" t="s">
        <v>48</v>
      </c>
      <c r="K3354" s="24"/>
      <c r="L3354" s="32"/>
      <c r="M3354" s="24"/>
      <c r="N3354">
        <v>0</v>
      </c>
    </row>
    <row r="3355" spans="1:14" ht="13" hidden="1" thickBot="1">
      <c r="A3355" s="7" t="s">
        <v>10</v>
      </c>
      <c r="B3355" s="8"/>
      <c r="C3355" s="8"/>
      <c r="D3355" t="s">
        <v>77</v>
      </c>
      <c r="E3355" s="8" t="s">
        <v>12</v>
      </c>
      <c r="F3355" t="s">
        <v>72</v>
      </c>
      <c r="G3355" t="s">
        <v>78</v>
      </c>
      <c r="H3355" t="s">
        <v>72</v>
      </c>
      <c r="I3355" s="29">
        <v>2029</v>
      </c>
      <c r="J3355" s="30" t="s">
        <v>14</v>
      </c>
      <c r="K3355" s="24">
        <v>25707.388235294122</v>
      </c>
      <c r="L3355" s="32"/>
      <c r="M3355" s="24"/>
      <c r="N3355">
        <v>0</v>
      </c>
    </row>
    <row r="3356" spans="1:14" hidden="1">
      <c r="A3356" s="7" t="s">
        <v>10</v>
      </c>
      <c r="B3356" s="8"/>
      <c r="C3356" s="8"/>
      <c r="D3356" t="s">
        <v>77</v>
      </c>
      <c r="E3356" s="8" t="s">
        <v>12</v>
      </c>
      <c r="F3356" t="s">
        <v>72</v>
      </c>
      <c r="G3356" t="s">
        <v>78</v>
      </c>
      <c r="H3356" t="s">
        <v>72</v>
      </c>
      <c r="I3356" s="28">
        <v>2029</v>
      </c>
      <c r="J3356" s="21" t="s">
        <v>49</v>
      </c>
      <c r="K3356" s="24"/>
      <c r="L3356" s="32"/>
      <c r="M3356" s="24"/>
      <c r="N3356">
        <v>0</v>
      </c>
    </row>
    <row r="3357" spans="1:14" hidden="1">
      <c r="A3357" s="7" t="s">
        <v>10</v>
      </c>
      <c r="B3357" s="8"/>
      <c r="C3357" s="8"/>
      <c r="D3357" t="s">
        <v>77</v>
      </c>
      <c r="E3357" s="8" t="s">
        <v>12</v>
      </c>
      <c r="F3357" t="s">
        <v>72</v>
      </c>
      <c r="G3357" t="s">
        <v>79</v>
      </c>
      <c r="H3357" t="s">
        <v>72</v>
      </c>
      <c r="I3357" s="28">
        <v>2029</v>
      </c>
      <c r="J3357" s="21" t="s">
        <v>15</v>
      </c>
      <c r="K3357" s="24"/>
      <c r="L3357" s="32"/>
      <c r="M3357" s="24"/>
      <c r="N3357">
        <v>0</v>
      </c>
    </row>
    <row r="3358" spans="1:14" hidden="1">
      <c r="A3358" s="7" t="s">
        <v>10</v>
      </c>
      <c r="B3358" s="8"/>
      <c r="C3358" s="8"/>
      <c r="D3358" t="s">
        <v>77</v>
      </c>
      <c r="E3358" s="8" t="s">
        <v>12</v>
      </c>
      <c r="F3358" t="s">
        <v>72</v>
      </c>
      <c r="G3358" t="s">
        <v>79</v>
      </c>
      <c r="H3358" t="s">
        <v>72</v>
      </c>
      <c r="I3358" s="28">
        <v>2029</v>
      </c>
      <c r="J3358" s="21" t="s">
        <v>50</v>
      </c>
      <c r="K3358" s="24"/>
      <c r="L3358" s="32"/>
      <c r="M3358" s="24"/>
      <c r="N3358">
        <v>0</v>
      </c>
    </row>
    <row r="3359" spans="1:14" hidden="1">
      <c r="A3359" s="7" t="s">
        <v>10</v>
      </c>
      <c r="B3359" s="8"/>
      <c r="C3359" s="8"/>
      <c r="D3359" t="s">
        <v>77</v>
      </c>
      <c r="E3359" s="8" t="s">
        <v>12</v>
      </c>
      <c r="F3359" t="s">
        <v>72</v>
      </c>
      <c r="G3359" t="s">
        <v>19</v>
      </c>
      <c r="H3359" t="s">
        <v>72</v>
      </c>
      <c r="I3359" s="28">
        <v>2029</v>
      </c>
      <c r="J3359" s="21" t="s">
        <v>19</v>
      </c>
      <c r="K3359" s="24"/>
      <c r="L3359" s="32"/>
      <c r="M3359" s="24"/>
      <c r="N3359">
        <v>0</v>
      </c>
    </row>
    <row r="3360" spans="1:14" hidden="1">
      <c r="A3360" s="7" t="s">
        <v>10</v>
      </c>
      <c r="B3360" s="8"/>
      <c r="C3360" s="8"/>
      <c r="D3360" t="s">
        <v>77</v>
      </c>
      <c r="E3360" s="8" t="s">
        <v>12</v>
      </c>
      <c r="F3360" t="s">
        <v>72</v>
      </c>
      <c r="G3360" t="s">
        <v>78</v>
      </c>
      <c r="H3360" t="s">
        <v>72</v>
      </c>
      <c r="I3360" s="28">
        <v>2029</v>
      </c>
      <c r="J3360" s="21" t="s">
        <v>21</v>
      </c>
      <c r="K3360" s="24"/>
      <c r="L3360" s="32"/>
      <c r="M3360" s="24"/>
      <c r="N3360">
        <v>0</v>
      </c>
    </row>
    <row r="3361" spans="1:14" hidden="1">
      <c r="A3361" s="7" t="s">
        <v>10</v>
      </c>
      <c r="B3361" s="8"/>
      <c r="C3361" s="8"/>
      <c r="D3361" t="s">
        <v>77</v>
      </c>
      <c r="E3361" s="8" t="s">
        <v>12</v>
      </c>
      <c r="F3361" t="s">
        <v>72</v>
      </c>
      <c r="G3361" t="s">
        <v>78</v>
      </c>
      <c r="H3361" t="s">
        <v>72</v>
      </c>
      <c r="I3361" s="28">
        <v>2029</v>
      </c>
      <c r="J3361" s="21" t="s">
        <v>51</v>
      </c>
      <c r="K3361" s="24"/>
      <c r="L3361" s="32"/>
      <c r="M3361" s="24"/>
      <c r="N3361">
        <v>0</v>
      </c>
    </row>
    <row r="3362" spans="1:14" hidden="1">
      <c r="A3362" s="7" t="s">
        <v>10</v>
      </c>
      <c r="B3362" s="8"/>
      <c r="C3362" s="8"/>
      <c r="D3362" t="s">
        <v>77</v>
      </c>
      <c r="E3362" s="8" t="s">
        <v>12</v>
      </c>
      <c r="F3362" t="s">
        <v>72</v>
      </c>
      <c r="G3362" t="s">
        <v>78</v>
      </c>
      <c r="H3362" t="s">
        <v>72</v>
      </c>
      <c r="I3362" s="28">
        <v>2030</v>
      </c>
      <c r="J3362" s="21" t="s">
        <v>47</v>
      </c>
      <c r="K3362" s="24"/>
      <c r="L3362" s="32"/>
      <c r="M3362" s="24"/>
      <c r="N3362">
        <v>0</v>
      </c>
    </row>
    <row r="3363" spans="1:14" hidden="1">
      <c r="A3363" s="7" t="s">
        <v>10</v>
      </c>
      <c r="B3363" s="8"/>
      <c r="C3363" s="8"/>
      <c r="D3363" t="s">
        <v>77</v>
      </c>
      <c r="E3363" s="8" t="s">
        <v>12</v>
      </c>
      <c r="F3363" t="s">
        <v>72</v>
      </c>
      <c r="G3363" t="s">
        <v>78</v>
      </c>
      <c r="H3363" t="s">
        <v>72</v>
      </c>
      <c r="I3363" s="28">
        <v>2030</v>
      </c>
      <c r="J3363" s="21" t="s">
        <v>48</v>
      </c>
      <c r="K3363" s="24"/>
      <c r="L3363" s="32"/>
      <c r="M3363" s="24"/>
      <c r="N3363">
        <v>0</v>
      </c>
    </row>
    <row r="3364" spans="1:14" ht="13" hidden="1" thickBot="1">
      <c r="A3364" s="7" t="s">
        <v>10</v>
      </c>
      <c r="B3364" s="8"/>
      <c r="C3364" s="8"/>
      <c r="D3364" t="s">
        <v>77</v>
      </c>
      <c r="E3364" s="8" t="s">
        <v>12</v>
      </c>
      <c r="F3364" t="s">
        <v>72</v>
      </c>
      <c r="G3364" t="s">
        <v>78</v>
      </c>
      <c r="H3364" t="s">
        <v>72</v>
      </c>
      <c r="I3364" s="29">
        <v>2030</v>
      </c>
      <c r="J3364" s="30" t="s">
        <v>14</v>
      </c>
      <c r="K3364" s="24">
        <v>29342.776470588236</v>
      </c>
      <c r="L3364" s="32"/>
      <c r="M3364" s="24"/>
      <c r="N3364">
        <v>0</v>
      </c>
    </row>
    <row r="3365" spans="1:14" hidden="1">
      <c r="A3365" s="7" t="s">
        <v>10</v>
      </c>
      <c r="B3365" s="8"/>
      <c r="C3365" s="8"/>
      <c r="D3365" t="s">
        <v>77</v>
      </c>
      <c r="E3365" s="8" t="s">
        <v>12</v>
      </c>
      <c r="F3365" t="s">
        <v>72</v>
      </c>
      <c r="G3365" t="s">
        <v>78</v>
      </c>
      <c r="H3365" t="s">
        <v>72</v>
      </c>
      <c r="I3365" s="28">
        <v>2030</v>
      </c>
      <c r="J3365" s="31" t="s">
        <v>49</v>
      </c>
      <c r="K3365" s="24"/>
      <c r="L3365" s="32"/>
      <c r="M3365" s="24"/>
      <c r="N3365">
        <v>0</v>
      </c>
    </row>
    <row r="3366" spans="1:14" hidden="1">
      <c r="A3366" s="7" t="s">
        <v>10</v>
      </c>
      <c r="B3366" s="8"/>
      <c r="C3366" s="8"/>
      <c r="D3366" t="s">
        <v>77</v>
      </c>
      <c r="E3366" s="8" t="s">
        <v>12</v>
      </c>
      <c r="F3366" t="s">
        <v>72</v>
      </c>
      <c r="G3366" t="s">
        <v>79</v>
      </c>
      <c r="H3366" t="s">
        <v>72</v>
      </c>
      <c r="I3366" s="28">
        <v>2030</v>
      </c>
      <c r="J3366" s="21" t="s">
        <v>15</v>
      </c>
      <c r="K3366" s="24"/>
      <c r="L3366" s="32"/>
      <c r="M3366" s="24"/>
      <c r="N3366">
        <v>0</v>
      </c>
    </row>
    <row r="3367" spans="1:14" hidden="1">
      <c r="A3367" s="7" t="s">
        <v>10</v>
      </c>
      <c r="B3367" s="8"/>
      <c r="C3367" s="8"/>
      <c r="D3367" t="s">
        <v>77</v>
      </c>
      <c r="E3367" s="8" t="s">
        <v>12</v>
      </c>
      <c r="F3367" t="s">
        <v>72</v>
      </c>
      <c r="G3367" t="s">
        <v>79</v>
      </c>
      <c r="H3367" t="s">
        <v>72</v>
      </c>
      <c r="I3367" s="28">
        <v>2030</v>
      </c>
      <c r="J3367" s="21" t="s">
        <v>50</v>
      </c>
      <c r="K3367" s="24"/>
      <c r="L3367" s="32"/>
      <c r="M3367" s="24"/>
      <c r="N3367">
        <v>0</v>
      </c>
    </row>
    <row r="3368" spans="1:14" hidden="1">
      <c r="A3368" s="7" t="s">
        <v>10</v>
      </c>
      <c r="B3368" s="8"/>
      <c r="C3368" s="8"/>
      <c r="D3368" t="s">
        <v>77</v>
      </c>
      <c r="E3368" s="8" t="s">
        <v>12</v>
      </c>
      <c r="F3368" t="s">
        <v>72</v>
      </c>
      <c r="G3368" t="s">
        <v>19</v>
      </c>
      <c r="H3368" t="s">
        <v>72</v>
      </c>
      <c r="I3368" s="28">
        <v>2030</v>
      </c>
      <c r="J3368" s="21" t="s">
        <v>19</v>
      </c>
      <c r="K3368" s="24"/>
      <c r="L3368" s="32"/>
      <c r="M3368" s="24"/>
      <c r="N3368">
        <v>0</v>
      </c>
    </row>
    <row r="3369" spans="1:14" hidden="1">
      <c r="A3369" s="7" t="s">
        <v>10</v>
      </c>
      <c r="B3369" s="8"/>
      <c r="C3369" s="8"/>
      <c r="D3369" t="s">
        <v>77</v>
      </c>
      <c r="E3369" s="8" t="s">
        <v>12</v>
      </c>
      <c r="F3369" t="s">
        <v>72</v>
      </c>
      <c r="G3369" t="s">
        <v>78</v>
      </c>
      <c r="H3369" t="s">
        <v>72</v>
      </c>
      <c r="I3369" s="28">
        <v>2030</v>
      </c>
      <c r="J3369" s="21" t="s">
        <v>21</v>
      </c>
      <c r="K3369" s="24"/>
      <c r="L3369" s="32"/>
      <c r="M3369" s="24"/>
      <c r="N3369">
        <v>0</v>
      </c>
    </row>
    <row r="3370" spans="1:14" hidden="1">
      <c r="A3370" s="7" t="s">
        <v>10</v>
      </c>
      <c r="B3370" s="8"/>
      <c r="C3370" s="8"/>
      <c r="D3370" t="s">
        <v>77</v>
      </c>
      <c r="E3370" s="8" t="s">
        <v>12</v>
      </c>
      <c r="F3370" t="s">
        <v>72</v>
      </c>
      <c r="G3370" t="s">
        <v>78</v>
      </c>
      <c r="H3370" t="s">
        <v>72</v>
      </c>
      <c r="I3370" s="28">
        <v>2030</v>
      </c>
      <c r="J3370" s="21" t="s">
        <v>51</v>
      </c>
      <c r="K3370" s="24"/>
      <c r="L3370" s="32"/>
      <c r="M3370" s="24"/>
      <c r="N3370">
        <v>0</v>
      </c>
    </row>
    <row r="3371" spans="1:14" hidden="1">
      <c r="A3371" s="7" t="s">
        <v>10</v>
      </c>
      <c r="B3371" s="8"/>
      <c r="C3371" s="8"/>
      <c r="D3371" t="s">
        <v>77</v>
      </c>
      <c r="E3371" s="8" t="s">
        <v>12</v>
      </c>
      <c r="F3371" t="s">
        <v>72</v>
      </c>
      <c r="G3371" t="s">
        <v>78</v>
      </c>
      <c r="H3371" t="s">
        <v>72</v>
      </c>
      <c r="I3371" s="28">
        <v>2031</v>
      </c>
      <c r="J3371" s="21" t="s">
        <v>47</v>
      </c>
      <c r="K3371" s="24"/>
      <c r="L3371" s="32"/>
      <c r="M3371" s="24"/>
      <c r="N3371">
        <v>0</v>
      </c>
    </row>
    <row r="3372" spans="1:14" hidden="1">
      <c r="A3372" s="7" t="s">
        <v>10</v>
      </c>
      <c r="B3372" s="8"/>
      <c r="C3372" s="8"/>
      <c r="D3372" t="s">
        <v>77</v>
      </c>
      <c r="E3372" s="8" t="s">
        <v>12</v>
      </c>
      <c r="F3372" t="s">
        <v>72</v>
      </c>
      <c r="G3372" t="s">
        <v>78</v>
      </c>
      <c r="H3372" t="s">
        <v>72</v>
      </c>
      <c r="I3372" s="28">
        <v>2031</v>
      </c>
      <c r="J3372" s="21" t="s">
        <v>48</v>
      </c>
      <c r="K3372" s="24"/>
      <c r="L3372" s="32"/>
      <c r="M3372" s="24"/>
      <c r="N3372">
        <v>0</v>
      </c>
    </row>
    <row r="3373" spans="1:14" ht="13" hidden="1" thickBot="1">
      <c r="A3373" s="7" t="s">
        <v>10</v>
      </c>
      <c r="B3373" s="8"/>
      <c r="C3373" s="8"/>
      <c r="D3373" t="s">
        <v>77</v>
      </c>
      <c r="E3373" s="8" t="s">
        <v>12</v>
      </c>
      <c r="F3373" t="s">
        <v>72</v>
      </c>
      <c r="G3373" t="s">
        <v>78</v>
      </c>
      <c r="H3373" t="s">
        <v>72</v>
      </c>
      <c r="I3373" s="29">
        <v>2031</v>
      </c>
      <c r="J3373" s="30" t="s">
        <v>14</v>
      </c>
      <c r="K3373" s="24">
        <v>29342.776470588236</v>
      </c>
      <c r="L3373" s="32"/>
      <c r="M3373" s="24"/>
      <c r="N3373">
        <v>0</v>
      </c>
    </row>
    <row r="3374" spans="1:14" hidden="1">
      <c r="A3374" s="7" t="s">
        <v>10</v>
      </c>
      <c r="B3374" s="8"/>
      <c r="C3374" s="8"/>
      <c r="D3374" t="s">
        <v>77</v>
      </c>
      <c r="E3374" s="8" t="s">
        <v>12</v>
      </c>
      <c r="F3374" t="s">
        <v>72</v>
      </c>
      <c r="G3374" t="s">
        <v>78</v>
      </c>
      <c r="H3374" t="s">
        <v>72</v>
      </c>
      <c r="I3374" s="8">
        <v>2031</v>
      </c>
      <c r="J3374" t="s">
        <v>49</v>
      </c>
      <c r="K3374" s="10"/>
      <c r="M3374" s="10"/>
      <c r="N3374">
        <v>0</v>
      </c>
    </row>
    <row r="3375" spans="1:14" hidden="1">
      <c r="A3375" s="7" t="s">
        <v>10</v>
      </c>
      <c r="B3375" s="8"/>
      <c r="C3375" s="8"/>
      <c r="D3375" t="s">
        <v>77</v>
      </c>
      <c r="E3375" s="8" t="s">
        <v>12</v>
      </c>
      <c r="F3375" t="s">
        <v>72</v>
      </c>
      <c r="G3375" t="s">
        <v>79</v>
      </c>
      <c r="H3375" t="s">
        <v>72</v>
      </c>
      <c r="I3375" s="8">
        <v>2031</v>
      </c>
      <c r="J3375" t="s">
        <v>15</v>
      </c>
      <c r="K3375" s="10"/>
      <c r="M3375" s="10"/>
      <c r="N3375">
        <v>0</v>
      </c>
    </row>
    <row r="3376" spans="1:14" hidden="1">
      <c r="A3376" s="7" t="s">
        <v>10</v>
      </c>
      <c r="B3376" s="8"/>
      <c r="C3376" s="8"/>
      <c r="D3376" t="s">
        <v>77</v>
      </c>
      <c r="E3376" s="8" t="s">
        <v>12</v>
      </c>
      <c r="F3376" t="s">
        <v>72</v>
      </c>
      <c r="G3376" t="s">
        <v>79</v>
      </c>
      <c r="H3376" t="s">
        <v>72</v>
      </c>
      <c r="I3376" s="8">
        <v>2031</v>
      </c>
      <c r="J3376" t="s">
        <v>50</v>
      </c>
      <c r="K3376" s="10"/>
      <c r="M3376" s="10"/>
      <c r="N3376">
        <v>0</v>
      </c>
    </row>
    <row r="3377" spans="1:14" hidden="1">
      <c r="A3377" s="7" t="s">
        <v>10</v>
      </c>
      <c r="B3377" s="8"/>
      <c r="C3377" s="8"/>
      <c r="D3377" t="s">
        <v>77</v>
      </c>
      <c r="E3377" s="8" t="s">
        <v>12</v>
      </c>
      <c r="F3377" t="s">
        <v>72</v>
      </c>
      <c r="G3377" t="s">
        <v>19</v>
      </c>
      <c r="H3377" t="s">
        <v>72</v>
      </c>
      <c r="I3377" s="8">
        <v>2031</v>
      </c>
      <c r="J3377" t="s">
        <v>19</v>
      </c>
      <c r="K3377" s="10"/>
      <c r="M3377" s="10"/>
      <c r="N3377">
        <v>0</v>
      </c>
    </row>
    <row r="3378" spans="1:14" hidden="1">
      <c r="A3378" s="7" t="s">
        <v>10</v>
      </c>
      <c r="B3378" s="8"/>
      <c r="C3378" s="8"/>
      <c r="D3378" t="s">
        <v>77</v>
      </c>
      <c r="E3378" s="8" t="s">
        <v>12</v>
      </c>
      <c r="F3378" t="s">
        <v>72</v>
      </c>
      <c r="G3378" t="s">
        <v>78</v>
      </c>
      <c r="H3378" t="s">
        <v>72</v>
      </c>
      <c r="I3378" s="8">
        <v>2031</v>
      </c>
      <c r="J3378" t="s">
        <v>21</v>
      </c>
      <c r="K3378" s="10"/>
      <c r="M3378" s="10"/>
      <c r="N3378">
        <v>0</v>
      </c>
    </row>
    <row r="3379" spans="1:14" hidden="1">
      <c r="A3379" s="7" t="s">
        <v>10</v>
      </c>
      <c r="B3379" s="8"/>
      <c r="C3379" s="8"/>
      <c r="D3379" t="s">
        <v>77</v>
      </c>
      <c r="E3379" s="8" t="s">
        <v>12</v>
      </c>
      <c r="F3379" t="s">
        <v>72</v>
      </c>
      <c r="G3379" t="s">
        <v>78</v>
      </c>
      <c r="H3379" t="s">
        <v>72</v>
      </c>
      <c r="I3379" s="8">
        <v>2031</v>
      </c>
      <c r="J3379" t="s">
        <v>51</v>
      </c>
      <c r="K3379" s="10"/>
      <c r="M3379" s="10"/>
      <c r="N3379">
        <v>0</v>
      </c>
    </row>
    <row r="3380" spans="1:14" hidden="1">
      <c r="A3380" s="7" t="s">
        <v>10</v>
      </c>
      <c r="B3380" s="8"/>
      <c r="C3380" s="8"/>
      <c r="D3380" t="s">
        <v>77</v>
      </c>
      <c r="E3380" s="8" t="s">
        <v>12</v>
      </c>
      <c r="F3380" t="s">
        <v>72</v>
      </c>
      <c r="G3380" t="s">
        <v>78</v>
      </c>
      <c r="H3380" t="s">
        <v>72</v>
      </c>
      <c r="I3380" s="8">
        <v>2032</v>
      </c>
      <c r="J3380" t="s">
        <v>47</v>
      </c>
      <c r="K3380" s="10"/>
      <c r="M3380" s="10"/>
      <c r="N3380">
        <v>0</v>
      </c>
    </row>
    <row r="3381" spans="1:14" hidden="1">
      <c r="A3381" s="7" t="s">
        <v>10</v>
      </c>
      <c r="B3381" s="8"/>
      <c r="C3381" s="8"/>
      <c r="D3381" t="s">
        <v>77</v>
      </c>
      <c r="E3381" s="8" t="s">
        <v>12</v>
      </c>
      <c r="F3381" t="s">
        <v>72</v>
      </c>
      <c r="G3381" t="s">
        <v>78</v>
      </c>
      <c r="H3381" t="s">
        <v>72</v>
      </c>
      <c r="I3381" s="8">
        <v>2032</v>
      </c>
      <c r="J3381" t="s">
        <v>48</v>
      </c>
      <c r="K3381" s="10"/>
      <c r="M3381" s="10"/>
      <c r="N3381">
        <v>0</v>
      </c>
    </row>
    <row r="3382" spans="1:14" hidden="1">
      <c r="A3382" s="7" t="s">
        <v>10</v>
      </c>
      <c r="B3382" s="8"/>
      <c r="C3382" s="8"/>
      <c r="D3382" t="s">
        <v>77</v>
      </c>
      <c r="E3382" s="8" t="s">
        <v>12</v>
      </c>
      <c r="F3382" t="s">
        <v>72</v>
      </c>
      <c r="G3382" t="s">
        <v>78</v>
      </c>
      <c r="H3382" t="s">
        <v>72</v>
      </c>
      <c r="I3382" s="8">
        <v>2032</v>
      </c>
      <c r="J3382" t="s">
        <v>14</v>
      </c>
      <c r="K3382" s="10">
        <v>29342.776470588236</v>
      </c>
      <c r="M3382" s="10"/>
      <c r="N3382">
        <v>0</v>
      </c>
    </row>
    <row r="3383" spans="1:14" hidden="1">
      <c r="A3383" s="7" t="s">
        <v>10</v>
      </c>
      <c r="B3383" s="8"/>
      <c r="C3383" s="8"/>
      <c r="D3383" t="s">
        <v>77</v>
      </c>
      <c r="E3383" s="8" t="s">
        <v>12</v>
      </c>
      <c r="F3383" t="s">
        <v>72</v>
      </c>
      <c r="G3383" t="s">
        <v>78</v>
      </c>
      <c r="H3383" t="s">
        <v>72</v>
      </c>
      <c r="I3383" s="8">
        <v>2032</v>
      </c>
      <c r="J3383" t="s">
        <v>49</v>
      </c>
      <c r="K3383" s="10"/>
      <c r="M3383" s="10"/>
      <c r="N3383">
        <v>0</v>
      </c>
    </row>
    <row r="3384" spans="1:14" hidden="1">
      <c r="A3384" s="7" t="s">
        <v>10</v>
      </c>
      <c r="B3384" s="8"/>
      <c r="C3384" s="8"/>
      <c r="D3384" t="s">
        <v>77</v>
      </c>
      <c r="E3384" s="8" t="s">
        <v>12</v>
      </c>
      <c r="F3384" t="s">
        <v>72</v>
      </c>
      <c r="G3384" t="s">
        <v>79</v>
      </c>
      <c r="H3384" t="s">
        <v>72</v>
      </c>
      <c r="I3384" s="8">
        <v>2032</v>
      </c>
      <c r="J3384" t="s">
        <v>15</v>
      </c>
      <c r="K3384" s="10"/>
      <c r="M3384" s="10"/>
      <c r="N3384">
        <v>0</v>
      </c>
    </row>
    <row r="3385" spans="1:14" hidden="1">
      <c r="A3385" s="7" t="s">
        <v>10</v>
      </c>
      <c r="B3385" s="8"/>
      <c r="C3385" s="8"/>
      <c r="D3385" t="s">
        <v>77</v>
      </c>
      <c r="E3385" s="8" t="s">
        <v>12</v>
      </c>
      <c r="F3385" t="s">
        <v>72</v>
      </c>
      <c r="G3385" t="s">
        <v>79</v>
      </c>
      <c r="H3385" t="s">
        <v>72</v>
      </c>
      <c r="I3385" s="8">
        <v>2032</v>
      </c>
      <c r="J3385" t="s">
        <v>50</v>
      </c>
      <c r="K3385" s="10"/>
      <c r="M3385" s="10"/>
      <c r="N3385">
        <v>0</v>
      </c>
    </row>
    <row r="3386" spans="1:14" hidden="1">
      <c r="A3386" s="7" t="s">
        <v>10</v>
      </c>
      <c r="B3386" s="8"/>
      <c r="C3386" s="8"/>
      <c r="D3386" t="s">
        <v>77</v>
      </c>
      <c r="E3386" s="8" t="s">
        <v>12</v>
      </c>
      <c r="F3386" t="s">
        <v>72</v>
      </c>
      <c r="G3386" t="s">
        <v>19</v>
      </c>
      <c r="H3386" t="s">
        <v>72</v>
      </c>
      <c r="I3386" s="8">
        <v>2032</v>
      </c>
      <c r="J3386" t="s">
        <v>19</v>
      </c>
      <c r="K3386" s="10"/>
      <c r="M3386" s="10"/>
      <c r="N3386">
        <v>0</v>
      </c>
    </row>
    <row r="3387" spans="1:14" hidden="1">
      <c r="A3387" s="7" t="s">
        <v>10</v>
      </c>
      <c r="B3387" s="8"/>
      <c r="C3387" s="8"/>
      <c r="D3387" t="s">
        <v>77</v>
      </c>
      <c r="E3387" s="8" t="s">
        <v>12</v>
      </c>
      <c r="F3387" t="s">
        <v>72</v>
      </c>
      <c r="G3387" t="s">
        <v>78</v>
      </c>
      <c r="H3387" t="s">
        <v>72</v>
      </c>
      <c r="I3387" s="8">
        <v>2032</v>
      </c>
      <c r="J3387" t="s">
        <v>21</v>
      </c>
      <c r="K3387" s="10"/>
      <c r="M3387" s="10"/>
      <c r="N3387">
        <v>0</v>
      </c>
    </row>
    <row r="3388" spans="1:14" hidden="1">
      <c r="A3388" s="7" t="s">
        <v>10</v>
      </c>
      <c r="B3388" s="8"/>
      <c r="C3388" s="8"/>
      <c r="D3388" t="s">
        <v>77</v>
      </c>
      <c r="E3388" s="8" t="s">
        <v>12</v>
      </c>
      <c r="F3388" t="s">
        <v>72</v>
      </c>
      <c r="G3388" t="s">
        <v>78</v>
      </c>
      <c r="H3388" t="s">
        <v>72</v>
      </c>
      <c r="I3388" s="8">
        <v>2032</v>
      </c>
      <c r="J3388" t="s">
        <v>51</v>
      </c>
      <c r="K3388" s="10"/>
      <c r="M3388" s="10"/>
      <c r="N3388">
        <v>0</v>
      </c>
    </row>
    <row r="3389" spans="1:14" hidden="1">
      <c r="A3389" s="7" t="s">
        <v>10</v>
      </c>
      <c r="B3389" s="8"/>
      <c r="C3389" s="8"/>
      <c r="D3389" t="s">
        <v>77</v>
      </c>
      <c r="E3389" s="8" t="s">
        <v>12</v>
      </c>
      <c r="F3389" t="s">
        <v>72</v>
      </c>
      <c r="G3389" t="s">
        <v>78</v>
      </c>
      <c r="H3389" t="s">
        <v>72</v>
      </c>
      <c r="I3389" s="8">
        <v>2033</v>
      </c>
      <c r="J3389" t="s">
        <v>47</v>
      </c>
      <c r="K3389" s="10"/>
      <c r="M3389" s="10"/>
      <c r="N3389">
        <v>0</v>
      </c>
    </row>
    <row r="3390" spans="1:14" hidden="1">
      <c r="A3390" s="7" t="s">
        <v>10</v>
      </c>
      <c r="B3390" s="8"/>
      <c r="C3390" s="8"/>
      <c r="D3390" t="s">
        <v>77</v>
      </c>
      <c r="E3390" s="8" t="s">
        <v>12</v>
      </c>
      <c r="F3390" t="s">
        <v>72</v>
      </c>
      <c r="G3390" t="s">
        <v>78</v>
      </c>
      <c r="H3390" t="s">
        <v>72</v>
      </c>
      <c r="I3390" s="8">
        <v>2033</v>
      </c>
      <c r="J3390" t="s">
        <v>48</v>
      </c>
      <c r="K3390" s="10"/>
      <c r="M3390" s="10"/>
      <c r="N3390">
        <v>0</v>
      </c>
    </row>
    <row r="3391" spans="1:14" hidden="1">
      <c r="A3391" s="7" t="s">
        <v>10</v>
      </c>
      <c r="B3391" s="8"/>
      <c r="C3391" s="8"/>
      <c r="D3391" t="s">
        <v>77</v>
      </c>
      <c r="E3391" s="8" t="s">
        <v>12</v>
      </c>
      <c r="F3391" t="s">
        <v>72</v>
      </c>
      <c r="G3391" t="s">
        <v>78</v>
      </c>
      <c r="H3391" t="s">
        <v>72</v>
      </c>
      <c r="I3391" s="8">
        <v>2033</v>
      </c>
      <c r="J3391" t="s">
        <v>14</v>
      </c>
      <c r="K3391" s="10">
        <v>29342.776470588236</v>
      </c>
      <c r="M3391" s="10"/>
      <c r="N3391">
        <v>0</v>
      </c>
    </row>
    <row r="3392" spans="1:14" hidden="1">
      <c r="A3392" s="7" t="s">
        <v>10</v>
      </c>
      <c r="B3392" s="8"/>
      <c r="C3392" s="8"/>
      <c r="D3392" t="s">
        <v>77</v>
      </c>
      <c r="E3392" s="8" t="s">
        <v>12</v>
      </c>
      <c r="F3392" t="s">
        <v>72</v>
      </c>
      <c r="G3392" t="s">
        <v>78</v>
      </c>
      <c r="H3392" t="s">
        <v>72</v>
      </c>
      <c r="I3392" s="8">
        <v>2033</v>
      </c>
      <c r="J3392" t="s">
        <v>49</v>
      </c>
      <c r="K3392" s="10"/>
      <c r="M3392" s="10"/>
      <c r="N3392">
        <v>0</v>
      </c>
    </row>
    <row r="3393" spans="1:14" hidden="1">
      <c r="A3393" s="7" t="s">
        <v>10</v>
      </c>
      <c r="B3393" s="8"/>
      <c r="C3393" s="8"/>
      <c r="D3393" t="s">
        <v>77</v>
      </c>
      <c r="E3393" s="8" t="s">
        <v>12</v>
      </c>
      <c r="F3393" t="s">
        <v>72</v>
      </c>
      <c r="G3393" t="s">
        <v>79</v>
      </c>
      <c r="H3393" t="s">
        <v>72</v>
      </c>
      <c r="I3393" s="8">
        <v>2033</v>
      </c>
      <c r="J3393" t="s">
        <v>15</v>
      </c>
      <c r="K3393" s="10"/>
      <c r="M3393" s="10"/>
      <c r="N3393">
        <v>0</v>
      </c>
    </row>
    <row r="3394" spans="1:14" hidden="1">
      <c r="A3394" s="7" t="s">
        <v>10</v>
      </c>
      <c r="B3394" s="8"/>
      <c r="C3394" s="8"/>
      <c r="D3394" t="s">
        <v>77</v>
      </c>
      <c r="E3394" s="8" t="s">
        <v>12</v>
      </c>
      <c r="F3394" t="s">
        <v>72</v>
      </c>
      <c r="G3394" t="s">
        <v>79</v>
      </c>
      <c r="H3394" t="s">
        <v>72</v>
      </c>
      <c r="I3394" s="8">
        <v>2033</v>
      </c>
      <c r="J3394" t="s">
        <v>50</v>
      </c>
      <c r="K3394" s="10"/>
      <c r="M3394" s="10"/>
      <c r="N3394">
        <v>0</v>
      </c>
    </row>
    <row r="3395" spans="1:14" hidden="1">
      <c r="A3395" s="7" t="s">
        <v>10</v>
      </c>
      <c r="B3395" s="8"/>
      <c r="C3395" s="8"/>
      <c r="D3395" t="s">
        <v>77</v>
      </c>
      <c r="E3395" s="8" t="s">
        <v>12</v>
      </c>
      <c r="F3395" t="s">
        <v>72</v>
      </c>
      <c r="G3395" t="s">
        <v>19</v>
      </c>
      <c r="H3395" t="s">
        <v>72</v>
      </c>
      <c r="I3395" s="8">
        <v>2033</v>
      </c>
      <c r="J3395" t="s">
        <v>19</v>
      </c>
      <c r="K3395" s="10"/>
      <c r="M3395" s="10"/>
      <c r="N3395">
        <v>0</v>
      </c>
    </row>
    <row r="3396" spans="1:14" hidden="1">
      <c r="A3396" s="7" t="s">
        <v>10</v>
      </c>
      <c r="B3396" s="8"/>
      <c r="C3396" s="8"/>
      <c r="D3396" t="s">
        <v>77</v>
      </c>
      <c r="E3396" s="8" t="s">
        <v>12</v>
      </c>
      <c r="F3396" t="s">
        <v>72</v>
      </c>
      <c r="G3396" t="s">
        <v>78</v>
      </c>
      <c r="H3396" t="s">
        <v>72</v>
      </c>
      <c r="I3396" s="8">
        <v>2033</v>
      </c>
      <c r="J3396" t="s">
        <v>21</v>
      </c>
      <c r="K3396" s="10"/>
      <c r="M3396" s="10"/>
      <c r="N3396">
        <v>0</v>
      </c>
    </row>
    <row r="3397" spans="1:14" hidden="1">
      <c r="A3397" s="7" t="s">
        <v>10</v>
      </c>
      <c r="B3397" s="8"/>
      <c r="C3397" s="8"/>
      <c r="D3397" t="s">
        <v>77</v>
      </c>
      <c r="E3397" s="8" t="s">
        <v>12</v>
      </c>
      <c r="F3397" t="s">
        <v>72</v>
      </c>
      <c r="G3397" t="s">
        <v>78</v>
      </c>
      <c r="H3397" t="s">
        <v>72</v>
      </c>
      <c r="I3397" s="8">
        <v>2033</v>
      </c>
      <c r="J3397" t="s">
        <v>51</v>
      </c>
      <c r="K3397" s="10"/>
      <c r="M3397" s="10"/>
      <c r="N3397">
        <v>0</v>
      </c>
    </row>
    <row r="3398" spans="1:14" hidden="1">
      <c r="A3398" s="7" t="s">
        <v>10</v>
      </c>
      <c r="B3398" s="8"/>
      <c r="C3398" s="8"/>
      <c r="D3398" t="s">
        <v>77</v>
      </c>
      <c r="E3398" s="8" t="s">
        <v>12</v>
      </c>
      <c r="F3398" t="s">
        <v>72</v>
      </c>
      <c r="G3398" t="s">
        <v>78</v>
      </c>
      <c r="H3398" t="s">
        <v>72</v>
      </c>
      <c r="I3398" s="8">
        <v>2034</v>
      </c>
      <c r="J3398" t="s">
        <v>47</v>
      </c>
      <c r="K3398" s="10"/>
      <c r="M3398" s="10"/>
      <c r="N3398">
        <v>0</v>
      </c>
    </row>
    <row r="3399" spans="1:14" hidden="1">
      <c r="A3399" s="7" t="s">
        <v>10</v>
      </c>
      <c r="B3399" s="8"/>
      <c r="C3399" s="8"/>
      <c r="D3399" t="s">
        <v>77</v>
      </c>
      <c r="E3399" s="8" t="s">
        <v>12</v>
      </c>
      <c r="F3399" t="s">
        <v>72</v>
      </c>
      <c r="G3399" t="s">
        <v>78</v>
      </c>
      <c r="H3399" t="s">
        <v>72</v>
      </c>
      <c r="I3399" s="8">
        <v>2034</v>
      </c>
      <c r="J3399" t="s">
        <v>48</v>
      </c>
      <c r="K3399" s="10"/>
      <c r="M3399" s="10"/>
      <c r="N3399">
        <v>0</v>
      </c>
    </row>
    <row r="3400" spans="1:14" hidden="1">
      <c r="A3400" s="7" t="s">
        <v>10</v>
      </c>
      <c r="B3400" s="8"/>
      <c r="C3400" s="8"/>
      <c r="D3400" t="s">
        <v>77</v>
      </c>
      <c r="E3400" s="8" t="s">
        <v>12</v>
      </c>
      <c r="F3400" t="s">
        <v>72</v>
      </c>
      <c r="G3400" t="s">
        <v>78</v>
      </c>
      <c r="H3400" t="s">
        <v>72</v>
      </c>
      <c r="I3400" s="8">
        <v>2034</v>
      </c>
      <c r="J3400" t="s">
        <v>14</v>
      </c>
      <c r="K3400" s="10">
        <v>29342.776470588236</v>
      </c>
      <c r="M3400" s="10"/>
      <c r="N3400">
        <v>0</v>
      </c>
    </row>
    <row r="3401" spans="1:14" hidden="1">
      <c r="A3401" s="7" t="s">
        <v>10</v>
      </c>
      <c r="B3401" s="8"/>
      <c r="C3401" s="8"/>
      <c r="D3401" t="s">
        <v>77</v>
      </c>
      <c r="E3401" s="8" t="s">
        <v>12</v>
      </c>
      <c r="F3401" t="s">
        <v>72</v>
      </c>
      <c r="G3401" t="s">
        <v>78</v>
      </c>
      <c r="H3401" t="s">
        <v>72</v>
      </c>
      <c r="I3401" s="8">
        <v>2034</v>
      </c>
      <c r="J3401" t="s">
        <v>49</v>
      </c>
      <c r="K3401" s="10"/>
      <c r="M3401" s="10"/>
      <c r="N3401">
        <v>0</v>
      </c>
    </row>
    <row r="3402" spans="1:14" hidden="1">
      <c r="A3402" s="7" t="s">
        <v>10</v>
      </c>
      <c r="B3402" s="8"/>
      <c r="C3402" s="8"/>
      <c r="D3402" t="s">
        <v>77</v>
      </c>
      <c r="E3402" s="8" t="s">
        <v>12</v>
      </c>
      <c r="F3402" t="s">
        <v>72</v>
      </c>
      <c r="G3402" t="s">
        <v>79</v>
      </c>
      <c r="H3402" t="s">
        <v>72</v>
      </c>
      <c r="I3402" s="8">
        <v>2034</v>
      </c>
      <c r="J3402" t="s">
        <v>15</v>
      </c>
      <c r="K3402" s="10"/>
      <c r="M3402" s="10"/>
      <c r="N3402">
        <v>0</v>
      </c>
    </row>
    <row r="3403" spans="1:14" hidden="1">
      <c r="A3403" s="7" t="s">
        <v>10</v>
      </c>
      <c r="B3403" s="8"/>
      <c r="C3403" s="8"/>
      <c r="D3403" t="s">
        <v>77</v>
      </c>
      <c r="E3403" s="8" t="s">
        <v>12</v>
      </c>
      <c r="F3403" t="s">
        <v>72</v>
      </c>
      <c r="G3403" t="s">
        <v>79</v>
      </c>
      <c r="H3403" t="s">
        <v>72</v>
      </c>
      <c r="I3403" s="8">
        <v>2034</v>
      </c>
      <c r="J3403" t="s">
        <v>50</v>
      </c>
      <c r="K3403" s="10"/>
      <c r="M3403" s="10"/>
      <c r="N3403">
        <v>0</v>
      </c>
    </row>
    <row r="3404" spans="1:14" hidden="1">
      <c r="A3404" s="7" t="s">
        <v>10</v>
      </c>
      <c r="B3404" s="8"/>
      <c r="C3404" s="8"/>
      <c r="D3404" t="s">
        <v>77</v>
      </c>
      <c r="E3404" s="8" t="s">
        <v>12</v>
      </c>
      <c r="F3404" t="s">
        <v>72</v>
      </c>
      <c r="G3404" t="s">
        <v>19</v>
      </c>
      <c r="H3404" t="s">
        <v>72</v>
      </c>
      <c r="I3404" s="8">
        <v>2034</v>
      </c>
      <c r="J3404" t="s">
        <v>19</v>
      </c>
      <c r="K3404" s="10"/>
      <c r="M3404" s="10"/>
      <c r="N3404">
        <v>0</v>
      </c>
    </row>
    <row r="3405" spans="1:14" hidden="1">
      <c r="A3405" s="7" t="s">
        <v>10</v>
      </c>
      <c r="B3405" s="8"/>
      <c r="C3405" s="8"/>
      <c r="D3405" t="s">
        <v>77</v>
      </c>
      <c r="E3405" s="8" t="s">
        <v>12</v>
      </c>
      <c r="F3405" t="s">
        <v>72</v>
      </c>
      <c r="G3405" t="s">
        <v>78</v>
      </c>
      <c r="H3405" t="s">
        <v>72</v>
      </c>
      <c r="I3405" s="8">
        <v>2034</v>
      </c>
      <c r="J3405" t="s">
        <v>21</v>
      </c>
      <c r="K3405" s="10"/>
      <c r="M3405" s="10"/>
      <c r="N3405">
        <v>0</v>
      </c>
    </row>
    <row r="3406" spans="1:14" hidden="1">
      <c r="A3406" s="7" t="s">
        <v>10</v>
      </c>
      <c r="B3406" s="8"/>
      <c r="C3406" s="8"/>
      <c r="D3406" t="s">
        <v>77</v>
      </c>
      <c r="E3406" s="8" t="s">
        <v>12</v>
      </c>
      <c r="F3406" t="s">
        <v>72</v>
      </c>
      <c r="G3406" t="s">
        <v>78</v>
      </c>
      <c r="H3406" t="s">
        <v>72</v>
      </c>
      <c r="I3406" s="8">
        <v>2034</v>
      </c>
      <c r="J3406" t="s">
        <v>51</v>
      </c>
      <c r="K3406" s="10"/>
      <c r="M3406" s="10"/>
      <c r="N3406">
        <v>0</v>
      </c>
    </row>
    <row r="3407" spans="1:14">
      <c r="A3407" s="7" t="s">
        <v>10</v>
      </c>
      <c r="B3407" s="8"/>
      <c r="C3407" s="8"/>
      <c r="D3407" t="s">
        <v>80</v>
      </c>
      <c r="E3407" s="8" t="s">
        <v>12</v>
      </c>
      <c r="F3407" t="s">
        <v>73</v>
      </c>
      <c r="G3407" t="s">
        <v>78</v>
      </c>
      <c r="H3407" t="s">
        <v>81</v>
      </c>
      <c r="I3407" s="8">
        <v>2025</v>
      </c>
      <c r="J3407" t="s">
        <v>47</v>
      </c>
      <c r="K3407" s="10"/>
      <c r="M3407" s="10"/>
      <c r="N3407">
        <v>0</v>
      </c>
    </row>
    <row r="3408" spans="1:14">
      <c r="A3408" s="7" t="s">
        <v>10</v>
      </c>
      <c r="B3408" s="8"/>
      <c r="C3408" s="8"/>
      <c r="D3408" t="s">
        <v>80</v>
      </c>
      <c r="E3408" s="8" t="s">
        <v>12</v>
      </c>
      <c r="F3408" t="s">
        <v>73</v>
      </c>
      <c r="G3408" t="s">
        <v>78</v>
      </c>
      <c r="H3408" t="s">
        <v>81</v>
      </c>
      <c r="I3408" s="8">
        <v>2025</v>
      </c>
      <c r="J3408" t="s">
        <v>48</v>
      </c>
      <c r="K3408" s="10"/>
      <c r="M3408" s="10"/>
      <c r="N3408">
        <v>0</v>
      </c>
    </row>
    <row r="3409" spans="1:14">
      <c r="A3409" s="7" t="s">
        <v>10</v>
      </c>
      <c r="B3409" s="8"/>
      <c r="C3409" s="8"/>
      <c r="D3409" t="s">
        <v>80</v>
      </c>
      <c r="E3409" s="8" t="s">
        <v>12</v>
      </c>
      <c r="F3409" t="s">
        <v>73</v>
      </c>
      <c r="G3409" t="s">
        <v>78</v>
      </c>
      <c r="H3409" t="s">
        <v>81</v>
      </c>
      <c r="I3409" s="8">
        <v>2025</v>
      </c>
      <c r="J3409" t="s">
        <v>14</v>
      </c>
      <c r="K3409" s="10">
        <v>276</v>
      </c>
      <c r="L3409">
        <v>276</v>
      </c>
      <c r="M3409" s="10"/>
      <c r="N3409">
        <v>0</v>
      </c>
    </row>
    <row r="3410" spans="1:14">
      <c r="A3410" s="7" t="s">
        <v>10</v>
      </c>
      <c r="B3410" s="8"/>
      <c r="C3410" s="8"/>
      <c r="D3410" t="s">
        <v>80</v>
      </c>
      <c r="E3410" s="8" t="s">
        <v>12</v>
      </c>
      <c r="F3410" t="s">
        <v>73</v>
      </c>
      <c r="G3410" t="s">
        <v>78</v>
      </c>
      <c r="H3410" t="s">
        <v>81</v>
      </c>
      <c r="I3410" s="8">
        <v>2025</v>
      </c>
      <c r="J3410" t="s">
        <v>49</v>
      </c>
      <c r="K3410" s="10">
        <v>130</v>
      </c>
      <c r="L3410">
        <v>60</v>
      </c>
      <c r="M3410" s="10">
        <v>100</v>
      </c>
      <c r="N3410">
        <v>0</v>
      </c>
    </row>
    <row r="3411" spans="1:14">
      <c r="A3411" s="7" t="s">
        <v>10</v>
      </c>
      <c r="B3411" s="8"/>
      <c r="C3411" s="8"/>
      <c r="D3411" t="s">
        <v>80</v>
      </c>
      <c r="E3411" s="8" t="s">
        <v>12</v>
      </c>
      <c r="F3411" t="s">
        <v>73</v>
      </c>
      <c r="G3411" t="s">
        <v>79</v>
      </c>
      <c r="H3411" t="s">
        <v>81</v>
      </c>
      <c r="I3411" s="8">
        <v>2025</v>
      </c>
      <c r="J3411" t="s">
        <v>15</v>
      </c>
      <c r="K3411" s="10">
        <v>250</v>
      </c>
      <c r="L3411">
        <v>250</v>
      </c>
      <c r="M3411" s="10"/>
      <c r="N3411">
        <v>0</v>
      </c>
    </row>
    <row r="3412" spans="1:14">
      <c r="A3412" s="7" t="s">
        <v>10</v>
      </c>
      <c r="B3412" s="8"/>
      <c r="C3412" s="8"/>
      <c r="D3412" t="s">
        <v>80</v>
      </c>
      <c r="E3412" s="8" t="s">
        <v>12</v>
      </c>
      <c r="F3412" t="s">
        <v>73</v>
      </c>
      <c r="G3412" t="s">
        <v>79</v>
      </c>
      <c r="H3412" t="s">
        <v>81</v>
      </c>
      <c r="I3412" s="8">
        <v>2025</v>
      </c>
      <c r="J3412" t="s">
        <v>50</v>
      </c>
      <c r="K3412" s="10">
        <v>680</v>
      </c>
      <c r="L3412">
        <v>250</v>
      </c>
      <c r="M3412" s="10">
        <v>430</v>
      </c>
      <c r="N3412">
        <v>0</v>
      </c>
    </row>
    <row r="3413" spans="1:14">
      <c r="A3413" s="7" t="s">
        <v>10</v>
      </c>
      <c r="B3413" s="8"/>
      <c r="C3413" s="8"/>
      <c r="D3413" t="s">
        <v>80</v>
      </c>
      <c r="E3413" s="8" t="s">
        <v>12</v>
      </c>
      <c r="F3413" t="s">
        <v>73</v>
      </c>
      <c r="G3413" t="s">
        <v>19</v>
      </c>
      <c r="H3413" t="s">
        <v>81</v>
      </c>
      <c r="I3413" s="8">
        <v>2025</v>
      </c>
      <c r="J3413" t="s">
        <v>19</v>
      </c>
      <c r="K3413" s="10"/>
      <c r="M3413" s="10"/>
      <c r="N3413">
        <v>0</v>
      </c>
    </row>
    <row r="3414" spans="1:14">
      <c r="A3414" s="7" t="s">
        <v>10</v>
      </c>
      <c r="B3414" s="8"/>
      <c r="C3414" s="8"/>
      <c r="D3414" t="s">
        <v>80</v>
      </c>
      <c r="E3414" s="8" t="s">
        <v>12</v>
      </c>
      <c r="F3414" t="s">
        <v>73</v>
      </c>
      <c r="G3414" t="s">
        <v>78</v>
      </c>
      <c r="H3414" t="s">
        <v>81</v>
      </c>
      <c r="I3414" s="8">
        <v>2025</v>
      </c>
      <c r="J3414" t="s">
        <v>21</v>
      </c>
      <c r="K3414" s="10"/>
      <c r="M3414" s="10"/>
      <c r="N3414">
        <v>0</v>
      </c>
    </row>
    <row r="3415" spans="1:14">
      <c r="A3415" s="7" t="s">
        <v>10</v>
      </c>
      <c r="B3415" s="8"/>
      <c r="C3415" s="8"/>
      <c r="D3415" t="s">
        <v>80</v>
      </c>
      <c r="E3415" s="8" t="s">
        <v>12</v>
      </c>
      <c r="F3415" t="s">
        <v>73</v>
      </c>
      <c r="G3415" t="s">
        <v>78</v>
      </c>
      <c r="H3415" t="s">
        <v>81</v>
      </c>
      <c r="I3415" s="8">
        <v>2025</v>
      </c>
      <c r="J3415" t="s">
        <v>51</v>
      </c>
      <c r="K3415" s="10"/>
      <c r="M3415" s="10"/>
      <c r="N3415">
        <v>0</v>
      </c>
    </row>
    <row r="3416" spans="1:14" hidden="1">
      <c r="A3416" s="7" t="s">
        <v>10</v>
      </c>
      <c r="B3416" s="8"/>
      <c r="C3416" s="8"/>
      <c r="D3416" t="s">
        <v>80</v>
      </c>
      <c r="E3416" s="8" t="s">
        <v>12</v>
      </c>
      <c r="F3416" t="s">
        <v>73</v>
      </c>
      <c r="G3416" t="s">
        <v>78</v>
      </c>
      <c r="H3416" t="s">
        <v>81</v>
      </c>
      <c r="I3416" s="8">
        <v>2026</v>
      </c>
      <c r="J3416" t="s">
        <v>47</v>
      </c>
      <c r="K3416" s="10"/>
      <c r="M3416" s="10"/>
      <c r="N3416">
        <v>0</v>
      </c>
    </row>
    <row r="3417" spans="1:14" hidden="1">
      <c r="A3417" s="7" t="s">
        <v>10</v>
      </c>
      <c r="B3417" s="8"/>
      <c r="C3417" s="8"/>
      <c r="D3417" t="s">
        <v>80</v>
      </c>
      <c r="E3417" s="8" t="s">
        <v>12</v>
      </c>
      <c r="F3417" t="s">
        <v>73</v>
      </c>
      <c r="G3417" t="s">
        <v>78</v>
      </c>
      <c r="H3417" t="s">
        <v>81</v>
      </c>
      <c r="I3417" s="8">
        <v>2026</v>
      </c>
      <c r="J3417" t="s">
        <v>48</v>
      </c>
      <c r="K3417" s="10"/>
      <c r="M3417" s="10"/>
      <c r="N3417">
        <v>0</v>
      </c>
    </row>
    <row r="3418" spans="1:14" hidden="1">
      <c r="A3418" s="7" t="s">
        <v>10</v>
      </c>
      <c r="B3418" s="8"/>
      <c r="C3418" s="8"/>
      <c r="D3418" t="s">
        <v>80</v>
      </c>
      <c r="E3418" s="8" t="s">
        <v>12</v>
      </c>
      <c r="F3418" t="s">
        <v>73</v>
      </c>
      <c r="G3418" t="s">
        <v>78</v>
      </c>
      <c r="H3418" t="s">
        <v>81</v>
      </c>
      <c r="I3418" s="8">
        <v>2026</v>
      </c>
      <c r="J3418" t="s">
        <v>14</v>
      </c>
      <c r="K3418" s="10">
        <v>276</v>
      </c>
      <c r="L3418">
        <v>276</v>
      </c>
      <c r="M3418" s="10"/>
      <c r="N3418">
        <v>0</v>
      </c>
    </row>
    <row r="3419" spans="1:14" hidden="1">
      <c r="A3419" s="7" t="s">
        <v>10</v>
      </c>
      <c r="B3419" s="8"/>
      <c r="C3419" s="8"/>
      <c r="D3419" t="s">
        <v>80</v>
      </c>
      <c r="E3419" s="8" t="s">
        <v>12</v>
      </c>
      <c r="F3419" t="s">
        <v>73</v>
      </c>
      <c r="G3419" t="s">
        <v>78</v>
      </c>
      <c r="H3419" t="s">
        <v>81</v>
      </c>
      <c r="I3419" s="8">
        <v>2026</v>
      </c>
      <c r="J3419" t="s">
        <v>49</v>
      </c>
      <c r="K3419" s="10">
        <v>170</v>
      </c>
      <c r="L3419">
        <v>60</v>
      </c>
      <c r="M3419" s="10">
        <v>110</v>
      </c>
      <c r="N3419">
        <v>0</v>
      </c>
    </row>
    <row r="3420" spans="1:14" hidden="1">
      <c r="A3420" s="7" t="s">
        <v>10</v>
      </c>
      <c r="B3420" s="8"/>
      <c r="C3420" s="8"/>
      <c r="D3420" t="s">
        <v>80</v>
      </c>
      <c r="E3420" s="8" t="s">
        <v>12</v>
      </c>
      <c r="F3420" t="s">
        <v>73</v>
      </c>
      <c r="G3420" t="s">
        <v>79</v>
      </c>
      <c r="H3420" t="s">
        <v>81</v>
      </c>
      <c r="I3420" s="8">
        <v>2026</v>
      </c>
      <c r="J3420" t="s">
        <v>15</v>
      </c>
      <c r="K3420" s="10">
        <v>480</v>
      </c>
      <c r="L3420">
        <v>250</v>
      </c>
      <c r="M3420" s="10">
        <v>230</v>
      </c>
      <c r="N3420">
        <v>0</v>
      </c>
    </row>
    <row r="3421" spans="1:14" hidden="1">
      <c r="A3421" s="7" t="s">
        <v>10</v>
      </c>
      <c r="B3421" s="8"/>
      <c r="C3421" s="8"/>
      <c r="D3421" t="s">
        <v>80</v>
      </c>
      <c r="E3421" s="8" t="s">
        <v>12</v>
      </c>
      <c r="F3421" t="s">
        <v>73</v>
      </c>
      <c r="G3421" t="s">
        <v>79</v>
      </c>
      <c r="H3421" t="s">
        <v>81</v>
      </c>
      <c r="I3421" s="8">
        <v>2026</v>
      </c>
      <c r="J3421" t="s">
        <v>50</v>
      </c>
      <c r="K3421" s="10">
        <v>770</v>
      </c>
      <c r="L3421">
        <v>250</v>
      </c>
      <c r="M3421" s="10">
        <v>520</v>
      </c>
      <c r="N3421">
        <v>0</v>
      </c>
    </row>
    <row r="3422" spans="1:14" hidden="1">
      <c r="A3422" s="7" t="s">
        <v>10</v>
      </c>
      <c r="B3422" s="8"/>
      <c r="C3422" s="8"/>
      <c r="D3422" t="s">
        <v>80</v>
      </c>
      <c r="E3422" s="8" t="s">
        <v>12</v>
      </c>
      <c r="F3422" t="s">
        <v>73</v>
      </c>
      <c r="G3422" t="s">
        <v>19</v>
      </c>
      <c r="H3422" t="s">
        <v>81</v>
      </c>
      <c r="I3422" s="8">
        <v>2026</v>
      </c>
      <c r="J3422" t="s">
        <v>19</v>
      </c>
      <c r="K3422" s="10"/>
      <c r="M3422" s="10"/>
      <c r="N3422">
        <v>0</v>
      </c>
    </row>
    <row r="3423" spans="1:14" hidden="1">
      <c r="A3423" s="7" t="s">
        <v>10</v>
      </c>
      <c r="B3423" s="8"/>
      <c r="C3423" s="8"/>
      <c r="D3423" t="s">
        <v>80</v>
      </c>
      <c r="E3423" s="8" t="s">
        <v>12</v>
      </c>
      <c r="F3423" t="s">
        <v>73</v>
      </c>
      <c r="G3423" t="s">
        <v>78</v>
      </c>
      <c r="H3423" t="s">
        <v>81</v>
      </c>
      <c r="I3423" s="8">
        <v>2026</v>
      </c>
      <c r="J3423" t="s">
        <v>21</v>
      </c>
      <c r="K3423" s="10"/>
      <c r="M3423" s="10"/>
      <c r="N3423">
        <v>0</v>
      </c>
    </row>
    <row r="3424" spans="1:14" hidden="1">
      <c r="A3424" s="7" t="s">
        <v>10</v>
      </c>
      <c r="B3424" s="8"/>
      <c r="C3424" s="8"/>
      <c r="D3424" t="s">
        <v>80</v>
      </c>
      <c r="E3424" s="8" t="s">
        <v>12</v>
      </c>
      <c r="F3424" t="s">
        <v>73</v>
      </c>
      <c r="G3424" t="s">
        <v>78</v>
      </c>
      <c r="H3424" t="s">
        <v>81</v>
      </c>
      <c r="I3424" s="8">
        <v>2026</v>
      </c>
      <c r="J3424" t="s">
        <v>51</v>
      </c>
      <c r="K3424" s="10"/>
      <c r="M3424" s="10"/>
      <c r="N3424">
        <v>0</v>
      </c>
    </row>
    <row r="3425" spans="1:14" hidden="1">
      <c r="A3425" s="7" t="s">
        <v>10</v>
      </c>
      <c r="B3425" s="8"/>
      <c r="C3425" s="8"/>
      <c r="D3425" t="s">
        <v>80</v>
      </c>
      <c r="E3425" s="8" t="s">
        <v>12</v>
      </c>
      <c r="F3425" t="s">
        <v>73</v>
      </c>
      <c r="G3425" t="s">
        <v>78</v>
      </c>
      <c r="H3425" t="s">
        <v>81</v>
      </c>
      <c r="I3425" s="8">
        <v>2027</v>
      </c>
      <c r="J3425" t="s">
        <v>47</v>
      </c>
      <c r="K3425" s="10"/>
      <c r="M3425" s="10"/>
      <c r="N3425">
        <v>0</v>
      </c>
    </row>
    <row r="3426" spans="1:14" hidden="1">
      <c r="A3426" s="7" t="s">
        <v>10</v>
      </c>
      <c r="B3426" s="8"/>
      <c r="C3426" s="8"/>
      <c r="D3426" t="s">
        <v>80</v>
      </c>
      <c r="E3426" s="8" t="s">
        <v>12</v>
      </c>
      <c r="F3426" t="s">
        <v>73</v>
      </c>
      <c r="G3426" t="s">
        <v>78</v>
      </c>
      <c r="H3426" t="s">
        <v>81</v>
      </c>
      <c r="I3426" s="8">
        <v>2027</v>
      </c>
      <c r="J3426" t="s">
        <v>48</v>
      </c>
      <c r="K3426" s="10"/>
      <c r="M3426" s="10"/>
      <c r="N3426">
        <v>0</v>
      </c>
    </row>
    <row r="3427" spans="1:14" hidden="1">
      <c r="A3427" s="7" t="s">
        <v>10</v>
      </c>
      <c r="B3427" s="8"/>
      <c r="C3427" s="8"/>
      <c r="D3427" t="s">
        <v>80</v>
      </c>
      <c r="E3427" s="8" t="s">
        <v>12</v>
      </c>
      <c r="F3427" t="s">
        <v>73</v>
      </c>
      <c r="G3427" t="s">
        <v>78</v>
      </c>
      <c r="H3427" t="s">
        <v>81</v>
      </c>
      <c r="I3427" s="8">
        <v>2027</v>
      </c>
      <c r="J3427" t="s">
        <v>14</v>
      </c>
      <c r="K3427" s="10">
        <v>398</v>
      </c>
      <c r="L3427">
        <v>276</v>
      </c>
      <c r="M3427" s="10">
        <v>122</v>
      </c>
      <c r="N3427">
        <v>0</v>
      </c>
    </row>
    <row r="3428" spans="1:14" hidden="1">
      <c r="A3428" s="7" t="s">
        <v>10</v>
      </c>
      <c r="B3428" s="8"/>
      <c r="C3428" s="8"/>
      <c r="D3428" t="s">
        <v>80</v>
      </c>
      <c r="E3428" s="8" t="s">
        <v>12</v>
      </c>
      <c r="F3428" t="s">
        <v>73</v>
      </c>
      <c r="G3428" t="s">
        <v>78</v>
      </c>
      <c r="H3428" t="s">
        <v>81</v>
      </c>
      <c r="I3428" s="8">
        <v>2027</v>
      </c>
      <c r="J3428" t="s">
        <v>49</v>
      </c>
      <c r="K3428" s="10">
        <v>122</v>
      </c>
      <c r="L3428">
        <v>60</v>
      </c>
      <c r="M3428" s="10">
        <v>62</v>
      </c>
      <c r="N3428">
        <v>0</v>
      </c>
    </row>
    <row r="3429" spans="1:14" hidden="1">
      <c r="A3429" s="7" t="s">
        <v>10</v>
      </c>
      <c r="B3429" s="8"/>
      <c r="C3429" s="8"/>
      <c r="D3429" t="s">
        <v>80</v>
      </c>
      <c r="E3429" s="8" t="s">
        <v>12</v>
      </c>
      <c r="F3429" t="s">
        <v>73</v>
      </c>
      <c r="G3429" t="s">
        <v>79</v>
      </c>
      <c r="H3429" t="s">
        <v>81</v>
      </c>
      <c r="I3429" s="8">
        <v>2027</v>
      </c>
      <c r="J3429" t="s">
        <v>15</v>
      </c>
      <c r="K3429" s="10">
        <v>866</v>
      </c>
      <c r="L3429">
        <v>300</v>
      </c>
      <c r="M3429" s="10">
        <v>566</v>
      </c>
      <c r="N3429">
        <v>0</v>
      </c>
    </row>
    <row r="3430" spans="1:14" hidden="1">
      <c r="A3430" s="7" t="s">
        <v>10</v>
      </c>
      <c r="B3430" s="8"/>
      <c r="C3430" s="8"/>
      <c r="D3430" t="s">
        <v>80</v>
      </c>
      <c r="E3430" s="8" t="s">
        <v>12</v>
      </c>
      <c r="F3430" t="s">
        <v>73</v>
      </c>
      <c r="G3430" t="s">
        <v>79</v>
      </c>
      <c r="H3430" t="s">
        <v>81</v>
      </c>
      <c r="I3430" s="8">
        <v>2027</v>
      </c>
      <c r="J3430" t="s">
        <v>50</v>
      </c>
      <c r="K3430" s="10">
        <v>564</v>
      </c>
      <c r="L3430">
        <v>200</v>
      </c>
      <c r="M3430" s="10">
        <v>364</v>
      </c>
      <c r="N3430">
        <v>0</v>
      </c>
    </row>
    <row r="3431" spans="1:14" hidden="1">
      <c r="A3431" s="7" t="s">
        <v>10</v>
      </c>
      <c r="B3431" s="8"/>
      <c r="C3431" s="8"/>
      <c r="D3431" t="s">
        <v>80</v>
      </c>
      <c r="E3431" s="8" t="s">
        <v>12</v>
      </c>
      <c r="F3431" t="s">
        <v>73</v>
      </c>
      <c r="G3431" t="s">
        <v>19</v>
      </c>
      <c r="H3431" t="s">
        <v>81</v>
      </c>
      <c r="I3431" s="8">
        <v>2027</v>
      </c>
      <c r="J3431" t="s">
        <v>19</v>
      </c>
      <c r="K3431" s="10"/>
      <c r="M3431" s="10"/>
      <c r="N3431">
        <v>0</v>
      </c>
    </row>
    <row r="3432" spans="1:14" hidden="1">
      <c r="A3432" s="7" t="s">
        <v>10</v>
      </c>
      <c r="B3432" s="8"/>
      <c r="C3432" s="8"/>
      <c r="D3432" t="s">
        <v>80</v>
      </c>
      <c r="E3432" s="8" t="s">
        <v>12</v>
      </c>
      <c r="F3432" t="s">
        <v>73</v>
      </c>
      <c r="G3432" t="s">
        <v>78</v>
      </c>
      <c r="H3432" t="s">
        <v>81</v>
      </c>
      <c r="I3432" s="8">
        <v>2027</v>
      </c>
      <c r="J3432" t="s">
        <v>21</v>
      </c>
      <c r="K3432" s="10"/>
      <c r="M3432" s="10"/>
      <c r="N3432">
        <v>0</v>
      </c>
    </row>
    <row r="3433" spans="1:14" hidden="1">
      <c r="A3433" s="7" t="s">
        <v>10</v>
      </c>
      <c r="B3433" s="8"/>
      <c r="C3433" s="8"/>
      <c r="D3433" t="s">
        <v>80</v>
      </c>
      <c r="E3433" s="8" t="s">
        <v>12</v>
      </c>
      <c r="F3433" t="s">
        <v>73</v>
      </c>
      <c r="G3433" t="s">
        <v>78</v>
      </c>
      <c r="H3433" t="s">
        <v>81</v>
      </c>
      <c r="I3433" s="8">
        <v>2027</v>
      </c>
      <c r="J3433" t="s">
        <v>51</v>
      </c>
      <c r="K3433" s="10"/>
      <c r="M3433" s="10"/>
      <c r="N3433">
        <v>0</v>
      </c>
    </row>
    <row r="3434" spans="1:14" hidden="1">
      <c r="A3434" s="7" t="s">
        <v>10</v>
      </c>
      <c r="B3434" s="8"/>
      <c r="C3434" s="8"/>
      <c r="D3434" t="s">
        <v>80</v>
      </c>
      <c r="E3434" s="8" t="s">
        <v>12</v>
      </c>
      <c r="F3434" t="s">
        <v>73</v>
      </c>
      <c r="G3434" t="s">
        <v>78</v>
      </c>
      <c r="H3434" t="s">
        <v>81</v>
      </c>
      <c r="I3434" s="8">
        <v>2028</v>
      </c>
      <c r="J3434" t="s">
        <v>47</v>
      </c>
      <c r="K3434" s="10"/>
      <c r="M3434" s="10"/>
      <c r="N3434">
        <v>0</v>
      </c>
    </row>
    <row r="3435" spans="1:14" hidden="1">
      <c r="A3435" s="7" t="s">
        <v>10</v>
      </c>
      <c r="B3435" s="8"/>
      <c r="C3435" s="8"/>
      <c r="D3435" t="s">
        <v>80</v>
      </c>
      <c r="E3435" s="8" t="s">
        <v>12</v>
      </c>
      <c r="F3435" t="s">
        <v>73</v>
      </c>
      <c r="G3435" t="s">
        <v>78</v>
      </c>
      <c r="H3435" t="s">
        <v>81</v>
      </c>
      <c r="I3435" s="8">
        <v>2028</v>
      </c>
      <c r="J3435" t="s">
        <v>48</v>
      </c>
      <c r="K3435" s="10"/>
      <c r="M3435" s="10"/>
      <c r="N3435">
        <v>0</v>
      </c>
    </row>
    <row r="3436" spans="1:14" hidden="1">
      <c r="A3436" s="7" t="s">
        <v>10</v>
      </c>
      <c r="B3436" s="8"/>
      <c r="C3436" s="8"/>
      <c r="D3436" t="s">
        <v>80</v>
      </c>
      <c r="E3436" s="8" t="s">
        <v>12</v>
      </c>
      <c r="F3436" t="s">
        <v>73</v>
      </c>
      <c r="G3436" t="s">
        <v>78</v>
      </c>
      <c r="H3436" t="s">
        <v>81</v>
      </c>
      <c r="I3436" s="8">
        <v>2028</v>
      </c>
      <c r="J3436" t="s">
        <v>14</v>
      </c>
      <c r="K3436" s="10">
        <v>382</v>
      </c>
      <c r="L3436">
        <v>276</v>
      </c>
      <c r="M3436" s="10">
        <v>106</v>
      </c>
      <c r="N3436">
        <v>0</v>
      </c>
    </row>
    <row r="3437" spans="1:14" hidden="1">
      <c r="A3437" s="7" t="s">
        <v>10</v>
      </c>
      <c r="B3437" s="8"/>
      <c r="C3437" s="8"/>
      <c r="D3437" t="s">
        <v>80</v>
      </c>
      <c r="E3437" s="8" t="s">
        <v>12</v>
      </c>
      <c r="F3437" t="s">
        <v>73</v>
      </c>
      <c r="G3437" t="s">
        <v>78</v>
      </c>
      <c r="H3437" t="s">
        <v>81</v>
      </c>
      <c r="I3437" s="8">
        <v>2028</v>
      </c>
      <c r="J3437" t="s">
        <v>49</v>
      </c>
      <c r="K3437" s="10">
        <v>118</v>
      </c>
      <c r="L3437">
        <v>60</v>
      </c>
      <c r="M3437" s="10">
        <v>58</v>
      </c>
      <c r="N3437">
        <v>0</v>
      </c>
    </row>
    <row r="3438" spans="1:14" hidden="1">
      <c r="A3438" s="7" t="s">
        <v>10</v>
      </c>
      <c r="B3438" s="8"/>
      <c r="C3438" s="8"/>
      <c r="D3438" t="s">
        <v>80</v>
      </c>
      <c r="E3438" s="8" t="s">
        <v>12</v>
      </c>
      <c r="F3438" t="s">
        <v>73</v>
      </c>
      <c r="G3438" t="s">
        <v>79</v>
      </c>
      <c r="H3438" t="s">
        <v>81</v>
      </c>
      <c r="I3438" s="8">
        <v>2028</v>
      </c>
      <c r="J3438" t="s">
        <v>15</v>
      </c>
      <c r="K3438" s="10">
        <v>835</v>
      </c>
      <c r="L3438">
        <v>300</v>
      </c>
      <c r="M3438" s="10">
        <v>535</v>
      </c>
      <c r="N3438">
        <v>0</v>
      </c>
    </row>
    <row r="3439" spans="1:14" hidden="1">
      <c r="A3439" s="7" t="s">
        <v>10</v>
      </c>
      <c r="B3439" s="8"/>
      <c r="C3439" s="8"/>
      <c r="D3439" t="s">
        <v>80</v>
      </c>
      <c r="E3439" s="8" t="s">
        <v>12</v>
      </c>
      <c r="F3439" t="s">
        <v>73</v>
      </c>
      <c r="G3439" t="s">
        <v>79</v>
      </c>
      <c r="H3439" t="s">
        <v>81</v>
      </c>
      <c r="I3439" s="8">
        <v>2028</v>
      </c>
      <c r="J3439" t="s">
        <v>50</v>
      </c>
      <c r="K3439" s="10">
        <v>545</v>
      </c>
      <c r="L3439">
        <v>200</v>
      </c>
      <c r="M3439" s="10">
        <v>345</v>
      </c>
      <c r="N3439">
        <v>0</v>
      </c>
    </row>
    <row r="3440" spans="1:14" hidden="1">
      <c r="A3440" s="7" t="s">
        <v>10</v>
      </c>
      <c r="B3440" s="8"/>
      <c r="C3440" s="8"/>
      <c r="D3440" t="s">
        <v>80</v>
      </c>
      <c r="E3440" s="8" t="s">
        <v>12</v>
      </c>
      <c r="F3440" t="s">
        <v>73</v>
      </c>
      <c r="G3440" t="s">
        <v>19</v>
      </c>
      <c r="H3440" t="s">
        <v>81</v>
      </c>
      <c r="I3440" s="8">
        <v>2028</v>
      </c>
      <c r="J3440" t="s">
        <v>19</v>
      </c>
      <c r="K3440" s="10"/>
      <c r="M3440" s="10"/>
      <c r="N3440">
        <v>0</v>
      </c>
    </row>
    <row r="3441" spans="1:14" hidden="1">
      <c r="A3441" s="7" t="s">
        <v>10</v>
      </c>
      <c r="B3441" s="8"/>
      <c r="C3441" s="8"/>
      <c r="D3441" t="s">
        <v>80</v>
      </c>
      <c r="E3441" s="8" t="s">
        <v>12</v>
      </c>
      <c r="F3441" t="s">
        <v>73</v>
      </c>
      <c r="G3441" t="s">
        <v>78</v>
      </c>
      <c r="H3441" t="s">
        <v>81</v>
      </c>
      <c r="I3441" s="8">
        <v>2028</v>
      </c>
      <c r="J3441" t="s">
        <v>21</v>
      </c>
      <c r="K3441" s="10"/>
      <c r="M3441" s="10"/>
      <c r="N3441">
        <v>0</v>
      </c>
    </row>
    <row r="3442" spans="1:14" hidden="1">
      <c r="A3442" s="7" t="s">
        <v>10</v>
      </c>
      <c r="B3442" s="8"/>
      <c r="C3442" s="8"/>
      <c r="D3442" t="s">
        <v>80</v>
      </c>
      <c r="E3442" s="8" t="s">
        <v>12</v>
      </c>
      <c r="F3442" t="s">
        <v>73</v>
      </c>
      <c r="G3442" t="s">
        <v>78</v>
      </c>
      <c r="H3442" t="s">
        <v>81</v>
      </c>
      <c r="I3442" s="8">
        <v>2028</v>
      </c>
      <c r="J3442" t="s">
        <v>51</v>
      </c>
      <c r="K3442" s="10"/>
      <c r="M3442" s="10"/>
      <c r="N3442">
        <v>0</v>
      </c>
    </row>
    <row r="3443" spans="1:14" hidden="1">
      <c r="A3443" s="7" t="s">
        <v>10</v>
      </c>
      <c r="B3443" s="8"/>
      <c r="C3443" s="8"/>
      <c r="D3443" t="s">
        <v>80</v>
      </c>
      <c r="E3443" s="8" t="s">
        <v>12</v>
      </c>
      <c r="F3443" t="s">
        <v>73</v>
      </c>
      <c r="G3443" t="s">
        <v>78</v>
      </c>
      <c r="H3443" t="s">
        <v>81</v>
      </c>
      <c r="I3443" s="8">
        <v>2029</v>
      </c>
      <c r="J3443" t="s">
        <v>47</v>
      </c>
      <c r="K3443" s="10"/>
      <c r="M3443" s="10"/>
      <c r="N3443">
        <v>0</v>
      </c>
    </row>
    <row r="3444" spans="1:14" hidden="1">
      <c r="A3444" s="7" t="s">
        <v>10</v>
      </c>
      <c r="B3444" s="8"/>
      <c r="C3444" s="8"/>
      <c r="D3444" t="s">
        <v>80</v>
      </c>
      <c r="E3444" s="8" t="s">
        <v>12</v>
      </c>
      <c r="F3444" t="s">
        <v>73</v>
      </c>
      <c r="G3444" t="s">
        <v>78</v>
      </c>
      <c r="H3444" t="s">
        <v>81</v>
      </c>
      <c r="I3444" s="8">
        <v>2029</v>
      </c>
      <c r="J3444" t="s">
        <v>48</v>
      </c>
      <c r="K3444" s="10"/>
      <c r="M3444" s="10"/>
      <c r="N3444">
        <v>0</v>
      </c>
    </row>
    <row r="3445" spans="1:14" hidden="1">
      <c r="A3445" s="7" t="s">
        <v>10</v>
      </c>
      <c r="B3445" s="8"/>
      <c r="C3445" s="8"/>
      <c r="D3445" t="s">
        <v>80</v>
      </c>
      <c r="E3445" s="8" t="s">
        <v>12</v>
      </c>
      <c r="F3445" t="s">
        <v>73</v>
      </c>
      <c r="G3445" t="s">
        <v>78</v>
      </c>
      <c r="H3445" t="s">
        <v>81</v>
      </c>
      <c r="I3445" s="8">
        <v>2029</v>
      </c>
      <c r="J3445" t="s">
        <v>14</v>
      </c>
      <c r="K3445" s="10">
        <v>352</v>
      </c>
      <c r="L3445">
        <v>276</v>
      </c>
      <c r="M3445" s="10">
        <v>76</v>
      </c>
      <c r="N3445">
        <v>0</v>
      </c>
    </row>
    <row r="3446" spans="1:14" hidden="1">
      <c r="A3446" s="7" t="s">
        <v>10</v>
      </c>
      <c r="B3446" s="8"/>
      <c r="C3446" s="8"/>
      <c r="D3446" t="s">
        <v>80</v>
      </c>
      <c r="E3446" s="8" t="s">
        <v>12</v>
      </c>
      <c r="F3446" t="s">
        <v>73</v>
      </c>
      <c r="G3446" t="s">
        <v>78</v>
      </c>
      <c r="H3446" t="s">
        <v>81</v>
      </c>
      <c r="I3446" s="8">
        <v>2029</v>
      </c>
      <c r="J3446" t="s">
        <v>49</v>
      </c>
      <c r="K3446" s="10">
        <v>108</v>
      </c>
      <c r="L3446">
        <v>60</v>
      </c>
      <c r="M3446" s="10">
        <v>48</v>
      </c>
      <c r="N3446">
        <v>0</v>
      </c>
    </row>
    <row r="3447" spans="1:14" hidden="1">
      <c r="A3447" s="7" t="s">
        <v>10</v>
      </c>
      <c r="B3447" s="8"/>
      <c r="C3447" s="8"/>
      <c r="D3447" t="s">
        <v>80</v>
      </c>
      <c r="E3447" s="8" t="s">
        <v>12</v>
      </c>
      <c r="F3447" t="s">
        <v>73</v>
      </c>
      <c r="G3447" t="s">
        <v>79</v>
      </c>
      <c r="H3447" t="s">
        <v>81</v>
      </c>
      <c r="I3447" s="8">
        <v>2029</v>
      </c>
      <c r="J3447" t="s">
        <v>15</v>
      </c>
      <c r="K3447" s="10">
        <v>714</v>
      </c>
      <c r="L3447">
        <v>300</v>
      </c>
      <c r="M3447" s="10">
        <v>414</v>
      </c>
      <c r="N3447">
        <v>0</v>
      </c>
    </row>
    <row r="3448" spans="1:14" hidden="1">
      <c r="A3448" s="7" t="s">
        <v>10</v>
      </c>
      <c r="B3448" s="8"/>
      <c r="C3448" s="8"/>
      <c r="D3448" t="s">
        <v>80</v>
      </c>
      <c r="E3448" s="8" t="s">
        <v>12</v>
      </c>
      <c r="F3448" t="s">
        <v>73</v>
      </c>
      <c r="G3448" t="s">
        <v>79</v>
      </c>
      <c r="H3448" t="s">
        <v>81</v>
      </c>
      <c r="I3448" s="8">
        <v>2029</v>
      </c>
      <c r="J3448" t="s">
        <v>50</v>
      </c>
      <c r="K3448" s="10">
        <v>466</v>
      </c>
      <c r="L3448">
        <v>200</v>
      </c>
      <c r="M3448" s="10">
        <v>266</v>
      </c>
      <c r="N3448">
        <v>0</v>
      </c>
    </row>
    <row r="3449" spans="1:14" hidden="1">
      <c r="A3449" s="7" t="s">
        <v>10</v>
      </c>
      <c r="B3449" s="8"/>
      <c r="C3449" s="8"/>
      <c r="D3449" t="s">
        <v>80</v>
      </c>
      <c r="E3449" s="8" t="s">
        <v>12</v>
      </c>
      <c r="F3449" t="s">
        <v>73</v>
      </c>
      <c r="G3449" t="s">
        <v>19</v>
      </c>
      <c r="H3449" t="s">
        <v>81</v>
      </c>
      <c r="I3449" s="8">
        <v>2029</v>
      </c>
      <c r="J3449" t="s">
        <v>19</v>
      </c>
      <c r="K3449" s="10"/>
      <c r="M3449" s="10"/>
      <c r="N3449">
        <v>0</v>
      </c>
    </row>
    <row r="3450" spans="1:14" hidden="1">
      <c r="A3450" s="7" t="s">
        <v>10</v>
      </c>
      <c r="B3450" s="8"/>
      <c r="C3450" s="8"/>
      <c r="D3450" t="s">
        <v>80</v>
      </c>
      <c r="E3450" s="8" t="s">
        <v>12</v>
      </c>
      <c r="F3450" t="s">
        <v>73</v>
      </c>
      <c r="G3450" t="s">
        <v>78</v>
      </c>
      <c r="H3450" t="s">
        <v>81</v>
      </c>
      <c r="I3450" s="8">
        <v>2029</v>
      </c>
      <c r="J3450" t="s">
        <v>21</v>
      </c>
      <c r="K3450" s="10"/>
      <c r="M3450" s="10"/>
      <c r="N3450">
        <v>0</v>
      </c>
    </row>
    <row r="3451" spans="1:14" hidden="1">
      <c r="A3451" s="7" t="s">
        <v>10</v>
      </c>
      <c r="B3451" s="8"/>
      <c r="C3451" s="8"/>
      <c r="D3451" t="s">
        <v>80</v>
      </c>
      <c r="E3451" s="8" t="s">
        <v>12</v>
      </c>
      <c r="F3451" t="s">
        <v>73</v>
      </c>
      <c r="G3451" t="s">
        <v>78</v>
      </c>
      <c r="H3451" t="s">
        <v>81</v>
      </c>
      <c r="I3451" s="8">
        <v>2029</v>
      </c>
      <c r="J3451" t="s">
        <v>51</v>
      </c>
      <c r="K3451" s="10"/>
      <c r="M3451" s="10"/>
      <c r="N3451">
        <v>0</v>
      </c>
    </row>
    <row r="3452" spans="1:14" hidden="1">
      <c r="A3452" s="7" t="s">
        <v>10</v>
      </c>
      <c r="B3452" s="8"/>
      <c r="C3452" s="8"/>
      <c r="D3452" t="s">
        <v>80</v>
      </c>
      <c r="E3452" s="8" t="s">
        <v>12</v>
      </c>
      <c r="F3452" t="s">
        <v>73</v>
      </c>
      <c r="G3452" t="s">
        <v>78</v>
      </c>
      <c r="H3452" t="s">
        <v>81</v>
      </c>
      <c r="I3452" s="8">
        <v>2030</v>
      </c>
      <c r="J3452" t="s">
        <v>47</v>
      </c>
      <c r="K3452" s="10"/>
      <c r="M3452" s="10"/>
      <c r="N3452">
        <v>0</v>
      </c>
    </row>
    <row r="3453" spans="1:14" hidden="1">
      <c r="A3453" s="7" t="s">
        <v>10</v>
      </c>
      <c r="B3453" s="8"/>
      <c r="C3453" s="8"/>
      <c r="D3453" t="s">
        <v>80</v>
      </c>
      <c r="E3453" s="8" t="s">
        <v>12</v>
      </c>
      <c r="F3453" t="s">
        <v>73</v>
      </c>
      <c r="G3453" t="s">
        <v>78</v>
      </c>
      <c r="H3453" t="s">
        <v>81</v>
      </c>
      <c r="I3453" s="8">
        <v>2030</v>
      </c>
      <c r="J3453" t="s">
        <v>48</v>
      </c>
      <c r="K3453" s="10"/>
      <c r="M3453" s="10"/>
      <c r="N3453">
        <v>0</v>
      </c>
    </row>
    <row r="3454" spans="1:14" hidden="1">
      <c r="A3454" s="7" t="s">
        <v>10</v>
      </c>
      <c r="B3454" s="8"/>
      <c r="C3454" s="8"/>
      <c r="D3454" t="s">
        <v>80</v>
      </c>
      <c r="E3454" s="8" t="s">
        <v>12</v>
      </c>
      <c r="F3454" t="s">
        <v>73</v>
      </c>
      <c r="G3454" t="s">
        <v>78</v>
      </c>
      <c r="H3454" t="s">
        <v>81</v>
      </c>
      <c r="I3454" s="8">
        <v>2030</v>
      </c>
      <c r="J3454" t="s">
        <v>14</v>
      </c>
      <c r="K3454" s="10">
        <v>444</v>
      </c>
      <c r="L3454">
        <v>276</v>
      </c>
      <c r="M3454" s="10">
        <v>168</v>
      </c>
      <c r="N3454">
        <v>0</v>
      </c>
    </row>
    <row r="3455" spans="1:14" hidden="1">
      <c r="A3455" s="7" t="s">
        <v>10</v>
      </c>
      <c r="B3455" s="8"/>
      <c r="C3455" s="8"/>
      <c r="D3455" t="s">
        <v>80</v>
      </c>
      <c r="E3455" s="8" t="s">
        <v>12</v>
      </c>
      <c r="F3455" t="s">
        <v>73</v>
      </c>
      <c r="G3455" t="s">
        <v>78</v>
      </c>
      <c r="H3455" t="s">
        <v>81</v>
      </c>
      <c r="I3455" s="8">
        <v>2030</v>
      </c>
      <c r="J3455" t="s">
        <v>49</v>
      </c>
      <c r="K3455" s="10">
        <v>136</v>
      </c>
      <c r="L3455">
        <v>60</v>
      </c>
      <c r="M3455" s="10">
        <v>76</v>
      </c>
      <c r="N3455">
        <v>0</v>
      </c>
    </row>
    <row r="3456" spans="1:14" hidden="1">
      <c r="A3456" s="7" t="s">
        <v>10</v>
      </c>
      <c r="B3456" s="8"/>
      <c r="C3456" s="8"/>
      <c r="D3456" t="s">
        <v>80</v>
      </c>
      <c r="E3456" s="8" t="s">
        <v>12</v>
      </c>
      <c r="F3456" t="s">
        <v>73</v>
      </c>
      <c r="G3456" t="s">
        <v>79</v>
      </c>
      <c r="H3456" t="s">
        <v>81</v>
      </c>
      <c r="I3456" s="8">
        <v>2030</v>
      </c>
      <c r="J3456" t="s">
        <v>15</v>
      </c>
      <c r="K3456" s="10">
        <v>835</v>
      </c>
      <c r="L3456">
        <v>300</v>
      </c>
      <c r="M3456" s="10">
        <v>535</v>
      </c>
      <c r="N3456">
        <v>0</v>
      </c>
    </row>
    <row r="3457" spans="1:14" hidden="1">
      <c r="A3457" s="7" t="s">
        <v>10</v>
      </c>
      <c r="B3457" s="8"/>
      <c r="C3457" s="8"/>
      <c r="D3457" t="s">
        <v>80</v>
      </c>
      <c r="E3457" s="8" t="s">
        <v>12</v>
      </c>
      <c r="F3457" t="s">
        <v>73</v>
      </c>
      <c r="G3457" t="s">
        <v>79</v>
      </c>
      <c r="H3457" t="s">
        <v>81</v>
      </c>
      <c r="I3457" s="8">
        <v>2030</v>
      </c>
      <c r="J3457" t="s">
        <v>50</v>
      </c>
      <c r="K3457" s="10">
        <v>545</v>
      </c>
      <c r="L3457">
        <v>200</v>
      </c>
      <c r="M3457" s="10">
        <v>345</v>
      </c>
      <c r="N3457">
        <v>0</v>
      </c>
    </row>
    <row r="3458" spans="1:14" hidden="1">
      <c r="A3458" s="7" t="s">
        <v>10</v>
      </c>
      <c r="B3458" s="8"/>
      <c r="C3458" s="8"/>
      <c r="D3458" t="s">
        <v>80</v>
      </c>
      <c r="E3458" s="8" t="s">
        <v>12</v>
      </c>
      <c r="F3458" t="s">
        <v>73</v>
      </c>
      <c r="G3458" t="s">
        <v>19</v>
      </c>
      <c r="H3458" t="s">
        <v>81</v>
      </c>
      <c r="I3458" s="8">
        <v>2030</v>
      </c>
      <c r="J3458" t="s">
        <v>19</v>
      </c>
      <c r="K3458" s="10"/>
      <c r="M3458" s="10"/>
      <c r="N3458">
        <v>0</v>
      </c>
    </row>
    <row r="3459" spans="1:14" hidden="1">
      <c r="A3459" s="7" t="s">
        <v>10</v>
      </c>
      <c r="B3459" s="8"/>
      <c r="C3459" s="8"/>
      <c r="D3459" t="s">
        <v>80</v>
      </c>
      <c r="E3459" s="8" t="s">
        <v>12</v>
      </c>
      <c r="F3459" t="s">
        <v>73</v>
      </c>
      <c r="G3459" t="s">
        <v>78</v>
      </c>
      <c r="H3459" t="s">
        <v>81</v>
      </c>
      <c r="I3459" s="8">
        <v>2030</v>
      </c>
      <c r="J3459" t="s">
        <v>21</v>
      </c>
      <c r="K3459" s="10"/>
      <c r="M3459" s="10"/>
      <c r="N3459">
        <v>0</v>
      </c>
    </row>
    <row r="3460" spans="1:14" hidden="1">
      <c r="A3460" s="7" t="s">
        <v>10</v>
      </c>
      <c r="B3460" s="8"/>
      <c r="C3460" s="8"/>
      <c r="D3460" t="s">
        <v>80</v>
      </c>
      <c r="E3460" s="8" t="s">
        <v>12</v>
      </c>
      <c r="F3460" t="s">
        <v>73</v>
      </c>
      <c r="G3460" t="s">
        <v>78</v>
      </c>
      <c r="H3460" t="s">
        <v>81</v>
      </c>
      <c r="I3460" s="8">
        <v>2030</v>
      </c>
      <c r="J3460" t="s">
        <v>51</v>
      </c>
      <c r="K3460" s="10"/>
      <c r="M3460" s="10"/>
      <c r="N3460">
        <v>0</v>
      </c>
    </row>
    <row r="3461" spans="1:14" hidden="1">
      <c r="A3461" s="7" t="s">
        <v>10</v>
      </c>
      <c r="B3461" s="8"/>
      <c r="C3461" s="8"/>
      <c r="D3461" t="s">
        <v>80</v>
      </c>
      <c r="E3461" s="8" t="s">
        <v>12</v>
      </c>
      <c r="F3461" t="s">
        <v>73</v>
      </c>
      <c r="G3461" t="s">
        <v>78</v>
      </c>
      <c r="H3461" t="s">
        <v>81</v>
      </c>
      <c r="I3461" s="8">
        <v>2031</v>
      </c>
      <c r="J3461" t="s">
        <v>47</v>
      </c>
      <c r="K3461" s="10"/>
      <c r="M3461" s="10"/>
      <c r="N3461">
        <v>0</v>
      </c>
    </row>
    <row r="3462" spans="1:14" hidden="1">
      <c r="A3462" s="7" t="s">
        <v>10</v>
      </c>
      <c r="B3462" s="8"/>
      <c r="C3462" s="8"/>
      <c r="D3462" t="s">
        <v>80</v>
      </c>
      <c r="E3462" s="8" t="s">
        <v>12</v>
      </c>
      <c r="F3462" t="s">
        <v>73</v>
      </c>
      <c r="G3462" t="s">
        <v>78</v>
      </c>
      <c r="H3462" t="s">
        <v>81</v>
      </c>
      <c r="I3462" s="8">
        <v>2031</v>
      </c>
      <c r="J3462" t="s">
        <v>48</v>
      </c>
      <c r="K3462" s="10"/>
      <c r="M3462" s="10"/>
      <c r="N3462">
        <v>0</v>
      </c>
    </row>
    <row r="3463" spans="1:14" hidden="1">
      <c r="A3463" s="7" t="s">
        <v>10</v>
      </c>
      <c r="B3463" s="8"/>
      <c r="C3463" s="8"/>
      <c r="D3463" t="s">
        <v>80</v>
      </c>
      <c r="E3463" s="8" t="s">
        <v>12</v>
      </c>
      <c r="F3463" t="s">
        <v>73</v>
      </c>
      <c r="G3463" t="s">
        <v>78</v>
      </c>
      <c r="H3463" t="s">
        <v>81</v>
      </c>
      <c r="I3463" s="8">
        <v>2031</v>
      </c>
      <c r="J3463" t="s">
        <v>14</v>
      </c>
      <c r="K3463" s="10">
        <v>619</v>
      </c>
      <c r="L3463">
        <v>276</v>
      </c>
      <c r="M3463" s="10">
        <v>343</v>
      </c>
      <c r="N3463">
        <v>0</v>
      </c>
    </row>
    <row r="3464" spans="1:14" hidden="1">
      <c r="A3464" s="7" t="s">
        <v>10</v>
      </c>
      <c r="B3464" s="8"/>
      <c r="C3464" s="8"/>
      <c r="D3464" t="s">
        <v>80</v>
      </c>
      <c r="E3464" s="8" t="s">
        <v>12</v>
      </c>
      <c r="F3464" t="s">
        <v>73</v>
      </c>
      <c r="G3464" t="s">
        <v>78</v>
      </c>
      <c r="H3464" t="s">
        <v>81</v>
      </c>
      <c r="I3464" s="8">
        <v>2031</v>
      </c>
      <c r="J3464" t="s">
        <v>49</v>
      </c>
      <c r="K3464" s="10">
        <v>191</v>
      </c>
      <c r="L3464">
        <v>60</v>
      </c>
      <c r="M3464" s="10">
        <v>131</v>
      </c>
      <c r="N3464">
        <v>0</v>
      </c>
    </row>
    <row r="3465" spans="1:14" hidden="1">
      <c r="A3465" s="7" t="s">
        <v>10</v>
      </c>
      <c r="B3465" s="8"/>
      <c r="C3465" s="8"/>
      <c r="D3465" t="s">
        <v>80</v>
      </c>
      <c r="E3465" s="8" t="s">
        <v>12</v>
      </c>
      <c r="F3465" t="s">
        <v>73</v>
      </c>
      <c r="G3465" t="s">
        <v>79</v>
      </c>
      <c r="H3465" t="s">
        <v>81</v>
      </c>
      <c r="I3465" s="8">
        <v>2031</v>
      </c>
      <c r="J3465" t="s">
        <v>15</v>
      </c>
      <c r="K3465" s="10">
        <v>775</v>
      </c>
      <c r="L3465">
        <v>300</v>
      </c>
      <c r="M3465" s="10">
        <v>475</v>
      </c>
      <c r="N3465">
        <v>0</v>
      </c>
    </row>
    <row r="3466" spans="1:14" hidden="1">
      <c r="A3466" s="7" t="s">
        <v>10</v>
      </c>
      <c r="B3466" s="8"/>
      <c r="C3466" s="8"/>
      <c r="D3466" t="s">
        <v>80</v>
      </c>
      <c r="E3466" s="8" t="s">
        <v>12</v>
      </c>
      <c r="F3466" t="s">
        <v>73</v>
      </c>
      <c r="G3466" t="s">
        <v>79</v>
      </c>
      <c r="H3466" t="s">
        <v>81</v>
      </c>
      <c r="I3466" s="8">
        <v>2031</v>
      </c>
      <c r="J3466" t="s">
        <v>50</v>
      </c>
      <c r="K3466" s="10">
        <v>505</v>
      </c>
      <c r="L3466">
        <v>200</v>
      </c>
      <c r="M3466" s="10">
        <v>305</v>
      </c>
      <c r="N3466">
        <v>0</v>
      </c>
    </row>
    <row r="3467" spans="1:14" hidden="1">
      <c r="A3467" s="7" t="s">
        <v>10</v>
      </c>
      <c r="B3467" s="8"/>
      <c r="C3467" s="8"/>
      <c r="D3467" t="s">
        <v>80</v>
      </c>
      <c r="E3467" s="8" t="s">
        <v>12</v>
      </c>
      <c r="F3467" t="s">
        <v>73</v>
      </c>
      <c r="G3467" t="s">
        <v>19</v>
      </c>
      <c r="H3467" t="s">
        <v>81</v>
      </c>
      <c r="I3467" s="8">
        <v>2031</v>
      </c>
      <c r="J3467" t="s">
        <v>19</v>
      </c>
      <c r="K3467" s="10"/>
      <c r="M3467" s="10"/>
      <c r="N3467">
        <v>0</v>
      </c>
    </row>
    <row r="3468" spans="1:14" hidden="1">
      <c r="A3468" s="7" t="s">
        <v>10</v>
      </c>
      <c r="B3468" s="8"/>
      <c r="C3468" s="8"/>
      <c r="D3468" t="s">
        <v>80</v>
      </c>
      <c r="E3468" s="8" t="s">
        <v>12</v>
      </c>
      <c r="F3468" t="s">
        <v>73</v>
      </c>
      <c r="G3468" t="s">
        <v>78</v>
      </c>
      <c r="H3468" t="s">
        <v>81</v>
      </c>
      <c r="I3468" s="8">
        <v>2031</v>
      </c>
      <c r="J3468" t="s">
        <v>21</v>
      </c>
      <c r="K3468" s="10"/>
      <c r="M3468" s="10"/>
      <c r="N3468">
        <v>0</v>
      </c>
    </row>
    <row r="3469" spans="1:14" hidden="1">
      <c r="A3469" s="7" t="s">
        <v>10</v>
      </c>
      <c r="B3469" s="8"/>
      <c r="C3469" s="8"/>
      <c r="D3469" t="s">
        <v>80</v>
      </c>
      <c r="E3469" s="8" t="s">
        <v>12</v>
      </c>
      <c r="F3469" t="s">
        <v>73</v>
      </c>
      <c r="G3469" t="s">
        <v>78</v>
      </c>
      <c r="H3469" t="s">
        <v>81</v>
      </c>
      <c r="I3469" s="8">
        <v>2031</v>
      </c>
      <c r="J3469" t="s">
        <v>51</v>
      </c>
      <c r="K3469" s="10"/>
      <c r="M3469" s="10"/>
      <c r="N3469">
        <v>0</v>
      </c>
    </row>
    <row r="3470" spans="1:14" hidden="1">
      <c r="A3470" s="7" t="s">
        <v>10</v>
      </c>
      <c r="B3470" s="8"/>
      <c r="C3470" s="8"/>
      <c r="D3470" t="s">
        <v>80</v>
      </c>
      <c r="E3470" s="8" t="s">
        <v>12</v>
      </c>
      <c r="F3470" t="s">
        <v>73</v>
      </c>
      <c r="G3470" t="s">
        <v>78</v>
      </c>
      <c r="H3470" t="s">
        <v>81</v>
      </c>
      <c r="I3470" s="8">
        <v>2032</v>
      </c>
      <c r="J3470" t="s">
        <v>47</v>
      </c>
      <c r="K3470" s="10"/>
      <c r="M3470" s="10"/>
      <c r="N3470">
        <v>0</v>
      </c>
    </row>
    <row r="3471" spans="1:14" hidden="1">
      <c r="A3471" s="7" t="s">
        <v>10</v>
      </c>
      <c r="B3471" s="8"/>
      <c r="C3471" s="8"/>
      <c r="D3471" t="s">
        <v>80</v>
      </c>
      <c r="E3471" s="8" t="s">
        <v>12</v>
      </c>
      <c r="F3471" t="s">
        <v>73</v>
      </c>
      <c r="G3471" t="s">
        <v>78</v>
      </c>
      <c r="H3471" t="s">
        <v>81</v>
      </c>
      <c r="I3471" s="8">
        <v>2032</v>
      </c>
      <c r="J3471" t="s">
        <v>48</v>
      </c>
      <c r="K3471" s="10"/>
      <c r="M3471" s="10"/>
      <c r="N3471">
        <v>0</v>
      </c>
    </row>
    <row r="3472" spans="1:14" hidden="1">
      <c r="A3472" s="7" t="s">
        <v>10</v>
      </c>
      <c r="B3472" s="8"/>
      <c r="C3472" s="8"/>
      <c r="D3472" t="s">
        <v>80</v>
      </c>
      <c r="E3472" s="8" t="s">
        <v>12</v>
      </c>
      <c r="F3472" t="s">
        <v>73</v>
      </c>
      <c r="G3472" t="s">
        <v>78</v>
      </c>
      <c r="H3472" t="s">
        <v>81</v>
      </c>
      <c r="I3472" s="8">
        <v>2032</v>
      </c>
      <c r="J3472" t="s">
        <v>14</v>
      </c>
      <c r="K3472" s="10">
        <v>466</v>
      </c>
      <c r="L3472">
        <v>276</v>
      </c>
      <c r="M3472" s="10">
        <v>190</v>
      </c>
      <c r="N3472">
        <v>0</v>
      </c>
    </row>
    <row r="3473" spans="1:14" hidden="1">
      <c r="A3473" s="7" t="s">
        <v>10</v>
      </c>
      <c r="B3473" s="8"/>
      <c r="C3473" s="8"/>
      <c r="D3473" t="s">
        <v>80</v>
      </c>
      <c r="E3473" s="8" t="s">
        <v>12</v>
      </c>
      <c r="F3473" t="s">
        <v>73</v>
      </c>
      <c r="G3473" t="s">
        <v>78</v>
      </c>
      <c r="H3473" t="s">
        <v>81</v>
      </c>
      <c r="I3473" s="8">
        <v>2032</v>
      </c>
      <c r="J3473" t="s">
        <v>49</v>
      </c>
      <c r="K3473" s="10">
        <v>144</v>
      </c>
      <c r="L3473">
        <v>60</v>
      </c>
      <c r="M3473" s="10">
        <v>84</v>
      </c>
      <c r="N3473">
        <v>0</v>
      </c>
    </row>
    <row r="3474" spans="1:14" hidden="1">
      <c r="A3474" s="7" t="s">
        <v>10</v>
      </c>
      <c r="B3474" s="8"/>
      <c r="C3474" s="8"/>
      <c r="D3474" t="s">
        <v>80</v>
      </c>
      <c r="E3474" s="8" t="s">
        <v>12</v>
      </c>
      <c r="F3474" t="s">
        <v>73</v>
      </c>
      <c r="G3474" t="s">
        <v>79</v>
      </c>
      <c r="H3474" t="s">
        <v>81</v>
      </c>
      <c r="I3474" s="8">
        <v>2032</v>
      </c>
      <c r="J3474" t="s">
        <v>15</v>
      </c>
      <c r="K3474" s="10">
        <v>775</v>
      </c>
      <c r="L3474">
        <v>300</v>
      </c>
      <c r="M3474" s="10">
        <v>475</v>
      </c>
      <c r="N3474">
        <v>0</v>
      </c>
    </row>
    <row r="3475" spans="1:14" hidden="1">
      <c r="A3475" s="7" t="s">
        <v>10</v>
      </c>
      <c r="B3475" s="8"/>
      <c r="C3475" s="8"/>
      <c r="D3475" t="s">
        <v>80</v>
      </c>
      <c r="E3475" s="8" t="s">
        <v>12</v>
      </c>
      <c r="F3475" t="s">
        <v>73</v>
      </c>
      <c r="G3475" t="s">
        <v>79</v>
      </c>
      <c r="H3475" t="s">
        <v>81</v>
      </c>
      <c r="I3475" s="8">
        <v>2032</v>
      </c>
      <c r="J3475" t="s">
        <v>50</v>
      </c>
      <c r="K3475" s="10">
        <v>505</v>
      </c>
      <c r="L3475">
        <v>200</v>
      </c>
      <c r="M3475" s="10">
        <v>305</v>
      </c>
      <c r="N3475">
        <v>0</v>
      </c>
    </row>
    <row r="3476" spans="1:14" hidden="1">
      <c r="A3476" s="7" t="s">
        <v>10</v>
      </c>
      <c r="B3476" s="8"/>
      <c r="C3476" s="8"/>
      <c r="D3476" t="s">
        <v>80</v>
      </c>
      <c r="E3476" s="8" t="s">
        <v>12</v>
      </c>
      <c r="F3476" t="s">
        <v>73</v>
      </c>
      <c r="G3476" t="s">
        <v>19</v>
      </c>
      <c r="H3476" t="s">
        <v>81</v>
      </c>
      <c r="I3476" s="8">
        <v>2032</v>
      </c>
      <c r="J3476" t="s">
        <v>19</v>
      </c>
      <c r="K3476" s="10"/>
      <c r="M3476" s="10"/>
      <c r="N3476">
        <v>0</v>
      </c>
    </row>
    <row r="3477" spans="1:14" hidden="1">
      <c r="A3477" s="7" t="s">
        <v>10</v>
      </c>
      <c r="B3477" s="8"/>
      <c r="C3477" s="8"/>
      <c r="D3477" t="s">
        <v>80</v>
      </c>
      <c r="E3477" s="8" t="s">
        <v>12</v>
      </c>
      <c r="F3477" t="s">
        <v>73</v>
      </c>
      <c r="G3477" t="s">
        <v>78</v>
      </c>
      <c r="H3477" t="s">
        <v>81</v>
      </c>
      <c r="I3477" s="8">
        <v>2032</v>
      </c>
      <c r="J3477" t="s">
        <v>21</v>
      </c>
      <c r="K3477" s="10"/>
      <c r="M3477" s="10"/>
      <c r="N3477">
        <v>0</v>
      </c>
    </row>
    <row r="3478" spans="1:14" hidden="1">
      <c r="A3478" s="7" t="s">
        <v>10</v>
      </c>
      <c r="B3478" s="8"/>
      <c r="C3478" s="8"/>
      <c r="D3478" t="s">
        <v>80</v>
      </c>
      <c r="E3478" s="8" t="s">
        <v>12</v>
      </c>
      <c r="F3478" t="s">
        <v>73</v>
      </c>
      <c r="G3478" t="s">
        <v>78</v>
      </c>
      <c r="H3478" t="s">
        <v>81</v>
      </c>
      <c r="I3478" s="8">
        <v>2032</v>
      </c>
      <c r="J3478" t="s">
        <v>51</v>
      </c>
      <c r="K3478" s="10"/>
      <c r="M3478" s="10"/>
      <c r="N3478">
        <v>0</v>
      </c>
    </row>
    <row r="3479" spans="1:14" hidden="1">
      <c r="A3479" s="7" t="s">
        <v>10</v>
      </c>
      <c r="B3479" s="8"/>
      <c r="C3479" s="8"/>
      <c r="D3479" t="s">
        <v>80</v>
      </c>
      <c r="E3479" s="8" t="s">
        <v>12</v>
      </c>
      <c r="F3479" t="s">
        <v>73</v>
      </c>
      <c r="G3479" t="s">
        <v>78</v>
      </c>
      <c r="H3479" t="s">
        <v>81</v>
      </c>
      <c r="I3479" s="8">
        <v>2033</v>
      </c>
      <c r="J3479" t="s">
        <v>47</v>
      </c>
      <c r="K3479" s="10"/>
      <c r="M3479" s="10"/>
      <c r="N3479">
        <v>0</v>
      </c>
    </row>
    <row r="3480" spans="1:14" hidden="1">
      <c r="A3480" s="7" t="s">
        <v>10</v>
      </c>
      <c r="B3480" s="8"/>
      <c r="C3480" s="8"/>
      <c r="D3480" t="s">
        <v>80</v>
      </c>
      <c r="E3480" s="8" t="s">
        <v>12</v>
      </c>
      <c r="F3480" t="s">
        <v>73</v>
      </c>
      <c r="G3480" t="s">
        <v>78</v>
      </c>
      <c r="H3480" t="s">
        <v>81</v>
      </c>
      <c r="I3480" s="8">
        <v>2033</v>
      </c>
      <c r="J3480" t="s">
        <v>48</v>
      </c>
      <c r="K3480" s="10"/>
      <c r="M3480" s="10"/>
      <c r="N3480">
        <v>0</v>
      </c>
    </row>
    <row r="3481" spans="1:14" hidden="1">
      <c r="A3481" s="7" t="s">
        <v>10</v>
      </c>
      <c r="B3481" s="8"/>
      <c r="C3481" s="8"/>
      <c r="D3481" t="s">
        <v>80</v>
      </c>
      <c r="E3481" s="8" t="s">
        <v>12</v>
      </c>
      <c r="F3481" t="s">
        <v>73</v>
      </c>
      <c r="G3481" t="s">
        <v>78</v>
      </c>
      <c r="H3481" t="s">
        <v>81</v>
      </c>
      <c r="I3481" s="8">
        <v>2033</v>
      </c>
      <c r="J3481" t="s">
        <v>14</v>
      </c>
      <c r="K3481" s="10">
        <v>558</v>
      </c>
      <c r="L3481">
        <v>276</v>
      </c>
      <c r="M3481" s="10">
        <v>282</v>
      </c>
      <c r="N3481">
        <v>0</v>
      </c>
    </row>
    <row r="3482" spans="1:14" hidden="1">
      <c r="A3482" s="7" t="s">
        <v>10</v>
      </c>
      <c r="B3482" s="8"/>
      <c r="C3482" s="8"/>
      <c r="D3482" t="s">
        <v>80</v>
      </c>
      <c r="E3482" s="8" t="s">
        <v>12</v>
      </c>
      <c r="F3482" t="s">
        <v>73</v>
      </c>
      <c r="G3482" t="s">
        <v>78</v>
      </c>
      <c r="H3482" t="s">
        <v>81</v>
      </c>
      <c r="I3482" s="8">
        <v>2033</v>
      </c>
      <c r="J3482" t="s">
        <v>49</v>
      </c>
      <c r="K3482" s="10">
        <v>172</v>
      </c>
      <c r="L3482">
        <v>60</v>
      </c>
      <c r="M3482" s="10">
        <v>112</v>
      </c>
      <c r="N3482">
        <v>0</v>
      </c>
    </row>
    <row r="3483" spans="1:14" hidden="1">
      <c r="A3483" s="7" t="s">
        <v>10</v>
      </c>
      <c r="B3483" s="8"/>
      <c r="C3483" s="8"/>
      <c r="D3483" t="s">
        <v>80</v>
      </c>
      <c r="E3483" s="8" t="s">
        <v>12</v>
      </c>
      <c r="F3483" t="s">
        <v>73</v>
      </c>
      <c r="G3483" t="s">
        <v>79</v>
      </c>
      <c r="H3483" t="s">
        <v>81</v>
      </c>
      <c r="I3483" s="8">
        <v>2033</v>
      </c>
      <c r="J3483" t="s">
        <v>15</v>
      </c>
      <c r="K3483" s="10">
        <v>835</v>
      </c>
      <c r="L3483">
        <v>250</v>
      </c>
      <c r="M3483" s="10">
        <v>585</v>
      </c>
      <c r="N3483">
        <v>0</v>
      </c>
    </row>
    <row r="3484" spans="1:14" hidden="1">
      <c r="A3484" s="7" t="s">
        <v>10</v>
      </c>
      <c r="B3484" s="8"/>
      <c r="C3484" s="8"/>
      <c r="D3484" t="s">
        <v>80</v>
      </c>
      <c r="E3484" s="8" t="s">
        <v>12</v>
      </c>
      <c r="F3484" t="s">
        <v>73</v>
      </c>
      <c r="G3484" t="s">
        <v>79</v>
      </c>
      <c r="H3484" t="s">
        <v>81</v>
      </c>
      <c r="I3484" s="8">
        <v>2033</v>
      </c>
      <c r="J3484" t="s">
        <v>50</v>
      </c>
      <c r="K3484" s="10">
        <v>545</v>
      </c>
      <c r="L3484">
        <v>250</v>
      </c>
      <c r="M3484" s="10">
        <v>295</v>
      </c>
      <c r="N3484">
        <v>0</v>
      </c>
    </row>
    <row r="3485" spans="1:14" hidden="1">
      <c r="A3485" s="7" t="s">
        <v>10</v>
      </c>
      <c r="B3485" s="8"/>
      <c r="C3485" s="8"/>
      <c r="D3485" t="s">
        <v>80</v>
      </c>
      <c r="E3485" s="8" t="s">
        <v>12</v>
      </c>
      <c r="F3485" t="s">
        <v>73</v>
      </c>
      <c r="G3485" t="s">
        <v>19</v>
      </c>
      <c r="H3485" t="s">
        <v>81</v>
      </c>
      <c r="I3485" s="8">
        <v>2033</v>
      </c>
      <c r="J3485" t="s">
        <v>19</v>
      </c>
      <c r="K3485" s="10"/>
      <c r="M3485" s="10"/>
      <c r="N3485">
        <v>0</v>
      </c>
    </row>
    <row r="3486" spans="1:14" hidden="1">
      <c r="A3486" s="7" t="s">
        <v>10</v>
      </c>
      <c r="B3486" s="8"/>
      <c r="C3486" s="8"/>
      <c r="D3486" t="s">
        <v>80</v>
      </c>
      <c r="E3486" s="8" t="s">
        <v>12</v>
      </c>
      <c r="F3486" t="s">
        <v>73</v>
      </c>
      <c r="G3486" t="s">
        <v>78</v>
      </c>
      <c r="H3486" t="s">
        <v>81</v>
      </c>
      <c r="I3486" s="8">
        <v>2033</v>
      </c>
      <c r="J3486" t="s">
        <v>21</v>
      </c>
      <c r="K3486" s="10"/>
      <c r="M3486" s="10"/>
      <c r="N3486">
        <v>0</v>
      </c>
    </row>
    <row r="3487" spans="1:14" hidden="1">
      <c r="A3487" s="7" t="s">
        <v>10</v>
      </c>
      <c r="B3487" s="8"/>
      <c r="C3487" s="8"/>
      <c r="D3487" t="s">
        <v>80</v>
      </c>
      <c r="E3487" s="8" t="s">
        <v>12</v>
      </c>
      <c r="F3487" t="s">
        <v>73</v>
      </c>
      <c r="G3487" t="s">
        <v>78</v>
      </c>
      <c r="H3487" t="s">
        <v>81</v>
      </c>
      <c r="I3487" s="8">
        <v>2033</v>
      </c>
      <c r="J3487" t="s">
        <v>51</v>
      </c>
      <c r="K3487" s="10"/>
      <c r="M3487" s="10"/>
      <c r="N3487">
        <v>0</v>
      </c>
    </row>
    <row r="3488" spans="1:14" hidden="1">
      <c r="A3488" s="7" t="s">
        <v>10</v>
      </c>
      <c r="B3488" s="8"/>
      <c r="C3488" s="8"/>
      <c r="D3488" t="s">
        <v>80</v>
      </c>
      <c r="E3488" s="8" t="s">
        <v>24</v>
      </c>
      <c r="F3488" t="s">
        <v>74</v>
      </c>
      <c r="G3488" t="s">
        <v>78</v>
      </c>
      <c r="H3488" t="s">
        <v>81</v>
      </c>
      <c r="I3488" s="8">
        <v>2025</v>
      </c>
      <c r="J3488" t="s">
        <v>47</v>
      </c>
      <c r="K3488" s="10"/>
      <c r="M3488" s="10"/>
      <c r="N3488">
        <v>0</v>
      </c>
    </row>
    <row r="3489" spans="1:14" hidden="1">
      <c r="A3489" s="7" t="s">
        <v>10</v>
      </c>
      <c r="B3489" s="8"/>
      <c r="C3489" s="8"/>
      <c r="D3489" t="s">
        <v>80</v>
      </c>
      <c r="E3489" s="8" t="s">
        <v>24</v>
      </c>
      <c r="F3489" t="s">
        <v>74</v>
      </c>
      <c r="G3489" t="s">
        <v>78</v>
      </c>
      <c r="H3489" t="s">
        <v>81</v>
      </c>
      <c r="I3489" s="8">
        <v>2025</v>
      </c>
      <c r="J3489" t="s">
        <v>48</v>
      </c>
      <c r="K3489" s="10"/>
      <c r="M3489" s="10"/>
      <c r="N3489">
        <v>0</v>
      </c>
    </row>
    <row r="3490" spans="1:14" hidden="1">
      <c r="A3490" s="7" t="s">
        <v>10</v>
      </c>
      <c r="B3490" s="8"/>
      <c r="C3490" s="8"/>
      <c r="D3490" t="s">
        <v>80</v>
      </c>
      <c r="E3490" s="8" t="s">
        <v>24</v>
      </c>
      <c r="F3490" t="s">
        <v>74</v>
      </c>
      <c r="G3490" t="s">
        <v>78</v>
      </c>
      <c r="H3490" t="s">
        <v>81</v>
      </c>
      <c r="I3490" s="8">
        <v>2025</v>
      </c>
      <c r="J3490" t="s">
        <v>14</v>
      </c>
      <c r="K3490" s="10"/>
      <c r="M3490" s="10"/>
      <c r="N3490">
        <v>0</v>
      </c>
    </row>
    <row r="3491" spans="1:14" hidden="1">
      <c r="A3491" s="7" t="s">
        <v>10</v>
      </c>
      <c r="B3491" s="8"/>
      <c r="C3491" s="8"/>
      <c r="D3491" t="s">
        <v>80</v>
      </c>
      <c r="E3491" s="8" t="s">
        <v>24</v>
      </c>
      <c r="F3491" t="s">
        <v>74</v>
      </c>
      <c r="G3491" t="s">
        <v>78</v>
      </c>
      <c r="H3491" t="s">
        <v>81</v>
      </c>
      <c r="I3491" s="8">
        <v>2025</v>
      </c>
      <c r="J3491" t="s">
        <v>49</v>
      </c>
      <c r="K3491" s="10"/>
      <c r="M3491" s="10"/>
      <c r="N3491">
        <v>0</v>
      </c>
    </row>
    <row r="3492" spans="1:14" hidden="1">
      <c r="A3492" s="7" t="s">
        <v>10</v>
      </c>
      <c r="B3492" s="8"/>
      <c r="C3492" s="8"/>
      <c r="D3492" t="s">
        <v>80</v>
      </c>
      <c r="E3492" s="8" t="s">
        <v>24</v>
      </c>
      <c r="F3492" t="s">
        <v>74</v>
      </c>
      <c r="G3492" t="s">
        <v>79</v>
      </c>
      <c r="H3492" t="s">
        <v>81</v>
      </c>
      <c r="I3492" s="8">
        <v>2025</v>
      </c>
      <c r="J3492" t="s">
        <v>15</v>
      </c>
      <c r="K3492" s="10">
        <v>346.584873592522</v>
      </c>
      <c r="M3492" s="10">
        <v>346.584873592522</v>
      </c>
      <c r="N3492">
        <v>0</v>
      </c>
    </row>
    <row r="3493" spans="1:14" hidden="1">
      <c r="A3493" s="7" t="s">
        <v>10</v>
      </c>
      <c r="B3493" s="8"/>
      <c r="C3493" s="8"/>
      <c r="D3493" t="s">
        <v>80</v>
      </c>
      <c r="E3493" s="8" t="s">
        <v>24</v>
      </c>
      <c r="F3493" t="s">
        <v>74</v>
      </c>
      <c r="G3493" t="s">
        <v>79</v>
      </c>
      <c r="H3493" t="s">
        <v>81</v>
      </c>
      <c r="I3493" s="8">
        <v>2025</v>
      </c>
      <c r="J3493" t="s">
        <v>50</v>
      </c>
      <c r="K3493" s="10"/>
      <c r="M3493" s="10"/>
      <c r="N3493">
        <v>0</v>
      </c>
    </row>
    <row r="3494" spans="1:14" hidden="1">
      <c r="A3494" s="7" t="s">
        <v>10</v>
      </c>
      <c r="B3494" s="8"/>
      <c r="C3494" s="8"/>
      <c r="D3494" t="s">
        <v>80</v>
      </c>
      <c r="E3494" s="8" t="s">
        <v>24</v>
      </c>
      <c r="F3494" t="s">
        <v>74</v>
      </c>
      <c r="G3494" t="s">
        <v>19</v>
      </c>
      <c r="H3494" t="s">
        <v>81</v>
      </c>
      <c r="I3494" s="8">
        <v>2025</v>
      </c>
      <c r="J3494" t="s">
        <v>19</v>
      </c>
      <c r="K3494" s="10"/>
      <c r="M3494" s="10"/>
      <c r="N3494">
        <v>0</v>
      </c>
    </row>
    <row r="3495" spans="1:14" hidden="1">
      <c r="A3495" s="7" t="s">
        <v>10</v>
      </c>
      <c r="B3495" s="8"/>
      <c r="C3495" s="8"/>
      <c r="D3495" t="s">
        <v>80</v>
      </c>
      <c r="E3495" s="8" t="s">
        <v>24</v>
      </c>
      <c r="F3495" t="s">
        <v>74</v>
      </c>
      <c r="G3495" t="s">
        <v>78</v>
      </c>
      <c r="H3495" t="s">
        <v>81</v>
      </c>
      <c r="I3495" s="8">
        <v>2025</v>
      </c>
      <c r="J3495" t="s">
        <v>21</v>
      </c>
      <c r="K3495" s="10"/>
      <c r="M3495" s="10"/>
      <c r="N3495">
        <v>0</v>
      </c>
    </row>
    <row r="3496" spans="1:14" hidden="1">
      <c r="A3496" s="7" t="s">
        <v>10</v>
      </c>
      <c r="B3496" s="8"/>
      <c r="C3496" s="8"/>
      <c r="D3496" t="s">
        <v>80</v>
      </c>
      <c r="E3496" s="8" t="s">
        <v>24</v>
      </c>
      <c r="F3496" t="s">
        <v>74</v>
      </c>
      <c r="G3496" t="s">
        <v>78</v>
      </c>
      <c r="H3496" t="s">
        <v>81</v>
      </c>
      <c r="I3496" s="8">
        <v>2025</v>
      </c>
      <c r="J3496" t="s">
        <v>51</v>
      </c>
      <c r="K3496" s="10"/>
      <c r="M3496" s="10"/>
      <c r="N3496">
        <v>0</v>
      </c>
    </row>
    <row r="3497" spans="1:14" hidden="1">
      <c r="A3497" s="7" t="s">
        <v>10</v>
      </c>
      <c r="B3497" s="8"/>
      <c r="C3497" s="8"/>
      <c r="D3497" t="s">
        <v>80</v>
      </c>
      <c r="E3497" s="8" t="s">
        <v>24</v>
      </c>
      <c r="F3497" t="s">
        <v>74</v>
      </c>
      <c r="G3497" t="s">
        <v>78</v>
      </c>
      <c r="H3497" t="s">
        <v>81</v>
      </c>
      <c r="I3497" s="8">
        <v>2026</v>
      </c>
      <c r="J3497" t="s">
        <v>47</v>
      </c>
      <c r="K3497" s="10"/>
      <c r="M3497" s="10"/>
      <c r="N3497">
        <v>0</v>
      </c>
    </row>
    <row r="3498" spans="1:14" hidden="1">
      <c r="A3498" s="7" t="s">
        <v>10</v>
      </c>
      <c r="B3498" s="8"/>
      <c r="C3498" s="8"/>
      <c r="D3498" t="s">
        <v>80</v>
      </c>
      <c r="E3498" s="8" t="s">
        <v>24</v>
      </c>
      <c r="F3498" t="s">
        <v>74</v>
      </c>
      <c r="G3498" t="s">
        <v>78</v>
      </c>
      <c r="H3498" t="s">
        <v>81</v>
      </c>
      <c r="I3498" s="8">
        <v>2026</v>
      </c>
      <c r="J3498" t="s">
        <v>48</v>
      </c>
      <c r="K3498" s="10"/>
      <c r="M3498" s="10"/>
      <c r="N3498">
        <v>0</v>
      </c>
    </row>
    <row r="3499" spans="1:14" hidden="1">
      <c r="A3499" s="7" t="s">
        <v>10</v>
      </c>
      <c r="B3499" s="8"/>
      <c r="C3499" s="8"/>
      <c r="D3499" t="s">
        <v>80</v>
      </c>
      <c r="E3499" s="8" t="s">
        <v>24</v>
      </c>
      <c r="F3499" t="s">
        <v>74</v>
      </c>
      <c r="G3499" t="s">
        <v>78</v>
      </c>
      <c r="H3499" t="s">
        <v>81</v>
      </c>
      <c r="I3499" s="8">
        <v>2026</v>
      </c>
      <c r="J3499" t="s">
        <v>14</v>
      </c>
      <c r="K3499" s="10"/>
      <c r="M3499" s="10"/>
      <c r="N3499">
        <v>0</v>
      </c>
    </row>
    <row r="3500" spans="1:14" hidden="1">
      <c r="A3500" s="7" t="s">
        <v>10</v>
      </c>
      <c r="B3500" s="8"/>
      <c r="C3500" s="8"/>
      <c r="D3500" t="s">
        <v>80</v>
      </c>
      <c r="E3500" s="8" t="s">
        <v>24</v>
      </c>
      <c r="F3500" t="s">
        <v>74</v>
      </c>
      <c r="G3500" t="s">
        <v>78</v>
      </c>
      <c r="H3500" t="s">
        <v>81</v>
      </c>
      <c r="I3500" s="8">
        <v>2026</v>
      </c>
      <c r="J3500" t="s">
        <v>49</v>
      </c>
      <c r="K3500" s="10"/>
      <c r="M3500" s="10"/>
      <c r="N3500">
        <v>0</v>
      </c>
    </row>
    <row r="3501" spans="1:14" hidden="1">
      <c r="A3501" s="7" t="s">
        <v>10</v>
      </c>
      <c r="B3501" s="8"/>
      <c r="C3501" s="8"/>
      <c r="D3501" t="s">
        <v>80</v>
      </c>
      <c r="E3501" s="8" t="s">
        <v>24</v>
      </c>
      <c r="F3501" t="s">
        <v>74</v>
      </c>
      <c r="G3501" t="s">
        <v>79</v>
      </c>
      <c r="H3501" t="s">
        <v>81</v>
      </c>
      <c r="I3501" s="8">
        <v>2026</v>
      </c>
      <c r="J3501" t="s">
        <v>15</v>
      </c>
      <c r="K3501" s="10">
        <v>1151.927681992338</v>
      </c>
      <c r="M3501" s="10">
        <v>1151.927681992338</v>
      </c>
      <c r="N3501">
        <v>0</v>
      </c>
    </row>
    <row r="3502" spans="1:14" hidden="1">
      <c r="A3502" s="7" t="s">
        <v>10</v>
      </c>
      <c r="B3502" s="8"/>
      <c r="C3502" s="8"/>
      <c r="D3502" t="s">
        <v>80</v>
      </c>
      <c r="E3502" s="8" t="s">
        <v>24</v>
      </c>
      <c r="F3502" t="s">
        <v>74</v>
      </c>
      <c r="G3502" t="s">
        <v>79</v>
      </c>
      <c r="H3502" t="s">
        <v>81</v>
      </c>
      <c r="I3502" s="8">
        <v>2026</v>
      </c>
      <c r="J3502" t="s">
        <v>50</v>
      </c>
      <c r="K3502" s="10"/>
      <c r="M3502" s="10"/>
      <c r="N3502">
        <v>0</v>
      </c>
    </row>
    <row r="3503" spans="1:14" hidden="1">
      <c r="A3503" s="7" t="s">
        <v>10</v>
      </c>
      <c r="B3503" s="8"/>
      <c r="C3503" s="8"/>
      <c r="D3503" t="s">
        <v>80</v>
      </c>
      <c r="E3503" s="8" t="s">
        <v>24</v>
      </c>
      <c r="F3503" t="s">
        <v>74</v>
      </c>
      <c r="G3503" t="s">
        <v>19</v>
      </c>
      <c r="H3503" t="s">
        <v>81</v>
      </c>
      <c r="I3503" s="8">
        <v>2026</v>
      </c>
      <c r="J3503" t="s">
        <v>19</v>
      </c>
      <c r="K3503" s="10"/>
      <c r="M3503" s="10"/>
      <c r="N3503">
        <v>0</v>
      </c>
    </row>
    <row r="3504" spans="1:14" hidden="1">
      <c r="A3504" s="7" t="s">
        <v>10</v>
      </c>
      <c r="B3504" s="8"/>
      <c r="C3504" s="8"/>
      <c r="D3504" t="s">
        <v>80</v>
      </c>
      <c r="E3504" s="8" t="s">
        <v>24</v>
      </c>
      <c r="F3504" t="s">
        <v>74</v>
      </c>
      <c r="G3504" t="s">
        <v>78</v>
      </c>
      <c r="H3504" t="s">
        <v>81</v>
      </c>
      <c r="I3504" s="8">
        <v>2026</v>
      </c>
      <c r="J3504" t="s">
        <v>21</v>
      </c>
      <c r="K3504" s="10"/>
      <c r="M3504" s="10"/>
      <c r="N3504">
        <v>0</v>
      </c>
    </row>
    <row r="3505" spans="1:14" hidden="1">
      <c r="A3505" s="7" t="s">
        <v>10</v>
      </c>
      <c r="B3505" s="8"/>
      <c r="C3505" s="8"/>
      <c r="D3505" t="s">
        <v>80</v>
      </c>
      <c r="E3505" s="8" t="s">
        <v>24</v>
      </c>
      <c r="F3505" t="s">
        <v>74</v>
      </c>
      <c r="G3505" t="s">
        <v>78</v>
      </c>
      <c r="H3505" t="s">
        <v>81</v>
      </c>
      <c r="I3505" s="8">
        <v>2026</v>
      </c>
      <c r="J3505" t="s">
        <v>51</v>
      </c>
      <c r="K3505" s="10"/>
      <c r="M3505" s="10"/>
      <c r="N3505">
        <v>0</v>
      </c>
    </row>
    <row r="3506" spans="1:14" hidden="1">
      <c r="A3506" s="7" t="s">
        <v>10</v>
      </c>
      <c r="B3506" s="8"/>
      <c r="C3506" s="8"/>
      <c r="D3506" t="s">
        <v>80</v>
      </c>
      <c r="E3506" s="8" t="s">
        <v>24</v>
      </c>
      <c r="F3506" t="s">
        <v>74</v>
      </c>
      <c r="G3506" t="s">
        <v>78</v>
      </c>
      <c r="H3506" t="s">
        <v>81</v>
      </c>
      <c r="I3506" s="8">
        <v>2027</v>
      </c>
      <c r="J3506" t="s">
        <v>47</v>
      </c>
      <c r="K3506" s="10"/>
      <c r="M3506" s="10"/>
      <c r="N3506">
        <v>0</v>
      </c>
    </row>
    <row r="3507" spans="1:14" hidden="1">
      <c r="A3507" s="7" t="s">
        <v>10</v>
      </c>
      <c r="B3507" s="8"/>
      <c r="C3507" s="8"/>
      <c r="D3507" t="s">
        <v>80</v>
      </c>
      <c r="E3507" s="8" t="s">
        <v>24</v>
      </c>
      <c r="F3507" t="s">
        <v>74</v>
      </c>
      <c r="G3507" t="s">
        <v>78</v>
      </c>
      <c r="H3507" t="s">
        <v>81</v>
      </c>
      <c r="I3507" s="8">
        <v>2027</v>
      </c>
      <c r="J3507" t="s">
        <v>48</v>
      </c>
      <c r="K3507" s="10"/>
      <c r="M3507" s="10"/>
      <c r="N3507">
        <v>0</v>
      </c>
    </row>
    <row r="3508" spans="1:14" hidden="1">
      <c r="A3508" s="7" t="s">
        <v>10</v>
      </c>
      <c r="B3508" s="8"/>
      <c r="C3508" s="8"/>
      <c r="D3508" t="s">
        <v>80</v>
      </c>
      <c r="E3508" s="8" t="s">
        <v>24</v>
      </c>
      <c r="F3508" t="s">
        <v>74</v>
      </c>
      <c r="G3508" t="s">
        <v>78</v>
      </c>
      <c r="H3508" t="s">
        <v>81</v>
      </c>
      <c r="I3508" s="8">
        <v>2027</v>
      </c>
      <c r="J3508" t="s">
        <v>14</v>
      </c>
      <c r="K3508" s="10"/>
      <c r="M3508" s="10"/>
      <c r="N3508">
        <v>0</v>
      </c>
    </row>
    <row r="3509" spans="1:14" hidden="1">
      <c r="A3509" s="7" t="s">
        <v>10</v>
      </c>
      <c r="B3509" s="8"/>
      <c r="C3509" s="8"/>
      <c r="D3509" t="s">
        <v>80</v>
      </c>
      <c r="E3509" s="8" t="s">
        <v>24</v>
      </c>
      <c r="F3509" t="s">
        <v>74</v>
      </c>
      <c r="G3509" t="s">
        <v>78</v>
      </c>
      <c r="H3509" t="s">
        <v>81</v>
      </c>
      <c r="I3509" s="8">
        <v>2027</v>
      </c>
      <c r="J3509" t="s">
        <v>49</v>
      </c>
      <c r="K3509" s="10"/>
      <c r="M3509" s="10"/>
      <c r="N3509">
        <v>0</v>
      </c>
    </row>
    <row r="3510" spans="1:14" hidden="1">
      <c r="A3510" s="7" t="s">
        <v>10</v>
      </c>
      <c r="B3510" s="8"/>
      <c r="C3510" s="8"/>
      <c r="D3510" t="s">
        <v>80</v>
      </c>
      <c r="E3510" s="8" t="s">
        <v>24</v>
      </c>
      <c r="F3510" t="s">
        <v>74</v>
      </c>
      <c r="G3510" t="s">
        <v>79</v>
      </c>
      <c r="H3510" t="s">
        <v>81</v>
      </c>
      <c r="I3510" s="8">
        <v>2027</v>
      </c>
      <c r="J3510" t="s">
        <v>15</v>
      </c>
      <c r="K3510" s="10">
        <v>2714.6483936050672</v>
      </c>
      <c r="M3510" s="10">
        <v>2714.6483936050672</v>
      </c>
      <c r="N3510">
        <v>0</v>
      </c>
    </row>
    <row r="3511" spans="1:14" hidden="1">
      <c r="A3511" s="7" t="s">
        <v>10</v>
      </c>
      <c r="B3511" s="8"/>
      <c r="C3511" s="8"/>
      <c r="D3511" t="s">
        <v>80</v>
      </c>
      <c r="E3511" s="8" t="s">
        <v>24</v>
      </c>
      <c r="F3511" t="s">
        <v>74</v>
      </c>
      <c r="G3511" t="s">
        <v>79</v>
      </c>
      <c r="H3511" t="s">
        <v>81</v>
      </c>
      <c r="I3511" s="8">
        <v>2027</v>
      </c>
      <c r="J3511" t="s">
        <v>50</v>
      </c>
      <c r="K3511" s="10"/>
      <c r="M3511" s="10"/>
      <c r="N3511">
        <v>0</v>
      </c>
    </row>
    <row r="3512" spans="1:14" hidden="1">
      <c r="A3512" s="7" t="s">
        <v>10</v>
      </c>
      <c r="B3512" s="8"/>
      <c r="C3512" s="8"/>
      <c r="D3512" t="s">
        <v>80</v>
      </c>
      <c r="E3512" s="8" t="s">
        <v>24</v>
      </c>
      <c r="F3512" t="s">
        <v>74</v>
      </c>
      <c r="G3512" t="s">
        <v>19</v>
      </c>
      <c r="H3512" t="s">
        <v>81</v>
      </c>
      <c r="I3512" s="8">
        <v>2027</v>
      </c>
      <c r="J3512" t="s">
        <v>19</v>
      </c>
      <c r="K3512" s="10"/>
      <c r="M3512" s="10"/>
      <c r="N3512">
        <v>0</v>
      </c>
    </row>
    <row r="3513" spans="1:14" hidden="1">
      <c r="A3513" s="7" t="s">
        <v>10</v>
      </c>
      <c r="B3513" s="8"/>
      <c r="C3513" s="8"/>
      <c r="D3513" t="s">
        <v>80</v>
      </c>
      <c r="E3513" s="8" t="s">
        <v>24</v>
      </c>
      <c r="F3513" t="s">
        <v>74</v>
      </c>
      <c r="G3513" t="s">
        <v>78</v>
      </c>
      <c r="H3513" t="s">
        <v>81</v>
      </c>
      <c r="I3513" s="8">
        <v>2027</v>
      </c>
      <c r="J3513" t="s">
        <v>21</v>
      </c>
      <c r="K3513" s="10"/>
      <c r="M3513" s="10"/>
      <c r="N3513">
        <v>0</v>
      </c>
    </row>
    <row r="3514" spans="1:14" hidden="1">
      <c r="A3514" s="7" t="s">
        <v>10</v>
      </c>
      <c r="B3514" s="8"/>
      <c r="C3514" s="8"/>
      <c r="D3514" t="s">
        <v>80</v>
      </c>
      <c r="E3514" s="8" t="s">
        <v>24</v>
      </c>
      <c r="F3514" t="s">
        <v>74</v>
      </c>
      <c r="G3514" t="s">
        <v>78</v>
      </c>
      <c r="H3514" t="s">
        <v>81</v>
      </c>
      <c r="I3514" s="8">
        <v>2027</v>
      </c>
      <c r="J3514" t="s">
        <v>51</v>
      </c>
      <c r="K3514" s="10"/>
      <c r="M3514" s="10"/>
      <c r="N3514">
        <v>0</v>
      </c>
    </row>
    <row r="3515" spans="1:14" hidden="1">
      <c r="A3515" s="7" t="s">
        <v>10</v>
      </c>
      <c r="B3515" s="8"/>
      <c r="C3515" s="8"/>
      <c r="D3515" t="s">
        <v>80</v>
      </c>
      <c r="E3515" s="8" t="s">
        <v>24</v>
      </c>
      <c r="F3515" t="s">
        <v>74</v>
      </c>
      <c r="G3515" t="s">
        <v>78</v>
      </c>
      <c r="H3515" t="s">
        <v>81</v>
      </c>
      <c r="I3515" s="8">
        <v>2028</v>
      </c>
      <c r="J3515" t="s">
        <v>47</v>
      </c>
      <c r="K3515" s="10"/>
      <c r="M3515" s="10"/>
      <c r="N3515">
        <v>0</v>
      </c>
    </row>
    <row r="3516" spans="1:14" hidden="1">
      <c r="A3516" s="7" t="s">
        <v>10</v>
      </c>
      <c r="B3516" s="8"/>
      <c r="C3516" s="8"/>
      <c r="D3516" t="s">
        <v>80</v>
      </c>
      <c r="E3516" s="8" t="s">
        <v>24</v>
      </c>
      <c r="F3516" t="s">
        <v>74</v>
      </c>
      <c r="G3516" t="s">
        <v>78</v>
      </c>
      <c r="H3516" t="s">
        <v>81</v>
      </c>
      <c r="I3516" s="8">
        <v>2028</v>
      </c>
      <c r="J3516" t="s">
        <v>48</v>
      </c>
      <c r="K3516" s="10"/>
      <c r="M3516" s="10"/>
      <c r="N3516">
        <v>0</v>
      </c>
    </row>
    <row r="3517" spans="1:14" hidden="1">
      <c r="A3517" s="7" t="s">
        <v>10</v>
      </c>
      <c r="B3517" s="8"/>
      <c r="C3517" s="8"/>
      <c r="D3517" t="s">
        <v>80</v>
      </c>
      <c r="E3517" s="8" t="s">
        <v>24</v>
      </c>
      <c r="F3517" t="s">
        <v>74</v>
      </c>
      <c r="G3517" t="s">
        <v>78</v>
      </c>
      <c r="H3517" t="s">
        <v>81</v>
      </c>
      <c r="I3517" s="8">
        <v>2028</v>
      </c>
      <c r="J3517" t="s">
        <v>14</v>
      </c>
      <c r="K3517" s="10"/>
      <c r="M3517" s="10"/>
      <c r="N3517">
        <v>0</v>
      </c>
    </row>
    <row r="3518" spans="1:14" hidden="1">
      <c r="A3518" s="7" t="s">
        <v>10</v>
      </c>
      <c r="B3518" s="8"/>
      <c r="C3518" s="8"/>
      <c r="D3518" t="s">
        <v>80</v>
      </c>
      <c r="E3518" s="8" t="s">
        <v>24</v>
      </c>
      <c r="F3518" t="s">
        <v>74</v>
      </c>
      <c r="G3518" t="s">
        <v>78</v>
      </c>
      <c r="H3518" t="s">
        <v>81</v>
      </c>
      <c r="I3518" s="8">
        <v>2028</v>
      </c>
      <c r="J3518" t="s">
        <v>49</v>
      </c>
      <c r="K3518" s="10"/>
      <c r="M3518" s="10"/>
      <c r="N3518">
        <v>0</v>
      </c>
    </row>
    <row r="3519" spans="1:14" hidden="1">
      <c r="A3519" s="7" t="s">
        <v>10</v>
      </c>
      <c r="B3519" s="8"/>
      <c r="C3519" s="8"/>
      <c r="D3519" t="s">
        <v>80</v>
      </c>
      <c r="E3519" s="8" t="s">
        <v>24</v>
      </c>
      <c r="F3519" t="s">
        <v>74</v>
      </c>
      <c r="G3519" t="s">
        <v>79</v>
      </c>
      <c r="H3519" t="s">
        <v>81</v>
      </c>
      <c r="I3519" s="8">
        <v>2028</v>
      </c>
      <c r="J3519" t="s">
        <v>15</v>
      </c>
      <c r="K3519" s="10">
        <v>4563.3130803545582</v>
      </c>
      <c r="M3519" s="10">
        <v>4563.3130803545582</v>
      </c>
      <c r="N3519">
        <v>0</v>
      </c>
    </row>
    <row r="3520" spans="1:14" hidden="1">
      <c r="A3520" s="7" t="s">
        <v>10</v>
      </c>
      <c r="B3520" s="8"/>
      <c r="C3520" s="8"/>
      <c r="D3520" t="s">
        <v>80</v>
      </c>
      <c r="E3520" s="8" t="s">
        <v>24</v>
      </c>
      <c r="F3520" t="s">
        <v>74</v>
      </c>
      <c r="G3520" t="s">
        <v>79</v>
      </c>
      <c r="H3520" t="s">
        <v>81</v>
      </c>
      <c r="I3520" s="8">
        <v>2028</v>
      </c>
      <c r="J3520" t="s">
        <v>50</v>
      </c>
      <c r="K3520" s="10"/>
      <c r="M3520" s="10"/>
      <c r="N3520">
        <v>0</v>
      </c>
    </row>
    <row r="3521" spans="1:14" hidden="1">
      <c r="A3521" s="7" t="s">
        <v>10</v>
      </c>
      <c r="B3521" s="8"/>
      <c r="C3521" s="8"/>
      <c r="D3521" t="s">
        <v>80</v>
      </c>
      <c r="E3521" s="8" t="s">
        <v>24</v>
      </c>
      <c r="F3521" t="s">
        <v>74</v>
      </c>
      <c r="G3521" t="s">
        <v>19</v>
      </c>
      <c r="H3521" t="s">
        <v>81</v>
      </c>
      <c r="I3521" s="8">
        <v>2028</v>
      </c>
      <c r="J3521" t="s">
        <v>19</v>
      </c>
      <c r="K3521" s="10"/>
      <c r="M3521" s="10"/>
      <c r="N3521">
        <v>0</v>
      </c>
    </row>
    <row r="3522" spans="1:14" hidden="1">
      <c r="A3522" s="7" t="s">
        <v>10</v>
      </c>
      <c r="B3522" s="8"/>
      <c r="C3522" s="8"/>
      <c r="D3522" t="s">
        <v>80</v>
      </c>
      <c r="E3522" s="8" t="s">
        <v>24</v>
      </c>
      <c r="F3522" t="s">
        <v>74</v>
      </c>
      <c r="G3522" t="s">
        <v>78</v>
      </c>
      <c r="H3522" t="s">
        <v>81</v>
      </c>
      <c r="I3522" s="8">
        <v>2028</v>
      </c>
      <c r="J3522" t="s">
        <v>21</v>
      </c>
      <c r="K3522" s="10"/>
      <c r="M3522" s="10"/>
      <c r="N3522">
        <v>0</v>
      </c>
    </row>
    <row r="3523" spans="1:14" hidden="1">
      <c r="A3523" s="7" t="s">
        <v>10</v>
      </c>
      <c r="B3523" s="8"/>
      <c r="C3523" s="8"/>
      <c r="D3523" t="s">
        <v>80</v>
      </c>
      <c r="E3523" s="8" t="s">
        <v>24</v>
      </c>
      <c r="F3523" t="s">
        <v>74</v>
      </c>
      <c r="G3523" t="s">
        <v>78</v>
      </c>
      <c r="H3523" t="s">
        <v>81</v>
      </c>
      <c r="I3523" s="8">
        <v>2028</v>
      </c>
      <c r="J3523" t="s">
        <v>51</v>
      </c>
      <c r="K3523" s="10"/>
      <c r="M3523" s="10"/>
      <c r="N3523">
        <v>0</v>
      </c>
    </row>
    <row r="3524" spans="1:14" hidden="1">
      <c r="A3524" s="7" t="s">
        <v>10</v>
      </c>
      <c r="B3524" s="8"/>
      <c r="C3524" s="8"/>
      <c r="D3524" t="s">
        <v>80</v>
      </c>
      <c r="E3524" s="8" t="s">
        <v>24</v>
      </c>
      <c r="F3524" t="s">
        <v>74</v>
      </c>
      <c r="G3524" t="s">
        <v>78</v>
      </c>
      <c r="H3524" t="s">
        <v>81</v>
      </c>
      <c r="I3524" s="8">
        <v>2029</v>
      </c>
      <c r="J3524" t="s">
        <v>47</v>
      </c>
      <c r="K3524" s="10"/>
      <c r="M3524" s="10"/>
      <c r="N3524">
        <v>0</v>
      </c>
    </row>
    <row r="3525" spans="1:14" hidden="1">
      <c r="A3525" s="7" t="s">
        <v>10</v>
      </c>
      <c r="B3525" s="8"/>
      <c r="C3525" s="8"/>
      <c r="D3525" t="s">
        <v>80</v>
      </c>
      <c r="E3525" s="8" t="s">
        <v>24</v>
      </c>
      <c r="F3525" t="s">
        <v>74</v>
      </c>
      <c r="G3525" t="s">
        <v>78</v>
      </c>
      <c r="H3525" t="s">
        <v>81</v>
      </c>
      <c r="I3525" s="8">
        <v>2029</v>
      </c>
      <c r="J3525" t="s">
        <v>48</v>
      </c>
      <c r="K3525" s="10"/>
      <c r="M3525" s="10"/>
      <c r="N3525">
        <v>0</v>
      </c>
    </row>
    <row r="3526" spans="1:14" hidden="1">
      <c r="A3526" s="7" t="s">
        <v>10</v>
      </c>
      <c r="B3526" s="8"/>
      <c r="C3526" s="8"/>
      <c r="D3526" t="s">
        <v>80</v>
      </c>
      <c r="E3526" s="8" t="s">
        <v>24</v>
      </c>
      <c r="F3526" t="s">
        <v>74</v>
      </c>
      <c r="G3526" t="s">
        <v>78</v>
      </c>
      <c r="H3526" t="s">
        <v>81</v>
      </c>
      <c r="I3526" s="8">
        <v>2029</v>
      </c>
      <c r="J3526" t="s">
        <v>14</v>
      </c>
      <c r="K3526" s="10"/>
      <c r="M3526" s="10"/>
      <c r="N3526">
        <v>0</v>
      </c>
    </row>
    <row r="3527" spans="1:14" hidden="1">
      <c r="A3527" s="7" t="s">
        <v>10</v>
      </c>
      <c r="B3527" s="8"/>
      <c r="C3527" s="8"/>
      <c r="D3527" t="s">
        <v>80</v>
      </c>
      <c r="E3527" s="8" t="s">
        <v>24</v>
      </c>
      <c r="F3527" t="s">
        <v>74</v>
      </c>
      <c r="G3527" t="s">
        <v>78</v>
      </c>
      <c r="H3527" t="s">
        <v>81</v>
      </c>
      <c r="I3527" s="8">
        <v>2029</v>
      </c>
      <c r="J3527" t="s">
        <v>49</v>
      </c>
      <c r="K3527" s="10"/>
      <c r="M3527" s="10"/>
      <c r="N3527">
        <v>0</v>
      </c>
    </row>
    <row r="3528" spans="1:14" hidden="1">
      <c r="A3528" s="7" t="s">
        <v>10</v>
      </c>
      <c r="B3528" s="8"/>
      <c r="C3528" s="8"/>
      <c r="D3528" t="s">
        <v>80</v>
      </c>
      <c r="E3528" s="8" t="s">
        <v>24</v>
      </c>
      <c r="F3528" t="s">
        <v>74</v>
      </c>
      <c r="G3528" t="s">
        <v>79</v>
      </c>
      <c r="H3528" t="s">
        <v>81</v>
      </c>
      <c r="I3528" s="8">
        <v>2029</v>
      </c>
      <c r="J3528" t="s">
        <v>15</v>
      </c>
      <c r="K3528" s="10"/>
      <c r="M3528" s="10"/>
      <c r="N3528">
        <v>0</v>
      </c>
    </row>
    <row r="3529" spans="1:14" hidden="1">
      <c r="A3529" s="7" t="s">
        <v>10</v>
      </c>
      <c r="B3529" s="8"/>
      <c r="C3529" s="8"/>
      <c r="D3529" t="s">
        <v>80</v>
      </c>
      <c r="E3529" s="8" t="s">
        <v>24</v>
      </c>
      <c r="F3529" t="s">
        <v>74</v>
      </c>
      <c r="G3529" t="s">
        <v>79</v>
      </c>
      <c r="H3529" t="s">
        <v>81</v>
      </c>
      <c r="I3529" s="8">
        <v>2029</v>
      </c>
      <c r="J3529" t="s">
        <v>50</v>
      </c>
      <c r="K3529" s="10"/>
      <c r="M3529" s="10"/>
      <c r="N3529">
        <v>0</v>
      </c>
    </row>
    <row r="3530" spans="1:14" hidden="1">
      <c r="A3530" s="7" t="s">
        <v>10</v>
      </c>
      <c r="B3530" s="8"/>
      <c r="C3530" s="8"/>
      <c r="D3530" t="s">
        <v>80</v>
      </c>
      <c r="E3530" s="8" t="s">
        <v>24</v>
      </c>
      <c r="F3530" t="s">
        <v>74</v>
      </c>
      <c r="G3530" t="s">
        <v>19</v>
      </c>
      <c r="H3530" t="s">
        <v>81</v>
      </c>
      <c r="I3530" s="8">
        <v>2029</v>
      </c>
      <c r="J3530" t="s">
        <v>19</v>
      </c>
      <c r="K3530" s="10"/>
      <c r="M3530" s="10"/>
      <c r="N3530">
        <v>0</v>
      </c>
    </row>
    <row r="3531" spans="1:14" hidden="1">
      <c r="A3531" s="7" t="s">
        <v>10</v>
      </c>
      <c r="B3531" s="8"/>
      <c r="C3531" s="8"/>
      <c r="D3531" t="s">
        <v>80</v>
      </c>
      <c r="E3531" s="8" t="s">
        <v>24</v>
      </c>
      <c r="F3531" t="s">
        <v>74</v>
      </c>
      <c r="G3531" t="s">
        <v>78</v>
      </c>
      <c r="H3531" t="s">
        <v>81</v>
      </c>
      <c r="I3531" s="8">
        <v>2029</v>
      </c>
      <c r="J3531" t="s">
        <v>21</v>
      </c>
      <c r="K3531" s="10"/>
      <c r="M3531" s="10"/>
      <c r="N3531">
        <v>0</v>
      </c>
    </row>
    <row r="3532" spans="1:14" hidden="1">
      <c r="A3532" s="7" t="s">
        <v>10</v>
      </c>
      <c r="B3532" s="8"/>
      <c r="C3532" s="8"/>
      <c r="D3532" t="s">
        <v>80</v>
      </c>
      <c r="E3532" s="8" t="s">
        <v>24</v>
      </c>
      <c r="F3532" t="s">
        <v>74</v>
      </c>
      <c r="G3532" t="s">
        <v>78</v>
      </c>
      <c r="H3532" t="s">
        <v>81</v>
      </c>
      <c r="I3532" s="8">
        <v>2029</v>
      </c>
      <c r="J3532" t="s">
        <v>51</v>
      </c>
      <c r="K3532" s="10"/>
      <c r="M3532" s="10"/>
      <c r="N3532">
        <v>0</v>
      </c>
    </row>
    <row r="3533" spans="1:14" hidden="1">
      <c r="A3533" s="7" t="s">
        <v>10</v>
      </c>
      <c r="B3533" s="8"/>
      <c r="C3533" s="8"/>
      <c r="D3533" t="s">
        <v>80</v>
      </c>
      <c r="E3533" s="8" t="s">
        <v>24</v>
      </c>
      <c r="F3533" t="s">
        <v>74</v>
      </c>
      <c r="G3533" t="s">
        <v>78</v>
      </c>
      <c r="H3533" t="s">
        <v>81</v>
      </c>
      <c r="I3533" s="8">
        <v>2030</v>
      </c>
      <c r="J3533" t="s">
        <v>47</v>
      </c>
      <c r="K3533" s="10"/>
      <c r="M3533" s="10"/>
      <c r="N3533">
        <v>0</v>
      </c>
    </row>
    <row r="3534" spans="1:14" hidden="1">
      <c r="A3534" s="7" t="s">
        <v>10</v>
      </c>
      <c r="B3534" s="8"/>
      <c r="C3534" s="8"/>
      <c r="D3534" t="s">
        <v>80</v>
      </c>
      <c r="E3534" s="8" t="s">
        <v>24</v>
      </c>
      <c r="F3534" t="s">
        <v>74</v>
      </c>
      <c r="G3534" t="s">
        <v>78</v>
      </c>
      <c r="H3534" t="s">
        <v>81</v>
      </c>
      <c r="I3534" s="8">
        <v>2030</v>
      </c>
      <c r="J3534" t="s">
        <v>48</v>
      </c>
      <c r="K3534" s="10"/>
      <c r="M3534" s="10"/>
      <c r="N3534">
        <v>0</v>
      </c>
    </row>
    <row r="3535" spans="1:14" hidden="1">
      <c r="A3535" s="7" t="s">
        <v>10</v>
      </c>
      <c r="B3535" s="8"/>
      <c r="C3535" s="8"/>
      <c r="D3535" t="s">
        <v>80</v>
      </c>
      <c r="E3535" s="8" t="s">
        <v>24</v>
      </c>
      <c r="F3535" t="s">
        <v>74</v>
      </c>
      <c r="G3535" t="s">
        <v>78</v>
      </c>
      <c r="H3535" t="s">
        <v>81</v>
      </c>
      <c r="I3535" s="8">
        <v>2030</v>
      </c>
      <c r="J3535" t="s">
        <v>14</v>
      </c>
      <c r="K3535" s="10"/>
      <c r="M3535" s="10"/>
      <c r="N3535">
        <v>0</v>
      </c>
    </row>
    <row r="3536" spans="1:14" hidden="1">
      <c r="A3536" s="7" t="s">
        <v>10</v>
      </c>
      <c r="B3536" s="8"/>
      <c r="C3536" s="8"/>
      <c r="D3536" t="s">
        <v>80</v>
      </c>
      <c r="E3536" s="8" t="s">
        <v>24</v>
      </c>
      <c r="F3536" t="s">
        <v>74</v>
      </c>
      <c r="G3536" t="s">
        <v>78</v>
      </c>
      <c r="H3536" t="s">
        <v>81</v>
      </c>
      <c r="I3536" s="8">
        <v>2030</v>
      </c>
      <c r="J3536" t="s">
        <v>49</v>
      </c>
      <c r="K3536" s="10"/>
      <c r="M3536" s="10"/>
      <c r="N3536">
        <v>0</v>
      </c>
    </row>
    <row r="3537" spans="1:14" hidden="1">
      <c r="A3537" s="7" t="s">
        <v>10</v>
      </c>
      <c r="B3537" s="8"/>
      <c r="C3537" s="8"/>
      <c r="D3537" t="s">
        <v>80</v>
      </c>
      <c r="E3537" s="8" t="s">
        <v>24</v>
      </c>
      <c r="F3537" t="s">
        <v>74</v>
      </c>
      <c r="G3537" t="s">
        <v>79</v>
      </c>
      <c r="H3537" t="s">
        <v>81</v>
      </c>
      <c r="I3537" s="8">
        <v>2030</v>
      </c>
      <c r="J3537" t="s">
        <v>15</v>
      </c>
      <c r="K3537" s="10"/>
      <c r="M3537" s="10"/>
      <c r="N3537">
        <v>0</v>
      </c>
    </row>
    <row r="3538" spans="1:14" hidden="1">
      <c r="A3538" s="7" t="s">
        <v>10</v>
      </c>
      <c r="B3538" s="8"/>
      <c r="C3538" s="8"/>
      <c r="D3538" t="s">
        <v>80</v>
      </c>
      <c r="E3538" s="8" t="s">
        <v>24</v>
      </c>
      <c r="F3538" t="s">
        <v>74</v>
      </c>
      <c r="G3538" t="s">
        <v>79</v>
      </c>
      <c r="H3538" t="s">
        <v>81</v>
      </c>
      <c r="I3538" s="8">
        <v>2030</v>
      </c>
      <c r="J3538" t="s">
        <v>50</v>
      </c>
      <c r="K3538" s="10"/>
      <c r="M3538" s="10"/>
      <c r="N3538">
        <v>0</v>
      </c>
    </row>
    <row r="3539" spans="1:14" hidden="1">
      <c r="A3539" s="7" t="s">
        <v>10</v>
      </c>
      <c r="B3539" s="8"/>
      <c r="C3539" s="8"/>
      <c r="D3539" t="s">
        <v>80</v>
      </c>
      <c r="E3539" s="8" t="s">
        <v>24</v>
      </c>
      <c r="F3539" t="s">
        <v>74</v>
      </c>
      <c r="G3539" t="s">
        <v>19</v>
      </c>
      <c r="H3539" t="s">
        <v>81</v>
      </c>
      <c r="I3539" s="8">
        <v>2030</v>
      </c>
      <c r="J3539" t="s">
        <v>19</v>
      </c>
      <c r="K3539" s="10"/>
      <c r="M3539" s="10"/>
      <c r="N3539">
        <v>0</v>
      </c>
    </row>
    <row r="3540" spans="1:14" hidden="1">
      <c r="A3540" s="7" t="s">
        <v>10</v>
      </c>
      <c r="B3540" s="8"/>
      <c r="C3540" s="8"/>
      <c r="D3540" t="s">
        <v>80</v>
      </c>
      <c r="E3540" s="8" t="s">
        <v>24</v>
      </c>
      <c r="F3540" t="s">
        <v>74</v>
      </c>
      <c r="G3540" t="s">
        <v>78</v>
      </c>
      <c r="H3540" t="s">
        <v>81</v>
      </c>
      <c r="I3540" s="8">
        <v>2030</v>
      </c>
      <c r="J3540" t="s">
        <v>21</v>
      </c>
      <c r="K3540" s="10"/>
      <c r="M3540" s="10"/>
      <c r="N3540">
        <v>0</v>
      </c>
    </row>
    <row r="3541" spans="1:14" hidden="1">
      <c r="A3541" s="7" t="s">
        <v>10</v>
      </c>
      <c r="B3541" s="8"/>
      <c r="C3541" s="8"/>
      <c r="D3541" t="s">
        <v>80</v>
      </c>
      <c r="E3541" s="8" t="s">
        <v>24</v>
      </c>
      <c r="F3541" t="s">
        <v>74</v>
      </c>
      <c r="G3541" t="s">
        <v>78</v>
      </c>
      <c r="H3541" t="s">
        <v>81</v>
      </c>
      <c r="I3541" s="8">
        <v>2030</v>
      </c>
      <c r="J3541" t="s">
        <v>51</v>
      </c>
      <c r="K3541" s="10"/>
      <c r="M3541" s="10"/>
      <c r="N3541">
        <v>0</v>
      </c>
    </row>
    <row r="3542" spans="1:14" hidden="1">
      <c r="A3542" s="7" t="s">
        <v>10</v>
      </c>
      <c r="B3542" s="8"/>
      <c r="C3542" s="8"/>
      <c r="D3542" t="s">
        <v>80</v>
      </c>
      <c r="E3542" s="8" t="s">
        <v>24</v>
      </c>
      <c r="F3542" t="s">
        <v>74</v>
      </c>
      <c r="G3542" t="s">
        <v>78</v>
      </c>
      <c r="H3542" t="s">
        <v>81</v>
      </c>
      <c r="I3542" s="8">
        <v>2031</v>
      </c>
      <c r="J3542" t="s">
        <v>47</v>
      </c>
      <c r="K3542" s="10"/>
      <c r="M3542" s="10"/>
      <c r="N3542">
        <v>0</v>
      </c>
    </row>
    <row r="3543" spans="1:14" hidden="1">
      <c r="A3543" s="7" t="s">
        <v>10</v>
      </c>
      <c r="B3543" s="8"/>
      <c r="C3543" s="8"/>
      <c r="D3543" t="s">
        <v>80</v>
      </c>
      <c r="E3543" s="8" t="s">
        <v>24</v>
      </c>
      <c r="F3543" t="s">
        <v>74</v>
      </c>
      <c r="G3543" t="s">
        <v>78</v>
      </c>
      <c r="H3543" t="s">
        <v>81</v>
      </c>
      <c r="I3543" s="8">
        <v>2031</v>
      </c>
      <c r="J3543" t="s">
        <v>48</v>
      </c>
      <c r="K3543" s="10"/>
      <c r="M3543" s="10"/>
      <c r="N3543">
        <v>0</v>
      </c>
    </row>
    <row r="3544" spans="1:14" hidden="1">
      <c r="A3544" s="7" t="s">
        <v>10</v>
      </c>
      <c r="B3544" s="8"/>
      <c r="C3544" s="8"/>
      <c r="D3544" t="s">
        <v>80</v>
      </c>
      <c r="E3544" s="8" t="s">
        <v>24</v>
      </c>
      <c r="F3544" t="s">
        <v>74</v>
      </c>
      <c r="G3544" t="s">
        <v>78</v>
      </c>
      <c r="H3544" t="s">
        <v>81</v>
      </c>
      <c r="I3544" s="8">
        <v>2031</v>
      </c>
      <c r="J3544" t="s">
        <v>14</v>
      </c>
      <c r="K3544" s="10"/>
      <c r="M3544" s="10"/>
      <c r="N3544">
        <v>0</v>
      </c>
    </row>
    <row r="3545" spans="1:14" hidden="1">
      <c r="A3545" s="7" t="s">
        <v>10</v>
      </c>
      <c r="B3545" s="8"/>
      <c r="C3545" s="8"/>
      <c r="D3545" t="s">
        <v>80</v>
      </c>
      <c r="E3545" s="8" t="s">
        <v>24</v>
      </c>
      <c r="F3545" t="s">
        <v>74</v>
      </c>
      <c r="G3545" t="s">
        <v>78</v>
      </c>
      <c r="H3545" t="s">
        <v>81</v>
      </c>
      <c r="I3545" s="8">
        <v>2031</v>
      </c>
      <c r="J3545" t="s">
        <v>49</v>
      </c>
      <c r="K3545" s="10"/>
      <c r="M3545" s="10"/>
      <c r="N3545">
        <v>0</v>
      </c>
    </row>
    <row r="3546" spans="1:14" hidden="1">
      <c r="A3546" s="7" t="s">
        <v>10</v>
      </c>
      <c r="B3546" s="8"/>
      <c r="C3546" s="8"/>
      <c r="D3546" t="s">
        <v>80</v>
      </c>
      <c r="E3546" s="8" t="s">
        <v>24</v>
      </c>
      <c r="F3546" t="s">
        <v>74</v>
      </c>
      <c r="G3546" t="s">
        <v>79</v>
      </c>
      <c r="H3546" t="s">
        <v>81</v>
      </c>
      <c r="I3546" s="8">
        <v>2031</v>
      </c>
      <c r="J3546" t="s">
        <v>15</v>
      </c>
      <c r="K3546" s="10"/>
      <c r="M3546" s="10"/>
      <c r="N3546">
        <v>0</v>
      </c>
    </row>
    <row r="3547" spans="1:14" hidden="1">
      <c r="A3547" s="7" t="s">
        <v>10</v>
      </c>
      <c r="B3547" s="8"/>
      <c r="C3547" s="8"/>
      <c r="D3547" t="s">
        <v>80</v>
      </c>
      <c r="E3547" s="8" t="s">
        <v>24</v>
      </c>
      <c r="F3547" t="s">
        <v>74</v>
      </c>
      <c r="G3547" t="s">
        <v>79</v>
      </c>
      <c r="H3547" t="s">
        <v>81</v>
      </c>
      <c r="I3547" s="8">
        <v>2031</v>
      </c>
      <c r="J3547" t="s">
        <v>50</v>
      </c>
      <c r="K3547" s="10"/>
      <c r="M3547" s="10"/>
      <c r="N3547">
        <v>0</v>
      </c>
    </row>
    <row r="3548" spans="1:14" hidden="1">
      <c r="A3548" s="7" t="s">
        <v>10</v>
      </c>
      <c r="B3548" s="8"/>
      <c r="C3548" s="8"/>
      <c r="D3548" t="s">
        <v>80</v>
      </c>
      <c r="E3548" s="8" t="s">
        <v>24</v>
      </c>
      <c r="F3548" t="s">
        <v>74</v>
      </c>
      <c r="G3548" t="s">
        <v>19</v>
      </c>
      <c r="H3548" t="s">
        <v>81</v>
      </c>
      <c r="I3548" s="8">
        <v>2031</v>
      </c>
      <c r="J3548" t="s">
        <v>19</v>
      </c>
      <c r="K3548" s="10"/>
      <c r="M3548" s="10"/>
      <c r="N3548">
        <v>0</v>
      </c>
    </row>
    <row r="3549" spans="1:14" hidden="1">
      <c r="A3549" s="7" t="s">
        <v>10</v>
      </c>
      <c r="B3549" s="8"/>
      <c r="C3549" s="8"/>
      <c r="D3549" t="s">
        <v>80</v>
      </c>
      <c r="E3549" s="8" t="s">
        <v>24</v>
      </c>
      <c r="F3549" t="s">
        <v>74</v>
      </c>
      <c r="G3549" t="s">
        <v>78</v>
      </c>
      <c r="H3549" t="s">
        <v>81</v>
      </c>
      <c r="I3549" s="8">
        <v>2031</v>
      </c>
      <c r="J3549" t="s">
        <v>21</v>
      </c>
      <c r="K3549" s="10"/>
      <c r="M3549" s="10"/>
      <c r="N3549">
        <v>0</v>
      </c>
    </row>
    <row r="3550" spans="1:14" hidden="1">
      <c r="A3550" s="7" t="s">
        <v>10</v>
      </c>
      <c r="B3550" s="8"/>
      <c r="C3550" s="8"/>
      <c r="D3550" t="s">
        <v>80</v>
      </c>
      <c r="E3550" s="8" t="s">
        <v>24</v>
      </c>
      <c r="F3550" t="s">
        <v>74</v>
      </c>
      <c r="G3550" t="s">
        <v>78</v>
      </c>
      <c r="H3550" t="s">
        <v>81</v>
      </c>
      <c r="I3550" s="8">
        <v>2031</v>
      </c>
      <c r="J3550" t="s">
        <v>51</v>
      </c>
      <c r="K3550" s="10"/>
      <c r="M3550" s="10"/>
      <c r="N3550">
        <v>0</v>
      </c>
    </row>
    <row r="3551" spans="1:14" hidden="1">
      <c r="A3551" s="7" t="s">
        <v>10</v>
      </c>
      <c r="B3551" s="8"/>
      <c r="C3551" s="8"/>
      <c r="D3551" t="s">
        <v>80</v>
      </c>
      <c r="E3551" s="8" t="s">
        <v>24</v>
      </c>
      <c r="F3551" t="s">
        <v>74</v>
      </c>
      <c r="G3551" t="s">
        <v>78</v>
      </c>
      <c r="H3551" t="s">
        <v>81</v>
      </c>
      <c r="I3551" s="8">
        <v>2032</v>
      </c>
      <c r="J3551" t="s">
        <v>47</v>
      </c>
      <c r="K3551" s="10"/>
      <c r="M3551" s="10"/>
      <c r="N3551">
        <v>0</v>
      </c>
    </row>
    <row r="3552" spans="1:14" hidden="1">
      <c r="A3552" s="7" t="s">
        <v>10</v>
      </c>
      <c r="B3552" s="8"/>
      <c r="C3552" s="8"/>
      <c r="D3552" t="s">
        <v>80</v>
      </c>
      <c r="E3552" s="8" t="s">
        <v>24</v>
      </c>
      <c r="F3552" t="s">
        <v>74</v>
      </c>
      <c r="G3552" t="s">
        <v>78</v>
      </c>
      <c r="H3552" t="s">
        <v>81</v>
      </c>
      <c r="I3552" s="8">
        <v>2032</v>
      </c>
      <c r="J3552" t="s">
        <v>48</v>
      </c>
      <c r="K3552" s="10"/>
      <c r="M3552" s="10"/>
      <c r="N3552">
        <v>0</v>
      </c>
    </row>
    <row r="3553" spans="1:14" hidden="1">
      <c r="A3553" s="7" t="s">
        <v>10</v>
      </c>
      <c r="B3553" s="8"/>
      <c r="C3553" s="8"/>
      <c r="D3553" t="s">
        <v>80</v>
      </c>
      <c r="E3553" s="8" t="s">
        <v>24</v>
      </c>
      <c r="F3553" t="s">
        <v>74</v>
      </c>
      <c r="G3553" t="s">
        <v>78</v>
      </c>
      <c r="H3553" t="s">
        <v>81</v>
      </c>
      <c r="I3553" s="8">
        <v>2032</v>
      </c>
      <c r="J3553" t="s">
        <v>14</v>
      </c>
      <c r="K3553" s="10"/>
      <c r="M3553" s="10"/>
      <c r="N3553">
        <v>0</v>
      </c>
    </row>
    <row r="3554" spans="1:14" hidden="1">
      <c r="A3554" s="7" t="s">
        <v>10</v>
      </c>
      <c r="B3554" s="8"/>
      <c r="C3554" s="8"/>
      <c r="D3554" t="s">
        <v>80</v>
      </c>
      <c r="E3554" s="8" t="s">
        <v>24</v>
      </c>
      <c r="F3554" t="s">
        <v>74</v>
      </c>
      <c r="G3554" t="s">
        <v>78</v>
      </c>
      <c r="H3554" t="s">
        <v>81</v>
      </c>
      <c r="I3554" s="8">
        <v>2032</v>
      </c>
      <c r="J3554" t="s">
        <v>49</v>
      </c>
      <c r="K3554" s="10"/>
      <c r="M3554" s="10"/>
      <c r="N3554">
        <v>0</v>
      </c>
    </row>
    <row r="3555" spans="1:14" hidden="1">
      <c r="A3555" s="7" t="s">
        <v>10</v>
      </c>
      <c r="B3555" s="8"/>
      <c r="C3555" s="8"/>
      <c r="D3555" t="s">
        <v>80</v>
      </c>
      <c r="E3555" s="8" t="s">
        <v>24</v>
      </c>
      <c r="F3555" t="s">
        <v>74</v>
      </c>
      <c r="G3555" t="s">
        <v>79</v>
      </c>
      <c r="H3555" t="s">
        <v>81</v>
      </c>
      <c r="I3555" s="8">
        <v>2032</v>
      </c>
      <c r="J3555" t="s">
        <v>15</v>
      </c>
      <c r="K3555" s="10"/>
      <c r="M3555" s="10"/>
      <c r="N3555">
        <v>0</v>
      </c>
    </row>
    <row r="3556" spans="1:14" hidden="1">
      <c r="A3556" s="7" t="s">
        <v>10</v>
      </c>
      <c r="B3556" s="8"/>
      <c r="C3556" s="8"/>
      <c r="D3556" t="s">
        <v>80</v>
      </c>
      <c r="E3556" s="8" t="s">
        <v>24</v>
      </c>
      <c r="F3556" t="s">
        <v>74</v>
      </c>
      <c r="G3556" t="s">
        <v>79</v>
      </c>
      <c r="H3556" t="s">
        <v>81</v>
      </c>
      <c r="I3556" s="8">
        <v>2032</v>
      </c>
      <c r="J3556" t="s">
        <v>50</v>
      </c>
      <c r="K3556" s="10"/>
      <c r="M3556" s="10"/>
      <c r="N3556">
        <v>0</v>
      </c>
    </row>
    <row r="3557" spans="1:14" hidden="1">
      <c r="A3557" s="7" t="s">
        <v>10</v>
      </c>
      <c r="B3557" s="8"/>
      <c r="C3557" s="8"/>
      <c r="D3557" t="s">
        <v>80</v>
      </c>
      <c r="E3557" s="8" t="s">
        <v>24</v>
      </c>
      <c r="F3557" t="s">
        <v>74</v>
      </c>
      <c r="G3557" t="s">
        <v>19</v>
      </c>
      <c r="H3557" t="s">
        <v>81</v>
      </c>
      <c r="I3557" s="8">
        <v>2032</v>
      </c>
      <c r="J3557" t="s">
        <v>19</v>
      </c>
      <c r="K3557" s="10"/>
      <c r="M3557" s="10"/>
      <c r="N3557">
        <v>0</v>
      </c>
    </row>
    <row r="3558" spans="1:14" hidden="1">
      <c r="A3558" s="7" t="s">
        <v>10</v>
      </c>
      <c r="B3558" s="8"/>
      <c r="C3558" s="8"/>
      <c r="D3558" t="s">
        <v>80</v>
      </c>
      <c r="E3558" s="8" t="s">
        <v>24</v>
      </c>
      <c r="F3558" t="s">
        <v>74</v>
      </c>
      <c r="G3558" t="s">
        <v>78</v>
      </c>
      <c r="H3558" t="s">
        <v>81</v>
      </c>
      <c r="I3558" s="8">
        <v>2032</v>
      </c>
      <c r="J3558" t="s">
        <v>21</v>
      </c>
      <c r="K3558" s="10"/>
      <c r="M3558" s="10"/>
      <c r="N3558">
        <v>0</v>
      </c>
    </row>
    <row r="3559" spans="1:14" hidden="1">
      <c r="A3559" s="7" t="s">
        <v>10</v>
      </c>
      <c r="B3559" s="8"/>
      <c r="C3559" s="8"/>
      <c r="D3559" t="s">
        <v>80</v>
      </c>
      <c r="E3559" s="8" t="s">
        <v>24</v>
      </c>
      <c r="F3559" t="s">
        <v>74</v>
      </c>
      <c r="G3559" t="s">
        <v>78</v>
      </c>
      <c r="H3559" t="s">
        <v>81</v>
      </c>
      <c r="I3559" s="8">
        <v>2032</v>
      </c>
      <c r="J3559" t="s">
        <v>51</v>
      </c>
      <c r="K3559" s="10"/>
      <c r="M3559" s="10"/>
      <c r="N3559">
        <v>0</v>
      </c>
    </row>
    <row r="3560" spans="1:14" hidden="1">
      <c r="A3560" s="7" t="s">
        <v>10</v>
      </c>
      <c r="B3560" s="8"/>
      <c r="C3560" s="8"/>
      <c r="D3560" t="s">
        <v>80</v>
      </c>
      <c r="E3560" s="8" t="s">
        <v>24</v>
      </c>
      <c r="F3560" t="s">
        <v>74</v>
      </c>
      <c r="G3560" t="s">
        <v>78</v>
      </c>
      <c r="H3560" t="s">
        <v>81</v>
      </c>
      <c r="I3560" s="8">
        <v>2033</v>
      </c>
      <c r="J3560" t="s">
        <v>47</v>
      </c>
      <c r="K3560" s="10"/>
      <c r="M3560" s="10"/>
      <c r="N3560">
        <v>0</v>
      </c>
    </row>
    <row r="3561" spans="1:14" hidden="1">
      <c r="A3561" s="7" t="s">
        <v>10</v>
      </c>
      <c r="B3561" s="8"/>
      <c r="C3561" s="8"/>
      <c r="D3561" t="s">
        <v>80</v>
      </c>
      <c r="E3561" s="8" t="s">
        <v>24</v>
      </c>
      <c r="F3561" t="s">
        <v>74</v>
      </c>
      <c r="G3561" t="s">
        <v>78</v>
      </c>
      <c r="H3561" t="s">
        <v>81</v>
      </c>
      <c r="I3561" s="8">
        <v>2033</v>
      </c>
      <c r="J3561" t="s">
        <v>48</v>
      </c>
      <c r="K3561" s="10"/>
      <c r="M3561" s="10"/>
      <c r="N3561">
        <v>0</v>
      </c>
    </row>
    <row r="3562" spans="1:14" hidden="1">
      <c r="A3562" s="7" t="s">
        <v>10</v>
      </c>
      <c r="B3562" s="8"/>
      <c r="C3562" s="8"/>
      <c r="D3562" t="s">
        <v>80</v>
      </c>
      <c r="E3562" s="8" t="s">
        <v>24</v>
      </c>
      <c r="F3562" t="s">
        <v>74</v>
      </c>
      <c r="G3562" t="s">
        <v>78</v>
      </c>
      <c r="H3562" t="s">
        <v>81</v>
      </c>
      <c r="I3562" s="8">
        <v>2033</v>
      </c>
      <c r="J3562" t="s">
        <v>14</v>
      </c>
      <c r="K3562" s="10"/>
      <c r="M3562" s="10"/>
      <c r="N3562">
        <v>0</v>
      </c>
    </row>
    <row r="3563" spans="1:14" hidden="1">
      <c r="A3563" s="7" t="s">
        <v>10</v>
      </c>
      <c r="B3563" s="8"/>
      <c r="C3563" s="8"/>
      <c r="D3563" t="s">
        <v>80</v>
      </c>
      <c r="E3563" s="8" t="s">
        <v>24</v>
      </c>
      <c r="F3563" t="s">
        <v>74</v>
      </c>
      <c r="G3563" t="s">
        <v>78</v>
      </c>
      <c r="H3563" t="s">
        <v>81</v>
      </c>
      <c r="I3563" s="8">
        <v>2033</v>
      </c>
      <c r="J3563" t="s">
        <v>49</v>
      </c>
      <c r="K3563" s="10"/>
      <c r="M3563" s="10"/>
      <c r="N3563">
        <v>0</v>
      </c>
    </row>
    <row r="3564" spans="1:14" hidden="1">
      <c r="A3564" s="7" t="s">
        <v>10</v>
      </c>
      <c r="B3564" s="8"/>
      <c r="C3564" s="8"/>
      <c r="D3564" t="s">
        <v>80</v>
      </c>
      <c r="E3564" s="8" t="s">
        <v>24</v>
      </c>
      <c r="F3564" t="s">
        <v>74</v>
      </c>
      <c r="G3564" t="s">
        <v>79</v>
      </c>
      <c r="H3564" t="s">
        <v>81</v>
      </c>
      <c r="I3564" s="8">
        <v>2033</v>
      </c>
      <c r="J3564" t="s">
        <v>15</v>
      </c>
      <c r="K3564" s="10"/>
      <c r="M3564" s="10"/>
      <c r="N3564">
        <v>0</v>
      </c>
    </row>
    <row r="3565" spans="1:14" hidden="1">
      <c r="A3565" s="7" t="s">
        <v>10</v>
      </c>
      <c r="B3565" s="8"/>
      <c r="C3565" s="8"/>
      <c r="D3565" t="s">
        <v>80</v>
      </c>
      <c r="E3565" s="8" t="s">
        <v>24</v>
      </c>
      <c r="F3565" t="s">
        <v>74</v>
      </c>
      <c r="G3565" t="s">
        <v>79</v>
      </c>
      <c r="H3565" t="s">
        <v>81</v>
      </c>
      <c r="I3565" s="8">
        <v>2033</v>
      </c>
      <c r="J3565" t="s">
        <v>50</v>
      </c>
      <c r="K3565" s="10"/>
      <c r="M3565" s="10"/>
      <c r="N3565">
        <v>0</v>
      </c>
    </row>
    <row r="3566" spans="1:14" hidden="1">
      <c r="A3566" s="7" t="s">
        <v>10</v>
      </c>
      <c r="B3566" s="8"/>
      <c r="C3566" s="8"/>
      <c r="D3566" t="s">
        <v>80</v>
      </c>
      <c r="E3566" s="8" t="s">
        <v>24</v>
      </c>
      <c r="F3566" t="s">
        <v>74</v>
      </c>
      <c r="G3566" t="s">
        <v>19</v>
      </c>
      <c r="H3566" t="s">
        <v>81</v>
      </c>
      <c r="I3566" s="8">
        <v>2033</v>
      </c>
      <c r="J3566" t="s">
        <v>19</v>
      </c>
      <c r="K3566" s="10"/>
      <c r="M3566" s="10"/>
      <c r="N3566">
        <v>0</v>
      </c>
    </row>
    <row r="3567" spans="1:14" hidden="1">
      <c r="A3567" s="7" t="s">
        <v>10</v>
      </c>
      <c r="B3567" s="8"/>
      <c r="C3567" s="8"/>
      <c r="D3567" t="s">
        <v>80</v>
      </c>
      <c r="E3567" s="8" t="s">
        <v>24</v>
      </c>
      <c r="F3567" t="s">
        <v>74</v>
      </c>
      <c r="G3567" t="s">
        <v>78</v>
      </c>
      <c r="H3567" t="s">
        <v>81</v>
      </c>
      <c r="I3567" s="8">
        <v>2033</v>
      </c>
      <c r="J3567" t="s">
        <v>21</v>
      </c>
      <c r="K3567" s="10"/>
      <c r="M3567" s="10"/>
      <c r="N3567">
        <v>0</v>
      </c>
    </row>
    <row r="3568" spans="1:14" hidden="1">
      <c r="A3568" s="7" t="s">
        <v>10</v>
      </c>
      <c r="B3568" s="8"/>
      <c r="C3568" s="8"/>
      <c r="D3568" t="s">
        <v>80</v>
      </c>
      <c r="E3568" s="8" t="s">
        <v>24</v>
      </c>
      <c r="F3568" t="s">
        <v>74</v>
      </c>
      <c r="G3568" t="s">
        <v>78</v>
      </c>
      <c r="H3568" t="s">
        <v>81</v>
      </c>
      <c r="I3568" s="8">
        <v>2033</v>
      </c>
      <c r="J3568" t="s">
        <v>51</v>
      </c>
      <c r="K3568" s="10"/>
      <c r="M3568" s="10"/>
      <c r="N3568">
        <v>0</v>
      </c>
    </row>
    <row r="3569" spans="1:14">
      <c r="A3569" s="7" t="s">
        <v>10</v>
      </c>
      <c r="B3569" s="8"/>
      <c r="C3569" s="8"/>
      <c r="D3569" t="s">
        <v>80</v>
      </c>
      <c r="E3569" s="8" t="s">
        <v>12</v>
      </c>
      <c r="F3569" t="s">
        <v>74</v>
      </c>
      <c r="G3569" t="s">
        <v>78</v>
      </c>
      <c r="H3569" t="s">
        <v>81</v>
      </c>
      <c r="I3569" s="8">
        <v>2025</v>
      </c>
      <c r="J3569" t="s">
        <v>47</v>
      </c>
      <c r="K3569" s="10"/>
      <c r="M3569" s="10"/>
      <c r="N3569">
        <v>0</v>
      </c>
    </row>
    <row r="3570" spans="1:14">
      <c r="A3570" s="7" t="s">
        <v>10</v>
      </c>
      <c r="B3570" s="8"/>
      <c r="C3570" s="8"/>
      <c r="D3570" t="s">
        <v>80</v>
      </c>
      <c r="E3570" s="8" t="s">
        <v>12</v>
      </c>
      <c r="F3570" t="s">
        <v>74</v>
      </c>
      <c r="G3570" t="s">
        <v>78</v>
      </c>
      <c r="H3570" t="s">
        <v>81</v>
      </c>
      <c r="I3570" s="8">
        <v>2025</v>
      </c>
      <c r="J3570" t="s">
        <v>48</v>
      </c>
      <c r="K3570" s="10"/>
      <c r="M3570" s="10"/>
      <c r="N3570">
        <v>0</v>
      </c>
    </row>
    <row r="3571" spans="1:14">
      <c r="A3571" s="7" t="s">
        <v>10</v>
      </c>
      <c r="B3571" s="8"/>
      <c r="C3571" s="8"/>
      <c r="D3571" t="s">
        <v>80</v>
      </c>
      <c r="E3571" s="8" t="s">
        <v>12</v>
      </c>
      <c r="F3571" t="s">
        <v>74</v>
      </c>
      <c r="G3571" t="s">
        <v>78</v>
      </c>
      <c r="H3571" t="s">
        <v>81</v>
      </c>
      <c r="I3571" s="8">
        <v>2025</v>
      </c>
      <c r="J3571" t="s">
        <v>14</v>
      </c>
      <c r="K3571" s="10"/>
      <c r="M3571" s="10"/>
      <c r="N3571">
        <v>0</v>
      </c>
    </row>
    <row r="3572" spans="1:14">
      <c r="A3572" s="7" t="s">
        <v>10</v>
      </c>
      <c r="B3572" s="8"/>
      <c r="C3572" s="8"/>
      <c r="D3572" t="s">
        <v>80</v>
      </c>
      <c r="E3572" s="8" t="s">
        <v>12</v>
      </c>
      <c r="F3572" t="s">
        <v>74</v>
      </c>
      <c r="G3572" t="s">
        <v>78</v>
      </c>
      <c r="H3572" t="s">
        <v>81</v>
      </c>
      <c r="I3572" s="8">
        <v>2025</v>
      </c>
      <c r="J3572" t="s">
        <v>49</v>
      </c>
      <c r="K3572" s="10"/>
      <c r="M3572" s="10"/>
      <c r="N3572">
        <v>0</v>
      </c>
    </row>
    <row r="3573" spans="1:14">
      <c r="A3573" s="7" t="s">
        <v>10</v>
      </c>
      <c r="B3573" s="8"/>
      <c r="C3573" s="8"/>
      <c r="D3573" t="s">
        <v>80</v>
      </c>
      <c r="E3573" s="8" t="s">
        <v>12</v>
      </c>
      <c r="F3573" t="s">
        <v>74</v>
      </c>
      <c r="G3573" t="s">
        <v>79</v>
      </c>
      <c r="H3573" t="s">
        <v>81</v>
      </c>
      <c r="I3573" s="8">
        <v>2025</v>
      </c>
      <c r="J3573" t="s">
        <v>15</v>
      </c>
      <c r="K3573" s="10">
        <v>0</v>
      </c>
      <c r="M3573" s="10">
        <v>0</v>
      </c>
      <c r="N3573">
        <v>0</v>
      </c>
    </row>
    <row r="3574" spans="1:14">
      <c r="A3574" s="7" t="s">
        <v>10</v>
      </c>
      <c r="B3574" s="8"/>
      <c r="C3574" s="8"/>
      <c r="D3574" t="s">
        <v>80</v>
      </c>
      <c r="E3574" s="8" t="s">
        <v>12</v>
      </c>
      <c r="F3574" t="s">
        <v>74</v>
      </c>
      <c r="G3574" t="s">
        <v>79</v>
      </c>
      <c r="H3574" t="s">
        <v>81</v>
      </c>
      <c r="I3574" s="8">
        <v>2025</v>
      </c>
      <c r="J3574" t="s">
        <v>50</v>
      </c>
      <c r="K3574" s="10"/>
      <c r="M3574" s="10"/>
      <c r="N3574">
        <v>0</v>
      </c>
    </row>
    <row r="3575" spans="1:14">
      <c r="A3575" s="7" t="s">
        <v>10</v>
      </c>
      <c r="B3575" s="8"/>
      <c r="C3575" s="8"/>
      <c r="D3575" t="s">
        <v>80</v>
      </c>
      <c r="E3575" s="8" t="s">
        <v>12</v>
      </c>
      <c r="F3575" t="s">
        <v>74</v>
      </c>
      <c r="G3575" t="s">
        <v>19</v>
      </c>
      <c r="H3575" t="s">
        <v>81</v>
      </c>
      <c r="I3575" s="8">
        <v>2025</v>
      </c>
      <c r="J3575" t="s">
        <v>19</v>
      </c>
      <c r="K3575" s="10"/>
      <c r="M3575" s="10"/>
      <c r="N3575">
        <v>0</v>
      </c>
    </row>
    <row r="3576" spans="1:14">
      <c r="A3576" s="7" t="s">
        <v>10</v>
      </c>
      <c r="B3576" s="8"/>
      <c r="C3576" s="8"/>
      <c r="D3576" t="s">
        <v>80</v>
      </c>
      <c r="E3576" s="8" t="s">
        <v>12</v>
      </c>
      <c r="F3576" t="s">
        <v>74</v>
      </c>
      <c r="G3576" t="s">
        <v>78</v>
      </c>
      <c r="H3576" t="s">
        <v>81</v>
      </c>
      <c r="I3576" s="8">
        <v>2025</v>
      </c>
      <c r="J3576" t="s">
        <v>21</v>
      </c>
      <c r="K3576" s="10"/>
      <c r="M3576" s="10"/>
      <c r="N3576">
        <v>0</v>
      </c>
    </row>
    <row r="3577" spans="1:14">
      <c r="A3577" s="7" t="s">
        <v>10</v>
      </c>
      <c r="B3577" s="8"/>
      <c r="C3577" s="8"/>
      <c r="D3577" t="s">
        <v>80</v>
      </c>
      <c r="E3577" s="8" t="s">
        <v>12</v>
      </c>
      <c r="F3577" t="s">
        <v>74</v>
      </c>
      <c r="G3577" t="s">
        <v>78</v>
      </c>
      <c r="H3577" t="s">
        <v>81</v>
      </c>
      <c r="I3577" s="8">
        <v>2025</v>
      </c>
      <c r="J3577" t="s">
        <v>51</v>
      </c>
      <c r="K3577" s="10"/>
      <c r="M3577" s="10"/>
      <c r="N3577">
        <v>0</v>
      </c>
    </row>
    <row r="3578" spans="1:14" hidden="1">
      <c r="A3578" s="7" t="s">
        <v>10</v>
      </c>
      <c r="B3578" s="8"/>
      <c r="C3578" s="8"/>
      <c r="D3578" t="s">
        <v>80</v>
      </c>
      <c r="E3578" s="8" t="s">
        <v>12</v>
      </c>
      <c r="F3578" t="s">
        <v>74</v>
      </c>
      <c r="G3578" t="s">
        <v>78</v>
      </c>
      <c r="H3578" t="s">
        <v>81</v>
      </c>
      <c r="I3578" s="8">
        <v>2026</v>
      </c>
      <c r="J3578" t="s">
        <v>47</v>
      </c>
      <c r="K3578" s="10"/>
      <c r="M3578" s="10"/>
      <c r="N3578">
        <v>0</v>
      </c>
    </row>
    <row r="3579" spans="1:14" hidden="1">
      <c r="A3579" s="7" t="s">
        <v>10</v>
      </c>
      <c r="B3579" s="8"/>
      <c r="C3579" s="8"/>
      <c r="D3579" t="s">
        <v>80</v>
      </c>
      <c r="E3579" s="8" t="s">
        <v>12</v>
      </c>
      <c r="F3579" t="s">
        <v>74</v>
      </c>
      <c r="G3579" t="s">
        <v>78</v>
      </c>
      <c r="H3579" t="s">
        <v>81</v>
      </c>
      <c r="I3579" s="8">
        <v>2026</v>
      </c>
      <c r="J3579" t="s">
        <v>48</v>
      </c>
      <c r="K3579" s="10"/>
      <c r="M3579" s="10"/>
      <c r="N3579">
        <v>0</v>
      </c>
    </row>
    <row r="3580" spans="1:14" hidden="1">
      <c r="A3580" s="7" t="s">
        <v>10</v>
      </c>
      <c r="B3580" s="8"/>
      <c r="C3580" s="8"/>
      <c r="D3580" t="s">
        <v>80</v>
      </c>
      <c r="E3580" s="8" t="s">
        <v>12</v>
      </c>
      <c r="F3580" t="s">
        <v>74</v>
      </c>
      <c r="G3580" t="s">
        <v>78</v>
      </c>
      <c r="H3580" t="s">
        <v>81</v>
      </c>
      <c r="I3580" s="8">
        <v>2026</v>
      </c>
      <c r="J3580" t="s">
        <v>14</v>
      </c>
      <c r="K3580" s="10"/>
      <c r="M3580" s="10"/>
      <c r="N3580">
        <v>0</v>
      </c>
    </row>
    <row r="3581" spans="1:14" hidden="1">
      <c r="A3581" s="7" t="s">
        <v>10</v>
      </c>
      <c r="B3581" s="8"/>
      <c r="C3581" s="8"/>
      <c r="D3581" t="s">
        <v>80</v>
      </c>
      <c r="E3581" s="8" t="s">
        <v>12</v>
      </c>
      <c r="F3581" t="s">
        <v>74</v>
      </c>
      <c r="G3581" t="s">
        <v>78</v>
      </c>
      <c r="H3581" t="s">
        <v>81</v>
      </c>
      <c r="I3581" s="8">
        <v>2026</v>
      </c>
      <c r="J3581" t="s">
        <v>49</v>
      </c>
      <c r="K3581" s="10"/>
      <c r="M3581" s="10"/>
      <c r="N3581">
        <v>0</v>
      </c>
    </row>
    <row r="3582" spans="1:14" hidden="1">
      <c r="A3582" s="7" t="s">
        <v>10</v>
      </c>
      <c r="B3582" s="8"/>
      <c r="C3582" s="8"/>
      <c r="D3582" t="s">
        <v>80</v>
      </c>
      <c r="E3582" s="8" t="s">
        <v>12</v>
      </c>
      <c r="F3582" t="s">
        <v>74</v>
      </c>
      <c r="G3582" t="s">
        <v>79</v>
      </c>
      <c r="H3582" t="s">
        <v>81</v>
      </c>
      <c r="I3582" s="8">
        <v>2026</v>
      </c>
      <c r="J3582" t="s">
        <v>15</v>
      </c>
      <c r="K3582" s="10">
        <v>0</v>
      </c>
      <c r="M3582" s="10">
        <v>67</v>
      </c>
      <c r="N3582">
        <v>0</v>
      </c>
    </row>
    <row r="3583" spans="1:14" hidden="1">
      <c r="A3583" s="7" t="s">
        <v>10</v>
      </c>
      <c r="B3583" s="8"/>
      <c r="C3583" s="8"/>
      <c r="D3583" t="s">
        <v>80</v>
      </c>
      <c r="E3583" s="8" t="s">
        <v>12</v>
      </c>
      <c r="F3583" t="s">
        <v>74</v>
      </c>
      <c r="G3583" t="s">
        <v>79</v>
      </c>
      <c r="H3583" t="s">
        <v>81</v>
      </c>
      <c r="I3583" s="8">
        <v>2026</v>
      </c>
      <c r="J3583" t="s">
        <v>50</v>
      </c>
      <c r="K3583" s="10"/>
      <c r="M3583" s="10"/>
      <c r="N3583">
        <v>0</v>
      </c>
    </row>
    <row r="3584" spans="1:14" hidden="1">
      <c r="A3584" s="7" t="s">
        <v>10</v>
      </c>
      <c r="B3584" s="8"/>
      <c r="C3584" s="8"/>
      <c r="D3584" t="s">
        <v>80</v>
      </c>
      <c r="E3584" s="8" t="s">
        <v>12</v>
      </c>
      <c r="F3584" t="s">
        <v>74</v>
      </c>
      <c r="G3584" t="s">
        <v>19</v>
      </c>
      <c r="H3584" t="s">
        <v>81</v>
      </c>
      <c r="I3584" s="8">
        <v>2026</v>
      </c>
      <c r="J3584" t="s">
        <v>19</v>
      </c>
      <c r="K3584" s="10"/>
      <c r="M3584" s="10"/>
      <c r="N3584">
        <v>0</v>
      </c>
    </row>
    <row r="3585" spans="1:14" hidden="1">
      <c r="A3585" s="7" t="s">
        <v>10</v>
      </c>
      <c r="B3585" s="8"/>
      <c r="C3585" s="8"/>
      <c r="D3585" t="s">
        <v>80</v>
      </c>
      <c r="E3585" s="8" t="s">
        <v>12</v>
      </c>
      <c r="F3585" t="s">
        <v>74</v>
      </c>
      <c r="G3585" t="s">
        <v>78</v>
      </c>
      <c r="H3585" t="s">
        <v>81</v>
      </c>
      <c r="I3585" s="8">
        <v>2026</v>
      </c>
      <c r="J3585" t="s">
        <v>21</v>
      </c>
      <c r="K3585" s="10"/>
      <c r="M3585" s="10"/>
      <c r="N3585">
        <v>0</v>
      </c>
    </row>
    <row r="3586" spans="1:14" hidden="1">
      <c r="A3586" s="7" t="s">
        <v>10</v>
      </c>
      <c r="B3586" s="8"/>
      <c r="C3586" s="8"/>
      <c r="D3586" t="s">
        <v>80</v>
      </c>
      <c r="E3586" s="8" t="s">
        <v>12</v>
      </c>
      <c r="F3586" t="s">
        <v>74</v>
      </c>
      <c r="G3586" t="s">
        <v>78</v>
      </c>
      <c r="H3586" t="s">
        <v>81</v>
      </c>
      <c r="I3586" s="8">
        <v>2026</v>
      </c>
      <c r="J3586" t="s">
        <v>51</v>
      </c>
      <c r="K3586" s="10"/>
      <c r="M3586" s="10"/>
      <c r="N3586">
        <v>0</v>
      </c>
    </row>
    <row r="3587" spans="1:14" hidden="1">
      <c r="A3587" s="7" t="s">
        <v>10</v>
      </c>
      <c r="B3587" s="8"/>
      <c r="C3587" s="8"/>
      <c r="D3587" t="s">
        <v>80</v>
      </c>
      <c r="E3587" s="8" t="s">
        <v>12</v>
      </c>
      <c r="F3587" t="s">
        <v>74</v>
      </c>
      <c r="G3587" t="s">
        <v>78</v>
      </c>
      <c r="H3587" t="s">
        <v>81</v>
      </c>
      <c r="I3587" s="8">
        <v>2027</v>
      </c>
      <c r="J3587" t="s">
        <v>47</v>
      </c>
      <c r="K3587" s="10"/>
      <c r="M3587" s="10"/>
      <c r="N3587">
        <v>0</v>
      </c>
    </row>
    <row r="3588" spans="1:14" hidden="1">
      <c r="A3588" s="7" t="s">
        <v>10</v>
      </c>
      <c r="B3588" s="8"/>
      <c r="C3588" s="8"/>
      <c r="D3588" t="s">
        <v>80</v>
      </c>
      <c r="E3588" s="8" t="s">
        <v>12</v>
      </c>
      <c r="F3588" t="s">
        <v>74</v>
      </c>
      <c r="G3588" t="s">
        <v>78</v>
      </c>
      <c r="H3588" t="s">
        <v>81</v>
      </c>
      <c r="I3588" s="8">
        <v>2027</v>
      </c>
      <c r="J3588" t="s">
        <v>48</v>
      </c>
      <c r="K3588" s="10"/>
      <c r="M3588" s="10"/>
      <c r="N3588">
        <v>0</v>
      </c>
    </row>
    <row r="3589" spans="1:14" hidden="1">
      <c r="A3589" s="7" t="s">
        <v>10</v>
      </c>
      <c r="B3589" s="8"/>
      <c r="C3589" s="8"/>
      <c r="D3589" t="s">
        <v>80</v>
      </c>
      <c r="E3589" s="8" t="s">
        <v>12</v>
      </c>
      <c r="F3589" t="s">
        <v>74</v>
      </c>
      <c r="G3589" t="s">
        <v>78</v>
      </c>
      <c r="H3589" t="s">
        <v>81</v>
      </c>
      <c r="I3589" s="8">
        <v>2027</v>
      </c>
      <c r="J3589" t="s">
        <v>14</v>
      </c>
      <c r="K3589" s="10"/>
      <c r="M3589" s="10"/>
      <c r="N3589">
        <v>0</v>
      </c>
    </row>
    <row r="3590" spans="1:14" hidden="1">
      <c r="A3590" s="7" t="s">
        <v>10</v>
      </c>
      <c r="B3590" s="8"/>
      <c r="C3590" s="8"/>
      <c r="D3590" t="s">
        <v>80</v>
      </c>
      <c r="E3590" s="8" t="s">
        <v>12</v>
      </c>
      <c r="F3590" t="s">
        <v>74</v>
      </c>
      <c r="G3590" t="s">
        <v>78</v>
      </c>
      <c r="H3590" t="s">
        <v>81</v>
      </c>
      <c r="I3590" s="8">
        <v>2027</v>
      </c>
      <c r="J3590" t="s">
        <v>49</v>
      </c>
      <c r="K3590" s="10"/>
      <c r="M3590" s="10"/>
      <c r="N3590">
        <v>0</v>
      </c>
    </row>
    <row r="3591" spans="1:14" hidden="1">
      <c r="A3591" s="7" t="s">
        <v>10</v>
      </c>
      <c r="B3591" s="8"/>
      <c r="C3591" s="8"/>
      <c r="D3591" t="s">
        <v>80</v>
      </c>
      <c r="E3591" s="8" t="s">
        <v>12</v>
      </c>
      <c r="F3591" t="s">
        <v>74</v>
      </c>
      <c r="G3591" t="s">
        <v>79</v>
      </c>
      <c r="H3591" t="s">
        <v>81</v>
      </c>
      <c r="I3591" s="8">
        <v>2027</v>
      </c>
      <c r="J3591" t="s">
        <v>15</v>
      </c>
      <c r="K3591" s="10">
        <v>146.98183760683762</v>
      </c>
      <c r="M3591" s="10">
        <v>464</v>
      </c>
      <c r="N3591">
        <v>0</v>
      </c>
    </row>
    <row r="3592" spans="1:14" hidden="1">
      <c r="A3592" s="7" t="s">
        <v>10</v>
      </c>
      <c r="B3592" s="8"/>
      <c r="C3592" s="8"/>
      <c r="D3592" t="s">
        <v>80</v>
      </c>
      <c r="E3592" s="8" t="s">
        <v>12</v>
      </c>
      <c r="F3592" t="s">
        <v>74</v>
      </c>
      <c r="G3592" t="s">
        <v>79</v>
      </c>
      <c r="H3592" t="s">
        <v>81</v>
      </c>
      <c r="I3592" s="8">
        <v>2027</v>
      </c>
      <c r="J3592" t="s">
        <v>50</v>
      </c>
      <c r="K3592" s="10"/>
      <c r="M3592" s="10"/>
      <c r="N3592">
        <v>0</v>
      </c>
    </row>
    <row r="3593" spans="1:14" hidden="1">
      <c r="A3593" s="7" t="s">
        <v>10</v>
      </c>
      <c r="B3593" s="8"/>
      <c r="C3593" s="8"/>
      <c r="D3593" t="s">
        <v>80</v>
      </c>
      <c r="E3593" s="8" t="s">
        <v>12</v>
      </c>
      <c r="F3593" t="s">
        <v>74</v>
      </c>
      <c r="G3593" t="s">
        <v>19</v>
      </c>
      <c r="H3593" t="s">
        <v>81</v>
      </c>
      <c r="I3593" s="8">
        <v>2027</v>
      </c>
      <c r="J3593" t="s">
        <v>19</v>
      </c>
      <c r="K3593" s="10"/>
      <c r="M3593" s="10"/>
      <c r="N3593">
        <v>0</v>
      </c>
    </row>
    <row r="3594" spans="1:14" hidden="1">
      <c r="A3594" s="7" t="s">
        <v>10</v>
      </c>
      <c r="B3594" s="8"/>
      <c r="C3594" s="8"/>
      <c r="D3594" t="s">
        <v>80</v>
      </c>
      <c r="E3594" s="8" t="s">
        <v>12</v>
      </c>
      <c r="F3594" t="s">
        <v>74</v>
      </c>
      <c r="G3594" t="s">
        <v>78</v>
      </c>
      <c r="H3594" t="s">
        <v>81</v>
      </c>
      <c r="I3594" s="8">
        <v>2027</v>
      </c>
      <c r="J3594" t="s">
        <v>21</v>
      </c>
      <c r="K3594" s="10"/>
      <c r="M3594" s="10"/>
      <c r="N3594">
        <v>0</v>
      </c>
    </row>
    <row r="3595" spans="1:14" hidden="1">
      <c r="A3595" s="7" t="s">
        <v>10</v>
      </c>
      <c r="B3595" s="8"/>
      <c r="C3595" s="8"/>
      <c r="D3595" t="s">
        <v>80</v>
      </c>
      <c r="E3595" s="8" t="s">
        <v>12</v>
      </c>
      <c r="F3595" t="s">
        <v>74</v>
      </c>
      <c r="G3595" t="s">
        <v>78</v>
      </c>
      <c r="H3595" t="s">
        <v>81</v>
      </c>
      <c r="I3595" s="8">
        <v>2027</v>
      </c>
      <c r="J3595" t="s">
        <v>51</v>
      </c>
      <c r="K3595" s="10"/>
      <c r="M3595" s="10"/>
      <c r="N3595">
        <v>0</v>
      </c>
    </row>
    <row r="3596" spans="1:14" hidden="1">
      <c r="A3596" s="7" t="s">
        <v>10</v>
      </c>
      <c r="B3596" s="8"/>
      <c r="C3596" s="8"/>
      <c r="D3596" t="s">
        <v>80</v>
      </c>
      <c r="E3596" s="8" t="s">
        <v>12</v>
      </c>
      <c r="F3596" t="s">
        <v>74</v>
      </c>
      <c r="G3596" t="s">
        <v>78</v>
      </c>
      <c r="H3596" t="s">
        <v>81</v>
      </c>
      <c r="I3596" s="8">
        <v>2028</v>
      </c>
      <c r="J3596" t="s">
        <v>47</v>
      </c>
      <c r="K3596" s="10"/>
      <c r="M3596" s="10"/>
      <c r="N3596">
        <v>0</v>
      </c>
    </row>
    <row r="3597" spans="1:14" hidden="1">
      <c r="A3597" s="7" t="s">
        <v>10</v>
      </c>
      <c r="B3597" s="8"/>
      <c r="C3597" s="8"/>
      <c r="D3597" t="s">
        <v>80</v>
      </c>
      <c r="E3597" s="8" t="s">
        <v>12</v>
      </c>
      <c r="F3597" t="s">
        <v>74</v>
      </c>
      <c r="G3597" t="s">
        <v>78</v>
      </c>
      <c r="H3597" t="s">
        <v>81</v>
      </c>
      <c r="I3597" s="8">
        <v>2028</v>
      </c>
      <c r="J3597" t="s">
        <v>48</v>
      </c>
      <c r="K3597" s="10"/>
      <c r="M3597" s="10"/>
      <c r="N3597">
        <v>0</v>
      </c>
    </row>
    <row r="3598" spans="1:14" hidden="1">
      <c r="A3598" s="7" t="s">
        <v>10</v>
      </c>
      <c r="B3598" s="8"/>
      <c r="C3598" s="8"/>
      <c r="D3598" t="s">
        <v>80</v>
      </c>
      <c r="E3598" s="8" t="s">
        <v>12</v>
      </c>
      <c r="F3598" t="s">
        <v>74</v>
      </c>
      <c r="G3598" t="s">
        <v>78</v>
      </c>
      <c r="H3598" t="s">
        <v>81</v>
      </c>
      <c r="I3598" s="8">
        <v>2028</v>
      </c>
      <c r="J3598" t="s">
        <v>14</v>
      </c>
      <c r="K3598" s="10"/>
      <c r="M3598" s="10"/>
      <c r="N3598">
        <v>0</v>
      </c>
    </row>
    <row r="3599" spans="1:14" hidden="1">
      <c r="A3599" s="7" t="s">
        <v>10</v>
      </c>
      <c r="B3599" s="8"/>
      <c r="C3599" s="8"/>
      <c r="D3599" t="s">
        <v>80</v>
      </c>
      <c r="E3599" s="8" t="s">
        <v>12</v>
      </c>
      <c r="F3599" t="s">
        <v>74</v>
      </c>
      <c r="G3599" t="s">
        <v>78</v>
      </c>
      <c r="H3599" t="s">
        <v>81</v>
      </c>
      <c r="I3599" s="8">
        <v>2028</v>
      </c>
      <c r="J3599" t="s">
        <v>49</v>
      </c>
      <c r="K3599" s="10"/>
      <c r="M3599" s="10"/>
      <c r="N3599">
        <v>0</v>
      </c>
    </row>
    <row r="3600" spans="1:14" hidden="1">
      <c r="A3600" s="7" t="s">
        <v>10</v>
      </c>
      <c r="B3600" s="8"/>
      <c r="C3600" s="8"/>
      <c r="D3600" t="s">
        <v>80</v>
      </c>
      <c r="E3600" s="8" t="s">
        <v>12</v>
      </c>
      <c r="F3600" t="s">
        <v>74</v>
      </c>
      <c r="G3600" t="s">
        <v>79</v>
      </c>
      <c r="H3600" t="s">
        <v>81</v>
      </c>
      <c r="I3600" s="8">
        <v>2028</v>
      </c>
      <c r="J3600" t="s">
        <v>15</v>
      </c>
      <c r="K3600" s="10">
        <v>195.27243589743591</v>
      </c>
      <c r="M3600" s="10">
        <v>718</v>
      </c>
      <c r="N3600">
        <v>0</v>
      </c>
    </row>
    <row r="3601" spans="1:14" hidden="1">
      <c r="A3601" s="7" t="s">
        <v>10</v>
      </c>
      <c r="B3601" s="8"/>
      <c r="C3601" s="8"/>
      <c r="D3601" t="s">
        <v>80</v>
      </c>
      <c r="E3601" s="8" t="s">
        <v>12</v>
      </c>
      <c r="F3601" t="s">
        <v>74</v>
      </c>
      <c r="G3601" t="s">
        <v>79</v>
      </c>
      <c r="H3601" t="s">
        <v>81</v>
      </c>
      <c r="I3601" s="8">
        <v>2028</v>
      </c>
      <c r="J3601" t="s">
        <v>50</v>
      </c>
      <c r="K3601" s="10"/>
      <c r="M3601" s="10"/>
      <c r="N3601">
        <v>0</v>
      </c>
    </row>
    <row r="3602" spans="1:14" hidden="1">
      <c r="A3602" s="7" t="s">
        <v>10</v>
      </c>
      <c r="B3602" s="8"/>
      <c r="C3602" s="8"/>
      <c r="D3602" t="s">
        <v>80</v>
      </c>
      <c r="E3602" s="8" t="s">
        <v>12</v>
      </c>
      <c r="F3602" t="s">
        <v>74</v>
      </c>
      <c r="G3602" t="s">
        <v>19</v>
      </c>
      <c r="H3602" t="s">
        <v>81</v>
      </c>
      <c r="I3602" s="8">
        <v>2028</v>
      </c>
      <c r="J3602" t="s">
        <v>19</v>
      </c>
      <c r="K3602" s="10"/>
      <c r="M3602" s="10"/>
      <c r="N3602">
        <v>0</v>
      </c>
    </row>
    <row r="3603" spans="1:14" hidden="1">
      <c r="A3603" s="7" t="s">
        <v>10</v>
      </c>
      <c r="B3603" s="8"/>
      <c r="C3603" s="8"/>
      <c r="D3603" t="s">
        <v>80</v>
      </c>
      <c r="E3603" s="8" t="s">
        <v>12</v>
      </c>
      <c r="F3603" t="s">
        <v>74</v>
      </c>
      <c r="G3603" t="s">
        <v>78</v>
      </c>
      <c r="H3603" t="s">
        <v>81</v>
      </c>
      <c r="I3603" s="8">
        <v>2028</v>
      </c>
      <c r="J3603" t="s">
        <v>21</v>
      </c>
      <c r="K3603" s="10"/>
      <c r="M3603" s="10"/>
      <c r="N3603">
        <v>0</v>
      </c>
    </row>
    <row r="3604" spans="1:14" hidden="1">
      <c r="A3604" s="7" t="s">
        <v>10</v>
      </c>
      <c r="B3604" s="8"/>
      <c r="C3604" s="8"/>
      <c r="D3604" t="s">
        <v>80</v>
      </c>
      <c r="E3604" s="8" t="s">
        <v>12</v>
      </c>
      <c r="F3604" t="s">
        <v>74</v>
      </c>
      <c r="G3604" t="s">
        <v>78</v>
      </c>
      <c r="H3604" t="s">
        <v>81</v>
      </c>
      <c r="I3604" s="8">
        <v>2028</v>
      </c>
      <c r="J3604" t="s">
        <v>51</v>
      </c>
      <c r="K3604" s="10"/>
      <c r="M3604" s="10"/>
      <c r="N3604">
        <v>0</v>
      </c>
    </row>
    <row r="3605" spans="1:14" hidden="1">
      <c r="A3605" s="7" t="s">
        <v>10</v>
      </c>
      <c r="B3605" s="8"/>
      <c r="C3605" s="8"/>
      <c r="D3605" t="s">
        <v>80</v>
      </c>
      <c r="E3605" s="8" t="s">
        <v>12</v>
      </c>
      <c r="F3605" t="s">
        <v>74</v>
      </c>
      <c r="G3605" t="s">
        <v>78</v>
      </c>
      <c r="H3605" t="s">
        <v>81</v>
      </c>
      <c r="I3605" s="8">
        <v>2029</v>
      </c>
      <c r="J3605" t="s">
        <v>47</v>
      </c>
      <c r="K3605" s="10"/>
      <c r="M3605" s="10"/>
      <c r="N3605">
        <v>0</v>
      </c>
    </row>
    <row r="3606" spans="1:14" hidden="1">
      <c r="A3606" s="7" t="s">
        <v>10</v>
      </c>
      <c r="B3606" s="8"/>
      <c r="C3606" s="8"/>
      <c r="D3606" t="s">
        <v>80</v>
      </c>
      <c r="E3606" s="8" t="s">
        <v>12</v>
      </c>
      <c r="F3606" t="s">
        <v>74</v>
      </c>
      <c r="G3606" t="s">
        <v>78</v>
      </c>
      <c r="H3606" t="s">
        <v>81</v>
      </c>
      <c r="I3606" s="8">
        <v>2029</v>
      </c>
      <c r="J3606" t="s">
        <v>48</v>
      </c>
      <c r="K3606" s="10"/>
      <c r="M3606" s="10"/>
      <c r="N3606">
        <v>0</v>
      </c>
    </row>
    <row r="3607" spans="1:14" hidden="1">
      <c r="A3607" s="7" t="s">
        <v>10</v>
      </c>
      <c r="B3607" s="8"/>
      <c r="C3607" s="8"/>
      <c r="D3607" t="s">
        <v>80</v>
      </c>
      <c r="E3607" s="8" t="s">
        <v>12</v>
      </c>
      <c r="F3607" t="s">
        <v>74</v>
      </c>
      <c r="G3607" t="s">
        <v>78</v>
      </c>
      <c r="H3607" t="s">
        <v>81</v>
      </c>
      <c r="I3607" s="8">
        <v>2029</v>
      </c>
      <c r="J3607" t="s">
        <v>14</v>
      </c>
      <c r="K3607" s="10"/>
      <c r="M3607" s="10"/>
      <c r="N3607">
        <v>0</v>
      </c>
    </row>
    <row r="3608" spans="1:14" hidden="1">
      <c r="A3608" s="7" t="s">
        <v>10</v>
      </c>
      <c r="B3608" s="8"/>
      <c r="C3608" s="8"/>
      <c r="D3608" t="s">
        <v>80</v>
      </c>
      <c r="E3608" s="8" t="s">
        <v>12</v>
      </c>
      <c r="F3608" t="s">
        <v>74</v>
      </c>
      <c r="G3608" t="s">
        <v>78</v>
      </c>
      <c r="H3608" t="s">
        <v>81</v>
      </c>
      <c r="I3608" s="8">
        <v>2029</v>
      </c>
      <c r="J3608" t="s">
        <v>49</v>
      </c>
      <c r="K3608" s="10"/>
      <c r="M3608" s="10"/>
      <c r="N3608">
        <v>0</v>
      </c>
    </row>
    <row r="3609" spans="1:14" hidden="1">
      <c r="A3609" s="7" t="s">
        <v>10</v>
      </c>
      <c r="B3609" s="8"/>
      <c r="C3609" s="8"/>
      <c r="D3609" t="s">
        <v>80</v>
      </c>
      <c r="E3609" s="8" t="s">
        <v>12</v>
      </c>
      <c r="F3609" t="s">
        <v>74</v>
      </c>
      <c r="G3609" t="s">
        <v>79</v>
      </c>
      <c r="H3609" t="s">
        <v>81</v>
      </c>
      <c r="I3609" s="8">
        <v>2029</v>
      </c>
      <c r="J3609" t="s">
        <v>15</v>
      </c>
      <c r="K3609" s="10"/>
      <c r="M3609" s="10"/>
      <c r="N3609">
        <v>0</v>
      </c>
    </row>
    <row r="3610" spans="1:14" hidden="1">
      <c r="A3610" s="7" t="s">
        <v>10</v>
      </c>
      <c r="B3610" s="8"/>
      <c r="C3610" s="8"/>
      <c r="D3610" t="s">
        <v>80</v>
      </c>
      <c r="E3610" s="8" t="s">
        <v>12</v>
      </c>
      <c r="F3610" t="s">
        <v>74</v>
      </c>
      <c r="G3610" t="s">
        <v>79</v>
      </c>
      <c r="H3610" t="s">
        <v>81</v>
      </c>
      <c r="I3610" s="8">
        <v>2029</v>
      </c>
      <c r="J3610" t="s">
        <v>50</v>
      </c>
      <c r="K3610" s="10"/>
      <c r="M3610" s="10"/>
      <c r="N3610">
        <v>0</v>
      </c>
    </row>
    <row r="3611" spans="1:14" hidden="1">
      <c r="A3611" s="7" t="s">
        <v>10</v>
      </c>
      <c r="B3611" s="8"/>
      <c r="C3611" s="8"/>
      <c r="D3611" t="s">
        <v>80</v>
      </c>
      <c r="E3611" s="8" t="s">
        <v>12</v>
      </c>
      <c r="F3611" t="s">
        <v>74</v>
      </c>
      <c r="G3611" t="s">
        <v>19</v>
      </c>
      <c r="H3611" t="s">
        <v>81</v>
      </c>
      <c r="I3611" s="8">
        <v>2029</v>
      </c>
      <c r="J3611" t="s">
        <v>19</v>
      </c>
      <c r="K3611" s="10"/>
      <c r="M3611" s="10"/>
      <c r="N3611">
        <v>0</v>
      </c>
    </row>
    <row r="3612" spans="1:14" hidden="1">
      <c r="A3612" s="7" t="s">
        <v>10</v>
      </c>
      <c r="B3612" s="8"/>
      <c r="C3612" s="8"/>
      <c r="D3612" t="s">
        <v>80</v>
      </c>
      <c r="E3612" s="8" t="s">
        <v>12</v>
      </c>
      <c r="F3612" t="s">
        <v>74</v>
      </c>
      <c r="G3612" t="s">
        <v>78</v>
      </c>
      <c r="H3612" t="s">
        <v>81</v>
      </c>
      <c r="I3612" s="8">
        <v>2029</v>
      </c>
      <c r="J3612" t="s">
        <v>21</v>
      </c>
      <c r="K3612" s="10"/>
      <c r="M3612" s="10"/>
      <c r="N3612">
        <v>0</v>
      </c>
    </row>
    <row r="3613" spans="1:14" hidden="1">
      <c r="A3613" s="7" t="s">
        <v>10</v>
      </c>
      <c r="B3613" s="8"/>
      <c r="C3613" s="8"/>
      <c r="D3613" t="s">
        <v>80</v>
      </c>
      <c r="E3613" s="8" t="s">
        <v>12</v>
      </c>
      <c r="F3613" t="s">
        <v>74</v>
      </c>
      <c r="G3613" t="s">
        <v>78</v>
      </c>
      <c r="H3613" t="s">
        <v>81</v>
      </c>
      <c r="I3613" s="8">
        <v>2029</v>
      </c>
      <c r="J3613" t="s">
        <v>51</v>
      </c>
      <c r="K3613" s="10"/>
      <c r="M3613" s="10"/>
      <c r="N3613">
        <v>0</v>
      </c>
    </row>
    <row r="3614" spans="1:14" hidden="1">
      <c r="A3614" s="7" t="s">
        <v>10</v>
      </c>
      <c r="B3614" s="8"/>
      <c r="C3614" s="8"/>
      <c r="D3614" t="s">
        <v>80</v>
      </c>
      <c r="E3614" s="8" t="s">
        <v>12</v>
      </c>
      <c r="F3614" t="s">
        <v>74</v>
      </c>
      <c r="G3614" t="s">
        <v>78</v>
      </c>
      <c r="H3614" t="s">
        <v>81</v>
      </c>
      <c r="I3614" s="8">
        <v>2030</v>
      </c>
      <c r="J3614" t="s">
        <v>47</v>
      </c>
      <c r="K3614" s="10"/>
      <c r="M3614" s="10"/>
      <c r="N3614">
        <v>0</v>
      </c>
    </row>
    <row r="3615" spans="1:14" hidden="1">
      <c r="A3615" s="7" t="s">
        <v>10</v>
      </c>
      <c r="B3615" s="8"/>
      <c r="C3615" s="8"/>
      <c r="D3615" t="s">
        <v>80</v>
      </c>
      <c r="E3615" s="8" t="s">
        <v>12</v>
      </c>
      <c r="F3615" t="s">
        <v>74</v>
      </c>
      <c r="G3615" t="s">
        <v>78</v>
      </c>
      <c r="H3615" t="s">
        <v>81</v>
      </c>
      <c r="I3615" s="8">
        <v>2030</v>
      </c>
      <c r="J3615" t="s">
        <v>48</v>
      </c>
      <c r="K3615" s="10"/>
      <c r="M3615" s="10"/>
      <c r="N3615">
        <v>0</v>
      </c>
    </row>
    <row r="3616" spans="1:14" hidden="1">
      <c r="A3616" s="7" t="s">
        <v>10</v>
      </c>
      <c r="B3616" s="8"/>
      <c r="C3616" s="8"/>
      <c r="D3616" t="s">
        <v>80</v>
      </c>
      <c r="E3616" s="8" t="s">
        <v>12</v>
      </c>
      <c r="F3616" t="s">
        <v>74</v>
      </c>
      <c r="G3616" t="s">
        <v>78</v>
      </c>
      <c r="H3616" t="s">
        <v>81</v>
      </c>
      <c r="I3616" s="8">
        <v>2030</v>
      </c>
      <c r="J3616" t="s">
        <v>14</v>
      </c>
      <c r="K3616" s="10"/>
      <c r="M3616" s="10"/>
      <c r="N3616">
        <v>0</v>
      </c>
    </row>
    <row r="3617" spans="1:14" hidden="1">
      <c r="A3617" s="7" t="s">
        <v>10</v>
      </c>
      <c r="B3617" s="8"/>
      <c r="C3617" s="8"/>
      <c r="D3617" t="s">
        <v>80</v>
      </c>
      <c r="E3617" s="8" t="s">
        <v>12</v>
      </c>
      <c r="F3617" t="s">
        <v>74</v>
      </c>
      <c r="G3617" t="s">
        <v>78</v>
      </c>
      <c r="H3617" t="s">
        <v>81</v>
      </c>
      <c r="I3617" s="8">
        <v>2030</v>
      </c>
      <c r="J3617" t="s">
        <v>49</v>
      </c>
      <c r="K3617" s="10"/>
      <c r="M3617" s="10"/>
      <c r="N3617">
        <v>0</v>
      </c>
    </row>
    <row r="3618" spans="1:14" hidden="1">
      <c r="A3618" s="7" t="s">
        <v>10</v>
      </c>
      <c r="B3618" s="8"/>
      <c r="C3618" s="8"/>
      <c r="D3618" t="s">
        <v>80</v>
      </c>
      <c r="E3618" s="8" t="s">
        <v>12</v>
      </c>
      <c r="F3618" t="s">
        <v>74</v>
      </c>
      <c r="G3618" t="s">
        <v>79</v>
      </c>
      <c r="H3618" t="s">
        <v>81</v>
      </c>
      <c r="I3618" s="8">
        <v>2030</v>
      </c>
      <c r="J3618" t="s">
        <v>15</v>
      </c>
      <c r="K3618" s="10"/>
      <c r="M3618" s="10"/>
      <c r="N3618">
        <v>0</v>
      </c>
    </row>
    <row r="3619" spans="1:14" hidden="1">
      <c r="A3619" s="7" t="s">
        <v>10</v>
      </c>
      <c r="B3619" s="8"/>
      <c r="C3619" s="8"/>
      <c r="D3619" t="s">
        <v>80</v>
      </c>
      <c r="E3619" s="8" t="s">
        <v>12</v>
      </c>
      <c r="F3619" t="s">
        <v>74</v>
      </c>
      <c r="G3619" t="s">
        <v>79</v>
      </c>
      <c r="H3619" t="s">
        <v>81</v>
      </c>
      <c r="I3619" s="8">
        <v>2030</v>
      </c>
      <c r="J3619" t="s">
        <v>50</v>
      </c>
      <c r="K3619" s="10"/>
      <c r="M3619" s="10"/>
      <c r="N3619">
        <v>0</v>
      </c>
    </row>
    <row r="3620" spans="1:14" hidden="1">
      <c r="A3620" s="7" t="s">
        <v>10</v>
      </c>
      <c r="B3620" s="8"/>
      <c r="C3620" s="8"/>
      <c r="D3620" t="s">
        <v>80</v>
      </c>
      <c r="E3620" s="8" t="s">
        <v>12</v>
      </c>
      <c r="F3620" t="s">
        <v>74</v>
      </c>
      <c r="G3620" t="s">
        <v>19</v>
      </c>
      <c r="H3620" t="s">
        <v>81</v>
      </c>
      <c r="I3620" s="8">
        <v>2030</v>
      </c>
      <c r="J3620" t="s">
        <v>19</v>
      </c>
      <c r="K3620" s="10"/>
      <c r="M3620" s="10"/>
      <c r="N3620">
        <v>0</v>
      </c>
    </row>
    <row r="3621" spans="1:14" hidden="1">
      <c r="A3621" s="7" t="s">
        <v>10</v>
      </c>
      <c r="B3621" s="8"/>
      <c r="C3621" s="8"/>
      <c r="D3621" t="s">
        <v>80</v>
      </c>
      <c r="E3621" s="8" t="s">
        <v>12</v>
      </c>
      <c r="F3621" t="s">
        <v>74</v>
      </c>
      <c r="G3621" t="s">
        <v>78</v>
      </c>
      <c r="H3621" t="s">
        <v>81</v>
      </c>
      <c r="I3621" s="8">
        <v>2030</v>
      </c>
      <c r="J3621" t="s">
        <v>21</v>
      </c>
      <c r="K3621" s="10"/>
      <c r="M3621" s="10"/>
      <c r="N3621">
        <v>0</v>
      </c>
    </row>
    <row r="3622" spans="1:14" hidden="1">
      <c r="A3622" s="7" t="s">
        <v>10</v>
      </c>
      <c r="B3622" s="8"/>
      <c r="C3622" s="8"/>
      <c r="D3622" t="s">
        <v>80</v>
      </c>
      <c r="E3622" s="8" t="s">
        <v>12</v>
      </c>
      <c r="F3622" t="s">
        <v>74</v>
      </c>
      <c r="G3622" t="s">
        <v>78</v>
      </c>
      <c r="H3622" t="s">
        <v>81</v>
      </c>
      <c r="I3622" s="8">
        <v>2030</v>
      </c>
      <c r="J3622" t="s">
        <v>51</v>
      </c>
      <c r="K3622" s="10"/>
      <c r="M3622" s="10"/>
      <c r="N3622">
        <v>0</v>
      </c>
    </row>
    <row r="3623" spans="1:14" hidden="1">
      <c r="A3623" s="7" t="s">
        <v>10</v>
      </c>
      <c r="B3623" s="8"/>
      <c r="C3623" s="8"/>
      <c r="D3623" t="s">
        <v>80</v>
      </c>
      <c r="E3623" s="8" t="s">
        <v>12</v>
      </c>
      <c r="F3623" t="s">
        <v>74</v>
      </c>
      <c r="G3623" t="s">
        <v>78</v>
      </c>
      <c r="H3623" t="s">
        <v>81</v>
      </c>
      <c r="I3623" s="8">
        <v>2031</v>
      </c>
      <c r="J3623" t="s">
        <v>47</v>
      </c>
      <c r="K3623" s="10"/>
      <c r="M3623" s="10"/>
      <c r="N3623">
        <v>0</v>
      </c>
    </row>
    <row r="3624" spans="1:14" hidden="1">
      <c r="A3624" s="7" t="s">
        <v>10</v>
      </c>
      <c r="B3624" s="8"/>
      <c r="C3624" s="8"/>
      <c r="D3624" t="s">
        <v>80</v>
      </c>
      <c r="E3624" s="8" t="s">
        <v>12</v>
      </c>
      <c r="F3624" t="s">
        <v>74</v>
      </c>
      <c r="G3624" t="s">
        <v>78</v>
      </c>
      <c r="H3624" t="s">
        <v>81</v>
      </c>
      <c r="I3624" s="8">
        <v>2031</v>
      </c>
      <c r="J3624" t="s">
        <v>48</v>
      </c>
      <c r="K3624" s="10"/>
      <c r="M3624" s="10"/>
      <c r="N3624">
        <v>0</v>
      </c>
    </row>
    <row r="3625" spans="1:14" hidden="1">
      <c r="A3625" s="7" t="s">
        <v>10</v>
      </c>
      <c r="B3625" s="8"/>
      <c r="C3625" s="8"/>
      <c r="D3625" t="s">
        <v>80</v>
      </c>
      <c r="E3625" s="8" t="s">
        <v>12</v>
      </c>
      <c r="F3625" t="s">
        <v>74</v>
      </c>
      <c r="G3625" t="s">
        <v>78</v>
      </c>
      <c r="H3625" t="s">
        <v>81</v>
      </c>
      <c r="I3625" s="8">
        <v>2031</v>
      </c>
      <c r="J3625" t="s">
        <v>14</v>
      </c>
      <c r="K3625" s="10"/>
      <c r="M3625" s="10"/>
      <c r="N3625">
        <v>0</v>
      </c>
    </row>
    <row r="3626" spans="1:14" hidden="1">
      <c r="A3626" s="7" t="s">
        <v>10</v>
      </c>
      <c r="B3626" s="8"/>
      <c r="C3626" s="8"/>
      <c r="D3626" t="s">
        <v>80</v>
      </c>
      <c r="E3626" s="8" t="s">
        <v>12</v>
      </c>
      <c r="F3626" t="s">
        <v>74</v>
      </c>
      <c r="G3626" t="s">
        <v>78</v>
      </c>
      <c r="H3626" t="s">
        <v>81</v>
      </c>
      <c r="I3626" s="8">
        <v>2031</v>
      </c>
      <c r="J3626" t="s">
        <v>49</v>
      </c>
      <c r="K3626" s="10"/>
      <c r="M3626" s="10"/>
      <c r="N3626">
        <v>0</v>
      </c>
    </row>
    <row r="3627" spans="1:14" hidden="1">
      <c r="A3627" s="7" t="s">
        <v>10</v>
      </c>
      <c r="B3627" s="8"/>
      <c r="C3627" s="8"/>
      <c r="D3627" t="s">
        <v>80</v>
      </c>
      <c r="E3627" s="8" t="s">
        <v>12</v>
      </c>
      <c r="F3627" t="s">
        <v>74</v>
      </c>
      <c r="G3627" t="s">
        <v>79</v>
      </c>
      <c r="H3627" t="s">
        <v>81</v>
      </c>
      <c r="I3627" s="8">
        <v>2031</v>
      </c>
      <c r="J3627" t="s">
        <v>15</v>
      </c>
      <c r="K3627" s="10"/>
      <c r="M3627" s="10"/>
      <c r="N3627">
        <v>0</v>
      </c>
    </row>
    <row r="3628" spans="1:14" hidden="1">
      <c r="A3628" s="7" t="s">
        <v>10</v>
      </c>
      <c r="B3628" s="8"/>
      <c r="C3628" s="8"/>
      <c r="D3628" t="s">
        <v>80</v>
      </c>
      <c r="E3628" s="8" t="s">
        <v>12</v>
      </c>
      <c r="F3628" t="s">
        <v>74</v>
      </c>
      <c r="G3628" t="s">
        <v>79</v>
      </c>
      <c r="H3628" t="s">
        <v>81</v>
      </c>
      <c r="I3628" s="8">
        <v>2031</v>
      </c>
      <c r="J3628" t="s">
        <v>50</v>
      </c>
      <c r="K3628" s="10"/>
      <c r="M3628" s="10"/>
      <c r="N3628">
        <v>0</v>
      </c>
    </row>
    <row r="3629" spans="1:14" hidden="1">
      <c r="A3629" s="7" t="s">
        <v>10</v>
      </c>
      <c r="B3629" s="8"/>
      <c r="C3629" s="8"/>
      <c r="D3629" t="s">
        <v>80</v>
      </c>
      <c r="E3629" s="8" t="s">
        <v>12</v>
      </c>
      <c r="F3629" t="s">
        <v>74</v>
      </c>
      <c r="G3629" t="s">
        <v>19</v>
      </c>
      <c r="H3629" t="s">
        <v>81</v>
      </c>
      <c r="I3629" s="8">
        <v>2031</v>
      </c>
      <c r="J3629" t="s">
        <v>19</v>
      </c>
      <c r="K3629" s="10"/>
      <c r="M3629" s="10"/>
      <c r="N3629">
        <v>0</v>
      </c>
    </row>
    <row r="3630" spans="1:14" hidden="1">
      <c r="A3630" s="7" t="s">
        <v>10</v>
      </c>
      <c r="B3630" s="8"/>
      <c r="C3630" s="8"/>
      <c r="D3630" t="s">
        <v>80</v>
      </c>
      <c r="E3630" s="8" t="s">
        <v>12</v>
      </c>
      <c r="F3630" t="s">
        <v>74</v>
      </c>
      <c r="G3630" t="s">
        <v>78</v>
      </c>
      <c r="H3630" t="s">
        <v>81</v>
      </c>
      <c r="I3630" s="8">
        <v>2031</v>
      </c>
      <c r="J3630" t="s">
        <v>21</v>
      </c>
      <c r="K3630" s="10"/>
      <c r="M3630" s="10"/>
      <c r="N3630">
        <v>0</v>
      </c>
    </row>
    <row r="3631" spans="1:14" hidden="1">
      <c r="A3631" s="7" t="s">
        <v>10</v>
      </c>
      <c r="B3631" s="8"/>
      <c r="C3631" s="8"/>
      <c r="D3631" t="s">
        <v>80</v>
      </c>
      <c r="E3631" s="8" t="s">
        <v>12</v>
      </c>
      <c r="F3631" t="s">
        <v>74</v>
      </c>
      <c r="G3631" t="s">
        <v>78</v>
      </c>
      <c r="H3631" t="s">
        <v>81</v>
      </c>
      <c r="I3631" s="8">
        <v>2031</v>
      </c>
      <c r="J3631" t="s">
        <v>51</v>
      </c>
      <c r="K3631" s="10"/>
      <c r="M3631" s="10"/>
      <c r="N3631">
        <v>0</v>
      </c>
    </row>
    <row r="3632" spans="1:14" hidden="1">
      <c r="A3632" s="7" t="s">
        <v>10</v>
      </c>
      <c r="B3632" s="8"/>
      <c r="C3632" s="8"/>
      <c r="D3632" t="s">
        <v>80</v>
      </c>
      <c r="E3632" s="8" t="s">
        <v>12</v>
      </c>
      <c r="F3632" t="s">
        <v>74</v>
      </c>
      <c r="G3632" t="s">
        <v>78</v>
      </c>
      <c r="H3632" t="s">
        <v>81</v>
      </c>
      <c r="I3632" s="8">
        <v>2032</v>
      </c>
      <c r="J3632" t="s">
        <v>47</v>
      </c>
      <c r="K3632" s="10"/>
      <c r="M3632" s="10"/>
      <c r="N3632">
        <v>0</v>
      </c>
    </row>
    <row r="3633" spans="1:14" hidden="1">
      <c r="A3633" s="7" t="s">
        <v>10</v>
      </c>
      <c r="B3633" s="8"/>
      <c r="C3633" s="8"/>
      <c r="D3633" t="s">
        <v>80</v>
      </c>
      <c r="E3633" s="8" t="s">
        <v>12</v>
      </c>
      <c r="F3633" t="s">
        <v>74</v>
      </c>
      <c r="G3633" t="s">
        <v>78</v>
      </c>
      <c r="H3633" t="s">
        <v>81</v>
      </c>
      <c r="I3633" s="8">
        <v>2032</v>
      </c>
      <c r="J3633" t="s">
        <v>48</v>
      </c>
      <c r="K3633" s="10"/>
      <c r="M3633" s="10"/>
      <c r="N3633">
        <v>0</v>
      </c>
    </row>
    <row r="3634" spans="1:14" hidden="1">
      <c r="A3634" s="7" t="s">
        <v>10</v>
      </c>
      <c r="B3634" s="8"/>
      <c r="C3634" s="8"/>
      <c r="D3634" t="s">
        <v>80</v>
      </c>
      <c r="E3634" s="8" t="s">
        <v>12</v>
      </c>
      <c r="F3634" t="s">
        <v>74</v>
      </c>
      <c r="G3634" t="s">
        <v>78</v>
      </c>
      <c r="H3634" t="s">
        <v>81</v>
      </c>
      <c r="I3634" s="8">
        <v>2032</v>
      </c>
      <c r="J3634" t="s">
        <v>14</v>
      </c>
      <c r="K3634" s="10"/>
      <c r="M3634" s="10"/>
      <c r="N3634">
        <v>0</v>
      </c>
    </row>
    <row r="3635" spans="1:14" hidden="1">
      <c r="A3635" s="7" t="s">
        <v>10</v>
      </c>
      <c r="B3635" s="8"/>
      <c r="C3635" s="8"/>
      <c r="D3635" t="s">
        <v>80</v>
      </c>
      <c r="E3635" s="8" t="s">
        <v>12</v>
      </c>
      <c r="F3635" t="s">
        <v>74</v>
      </c>
      <c r="G3635" t="s">
        <v>78</v>
      </c>
      <c r="H3635" t="s">
        <v>81</v>
      </c>
      <c r="I3635" s="8">
        <v>2032</v>
      </c>
      <c r="J3635" t="s">
        <v>49</v>
      </c>
      <c r="K3635" s="10"/>
      <c r="M3635" s="10"/>
      <c r="N3635">
        <v>0</v>
      </c>
    </row>
    <row r="3636" spans="1:14" hidden="1">
      <c r="A3636" s="7" t="s">
        <v>10</v>
      </c>
      <c r="B3636" s="8"/>
      <c r="C3636" s="8"/>
      <c r="D3636" t="s">
        <v>80</v>
      </c>
      <c r="E3636" s="8" t="s">
        <v>12</v>
      </c>
      <c r="F3636" t="s">
        <v>74</v>
      </c>
      <c r="G3636" t="s">
        <v>79</v>
      </c>
      <c r="H3636" t="s">
        <v>81</v>
      </c>
      <c r="I3636" s="8">
        <v>2032</v>
      </c>
      <c r="J3636" t="s">
        <v>15</v>
      </c>
      <c r="K3636" s="10"/>
      <c r="M3636" s="10"/>
      <c r="N3636">
        <v>0</v>
      </c>
    </row>
    <row r="3637" spans="1:14" hidden="1">
      <c r="A3637" s="7" t="s">
        <v>10</v>
      </c>
      <c r="B3637" s="8"/>
      <c r="C3637" s="8"/>
      <c r="D3637" t="s">
        <v>80</v>
      </c>
      <c r="E3637" s="8" t="s">
        <v>12</v>
      </c>
      <c r="F3637" t="s">
        <v>74</v>
      </c>
      <c r="G3637" t="s">
        <v>79</v>
      </c>
      <c r="H3637" t="s">
        <v>81</v>
      </c>
      <c r="I3637" s="8">
        <v>2032</v>
      </c>
      <c r="J3637" t="s">
        <v>50</v>
      </c>
      <c r="K3637" s="10"/>
      <c r="M3637" s="10"/>
      <c r="N3637">
        <v>0</v>
      </c>
    </row>
    <row r="3638" spans="1:14" hidden="1">
      <c r="A3638" s="7" t="s">
        <v>10</v>
      </c>
      <c r="B3638" s="8"/>
      <c r="C3638" s="8"/>
      <c r="D3638" t="s">
        <v>80</v>
      </c>
      <c r="E3638" s="8" t="s">
        <v>12</v>
      </c>
      <c r="F3638" t="s">
        <v>74</v>
      </c>
      <c r="G3638" t="s">
        <v>19</v>
      </c>
      <c r="H3638" t="s">
        <v>81</v>
      </c>
      <c r="I3638" s="8">
        <v>2032</v>
      </c>
      <c r="J3638" t="s">
        <v>19</v>
      </c>
      <c r="K3638" s="10"/>
      <c r="M3638" s="10"/>
      <c r="N3638">
        <v>0</v>
      </c>
    </row>
    <row r="3639" spans="1:14" hidden="1">
      <c r="A3639" s="7" t="s">
        <v>10</v>
      </c>
      <c r="B3639" s="8"/>
      <c r="C3639" s="8"/>
      <c r="D3639" t="s">
        <v>80</v>
      </c>
      <c r="E3639" s="8" t="s">
        <v>12</v>
      </c>
      <c r="F3639" t="s">
        <v>74</v>
      </c>
      <c r="G3639" t="s">
        <v>78</v>
      </c>
      <c r="H3639" t="s">
        <v>81</v>
      </c>
      <c r="I3639" s="8">
        <v>2032</v>
      </c>
      <c r="J3639" t="s">
        <v>21</v>
      </c>
      <c r="K3639" s="10"/>
      <c r="M3639" s="10"/>
      <c r="N3639">
        <v>0</v>
      </c>
    </row>
    <row r="3640" spans="1:14" hidden="1">
      <c r="A3640" s="7" t="s">
        <v>10</v>
      </c>
      <c r="B3640" s="8"/>
      <c r="C3640" s="8"/>
      <c r="D3640" t="s">
        <v>80</v>
      </c>
      <c r="E3640" s="8" t="s">
        <v>12</v>
      </c>
      <c r="F3640" t="s">
        <v>74</v>
      </c>
      <c r="G3640" t="s">
        <v>78</v>
      </c>
      <c r="H3640" t="s">
        <v>81</v>
      </c>
      <c r="I3640" s="8">
        <v>2032</v>
      </c>
      <c r="J3640" t="s">
        <v>51</v>
      </c>
      <c r="K3640" s="10"/>
      <c r="M3640" s="10"/>
      <c r="N3640">
        <v>0</v>
      </c>
    </row>
    <row r="3641" spans="1:14" hidden="1">
      <c r="A3641" s="7" t="s">
        <v>10</v>
      </c>
      <c r="B3641" s="8"/>
      <c r="C3641" s="8"/>
      <c r="D3641" t="s">
        <v>80</v>
      </c>
      <c r="E3641" s="8" t="s">
        <v>12</v>
      </c>
      <c r="F3641" t="s">
        <v>74</v>
      </c>
      <c r="G3641" t="s">
        <v>78</v>
      </c>
      <c r="H3641" t="s">
        <v>81</v>
      </c>
      <c r="I3641" s="8">
        <v>2033</v>
      </c>
      <c r="J3641" t="s">
        <v>47</v>
      </c>
      <c r="K3641" s="10"/>
      <c r="M3641" s="10"/>
      <c r="N3641">
        <v>0</v>
      </c>
    </row>
    <row r="3642" spans="1:14" hidden="1">
      <c r="A3642" s="7" t="s">
        <v>10</v>
      </c>
      <c r="B3642" s="8"/>
      <c r="C3642" s="8"/>
      <c r="D3642" t="s">
        <v>80</v>
      </c>
      <c r="E3642" s="8" t="s">
        <v>12</v>
      </c>
      <c r="F3642" t="s">
        <v>74</v>
      </c>
      <c r="G3642" t="s">
        <v>78</v>
      </c>
      <c r="H3642" t="s">
        <v>81</v>
      </c>
      <c r="I3642" s="8">
        <v>2033</v>
      </c>
      <c r="J3642" t="s">
        <v>48</v>
      </c>
      <c r="K3642" s="10"/>
      <c r="M3642" s="10"/>
      <c r="N3642">
        <v>0</v>
      </c>
    </row>
    <row r="3643" spans="1:14" hidden="1">
      <c r="A3643" s="7" t="s">
        <v>10</v>
      </c>
      <c r="B3643" s="8"/>
      <c r="C3643" s="8"/>
      <c r="D3643" t="s">
        <v>80</v>
      </c>
      <c r="E3643" s="8" t="s">
        <v>12</v>
      </c>
      <c r="F3643" t="s">
        <v>74</v>
      </c>
      <c r="G3643" t="s">
        <v>78</v>
      </c>
      <c r="H3643" t="s">
        <v>81</v>
      </c>
      <c r="I3643" s="8">
        <v>2033</v>
      </c>
      <c r="J3643" t="s">
        <v>14</v>
      </c>
      <c r="K3643" s="10"/>
      <c r="M3643" s="10"/>
      <c r="N3643">
        <v>0</v>
      </c>
    </row>
    <row r="3644" spans="1:14" hidden="1">
      <c r="A3644" s="7" t="s">
        <v>10</v>
      </c>
      <c r="B3644" s="8"/>
      <c r="C3644" s="8"/>
      <c r="D3644" t="s">
        <v>80</v>
      </c>
      <c r="E3644" s="8" t="s">
        <v>12</v>
      </c>
      <c r="F3644" t="s">
        <v>74</v>
      </c>
      <c r="G3644" t="s">
        <v>78</v>
      </c>
      <c r="H3644" t="s">
        <v>81</v>
      </c>
      <c r="I3644" s="8">
        <v>2033</v>
      </c>
      <c r="J3644" t="s">
        <v>49</v>
      </c>
      <c r="K3644" s="10"/>
      <c r="M3644" s="10"/>
      <c r="N3644">
        <v>0</v>
      </c>
    </row>
    <row r="3645" spans="1:14" hidden="1">
      <c r="A3645" s="7" t="s">
        <v>10</v>
      </c>
      <c r="B3645" s="8"/>
      <c r="C3645" s="8"/>
      <c r="D3645" t="s">
        <v>80</v>
      </c>
      <c r="E3645" s="8" t="s">
        <v>12</v>
      </c>
      <c r="F3645" t="s">
        <v>74</v>
      </c>
      <c r="G3645" t="s">
        <v>79</v>
      </c>
      <c r="H3645" t="s">
        <v>81</v>
      </c>
      <c r="I3645" s="8">
        <v>2033</v>
      </c>
      <c r="J3645" t="s">
        <v>15</v>
      </c>
      <c r="K3645" s="10"/>
      <c r="M3645" s="10"/>
      <c r="N3645">
        <v>0</v>
      </c>
    </row>
    <row r="3646" spans="1:14" hidden="1">
      <c r="A3646" s="7" t="s">
        <v>10</v>
      </c>
      <c r="B3646" s="8"/>
      <c r="C3646" s="8"/>
      <c r="D3646" t="s">
        <v>80</v>
      </c>
      <c r="E3646" s="8" t="s">
        <v>12</v>
      </c>
      <c r="F3646" t="s">
        <v>74</v>
      </c>
      <c r="G3646" t="s">
        <v>79</v>
      </c>
      <c r="H3646" t="s">
        <v>81</v>
      </c>
      <c r="I3646" s="8">
        <v>2033</v>
      </c>
      <c r="J3646" t="s">
        <v>50</v>
      </c>
      <c r="K3646" s="10"/>
      <c r="M3646" s="10"/>
      <c r="N3646">
        <v>0</v>
      </c>
    </row>
    <row r="3647" spans="1:14" hidden="1">
      <c r="A3647" s="7" t="s">
        <v>10</v>
      </c>
      <c r="B3647" s="8"/>
      <c r="C3647" s="8"/>
      <c r="D3647" t="s">
        <v>80</v>
      </c>
      <c r="E3647" s="8" t="s">
        <v>12</v>
      </c>
      <c r="F3647" t="s">
        <v>74</v>
      </c>
      <c r="G3647" t="s">
        <v>19</v>
      </c>
      <c r="H3647" t="s">
        <v>81</v>
      </c>
      <c r="I3647" s="8">
        <v>2033</v>
      </c>
      <c r="J3647" t="s">
        <v>19</v>
      </c>
      <c r="K3647" s="10"/>
      <c r="M3647" s="10"/>
      <c r="N3647">
        <v>0</v>
      </c>
    </row>
    <row r="3648" spans="1:14" hidden="1">
      <c r="A3648" s="7" t="s">
        <v>10</v>
      </c>
      <c r="B3648" s="8"/>
      <c r="C3648" s="8"/>
      <c r="D3648" t="s">
        <v>80</v>
      </c>
      <c r="E3648" s="8" t="s">
        <v>12</v>
      </c>
      <c r="F3648" t="s">
        <v>74</v>
      </c>
      <c r="G3648" t="s">
        <v>78</v>
      </c>
      <c r="H3648" t="s">
        <v>81</v>
      </c>
      <c r="I3648" s="8">
        <v>2033</v>
      </c>
      <c r="J3648" t="s">
        <v>21</v>
      </c>
      <c r="K3648" s="10"/>
      <c r="M3648" s="10"/>
      <c r="N3648">
        <v>0</v>
      </c>
    </row>
    <row r="3649" spans="1:14" hidden="1">
      <c r="A3649" s="7" t="s">
        <v>10</v>
      </c>
      <c r="B3649" s="8"/>
      <c r="C3649" s="8"/>
      <c r="D3649" t="s">
        <v>80</v>
      </c>
      <c r="E3649" s="8" t="s">
        <v>12</v>
      </c>
      <c r="F3649" t="s">
        <v>74</v>
      </c>
      <c r="G3649" t="s">
        <v>78</v>
      </c>
      <c r="H3649" t="s">
        <v>81</v>
      </c>
      <c r="I3649" s="8">
        <v>2033</v>
      </c>
      <c r="J3649" t="s">
        <v>51</v>
      </c>
      <c r="K3649" s="10"/>
      <c r="M3649" s="10"/>
      <c r="N3649">
        <v>0</v>
      </c>
    </row>
    <row r="3650" spans="1:14">
      <c r="A3650" s="7" t="s">
        <v>10</v>
      </c>
      <c r="B3650" s="8"/>
      <c r="C3650" s="8"/>
      <c r="D3650" t="s">
        <v>80</v>
      </c>
      <c r="E3650" s="8" t="s">
        <v>12</v>
      </c>
      <c r="F3650" t="s">
        <v>75</v>
      </c>
      <c r="G3650" t="s">
        <v>78</v>
      </c>
      <c r="H3650" t="s">
        <v>81</v>
      </c>
      <c r="I3650" s="8">
        <v>2025</v>
      </c>
      <c r="J3650" t="s">
        <v>47</v>
      </c>
      <c r="K3650" s="10"/>
      <c r="M3650" s="10"/>
      <c r="N3650">
        <v>0</v>
      </c>
    </row>
    <row r="3651" spans="1:14">
      <c r="A3651" s="7" t="s">
        <v>10</v>
      </c>
      <c r="B3651" s="8"/>
      <c r="C3651" s="8"/>
      <c r="D3651" t="s">
        <v>80</v>
      </c>
      <c r="E3651" s="8" t="s">
        <v>12</v>
      </c>
      <c r="F3651" t="s">
        <v>75</v>
      </c>
      <c r="G3651" t="s">
        <v>78</v>
      </c>
      <c r="H3651" t="s">
        <v>81</v>
      </c>
      <c r="I3651" s="8">
        <v>2025</v>
      </c>
      <c r="J3651" t="s">
        <v>48</v>
      </c>
      <c r="K3651" s="10"/>
      <c r="M3651" s="10"/>
      <c r="N3651">
        <v>0</v>
      </c>
    </row>
    <row r="3652" spans="1:14">
      <c r="A3652" s="7" t="s">
        <v>10</v>
      </c>
      <c r="B3652" s="8"/>
      <c r="C3652" s="8"/>
      <c r="D3652" t="s">
        <v>80</v>
      </c>
      <c r="E3652" s="8" t="s">
        <v>12</v>
      </c>
      <c r="F3652" t="s">
        <v>75</v>
      </c>
      <c r="G3652" t="s">
        <v>78</v>
      </c>
      <c r="H3652" t="s">
        <v>81</v>
      </c>
      <c r="I3652" s="8">
        <v>2025</v>
      </c>
      <c r="J3652" t="s">
        <v>14</v>
      </c>
      <c r="K3652" s="10"/>
      <c r="M3652" s="10"/>
      <c r="N3652">
        <v>0</v>
      </c>
    </row>
    <row r="3653" spans="1:14">
      <c r="A3653" s="7" t="s">
        <v>10</v>
      </c>
      <c r="B3653" s="8"/>
      <c r="C3653" s="8"/>
      <c r="D3653" t="s">
        <v>80</v>
      </c>
      <c r="E3653" s="8" t="s">
        <v>12</v>
      </c>
      <c r="F3653" t="s">
        <v>75</v>
      </c>
      <c r="G3653" t="s">
        <v>78</v>
      </c>
      <c r="H3653" t="s">
        <v>81</v>
      </c>
      <c r="I3653" s="8">
        <v>2025</v>
      </c>
      <c r="J3653" t="s">
        <v>49</v>
      </c>
      <c r="K3653" s="10"/>
      <c r="M3653" s="10"/>
      <c r="N3653">
        <v>0</v>
      </c>
    </row>
    <row r="3654" spans="1:14">
      <c r="A3654" s="7" t="s">
        <v>10</v>
      </c>
      <c r="B3654" s="8"/>
      <c r="C3654" s="8"/>
      <c r="D3654" t="s">
        <v>80</v>
      </c>
      <c r="E3654" s="8" t="s">
        <v>12</v>
      </c>
      <c r="F3654" t="s">
        <v>75</v>
      </c>
      <c r="G3654" t="s">
        <v>79</v>
      </c>
      <c r="H3654" t="s">
        <v>81</v>
      </c>
      <c r="I3654" s="8">
        <v>2025</v>
      </c>
      <c r="J3654" t="s">
        <v>15</v>
      </c>
      <c r="K3654" s="10">
        <v>134</v>
      </c>
      <c r="L3654">
        <v>80</v>
      </c>
      <c r="M3654" s="10">
        <v>54</v>
      </c>
      <c r="N3654">
        <v>0</v>
      </c>
    </row>
    <row r="3655" spans="1:14">
      <c r="A3655" s="7" t="s">
        <v>10</v>
      </c>
      <c r="B3655" s="8"/>
      <c r="C3655" s="8"/>
      <c r="D3655" t="s">
        <v>80</v>
      </c>
      <c r="E3655" s="8" t="s">
        <v>12</v>
      </c>
      <c r="F3655" t="s">
        <v>75</v>
      </c>
      <c r="G3655" t="s">
        <v>79</v>
      </c>
      <c r="H3655" t="s">
        <v>81</v>
      </c>
      <c r="I3655" s="8">
        <v>2025</v>
      </c>
      <c r="J3655" t="s">
        <v>50</v>
      </c>
      <c r="K3655" s="10"/>
      <c r="M3655" s="10"/>
      <c r="N3655">
        <v>0</v>
      </c>
    </row>
    <row r="3656" spans="1:14">
      <c r="A3656" s="7" t="s">
        <v>10</v>
      </c>
      <c r="B3656" s="8"/>
      <c r="C3656" s="8"/>
      <c r="D3656" t="s">
        <v>80</v>
      </c>
      <c r="E3656" s="8" t="s">
        <v>12</v>
      </c>
      <c r="F3656" t="s">
        <v>75</v>
      </c>
      <c r="G3656" t="s">
        <v>19</v>
      </c>
      <c r="H3656" t="s">
        <v>81</v>
      </c>
      <c r="I3656" s="8">
        <v>2025</v>
      </c>
      <c r="J3656" t="s">
        <v>19</v>
      </c>
      <c r="K3656" s="10"/>
      <c r="M3656" s="10"/>
      <c r="N3656">
        <v>0</v>
      </c>
    </row>
    <row r="3657" spans="1:14">
      <c r="A3657" s="7" t="s">
        <v>10</v>
      </c>
      <c r="B3657" s="8"/>
      <c r="C3657" s="8"/>
      <c r="D3657" t="s">
        <v>80</v>
      </c>
      <c r="E3657" s="8" t="s">
        <v>12</v>
      </c>
      <c r="F3657" t="s">
        <v>75</v>
      </c>
      <c r="G3657" t="s">
        <v>78</v>
      </c>
      <c r="H3657" t="s">
        <v>81</v>
      </c>
      <c r="I3657" s="8">
        <v>2025</v>
      </c>
      <c r="J3657" t="s">
        <v>21</v>
      </c>
      <c r="K3657" s="10"/>
      <c r="M3657" s="10"/>
      <c r="N3657">
        <v>0</v>
      </c>
    </row>
    <row r="3658" spans="1:14">
      <c r="A3658" s="7" t="s">
        <v>10</v>
      </c>
      <c r="B3658" s="8"/>
      <c r="C3658" s="8"/>
      <c r="D3658" t="s">
        <v>80</v>
      </c>
      <c r="E3658" s="8" t="s">
        <v>12</v>
      </c>
      <c r="F3658" t="s">
        <v>75</v>
      </c>
      <c r="G3658" t="s">
        <v>78</v>
      </c>
      <c r="H3658" t="s">
        <v>81</v>
      </c>
      <c r="I3658" s="8">
        <v>2025</v>
      </c>
      <c r="J3658" t="s">
        <v>51</v>
      </c>
      <c r="K3658" s="10"/>
      <c r="M3658" s="10"/>
      <c r="N3658">
        <v>0</v>
      </c>
    </row>
    <row r="3659" spans="1:14" hidden="1">
      <c r="A3659" s="7" t="s">
        <v>10</v>
      </c>
      <c r="B3659" s="8"/>
      <c r="C3659" s="8"/>
      <c r="D3659" t="s">
        <v>80</v>
      </c>
      <c r="E3659" s="8" t="s">
        <v>12</v>
      </c>
      <c r="F3659" t="s">
        <v>75</v>
      </c>
      <c r="G3659" t="s">
        <v>78</v>
      </c>
      <c r="H3659" t="s">
        <v>81</v>
      </c>
      <c r="I3659" s="8">
        <v>2026</v>
      </c>
      <c r="J3659" t="s">
        <v>47</v>
      </c>
      <c r="K3659" s="10"/>
      <c r="M3659" s="10"/>
      <c r="N3659">
        <v>0</v>
      </c>
    </row>
    <row r="3660" spans="1:14" hidden="1">
      <c r="A3660" s="7" t="s">
        <v>10</v>
      </c>
      <c r="B3660" s="8"/>
      <c r="C3660" s="8"/>
      <c r="D3660" t="s">
        <v>80</v>
      </c>
      <c r="E3660" s="8" t="s">
        <v>12</v>
      </c>
      <c r="F3660" t="s">
        <v>75</v>
      </c>
      <c r="G3660" t="s">
        <v>78</v>
      </c>
      <c r="H3660" t="s">
        <v>81</v>
      </c>
      <c r="I3660" s="8">
        <v>2026</v>
      </c>
      <c r="J3660" t="s">
        <v>48</v>
      </c>
      <c r="K3660" s="10"/>
      <c r="M3660" s="10"/>
      <c r="N3660">
        <v>0</v>
      </c>
    </row>
    <row r="3661" spans="1:14" hidden="1">
      <c r="A3661" s="7" t="s">
        <v>10</v>
      </c>
      <c r="B3661" s="8"/>
      <c r="C3661" s="8"/>
      <c r="D3661" t="s">
        <v>80</v>
      </c>
      <c r="E3661" s="8" t="s">
        <v>12</v>
      </c>
      <c r="F3661" t="s">
        <v>75</v>
      </c>
      <c r="G3661" t="s">
        <v>78</v>
      </c>
      <c r="H3661" t="s">
        <v>81</v>
      </c>
      <c r="I3661" s="8">
        <v>2026</v>
      </c>
      <c r="J3661" t="s">
        <v>14</v>
      </c>
      <c r="K3661" s="10"/>
      <c r="M3661" s="10"/>
      <c r="N3661">
        <v>0</v>
      </c>
    </row>
    <row r="3662" spans="1:14" hidden="1">
      <c r="A3662" s="7" t="s">
        <v>10</v>
      </c>
      <c r="B3662" s="8"/>
      <c r="C3662" s="8"/>
      <c r="D3662" t="s">
        <v>80</v>
      </c>
      <c r="E3662" s="8" t="s">
        <v>12</v>
      </c>
      <c r="F3662" t="s">
        <v>75</v>
      </c>
      <c r="G3662" t="s">
        <v>78</v>
      </c>
      <c r="H3662" t="s">
        <v>81</v>
      </c>
      <c r="I3662" s="8">
        <v>2026</v>
      </c>
      <c r="J3662" t="s">
        <v>49</v>
      </c>
      <c r="K3662" s="10"/>
      <c r="M3662" s="10"/>
      <c r="N3662">
        <v>0</v>
      </c>
    </row>
    <row r="3663" spans="1:14" hidden="1">
      <c r="A3663" s="7" t="s">
        <v>10</v>
      </c>
      <c r="B3663" s="8"/>
      <c r="C3663" s="8"/>
      <c r="D3663" t="s">
        <v>80</v>
      </c>
      <c r="E3663" s="8" t="s">
        <v>12</v>
      </c>
      <c r="F3663" t="s">
        <v>75</v>
      </c>
      <c r="G3663" t="s">
        <v>79</v>
      </c>
      <c r="H3663" t="s">
        <v>81</v>
      </c>
      <c r="I3663" s="8">
        <v>2026</v>
      </c>
      <c r="J3663" t="s">
        <v>15</v>
      </c>
      <c r="K3663" s="10">
        <v>139</v>
      </c>
      <c r="L3663">
        <v>80</v>
      </c>
      <c r="M3663" s="10">
        <v>59</v>
      </c>
      <c r="N3663">
        <v>0</v>
      </c>
    </row>
    <row r="3664" spans="1:14" hidden="1">
      <c r="A3664" s="7" t="s">
        <v>10</v>
      </c>
      <c r="B3664" s="8"/>
      <c r="C3664" s="8"/>
      <c r="D3664" t="s">
        <v>80</v>
      </c>
      <c r="E3664" s="8" t="s">
        <v>12</v>
      </c>
      <c r="F3664" t="s">
        <v>75</v>
      </c>
      <c r="G3664" t="s">
        <v>79</v>
      </c>
      <c r="H3664" t="s">
        <v>81</v>
      </c>
      <c r="I3664" s="8">
        <v>2026</v>
      </c>
      <c r="J3664" t="s">
        <v>50</v>
      </c>
      <c r="K3664" s="10"/>
      <c r="M3664" s="10"/>
      <c r="N3664">
        <v>0</v>
      </c>
    </row>
    <row r="3665" spans="1:14" hidden="1">
      <c r="A3665" s="7" t="s">
        <v>10</v>
      </c>
      <c r="B3665" s="8"/>
      <c r="C3665" s="8"/>
      <c r="D3665" t="s">
        <v>80</v>
      </c>
      <c r="E3665" s="8" t="s">
        <v>12</v>
      </c>
      <c r="F3665" t="s">
        <v>75</v>
      </c>
      <c r="G3665" t="s">
        <v>19</v>
      </c>
      <c r="H3665" t="s">
        <v>81</v>
      </c>
      <c r="I3665" s="8">
        <v>2026</v>
      </c>
      <c r="J3665" t="s">
        <v>19</v>
      </c>
      <c r="K3665" s="10"/>
      <c r="M3665" s="10"/>
      <c r="N3665">
        <v>0</v>
      </c>
    </row>
    <row r="3666" spans="1:14" hidden="1">
      <c r="A3666" s="7" t="s">
        <v>10</v>
      </c>
      <c r="B3666" s="8"/>
      <c r="C3666" s="8"/>
      <c r="D3666" t="s">
        <v>80</v>
      </c>
      <c r="E3666" s="8" t="s">
        <v>12</v>
      </c>
      <c r="F3666" t="s">
        <v>75</v>
      </c>
      <c r="G3666" t="s">
        <v>78</v>
      </c>
      <c r="H3666" t="s">
        <v>81</v>
      </c>
      <c r="I3666" s="8">
        <v>2026</v>
      </c>
      <c r="J3666" t="s">
        <v>21</v>
      </c>
      <c r="K3666" s="10"/>
      <c r="M3666" s="10"/>
      <c r="N3666">
        <v>0</v>
      </c>
    </row>
    <row r="3667" spans="1:14" hidden="1">
      <c r="A3667" s="7" t="s">
        <v>10</v>
      </c>
      <c r="B3667" s="8"/>
      <c r="C3667" s="8"/>
      <c r="D3667" t="s">
        <v>80</v>
      </c>
      <c r="E3667" s="8" t="s">
        <v>12</v>
      </c>
      <c r="F3667" t="s">
        <v>75</v>
      </c>
      <c r="G3667" t="s">
        <v>78</v>
      </c>
      <c r="H3667" t="s">
        <v>81</v>
      </c>
      <c r="I3667" s="8">
        <v>2026</v>
      </c>
      <c r="J3667" t="s">
        <v>51</v>
      </c>
      <c r="K3667" s="10"/>
      <c r="M3667" s="10"/>
      <c r="N3667">
        <v>0</v>
      </c>
    </row>
    <row r="3668" spans="1:14" hidden="1">
      <c r="A3668" s="7" t="s">
        <v>10</v>
      </c>
      <c r="B3668" s="8"/>
      <c r="C3668" s="8"/>
      <c r="D3668" t="s">
        <v>80</v>
      </c>
      <c r="E3668" s="8" t="s">
        <v>12</v>
      </c>
      <c r="F3668" t="s">
        <v>75</v>
      </c>
      <c r="G3668" t="s">
        <v>78</v>
      </c>
      <c r="H3668" t="s">
        <v>81</v>
      </c>
      <c r="I3668" s="8">
        <v>2027</v>
      </c>
      <c r="J3668" t="s">
        <v>47</v>
      </c>
      <c r="K3668" s="10"/>
      <c r="M3668" s="10"/>
      <c r="N3668">
        <v>0</v>
      </c>
    </row>
    <row r="3669" spans="1:14" hidden="1">
      <c r="A3669" s="7" t="s">
        <v>10</v>
      </c>
      <c r="B3669" s="8"/>
      <c r="C3669" s="8"/>
      <c r="D3669" t="s">
        <v>80</v>
      </c>
      <c r="E3669" s="8" t="s">
        <v>12</v>
      </c>
      <c r="F3669" t="s">
        <v>75</v>
      </c>
      <c r="G3669" t="s">
        <v>78</v>
      </c>
      <c r="H3669" t="s">
        <v>81</v>
      </c>
      <c r="I3669" s="8">
        <v>2027</v>
      </c>
      <c r="J3669" t="s">
        <v>48</v>
      </c>
      <c r="K3669" s="10"/>
      <c r="M3669" s="10"/>
      <c r="N3669">
        <v>0</v>
      </c>
    </row>
    <row r="3670" spans="1:14" hidden="1">
      <c r="A3670" s="7" t="s">
        <v>10</v>
      </c>
      <c r="B3670" s="8"/>
      <c r="C3670" s="8"/>
      <c r="D3670" t="s">
        <v>80</v>
      </c>
      <c r="E3670" s="8" t="s">
        <v>12</v>
      </c>
      <c r="F3670" t="s">
        <v>75</v>
      </c>
      <c r="G3670" t="s">
        <v>78</v>
      </c>
      <c r="H3670" t="s">
        <v>81</v>
      </c>
      <c r="I3670" s="8">
        <v>2027</v>
      </c>
      <c r="J3670" t="s">
        <v>14</v>
      </c>
      <c r="K3670" s="10"/>
      <c r="M3670" s="10"/>
      <c r="N3670">
        <v>0</v>
      </c>
    </row>
    <row r="3671" spans="1:14" hidden="1">
      <c r="A3671" s="7" t="s">
        <v>10</v>
      </c>
      <c r="B3671" s="8"/>
      <c r="C3671" s="8"/>
      <c r="D3671" t="s">
        <v>80</v>
      </c>
      <c r="E3671" s="8" t="s">
        <v>12</v>
      </c>
      <c r="F3671" t="s">
        <v>75</v>
      </c>
      <c r="G3671" t="s">
        <v>78</v>
      </c>
      <c r="H3671" t="s">
        <v>81</v>
      </c>
      <c r="I3671" s="8">
        <v>2027</v>
      </c>
      <c r="J3671" t="s">
        <v>49</v>
      </c>
      <c r="K3671" s="10"/>
      <c r="M3671" s="10"/>
      <c r="N3671">
        <v>0</v>
      </c>
    </row>
    <row r="3672" spans="1:14" hidden="1">
      <c r="A3672" s="7" t="s">
        <v>10</v>
      </c>
      <c r="B3672" s="8"/>
      <c r="C3672" s="8"/>
      <c r="D3672" t="s">
        <v>80</v>
      </c>
      <c r="E3672" s="8" t="s">
        <v>12</v>
      </c>
      <c r="F3672" t="s">
        <v>75</v>
      </c>
      <c r="G3672" t="s">
        <v>79</v>
      </c>
      <c r="H3672" t="s">
        <v>81</v>
      </c>
      <c r="I3672" s="8">
        <v>2027</v>
      </c>
      <c r="J3672" t="s">
        <v>15</v>
      </c>
      <c r="K3672" s="10">
        <v>180</v>
      </c>
      <c r="L3672">
        <v>80</v>
      </c>
      <c r="M3672" s="10">
        <v>100</v>
      </c>
      <c r="N3672">
        <v>0</v>
      </c>
    </row>
    <row r="3673" spans="1:14" hidden="1">
      <c r="A3673" s="7" t="s">
        <v>10</v>
      </c>
      <c r="B3673" s="8"/>
      <c r="C3673" s="8"/>
      <c r="D3673" t="s">
        <v>80</v>
      </c>
      <c r="E3673" s="8" t="s">
        <v>12</v>
      </c>
      <c r="F3673" t="s">
        <v>75</v>
      </c>
      <c r="G3673" t="s">
        <v>79</v>
      </c>
      <c r="H3673" t="s">
        <v>81</v>
      </c>
      <c r="I3673" s="8">
        <v>2027</v>
      </c>
      <c r="J3673" t="s">
        <v>50</v>
      </c>
      <c r="K3673" s="10"/>
      <c r="M3673" s="10"/>
      <c r="N3673">
        <v>0</v>
      </c>
    </row>
    <row r="3674" spans="1:14" hidden="1">
      <c r="A3674" s="7" t="s">
        <v>10</v>
      </c>
      <c r="B3674" s="8"/>
      <c r="C3674" s="8"/>
      <c r="D3674" t="s">
        <v>80</v>
      </c>
      <c r="E3674" s="8" t="s">
        <v>12</v>
      </c>
      <c r="F3674" t="s">
        <v>75</v>
      </c>
      <c r="G3674" t="s">
        <v>19</v>
      </c>
      <c r="H3674" t="s">
        <v>81</v>
      </c>
      <c r="I3674" s="8">
        <v>2027</v>
      </c>
      <c r="J3674" t="s">
        <v>19</v>
      </c>
      <c r="K3674" s="10"/>
      <c r="M3674" s="10"/>
      <c r="N3674">
        <v>0</v>
      </c>
    </row>
    <row r="3675" spans="1:14" hidden="1">
      <c r="A3675" s="7" t="s">
        <v>10</v>
      </c>
      <c r="B3675" s="8"/>
      <c r="C3675" s="8"/>
      <c r="D3675" t="s">
        <v>80</v>
      </c>
      <c r="E3675" s="8" t="s">
        <v>12</v>
      </c>
      <c r="F3675" t="s">
        <v>75</v>
      </c>
      <c r="G3675" t="s">
        <v>78</v>
      </c>
      <c r="H3675" t="s">
        <v>81</v>
      </c>
      <c r="I3675" s="8">
        <v>2027</v>
      </c>
      <c r="J3675" t="s">
        <v>21</v>
      </c>
      <c r="K3675" s="10"/>
      <c r="M3675" s="10"/>
      <c r="N3675">
        <v>0</v>
      </c>
    </row>
    <row r="3676" spans="1:14" hidden="1">
      <c r="A3676" s="7" t="s">
        <v>10</v>
      </c>
      <c r="B3676" s="8"/>
      <c r="C3676" s="8"/>
      <c r="D3676" t="s">
        <v>80</v>
      </c>
      <c r="E3676" s="8" t="s">
        <v>12</v>
      </c>
      <c r="F3676" t="s">
        <v>75</v>
      </c>
      <c r="G3676" t="s">
        <v>78</v>
      </c>
      <c r="H3676" t="s">
        <v>81</v>
      </c>
      <c r="I3676" s="8">
        <v>2027</v>
      </c>
      <c r="J3676" t="s">
        <v>51</v>
      </c>
      <c r="K3676" s="10"/>
      <c r="M3676" s="10"/>
      <c r="N3676">
        <v>0</v>
      </c>
    </row>
    <row r="3677" spans="1:14" hidden="1">
      <c r="A3677" s="7" t="s">
        <v>10</v>
      </c>
      <c r="B3677" s="8"/>
      <c r="C3677" s="8"/>
      <c r="D3677" t="s">
        <v>80</v>
      </c>
      <c r="E3677" s="8" t="s">
        <v>12</v>
      </c>
      <c r="F3677" t="s">
        <v>75</v>
      </c>
      <c r="G3677" t="s">
        <v>78</v>
      </c>
      <c r="H3677" t="s">
        <v>81</v>
      </c>
      <c r="I3677" s="8">
        <v>2028</v>
      </c>
      <c r="J3677" t="s">
        <v>47</v>
      </c>
      <c r="K3677" s="10"/>
      <c r="M3677" s="10"/>
      <c r="N3677">
        <v>0</v>
      </c>
    </row>
    <row r="3678" spans="1:14" hidden="1">
      <c r="A3678" s="7" t="s">
        <v>10</v>
      </c>
      <c r="B3678" s="8"/>
      <c r="C3678" s="8"/>
      <c r="D3678" t="s">
        <v>80</v>
      </c>
      <c r="E3678" s="8" t="s">
        <v>12</v>
      </c>
      <c r="F3678" t="s">
        <v>75</v>
      </c>
      <c r="G3678" t="s">
        <v>78</v>
      </c>
      <c r="H3678" t="s">
        <v>81</v>
      </c>
      <c r="I3678" s="8">
        <v>2028</v>
      </c>
      <c r="J3678" t="s">
        <v>48</v>
      </c>
      <c r="K3678" s="10"/>
      <c r="M3678" s="10"/>
      <c r="N3678">
        <v>0</v>
      </c>
    </row>
    <row r="3679" spans="1:14" hidden="1">
      <c r="A3679" s="7" t="s">
        <v>10</v>
      </c>
      <c r="B3679" s="8"/>
      <c r="C3679" s="8"/>
      <c r="D3679" t="s">
        <v>80</v>
      </c>
      <c r="E3679" s="8" t="s">
        <v>12</v>
      </c>
      <c r="F3679" t="s">
        <v>75</v>
      </c>
      <c r="G3679" t="s">
        <v>78</v>
      </c>
      <c r="H3679" t="s">
        <v>81</v>
      </c>
      <c r="I3679" s="8">
        <v>2028</v>
      </c>
      <c r="J3679" t="s">
        <v>14</v>
      </c>
      <c r="K3679" s="10"/>
      <c r="M3679" s="10"/>
      <c r="N3679">
        <v>0</v>
      </c>
    </row>
    <row r="3680" spans="1:14" hidden="1">
      <c r="A3680" s="7" t="s">
        <v>10</v>
      </c>
      <c r="B3680" s="8"/>
      <c r="C3680" s="8"/>
      <c r="D3680" t="s">
        <v>80</v>
      </c>
      <c r="E3680" s="8" t="s">
        <v>12</v>
      </c>
      <c r="F3680" t="s">
        <v>75</v>
      </c>
      <c r="G3680" t="s">
        <v>78</v>
      </c>
      <c r="H3680" t="s">
        <v>81</v>
      </c>
      <c r="I3680" s="8">
        <v>2028</v>
      </c>
      <c r="J3680" t="s">
        <v>49</v>
      </c>
      <c r="K3680" s="10"/>
      <c r="M3680" s="10"/>
      <c r="N3680">
        <v>0</v>
      </c>
    </row>
    <row r="3681" spans="1:14" hidden="1">
      <c r="A3681" s="7" t="s">
        <v>10</v>
      </c>
      <c r="B3681" s="8"/>
      <c r="C3681" s="8"/>
      <c r="D3681" t="s">
        <v>80</v>
      </c>
      <c r="E3681" s="8" t="s">
        <v>12</v>
      </c>
      <c r="F3681" t="s">
        <v>75</v>
      </c>
      <c r="G3681" t="s">
        <v>79</v>
      </c>
      <c r="H3681" t="s">
        <v>81</v>
      </c>
      <c r="I3681" s="8">
        <v>2028</v>
      </c>
      <c r="J3681" t="s">
        <v>15</v>
      </c>
      <c r="K3681" s="10">
        <v>180</v>
      </c>
      <c r="L3681">
        <v>80</v>
      </c>
      <c r="M3681" s="10">
        <v>100</v>
      </c>
      <c r="N3681">
        <v>0</v>
      </c>
    </row>
    <row r="3682" spans="1:14" hidden="1">
      <c r="A3682" s="7" t="s">
        <v>10</v>
      </c>
      <c r="B3682" s="8"/>
      <c r="C3682" s="8"/>
      <c r="D3682" t="s">
        <v>80</v>
      </c>
      <c r="E3682" s="8" t="s">
        <v>12</v>
      </c>
      <c r="F3682" t="s">
        <v>75</v>
      </c>
      <c r="G3682" t="s">
        <v>79</v>
      </c>
      <c r="H3682" t="s">
        <v>81</v>
      </c>
      <c r="I3682" s="8">
        <v>2028</v>
      </c>
      <c r="J3682" t="s">
        <v>50</v>
      </c>
      <c r="K3682" s="10"/>
      <c r="M3682" s="10"/>
      <c r="N3682">
        <v>0</v>
      </c>
    </row>
    <row r="3683" spans="1:14" hidden="1">
      <c r="A3683" s="7" t="s">
        <v>10</v>
      </c>
      <c r="B3683" s="8"/>
      <c r="C3683" s="8"/>
      <c r="D3683" t="s">
        <v>80</v>
      </c>
      <c r="E3683" s="8" t="s">
        <v>12</v>
      </c>
      <c r="F3683" t="s">
        <v>75</v>
      </c>
      <c r="G3683" t="s">
        <v>19</v>
      </c>
      <c r="H3683" t="s">
        <v>81</v>
      </c>
      <c r="I3683" s="8">
        <v>2028</v>
      </c>
      <c r="J3683" t="s">
        <v>19</v>
      </c>
      <c r="K3683" s="10"/>
      <c r="M3683" s="10"/>
      <c r="N3683">
        <v>0</v>
      </c>
    </row>
    <row r="3684" spans="1:14" hidden="1">
      <c r="A3684" s="7" t="s">
        <v>10</v>
      </c>
      <c r="B3684" s="8"/>
      <c r="C3684" s="8"/>
      <c r="D3684" t="s">
        <v>80</v>
      </c>
      <c r="E3684" s="8" t="s">
        <v>12</v>
      </c>
      <c r="F3684" t="s">
        <v>75</v>
      </c>
      <c r="G3684" t="s">
        <v>78</v>
      </c>
      <c r="H3684" t="s">
        <v>81</v>
      </c>
      <c r="I3684" s="8">
        <v>2028</v>
      </c>
      <c r="J3684" t="s">
        <v>21</v>
      </c>
      <c r="K3684" s="10"/>
      <c r="M3684" s="10"/>
      <c r="N3684">
        <v>0</v>
      </c>
    </row>
    <row r="3685" spans="1:14" hidden="1">
      <c r="A3685" s="7" t="s">
        <v>10</v>
      </c>
      <c r="B3685" s="8"/>
      <c r="C3685" s="8"/>
      <c r="D3685" t="s">
        <v>80</v>
      </c>
      <c r="E3685" s="8" t="s">
        <v>12</v>
      </c>
      <c r="F3685" t="s">
        <v>75</v>
      </c>
      <c r="G3685" t="s">
        <v>78</v>
      </c>
      <c r="H3685" t="s">
        <v>81</v>
      </c>
      <c r="I3685" s="8">
        <v>2028</v>
      </c>
      <c r="J3685" t="s">
        <v>51</v>
      </c>
      <c r="K3685" s="10"/>
      <c r="M3685" s="10"/>
      <c r="N3685">
        <v>0</v>
      </c>
    </row>
    <row r="3686" spans="1:14" hidden="1">
      <c r="A3686" s="7" t="s">
        <v>10</v>
      </c>
      <c r="B3686" s="8"/>
      <c r="C3686" s="8"/>
      <c r="D3686" t="s">
        <v>80</v>
      </c>
      <c r="E3686" s="8" t="s">
        <v>12</v>
      </c>
      <c r="F3686" t="s">
        <v>75</v>
      </c>
      <c r="G3686" t="s">
        <v>78</v>
      </c>
      <c r="H3686" t="s">
        <v>81</v>
      </c>
      <c r="I3686" s="8">
        <v>2029</v>
      </c>
      <c r="J3686" t="s">
        <v>47</v>
      </c>
      <c r="K3686" s="10"/>
      <c r="M3686" s="10"/>
      <c r="N3686">
        <v>0</v>
      </c>
    </row>
    <row r="3687" spans="1:14" hidden="1">
      <c r="A3687" s="7" t="s">
        <v>10</v>
      </c>
      <c r="B3687" s="8"/>
      <c r="C3687" s="8"/>
      <c r="D3687" t="s">
        <v>80</v>
      </c>
      <c r="E3687" s="8" t="s">
        <v>12</v>
      </c>
      <c r="F3687" t="s">
        <v>75</v>
      </c>
      <c r="G3687" t="s">
        <v>78</v>
      </c>
      <c r="H3687" t="s">
        <v>81</v>
      </c>
      <c r="I3687" s="8">
        <v>2029</v>
      </c>
      <c r="J3687" t="s">
        <v>48</v>
      </c>
      <c r="K3687" s="10"/>
      <c r="M3687" s="10"/>
      <c r="N3687">
        <v>0</v>
      </c>
    </row>
    <row r="3688" spans="1:14" hidden="1">
      <c r="A3688" s="7" t="s">
        <v>10</v>
      </c>
      <c r="B3688" s="8"/>
      <c r="C3688" s="8"/>
      <c r="D3688" t="s">
        <v>80</v>
      </c>
      <c r="E3688" s="8" t="s">
        <v>12</v>
      </c>
      <c r="F3688" t="s">
        <v>75</v>
      </c>
      <c r="G3688" t="s">
        <v>78</v>
      </c>
      <c r="H3688" t="s">
        <v>81</v>
      </c>
      <c r="I3688" s="8">
        <v>2029</v>
      </c>
      <c r="J3688" t="s">
        <v>14</v>
      </c>
      <c r="K3688" s="10"/>
      <c r="M3688" s="10"/>
      <c r="N3688">
        <v>0</v>
      </c>
    </row>
    <row r="3689" spans="1:14" hidden="1">
      <c r="A3689" s="7" t="s">
        <v>10</v>
      </c>
      <c r="B3689" s="8"/>
      <c r="C3689" s="8"/>
      <c r="D3689" t="s">
        <v>80</v>
      </c>
      <c r="E3689" s="8" t="s">
        <v>12</v>
      </c>
      <c r="F3689" t="s">
        <v>75</v>
      </c>
      <c r="G3689" t="s">
        <v>78</v>
      </c>
      <c r="H3689" t="s">
        <v>81</v>
      </c>
      <c r="I3689" s="8">
        <v>2029</v>
      </c>
      <c r="J3689" t="s">
        <v>49</v>
      </c>
      <c r="K3689" s="10"/>
      <c r="M3689" s="10"/>
      <c r="N3689">
        <v>0</v>
      </c>
    </row>
    <row r="3690" spans="1:14" hidden="1">
      <c r="A3690" s="7" t="s">
        <v>10</v>
      </c>
      <c r="B3690" s="8"/>
      <c r="C3690" s="8"/>
      <c r="D3690" t="s">
        <v>80</v>
      </c>
      <c r="E3690" s="8" t="s">
        <v>12</v>
      </c>
      <c r="F3690" t="s">
        <v>75</v>
      </c>
      <c r="G3690" t="s">
        <v>79</v>
      </c>
      <c r="H3690" t="s">
        <v>81</v>
      </c>
      <c r="I3690" s="8">
        <v>2029</v>
      </c>
      <c r="J3690" t="s">
        <v>15</v>
      </c>
      <c r="K3690" s="10">
        <v>180</v>
      </c>
      <c r="L3690">
        <v>80</v>
      </c>
      <c r="M3690" s="10">
        <v>100</v>
      </c>
      <c r="N3690">
        <v>0</v>
      </c>
    </row>
    <row r="3691" spans="1:14" hidden="1">
      <c r="A3691" s="7" t="s">
        <v>10</v>
      </c>
      <c r="B3691" s="8"/>
      <c r="C3691" s="8"/>
      <c r="D3691" t="s">
        <v>80</v>
      </c>
      <c r="E3691" s="8" t="s">
        <v>12</v>
      </c>
      <c r="F3691" t="s">
        <v>75</v>
      </c>
      <c r="G3691" t="s">
        <v>79</v>
      </c>
      <c r="H3691" t="s">
        <v>81</v>
      </c>
      <c r="I3691" s="8">
        <v>2029</v>
      </c>
      <c r="J3691" t="s">
        <v>50</v>
      </c>
      <c r="K3691" s="10"/>
      <c r="M3691" s="10"/>
      <c r="N3691">
        <v>0</v>
      </c>
    </row>
    <row r="3692" spans="1:14" hidden="1">
      <c r="A3692" s="7" t="s">
        <v>10</v>
      </c>
      <c r="B3692" s="8"/>
      <c r="C3692" s="8"/>
      <c r="D3692" t="s">
        <v>80</v>
      </c>
      <c r="E3692" s="8" t="s">
        <v>12</v>
      </c>
      <c r="F3692" t="s">
        <v>75</v>
      </c>
      <c r="G3692" t="s">
        <v>19</v>
      </c>
      <c r="H3692" t="s">
        <v>81</v>
      </c>
      <c r="I3692" s="8">
        <v>2029</v>
      </c>
      <c r="J3692" t="s">
        <v>19</v>
      </c>
      <c r="K3692" s="10"/>
      <c r="M3692" s="10"/>
      <c r="N3692">
        <v>0</v>
      </c>
    </row>
    <row r="3693" spans="1:14" hidden="1">
      <c r="A3693" s="7" t="s">
        <v>10</v>
      </c>
      <c r="B3693" s="8"/>
      <c r="C3693" s="8"/>
      <c r="D3693" t="s">
        <v>80</v>
      </c>
      <c r="E3693" s="8" t="s">
        <v>12</v>
      </c>
      <c r="F3693" t="s">
        <v>75</v>
      </c>
      <c r="G3693" t="s">
        <v>78</v>
      </c>
      <c r="H3693" t="s">
        <v>81</v>
      </c>
      <c r="I3693" s="8">
        <v>2029</v>
      </c>
      <c r="J3693" t="s">
        <v>21</v>
      </c>
      <c r="K3693" s="10"/>
      <c r="M3693" s="10"/>
      <c r="N3693">
        <v>0</v>
      </c>
    </row>
    <row r="3694" spans="1:14" hidden="1">
      <c r="A3694" s="7" t="s">
        <v>10</v>
      </c>
      <c r="B3694" s="8"/>
      <c r="C3694" s="8"/>
      <c r="D3694" t="s">
        <v>80</v>
      </c>
      <c r="E3694" s="8" t="s">
        <v>12</v>
      </c>
      <c r="F3694" t="s">
        <v>75</v>
      </c>
      <c r="G3694" t="s">
        <v>78</v>
      </c>
      <c r="H3694" t="s">
        <v>81</v>
      </c>
      <c r="I3694" s="8">
        <v>2029</v>
      </c>
      <c r="J3694" t="s">
        <v>51</v>
      </c>
      <c r="K3694" s="10"/>
      <c r="M3694" s="10"/>
      <c r="N3694">
        <v>0</v>
      </c>
    </row>
    <row r="3695" spans="1:14" hidden="1">
      <c r="A3695" s="7" t="s">
        <v>10</v>
      </c>
      <c r="B3695" s="8"/>
      <c r="C3695" s="8"/>
      <c r="D3695" t="s">
        <v>80</v>
      </c>
      <c r="E3695" s="8" t="s">
        <v>12</v>
      </c>
      <c r="F3695" t="s">
        <v>75</v>
      </c>
      <c r="G3695" t="s">
        <v>78</v>
      </c>
      <c r="H3695" t="s">
        <v>81</v>
      </c>
      <c r="I3695" s="8">
        <v>2030</v>
      </c>
      <c r="J3695" t="s">
        <v>47</v>
      </c>
      <c r="K3695" s="10"/>
      <c r="M3695" s="10"/>
      <c r="N3695">
        <v>0</v>
      </c>
    </row>
    <row r="3696" spans="1:14" hidden="1">
      <c r="A3696" s="7" t="s">
        <v>10</v>
      </c>
      <c r="B3696" s="8"/>
      <c r="C3696" s="8"/>
      <c r="D3696" t="s">
        <v>80</v>
      </c>
      <c r="E3696" s="8" t="s">
        <v>12</v>
      </c>
      <c r="F3696" t="s">
        <v>75</v>
      </c>
      <c r="G3696" t="s">
        <v>78</v>
      </c>
      <c r="H3696" t="s">
        <v>81</v>
      </c>
      <c r="I3696" s="8">
        <v>2030</v>
      </c>
      <c r="J3696" t="s">
        <v>48</v>
      </c>
      <c r="K3696" s="10"/>
      <c r="M3696" s="10"/>
      <c r="N3696">
        <v>0</v>
      </c>
    </row>
    <row r="3697" spans="1:14" hidden="1">
      <c r="A3697" s="7" t="s">
        <v>10</v>
      </c>
      <c r="B3697" s="8"/>
      <c r="C3697" s="8"/>
      <c r="D3697" t="s">
        <v>80</v>
      </c>
      <c r="E3697" s="8" t="s">
        <v>12</v>
      </c>
      <c r="F3697" t="s">
        <v>75</v>
      </c>
      <c r="G3697" t="s">
        <v>78</v>
      </c>
      <c r="H3697" t="s">
        <v>81</v>
      </c>
      <c r="I3697" s="8">
        <v>2030</v>
      </c>
      <c r="J3697" t="s">
        <v>14</v>
      </c>
      <c r="K3697" s="10"/>
      <c r="M3697" s="10"/>
      <c r="N3697">
        <v>0</v>
      </c>
    </row>
    <row r="3698" spans="1:14" hidden="1">
      <c r="A3698" s="7" t="s">
        <v>10</v>
      </c>
      <c r="B3698" s="8"/>
      <c r="C3698" s="8"/>
      <c r="D3698" t="s">
        <v>80</v>
      </c>
      <c r="E3698" s="8" t="s">
        <v>12</v>
      </c>
      <c r="F3698" t="s">
        <v>75</v>
      </c>
      <c r="G3698" t="s">
        <v>78</v>
      </c>
      <c r="H3698" t="s">
        <v>81</v>
      </c>
      <c r="I3698" s="8">
        <v>2030</v>
      </c>
      <c r="J3698" t="s">
        <v>49</v>
      </c>
      <c r="K3698" s="10"/>
      <c r="M3698" s="10"/>
      <c r="N3698">
        <v>0</v>
      </c>
    </row>
    <row r="3699" spans="1:14" hidden="1">
      <c r="A3699" s="7" t="s">
        <v>10</v>
      </c>
      <c r="B3699" s="8"/>
      <c r="C3699" s="8"/>
      <c r="D3699" t="s">
        <v>80</v>
      </c>
      <c r="E3699" s="8" t="s">
        <v>12</v>
      </c>
      <c r="F3699" t="s">
        <v>75</v>
      </c>
      <c r="G3699" t="s">
        <v>79</v>
      </c>
      <c r="H3699" t="s">
        <v>81</v>
      </c>
      <c r="I3699" s="8">
        <v>2030</v>
      </c>
      <c r="J3699" t="s">
        <v>15</v>
      </c>
      <c r="K3699" s="10">
        <v>180</v>
      </c>
      <c r="L3699">
        <v>80</v>
      </c>
      <c r="M3699" s="10">
        <v>100</v>
      </c>
      <c r="N3699">
        <v>0</v>
      </c>
    </row>
    <row r="3700" spans="1:14" hidden="1">
      <c r="A3700" s="7" t="s">
        <v>10</v>
      </c>
      <c r="B3700" s="8"/>
      <c r="C3700" s="8"/>
      <c r="D3700" t="s">
        <v>80</v>
      </c>
      <c r="E3700" s="8" t="s">
        <v>12</v>
      </c>
      <c r="F3700" t="s">
        <v>75</v>
      </c>
      <c r="G3700" t="s">
        <v>79</v>
      </c>
      <c r="H3700" t="s">
        <v>81</v>
      </c>
      <c r="I3700" s="8">
        <v>2030</v>
      </c>
      <c r="J3700" t="s">
        <v>50</v>
      </c>
      <c r="K3700" s="10"/>
      <c r="M3700" s="10"/>
      <c r="N3700">
        <v>0</v>
      </c>
    </row>
    <row r="3701" spans="1:14" hidden="1">
      <c r="A3701" s="7" t="s">
        <v>10</v>
      </c>
      <c r="B3701" s="8"/>
      <c r="C3701" s="8"/>
      <c r="D3701" t="s">
        <v>80</v>
      </c>
      <c r="E3701" s="8" t="s">
        <v>12</v>
      </c>
      <c r="F3701" t="s">
        <v>75</v>
      </c>
      <c r="G3701" t="s">
        <v>19</v>
      </c>
      <c r="H3701" t="s">
        <v>81</v>
      </c>
      <c r="I3701" s="8">
        <v>2030</v>
      </c>
      <c r="J3701" t="s">
        <v>19</v>
      </c>
      <c r="K3701" s="10"/>
      <c r="M3701" s="10"/>
      <c r="N3701">
        <v>0</v>
      </c>
    </row>
    <row r="3702" spans="1:14" hidden="1">
      <c r="A3702" s="7" t="s">
        <v>10</v>
      </c>
      <c r="B3702" s="8"/>
      <c r="C3702" s="8"/>
      <c r="D3702" t="s">
        <v>80</v>
      </c>
      <c r="E3702" s="8" t="s">
        <v>12</v>
      </c>
      <c r="F3702" t="s">
        <v>75</v>
      </c>
      <c r="G3702" t="s">
        <v>78</v>
      </c>
      <c r="H3702" t="s">
        <v>81</v>
      </c>
      <c r="I3702" s="8">
        <v>2030</v>
      </c>
      <c r="J3702" t="s">
        <v>21</v>
      </c>
      <c r="K3702" s="10"/>
      <c r="M3702" s="10"/>
      <c r="N3702">
        <v>0</v>
      </c>
    </row>
    <row r="3703" spans="1:14" hidden="1">
      <c r="A3703" s="7" t="s">
        <v>10</v>
      </c>
      <c r="B3703" s="8"/>
      <c r="C3703" s="8"/>
      <c r="D3703" t="s">
        <v>80</v>
      </c>
      <c r="E3703" s="8" t="s">
        <v>12</v>
      </c>
      <c r="F3703" t="s">
        <v>75</v>
      </c>
      <c r="G3703" t="s">
        <v>78</v>
      </c>
      <c r="H3703" t="s">
        <v>81</v>
      </c>
      <c r="I3703" s="8">
        <v>2030</v>
      </c>
      <c r="J3703" t="s">
        <v>51</v>
      </c>
      <c r="K3703" s="10"/>
      <c r="M3703" s="10"/>
      <c r="N3703">
        <v>0</v>
      </c>
    </row>
    <row r="3704" spans="1:14" hidden="1">
      <c r="A3704" s="7" t="s">
        <v>10</v>
      </c>
      <c r="B3704" s="8"/>
      <c r="C3704" s="8"/>
      <c r="D3704" t="s">
        <v>80</v>
      </c>
      <c r="E3704" s="8" t="s">
        <v>12</v>
      </c>
      <c r="F3704" t="s">
        <v>75</v>
      </c>
      <c r="G3704" t="s">
        <v>78</v>
      </c>
      <c r="H3704" t="s">
        <v>81</v>
      </c>
      <c r="I3704" s="8">
        <v>2031</v>
      </c>
      <c r="J3704" t="s">
        <v>47</v>
      </c>
      <c r="K3704" s="10"/>
      <c r="M3704" s="10"/>
      <c r="N3704">
        <v>0</v>
      </c>
    </row>
    <row r="3705" spans="1:14" hidden="1">
      <c r="A3705" s="7" t="s">
        <v>10</v>
      </c>
      <c r="B3705" s="8"/>
      <c r="C3705" s="8"/>
      <c r="D3705" t="s">
        <v>80</v>
      </c>
      <c r="E3705" s="8" t="s">
        <v>12</v>
      </c>
      <c r="F3705" t="s">
        <v>75</v>
      </c>
      <c r="G3705" t="s">
        <v>78</v>
      </c>
      <c r="H3705" t="s">
        <v>81</v>
      </c>
      <c r="I3705" s="8">
        <v>2031</v>
      </c>
      <c r="J3705" t="s">
        <v>48</v>
      </c>
      <c r="K3705" s="10"/>
      <c r="M3705" s="10"/>
      <c r="N3705">
        <v>0</v>
      </c>
    </row>
    <row r="3706" spans="1:14" hidden="1">
      <c r="A3706" s="7" t="s">
        <v>10</v>
      </c>
      <c r="B3706" s="8"/>
      <c r="C3706" s="8"/>
      <c r="D3706" t="s">
        <v>80</v>
      </c>
      <c r="E3706" s="8" t="s">
        <v>12</v>
      </c>
      <c r="F3706" t="s">
        <v>75</v>
      </c>
      <c r="G3706" t="s">
        <v>78</v>
      </c>
      <c r="H3706" t="s">
        <v>81</v>
      </c>
      <c r="I3706" s="8">
        <v>2031</v>
      </c>
      <c r="J3706" t="s">
        <v>14</v>
      </c>
      <c r="K3706" s="10"/>
      <c r="M3706" s="10"/>
      <c r="N3706">
        <v>0</v>
      </c>
    </row>
    <row r="3707" spans="1:14" hidden="1">
      <c r="A3707" s="7" t="s">
        <v>10</v>
      </c>
      <c r="B3707" s="8"/>
      <c r="C3707" s="8"/>
      <c r="D3707" t="s">
        <v>80</v>
      </c>
      <c r="E3707" s="8" t="s">
        <v>12</v>
      </c>
      <c r="F3707" t="s">
        <v>75</v>
      </c>
      <c r="G3707" t="s">
        <v>78</v>
      </c>
      <c r="H3707" t="s">
        <v>81</v>
      </c>
      <c r="I3707" s="8">
        <v>2031</v>
      </c>
      <c r="J3707" t="s">
        <v>49</v>
      </c>
      <c r="K3707" s="10"/>
      <c r="M3707" s="10"/>
      <c r="N3707">
        <v>0</v>
      </c>
    </row>
    <row r="3708" spans="1:14" hidden="1">
      <c r="A3708" s="7" t="s">
        <v>10</v>
      </c>
      <c r="B3708" s="8"/>
      <c r="C3708" s="8"/>
      <c r="D3708" t="s">
        <v>80</v>
      </c>
      <c r="E3708" s="8" t="s">
        <v>12</v>
      </c>
      <c r="F3708" t="s">
        <v>75</v>
      </c>
      <c r="G3708" t="s">
        <v>79</v>
      </c>
      <c r="H3708" t="s">
        <v>81</v>
      </c>
      <c r="I3708" s="8">
        <v>2031</v>
      </c>
      <c r="J3708" t="s">
        <v>15</v>
      </c>
      <c r="K3708" s="10">
        <v>180</v>
      </c>
      <c r="L3708">
        <v>80</v>
      </c>
      <c r="M3708" s="10">
        <v>100</v>
      </c>
      <c r="N3708">
        <v>0</v>
      </c>
    </row>
    <row r="3709" spans="1:14" hidden="1">
      <c r="A3709" s="7" t="s">
        <v>10</v>
      </c>
      <c r="B3709" s="8"/>
      <c r="C3709" s="8"/>
      <c r="D3709" t="s">
        <v>80</v>
      </c>
      <c r="E3709" s="8" t="s">
        <v>12</v>
      </c>
      <c r="F3709" t="s">
        <v>75</v>
      </c>
      <c r="G3709" t="s">
        <v>79</v>
      </c>
      <c r="H3709" t="s">
        <v>81</v>
      </c>
      <c r="I3709" s="8">
        <v>2031</v>
      </c>
      <c r="J3709" t="s">
        <v>50</v>
      </c>
      <c r="K3709" s="10"/>
      <c r="M3709" s="10"/>
      <c r="N3709">
        <v>0</v>
      </c>
    </row>
    <row r="3710" spans="1:14" hidden="1">
      <c r="A3710" s="7" t="s">
        <v>10</v>
      </c>
      <c r="B3710" s="8"/>
      <c r="C3710" s="8"/>
      <c r="D3710" t="s">
        <v>80</v>
      </c>
      <c r="E3710" s="8" t="s">
        <v>12</v>
      </c>
      <c r="F3710" t="s">
        <v>75</v>
      </c>
      <c r="G3710" t="s">
        <v>19</v>
      </c>
      <c r="H3710" t="s">
        <v>81</v>
      </c>
      <c r="I3710" s="8">
        <v>2031</v>
      </c>
      <c r="J3710" t="s">
        <v>19</v>
      </c>
      <c r="K3710" s="10"/>
      <c r="M3710" s="10"/>
      <c r="N3710">
        <v>0</v>
      </c>
    </row>
    <row r="3711" spans="1:14" hidden="1">
      <c r="A3711" s="7" t="s">
        <v>10</v>
      </c>
      <c r="B3711" s="8"/>
      <c r="C3711" s="8"/>
      <c r="D3711" t="s">
        <v>80</v>
      </c>
      <c r="E3711" s="8" t="s">
        <v>12</v>
      </c>
      <c r="F3711" t="s">
        <v>75</v>
      </c>
      <c r="G3711" t="s">
        <v>78</v>
      </c>
      <c r="H3711" t="s">
        <v>81</v>
      </c>
      <c r="I3711" s="8">
        <v>2031</v>
      </c>
      <c r="J3711" t="s">
        <v>21</v>
      </c>
      <c r="K3711" s="10"/>
      <c r="M3711" s="10"/>
      <c r="N3711">
        <v>0</v>
      </c>
    </row>
    <row r="3712" spans="1:14" hidden="1">
      <c r="A3712" s="7" t="s">
        <v>10</v>
      </c>
      <c r="B3712" s="8"/>
      <c r="C3712" s="8"/>
      <c r="D3712" t="s">
        <v>80</v>
      </c>
      <c r="E3712" s="8" t="s">
        <v>12</v>
      </c>
      <c r="F3712" t="s">
        <v>75</v>
      </c>
      <c r="G3712" t="s">
        <v>78</v>
      </c>
      <c r="H3712" t="s">
        <v>81</v>
      </c>
      <c r="I3712" s="8">
        <v>2031</v>
      </c>
      <c r="J3712" t="s">
        <v>51</v>
      </c>
      <c r="K3712" s="10"/>
      <c r="M3712" s="10"/>
      <c r="N3712">
        <v>0</v>
      </c>
    </row>
    <row r="3713" spans="1:14" hidden="1">
      <c r="A3713" s="7" t="s">
        <v>10</v>
      </c>
      <c r="B3713" s="8"/>
      <c r="C3713" s="8"/>
      <c r="D3713" t="s">
        <v>80</v>
      </c>
      <c r="E3713" s="8" t="s">
        <v>12</v>
      </c>
      <c r="F3713" t="s">
        <v>75</v>
      </c>
      <c r="G3713" t="s">
        <v>78</v>
      </c>
      <c r="H3713" t="s">
        <v>81</v>
      </c>
      <c r="I3713" s="8">
        <v>2032</v>
      </c>
      <c r="J3713" t="s">
        <v>47</v>
      </c>
      <c r="K3713" s="10"/>
      <c r="M3713" s="10"/>
      <c r="N3713">
        <v>0</v>
      </c>
    </row>
    <row r="3714" spans="1:14" hidden="1">
      <c r="A3714" s="7" t="s">
        <v>10</v>
      </c>
      <c r="B3714" s="8"/>
      <c r="C3714" s="8"/>
      <c r="D3714" t="s">
        <v>80</v>
      </c>
      <c r="E3714" s="8" t="s">
        <v>12</v>
      </c>
      <c r="F3714" t="s">
        <v>75</v>
      </c>
      <c r="G3714" t="s">
        <v>78</v>
      </c>
      <c r="H3714" t="s">
        <v>81</v>
      </c>
      <c r="I3714" s="8">
        <v>2032</v>
      </c>
      <c r="J3714" t="s">
        <v>48</v>
      </c>
      <c r="K3714" s="10"/>
      <c r="M3714" s="10"/>
      <c r="N3714">
        <v>0</v>
      </c>
    </row>
    <row r="3715" spans="1:14" hidden="1">
      <c r="A3715" s="7" t="s">
        <v>10</v>
      </c>
      <c r="B3715" s="8"/>
      <c r="C3715" s="8"/>
      <c r="D3715" t="s">
        <v>80</v>
      </c>
      <c r="E3715" s="8" t="s">
        <v>12</v>
      </c>
      <c r="F3715" t="s">
        <v>75</v>
      </c>
      <c r="G3715" t="s">
        <v>78</v>
      </c>
      <c r="H3715" t="s">
        <v>81</v>
      </c>
      <c r="I3715" s="8">
        <v>2032</v>
      </c>
      <c r="J3715" t="s">
        <v>14</v>
      </c>
      <c r="K3715" s="10"/>
      <c r="M3715" s="10"/>
      <c r="N3715">
        <v>0</v>
      </c>
    </row>
    <row r="3716" spans="1:14" hidden="1">
      <c r="A3716" s="7" t="s">
        <v>10</v>
      </c>
      <c r="B3716" s="8"/>
      <c r="C3716" s="8"/>
      <c r="D3716" t="s">
        <v>80</v>
      </c>
      <c r="E3716" s="8" t="s">
        <v>12</v>
      </c>
      <c r="F3716" t="s">
        <v>75</v>
      </c>
      <c r="G3716" t="s">
        <v>78</v>
      </c>
      <c r="H3716" t="s">
        <v>81</v>
      </c>
      <c r="I3716" s="8">
        <v>2032</v>
      </c>
      <c r="J3716" t="s">
        <v>49</v>
      </c>
      <c r="K3716" s="10"/>
      <c r="M3716" s="10"/>
      <c r="N3716">
        <v>0</v>
      </c>
    </row>
    <row r="3717" spans="1:14" hidden="1">
      <c r="A3717" s="7" t="s">
        <v>10</v>
      </c>
      <c r="B3717" s="8"/>
      <c r="C3717" s="8"/>
      <c r="D3717" t="s">
        <v>80</v>
      </c>
      <c r="E3717" s="8" t="s">
        <v>12</v>
      </c>
      <c r="F3717" t="s">
        <v>75</v>
      </c>
      <c r="G3717" t="s">
        <v>79</v>
      </c>
      <c r="H3717" t="s">
        <v>81</v>
      </c>
      <c r="I3717" s="8">
        <v>2032</v>
      </c>
      <c r="J3717" t="s">
        <v>15</v>
      </c>
      <c r="K3717" s="10">
        <v>180</v>
      </c>
      <c r="L3717">
        <v>80</v>
      </c>
      <c r="M3717" s="10">
        <v>100</v>
      </c>
      <c r="N3717">
        <v>0</v>
      </c>
    </row>
    <row r="3718" spans="1:14" hidden="1">
      <c r="A3718" s="7" t="s">
        <v>10</v>
      </c>
      <c r="B3718" s="8"/>
      <c r="C3718" s="8"/>
      <c r="D3718" t="s">
        <v>80</v>
      </c>
      <c r="E3718" s="8" t="s">
        <v>12</v>
      </c>
      <c r="F3718" t="s">
        <v>75</v>
      </c>
      <c r="G3718" t="s">
        <v>79</v>
      </c>
      <c r="H3718" t="s">
        <v>81</v>
      </c>
      <c r="I3718" s="8">
        <v>2032</v>
      </c>
      <c r="J3718" t="s">
        <v>50</v>
      </c>
      <c r="K3718" s="10"/>
      <c r="M3718" s="10"/>
      <c r="N3718">
        <v>0</v>
      </c>
    </row>
    <row r="3719" spans="1:14" hidden="1">
      <c r="A3719" s="7" t="s">
        <v>10</v>
      </c>
      <c r="B3719" s="8"/>
      <c r="C3719" s="8"/>
      <c r="D3719" t="s">
        <v>80</v>
      </c>
      <c r="E3719" s="8" t="s">
        <v>12</v>
      </c>
      <c r="F3719" t="s">
        <v>75</v>
      </c>
      <c r="G3719" t="s">
        <v>19</v>
      </c>
      <c r="H3719" t="s">
        <v>81</v>
      </c>
      <c r="I3719" s="8">
        <v>2032</v>
      </c>
      <c r="J3719" t="s">
        <v>19</v>
      </c>
      <c r="K3719" s="10"/>
      <c r="M3719" s="10"/>
      <c r="N3719">
        <v>0</v>
      </c>
    </row>
    <row r="3720" spans="1:14" hidden="1">
      <c r="A3720" s="7" t="s">
        <v>10</v>
      </c>
      <c r="B3720" s="8"/>
      <c r="C3720" s="8"/>
      <c r="D3720" t="s">
        <v>80</v>
      </c>
      <c r="E3720" s="8" t="s">
        <v>12</v>
      </c>
      <c r="F3720" t="s">
        <v>75</v>
      </c>
      <c r="G3720" t="s">
        <v>78</v>
      </c>
      <c r="H3720" t="s">
        <v>81</v>
      </c>
      <c r="I3720" s="8">
        <v>2032</v>
      </c>
      <c r="J3720" t="s">
        <v>21</v>
      </c>
      <c r="K3720" s="10"/>
      <c r="M3720" s="10"/>
      <c r="N3720">
        <v>0</v>
      </c>
    </row>
    <row r="3721" spans="1:14" hidden="1">
      <c r="A3721" s="7" t="s">
        <v>10</v>
      </c>
      <c r="B3721" s="8"/>
      <c r="C3721" s="8"/>
      <c r="D3721" t="s">
        <v>80</v>
      </c>
      <c r="E3721" s="8" t="s">
        <v>12</v>
      </c>
      <c r="F3721" t="s">
        <v>75</v>
      </c>
      <c r="G3721" t="s">
        <v>78</v>
      </c>
      <c r="H3721" t="s">
        <v>81</v>
      </c>
      <c r="I3721" s="8">
        <v>2032</v>
      </c>
      <c r="J3721" t="s">
        <v>51</v>
      </c>
      <c r="K3721" s="10"/>
      <c r="M3721" s="10"/>
      <c r="N3721">
        <v>0</v>
      </c>
    </row>
    <row r="3722" spans="1:14" hidden="1">
      <c r="A3722" s="7" t="s">
        <v>10</v>
      </c>
      <c r="B3722" s="8"/>
      <c r="C3722" s="8"/>
      <c r="D3722" t="s">
        <v>80</v>
      </c>
      <c r="E3722" s="8" t="s">
        <v>12</v>
      </c>
      <c r="F3722" t="s">
        <v>75</v>
      </c>
      <c r="G3722" t="s">
        <v>78</v>
      </c>
      <c r="H3722" t="s">
        <v>81</v>
      </c>
      <c r="I3722" s="8">
        <v>2033</v>
      </c>
      <c r="J3722" t="s">
        <v>47</v>
      </c>
      <c r="K3722" s="10"/>
      <c r="M3722" s="10"/>
      <c r="N3722">
        <v>0</v>
      </c>
    </row>
    <row r="3723" spans="1:14" hidden="1">
      <c r="A3723" s="7" t="s">
        <v>10</v>
      </c>
      <c r="B3723" s="8"/>
      <c r="C3723" s="8"/>
      <c r="D3723" t="s">
        <v>80</v>
      </c>
      <c r="E3723" s="8" t="s">
        <v>12</v>
      </c>
      <c r="F3723" t="s">
        <v>75</v>
      </c>
      <c r="G3723" t="s">
        <v>78</v>
      </c>
      <c r="H3723" t="s">
        <v>81</v>
      </c>
      <c r="I3723" s="8">
        <v>2033</v>
      </c>
      <c r="J3723" t="s">
        <v>48</v>
      </c>
      <c r="K3723" s="10"/>
      <c r="M3723" s="10"/>
      <c r="N3723">
        <v>0</v>
      </c>
    </row>
    <row r="3724" spans="1:14" hidden="1">
      <c r="A3724" s="7" t="s">
        <v>10</v>
      </c>
      <c r="B3724" s="8"/>
      <c r="C3724" s="8"/>
      <c r="D3724" t="s">
        <v>80</v>
      </c>
      <c r="E3724" s="8" t="s">
        <v>12</v>
      </c>
      <c r="F3724" t="s">
        <v>75</v>
      </c>
      <c r="G3724" t="s">
        <v>78</v>
      </c>
      <c r="H3724" t="s">
        <v>81</v>
      </c>
      <c r="I3724" s="8">
        <v>2033</v>
      </c>
      <c r="J3724" t="s">
        <v>14</v>
      </c>
      <c r="K3724" s="10"/>
      <c r="M3724" s="10"/>
      <c r="N3724">
        <v>0</v>
      </c>
    </row>
    <row r="3725" spans="1:14" hidden="1">
      <c r="A3725" s="7" t="s">
        <v>10</v>
      </c>
      <c r="B3725" s="8"/>
      <c r="C3725" s="8"/>
      <c r="D3725" t="s">
        <v>80</v>
      </c>
      <c r="E3725" s="8" t="s">
        <v>12</v>
      </c>
      <c r="F3725" t="s">
        <v>75</v>
      </c>
      <c r="G3725" t="s">
        <v>78</v>
      </c>
      <c r="H3725" t="s">
        <v>81</v>
      </c>
      <c r="I3725" s="8">
        <v>2033</v>
      </c>
      <c r="J3725" t="s">
        <v>49</v>
      </c>
      <c r="K3725" s="10"/>
      <c r="M3725" s="10"/>
      <c r="N3725">
        <v>0</v>
      </c>
    </row>
    <row r="3726" spans="1:14" hidden="1">
      <c r="A3726" s="7" t="s">
        <v>10</v>
      </c>
      <c r="B3726" s="8"/>
      <c r="C3726" s="8"/>
      <c r="D3726" t="s">
        <v>80</v>
      </c>
      <c r="E3726" s="8" t="s">
        <v>12</v>
      </c>
      <c r="F3726" t="s">
        <v>75</v>
      </c>
      <c r="G3726" t="s">
        <v>79</v>
      </c>
      <c r="H3726" t="s">
        <v>81</v>
      </c>
      <c r="I3726" s="8">
        <v>2033</v>
      </c>
      <c r="J3726" t="s">
        <v>15</v>
      </c>
      <c r="K3726" s="10">
        <v>180</v>
      </c>
      <c r="L3726">
        <v>80</v>
      </c>
      <c r="M3726" s="10">
        <v>100</v>
      </c>
      <c r="N3726">
        <v>0</v>
      </c>
    </row>
    <row r="3727" spans="1:14" hidden="1">
      <c r="A3727" s="7" t="s">
        <v>10</v>
      </c>
      <c r="B3727" s="8"/>
      <c r="C3727" s="8"/>
      <c r="D3727" t="s">
        <v>80</v>
      </c>
      <c r="E3727" s="8" t="s">
        <v>12</v>
      </c>
      <c r="F3727" t="s">
        <v>75</v>
      </c>
      <c r="G3727" t="s">
        <v>79</v>
      </c>
      <c r="H3727" t="s">
        <v>81</v>
      </c>
      <c r="I3727" s="8">
        <v>2033</v>
      </c>
      <c r="J3727" t="s">
        <v>50</v>
      </c>
      <c r="K3727" s="10"/>
      <c r="M3727" s="10"/>
      <c r="N3727">
        <v>0</v>
      </c>
    </row>
    <row r="3728" spans="1:14" hidden="1">
      <c r="A3728" s="7" t="s">
        <v>10</v>
      </c>
      <c r="B3728" s="8"/>
      <c r="C3728" s="8"/>
      <c r="D3728" t="s">
        <v>80</v>
      </c>
      <c r="E3728" s="8" t="s">
        <v>12</v>
      </c>
      <c r="F3728" t="s">
        <v>75</v>
      </c>
      <c r="G3728" t="s">
        <v>19</v>
      </c>
      <c r="H3728" t="s">
        <v>81</v>
      </c>
      <c r="I3728" s="8">
        <v>2033</v>
      </c>
      <c r="J3728" t="s">
        <v>19</v>
      </c>
      <c r="K3728" s="10"/>
      <c r="M3728" s="10"/>
      <c r="N3728">
        <v>0</v>
      </c>
    </row>
    <row r="3729" spans="1:14" hidden="1">
      <c r="A3729" s="7" t="s">
        <v>10</v>
      </c>
      <c r="B3729" s="8"/>
      <c r="C3729" s="8"/>
      <c r="D3729" t="s">
        <v>80</v>
      </c>
      <c r="E3729" s="8" t="s">
        <v>12</v>
      </c>
      <c r="F3729" t="s">
        <v>75</v>
      </c>
      <c r="G3729" t="s">
        <v>78</v>
      </c>
      <c r="H3729" t="s">
        <v>81</v>
      </c>
      <c r="I3729" s="8">
        <v>2033</v>
      </c>
      <c r="J3729" t="s">
        <v>21</v>
      </c>
      <c r="K3729" s="10"/>
      <c r="M3729" s="10"/>
      <c r="N3729">
        <v>0</v>
      </c>
    </row>
    <row r="3730" spans="1:14" hidden="1">
      <c r="A3730" s="7" t="s">
        <v>10</v>
      </c>
      <c r="B3730" s="8"/>
      <c r="C3730" s="8"/>
      <c r="D3730" t="s">
        <v>80</v>
      </c>
      <c r="E3730" s="8" t="s">
        <v>12</v>
      </c>
      <c r="F3730" t="s">
        <v>75</v>
      </c>
      <c r="G3730" t="s">
        <v>78</v>
      </c>
      <c r="H3730" t="s">
        <v>81</v>
      </c>
      <c r="I3730" s="8">
        <v>2033</v>
      </c>
      <c r="J3730" t="s">
        <v>51</v>
      </c>
      <c r="K3730" s="10"/>
      <c r="M3730" s="10"/>
      <c r="N3730">
        <v>0</v>
      </c>
    </row>
    <row r="3731" spans="1:14" hidden="1">
      <c r="N3731">
        <v>0</v>
      </c>
    </row>
    <row r="3732" spans="1:14" hidden="1">
      <c r="N3732">
        <v>0</v>
      </c>
    </row>
    <row r="3733" spans="1:14" hidden="1">
      <c r="N3733">
        <v>0</v>
      </c>
    </row>
    <row r="3734" spans="1:14" hidden="1">
      <c r="N3734">
        <v>0</v>
      </c>
    </row>
    <row r="3735" spans="1:14" hidden="1">
      <c r="N3735">
        <v>0</v>
      </c>
    </row>
    <row r="3736" spans="1:14" hidden="1">
      <c r="N3736">
        <v>0</v>
      </c>
    </row>
    <row r="3737" spans="1:14" hidden="1">
      <c r="N3737">
        <v>0</v>
      </c>
    </row>
    <row r="3738" spans="1:14" hidden="1">
      <c r="N3738">
        <v>0</v>
      </c>
    </row>
    <row r="3739" spans="1:14" hidden="1">
      <c r="N3739">
        <v>0</v>
      </c>
    </row>
    <row r="3740" spans="1:14" hidden="1">
      <c r="N3740">
        <v>0</v>
      </c>
    </row>
    <row r="3741" spans="1:14" hidden="1">
      <c r="N3741">
        <v>0</v>
      </c>
    </row>
    <row r="3742" spans="1:14" hidden="1">
      <c r="N3742">
        <v>0</v>
      </c>
    </row>
    <row r="3743" spans="1:14" hidden="1">
      <c r="N3743">
        <v>0</v>
      </c>
    </row>
    <row r="3744" spans="1:14" hidden="1">
      <c r="N3744">
        <v>0</v>
      </c>
    </row>
    <row r="3745" spans="14:14" hidden="1">
      <c r="N3745">
        <v>0</v>
      </c>
    </row>
    <row r="3746" spans="14:14" hidden="1">
      <c r="N3746">
        <v>0</v>
      </c>
    </row>
    <row r="3747" spans="14:14" hidden="1">
      <c r="N3747">
        <v>0</v>
      </c>
    </row>
    <row r="3748" spans="14:14" hidden="1">
      <c r="N3748">
        <v>0</v>
      </c>
    </row>
    <row r="3749" spans="14:14" hidden="1">
      <c r="N3749">
        <v>0</v>
      </c>
    </row>
    <row r="3750" spans="14:14" hidden="1">
      <c r="N3750">
        <v>0</v>
      </c>
    </row>
    <row r="3751" spans="14:14" hidden="1">
      <c r="N3751">
        <v>0</v>
      </c>
    </row>
    <row r="3752" spans="14:14" hidden="1">
      <c r="N3752">
        <v>0</v>
      </c>
    </row>
    <row r="3753" spans="14:14" hidden="1">
      <c r="N3753">
        <v>0</v>
      </c>
    </row>
    <row r="3754" spans="14:14" hidden="1">
      <c r="N3754">
        <v>0</v>
      </c>
    </row>
    <row r="3755" spans="14:14" hidden="1">
      <c r="N3755">
        <v>0</v>
      </c>
    </row>
    <row r="3756" spans="14:14" hidden="1">
      <c r="N3756">
        <v>0</v>
      </c>
    </row>
    <row r="3757" spans="14:14" hidden="1">
      <c r="N3757">
        <v>0</v>
      </c>
    </row>
    <row r="3758" spans="14:14" hidden="1">
      <c r="N3758">
        <v>0</v>
      </c>
    </row>
    <row r="3759" spans="14:14" hidden="1">
      <c r="N3759">
        <v>0</v>
      </c>
    </row>
    <row r="3760" spans="14:14" hidden="1">
      <c r="N3760">
        <v>0</v>
      </c>
    </row>
    <row r="3761" spans="14:14" hidden="1">
      <c r="N3761">
        <v>0</v>
      </c>
    </row>
    <row r="3762" spans="14:14" hidden="1">
      <c r="N3762">
        <v>0</v>
      </c>
    </row>
    <row r="3763" spans="14:14" hidden="1">
      <c r="N3763">
        <v>0</v>
      </c>
    </row>
    <row r="3764" spans="14:14" hidden="1">
      <c r="N3764">
        <v>0</v>
      </c>
    </row>
    <row r="3765" spans="14:14" hidden="1">
      <c r="N3765">
        <v>0</v>
      </c>
    </row>
    <row r="3766" spans="14:14" hidden="1">
      <c r="N3766">
        <v>0</v>
      </c>
    </row>
    <row r="3767" spans="14:14" hidden="1">
      <c r="N3767">
        <v>0</v>
      </c>
    </row>
    <row r="3768" spans="14:14" hidden="1">
      <c r="N3768">
        <v>0</v>
      </c>
    </row>
    <row r="3769" spans="14:14" hidden="1">
      <c r="N3769">
        <v>0</v>
      </c>
    </row>
    <row r="3770" spans="14:14" hidden="1">
      <c r="N3770">
        <v>0</v>
      </c>
    </row>
    <row r="3771" spans="14:14" hidden="1">
      <c r="N3771">
        <v>0</v>
      </c>
    </row>
    <row r="3772" spans="14:14" hidden="1">
      <c r="N3772">
        <v>0</v>
      </c>
    </row>
    <row r="3773" spans="14:14" hidden="1">
      <c r="N3773">
        <v>0</v>
      </c>
    </row>
    <row r="3774" spans="14:14" hidden="1">
      <c r="N3774">
        <v>0</v>
      </c>
    </row>
    <row r="3775" spans="14:14" hidden="1">
      <c r="N3775">
        <v>0</v>
      </c>
    </row>
    <row r="3776" spans="14:14" hidden="1">
      <c r="N3776">
        <v>0</v>
      </c>
    </row>
    <row r="3777" spans="14:14" hidden="1">
      <c r="N3777">
        <v>0</v>
      </c>
    </row>
    <row r="3778" spans="14:14" hidden="1">
      <c r="N3778">
        <v>0</v>
      </c>
    </row>
    <row r="3779" spans="14:14" hidden="1">
      <c r="N3779">
        <v>0</v>
      </c>
    </row>
    <row r="3780" spans="14:14" hidden="1">
      <c r="N3780">
        <v>0</v>
      </c>
    </row>
    <row r="3781" spans="14:14" hidden="1">
      <c r="N3781">
        <v>0</v>
      </c>
    </row>
    <row r="3782" spans="14:14" hidden="1">
      <c r="N3782">
        <v>0</v>
      </c>
    </row>
    <row r="3783" spans="14:14" hidden="1">
      <c r="N3783">
        <v>0</v>
      </c>
    </row>
    <row r="3784" spans="14:14" hidden="1">
      <c r="N3784">
        <v>0</v>
      </c>
    </row>
    <row r="3785" spans="14:14" hidden="1">
      <c r="N3785">
        <v>0</v>
      </c>
    </row>
    <row r="3786" spans="14:14" hidden="1">
      <c r="N3786">
        <v>0</v>
      </c>
    </row>
    <row r="3787" spans="14:14" hidden="1">
      <c r="N3787">
        <v>0</v>
      </c>
    </row>
    <row r="3788" spans="14:14" hidden="1">
      <c r="N3788">
        <v>0</v>
      </c>
    </row>
    <row r="3789" spans="14:14" hidden="1">
      <c r="N3789">
        <v>0</v>
      </c>
    </row>
    <row r="3790" spans="14:14" hidden="1">
      <c r="N3790">
        <v>0</v>
      </c>
    </row>
    <row r="3791" spans="14:14" hidden="1">
      <c r="N3791">
        <v>0</v>
      </c>
    </row>
    <row r="3792" spans="14:14" hidden="1">
      <c r="N3792">
        <v>0</v>
      </c>
    </row>
    <row r="3793" spans="14:14" hidden="1">
      <c r="N3793">
        <v>0</v>
      </c>
    </row>
    <row r="3794" spans="14:14" hidden="1">
      <c r="N3794">
        <v>0</v>
      </c>
    </row>
    <row r="3795" spans="14:14" hidden="1">
      <c r="N3795">
        <v>0</v>
      </c>
    </row>
    <row r="3796" spans="14:14" hidden="1">
      <c r="N3796">
        <v>0</v>
      </c>
    </row>
    <row r="3797" spans="14:14" hidden="1">
      <c r="N3797">
        <v>0</v>
      </c>
    </row>
    <row r="3798" spans="14:14" hidden="1">
      <c r="N3798">
        <v>0</v>
      </c>
    </row>
    <row r="3799" spans="14:14" hidden="1">
      <c r="N3799">
        <v>0</v>
      </c>
    </row>
    <row r="3800" spans="14:14" hidden="1">
      <c r="N3800">
        <v>0</v>
      </c>
    </row>
    <row r="3801" spans="14:14" hidden="1">
      <c r="N3801">
        <v>0</v>
      </c>
    </row>
    <row r="3802" spans="14:14" hidden="1">
      <c r="N3802">
        <v>0</v>
      </c>
    </row>
    <row r="3803" spans="14:14" hidden="1">
      <c r="N3803">
        <v>0</v>
      </c>
    </row>
    <row r="3804" spans="14:14" hidden="1">
      <c r="N3804">
        <v>0</v>
      </c>
    </row>
    <row r="3805" spans="14:14" hidden="1">
      <c r="N3805">
        <v>0</v>
      </c>
    </row>
    <row r="3806" spans="14:14" hidden="1">
      <c r="N3806">
        <v>0</v>
      </c>
    </row>
    <row r="3807" spans="14:14" hidden="1">
      <c r="N3807">
        <v>0</v>
      </c>
    </row>
    <row r="3808" spans="14:14" hidden="1">
      <c r="N3808">
        <v>0</v>
      </c>
    </row>
    <row r="3809" spans="14:14" hidden="1">
      <c r="N3809">
        <v>0</v>
      </c>
    </row>
    <row r="3810" spans="14:14" hidden="1">
      <c r="N3810">
        <v>0</v>
      </c>
    </row>
    <row r="3811" spans="14:14" hidden="1">
      <c r="N3811">
        <v>0</v>
      </c>
    </row>
    <row r="3812" spans="14:14" hidden="1">
      <c r="N3812">
        <v>0</v>
      </c>
    </row>
    <row r="3813" spans="14:14" hidden="1">
      <c r="N3813">
        <v>0</v>
      </c>
    </row>
    <row r="3814" spans="14:14" hidden="1">
      <c r="N3814">
        <v>0</v>
      </c>
    </row>
    <row r="3815" spans="14:14" hidden="1">
      <c r="N3815">
        <v>0</v>
      </c>
    </row>
    <row r="3816" spans="14:14" hidden="1">
      <c r="N3816">
        <v>0</v>
      </c>
    </row>
    <row r="3817" spans="14:14" hidden="1">
      <c r="N3817">
        <v>0</v>
      </c>
    </row>
    <row r="3818" spans="14:14" hidden="1">
      <c r="N3818">
        <v>0</v>
      </c>
    </row>
    <row r="3819" spans="14:14" hidden="1">
      <c r="N3819">
        <v>0</v>
      </c>
    </row>
    <row r="3820" spans="14:14" hidden="1">
      <c r="N3820">
        <v>0</v>
      </c>
    </row>
    <row r="3821" spans="14:14" hidden="1">
      <c r="N3821">
        <v>0</v>
      </c>
    </row>
    <row r="3822" spans="14:14" hidden="1">
      <c r="N3822">
        <v>0</v>
      </c>
    </row>
    <row r="3823" spans="14:14" hidden="1">
      <c r="N3823">
        <v>0</v>
      </c>
    </row>
    <row r="3824" spans="14:14" hidden="1">
      <c r="N3824">
        <v>0</v>
      </c>
    </row>
    <row r="3825" spans="14:14" hidden="1">
      <c r="N3825">
        <v>0</v>
      </c>
    </row>
    <row r="3826" spans="14:14" hidden="1">
      <c r="N3826">
        <v>0</v>
      </c>
    </row>
    <row r="3827" spans="14:14" hidden="1">
      <c r="N3827">
        <v>0</v>
      </c>
    </row>
    <row r="3828" spans="14:14" hidden="1">
      <c r="N3828">
        <v>0</v>
      </c>
    </row>
    <row r="3829" spans="14:14" hidden="1">
      <c r="N3829">
        <v>0</v>
      </c>
    </row>
    <row r="3830" spans="14:14" hidden="1">
      <c r="N3830">
        <v>0</v>
      </c>
    </row>
    <row r="3831" spans="14:14" hidden="1">
      <c r="N3831">
        <v>0</v>
      </c>
    </row>
    <row r="3832" spans="14:14" hidden="1">
      <c r="N3832">
        <v>0</v>
      </c>
    </row>
    <row r="3833" spans="14:14" hidden="1">
      <c r="N3833">
        <v>0</v>
      </c>
    </row>
    <row r="3834" spans="14:14" hidden="1">
      <c r="N3834">
        <v>0</v>
      </c>
    </row>
    <row r="3835" spans="14:14" hidden="1">
      <c r="N3835">
        <v>0</v>
      </c>
    </row>
    <row r="3836" spans="14:14" hidden="1">
      <c r="N3836">
        <v>0</v>
      </c>
    </row>
    <row r="3837" spans="14:14" hidden="1">
      <c r="N3837">
        <v>0</v>
      </c>
    </row>
    <row r="3838" spans="14:14" hidden="1">
      <c r="N3838">
        <v>0</v>
      </c>
    </row>
    <row r="3839" spans="14:14" hidden="1">
      <c r="N3839">
        <v>0</v>
      </c>
    </row>
    <row r="3840" spans="14:14" hidden="1">
      <c r="N3840">
        <v>0</v>
      </c>
    </row>
    <row r="3841" spans="14:14" hidden="1">
      <c r="N3841">
        <v>0</v>
      </c>
    </row>
    <row r="3842" spans="14:14" hidden="1">
      <c r="N3842">
        <v>0</v>
      </c>
    </row>
    <row r="3843" spans="14:14" hidden="1">
      <c r="N3843">
        <v>0</v>
      </c>
    </row>
    <row r="3844" spans="14:14" hidden="1">
      <c r="N3844">
        <v>0</v>
      </c>
    </row>
    <row r="3845" spans="14:14" hidden="1">
      <c r="N3845">
        <v>0</v>
      </c>
    </row>
    <row r="3846" spans="14:14" hidden="1">
      <c r="N3846">
        <v>0</v>
      </c>
    </row>
    <row r="3847" spans="14:14" hidden="1">
      <c r="N3847">
        <v>0</v>
      </c>
    </row>
    <row r="3848" spans="14:14" hidden="1">
      <c r="N3848">
        <v>0</v>
      </c>
    </row>
    <row r="3849" spans="14:14" hidden="1">
      <c r="N3849">
        <v>0</v>
      </c>
    </row>
    <row r="3850" spans="14:14" hidden="1">
      <c r="N3850">
        <v>0</v>
      </c>
    </row>
    <row r="3851" spans="14:14" hidden="1">
      <c r="N3851">
        <v>0</v>
      </c>
    </row>
    <row r="3852" spans="14:14" hidden="1">
      <c r="N3852">
        <v>0</v>
      </c>
    </row>
    <row r="3853" spans="14:14" hidden="1">
      <c r="N3853">
        <v>0</v>
      </c>
    </row>
    <row r="3854" spans="14:14" hidden="1">
      <c r="N3854">
        <v>0</v>
      </c>
    </row>
    <row r="3855" spans="14:14" hidden="1">
      <c r="N3855">
        <v>0</v>
      </c>
    </row>
    <row r="3856" spans="14:14" hidden="1">
      <c r="N3856">
        <v>0</v>
      </c>
    </row>
    <row r="3857" spans="14:14" hidden="1">
      <c r="N3857">
        <v>0</v>
      </c>
    </row>
    <row r="3858" spans="14:14" hidden="1">
      <c r="N3858">
        <v>0</v>
      </c>
    </row>
    <row r="3859" spans="14:14" hidden="1">
      <c r="N3859">
        <v>0</v>
      </c>
    </row>
    <row r="3860" spans="14:14" hidden="1">
      <c r="N3860">
        <v>0</v>
      </c>
    </row>
    <row r="3861" spans="14:14" hidden="1">
      <c r="N3861">
        <v>0</v>
      </c>
    </row>
    <row r="3862" spans="14:14" hidden="1">
      <c r="N3862">
        <v>0</v>
      </c>
    </row>
    <row r="3863" spans="14:14" hidden="1">
      <c r="N3863">
        <v>0</v>
      </c>
    </row>
    <row r="3864" spans="14:14" hidden="1">
      <c r="N3864">
        <v>0</v>
      </c>
    </row>
    <row r="3865" spans="14:14" hidden="1">
      <c r="N3865">
        <v>0</v>
      </c>
    </row>
    <row r="3866" spans="14:14" hidden="1">
      <c r="N3866">
        <v>0</v>
      </c>
    </row>
    <row r="3867" spans="14:14" hidden="1">
      <c r="N3867">
        <v>0</v>
      </c>
    </row>
    <row r="3868" spans="14:14" hidden="1">
      <c r="N3868">
        <v>0</v>
      </c>
    </row>
    <row r="3869" spans="14:14" hidden="1">
      <c r="N3869">
        <v>0</v>
      </c>
    </row>
    <row r="3870" spans="14:14" hidden="1">
      <c r="N3870">
        <v>0</v>
      </c>
    </row>
    <row r="3871" spans="14:14" hidden="1">
      <c r="N3871">
        <v>0</v>
      </c>
    </row>
    <row r="3872" spans="14:14" hidden="1">
      <c r="N3872">
        <v>0</v>
      </c>
    </row>
    <row r="3873" spans="14:14" hidden="1">
      <c r="N3873">
        <v>0</v>
      </c>
    </row>
    <row r="3874" spans="14:14" hidden="1">
      <c r="N3874">
        <v>0</v>
      </c>
    </row>
    <row r="3875" spans="14:14" hidden="1">
      <c r="N3875">
        <v>0</v>
      </c>
    </row>
    <row r="3876" spans="14:14" hidden="1">
      <c r="N3876">
        <v>0</v>
      </c>
    </row>
    <row r="3877" spans="14:14" hidden="1">
      <c r="N3877">
        <v>0</v>
      </c>
    </row>
    <row r="3878" spans="14:14" hidden="1">
      <c r="N3878">
        <v>0</v>
      </c>
    </row>
    <row r="3879" spans="14:14" hidden="1">
      <c r="N3879">
        <v>0</v>
      </c>
    </row>
    <row r="3880" spans="14:14" hidden="1">
      <c r="N3880">
        <v>0</v>
      </c>
    </row>
    <row r="3881" spans="14:14" hidden="1">
      <c r="N3881">
        <v>0</v>
      </c>
    </row>
    <row r="3882" spans="14:14" hidden="1">
      <c r="N3882">
        <v>0</v>
      </c>
    </row>
    <row r="3883" spans="14:14" hidden="1">
      <c r="N3883">
        <v>0</v>
      </c>
    </row>
    <row r="3884" spans="14:14" hidden="1">
      <c r="N3884">
        <v>0</v>
      </c>
    </row>
    <row r="3885" spans="14:14" hidden="1">
      <c r="N3885">
        <v>0</v>
      </c>
    </row>
    <row r="3886" spans="14:14" hidden="1">
      <c r="N3886">
        <v>0</v>
      </c>
    </row>
    <row r="3887" spans="14:14" hidden="1">
      <c r="N3887">
        <v>0</v>
      </c>
    </row>
    <row r="3888" spans="14:14" hidden="1">
      <c r="N3888">
        <v>0</v>
      </c>
    </row>
    <row r="3889" spans="14:14" hidden="1">
      <c r="N3889">
        <v>0</v>
      </c>
    </row>
    <row r="3890" spans="14:14" hidden="1">
      <c r="N3890">
        <v>0</v>
      </c>
    </row>
    <row r="3891" spans="14:14" hidden="1">
      <c r="N3891">
        <v>0</v>
      </c>
    </row>
    <row r="3892" spans="14:14" hidden="1">
      <c r="N3892">
        <v>0</v>
      </c>
    </row>
    <row r="3893" spans="14:14" hidden="1">
      <c r="N3893">
        <v>0</v>
      </c>
    </row>
    <row r="3894" spans="14:14" hidden="1">
      <c r="N3894">
        <v>0</v>
      </c>
    </row>
    <row r="3895" spans="14:14" hidden="1">
      <c r="N3895">
        <v>0</v>
      </c>
    </row>
    <row r="3896" spans="14:14" hidden="1">
      <c r="N3896">
        <v>0</v>
      </c>
    </row>
    <row r="3897" spans="14:14" hidden="1">
      <c r="N3897">
        <v>0</v>
      </c>
    </row>
    <row r="3898" spans="14:14" hidden="1">
      <c r="N3898">
        <v>0</v>
      </c>
    </row>
    <row r="3899" spans="14:14" hidden="1">
      <c r="N3899">
        <v>0</v>
      </c>
    </row>
    <row r="3900" spans="14:14" hidden="1">
      <c r="N3900">
        <v>0</v>
      </c>
    </row>
    <row r="3901" spans="14:14" hidden="1">
      <c r="N3901">
        <v>0</v>
      </c>
    </row>
    <row r="3902" spans="14:14" hidden="1">
      <c r="N3902">
        <v>0</v>
      </c>
    </row>
    <row r="3903" spans="14:14" hidden="1">
      <c r="N3903">
        <v>0</v>
      </c>
    </row>
    <row r="3904" spans="14:14" hidden="1">
      <c r="N3904">
        <v>0</v>
      </c>
    </row>
    <row r="3905" spans="14:14" hidden="1">
      <c r="N3905">
        <v>0</v>
      </c>
    </row>
    <row r="3906" spans="14:14" hidden="1">
      <c r="N3906">
        <v>0</v>
      </c>
    </row>
    <row r="3907" spans="14:14" hidden="1">
      <c r="N3907">
        <v>0</v>
      </c>
    </row>
    <row r="3908" spans="14:14" hidden="1">
      <c r="N3908">
        <v>0</v>
      </c>
    </row>
    <row r="3909" spans="14:14" hidden="1">
      <c r="N3909">
        <v>0</v>
      </c>
    </row>
    <row r="3910" spans="14:14" hidden="1">
      <c r="N3910">
        <v>0</v>
      </c>
    </row>
    <row r="3911" spans="14:14" hidden="1">
      <c r="N3911">
        <v>0</v>
      </c>
    </row>
    <row r="3912" spans="14:14" hidden="1">
      <c r="N3912">
        <v>0</v>
      </c>
    </row>
    <row r="3913" spans="14:14" hidden="1">
      <c r="N3913">
        <v>0</v>
      </c>
    </row>
    <row r="3914" spans="14:14" hidden="1">
      <c r="N3914">
        <v>0</v>
      </c>
    </row>
    <row r="3915" spans="14:14" hidden="1">
      <c r="N3915">
        <v>0</v>
      </c>
    </row>
    <row r="3916" spans="14:14" hidden="1">
      <c r="N3916">
        <v>0</v>
      </c>
    </row>
    <row r="3917" spans="14:14" hidden="1">
      <c r="N3917">
        <v>0</v>
      </c>
    </row>
    <row r="3918" spans="14:14" hidden="1">
      <c r="N3918">
        <v>0</v>
      </c>
    </row>
    <row r="3919" spans="14:14" hidden="1">
      <c r="N3919">
        <v>0</v>
      </c>
    </row>
    <row r="3920" spans="14:14" hidden="1">
      <c r="N3920">
        <v>0</v>
      </c>
    </row>
    <row r="3921" spans="14:14" hidden="1">
      <c r="N3921">
        <v>0</v>
      </c>
    </row>
    <row r="3922" spans="14:14" hidden="1">
      <c r="N3922">
        <v>0</v>
      </c>
    </row>
    <row r="3923" spans="14:14" hidden="1">
      <c r="N3923">
        <v>0</v>
      </c>
    </row>
    <row r="3924" spans="14:14" hidden="1">
      <c r="N3924">
        <v>0</v>
      </c>
    </row>
    <row r="3925" spans="14:14" hidden="1">
      <c r="N3925">
        <v>0</v>
      </c>
    </row>
    <row r="3926" spans="14:14" hidden="1">
      <c r="N3926">
        <v>0</v>
      </c>
    </row>
    <row r="3927" spans="14:14" hidden="1">
      <c r="N3927">
        <v>0</v>
      </c>
    </row>
    <row r="3928" spans="14:14" hidden="1">
      <c r="N3928">
        <v>0</v>
      </c>
    </row>
    <row r="3929" spans="14:14" hidden="1">
      <c r="N3929">
        <v>0</v>
      </c>
    </row>
    <row r="3930" spans="14:14" hidden="1">
      <c r="N3930">
        <v>0</v>
      </c>
    </row>
    <row r="3931" spans="14:14" hidden="1">
      <c r="N3931">
        <v>0</v>
      </c>
    </row>
    <row r="3932" spans="14:14" hidden="1">
      <c r="N3932">
        <v>0</v>
      </c>
    </row>
    <row r="3933" spans="14:14" hidden="1">
      <c r="N3933">
        <v>0</v>
      </c>
    </row>
    <row r="3934" spans="14:14" hidden="1">
      <c r="N3934">
        <v>0</v>
      </c>
    </row>
    <row r="3935" spans="14:14" hidden="1">
      <c r="N3935">
        <v>0</v>
      </c>
    </row>
    <row r="3936" spans="14:14" hidden="1">
      <c r="N3936">
        <v>0</v>
      </c>
    </row>
    <row r="3937" spans="14:14" hidden="1">
      <c r="N3937">
        <v>0</v>
      </c>
    </row>
    <row r="3938" spans="14:14" hidden="1">
      <c r="N3938">
        <v>0</v>
      </c>
    </row>
    <row r="3939" spans="14:14" hidden="1">
      <c r="N3939">
        <v>0</v>
      </c>
    </row>
    <row r="3940" spans="14:14" hidden="1">
      <c r="N3940">
        <v>0</v>
      </c>
    </row>
    <row r="3941" spans="14:14" hidden="1">
      <c r="N3941">
        <v>0</v>
      </c>
    </row>
    <row r="3942" spans="14:14" hidden="1">
      <c r="N3942">
        <v>0</v>
      </c>
    </row>
    <row r="3943" spans="14:14" hidden="1">
      <c r="N3943">
        <v>0</v>
      </c>
    </row>
    <row r="3944" spans="14:14" hidden="1">
      <c r="N3944">
        <v>0</v>
      </c>
    </row>
    <row r="3945" spans="14:14" hidden="1">
      <c r="N3945">
        <v>0</v>
      </c>
    </row>
    <row r="3946" spans="14:14" hidden="1">
      <c r="N3946">
        <v>0</v>
      </c>
    </row>
    <row r="3947" spans="14:14" hidden="1">
      <c r="N3947">
        <v>0</v>
      </c>
    </row>
    <row r="3948" spans="14:14" hidden="1">
      <c r="N3948">
        <v>0</v>
      </c>
    </row>
    <row r="3949" spans="14:14" hidden="1">
      <c r="N3949">
        <v>0</v>
      </c>
    </row>
    <row r="3950" spans="14:14" hidden="1">
      <c r="N3950">
        <v>0</v>
      </c>
    </row>
    <row r="3951" spans="14:14" hidden="1">
      <c r="N3951">
        <v>0</v>
      </c>
    </row>
    <row r="3952" spans="14:14" hidden="1">
      <c r="N3952">
        <v>0</v>
      </c>
    </row>
    <row r="3953" spans="14:14" hidden="1">
      <c r="N3953">
        <v>0</v>
      </c>
    </row>
    <row r="3954" spans="14:14" hidden="1">
      <c r="N3954">
        <v>0</v>
      </c>
    </row>
    <row r="3955" spans="14:14" hidden="1">
      <c r="N3955">
        <v>0</v>
      </c>
    </row>
    <row r="3956" spans="14:14" hidden="1">
      <c r="N3956">
        <v>0</v>
      </c>
    </row>
    <row r="3957" spans="14:14" hidden="1">
      <c r="N3957">
        <v>0</v>
      </c>
    </row>
    <row r="3958" spans="14:14" hidden="1">
      <c r="N3958">
        <v>0</v>
      </c>
    </row>
    <row r="3959" spans="14:14" hidden="1">
      <c r="N3959">
        <v>0</v>
      </c>
    </row>
    <row r="3960" spans="14:14" hidden="1">
      <c r="N3960">
        <v>0</v>
      </c>
    </row>
    <row r="3961" spans="14:14" hidden="1">
      <c r="N3961">
        <v>0</v>
      </c>
    </row>
    <row r="3962" spans="14:14" hidden="1">
      <c r="N3962">
        <v>0</v>
      </c>
    </row>
    <row r="3963" spans="14:14" hidden="1">
      <c r="N3963">
        <v>0</v>
      </c>
    </row>
    <row r="3964" spans="14:14" hidden="1">
      <c r="N3964">
        <v>0</v>
      </c>
    </row>
    <row r="3965" spans="14:14" hidden="1">
      <c r="N3965">
        <v>0</v>
      </c>
    </row>
    <row r="3966" spans="14:14" hidden="1">
      <c r="N3966">
        <v>0</v>
      </c>
    </row>
    <row r="3967" spans="14:14" hidden="1">
      <c r="N3967">
        <v>0</v>
      </c>
    </row>
    <row r="3968" spans="14:14" hidden="1">
      <c r="N3968">
        <v>0</v>
      </c>
    </row>
    <row r="3969" spans="14:14" hidden="1">
      <c r="N3969">
        <v>0</v>
      </c>
    </row>
    <row r="3970" spans="14:14" hidden="1">
      <c r="N3970">
        <v>0</v>
      </c>
    </row>
    <row r="3971" spans="14:14" hidden="1">
      <c r="N3971">
        <v>0</v>
      </c>
    </row>
    <row r="3972" spans="14:14" hidden="1">
      <c r="N3972">
        <v>0</v>
      </c>
    </row>
    <row r="3973" spans="14:14" hidden="1">
      <c r="N3973">
        <v>0</v>
      </c>
    </row>
    <row r="3974" spans="14:14" hidden="1">
      <c r="N3974">
        <v>0</v>
      </c>
    </row>
    <row r="3975" spans="14:14" hidden="1">
      <c r="N3975">
        <v>0</v>
      </c>
    </row>
    <row r="3976" spans="14:14" hidden="1">
      <c r="N3976">
        <v>0</v>
      </c>
    </row>
    <row r="3977" spans="14:14" hidden="1">
      <c r="N3977">
        <v>0</v>
      </c>
    </row>
    <row r="3978" spans="14:14" hidden="1">
      <c r="N3978">
        <v>0</v>
      </c>
    </row>
    <row r="3979" spans="14:14" hidden="1">
      <c r="N3979">
        <v>0</v>
      </c>
    </row>
    <row r="3980" spans="14:14" hidden="1">
      <c r="N3980">
        <v>0</v>
      </c>
    </row>
    <row r="3981" spans="14:14" hidden="1">
      <c r="N3981">
        <v>0</v>
      </c>
    </row>
    <row r="3982" spans="14:14" hidden="1">
      <c r="N3982">
        <v>0</v>
      </c>
    </row>
    <row r="3983" spans="14:14" hidden="1">
      <c r="N3983">
        <v>0</v>
      </c>
    </row>
    <row r="3984" spans="14:14" hidden="1">
      <c r="N3984">
        <v>0</v>
      </c>
    </row>
    <row r="3985" spans="14:14" hidden="1">
      <c r="N3985">
        <v>0</v>
      </c>
    </row>
    <row r="3986" spans="14:14" hidden="1">
      <c r="N3986">
        <v>0</v>
      </c>
    </row>
    <row r="3987" spans="14:14" hidden="1">
      <c r="N3987">
        <v>0</v>
      </c>
    </row>
    <row r="3988" spans="14:14" hidden="1">
      <c r="N3988">
        <v>0</v>
      </c>
    </row>
    <row r="3989" spans="14:14" hidden="1">
      <c r="N3989">
        <v>0</v>
      </c>
    </row>
    <row r="3990" spans="14:14" hidden="1">
      <c r="N3990">
        <v>0</v>
      </c>
    </row>
    <row r="3991" spans="14:14" hidden="1">
      <c r="N3991">
        <v>0</v>
      </c>
    </row>
    <row r="3992" spans="14:14" hidden="1">
      <c r="N3992">
        <v>0</v>
      </c>
    </row>
    <row r="3993" spans="14:14" hidden="1">
      <c r="N3993">
        <v>0</v>
      </c>
    </row>
    <row r="3994" spans="14:14" hidden="1">
      <c r="N3994">
        <v>0</v>
      </c>
    </row>
    <row r="3995" spans="14:14" hidden="1">
      <c r="N3995">
        <v>0</v>
      </c>
    </row>
    <row r="3996" spans="14:14" hidden="1">
      <c r="N3996">
        <v>0</v>
      </c>
    </row>
    <row r="3997" spans="14:14" hidden="1">
      <c r="N3997">
        <v>0</v>
      </c>
    </row>
    <row r="3998" spans="14:14" hidden="1">
      <c r="N3998">
        <v>0</v>
      </c>
    </row>
    <row r="3999" spans="14:14" hidden="1">
      <c r="N3999">
        <v>0</v>
      </c>
    </row>
    <row r="4000" spans="14:14" hidden="1">
      <c r="N4000">
        <v>0</v>
      </c>
    </row>
    <row r="4001" spans="14:14" hidden="1">
      <c r="N4001">
        <v>0</v>
      </c>
    </row>
    <row r="4002" spans="14:14" hidden="1">
      <c r="N4002">
        <v>0</v>
      </c>
    </row>
    <row r="4003" spans="14:14" hidden="1">
      <c r="N4003">
        <v>0</v>
      </c>
    </row>
    <row r="4004" spans="14:14" hidden="1">
      <c r="N4004">
        <v>0</v>
      </c>
    </row>
    <row r="4005" spans="14:14" hidden="1">
      <c r="N4005">
        <v>0</v>
      </c>
    </row>
    <row r="4006" spans="14:14" hidden="1">
      <c r="N4006">
        <v>0</v>
      </c>
    </row>
    <row r="4007" spans="14:14" hidden="1">
      <c r="N4007">
        <v>0</v>
      </c>
    </row>
    <row r="4008" spans="14:14" hidden="1">
      <c r="N4008">
        <v>0</v>
      </c>
    </row>
    <row r="4009" spans="14:14" hidden="1">
      <c r="N4009">
        <v>0</v>
      </c>
    </row>
    <row r="4010" spans="14:14" hidden="1">
      <c r="N4010">
        <v>0</v>
      </c>
    </row>
    <row r="4011" spans="14:14" hidden="1">
      <c r="N4011">
        <v>0</v>
      </c>
    </row>
    <row r="4012" spans="14:14" hidden="1">
      <c r="N4012">
        <v>0</v>
      </c>
    </row>
    <row r="4013" spans="14:14" hidden="1">
      <c r="N4013">
        <v>0</v>
      </c>
    </row>
    <row r="4014" spans="14:14" hidden="1">
      <c r="N4014">
        <v>0</v>
      </c>
    </row>
    <row r="4015" spans="14:14" hidden="1">
      <c r="N4015">
        <v>0</v>
      </c>
    </row>
    <row r="4016" spans="14:14" hidden="1">
      <c r="N4016">
        <v>0</v>
      </c>
    </row>
    <row r="4017" spans="14:14" hidden="1">
      <c r="N4017">
        <v>0</v>
      </c>
    </row>
    <row r="4018" spans="14:14" hidden="1">
      <c r="N4018">
        <v>0</v>
      </c>
    </row>
    <row r="4019" spans="14:14" hidden="1">
      <c r="N4019">
        <v>0</v>
      </c>
    </row>
    <row r="4020" spans="14:14" hidden="1">
      <c r="N4020">
        <v>0</v>
      </c>
    </row>
    <row r="4021" spans="14:14" hidden="1">
      <c r="N4021">
        <v>0</v>
      </c>
    </row>
    <row r="4022" spans="14:14" hidden="1">
      <c r="N4022">
        <v>0</v>
      </c>
    </row>
    <row r="4023" spans="14:14" hidden="1">
      <c r="N4023">
        <v>0</v>
      </c>
    </row>
    <row r="4024" spans="14:14" hidden="1">
      <c r="N4024">
        <v>0</v>
      </c>
    </row>
    <row r="4025" spans="14:14" hidden="1">
      <c r="N4025">
        <v>0</v>
      </c>
    </row>
    <row r="4026" spans="14:14" hidden="1">
      <c r="N4026">
        <v>0</v>
      </c>
    </row>
    <row r="4027" spans="14:14" hidden="1">
      <c r="N4027">
        <v>0</v>
      </c>
    </row>
    <row r="4028" spans="14:14" hidden="1">
      <c r="N4028">
        <v>0</v>
      </c>
    </row>
    <row r="4029" spans="14:14" hidden="1">
      <c r="N4029">
        <v>0</v>
      </c>
    </row>
    <row r="4030" spans="14:14" hidden="1">
      <c r="N4030">
        <v>0</v>
      </c>
    </row>
    <row r="4031" spans="14:14" hidden="1">
      <c r="N4031">
        <v>0</v>
      </c>
    </row>
    <row r="4032" spans="14:14" hidden="1">
      <c r="N4032">
        <v>0</v>
      </c>
    </row>
    <row r="4033" spans="14:14" hidden="1">
      <c r="N4033">
        <v>0</v>
      </c>
    </row>
    <row r="4034" spans="14:14" hidden="1">
      <c r="N4034">
        <v>0</v>
      </c>
    </row>
    <row r="4035" spans="14:14" hidden="1">
      <c r="N4035">
        <v>0</v>
      </c>
    </row>
    <row r="4036" spans="14:14" hidden="1">
      <c r="N4036">
        <v>0</v>
      </c>
    </row>
    <row r="4037" spans="14:14" hidden="1">
      <c r="N4037">
        <v>0</v>
      </c>
    </row>
    <row r="4038" spans="14:14" hidden="1">
      <c r="N4038">
        <v>0</v>
      </c>
    </row>
    <row r="4039" spans="14:14" hidden="1">
      <c r="N4039">
        <v>0</v>
      </c>
    </row>
    <row r="4040" spans="14:14" hidden="1">
      <c r="N4040">
        <v>0</v>
      </c>
    </row>
    <row r="4041" spans="14:14" hidden="1">
      <c r="N4041">
        <v>0</v>
      </c>
    </row>
    <row r="4042" spans="14:14" hidden="1">
      <c r="N4042">
        <v>0</v>
      </c>
    </row>
    <row r="4043" spans="14:14" hidden="1">
      <c r="N4043">
        <v>0</v>
      </c>
    </row>
    <row r="4044" spans="14:14" hidden="1">
      <c r="N4044">
        <v>0</v>
      </c>
    </row>
    <row r="4045" spans="14:14" hidden="1">
      <c r="N4045">
        <v>0</v>
      </c>
    </row>
    <row r="4046" spans="14:14" hidden="1">
      <c r="N4046">
        <v>0</v>
      </c>
    </row>
    <row r="4047" spans="14:14" hidden="1">
      <c r="N4047">
        <v>0</v>
      </c>
    </row>
    <row r="4048" spans="14:14" hidden="1">
      <c r="N4048">
        <v>0</v>
      </c>
    </row>
    <row r="4049" spans="14:14" hidden="1">
      <c r="N4049">
        <v>0</v>
      </c>
    </row>
    <row r="4050" spans="14:14" hidden="1">
      <c r="N4050">
        <v>0</v>
      </c>
    </row>
    <row r="4051" spans="14:14" hidden="1">
      <c r="N4051">
        <v>0</v>
      </c>
    </row>
    <row r="4052" spans="14:14" hidden="1">
      <c r="N4052">
        <v>0</v>
      </c>
    </row>
    <row r="4053" spans="14:14" hidden="1">
      <c r="N4053">
        <v>0</v>
      </c>
    </row>
    <row r="4054" spans="14:14" hidden="1">
      <c r="N4054">
        <v>0</v>
      </c>
    </row>
    <row r="4055" spans="14:14" hidden="1">
      <c r="N4055">
        <v>0</v>
      </c>
    </row>
    <row r="4056" spans="14:14" hidden="1">
      <c r="N4056">
        <v>0</v>
      </c>
    </row>
    <row r="4057" spans="14:14" hidden="1">
      <c r="N4057">
        <v>0</v>
      </c>
    </row>
    <row r="4058" spans="14:14" hidden="1">
      <c r="N4058">
        <v>0</v>
      </c>
    </row>
    <row r="4059" spans="14:14" hidden="1">
      <c r="N4059">
        <v>0</v>
      </c>
    </row>
    <row r="4060" spans="14:14" hidden="1">
      <c r="N4060">
        <v>0</v>
      </c>
    </row>
    <row r="4061" spans="14:14" hidden="1">
      <c r="N4061">
        <v>0</v>
      </c>
    </row>
    <row r="4062" spans="14:14" hidden="1">
      <c r="N4062">
        <v>0</v>
      </c>
    </row>
    <row r="4063" spans="14:14" hidden="1">
      <c r="N4063">
        <v>0</v>
      </c>
    </row>
    <row r="4064" spans="14:14" hidden="1">
      <c r="N4064">
        <v>0</v>
      </c>
    </row>
    <row r="4065" spans="14:14" hidden="1">
      <c r="N4065">
        <v>0</v>
      </c>
    </row>
    <row r="4066" spans="14:14" hidden="1">
      <c r="N4066">
        <v>0</v>
      </c>
    </row>
    <row r="4067" spans="14:14" hidden="1">
      <c r="N4067">
        <v>0</v>
      </c>
    </row>
    <row r="4068" spans="14:14" hidden="1">
      <c r="N4068">
        <v>0</v>
      </c>
    </row>
    <row r="4069" spans="14:14" hidden="1">
      <c r="N4069">
        <v>0</v>
      </c>
    </row>
    <row r="4070" spans="14:14" hidden="1">
      <c r="N4070">
        <v>0</v>
      </c>
    </row>
    <row r="4071" spans="14:14" hidden="1">
      <c r="N4071">
        <v>0</v>
      </c>
    </row>
    <row r="4072" spans="14:14" hidden="1">
      <c r="N4072">
        <v>0</v>
      </c>
    </row>
    <row r="4073" spans="14:14" hidden="1">
      <c r="N4073">
        <v>0</v>
      </c>
    </row>
    <row r="4074" spans="14:14" hidden="1">
      <c r="N4074">
        <v>0</v>
      </c>
    </row>
    <row r="4075" spans="14:14" hidden="1">
      <c r="N4075">
        <v>0</v>
      </c>
    </row>
    <row r="4076" spans="14:14" hidden="1">
      <c r="N4076">
        <v>0</v>
      </c>
    </row>
    <row r="4077" spans="14:14" hidden="1">
      <c r="N4077">
        <v>0</v>
      </c>
    </row>
    <row r="4078" spans="14:14" hidden="1">
      <c r="N4078">
        <v>0</v>
      </c>
    </row>
    <row r="4079" spans="14:14" hidden="1">
      <c r="N4079">
        <v>0</v>
      </c>
    </row>
    <row r="4080" spans="14:14" hidden="1">
      <c r="N4080">
        <v>0</v>
      </c>
    </row>
    <row r="4081" spans="14:14" hidden="1">
      <c r="N4081">
        <v>0</v>
      </c>
    </row>
    <row r="4082" spans="14:14" hidden="1">
      <c r="N4082">
        <v>0</v>
      </c>
    </row>
    <row r="4083" spans="14:14" hidden="1">
      <c r="N4083">
        <v>0</v>
      </c>
    </row>
    <row r="4084" spans="14:14" hidden="1">
      <c r="N4084">
        <v>0</v>
      </c>
    </row>
    <row r="4085" spans="14:14" hidden="1">
      <c r="N4085">
        <v>0</v>
      </c>
    </row>
    <row r="4086" spans="14:14" hidden="1">
      <c r="N4086">
        <v>0</v>
      </c>
    </row>
    <row r="4087" spans="14:14" hidden="1">
      <c r="N4087">
        <v>0</v>
      </c>
    </row>
    <row r="4088" spans="14:14" hidden="1">
      <c r="N4088">
        <v>0</v>
      </c>
    </row>
    <row r="4089" spans="14:14" hidden="1">
      <c r="N4089">
        <v>0</v>
      </c>
    </row>
    <row r="4090" spans="14:14" hidden="1">
      <c r="N4090">
        <v>0</v>
      </c>
    </row>
    <row r="4091" spans="14:14" hidden="1">
      <c r="N4091">
        <v>0</v>
      </c>
    </row>
    <row r="4092" spans="14:14" hidden="1">
      <c r="N4092">
        <v>0</v>
      </c>
    </row>
    <row r="4093" spans="14:14" hidden="1">
      <c r="N4093">
        <v>0</v>
      </c>
    </row>
    <row r="4094" spans="14:14" hidden="1">
      <c r="N4094">
        <v>0</v>
      </c>
    </row>
    <row r="4095" spans="14:14" hidden="1">
      <c r="N4095">
        <v>0</v>
      </c>
    </row>
    <row r="4096" spans="14:14" hidden="1">
      <c r="N4096">
        <v>0</v>
      </c>
    </row>
    <row r="4097" spans="14:14" hidden="1">
      <c r="N4097">
        <v>0</v>
      </c>
    </row>
    <row r="4098" spans="14:14" hidden="1">
      <c r="N4098">
        <v>0</v>
      </c>
    </row>
    <row r="4099" spans="14:14" hidden="1">
      <c r="N4099">
        <v>0</v>
      </c>
    </row>
    <row r="4100" spans="14:14" hidden="1">
      <c r="N4100">
        <v>0</v>
      </c>
    </row>
    <row r="4101" spans="14:14" hidden="1">
      <c r="N4101">
        <v>0</v>
      </c>
    </row>
    <row r="4102" spans="14:14" hidden="1">
      <c r="N4102">
        <v>0</v>
      </c>
    </row>
    <row r="4103" spans="14:14" hidden="1">
      <c r="N4103">
        <v>0</v>
      </c>
    </row>
    <row r="4104" spans="14:14" hidden="1">
      <c r="N4104">
        <v>0</v>
      </c>
    </row>
    <row r="4105" spans="14:14" hidden="1">
      <c r="N4105">
        <v>0</v>
      </c>
    </row>
    <row r="4106" spans="14:14" hidden="1">
      <c r="N4106">
        <v>0</v>
      </c>
    </row>
    <row r="4107" spans="14:14" hidden="1">
      <c r="N4107">
        <v>0</v>
      </c>
    </row>
    <row r="4108" spans="14:14" hidden="1">
      <c r="N4108">
        <v>0</v>
      </c>
    </row>
    <row r="4109" spans="14:14" hidden="1">
      <c r="N4109">
        <v>0</v>
      </c>
    </row>
    <row r="4110" spans="14:14" hidden="1">
      <c r="N4110">
        <v>0</v>
      </c>
    </row>
    <row r="4111" spans="14:14" hidden="1">
      <c r="N4111">
        <v>0</v>
      </c>
    </row>
    <row r="4112" spans="14:14" hidden="1">
      <c r="N4112">
        <v>0</v>
      </c>
    </row>
    <row r="4113" spans="14:14" hidden="1">
      <c r="N4113">
        <v>0</v>
      </c>
    </row>
    <row r="4114" spans="14:14" hidden="1">
      <c r="N4114">
        <v>0</v>
      </c>
    </row>
    <row r="4115" spans="14:14" hidden="1">
      <c r="N4115">
        <v>0</v>
      </c>
    </row>
    <row r="4116" spans="14:14" hidden="1">
      <c r="N4116">
        <v>0</v>
      </c>
    </row>
    <row r="4117" spans="14:14" hidden="1">
      <c r="N4117">
        <v>0</v>
      </c>
    </row>
    <row r="4118" spans="14:14" hidden="1">
      <c r="N4118">
        <v>0</v>
      </c>
    </row>
    <row r="4119" spans="14:14" hidden="1">
      <c r="N4119">
        <v>0</v>
      </c>
    </row>
    <row r="4120" spans="14:14" hidden="1">
      <c r="N4120">
        <v>0</v>
      </c>
    </row>
    <row r="4121" spans="14:14" hidden="1">
      <c r="N4121">
        <v>0</v>
      </c>
    </row>
    <row r="4122" spans="14:14" hidden="1">
      <c r="N4122">
        <v>0</v>
      </c>
    </row>
    <row r="4123" spans="14:14" hidden="1">
      <c r="N4123">
        <v>0</v>
      </c>
    </row>
    <row r="4124" spans="14:14" hidden="1">
      <c r="N4124">
        <v>0</v>
      </c>
    </row>
    <row r="4125" spans="14:14" hidden="1">
      <c r="N4125">
        <v>0</v>
      </c>
    </row>
    <row r="4126" spans="14:14" hidden="1">
      <c r="N4126">
        <v>0</v>
      </c>
    </row>
    <row r="4127" spans="14:14" hidden="1">
      <c r="N4127">
        <v>0</v>
      </c>
    </row>
    <row r="4128" spans="14:14" hidden="1">
      <c r="N4128">
        <v>0</v>
      </c>
    </row>
    <row r="4129" spans="14:14" hidden="1">
      <c r="N4129">
        <v>0</v>
      </c>
    </row>
    <row r="4130" spans="14:14" hidden="1">
      <c r="N4130">
        <v>0</v>
      </c>
    </row>
    <row r="4131" spans="14:14" hidden="1">
      <c r="N4131">
        <v>0</v>
      </c>
    </row>
    <row r="4132" spans="14:14" hidden="1">
      <c r="N4132">
        <v>0</v>
      </c>
    </row>
    <row r="4133" spans="14:14" hidden="1">
      <c r="N4133">
        <v>0</v>
      </c>
    </row>
    <row r="4134" spans="14:14" hidden="1">
      <c r="N4134">
        <v>0</v>
      </c>
    </row>
    <row r="4135" spans="14:14" hidden="1">
      <c r="N4135">
        <v>0</v>
      </c>
    </row>
    <row r="4136" spans="14:14" hidden="1">
      <c r="N4136">
        <v>0</v>
      </c>
    </row>
    <row r="4137" spans="14:14" hidden="1">
      <c r="N4137">
        <v>0</v>
      </c>
    </row>
    <row r="4138" spans="14:14" hidden="1">
      <c r="N4138">
        <v>0</v>
      </c>
    </row>
    <row r="4139" spans="14:14" hidden="1">
      <c r="N4139">
        <v>0</v>
      </c>
    </row>
    <row r="4140" spans="14:14" hidden="1">
      <c r="N4140">
        <v>0</v>
      </c>
    </row>
    <row r="4141" spans="14:14" hidden="1">
      <c r="N4141">
        <v>0</v>
      </c>
    </row>
    <row r="4142" spans="14:14" hidden="1">
      <c r="N4142">
        <v>0</v>
      </c>
    </row>
    <row r="4143" spans="14:14" hidden="1">
      <c r="N4143">
        <v>0</v>
      </c>
    </row>
    <row r="4144" spans="14:14" hidden="1">
      <c r="N4144">
        <v>0</v>
      </c>
    </row>
    <row r="4145" spans="14:14" hidden="1">
      <c r="N4145">
        <v>0</v>
      </c>
    </row>
    <row r="4146" spans="14:14" hidden="1">
      <c r="N4146">
        <v>0</v>
      </c>
    </row>
    <row r="4147" spans="14:14" hidden="1">
      <c r="N4147">
        <v>0</v>
      </c>
    </row>
    <row r="4148" spans="14:14" hidden="1">
      <c r="N4148">
        <v>0</v>
      </c>
    </row>
    <row r="4149" spans="14:14" hidden="1">
      <c r="N4149">
        <v>0</v>
      </c>
    </row>
    <row r="4150" spans="14:14" hidden="1">
      <c r="N4150">
        <v>0</v>
      </c>
    </row>
    <row r="4151" spans="14:14" hidden="1">
      <c r="N4151">
        <v>0</v>
      </c>
    </row>
    <row r="4152" spans="14:14" hidden="1">
      <c r="N4152">
        <v>0</v>
      </c>
    </row>
    <row r="4153" spans="14:14" hidden="1">
      <c r="N4153">
        <v>0</v>
      </c>
    </row>
    <row r="4154" spans="14:14" hidden="1">
      <c r="N4154">
        <v>0</v>
      </c>
    </row>
    <row r="4155" spans="14:14" hidden="1">
      <c r="N4155">
        <v>0</v>
      </c>
    </row>
    <row r="4156" spans="14:14" hidden="1">
      <c r="N4156">
        <v>0</v>
      </c>
    </row>
    <row r="4157" spans="14:14" hidden="1">
      <c r="N4157">
        <v>0</v>
      </c>
    </row>
    <row r="4158" spans="14:14" hidden="1">
      <c r="N4158">
        <v>0</v>
      </c>
    </row>
    <row r="4159" spans="14:14" hidden="1">
      <c r="N4159">
        <v>0</v>
      </c>
    </row>
    <row r="4160" spans="14:14" hidden="1">
      <c r="N4160">
        <v>0</v>
      </c>
    </row>
    <row r="4161" spans="14:14" hidden="1">
      <c r="N4161">
        <v>0</v>
      </c>
    </row>
    <row r="4162" spans="14:14" hidden="1">
      <c r="N4162">
        <v>0</v>
      </c>
    </row>
    <row r="4163" spans="14:14" hidden="1">
      <c r="N4163">
        <v>0</v>
      </c>
    </row>
    <row r="4164" spans="14:14" hidden="1">
      <c r="N4164">
        <v>0</v>
      </c>
    </row>
    <row r="4165" spans="14:14" hidden="1">
      <c r="N4165">
        <v>0</v>
      </c>
    </row>
    <row r="4166" spans="14:14" hidden="1">
      <c r="N4166">
        <v>0</v>
      </c>
    </row>
    <row r="4167" spans="14:14" hidden="1">
      <c r="N4167">
        <v>0</v>
      </c>
    </row>
    <row r="4168" spans="14:14" hidden="1">
      <c r="N4168">
        <v>0</v>
      </c>
    </row>
    <row r="4169" spans="14:14" hidden="1">
      <c r="N4169">
        <v>0</v>
      </c>
    </row>
    <row r="4170" spans="14:14" hidden="1">
      <c r="N4170">
        <v>0</v>
      </c>
    </row>
    <row r="4171" spans="14:14" hidden="1">
      <c r="N4171">
        <v>0</v>
      </c>
    </row>
    <row r="4172" spans="14:14" hidden="1">
      <c r="N4172">
        <v>0</v>
      </c>
    </row>
    <row r="4173" spans="14:14" hidden="1">
      <c r="N4173">
        <v>0</v>
      </c>
    </row>
    <row r="4174" spans="14:14" hidden="1">
      <c r="N4174">
        <v>0</v>
      </c>
    </row>
    <row r="4175" spans="14:14" hidden="1">
      <c r="N4175">
        <v>0</v>
      </c>
    </row>
    <row r="4176" spans="14:14" hidden="1">
      <c r="N4176">
        <v>0</v>
      </c>
    </row>
    <row r="4177" spans="14:14" hidden="1">
      <c r="N4177">
        <v>0</v>
      </c>
    </row>
    <row r="4178" spans="14:14" hidden="1">
      <c r="N4178">
        <v>0</v>
      </c>
    </row>
    <row r="4179" spans="14:14" hidden="1">
      <c r="N4179">
        <v>0</v>
      </c>
    </row>
    <row r="4180" spans="14:14" hidden="1">
      <c r="N4180">
        <v>0</v>
      </c>
    </row>
    <row r="4181" spans="14:14" hidden="1">
      <c r="N4181">
        <v>0</v>
      </c>
    </row>
    <row r="4182" spans="14:14" hidden="1">
      <c r="N4182">
        <v>0</v>
      </c>
    </row>
    <row r="4183" spans="14:14" hidden="1">
      <c r="N4183">
        <v>0</v>
      </c>
    </row>
    <row r="4184" spans="14:14" hidden="1">
      <c r="N4184">
        <v>0</v>
      </c>
    </row>
    <row r="4185" spans="14:14" hidden="1">
      <c r="N4185">
        <v>0</v>
      </c>
    </row>
    <row r="4186" spans="14:14" hidden="1">
      <c r="N4186">
        <v>0</v>
      </c>
    </row>
    <row r="4187" spans="14:14" hidden="1">
      <c r="N4187">
        <v>0</v>
      </c>
    </row>
    <row r="4188" spans="14:14" hidden="1">
      <c r="N4188">
        <v>0</v>
      </c>
    </row>
    <row r="4189" spans="14:14" hidden="1">
      <c r="N4189">
        <v>0</v>
      </c>
    </row>
    <row r="4190" spans="14:14" hidden="1">
      <c r="N4190">
        <v>0</v>
      </c>
    </row>
    <row r="4191" spans="14:14" hidden="1">
      <c r="N4191">
        <v>0</v>
      </c>
    </row>
    <row r="4192" spans="14:14" hidden="1">
      <c r="N4192">
        <v>0</v>
      </c>
    </row>
    <row r="4193" spans="14:14" hidden="1">
      <c r="N4193">
        <v>0</v>
      </c>
    </row>
    <row r="4194" spans="14:14" hidden="1">
      <c r="N4194">
        <v>0</v>
      </c>
    </row>
    <row r="4195" spans="14:14" hidden="1">
      <c r="N4195">
        <v>0</v>
      </c>
    </row>
    <row r="4196" spans="14:14" hidden="1">
      <c r="N4196">
        <v>0</v>
      </c>
    </row>
    <row r="4197" spans="14:14" hidden="1">
      <c r="N4197">
        <v>0</v>
      </c>
    </row>
    <row r="4198" spans="14:14" hidden="1">
      <c r="N4198">
        <v>0</v>
      </c>
    </row>
    <row r="4199" spans="14:14" hidden="1">
      <c r="N4199">
        <v>0</v>
      </c>
    </row>
    <row r="4200" spans="14:14" hidden="1">
      <c r="N4200">
        <v>0</v>
      </c>
    </row>
    <row r="4201" spans="14:14" hidden="1">
      <c r="N4201">
        <v>0</v>
      </c>
    </row>
    <row r="4202" spans="14:14" hidden="1">
      <c r="N4202">
        <v>0</v>
      </c>
    </row>
    <row r="4203" spans="14:14" hidden="1">
      <c r="N4203">
        <v>0</v>
      </c>
    </row>
    <row r="4204" spans="14:14" hidden="1">
      <c r="N4204">
        <v>0</v>
      </c>
    </row>
    <row r="4205" spans="14:14" hidden="1">
      <c r="N4205">
        <v>0</v>
      </c>
    </row>
    <row r="4206" spans="14:14" hidden="1">
      <c r="N4206">
        <v>0</v>
      </c>
    </row>
    <row r="4207" spans="14:14" hidden="1">
      <c r="N4207">
        <v>0</v>
      </c>
    </row>
    <row r="4208" spans="14:14" hidden="1">
      <c r="N4208">
        <v>0</v>
      </c>
    </row>
    <row r="4209" spans="14:14" hidden="1">
      <c r="N4209">
        <v>0</v>
      </c>
    </row>
    <row r="4210" spans="14:14" hidden="1">
      <c r="N4210">
        <v>0</v>
      </c>
    </row>
    <row r="4211" spans="14:14" hidden="1">
      <c r="N4211">
        <v>0</v>
      </c>
    </row>
    <row r="4212" spans="14:14" hidden="1">
      <c r="N4212">
        <v>0</v>
      </c>
    </row>
    <row r="4213" spans="14:14" hidden="1">
      <c r="N4213">
        <v>0</v>
      </c>
    </row>
    <row r="4214" spans="14:14" hidden="1">
      <c r="N4214">
        <v>0</v>
      </c>
    </row>
    <row r="4215" spans="14:14" hidden="1">
      <c r="N4215">
        <v>0</v>
      </c>
    </row>
    <row r="4216" spans="14:14" hidden="1">
      <c r="N4216">
        <v>0</v>
      </c>
    </row>
    <row r="4217" spans="14:14" hidden="1">
      <c r="N4217">
        <v>0</v>
      </c>
    </row>
    <row r="4218" spans="14:14" hidden="1">
      <c r="N4218">
        <v>0</v>
      </c>
    </row>
    <row r="4219" spans="14:14" hidden="1">
      <c r="N4219">
        <v>0</v>
      </c>
    </row>
    <row r="4220" spans="14:14" hidden="1">
      <c r="N4220">
        <v>0</v>
      </c>
    </row>
    <row r="4221" spans="14:14" hidden="1">
      <c r="N4221">
        <v>0</v>
      </c>
    </row>
    <row r="4222" spans="14:14" hidden="1">
      <c r="N4222">
        <v>0</v>
      </c>
    </row>
    <row r="4223" spans="14:14" hidden="1">
      <c r="N4223">
        <v>0</v>
      </c>
    </row>
    <row r="4224" spans="14:14" hidden="1">
      <c r="N4224">
        <v>0</v>
      </c>
    </row>
    <row r="4225" spans="14:14" hidden="1">
      <c r="N4225">
        <v>0</v>
      </c>
    </row>
    <row r="4226" spans="14:14" hidden="1">
      <c r="N4226">
        <v>0</v>
      </c>
    </row>
    <row r="4227" spans="14:14" hidden="1">
      <c r="N4227">
        <v>0</v>
      </c>
    </row>
    <row r="4228" spans="14:14" hidden="1">
      <c r="N4228">
        <v>0</v>
      </c>
    </row>
    <row r="4229" spans="14:14" hidden="1">
      <c r="N4229">
        <v>0</v>
      </c>
    </row>
    <row r="4230" spans="14:14" hidden="1">
      <c r="N4230">
        <v>0</v>
      </c>
    </row>
    <row r="4231" spans="14:14" hidden="1">
      <c r="N4231">
        <v>0</v>
      </c>
    </row>
    <row r="4232" spans="14:14" hidden="1">
      <c r="N4232">
        <v>0</v>
      </c>
    </row>
    <row r="4233" spans="14:14" hidden="1">
      <c r="N4233">
        <v>0</v>
      </c>
    </row>
    <row r="4234" spans="14:14" hidden="1">
      <c r="N4234">
        <v>0</v>
      </c>
    </row>
    <row r="4235" spans="14:14" hidden="1">
      <c r="N4235">
        <v>0</v>
      </c>
    </row>
    <row r="4236" spans="14:14" hidden="1">
      <c r="N4236">
        <v>0</v>
      </c>
    </row>
    <row r="4237" spans="14:14" hidden="1">
      <c r="N4237">
        <v>0</v>
      </c>
    </row>
    <row r="4238" spans="14:14" hidden="1">
      <c r="N4238">
        <v>0</v>
      </c>
    </row>
    <row r="4239" spans="14:14" hidden="1">
      <c r="N4239">
        <v>0</v>
      </c>
    </row>
    <row r="4240" spans="14:14" hidden="1">
      <c r="N4240">
        <v>0</v>
      </c>
    </row>
    <row r="4241" spans="14:14" hidden="1">
      <c r="N4241">
        <v>0</v>
      </c>
    </row>
    <row r="4242" spans="14:14" hidden="1">
      <c r="N4242">
        <v>0</v>
      </c>
    </row>
    <row r="4243" spans="14:14" hidden="1">
      <c r="N4243">
        <v>0</v>
      </c>
    </row>
    <row r="4244" spans="14:14" hidden="1">
      <c r="N4244">
        <v>0</v>
      </c>
    </row>
    <row r="4245" spans="14:14" hidden="1">
      <c r="N4245">
        <v>0</v>
      </c>
    </row>
    <row r="4246" spans="14:14" hidden="1">
      <c r="N4246">
        <v>0</v>
      </c>
    </row>
    <row r="4247" spans="14:14" hidden="1">
      <c r="N4247">
        <v>0</v>
      </c>
    </row>
    <row r="4248" spans="14:14" hidden="1">
      <c r="N4248">
        <v>0</v>
      </c>
    </row>
    <row r="4249" spans="14:14" hidden="1">
      <c r="N4249">
        <v>0</v>
      </c>
    </row>
    <row r="4250" spans="14:14" hidden="1">
      <c r="N4250">
        <v>0</v>
      </c>
    </row>
    <row r="4251" spans="14:14" hidden="1">
      <c r="N4251">
        <v>0</v>
      </c>
    </row>
    <row r="4252" spans="14:14" hidden="1">
      <c r="N4252">
        <v>0</v>
      </c>
    </row>
    <row r="4253" spans="14:14" hidden="1">
      <c r="N4253">
        <v>0</v>
      </c>
    </row>
    <row r="4254" spans="14:14" hidden="1">
      <c r="N4254">
        <v>0</v>
      </c>
    </row>
    <row r="4255" spans="14:14" hidden="1">
      <c r="N4255">
        <v>0</v>
      </c>
    </row>
    <row r="4256" spans="14:14" hidden="1">
      <c r="N4256">
        <v>0</v>
      </c>
    </row>
    <row r="4257" spans="14:14" hidden="1">
      <c r="N4257">
        <v>0</v>
      </c>
    </row>
    <row r="4258" spans="14:14" hidden="1">
      <c r="N4258">
        <v>0</v>
      </c>
    </row>
    <row r="4259" spans="14:14" hidden="1">
      <c r="N4259">
        <v>0</v>
      </c>
    </row>
    <row r="4260" spans="14:14" hidden="1">
      <c r="N4260">
        <v>0</v>
      </c>
    </row>
    <row r="4261" spans="14:14" hidden="1">
      <c r="N4261">
        <v>0</v>
      </c>
    </row>
    <row r="4262" spans="14:14" hidden="1">
      <c r="N4262">
        <v>0</v>
      </c>
    </row>
    <row r="4263" spans="14:14" hidden="1">
      <c r="N4263">
        <v>0</v>
      </c>
    </row>
    <row r="4264" spans="14:14" hidden="1">
      <c r="N4264">
        <v>0</v>
      </c>
    </row>
    <row r="4265" spans="14:14" hidden="1">
      <c r="N4265">
        <v>0</v>
      </c>
    </row>
    <row r="4266" spans="14:14" hidden="1">
      <c r="N4266">
        <v>0</v>
      </c>
    </row>
    <row r="4267" spans="14:14" hidden="1">
      <c r="N4267">
        <v>0</v>
      </c>
    </row>
    <row r="4268" spans="14:14" hidden="1">
      <c r="N4268">
        <v>0</v>
      </c>
    </row>
    <row r="4269" spans="14:14" hidden="1">
      <c r="N4269">
        <v>0</v>
      </c>
    </row>
    <row r="4270" spans="14:14" hidden="1">
      <c r="N4270">
        <v>0</v>
      </c>
    </row>
    <row r="4271" spans="14:14" hidden="1">
      <c r="N4271">
        <v>0</v>
      </c>
    </row>
    <row r="4272" spans="14:14" hidden="1">
      <c r="N4272">
        <v>0</v>
      </c>
    </row>
    <row r="4273" spans="14:14" hidden="1">
      <c r="N4273">
        <v>0</v>
      </c>
    </row>
    <row r="4274" spans="14:14" hidden="1">
      <c r="N4274">
        <v>0</v>
      </c>
    </row>
    <row r="4275" spans="14:14" hidden="1">
      <c r="N4275">
        <v>0</v>
      </c>
    </row>
    <row r="4276" spans="14:14" hidden="1">
      <c r="N4276">
        <v>0</v>
      </c>
    </row>
    <row r="4277" spans="14:14" hidden="1">
      <c r="N4277">
        <v>0</v>
      </c>
    </row>
    <row r="4278" spans="14:14" hidden="1">
      <c r="N4278">
        <v>0</v>
      </c>
    </row>
    <row r="4279" spans="14:14" hidden="1">
      <c r="N4279">
        <v>0</v>
      </c>
    </row>
    <row r="4280" spans="14:14" hidden="1">
      <c r="N4280">
        <v>0</v>
      </c>
    </row>
    <row r="4281" spans="14:14" hidden="1">
      <c r="N4281">
        <v>0</v>
      </c>
    </row>
    <row r="4282" spans="14:14" hidden="1">
      <c r="N4282">
        <v>0</v>
      </c>
    </row>
    <row r="4283" spans="14:14" hidden="1">
      <c r="N4283">
        <v>0</v>
      </c>
    </row>
    <row r="4284" spans="14:14" hidden="1">
      <c r="N4284">
        <v>0</v>
      </c>
    </row>
    <row r="4285" spans="14:14" hidden="1">
      <c r="N4285">
        <v>0</v>
      </c>
    </row>
    <row r="4286" spans="14:14" hidden="1">
      <c r="N4286">
        <v>0</v>
      </c>
    </row>
    <row r="4287" spans="14:14" hidden="1">
      <c r="N4287">
        <v>0</v>
      </c>
    </row>
    <row r="4288" spans="14:14" hidden="1">
      <c r="N4288">
        <v>0</v>
      </c>
    </row>
    <row r="4289" spans="14:14" hidden="1">
      <c r="N4289">
        <v>0</v>
      </c>
    </row>
    <row r="4290" spans="14:14" hidden="1">
      <c r="N4290">
        <v>0</v>
      </c>
    </row>
    <row r="4291" spans="14:14" hidden="1">
      <c r="N4291">
        <v>0</v>
      </c>
    </row>
    <row r="4292" spans="14:14" hidden="1">
      <c r="N4292">
        <v>0</v>
      </c>
    </row>
    <row r="4293" spans="14:14" hidden="1">
      <c r="N4293">
        <v>0</v>
      </c>
    </row>
    <row r="4294" spans="14:14" hidden="1">
      <c r="N4294">
        <v>0</v>
      </c>
    </row>
    <row r="4295" spans="14:14" hidden="1">
      <c r="N4295">
        <v>0</v>
      </c>
    </row>
    <row r="4296" spans="14:14" hidden="1">
      <c r="N4296">
        <v>0</v>
      </c>
    </row>
    <row r="4297" spans="14:14" hidden="1">
      <c r="N4297">
        <v>0</v>
      </c>
    </row>
    <row r="4298" spans="14:14" hidden="1">
      <c r="N4298">
        <v>0</v>
      </c>
    </row>
    <row r="4299" spans="14:14" hidden="1">
      <c r="N4299">
        <v>0</v>
      </c>
    </row>
    <row r="4300" spans="14:14" hidden="1">
      <c r="N4300">
        <v>0</v>
      </c>
    </row>
    <row r="4301" spans="14:14" hidden="1">
      <c r="N4301">
        <v>0</v>
      </c>
    </row>
    <row r="4302" spans="14:14" hidden="1">
      <c r="N4302">
        <v>0</v>
      </c>
    </row>
    <row r="4303" spans="14:14" hidden="1">
      <c r="N4303">
        <v>0</v>
      </c>
    </row>
    <row r="4304" spans="14:14" hidden="1">
      <c r="N4304">
        <v>0</v>
      </c>
    </row>
    <row r="4305" spans="14:14" hidden="1">
      <c r="N4305">
        <v>0</v>
      </c>
    </row>
    <row r="4306" spans="14:14" hidden="1">
      <c r="N4306">
        <v>0</v>
      </c>
    </row>
    <row r="4307" spans="14:14" hidden="1">
      <c r="N4307">
        <v>0</v>
      </c>
    </row>
    <row r="4308" spans="14:14" hidden="1">
      <c r="N4308">
        <v>0</v>
      </c>
    </row>
    <row r="4309" spans="14:14" hidden="1">
      <c r="N4309">
        <v>0</v>
      </c>
    </row>
    <row r="4310" spans="14:14" hidden="1">
      <c r="N4310">
        <v>0</v>
      </c>
    </row>
    <row r="4311" spans="14:14" hidden="1">
      <c r="N4311">
        <v>0</v>
      </c>
    </row>
    <row r="4312" spans="14:14" hidden="1">
      <c r="N4312">
        <v>0</v>
      </c>
    </row>
    <row r="4313" spans="14:14" hidden="1">
      <c r="N4313">
        <v>0</v>
      </c>
    </row>
    <row r="4314" spans="14:14" hidden="1">
      <c r="N4314">
        <v>0</v>
      </c>
    </row>
    <row r="4315" spans="14:14" hidden="1">
      <c r="N4315">
        <v>0</v>
      </c>
    </row>
    <row r="4316" spans="14:14" hidden="1">
      <c r="N4316">
        <v>0</v>
      </c>
    </row>
    <row r="4317" spans="14:14" hidden="1">
      <c r="N4317">
        <v>0</v>
      </c>
    </row>
    <row r="4318" spans="14:14" hidden="1">
      <c r="N4318">
        <v>0</v>
      </c>
    </row>
    <row r="4319" spans="14:14" hidden="1">
      <c r="N4319">
        <v>0</v>
      </c>
    </row>
    <row r="4320" spans="14:14" hidden="1">
      <c r="N4320">
        <v>0</v>
      </c>
    </row>
    <row r="4321" spans="14:14" hidden="1">
      <c r="N4321">
        <v>0</v>
      </c>
    </row>
    <row r="4322" spans="14:14" hidden="1">
      <c r="N4322">
        <v>0</v>
      </c>
    </row>
    <row r="4323" spans="14:14" hidden="1">
      <c r="N4323">
        <v>0</v>
      </c>
    </row>
    <row r="4324" spans="14:14" hidden="1">
      <c r="N4324">
        <v>0</v>
      </c>
    </row>
    <row r="4325" spans="14:14" hidden="1">
      <c r="N4325">
        <v>0</v>
      </c>
    </row>
    <row r="4326" spans="14:14" hidden="1">
      <c r="N4326">
        <v>0</v>
      </c>
    </row>
    <row r="4327" spans="14:14" hidden="1">
      <c r="N4327">
        <v>0</v>
      </c>
    </row>
    <row r="4328" spans="14:14" hidden="1">
      <c r="N4328">
        <v>0</v>
      </c>
    </row>
    <row r="4329" spans="14:14" hidden="1">
      <c r="N4329">
        <v>0</v>
      </c>
    </row>
    <row r="4330" spans="14:14" hidden="1">
      <c r="N4330">
        <v>0</v>
      </c>
    </row>
    <row r="4331" spans="14:14" hidden="1">
      <c r="N4331">
        <v>0</v>
      </c>
    </row>
    <row r="4332" spans="14:14" hidden="1">
      <c r="N4332">
        <v>0</v>
      </c>
    </row>
    <row r="4333" spans="14:14" hidden="1">
      <c r="N4333">
        <v>0</v>
      </c>
    </row>
    <row r="4334" spans="14:14" hidden="1">
      <c r="N4334">
        <v>0</v>
      </c>
    </row>
    <row r="4335" spans="14:14" hidden="1">
      <c r="N4335">
        <v>0</v>
      </c>
    </row>
    <row r="4336" spans="14:14" hidden="1">
      <c r="N4336">
        <v>0</v>
      </c>
    </row>
    <row r="4337" spans="14:14" hidden="1">
      <c r="N4337">
        <v>0</v>
      </c>
    </row>
    <row r="4338" spans="14:14" hidden="1">
      <c r="N4338">
        <v>0</v>
      </c>
    </row>
    <row r="4339" spans="14:14" hidden="1">
      <c r="N4339">
        <v>0</v>
      </c>
    </row>
    <row r="4340" spans="14:14" hidden="1">
      <c r="N4340">
        <v>0</v>
      </c>
    </row>
    <row r="4341" spans="14:14" hidden="1">
      <c r="N4341">
        <v>0</v>
      </c>
    </row>
    <row r="4342" spans="14:14" hidden="1">
      <c r="N4342">
        <v>0</v>
      </c>
    </row>
    <row r="4343" spans="14:14" hidden="1">
      <c r="N4343">
        <v>0</v>
      </c>
    </row>
    <row r="4344" spans="14:14" hidden="1">
      <c r="N4344">
        <v>0</v>
      </c>
    </row>
    <row r="4345" spans="14:14" hidden="1">
      <c r="N4345">
        <v>0</v>
      </c>
    </row>
    <row r="4346" spans="14:14" hidden="1">
      <c r="N4346">
        <v>0</v>
      </c>
    </row>
    <row r="4347" spans="14:14" hidden="1">
      <c r="N4347">
        <v>0</v>
      </c>
    </row>
    <row r="4348" spans="14:14" hidden="1">
      <c r="N4348">
        <v>0</v>
      </c>
    </row>
    <row r="4349" spans="14:14" hidden="1">
      <c r="N4349">
        <v>0</v>
      </c>
    </row>
    <row r="4350" spans="14:14" hidden="1">
      <c r="N4350">
        <v>0</v>
      </c>
    </row>
    <row r="4351" spans="14:14" hidden="1">
      <c r="N4351">
        <v>0</v>
      </c>
    </row>
    <row r="4352" spans="14:14" hidden="1">
      <c r="N4352">
        <v>0</v>
      </c>
    </row>
    <row r="4353" spans="14:14" hidden="1">
      <c r="N4353">
        <v>0</v>
      </c>
    </row>
    <row r="4354" spans="14:14" hidden="1">
      <c r="N4354">
        <v>0</v>
      </c>
    </row>
    <row r="4355" spans="14:14" hidden="1">
      <c r="N4355">
        <v>0</v>
      </c>
    </row>
    <row r="4356" spans="14:14" hidden="1">
      <c r="N4356">
        <v>0</v>
      </c>
    </row>
    <row r="4357" spans="14:14" hidden="1">
      <c r="N4357">
        <v>0</v>
      </c>
    </row>
    <row r="4358" spans="14:14" hidden="1">
      <c r="N4358">
        <v>0</v>
      </c>
    </row>
    <row r="4359" spans="14:14" hidden="1">
      <c r="N4359">
        <v>0</v>
      </c>
    </row>
    <row r="4360" spans="14:14" hidden="1">
      <c r="N4360">
        <v>0</v>
      </c>
    </row>
    <row r="4361" spans="14:14">
      <c r="N4361" s="10"/>
    </row>
    <row r="4362" spans="14:14">
      <c r="N4362" s="10"/>
    </row>
    <row r="4363" spans="14:14">
      <c r="N4363" s="10"/>
    </row>
    <row r="4364" spans="14:14">
      <c r="N4364" s="10"/>
    </row>
    <row r="4365" spans="14:14">
      <c r="N4365" s="10"/>
    </row>
    <row r="4366" spans="14:14">
      <c r="N4366" s="10"/>
    </row>
    <row r="4367" spans="14:14">
      <c r="N4367" s="10"/>
    </row>
    <row r="4368" spans="14:14">
      <c r="N4368" s="10"/>
    </row>
    <row r="4369" spans="14:14">
      <c r="N4369" s="10"/>
    </row>
    <row r="4370" spans="14:14">
      <c r="N4370" s="10"/>
    </row>
    <row r="4371" spans="14:14">
      <c r="N4371" s="10"/>
    </row>
    <row r="4372" spans="14:14">
      <c r="N4372" s="10"/>
    </row>
    <row r="4373" spans="14:14">
      <c r="N4373" s="10"/>
    </row>
    <row r="4374" spans="14:14">
      <c r="N4374" s="10"/>
    </row>
    <row r="4375" spans="14:14">
      <c r="N4375" s="10"/>
    </row>
    <row r="4376" spans="14:14">
      <c r="N4376" s="10"/>
    </row>
    <row r="4377" spans="14:14">
      <c r="N4377" s="10"/>
    </row>
    <row r="4378" spans="14:14">
      <c r="N4378" s="10"/>
    </row>
    <row r="4379" spans="14:14">
      <c r="N4379" s="10"/>
    </row>
    <row r="4380" spans="14:14">
      <c r="N4380" s="10"/>
    </row>
    <row r="4381" spans="14:14">
      <c r="N4381" s="10"/>
    </row>
    <row r="4382" spans="14:14">
      <c r="N4382" s="10"/>
    </row>
    <row r="4383" spans="14:14">
      <c r="N4383" s="10"/>
    </row>
    <row r="4384" spans="14:14">
      <c r="N4384" s="10"/>
    </row>
    <row r="4385" spans="14:14">
      <c r="N4385" s="10"/>
    </row>
    <row r="4386" spans="14:14">
      <c r="N4386" s="10"/>
    </row>
    <row r="4387" spans="14:14">
      <c r="N4387" s="10"/>
    </row>
    <row r="4388" spans="14:14">
      <c r="N4388" s="10"/>
    </row>
    <row r="4389" spans="14:14">
      <c r="N4389" s="10"/>
    </row>
    <row r="4390" spans="14:14">
      <c r="N4390" s="10"/>
    </row>
    <row r="4391" spans="14:14">
      <c r="N4391" s="10"/>
    </row>
    <row r="4392" spans="14:14">
      <c r="N4392" s="10"/>
    </row>
    <row r="4393" spans="14:14">
      <c r="N4393" s="10"/>
    </row>
    <row r="4394" spans="14:14">
      <c r="N4394" s="10"/>
    </row>
    <row r="4395" spans="14:14">
      <c r="N4395" s="10"/>
    </row>
    <row r="4396" spans="14:14">
      <c r="N4396" s="10"/>
    </row>
    <row r="4397" spans="14:14">
      <c r="N4397" s="10"/>
    </row>
    <row r="4398" spans="14:14">
      <c r="N4398" s="10"/>
    </row>
    <row r="4399" spans="14:14">
      <c r="N4399" s="10"/>
    </row>
    <row r="4400" spans="14:14">
      <c r="N4400" s="10"/>
    </row>
    <row r="4401" spans="14:14">
      <c r="N4401" s="10"/>
    </row>
    <row r="4402" spans="14:14">
      <c r="N4402" s="10"/>
    </row>
    <row r="4403" spans="14:14">
      <c r="N4403" s="10"/>
    </row>
    <row r="4404" spans="14:14">
      <c r="N4404" s="10"/>
    </row>
    <row r="4405" spans="14:14">
      <c r="N4405" s="10"/>
    </row>
    <row r="4406" spans="14:14">
      <c r="N4406" s="10"/>
    </row>
    <row r="4407" spans="14:14">
      <c r="N4407" s="10"/>
    </row>
    <row r="4408" spans="14:14">
      <c r="N4408" s="10"/>
    </row>
    <row r="4409" spans="14:14">
      <c r="N4409" s="10"/>
    </row>
    <row r="4410" spans="14:14">
      <c r="N4410" s="10"/>
    </row>
    <row r="4411" spans="14:14">
      <c r="N4411" s="10"/>
    </row>
    <row r="4412" spans="14:14">
      <c r="N4412" s="10"/>
    </row>
    <row r="4413" spans="14:14">
      <c r="N4413" s="10"/>
    </row>
    <row r="4414" spans="14:14">
      <c r="N4414" s="10"/>
    </row>
    <row r="4415" spans="14:14">
      <c r="N4415" s="10"/>
    </row>
    <row r="4416" spans="14:14">
      <c r="N4416" s="10"/>
    </row>
    <row r="4417" spans="14:14">
      <c r="N4417" s="10"/>
    </row>
    <row r="4418" spans="14:14">
      <c r="N4418" s="10"/>
    </row>
    <row r="4419" spans="14:14">
      <c r="N4419" s="10"/>
    </row>
    <row r="4420" spans="14:14">
      <c r="N4420" s="10"/>
    </row>
    <row r="4421" spans="14:14">
      <c r="N4421" s="10"/>
    </row>
    <row r="4422" spans="14:14">
      <c r="N4422" s="10"/>
    </row>
    <row r="4423" spans="14:14">
      <c r="N4423" s="10"/>
    </row>
    <row r="4424" spans="14:14">
      <c r="N4424" s="10"/>
    </row>
    <row r="4425" spans="14:14">
      <c r="N4425" s="10"/>
    </row>
    <row r="4426" spans="14:14">
      <c r="N4426" s="10"/>
    </row>
    <row r="4427" spans="14:14">
      <c r="N4427" s="10"/>
    </row>
    <row r="4428" spans="14:14">
      <c r="N4428" s="10"/>
    </row>
    <row r="4429" spans="14:14">
      <c r="N4429" s="10"/>
    </row>
    <row r="4430" spans="14:14">
      <c r="N4430" s="10"/>
    </row>
    <row r="4431" spans="14:14">
      <c r="N4431" s="10"/>
    </row>
    <row r="4432" spans="14:14">
      <c r="N4432" s="10"/>
    </row>
    <row r="4433" spans="14:14">
      <c r="N4433" s="10"/>
    </row>
    <row r="4434" spans="14:14">
      <c r="N4434" s="10"/>
    </row>
    <row r="4435" spans="14:14">
      <c r="N4435" s="10"/>
    </row>
    <row r="4436" spans="14:14">
      <c r="N4436" s="10"/>
    </row>
    <row r="4437" spans="14:14">
      <c r="N4437" s="10"/>
    </row>
    <row r="4438" spans="14:14">
      <c r="N4438" s="10"/>
    </row>
    <row r="4439" spans="14:14">
      <c r="N4439" s="10"/>
    </row>
    <row r="4440" spans="14:14">
      <c r="N4440" s="10"/>
    </row>
    <row r="4441" spans="14:14">
      <c r="N4441" s="10"/>
    </row>
    <row r="4442" spans="14:14">
      <c r="N4442" s="10"/>
    </row>
    <row r="4443" spans="14:14">
      <c r="N4443" s="10"/>
    </row>
    <row r="4444" spans="14:14">
      <c r="N4444" s="10"/>
    </row>
    <row r="4445" spans="14:14">
      <c r="N4445" s="10"/>
    </row>
    <row r="4446" spans="14:14">
      <c r="N4446" s="10"/>
    </row>
    <row r="4447" spans="14:14">
      <c r="N4447" s="10"/>
    </row>
    <row r="4448" spans="14:14">
      <c r="N4448" s="10"/>
    </row>
    <row r="4449" spans="14:14">
      <c r="N4449" s="10"/>
    </row>
    <row r="4450" spans="14:14">
      <c r="N4450" s="10"/>
    </row>
    <row r="4451" spans="14:14">
      <c r="N4451" s="10"/>
    </row>
    <row r="4452" spans="14:14">
      <c r="N4452" s="10"/>
    </row>
    <row r="4453" spans="14:14">
      <c r="N4453" s="10"/>
    </row>
    <row r="4454" spans="14:14">
      <c r="N4454" s="10"/>
    </row>
    <row r="4455" spans="14:14">
      <c r="N4455" s="10"/>
    </row>
    <row r="4456" spans="14:14">
      <c r="N4456" s="10"/>
    </row>
    <row r="4457" spans="14:14">
      <c r="N4457" s="10"/>
    </row>
    <row r="4458" spans="14:14">
      <c r="N4458" s="10"/>
    </row>
    <row r="4459" spans="14:14">
      <c r="N4459" s="10"/>
    </row>
    <row r="4460" spans="14:14">
      <c r="N4460" s="10"/>
    </row>
    <row r="4461" spans="14:14">
      <c r="N4461" s="10"/>
    </row>
    <row r="4462" spans="14:14">
      <c r="N4462" s="10"/>
    </row>
    <row r="4463" spans="14:14">
      <c r="N4463" s="10"/>
    </row>
    <row r="4464" spans="14:14">
      <c r="N4464" s="10"/>
    </row>
    <row r="4465" spans="14:14">
      <c r="N4465" s="10"/>
    </row>
    <row r="4466" spans="14:14">
      <c r="N4466" s="10"/>
    </row>
    <row r="4467" spans="14:14">
      <c r="N4467" s="10"/>
    </row>
    <row r="4468" spans="14:14">
      <c r="N4468" s="10"/>
    </row>
    <row r="4469" spans="14:14">
      <c r="N4469" s="10"/>
    </row>
    <row r="4470" spans="14:14">
      <c r="N4470" s="10"/>
    </row>
    <row r="4471" spans="14:14">
      <c r="N4471" s="10"/>
    </row>
    <row r="4472" spans="14:14">
      <c r="N4472" s="10"/>
    </row>
    <row r="4473" spans="14:14">
      <c r="N4473" s="10"/>
    </row>
    <row r="4474" spans="14:14">
      <c r="N4474" s="10"/>
    </row>
    <row r="4475" spans="14:14">
      <c r="N4475" s="10"/>
    </row>
    <row r="4476" spans="14:14">
      <c r="N4476" s="10"/>
    </row>
    <row r="4477" spans="14:14">
      <c r="N4477" s="10"/>
    </row>
    <row r="4478" spans="14:14">
      <c r="N4478" s="10"/>
    </row>
    <row r="4479" spans="14:14">
      <c r="N4479" s="10"/>
    </row>
    <row r="4480" spans="14:14">
      <c r="N4480" s="10"/>
    </row>
    <row r="4481" spans="14:14">
      <c r="N4481" s="10"/>
    </row>
    <row r="4482" spans="14:14">
      <c r="N4482" s="10"/>
    </row>
    <row r="4483" spans="14:14">
      <c r="N4483" s="10"/>
    </row>
    <row r="4484" spans="14:14">
      <c r="N4484" s="10"/>
    </row>
    <row r="4485" spans="14:14">
      <c r="N4485" s="10"/>
    </row>
    <row r="4486" spans="14:14">
      <c r="N4486" s="10"/>
    </row>
    <row r="4487" spans="14:14">
      <c r="N4487" s="10"/>
    </row>
    <row r="4488" spans="14:14">
      <c r="N4488" s="10"/>
    </row>
    <row r="4489" spans="14:14">
      <c r="N4489" s="10"/>
    </row>
    <row r="4490" spans="14:14">
      <c r="N4490" s="10"/>
    </row>
    <row r="4491" spans="14:14">
      <c r="N4491" s="10"/>
    </row>
    <row r="4492" spans="14:14">
      <c r="N4492" s="10"/>
    </row>
    <row r="4493" spans="14:14">
      <c r="N4493" s="10"/>
    </row>
    <row r="4494" spans="14:14">
      <c r="N4494" s="10"/>
    </row>
    <row r="4495" spans="14:14">
      <c r="N4495" s="10"/>
    </row>
    <row r="4496" spans="14:14">
      <c r="N4496" s="10"/>
    </row>
    <row r="4497" spans="14:14">
      <c r="N4497" s="10"/>
    </row>
    <row r="4498" spans="14:14">
      <c r="N4498" s="10"/>
    </row>
    <row r="4499" spans="14:14">
      <c r="N4499" s="10"/>
    </row>
    <row r="4500" spans="14:14">
      <c r="N4500" s="10"/>
    </row>
    <row r="4501" spans="14:14">
      <c r="N4501" s="10"/>
    </row>
    <row r="4502" spans="14:14">
      <c r="N4502" s="10"/>
    </row>
    <row r="4503" spans="14:14">
      <c r="N4503" s="10"/>
    </row>
    <row r="4504" spans="14:14">
      <c r="N4504" s="10"/>
    </row>
    <row r="4505" spans="14:14">
      <c r="N4505" s="10"/>
    </row>
    <row r="4506" spans="14:14">
      <c r="N4506" s="10"/>
    </row>
    <row r="4507" spans="14:14">
      <c r="N4507" s="10"/>
    </row>
    <row r="4508" spans="14:14">
      <c r="N4508" s="10"/>
    </row>
    <row r="4509" spans="14:14">
      <c r="N4509" s="10"/>
    </row>
    <row r="4510" spans="14:14">
      <c r="N4510" s="10"/>
    </row>
    <row r="4511" spans="14:14">
      <c r="N4511" s="10"/>
    </row>
    <row r="4512" spans="14:14">
      <c r="N4512" s="10"/>
    </row>
    <row r="4513" spans="14:14">
      <c r="N4513" s="10"/>
    </row>
    <row r="4514" spans="14:14">
      <c r="N4514" s="10"/>
    </row>
    <row r="4515" spans="14:14">
      <c r="N4515" s="10"/>
    </row>
    <row r="4516" spans="14:14">
      <c r="N4516" s="10"/>
    </row>
    <row r="4517" spans="14:14">
      <c r="N4517" s="10"/>
    </row>
    <row r="4518" spans="14:14">
      <c r="N4518" s="10"/>
    </row>
    <row r="4519" spans="14:14">
      <c r="N4519" s="10"/>
    </row>
    <row r="4520" spans="14:14">
      <c r="N4520" s="10"/>
    </row>
    <row r="4521" spans="14:14">
      <c r="N4521" s="10"/>
    </row>
    <row r="4522" spans="14:14">
      <c r="N4522" s="10"/>
    </row>
    <row r="4523" spans="14:14">
      <c r="N4523" s="10"/>
    </row>
    <row r="4524" spans="14:14">
      <c r="N4524" s="10"/>
    </row>
    <row r="4525" spans="14:14">
      <c r="N4525" s="10"/>
    </row>
    <row r="4526" spans="14:14">
      <c r="N4526" s="10"/>
    </row>
    <row r="4527" spans="14:14">
      <c r="N4527" s="10"/>
    </row>
    <row r="4528" spans="14:14">
      <c r="N4528" s="10"/>
    </row>
    <row r="4529" spans="14:14">
      <c r="N4529" s="10"/>
    </row>
    <row r="4530" spans="14:14">
      <c r="N4530" s="10"/>
    </row>
    <row r="4531" spans="14:14">
      <c r="N4531" s="10"/>
    </row>
    <row r="4532" spans="14:14">
      <c r="N4532" s="10"/>
    </row>
    <row r="4533" spans="14:14">
      <c r="N4533" s="10"/>
    </row>
    <row r="4534" spans="14:14">
      <c r="N4534" s="10"/>
    </row>
    <row r="4535" spans="14:14">
      <c r="N4535" s="10"/>
    </row>
    <row r="4536" spans="14:14">
      <c r="N4536" s="10"/>
    </row>
    <row r="4537" spans="14:14">
      <c r="N4537" s="10"/>
    </row>
    <row r="4538" spans="14:14">
      <c r="N4538" s="10"/>
    </row>
    <row r="4539" spans="14:14">
      <c r="N4539" s="10"/>
    </row>
    <row r="4540" spans="14:14">
      <c r="N4540" s="10"/>
    </row>
    <row r="4541" spans="14:14">
      <c r="N4541" s="10"/>
    </row>
    <row r="4542" spans="14:14">
      <c r="N4542" s="10"/>
    </row>
    <row r="4543" spans="14:14">
      <c r="N4543" s="10"/>
    </row>
    <row r="4544" spans="14:14">
      <c r="N4544" s="10"/>
    </row>
    <row r="4545" spans="14:14">
      <c r="N4545" s="10"/>
    </row>
    <row r="4546" spans="14:14">
      <c r="N4546" s="10"/>
    </row>
    <row r="4547" spans="14:14">
      <c r="N4547" s="10"/>
    </row>
    <row r="4548" spans="14:14">
      <c r="N4548" s="10"/>
    </row>
    <row r="4549" spans="14:14">
      <c r="N4549" s="10"/>
    </row>
    <row r="4550" spans="14:14">
      <c r="N4550" s="10"/>
    </row>
    <row r="4551" spans="14:14">
      <c r="N4551" s="10"/>
    </row>
    <row r="4552" spans="14:14">
      <c r="N4552" s="10"/>
    </row>
    <row r="4553" spans="14:14">
      <c r="N4553" s="10"/>
    </row>
    <row r="4554" spans="14:14">
      <c r="N4554" s="10"/>
    </row>
    <row r="4555" spans="14:14">
      <c r="N4555" s="10"/>
    </row>
    <row r="4556" spans="14:14">
      <c r="N4556" s="10"/>
    </row>
    <row r="4557" spans="14:14">
      <c r="N4557" s="10"/>
    </row>
    <row r="4558" spans="14:14">
      <c r="N4558" s="10"/>
    </row>
    <row r="4559" spans="14:14">
      <c r="N4559" s="10"/>
    </row>
    <row r="4560" spans="14:14">
      <c r="N4560" s="10"/>
    </row>
    <row r="4561" spans="14:14">
      <c r="N4561" s="10"/>
    </row>
    <row r="4562" spans="14:14">
      <c r="N4562" s="10"/>
    </row>
    <row r="4563" spans="14:14">
      <c r="N4563" s="10"/>
    </row>
    <row r="4564" spans="14:14">
      <c r="N4564" s="10"/>
    </row>
    <row r="4565" spans="14:14">
      <c r="N4565" s="10"/>
    </row>
    <row r="4566" spans="14:14">
      <c r="N4566" s="10"/>
    </row>
    <row r="4567" spans="14:14">
      <c r="N4567" s="10"/>
    </row>
    <row r="4568" spans="14:14">
      <c r="N4568" s="10"/>
    </row>
    <row r="4569" spans="14:14">
      <c r="N4569" s="10"/>
    </row>
    <row r="4570" spans="14:14">
      <c r="N4570" s="10"/>
    </row>
    <row r="4571" spans="14:14">
      <c r="N4571" s="10"/>
    </row>
    <row r="4572" spans="14:14">
      <c r="N4572" s="10"/>
    </row>
    <row r="4573" spans="14:14">
      <c r="N4573" s="10"/>
    </row>
    <row r="4574" spans="14:14">
      <c r="N4574" s="10"/>
    </row>
    <row r="4575" spans="14:14">
      <c r="N4575" s="10"/>
    </row>
    <row r="4576" spans="14:14">
      <c r="N4576" s="10"/>
    </row>
    <row r="4577" spans="14:14">
      <c r="N4577" s="10"/>
    </row>
    <row r="4578" spans="14:14">
      <c r="N4578" s="10"/>
    </row>
    <row r="4579" spans="14:14">
      <c r="N4579" s="10"/>
    </row>
    <row r="4580" spans="14:14">
      <c r="N4580" s="10"/>
    </row>
    <row r="4581" spans="14:14">
      <c r="N4581" s="10"/>
    </row>
    <row r="4582" spans="14:14">
      <c r="N4582" s="10"/>
    </row>
    <row r="4583" spans="14:14">
      <c r="N4583" s="10"/>
    </row>
    <row r="4584" spans="14:14">
      <c r="N4584" s="10"/>
    </row>
    <row r="4585" spans="14:14">
      <c r="N4585" s="10"/>
    </row>
    <row r="4586" spans="14:14">
      <c r="N4586" s="10"/>
    </row>
    <row r="4587" spans="14:14">
      <c r="N4587" s="10"/>
    </row>
    <row r="4588" spans="14:14">
      <c r="N4588" s="10"/>
    </row>
    <row r="4589" spans="14:14">
      <c r="N4589" s="10"/>
    </row>
    <row r="4590" spans="14:14">
      <c r="N4590" s="10"/>
    </row>
    <row r="4591" spans="14:14">
      <c r="N4591" s="10"/>
    </row>
    <row r="4592" spans="14:14">
      <c r="N4592" s="10"/>
    </row>
    <row r="4593" spans="14:14">
      <c r="N4593" s="10"/>
    </row>
    <row r="4594" spans="14:14">
      <c r="N4594" s="10"/>
    </row>
    <row r="4595" spans="14:14">
      <c r="N4595" s="10"/>
    </row>
    <row r="4596" spans="14:14">
      <c r="N4596" s="10"/>
    </row>
    <row r="4597" spans="14:14">
      <c r="N4597" s="10"/>
    </row>
    <row r="4598" spans="14:14">
      <c r="N4598" s="10"/>
    </row>
    <row r="4599" spans="14:14">
      <c r="N4599" s="10"/>
    </row>
    <row r="4600" spans="14:14">
      <c r="N4600" s="10"/>
    </row>
    <row r="4601" spans="14:14">
      <c r="N4601" s="10"/>
    </row>
    <row r="4602" spans="14:14">
      <c r="N4602" s="10"/>
    </row>
    <row r="4603" spans="14:14">
      <c r="N4603" s="10"/>
    </row>
    <row r="4604" spans="14:14">
      <c r="N4604" s="10"/>
    </row>
    <row r="4605" spans="14:14">
      <c r="N4605" s="10"/>
    </row>
    <row r="4606" spans="14:14">
      <c r="N4606" s="10"/>
    </row>
    <row r="4607" spans="14:14">
      <c r="N4607" s="10"/>
    </row>
    <row r="4608" spans="14:14">
      <c r="N4608" s="10"/>
    </row>
    <row r="4609" spans="14:14">
      <c r="N4609" s="10"/>
    </row>
    <row r="4610" spans="14:14">
      <c r="N4610" s="10"/>
    </row>
    <row r="4611" spans="14:14">
      <c r="N4611" s="10"/>
    </row>
    <row r="4612" spans="14:14">
      <c r="N4612" s="10"/>
    </row>
    <row r="4613" spans="14:14">
      <c r="N4613" s="10"/>
    </row>
    <row r="4614" spans="14:14">
      <c r="N4614" s="10"/>
    </row>
    <row r="4615" spans="14:14">
      <c r="N4615" s="10"/>
    </row>
    <row r="4616" spans="14:14">
      <c r="N4616" s="10"/>
    </row>
    <row r="4617" spans="14:14">
      <c r="N4617" s="10"/>
    </row>
    <row r="4618" spans="14:14">
      <c r="N4618" s="10"/>
    </row>
    <row r="4619" spans="14:14">
      <c r="N4619" s="10"/>
    </row>
    <row r="4620" spans="14:14">
      <c r="N4620" s="10"/>
    </row>
    <row r="4621" spans="14:14">
      <c r="N4621" s="10"/>
    </row>
    <row r="4622" spans="14:14">
      <c r="N4622" s="10"/>
    </row>
    <row r="4623" spans="14:14">
      <c r="N4623" s="10"/>
    </row>
    <row r="4624" spans="14:14">
      <c r="N4624" s="10"/>
    </row>
    <row r="4625" spans="14:14">
      <c r="N4625" s="10"/>
    </row>
    <row r="4626" spans="14:14">
      <c r="N4626" s="10"/>
    </row>
    <row r="4627" spans="14:14">
      <c r="N4627" s="10"/>
    </row>
    <row r="4628" spans="14:14">
      <c r="N4628" s="10"/>
    </row>
    <row r="4629" spans="14:14">
      <c r="N4629" s="10"/>
    </row>
    <row r="4630" spans="14:14">
      <c r="N4630" s="10"/>
    </row>
    <row r="4631" spans="14:14">
      <c r="N4631" s="10"/>
    </row>
    <row r="4632" spans="14:14">
      <c r="N4632" s="10"/>
    </row>
    <row r="4633" spans="14:14">
      <c r="N4633" s="10"/>
    </row>
    <row r="4634" spans="14:14">
      <c r="N4634" s="10"/>
    </row>
    <row r="4635" spans="14:14">
      <c r="N4635" s="10"/>
    </row>
    <row r="4636" spans="14:14">
      <c r="N4636" s="10"/>
    </row>
    <row r="4637" spans="14:14">
      <c r="N4637" s="10"/>
    </row>
    <row r="4638" spans="14:14">
      <c r="N4638" s="10"/>
    </row>
    <row r="4639" spans="14:14">
      <c r="N4639" s="10"/>
    </row>
    <row r="4640" spans="14:14">
      <c r="N4640" s="10"/>
    </row>
    <row r="4641" spans="14:14">
      <c r="N4641" s="10"/>
    </row>
    <row r="4642" spans="14:14">
      <c r="N4642" s="10"/>
    </row>
    <row r="4643" spans="14:14">
      <c r="N4643" s="10"/>
    </row>
    <row r="4644" spans="14:14">
      <c r="N4644" s="10"/>
    </row>
    <row r="4645" spans="14:14">
      <c r="N4645" s="10"/>
    </row>
    <row r="4646" spans="14:14">
      <c r="N4646" s="10"/>
    </row>
    <row r="4647" spans="14:14">
      <c r="N4647" s="10"/>
    </row>
    <row r="4648" spans="14:14">
      <c r="N4648" s="10"/>
    </row>
    <row r="4649" spans="14:14">
      <c r="N4649" s="10"/>
    </row>
    <row r="4650" spans="14:14">
      <c r="N4650" s="10"/>
    </row>
    <row r="4651" spans="14:14">
      <c r="N4651" s="10"/>
    </row>
    <row r="4652" spans="14:14">
      <c r="N4652" s="10"/>
    </row>
    <row r="4653" spans="14:14">
      <c r="N4653" s="10"/>
    </row>
    <row r="4654" spans="14:14">
      <c r="N4654" s="10"/>
    </row>
    <row r="4655" spans="14:14">
      <c r="N4655" s="10"/>
    </row>
    <row r="4656" spans="14:14">
      <c r="N4656" s="10"/>
    </row>
    <row r="4657" spans="14:14">
      <c r="N4657" s="10"/>
    </row>
    <row r="4658" spans="14:14">
      <c r="N4658" s="10"/>
    </row>
    <row r="4659" spans="14:14">
      <c r="N4659" s="10"/>
    </row>
    <row r="4660" spans="14:14">
      <c r="N4660" s="10"/>
    </row>
    <row r="4661" spans="14:14">
      <c r="N4661" s="10"/>
    </row>
    <row r="4662" spans="14:14">
      <c r="N4662" s="10"/>
    </row>
    <row r="4663" spans="14:14">
      <c r="N4663" s="10"/>
    </row>
    <row r="4664" spans="14:14">
      <c r="N4664" s="10"/>
    </row>
    <row r="4665" spans="14:14">
      <c r="N4665" s="10"/>
    </row>
    <row r="4666" spans="14:14">
      <c r="N4666" s="10"/>
    </row>
    <row r="4667" spans="14:14">
      <c r="N4667" s="10"/>
    </row>
    <row r="4668" spans="14:14">
      <c r="N4668" s="10"/>
    </row>
    <row r="4669" spans="14:14">
      <c r="N4669" s="10"/>
    </row>
    <row r="4670" spans="14:14">
      <c r="N4670" s="10"/>
    </row>
    <row r="4671" spans="14:14">
      <c r="N4671" s="10"/>
    </row>
    <row r="4672" spans="14:14">
      <c r="N4672" s="10"/>
    </row>
    <row r="4673" spans="14:14">
      <c r="N4673" s="10"/>
    </row>
    <row r="4674" spans="14:14">
      <c r="N4674" s="10"/>
    </row>
    <row r="4675" spans="14:14">
      <c r="N4675" s="10"/>
    </row>
    <row r="4676" spans="14:14">
      <c r="N4676" s="10"/>
    </row>
    <row r="4677" spans="14:14">
      <c r="N4677" s="10"/>
    </row>
    <row r="4678" spans="14:14">
      <c r="N4678" s="10"/>
    </row>
    <row r="4679" spans="14:14">
      <c r="N4679" s="10"/>
    </row>
    <row r="4680" spans="14:14">
      <c r="N4680" s="10"/>
    </row>
    <row r="4681" spans="14:14">
      <c r="N4681" s="10"/>
    </row>
    <row r="4682" spans="14:14">
      <c r="N4682" s="10"/>
    </row>
    <row r="4683" spans="14:14">
      <c r="N4683" s="10"/>
    </row>
    <row r="4684" spans="14:14">
      <c r="N4684" s="10"/>
    </row>
    <row r="4685" spans="14:14">
      <c r="N4685" s="10"/>
    </row>
    <row r="4686" spans="14:14">
      <c r="N4686" s="10"/>
    </row>
    <row r="4687" spans="14:14">
      <c r="N4687" s="10"/>
    </row>
    <row r="4688" spans="14:14">
      <c r="N4688" s="10"/>
    </row>
    <row r="4689" spans="14:14">
      <c r="N4689" s="10"/>
    </row>
    <row r="4690" spans="14:14">
      <c r="N4690" s="10"/>
    </row>
    <row r="4691" spans="14:14">
      <c r="N4691" s="10"/>
    </row>
    <row r="4692" spans="14:14">
      <c r="N4692" s="10"/>
    </row>
    <row r="4693" spans="14:14">
      <c r="N4693" s="10"/>
    </row>
    <row r="4694" spans="14:14">
      <c r="N4694" s="10"/>
    </row>
    <row r="4695" spans="14:14">
      <c r="N4695" s="10"/>
    </row>
    <row r="4696" spans="14:14">
      <c r="N4696" s="10"/>
    </row>
    <row r="4697" spans="14:14">
      <c r="N4697" s="10"/>
    </row>
    <row r="4698" spans="14:14">
      <c r="N4698" s="10"/>
    </row>
    <row r="4699" spans="14:14">
      <c r="N4699" s="10"/>
    </row>
    <row r="4700" spans="14:14">
      <c r="N4700" s="10"/>
    </row>
    <row r="4701" spans="14:14">
      <c r="N4701" s="10"/>
    </row>
    <row r="4702" spans="14:14">
      <c r="N4702" s="10"/>
    </row>
    <row r="4703" spans="14:14">
      <c r="N4703" s="10"/>
    </row>
    <row r="4704" spans="14:14">
      <c r="N4704" s="10"/>
    </row>
    <row r="4705" spans="14:14">
      <c r="N4705" s="10"/>
    </row>
    <row r="4706" spans="14:14">
      <c r="N4706" s="10"/>
    </row>
    <row r="4707" spans="14:14">
      <c r="N4707" s="10"/>
    </row>
    <row r="4708" spans="14:14">
      <c r="N4708" s="10"/>
    </row>
    <row r="4709" spans="14:14">
      <c r="N4709" s="10"/>
    </row>
    <row r="4710" spans="14:14">
      <c r="N4710" s="10"/>
    </row>
    <row r="4711" spans="14:14">
      <c r="N4711" s="10"/>
    </row>
    <row r="4712" spans="14:14">
      <c r="N4712" s="10"/>
    </row>
    <row r="4713" spans="14:14">
      <c r="N4713" s="10"/>
    </row>
    <row r="4714" spans="14:14">
      <c r="N4714" s="10"/>
    </row>
    <row r="4715" spans="14:14">
      <c r="N4715" s="10"/>
    </row>
    <row r="4716" spans="14:14">
      <c r="N4716" s="10"/>
    </row>
    <row r="4717" spans="14:14">
      <c r="N4717" s="10"/>
    </row>
    <row r="4718" spans="14:14">
      <c r="N4718" s="10"/>
    </row>
    <row r="4719" spans="14:14">
      <c r="N4719" s="10"/>
    </row>
    <row r="4720" spans="14:14">
      <c r="N4720" s="10"/>
    </row>
    <row r="4721" spans="14:14">
      <c r="N4721" s="10"/>
    </row>
    <row r="4722" spans="14:14">
      <c r="N4722" s="10"/>
    </row>
    <row r="4723" spans="14:14">
      <c r="N4723" s="10"/>
    </row>
    <row r="4724" spans="14:14">
      <c r="N4724" s="10"/>
    </row>
    <row r="4725" spans="14:14">
      <c r="N4725" s="10"/>
    </row>
    <row r="4726" spans="14:14">
      <c r="N4726" s="10"/>
    </row>
    <row r="4727" spans="14:14">
      <c r="N4727" s="10"/>
    </row>
    <row r="4728" spans="14:14">
      <c r="N4728" s="10"/>
    </row>
    <row r="4729" spans="14:14">
      <c r="N4729" s="10"/>
    </row>
    <row r="4730" spans="14:14">
      <c r="N4730" s="10"/>
    </row>
    <row r="4731" spans="14:14">
      <c r="N4731" s="10"/>
    </row>
    <row r="4732" spans="14:14">
      <c r="N4732" s="10"/>
    </row>
    <row r="4733" spans="14:14">
      <c r="N4733" s="10"/>
    </row>
    <row r="4734" spans="14:14">
      <c r="N4734" s="10"/>
    </row>
    <row r="4735" spans="14:14">
      <c r="N4735" s="10"/>
    </row>
    <row r="4736" spans="14:14">
      <c r="N4736" s="10"/>
    </row>
    <row r="4737" spans="14:14">
      <c r="N4737" s="10"/>
    </row>
    <row r="4738" spans="14:14">
      <c r="N4738" s="10"/>
    </row>
    <row r="4739" spans="14:14">
      <c r="N4739" s="10"/>
    </row>
    <row r="4740" spans="14:14">
      <c r="N4740" s="10"/>
    </row>
    <row r="4741" spans="14:14">
      <c r="N4741" s="10"/>
    </row>
    <row r="4742" spans="14:14">
      <c r="N4742" s="10"/>
    </row>
    <row r="4743" spans="14:14">
      <c r="N4743" s="10"/>
    </row>
    <row r="4744" spans="14:14">
      <c r="N4744" s="10"/>
    </row>
    <row r="4745" spans="14:14">
      <c r="N4745" s="10"/>
    </row>
    <row r="4746" spans="14:14">
      <c r="N4746" s="10"/>
    </row>
    <row r="4747" spans="14:14">
      <c r="N4747" s="10"/>
    </row>
    <row r="4748" spans="14:14">
      <c r="N4748" s="10"/>
    </row>
    <row r="4749" spans="14:14">
      <c r="N4749" s="10"/>
    </row>
    <row r="4750" spans="14:14">
      <c r="N4750" s="10"/>
    </row>
    <row r="4751" spans="14:14">
      <c r="N4751" s="10"/>
    </row>
    <row r="4752" spans="14:14">
      <c r="N4752" s="10"/>
    </row>
    <row r="4753" spans="14:14">
      <c r="N4753" s="10"/>
    </row>
    <row r="4754" spans="14:14">
      <c r="N4754" s="10"/>
    </row>
    <row r="4755" spans="14:14">
      <c r="N4755" s="10"/>
    </row>
    <row r="4756" spans="14:14">
      <c r="N4756" s="10"/>
    </row>
    <row r="4757" spans="14:14">
      <c r="N4757" s="10"/>
    </row>
    <row r="4758" spans="14:14">
      <c r="N4758" s="10"/>
    </row>
    <row r="4759" spans="14:14">
      <c r="N4759" s="10"/>
    </row>
    <row r="4760" spans="14:14">
      <c r="N4760" s="10"/>
    </row>
    <row r="4761" spans="14:14">
      <c r="N4761" s="10"/>
    </row>
    <row r="4762" spans="14:14">
      <c r="N4762" s="10"/>
    </row>
    <row r="4763" spans="14:14">
      <c r="N4763" s="10"/>
    </row>
    <row r="4764" spans="14:14">
      <c r="N4764" s="10"/>
    </row>
    <row r="4765" spans="14:14">
      <c r="N4765" s="10"/>
    </row>
    <row r="4766" spans="14:14">
      <c r="N4766" s="10"/>
    </row>
    <row r="4767" spans="14:14">
      <c r="N4767" s="10"/>
    </row>
    <row r="4768" spans="14:14">
      <c r="N4768" s="10"/>
    </row>
    <row r="4769" spans="14:14">
      <c r="N4769" s="10"/>
    </row>
    <row r="4770" spans="14:14">
      <c r="N4770" s="10"/>
    </row>
    <row r="4771" spans="14:14">
      <c r="N4771" s="10"/>
    </row>
    <row r="4772" spans="14:14">
      <c r="N4772" s="10"/>
    </row>
    <row r="4773" spans="14:14">
      <c r="N4773" s="10"/>
    </row>
    <row r="4774" spans="14:14">
      <c r="N4774" s="10"/>
    </row>
    <row r="4775" spans="14:14">
      <c r="N4775" s="10"/>
    </row>
    <row r="4776" spans="14:14">
      <c r="N4776" s="10"/>
    </row>
    <row r="4777" spans="14:14">
      <c r="N4777" s="10"/>
    </row>
    <row r="4778" spans="14:14">
      <c r="N4778" s="10"/>
    </row>
    <row r="4779" spans="14:14">
      <c r="N4779" s="10"/>
    </row>
    <row r="4780" spans="14:14">
      <c r="N4780" s="10"/>
    </row>
    <row r="4781" spans="14:14">
      <c r="N4781" s="10"/>
    </row>
    <row r="4782" spans="14:14">
      <c r="N4782" s="10"/>
    </row>
    <row r="4783" spans="14:14">
      <c r="N4783" s="10"/>
    </row>
    <row r="4784" spans="14:14">
      <c r="N4784" s="10"/>
    </row>
    <row r="4785" spans="14:14">
      <c r="N4785" s="10"/>
    </row>
    <row r="4786" spans="14:14">
      <c r="N4786" s="10"/>
    </row>
    <row r="4787" spans="14:14">
      <c r="N4787" s="10"/>
    </row>
    <row r="4788" spans="14:14">
      <c r="N4788" s="10"/>
    </row>
    <row r="4789" spans="14:14">
      <c r="N4789" s="10"/>
    </row>
    <row r="4790" spans="14:14">
      <c r="N4790" s="10"/>
    </row>
    <row r="4791" spans="14:14">
      <c r="N4791" s="10"/>
    </row>
    <row r="4792" spans="14:14">
      <c r="N4792" s="10"/>
    </row>
    <row r="4793" spans="14:14">
      <c r="N4793" s="10"/>
    </row>
    <row r="4794" spans="14:14">
      <c r="N4794" s="10"/>
    </row>
    <row r="4795" spans="14:14">
      <c r="N4795" s="10"/>
    </row>
    <row r="4796" spans="14:14">
      <c r="N4796" s="10"/>
    </row>
    <row r="4797" spans="14:14">
      <c r="N4797" s="10"/>
    </row>
    <row r="4798" spans="14:14">
      <c r="N4798" s="10"/>
    </row>
    <row r="4799" spans="14:14">
      <c r="N4799" s="10"/>
    </row>
    <row r="4800" spans="14:14">
      <c r="N4800" s="10"/>
    </row>
    <row r="4801" spans="14:14">
      <c r="N4801" s="10"/>
    </row>
    <row r="4802" spans="14:14">
      <c r="N4802" s="10"/>
    </row>
    <row r="4803" spans="14:14">
      <c r="N4803" s="10"/>
    </row>
    <row r="4804" spans="14:14">
      <c r="N4804" s="10"/>
    </row>
    <row r="4805" spans="14:14">
      <c r="N4805" s="10"/>
    </row>
    <row r="4806" spans="14:14">
      <c r="N4806" s="10"/>
    </row>
    <row r="4807" spans="14:14">
      <c r="N4807" s="10"/>
    </row>
    <row r="4808" spans="14:14">
      <c r="N4808" s="10"/>
    </row>
    <row r="4809" spans="14:14">
      <c r="N4809" s="10"/>
    </row>
    <row r="4810" spans="14:14">
      <c r="N4810" s="10"/>
    </row>
    <row r="4811" spans="14:14">
      <c r="N4811" s="10"/>
    </row>
    <row r="4812" spans="14:14">
      <c r="N4812" s="10"/>
    </row>
    <row r="4813" spans="14:14">
      <c r="N4813" s="10"/>
    </row>
    <row r="4814" spans="14:14">
      <c r="N4814" s="10"/>
    </row>
    <row r="4815" spans="14:14">
      <c r="N4815" s="10"/>
    </row>
    <row r="4816" spans="14:14">
      <c r="N4816" s="10"/>
    </row>
    <row r="4817" spans="14:14">
      <c r="N4817" s="10"/>
    </row>
    <row r="4818" spans="14:14">
      <c r="N4818" s="10"/>
    </row>
    <row r="4819" spans="14:14">
      <c r="N4819" s="10"/>
    </row>
    <row r="4820" spans="14:14">
      <c r="N4820" s="10"/>
    </row>
    <row r="4821" spans="14:14">
      <c r="N4821" s="10"/>
    </row>
    <row r="4822" spans="14:14">
      <c r="N4822" s="10"/>
    </row>
    <row r="4823" spans="14:14">
      <c r="N4823" s="10"/>
    </row>
    <row r="4824" spans="14:14">
      <c r="N4824" s="10"/>
    </row>
    <row r="4825" spans="14:14">
      <c r="N4825" s="10"/>
    </row>
    <row r="4826" spans="14:14">
      <c r="N4826" s="10"/>
    </row>
    <row r="4827" spans="14:14">
      <c r="N4827" s="10"/>
    </row>
    <row r="4828" spans="14:14">
      <c r="N4828" s="10"/>
    </row>
    <row r="4829" spans="14:14">
      <c r="N4829" s="10"/>
    </row>
    <row r="4830" spans="14:14">
      <c r="N4830" s="10"/>
    </row>
    <row r="4831" spans="14:14">
      <c r="N4831" s="10"/>
    </row>
    <row r="4832" spans="14:14">
      <c r="N4832" s="10"/>
    </row>
    <row r="4833" spans="14:14">
      <c r="N4833" s="10"/>
    </row>
    <row r="4834" spans="14:14">
      <c r="N4834" s="10"/>
    </row>
    <row r="4835" spans="14:14">
      <c r="N4835" s="10"/>
    </row>
    <row r="4836" spans="14:14">
      <c r="N4836" s="10"/>
    </row>
    <row r="4837" spans="14:14">
      <c r="N4837" s="10"/>
    </row>
    <row r="4838" spans="14:14">
      <c r="N4838" s="10"/>
    </row>
    <row r="4839" spans="14:14">
      <c r="N4839" s="10"/>
    </row>
    <row r="4840" spans="14:14">
      <c r="N4840" s="10"/>
    </row>
    <row r="4841" spans="14:14">
      <c r="N4841" s="10"/>
    </row>
    <row r="4842" spans="14:14">
      <c r="N4842" s="10"/>
    </row>
    <row r="4843" spans="14:14">
      <c r="N4843" s="10"/>
    </row>
    <row r="4844" spans="14:14">
      <c r="N4844" s="10"/>
    </row>
    <row r="4845" spans="14:14">
      <c r="N4845" s="10"/>
    </row>
    <row r="4846" spans="14:14">
      <c r="N4846" s="10"/>
    </row>
    <row r="4847" spans="14:14">
      <c r="N4847" s="10"/>
    </row>
    <row r="4848" spans="14:14">
      <c r="N4848" s="10"/>
    </row>
    <row r="4849" spans="14:14">
      <c r="N4849" s="10"/>
    </row>
    <row r="4850" spans="14:14">
      <c r="N4850" s="10"/>
    </row>
    <row r="4851" spans="14:14">
      <c r="N4851" s="10"/>
    </row>
    <row r="4852" spans="14:14">
      <c r="N4852" s="10"/>
    </row>
    <row r="4853" spans="14:14">
      <c r="N4853" s="10"/>
    </row>
    <row r="4854" spans="14:14">
      <c r="N4854" s="10"/>
    </row>
    <row r="4855" spans="14:14">
      <c r="N4855" s="10"/>
    </row>
    <row r="4856" spans="14:14">
      <c r="N4856" s="10"/>
    </row>
    <row r="4857" spans="14:14">
      <c r="N4857" s="10"/>
    </row>
    <row r="4858" spans="14:14">
      <c r="N4858" s="10"/>
    </row>
    <row r="4859" spans="14:14">
      <c r="N4859" s="10"/>
    </row>
    <row r="4860" spans="14:14">
      <c r="N4860" s="10"/>
    </row>
    <row r="4861" spans="14:14">
      <c r="N4861" s="10"/>
    </row>
    <row r="4862" spans="14:14">
      <c r="N4862" s="10"/>
    </row>
    <row r="4863" spans="14:14">
      <c r="N4863" s="10"/>
    </row>
    <row r="4864" spans="14:14">
      <c r="N4864" s="10"/>
    </row>
    <row r="4865" spans="14:14">
      <c r="N4865" s="10"/>
    </row>
    <row r="4866" spans="14:14">
      <c r="N4866" s="10"/>
    </row>
    <row r="4867" spans="14:14">
      <c r="N4867" s="10"/>
    </row>
    <row r="4868" spans="14:14">
      <c r="N4868" s="10"/>
    </row>
    <row r="4869" spans="14:14">
      <c r="N4869" s="10"/>
    </row>
    <row r="4870" spans="14:14">
      <c r="N4870" s="10"/>
    </row>
    <row r="4871" spans="14:14">
      <c r="N4871" s="10"/>
    </row>
    <row r="4872" spans="14:14">
      <c r="N4872" s="10"/>
    </row>
    <row r="4873" spans="14:14">
      <c r="N4873" s="10"/>
    </row>
    <row r="4874" spans="14:14">
      <c r="N4874" s="10"/>
    </row>
    <row r="4875" spans="14:14">
      <c r="N4875" s="10"/>
    </row>
    <row r="4876" spans="14:14">
      <c r="N4876" s="10"/>
    </row>
    <row r="4877" spans="14:14">
      <c r="N4877" s="10"/>
    </row>
    <row r="4878" spans="14:14">
      <c r="N4878" s="10"/>
    </row>
    <row r="4879" spans="14:14">
      <c r="N4879" s="10"/>
    </row>
    <row r="4880" spans="14:14">
      <c r="N4880" s="10"/>
    </row>
    <row r="4881" spans="14:14">
      <c r="N4881" s="10"/>
    </row>
    <row r="4882" spans="14:14">
      <c r="N4882" s="10"/>
    </row>
    <row r="4883" spans="14:14">
      <c r="N4883" s="10"/>
    </row>
    <row r="4884" spans="14:14">
      <c r="N4884" s="10"/>
    </row>
    <row r="4885" spans="14:14">
      <c r="N4885" s="10"/>
    </row>
    <row r="4886" spans="14:14">
      <c r="N4886" s="10"/>
    </row>
    <row r="4887" spans="14:14">
      <c r="N4887" s="10"/>
    </row>
    <row r="4888" spans="14:14">
      <c r="N4888" s="10"/>
    </row>
    <row r="4889" spans="14:14">
      <c r="N4889" s="10"/>
    </row>
    <row r="4890" spans="14:14">
      <c r="N4890" s="10"/>
    </row>
    <row r="4891" spans="14:14">
      <c r="N4891" s="10"/>
    </row>
    <row r="4892" spans="14:14">
      <c r="N4892" s="10"/>
    </row>
    <row r="4893" spans="14:14">
      <c r="N4893" s="10"/>
    </row>
    <row r="4894" spans="14:14">
      <c r="N4894" s="10"/>
    </row>
    <row r="4895" spans="14:14">
      <c r="N4895" s="10"/>
    </row>
    <row r="4896" spans="14:14">
      <c r="N4896" s="10"/>
    </row>
    <row r="4897" spans="14:14">
      <c r="N4897" s="10"/>
    </row>
    <row r="4898" spans="14:14">
      <c r="N4898" s="10"/>
    </row>
    <row r="4899" spans="14:14">
      <c r="N4899" s="10"/>
    </row>
    <row r="4900" spans="14:14">
      <c r="N4900" s="10"/>
    </row>
    <row r="4901" spans="14:14">
      <c r="N4901" s="10"/>
    </row>
    <row r="4902" spans="14:14">
      <c r="N4902" s="10"/>
    </row>
    <row r="4903" spans="14:14">
      <c r="N4903" s="10"/>
    </row>
    <row r="4904" spans="14:14">
      <c r="N4904" s="10"/>
    </row>
    <row r="4905" spans="14:14">
      <c r="N4905" s="10"/>
    </row>
    <row r="4906" spans="14:14">
      <c r="N4906" s="10"/>
    </row>
    <row r="4907" spans="14:14">
      <c r="N4907" s="10"/>
    </row>
    <row r="4908" spans="14:14">
      <c r="N4908" s="10"/>
    </row>
    <row r="4909" spans="14:14">
      <c r="N4909" s="10"/>
    </row>
    <row r="4910" spans="14:14">
      <c r="N4910" s="10"/>
    </row>
    <row r="4911" spans="14:14">
      <c r="N4911" s="10"/>
    </row>
    <row r="4912" spans="14:14">
      <c r="N4912" s="10"/>
    </row>
    <row r="4913" spans="14:14">
      <c r="N4913" s="10"/>
    </row>
    <row r="4914" spans="14:14">
      <c r="N4914" s="10"/>
    </row>
    <row r="4915" spans="14:14">
      <c r="N4915" s="10"/>
    </row>
    <row r="4916" spans="14:14">
      <c r="N4916" s="10"/>
    </row>
    <row r="4917" spans="14:14">
      <c r="N4917" s="10"/>
    </row>
    <row r="4918" spans="14:14">
      <c r="N4918" s="10"/>
    </row>
    <row r="4919" spans="14:14">
      <c r="N4919" s="10"/>
    </row>
    <row r="4920" spans="14:14">
      <c r="N4920" s="10"/>
    </row>
    <row r="4921" spans="14:14">
      <c r="N4921" s="10"/>
    </row>
    <row r="4922" spans="14:14">
      <c r="N4922" s="10"/>
    </row>
    <row r="4923" spans="14:14">
      <c r="N4923" s="10"/>
    </row>
    <row r="4924" spans="14:14">
      <c r="N4924" s="10"/>
    </row>
    <row r="4925" spans="14:14">
      <c r="N4925" s="10"/>
    </row>
    <row r="4926" spans="14:14">
      <c r="N4926" s="10"/>
    </row>
    <row r="4927" spans="14:14">
      <c r="N4927" s="10"/>
    </row>
    <row r="4928" spans="14:14">
      <c r="N4928" s="10"/>
    </row>
    <row r="4929" spans="14:14">
      <c r="N4929" s="10"/>
    </row>
    <row r="4930" spans="14:14">
      <c r="N4930" s="10"/>
    </row>
    <row r="4931" spans="14:14">
      <c r="N4931" s="10"/>
    </row>
    <row r="4932" spans="14:14">
      <c r="N4932" s="10"/>
    </row>
    <row r="4933" spans="14:14">
      <c r="N4933" s="10"/>
    </row>
    <row r="4934" spans="14:14">
      <c r="N4934" s="10"/>
    </row>
    <row r="4935" spans="14:14">
      <c r="N4935" s="10"/>
    </row>
    <row r="4936" spans="14:14">
      <c r="N4936" s="10"/>
    </row>
    <row r="4937" spans="14:14">
      <c r="N4937" s="10"/>
    </row>
    <row r="4938" spans="14:14">
      <c r="N4938" s="10"/>
    </row>
    <row r="4939" spans="14:14">
      <c r="N4939" s="10"/>
    </row>
    <row r="4940" spans="14:14">
      <c r="N4940" s="10"/>
    </row>
    <row r="4941" spans="14:14">
      <c r="N4941" s="10"/>
    </row>
    <row r="4942" spans="14:14">
      <c r="N4942" s="10"/>
    </row>
    <row r="4943" spans="14:14">
      <c r="N4943" s="10"/>
    </row>
    <row r="4944" spans="14:14">
      <c r="N4944" s="10"/>
    </row>
    <row r="4945" spans="14:14">
      <c r="N4945" s="10"/>
    </row>
    <row r="4946" spans="14:14">
      <c r="N4946" s="10"/>
    </row>
    <row r="4947" spans="14:14">
      <c r="N4947" s="10"/>
    </row>
    <row r="4948" spans="14:14">
      <c r="N4948" s="10"/>
    </row>
    <row r="4949" spans="14:14">
      <c r="N4949" s="10"/>
    </row>
    <row r="4950" spans="14:14">
      <c r="N4950" s="10"/>
    </row>
    <row r="4951" spans="14:14">
      <c r="N4951" s="10"/>
    </row>
    <row r="4952" spans="14:14">
      <c r="N4952" s="10"/>
    </row>
    <row r="4953" spans="14:14">
      <c r="N4953" s="10"/>
    </row>
    <row r="4954" spans="14:14">
      <c r="N4954" s="10"/>
    </row>
    <row r="4955" spans="14:14">
      <c r="N4955" s="10"/>
    </row>
    <row r="4956" spans="14:14">
      <c r="N4956" s="10"/>
    </row>
    <row r="4957" spans="14:14">
      <c r="N4957" s="10"/>
    </row>
    <row r="4958" spans="14:14">
      <c r="N4958" s="10"/>
    </row>
    <row r="4959" spans="14:14">
      <c r="N4959" s="10"/>
    </row>
    <row r="4960" spans="14:14">
      <c r="N4960" s="10"/>
    </row>
    <row r="4961" spans="14:14">
      <c r="N4961" s="10"/>
    </row>
    <row r="4962" spans="14:14">
      <c r="N4962" s="10"/>
    </row>
    <row r="4963" spans="14:14">
      <c r="N4963" s="10"/>
    </row>
    <row r="4964" spans="14:14">
      <c r="N4964" s="10"/>
    </row>
    <row r="4965" spans="14:14">
      <c r="N4965" s="10"/>
    </row>
    <row r="4966" spans="14:14">
      <c r="N4966" s="10"/>
    </row>
    <row r="4967" spans="14:14">
      <c r="N4967" s="10"/>
    </row>
    <row r="4968" spans="14:14">
      <c r="N4968" s="10"/>
    </row>
    <row r="4969" spans="14:14">
      <c r="N4969" s="10"/>
    </row>
    <row r="4970" spans="14:14">
      <c r="N4970" s="10"/>
    </row>
    <row r="4971" spans="14:14">
      <c r="N4971" s="10"/>
    </row>
    <row r="4972" spans="14:14">
      <c r="N4972" s="10"/>
    </row>
    <row r="4973" spans="14:14">
      <c r="N4973" s="10"/>
    </row>
    <row r="4974" spans="14:14">
      <c r="N4974" s="10"/>
    </row>
    <row r="4975" spans="14:14">
      <c r="N4975" s="10"/>
    </row>
    <row r="4976" spans="14:14">
      <c r="N4976" s="10"/>
    </row>
    <row r="4977" spans="14:14">
      <c r="N4977" s="10"/>
    </row>
    <row r="4978" spans="14:14">
      <c r="N4978" s="10"/>
    </row>
    <row r="4979" spans="14:14">
      <c r="N4979" s="10"/>
    </row>
    <row r="4980" spans="14:14">
      <c r="N4980" s="10"/>
    </row>
    <row r="4981" spans="14:14">
      <c r="N4981" s="10"/>
    </row>
    <row r="4982" spans="14:14">
      <c r="N4982" s="10"/>
    </row>
    <row r="4983" spans="14:14">
      <c r="N4983" s="10"/>
    </row>
    <row r="4984" spans="14:14">
      <c r="N4984" s="10"/>
    </row>
    <row r="4985" spans="14:14">
      <c r="N4985" s="10"/>
    </row>
    <row r="4986" spans="14:14">
      <c r="N4986" s="10"/>
    </row>
    <row r="4987" spans="14:14">
      <c r="N4987" s="10"/>
    </row>
    <row r="4988" spans="14:14">
      <c r="N4988" s="10"/>
    </row>
    <row r="4989" spans="14:14">
      <c r="N4989" s="10"/>
    </row>
    <row r="4990" spans="14:14">
      <c r="N4990" s="10"/>
    </row>
    <row r="4991" spans="14:14">
      <c r="N4991" s="10"/>
    </row>
    <row r="4992" spans="14:14">
      <c r="N4992" s="10"/>
    </row>
    <row r="4993" spans="14:14">
      <c r="N4993" s="10"/>
    </row>
    <row r="4994" spans="14:14">
      <c r="N4994" s="10"/>
    </row>
    <row r="4995" spans="14:14">
      <c r="N4995" s="10"/>
    </row>
    <row r="4996" spans="14:14">
      <c r="N4996" s="10"/>
    </row>
    <row r="4997" spans="14:14">
      <c r="N4997" s="10"/>
    </row>
    <row r="4998" spans="14:14">
      <c r="N4998" s="10"/>
    </row>
    <row r="4999" spans="14:14">
      <c r="N4999" s="10"/>
    </row>
    <row r="5000" spans="14:14">
      <c r="N5000" s="10"/>
    </row>
    <row r="5001" spans="14:14">
      <c r="N5001" s="10"/>
    </row>
    <row r="5002" spans="14:14">
      <c r="N5002" s="10"/>
    </row>
    <row r="5003" spans="14:14">
      <c r="N5003" s="10"/>
    </row>
    <row r="5004" spans="14:14">
      <c r="N5004" s="10"/>
    </row>
    <row r="5005" spans="14:14">
      <c r="N5005" s="10"/>
    </row>
    <row r="5006" spans="14:14">
      <c r="N5006" s="10"/>
    </row>
    <row r="5007" spans="14:14">
      <c r="N5007" s="10"/>
    </row>
    <row r="5008" spans="14:14">
      <c r="N5008" s="10"/>
    </row>
    <row r="5009" spans="14:14">
      <c r="N5009" s="10"/>
    </row>
    <row r="5010" spans="14:14">
      <c r="N5010" s="10"/>
    </row>
    <row r="5011" spans="14:14">
      <c r="N5011" s="10"/>
    </row>
    <row r="5012" spans="14:14">
      <c r="N5012" s="10"/>
    </row>
    <row r="5013" spans="14:14">
      <c r="N5013" s="10"/>
    </row>
    <row r="5014" spans="14:14">
      <c r="N5014" s="10"/>
    </row>
    <row r="5015" spans="14:14">
      <c r="N5015" s="10"/>
    </row>
    <row r="5016" spans="14:14">
      <c r="N5016" s="10"/>
    </row>
    <row r="5017" spans="14:14">
      <c r="N5017" s="10"/>
    </row>
    <row r="5018" spans="14:14">
      <c r="N5018" s="10"/>
    </row>
    <row r="5019" spans="14:14">
      <c r="N5019" s="10"/>
    </row>
    <row r="5020" spans="14:14">
      <c r="N5020" s="10"/>
    </row>
    <row r="5021" spans="14:14">
      <c r="N5021" s="10"/>
    </row>
    <row r="5022" spans="14:14">
      <c r="N5022" s="10"/>
    </row>
    <row r="5023" spans="14:14">
      <c r="N5023" s="10"/>
    </row>
    <row r="5024" spans="14:14">
      <c r="N5024" s="10"/>
    </row>
    <row r="5025" spans="14:14">
      <c r="N5025" s="10"/>
    </row>
    <row r="5026" spans="14:14">
      <c r="N5026" s="10"/>
    </row>
    <row r="5027" spans="14:14">
      <c r="N5027" s="10"/>
    </row>
    <row r="5028" spans="14:14">
      <c r="N5028" s="10"/>
    </row>
    <row r="5029" spans="14:14">
      <c r="N5029" s="10"/>
    </row>
    <row r="5030" spans="14:14">
      <c r="N5030" s="10"/>
    </row>
    <row r="5031" spans="14:14">
      <c r="N5031" s="10"/>
    </row>
    <row r="5032" spans="14:14">
      <c r="N5032" s="10"/>
    </row>
    <row r="5033" spans="14:14">
      <c r="N5033" s="10"/>
    </row>
    <row r="5034" spans="14:14">
      <c r="N5034" s="10"/>
    </row>
    <row r="5035" spans="14:14">
      <c r="N5035" s="10"/>
    </row>
    <row r="5036" spans="14:14">
      <c r="N5036" s="10"/>
    </row>
    <row r="5037" spans="14:14">
      <c r="N5037" s="10"/>
    </row>
    <row r="5038" spans="14:14">
      <c r="N5038" s="10"/>
    </row>
    <row r="5039" spans="14:14">
      <c r="N5039" s="10"/>
    </row>
    <row r="5040" spans="14:14">
      <c r="N5040" s="10"/>
    </row>
    <row r="5041" spans="14:14">
      <c r="N5041" s="10"/>
    </row>
    <row r="5042" spans="14:14">
      <c r="N5042" s="10"/>
    </row>
    <row r="5043" spans="14:14">
      <c r="N5043" s="10"/>
    </row>
    <row r="5044" spans="14:14">
      <c r="N5044" s="10"/>
    </row>
    <row r="5045" spans="14:14">
      <c r="N5045" s="10"/>
    </row>
    <row r="5046" spans="14:14">
      <c r="N5046" s="10"/>
    </row>
    <row r="5047" spans="14:14">
      <c r="N5047" s="10"/>
    </row>
    <row r="5048" spans="14:14">
      <c r="N5048" s="10"/>
    </row>
    <row r="5049" spans="14:14">
      <c r="N5049" s="10"/>
    </row>
    <row r="5050" spans="14:14">
      <c r="N5050" s="10"/>
    </row>
    <row r="5051" spans="14:14">
      <c r="N5051" s="10"/>
    </row>
    <row r="5052" spans="14:14">
      <c r="N5052" s="10"/>
    </row>
    <row r="5053" spans="14:14">
      <c r="N5053" s="10"/>
    </row>
    <row r="5054" spans="14:14">
      <c r="N5054" s="10"/>
    </row>
    <row r="5055" spans="14:14">
      <c r="N5055" s="10"/>
    </row>
    <row r="5056" spans="14:14">
      <c r="N5056" s="10"/>
    </row>
    <row r="5057" spans="14:14">
      <c r="N5057" s="10"/>
    </row>
    <row r="5058" spans="14:14">
      <c r="N5058" s="10"/>
    </row>
    <row r="5059" spans="14:14">
      <c r="N5059" s="10"/>
    </row>
    <row r="5060" spans="14:14">
      <c r="N5060" s="10"/>
    </row>
    <row r="5061" spans="14:14">
      <c r="N5061" s="10"/>
    </row>
    <row r="5062" spans="14:14">
      <c r="N5062" s="10"/>
    </row>
    <row r="5063" spans="14:14">
      <c r="N5063" s="10"/>
    </row>
    <row r="5064" spans="14:14">
      <c r="N5064" s="10"/>
    </row>
    <row r="5065" spans="14:14">
      <c r="N5065" s="10"/>
    </row>
    <row r="5066" spans="14:14">
      <c r="N5066" s="10"/>
    </row>
    <row r="5067" spans="14:14">
      <c r="N5067" s="10"/>
    </row>
    <row r="5068" spans="14:14">
      <c r="N5068" s="10"/>
    </row>
    <row r="5069" spans="14:14">
      <c r="N5069" s="10"/>
    </row>
    <row r="5070" spans="14:14">
      <c r="N5070" s="10"/>
    </row>
    <row r="5071" spans="14:14">
      <c r="N5071" s="10"/>
    </row>
    <row r="5072" spans="14:14">
      <c r="N5072" s="10"/>
    </row>
    <row r="5073" spans="14:14">
      <c r="N5073" s="10"/>
    </row>
    <row r="5074" spans="14:14">
      <c r="N5074" s="10"/>
    </row>
    <row r="5075" spans="14:14">
      <c r="N5075" s="10"/>
    </row>
    <row r="5076" spans="14:14">
      <c r="N5076" s="10"/>
    </row>
    <row r="5077" spans="14:14">
      <c r="N5077" s="10"/>
    </row>
    <row r="5078" spans="14:14">
      <c r="N5078" s="10"/>
    </row>
    <row r="5079" spans="14:14">
      <c r="N5079" s="10"/>
    </row>
    <row r="5080" spans="14:14">
      <c r="N5080" s="10"/>
    </row>
    <row r="5081" spans="14:14">
      <c r="N5081" s="10"/>
    </row>
    <row r="5082" spans="14:14">
      <c r="N5082" s="10"/>
    </row>
    <row r="5083" spans="14:14">
      <c r="N5083" s="10"/>
    </row>
    <row r="5084" spans="14:14">
      <c r="N5084" s="10"/>
    </row>
    <row r="5085" spans="14:14">
      <c r="N5085" s="10"/>
    </row>
    <row r="5086" spans="14:14">
      <c r="N5086" s="10"/>
    </row>
    <row r="5087" spans="14:14">
      <c r="N5087" s="10"/>
    </row>
    <row r="5088" spans="14:14">
      <c r="N5088" s="10"/>
    </row>
    <row r="5089" spans="14:14">
      <c r="N5089" s="10"/>
    </row>
    <row r="5090" spans="14:14">
      <c r="N5090" s="10"/>
    </row>
    <row r="5091" spans="14:14">
      <c r="N5091" s="10"/>
    </row>
    <row r="5092" spans="14:14">
      <c r="N5092" s="10"/>
    </row>
    <row r="5093" spans="14:14">
      <c r="N5093" s="10"/>
    </row>
    <row r="5094" spans="14:14">
      <c r="N5094" s="10"/>
    </row>
    <row r="5095" spans="14:14">
      <c r="N5095" s="10"/>
    </row>
    <row r="5096" spans="14:14">
      <c r="N5096" s="10"/>
    </row>
    <row r="5097" spans="14:14">
      <c r="N5097" s="10"/>
    </row>
    <row r="5098" spans="14:14">
      <c r="N5098" s="10"/>
    </row>
    <row r="5099" spans="14:14">
      <c r="N5099" s="10"/>
    </row>
    <row r="5100" spans="14:14">
      <c r="N5100" s="10"/>
    </row>
    <row r="5101" spans="14:14">
      <c r="N5101" s="10"/>
    </row>
    <row r="5102" spans="14:14">
      <c r="N5102" s="10"/>
    </row>
    <row r="5103" spans="14:14">
      <c r="N5103" s="10"/>
    </row>
    <row r="5104" spans="14:14">
      <c r="N5104" s="10"/>
    </row>
    <row r="5105" spans="14:14">
      <c r="N5105" s="10"/>
    </row>
    <row r="5106" spans="14:14">
      <c r="N5106" s="10"/>
    </row>
    <row r="5107" spans="14:14">
      <c r="N5107" s="10"/>
    </row>
    <row r="5108" spans="14:14">
      <c r="N5108" s="10"/>
    </row>
    <row r="5109" spans="14:14">
      <c r="N5109" s="10"/>
    </row>
    <row r="5110" spans="14:14">
      <c r="N5110" s="10"/>
    </row>
    <row r="5111" spans="14:14">
      <c r="N5111" s="10"/>
    </row>
    <row r="5112" spans="14:14">
      <c r="N5112" s="10"/>
    </row>
    <row r="5113" spans="14:14">
      <c r="N5113" s="10"/>
    </row>
    <row r="5114" spans="14:14">
      <c r="N5114" s="10"/>
    </row>
    <row r="5115" spans="14:14">
      <c r="N5115" s="10"/>
    </row>
    <row r="5116" spans="14:14">
      <c r="N5116" s="10"/>
    </row>
    <row r="5117" spans="14:14">
      <c r="N5117" s="10"/>
    </row>
    <row r="5118" spans="14:14">
      <c r="N5118" s="10"/>
    </row>
    <row r="5119" spans="14:14">
      <c r="N5119" s="10"/>
    </row>
    <row r="5120" spans="14:14">
      <c r="N5120" s="10"/>
    </row>
    <row r="5121" spans="14:14">
      <c r="N5121" s="10"/>
    </row>
    <row r="5122" spans="14:14">
      <c r="N5122" s="10"/>
    </row>
    <row r="5123" spans="14:14">
      <c r="N5123" s="10"/>
    </row>
    <row r="5124" spans="14:14">
      <c r="N5124" s="10"/>
    </row>
    <row r="5125" spans="14:14">
      <c r="N5125" s="10"/>
    </row>
    <row r="5126" spans="14:14">
      <c r="N5126" s="10"/>
    </row>
    <row r="5127" spans="14:14">
      <c r="N5127" s="10"/>
    </row>
    <row r="5128" spans="14:14">
      <c r="N5128" s="10"/>
    </row>
    <row r="5129" spans="14:14">
      <c r="N5129" s="10"/>
    </row>
    <row r="5130" spans="14:14">
      <c r="N5130" s="10"/>
    </row>
    <row r="5131" spans="14:14">
      <c r="N5131" s="10"/>
    </row>
    <row r="5132" spans="14:14">
      <c r="N5132" s="10"/>
    </row>
    <row r="5133" spans="14:14">
      <c r="N5133" s="10"/>
    </row>
    <row r="5134" spans="14:14">
      <c r="N5134" s="10"/>
    </row>
    <row r="5135" spans="14:14">
      <c r="N5135" s="10"/>
    </row>
    <row r="5136" spans="14:14">
      <c r="N5136" s="10"/>
    </row>
    <row r="5137" spans="14:14">
      <c r="N5137" s="10"/>
    </row>
    <row r="5138" spans="14:14">
      <c r="N5138" s="10"/>
    </row>
    <row r="5139" spans="14:14">
      <c r="N5139" s="10"/>
    </row>
    <row r="5140" spans="14:14">
      <c r="N5140" s="10"/>
    </row>
    <row r="5141" spans="14:14">
      <c r="N5141" s="10"/>
    </row>
    <row r="5142" spans="14:14">
      <c r="N5142" s="10"/>
    </row>
    <row r="5143" spans="14:14">
      <c r="N5143" s="10"/>
    </row>
    <row r="5144" spans="14:14">
      <c r="N5144" s="10"/>
    </row>
    <row r="5145" spans="14:14">
      <c r="N5145" s="10"/>
    </row>
    <row r="5146" spans="14:14">
      <c r="N5146" s="10"/>
    </row>
    <row r="5147" spans="14:14">
      <c r="N5147" s="10"/>
    </row>
    <row r="5148" spans="14:14">
      <c r="N5148" s="10"/>
    </row>
    <row r="5149" spans="14:14">
      <c r="N5149" s="10"/>
    </row>
    <row r="5150" spans="14:14">
      <c r="N5150" s="10"/>
    </row>
    <row r="5151" spans="14:14">
      <c r="N5151" s="10"/>
    </row>
    <row r="5152" spans="14:14">
      <c r="N5152" s="10"/>
    </row>
    <row r="5153" spans="14:14">
      <c r="N5153" s="10"/>
    </row>
    <row r="5154" spans="14:14">
      <c r="N5154" s="10"/>
    </row>
    <row r="5155" spans="14:14">
      <c r="N5155" s="10"/>
    </row>
    <row r="5156" spans="14:14">
      <c r="N5156" s="10"/>
    </row>
    <row r="5157" spans="14:14">
      <c r="N5157" s="10"/>
    </row>
    <row r="5158" spans="14:14">
      <c r="N5158" s="10"/>
    </row>
    <row r="5159" spans="14:14">
      <c r="N5159" s="10"/>
    </row>
    <row r="5160" spans="14:14">
      <c r="N5160" s="10"/>
    </row>
    <row r="5161" spans="14:14">
      <c r="N5161" s="10"/>
    </row>
    <row r="5162" spans="14:14">
      <c r="N5162" s="10"/>
    </row>
    <row r="5163" spans="14:14">
      <c r="N5163" s="10"/>
    </row>
    <row r="5164" spans="14:14">
      <c r="N5164" s="10"/>
    </row>
    <row r="5165" spans="14:14">
      <c r="N5165" s="10"/>
    </row>
    <row r="5166" spans="14:14">
      <c r="N5166" s="10"/>
    </row>
    <row r="5167" spans="14:14">
      <c r="N5167" s="10"/>
    </row>
    <row r="5168" spans="14:14">
      <c r="N5168" s="10"/>
    </row>
    <row r="5169" spans="14:14">
      <c r="N5169" s="10"/>
    </row>
    <row r="5170" spans="14:14">
      <c r="N5170" s="10"/>
    </row>
    <row r="5171" spans="14:14">
      <c r="N5171" s="10"/>
    </row>
    <row r="5172" spans="14:14">
      <c r="N5172" s="10"/>
    </row>
    <row r="5173" spans="14:14">
      <c r="N5173" s="10"/>
    </row>
    <row r="5174" spans="14:14">
      <c r="N5174" s="10"/>
    </row>
    <row r="5175" spans="14:14">
      <c r="N5175" s="10"/>
    </row>
    <row r="5176" spans="14:14">
      <c r="N5176" s="10"/>
    </row>
    <row r="5177" spans="14:14">
      <c r="N5177" s="10"/>
    </row>
    <row r="5178" spans="14:14">
      <c r="N5178" s="10"/>
    </row>
    <row r="5179" spans="14:14">
      <c r="N5179" s="10"/>
    </row>
    <row r="5180" spans="14:14">
      <c r="N5180" s="10"/>
    </row>
    <row r="5181" spans="14:14">
      <c r="N5181" s="10"/>
    </row>
    <row r="5182" spans="14:14">
      <c r="N5182" s="10"/>
    </row>
    <row r="5183" spans="14:14">
      <c r="N5183" s="10"/>
    </row>
    <row r="5184" spans="14:14">
      <c r="N5184" s="10"/>
    </row>
    <row r="5185" spans="14:14">
      <c r="N5185" s="10"/>
    </row>
    <row r="5186" spans="14:14">
      <c r="N5186" s="10"/>
    </row>
    <row r="5187" spans="14:14">
      <c r="N5187" s="10"/>
    </row>
    <row r="5188" spans="14:14">
      <c r="N5188" s="10"/>
    </row>
    <row r="5189" spans="14:14">
      <c r="N5189" s="10"/>
    </row>
    <row r="5190" spans="14:14">
      <c r="N5190" s="10"/>
    </row>
    <row r="5191" spans="14:14">
      <c r="N5191" s="10"/>
    </row>
    <row r="5192" spans="14:14">
      <c r="N5192" s="10"/>
    </row>
    <row r="5193" spans="14:14">
      <c r="N5193" s="10"/>
    </row>
    <row r="5194" spans="14:14">
      <c r="N5194" s="10"/>
    </row>
    <row r="5195" spans="14:14">
      <c r="N5195" s="10"/>
    </row>
    <row r="5196" spans="14:14">
      <c r="N5196" s="10"/>
    </row>
    <row r="5197" spans="14:14">
      <c r="N5197" s="10"/>
    </row>
    <row r="5198" spans="14:14">
      <c r="N5198" s="10"/>
    </row>
    <row r="5199" spans="14:14">
      <c r="N5199" s="10"/>
    </row>
    <row r="5200" spans="14:14">
      <c r="N5200" s="10"/>
    </row>
    <row r="5201" spans="14:14">
      <c r="N5201" s="10"/>
    </row>
    <row r="5202" spans="14:14">
      <c r="N5202" s="10"/>
    </row>
    <row r="5203" spans="14:14">
      <c r="N5203" s="10"/>
    </row>
    <row r="5204" spans="14:14">
      <c r="N5204" s="10"/>
    </row>
    <row r="5205" spans="14:14">
      <c r="N5205" s="10"/>
    </row>
    <row r="5206" spans="14:14">
      <c r="N5206" s="10"/>
    </row>
    <row r="5207" spans="14:14">
      <c r="N5207" s="10"/>
    </row>
    <row r="5208" spans="14:14">
      <c r="N5208" s="10"/>
    </row>
    <row r="5209" spans="14:14">
      <c r="N5209" s="10"/>
    </row>
    <row r="5210" spans="14:14">
      <c r="N5210" s="10"/>
    </row>
    <row r="5211" spans="14:14">
      <c r="N5211" s="10"/>
    </row>
    <row r="5212" spans="14:14">
      <c r="N5212" s="10"/>
    </row>
    <row r="5213" spans="14:14">
      <c r="N5213" s="10"/>
    </row>
    <row r="5214" spans="14:14">
      <c r="N5214" s="10"/>
    </row>
    <row r="5215" spans="14:14">
      <c r="N5215" s="10"/>
    </row>
    <row r="5216" spans="14:14">
      <c r="N5216" s="10"/>
    </row>
    <row r="5217" spans="14:14">
      <c r="N5217" s="10"/>
    </row>
    <row r="5218" spans="14:14">
      <c r="N5218" s="10"/>
    </row>
    <row r="5219" spans="14:14">
      <c r="N5219" s="10"/>
    </row>
    <row r="5220" spans="14:14">
      <c r="N5220" s="10"/>
    </row>
    <row r="5221" spans="14:14">
      <c r="N5221" s="10"/>
    </row>
    <row r="5222" spans="14:14">
      <c r="N5222" s="10"/>
    </row>
    <row r="5223" spans="14:14">
      <c r="N5223" s="10"/>
    </row>
    <row r="5224" spans="14:14">
      <c r="N5224" s="10"/>
    </row>
    <row r="5225" spans="14:14">
      <c r="N5225" s="10"/>
    </row>
    <row r="5226" spans="14:14">
      <c r="N5226" s="10"/>
    </row>
    <row r="5227" spans="14:14">
      <c r="N5227" s="10"/>
    </row>
    <row r="5228" spans="14:14">
      <c r="N5228" s="10"/>
    </row>
    <row r="5229" spans="14:14">
      <c r="N5229" s="10"/>
    </row>
    <row r="5230" spans="14:14">
      <c r="N5230" s="10"/>
    </row>
    <row r="5231" spans="14:14">
      <c r="N5231" s="10"/>
    </row>
    <row r="5232" spans="14:14">
      <c r="N5232" s="10"/>
    </row>
    <row r="5233" spans="14:14">
      <c r="N5233" s="10"/>
    </row>
    <row r="5234" spans="14:14">
      <c r="N5234" s="10"/>
    </row>
    <row r="5235" spans="14:14">
      <c r="N5235" s="10"/>
    </row>
    <row r="5236" spans="14:14">
      <c r="N5236" s="10"/>
    </row>
    <row r="5237" spans="14:14">
      <c r="N5237" s="10"/>
    </row>
    <row r="5238" spans="14:14">
      <c r="N5238" s="10"/>
    </row>
    <row r="5239" spans="14:14">
      <c r="N5239" s="10"/>
    </row>
    <row r="5240" spans="14:14">
      <c r="N5240" s="10"/>
    </row>
    <row r="5241" spans="14:14">
      <c r="N5241" s="10"/>
    </row>
    <row r="5242" spans="14:14">
      <c r="N5242" s="10"/>
    </row>
    <row r="5243" spans="14:14">
      <c r="N5243" s="10"/>
    </row>
    <row r="5244" spans="14:14">
      <c r="N5244" s="10"/>
    </row>
    <row r="5245" spans="14:14">
      <c r="N5245" s="10"/>
    </row>
    <row r="5246" spans="14:14">
      <c r="N5246" s="10"/>
    </row>
    <row r="5247" spans="14:14">
      <c r="N5247" s="10"/>
    </row>
    <row r="5248" spans="14:14">
      <c r="N5248" s="10"/>
    </row>
    <row r="5249" spans="14:14">
      <c r="N5249" s="10"/>
    </row>
    <row r="5250" spans="14:14">
      <c r="N5250" s="10"/>
    </row>
    <row r="5251" spans="14:14">
      <c r="N5251" s="10"/>
    </row>
    <row r="5252" spans="14:14">
      <c r="N5252" s="10"/>
    </row>
    <row r="5253" spans="14:14">
      <c r="N5253" s="10"/>
    </row>
    <row r="5254" spans="14:14">
      <c r="N5254" s="10"/>
    </row>
    <row r="5255" spans="14:14">
      <c r="N5255" s="10"/>
    </row>
    <row r="5256" spans="14:14">
      <c r="N5256" s="10"/>
    </row>
    <row r="5257" spans="14:14">
      <c r="N5257" s="10"/>
    </row>
    <row r="5258" spans="14:14">
      <c r="N5258" s="10"/>
    </row>
    <row r="5259" spans="14:14">
      <c r="N5259" s="10"/>
    </row>
    <row r="5260" spans="14:14">
      <c r="N5260" s="10"/>
    </row>
    <row r="5261" spans="14:14">
      <c r="N5261" s="10"/>
    </row>
    <row r="5262" spans="14:14">
      <c r="N5262" s="10"/>
    </row>
    <row r="5263" spans="14:14">
      <c r="N5263" s="10"/>
    </row>
    <row r="5264" spans="14:14">
      <c r="N5264" s="10"/>
    </row>
    <row r="5265" spans="14:14">
      <c r="N5265" s="10"/>
    </row>
    <row r="5266" spans="14:14">
      <c r="N5266" s="10"/>
    </row>
    <row r="5267" spans="14:14">
      <c r="N5267" s="10"/>
    </row>
    <row r="5268" spans="14:14">
      <c r="N5268" s="10"/>
    </row>
    <row r="5269" spans="14:14">
      <c r="N5269" s="10"/>
    </row>
    <row r="5270" spans="14:14">
      <c r="N5270" s="10"/>
    </row>
    <row r="5271" spans="14:14">
      <c r="N5271" s="10"/>
    </row>
    <row r="5272" spans="14:14">
      <c r="N5272" s="10"/>
    </row>
    <row r="5273" spans="14:14">
      <c r="N5273" s="10"/>
    </row>
    <row r="5274" spans="14:14">
      <c r="N5274" s="10"/>
    </row>
    <row r="5275" spans="14:14">
      <c r="N5275" s="10"/>
    </row>
    <row r="5276" spans="14:14">
      <c r="N5276" s="10"/>
    </row>
    <row r="5277" spans="14:14">
      <c r="N5277" s="10"/>
    </row>
    <row r="5278" spans="14:14">
      <c r="N5278" s="10"/>
    </row>
    <row r="5279" spans="14:14">
      <c r="N5279" s="10"/>
    </row>
    <row r="5280" spans="14:14">
      <c r="N5280" s="10"/>
    </row>
    <row r="5281" spans="14:14">
      <c r="N5281" s="10"/>
    </row>
    <row r="5282" spans="14:14">
      <c r="N5282" s="10"/>
    </row>
    <row r="5283" spans="14:14">
      <c r="N5283" s="10"/>
    </row>
    <row r="5284" spans="14:14">
      <c r="N5284" s="10"/>
    </row>
    <row r="5285" spans="14:14">
      <c r="N5285" s="10"/>
    </row>
    <row r="5286" spans="14:14">
      <c r="N5286" s="10"/>
    </row>
    <row r="5287" spans="14:14">
      <c r="N5287" s="10"/>
    </row>
    <row r="5288" spans="14:14">
      <c r="N5288" s="10"/>
    </row>
    <row r="5289" spans="14:14">
      <c r="N5289" s="10"/>
    </row>
    <row r="5290" spans="14:14">
      <c r="N5290" s="10"/>
    </row>
    <row r="5291" spans="14:14">
      <c r="N5291" s="10"/>
    </row>
    <row r="5292" spans="14:14">
      <c r="N5292" s="10"/>
    </row>
    <row r="5293" spans="14:14">
      <c r="N5293" s="10"/>
    </row>
    <row r="5294" spans="14:14">
      <c r="N5294" s="10"/>
    </row>
    <row r="5295" spans="14:14">
      <c r="N5295" s="10"/>
    </row>
    <row r="5296" spans="14:14">
      <c r="N5296" s="10"/>
    </row>
    <row r="5297" spans="14:14">
      <c r="N5297" s="10"/>
    </row>
    <row r="5298" spans="14:14">
      <c r="N5298" s="10"/>
    </row>
    <row r="5299" spans="14:14">
      <c r="N5299" s="10"/>
    </row>
    <row r="5300" spans="14:14">
      <c r="N5300" s="10"/>
    </row>
    <row r="5301" spans="14:14">
      <c r="N5301" s="10"/>
    </row>
    <row r="5302" spans="14:14">
      <c r="N5302" s="10"/>
    </row>
    <row r="5303" spans="14:14">
      <c r="N5303" s="10"/>
    </row>
    <row r="5304" spans="14:14">
      <c r="N5304" s="10"/>
    </row>
    <row r="5305" spans="14:14">
      <c r="N5305" s="10"/>
    </row>
    <row r="5306" spans="14:14">
      <c r="N5306" s="10"/>
    </row>
    <row r="5307" spans="14:14">
      <c r="N5307" s="10"/>
    </row>
    <row r="5308" spans="14:14">
      <c r="N5308" s="10"/>
    </row>
    <row r="5309" spans="14:14">
      <c r="N5309" s="10"/>
    </row>
    <row r="5310" spans="14:14">
      <c r="N5310" s="10"/>
    </row>
    <row r="5311" spans="14:14">
      <c r="N5311" s="10"/>
    </row>
    <row r="5312" spans="14:14">
      <c r="N5312" s="10"/>
    </row>
    <row r="5313" spans="14:14">
      <c r="N5313" s="10"/>
    </row>
    <row r="5314" spans="14:14">
      <c r="N5314" s="10"/>
    </row>
    <row r="5315" spans="14:14">
      <c r="N5315" s="10"/>
    </row>
    <row r="5316" spans="14:14">
      <c r="N5316" s="10"/>
    </row>
    <row r="5317" spans="14:14">
      <c r="N5317" s="10"/>
    </row>
    <row r="5318" spans="14:14">
      <c r="N5318" s="10"/>
    </row>
    <row r="5319" spans="14:14">
      <c r="N5319" s="10"/>
    </row>
    <row r="5320" spans="14:14">
      <c r="N5320" s="10"/>
    </row>
    <row r="5321" spans="14:14">
      <c r="N5321" s="10"/>
    </row>
    <row r="5322" spans="14:14">
      <c r="N5322" s="10"/>
    </row>
    <row r="5323" spans="14:14">
      <c r="N5323" s="10"/>
    </row>
    <row r="5324" spans="14:14">
      <c r="N5324" s="10"/>
    </row>
    <row r="5325" spans="14:14">
      <c r="N5325" s="10"/>
    </row>
    <row r="5326" spans="14:14">
      <c r="N5326" s="10"/>
    </row>
    <row r="5327" spans="14:14">
      <c r="N5327" s="10"/>
    </row>
    <row r="5328" spans="14:14">
      <c r="N5328" s="10"/>
    </row>
    <row r="5329" spans="14:14">
      <c r="N5329" s="10"/>
    </row>
    <row r="5330" spans="14:14">
      <c r="N5330" s="10"/>
    </row>
    <row r="5331" spans="14:14">
      <c r="N5331" s="10"/>
    </row>
    <row r="5332" spans="14:14">
      <c r="N5332" s="10"/>
    </row>
    <row r="5333" spans="14:14">
      <c r="N5333" s="10"/>
    </row>
    <row r="5334" spans="14:14">
      <c r="N5334" s="10"/>
    </row>
    <row r="5335" spans="14:14">
      <c r="N5335" s="10"/>
    </row>
    <row r="5336" spans="14:14">
      <c r="N5336" s="10"/>
    </row>
    <row r="5337" spans="14:14">
      <c r="N5337" s="10"/>
    </row>
    <row r="5338" spans="14:14">
      <c r="N5338" s="10"/>
    </row>
    <row r="5339" spans="14:14">
      <c r="N5339" s="10"/>
    </row>
    <row r="5340" spans="14:14">
      <c r="N5340" s="10"/>
    </row>
    <row r="5341" spans="14:14">
      <c r="N5341" s="10"/>
    </row>
    <row r="5342" spans="14:14">
      <c r="N5342" s="10"/>
    </row>
    <row r="5343" spans="14:14">
      <c r="N5343" s="10"/>
    </row>
    <row r="5344" spans="14:14">
      <c r="N5344" s="10"/>
    </row>
    <row r="5345" spans="14:14">
      <c r="N5345" s="10"/>
    </row>
    <row r="5346" spans="14:14">
      <c r="N5346" s="10"/>
    </row>
    <row r="5347" spans="14:14">
      <c r="N5347" s="10"/>
    </row>
    <row r="5348" spans="14:14">
      <c r="N5348" s="10"/>
    </row>
    <row r="5349" spans="14:14">
      <c r="N5349" s="10"/>
    </row>
    <row r="5350" spans="14:14">
      <c r="N5350" s="10"/>
    </row>
    <row r="5351" spans="14:14">
      <c r="N5351" s="10"/>
    </row>
    <row r="5352" spans="14:14">
      <c r="N5352" s="10"/>
    </row>
    <row r="5353" spans="14:14">
      <c r="N5353" s="10"/>
    </row>
    <row r="5354" spans="14:14">
      <c r="N5354" s="10"/>
    </row>
    <row r="5355" spans="14:14">
      <c r="N5355" s="10"/>
    </row>
    <row r="5356" spans="14:14">
      <c r="N5356" s="10"/>
    </row>
    <row r="5357" spans="14:14">
      <c r="N5357" s="10"/>
    </row>
    <row r="5358" spans="14:14">
      <c r="N5358" s="10"/>
    </row>
    <row r="5359" spans="14:14">
      <c r="N5359" s="10"/>
    </row>
    <row r="5360" spans="14:14">
      <c r="N5360" s="10"/>
    </row>
    <row r="5361" spans="14:14">
      <c r="N5361" s="10"/>
    </row>
    <row r="5362" spans="14:14">
      <c r="N5362" s="10"/>
    </row>
    <row r="5363" spans="14:14">
      <c r="N5363" s="10"/>
    </row>
    <row r="5364" spans="14:14">
      <c r="N5364" s="10"/>
    </row>
    <row r="5365" spans="14:14">
      <c r="N5365" s="10"/>
    </row>
    <row r="5366" spans="14:14">
      <c r="N5366" s="10"/>
    </row>
    <row r="5367" spans="14:14">
      <c r="N5367" s="10"/>
    </row>
    <row r="5368" spans="14:14">
      <c r="N5368" s="10"/>
    </row>
    <row r="5369" spans="14:14">
      <c r="N5369" s="10"/>
    </row>
    <row r="5370" spans="14:14">
      <c r="N5370" s="10"/>
    </row>
    <row r="5371" spans="14:14">
      <c r="N5371" s="10"/>
    </row>
    <row r="5372" spans="14:14">
      <c r="N5372" s="10"/>
    </row>
    <row r="5373" spans="14:14">
      <c r="N5373" s="10"/>
    </row>
    <row r="5374" spans="14:14">
      <c r="N5374" s="10"/>
    </row>
    <row r="5375" spans="14:14">
      <c r="N5375" s="10"/>
    </row>
    <row r="5376" spans="14:14">
      <c r="N5376" s="10"/>
    </row>
    <row r="5377" spans="14:14">
      <c r="N5377" s="10"/>
    </row>
    <row r="5378" spans="14:14">
      <c r="N5378" s="10"/>
    </row>
    <row r="5379" spans="14:14">
      <c r="N5379" s="10"/>
    </row>
    <row r="5380" spans="14:14">
      <c r="N5380" s="10"/>
    </row>
    <row r="5381" spans="14:14">
      <c r="N5381" s="10"/>
    </row>
    <row r="5382" spans="14:14">
      <c r="N5382" s="10"/>
    </row>
    <row r="5383" spans="14:14">
      <c r="N5383" s="10"/>
    </row>
    <row r="5384" spans="14:14">
      <c r="N5384" s="10"/>
    </row>
    <row r="5385" spans="14:14">
      <c r="N5385" s="10"/>
    </row>
    <row r="5386" spans="14:14">
      <c r="N5386" s="10"/>
    </row>
    <row r="5387" spans="14:14">
      <c r="N5387" s="10"/>
    </row>
    <row r="5388" spans="14:14">
      <c r="N5388" s="10"/>
    </row>
    <row r="5389" spans="14:14">
      <c r="N5389" s="10"/>
    </row>
    <row r="5390" spans="14:14">
      <c r="N5390" s="10"/>
    </row>
    <row r="5391" spans="14:14">
      <c r="N5391" s="10"/>
    </row>
    <row r="5392" spans="14:14">
      <c r="N5392" s="10"/>
    </row>
    <row r="5393" spans="14:14">
      <c r="N5393" s="10"/>
    </row>
    <row r="5394" spans="14:14">
      <c r="N5394" s="10"/>
    </row>
    <row r="5395" spans="14:14">
      <c r="N5395" s="10"/>
    </row>
    <row r="5396" spans="14:14">
      <c r="N5396" s="10"/>
    </row>
    <row r="5397" spans="14:14">
      <c r="N5397" s="10"/>
    </row>
    <row r="5398" spans="14:14">
      <c r="N5398" s="10"/>
    </row>
    <row r="5399" spans="14:14">
      <c r="N5399" s="10"/>
    </row>
    <row r="5400" spans="14:14">
      <c r="N5400" s="10"/>
    </row>
    <row r="5401" spans="14:14">
      <c r="N5401" s="10"/>
    </row>
    <row r="5402" spans="14:14">
      <c r="N5402" s="10"/>
    </row>
    <row r="5403" spans="14:14">
      <c r="N5403" s="10"/>
    </row>
    <row r="5404" spans="14:14">
      <c r="N5404" s="10"/>
    </row>
    <row r="5405" spans="14:14">
      <c r="N5405" s="10"/>
    </row>
    <row r="5406" spans="14:14">
      <c r="N5406" s="10"/>
    </row>
    <row r="5407" spans="14:14">
      <c r="N5407" s="10"/>
    </row>
    <row r="5408" spans="14:14">
      <c r="N5408" s="10"/>
    </row>
    <row r="5409" spans="14:14">
      <c r="N5409" s="10"/>
    </row>
    <row r="5410" spans="14:14">
      <c r="N5410" s="10"/>
    </row>
    <row r="5411" spans="14:14">
      <c r="N5411" s="10"/>
    </row>
    <row r="5412" spans="14:14">
      <c r="N5412" s="10"/>
    </row>
    <row r="5413" spans="14:14">
      <c r="N5413" s="10"/>
    </row>
    <row r="5414" spans="14:14">
      <c r="N5414" s="10"/>
    </row>
    <row r="5415" spans="14:14">
      <c r="N5415" s="10"/>
    </row>
    <row r="5416" spans="14:14">
      <c r="N5416" s="10"/>
    </row>
    <row r="5417" spans="14:14">
      <c r="N5417" s="10"/>
    </row>
    <row r="5418" spans="14:14">
      <c r="N5418" s="10"/>
    </row>
    <row r="5419" spans="14:14">
      <c r="N5419" s="10"/>
    </row>
    <row r="5420" spans="14:14">
      <c r="N5420" s="10"/>
    </row>
    <row r="5421" spans="14:14">
      <c r="N5421" s="10"/>
    </row>
    <row r="5422" spans="14:14">
      <c r="N5422" s="10"/>
    </row>
    <row r="5423" spans="14:14">
      <c r="N5423" s="10"/>
    </row>
    <row r="5424" spans="14:14">
      <c r="N5424" s="10"/>
    </row>
    <row r="5425" spans="14:14">
      <c r="N5425" s="10"/>
    </row>
    <row r="5426" spans="14:14">
      <c r="N5426" s="10"/>
    </row>
    <row r="5427" spans="14:14">
      <c r="N5427" s="10"/>
    </row>
    <row r="5428" spans="14:14">
      <c r="N5428" s="10"/>
    </row>
    <row r="5429" spans="14:14">
      <c r="N5429" s="10"/>
    </row>
    <row r="5430" spans="14:14">
      <c r="N5430" s="10"/>
    </row>
    <row r="5431" spans="14:14">
      <c r="N5431" s="10"/>
    </row>
    <row r="5432" spans="14:14">
      <c r="N5432" s="10"/>
    </row>
    <row r="5433" spans="14:14">
      <c r="N5433" s="10"/>
    </row>
    <row r="5434" spans="14:14">
      <c r="N5434" s="10"/>
    </row>
    <row r="5435" spans="14:14">
      <c r="N5435" s="10"/>
    </row>
    <row r="5436" spans="14:14">
      <c r="N5436" s="10"/>
    </row>
    <row r="5437" spans="14:14">
      <c r="N5437" s="10"/>
    </row>
    <row r="5438" spans="14:14">
      <c r="N5438" s="10"/>
    </row>
    <row r="5439" spans="14:14">
      <c r="N5439" s="10"/>
    </row>
    <row r="5440" spans="14:14">
      <c r="N5440" s="10"/>
    </row>
    <row r="5441" spans="14:14">
      <c r="N5441" s="10"/>
    </row>
    <row r="5442" spans="14:14">
      <c r="N5442" s="10"/>
    </row>
    <row r="5443" spans="14:14">
      <c r="N5443" s="10"/>
    </row>
    <row r="5444" spans="14:14">
      <c r="N5444" s="10"/>
    </row>
    <row r="5445" spans="14:14">
      <c r="N5445" s="10"/>
    </row>
    <row r="5446" spans="14:14">
      <c r="N5446" s="10"/>
    </row>
    <row r="5447" spans="14:14">
      <c r="N5447" s="10"/>
    </row>
    <row r="5448" spans="14:14">
      <c r="N5448" s="10"/>
    </row>
    <row r="5449" spans="14:14">
      <c r="N5449" s="10"/>
    </row>
    <row r="5450" spans="14:14">
      <c r="N5450" s="10"/>
    </row>
    <row r="5451" spans="14:14">
      <c r="N5451" s="10"/>
    </row>
    <row r="5452" spans="14:14">
      <c r="N5452" s="10"/>
    </row>
    <row r="5453" spans="14:14">
      <c r="N5453" s="10"/>
    </row>
    <row r="5454" spans="14:14">
      <c r="N5454" s="10"/>
    </row>
    <row r="5455" spans="14:14">
      <c r="N5455" s="10"/>
    </row>
    <row r="5456" spans="14:14">
      <c r="N5456" s="10"/>
    </row>
    <row r="5457" spans="14:14">
      <c r="N5457" s="10"/>
    </row>
    <row r="5458" spans="14:14">
      <c r="N5458" s="10"/>
    </row>
    <row r="5459" spans="14:14">
      <c r="N5459" s="10"/>
    </row>
    <row r="5460" spans="14:14">
      <c r="N5460" s="10"/>
    </row>
    <row r="5461" spans="14:14">
      <c r="N5461" s="10"/>
    </row>
    <row r="5462" spans="14:14">
      <c r="N5462" s="10"/>
    </row>
    <row r="5463" spans="14:14">
      <c r="N5463" s="10"/>
    </row>
    <row r="5464" spans="14:14">
      <c r="N5464" s="10"/>
    </row>
    <row r="5465" spans="14:14">
      <c r="N5465" s="10"/>
    </row>
    <row r="5466" spans="14:14">
      <c r="N5466" s="10"/>
    </row>
    <row r="5467" spans="14:14">
      <c r="N5467" s="10"/>
    </row>
    <row r="5468" spans="14:14">
      <c r="N5468" s="10"/>
    </row>
    <row r="5469" spans="14:14">
      <c r="N5469" s="10"/>
    </row>
    <row r="5470" spans="14:14">
      <c r="N5470" s="10"/>
    </row>
    <row r="5471" spans="14:14">
      <c r="N5471" s="10"/>
    </row>
    <row r="5472" spans="14:14">
      <c r="N5472" s="10"/>
    </row>
    <row r="5473" spans="14:14">
      <c r="N5473" s="10"/>
    </row>
    <row r="5474" spans="14:14">
      <c r="N5474" s="10"/>
    </row>
    <row r="5475" spans="14:14">
      <c r="N5475" s="10"/>
    </row>
    <row r="5476" spans="14:14">
      <c r="N5476" s="10"/>
    </row>
    <row r="5477" spans="14:14">
      <c r="N5477" s="10"/>
    </row>
    <row r="5478" spans="14:14">
      <c r="N5478" s="10"/>
    </row>
    <row r="5479" spans="14:14">
      <c r="N5479" s="10"/>
    </row>
    <row r="5480" spans="14:14">
      <c r="N5480" s="10"/>
    </row>
    <row r="5481" spans="14:14">
      <c r="N5481" s="10"/>
    </row>
    <row r="5482" spans="14:14">
      <c r="N5482" s="10"/>
    </row>
    <row r="5483" spans="14:14">
      <c r="N5483" s="10"/>
    </row>
    <row r="5484" spans="14:14">
      <c r="N5484" s="10"/>
    </row>
    <row r="5485" spans="14:14">
      <c r="N5485" s="10"/>
    </row>
    <row r="5486" spans="14:14">
      <c r="N5486" s="10"/>
    </row>
    <row r="5487" spans="14:14">
      <c r="N5487" s="10"/>
    </row>
    <row r="5488" spans="14:14">
      <c r="N5488" s="10"/>
    </row>
    <row r="5489" spans="14:14">
      <c r="N5489" s="10"/>
    </row>
    <row r="5490" spans="14:14">
      <c r="N5490" s="10"/>
    </row>
    <row r="5491" spans="14:14">
      <c r="N5491" s="10"/>
    </row>
    <row r="5492" spans="14:14">
      <c r="N5492" s="10"/>
    </row>
    <row r="5493" spans="14:14">
      <c r="N5493" s="10"/>
    </row>
    <row r="5494" spans="14:14">
      <c r="N5494" s="10"/>
    </row>
    <row r="5495" spans="14:14">
      <c r="N5495" s="10"/>
    </row>
    <row r="5496" spans="14:14">
      <c r="N5496" s="10"/>
    </row>
    <row r="5497" spans="14:14">
      <c r="N5497" s="10"/>
    </row>
    <row r="5498" spans="14:14">
      <c r="N5498" s="10"/>
    </row>
    <row r="5499" spans="14:14">
      <c r="N5499" s="10"/>
    </row>
    <row r="5500" spans="14:14">
      <c r="N5500" s="10"/>
    </row>
    <row r="5501" spans="14:14">
      <c r="N5501" s="10"/>
    </row>
    <row r="5502" spans="14:14">
      <c r="N5502" s="10"/>
    </row>
    <row r="5503" spans="14:14">
      <c r="N5503" s="10"/>
    </row>
    <row r="5504" spans="14:14">
      <c r="N5504" s="10"/>
    </row>
    <row r="5505" spans="14:14">
      <c r="N5505" s="10"/>
    </row>
    <row r="5506" spans="14:14">
      <c r="N5506" s="10"/>
    </row>
    <row r="5507" spans="14:14">
      <c r="N5507" s="10"/>
    </row>
    <row r="5508" spans="14:14">
      <c r="N5508" s="10"/>
    </row>
    <row r="5509" spans="14:14">
      <c r="N5509" s="10"/>
    </row>
    <row r="5510" spans="14:14">
      <c r="N5510" s="10"/>
    </row>
    <row r="5511" spans="14:14">
      <c r="N5511" s="10"/>
    </row>
    <row r="5512" spans="14:14">
      <c r="N5512" s="10"/>
    </row>
    <row r="5513" spans="14:14">
      <c r="N5513" s="10"/>
    </row>
    <row r="5514" spans="14:14">
      <c r="N5514" s="10"/>
    </row>
    <row r="5515" spans="14:14">
      <c r="N5515" s="10"/>
    </row>
    <row r="5516" spans="14:14">
      <c r="N5516" s="10"/>
    </row>
    <row r="5517" spans="14:14">
      <c r="N5517" s="10"/>
    </row>
    <row r="5518" spans="14:14">
      <c r="N5518" s="10"/>
    </row>
    <row r="5519" spans="14:14">
      <c r="N5519" s="10"/>
    </row>
    <row r="5520" spans="14:14">
      <c r="N5520" s="10"/>
    </row>
    <row r="5521" spans="14:14">
      <c r="N5521" s="10"/>
    </row>
    <row r="5522" spans="14:14">
      <c r="N5522" s="10"/>
    </row>
    <row r="5523" spans="14:14">
      <c r="N5523" s="10"/>
    </row>
    <row r="5524" spans="14:14">
      <c r="N5524" s="10"/>
    </row>
    <row r="5525" spans="14:14">
      <c r="N5525" s="10"/>
    </row>
    <row r="5526" spans="14:14">
      <c r="N5526" s="10"/>
    </row>
    <row r="5527" spans="14:14">
      <c r="N5527" s="10"/>
    </row>
    <row r="5528" spans="14:14">
      <c r="N5528" s="10"/>
    </row>
    <row r="5529" spans="14:14">
      <c r="N5529" s="10"/>
    </row>
    <row r="5530" spans="14:14">
      <c r="N5530" s="10"/>
    </row>
    <row r="5531" spans="14:14">
      <c r="N5531" s="10"/>
    </row>
    <row r="5532" spans="14:14">
      <c r="N5532" s="10"/>
    </row>
    <row r="5533" spans="14:14">
      <c r="N5533" s="10"/>
    </row>
    <row r="5534" spans="14:14">
      <c r="N5534" s="10"/>
    </row>
    <row r="5535" spans="14:14">
      <c r="N5535" s="10"/>
    </row>
    <row r="5536" spans="14:14">
      <c r="N5536" s="10"/>
    </row>
    <row r="5537" spans="14:14">
      <c r="N5537" s="10"/>
    </row>
    <row r="5538" spans="14:14">
      <c r="N5538" s="10"/>
    </row>
    <row r="5539" spans="14:14">
      <c r="N5539" s="10"/>
    </row>
    <row r="5540" spans="14:14">
      <c r="N5540" s="10"/>
    </row>
    <row r="5541" spans="14:14">
      <c r="N5541" s="10"/>
    </row>
    <row r="5542" spans="14:14">
      <c r="N5542" s="10"/>
    </row>
    <row r="5543" spans="14:14">
      <c r="N5543" s="10"/>
    </row>
    <row r="5544" spans="14:14">
      <c r="N5544" s="10"/>
    </row>
    <row r="5545" spans="14:14">
      <c r="N5545" s="10"/>
    </row>
    <row r="5546" spans="14:14">
      <c r="N5546" s="10"/>
    </row>
    <row r="5547" spans="14:14">
      <c r="N5547" s="10"/>
    </row>
    <row r="5548" spans="14:14">
      <c r="N5548" s="10"/>
    </row>
    <row r="5549" spans="14:14">
      <c r="N5549" s="10"/>
    </row>
    <row r="5550" spans="14:14">
      <c r="N5550" s="10"/>
    </row>
    <row r="5551" spans="14:14">
      <c r="N5551" s="10"/>
    </row>
    <row r="5552" spans="14:14">
      <c r="N5552" s="10"/>
    </row>
    <row r="5553" spans="14:14">
      <c r="N5553" s="10"/>
    </row>
    <row r="5554" spans="14:14">
      <c r="N5554" s="10"/>
    </row>
    <row r="5555" spans="14:14">
      <c r="N5555" s="10"/>
    </row>
    <row r="5556" spans="14:14">
      <c r="N5556" s="10"/>
    </row>
    <row r="5557" spans="14:14">
      <c r="N5557" s="10"/>
    </row>
    <row r="5558" spans="14:14">
      <c r="N5558" s="10"/>
    </row>
    <row r="5559" spans="14:14">
      <c r="N5559" s="10"/>
    </row>
    <row r="5560" spans="14:14">
      <c r="N5560" s="10"/>
    </row>
    <row r="5561" spans="14:14">
      <c r="N5561" s="10"/>
    </row>
    <row r="5562" spans="14:14">
      <c r="N5562" s="10"/>
    </row>
    <row r="5563" spans="14:14">
      <c r="N5563" s="10"/>
    </row>
    <row r="5564" spans="14:14">
      <c r="N5564" s="10"/>
    </row>
    <row r="5565" spans="14:14">
      <c r="N5565" s="10"/>
    </row>
    <row r="5566" spans="14:14">
      <c r="N5566" s="10"/>
    </row>
    <row r="5567" spans="14:14">
      <c r="N5567" s="10"/>
    </row>
    <row r="5568" spans="14:14">
      <c r="N5568" s="10"/>
    </row>
    <row r="5569" spans="14:14">
      <c r="N5569" s="10"/>
    </row>
    <row r="5570" spans="14:14">
      <c r="N5570" s="10"/>
    </row>
    <row r="5571" spans="14:14">
      <c r="N5571" s="10"/>
    </row>
    <row r="5572" spans="14:14">
      <c r="N5572" s="10"/>
    </row>
    <row r="5573" spans="14:14">
      <c r="N5573" s="10"/>
    </row>
    <row r="5574" spans="14:14">
      <c r="N5574" s="10"/>
    </row>
    <row r="5575" spans="14:14">
      <c r="N5575" s="10"/>
    </row>
    <row r="5576" spans="14:14">
      <c r="N5576" s="10"/>
    </row>
    <row r="5577" spans="14:14">
      <c r="N5577" s="10"/>
    </row>
    <row r="5578" spans="14:14">
      <c r="N5578" s="10"/>
    </row>
    <row r="5579" spans="14:14">
      <c r="N5579" s="10"/>
    </row>
    <row r="5580" spans="14:14">
      <c r="N5580" s="10"/>
    </row>
    <row r="5581" spans="14:14">
      <c r="N5581" s="10"/>
    </row>
    <row r="5582" spans="14:14">
      <c r="N5582" s="10"/>
    </row>
    <row r="5583" spans="14:14">
      <c r="N5583" s="10"/>
    </row>
    <row r="5584" spans="14:14">
      <c r="N5584" s="10"/>
    </row>
    <row r="5585" spans="14:14">
      <c r="N5585" s="10"/>
    </row>
    <row r="5586" spans="14:14">
      <c r="N5586" s="10"/>
    </row>
    <row r="5587" spans="14:14">
      <c r="N5587" s="10"/>
    </row>
    <row r="5588" spans="14:14">
      <c r="N5588" s="10"/>
    </row>
    <row r="5589" spans="14:14">
      <c r="N5589" s="10"/>
    </row>
    <row r="5590" spans="14:14">
      <c r="N5590" s="10"/>
    </row>
    <row r="5591" spans="14:14">
      <c r="N5591" s="10"/>
    </row>
    <row r="5592" spans="14:14">
      <c r="N5592" s="10"/>
    </row>
    <row r="5593" spans="14:14">
      <c r="N5593" s="10"/>
    </row>
    <row r="5594" spans="14:14">
      <c r="N5594" s="10"/>
    </row>
    <row r="5595" spans="14:14">
      <c r="N5595" s="10"/>
    </row>
    <row r="5596" spans="14:14">
      <c r="N5596" s="10"/>
    </row>
    <row r="5597" spans="14:14">
      <c r="N5597" s="10"/>
    </row>
    <row r="5598" spans="14:14">
      <c r="N5598" s="10"/>
    </row>
    <row r="5599" spans="14:14">
      <c r="N5599" s="10"/>
    </row>
    <row r="5600" spans="14:14">
      <c r="N5600" s="10"/>
    </row>
    <row r="5601" spans="14:14">
      <c r="N5601" s="10"/>
    </row>
    <row r="5602" spans="14:14">
      <c r="N5602" s="10"/>
    </row>
    <row r="5603" spans="14:14">
      <c r="N5603" s="10"/>
    </row>
    <row r="5604" spans="14:14">
      <c r="N5604" s="10"/>
    </row>
    <row r="5605" spans="14:14">
      <c r="N5605" s="10"/>
    </row>
    <row r="5606" spans="14:14">
      <c r="N5606" s="10"/>
    </row>
    <row r="5607" spans="14:14">
      <c r="N5607" s="10"/>
    </row>
    <row r="5608" spans="14:14">
      <c r="N5608" s="10"/>
    </row>
    <row r="5609" spans="14:14">
      <c r="N5609" s="10"/>
    </row>
    <row r="5610" spans="14:14">
      <c r="N5610" s="10"/>
    </row>
    <row r="5611" spans="14:14">
      <c r="N5611" s="10"/>
    </row>
    <row r="5612" spans="14:14">
      <c r="N5612" s="10"/>
    </row>
    <row r="5613" spans="14:14">
      <c r="N5613" s="10"/>
    </row>
    <row r="5614" spans="14:14">
      <c r="N5614" s="10"/>
    </row>
    <row r="5615" spans="14:14">
      <c r="N5615" s="10"/>
    </row>
    <row r="5616" spans="14:14">
      <c r="N5616" s="10"/>
    </row>
    <row r="5617" spans="14:14">
      <c r="N5617" s="10"/>
    </row>
    <row r="5618" spans="14:14">
      <c r="N5618" s="10"/>
    </row>
    <row r="5619" spans="14:14">
      <c r="N5619" s="10"/>
    </row>
    <row r="5620" spans="14:14">
      <c r="N5620" s="10"/>
    </row>
    <row r="5621" spans="14:14">
      <c r="N5621" s="10"/>
    </row>
    <row r="5622" spans="14:14">
      <c r="N5622" s="10"/>
    </row>
    <row r="5623" spans="14:14">
      <c r="N5623" s="10"/>
    </row>
    <row r="5624" spans="14:14">
      <c r="N5624" s="10"/>
    </row>
    <row r="5625" spans="14:14">
      <c r="N5625" s="10"/>
    </row>
    <row r="5626" spans="14:14">
      <c r="N5626" s="10"/>
    </row>
    <row r="5627" spans="14:14">
      <c r="N5627" s="10"/>
    </row>
    <row r="5628" spans="14:14">
      <c r="N5628" s="10"/>
    </row>
    <row r="5629" spans="14:14">
      <c r="N5629" s="10"/>
    </row>
    <row r="5630" spans="14:14">
      <c r="N5630" s="10"/>
    </row>
    <row r="5631" spans="14:14">
      <c r="N5631" s="10"/>
    </row>
    <row r="5632" spans="14:14">
      <c r="N5632" s="10"/>
    </row>
    <row r="5633" spans="14:14">
      <c r="N5633" s="10"/>
    </row>
    <row r="5634" spans="14:14">
      <c r="N5634" s="10"/>
    </row>
    <row r="5635" spans="14:14">
      <c r="N5635" s="10"/>
    </row>
    <row r="5636" spans="14:14">
      <c r="N5636" s="10"/>
    </row>
    <row r="5637" spans="14:14">
      <c r="N5637" s="10"/>
    </row>
    <row r="5638" spans="14:14">
      <c r="N5638" s="10"/>
    </row>
    <row r="5639" spans="14:14">
      <c r="N5639" s="10"/>
    </row>
    <row r="5640" spans="14:14">
      <c r="N5640" s="10"/>
    </row>
    <row r="5641" spans="14:14">
      <c r="N5641" s="10"/>
    </row>
    <row r="5642" spans="14:14">
      <c r="N5642" s="10"/>
    </row>
    <row r="5643" spans="14:14">
      <c r="N5643" s="10"/>
    </row>
    <row r="5644" spans="14:14">
      <c r="N5644" s="10"/>
    </row>
    <row r="5645" spans="14:14">
      <c r="N5645" s="10"/>
    </row>
    <row r="5646" spans="14:14">
      <c r="N5646" s="10"/>
    </row>
    <row r="5647" spans="14:14">
      <c r="N5647" s="10"/>
    </row>
    <row r="5648" spans="14:14">
      <c r="N5648" s="10"/>
    </row>
    <row r="5649" spans="14:14">
      <c r="N5649" s="10"/>
    </row>
    <row r="5650" spans="14:14">
      <c r="N5650" s="10"/>
    </row>
    <row r="5651" spans="14:14">
      <c r="N5651" s="10"/>
    </row>
    <row r="5652" spans="14:14">
      <c r="N5652" s="10"/>
    </row>
    <row r="5653" spans="14:14">
      <c r="N5653" s="10"/>
    </row>
    <row r="5654" spans="14:14">
      <c r="N5654" s="10"/>
    </row>
    <row r="5655" spans="14:14">
      <c r="N5655" s="10"/>
    </row>
    <row r="5656" spans="14:14">
      <c r="N5656" s="10"/>
    </row>
    <row r="5657" spans="14:14">
      <c r="N5657" s="10"/>
    </row>
    <row r="5658" spans="14:14">
      <c r="N5658" s="10"/>
    </row>
    <row r="5659" spans="14:14">
      <c r="N5659" s="10"/>
    </row>
    <row r="5660" spans="14:14">
      <c r="N5660" s="10"/>
    </row>
    <row r="5661" spans="14:14">
      <c r="N5661" s="10"/>
    </row>
    <row r="5662" spans="14:14">
      <c r="N5662" s="10"/>
    </row>
    <row r="5663" spans="14:14">
      <c r="N5663" s="10"/>
    </row>
    <row r="5664" spans="14:14">
      <c r="N5664" s="10"/>
    </row>
    <row r="5665" spans="14:14">
      <c r="N5665" s="10"/>
    </row>
    <row r="5666" spans="14:14">
      <c r="N5666" s="10"/>
    </row>
    <row r="5667" spans="14:14">
      <c r="N5667" s="10"/>
    </row>
    <row r="5668" spans="14:14">
      <c r="N5668" s="10"/>
    </row>
    <row r="5669" spans="14:14">
      <c r="N5669" s="10"/>
    </row>
    <row r="5670" spans="14:14">
      <c r="N5670" s="10"/>
    </row>
    <row r="5671" spans="14:14">
      <c r="N5671" s="10"/>
    </row>
    <row r="5672" spans="14:14">
      <c r="N5672" s="10"/>
    </row>
    <row r="5673" spans="14:14">
      <c r="N5673" s="10"/>
    </row>
    <row r="5674" spans="14:14">
      <c r="N5674" s="10"/>
    </row>
    <row r="5675" spans="14:14">
      <c r="N5675" s="10"/>
    </row>
    <row r="5676" spans="14:14">
      <c r="N5676" s="10"/>
    </row>
    <row r="5677" spans="14:14">
      <c r="N5677" s="10"/>
    </row>
    <row r="5678" spans="14:14">
      <c r="N5678" s="10"/>
    </row>
    <row r="5679" spans="14:14">
      <c r="N5679" s="10"/>
    </row>
    <row r="5680" spans="14:14">
      <c r="N5680" s="10"/>
    </row>
    <row r="5681" spans="14:14">
      <c r="N5681" s="10"/>
    </row>
    <row r="5682" spans="14:14">
      <c r="N5682" s="10"/>
    </row>
    <row r="5683" spans="14:14">
      <c r="N5683" s="10"/>
    </row>
    <row r="5684" spans="14:14">
      <c r="N5684" s="10"/>
    </row>
    <row r="5685" spans="14:14">
      <c r="N5685" s="10"/>
    </row>
    <row r="5686" spans="14:14">
      <c r="N5686" s="10"/>
    </row>
    <row r="5687" spans="14:14">
      <c r="N5687" s="10"/>
    </row>
    <row r="5688" spans="14:14">
      <c r="N5688" s="10"/>
    </row>
    <row r="5689" spans="14:14">
      <c r="N5689" s="10"/>
    </row>
    <row r="5690" spans="14:14">
      <c r="N5690" s="10"/>
    </row>
    <row r="5691" spans="14:14">
      <c r="N5691" s="10"/>
    </row>
    <row r="5692" spans="14:14">
      <c r="N5692" s="10"/>
    </row>
    <row r="5693" spans="14:14">
      <c r="N5693" s="10"/>
    </row>
    <row r="5694" spans="14:14">
      <c r="N5694" s="10"/>
    </row>
    <row r="5695" spans="14:14">
      <c r="N5695" s="10"/>
    </row>
    <row r="5696" spans="14:14">
      <c r="N5696" s="10"/>
    </row>
    <row r="5697" spans="14:14">
      <c r="N5697" s="10"/>
    </row>
    <row r="5698" spans="14:14">
      <c r="N5698" s="10"/>
    </row>
    <row r="5699" spans="14:14">
      <c r="N5699" s="10"/>
    </row>
    <row r="5700" spans="14:14">
      <c r="N5700" s="10"/>
    </row>
    <row r="5701" spans="14:14">
      <c r="N5701" s="10"/>
    </row>
    <row r="5702" spans="14:14">
      <c r="N5702" s="10"/>
    </row>
    <row r="5703" spans="14:14">
      <c r="N5703" s="10"/>
    </row>
    <row r="5704" spans="14:14">
      <c r="N5704" s="10"/>
    </row>
    <row r="5705" spans="14:14">
      <c r="N5705" s="10"/>
    </row>
    <row r="5706" spans="14:14">
      <c r="N5706" s="10"/>
    </row>
    <row r="5707" spans="14:14">
      <c r="N5707" s="10"/>
    </row>
    <row r="5708" spans="14:14">
      <c r="N5708" s="10"/>
    </row>
    <row r="5709" spans="14:14">
      <c r="N5709" s="10"/>
    </row>
    <row r="5710" spans="14:14">
      <c r="N5710" s="10"/>
    </row>
    <row r="5711" spans="14:14">
      <c r="N5711" s="10"/>
    </row>
    <row r="5712" spans="14:14">
      <c r="N5712" s="10"/>
    </row>
    <row r="5713" spans="14:14">
      <c r="N5713" s="10"/>
    </row>
    <row r="5714" spans="14:14">
      <c r="N5714" s="10"/>
    </row>
    <row r="5715" spans="14:14">
      <c r="N5715" s="10"/>
    </row>
    <row r="5716" spans="14:14">
      <c r="N5716" s="10"/>
    </row>
    <row r="5717" spans="14:14">
      <c r="N5717" s="10"/>
    </row>
    <row r="5718" spans="14:14">
      <c r="N5718" s="10"/>
    </row>
    <row r="5719" spans="14:14">
      <c r="N5719" s="10"/>
    </row>
    <row r="5720" spans="14:14">
      <c r="N5720" s="10"/>
    </row>
    <row r="5721" spans="14:14">
      <c r="N5721" s="10"/>
    </row>
    <row r="5722" spans="14:14">
      <c r="N5722" s="10"/>
    </row>
    <row r="5723" spans="14:14">
      <c r="N5723" s="10"/>
    </row>
    <row r="5724" spans="14:14">
      <c r="N5724" s="10"/>
    </row>
    <row r="5725" spans="14:14">
      <c r="N5725" s="10"/>
    </row>
    <row r="5726" spans="14:14">
      <c r="N5726" s="10"/>
    </row>
    <row r="5727" spans="14:14">
      <c r="N5727" s="10"/>
    </row>
    <row r="5728" spans="14:14">
      <c r="N5728" s="10"/>
    </row>
    <row r="5729" spans="14:14">
      <c r="N5729" s="10"/>
    </row>
    <row r="5730" spans="14:14">
      <c r="N5730" s="10"/>
    </row>
    <row r="5731" spans="14:14">
      <c r="N5731" s="10"/>
    </row>
    <row r="5732" spans="14:14">
      <c r="N5732" s="10"/>
    </row>
    <row r="5733" spans="14:14">
      <c r="N5733" s="10"/>
    </row>
    <row r="5734" spans="14:14">
      <c r="N5734" s="10"/>
    </row>
    <row r="5735" spans="14:14">
      <c r="N5735" s="10"/>
    </row>
    <row r="5736" spans="14:14">
      <c r="N5736" s="10"/>
    </row>
    <row r="5737" spans="14:14">
      <c r="N5737" s="10"/>
    </row>
    <row r="5738" spans="14:14">
      <c r="N5738" s="10"/>
    </row>
    <row r="5739" spans="14:14">
      <c r="N5739" s="10"/>
    </row>
    <row r="5740" spans="14:14">
      <c r="N5740" s="10"/>
    </row>
    <row r="5741" spans="14:14">
      <c r="N5741" s="10"/>
    </row>
    <row r="5742" spans="14:14">
      <c r="N5742" s="10"/>
    </row>
    <row r="5743" spans="14:14">
      <c r="N5743" s="10"/>
    </row>
    <row r="5744" spans="14:14">
      <c r="N5744" s="10"/>
    </row>
    <row r="5745" spans="14:14">
      <c r="N5745" s="10"/>
    </row>
    <row r="5746" spans="14:14">
      <c r="N5746" s="10"/>
    </row>
    <row r="5747" spans="14:14">
      <c r="N5747" s="10"/>
    </row>
    <row r="5748" spans="14:14">
      <c r="N5748" s="10"/>
    </row>
    <row r="5749" spans="14:14">
      <c r="N5749" s="10"/>
    </row>
    <row r="5750" spans="14:14">
      <c r="N5750" s="10"/>
    </row>
    <row r="5751" spans="14:14">
      <c r="N5751" s="10"/>
    </row>
    <row r="5752" spans="14:14">
      <c r="N5752" s="10"/>
    </row>
    <row r="5753" spans="14:14">
      <c r="N5753" s="10"/>
    </row>
    <row r="5754" spans="14:14">
      <c r="N5754" s="10"/>
    </row>
    <row r="5755" spans="14:14">
      <c r="N5755" s="10"/>
    </row>
    <row r="5756" spans="14:14">
      <c r="N5756" s="10"/>
    </row>
    <row r="5757" spans="14:14">
      <c r="N5757" s="10"/>
    </row>
    <row r="5758" spans="14:14">
      <c r="N5758" s="10"/>
    </row>
    <row r="5759" spans="14:14">
      <c r="N5759" s="10"/>
    </row>
    <row r="5760" spans="14:14">
      <c r="N5760" s="10"/>
    </row>
    <row r="5761" spans="14:14">
      <c r="N5761" s="10"/>
    </row>
    <row r="5762" spans="14:14">
      <c r="N5762" s="10"/>
    </row>
    <row r="5763" spans="14:14">
      <c r="N5763" s="10"/>
    </row>
    <row r="5764" spans="14:14">
      <c r="N5764" s="10"/>
    </row>
    <row r="5765" spans="14:14">
      <c r="N5765" s="10"/>
    </row>
    <row r="5766" spans="14:14">
      <c r="N5766" s="10"/>
    </row>
    <row r="5767" spans="14:14">
      <c r="N5767" s="10"/>
    </row>
    <row r="5768" spans="14:14">
      <c r="N5768" s="10"/>
    </row>
    <row r="5769" spans="14:14">
      <c r="N5769" s="10"/>
    </row>
    <row r="5770" spans="14:14">
      <c r="N5770" s="10"/>
    </row>
    <row r="5771" spans="14:14">
      <c r="N5771" s="10"/>
    </row>
    <row r="5772" spans="14:14">
      <c r="N5772" s="10"/>
    </row>
    <row r="5773" spans="14:14">
      <c r="N5773" s="10"/>
    </row>
    <row r="5774" spans="14:14">
      <c r="N5774" s="10"/>
    </row>
    <row r="5775" spans="14:14">
      <c r="N5775" s="10"/>
    </row>
    <row r="5776" spans="14:14">
      <c r="N5776" s="10"/>
    </row>
    <row r="5777" spans="14:14">
      <c r="N5777" s="10"/>
    </row>
    <row r="5778" spans="14:14">
      <c r="N5778" s="10"/>
    </row>
    <row r="5779" spans="14:14">
      <c r="N5779" s="10"/>
    </row>
    <row r="5780" spans="14:14">
      <c r="N5780" s="10"/>
    </row>
    <row r="5781" spans="14:14">
      <c r="N5781" s="10"/>
    </row>
    <row r="5782" spans="14:14">
      <c r="N5782" s="10"/>
    </row>
    <row r="5783" spans="14:14">
      <c r="N5783" s="10"/>
    </row>
    <row r="5784" spans="14:14">
      <c r="N5784" s="10"/>
    </row>
    <row r="5785" spans="14:14">
      <c r="N5785" s="10"/>
    </row>
    <row r="5786" spans="14:14">
      <c r="N5786" s="10"/>
    </row>
    <row r="5787" spans="14:14">
      <c r="N5787" s="10"/>
    </row>
    <row r="5788" spans="14:14">
      <c r="N5788" s="10"/>
    </row>
    <row r="5789" spans="14:14">
      <c r="N5789" s="10"/>
    </row>
    <row r="5790" spans="14:14">
      <c r="N5790" s="10"/>
    </row>
    <row r="5791" spans="14:14">
      <c r="N5791" s="10"/>
    </row>
    <row r="5792" spans="14:14">
      <c r="N5792" s="10"/>
    </row>
    <row r="5793" spans="14:14">
      <c r="N5793" s="10"/>
    </row>
    <row r="5794" spans="14:14">
      <c r="N5794" s="10"/>
    </row>
    <row r="5795" spans="14:14">
      <c r="N5795" s="10"/>
    </row>
    <row r="5796" spans="14:14">
      <c r="N5796" s="10"/>
    </row>
    <row r="5797" spans="14:14">
      <c r="N5797" s="10"/>
    </row>
    <row r="5798" spans="14:14">
      <c r="N5798" s="10"/>
    </row>
    <row r="5799" spans="14:14">
      <c r="N5799" s="10"/>
    </row>
    <row r="5800" spans="14:14">
      <c r="N5800" s="10"/>
    </row>
    <row r="5801" spans="14:14">
      <c r="N5801" s="10"/>
    </row>
    <row r="5802" spans="14:14">
      <c r="N5802" s="10"/>
    </row>
    <row r="5803" spans="14:14">
      <c r="N5803" s="10"/>
    </row>
    <row r="5804" spans="14:14">
      <c r="N5804" s="10"/>
    </row>
    <row r="5805" spans="14:14">
      <c r="N5805" s="10"/>
    </row>
    <row r="5806" spans="14:14">
      <c r="N5806" s="10"/>
    </row>
    <row r="5807" spans="14:14">
      <c r="N5807" s="10"/>
    </row>
    <row r="5808" spans="14:14">
      <c r="N5808" s="10"/>
    </row>
    <row r="5809" spans="14:14">
      <c r="N5809" s="10"/>
    </row>
    <row r="5810" spans="14:14">
      <c r="N5810" s="10"/>
    </row>
    <row r="5811" spans="14:14">
      <c r="N5811" s="10"/>
    </row>
    <row r="5812" spans="14:14">
      <c r="N5812" s="10"/>
    </row>
    <row r="5813" spans="14:14">
      <c r="N5813" s="10"/>
    </row>
    <row r="5814" spans="14:14">
      <c r="N5814" s="10"/>
    </row>
    <row r="5815" spans="14:14">
      <c r="N5815" s="10"/>
    </row>
    <row r="5816" spans="14:14">
      <c r="N5816" s="10"/>
    </row>
    <row r="5817" spans="14:14">
      <c r="N5817" s="10"/>
    </row>
    <row r="5818" spans="14:14">
      <c r="N5818" s="10"/>
    </row>
    <row r="5819" spans="14:14">
      <c r="N5819" s="10"/>
    </row>
    <row r="5820" spans="14:14">
      <c r="N5820" s="10"/>
    </row>
    <row r="5821" spans="14:14">
      <c r="N5821" s="10"/>
    </row>
    <row r="5822" spans="14:14">
      <c r="N5822" s="10"/>
    </row>
    <row r="5823" spans="14:14">
      <c r="N5823" s="10"/>
    </row>
    <row r="5824" spans="14:14">
      <c r="N5824" s="10"/>
    </row>
    <row r="5825" spans="14:14">
      <c r="N5825" s="10"/>
    </row>
    <row r="5826" spans="14:14">
      <c r="N5826" s="10"/>
    </row>
    <row r="5827" spans="14:14">
      <c r="N5827" s="10"/>
    </row>
    <row r="5828" spans="14:14">
      <c r="N5828" s="10"/>
    </row>
    <row r="5829" spans="14:14">
      <c r="N5829" s="10"/>
    </row>
    <row r="5830" spans="14:14">
      <c r="N5830" s="10"/>
    </row>
    <row r="5831" spans="14:14">
      <c r="N5831" s="10"/>
    </row>
    <row r="5832" spans="14:14">
      <c r="N5832" s="10"/>
    </row>
    <row r="5833" spans="14:14">
      <c r="N5833" s="10"/>
    </row>
    <row r="5834" spans="14:14">
      <c r="N5834" s="10"/>
    </row>
    <row r="5835" spans="14:14">
      <c r="N5835" s="10"/>
    </row>
    <row r="5836" spans="14:14">
      <c r="N5836" s="10"/>
    </row>
    <row r="5837" spans="14:14">
      <c r="N5837" s="10"/>
    </row>
    <row r="5838" spans="14:14">
      <c r="N5838" s="10"/>
    </row>
    <row r="5839" spans="14:14">
      <c r="N5839" s="10"/>
    </row>
    <row r="5840" spans="14:14">
      <c r="N5840" s="10"/>
    </row>
    <row r="5841" spans="14:14">
      <c r="N5841" s="10"/>
    </row>
    <row r="5842" spans="14:14">
      <c r="N5842" s="10"/>
    </row>
    <row r="5843" spans="14:14">
      <c r="N5843" s="10"/>
    </row>
    <row r="5844" spans="14:14">
      <c r="N5844" s="10"/>
    </row>
    <row r="5845" spans="14:14">
      <c r="N5845" s="10"/>
    </row>
    <row r="5846" spans="14:14">
      <c r="N5846" s="10"/>
    </row>
    <row r="5847" spans="14:14">
      <c r="N5847" s="10"/>
    </row>
    <row r="5848" spans="14:14">
      <c r="N5848" s="10"/>
    </row>
    <row r="5849" spans="14:14">
      <c r="N5849" s="10"/>
    </row>
    <row r="5850" spans="14:14">
      <c r="N5850" s="10"/>
    </row>
    <row r="5851" spans="14:14">
      <c r="N5851" s="10"/>
    </row>
    <row r="5852" spans="14:14">
      <c r="N5852" s="10"/>
    </row>
    <row r="5853" spans="14:14">
      <c r="N5853" s="10"/>
    </row>
    <row r="5854" spans="14:14">
      <c r="N5854" s="10"/>
    </row>
    <row r="5855" spans="14:14">
      <c r="N5855" s="10"/>
    </row>
    <row r="5856" spans="14:14">
      <c r="N5856" s="10"/>
    </row>
    <row r="5857" spans="14:14">
      <c r="N5857" s="10"/>
    </row>
    <row r="5858" spans="14:14">
      <c r="N5858" s="10"/>
    </row>
    <row r="5859" spans="14:14">
      <c r="N5859" s="10"/>
    </row>
    <row r="5860" spans="14:14">
      <c r="N5860" s="10"/>
    </row>
    <row r="5861" spans="14:14">
      <c r="N5861" s="10"/>
    </row>
    <row r="5862" spans="14:14">
      <c r="N5862" s="10"/>
    </row>
    <row r="5863" spans="14:14">
      <c r="N5863" s="10"/>
    </row>
    <row r="5864" spans="14:14">
      <c r="N5864" s="10"/>
    </row>
    <row r="5865" spans="14:14">
      <c r="N5865" s="10"/>
    </row>
    <row r="5866" spans="14:14">
      <c r="N5866" s="10"/>
    </row>
    <row r="5867" spans="14:14">
      <c r="N5867" s="10"/>
    </row>
    <row r="5868" spans="14:14">
      <c r="N5868" s="10"/>
    </row>
    <row r="5869" spans="14:14">
      <c r="N5869" s="10"/>
    </row>
    <row r="5870" spans="14:14">
      <c r="N5870" s="10"/>
    </row>
    <row r="5871" spans="14:14">
      <c r="N5871" s="10"/>
    </row>
    <row r="5872" spans="14:14">
      <c r="N5872" s="10"/>
    </row>
    <row r="5873" spans="14:14">
      <c r="N5873" s="10"/>
    </row>
    <row r="5874" spans="14:14">
      <c r="N5874" s="10"/>
    </row>
    <row r="5875" spans="14:14">
      <c r="N5875" s="10"/>
    </row>
    <row r="5876" spans="14:14">
      <c r="N5876" s="10"/>
    </row>
    <row r="5877" spans="14:14">
      <c r="N5877" s="10"/>
    </row>
    <row r="5878" spans="14:14">
      <c r="N5878" s="10"/>
    </row>
    <row r="5879" spans="14:14">
      <c r="N5879" s="10"/>
    </row>
    <row r="5880" spans="14:14">
      <c r="N5880" s="10"/>
    </row>
    <row r="5881" spans="14:14">
      <c r="N5881" s="10"/>
    </row>
    <row r="5882" spans="14:14">
      <c r="N5882" s="10"/>
    </row>
    <row r="5883" spans="14:14">
      <c r="N5883" s="10"/>
    </row>
    <row r="5884" spans="14:14">
      <c r="N5884" s="10"/>
    </row>
    <row r="5885" spans="14:14">
      <c r="N5885" s="10"/>
    </row>
    <row r="5886" spans="14:14">
      <c r="N5886" s="10"/>
    </row>
    <row r="5887" spans="14:14">
      <c r="N5887" s="10"/>
    </row>
    <row r="5888" spans="14:14">
      <c r="N5888" s="10"/>
    </row>
    <row r="5889" spans="14:14">
      <c r="N5889" s="10"/>
    </row>
    <row r="5890" spans="14:14">
      <c r="N5890" s="10"/>
    </row>
    <row r="5891" spans="14:14">
      <c r="N5891" s="10"/>
    </row>
    <row r="5892" spans="14:14">
      <c r="N5892" s="10"/>
    </row>
    <row r="5893" spans="14:14">
      <c r="N5893" s="10"/>
    </row>
    <row r="5894" spans="14:14">
      <c r="N5894" s="10"/>
    </row>
    <row r="5895" spans="14:14">
      <c r="N5895" s="10"/>
    </row>
    <row r="5896" spans="14:14">
      <c r="N5896" s="10"/>
    </row>
    <row r="5897" spans="14:14">
      <c r="N5897" s="10"/>
    </row>
    <row r="5898" spans="14:14">
      <c r="N5898" s="10"/>
    </row>
    <row r="5899" spans="14:14">
      <c r="N5899" s="10"/>
    </row>
    <row r="5900" spans="14:14">
      <c r="N5900" s="10"/>
    </row>
    <row r="5901" spans="14:14">
      <c r="N5901" s="10"/>
    </row>
    <row r="5902" spans="14:14">
      <c r="N5902" s="10"/>
    </row>
    <row r="5903" spans="14:14">
      <c r="N5903" s="10"/>
    </row>
    <row r="5904" spans="14:14">
      <c r="N5904" s="10"/>
    </row>
    <row r="5905" spans="14:14">
      <c r="N5905" s="10"/>
    </row>
    <row r="5906" spans="14:14">
      <c r="N5906" s="10"/>
    </row>
    <row r="5907" spans="14:14">
      <c r="N5907" s="10"/>
    </row>
    <row r="5908" spans="14:14">
      <c r="N5908" s="10"/>
    </row>
    <row r="5909" spans="14:14">
      <c r="N5909" s="10"/>
    </row>
    <row r="5910" spans="14:14">
      <c r="N5910" s="10"/>
    </row>
    <row r="5911" spans="14:14">
      <c r="N5911" s="10"/>
    </row>
    <row r="5912" spans="14:14">
      <c r="N5912" s="10"/>
    </row>
    <row r="5913" spans="14:14">
      <c r="N5913" s="10"/>
    </row>
    <row r="5914" spans="14:14">
      <c r="N5914" s="10"/>
    </row>
    <row r="5915" spans="14:14">
      <c r="N5915" s="10"/>
    </row>
    <row r="5916" spans="14:14">
      <c r="N5916" s="10"/>
    </row>
    <row r="5917" spans="14:14">
      <c r="N5917" s="10"/>
    </row>
    <row r="5918" spans="14:14">
      <c r="N5918" s="10"/>
    </row>
    <row r="5919" spans="14:14">
      <c r="N5919" s="10"/>
    </row>
    <row r="5920" spans="14:14">
      <c r="N5920" s="10"/>
    </row>
    <row r="5921" spans="14:14">
      <c r="N5921" s="10"/>
    </row>
    <row r="5922" spans="14:14">
      <c r="N5922" s="10"/>
    </row>
    <row r="5923" spans="14:14">
      <c r="N5923" s="10"/>
    </row>
    <row r="5924" spans="14:14">
      <c r="N5924" s="10"/>
    </row>
    <row r="5925" spans="14:14">
      <c r="N5925" s="10"/>
    </row>
    <row r="5926" spans="14:14">
      <c r="N5926" s="10"/>
    </row>
    <row r="5927" spans="14:14">
      <c r="N5927" s="10"/>
    </row>
    <row r="5928" spans="14:14">
      <c r="N5928" s="10"/>
    </row>
    <row r="5929" spans="14:14">
      <c r="N5929" s="10"/>
    </row>
    <row r="5930" spans="14:14">
      <c r="N5930" s="10"/>
    </row>
    <row r="5931" spans="14:14">
      <c r="N5931" s="10"/>
    </row>
    <row r="5932" spans="14:14">
      <c r="N5932" s="10"/>
    </row>
    <row r="5933" spans="14:14">
      <c r="N5933" s="10"/>
    </row>
    <row r="5934" spans="14:14">
      <c r="N5934" s="10"/>
    </row>
    <row r="5935" spans="14:14">
      <c r="N5935" s="10"/>
    </row>
    <row r="5936" spans="14:14">
      <c r="N5936" s="10"/>
    </row>
    <row r="5937" spans="14:14">
      <c r="N5937" s="10"/>
    </row>
    <row r="5938" spans="14:14">
      <c r="N5938" s="10"/>
    </row>
    <row r="5939" spans="14:14">
      <c r="N5939" s="10"/>
    </row>
    <row r="5940" spans="14:14">
      <c r="N5940" s="10"/>
    </row>
    <row r="5941" spans="14:14">
      <c r="N5941" s="10"/>
    </row>
    <row r="5942" spans="14:14">
      <c r="N5942" s="10"/>
    </row>
    <row r="5943" spans="14:14">
      <c r="N5943" s="10"/>
    </row>
    <row r="5944" spans="14:14">
      <c r="N5944" s="10"/>
    </row>
    <row r="5945" spans="14:14">
      <c r="N5945" s="10"/>
    </row>
    <row r="5946" spans="14:14">
      <c r="N5946" s="10"/>
    </row>
    <row r="5947" spans="14:14">
      <c r="N5947" s="10"/>
    </row>
    <row r="5948" spans="14:14">
      <c r="N5948" s="10"/>
    </row>
    <row r="5949" spans="14:14">
      <c r="N5949" s="10"/>
    </row>
    <row r="5950" spans="14:14">
      <c r="N5950" s="10"/>
    </row>
    <row r="5951" spans="14:14">
      <c r="N5951" s="10"/>
    </row>
    <row r="5952" spans="14:14">
      <c r="N5952" s="10"/>
    </row>
    <row r="5953" spans="14:14">
      <c r="N5953" s="10"/>
    </row>
    <row r="5954" spans="14:14">
      <c r="N5954" s="10"/>
    </row>
    <row r="5955" spans="14:14">
      <c r="N5955" s="10"/>
    </row>
    <row r="5956" spans="14:14">
      <c r="N5956" s="10"/>
    </row>
    <row r="5957" spans="14:14">
      <c r="N5957" s="10"/>
    </row>
    <row r="5958" spans="14:14">
      <c r="N5958" s="10"/>
    </row>
    <row r="5959" spans="14:14">
      <c r="N5959" s="10"/>
    </row>
    <row r="5960" spans="14:14">
      <c r="N5960" s="10"/>
    </row>
    <row r="5961" spans="14:14">
      <c r="N5961" s="10"/>
    </row>
    <row r="5962" spans="14:14">
      <c r="N5962" s="10"/>
    </row>
    <row r="5963" spans="14:14">
      <c r="N5963" s="10"/>
    </row>
    <row r="5964" spans="14:14">
      <c r="N5964" s="10"/>
    </row>
    <row r="5965" spans="14:14">
      <c r="N5965" s="10"/>
    </row>
    <row r="5966" spans="14:14">
      <c r="N5966" s="10"/>
    </row>
    <row r="5967" spans="14:14">
      <c r="N5967" s="10"/>
    </row>
    <row r="5968" spans="14:14">
      <c r="N5968" s="10"/>
    </row>
    <row r="5969" spans="14:14">
      <c r="N5969" s="10"/>
    </row>
    <row r="5970" spans="14:14">
      <c r="N5970" s="10"/>
    </row>
    <row r="5971" spans="14:14">
      <c r="N5971" s="10"/>
    </row>
    <row r="5972" spans="14:14">
      <c r="N5972" s="10"/>
    </row>
    <row r="5973" spans="14:14">
      <c r="N5973" s="10"/>
    </row>
    <row r="5974" spans="14:14">
      <c r="N5974" s="10"/>
    </row>
    <row r="5975" spans="14:14">
      <c r="N5975" s="10"/>
    </row>
    <row r="5976" spans="14:14">
      <c r="N5976" s="10"/>
    </row>
    <row r="5977" spans="14:14">
      <c r="N5977" s="10"/>
    </row>
    <row r="5978" spans="14:14">
      <c r="N5978" s="10"/>
    </row>
    <row r="5979" spans="14:14">
      <c r="N5979" s="10"/>
    </row>
    <row r="5980" spans="14:14">
      <c r="N5980" s="10"/>
    </row>
    <row r="5981" spans="14:14">
      <c r="N5981" s="10"/>
    </row>
    <row r="5982" spans="14:14">
      <c r="N5982" s="10"/>
    </row>
    <row r="5983" spans="14:14">
      <c r="N5983" s="10"/>
    </row>
    <row r="5984" spans="14:14">
      <c r="N5984" s="10"/>
    </row>
    <row r="5985" spans="14:14">
      <c r="N5985" s="10"/>
    </row>
    <row r="5986" spans="14:14">
      <c r="N5986" s="10"/>
    </row>
    <row r="5987" spans="14:14">
      <c r="N5987" s="10"/>
    </row>
    <row r="5988" spans="14:14">
      <c r="N5988" s="10"/>
    </row>
    <row r="5989" spans="14:14">
      <c r="N5989" s="10"/>
    </row>
    <row r="5990" spans="14:14">
      <c r="N5990" s="10"/>
    </row>
    <row r="5991" spans="14:14">
      <c r="N5991" s="10"/>
    </row>
    <row r="5992" spans="14:14">
      <c r="N5992" s="10"/>
    </row>
    <row r="5993" spans="14:14">
      <c r="N5993" s="10"/>
    </row>
    <row r="5994" spans="14:14">
      <c r="N5994" s="10"/>
    </row>
    <row r="5995" spans="14:14">
      <c r="N5995" s="10"/>
    </row>
    <row r="5996" spans="14:14">
      <c r="N5996" s="10"/>
    </row>
    <row r="5997" spans="14:14">
      <c r="N5997" s="10"/>
    </row>
    <row r="5998" spans="14:14">
      <c r="N5998" s="10"/>
    </row>
    <row r="5999" spans="14:14">
      <c r="N5999" s="10"/>
    </row>
    <row r="6000" spans="14:14">
      <c r="N6000" s="10"/>
    </row>
    <row r="6001" spans="14:14">
      <c r="N6001" s="10"/>
    </row>
    <row r="6002" spans="14:14">
      <c r="N6002" s="10"/>
    </row>
    <row r="6003" spans="14:14">
      <c r="N6003" s="10"/>
    </row>
    <row r="6004" spans="14:14">
      <c r="N6004" s="10"/>
    </row>
    <row r="6005" spans="14:14">
      <c r="N6005" s="10"/>
    </row>
    <row r="6006" spans="14:14">
      <c r="N6006" s="10"/>
    </row>
    <row r="6007" spans="14:14">
      <c r="N6007" s="10"/>
    </row>
    <row r="6008" spans="14:14">
      <c r="N6008" s="10"/>
    </row>
    <row r="6009" spans="14:14">
      <c r="N6009" s="10"/>
    </row>
    <row r="6010" spans="14:14">
      <c r="N6010" s="10"/>
    </row>
    <row r="6011" spans="14:14">
      <c r="N6011" s="10"/>
    </row>
    <row r="6012" spans="14:14">
      <c r="N6012" s="10"/>
    </row>
    <row r="6013" spans="14:14">
      <c r="N6013" s="10"/>
    </row>
    <row r="6014" spans="14:14">
      <c r="N6014" s="10"/>
    </row>
    <row r="6015" spans="14:14">
      <c r="N6015" s="10"/>
    </row>
    <row r="6016" spans="14:14">
      <c r="N6016" s="10"/>
    </row>
    <row r="6017" spans="14:14">
      <c r="N6017" s="10"/>
    </row>
    <row r="6018" spans="14:14">
      <c r="N6018" s="10"/>
    </row>
    <row r="6019" spans="14:14">
      <c r="N6019" s="10"/>
    </row>
    <row r="6020" spans="14:14">
      <c r="N6020" s="10"/>
    </row>
    <row r="6021" spans="14:14">
      <c r="N6021" s="10"/>
    </row>
    <row r="6022" spans="14:14">
      <c r="N6022" s="10"/>
    </row>
    <row r="6023" spans="14:14">
      <c r="N6023" s="10"/>
    </row>
    <row r="6024" spans="14:14">
      <c r="N6024" s="10"/>
    </row>
    <row r="6025" spans="14:14">
      <c r="N6025" s="10"/>
    </row>
    <row r="6026" spans="14:14">
      <c r="N6026" s="10"/>
    </row>
    <row r="6027" spans="14:14">
      <c r="N6027" s="10"/>
    </row>
    <row r="6028" spans="14:14">
      <c r="N6028" s="10"/>
    </row>
    <row r="6029" spans="14:14">
      <c r="N6029" s="10"/>
    </row>
    <row r="6030" spans="14:14">
      <c r="N6030" s="10"/>
    </row>
    <row r="6031" spans="14:14">
      <c r="N6031" s="10"/>
    </row>
    <row r="6032" spans="14:14">
      <c r="N6032" s="10"/>
    </row>
    <row r="6033" spans="14:14">
      <c r="N6033" s="10"/>
    </row>
    <row r="6034" spans="14:14">
      <c r="N6034" s="10"/>
    </row>
    <row r="6035" spans="14:14">
      <c r="N6035" s="10"/>
    </row>
    <row r="6036" spans="14:14">
      <c r="N6036" s="10"/>
    </row>
    <row r="6037" spans="14:14">
      <c r="N6037" s="10"/>
    </row>
    <row r="6038" spans="14:14">
      <c r="N6038" s="10"/>
    </row>
    <row r="6039" spans="14:14">
      <c r="N6039" s="10"/>
    </row>
    <row r="6040" spans="14:14">
      <c r="N6040" s="10"/>
    </row>
    <row r="6041" spans="14:14">
      <c r="N6041" s="10"/>
    </row>
    <row r="6042" spans="14:14">
      <c r="N6042" s="10"/>
    </row>
    <row r="6043" spans="14:14">
      <c r="N6043" s="10"/>
    </row>
    <row r="6044" spans="14:14">
      <c r="N6044" s="10"/>
    </row>
    <row r="6045" spans="14:14">
      <c r="N6045" s="10"/>
    </row>
    <row r="6046" spans="14:14">
      <c r="N6046" s="10"/>
    </row>
    <row r="6047" spans="14:14">
      <c r="N6047" s="10"/>
    </row>
    <row r="6048" spans="14:14">
      <c r="N6048" s="10"/>
    </row>
    <row r="6049" spans="14:14">
      <c r="N6049" s="10"/>
    </row>
    <row r="6050" spans="14:14">
      <c r="N6050" s="10"/>
    </row>
    <row r="6051" spans="14:14">
      <c r="N6051" s="10"/>
    </row>
    <row r="6052" spans="14:14">
      <c r="N6052" s="10"/>
    </row>
    <row r="6053" spans="14:14">
      <c r="N6053" s="10"/>
    </row>
    <row r="6054" spans="14:14">
      <c r="N6054" s="10"/>
    </row>
    <row r="6055" spans="14:14">
      <c r="N6055" s="10"/>
    </row>
    <row r="6056" spans="14:14">
      <c r="N6056" s="10"/>
    </row>
    <row r="6057" spans="14:14">
      <c r="N6057" s="10"/>
    </row>
    <row r="6058" spans="14:14">
      <c r="N6058" s="10"/>
    </row>
    <row r="6059" spans="14:14">
      <c r="N6059" s="10"/>
    </row>
    <row r="6060" spans="14:14">
      <c r="N6060" s="10"/>
    </row>
    <row r="6061" spans="14:14">
      <c r="N6061" s="10"/>
    </row>
    <row r="6062" spans="14:14">
      <c r="N6062" s="10"/>
    </row>
    <row r="6063" spans="14:14">
      <c r="N6063" s="10"/>
    </row>
    <row r="6064" spans="14:14">
      <c r="N6064" s="10"/>
    </row>
    <row r="6065" spans="14:14">
      <c r="N6065" s="10"/>
    </row>
    <row r="6066" spans="14:14">
      <c r="N6066" s="10"/>
    </row>
    <row r="6067" spans="14:14">
      <c r="N6067" s="10"/>
    </row>
    <row r="6068" spans="14:14">
      <c r="N6068" s="10"/>
    </row>
    <row r="6069" spans="14:14">
      <c r="N6069" s="10"/>
    </row>
    <row r="6070" spans="14:14">
      <c r="N6070" s="10"/>
    </row>
    <row r="6071" spans="14:14">
      <c r="N6071" s="10"/>
    </row>
    <row r="6072" spans="14:14">
      <c r="N6072" s="10"/>
    </row>
    <row r="6073" spans="14:14">
      <c r="N6073" s="10"/>
    </row>
    <row r="6074" spans="14:14">
      <c r="N6074" s="10"/>
    </row>
    <row r="6075" spans="14:14">
      <c r="N6075" s="10"/>
    </row>
    <row r="6076" spans="14:14">
      <c r="N6076" s="10"/>
    </row>
    <row r="6077" spans="14:14">
      <c r="N6077" s="10"/>
    </row>
    <row r="6078" spans="14:14">
      <c r="N6078" s="10"/>
    </row>
    <row r="6079" spans="14:14">
      <c r="N6079" s="10"/>
    </row>
    <row r="6080" spans="14:14">
      <c r="N6080" s="10"/>
    </row>
    <row r="6081" spans="14:14">
      <c r="N6081" s="10"/>
    </row>
    <row r="6082" spans="14:14">
      <c r="N6082" s="10"/>
    </row>
    <row r="6083" spans="14:14">
      <c r="N6083" s="10"/>
    </row>
    <row r="6084" spans="14:14">
      <c r="N6084" s="10"/>
    </row>
    <row r="6085" spans="14:14">
      <c r="N6085" s="10"/>
    </row>
    <row r="6086" spans="14:14">
      <c r="N6086" s="10"/>
    </row>
    <row r="6087" spans="14:14">
      <c r="N6087" s="10"/>
    </row>
    <row r="6088" spans="14:14">
      <c r="N6088" s="10"/>
    </row>
    <row r="6089" spans="14:14">
      <c r="N6089" s="10"/>
    </row>
    <row r="6090" spans="14:14">
      <c r="N6090" s="10"/>
    </row>
    <row r="6091" spans="14:14">
      <c r="N6091" s="10"/>
    </row>
    <row r="6092" spans="14:14">
      <c r="N6092" s="10"/>
    </row>
    <row r="6093" spans="14:14">
      <c r="N6093" s="10"/>
    </row>
    <row r="6094" spans="14:14">
      <c r="N6094" s="10"/>
    </row>
    <row r="6095" spans="14:14">
      <c r="N6095" s="10"/>
    </row>
    <row r="6096" spans="14:14">
      <c r="N6096" s="10"/>
    </row>
    <row r="6097" spans="14:14">
      <c r="N6097" s="10"/>
    </row>
    <row r="6098" spans="14:14">
      <c r="N6098" s="10"/>
    </row>
    <row r="6099" spans="14:14">
      <c r="N6099" s="10"/>
    </row>
    <row r="6100" spans="14:14">
      <c r="N6100" s="10"/>
    </row>
    <row r="6101" spans="14:14">
      <c r="N6101" s="10"/>
    </row>
    <row r="6102" spans="14:14">
      <c r="N6102" s="10"/>
    </row>
    <row r="6103" spans="14:14">
      <c r="N6103" s="10"/>
    </row>
    <row r="6104" spans="14:14">
      <c r="N6104" s="10"/>
    </row>
    <row r="6105" spans="14:14">
      <c r="N6105" s="10"/>
    </row>
    <row r="6106" spans="14:14">
      <c r="N6106" s="10"/>
    </row>
    <row r="6107" spans="14:14">
      <c r="N6107" s="10"/>
    </row>
    <row r="6108" spans="14:14">
      <c r="N6108" s="10"/>
    </row>
    <row r="6109" spans="14:14">
      <c r="N6109" s="10"/>
    </row>
    <row r="6110" spans="14:14">
      <c r="N6110" s="10"/>
    </row>
    <row r="6111" spans="14:14">
      <c r="N6111" s="10"/>
    </row>
    <row r="6112" spans="14:14">
      <c r="N6112" s="10"/>
    </row>
    <row r="6113" spans="14:14">
      <c r="N6113" s="10"/>
    </row>
    <row r="6114" spans="14:14">
      <c r="N6114" s="10"/>
    </row>
    <row r="6115" spans="14:14">
      <c r="N6115" s="10"/>
    </row>
    <row r="6116" spans="14:14">
      <c r="N6116" s="10"/>
    </row>
    <row r="6117" spans="14:14">
      <c r="N6117" s="10"/>
    </row>
    <row r="6118" spans="14:14">
      <c r="N6118" s="10"/>
    </row>
    <row r="6119" spans="14:14">
      <c r="N6119" s="10"/>
    </row>
    <row r="6120" spans="14:14">
      <c r="N6120" s="10"/>
    </row>
    <row r="6121" spans="14:14">
      <c r="N6121" s="10"/>
    </row>
    <row r="6122" spans="14:14">
      <c r="N6122" s="10"/>
    </row>
    <row r="6123" spans="14:14">
      <c r="N6123" s="10"/>
    </row>
    <row r="6124" spans="14:14">
      <c r="N6124" s="10"/>
    </row>
    <row r="6125" spans="14:14">
      <c r="N6125" s="10"/>
    </row>
    <row r="6126" spans="14:14">
      <c r="N6126" s="10"/>
    </row>
    <row r="6127" spans="14:14">
      <c r="N6127" s="10"/>
    </row>
    <row r="6128" spans="14:14">
      <c r="N6128" s="10"/>
    </row>
    <row r="6129" spans="14:14">
      <c r="N6129" s="10"/>
    </row>
    <row r="6130" spans="14:14">
      <c r="N6130" s="10"/>
    </row>
    <row r="6131" spans="14:14">
      <c r="N6131" s="10"/>
    </row>
    <row r="6132" spans="14:14">
      <c r="N6132" s="10"/>
    </row>
    <row r="6133" spans="14:14">
      <c r="N6133" s="10"/>
    </row>
    <row r="6134" spans="14:14">
      <c r="N6134" s="10"/>
    </row>
    <row r="6135" spans="14:14">
      <c r="N6135" s="10"/>
    </row>
    <row r="6136" spans="14:14">
      <c r="N6136" s="10"/>
    </row>
    <row r="6137" spans="14:14">
      <c r="N6137" s="10"/>
    </row>
    <row r="6138" spans="14:14">
      <c r="N6138" s="10"/>
    </row>
    <row r="6139" spans="14:14">
      <c r="N6139" s="10"/>
    </row>
    <row r="6140" spans="14:14">
      <c r="N6140" s="10"/>
    </row>
    <row r="6141" spans="14:14">
      <c r="N6141" s="10"/>
    </row>
    <row r="6142" spans="14:14">
      <c r="N6142" s="10"/>
    </row>
    <row r="6143" spans="14:14">
      <c r="N6143" s="10"/>
    </row>
    <row r="6144" spans="14:14">
      <c r="N6144" s="10"/>
    </row>
    <row r="6145" spans="14:14">
      <c r="N6145" s="10"/>
    </row>
    <row r="6146" spans="14:14">
      <c r="N6146" s="10"/>
    </row>
    <row r="6147" spans="14:14">
      <c r="N6147" s="10"/>
    </row>
    <row r="6148" spans="14:14">
      <c r="N6148" s="10"/>
    </row>
    <row r="6149" spans="14:14">
      <c r="N6149" s="10"/>
    </row>
    <row r="6150" spans="14:14">
      <c r="N6150" s="10"/>
    </row>
    <row r="6151" spans="14:14">
      <c r="N6151" s="10"/>
    </row>
    <row r="6152" spans="14:14">
      <c r="N6152" s="10"/>
    </row>
    <row r="6153" spans="14:14">
      <c r="N6153" s="10"/>
    </row>
    <row r="6154" spans="14:14">
      <c r="N6154" s="10"/>
    </row>
    <row r="6155" spans="14:14">
      <c r="N6155" s="10"/>
    </row>
    <row r="6156" spans="14:14">
      <c r="N6156" s="10"/>
    </row>
    <row r="6157" spans="14:14">
      <c r="N6157" s="10"/>
    </row>
    <row r="6158" spans="14:14">
      <c r="N6158" s="10"/>
    </row>
    <row r="6159" spans="14:14">
      <c r="N6159" s="10"/>
    </row>
    <row r="6160" spans="14:14">
      <c r="N6160" s="10"/>
    </row>
    <row r="6161" spans="14:14">
      <c r="N6161" s="10"/>
    </row>
    <row r="6162" spans="14:14">
      <c r="N6162" s="10"/>
    </row>
    <row r="6163" spans="14:14">
      <c r="N6163" s="10"/>
    </row>
    <row r="6164" spans="14:14">
      <c r="N6164" s="10"/>
    </row>
    <row r="6165" spans="14:14">
      <c r="N6165" s="10"/>
    </row>
    <row r="6166" spans="14:14">
      <c r="N6166" s="10"/>
    </row>
    <row r="6167" spans="14:14">
      <c r="N6167" s="10"/>
    </row>
    <row r="6168" spans="14:14">
      <c r="N6168" s="10"/>
    </row>
    <row r="6169" spans="14:14">
      <c r="N6169" s="10"/>
    </row>
    <row r="6170" spans="14:14">
      <c r="N6170" s="10"/>
    </row>
    <row r="6171" spans="14:14">
      <c r="N6171" s="10"/>
    </row>
    <row r="6172" spans="14:14">
      <c r="N6172" s="10"/>
    </row>
    <row r="6173" spans="14:14">
      <c r="N6173" s="10"/>
    </row>
    <row r="6174" spans="14:14">
      <c r="N6174" s="10"/>
    </row>
    <row r="6175" spans="14:14">
      <c r="N6175" s="10"/>
    </row>
    <row r="6176" spans="14:14">
      <c r="N6176" s="10"/>
    </row>
    <row r="6177" spans="14:14">
      <c r="N6177" s="10"/>
    </row>
    <row r="6178" spans="14:14">
      <c r="N6178" s="10"/>
    </row>
    <row r="6179" spans="14:14">
      <c r="N6179" s="10"/>
    </row>
    <row r="6180" spans="14:14">
      <c r="N6180" s="10"/>
    </row>
    <row r="6181" spans="14:14">
      <c r="N6181" s="10"/>
    </row>
    <row r="6182" spans="14:14">
      <c r="N6182" s="10"/>
    </row>
    <row r="6183" spans="14:14">
      <c r="N6183" s="10"/>
    </row>
    <row r="6184" spans="14:14">
      <c r="N6184" s="10"/>
    </row>
    <row r="6185" spans="14:14">
      <c r="N6185" s="10"/>
    </row>
    <row r="6186" spans="14:14">
      <c r="N6186" s="10"/>
    </row>
    <row r="6187" spans="14:14">
      <c r="N6187" s="10"/>
    </row>
    <row r="6188" spans="14:14">
      <c r="N6188" s="10"/>
    </row>
    <row r="6189" spans="14:14">
      <c r="N6189" s="10"/>
    </row>
    <row r="6190" spans="14:14">
      <c r="N6190" s="10"/>
    </row>
    <row r="6191" spans="14:14">
      <c r="N6191" s="10"/>
    </row>
    <row r="6192" spans="14:14">
      <c r="N6192" s="10"/>
    </row>
    <row r="6193" spans="14:14">
      <c r="N6193" s="10"/>
    </row>
    <row r="6194" spans="14:14">
      <c r="N6194" s="10"/>
    </row>
    <row r="6195" spans="14:14">
      <c r="N6195" s="10"/>
    </row>
    <row r="6196" spans="14:14">
      <c r="N6196" s="10"/>
    </row>
    <row r="6197" spans="14:14">
      <c r="N6197" s="10"/>
    </row>
    <row r="6198" spans="14:14">
      <c r="N6198" s="10"/>
    </row>
    <row r="6199" spans="14:14">
      <c r="N6199" s="10"/>
    </row>
    <row r="6200" spans="14:14">
      <c r="N6200" s="10"/>
    </row>
    <row r="6201" spans="14:14">
      <c r="N6201" s="10"/>
    </row>
    <row r="6202" spans="14:14">
      <c r="N6202" s="10"/>
    </row>
    <row r="6203" spans="14:14">
      <c r="N6203" s="10"/>
    </row>
    <row r="6204" spans="14:14">
      <c r="N6204" s="10"/>
    </row>
    <row r="6205" spans="14:14">
      <c r="N6205" s="10"/>
    </row>
    <row r="6206" spans="14:14">
      <c r="N6206" s="10"/>
    </row>
    <row r="6207" spans="14:14">
      <c r="N6207" s="10"/>
    </row>
    <row r="6208" spans="14:14">
      <c r="N6208" s="10"/>
    </row>
    <row r="6209" spans="14:14">
      <c r="N6209" s="10"/>
    </row>
    <row r="6210" spans="14:14">
      <c r="N6210" s="10"/>
    </row>
    <row r="6211" spans="14:14">
      <c r="N6211" s="10"/>
    </row>
    <row r="6212" spans="14:14">
      <c r="N6212" s="10"/>
    </row>
    <row r="6213" spans="14:14">
      <c r="N6213" s="10"/>
    </row>
    <row r="6214" spans="14:14">
      <c r="N6214" s="10"/>
    </row>
    <row r="6215" spans="14:14">
      <c r="N6215" s="10"/>
    </row>
    <row r="6216" spans="14:14">
      <c r="N6216" s="10"/>
    </row>
    <row r="6217" spans="14:14">
      <c r="N6217" s="10"/>
    </row>
    <row r="6218" spans="14:14">
      <c r="N6218" s="10"/>
    </row>
    <row r="6219" spans="14:14">
      <c r="N6219" s="10"/>
    </row>
    <row r="6220" spans="14:14">
      <c r="N6220" s="10"/>
    </row>
    <row r="6221" spans="14:14">
      <c r="N6221" s="10"/>
    </row>
    <row r="6222" spans="14:14">
      <c r="N6222" s="10"/>
    </row>
    <row r="6223" spans="14:14">
      <c r="N6223" s="10"/>
    </row>
    <row r="6224" spans="14:14">
      <c r="N6224" s="10"/>
    </row>
    <row r="6225" spans="14:14">
      <c r="N6225" s="10"/>
    </row>
    <row r="6226" spans="14:14">
      <c r="N6226" s="10"/>
    </row>
    <row r="6227" spans="14:14">
      <c r="N6227" s="10"/>
    </row>
    <row r="6228" spans="14:14">
      <c r="N6228" s="10"/>
    </row>
    <row r="6229" spans="14:14">
      <c r="N6229" s="10"/>
    </row>
    <row r="6230" spans="14:14">
      <c r="N6230" s="10"/>
    </row>
    <row r="6231" spans="14:14">
      <c r="N6231" s="10"/>
    </row>
    <row r="6232" spans="14:14">
      <c r="N6232" s="10"/>
    </row>
    <row r="6233" spans="14:14">
      <c r="N6233" s="10"/>
    </row>
    <row r="6234" spans="14:14">
      <c r="N6234" s="10"/>
    </row>
    <row r="6235" spans="14:14">
      <c r="N6235" s="10"/>
    </row>
    <row r="6236" spans="14:14">
      <c r="N6236" s="10"/>
    </row>
    <row r="6237" spans="14:14">
      <c r="N6237" s="10"/>
    </row>
    <row r="6238" spans="14:14">
      <c r="N6238" s="10"/>
    </row>
    <row r="6239" spans="14:14">
      <c r="N6239" s="10"/>
    </row>
    <row r="6240" spans="14:14">
      <c r="N6240" s="10"/>
    </row>
    <row r="6241" spans="14:14">
      <c r="N6241" s="10"/>
    </row>
    <row r="6242" spans="14:14">
      <c r="N6242" s="10"/>
    </row>
    <row r="6243" spans="14:14">
      <c r="N6243" s="10"/>
    </row>
    <row r="6244" spans="14:14">
      <c r="N6244" s="10"/>
    </row>
    <row r="6245" spans="14:14">
      <c r="N6245" s="10"/>
    </row>
    <row r="6246" spans="14:14">
      <c r="N6246" s="10"/>
    </row>
    <row r="6247" spans="14:14">
      <c r="N6247" s="10"/>
    </row>
    <row r="6248" spans="14:14">
      <c r="N6248" s="10"/>
    </row>
    <row r="6249" spans="14:14">
      <c r="N6249" s="10"/>
    </row>
    <row r="6250" spans="14:14">
      <c r="N6250" s="10"/>
    </row>
    <row r="6251" spans="14:14">
      <c r="N6251" s="10"/>
    </row>
    <row r="6252" spans="14:14">
      <c r="N6252" s="10"/>
    </row>
    <row r="6253" spans="14:14">
      <c r="N6253" s="10"/>
    </row>
    <row r="6254" spans="14:14">
      <c r="N6254" s="10"/>
    </row>
    <row r="6255" spans="14:14">
      <c r="N6255" s="10"/>
    </row>
    <row r="6256" spans="14:14">
      <c r="N6256" s="10"/>
    </row>
    <row r="6257" spans="14:14">
      <c r="N6257" s="10"/>
    </row>
    <row r="6258" spans="14:14">
      <c r="N6258" s="10"/>
    </row>
    <row r="6259" spans="14:14">
      <c r="N6259" s="10"/>
    </row>
    <row r="6260" spans="14:14">
      <c r="N6260" s="10"/>
    </row>
    <row r="6261" spans="14:14">
      <c r="N6261" s="10"/>
    </row>
    <row r="6262" spans="14:14">
      <c r="N6262" s="10"/>
    </row>
    <row r="6263" spans="14:14">
      <c r="N6263" s="10"/>
    </row>
    <row r="6264" spans="14:14">
      <c r="N6264" s="10"/>
    </row>
    <row r="6265" spans="14:14">
      <c r="N6265" s="10"/>
    </row>
    <row r="6266" spans="14:14">
      <c r="N6266" s="10"/>
    </row>
    <row r="6267" spans="14:14">
      <c r="N6267" s="10"/>
    </row>
    <row r="6268" spans="14:14">
      <c r="N6268" s="10"/>
    </row>
    <row r="6269" spans="14:14">
      <c r="N6269" s="10"/>
    </row>
    <row r="6270" spans="14:14">
      <c r="N6270" s="10"/>
    </row>
    <row r="6271" spans="14:14">
      <c r="N6271" s="10"/>
    </row>
    <row r="6272" spans="14:14">
      <c r="N6272" s="10"/>
    </row>
    <row r="6273" spans="14:14">
      <c r="N6273" s="10"/>
    </row>
    <row r="6274" spans="14:14">
      <c r="N6274" s="10"/>
    </row>
    <row r="6275" spans="14:14">
      <c r="N6275" s="10"/>
    </row>
    <row r="6276" spans="14:14">
      <c r="N6276" s="10"/>
    </row>
    <row r="6277" spans="14:14">
      <c r="N6277" s="10"/>
    </row>
    <row r="6278" spans="14:14">
      <c r="N6278" s="10"/>
    </row>
    <row r="6279" spans="14:14">
      <c r="N6279" s="10"/>
    </row>
    <row r="6280" spans="14:14">
      <c r="N6280" s="10"/>
    </row>
    <row r="6281" spans="14:14">
      <c r="N6281" s="10"/>
    </row>
    <row r="6282" spans="14:14">
      <c r="N6282" s="10"/>
    </row>
    <row r="6283" spans="14:14">
      <c r="N6283" s="10"/>
    </row>
    <row r="6284" spans="14:14">
      <c r="N6284" s="10"/>
    </row>
    <row r="6285" spans="14:14">
      <c r="N6285" s="10"/>
    </row>
    <row r="6286" spans="14:14">
      <c r="N6286" s="10"/>
    </row>
    <row r="6287" spans="14:14">
      <c r="N6287" s="10"/>
    </row>
    <row r="6288" spans="14:14">
      <c r="N6288" s="10"/>
    </row>
    <row r="6289" spans="14:14">
      <c r="N6289" s="10"/>
    </row>
    <row r="6290" spans="14:14">
      <c r="N6290" s="10"/>
    </row>
    <row r="6291" spans="14:14">
      <c r="N6291" s="10"/>
    </row>
    <row r="6292" spans="14:14">
      <c r="N6292" s="10"/>
    </row>
    <row r="6293" spans="14:14">
      <c r="N6293" s="10"/>
    </row>
    <row r="6294" spans="14:14">
      <c r="N6294" s="10"/>
    </row>
    <row r="6295" spans="14:14">
      <c r="N6295" s="10"/>
    </row>
    <row r="6296" spans="14:14">
      <c r="N6296" s="10"/>
    </row>
    <row r="6297" spans="14:14">
      <c r="N6297" s="10"/>
    </row>
    <row r="6298" spans="14:14">
      <c r="N6298" s="10"/>
    </row>
    <row r="6299" spans="14:14">
      <c r="N6299" s="10"/>
    </row>
    <row r="6300" spans="14:14">
      <c r="N6300" s="10"/>
    </row>
    <row r="6301" spans="14:14">
      <c r="N6301" s="10"/>
    </row>
    <row r="6302" spans="14:14">
      <c r="N6302" s="10"/>
    </row>
    <row r="6303" spans="14:14">
      <c r="N6303" s="10"/>
    </row>
    <row r="6304" spans="14:14">
      <c r="N6304" s="10"/>
    </row>
    <row r="6305" spans="14:14">
      <c r="N6305" s="10"/>
    </row>
    <row r="6306" spans="14:14">
      <c r="N6306" s="10"/>
    </row>
    <row r="6307" spans="14:14">
      <c r="N6307" s="10"/>
    </row>
    <row r="6308" spans="14:14">
      <c r="N6308" s="10"/>
    </row>
    <row r="6309" spans="14:14">
      <c r="N6309" s="10"/>
    </row>
    <row r="6310" spans="14:14">
      <c r="N6310" s="10"/>
    </row>
    <row r="6311" spans="14:14">
      <c r="N6311" s="10"/>
    </row>
    <row r="6312" spans="14:14">
      <c r="N6312" s="10"/>
    </row>
    <row r="6313" spans="14:14">
      <c r="N6313" s="10"/>
    </row>
    <row r="6314" spans="14:14">
      <c r="N6314" s="10"/>
    </row>
    <row r="6315" spans="14:14">
      <c r="N6315" s="10"/>
    </row>
    <row r="6316" spans="14:14">
      <c r="N6316" s="10"/>
    </row>
    <row r="6317" spans="14:14">
      <c r="N6317" s="10"/>
    </row>
    <row r="6318" spans="14:14">
      <c r="N6318" s="10"/>
    </row>
    <row r="6319" spans="14:14">
      <c r="N6319" s="10"/>
    </row>
    <row r="6320" spans="14:14">
      <c r="N6320" s="10"/>
    </row>
    <row r="6321" spans="14:14">
      <c r="N6321" s="10"/>
    </row>
    <row r="6322" spans="14:14">
      <c r="N6322" s="10"/>
    </row>
    <row r="6323" spans="14:14">
      <c r="N6323" s="10"/>
    </row>
    <row r="6324" spans="14:14">
      <c r="N6324" s="10"/>
    </row>
    <row r="6325" spans="14:14">
      <c r="N6325" s="10"/>
    </row>
    <row r="6326" spans="14:14">
      <c r="N6326" s="10"/>
    </row>
    <row r="6327" spans="14:14">
      <c r="N6327" s="10"/>
    </row>
    <row r="6328" spans="14:14">
      <c r="N6328" s="10"/>
    </row>
    <row r="6329" spans="14:14">
      <c r="N6329" s="10"/>
    </row>
    <row r="6330" spans="14:14">
      <c r="N6330" s="10"/>
    </row>
    <row r="6331" spans="14:14">
      <c r="N6331" s="10"/>
    </row>
    <row r="6332" spans="14:14">
      <c r="N6332" s="10"/>
    </row>
    <row r="6333" spans="14:14">
      <c r="N6333" s="10"/>
    </row>
    <row r="6334" spans="14:14">
      <c r="N6334" s="10"/>
    </row>
    <row r="6335" spans="14:14">
      <c r="N6335" s="10"/>
    </row>
    <row r="6336" spans="14:14">
      <c r="N6336" s="10"/>
    </row>
    <row r="6337" spans="14:14">
      <c r="N6337" s="10"/>
    </row>
    <row r="6338" spans="14:14">
      <c r="N6338" s="10"/>
    </row>
    <row r="6339" spans="14:14">
      <c r="N6339" s="10"/>
    </row>
    <row r="6340" spans="14:14">
      <c r="N6340" s="10"/>
    </row>
    <row r="6341" spans="14:14">
      <c r="N6341" s="10"/>
    </row>
    <row r="6342" spans="14:14">
      <c r="N6342" s="10"/>
    </row>
    <row r="6343" spans="14:14">
      <c r="N6343" s="10"/>
    </row>
    <row r="6344" spans="14:14">
      <c r="N6344" s="10"/>
    </row>
    <row r="6345" spans="14:14">
      <c r="N6345" s="10"/>
    </row>
    <row r="6346" spans="14:14">
      <c r="N6346" s="10"/>
    </row>
    <row r="6347" spans="14:14">
      <c r="N6347" s="10"/>
    </row>
    <row r="6348" spans="14:14">
      <c r="N6348" s="10"/>
    </row>
    <row r="6349" spans="14:14">
      <c r="N6349" s="10"/>
    </row>
    <row r="6350" spans="14:14">
      <c r="N6350" s="10"/>
    </row>
    <row r="6351" spans="14:14">
      <c r="N6351" s="10"/>
    </row>
    <row r="6352" spans="14:14">
      <c r="N6352" s="10"/>
    </row>
    <row r="6353" spans="14:14">
      <c r="N6353" s="10"/>
    </row>
    <row r="6354" spans="14:14">
      <c r="N6354" s="10"/>
    </row>
    <row r="6355" spans="14:14">
      <c r="N6355" s="10"/>
    </row>
    <row r="6356" spans="14:14">
      <c r="N6356" s="10"/>
    </row>
    <row r="6357" spans="14:14">
      <c r="N6357" s="10"/>
    </row>
    <row r="6358" spans="14:14">
      <c r="N6358" s="10"/>
    </row>
    <row r="6359" spans="14:14">
      <c r="N6359" s="10"/>
    </row>
    <row r="6360" spans="14:14">
      <c r="N6360" s="10"/>
    </row>
    <row r="6361" spans="14:14">
      <c r="N6361" s="10"/>
    </row>
    <row r="6362" spans="14:14">
      <c r="N6362" s="10"/>
    </row>
    <row r="6363" spans="14:14">
      <c r="N6363" s="10"/>
    </row>
    <row r="6364" spans="14:14">
      <c r="N6364" s="10"/>
    </row>
    <row r="6365" spans="14:14">
      <c r="N6365" s="10"/>
    </row>
    <row r="6366" spans="14:14">
      <c r="N6366" s="10"/>
    </row>
    <row r="6367" spans="14:14">
      <c r="N6367" s="10"/>
    </row>
    <row r="6368" spans="14:14">
      <c r="N6368" s="10"/>
    </row>
    <row r="6369" spans="14:14">
      <c r="N6369" s="10"/>
    </row>
    <row r="6370" spans="14:14">
      <c r="N6370" s="10"/>
    </row>
    <row r="6371" spans="14:14">
      <c r="N6371" s="10"/>
    </row>
    <row r="6372" spans="14:14">
      <c r="N6372" s="10"/>
    </row>
    <row r="6373" spans="14:14">
      <c r="N6373" s="10"/>
    </row>
    <row r="6374" spans="14:14">
      <c r="N6374" s="10"/>
    </row>
    <row r="6375" spans="14:14">
      <c r="N6375" s="10"/>
    </row>
    <row r="6376" spans="14:14">
      <c r="N6376" s="10"/>
    </row>
    <row r="6377" spans="14:14">
      <c r="N6377" s="10"/>
    </row>
    <row r="6378" spans="14:14">
      <c r="N6378" s="10"/>
    </row>
    <row r="6379" spans="14:14">
      <c r="N6379" s="10"/>
    </row>
    <row r="6380" spans="14:14">
      <c r="N6380" s="10"/>
    </row>
    <row r="6381" spans="14:14">
      <c r="N6381" s="10"/>
    </row>
    <row r="6382" spans="14:14">
      <c r="N6382" s="10"/>
    </row>
    <row r="6383" spans="14:14">
      <c r="N6383" s="10"/>
    </row>
    <row r="6384" spans="14:14">
      <c r="N6384" s="10"/>
    </row>
    <row r="6385" spans="14:14">
      <c r="N6385" s="10"/>
    </row>
    <row r="6386" spans="14:14">
      <c r="N6386" s="10"/>
    </row>
    <row r="6387" spans="14:14">
      <c r="N6387" s="10"/>
    </row>
    <row r="6388" spans="14:14">
      <c r="N6388" s="10"/>
    </row>
    <row r="6389" spans="14:14">
      <c r="N6389" s="10"/>
    </row>
    <row r="6390" spans="14:14">
      <c r="N6390" s="10"/>
    </row>
    <row r="6391" spans="14:14">
      <c r="N6391" s="10"/>
    </row>
    <row r="6392" spans="14:14">
      <c r="N6392" s="10"/>
    </row>
    <row r="6393" spans="14:14">
      <c r="N6393" s="10"/>
    </row>
    <row r="6394" spans="14:14">
      <c r="N6394" s="10"/>
    </row>
    <row r="6395" spans="14:14">
      <c r="N6395" s="10"/>
    </row>
    <row r="6396" spans="14:14">
      <c r="N6396" s="10"/>
    </row>
    <row r="6397" spans="14:14">
      <c r="N6397" s="10"/>
    </row>
    <row r="6398" spans="14:14">
      <c r="N6398" s="10"/>
    </row>
    <row r="6399" spans="14:14">
      <c r="N6399" s="10"/>
    </row>
    <row r="6400" spans="14:14">
      <c r="N6400" s="10"/>
    </row>
    <row r="6401" spans="14:14">
      <c r="N6401" s="10"/>
    </row>
    <row r="6402" spans="14:14">
      <c r="N6402" s="10"/>
    </row>
    <row r="6403" spans="14:14">
      <c r="N6403" s="10"/>
    </row>
    <row r="6404" spans="14:14">
      <c r="N6404" s="10"/>
    </row>
    <row r="6405" spans="14:14">
      <c r="N6405" s="10"/>
    </row>
    <row r="6406" spans="14:14">
      <c r="N6406" s="10"/>
    </row>
    <row r="6407" spans="14:14">
      <c r="N6407" s="10"/>
    </row>
    <row r="6408" spans="14:14">
      <c r="N6408" s="10"/>
    </row>
    <row r="6409" spans="14:14">
      <c r="N6409" s="10"/>
    </row>
    <row r="6410" spans="14:14">
      <c r="N6410" s="10"/>
    </row>
    <row r="6411" spans="14:14">
      <c r="N6411" s="10"/>
    </row>
    <row r="6412" spans="14:14">
      <c r="N6412" s="10"/>
    </row>
    <row r="6413" spans="14:14">
      <c r="N6413" s="10"/>
    </row>
    <row r="6414" spans="14:14">
      <c r="N6414" s="10"/>
    </row>
    <row r="6415" spans="14:14">
      <c r="N6415" s="10"/>
    </row>
    <row r="6416" spans="14:14">
      <c r="N6416" s="10"/>
    </row>
    <row r="6417" spans="14:14">
      <c r="N6417" s="10"/>
    </row>
    <row r="6418" spans="14:14">
      <c r="N6418" s="10"/>
    </row>
    <row r="6419" spans="14:14">
      <c r="N6419" s="10"/>
    </row>
    <row r="6420" spans="14:14">
      <c r="N6420" s="10"/>
    </row>
    <row r="6421" spans="14:14">
      <c r="N6421" s="10"/>
    </row>
    <row r="6422" spans="14:14">
      <c r="N6422" s="10"/>
    </row>
    <row r="6423" spans="14:14">
      <c r="N6423" s="10"/>
    </row>
    <row r="6424" spans="14:14">
      <c r="N6424" s="10"/>
    </row>
    <row r="6425" spans="14:14">
      <c r="N6425" s="10"/>
    </row>
    <row r="6426" spans="14:14">
      <c r="N6426" s="10"/>
    </row>
    <row r="6427" spans="14:14">
      <c r="N6427" s="10"/>
    </row>
    <row r="6428" spans="14:14">
      <c r="N6428" s="10"/>
    </row>
    <row r="6429" spans="14:14">
      <c r="N6429" s="10"/>
    </row>
    <row r="6430" spans="14:14">
      <c r="N6430" s="10"/>
    </row>
    <row r="6431" spans="14:14">
      <c r="N6431" s="10"/>
    </row>
    <row r="6432" spans="14:14">
      <c r="N6432" s="10"/>
    </row>
    <row r="6433" spans="14:14">
      <c r="N6433" s="10"/>
    </row>
    <row r="6434" spans="14:14">
      <c r="N6434" s="10"/>
    </row>
    <row r="6435" spans="14:14">
      <c r="N6435" s="10"/>
    </row>
    <row r="6436" spans="14:14">
      <c r="N6436" s="10"/>
    </row>
    <row r="6437" spans="14:14">
      <c r="N6437" s="10"/>
    </row>
    <row r="6438" spans="14:14">
      <c r="N6438" s="10"/>
    </row>
    <row r="6439" spans="14:14">
      <c r="N6439" s="10"/>
    </row>
    <row r="6440" spans="14:14">
      <c r="N6440" s="10"/>
    </row>
    <row r="6441" spans="14:14">
      <c r="N6441" s="10"/>
    </row>
    <row r="6442" spans="14:14">
      <c r="N6442" s="10"/>
    </row>
    <row r="6443" spans="14:14">
      <c r="N6443" s="10"/>
    </row>
    <row r="6444" spans="14:14">
      <c r="N6444" s="10"/>
    </row>
    <row r="6445" spans="14:14">
      <c r="N6445" s="10"/>
    </row>
    <row r="6446" spans="14:14">
      <c r="N6446" s="10"/>
    </row>
    <row r="6447" spans="14:14">
      <c r="N6447" s="10"/>
    </row>
    <row r="6448" spans="14:14">
      <c r="N6448" s="10"/>
    </row>
    <row r="6449" spans="14:14">
      <c r="N6449" s="10"/>
    </row>
    <row r="6450" spans="14:14">
      <c r="N6450" s="10"/>
    </row>
    <row r="6451" spans="14:14">
      <c r="N6451" s="10"/>
    </row>
    <row r="6452" spans="14:14">
      <c r="N6452" s="10"/>
    </row>
    <row r="6453" spans="14:14">
      <c r="N6453" s="10"/>
    </row>
    <row r="6454" spans="14:14">
      <c r="N6454" s="10"/>
    </row>
    <row r="6455" spans="14:14">
      <c r="N6455" s="10"/>
    </row>
    <row r="6456" spans="14:14">
      <c r="N6456" s="10"/>
    </row>
    <row r="6457" spans="14:14">
      <c r="N6457" s="10"/>
    </row>
    <row r="6458" spans="14:14">
      <c r="N6458" s="10"/>
    </row>
    <row r="6459" spans="14:14">
      <c r="N6459" s="10"/>
    </row>
    <row r="6460" spans="14:14">
      <c r="N6460" s="10"/>
    </row>
    <row r="6461" spans="14:14">
      <c r="N6461" s="10"/>
    </row>
    <row r="6462" spans="14:14">
      <c r="N6462" s="10"/>
    </row>
    <row r="6463" spans="14:14">
      <c r="N6463" s="10"/>
    </row>
    <row r="6464" spans="14:14">
      <c r="N6464" s="10"/>
    </row>
    <row r="6465" spans="14:14">
      <c r="N6465" s="10"/>
    </row>
    <row r="6466" spans="14:14">
      <c r="N6466" s="10"/>
    </row>
    <row r="6467" spans="14:14">
      <c r="N6467" s="10"/>
    </row>
    <row r="6468" spans="14:14">
      <c r="N6468" s="10"/>
    </row>
    <row r="6469" spans="14:14">
      <c r="N6469" s="10"/>
    </row>
    <row r="6470" spans="14:14">
      <c r="N6470" s="10"/>
    </row>
    <row r="6471" spans="14:14">
      <c r="N6471" s="10"/>
    </row>
    <row r="6472" spans="14:14">
      <c r="N6472" s="10"/>
    </row>
    <row r="6473" spans="14:14">
      <c r="N6473" s="10"/>
    </row>
    <row r="6474" spans="14:14">
      <c r="N6474" s="10"/>
    </row>
    <row r="6475" spans="14:14">
      <c r="N6475" s="10"/>
    </row>
    <row r="6476" spans="14:14">
      <c r="N6476" s="10"/>
    </row>
    <row r="6477" spans="14:14">
      <c r="N6477" s="10"/>
    </row>
    <row r="6478" spans="14:14">
      <c r="N6478" s="10"/>
    </row>
    <row r="6479" spans="14:14">
      <c r="N6479" s="10"/>
    </row>
    <row r="6480" spans="14:14">
      <c r="N6480" s="10"/>
    </row>
    <row r="6481" spans="14:14">
      <c r="N6481" s="10"/>
    </row>
    <row r="6482" spans="14:14">
      <c r="N6482" s="10"/>
    </row>
    <row r="6483" spans="14:14">
      <c r="N6483" s="10"/>
    </row>
    <row r="6484" spans="14:14">
      <c r="N6484" s="10"/>
    </row>
    <row r="6485" spans="14:14">
      <c r="N6485" s="10"/>
    </row>
    <row r="6486" spans="14:14">
      <c r="N6486" s="10"/>
    </row>
    <row r="6487" spans="14:14">
      <c r="N6487" s="10"/>
    </row>
    <row r="6488" spans="14:14">
      <c r="N6488" s="10"/>
    </row>
    <row r="6489" spans="14:14">
      <c r="N6489" s="10"/>
    </row>
    <row r="6490" spans="14:14">
      <c r="N6490" s="10"/>
    </row>
    <row r="6491" spans="14:14">
      <c r="N6491" s="10"/>
    </row>
    <row r="6492" spans="14:14">
      <c r="N6492" s="10"/>
    </row>
    <row r="6493" spans="14:14">
      <c r="N6493" s="10"/>
    </row>
    <row r="6494" spans="14:14">
      <c r="N6494" s="10"/>
    </row>
    <row r="6495" spans="14:14">
      <c r="N6495" s="10"/>
    </row>
    <row r="6496" spans="14:14">
      <c r="N6496" s="10"/>
    </row>
    <row r="6497" spans="14:14">
      <c r="N6497" s="10"/>
    </row>
    <row r="6498" spans="14:14">
      <c r="N6498" s="10"/>
    </row>
    <row r="6499" spans="14:14">
      <c r="N6499" s="10"/>
    </row>
    <row r="6500" spans="14:14">
      <c r="N6500" s="10"/>
    </row>
    <row r="6501" spans="14:14">
      <c r="N6501" s="10"/>
    </row>
    <row r="6502" spans="14:14">
      <c r="N6502" s="10"/>
    </row>
    <row r="6503" spans="14:14">
      <c r="N6503" s="10"/>
    </row>
    <row r="6504" spans="14:14">
      <c r="N6504" s="10"/>
    </row>
    <row r="6505" spans="14:14">
      <c r="N6505" s="10"/>
    </row>
    <row r="6506" spans="14:14">
      <c r="N6506" s="10"/>
    </row>
    <row r="6507" spans="14:14">
      <c r="N6507" s="10"/>
    </row>
    <row r="6508" spans="14:14">
      <c r="N6508" s="10"/>
    </row>
    <row r="6509" spans="14:14">
      <c r="N6509" s="10"/>
    </row>
    <row r="6510" spans="14:14">
      <c r="N6510" s="10"/>
    </row>
    <row r="6511" spans="14:14">
      <c r="N6511" s="10"/>
    </row>
    <row r="6512" spans="14:14">
      <c r="N6512" s="10"/>
    </row>
    <row r="6513" spans="14:14">
      <c r="N6513" s="10"/>
    </row>
    <row r="6514" spans="14:14">
      <c r="N6514" s="10"/>
    </row>
    <row r="6515" spans="14:14">
      <c r="N6515" s="10"/>
    </row>
    <row r="6516" spans="14:14">
      <c r="N6516" s="10"/>
    </row>
    <row r="6517" spans="14:14">
      <c r="N6517" s="10"/>
    </row>
    <row r="6518" spans="14:14">
      <c r="N6518" s="10"/>
    </row>
    <row r="6519" spans="14:14">
      <c r="N6519" s="10"/>
    </row>
    <row r="6520" spans="14:14">
      <c r="N6520" s="10"/>
    </row>
    <row r="6521" spans="14:14">
      <c r="N6521" s="10"/>
    </row>
    <row r="6522" spans="14:14">
      <c r="N6522" s="10"/>
    </row>
    <row r="6523" spans="14:14">
      <c r="N6523" s="10"/>
    </row>
    <row r="6524" spans="14:14">
      <c r="N6524" s="10"/>
    </row>
    <row r="6525" spans="14:14">
      <c r="N6525" s="10"/>
    </row>
    <row r="6526" spans="14:14">
      <c r="N6526" s="10"/>
    </row>
    <row r="6527" spans="14:14">
      <c r="N6527" s="10"/>
    </row>
    <row r="6528" spans="14:14">
      <c r="N6528" s="10"/>
    </row>
    <row r="6529" spans="14:14">
      <c r="N6529" s="10"/>
    </row>
    <row r="6530" spans="14:14">
      <c r="N6530" s="10"/>
    </row>
    <row r="6531" spans="14:14">
      <c r="N6531" s="10"/>
    </row>
    <row r="6532" spans="14:14">
      <c r="N6532" s="10"/>
    </row>
    <row r="6533" spans="14:14">
      <c r="N6533" s="10"/>
    </row>
    <row r="6534" spans="14:14">
      <c r="N6534" s="10"/>
    </row>
    <row r="6535" spans="14:14">
      <c r="N6535" s="10"/>
    </row>
    <row r="6536" spans="14:14">
      <c r="N6536" s="10"/>
    </row>
    <row r="6537" spans="14:14">
      <c r="N6537" s="10"/>
    </row>
    <row r="6538" spans="14:14">
      <c r="N6538" s="10"/>
    </row>
    <row r="6539" spans="14:14">
      <c r="N6539" s="10"/>
    </row>
    <row r="6540" spans="14:14">
      <c r="N6540" s="10"/>
    </row>
    <row r="6541" spans="14:14">
      <c r="N6541" s="10"/>
    </row>
    <row r="6542" spans="14:14">
      <c r="N6542" s="10"/>
    </row>
    <row r="6543" spans="14:14">
      <c r="N6543" s="10"/>
    </row>
    <row r="6544" spans="14:14">
      <c r="N6544" s="10"/>
    </row>
    <row r="6545" spans="14:14">
      <c r="N6545" s="10"/>
    </row>
    <row r="6546" spans="14:14">
      <c r="N6546" s="10"/>
    </row>
    <row r="6547" spans="14:14">
      <c r="N6547" s="10"/>
    </row>
    <row r="6548" spans="14:14">
      <c r="N6548" s="10"/>
    </row>
    <row r="6549" spans="14:14">
      <c r="N6549" s="10"/>
    </row>
    <row r="6550" spans="14:14">
      <c r="N6550" s="10"/>
    </row>
    <row r="6551" spans="14:14">
      <c r="N6551" s="10"/>
    </row>
    <row r="6552" spans="14:14">
      <c r="N6552" s="10"/>
    </row>
    <row r="6553" spans="14:14">
      <c r="N6553" s="10"/>
    </row>
    <row r="6554" spans="14:14">
      <c r="N6554" s="10"/>
    </row>
    <row r="6555" spans="14:14">
      <c r="N6555" s="10"/>
    </row>
    <row r="6556" spans="14:14">
      <c r="N6556" s="10"/>
    </row>
    <row r="6557" spans="14:14">
      <c r="N6557" s="10"/>
    </row>
    <row r="6558" spans="14:14">
      <c r="N6558" s="10"/>
    </row>
    <row r="6559" spans="14:14">
      <c r="N6559" s="10"/>
    </row>
    <row r="6560" spans="14:14">
      <c r="N6560" s="10"/>
    </row>
    <row r="6561" spans="14:14">
      <c r="N6561" s="10"/>
    </row>
    <row r="6562" spans="14:14">
      <c r="N6562" s="10"/>
    </row>
    <row r="6563" spans="14:14">
      <c r="N6563" s="10"/>
    </row>
    <row r="6564" spans="14:14">
      <c r="N6564" s="10"/>
    </row>
    <row r="6565" spans="14:14">
      <c r="N6565" s="10"/>
    </row>
    <row r="6566" spans="14:14">
      <c r="N6566" s="10"/>
    </row>
    <row r="6567" spans="14:14">
      <c r="N6567" s="10"/>
    </row>
    <row r="6568" spans="14:14">
      <c r="N6568" s="10"/>
    </row>
    <row r="6569" spans="14:14">
      <c r="N6569" s="10"/>
    </row>
    <row r="6570" spans="14:14">
      <c r="N6570" s="10"/>
    </row>
    <row r="6571" spans="14:14">
      <c r="N6571" s="10"/>
    </row>
    <row r="6572" spans="14:14">
      <c r="N6572" s="10"/>
    </row>
    <row r="6573" spans="14:14">
      <c r="N6573" s="10"/>
    </row>
    <row r="6574" spans="14:14">
      <c r="N6574" s="10"/>
    </row>
    <row r="6575" spans="14:14">
      <c r="N6575" s="10"/>
    </row>
    <row r="6576" spans="14:14">
      <c r="N6576" s="10"/>
    </row>
    <row r="6577" spans="14:14">
      <c r="N6577" s="10"/>
    </row>
    <row r="6578" spans="14:14">
      <c r="N6578" s="10"/>
    </row>
    <row r="6579" spans="14:14">
      <c r="N6579" s="10"/>
    </row>
    <row r="6580" spans="14:14">
      <c r="N6580" s="10"/>
    </row>
    <row r="6581" spans="14:14">
      <c r="N6581" s="10"/>
    </row>
    <row r="6582" spans="14:14">
      <c r="N6582" s="10"/>
    </row>
    <row r="6583" spans="14:14">
      <c r="N6583" s="10"/>
    </row>
    <row r="6584" spans="14:14">
      <c r="N6584" s="10"/>
    </row>
    <row r="6585" spans="14:14">
      <c r="N6585" s="10"/>
    </row>
    <row r="6586" spans="14:14">
      <c r="N6586" s="10"/>
    </row>
    <row r="6587" spans="14:14">
      <c r="N6587" s="10"/>
    </row>
    <row r="6588" spans="14:14">
      <c r="N6588" s="10"/>
    </row>
    <row r="6589" spans="14:14">
      <c r="N6589" s="10"/>
    </row>
    <row r="6590" spans="14:14">
      <c r="N6590" s="10"/>
    </row>
    <row r="6591" spans="14:14">
      <c r="N6591" s="10"/>
    </row>
    <row r="6592" spans="14:14">
      <c r="N6592" s="10"/>
    </row>
    <row r="6593" spans="14:14">
      <c r="N6593" s="10"/>
    </row>
    <row r="6594" spans="14:14">
      <c r="N6594" s="10"/>
    </row>
    <row r="6595" spans="14:14">
      <c r="N6595" s="10"/>
    </row>
    <row r="6596" spans="14:14">
      <c r="N6596" s="10"/>
    </row>
    <row r="6597" spans="14:14">
      <c r="N6597" s="10"/>
    </row>
    <row r="6598" spans="14:14">
      <c r="N6598" s="10"/>
    </row>
    <row r="6599" spans="14:14">
      <c r="N6599" s="10"/>
    </row>
    <row r="6600" spans="14:14">
      <c r="N6600" s="10"/>
    </row>
    <row r="6601" spans="14:14">
      <c r="N6601" s="10"/>
    </row>
    <row r="6602" spans="14:14">
      <c r="N6602" s="10"/>
    </row>
    <row r="6603" spans="14:14">
      <c r="N6603" s="10"/>
    </row>
    <row r="6604" spans="14:14">
      <c r="N6604" s="10"/>
    </row>
    <row r="6605" spans="14:14">
      <c r="N6605" s="10"/>
    </row>
    <row r="6606" spans="14:14">
      <c r="N6606" s="10"/>
    </row>
    <row r="6607" spans="14:14">
      <c r="N6607" s="10"/>
    </row>
    <row r="6608" spans="14:14">
      <c r="N6608" s="10"/>
    </row>
    <row r="6609" spans="14:14">
      <c r="N6609" s="10"/>
    </row>
    <row r="6610" spans="14:14">
      <c r="N6610" s="10"/>
    </row>
    <row r="6611" spans="14:14">
      <c r="N6611" s="10"/>
    </row>
    <row r="6612" spans="14:14">
      <c r="N6612" s="10"/>
    </row>
    <row r="6613" spans="14:14">
      <c r="N6613" s="10"/>
    </row>
    <row r="6614" spans="14:14">
      <c r="N6614" s="10"/>
    </row>
    <row r="6615" spans="14:14">
      <c r="N6615" s="10"/>
    </row>
    <row r="6616" spans="14:14">
      <c r="N6616" s="10"/>
    </row>
    <row r="6617" spans="14:14">
      <c r="N6617" s="10"/>
    </row>
    <row r="6618" spans="14:14">
      <c r="N6618" s="10"/>
    </row>
    <row r="6619" spans="14:14">
      <c r="N6619" s="10"/>
    </row>
    <row r="6620" spans="14:14">
      <c r="N6620" s="10"/>
    </row>
    <row r="6621" spans="14:14">
      <c r="N6621" s="10"/>
    </row>
    <row r="6622" spans="14:14">
      <c r="N6622" s="10"/>
    </row>
    <row r="6623" spans="14:14">
      <c r="N6623" s="10"/>
    </row>
    <row r="6624" spans="14:14">
      <c r="N6624" s="10"/>
    </row>
    <row r="6625" spans="14:14">
      <c r="N6625" s="10"/>
    </row>
    <row r="6626" spans="14:14">
      <c r="N6626" s="10"/>
    </row>
    <row r="6627" spans="14:14">
      <c r="N6627" s="10"/>
    </row>
    <row r="6628" spans="14:14">
      <c r="N6628" s="10"/>
    </row>
    <row r="6629" spans="14:14">
      <c r="N6629" s="10"/>
    </row>
    <row r="6630" spans="14:14">
      <c r="N6630" s="10"/>
    </row>
    <row r="6631" spans="14:14">
      <c r="N6631" s="10"/>
    </row>
    <row r="6632" spans="14:14">
      <c r="N6632" s="10"/>
    </row>
    <row r="6633" spans="14:14">
      <c r="N6633" s="10"/>
    </row>
    <row r="6634" spans="14:14">
      <c r="N6634" s="10"/>
    </row>
    <row r="6635" spans="14:14">
      <c r="N6635" s="10"/>
    </row>
    <row r="6636" spans="14:14">
      <c r="N6636" s="10"/>
    </row>
    <row r="6637" spans="14:14">
      <c r="N6637" s="10"/>
    </row>
    <row r="6638" spans="14:14">
      <c r="N6638" s="10"/>
    </row>
    <row r="6639" spans="14:14">
      <c r="N6639" s="10"/>
    </row>
    <row r="6640" spans="14:14">
      <c r="N6640" s="10"/>
    </row>
    <row r="6641" spans="14:14">
      <c r="N6641" s="10"/>
    </row>
    <row r="6642" spans="14:14">
      <c r="N6642" s="10"/>
    </row>
    <row r="6643" spans="14:14">
      <c r="N6643" s="10"/>
    </row>
    <row r="6644" spans="14:14">
      <c r="N6644" s="10"/>
    </row>
    <row r="6645" spans="14:14">
      <c r="N6645" s="10"/>
    </row>
    <row r="6646" spans="14:14">
      <c r="N6646" s="10"/>
    </row>
    <row r="6647" spans="14:14">
      <c r="N6647" s="10"/>
    </row>
    <row r="6648" spans="14:14">
      <c r="N6648" s="10"/>
    </row>
    <row r="6649" spans="14:14">
      <c r="N6649" s="10"/>
    </row>
    <row r="6650" spans="14:14">
      <c r="N6650" s="10"/>
    </row>
    <row r="6651" spans="14:14">
      <c r="N6651" s="10"/>
    </row>
    <row r="6652" spans="14:14">
      <c r="N6652" s="10"/>
    </row>
    <row r="6653" spans="14:14">
      <c r="N6653" s="10"/>
    </row>
    <row r="6654" spans="14:14">
      <c r="N6654" s="10"/>
    </row>
    <row r="6655" spans="14:14">
      <c r="N6655" s="10"/>
    </row>
    <row r="6656" spans="14:14">
      <c r="N6656" s="10"/>
    </row>
    <row r="6657" spans="14:14">
      <c r="N6657" s="10"/>
    </row>
    <row r="6658" spans="14:14">
      <c r="N6658" s="10"/>
    </row>
    <row r="6659" spans="14:14">
      <c r="N6659" s="10"/>
    </row>
    <row r="6660" spans="14:14">
      <c r="N6660" s="10"/>
    </row>
    <row r="6661" spans="14:14">
      <c r="N6661" s="10"/>
    </row>
    <row r="6662" spans="14:14">
      <c r="N6662" s="10"/>
    </row>
    <row r="6663" spans="14:14">
      <c r="N6663" s="10"/>
    </row>
    <row r="6664" spans="14:14">
      <c r="N6664" s="10"/>
    </row>
    <row r="6665" spans="14:14">
      <c r="N6665" s="10"/>
    </row>
    <row r="6666" spans="14:14">
      <c r="N6666" s="10"/>
    </row>
    <row r="6667" spans="14:14">
      <c r="N6667" s="10"/>
    </row>
    <row r="6668" spans="14:14">
      <c r="N6668" s="10"/>
    </row>
    <row r="6669" spans="14:14">
      <c r="N6669" s="10"/>
    </row>
    <row r="6670" spans="14:14">
      <c r="N6670" s="10"/>
    </row>
    <row r="6671" spans="14:14">
      <c r="N6671" s="10"/>
    </row>
    <row r="6672" spans="14:14">
      <c r="N6672" s="10"/>
    </row>
    <row r="6673" spans="14:14">
      <c r="N6673" s="10"/>
    </row>
    <row r="6674" spans="14:14">
      <c r="N6674" s="10"/>
    </row>
    <row r="6675" spans="14:14">
      <c r="N6675" s="10"/>
    </row>
    <row r="6676" spans="14:14">
      <c r="N6676" s="10"/>
    </row>
    <row r="6677" spans="14:14">
      <c r="N6677" s="10"/>
    </row>
    <row r="6678" spans="14:14">
      <c r="N6678" s="10"/>
    </row>
    <row r="6679" spans="14:14">
      <c r="N6679" s="10"/>
    </row>
    <row r="6680" spans="14:14">
      <c r="N6680" s="10"/>
    </row>
    <row r="6681" spans="14:14">
      <c r="N6681" s="10"/>
    </row>
    <row r="6682" spans="14:14">
      <c r="N6682" s="10"/>
    </row>
    <row r="6683" spans="14:14">
      <c r="N6683" s="10"/>
    </row>
    <row r="6684" spans="14:14">
      <c r="N6684" s="10"/>
    </row>
    <row r="6685" spans="14:14">
      <c r="N6685" s="10"/>
    </row>
    <row r="6686" spans="14:14">
      <c r="N6686" s="10"/>
    </row>
    <row r="6687" spans="14:14">
      <c r="N6687" s="10"/>
    </row>
    <row r="6688" spans="14:14">
      <c r="N6688" s="10"/>
    </row>
    <row r="6689" spans="14:14">
      <c r="N6689" s="10"/>
    </row>
    <row r="6690" spans="14:14">
      <c r="N6690" s="10"/>
    </row>
    <row r="6691" spans="14:14">
      <c r="N6691" s="10"/>
    </row>
    <row r="6692" spans="14:14">
      <c r="N6692" s="10"/>
    </row>
    <row r="6693" spans="14:14">
      <c r="N6693" s="10"/>
    </row>
    <row r="6694" spans="14:14">
      <c r="N6694" s="10"/>
    </row>
    <row r="6695" spans="14:14">
      <c r="N6695" s="10"/>
    </row>
    <row r="6696" spans="14:14">
      <c r="N6696" s="10"/>
    </row>
    <row r="6697" spans="14:14">
      <c r="N6697" s="10"/>
    </row>
    <row r="6698" spans="14:14">
      <c r="N6698" s="10"/>
    </row>
    <row r="6699" spans="14:14">
      <c r="N6699" s="10"/>
    </row>
    <row r="6700" spans="14:14">
      <c r="N6700" s="10"/>
    </row>
    <row r="6701" spans="14:14">
      <c r="N6701" s="10"/>
    </row>
    <row r="6702" spans="14:14">
      <c r="N6702" s="10"/>
    </row>
    <row r="6703" spans="14:14">
      <c r="N6703" s="10"/>
    </row>
    <row r="6704" spans="14:14">
      <c r="N6704" s="10"/>
    </row>
    <row r="6705" spans="14:14">
      <c r="N6705" s="10"/>
    </row>
    <row r="6706" spans="14:14">
      <c r="N6706" s="10"/>
    </row>
    <row r="6707" spans="14:14">
      <c r="N6707" s="10"/>
    </row>
    <row r="6708" spans="14:14">
      <c r="N6708" s="10"/>
    </row>
    <row r="6709" spans="14:14">
      <c r="N6709" s="10"/>
    </row>
    <row r="6710" spans="14:14">
      <c r="N6710" s="10"/>
    </row>
    <row r="6711" spans="14:14">
      <c r="N6711" s="10"/>
    </row>
    <row r="6712" spans="14:14">
      <c r="N6712" s="10"/>
    </row>
    <row r="6713" spans="14:14">
      <c r="N6713" s="10"/>
    </row>
    <row r="6714" spans="14:14">
      <c r="N6714" s="10"/>
    </row>
    <row r="6715" spans="14:14">
      <c r="N6715" s="10"/>
    </row>
    <row r="6716" spans="14:14">
      <c r="N6716" s="10"/>
    </row>
    <row r="6717" spans="14:14">
      <c r="N6717" s="10"/>
    </row>
    <row r="6718" spans="14:14">
      <c r="N6718" s="10"/>
    </row>
    <row r="6719" spans="14:14">
      <c r="N6719" s="10"/>
    </row>
    <row r="6720" spans="14:14">
      <c r="N6720" s="10"/>
    </row>
    <row r="6721" spans="14:14">
      <c r="N6721" s="10"/>
    </row>
    <row r="6722" spans="14:14">
      <c r="N6722" s="10"/>
    </row>
    <row r="6723" spans="14:14">
      <c r="N6723" s="10"/>
    </row>
    <row r="6724" spans="14:14">
      <c r="N6724" s="10"/>
    </row>
    <row r="6725" spans="14:14">
      <c r="N6725" s="10"/>
    </row>
    <row r="6726" spans="14:14">
      <c r="N6726" s="10"/>
    </row>
    <row r="6727" spans="14:14">
      <c r="N6727" s="10"/>
    </row>
    <row r="6728" spans="14:14">
      <c r="N6728" s="10"/>
    </row>
    <row r="6729" spans="14:14">
      <c r="N6729" s="10"/>
    </row>
    <row r="6730" spans="14:14">
      <c r="N6730" s="10"/>
    </row>
    <row r="6731" spans="14:14">
      <c r="N6731" s="10"/>
    </row>
    <row r="6732" spans="14:14">
      <c r="N6732" s="10"/>
    </row>
    <row r="6733" spans="14:14">
      <c r="N6733" s="10"/>
    </row>
    <row r="6734" spans="14:14">
      <c r="N6734" s="10"/>
    </row>
    <row r="6735" spans="14:14">
      <c r="N6735" s="10"/>
    </row>
    <row r="6736" spans="14:14">
      <c r="N6736" s="10"/>
    </row>
    <row r="6737" spans="14:14">
      <c r="N6737" s="10"/>
    </row>
    <row r="6738" spans="14:14">
      <c r="N6738" s="10"/>
    </row>
    <row r="6739" spans="14:14">
      <c r="N6739" s="10"/>
    </row>
    <row r="6740" spans="14:14">
      <c r="N6740" s="10"/>
    </row>
    <row r="6741" spans="14:14">
      <c r="N6741" s="10"/>
    </row>
    <row r="6742" spans="14:14">
      <c r="N6742" s="10"/>
    </row>
    <row r="6743" spans="14:14">
      <c r="N6743" s="10"/>
    </row>
    <row r="6744" spans="14:14">
      <c r="N6744" s="10"/>
    </row>
    <row r="6745" spans="14:14">
      <c r="N6745" s="10"/>
    </row>
    <row r="6746" spans="14:14">
      <c r="N6746" s="10"/>
    </row>
    <row r="6747" spans="14:14">
      <c r="N6747" s="10"/>
    </row>
    <row r="6748" spans="14:14">
      <c r="N6748" s="10"/>
    </row>
    <row r="6749" spans="14:14">
      <c r="N6749" s="10"/>
    </row>
    <row r="6750" spans="14:14">
      <c r="N6750" s="10"/>
    </row>
    <row r="6751" spans="14:14">
      <c r="N6751" s="10"/>
    </row>
    <row r="6752" spans="14:14">
      <c r="N6752" s="10"/>
    </row>
    <row r="6753" spans="14:14">
      <c r="N6753" s="10"/>
    </row>
    <row r="6754" spans="14:14">
      <c r="N6754" s="10"/>
    </row>
    <row r="6755" spans="14:14">
      <c r="N6755" s="10"/>
    </row>
    <row r="6756" spans="14:14">
      <c r="N6756" s="10"/>
    </row>
    <row r="6757" spans="14:14">
      <c r="N6757" s="10"/>
    </row>
    <row r="6758" spans="14:14">
      <c r="N6758" s="10"/>
    </row>
    <row r="6759" spans="14:14">
      <c r="N6759" s="10"/>
    </row>
    <row r="6760" spans="14:14">
      <c r="N6760" s="10"/>
    </row>
    <row r="6761" spans="14:14">
      <c r="N6761" s="10"/>
    </row>
    <row r="6762" spans="14:14">
      <c r="N6762" s="10"/>
    </row>
    <row r="6763" spans="14:14">
      <c r="N6763" s="10"/>
    </row>
    <row r="6764" spans="14:14">
      <c r="N6764" s="10"/>
    </row>
    <row r="6765" spans="14:14">
      <c r="N6765" s="10"/>
    </row>
    <row r="6766" spans="14:14">
      <c r="N6766" s="10"/>
    </row>
    <row r="6767" spans="14:14">
      <c r="N6767" s="10"/>
    </row>
    <row r="6768" spans="14:14">
      <c r="N6768" s="10"/>
    </row>
    <row r="6769" spans="14:14">
      <c r="N6769" s="10"/>
    </row>
    <row r="6770" spans="14:14">
      <c r="N6770" s="10"/>
    </row>
    <row r="6771" spans="14:14">
      <c r="N6771" s="10"/>
    </row>
    <row r="6772" spans="14:14">
      <c r="N6772" s="10"/>
    </row>
    <row r="6773" spans="14:14">
      <c r="N6773" s="10"/>
    </row>
    <row r="6774" spans="14:14">
      <c r="N6774" s="10"/>
    </row>
    <row r="6775" spans="14:14">
      <c r="N6775" s="10"/>
    </row>
    <row r="6776" spans="14:14">
      <c r="N6776" s="10"/>
    </row>
    <row r="6777" spans="14:14">
      <c r="N6777" s="10"/>
    </row>
    <row r="6778" spans="14:14">
      <c r="N6778" s="10"/>
    </row>
    <row r="6779" spans="14:14">
      <c r="N6779" s="10"/>
    </row>
    <row r="6780" spans="14:14">
      <c r="N6780" s="10"/>
    </row>
    <row r="6781" spans="14:14">
      <c r="N6781" s="10"/>
    </row>
    <row r="6782" spans="14:14">
      <c r="N6782" s="10"/>
    </row>
    <row r="6783" spans="14:14">
      <c r="N6783" s="10"/>
    </row>
    <row r="6784" spans="14:14">
      <c r="N6784" s="10"/>
    </row>
    <row r="6785" spans="14:14">
      <c r="N6785" s="10"/>
    </row>
    <row r="6786" spans="14:14">
      <c r="N6786" s="10"/>
    </row>
    <row r="6787" spans="14:14">
      <c r="N6787" s="10"/>
    </row>
    <row r="6788" spans="14:14">
      <c r="N6788" s="10"/>
    </row>
    <row r="6789" spans="14:14">
      <c r="N6789" s="10"/>
    </row>
    <row r="6790" spans="14:14">
      <c r="N6790" s="10"/>
    </row>
    <row r="6791" spans="14:14">
      <c r="N6791" s="10"/>
    </row>
    <row r="6792" spans="14:14">
      <c r="N6792" s="10"/>
    </row>
    <row r="6793" spans="14:14">
      <c r="N6793" s="10"/>
    </row>
    <row r="6794" spans="14:14">
      <c r="N6794" s="10"/>
    </row>
    <row r="6795" spans="14:14">
      <c r="N6795" s="10"/>
    </row>
    <row r="6796" spans="14:14">
      <c r="N6796" s="10"/>
    </row>
    <row r="6797" spans="14:14">
      <c r="N6797" s="10"/>
    </row>
    <row r="6798" spans="14:14">
      <c r="N6798" s="10"/>
    </row>
    <row r="6799" spans="14:14">
      <c r="N6799" s="10"/>
    </row>
    <row r="6800" spans="14:14">
      <c r="N6800" s="10"/>
    </row>
    <row r="6801" spans="14:14">
      <c r="N6801" s="10"/>
    </row>
    <row r="6802" spans="14:14">
      <c r="N6802" s="10"/>
    </row>
    <row r="6803" spans="14:14">
      <c r="N6803" s="10"/>
    </row>
    <row r="6804" spans="14:14">
      <c r="N6804" s="10"/>
    </row>
    <row r="6805" spans="14:14">
      <c r="N6805" s="10"/>
    </row>
    <row r="6806" spans="14:14">
      <c r="N6806" s="10"/>
    </row>
    <row r="6807" spans="14:14">
      <c r="N6807" s="10"/>
    </row>
    <row r="6808" spans="14:14">
      <c r="N6808" s="10"/>
    </row>
    <row r="6809" spans="14:14">
      <c r="N6809" s="10"/>
    </row>
    <row r="6810" spans="14:14">
      <c r="N6810" s="10"/>
    </row>
    <row r="6811" spans="14:14">
      <c r="N6811" s="10"/>
    </row>
    <row r="6812" spans="14:14">
      <c r="N6812" s="10"/>
    </row>
    <row r="6813" spans="14:14">
      <c r="N6813" s="10"/>
    </row>
    <row r="6814" spans="14:14">
      <c r="N6814" s="10"/>
    </row>
    <row r="6815" spans="14:14">
      <c r="N6815" s="10"/>
    </row>
    <row r="6816" spans="14:14">
      <c r="N6816" s="10"/>
    </row>
    <row r="6817" spans="14:14">
      <c r="N6817" s="10"/>
    </row>
    <row r="6818" spans="14:14">
      <c r="N6818" s="10"/>
    </row>
    <row r="6819" spans="14:14">
      <c r="N6819" s="10"/>
    </row>
    <row r="6820" spans="14:14">
      <c r="N6820" s="10"/>
    </row>
    <row r="6821" spans="14:14">
      <c r="N6821" s="10"/>
    </row>
    <row r="6822" spans="14:14">
      <c r="N6822" s="10"/>
    </row>
    <row r="6823" spans="14:14">
      <c r="N6823" s="10"/>
    </row>
    <row r="6824" spans="14:14">
      <c r="N6824" s="10"/>
    </row>
    <row r="6825" spans="14:14">
      <c r="N6825" s="10"/>
    </row>
    <row r="6826" spans="14:14">
      <c r="N6826" s="10"/>
    </row>
    <row r="6827" spans="14:14">
      <c r="N6827" s="10"/>
    </row>
    <row r="6828" spans="14:14">
      <c r="N6828" s="10"/>
    </row>
    <row r="6829" spans="14:14">
      <c r="N6829" s="10"/>
    </row>
    <row r="6830" spans="14:14">
      <c r="N6830" s="10"/>
    </row>
    <row r="6831" spans="14:14">
      <c r="N6831" s="10"/>
    </row>
    <row r="6832" spans="14:14">
      <c r="N6832" s="10"/>
    </row>
    <row r="6833" spans="14:14">
      <c r="N6833" s="10"/>
    </row>
    <row r="6834" spans="14:14">
      <c r="N6834" s="10"/>
    </row>
    <row r="6835" spans="14:14">
      <c r="N6835" s="10"/>
    </row>
    <row r="6836" spans="14:14">
      <c r="N6836" s="10"/>
    </row>
    <row r="6837" spans="14:14">
      <c r="N6837" s="10"/>
    </row>
    <row r="6838" spans="14:14">
      <c r="N6838" s="10"/>
    </row>
    <row r="6839" spans="14:14">
      <c r="N6839" s="10"/>
    </row>
    <row r="6840" spans="14:14">
      <c r="N6840" s="10"/>
    </row>
    <row r="6841" spans="14:14">
      <c r="N6841" s="10"/>
    </row>
    <row r="6842" spans="14:14">
      <c r="N6842" s="10"/>
    </row>
    <row r="6843" spans="14:14">
      <c r="N6843" s="10"/>
    </row>
    <row r="6844" spans="14:14">
      <c r="N6844" s="10"/>
    </row>
    <row r="6845" spans="14:14">
      <c r="N6845" s="10"/>
    </row>
    <row r="6846" spans="14:14">
      <c r="N6846" s="10"/>
    </row>
    <row r="6847" spans="14:14">
      <c r="N6847" s="10"/>
    </row>
    <row r="6848" spans="14:14">
      <c r="N6848" s="10"/>
    </row>
    <row r="6849" spans="14:14">
      <c r="N6849" s="10"/>
    </row>
    <row r="6850" spans="14:14">
      <c r="N6850" s="10"/>
    </row>
    <row r="6851" spans="14:14">
      <c r="N6851" s="10"/>
    </row>
    <row r="6852" spans="14:14">
      <c r="N6852" s="10"/>
    </row>
    <row r="6853" spans="14:14">
      <c r="N6853" s="10"/>
    </row>
    <row r="6854" spans="14:14">
      <c r="N6854" s="10"/>
    </row>
    <row r="6855" spans="14:14">
      <c r="N6855" s="10"/>
    </row>
    <row r="6856" spans="14:14">
      <c r="N6856" s="10"/>
    </row>
    <row r="6857" spans="14:14">
      <c r="N6857" s="10"/>
    </row>
    <row r="6858" spans="14:14">
      <c r="N6858" s="10"/>
    </row>
    <row r="6859" spans="14:14">
      <c r="N6859" s="10"/>
    </row>
    <row r="6860" spans="14:14">
      <c r="N6860" s="10"/>
    </row>
    <row r="6861" spans="14:14">
      <c r="N6861" s="10"/>
    </row>
    <row r="6862" spans="14:14">
      <c r="N6862" s="10"/>
    </row>
    <row r="6863" spans="14:14">
      <c r="N6863" s="10"/>
    </row>
    <row r="6864" spans="14:14">
      <c r="N6864" s="10"/>
    </row>
    <row r="6865" spans="14:14">
      <c r="N6865" s="10"/>
    </row>
    <row r="6866" spans="14:14">
      <c r="N6866" s="10"/>
    </row>
    <row r="6867" spans="14:14">
      <c r="N6867" s="10"/>
    </row>
    <row r="6868" spans="14:14">
      <c r="N6868" s="10"/>
    </row>
    <row r="6869" spans="14:14">
      <c r="N6869" s="10"/>
    </row>
    <row r="6870" spans="14:14">
      <c r="N6870" s="10"/>
    </row>
    <row r="6871" spans="14:14">
      <c r="N6871" s="10"/>
    </row>
    <row r="6872" spans="14:14">
      <c r="N6872" s="10"/>
    </row>
    <row r="6873" spans="14:14">
      <c r="N6873" s="10"/>
    </row>
    <row r="6874" spans="14:14">
      <c r="N6874" s="10"/>
    </row>
    <row r="6875" spans="14:14">
      <c r="N6875" s="10"/>
    </row>
    <row r="6876" spans="14:14">
      <c r="N6876" s="10"/>
    </row>
    <row r="6877" spans="14:14">
      <c r="N6877" s="10"/>
    </row>
    <row r="6878" spans="14:14">
      <c r="N6878" s="10"/>
    </row>
    <row r="6879" spans="14:14">
      <c r="N6879" s="10"/>
    </row>
    <row r="6880" spans="14:14">
      <c r="N6880" s="10"/>
    </row>
    <row r="6881" spans="14:14">
      <c r="N6881" s="10"/>
    </row>
    <row r="6882" spans="14:14">
      <c r="N6882" s="10"/>
    </row>
    <row r="6883" spans="14:14">
      <c r="N6883" s="10"/>
    </row>
    <row r="6884" spans="14:14">
      <c r="N6884" s="10"/>
    </row>
    <row r="6885" spans="14:14">
      <c r="N6885" s="10"/>
    </row>
    <row r="6886" spans="14:14">
      <c r="N6886" s="10"/>
    </row>
    <row r="6887" spans="14:14">
      <c r="N6887" s="10"/>
    </row>
    <row r="6888" spans="14:14">
      <c r="N6888" s="10"/>
    </row>
    <row r="6889" spans="14:14">
      <c r="N6889" s="10"/>
    </row>
    <row r="6890" spans="14:14">
      <c r="N6890" s="10"/>
    </row>
    <row r="6891" spans="14:14">
      <c r="N6891" s="10"/>
    </row>
    <row r="6892" spans="14:14">
      <c r="N6892" s="10"/>
    </row>
    <row r="6893" spans="14:14">
      <c r="N6893" s="10"/>
    </row>
    <row r="6894" spans="14:14">
      <c r="N6894" s="10"/>
    </row>
    <row r="6895" spans="14:14">
      <c r="N6895" s="10"/>
    </row>
    <row r="6896" spans="14:14">
      <c r="N6896" s="10"/>
    </row>
    <row r="6897" spans="14:14">
      <c r="N6897" s="10"/>
    </row>
    <row r="6898" spans="14:14">
      <c r="N6898" s="10"/>
    </row>
    <row r="6899" spans="14:14">
      <c r="N6899" s="10"/>
    </row>
    <row r="6900" spans="14:14">
      <c r="N6900" s="10"/>
    </row>
    <row r="6901" spans="14:14">
      <c r="N6901" s="10"/>
    </row>
    <row r="6902" spans="14:14">
      <c r="N6902" s="10"/>
    </row>
    <row r="6903" spans="14:14">
      <c r="N6903" s="10"/>
    </row>
    <row r="6904" spans="14:14">
      <c r="N6904" s="10"/>
    </row>
    <row r="6905" spans="14:14">
      <c r="N6905" s="10"/>
    </row>
    <row r="6906" spans="14:14">
      <c r="N6906" s="10"/>
    </row>
    <row r="6907" spans="14:14">
      <c r="N6907" s="10"/>
    </row>
    <row r="6908" spans="14:14">
      <c r="N6908" s="10"/>
    </row>
    <row r="6909" spans="14:14">
      <c r="N6909" s="10"/>
    </row>
    <row r="6910" spans="14:14">
      <c r="N6910" s="10"/>
    </row>
    <row r="6911" spans="14:14">
      <c r="N6911" s="10"/>
    </row>
    <row r="6912" spans="14:14">
      <c r="N6912" s="10"/>
    </row>
    <row r="6913" spans="14:14">
      <c r="N6913" s="10"/>
    </row>
    <row r="6914" spans="14:14">
      <c r="N6914" s="10"/>
    </row>
    <row r="6915" spans="14:14">
      <c r="N6915" s="10"/>
    </row>
    <row r="6916" spans="14:14">
      <c r="N6916" s="10"/>
    </row>
    <row r="6917" spans="14:14">
      <c r="N6917" s="10"/>
    </row>
    <row r="6918" spans="14:14">
      <c r="N6918" s="10"/>
    </row>
    <row r="6919" spans="14:14">
      <c r="N6919" s="10"/>
    </row>
    <row r="6920" spans="14:14">
      <c r="N6920" s="10"/>
    </row>
    <row r="6921" spans="14:14">
      <c r="N6921" s="10"/>
    </row>
    <row r="6922" spans="14:14">
      <c r="N6922" s="10"/>
    </row>
    <row r="6923" spans="14:14">
      <c r="N6923" s="10"/>
    </row>
    <row r="6924" spans="14:14">
      <c r="N6924" s="10"/>
    </row>
    <row r="6925" spans="14:14">
      <c r="N6925" s="10"/>
    </row>
    <row r="6926" spans="14:14">
      <c r="N6926" s="10"/>
    </row>
    <row r="6927" spans="14:14">
      <c r="N6927" s="10"/>
    </row>
    <row r="6928" spans="14:14">
      <c r="N6928" s="10"/>
    </row>
    <row r="6929" spans="14:14">
      <c r="N6929" s="10"/>
    </row>
    <row r="6930" spans="14:14">
      <c r="N6930" s="10"/>
    </row>
    <row r="6931" spans="14:14">
      <c r="N6931" s="10"/>
    </row>
    <row r="6932" spans="14:14">
      <c r="N6932" s="10"/>
    </row>
    <row r="6933" spans="14:14">
      <c r="N6933" s="10"/>
    </row>
    <row r="6934" spans="14:14">
      <c r="N6934" s="10"/>
    </row>
    <row r="6935" spans="14:14">
      <c r="N6935" s="10"/>
    </row>
    <row r="6936" spans="14:14">
      <c r="N6936" s="10"/>
    </row>
    <row r="6937" spans="14:14">
      <c r="N6937" s="10"/>
    </row>
    <row r="6938" spans="14:14">
      <c r="N6938" s="10"/>
    </row>
    <row r="6939" spans="14:14">
      <c r="N6939" s="10"/>
    </row>
    <row r="6940" spans="14:14">
      <c r="N6940" s="10"/>
    </row>
    <row r="6941" spans="14:14">
      <c r="N6941" s="10"/>
    </row>
    <row r="6942" spans="14:14">
      <c r="N6942" s="10"/>
    </row>
    <row r="6943" spans="14:14">
      <c r="N6943" s="10"/>
    </row>
    <row r="6944" spans="14:14">
      <c r="N6944" s="10"/>
    </row>
    <row r="6945" spans="14:14">
      <c r="N6945" s="10"/>
    </row>
    <row r="6946" spans="14:14">
      <c r="N6946" s="10"/>
    </row>
    <row r="6947" spans="14:14">
      <c r="N6947" s="10"/>
    </row>
    <row r="6948" spans="14:14">
      <c r="N6948" s="10"/>
    </row>
    <row r="6949" spans="14:14">
      <c r="N6949" s="10"/>
    </row>
    <row r="6950" spans="14:14">
      <c r="N6950" s="10"/>
    </row>
    <row r="6951" spans="14:14">
      <c r="N6951" s="10"/>
    </row>
    <row r="6952" spans="14:14">
      <c r="N6952" s="10"/>
    </row>
    <row r="6953" spans="14:14">
      <c r="N6953" s="10"/>
    </row>
    <row r="6954" spans="14:14">
      <c r="N6954" s="10"/>
    </row>
    <row r="6955" spans="14:14">
      <c r="N6955" s="10"/>
    </row>
    <row r="6956" spans="14:14">
      <c r="N6956" s="10"/>
    </row>
    <row r="6957" spans="14:14">
      <c r="N6957" s="10"/>
    </row>
    <row r="6958" spans="14:14">
      <c r="N6958" s="10"/>
    </row>
    <row r="6959" spans="14:14">
      <c r="N6959" s="10"/>
    </row>
    <row r="6960" spans="14:14">
      <c r="N6960" s="10"/>
    </row>
    <row r="6961" spans="14:14">
      <c r="N6961" s="10"/>
    </row>
    <row r="6962" spans="14:14">
      <c r="N6962" s="10"/>
    </row>
    <row r="6963" spans="14:14">
      <c r="N6963" s="10"/>
    </row>
    <row r="6964" spans="14:14">
      <c r="N6964" s="10"/>
    </row>
    <row r="6965" spans="14:14">
      <c r="N6965" s="10"/>
    </row>
    <row r="6966" spans="14:14">
      <c r="N6966" s="10"/>
    </row>
    <row r="6967" spans="14:14">
      <c r="N6967" s="10"/>
    </row>
    <row r="6968" spans="14:14">
      <c r="N6968" s="10"/>
    </row>
    <row r="6969" spans="14:14">
      <c r="N6969" s="10"/>
    </row>
    <row r="6970" spans="14:14">
      <c r="N6970" s="10"/>
    </row>
    <row r="6971" spans="14:14">
      <c r="N6971" s="10"/>
    </row>
    <row r="6972" spans="14:14">
      <c r="N6972" s="10"/>
    </row>
    <row r="6973" spans="14:14">
      <c r="N6973" s="10"/>
    </row>
    <row r="6974" spans="14:14">
      <c r="N6974" s="10"/>
    </row>
    <row r="6975" spans="14:14">
      <c r="N6975" s="10"/>
    </row>
    <row r="6976" spans="14:14">
      <c r="N6976" s="10"/>
    </row>
    <row r="6977" spans="14:14">
      <c r="N6977" s="10"/>
    </row>
    <row r="6978" spans="14:14">
      <c r="N6978" s="10"/>
    </row>
    <row r="6979" spans="14:14">
      <c r="N6979" s="10"/>
    </row>
    <row r="6980" spans="14:14">
      <c r="N6980" s="10"/>
    </row>
    <row r="6981" spans="14:14">
      <c r="N6981" s="10"/>
    </row>
    <row r="6982" spans="14:14">
      <c r="N6982" s="10"/>
    </row>
    <row r="6983" spans="14:14">
      <c r="N6983" s="10"/>
    </row>
    <row r="6984" spans="14:14">
      <c r="N6984" s="10"/>
    </row>
    <row r="6985" spans="14:14">
      <c r="N6985" s="10"/>
    </row>
    <row r="6986" spans="14:14">
      <c r="N6986" s="10"/>
    </row>
    <row r="6987" spans="14:14">
      <c r="N6987" s="10"/>
    </row>
    <row r="6988" spans="14:14">
      <c r="N6988" s="10"/>
    </row>
    <row r="6989" spans="14:14">
      <c r="N6989" s="10"/>
    </row>
    <row r="6990" spans="14:14">
      <c r="N6990" s="10"/>
    </row>
    <row r="6991" spans="14:14">
      <c r="N6991" s="10"/>
    </row>
    <row r="6992" spans="14:14">
      <c r="N6992" s="10"/>
    </row>
    <row r="6993" spans="14:14">
      <c r="N6993" s="10"/>
    </row>
    <row r="6994" spans="14:14">
      <c r="N6994" s="10"/>
    </row>
    <row r="6995" spans="14:14">
      <c r="N6995" s="10"/>
    </row>
    <row r="6996" spans="14:14">
      <c r="N6996" s="10"/>
    </row>
    <row r="6997" spans="14:14">
      <c r="N6997" s="10"/>
    </row>
    <row r="6998" spans="14:14">
      <c r="N6998" s="10"/>
    </row>
    <row r="6999" spans="14:14">
      <c r="N6999" s="10"/>
    </row>
    <row r="7000" spans="14:14">
      <c r="N7000" s="10"/>
    </row>
    <row r="7001" spans="14:14">
      <c r="N7001" s="10"/>
    </row>
    <row r="7002" spans="14:14">
      <c r="N7002" s="10"/>
    </row>
    <row r="7003" spans="14:14">
      <c r="N7003" s="10"/>
    </row>
    <row r="7004" spans="14:14">
      <c r="N7004" s="10"/>
    </row>
    <row r="7005" spans="14:14">
      <c r="N7005" s="10"/>
    </row>
    <row r="7006" spans="14:14">
      <c r="N7006" s="10"/>
    </row>
    <row r="7007" spans="14:14">
      <c r="N7007" s="10"/>
    </row>
    <row r="7008" spans="14:14">
      <c r="N7008" s="10"/>
    </row>
    <row r="7009" spans="14:14">
      <c r="N7009" s="10"/>
    </row>
    <row r="7010" spans="14:14">
      <c r="N7010" s="10"/>
    </row>
    <row r="7011" spans="14:14">
      <c r="N7011" s="10"/>
    </row>
    <row r="7012" spans="14:14">
      <c r="N7012" s="10"/>
    </row>
    <row r="7013" spans="14:14">
      <c r="N7013" s="10"/>
    </row>
    <row r="7014" spans="14:14">
      <c r="N7014" s="10"/>
    </row>
    <row r="7015" spans="14:14">
      <c r="N7015" s="10"/>
    </row>
    <row r="7016" spans="14:14">
      <c r="N7016" s="10"/>
    </row>
    <row r="7017" spans="14:14">
      <c r="N7017" s="10"/>
    </row>
    <row r="7018" spans="14:14">
      <c r="N7018" s="10"/>
    </row>
    <row r="7019" spans="14:14">
      <c r="N7019" s="10"/>
    </row>
    <row r="7020" spans="14:14">
      <c r="N7020" s="10"/>
    </row>
    <row r="7021" spans="14:14">
      <c r="N7021" s="10"/>
    </row>
    <row r="7022" spans="14:14">
      <c r="N7022" s="10"/>
    </row>
    <row r="7023" spans="14:14">
      <c r="N7023" s="10"/>
    </row>
    <row r="7024" spans="14:14">
      <c r="N7024" s="10"/>
    </row>
    <row r="7025" spans="14:14">
      <c r="N7025" s="10"/>
    </row>
    <row r="7026" spans="14:14">
      <c r="N7026" s="10"/>
    </row>
    <row r="7027" spans="14:14">
      <c r="N7027" s="10"/>
    </row>
    <row r="7028" spans="14:14">
      <c r="N7028" s="10"/>
    </row>
    <row r="7029" spans="14:14">
      <c r="N7029" s="10"/>
    </row>
    <row r="7030" spans="14:14">
      <c r="N7030" s="10"/>
    </row>
    <row r="7031" spans="14:14">
      <c r="N7031" s="10"/>
    </row>
    <row r="7032" spans="14:14">
      <c r="N7032" s="10"/>
    </row>
    <row r="7033" spans="14:14">
      <c r="N7033" s="10"/>
    </row>
    <row r="7034" spans="14:14">
      <c r="N7034" s="10"/>
    </row>
    <row r="7035" spans="14:14">
      <c r="N7035" s="10"/>
    </row>
    <row r="7036" spans="14:14">
      <c r="N7036" s="10"/>
    </row>
    <row r="7037" spans="14:14">
      <c r="N7037" s="10"/>
    </row>
    <row r="7038" spans="14:14">
      <c r="N7038" s="10"/>
    </row>
    <row r="7039" spans="14:14">
      <c r="N7039" s="10"/>
    </row>
    <row r="7040" spans="14:14">
      <c r="N7040" s="10"/>
    </row>
    <row r="7041" spans="14:14">
      <c r="N7041" s="10"/>
    </row>
    <row r="7042" spans="14:14">
      <c r="N7042" s="10"/>
    </row>
    <row r="7043" spans="14:14">
      <c r="N7043" s="10"/>
    </row>
    <row r="7044" spans="14:14">
      <c r="N7044" s="10"/>
    </row>
    <row r="7045" spans="14:14">
      <c r="N7045" s="10"/>
    </row>
    <row r="7046" spans="14:14">
      <c r="N7046" s="10"/>
    </row>
    <row r="7047" spans="14:14">
      <c r="N7047" s="10"/>
    </row>
    <row r="7048" spans="14:14">
      <c r="N7048" s="10"/>
    </row>
    <row r="7049" spans="14:14">
      <c r="N7049" s="10"/>
    </row>
    <row r="7050" spans="14:14">
      <c r="N7050" s="10"/>
    </row>
    <row r="7051" spans="14:14">
      <c r="N7051" s="10"/>
    </row>
    <row r="7052" spans="14:14">
      <c r="N7052" s="10"/>
    </row>
    <row r="7053" spans="14:14">
      <c r="N7053" s="10"/>
    </row>
    <row r="7054" spans="14:14">
      <c r="N7054" s="10"/>
    </row>
    <row r="7055" spans="14:14">
      <c r="N7055" s="10"/>
    </row>
    <row r="7056" spans="14:14">
      <c r="N7056" s="10"/>
    </row>
    <row r="7057" spans="14:14">
      <c r="N7057" s="10"/>
    </row>
    <row r="7058" spans="14:14">
      <c r="N7058" s="10"/>
    </row>
    <row r="7059" spans="14:14">
      <c r="N7059" s="10"/>
    </row>
    <row r="7060" spans="14:14">
      <c r="N7060" s="10"/>
    </row>
    <row r="7061" spans="14:14">
      <c r="N7061" s="10"/>
    </row>
    <row r="7062" spans="14:14">
      <c r="N7062" s="10"/>
    </row>
    <row r="7063" spans="14:14">
      <c r="N7063" s="10"/>
    </row>
    <row r="7064" spans="14:14">
      <c r="N7064" s="10"/>
    </row>
    <row r="7065" spans="14:14">
      <c r="N7065" s="10"/>
    </row>
    <row r="7066" spans="14:14">
      <c r="N7066" s="10"/>
    </row>
    <row r="7067" spans="14:14">
      <c r="N7067" s="10"/>
    </row>
    <row r="7068" spans="14:14">
      <c r="N7068" s="10"/>
    </row>
    <row r="7069" spans="14:14">
      <c r="N7069" s="10"/>
    </row>
    <row r="7070" spans="14:14">
      <c r="N7070" s="10"/>
    </row>
    <row r="7071" spans="14:14">
      <c r="N7071" s="10"/>
    </row>
    <row r="7072" spans="14:14">
      <c r="N7072" s="10"/>
    </row>
    <row r="7073" spans="14:14">
      <c r="N7073" s="10"/>
    </row>
    <row r="7074" spans="14:14">
      <c r="N7074" s="10"/>
    </row>
    <row r="7075" spans="14:14">
      <c r="N7075" s="10"/>
    </row>
    <row r="7076" spans="14:14">
      <c r="N7076" s="10"/>
    </row>
    <row r="7077" spans="14:14">
      <c r="N7077" s="10"/>
    </row>
    <row r="7078" spans="14:14">
      <c r="N7078" s="10"/>
    </row>
    <row r="7079" spans="14:14">
      <c r="N7079" s="10"/>
    </row>
    <row r="7080" spans="14:14">
      <c r="N7080" s="10"/>
    </row>
    <row r="7081" spans="14:14">
      <c r="N7081" s="10"/>
    </row>
    <row r="7082" spans="14:14">
      <c r="N7082" s="10"/>
    </row>
    <row r="7083" spans="14:14">
      <c r="N7083" s="10"/>
    </row>
    <row r="7084" spans="14:14">
      <c r="N7084" s="10"/>
    </row>
    <row r="7085" spans="14:14">
      <c r="N7085" s="10"/>
    </row>
    <row r="7086" spans="14:14">
      <c r="N7086" s="10"/>
    </row>
    <row r="7087" spans="14:14">
      <c r="N7087" s="10"/>
    </row>
    <row r="7088" spans="14:14">
      <c r="N7088" s="10"/>
    </row>
    <row r="7089" spans="14:14">
      <c r="N7089" s="10"/>
    </row>
    <row r="7090" spans="14:14">
      <c r="N7090" s="10"/>
    </row>
    <row r="7091" spans="14:14">
      <c r="N7091" s="10"/>
    </row>
    <row r="7092" spans="14:14">
      <c r="N7092" s="10"/>
    </row>
    <row r="7093" spans="14:14">
      <c r="N7093" s="10"/>
    </row>
    <row r="7094" spans="14:14">
      <c r="N7094" s="10"/>
    </row>
    <row r="7095" spans="14:14">
      <c r="N7095" s="10"/>
    </row>
    <row r="7096" spans="14:14">
      <c r="N7096" s="10"/>
    </row>
    <row r="7097" spans="14:14">
      <c r="N7097" s="10"/>
    </row>
    <row r="7098" spans="14:14">
      <c r="N7098" s="10"/>
    </row>
    <row r="7099" spans="14:14">
      <c r="N7099" s="10"/>
    </row>
    <row r="7100" spans="14:14">
      <c r="N7100" s="10"/>
    </row>
    <row r="7101" spans="14:14">
      <c r="N7101" s="10"/>
    </row>
    <row r="7102" spans="14:14">
      <c r="N7102" s="10"/>
    </row>
    <row r="7103" spans="14:14">
      <c r="N7103" s="10"/>
    </row>
    <row r="7104" spans="14:14">
      <c r="N7104" s="10"/>
    </row>
    <row r="7105" spans="14:14">
      <c r="N7105" s="10"/>
    </row>
    <row r="7106" spans="14:14">
      <c r="N7106" s="10"/>
    </row>
    <row r="7107" spans="14:14">
      <c r="N7107" s="10"/>
    </row>
    <row r="7108" spans="14:14">
      <c r="N7108" s="10"/>
    </row>
    <row r="7109" spans="14:14">
      <c r="N7109" s="10"/>
    </row>
    <row r="7110" spans="14:14">
      <c r="N7110" s="10"/>
    </row>
    <row r="7111" spans="14:14">
      <c r="N7111" s="10"/>
    </row>
    <row r="7112" spans="14:14">
      <c r="N7112" s="10"/>
    </row>
    <row r="7113" spans="14:14">
      <c r="N7113" s="10"/>
    </row>
    <row r="7114" spans="14:14">
      <c r="N7114" s="10"/>
    </row>
    <row r="7115" spans="14:14">
      <c r="N7115" s="10"/>
    </row>
    <row r="7116" spans="14:14">
      <c r="N7116" s="10"/>
    </row>
    <row r="7117" spans="14:14">
      <c r="N7117" s="10"/>
    </row>
    <row r="7118" spans="14:14">
      <c r="N7118" s="10"/>
    </row>
    <row r="7119" spans="14:14">
      <c r="N7119" s="10"/>
    </row>
    <row r="7120" spans="14:14">
      <c r="N7120" s="10"/>
    </row>
    <row r="7121" spans="14:14">
      <c r="N7121" s="10"/>
    </row>
    <row r="7122" spans="14:14">
      <c r="N7122" s="10"/>
    </row>
    <row r="7123" spans="14:14">
      <c r="N7123" s="10"/>
    </row>
    <row r="7124" spans="14:14">
      <c r="N7124" s="10"/>
    </row>
    <row r="7125" spans="14:14">
      <c r="N7125" s="10"/>
    </row>
    <row r="7126" spans="14:14">
      <c r="N7126" s="10"/>
    </row>
    <row r="7127" spans="14:14">
      <c r="N7127" s="10"/>
    </row>
    <row r="7128" spans="14:14">
      <c r="N7128" s="10"/>
    </row>
    <row r="7129" spans="14:14">
      <c r="N7129" s="10"/>
    </row>
    <row r="7130" spans="14:14">
      <c r="N7130" s="10"/>
    </row>
    <row r="7131" spans="14:14">
      <c r="N7131" s="10"/>
    </row>
    <row r="7132" spans="14:14">
      <c r="N7132" s="10"/>
    </row>
    <row r="7133" spans="14:14">
      <c r="N7133" s="10"/>
    </row>
    <row r="7134" spans="14:14">
      <c r="N7134" s="10"/>
    </row>
    <row r="7135" spans="14:14">
      <c r="N7135" s="10"/>
    </row>
    <row r="7136" spans="14:14">
      <c r="N7136" s="10"/>
    </row>
    <row r="7137" spans="14:14">
      <c r="N7137" s="10"/>
    </row>
    <row r="7138" spans="14:14">
      <c r="N7138" s="10"/>
    </row>
    <row r="7139" spans="14:14">
      <c r="N7139" s="10"/>
    </row>
    <row r="7140" spans="14:14">
      <c r="N7140" s="10"/>
    </row>
    <row r="7141" spans="14:14">
      <c r="N7141" s="10"/>
    </row>
    <row r="7142" spans="14:14">
      <c r="N7142" s="10"/>
    </row>
    <row r="7143" spans="14:14">
      <c r="N7143" s="10"/>
    </row>
    <row r="7144" spans="14:14">
      <c r="N7144" s="10"/>
    </row>
    <row r="7145" spans="14:14">
      <c r="N7145" s="10"/>
    </row>
    <row r="7146" spans="14:14">
      <c r="N7146" s="10"/>
    </row>
    <row r="7147" spans="14:14">
      <c r="N7147" s="10"/>
    </row>
    <row r="7148" spans="14:14">
      <c r="N7148" s="10"/>
    </row>
    <row r="7149" spans="14:14">
      <c r="N7149" s="10"/>
    </row>
    <row r="7150" spans="14:14">
      <c r="N7150" s="10"/>
    </row>
    <row r="7151" spans="14:14">
      <c r="N7151" s="10"/>
    </row>
    <row r="7152" spans="14:14">
      <c r="N7152" s="10"/>
    </row>
    <row r="7153" spans="14:14">
      <c r="N7153" s="10"/>
    </row>
    <row r="7154" spans="14:14">
      <c r="N7154" s="10"/>
    </row>
    <row r="7155" spans="14:14">
      <c r="N7155" s="10"/>
    </row>
    <row r="7156" spans="14:14">
      <c r="N7156" s="10"/>
    </row>
    <row r="7157" spans="14:14">
      <c r="N7157" s="10"/>
    </row>
    <row r="7158" spans="14:14">
      <c r="N7158" s="10"/>
    </row>
    <row r="7159" spans="14:14">
      <c r="N7159" s="10"/>
    </row>
    <row r="7160" spans="14:14">
      <c r="N7160" s="10"/>
    </row>
    <row r="7161" spans="14:14">
      <c r="N7161" s="10"/>
    </row>
    <row r="7162" spans="14:14">
      <c r="N7162" s="10"/>
    </row>
    <row r="7163" spans="14:14">
      <c r="N7163" s="10"/>
    </row>
    <row r="7164" spans="14:14">
      <c r="N7164" s="10"/>
    </row>
    <row r="7165" spans="14:14">
      <c r="N7165" s="10"/>
    </row>
    <row r="7166" spans="14:14">
      <c r="N7166" s="10"/>
    </row>
    <row r="7167" spans="14:14">
      <c r="N7167" s="10"/>
    </row>
    <row r="7168" spans="14:14">
      <c r="N7168" s="10"/>
    </row>
    <row r="7169" spans="14:14">
      <c r="N7169" s="10"/>
    </row>
    <row r="7170" spans="14:14">
      <c r="N7170" s="10"/>
    </row>
    <row r="7171" spans="14:14">
      <c r="N7171" s="10"/>
    </row>
    <row r="7172" spans="14:14">
      <c r="N7172" s="10"/>
    </row>
    <row r="7173" spans="14:14">
      <c r="N7173" s="10"/>
    </row>
    <row r="7174" spans="14:14">
      <c r="N7174" s="10"/>
    </row>
    <row r="7175" spans="14:14">
      <c r="N7175" s="10"/>
    </row>
    <row r="7176" spans="14:14">
      <c r="N7176" s="10"/>
    </row>
    <row r="7177" spans="14:14">
      <c r="N7177" s="10"/>
    </row>
    <row r="7178" spans="14:14">
      <c r="N7178" s="10"/>
    </row>
    <row r="7179" spans="14:14">
      <c r="N7179" s="10"/>
    </row>
    <row r="7180" spans="14:14">
      <c r="N7180" s="10"/>
    </row>
    <row r="7181" spans="14:14">
      <c r="N7181" s="10"/>
    </row>
    <row r="7182" spans="14:14">
      <c r="N7182" s="10"/>
    </row>
    <row r="7183" spans="14:14">
      <c r="N7183" s="10"/>
    </row>
    <row r="7184" spans="14:14">
      <c r="N7184" s="10"/>
    </row>
    <row r="7185" spans="14:14">
      <c r="N7185" s="10"/>
    </row>
    <row r="7186" spans="14:14">
      <c r="N7186" s="10"/>
    </row>
    <row r="7187" spans="14:14">
      <c r="N7187" s="10"/>
    </row>
    <row r="7188" spans="14:14">
      <c r="N7188" s="10"/>
    </row>
    <row r="7189" spans="14:14">
      <c r="N7189" s="10"/>
    </row>
    <row r="7190" spans="14:14">
      <c r="N7190" s="10"/>
    </row>
    <row r="7191" spans="14:14">
      <c r="N7191" s="10"/>
    </row>
    <row r="7192" spans="14:14">
      <c r="N7192" s="10"/>
    </row>
    <row r="7193" spans="14:14">
      <c r="N7193" s="10"/>
    </row>
    <row r="7194" spans="14:14">
      <c r="N7194" s="10"/>
    </row>
    <row r="7195" spans="14:14">
      <c r="N7195" s="10"/>
    </row>
    <row r="7196" spans="14:14">
      <c r="N7196" s="10"/>
    </row>
    <row r="7197" spans="14:14">
      <c r="N7197" s="10"/>
    </row>
    <row r="7198" spans="14:14">
      <c r="N7198" s="10"/>
    </row>
    <row r="7199" spans="14:14">
      <c r="N7199" s="10"/>
    </row>
    <row r="7200" spans="14:14">
      <c r="N7200" s="10"/>
    </row>
    <row r="7201" spans="14:14">
      <c r="N7201" s="10"/>
    </row>
    <row r="7202" spans="14:14">
      <c r="N7202" s="10"/>
    </row>
    <row r="7203" spans="14:14">
      <c r="N7203" s="10"/>
    </row>
    <row r="7204" spans="14:14">
      <c r="N7204" s="10"/>
    </row>
    <row r="7205" spans="14:14">
      <c r="N7205" s="10"/>
    </row>
    <row r="7206" spans="14:14">
      <c r="N7206" s="10"/>
    </row>
    <row r="7207" spans="14:14">
      <c r="N7207" s="10"/>
    </row>
    <row r="7208" spans="14:14">
      <c r="N7208" s="10"/>
    </row>
    <row r="7209" spans="14:14">
      <c r="N7209" s="10"/>
    </row>
    <row r="7210" spans="14:14">
      <c r="N7210" s="10"/>
    </row>
    <row r="7211" spans="14:14">
      <c r="N7211" s="10"/>
    </row>
    <row r="7212" spans="14:14">
      <c r="N7212" s="10"/>
    </row>
    <row r="7213" spans="14:14">
      <c r="N7213" s="10"/>
    </row>
    <row r="7214" spans="14:14">
      <c r="N7214" s="10"/>
    </row>
    <row r="7215" spans="14:14">
      <c r="N7215" s="10"/>
    </row>
    <row r="7216" spans="14:14">
      <c r="N7216" s="10"/>
    </row>
    <row r="7217" spans="14:14">
      <c r="N7217" s="10"/>
    </row>
    <row r="7218" spans="14:14">
      <c r="N7218" s="10"/>
    </row>
    <row r="7219" spans="14:14">
      <c r="N7219" s="10"/>
    </row>
    <row r="7220" spans="14:14">
      <c r="N7220" s="10"/>
    </row>
    <row r="7221" spans="14:14">
      <c r="N7221" s="10"/>
    </row>
    <row r="7222" spans="14:14">
      <c r="N7222" s="10"/>
    </row>
    <row r="7223" spans="14:14">
      <c r="N7223" s="10"/>
    </row>
    <row r="7224" spans="14:14">
      <c r="N7224" s="10"/>
    </row>
    <row r="7225" spans="14:14">
      <c r="N7225" s="10"/>
    </row>
    <row r="7226" spans="14:14">
      <c r="N7226" s="10"/>
    </row>
    <row r="7227" spans="14:14">
      <c r="N7227" s="10"/>
    </row>
    <row r="7228" spans="14:14">
      <c r="N7228" s="10"/>
    </row>
    <row r="7229" spans="14:14">
      <c r="N7229" s="10"/>
    </row>
    <row r="7230" spans="14:14">
      <c r="N7230" s="10"/>
    </row>
    <row r="7231" spans="14:14">
      <c r="N7231" s="10"/>
    </row>
    <row r="7232" spans="14:14">
      <c r="N7232" s="10"/>
    </row>
    <row r="7233" spans="14:14">
      <c r="N7233" s="10"/>
    </row>
    <row r="7234" spans="14:14">
      <c r="N7234" s="10"/>
    </row>
    <row r="7235" spans="14:14">
      <c r="N7235" s="10"/>
    </row>
    <row r="7236" spans="14:14">
      <c r="N7236" s="10"/>
    </row>
    <row r="7237" spans="14:14">
      <c r="N7237" s="10"/>
    </row>
    <row r="7238" spans="14:14">
      <c r="N7238" s="10"/>
    </row>
    <row r="7239" spans="14:14">
      <c r="N7239" s="10"/>
    </row>
    <row r="7240" spans="14:14">
      <c r="N7240" s="10"/>
    </row>
    <row r="7241" spans="14:14">
      <c r="N7241" s="10"/>
    </row>
    <row r="7242" spans="14:14">
      <c r="N7242" s="10"/>
    </row>
    <row r="7243" spans="14:14">
      <c r="N7243" s="10"/>
    </row>
    <row r="7244" spans="14:14">
      <c r="N7244" s="10"/>
    </row>
    <row r="7245" spans="14:14">
      <c r="N7245" s="10"/>
    </row>
    <row r="7246" spans="14:14">
      <c r="N7246" s="10"/>
    </row>
    <row r="7247" spans="14:14">
      <c r="N7247" s="10"/>
    </row>
    <row r="7248" spans="14:14">
      <c r="N7248" s="10"/>
    </row>
    <row r="7249" spans="14:14">
      <c r="N7249" s="10"/>
    </row>
    <row r="7250" spans="14:14">
      <c r="N7250" s="10"/>
    </row>
    <row r="7251" spans="14:14">
      <c r="N7251" s="10"/>
    </row>
    <row r="7252" spans="14:14">
      <c r="N7252" s="10"/>
    </row>
    <row r="7253" spans="14:14">
      <c r="N7253" s="10"/>
    </row>
    <row r="7254" spans="14:14">
      <c r="N7254" s="10"/>
    </row>
    <row r="7255" spans="14:14">
      <c r="N7255" s="10"/>
    </row>
    <row r="7256" spans="14:14">
      <c r="N7256" s="10"/>
    </row>
    <row r="7257" spans="14:14">
      <c r="N7257" s="10"/>
    </row>
    <row r="7258" spans="14:14">
      <c r="N7258" s="10"/>
    </row>
    <row r="7259" spans="14:14">
      <c r="N7259" s="10"/>
    </row>
    <row r="7260" spans="14:14">
      <c r="N7260" s="10"/>
    </row>
    <row r="7261" spans="14:14">
      <c r="N7261" s="10"/>
    </row>
    <row r="7262" spans="14:14">
      <c r="N7262" s="10"/>
    </row>
    <row r="7263" spans="14:14">
      <c r="N7263" s="10"/>
    </row>
    <row r="7264" spans="14:14">
      <c r="N7264" s="10"/>
    </row>
    <row r="7265" spans="14:14">
      <c r="N7265" s="10"/>
    </row>
    <row r="7266" spans="14:14">
      <c r="N7266" s="10"/>
    </row>
    <row r="7267" spans="14:14">
      <c r="N7267" s="10"/>
    </row>
    <row r="7268" spans="14:14">
      <c r="N7268" s="10"/>
    </row>
    <row r="7269" spans="14:14">
      <c r="N7269" s="10"/>
    </row>
    <row r="7270" spans="14:14">
      <c r="N7270" s="10"/>
    </row>
    <row r="7271" spans="14:14">
      <c r="N7271" s="10"/>
    </row>
    <row r="7272" spans="14:14">
      <c r="N7272" s="10"/>
    </row>
    <row r="7273" spans="14:14">
      <c r="N7273" s="10"/>
    </row>
    <row r="7274" spans="14:14">
      <c r="N7274" s="10"/>
    </row>
    <row r="7275" spans="14:14">
      <c r="N7275" s="10"/>
    </row>
    <row r="7276" spans="14:14">
      <c r="N7276" s="10"/>
    </row>
    <row r="7277" spans="14:14">
      <c r="N7277" s="10"/>
    </row>
    <row r="7278" spans="14:14">
      <c r="N7278" s="10"/>
    </row>
    <row r="7279" spans="14:14">
      <c r="N7279" s="10"/>
    </row>
    <row r="7280" spans="14:14">
      <c r="N7280" s="10"/>
    </row>
    <row r="7281" spans="14:14">
      <c r="N7281" s="10"/>
    </row>
    <row r="7282" spans="14:14">
      <c r="N7282" s="10"/>
    </row>
    <row r="7283" spans="14:14">
      <c r="N7283" s="10"/>
    </row>
    <row r="7284" spans="14:14">
      <c r="N7284" s="10"/>
    </row>
    <row r="7285" spans="14:14">
      <c r="N7285" s="10"/>
    </row>
    <row r="7286" spans="14:14">
      <c r="N7286" s="10"/>
    </row>
    <row r="7287" spans="14:14">
      <c r="N7287" s="10"/>
    </row>
    <row r="7288" spans="14:14">
      <c r="N7288" s="10"/>
    </row>
    <row r="7289" spans="14:14">
      <c r="N7289" s="10"/>
    </row>
    <row r="7290" spans="14:14">
      <c r="N7290" s="10"/>
    </row>
    <row r="7291" spans="14:14">
      <c r="N7291" s="10"/>
    </row>
    <row r="7292" spans="14:14">
      <c r="N7292" s="10"/>
    </row>
    <row r="7293" spans="14:14">
      <c r="N7293" s="10"/>
    </row>
    <row r="7294" spans="14:14">
      <c r="N7294" s="10"/>
    </row>
    <row r="7295" spans="14:14">
      <c r="N7295" s="10"/>
    </row>
    <row r="7296" spans="14:14">
      <c r="N7296" s="10"/>
    </row>
    <row r="7297" spans="14:14">
      <c r="N7297" s="10"/>
    </row>
    <row r="7298" spans="14:14">
      <c r="N7298" s="10"/>
    </row>
    <row r="7299" spans="14:14">
      <c r="N7299" s="10"/>
    </row>
    <row r="7300" spans="14:14">
      <c r="N7300" s="10"/>
    </row>
    <row r="7301" spans="14:14">
      <c r="N7301" s="10"/>
    </row>
    <row r="7302" spans="14:14">
      <c r="N7302" s="10"/>
    </row>
    <row r="7303" spans="14:14">
      <c r="N7303" s="10"/>
    </row>
    <row r="7304" spans="14:14">
      <c r="N7304" s="10"/>
    </row>
    <row r="7305" spans="14:14">
      <c r="N7305" s="10"/>
    </row>
    <row r="7306" spans="14:14">
      <c r="N7306" s="10"/>
    </row>
    <row r="7307" spans="14:14">
      <c r="N7307" s="10"/>
    </row>
    <row r="7308" spans="14:14">
      <c r="N7308" s="10"/>
    </row>
    <row r="7309" spans="14:14">
      <c r="N7309" s="10"/>
    </row>
    <row r="7310" spans="14:14">
      <c r="N7310" s="10"/>
    </row>
    <row r="7311" spans="14:14">
      <c r="N7311" s="10"/>
    </row>
    <row r="7312" spans="14:14">
      <c r="N7312" s="10"/>
    </row>
    <row r="7313" spans="14:14">
      <c r="N7313" s="10"/>
    </row>
    <row r="7314" spans="14:14">
      <c r="N7314" s="10"/>
    </row>
    <row r="7315" spans="14:14">
      <c r="N7315" s="10"/>
    </row>
    <row r="7316" spans="14:14">
      <c r="N7316" s="10"/>
    </row>
    <row r="7317" spans="14:14">
      <c r="N7317" s="10"/>
    </row>
    <row r="7318" spans="14:14">
      <c r="N7318" s="10"/>
    </row>
    <row r="7319" spans="14:14">
      <c r="N7319" s="10"/>
    </row>
    <row r="7320" spans="14:14">
      <c r="N7320" s="10"/>
    </row>
    <row r="7321" spans="14:14">
      <c r="N7321" s="10"/>
    </row>
    <row r="7322" spans="14:14">
      <c r="N7322" s="10"/>
    </row>
    <row r="7323" spans="14:14">
      <c r="N7323" s="10"/>
    </row>
    <row r="7324" spans="14:14">
      <c r="N7324" s="10"/>
    </row>
    <row r="7325" spans="14:14">
      <c r="N7325" s="10"/>
    </row>
    <row r="7326" spans="14:14">
      <c r="N7326" s="10"/>
    </row>
    <row r="7327" spans="14:14">
      <c r="N7327" s="10"/>
    </row>
    <row r="7328" spans="14:14">
      <c r="N7328" s="10"/>
    </row>
    <row r="7329" spans="14:14">
      <c r="N7329" s="10"/>
    </row>
    <row r="7330" spans="14:14">
      <c r="N7330" s="10"/>
    </row>
    <row r="7331" spans="14:14">
      <c r="N7331" s="10"/>
    </row>
    <row r="7332" spans="14:14">
      <c r="N7332" s="10"/>
    </row>
    <row r="7333" spans="14:14">
      <c r="N7333" s="10"/>
    </row>
    <row r="7334" spans="14:14">
      <c r="N7334" s="10"/>
    </row>
    <row r="7335" spans="14:14">
      <c r="N7335" s="10"/>
    </row>
    <row r="7336" spans="14:14">
      <c r="N7336" s="10"/>
    </row>
    <row r="7337" spans="14:14">
      <c r="N7337" s="10"/>
    </row>
    <row r="7338" spans="14:14">
      <c r="N7338" s="10"/>
    </row>
    <row r="7339" spans="14:14">
      <c r="N7339" s="10"/>
    </row>
    <row r="7340" spans="14:14">
      <c r="N7340" s="10"/>
    </row>
    <row r="7341" spans="14:14">
      <c r="N7341" s="10"/>
    </row>
    <row r="7342" spans="14:14">
      <c r="N7342" s="10"/>
    </row>
    <row r="7343" spans="14:14">
      <c r="N7343" s="10"/>
    </row>
    <row r="7344" spans="14:14">
      <c r="N7344" s="10"/>
    </row>
    <row r="7345" spans="14:14">
      <c r="N7345" s="10"/>
    </row>
    <row r="7346" spans="14:14">
      <c r="N7346" s="10"/>
    </row>
    <row r="7347" spans="14:14">
      <c r="N7347" s="10"/>
    </row>
    <row r="7348" spans="14:14">
      <c r="N7348" s="10"/>
    </row>
    <row r="7349" spans="14:14">
      <c r="N7349" s="10"/>
    </row>
    <row r="7350" spans="14:14">
      <c r="N7350" s="10"/>
    </row>
    <row r="7351" spans="14:14">
      <c r="N7351" s="10"/>
    </row>
    <row r="7352" spans="14:14">
      <c r="N7352" s="10"/>
    </row>
    <row r="7353" spans="14:14">
      <c r="N7353" s="10"/>
    </row>
    <row r="7354" spans="14:14">
      <c r="N7354" s="10"/>
    </row>
    <row r="7355" spans="14:14">
      <c r="N7355" s="10"/>
    </row>
    <row r="7356" spans="14:14">
      <c r="N7356" s="10"/>
    </row>
    <row r="7357" spans="14:14">
      <c r="N7357" s="10"/>
    </row>
    <row r="7358" spans="14:14">
      <c r="N7358" s="10"/>
    </row>
    <row r="7359" spans="14:14">
      <c r="N7359" s="10"/>
    </row>
    <row r="7360" spans="14:14">
      <c r="N7360" s="10"/>
    </row>
    <row r="7361" spans="14:14">
      <c r="N7361" s="10"/>
    </row>
    <row r="7362" spans="14:14">
      <c r="N7362" s="10"/>
    </row>
    <row r="7363" spans="14:14">
      <c r="N7363" s="10"/>
    </row>
    <row r="7364" spans="14:14">
      <c r="N7364" s="10"/>
    </row>
    <row r="7365" spans="14:14">
      <c r="N7365" s="10"/>
    </row>
    <row r="7366" spans="14:14">
      <c r="N7366" s="10"/>
    </row>
    <row r="7367" spans="14:14">
      <c r="N7367" s="10"/>
    </row>
    <row r="7368" spans="14:14">
      <c r="N7368" s="10"/>
    </row>
    <row r="7369" spans="14:14">
      <c r="N7369" s="10"/>
    </row>
    <row r="7370" spans="14:14">
      <c r="N7370" s="10"/>
    </row>
    <row r="7371" spans="14:14">
      <c r="N7371" s="10"/>
    </row>
    <row r="7372" spans="14:14">
      <c r="N7372" s="10"/>
    </row>
    <row r="7373" spans="14:14">
      <c r="N7373" s="10"/>
    </row>
    <row r="7374" spans="14:14">
      <c r="N7374" s="10"/>
    </row>
    <row r="7375" spans="14:14">
      <c r="N7375" s="10"/>
    </row>
    <row r="7376" spans="14:14">
      <c r="N7376" s="10"/>
    </row>
    <row r="7377" spans="14:14">
      <c r="N7377" s="10"/>
    </row>
    <row r="7378" spans="14:14">
      <c r="N7378" s="10"/>
    </row>
    <row r="7379" spans="14:14">
      <c r="N7379" s="10"/>
    </row>
    <row r="7380" spans="14:14">
      <c r="N7380" s="10"/>
    </row>
    <row r="7381" spans="14:14">
      <c r="N7381" s="10"/>
    </row>
    <row r="7382" spans="14:14">
      <c r="N7382" s="10"/>
    </row>
    <row r="7383" spans="14:14">
      <c r="N7383" s="10"/>
    </row>
    <row r="7384" spans="14:14">
      <c r="N7384" s="10"/>
    </row>
    <row r="7385" spans="14:14">
      <c r="N7385" s="10"/>
    </row>
    <row r="7386" spans="14:14">
      <c r="N7386" s="10"/>
    </row>
    <row r="7387" spans="14:14">
      <c r="N7387" s="10"/>
    </row>
    <row r="7388" spans="14:14">
      <c r="N7388" s="10"/>
    </row>
    <row r="7389" spans="14:14">
      <c r="N7389" s="10"/>
    </row>
    <row r="7390" spans="14:14">
      <c r="N7390" s="10"/>
    </row>
    <row r="7391" spans="14:14">
      <c r="N7391" s="10"/>
    </row>
    <row r="7392" spans="14:14">
      <c r="N7392" s="10"/>
    </row>
    <row r="7393" spans="14:14">
      <c r="N7393" s="10"/>
    </row>
    <row r="7394" spans="14:14">
      <c r="N7394" s="10"/>
    </row>
    <row r="7395" spans="14:14">
      <c r="N7395" s="10"/>
    </row>
    <row r="7396" spans="14:14">
      <c r="N7396" s="10"/>
    </row>
    <row r="7397" spans="14:14">
      <c r="N7397" s="10"/>
    </row>
    <row r="7398" spans="14:14">
      <c r="N7398" s="10"/>
    </row>
    <row r="7399" spans="14:14">
      <c r="N7399" s="10"/>
    </row>
    <row r="7400" spans="14:14">
      <c r="N7400" s="10"/>
    </row>
    <row r="7401" spans="14:14">
      <c r="N7401" s="10"/>
    </row>
    <row r="7402" spans="14:14">
      <c r="N7402" s="10"/>
    </row>
    <row r="7403" spans="14:14">
      <c r="N7403" s="10"/>
    </row>
    <row r="7404" spans="14:14">
      <c r="N7404" s="10"/>
    </row>
    <row r="7405" spans="14:14">
      <c r="N7405" s="10"/>
    </row>
    <row r="7406" spans="14:14">
      <c r="N7406" s="10"/>
    </row>
    <row r="7407" spans="14:14">
      <c r="N7407" s="10"/>
    </row>
    <row r="7408" spans="14:14">
      <c r="N7408" s="10"/>
    </row>
    <row r="7409" spans="14:14">
      <c r="N7409" s="10"/>
    </row>
    <row r="7410" spans="14:14">
      <c r="N7410" s="10"/>
    </row>
    <row r="7411" spans="14:14">
      <c r="N7411" s="10"/>
    </row>
    <row r="7412" spans="14:14">
      <c r="N7412" s="10"/>
    </row>
    <row r="7413" spans="14:14">
      <c r="N7413" s="10"/>
    </row>
    <row r="7414" spans="14:14">
      <c r="N7414" s="10"/>
    </row>
    <row r="7415" spans="14:14">
      <c r="N7415" s="10"/>
    </row>
    <row r="7416" spans="14:14">
      <c r="N7416" s="10"/>
    </row>
    <row r="7417" spans="14:14">
      <c r="N7417" s="10"/>
    </row>
    <row r="7418" spans="14:14">
      <c r="N7418" s="10"/>
    </row>
    <row r="7419" spans="14:14">
      <c r="N7419" s="10"/>
    </row>
    <row r="7420" spans="14:14">
      <c r="N7420" s="10"/>
    </row>
    <row r="7421" spans="14:14">
      <c r="N7421" s="10"/>
    </row>
    <row r="7422" spans="14:14">
      <c r="N7422" s="10"/>
    </row>
    <row r="7423" spans="14:14">
      <c r="N7423" s="10"/>
    </row>
    <row r="7424" spans="14:14">
      <c r="N7424" s="10"/>
    </row>
    <row r="7425" spans="14:14">
      <c r="N7425" s="10"/>
    </row>
    <row r="7426" spans="14:14">
      <c r="N7426" s="10"/>
    </row>
    <row r="7427" spans="14:14">
      <c r="N7427" s="10"/>
    </row>
    <row r="7428" spans="14:14">
      <c r="N7428" s="10"/>
    </row>
    <row r="7429" spans="14:14">
      <c r="N7429" s="10"/>
    </row>
    <row r="7430" spans="14:14">
      <c r="N7430" s="10"/>
    </row>
    <row r="7431" spans="14:14">
      <c r="N7431" s="10"/>
    </row>
    <row r="7432" spans="14:14">
      <c r="N7432" s="10"/>
    </row>
    <row r="7433" spans="14:14">
      <c r="N7433" s="10"/>
    </row>
    <row r="7434" spans="14:14">
      <c r="N7434" s="10"/>
    </row>
    <row r="7435" spans="14:14">
      <c r="N7435" s="10"/>
    </row>
    <row r="7436" spans="14:14">
      <c r="N7436" s="10"/>
    </row>
    <row r="7437" spans="14:14">
      <c r="N7437" s="10"/>
    </row>
    <row r="7438" spans="14:14">
      <c r="N7438" s="10"/>
    </row>
    <row r="7439" spans="14:14">
      <c r="N7439" s="10"/>
    </row>
    <row r="7440" spans="14:14">
      <c r="N7440" s="10"/>
    </row>
    <row r="7441" spans="14:14">
      <c r="N7441" s="10"/>
    </row>
    <row r="7442" spans="14:14">
      <c r="N7442" s="10"/>
    </row>
    <row r="7443" spans="14:14">
      <c r="N7443" s="10"/>
    </row>
    <row r="7444" spans="14:14">
      <c r="N7444" s="10"/>
    </row>
    <row r="7445" spans="14:14">
      <c r="N7445" s="10"/>
    </row>
    <row r="7446" spans="14:14">
      <c r="N7446" s="10"/>
    </row>
    <row r="7447" spans="14:14">
      <c r="N7447" s="10"/>
    </row>
    <row r="7448" spans="14:14">
      <c r="N7448" s="10"/>
    </row>
    <row r="7449" spans="14:14">
      <c r="N7449" s="10"/>
    </row>
    <row r="7450" spans="14:14">
      <c r="N7450" s="10"/>
    </row>
    <row r="7451" spans="14:14">
      <c r="N7451" s="10"/>
    </row>
    <row r="7452" spans="14:14">
      <c r="N7452" s="10"/>
    </row>
    <row r="7453" spans="14:14">
      <c r="N7453" s="10"/>
    </row>
    <row r="7454" spans="14:14">
      <c r="N7454" s="10"/>
    </row>
    <row r="7455" spans="14:14">
      <c r="N7455" s="10"/>
    </row>
    <row r="7456" spans="14:14">
      <c r="N7456" s="10"/>
    </row>
    <row r="7457" spans="14:14">
      <c r="N7457" s="10"/>
    </row>
    <row r="7458" spans="14:14">
      <c r="N7458" s="10"/>
    </row>
    <row r="7459" spans="14:14">
      <c r="N7459" s="10"/>
    </row>
    <row r="7460" spans="14:14">
      <c r="N7460" s="10"/>
    </row>
    <row r="7461" spans="14:14">
      <c r="N7461" s="10"/>
    </row>
    <row r="7462" spans="14:14">
      <c r="N7462" s="10"/>
    </row>
    <row r="7463" spans="14:14">
      <c r="N7463" s="10"/>
    </row>
    <row r="7464" spans="14:14">
      <c r="N7464" s="10"/>
    </row>
    <row r="7465" spans="14:14">
      <c r="N7465" s="10"/>
    </row>
    <row r="7466" spans="14:14">
      <c r="N7466" s="10"/>
    </row>
    <row r="7467" spans="14:14">
      <c r="N7467" s="10"/>
    </row>
    <row r="7468" spans="14:14">
      <c r="N7468" s="10"/>
    </row>
    <row r="7469" spans="14:14">
      <c r="N7469" s="10"/>
    </row>
    <row r="7470" spans="14:14">
      <c r="N7470" s="10"/>
    </row>
    <row r="7471" spans="14:14">
      <c r="N7471" s="10"/>
    </row>
    <row r="7472" spans="14:14">
      <c r="N7472" s="10"/>
    </row>
    <row r="7473" spans="14:14">
      <c r="N7473" s="10"/>
    </row>
    <row r="7474" spans="14:14">
      <c r="N7474" s="10"/>
    </row>
    <row r="7475" spans="14:14">
      <c r="N7475" s="10"/>
    </row>
    <row r="7476" spans="14:14">
      <c r="N7476" s="10"/>
    </row>
    <row r="7477" spans="14:14">
      <c r="N7477" s="10"/>
    </row>
    <row r="7478" spans="14:14">
      <c r="N7478" s="10"/>
    </row>
    <row r="7479" spans="14:14">
      <c r="N7479" s="10"/>
    </row>
    <row r="7480" spans="14:14">
      <c r="N7480" s="10"/>
    </row>
    <row r="7481" spans="14:14">
      <c r="N7481" s="10"/>
    </row>
    <row r="7482" spans="14:14">
      <c r="N7482" s="10"/>
    </row>
    <row r="7483" spans="14:14">
      <c r="N7483" s="10"/>
    </row>
    <row r="7484" spans="14:14">
      <c r="N7484" s="10"/>
    </row>
    <row r="7485" spans="14:14">
      <c r="N7485" s="10"/>
    </row>
    <row r="7486" spans="14:14">
      <c r="N7486" s="10"/>
    </row>
    <row r="7487" spans="14:14">
      <c r="N7487" s="10"/>
    </row>
    <row r="7488" spans="14:14">
      <c r="N7488" s="10"/>
    </row>
    <row r="7489" spans="14:14">
      <c r="N7489" s="10"/>
    </row>
    <row r="7490" spans="14:14">
      <c r="N7490" s="10"/>
    </row>
    <row r="7491" spans="14:14">
      <c r="N7491" s="10"/>
    </row>
    <row r="7492" spans="14:14">
      <c r="N7492" s="10"/>
    </row>
    <row r="7493" spans="14:14">
      <c r="N7493" s="10"/>
    </row>
    <row r="7494" spans="14:14">
      <c r="N7494" s="10"/>
    </row>
    <row r="7495" spans="14:14">
      <c r="N7495" s="10"/>
    </row>
    <row r="7496" spans="14:14">
      <c r="N7496" s="10"/>
    </row>
    <row r="7497" spans="14:14">
      <c r="N7497" s="10"/>
    </row>
    <row r="7498" spans="14:14">
      <c r="N7498" s="10"/>
    </row>
    <row r="7499" spans="14:14">
      <c r="N7499" s="10"/>
    </row>
    <row r="7500" spans="14:14">
      <c r="N7500" s="10"/>
    </row>
    <row r="7501" spans="14:14">
      <c r="N7501" s="10"/>
    </row>
    <row r="7502" spans="14:14">
      <c r="N7502" s="10"/>
    </row>
    <row r="7503" spans="14:14">
      <c r="N7503" s="10"/>
    </row>
    <row r="7504" spans="14:14">
      <c r="N7504" s="10"/>
    </row>
    <row r="7505" spans="14:14">
      <c r="N7505" s="10"/>
    </row>
    <row r="7506" spans="14:14">
      <c r="N7506" s="10"/>
    </row>
    <row r="7507" spans="14:14">
      <c r="N7507" s="10"/>
    </row>
    <row r="7508" spans="14:14">
      <c r="N7508" s="10"/>
    </row>
    <row r="7509" spans="14:14">
      <c r="N7509" s="10"/>
    </row>
    <row r="7510" spans="14:14">
      <c r="N7510" s="10"/>
    </row>
    <row r="7511" spans="14:14">
      <c r="N7511" s="10"/>
    </row>
    <row r="7512" spans="14:14">
      <c r="N7512" s="10"/>
    </row>
    <row r="7513" spans="14:14">
      <c r="N7513" s="10"/>
    </row>
    <row r="7514" spans="14:14">
      <c r="N7514" s="10"/>
    </row>
    <row r="7515" spans="14:14">
      <c r="N7515" s="10"/>
    </row>
    <row r="7516" spans="14:14">
      <c r="N7516" s="10"/>
    </row>
    <row r="7517" spans="14:14">
      <c r="N7517" s="10"/>
    </row>
    <row r="7518" spans="14:14">
      <c r="N7518" s="10"/>
    </row>
    <row r="7519" spans="14:14">
      <c r="N7519" s="10"/>
    </row>
    <row r="7520" spans="14:14">
      <c r="N7520" s="10"/>
    </row>
    <row r="7521" spans="14:14">
      <c r="N7521" s="10"/>
    </row>
    <row r="7522" spans="14:14">
      <c r="N7522" s="10"/>
    </row>
    <row r="7523" spans="14:14">
      <c r="N7523" s="10"/>
    </row>
    <row r="7524" spans="14:14">
      <c r="N7524" s="10"/>
    </row>
    <row r="7525" spans="14:14">
      <c r="N7525" s="10"/>
    </row>
    <row r="7526" spans="14:14">
      <c r="N7526" s="10"/>
    </row>
    <row r="7527" spans="14:14">
      <c r="N7527" s="10"/>
    </row>
    <row r="7528" spans="14:14">
      <c r="N7528" s="10"/>
    </row>
    <row r="7529" spans="14:14">
      <c r="N7529" s="10"/>
    </row>
    <row r="7530" spans="14:14">
      <c r="N7530" s="10"/>
    </row>
    <row r="7531" spans="14:14">
      <c r="N7531" s="10"/>
    </row>
    <row r="7532" spans="14:14">
      <c r="N7532" s="10"/>
    </row>
    <row r="7533" spans="14:14">
      <c r="N7533" s="10"/>
    </row>
    <row r="7534" spans="14:14">
      <c r="N7534" s="10"/>
    </row>
    <row r="7535" spans="14:14">
      <c r="N7535" s="10"/>
    </row>
    <row r="7536" spans="14:14">
      <c r="N7536" s="10"/>
    </row>
    <row r="7537" spans="14:14">
      <c r="N7537" s="10"/>
    </row>
    <row r="7538" spans="14:14">
      <c r="N7538" s="10"/>
    </row>
    <row r="7539" spans="14:14">
      <c r="N7539" s="10"/>
    </row>
    <row r="7540" spans="14:14">
      <c r="N7540" s="10"/>
    </row>
    <row r="7541" spans="14:14">
      <c r="N7541" s="10"/>
    </row>
    <row r="7542" spans="14:14">
      <c r="N7542" s="10"/>
    </row>
    <row r="7543" spans="14:14">
      <c r="N7543" s="10"/>
    </row>
    <row r="7544" spans="14:14">
      <c r="N7544" s="10"/>
    </row>
    <row r="7545" spans="14:14">
      <c r="N7545" s="10"/>
    </row>
    <row r="7546" spans="14:14">
      <c r="N7546" s="10"/>
    </row>
    <row r="7547" spans="14:14">
      <c r="N7547" s="10"/>
    </row>
    <row r="7548" spans="14:14">
      <c r="N7548" s="10"/>
    </row>
    <row r="7549" spans="14:14">
      <c r="N7549" s="10"/>
    </row>
    <row r="7550" spans="14:14">
      <c r="N7550" s="10"/>
    </row>
    <row r="7551" spans="14:14">
      <c r="N7551" s="10"/>
    </row>
    <row r="7552" spans="14:14">
      <c r="N7552" s="10"/>
    </row>
    <row r="7553" spans="14:14">
      <c r="N7553" s="10"/>
    </row>
    <row r="7554" spans="14:14">
      <c r="N7554" s="10"/>
    </row>
    <row r="7555" spans="14:14">
      <c r="N7555" s="10"/>
    </row>
    <row r="7556" spans="14:14">
      <c r="N7556" s="10"/>
    </row>
    <row r="7557" spans="14:14">
      <c r="N7557" s="10"/>
    </row>
    <row r="7558" spans="14:14">
      <c r="N7558" s="10"/>
    </row>
    <row r="7559" spans="14:14">
      <c r="N7559" s="10"/>
    </row>
    <row r="7560" spans="14:14">
      <c r="N7560" s="10"/>
    </row>
    <row r="7561" spans="14:14">
      <c r="N7561" s="10"/>
    </row>
    <row r="7562" spans="14:14">
      <c r="N7562" s="10"/>
    </row>
    <row r="7563" spans="14:14">
      <c r="N7563" s="10"/>
    </row>
    <row r="7564" spans="14:14">
      <c r="N7564" s="10"/>
    </row>
    <row r="7565" spans="14:14">
      <c r="N7565" s="10"/>
    </row>
    <row r="7566" spans="14:14">
      <c r="N7566" s="10"/>
    </row>
    <row r="7567" spans="14:14">
      <c r="N7567" s="10"/>
    </row>
    <row r="7568" spans="14:14">
      <c r="N7568" s="10"/>
    </row>
    <row r="7569" spans="14:14">
      <c r="N7569" s="10"/>
    </row>
    <row r="7570" spans="14:14">
      <c r="N7570" s="10"/>
    </row>
    <row r="7571" spans="14:14">
      <c r="N7571" s="10"/>
    </row>
    <row r="7572" spans="14:14">
      <c r="N7572" s="10"/>
    </row>
    <row r="7573" spans="14:14">
      <c r="N7573" s="10"/>
    </row>
    <row r="7574" spans="14:14">
      <c r="N7574" s="10"/>
    </row>
    <row r="7575" spans="14:14">
      <c r="N7575" s="10"/>
    </row>
    <row r="7576" spans="14:14">
      <c r="N7576" s="10"/>
    </row>
    <row r="7577" spans="14:14">
      <c r="N7577" s="10"/>
    </row>
    <row r="7578" spans="14:14">
      <c r="N7578" s="10"/>
    </row>
    <row r="7579" spans="14:14">
      <c r="N7579" s="10"/>
    </row>
    <row r="7580" spans="14:14">
      <c r="N7580" s="10"/>
    </row>
    <row r="7581" spans="14:14">
      <c r="N7581" s="10"/>
    </row>
    <row r="7582" spans="14:14">
      <c r="N7582" s="10"/>
    </row>
    <row r="7583" spans="14:14">
      <c r="N7583" s="10"/>
    </row>
    <row r="7584" spans="14:14">
      <c r="N7584" s="10"/>
    </row>
    <row r="7585" spans="14:14">
      <c r="N7585" s="10"/>
    </row>
    <row r="7586" spans="14:14">
      <c r="N7586" s="10"/>
    </row>
    <row r="7587" spans="14:14">
      <c r="N7587" s="10"/>
    </row>
    <row r="7588" spans="14:14">
      <c r="N7588" s="10"/>
    </row>
    <row r="7589" spans="14:14">
      <c r="N7589" s="10"/>
    </row>
    <row r="7590" spans="14:14">
      <c r="N7590" s="10"/>
    </row>
    <row r="7591" spans="14:14">
      <c r="N7591" s="10"/>
    </row>
    <row r="7592" spans="14:14">
      <c r="N7592" s="10"/>
    </row>
    <row r="7593" spans="14:14">
      <c r="N7593" s="10"/>
    </row>
    <row r="7594" spans="14:14">
      <c r="N7594" s="10"/>
    </row>
    <row r="7595" spans="14:14">
      <c r="N7595" s="10"/>
    </row>
    <row r="7596" spans="14:14">
      <c r="N7596" s="10"/>
    </row>
    <row r="7597" spans="14:14">
      <c r="N7597" s="10"/>
    </row>
    <row r="7598" spans="14:14">
      <c r="N7598" s="10"/>
    </row>
    <row r="7599" spans="14:14">
      <c r="N7599" s="10"/>
    </row>
    <row r="7600" spans="14:14">
      <c r="N7600" s="10"/>
    </row>
    <row r="7601" spans="14:14">
      <c r="N7601" s="10"/>
    </row>
    <row r="7602" spans="14:14">
      <c r="N7602" s="10"/>
    </row>
    <row r="7603" spans="14:14">
      <c r="N7603" s="10"/>
    </row>
    <row r="7604" spans="14:14">
      <c r="N7604" s="10"/>
    </row>
    <row r="7605" spans="14:14">
      <c r="N7605" s="10"/>
    </row>
    <row r="7606" spans="14:14">
      <c r="N7606" s="10"/>
    </row>
    <row r="7607" spans="14:14">
      <c r="N7607" s="10"/>
    </row>
    <row r="7608" spans="14:14">
      <c r="N7608" s="10"/>
    </row>
    <row r="7609" spans="14:14">
      <c r="N7609" s="10"/>
    </row>
    <row r="7610" spans="14:14">
      <c r="N7610" s="10"/>
    </row>
    <row r="7611" spans="14:14">
      <c r="N7611" s="10"/>
    </row>
    <row r="7612" spans="14:14">
      <c r="N7612" s="10"/>
    </row>
    <row r="7613" spans="14:14">
      <c r="N7613" s="10"/>
    </row>
    <row r="7614" spans="14:14">
      <c r="N7614" s="10"/>
    </row>
    <row r="7615" spans="14:14">
      <c r="N7615" s="10"/>
    </row>
    <row r="7616" spans="14:14">
      <c r="N7616" s="10"/>
    </row>
    <row r="7617" spans="14:14">
      <c r="N7617" s="10"/>
    </row>
    <row r="7618" spans="14:14">
      <c r="N7618" s="10"/>
    </row>
    <row r="7619" spans="14:14">
      <c r="N7619" s="10"/>
    </row>
    <row r="7620" spans="14:14">
      <c r="N7620" s="10"/>
    </row>
    <row r="7621" spans="14:14">
      <c r="N7621" s="10"/>
    </row>
    <row r="7622" spans="14:14">
      <c r="N7622" s="10"/>
    </row>
    <row r="7623" spans="14:14">
      <c r="N7623" s="10"/>
    </row>
    <row r="7624" spans="14:14">
      <c r="N7624" s="10"/>
    </row>
    <row r="7625" spans="14:14">
      <c r="N7625" s="10"/>
    </row>
    <row r="7626" spans="14:14">
      <c r="N7626" s="10"/>
    </row>
    <row r="7627" spans="14:14">
      <c r="N7627" s="10"/>
    </row>
    <row r="7628" spans="14:14">
      <c r="N7628" s="10"/>
    </row>
    <row r="7629" spans="14:14">
      <c r="N7629" s="10"/>
    </row>
    <row r="7630" spans="14:14">
      <c r="N7630" s="10"/>
    </row>
    <row r="7631" spans="14:14">
      <c r="N7631" s="10"/>
    </row>
    <row r="7632" spans="14:14">
      <c r="N7632" s="10"/>
    </row>
    <row r="7633" spans="14:14">
      <c r="N7633" s="10"/>
    </row>
    <row r="7634" spans="14:14">
      <c r="N7634" s="10"/>
    </row>
    <row r="7635" spans="14:14">
      <c r="N7635" s="10"/>
    </row>
    <row r="7636" spans="14:14">
      <c r="N7636" s="10"/>
    </row>
    <row r="7637" spans="14:14">
      <c r="N7637" s="10"/>
    </row>
    <row r="7638" spans="14:14">
      <c r="N7638" s="10"/>
    </row>
    <row r="7639" spans="14:14">
      <c r="N7639" s="10"/>
    </row>
    <row r="7640" spans="14:14">
      <c r="N7640" s="10"/>
    </row>
    <row r="7641" spans="14:14">
      <c r="N7641" s="10"/>
    </row>
    <row r="7642" spans="14:14">
      <c r="N7642" s="10"/>
    </row>
    <row r="7643" spans="14:14">
      <c r="N7643" s="10"/>
    </row>
    <row r="7644" spans="14:14">
      <c r="N7644" s="10"/>
    </row>
    <row r="7645" spans="14:14">
      <c r="N7645" s="10"/>
    </row>
    <row r="7646" spans="14:14">
      <c r="N7646" s="10"/>
    </row>
    <row r="7647" spans="14:14">
      <c r="N7647" s="10"/>
    </row>
    <row r="7648" spans="14:14">
      <c r="N7648" s="10"/>
    </row>
    <row r="7649" spans="14:14">
      <c r="N7649" s="10"/>
    </row>
    <row r="7650" spans="14:14">
      <c r="N7650" s="10"/>
    </row>
    <row r="7651" spans="14:14">
      <c r="N7651" s="10"/>
    </row>
    <row r="7652" spans="14:14">
      <c r="N7652" s="10"/>
    </row>
    <row r="7653" spans="14:14">
      <c r="N7653" s="10"/>
    </row>
    <row r="7654" spans="14:14">
      <c r="N7654" s="10"/>
    </row>
    <row r="7655" spans="14:14">
      <c r="N7655" s="10"/>
    </row>
    <row r="7656" spans="14:14">
      <c r="N7656" s="10"/>
    </row>
    <row r="7657" spans="14:14">
      <c r="N7657" s="10"/>
    </row>
    <row r="7658" spans="14:14">
      <c r="N7658" s="10"/>
    </row>
    <row r="7659" spans="14:14">
      <c r="N7659" s="10"/>
    </row>
    <row r="7660" spans="14:14">
      <c r="N7660" s="10"/>
    </row>
    <row r="7661" spans="14:14">
      <c r="N7661" s="10"/>
    </row>
    <row r="7662" spans="14:14">
      <c r="N7662" s="10"/>
    </row>
    <row r="7663" spans="14:14">
      <c r="N7663" s="10"/>
    </row>
    <row r="7664" spans="14:14">
      <c r="N7664" s="10"/>
    </row>
    <row r="7665" spans="14:14">
      <c r="N7665" s="10"/>
    </row>
    <row r="7666" spans="14:14">
      <c r="N7666" s="10"/>
    </row>
    <row r="7667" spans="14:14">
      <c r="N7667" s="10"/>
    </row>
    <row r="7668" spans="14:14">
      <c r="N7668" s="10"/>
    </row>
    <row r="7669" spans="14:14">
      <c r="N7669" s="10"/>
    </row>
    <row r="7670" spans="14:14">
      <c r="N7670" s="10"/>
    </row>
    <row r="7671" spans="14:14">
      <c r="N7671" s="10"/>
    </row>
    <row r="7672" spans="14:14">
      <c r="N7672" s="10"/>
    </row>
    <row r="7673" spans="14:14">
      <c r="N7673" s="10"/>
    </row>
    <row r="7674" spans="14:14">
      <c r="N7674" s="10"/>
    </row>
    <row r="7675" spans="14:14">
      <c r="N7675" s="10"/>
    </row>
    <row r="7676" spans="14:14">
      <c r="N7676" s="10"/>
    </row>
    <row r="7677" spans="14:14">
      <c r="N7677" s="10"/>
    </row>
    <row r="7678" spans="14:14">
      <c r="N7678" s="10"/>
    </row>
    <row r="7679" spans="14:14">
      <c r="N7679" s="10"/>
    </row>
    <row r="7680" spans="14:14">
      <c r="N7680" s="10"/>
    </row>
    <row r="7681" spans="14:14">
      <c r="N7681" s="10"/>
    </row>
    <row r="7682" spans="14:14">
      <c r="N7682" s="10"/>
    </row>
    <row r="7683" spans="14:14">
      <c r="N7683" s="10"/>
    </row>
    <row r="7684" spans="14:14">
      <c r="N7684" s="10"/>
    </row>
    <row r="7685" spans="14:14">
      <c r="N7685" s="10"/>
    </row>
    <row r="7686" spans="14:14">
      <c r="N7686" s="10"/>
    </row>
    <row r="7687" spans="14:14">
      <c r="N7687" s="10"/>
    </row>
    <row r="7688" spans="14:14">
      <c r="N7688" s="10"/>
    </row>
    <row r="7689" spans="14:14">
      <c r="N7689" s="10"/>
    </row>
    <row r="7690" spans="14:14">
      <c r="N7690" s="10"/>
    </row>
    <row r="7691" spans="14:14">
      <c r="N7691" s="10"/>
    </row>
    <row r="7692" spans="14:14">
      <c r="N7692" s="10"/>
    </row>
    <row r="7693" spans="14:14">
      <c r="N7693" s="10"/>
    </row>
    <row r="7694" spans="14:14">
      <c r="N7694" s="10"/>
    </row>
    <row r="7695" spans="14:14">
      <c r="N7695" s="10"/>
    </row>
    <row r="7696" spans="14:14">
      <c r="N7696" s="10"/>
    </row>
    <row r="7697" spans="14:14">
      <c r="N7697" s="10"/>
    </row>
    <row r="7698" spans="14:14">
      <c r="N7698" s="10"/>
    </row>
    <row r="7699" spans="14:14">
      <c r="N7699" s="10"/>
    </row>
    <row r="7700" spans="14:14">
      <c r="N7700" s="10"/>
    </row>
    <row r="7701" spans="14:14">
      <c r="N7701" s="10"/>
    </row>
    <row r="7702" spans="14:14">
      <c r="N7702" s="10"/>
    </row>
    <row r="7703" spans="14:14">
      <c r="N7703" s="10"/>
    </row>
    <row r="7704" spans="14:14">
      <c r="N7704" s="10"/>
    </row>
    <row r="7705" spans="14:14">
      <c r="N7705" s="10"/>
    </row>
    <row r="7706" spans="14:14">
      <c r="N7706" s="10"/>
    </row>
    <row r="7707" spans="14:14">
      <c r="N7707" s="10"/>
    </row>
    <row r="7708" spans="14:14">
      <c r="N7708" s="10"/>
    </row>
    <row r="7709" spans="14:14">
      <c r="N7709" s="10"/>
    </row>
    <row r="7710" spans="14:14">
      <c r="N7710" s="10"/>
    </row>
    <row r="7711" spans="14:14">
      <c r="N7711" s="10"/>
    </row>
    <row r="7712" spans="14:14">
      <c r="N7712" s="10"/>
    </row>
    <row r="7713" spans="14:14">
      <c r="N7713" s="10"/>
    </row>
    <row r="7714" spans="14:14">
      <c r="N7714" s="10"/>
    </row>
    <row r="7715" spans="14:14">
      <c r="N7715" s="10"/>
    </row>
    <row r="7716" spans="14:14">
      <c r="N7716" s="10"/>
    </row>
    <row r="7717" spans="14:14">
      <c r="N7717" s="10"/>
    </row>
    <row r="7718" spans="14:14">
      <c r="N7718" s="10"/>
    </row>
    <row r="7719" spans="14:14">
      <c r="N7719" s="10"/>
    </row>
    <row r="7720" spans="14:14">
      <c r="N7720" s="10"/>
    </row>
    <row r="7721" spans="14:14">
      <c r="N7721" s="10"/>
    </row>
    <row r="7722" spans="14:14">
      <c r="N7722" s="10"/>
    </row>
    <row r="7723" spans="14:14">
      <c r="N7723" s="10"/>
    </row>
    <row r="7724" spans="14:14">
      <c r="N7724" s="10"/>
    </row>
    <row r="7725" spans="14:14">
      <c r="N7725" s="10"/>
    </row>
    <row r="7726" spans="14:14">
      <c r="N7726" s="10"/>
    </row>
    <row r="7727" spans="14:14">
      <c r="N7727" s="10"/>
    </row>
    <row r="7728" spans="14:14">
      <c r="N7728" s="10"/>
    </row>
    <row r="7729" spans="14:14">
      <c r="N7729" s="10"/>
    </row>
    <row r="7730" spans="14:14">
      <c r="N7730" s="10"/>
    </row>
    <row r="7731" spans="14:14">
      <c r="N7731" s="10"/>
    </row>
    <row r="7732" spans="14:14">
      <c r="N7732" s="10"/>
    </row>
    <row r="7733" spans="14:14">
      <c r="N7733" s="10"/>
    </row>
    <row r="7734" spans="14:14">
      <c r="N7734" s="10"/>
    </row>
    <row r="7735" spans="14:14">
      <c r="N7735" s="10"/>
    </row>
    <row r="7736" spans="14:14">
      <c r="N7736" s="10"/>
    </row>
    <row r="7737" spans="14:14">
      <c r="N7737" s="10"/>
    </row>
    <row r="7738" spans="14:14">
      <c r="N7738" s="10"/>
    </row>
    <row r="7739" spans="14:14">
      <c r="N7739" s="10"/>
    </row>
    <row r="7740" spans="14:14">
      <c r="N7740" s="10"/>
    </row>
    <row r="7741" spans="14:14">
      <c r="N7741" s="10"/>
    </row>
    <row r="7742" spans="14:14">
      <c r="N7742" s="10"/>
    </row>
    <row r="7743" spans="14:14">
      <c r="N7743" s="10"/>
    </row>
    <row r="7744" spans="14:14">
      <c r="N7744" s="10"/>
    </row>
    <row r="7745" spans="14:14">
      <c r="N7745" s="10"/>
    </row>
    <row r="7746" spans="14:14">
      <c r="N7746" s="10"/>
    </row>
    <row r="7747" spans="14:14">
      <c r="N7747" s="10"/>
    </row>
    <row r="7748" spans="14:14">
      <c r="N7748" s="10"/>
    </row>
    <row r="7749" spans="14:14">
      <c r="N7749" s="10"/>
    </row>
    <row r="7750" spans="14:14">
      <c r="N7750" s="10"/>
    </row>
    <row r="7751" spans="14:14">
      <c r="N7751" s="10"/>
    </row>
    <row r="7752" spans="14:14">
      <c r="N7752" s="10"/>
    </row>
    <row r="7753" spans="14:14">
      <c r="N7753" s="10"/>
    </row>
    <row r="7754" spans="14:14">
      <c r="N7754" s="10"/>
    </row>
    <row r="7755" spans="14:14">
      <c r="N7755" s="10"/>
    </row>
    <row r="7756" spans="14:14">
      <c r="N7756" s="10"/>
    </row>
    <row r="7757" spans="14:14">
      <c r="N7757" s="10"/>
    </row>
    <row r="7758" spans="14:14">
      <c r="N7758" s="10"/>
    </row>
    <row r="7759" spans="14:14">
      <c r="N7759" s="10"/>
    </row>
    <row r="7760" spans="14:14">
      <c r="N7760" s="10"/>
    </row>
    <row r="7761" spans="14:14">
      <c r="N7761" s="10"/>
    </row>
    <row r="7762" spans="14:14">
      <c r="N7762" s="10"/>
    </row>
    <row r="7763" spans="14:14">
      <c r="N7763" s="10"/>
    </row>
    <row r="7764" spans="14:14">
      <c r="N7764" s="10"/>
    </row>
    <row r="7765" spans="14:14">
      <c r="N7765" s="10"/>
    </row>
    <row r="7766" spans="14:14">
      <c r="N7766" s="10"/>
    </row>
    <row r="7767" spans="14:14">
      <c r="N7767" s="10"/>
    </row>
    <row r="7768" spans="14:14">
      <c r="N7768" s="10"/>
    </row>
    <row r="7769" spans="14:14">
      <c r="N7769" s="10"/>
    </row>
    <row r="7770" spans="14:14">
      <c r="N7770" s="10"/>
    </row>
    <row r="7771" spans="14:14">
      <c r="N7771" s="10"/>
    </row>
    <row r="7772" spans="14:14">
      <c r="N7772" s="10"/>
    </row>
    <row r="7773" spans="14:14">
      <c r="N7773" s="10"/>
    </row>
    <row r="7774" spans="14:14">
      <c r="N7774" s="10"/>
    </row>
    <row r="7775" spans="14:14">
      <c r="N7775" s="10"/>
    </row>
    <row r="7776" spans="14:14">
      <c r="N7776" s="10"/>
    </row>
    <row r="7777" spans="14:14">
      <c r="N7777" s="10"/>
    </row>
    <row r="7778" spans="14:14">
      <c r="N7778" s="10"/>
    </row>
    <row r="7779" spans="14:14">
      <c r="N7779" s="10"/>
    </row>
    <row r="7780" spans="14:14">
      <c r="N7780" s="10"/>
    </row>
    <row r="7781" spans="14:14">
      <c r="N7781" s="10"/>
    </row>
    <row r="7782" spans="14:14">
      <c r="N7782" s="10"/>
    </row>
    <row r="7783" spans="14:14">
      <c r="N7783" s="10"/>
    </row>
    <row r="7784" spans="14:14">
      <c r="N7784" s="10"/>
    </row>
    <row r="7785" spans="14:14">
      <c r="N7785" s="10"/>
    </row>
    <row r="7786" spans="14:14">
      <c r="N7786" s="10"/>
    </row>
    <row r="7787" spans="14:14">
      <c r="N7787" s="10"/>
    </row>
    <row r="7788" spans="14:14">
      <c r="N7788" s="10"/>
    </row>
    <row r="7789" spans="14:14">
      <c r="N7789" s="10"/>
    </row>
    <row r="7790" spans="14:14">
      <c r="N7790" s="10"/>
    </row>
    <row r="7791" spans="14:14">
      <c r="N7791" s="10"/>
    </row>
    <row r="7792" spans="14:14">
      <c r="N7792" s="10"/>
    </row>
    <row r="7793" spans="14:14">
      <c r="N7793" s="10"/>
    </row>
    <row r="7794" spans="14:14">
      <c r="N7794" s="10"/>
    </row>
    <row r="7795" spans="14:14">
      <c r="N7795" s="10"/>
    </row>
    <row r="7796" spans="14:14">
      <c r="N7796" s="10"/>
    </row>
    <row r="7797" spans="14:14">
      <c r="N7797" s="10"/>
    </row>
    <row r="7798" spans="14:14">
      <c r="N7798" s="10"/>
    </row>
    <row r="7799" spans="14:14">
      <c r="N7799" s="10"/>
    </row>
    <row r="7800" spans="14:14">
      <c r="N7800" s="10"/>
    </row>
    <row r="7801" spans="14:14">
      <c r="N7801" s="10"/>
    </row>
    <row r="7802" spans="14:14">
      <c r="N7802" s="10"/>
    </row>
    <row r="7803" spans="14:14">
      <c r="N7803" s="10"/>
    </row>
    <row r="7804" spans="14:14">
      <c r="N7804" s="10"/>
    </row>
    <row r="7805" spans="14:14">
      <c r="N7805" s="10"/>
    </row>
    <row r="7806" spans="14:14">
      <c r="N7806" s="10"/>
    </row>
    <row r="7807" spans="14:14">
      <c r="N7807" s="10"/>
    </row>
    <row r="7808" spans="14:14">
      <c r="N7808" s="10"/>
    </row>
    <row r="7809" spans="14:14">
      <c r="N7809" s="10"/>
    </row>
    <row r="7810" spans="14:14">
      <c r="N7810" s="10"/>
    </row>
    <row r="7811" spans="14:14">
      <c r="N7811" s="10"/>
    </row>
    <row r="7812" spans="14:14">
      <c r="N7812" s="10"/>
    </row>
    <row r="7813" spans="14:14">
      <c r="N7813" s="10"/>
    </row>
    <row r="7814" spans="14:14">
      <c r="N7814" s="10"/>
    </row>
    <row r="7815" spans="14:14">
      <c r="N7815" s="10"/>
    </row>
    <row r="7816" spans="14:14">
      <c r="N7816" s="10"/>
    </row>
    <row r="7817" spans="14:14">
      <c r="N7817" s="10"/>
    </row>
    <row r="7818" spans="14:14">
      <c r="N7818" s="10"/>
    </row>
    <row r="7819" spans="14:14">
      <c r="N7819" s="10"/>
    </row>
    <row r="7820" spans="14:14">
      <c r="N7820" s="10"/>
    </row>
    <row r="7821" spans="14:14">
      <c r="N7821" s="10"/>
    </row>
    <row r="7822" spans="14:14">
      <c r="N7822" s="10"/>
    </row>
    <row r="7823" spans="14:14">
      <c r="N7823" s="10"/>
    </row>
    <row r="7824" spans="14:14">
      <c r="N7824" s="10"/>
    </row>
    <row r="7825" spans="14:14">
      <c r="N7825" s="10"/>
    </row>
    <row r="7826" spans="14:14">
      <c r="N7826" s="10"/>
    </row>
    <row r="7827" spans="14:14">
      <c r="N7827" s="10"/>
    </row>
    <row r="7828" spans="14:14">
      <c r="N7828" s="10"/>
    </row>
    <row r="7829" spans="14:14">
      <c r="N7829" s="10"/>
    </row>
    <row r="7830" spans="14:14">
      <c r="N7830" s="10"/>
    </row>
    <row r="7831" spans="14:14">
      <c r="N7831" s="10"/>
    </row>
    <row r="7832" spans="14:14">
      <c r="N7832" s="10"/>
    </row>
    <row r="7833" spans="14:14">
      <c r="N7833" s="10"/>
    </row>
    <row r="7834" spans="14:14">
      <c r="N7834" s="10"/>
    </row>
    <row r="7835" spans="14:14">
      <c r="N7835" s="10"/>
    </row>
    <row r="7836" spans="14:14">
      <c r="N7836" s="10"/>
    </row>
    <row r="7837" spans="14:14">
      <c r="N7837" s="10"/>
    </row>
    <row r="7838" spans="14:14">
      <c r="N7838" s="10"/>
    </row>
    <row r="7839" spans="14:14">
      <c r="N7839" s="10"/>
    </row>
    <row r="7840" spans="14:14">
      <c r="N7840" s="10"/>
    </row>
    <row r="7841" spans="14:14">
      <c r="N7841" s="10"/>
    </row>
    <row r="7842" spans="14:14">
      <c r="N7842" s="10"/>
    </row>
    <row r="7843" spans="14:14">
      <c r="N7843" s="10"/>
    </row>
    <row r="7844" spans="14:14">
      <c r="N7844" s="10"/>
    </row>
    <row r="7845" spans="14:14">
      <c r="N7845" s="10"/>
    </row>
    <row r="7846" spans="14:14">
      <c r="N7846" s="10"/>
    </row>
    <row r="7847" spans="14:14">
      <c r="N7847" s="10"/>
    </row>
    <row r="7848" spans="14:14">
      <c r="N7848" s="10"/>
    </row>
    <row r="7849" spans="14:14">
      <c r="N7849" s="10"/>
    </row>
    <row r="7850" spans="14:14">
      <c r="N7850" s="10"/>
    </row>
    <row r="7851" spans="14:14">
      <c r="N7851" s="10"/>
    </row>
    <row r="7852" spans="14:14">
      <c r="N7852" s="10"/>
    </row>
    <row r="7853" spans="14:14">
      <c r="N7853" s="10"/>
    </row>
    <row r="7854" spans="14:14">
      <c r="N7854" s="10"/>
    </row>
    <row r="7855" spans="14:14">
      <c r="N7855" s="10"/>
    </row>
    <row r="7856" spans="14:14">
      <c r="N7856" s="10"/>
    </row>
    <row r="7857" spans="14:14">
      <c r="N7857" s="10"/>
    </row>
    <row r="7858" spans="14:14">
      <c r="N7858" s="10"/>
    </row>
    <row r="7859" spans="14:14">
      <c r="N7859" s="10"/>
    </row>
    <row r="7860" spans="14:14">
      <c r="N7860" s="10"/>
    </row>
    <row r="7861" spans="14:14">
      <c r="N7861" s="10"/>
    </row>
    <row r="7862" spans="14:14">
      <c r="N7862" s="10"/>
    </row>
    <row r="7863" spans="14:14">
      <c r="N7863" s="10"/>
    </row>
    <row r="7864" spans="14:14">
      <c r="N7864" s="10"/>
    </row>
    <row r="7865" spans="14:14">
      <c r="N7865" s="10"/>
    </row>
    <row r="7866" spans="14:14">
      <c r="N7866" s="10"/>
    </row>
    <row r="7867" spans="14:14">
      <c r="N7867" s="10"/>
    </row>
    <row r="7868" spans="14:14">
      <c r="N7868" s="10"/>
    </row>
    <row r="7869" spans="14:14">
      <c r="N7869" s="10"/>
    </row>
    <row r="7870" spans="14:14">
      <c r="N7870" s="10"/>
    </row>
    <row r="7871" spans="14:14">
      <c r="N7871" s="10"/>
    </row>
    <row r="7872" spans="14:14">
      <c r="N7872" s="10"/>
    </row>
    <row r="7873" spans="14:14">
      <c r="N7873" s="10"/>
    </row>
    <row r="7874" spans="14:14">
      <c r="N7874" s="10"/>
    </row>
    <row r="7875" spans="14:14">
      <c r="N7875" s="10"/>
    </row>
    <row r="7876" spans="14:14">
      <c r="N7876" s="10"/>
    </row>
    <row r="7877" spans="14:14">
      <c r="N7877" s="10"/>
    </row>
    <row r="7878" spans="14:14">
      <c r="N7878" s="10"/>
    </row>
    <row r="7879" spans="14:14">
      <c r="N7879" s="10"/>
    </row>
    <row r="7880" spans="14:14">
      <c r="N7880" s="10"/>
    </row>
    <row r="7881" spans="14:14">
      <c r="N7881" s="10"/>
    </row>
    <row r="7882" spans="14:14">
      <c r="N7882" s="10"/>
    </row>
    <row r="7883" spans="14:14">
      <c r="N7883" s="10"/>
    </row>
    <row r="7884" spans="14:14">
      <c r="N7884" s="10"/>
    </row>
    <row r="7885" spans="14:14">
      <c r="N7885" s="10"/>
    </row>
    <row r="7886" spans="14:14">
      <c r="N7886" s="10"/>
    </row>
    <row r="7887" spans="14:14">
      <c r="N7887" s="10"/>
    </row>
    <row r="7888" spans="14:14">
      <c r="N7888" s="10"/>
    </row>
    <row r="7889" spans="14:14">
      <c r="N7889" s="10"/>
    </row>
    <row r="7890" spans="14:14">
      <c r="N7890" s="10"/>
    </row>
    <row r="7891" spans="14:14">
      <c r="N7891" s="10"/>
    </row>
    <row r="7892" spans="14:14">
      <c r="N7892" s="10"/>
    </row>
    <row r="7893" spans="14:14">
      <c r="N7893" s="10"/>
    </row>
    <row r="7894" spans="14:14">
      <c r="N7894" s="10"/>
    </row>
    <row r="7895" spans="14:14">
      <c r="N7895" s="10"/>
    </row>
    <row r="7896" spans="14:14">
      <c r="N7896" s="10"/>
    </row>
    <row r="7897" spans="14:14">
      <c r="N7897" s="10"/>
    </row>
    <row r="7898" spans="14:14">
      <c r="N7898" s="10"/>
    </row>
    <row r="7899" spans="14:14">
      <c r="N7899" s="10"/>
    </row>
    <row r="7900" spans="14:14">
      <c r="N7900" s="10"/>
    </row>
    <row r="7901" spans="14:14">
      <c r="N7901" s="10"/>
    </row>
    <row r="7902" spans="14:14">
      <c r="N7902" s="10"/>
    </row>
    <row r="7903" spans="14:14">
      <c r="N7903" s="10"/>
    </row>
    <row r="7904" spans="14:14">
      <c r="N7904" s="10"/>
    </row>
    <row r="7905" spans="14:14">
      <c r="N7905" s="10"/>
    </row>
    <row r="7906" spans="14:14">
      <c r="N7906" s="10"/>
    </row>
    <row r="7907" spans="14:14">
      <c r="N7907" s="10"/>
    </row>
    <row r="7908" spans="14:14">
      <c r="N7908" s="10"/>
    </row>
    <row r="7909" spans="14:14">
      <c r="N7909" s="10"/>
    </row>
    <row r="7910" spans="14:14">
      <c r="N7910" s="10"/>
    </row>
    <row r="7911" spans="14:14">
      <c r="N7911" s="10"/>
    </row>
    <row r="7912" spans="14:14">
      <c r="N7912" s="10"/>
    </row>
    <row r="7913" spans="14:14">
      <c r="N7913" s="10"/>
    </row>
    <row r="7914" spans="14:14">
      <c r="N7914" s="10"/>
    </row>
    <row r="7915" spans="14:14">
      <c r="N7915" s="10"/>
    </row>
    <row r="7916" spans="14:14">
      <c r="N7916" s="10"/>
    </row>
    <row r="7917" spans="14:14">
      <c r="N7917" s="10"/>
    </row>
    <row r="7918" spans="14:14">
      <c r="N7918" s="10"/>
    </row>
    <row r="7919" spans="14:14">
      <c r="N7919" s="10"/>
    </row>
    <row r="7920" spans="14:14">
      <c r="N7920" s="10"/>
    </row>
    <row r="7921" spans="14:14">
      <c r="N7921" s="10"/>
    </row>
    <row r="7922" spans="14:14">
      <c r="N7922" s="10"/>
    </row>
    <row r="7923" spans="14:14">
      <c r="N7923" s="10"/>
    </row>
    <row r="7924" spans="14:14">
      <c r="N7924" s="10"/>
    </row>
    <row r="7925" spans="14:14">
      <c r="N7925" s="10"/>
    </row>
    <row r="7926" spans="14:14">
      <c r="N7926" s="10"/>
    </row>
    <row r="7927" spans="14:14">
      <c r="N7927" s="10"/>
    </row>
    <row r="7928" spans="14:14">
      <c r="N7928" s="10"/>
    </row>
    <row r="7929" spans="14:14">
      <c r="N7929" s="10"/>
    </row>
    <row r="7930" spans="14:14">
      <c r="N7930" s="10"/>
    </row>
    <row r="7931" spans="14:14">
      <c r="N7931" s="10"/>
    </row>
    <row r="7932" spans="14:14">
      <c r="N7932" s="10"/>
    </row>
    <row r="7933" spans="14:14">
      <c r="N7933" s="10"/>
    </row>
    <row r="7934" spans="14:14">
      <c r="N7934" s="10"/>
    </row>
    <row r="7935" spans="14:14">
      <c r="N7935" s="10"/>
    </row>
    <row r="7936" spans="14:14">
      <c r="N7936" s="10"/>
    </row>
    <row r="7937" spans="14:14">
      <c r="N7937" s="10"/>
    </row>
    <row r="7938" spans="14:14">
      <c r="N7938" s="10"/>
    </row>
    <row r="7939" spans="14:14">
      <c r="N7939" s="10"/>
    </row>
    <row r="7940" spans="14:14">
      <c r="N7940" s="10"/>
    </row>
    <row r="7941" spans="14:14">
      <c r="N7941" s="10"/>
    </row>
    <row r="7942" spans="14:14">
      <c r="N7942" s="10"/>
    </row>
    <row r="7943" spans="14:14">
      <c r="N7943" s="10"/>
    </row>
    <row r="7944" spans="14:14">
      <c r="N7944" s="10"/>
    </row>
    <row r="7945" spans="14:14">
      <c r="N7945" s="10"/>
    </row>
    <row r="7946" spans="14:14">
      <c r="N7946" s="10"/>
    </row>
    <row r="7947" spans="14:14">
      <c r="N7947" s="10"/>
    </row>
    <row r="7948" spans="14:14">
      <c r="N7948" s="10"/>
    </row>
    <row r="7949" spans="14:14">
      <c r="N7949" s="10"/>
    </row>
    <row r="7950" spans="14:14">
      <c r="N7950" s="10"/>
    </row>
    <row r="7951" spans="14:14">
      <c r="N7951" s="10"/>
    </row>
    <row r="7952" spans="14:14">
      <c r="N7952" s="10"/>
    </row>
    <row r="7953" spans="14:14">
      <c r="N7953" s="10"/>
    </row>
    <row r="7954" spans="14:14">
      <c r="N7954" s="10"/>
    </row>
    <row r="7955" spans="14:14">
      <c r="N7955" s="10"/>
    </row>
    <row r="7956" spans="14:14">
      <c r="N7956" s="10"/>
    </row>
    <row r="7957" spans="14:14">
      <c r="N7957" s="10"/>
    </row>
    <row r="7958" spans="14:14">
      <c r="N7958" s="10"/>
    </row>
    <row r="7959" spans="14:14">
      <c r="N7959" s="10"/>
    </row>
    <row r="7960" spans="14:14">
      <c r="N7960" s="10"/>
    </row>
    <row r="7961" spans="14:14">
      <c r="N7961" s="10"/>
    </row>
    <row r="7962" spans="14:14">
      <c r="N7962" s="10"/>
    </row>
    <row r="7963" spans="14:14">
      <c r="N7963" s="10"/>
    </row>
    <row r="7964" spans="14:14">
      <c r="N7964" s="10"/>
    </row>
    <row r="7965" spans="14:14">
      <c r="N7965" s="10"/>
    </row>
    <row r="7966" spans="14:14">
      <c r="N7966" s="10"/>
    </row>
    <row r="7967" spans="14:14">
      <c r="N7967" s="10"/>
    </row>
    <row r="7968" spans="14:14">
      <c r="N7968" s="10"/>
    </row>
    <row r="7969" spans="14:14">
      <c r="N7969" s="10"/>
    </row>
    <row r="7970" spans="14:14">
      <c r="N7970" s="10"/>
    </row>
    <row r="7971" spans="14:14">
      <c r="N7971" s="10"/>
    </row>
    <row r="7972" spans="14:14">
      <c r="N7972" s="10"/>
    </row>
    <row r="7973" spans="14:14">
      <c r="N7973" s="10"/>
    </row>
    <row r="7974" spans="14:14">
      <c r="N7974" s="10"/>
    </row>
    <row r="7975" spans="14:14">
      <c r="N7975" s="10"/>
    </row>
    <row r="7976" spans="14:14">
      <c r="N7976" s="10"/>
    </row>
    <row r="7977" spans="14:14">
      <c r="N7977" s="10"/>
    </row>
    <row r="7978" spans="14:14">
      <c r="N7978" s="10"/>
    </row>
    <row r="7979" spans="14:14">
      <c r="N7979" s="10"/>
    </row>
    <row r="7980" spans="14:14">
      <c r="N7980" s="10"/>
    </row>
    <row r="7981" spans="14:14">
      <c r="N7981" s="10"/>
    </row>
    <row r="7982" spans="14:14">
      <c r="N7982" s="10"/>
    </row>
    <row r="7983" spans="14:14">
      <c r="N7983" s="10"/>
    </row>
    <row r="7984" spans="14:14">
      <c r="N7984" s="10"/>
    </row>
    <row r="7985" spans="14:14">
      <c r="N7985" s="10"/>
    </row>
    <row r="7986" spans="14:14">
      <c r="N7986" s="10"/>
    </row>
    <row r="7987" spans="14:14">
      <c r="N7987" s="10"/>
    </row>
    <row r="7988" spans="14:14">
      <c r="N7988" s="10"/>
    </row>
    <row r="7989" spans="14:14">
      <c r="N7989" s="10"/>
    </row>
    <row r="7990" spans="14:14">
      <c r="N7990" s="10"/>
    </row>
    <row r="7991" spans="14:14">
      <c r="N7991" s="10"/>
    </row>
    <row r="7992" spans="14:14">
      <c r="N7992" s="10"/>
    </row>
    <row r="7993" spans="14:14">
      <c r="N7993" s="10"/>
    </row>
    <row r="7994" spans="14:14">
      <c r="N7994" s="10"/>
    </row>
    <row r="7995" spans="14:14">
      <c r="N7995" s="10"/>
    </row>
    <row r="7996" spans="14:14">
      <c r="N7996" s="10"/>
    </row>
    <row r="7997" spans="14:14">
      <c r="N7997" s="10"/>
    </row>
    <row r="7998" spans="14:14">
      <c r="N7998" s="10"/>
    </row>
    <row r="7999" spans="14:14">
      <c r="N7999" s="10"/>
    </row>
    <row r="8000" spans="14:14">
      <c r="N8000" s="10"/>
    </row>
    <row r="8001" spans="14:14">
      <c r="N8001" s="10"/>
    </row>
    <row r="8002" spans="14:14">
      <c r="N8002" s="10"/>
    </row>
    <row r="8003" spans="14:14">
      <c r="N8003" s="10"/>
    </row>
    <row r="8004" spans="14:14">
      <c r="N8004" s="10"/>
    </row>
    <row r="8005" spans="14:14">
      <c r="N8005" s="10"/>
    </row>
    <row r="8006" spans="14:14">
      <c r="N8006" s="10"/>
    </row>
    <row r="8007" spans="14:14">
      <c r="N8007" s="10"/>
    </row>
    <row r="8008" spans="14:14">
      <c r="N8008" s="10"/>
    </row>
    <row r="8009" spans="14:14">
      <c r="N8009" s="10"/>
    </row>
    <row r="8010" spans="14:14">
      <c r="N8010" s="10"/>
    </row>
    <row r="8011" spans="14:14">
      <c r="N8011" s="10"/>
    </row>
    <row r="8012" spans="14:14">
      <c r="N8012" s="10"/>
    </row>
    <row r="8013" spans="14:14">
      <c r="N8013" s="10"/>
    </row>
    <row r="8014" spans="14:14">
      <c r="N8014" s="10"/>
    </row>
    <row r="8015" spans="14:14">
      <c r="N8015" s="10"/>
    </row>
    <row r="8016" spans="14:14">
      <c r="N8016" s="10"/>
    </row>
    <row r="8017" spans="14:14">
      <c r="N8017" s="10"/>
    </row>
    <row r="8018" spans="14:14">
      <c r="N8018" s="10"/>
    </row>
    <row r="8019" spans="14:14">
      <c r="N8019" s="10"/>
    </row>
    <row r="8020" spans="14:14">
      <c r="N8020" s="10"/>
    </row>
    <row r="8021" spans="14:14">
      <c r="N8021" s="10"/>
    </row>
    <row r="8022" spans="14:14">
      <c r="N8022" s="10"/>
    </row>
    <row r="8023" spans="14:14">
      <c r="N8023" s="10"/>
    </row>
    <row r="8024" spans="14:14">
      <c r="N8024" s="10"/>
    </row>
    <row r="8025" spans="14:14">
      <c r="N8025" s="10"/>
    </row>
    <row r="8026" spans="14:14">
      <c r="N8026" s="10"/>
    </row>
    <row r="8027" spans="14:14">
      <c r="N8027" s="10"/>
    </row>
    <row r="8028" spans="14:14">
      <c r="N8028" s="10"/>
    </row>
    <row r="8029" spans="14:14">
      <c r="N8029" s="10"/>
    </row>
    <row r="8030" spans="14:14">
      <c r="N8030" s="10"/>
    </row>
    <row r="8031" spans="14:14">
      <c r="N8031" s="10"/>
    </row>
    <row r="8032" spans="14:14">
      <c r="N8032" s="10"/>
    </row>
    <row r="8033" spans="14:14">
      <c r="N8033" s="10"/>
    </row>
    <row r="8034" spans="14:14">
      <c r="N8034" s="10"/>
    </row>
    <row r="8035" spans="14:14">
      <c r="N8035" s="10"/>
    </row>
    <row r="8036" spans="14:14">
      <c r="N8036" s="10"/>
    </row>
    <row r="8037" spans="14:14">
      <c r="N8037" s="10"/>
    </row>
    <row r="8038" spans="14:14">
      <c r="N8038" s="10"/>
    </row>
    <row r="8039" spans="14:14">
      <c r="N8039" s="10"/>
    </row>
    <row r="8040" spans="14:14">
      <c r="N8040" s="10"/>
    </row>
    <row r="8041" spans="14:14">
      <c r="N8041" s="10"/>
    </row>
    <row r="8042" spans="14:14">
      <c r="N8042" s="10"/>
    </row>
    <row r="8043" spans="14:14">
      <c r="N8043" s="10"/>
    </row>
    <row r="8044" spans="14:14">
      <c r="N8044" s="10"/>
    </row>
    <row r="8045" spans="14:14">
      <c r="N8045" s="10"/>
    </row>
    <row r="8046" spans="14:14">
      <c r="N8046" s="10"/>
    </row>
    <row r="8047" spans="14:14">
      <c r="N8047" s="10"/>
    </row>
    <row r="8048" spans="14:14">
      <c r="N8048" s="10"/>
    </row>
    <row r="8049" spans="14:14">
      <c r="N8049" s="10"/>
    </row>
    <row r="8050" spans="14:14">
      <c r="N8050" s="10"/>
    </row>
    <row r="8051" spans="14:14">
      <c r="N8051" s="10"/>
    </row>
    <row r="8052" spans="14:14">
      <c r="N8052" s="10"/>
    </row>
    <row r="8053" spans="14:14">
      <c r="N8053" s="10"/>
    </row>
    <row r="8054" spans="14:14">
      <c r="N8054" s="10"/>
    </row>
    <row r="8055" spans="14:14">
      <c r="N8055" s="10"/>
    </row>
    <row r="8056" spans="14:14">
      <c r="N8056" s="10"/>
    </row>
    <row r="8057" spans="14:14">
      <c r="N8057" s="10"/>
    </row>
    <row r="8058" spans="14:14">
      <c r="N8058" s="10"/>
    </row>
    <row r="8059" spans="14:14">
      <c r="N8059" s="10"/>
    </row>
    <row r="8060" spans="14:14">
      <c r="N8060" s="10"/>
    </row>
    <row r="8061" spans="14:14">
      <c r="N8061" s="10"/>
    </row>
    <row r="8062" spans="14:14">
      <c r="N8062" s="10"/>
    </row>
    <row r="8063" spans="14:14">
      <c r="N8063" s="10"/>
    </row>
    <row r="8064" spans="14:14">
      <c r="N8064" s="10"/>
    </row>
    <row r="8065" spans="14:14">
      <c r="N8065" s="10"/>
    </row>
    <row r="8066" spans="14:14">
      <c r="N8066" s="10"/>
    </row>
    <row r="8067" spans="14:14">
      <c r="N8067" s="10"/>
    </row>
    <row r="8068" spans="14:14">
      <c r="N8068" s="10"/>
    </row>
    <row r="8069" spans="14:14">
      <c r="N8069" s="10"/>
    </row>
    <row r="8070" spans="14:14">
      <c r="N8070" s="10"/>
    </row>
    <row r="8071" spans="14:14">
      <c r="N8071" s="10"/>
    </row>
    <row r="8072" spans="14:14">
      <c r="N8072" s="10"/>
    </row>
    <row r="8073" spans="14:14">
      <c r="N8073" s="10"/>
    </row>
    <row r="8074" spans="14:14">
      <c r="N8074" s="10"/>
    </row>
    <row r="8075" spans="14:14">
      <c r="N8075" s="10"/>
    </row>
    <row r="8076" spans="14:14">
      <c r="N8076" s="10"/>
    </row>
    <row r="8077" spans="14:14">
      <c r="N8077" s="10"/>
    </row>
    <row r="8078" spans="14:14">
      <c r="N8078" s="10"/>
    </row>
    <row r="8079" spans="14:14">
      <c r="N8079" s="10"/>
    </row>
    <row r="8080" spans="14:14">
      <c r="N8080" s="10"/>
    </row>
    <row r="8081" spans="14:14">
      <c r="N8081" s="10"/>
    </row>
    <row r="8082" spans="14:14">
      <c r="N8082" s="10"/>
    </row>
    <row r="8083" spans="14:14">
      <c r="N8083" s="10"/>
    </row>
    <row r="8084" spans="14:14">
      <c r="N8084" s="10"/>
    </row>
    <row r="8085" spans="14:14">
      <c r="N8085" s="10"/>
    </row>
    <row r="8086" spans="14:14">
      <c r="N8086" s="10"/>
    </row>
    <row r="8087" spans="14:14">
      <c r="N8087" s="10"/>
    </row>
    <row r="8088" spans="14:14">
      <c r="N8088" s="10"/>
    </row>
    <row r="8089" spans="14:14">
      <c r="N8089" s="10"/>
    </row>
    <row r="8090" spans="14:14">
      <c r="N8090" s="10"/>
    </row>
    <row r="8091" spans="14:14">
      <c r="N8091" s="10"/>
    </row>
    <row r="8092" spans="14:14">
      <c r="N8092" s="10"/>
    </row>
    <row r="8093" spans="14:14">
      <c r="N8093" s="10"/>
    </row>
    <row r="8094" spans="14:14">
      <c r="N8094" s="10"/>
    </row>
    <row r="8095" spans="14:14">
      <c r="N8095" s="10"/>
    </row>
    <row r="8096" spans="14:14">
      <c r="N8096" s="10"/>
    </row>
    <row r="8097" spans="14:14">
      <c r="N8097" s="10"/>
    </row>
    <row r="8098" spans="14:14">
      <c r="N8098" s="10"/>
    </row>
    <row r="8099" spans="14:14">
      <c r="N8099" s="10"/>
    </row>
    <row r="8100" spans="14:14">
      <c r="N8100" s="10"/>
    </row>
    <row r="8101" spans="14:14">
      <c r="N8101" s="10"/>
    </row>
    <row r="8102" spans="14:14">
      <c r="N8102" s="10"/>
    </row>
    <row r="8103" spans="14:14">
      <c r="N8103" s="10"/>
    </row>
    <row r="8104" spans="14:14">
      <c r="N8104" s="10"/>
    </row>
    <row r="8105" spans="14:14">
      <c r="N8105" s="10"/>
    </row>
    <row r="8106" spans="14:14">
      <c r="N8106" s="10"/>
    </row>
    <row r="8107" spans="14:14">
      <c r="N8107" s="10"/>
    </row>
    <row r="8108" spans="14:14">
      <c r="N8108" s="10"/>
    </row>
    <row r="8109" spans="14:14">
      <c r="N8109" s="10"/>
    </row>
    <row r="8110" spans="14:14">
      <c r="N8110" s="10"/>
    </row>
    <row r="8111" spans="14:14">
      <c r="N8111" s="10"/>
    </row>
    <row r="8112" spans="14:14">
      <c r="N8112" s="10"/>
    </row>
    <row r="8113" spans="14:14">
      <c r="N8113" s="10"/>
    </row>
    <row r="8114" spans="14:14">
      <c r="N8114" s="10"/>
    </row>
    <row r="8115" spans="14:14">
      <c r="N8115" s="10"/>
    </row>
    <row r="8116" spans="14:14">
      <c r="N8116" s="10"/>
    </row>
    <row r="8117" spans="14:14">
      <c r="N8117" s="10"/>
    </row>
    <row r="8118" spans="14:14">
      <c r="N8118" s="10"/>
    </row>
    <row r="8119" spans="14:14">
      <c r="N8119" s="10"/>
    </row>
    <row r="8120" spans="14:14">
      <c r="N8120" s="10"/>
    </row>
    <row r="8121" spans="14:14">
      <c r="N8121" s="10"/>
    </row>
    <row r="8122" spans="14:14">
      <c r="N8122" s="10"/>
    </row>
    <row r="8123" spans="14:14">
      <c r="N8123" s="10"/>
    </row>
    <row r="8124" spans="14:14">
      <c r="N8124" s="10"/>
    </row>
    <row r="8125" spans="14:14">
      <c r="N8125" s="10"/>
    </row>
    <row r="8126" spans="14:14">
      <c r="N8126" s="10"/>
    </row>
    <row r="8127" spans="14:14">
      <c r="N8127" s="10"/>
    </row>
    <row r="8128" spans="14:14">
      <c r="N8128" s="10"/>
    </row>
    <row r="8129" spans="14:14">
      <c r="N8129" s="10"/>
    </row>
    <row r="8130" spans="14:14">
      <c r="N8130" s="10"/>
    </row>
    <row r="8131" spans="14:14">
      <c r="N8131" s="10"/>
    </row>
    <row r="8132" spans="14:14">
      <c r="N8132" s="10"/>
    </row>
    <row r="8133" spans="14:14">
      <c r="N8133" s="10"/>
    </row>
    <row r="8134" spans="14:14">
      <c r="N8134" s="10"/>
    </row>
    <row r="8135" spans="14:14">
      <c r="N8135" s="10"/>
    </row>
    <row r="8136" spans="14:14">
      <c r="N8136" s="10"/>
    </row>
    <row r="8137" spans="14:14">
      <c r="N8137" s="10"/>
    </row>
    <row r="8138" spans="14:14">
      <c r="N8138" s="10"/>
    </row>
    <row r="8139" spans="14:14">
      <c r="N8139" s="10"/>
    </row>
    <row r="8140" spans="14:14">
      <c r="N8140" s="10"/>
    </row>
    <row r="8141" spans="14:14">
      <c r="N8141" s="10"/>
    </row>
    <row r="8142" spans="14:14">
      <c r="N8142" s="10"/>
    </row>
    <row r="8143" spans="14:14">
      <c r="N8143" s="10"/>
    </row>
    <row r="8144" spans="14:14">
      <c r="N8144" s="10"/>
    </row>
    <row r="8145" spans="14:14">
      <c r="N8145" s="10"/>
    </row>
    <row r="8146" spans="14:14">
      <c r="N8146" s="10"/>
    </row>
    <row r="8147" spans="14:14">
      <c r="N8147" s="10"/>
    </row>
    <row r="8148" spans="14:14">
      <c r="N8148" s="10"/>
    </row>
    <row r="8149" spans="14:14">
      <c r="N8149" s="10"/>
    </row>
    <row r="8150" spans="14:14">
      <c r="N8150" s="10"/>
    </row>
    <row r="8151" spans="14:14">
      <c r="N8151" s="10"/>
    </row>
    <row r="8152" spans="14:14">
      <c r="N8152" s="10"/>
    </row>
    <row r="8153" spans="14:14">
      <c r="N8153" s="10"/>
    </row>
    <row r="8154" spans="14:14">
      <c r="N8154" s="10"/>
    </row>
    <row r="8155" spans="14:14">
      <c r="N8155" s="10"/>
    </row>
    <row r="8156" spans="14:14">
      <c r="N8156" s="10"/>
    </row>
    <row r="8157" spans="14:14">
      <c r="N8157" s="10"/>
    </row>
    <row r="8158" spans="14:14">
      <c r="N8158" s="10"/>
    </row>
    <row r="8159" spans="14:14">
      <c r="N8159" s="10"/>
    </row>
    <row r="8160" spans="14:14">
      <c r="N8160" s="10"/>
    </row>
    <row r="8161" spans="14:14">
      <c r="N8161" s="10"/>
    </row>
    <row r="8162" spans="14:14">
      <c r="N8162" s="10"/>
    </row>
    <row r="8163" spans="14:14">
      <c r="N8163" s="10"/>
    </row>
    <row r="8164" spans="14:14">
      <c r="N8164" s="10"/>
    </row>
    <row r="8165" spans="14:14">
      <c r="N8165" s="10"/>
    </row>
    <row r="8166" spans="14:14">
      <c r="N8166" s="10"/>
    </row>
    <row r="8167" spans="14:14">
      <c r="N8167" s="10"/>
    </row>
    <row r="8168" spans="14:14">
      <c r="N8168" s="10"/>
    </row>
    <row r="8169" spans="14:14">
      <c r="N8169" s="10"/>
    </row>
    <row r="8170" spans="14:14">
      <c r="N8170" s="10"/>
    </row>
    <row r="8171" spans="14:14">
      <c r="N8171" s="10"/>
    </row>
    <row r="8172" spans="14:14">
      <c r="N8172" s="10"/>
    </row>
    <row r="8173" spans="14:14">
      <c r="N8173" s="10"/>
    </row>
    <row r="8174" spans="14:14">
      <c r="N8174" s="10"/>
    </row>
    <row r="8175" spans="14:14">
      <c r="N8175" s="10"/>
    </row>
    <row r="8176" spans="14:14">
      <c r="N8176" s="10"/>
    </row>
    <row r="8177" spans="14:14">
      <c r="N8177" s="10"/>
    </row>
    <row r="8178" spans="14:14">
      <c r="N8178" s="10"/>
    </row>
    <row r="8179" spans="14:14">
      <c r="N8179" s="10"/>
    </row>
    <row r="8180" spans="14:14">
      <c r="N8180" s="10"/>
    </row>
    <row r="8181" spans="14:14">
      <c r="N8181" s="10"/>
    </row>
    <row r="8182" spans="14:14">
      <c r="N8182" s="10"/>
    </row>
    <row r="8183" spans="14:14">
      <c r="N8183" s="10"/>
    </row>
    <row r="8184" spans="14:14">
      <c r="N8184" s="10"/>
    </row>
    <row r="8185" spans="14:14">
      <c r="N8185" s="10"/>
    </row>
    <row r="8186" spans="14:14">
      <c r="N8186" s="10"/>
    </row>
    <row r="8187" spans="14:14">
      <c r="N8187" s="10"/>
    </row>
    <row r="8188" spans="14:14">
      <c r="N8188" s="10"/>
    </row>
    <row r="8189" spans="14:14">
      <c r="N8189" s="10"/>
    </row>
    <row r="8190" spans="14:14">
      <c r="N8190" s="10"/>
    </row>
    <row r="8191" spans="14:14">
      <c r="N8191" s="10"/>
    </row>
    <row r="8192" spans="14:14">
      <c r="N8192" s="10"/>
    </row>
    <row r="8193" spans="14:14">
      <c r="N8193" s="10"/>
    </row>
    <row r="8194" spans="14:14">
      <c r="N8194" s="10"/>
    </row>
    <row r="8195" spans="14:14">
      <c r="N8195" s="10"/>
    </row>
    <row r="8196" spans="14:14">
      <c r="N8196" s="10"/>
    </row>
    <row r="8197" spans="14:14">
      <c r="N8197" s="10"/>
    </row>
    <row r="8198" spans="14:14">
      <c r="N8198" s="10"/>
    </row>
    <row r="8199" spans="14:14">
      <c r="N8199" s="10"/>
    </row>
    <row r="8200" spans="14:14">
      <c r="N8200" s="10"/>
    </row>
    <row r="8201" spans="14:14">
      <c r="N8201" s="10"/>
    </row>
    <row r="8202" spans="14:14">
      <c r="N8202" s="10"/>
    </row>
    <row r="8203" spans="14:14">
      <c r="N8203" s="10"/>
    </row>
    <row r="8204" spans="14:14">
      <c r="N8204" s="10"/>
    </row>
    <row r="8205" spans="14:14">
      <c r="N8205" s="10"/>
    </row>
    <row r="8206" spans="14:14">
      <c r="N8206" s="10"/>
    </row>
    <row r="8207" spans="14:14">
      <c r="N8207" s="10"/>
    </row>
    <row r="8208" spans="14:14">
      <c r="N8208" s="10"/>
    </row>
    <row r="8209" spans="14:14">
      <c r="N8209" s="10"/>
    </row>
    <row r="8210" spans="14:14">
      <c r="N8210" s="10"/>
    </row>
    <row r="8211" spans="14:14">
      <c r="N8211" s="10"/>
    </row>
    <row r="8212" spans="14:14">
      <c r="N8212" s="10"/>
    </row>
    <row r="8213" spans="14:14">
      <c r="N8213" s="10"/>
    </row>
    <row r="8214" spans="14:14">
      <c r="N8214" s="10"/>
    </row>
    <row r="8215" spans="14:14">
      <c r="N8215" s="10"/>
    </row>
    <row r="8216" spans="14:14">
      <c r="N8216" s="10"/>
    </row>
    <row r="8217" spans="14:14">
      <c r="N8217" s="10"/>
    </row>
    <row r="8218" spans="14:14">
      <c r="N8218" s="10"/>
    </row>
    <row r="8219" spans="14:14">
      <c r="N8219" s="10"/>
    </row>
    <row r="8220" spans="14:14">
      <c r="N8220" s="10"/>
    </row>
    <row r="8221" spans="14:14">
      <c r="N8221" s="10"/>
    </row>
    <row r="8222" spans="14:14">
      <c r="N8222" s="10"/>
    </row>
    <row r="8223" spans="14:14">
      <c r="N8223" s="10"/>
    </row>
    <row r="8224" spans="14:14">
      <c r="N8224" s="10"/>
    </row>
    <row r="8225" spans="14:14">
      <c r="N8225" s="10"/>
    </row>
    <row r="8226" spans="14:14">
      <c r="N8226" s="10"/>
    </row>
    <row r="8227" spans="14:14">
      <c r="N8227" s="10"/>
    </row>
    <row r="8228" spans="14:14">
      <c r="N8228" s="10"/>
    </row>
    <row r="8229" spans="14:14">
      <c r="N8229" s="10"/>
    </row>
    <row r="8230" spans="14:14">
      <c r="N8230" s="10"/>
    </row>
    <row r="8231" spans="14:14">
      <c r="N8231" s="10"/>
    </row>
    <row r="8232" spans="14:14">
      <c r="N8232" s="10"/>
    </row>
    <row r="8233" spans="14:14">
      <c r="N8233" s="10"/>
    </row>
    <row r="8234" spans="14:14">
      <c r="N8234" s="10"/>
    </row>
    <row r="8235" spans="14:14">
      <c r="N8235" s="10"/>
    </row>
    <row r="8236" spans="14:14">
      <c r="N8236" s="10"/>
    </row>
    <row r="8237" spans="14:14">
      <c r="N8237" s="10"/>
    </row>
    <row r="8238" spans="14:14">
      <c r="N8238" s="10"/>
    </row>
    <row r="8239" spans="14:14">
      <c r="N8239" s="10"/>
    </row>
    <row r="8240" spans="14:14">
      <c r="N8240" s="10"/>
    </row>
    <row r="8241" spans="14:14">
      <c r="N8241" s="10"/>
    </row>
    <row r="8242" spans="14:14">
      <c r="N8242" s="10"/>
    </row>
    <row r="8243" spans="14:14">
      <c r="N8243" s="10"/>
    </row>
    <row r="8244" spans="14:14">
      <c r="N8244" s="10"/>
    </row>
    <row r="8245" spans="14:14">
      <c r="N8245" s="10"/>
    </row>
    <row r="8246" spans="14:14">
      <c r="N8246" s="10"/>
    </row>
    <row r="8247" spans="14:14">
      <c r="N8247" s="10"/>
    </row>
    <row r="8248" spans="14:14">
      <c r="N8248" s="10"/>
    </row>
    <row r="8249" spans="14:14">
      <c r="N8249" s="10"/>
    </row>
    <row r="8250" spans="14:14">
      <c r="N8250" s="10"/>
    </row>
    <row r="8251" spans="14:14">
      <c r="N8251" s="10"/>
    </row>
    <row r="8252" spans="14:14">
      <c r="N8252" s="10"/>
    </row>
    <row r="8253" spans="14:14">
      <c r="N8253" s="10"/>
    </row>
    <row r="8254" spans="14:14">
      <c r="N8254" s="10"/>
    </row>
    <row r="8255" spans="14:14">
      <c r="N8255" s="10"/>
    </row>
    <row r="8256" spans="14:14">
      <c r="N8256" s="10"/>
    </row>
    <row r="8257" spans="14:14">
      <c r="N8257" s="10"/>
    </row>
    <row r="8258" spans="14:14">
      <c r="N8258" s="10"/>
    </row>
    <row r="8259" spans="14:14">
      <c r="N8259" s="10"/>
    </row>
    <row r="8260" spans="14:14">
      <c r="N8260" s="10"/>
    </row>
    <row r="8261" spans="14:14">
      <c r="N8261" s="10"/>
    </row>
    <row r="8262" spans="14:14">
      <c r="N8262" s="10"/>
    </row>
    <row r="8263" spans="14:14">
      <c r="N8263" s="10"/>
    </row>
    <row r="8264" spans="14:14">
      <c r="N8264" s="10"/>
    </row>
    <row r="8265" spans="14:14">
      <c r="N8265" s="10"/>
    </row>
    <row r="8266" spans="14:14">
      <c r="N8266" s="10"/>
    </row>
    <row r="8267" spans="14:14">
      <c r="N8267" s="10"/>
    </row>
    <row r="8268" spans="14:14">
      <c r="N8268" s="10"/>
    </row>
    <row r="8269" spans="14:14">
      <c r="N8269" s="10"/>
    </row>
    <row r="8270" spans="14:14">
      <c r="N8270" s="10"/>
    </row>
    <row r="8271" spans="14:14">
      <c r="N8271" s="10"/>
    </row>
    <row r="8272" spans="14:14">
      <c r="N8272" s="10"/>
    </row>
    <row r="8273" spans="14:14">
      <c r="N8273" s="10"/>
    </row>
    <row r="8274" spans="14:14">
      <c r="N8274" s="10"/>
    </row>
    <row r="8275" spans="14:14">
      <c r="N8275" s="10"/>
    </row>
    <row r="8276" spans="14:14">
      <c r="N8276" s="10"/>
    </row>
    <row r="8277" spans="14:14">
      <c r="N8277" s="10"/>
    </row>
    <row r="8278" spans="14:14">
      <c r="N8278" s="10"/>
    </row>
    <row r="8279" spans="14:14">
      <c r="N8279" s="10"/>
    </row>
    <row r="8280" spans="14:14">
      <c r="N8280" s="10"/>
    </row>
    <row r="8281" spans="14:14">
      <c r="N8281" s="10"/>
    </row>
    <row r="8282" spans="14:14">
      <c r="N8282" s="10"/>
    </row>
    <row r="8283" spans="14:14">
      <c r="N8283" s="10"/>
    </row>
    <row r="8284" spans="14:14">
      <c r="N8284" s="10"/>
    </row>
    <row r="8285" spans="14:14">
      <c r="N8285" s="10"/>
    </row>
    <row r="8286" spans="14:14">
      <c r="N8286" s="10"/>
    </row>
    <row r="8287" spans="14:14">
      <c r="N8287" s="10"/>
    </row>
    <row r="8288" spans="14:14">
      <c r="N8288" s="10"/>
    </row>
    <row r="8289" spans="14:14">
      <c r="N8289" s="10"/>
    </row>
    <row r="8290" spans="14:14">
      <c r="N8290" s="10"/>
    </row>
    <row r="8291" spans="14:14">
      <c r="N8291" s="10"/>
    </row>
    <row r="8292" spans="14:14">
      <c r="N8292" s="10"/>
    </row>
    <row r="8293" spans="14:14">
      <c r="N8293" s="10"/>
    </row>
    <row r="8294" spans="14:14">
      <c r="N8294" s="10"/>
    </row>
    <row r="8295" spans="14:14">
      <c r="N8295" s="10"/>
    </row>
    <row r="8296" spans="14:14">
      <c r="N8296" s="10"/>
    </row>
    <row r="8297" spans="14:14">
      <c r="N8297" s="10"/>
    </row>
    <row r="8298" spans="14:14">
      <c r="N8298" s="10"/>
    </row>
    <row r="8299" spans="14:14">
      <c r="N8299" s="10"/>
    </row>
    <row r="8300" spans="14:14">
      <c r="N8300" s="10"/>
    </row>
    <row r="8301" spans="14:14">
      <c r="N8301" s="10"/>
    </row>
    <row r="8302" spans="14:14">
      <c r="N8302" s="10"/>
    </row>
    <row r="8303" spans="14:14">
      <c r="N8303" s="10"/>
    </row>
    <row r="8304" spans="14:14">
      <c r="N8304" s="10"/>
    </row>
    <row r="8305" spans="14:14">
      <c r="N8305" s="10"/>
    </row>
    <row r="8306" spans="14:14">
      <c r="N8306" s="10"/>
    </row>
    <row r="8307" spans="14:14">
      <c r="N8307" s="10"/>
    </row>
    <row r="8308" spans="14:14">
      <c r="N8308" s="10"/>
    </row>
    <row r="8309" spans="14:14">
      <c r="N8309" s="10"/>
    </row>
    <row r="8310" spans="14:14">
      <c r="N8310" s="10"/>
    </row>
    <row r="8311" spans="14:14">
      <c r="N8311" s="10"/>
    </row>
    <row r="8312" spans="14:14">
      <c r="N8312" s="10"/>
    </row>
    <row r="8313" spans="14:14">
      <c r="N8313" s="10"/>
    </row>
    <row r="8314" spans="14:14">
      <c r="N8314" s="10"/>
    </row>
    <row r="8315" spans="14:14">
      <c r="N8315" s="10"/>
    </row>
    <row r="8316" spans="14:14">
      <c r="N8316" s="10"/>
    </row>
    <row r="8317" spans="14:14">
      <c r="N8317" s="10"/>
    </row>
    <row r="8318" spans="14:14">
      <c r="N8318" s="10"/>
    </row>
    <row r="8319" spans="14:14">
      <c r="N8319" s="10"/>
    </row>
    <row r="8320" spans="14:14">
      <c r="N8320" s="10"/>
    </row>
    <row r="8321" spans="14:14">
      <c r="N8321" s="10"/>
    </row>
    <row r="8322" spans="14:14">
      <c r="N8322" s="10"/>
    </row>
    <row r="8323" spans="14:14">
      <c r="N8323" s="10"/>
    </row>
    <row r="8324" spans="14:14">
      <c r="N8324" s="10"/>
    </row>
    <row r="8325" spans="14:14">
      <c r="N8325" s="10"/>
    </row>
    <row r="8326" spans="14:14">
      <c r="N8326" s="10"/>
    </row>
    <row r="8327" spans="14:14">
      <c r="N8327" s="10"/>
    </row>
    <row r="8328" spans="14:14">
      <c r="N8328" s="10"/>
    </row>
    <row r="8329" spans="14:14">
      <c r="N8329" s="10"/>
    </row>
    <row r="8330" spans="14:14">
      <c r="N8330" s="10"/>
    </row>
    <row r="8331" spans="14:14">
      <c r="N8331" s="10"/>
    </row>
    <row r="8332" spans="14:14">
      <c r="N8332" s="10"/>
    </row>
    <row r="8333" spans="14:14">
      <c r="N8333" s="10"/>
    </row>
    <row r="8334" spans="14:14">
      <c r="N8334" s="10"/>
    </row>
    <row r="8335" spans="14:14">
      <c r="N8335" s="10"/>
    </row>
    <row r="8336" spans="14:14">
      <c r="N8336" s="10"/>
    </row>
    <row r="8337" spans="14:14">
      <c r="N8337" s="10"/>
    </row>
    <row r="8338" spans="14:14">
      <c r="N8338" s="10"/>
    </row>
    <row r="8339" spans="14:14">
      <c r="N8339" s="10"/>
    </row>
    <row r="8340" spans="14:14">
      <c r="N8340" s="10"/>
    </row>
    <row r="8341" spans="14:14">
      <c r="N8341" s="10"/>
    </row>
    <row r="8342" spans="14:14">
      <c r="N8342" s="10"/>
    </row>
    <row r="8343" spans="14:14">
      <c r="N8343" s="10"/>
    </row>
    <row r="8344" spans="14:14">
      <c r="N8344" s="10"/>
    </row>
    <row r="8345" spans="14:14">
      <c r="N8345" s="10"/>
    </row>
    <row r="8346" spans="14:14">
      <c r="N8346" s="10"/>
    </row>
    <row r="8347" spans="14:14">
      <c r="N8347" s="10"/>
    </row>
    <row r="8348" spans="14:14">
      <c r="N8348" s="10"/>
    </row>
    <row r="8349" spans="14:14">
      <c r="N8349" s="10"/>
    </row>
    <row r="8350" spans="14:14">
      <c r="N8350" s="10"/>
    </row>
    <row r="8351" spans="14:14">
      <c r="N8351" s="10"/>
    </row>
    <row r="8352" spans="14:14">
      <c r="N8352" s="10"/>
    </row>
    <row r="8353" spans="14:14">
      <c r="N8353" s="10"/>
    </row>
    <row r="8354" spans="14:14">
      <c r="N8354" s="10"/>
    </row>
    <row r="8355" spans="14:14">
      <c r="N8355" s="10"/>
    </row>
    <row r="8356" spans="14:14">
      <c r="N8356" s="10"/>
    </row>
    <row r="8357" spans="14:14">
      <c r="N8357" s="10"/>
    </row>
    <row r="8358" spans="14:14">
      <c r="N8358" s="10"/>
    </row>
    <row r="8359" spans="14:14">
      <c r="N8359" s="10"/>
    </row>
    <row r="8360" spans="14:14">
      <c r="N8360" s="10"/>
    </row>
    <row r="8361" spans="14:14">
      <c r="N8361" s="10"/>
    </row>
    <row r="8362" spans="14:14">
      <c r="N8362" s="10"/>
    </row>
    <row r="8363" spans="14:14">
      <c r="N8363" s="10"/>
    </row>
    <row r="8364" spans="14:14">
      <c r="N8364" s="10"/>
    </row>
    <row r="8365" spans="14:14">
      <c r="N8365" s="10"/>
    </row>
    <row r="8366" spans="14:14">
      <c r="N8366" s="10"/>
    </row>
    <row r="8367" spans="14:14">
      <c r="N8367" s="10"/>
    </row>
    <row r="8368" spans="14:14">
      <c r="N8368" s="10"/>
    </row>
    <row r="8369" spans="14:14">
      <c r="N8369" s="10"/>
    </row>
    <row r="8370" spans="14:14">
      <c r="N8370" s="10"/>
    </row>
    <row r="8371" spans="14:14">
      <c r="N8371" s="10"/>
    </row>
    <row r="8372" spans="14:14">
      <c r="N8372" s="10"/>
    </row>
    <row r="8373" spans="14:14">
      <c r="N8373" s="10"/>
    </row>
    <row r="8374" spans="14:14">
      <c r="N8374" s="10"/>
    </row>
    <row r="8375" spans="14:14">
      <c r="N8375" s="10"/>
    </row>
    <row r="8376" spans="14:14">
      <c r="N8376" s="10"/>
    </row>
    <row r="8377" spans="14:14">
      <c r="N8377" s="10"/>
    </row>
    <row r="8378" spans="14:14">
      <c r="N8378" s="10"/>
    </row>
    <row r="8379" spans="14:14">
      <c r="N8379" s="10"/>
    </row>
    <row r="8380" spans="14:14">
      <c r="N8380" s="10"/>
    </row>
    <row r="8381" spans="14:14">
      <c r="N8381" s="10"/>
    </row>
    <row r="8382" spans="14:14">
      <c r="N8382" s="10"/>
    </row>
    <row r="8383" spans="14:14">
      <c r="N8383" s="10"/>
    </row>
    <row r="8384" spans="14:14">
      <c r="N8384" s="10"/>
    </row>
    <row r="8385" spans="14:14">
      <c r="N8385" s="10"/>
    </row>
    <row r="8386" spans="14:14">
      <c r="N8386" s="10"/>
    </row>
    <row r="8387" spans="14:14">
      <c r="N8387" s="10"/>
    </row>
    <row r="8388" spans="14:14">
      <c r="N8388" s="10"/>
    </row>
    <row r="8389" spans="14:14">
      <c r="N8389" s="10"/>
    </row>
    <row r="8390" spans="14:14">
      <c r="N8390" s="10"/>
    </row>
    <row r="8391" spans="14:14">
      <c r="N8391" s="10"/>
    </row>
    <row r="8392" spans="14:14">
      <c r="N8392" s="10"/>
    </row>
    <row r="8393" spans="14:14">
      <c r="N8393" s="10"/>
    </row>
    <row r="8394" spans="14:14">
      <c r="N8394" s="10"/>
    </row>
    <row r="8395" spans="14:14">
      <c r="N8395" s="10"/>
    </row>
    <row r="8396" spans="14:14">
      <c r="N8396" s="10"/>
    </row>
    <row r="8397" spans="14:14">
      <c r="N8397" s="10"/>
    </row>
    <row r="8398" spans="14:14">
      <c r="N8398" s="10"/>
    </row>
    <row r="8399" spans="14:14">
      <c r="N8399" s="10"/>
    </row>
    <row r="8400" spans="14:14">
      <c r="N8400" s="10"/>
    </row>
    <row r="8401" spans="14:14">
      <c r="N8401" s="10"/>
    </row>
    <row r="8402" spans="14:14">
      <c r="N8402" s="10"/>
    </row>
    <row r="8403" spans="14:14">
      <c r="N8403" s="10"/>
    </row>
    <row r="8404" spans="14:14">
      <c r="N8404" s="10"/>
    </row>
    <row r="8405" spans="14:14">
      <c r="N8405" s="10"/>
    </row>
    <row r="8406" spans="14:14">
      <c r="N8406" s="10"/>
    </row>
    <row r="8407" spans="14:14">
      <c r="N8407" s="10"/>
    </row>
    <row r="8408" spans="14:14">
      <c r="N8408" s="10"/>
    </row>
    <row r="8409" spans="14:14">
      <c r="N8409" s="10"/>
    </row>
    <row r="8410" spans="14:14">
      <c r="N8410" s="10"/>
    </row>
    <row r="8411" spans="14:14">
      <c r="N8411" s="10"/>
    </row>
    <row r="8412" spans="14:14">
      <c r="N8412" s="10"/>
    </row>
    <row r="8413" spans="14:14">
      <c r="N8413" s="10"/>
    </row>
    <row r="8414" spans="14:14">
      <c r="N8414" s="10"/>
    </row>
    <row r="8415" spans="14:14">
      <c r="N8415" s="10"/>
    </row>
    <row r="8416" spans="14:14">
      <c r="N8416" s="10"/>
    </row>
    <row r="8417" spans="14:14">
      <c r="N8417" s="10"/>
    </row>
    <row r="8418" spans="14:14">
      <c r="N8418" s="10"/>
    </row>
    <row r="8419" spans="14:14">
      <c r="N8419" s="10"/>
    </row>
    <row r="8420" spans="14:14">
      <c r="N8420" s="10"/>
    </row>
    <row r="8421" spans="14:14">
      <c r="N8421" s="10"/>
    </row>
    <row r="8422" spans="14:14">
      <c r="N8422" s="10"/>
    </row>
    <row r="8423" spans="14:14">
      <c r="N8423" s="10"/>
    </row>
    <row r="8424" spans="14:14">
      <c r="N8424" s="10"/>
    </row>
    <row r="8425" spans="14:14">
      <c r="N8425" s="10"/>
    </row>
    <row r="8426" spans="14:14">
      <c r="N8426" s="10"/>
    </row>
    <row r="8427" spans="14:14">
      <c r="N8427" s="10"/>
    </row>
    <row r="8428" spans="14:14">
      <c r="N8428" s="10"/>
    </row>
    <row r="8429" spans="14:14">
      <c r="N8429" s="10"/>
    </row>
    <row r="8430" spans="14:14">
      <c r="N8430" s="10"/>
    </row>
    <row r="8431" spans="14:14">
      <c r="N8431" s="10"/>
    </row>
    <row r="8432" spans="14:14">
      <c r="N8432" s="10"/>
    </row>
    <row r="8433" spans="14:14">
      <c r="N8433" s="10"/>
    </row>
    <row r="8434" spans="14:14">
      <c r="N8434" s="10"/>
    </row>
    <row r="8435" spans="14:14">
      <c r="N8435" s="10"/>
    </row>
    <row r="8436" spans="14:14">
      <c r="N8436" s="10"/>
    </row>
    <row r="8437" spans="14:14">
      <c r="N8437" s="10"/>
    </row>
    <row r="8438" spans="14:14">
      <c r="N8438" s="10"/>
    </row>
    <row r="8439" spans="14:14">
      <c r="N8439" s="10"/>
    </row>
    <row r="8440" spans="14:14">
      <c r="N8440" s="10"/>
    </row>
    <row r="8441" spans="14:14">
      <c r="N8441" s="10"/>
    </row>
    <row r="8442" spans="14:14">
      <c r="N8442" s="10"/>
    </row>
    <row r="8443" spans="14:14">
      <c r="N8443" s="10"/>
    </row>
    <row r="8444" spans="14:14">
      <c r="N8444" s="10"/>
    </row>
    <row r="8445" spans="14:14">
      <c r="N8445" s="10"/>
    </row>
    <row r="8446" spans="14:14">
      <c r="N8446" s="10"/>
    </row>
    <row r="8447" spans="14:14">
      <c r="N8447" s="10"/>
    </row>
    <row r="8448" spans="14:14">
      <c r="N8448" s="10"/>
    </row>
    <row r="8449" spans="14:14">
      <c r="N8449" s="10"/>
    </row>
    <row r="8450" spans="14:14">
      <c r="N8450" s="10"/>
    </row>
    <row r="8451" spans="14:14">
      <c r="N8451" s="10"/>
    </row>
    <row r="8452" spans="14:14">
      <c r="N8452" s="10"/>
    </row>
    <row r="8453" spans="14:14">
      <c r="N8453" s="10"/>
    </row>
    <row r="8454" spans="14:14">
      <c r="N8454" s="10"/>
    </row>
    <row r="8455" spans="14:14">
      <c r="N8455" s="10"/>
    </row>
    <row r="8456" spans="14:14">
      <c r="N8456" s="10"/>
    </row>
    <row r="8457" spans="14:14">
      <c r="N8457" s="10"/>
    </row>
    <row r="8458" spans="14:14">
      <c r="N8458" s="10"/>
    </row>
    <row r="8459" spans="14:14">
      <c r="N8459" s="10"/>
    </row>
    <row r="8460" spans="14:14">
      <c r="N8460" s="10"/>
    </row>
    <row r="8461" spans="14:14">
      <c r="N8461" s="10"/>
    </row>
    <row r="8462" spans="14:14">
      <c r="N8462" s="10"/>
    </row>
    <row r="8463" spans="14:14">
      <c r="N8463" s="10"/>
    </row>
    <row r="8464" spans="14:14">
      <c r="N8464" s="10"/>
    </row>
    <row r="8465" spans="14:14">
      <c r="N8465" s="10"/>
    </row>
    <row r="8466" spans="14:14">
      <c r="N8466" s="10"/>
    </row>
    <row r="8467" spans="14:14">
      <c r="N8467" s="10"/>
    </row>
    <row r="8468" spans="14:14">
      <c r="N8468" s="10"/>
    </row>
    <row r="8469" spans="14:14">
      <c r="N8469" s="10"/>
    </row>
    <row r="8470" spans="14:14">
      <c r="N8470" s="10"/>
    </row>
    <row r="8471" spans="14:14">
      <c r="N8471" s="10"/>
    </row>
    <row r="8472" spans="14:14">
      <c r="N8472" s="10"/>
    </row>
    <row r="8473" spans="14:14">
      <c r="N8473" s="10"/>
    </row>
    <row r="8474" spans="14:14">
      <c r="N8474" s="10"/>
    </row>
    <row r="8475" spans="14:14">
      <c r="N8475" s="10"/>
    </row>
    <row r="8476" spans="14:14">
      <c r="N8476" s="10"/>
    </row>
    <row r="8477" spans="14:14">
      <c r="N8477" s="10"/>
    </row>
    <row r="8478" spans="14:14">
      <c r="N8478" s="10"/>
    </row>
    <row r="8479" spans="14:14">
      <c r="N8479" s="10"/>
    </row>
    <row r="8480" spans="14:14">
      <c r="N8480" s="10"/>
    </row>
    <row r="8481" spans="14:14">
      <c r="N8481" s="10"/>
    </row>
    <row r="8482" spans="14:14">
      <c r="N8482" s="10"/>
    </row>
    <row r="8483" spans="14:14">
      <c r="N8483" s="10"/>
    </row>
    <row r="8484" spans="14:14">
      <c r="N8484" s="10"/>
    </row>
    <row r="8485" spans="14:14">
      <c r="N8485" s="10"/>
    </row>
    <row r="8486" spans="14:14">
      <c r="N8486" s="10"/>
    </row>
    <row r="8487" spans="14:14">
      <c r="N8487" s="10"/>
    </row>
    <row r="8488" spans="14:14">
      <c r="N8488" s="10"/>
    </row>
    <row r="8489" spans="14:14">
      <c r="N8489" s="10"/>
    </row>
    <row r="8490" spans="14:14">
      <c r="N8490" s="10"/>
    </row>
    <row r="8491" spans="14:14">
      <c r="N8491" s="10"/>
    </row>
    <row r="8492" spans="14:14">
      <c r="N8492" s="10"/>
    </row>
    <row r="8493" spans="14:14">
      <c r="N8493" s="10"/>
    </row>
    <row r="8494" spans="14:14">
      <c r="N8494" s="10"/>
    </row>
    <row r="8495" spans="14:14">
      <c r="N8495" s="10"/>
    </row>
    <row r="8496" spans="14:14">
      <c r="N8496" s="10"/>
    </row>
    <row r="8497" spans="14:14">
      <c r="N8497" s="10"/>
    </row>
    <row r="8498" spans="14:14">
      <c r="N8498" s="10"/>
    </row>
    <row r="8499" spans="14:14">
      <c r="N8499" s="10"/>
    </row>
    <row r="8500" spans="14:14">
      <c r="N8500" s="10"/>
    </row>
    <row r="8501" spans="14:14">
      <c r="N8501" s="10"/>
    </row>
    <row r="8502" spans="14:14">
      <c r="N8502" s="10"/>
    </row>
    <row r="8503" spans="14:14">
      <c r="N8503" s="10"/>
    </row>
    <row r="8504" spans="14:14">
      <c r="N8504" s="10"/>
    </row>
    <row r="8505" spans="14:14">
      <c r="N8505" s="10"/>
    </row>
    <row r="8506" spans="14:14">
      <c r="N8506" s="10"/>
    </row>
    <row r="8507" spans="14:14">
      <c r="N8507" s="10"/>
    </row>
    <row r="8508" spans="14:14">
      <c r="N8508" s="10"/>
    </row>
    <row r="8509" spans="14:14">
      <c r="N8509" s="10"/>
    </row>
    <row r="8510" spans="14:14">
      <c r="N8510" s="10"/>
    </row>
    <row r="8511" spans="14:14">
      <c r="N8511" s="10"/>
    </row>
    <row r="8512" spans="14:14">
      <c r="N8512" s="10"/>
    </row>
    <row r="8513" spans="14:14">
      <c r="N8513" s="10"/>
    </row>
    <row r="8514" spans="14:14">
      <c r="N8514" s="10"/>
    </row>
    <row r="8515" spans="14:14">
      <c r="N8515" s="10"/>
    </row>
    <row r="8516" spans="14:14">
      <c r="N8516" s="10"/>
    </row>
    <row r="8517" spans="14:14">
      <c r="N8517" s="10"/>
    </row>
    <row r="8518" spans="14:14">
      <c r="N8518" s="10"/>
    </row>
    <row r="8519" spans="14:14">
      <c r="N8519" s="10"/>
    </row>
    <row r="8520" spans="14:14">
      <c r="N8520" s="10"/>
    </row>
    <row r="8521" spans="14:14">
      <c r="N8521" s="10"/>
    </row>
    <row r="8522" spans="14:14">
      <c r="N8522" s="10"/>
    </row>
    <row r="8523" spans="14:14">
      <c r="N8523" s="10"/>
    </row>
    <row r="8524" spans="14:14">
      <c r="N8524" s="10"/>
    </row>
    <row r="8525" spans="14:14">
      <c r="N8525" s="10"/>
    </row>
    <row r="8526" spans="14:14">
      <c r="N8526" s="10"/>
    </row>
    <row r="8527" spans="14:14">
      <c r="N8527" s="10"/>
    </row>
    <row r="8528" spans="14:14">
      <c r="N8528" s="10"/>
    </row>
    <row r="8529" spans="14:14">
      <c r="N8529" s="10"/>
    </row>
    <row r="8530" spans="14:14">
      <c r="N8530" s="10"/>
    </row>
    <row r="8531" spans="14:14">
      <c r="N8531" s="10"/>
    </row>
    <row r="8532" spans="14:14">
      <c r="N8532" s="10"/>
    </row>
    <row r="8533" spans="14:14">
      <c r="N8533" s="10"/>
    </row>
    <row r="8534" spans="14:14">
      <c r="N8534" s="10"/>
    </row>
    <row r="8535" spans="14:14">
      <c r="N8535" s="10"/>
    </row>
    <row r="8536" spans="14:14">
      <c r="N8536" s="10"/>
    </row>
    <row r="8537" spans="14:14">
      <c r="N8537" s="10"/>
    </row>
    <row r="8538" spans="14:14">
      <c r="N8538" s="10"/>
    </row>
    <row r="8539" spans="14:14">
      <c r="N8539" s="10"/>
    </row>
    <row r="8540" spans="14:14">
      <c r="N8540" s="10"/>
    </row>
    <row r="8541" spans="14:14">
      <c r="N8541" s="10"/>
    </row>
    <row r="8542" spans="14:14">
      <c r="N8542" s="10"/>
    </row>
    <row r="8543" spans="14:14">
      <c r="N8543" s="10"/>
    </row>
    <row r="8544" spans="14:14">
      <c r="N8544" s="10"/>
    </row>
    <row r="8545" spans="14:14">
      <c r="N8545" s="10"/>
    </row>
    <row r="8546" spans="14:14">
      <c r="N8546" s="10"/>
    </row>
    <row r="8547" spans="14:14">
      <c r="N8547" s="10"/>
    </row>
    <row r="8548" spans="14:14">
      <c r="N8548" s="10"/>
    </row>
    <row r="8549" spans="14:14">
      <c r="N8549" s="10"/>
    </row>
    <row r="8550" spans="14:14">
      <c r="N8550" s="10"/>
    </row>
    <row r="8551" spans="14:14">
      <c r="N8551" s="10"/>
    </row>
    <row r="8552" spans="14:14">
      <c r="N8552" s="10"/>
    </row>
    <row r="8553" spans="14:14">
      <c r="N8553" s="10"/>
    </row>
    <row r="8554" spans="14:14">
      <c r="N8554" s="10"/>
    </row>
    <row r="8555" spans="14:14">
      <c r="N8555" s="10"/>
    </row>
    <row r="8556" spans="14:14">
      <c r="N8556" s="10"/>
    </row>
    <row r="8557" spans="14:14">
      <c r="N8557" s="10"/>
    </row>
    <row r="8558" spans="14:14">
      <c r="N8558" s="10"/>
    </row>
    <row r="8559" spans="14:14">
      <c r="N8559" s="10"/>
    </row>
    <row r="8560" spans="14:14">
      <c r="N8560" s="10"/>
    </row>
    <row r="8561" spans="14:14">
      <c r="N8561" s="10"/>
    </row>
    <row r="8562" spans="14:14">
      <c r="N8562" s="10"/>
    </row>
    <row r="8563" spans="14:14">
      <c r="N8563" s="10"/>
    </row>
    <row r="8564" spans="14:14">
      <c r="N8564" s="10"/>
    </row>
    <row r="8565" spans="14:14">
      <c r="N8565" s="10"/>
    </row>
    <row r="8566" spans="14:14">
      <c r="N8566" s="10"/>
    </row>
    <row r="8567" spans="14:14">
      <c r="N8567" s="10"/>
    </row>
    <row r="8568" spans="14:14">
      <c r="N8568" s="10"/>
    </row>
    <row r="8569" spans="14:14">
      <c r="N8569" s="10"/>
    </row>
    <row r="8570" spans="14:14">
      <c r="N8570" s="10"/>
    </row>
    <row r="8571" spans="14:14">
      <c r="N8571" s="10"/>
    </row>
    <row r="8572" spans="14:14">
      <c r="N8572" s="10"/>
    </row>
    <row r="8573" spans="14:14">
      <c r="N8573" s="10"/>
    </row>
    <row r="8574" spans="14:14">
      <c r="N8574" s="10"/>
    </row>
    <row r="8575" spans="14:14">
      <c r="N8575" s="10"/>
    </row>
    <row r="8576" spans="14:14">
      <c r="N8576" s="10"/>
    </row>
    <row r="8577" spans="14:14">
      <c r="N8577" s="10"/>
    </row>
    <row r="8578" spans="14:14">
      <c r="N8578" s="10"/>
    </row>
    <row r="8579" spans="14:14">
      <c r="N8579" s="10"/>
    </row>
    <row r="8580" spans="14:14">
      <c r="N8580" s="10"/>
    </row>
    <row r="8581" spans="14:14">
      <c r="N8581" s="10"/>
    </row>
    <row r="8582" spans="14:14">
      <c r="N8582" s="10"/>
    </row>
    <row r="8583" spans="14:14">
      <c r="N8583" s="10"/>
    </row>
    <row r="8584" spans="14:14">
      <c r="N8584" s="10"/>
    </row>
    <row r="8585" spans="14:14">
      <c r="N8585" s="10"/>
    </row>
    <row r="8586" spans="14:14">
      <c r="N8586" s="10"/>
    </row>
    <row r="8587" spans="14:14">
      <c r="N8587" s="10"/>
    </row>
    <row r="8588" spans="14:14">
      <c r="N8588" s="10"/>
    </row>
    <row r="8589" spans="14:14">
      <c r="N8589" s="10"/>
    </row>
    <row r="8590" spans="14:14">
      <c r="N8590" s="10"/>
    </row>
    <row r="8591" spans="14:14">
      <c r="N8591" s="10"/>
    </row>
    <row r="8592" spans="14:14">
      <c r="N8592" s="10"/>
    </row>
    <row r="8593" spans="14:14">
      <c r="N8593" s="10"/>
    </row>
    <row r="8594" spans="14:14">
      <c r="N8594" s="10"/>
    </row>
    <row r="8595" spans="14:14">
      <c r="N8595" s="10"/>
    </row>
    <row r="8596" spans="14:14">
      <c r="N8596" s="10"/>
    </row>
    <row r="8597" spans="14:14">
      <c r="N8597" s="10"/>
    </row>
    <row r="8598" spans="14:14">
      <c r="N8598" s="10"/>
    </row>
    <row r="8599" spans="14:14">
      <c r="N8599" s="10"/>
    </row>
    <row r="8600" spans="14:14">
      <c r="N8600" s="10"/>
    </row>
    <row r="8601" spans="14:14">
      <c r="N8601" s="10"/>
    </row>
    <row r="8602" spans="14:14">
      <c r="N8602" s="10"/>
    </row>
    <row r="8603" spans="14:14">
      <c r="N8603" s="10"/>
    </row>
    <row r="8604" spans="14:14">
      <c r="N8604" s="10"/>
    </row>
    <row r="8605" spans="14:14">
      <c r="N8605" s="10"/>
    </row>
    <row r="8606" spans="14:14">
      <c r="N8606" s="10"/>
    </row>
    <row r="8607" spans="14:14">
      <c r="N8607" s="10"/>
    </row>
    <row r="8608" spans="14:14">
      <c r="N8608" s="10"/>
    </row>
    <row r="8609" spans="14:14">
      <c r="N8609" s="10"/>
    </row>
    <row r="8610" spans="14:14">
      <c r="N8610" s="10"/>
    </row>
    <row r="8611" spans="14:14">
      <c r="N8611" s="10"/>
    </row>
    <row r="8612" spans="14:14">
      <c r="N8612" s="10"/>
    </row>
    <row r="8613" spans="14:14">
      <c r="N8613" s="10"/>
    </row>
    <row r="8614" spans="14:14">
      <c r="N8614" s="10"/>
    </row>
    <row r="8615" spans="14:14">
      <c r="N8615" s="10"/>
    </row>
    <row r="8616" spans="14:14">
      <c r="N8616" s="10"/>
    </row>
    <row r="8617" spans="14:14">
      <c r="N8617" s="10"/>
    </row>
    <row r="8618" spans="14:14">
      <c r="N8618" s="10"/>
    </row>
    <row r="8619" spans="14:14">
      <c r="N8619" s="10"/>
    </row>
    <row r="8620" spans="14:14">
      <c r="N8620" s="10"/>
    </row>
    <row r="8621" spans="14:14">
      <c r="N8621" s="10"/>
    </row>
    <row r="8622" spans="14:14">
      <c r="N8622" s="10"/>
    </row>
    <row r="8623" spans="14:14">
      <c r="N8623" s="10"/>
    </row>
    <row r="8624" spans="14:14">
      <c r="N8624" s="10"/>
    </row>
    <row r="8625" spans="14:14">
      <c r="N8625" s="10"/>
    </row>
    <row r="8626" spans="14:14">
      <c r="N8626" s="10"/>
    </row>
    <row r="8627" spans="14:14">
      <c r="N8627" s="10"/>
    </row>
    <row r="8628" spans="14:14">
      <c r="N8628" s="10"/>
    </row>
    <row r="8629" spans="14:14">
      <c r="N8629" s="10"/>
    </row>
    <row r="8630" spans="14:14">
      <c r="N8630" s="10"/>
    </row>
    <row r="8631" spans="14:14">
      <c r="N8631" s="10"/>
    </row>
    <row r="8632" spans="14:14">
      <c r="N8632" s="10"/>
    </row>
    <row r="8633" spans="14:14">
      <c r="N8633" s="10"/>
    </row>
    <row r="8634" spans="14:14">
      <c r="N8634" s="10"/>
    </row>
    <row r="8635" spans="14:14">
      <c r="N8635" s="10"/>
    </row>
    <row r="8636" spans="14:14">
      <c r="N8636" s="10"/>
    </row>
    <row r="8637" spans="14:14">
      <c r="N8637" s="10"/>
    </row>
    <row r="8638" spans="14:14">
      <c r="N8638" s="10"/>
    </row>
    <row r="8639" spans="14:14">
      <c r="N8639" s="10"/>
    </row>
    <row r="8640" spans="14:14">
      <c r="N8640" s="10"/>
    </row>
    <row r="8641" spans="14:14">
      <c r="N8641" s="10"/>
    </row>
    <row r="8642" spans="14:14">
      <c r="N8642" s="10"/>
    </row>
    <row r="8643" spans="14:14">
      <c r="N8643" s="10"/>
    </row>
    <row r="8644" spans="14:14">
      <c r="N8644" s="10"/>
    </row>
    <row r="8645" spans="14:14">
      <c r="N8645" s="10"/>
    </row>
    <row r="8646" spans="14:14">
      <c r="N8646" s="10"/>
    </row>
    <row r="8647" spans="14:14">
      <c r="N8647" s="10"/>
    </row>
    <row r="8648" spans="14:14">
      <c r="N8648" s="10"/>
    </row>
    <row r="8649" spans="14:14">
      <c r="N8649" s="10"/>
    </row>
    <row r="8650" spans="14:14">
      <c r="N8650" s="10"/>
    </row>
    <row r="8651" spans="14:14">
      <c r="N8651" s="10"/>
    </row>
    <row r="8652" spans="14:14">
      <c r="N8652" s="10"/>
    </row>
    <row r="8653" spans="14:14">
      <c r="N8653" s="10"/>
    </row>
    <row r="8654" spans="14:14">
      <c r="N8654" s="10"/>
    </row>
    <row r="8655" spans="14:14">
      <c r="N8655" s="10"/>
    </row>
    <row r="8656" spans="14:14">
      <c r="N8656" s="10"/>
    </row>
    <row r="8657" spans="14:14">
      <c r="N8657" s="10"/>
    </row>
    <row r="8658" spans="14:14">
      <c r="N8658" s="10"/>
    </row>
    <row r="8659" spans="14:14">
      <c r="N8659" s="10"/>
    </row>
    <row r="8660" spans="14:14">
      <c r="N8660" s="10"/>
    </row>
    <row r="8661" spans="14:14">
      <c r="N8661" s="10"/>
    </row>
    <row r="8662" spans="14:14">
      <c r="N8662" s="10"/>
    </row>
    <row r="8663" spans="14:14">
      <c r="N8663" s="10"/>
    </row>
    <row r="8664" spans="14:14">
      <c r="N8664" s="10"/>
    </row>
    <row r="8665" spans="14:14">
      <c r="N8665" s="10"/>
    </row>
    <row r="8666" spans="14:14">
      <c r="N8666" s="10"/>
    </row>
    <row r="8667" spans="14:14">
      <c r="N8667" s="10"/>
    </row>
    <row r="8668" spans="14:14">
      <c r="N8668" s="10"/>
    </row>
    <row r="8669" spans="14:14">
      <c r="N8669" s="10"/>
    </row>
    <row r="8670" spans="14:14">
      <c r="N8670" s="10"/>
    </row>
    <row r="8671" spans="14:14">
      <c r="N8671" s="10"/>
    </row>
    <row r="8672" spans="14:14">
      <c r="N8672" s="10"/>
    </row>
    <row r="8673" spans="14:14">
      <c r="N8673" s="10"/>
    </row>
    <row r="8674" spans="14:14">
      <c r="N8674" s="10"/>
    </row>
    <row r="8675" spans="14:14">
      <c r="N8675" s="10"/>
    </row>
    <row r="8676" spans="14:14">
      <c r="N8676" s="10"/>
    </row>
    <row r="8677" spans="14:14">
      <c r="N8677" s="10"/>
    </row>
    <row r="8678" spans="14:14">
      <c r="N8678" s="10"/>
    </row>
    <row r="8679" spans="14:14">
      <c r="N8679" s="10"/>
    </row>
    <row r="8680" spans="14:14">
      <c r="N8680" s="10"/>
    </row>
    <row r="8681" spans="14:14">
      <c r="N8681" s="10"/>
    </row>
    <row r="8682" spans="14:14">
      <c r="N8682" s="10"/>
    </row>
    <row r="8683" spans="14:14">
      <c r="N8683" s="10"/>
    </row>
    <row r="8684" spans="14:14">
      <c r="N8684" s="10"/>
    </row>
    <row r="8685" spans="14:14">
      <c r="N8685" s="10"/>
    </row>
    <row r="8686" spans="14:14">
      <c r="N8686" s="10"/>
    </row>
    <row r="8687" spans="14:14">
      <c r="N8687" s="10"/>
    </row>
    <row r="8688" spans="14:14">
      <c r="N8688" s="10"/>
    </row>
    <row r="8689" spans="14:14">
      <c r="N8689" s="10"/>
    </row>
    <row r="8690" spans="14:14">
      <c r="N8690" s="10"/>
    </row>
    <row r="8691" spans="14:14">
      <c r="N8691" s="10"/>
    </row>
    <row r="8692" spans="14:14">
      <c r="N8692" s="10"/>
    </row>
    <row r="8693" spans="14:14">
      <c r="N8693" s="10"/>
    </row>
    <row r="8694" spans="14:14">
      <c r="N8694" s="10"/>
    </row>
    <row r="8695" spans="14:14">
      <c r="N8695" s="10"/>
    </row>
    <row r="8696" spans="14:14">
      <c r="N8696" s="10"/>
    </row>
    <row r="8697" spans="14:14">
      <c r="N8697" s="10"/>
    </row>
    <row r="8698" spans="14:14">
      <c r="N8698" s="10"/>
    </row>
    <row r="8699" spans="14:14">
      <c r="N8699" s="10"/>
    </row>
    <row r="8700" spans="14:14">
      <c r="N8700" s="10"/>
    </row>
    <row r="8701" spans="14:14">
      <c r="N8701" s="10"/>
    </row>
    <row r="8702" spans="14:14">
      <c r="N8702" s="10"/>
    </row>
    <row r="8703" spans="14:14">
      <c r="N8703" s="10"/>
    </row>
    <row r="8704" spans="14:14">
      <c r="N8704" s="10"/>
    </row>
    <row r="8705" spans="14:14">
      <c r="N8705" s="10"/>
    </row>
    <row r="8706" spans="14:14">
      <c r="N8706" s="10"/>
    </row>
    <row r="8707" spans="14:14">
      <c r="N8707" s="10"/>
    </row>
    <row r="8708" spans="14:14">
      <c r="N8708" s="10"/>
    </row>
    <row r="8709" spans="14:14">
      <c r="N8709" s="10"/>
    </row>
    <row r="8710" spans="14:14">
      <c r="N8710" s="10"/>
    </row>
    <row r="8711" spans="14:14">
      <c r="N8711" s="10"/>
    </row>
    <row r="8712" spans="14:14">
      <c r="N8712" s="10"/>
    </row>
    <row r="8713" spans="14:14">
      <c r="N8713" s="10"/>
    </row>
    <row r="8714" spans="14:14">
      <c r="N8714" s="10"/>
    </row>
    <row r="8715" spans="14:14">
      <c r="N8715" s="10"/>
    </row>
    <row r="8716" spans="14:14">
      <c r="N8716" s="10"/>
    </row>
    <row r="8717" spans="14:14">
      <c r="N8717" s="10"/>
    </row>
    <row r="8718" spans="14:14">
      <c r="N8718" s="10"/>
    </row>
    <row r="8719" spans="14:14">
      <c r="N8719" s="10"/>
    </row>
    <row r="8720" spans="14:14">
      <c r="N8720" s="10"/>
    </row>
    <row r="8721" spans="14:14">
      <c r="N8721" s="10"/>
    </row>
    <row r="8722" spans="14:14">
      <c r="N8722" s="10"/>
    </row>
    <row r="8723" spans="14:14">
      <c r="N8723" s="10"/>
    </row>
    <row r="8724" spans="14:14">
      <c r="N8724" s="10"/>
    </row>
    <row r="8725" spans="14:14">
      <c r="N8725" s="10"/>
    </row>
    <row r="8726" spans="14:14">
      <c r="N8726" s="10"/>
    </row>
    <row r="8727" spans="14:14">
      <c r="N8727" s="10"/>
    </row>
    <row r="8728" spans="14:14">
      <c r="N8728" s="10"/>
    </row>
    <row r="8729" spans="14:14">
      <c r="N8729" s="10"/>
    </row>
    <row r="8730" spans="14:14">
      <c r="N8730" s="10"/>
    </row>
    <row r="8731" spans="14:14">
      <c r="N8731" s="10"/>
    </row>
    <row r="8732" spans="14:14">
      <c r="N8732" s="10"/>
    </row>
    <row r="8733" spans="14:14">
      <c r="N8733" s="10"/>
    </row>
    <row r="8734" spans="14:14">
      <c r="N8734" s="10"/>
    </row>
    <row r="8735" spans="14:14">
      <c r="N8735" s="10"/>
    </row>
    <row r="8736" spans="14:14">
      <c r="N8736" s="10"/>
    </row>
    <row r="8737" spans="14:14">
      <c r="N8737" s="10"/>
    </row>
    <row r="8738" spans="14:14">
      <c r="N8738" s="10"/>
    </row>
    <row r="8739" spans="14:14">
      <c r="N8739" s="10"/>
    </row>
    <row r="8740" spans="14:14">
      <c r="N8740" s="10"/>
    </row>
    <row r="8741" spans="14:14">
      <c r="N8741" s="10"/>
    </row>
    <row r="8742" spans="14:14">
      <c r="N8742" s="10"/>
    </row>
    <row r="8743" spans="14:14">
      <c r="N8743" s="10"/>
    </row>
    <row r="8744" spans="14:14">
      <c r="N8744" s="10"/>
    </row>
    <row r="8745" spans="14:14">
      <c r="N8745" s="10"/>
    </row>
    <row r="8746" spans="14:14">
      <c r="N8746" s="10"/>
    </row>
    <row r="8747" spans="14:14">
      <c r="N8747" s="10"/>
    </row>
    <row r="8748" spans="14:14">
      <c r="N8748" s="10"/>
    </row>
    <row r="8749" spans="14:14">
      <c r="N8749" s="10"/>
    </row>
    <row r="8750" spans="14:14">
      <c r="N8750" s="10"/>
    </row>
    <row r="8751" spans="14:14">
      <c r="N8751" s="10"/>
    </row>
    <row r="8752" spans="14:14">
      <c r="N8752" s="10"/>
    </row>
    <row r="8753" spans="14:14">
      <c r="N8753" s="10"/>
    </row>
    <row r="8754" spans="14:14">
      <c r="N8754" s="10"/>
    </row>
    <row r="8755" spans="14:14">
      <c r="N8755" s="10"/>
    </row>
    <row r="8756" spans="14:14">
      <c r="N8756" s="10"/>
    </row>
    <row r="8757" spans="14:14">
      <c r="N8757" s="10"/>
    </row>
    <row r="8758" spans="14:14">
      <c r="N8758" s="10"/>
    </row>
    <row r="8759" spans="14:14">
      <c r="N8759" s="10"/>
    </row>
    <row r="8760" spans="14:14">
      <c r="N8760" s="10"/>
    </row>
    <row r="8761" spans="14:14">
      <c r="N8761" s="10"/>
    </row>
    <row r="8762" spans="14:14">
      <c r="N8762" s="10"/>
    </row>
    <row r="8763" spans="14:14">
      <c r="N8763" s="10"/>
    </row>
    <row r="8764" spans="14:14">
      <c r="N8764" s="10"/>
    </row>
    <row r="8765" spans="14:14">
      <c r="N8765" s="10"/>
    </row>
    <row r="8766" spans="14:14">
      <c r="N8766" s="10"/>
    </row>
    <row r="8767" spans="14:14">
      <c r="N8767" s="10"/>
    </row>
    <row r="8768" spans="14:14">
      <c r="N8768" s="10"/>
    </row>
    <row r="8769" spans="14:14">
      <c r="N8769" s="10"/>
    </row>
    <row r="8770" spans="14:14">
      <c r="N8770" s="10"/>
    </row>
    <row r="8771" spans="14:14">
      <c r="N8771" s="10"/>
    </row>
    <row r="8772" spans="14:14">
      <c r="N8772" s="10"/>
    </row>
    <row r="8773" spans="14:14">
      <c r="N8773" s="10"/>
    </row>
    <row r="8774" spans="14:14">
      <c r="N8774" s="10"/>
    </row>
    <row r="8775" spans="14:14">
      <c r="N8775" s="10"/>
    </row>
    <row r="8776" spans="14:14">
      <c r="N8776" s="10"/>
    </row>
    <row r="8777" spans="14:14">
      <c r="N8777" s="10"/>
    </row>
    <row r="8778" spans="14:14">
      <c r="N8778" s="10"/>
    </row>
    <row r="8779" spans="14:14">
      <c r="N8779" s="10"/>
    </row>
    <row r="8780" spans="14:14">
      <c r="N8780" s="10"/>
    </row>
    <row r="8781" spans="14:14">
      <c r="N8781" s="10"/>
    </row>
    <row r="8782" spans="14:14">
      <c r="N8782" s="10"/>
    </row>
    <row r="8783" spans="14:14">
      <c r="N8783" s="10"/>
    </row>
    <row r="8784" spans="14:14">
      <c r="N8784" s="10"/>
    </row>
    <row r="8785" spans="14:14">
      <c r="N8785" s="10"/>
    </row>
    <row r="8786" spans="14:14">
      <c r="N8786" s="10"/>
    </row>
    <row r="8787" spans="14:14">
      <c r="N8787" s="10"/>
    </row>
    <row r="8788" spans="14:14">
      <c r="N8788" s="10"/>
    </row>
    <row r="8789" spans="14:14">
      <c r="N8789" s="10"/>
    </row>
    <row r="8790" spans="14:14">
      <c r="N8790" s="10"/>
    </row>
    <row r="8791" spans="14:14">
      <c r="N8791" s="10"/>
    </row>
    <row r="8792" spans="14:14">
      <c r="N8792" s="10"/>
    </row>
    <row r="8793" spans="14:14">
      <c r="N8793" s="10"/>
    </row>
    <row r="8794" spans="14:14">
      <c r="N8794" s="10"/>
    </row>
    <row r="8795" spans="14:14">
      <c r="N8795" s="10"/>
    </row>
    <row r="8796" spans="14:14">
      <c r="N8796" s="10"/>
    </row>
    <row r="8797" spans="14:14">
      <c r="N8797" s="10"/>
    </row>
    <row r="8798" spans="14:14">
      <c r="N8798" s="10"/>
    </row>
    <row r="8799" spans="14:14">
      <c r="N8799" s="10"/>
    </row>
    <row r="8800" spans="14:14">
      <c r="N8800" s="10"/>
    </row>
    <row r="8801" spans="14:14">
      <c r="N8801" s="10"/>
    </row>
    <row r="8802" spans="14:14">
      <c r="N8802" s="10"/>
    </row>
    <row r="8803" spans="14:14">
      <c r="N8803" s="10"/>
    </row>
    <row r="8804" spans="14:14">
      <c r="N8804" s="10"/>
    </row>
    <row r="8805" spans="14:14">
      <c r="N8805" s="10"/>
    </row>
    <row r="8806" spans="14:14">
      <c r="N8806" s="10"/>
    </row>
    <row r="8807" spans="14:14">
      <c r="N8807" s="10"/>
    </row>
    <row r="8808" spans="14:14">
      <c r="N8808" s="10"/>
    </row>
    <row r="8809" spans="14:14">
      <c r="N8809" s="10"/>
    </row>
    <row r="8810" spans="14:14">
      <c r="N8810" s="10"/>
    </row>
    <row r="8811" spans="14:14">
      <c r="N8811" s="10"/>
    </row>
    <row r="8812" spans="14:14">
      <c r="N8812" s="10"/>
    </row>
    <row r="8813" spans="14:14">
      <c r="N8813" s="10"/>
    </row>
    <row r="8814" spans="14:14">
      <c r="N8814" s="10"/>
    </row>
    <row r="8815" spans="14:14">
      <c r="N8815" s="10"/>
    </row>
    <row r="8816" spans="14:14">
      <c r="N8816" s="10"/>
    </row>
    <row r="8817" spans="14:14">
      <c r="N8817" s="10"/>
    </row>
    <row r="8818" spans="14:14">
      <c r="N8818" s="10"/>
    </row>
    <row r="8819" spans="14:14">
      <c r="N8819" s="10"/>
    </row>
    <row r="8820" spans="14:14">
      <c r="N8820" s="10"/>
    </row>
    <row r="8821" spans="14:14">
      <c r="N8821" s="10"/>
    </row>
    <row r="8822" spans="14:14">
      <c r="N8822" s="10"/>
    </row>
    <row r="8823" spans="14:14">
      <c r="N8823" s="10"/>
    </row>
    <row r="8824" spans="14:14">
      <c r="N8824" s="10"/>
    </row>
    <row r="8825" spans="14:14">
      <c r="N8825" s="10"/>
    </row>
    <row r="8826" spans="14:14">
      <c r="N8826" s="10"/>
    </row>
    <row r="8827" spans="14:14">
      <c r="N8827" s="10"/>
    </row>
    <row r="8828" spans="14:14">
      <c r="N8828" s="10"/>
    </row>
    <row r="8829" spans="14:14">
      <c r="N8829" s="10"/>
    </row>
    <row r="8830" spans="14:14">
      <c r="N8830" s="10"/>
    </row>
    <row r="8831" spans="14:14">
      <c r="N8831" s="10"/>
    </row>
    <row r="8832" spans="14:14">
      <c r="N8832" s="10"/>
    </row>
    <row r="8833" spans="14:14">
      <c r="N8833" s="10"/>
    </row>
    <row r="8834" spans="14:14">
      <c r="N8834" s="10"/>
    </row>
    <row r="8835" spans="14:14">
      <c r="N8835" s="10"/>
    </row>
    <row r="8836" spans="14:14">
      <c r="N8836" s="10"/>
    </row>
    <row r="8837" spans="14:14">
      <c r="N8837" s="10"/>
    </row>
    <row r="8838" spans="14:14">
      <c r="N8838" s="10"/>
    </row>
    <row r="8839" spans="14:14">
      <c r="N8839" s="10"/>
    </row>
    <row r="8840" spans="14:14">
      <c r="N8840" s="10"/>
    </row>
    <row r="8841" spans="14:14">
      <c r="N8841" s="10"/>
    </row>
    <row r="8842" spans="14:14">
      <c r="N8842" s="10"/>
    </row>
    <row r="8843" spans="14:14">
      <c r="N8843" s="10"/>
    </row>
    <row r="8844" spans="14:14">
      <c r="N8844" s="10"/>
    </row>
    <row r="8845" spans="14:14">
      <c r="N8845" s="10"/>
    </row>
    <row r="8846" spans="14:14">
      <c r="N8846" s="10"/>
    </row>
    <row r="8847" spans="14:14">
      <c r="N8847" s="10"/>
    </row>
    <row r="8848" spans="14:14">
      <c r="N8848" s="10"/>
    </row>
    <row r="8849" spans="14:14">
      <c r="N8849" s="10"/>
    </row>
    <row r="8850" spans="14:14">
      <c r="N8850" s="10"/>
    </row>
    <row r="8851" spans="14:14">
      <c r="N8851" s="10"/>
    </row>
    <row r="8852" spans="14:14">
      <c r="N8852" s="10"/>
    </row>
    <row r="8853" spans="14:14">
      <c r="N8853" s="10"/>
    </row>
    <row r="8854" spans="14:14">
      <c r="N8854" s="10"/>
    </row>
    <row r="8855" spans="14:14">
      <c r="N8855" s="10"/>
    </row>
    <row r="8856" spans="14:14">
      <c r="N8856" s="10"/>
    </row>
    <row r="8857" spans="14:14">
      <c r="N8857" s="10"/>
    </row>
    <row r="8858" spans="14:14">
      <c r="N8858" s="10"/>
    </row>
    <row r="8859" spans="14:14">
      <c r="N8859" s="10"/>
    </row>
    <row r="8860" spans="14:14">
      <c r="N8860" s="10"/>
    </row>
    <row r="8861" spans="14:14">
      <c r="N8861" s="10"/>
    </row>
    <row r="8862" spans="14:14">
      <c r="N8862" s="10"/>
    </row>
    <row r="8863" spans="14:14">
      <c r="N8863" s="10"/>
    </row>
    <row r="8864" spans="14:14">
      <c r="N8864" s="10"/>
    </row>
    <row r="8865" spans="14:14">
      <c r="N8865" s="10"/>
    </row>
    <row r="8866" spans="14:14">
      <c r="N8866" s="10"/>
    </row>
    <row r="8867" spans="14:14">
      <c r="N8867" s="10"/>
    </row>
    <row r="8868" spans="14:14">
      <c r="N8868" s="10"/>
    </row>
    <row r="8869" spans="14:14">
      <c r="N8869" s="10"/>
    </row>
    <row r="8870" spans="14:14">
      <c r="N8870" s="10"/>
    </row>
    <row r="8871" spans="14:14">
      <c r="N8871" s="10"/>
    </row>
    <row r="8872" spans="14:14">
      <c r="N8872" s="10"/>
    </row>
    <row r="8873" spans="14:14">
      <c r="N8873" s="10"/>
    </row>
    <row r="8874" spans="14:14">
      <c r="N8874" s="10"/>
    </row>
    <row r="8875" spans="14:14">
      <c r="N8875" s="10"/>
    </row>
    <row r="8876" spans="14:14">
      <c r="N8876" s="10"/>
    </row>
    <row r="8877" spans="14:14">
      <c r="N8877" s="10"/>
    </row>
    <row r="8878" spans="14:14">
      <c r="N8878" s="10"/>
    </row>
    <row r="8879" spans="14:14">
      <c r="N8879" s="10"/>
    </row>
    <row r="8880" spans="14:14">
      <c r="N8880" s="10"/>
    </row>
    <row r="8881" spans="14:14">
      <c r="N8881" s="10"/>
    </row>
    <row r="8882" spans="14:14">
      <c r="N8882" s="10"/>
    </row>
    <row r="8883" spans="14:14">
      <c r="N8883" s="10"/>
    </row>
    <row r="8884" spans="14:14">
      <c r="N8884" s="10"/>
    </row>
    <row r="8885" spans="14:14">
      <c r="N8885" s="10"/>
    </row>
    <row r="8886" spans="14:14">
      <c r="N8886" s="10"/>
    </row>
    <row r="8887" spans="14:14">
      <c r="N8887" s="10"/>
    </row>
    <row r="8888" spans="14:14">
      <c r="N8888" s="10"/>
    </row>
    <row r="8889" spans="14:14">
      <c r="N8889" s="10"/>
    </row>
    <row r="8890" spans="14:14">
      <c r="N8890" s="10"/>
    </row>
    <row r="8891" spans="14:14">
      <c r="N8891" s="10"/>
    </row>
    <row r="8892" spans="14:14">
      <c r="N8892" s="10"/>
    </row>
    <row r="8893" spans="14:14">
      <c r="N8893" s="10"/>
    </row>
    <row r="8894" spans="14:14">
      <c r="N8894" s="10"/>
    </row>
    <row r="8895" spans="14:14">
      <c r="N8895" s="10"/>
    </row>
    <row r="8896" spans="14:14">
      <c r="N8896" s="10"/>
    </row>
    <row r="8897" spans="14:14">
      <c r="N8897" s="10"/>
    </row>
    <row r="8898" spans="14:14">
      <c r="N8898" s="10"/>
    </row>
    <row r="8899" spans="14:14">
      <c r="N8899" s="10"/>
    </row>
    <row r="8900" spans="14:14">
      <c r="N8900" s="10"/>
    </row>
    <row r="8901" spans="14:14">
      <c r="N8901" s="10"/>
    </row>
    <row r="8902" spans="14:14">
      <c r="N8902" s="10"/>
    </row>
    <row r="8903" spans="14:14">
      <c r="N8903" s="10"/>
    </row>
    <row r="8904" spans="14:14">
      <c r="N8904" s="10"/>
    </row>
    <row r="8905" spans="14:14">
      <c r="N8905" s="10"/>
    </row>
    <row r="8906" spans="14:14">
      <c r="N8906" s="10"/>
    </row>
    <row r="8907" spans="14:14">
      <c r="N8907" s="10"/>
    </row>
    <row r="8908" spans="14:14">
      <c r="N8908" s="10"/>
    </row>
    <row r="8909" spans="14:14">
      <c r="N8909" s="10"/>
    </row>
    <row r="8910" spans="14:14">
      <c r="N8910" s="10"/>
    </row>
    <row r="8911" spans="14:14">
      <c r="N8911" s="10"/>
    </row>
    <row r="8912" spans="14:14">
      <c r="N8912" s="10"/>
    </row>
    <row r="8913" spans="14:14">
      <c r="N8913" s="10"/>
    </row>
    <row r="8914" spans="14:14">
      <c r="N8914" s="10"/>
    </row>
    <row r="8915" spans="14:14">
      <c r="N8915" s="10"/>
    </row>
    <row r="8916" spans="14:14">
      <c r="N8916" s="10"/>
    </row>
    <row r="8917" spans="14:14">
      <c r="N8917" s="10"/>
    </row>
    <row r="8918" spans="14:14">
      <c r="N8918" s="10"/>
    </row>
    <row r="8919" spans="14:14">
      <c r="N8919" s="10"/>
    </row>
    <row r="8920" spans="14:14">
      <c r="N8920" s="10"/>
    </row>
    <row r="8921" spans="14:14">
      <c r="N8921" s="10"/>
    </row>
    <row r="8922" spans="14:14">
      <c r="N8922" s="10"/>
    </row>
    <row r="8923" spans="14:14">
      <c r="N8923" s="10"/>
    </row>
    <row r="8924" spans="14:14">
      <c r="N8924" s="10"/>
    </row>
    <row r="8925" spans="14:14">
      <c r="N8925" s="10"/>
    </row>
    <row r="8926" spans="14:14">
      <c r="N8926" s="10"/>
    </row>
    <row r="8927" spans="14:14">
      <c r="N8927" s="10"/>
    </row>
    <row r="8928" spans="14:14">
      <c r="N8928" s="10"/>
    </row>
    <row r="8929" spans="14:14">
      <c r="N8929" s="10"/>
    </row>
    <row r="8930" spans="14:14">
      <c r="N8930" s="10"/>
    </row>
    <row r="8931" spans="14:14">
      <c r="N8931" s="10"/>
    </row>
    <row r="8932" spans="14:14">
      <c r="N8932" s="10"/>
    </row>
    <row r="8933" spans="14:14">
      <c r="N8933" s="10"/>
    </row>
    <row r="8934" spans="14:14">
      <c r="N8934" s="10"/>
    </row>
    <row r="8935" spans="14:14">
      <c r="N8935" s="10"/>
    </row>
    <row r="8936" spans="14:14">
      <c r="N8936" s="10"/>
    </row>
    <row r="8937" spans="14:14">
      <c r="N8937" s="10"/>
    </row>
    <row r="8938" spans="14:14">
      <c r="N8938" s="10"/>
    </row>
    <row r="8939" spans="14:14">
      <c r="N8939" s="10"/>
    </row>
    <row r="8940" spans="14:14">
      <c r="N8940" s="10"/>
    </row>
    <row r="8941" spans="14:14">
      <c r="N8941" s="10"/>
    </row>
    <row r="8942" spans="14:14">
      <c r="N8942" s="10"/>
    </row>
    <row r="8943" spans="14:14">
      <c r="N8943" s="10"/>
    </row>
    <row r="8944" spans="14:14">
      <c r="N8944" s="10"/>
    </row>
    <row r="8945" spans="14:14">
      <c r="N8945" s="10"/>
    </row>
    <row r="8946" spans="14:14">
      <c r="N8946" s="10"/>
    </row>
    <row r="8947" spans="14:14">
      <c r="N8947" s="10"/>
    </row>
    <row r="8948" spans="14:14">
      <c r="N8948" s="10"/>
    </row>
    <row r="8949" spans="14:14">
      <c r="N8949" s="10"/>
    </row>
    <row r="8950" spans="14:14">
      <c r="N8950" s="10"/>
    </row>
    <row r="8951" spans="14:14">
      <c r="N8951" s="10"/>
    </row>
    <row r="8952" spans="14:14">
      <c r="N8952" s="10"/>
    </row>
    <row r="8953" spans="14:14">
      <c r="N8953" s="10"/>
    </row>
    <row r="8954" spans="14:14">
      <c r="N8954" s="10"/>
    </row>
    <row r="8955" spans="14:14">
      <c r="N8955" s="10"/>
    </row>
    <row r="8956" spans="14:14">
      <c r="N8956" s="10"/>
    </row>
    <row r="8957" spans="14:14">
      <c r="N8957" s="10"/>
    </row>
    <row r="8958" spans="14:14">
      <c r="N8958" s="10"/>
    </row>
    <row r="8959" spans="14:14">
      <c r="N8959" s="10"/>
    </row>
    <row r="8960" spans="14:14">
      <c r="N8960" s="10"/>
    </row>
    <row r="8961" spans="14:14">
      <c r="N8961" s="10"/>
    </row>
    <row r="8962" spans="14:14">
      <c r="N8962" s="10"/>
    </row>
    <row r="8963" spans="14:14">
      <c r="N8963" s="10"/>
    </row>
    <row r="8964" spans="14:14">
      <c r="N8964" s="10"/>
    </row>
    <row r="8965" spans="14:14">
      <c r="N8965" s="10"/>
    </row>
    <row r="8966" spans="14:14">
      <c r="N8966" s="10"/>
    </row>
    <row r="8967" spans="14:14">
      <c r="N8967" s="10"/>
    </row>
    <row r="8968" spans="14:14">
      <c r="N8968" s="10"/>
    </row>
    <row r="8969" spans="14:14">
      <c r="N8969" s="10"/>
    </row>
    <row r="8970" spans="14:14">
      <c r="N8970" s="10"/>
    </row>
    <row r="8971" spans="14:14">
      <c r="N8971" s="10"/>
    </row>
    <row r="8972" spans="14:14">
      <c r="N8972" s="10"/>
    </row>
    <row r="8973" spans="14:14">
      <c r="N8973" s="10"/>
    </row>
    <row r="8974" spans="14:14">
      <c r="N8974" s="10"/>
    </row>
    <row r="8975" spans="14:14">
      <c r="N8975" s="10"/>
    </row>
    <row r="8976" spans="14:14">
      <c r="N8976" s="10"/>
    </row>
    <row r="8977" spans="14:14">
      <c r="N8977" s="10"/>
    </row>
    <row r="8978" spans="14:14">
      <c r="N8978" s="10"/>
    </row>
    <row r="8979" spans="14:14">
      <c r="N8979" s="10"/>
    </row>
    <row r="8980" spans="14:14">
      <c r="N8980" s="10"/>
    </row>
    <row r="8981" spans="14:14">
      <c r="N8981" s="10"/>
    </row>
    <row r="8982" spans="14:14">
      <c r="N8982" s="10"/>
    </row>
    <row r="8983" spans="14:14">
      <c r="N8983" s="10"/>
    </row>
    <row r="8984" spans="14:14">
      <c r="N8984" s="10"/>
    </row>
    <row r="8985" spans="14:14">
      <c r="N8985" s="10"/>
    </row>
    <row r="8986" spans="14:14">
      <c r="N8986" s="10"/>
    </row>
    <row r="8987" spans="14:14">
      <c r="N8987" s="10"/>
    </row>
    <row r="8988" spans="14:14">
      <c r="N8988" s="10"/>
    </row>
    <row r="8989" spans="14:14">
      <c r="N8989" s="10"/>
    </row>
    <row r="8990" spans="14:14">
      <c r="N8990" s="10"/>
    </row>
    <row r="8991" spans="14:14">
      <c r="N8991" s="10"/>
    </row>
    <row r="8992" spans="14:14">
      <c r="N8992" s="10"/>
    </row>
    <row r="8993" spans="14:14">
      <c r="N8993" s="10"/>
    </row>
    <row r="8994" spans="14:14">
      <c r="N8994" s="10"/>
    </row>
    <row r="8995" spans="14:14">
      <c r="N8995" s="10"/>
    </row>
    <row r="8996" spans="14:14">
      <c r="N8996" s="10"/>
    </row>
    <row r="8997" spans="14:14">
      <c r="N8997" s="10"/>
    </row>
    <row r="8998" spans="14:14">
      <c r="N8998" s="10"/>
    </row>
    <row r="8999" spans="14:14">
      <c r="N8999" s="10"/>
    </row>
    <row r="9000" spans="14:14">
      <c r="N9000" s="10"/>
    </row>
    <row r="9001" spans="14:14">
      <c r="N9001" s="10"/>
    </row>
    <row r="9002" spans="14:14">
      <c r="N9002" s="10"/>
    </row>
    <row r="9003" spans="14:14">
      <c r="N9003" s="10"/>
    </row>
    <row r="9004" spans="14:14">
      <c r="N9004" s="10"/>
    </row>
    <row r="9005" spans="14:14">
      <c r="N9005" s="10"/>
    </row>
    <row r="9006" spans="14:14">
      <c r="N9006" s="10"/>
    </row>
    <row r="9007" spans="14:14">
      <c r="N9007" s="10"/>
    </row>
    <row r="9008" spans="14:14">
      <c r="N9008" s="10"/>
    </row>
    <row r="9009" spans="14:14">
      <c r="N9009" s="10"/>
    </row>
    <row r="9010" spans="14:14">
      <c r="N9010" s="10"/>
    </row>
    <row r="9011" spans="14:14">
      <c r="N9011" s="10"/>
    </row>
    <row r="9012" spans="14:14">
      <c r="N9012" s="10"/>
    </row>
    <row r="9013" spans="14:14">
      <c r="N9013" s="10"/>
    </row>
    <row r="9014" spans="14:14">
      <c r="N9014" s="10"/>
    </row>
    <row r="9015" spans="14:14">
      <c r="N9015" s="10"/>
    </row>
    <row r="9016" spans="14:14">
      <c r="N9016" s="10"/>
    </row>
    <row r="9017" spans="14:14">
      <c r="N9017" s="10"/>
    </row>
    <row r="9018" spans="14:14">
      <c r="N9018" s="10"/>
    </row>
    <row r="9019" spans="14:14">
      <c r="N9019" s="10"/>
    </row>
    <row r="9020" spans="14:14">
      <c r="N9020" s="10"/>
    </row>
    <row r="9021" spans="14:14">
      <c r="N9021" s="10"/>
    </row>
    <row r="9022" spans="14:14">
      <c r="N9022" s="10"/>
    </row>
    <row r="9023" spans="14:14">
      <c r="N9023" s="10"/>
    </row>
    <row r="9024" spans="14:14">
      <c r="N9024" s="10"/>
    </row>
    <row r="9025" spans="14:14">
      <c r="N9025" s="10"/>
    </row>
    <row r="9026" spans="14:14">
      <c r="N9026" s="10"/>
    </row>
    <row r="9027" spans="14:14">
      <c r="N9027" s="10"/>
    </row>
    <row r="9028" spans="14:14">
      <c r="N9028" s="10"/>
    </row>
    <row r="9029" spans="14:14">
      <c r="N9029" s="10"/>
    </row>
    <row r="9030" spans="14:14">
      <c r="N9030" s="10"/>
    </row>
    <row r="9031" spans="14:14">
      <c r="N9031" s="10"/>
    </row>
    <row r="9032" spans="14:14">
      <c r="N9032" s="10"/>
    </row>
    <row r="9033" spans="14:14">
      <c r="N9033" s="10"/>
    </row>
    <row r="9034" spans="14:14">
      <c r="N9034" s="10"/>
    </row>
    <row r="9035" spans="14:14">
      <c r="N9035" s="10"/>
    </row>
    <row r="9036" spans="14:14">
      <c r="N9036" s="10"/>
    </row>
    <row r="9037" spans="14:14">
      <c r="N9037" s="10"/>
    </row>
    <row r="9038" spans="14:14">
      <c r="N9038" s="10"/>
    </row>
    <row r="9039" spans="14:14">
      <c r="N9039" s="10"/>
    </row>
    <row r="9040" spans="14:14">
      <c r="N9040" s="10"/>
    </row>
    <row r="9041" spans="14:14">
      <c r="N9041" s="10"/>
    </row>
    <row r="9042" spans="14:14">
      <c r="N9042" s="10"/>
    </row>
    <row r="9043" spans="14:14">
      <c r="N9043" s="10"/>
    </row>
    <row r="9044" spans="14:14">
      <c r="N9044" s="10"/>
    </row>
    <row r="9045" spans="14:14">
      <c r="N9045" s="10"/>
    </row>
    <row r="9046" spans="14:14">
      <c r="N9046" s="10"/>
    </row>
    <row r="9047" spans="14:14">
      <c r="N9047" s="10"/>
    </row>
    <row r="9048" spans="14:14">
      <c r="N9048" s="10"/>
    </row>
    <row r="9049" spans="14:14">
      <c r="N9049" s="10"/>
    </row>
    <row r="9050" spans="14:14">
      <c r="N9050" s="10"/>
    </row>
    <row r="9051" spans="14:14">
      <c r="N9051" s="10"/>
    </row>
    <row r="9052" spans="14:14">
      <c r="N9052" s="10"/>
    </row>
    <row r="9053" spans="14:14">
      <c r="N9053" s="10"/>
    </row>
    <row r="9054" spans="14:14">
      <c r="N9054" s="10"/>
    </row>
    <row r="9055" spans="14:14">
      <c r="N9055" s="10"/>
    </row>
    <row r="9056" spans="14:14">
      <c r="N9056" s="10"/>
    </row>
    <row r="9057" spans="14:14">
      <c r="N9057" s="10"/>
    </row>
    <row r="9058" spans="14:14">
      <c r="N9058" s="10"/>
    </row>
    <row r="9059" spans="14:14">
      <c r="N9059" s="10"/>
    </row>
    <row r="9060" spans="14:14">
      <c r="N9060" s="10"/>
    </row>
    <row r="9061" spans="14:14">
      <c r="N9061" s="10"/>
    </row>
    <row r="9062" spans="14:14">
      <c r="N9062" s="10"/>
    </row>
    <row r="9063" spans="14:14">
      <c r="N9063" s="10"/>
    </row>
    <row r="9064" spans="14:14">
      <c r="N9064" s="10"/>
    </row>
    <row r="9065" spans="14:14">
      <c r="N9065" s="10"/>
    </row>
    <row r="9066" spans="14:14">
      <c r="N9066" s="10"/>
    </row>
    <row r="9067" spans="14:14">
      <c r="N9067" s="10"/>
    </row>
    <row r="9068" spans="14:14">
      <c r="N9068" s="10"/>
    </row>
    <row r="9069" spans="14:14">
      <c r="N9069" s="10"/>
    </row>
    <row r="9070" spans="14:14">
      <c r="N9070" s="10"/>
    </row>
    <row r="9071" spans="14:14">
      <c r="N9071" s="10"/>
    </row>
    <row r="9072" spans="14:14">
      <c r="N9072" s="10"/>
    </row>
    <row r="9073" spans="14:14">
      <c r="N9073" s="10"/>
    </row>
    <row r="9074" spans="14:14">
      <c r="N9074" s="10"/>
    </row>
    <row r="9075" spans="14:14">
      <c r="N9075" s="10"/>
    </row>
    <row r="9076" spans="14:14">
      <c r="N9076" s="10"/>
    </row>
    <row r="9077" spans="14:14">
      <c r="N9077" s="10"/>
    </row>
    <row r="9078" spans="14:14">
      <c r="N9078" s="10"/>
    </row>
    <row r="9079" spans="14:14">
      <c r="N9079" s="10"/>
    </row>
    <row r="9080" spans="14:14">
      <c r="N9080" s="10"/>
    </row>
    <row r="9081" spans="14:14">
      <c r="N9081" s="10"/>
    </row>
    <row r="9082" spans="14:14">
      <c r="N9082" s="10"/>
    </row>
    <row r="9083" spans="14:14">
      <c r="N9083" s="10"/>
    </row>
    <row r="9084" spans="14:14">
      <c r="N9084" s="10"/>
    </row>
    <row r="9085" spans="14:14">
      <c r="N9085" s="10"/>
    </row>
    <row r="9086" spans="14:14">
      <c r="N9086" s="10"/>
    </row>
    <row r="9087" spans="14:14">
      <c r="N9087" s="10"/>
    </row>
    <row r="9088" spans="14:14">
      <c r="N9088" s="10"/>
    </row>
    <row r="9089" spans="14:14">
      <c r="N9089" s="10"/>
    </row>
    <row r="9090" spans="14:14">
      <c r="N9090" s="10"/>
    </row>
    <row r="9091" spans="14:14">
      <c r="N9091" s="10"/>
    </row>
    <row r="9092" spans="14:14">
      <c r="N9092" s="10"/>
    </row>
    <row r="9093" spans="14:14">
      <c r="N9093" s="10"/>
    </row>
    <row r="9094" spans="14:14">
      <c r="N9094" s="10"/>
    </row>
    <row r="9095" spans="14:14">
      <c r="N9095" s="10"/>
    </row>
    <row r="9096" spans="14:14">
      <c r="N9096" s="10"/>
    </row>
    <row r="9097" spans="14:14">
      <c r="N9097" s="10"/>
    </row>
    <row r="9098" spans="14:14">
      <c r="N9098" s="10"/>
    </row>
    <row r="9099" spans="14:14">
      <c r="N9099" s="10"/>
    </row>
    <row r="9100" spans="14:14">
      <c r="N9100" s="10"/>
    </row>
    <row r="9101" spans="14:14">
      <c r="N9101" s="10"/>
    </row>
    <row r="9102" spans="14:14">
      <c r="N9102" s="10"/>
    </row>
    <row r="9103" spans="14:14">
      <c r="N9103" s="10"/>
    </row>
    <row r="9104" spans="14:14">
      <c r="N9104" s="10"/>
    </row>
    <row r="9105" spans="14:14">
      <c r="N9105" s="10"/>
    </row>
    <row r="9106" spans="14:14">
      <c r="N9106" s="10"/>
    </row>
    <row r="9107" spans="14:14">
      <c r="N9107" s="10"/>
    </row>
    <row r="9108" spans="14:14">
      <c r="N9108" s="10"/>
    </row>
    <row r="9109" spans="14:14">
      <c r="N9109" s="10"/>
    </row>
    <row r="9110" spans="14:14">
      <c r="N9110" s="10"/>
    </row>
    <row r="9111" spans="14:14">
      <c r="N9111" s="10"/>
    </row>
    <row r="9112" spans="14:14">
      <c r="N9112" s="10"/>
    </row>
    <row r="9113" spans="14:14">
      <c r="N9113" s="10"/>
    </row>
    <row r="9114" spans="14:14">
      <c r="N9114" s="10"/>
    </row>
    <row r="9115" spans="14:14">
      <c r="N9115" s="10"/>
    </row>
    <row r="9116" spans="14:14">
      <c r="N9116" s="10"/>
    </row>
    <row r="9117" spans="14:14">
      <c r="N9117" s="10"/>
    </row>
    <row r="9118" spans="14:14">
      <c r="N9118" s="10"/>
    </row>
    <row r="9119" spans="14:14">
      <c r="N9119" s="10"/>
    </row>
    <row r="9120" spans="14:14">
      <c r="N9120" s="10"/>
    </row>
    <row r="9121" spans="14:14">
      <c r="N9121" s="10"/>
    </row>
    <row r="9122" spans="14:14">
      <c r="N9122" s="10"/>
    </row>
    <row r="9123" spans="14:14">
      <c r="N9123" s="10"/>
    </row>
    <row r="9124" spans="14:14">
      <c r="N9124" s="10"/>
    </row>
    <row r="9125" spans="14:14">
      <c r="N9125" s="10"/>
    </row>
    <row r="9126" spans="14:14">
      <c r="N9126" s="10"/>
    </row>
    <row r="9127" spans="14:14">
      <c r="N9127" s="10"/>
    </row>
    <row r="9128" spans="14:14">
      <c r="N9128" s="10"/>
    </row>
    <row r="9129" spans="14:14">
      <c r="N9129" s="10"/>
    </row>
    <row r="9130" spans="14:14">
      <c r="N9130" s="10"/>
    </row>
    <row r="9131" spans="14:14">
      <c r="N9131" s="10"/>
    </row>
    <row r="9132" spans="14:14">
      <c r="N9132" s="10"/>
    </row>
    <row r="9133" spans="14:14">
      <c r="N9133" s="10"/>
    </row>
    <row r="9134" spans="14:14">
      <c r="N9134" s="10"/>
    </row>
    <row r="9135" spans="14:14">
      <c r="N9135" s="10"/>
    </row>
    <row r="9136" spans="14:14">
      <c r="N9136" s="10"/>
    </row>
    <row r="9137" spans="14:14">
      <c r="N9137" s="10"/>
    </row>
    <row r="9138" spans="14:14">
      <c r="N9138" s="10"/>
    </row>
    <row r="9139" spans="14:14">
      <c r="N9139" s="10"/>
    </row>
    <row r="9140" spans="14:14">
      <c r="N9140" s="10"/>
    </row>
    <row r="9141" spans="14:14">
      <c r="N9141" s="10"/>
    </row>
    <row r="9142" spans="14:14">
      <c r="N9142" s="10"/>
    </row>
    <row r="9143" spans="14:14">
      <c r="N9143" s="10"/>
    </row>
    <row r="9144" spans="14:14">
      <c r="N9144" s="10"/>
    </row>
    <row r="9145" spans="14:14">
      <c r="N9145" s="10"/>
    </row>
    <row r="9146" spans="14:14">
      <c r="N9146" s="10"/>
    </row>
    <row r="9147" spans="14:14">
      <c r="N9147" s="10"/>
    </row>
    <row r="9148" spans="14:14">
      <c r="N9148" s="10"/>
    </row>
    <row r="9149" spans="14:14">
      <c r="N9149" s="10"/>
    </row>
    <row r="9150" spans="14:14">
      <c r="N9150" s="10"/>
    </row>
    <row r="9151" spans="14:14">
      <c r="N9151" s="10"/>
    </row>
    <row r="9152" spans="14:14">
      <c r="N9152" s="10"/>
    </row>
    <row r="9153" spans="14:14">
      <c r="N9153" s="10"/>
    </row>
    <row r="9154" spans="14:14">
      <c r="N9154" s="10"/>
    </row>
    <row r="9155" spans="14:14">
      <c r="N9155" s="10"/>
    </row>
    <row r="9156" spans="14:14">
      <c r="N9156" s="10"/>
    </row>
    <row r="9157" spans="14:14">
      <c r="N9157" s="10"/>
    </row>
    <row r="9158" spans="14:14">
      <c r="N9158" s="10"/>
    </row>
    <row r="9159" spans="14:14">
      <c r="N9159" s="10"/>
    </row>
    <row r="9160" spans="14:14">
      <c r="N9160" s="10"/>
    </row>
    <row r="9161" spans="14:14">
      <c r="N9161" s="10"/>
    </row>
    <row r="9162" spans="14:14">
      <c r="N9162" s="10"/>
    </row>
    <row r="9163" spans="14:14">
      <c r="N9163" s="10"/>
    </row>
    <row r="9164" spans="14:14">
      <c r="N9164" s="10"/>
    </row>
    <row r="9165" spans="14:14">
      <c r="N9165" s="10"/>
    </row>
    <row r="9166" spans="14:14">
      <c r="N9166" s="10"/>
    </row>
    <row r="9167" spans="14:14">
      <c r="N9167" s="10"/>
    </row>
    <row r="9168" spans="14:14">
      <c r="N9168" s="10"/>
    </row>
    <row r="9169" spans="14:14">
      <c r="N9169" s="10"/>
    </row>
    <row r="9170" spans="14:14">
      <c r="N9170" s="10"/>
    </row>
    <row r="9171" spans="14:14">
      <c r="N9171" s="10"/>
    </row>
    <row r="9172" spans="14:14">
      <c r="N9172" s="10"/>
    </row>
    <row r="9173" spans="14:14">
      <c r="N9173" s="10"/>
    </row>
    <row r="9174" spans="14:14">
      <c r="N9174" s="10"/>
    </row>
    <row r="9175" spans="14:14">
      <c r="N9175" s="10"/>
    </row>
    <row r="9176" spans="14:14">
      <c r="N9176" s="10"/>
    </row>
    <row r="9177" spans="14:14">
      <c r="N9177" s="10"/>
    </row>
    <row r="9178" spans="14:14">
      <c r="N9178" s="10"/>
    </row>
    <row r="9179" spans="14:14">
      <c r="N9179" s="10"/>
    </row>
    <row r="9180" spans="14:14">
      <c r="N9180" s="10"/>
    </row>
    <row r="9181" spans="14:14">
      <c r="N9181" s="10"/>
    </row>
    <row r="9182" spans="14:14">
      <c r="N9182" s="10"/>
    </row>
    <row r="9183" spans="14:14">
      <c r="N9183" s="10"/>
    </row>
    <row r="9184" spans="14:14">
      <c r="N9184" s="10"/>
    </row>
    <row r="9185" spans="14:14">
      <c r="N9185" s="10"/>
    </row>
    <row r="9186" spans="14:14">
      <c r="N9186" s="10"/>
    </row>
    <row r="9187" spans="14:14">
      <c r="N9187" s="10"/>
    </row>
    <row r="9188" spans="14:14">
      <c r="N9188" s="10"/>
    </row>
    <row r="9189" spans="14:14">
      <c r="N9189" s="10"/>
    </row>
    <row r="9190" spans="14:14">
      <c r="N9190" s="10"/>
    </row>
    <row r="9191" spans="14:14">
      <c r="N9191" s="10"/>
    </row>
    <row r="9192" spans="14:14">
      <c r="N9192" s="10"/>
    </row>
    <row r="9193" spans="14:14">
      <c r="N9193" s="10"/>
    </row>
    <row r="9194" spans="14:14">
      <c r="N9194" s="10"/>
    </row>
    <row r="9195" spans="14:14">
      <c r="N9195" s="10"/>
    </row>
    <row r="9196" spans="14:14">
      <c r="N9196" s="10"/>
    </row>
    <row r="9197" spans="14:14">
      <c r="N9197" s="10"/>
    </row>
    <row r="9198" spans="14:14">
      <c r="N9198" s="10"/>
    </row>
    <row r="9199" spans="14:14">
      <c r="N9199" s="10"/>
    </row>
    <row r="9200" spans="14:14">
      <c r="N9200" s="10"/>
    </row>
    <row r="9201" spans="14:14">
      <c r="N9201" s="10"/>
    </row>
    <row r="9202" spans="14:14">
      <c r="N9202" s="10"/>
    </row>
    <row r="9203" spans="14:14">
      <c r="N9203" s="10"/>
    </row>
    <row r="9204" spans="14:14">
      <c r="N9204" s="10"/>
    </row>
    <row r="9205" spans="14:14">
      <c r="N9205" s="10"/>
    </row>
    <row r="9206" spans="14:14">
      <c r="N9206" s="10"/>
    </row>
    <row r="9207" spans="14:14">
      <c r="N9207" s="10"/>
    </row>
    <row r="9208" spans="14:14">
      <c r="N9208" s="10"/>
    </row>
    <row r="9209" spans="14:14">
      <c r="N9209" s="10"/>
    </row>
    <row r="9210" spans="14:14">
      <c r="N9210" s="10"/>
    </row>
    <row r="9211" spans="14:14">
      <c r="N9211" s="10"/>
    </row>
    <row r="9212" spans="14:14">
      <c r="N9212" s="10"/>
    </row>
    <row r="9213" spans="14:14">
      <c r="N9213" s="10"/>
    </row>
    <row r="9214" spans="14:14">
      <c r="N9214" s="10"/>
    </row>
    <row r="9215" spans="14:14">
      <c r="N9215" s="10"/>
    </row>
    <row r="9216" spans="14:14">
      <c r="N9216" s="10"/>
    </row>
    <row r="9217" spans="14:14">
      <c r="N9217" s="10"/>
    </row>
    <row r="9218" spans="14:14">
      <c r="N9218" s="10"/>
    </row>
    <row r="9219" spans="14:14">
      <c r="N9219" s="10"/>
    </row>
    <row r="9220" spans="14:14">
      <c r="N9220" s="10"/>
    </row>
    <row r="9221" spans="14:14">
      <c r="N9221" s="10"/>
    </row>
    <row r="9222" spans="14:14">
      <c r="N9222" s="10"/>
    </row>
    <row r="9223" spans="14:14">
      <c r="N9223" s="10"/>
    </row>
    <row r="9224" spans="14:14">
      <c r="N9224" s="10"/>
    </row>
    <row r="9225" spans="14:14">
      <c r="N9225" s="10"/>
    </row>
    <row r="9226" spans="14:14">
      <c r="N9226" s="10"/>
    </row>
    <row r="9227" spans="14:14">
      <c r="N9227" s="10"/>
    </row>
    <row r="9228" spans="14:14">
      <c r="N9228" s="10"/>
    </row>
    <row r="9229" spans="14:14">
      <c r="N9229" s="10"/>
    </row>
    <row r="9230" spans="14:14">
      <c r="N9230" s="10"/>
    </row>
    <row r="9231" spans="14:14">
      <c r="N9231" s="10"/>
    </row>
    <row r="9232" spans="14:14">
      <c r="N9232" s="10"/>
    </row>
    <row r="9233" spans="14:14">
      <c r="N9233" s="10"/>
    </row>
    <row r="9234" spans="14:14">
      <c r="N9234" s="10"/>
    </row>
    <row r="9235" spans="14:14">
      <c r="N9235" s="10"/>
    </row>
    <row r="9236" spans="14:14">
      <c r="N9236" s="10"/>
    </row>
    <row r="9237" spans="14:14">
      <c r="N9237" s="10"/>
    </row>
    <row r="9238" spans="14:14">
      <c r="N9238" s="10"/>
    </row>
    <row r="9239" spans="14:14">
      <c r="N9239" s="10"/>
    </row>
    <row r="9240" spans="14:14">
      <c r="N9240" s="10"/>
    </row>
    <row r="9241" spans="14:14">
      <c r="N9241" s="10"/>
    </row>
    <row r="9242" spans="14:14">
      <c r="N9242" s="10"/>
    </row>
    <row r="9243" spans="14:14">
      <c r="N9243" s="10"/>
    </row>
    <row r="9244" spans="14:14">
      <c r="N9244" s="10"/>
    </row>
    <row r="9245" spans="14:14">
      <c r="N9245" s="10"/>
    </row>
    <row r="9246" spans="14:14">
      <c r="N9246" s="10"/>
    </row>
    <row r="9247" spans="14:14">
      <c r="N9247" s="10"/>
    </row>
    <row r="9248" spans="14:14">
      <c r="N9248" s="10"/>
    </row>
    <row r="9249" spans="14:14">
      <c r="N9249" s="10"/>
    </row>
    <row r="9250" spans="14:14">
      <c r="N9250" s="10"/>
    </row>
    <row r="9251" spans="14:14">
      <c r="N9251" s="10"/>
    </row>
    <row r="9252" spans="14:14">
      <c r="N9252" s="10"/>
    </row>
    <row r="9253" spans="14:14">
      <c r="N9253" s="10"/>
    </row>
    <row r="9254" spans="14:14">
      <c r="N9254" s="10"/>
    </row>
    <row r="9255" spans="14:14">
      <c r="N9255" s="10"/>
    </row>
    <row r="9256" spans="14:14">
      <c r="N9256" s="10"/>
    </row>
    <row r="9257" spans="14:14">
      <c r="N9257" s="10"/>
    </row>
    <row r="9258" spans="14:14">
      <c r="N9258" s="10"/>
    </row>
    <row r="9259" spans="14:14">
      <c r="N9259" s="10"/>
    </row>
    <row r="9260" spans="14:14">
      <c r="N9260" s="10"/>
    </row>
    <row r="9261" spans="14:14">
      <c r="N9261" s="10"/>
    </row>
    <row r="9262" spans="14:14">
      <c r="N9262" s="10"/>
    </row>
    <row r="9263" spans="14:14">
      <c r="N9263" s="10"/>
    </row>
    <row r="9264" spans="14:14">
      <c r="N9264" s="10"/>
    </row>
    <row r="9265" spans="14:14">
      <c r="N9265" s="10"/>
    </row>
    <row r="9266" spans="14:14">
      <c r="N9266" s="10"/>
    </row>
    <row r="9267" spans="14:14">
      <c r="N9267" s="10"/>
    </row>
    <row r="9268" spans="14:14">
      <c r="N9268" s="10"/>
    </row>
    <row r="9269" spans="14:14">
      <c r="N9269" s="10"/>
    </row>
    <row r="9270" spans="14:14">
      <c r="N9270" s="10"/>
    </row>
    <row r="9271" spans="14:14">
      <c r="N9271" s="10"/>
    </row>
    <row r="9272" spans="14:14">
      <c r="N9272" s="10"/>
    </row>
    <row r="9273" spans="14:14">
      <c r="N9273" s="10"/>
    </row>
    <row r="9274" spans="14:14">
      <c r="N9274" s="10"/>
    </row>
    <row r="9275" spans="14:14">
      <c r="N9275" s="10"/>
    </row>
    <row r="9276" spans="14:14">
      <c r="N9276" s="10"/>
    </row>
    <row r="9277" spans="14:14">
      <c r="N9277" s="10"/>
    </row>
    <row r="9278" spans="14:14">
      <c r="N9278" s="10"/>
    </row>
    <row r="9279" spans="14:14">
      <c r="N9279" s="10"/>
    </row>
    <row r="9280" spans="14:14">
      <c r="N9280" s="10"/>
    </row>
    <row r="9281" spans="14:14">
      <c r="N9281" s="10"/>
    </row>
    <row r="9282" spans="14:14">
      <c r="N9282" s="10"/>
    </row>
    <row r="9283" spans="14:14">
      <c r="N9283" s="10"/>
    </row>
    <row r="9284" spans="14:14">
      <c r="N9284" s="10"/>
    </row>
    <row r="9285" spans="14:14">
      <c r="N9285" s="10"/>
    </row>
    <row r="9286" spans="14:14">
      <c r="N9286" s="10"/>
    </row>
    <row r="9287" spans="14:14">
      <c r="N9287" s="10"/>
    </row>
    <row r="9288" spans="14:14">
      <c r="N9288" s="10"/>
    </row>
    <row r="9289" spans="14:14">
      <c r="N9289" s="10"/>
    </row>
    <row r="9290" spans="14:14">
      <c r="N9290" s="10"/>
    </row>
    <row r="9291" spans="14:14">
      <c r="N9291" s="10"/>
    </row>
    <row r="9292" spans="14:14">
      <c r="N9292" s="10"/>
    </row>
    <row r="9293" spans="14:14">
      <c r="N9293" s="10"/>
    </row>
    <row r="9294" spans="14:14">
      <c r="N9294" s="10"/>
    </row>
    <row r="9295" spans="14:14">
      <c r="N9295" s="10"/>
    </row>
    <row r="9296" spans="14:14">
      <c r="N9296" s="10"/>
    </row>
    <row r="9297" spans="14:14">
      <c r="N9297" s="10"/>
    </row>
    <row r="9298" spans="14:14">
      <c r="N9298" s="10"/>
    </row>
    <row r="9299" spans="14:14">
      <c r="N9299" s="10"/>
    </row>
    <row r="9300" spans="14:14">
      <c r="N9300" s="10"/>
    </row>
    <row r="9301" spans="14:14">
      <c r="N9301" s="10"/>
    </row>
    <row r="9302" spans="14:14">
      <c r="N9302" s="10"/>
    </row>
    <row r="9303" spans="14:14">
      <c r="N9303" s="10"/>
    </row>
    <row r="9304" spans="14:14">
      <c r="N9304" s="10"/>
    </row>
    <row r="9305" spans="14:14">
      <c r="N9305" s="10"/>
    </row>
    <row r="9306" spans="14:14">
      <c r="N9306" s="10"/>
    </row>
    <row r="9307" spans="14:14">
      <c r="N9307" s="10"/>
    </row>
    <row r="9308" spans="14:14">
      <c r="N9308" s="10"/>
    </row>
    <row r="9309" spans="14:14">
      <c r="N9309" s="10"/>
    </row>
    <row r="9310" spans="14:14">
      <c r="N9310" s="10"/>
    </row>
    <row r="9311" spans="14:14">
      <c r="N9311" s="10"/>
    </row>
    <row r="9312" spans="14:14">
      <c r="N9312" s="10"/>
    </row>
    <row r="9313" spans="14:14">
      <c r="N9313" s="10"/>
    </row>
    <row r="9314" spans="14:14">
      <c r="N9314" s="10"/>
    </row>
    <row r="9315" spans="14:14">
      <c r="N9315" s="10"/>
    </row>
    <row r="9316" spans="14:14">
      <c r="N9316" s="10"/>
    </row>
    <row r="9317" spans="14:14">
      <c r="N9317" s="10"/>
    </row>
    <row r="9318" spans="14:14">
      <c r="N9318" s="10"/>
    </row>
    <row r="9319" spans="14:14">
      <c r="N9319" s="10"/>
    </row>
    <row r="9320" spans="14:14">
      <c r="N9320" s="10"/>
    </row>
    <row r="9321" spans="14:14">
      <c r="N9321" s="10"/>
    </row>
    <row r="9322" spans="14:14">
      <c r="N9322" s="10"/>
    </row>
    <row r="9323" spans="14:14">
      <c r="N9323" s="10"/>
    </row>
    <row r="9324" spans="14:14">
      <c r="N9324" s="10"/>
    </row>
    <row r="9325" spans="14:14">
      <c r="N9325" s="10"/>
    </row>
    <row r="9326" spans="14:14">
      <c r="N9326" s="10"/>
    </row>
    <row r="9327" spans="14:14">
      <c r="N9327" s="10"/>
    </row>
    <row r="9328" spans="14:14">
      <c r="N9328" s="10"/>
    </row>
    <row r="9329" spans="14:14">
      <c r="N9329" s="10"/>
    </row>
    <row r="9330" spans="14:14">
      <c r="N9330" s="10"/>
    </row>
    <row r="9331" spans="14:14">
      <c r="N9331" s="10"/>
    </row>
    <row r="9332" spans="14:14">
      <c r="N9332" s="10"/>
    </row>
    <row r="9333" spans="14:14">
      <c r="N9333" s="10"/>
    </row>
    <row r="9334" spans="14:14">
      <c r="N9334" s="10"/>
    </row>
    <row r="9335" spans="14:14">
      <c r="N9335" s="10"/>
    </row>
    <row r="9336" spans="14:14">
      <c r="N9336" s="10"/>
    </row>
    <row r="9337" spans="14:14">
      <c r="N9337" s="10"/>
    </row>
    <row r="9338" spans="14:14">
      <c r="N9338" s="10"/>
    </row>
    <row r="9339" spans="14:14">
      <c r="N9339" s="10"/>
    </row>
    <row r="9340" spans="14:14">
      <c r="N9340" s="10"/>
    </row>
    <row r="9341" spans="14:14">
      <c r="N9341" s="10"/>
    </row>
    <row r="9342" spans="14:14">
      <c r="N9342" s="10"/>
    </row>
    <row r="9343" spans="14:14">
      <c r="N9343" s="10"/>
    </row>
    <row r="9344" spans="14:14">
      <c r="N9344" s="10"/>
    </row>
    <row r="9345" spans="14:14">
      <c r="N9345" s="10"/>
    </row>
    <row r="9346" spans="14:14">
      <c r="N9346" s="10"/>
    </row>
    <row r="9347" spans="14:14">
      <c r="N9347" s="10"/>
    </row>
    <row r="9348" spans="14:14">
      <c r="N9348" s="10"/>
    </row>
    <row r="9349" spans="14:14">
      <c r="N9349" s="10"/>
    </row>
    <row r="9350" spans="14:14">
      <c r="N9350" s="10"/>
    </row>
    <row r="9351" spans="14:14">
      <c r="N9351" s="10"/>
    </row>
    <row r="9352" spans="14:14">
      <c r="N9352" s="10"/>
    </row>
    <row r="9353" spans="14:14">
      <c r="N9353" s="10"/>
    </row>
    <row r="9354" spans="14:14">
      <c r="N9354" s="10"/>
    </row>
    <row r="9355" spans="14:14">
      <c r="N9355" s="10"/>
    </row>
    <row r="9356" spans="14:14">
      <c r="N9356" s="10"/>
    </row>
    <row r="9357" spans="14:14">
      <c r="N9357" s="10"/>
    </row>
    <row r="9358" spans="14:14">
      <c r="N9358" s="10"/>
    </row>
    <row r="9359" spans="14:14">
      <c r="N9359" s="10"/>
    </row>
    <row r="9360" spans="14:14">
      <c r="N9360" s="10"/>
    </row>
    <row r="9361" spans="14:14">
      <c r="N9361" s="10"/>
    </row>
    <row r="9362" spans="14:14">
      <c r="N9362" s="10"/>
    </row>
    <row r="9363" spans="14:14">
      <c r="N9363" s="10"/>
    </row>
    <row r="9364" spans="14:14">
      <c r="N9364" s="10"/>
    </row>
    <row r="9365" spans="14:14">
      <c r="N9365" s="10"/>
    </row>
    <row r="9366" spans="14:14">
      <c r="N9366" s="10"/>
    </row>
    <row r="9367" spans="14:14">
      <c r="N9367" s="10"/>
    </row>
    <row r="9368" spans="14:14">
      <c r="N9368" s="10"/>
    </row>
    <row r="9369" spans="14:14">
      <c r="N9369" s="10"/>
    </row>
    <row r="9370" spans="14:14">
      <c r="N9370" s="10"/>
    </row>
    <row r="9371" spans="14:14">
      <c r="N9371" s="10"/>
    </row>
    <row r="9372" spans="14:14">
      <c r="N9372" s="10"/>
    </row>
    <row r="9373" spans="14:14">
      <c r="N9373" s="10"/>
    </row>
    <row r="9374" spans="14:14">
      <c r="N9374" s="10"/>
    </row>
    <row r="9375" spans="14:14">
      <c r="N9375" s="10"/>
    </row>
    <row r="9376" spans="14:14">
      <c r="N9376" s="10"/>
    </row>
    <row r="9377" spans="14:14">
      <c r="N9377" s="10"/>
    </row>
    <row r="9378" spans="14:14">
      <c r="N9378" s="10"/>
    </row>
    <row r="9379" spans="14:14">
      <c r="N9379" s="10"/>
    </row>
    <row r="9380" spans="14:14">
      <c r="N9380" s="10"/>
    </row>
    <row r="9381" spans="14:14">
      <c r="N9381" s="10"/>
    </row>
    <row r="9382" spans="14:14">
      <c r="N9382" s="10"/>
    </row>
    <row r="9383" spans="14:14">
      <c r="N9383" s="10"/>
    </row>
    <row r="9384" spans="14:14">
      <c r="N9384" s="10"/>
    </row>
    <row r="9385" spans="14:14">
      <c r="N9385" s="10"/>
    </row>
    <row r="9386" spans="14:14">
      <c r="N9386" s="10"/>
    </row>
    <row r="9387" spans="14:14">
      <c r="N9387" s="10"/>
    </row>
    <row r="9388" spans="14:14">
      <c r="N9388" s="10"/>
    </row>
    <row r="9389" spans="14:14">
      <c r="N9389" s="10"/>
    </row>
    <row r="9390" spans="14:14">
      <c r="N9390" s="10"/>
    </row>
    <row r="9391" spans="14:14">
      <c r="N9391" s="10"/>
    </row>
    <row r="9392" spans="14:14">
      <c r="N9392" s="10"/>
    </row>
    <row r="9393" spans="14:14">
      <c r="N9393" s="10"/>
    </row>
    <row r="9394" spans="14:14">
      <c r="N9394" s="10"/>
    </row>
    <row r="9395" spans="14:14">
      <c r="N9395" s="10"/>
    </row>
    <row r="9396" spans="14:14">
      <c r="N9396" s="10"/>
    </row>
    <row r="9397" spans="14:14">
      <c r="N9397" s="10"/>
    </row>
    <row r="9398" spans="14:14">
      <c r="N9398" s="10"/>
    </row>
    <row r="9399" spans="14:14">
      <c r="N9399" s="10"/>
    </row>
    <row r="9400" spans="14:14">
      <c r="N9400" s="10"/>
    </row>
    <row r="9401" spans="14:14">
      <c r="N9401" s="10"/>
    </row>
    <row r="9402" spans="14:14">
      <c r="N9402" s="10"/>
    </row>
    <row r="9403" spans="14:14">
      <c r="N9403" s="10"/>
    </row>
    <row r="9404" spans="14:14">
      <c r="N9404" s="10"/>
    </row>
    <row r="9405" spans="14:14">
      <c r="N9405" s="10"/>
    </row>
    <row r="9406" spans="14:14">
      <c r="N9406" s="10"/>
    </row>
    <row r="9407" spans="14:14">
      <c r="N9407" s="10"/>
    </row>
    <row r="9408" spans="14:14">
      <c r="N9408" s="10"/>
    </row>
    <row r="9409" spans="14:14">
      <c r="N9409" s="10"/>
    </row>
    <row r="9410" spans="14:14">
      <c r="N9410" s="10"/>
    </row>
    <row r="9411" spans="14:14">
      <c r="N9411" s="10"/>
    </row>
    <row r="9412" spans="14:14">
      <c r="N9412" s="10"/>
    </row>
    <row r="9413" spans="14:14">
      <c r="N9413" s="10"/>
    </row>
    <row r="9414" spans="14:14">
      <c r="N9414" s="10"/>
    </row>
    <row r="9415" spans="14:14">
      <c r="N9415" s="10"/>
    </row>
    <row r="9416" spans="14:14">
      <c r="N9416" s="10"/>
    </row>
    <row r="9417" spans="14:14">
      <c r="N9417" s="10"/>
    </row>
    <row r="9418" spans="14:14">
      <c r="N9418" s="10"/>
    </row>
    <row r="9419" spans="14:14">
      <c r="N9419" s="10"/>
    </row>
    <row r="9420" spans="14:14">
      <c r="N9420" s="10"/>
    </row>
    <row r="9421" spans="14:14">
      <c r="N9421" s="10"/>
    </row>
    <row r="9422" spans="14:14">
      <c r="N9422" s="10"/>
    </row>
    <row r="9423" spans="14:14">
      <c r="N9423" s="10"/>
    </row>
    <row r="9424" spans="14:14">
      <c r="N9424" s="10"/>
    </row>
    <row r="9425" spans="14:14">
      <c r="N9425" s="10"/>
    </row>
    <row r="9426" spans="14:14">
      <c r="N9426" s="10"/>
    </row>
    <row r="9427" spans="14:14">
      <c r="N9427" s="10"/>
    </row>
    <row r="9428" spans="14:14">
      <c r="N9428" s="10"/>
    </row>
    <row r="9429" spans="14:14">
      <c r="N9429" s="10"/>
    </row>
    <row r="9430" spans="14:14">
      <c r="N9430" s="10"/>
    </row>
    <row r="9431" spans="14:14">
      <c r="N9431" s="10"/>
    </row>
    <row r="9432" spans="14:14">
      <c r="N9432" s="10"/>
    </row>
    <row r="9433" spans="14:14">
      <c r="N9433" s="10"/>
    </row>
    <row r="9434" spans="14:14">
      <c r="N9434" s="10"/>
    </row>
    <row r="9435" spans="14:14">
      <c r="N9435" s="10"/>
    </row>
    <row r="9436" spans="14:14">
      <c r="N9436" s="10"/>
    </row>
    <row r="9437" spans="14:14">
      <c r="N9437" s="10"/>
    </row>
    <row r="9438" spans="14:14">
      <c r="N9438" s="10"/>
    </row>
    <row r="9439" spans="14:14">
      <c r="N9439" s="10"/>
    </row>
    <row r="9440" spans="14:14">
      <c r="N9440" s="10"/>
    </row>
    <row r="9441" spans="14:14">
      <c r="N9441" s="10"/>
    </row>
    <row r="9442" spans="14:14">
      <c r="N9442" s="10"/>
    </row>
    <row r="9443" spans="14:14">
      <c r="N9443" s="10"/>
    </row>
    <row r="9444" spans="14:14">
      <c r="N9444" s="10"/>
    </row>
    <row r="9445" spans="14:14">
      <c r="N9445" s="10"/>
    </row>
    <row r="9446" spans="14:14">
      <c r="N9446" s="10"/>
    </row>
    <row r="9447" spans="14:14">
      <c r="N9447" s="10"/>
    </row>
    <row r="9448" spans="14:14">
      <c r="N9448" s="10"/>
    </row>
    <row r="9449" spans="14:14">
      <c r="N9449" s="10"/>
    </row>
    <row r="9450" spans="14:14">
      <c r="N9450" s="10"/>
    </row>
    <row r="9451" spans="14:14">
      <c r="N9451" s="10"/>
    </row>
    <row r="9452" spans="14:14">
      <c r="N9452" s="10"/>
    </row>
    <row r="9453" spans="14:14">
      <c r="N9453" s="10"/>
    </row>
    <row r="9454" spans="14:14">
      <c r="N9454" s="10"/>
    </row>
    <row r="9455" spans="14:14">
      <c r="N9455" s="10"/>
    </row>
    <row r="9456" spans="14:14">
      <c r="N9456" s="10"/>
    </row>
    <row r="9457" spans="14:14">
      <c r="N9457" s="10"/>
    </row>
    <row r="9458" spans="14:14">
      <c r="N9458" s="10"/>
    </row>
    <row r="9459" spans="14:14">
      <c r="N9459" s="10"/>
    </row>
    <row r="9460" spans="14:14">
      <c r="N9460" s="10"/>
    </row>
    <row r="9461" spans="14:14">
      <c r="N9461" s="10"/>
    </row>
    <row r="9462" spans="14:14">
      <c r="N9462" s="10"/>
    </row>
    <row r="9463" spans="14:14">
      <c r="N9463" s="10"/>
    </row>
    <row r="9464" spans="14:14">
      <c r="N9464" s="10"/>
    </row>
    <row r="9465" spans="14:14">
      <c r="N9465" s="10"/>
    </row>
    <row r="9466" spans="14:14">
      <c r="N9466" s="10"/>
    </row>
    <row r="9467" spans="14:14">
      <c r="N9467" s="10"/>
    </row>
    <row r="9468" spans="14:14">
      <c r="N9468" s="10"/>
    </row>
    <row r="9469" spans="14:14">
      <c r="N9469" s="10"/>
    </row>
    <row r="9470" spans="14:14">
      <c r="N9470" s="10"/>
    </row>
    <row r="9471" spans="14:14">
      <c r="N9471" s="10"/>
    </row>
    <row r="9472" spans="14:14">
      <c r="N9472" s="10"/>
    </row>
    <row r="9473" spans="14:14">
      <c r="N9473" s="10"/>
    </row>
    <row r="9474" spans="14:14">
      <c r="N9474" s="10"/>
    </row>
    <row r="9475" spans="14:14">
      <c r="N9475" s="10"/>
    </row>
    <row r="9476" spans="14:14">
      <c r="N9476" s="10"/>
    </row>
    <row r="9477" spans="14:14">
      <c r="N9477" s="10"/>
    </row>
    <row r="9478" spans="14:14">
      <c r="N9478" s="10"/>
    </row>
    <row r="9479" spans="14:14">
      <c r="N9479" s="10"/>
    </row>
    <row r="9480" spans="14:14">
      <c r="N9480" s="10"/>
    </row>
    <row r="9481" spans="14:14">
      <c r="N9481" s="10"/>
    </row>
    <row r="9482" spans="14:14">
      <c r="N9482" s="10"/>
    </row>
    <row r="9483" spans="14:14">
      <c r="N9483" s="10"/>
    </row>
    <row r="9484" spans="14:14">
      <c r="N9484" s="10"/>
    </row>
    <row r="9485" spans="14:14">
      <c r="N9485" s="10"/>
    </row>
    <row r="9486" spans="14:14">
      <c r="N9486" s="10"/>
    </row>
    <row r="9487" spans="14:14">
      <c r="N9487" s="10"/>
    </row>
    <row r="9488" spans="14:14">
      <c r="N9488" s="10"/>
    </row>
    <row r="9489" spans="14:14">
      <c r="N9489" s="10"/>
    </row>
    <row r="9490" spans="14:14">
      <c r="N9490" s="10"/>
    </row>
    <row r="9491" spans="14:14">
      <c r="N9491" s="10"/>
    </row>
    <row r="9492" spans="14:14">
      <c r="N9492" s="10"/>
    </row>
    <row r="9493" spans="14:14">
      <c r="N9493" s="10"/>
    </row>
    <row r="9494" spans="14:14">
      <c r="N9494" s="10"/>
    </row>
    <row r="9495" spans="14:14">
      <c r="N9495" s="10"/>
    </row>
    <row r="9496" spans="14:14">
      <c r="N9496" s="10"/>
    </row>
    <row r="9497" spans="14:14">
      <c r="N9497" s="10"/>
    </row>
    <row r="9498" spans="14:14">
      <c r="N9498" s="10"/>
    </row>
    <row r="9499" spans="14:14">
      <c r="N9499" s="10"/>
    </row>
    <row r="9500" spans="14:14">
      <c r="N9500" s="10"/>
    </row>
    <row r="9501" spans="14:14">
      <c r="N9501" s="10"/>
    </row>
    <row r="9502" spans="14:14">
      <c r="N9502" s="10"/>
    </row>
    <row r="9503" spans="14:14">
      <c r="N9503" s="10"/>
    </row>
    <row r="9504" spans="14:14">
      <c r="N9504" s="10"/>
    </row>
    <row r="9505" spans="14:14">
      <c r="N9505" s="10"/>
    </row>
    <row r="9506" spans="14:14">
      <c r="N9506" s="10"/>
    </row>
    <row r="9507" spans="14:14">
      <c r="N9507" s="10"/>
    </row>
    <row r="9508" spans="14:14">
      <c r="N9508" s="10"/>
    </row>
    <row r="9509" spans="14:14">
      <c r="N9509" s="10"/>
    </row>
    <row r="9510" spans="14:14">
      <c r="N9510" s="10"/>
    </row>
    <row r="9511" spans="14:14">
      <c r="N9511" s="10"/>
    </row>
    <row r="9512" spans="14:14">
      <c r="N9512" s="10"/>
    </row>
    <row r="9513" spans="14:14">
      <c r="N9513" s="10"/>
    </row>
    <row r="9514" spans="14:14">
      <c r="N9514" s="10"/>
    </row>
    <row r="9515" spans="14:14">
      <c r="N9515" s="10"/>
    </row>
    <row r="9516" spans="14:14">
      <c r="N9516" s="10"/>
    </row>
    <row r="9517" spans="14:14">
      <c r="N9517" s="10"/>
    </row>
    <row r="9518" spans="14:14">
      <c r="N9518" s="10"/>
    </row>
    <row r="9519" spans="14:14">
      <c r="N9519" s="10"/>
    </row>
    <row r="9520" spans="14:14">
      <c r="N9520" s="10"/>
    </row>
    <row r="9521" spans="14:14">
      <c r="N9521" s="10"/>
    </row>
    <row r="9522" spans="14:14">
      <c r="N9522" s="10"/>
    </row>
    <row r="9523" spans="14:14">
      <c r="N9523" s="10"/>
    </row>
    <row r="9524" spans="14:14">
      <c r="N9524" s="10"/>
    </row>
    <row r="9525" spans="14:14">
      <c r="N9525" s="10"/>
    </row>
    <row r="9526" spans="14:14">
      <c r="N9526" s="10"/>
    </row>
    <row r="9527" spans="14:14">
      <c r="N9527" s="10"/>
    </row>
    <row r="9528" spans="14:14">
      <c r="N9528" s="10"/>
    </row>
    <row r="9529" spans="14:14">
      <c r="N9529" s="10"/>
    </row>
    <row r="9530" spans="14:14">
      <c r="N9530" s="10"/>
    </row>
    <row r="9531" spans="14:14">
      <c r="N9531" s="10"/>
    </row>
    <row r="9532" spans="14:14">
      <c r="N9532" s="10"/>
    </row>
    <row r="9533" spans="14:14">
      <c r="N9533" s="10"/>
    </row>
    <row r="9534" spans="14:14">
      <c r="N9534" s="10"/>
    </row>
    <row r="9535" spans="14:14">
      <c r="N9535" s="10"/>
    </row>
    <row r="9536" spans="14:14">
      <c r="N9536" s="10"/>
    </row>
    <row r="9537" spans="14:14">
      <c r="N9537" s="10"/>
    </row>
    <row r="9538" spans="14:14">
      <c r="N9538" s="10"/>
    </row>
    <row r="9539" spans="14:14">
      <c r="N9539" s="10"/>
    </row>
    <row r="9540" spans="14:14">
      <c r="N9540" s="10"/>
    </row>
    <row r="9541" spans="14:14">
      <c r="N9541" s="10"/>
    </row>
    <row r="9542" spans="14:14">
      <c r="N9542" s="10"/>
    </row>
    <row r="9543" spans="14:14">
      <c r="N9543" s="10"/>
    </row>
    <row r="9544" spans="14:14">
      <c r="N9544" s="10"/>
    </row>
    <row r="9545" spans="14:14">
      <c r="N9545" s="10"/>
    </row>
    <row r="9546" spans="14:14">
      <c r="N9546" s="10"/>
    </row>
    <row r="9547" spans="14:14">
      <c r="N9547" s="10"/>
    </row>
    <row r="9548" spans="14:14">
      <c r="N9548" s="10"/>
    </row>
    <row r="9549" spans="14:14">
      <c r="N9549" s="10"/>
    </row>
    <row r="9550" spans="14:14">
      <c r="N9550" s="10"/>
    </row>
    <row r="9551" spans="14:14">
      <c r="N9551" s="10"/>
    </row>
    <row r="9552" spans="14:14">
      <c r="N9552" s="10"/>
    </row>
    <row r="9553" spans="14:14">
      <c r="N9553" s="10"/>
    </row>
    <row r="9554" spans="14:14">
      <c r="N9554" s="10"/>
    </row>
    <row r="9555" spans="14:14">
      <c r="N9555" s="10"/>
    </row>
    <row r="9556" spans="14:14">
      <c r="N9556" s="10"/>
    </row>
    <row r="9557" spans="14:14">
      <c r="N9557" s="10"/>
    </row>
    <row r="9558" spans="14:14">
      <c r="N9558" s="10"/>
    </row>
    <row r="9559" spans="14:14">
      <c r="N9559" s="10"/>
    </row>
    <row r="9560" spans="14:14">
      <c r="N9560" s="10"/>
    </row>
    <row r="9561" spans="14:14">
      <c r="N9561" s="10"/>
    </row>
    <row r="9562" spans="14:14">
      <c r="N9562" s="10"/>
    </row>
    <row r="9563" spans="14:14">
      <c r="N9563" s="10"/>
    </row>
    <row r="9564" spans="14:14">
      <c r="N9564" s="10"/>
    </row>
    <row r="9565" spans="14:14">
      <c r="N9565" s="10"/>
    </row>
    <row r="9566" spans="14:14">
      <c r="N9566" s="10"/>
    </row>
    <row r="9567" spans="14:14">
      <c r="N9567" s="10"/>
    </row>
    <row r="9568" spans="14:14">
      <c r="N9568" s="10"/>
    </row>
    <row r="9569" spans="14:14">
      <c r="N9569" s="10"/>
    </row>
    <row r="9570" spans="14:14">
      <c r="N9570" s="10"/>
    </row>
    <row r="9571" spans="14:14">
      <c r="N9571" s="10"/>
    </row>
    <row r="9572" spans="14:14">
      <c r="N9572" s="10"/>
    </row>
    <row r="9573" spans="14:14">
      <c r="N9573" s="10"/>
    </row>
    <row r="9574" spans="14:14">
      <c r="N9574" s="10"/>
    </row>
    <row r="9575" spans="14:14">
      <c r="N9575" s="10"/>
    </row>
    <row r="9576" spans="14:14">
      <c r="N9576" s="10"/>
    </row>
    <row r="9577" spans="14:14">
      <c r="N9577" s="10"/>
    </row>
    <row r="9578" spans="14:14">
      <c r="N9578" s="10"/>
    </row>
    <row r="9579" spans="14:14">
      <c r="N9579" s="10"/>
    </row>
    <row r="9580" spans="14:14">
      <c r="N9580" s="10"/>
    </row>
    <row r="9581" spans="14:14">
      <c r="N9581" s="10"/>
    </row>
    <row r="9582" spans="14:14">
      <c r="N9582" s="10"/>
    </row>
    <row r="9583" spans="14:14">
      <c r="N9583" s="10"/>
    </row>
    <row r="9584" spans="14:14">
      <c r="N9584" s="10"/>
    </row>
    <row r="9585" spans="14:14">
      <c r="N9585" s="10"/>
    </row>
    <row r="9586" spans="14:14">
      <c r="N9586" s="10"/>
    </row>
    <row r="9587" spans="14:14">
      <c r="N9587" s="10"/>
    </row>
    <row r="9588" spans="14:14">
      <c r="N9588" s="10"/>
    </row>
    <row r="9589" spans="14:14">
      <c r="N9589" s="10"/>
    </row>
    <row r="9590" spans="14:14">
      <c r="N9590" s="10"/>
    </row>
    <row r="9591" spans="14:14">
      <c r="N9591" s="10"/>
    </row>
    <row r="9592" spans="14:14">
      <c r="N9592" s="10"/>
    </row>
    <row r="9593" spans="14:14">
      <c r="N9593" s="10"/>
    </row>
    <row r="9594" spans="14:14">
      <c r="N9594" s="10"/>
    </row>
    <row r="9595" spans="14:14">
      <c r="N9595" s="10"/>
    </row>
    <row r="9596" spans="14:14">
      <c r="N9596" s="10"/>
    </row>
    <row r="9597" spans="14:14">
      <c r="N9597" s="10"/>
    </row>
    <row r="9598" spans="14:14">
      <c r="N9598" s="10"/>
    </row>
    <row r="9599" spans="14:14">
      <c r="N9599" s="10"/>
    </row>
    <row r="9600" spans="14:14">
      <c r="N9600" s="10"/>
    </row>
    <row r="9601" spans="14:14">
      <c r="N9601" s="10"/>
    </row>
    <row r="9602" spans="14:14">
      <c r="N9602" s="10"/>
    </row>
    <row r="9603" spans="14:14">
      <c r="N9603" s="10"/>
    </row>
    <row r="9604" spans="14:14">
      <c r="N9604" s="10"/>
    </row>
    <row r="9605" spans="14:14">
      <c r="N9605" s="10"/>
    </row>
    <row r="9606" spans="14:14">
      <c r="N9606" s="10"/>
    </row>
    <row r="9607" spans="14:14">
      <c r="N9607" s="10"/>
    </row>
    <row r="9608" spans="14:14">
      <c r="N9608" s="10"/>
    </row>
    <row r="9609" spans="14:14">
      <c r="N9609" s="10"/>
    </row>
    <row r="9610" spans="14:14">
      <c r="N9610" s="10"/>
    </row>
    <row r="9611" spans="14:14">
      <c r="N9611" s="10"/>
    </row>
    <row r="9612" spans="14:14">
      <c r="N9612" s="10"/>
    </row>
    <row r="9613" spans="14:14">
      <c r="N9613" s="10"/>
    </row>
    <row r="9614" spans="14:14">
      <c r="N9614" s="10"/>
    </row>
    <row r="9615" spans="14:14">
      <c r="N9615" s="10"/>
    </row>
    <row r="9616" spans="14:14">
      <c r="N9616" s="10"/>
    </row>
    <row r="9617" spans="14:14">
      <c r="N9617" s="10"/>
    </row>
    <row r="9618" spans="14:14">
      <c r="N9618" s="10"/>
    </row>
    <row r="9619" spans="14:14">
      <c r="N9619" s="10"/>
    </row>
    <row r="9620" spans="14:14">
      <c r="N9620" s="10"/>
    </row>
    <row r="9621" spans="14:14">
      <c r="N9621" s="10"/>
    </row>
    <row r="9622" spans="14:14">
      <c r="N9622" s="10"/>
    </row>
    <row r="9623" spans="14:14">
      <c r="N9623" s="10"/>
    </row>
    <row r="9624" spans="14:14">
      <c r="N9624" s="10"/>
    </row>
    <row r="9625" spans="14:14">
      <c r="N9625" s="10"/>
    </row>
    <row r="9626" spans="14:14">
      <c r="N9626" s="10"/>
    </row>
    <row r="9627" spans="14:14">
      <c r="N9627" s="10"/>
    </row>
    <row r="9628" spans="14:14">
      <c r="N9628" s="10"/>
    </row>
    <row r="9629" spans="14:14">
      <c r="N9629" s="10"/>
    </row>
    <row r="9630" spans="14:14">
      <c r="N9630" s="10"/>
    </row>
    <row r="9631" spans="14:14">
      <c r="N9631" s="10"/>
    </row>
    <row r="9632" spans="14:14">
      <c r="N9632" s="10"/>
    </row>
    <row r="9633" spans="14:14">
      <c r="N9633" s="10"/>
    </row>
    <row r="9634" spans="14:14">
      <c r="N9634" s="10"/>
    </row>
    <row r="9635" spans="14:14">
      <c r="N9635" s="10"/>
    </row>
    <row r="9636" spans="14:14">
      <c r="N9636" s="10"/>
    </row>
    <row r="9637" spans="14:14">
      <c r="N9637" s="10"/>
    </row>
    <row r="9638" spans="14:14">
      <c r="N9638" s="10"/>
    </row>
    <row r="9639" spans="14:14">
      <c r="N9639" s="10"/>
    </row>
    <row r="9640" spans="14:14">
      <c r="N9640" s="10"/>
    </row>
    <row r="9641" spans="14:14">
      <c r="N9641" s="10"/>
    </row>
    <row r="9642" spans="14:14">
      <c r="N9642" s="10"/>
    </row>
    <row r="9643" spans="14:14">
      <c r="N9643" s="10"/>
    </row>
    <row r="9644" spans="14:14">
      <c r="N9644" s="10"/>
    </row>
    <row r="9645" spans="14:14">
      <c r="N9645" s="10"/>
    </row>
    <row r="9646" spans="14:14">
      <c r="N9646" s="10"/>
    </row>
    <row r="9647" spans="14:14">
      <c r="N9647" s="10"/>
    </row>
    <row r="9648" spans="14:14">
      <c r="N9648" s="10"/>
    </row>
    <row r="9649" spans="14:14">
      <c r="N9649" s="10"/>
    </row>
    <row r="9650" spans="14:14">
      <c r="N9650" s="10"/>
    </row>
    <row r="9651" spans="14:14">
      <c r="N9651" s="10"/>
    </row>
    <row r="9652" spans="14:14">
      <c r="N9652" s="10"/>
    </row>
    <row r="9653" spans="14:14">
      <c r="N9653" s="10"/>
    </row>
    <row r="9654" spans="14:14">
      <c r="N9654" s="10"/>
    </row>
    <row r="9655" spans="14:14">
      <c r="N9655" s="10"/>
    </row>
    <row r="9656" spans="14:14">
      <c r="N9656" s="10"/>
    </row>
    <row r="9657" spans="14:14">
      <c r="N9657" s="10"/>
    </row>
    <row r="9658" spans="14:14">
      <c r="N9658" s="10"/>
    </row>
    <row r="9659" spans="14:14">
      <c r="N9659" s="10"/>
    </row>
    <row r="9660" spans="14:14">
      <c r="N9660" s="10"/>
    </row>
    <row r="9661" spans="14:14">
      <c r="N9661" s="10"/>
    </row>
    <row r="9662" spans="14:14">
      <c r="N9662" s="10"/>
    </row>
    <row r="9663" spans="14:14">
      <c r="N9663" s="10"/>
    </row>
    <row r="9664" spans="14:14">
      <c r="N9664" s="10"/>
    </row>
    <row r="9665" spans="14:14">
      <c r="N9665" s="10"/>
    </row>
    <row r="9666" spans="14:14">
      <c r="N9666" s="10"/>
    </row>
    <row r="9667" spans="14:14">
      <c r="N9667" s="10"/>
    </row>
    <row r="9668" spans="14:14">
      <c r="N9668" s="10"/>
    </row>
    <row r="9669" spans="14:14">
      <c r="N9669" s="10"/>
    </row>
    <row r="9670" spans="14:14">
      <c r="N9670" s="10"/>
    </row>
    <row r="9671" spans="14:14">
      <c r="N9671" s="10"/>
    </row>
    <row r="9672" spans="14:14">
      <c r="N9672" s="10"/>
    </row>
    <row r="9673" spans="14:14">
      <c r="N9673" s="10"/>
    </row>
    <row r="9674" spans="14:14">
      <c r="N9674" s="10"/>
    </row>
    <row r="9675" spans="14:14">
      <c r="N9675" s="10"/>
    </row>
    <row r="9676" spans="14:14">
      <c r="N9676" s="10"/>
    </row>
    <row r="9677" spans="14:14">
      <c r="N9677" s="10"/>
    </row>
    <row r="9678" spans="14:14">
      <c r="N9678" s="10"/>
    </row>
    <row r="9679" spans="14:14">
      <c r="N9679" s="10"/>
    </row>
    <row r="9680" spans="14:14">
      <c r="N9680" s="10"/>
    </row>
    <row r="9681" spans="14:14">
      <c r="N9681" s="10"/>
    </row>
    <row r="9682" spans="14:14">
      <c r="N9682" s="10"/>
    </row>
    <row r="9683" spans="14:14">
      <c r="N9683" s="10"/>
    </row>
    <row r="9684" spans="14:14">
      <c r="N9684" s="10"/>
    </row>
    <row r="9685" spans="14:14">
      <c r="N9685" s="10"/>
    </row>
    <row r="9686" spans="14:14">
      <c r="N9686" s="10"/>
    </row>
    <row r="9687" spans="14:14">
      <c r="N9687" s="10"/>
    </row>
    <row r="9688" spans="14:14">
      <c r="N9688" s="10"/>
    </row>
    <row r="9689" spans="14:14">
      <c r="N9689" s="10"/>
    </row>
    <row r="9690" spans="14:14">
      <c r="N9690" s="10"/>
    </row>
    <row r="9691" spans="14:14">
      <c r="N9691" s="10"/>
    </row>
    <row r="9692" spans="14:14">
      <c r="N9692" s="10"/>
    </row>
    <row r="9693" spans="14:14">
      <c r="N9693" s="10"/>
    </row>
    <row r="9694" spans="14:14">
      <c r="N9694" s="10"/>
    </row>
    <row r="9695" spans="14:14">
      <c r="N9695" s="10"/>
    </row>
    <row r="9696" spans="14:14">
      <c r="N9696" s="10"/>
    </row>
    <row r="9697" spans="14:14">
      <c r="N9697" s="10"/>
    </row>
    <row r="9698" spans="14:14">
      <c r="N9698" s="10"/>
    </row>
    <row r="9699" spans="14:14">
      <c r="N9699" s="10"/>
    </row>
    <row r="9700" spans="14:14">
      <c r="N9700" s="10"/>
    </row>
    <row r="9701" spans="14:14">
      <c r="N9701" s="10"/>
    </row>
    <row r="9702" spans="14:14">
      <c r="N9702" s="10"/>
    </row>
    <row r="9703" spans="14:14">
      <c r="N9703" s="10"/>
    </row>
    <row r="9704" spans="14:14">
      <c r="N9704" s="10"/>
    </row>
    <row r="9705" spans="14:14">
      <c r="N9705" s="10"/>
    </row>
    <row r="9706" spans="14:14">
      <c r="N9706" s="10"/>
    </row>
    <row r="9707" spans="14:14">
      <c r="N9707" s="10"/>
    </row>
    <row r="9708" spans="14:14">
      <c r="N9708" s="10"/>
    </row>
    <row r="9709" spans="14:14">
      <c r="N9709" s="10"/>
    </row>
    <row r="9710" spans="14:14">
      <c r="N9710" s="10"/>
    </row>
    <row r="9711" spans="14:14">
      <c r="N9711" s="10"/>
    </row>
    <row r="9712" spans="14:14">
      <c r="N9712" s="10"/>
    </row>
    <row r="9713" spans="14:14">
      <c r="N9713" s="10"/>
    </row>
    <row r="9714" spans="14:14">
      <c r="N9714" s="10"/>
    </row>
    <row r="9715" spans="14:14">
      <c r="N9715" s="10"/>
    </row>
    <row r="9716" spans="14:14">
      <c r="N9716" s="10"/>
    </row>
    <row r="9717" spans="14:14">
      <c r="N9717" s="10"/>
    </row>
    <row r="9718" spans="14:14">
      <c r="N9718" s="10"/>
    </row>
    <row r="9719" spans="14:14">
      <c r="N9719" s="10"/>
    </row>
    <row r="9720" spans="14:14">
      <c r="N9720" s="10"/>
    </row>
    <row r="9721" spans="14:14">
      <c r="N9721" s="10"/>
    </row>
    <row r="9722" spans="14:14">
      <c r="N9722" s="10"/>
    </row>
    <row r="9723" spans="14:14">
      <c r="N9723" s="10"/>
    </row>
    <row r="9724" spans="14:14">
      <c r="N9724" s="10"/>
    </row>
    <row r="9725" spans="14:14">
      <c r="N9725" s="10"/>
    </row>
    <row r="9726" spans="14:14">
      <c r="N9726" s="10"/>
    </row>
    <row r="9727" spans="14:14">
      <c r="N9727" s="10"/>
    </row>
    <row r="9728" spans="14:14">
      <c r="N9728" s="10"/>
    </row>
    <row r="9729" spans="14:14">
      <c r="N9729" s="10"/>
    </row>
    <row r="9730" spans="14:14">
      <c r="N9730" s="10"/>
    </row>
    <row r="9731" spans="14:14">
      <c r="N9731" s="10"/>
    </row>
    <row r="9732" spans="14:14">
      <c r="N9732" s="10"/>
    </row>
    <row r="9733" spans="14:14">
      <c r="N9733" s="10"/>
    </row>
    <row r="9734" spans="14:14">
      <c r="N9734" s="10"/>
    </row>
    <row r="9735" spans="14:14">
      <c r="N9735" s="10"/>
    </row>
    <row r="9736" spans="14:14">
      <c r="N9736" s="10"/>
    </row>
    <row r="9737" spans="14:14">
      <c r="N9737" s="10"/>
    </row>
    <row r="9738" spans="14:14">
      <c r="N9738" s="10"/>
    </row>
    <row r="9739" spans="14:14">
      <c r="N9739" s="10"/>
    </row>
    <row r="9740" spans="14:14">
      <c r="N9740" s="10"/>
    </row>
    <row r="9741" spans="14:14">
      <c r="N9741" s="10"/>
    </row>
    <row r="9742" spans="14:14">
      <c r="N9742" s="10"/>
    </row>
    <row r="9743" spans="14:14">
      <c r="N9743" s="10"/>
    </row>
    <row r="9744" spans="14:14">
      <c r="N9744" s="10"/>
    </row>
    <row r="9745" spans="14:14">
      <c r="N9745" s="10"/>
    </row>
    <row r="9746" spans="14:14">
      <c r="N9746" s="10"/>
    </row>
    <row r="9747" spans="14:14">
      <c r="N9747" s="10"/>
    </row>
    <row r="9748" spans="14:14">
      <c r="N9748" s="10"/>
    </row>
    <row r="9749" spans="14:14">
      <c r="N9749" s="10"/>
    </row>
    <row r="9750" spans="14:14">
      <c r="N9750" s="10"/>
    </row>
    <row r="9751" spans="14:14">
      <c r="N9751" s="10"/>
    </row>
    <row r="9752" spans="14:14">
      <c r="N9752" s="10"/>
    </row>
    <row r="9753" spans="14:14">
      <c r="N9753" s="10"/>
    </row>
    <row r="9754" spans="14:14">
      <c r="N9754" s="10"/>
    </row>
    <row r="9755" spans="14:14">
      <c r="N9755" s="10"/>
    </row>
    <row r="9756" spans="14:14">
      <c r="N9756" s="10"/>
    </row>
    <row r="9757" spans="14:14">
      <c r="N9757" s="10"/>
    </row>
    <row r="9758" spans="14:14">
      <c r="N9758" s="10"/>
    </row>
    <row r="9759" spans="14:14">
      <c r="N9759" s="10"/>
    </row>
    <row r="9760" spans="14:14">
      <c r="N9760" s="10"/>
    </row>
    <row r="9761" spans="14:14">
      <c r="N9761" s="10"/>
    </row>
    <row r="9762" spans="14:14">
      <c r="N9762" s="10"/>
    </row>
    <row r="9763" spans="14:14">
      <c r="N9763" s="10"/>
    </row>
    <row r="9764" spans="14:14">
      <c r="N9764" s="10"/>
    </row>
    <row r="9765" spans="14:14">
      <c r="N9765" s="10"/>
    </row>
    <row r="9766" spans="14:14">
      <c r="N9766" s="10"/>
    </row>
    <row r="9767" spans="14:14">
      <c r="N9767" s="10"/>
    </row>
    <row r="9768" spans="14:14">
      <c r="N9768" s="10"/>
    </row>
    <row r="9769" spans="14:14">
      <c r="N9769" s="10"/>
    </row>
    <row r="9770" spans="14:14">
      <c r="N9770" s="10"/>
    </row>
    <row r="9771" spans="14:14">
      <c r="N9771" s="10"/>
    </row>
    <row r="9772" spans="14:14">
      <c r="N9772" s="10"/>
    </row>
    <row r="9773" spans="14:14">
      <c r="N9773" s="10"/>
    </row>
    <row r="9774" spans="14:14">
      <c r="N9774" s="10"/>
    </row>
    <row r="9775" spans="14:14">
      <c r="N9775" s="10"/>
    </row>
    <row r="9776" spans="14:14">
      <c r="N9776" s="10"/>
    </row>
    <row r="9777" spans="14:14">
      <c r="N9777" s="10"/>
    </row>
    <row r="9778" spans="14:14">
      <c r="N9778" s="10"/>
    </row>
    <row r="9779" spans="14:14">
      <c r="N9779" s="10"/>
    </row>
    <row r="9780" spans="14:14">
      <c r="N9780" s="10"/>
    </row>
    <row r="9781" spans="14:14">
      <c r="N9781" s="10"/>
    </row>
    <row r="9782" spans="14:14">
      <c r="N9782" s="10"/>
    </row>
    <row r="9783" spans="14:14">
      <c r="N9783" s="10"/>
    </row>
    <row r="9784" spans="14:14">
      <c r="N9784" s="10"/>
    </row>
    <row r="9785" spans="14:14">
      <c r="N9785" s="10"/>
    </row>
    <row r="9786" spans="14:14">
      <c r="N9786" s="10"/>
    </row>
    <row r="9787" spans="14:14">
      <c r="N9787" s="10"/>
    </row>
    <row r="9788" spans="14:14">
      <c r="N9788" s="10"/>
    </row>
    <row r="9789" spans="14:14">
      <c r="N9789" s="10"/>
    </row>
    <row r="9790" spans="14:14">
      <c r="N9790" s="10"/>
    </row>
    <row r="9791" spans="14:14">
      <c r="N9791" s="10"/>
    </row>
    <row r="9792" spans="14:14">
      <c r="N9792" s="10"/>
    </row>
    <row r="9793" spans="14:14">
      <c r="N9793" s="10"/>
    </row>
    <row r="9794" spans="14:14">
      <c r="N9794" s="10"/>
    </row>
    <row r="9795" spans="14:14">
      <c r="N9795" s="10"/>
    </row>
    <row r="9796" spans="14:14">
      <c r="N9796" s="10"/>
    </row>
    <row r="9797" spans="14:14">
      <c r="N9797" s="10"/>
    </row>
    <row r="9798" spans="14:14">
      <c r="N9798" s="10"/>
    </row>
    <row r="9799" spans="14:14">
      <c r="N9799" s="10"/>
    </row>
    <row r="9800" spans="14:14">
      <c r="N9800" s="10"/>
    </row>
    <row r="9801" spans="14:14">
      <c r="N9801" s="10"/>
    </row>
    <row r="9802" spans="14:14">
      <c r="N9802" s="10"/>
    </row>
    <row r="9803" spans="14:14">
      <c r="N9803" s="10"/>
    </row>
    <row r="9804" spans="14:14">
      <c r="N9804" s="10"/>
    </row>
    <row r="9805" spans="14:14">
      <c r="N9805" s="10"/>
    </row>
    <row r="9806" spans="14:14">
      <c r="N9806" s="10"/>
    </row>
    <row r="9807" spans="14:14">
      <c r="N9807" s="10"/>
    </row>
    <row r="9808" spans="14:14">
      <c r="N9808" s="10"/>
    </row>
    <row r="9809" spans="14:14">
      <c r="N9809" s="10"/>
    </row>
    <row r="9810" spans="14:14">
      <c r="N9810" s="10"/>
    </row>
    <row r="9811" spans="14:14">
      <c r="N9811" s="10"/>
    </row>
    <row r="9812" spans="14:14">
      <c r="N9812" s="10"/>
    </row>
    <row r="9813" spans="14:14">
      <c r="N9813" s="10"/>
    </row>
    <row r="9814" spans="14:14">
      <c r="N9814" s="10"/>
    </row>
    <row r="9815" spans="14:14">
      <c r="N9815" s="10"/>
    </row>
    <row r="9816" spans="14:14">
      <c r="N9816" s="10"/>
    </row>
    <row r="9817" spans="14:14">
      <c r="N9817" s="10"/>
    </row>
    <row r="9818" spans="14:14">
      <c r="N9818" s="10"/>
    </row>
    <row r="9819" spans="14:14">
      <c r="N9819" s="10"/>
    </row>
    <row r="9820" spans="14:14">
      <c r="N9820" s="10"/>
    </row>
    <row r="9821" spans="14:14">
      <c r="N9821" s="10"/>
    </row>
    <row r="9822" spans="14:14">
      <c r="N9822" s="10"/>
    </row>
    <row r="9823" spans="14:14">
      <c r="N9823" s="10"/>
    </row>
    <row r="9824" spans="14:14">
      <c r="N9824" s="10"/>
    </row>
    <row r="9825" spans="14:14">
      <c r="N9825" s="10"/>
    </row>
    <row r="9826" spans="14:14">
      <c r="N9826" s="10"/>
    </row>
    <row r="9827" spans="14:14">
      <c r="N9827" s="10"/>
    </row>
    <row r="9828" spans="14:14">
      <c r="N9828" s="10"/>
    </row>
    <row r="9829" spans="14:14">
      <c r="N9829" s="10"/>
    </row>
    <row r="9830" spans="14:14">
      <c r="N9830" s="10"/>
    </row>
    <row r="9831" spans="14:14">
      <c r="N9831" s="10"/>
    </row>
    <row r="9832" spans="14:14">
      <c r="N9832" s="10"/>
    </row>
    <row r="9833" spans="14:14">
      <c r="N9833" s="10"/>
    </row>
    <row r="9834" spans="14:14">
      <c r="N9834" s="10"/>
    </row>
    <row r="9835" spans="14:14">
      <c r="N9835" s="10"/>
    </row>
    <row r="9836" spans="14:14">
      <c r="N9836" s="10"/>
    </row>
    <row r="9837" spans="14:14">
      <c r="N9837" s="10"/>
    </row>
    <row r="9838" spans="14:14">
      <c r="N9838" s="10"/>
    </row>
    <row r="9839" spans="14:14">
      <c r="N9839" s="10"/>
    </row>
    <row r="9840" spans="14:14">
      <c r="N9840" s="10"/>
    </row>
    <row r="9841" spans="14:14">
      <c r="N9841" s="10"/>
    </row>
    <row r="9842" spans="14:14">
      <c r="N9842" s="10"/>
    </row>
    <row r="9843" spans="14:14">
      <c r="N9843" s="10"/>
    </row>
    <row r="9844" spans="14:14">
      <c r="N9844" s="10"/>
    </row>
    <row r="9845" spans="14:14">
      <c r="N9845" s="10"/>
    </row>
    <row r="9846" spans="14:14">
      <c r="N9846" s="10"/>
    </row>
    <row r="9847" spans="14:14">
      <c r="N9847" s="10"/>
    </row>
    <row r="9848" spans="14:14">
      <c r="N9848" s="10"/>
    </row>
    <row r="9849" spans="14:14">
      <c r="N9849" s="10"/>
    </row>
    <row r="9850" spans="14:14">
      <c r="N9850" s="10"/>
    </row>
    <row r="9851" spans="14:14">
      <c r="N9851" s="10"/>
    </row>
    <row r="9852" spans="14:14">
      <c r="N9852" s="10"/>
    </row>
    <row r="9853" spans="14:14">
      <c r="N9853" s="10"/>
    </row>
    <row r="9854" spans="14:14">
      <c r="N9854" s="10"/>
    </row>
    <row r="9855" spans="14:14">
      <c r="N9855" s="10"/>
    </row>
    <row r="9856" spans="14:14">
      <c r="N9856" s="10"/>
    </row>
    <row r="9857" spans="14:14">
      <c r="N9857" s="10"/>
    </row>
    <row r="9858" spans="14:14">
      <c r="N9858" s="10"/>
    </row>
    <row r="9859" spans="14:14">
      <c r="N9859" s="10"/>
    </row>
    <row r="9860" spans="14:14">
      <c r="N9860" s="10"/>
    </row>
    <row r="9861" spans="14:14">
      <c r="N9861" s="10"/>
    </row>
    <row r="9862" spans="14:14">
      <c r="N9862" s="10"/>
    </row>
    <row r="9863" spans="14:14">
      <c r="N9863" s="10"/>
    </row>
    <row r="9864" spans="14:14">
      <c r="N9864" s="10"/>
    </row>
    <row r="9865" spans="14:14">
      <c r="N9865" s="10"/>
    </row>
    <row r="9866" spans="14:14">
      <c r="N9866" s="10"/>
    </row>
    <row r="9867" spans="14:14">
      <c r="N9867" s="10"/>
    </row>
    <row r="9868" spans="14:14">
      <c r="N9868" s="10"/>
    </row>
    <row r="9869" spans="14:14">
      <c r="N9869" s="10"/>
    </row>
    <row r="9870" spans="14:14">
      <c r="N9870" s="10"/>
    </row>
    <row r="9871" spans="14:14">
      <c r="N9871" s="10"/>
    </row>
    <row r="9872" spans="14:14">
      <c r="N9872" s="10"/>
    </row>
    <row r="9873" spans="14:14">
      <c r="N9873" s="10"/>
    </row>
    <row r="9874" spans="14:14">
      <c r="N9874" s="10"/>
    </row>
    <row r="9875" spans="14:14">
      <c r="N9875" s="10"/>
    </row>
    <row r="9876" spans="14:14">
      <c r="N9876" s="10"/>
    </row>
    <row r="9877" spans="14:14">
      <c r="N9877" s="10"/>
    </row>
    <row r="9878" spans="14:14">
      <c r="N9878" s="10"/>
    </row>
    <row r="9879" spans="14:14">
      <c r="N9879" s="10"/>
    </row>
    <row r="9880" spans="14:14">
      <c r="N9880" s="10"/>
    </row>
    <row r="9881" spans="14:14">
      <c r="N9881" s="10"/>
    </row>
    <row r="9882" spans="14:14">
      <c r="N9882" s="10"/>
    </row>
    <row r="9883" spans="14:14">
      <c r="N9883" s="10"/>
    </row>
    <row r="9884" spans="14:14">
      <c r="N9884" s="10"/>
    </row>
    <row r="9885" spans="14:14">
      <c r="N9885" s="10"/>
    </row>
    <row r="9886" spans="14:14">
      <c r="N9886" s="10"/>
    </row>
    <row r="9887" spans="14:14">
      <c r="N9887" s="10"/>
    </row>
    <row r="9888" spans="14:14">
      <c r="N9888" s="10"/>
    </row>
    <row r="9889" spans="14:14">
      <c r="N9889" s="10"/>
    </row>
    <row r="9890" spans="14:14">
      <c r="N9890" s="10"/>
    </row>
    <row r="9891" spans="14:14">
      <c r="N9891" s="10"/>
    </row>
    <row r="9892" spans="14:14">
      <c r="N9892" s="10"/>
    </row>
    <row r="9893" spans="14:14">
      <c r="N9893" s="10"/>
    </row>
    <row r="9894" spans="14:14">
      <c r="N9894" s="10"/>
    </row>
    <row r="9895" spans="14:14">
      <c r="N9895" s="10"/>
    </row>
    <row r="9896" spans="14:14">
      <c r="N9896" s="10"/>
    </row>
    <row r="9897" spans="14:14">
      <c r="N9897" s="10"/>
    </row>
    <row r="9898" spans="14:14">
      <c r="N9898" s="10"/>
    </row>
    <row r="9899" spans="14:14">
      <c r="N9899" s="10"/>
    </row>
    <row r="9900" spans="14:14">
      <c r="N9900" s="10"/>
    </row>
    <row r="9901" spans="14:14">
      <c r="N9901" s="10"/>
    </row>
    <row r="9902" spans="14:14">
      <c r="N9902" s="10"/>
    </row>
    <row r="9903" spans="14:14">
      <c r="N9903" s="10"/>
    </row>
    <row r="9904" spans="14:14">
      <c r="N9904" s="10"/>
    </row>
    <row r="9905" spans="14:14">
      <c r="N9905" s="10"/>
    </row>
    <row r="9906" spans="14:14">
      <c r="N9906" s="10"/>
    </row>
    <row r="9907" spans="14:14">
      <c r="N9907" s="10"/>
    </row>
    <row r="9908" spans="14:14">
      <c r="N9908" s="10"/>
    </row>
    <row r="9909" spans="14:14">
      <c r="N9909" s="10"/>
    </row>
    <row r="9910" spans="14:14">
      <c r="N9910" s="10"/>
    </row>
    <row r="9911" spans="14:14">
      <c r="N9911" s="10"/>
    </row>
    <row r="9912" spans="14:14">
      <c r="N9912" s="10"/>
    </row>
    <row r="9913" spans="14:14">
      <c r="N9913" s="10"/>
    </row>
    <row r="9914" spans="14:14">
      <c r="N9914" s="10"/>
    </row>
    <row r="9915" spans="14:14">
      <c r="N9915" s="10"/>
    </row>
    <row r="9916" spans="14:14">
      <c r="N9916" s="10"/>
    </row>
    <row r="9917" spans="14:14">
      <c r="N9917" s="10"/>
    </row>
    <row r="9918" spans="14:14">
      <c r="N9918" s="10"/>
    </row>
    <row r="9919" spans="14:14">
      <c r="N9919" s="10"/>
    </row>
    <row r="9920" spans="14:14">
      <c r="N9920" s="10"/>
    </row>
    <row r="9921" spans="14:14">
      <c r="N9921" s="10"/>
    </row>
    <row r="9922" spans="14:14">
      <c r="N9922" s="10"/>
    </row>
    <row r="9923" spans="14:14">
      <c r="N9923" s="10"/>
    </row>
    <row r="9924" spans="14:14">
      <c r="N9924" s="10"/>
    </row>
    <row r="9925" spans="14:14">
      <c r="N9925" s="10"/>
    </row>
    <row r="9926" spans="14:14">
      <c r="N9926" s="10"/>
    </row>
    <row r="9927" spans="14:14">
      <c r="N9927" s="10"/>
    </row>
    <row r="9928" spans="14:14">
      <c r="N9928" s="10"/>
    </row>
    <row r="9929" spans="14:14">
      <c r="N9929" s="10"/>
    </row>
    <row r="9930" spans="14:14">
      <c r="N9930" s="10"/>
    </row>
    <row r="9931" spans="14:14">
      <c r="N9931" s="10"/>
    </row>
    <row r="9932" spans="14:14">
      <c r="N9932" s="10"/>
    </row>
    <row r="9933" spans="14:14">
      <c r="N9933" s="10"/>
    </row>
    <row r="9934" spans="14:14">
      <c r="N9934" s="10"/>
    </row>
    <row r="9935" spans="14:14">
      <c r="N9935" s="10"/>
    </row>
    <row r="9936" spans="14:14">
      <c r="N9936" s="10"/>
    </row>
    <row r="9937" spans="14:14">
      <c r="N9937" s="10"/>
    </row>
    <row r="9938" spans="14:14">
      <c r="N9938" s="10"/>
    </row>
    <row r="9939" spans="14:14">
      <c r="N9939" s="10"/>
    </row>
    <row r="9940" spans="14:14">
      <c r="N9940" s="10"/>
    </row>
    <row r="9941" spans="14:14">
      <c r="N9941" s="10"/>
    </row>
    <row r="9942" spans="14:14">
      <c r="N9942" s="10"/>
    </row>
    <row r="9943" spans="14:14">
      <c r="N9943" s="10"/>
    </row>
    <row r="9944" spans="14:14">
      <c r="N9944" s="10"/>
    </row>
    <row r="9945" spans="14:14">
      <c r="N9945" s="10"/>
    </row>
    <row r="9946" spans="14:14">
      <c r="N9946" s="10"/>
    </row>
    <row r="9947" spans="14:14">
      <c r="N9947" s="10"/>
    </row>
    <row r="9948" spans="14:14">
      <c r="N9948" s="10"/>
    </row>
    <row r="9949" spans="14:14">
      <c r="N9949" s="10"/>
    </row>
    <row r="9950" spans="14:14">
      <c r="N9950" s="10"/>
    </row>
    <row r="9951" spans="14:14">
      <c r="N9951" s="10"/>
    </row>
    <row r="9952" spans="14:14">
      <c r="N9952" s="10"/>
    </row>
    <row r="9953" spans="14:14">
      <c r="N9953" s="10"/>
    </row>
    <row r="9954" spans="14:14">
      <c r="N9954" s="10"/>
    </row>
    <row r="9955" spans="14:14">
      <c r="N9955" s="10"/>
    </row>
    <row r="9956" spans="14:14">
      <c r="N9956" s="10"/>
    </row>
    <row r="9957" spans="14:14">
      <c r="N9957" s="10"/>
    </row>
    <row r="9958" spans="14:14">
      <c r="N9958" s="10"/>
    </row>
    <row r="9959" spans="14:14">
      <c r="N9959" s="10"/>
    </row>
    <row r="9960" spans="14:14">
      <c r="N9960" s="10"/>
    </row>
    <row r="9961" spans="14:14">
      <c r="N9961" s="10"/>
    </row>
    <row r="9962" spans="14:14">
      <c r="N9962" s="10"/>
    </row>
    <row r="9963" spans="14:14">
      <c r="N9963" s="10"/>
    </row>
    <row r="9964" spans="14:14">
      <c r="N9964" s="10"/>
    </row>
    <row r="9965" spans="14:14">
      <c r="N9965" s="10"/>
    </row>
    <row r="9966" spans="14:14">
      <c r="N9966" s="10"/>
    </row>
    <row r="9967" spans="14:14">
      <c r="N9967" s="10"/>
    </row>
    <row r="9968" spans="14:14">
      <c r="N9968" s="10"/>
    </row>
    <row r="9969" spans="14:14">
      <c r="N9969" s="10"/>
    </row>
    <row r="9970" spans="14:14">
      <c r="N9970" s="10"/>
    </row>
    <row r="9971" spans="14:14">
      <c r="N9971" s="10"/>
    </row>
    <row r="9972" spans="14:14">
      <c r="N9972" s="10"/>
    </row>
    <row r="9973" spans="14:14">
      <c r="N9973" s="10"/>
    </row>
    <row r="9974" spans="14:14">
      <c r="N9974" s="10"/>
    </row>
    <row r="9975" spans="14:14">
      <c r="N9975" s="10"/>
    </row>
    <row r="9976" spans="14:14">
      <c r="N9976" s="10"/>
    </row>
    <row r="9977" spans="14:14">
      <c r="N9977" s="10"/>
    </row>
    <row r="9978" spans="14:14">
      <c r="N9978" s="10"/>
    </row>
    <row r="9979" spans="14:14">
      <c r="N9979" s="10"/>
    </row>
    <row r="9980" spans="14:14">
      <c r="N9980" s="10"/>
    </row>
    <row r="9981" spans="14:14">
      <c r="N9981" s="10"/>
    </row>
    <row r="9982" spans="14:14">
      <c r="N9982" s="10"/>
    </row>
    <row r="9983" spans="14:14">
      <c r="N9983" s="10"/>
    </row>
    <row r="9984" spans="14:14">
      <c r="N9984" s="10"/>
    </row>
    <row r="9985" spans="14:14">
      <c r="N9985" s="10"/>
    </row>
    <row r="9986" spans="14:14">
      <c r="N9986" s="10"/>
    </row>
    <row r="9987" spans="14:14">
      <c r="N9987" s="10"/>
    </row>
    <row r="9988" spans="14:14">
      <c r="N9988" s="10"/>
    </row>
    <row r="9989" spans="14:14">
      <c r="N9989" s="10"/>
    </row>
    <row r="9990" spans="14:14">
      <c r="N9990" s="10"/>
    </row>
    <row r="9991" spans="14:14">
      <c r="N9991" s="10"/>
    </row>
    <row r="9992" spans="14:14">
      <c r="N9992" s="10"/>
    </row>
    <row r="9993" spans="14:14">
      <c r="N9993" s="10"/>
    </row>
    <row r="9994" spans="14:14">
      <c r="N9994" s="10"/>
    </row>
    <row r="9995" spans="14:14">
      <c r="N9995" s="10"/>
    </row>
    <row r="9996" spans="14:14">
      <c r="N9996" s="10"/>
    </row>
    <row r="9997" spans="14:14">
      <c r="N9997" s="10"/>
    </row>
    <row r="9998" spans="14:14">
      <c r="N9998" s="10"/>
    </row>
    <row r="9999" spans="14:14">
      <c r="N9999" s="10"/>
    </row>
    <row r="10000" spans="14:14">
      <c r="N10000" s="10"/>
    </row>
    <row r="10001" spans="14:14">
      <c r="N10001" s="10"/>
    </row>
    <row r="10002" spans="14:14">
      <c r="N10002" s="10"/>
    </row>
    <row r="10003" spans="14:14">
      <c r="N10003" s="10"/>
    </row>
    <row r="10004" spans="14:14">
      <c r="N10004" s="10"/>
    </row>
    <row r="10005" spans="14:14">
      <c r="N10005" s="10"/>
    </row>
    <row r="10006" spans="14:14">
      <c r="N10006" s="10"/>
    </row>
    <row r="10007" spans="14:14">
      <c r="N10007" s="10"/>
    </row>
    <row r="10008" spans="14:14">
      <c r="N10008" s="10"/>
    </row>
    <row r="10009" spans="14:14">
      <c r="N10009" s="10"/>
    </row>
    <row r="10010" spans="14:14">
      <c r="N10010" s="10"/>
    </row>
    <row r="10011" spans="14:14">
      <c r="N10011" s="10"/>
    </row>
    <row r="10012" spans="14:14">
      <c r="N10012" s="10"/>
    </row>
    <row r="10013" spans="14:14">
      <c r="N10013" s="10"/>
    </row>
    <row r="10014" spans="14:14">
      <c r="N10014" s="10"/>
    </row>
    <row r="10015" spans="14:14">
      <c r="N10015" s="10"/>
    </row>
    <row r="10016" spans="14:14">
      <c r="N10016" s="10"/>
    </row>
    <row r="10017" spans="14:14">
      <c r="N10017" s="10"/>
    </row>
    <row r="10018" spans="14:14">
      <c r="N10018" s="10"/>
    </row>
    <row r="10019" spans="14:14">
      <c r="N10019" s="10"/>
    </row>
    <row r="10020" spans="14:14">
      <c r="N10020" s="10"/>
    </row>
    <row r="10021" spans="14:14">
      <c r="N10021" s="10"/>
    </row>
    <row r="10022" spans="14:14">
      <c r="N10022" s="10"/>
    </row>
    <row r="10023" spans="14:14">
      <c r="N10023" s="10"/>
    </row>
    <row r="10024" spans="14:14">
      <c r="N10024" s="10"/>
    </row>
    <row r="10025" spans="14:14">
      <c r="N10025" s="10"/>
    </row>
    <row r="10026" spans="14:14">
      <c r="N10026" s="10"/>
    </row>
    <row r="10027" spans="14:14">
      <c r="N10027" s="10"/>
    </row>
    <row r="10028" spans="14:14">
      <c r="N10028" s="10"/>
    </row>
    <row r="10029" spans="14:14">
      <c r="N10029" s="10"/>
    </row>
    <row r="10030" spans="14:14">
      <c r="N10030" s="10"/>
    </row>
    <row r="10031" spans="14:14">
      <c r="N10031" s="10"/>
    </row>
    <row r="10032" spans="14:14">
      <c r="N10032" s="10"/>
    </row>
    <row r="10033" spans="14:14">
      <c r="N10033" s="10"/>
    </row>
    <row r="10034" spans="14:14">
      <c r="N10034" s="10"/>
    </row>
    <row r="10035" spans="14:14">
      <c r="N10035" s="10"/>
    </row>
    <row r="10036" spans="14:14">
      <c r="N10036" s="10"/>
    </row>
    <row r="10037" spans="14:14">
      <c r="N10037" s="10"/>
    </row>
    <row r="10038" spans="14:14">
      <c r="N10038" s="10"/>
    </row>
    <row r="10039" spans="14:14">
      <c r="N10039" s="10"/>
    </row>
    <row r="10040" spans="14:14">
      <c r="N10040" s="10"/>
    </row>
    <row r="10041" spans="14:14">
      <c r="N10041" s="10"/>
    </row>
    <row r="10042" spans="14:14">
      <c r="N10042" s="10"/>
    </row>
    <row r="10043" spans="14:14">
      <c r="N10043" s="10"/>
    </row>
    <row r="10044" spans="14:14">
      <c r="N10044" s="10"/>
    </row>
    <row r="10045" spans="14:14">
      <c r="N10045" s="10"/>
    </row>
    <row r="10046" spans="14:14">
      <c r="N10046" s="10"/>
    </row>
    <row r="10047" spans="14:14">
      <c r="N10047" s="10"/>
    </row>
    <row r="10048" spans="14:14">
      <c r="N10048" s="10"/>
    </row>
    <row r="10049" spans="14:14">
      <c r="N10049" s="10"/>
    </row>
    <row r="10050" spans="14:14">
      <c r="N10050" s="10"/>
    </row>
    <row r="10051" spans="14:14">
      <c r="N10051" s="10"/>
    </row>
    <row r="10052" spans="14:14">
      <c r="N10052" s="10"/>
    </row>
    <row r="10053" spans="14:14">
      <c r="N10053" s="10"/>
    </row>
    <row r="10054" spans="14:14">
      <c r="N10054" s="10"/>
    </row>
    <row r="10055" spans="14:14">
      <c r="N10055" s="10"/>
    </row>
    <row r="10056" spans="14:14">
      <c r="N10056" s="10"/>
    </row>
    <row r="10057" spans="14:14">
      <c r="N10057" s="10"/>
    </row>
    <row r="10058" spans="14:14">
      <c r="N10058" s="10"/>
    </row>
    <row r="10059" spans="14:14">
      <c r="N10059" s="10"/>
    </row>
    <row r="10060" spans="14:14">
      <c r="N10060" s="10"/>
    </row>
    <row r="10061" spans="14:14">
      <c r="N10061" s="10"/>
    </row>
    <row r="10062" spans="14:14">
      <c r="N10062" s="10"/>
    </row>
    <row r="10063" spans="14:14">
      <c r="N10063" s="10"/>
    </row>
    <row r="10064" spans="14:14">
      <c r="N10064" s="10"/>
    </row>
    <row r="10065" spans="14:14">
      <c r="N10065" s="10"/>
    </row>
    <row r="10066" spans="14:14">
      <c r="N10066" s="10"/>
    </row>
    <row r="10067" spans="14:14">
      <c r="N10067" s="10"/>
    </row>
    <row r="10068" spans="14:14">
      <c r="N10068" s="10"/>
    </row>
    <row r="10069" spans="14:14">
      <c r="N10069" s="10"/>
    </row>
    <row r="10070" spans="14:14">
      <c r="N10070" s="10"/>
    </row>
    <row r="10071" spans="14:14">
      <c r="N10071" s="10"/>
    </row>
    <row r="10072" spans="14:14">
      <c r="N10072" s="10"/>
    </row>
    <row r="10073" spans="14:14">
      <c r="N10073" s="10"/>
    </row>
    <row r="10074" spans="14:14">
      <c r="N10074" s="10"/>
    </row>
    <row r="10075" spans="14:14">
      <c r="N10075" s="10"/>
    </row>
    <row r="10076" spans="14:14">
      <c r="N10076" s="10"/>
    </row>
    <row r="10077" spans="14:14">
      <c r="N10077" s="10"/>
    </row>
    <row r="10078" spans="14:14">
      <c r="N10078" s="10"/>
    </row>
    <row r="10079" spans="14:14">
      <c r="N10079" s="10"/>
    </row>
    <row r="10080" spans="14:14">
      <c r="N10080" s="10"/>
    </row>
    <row r="10081" spans="14:14">
      <c r="N10081" s="10"/>
    </row>
    <row r="10082" spans="14:14">
      <c r="N10082" s="10"/>
    </row>
    <row r="10083" spans="14:14">
      <c r="N10083" s="10"/>
    </row>
    <row r="10084" spans="14:14">
      <c r="N10084" s="10"/>
    </row>
    <row r="10085" spans="14:14">
      <c r="N10085" s="10"/>
    </row>
    <row r="10086" spans="14:14">
      <c r="N10086" s="10"/>
    </row>
    <row r="10087" spans="14:14">
      <c r="N10087" s="10"/>
    </row>
    <row r="10088" spans="14:14">
      <c r="N10088" s="10"/>
    </row>
    <row r="10089" spans="14:14">
      <c r="N10089" s="10"/>
    </row>
    <row r="10090" spans="14:14">
      <c r="N10090" s="10"/>
    </row>
    <row r="10091" spans="14:14">
      <c r="N10091" s="10"/>
    </row>
    <row r="10092" spans="14:14">
      <c r="N10092" s="10"/>
    </row>
    <row r="10093" spans="14:14">
      <c r="N10093" s="10"/>
    </row>
    <row r="10094" spans="14:14">
      <c r="N10094" s="10"/>
    </row>
    <row r="10095" spans="14:14">
      <c r="N10095" s="10"/>
    </row>
    <row r="10096" spans="14:14">
      <c r="N10096" s="10"/>
    </row>
    <row r="10097" spans="14:14">
      <c r="N10097" s="10"/>
    </row>
    <row r="10098" spans="14:14">
      <c r="N10098" s="10"/>
    </row>
    <row r="10099" spans="14:14">
      <c r="N10099" s="10"/>
    </row>
    <row r="10100" spans="14:14">
      <c r="N10100" s="10"/>
    </row>
    <row r="10101" spans="14:14">
      <c r="N10101" s="10"/>
    </row>
    <row r="10102" spans="14:14">
      <c r="N10102" s="10"/>
    </row>
    <row r="10103" spans="14:14">
      <c r="N10103" s="10"/>
    </row>
    <row r="10104" spans="14:14">
      <c r="N10104" s="10"/>
    </row>
    <row r="10105" spans="14:14">
      <c r="N10105" s="10"/>
    </row>
    <row r="10106" spans="14:14">
      <c r="N10106" s="10"/>
    </row>
    <row r="10107" spans="14:14">
      <c r="N10107" s="10"/>
    </row>
    <row r="10108" spans="14:14">
      <c r="N10108" s="10"/>
    </row>
    <row r="10109" spans="14:14">
      <c r="N10109" s="10"/>
    </row>
    <row r="10110" spans="14:14">
      <c r="N10110" s="10"/>
    </row>
    <row r="10111" spans="14:14">
      <c r="N10111" s="10"/>
    </row>
    <row r="10112" spans="14:14">
      <c r="N10112" s="10"/>
    </row>
    <row r="10113" spans="14:14">
      <c r="N10113" s="10"/>
    </row>
    <row r="10114" spans="14:14">
      <c r="N10114" s="10"/>
    </row>
    <row r="10115" spans="14:14">
      <c r="N10115" s="10"/>
    </row>
    <row r="10116" spans="14:14">
      <c r="N10116" s="10"/>
    </row>
    <row r="10117" spans="14:14">
      <c r="N10117" s="10"/>
    </row>
    <row r="10118" spans="14:14">
      <c r="N10118" s="10"/>
    </row>
    <row r="10119" spans="14:14">
      <c r="N10119" s="10"/>
    </row>
    <row r="10120" spans="14:14">
      <c r="N10120" s="10"/>
    </row>
    <row r="10121" spans="14:14">
      <c r="N10121" s="10"/>
    </row>
    <row r="10122" spans="14:14">
      <c r="N10122" s="10"/>
    </row>
    <row r="10123" spans="14:14">
      <c r="N10123" s="10"/>
    </row>
    <row r="10124" spans="14:14">
      <c r="N10124" s="10"/>
    </row>
    <row r="10125" spans="14:14">
      <c r="N10125" s="10"/>
    </row>
    <row r="10126" spans="14:14">
      <c r="N10126" s="10"/>
    </row>
    <row r="10127" spans="14:14">
      <c r="N10127" s="10"/>
    </row>
    <row r="10128" spans="14:14">
      <c r="N10128" s="10"/>
    </row>
    <row r="10129" spans="14:14">
      <c r="N10129" s="10"/>
    </row>
    <row r="10130" spans="14:14">
      <c r="N10130" s="10"/>
    </row>
    <row r="10131" spans="14:14">
      <c r="N10131" s="10"/>
    </row>
    <row r="10132" spans="14:14">
      <c r="N10132" s="10"/>
    </row>
    <row r="10133" spans="14:14">
      <c r="N10133" s="10"/>
    </row>
    <row r="10134" spans="14:14">
      <c r="N10134" s="10"/>
    </row>
    <row r="10135" spans="14:14">
      <c r="N10135" s="10"/>
    </row>
    <row r="10136" spans="14:14">
      <c r="N10136" s="10"/>
    </row>
    <row r="10137" spans="14:14">
      <c r="N10137" s="10"/>
    </row>
    <row r="10138" spans="14:14">
      <c r="N10138" s="10"/>
    </row>
    <row r="10139" spans="14:14">
      <c r="N10139" s="10"/>
    </row>
    <row r="10140" spans="14:14">
      <c r="N10140" s="10"/>
    </row>
    <row r="10141" spans="14:14">
      <c r="N10141" s="10"/>
    </row>
    <row r="10142" spans="14:14">
      <c r="N10142" s="10"/>
    </row>
    <row r="10143" spans="14:14">
      <c r="N10143" s="10"/>
    </row>
    <row r="10144" spans="14:14">
      <c r="N10144" s="10"/>
    </row>
    <row r="10145" spans="14:14">
      <c r="N10145" s="10"/>
    </row>
    <row r="10146" spans="14:14">
      <c r="N10146" s="10"/>
    </row>
    <row r="10147" spans="14:14">
      <c r="N10147" s="10"/>
    </row>
    <row r="10148" spans="14:14">
      <c r="N10148" s="10"/>
    </row>
    <row r="10149" spans="14:14">
      <c r="N10149" s="10"/>
    </row>
    <row r="10150" spans="14:14">
      <c r="N10150" s="10"/>
    </row>
    <row r="10151" spans="14:14">
      <c r="N10151" s="10"/>
    </row>
    <row r="10152" spans="14:14">
      <c r="N10152" s="10"/>
    </row>
    <row r="10153" spans="14:14">
      <c r="N10153" s="10"/>
    </row>
    <row r="10154" spans="14:14">
      <c r="N10154" s="10"/>
    </row>
    <row r="10155" spans="14:14">
      <c r="N10155" s="10"/>
    </row>
    <row r="10156" spans="14:14">
      <c r="N10156" s="10"/>
    </row>
    <row r="10157" spans="14:14">
      <c r="N10157" s="10"/>
    </row>
    <row r="10158" spans="14:14">
      <c r="N10158" s="10"/>
    </row>
    <row r="10159" spans="14:14">
      <c r="N10159" s="10"/>
    </row>
    <row r="10160" spans="14:14">
      <c r="N10160" s="10"/>
    </row>
    <row r="10161" spans="14:14">
      <c r="N10161" s="10"/>
    </row>
    <row r="10162" spans="14:14">
      <c r="N10162" s="10"/>
    </row>
    <row r="10163" spans="14:14">
      <c r="N10163" s="10"/>
    </row>
    <row r="10164" spans="14:14">
      <c r="N10164" s="10"/>
    </row>
    <row r="10165" spans="14:14">
      <c r="N10165" s="10"/>
    </row>
    <row r="10166" spans="14:14">
      <c r="N10166" s="10"/>
    </row>
    <row r="10167" spans="14:14">
      <c r="N10167" s="10"/>
    </row>
    <row r="10168" spans="14:14">
      <c r="N10168" s="10"/>
    </row>
    <row r="10169" spans="14:14">
      <c r="N10169" s="10"/>
    </row>
    <row r="10170" spans="14:14">
      <c r="N10170" s="10"/>
    </row>
    <row r="10171" spans="14:14">
      <c r="N10171" s="10"/>
    </row>
    <row r="10172" spans="14:14">
      <c r="N10172" s="10"/>
    </row>
    <row r="10173" spans="14:14">
      <c r="N10173" s="10"/>
    </row>
    <row r="10174" spans="14:14">
      <c r="N10174" s="10"/>
    </row>
    <row r="10175" spans="14:14">
      <c r="N10175" s="10"/>
    </row>
    <row r="10176" spans="14:14">
      <c r="N10176" s="10"/>
    </row>
    <row r="10177" spans="14:14">
      <c r="N10177" s="10"/>
    </row>
    <row r="10178" spans="14:14">
      <c r="N10178" s="10"/>
    </row>
    <row r="10179" spans="14:14">
      <c r="N10179" s="10"/>
    </row>
    <row r="10180" spans="14:14">
      <c r="N10180" s="10"/>
    </row>
    <row r="10181" spans="14:14">
      <c r="N10181" s="10"/>
    </row>
    <row r="10182" spans="14:14">
      <c r="N10182" s="10"/>
    </row>
    <row r="10183" spans="14:14">
      <c r="N10183" s="10"/>
    </row>
    <row r="10184" spans="14:14">
      <c r="N10184" s="10"/>
    </row>
    <row r="10185" spans="14:14">
      <c r="N10185" s="10"/>
    </row>
    <row r="10186" spans="14:14">
      <c r="N10186" s="10"/>
    </row>
    <row r="10187" spans="14:14">
      <c r="N10187" s="10"/>
    </row>
    <row r="10188" spans="14:14">
      <c r="N10188" s="10"/>
    </row>
    <row r="10189" spans="14:14">
      <c r="N10189" s="10"/>
    </row>
    <row r="10190" spans="14:14">
      <c r="N10190" s="10"/>
    </row>
    <row r="10191" spans="14:14">
      <c r="N10191" s="10"/>
    </row>
    <row r="10192" spans="14:14">
      <c r="N10192" s="10"/>
    </row>
    <row r="10193" spans="14:14">
      <c r="N10193" s="10"/>
    </row>
    <row r="10194" spans="14:14">
      <c r="N10194" s="10"/>
    </row>
    <row r="10195" spans="14:14">
      <c r="N10195" s="10"/>
    </row>
    <row r="10196" spans="14:14">
      <c r="N10196" s="10"/>
    </row>
    <row r="10197" spans="14:14">
      <c r="N10197" s="10"/>
    </row>
    <row r="10198" spans="14:14">
      <c r="N10198" s="10"/>
    </row>
    <row r="10199" spans="14:14">
      <c r="N10199" s="10"/>
    </row>
    <row r="10200" spans="14:14">
      <c r="N10200" s="10"/>
    </row>
    <row r="10201" spans="14:14">
      <c r="N10201" s="10"/>
    </row>
    <row r="10202" spans="14:14">
      <c r="N10202" s="10"/>
    </row>
    <row r="10203" spans="14:14">
      <c r="N10203" s="10"/>
    </row>
    <row r="10204" spans="14:14">
      <c r="N10204" s="10"/>
    </row>
    <row r="10205" spans="14:14">
      <c r="N10205" s="10"/>
    </row>
    <row r="10206" spans="14:14">
      <c r="N10206" s="10"/>
    </row>
    <row r="10207" spans="14:14">
      <c r="N10207" s="10"/>
    </row>
    <row r="10208" spans="14:14">
      <c r="N10208" s="10"/>
    </row>
    <row r="10209" spans="14:14">
      <c r="N10209" s="10"/>
    </row>
    <row r="10210" spans="14:14">
      <c r="N10210" s="10"/>
    </row>
    <row r="10211" spans="14:14">
      <c r="N10211" s="10"/>
    </row>
    <row r="10212" spans="14:14">
      <c r="N10212" s="10"/>
    </row>
    <row r="10213" spans="14:14">
      <c r="N10213" s="10"/>
    </row>
    <row r="10214" spans="14:14">
      <c r="N10214" s="10"/>
    </row>
    <row r="10215" spans="14:14">
      <c r="N10215" s="10"/>
    </row>
    <row r="10216" spans="14:14">
      <c r="N10216" s="10"/>
    </row>
    <row r="10217" spans="14:14">
      <c r="N10217" s="10"/>
    </row>
    <row r="10218" spans="14:14">
      <c r="N10218" s="10"/>
    </row>
    <row r="10219" spans="14:14">
      <c r="N10219" s="10"/>
    </row>
    <row r="10220" spans="14:14">
      <c r="N10220" s="10"/>
    </row>
    <row r="10221" spans="14:14">
      <c r="N10221" s="10"/>
    </row>
    <row r="10222" spans="14:14">
      <c r="N10222" s="10"/>
    </row>
    <row r="10223" spans="14:14">
      <c r="N10223" s="10"/>
    </row>
    <row r="10224" spans="14:14">
      <c r="N10224" s="10"/>
    </row>
    <row r="10225" spans="14:14">
      <c r="N10225" s="10"/>
    </row>
    <row r="10226" spans="14:14">
      <c r="N10226" s="10"/>
    </row>
    <row r="10227" spans="14:14">
      <c r="N10227" s="10"/>
    </row>
    <row r="10228" spans="14:14">
      <c r="N10228" s="10"/>
    </row>
    <row r="10229" spans="14:14">
      <c r="N10229" s="10"/>
    </row>
    <row r="10230" spans="14:14">
      <c r="N10230" s="10"/>
    </row>
    <row r="10231" spans="14:14">
      <c r="N10231" s="10"/>
    </row>
    <row r="10232" spans="14:14">
      <c r="N10232" s="10"/>
    </row>
    <row r="10233" spans="14:14">
      <c r="N10233" s="10"/>
    </row>
    <row r="10234" spans="14:14">
      <c r="N10234" s="10"/>
    </row>
    <row r="10235" spans="14:14">
      <c r="N10235" s="10"/>
    </row>
    <row r="10236" spans="14:14">
      <c r="N10236" s="10"/>
    </row>
    <row r="10237" spans="14:14">
      <c r="N10237" s="10"/>
    </row>
    <row r="10238" spans="14:14">
      <c r="N10238" s="10"/>
    </row>
    <row r="10239" spans="14:14">
      <c r="N10239" s="10"/>
    </row>
    <row r="10240" spans="14:14">
      <c r="N10240" s="10"/>
    </row>
    <row r="10241" spans="14:14">
      <c r="N10241" s="10"/>
    </row>
    <row r="10242" spans="14:14">
      <c r="N10242" s="10"/>
    </row>
    <row r="10243" spans="14:14">
      <c r="N10243" s="10"/>
    </row>
    <row r="10244" spans="14:14">
      <c r="N10244" s="10"/>
    </row>
    <row r="10245" spans="14:14">
      <c r="N10245" s="10"/>
    </row>
    <row r="10246" spans="14:14">
      <c r="N10246" s="10"/>
    </row>
    <row r="10247" spans="14:14">
      <c r="N10247" s="10"/>
    </row>
    <row r="10248" spans="14:14">
      <c r="N10248" s="10"/>
    </row>
    <row r="10249" spans="14:14">
      <c r="N10249" s="10"/>
    </row>
    <row r="10250" spans="14:14">
      <c r="N10250" s="10"/>
    </row>
    <row r="10251" spans="14:14">
      <c r="N10251" s="10"/>
    </row>
    <row r="10252" spans="14:14">
      <c r="N10252" s="10"/>
    </row>
    <row r="10253" spans="14:14">
      <c r="N10253" s="10"/>
    </row>
    <row r="10254" spans="14:14">
      <c r="N10254" s="10"/>
    </row>
    <row r="10255" spans="14:14">
      <c r="N10255" s="10"/>
    </row>
    <row r="10256" spans="14:14">
      <c r="N10256" s="10"/>
    </row>
    <row r="10257" spans="14:14">
      <c r="N10257" s="10"/>
    </row>
    <row r="10258" spans="14:14">
      <c r="N10258" s="10"/>
    </row>
    <row r="10259" spans="14:14">
      <c r="N10259" s="10"/>
    </row>
    <row r="10260" spans="14:14">
      <c r="N10260" s="10"/>
    </row>
    <row r="10261" spans="14:14">
      <c r="N10261" s="10"/>
    </row>
    <row r="10262" spans="14:14">
      <c r="N10262" s="10"/>
    </row>
    <row r="10263" spans="14:14">
      <c r="N10263" s="10"/>
    </row>
    <row r="10264" spans="14:14">
      <c r="N10264" s="10"/>
    </row>
    <row r="10265" spans="14:14">
      <c r="N10265" s="10"/>
    </row>
    <row r="10266" spans="14:14">
      <c r="N10266" s="10"/>
    </row>
    <row r="10267" spans="14:14">
      <c r="N10267" s="10"/>
    </row>
    <row r="10268" spans="14:14">
      <c r="N10268" s="10"/>
    </row>
    <row r="10269" spans="14:14">
      <c r="N10269" s="10"/>
    </row>
    <row r="10270" spans="14:14">
      <c r="N10270" s="10"/>
    </row>
    <row r="10271" spans="14:14">
      <c r="N10271" s="10"/>
    </row>
    <row r="10272" spans="14:14">
      <c r="N10272" s="10"/>
    </row>
    <row r="10273" spans="14:14">
      <c r="N10273" s="10"/>
    </row>
    <row r="10274" spans="14:14">
      <c r="N10274" s="10"/>
    </row>
    <row r="10275" spans="14:14">
      <c r="N10275" s="10"/>
    </row>
    <row r="10276" spans="14:14">
      <c r="N10276" s="10"/>
    </row>
    <row r="10277" spans="14:14">
      <c r="N10277" s="10"/>
    </row>
    <row r="10278" spans="14:14">
      <c r="N10278" s="10"/>
    </row>
    <row r="10279" spans="14:14">
      <c r="N10279" s="10"/>
    </row>
    <row r="10280" spans="14:14">
      <c r="N10280" s="10"/>
    </row>
    <row r="10281" spans="14:14">
      <c r="N10281" s="10"/>
    </row>
    <row r="10282" spans="14:14">
      <c r="N10282" s="10"/>
    </row>
    <row r="10283" spans="14:14">
      <c r="N10283" s="10"/>
    </row>
    <row r="10284" spans="14:14">
      <c r="N10284" s="10"/>
    </row>
    <row r="10285" spans="14:14">
      <c r="N10285" s="10"/>
    </row>
    <row r="10286" spans="14:14">
      <c r="N10286" s="10"/>
    </row>
    <row r="10287" spans="14:14">
      <c r="N10287" s="10"/>
    </row>
    <row r="10288" spans="14:14">
      <c r="N10288" s="10"/>
    </row>
    <row r="10289" spans="14:14">
      <c r="N10289" s="10"/>
    </row>
    <row r="10290" spans="14:14">
      <c r="N10290" s="10"/>
    </row>
    <row r="10291" spans="14:14">
      <c r="N10291" s="10"/>
    </row>
    <row r="10292" spans="14:14">
      <c r="N10292" s="10"/>
    </row>
    <row r="10293" spans="14:14">
      <c r="N10293" s="10"/>
    </row>
    <row r="10294" spans="14:14">
      <c r="N10294" s="10"/>
    </row>
    <row r="10295" spans="14:14">
      <c r="N10295" s="10"/>
    </row>
    <row r="10296" spans="14:14">
      <c r="N10296" s="10"/>
    </row>
    <row r="10297" spans="14:14">
      <c r="N10297" s="10"/>
    </row>
    <row r="10298" spans="14:14">
      <c r="N10298" s="10"/>
    </row>
    <row r="10299" spans="14:14">
      <c r="N10299" s="10"/>
    </row>
    <row r="10300" spans="14:14">
      <c r="N10300" s="10"/>
    </row>
    <row r="10301" spans="14:14">
      <c r="N10301" s="10"/>
    </row>
    <row r="10302" spans="14:14">
      <c r="N10302" s="10"/>
    </row>
    <row r="10303" spans="14:14">
      <c r="N10303" s="10"/>
    </row>
    <row r="10304" spans="14:14">
      <c r="N10304" s="10"/>
    </row>
    <row r="10305" spans="14:14">
      <c r="N10305" s="10"/>
    </row>
    <row r="10306" spans="14:14">
      <c r="N10306" s="10"/>
    </row>
    <row r="10307" spans="14:14">
      <c r="N10307" s="10"/>
    </row>
    <row r="10308" spans="14:14">
      <c r="N10308" s="10"/>
    </row>
    <row r="10309" spans="14:14">
      <c r="N10309" s="10"/>
    </row>
    <row r="10310" spans="14:14">
      <c r="N10310" s="10"/>
    </row>
    <row r="10311" spans="14:14">
      <c r="N10311" s="10"/>
    </row>
    <row r="10312" spans="14:14">
      <c r="N10312" s="10"/>
    </row>
    <row r="10313" spans="14:14">
      <c r="N10313" s="10"/>
    </row>
    <row r="10314" spans="14:14">
      <c r="N10314" s="10"/>
    </row>
    <row r="10315" spans="14:14">
      <c r="N10315" s="10"/>
    </row>
    <row r="10316" spans="14:14">
      <c r="N10316" s="10"/>
    </row>
    <row r="10317" spans="14:14">
      <c r="N10317" s="10"/>
    </row>
    <row r="10318" spans="14:14">
      <c r="N10318" s="10"/>
    </row>
    <row r="10319" spans="14:14">
      <c r="N10319" s="10"/>
    </row>
    <row r="10320" spans="14:14">
      <c r="N10320" s="10"/>
    </row>
    <row r="10321" spans="14:14">
      <c r="N10321" s="10"/>
    </row>
    <row r="10322" spans="14:14">
      <c r="N10322" s="10"/>
    </row>
    <row r="10323" spans="14:14">
      <c r="N10323" s="10"/>
    </row>
    <row r="10324" spans="14:14">
      <c r="N10324" s="10"/>
    </row>
    <row r="10325" spans="14:14">
      <c r="N10325" s="10"/>
    </row>
    <row r="10326" spans="14:14">
      <c r="N10326" s="10"/>
    </row>
    <row r="10327" spans="14:14">
      <c r="N10327" s="10"/>
    </row>
    <row r="10328" spans="14:14">
      <c r="N10328" s="10"/>
    </row>
    <row r="10329" spans="14:14">
      <c r="N10329" s="10"/>
    </row>
    <row r="10330" spans="14:14">
      <c r="N10330" s="10"/>
    </row>
    <row r="10331" spans="14:14">
      <c r="N10331" s="10"/>
    </row>
    <row r="10332" spans="14:14">
      <c r="N10332" s="10"/>
    </row>
    <row r="10333" spans="14:14">
      <c r="N10333" s="10"/>
    </row>
    <row r="10334" spans="14:14">
      <c r="N10334" s="10"/>
    </row>
    <row r="10335" spans="14:14">
      <c r="N10335" s="10"/>
    </row>
    <row r="10336" spans="14:14">
      <c r="N10336" s="10"/>
    </row>
    <row r="10337" spans="14:14">
      <c r="N10337" s="10"/>
    </row>
    <row r="10338" spans="14:14">
      <c r="N10338" s="10"/>
    </row>
    <row r="10339" spans="14:14">
      <c r="N10339" s="10"/>
    </row>
    <row r="10340" spans="14:14">
      <c r="N10340" s="10"/>
    </row>
    <row r="10341" spans="14:14">
      <c r="N10341" s="10"/>
    </row>
    <row r="10342" spans="14:14">
      <c r="N10342" s="10"/>
    </row>
    <row r="10343" spans="14:14">
      <c r="N10343" s="10"/>
    </row>
    <row r="10344" spans="14:14">
      <c r="N10344" s="10"/>
    </row>
    <row r="10345" spans="14:14">
      <c r="N10345" s="10"/>
    </row>
    <row r="10346" spans="14:14">
      <c r="N10346" s="10"/>
    </row>
    <row r="10347" spans="14:14">
      <c r="N10347" s="10"/>
    </row>
    <row r="10348" spans="14:14">
      <c r="N10348" s="10"/>
    </row>
    <row r="10349" spans="14:14">
      <c r="N10349" s="10"/>
    </row>
    <row r="10350" spans="14:14">
      <c r="N10350" s="10"/>
    </row>
    <row r="10351" spans="14:14">
      <c r="N10351" s="10"/>
    </row>
    <row r="10352" spans="14:14">
      <c r="N10352" s="10"/>
    </row>
    <row r="10353" spans="14:14">
      <c r="N10353" s="10"/>
    </row>
    <row r="10354" spans="14:14">
      <c r="N10354" s="10"/>
    </row>
    <row r="10355" spans="14:14">
      <c r="N10355" s="10"/>
    </row>
    <row r="10356" spans="14:14">
      <c r="N10356" s="10"/>
    </row>
    <row r="10357" spans="14:14">
      <c r="N10357" s="10"/>
    </row>
    <row r="10358" spans="14:14">
      <c r="N10358" s="10"/>
    </row>
    <row r="10359" spans="14:14">
      <c r="N10359" s="10"/>
    </row>
    <row r="10360" spans="14:14">
      <c r="N10360" s="10"/>
    </row>
    <row r="10361" spans="14:14">
      <c r="N10361" s="10"/>
    </row>
    <row r="10362" spans="14:14">
      <c r="N10362" s="10"/>
    </row>
    <row r="10363" spans="14:14">
      <c r="N10363" s="10"/>
    </row>
    <row r="10364" spans="14:14">
      <c r="N10364" s="10"/>
    </row>
    <row r="10365" spans="14:14">
      <c r="N10365" s="10"/>
    </row>
    <row r="10366" spans="14:14">
      <c r="N10366" s="10"/>
    </row>
    <row r="10367" spans="14:14">
      <c r="N10367" s="10"/>
    </row>
    <row r="10368" spans="14:14">
      <c r="N10368" s="10"/>
    </row>
    <row r="10369" spans="14:14">
      <c r="N10369" s="10"/>
    </row>
    <row r="10370" spans="14:14">
      <c r="N10370" s="10"/>
    </row>
    <row r="10371" spans="14:14">
      <c r="N10371" s="10"/>
    </row>
    <row r="10372" spans="14:14">
      <c r="N10372" s="10"/>
    </row>
    <row r="10373" spans="14:14">
      <c r="N10373" s="10"/>
    </row>
    <row r="10374" spans="14:14">
      <c r="N10374" s="10"/>
    </row>
    <row r="10375" spans="14:14">
      <c r="N10375" s="10"/>
    </row>
    <row r="10376" spans="14:14">
      <c r="N10376" s="10"/>
    </row>
    <row r="10377" spans="14:14">
      <c r="N10377" s="10"/>
    </row>
    <row r="10378" spans="14:14">
      <c r="N10378" s="10"/>
    </row>
    <row r="10379" spans="14:14">
      <c r="N10379" s="10"/>
    </row>
    <row r="10380" spans="14:14">
      <c r="N10380" s="10"/>
    </row>
    <row r="10381" spans="14:14">
      <c r="N10381" s="10"/>
    </row>
    <row r="10382" spans="14:14">
      <c r="N10382" s="10"/>
    </row>
    <row r="10383" spans="14:14">
      <c r="N10383" s="10"/>
    </row>
    <row r="10384" spans="14:14">
      <c r="N10384" s="10"/>
    </row>
    <row r="10385" spans="14:14">
      <c r="N10385" s="10"/>
    </row>
    <row r="10386" spans="14:14">
      <c r="N10386" s="10"/>
    </row>
    <row r="10387" spans="14:14">
      <c r="N10387" s="10"/>
    </row>
    <row r="10388" spans="14:14">
      <c r="N10388" s="10"/>
    </row>
    <row r="10389" spans="14:14">
      <c r="N10389" s="10"/>
    </row>
    <row r="10390" spans="14:14">
      <c r="N10390" s="10"/>
    </row>
    <row r="10391" spans="14:14">
      <c r="N10391" s="10"/>
    </row>
    <row r="10392" spans="14:14">
      <c r="N10392" s="10"/>
    </row>
    <row r="10393" spans="14:14">
      <c r="N10393" s="10"/>
    </row>
    <row r="10394" spans="14:14">
      <c r="N10394" s="10"/>
    </row>
    <row r="10395" spans="14:14">
      <c r="N10395" s="10"/>
    </row>
    <row r="10396" spans="14:14">
      <c r="N10396" s="10"/>
    </row>
    <row r="10397" spans="14:14">
      <c r="N10397" s="10"/>
    </row>
    <row r="10398" spans="14:14">
      <c r="N10398" s="10"/>
    </row>
    <row r="10399" spans="14:14">
      <c r="N10399" s="10"/>
    </row>
    <row r="10400" spans="14:14">
      <c r="N10400" s="10"/>
    </row>
    <row r="10401" spans="14:14">
      <c r="N10401" s="10"/>
    </row>
    <row r="10402" spans="14:14">
      <c r="N10402" s="10"/>
    </row>
    <row r="10403" spans="14:14">
      <c r="N10403" s="10"/>
    </row>
    <row r="10404" spans="14:14">
      <c r="N10404" s="10"/>
    </row>
    <row r="10405" spans="14:14">
      <c r="N10405" s="10"/>
    </row>
    <row r="10406" spans="14:14">
      <c r="N10406" s="10"/>
    </row>
    <row r="10407" spans="14:14">
      <c r="N10407" s="10"/>
    </row>
    <row r="10408" spans="14:14">
      <c r="N10408" s="10"/>
    </row>
    <row r="10409" spans="14:14">
      <c r="N10409" s="10"/>
    </row>
    <row r="10410" spans="14:14">
      <c r="N10410" s="10"/>
    </row>
    <row r="10411" spans="14:14">
      <c r="N10411" s="10"/>
    </row>
    <row r="10412" spans="14:14">
      <c r="N10412" s="10"/>
    </row>
    <row r="10413" spans="14:14">
      <c r="N10413" s="10"/>
    </row>
    <row r="10414" spans="14:14">
      <c r="N10414" s="10"/>
    </row>
    <row r="10415" spans="14:14">
      <c r="N10415" s="10"/>
    </row>
    <row r="10416" spans="14:14">
      <c r="N10416" s="10"/>
    </row>
    <row r="10417" spans="14:14">
      <c r="N10417" s="10"/>
    </row>
    <row r="10418" spans="14:14">
      <c r="N10418" s="10"/>
    </row>
    <row r="10419" spans="14:14">
      <c r="N10419" s="10"/>
    </row>
    <row r="10420" spans="14:14">
      <c r="N10420" s="10"/>
    </row>
    <row r="10421" spans="14:14">
      <c r="N10421" s="10"/>
    </row>
    <row r="10422" spans="14:14">
      <c r="N10422" s="10"/>
    </row>
    <row r="10423" spans="14:14">
      <c r="N10423" s="10"/>
    </row>
    <row r="10424" spans="14:14">
      <c r="N10424" s="10"/>
    </row>
    <row r="10425" spans="14:14">
      <c r="N10425" s="10"/>
    </row>
    <row r="10426" spans="14:14">
      <c r="N10426" s="10"/>
    </row>
    <row r="10427" spans="14:14">
      <c r="N10427" s="10"/>
    </row>
    <row r="10428" spans="14:14">
      <c r="N10428" s="10"/>
    </row>
    <row r="10429" spans="14:14">
      <c r="N10429" s="10"/>
    </row>
    <row r="10430" spans="14:14">
      <c r="N10430" s="10"/>
    </row>
    <row r="10431" spans="14:14">
      <c r="N10431" s="10"/>
    </row>
    <row r="10432" spans="14:14">
      <c r="N10432" s="10"/>
    </row>
    <row r="10433" spans="14:14">
      <c r="N10433" s="10"/>
    </row>
    <row r="10434" spans="14:14">
      <c r="N10434" s="10"/>
    </row>
    <row r="10435" spans="14:14">
      <c r="N10435" s="10"/>
    </row>
    <row r="10436" spans="14:14">
      <c r="N10436" s="10"/>
    </row>
    <row r="10437" spans="14:14">
      <c r="N10437" s="10"/>
    </row>
    <row r="10438" spans="14:14">
      <c r="N10438" s="10"/>
    </row>
    <row r="10439" spans="14:14">
      <c r="N10439" s="10"/>
    </row>
    <row r="10440" spans="14:14">
      <c r="N10440" s="10"/>
    </row>
    <row r="10441" spans="14:14">
      <c r="N10441" s="10"/>
    </row>
    <row r="10442" spans="14:14">
      <c r="N10442" s="10"/>
    </row>
    <row r="10443" spans="14:14">
      <c r="N10443" s="10"/>
    </row>
    <row r="10444" spans="14:14">
      <c r="N10444" s="10"/>
    </row>
    <row r="10445" spans="14:14">
      <c r="N10445" s="10"/>
    </row>
    <row r="10446" spans="14:14">
      <c r="N10446" s="10"/>
    </row>
    <row r="10447" spans="14:14">
      <c r="N10447" s="10"/>
    </row>
    <row r="10448" spans="14:14">
      <c r="N10448" s="10"/>
    </row>
    <row r="10449" spans="14:14">
      <c r="N10449" s="10"/>
    </row>
    <row r="10450" spans="14:14">
      <c r="N10450" s="10"/>
    </row>
    <row r="10451" spans="14:14">
      <c r="N10451" s="10"/>
    </row>
    <row r="10452" spans="14:14">
      <c r="N10452" s="10"/>
    </row>
    <row r="10453" spans="14:14">
      <c r="N10453" s="10"/>
    </row>
    <row r="10454" spans="14:14">
      <c r="N10454" s="10"/>
    </row>
    <row r="10455" spans="14:14">
      <c r="N10455" s="10"/>
    </row>
    <row r="10456" spans="14:14">
      <c r="N10456" s="10"/>
    </row>
    <row r="10457" spans="14:14">
      <c r="N10457" s="10"/>
    </row>
    <row r="10458" spans="14:14">
      <c r="N10458" s="10"/>
    </row>
    <row r="10459" spans="14:14">
      <c r="N10459" s="10"/>
    </row>
    <row r="10460" spans="14:14">
      <c r="N10460" s="10"/>
    </row>
    <row r="10461" spans="14:14">
      <c r="N10461" s="10"/>
    </row>
    <row r="10462" spans="14:14">
      <c r="N10462" s="10"/>
    </row>
    <row r="10463" spans="14:14">
      <c r="N10463" s="10"/>
    </row>
    <row r="10464" spans="14:14">
      <c r="N10464" s="10"/>
    </row>
    <row r="10465" spans="14:14">
      <c r="N10465" s="10"/>
    </row>
    <row r="10466" spans="14:14">
      <c r="N10466" s="10"/>
    </row>
    <row r="10467" spans="14:14">
      <c r="N10467" s="10"/>
    </row>
    <row r="10468" spans="14:14">
      <c r="N10468" s="10"/>
    </row>
    <row r="10469" spans="14:14">
      <c r="N10469" s="10"/>
    </row>
    <row r="10470" spans="14:14">
      <c r="N10470" s="10"/>
    </row>
    <row r="10471" spans="14:14">
      <c r="N10471" s="10"/>
    </row>
    <row r="10472" spans="14:14">
      <c r="N10472" s="10"/>
    </row>
    <row r="10473" spans="14:14">
      <c r="N10473" s="10"/>
    </row>
    <row r="10474" spans="14:14">
      <c r="N10474" s="10"/>
    </row>
    <row r="10475" spans="14:14">
      <c r="N10475" s="10"/>
    </row>
    <row r="10476" spans="14:14">
      <c r="N10476" s="10"/>
    </row>
    <row r="10477" spans="14:14">
      <c r="N10477" s="10"/>
    </row>
    <row r="10478" spans="14:14">
      <c r="N10478" s="10"/>
    </row>
    <row r="10479" spans="14:14">
      <c r="N10479" s="10"/>
    </row>
    <row r="10480" spans="14:14">
      <c r="N10480" s="10"/>
    </row>
    <row r="10481" spans="14:14">
      <c r="N10481" s="10"/>
    </row>
    <row r="10482" spans="14:14">
      <c r="N10482" s="10"/>
    </row>
    <row r="10483" spans="14:14">
      <c r="N10483" s="10"/>
    </row>
    <row r="10484" spans="14:14">
      <c r="N10484" s="10"/>
    </row>
    <row r="10485" spans="14:14">
      <c r="N10485" s="10"/>
    </row>
    <row r="10486" spans="14:14">
      <c r="N10486" s="10"/>
    </row>
    <row r="10487" spans="14:14">
      <c r="N10487" s="10"/>
    </row>
    <row r="10488" spans="14:14">
      <c r="N10488" s="10"/>
    </row>
    <row r="10489" spans="14:14">
      <c r="N10489" s="10"/>
    </row>
    <row r="10490" spans="14:14">
      <c r="N10490" s="10"/>
    </row>
    <row r="10491" spans="14:14">
      <c r="N10491" s="10"/>
    </row>
    <row r="10492" spans="14:14">
      <c r="N10492" s="10"/>
    </row>
    <row r="10493" spans="14:14">
      <c r="N10493" s="10"/>
    </row>
    <row r="10494" spans="14:14">
      <c r="N10494" s="10"/>
    </row>
    <row r="10495" spans="14:14">
      <c r="N10495" s="10"/>
    </row>
    <row r="10496" spans="14:14">
      <c r="N10496" s="10"/>
    </row>
    <row r="10497" spans="14:14">
      <c r="N10497" s="10"/>
    </row>
    <row r="10498" spans="14:14">
      <c r="N10498" s="10"/>
    </row>
    <row r="10499" spans="14:14">
      <c r="N10499" s="10"/>
    </row>
    <row r="10500" spans="14:14">
      <c r="N10500" s="10"/>
    </row>
    <row r="10501" spans="14:14">
      <c r="N10501" s="10"/>
    </row>
    <row r="10502" spans="14:14">
      <c r="N10502" s="10"/>
    </row>
    <row r="10503" spans="14:14">
      <c r="N10503" s="10"/>
    </row>
    <row r="10504" spans="14:14">
      <c r="N10504" s="10"/>
    </row>
    <row r="10505" spans="14:14">
      <c r="N10505" s="10"/>
    </row>
    <row r="10506" spans="14:14">
      <c r="N10506" s="10"/>
    </row>
    <row r="10507" spans="14:14">
      <c r="N10507" s="10"/>
    </row>
    <row r="10508" spans="14:14">
      <c r="N10508" s="10"/>
    </row>
    <row r="10509" spans="14:14">
      <c r="N10509" s="10"/>
    </row>
    <row r="10510" spans="14:14">
      <c r="N10510" s="10"/>
    </row>
    <row r="10511" spans="14:14">
      <c r="N10511" s="10"/>
    </row>
    <row r="10512" spans="14:14">
      <c r="N10512" s="10"/>
    </row>
    <row r="10513" spans="14:14">
      <c r="N10513" s="10"/>
    </row>
    <row r="10514" spans="14:14">
      <c r="N10514" s="10"/>
    </row>
    <row r="10515" spans="14:14">
      <c r="N10515" s="10"/>
    </row>
    <row r="10516" spans="14:14">
      <c r="N10516" s="10"/>
    </row>
    <row r="10517" spans="14:14">
      <c r="N10517" s="10"/>
    </row>
    <row r="10518" spans="14:14">
      <c r="N10518" s="10"/>
    </row>
    <row r="10519" spans="14:14">
      <c r="N10519" s="10"/>
    </row>
    <row r="10520" spans="14:14">
      <c r="N10520" s="10"/>
    </row>
    <row r="10521" spans="14:14">
      <c r="N10521" s="10"/>
    </row>
    <row r="10522" spans="14:14">
      <c r="N10522" s="10"/>
    </row>
    <row r="10523" spans="14:14">
      <c r="N10523" s="10"/>
    </row>
    <row r="10524" spans="14:14">
      <c r="N10524" s="10"/>
    </row>
    <row r="10525" spans="14:14">
      <c r="N10525" s="10"/>
    </row>
    <row r="10526" spans="14:14">
      <c r="N10526" s="10"/>
    </row>
    <row r="10527" spans="14:14">
      <c r="N10527" s="10"/>
    </row>
    <row r="10528" spans="14:14">
      <c r="N10528" s="10"/>
    </row>
    <row r="10529" spans="14:14">
      <c r="N10529" s="10"/>
    </row>
    <row r="10530" spans="14:14">
      <c r="N10530" s="10"/>
    </row>
    <row r="10531" spans="14:14">
      <c r="N10531" s="10"/>
    </row>
    <row r="10532" spans="14:14">
      <c r="N10532" s="10"/>
    </row>
    <row r="10533" spans="14:14">
      <c r="N10533" s="10"/>
    </row>
    <row r="10534" spans="14:14">
      <c r="N10534" s="10"/>
    </row>
    <row r="10535" spans="14:14">
      <c r="N10535" s="10"/>
    </row>
    <row r="10536" spans="14:14">
      <c r="N10536" s="10"/>
    </row>
    <row r="10537" spans="14:14">
      <c r="N10537" s="10"/>
    </row>
    <row r="10538" spans="14:14">
      <c r="N10538" s="10"/>
    </row>
    <row r="10539" spans="14:14">
      <c r="N10539" s="10"/>
    </row>
    <row r="10540" spans="14:14">
      <c r="N10540" s="10"/>
    </row>
    <row r="10541" spans="14:14">
      <c r="N10541" s="10"/>
    </row>
    <row r="10542" spans="14:14">
      <c r="N10542" s="10"/>
    </row>
    <row r="10543" spans="14:14">
      <c r="N10543" s="10"/>
    </row>
    <row r="10544" spans="14:14">
      <c r="N10544" s="10"/>
    </row>
    <row r="10545" spans="14:14">
      <c r="N10545" s="10"/>
    </row>
    <row r="10546" spans="14:14">
      <c r="N10546" s="10"/>
    </row>
    <row r="10547" spans="14:14">
      <c r="N10547" s="10"/>
    </row>
    <row r="10548" spans="14:14">
      <c r="N10548" s="10"/>
    </row>
    <row r="10549" spans="14:14">
      <c r="N10549" s="10"/>
    </row>
    <row r="10550" spans="14:14">
      <c r="N10550" s="10"/>
    </row>
    <row r="10551" spans="14:14">
      <c r="N10551" s="10"/>
    </row>
    <row r="10552" spans="14:14">
      <c r="N10552" s="10"/>
    </row>
    <row r="10553" spans="14:14">
      <c r="N10553" s="10"/>
    </row>
    <row r="10554" spans="14:14">
      <c r="N10554" s="10"/>
    </row>
    <row r="10555" spans="14:14">
      <c r="N10555" s="10"/>
    </row>
    <row r="10556" spans="14:14">
      <c r="N10556" s="10"/>
    </row>
    <row r="10557" spans="14:14">
      <c r="N10557" s="10"/>
    </row>
    <row r="10558" spans="14:14">
      <c r="N10558" s="10"/>
    </row>
    <row r="10559" spans="14:14">
      <c r="N10559" s="10"/>
    </row>
    <row r="10560" spans="14:14">
      <c r="N10560" s="10"/>
    </row>
    <row r="10561" spans="14:14">
      <c r="N10561" s="10"/>
    </row>
    <row r="10562" spans="14:14">
      <c r="N10562" s="10"/>
    </row>
    <row r="10563" spans="14:14">
      <c r="N10563" s="10"/>
    </row>
    <row r="10564" spans="14:14">
      <c r="N10564" s="10"/>
    </row>
    <row r="10565" spans="14:14">
      <c r="N10565" s="10"/>
    </row>
    <row r="10566" spans="14:14">
      <c r="N10566" s="10"/>
    </row>
    <row r="10567" spans="14:14">
      <c r="N10567" s="10"/>
    </row>
    <row r="10568" spans="14:14">
      <c r="N10568" s="10"/>
    </row>
    <row r="10569" spans="14:14">
      <c r="N10569" s="10"/>
    </row>
    <row r="10570" spans="14:14">
      <c r="N10570" s="10"/>
    </row>
    <row r="10571" spans="14:14">
      <c r="N10571" s="10"/>
    </row>
    <row r="10572" spans="14:14">
      <c r="N10572" s="10"/>
    </row>
    <row r="10573" spans="14:14">
      <c r="N10573" s="10"/>
    </row>
    <row r="10574" spans="14:14">
      <c r="N10574" s="10"/>
    </row>
    <row r="10575" spans="14:14">
      <c r="N10575" s="10"/>
    </row>
    <row r="10576" spans="14:14">
      <c r="N10576" s="10"/>
    </row>
    <row r="10577" spans="14:14">
      <c r="N10577" s="10"/>
    </row>
    <row r="10578" spans="14:14">
      <c r="N10578" s="10"/>
    </row>
    <row r="10579" spans="14:14">
      <c r="N10579" s="10"/>
    </row>
    <row r="10580" spans="14:14">
      <c r="N10580" s="10"/>
    </row>
    <row r="10581" spans="14:14">
      <c r="N10581" s="10"/>
    </row>
    <row r="10582" spans="14:14">
      <c r="N10582" s="10"/>
    </row>
    <row r="10583" spans="14:14">
      <c r="N10583" s="10"/>
    </row>
    <row r="10584" spans="14:14">
      <c r="N10584" s="10"/>
    </row>
    <row r="10585" spans="14:14">
      <c r="N10585" s="10"/>
    </row>
    <row r="10586" spans="14:14">
      <c r="N10586" s="10"/>
    </row>
    <row r="10587" spans="14:14">
      <c r="N10587" s="10"/>
    </row>
    <row r="10588" spans="14:14">
      <c r="N10588" s="10"/>
    </row>
    <row r="10589" spans="14:14">
      <c r="N10589" s="10"/>
    </row>
    <row r="10590" spans="14:14">
      <c r="N10590" s="10"/>
    </row>
    <row r="10591" spans="14:14">
      <c r="N10591" s="10"/>
    </row>
    <row r="10592" spans="14:14">
      <c r="N10592" s="10"/>
    </row>
    <row r="10593" spans="14:14">
      <c r="N10593" s="10"/>
    </row>
    <row r="10594" spans="14:14">
      <c r="N10594" s="10"/>
    </row>
    <row r="10595" spans="14:14">
      <c r="N10595" s="10"/>
    </row>
    <row r="10596" spans="14:14">
      <c r="N10596" s="10"/>
    </row>
    <row r="10597" spans="14:14">
      <c r="N10597" s="10"/>
    </row>
    <row r="10598" spans="14:14">
      <c r="N10598" s="10"/>
    </row>
    <row r="10599" spans="14:14">
      <c r="N10599" s="10"/>
    </row>
    <row r="10600" spans="14:14">
      <c r="N10600" s="10"/>
    </row>
    <row r="10601" spans="14:14">
      <c r="N10601" s="10"/>
    </row>
    <row r="10602" spans="14:14">
      <c r="N10602" s="10"/>
    </row>
    <row r="10603" spans="14:14">
      <c r="N10603" s="10"/>
    </row>
    <row r="10604" spans="14:14">
      <c r="N10604" s="10"/>
    </row>
    <row r="10605" spans="14:14">
      <c r="N10605" s="10"/>
    </row>
    <row r="10606" spans="14:14">
      <c r="N10606" s="10"/>
    </row>
    <row r="10607" spans="14:14">
      <c r="N10607" s="10"/>
    </row>
    <row r="10608" spans="14:14">
      <c r="N10608" s="10"/>
    </row>
    <row r="10609" spans="14:14">
      <c r="N10609" s="10"/>
    </row>
    <row r="10610" spans="14:14">
      <c r="N10610" s="10"/>
    </row>
    <row r="10611" spans="14:14">
      <c r="N10611" s="10"/>
    </row>
    <row r="10612" spans="14:14">
      <c r="N10612" s="10"/>
    </row>
    <row r="10613" spans="14:14">
      <c r="N10613" s="10"/>
    </row>
    <row r="10614" spans="14:14">
      <c r="N10614" s="10"/>
    </row>
    <row r="10615" spans="14:14">
      <c r="N10615" s="10"/>
    </row>
    <row r="10616" spans="14:14">
      <c r="N10616" s="10"/>
    </row>
    <row r="10617" spans="14:14">
      <c r="N10617" s="10"/>
    </row>
    <row r="10618" spans="14:14">
      <c r="N10618" s="10"/>
    </row>
    <row r="10619" spans="14:14">
      <c r="N10619" s="10"/>
    </row>
    <row r="10620" spans="14:14">
      <c r="N10620" s="10"/>
    </row>
    <row r="10621" spans="14:14">
      <c r="N10621" s="10"/>
    </row>
    <row r="10622" spans="14:14">
      <c r="N10622" s="10"/>
    </row>
    <row r="10623" spans="14:14">
      <c r="N10623" s="10"/>
    </row>
    <row r="10624" spans="14:14">
      <c r="N10624" s="10"/>
    </row>
    <row r="10625" spans="14:14">
      <c r="N10625" s="10"/>
    </row>
    <row r="10626" spans="14:14">
      <c r="N10626" s="10"/>
    </row>
    <row r="10627" spans="14:14">
      <c r="N10627" s="10"/>
    </row>
    <row r="10628" spans="14:14">
      <c r="N10628" s="10"/>
    </row>
    <row r="10629" spans="14:14">
      <c r="N10629" s="10"/>
    </row>
    <row r="10630" spans="14:14">
      <c r="N10630" s="10"/>
    </row>
    <row r="10631" spans="14:14">
      <c r="N10631" s="10"/>
    </row>
    <row r="10632" spans="14:14">
      <c r="N10632" s="10"/>
    </row>
    <row r="10633" spans="14:14">
      <c r="N10633" s="10"/>
    </row>
    <row r="10634" spans="14:14">
      <c r="N10634" s="10"/>
    </row>
    <row r="10635" spans="14:14">
      <c r="N10635" s="10"/>
    </row>
    <row r="10636" spans="14:14">
      <c r="N10636" s="10"/>
    </row>
    <row r="10637" spans="14:14">
      <c r="N10637" s="10"/>
    </row>
    <row r="10638" spans="14:14">
      <c r="N10638" s="10"/>
    </row>
    <row r="10639" spans="14:14">
      <c r="N10639" s="10"/>
    </row>
    <row r="10640" spans="14:14">
      <c r="N10640" s="10"/>
    </row>
    <row r="10641" spans="14:14">
      <c r="N10641" s="10"/>
    </row>
    <row r="10642" spans="14:14">
      <c r="N10642" s="10"/>
    </row>
    <row r="10643" spans="14:14">
      <c r="N10643" s="10"/>
    </row>
    <row r="10644" spans="14:14">
      <c r="N10644" s="10"/>
    </row>
    <row r="10645" spans="14:14">
      <c r="N10645" s="10"/>
    </row>
    <row r="10646" spans="14:14">
      <c r="N10646" s="10"/>
    </row>
    <row r="10647" spans="14:14">
      <c r="N10647" s="10"/>
    </row>
    <row r="10648" spans="14:14">
      <c r="N10648" s="10"/>
    </row>
    <row r="10649" spans="14:14">
      <c r="N10649" s="10"/>
    </row>
    <row r="10650" spans="14:14">
      <c r="N10650" s="10"/>
    </row>
    <row r="10651" spans="14:14">
      <c r="N10651" s="10"/>
    </row>
    <row r="10652" spans="14:14">
      <c r="N10652" s="10"/>
    </row>
    <row r="10653" spans="14:14">
      <c r="N10653" s="10"/>
    </row>
    <row r="10654" spans="14:14">
      <c r="N10654" s="10"/>
    </row>
    <row r="10655" spans="14:14">
      <c r="N10655" s="10"/>
    </row>
    <row r="10656" spans="14:14">
      <c r="N10656" s="10"/>
    </row>
    <row r="10657" spans="14:14">
      <c r="N10657" s="10"/>
    </row>
    <row r="10658" spans="14:14">
      <c r="N10658" s="10"/>
    </row>
    <row r="10659" spans="14:14">
      <c r="N10659" s="10"/>
    </row>
    <row r="10660" spans="14:14">
      <c r="N10660" s="10"/>
    </row>
    <row r="10661" spans="14:14">
      <c r="N10661" s="10"/>
    </row>
    <row r="10662" spans="14:14">
      <c r="N10662" s="10"/>
    </row>
    <row r="10663" spans="14:14">
      <c r="N10663" s="10"/>
    </row>
    <row r="10664" spans="14:14">
      <c r="N10664" s="10"/>
    </row>
    <row r="10665" spans="14:14">
      <c r="N10665" s="10"/>
    </row>
    <row r="10666" spans="14:14">
      <c r="N10666" s="10"/>
    </row>
    <row r="10667" spans="14:14">
      <c r="N10667" s="10"/>
    </row>
    <row r="10668" spans="14:14">
      <c r="N10668" s="10"/>
    </row>
    <row r="10669" spans="14:14">
      <c r="N10669" s="10"/>
    </row>
    <row r="10670" spans="14:14">
      <c r="N10670" s="10"/>
    </row>
    <row r="10671" spans="14:14">
      <c r="N10671" s="10"/>
    </row>
    <row r="10672" spans="14:14">
      <c r="N10672" s="10"/>
    </row>
    <row r="10673" spans="14:14">
      <c r="N10673" s="10"/>
    </row>
    <row r="10674" spans="14:14">
      <c r="N10674" s="10"/>
    </row>
    <row r="10675" spans="14:14">
      <c r="N10675" s="10"/>
    </row>
    <row r="10676" spans="14:14">
      <c r="N10676" s="10"/>
    </row>
    <row r="10677" spans="14:14">
      <c r="N10677" s="10"/>
    </row>
    <row r="10678" spans="14:14">
      <c r="N10678" s="10"/>
    </row>
    <row r="10679" spans="14:14">
      <c r="N10679" s="10"/>
    </row>
    <row r="10680" spans="14:14">
      <c r="N10680" s="10"/>
    </row>
    <row r="10681" spans="14:14">
      <c r="N10681" s="10"/>
    </row>
    <row r="10682" spans="14:14">
      <c r="N10682" s="10"/>
    </row>
    <row r="10683" spans="14:14">
      <c r="N10683" s="10"/>
    </row>
    <row r="10684" spans="14:14">
      <c r="N10684" s="10"/>
    </row>
    <row r="10685" spans="14:14">
      <c r="N10685" s="10"/>
    </row>
    <row r="10686" spans="14:14">
      <c r="N10686" s="10"/>
    </row>
    <row r="10687" spans="14:14">
      <c r="N10687" s="10"/>
    </row>
    <row r="10688" spans="14:14">
      <c r="N10688" s="10"/>
    </row>
    <row r="10689" spans="14:14">
      <c r="N10689" s="10"/>
    </row>
    <row r="10690" spans="14:14">
      <c r="N10690" s="10"/>
    </row>
    <row r="10691" spans="14:14">
      <c r="N10691" s="10"/>
    </row>
    <row r="10692" spans="14:14">
      <c r="N10692" s="10"/>
    </row>
    <row r="10693" spans="14:14">
      <c r="N10693" s="10"/>
    </row>
    <row r="10694" spans="14:14">
      <c r="N10694" s="10"/>
    </row>
    <row r="10695" spans="14:14">
      <c r="N10695" s="10"/>
    </row>
    <row r="10696" spans="14:14">
      <c r="N10696" s="10"/>
    </row>
    <row r="10697" spans="14:14">
      <c r="N10697" s="10"/>
    </row>
    <row r="10698" spans="14:14">
      <c r="N10698" s="10"/>
    </row>
    <row r="10699" spans="14:14">
      <c r="N10699" s="10"/>
    </row>
    <row r="10700" spans="14:14">
      <c r="N10700" s="10"/>
    </row>
    <row r="10701" spans="14:14">
      <c r="N10701" s="10"/>
    </row>
    <row r="10702" spans="14:14">
      <c r="N10702" s="10"/>
    </row>
    <row r="10703" spans="14:14">
      <c r="N10703" s="10"/>
    </row>
    <row r="10704" spans="14:14">
      <c r="N10704" s="10"/>
    </row>
    <row r="10705" spans="14:14">
      <c r="N10705" s="10"/>
    </row>
    <row r="10706" spans="14:14">
      <c r="N10706" s="10"/>
    </row>
    <row r="10707" spans="14:14">
      <c r="N10707" s="10"/>
    </row>
    <row r="10708" spans="14:14">
      <c r="N10708" s="10"/>
    </row>
    <row r="10709" spans="14:14">
      <c r="N10709" s="10"/>
    </row>
    <row r="10710" spans="14:14">
      <c r="N10710" s="10"/>
    </row>
    <row r="10711" spans="14:14">
      <c r="N10711" s="10"/>
    </row>
    <row r="10712" spans="14:14">
      <c r="N10712" s="10"/>
    </row>
    <row r="10713" spans="14:14">
      <c r="N10713" s="10"/>
    </row>
    <row r="10714" spans="14:14">
      <c r="N10714" s="10"/>
    </row>
    <row r="10715" spans="14:14">
      <c r="N10715" s="10"/>
    </row>
    <row r="10716" spans="14:14">
      <c r="N10716" s="10"/>
    </row>
    <row r="10717" spans="14:14">
      <c r="N10717" s="10"/>
    </row>
    <row r="10718" spans="14:14">
      <c r="N10718" s="10"/>
    </row>
    <row r="10719" spans="14:14">
      <c r="N10719" s="10"/>
    </row>
    <row r="10720" spans="14:14">
      <c r="N10720" s="10"/>
    </row>
    <row r="10721" spans="14:14">
      <c r="N10721" s="10"/>
    </row>
    <row r="10722" spans="14:14">
      <c r="N10722" s="10"/>
    </row>
    <row r="10723" spans="14:14">
      <c r="N10723" s="10"/>
    </row>
    <row r="10724" spans="14:14">
      <c r="N10724" s="10"/>
    </row>
    <row r="10725" spans="14:14">
      <c r="N10725" s="10"/>
    </row>
    <row r="10726" spans="14:14">
      <c r="N10726" s="10"/>
    </row>
    <row r="10727" spans="14:14">
      <c r="N10727" s="10"/>
    </row>
    <row r="10728" spans="14:14">
      <c r="N10728" s="10"/>
    </row>
    <row r="10729" spans="14:14">
      <c r="N10729" s="10"/>
    </row>
    <row r="10730" spans="14:14">
      <c r="N10730" s="10"/>
    </row>
    <row r="10731" spans="14:14">
      <c r="N10731" s="10"/>
    </row>
    <row r="10732" spans="14:14">
      <c r="N10732" s="10"/>
    </row>
    <row r="10733" spans="14:14">
      <c r="N10733" s="10"/>
    </row>
    <row r="10734" spans="14:14">
      <c r="N10734" s="10"/>
    </row>
    <row r="10735" spans="14:14">
      <c r="N10735" s="10"/>
    </row>
    <row r="10736" spans="14:14">
      <c r="N10736" s="10"/>
    </row>
    <row r="10737" spans="14:14">
      <c r="N10737" s="10"/>
    </row>
    <row r="10738" spans="14:14">
      <c r="N10738" s="10"/>
    </row>
    <row r="10739" spans="14:14">
      <c r="N10739" s="10"/>
    </row>
    <row r="10740" spans="14:14">
      <c r="N10740" s="10"/>
    </row>
    <row r="10741" spans="14:14">
      <c r="N10741" s="10"/>
    </row>
    <row r="10742" spans="14:14">
      <c r="N10742" s="10"/>
    </row>
    <row r="10743" spans="14:14">
      <c r="N10743" s="10"/>
    </row>
    <row r="10744" spans="14:14">
      <c r="N10744" s="10"/>
    </row>
    <row r="10745" spans="14:14">
      <c r="N10745" s="10"/>
    </row>
    <row r="10746" spans="14:14">
      <c r="N10746" s="10"/>
    </row>
    <row r="10747" spans="14:14">
      <c r="N10747" s="10"/>
    </row>
    <row r="10748" spans="14:14">
      <c r="N10748" s="10"/>
    </row>
    <row r="10749" spans="14:14">
      <c r="N10749" s="10"/>
    </row>
    <row r="10750" spans="14:14">
      <c r="N10750" s="10"/>
    </row>
    <row r="10751" spans="14:14">
      <c r="N10751" s="10"/>
    </row>
    <row r="10752" spans="14:14">
      <c r="N10752" s="10"/>
    </row>
    <row r="10753" spans="14:14">
      <c r="N10753" s="10"/>
    </row>
    <row r="10754" spans="14:14">
      <c r="N10754" s="10"/>
    </row>
    <row r="10755" spans="14:14">
      <c r="N10755" s="10"/>
    </row>
    <row r="10756" spans="14:14">
      <c r="N10756" s="10"/>
    </row>
    <row r="10757" spans="14:14">
      <c r="N10757" s="10"/>
    </row>
    <row r="10758" spans="14:14">
      <c r="N10758" s="10"/>
    </row>
    <row r="10759" spans="14:14">
      <c r="N10759" s="10"/>
    </row>
    <row r="10760" spans="14:14">
      <c r="N10760" s="10"/>
    </row>
    <row r="10761" spans="14:14">
      <c r="N10761" s="10"/>
    </row>
    <row r="10762" spans="14:14">
      <c r="N10762" s="10"/>
    </row>
    <row r="10763" spans="14:14">
      <c r="N10763" s="10"/>
    </row>
    <row r="10764" spans="14:14">
      <c r="N10764" s="10"/>
    </row>
    <row r="10765" spans="14:14">
      <c r="N10765" s="10"/>
    </row>
    <row r="10766" spans="14:14">
      <c r="N10766" s="10"/>
    </row>
    <row r="10767" spans="14:14">
      <c r="N10767" s="10"/>
    </row>
    <row r="10768" spans="14:14">
      <c r="N10768" s="10"/>
    </row>
    <row r="10769" spans="14:14">
      <c r="N10769" s="10"/>
    </row>
    <row r="10770" spans="14:14">
      <c r="N10770" s="10"/>
    </row>
    <row r="10771" spans="14:14">
      <c r="N10771" s="10"/>
    </row>
    <row r="10772" spans="14:14">
      <c r="N10772" s="10"/>
    </row>
    <row r="10773" spans="14:14">
      <c r="N10773" s="10"/>
    </row>
    <row r="10774" spans="14:14">
      <c r="N10774" s="10"/>
    </row>
    <row r="10775" spans="14:14">
      <c r="N10775" s="10"/>
    </row>
    <row r="10776" spans="14:14">
      <c r="N10776" s="10"/>
    </row>
    <row r="10777" spans="14:14">
      <c r="N10777" s="10"/>
    </row>
    <row r="10778" spans="14:14">
      <c r="N10778" s="10"/>
    </row>
    <row r="10779" spans="14:14">
      <c r="N10779" s="10"/>
    </row>
    <row r="10780" spans="14:14">
      <c r="N10780" s="10"/>
    </row>
    <row r="10781" spans="14:14">
      <c r="N10781" s="10"/>
    </row>
    <row r="10782" spans="14:14">
      <c r="N10782" s="10"/>
    </row>
    <row r="10783" spans="14:14">
      <c r="N10783" s="10"/>
    </row>
    <row r="10784" spans="14:14">
      <c r="N10784" s="10"/>
    </row>
    <row r="10785" spans="14:14">
      <c r="N10785" s="10"/>
    </row>
    <row r="10786" spans="14:14">
      <c r="N10786" s="10"/>
    </row>
    <row r="10787" spans="14:14">
      <c r="N10787" s="10"/>
    </row>
    <row r="10788" spans="14:14">
      <c r="N10788" s="10"/>
    </row>
    <row r="10789" spans="14:14">
      <c r="N10789" s="10"/>
    </row>
    <row r="10790" spans="14:14">
      <c r="N10790" s="10"/>
    </row>
    <row r="10791" spans="14:14">
      <c r="N10791" s="10"/>
    </row>
    <row r="10792" spans="14:14">
      <c r="N10792" s="10"/>
    </row>
    <row r="10793" spans="14:14">
      <c r="N10793" s="10"/>
    </row>
    <row r="10794" spans="14:14">
      <c r="N10794" s="10"/>
    </row>
    <row r="10795" spans="14:14">
      <c r="N10795" s="10"/>
    </row>
    <row r="10796" spans="14:14">
      <c r="N10796" s="10"/>
    </row>
    <row r="10797" spans="14:14">
      <c r="N10797" s="10"/>
    </row>
    <row r="10798" spans="14:14">
      <c r="N10798" s="10"/>
    </row>
    <row r="10799" spans="14:14">
      <c r="N10799" s="10"/>
    </row>
    <row r="10800" spans="14:14">
      <c r="N10800" s="10"/>
    </row>
    <row r="10801" spans="14:14">
      <c r="N10801" s="10"/>
    </row>
    <row r="10802" spans="14:14">
      <c r="N10802" s="10"/>
    </row>
    <row r="10803" spans="14:14">
      <c r="N10803" s="10"/>
    </row>
    <row r="10804" spans="14:14">
      <c r="N10804" s="10"/>
    </row>
    <row r="10805" spans="14:14">
      <c r="N10805" s="10"/>
    </row>
    <row r="10806" spans="14:14">
      <c r="N10806" s="10"/>
    </row>
    <row r="10807" spans="14:14">
      <c r="N10807" s="10"/>
    </row>
    <row r="10808" spans="14:14">
      <c r="N10808" s="10"/>
    </row>
    <row r="10809" spans="14:14">
      <c r="N10809" s="10"/>
    </row>
    <row r="10810" spans="14:14">
      <c r="N10810" s="10"/>
    </row>
    <row r="10811" spans="14:14">
      <c r="N10811" s="10"/>
    </row>
    <row r="10812" spans="14:14">
      <c r="N10812" s="10"/>
    </row>
    <row r="10813" spans="14:14">
      <c r="N10813" s="10"/>
    </row>
    <row r="10814" spans="14:14">
      <c r="N10814" s="10"/>
    </row>
    <row r="10815" spans="14:14">
      <c r="N10815" s="10"/>
    </row>
    <row r="10816" spans="14:14">
      <c r="N10816" s="10"/>
    </row>
    <row r="10817" spans="14:14">
      <c r="N10817" s="10"/>
    </row>
    <row r="10818" spans="14:14">
      <c r="N10818" s="10"/>
    </row>
    <row r="10819" spans="14:14">
      <c r="N10819" s="10"/>
    </row>
    <row r="10820" spans="14:14">
      <c r="N10820" s="10"/>
    </row>
    <row r="10821" spans="14:14">
      <c r="N10821" s="10"/>
    </row>
    <row r="10822" spans="14:14">
      <c r="N10822" s="10"/>
    </row>
    <row r="10823" spans="14:14">
      <c r="N10823" s="10"/>
    </row>
    <row r="10824" spans="14:14">
      <c r="N10824" s="10"/>
    </row>
    <row r="10825" spans="14:14">
      <c r="N10825" s="10"/>
    </row>
    <row r="10826" spans="14:14">
      <c r="N10826" s="10"/>
    </row>
    <row r="10827" spans="14:14">
      <c r="N10827" s="10"/>
    </row>
    <row r="10828" spans="14:14">
      <c r="N10828" s="10"/>
    </row>
    <row r="10829" spans="14:14">
      <c r="N10829" s="10"/>
    </row>
    <row r="10830" spans="14:14">
      <c r="N10830" s="10"/>
    </row>
    <row r="10831" spans="14:14">
      <c r="N10831" s="10"/>
    </row>
    <row r="10832" spans="14:14">
      <c r="N10832" s="10"/>
    </row>
    <row r="10833" spans="14:14">
      <c r="N10833" s="10"/>
    </row>
    <row r="10834" spans="14:14">
      <c r="N10834" s="10"/>
    </row>
    <row r="10835" spans="14:14">
      <c r="N10835" s="10"/>
    </row>
    <row r="10836" spans="14:14">
      <c r="N10836" s="10"/>
    </row>
    <row r="10837" spans="14:14">
      <c r="N10837" s="10"/>
    </row>
    <row r="10838" spans="14:14">
      <c r="N10838" s="10"/>
    </row>
    <row r="10839" spans="14:14">
      <c r="N10839" s="10"/>
    </row>
    <row r="10840" spans="14:14">
      <c r="N10840" s="10"/>
    </row>
    <row r="10841" spans="14:14">
      <c r="N10841" s="10"/>
    </row>
    <row r="10842" spans="14:14">
      <c r="N10842" s="10"/>
    </row>
    <row r="10843" spans="14:14">
      <c r="N10843" s="10"/>
    </row>
    <row r="10844" spans="14:14">
      <c r="N10844" s="10"/>
    </row>
    <row r="10845" spans="14:14">
      <c r="N10845" s="10"/>
    </row>
    <row r="10846" spans="14:14">
      <c r="N10846" s="10"/>
    </row>
    <row r="10847" spans="14:14">
      <c r="N10847" s="10"/>
    </row>
    <row r="10848" spans="14:14">
      <c r="N10848" s="10"/>
    </row>
    <row r="10849" spans="14:14">
      <c r="N10849" s="10"/>
    </row>
    <row r="10850" spans="14:14">
      <c r="N10850" s="10"/>
    </row>
    <row r="10851" spans="14:14">
      <c r="N10851" s="10"/>
    </row>
    <row r="10852" spans="14:14">
      <c r="N10852" s="10"/>
    </row>
    <row r="10853" spans="14:14">
      <c r="N10853" s="10"/>
    </row>
    <row r="10854" spans="14:14">
      <c r="N10854" s="10"/>
    </row>
    <row r="10855" spans="14:14">
      <c r="N10855" s="10"/>
    </row>
    <row r="10856" spans="14:14">
      <c r="N10856" s="10"/>
    </row>
    <row r="10857" spans="14:14">
      <c r="N10857" s="10"/>
    </row>
    <row r="10858" spans="14:14">
      <c r="N10858" s="10"/>
    </row>
    <row r="10859" spans="14:14">
      <c r="N10859" s="10"/>
    </row>
    <row r="10860" spans="14:14">
      <c r="N10860" s="10"/>
    </row>
    <row r="10861" spans="14:14">
      <c r="N10861" s="10"/>
    </row>
    <row r="10862" spans="14:14">
      <c r="N10862" s="10"/>
    </row>
    <row r="10863" spans="14:14">
      <c r="N10863" s="10"/>
    </row>
    <row r="10864" spans="14:14">
      <c r="N10864" s="10"/>
    </row>
    <row r="10865" spans="14:14">
      <c r="N10865" s="10"/>
    </row>
    <row r="10866" spans="14:14">
      <c r="N10866" s="10"/>
    </row>
    <row r="10867" spans="14:14">
      <c r="N10867" s="10"/>
    </row>
    <row r="10868" spans="14:14">
      <c r="N10868" s="10"/>
    </row>
    <row r="10869" spans="14:14">
      <c r="N10869" s="10"/>
    </row>
    <row r="10870" spans="14:14">
      <c r="N10870" s="10"/>
    </row>
    <row r="10871" spans="14:14">
      <c r="N10871" s="10"/>
    </row>
    <row r="10872" spans="14:14">
      <c r="N10872" s="10"/>
    </row>
    <row r="10873" spans="14:14">
      <c r="N10873" s="10"/>
    </row>
    <row r="10874" spans="14:14">
      <c r="N10874" s="10"/>
    </row>
    <row r="10875" spans="14:14">
      <c r="N10875" s="10"/>
    </row>
    <row r="10876" spans="14:14">
      <c r="N10876" s="10"/>
    </row>
    <row r="10877" spans="14:14">
      <c r="N10877" s="10"/>
    </row>
    <row r="10878" spans="14:14">
      <c r="N10878" s="10"/>
    </row>
    <row r="10879" spans="14:14">
      <c r="N10879" s="10"/>
    </row>
    <row r="10880" spans="14:14">
      <c r="N10880" s="10"/>
    </row>
    <row r="10881" spans="14:14">
      <c r="N10881" s="10"/>
    </row>
    <row r="10882" spans="14:14">
      <c r="N10882" s="10"/>
    </row>
    <row r="10883" spans="14:14">
      <c r="N10883" s="10"/>
    </row>
    <row r="10884" spans="14:14">
      <c r="N10884" s="10"/>
    </row>
    <row r="10885" spans="14:14">
      <c r="N10885" s="10"/>
    </row>
    <row r="10886" spans="14:14">
      <c r="N10886" s="10"/>
    </row>
    <row r="10887" spans="14:14">
      <c r="N10887" s="10"/>
    </row>
    <row r="10888" spans="14:14">
      <c r="N10888" s="10"/>
    </row>
    <row r="10889" spans="14:14">
      <c r="N10889" s="10"/>
    </row>
    <row r="10890" spans="14:14">
      <c r="N10890" s="10"/>
    </row>
    <row r="10891" spans="14:14">
      <c r="N10891" s="10"/>
    </row>
    <row r="10892" spans="14:14">
      <c r="N10892" s="10"/>
    </row>
    <row r="10893" spans="14:14">
      <c r="N10893" s="10"/>
    </row>
    <row r="10894" spans="14:14">
      <c r="N10894" s="10"/>
    </row>
    <row r="10895" spans="14:14">
      <c r="N10895" s="10"/>
    </row>
    <row r="10896" spans="14:14">
      <c r="N10896" s="10"/>
    </row>
    <row r="10897" spans="14:14">
      <c r="N10897" s="10"/>
    </row>
    <row r="10898" spans="14:14">
      <c r="N10898" s="10"/>
    </row>
    <row r="10899" spans="14:14">
      <c r="N10899" s="10"/>
    </row>
    <row r="10900" spans="14:14">
      <c r="N10900" s="10"/>
    </row>
    <row r="10901" spans="14:14">
      <c r="N10901" s="10"/>
    </row>
    <row r="10902" spans="14:14">
      <c r="N10902" s="10"/>
    </row>
    <row r="10903" spans="14:14">
      <c r="N10903" s="10"/>
    </row>
    <row r="10904" spans="14:14">
      <c r="N10904" s="10"/>
    </row>
    <row r="10905" spans="14:14">
      <c r="N10905" s="10"/>
    </row>
    <row r="10906" spans="14:14">
      <c r="N10906" s="10"/>
    </row>
    <row r="10907" spans="14:14">
      <c r="N10907" s="10"/>
    </row>
    <row r="10908" spans="14:14">
      <c r="N10908" s="10"/>
    </row>
    <row r="10909" spans="14:14">
      <c r="N10909" s="10"/>
    </row>
    <row r="10910" spans="14:14">
      <c r="N10910" s="10"/>
    </row>
    <row r="10911" spans="14:14">
      <c r="N10911" s="10"/>
    </row>
    <row r="10912" spans="14:14">
      <c r="N10912" s="10"/>
    </row>
    <row r="10913" spans="14:14">
      <c r="N10913" s="10"/>
    </row>
    <row r="10914" spans="14:14">
      <c r="N10914" s="10"/>
    </row>
    <row r="10915" spans="14:14">
      <c r="N10915" s="10"/>
    </row>
    <row r="10916" spans="14:14">
      <c r="N10916" s="10"/>
    </row>
    <row r="10917" spans="14:14">
      <c r="N10917" s="10"/>
    </row>
    <row r="10918" spans="14:14">
      <c r="N10918" s="10"/>
    </row>
    <row r="10919" spans="14:14">
      <c r="N10919" s="10"/>
    </row>
    <row r="10920" spans="14:14">
      <c r="N10920" s="10"/>
    </row>
    <row r="10921" spans="14:14">
      <c r="N10921" s="10"/>
    </row>
    <row r="10922" spans="14:14">
      <c r="N10922" s="10"/>
    </row>
    <row r="10923" spans="14:14">
      <c r="N10923" s="10"/>
    </row>
    <row r="10924" spans="14:14">
      <c r="N10924" s="10"/>
    </row>
    <row r="10925" spans="14:14">
      <c r="N10925" s="10"/>
    </row>
    <row r="10926" spans="14:14">
      <c r="N10926" s="10"/>
    </row>
    <row r="10927" spans="14:14">
      <c r="N10927" s="10"/>
    </row>
    <row r="10928" spans="14:14">
      <c r="N10928" s="10"/>
    </row>
    <row r="10929" spans="14:14">
      <c r="N10929" s="10"/>
    </row>
    <row r="10930" spans="14:14">
      <c r="N10930" s="10"/>
    </row>
    <row r="10931" spans="14:14">
      <c r="N10931" s="10"/>
    </row>
    <row r="10932" spans="14:14">
      <c r="N10932" s="10"/>
    </row>
    <row r="10933" spans="14:14">
      <c r="N10933" s="10"/>
    </row>
    <row r="10934" spans="14:14">
      <c r="N10934" s="10"/>
    </row>
    <row r="10935" spans="14:14">
      <c r="N10935" s="10"/>
    </row>
    <row r="10936" spans="14:14">
      <c r="N10936" s="10"/>
    </row>
    <row r="10937" spans="14:14">
      <c r="N10937" s="10"/>
    </row>
    <row r="10938" spans="14:14">
      <c r="N10938" s="10"/>
    </row>
    <row r="10939" spans="14:14">
      <c r="N10939" s="10"/>
    </row>
    <row r="10940" spans="14:14">
      <c r="N10940" s="10"/>
    </row>
    <row r="10941" spans="14:14">
      <c r="N10941" s="10"/>
    </row>
    <row r="10942" spans="14:14">
      <c r="N10942" s="10"/>
    </row>
    <row r="10943" spans="14:14">
      <c r="N10943" s="10"/>
    </row>
    <row r="10944" spans="14:14">
      <c r="N10944" s="10"/>
    </row>
    <row r="10945" spans="14:14">
      <c r="N10945" s="10"/>
    </row>
    <row r="10946" spans="14:14">
      <c r="N10946" s="10"/>
    </row>
    <row r="10947" spans="14:14">
      <c r="N10947" s="10"/>
    </row>
    <row r="10948" spans="14:14">
      <c r="N10948" s="10"/>
    </row>
    <row r="10949" spans="14:14">
      <c r="N10949" s="10"/>
    </row>
    <row r="10950" spans="14:14">
      <c r="N10950" s="10"/>
    </row>
    <row r="10951" spans="14:14">
      <c r="N10951" s="10"/>
    </row>
    <row r="10952" spans="14:14">
      <c r="N10952" s="10"/>
    </row>
    <row r="10953" spans="14:14">
      <c r="N10953" s="10"/>
    </row>
    <row r="10954" spans="14:14">
      <c r="N10954" s="10"/>
    </row>
    <row r="10955" spans="14:14">
      <c r="N10955" s="10"/>
    </row>
    <row r="10956" spans="14:14">
      <c r="N10956" s="10"/>
    </row>
    <row r="10957" spans="14:14">
      <c r="N10957" s="10"/>
    </row>
    <row r="10958" spans="14:14">
      <c r="N10958" s="10"/>
    </row>
    <row r="10959" spans="14:14">
      <c r="N10959" s="10"/>
    </row>
    <row r="10960" spans="14:14">
      <c r="N10960" s="10"/>
    </row>
    <row r="10961" spans="14:14">
      <c r="N10961" s="10"/>
    </row>
    <row r="10962" spans="14:14">
      <c r="N10962" s="10"/>
    </row>
    <row r="10963" spans="14:14">
      <c r="N10963" s="10"/>
    </row>
    <row r="10964" spans="14:14">
      <c r="N10964" s="10"/>
    </row>
    <row r="10965" spans="14:14">
      <c r="N10965" s="10"/>
    </row>
    <row r="10966" spans="14:14">
      <c r="N10966" s="10"/>
    </row>
    <row r="10967" spans="14:14">
      <c r="N10967" s="10"/>
    </row>
    <row r="10968" spans="14:14">
      <c r="N10968" s="10"/>
    </row>
    <row r="10969" spans="14:14">
      <c r="N10969" s="10"/>
    </row>
    <row r="10970" spans="14:14">
      <c r="N10970" s="10"/>
    </row>
    <row r="10971" spans="14:14">
      <c r="N10971" s="10"/>
    </row>
    <row r="10972" spans="14:14">
      <c r="N10972" s="10"/>
    </row>
    <row r="10973" spans="14:14">
      <c r="N10973" s="10"/>
    </row>
    <row r="10974" spans="14:14">
      <c r="N10974" s="10"/>
    </row>
    <row r="10975" spans="14:14">
      <c r="N10975" s="10"/>
    </row>
    <row r="10976" spans="14:14">
      <c r="N10976" s="10"/>
    </row>
    <row r="10977" spans="14:14">
      <c r="N10977" s="10"/>
    </row>
    <row r="10978" spans="14:14">
      <c r="N10978" s="10"/>
    </row>
    <row r="10979" spans="14:14">
      <c r="N10979" s="10"/>
    </row>
    <row r="10980" spans="14:14">
      <c r="N10980" s="10"/>
    </row>
    <row r="10981" spans="14:14">
      <c r="N10981" s="10"/>
    </row>
    <row r="10982" spans="14:14">
      <c r="N10982" s="10"/>
    </row>
    <row r="10983" spans="14:14">
      <c r="N10983" s="10"/>
    </row>
    <row r="10984" spans="14:14">
      <c r="N10984" s="10"/>
    </row>
    <row r="10985" spans="14:14">
      <c r="N10985" s="10"/>
    </row>
    <row r="10986" spans="14:14">
      <c r="N10986" s="10"/>
    </row>
    <row r="10987" spans="14:14">
      <c r="N10987" s="10"/>
    </row>
    <row r="10988" spans="14:14">
      <c r="N10988" s="10"/>
    </row>
    <row r="10989" spans="14:14">
      <c r="N10989" s="10"/>
    </row>
    <row r="10990" spans="14:14">
      <c r="N10990" s="10"/>
    </row>
    <row r="10991" spans="14:14">
      <c r="N10991" s="10"/>
    </row>
    <row r="10992" spans="14:14">
      <c r="N10992" s="10"/>
    </row>
    <row r="10993" spans="14:14">
      <c r="N10993" s="10"/>
    </row>
    <row r="10994" spans="14:14">
      <c r="N10994" s="10"/>
    </row>
    <row r="10995" spans="14:14">
      <c r="N10995" s="10"/>
    </row>
    <row r="10996" spans="14:14">
      <c r="N10996" s="10"/>
    </row>
    <row r="10997" spans="14:14">
      <c r="N10997" s="10"/>
    </row>
    <row r="10998" spans="14:14">
      <c r="N10998" s="10"/>
    </row>
    <row r="10999" spans="14:14">
      <c r="N10999" s="10"/>
    </row>
    <row r="11000" spans="14:14">
      <c r="N11000" s="10"/>
    </row>
    <row r="11001" spans="14:14">
      <c r="N11001" s="10"/>
    </row>
    <row r="11002" spans="14:14">
      <c r="N11002" s="10"/>
    </row>
    <row r="11003" spans="14:14">
      <c r="N11003" s="10"/>
    </row>
    <row r="11004" spans="14:14">
      <c r="N11004" s="10"/>
    </row>
    <row r="11005" spans="14:14">
      <c r="N11005" s="10"/>
    </row>
    <row r="11006" spans="14:14">
      <c r="N11006" s="10"/>
    </row>
    <row r="11007" spans="14:14">
      <c r="N11007" s="10"/>
    </row>
    <row r="11008" spans="14:14">
      <c r="N11008" s="10"/>
    </row>
    <row r="11009" spans="14:14">
      <c r="N11009" s="10"/>
    </row>
    <row r="11010" spans="14:14">
      <c r="N11010" s="10"/>
    </row>
    <row r="11011" spans="14:14">
      <c r="N11011" s="10"/>
    </row>
    <row r="11012" spans="14:14">
      <c r="N11012" s="10"/>
    </row>
    <row r="11013" spans="14:14">
      <c r="N11013" s="10"/>
    </row>
    <row r="11014" spans="14:14">
      <c r="N11014" s="10"/>
    </row>
    <row r="11015" spans="14:14">
      <c r="N11015" s="10"/>
    </row>
    <row r="11016" spans="14:14">
      <c r="N11016" s="10"/>
    </row>
    <row r="11017" spans="14:14">
      <c r="N11017" s="10"/>
    </row>
    <row r="11018" spans="14:14">
      <c r="N11018" s="10"/>
    </row>
    <row r="11019" spans="14:14">
      <c r="N11019" s="10"/>
    </row>
    <row r="11020" spans="14:14">
      <c r="N11020" s="10"/>
    </row>
    <row r="11021" spans="14:14">
      <c r="N11021" s="10"/>
    </row>
    <row r="11022" spans="14:14">
      <c r="N11022" s="10"/>
    </row>
    <row r="11023" spans="14:14">
      <c r="N11023" s="10"/>
    </row>
    <row r="11024" spans="14:14">
      <c r="N11024" s="10"/>
    </row>
    <row r="11025" spans="14:14">
      <c r="N11025" s="10"/>
    </row>
    <row r="11026" spans="14:14">
      <c r="N11026" s="10"/>
    </row>
    <row r="11027" spans="14:14">
      <c r="N11027" s="10"/>
    </row>
    <row r="11028" spans="14:14">
      <c r="N11028" s="10"/>
    </row>
    <row r="11029" spans="14:14">
      <c r="N11029" s="10"/>
    </row>
    <row r="11030" spans="14:14">
      <c r="N11030" s="10"/>
    </row>
    <row r="11031" spans="14:14">
      <c r="N11031" s="10"/>
    </row>
    <row r="11032" spans="14:14">
      <c r="N11032" s="10"/>
    </row>
    <row r="11033" spans="14:14">
      <c r="N11033" s="10"/>
    </row>
    <row r="11034" spans="14:14">
      <c r="N11034" s="10"/>
    </row>
    <row r="11035" spans="14:14">
      <c r="N11035" s="10"/>
    </row>
    <row r="11036" spans="14:14">
      <c r="N11036" s="10"/>
    </row>
    <row r="11037" spans="14:14">
      <c r="N11037" s="10"/>
    </row>
    <row r="11038" spans="14:14">
      <c r="N11038" s="10"/>
    </row>
    <row r="11039" spans="14:14">
      <c r="N11039" s="10"/>
    </row>
    <row r="11040" spans="14:14">
      <c r="N11040" s="10"/>
    </row>
    <row r="11041" spans="14:14">
      <c r="N11041" s="10"/>
    </row>
    <row r="11042" spans="14:14">
      <c r="N11042" s="10"/>
    </row>
    <row r="11043" spans="14:14">
      <c r="N11043" s="10"/>
    </row>
    <row r="11044" spans="14:14">
      <c r="N11044" s="10"/>
    </row>
    <row r="11045" spans="14:14">
      <c r="N11045" s="10"/>
    </row>
    <row r="11046" spans="14:14">
      <c r="N11046" s="10"/>
    </row>
    <row r="11047" spans="14:14">
      <c r="N11047" s="10"/>
    </row>
    <row r="11048" spans="14:14">
      <c r="N11048" s="10"/>
    </row>
    <row r="11049" spans="14:14">
      <c r="N11049" s="10"/>
    </row>
    <row r="11050" spans="14:14">
      <c r="N11050" s="10"/>
    </row>
    <row r="11051" spans="14:14">
      <c r="N11051" s="10"/>
    </row>
    <row r="11052" spans="14:14">
      <c r="N11052" s="10"/>
    </row>
    <row r="11053" spans="14:14">
      <c r="N11053" s="10"/>
    </row>
    <row r="11054" spans="14:14">
      <c r="N11054" s="10"/>
    </row>
    <row r="11055" spans="14:14">
      <c r="N11055" s="10"/>
    </row>
    <row r="11056" spans="14:14">
      <c r="N11056" s="10"/>
    </row>
    <row r="11057" spans="14:14">
      <c r="N11057" s="10"/>
    </row>
    <row r="11058" spans="14:14">
      <c r="N11058" s="10"/>
    </row>
    <row r="11059" spans="14:14">
      <c r="N11059" s="10"/>
    </row>
    <row r="11060" spans="14:14">
      <c r="N11060" s="10"/>
    </row>
    <row r="11061" spans="14:14">
      <c r="N11061" s="10"/>
    </row>
    <row r="11062" spans="14:14">
      <c r="N11062" s="10"/>
    </row>
    <row r="11063" spans="14:14">
      <c r="N11063" s="10"/>
    </row>
    <row r="11064" spans="14:14">
      <c r="N11064" s="10"/>
    </row>
    <row r="11065" spans="14:14">
      <c r="N11065" s="10"/>
    </row>
    <row r="11066" spans="14:14">
      <c r="N11066" s="10"/>
    </row>
    <row r="11067" spans="14:14">
      <c r="N11067" s="10"/>
    </row>
    <row r="11068" spans="14:14">
      <c r="N11068" s="10"/>
    </row>
    <row r="11069" spans="14:14">
      <c r="N11069" s="10"/>
    </row>
    <row r="11070" spans="14:14">
      <c r="N11070" s="10"/>
    </row>
    <row r="11071" spans="14:14">
      <c r="N11071" s="10"/>
    </row>
    <row r="11072" spans="14:14">
      <c r="N11072" s="10"/>
    </row>
    <row r="11073" spans="14:14">
      <c r="N11073" s="10"/>
    </row>
    <row r="11074" spans="14:14">
      <c r="N11074" s="10"/>
    </row>
    <row r="11075" spans="14:14">
      <c r="N11075" s="10"/>
    </row>
    <row r="11076" spans="14:14">
      <c r="N11076" s="10"/>
    </row>
    <row r="11077" spans="14:14">
      <c r="N11077" s="10"/>
    </row>
    <row r="11078" spans="14:14">
      <c r="N11078" s="10"/>
    </row>
    <row r="11079" spans="14:14">
      <c r="N11079" s="10"/>
    </row>
    <row r="11080" spans="14:14">
      <c r="N11080" s="10"/>
    </row>
    <row r="11081" spans="14:14">
      <c r="N11081" s="10"/>
    </row>
    <row r="11082" spans="14:14">
      <c r="N11082" s="10"/>
    </row>
    <row r="11083" spans="14:14">
      <c r="N11083" s="10"/>
    </row>
    <row r="11084" spans="14:14">
      <c r="N11084" s="10"/>
    </row>
    <row r="11085" spans="14:14">
      <c r="N11085" s="10"/>
    </row>
    <row r="11086" spans="14:14">
      <c r="N11086" s="10"/>
    </row>
    <row r="11087" spans="14:14">
      <c r="N11087" s="10"/>
    </row>
    <row r="11088" spans="14:14">
      <c r="N11088" s="10"/>
    </row>
    <row r="11089" spans="14:14">
      <c r="N11089" s="10"/>
    </row>
    <row r="11090" spans="14:14">
      <c r="N11090" s="10"/>
    </row>
    <row r="11091" spans="14:14">
      <c r="N11091" s="10"/>
    </row>
    <row r="11092" spans="14:14">
      <c r="N11092" s="10"/>
    </row>
    <row r="11093" spans="14:14">
      <c r="N11093" s="10"/>
    </row>
    <row r="11094" spans="14:14">
      <c r="N11094" s="10"/>
    </row>
    <row r="11095" spans="14:14">
      <c r="N11095" s="10"/>
    </row>
    <row r="11096" spans="14:14">
      <c r="N11096" s="10"/>
    </row>
    <row r="11097" spans="14:14">
      <c r="N11097" s="10"/>
    </row>
    <row r="11098" spans="14:14">
      <c r="N11098" s="10"/>
    </row>
    <row r="11099" spans="14:14">
      <c r="N11099" s="10"/>
    </row>
    <row r="11100" spans="14:14">
      <c r="N11100" s="10"/>
    </row>
    <row r="11101" spans="14:14">
      <c r="N11101" s="10"/>
    </row>
    <row r="11102" spans="14:14">
      <c r="N11102" s="10"/>
    </row>
    <row r="11103" spans="14:14">
      <c r="N11103" s="10"/>
    </row>
    <row r="11104" spans="14:14">
      <c r="N11104" s="10"/>
    </row>
    <row r="11105" spans="14:14">
      <c r="N11105" s="10"/>
    </row>
    <row r="11106" spans="14:14">
      <c r="N11106" s="10"/>
    </row>
    <row r="11107" spans="14:14">
      <c r="N11107" s="10"/>
    </row>
    <row r="11108" spans="14:14">
      <c r="N11108" s="10"/>
    </row>
    <row r="11109" spans="14:14">
      <c r="N11109" s="10"/>
    </row>
    <row r="11110" spans="14:14">
      <c r="N11110" s="10"/>
    </row>
    <row r="11111" spans="14:14">
      <c r="N11111" s="10"/>
    </row>
    <row r="11112" spans="14:14">
      <c r="N11112" s="10"/>
    </row>
    <row r="11113" spans="14:14">
      <c r="N11113" s="10"/>
    </row>
    <row r="11114" spans="14:14">
      <c r="N11114" s="10"/>
    </row>
    <row r="11115" spans="14:14">
      <c r="N11115" s="10"/>
    </row>
    <row r="11116" spans="14:14">
      <c r="N11116" s="10"/>
    </row>
    <row r="11117" spans="14:14">
      <c r="N11117" s="10"/>
    </row>
    <row r="11118" spans="14:14">
      <c r="N11118" s="10"/>
    </row>
    <row r="11119" spans="14:14">
      <c r="N11119" s="10"/>
    </row>
    <row r="11120" spans="14:14">
      <c r="N11120" s="10"/>
    </row>
    <row r="11121" spans="14:14">
      <c r="N11121" s="10"/>
    </row>
    <row r="11122" spans="14:14">
      <c r="N11122" s="10"/>
    </row>
    <row r="11123" spans="14:14">
      <c r="N11123" s="10"/>
    </row>
    <row r="11124" spans="14:14">
      <c r="N11124" s="10"/>
    </row>
    <row r="11125" spans="14:14">
      <c r="N11125" s="10"/>
    </row>
    <row r="11126" spans="14:14">
      <c r="N11126" s="10"/>
    </row>
    <row r="11127" spans="14:14">
      <c r="N11127" s="10"/>
    </row>
    <row r="11128" spans="14:14">
      <c r="N11128" s="10"/>
    </row>
    <row r="11129" spans="14:14">
      <c r="N11129" s="10"/>
    </row>
    <row r="11130" spans="14:14">
      <c r="N11130" s="10"/>
    </row>
    <row r="11131" spans="14:14">
      <c r="N11131" s="10"/>
    </row>
    <row r="11132" spans="14:14">
      <c r="N11132" s="10"/>
    </row>
    <row r="11133" spans="14:14">
      <c r="N11133" s="10"/>
    </row>
    <row r="11134" spans="14:14">
      <c r="N11134" s="10"/>
    </row>
    <row r="11135" spans="14:14">
      <c r="N11135" s="10"/>
    </row>
    <row r="11136" spans="14:14">
      <c r="N11136" s="10"/>
    </row>
    <row r="11137" spans="14:14">
      <c r="N11137" s="10"/>
    </row>
    <row r="11138" spans="14:14">
      <c r="N11138" s="10"/>
    </row>
    <row r="11139" spans="14:14">
      <c r="N11139" s="10"/>
    </row>
    <row r="11140" spans="14:14">
      <c r="N11140" s="10"/>
    </row>
    <row r="11141" spans="14:14">
      <c r="N11141" s="10"/>
    </row>
    <row r="11142" spans="14:14">
      <c r="N11142" s="10"/>
    </row>
    <row r="11143" spans="14:14">
      <c r="N11143" s="10"/>
    </row>
    <row r="11144" spans="14:14">
      <c r="N11144" s="10"/>
    </row>
    <row r="11145" spans="14:14">
      <c r="N11145" s="10"/>
    </row>
    <row r="11146" spans="14:14">
      <c r="N11146" s="10"/>
    </row>
    <row r="11147" spans="14:14">
      <c r="N11147" s="10"/>
    </row>
    <row r="11148" spans="14:14">
      <c r="N11148" s="10"/>
    </row>
    <row r="11149" spans="14:14">
      <c r="N11149" s="10"/>
    </row>
    <row r="11150" spans="14:14">
      <c r="N11150" s="10"/>
    </row>
    <row r="11151" spans="14:14">
      <c r="N11151" s="10"/>
    </row>
    <row r="11152" spans="14:14">
      <c r="N11152" s="10"/>
    </row>
    <row r="11153" spans="14:14">
      <c r="N11153" s="10"/>
    </row>
    <row r="11154" spans="14:14">
      <c r="N11154" s="10"/>
    </row>
    <row r="11155" spans="14:14">
      <c r="N11155" s="10"/>
    </row>
    <row r="11156" spans="14:14">
      <c r="N11156" s="10"/>
    </row>
    <row r="11157" spans="14:14">
      <c r="N11157" s="10"/>
    </row>
    <row r="11158" spans="14:14">
      <c r="N11158" s="10"/>
    </row>
    <row r="11159" spans="14:14">
      <c r="N11159" s="10"/>
    </row>
    <row r="11160" spans="14:14">
      <c r="N11160" s="10"/>
    </row>
    <row r="11161" spans="14:14">
      <c r="N11161" s="10"/>
    </row>
    <row r="11162" spans="14:14">
      <c r="N11162" s="10"/>
    </row>
    <row r="11163" spans="14:14">
      <c r="N11163" s="10"/>
    </row>
    <row r="11164" spans="14:14">
      <c r="N11164" s="10"/>
    </row>
    <row r="11165" spans="14:14">
      <c r="N11165" s="10"/>
    </row>
    <row r="11166" spans="14:14">
      <c r="N11166" s="10"/>
    </row>
    <row r="11167" spans="14:14">
      <c r="N11167" s="10"/>
    </row>
    <row r="11168" spans="14:14">
      <c r="N11168" s="10"/>
    </row>
    <row r="11169" spans="14:14">
      <c r="N11169" s="10"/>
    </row>
    <row r="11170" spans="14:14">
      <c r="N11170" s="10"/>
    </row>
    <row r="11171" spans="14:14">
      <c r="N11171" s="10"/>
    </row>
    <row r="11172" spans="14:14">
      <c r="N11172" s="10"/>
    </row>
    <row r="11173" spans="14:14">
      <c r="N11173" s="10"/>
    </row>
    <row r="11174" spans="14:14">
      <c r="N11174" s="10"/>
    </row>
    <row r="11175" spans="14:14">
      <c r="N11175" s="10"/>
    </row>
    <row r="11176" spans="14:14">
      <c r="N11176" s="10"/>
    </row>
    <row r="11177" spans="14:14">
      <c r="N11177" s="10"/>
    </row>
    <row r="11178" spans="14:14">
      <c r="N11178" s="10"/>
    </row>
    <row r="11179" spans="14:14">
      <c r="N11179" s="10"/>
    </row>
    <row r="11180" spans="14:14">
      <c r="N11180" s="10"/>
    </row>
    <row r="11181" spans="14:14">
      <c r="N11181" s="10"/>
    </row>
    <row r="11182" spans="14:14">
      <c r="N11182" s="10"/>
    </row>
    <row r="11183" spans="14:14">
      <c r="N11183" s="10"/>
    </row>
    <row r="11184" spans="14:14">
      <c r="N11184" s="10"/>
    </row>
    <row r="11185" spans="14:14">
      <c r="N11185" s="10"/>
    </row>
    <row r="11186" spans="14:14">
      <c r="N11186" s="10"/>
    </row>
    <row r="11187" spans="14:14">
      <c r="N11187" s="10"/>
    </row>
    <row r="11188" spans="14:14">
      <c r="N11188" s="10"/>
    </row>
    <row r="11189" spans="14:14">
      <c r="N11189" s="10"/>
    </row>
    <row r="11190" spans="14:14">
      <c r="N11190" s="10"/>
    </row>
    <row r="11191" spans="14:14">
      <c r="N11191" s="10"/>
    </row>
    <row r="11192" spans="14:14">
      <c r="N11192" s="10"/>
    </row>
    <row r="11193" spans="14:14">
      <c r="N11193" s="10"/>
    </row>
    <row r="11194" spans="14:14">
      <c r="N11194" s="10"/>
    </row>
    <row r="11195" spans="14:14">
      <c r="N11195" s="10"/>
    </row>
    <row r="11196" spans="14:14">
      <c r="N11196" s="10"/>
    </row>
    <row r="11197" spans="14:14">
      <c r="N11197" s="10"/>
    </row>
    <row r="11198" spans="14:14">
      <c r="N11198" s="10"/>
    </row>
    <row r="11199" spans="14:14">
      <c r="N11199" s="10"/>
    </row>
    <row r="11200" spans="14:14">
      <c r="N11200" s="10"/>
    </row>
    <row r="11201" spans="14:14">
      <c r="N11201" s="10"/>
    </row>
    <row r="11202" spans="14:14">
      <c r="N11202" s="10"/>
    </row>
    <row r="11203" spans="14:14">
      <c r="N11203" s="10"/>
    </row>
    <row r="11204" spans="14:14">
      <c r="N11204" s="10"/>
    </row>
    <row r="11205" spans="14:14">
      <c r="N11205" s="10"/>
    </row>
    <row r="11206" spans="14:14">
      <c r="N11206" s="10"/>
    </row>
    <row r="11207" spans="14:14">
      <c r="N11207" s="10"/>
    </row>
    <row r="11208" spans="14:14">
      <c r="N11208" s="10"/>
    </row>
    <row r="11209" spans="14:14">
      <c r="N11209" s="10"/>
    </row>
    <row r="11210" spans="14:14">
      <c r="N11210" s="10"/>
    </row>
    <row r="11211" spans="14:14">
      <c r="N11211" s="10"/>
    </row>
    <row r="11212" spans="14:14">
      <c r="N11212" s="10"/>
    </row>
    <row r="11213" spans="14:14">
      <c r="N11213" s="10"/>
    </row>
    <row r="11214" spans="14:14">
      <c r="N11214" s="10"/>
    </row>
    <row r="11215" spans="14:14">
      <c r="N11215" s="10"/>
    </row>
    <row r="11216" spans="14:14">
      <c r="N11216" s="10"/>
    </row>
    <row r="11217" spans="14:14">
      <c r="N11217" s="10"/>
    </row>
    <row r="11218" spans="14:14">
      <c r="N11218" s="10"/>
    </row>
    <row r="11219" spans="14:14">
      <c r="N11219" s="10"/>
    </row>
    <row r="11220" spans="14:14">
      <c r="N11220" s="10"/>
    </row>
    <row r="11221" spans="14:14">
      <c r="N11221" s="10"/>
    </row>
    <row r="11222" spans="14:14">
      <c r="N11222" s="10"/>
    </row>
    <row r="11223" spans="14:14">
      <c r="N11223" s="10"/>
    </row>
    <row r="11224" spans="14:14">
      <c r="N11224" s="10"/>
    </row>
    <row r="11225" spans="14:14">
      <c r="N11225" s="10"/>
    </row>
    <row r="11226" spans="14:14">
      <c r="N11226" s="10"/>
    </row>
    <row r="11227" spans="14:14">
      <c r="N11227" s="10"/>
    </row>
    <row r="11228" spans="14:14">
      <c r="N11228" s="10"/>
    </row>
    <row r="11229" spans="14:14">
      <c r="N11229" s="10"/>
    </row>
    <row r="11230" spans="14:14">
      <c r="N11230" s="10"/>
    </row>
    <row r="11231" spans="14:14">
      <c r="N11231" s="10"/>
    </row>
    <row r="11232" spans="14:14">
      <c r="N11232" s="10"/>
    </row>
    <row r="11233" spans="14:14">
      <c r="N11233" s="10"/>
    </row>
    <row r="11234" spans="14:14">
      <c r="N11234" s="10"/>
    </row>
    <row r="11235" spans="14:14">
      <c r="N11235" s="10"/>
    </row>
    <row r="11236" spans="14:14">
      <c r="N11236" s="10"/>
    </row>
    <row r="11237" spans="14:14">
      <c r="N11237" s="10"/>
    </row>
    <row r="11238" spans="14:14">
      <c r="N11238" s="10"/>
    </row>
    <row r="11239" spans="14:14">
      <c r="N11239" s="10"/>
    </row>
    <row r="11240" spans="14:14">
      <c r="N11240" s="10"/>
    </row>
    <row r="11241" spans="14:14">
      <c r="N11241" s="10"/>
    </row>
    <row r="11242" spans="14:14">
      <c r="N11242" s="10"/>
    </row>
    <row r="11243" spans="14:14">
      <c r="N11243" s="10"/>
    </row>
    <row r="11244" spans="14:14">
      <c r="N11244" s="10"/>
    </row>
    <row r="11245" spans="14:14">
      <c r="N11245" s="10"/>
    </row>
    <row r="11246" spans="14:14">
      <c r="N11246" s="10"/>
    </row>
    <row r="11247" spans="14:14">
      <c r="N11247" s="10"/>
    </row>
    <row r="11248" spans="14:14">
      <c r="N11248" s="10"/>
    </row>
    <row r="11249" spans="14:14">
      <c r="N11249" s="10"/>
    </row>
    <row r="11250" spans="14:14">
      <c r="N11250" s="10"/>
    </row>
    <row r="11251" spans="14:14">
      <c r="N11251" s="10"/>
    </row>
    <row r="11252" spans="14:14">
      <c r="N11252" s="10"/>
    </row>
    <row r="11253" spans="14:14">
      <c r="N11253" s="10"/>
    </row>
    <row r="11254" spans="14:14">
      <c r="N11254" s="10"/>
    </row>
    <row r="11255" spans="14:14">
      <c r="N11255" s="10"/>
    </row>
    <row r="11256" spans="14:14">
      <c r="N11256" s="10"/>
    </row>
    <row r="11257" spans="14:14">
      <c r="N11257" s="10"/>
    </row>
    <row r="11258" spans="14:14">
      <c r="N11258" s="10"/>
    </row>
    <row r="11259" spans="14:14">
      <c r="N11259" s="10"/>
    </row>
    <row r="11260" spans="14:14">
      <c r="N11260" s="10"/>
    </row>
    <row r="11261" spans="14:14">
      <c r="N11261" s="10"/>
    </row>
    <row r="11262" spans="14:14">
      <c r="N11262" s="10"/>
    </row>
    <row r="11263" spans="14:14">
      <c r="N11263" s="10"/>
    </row>
    <row r="11264" spans="14:14">
      <c r="N11264" s="10"/>
    </row>
    <row r="11265" spans="14:14">
      <c r="N11265" s="10"/>
    </row>
    <row r="11266" spans="14:14">
      <c r="N11266" s="10"/>
    </row>
    <row r="11267" spans="14:14">
      <c r="N11267" s="10"/>
    </row>
    <row r="11268" spans="14:14">
      <c r="N11268" s="10"/>
    </row>
    <row r="11269" spans="14:14">
      <c r="N11269" s="10"/>
    </row>
    <row r="11270" spans="14:14">
      <c r="N11270" s="10"/>
    </row>
    <row r="11271" spans="14:14">
      <c r="N11271" s="10"/>
    </row>
    <row r="11272" spans="14:14">
      <c r="N11272" s="10"/>
    </row>
    <row r="11273" spans="14:14">
      <c r="N11273" s="10"/>
    </row>
    <row r="11274" spans="14:14">
      <c r="N11274" s="10"/>
    </row>
    <row r="11275" spans="14:14">
      <c r="N11275" s="10"/>
    </row>
    <row r="11276" spans="14:14">
      <c r="N11276" s="10"/>
    </row>
    <row r="11277" spans="14:14">
      <c r="N11277" s="10"/>
    </row>
    <row r="11278" spans="14:14">
      <c r="N11278" s="10"/>
    </row>
    <row r="11279" spans="14:14">
      <c r="N11279" s="10"/>
    </row>
    <row r="11280" spans="14:14">
      <c r="N11280" s="10"/>
    </row>
    <row r="11281" spans="14:14">
      <c r="N11281" s="10"/>
    </row>
    <row r="11282" spans="14:14">
      <c r="N11282" s="10"/>
    </row>
    <row r="11283" spans="14:14">
      <c r="N11283" s="10"/>
    </row>
    <row r="11284" spans="14:14">
      <c r="N11284" s="10"/>
    </row>
    <row r="11285" spans="14:14">
      <c r="N11285" s="10"/>
    </row>
    <row r="11286" spans="14:14">
      <c r="N11286" s="10"/>
    </row>
    <row r="11287" spans="14:14">
      <c r="N11287" s="10"/>
    </row>
    <row r="11288" spans="14:14">
      <c r="N11288" s="10"/>
    </row>
    <row r="11289" spans="14:14">
      <c r="N11289" s="10"/>
    </row>
    <row r="11290" spans="14:14">
      <c r="N11290" s="10"/>
    </row>
    <row r="11291" spans="14:14">
      <c r="N11291" s="10"/>
    </row>
    <row r="11292" spans="14:14">
      <c r="N11292" s="10"/>
    </row>
    <row r="11293" spans="14:14">
      <c r="N11293" s="10"/>
    </row>
    <row r="11294" spans="14:14">
      <c r="N11294" s="10"/>
    </row>
    <row r="11295" spans="14:14">
      <c r="N11295" s="10"/>
    </row>
    <row r="11296" spans="14:14">
      <c r="N11296" s="10"/>
    </row>
    <row r="11297" spans="14:14">
      <c r="N11297" s="10"/>
    </row>
    <row r="11298" spans="14:14">
      <c r="N11298" s="10"/>
    </row>
    <row r="11299" spans="14:14">
      <c r="N11299" s="10"/>
    </row>
    <row r="11300" spans="14:14">
      <c r="N11300" s="10"/>
    </row>
    <row r="11301" spans="14:14">
      <c r="N11301" s="10"/>
    </row>
    <row r="11302" spans="14:14">
      <c r="N11302" s="10"/>
    </row>
    <row r="11303" spans="14:14">
      <c r="N11303" s="10"/>
    </row>
    <row r="11304" spans="14:14">
      <c r="N11304" s="10"/>
    </row>
    <row r="11305" spans="14:14">
      <c r="N11305" s="10"/>
    </row>
    <row r="11306" spans="14:14">
      <c r="N11306" s="10"/>
    </row>
    <row r="11307" spans="14:14">
      <c r="N11307" s="10"/>
    </row>
    <row r="11308" spans="14:14">
      <c r="N11308" s="10"/>
    </row>
    <row r="11309" spans="14:14">
      <c r="N11309" s="10"/>
    </row>
    <row r="11310" spans="14:14">
      <c r="N11310" s="10"/>
    </row>
    <row r="11311" spans="14:14">
      <c r="N11311" s="10"/>
    </row>
    <row r="11312" spans="14:14">
      <c r="N11312" s="10"/>
    </row>
    <row r="11313" spans="14:14">
      <c r="N11313" s="10"/>
    </row>
    <row r="11314" spans="14:14">
      <c r="N11314" s="10"/>
    </row>
    <row r="11315" spans="14:14">
      <c r="N11315" s="10"/>
    </row>
    <row r="11316" spans="14:14">
      <c r="N11316" s="10"/>
    </row>
    <row r="11317" spans="14:14">
      <c r="N11317" s="10"/>
    </row>
    <row r="11318" spans="14:14">
      <c r="N11318" s="10"/>
    </row>
    <row r="11319" spans="14:14">
      <c r="N11319" s="10"/>
    </row>
    <row r="11320" spans="14:14">
      <c r="N11320" s="10"/>
    </row>
    <row r="11321" spans="14:14">
      <c r="N11321" s="10"/>
    </row>
    <row r="11322" spans="14:14">
      <c r="N11322" s="10"/>
    </row>
    <row r="11323" spans="14:14">
      <c r="N11323" s="10"/>
    </row>
    <row r="11324" spans="14:14">
      <c r="N11324" s="10"/>
    </row>
    <row r="11325" spans="14:14">
      <c r="N11325" s="10"/>
    </row>
    <row r="11326" spans="14:14">
      <c r="N11326" s="10"/>
    </row>
    <row r="11327" spans="14:14">
      <c r="N11327" s="10"/>
    </row>
    <row r="11328" spans="14:14">
      <c r="N11328" s="10"/>
    </row>
    <row r="11329" spans="14:14">
      <c r="N11329" s="10"/>
    </row>
    <row r="11330" spans="14:14">
      <c r="N11330" s="10"/>
    </row>
    <row r="11331" spans="14:14">
      <c r="N11331" s="10"/>
    </row>
    <row r="11332" spans="14:14">
      <c r="N11332" s="10"/>
    </row>
    <row r="11333" spans="14:14">
      <c r="N11333" s="10"/>
    </row>
    <row r="11334" spans="14:14">
      <c r="N11334" s="10"/>
    </row>
    <row r="11335" spans="14:14">
      <c r="N11335" s="10"/>
    </row>
    <row r="11336" spans="14:14">
      <c r="N11336" s="10"/>
    </row>
    <row r="11337" spans="14:14">
      <c r="N11337" s="10"/>
    </row>
    <row r="11338" spans="14:14">
      <c r="N11338" s="10"/>
    </row>
    <row r="11339" spans="14:14">
      <c r="N11339" s="10"/>
    </row>
    <row r="11340" spans="14:14">
      <c r="N11340" s="10"/>
    </row>
    <row r="11341" spans="14:14">
      <c r="N11341" s="10"/>
    </row>
    <row r="11342" spans="14:14">
      <c r="N11342" s="10"/>
    </row>
    <row r="11343" spans="14:14">
      <c r="N11343" s="10"/>
    </row>
    <row r="11344" spans="14:14">
      <c r="N11344" s="10"/>
    </row>
    <row r="11345" spans="14:14">
      <c r="N11345" s="10"/>
    </row>
    <row r="11346" spans="14:14">
      <c r="N11346" s="10"/>
    </row>
    <row r="11347" spans="14:14">
      <c r="N11347" s="10"/>
    </row>
    <row r="11348" spans="14:14">
      <c r="N11348" s="10"/>
    </row>
    <row r="11349" spans="14:14">
      <c r="N11349" s="10"/>
    </row>
    <row r="11350" spans="14:14">
      <c r="N11350" s="10"/>
    </row>
    <row r="11351" spans="14:14">
      <c r="N11351" s="10"/>
    </row>
    <row r="11352" spans="14:14">
      <c r="N11352" s="10"/>
    </row>
    <row r="11353" spans="14:14">
      <c r="N11353" s="10"/>
    </row>
    <row r="11354" spans="14:14">
      <c r="N11354" s="10"/>
    </row>
    <row r="11355" spans="14:14">
      <c r="N11355" s="10"/>
    </row>
    <row r="11356" spans="14:14">
      <c r="N11356" s="10"/>
    </row>
    <row r="11357" spans="14:14">
      <c r="N11357" s="10"/>
    </row>
    <row r="11358" spans="14:14">
      <c r="N11358" s="10"/>
    </row>
    <row r="11359" spans="14:14">
      <c r="N11359" s="10"/>
    </row>
    <row r="11360" spans="14:14">
      <c r="N11360" s="10"/>
    </row>
    <row r="11361" spans="14:14">
      <c r="N11361" s="10"/>
    </row>
    <row r="11362" spans="14:14">
      <c r="N11362" s="10"/>
    </row>
    <row r="11363" spans="14:14">
      <c r="N11363" s="10"/>
    </row>
    <row r="11364" spans="14:14">
      <c r="N11364" s="10"/>
    </row>
    <row r="11365" spans="14:14">
      <c r="N11365" s="10"/>
    </row>
    <row r="11366" spans="14:14">
      <c r="N11366" s="10"/>
    </row>
    <row r="11367" spans="14:14">
      <c r="N11367" s="10"/>
    </row>
    <row r="11368" spans="14:14">
      <c r="N11368" s="10"/>
    </row>
    <row r="11369" spans="14:14">
      <c r="N11369" s="10"/>
    </row>
    <row r="11370" spans="14:14">
      <c r="N11370" s="10"/>
    </row>
    <row r="11371" spans="14:14">
      <c r="N11371" s="10"/>
    </row>
    <row r="11372" spans="14:14">
      <c r="N11372" s="10"/>
    </row>
    <row r="11373" spans="14:14">
      <c r="N11373" s="10"/>
    </row>
    <row r="11374" spans="14:14">
      <c r="N11374" s="10"/>
    </row>
    <row r="11375" spans="14:14">
      <c r="N11375" s="10"/>
    </row>
    <row r="11376" spans="14:14">
      <c r="N11376" s="10"/>
    </row>
    <row r="11377" spans="14:14">
      <c r="N11377" s="10"/>
    </row>
    <row r="11378" spans="14:14">
      <c r="N11378" s="10"/>
    </row>
    <row r="11379" spans="14:14">
      <c r="N11379" s="10"/>
    </row>
    <row r="11380" spans="14:14">
      <c r="N11380" s="10"/>
    </row>
    <row r="11381" spans="14:14">
      <c r="N11381" s="10"/>
    </row>
    <row r="11382" spans="14:14">
      <c r="N11382" s="10"/>
    </row>
    <row r="11383" spans="14:14">
      <c r="N11383" s="10"/>
    </row>
    <row r="11384" spans="14:14">
      <c r="N11384" s="10"/>
    </row>
    <row r="11385" spans="14:14">
      <c r="N11385" s="10"/>
    </row>
    <row r="11386" spans="14:14">
      <c r="N11386" s="10"/>
    </row>
    <row r="11387" spans="14:14">
      <c r="N11387" s="10"/>
    </row>
    <row r="11388" spans="14:14">
      <c r="N11388" s="10"/>
    </row>
    <row r="11389" spans="14:14">
      <c r="N11389" s="10"/>
    </row>
    <row r="11390" spans="14:14">
      <c r="N11390" s="10"/>
    </row>
    <row r="11391" spans="14:14">
      <c r="N11391" s="10"/>
    </row>
    <row r="11392" spans="14:14">
      <c r="N11392" s="10"/>
    </row>
    <row r="11393" spans="14:14">
      <c r="N11393" s="10"/>
    </row>
    <row r="11394" spans="14:14">
      <c r="N11394" s="10"/>
    </row>
    <row r="11395" spans="14:14">
      <c r="N11395" s="10"/>
    </row>
    <row r="11396" spans="14:14">
      <c r="N11396" s="10"/>
    </row>
    <row r="11397" spans="14:14">
      <c r="N11397" s="10"/>
    </row>
    <row r="11398" spans="14:14">
      <c r="N11398" s="10"/>
    </row>
    <row r="11399" spans="14:14">
      <c r="N11399" s="10"/>
    </row>
    <row r="11400" spans="14:14">
      <c r="N11400" s="10"/>
    </row>
    <row r="11401" spans="14:14">
      <c r="N11401" s="10"/>
    </row>
    <row r="11402" spans="14:14">
      <c r="N11402" s="10"/>
    </row>
    <row r="11403" spans="14:14">
      <c r="N11403" s="10"/>
    </row>
    <row r="11404" spans="14:14">
      <c r="N11404" s="10"/>
    </row>
    <row r="11405" spans="14:14">
      <c r="N11405" s="10"/>
    </row>
    <row r="11406" spans="14:14">
      <c r="N11406" s="10"/>
    </row>
    <row r="11407" spans="14:14">
      <c r="N11407" s="10"/>
    </row>
    <row r="11408" spans="14:14">
      <c r="N11408" s="10"/>
    </row>
    <row r="11409" spans="14:14">
      <c r="N11409" s="10"/>
    </row>
    <row r="11410" spans="14:14">
      <c r="N11410" s="10"/>
    </row>
    <row r="11411" spans="14:14">
      <c r="N11411" s="10"/>
    </row>
    <row r="11412" spans="14:14">
      <c r="N11412" s="10"/>
    </row>
    <row r="11413" spans="14:14">
      <c r="N11413" s="10"/>
    </row>
    <row r="11414" spans="14:14">
      <c r="N11414" s="10"/>
    </row>
    <row r="11415" spans="14:14">
      <c r="N11415" s="10"/>
    </row>
    <row r="11416" spans="14:14">
      <c r="N11416" s="10"/>
    </row>
    <row r="11417" spans="14:14">
      <c r="N11417" s="10"/>
    </row>
    <row r="11418" spans="14:14">
      <c r="N11418" s="10"/>
    </row>
    <row r="11419" spans="14:14">
      <c r="N11419" s="10"/>
    </row>
    <row r="11420" spans="14:14">
      <c r="N11420" s="10"/>
    </row>
    <row r="11421" spans="14:14">
      <c r="N11421" s="10"/>
    </row>
    <row r="11422" spans="14:14">
      <c r="N11422" s="10"/>
    </row>
    <row r="11423" spans="14:14">
      <c r="N11423" s="10"/>
    </row>
    <row r="11424" spans="14:14">
      <c r="N11424" s="10"/>
    </row>
    <row r="11425" spans="14:14">
      <c r="N11425" s="10"/>
    </row>
    <row r="11426" spans="14:14">
      <c r="N11426" s="10"/>
    </row>
    <row r="11427" spans="14:14">
      <c r="N11427" s="10"/>
    </row>
    <row r="11428" spans="14:14">
      <c r="N11428" s="10"/>
    </row>
    <row r="11429" spans="14:14">
      <c r="N11429" s="10"/>
    </row>
    <row r="11430" spans="14:14">
      <c r="N11430" s="10"/>
    </row>
    <row r="11431" spans="14:14">
      <c r="N11431" s="10"/>
    </row>
    <row r="11432" spans="14:14">
      <c r="N11432" s="10"/>
    </row>
    <row r="11433" spans="14:14">
      <c r="N11433" s="10"/>
    </row>
    <row r="11434" spans="14:14">
      <c r="N11434" s="10"/>
    </row>
    <row r="11435" spans="14:14">
      <c r="N11435" s="10"/>
    </row>
    <row r="11436" spans="14:14">
      <c r="N11436" s="10"/>
    </row>
    <row r="11437" spans="14:14">
      <c r="N11437" s="10"/>
    </row>
    <row r="11438" spans="14:14">
      <c r="N11438" s="10"/>
    </row>
    <row r="11439" spans="14:14">
      <c r="N11439" s="10"/>
    </row>
    <row r="11440" spans="14:14">
      <c r="N11440" s="10"/>
    </row>
    <row r="11441" spans="14:14">
      <c r="N11441" s="10"/>
    </row>
    <row r="11442" spans="14:14">
      <c r="N11442" s="10"/>
    </row>
    <row r="11443" spans="14:14">
      <c r="N11443" s="10"/>
    </row>
    <row r="11444" spans="14:14">
      <c r="N11444" s="10"/>
    </row>
    <row r="11445" spans="14:14">
      <c r="N11445" s="10"/>
    </row>
    <row r="11446" spans="14:14">
      <c r="N11446" s="10"/>
    </row>
    <row r="11447" spans="14:14">
      <c r="N11447" s="10"/>
    </row>
    <row r="11448" spans="14:14">
      <c r="N11448" s="10"/>
    </row>
    <row r="11449" spans="14:14">
      <c r="N11449" s="10"/>
    </row>
    <row r="11450" spans="14:14">
      <c r="N11450" s="10"/>
    </row>
    <row r="11451" spans="14:14">
      <c r="N11451" s="10"/>
    </row>
    <row r="11452" spans="14:14">
      <c r="N11452" s="10"/>
    </row>
    <row r="11453" spans="14:14">
      <c r="N11453" s="10"/>
    </row>
    <row r="11454" spans="14:14">
      <c r="N11454" s="10"/>
    </row>
    <row r="11455" spans="14:14">
      <c r="N11455" s="10"/>
    </row>
    <row r="11456" spans="14:14">
      <c r="N11456" s="10"/>
    </row>
    <row r="11457" spans="14:14">
      <c r="N11457" s="10"/>
    </row>
    <row r="11458" spans="14:14">
      <c r="N11458" s="10"/>
    </row>
    <row r="11459" spans="14:14">
      <c r="N11459" s="10"/>
    </row>
    <row r="11460" spans="14:14">
      <c r="N11460" s="10"/>
    </row>
    <row r="11461" spans="14:14">
      <c r="N11461" s="10"/>
    </row>
    <row r="11462" spans="14:14">
      <c r="N11462" s="10"/>
    </row>
    <row r="11463" spans="14:14">
      <c r="N11463" s="10"/>
    </row>
    <row r="11464" spans="14:14">
      <c r="N11464" s="10"/>
    </row>
    <row r="11465" spans="14:14">
      <c r="N11465" s="10"/>
    </row>
    <row r="11466" spans="14:14">
      <c r="N11466" s="10"/>
    </row>
    <row r="11467" spans="14:14">
      <c r="N11467" s="10"/>
    </row>
    <row r="11468" spans="14:14">
      <c r="N11468" s="10"/>
    </row>
    <row r="11469" spans="14:14">
      <c r="N11469" s="10"/>
    </row>
    <row r="11470" spans="14:14">
      <c r="N11470" s="10"/>
    </row>
    <row r="11471" spans="14:14">
      <c r="N11471" s="10"/>
    </row>
    <row r="11472" spans="14:14">
      <c r="N11472" s="10"/>
    </row>
    <row r="11473" spans="14:14">
      <c r="N11473" s="10"/>
    </row>
    <row r="11474" spans="14:14">
      <c r="N11474" s="10"/>
    </row>
    <row r="11475" spans="14:14">
      <c r="N11475" s="10"/>
    </row>
    <row r="11476" spans="14:14">
      <c r="N11476" s="10"/>
    </row>
    <row r="11477" spans="14:14">
      <c r="N11477" s="10"/>
    </row>
    <row r="11478" spans="14:14">
      <c r="N11478" s="10"/>
    </row>
    <row r="11479" spans="14:14">
      <c r="N11479" s="10"/>
    </row>
    <row r="11480" spans="14:14">
      <c r="N11480" s="10"/>
    </row>
    <row r="11481" spans="14:14">
      <c r="N11481" s="10"/>
    </row>
    <row r="11482" spans="14:14">
      <c r="N11482" s="10"/>
    </row>
    <row r="11483" spans="14:14">
      <c r="N11483" s="10"/>
    </row>
    <row r="11484" spans="14:14">
      <c r="N11484" s="10"/>
    </row>
    <row r="11485" spans="14:14">
      <c r="N11485" s="10"/>
    </row>
    <row r="11486" spans="14:14">
      <c r="N11486" s="10"/>
    </row>
    <row r="11487" spans="14:14">
      <c r="N11487" s="10"/>
    </row>
    <row r="11488" spans="14:14">
      <c r="N11488" s="10"/>
    </row>
    <row r="11489" spans="14:14">
      <c r="N11489" s="10"/>
    </row>
    <row r="11490" spans="14:14">
      <c r="N11490" s="10"/>
    </row>
    <row r="11491" spans="14:14">
      <c r="N11491" s="10"/>
    </row>
    <row r="11492" spans="14:14">
      <c r="N11492" s="10"/>
    </row>
    <row r="11493" spans="14:14">
      <c r="N11493" s="10"/>
    </row>
    <row r="11494" spans="14:14">
      <c r="N11494" s="10"/>
    </row>
    <row r="11495" spans="14:14">
      <c r="N11495" s="10"/>
    </row>
    <row r="11496" spans="14:14">
      <c r="N11496" s="10"/>
    </row>
    <row r="11497" spans="14:14">
      <c r="N11497" s="10"/>
    </row>
    <row r="11498" spans="14:14">
      <c r="N11498" s="10"/>
    </row>
    <row r="11499" spans="14:14">
      <c r="N11499" s="10"/>
    </row>
    <row r="11500" spans="14:14">
      <c r="N11500" s="10"/>
    </row>
    <row r="11501" spans="14:14">
      <c r="N11501" s="10"/>
    </row>
    <row r="11502" spans="14:14">
      <c r="N11502" s="10"/>
    </row>
    <row r="11503" spans="14:14">
      <c r="N11503" s="10"/>
    </row>
    <row r="11504" spans="14:14">
      <c r="N11504" s="10"/>
    </row>
    <row r="11505" spans="14:14">
      <c r="N11505" s="10"/>
    </row>
    <row r="11506" spans="14:14">
      <c r="N11506" s="10"/>
    </row>
    <row r="11507" spans="14:14">
      <c r="N11507" s="10"/>
    </row>
    <row r="11508" spans="14:14">
      <c r="N11508" s="10"/>
    </row>
    <row r="11509" spans="14:14">
      <c r="N11509" s="10"/>
    </row>
    <row r="11510" spans="14:14">
      <c r="N11510" s="10"/>
    </row>
    <row r="11511" spans="14:14">
      <c r="N11511" s="10"/>
    </row>
    <row r="11512" spans="14:14">
      <c r="N11512" s="10"/>
    </row>
    <row r="11513" spans="14:14">
      <c r="N11513" s="10"/>
    </row>
    <row r="11514" spans="14:14">
      <c r="N11514" s="10"/>
    </row>
    <row r="11515" spans="14:14">
      <c r="N11515" s="10"/>
    </row>
    <row r="11516" spans="14:14">
      <c r="N11516" s="10"/>
    </row>
    <row r="11517" spans="14:14">
      <c r="N11517" s="10"/>
    </row>
    <row r="11518" spans="14:14">
      <c r="N11518" s="10"/>
    </row>
    <row r="11519" spans="14:14">
      <c r="N11519" s="10"/>
    </row>
    <row r="11520" spans="14:14">
      <c r="N11520" s="10"/>
    </row>
    <row r="11521" spans="14:14">
      <c r="N11521" s="10"/>
    </row>
    <row r="11522" spans="14:14">
      <c r="N11522" s="10"/>
    </row>
    <row r="11523" spans="14:14">
      <c r="N11523" s="10"/>
    </row>
    <row r="11524" spans="14:14">
      <c r="N11524" s="10"/>
    </row>
    <row r="11525" spans="14:14">
      <c r="N11525" s="10"/>
    </row>
    <row r="11526" spans="14:14">
      <c r="N11526" s="10"/>
    </row>
    <row r="11527" spans="14:14">
      <c r="N11527" s="10"/>
    </row>
    <row r="11528" spans="14:14">
      <c r="N11528" s="10"/>
    </row>
    <row r="11529" spans="14:14">
      <c r="N11529" s="10"/>
    </row>
    <row r="11530" spans="14:14">
      <c r="N11530" s="10"/>
    </row>
    <row r="11531" spans="14:14">
      <c r="N11531" s="10"/>
    </row>
    <row r="11532" spans="14:14">
      <c r="N11532" s="10"/>
    </row>
    <row r="11533" spans="14:14">
      <c r="N11533" s="10"/>
    </row>
    <row r="11534" spans="14:14">
      <c r="N11534" s="10"/>
    </row>
    <row r="11535" spans="14:14">
      <c r="N11535" s="10"/>
    </row>
    <row r="11536" spans="14:14">
      <c r="N11536" s="10"/>
    </row>
    <row r="11537" spans="14:14">
      <c r="N11537" s="10"/>
    </row>
    <row r="11538" spans="14:14">
      <c r="N11538" s="10"/>
    </row>
    <row r="11539" spans="14:14">
      <c r="N11539" s="10"/>
    </row>
    <row r="11540" spans="14:14">
      <c r="N11540" s="10"/>
    </row>
    <row r="11541" spans="14:14">
      <c r="N11541" s="10"/>
    </row>
    <row r="11542" spans="14:14">
      <c r="N11542" s="10"/>
    </row>
    <row r="11543" spans="14:14">
      <c r="N11543" s="10"/>
    </row>
    <row r="11544" spans="14:14">
      <c r="N11544" s="10"/>
    </row>
    <row r="11545" spans="14:14">
      <c r="N11545" s="10"/>
    </row>
    <row r="11546" spans="14:14">
      <c r="N11546" s="10"/>
    </row>
    <row r="11547" spans="14:14">
      <c r="N11547" s="10"/>
    </row>
    <row r="11548" spans="14:14">
      <c r="N11548" s="10"/>
    </row>
    <row r="11549" spans="14:14">
      <c r="N11549" s="10"/>
    </row>
    <row r="11550" spans="14:14">
      <c r="N11550" s="10"/>
    </row>
    <row r="11551" spans="14:14">
      <c r="N11551" s="10"/>
    </row>
    <row r="11552" spans="14:14">
      <c r="N11552" s="10"/>
    </row>
    <row r="11553" spans="14:14">
      <c r="N11553" s="10"/>
    </row>
    <row r="11554" spans="14:14">
      <c r="N11554" s="10"/>
    </row>
    <row r="11555" spans="14:14">
      <c r="N11555" s="10"/>
    </row>
    <row r="11556" spans="14:14">
      <c r="N11556" s="10"/>
    </row>
    <row r="11557" spans="14:14">
      <c r="N11557" s="10"/>
    </row>
    <row r="11558" spans="14:14">
      <c r="N11558" s="10"/>
    </row>
    <row r="11559" spans="14:14">
      <c r="N11559" s="10"/>
    </row>
    <row r="11560" spans="14:14">
      <c r="N11560" s="10"/>
    </row>
    <row r="11561" spans="14:14">
      <c r="N11561" s="10"/>
    </row>
    <row r="11562" spans="14:14">
      <c r="N11562" s="10"/>
    </row>
    <row r="11563" spans="14:14">
      <c r="N11563" s="10"/>
    </row>
    <row r="11564" spans="14:14">
      <c r="N11564" s="10"/>
    </row>
    <row r="11565" spans="14:14">
      <c r="N11565" s="10"/>
    </row>
    <row r="11566" spans="14:14">
      <c r="N11566" s="10"/>
    </row>
    <row r="11567" spans="14:14">
      <c r="N11567" s="10"/>
    </row>
    <row r="11568" spans="14:14">
      <c r="N11568" s="10"/>
    </row>
    <row r="11569" spans="14:14">
      <c r="N11569" s="10"/>
    </row>
    <row r="11570" spans="14:14">
      <c r="N11570" s="10"/>
    </row>
    <row r="11571" spans="14:14">
      <c r="N11571" s="10"/>
    </row>
    <row r="11572" spans="14:14">
      <c r="N11572" s="10"/>
    </row>
    <row r="11573" spans="14:14">
      <c r="N11573" s="10"/>
    </row>
    <row r="11574" spans="14:14">
      <c r="N11574" s="10"/>
    </row>
    <row r="11575" spans="14:14">
      <c r="N11575" s="10"/>
    </row>
    <row r="11576" spans="14:14">
      <c r="N11576" s="10"/>
    </row>
    <row r="11577" spans="14:14">
      <c r="N11577" s="10"/>
    </row>
    <row r="11578" spans="14:14">
      <c r="N11578" s="10"/>
    </row>
    <row r="11579" spans="14:14">
      <c r="N11579" s="10"/>
    </row>
    <row r="11580" spans="14:14">
      <c r="N11580" s="10"/>
    </row>
    <row r="11581" spans="14:14">
      <c r="N11581" s="10"/>
    </row>
    <row r="11582" spans="14:14">
      <c r="N11582" s="10"/>
    </row>
    <row r="11583" spans="14:14">
      <c r="N11583" s="10"/>
    </row>
    <row r="11584" spans="14:14">
      <c r="N11584" s="10"/>
    </row>
    <row r="11585" spans="14:14">
      <c r="N11585" s="10"/>
    </row>
    <row r="11586" spans="14:14">
      <c r="N11586" s="10"/>
    </row>
    <row r="11587" spans="14:14">
      <c r="N11587" s="10"/>
    </row>
    <row r="11588" spans="14:14">
      <c r="N11588" s="10"/>
    </row>
    <row r="11589" spans="14:14">
      <c r="N11589" s="10"/>
    </row>
    <row r="11590" spans="14:14">
      <c r="N11590" s="10"/>
    </row>
    <row r="11591" spans="14:14">
      <c r="N11591" s="10"/>
    </row>
    <row r="11592" spans="14:14">
      <c r="N11592" s="10"/>
    </row>
    <row r="11593" spans="14:14">
      <c r="N11593" s="10"/>
    </row>
    <row r="11594" spans="14:14">
      <c r="N11594" s="10"/>
    </row>
    <row r="11595" spans="14:14">
      <c r="N11595" s="10"/>
    </row>
    <row r="11596" spans="14:14">
      <c r="N11596" s="10"/>
    </row>
    <row r="11597" spans="14:14">
      <c r="N11597" s="10"/>
    </row>
    <row r="11598" spans="14:14">
      <c r="N11598" s="10"/>
    </row>
    <row r="11599" spans="14:14">
      <c r="N11599" s="10"/>
    </row>
    <row r="11600" spans="14:14">
      <c r="N11600" s="10"/>
    </row>
    <row r="11601" spans="14:14">
      <c r="N11601" s="10"/>
    </row>
    <row r="11602" spans="14:14">
      <c r="N11602" s="10"/>
    </row>
    <row r="11603" spans="14:14">
      <c r="N11603" s="10"/>
    </row>
    <row r="11604" spans="14:14">
      <c r="N11604" s="10"/>
    </row>
    <row r="11605" spans="14:14">
      <c r="N11605" s="10"/>
    </row>
    <row r="11606" spans="14:14">
      <c r="N11606" s="10"/>
    </row>
    <row r="11607" spans="14:14">
      <c r="N11607" s="10"/>
    </row>
    <row r="11608" spans="14:14">
      <c r="N11608" s="10"/>
    </row>
    <row r="11609" spans="14:14">
      <c r="N11609" s="10"/>
    </row>
    <row r="11610" spans="14:14">
      <c r="N11610" s="10"/>
    </row>
    <row r="11611" spans="14:14">
      <c r="N11611" s="10"/>
    </row>
    <row r="11612" spans="14:14">
      <c r="N11612" s="10"/>
    </row>
    <row r="11613" spans="14:14">
      <c r="N11613" s="10"/>
    </row>
    <row r="11614" spans="14:14">
      <c r="N11614" s="10"/>
    </row>
    <row r="11615" spans="14:14">
      <c r="N11615" s="10"/>
    </row>
    <row r="11616" spans="14:14">
      <c r="N11616" s="10"/>
    </row>
    <row r="11617" spans="14:14">
      <c r="N11617" s="10"/>
    </row>
    <row r="11618" spans="14:14">
      <c r="N11618" s="10"/>
    </row>
    <row r="11619" spans="14:14">
      <c r="N11619" s="10"/>
    </row>
    <row r="11620" spans="14:14">
      <c r="N11620" s="10"/>
    </row>
    <row r="11621" spans="14:14">
      <c r="N11621" s="10"/>
    </row>
    <row r="11622" spans="14:14">
      <c r="N11622" s="10"/>
    </row>
    <row r="11623" spans="14:14">
      <c r="N11623" s="10"/>
    </row>
    <row r="11624" spans="14:14">
      <c r="N11624" s="10"/>
    </row>
    <row r="11625" spans="14:14">
      <c r="N11625" s="10"/>
    </row>
    <row r="11626" spans="14:14">
      <c r="N11626" s="10"/>
    </row>
    <row r="11627" spans="14:14">
      <c r="N11627" s="10"/>
    </row>
    <row r="11628" spans="14:14">
      <c r="N11628" s="10"/>
    </row>
    <row r="11629" spans="14:14">
      <c r="N11629" s="10"/>
    </row>
    <row r="11630" spans="14:14">
      <c r="N11630" s="10"/>
    </row>
    <row r="11631" spans="14:14">
      <c r="N11631" s="10"/>
    </row>
    <row r="11632" spans="14:14">
      <c r="N11632" s="10"/>
    </row>
    <row r="11633" spans="14:14">
      <c r="N11633" s="10"/>
    </row>
    <row r="11634" spans="14:14">
      <c r="N11634" s="10"/>
    </row>
    <row r="11635" spans="14:14">
      <c r="N11635" s="10"/>
    </row>
    <row r="11636" spans="14:14">
      <c r="N11636" s="10"/>
    </row>
    <row r="11637" spans="14:14">
      <c r="N11637" s="10"/>
    </row>
    <row r="11638" spans="14:14">
      <c r="N11638" s="10"/>
    </row>
    <row r="11639" spans="14:14">
      <c r="N11639" s="10"/>
    </row>
    <row r="11640" spans="14:14">
      <c r="N11640" s="10"/>
    </row>
    <row r="11641" spans="14:14">
      <c r="N11641" s="10"/>
    </row>
    <row r="11642" spans="14:14">
      <c r="N11642" s="10"/>
    </row>
    <row r="11643" spans="14:14">
      <c r="N11643" s="10"/>
    </row>
    <row r="11644" spans="14:14">
      <c r="N11644" s="10"/>
    </row>
    <row r="11645" spans="14:14">
      <c r="N11645" s="10"/>
    </row>
    <row r="11646" spans="14:14">
      <c r="N11646" s="10"/>
    </row>
    <row r="11647" spans="14:14">
      <c r="N11647" s="10"/>
    </row>
    <row r="11648" spans="14:14">
      <c r="N11648" s="10"/>
    </row>
    <row r="11649" spans="14:14">
      <c r="N11649" s="10"/>
    </row>
    <row r="11650" spans="14:14">
      <c r="N11650" s="10"/>
    </row>
    <row r="11651" spans="14:14">
      <c r="N11651" s="10"/>
    </row>
    <row r="11652" spans="14:14">
      <c r="N11652" s="10"/>
    </row>
    <row r="11653" spans="14:14">
      <c r="N11653" s="10"/>
    </row>
    <row r="11654" spans="14:14">
      <c r="N11654" s="10"/>
    </row>
    <row r="11655" spans="14:14">
      <c r="N11655" s="10"/>
    </row>
    <row r="11656" spans="14:14">
      <c r="N11656" s="10"/>
    </row>
    <row r="11657" spans="14:14">
      <c r="N11657" s="10"/>
    </row>
    <row r="11658" spans="14:14">
      <c r="N11658" s="10"/>
    </row>
    <row r="11659" spans="14:14">
      <c r="N11659" s="10"/>
    </row>
    <row r="11660" spans="14:14">
      <c r="N11660" s="10"/>
    </row>
    <row r="11661" spans="14:14">
      <c r="N11661" s="10"/>
    </row>
    <row r="11662" spans="14:14">
      <c r="N11662" s="10"/>
    </row>
    <row r="11663" spans="14:14">
      <c r="N11663" s="10"/>
    </row>
    <row r="11664" spans="14:14">
      <c r="N11664" s="10"/>
    </row>
    <row r="11665" spans="14:14">
      <c r="N11665" s="10"/>
    </row>
    <row r="11666" spans="14:14">
      <c r="N11666" s="10"/>
    </row>
    <row r="11667" spans="14:14">
      <c r="N11667" s="10"/>
    </row>
    <row r="11668" spans="14:14">
      <c r="N11668" s="10"/>
    </row>
    <row r="11669" spans="14:14">
      <c r="N11669" s="10"/>
    </row>
    <row r="11670" spans="14:14">
      <c r="N11670" s="10"/>
    </row>
    <row r="11671" spans="14:14">
      <c r="N11671" s="10"/>
    </row>
    <row r="11672" spans="14:14">
      <c r="N11672" s="10"/>
    </row>
    <row r="11673" spans="14:14">
      <c r="N11673" s="10"/>
    </row>
    <row r="11674" spans="14:14">
      <c r="N11674" s="10"/>
    </row>
    <row r="11675" spans="14:14">
      <c r="N11675" s="10"/>
    </row>
    <row r="11676" spans="14:14">
      <c r="N11676" s="10"/>
    </row>
    <row r="11677" spans="14:14">
      <c r="N11677" s="10"/>
    </row>
    <row r="11678" spans="14:14">
      <c r="N11678" s="10"/>
    </row>
    <row r="11679" spans="14:14">
      <c r="N11679" s="10"/>
    </row>
    <row r="11680" spans="14:14">
      <c r="N11680" s="10"/>
    </row>
    <row r="11681" spans="14:14">
      <c r="N11681" s="10"/>
    </row>
    <row r="11682" spans="14:14">
      <c r="N11682" s="10"/>
    </row>
    <row r="11683" spans="14:14">
      <c r="N11683" s="10"/>
    </row>
    <row r="11684" spans="14:14">
      <c r="N11684" s="10"/>
    </row>
    <row r="11685" spans="14:14">
      <c r="N11685" s="10"/>
    </row>
    <row r="11686" spans="14:14">
      <c r="N11686" s="10"/>
    </row>
    <row r="11687" spans="14:14">
      <c r="N11687" s="10"/>
    </row>
    <row r="11688" spans="14:14">
      <c r="N11688" s="10"/>
    </row>
    <row r="11689" spans="14:14">
      <c r="N11689" s="10"/>
    </row>
    <row r="11690" spans="14:14">
      <c r="N11690" s="10"/>
    </row>
    <row r="11691" spans="14:14">
      <c r="N11691" s="10"/>
    </row>
    <row r="11692" spans="14:14">
      <c r="N11692" s="10"/>
    </row>
    <row r="11693" spans="14:14">
      <c r="N11693" s="10"/>
    </row>
    <row r="11694" spans="14:14">
      <c r="N11694" s="10"/>
    </row>
    <row r="11695" spans="14:14">
      <c r="N11695" s="10"/>
    </row>
    <row r="11696" spans="14:14">
      <c r="N11696" s="10"/>
    </row>
    <row r="11697" spans="14:14">
      <c r="N11697" s="10"/>
    </row>
    <row r="11698" spans="14:14">
      <c r="N11698" s="10"/>
    </row>
    <row r="11699" spans="14:14">
      <c r="N11699" s="10"/>
    </row>
    <row r="11700" spans="14:14">
      <c r="N11700" s="10"/>
    </row>
    <row r="11701" spans="14:14">
      <c r="N11701" s="10"/>
    </row>
    <row r="11702" spans="14:14">
      <c r="N11702" s="10"/>
    </row>
    <row r="11703" spans="14:14">
      <c r="N11703" s="10"/>
    </row>
    <row r="11704" spans="14:14">
      <c r="N11704" s="10"/>
    </row>
    <row r="11705" spans="14:14">
      <c r="N11705" s="10"/>
    </row>
    <row r="11706" spans="14:14">
      <c r="N11706" s="10"/>
    </row>
    <row r="11707" spans="14:14">
      <c r="N11707" s="10"/>
    </row>
    <row r="11708" spans="14:14">
      <c r="N11708" s="10"/>
    </row>
    <row r="11709" spans="14:14">
      <c r="N11709" s="10"/>
    </row>
    <row r="11710" spans="14:14">
      <c r="N11710" s="10"/>
    </row>
    <row r="11711" spans="14:14">
      <c r="N11711" s="10"/>
    </row>
    <row r="11712" spans="14:14">
      <c r="N11712" s="10"/>
    </row>
    <row r="11713" spans="14:14">
      <c r="N11713" s="10"/>
    </row>
    <row r="11714" spans="14:14">
      <c r="N11714" s="10"/>
    </row>
    <row r="11715" spans="14:14">
      <c r="N11715" s="10"/>
    </row>
    <row r="11716" spans="14:14">
      <c r="N11716" s="10"/>
    </row>
    <row r="11717" spans="14:14">
      <c r="N11717" s="10"/>
    </row>
    <row r="11718" spans="14:14">
      <c r="N11718" s="10"/>
    </row>
    <row r="11719" spans="14:14">
      <c r="N11719" s="10"/>
    </row>
    <row r="11720" spans="14:14">
      <c r="N11720" s="10"/>
    </row>
    <row r="11721" spans="14:14">
      <c r="N11721" s="10"/>
    </row>
    <row r="11722" spans="14:14">
      <c r="N11722" s="10"/>
    </row>
    <row r="11723" spans="14:14">
      <c r="N11723" s="10"/>
    </row>
    <row r="11724" spans="14:14">
      <c r="N11724" s="10"/>
    </row>
    <row r="11725" spans="14:14">
      <c r="N11725" s="10"/>
    </row>
    <row r="11726" spans="14:14">
      <c r="N11726" s="10"/>
    </row>
    <row r="11727" spans="14:14">
      <c r="N11727" s="10"/>
    </row>
    <row r="11728" spans="14:14">
      <c r="N11728" s="10"/>
    </row>
    <row r="11729" spans="14:14">
      <c r="N11729" s="10"/>
    </row>
    <row r="11730" spans="14:14">
      <c r="N11730" s="10"/>
    </row>
    <row r="11731" spans="14:14">
      <c r="N11731" s="10"/>
    </row>
    <row r="11732" spans="14:14">
      <c r="N11732" s="10"/>
    </row>
    <row r="11733" spans="14:14">
      <c r="N11733" s="10"/>
    </row>
    <row r="11734" spans="14:14">
      <c r="N11734" s="10"/>
    </row>
    <row r="11735" spans="14:14">
      <c r="N11735" s="10"/>
    </row>
    <row r="11736" spans="14:14">
      <c r="N11736" s="10"/>
    </row>
    <row r="11737" spans="14:14">
      <c r="N11737" s="10"/>
    </row>
    <row r="11738" spans="14:14">
      <c r="N11738" s="10"/>
    </row>
    <row r="11739" spans="14:14">
      <c r="N11739" s="10"/>
    </row>
    <row r="11740" spans="14:14">
      <c r="N11740" s="10"/>
    </row>
    <row r="11741" spans="14:14">
      <c r="N11741" s="10"/>
    </row>
    <row r="11742" spans="14:14">
      <c r="N11742" s="10"/>
    </row>
    <row r="11743" spans="14:14">
      <c r="N11743" s="10"/>
    </row>
    <row r="11744" spans="14:14">
      <c r="N11744" s="10"/>
    </row>
    <row r="11745" spans="14:14">
      <c r="N11745" s="10"/>
    </row>
    <row r="11746" spans="14:14">
      <c r="N11746" s="10"/>
    </row>
    <row r="11747" spans="14:14">
      <c r="N11747" s="10"/>
    </row>
    <row r="11748" spans="14:14">
      <c r="N11748" s="10"/>
    </row>
    <row r="11749" spans="14:14">
      <c r="N11749" s="10"/>
    </row>
    <row r="11750" spans="14:14">
      <c r="N11750" s="10"/>
    </row>
    <row r="11751" spans="14:14">
      <c r="N11751" s="10"/>
    </row>
    <row r="11752" spans="14:14">
      <c r="N11752" s="10"/>
    </row>
    <row r="11753" spans="14:14">
      <c r="N11753" s="10"/>
    </row>
    <row r="11754" spans="14:14">
      <c r="N11754" s="10"/>
    </row>
    <row r="11755" spans="14:14">
      <c r="N11755" s="10"/>
    </row>
    <row r="11756" spans="14:14">
      <c r="N11756" s="10"/>
    </row>
    <row r="11757" spans="14:14">
      <c r="N11757" s="10"/>
    </row>
    <row r="11758" spans="14:14">
      <c r="N11758" s="10"/>
    </row>
    <row r="11759" spans="14:14">
      <c r="N11759" s="10"/>
    </row>
    <row r="11760" spans="14:14">
      <c r="N11760" s="10"/>
    </row>
    <row r="11761" spans="14:14">
      <c r="N11761" s="10"/>
    </row>
    <row r="11762" spans="14:14">
      <c r="N11762" s="10"/>
    </row>
    <row r="11763" spans="14:14">
      <c r="N11763" s="10"/>
    </row>
    <row r="11764" spans="14:14">
      <c r="N11764" s="10"/>
    </row>
    <row r="11765" spans="14:14">
      <c r="N11765" s="10"/>
    </row>
    <row r="11766" spans="14:14">
      <c r="N11766" s="10"/>
    </row>
    <row r="11767" spans="14:14">
      <c r="N11767" s="10"/>
    </row>
    <row r="11768" spans="14:14">
      <c r="N11768" s="10"/>
    </row>
    <row r="11769" spans="14:14">
      <c r="N11769" s="10"/>
    </row>
    <row r="11770" spans="14:14">
      <c r="N11770" s="10"/>
    </row>
    <row r="11771" spans="14:14">
      <c r="N11771" s="10"/>
    </row>
    <row r="11772" spans="14:14">
      <c r="N11772" s="10"/>
    </row>
    <row r="11773" spans="14:14">
      <c r="N11773" s="10"/>
    </row>
    <row r="11774" spans="14:14">
      <c r="N11774" s="10"/>
    </row>
    <row r="11775" spans="14:14">
      <c r="N11775" s="10"/>
    </row>
    <row r="11776" spans="14:14">
      <c r="N11776" s="10"/>
    </row>
    <row r="11777" spans="14:14">
      <c r="N11777" s="10"/>
    </row>
    <row r="11778" spans="14:14">
      <c r="N11778" s="10"/>
    </row>
    <row r="11779" spans="14:14">
      <c r="N11779" s="10"/>
    </row>
    <row r="11780" spans="14:14">
      <c r="N11780" s="10"/>
    </row>
    <row r="11781" spans="14:14">
      <c r="N11781" s="10"/>
    </row>
    <row r="11782" spans="14:14">
      <c r="N11782" s="10"/>
    </row>
    <row r="11783" spans="14:14">
      <c r="N11783" s="10"/>
    </row>
    <row r="11784" spans="14:14">
      <c r="N11784" s="10"/>
    </row>
    <row r="11785" spans="14:14">
      <c r="N11785" s="10"/>
    </row>
    <row r="11786" spans="14:14">
      <c r="N11786" s="10"/>
    </row>
    <row r="11787" spans="14:14">
      <c r="N11787" s="10"/>
    </row>
    <row r="11788" spans="14:14">
      <c r="N11788" s="10"/>
    </row>
    <row r="11789" spans="14:14">
      <c r="N11789" s="10"/>
    </row>
    <row r="11790" spans="14:14">
      <c r="N11790" s="10"/>
    </row>
    <row r="11791" spans="14:14">
      <c r="N11791" s="10"/>
    </row>
    <row r="11792" spans="14:14">
      <c r="N11792" s="10"/>
    </row>
    <row r="11793" spans="14:14">
      <c r="N11793" s="10"/>
    </row>
    <row r="11794" spans="14:14">
      <c r="N11794" s="10"/>
    </row>
    <row r="11795" spans="14:14">
      <c r="N11795" s="10"/>
    </row>
    <row r="11796" spans="14:14">
      <c r="N11796" s="10"/>
    </row>
    <row r="11797" spans="14:14">
      <c r="N11797" s="10"/>
    </row>
    <row r="11798" spans="14:14">
      <c r="N11798" s="10"/>
    </row>
    <row r="11799" spans="14:14">
      <c r="N11799" s="10"/>
    </row>
    <row r="11800" spans="14:14">
      <c r="N11800" s="10"/>
    </row>
    <row r="11801" spans="14:14">
      <c r="N11801" s="10"/>
    </row>
    <row r="11802" spans="14:14">
      <c r="N11802" s="10"/>
    </row>
    <row r="11803" spans="14:14">
      <c r="N11803" s="10"/>
    </row>
    <row r="11804" spans="14:14">
      <c r="N11804" s="10"/>
    </row>
    <row r="11805" spans="14:14">
      <c r="N11805" s="10"/>
    </row>
    <row r="11806" spans="14:14">
      <c r="N11806" s="10"/>
    </row>
    <row r="11807" spans="14:14">
      <c r="N11807" s="10"/>
    </row>
    <row r="11808" spans="14:14">
      <c r="N11808" s="10"/>
    </row>
    <row r="11809" spans="14:14">
      <c r="N11809" s="10"/>
    </row>
    <row r="11810" spans="14:14">
      <c r="N11810" s="10"/>
    </row>
    <row r="11811" spans="14:14">
      <c r="N11811" s="10"/>
    </row>
    <row r="11812" spans="14:14">
      <c r="N11812" s="10"/>
    </row>
    <row r="11813" spans="14:14">
      <c r="N11813" s="10"/>
    </row>
    <row r="11814" spans="14:14">
      <c r="N11814" s="10"/>
    </row>
    <row r="11815" spans="14:14">
      <c r="N11815" s="10"/>
    </row>
    <row r="11816" spans="14:14">
      <c r="N11816" s="10"/>
    </row>
    <row r="11817" spans="14:14">
      <c r="N11817" s="10"/>
    </row>
    <row r="11818" spans="14:14">
      <c r="N11818" s="10"/>
    </row>
    <row r="11819" spans="14:14">
      <c r="N11819" s="10"/>
    </row>
    <row r="11820" spans="14:14">
      <c r="N11820" s="10"/>
    </row>
    <row r="11821" spans="14:14">
      <c r="N11821" s="10"/>
    </row>
    <row r="11822" spans="14:14">
      <c r="N11822" s="10"/>
    </row>
    <row r="11823" spans="14:14">
      <c r="N11823" s="10"/>
    </row>
    <row r="11824" spans="14:14">
      <c r="N11824" s="10"/>
    </row>
    <row r="11825" spans="14:14">
      <c r="N11825" s="10"/>
    </row>
    <row r="11826" spans="14:14">
      <c r="N11826" s="10"/>
    </row>
    <row r="11827" spans="14:14">
      <c r="N11827" s="10"/>
    </row>
    <row r="11828" spans="14:14">
      <c r="N11828" s="10"/>
    </row>
    <row r="11829" spans="14:14">
      <c r="N11829" s="10"/>
    </row>
    <row r="11830" spans="14:14">
      <c r="N11830" s="10"/>
    </row>
    <row r="11831" spans="14:14">
      <c r="N11831" s="10"/>
    </row>
    <row r="11832" spans="14:14">
      <c r="N11832" s="10"/>
    </row>
    <row r="11833" spans="14:14">
      <c r="N11833" s="10"/>
    </row>
    <row r="11834" spans="14:14">
      <c r="N11834" s="10"/>
    </row>
    <row r="11835" spans="14:14">
      <c r="N11835" s="10"/>
    </row>
    <row r="11836" spans="14:14">
      <c r="N11836" s="10"/>
    </row>
    <row r="11837" spans="14:14">
      <c r="N11837" s="10"/>
    </row>
    <row r="11838" spans="14:14">
      <c r="N11838" s="10"/>
    </row>
    <row r="11839" spans="14:14">
      <c r="N11839" s="10"/>
    </row>
    <row r="11840" spans="14:14">
      <c r="N11840" s="10"/>
    </row>
    <row r="11841" spans="14:14">
      <c r="N11841" s="10"/>
    </row>
    <row r="11842" spans="14:14">
      <c r="N11842" s="10"/>
    </row>
    <row r="11843" spans="14:14">
      <c r="N11843" s="10"/>
    </row>
    <row r="11844" spans="14:14">
      <c r="N11844" s="10"/>
    </row>
    <row r="11845" spans="14:14">
      <c r="N11845" s="10"/>
    </row>
    <row r="11846" spans="14:14">
      <c r="N11846" s="10"/>
    </row>
    <row r="11847" spans="14:14">
      <c r="N11847" s="10"/>
    </row>
    <row r="11848" spans="14:14">
      <c r="N11848" s="10"/>
    </row>
    <row r="11849" spans="14:14">
      <c r="N11849" s="10"/>
    </row>
    <row r="11850" spans="14:14">
      <c r="N11850" s="10"/>
    </row>
    <row r="11851" spans="14:14">
      <c r="N11851" s="10"/>
    </row>
    <row r="11852" spans="14:14">
      <c r="N11852" s="10"/>
    </row>
    <row r="11853" spans="14:14">
      <c r="N11853" s="10"/>
    </row>
    <row r="11854" spans="14:14">
      <c r="N11854" s="10"/>
    </row>
    <row r="11855" spans="14:14">
      <c r="N11855" s="10"/>
    </row>
    <row r="11856" spans="14:14">
      <c r="N11856" s="10"/>
    </row>
    <row r="11857" spans="14:14">
      <c r="N11857" s="10"/>
    </row>
    <row r="11858" spans="14:14">
      <c r="N11858" s="10"/>
    </row>
    <row r="11859" spans="14:14">
      <c r="N11859" s="10"/>
    </row>
    <row r="11860" spans="14:14">
      <c r="N11860" s="10"/>
    </row>
    <row r="11861" spans="14:14">
      <c r="N11861" s="10"/>
    </row>
    <row r="11862" spans="14:14">
      <c r="N11862" s="10"/>
    </row>
    <row r="11863" spans="14:14">
      <c r="N11863" s="10"/>
    </row>
    <row r="11864" spans="14:14">
      <c r="N11864" s="10"/>
    </row>
    <row r="11865" spans="14:14">
      <c r="N11865" s="10"/>
    </row>
    <row r="11866" spans="14:14">
      <c r="N11866" s="10"/>
    </row>
    <row r="11867" spans="14:14">
      <c r="N11867" s="10"/>
    </row>
    <row r="11868" spans="14:14">
      <c r="N11868" s="10"/>
    </row>
    <row r="11869" spans="14:14">
      <c r="N11869" s="10"/>
    </row>
    <row r="11870" spans="14:14">
      <c r="N11870" s="10"/>
    </row>
    <row r="11871" spans="14:14">
      <c r="N11871" s="10"/>
    </row>
    <row r="11872" spans="14:14">
      <c r="N11872" s="10"/>
    </row>
    <row r="11873" spans="14:14">
      <c r="N11873" s="10"/>
    </row>
    <row r="11874" spans="14:14">
      <c r="N11874" s="10"/>
    </row>
    <row r="11875" spans="14:14">
      <c r="N11875" s="10"/>
    </row>
    <row r="11876" spans="14:14">
      <c r="N11876" s="10"/>
    </row>
    <row r="11877" spans="14:14">
      <c r="N11877" s="10"/>
    </row>
    <row r="11878" spans="14:14">
      <c r="N11878" s="10"/>
    </row>
    <row r="11879" spans="14:14">
      <c r="N11879" s="10"/>
    </row>
    <row r="11880" spans="14:14">
      <c r="N11880" s="10"/>
    </row>
    <row r="11881" spans="14:14">
      <c r="N11881" s="10"/>
    </row>
    <row r="11882" spans="14:14">
      <c r="N11882" s="10"/>
    </row>
    <row r="11883" spans="14:14">
      <c r="N11883" s="10"/>
    </row>
    <row r="11884" spans="14:14">
      <c r="N11884" s="10"/>
    </row>
    <row r="11885" spans="14:14">
      <c r="N11885" s="10"/>
    </row>
    <row r="11886" spans="14:14">
      <c r="N11886" s="10"/>
    </row>
    <row r="11887" spans="14:14">
      <c r="N11887" s="10"/>
    </row>
    <row r="11888" spans="14:14">
      <c r="N11888" s="10"/>
    </row>
    <row r="11889" spans="14:14">
      <c r="N11889" s="10"/>
    </row>
    <row r="11890" spans="14:14">
      <c r="N11890" s="10"/>
    </row>
    <row r="11891" spans="14:14">
      <c r="N11891" s="10"/>
    </row>
    <row r="11892" spans="14:14">
      <c r="N11892" s="10"/>
    </row>
    <row r="11893" spans="14:14">
      <c r="N11893" s="10"/>
    </row>
    <row r="11894" spans="14:14">
      <c r="N11894" s="10"/>
    </row>
    <row r="11895" spans="14:14">
      <c r="N11895" s="10"/>
    </row>
    <row r="11896" spans="14:14">
      <c r="N11896" s="10"/>
    </row>
    <row r="11897" spans="14:14">
      <c r="N11897" s="10"/>
    </row>
    <row r="11898" spans="14:14">
      <c r="N11898" s="10"/>
    </row>
    <row r="11899" spans="14:14">
      <c r="N11899" s="10"/>
    </row>
    <row r="11900" spans="14:14">
      <c r="N11900" s="10"/>
    </row>
    <row r="11901" spans="14:14">
      <c r="N11901" s="10"/>
    </row>
    <row r="11902" spans="14:14">
      <c r="N11902" s="10"/>
    </row>
    <row r="11903" spans="14:14">
      <c r="N11903" s="10"/>
    </row>
    <row r="11904" spans="14:14">
      <c r="N11904" s="10"/>
    </row>
    <row r="11905" spans="14:14">
      <c r="N11905" s="10"/>
    </row>
    <row r="11906" spans="14:14">
      <c r="N11906" s="10"/>
    </row>
    <row r="11907" spans="14:14">
      <c r="N11907" s="10"/>
    </row>
    <row r="11908" spans="14:14">
      <c r="N11908" s="10"/>
    </row>
    <row r="11909" spans="14:14">
      <c r="N11909" s="10"/>
    </row>
    <row r="11910" spans="14:14">
      <c r="N11910" s="10"/>
    </row>
    <row r="11911" spans="14:14">
      <c r="N11911" s="10"/>
    </row>
    <row r="11912" spans="14:14">
      <c r="N11912" s="10"/>
    </row>
    <row r="11913" spans="14:14">
      <c r="N11913" s="10"/>
    </row>
    <row r="11914" spans="14:14">
      <c r="N11914" s="10"/>
    </row>
    <row r="11915" spans="14:14">
      <c r="N11915" s="10"/>
    </row>
    <row r="11916" spans="14:14">
      <c r="N11916" s="10"/>
    </row>
    <row r="11917" spans="14:14">
      <c r="N11917" s="10"/>
    </row>
    <row r="11918" spans="14:14">
      <c r="N11918" s="10"/>
    </row>
    <row r="11919" spans="14:14">
      <c r="N11919" s="10"/>
    </row>
    <row r="11920" spans="14:14">
      <c r="N11920" s="10"/>
    </row>
    <row r="11921" spans="14:14">
      <c r="N11921" s="10"/>
    </row>
    <row r="11922" spans="14:14">
      <c r="N11922" s="10"/>
    </row>
    <row r="11923" spans="14:14">
      <c r="N11923" s="10"/>
    </row>
    <row r="11924" spans="14:14">
      <c r="N11924" s="10"/>
    </row>
    <row r="11925" spans="14:14">
      <c r="N11925" s="10"/>
    </row>
    <row r="11926" spans="14:14">
      <c r="N11926" s="10"/>
    </row>
    <row r="11927" spans="14:14">
      <c r="N11927" s="10"/>
    </row>
    <row r="11928" spans="14:14">
      <c r="N11928" s="10"/>
    </row>
    <row r="11929" spans="14:14">
      <c r="N11929" s="10"/>
    </row>
    <row r="11930" spans="14:14">
      <c r="N11930" s="10"/>
    </row>
    <row r="11931" spans="14:14">
      <c r="N11931" s="10"/>
    </row>
    <row r="11932" spans="14:14">
      <c r="N11932" s="10"/>
    </row>
    <row r="11933" spans="14:14">
      <c r="N11933" s="10"/>
    </row>
    <row r="11934" spans="14:14">
      <c r="N11934" s="10"/>
    </row>
    <row r="11935" spans="14:14">
      <c r="N11935" s="10"/>
    </row>
    <row r="11936" spans="14:14">
      <c r="N11936" s="10"/>
    </row>
    <row r="11937" spans="14:14">
      <c r="N11937" s="10"/>
    </row>
    <row r="11938" spans="14:14">
      <c r="N11938" s="10"/>
    </row>
    <row r="11939" spans="14:14">
      <c r="N11939" s="10"/>
    </row>
    <row r="11940" spans="14:14">
      <c r="N11940" s="10"/>
    </row>
    <row r="11941" spans="14:14">
      <c r="N11941" s="10"/>
    </row>
    <row r="11942" spans="14:14">
      <c r="N11942" s="10"/>
    </row>
    <row r="11943" spans="14:14">
      <c r="N11943" s="10"/>
    </row>
    <row r="11944" spans="14:14">
      <c r="N11944" s="10"/>
    </row>
    <row r="11945" spans="14:14">
      <c r="N11945" s="10"/>
    </row>
    <row r="11946" spans="14:14">
      <c r="N11946" s="10"/>
    </row>
    <row r="11947" spans="14:14">
      <c r="N11947" s="10"/>
    </row>
    <row r="11948" spans="14:14">
      <c r="N11948" s="10"/>
    </row>
    <row r="11949" spans="14:14">
      <c r="N11949" s="10"/>
    </row>
    <row r="11950" spans="14:14">
      <c r="N11950" s="10"/>
    </row>
    <row r="11951" spans="14:14">
      <c r="N11951" s="10"/>
    </row>
    <row r="11952" spans="14:14">
      <c r="N11952" s="10"/>
    </row>
    <row r="11953" spans="14:14">
      <c r="N11953" s="10"/>
    </row>
    <row r="11954" spans="14:14">
      <c r="N11954" s="10"/>
    </row>
    <row r="11955" spans="14:14">
      <c r="N11955" s="10"/>
    </row>
    <row r="11956" spans="14:14">
      <c r="N11956" s="10"/>
    </row>
    <row r="11957" spans="14:14">
      <c r="N11957" s="10"/>
    </row>
    <row r="11958" spans="14:14">
      <c r="N11958" s="10"/>
    </row>
    <row r="11959" spans="14:14">
      <c r="N11959" s="10"/>
    </row>
    <row r="11960" spans="14:14">
      <c r="N11960" s="10"/>
    </row>
    <row r="11961" spans="14:14">
      <c r="N11961" s="10"/>
    </row>
    <row r="11962" spans="14:14">
      <c r="N11962" s="10"/>
    </row>
    <row r="11963" spans="14:14">
      <c r="N11963" s="10"/>
    </row>
    <row r="11964" spans="14:14">
      <c r="N11964" s="10"/>
    </row>
    <row r="11965" spans="14:14">
      <c r="N11965" s="10"/>
    </row>
    <row r="11966" spans="14:14">
      <c r="N11966" s="10"/>
    </row>
    <row r="11967" spans="14:14">
      <c r="N11967" s="10"/>
    </row>
    <row r="11968" spans="14:14">
      <c r="N11968" s="10"/>
    </row>
    <row r="11969" spans="14:14">
      <c r="N11969" s="10"/>
    </row>
    <row r="11970" spans="14:14">
      <c r="N11970" s="10"/>
    </row>
    <row r="11971" spans="14:14">
      <c r="N11971" s="10"/>
    </row>
    <row r="11972" spans="14:14">
      <c r="N11972" s="10"/>
    </row>
    <row r="11973" spans="14:14">
      <c r="N11973" s="10"/>
    </row>
    <row r="11974" spans="14:14">
      <c r="N11974" s="10"/>
    </row>
    <row r="11975" spans="14:14">
      <c r="N11975" s="10"/>
    </row>
    <row r="11976" spans="14:14">
      <c r="N11976" s="10"/>
    </row>
    <row r="11977" spans="14:14">
      <c r="N11977" s="10"/>
    </row>
    <row r="11978" spans="14:14">
      <c r="N11978" s="10"/>
    </row>
    <row r="11979" spans="14:14">
      <c r="N11979" s="10"/>
    </row>
    <row r="11980" spans="14:14">
      <c r="N11980" s="10"/>
    </row>
    <row r="11981" spans="14:14">
      <c r="N11981" s="10"/>
    </row>
    <row r="11982" spans="14:14">
      <c r="N11982" s="10"/>
    </row>
    <row r="11983" spans="14:14">
      <c r="N11983" s="10"/>
    </row>
    <row r="11984" spans="14:14">
      <c r="N11984" s="10"/>
    </row>
    <row r="11985" spans="14:14">
      <c r="N11985" s="10"/>
    </row>
    <row r="11986" spans="14:14">
      <c r="N11986" s="10"/>
    </row>
    <row r="11987" spans="14:14">
      <c r="N11987" s="10"/>
    </row>
    <row r="11988" spans="14:14">
      <c r="N11988" s="10"/>
    </row>
    <row r="11989" spans="14:14">
      <c r="N11989" s="10"/>
    </row>
    <row r="11990" spans="14:14">
      <c r="N11990" s="10"/>
    </row>
    <row r="11991" spans="14:14">
      <c r="N11991" s="10"/>
    </row>
    <row r="11992" spans="14:14">
      <c r="N11992" s="10"/>
    </row>
    <row r="11993" spans="14:14">
      <c r="N11993" s="10"/>
    </row>
    <row r="11994" spans="14:14">
      <c r="N11994" s="10"/>
    </row>
    <row r="11995" spans="14:14">
      <c r="N11995" s="10"/>
    </row>
    <row r="11996" spans="14:14">
      <c r="N11996" s="10"/>
    </row>
    <row r="11997" spans="14:14">
      <c r="N11997" s="10"/>
    </row>
    <row r="11998" spans="14:14">
      <c r="N11998" s="10"/>
    </row>
    <row r="11999" spans="14:14">
      <c r="N11999" s="10"/>
    </row>
    <row r="12000" spans="14:14">
      <c r="N12000" s="10"/>
    </row>
    <row r="12001" spans="14:14">
      <c r="N12001" s="10"/>
    </row>
    <row r="12002" spans="14:14">
      <c r="N12002" s="10"/>
    </row>
    <row r="12003" spans="14:14">
      <c r="N12003" s="10"/>
    </row>
    <row r="12004" spans="14:14">
      <c r="N12004" s="10"/>
    </row>
    <row r="12005" spans="14:14">
      <c r="N12005" s="10"/>
    </row>
    <row r="12006" spans="14:14">
      <c r="N12006" s="10"/>
    </row>
    <row r="12007" spans="14:14">
      <c r="N12007" s="10"/>
    </row>
    <row r="12008" spans="14:14">
      <c r="N12008" s="10"/>
    </row>
    <row r="12009" spans="14:14">
      <c r="N12009" s="10"/>
    </row>
    <row r="12010" spans="14:14">
      <c r="N12010" s="10"/>
    </row>
    <row r="12011" spans="14:14">
      <c r="N12011" s="10"/>
    </row>
    <row r="12012" spans="14:14">
      <c r="N12012" s="10"/>
    </row>
    <row r="12013" spans="14:14">
      <c r="N12013" s="10"/>
    </row>
    <row r="12014" spans="14:14">
      <c r="N12014" s="10"/>
    </row>
    <row r="12015" spans="14:14">
      <c r="N12015" s="10"/>
    </row>
    <row r="12016" spans="14:14">
      <c r="N12016" s="10"/>
    </row>
    <row r="12017" spans="14:14">
      <c r="N12017" s="10"/>
    </row>
    <row r="12018" spans="14:14">
      <c r="N12018" s="10"/>
    </row>
    <row r="12019" spans="14:14">
      <c r="N12019" s="10"/>
    </row>
    <row r="12020" spans="14:14">
      <c r="N12020" s="10"/>
    </row>
    <row r="12021" spans="14:14">
      <c r="N12021" s="10"/>
    </row>
    <row r="12022" spans="14:14">
      <c r="N12022" s="10"/>
    </row>
    <row r="12023" spans="14:14">
      <c r="N12023" s="10"/>
    </row>
    <row r="12024" spans="14:14">
      <c r="N12024" s="10"/>
    </row>
    <row r="12025" spans="14:14">
      <c r="N12025" s="10"/>
    </row>
    <row r="12026" spans="14:14">
      <c r="N12026" s="10"/>
    </row>
    <row r="12027" spans="14:14">
      <c r="N12027" s="10"/>
    </row>
    <row r="12028" spans="14:14">
      <c r="N12028" s="10"/>
    </row>
    <row r="12029" spans="14:14">
      <c r="N12029" s="10"/>
    </row>
    <row r="12030" spans="14:14">
      <c r="N12030" s="10"/>
    </row>
    <row r="12031" spans="14:14">
      <c r="N12031" s="10"/>
    </row>
    <row r="12032" spans="14:14">
      <c r="N12032" s="10"/>
    </row>
    <row r="12033" spans="14:14">
      <c r="N12033" s="10"/>
    </row>
    <row r="12034" spans="14:14">
      <c r="N12034" s="10"/>
    </row>
    <row r="12035" spans="14:14">
      <c r="N12035" s="10"/>
    </row>
    <row r="12036" spans="14:14">
      <c r="N12036" s="10"/>
    </row>
    <row r="12037" spans="14:14">
      <c r="N12037" s="10"/>
    </row>
    <row r="12038" spans="14:14">
      <c r="N12038" s="10"/>
    </row>
    <row r="12039" spans="14:14">
      <c r="N12039" s="10"/>
    </row>
    <row r="12040" spans="14:14">
      <c r="N12040" s="10"/>
    </row>
    <row r="12041" spans="14:14">
      <c r="N12041" s="10"/>
    </row>
    <row r="12042" spans="14:14">
      <c r="N12042" s="10"/>
    </row>
    <row r="12043" spans="14:14">
      <c r="N12043" s="10"/>
    </row>
    <row r="12044" spans="14:14">
      <c r="N12044" s="10"/>
    </row>
    <row r="12045" spans="14:14">
      <c r="N12045" s="10"/>
    </row>
    <row r="12046" spans="14:14">
      <c r="N12046" s="10"/>
    </row>
    <row r="12047" spans="14:14">
      <c r="N12047" s="10"/>
    </row>
    <row r="12048" spans="14:14">
      <c r="N12048" s="10"/>
    </row>
    <row r="12049" spans="14:14">
      <c r="N12049" s="10"/>
    </row>
    <row r="12050" spans="14:14">
      <c r="N12050" s="10"/>
    </row>
    <row r="12051" spans="14:14">
      <c r="N12051" s="10"/>
    </row>
    <row r="12052" spans="14:14">
      <c r="N12052" s="10"/>
    </row>
    <row r="12053" spans="14:14">
      <c r="N12053" s="10"/>
    </row>
    <row r="12054" spans="14:14">
      <c r="N12054" s="10"/>
    </row>
    <row r="12055" spans="14:14">
      <c r="N12055" s="10"/>
    </row>
    <row r="12056" spans="14:14">
      <c r="N12056" s="10"/>
    </row>
    <row r="12057" spans="14:14">
      <c r="N12057" s="10"/>
    </row>
    <row r="12058" spans="14:14">
      <c r="N12058" s="10"/>
    </row>
    <row r="12059" spans="14:14">
      <c r="N12059" s="10"/>
    </row>
    <row r="12060" spans="14:14">
      <c r="N12060" s="10"/>
    </row>
    <row r="12061" spans="14:14">
      <c r="N12061" s="10"/>
    </row>
    <row r="12062" spans="14:14">
      <c r="N12062" s="10"/>
    </row>
    <row r="12063" spans="14:14">
      <c r="N12063" s="10"/>
    </row>
    <row r="12064" spans="14:14">
      <c r="N12064" s="10"/>
    </row>
    <row r="12065" spans="14:14">
      <c r="N12065" s="10"/>
    </row>
    <row r="12066" spans="14:14">
      <c r="N12066" s="10"/>
    </row>
    <row r="12067" spans="14:14">
      <c r="N12067" s="10"/>
    </row>
    <row r="12068" spans="14:14">
      <c r="N12068" s="10"/>
    </row>
    <row r="12069" spans="14:14">
      <c r="N12069" s="10"/>
    </row>
    <row r="12070" spans="14:14">
      <c r="N12070" s="10"/>
    </row>
    <row r="12071" spans="14:14">
      <c r="N12071" s="10"/>
    </row>
    <row r="12072" spans="14:14">
      <c r="N12072" s="10"/>
    </row>
    <row r="12073" spans="14:14">
      <c r="N12073" s="10"/>
    </row>
    <row r="12074" spans="14:14">
      <c r="N12074" s="10"/>
    </row>
    <row r="12075" spans="14:14">
      <c r="N12075" s="10"/>
    </row>
    <row r="12076" spans="14:14">
      <c r="N12076" s="10"/>
    </row>
    <row r="12077" spans="14:14">
      <c r="N12077" s="10"/>
    </row>
    <row r="12078" spans="14:14">
      <c r="N12078" s="10"/>
    </row>
    <row r="12079" spans="14:14">
      <c r="N12079" s="10"/>
    </row>
    <row r="12080" spans="14:14">
      <c r="N12080" s="10"/>
    </row>
    <row r="12081" spans="14:14">
      <c r="N12081" s="10"/>
    </row>
    <row r="12082" spans="14:14">
      <c r="N12082" s="10"/>
    </row>
    <row r="12083" spans="14:14">
      <c r="N12083" s="10"/>
    </row>
    <row r="12084" spans="14:14">
      <c r="N12084" s="10"/>
    </row>
    <row r="12085" spans="14:14">
      <c r="N12085" s="10"/>
    </row>
    <row r="12086" spans="14:14">
      <c r="N12086" s="10"/>
    </row>
    <row r="12087" spans="14:14">
      <c r="N12087" s="10"/>
    </row>
    <row r="12088" spans="14:14">
      <c r="N12088" s="10"/>
    </row>
    <row r="12089" spans="14:14">
      <c r="N12089" s="10"/>
    </row>
    <row r="12090" spans="14:14">
      <c r="N12090" s="10"/>
    </row>
    <row r="12091" spans="14:14">
      <c r="N12091" s="10"/>
    </row>
    <row r="12092" spans="14:14">
      <c r="N12092" s="10"/>
    </row>
    <row r="12093" spans="14:14">
      <c r="N12093" s="10"/>
    </row>
    <row r="12094" spans="14:14">
      <c r="N12094" s="10"/>
    </row>
    <row r="12095" spans="14:14">
      <c r="N12095" s="10"/>
    </row>
    <row r="12096" spans="14:14">
      <c r="N12096" s="10"/>
    </row>
    <row r="12097" spans="14:14">
      <c r="N12097" s="10"/>
    </row>
    <row r="12098" spans="14:14">
      <c r="N12098" s="10"/>
    </row>
    <row r="12099" spans="14:14">
      <c r="N12099" s="10"/>
    </row>
    <row r="12100" spans="14:14">
      <c r="N12100" s="10"/>
    </row>
    <row r="12101" spans="14:14">
      <c r="N12101" s="10"/>
    </row>
    <row r="12102" spans="14:14">
      <c r="N12102" s="10"/>
    </row>
    <row r="12103" spans="14:14">
      <c r="N12103" s="10"/>
    </row>
    <row r="12104" spans="14:14">
      <c r="N12104" s="10"/>
    </row>
    <row r="12105" spans="14:14">
      <c r="N12105" s="10"/>
    </row>
    <row r="12106" spans="14:14">
      <c r="N12106" s="10"/>
    </row>
    <row r="12107" spans="14:14">
      <c r="N12107" s="10"/>
    </row>
    <row r="12108" spans="14:14">
      <c r="N12108" s="10"/>
    </row>
    <row r="12109" spans="14:14">
      <c r="N12109" s="10"/>
    </row>
    <row r="12110" spans="14:14">
      <c r="N12110" s="10"/>
    </row>
    <row r="12111" spans="14:14">
      <c r="N12111" s="10"/>
    </row>
    <row r="12112" spans="14:14">
      <c r="N12112" s="10"/>
    </row>
    <row r="12113" spans="14:14">
      <c r="N12113" s="10"/>
    </row>
    <row r="12114" spans="14:14">
      <c r="N12114" s="10"/>
    </row>
    <row r="12115" spans="14:14">
      <c r="N12115" s="10"/>
    </row>
    <row r="12116" spans="14:14">
      <c r="N12116" s="10"/>
    </row>
    <row r="12117" spans="14:14">
      <c r="N12117" s="10"/>
    </row>
    <row r="12118" spans="14:14">
      <c r="N12118" s="10"/>
    </row>
    <row r="12119" spans="14:14">
      <c r="N12119" s="10"/>
    </row>
    <row r="12120" spans="14:14">
      <c r="N12120" s="10"/>
    </row>
    <row r="12121" spans="14:14">
      <c r="N12121" s="10"/>
    </row>
    <row r="12122" spans="14:14">
      <c r="N12122" s="10"/>
    </row>
    <row r="12123" spans="14:14">
      <c r="N12123" s="10"/>
    </row>
    <row r="12124" spans="14:14">
      <c r="N12124" s="10"/>
    </row>
    <row r="12125" spans="14:14">
      <c r="N12125" s="10"/>
    </row>
    <row r="12126" spans="14:14">
      <c r="N12126" s="10"/>
    </row>
    <row r="12127" spans="14:14">
      <c r="N12127" s="10"/>
    </row>
    <row r="12128" spans="14:14">
      <c r="N12128" s="10"/>
    </row>
    <row r="12129" spans="14:14">
      <c r="N12129" s="10"/>
    </row>
    <row r="12130" spans="14:14">
      <c r="N12130" s="10"/>
    </row>
    <row r="12131" spans="14:14">
      <c r="N12131" s="10"/>
    </row>
    <row r="12132" spans="14:14">
      <c r="N12132" s="10"/>
    </row>
    <row r="12133" spans="14:14">
      <c r="N12133" s="10"/>
    </row>
    <row r="12134" spans="14:14">
      <c r="N12134" s="10"/>
    </row>
    <row r="12135" spans="14:14">
      <c r="N12135" s="10"/>
    </row>
    <row r="12136" spans="14:14">
      <c r="N12136" s="10"/>
    </row>
    <row r="12137" spans="14:14">
      <c r="N12137" s="10"/>
    </row>
    <row r="12138" spans="14:14">
      <c r="N12138" s="10"/>
    </row>
    <row r="12139" spans="14:14">
      <c r="N12139" s="10"/>
    </row>
    <row r="12140" spans="14:14">
      <c r="N12140" s="10"/>
    </row>
    <row r="12141" spans="14:14">
      <c r="N12141" s="10"/>
    </row>
    <row r="12142" spans="14:14">
      <c r="N12142" s="10"/>
    </row>
    <row r="12143" spans="14:14">
      <c r="N12143" s="10"/>
    </row>
    <row r="12144" spans="14:14">
      <c r="N12144" s="10"/>
    </row>
    <row r="12145" spans="14:14">
      <c r="N12145" s="10"/>
    </row>
    <row r="12146" spans="14:14">
      <c r="N12146" s="10"/>
    </row>
    <row r="12147" spans="14:14">
      <c r="N12147" s="10"/>
    </row>
    <row r="12148" spans="14:14">
      <c r="N12148" s="10"/>
    </row>
    <row r="12149" spans="14:14">
      <c r="N12149" s="10"/>
    </row>
    <row r="12150" spans="14:14">
      <c r="N12150" s="10"/>
    </row>
    <row r="12151" spans="14:14">
      <c r="N12151" s="10"/>
    </row>
    <row r="12152" spans="14:14">
      <c r="N12152" s="10"/>
    </row>
    <row r="12153" spans="14:14">
      <c r="N12153" s="10"/>
    </row>
    <row r="12154" spans="14:14">
      <c r="N12154" s="10"/>
    </row>
    <row r="12155" spans="14:14">
      <c r="N12155" s="10"/>
    </row>
    <row r="12156" spans="14:14">
      <c r="N12156" s="10"/>
    </row>
    <row r="12157" spans="14:14">
      <c r="N12157" s="10"/>
    </row>
    <row r="12158" spans="14:14">
      <c r="N12158" s="10"/>
    </row>
    <row r="12159" spans="14:14">
      <c r="N12159" s="10"/>
    </row>
    <row r="12160" spans="14:14">
      <c r="N12160" s="10"/>
    </row>
    <row r="12161" spans="14:14">
      <c r="N12161" s="10"/>
    </row>
    <row r="12162" spans="14:14">
      <c r="N12162" s="10"/>
    </row>
    <row r="12163" spans="14:14">
      <c r="N12163" s="10"/>
    </row>
    <row r="12164" spans="14:14">
      <c r="N12164" s="10"/>
    </row>
    <row r="12165" spans="14:14">
      <c r="N12165" s="10"/>
    </row>
    <row r="12166" spans="14:14">
      <c r="N12166" s="10"/>
    </row>
    <row r="12167" spans="14:14">
      <c r="N12167" s="10"/>
    </row>
    <row r="12168" spans="14:14">
      <c r="N12168" s="10"/>
    </row>
    <row r="12169" spans="14:14">
      <c r="N12169" s="10"/>
    </row>
    <row r="12170" spans="14:14">
      <c r="N12170" s="10"/>
    </row>
    <row r="12171" spans="14:14">
      <c r="N12171" s="10"/>
    </row>
    <row r="12172" spans="14:14">
      <c r="N12172" s="10"/>
    </row>
    <row r="12173" spans="14:14">
      <c r="N12173" s="10"/>
    </row>
    <row r="12174" spans="14:14">
      <c r="N12174" s="10"/>
    </row>
    <row r="12175" spans="14:14">
      <c r="N12175" s="10"/>
    </row>
    <row r="12176" spans="14:14">
      <c r="N12176" s="10"/>
    </row>
    <row r="12177" spans="14:14">
      <c r="N12177" s="10"/>
    </row>
    <row r="12178" spans="14:14">
      <c r="N12178" s="10"/>
    </row>
    <row r="12179" spans="14:14">
      <c r="N12179" s="10"/>
    </row>
    <row r="12180" spans="14:14">
      <c r="N12180" s="10"/>
    </row>
    <row r="12181" spans="14:14">
      <c r="N12181" s="10"/>
    </row>
    <row r="12182" spans="14:14">
      <c r="N12182" s="10"/>
    </row>
    <row r="12183" spans="14:14">
      <c r="N12183" s="10"/>
    </row>
    <row r="12184" spans="14:14">
      <c r="N12184" s="10"/>
    </row>
    <row r="12185" spans="14:14">
      <c r="N12185" s="10"/>
    </row>
    <row r="12186" spans="14:14">
      <c r="N12186" s="10"/>
    </row>
    <row r="12187" spans="14:14">
      <c r="N12187" s="10"/>
    </row>
    <row r="12188" spans="14:14">
      <c r="N12188" s="10"/>
    </row>
    <row r="12189" spans="14:14">
      <c r="N12189" s="10"/>
    </row>
    <row r="12190" spans="14:14">
      <c r="N12190" s="10"/>
    </row>
    <row r="12191" spans="14:14">
      <c r="N12191" s="10"/>
    </row>
    <row r="12192" spans="14:14">
      <c r="N12192" s="10"/>
    </row>
    <row r="12193" spans="14:14">
      <c r="N12193" s="10"/>
    </row>
    <row r="12194" spans="14:14">
      <c r="N12194" s="10"/>
    </row>
    <row r="12195" spans="14:14">
      <c r="N12195" s="10"/>
    </row>
    <row r="12196" spans="14:14">
      <c r="N12196" s="10"/>
    </row>
    <row r="12197" spans="14:14">
      <c r="N12197" s="10"/>
    </row>
    <row r="12198" spans="14:14">
      <c r="N12198" s="10"/>
    </row>
    <row r="12199" spans="14:14">
      <c r="N12199" s="10"/>
    </row>
    <row r="12200" spans="14:14">
      <c r="N12200" s="10"/>
    </row>
    <row r="12201" spans="14:14">
      <c r="N12201" s="10"/>
    </row>
    <row r="12202" spans="14:14">
      <c r="N12202" s="10"/>
    </row>
    <row r="12203" spans="14:14">
      <c r="N12203" s="10"/>
    </row>
    <row r="12204" spans="14:14">
      <c r="N12204" s="10"/>
    </row>
    <row r="12205" spans="14:14">
      <c r="N12205" s="10"/>
    </row>
    <row r="12206" spans="14:14">
      <c r="N12206" s="10"/>
    </row>
    <row r="12207" spans="14:14">
      <c r="N12207" s="10"/>
    </row>
    <row r="12208" spans="14:14">
      <c r="N12208" s="10"/>
    </row>
    <row r="12209" spans="14:14">
      <c r="N12209" s="10"/>
    </row>
    <row r="12210" spans="14:14">
      <c r="N12210" s="10"/>
    </row>
    <row r="12211" spans="14:14">
      <c r="N12211" s="10"/>
    </row>
    <row r="12212" spans="14:14">
      <c r="N12212" s="10"/>
    </row>
    <row r="12213" spans="14:14">
      <c r="N12213" s="10"/>
    </row>
    <row r="12214" spans="14:14">
      <c r="N12214" s="10"/>
    </row>
    <row r="12215" spans="14:14">
      <c r="N12215" s="10"/>
    </row>
    <row r="12216" spans="14:14">
      <c r="N12216" s="10"/>
    </row>
    <row r="12217" spans="14:14">
      <c r="N12217" s="10"/>
    </row>
    <row r="12218" spans="14:14">
      <c r="N12218" s="10"/>
    </row>
    <row r="12219" spans="14:14">
      <c r="N12219" s="10"/>
    </row>
    <row r="12220" spans="14:14">
      <c r="N12220" s="10"/>
    </row>
    <row r="12221" spans="14:14">
      <c r="N12221" s="10"/>
    </row>
    <row r="12222" spans="14:14">
      <c r="N12222" s="10"/>
    </row>
    <row r="12223" spans="14:14">
      <c r="N12223" s="10"/>
    </row>
    <row r="12224" spans="14:14">
      <c r="N12224" s="10"/>
    </row>
    <row r="12225" spans="14:14">
      <c r="N12225" s="10"/>
    </row>
    <row r="12226" spans="14:14">
      <c r="N12226" s="10"/>
    </row>
    <row r="12227" spans="14:14">
      <c r="N12227" s="10"/>
    </row>
    <row r="12228" spans="14:14">
      <c r="N12228" s="10"/>
    </row>
    <row r="12229" spans="14:14">
      <c r="N12229" s="10"/>
    </row>
    <row r="12230" spans="14:14">
      <c r="N12230" s="10"/>
    </row>
    <row r="12231" spans="14:14">
      <c r="N12231" s="10"/>
    </row>
    <row r="12232" spans="14:14">
      <c r="N12232" s="10"/>
    </row>
    <row r="12233" spans="14:14">
      <c r="N12233" s="10"/>
    </row>
    <row r="12234" spans="14:14">
      <c r="N12234" s="10"/>
    </row>
    <row r="12235" spans="14:14">
      <c r="N12235" s="10"/>
    </row>
    <row r="12236" spans="14:14">
      <c r="N12236" s="10"/>
    </row>
    <row r="12237" spans="14:14">
      <c r="N12237" s="10"/>
    </row>
    <row r="12238" spans="14:14">
      <c r="N12238" s="10"/>
    </row>
    <row r="12239" spans="14:14">
      <c r="N12239" s="10"/>
    </row>
    <row r="12240" spans="14:14">
      <c r="N12240" s="10"/>
    </row>
    <row r="12241" spans="14:14">
      <c r="N12241" s="10"/>
    </row>
    <row r="12242" spans="14:14">
      <c r="N12242" s="10"/>
    </row>
    <row r="12243" spans="14:14">
      <c r="N12243" s="10"/>
    </row>
    <row r="12244" spans="14:14">
      <c r="N12244" s="10"/>
    </row>
    <row r="12245" spans="14:14">
      <c r="N12245" s="10"/>
    </row>
    <row r="12246" spans="14:14">
      <c r="N12246" s="10"/>
    </row>
    <row r="12247" spans="14:14">
      <c r="N12247" s="10"/>
    </row>
    <row r="12248" spans="14:14">
      <c r="N12248" s="10"/>
    </row>
    <row r="12249" spans="14:14">
      <c r="N12249" s="10"/>
    </row>
    <row r="12250" spans="14:14">
      <c r="N12250" s="10"/>
    </row>
    <row r="12251" spans="14:14">
      <c r="N12251" s="10"/>
    </row>
    <row r="12252" spans="14:14">
      <c r="N12252" s="10"/>
    </row>
    <row r="12253" spans="14:14">
      <c r="N12253" s="10"/>
    </row>
    <row r="12254" spans="14:14">
      <c r="N12254" s="10"/>
    </row>
    <row r="12255" spans="14:14">
      <c r="N12255" s="10"/>
    </row>
    <row r="12256" spans="14:14">
      <c r="N12256" s="10"/>
    </row>
    <row r="12257" spans="14:14">
      <c r="N12257" s="10"/>
    </row>
    <row r="12258" spans="14:14">
      <c r="N12258" s="10"/>
    </row>
    <row r="12259" spans="14:14">
      <c r="N12259" s="10"/>
    </row>
    <row r="12260" spans="14:14">
      <c r="N12260" s="10"/>
    </row>
    <row r="12261" spans="14:14">
      <c r="N12261" s="10"/>
    </row>
    <row r="12262" spans="14:14">
      <c r="N12262" s="10"/>
    </row>
    <row r="12263" spans="14:14">
      <c r="N12263" s="10"/>
    </row>
    <row r="12264" spans="14:14">
      <c r="N12264" s="10"/>
    </row>
    <row r="12265" spans="14:14">
      <c r="N12265" s="10"/>
    </row>
    <row r="12266" spans="14:14">
      <c r="N12266" s="10"/>
    </row>
    <row r="12267" spans="14:14">
      <c r="N12267" s="10"/>
    </row>
    <row r="12268" spans="14:14">
      <c r="N12268" s="10"/>
    </row>
    <row r="12269" spans="14:14">
      <c r="N12269" s="10"/>
    </row>
    <row r="12270" spans="14:14">
      <c r="N12270" s="10"/>
    </row>
    <row r="12271" spans="14:14">
      <c r="N12271" s="10"/>
    </row>
    <row r="12272" spans="14:14">
      <c r="N12272" s="10"/>
    </row>
    <row r="12273" spans="14:14">
      <c r="N12273" s="10"/>
    </row>
    <row r="12274" spans="14:14">
      <c r="N12274" s="10"/>
    </row>
    <row r="12275" spans="14:14">
      <c r="N12275" s="10"/>
    </row>
    <row r="12276" spans="14:14">
      <c r="N12276" s="10"/>
    </row>
    <row r="12277" spans="14:14">
      <c r="N12277" s="10"/>
    </row>
    <row r="12278" spans="14:14">
      <c r="N12278" s="10"/>
    </row>
    <row r="12279" spans="14:14">
      <c r="N12279" s="10"/>
    </row>
    <row r="12280" spans="14:14">
      <c r="N12280" s="10"/>
    </row>
    <row r="12281" spans="14:14">
      <c r="N12281" s="10"/>
    </row>
    <row r="12282" spans="14:14">
      <c r="N12282" s="10"/>
    </row>
    <row r="12283" spans="14:14">
      <c r="N12283" s="10"/>
    </row>
    <row r="12284" spans="14:14">
      <c r="N12284" s="10"/>
    </row>
    <row r="12285" spans="14:14">
      <c r="N12285" s="10"/>
    </row>
    <row r="12286" spans="14:14">
      <c r="N12286" s="10"/>
    </row>
    <row r="12287" spans="14:14">
      <c r="N12287" s="10"/>
    </row>
    <row r="12288" spans="14:14">
      <c r="N12288" s="10"/>
    </row>
    <row r="12289" spans="14:14">
      <c r="N12289" s="10"/>
    </row>
    <row r="12290" spans="14:14">
      <c r="N12290" s="10"/>
    </row>
    <row r="12291" spans="14:14">
      <c r="N12291" s="10"/>
    </row>
    <row r="12292" spans="14:14">
      <c r="N12292" s="10"/>
    </row>
    <row r="12293" spans="14:14">
      <c r="N12293" s="10"/>
    </row>
    <row r="12294" spans="14:14">
      <c r="N12294" s="10"/>
    </row>
    <row r="12295" spans="14:14">
      <c r="N12295" s="10"/>
    </row>
    <row r="12296" spans="14:14">
      <c r="N12296" s="10"/>
    </row>
    <row r="12297" spans="14:14">
      <c r="N12297" s="10"/>
    </row>
    <row r="12298" spans="14:14">
      <c r="N12298" s="10"/>
    </row>
    <row r="12299" spans="14:14">
      <c r="N12299" s="10"/>
    </row>
    <row r="12300" spans="14:14">
      <c r="N12300" s="10"/>
    </row>
    <row r="12301" spans="14:14">
      <c r="N12301" s="10"/>
    </row>
    <row r="12302" spans="14:14">
      <c r="N12302" s="10"/>
    </row>
    <row r="12303" spans="14:14">
      <c r="N12303" s="10"/>
    </row>
    <row r="12304" spans="14:14">
      <c r="N12304" s="10"/>
    </row>
    <row r="12305" spans="14:14">
      <c r="N12305" s="10"/>
    </row>
    <row r="12306" spans="14:14">
      <c r="N12306" s="10"/>
    </row>
    <row r="12307" spans="14:14">
      <c r="N12307" s="10"/>
    </row>
    <row r="12308" spans="14:14">
      <c r="N12308" s="10"/>
    </row>
    <row r="12309" spans="14:14">
      <c r="N12309" s="10"/>
    </row>
    <row r="12310" spans="14:14">
      <c r="N12310" s="10"/>
    </row>
    <row r="12311" spans="14:14">
      <c r="N12311" s="10"/>
    </row>
    <row r="12312" spans="14:14">
      <c r="N12312" s="10"/>
    </row>
    <row r="12313" spans="14:14">
      <c r="N12313" s="10"/>
    </row>
    <row r="12314" spans="14:14">
      <c r="N12314" s="10"/>
    </row>
    <row r="12315" spans="14:14">
      <c r="N12315" s="10"/>
    </row>
    <row r="12316" spans="14:14">
      <c r="N12316" s="10"/>
    </row>
    <row r="12317" spans="14:14">
      <c r="N12317" s="10"/>
    </row>
    <row r="12318" spans="14:14">
      <c r="N12318" s="10"/>
    </row>
    <row r="12319" spans="14:14">
      <c r="N12319" s="10"/>
    </row>
    <row r="12320" spans="14:14">
      <c r="N12320" s="10"/>
    </row>
    <row r="12321" spans="14:14">
      <c r="N12321" s="10"/>
    </row>
    <row r="12322" spans="14:14">
      <c r="N12322" s="10"/>
    </row>
    <row r="12323" spans="14:14">
      <c r="N12323" s="10"/>
    </row>
    <row r="12324" spans="14:14">
      <c r="N12324" s="10"/>
    </row>
    <row r="12325" spans="14:14">
      <c r="N12325" s="10"/>
    </row>
    <row r="12326" spans="14:14">
      <c r="N12326" s="10"/>
    </row>
    <row r="12327" spans="14:14">
      <c r="N12327" s="10"/>
    </row>
    <row r="12328" spans="14:14">
      <c r="N12328" s="10"/>
    </row>
    <row r="12329" spans="14:14">
      <c r="N12329" s="10"/>
    </row>
    <row r="12330" spans="14:14">
      <c r="N12330" s="10"/>
    </row>
    <row r="12331" spans="14:14">
      <c r="N12331" s="10"/>
    </row>
    <row r="12332" spans="14:14">
      <c r="N12332" s="10"/>
    </row>
    <row r="12333" spans="14:14">
      <c r="N12333" s="10"/>
    </row>
    <row r="12334" spans="14:14">
      <c r="N12334" s="10"/>
    </row>
    <row r="12335" spans="14:14">
      <c r="N12335" s="10"/>
    </row>
    <row r="12336" spans="14:14">
      <c r="N12336" s="10"/>
    </row>
    <row r="12337" spans="14:14">
      <c r="N12337" s="10"/>
    </row>
    <row r="12338" spans="14:14">
      <c r="N12338" s="10"/>
    </row>
    <row r="12339" spans="14:14">
      <c r="N12339" s="10"/>
    </row>
    <row r="12340" spans="14:14">
      <c r="N12340" s="10"/>
    </row>
    <row r="12341" spans="14:14">
      <c r="N12341" s="10"/>
    </row>
    <row r="12342" spans="14:14">
      <c r="N12342" s="10"/>
    </row>
    <row r="12343" spans="14:14">
      <c r="N12343" s="10"/>
    </row>
    <row r="12344" spans="14:14">
      <c r="N12344" s="10"/>
    </row>
    <row r="12345" spans="14:14">
      <c r="N12345" s="10"/>
    </row>
    <row r="12346" spans="14:14">
      <c r="N12346" s="10"/>
    </row>
    <row r="12347" spans="14:14">
      <c r="N12347" s="10"/>
    </row>
    <row r="12348" spans="14:14">
      <c r="N12348" s="10"/>
    </row>
    <row r="12349" spans="14:14">
      <c r="N12349" s="10"/>
    </row>
    <row r="12350" spans="14:14">
      <c r="N12350" s="10"/>
    </row>
    <row r="12351" spans="14:14">
      <c r="N12351" s="10"/>
    </row>
    <row r="12352" spans="14:14">
      <c r="N12352" s="10"/>
    </row>
    <row r="12353" spans="14:14">
      <c r="N12353" s="10"/>
    </row>
    <row r="12354" spans="14:14">
      <c r="N12354" s="10"/>
    </row>
    <row r="12355" spans="14:14">
      <c r="N12355" s="10"/>
    </row>
    <row r="12356" spans="14:14">
      <c r="N12356" s="10"/>
    </row>
    <row r="12357" spans="14:14">
      <c r="N12357" s="10"/>
    </row>
    <row r="12358" spans="14:14">
      <c r="N12358" s="10"/>
    </row>
    <row r="12359" spans="14:14">
      <c r="N12359" s="10"/>
    </row>
    <row r="12360" spans="14:14">
      <c r="N12360" s="10"/>
    </row>
    <row r="12361" spans="14:14">
      <c r="N12361" s="10"/>
    </row>
    <row r="12362" spans="14:14">
      <c r="N12362" s="10"/>
    </row>
    <row r="12363" spans="14:14">
      <c r="N12363" s="10"/>
    </row>
    <row r="12364" spans="14:14">
      <c r="N12364" s="10"/>
    </row>
    <row r="12365" spans="14:14">
      <c r="N12365" s="10"/>
    </row>
    <row r="12366" spans="14:14">
      <c r="N12366" s="10"/>
    </row>
    <row r="12367" spans="14:14">
      <c r="N12367" s="10"/>
    </row>
    <row r="12368" spans="14:14">
      <c r="N12368" s="10"/>
    </row>
    <row r="12369" spans="14:14">
      <c r="N12369" s="10"/>
    </row>
    <row r="12370" spans="14:14">
      <c r="N12370" s="10"/>
    </row>
    <row r="12371" spans="14:14">
      <c r="N12371" s="10"/>
    </row>
    <row r="12372" spans="14:14">
      <c r="N12372" s="10"/>
    </row>
    <row r="12373" spans="14:14">
      <c r="N12373" s="10"/>
    </row>
    <row r="12374" spans="14:14">
      <c r="N12374" s="10"/>
    </row>
    <row r="12375" spans="14:14">
      <c r="N12375" s="10"/>
    </row>
    <row r="12376" spans="14:14">
      <c r="N12376" s="10"/>
    </row>
    <row r="12377" spans="14:14">
      <c r="N12377" s="10"/>
    </row>
    <row r="12378" spans="14:14">
      <c r="N12378" s="10"/>
    </row>
    <row r="12379" spans="14:14">
      <c r="N12379" s="10"/>
    </row>
    <row r="12380" spans="14:14">
      <c r="N12380" s="10"/>
    </row>
    <row r="12381" spans="14:14">
      <c r="N12381" s="10"/>
    </row>
    <row r="12382" spans="14:14">
      <c r="N12382" s="10"/>
    </row>
    <row r="12383" spans="14:14">
      <c r="N12383" s="10"/>
    </row>
    <row r="12384" spans="14:14">
      <c r="N12384" s="10"/>
    </row>
    <row r="12385" spans="14:14">
      <c r="N12385" s="10"/>
    </row>
    <row r="12386" spans="14:14">
      <c r="N12386" s="10"/>
    </row>
    <row r="12387" spans="14:14">
      <c r="N12387" s="10"/>
    </row>
    <row r="12388" spans="14:14">
      <c r="N12388" s="10"/>
    </row>
    <row r="12389" spans="14:14">
      <c r="N12389" s="10"/>
    </row>
    <row r="12390" spans="14:14">
      <c r="N12390" s="10"/>
    </row>
    <row r="12391" spans="14:14">
      <c r="N12391" s="10"/>
    </row>
    <row r="12392" spans="14:14">
      <c r="N12392" s="10"/>
    </row>
    <row r="12393" spans="14:14">
      <c r="N12393" s="10"/>
    </row>
    <row r="12394" spans="14:14">
      <c r="N12394" s="10"/>
    </row>
    <row r="12395" spans="14:14">
      <c r="N12395" s="10"/>
    </row>
    <row r="12396" spans="14:14">
      <c r="N12396" s="10"/>
    </row>
    <row r="12397" spans="14:14">
      <c r="N12397" s="10"/>
    </row>
    <row r="12398" spans="14:14">
      <c r="N12398" s="10"/>
    </row>
    <row r="12399" spans="14:14">
      <c r="N12399" s="10"/>
    </row>
    <row r="12400" spans="14:14">
      <c r="N12400" s="10"/>
    </row>
    <row r="12401" spans="14:14">
      <c r="N12401" s="10"/>
    </row>
    <row r="12402" spans="14:14">
      <c r="N12402" s="10"/>
    </row>
    <row r="12403" spans="14:14">
      <c r="N12403" s="10"/>
    </row>
    <row r="12404" spans="14:14">
      <c r="N12404" s="10"/>
    </row>
    <row r="12405" spans="14:14">
      <c r="N12405" s="10"/>
    </row>
    <row r="12406" spans="14:14">
      <c r="N12406" s="10"/>
    </row>
    <row r="12407" spans="14:14">
      <c r="N12407" s="10"/>
    </row>
    <row r="12408" spans="14:14">
      <c r="N12408" s="10"/>
    </row>
    <row r="12409" spans="14:14">
      <c r="N12409" s="10"/>
    </row>
    <row r="12410" spans="14:14">
      <c r="N12410" s="10"/>
    </row>
    <row r="12411" spans="14:14">
      <c r="N12411" s="10"/>
    </row>
    <row r="12412" spans="14:14">
      <c r="N12412" s="10"/>
    </row>
    <row r="12413" spans="14:14">
      <c r="N12413" s="10"/>
    </row>
    <row r="12414" spans="14:14">
      <c r="N12414" s="10"/>
    </row>
    <row r="12415" spans="14:14">
      <c r="N12415" s="10"/>
    </row>
    <row r="12416" spans="14:14">
      <c r="N12416" s="10"/>
    </row>
    <row r="12417" spans="14:14">
      <c r="N12417" s="10"/>
    </row>
    <row r="12418" spans="14:14">
      <c r="N12418" s="10"/>
    </row>
    <row r="12419" spans="14:14">
      <c r="N12419" s="10"/>
    </row>
    <row r="12420" spans="14:14">
      <c r="N12420" s="10"/>
    </row>
    <row r="12421" spans="14:14">
      <c r="N12421" s="10"/>
    </row>
    <row r="12422" spans="14:14">
      <c r="N12422" s="10"/>
    </row>
    <row r="12423" spans="14:14">
      <c r="N12423" s="10"/>
    </row>
    <row r="12424" spans="14:14">
      <c r="N12424" s="10"/>
    </row>
    <row r="12425" spans="14:14">
      <c r="N12425" s="10"/>
    </row>
    <row r="12426" spans="14:14">
      <c r="N12426" s="10"/>
    </row>
    <row r="12427" spans="14:14">
      <c r="N12427" s="10"/>
    </row>
    <row r="12428" spans="14:14">
      <c r="N12428" s="10"/>
    </row>
    <row r="12429" spans="14:14">
      <c r="N12429" s="10"/>
    </row>
    <row r="12430" spans="14:14">
      <c r="N12430" s="10"/>
    </row>
    <row r="12431" spans="14:14">
      <c r="N12431" s="10"/>
    </row>
    <row r="12432" spans="14:14">
      <c r="N12432" s="10"/>
    </row>
    <row r="12433" spans="14:14">
      <c r="N12433" s="10"/>
    </row>
    <row r="12434" spans="14:14">
      <c r="N12434" s="10"/>
    </row>
    <row r="12435" spans="14:14">
      <c r="N12435" s="10"/>
    </row>
    <row r="12436" spans="14:14">
      <c r="N12436" s="10"/>
    </row>
    <row r="12437" spans="14:14">
      <c r="N12437" s="10"/>
    </row>
    <row r="12438" spans="14:14">
      <c r="N12438" s="10"/>
    </row>
    <row r="12439" spans="14:14">
      <c r="N12439" s="10"/>
    </row>
    <row r="12440" spans="14:14">
      <c r="N12440" s="10"/>
    </row>
    <row r="12441" spans="14:14">
      <c r="N12441" s="10"/>
    </row>
    <row r="12442" spans="14:14">
      <c r="N12442" s="10"/>
    </row>
    <row r="12443" spans="14:14">
      <c r="N12443" s="10"/>
    </row>
    <row r="12444" spans="14:14">
      <c r="N12444" s="10"/>
    </row>
    <row r="12445" spans="14:14">
      <c r="N12445" s="10"/>
    </row>
    <row r="12446" spans="14:14">
      <c r="N12446" s="10"/>
    </row>
    <row r="12447" spans="14:14">
      <c r="N12447" s="10"/>
    </row>
    <row r="12448" spans="14:14">
      <c r="N12448" s="10"/>
    </row>
    <row r="12449" spans="14:14">
      <c r="N12449" s="10"/>
    </row>
    <row r="12450" spans="14:14">
      <c r="N12450" s="10"/>
    </row>
    <row r="12451" spans="14:14">
      <c r="N12451" s="10"/>
    </row>
    <row r="12452" spans="14:14">
      <c r="N12452" s="10"/>
    </row>
    <row r="12453" spans="14:14">
      <c r="N12453" s="10"/>
    </row>
    <row r="12454" spans="14:14">
      <c r="N12454" s="10"/>
    </row>
    <row r="12455" spans="14:14">
      <c r="N12455" s="10"/>
    </row>
    <row r="12456" spans="14:14">
      <c r="N12456" s="10"/>
    </row>
    <row r="12457" spans="14:14">
      <c r="N12457" s="10"/>
    </row>
    <row r="12458" spans="14:14">
      <c r="N12458" s="10"/>
    </row>
    <row r="12459" spans="14:14">
      <c r="N12459" s="10"/>
    </row>
    <row r="12460" spans="14:14">
      <c r="N12460" s="10"/>
    </row>
    <row r="12461" spans="14:14">
      <c r="N12461" s="10"/>
    </row>
    <row r="12462" spans="14:14">
      <c r="N12462" s="10"/>
    </row>
    <row r="12463" spans="14:14">
      <c r="N12463" s="10"/>
    </row>
    <row r="12464" spans="14:14">
      <c r="N12464" s="10"/>
    </row>
    <row r="12465" spans="14:14">
      <c r="N12465" s="10"/>
    </row>
    <row r="12466" spans="14:14">
      <c r="N12466" s="10"/>
    </row>
    <row r="12467" spans="14:14">
      <c r="N12467" s="10"/>
    </row>
    <row r="12468" spans="14:14">
      <c r="N12468" s="10"/>
    </row>
    <row r="12469" spans="14:14">
      <c r="N12469" s="10"/>
    </row>
    <row r="12470" spans="14:14">
      <c r="N12470" s="10"/>
    </row>
    <row r="12471" spans="14:14">
      <c r="N12471" s="10"/>
    </row>
    <row r="12472" spans="14:14">
      <c r="N12472" s="10"/>
    </row>
    <row r="12473" spans="14:14">
      <c r="N12473" s="10"/>
    </row>
    <row r="12474" spans="14:14">
      <c r="N12474" s="10"/>
    </row>
    <row r="12475" spans="14:14">
      <c r="N12475" s="10"/>
    </row>
    <row r="12476" spans="14:14">
      <c r="N12476" s="10"/>
    </row>
    <row r="12477" spans="14:14">
      <c r="N12477" s="10"/>
    </row>
    <row r="12478" spans="14:14">
      <c r="N12478" s="10"/>
    </row>
    <row r="12479" spans="14:14">
      <c r="N12479" s="10"/>
    </row>
    <row r="12480" spans="14:14">
      <c r="N12480" s="10"/>
    </row>
    <row r="12481" spans="14:14">
      <c r="N12481" s="10"/>
    </row>
    <row r="12482" spans="14:14">
      <c r="N12482" s="10"/>
    </row>
    <row r="12483" spans="14:14">
      <c r="N12483" s="10"/>
    </row>
    <row r="12484" spans="14:14">
      <c r="N12484" s="10"/>
    </row>
    <row r="12485" spans="14:14">
      <c r="N12485" s="10"/>
    </row>
    <row r="12486" spans="14:14">
      <c r="N12486" s="10"/>
    </row>
    <row r="12487" spans="14:14">
      <c r="N12487" s="10"/>
    </row>
    <row r="12488" spans="14:14">
      <c r="N12488" s="10"/>
    </row>
    <row r="12489" spans="14:14">
      <c r="N12489" s="10"/>
    </row>
    <row r="12490" spans="14:14">
      <c r="N12490" s="10"/>
    </row>
    <row r="12491" spans="14:14">
      <c r="N12491" s="10"/>
    </row>
    <row r="12492" spans="14:14">
      <c r="N12492" s="10"/>
    </row>
    <row r="12493" spans="14:14">
      <c r="N12493" s="10"/>
    </row>
    <row r="12494" spans="14:14">
      <c r="N12494" s="10"/>
    </row>
    <row r="12495" spans="14:14">
      <c r="N12495" s="10"/>
    </row>
    <row r="12496" spans="14:14">
      <c r="N12496" s="10"/>
    </row>
    <row r="12497" spans="14:14">
      <c r="N12497" s="10"/>
    </row>
    <row r="12498" spans="14:14">
      <c r="N12498" s="10"/>
    </row>
    <row r="12499" spans="14:14">
      <c r="N12499" s="10"/>
    </row>
    <row r="12500" spans="14:14">
      <c r="N12500" s="10"/>
    </row>
    <row r="12501" spans="14:14">
      <c r="N12501" s="10"/>
    </row>
    <row r="12502" spans="14:14">
      <c r="N12502" s="10"/>
    </row>
    <row r="12503" spans="14:14">
      <c r="N12503" s="10"/>
    </row>
    <row r="12504" spans="14:14">
      <c r="N12504" s="10"/>
    </row>
    <row r="12505" spans="14:14">
      <c r="N12505" s="10"/>
    </row>
    <row r="12506" spans="14:14">
      <c r="N12506" s="10"/>
    </row>
    <row r="12507" spans="14:14">
      <c r="N12507" s="10"/>
    </row>
    <row r="12508" spans="14:14">
      <c r="N12508" s="10"/>
    </row>
    <row r="12509" spans="14:14">
      <c r="N12509" s="10"/>
    </row>
    <row r="12510" spans="14:14">
      <c r="N12510" s="10"/>
    </row>
    <row r="12511" spans="14:14">
      <c r="N12511" s="10"/>
    </row>
    <row r="12512" spans="14:14">
      <c r="N12512" s="10"/>
    </row>
    <row r="12513" spans="14:14">
      <c r="N12513" s="10"/>
    </row>
    <row r="12514" spans="14:14">
      <c r="N12514" s="10"/>
    </row>
    <row r="12515" spans="14:14">
      <c r="N12515" s="10"/>
    </row>
    <row r="12516" spans="14:14">
      <c r="N12516" s="10"/>
    </row>
    <row r="12517" spans="14:14">
      <c r="N12517" s="10"/>
    </row>
    <row r="12518" spans="14:14">
      <c r="N12518" s="10"/>
    </row>
    <row r="12519" spans="14:14">
      <c r="N12519" s="10"/>
    </row>
    <row r="12520" spans="14:14">
      <c r="N12520" s="10"/>
    </row>
    <row r="12521" spans="14:14">
      <c r="N12521" s="10"/>
    </row>
    <row r="12522" spans="14:14">
      <c r="N12522" s="10"/>
    </row>
    <row r="12523" spans="14:14">
      <c r="N12523" s="10"/>
    </row>
    <row r="12524" spans="14:14">
      <c r="N12524" s="10"/>
    </row>
    <row r="12525" spans="14:14">
      <c r="N12525" s="10"/>
    </row>
    <row r="12526" spans="14:14">
      <c r="N12526" s="10"/>
    </row>
    <row r="12527" spans="14:14">
      <c r="N12527" s="10"/>
    </row>
    <row r="12528" spans="14:14">
      <c r="N12528" s="10"/>
    </row>
    <row r="12529" spans="14:14">
      <c r="N12529" s="10"/>
    </row>
    <row r="12530" spans="14:14">
      <c r="N12530" s="10"/>
    </row>
    <row r="12531" spans="14:14">
      <c r="N12531" s="10"/>
    </row>
    <row r="12532" spans="14:14">
      <c r="N12532" s="10"/>
    </row>
    <row r="12533" spans="14:14">
      <c r="N12533" s="10"/>
    </row>
    <row r="12534" spans="14:14">
      <c r="N12534" s="10"/>
    </row>
    <row r="12535" spans="14:14">
      <c r="N12535" s="10"/>
    </row>
    <row r="12536" spans="14:14">
      <c r="N12536" s="10"/>
    </row>
    <row r="12537" spans="14:14">
      <c r="N12537" s="10"/>
    </row>
    <row r="12538" spans="14:14">
      <c r="N12538" s="10"/>
    </row>
    <row r="12539" spans="14:14">
      <c r="N12539" s="10"/>
    </row>
    <row r="12540" spans="14:14">
      <c r="N12540" s="10"/>
    </row>
    <row r="12541" spans="14:14">
      <c r="N12541" s="10"/>
    </row>
    <row r="12542" spans="14:14">
      <c r="N12542" s="10"/>
    </row>
    <row r="12543" spans="14:14">
      <c r="N12543" s="10"/>
    </row>
    <row r="12544" spans="14:14">
      <c r="N12544" s="10"/>
    </row>
    <row r="12545" spans="14:14">
      <c r="N12545" s="10"/>
    </row>
    <row r="12546" spans="14:14">
      <c r="N12546" s="10"/>
    </row>
    <row r="12547" spans="14:14">
      <c r="N12547" s="10"/>
    </row>
    <row r="12548" spans="14:14">
      <c r="N12548" s="10"/>
    </row>
    <row r="12549" spans="14:14">
      <c r="N12549" s="10"/>
    </row>
    <row r="12550" spans="14:14">
      <c r="N12550" s="10"/>
    </row>
    <row r="12551" spans="14:14">
      <c r="N12551" s="10"/>
    </row>
    <row r="12552" spans="14:14">
      <c r="N12552" s="10"/>
    </row>
    <row r="12553" spans="14:14">
      <c r="N12553" s="10"/>
    </row>
    <row r="12554" spans="14:14">
      <c r="N12554" s="10"/>
    </row>
    <row r="12555" spans="14:14">
      <c r="N12555" s="10"/>
    </row>
    <row r="12556" spans="14:14">
      <c r="N12556" s="10"/>
    </row>
    <row r="12557" spans="14:14">
      <c r="N12557" s="10"/>
    </row>
    <row r="12558" spans="14:14">
      <c r="N12558" s="10"/>
    </row>
    <row r="12559" spans="14:14">
      <c r="N12559" s="10"/>
    </row>
    <row r="12560" spans="14:14">
      <c r="N12560" s="10"/>
    </row>
    <row r="12561" spans="14:14">
      <c r="N12561" s="10"/>
    </row>
    <row r="12562" spans="14:14">
      <c r="N12562" s="10"/>
    </row>
    <row r="12563" spans="14:14">
      <c r="N12563" s="10"/>
    </row>
    <row r="12564" spans="14:14">
      <c r="N12564" s="10"/>
    </row>
    <row r="12565" spans="14:14">
      <c r="N12565" s="10"/>
    </row>
    <row r="12566" spans="14:14">
      <c r="N12566" s="10"/>
    </row>
    <row r="12567" spans="14:14">
      <c r="N12567" s="10"/>
    </row>
    <row r="12568" spans="14:14">
      <c r="N12568" s="10"/>
    </row>
    <row r="12569" spans="14:14">
      <c r="N12569" s="10"/>
    </row>
    <row r="12570" spans="14:14">
      <c r="N12570" s="10"/>
    </row>
    <row r="12571" spans="14:14">
      <c r="N12571" s="10"/>
    </row>
    <row r="12572" spans="14:14">
      <c r="N12572" s="10"/>
    </row>
    <row r="12573" spans="14:14">
      <c r="N12573" s="10"/>
    </row>
    <row r="12574" spans="14:14">
      <c r="N12574" s="10"/>
    </row>
    <row r="12575" spans="14:14">
      <c r="N12575" s="10"/>
    </row>
    <row r="12576" spans="14:14">
      <c r="N12576" s="10"/>
    </row>
    <row r="12577" spans="14:14">
      <c r="N12577" s="10"/>
    </row>
    <row r="12578" spans="14:14">
      <c r="N12578" s="10"/>
    </row>
    <row r="12579" spans="14:14">
      <c r="N12579" s="10"/>
    </row>
    <row r="12580" spans="14:14">
      <c r="N12580" s="10"/>
    </row>
    <row r="12581" spans="14:14">
      <c r="N12581" s="10"/>
    </row>
    <row r="12582" spans="14:14">
      <c r="N12582" s="10"/>
    </row>
    <row r="12583" spans="14:14">
      <c r="N12583" s="10"/>
    </row>
    <row r="12584" spans="14:14">
      <c r="N12584" s="10"/>
    </row>
    <row r="12585" spans="14:14">
      <c r="N12585" s="10"/>
    </row>
    <row r="12586" spans="14:14">
      <c r="N12586" s="10"/>
    </row>
    <row r="12587" spans="14:14">
      <c r="N12587" s="10"/>
    </row>
    <row r="12588" spans="14:14">
      <c r="N12588" s="10"/>
    </row>
    <row r="12589" spans="14:14">
      <c r="N12589" s="10"/>
    </row>
    <row r="12590" spans="14:14">
      <c r="N12590" s="10"/>
    </row>
    <row r="12591" spans="14:14">
      <c r="N12591" s="10"/>
    </row>
    <row r="12592" spans="14:14">
      <c r="N12592" s="10"/>
    </row>
    <row r="12593" spans="14:14">
      <c r="N12593" s="10"/>
    </row>
    <row r="12594" spans="14:14">
      <c r="N12594" s="10"/>
    </row>
    <row r="12595" spans="14:14">
      <c r="N12595" s="10"/>
    </row>
    <row r="12596" spans="14:14">
      <c r="N12596" s="10"/>
    </row>
    <row r="12597" spans="14:14">
      <c r="N12597" s="10"/>
    </row>
    <row r="12598" spans="14:14">
      <c r="N12598" s="10"/>
    </row>
    <row r="12599" spans="14:14">
      <c r="N12599" s="10"/>
    </row>
    <row r="12600" spans="14:14">
      <c r="N12600" s="10"/>
    </row>
    <row r="12601" spans="14:14">
      <c r="N12601" s="10"/>
    </row>
    <row r="12602" spans="14:14">
      <c r="N12602" s="10"/>
    </row>
    <row r="12603" spans="14:14">
      <c r="N12603" s="10"/>
    </row>
    <row r="12604" spans="14:14">
      <c r="N12604" s="10"/>
    </row>
    <row r="12605" spans="14:14">
      <c r="N12605" s="10"/>
    </row>
    <row r="12606" spans="14:14">
      <c r="N12606" s="10"/>
    </row>
    <row r="12607" spans="14:14">
      <c r="N12607" s="10"/>
    </row>
    <row r="12608" spans="14:14">
      <c r="N12608" s="10"/>
    </row>
    <row r="12609" spans="14:14">
      <c r="N12609" s="10"/>
    </row>
    <row r="12610" spans="14:14">
      <c r="N12610" s="10"/>
    </row>
    <row r="12611" spans="14:14">
      <c r="N12611" s="10"/>
    </row>
    <row r="12612" spans="14:14">
      <c r="N12612" s="10"/>
    </row>
    <row r="12613" spans="14:14">
      <c r="N12613" s="10"/>
    </row>
    <row r="12614" spans="14:14">
      <c r="N12614" s="10"/>
    </row>
    <row r="12615" spans="14:14">
      <c r="N12615" s="10"/>
    </row>
    <row r="12616" spans="14:14">
      <c r="N12616" s="10"/>
    </row>
    <row r="12617" spans="14:14">
      <c r="N12617" s="10"/>
    </row>
    <row r="12618" spans="14:14">
      <c r="N12618" s="10"/>
    </row>
    <row r="12619" spans="14:14">
      <c r="N12619" s="10"/>
    </row>
    <row r="12620" spans="14:14">
      <c r="N12620" s="10"/>
    </row>
    <row r="12621" spans="14:14">
      <c r="N12621" s="10"/>
    </row>
    <row r="12622" spans="14:14">
      <c r="N12622" s="10"/>
    </row>
    <row r="12623" spans="14:14">
      <c r="N12623" s="10"/>
    </row>
    <row r="12624" spans="14:14">
      <c r="N12624" s="10"/>
    </row>
    <row r="12625" spans="14:14">
      <c r="N12625" s="10"/>
    </row>
    <row r="12626" spans="14:14">
      <c r="N12626" s="10"/>
    </row>
    <row r="12627" spans="14:14">
      <c r="N12627" s="10"/>
    </row>
    <row r="12628" spans="14:14">
      <c r="N12628" s="10"/>
    </row>
    <row r="12629" spans="14:14">
      <c r="N12629" s="10"/>
    </row>
    <row r="12630" spans="14:14">
      <c r="N12630" s="10"/>
    </row>
    <row r="12631" spans="14:14">
      <c r="N12631" s="10"/>
    </row>
    <row r="12632" spans="14:14">
      <c r="N12632" s="10"/>
    </row>
    <row r="12633" spans="14:14">
      <c r="N12633" s="10"/>
    </row>
    <row r="12634" spans="14:14">
      <c r="N12634" s="10"/>
    </row>
    <row r="12635" spans="14:14">
      <c r="N12635" s="10"/>
    </row>
    <row r="12636" spans="14:14">
      <c r="N12636" s="10"/>
    </row>
    <row r="12637" spans="14:14">
      <c r="N12637" s="10"/>
    </row>
    <row r="12638" spans="14:14">
      <c r="N12638" s="10"/>
    </row>
    <row r="12639" spans="14:14">
      <c r="N12639" s="10"/>
    </row>
    <row r="12640" spans="14:14">
      <c r="N12640" s="10"/>
    </row>
    <row r="12641" spans="14:14">
      <c r="N12641" s="10"/>
    </row>
    <row r="12642" spans="14:14">
      <c r="N12642" s="10"/>
    </row>
    <row r="12643" spans="14:14">
      <c r="N12643" s="10"/>
    </row>
    <row r="12644" spans="14:14">
      <c r="N12644" s="10"/>
    </row>
    <row r="12645" spans="14:14">
      <c r="N12645" s="10"/>
    </row>
    <row r="12646" spans="14:14">
      <c r="N12646" s="10"/>
    </row>
    <row r="12647" spans="14:14">
      <c r="N12647" s="10"/>
    </row>
    <row r="12648" spans="14:14">
      <c r="N12648" s="10"/>
    </row>
    <row r="12649" spans="14:14">
      <c r="N12649" s="10"/>
    </row>
    <row r="12650" spans="14:14">
      <c r="N12650" s="10"/>
    </row>
    <row r="12651" spans="14:14">
      <c r="N12651" s="10"/>
    </row>
    <row r="12652" spans="14:14">
      <c r="N12652" s="10"/>
    </row>
    <row r="12653" spans="14:14">
      <c r="N12653" s="10"/>
    </row>
    <row r="12654" spans="14:14">
      <c r="N12654" s="10"/>
    </row>
    <row r="12655" spans="14:14">
      <c r="N12655" s="10"/>
    </row>
    <row r="12656" spans="14:14">
      <c r="N12656" s="10"/>
    </row>
    <row r="12657" spans="14:14">
      <c r="N12657" s="10"/>
    </row>
    <row r="12658" spans="14:14">
      <c r="N12658" s="10"/>
    </row>
    <row r="12659" spans="14:14">
      <c r="N12659" s="10"/>
    </row>
    <row r="12660" spans="14:14">
      <c r="N12660" s="10"/>
    </row>
    <row r="12661" spans="14:14">
      <c r="N12661" s="10"/>
    </row>
    <row r="12662" spans="14:14">
      <c r="N12662" s="10"/>
    </row>
    <row r="12663" spans="14:14">
      <c r="N12663" s="10"/>
    </row>
    <row r="12664" spans="14:14">
      <c r="N12664" s="10"/>
    </row>
    <row r="12665" spans="14:14">
      <c r="N12665" s="10"/>
    </row>
    <row r="12666" spans="14:14">
      <c r="N12666" s="10"/>
    </row>
    <row r="12667" spans="14:14">
      <c r="N12667" s="10"/>
    </row>
    <row r="12668" spans="14:14">
      <c r="N12668" s="10"/>
    </row>
    <row r="12669" spans="14:14">
      <c r="N12669" s="10"/>
    </row>
    <row r="12670" spans="14:14">
      <c r="N12670" s="10"/>
    </row>
    <row r="12671" spans="14:14">
      <c r="N12671" s="10"/>
    </row>
    <row r="12672" spans="14:14">
      <c r="N12672" s="10"/>
    </row>
    <row r="12673" spans="14:14">
      <c r="N12673" s="10"/>
    </row>
    <row r="12674" spans="14:14">
      <c r="N12674" s="10"/>
    </row>
    <row r="12675" spans="14:14">
      <c r="N12675" s="10"/>
    </row>
    <row r="12676" spans="14:14">
      <c r="N12676" s="10"/>
    </row>
    <row r="12677" spans="14:14">
      <c r="N12677" s="10"/>
    </row>
    <row r="12678" spans="14:14">
      <c r="N12678" s="10"/>
    </row>
    <row r="12679" spans="14:14">
      <c r="N12679" s="10"/>
    </row>
    <row r="12680" spans="14:14">
      <c r="N12680" s="10"/>
    </row>
    <row r="12681" spans="14:14">
      <c r="N12681" s="10"/>
    </row>
    <row r="12682" spans="14:14">
      <c r="N12682" s="10"/>
    </row>
    <row r="12683" spans="14:14">
      <c r="N12683" s="10"/>
    </row>
    <row r="12684" spans="14:14">
      <c r="N12684" s="10"/>
    </row>
    <row r="12685" spans="14:14">
      <c r="N12685" s="10"/>
    </row>
    <row r="12686" spans="14:14">
      <c r="N12686" s="10"/>
    </row>
    <row r="12687" spans="14:14">
      <c r="N12687" s="10"/>
    </row>
    <row r="12688" spans="14:14">
      <c r="N12688" s="10"/>
    </row>
    <row r="12689" spans="14:14">
      <c r="N12689" s="10"/>
    </row>
    <row r="12690" spans="14:14">
      <c r="N12690" s="10"/>
    </row>
    <row r="12691" spans="14:14">
      <c r="N12691" s="10"/>
    </row>
    <row r="12692" spans="14:14">
      <c r="N12692" s="10"/>
    </row>
    <row r="12693" spans="14:14">
      <c r="N12693" s="10"/>
    </row>
    <row r="12694" spans="14:14">
      <c r="N12694" s="10"/>
    </row>
    <row r="12695" spans="14:14">
      <c r="N12695" s="10"/>
    </row>
    <row r="12696" spans="14:14">
      <c r="N12696" s="10"/>
    </row>
    <row r="12697" spans="14:14">
      <c r="N12697" s="10"/>
    </row>
    <row r="12698" spans="14:14">
      <c r="N12698" s="10"/>
    </row>
    <row r="12699" spans="14:14">
      <c r="N12699" s="10"/>
    </row>
    <row r="12700" spans="14:14">
      <c r="N12700" s="10"/>
    </row>
    <row r="12701" spans="14:14">
      <c r="N12701" s="10"/>
    </row>
    <row r="12702" spans="14:14">
      <c r="N12702" s="10"/>
    </row>
    <row r="12703" spans="14:14">
      <c r="N12703" s="10"/>
    </row>
    <row r="12704" spans="14:14">
      <c r="N12704" s="10"/>
    </row>
    <row r="12705" spans="14:14">
      <c r="N12705" s="10"/>
    </row>
    <row r="12706" spans="14:14">
      <c r="N12706" s="10"/>
    </row>
    <row r="12707" spans="14:14">
      <c r="N12707" s="10"/>
    </row>
    <row r="12708" spans="14:14">
      <c r="N12708" s="10"/>
    </row>
    <row r="12709" spans="14:14">
      <c r="N12709" s="10"/>
    </row>
    <row r="12710" spans="14:14">
      <c r="N12710" s="10"/>
    </row>
    <row r="12711" spans="14:14">
      <c r="N12711" s="10"/>
    </row>
    <row r="12712" spans="14:14">
      <c r="N12712" s="10"/>
    </row>
    <row r="12713" spans="14:14">
      <c r="N12713" s="10"/>
    </row>
    <row r="12714" spans="14:14">
      <c r="N12714" s="10"/>
    </row>
    <row r="12715" spans="14:14">
      <c r="N12715" s="10"/>
    </row>
    <row r="12716" spans="14:14">
      <c r="N12716" s="10"/>
    </row>
    <row r="12717" spans="14:14">
      <c r="N12717" s="10"/>
    </row>
    <row r="12718" spans="14:14">
      <c r="N12718" s="10"/>
    </row>
    <row r="12719" spans="14:14">
      <c r="N12719" s="10"/>
    </row>
    <row r="12720" spans="14:14">
      <c r="N12720" s="10"/>
    </row>
    <row r="12721" spans="14:14">
      <c r="N12721" s="10"/>
    </row>
    <row r="12722" spans="14:14">
      <c r="N12722" s="10"/>
    </row>
    <row r="12723" spans="14:14">
      <c r="N12723" s="10"/>
    </row>
    <row r="12724" spans="14:14">
      <c r="N12724" s="10"/>
    </row>
    <row r="12725" spans="14:14">
      <c r="N12725" s="10"/>
    </row>
    <row r="12726" spans="14:14">
      <c r="N12726" s="10"/>
    </row>
    <row r="12727" spans="14:14">
      <c r="N12727" s="10"/>
    </row>
    <row r="12728" spans="14:14">
      <c r="N12728" s="10"/>
    </row>
    <row r="12729" spans="14:14">
      <c r="N12729" s="10"/>
    </row>
    <row r="12730" spans="14:14">
      <c r="N12730" s="10"/>
    </row>
    <row r="12731" spans="14:14">
      <c r="N12731" s="10"/>
    </row>
    <row r="12732" spans="14:14">
      <c r="N12732" s="10"/>
    </row>
    <row r="12733" spans="14:14">
      <c r="N12733" s="10"/>
    </row>
    <row r="12734" spans="14:14">
      <c r="N12734" s="10"/>
    </row>
    <row r="12735" spans="14:14">
      <c r="N12735" s="10"/>
    </row>
    <row r="12736" spans="14:14">
      <c r="N12736" s="10"/>
    </row>
    <row r="12737" spans="14:14">
      <c r="N12737" s="10"/>
    </row>
    <row r="12738" spans="14:14">
      <c r="N12738" s="10"/>
    </row>
    <row r="12739" spans="14:14">
      <c r="N12739" s="10"/>
    </row>
    <row r="12740" spans="14:14">
      <c r="N12740" s="10"/>
    </row>
    <row r="12741" spans="14:14">
      <c r="N12741" s="10"/>
    </row>
    <row r="12742" spans="14:14">
      <c r="N12742" s="10"/>
    </row>
    <row r="12743" spans="14:14">
      <c r="N12743" s="10"/>
    </row>
    <row r="12744" spans="14:14">
      <c r="N12744" s="10"/>
    </row>
    <row r="12745" spans="14:14">
      <c r="N12745" s="10"/>
    </row>
    <row r="12746" spans="14:14">
      <c r="N12746" s="10"/>
    </row>
    <row r="12747" spans="14:14">
      <c r="N12747" s="10"/>
    </row>
    <row r="12748" spans="14:14">
      <c r="N12748" s="10"/>
    </row>
    <row r="12749" spans="14:14">
      <c r="N12749" s="10"/>
    </row>
    <row r="12750" spans="14:14">
      <c r="N12750" s="10"/>
    </row>
    <row r="12751" spans="14:14">
      <c r="N12751" s="10"/>
    </row>
    <row r="12752" spans="14:14">
      <c r="N12752" s="10"/>
    </row>
    <row r="12753" spans="14:14">
      <c r="N12753" s="10"/>
    </row>
    <row r="12754" spans="14:14">
      <c r="N12754" s="10"/>
    </row>
    <row r="12755" spans="14:14">
      <c r="N12755" s="10"/>
    </row>
    <row r="12756" spans="14:14">
      <c r="N12756" s="10"/>
    </row>
    <row r="12757" spans="14:14">
      <c r="N12757" s="10"/>
    </row>
    <row r="12758" spans="14:14">
      <c r="N12758" s="10"/>
    </row>
    <row r="12759" spans="14:14">
      <c r="N12759" s="10"/>
    </row>
    <row r="12760" spans="14:14">
      <c r="N12760" s="10"/>
    </row>
    <row r="12761" spans="14:14">
      <c r="N12761" s="10"/>
    </row>
    <row r="12762" spans="14:14">
      <c r="N12762" s="10"/>
    </row>
    <row r="12763" spans="14:14">
      <c r="N12763" s="10"/>
    </row>
    <row r="12764" spans="14:14">
      <c r="N12764" s="10"/>
    </row>
    <row r="12765" spans="14:14">
      <c r="N12765" s="10"/>
    </row>
    <row r="12766" spans="14:14">
      <c r="N12766" s="10"/>
    </row>
    <row r="12767" spans="14:14">
      <c r="N12767" s="10"/>
    </row>
    <row r="12768" spans="14:14">
      <c r="N12768" s="10"/>
    </row>
    <row r="12769" spans="14:14">
      <c r="N12769" s="10"/>
    </row>
    <row r="12770" spans="14:14">
      <c r="N12770" s="10"/>
    </row>
    <row r="12771" spans="14:14">
      <c r="N12771" s="10"/>
    </row>
    <row r="12772" spans="14:14">
      <c r="N12772" s="10"/>
    </row>
    <row r="12773" spans="14:14">
      <c r="N12773" s="10"/>
    </row>
    <row r="12774" spans="14:14">
      <c r="N12774" s="10"/>
    </row>
    <row r="12775" spans="14:14">
      <c r="N12775" s="10"/>
    </row>
    <row r="12776" spans="14:14">
      <c r="N12776" s="10"/>
    </row>
    <row r="12777" spans="14:14">
      <c r="N12777" s="10"/>
    </row>
    <row r="12778" spans="14:14">
      <c r="N12778" s="10"/>
    </row>
    <row r="12779" spans="14:14">
      <c r="N12779" s="10"/>
    </row>
    <row r="12780" spans="14:14">
      <c r="N12780" s="10"/>
    </row>
    <row r="12781" spans="14:14">
      <c r="N12781" s="10"/>
    </row>
    <row r="12782" spans="14:14">
      <c r="N12782" s="10"/>
    </row>
    <row r="12783" spans="14:14">
      <c r="N12783" s="10"/>
    </row>
    <row r="12784" spans="14:14">
      <c r="N12784" s="10"/>
    </row>
    <row r="12785" spans="14:14">
      <c r="N12785" s="10"/>
    </row>
    <row r="12786" spans="14:14">
      <c r="N12786" s="10"/>
    </row>
    <row r="12787" spans="14:14">
      <c r="N12787" s="10"/>
    </row>
    <row r="12788" spans="14:14">
      <c r="N12788" s="10"/>
    </row>
    <row r="12789" spans="14:14">
      <c r="N12789" s="10"/>
    </row>
    <row r="12790" spans="14:14">
      <c r="N12790" s="10"/>
    </row>
    <row r="12791" spans="14:14">
      <c r="N12791" s="10"/>
    </row>
    <row r="12792" spans="14:14">
      <c r="N12792" s="10"/>
    </row>
    <row r="12793" spans="14:14">
      <c r="N12793" s="10"/>
    </row>
    <row r="12794" spans="14:14">
      <c r="N12794" s="10"/>
    </row>
    <row r="12795" spans="14:14">
      <c r="N12795" s="10"/>
    </row>
    <row r="12796" spans="14:14">
      <c r="N12796" s="10"/>
    </row>
    <row r="12797" spans="14:14">
      <c r="N12797" s="10"/>
    </row>
    <row r="12798" spans="14:14">
      <c r="N12798" s="10"/>
    </row>
    <row r="12799" spans="14:14">
      <c r="N12799" s="10"/>
    </row>
    <row r="12800" spans="14:14">
      <c r="N12800" s="10"/>
    </row>
    <row r="12801" spans="14:14">
      <c r="N12801" s="10"/>
    </row>
    <row r="12802" spans="14:14">
      <c r="N12802" s="10"/>
    </row>
    <row r="12803" spans="14:14">
      <c r="N12803" s="10"/>
    </row>
    <row r="12804" spans="14:14">
      <c r="N12804" s="10"/>
    </row>
    <row r="12805" spans="14:14">
      <c r="N12805" s="10"/>
    </row>
    <row r="12806" spans="14:14">
      <c r="N12806" s="10"/>
    </row>
    <row r="12807" spans="14:14">
      <c r="N12807" s="10"/>
    </row>
    <row r="12808" spans="14:14">
      <c r="N12808" s="10"/>
    </row>
    <row r="12809" spans="14:14">
      <c r="N12809" s="10"/>
    </row>
    <row r="12810" spans="14:14">
      <c r="N12810" s="10"/>
    </row>
    <row r="12811" spans="14:14">
      <c r="N12811" s="10"/>
    </row>
    <row r="12812" spans="14:14">
      <c r="N12812" s="10"/>
    </row>
    <row r="12813" spans="14:14">
      <c r="N12813" s="10"/>
    </row>
    <row r="12814" spans="14:14">
      <c r="N12814" s="10"/>
    </row>
    <row r="12815" spans="14:14">
      <c r="N12815" s="10"/>
    </row>
    <row r="12816" spans="14:14">
      <c r="N12816" s="10"/>
    </row>
    <row r="12817" spans="14:14">
      <c r="N12817" s="10"/>
    </row>
    <row r="12818" spans="14:14">
      <c r="N12818" s="10"/>
    </row>
    <row r="12819" spans="14:14">
      <c r="N12819" s="10"/>
    </row>
    <row r="12820" spans="14:14">
      <c r="N12820" s="10"/>
    </row>
    <row r="12821" spans="14:14">
      <c r="N12821" s="10"/>
    </row>
    <row r="12822" spans="14:14">
      <c r="N12822" s="10"/>
    </row>
    <row r="12823" spans="14:14">
      <c r="N12823" s="10"/>
    </row>
    <row r="12824" spans="14:14">
      <c r="N12824" s="10"/>
    </row>
    <row r="12825" spans="14:14">
      <c r="N12825" s="10"/>
    </row>
    <row r="12826" spans="14:14">
      <c r="N12826" s="10"/>
    </row>
    <row r="12827" spans="14:14">
      <c r="N12827" s="10"/>
    </row>
    <row r="12828" spans="14:14">
      <c r="N12828" s="10"/>
    </row>
    <row r="12829" spans="14:14">
      <c r="N12829" s="10"/>
    </row>
    <row r="12830" spans="14:14">
      <c r="N12830" s="10"/>
    </row>
    <row r="12831" spans="14:14">
      <c r="N12831" s="10"/>
    </row>
    <row r="12832" spans="14:14">
      <c r="N12832" s="10"/>
    </row>
    <row r="12833" spans="14:14">
      <c r="N12833" s="10"/>
    </row>
    <row r="12834" spans="14:14">
      <c r="N12834" s="10"/>
    </row>
    <row r="12835" spans="14:14">
      <c r="N12835" s="10"/>
    </row>
    <row r="12836" spans="14:14">
      <c r="N12836" s="10"/>
    </row>
    <row r="12837" spans="14:14">
      <c r="N12837" s="10"/>
    </row>
    <row r="12838" spans="14:14">
      <c r="N12838" s="10"/>
    </row>
    <row r="12839" spans="14:14">
      <c r="N12839" s="10"/>
    </row>
    <row r="12840" spans="14:14">
      <c r="N12840" s="10"/>
    </row>
    <row r="12841" spans="14:14">
      <c r="N12841" s="10"/>
    </row>
    <row r="12842" spans="14:14">
      <c r="N12842" s="10"/>
    </row>
    <row r="12843" spans="14:14">
      <c r="N12843" s="10"/>
    </row>
    <row r="12844" spans="14:14">
      <c r="N12844" s="10"/>
    </row>
    <row r="12845" spans="14:14">
      <c r="N12845" s="10"/>
    </row>
    <row r="12846" spans="14:14">
      <c r="N12846" s="10"/>
    </row>
    <row r="12847" spans="14:14">
      <c r="N12847" s="10"/>
    </row>
    <row r="12848" spans="14:14">
      <c r="N12848" s="10"/>
    </row>
    <row r="12849" spans="14:14">
      <c r="N12849" s="10"/>
    </row>
    <row r="12850" spans="14:14">
      <c r="N12850" s="10"/>
    </row>
    <row r="12851" spans="14:14">
      <c r="N12851" s="10"/>
    </row>
    <row r="12852" spans="14:14">
      <c r="N12852" s="10"/>
    </row>
    <row r="12853" spans="14:14">
      <c r="N12853" s="10"/>
    </row>
    <row r="12854" spans="14:14">
      <c r="N12854" s="10"/>
    </row>
    <row r="12855" spans="14:14">
      <c r="N12855" s="10"/>
    </row>
    <row r="12856" spans="14:14">
      <c r="N12856" s="10"/>
    </row>
    <row r="12857" spans="14:14">
      <c r="N12857" s="10"/>
    </row>
    <row r="12858" spans="14:14">
      <c r="N12858" s="10"/>
    </row>
    <row r="12859" spans="14:14">
      <c r="N12859" s="10"/>
    </row>
    <row r="12860" spans="14:14">
      <c r="N12860" s="10"/>
    </row>
    <row r="12861" spans="14:14">
      <c r="N12861" s="10"/>
    </row>
    <row r="12862" spans="14:14">
      <c r="N12862" s="10"/>
    </row>
    <row r="12863" spans="14:14">
      <c r="N12863" s="10"/>
    </row>
    <row r="12864" spans="14:14">
      <c r="N12864" s="10"/>
    </row>
    <row r="12865" spans="14:14">
      <c r="N12865" s="10"/>
    </row>
    <row r="12866" spans="14:14">
      <c r="N12866" s="10"/>
    </row>
    <row r="12867" spans="14:14">
      <c r="N12867" s="10"/>
    </row>
    <row r="12868" spans="14:14">
      <c r="N12868" s="10"/>
    </row>
    <row r="12869" spans="14:14">
      <c r="N12869" s="10"/>
    </row>
    <row r="12870" spans="14:14">
      <c r="N12870" s="10"/>
    </row>
    <row r="12871" spans="14:14">
      <c r="N12871" s="10"/>
    </row>
    <row r="12872" spans="14:14">
      <c r="N12872" s="10"/>
    </row>
    <row r="12873" spans="14:14">
      <c r="N12873" s="10"/>
    </row>
    <row r="12874" spans="14:14">
      <c r="N12874" s="10"/>
    </row>
    <row r="12875" spans="14:14">
      <c r="N12875" s="10"/>
    </row>
    <row r="12876" spans="14:14">
      <c r="N12876" s="10"/>
    </row>
    <row r="12877" spans="14:14">
      <c r="N12877" s="10"/>
    </row>
    <row r="12878" spans="14:14">
      <c r="N12878" s="10"/>
    </row>
    <row r="12879" spans="14:14">
      <c r="N12879" s="10"/>
    </row>
    <row r="12880" spans="14:14">
      <c r="N12880" s="10"/>
    </row>
    <row r="12881" spans="14:14">
      <c r="N12881" s="10"/>
    </row>
    <row r="12882" spans="14:14">
      <c r="N12882" s="10"/>
    </row>
    <row r="12883" spans="14:14">
      <c r="N12883" s="10"/>
    </row>
    <row r="12884" spans="14:14">
      <c r="N12884" s="10"/>
    </row>
    <row r="12885" spans="14:14">
      <c r="N12885" s="10"/>
    </row>
    <row r="12886" spans="14:14">
      <c r="N12886" s="10"/>
    </row>
    <row r="12887" spans="14:14">
      <c r="N12887" s="10"/>
    </row>
    <row r="12888" spans="14:14">
      <c r="N12888" s="10"/>
    </row>
    <row r="12889" spans="14:14">
      <c r="N12889" s="10"/>
    </row>
    <row r="12890" spans="14:14">
      <c r="N12890" s="10"/>
    </row>
    <row r="12891" spans="14:14">
      <c r="N12891" s="10"/>
    </row>
    <row r="12892" spans="14:14">
      <c r="N12892" s="10"/>
    </row>
    <row r="12893" spans="14:14">
      <c r="N12893" s="10"/>
    </row>
    <row r="12894" spans="14:14">
      <c r="N12894" s="10"/>
    </row>
    <row r="12895" spans="14:14">
      <c r="N12895" s="10"/>
    </row>
    <row r="12896" spans="14:14">
      <c r="N12896" s="10"/>
    </row>
    <row r="12897" spans="14:14">
      <c r="N12897" s="10"/>
    </row>
    <row r="12898" spans="14:14">
      <c r="N12898" s="10"/>
    </row>
    <row r="12899" spans="14:14">
      <c r="N12899" s="10"/>
    </row>
    <row r="12900" spans="14:14">
      <c r="N12900" s="10"/>
    </row>
    <row r="12901" spans="14:14">
      <c r="N12901" s="10"/>
    </row>
    <row r="12902" spans="14:14">
      <c r="N12902" s="10"/>
    </row>
    <row r="12903" spans="14:14">
      <c r="N12903" s="10"/>
    </row>
    <row r="12904" spans="14:14">
      <c r="N12904" s="10"/>
    </row>
    <row r="12905" spans="14:14">
      <c r="N12905" s="10"/>
    </row>
    <row r="12906" spans="14:14">
      <c r="N12906" s="10"/>
    </row>
    <row r="12907" spans="14:14">
      <c r="N12907" s="10"/>
    </row>
    <row r="12908" spans="14:14">
      <c r="N12908" s="10"/>
    </row>
    <row r="12909" spans="14:14">
      <c r="N12909" s="10"/>
    </row>
    <row r="12910" spans="14:14">
      <c r="N12910" s="10"/>
    </row>
    <row r="12911" spans="14:14">
      <c r="N12911" s="10"/>
    </row>
    <row r="12912" spans="14:14">
      <c r="N12912" s="10"/>
    </row>
    <row r="12913" spans="14:14">
      <c r="N12913" s="10"/>
    </row>
    <row r="12914" spans="14:14">
      <c r="N12914" s="10"/>
    </row>
    <row r="12915" spans="14:14">
      <c r="N12915" s="10"/>
    </row>
    <row r="12916" spans="14:14">
      <c r="N12916" s="10"/>
    </row>
    <row r="12917" spans="14:14">
      <c r="N12917" s="10"/>
    </row>
    <row r="12918" spans="14:14">
      <c r="N12918" s="10"/>
    </row>
    <row r="12919" spans="14:14">
      <c r="N12919" s="10"/>
    </row>
    <row r="12920" spans="14:14">
      <c r="N12920" s="10"/>
    </row>
    <row r="12921" spans="14:14">
      <c r="N12921" s="10"/>
    </row>
    <row r="12922" spans="14:14">
      <c r="N12922" s="10"/>
    </row>
    <row r="12923" spans="14:14">
      <c r="N12923" s="10"/>
    </row>
    <row r="12924" spans="14:14">
      <c r="N12924" s="10"/>
    </row>
    <row r="12925" spans="14:14">
      <c r="N12925" s="10"/>
    </row>
    <row r="12926" spans="14:14">
      <c r="N12926" s="10"/>
    </row>
    <row r="12927" spans="14:14">
      <c r="N12927" s="10"/>
    </row>
    <row r="12928" spans="14:14">
      <c r="N12928" s="10"/>
    </row>
    <row r="12929" spans="14:14">
      <c r="N12929" s="10"/>
    </row>
    <row r="12930" spans="14:14">
      <c r="N12930" s="10"/>
    </row>
    <row r="12931" spans="14:14">
      <c r="N12931" s="10"/>
    </row>
    <row r="12932" spans="14:14">
      <c r="N12932" s="10"/>
    </row>
    <row r="12933" spans="14:14">
      <c r="N12933" s="10"/>
    </row>
    <row r="12934" spans="14:14">
      <c r="N12934" s="10"/>
    </row>
    <row r="12935" spans="14:14">
      <c r="N12935" s="10"/>
    </row>
    <row r="12936" spans="14:14">
      <c r="N12936" s="10"/>
    </row>
    <row r="12937" spans="14:14">
      <c r="N12937" s="10"/>
    </row>
    <row r="12938" spans="14:14">
      <c r="N12938" s="10"/>
    </row>
    <row r="12939" spans="14:14">
      <c r="N12939" s="10"/>
    </row>
    <row r="12940" spans="14:14">
      <c r="N12940" s="10"/>
    </row>
    <row r="12941" spans="14:14">
      <c r="N12941" s="10"/>
    </row>
    <row r="12942" spans="14:14">
      <c r="N12942" s="10"/>
    </row>
    <row r="12943" spans="14:14">
      <c r="N12943" s="10"/>
    </row>
    <row r="12944" spans="14:14">
      <c r="N12944" s="10"/>
    </row>
    <row r="12945" spans="14:14">
      <c r="N12945" s="10"/>
    </row>
    <row r="12946" spans="14:14">
      <c r="N12946" s="10"/>
    </row>
    <row r="12947" spans="14:14">
      <c r="N12947" s="10"/>
    </row>
    <row r="12948" spans="14:14">
      <c r="N12948" s="10"/>
    </row>
    <row r="12949" spans="14:14">
      <c r="N12949" s="10"/>
    </row>
    <row r="12950" spans="14:14">
      <c r="N12950" s="10"/>
    </row>
    <row r="12951" spans="14:14">
      <c r="N12951" s="10"/>
    </row>
    <row r="12952" spans="14:14">
      <c r="N12952" s="10"/>
    </row>
    <row r="12953" spans="14:14">
      <c r="N12953" s="10"/>
    </row>
    <row r="12954" spans="14:14">
      <c r="N12954" s="10"/>
    </row>
    <row r="12955" spans="14:14">
      <c r="N12955" s="10"/>
    </row>
    <row r="12956" spans="14:14">
      <c r="N12956" s="10"/>
    </row>
    <row r="12957" spans="14:14">
      <c r="N12957" s="10"/>
    </row>
    <row r="12958" spans="14:14">
      <c r="N12958" s="10"/>
    </row>
    <row r="12959" spans="14:14">
      <c r="N12959" s="10"/>
    </row>
    <row r="12960" spans="14:14">
      <c r="N12960" s="10"/>
    </row>
    <row r="12961" spans="14:14">
      <c r="N12961" s="10"/>
    </row>
    <row r="12962" spans="14:14">
      <c r="N12962" s="10"/>
    </row>
    <row r="12963" spans="14:14">
      <c r="N12963" s="10"/>
    </row>
    <row r="12964" spans="14:14">
      <c r="N12964" s="10"/>
    </row>
    <row r="12965" spans="14:14">
      <c r="N12965" s="10"/>
    </row>
    <row r="12966" spans="14:14">
      <c r="N12966" s="10"/>
    </row>
    <row r="12967" spans="14:14">
      <c r="N12967" s="10"/>
    </row>
    <row r="12968" spans="14:14">
      <c r="N12968" s="10"/>
    </row>
    <row r="12969" spans="14:14">
      <c r="N12969" s="10"/>
    </row>
    <row r="12970" spans="14:14">
      <c r="N12970" s="10"/>
    </row>
    <row r="12971" spans="14:14">
      <c r="N12971" s="10"/>
    </row>
    <row r="12972" spans="14:14">
      <c r="N12972" s="10"/>
    </row>
    <row r="12973" spans="14:14">
      <c r="N12973" s="10"/>
    </row>
    <row r="12974" spans="14:14">
      <c r="N12974" s="10"/>
    </row>
    <row r="12975" spans="14:14">
      <c r="N12975" s="10"/>
    </row>
    <row r="12976" spans="14:14">
      <c r="N12976" s="10"/>
    </row>
    <row r="12977" spans="14:14">
      <c r="N12977" s="10"/>
    </row>
    <row r="12978" spans="14:14">
      <c r="N12978" s="10"/>
    </row>
    <row r="12979" spans="14:14">
      <c r="N12979" s="10"/>
    </row>
    <row r="12980" spans="14:14">
      <c r="N12980" s="10"/>
    </row>
    <row r="12981" spans="14:14">
      <c r="N12981" s="10"/>
    </row>
    <row r="12982" spans="14:14">
      <c r="N12982" s="10"/>
    </row>
    <row r="12983" spans="14:14">
      <c r="N12983" s="10"/>
    </row>
    <row r="12984" spans="14:14">
      <c r="N12984" s="10"/>
    </row>
    <row r="12985" spans="14:14">
      <c r="N12985" s="10"/>
    </row>
    <row r="12986" spans="14:14">
      <c r="N12986" s="10"/>
    </row>
    <row r="12987" spans="14:14">
      <c r="N12987" s="10"/>
    </row>
    <row r="12988" spans="14:14">
      <c r="N12988" s="10"/>
    </row>
    <row r="12989" spans="14:14">
      <c r="N12989" s="10"/>
    </row>
    <row r="12990" spans="14:14">
      <c r="N12990" s="10"/>
    </row>
    <row r="12991" spans="14:14">
      <c r="N12991" s="10"/>
    </row>
    <row r="12992" spans="14:14">
      <c r="N12992" s="10"/>
    </row>
    <row r="12993" spans="14:14">
      <c r="N12993" s="10"/>
    </row>
    <row r="12994" spans="14:14">
      <c r="N12994" s="10"/>
    </row>
    <row r="12995" spans="14:14">
      <c r="N12995" s="10"/>
    </row>
    <row r="12996" spans="14:14">
      <c r="N12996" s="10"/>
    </row>
    <row r="12997" spans="14:14">
      <c r="N12997" s="10"/>
    </row>
    <row r="12998" spans="14:14">
      <c r="N12998" s="10"/>
    </row>
    <row r="12999" spans="14:14">
      <c r="N12999" s="10"/>
    </row>
    <row r="13000" spans="14:14">
      <c r="N13000" s="10"/>
    </row>
    <row r="13001" spans="14:14">
      <c r="N13001" s="10"/>
    </row>
    <row r="13002" spans="14:14">
      <c r="N13002" s="10"/>
    </row>
    <row r="13003" spans="14:14">
      <c r="N13003" s="10"/>
    </row>
    <row r="13004" spans="14:14">
      <c r="N13004" s="10"/>
    </row>
    <row r="13005" spans="14:14">
      <c r="N13005" s="10"/>
    </row>
    <row r="13006" spans="14:14">
      <c r="N13006" s="10"/>
    </row>
    <row r="13007" spans="14:14">
      <c r="N13007" s="10"/>
    </row>
    <row r="13008" spans="14:14">
      <c r="N13008" s="10"/>
    </row>
    <row r="13009" spans="14:14">
      <c r="N13009" s="10"/>
    </row>
    <row r="13010" spans="14:14">
      <c r="N13010" s="10"/>
    </row>
    <row r="13011" spans="14:14">
      <c r="N13011" s="10"/>
    </row>
    <row r="13012" spans="14:14">
      <c r="N13012" s="10"/>
    </row>
    <row r="13013" spans="14:14">
      <c r="N13013" s="10"/>
    </row>
    <row r="13014" spans="14:14">
      <c r="N13014" s="10"/>
    </row>
    <row r="13015" spans="14:14">
      <c r="N13015" s="10"/>
    </row>
    <row r="13016" spans="14:14">
      <c r="N13016" s="10"/>
    </row>
    <row r="13017" spans="14:14">
      <c r="N13017" s="10"/>
    </row>
    <row r="13018" spans="14:14">
      <c r="N13018" s="10"/>
    </row>
    <row r="13019" spans="14:14">
      <c r="N13019" s="10"/>
    </row>
    <row r="13020" spans="14:14">
      <c r="N13020" s="10"/>
    </row>
    <row r="13021" spans="14:14">
      <c r="N13021" s="10"/>
    </row>
    <row r="13022" spans="14:14">
      <c r="N13022" s="10"/>
    </row>
    <row r="13023" spans="14:14">
      <c r="N13023" s="10"/>
    </row>
    <row r="13024" spans="14:14">
      <c r="N13024" s="10"/>
    </row>
    <row r="13025" spans="14:14">
      <c r="N13025" s="10"/>
    </row>
    <row r="13026" spans="14:14">
      <c r="N13026" s="10"/>
    </row>
    <row r="13027" spans="14:14">
      <c r="N13027" s="10"/>
    </row>
    <row r="13028" spans="14:14">
      <c r="N13028" s="10"/>
    </row>
    <row r="13029" spans="14:14">
      <c r="N13029" s="10"/>
    </row>
    <row r="13030" spans="14:14">
      <c r="N13030" s="10"/>
    </row>
    <row r="13031" spans="14:14">
      <c r="N13031" s="10"/>
    </row>
    <row r="13032" spans="14:14">
      <c r="N13032" s="10"/>
    </row>
    <row r="13033" spans="14:14">
      <c r="N13033" s="10"/>
    </row>
    <row r="13034" spans="14:14">
      <c r="N13034" s="10"/>
    </row>
    <row r="13035" spans="14:14">
      <c r="N13035" s="10"/>
    </row>
    <row r="13036" spans="14:14">
      <c r="N13036" s="10"/>
    </row>
    <row r="13037" spans="14:14">
      <c r="N13037" s="10"/>
    </row>
    <row r="13038" spans="14:14">
      <c r="N13038" s="10"/>
    </row>
    <row r="13039" spans="14:14">
      <c r="N13039" s="10"/>
    </row>
    <row r="13040" spans="14:14">
      <c r="N13040" s="10"/>
    </row>
    <row r="13041" spans="14:14">
      <c r="N13041" s="10"/>
    </row>
    <row r="13042" spans="14:14">
      <c r="N13042" s="10"/>
    </row>
    <row r="13043" spans="14:14">
      <c r="N13043" s="10"/>
    </row>
    <row r="13044" spans="14:14">
      <c r="N13044" s="10"/>
    </row>
    <row r="13045" spans="14:14">
      <c r="N13045" s="10"/>
    </row>
    <row r="13046" spans="14:14">
      <c r="N13046" s="10"/>
    </row>
    <row r="13047" spans="14:14">
      <c r="N13047" s="10"/>
    </row>
    <row r="13048" spans="14:14">
      <c r="N13048" s="10"/>
    </row>
    <row r="13049" spans="14:14">
      <c r="N13049" s="10"/>
    </row>
    <row r="13050" spans="14:14">
      <c r="N13050" s="10"/>
    </row>
    <row r="13051" spans="14:14">
      <c r="N13051" s="10"/>
    </row>
    <row r="13052" spans="14:14">
      <c r="N13052" s="10"/>
    </row>
    <row r="13053" spans="14:14">
      <c r="N13053" s="10"/>
    </row>
    <row r="13054" spans="14:14">
      <c r="N13054" s="10"/>
    </row>
    <row r="13055" spans="14:14">
      <c r="N13055" s="10"/>
    </row>
    <row r="13056" spans="14:14">
      <c r="N13056" s="10"/>
    </row>
    <row r="13057" spans="14:14">
      <c r="N13057" s="10"/>
    </row>
    <row r="13058" spans="14:14">
      <c r="N13058" s="10"/>
    </row>
    <row r="13059" spans="14:14">
      <c r="N13059" s="10"/>
    </row>
    <row r="13060" spans="14:14">
      <c r="N13060" s="10"/>
    </row>
    <row r="13061" spans="14:14">
      <c r="N13061" s="10"/>
    </row>
    <row r="13062" spans="14:14">
      <c r="N13062" s="10"/>
    </row>
    <row r="13063" spans="14:14">
      <c r="N13063" s="10"/>
    </row>
    <row r="13064" spans="14:14">
      <c r="N13064" s="10"/>
    </row>
    <row r="13065" spans="14:14">
      <c r="N13065" s="10"/>
    </row>
    <row r="13066" spans="14:14">
      <c r="N13066" s="10"/>
    </row>
    <row r="13067" spans="14:14">
      <c r="N13067" s="10"/>
    </row>
    <row r="13068" spans="14:14">
      <c r="N13068" s="10"/>
    </row>
    <row r="13069" spans="14:14">
      <c r="N13069" s="10"/>
    </row>
    <row r="13070" spans="14:14">
      <c r="N13070" s="10"/>
    </row>
    <row r="13071" spans="14:14">
      <c r="N13071" s="10"/>
    </row>
    <row r="13072" spans="14:14">
      <c r="N13072" s="10"/>
    </row>
    <row r="13073" spans="14:14">
      <c r="N13073" s="10"/>
    </row>
    <row r="13074" spans="14:14">
      <c r="N13074" s="10"/>
    </row>
    <row r="13075" spans="14:14">
      <c r="N13075" s="10"/>
    </row>
    <row r="13076" spans="14:14">
      <c r="N13076" s="10"/>
    </row>
    <row r="13077" spans="14:14">
      <c r="N13077" s="10"/>
    </row>
    <row r="13078" spans="14:14">
      <c r="N13078" s="10"/>
    </row>
    <row r="13079" spans="14:14">
      <c r="N13079" s="10"/>
    </row>
    <row r="13080" spans="14:14">
      <c r="N13080" s="10"/>
    </row>
    <row r="13081" spans="14:14">
      <c r="N13081" s="10"/>
    </row>
    <row r="13082" spans="14:14">
      <c r="N13082" s="10"/>
    </row>
    <row r="13083" spans="14:14">
      <c r="N13083" s="10"/>
    </row>
    <row r="13084" spans="14:14">
      <c r="N13084" s="10"/>
    </row>
    <row r="13085" spans="14:14">
      <c r="N13085" s="10"/>
    </row>
    <row r="13086" spans="14:14">
      <c r="N13086" s="10"/>
    </row>
    <row r="13087" spans="14:14">
      <c r="N13087" s="10"/>
    </row>
    <row r="13088" spans="14:14">
      <c r="N13088" s="10"/>
    </row>
    <row r="13089" spans="14:14">
      <c r="N13089" s="10"/>
    </row>
    <row r="13090" spans="14:14">
      <c r="N13090" s="10"/>
    </row>
    <row r="13091" spans="14:14">
      <c r="N13091" s="10"/>
    </row>
    <row r="13092" spans="14:14">
      <c r="N13092" s="10"/>
    </row>
    <row r="13093" spans="14:14">
      <c r="N13093" s="10"/>
    </row>
    <row r="13094" spans="14:14">
      <c r="N13094" s="10"/>
    </row>
    <row r="13095" spans="14:14">
      <c r="N13095" s="10"/>
    </row>
    <row r="13096" spans="14:14">
      <c r="N13096" s="10"/>
    </row>
    <row r="13097" spans="14:14">
      <c r="N13097" s="10"/>
    </row>
    <row r="13098" spans="14:14">
      <c r="N13098" s="10"/>
    </row>
    <row r="13099" spans="14:14">
      <c r="N13099" s="10"/>
    </row>
    <row r="13100" spans="14:14">
      <c r="N13100" s="10"/>
    </row>
    <row r="13101" spans="14:14">
      <c r="N13101" s="10"/>
    </row>
    <row r="13102" spans="14:14">
      <c r="N13102" s="10"/>
    </row>
    <row r="13103" spans="14:14">
      <c r="N13103" s="10"/>
    </row>
    <row r="13104" spans="14:14">
      <c r="N13104" s="10"/>
    </row>
    <row r="13105" spans="14:14">
      <c r="N13105" s="10"/>
    </row>
    <row r="13106" spans="14:14">
      <c r="N13106" s="10"/>
    </row>
    <row r="13107" spans="14:14">
      <c r="N13107" s="10"/>
    </row>
    <row r="13108" spans="14:14">
      <c r="N13108" s="10"/>
    </row>
    <row r="13109" spans="14:14">
      <c r="N13109" s="10"/>
    </row>
    <row r="13110" spans="14:14">
      <c r="N13110" s="10"/>
    </row>
    <row r="13111" spans="14:14">
      <c r="N13111" s="10"/>
    </row>
    <row r="13112" spans="14:14">
      <c r="N13112" s="10"/>
    </row>
    <row r="13113" spans="14:14">
      <c r="N13113" s="10"/>
    </row>
    <row r="13114" spans="14:14">
      <c r="N13114" s="10"/>
    </row>
    <row r="13115" spans="14:14">
      <c r="N13115" s="10"/>
    </row>
    <row r="13116" spans="14:14">
      <c r="N13116" s="10"/>
    </row>
    <row r="13117" spans="14:14">
      <c r="N13117" s="10"/>
    </row>
    <row r="13118" spans="14:14">
      <c r="N13118" s="10"/>
    </row>
    <row r="13119" spans="14:14">
      <c r="N13119" s="10"/>
    </row>
    <row r="13120" spans="14:14">
      <c r="N13120" s="10"/>
    </row>
    <row r="13121" spans="14:14">
      <c r="N13121" s="10"/>
    </row>
    <row r="13122" spans="14:14">
      <c r="N13122" s="10"/>
    </row>
    <row r="13123" spans="14:14">
      <c r="N13123" s="10"/>
    </row>
    <row r="13124" spans="14:14">
      <c r="N13124" s="10"/>
    </row>
    <row r="13125" spans="14:14">
      <c r="N13125" s="10"/>
    </row>
    <row r="13126" spans="14:14">
      <c r="N13126" s="10"/>
    </row>
    <row r="13127" spans="14:14">
      <c r="N13127" s="10"/>
    </row>
    <row r="13128" spans="14:14">
      <c r="N13128" s="10"/>
    </row>
    <row r="13129" spans="14:14">
      <c r="N13129" s="10"/>
    </row>
    <row r="13130" spans="14:14">
      <c r="N13130" s="10"/>
    </row>
    <row r="13131" spans="14:14">
      <c r="N13131" s="10"/>
    </row>
    <row r="13132" spans="14:14">
      <c r="N13132" s="10"/>
    </row>
    <row r="13133" spans="14:14">
      <c r="N13133" s="10"/>
    </row>
    <row r="13134" spans="14:14">
      <c r="N13134" s="10"/>
    </row>
    <row r="13135" spans="14:14">
      <c r="N13135" s="10"/>
    </row>
    <row r="13136" spans="14:14">
      <c r="N13136" s="10"/>
    </row>
    <row r="13137" spans="14:14">
      <c r="N13137" s="10"/>
    </row>
    <row r="13138" spans="14:14">
      <c r="N13138" s="10"/>
    </row>
    <row r="13139" spans="14:14">
      <c r="N13139" s="10"/>
    </row>
    <row r="13140" spans="14:14">
      <c r="N13140" s="10"/>
    </row>
    <row r="13141" spans="14:14">
      <c r="N13141" s="10"/>
    </row>
    <row r="13142" spans="14:14">
      <c r="N13142" s="10"/>
    </row>
    <row r="13143" spans="14:14">
      <c r="N13143" s="10"/>
    </row>
    <row r="13144" spans="14:14">
      <c r="N13144" s="10"/>
    </row>
    <row r="13145" spans="14:14">
      <c r="N13145" s="10"/>
    </row>
    <row r="13146" spans="14:14">
      <c r="N13146" s="10"/>
    </row>
    <row r="13147" spans="14:14">
      <c r="N13147" s="10"/>
    </row>
    <row r="13148" spans="14:14">
      <c r="N13148" s="10"/>
    </row>
    <row r="13149" spans="14:14">
      <c r="N13149" s="10"/>
    </row>
    <row r="13150" spans="14:14">
      <c r="N13150" s="10"/>
    </row>
    <row r="13151" spans="14:14">
      <c r="N13151" s="10"/>
    </row>
    <row r="13152" spans="14:14">
      <c r="N13152" s="10"/>
    </row>
    <row r="13153" spans="14:14">
      <c r="N13153" s="10"/>
    </row>
    <row r="13154" spans="14:14">
      <c r="N13154" s="10"/>
    </row>
    <row r="13155" spans="14:14">
      <c r="N13155" s="10"/>
    </row>
    <row r="13156" spans="14:14">
      <c r="N13156" s="10"/>
    </row>
    <row r="13157" spans="14:14">
      <c r="N13157" s="10"/>
    </row>
    <row r="13158" spans="14:14">
      <c r="N13158" s="10"/>
    </row>
    <row r="13159" spans="14:14">
      <c r="N13159" s="10"/>
    </row>
    <row r="13160" spans="14:14">
      <c r="N13160" s="10"/>
    </row>
    <row r="13161" spans="14:14">
      <c r="N13161" s="10"/>
    </row>
    <row r="13162" spans="14:14">
      <c r="N13162" s="10"/>
    </row>
    <row r="13163" spans="14:14">
      <c r="N13163" s="10"/>
    </row>
    <row r="13164" spans="14:14">
      <c r="N13164" s="10"/>
    </row>
    <row r="13165" spans="14:14">
      <c r="N13165" s="10"/>
    </row>
    <row r="13166" spans="14:14">
      <c r="N13166" s="10"/>
    </row>
    <row r="13167" spans="14:14">
      <c r="N13167" s="10"/>
    </row>
    <row r="13168" spans="14:14">
      <c r="N13168" s="10"/>
    </row>
    <row r="13169" spans="14:14">
      <c r="N13169" s="10"/>
    </row>
    <row r="13170" spans="14:14">
      <c r="N13170" s="10"/>
    </row>
    <row r="13171" spans="14:14">
      <c r="N13171" s="10"/>
    </row>
    <row r="13172" spans="14:14">
      <c r="N13172" s="10"/>
    </row>
    <row r="13173" spans="14:14">
      <c r="N13173" s="10"/>
    </row>
    <row r="13174" spans="14:14">
      <c r="N13174" s="10"/>
    </row>
    <row r="13175" spans="14:14">
      <c r="N13175" s="10"/>
    </row>
    <row r="13176" spans="14:14">
      <c r="N13176" s="10"/>
    </row>
    <row r="13177" spans="14:14">
      <c r="N13177" s="10"/>
    </row>
    <row r="13178" spans="14:14">
      <c r="N13178" s="10"/>
    </row>
    <row r="13179" spans="14:14">
      <c r="N13179" s="10"/>
    </row>
    <row r="13180" spans="14:14">
      <c r="N13180" s="10"/>
    </row>
    <row r="13181" spans="14:14">
      <c r="N13181" s="10"/>
    </row>
    <row r="13182" spans="14:14">
      <c r="N13182" s="10"/>
    </row>
    <row r="13183" spans="14:14">
      <c r="N13183" s="10"/>
    </row>
    <row r="13184" spans="14:14">
      <c r="N13184" s="10"/>
    </row>
    <row r="13185" spans="14:14">
      <c r="N13185" s="10"/>
    </row>
    <row r="13186" spans="14:14">
      <c r="N13186" s="10"/>
    </row>
    <row r="13187" spans="14:14">
      <c r="N13187" s="10"/>
    </row>
    <row r="13188" spans="14:14">
      <c r="N13188" s="10"/>
    </row>
    <row r="13189" spans="14:14">
      <c r="N13189" s="10"/>
    </row>
    <row r="13190" spans="14:14">
      <c r="N13190" s="10"/>
    </row>
    <row r="13191" spans="14:14">
      <c r="N13191" s="10"/>
    </row>
    <row r="13192" spans="14:14">
      <c r="N13192" s="10"/>
    </row>
    <row r="13193" spans="14:14">
      <c r="N13193" s="10"/>
    </row>
    <row r="13194" spans="14:14">
      <c r="N13194" s="10"/>
    </row>
    <row r="13195" spans="14:14">
      <c r="N13195" s="10"/>
    </row>
    <row r="13196" spans="14:14">
      <c r="N13196" s="10"/>
    </row>
    <row r="13197" spans="14:14">
      <c r="N13197" s="10"/>
    </row>
    <row r="13198" spans="14:14">
      <c r="N13198" s="10"/>
    </row>
    <row r="13199" spans="14:14">
      <c r="N13199" s="10"/>
    </row>
    <row r="13200" spans="14:14">
      <c r="N13200" s="10"/>
    </row>
    <row r="13201" spans="14:14">
      <c r="N13201" s="10"/>
    </row>
    <row r="13202" spans="14:14">
      <c r="N13202" s="10"/>
    </row>
    <row r="13203" spans="14:14">
      <c r="N13203" s="10"/>
    </row>
    <row r="13204" spans="14:14">
      <c r="N13204" s="10"/>
    </row>
    <row r="13205" spans="14:14">
      <c r="N13205" s="10"/>
    </row>
    <row r="13206" spans="14:14">
      <c r="N13206" s="10"/>
    </row>
    <row r="13207" spans="14:14">
      <c r="N13207" s="10"/>
    </row>
    <row r="13208" spans="14:14">
      <c r="N13208" s="10"/>
    </row>
    <row r="13209" spans="14:14">
      <c r="N13209" s="10"/>
    </row>
    <row r="13210" spans="14:14">
      <c r="N13210" s="10"/>
    </row>
    <row r="13211" spans="14:14">
      <c r="N13211" s="10"/>
    </row>
    <row r="13212" spans="14:14">
      <c r="N13212" s="10"/>
    </row>
    <row r="13213" spans="14:14">
      <c r="N13213" s="10"/>
    </row>
    <row r="13214" spans="14:14">
      <c r="N13214" s="10"/>
    </row>
    <row r="13215" spans="14:14">
      <c r="N13215" s="10"/>
    </row>
    <row r="13216" spans="14:14">
      <c r="N13216" s="10"/>
    </row>
    <row r="13217" spans="14:14">
      <c r="N13217" s="10"/>
    </row>
    <row r="13218" spans="14:14">
      <c r="N13218" s="10"/>
    </row>
    <row r="13219" spans="14:14">
      <c r="N13219" s="10"/>
    </row>
    <row r="13220" spans="14:14">
      <c r="N13220" s="10"/>
    </row>
    <row r="13221" spans="14:14">
      <c r="N13221" s="10"/>
    </row>
    <row r="13222" spans="14:14">
      <c r="N13222" s="10"/>
    </row>
    <row r="13223" spans="14:14">
      <c r="N13223" s="10"/>
    </row>
    <row r="13224" spans="14:14">
      <c r="N13224" s="10"/>
    </row>
    <row r="13225" spans="14:14">
      <c r="N13225" s="10"/>
    </row>
    <row r="13226" spans="14:14">
      <c r="N13226" s="10"/>
    </row>
    <row r="13227" spans="14:14">
      <c r="N13227" s="10"/>
    </row>
    <row r="13228" spans="14:14">
      <c r="N13228" s="10"/>
    </row>
    <row r="13229" spans="14:14">
      <c r="N13229" s="10"/>
    </row>
    <row r="13230" spans="14:14">
      <c r="N13230" s="10"/>
    </row>
    <row r="13231" spans="14:14">
      <c r="N13231" s="10"/>
    </row>
    <row r="13232" spans="14:14">
      <c r="N13232" s="10"/>
    </row>
    <row r="13233" spans="14:14">
      <c r="N13233" s="10"/>
    </row>
    <row r="13234" spans="14:14">
      <c r="N13234" s="10"/>
    </row>
    <row r="13235" spans="14:14">
      <c r="N13235" s="10"/>
    </row>
    <row r="13236" spans="14:14">
      <c r="N13236" s="10"/>
    </row>
    <row r="13237" spans="14:14">
      <c r="N13237" s="10"/>
    </row>
    <row r="13238" spans="14:14">
      <c r="N13238" s="10"/>
    </row>
    <row r="13239" spans="14:14">
      <c r="N13239" s="10"/>
    </row>
    <row r="13240" spans="14:14">
      <c r="N13240" s="10"/>
    </row>
    <row r="13241" spans="14:14">
      <c r="N13241" s="10"/>
    </row>
    <row r="13242" spans="14:14">
      <c r="N13242" s="10"/>
    </row>
    <row r="13243" spans="14:14">
      <c r="N13243" s="10"/>
    </row>
    <row r="13244" spans="14:14">
      <c r="N13244" s="10"/>
    </row>
    <row r="13245" spans="14:14">
      <c r="N13245" s="10"/>
    </row>
    <row r="13246" spans="14:14">
      <c r="N13246" s="10"/>
    </row>
    <row r="13247" spans="14:14">
      <c r="N13247" s="10"/>
    </row>
    <row r="13248" spans="14:14">
      <c r="N13248" s="10"/>
    </row>
    <row r="13249" spans="14:14">
      <c r="N13249" s="10"/>
    </row>
    <row r="13250" spans="14:14">
      <c r="N13250" s="10"/>
    </row>
    <row r="13251" spans="14:14">
      <c r="N13251" s="10"/>
    </row>
    <row r="13252" spans="14:14">
      <c r="N13252" s="10"/>
    </row>
    <row r="13253" spans="14:14">
      <c r="N13253" s="10"/>
    </row>
    <row r="13254" spans="14:14">
      <c r="N13254" s="10"/>
    </row>
    <row r="13255" spans="14:14">
      <c r="N13255" s="10"/>
    </row>
    <row r="13256" spans="14:14">
      <c r="N13256" s="10"/>
    </row>
    <row r="13257" spans="14:14">
      <c r="N13257" s="10"/>
    </row>
    <row r="13258" spans="14:14">
      <c r="N13258" s="10"/>
    </row>
    <row r="13259" spans="14:14">
      <c r="N13259" s="10"/>
    </row>
    <row r="13260" spans="14:14">
      <c r="N13260" s="10"/>
    </row>
    <row r="13261" spans="14:14">
      <c r="N13261" s="10"/>
    </row>
    <row r="13262" spans="14:14">
      <c r="N13262" s="10"/>
    </row>
    <row r="13263" spans="14:14">
      <c r="N13263" s="10"/>
    </row>
    <row r="13264" spans="14:14">
      <c r="N13264" s="10"/>
    </row>
    <row r="13265" spans="14:14">
      <c r="N13265" s="10"/>
    </row>
    <row r="13266" spans="14:14">
      <c r="N13266" s="10"/>
    </row>
    <row r="13267" spans="14:14">
      <c r="N13267" s="10"/>
    </row>
    <row r="13268" spans="14:14">
      <c r="N13268" s="10"/>
    </row>
    <row r="13269" spans="14:14">
      <c r="N13269" s="10"/>
    </row>
    <row r="13270" spans="14:14">
      <c r="N13270" s="10"/>
    </row>
    <row r="13271" spans="14:14">
      <c r="N13271" s="10"/>
    </row>
    <row r="13272" spans="14:14">
      <c r="N13272" s="10"/>
    </row>
    <row r="13273" spans="14:14">
      <c r="N13273" s="10"/>
    </row>
    <row r="13274" spans="14:14">
      <c r="N13274" s="10"/>
    </row>
    <row r="13275" spans="14:14">
      <c r="N13275" s="10"/>
    </row>
    <row r="13276" spans="14:14">
      <c r="N13276" s="10"/>
    </row>
    <row r="13277" spans="14:14">
      <c r="N13277" s="10"/>
    </row>
    <row r="13278" spans="14:14">
      <c r="N13278" s="10"/>
    </row>
    <row r="13279" spans="14:14">
      <c r="N13279" s="10"/>
    </row>
    <row r="13280" spans="14:14">
      <c r="N13280" s="10"/>
    </row>
    <row r="13281" spans="14:14">
      <c r="N13281" s="10"/>
    </row>
    <row r="13282" spans="14:14">
      <c r="N13282" s="10"/>
    </row>
    <row r="13283" spans="14:14">
      <c r="N13283" s="10"/>
    </row>
    <row r="13284" spans="14:14">
      <c r="N13284" s="10"/>
    </row>
    <row r="13285" spans="14:14">
      <c r="N13285" s="10"/>
    </row>
    <row r="13286" spans="14:14">
      <c r="N13286" s="10"/>
    </row>
    <row r="13287" spans="14:14">
      <c r="N13287" s="10"/>
    </row>
    <row r="13288" spans="14:14">
      <c r="N13288" s="10"/>
    </row>
    <row r="13289" spans="14:14">
      <c r="N13289" s="10"/>
    </row>
    <row r="13290" spans="14:14">
      <c r="N13290" s="10"/>
    </row>
    <row r="13291" spans="14:14">
      <c r="N13291" s="10"/>
    </row>
    <row r="13292" spans="14:14">
      <c r="N13292" s="10"/>
    </row>
    <row r="13293" spans="14:14">
      <c r="N13293" s="10"/>
    </row>
    <row r="13294" spans="14:14">
      <c r="N13294" s="10"/>
    </row>
    <row r="13295" spans="14:14">
      <c r="N13295" s="10"/>
    </row>
    <row r="13296" spans="14:14">
      <c r="N13296" s="10"/>
    </row>
    <row r="13297" spans="14:14">
      <c r="N13297" s="10"/>
    </row>
    <row r="13298" spans="14:14">
      <c r="N13298" s="10"/>
    </row>
    <row r="13299" spans="14:14">
      <c r="N13299" s="10"/>
    </row>
    <row r="13300" spans="14:14">
      <c r="N13300" s="10"/>
    </row>
    <row r="13301" spans="14:14">
      <c r="N13301" s="10"/>
    </row>
    <row r="13302" spans="14:14">
      <c r="N13302" s="10"/>
    </row>
    <row r="13303" spans="14:14">
      <c r="N13303" s="10"/>
    </row>
    <row r="13304" spans="14:14">
      <c r="N13304" s="10"/>
    </row>
    <row r="13305" spans="14:14">
      <c r="N13305" s="10"/>
    </row>
    <row r="13306" spans="14:14">
      <c r="N13306" s="10"/>
    </row>
    <row r="13307" spans="14:14">
      <c r="N13307" s="10"/>
    </row>
    <row r="13308" spans="14:14">
      <c r="N13308" s="10"/>
    </row>
    <row r="13309" spans="14:14">
      <c r="N13309" s="10"/>
    </row>
    <row r="13310" spans="14:14">
      <c r="N13310" s="10"/>
    </row>
    <row r="13311" spans="14:14">
      <c r="N13311" s="10"/>
    </row>
    <row r="13312" spans="14:14">
      <c r="N13312" s="10"/>
    </row>
    <row r="13313" spans="14:14">
      <c r="N13313" s="10"/>
    </row>
    <row r="13314" spans="14:14">
      <c r="N13314" s="10"/>
    </row>
    <row r="13315" spans="14:14">
      <c r="N13315" s="10"/>
    </row>
    <row r="13316" spans="14:14">
      <c r="N13316" s="10"/>
    </row>
    <row r="13317" spans="14:14">
      <c r="N13317" s="10"/>
    </row>
    <row r="13318" spans="14:14">
      <c r="N13318" s="10"/>
    </row>
    <row r="13319" spans="14:14">
      <c r="N13319" s="10"/>
    </row>
    <row r="13320" spans="14:14">
      <c r="N13320" s="10"/>
    </row>
    <row r="13321" spans="14:14">
      <c r="N13321" s="10"/>
    </row>
    <row r="13322" spans="14:14">
      <c r="N13322" s="10"/>
    </row>
    <row r="13323" spans="14:14">
      <c r="N13323" s="10"/>
    </row>
    <row r="13324" spans="14:14">
      <c r="N13324" s="10"/>
    </row>
    <row r="13325" spans="14:14">
      <c r="N13325" s="10"/>
    </row>
    <row r="13326" spans="14:14">
      <c r="N13326" s="10"/>
    </row>
    <row r="13327" spans="14:14">
      <c r="N13327" s="10"/>
    </row>
    <row r="13328" spans="14:14">
      <c r="N13328" s="10"/>
    </row>
    <row r="13329" spans="14:14">
      <c r="N13329" s="10"/>
    </row>
    <row r="13330" spans="14:14">
      <c r="N13330" s="10"/>
    </row>
    <row r="13331" spans="14:14">
      <c r="N13331" s="10"/>
    </row>
    <row r="13332" spans="14:14">
      <c r="N13332" s="10"/>
    </row>
    <row r="13333" spans="14:14">
      <c r="N13333" s="10"/>
    </row>
    <row r="13334" spans="14:14">
      <c r="N13334" s="10"/>
    </row>
    <row r="13335" spans="14:14">
      <c r="N13335" s="10"/>
    </row>
    <row r="13336" spans="14:14">
      <c r="N13336" s="10"/>
    </row>
    <row r="13337" spans="14:14">
      <c r="N13337" s="10"/>
    </row>
    <row r="13338" spans="14:14">
      <c r="N13338" s="10"/>
    </row>
    <row r="13339" spans="14:14">
      <c r="N13339" s="10"/>
    </row>
    <row r="13340" spans="14:14">
      <c r="N13340" s="10"/>
    </row>
    <row r="13341" spans="14:14">
      <c r="N13341" s="10"/>
    </row>
    <row r="13342" spans="14:14">
      <c r="N13342" s="10"/>
    </row>
    <row r="13343" spans="14:14">
      <c r="N13343" s="10"/>
    </row>
    <row r="13344" spans="14:14">
      <c r="N13344" s="10"/>
    </row>
    <row r="13345" spans="14:14">
      <c r="N13345" s="10"/>
    </row>
    <row r="13346" spans="14:14">
      <c r="N13346" s="10"/>
    </row>
    <row r="13347" spans="14:14">
      <c r="N13347" s="10"/>
    </row>
    <row r="13348" spans="14:14">
      <c r="N13348" s="10"/>
    </row>
    <row r="13349" spans="14:14">
      <c r="N13349" s="10"/>
    </row>
    <row r="13350" spans="14:14">
      <c r="N13350" s="10"/>
    </row>
    <row r="13351" spans="14:14">
      <c r="N13351" s="10"/>
    </row>
    <row r="13352" spans="14:14">
      <c r="N13352" s="10"/>
    </row>
    <row r="13353" spans="14:14">
      <c r="N13353" s="10"/>
    </row>
    <row r="13354" spans="14:14">
      <c r="N13354" s="10"/>
    </row>
    <row r="13355" spans="14:14">
      <c r="N13355" s="10"/>
    </row>
    <row r="13356" spans="14:14">
      <c r="N13356" s="10"/>
    </row>
    <row r="13357" spans="14:14">
      <c r="N13357" s="10"/>
    </row>
    <row r="13358" spans="14:14">
      <c r="N13358" s="10"/>
    </row>
    <row r="13359" spans="14:14">
      <c r="N13359" s="10"/>
    </row>
    <row r="13360" spans="14:14">
      <c r="N13360" s="10"/>
    </row>
    <row r="13361" spans="14:14">
      <c r="N13361" s="10"/>
    </row>
    <row r="13362" spans="14:14">
      <c r="N13362" s="10"/>
    </row>
    <row r="13363" spans="14:14">
      <c r="N13363" s="10"/>
    </row>
    <row r="13364" spans="14:14">
      <c r="N13364" s="10"/>
    </row>
    <row r="13365" spans="14:14">
      <c r="N13365" s="10"/>
    </row>
    <row r="13366" spans="14:14">
      <c r="N13366" s="10"/>
    </row>
    <row r="13367" spans="14:14">
      <c r="N13367" s="10"/>
    </row>
    <row r="13368" spans="14:14">
      <c r="N13368" s="10"/>
    </row>
    <row r="13369" spans="14:14">
      <c r="N13369" s="10"/>
    </row>
    <row r="13370" spans="14:14">
      <c r="N13370" s="10"/>
    </row>
    <row r="13371" spans="14:14">
      <c r="N13371" s="10"/>
    </row>
    <row r="13372" spans="14:14">
      <c r="N13372" s="10"/>
    </row>
    <row r="13373" spans="14:14">
      <c r="N13373" s="10"/>
    </row>
    <row r="13374" spans="14:14">
      <c r="N13374" s="10"/>
    </row>
    <row r="13375" spans="14:14">
      <c r="N13375" s="10"/>
    </row>
    <row r="13376" spans="14:14">
      <c r="N13376" s="10"/>
    </row>
    <row r="13377" spans="14:14">
      <c r="N13377" s="10"/>
    </row>
    <row r="13378" spans="14:14">
      <c r="N13378" s="10"/>
    </row>
    <row r="13379" spans="14:14">
      <c r="N13379" s="10"/>
    </row>
    <row r="13380" spans="14:14">
      <c r="N13380" s="10"/>
    </row>
    <row r="13381" spans="14:14">
      <c r="N13381" s="10"/>
    </row>
    <row r="13382" spans="14:14">
      <c r="N13382" s="10"/>
    </row>
    <row r="13383" spans="14:14">
      <c r="N13383" s="10"/>
    </row>
    <row r="13384" spans="14:14">
      <c r="N13384" s="10"/>
    </row>
    <row r="13385" spans="14:14">
      <c r="N13385" s="10"/>
    </row>
    <row r="13386" spans="14:14">
      <c r="N13386" s="10"/>
    </row>
    <row r="13387" spans="14:14">
      <c r="N13387" s="10"/>
    </row>
    <row r="13388" spans="14:14">
      <c r="N13388" s="10"/>
    </row>
    <row r="13389" spans="14:14">
      <c r="N13389" s="10"/>
    </row>
    <row r="13390" spans="14:14">
      <c r="N13390" s="10"/>
    </row>
    <row r="13391" spans="14:14">
      <c r="N13391" s="10"/>
    </row>
    <row r="13392" spans="14:14">
      <c r="N13392" s="10"/>
    </row>
    <row r="13393" spans="14:14">
      <c r="N13393" s="10"/>
    </row>
    <row r="13394" spans="14:14">
      <c r="N13394" s="10"/>
    </row>
    <row r="13395" spans="14:14">
      <c r="N13395" s="10"/>
    </row>
    <row r="13396" spans="14:14">
      <c r="N13396" s="10"/>
    </row>
    <row r="13397" spans="14:14">
      <c r="N13397" s="10"/>
    </row>
    <row r="13398" spans="14:14">
      <c r="N13398" s="10"/>
    </row>
    <row r="13399" spans="14:14">
      <c r="N13399" s="10"/>
    </row>
    <row r="13400" spans="14:14">
      <c r="N13400" s="10"/>
    </row>
    <row r="13401" spans="14:14">
      <c r="N13401" s="10"/>
    </row>
    <row r="13402" spans="14:14">
      <c r="N13402" s="10"/>
    </row>
    <row r="13403" spans="14:14">
      <c r="N13403" s="10"/>
    </row>
    <row r="13404" spans="14:14">
      <c r="N13404" s="10"/>
    </row>
    <row r="13405" spans="14:14">
      <c r="N13405" s="10"/>
    </row>
    <row r="13406" spans="14:14">
      <c r="N13406" s="10"/>
    </row>
    <row r="13407" spans="14:14">
      <c r="N13407" s="10"/>
    </row>
    <row r="13408" spans="14:14">
      <c r="N13408" s="10"/>
    </row>
    <row r="13409" spans="14:14">
      <c r="N13409" s="10"/>
    </row>
    <row r="13410" spans="14:14">
      <c r="N13410" s="10"/>
    </row>
    <row r="13411" spans="14:14">
      <c r="N13411" s="10"/>
    </row>
    <row r="13412" spans="14:14">
      <c r="N13412" s="10"/>
    </row>
    <row r="13413" spans="14:14">
      <c r="N13413" s="10"/>
    </row>
    <row r="13414" spans="14:14">
      <c r="N13414" s="10"/>
    </row>
    <row r="13415" spans="14:14">
      <c r="N13415" s="10"/>
    </row>
    <row r="13416" spans="14:14">
      <c r="N13416" s="10"/>
    </row>
    <row r="13417" spans="14:14">
      <c r="N13417" s="10"/>
    </row>
    <row r="13418" spans="14:14">
      <c r="N13418" s="10"/>
    </row>
    <row r="13419" spans="14:14">
      <c r="N13419" s="10"/>
    </row>
    <row r="13420" spans="14:14">
      <c r="N13420" s="10"/>
    </row>
    <row r="13421" spans="14:14">
      <c r="N13421" s="10"/>
    </row>
    <row r="13422" spans="14:14">
      <c r="N13422" s="10"/>
    </row>
    <row r="13423" spans="14:14">
      <c r="N13423" s="10"/>
    </row>
    <row r="13424" spans="14:14">
      <c r="N13424" s="10"/>
    </row>
    <row r="13425" spans="14:14">
      <c r="N13425" s="10"/>
    </row>
    <row r="13426" spans="14:14">
      <c r="N13426" s="10"/>
    </row>
    <row r="13427" spans="14:14">
      <c r="N13427" s="10"/>
    </row>
    <row r="13428" spans="14:14">
      <c r="N13428" s="10"/>
    </row>
    <row r="13429" spans="14:14">
      <c r="N13429" s="10"/>
    </row>
    <row r="13430" spans="14:14">
      <c r="N13430" s="10"/>
    </row>
    <row r="13431" spans="14:14">
      <c r="N13431" s="10"/>
    </row>
    <row r="13432" spans="14:14">
      <c r="N13432" s="10"/>
    </row>
    <row r="13433" spans="14:14">
      <c r="N13433" s="10"/>
    </row>
    <row r="13434" spans="14:14">
      <c r="N13434" s="10"/>
    </row>
    <row r="13435" spans="14:14">
      <c r="N13435" s="10"/>
    </row>
    <row r="13436" spans="14:14">
      <c r="N13436" s="10"/>
    </row>
    <row r="13437" spans="14:14">
      <c r="N13437" s="10"/>
    </row>
    <row r="13438" spans="14:14">
      <c r="N13438" s="10"/>
    </row>
    <row r="13439" spans="14:14">
      <c r="N13439" s="10"/>
    </row>
    <row r="13440" spans="14:14">
      <c r="N13440" s="10"/>
    </row>
    <row r="13441" spans="14:14">
      <c r="N13441" s="10"/>
    </row>
    <row r="13442" spans="14:14">
      <c r="N13442" s="10"/>
    </row>
    <row r="13443" spans="14:14">
      <c r="N13443" s="10"/>
    </row>
    <row r="13444" spans="14:14">
      <c r="N13444" s="10"/>
    </row>
    <row r="13445" spans="14:14">
      <c r="N13445" s="10"/>
    </row>
    <row r="13446" spans="14:14">
      <c r="N13446" s="10"/>
    </row>
    <row r="13447" spans="14:14">
      <c r="N13447" s="10"/>
    </row>
    <row r="13448" spans="14:14">
      <c r="N13448" s="10"/>
    </row>
    <row r="13449" spans="14:14">
      <c r="N13449" s="10"/>
    </row>
    <row r="13450" spans="14:14">
      <c r="N13450" s="10"/>
    </row>
    <row r="13451" spans="14:14">
      <c r="N13451" s="10"/>
    </row>
    <row r="13452" spans="14:14">
      <c r="N13452" s="10"/>
    </row>
    <row r="13453" spans="14:14">
      <c r="N13453" s="10"/>
    </row>
    <row r="13454" spans="14:14">
      <c r="N13454" s="10"/>
    </row>
    <row r="13455" spans="14:14">
      <c r="N13455" s="10"/>
    </row>
    <row r="13456" spans="14:14">
      <c r="N13456" s="10"/>
    </row>
    <row r="13457" spans="14:14">
      <c r="N13457" s="10"/>
    </row>
    <row r="13458" spans="14:14">
      <c r="N13458" s="10"/>
    </row>
    <row r="13459" spans="14:14">
      <c r="N13459" s="10"/>
    </row>
    <row r="13460" spans="14:14">
      <c r="N13460" s="10"/>
    </row>
    <row r="13461" spans="14:14">
      <c r="N13461" s="10"/>
    </row>
    <row r="13462" spans="14:14">
      <c r="N13462" s="10"/>
    </row>
    <row r="13463" spans="14:14">
      <c r="N13463" s="10"/>
    </row>
    <row r="13464" spans="14:14">
      <c r="N13464" s="10"/>
    </row>
    <row r="13465" spans="14:14">
      <c r="N13465" s="10"/>
    </row>
    <row r="13466" spans="14:14">
      <c r="N13466" s="10"/>
    </row>
    <row r="13467" spans="14:14">
      <c r="N13467" s="10"/>
    </row>
    <row r="13468" spans="14:14">
      <c r="N13468" s="10"/>
    </row>
    <row r="13469" spans="14:14">
      <c r="N13469" s="10"/>
    </row>
    <row r="13470" spans="14:14">
      <c r="N13470" s="10"/>
    </row>
    <row r="13471" spans="14:14">
      <c r="N13471" s="10"/>
    </row>
    <row r="13472" spans="14:14">
      <c r="N13472" s="10"/>
    </row>
    <row r="13473" spans="14:14">
      <c r="N13473" s="10"/>
    </row>
    <row r="13474" spans="14:14">
      <c r="N13474" s="10"/>
    </row>
    <row r="13475" spans="14:14">
      <c r="N13475" s="10"/>
    </row>
    <row r="13476" spans="14:14">
      <c r="N13476" s="10"/>
    </row>
    <row r="13477" spans="14:14">
      <c r="N13477" s="10"/>
    </row>
    <row r="13478" spans="14:14">
      <c r="N13478" s="10"/>
    </row>
    <row r="13479" spans="14:14">
      <c r="N13479" s="10"/>
    </row>
    <row r="13480" spans="14:14">
      <c r="N13480" s="10"/>
    </row>
    <row r="13481" spans="14:14">
      <c r="N13481" s="10"/>
    </row>
    <row r="13482" spans="14:14">
      <c r="N13482" s="10"/>
    </row>
    <row r="13483" spans="14:14">
      <c r="N13483" s="10"/>
    </row>
    <row r="13484" spans="14:14">
      <c r="N13484" s="10"/>
    </row>
    <row r="13485" spans="14:14">
      <c r="N13485" s="10"/>
    </row>
    <row r="13486" spans="14:14">
      <c r="N13486" s="10"/>
    </row>
    <row r="13487" spans="14:14">
      <c r="N13487" s="10"/>
    </row>
    <row r="13488" spans="14:14">
      <c r="N13488" s="10"/>
    </row>
    <row r="13489" spans="14:14">
      <c r="N13489" s="10"/>
    </row>
    <row r="13490" spans="14:14">
      <c r="N13490" s="10"/>
    </row>
    <row r="13491" spans="14:14">
      <c r="N13491" s="10"/>
    </row>
    <row r="13492" spans="14:14">
      <c r="N13492" s="10"/>
    </row>
    <row r="13493" spans="14:14">
      <c r="N13493" s="10"/>
    </row>
    <row r="13494" spans="14:14">
      <c r="N13494" s="10"/>
    </row>
    <row r="13495" spans="14:14">
      <c r="N13495" s="10"/>
    </row>
    <row r="13496" spans="14:14">
      <c r="N13496" s="10"/>
    </row>
    <row r="13497" spans="14:14">
      <c r="N13497" s="10"/>
    </row>
    <row r="13498" spans="14:14">
      <c r="N13498" s="10"/>
    </row>
    <row r="13499" spans="14:14">
      <c r="N13499" s="10"/>
    </row>
    <row r="13500" spans="14:14">
      <c r="N13500" s="10"/>
    </row>
    <row r="13501" spans="14:14">
      <c r="N13501" s="10"/>
    </row>
    <row r="13502" spans="14:14">
      <c r="N13502" s="10"/>
    </row>
    <row r="13503" spans="14:14">
      <c r="N13503" s="10"/>
    </row>
    <row r="13504" spans="14:14">
      <c r="N13504" s="10"/>
    </row>
    <row r="13505" spans="14:14">
      <c r="N13505" s="10"/>
    </row>
    <row r="13506" spans="14:14">
      <c r="N13506" s="10"/>
    </row>
    <row r="13507" spans="14:14">
      <c r="N13507" s="10"/>
    </row>
    <row r="13508" spans="14:14">
      <c r="N13508" s="10"/>
    </row>
    <row r="13509" spans="14:14">
      <c r="N13509" s="10"/>
    </row>
    <row r="13510" spans="14:14">
      <c r="N13510" s="10"/>
    </row>
    <row r="13511" spans="14:14">
      <c r="N13511" s="10"/>
    </row>
    <row r="13512" spans="14:14">
      <c r="N13512" s="10"/>
    </row>
    <row r="13513" spans="14:14">
      <c r="N13513" s="10"/>
    </row>
    <row r="13514" spans="14:14">
      <c r="N13514" s="10"/>
    </row>
    <row r="13515" spans="14:14">
      <c r="N13515" s="10"/>
    </row>
    <row r="13516" spans="14:14">
      <c r="N13516" s="10"/>
    </row>
    <row r="13517" spans="14:14">
      <c r="N13517" s="10"/>
    </row>
    <row r="13518" spans="14:14">
      <c r="N13518" s="10"/>
    </row>
    <row r="13519" spans="14:14">
      <c r="N13519" s="10"/>
    </row>
    <row r="13520" spans="14:14">
      <c r="N13520" s="10"/>
    </row>
    <row r="13521" spans="14:14">
      <c r="N13521" s="10"/>
    </row>
    <row r="13522" spans="14:14">
      <c r="N13522" s="10"/>
    </row>
    <row r="13523" spans="14:14">
      <c r="N13523" s="10"/>
    </row>
    <row r="13524" spans="14:14">
      <c r="N13524" s="10"/>
    </row>
    <row r="13525" spans="14:14">
      <c r="N13525" s="10"/>
    </row>
    <row r="13526" spans="14:14">
      <c r="N13526" s="10"/>
    </row>
    <row r="13527" spans="14:14">
      <c r="N13527" s="10"/>
    </row>
    <row r="13528" spans="14:14">
      <c r="N13528" s="10"/>
    </row>
    <row r="13529" spans="14:14">
      <c r="N13529" s="10"/>
    </row>
    <row r="13530" spans="14:14">
      <c r="N13530" s="10"/>
    </row>
    <row r="13531" spans="14:14">
      <c r="N13531" s="10"/>
    </row>
    <row r="13532" spans="14:14">
      <c r="N13532" s="10"/>
    </row>
    <row r="13533" spans="14:14">
      <c r="N13533" s="10"/>
    </row>
    <row r="13534" spans="14:14">
      <c r="N13534" s="10"/>
    </row>
    <row r="13535" spans="14:14">
      <c r="N13535" s="10"/>
    </row>
    <row r="13536" spans="14:14">
      <c r="N13536" s="10"/>
    </row>
    <row r="13537" spans="14:14">
      <c r="N13537" s="10"/>
    </row>
    <row r="13538" spans="14:14">
      <c r="N13538" s="10"/>
    </row>
    <row r="13539" spans="14:14">
      <c r="N13539" s="10"/>
    </row>
    <row r="13540" spans="14:14">
      <c r="N13540" s="10"/>
    </row>
    <row r="13541" spans="14:14">
      <c r="N13541" s="10"/>
    </row>
    <row r="13542" spans="14:14">
      <c r="N13542" s="10"/>
    </row>
    <row r="13543" spans="14:14">
      <c r="N13543" s="10"/>
    </row>
    <row r="13544" spans="14:14">
      <c r="N13544" s="10"/>
    </row>
    <row r="13545" spans="14:14">
      <c r="N13545" s="10"/>
    </row>
    <row r="13546" spans="14:14">
      <c r="N13546" s="10"/>
    </row>
    <row r="13547" spans="14:14">
      <c r="N13547" s="10"/>
    </row>
    <row r="13548" spans="14:14">
      <c r="N13548" s="10"/>
    </row>
    <row r="13549" spans="14:14">
      <c r="N13549" s="10"/>
    </row>
    <row r="13550" spans="14:14">
      <c r="N13550" s="10"/>
    </row>
    <row r="13551" spans="14:14">
      <c r="N13551" s="10"/>
    </row>
    <row r="13552" spans="14:14">
      <c r="N13552" s="10"/>
    </row>
    <row r="13553" spans="14:14">
      <c r="N13553" s="10"/>
    </row>
    <row r="13554" spans="14:14">
      <c r="N13554" s="10"/>
    </row>
    <row r="13555" spans="14:14">
      <c r="N13555" s="10"/>
    </row>
    <row r="13556" spans="14:14">
      <c r="N13556" s="10"/>
    </row>
    <row r="13557" spans="14:14">
      <c r="N13557" s="10"/>
    </row>
    <row r="13558" spans="14:14">
      <c r="N13558" s="10"/>
    </row>
    <row r="13559" spans="14:14">
      <c r="N13559" s="10"/>
    </row>
    <row r="13560" spans="14:14">
      <c r="N13560" s="10"/>
    </row>
    <row r="13561" spans="14:14">
      <c r="N13561" s="10"/>
    </row>
    <row r="13562" spans="14:14">
      <c r="N13562" s="10"/>
    </row>
    <row r="13563" spans="14:14">
      <c r="N13563" s="10"/>
    </row>
    <row r="13564" spans="14:14">
      <c r="N13564" s="10"/>
    </row>
    <row r="13565" spans="14:14">
      <c r="N13565" s="10"/>
    </row>
    <row r="13566" spans="14:14">
      <c r="N13566" s="10"/>
    </row>
    <row r="13567" spans="14:14">
      <c r="N13567" s="10"/>
    </row>
    <row r="13568" spans="14:14">
      <c r="N13568" s="10"/>
    </row>
    <row r="13569" spans="14:14">
      <c r="N13569" s="10"/>
    </row>
    <row r="13570" spans="14:14">
      <c r="N13570" s="10"/>
    </row>
    <row r="13571" spans="14:14">
      <c r="N13571" s="10"/>
    </row>
    <row r="13572" spans="14:14">
      <c r="N13572" s="10"/>
    </row>
    <row r="13573" spans="14:14">
      <c r="N13573" s="10"/>
    </row>
    <row r="13574" spans="14:14">
      <c r="N13574" s="10"/>
    </row>
    <row r="13575" spans="14:14">
      <c r="N13575" s="10"/>
    </row>
    <row r="13576" spans="14:14">
      <c r="N13576" s="10"/>
    </row>
    <row r="13577" spans="14:14">
      <c r="N13577" s="10"/>
    </row>
    <row r="13578" spans="14:14">
      <c r="N13578" s="10"/>
    </row>
    <row r="13579" spans="14:14">
      <c r="N13579" s="10"/>
    </row>
    <row r="13580" spans="14:14">
      <c r="N13580" s="10"/>
    </row>
    <row r="13581" spans="14:14">
      <c r="N13581" s="10"/>
    </row>
    <row r="13582" spans="14:14">
      <c r="N13582" s="10"/>
    </row>
    <row r="13583" spans="14:14">
      <c r="N13583" s="10"/>
    </row>
    <row r="13584" spans="14:14">
      <c r="N13584" s="10"/>
    </row>
    <row r="13585" spans="14:14">
      <c r="N13585" s="10"/>
    </row>
    <row r="13586" spans="14:14">
      <c r="N13586" s="10"/>
    </row>
    <row r="13587" spans="14:14">
      <c r="N13587" s="10"/>
    </row>
    <row r="13588" spans="14:14">
      <c r="N13588" s="10"/>
    </row>
    <row r="13589" spans="14:14">
      <c r="N13589" s="10"/>
    </row>
    <row r="13590" spans="14:14">
      <c r="N13590" s="10"/>
    </row>
    <row r="13591" spans="14:14">
      <c r="N13591" s="10"/>
    </row>
    <row r="13592" spans="14:14">
      <c r="N13592" s="10"/>
    </row>
    <row r="13593" spans="14:14">
      <c r="N13593" s="10"/>
    </row>
    <row r="13594" spans="14:14">
      <c r="N13594" s="10"/>
    </row>
    <row r="13595" spans="14:14">
      <c r="N13595" s="10"/>
    </row>
    <row r="13596" spans="14:14">
      <c r="N13596" s="10"/>
    </row>
    <row r="13597" spans="14:14">
      <c r="N13597" s="10"/>
    </row>
    <row r="13598" spans="14:14">
      <c r="N13598" s="10"/>
    </row>
    <row r="13599" spans="14:14">
      <c r="N13599" s="10"/>
    </row>
    <row r="13600" spans="14:14">
      <c r="N13600" s="10"/>
    </row>
    <row r="13601" spans="14:14">
      <c r="N13601" s="10"/>
    </row>
    <row r="13602" spans="14:14">
      <c r="N13602" s="10"/>
    </row>
    <row r="13603" spans="14:14">
      <c r="N13603" s="10"/>
    </row>
    <row r="13604" spans="14:14">
      <c r="N13604" s="10"/>
    </row>
    <row r="13605" spans="14:14">
      <c r="N13605" s="10"/>
    </row>
    <row r="13606" spans="14:14">
      <c r="N13606" s="10"/>
    </row>
    <row r="13607" spans="14:14">
      <c r="N13607" s="10"/>
    </row>
    <row r="13608" spans="14:14">
      <c r="N13608" s="10"/>
    </row>
    <row r="13609" spans="14:14">
      <c r="N13609" s="10"/>
    </row>
    <row r="13610" spans="14:14">
      <c r="N13610" s="10"/>
    </row>
    <row r="13611" spans="14:14">
      <c r="N13611" s="10"/>
    </row>
    <row r="13612" spans="14:14">
      <c r="N13612" s="10"/>
    </row>
    <row r="13613" spans="14:14">
      <c r="N13613" s="10"/>
    </row>
    <row r="13614" spans="14:14">
      <c r="N13614" s="10"/>
    </row>
    <row r="13615" spans="14:14">
      <c r="N13615" s="10"/>
    </row>
    <row r="13616" spans="14:14">
      <c r="N13616" s="10"/>
    </row>
    <row r="13617" spans="14:14">
      <c r="N13617" s="10"/>
    </row>
    <row r="13618" spans="14:14">
      <c r="N13618" s="10"/>
    </row>
    <row r="13619" spans="14:14">
      <c r="N13619" s="10"/>
    </row>
    <row r="13620" spans="14:14">
      <c r="N13620" s="10"/>
    </row>
    <row r="13621" spans="14:14">
      <c r="N13621" s="10"/>
    </row>
    <row r="13622" spans="14:14">
      <c r="N13622" s="10"/>
    </row>
    <row r="13623" spans="14:14">
      <c r="N13623" s="10"/>
    </row>
    <row r="13624" spans="14:14">
      <c r="N13624" s="10"/>
    </row>
    <row r="13625" spans="14:14">
      <c r="N13625" s="10"/>
    </row>
    <row r="13626" spans="14:14">
      <c r="N13626" s="10"/>
    </row>
    <row r="13627" spans="14:14">
      <c r="N13627" s="10"/>
    </row>
    <row r="13628" spans="14:14">
      <c r="N13628" s="10"/>
    </row>
    <row r="13629" spans="14:14">
      <c r="N13629" s="10"/>
    </row>
    <row r="13630" spans="14:14">
      <c r="N13630" s="10"/>
    </row>
    <row r="13631" spans="14:14">
      <c r="N13631" s="10"/>
    </row>
    <row r="13632" spans="14:14">
      <c r="N13632" s="10"/>
    </row>
    <row r="13633" spans="14:14">
      <c r="N13633" s="10"/>
    </row>
    <row r="13634" spans="14:14">
      <c r="N13634" s="10"/>
    </row>
    <row r="13635" spans="14:14">
      <c r="N13635" s="10"/>
    </row>
    <row r="13636" spans="14:14">
      <c r="N13636" s="10"/>
    </row>
    <row r="13637" spans="14:14">
      <c r="N13637" s="10"/>
    </row>
    <row r="13638" spans="14:14">
      <c r="N13638" s="10"/>
    </row>
    <row r="13639" spans="14:14">
      <c r="N13639" s="10"/>
    </row>
    <row r="13640" spans="14:14">
      <c r="N13640" s="10"/>
    </row>
    <row r="13641" spans="14:14">
      <c r="N13641" s="10"/>
    </row>
    <row r="13642" spans="14:14">
      <c r="N13642" s="10"/>
    </row>
    <row r="13643" spans="14:14">
      <c r="N13643" s="10"/>
    </row>
    <row r="13644" spans="14:14">
      <c r="N13644" s="10"/>
    </row>
    <row r="13645" spans="14:14">
      <c r="N13645" s="10"/>
    </row>
    <row r="13646" spans="14:14">
      <c r="N13646" s="10"/>
    </row>
    <row r="13647" spans="14:14">
      <c r="N13647" s="10"/>
    </row>
    <row r="13648" spans="14:14">
      <c r="N13648" s="10"/>
    </row>
    <row r="13649" spans="14:14">
      <c r="N13649" s="10"/>
    </row>
    <row r="13650" spans="14:14">
      <c r="N13650" s="10"/>
    </row>
    <row r="13651" spans="14:14">
      <c r="N13651" s="10"/>
    </row>
    <row r="13652" spans="14:14">
      <c r="N13652" s="10"/>
    </row>
    <row r="13653" spans="14:14">
      <c r="N13653" s="10"/>
    </row>
    <row r="13654" spans="14:14">
      <c r="N13654" s="10"/>
    </row>
    <row r="13655" spans="14:14">
      <c r="N13655" s="10"/>
    </row>
    <row r="13656" spans="14:14">
      <c r="N13656" s="10"/>
    </row>
    <row r="13657" spans="14:14">
      <c r="N13657" s="10"/>
    </row>
    <row r="13658" spans="14:14">
      <c r="N13658" s="10"/>
    </row>
    <row r="13659" spans="14:14">
      <c r="N13659" s="10"/>
    </row>
    <row r="13660" spans="14:14">
      <c r="N13660" s="10"/>
    </row>
    <row r="13661" spans="14:14">
      <c r="N13661" s="10"/>
    </row>
    <row r="13662" spans="14:14">
      <c r="N13662" s="10"/>
    </row>
    <row r="13663" spans="14:14">
      <c r="N13663" s="10"/>
    </row>
    <row r="13664" spans="14:14">
      <c r="N13664" s="10"/>
    </row>
    <row r="13665" spans="14:14">
      <c r="N13665" s="10"/>
    </row>
    <row r="13666" spans="14:14">
      <c r="N13666" s="10"/>
    </row>
    <row r="13667" spans="14:14">
      <c r="N13667" s="10"/>
    </row>
    <row r="13668" spans="14:14">
      <c r="N13668" s="10"/>
    </row>
    <row r="13669" spans="14:14">
      <c r="N13669" s="10"/>
    </row>
    <row r="13670" spans="14:14">
      <c r="N13670" s="10"/>
    </row>
    <row r="13671" spans="14:14">
      <c r="N13671" s="10"/>
    </row>
    <row r="13672" spans="14:14">
      <c r="N13672" s="10"/>
    </row>
    <row r="13673" spans="14:14">
      <c r="N13673" s="10"/>
    </row>
    <row r="13674" spans="14:14">
      <c r="N13674" s="10"/>
    </row>
    <row r="13675" spans="14:14">
      <c r="N13675" s="10"/>
    </row>
    <row r="13676" spans="14:14">
      <c r="N13676" s="10"/>
    </row>
    <row r="13677" spans="14:14">
      <c r="N13677" s="10"/>
    </row>
    <row r="13678" spans="14:14">
      <c r="N13678" s="10"/>
    </row>
    <row r="13679" spans="14:14">
      <c r="N13679" s="10"/>
    </row>
    <row r="13680" spans="14:14">
      <c r="N13680" s="10"/>
    </row>
    <row r="13681" spans="14:14">
      <c r="N13681" s="10"/>
    </row>
    <row r="13682" spans="14:14">
      <c r="N13682" s="10"/>
    </row>
    <row r="13683" spans="14:14">
      <c r="N13683" s="10"/>
    </row>
    <row r="13684" spans="14:14">
      <c r="N13684" s="10"/>
    </row>
    <row r="13685" spans="14:14">
      <c r="N13685" s="10"/>
    </row>
    <row r="13686" spans="14:14">
      <c r="N13686" s="10"/>
    </row>
    <row r="13687" spans="14:14">
      <c r="N13687" s="10"/>
    </row>
    <row r="13688" spans="14:14">
      <c r="N13688" s="10"/>
    </row>
    <row r="13689" spans="14:14">
      <c r="N13689" s="10"/>
    </row>
    <row r="13690" spans="14:14">
      <c r="N13690" s="10"/>
    </row>
    <row r="13691" spans="14:14">
      <c r="N13691" s="10"/>
    </row>
    <row r="13692" spans="14:14">
      <c r="N13692" s="10"/>
    </row>
    <row r="13693" spans="14:14">
      <c r="N13693" s="10"/>
    </row>
    <row r="13694" spans="14:14">
      <c r="N13694" s="10"/>
    </row>
    <row r="13695" spans="14:14">
      <c r="N13695" s="10"/>
    </row>
    <row r="13696" spans="14:14">
      <c r="N13696" s="10"/>
    </row>
    <row r="13697" spans="14:14">
      <c r="N13697" s="10"/>
    </row>
    <row r="13698" spans="14:14">
      <c r="N13698" s="10"/>
    </row>
    <row r="13699" spans="14:14">
      <c r="N13699" s="10"/>
    </row>
    <row r="13700" spans="14:14">
      <c r="N13700" s="10"/>
    </row>
    <row r="13701" spans="14:14">
      <c r="N13701" s="10"/>
    </row>
    <row r="13702" spans="14:14">
      <c r="N13702" s="10"/>
    </row>
    <row r="13703" spans="14:14">
      <c r="N13703" s="10"/>
    </row>
    <row r="13704" spans="14:14">
      <c r="N13704" s="10"/>
    </row>
    <row r="13705" spans="14:14">
      <c r="N13705" s="10"/>
    </row>
    <row r="13706" spans="14:14">
      <c r="N13706" s="10"/>
    </row>
    <row r="13707" spans="14:14">
      <c r="N13707" s="10"/>
    </row>
    <row r="13708" spans="14:14">
      <c r="N13708" s="10"/>
    </row>
    <row r="13709" spans="14:14">
      <c r="N13709" s="10"/>
    </row>
    <row r="13710" spans="14:14">
      <c r="N13710" s="10"/>
    </row>
    <row r="13711" spans="14:14">
      <c r="N13711" s="10"/>
    </row>
    <row r="13712" spans="14:14">
      <c r="N13712" s="10"/>
    </row>
    <row r="13713" spans="14:14">
      <c r="N13713" s="10"/>
    </row>
    <row r="13714" spans="14:14">
      <c r="N13714" s="10"/>
    </row>
    <row r="13715" spans="14:14">
      <c r="N13715" s="10"/>
    </row>
    <row r="13716" spans="14:14">
      <c r="N13716" s="10"/>
    </row>
    <row r="13717" spans="14:14">
      <c r="N13717" s="10"/>
    </row>
    <row r="13718" spans="14:14">
      <c r="N13718" s="10"/>
    </row>
    <row r="13719" spans="14:14">
      <c r="N13719" s="10"/>
    </row>
    <row r="13720" spans="14:14">
      <c r="N13720" s="10"/>
    </row>
    <row r="13721" spans="14:14">
      <c r="N13721" s="10"/>
    </row>
    <row r="13722" spans="14:14">
      <c r="N13722" s="10"/>
    </row>
    <row r="13723" spans="14:14">
      <c r="N13723" s="10"/>
    </row>
    <row r="13724" spans="14:14">
      <c r="N13724" s="10"/>
    </row>
    <row r="13725" spans="14:14">
      <c r="N13725" s="10"/>
    </row>
    <row r="13726" spans="14:14">
      <c r="N13726" s="10"/>
    </row>
    <row r="13727" spans="14:14">
      <c r="N13727" s="10"/>
    </row>
    <row r="13728" spans="14:14">
      <c r="N13728" s="10"/>
    </row>
    <row r="13729" spans="14:14">
      <c r="N13729" s="10"/>
    </row>
    <row r="13730" spans="14:14">
      <c r="N13730" s="10"/>
    </row>
    <row r="13731" spans="14:14">
      <c r="N13731" s="10"/>
    </row>
    <row r="13732" spans="14:14">
      <c r="N13732" s="10"/>
    </row>
    <row r="13733" spans="14:14">
      <c r="N13733" s="10"/>
    </row>
    <row r="13734" spans="14:14">
      <c r="N13734" s="10"/>
    </row>
    <row r="13735" spans="14:14">
      <c r="N13735" s="10"/>
    </row>
    <row r="13736" spans="14:14">
      <c r="N13736" s="10"/>
    </row>
    <row r="13737" spans="14:14">
      <c r="N13737" s="10"/>
    </row>
    <row r="13738" spans="14:14">
      <c r="N13738" s="10"/>
    </row>
    <row r="13739" spans="14:14">
      <c r="N13739" s="10"/>
    </row>
    <row r="13740" spans="14:14">
      <c r="N13740" s="10"/>
    </row>
    <row r="13741" spans="14:14">
      <c r="N13741" s="10"/>
    </row>
    <row r="13742" spans="14:14">
      <c r="N13742" s="10"/>
    </row>
    <row r="13743" spans="14:14">
      <c r="N13743" s="10"/>
    </row>
    <row r="13744" spans="14:14">
      <c r="N13744" s="10"/>
    </row>
    <row r="13745" spans="14:14">
      <c r="N13745" s="10"/>
    </row>
    <row r="13746" spans="14:14">
      <c r="N13746" s="10"/>
    </row>
    <row r="13747" spans="14:14">
      <c r="N13747" s="10"/>
    </row>
    <row r="13748" spans="14:14">
      <c r="N13748" s="10"/>
    </row>
    <row r="13749" spans="14:14">
      <c r="N13749" s="10"/>
    </row>
    <row r="13750" spans="14:14">
      <c r="N13750" s="10"/>
    </row>
    <row r="13751" spans="14:14">
      <c r="N13751" s="10"/>
    </row>
    <row r="13752" spans="14:14">
      <c r="N13752" s="10"/>
    </row>
    <row r="13753" spans="14:14">
      <c r="N13753" s="10"/>
    </row>
    <row r="13754" spans="14:14">
      <c r="N13754" s="10"/>
    </row>
    <row r="13755" spans="14:14">
      <c r="N13755" s="10"/>
    </row>
    <row r="13756" spans="14:14">
      <c r="N13756" s="10"/>
    </row>
    <row r="13757" spans="14:14">
      <c r="N13757" s="10"/>
    </row>
    <row r="13758" spans="14:14">
      <c r="N13758" s="10"/>
    </row>
    <row r="13759" spans="14:14">
      <c r="N13759" s="10"/>
    </row>
    <row r="13760" spans="14:14">
      <c r="N13760" s="10"/>
    </row>
    <row r="13761" spans="14:14">
      <c r="N13761" s="10"/>
    </row>
    <row r="13762" spans="14:14">
      <c r="N13762" s="10"/>
    </row>
    <row r="13763" spans="14:14">
      <c r="N13763" s="10"/>
    </row>
    <row r="13764" spans="14:14">
      <c r="N13764" s="10"/>
    </row>
    <row r="13765" spans="14:14">
      <c r="N13765" s="10"/>
    </row>
    <row r="13766" spans="14:14">
      <c r="N13766" s="10"/>
    </row>
    <row r="13767" spans="14:14">
      <c r="N13767" s="10"/>
    </row>
    <row r="13768" spans="14:14">
      <c r="N13768" s="10"/>
    </row>
    <row r="13769" spans="14:14">
      <c r="N13769" s="10"/>
    </row>
    <row r="13770" spans="14:14">
      <c r="N13770" s="10"/>
    </row>
    <row r="13771" spans="14:14">
      <c r="N13771" s="10"/>
    </row>
    <row r="13772" spans="14:14">
      <c r="N13772" s="10"/>
    </row>
    <row r="13773" spans="14:14">
      <c r="N13773" s="10"/>
    </row>
    <row r="13774" spans="14:14">
      <c r="N13774" s="10"/>
    </row>
    <row r="13775" spans="14:14">
      <c r="N13775" s="10"/>
    </row>
    <row r="13776" spans="14:14">
      <c r="N13776" s="10"/>
    </row>
    <row r="13777" spans="14:14">
      <c r="N13777" s="10"/>
    </row>
    <row r="13778" spans="14:14">
      <c r="N13778" s="10"/>
    </row>
    <row r="13779" spans="14:14">
      <c r="N13779" s="10"/>
    </row>
    <row r="13780" spans="14:14">
      <c r="N13780" s="10"/>
    </row>
    <row r="13781" spans="14:14">
      <c r="N13781" s="10"/>
    </row>
    <row r="13782" spans="14:14">
      <c r="N13782" s="10"/>
    </row>
    <row r="13783" spans="14:14">
      <c r="N13783" s="10"/>
    </row>
    <row r="13784" spans="14:14">
      <c r="N13784" s="10"/>
    </row>
    <row r="13785" spans="14:14">
      <c r="N13785" s="10"/>
    </row>
    <row r="13786" spans="14:14">
      <c r="N13786" s="10"/>
    </row>
    <row r="13787" spans="14:14">
      <c r="N13787" s="10"/>
    </row>
    <row r="13788" spans="14:14">
      <c r="N13788" s="10"/>
    </row>
    <row r="13789" spans="14:14">
      <c r="N13789" s="10"/>
    </row>
    <row r="13790" spans="14:14">
      <c r="N13790" s="10"/>
    </row>
    <row r="13791" spans="14:14">
      <c r="N13791" s="10"/>
    </row>
    <row r="13792" spans="14:14">
      <c r="N13792" s="10"/>
    </row>
    <row r="13793" spans="14:14">
      <c r="N13793" s="10"/>
    </row>
    <row r="13794" spans="14:14">
      <c r="N13794" s="10"/>
    </row>
    <row r="13795" spans="14:14">
      <c r="N13795" s="10"/>
    </row>
    <row r="13796" spans="14:14">
      <c r="N13796" s="10"/>
    </row>
    <row r="13797" spans="14:14">
      <c r="N13797" s="10"/>
    </row>
    <row r="13798" spans="14:14">
      <c r="N13798" s="10"/>
    </row>
    <row r="13799" spans="14:14">
      <c r="N13799" s="10"/>
    </row>
    <row r="13800" spans="14:14">
      <c r="N13800" s="10"/>
    </row>
    <row r="13801" spans="14:14">
      <c r="N13801" s="10"/>
    </row>
    <row r="13802" spans="14:14">
      <c r="N13802" s="10"/>
    </row>
    <row r="13803" spans="14:14">
      <c r="N13803" s="10"/>
    </row>
    <row r="13804" spans="14:14">
      <c r="N13804" s="10"/>
    </row>
    <row r="13805" spans="14:14">
      <c r="N13805" s="10"/>
    </row>
    <row r="13806" spans="14:14">
      <c r="N13806" s="10"/>
    </row>
    <row r="13807" spans="14:14">
      <c r="N13807" s="10"/>
    </row>
    <row r="13808" spans="14:14">
      <c r="N13808" s="10"/>
    </row>
    <row r="13809" spans="14:14">
      <c r="N13809" s="10"/>
    </row>
    <row r="13810" spans="14:14">
      <c r="N13810" s="10"/>
    </row>
    <row r="13811" spans="14:14">
      <c r="N13811" s="10"/>
    </row>
    <row r="13812" spans="14:14">
      <c r="N13812" s="10"/>
    </row>
    <row r="13813" spans="14:14">
      <c r="N13813" s="10"/>
    </row>
    <row r="13814" spans="14:14">
      <c r="N13814" s="10"/>
    </row>
    <row r="13815" spans="14:14">
      <c r="N13815" s="10"/>
    </row>
    <row r="13816" spans="14:14">
      <c r="N13816" s="10"/>
    </row>
    <row r="13817" spans="14:14">
      <c r="N13817" s="10"/>
    </row>
    <row r="13818" spans="14:14">
      <c r="N13818" s="10"/>
    </row>
    <row r="13819" spans="14:14">
      <c r="N13819" s="10"/>
    </row>
    <row r="13820" spans="14:14">
      <c r="N13820" s="10"/>
    </row>
    <row r="13821" spans="14:14">
      <c r="N13821" s="10"/>
    </row>
    <row r="13822" spans="14:14">
      <c r="N13822" s="10"/>
    </row>
    <row r="13823" spans="14:14">
      <c r="N13823" s="10"/>
    </row>
    <row r="13824" spans="14:14">
      <c r="N13824" s="10"/>
    </row>
    <row r="13825" spans="14:14">
      <c r="N13825" s="10"/>
    </row>
    <row r="13826" spans="14:14">
      <c r="N13826" s="10"/>
    </row>
    <row r="13827" spans="14:14">
      <c r="N13827" s="10"/>
    </row>
    <row r="13828" spans="14:14">
      <c r="N13828" s="10"/>
    </row>
    <row r="13829" spans="14:14">
      <c r="N13829" s="10"/>
    </row>
    <row r="13830" spans="14:14">
      <c r="N13830" s="10"/>
    </row>
    <row r="13831" spans="14:14">
      <c r="N13831" s="10"/>
    </row>
    <row r="13832" spans="14:14">
      <c r="N13832" s="10"/>
    </row>
    <row r="13833" spans="14:14">
      <c r="N13833" s="10"/>
    </row>
    <row r="13834" spans="14:14">
      <c r="N13834" s="10"/>
    </row>
    <row r="13835" spans="14:14">
      <c r="N13835" s="10"/>
    </row>
    <row r="13836" spans="14:14">
      <c r="N13836" s="10"/>
    </row>
    <row r="13837" spans="14:14">
      <c r="N13837" s="10"/>
    </row>
    <row r="13838" spans="14:14">
      <c r="N13838" s="10"/>
    </row>
    <row r="13839" spans="14:14">
      <c r="N13839" s="10"/>
    </row>
    <row r="13840" spans="14:14">
      <c r="N13840" s="10"/>
    </row>
    <row r="13841" spans="14:14">
      <c r="N13841" s="10"/>
    </row>
    <row r="13842" spans="14:14">
      <c r="N13842" s="10"/>
    </row>
    <row r="13843" spans="14:14">
      <c r="N13843" s="10"/>
    </row>
    <row r="13844" spans="14:14">
      <c r="N13844" s="10"/>
    </row>
    <row r="13845" spans="14:14">
      <c r="N13845" s="10"/>
    </row>
    <row r="13846" spans="14:14">
      <c r="N13846" s="10"/>
    </row>
    <row r="13847" spans="14:14">
      <c r="N13847" s="10"/>
    </row>
    <row r="13848" spans="14:14">
      <c r="N13848" s="10"/>
    </row>
    <row r="13849" spans="14:14">
      <c r="N13849" s="10"/>
    </row>
    <row r="13850" spans="14:14">
      <c r="N13850" s="10"/>
    </row>
    <row r="13851" spans="14:14">
      <c r="N13851" s="10"/>
    </row>
    <row r="13852" spans="14:14">
      <c r="N13852" s="10"/>
    </row>
    <row r="13853" spans="14:14">
      <c r="N13853" s="10"/>
    </row>
    <row r="13854" spans="14:14">
      <c r="N13854" s="10"/>
    </row>
    <row r="13855" spans="14:14">
      <c r="N13855" s="10"/>
    </row>
    <row r="13856" spans="14:14">
      <c r="N13856" s="10"/>
    </row>
    <row r="13857" spans="14:14">
      <c r="N13857" s="10"/>
    </row>
    <row r="13858" spans="14:14">
      <c r="N13858" s="10"/>
    </row>
    <row r="13859" spans="14:14">
      <c r="N13859" s="10"/>
    </row>
    <row r="13860" spans="14:14">
      <c r="N13860" s="10"/>
    </row>
    <row r="13861" spans="14:14">
      <c r="N13861" s="10"/>
    </row>
    <row r="13862" spans="14:14">
      <c r="N13862" s="10"/>
    </row>
    <row r="13863" spans="14:14">
      <c r="N13863" s="10"/>
    </row>
    <row r="13864" spans="14:14">
      <c r="N13864" s="10"/>
    </row>
    <row r="13865" spans="14:14">
      <c r="N13865" s="10"/>
    </row>
    <row r="13866" spans="14:14">
      <c r="N13866" s="10"/>
    </row>
    <row r="13867" spans="14:14">
      <c r="N13867" s="10"/>
    </row>
    <row r="13868" spans="14:14">
      <c r="N13868" s="10"/>
    </row>
    <row r="13869" spans="14:14">
      <c r="N13869" s="10"/>
    </row>
    <row r="13870" spans="14:14">
      <c r="N13870" s="10"/>
    </row>
    <row r="13871" spans="14:14">
      <c r="N13871" s="10"/>
    </row>
    <row r="13872" spans="14:14">
      <c r="N13872" s="10"/>
    </row>
    <row r="13873" spans="14:14">
      <c r="N13873" s="10"/>
    </row>
    <row r="13874" spans="14:14">
      <c r="N13874" s="10"/>
    </row>
    <row r="13875" spans="14:14">
      <c r="N13875" s="10"/>
    </row>
    <row r="13876" spans="14:14">
      <c r="N13876" s="10"/>
    </row>
    <row r="13877" spans="14:14">
      <c r="N13877" s="10"/>
    </row>
    <row r="13878" spans="14:14">
      <c r="N13878" s="10"/>
    </row>
    <row r="13879" spans="14:14">
      <c r="N13879" s="10"/>
    </row>
    <row r="13880" spans="14:14">
      <c r="N13880" s="10"/>
    </row>
    <row r="13881" spans="14:14">
      <c r="N13881" s="10"/>
    </row>
    <row r="13882" spans="14:14">
      <c r="N13882" s="10"/>
    </row>
    <row r="13883" spans="14:14">
      <c r="N13883" s="10"/>
    </row>
    <row r="13884" spans="14:14">
      <c r="N13884" s="10"/>
    </row>
    <row r="13885" spans="14:14">
      <c r="N13885" s="10"/>
    </row>
    <row r="13886" spans="14:14">
      <c r="N13886" s="10"/>
    </row>
    <row r="13887" spans="14:14">
      <c r="N13887" s="10"/>
    </row>
    <row r="13888" spans="14:14">
      <c r="N13888" s="10"/>
    </row>
    <row r="13889" spans="14:14">
      <c r="N13889" s="10"/>
    </row>
    <row r="13890" spans="14:14">
      <c r="N13890" s="10"/>
    </row>
    <row r="13891" spans="14:14">
      <c r="N13891" s="10"/>
    </row>
    <row r="13892" spans="14:14">
      <c r="N13892" s="10"/>
    </row>
    <row r="13893" spans="14:14">
      <c r="N13893" s="10"/>
    </row>
    <row r="13894" spans="14:14">
      <c r="N13894" s="10"/>
    </row>
    <row r="13895" spans="14:14">
      <c r="N13895" s="10"/>
    </row>
    <row r="13896" spans="14:14">
      <c r="N13896" s="10"/>
    </row>
    <row r="13897" spans="14:14">
      <c r="N13897" s="10"/>
    </row>
    <row r="13898" spans="14:14">
      <c r="N13898" s="10"/>
    </row>
    <row r="13899" spans="14:14">
      <c r="N13899" s="10"/>
    </row>
    <row r="13900" spans="14:14">
      <c r="N13900" s="10"/>
    </row>
    <row r="13901" spans="14:14">
      <c r="N13901" s="10"/>
    </row>
    <row r="13902" spans="14:14">
      <c r="N13902" s="10"/>
    </row>
    <row r="13903" spans="14:14">
      <c r="N13903" s="10"/>
    </row>
    <row r="13904" spans="14:14">
      <c r="N13904" s="10"/>
    </row>
    <row r="13905" spans="14:14">
      <c r="N13905" s="10"/>
    </row>
    <row r="13906" spans="14:14">
      <c r="N13906" s="10"/>
    </row>
    <row r="13907" spans="14:14">
      <c r="N13907" s="10"/>
    </row>
    <row r="13908" spans="14:14">
      <c r="N13908" s="10"/>
    </row>
    <row r="13909" spans="14:14">
      <c r="N13909" s="10"/>
    </row>
    <row r="13910" spans="14:14">
      <c r="N13910" s="10"/>
    </row>
    <row r="13911" spans="14:14">
      <c r="N13911" s="10"/>
    </row>
    <row r="13912" spans="14:14">
      <c r="N13912" s="10"/>
    </row>
    <row r="13913" spans="14:14">
      <c r="N13913" s="10"/>
    </row>
    <row r="13914" spans="14:14">
      <c r="N13914" s="10"/>
    </row>
    <row r="13915" spans="14:14">
      <c r="N13915" s="10"/>
    </row>
    <row r="13916" spans="14:14">
      <c r="N13916" s="10"/>
    </row>
    <row r="13917" spans="14:14">
      <c r="N13917" s="10"/>
    </row>
    <row r="13918" spans="14:14">
      <c r="N13918" s="10"/>
    </row>
    <row r="13919" spans="14:14">
      <c r="N13919" s="10"/>
    </row>
    <row r="13920" spans="14:14">
      <c r="N13920" s="10"/>
    </row>
    <row r="13921" spans="14:14">
      <c r="N13921" s="10"/>
    </row>
    <row r="13922" spans="14:14">
      <c r="N13922" s="10"/>
    </row>
    <row r="13923" spans="14:14">
      <c r="N13923" s="10"/>
    </row>
    <row r="13924" spans="14:14">
      <c r="N13924" s="10"/>
    </row>
    <row r="13925" spans="14:14">
      <c r="N13925" s="10"/>
    </row>
    <row r="13926" spans="14:14">
      <c r="N13926" s="10"/>
    </row>
    <row r="13927" spans="14:14">
      <c r="N13927" s="10"/>
    </row>
    <row r="13928" spans="14:14">
      <c r="N13928" s="10"/>
    </row>
    <row r="13929" spans="14:14">
      <c r="N13929" s="10"/>
    </row>
    <row r="13930" spans="14:14">
      <c r="N13930" s="10"/>
    </row>
    <row r="13931" spans="14:14">
      <c r="N13931" s="10"/>
    </row>
    <row r="13932" spans="14:14">
      <c r="N13932" s="10"/>
    </row>
    <row r="13933" spans="14:14">
      <c r="N13933" s="10"/>
    </row>
    <row r="13934" spans="14:14">
      <c r="N13934" s="10"/>
    </row>
    <row r="13935" spans="14:14">
      <c r="N13935" s="10"/>
    </row>
    <row r="13936" spans="14:14">
      <c r="N13936" s="10"/>
    </row>
    <row r="13937" spans="14:14">
      <c r="N13937" s="10"/>
    </row>
    <row r="13938" spans="14:14">
      <c r="N13938" s="10"/>
    </row>
    <row r="13939" spans="14:14">
      <c r="N13939" s="10"/>
    </row>
    <row r="13940" spans="14:14">
      <c r="N13940" s="10"/>
    </row>
    <row r="13941" spans="14:14">
      <c r="N13941" s="10"/>
    </row>
    <row r="13942" spans="14:14">
      <c r="N13942" s="10"/>
    </row>
    <row r="13943" spans="14:14">
      <c r="N13943" s="10"/>
    </row>
    <row r="13944" spans="14:14">
      <c r="N13944" s="10"/>
    </row>
    <row r="13945" spans="14:14">
      <c r="N13945" s="10"/>
    </row>
    <row r="13946" spans="14:14">
      <c r="N13946" s="10"/>
    </row>
    <row r="13947" spans="14:14">
      <c r="N13947" s="10"/>
    </row>
    <row r="13948" spans="14:14">
      <c r="N13948" s="10"/>
    </row>
    <row r="13949" spans="14:14">
      <c r="N13949" s="10"/>
    </row>
    <row r="13950" spans="14:14">
      <c r="N13950" s="10"/>
    </row>
    <row r="13951" spans="14:14">
      <c r="N13951" s="10"/>
    </row>
    <row r="13952" spans="14:14">
      <c r="N13952" s="10"/>
    </row>
    <row r="13953" spans="14:14">
      <c r="N13953" s="10"/>
    </row>
    <row r="13954" spans="14:14">
      <c r="N13954" s="10"/>
    </row>
    <row r="13955" spans="14:14">
      <c r="N13955" s="10"/>
    </row>
    <row r="13956" spans="14:14">
      <c r="N13956" s="10"/>
    </row>
    <row r="13957" spans="14:14">
      <c r="N13957" s="10"/>
    </row>
    <row r="13958" spans="14:14">
      <c r="N13958" s="10"/>
    </row>
    <row r="13959" spans="14:14">
      <c r="N13959" s="10"/>
    </row>
    <row r="13960" spans="14:14">
      <c r="N13960" s="10"/>
    </row>
    <row r="13961" spans="14:14">
      <c r="N13961" s="10"/>
    </row>
    <row r="13962" spans="14:14">
      <c r="N13962" s="10"/>
    </row>
    <row r="13963" spans="14:14">
      <c r="N13963" s="10"/>
    </row>
    <row r="13964" spans="14:14">
      <c r="N13964" s="10"/>
    </row>
    <row r="13965" spans="14:14">
      <c r="N13965" s="10"/>
    </row>
    <row r="13966" spans="14:14">
      <c r="N13966" s="10"/>
    </row>
    <row r="13967" spans="14:14">
      <c r="N13967" s="10"/>
    </row>
    <row r="13968" spans="14:14">
      <c r="N13968" s="10"/>
    </row>
    <row r="13969" spans="14:14">
      <c r="N13969" s="10"/>
    </row>
    <row r="13970" spans="14:14">
      <c r="N13970" s="10"/>
    </row>
    <row r="13971" spans="14:14">
      <c r="N13971" s="10"/>
    </row>
    <row r="13972" spans="14:14">
      <c r="N13972" s="10"/>
    </row>
    <row r="13973" spans="14:14">
      <c r="N13973" s="10"/>
    </row>
    <row r="13974" spans="14:14">
      <c r="N13974" s="10"/>
    </row>
    <row r="13975" spans="14:14">
      <c r="N13975" s="10"/>
    </row>
    <row r="13976" spans="14:14">
      <c r="N13976" s="10"/>
    </row>
    <row r="13977" spans="14:14">
      <c r="N13977" s="10"/>
    </row>
    <row r="13978" spans="14:14">
      <c r="N13978" s="10"/>
    </row>
    <row r="13979" spans="14:14">
      <c r="N13979" s="10"/>
    </row>
    <row r="13980" spans="14:14">
      <c r="N13980" s="10"/>
    </row>
    <row r="13981" spans="14:14">
      <c r="N13981" s="10"/>
    </row>
    <row r="13982" spans="14:14">
      <c r="N13982" s="10"/>
    </row>
    <row r="13983" spans="14:14">
      <c r="N13983" s="10"/>
    </row>
    <row r="13984" spans="14:14">
      <c r="N13984" s="10"/>
    </row>
    <row r="13985" spans="14:14">
      <c r="N13985" s="10"/>
    </row>
    <row r="13986" spans="14:14">
      <c r="N13986" s="10"/>
    </row>
    <row r="13987" spans="14:14">
      <c r="N13987" s="10"/>
    </row>
    <row r="13988" spans="14:14">
      <c r="N13988" s="10"/>
    </row>
    <row r="13989" spans="14:14">
      <c r="N13989" s="10"/>
    </row>
    <row r="13990" spans="14:14">
      <c r="N13990" s="10"/>
    </row>
    <row r="13991" spans="14:14">
      <c r="N13991" s="10"/>
    </row>
    <row r="13992" spans="14:14">
      <c r="N13992" s="10"/>
    </row>
    <row r="13993" spans="14:14">
      <c r="N13993" s="10"/>
    </row>
    <row r="13994" spans="14:14">
      <c r="N13994" s="10"/>
    </row>
    <row r="13995" spans="14:14">
      <c r="N13995" s="10"/>
    </row>
    <row r="13996" spans="14:14">
      <c r="N13996" s="10"/>
    </row>
    <row r="13997" spans="14:14">
      <c r="N13997" s="10"/>
    </row>
    <row r="13998" spans="14:14">
      <c r="N13998" s="10"/>
    </row>
    <row r="13999" spans="14:14">
      <c r="N13999" s="10"/>
    </row>
    <row r="14000" spans="14:14">
      <c r="N14000" s="10"/>
    </row>
    <row r="14001" spans="14:14">
      <c r="N14001" s="10"/>
    </row>
    <row r="14002" spans="14:14">
      <c r="N14002" s="10"/>
    </row>
    <row r="14003" spans="14:14">
      <c r="N14003" s="10"/>
    </row>
    <row r="14004" spans="14:14">
      <c r="N14004" s="10"/>
    </row>
    <row r="14005" spans="14:14">
      <c r="N14005" s="10"/>
    </row>
    <row r="14006" spans="14:14">
      <c r="N14006" s="10"/>
    </row>
    <row r="14007" spans="14:14">
      <c r="N14007" s="10"/>
    </row>
    <row r="14008" spans="14:14">
      <c r="N14008" s="10"/>
    </row>
    <row r="14009" spans="14:14">
      <c r="N14009" s="10"/>
    </row>
    <row r="14010" spans="14:14">
      <c r="N14010" s="10"/>
    </row>
    <row r="14011" spans="14:14">
      <c r="N14011" s="10"/>
    </row>
    <row r="14012" spans="14:14">
      <c r="N14012" s="10"/>
    </row>
    <row r="14013" spans="14:14">
      <c r="N14013" s="10"/>
    </row>
    <row r="14014" spans="14:14">
      <c r="N14014" s="10"/>
    </row>
    <row r="14015" spans="14:14">
      <c r="N14015" s="10"/>
    </row>
    <row r="14016" spans="14:14">
      <c r="N14016" s="10"/>
    </row>
    <row r="14017" spans="14:14">
      <c r="N14017" s="10"/>
    </row>
    <row r="14018" spans="14:14">
      <c r="N14018" s="10"/>
    </row>
    <row r="14019" spans="14:14">
      <c r="N14019" s="10"/>
    </row>
    <row r="14020" spans="14:14">
      <c r="N14020" s="10"/>
    </row>
    <row r="14021" spans="14:14">
      <c r="N14021" s="10"/>
    </row>
    <row r="14022" spans="14:14">
      <c r="N14022" s="10"/>
    </row>
    <row r="14023" spans="14:14">
      <c r="N14023" s="10"/>
    </row>
    <row r="14024" spans="14:14">
      <c r="N14024" s="10"/>
    </row>
    <row r="14025" spans="14:14">
      <c r="N14025" s="10"/>
    </row>
    <row r="14026" spans="14:14">
      <c r="N14026" s="10"/>
    </row>
    <row r="14027" spans="14:14">
      <c r="N14027" s="10"/>
    </row>
    <row r="14028" spans="14:14">
      <c r="N14028" s="10"/>
    </row>
    <row r="14029" spans="14:14">
      <c r="N14029" s="10"/>
    </row>
    <row r="14030" spans="14:14">
      <c r="N14030" s="10"/>
    </row>
    <row r="14031" spans="14:14">
      <c r="N14031" s="10"/>
    </row>
    <row r="14032" spans="14:14">
      <c r="N14032" s="10"/>
    </row>
    <row r="14033" spans="14:14">
      <c r="N14033" s="10"/>
    </row>
    <row r="14034" spans="14:14">
      <c r="N14034" s="10"/>
    </row>
    <row r="14035" spans="14:14">
      <c r="N14035" s="10"/>
    </row>
    <row r="14036" spans="14:14">
      <c r="N14036" s="10"/>
    </row>
    <row r="14037" spans="14:14">
      <c r="N14037" s="10"/>
    </row>
    <row r="14038" spans="14:14">
      <c r="N14038" s="10"/>
    </row>
    <row r="14039" spans="14:14">
      <c r="N14039" s="10"/>
    </row>
    <row r="14040" spans="14:14">
      <c r="N14040" s="10"/>
    </row>
    <row r="14041" spans="14:14">
      <c r="N14041" s="10"/>
    </row>
    <row r="14042" spans="14:14">
      <c r="N14042" s="10"/>
    </row>
    <row r="14043" spans="14:14">
      <c r="N14043" s="10"/>
    </row>
    <row r="14044" spans="14:14">
      <c r="N14044" s="10"/>
    </row>
    <row r="14045" spans="14:14">
      <c r="N14045" s="10"/>
    </row>
    <row r="14046" spans="14:14">
      <c r="N14046" s="10"/>
    </row>
    <row r="14047" spans="14:14">
      <c r="N14047" s="10"/>
    </row>
    <row r="14048" spans="14:14">
      <c r="N14048" s="10"/>
    </row>
    <row r="14049" spans="14:14">
      <c r="N14049" s="10"/>
    </row>
    <row r="14050" spans="14:14">
      <c r="N14050" s="10"/>
    </row>
    <row r="14051" spans="14:14">
      <c r="N14051" s="10"/>
    </row>
    <row r="14052" spans="14:14">
      <c r="N14052" s="10"/>
    </row>
    <row r="14053" spans="14:14">
      <c r="N14053" s="10"/>
    </row>
    <row r="14054" spans="14:14">
      <c r="N14054" s="10"/>
    </row>
    <row r="14055" spans="14:14">
      <c r="N14055" s="10"/>
    </row>
    <row r="14056" spans="14:14">
      <c r="N14056" s="10"/>
    </row>
    <row r="14057" spans="14:14">
      <c r="N14057" s="10"/>
    </row>
    <row r="14058" spans="14:14">
      <c r="N14058" s="10"/>
    </row>
    <row r="14059" spans="14:14">
      <c r="N14059" s="10"/>
    </row>
    <row r="14060" spans="14:14">
      <c r="N14060" s="10"/>
    </row>
    <row r="14061" spans="14:14">
      <c r="N14061" s="10"/>
    </row>
    <row r="14062" spans="14:14">
      <c r="N14062" s="10"/>
    </row>
    <row r="14063" spans="14:14">
      <c r="N14063" s="10"/>
    </row>
    <row r="14064" spans="14:14">
      <c r="N14064" s="10"/>
    </row>
    <row r="14065" spans="14:14">
      <c r="N14065" s="10"/>
    </row>
    <row r="14066" spans="14:14">
      <c r="N14066" s="10"/>
    </row>
    <row r="14067" spans="14:14">
      <c r="N14067" s="10"/>
    </row>
    <row r="14068" spans="14:14">
      <c r="N14068" s="10"/>
    </row>
    <row r="14069" spans="14:14">
      <c r="N14069" s="10"/>
    </row>
    <row r="14070" spans="14:14">
      <c r="N14070" s="10"/>
    </row>
    <row r="14071" spans="14:14">
      <c r="N14071" s="10"/>
    </row>
    <row r="14072" spans="14:14">
      <c r="N14072" s="10"/>
    </row>
    <row r="14073" spans="14:14">
      <c r="N14073" s="10"/>
    </row>
    <row r="14074" spans="14:14">
      <c r="N14074" s="10"/>
    </row>
    <row r="14075" spans="14:14">
      <c r="N14075" s="10"/>
    </row>
    <row r="14076" spans="14:14">
      <c r="N14076" s="10"/>
    </row>
    <row r="14077" spans="14:14">
      <c r="N14077" s="10"/>
    </row>
    <row r="14078" spans="14:14">
      <c r="N14078" s="10"/>
    </row>
    <row r="14079" spans="14:14">
      <c r="N14079" s="10"/>
    </row>
    <row r="14080" spans="14:14">
      <c r="N14080" s="10"/>
    </row>
    <row r="14081" spans="14:14">
      <c r="N14081" s="10"/>
    </row>
    <row r="14082" spans="14:14">
      <c r="N14082" s="10"/>
    </row>
    <row r="14083" spans="14:14">
      <c r="N14083" s="10"/>
    </row>
    <row r="14084" spans="14:14">
      <c r="N14084" s="10"/>
    </row>
    <row r="14085" spans="14:14">
      <c r="N14085" s="10"/>
    </row>
    <row r="14086" spans="14:14">
      <c r="N14086" s="10"/>
    </row>
    <row r="14087" spans="14:14">
      <c r="N14087" s="10"/>
    </row>
    <row r="14088" spans="14:14">
      <c r="N14088" s="10"/>
    </row>
    <row r="14089" spans="14:14">
      <c r="N14089" s="10"/>
    </row>
    <row r="14090" spans="14:14">
      <c r="N14090" s="10"/>
    </row>
    <row r="14091" spans="14:14">
      <c r="N14091" s="10"/>
    </row>
    <row r="14092" spans="14:14">
      <c r="N14092" s="10"/>
    </row>
    <row r="14093" spans="14:14">
      <c r="N14093" s="10"/>
    </row>
    <row r="14094" spans="14:14">
      <c r="N14094" s="10"/>
    </row>
    <row r="14095" spans="14:14">
      <c r="N14095" s="10"/>
    </row>
    <row r="14096" spans="14:14">
      <c r="N14096" s="10"/>
    </row>
    <row r="14097" spans="14:14">
      <c r="N14097" s="10"/>
    </row>
    <row r="14098" spans="14:14">
      <c r="N14098" s="10"/>
    </row>
    <row r="14099" spans="14:14">
      <c r="N14099" s="10"/>
    </row>
    <row r="14100" spans="14:14">
      <c r="N14100" s="10"/>
    </row>
    <row r="14101" spans="14:14">
      <c r="N14101" s="10"/>
    </row>
    <row r="14102" spans="14:14">
      <c r="N14102" s="10"/>
    </row>
    <row r="14103" spans="14:14">
      <c r="N14103" s="10"/>
    </row>
    <row r="14104" spans="14:14">
      <c r="N14104" s="10"/>
    </row>
    <row r="14105" spans="14:14">
      <c r="N14105" s="10"/>
    </row>
    <row r="14106" spans="14:14">
      <c r="N14106" s="10"/>
    </row>
    <row r="14107" spans="14:14">
      <c r="N14107" s="10"/>
    </row>
    <row r="14108" spans="14:14">
      <c r="N14108" s="10"/>
    </row>
    <row r="14109" spans="14:14">
      <c r="N14109" s="10"/>
    </row>
    <row r="14110" spans="14:14">
      <c r="N14110" s="10"/>
    </row>
    <row r="14111" spans="14:14">
      <c r="N14111" s="10"/>
    </row>
    <row r="14112" spans="14:14">
      <c r="N14112" s="10"/>
    </row>
    <row r="14113" spans="14:14">
      <c r="N14113" s="10"/>
    </row>
    <row r="14114" spans="14:14">
      <c r="N14114" s="10"/>
    </row>
    <row r="14115" spans="14:14">
      <c r="N14115" s="10"/>
    </row>
    <row r="14116" spans="14:14">
      <c r="N14116" s="10"/>
    </row>
    <row r="14117" spans="14:14">
      <c r="N14117" s="10"/>
    </row>
    <row r="14118" spans="14:14">
      <c r="N14118" s="10"/>
    </row>
    <row r="14119" spans="14:14">
      <c r="N14119" s="10"/>
    </row>
    <row r="14120" spans="14:14">
      <c r="N14120" s="10"/>
    </row>
    <row r="14121" spans="14:14">
      <c r="N14121" s="10"/>
    </row>
    <row r="14122" spans="14:14">
      <c r="N14122" s="10"/>
    </row>
    <row r="14123" spans="14:14">
      <c r="N14123" s="10"/>
    </row>
    <row r="14124" spans="14:14">
      <c r="N14124" s="10"/>
    </row>
    <row r="14125" spans="14:14">
      <c r="N14125" s="10"/>
    </row>
    <row r="14126" spans="14:14">
      <c r="N14126" s="10"/>
    </row>
    <row r="14127" spans="14:14">
      <c r="N14127" s="10"/>
    </row>
    <row r="14128" spans="14:14">
      <c r="N14128" s="10"/>
    </row>
    <row r="14129" spans="14:14">
      <c r="N14129" s="10"/>
    </row>
    <row r="14130" spans="14:14">
      <c r="N14130" s="10"/>
    </row>
    <row r="14131" spans="14:14">
      <c r="N14131" s="10"/>
    </row>
    <row r="14132" spans="14:14">
      <c r="N14132" s="10"/>
    </row>
    <row r="14133" spans="14:14">
      <c r="N14133" s="10"/>
    </row>
    <row r="14134" spans="14:14">
      <c r="N14134" s="10"/>
    </row>
    <row r="14135" spans="14:14">
      <c r="N14135" s="10"/>
    </row>
    <row r="14136" spans="14:14">
      <c r="N14136" s="10"/>
    </row>
    <row r="14137" spans="14:14">
      <c r="N14137" s="10"/>
    </row>
    <row r="14138" spans="14:14">
      <c r="N14138" s="10"/>
    </row>
    <row r="14139" spans="14:14">
      <c r="N14139" s="10"/>
    </row>
    <row r="14140" spans="14:14">
      <c r="N14140" s="10"/>
    </row>
    <row r="14141" spans="14:14">
      <c r="N14141" s="10"/>
    </row>
    <row r="14142" spans="14:14">
      <c r="N14142" s="10"/>
    </row>
    <row r="14143" spans="14:14">
      <c r="N14143" s="10"/>
    </row>
    <row r="14144" spans="14:14">
      <c r="N14144" s="10"/>
    </row>
    <row r="14145" spans="14:14">
      <c r="N14145" s="10"/>
    </row>
    <row r="14146" spans="14:14">
      <c r="N14146" s="10"/>
    </row>
    <row r="14147" spans="14:14">
      <c r="N14147" s="10"/>
    </row>
    <row r="14148" spans="14:14">
      <c r="N14148" s="10"/>
    </row>
    <row r="14149" spans="14:14">
      <c r="N14149" s="10"/>
    </row>
    <row r="14150" spans="14:14">
      <c r="N14150" s="10"/>
    </row>
    <row r="14151" spans="14:14">
      <c r="N14151" s="10"/>
    </row>
    <row r="14152" spans="14:14">
      <c r="N14152" s="10"/>
    </row>
    <row r="14153" spans="14:14">
      <c r="N14153" s="10"/>
    </row>
    <row r="14154" spans="14:14">
      <c r="N14154" s="10"/>
    </row>
    <row r="14155" spans="14:14">
      <c r="N14155" s="10"/>
    </row>
    <row r="14156" spans="14:14">
      <c r="N14156" s="10"/>
    </row>
    <row r="14157" spans="14:14">
      <c r="N14157" s="10"/>
    </row>
    <row r="14158" spans="14:14">
      <c r="N14158" s="10"/>
    </row>
    <row r="14159" spans="14:14">
      <c r="N14159" s="10"/>
    </row>
    <row r="14160" spans="14:14">
      <c r="N14160" s="10"/>
    </row>
    <row r="14161" spans="14:14">
      <c r="N14161" s="10"/>
    </row>
    <row r="14162" spans="14:14">
      <c r="N14162" s="10"/>
    </row>
    <row r="14163" spans="14:14">
      <c r="N14163" s="10"/>
    </row>
    <row r="14164" spans="14:14">
      <c r="N14164" s="10"/>
    </row>
    <row r="14165" spans="14:14">
      <c r="N14165" s="10"/>
    </row>
    <row r="14166" spans="14:14">
      <c r="N14166" s="10"/>
    </row>
    <row r="14167" spans="14:14">
      <c r="N14167" s="10"/>
    </row>
    <row r="14168" spans="14:14">
      <c r="N14168" s="10"/>
    </row>
    <row r="14169" spans="14:14">
      <c r="N14169" s="10"/>
    </row>
    <row r="14170" spans="14:14">
      <c r="N14170" s="10"/>
    </row>
    <row r="14171" spans="14:14">
      <c r="N14171" s="10"/>
    </row>
    <row r="14172" spans="14:14">
      <c r="N14172" s="10"/>
    </row>
    <row r="14173" spans="14:14">
      <c r="N14173" s="10"/>
    </row>
    <row r="14174" spans="14:14">
      <c r="N14174" s="10"/>
    </row>
    <row r="14175" spans="14:14">
      <c r="N14175" s="10"/>
    </row>
    <row r="14176" spans="14:14">
      <c r="N14176" s="10"/>
    </row>
    <row r="14177" spans="14:14">
      <c r="N14177" s="10"/>
    </row>
    <row r="14178" spans="14:14">
      <c r="N14178" s="10"/>
    </row>
    <row r="14179" spans="14:14">
      <c r="N14179" s="10"/>
    </row>
    <row r="14180" spans="14:14">
      <c r="N14180" s="10"/>
    </row>
    <row r="14181" spans="14:14">
      <c r="N14181" s="10"/>
    </row>
    <row r="14182" spans="14:14">
      <c r="N14182" s="10"/>
    </row>
    <row r="14183" spans="14:14">
      <c r="N14183" s="10"/>
    </row>
    <row r="14184" spans="14:14">
      <c r="N14184" s="10"/>
    </row>
    <row r="14185" spans="14:14">
      <c r="N14185" s="10"/>
    </row>
    <row r="14186" spans="14:14">
      <c r="N14186" s="10"/>
    </row>
    <row r="14187" spans="14:14">
      <c r="N14187" s="10"/>
    </row>
    <row r="14188" spans="14:14">
      <c r="N14188" s="10"/>
    </row>
    <row r="14189" spans="14:14">
      <c r="N14189" s="10"/>
    </row>
    <row r="14190" spans="14:14">
      <c r="N14190" s="10"/>
    </row>
    <row r="14191" spans="14:14">
      <c r="N14191" s="10"/>
    </row>
    <row r="14192" spans="14:14">
      <c r="N14192" s="10"/>
    </row>
    <row r="14193" spans="14:14">
      <c r="N14193" s="10"/>
    </row>
    <row r="14194" spans="14:14">
      <c r="N14194" s="10"/>
    </row>
    <row r="14195" spans="14:14">
      <c r="N14195" s="10"/>
    </row>
    <row r="14196" spans="14:14">
      <c r="N14196" s="10"/>
    </row>
    <row r="14197" spans="14:14">
      <c r="N14197" s="10"/>
    </row>
    <row r="14198" spans="14:14">
      <c r="N14198" s="10"/>
    </row>
    <row r="14199" spans="14:14">
      <c r="N14199" s="10"/>
    </row>
    <row r="14200" spans="14:14">
      <c r="N14200" s="10"/>
    </row>
    <row r="14201" spans="14:14">
      <c r="N14201" s="10"/>
    </row>
    <row r="14202" spans="14:14">
      <c r="N14202" s="10"/>
    </row>
    <row r="14203" spans="14:14">
      <c r="N14203" s="10"/>
    </row>
    <row r="14204" spans="14:14">
      <c r="N14204" s="10"/>
    </row>
    <row r="14205" spans="14:14">
      <c r="N14205" s="10"/>
    </row>
    <row r="14206" spans="14:14">
      <c r="N14206" s="10"/>
    </row>
    <row r="14207" spans="14:14">
      <c r="N14207" s="10"/>
    </row>
    <row r="14208" spans="14:14">
      <c r="N14208" s="10"/>
    </row>
    <row r="14209" spans="14:14">
      <c r="N14209" s="10"/>
    </row>
    <row r="14210" spans="14:14">
      <c r="N14210" s="10"/>
    </row>
    <row r="14211" spans="14:14">
      <c r="N14211" s="10"/>
    </row>
    <row r="14212" spans="14:14">
      <c r="N14212" s="10"/>
    </row>
    <row r="14213" spans="14:14">
      <c r="N14213" s="10"/>
    </row>
    <row r="14214" spans="14:14">
      <c r="N14214" s="10"/>
    </row>
    <row r="14215" spans="14:14">
      <c r="N14215" s="10"/>
    </row>
    <row r="14216" spans="14:14">
      <c r="N14216" s="10"/>
    </row>
    <row r="14217" spans="14:14">
      <c r="N14217" s="10"/>
    </row>
    <row r="14218" spans="14:14">
      <c r="N14218" s="10"/>
    </row>
    <row r="14219" spans="14:14">
      <c r="N14219" s="10"/>
    </row>
    <row r="14220" spans="14:14">
      <c r="N14220" s="10"/>
    </row>
    <row r="14221" spans="14:14">
      <c r="N14221" s="10"/>
    </row>
    <row r="14222" spans="14:14">
      <c r="N14222" s="10"/>
    </row>
    <row r="14223" spans="14:14">
      <c r="N14223" s="10"/>
    </row>
    <row r="14224" spans="14:14">
      <c r="N14224" s="10"/>
    </row>
    <row r="14225" spans="14:14">
      <c r="N14225" s="10"/>
    </row>
    <row r="14226" spans="14:14">
      <c r="N14226" s="10"/>
    </row>
    <row r="14227" spans="14:14">
      <c r="N14227" s="10"/>
    </row>
    <row r="14228" spans="14:14">
      <c r="N14228" s="10"/>
    </row>
    <row r="14229" spans="14:14">
      <c r="N14229" s="10"/>
    </row>
    <row r="14230" spans="14:14">
      <c r="N14230" s="10"/>
    </row>
    <row r="14231" spans="14:14">
      <c r="N14231" s="10"/>
    </row>
    <row r="14232" spans="14:14">
      <c r="N14232" s="10"/>
    </row>
    <row r="14233" spans="14:14">
      <c r="N14233" s="10"/>
    </row>
    <row r="14234" spans="14:14">
      <c r="N14234" s="10"/>
    </row>
    <row r="14235" spans="14:14">
      <c r="N14235" s="10"/>
    </row>
    <row r="14236" spans="14:14">
      <c r="N14236" s="10"/>
    </row>
    <row r="14237" spans="14:14">
      <c r="N14237" s="10"/>
    </row>
    <row r="14238" spans="14:14">
      <c r="N14238" s="10"/>
    </row>
    <row r="14239" spans="14:14">
      <c r="N14239" s="10"/>
    </row>
    <row r="14240" spans="14:14">
      <c r="N14240" s="10"/>
    </row>
    <row r="14241" spans="14:14">
      <c r="N14241" s="10"/>
    </row>
    <row r="14242" spans="14:14">
      <c r="N14242" s="10"/>
    </row>
    <row r="14243" spans="14:14">
      <c r="N14243" s="10"/>
    </row>
    <row r="14244" spans="14:14">
      <c r="N14244" s="10"/>
    </row>
    <row r="14245" spans="14:14">
      <c r="N14245" s="10"/>
    </row>
    <row r="14246" spans="14:14">
      <c r="N14246" s="10"/>
    </row>
    <row r="14247" spans="14:14">
      <c r="N14247" s="10"/>
    </row>
    <row r="14248" spans="14:14">
      <c r="N14248" s="10"/>
    </row>
    <row r="14249" spans="14:14">
      <c r="N14249" s="10"/>
    </row>
    <row r="14250" spans="14:14">
      <c r="N14250" s="10"/>
    </row>
    <row r="14251" spans="14:14">
      <c r="N14251" s="10"/>
    </row>
    <row r="14252" spans="14:14">
      <c r="N14252" s="10"/>
    </row>
    <row r="14253" spans="14:14">
      <c r="N14253" s="10"/>
    </row>
    <row r="14254" spans="14:14">
      <c r="N14254" s="10"/>
    </row>
    <row r="14255" spans="14:14">
      <c r="N14255" s="10"/>
    </row>
    <row r="14256" spans="14:14">
      <c r="N14256" s="10"/>
    </row>
    <row r="14257" spans="14:14">
      <c r="N14257" s="10"/>
    </row>
    <row r="14258" spans="14:14">
      <c r="N14258" s="10"/>
    </row>
    <row r="14259" spans="14:14">
      <c r="N14259" s="10"/>
    </row>
    <row r="14260" spans="14:14">
      <c r="N14260" s="10"/>
    </row>
    <row r="14261" spans="14:14">
      <c r="N14261" s="10"/>
    </row>
    <row r="14262" spans="14:14">
      <c r="N14262" s="10"/>
    </row>
    <row r="14263" spans="14:14">
      <c r="N14263" s="10"/>
    </row>
    <row r="14264" spans="14:14">
      <c r="N14264" s="10"/>
    </row>
    <row r="14265" spans="14:14">
      <c r="N14265" s="10"/>
    </row>
    <row r="14266" spans="14:14">
      <c r="N14266" s="10"/>
    </row>
    <row r="14267" spans="14:14">
      <c r="N14267" s="10"/>
    </row>
    <row r="14268" spans="14:14">
      <c r="N14268" s="10"/>
    </row>
    <row r="14269" spans="14:14">
      <c r="N14269" s="10"/>
    </row>
    <row r="14270" spans="14:14">
      <c r="N14270" s="10"/>
    </row>
    <row r="14271" spans="14:14">
      <c r="N14271" s="10"/>
    </row>
    <row r="14272" spans="14:14">
      <c r="N14272" s="10"/>
    </row>
    <row r="14273" spans="14:14">
      <c r="N14273" s="10"/>
    </row>
    <row r="14274" spans="14:14">
      <c r="N14274" s="10"/>
    </row>
    <row r="14275" spans="14:14">
      <c r="N14275" s="10"/>
    </row>
    <row r="14276" spans="14:14">
      <c r="N14276" s="10"/>
    </row>
    <row r="14277" spans="14:14">
      <c r="N14277" s="10"/>
    </row>
    <row r="14278" spans="14:14">
      <c r="N14278" s="10"/>
    </row>
    <row r="14279" spans="14:14">
      <c r="N14279" s="10"/>
    </row>
    <row r="14280" spans="14:14">
      <c r="N14280" s="10"/>
    </row>
    <row r="14281" spans="14:14">
      <c r="N14281" s="10"/>
    </row>
    <row r="14282" spans="14:14">
      <c r="N14282" s="10"/>
    </row>
    <row r="14283" spans="14:14">
      <c r="N14283" s="10"/>
    </row>
    <row r="14284" spans="14:14">
      <c r="N14284" s="10"/>
    </row>
    <row r="14285" spans="14:14">
      <c r="N14285" s="10"/>
    </row>
    <row r="14286" spans="14:14">
      <c r="N14286" s="10"/>
    </row>
    <row r="14287" spans="14:14">
      <c r="N14287" s="10"/>
    </row>
    <row r="14288" spans="14:14">
      <c r="N14288" s="10"/>
    </row>
    <row r="14289" spans="14:14">
      <c r="N14289" s="10"/>
    </row>
    <row r="14290" spans="14:14">
      <c r="N14290" s="10"/>
    </row>
    <row r="14291" spans="14:14">
      <c r="N14291" s="10"/>
    </row>
    <row r="14292" spans="14:14">
      <c r="N14292" s="10"/>
    </row>
    <row r="14293" spans="14:14">
      <c r="N14293" s="10"/>
    </row>
    <row r="14294" spans="14:14">
      <c r="N14294" s="10"/>
    </row>
    <row r="14295" spans="14:14">
      <c r="N14295" s="10"/>
    </row>
    <row r="14296" spans="14:14">
      <c r="N14296" s="10"/>
    </row>
    <row r="14297" spans="14:14">
      <c r="N14297" s="10"/>
    </row>
    <row r="14298" spans="14:14">
      <c r="N14298" s="10"/>
    </row>
    <row r="14299" spans="14:14">
      <c r="N14299" s="10"/>
    </row>
    <row r="14300" spans="14:14">
      <c r="N14300" s="10"/>
    </row>
    <row r="14301" spans="14:14">
      <c r="N14301" s="10"/>
    </row>
    <row r="14302" spans="14:14">
      <c r="N14302" s="10"/>
    </row>
    <row r="14303" spans="14:14">
      <c r="N14303" s="10"/>
    </row>
    <row r="14304" spans="14:14">
      <c r="N14304" s="10"/>
    </row>
    <row r="14305" spans="14:14">
      <c r="N14305" s="10"/>
    </row>
    <row r="14306" spans="14:14">
      <c r="N14306" s="10"/>
    </row>
    <row r="14307" spans="14:14">
      <c r="N14307" s="10"/>
    </row>
    <row r="14308" spans="14:14">
      <c r="N14308" s="10"/>
    </row>
    <row r="14309" spans="14:14">
      <c r="N14309" s="10"/>
    </row>
    <row r="14310" spans="14:14">
      <c r="N14310" s="10"/>
    </row>
    <row r="14311" spans="14:14">
      <c r="N14311" s="10"/>
    </row>
    <row r="14312" spans="14:14">
      <c r="N14312" s="10"/>
    </row>
    <row r="14313" spans="14:14">
      <c r="N14313" s="10"/>
    </row>
    <row r="14314" spans="14:14">
      <c r="N14314" s="10"/>
    </row>
    <row r="14315" spans="14:14">
      <c r="N14315" s="10"/>
    </row>
    <row r="14316" spans="14:14">
      <c r="N14316" s="10"/>
    </row>
    <row r="14317" spans="14:14">
      <c r="N14317" s="10"/>
    </row>
    <row r="14318" spans="14:14">
      <c r="N14318" s="10"/>
    </row>
    <row r="14319" spans="14:14">
      <c r="N14319" s="10"/>
    </row>
    <row r="14320" spans="14:14">
      <c r="N14320" s="10"/>
    </row>
    <row r="14321" spans="14:14">
      <c r="N14321" s="10"/>
    </row>
    <row r="14322" spans="14:14">
      <c r="N14322" s="10"/>
    </row>
    <row r="14323" spans="14:14">
      <c r="N14323" s="10"/>
    </row>
    <row r="14324" spans="14:14">
      <c r="N14324" s="10"/>
    </row>
    <row r="14325" spans="14:14">
      <c r="N14325" s="10"/>
    </row>
    <row r="14326" spans="14:14">
      <c r="N14326" s="10"/>
    </row>
    <row r="14327" spans="14:14">
      <c r="N14327" s="10"/>
    </row>
    <row r="14328" spans="14:14">
      <c r="N14328" s="10"/>
    </row>
    <row r="14329" spans="14:14">
      <c r="N14329" s="10"/>
    </row>
    <row r="14330" spans="14:14">
      <c r="N14330" s="10"/>
    </row>
    <row r="14331" spans="14:14">
      <c r="N14331" s="10"/>
    </row>
    <row r="14332" spans="14:14">
      <c r="N14332" s="10"/>
    </row>
    <row r="14333" spans="14:14">
      <c r="N14333" s="10"/>
    </row>
    <row r="14334" spans="14:14">
      <c r="N14334" s="10"/>
    </row>
    <row r="14335" spans="14:14">
      <c r="N14335" s="10"/>
    </row>
    <row r="14336" spans="14:14">
      <c r="N14336" s="10"/>
    </row>
    <row r="14337" spans="14:14">
      <c r="N14337" s="10"/>
    </row>
    <row r="14338" spans="14:14">
      <c r="N14338" s="10"/>
    </row>
    <row r="14339" spans="14:14">
      <c r="N14339" s="10"/>
    </row>
    <row r="14340" spans="14:14">
      <c r="N14340" s="10"/>
    </row>
    <row r="14341" spans="14:14">
      <c r="N14341" s="10"/>
    </row>
    <row r="14342" spans="14:14">
      <c r="N14342" s="10"/>
    </row>
    <row r="14343" spans="14:14">
      <c r="N14343" s="10"/>
    </row>
    <row r="14344" spans="14:14">
      <c r="N14344" s="10"/>
    </row>
    <row r="14345" spans="14:14">
      <c r="N14345" s="10"/>
    </row>
    <row r="14346" spans="14:14">
      <c r="N14346" s="10"/>
    </row>
    <row r="14347" spans="14:14">
      <c r="N14347" s="10"/>
    </row>
    <row r="14348" spans="14:14">
      <c r="N14348" s="10"/>
    </row>
    <row r="14349" spans="14:14">
      <c r="N14349" s="10"/>
    </row>
    <row r="14350" spans="14:14">
      <c r="N14350" s="10"/>
    </row>
    <row r="14351" spans="14:14">
      <c r="N14351" s="10"/>
    </row>
    <row r="14352" spans="14:14">
      <c r="N14352" s="10"/>
    </row>
    <row r="14353" spans="14:14">
      <c r="N14353" s="10"/>
    </row>
    <row r="14354" spans="14:14">
      <c r="N14354" s="10"/>
    </row>
    <row r="14355" spans="14:14">
      <c r="N14355" s="10"/>
    </row>
    <row r="14356" spans="14:14">
      <c r="N14356" s="10"/>
    </row>
    <row r="14357" spans="14:14">
      <c r="N14357" s="10"/>
    </row>
    <row r="14358" spans="14:14">
      <c r="N14358" s="10"/>
    </row>
    <row r="14359" spans="14:14">
      <c r="N14359" s="10"/>
    </row>
    <row r="14360" spans="14:14">
      <c r="N14360" s="10"/>
    </row>
    <row r="14361" spans="14:14">
      <c r="N14361" s="10"/>
    </row>
    <row r="14362" spans="14:14">
      <c r="N14362" s="10"/>
    </row>
    <row r="14363" spans="14:14">
      <c r="N14363" s="10"/>
    </row>
    <row r="14364" spans="14:14">
      <c r="N14364" s="10"/>
    </row>
    <row r="14365" spans="14:14">
      <c r="N14365" s="10"/>
    </row>
    <row r="14366" spans="14:14">
      <c r="N14366" s="10"/>
    </row>
    <row r="14367" spans="14:14">
      <c r="N14367" s="10"/>
    </row>
    <row r="14368" spans="14:14">
      <c r="N14368" s="10"/>
    </row>
    <row r="14369" spans="14:14">
      <c r="N14369" s="10"/>
    </row>
    <row r="14370" spans="14:14">
      <c r="N14370" s="10"/>
    </row>
    <row r="14371" spans="14:14">
      <c r="N14371" s="10"/>
    </row>
    <row r="14372" spans="14:14">
      <c r="N14372" s="10"/>
    </row>
    <row r="14373" spans="14:14">
      <c r="N14373" s="10"/>
    </row>
    <row r="14374" spans="14:14">
      <c r="N14374" s="10"/>
    </row>
    <row r="14375" spans="14:14">
      <c r="N14375" s="10"/>
    </row>
    <row r="14376" spans="14:14">
      <c r="N14376" s="10"/>
    </row>
    <row r="14377" spans="14:14">
      <c r="N14377" s="10"/>
    </row>
    <row r="14378" spans="14:14">
      <c r="N14378" s="10"/>
    </row>
    <row r="14379" spans="14:14">
      <c r="N14379" s="10"/>
    </row>
    <row r="14380" spans="14:14">
      <c r="N14380" s="10"/>
    </row>
    <row r="14381" spans="14:14">
      <c r="N14381" s="10"/>
    </row>
    <row r="14382" spans="14:14">
      <c r="N14382" s="10"/>
    </row>
    <row r="14383" spans="14:14">
      <c r="N14383" s="10"/>
    </row>
    <row r="14384" spans="14:14">
      <c r="N14384" s="10"/>
    </row>
    <row r="14385" spans="14:14">
      <c r="N14385" s="10"/>
    </row>
    <row r="14386" spans="14:14">
      <c r="N14386" s="10"/>
    </row>
    <row r="14387" spans="14:14">
      <c r="N14387" s="10"/>
    </row>
    <row r="14388" spans="14:14">
      <c r="N14388" s="10"/>
    </row>
    <row r="14389" spans="14:14">
      <c r="N14389" s="10"/>
    </row>
    <row r="14390" spans="14:14">
      <c r="N14390" s="10"/>
    </row>
    <row r="14391" spans="14:14">
      <c r="N14391" s="10"/>
    </row>
    <row r="14392" spans="14:14">
      <c r="N14392" s="10"/>
    </row>
    <row r="14393" spans="14:14">
      <c r="N14393" s="10"/>
    </row>
    <row r="14394" spans="14:14">
      <c r="N14394" s="10"/>
    </row>
    <row r="14395" spans="14:14">
      <c r="N14395" s="10"/>
    </row>
    <row r="14396" spans="14:14">
      <c r="N14396" s="10"/>
    </row>
    <row r="14397" spans="14:14">
      <c r="N14397" s="10"/>
    </row>
    <row r="14398" spans="14:14">
      <c r="N14398" s="10"/>
    </row>
    <row r="14399" spans="14:14">
      <c r="N14399" s="10"/>
    </row>
    <row r="14400" spans="14:14">
      <c r="N14400" s="10"/>
    </row>
    <row r="14401" spans="14:14">
      <c r="N14401" s="10"/>
    </row>
    <row r="14402" spans="14:14">
      <c r="N14402" s="10"/>
    </row>
    <row r="14403" spans="14:14">
      <c r="N14403" s="10"/>
    </row>
    <row r="14404" spans="14:14">
      <c r="N14404" s="10"/>
    </row>
    <row r="14405" spans="14:14">
      <c r="N14405" s="10"/>
    </row>
    <row r="14406" spans="14:14">
      <c r="N14406" s="10"/>
    </row>
    <row r="14407" spans="14:14">
      <c r="N14407" s="10"/>
    </row>
    <row r="14408" spans="14:14">
      <c r="N14408" s="10"/>
    </row>
    <row r="14409" spans="14:14">
      <c r="N14409" s="10"/>
    </row>
    <row r="14410" spans="14:14">
      <c r="N14410" s="10"/>
    </row>
    <row r="14411" spans="14:14">
      <c r="N14411" s="10"/>
    </row>
    <row r="14412" spans="14:14">
      <c r="N14412" s="10"/>
    </row>
    <row r="14413" spans="14:14">
      <c r="N14413" s="10"/>
    </row>
    <row r="14414" spans="14:14">
      <c r="N14414" s="10"/>
    </row>
    <row r="14415" spans="14:14">
      <c r="N14415" s="10"/>
    </row>
    <row r="14416" spans="14:14">
      <c r="N14416" s="10"/>
    </row>
    <row r="14417" spans="14:14">
      <c r="N14417" s="10"/>
    </row>
    <row r="14418" spans="14:14">
      <c r="N14418" s="10"/>
    </row>
    <row r="14419" spans="14:14">
      <c r="N14419" s="10"/>
    </row>
    <row r="14420" spans="14:14">
      <c r="N14420" s="10"/>
    </row>
    <row r="14421" spans="14:14">
      <c r="N14421" s="10"/>
    </row>
    <row r="14422" spans="14:14">
      <c r="N14422" s="10"/>
    </row>
    <row r="14423" spans="14:14">
      <c r="N14423" s="10"/>
    </row>
    <row r="14424" spans="14:14">
      <c r="N14424" s="10"/>
    </row>
    <row r="14425" spans="14:14">
      <c r="N14425" s="10"/>
    </row>
    <row r="14426" spans="14:14">
      <c r="N14426" s="10"/>
    </row>
    <row r="14427" spans="14:14">
      <c r="N14427" s="10"/>
    </row>
    <row r="14428" spans="14:14">
      <c r="N14428" s="10"/>
    </row>
    <row r="14429" spans="14:14">
      <c r="N14429" s="10"/>
    </row>
    <row r="14430" spans="14:14">
      <c r="N14430" s="10"/>
    </row>
    <row r="14431" spans="14:14">
      <c r="N14431" s="10"/>
    </row>
    <row r="14432" spans="14:14">
      <c r="N14432" s="10"/>
    </row>
    <row r="14433" spans="14:14">
      <c r="N14433" s="10"/>
    </row>
    <row r="14434" spans="14:14">
      <c r="N14434" s="10"/>
    </row>
    <row r="14435" spans="14:14">
      <c r="N14435" s="10"/>
    </row>
    <row r="14436" spans="14:14">
      <c r="N14436" s="10"/>
    </row>
    <row r="14437" spans="14:14">
      <c r="N14437" s="10"/>
    </row>
    <row r="14438" spans="14:14">
      <c r="N14438" s="10"/>
    </row>
    <row r="14439" spans="14:14">
      <c r="N14439" s="10"/>
    </row>
    <row r="14440" spans="14:14">
      <c r="N14440" s="10"/>
    </row>
    <row r="14441" spans="14:14">
      <c r="N14441" s="10"/>
    </row>
    <row r="14442" spans="14:14">
      <c r="N14442" s="10"/>
    </row>
    <row r="14443" spans="14:14">
      <c r="N14443" s="10"/>
    </row>
    <row r="14444" spans="14:14">
      <c r="N14444" s="10"/>
    </row>
    <row r="14445" spans="14:14">
      <c r="N14445" s="10"/>
    </row>
    <row r="14446" spans="14:14">
      <c r="N14446" s="10"/>
    </row>
    <row r="14447" spans="14:14">
      <c r="N14447" s="10"/>
    </row>
    <row r="14448" spans="14:14">
      <c r="N14448" s="10"/>
    </row>
    <row r="14449" spans="14:14">
      <c r="N14449" s="10"/>
    </row>
    <row r="14450" spans="14:14">
      <c r="N14450" s="10"/>
    </row>
    <row r="14451" spans="14:14">
      <c r="N14451" s="10"/>
    </row>
    <row r="14452" spans="14:14">
      <c r="N14452" s="10"/>
    </row>
    <row r="14453" spans="14:14">
      <c r="N14453" s="10"/>
    </row>
    <row r="14454" spans="14:14">
      <c r="N14454" s="10"/>
    </row>
    <row r="14455" spans="14:14">
      <c r="N14455" s="10"/>
    </row>
    <row r="14456" spans="14:14">
      <c r="N14456" s="10"/>
    </row>
    <row r="14457" spans="14:14">
      <c r="N14457" s="10"/>
    </row>
    <row r="14458" spans="14:14">
      <c r="N14458" s="10"/>
    </row>
    <row r="14459" spans="14:14">
      <c r="N14459" s="10"/>
    </row>
    <row r="14460" spans="14:14">
      <c r="N14460" s="10"/>
    </row>
    <row r="14461" spans="14:14">
      <c r="N14461" s="10"/>
    </row>
    <row r="14462" spans="14:14">
      <c r="N14462" s="10"/>
    </row>
    <row r="14463" spans="14:14">
      <c r="N14463" s="10"/>
    </row>
    <row r="14464" spans="14:14">
      <c r="N14464" s="10"/>
    </row>
    <row r="14465" spans="14:14">
      <c r="N14465" s="10"/>
    </row>
    <row r="14466" spans="14:14">
      <c r="N14466" s="10"/>
    </row>
    <row r="14467" spans="14:14">
      <c r="N14467" s="10"/>
    </row>
    <row r="14468" spans="14:14">
      <c r="N14468" s="10"/>
    </row>
    <row r="14469" spans="14:14">
      <c r="N14469" s="10"/>
    </row>
    <row r="14470" spans="14:14">
      <c r="N14470" s="10"/>
    </row>
    <row r="14471" spans="14:14">
      <c r="N14471" s="10"/>
    </row>
    <row r="14472" spans="14:14">
      <c r="N14472" s="10"/>
    </row>
    <row r="14473" spans="14:14">
      <c r="N14473" s="10"/>
    </row>
    <row r="14474" spans="14:14">
      <c r="N14474" s="10"/>
    </row>
    <row r="14475" spans="14:14">
      <c r="N14475" s="10"/>
    </row>
    <row r="14476" spans="14:14">
      <c r="N14476" s="10"/>
    </row>
    <row r="14477" spans="14:14">
      <c r="N14477" s="10"/>
    </row>
    <row r="14478" spans="14:14">
      <c r="N14478" s="10"/>
    </row>
    <row r="14479" spans="14:14">
      <c r="N14479" s="10"/>
    </row>
    <row r="14480" spans="14:14">
      <c r="N14480" s="10"/>
    </row>
    <row r="14481" spans="14:14">
      <c r="N14481" s="10"/>
    </row>
    <row r="14482" spans="14:14">
      <c r="N14482" s="10"/>
    </row>
    <row r="14483" spans="14:14">
      <c r="N14483" s="10"/>
    </row>
    <row r="14484" spans="14:14">
      <c r="N14484" s="10"/>
    </row>
    <row r="14485" spans="14:14">
      <c r="N14485" s="10"/>
    </row>
    <row r="14486" spans="14:14">
      <c r="N14486" s="10"/>
    </row>
    <row r="14487" spans="14:14">
      <c r="N14487" s="10"/>
    </row>
    <row r="14488" spans="14:14">
      <c r="N14488" s="10"/>
    </row>
    <row r="14489" spans="14:14">
      <c r="N14489" s="10"/>
    </row>
    <row r="14490" spans="14:14">
      <c r="N14490" s="10"/>
    </row>
    <row r="14491" spans="14:14">
      <c r="N14491" s="10"/>
    </row>
    <row r="14492" spans="14:14">
      <c r="N14492" s="10"/>
    </row>
    <row r="14493" spans="14:14">
      <c r="N14493" s="10"/>
    </row>
    <row r="14494" spans="14:14">
      <c r="N14494" s="10"/>
    </row>
    <row r="14495" spans="14:14">
      <c r="N14495" s="10"/>
    </row>
    <row r="14496" spans="14:14">
      <c r="N14496" s="10"/>
    </row>
    <row r="14497" spans="14:14">
      <c r="N14497" s="10"/>
    </row>
    <row r="14498" spans="14:14">
      <c r="N14498" s="10"/>
    </row>
    <row r="14499" spans="14:14">
      <c r="N14499" s="10"/>
    </row>
    <row r="14500" spans="14:14">
      <c r="N14500" s="10"/>
    </row>
    <row r="14501" spans="14:14">
      <c r="N14501" s="10"/>
    </row>
    <row r="14502" spans="14:14">
      <c r="N14502" s="10"/>
    </row>
    <row r="14503" spans="14:14">
      <c r="N14503" s="10"/>
    </row>
    <row r="14504" spans="14:14">
      <c r="N14504" s="10"/>
    </row>
    <row r="14505" spans="14:14">
      <c r="N14505" s="10"/>
    </row>
    <row r="14506" spans="14:14">
      <c r="N14506" s="10"/>
    </row>
    <row r="14507" spans="14:14">
      <c r="N14507" s="10"/>
    </row>
    <row r="14508" spans="14:14">
      <c r="N14508" s="10"/>
    </row>
    <row r="14509" spans="14:14">
      <c r="N14509" s="10"/>
    </row>
    <row r="14510" spans="14:14">
      <c r="N14510" s="10"/>
    </row>
    <row r="14511" spans="14:14">
      <c r="N14511" s="10"/>
    </row>
    <row r="14512" spans="14:14">
      <c r="N14512" s="10"/>
    </row>
    <row r="14513" spans="14:14">
      <c r="N14513" s="10"/>
    </row>
    <row r="14514" spans="14:14">
      <c r="N14514" s="10"/>
    </row>
    <row r="14515" spans="14:14">
      <c r="N14515" s="10"/>
    </row>
    <row r="14516" spans="14:14">
      <c r="N14516" s="10"/>
    </row>
    <row r="14517" spans="14:14">
      <c r="N14517" s="10"/>
    </row>
    <row r="14518" spans="14:14">
      <c r="N14518" s="10"/>
    </row>
    <row r="14519" spans="14:14">
      <c r="N14519" s="10"/>
    </row>
    <row r="14520" spans="14:14">
      <c r="N14520" s="10"/>
    </row>
    <row r="14521" spans="14:14">
      <c r="N14521" s="10"/>
    </row>
    <row r="14522" spans="14:14">
      <c r="N14522" s="10"/>
    </row>
    <row r="14523" spans="14:14">
      <c r="N14523" s="10"/>
    </row>
    <row r="14524" spans="14:14">
      <c r="N14524" s="10"/>
    </row>
    <row r="14525" spans="14:14">
      <c r="N14525" s="10"/>
    </row>
    <row r="14526" spans="14:14">
      <c r="N14526" s="10"/>
    </row>
    <row r="14527" spans="14:14">
      <c r="N14527" s="10"/>
    </row>
    <row r="14528" spans="14:14">
      <c r="N14528" s="10"/>
    </row>
    <row r="14529" spans="14:14">
      <c r="N14529" s="10"/>
    </row>
    <row r="14530" spans="14:14">
      <c r="N14530" s="10"/>
    </row>
    <row r="14531" spans="14:14">
      <c r="N14531" s="10"/>
    </row>
    <row r="14532" spans="14:14">
      <c r="N14532" s="10"/>
    </row>
    <row r="14533" spans="14:14">
      <c r="N14533" s="10"/>
    </row>
    <row r="14534" spans="14:14">
      <c r="N14534" s="10"/>
    </row>
    <row r="14535" spans="14:14">
      <c r="N14535" s="10"/>
    </row>
    <row r="14536" spans="14:14">
      <c r="N14536" s="10"/>
    </row>
    <row r="14537" spans="14:14">
      <c r="N14537" s="10"/>
    </row>
    <row r="14538" spans="14:14">
      <c r="N14538" s="10"/>
    </row>
    <row r="14539" spans="14:14">
      <c r="N14539" s="10"/>
    </row>
    <row r="14540" spans="14:14">
      <c r="N14540" s="10"/>
    </row>
    <row r="14541" spans="14:14">
      <c r="N14541" s="10"/>
    </row>
    <row r="14542" spans="14:14">
      <c r="N14542" s="10"/>
    </row>
    <row r="14543" spans="14:14">
      <c r="N14543" s="10"/>
    </row>
    <row r="14544" spans="14:14">
      <c r="N14544" s="10"/>
    </row>
    <row r="14545" spans="14:14">
      <c r="N14545" s="10"/>
    </row>
    <row r="14546" spans="14:14">
      <c r="N14546" s="10"/>
    </row>
    <row r="14547" spans="14:14">
      <c r="N14547" s="10"/>
    </row>
    <row r="14548" spans="14:14">
      <c r="N14548" s="10"/>
    </row>
    <row r="14549" spans="14:14">
      <c r="N14549" s="10"/>
    </row>
    <row r="14550" spans="14:14">
      <c r="N14550" s="10"/>
    </row>
    <row r="14551" spans="14:14">
      <c r="N14551" s="10"/>
    </row>
    <row r="14552" spans="14:14">
      <c r="N14552" s="10"/>
    </row>
    <row r="14553" spans="14:14">
      <c r="N14553" s="10"/>
    </row>
    <row r="14554" spans="14:14">
      <c r="N14554" s="10"/>
    </row>
    <row r="14555" spans="14:14">
      <c r="N14555" s="10"/>
    </row>
    <row r="14556" spans="14:14">
      <c r="N14556" s="10"/>
    </row>
    <row r="14557" spans="14:14">
      <c r="N14557" s="10"/>
    </row>
    <row r="14558" spans="14:14">
      <c r="N14558" s="10"/>
    </row>
    <row r="14559" spans="14:14">
      <c r="N14559" s="10"/>
    </row>
    <row r="14560" spans="14:14">
      <c r="N14560" s="10"/>
    </row>
    <row r="14561" spans="14:14">
      <c r="N14561" s="10"/>
    </row>
    <row r="14562" spans="14:14">
      <c r="N14562" s="10"/>
    </row>
    <row r="14563" spans="14:14">
      <c r="N14563" s="10"/>
    </row>
    <row r="14564" spans="14:14">
      <c r="N14564" s="10"/>
    </row>
    <row r="14565" spans="14:14">
      <c r="N14565" s="10"/>
    </row>
    <row r="14566" spans="14:14">
      <c r="N14566" s="10"/>
    </row>
    <row r="14567" spans="14:14">
      <c r="N14567" s="10"/>
    </row>
    <row r="14568" spans="14:14">
      <c r="N14568" s="10"/>
    </row>
    <row r="14569" spans="14:14">
      <c r="N14569" s="10"/>
    </row>
    <row r="14570" spans="14:14">
      <c r="N14570" s="10"/>
    </row>
    <row r="14571" spans="14:14">
      <c r="N14571" s="10"/>
    </row>
    <row r="14572" spans="14:14">
      <c r="N14572" s="10"/>
    </row>
    <row r="14573" spans="14:14">
      <c r="N14573" s="10"/>
    </row>
    <row r="14574" spans="14:14">
      <c r="N14574" s="10"/>
    </row>
    <row r="14575" spans="14:14">
      <c r="N14575" s="10"/>
    </row>
    <row r="14576" spans="14:14">
      <c r="N14576" s="10"/>
    </row>
    <row r="14577" spans="14:14">
      <c r="N14577" s="10"/>
    </row>
    <row r="14578" spans="14:14">
      <c r="N14578" s="10"/>
    </row>
    <row r="14579" spans="14:14">
      <c r="N14579" s="10"/>
    </row>
    <row r="14580" spans="14:14">
      <c r="N14580" s="10"/>
    </row>
    <row r="14581" spans="14:14">
      <c r="N14581" s="10"/>
    </row>
    <row r="14582" spans="14:14">
      <c r="N14582" s="10"/>
    </row>
    <row r="14583" spans="14:14">
      <c r="N14583" s="10"/>
    </row>
    <row r="14584" spans="14:14">
      <c r="N14584" s="10"/>
    </row>
    <row r="14585" spans="14:14">
      <c r="N14585" s="10"/>
    </row>
    <row r="14586" spans="14:14">
      <c r="N14586" s="10"/>
    </row>
    <row r="14587" spans="14:14">
      <c r="N14587" s="10"/>
    </row>
    <row r="14588" spans="14:14">
      <c r="N14588" s="10"/>
    </row>
    <row r="14589" spans="14:14">
      <c r="N14589" s="10"/>
    </row>
    <row r="14590" spans="14:14">
      <c r="N14590" s="10"/>
    </row>
    <row r="14591" spans="14:14">
      <c r="N14591" s="10"/>
    </row>
    <row r="14592" spans="14:14">
      <c r="N14592" s="10"/>
    </row>
    <row r="14593" spans="14:14">
      <c r="N14593" s="10"/>
    </row>
    <row r="14594" spans="14:14">
      <c r="N14594" s="10"/>
    </row>
    <row r="14595" spans="14:14">
      <c r="N14595" s="10"/>
    </row>
    <row r="14596" spans="14:14">
      <c r="N14596" s="10"/>
    </row>
    <row r="14597" spans="14:14">
      <c r="N14597" s="10"/>
    </row>
    <row r="14598" spans="14:14">
      <c r="N14598" s="10"/>
    </row>
    <row r="14599" spans="14:14">
      <c r="N14599" s="10"/>
    </row>
    <row r="14600" spans="14:14">
      <c r="N14600" s="10"/>
    </row>
    <row r="14601" spans="14:14">
      <c r="N14601" s="10"/>
    </row>
    <row r="14602" spans="14:14">
      <c r="N14602" s="10"/>
    </row>
    <row r="14603" spans="14:14">
      <c r="N14603" s="10"/>
    </row>
    <row r="14604" spans="14:14">
      <c r="N14604" s="10"/>
    </row>
    <row r="14605" spans="14:14">
      <c r="N14605" s="10"/>
    </row>
    <row r="14606" spans="14:14">
      <c r="N14606" s="10"/>
    </row>
    <row r="14607" spans="14:14">
      <c r="N14607" s="10"/>
    </row>
    <row r="14608" spans="14:14">
      <c r="N14608" s="10"/>
    </row>
    <row r="14609" spans="14:14">
      <c r="N14609" s="10"/>
    </row>
    <row r="14610" spans="14:14">
      <c r="N14610" s="10"/>
    </row>
    <row r="14611" spans="14:14">
      <c r="N14611" s="10"/>
    </row>
    <row r="14612" spans="14:14">
      <c r="N14612" s="10"/>
    </row>
    <row r="14613" spans="14:14">
      <c r="N14613" s="10"/>
    </row>
    <row r="14614" spans="14:14">
      <c r="N14614" s="10"/>
    </row>
    <row r="14615" spans="14:14">
      <c r="N14615" s="10"/>
    </row>
    <row r="14616" spans="14:14">
      <c r="N14616" s="10"/>
    </row>
    <row r="14617" spans="14:14">
      <c r="N14617" s="10"/>
    </row>
    <row r="14618" spans="14:14">
      <c r="N14618" s="10"/>
    </row>
    <row r="14619" spans="14:14">
      <c r="N14619" s="10"/>
    </row>
    <row r="14620" spans="14:14">
      <c r="N14620" s="10"/>
    </row>
    <row r="14621" spans="14:14">
      <c r="N14621" s="10"/>
    </row>
    <row r="14622" spans="14:14">
      <c r="N14622" s="10"/>
    </row>
    <row r="14623" spans="14:14">
      <c r="N14623" s="10"/>
    </row>
    <row r="14624" spans="14:14">
      <c r="N14624" s="10"/>
    </row>
    <row r="14625" spans="14:14">
      <c r="N14625" s="10"/>
    </row>
    <row r="14626" spans="14:14">
      <c r="N14626" s="10"/>
    </row>
    <row r="14627" spans="14:14">
      <c r="N14627" s="10"/>
    </row>
    <row r="14628" spans="14:14">
      <c r="N14628" s="10"/>
    </row>
    <row r="14629" spans="14:14">
      <c r="N14629" s="10"/>
    </row>
    <row r="14630" spans="14:14">
      <c r="N14630" s="10"/>
    </row>
    <row r="14631" spans="14:14">
      <c r="N14631" s="10"/>
    </row>
    <row r="14632" spans="14:14">
      <c r="N14632" s="10"/>
    </row>
    <row r="14633" spans="14:14">
      <c r="N14633" s="10"/>
    </row>
    <row r="14634" spans="14:14">
      <c r="N14634" s="10"/>
    </row>
    <row r="14635" spans="14:14">
      <c r="N14635" s="10"/>
    </row>
    <row r="14636" spans="14:14">
      <c r="N14636" s="10"/>
    </row>
    <row r="14637" spans="14:14">
      <c r="N14637" s="10"/>
    </row>
    <row r="14638" spans="14:14">
      <c r="N14638" s="10"/>
    </row>
    <row r="14639" spans="14:14">
      <c r="N14639" s="10"/>
    </row>
    <row r="14640" spans="14:14">
      <c r="N14640" s="10"/>
    </row>
    <row r="14641" spans="14:14">
      <c r="N14641" s="10"/>
    </row>
    <row r="14642" spans="14:14">
      <c r="N14642" s="10"/>
    </row>
    <row r="14643" spans="14:14">
      <c r="N14643" s="10"/>
    </row>
    <row r="14644" spans="14:14">
      <c r="N14644" s="10"/>
    </row>
    <row r="14645" spans="14:14">
      <c r="N14645" s="10"/>
    </row>
    <row r="14646" spans="14:14">
      <c r="N14646" s="10"/>
    </row>
    <row r="14647" spans="14:14">
      <c r="N14647" s="10"/>
    </row>
    <row r="14648" spans="14:14">
      <c r="N14648" s="10"/>
    </row>
    <row r="14649" spans="14:14">
      <c r="N14649" s="10"/>
    </row>
    <row r="14650" spans="14:14">
      <c r="N14650" s="10"/>
    </row>
    <row r="14651" spans="14:14">
      <c r="N14651" s="10"/>
    </row>
    <row r="14652" spans="14:14">
      <c r="N14652" s="10"/>
    </row>
    <row r="14653" spans="14:14">
      <c r="N14653" s="10"/>
    </row>
    <row r="14654" spans="14:14">
      <c r="N14654" s="10"/>
    </row>
    <row r="14655" spans="14:14">
      <c r="N14655" s="10"/>
    </row>
    <row r="14656" spans="14:14">
      <c r="N14656" s="10"/>
    </row>
    <row r="14657" spans="14:14">
      <c r="N14657" s="10"/>
    </row>
    <row r="14658" spans="14:14">
      <c r="N14658" s="10"/>
    </row>
    <row r="14659" spans="14:14">
      <c r="N14659" s="10"/>
    </row>
    <row r="14660" spans="14:14">
      <c r="N14660" s="10"/>
    </row>
    <row r="14661" spans="14:14">
      <c r="N14661" s="10"/>
    </row>
    <row r="14662" spans="14:14">
      <c r="N14662" s="10"/>
    </row>
    <row r="14663" spans="14:14">
      <c r="N14663" s="10"/>
    </row>
    <row r="14664" spans="14:14">
      <c r="N14664" s="10"/>
    </row>
    <row r="14665" spans="14:14">
      <c r="N14665" s="10"/>
    </row>
    <row r="14666" spans="14:14">
      <c r="N14666" s="10"/>
    </row>
    <row r="14667" spans="14:14">
      <c r="N14667" s="10"/>
    </row>
    <row r="14668" spans="14:14">
      <c r="N14668" s="10"/>
    </row>
    <row r="14669" spans="14:14">
      <c r="N14669" s="10"/>
    </row>
    <row r="14670" spans="14:14">
      <c r="N14670" s="10"/>
    </row>
    <row r="14671" spans="14:14">
      <c r="N14671" s="10"/>
    </row>
    <row r="14672" spans="14:14">
      <c r="N14672" s="10"/>
    </row>
    <row r="14673" spans="14:14">
      <c r="N14673" s="10"/>
    </row>
    <row r="14674" spans="14:14">
      <c r="N14674" s="10"/>
    </row>
    <row r="14675" spans="14:14">
      <c r="N14675" s="10"/>
    </row>
    <row r="14676" spans="14:14">
      <c r="N14676" s="10"/>
    </row>
    <row r="14677" spans="14:14">
      <c r="N14677" s="10"/>
    </row>
    <row r="14678" spans="14:14">
      <c r="N14678" s="10"/>
    </row>
    <row r="14679" spans="14:14">
      <c r="N14679" s="10"/>
    </row>
    <row r="14680" spans="14:14">
      <c r="N14680" s="10"/>
    </row>
    <row r="14681" spans="14:14">
      <c r="N14681" s="10"/>
    </row>
    <row r="14682" spans="14:14">
      <c r="N14682" s="10"/>
    </row>
    <row r="14683" spans="14:14">
      <c r="N14683" s="10"/>
    </row>
    <row r="14684" spans="14:14">
      <c r="N14684" s="10"/>
    </row>
    <row r="14685" spans="14:14">
      <c r="N14685" s="10"/>
    </row>
    <row r="14686" spans="14:14">
      <c r="N14686" s="10"/>
    </row>
    <row r="14687" spans="14:14">
      <c r="N14687" s="10"/>
    </row>
    <row r="14688" spans="14:14">
      <c r="N14688" s="10"/>
    </row>
    <row r="14689" spans="14:14">
      <c r="N14689" s="10"/>
    </row>
    <row r="14690" spans="14:14">
      <c r="N14690" s="10"/>
    </row>
    <row r="14691" spans="14:14">
      <c r="N14691" s="10"/>
    </row>
    <row r="14692" spans="14:14">
      <c r="N14692" s="10"/>
    </row>
    <row r="14693" spans="14:14">
      <c r="N14693" s="10"/>
    </row>
    <row r="14694" spans="14:14">
      <c r="N14694" s="10"/>
    </row>
    <row r="14695" spans="14:14">
      <c r="N14695" s="10"/>
    </row>
    <row r="14696" spans="14:14">
      <c r="N14696" s="10"/>
    </row>
    <row r="14697" spans="14:14">
      <c r="N14697" s="10"/>
    </row>
    <row r="14698" spans="14:14">
      <c r="N14698" s="10"/>
    </row>
    <row r="14699" spans="14:14">
      <c r="N14699" s="10"/>
    </row>
    <row r="14700" spans="14:14">
      <c r="N14700" s="10"/>
    </row>
    <row r="14701" spans="14:14">
      <c r="N14701" s="10"/>
    </row>
    <row r="14702" spans="14:14">
      <c r="N14702" s="10"/>
    </row>
    <row r="14703" spans="14:14">
      <c r="N14703" s="10"/>
    </row>
    <row r="14704" spans="14:14">
      <c r="N14704" s="10"/>
    </row>
    <row r="14705" spans="14:14">
      <c r="N14705" s="10"/>
    </row>
    <row r="14706" spans="14:14">
      <c r="N14706" s="10"/>
    </row>
    <row r="14707" spans="14:14">
      <c r="N14707" s="10"/>
    </row>
    <row r="14708" spans="14:14">
      <c r="N14708" s="10"/>
    </row>
    <row r="14709" spans="14:14">
      <c r="N14709" s="10"/>
    </row>
    <row r="14710" spans="14:14">
      <c r="N14710" s="10"/>
    </row>
    <row r="14711" spans="14:14">
      <c r="N14711" s="10"/>
    </row>
    <row r="14712" spans="14:14">
      <c r="N14712" s="10"/>
    </row>
    <row r="14713" spans="14:14">
      <c r="N14713" s="10"/>
    </row>
    <row r="14714" spans="14:14">
      <c r="N14714" s="10"/>
    </row>
    <row r="14715" spans="14:14">
      <c r="N14715" s="10"/>
    </row>
    <row r="14716" spans="14:14">
      <c r="N14716" s="10"/>
    </row>
    <row r="14717" spans="14:14">
      <c r="N14717" s="10"/>
    </row>
    <row r="14718" spans="14:14">
      <c r="N14718" s="10"/>
    </row>
    <row r="14719" spans="14:14">
      <c r="N14719" s="10"/>
    </row>
    <row r="14720" spans="14:14">
      <c r="N14720" s="10"/>
    </row>
    <row r="14721" spans="14:14">
      <c r="N14721" s="10"/>
    </row>
    <row r="14722" spans="14:14">
      <c r="N14722" s="10"/>
    </row>
    <row r="14723" spans="14:14">
      <c r="N14723" s="10"/>
    </row>
    <row r="14724" spans="14:14">
      <c r="N14724" s="10"/>
    </row>
    <row r="14725" spans="14:14">
      <c r="N14725" s="10"/>
    </row>
    <row r="14726" spans="14:14">
      <c r="N14726" s="10"/>
    </row>
    <row r="14727" spans="14:14">
      <c r="N14727" s="10"/>
    </row>
    <row r="14728" spans="14:14">
      <c r="N14728" s="10"/>
    </row>
    <row r="14729" spans="14:14">
      <c r="N14729" s="10"/>
    </row>
    <row r="14730" spans="14:14">
      <c r="N14730" s="10"/>
    </row>
    <row r="14731" spans="14:14">
      <c r="N14731" s="10"/>
    </row>
    <row r="14732" spans="14:14">
      <c r="N14732" s="10"/>
    </row>
    <row r="14733" spans="14:14">
      <c r="N14733" s="10"/>
    </row>
    <row r="14734" spans="14:14">
      <c r="N14734" s="10"/>
    </row>
    <row r="14735" spans="14:14">
      <c r="N14735" s="10"/>
    </row>
    <row r="14736" spans="14:14">
      <c r="N14736" s="10"/>
    </row>
    <row r="14737" spans="14:14">
      <c r="N14737" s="10"/>
    </row>
    <row r="14738" spans="14:14">
      <c r="N14738" s="10"/>
    </row>
    <row r="14739" spans="14:14">
      <c r="N14739" s="10"/>
    </row>
    <row r="14740" spans="14:14">
      <c r="N14740" s="10"/>
    </row>
    <row r="14741" spans="14:14">
      <c r="N14741" s="10"/>
    </row>
    <row r="14742" spans="14:14">
      <c r="N14742" s="10"/>
    </row>
    <row r="14743" spans="14:14">
      <c r="N14743" s="10"/>
    </row>
    <row r="14744" spans="14:14">
      <c r="N14744" s="10"/>
    </row>
    <row r="14745" spans="14:14">
      <c r="N14745" s="10"/>
    </row>
    <row r="14746" spans="14:14">
      <c r="N14746" s="10"/>
    </row>
    <row r="14747" spans="14:14">
      <c r="N14747" s="10"/>
    </row>
    <row r="14748" spans="14:14">
      <c r="N14748" s="10"/>
    </row>
    <row r="14749" spans="14:14">
      <c r="N14749" s="10"/>
    </row>
    <row r="14750" spans="14:14">
      <c r="N14750" s="10"/>
    </row>
    <row r="14751" spans="14:14">
      <c r="N14751" s="10"/>
    </row>
    <row r="14752" spans="14:14">
      <c r="N14752" s="10"/>
    </row>
    <row r="14753" spans="14:14">
      <c r="N14753" s="10"/>
    </row>
    <row r="14754" spans="14:14">
      <c r="N14754" s="10"/>
    </row>
    <row r="14755" spans="14:14">
      <c r="N14755" s="10"/>
    </row>
    <row r="14756" spans="14:14">
      <c r="N14756" s="10"/>
    </row>
    <row r="14757" spans="14:14">
      <c r="N14757" s="10"/>
    </row>
    <row r="14758" spans="14:14">
      <c r="N14758" s="10"/>
    </row>
    <row r="14759" spans="14:14">
      <c r="N14759" s="10"/>
    </row>
    <row r="14760" spans="14:14">
      <c r="N14760" s="10"/>
    </row>
    <row r="14761" spans="14:14">
      <c r="N14761" s="10"/>
    </row>
    <row r="14762" spans="14:14">
      <c r="N14762" s="10"/>
    </row>
    <row r="14763" spans="14:14">
      <c r="N14763" s="10"/>
    </row>
    <row r="14764" spans="14:14">
      <c r="N14764" s="10"/>
    </row>
    <row r="14765" spans="14:14">
      <c r="N14765" s="10"/>
    </row>
    <row r="14766" spans="14:14">
      <c r="N14766" s="10"/>
    </row>
    <row r="14767" spans="14:14">
      <c r="N14767" s="10"/>
    </row>
    <row r="14768" spans="14:14">
      <c r="N14768" s="10"/>
    </row>
    <row r="14769" spans="14:14">
      <c r="N14769" s="10"/>
    </row>
    <row r="14770" spans="14:14">
      <c r="N14770" s="10"/>
    </row>
    <row r="14771" spans="14:14">
      <c r="N14771" s="10"/>
    </row>
    <row r="14772" spans="14:14">
      <c r="N14772" s="10"/>
    </row>
    <row r="14773" spans="14:14">
      <c r="N14773" s="10"/>
    </row>
    <row r="14774" spans="14:14">
      <c r="N14774" s="10"/>
    </row>
    <row r="14775" spans="14:14">
      <c r="N14775" s="10"/>
    </row>
    <row r="14776" spans="14:14">
      <c r="N14776" s="10"/>
    </row>
    <row r="14777" spans="14:14">
      <c r="N14777" s="10"/>
    </row>
    <row r="14778" spans="14:14">
      <c r="N14778" s="10"/>
    </row>
    <row r="14779" spans="14:14">
      <c r="N14779" s="10"/>
    </row>
    <row r="14780" spans="14:14">
      <c r="N14780" s="10"/>
    </row>
    <row r="14781" spans="14:14">
      <c r="N14781" s="10"/>
    </row>
    <row r="14782" spans="14:14">
      <c r="N14782" s="10"/>
    </row>
    <row r="14783" spans="14:14">
      <c r="N14783" s="10"/>
    </row>
    <row r="14784" spans="14:14">
      <c r="N14784" s="10"/>
    </row>
    <row r="14785" spans="14:14">
      <c r="N14785" s="10"/>
    </row>
    <row r="14786" spans="14:14">
      <c r="N14786" s="10"/>
    </row>
    <row r="14787" spans="14:14">
      <c r="N14787" s="10"/>
    </row>
    <row r="14788" spans="14:14">
      <c r="N14788" s="10"/>
    </row>
    <row r="14789" spans="14:14">
      <c r="N14789" s="10"/>
    </row>
    <row r="14790" spans="14:14">
      <c r="N14790" s="10"/>
    </row>
    <row r="14791" spans="14:14">
      <c r="N14791" s="10"/>
    </row>
    <row r="14792" spans="14:14">
      <c r="N14792" s="10"/>
    </row>
    <row r="14793" spans="14:14">
      <c r="N14793" s="10"/>
    </row>
    <row r="14794" spans="14:14">
      <c r="N14794" s="10"/>
    </row>
    <row r="14795" spans="14:14">
      <c r="N14795" s="10"/>
    </row>
    <row r="14796" spans="14:14">
      <c r="N14796" s="10"/>
    </row>
    <row r="14797" spans="14:14">
      <c r="N14797" s="10"/>
    </row>
    <row r="14798" spans="14:14">
      <c r="N14798" s="10"/>
    </row>
    <row r="14799" spans="14:14">
      <c r="N14799" s="10"/>
    </row>
    <row r="14800" spans="14:14">
      <c r="N14800" s="10"/>
    </row>
    <row r="14801" spans="14:14">
      <c r="N14801" s="10"/>
    </row>
    <row r="14802" spans="14:14">
      <c r="N14802" s="10"/>
    </row>
    <row r="14803" spans="14:14">
      <c r="N14803" s="10"/>
    </row>
    <row r="14804" spans="14:14">
      <c r="N14804" s="10"/>
    </row>
    <row r="14805" spans="14:14">
      <c r="N14805" s="10"/>
    </row>
    <row r="14806" spans="14:14">
      <c r="N14806" s="10"/>
    </row>
    <row r="14807" spans="14:14">
      <c r="N14807" s="10"/>
    </row>
    <row r="14808" spans="14:14">
      <c r="N14808" s="10"/>
    </row>
    <row r="14809" spans="14:14">
      <c r="N14809" s="10"/>
    </row>
    <row r="14810" spans="14:14">
      <c r="N14810" s="10"/>
    </row>
    <row r="14811" spans="14:14">
      <c r="N14811" s="10"/>
    </row>
    <row r="14812" spans="14:14">
      <c r="N14812" s="10"/>
    </row>
    <row r="14813" spans="14:14">
      <c r="N14813" s="10"/>
    </row>
    <row r="14814" spans="14:14">
      <c r="N14814" s="10"/>
    </row>
    <row r="14815" spans="14:14">
      <c r="N14815" s="10"/>
    </row>
    <row r="14816" spans="14:14">
      <c r="N14816" s="10"/>
    </row>
    <row r="14817" spans="14:14">
      <c r="N14817" s="10"/>
    </row>
    <row r="14818" spans="14:14">
      <c r="N14818" s="10"/>
    </row>
    <row r="14819" spans="14:14">
      <c r="N14819" s="10"/>
    </row>
    <row r="14820" spans="14:14">
      <c r="N14820" s="10"/>
    </row>
    <row r="14821" spans="14:14">
      <c r="N14821" s="10"/>
    </row>
    <row r="14822" spans="14:14">
      <c r="N14822" s="10"/>
    </row>
    <row r="14823" spans="14:14">
      <c r="N14823" s="10"/>
    </row>
    <row r="14824" spans="14:14">
      <c r="N14824" s="10"/>
    </row>
    <row r="14825" spans="14:14">
      <c r="N14825" s="10"/>
    </row>
    <row r="14826" spans="14:14">
      <c r="N14826" s="10"/>
    </row>
    <row r="14827" spans="14:14">
      <c r="N14827" s="10"/>
    </row>
    <row r="14828" spans="14:14">
      <c r="N14828" s="10"/>
    </row>
    <row r="14829" spans="14:14">
      <c r="N14829" s="10"/>
    </row>
    <row r="14830" spans="14:14">
      <c r="N14830" s="10"/>
    </row>
    <row r="14831" spans="14:14">
      <c r="N14831" s="10"/>
    </row>
    <row r="14832" spans="14:14">
      <c r="N14832" s="10"/>
    </row>
    <row r="14833" spans="14:14">
      <c r="N14833" s="10"/>
    </row>
    <row r="14834" spans="14:14">
      <c r="N14834" s="10"/>
    </row>
    <row r="14835" spans="14:14">
      <c r="N14835" s="10"/>
    </row>
    <row r="14836" spans="14:14">
      <c r="N14836" s="10"/>
    </row>
    <row r="14837" spans="14:14">
      <c r="N14837" s="10"/>
    </row>
    <row r="14838" spans="14:14">
      <c r="N14838" s="10"/>
    </row>
    <row r="14839" spans="14:14">
      <c r="N14839" s="10"/>
    </row>
    <row r="14840" spans="14:14">
      <c r="N14840" s="10"/>
    </row>
    <row r="14841" spans="14:14">
      <c r="N14841" s="10"/>
    </row>
    <row r="14842" spans="14:14">
      <c r="N14842" s="10"/>
    </row>
    <row r="14843" spans="14:14">
      <c r="N14843" s="10"/>
    </row>
    <row r="14844" spans="14:14">
      <c r="N14844" s="10"/>
    </row>
    <row r="14845" spans="14:14">
      <c r="N14845" s="10"/>
    </row>
    <row r="14846" spans="14:14">
      <c r="N14846" s="10"/>
    </row>
    <row r="14847" spans="14:14">
      <c r="N14847" s="10"/>
    </row>
    <row r="14848" spans="14:14">
      <c r="N14848" s="10"/>
    </row>
    <row r="14849" spans="14:14">
      <c r="N14849" s="10"/>
    </row>
    <row r="14850" spans="14:14">
      <c r="N14850" s="10"/>
    </row>
    <row r="14851" spans="14:14">
      <c r="N14851" s="10"/>
    </row>
    <row r="14852" spans="14:14">
      <c r="N14852" s="10"/>
    </row>
    <row r="14853" spans="14:14">
      <c r="N14853" s="10"/>
    </row>
    <row r="14854" spans="14:14">
      <c r="N14854" s="10"/>
    </row>
    <row r="14855" spans="14:14">
      <c r="N14855" s="10"/>
    </row>
    <row r="14856" spans="14:14">
      <c r="N14856" s="10"/>
    </row>
    <row r="14857" spans="14:14">
      <c r="N14857" s="10"/>
    </row>
    <row r="14858" spans="14:14">
      <c r="N14858" s="10"/>
    </row>
    <row r="14859" spans="14:14">
      <c r="N14859" s="10"/>
    </row>
    <row r="14860" spans="14:14">
      <c r="N14860" s="10"/>
    </row>
    <row r="14861" spans="14:14">
      <c r="N14861" s="10"/>
    </row>
    <row r="14862" spans="14:14">
      <c r="N14862" s="10"/>
    </row>
    <row r="14863" spans="14:14">
      <c r="N14863" s="10"/>
    </row>
    <row r="14864" spans="14:14">
      <c r="N14864" s="10"/>
    </row>
    <row r="14865" spans="14:14">
      <c r="N14865" s="10"/>
    </row>
    <row r="14866" spans="14:14">
      <c r="N14866" s="10"/>
    </row>
    <row r="14867" spans="14:14">
      <c r="N14867" s="10"/>
    </row>
    <row r="14868" spans="14:14">
      <c r="N14868" s="10"/>
    </row>
    <row r="14869" spans="14:14">
      <c r="N14869" s="10"/>
    </row>
    <row r="14870" spans="14:14">
      <c r="N14870" s="10"/>
    </row>
    <row r="14871" spans="14:14">
      <c r="N14871" s="10"/>
    </row>
    <row r="14872" spans="14:14">
      <c r="N14872" s="10"/>
    </row>
    <row r="14873" spans="14:14">
      <c r="N14873" s="10"/>
    </row>
    <row r="14874" spans="14:14">
      <c r="N14874" s="10"/>
    </row>
    <row r="14875" spans="14:14">
      <c r="N14875" s="10"/>
    </row>
    <row r="14876" spans="14:14">
      <c r="N14876" s="10"/>
    </row>
    <row r="14877" spans="14:14">
      <c r="N14877" s="10"/>
    </row>
    <row r="14878" spans="14:14">
      <c r="N14878" s="10"/>
    </row>
    <row r="14879" spans="14:14">
      <c r="N14879" s="10"/>
    </row>
    <row r="14880" spans="14:14">
      <c r="N14880" s="10"/>
    </row>
    <row r="14881" spans="14:14">
      <c r="N14881" s="10"/>
    </row>
    <row r="14882" spans="14:14">
      <c r="N14882" s="10"/>
    </row>
    <row r="14883" spans="14:14">
      <c r="N14883" s="10"/>
    </row>
    <row r="14884" spans="14:14">
      <c r="N14884" s="10"/>
    </row>
    <row r="14885" spans="14:14">
      <c r="N14885" s="10"/>
    </row>
    <row r="14886" spans="14:14">
      <c r="N14886" s="10"/>
    </row>
    <row r="14887" spans="14:14">
      <c r="N14887" s="10"/>
    </row>
    <row r="14888" spans="14:14">
      <c r="N14888" s="10"/>
    </row>
    <row r="14889" spans="14:14">
      <c r="N14889" s="10"/>
    </row>
    <row r="14890" spans="14:14">
      <c r="N14890" s="10"/>
    </row>
    <row r="14891" spans="14:14">
      <c r="N14891" s="10"/>
    </row>
    <row r="14892" spans="14:14">
      <c r="N14892" s="10"/>
    </row>
    <row r="14893" spans="14:14">
      <c r="N14893" s="10"/>
    </row>
    <row r="14894" spans="14:14">
      <c r="N14894" s="10"/>
    </row>
    <row r="14895" spans="14:14">
      <c r="N14895" s="10"/>
    </row>
    <row r="14896" spans="14:14">
      <c r="N14896" s="10"/>
    </row>
    <row r="14897" spans="14:14">
      <c r="N14897" s="10"/>
    </row>
    <row r="14898" spans="14:14">
      <c r="N14898" s="10"/>
    </row>
    <row r="14899" spans="14:14">
      <c r="N14899" s="10"/>
    </row>
    <row r="14900" spans="14:14">
      <c r="N14900" s="10"/>
    </row>
    <row r="14901" spans="14:14">
      <c r="N14901" s="10"/>
    </row>
    <row r="14902" spans="14:14">
      <c r="N14902" s="10"/>
    </row>
    <row r="14903" spans="14:14">
      <c r="N14903" s="10"/>
    </row>
    <row r="14904" spans="14:14">
      <c r="N14904" s="10"/>
    </row>
    <row r="14905" spans="14:14">
      <c r="N14905" s="10"/>
    </row>
    <row r="14906" spans="14:14">
      <c r="N14906" s="10"/>
    </row>
    <row r="14907" spans="14:14">
      <c r="N14907" s="10"/>
    </row>
    <row r="14908" spans="14:14">
      <c r="N14908" s="10"/>
    </row>
    <row r="14909" spans="14:14">
      <c r="N14909" s="10"/>
    </row>
    <row r="14910" spans="14:14">
      <c r="N14910" s="10"/>
    </row>
    <row r="14911" spans="14:14">
      <c r="N14911" s="10"/>
    </row>
    <row r="14912" spans="14:14">
      <c r="N14912" s="10"/>
    </row>
    <row r="14913" spans="14:14">
      <c r="N14913" s="10"/>
    </row>
    <row r="14914" spans="14:14">
      <c r="N14914" s="10"/>
    </row>
    <row r="14915" spans="14:14">
      <c r="N14915" s="10"/>
    </row>
    <row r="14916" spans="14:14">
      <c r="N14916" s="10"/>
    </row>
    <row r="14917" spans="14:14">
      <c r="N14917" s="10"/>
    </row>
    <row r="14918" spans="14:14">
      <c r="N14918" s="10"/>
    </row>
    <row r="14919" spans="14:14">
      <c r="N14919" s="10"/>
    </row>
    <row r="14920" spans="14:14">
      <c r="N14920" s="10"/>
    </row>
    <row r="14921" spans="14:14">
      <c r="N14921" s="10"/>
    </row>
    <row r="14922" spans="14:14">
      <c r="N14922" s="10"/>
    </row>
    <row r="14923" spans="14:14">
      <c r="N14923" s="10"/>
    </row>
    <row r="14924" spans="14:14">
      <c r="N14924" s="10"/>
    </row>
    <row r="14925" spans="14:14">
      <c r="N14925" s="10"/>
    </row>
    <row r="14926" spans="14:14">
      <c r="N14926" s="10"/>
    </row>
    <row r="14927" spans="14:14">
      <c r="N14927" s="10"/>
    </row>
    <row r="14928" spans="14:14">
      <c r="N14928" s="10"/>
    </row>
    <row r="14929" spans="14:14">
      <c r="N14929" s="10"/>
    </row>
    <row r="14930" spans="14:14">
      <c r="N14930" s="10"/>
    </row>
    <row r="14931" spans="14:14">
      <c r="N14931" s="10"/>
    </row>
    <row r="14932" spans="14:14">
      <c r="N14932" s="10"/>
    </row>
    <row r="14933" spans="14:14">
      <c r="N14933" s="10"/>
    </row>
    <row r="14934" spans="14:14">
      <c r="N14934" s="10"/>
    </row>
    <row r="14935" spans="14:14">
      <c r="N14935" s="10"/>
    </row>
    <row r="14936" spans="14:14">
      <c r="N14936" s="10"/>
    </row>
    <row r="14937" spans="14:14">
      <c r="N14937" s="10"/>
    </row>
    <row r="14938" spans="14:14">
      <c r="N14938" s="10"/>
    </row>
    <row r="14939" spans="14:14">
      <c r="N14939" s="10"/>
    </row>
    <row r="14940" spans="14:14">
      <c r="N14940" s="10"/>
    </row>
    <row r="14941" spans="14:14">
      <c r="N14941" s="10"/>
    </row>
    <row r="14942" spans="14:14">
      <c r="N14942" s="10"/>
    </row>
    <row r="14943" spans="14:14">
      <c r="N14943" s="10"/>
    </row>
    <row r="14944" spans="14:14">
      <c r="N14944" s="10"/>
    </row>
    <row r="14945" spans="14:14">
      <c r="N14945" s="10"/>
    </row>
    <row r="14946" spans="14:14">
      <c r="N14946" s="10"/>
    </row>
    <row r="14947" spans="14:14">
      <c r="N14947" s="10"/>
    </row>
    <row r="14948" spans="14:14">
      <c r="N14948" s="10"/>
    </row>
    <row r="14949" spans="14:14">
      <c r="N14949" s="10"/>
    </row>
    <row r="14950" spans="14:14">
      <c r="N14950" s="10"/>
    </row>
    <row r="14951" spans="14:14">
      <c r="N14951" s="10"/>
    </row>
    <row r="14952" spans="14:14">
      <c r="N14952" s="10"/>
    </row>
    <row r="14953" spans="14:14">
      <c r="N14953" s="10"/>
    </row>
    <row r="14954" spans="14:14">
      <c r="N14954" s="10"/>
    </row>
    <row r="14955" spans="14:14">
      <c r="N14955" s="10"/>
    </row>
    <row r="14956" spans="14:14">
      <c r="N14956" s="10"/>
    </row>
    <row r="14957" spans="14:14">
      <c r="N14957" s="10"/>
    </row>
    <row r="14958" spans="14:14">
      <c r="N14958" s="10"/>
    </row>
    <row r="14959" spans="14:14">
      <c r="N14959" s="10"/>
    </row>
    <row r="14960" spans="14:14">
      <c r="N14960" s="10"/>
    </row>
    <row r="14961" spans="14:14">
      <c r="N14961" s="10"/>
    </row>
    <row r="14962" spans="14:14">
      <c r="N14962" s="10"/>
    </row>
    <row r="14963" spans="14:14">
      <c r="N14963" s="10"/>
    </row>
    <row r="14964" spans="14:14">
      <c r="N14964" s="10"/>
    </row>
    <row r="14965" spans="14:14">
      <c r="N14965" s="10"/>
    </row>
    <row r="14966" spans="14:14">
      <c r="N14966" s="10"/>
    </row>
    <row r="14967" spans="14:14">
      <c r="N14967" s="10"/>
    </row>
    <row r="14968" spans="14:14">
      <c r="N14968" s="10"/>
    </row>
    <row r="14969" spans="14:14">
      <c r="N14969" s="10"/>
    </row>
    <row r="14970" spans="14:14">
      <c r="N14970" s="10"/>
    </row>
    <row r="14971" spans="14:14">
      <c r="N14971" s="10"/>
    </row>
    <row r="14972" spans="14:14">
      <c r="N14972" s="10"/>
    </row>
    <row r="14973" spans="14:14">
      <c r="N14973" s="10"/>
    </row>
    <row r="14974" spans="14:14">
      <c r="N14974" s="10"/>
    </row>
    <row r="14975" spans="14:14">
      <c r="N14975" s="10"/>
    </row>
    <row r="14976" spans="14:14">
      <c r="N14976" s="10"/>
    </row>
    <row r="14977" spans="14:14">
      <c r="N14977" s="10"/>
    </row>
    <row r="14978" spans="14:14">
      <c r="N14978" s="10"/>
    </row>
    <row r="14979" spans="14:14">
      <c r="N14979" s="10"/>
    </row>
    <row r="14980" spans="14:14">
      <c r="N14980" s="10"/>
    </row>
    <row r="14981" spans="14:14">
      <c r="N14981" s="10"/>
    </row>
    <row r="14982" spans="14:14">
      <c r="N14982" s="10"/>
    </row>
    <row r="14983" spans="14:14">
      <c r="N14983" s="10"/>
    </row>
    <row r="14984" spans="14:14">
      <c r="N14984" s="10"/>
    </row>
    <row r="14985" spans="14:14">
      <c r="N14985" s="10"/>
    </row>
    <row r="14986" spans="14:14">
      <c r="N14986" s="10"/>
    </row>
    <row r="14987" spans="14:14">
      <c r="N14987" s="10"/>
    </row>
    <row r="14988" spans="14:14">
      <c r="N14988" s="10"/>
    </row>
    <row r="14989" spans="14:14">
      <c r="N14989" s="10"/>
    </row>
    <row r="14990" spans="14:14">
      <c r="N14990" s="10"/>
    </row>
    <row r="14991" spans="14:14">
      <c r="N14991" s="10"/>
    </row>
    <row r="14992" spans="14:14">
      <c r="N14992" s="10"/>
    </row>
    <row r="14993" spans="14:14">
      <c r="N14993" s="10"/>
    </row>
    <row r="14994" spans="14:14">
      <c r="N14994" s="10"/>
    </row>
    <row r="14995" spans="14:14">
      <c r="N14995" s="10"/>
    </row>
    <row r="14996" spans="14:14">
      <c r="N14996" s="10"/>
    </row>
    <row r="14997" spans="14:14">
      <c r="N14997" s="10"/>
    </row>
    <row r="14998" spans="14:14">
      <c r="N14998" s="10"/>
    </row>
    <row r="14999" spans="14:14">
      <c r="N14999" s="10"/>
    </row>
    <row r="15000" spans="14:14">
      <c r="N15000" s="10"/>
    </row>
    <row r="15001" spans="14:14">
      <c r="N15001" s="10"/>
    </row>
    <row r="15002" spans="14:14">
      <c r="N15002" s="10"/>
    </row>
    <row r="15003" spans="14:14">
      <c r="N15003" s="10"/>
    </row>
    <row r="15004" spans="14:14">
      <c r="N15004" s="10"/>
    </row>
    <row r="15005" spans="14:14">
      <c r="N15005" s="10"/>
    </row>
    <row r="15006" spans="14:14">
      <c r="N15006" s="10"/>
    </row>
    <row r="15007" spans="14:14">
      <c r="N15007" s="10"/>
    </row>
    <row r="15008" spans="14:14">
      <c r="N15008" s="10"/>
    </row>
    <row r="15009" spans="14:14">
      <c r="N15009" s="10"/>
    </row>
    <row r="15010" spans="14:14">
      <c r="N15010" s="10"/>
    </row>
    <row r="15011" spans="14:14">
      <c r="N15011" s="10"/>
    </row>
    <row r="15012" spans="14:14">
      <c r="N15012" s="10"/>
    </row>
    <row r="15013" spans="14:14">
      <c r="N15013" s="10"/>
    </row>
    <row r="15014" spans="14:14">
      <c r="N15014" s="10"/>
    </row>
    <row r="15015" spans="14:14">
      <c r="N15015" s="10"/>
    </row>
    <row r="15016" spans="14:14">
      <c r="N15016" s="10"/>
    </row>
    <row r="15017" spans="14:14">
      <c r="N15017" s="10"/>
    </row>
    <row r="15018" spans="14:14">
      <c r="N15018" s="10"/>
    </row>
    <row r="15019" spans="14:14">
      <c r="N15019" s="10"/>
    </row>
    <row r="15020" spans="14:14">
      <c r="N15020" s="10"/>
    </row>
    <row r="15021" spans="14:14">
      <c r="N15021" s="10"/>
    </row>
    <row r="15022" spans="14:14">
      <c r="N15022" s="10"/>
    </row>
    <row r="15023" spans="14:14">
      <c r="N15023" s="10"/>
    </row>
    <row r="15024" spans="14:14">
      <c r="N15024" s="10"/>
    </row>
    <row r="15025" spans="14:14">
      <c r="N15025" s="10"/>
    </row>
    <row r="15026" spans="14:14">
      <c r="N15026" s="10"/>
    </row>
    <row r="15027" spans="14:14">
      <c r="N15027" s="10"/>
    </row>
    <row r="15028" spans="14:14">
      <c r="N15028" s="10"/>
    </row>
    <row r="15029" spans="14:14">
      <c r="N15029" s="10"/>
    </row>
    <row r="15030" spans="14:14">
      <c r="N15030" s="10"/>
    </row>
    <row r="15031" spans="14:14">
      <c r="N15031" s="10"/>
    </row>
    <row r="15032" spans="14:14">
      <c r="N15032" s="10"/>
    </row>
    <row r="15033" spans="14:14">
      <c r="N15033" s="10"/>
    </row>
    <row r="15034" spans="14:14">
      <c r="N15034" s="10"/>
    </row>
    <row r="15035" spans="14:14">
      <c r="N15035" s="10"/>
    </row>
    <row r="15036" spans="14:14">
      <c r="N15036" s="10"/>
    </row>
    <row r="15037" spans="14:14">
      <c r="N15037" s="10"/>
    </row>
    <row r="15038" spans="14:14">
      <c r="N15038" s="10"/>
    </row>
    <row r="15039" spans="14:14">
      <c r="N15039" s="10"/>
    </row>
    <row r="15040" spans="14:14">
      <c r="N15040" s="10"/>
    </row>
    <row r="15041" spans="14:14">
      <c r="N15041" s="10"/>
    </row>
    <row r="15042" spans="14:14">
      <c r="N15042" s="10"/>
    </row>
    <row r="15043" spans="14:14">
      <c r="N15043" s="10"/>
    </row>
    <row r="15044" spans="14:14">
      <c r="N15044" s="10"/>
    </row>
    <row r="15045" spans="14:14">
      <c r="N15045" s="10"/>
    </row>
    <row r="15046" spans="14:14">
      <c r="N15046" s="10"/>
    </row>
    <row r="15047" spans="14:14">
      <c r="N15047" s="10"/>
    </row>
    <row r="15048" spans="14:14">
      <c r="N15048" s="10"/>
    </row>
    <row r="15049" spans="14:14">
      <c r="N15049" s="10"/>
    </row>
    <row r="15050" spans="14:14">
      <c r="N15050" s="10"/>
    </row>
    <row r="15051" spans="14:14">
      <c r="N15051" s="10"/>
    </row>
    <row r="15052" spans="14:14">
      <c r="N15052" s="10"/>
    </row>
    <row r="15053" spans="14:14">
      <c r="N15053" s="10"/>
    </row>
    <row r="15054" spans="14:14">
      <c r="N15054" s="10"/>
    </row>
    <row r="15055" spans="14:14">
      <c r="N15055" s="10"/>
    </row>
    <row r="15056" spans="14:14">
      <c r="N15056" s="10"/>
    </row>
    <row r="15057" spans="14:14">
      <c r="N15057" s="10"/>
    </row>
    <row r="15058" spans="14:14">
      <c r="N15058" s="10"/>
    </row>
    <row r="15059" spans="14:14">
      <c r="N15059" s="10"/>
    </row>
    <row r="15060" spans="14:14">
      <c r="N15060" s="10"/>
    </row>
    <row r="15061" spans="14:14">
      <c r="N15061" s="10"/>
    </row>
    <row r="15062" spans="14:14">
      <c r="N15062" s="10"/>
    </row>
    <row r="15063" spans="14:14">
      <c r="N15063" s="10"/>
    </row>
    <row r="15064" spans="14:14">
      <c r="N15064" s="10"/>
    </row>
    <row r="15065" spans="14:14">
      <c r="N15065" s="10"/>
    </row>
    <row r="15066" spans="14:14">
      <c r="N15066" s="10"/>
    </row>
    <row r="15067" spans="14:14">
      <c r="N15067" s="10"/>
    </row>
    <row r="15068" spans="14:14">
      <c r="N15068" s="10"/>
    </row>
    <row r="15069" spans="14:14">
      <c r="N15069" s="10"/>
    </row>
    <row r="15070" spans="14:14">
      <c r="N15070" s="10"/>
    </row>
    <row r="15071" spans="14:14">
      <c r="N15071" s="10"/>
    </row>
    <row r="15072" spans="14:14">
      <c r="N15072" s="10"/>
    </row>
    <row r="15073" spans="14:14">
      <c r="N15073" s="10"/>
    </row>
    <row r="15074" spans="14:14">
      <c r="N15074" s="10"/>
    </row>
    <row r="15075" spans="14:14">
      <c r="N15075" s="10"/>
    </row>
    <row r="15076" spans="14:14">
      <c r="N15076" s="10"/>
    </row>
    <row r="15077" spans="14:14">
      <c r="N15077" s="10"/>
    </row>
    <row r="15078" spans="14:14">
      <c r="N15078" s="10"/>
    </row>
    <row r="15079" spans="14:14">
      <c r="N15079" s="10"/>
    </row>
    <row r="15080" spans="14:14">
      <c r="N15080" s="10"/>
    </row>
    <row r="15081" spans="14:14">
      <c r="N15081" s="10"/>
    </row>
    <row r="15082" spans="14:14">
      <c r="N15082" s="10"/>
    </row>
    <row r="15083" spans="14:14">
      <c r="N15083" s="10"/>
    </row>
    <row r="15084" spans="14:14">
      <c r="N15084" s="10"/>
    </row>
    <row r="15085" spans="14:14">
      <c r="N15085" s="10"/>
    </row>
    <row r="15086" spans="14:14">
      <c r="N15086" s="10"/>
    </row>
    <row r="15087" spans="14:14">
      <c r="N15087" s="10"/>
    </row>
    <row r="15088" spans="14:14">
      <c r="N15088" s="10"/>
    </row>
    <row r="15089" spans="14:14">
      <c r="N15089" s="10"/>
    </row>
    <row r="15090" spans="14:14">
      <c r="N15090" s="10"/>
    </row>
    <row r="15091" spans="14:14">
      <c r="N15091" s="10"/>
    </row>
    <row r="15092" spans="14:14">
      <c r="N15092" s="10"/>
    </row>
    <row r="15093" spans="14:14">
      <c r="N15093" s="10"/>
    </row>
    <row r="15094" spans="14:14">
      <c r="N15094" s="10"/>
    </row>
    <row r="15095" spans="14:14">
      <c r="N15095" s="10"/>
    </row>
    <row r="15096" spans="14:14">
      <c r="N15096" s="10"/>
    </row>
    <row r="15097" spans="14:14">
      <c r="N15097" s="10"/>
    </row>
    <row r="15098" spans="14:14">
      <c r="N15098" s="10"/>
    </row>
    <row r="15099" spans="14:14">
      <c r="N15099" s="10"/>
    </row>
    <row r="15100" spans="14:14">
      <c r="N15100" s="10"/>
    </row>
    <row r="15101" spans="14:14">
      <c r="N15101" s="10"/>
    </row>
    <row r="15102" spans="14:14">
      <c r="N15102" s="10"/>
    </row>
    <row r="15103" spans="14:14">
      <c r="N15103" s="10"/>
    </row>
    <row r="15104" spans="14:14">
      <c r="N15104" s="10"/>
    </row>
    <row r="15105" spans="14:14">
      <c r="N15105" s="10"/>
    </row>
    <row r="15106" spans="14:14">
      <c r="N15106" s="10"/>
    </row>
    <row r="15107" spans="14:14">
      <c r="N15107" s="10"/>
    </row>
    <row r="15108" spans="14:14">
      <c r="N15108" s="10"/>
    </row>
    <row r="15109" spans="14:14">
      <c r="N15109" s="10"/>
    </row>
    <row r="15110" spans="14:14">
      <c r="N15110" s="10"/>
    </row>
    <row r="15111" spans="14:14">
      <c r="N15111" s="10"/>
    </row>
    <row r="15112" spans="14:14">
      <c r="N15112" s="10"/>
    </row>
    <row r="15113" spans="14:14">
      <c r="N15113" s="10"/>
    </row>
    <row r="15114" spans="14:14">
      <c r="N15114" s="10"/>
    </row>
    <row r="15115" spans="14:14">
      <c r="N15115" s="10"/>
    </row>
    <row r="15116" spans="14:14">
      <c r="N15116" s="10"/>
    </row>
    <row r="15117" spans="14:14">
      <c r="N15117" s="10"/>
    </row>
    <row r="15118" spans="14:14">
      <c r="N15118" s="10"/>
    </row>
    <row r="15119" spans="14:14">
      <c r="N15119" s="10"/>
    </row>
    <row r="15120" spans="14:14">
      <c r="N15120" s="10"/>
    </row>
    <row r="15121" spans="14:14">
      <c r="N15121" s="10"/>
    </row>
    <row r="15122" spans="14:14">
      <c r="N15122" s="10"/>
    </row>
    <row r="15123" spans="14:14">
      <c r="N15123" s="10"/>
    </row>
    <row r="15124" spans="14:14">
      <c r="N15124" s="10"/>
    </row>
    <row r="15125" spans="14:14">
      <c r="N15125" s="10"/>
    </row>
    <row r="15126" spans="14:14">
      <c r="N15126" s="10"/>
    </row>
    <row r="15127" spans="14:14">
      <c r="N15127" s="10"/>
    </row>
    <row r="15128" spans="14:14">
      <c r="N15128" s="10"/>
    </row>
    <row r="15129" spans="14:14">
      <c r="N15129" s="10"/>
    </row>
    <row r="15130" spans="14:14">
      <c r="N15130" s="10"/>
    </row>
    <row r="15131" spans="14:14">
      <c r="N15131" s="10"/>
    </row>
    <row r="15132" spans="14:14">
      <c r="N15132" s="10"/>
    </row>
    <row r="15133" spans="14:14">
      <c r="N15133" s="10"/>
    </row>
    <row r="15134" spans="14:14">
      <c r="N15134" s="10"/>
    </row>
    <row r="15135" spans="14:14">
      <c r="N15135" s="10"/>
    </row>
    <row r="15136" spans="14:14">
      <c r="N15136" s="10"/>
    </row>
    <row r="15137" spans="14:14">
      <c r="N15137" s="10"/>
    </row>
    <row r="15138" spans="14:14">
      <c r="N15138" s="10"/>
    </row>
    <row r="15139" spans="14:14">
      <c r="N15139" s="10"/>
    </row>
    <row r="15140" spans="14:14">
      <c r="N15140" s="10"/>
    </row>
    <row r="15141" spans="14:14">
      <c r="N15141" s="10"/>
    </row>
    <row r="15142" spans="14:14">
      <c r="N15142" s="10"/>
    </row>
    <row r="15143" spans="14:14">
      <c r="N15143" s="10"/>
    </row>
    <row r="15144" spans="14:14">
      <c r="N15144" s="10"/>
    </row>
    <row r="15145" spans="14:14">
      <c r="N15145" s="10"/>
    </row>
    <row r="15146" spans="14:14">
      <c r="N15146" s="10"/>
    </row>
    <row r="15147" spans="14:14">
      <c r="N15147" s="10"/>
    </row>
    <row r="15148" spans="14:14">
      <c r="N15148" s="10"/>
    </row>
    <row r="15149" spans="14:14">
      <c r="N15149" s="10"/>
    </row>
    <row r="15150" spans="14:14">
      <c r="N15150" s="10"/>
    </row>
    <row r="15151" spans="14:14">
      <c r="N15151" s="10"/>
    </row>
    <row r="15152" spans="14:14">
      <c r="N15152" s="10"/>
    </row>
    <row r="15153" spans="14:14">
      <c r="N15153" s="10"/>
    </row>
    <row r="15154" spans="14:14">
      <c r="N15154" s="10"/>
    </row>
    <row r="15155" spans="14:14">
      <c r="N15155" s="10"/>
    </row>
    <row r="15156" spans="14:14">
      <c r="N15156" s="10"/>
    </row>
    <row r="15157" spans="14:14">
      <c r="N15157" s="10"/>
    </row>
    <row r="15158" spans="14:14">
      <c r="N15158" s="10"/>
    </row>
    <row r="15159" spans="14:14">
      <c r="N15159" s="10"/>
    </row>
    <row r="15160" spans="14:14">
      <c r="N15160" s="10"/>
    </row>
    <row r="15161" spans="14:14">
      <c r="N15161" s="10"/>
    </row>
    <row r="15162" spans="14:14">
      <c r="N15162" s="10"/>
    </row>
    <row r="15163" spans="14:14">
      <c r="N15163" s="10"/>
    </row>
    <row r="15164" spans="14:14">
      <c r="N15164" s="10"/>
    </row>
    <row r="15165" spans="14:14">
      <c r="N15165" s="10"/>
    </row>
    <row r="15166" spans="14:14">
      <c r="N15166" s="10"/>
    </row>
    <row r="15167" spans="14:14">
      <c r="N15167" s="10"/>
    </row>
    <row r="15168" spans="14:14">
      <c r="N15168" s="10"/>
    </row>
    <row r="15169" spans="14:14">
      <c r="N15169" s="10"/>
    </row>
    <row r="15170" spans="14:14">
      <c r="N15170" s="10"/>
    </row>
    <row r="15171" spans="14:14">
      <c r="N15171" s="10"/>
    </row>
    <row r="15172" spans="14:14">
      <c r="N15172" s="10"/>
    </row>
    <row r="15173" spans="14:14">
      <c r="N15173" s="10"/>
    </row>
    <row r="15174" spans="14:14">
      <c r="N15174" s="10"/>
    </row>
    <row r="15175" spans="14:14">
      <c r="N15175" s="10"/>
    </row>
    <row r="15176" spans="14:14">
      <c r="N15176" s="10"/>
    </row>
    <row r="15177" spans="14:14">
      <c r="N15177" s="10"/>
    </row>
    <row r="15178" spans="14:14">
      <c r="N15178" s="10"/>
    </row>
    <row r="15179" spans="14:14">
      <c r="N15179" s="10"/>
    </row>
    <row r="15180" spans="14:14">
      <c r="N15180" s="10"/>
    </row>
    <row r="15181" spans="14:14">
      <c r="N15181" s="10"/>
    </row>
    <row r="15182" spans="14:14">
      <c r="N15182" s="10"/>
    </row>
    <row r="15183" spans="14:14">
      <c r="N15183" s="10"/>
    </row>
    <row r="15184" spans="14:14">
      <c r="N15184" s="10"/>
    </row>
    <row r="15185" spans="14:14">
      <c r="N15185" s="10"/>
    </row>
    <row r="15186" spans="14:14">
      <c r="N15186" s="10"/>
    </row>
    <row r="15187" spans="14:14">
      <c r="N15187" s="10"/>
    </row>
    <row r="15188" spans="14:14">
      <c r="N15188" s="10"/>
    </row>
    <row r="15189" spans="14:14">
      <c r="N15189" s="10"/>
    </row>
    <row r="15190" spans="14:14">
      <c r="N15190" s="10"/>
    </row>
    <row r="15191" spans="14:14">
      <c r="N15191" s="10"/>
    </row>
    <row r="15192" spans="14:14">
      <c r="N15192" s="10"/>
    </row>
    <row r="15193" spans="14:14">
      <c r="N15193" s="10"/>
    </row>
    <row r="15194" spans="14:14">
      <c r="N15194" s="10"/>
    </row>
    <row r="15195" spans="14:14">
      <c r="N15195" s="10"/>
    </row>
    <row r="15196" spans="14:14">
      <c r="N15196" s="10"/>
    </row>
    <row r="15197" spans="14:14">
      <c r="N15197" s="10"/>
    </row>
    <row r="15198" spans="14:14">
      <c r="N15198" s="10"/>
    </row>
    <row r="15199" spans="14:14">
      <c r="N15199" s="10"/>
    </row>
    <row r="15200" spans="14:14">
      <c r="N15200" s="10"/>
    </row>
    <row r="15201" spans="14:14">
      <c r="N15201" s="10"/>
    </row>
    <row r="15202" spans="14:14">
      <c r="N15202" s="10"/>
    </row>
    <row r="15203" spans="14:14">
      <c r="N15203" s="10"/>
    </row>
    <row r="15204" spans="14:14">
      <c r="N15204" s="10"/>
    </row>
    <row r="15205" spans="14:14">
      <c r="N15205" s="10"/>
    </row>
    <row r="15206" spans="14:14">
      <c r="N15206" s="10"/>
    </row>
    <row r="15207" spans="14:14">
      <c r="N15207" s="10"/>
    </row>
    <row r="15208" spans="14:14">
      <c r="N15208" s="10"/>
    </row>
    <row r="15209" spans="14:14">
      <c r="N15209" s="10"/>
    </row>
    <row r="15210" spans="14:14">
      <c r="N15210" s="10"/>
    </row>
    <row r="15211" spans="14:14">
      <c r="N15211" s="10"/>
    </row>
    <row r="15212" spans="14:14">
      <c r="N15212" s="10"/>
    </row>
    <row r="15213" spans="14:14">
      <c r="N15213" s="10"/>
    </row>
    <row r="15214" spans="14:14">
      <c r="N15214" s="10"/>
    </row>
    <row r="15215" spans="14:14">
      <c r="N15215" s="10"/>
    </row>
    <row r="15216" spans="14:14">
      <c r="N15216" s="10"/>
    </row>
    <row r="15217" spans="14:14">
      <c r="N15217" s="10"/>
    </row>
    <row r="15218" spans="14:14">
      <c r="N15218" s="10"/>
    </row>
    <row r="15219" spans="14:14">
      <c r="N15219" s="10"/>
    </row>
    <row r="15220" spans="14:14">
      <c r="N15220" s="10"/>
    </row>
    <row r="15221" spans="14:14">
      <c r="N15221" s="10"/>
    </row>
    <row r="15222" spans="14:14">
      <c r="N15222" s="10"/>
    </row>
    <row r="15223" spans="14:14">
      <c r="N15223" s="10"/>
    </row>
    <row r="15224" spans="14:14">
      <c r="N15224" s="10"/>
    </row>
    <row r="15225" spans="14:14">
      <c r="N15225" s="10"/>
    </row>
    <row r="15226" spans="14:14">
      <c r="N15226" s="10"/>
    </row>
    <row r="15227" spans="14:14">
      <c r="N15227" s="10"/>
    </row>
    <row r="15228" spans="14:14">
      <c r="N15228" s="10"/>
    </row>
    <row r="15229" spans="14:14">
      <c r="N15229" s="10"/>
    </row>
    <row r="15230" spans="14:14">
      <c r="N15230" s="10"/>
    </row>
    <row r="15231" spans="14:14">
      <c r="N15231" s="10"/>
    </row>
    <row r="15232" spans="14:14">
      <c r="N15232" s="10"/>
    </row>
    <row r="15233" spans="14:14">
      <c r="N15233" s="10"/>
    </row>
    <row r="15234" spans="14:14">
      <c r="N15234" s="10"/>
    </row>
    <row r="15235" spans="14:14">
      <c r="N15235" s="10"/>
    </row>
    <row r="15236" spans="14:14">
      <c r="N15236" s="10"/>
    </row>
    <row r="15237" spans="14:14">
      <c r="N15237" s="10"/>
    </row>
    <row r="15238" spans="14:14">
      <c r="N15238" s="10"/>
    </row>
    <row r="15239" spans="14:14">
      <c r="N15239" s="10"/>
    </row>
    <row r="15240" spans="14:14">
      <c r="N15240" s="10"/>
    </row>
    <row r="15241" spans="14:14">
      <c r="N15241" s="10"/>
    </row>
    <row r="15242" spans="14:14">
      <c r="N15242" s="10"/>
    </row>
    <row r="15243" spans="14:14">
      <c r="N15243" s="10"/>
    </row>
    <row r="15244" spans="14:14">
      <c r="N15244" s="10"/>
    </row>
    <row r="15245" spans="14:14">
      <c r="N15245" s="10"/>
    </row>
    <row r="15246" spans="14:14">
      <c r="N15246" s="10"/>
    </row>
    <row r="15247" spans="14:14">
      <c r="N15247" s="10"/>
    </row>
    <row r="15248" spans="14:14">
      <c r="N15248" s="10"/>
    </row>
    <row r="15249" spans="14:14">
      <c r="N15249" s="10"/>
    </row>
    <row r="15250" spans="14:14">
      <c r="N15250" s="10"/>
    </row>
    <row r="15251" spans="14:14">
      <c r="N15251" s="10"/>
    </row>
    <row r="15252" spans="14:14">
      <c r="N15252" s="10"/>
    </row>
    <row r="15253" spans="14:14">
      <c r="N15253" s="10"/>
    </row>
    <row r="15254" spans="14:14">
      <c r="N15254" s="10"/>
    </row>
    <row r="15255" spans="14:14">
      <c r="N15255" s="10"/>
    </row>
    <row r="15256" spans="14:14">
      <c r="N15256" s="10"/>
    </row>
    <row r="15257" spans="14:14">
      <c r="N15257" s="10"/>
    </row>
    <row r="15258" spans="14:14">
      <c r="N15258" s="10"/>
    </row>
    <row r="15259" spans="14:14">
      <c r="N15259" s="10"/>
    </row>
    <row r="15260" spans="14:14">
      <c r="N15260" s="10"/>
    </row>
    <row r="15261" spans="14:14">
      <c r="N15261" s="10"/>
    </row>
    <row r="15262" spans="14:14">
      <c r="N15262" s="10"/>
    </row>
    <row r="15263" spans="14:14">
      <c r="N15263" s="10"/>
    </row>
    <row r="15264" spans="14:14">
      <c r="N15264" s="10"/>
    </row>
    <row r="15265" spans="14:14">
      <c r="N15265" s="10"/>
    </row>
    <row r="15266" spans="14:14">
      <c r="N15266" s="10"/>
    </row>
    <row r="15267" spans="14:14">
      <c r="N15267" s="10"/>
    </row>
    <row r="15268" spans="14:14">
      <c r="N15268" s="10"/>
    </row>
    <row r="15269" spans="14:14">
      <c r="N15269" s="10"/>
    </row>
    <row r="15270" spans="14:14">
      <c r="N15270" s="10"/>
    </row>
    <row r="15271" spans="14:14">
      <c r="N15271" s="10"/>
    </row>
    <row r="15272" spans="14:14">
      <c r="N15272" s="10"/>
    </row>
    <row r="15273" spans="14:14">
      <c r="N15273" s="10"/>
    </row>
    <row r="15274" spans="14:14">
      <c r="N15274" s="10"/>
    </row>
    <row r="15275" spans="14:14">
      <c r="N15275" s="10"/>
    </row>
    <row r="15276" spans="14:14">
      <c r="N15276" s="10"/>
    </row>
    <row r="15277" spans="14:14">
      <c r="N15277" s="10"/>
    </row>
    <row r="15278" spans="14:14">
      <c r="N15278" s="10"/>
    </row>
    <row r="15279" spans="14:14">
      <c r="N15279" s="10"/>
    </row>
    <row r="15280" spans="14:14">
      <c r="N15280" s="10"/>
    </row>
    <row r="15281" spans="14:14">
      <c r="N15281" s="10"/>
    </row>
    <row r="15282" spans="14:14">
      <c r="N15282" s="10"/>
    </row>
    <row r="15283" spans="14:14">
      <c r="N15283" s="10"/>
    </row>
    <row r="15284" spans="14:14">
      <c r="N15284" s="10"/>
    </row>
    <row r="15285" spans="14:14">
      <c r="N15285" s="10"/>
    </row>
    <row r="15286" spans="14:14">
      <c r="N15286" s="10"/>
    </row>
    <row r="15287" spans="14:14">
      <c r="N15287" s="10"/>
    </row>
    <row r="15288" spans="14:14">
      <c r="N15288" s="10"/>
    </row>
    <row r="15289" spans="14:14">
      <c r="N15289" s="10"/>
    </row>
    <row r="15290" spans="14:14">
      <c r="N15290" s="10"/>
    </row>
    <row r="15291" spans="14:14">
      <c r="N15291" s="10"/>
    </row>
    <row r="15292" spans="14:14">
      <c r="N15292" s="10"/>
    </row>
    <row r="15293" spans="14:14">
      <c r="N15293" s="10"/>
    </row>
    <row r="15294" spans="14:14">
      <c r="N15294" s="10"/>
    </row>
    <row r="15295" spans="14:14">
      <c r="N15295" s="10"/>
    </row>
    <row r="15296" spans="14:14">
      <c r="N15296" s="10"/>
    </row>
    <row r="15297" spans="14:14">
      <c r="N15297" s="10"/>
    </row>
    <row r="15298" spans="14:14">
      <c r="N15298" s="10"/>
    </row>
    <row r="15299" spans="14:14">
      <c r="N15299" s="10"/>
    </row>
    <row r="15300" spans="14:14">
      <c r="N15300" s="10"/>
    </row>
    <row r="15301" spans="14:14">
      <c r="N15301" s="10"/>
    </row>
    <row r="15302" spans="14:14">
      <c r="N15302" s="10"/>
    </row>
    <row r="15303" spans="14:14">
      <c r="N15303" s="10"/>
    </row>
    <row r="15304" spans="14:14">
      <c r="N15304" s="10"/>
    </row>
    <row r="15305" spans="14:14">
      <c r="N15305" s="10"/>
    </row>
    <row r="15306" spans="14:14">
      <c r="N15306" s="10"/>
    </row>
    <row r="15307" spans="14:14">
      <c r="N15307" s="10"/>
    </row>
    <row r="15308" spans="14:14">
      <c r="N15308" s="10"/>
    </row>
    <row r="15309" spans="14:14">
      <c r="N15309" s="10"/>
    </row>
    <row r="15310" spans="14:14">
      <c r="N15310" s="10"/>
    </row>
    <row r="15311" spans="14:14">
      <c r="N15311" s="10"/>
    </row>
    <row r="15312" spans="14:14">
      <c r="N15312" s="10"/>
    </row>
    <row r="15313" spans="14:14">
      <c r="N15313" s="10"/>
    </row>
    <row r="15314" spans="14:14">
      <c r="N15314" s="10"/>
    </row>
    <row r="15315" spans="14:14">
      <c r="N15315" s="10"/>
    </row>
    <row r="15316" spans="14:14">
      <c r="N15316" s="10"/>
    </row>
    <row r="15317" spans="14:14">
      <c r="N15317" s="10"/>
    </row>
    <row r="15318" spans="14:14">
      <c r="N15318" s="10"/>
    </row>
    <row r="15319" spans="14:14">
      <c r="N15319" s="10"/>
    </row>
    <row r="15320" spans="14:14">
      <c r="N15320" s="10"/>
    </row>
    <row r="15321" spans="14:14">
      <c r="N15321" s="10"/>
    </row>
    <row r="15322" spans="14:14">
      <c r="N15322" s="10"/>
    </row>
    <row r="15323" spans="14:14">
      <c r="N15323" s="10"/>
    </row>
    <row r="15324" spans="14:14">
      <c r="N15324" s="10"/>
    </row>
    <row r="15325" spans="14:14">
      <c r="N15325" s="10"/>
    </row>
    <row r="15326" spans="14:14">
      <c r="N15326" s="10"/>
    </row>
    <row r="15327" spans="14:14">
      <c r="N15327" s="10"/>
    </row>
    <row r="15328" spans="14:14">
      <c r="N15328" s="10"/>
    </row>
    <row r="15329" spans="14:14">
      <c r="N15329" s="10"/>
    </row>
    <row r="15330" spans="14:14">
      <c r="N15330" s="10"/>
    </row>
    <row r="15331" spans="14:14">
      <c r="N15331" s="10"/>
    </row>
    <row r="15332" spans="14:14">
      <c r="N15332" s="10"/>
    </row>
    <row r="15333" spans="14:14">
      <c r="N15333" s="10"/>
    </row>
    <row r="15334" spans="14:14">
      <c r="N15334" s="10"/>
    </row>
    <row r="15335" spans="14:14">
      <c r="N15335" s="10"/>
    </row>
    <row r="15336" spans="14:14">
      <c r="N15336" s="10"/>
    </row>
    <row r="15337" spans="14:14">
      <c r="N15337" s="10"/>
    </row>
    <row r="15338" spans="14:14">
      <c r="N15338" s="10"/>
    </row>
    <row r="15339" spans="14:14">
      <c r="N15339" s="10"/>
    </row>
    <row r="15340" spans="14:14">
      <c r="N15340" s="10"/>
    </row>
    <row r="15341" spans="14:14">
      <c r="N15341" s="10"/>
    </row>
    <row r="15342" spans="14:14">
      <c r="N15342" s="10"/>
    </row>
    <row r="15343" spans="14:14">
      <c r="N15343" s="10"/>
    </row>
    <row r="15344" spans="14:14">
      <c r="N15344" s="10"/>
    </row>
    <row r="15345" spans="14:14">
      <c r="N15345" s="10"/>
    </row>
    <row r="15346" spans="14:14">
      <c r="N15346" s="10"/>
    </row>
    <row r="15347" spans="14:14">
      <c r="N15347" s="10"/>
    </row>
    <row r="15348" spans="14:14">
      <c r="N15348" s="10"/>
    </row>
    <row r="15349" spans="14:14">
      <c r="N15349" s="10"/>
    </row>
    <row r="15350" spans="14:14">
      <c r="N15350" s="10"/>
    </row>
    <row r="15351" spans="14:14">
      <c r="N15351" s="10"/>
    </row>
    <row r="15352" spans="14:14">
      <c r="N15352" s="10"/>
    </row>
    <row r="15353" spans="14:14">
      <c r="N15353" s="10"/>
    </row>
    <row r="15354" spans="14:14">
      <c r="N15354" s="10"/>
    </row>
    <row r="15355" spans="14:14">
      <c r="N15355" s="10"/>
    </row>
    <row r="15356" spans="14:14">
      <c r="N15356" s="10"/>
    </row>
    <row r="15357" spans="14:14">
      <c r="N15357" s="10"/>
    </row>
    <row r="15358" spans="14:14">
      <c r="N15358" s="10"/>
    </row>
    <row r="15359" spans="14:14">
      <c r="N15359" s="10"/>
    </row>
    <row r="15360" spans="14:14">
      <c r="N15360" s="10"/>
    </row>
    <row r="15361" spans="14:14">
      <c r="N15361" s="10"/>
    </row>
    <row r="15362" spans="14:14">
      <c r="N15362" s="10"/>
    </row>
    <row r="15363" spans="14:14">
      <c r="N15363" s="10"/>
    </row>
    <row r="15364" spans="14:14">
      <c r="N15364" s="10"/>
    </row>
    <row r="15365" spans="14:14">
      <c r="N15365" s="10"/>
    </row>
    <row r="15366" spans="14:14">
      <c r="N15366" s="10"/>
    </row>
    <row r="15367" spans="14:14">
      <c r="N15367" s="10"/>
    </row>
    <row r="15368" spans="14:14">
      <c r="N15368" s="10"/>
    </row>
    <row r="15369" spans="14:14">
      <c r="N15369" s="10"/>
    </row>
    <row r="15370" spans="14:14">
      <c r="N15370" s="10"/>
    </row>
    <row r="15371" spans="14:14">
      <c r="N15371" s="10"/>
    </row>
    <row r="15372" spans="14:14">
      <c r="N15372" s="10"/>
    </row>
    <row r="15373" spans="14:14">
      <c r="N15373" s="10"/>
    </row>
    <row r="15374" spans="14:14">
      <c r="N15374" s="10"/>
    </row>
    <row r="15375" spans="14:14">
      <c r="N15375" s="10"/>
    </row>
    <row r="15376" spans="14:14">
      <c r="N15376" s="10"/>
    </row>
    <row r="15377" spans="14:14">
      <c r="N15377" s="10"/>
    </row>
    <row r="15378" spans="14:14">
      <c r="N15378" s="10"/>
    </row>
    <row r="15379" spans="14:14">
      <c r="N15379" s="10"/>
    </row>
    <row r="15380" spans="14:14">
      <c r="N15380" s="10"/>
    </row>
    <row r="15381" spans="14:14">
      <c r="N15381" s="10"/>
    </row>
    <row r="15382" spans="14:14">
      <c r="N15382" s="10"/>
    </row>
    <row r="15383" spans="14:14">
      <c r="N15383" s="10"/>
    </row>
    <row r="15384" spans="14:14">
      <c r="N15384" s="10"/>
    </row>
    <row r="15385" spans="14:14">
      <c r="N15385" s="10"/>
    </row>
    <row r="15386" spans="14:14">
      <c r="N15386" s="10"/>
    </row>
    <row r="15387" spans="14:14">
      <c r="N15387" s="10"/>
    </row>
    <row r="15388" spans="14:14">
      <c r="N15388" s="10"/>
    </row>
    <row r="15389" spans="14:14">
      <c r="N15389" s="10"/>
    </row>
    <row r="15390" spans="14:14">
      <c r="N15390" s="10"/>
    </row>
    <row r="15391" spans="14:14">
      <c r="N15391" s="10"/>
    </row>
    <row r="15392" spans="14:14">
      <c r="N15392" s="10"/>
    </row>
    <row r="15393" spans="14:14">
      <c r="N15393" s="10"/>
    </row>
    <row r="15394" spans="14:14">
      <c r="N15394" s="10"/>
    </row>
    <row r="15395" spans="14:14">
      <c r="N15395" s="10"/>
    </row>
    <row r="15396" spans="14:14">
      <c r="N15396" s="10"/>
    </row>
    <row r="15397" spans="14:14">
      <c r="N15397" s="10"/>
    </row>
    <row r="15398" spans="14:14">
      <c r="N15398" s="10"/>
    </row>
    <row r="15399" spans="14:14">
      <c r="N15399" s="10"/>
    </row>
    <row r="15400" spans="14:14">
      <c r="N15400" s="10"/>
    </row>
    <row r="15401" spans="14:14">
      <c r="N15401" s="10"/>
    </row>
    <row r="15402" spans="14:14">
      <c r="N15402" s="10"/>
    </row>
    <row r="15403" spans="14:14">
      <c r="N15403" s="10"/>
    </row>
    <row r="15404" spans="14:14">
      <c r="N15404" s="10"/>
    </row>
    <row r="15405" spans="14:14">
      <c r="N15405" s="10"/>
    </row>
    <row r="15406" spans="14:14">
      <c r="N15406" s="10"/>
    </row>
    <row r="15407" spans="14:14">
      <c r="N15407" s="10"/>
    </row>
    <row r="15408" spans="14:14">
      <c r="N15408" s="10"/>
    </row>
    <row r="15409" spans="14:14">
      <c r="N15409" s="10"/>
    </row>
    <row r="15410" spans="14:14">
      <c r="N15410" s="10"/>
    </row>
    <row r="15411" spans="14:14">
      <c r="N15411" s="10"/>
    </row>
    <row r="15412" spans="14:14">
      <c r="N15412" s="10"/>
    </row>
    <row r="15413" spans="14:14">
      <c r="N15413" s="10"/>
    </row>
    <row r="15414" spans="14:14">
      <c r="N15414" s="10"/>
    </row>
    <row r="15415" spans="14:14">
      <c r="N15415" s="10"/>
    </row>
    <row r="15416" spans="14:14">
      <c r="N15416" s="10"/>
    </row>
    <row r="15417" spans="14:14">
      <c r="N15417" s="10"/>
    </row>
    <row r="15418" spans="14:14">
      <c r="N15418" s="10"/>
    </row>
    <row r="15419" spans="14:14">
      <c r="N15419" s="10"/>
    </row>
    <row r="15420" spans="14:14">
      <c r="N15420" s="10"/>
    </row>
    <row r="15421" spans="14:14">
      <c r="N15421" s="10"/>
    </row>
    <row r="15422" spans="14:14">
      <c r="N15422" s="10"/>
    </row>
    <row r="15423" spans="14:14">
      <c r="N15423" s="10"/>
    </row>
    <row r="15424" spans="14:14">
      <c r="N15424" s="10"/>
    </row>
    <row r="15425" spans="14:14">
      <c r="N15425" s="10"/>
    </row>
    <row r="15426" spans="14:14">
      <c r="N15426" s="10"/>
    </row>
    <row r="15427" spans="14:14">
      <c r="N15427" s="10"/>
    </row>
    <row r="15428" spans="14:14">
      <c r="N15428" s="10"/>
    </row>
    <row r="15429" spans="14:14">
      <c r="N15429" s="10"/>
    </row>
    <row r="15430" spans="14:14">
      <c r="N15430" s="10"/>
    </row>
    <row r="15431" spans="14:14">
      <c r="N15431" s="10"/>
    </row>
    <row r="15432" spans="14:14">
      <c r="N15432" s="10"/>
    </row>
    <row r="15433" spans="14:14">
      <c r="N15433" s="10"/>
    </row>
    <row r="15434" spans="14:14">
      <c r="N15434" s="10"/>
    </row>
    <row r="15435" spans="14:14">
      <c r="N15435" s="10"/>
    </row>
    <row r="15436" spans="14:14">
      <c r="N15436" s="10"/>
    </row>
    <row r="15437" spans="14:14">
      <c r="N15437" s="10"/>
    </row>
    <row r="15438" spans="14:14">
      <c r="N15438" s="10"/>
    </row>
    <row r="15439" spans="14:14">
      <c r="N15439" s="10"/>
    </row>
    <row r="15440" spans="14:14">
      <c r="N15440" s="10"/>
    </row>
    <row r="15441" spans="14:14">
      <c r="N15441" s="10"/>
    </row>
    <row r="15442" spans="14:14">
      <c r="N15442" s="10"/>
    </row>
    <row r="15443" spans="14:14">
      <c r="N15443" s="10"/>
    </row>
    <row r="15444" spans="14:14">
      <c r="N15444" s="10"/>
    </row>
    <row r="15445" spans="14:14">
      <c r="N15445" s="10"/>
    </row>
    <row r="15446" spans="14:14">
      <c r="N15446" s="10"/>
    </row>
    <row r="15447" spans="14:14">
      <c r="N15447" s="10"/>
    </row>
    <row r="15448" spans="14:14">
      <c r="N15448" s="10"/>
    </row>
    <row r="15449" spans="14:14">
      <c r="N15449" s="10"/>
    </row>
    <row r="15450" spans="14:14">
      <c r="N15450" s="10"/>
    </row>
    <row r="15451" spans="14:14">
      <c r="N15451" s="10"/>
    </row>
    <row r="15452" spans="14:14">
      <c r="N15452" s="10"/>
    </row>
    <row r="15453" spans="14:14">
      <c r="N15453" s="10"/>
    </row>
    <row r="15454" spans="14:14">
      <c r="N15454" s="10"/>
    </row>
    <row r="15455" spans="14:14">
      <c r="N15455" s="10"/>
    </row>
    <row r="15456" spans="14:14">
      <c r="N15456" s="10"/>
    </row>
    <row r="15457" spans="14:14">
      <c r="N15457" s="10"/>
    </row>
    <row r="15458" spans="14:14">
      <c r="N15458" s="10"/>
    </row>
    <row r="15459" spans="14:14">
      <c r="N15459" s="10"/>
    </row>
    <row r="15460" spans="14:14">
      <c r="N15460" s="10"/>
    </row>
    <row r="15461" spans="14:14">
      <c r="N15461" s="10"/>
    </row>
    <row r="15462" spans="14:14">
      <c r="N15462" s="10"/>
    </row>
    <row r="15463" spans="14:14">
      <c r="N15463" s="10"/>
    </row>
    <row r="15464" spans="14:14">
      <c r="N15464" s="10"/>
    </row>
    <row r="15465" spans="14:14">
      <c r="N15465" s="10"/>
    </row>
    <row r="15466" spans="14:14">
      <c r="N15466" s="10"/>
    </row>
    <row r="15467" spans="14:14">
      <c r="N15467" s="10"/>
    </row>
    <row r="15468" spans="14:14">
      <c r="N15468" s="10"/>
    </row>
    <row r="15469" spans="14:14">
      <c r="N15469" s="10"/>
    </row>
    <row r="15470" spans="14:14">
      <c r="N15470" s="10"/>
    </row>
    <row r="15471" spans="14:14">
      <c r="N15471" s="10"/>
    </row>
    <row r="15472" spans="14:14">
      <c r="N15472" s="10"/>
    </row>
    <row r="15473" spans="14:14">
      <c r="N15473" s="10"/>
    </row>
    <row r="15474" spans="14:14">
      <c r="N15474" s="10"/>
    </row>
    <row r="15475" spans="14:14">
      <c r="N15475" s="10"/>
    </row>
    <row r="15476" spans="14:14">
      <c r="N15476" s="10"/>
    </row>
    <row r="15477" spans="14:14">
      <c r="N15477" s="10"/>
    </row>
    <row r="15478" spans="14:14">
      <c r="N15478" s="10"/>
    </row>
    <row r="15479" spans="14:14">
      <c r="N15479" s="10"/>
    </row>
    <row r="15480" spans="14:14">
      <c r="N15480" s="10"/>
    </row>
    <row r="15481" spans="14:14">
      <c r="N15481" s="10"/>
    </row>
    <row r="15482" spans="14:14">
      <c r="N15482" s="10"/>
    </row>
    <row r="15483" spans="14:14">
      <c r="N15483" s="10"/>
    </row>
    <row r="15484" spans="14:14">
      <c r="N15484" s="10"/>
    </row>
    <row r="15485" spans="14:14">
      <c r="N15485" s="10"/>
    </row>
    <row r="15486" spans="14:14">
      <c r="N15486" s="10"/>
    </row>
    <row r="15487" spans="14:14">
      <c r="N15487" s="10"/>
    </row>
    <row r="15488" spans="14:14">
      <c r="N15488" s="10"/>
    </row>
    <row r="15489" spans="14:14">
      <c r="N15489" s="10"/>
    </row>
    <row r="15490" spans="14:14">
      <c r="N15490" s="10"/>
    </row>
    <row r="15491" spans="14:14">
      <c r="N15491" s="10"/>
    </row>
    <row r="15492" spans="14:14">
      <c r="N15492" s="10"/>
    </row>
    <row r="15493" spans="14:14">
      <c r="N15493" s="10"/>
    </row>
    <row r="15494" spans="14:14">
      <c r="N15494" s="10"/>
    </row>
    <row r="15495" spans="14:14">
      <c r="N15495" s="10"/>
    </row>
    <row r="15496" spans="14:14">
      <c r="N15496" s="10"/>
    </row>
    <row r="15497" spans="14:14">
      <c r="N15497" s="10"/>
    </row>
    <row r="15498" spans="14:14">
      <c r="N15498" s="10"/>
    </row>
    <row r="15499" spans="14:14">
      <c r="N15499" s="10"/>
    </row>
    <row r="15500" spans="14:14">
      <c r="N15500" s="10"/>
    </row>
    <row r="15501" spans="14:14">
      <c r="N15501" s="10"/>
    </row>
    <row r="15502" spans="14:14">
      <c r="N15502" s="10"/>
    </row>
    <row r="15503" spans="14:14">
      <c r="N15503" s="10"/>
    </row>
    <row r="15504" spans="14:14">
      <c r="N15504" s="10"/>
    </row>
    <row r="15505" spans="14:14">
      <c r="N15505" s="10"/>
    </row>
    <row r="15506" spans="14:14">
      <c r="N15506" s="10"/>
    </row>
    <row r="15507" spans="14:14">
      <c r="N15507" s="10"/>
    </row>
    <row r="15508" spans="14:14">
      <c r="N15508" s="10"/>
    </row>
    <row r="15509" spans="14:14">
      <c r="N15509" s="10"/>
    </row>
    <row r="15510" spans="14:14">
      <c r="N15510" s="10"/>
    </row>
    <row r="15511" spans="14:14">
      <c r="N15511" s="10"/>
    </row>
    <row r="15512" spans="14:14">
      <c r="N15512" s="10"/>
    </row>
    <row r="15513" spans="14:14">
      <c r="N15513" s="10"/>
    </row>
    <row r="15514" spans="14:14">
      <c r="N15514" s="10"/>
    </row>
    <row r="15515" spans="14:14">
      <c r="N15515" s="10"/>
    </row>
    <row r="15516" spans="14:14">
      <c r="N15516" s="10"/>
    </row>
    <row r="15517" spans="14:14">
      <c r="N15517" s="10"/>
    </row>
    <row r="15518" spans="14:14">
      <c r="N15518" s="10"/>
    </row>
    <row r="15519" spans="14:14">
      <c r="N15519" s="10"/>
    </row>
    <row r="15520" spans="14:14">
      <c r="N15520" s="10"/>
    </row>
    <row r="15521" spans="14:14">
      <c r="N15521" s="10"/>
    </row>
    <row r="15522" spans="14:14">
      <c r="N15522" s="10"/>
    </row>
    <row r="15523" spans="14:14">
      <c r="N15523" s="10"/>
    </row>
    <row r="15524" spans="14:14">
      <c r="N15524" s="10"/>
    </row>
    <row r="15525" spans="14:14">
      <c r="N15525" s="10"/>
    </row>
    <row r="15526" spans="14:14">
      <c r="N15526" s="10"/>
    </row>
    <row r="15527" spans="14:14">
      <c r="N15527" s="10"/>
    </row>
    <row r="15528" spans="14:14">
      <c r="N15528" s="10"/>
    </row>
    <row r="15529" spans="14:14">
      <c r="N15529" s="10"/>
    </row>
    <row r="15530" spans="14:14">
      <c r="N15530" s="10"/>
    </row>
    <row r="15531" spans="14:14">
      <c r="N15531" s="10"/>
    </row>
    <row r="15532" spans="14:14">
      <c r="N15532" s="10"/>
    </row>
    <row r="15533" spans="14:14">
      <c r="N15533" s="10"/>
    </row>
    <row r="15534" spans="14:14">
      <c r="N15534" s="10"/>
    </row>
    <row r="15535" spans="14:14">
      <c r="N15535" s="10"/>
    </row>
    <row r="15536" spans="14:14">
      <c r="N15536" s="10"/>
    </row>
    <row r="15537" spans="14:14">
      <c r="N15537" s="10"/>
    </row>
    <row r="15538" spans="14:14">
      <c r="N15538" s="10"/>
    </row>
    <row r="15539" spans="14:14">
      <c r="N15539" s="10"/>
    </row>
    <row r="15540" spans="14:14">
      <c r="N15540" s="10"/>
    </row>
    <row r="15541" spans="14:14">
      <c r="N15541" s="10"/>
    </row>
    <row r="15542" spans="14:14">
      <c r="N15542" s="10"/>
    </row>
    <row r="15543" spans="14:14">
      <c r="N15543" s="10"/>
    </row>
    <row r="15544" spans="14:14">
      <c r="N15544" s="10"/>
    </row>
    <row r="15545" spans="14:14">
      <c r="N15545" s="10"/>
    </row>
    <row r="15546" spans="14:14">
      <c r="N15546" s="10"/>
    </row>
    <row r="15547" spans="14:14">
      <c r="N15547" s="10"/>
    </row>
    <row r="15548" spans="14:14">
      <c r="N15548" s="10"/>
    </row>
    <row r="15549" spans="14:14">
      <c r="N15549" s="10"/>
    </row>
    <row r="15550" spans="14:14">
      <c r="N15550" s="10"/>
    </row>
    <row r="15551" spans="14:14">
      <c r="N15551" s="10"/>
    </row>
    <row r="15552" spans="14:14">
      <c r="N15552" s="10"/>
    </row>
    <row r="15553" spans="14:14">
      <c r="N15553" s="10"/>
    </row>
    <row r="15554" spans="14:14">
      <c r="N15554" s="10"/>
    </row>
    <row r="15555" spans="14:14">
      <c r="N15555" s="10"/>
    </row>
    <row r="15556" spans="14:14">
      <c r="N15556" s="10"/>
    </row>
    <row r="15557" spans="14:14">
      <c r="N15557" s="10"/>
    </row>
    <row r="15558" spans="14:14">
      <c r="N15558" s="10"/>
    </row>
    <row r="15559" spans="14:14">
      <c r="N15559" s="10"/>
    </row>
    <row r="15560" spans="14:14">
      <c r="N15560" s="10"/>
    </row>
    <row r="15561" spans="14:14">
      <c r="N15561" s="10"/>
    </row>
    <row r="15562" spans="14:14">
      <c r="N15562" s="10"/>
    </row>
    <row r="15563" spans="14:14">
      <c r="N15563" s="10"/>
    </row>
    <row r="15564" spans="14:14">
      <c r="N15564" s="10"/>
    </row>
    <row r="15565" spans="14:14">
      <c r="N15565" s="10"/>
    </row>
    <row r="15566" spans="14:14">
      <c r="N15566" s="10"/>
    </row>
    <row r="15567" spans="14:14">
      <c r="N15567" s="10"/>
    </row>
    <row r="15568" spans="14:14">
      <c r="N15568" s="10"/>
    </row>
    <row r="15569" spans="14:14">
      <c r="N15569" s="10"/>
    </row>
    <row r="15570" spans="14:14">
      <c r="N15570" s="10"/>
    </row>
    <row r="15571" spans="14:14">
      <c r="N15571" s="10"/>
    </row>
    <row r="15572" spans="14:14">
      <c r="N15572" s="10"/>
    </row>
    <row r="15573" spans="14:14">
      <c r="N15573" s="10"/>
    </row>
    <row r="15574" spans="14:14">
      <c r="N15574" s="10"/>
    </row>
    <row r="15575" spans="14:14">
      <c r="N15575" s="10"/>
    </row>
    <row r="15576" spans="14:14">
      <c r="N15576" s="10"/>
    </row>
    <row r="15577" spans="14:14">
      <c r="N15577" s="10"/>
    </row>
    <row r="15578" spans="14:14">
      <c r="N15578" s="10"/>
    </row>
    <row r="15579" spans="14:14">
      <c r="N15579" s="10"/>
    </row>
    <row r="15580" spans="14:14">
      <c r="N15580" s="10"/>
    </row>
    <row r="15581" spans="14:14">
      <c r="N15581" s="10"/>
    </row>
    <row r="15582" spans="14:14">
      <c r="N15582" s="10"/>
    </row>
    <row r="15583" spans="14:14">
      <c r="N15583" s="10"/>
    </row>
    <row r="15584" spans="14:14">
      <c r="N15584" s="10"/>
    </row>
    <row r="15585" spans="14:14">
      <c r="N15585" s="10"/>
    </row>
    <row r="15586" spans="14:14">
      <c r="N15586" s="10"/>
    </row>
    <row r="15587" spans="14:14">
      <c r="N15587" s="10"/>
    </row>
    <row r="15588" spans="14:14">
      <c r="N15588" s="10"/>
    </row>
    <row r="15589" spans="14:14">
      <c r="N15589" s="10"/>
    </row>
    <row r="15590" spans="14:14">
      <c r="N15590" s="10"/>
    </row>
    <row r="15591" spans="14:14">
      <c r="N15591" s="10"/>
    </row>
    <row r="15592" spans="14:14">
      <c r="N15592" s="10"/>
    </row>
    <row r="15593" spans="14:14">
      <c r="N15593" s="10"/>
    </row>
    <row r="15594" spans="14:14">
      <c r="N15594" s="10"/>
    </row>
    <row r="15595" spans="14:14">
      <c r="N15595" s="10"/>
    </row>
    <row r="15596" spans="14:14">
      <c r="N15596" s="10"/>
    </row>
    <row r="15597" spans="14:14">
      <c r="N15597" s="10"/>
    </row>
    <row r="15598" spans="14:14">
      <c r="N15598" s="10"/>
    </row>
    <row r="15599" spans="14:14">
      <c r="N15599" s="10"/>
    </row>
    <row r="15600" spans="14:14">
      <c r="N15600" s="10"/>
    </row>
    <row r="15601" spans="14:14">
      <c r="N15601" s="10"/>
    </row>
    <row r="15602" spans="14:14">
      <c r="N15602" s="10"/>
    </row>
    <row r="15603" spans="14:14">
      <c r="N15603" s="10"/>
    </row>
    <row r="15604" spans="14:14">
      <c r="N15604" s="10"/>
    </row>
    <row r="15605" spans="14:14">
      <c r="N15605" s="10"/>
    </row>
    <row r="15606" spans="14:14">
      <c r="N15606" s="10"/>
    </row>
    <row r="15607" spans="14:14">
      <c r="N15607" s="10"/>
    </row>
    <row r="15608" spans="14:14">
      <c r="N15608" s="10"/>
    </row>
    <row r="15609" spans="14:14">
      <c r="N15609" s="10"/>
    </row>
    <row r="15610" spans="14:14">
      <c r="N15610" s="10"/>
    </row>
    <row r="15611" spans="14:14">
      <c r="N15611" s="10"/>
    </row>
    <row r="15612" spans="14:14">
      <c r="N15612" s="10"/>
    </row>
    <row r="15613" spans="14:14">
      <c r="N15613" s="10"/>
    </row>
    <row r="15614" spans="14:14">
      <c r="N15614" s="10"/>
    </row>
    <row r="15615" spans="14:14">
      <c r="N15615" s="10"/>
    </row>
    <row r="15616" spans="14:14">
      <c r="N15616" s="10"/>
    </row>
    <row r="15617" spans="14:14">
      <c r="N15617" s="10"/>
    </row>
    <row r="15618" spans="14:14">
      <c r="N15618" s="10"/>
    </row>
    <row r="15619" spans="14:14">
      <c r="N15619" s="10"/>
    </row>
    <row r="15620" spans="14:14">
      <c r="N15620" s="10"/>
    </row>
    <row r="15621" spans="14:14">
      <c r="N15621" s="10"/>
    </row>
    <row r="15622" spans="14:14">
      <c r="N15622" s="10"/>
    </row>
    <row r="15623" spans="14:14">
      <c r="N15623" s="10"/>
    </row>
    <row r="15624" spans="14:14">
      <c r="N15624" s="10"/>
    </row>
    <row r="15625" spans="14:14">
      <c r="N15625" s="10"/>
    </row>
    <row r="15626" spans="14:14">
      <c r="N15626" s="10"/>
    </row>
    <row r="15627" spans="14:14">
      <c r="N15627" s="10"/>
    </row>
    <row r="15628" spans="14:14">
      <c r="N15628" s="10"/>
    </row>
    <row r="15629" spans="14:14">
      <c r="N15629" s="10"/>
    </row>
    <row r="15630" spans="14:14">
      <c r="N15630" s="10"/>
    </row>
    <row r="15631" spans="14:14">
      <c r="N15631" s="10"/>
    </row>
    <row r="15632" spans="14:14">
      <c r="N15632" s="10"/>
    </row>
    <row r="15633" spans="14:14">
      <c r="N15633" s="10"/>
    </row>
    <row r="15634" spans="14:14">
      <c r="N15634" s="10"/>
    </row>
    <row r="15635" spans="14:14">
      <c r="N15635" s="10"/>
    </row>
    <row r="15636" spans="14:14">
      <c r="N15636" s="10"/>
    </row>
    <row r="15637" spans="14:14">
      <c r="N15637" s="10"/>
    </row>
    <row r="15638" spans="14:14">
      <c r="N15638" s="10"/>
    </row>
    <row r="15639" spans="14:14">
      <c r="N15639" s="10"/>
    </row>
    <row r="15640" spans="14:14">
      <c r="N15640" s="10"/>
    </row>
    <row r="15641" spans="14:14">
      <c r="N15641" s="10"/>
    </row>
    <row r="15642" spans="14:14">
      <c r="N15642" s="10"/>
    </row>
    <row r="15643" spans="14:14">
      <c r="N15643" s="10"/>
    </row>
    <row r="15644" spans="14:14">
      <c r="N15644" s="10"/>
    </row>
    <row r="15645" spans="14:14">
      <c r="N15645" s="10"/>
    </row>
    <row r="15646" spans="14:14">
      <c r="N15646" s="10"/>
    </row>
    <row r="15647" spans="14:14">
      <c r="N15647" s="10"/>
    </row>
    <row r="15648" spans="14:14">
      <c r="N15648" s="10"/>
    </row>
    <row r="15649" spans="14:14">
      <c r="N15649" s="10"/>
    </row>
    <row r="15650" spans="14:14">
      <c r="N15650" s="10"/>
    </row>
    <row r="15651" spans="14:14">
      <c r="N15651" s="10"/>
    </row>
    <row r="15652" spans="14:14">
      <c r="N15652" s="10"/>
    </row>
    <row r="15653" spans="14:14">
      <c r="N15653" s="10"/>
    </row>
    <row r="15654" spans="14:14">
      <c r="N15654" s="10"/>
    </row>
    <row r="15655" spans="14:14">
      <c r="N15655" s="10"/>
    </row>
    <row r="15656" spans="14:14">
      <c r="N15656" s="10"/>
    </row>
    <row r="15657" spans="14:14">
      <c r="N15657" s="10"/>
    </row>
    <row r="15658" spans="14:14">
      <c r="N15658" s="10"/>
    </row>
    <row r="15659" spans="14:14">
      <c r="N15659" s="10"/>
    </row>
    <row r="15660" spans="14:14">
      <c r="N15660" s="10"/>
    </row>
    <row r="15661" spans="14:14">
      <c r="N15661" s="10"/>
    </row>
    <row r="15662" spans="14:14">
      <c r="N15662" s="10"/>
    </row>
    <row r="15663" spans="14:14">
      <c r="N15663" s="10"/>
    </row>
    <row r="15664" spans="14:14">
      <c r="N15664" s="10"/>
    </row>
    <row r="15665" spans="14:14">
      <c r="N15665" s="10"/>
    </row>
    <row r="15666" spans="14:14">
      <c r="N15666" s="10"/>
    </row>
    <row r="15667" spans="14:14">
      <c r="N15667" s="10"/>
    </row>
    <row r="15668" spans="14:14">
      <c r="N15668" s="10"/>
    </row>
    <row r="15669" spans="14:14">
      <c r="N15669" s="10"/>
    </row>
    <row r="15670" spans="14:14">
      <c r="N15670" s="10"/>
    </row>
    <row r="15671" spans="14:14">
      <c r="N15671" s="10"/>
    </row>
    <row r="15672" spans="14:14">
      <c r="N15672" s="10"/>
    </row>
    <row r="15673" spans="14:14">
      <c r="N15673" s="10"/>
    </row>
    <row r="15674" spans="14:14">
      <c r="N15674" s="10"/>
    </row>
    <row r="15675" spans="14:14">
      <c r="N15675" s="10"/>
    </row>
    <row r="15676" spans="14:14">
      <c r="N15676" s="10"/>
    </row>
    <row r="15677" spans="14:14">
      <c r="N15677" s="10"/>
    </row>
    <row r="15678" spans="14:14">
      <c r="N15678" s="10"/>
    </row>
    <row r="15679" spans="14:14">
      <c r="N15679" s="10"/>
    </row>
    <row r="15680" spans="14:14">
      <c r="N15680" s="10"/>
    </row>
    <row r="15681" spans="14:14">
      <c r="N15681" s="10"/>
    </row>
    <row r="15682" spans="14:14">
      <c r="N15682" s="10"/>
    </row>
    <row r="15683" spans="14:14">
      <c r="N15683" s="10"/>
    </row>
    <row r="15684" spans="14:14">
      <c r="N15684" s="10"/>
    </row>
    <row r="15685" spans="14:14">
      <c r="N15685" s="10"/>
    </row>
    <row r="15686" spans="14:14">
      <c r="N15686" s="10"/>
    </row>
    <row r="15687" spans="14:14">
      <c r="N15687" s="10"/>
    </row>
    <row r="15688" spans="14:14">
      <c r="N15688" s="10"/>
    </row>
    <row r="15689" spans="14:14">
      <c r="N15689" s="10"/>
    </row>
    <row r="15690" spans="14:14">
      <c r="N15690" s="10"/>
    </row>
    <row r="15691" spans="14:14">
      <c r="N15691" s="10"/>
    </row>
    <row r="15692" spans="14:14">
      <c r="N15692" s="10"/>
    </row>
    <row r="15693" spans="14:14">
      <c r="N15693" s="10"/>
    </row>
    <row r="15694" spans="14:14">
      <c r="N15694" s="10"/>
    </row>
    <row r="15695" spans="14:14">
      <c r="N15695" s="10"/>
    </row>
    <row r="15696" spans="14:14">
      <c r="N15696" s="10"/>
    </row>
    <row r="15697" spans="14:14">
      <c r="N15697" s="10"/>
    </row>
    <row r="15698" spans="14:14">
      <c r="N15698" s="10"/>
    </row>
    <row r="15699" spans="14:14">
      <c r="N15699" s="10"/>
    </row>
    <row r="15700" spans="14:14">
      <c r="N15700" s="10"/>
    </row>
    <row r="15701" spans="14:14">
      <c r="N15701" s="10"/>
    </row>
    <row r="15702" spans="14:14">
      <c r="N15702" s="10"/>
    </row>
    <row r="15703" spans="14:14">
      <c r="N15703" s="10"/>
    </row>
    <row r="15704" spans="14:14">
      <c r="N15704" s="10"/>
    </row>
    <row r="15705" spans="14:14">
      <c r="N15705" s="10"/>
    </row>
    <row r="15706" spans="14:14">
      <c r="N15706" s="10"/>
    </row>
    <row r="15707" spans="14:14">
      <c r="N15707" s="10"/>
    </row>
    <row r="15708" spans="14:14">
      <c r="N15708" s="10"/>
    </row>
    <row r="15709" spans="14:14">
      <c r="N15709" s="10"/>
    </row>
    <row r="15710" spans="14:14">
      <c r="N15710" s="10"/>
    </row>
    <row r="15711" spans="14:14">
      <c r="N15711" s="10"/>
    </row>
    <row r="15712" spans="14:14">
      <c r="N15712" s="10"/>
    </row>
    <row r="15713" spans="14:14">
      <c r="N15713" s="10"/>
    </row>
    <row r="15714" spans="14:14">
      <c r="N15714" s="10"/>
    </row>
    <row r="15715" spans="14:14">
      <c r="N15715" s="10"/>
    </row>
    <row r="15716" spans="14:14">
      <c r="N15716" s="10"/>
    </row>
    <row r="15717" spans="14:14">
      <c r="N15717" s="10"/>
    </row>
    <row r="15718" spans="14:14">
      <c r="N15718" s="10"/>
    </row>
    <row r="15719" spans="14:14">
      <c r="N15719" s="10"/>
    </row>
    <row r="15720" spans="14:14">
      <c r="N15720" s="10"/>
    </row>
    <row r="15721" spans="14:14">
      <c r="N15721" s="10"/>
    </row>
    <row r="15722" spans="14:14">
      <c r="N15722" s="10"/>
    </row>
    <row r="15723" spans="14:14">
      <c r="N15723" s="10"/>
    </row>
    <row r="15724" spans="14:14">
      <c r="N15724" s="10"/>
    </row>
    <row r="15725" spans="14:14">
      <c r="N15725" s="10"/>
    </row>
    <row r="15726" spans="14:14">
      <c r="N15726" s="10"/>
    </row>
    <row r="15727" spans="14:14">
      <c r="N15727" s="10"/>
    </row>
    <row r="15728" spans="14:14">
      <c r="N15728" s="10"/>
    </row>
    <row r="15729" spans="14:14">
      <c r="N15729" s="10"/>
    </row>
    <row r="15730" spans="14:14">
      <c r="N15730" s="10"/>
    </row>
    <row r="15731" spans="14:14">
      <c r="N15731" s="10"/>
    </row>
    <row r="15732" spans="14:14">
      <c r="N15732" s="10"/>
    </row>
    <row r="15733" spans="14:14">
      <c r="N15733" s="10"/>
    </row>
    <row r="15734" spans="14:14">
      <c r="N15734" s="10"/>
    </row>
    <row r="15735" spans="14:14">
      <c r="N15735" s="10"/>
    </row>
    <row r="15736" spans="14:14">
      <c r="N15736" s="10"/>
    </row>
    <row r="15737" spans="14:14">
      <c r="N15737" s="10"/>
    </row>
    <row r="15738" spans="14:14">
      <c r="N15738" s="10"/>
    </row>
    <row r="15739" spans="14:14">
      <c r="N15739" s="10"/>
    </row>
    <row r="15740" spans="14:14">
      <c r="N15740" s="10"/>
    </row>
    <row r="15741" spans="14:14">
      <c r="N15741" s="10"/>
    </row>
    <row r="15742" spans="14:14">
      <c r="N15742" s="10"/>
    </row>
    <row r="15743" spans="14:14">
      <c r="N15743" s="10"/>
    </row>
    <row r="15744" spans="14:14">
      <c r="N15744" s="10"/>
    </row>
    <row r="15745" spans="14:14">
      <c r="N15745" s="10"/>
    </row>
    <row r="15746" spans="14:14">
      <c r="N15746" s="10"/>
    </row>
    <row r="15747" spans="14:14">
      <c r="N15747" s="10"/>
    </row>
    <row r="15748" spans="14:14">
      <c r="N15748" s="10"/>
    </row>
    <row r="15749" spans="14:14">
      <c r="N15749" s="10"/>
    </row>
    <row r="15750" spans="14:14">
      <c r="N15750" s="10"/>
    </row>
    <row r="15751" spans="14:14">
      <c r="N15751" s="10"/>
    </row>
    <row r="15752" spans="14:14">
      <c r="N15752" s="10"/>
    </row>
    <row r="15753" spans="14:14">
      <c r="N15753" s="10"/>
    </row>
    <row r="15754" spans="14:14">
      <c r="N15754" s="10"/>
    </row>
    <row r="15755" spans="14:14">
      <c r="N15755" s="10"/>
    </row>
    <row r="15756" spans="14:14">
      <c r="N15756" s="10"/>
    </row>
    <row r="15757" spans="14:14">
      <c r="N15757" s="10"/>
    </row>
    <row r="15758" spans="14:14">
      <c r="N15758" s="10"/>
    </row>
    <row r="15759" spans="14:14">
      <c r="N15759" s="10"/>
    </row>
    <row r="15760" spans="14:14">
      <c r="N15760" s="10"/>
    </row>
    <row r="15761" spans="14:14">
      <c r="N15761" s="10"/>
    </row>
    <row r="15762" spans="14:14">
      <c r="N15762" s="10"/>
    </row>
    <row r="15763" spans="14:14">
      <c r="N15763" s="10"/>
    </row>
    <row r="15764" spans="14:14">
      <c r="N15764" s="10"/>
    </row>
    <row r="15765" spans="14:14">
      <c r="N15765" s="10"/>
    </row>
    <row r="15766" spans="14:14">
      <c r="N15766" s="10"/>
    </row>
    <row r="15767" spans="14:14">
      <c r="N15767" s="10"/>
    </row>
    <row r="15768" spans="14:14">
      <c r="N15768" s="10"/>
    </row>
    <row r="15769" spans="14:14">
      <c r="N15769" s="10"/>
    </row>
    <row r="15770" spans="14:14">
      <c r="N15770" s="10"/>
    </row>
    <row r="15771" spans="14:14">
      <c r="N15771" s="10"/>
    </row>
    <row r="15772" spans="14:14">
      <c r="N15772" s="10"/>
    </row>
    <row r="15773" spans="14:14">
      <c r="N15773" s="10"/>
    </row>
    <row r="15774" spans="14:14">
      <c r="N15774" s="10"/>
    </row>
    <row r="15775" spans="14:14">
      <c r="N15775" s="10"/>
    </row>
    <row r="15776" spans="14:14">
      <c r="N15776" s="10"/>
    </row>
    <row r="15777" spans="14:14">
      <c r="N15777" s="10"/>
    </row>
    <row r="15778" spans="14:14">
      <c r="N15778" s="10"/>
    </row>
    <row r="15779" spans="14:14">
      <c r="N15779" s="10"/>
    </row>
    <row r="15780" spans="14:14">
      <c r="N15780" s="10"/>
    </row>
    <row r="15781" spans="14:14">
      <c r="N15781" s="10"/>
    </row>
    <row r="15782" spans="14:14">
      <c r="N15782" s="10"/>
    </row>
    <row r="15783" spans="14:14">
      <c r="N15783" s="10"/>
    </row>
    <row r="15784" spans="14:14">
      <c r="N15784" s="10"/>
    </row>
    <row r="15785" spans="14:14">
      <c r="N15785" s="10"/>
    </row>
    <row r="15786" spans="14:14">
      <c r="N15786" s="10"/>
    </row>
    <row r="15787" spans="14:14">
      <c r="N15787" s="10"/>
    </row>
    <row r="15788" spans="14:14">
      <c r="N15788" s="10"/>
    </row>
    <row r="15789" spans="14:14">
      <c r="N15789" s="10"/>
    </row>
    <row r="15790" spans="14:14">
      <c r="N15790" s="10"/>
    </row>
    <row r="15791" spans="14:14">
      <c r="N15791" s="10"/>
    </row>
    <row r="15792" spans="14:14">
      <c r="N15792" s="10"/>
    </row>
    <row r="15793" spans="14:14">
      <c r="N15793" s="10"/>
    </row>
    <row r="15794" spans="14:14">
      <c r="N15794" s="10"/>
    </row>
    <row r="15795" spans="14:14">
      <c r="N15795" s="10"/>
    </row>
    <row r="15796" spans="14:14">
      <c r="N15796" s="10"/>
    </row>
    <row r="15797" spans="14:14">
      <c r="N15797" s="10"/>
    </row>
    <row r="15798" spans="14:14">
      <c r="N15798" s="10"/>
    </row>
    <row r="15799" spans="14:14">
      <c r="N15799" s="10"/>
    </row>
    <row r="15800" spans="14:14">
      <c r="N15800" s="10"/>
    </row>
    <row r="15801" spans="14:14">
      <c r="N15801" s="10"/>
    </row>
    <row r="15802" spans="14:14">
      <c r="N15802" s="10"/>
    </row>
    <row r="15803" spans="14:14">
      <c r="N15803" s="10"/>
    </row>
    <row r="15804" spans="14:14">
      <c r="N15804" s="10"/>
    </row>
    <row r="15805" spans="14:14">
      <c r="N15805" s="10"/>
    </row>
    <row r="15806" spans="14:14">
      <c r="N15806" s="10"/>
    </row>
    <row r="15807" spans="14:14">
      <c r="N15807" s="10"/>
    </row>
    <row r="15808" spans="14:14">
      <c r="N15808" s="10"/>
    </row>
    <row r="15809" spans="14:14">
      <c r="N15809" s="10"/>
    </row>
    <row r="15810" spans="14:14">
      <c r="N15810" s="10"/>
    </row>
    <row r="15811" spans="14:14">
      <c r="N15811" s="10"/>
    </row>
    <row r="15812" spans="14:14">
      <c r="N15812" s="10"/>
    </row>
    <row r="15813" spans="14:14">
      <c r="N15813" s="10"/>
    </row>
    <row r="15814" spans="14:14">
      <c r="N15814" s="10"/>
    </row>
    <row r="15815" spans="14:14">
      <c r="N15815" s="10"/>
    </row>
    <row r="15816" spans="14:14">
      <c r="N15816" s="10"/>
    </row>
    <row r="15817" spans="14:14">
      <c r="N15817" s="10"/>
    </row>
    <row r="15818" spans="14:14">
      <c r="N15818" s="10"/>
    </row>
    <row r="15819" spans="14:14">
      <c r="N15819" s="10"/>
    </row>
    <row r="15820" spans="14:14">
      <c r="N15820" s="10"/>
    </row>
    <row r="15821" spans="14:14">
      <c r="N15821" s="10"/>
    </row>
    <row r="15822" spans="14:14">
      <c r="N15822" s="10"/>
    </row>
    <row r="15823" spans="14:14">
      <c r="N15823" s="10"/>
    </row>
    <row r="15824" spans="14:14">
      <c r="N15824" s="10"/>
    </row>
    <row r="15825" spans="14:14">
      <c r="N15825" s="10"/>
    </row>
    <row r="15826" spans="14:14">
      <c r="N15826" s="10"/>
    </row>
    <row r="15827" spans="14:14">
      <c r="N15827" s="10"/>
    </row>
    <row r="15828" spans="14:14">
      <c r="N15828" s="10"/>
    </row>
    <row r="15829" spans="14:14">
      <c r="N15829" s="10"/>
    </row>
    <row r="15830" spans="14:14">
      <c r="N15830" s="10"/>
    </row>
    <row r="15831" spans="14:14">
      <c r="N15831" s="10"/>
    </row>
    <row r="15832" spans="14:14">
      <c r="N15832" s="10"/>
    </row>
    <row r="15833" spans="14:14">
      <c r="N15833" s="10"/>
    </row>
    <row r="15834" spans="14:14">
      <c r="N15834" s="10"/>
    </row>
    <row r="15835" spans="14:14">
      <c r="N15835" s="10"/>
    </row>
    <row r="15836" spans="14:14">
      <c r="N15836" s="10"/>
    </row>
    <row r="15837" spans="14:14">
      <c r="N15837" s="10"/>
    </row>
    <row r="15838" spans="14:14">
      <c r="N15838" s="10"/>
    </row>
    <row r="15839" spans="14:14">
      <c r="N15839" s="10"/>
    </row>
    <row r="15840" spans="14:14">
      <c r="N15840" s="10"/>
    </row>
    <row r="15841" spans="14:14">
      <c r="N15841" s="10"/>
    </row>
    <row r="15842" spans="14:14">
      <c r="N15842" s="10"/>
    </row>
    <row r="15843" spans="14:14">
      <c r="N15843" s="10"/>
    </row>
    <row r="15844" spans="14:14">
      <c r="N15844" s="10"/>
    </row>
    <row r="15845" spans="14:14">
      <c r="N15845" s="10"/>
    </row>
    <row r="15846" spans="14:14">
      <c r="N15846" s="10"/>
    </row>
    <row r="15847" spans="14:14">
      <c r="N15847" s="10"/>
    </row>
    <row r="15848" spans="14:14">
      <c r="N15848" s="10"/>
    </row>
    <row r="15849" spans="14:14">
      <c r="N15849" s="10"/>
    </row>
    <row r="15850" spans="14:14">
      <c r="N15850" s="10"/>
    </row>
    <row r="15851" spans="14:14">
      <c r="N15851" s="10"/>
    </row>
    <row r="15852" spans="14:14">
      <c r="N15852" s="10"/>
    </row>
    <row r="15853" spans="14:14">
      <c r="N15853" s="10"/>
    </row>
    <row r="15854" spans="14:14">
      <c r="N15854" s="10"/>
    </row>
    <row r="15855" spans="14:14">
      <c r="N15855" s="10"/>
    </row>
    <row r="15856" spans="14:14">
      <c r="N15856" s="10"/>
    </row>
    <row r="15857" spans="14:14">
      <c r="N15857" s="10"/>
    </row>
    <row r="15858" spans="14:14">
      <c r="N15858" s="10"/>
    </row>
    <row r="15859" spans="14:14">
      <c r="N15859" s="10"/>
    </row>
    <row r="15860" spans="14:14">
      <c r="N15860" s="10"/>
    </row>
    <row r="15861" spans="14:14">
      <c r="N15861" s="10"/>
    </row>
    <row r="15862" spans="14:14">
      <c r="N15862" s="10"/>
    </row>
    <row r="15863" spans="14:14">
      <c r="N15863" s="10"/>
    </row>
    <row r="15864" spans="14:14">
      <c r="N15864" s="10"/>
    </row>
    <row r="15865" spans="14:14">
      <c r="N15865" s="10"/>
    </row>
    <row r="15866" spans="14:14">
      <c r="N15866" s="10"/>
    </row>
    <row r="15867" spans="14:14">
      <c r="N15867" s="10"/>
    </row>
    <row r="15868" spans="14:14">
      <c r="N15868" s="10"/>
    </row>
    <row r="15869" spans="14:14">
      <c r="N15869" s="10"/>
    </row>
    <row r="15870" spans="14:14">
      <c r="N15870" s="10"/>
    </row>
    <row r="15871" spans="14:14">
      <c r="N15871" s="10"/>
    </row>
    <row r="15872" spans="14:14">
      <c r="N15872" s="10"/>
    </row>
    <row r="15873" spans="14:14">
      <c r="N15873" s="10"/>
    </row>
    <row r="15874" spans="14:14">
      <c r="N15874" s="10"/>
    </row>
    <row r="15875" spans="14:14">
      <c r="N15875" s="10"/>
    </row>
    <row r="15876" spans="14:14">
      <c r="N15876" s="10"/>
    </row>
    <row r="15877" spans="14:14">
      <c r="N15877" s="10"/>
    </row>
    <row r="15878" spans="14:14">
      <c r="N15878" s="10"/>
    </row>
    <row r="15879" spans="14:14">
      <c r="N15879" s="10"/>
    </row>
    <row r="15880" spans="14:14">
      <c r="N15880" s="10"/>
    </row>
    <row r="15881" spans="14:14">
      <c r="N15881" s="10"/>
    </row>
    <row r="15882" spans="14:14">
      <c r="N15882" s="10"/>
    </row>
    <row r="15883" spans="14:14">
      <c r="N15883" s="10"/>
    </row>
    <row r="15884" spans="14:14">
      <c r="N15884" s="10"/>
    </row>
    <row r="15885" spans="14:14">
      <c r="N15885" s="10"/>
    </row>
    <row r="15886" spans="14:14">
      <c r="N15886" s="10"/>
    </row>
    <row r="15887" spans="14:14">
      <c r="N15887" s="10"/>
    </row>
    <row r="15888" spans="14:14">
      <c r="N15888" s="10"/>
    </row>
    <row r="15889" spans="14:14">
      <c r="N15889" s="10"/>
    </row>
    <row r="15890" spans="14:14">
      <c r="N15890" s="10"/>
    </row>
    <row r="15891" spans="14:14">
      <c r="N15891" s="10"/>
    </row>
    <row r="15892" spans="14:14">
      <c r="N15892" s="10"/>
    </row>
    <row r="15893" spans="14:14">
      <c r="N15893" s="10"/>
    </row>
    <row r="15894" spans="14:14">
      <c r="N15894" s="10"/>
    </row>
    <row r="15895" spans="14:14">
      <c r="N15895" s="10"/>
    </row>
    <row r="15896" spans="14:14">
      <c r="N15896" s="10"/>
    </row>
    <row r="15897" spans="14:14">
      <c r="N15897" s="10"/>
    </row>
    <row r="15898" spans="14:14">
      <c r="N15898" s="10"/>
    </row>
    <row r="15899" spans="14:14">
      <c r="N15899" s="10"/>
    </row>
    <row r="15900" spans="14:14">
      <c r="N15900" s="10"/>
    </row>
    <row r="15901" spans="14:14">
      <c r="N15901" s="10"/>
    </row>
    <row r="15902" spans="14:14">
      <c r="N15902" s="10"/>
    </row>
    <row r="15903" spans="14:14">
      <c r="N15903" s="10"/>
    </row>
    <row r="15904" spans="14:14">
      <c r="N15904" s="10"/>
    </row>
    <row r="15905" spans="14:14">
      <c r="N15905" s="10"/>
    </row>
    <row r="15906" spans="14:14">
      <c r="N15906" s="10"/>
    </row>
    <row r="15907" spans="14:14">
      <c r="N15907" s="10"/>
    </row>
    <row r="15908" spans="14:14">
      <c r="N15908" s="10"/>
    </row>
    <row r="15909" spans="14:14">
      <c r="N15909" s="10"/>
    </row>
    <row r="15910" spans="14:14">
      <c r="N15910" s="10"/>
    </row>
    <row r="15911" spans="14:14">
      <c r="N15911" s="10"/>
    </row>
    <row r="15912" spans="14:14">
      <c r="N15912" s="10"/>
    </row>
    <row r="15913" spans="14:14">
      <c r="N15913" s="10"/>
    </row>
    <row r="15914" spans="14:14">
      <c r="N15914" s="10"/>
    </row>
    <row r="15915" spans="14:14">
      <c r="N15915" s="10"/>
    </row>
    <row r="15916" spans="14:14">
      <c r="N15916" s="10"/>
    </row>
    <row r="15917" spans="14:14">
      <c r="N15917" s="10"/>
    </row>
    <row r="15918" spans="14:14">
      <c r="N15918" s="10"/>
    </row>
    <row r="15919" spans="14:14">
      <c r="N15919" s="10"/>
    </row>
    <row r="15920" spans="14:14">
      <c r="N15920" s="10"/>
    </row>
    <row r="15921" spans="14:14">
      <c r="N15921" s="10"/>
    </row>
    <row r="15922" spans="14:14">
      <c r="N15922" s="10"/>
    </row>
    <row r="15923" spans="14:14">
      <c r="N15923" s="10"/>
    </row>
    <row r="15924" spans="14:14">
      <c r="N15924" s="10"/>
    </row>
    <row r="15925" spans="14:14">
      <c r="N15925" s="10"/>
    </row>
    <row r="15926" spans="14:14">
      <c r="N15926" s="10"/>
    </row>
    <row r="15927" spans="14:14">
      <c r="N15927" s="10"/>
    </row>
    <row r="15928" spans="14:14">
      <c r="N15928" s="10"/>
    </row>
    <row r="15929" spans="14:14">
      <c r="N15929" s="10"/>
    </row>
    <row r="15930" spans="14:14">
      <c r="N15930" s="10"/>
    </row>
    <row r="15931" spans="14:14">
      <c r="N15931" s="10"/>
    </row>
    <row r="15932" spans="14:14">
      <c r="N15932" s="10"/>
    </row>
    <row r="15933" spans="14:14">
      <c r="N15933" s="10"/>
    </row>
    <row r="15934" spans="14:14">
      <c r="N15934" s="10"/>
    </row>
    <row r="15935" spans="14:14">
      <c r="N15935" s="10"/>
    </row>
    <row r="15936" spans="14:14">
      <c r="N15936" s="10"/>
    </row>
    <row r="15937" spans="14:14">
      <c r="N15937" s="10"/>
    </row>
    <row r="15938" spans="14:14">
      <c r="N15938" s="10"/>
    </row>
    <row r="15939" spans="14:14">
      <c r="N15939" s="10"/>
    </row>
    <row r="15940" spans="14:14">
      <c r="N15940" s="10"/>
    </row>
    <row r="15941" spans="14:14">
      <c r="N15941" s="10"/>
    </row>
    <row r="15942" spans="14:14">
      <c r="N15942" s="10"/>
    </row>
    <row r="15943" spans="14:14">
      <c r="N15943" s="10"/>
    </row>
    <row r="15944" spans="14:14">
      <c r="N15944" s="10"/>
    </row>
    <row r="15945" spans="14:14">
      <c r="N15945" s="10"/>
    </row>
    <row r="15946" spans="14:14">
      <c r="N15946" s="10"/>
    </row>
    <row r="15947" spans="14:14">
      <c r="N15947" s="10"/>
    </row>
    <row r="15948" spans="14:14">
      <c r="N15948" s="10"/>
    </row>
    <row r="15949" spans="14:14">
      <c r="N15949" s="10"/>
    </row>
    <row r="15950" spans="14:14">
      <c r="N15950" s="10"/>
    </row>
    <row r="15951" spans="14:14">
      <c r="N15951" s="10"/>
    </row>
    <row r="15952" spans="14:14">
      <c r="N15952" s="10"/>
    </row>
    <row r="15953" spans="14:14">
      <c r="N15953" s="10"/>
    </row>
    <row r="15954" spans="14:14">
      <c r="N15954" s="10"/>
    </row>
    <row r="15955" spans="14:14">
      <c r="N15955" s="10"/>
    </row>
    <row r="15956" spans="14:14">
      <c r="N15956" s="10"/>
    </row>
    <row r="15957" spans="14:14">
      <c r="N15957" s="10"/>
    </row>
    <row r="15958" spans="14:14">
      <c r="N15958" s="10"/>
    </row>
    <row r="15959" spans="14:14">
      <c r="N15959" s="10"/>
    </row>
    <row r="15960" spans="14:14">
      <c r="N15960" s="10"/>
    </row>
    <row r="15961" spans="14:14">
      <c r="N15961" s="10"/>
    </row>
    <row r="15962" spans="14:14">
      <c r="N15962" s="10"/>
    </row>
    <row r="15963" spans="14:14">
      <c r="N15963" s="10"/>
    </row>
    <row r="15964" spans="14:14">
      <c r="N15964" s="10"/>
    </row>
    <row r="15965" spans="14:14">
      <c r="N15965" s="10"/>
    </row>
    <row r="15966" spans="14:14">
      <c r="N15966" s="10"/>
    </row>
    <row r="15967" spans="14:14">
      <c r="N15967" s="10"/>
    </row>
    <row r="15968" spans="14:14">
      <c r="N15968" s="10"/>
    </row>
    <row r="15969" spans="14:14">
      <c r="N15969" s="10"/>
    </row>
    <row r="15970" spans="14:14">
      <c r="N15970" s="10"/>
    </row>
    <row r="15971" spans="14:14">
      <c r="N15971" s="10"/>
    </row>
    <row r="15972" spans="14:14">
      <c r="N15972" s="10"/>
    </row>
    <row r="15973" spans="14:14">
      <c r="N15973" s="10"/>
    </row>
    <row r="15974" spans="14:14">
      <c r="N15974" s="10"/>
    </row>
    <row r="15975" spans="14:14">
      <c r="N15975" s="10"/>
    </row>
    <row r="15976" spans="14:14">
      <c r="N15976" s="10"/>
    </row>
    <row r="15977" spans="14:14">
      <c r="N15977" s="10"/>
    </row>
    <row r="15978" spans="14:14">
      <c r="N15978" s="10"/>
    </row>
    <row r="15979" spans="14:14">
      <c r="N15979" s="10"/>
    </row>
    <row r="15980" spans="14:14">
      <c r="N15980" s="10"/>
    </row>
    <row r="15981" spans="14:14">
      <c r="N15981" s="10"/>
    </row>
    <row r="15982" spans="14:14">
      <c r="N15982" s="10"/>
    </row>
    <row r="15983" spans="14:14">
      <c r="N15983" s="10"/>
    </row>
    <row r="15984" spans="14:14">
      <c r="N15984" s="10"/>
    </row>
    <row r="15985" spans="14:14">
      <c r="N15985" s="10"/>
    </row>
    <row r="15986" spans="14:14">
      <c r="N15986" s="10"/>
    </row>
    <row r="15987" spans="14:14">
      <c r="N15987" s="10"/>
    </row>
    <row r="15988" spans="14:14">
      <c r="N15988" s="10"/>
    </row>
    <row r="15989" spans="14:14">
      <c r="N15989" s="10"/>
    </row>
    <row r="15990" spans="14:14">
      <c r="N15990" s="10"/>
    </row>
    <row r="15991" spans="14:14">
      <c r="N15991" s="10"/>
    </row>
    <row r="15992" spans="14:14">
      <c r="N15992" s="10"/>
    </row>
    <row r="15993" spans="14:14">
      <c r="N15993" s="10"/>
    </row>
    <row r="15994" spans="14:14">
      <c r="N15994" s="10"/>
    </row>
    <row r="15995" spans="14:14">
      <c r="N15995" s="10"/>
    </row>
    <row r="15996" spans="14:14">
      <c r="N15996" s="10"/>
    </row>
    <row r="15997" spans="14:14">
      <c r="N15997" s="10"/>
    </row>
    <row r="15998" spans="14:14">
      <c r="N15998" s="10"/>
    </row>
    <row r="15999" spans="14:14">
      <c r="N15999" s="10"/>
    </row>
    <row r="16000" spans="14:14">
      <c r="N16000" s="10"/>
    </row>
    <row r="16001" spans="14:14">
      <c r="N16001" s="10"/>
    </row>
    <row r="16002" spans="14:14">
      <c r="N16002" s="10"/>
    </row>
    <row r="16003" spans="14:14">
      <c r="N16003" s="10"/>
    </row>
    <row r="16004" spans="14:14">
      <c r="N16004" s="10"/>
    </row>
    <row r="16005" spans="14:14">
      <c r="N16005" s="10"/>
    </row>
    <row r="16006" spans="14:14">
      <c r="N16006" s="10"/>
    </row>
    <row r="16007" spans="14:14">
      <c r="N16007" s="10"/>
    </row>
    <row r="16008" spans="14:14">
      <c r="N16008" s="10"/>
    </row>
    <row r="16009" spans="14:14">
      <c r="N16009" s="10"/>
    </row>
    <row r="16010" spans="14:14">
      <c r="N16010" s="10"/>
    </row>
    <row r="16011" spans="14:14">
      <c r="N16011" s="10"/>
    </row>
    <row r="16012" spans="14:14">
      <c r="N16012" s="10"/>
    </row>
    <row r="16013" spans="14:14">
      <c r="N16013" s="10"/>
    </row>
    <row r="16014" spans="14:14">
      <c r="N16014" s="10"/>
    </row>
    <row r="16015" spans="14:14">
      <c r="N16015" s="10"/>
    </row>
    <row r="16016" spans="14:14">
      <c r="N16016" s="10"/>
    </row>
    <row r="16017" spans="14:14">
      <c r="N16017" s="10"/>
    </row>
    <row r="16018" spans="14:14">
      <c r="N16018" s="10"/>
    </row>
    <row r="16019" spans="14:14">
      <c r="N16019" s="10"/>
    </row>
    <row r="16020" spans="14:14">
      <c r="N16020" s="10"/>
    </row>
    <row r="16021" spans="14:14">
      <c r="N16021" s="10"/>
    </row>
    <row r="16022" spans="14:14">
      <c r="N16022" s="10"/>
    </row>
    <row r="16023" spans="14:14">
      <c r="N16023" s="10"/>
    </row>
    <row r="16024" spans="14:14">
      <c r="N16024" s="10"/>
    </row>
    <row r="16025" spans="14:14">
      <c r="N16025" s="10"/>
    </row>
    <row r="16026" spans="14:14">
      <c r="N16026" s="10"/>
    </row>
    <row r="16027" spans="14:14">
      <c r="N16027" s="10"/>
    </row>
    <row r="16028" spans="14:14">
      <c r="N16028" s="10"/>
    </row>
    <row r="16029" spans="14:14">
      <c r="N16029" s="10"/>
    </row>
    <row r="16030" spans="14:14">
      <c r="N16030" s="10"/>
    </row>
    <row r="16031" spans="14:14">
      <c r="N16031" s="10"/>
    </row>
    <row r="16032" spans="14:14">
      <c r="N16032" s="10"/>
    </row>
    <row r="16033" spans="14:14">
      <c r="N16033" s="10"/>
    </row>
    <row r="16034" spans="14:14">
      <c r="N16034" s="10"/>
    </row>
    <row r="16035" spans="14:14">
      <c r="N16035" s="10"/>
    </row>
    <row r="16036" spans="14:14">
      <c r="N16036" s="10"/>
    </row>
    <row r="16037" spans="14:14">
      <c r="N16037" s="10"/>
    </row>
    <row r="16038" spans="14:14">
      <c r="N16038" s="10"/>
    </row>
    <row r="16039" spans="14:14">
      <c r="N16039" s="10"/>
    </row>
    <row r="16040" spans="14:14">
      <c r="N16040" s="10"/>
    </row>
    <row r="16041" spans="14:14">
      <c r="N16041" s="10"/>
    </row>
    <row r="16042" spans="14:14">
      <c r="N16042" s="10"/>
    </row>
    <row r="16043" spans="14:14">
      <c r="N16043" s="10"/>
    </row>
    <row r="16044" spans="14:14">
      <c r="N16044" s="10"/>
    </row>
    <row r="16045" spans="14:14">
      <c r="N16045" s="10"/>
    </row>
    <row r="16046" spans="14:14">
      <c r="N16046" s="10"/>
    </row>
    <row r="16047" spans="14:14">
      <c r="N16047" s="10"/>
    </row>
    <row r="16048" spans="14:14">
      <c r="N16048" s="10"/>
    </row>
    <row r="16049" spans="14:14">
      <c r="N16049" s="10"/>
    </row>
    <row r="16050" spans="14:14">
      <c r="N16050" s="10"/>
    </row>
    <row r="16051" spans="14:14">
      <c r="N16051" s="10"/>
    </row>
    <row r="16052" spans="14:14">
      <c r="N16052" s="10"/>
    </row>
    <row r="16053" spans="14:14">
      <c r="N16053" s="10"/>
    </row>
    <row r="16054" spans="14:14">
      <c r="N16054" s="10"/>
    </row>
    <row r="16055" spans="14:14">
      <c r="N16055" s="10"/>
    </row>
    <row r="16056" spans="14:14">
      <c r="N16056" s="10"/>
    </row>
    <row r="16057" spans="14:14">
      <c r="N16057" s="10"/>
    </row>
    <row r="16058" spans="14:14">
      <c r="N16058" s="10"/>
    </row>
    <row r="16059" spans="14:14">
      <c r="N16059" s="10"/>
    </row>
    <row r="16060" spans="14:14">
      <c r="N16060" s="10"/>
    </row>
    <row r="16061" spans="14:14">
      <c r="N16061" s="10"/>
    </row>
    <row r="16062" spans="14:14">
      <c r="N16062" s="10"/>
    </row>
    <row r="16063" spans="14:14">
      <c r="N16063" s="10"/>
    </row>
    <row r="16064" spans="14:14">
      <c r="N16064" s="10"/>
    </row>
    <row r="16065" spans="14:14">
      <c r="N16065" s="10"/>
    </row>
    <row r="16066" spans="14:14">
      <c r="N16066" s="10"/>
    </row>
    <row r="16067" spans="14:14">
      <c r="N16067" s="10"/>
    </row>
    <row r="16068" spans="14:14">
      <c r="N16068" s="10"/>
    </row>
    <row r="16069" spans="14:14">
      <c r="N16069" s="10"/>
    </row>
    <row r="16070" spans="14:14">
      <c r="N16070" s="10"/>
    </row>
    <row r="16071" spans="14:14">
      <c r="N16071" s="10"/>
    </row>
    <row r="16072" spans="14:14">
      <c r="N16072" s="10"/>
    </row>
    <row r="16073" spans="14:14">
      <c r="N16073" s="10"/>
    </row>
    <row r="16074" spans="14:14">
      <c r="N16074" s="10"/>
    </row>
    <row r="16075" spans="14:14">
      <c r="N16075" s="10"/>
    </row>
    <row r="16076" spans="14:14">
      <c r="N16076" s="10"/>
    </row>
    <row r="16077" spans="14:14">
      <c r="N16077" s="10"/>
    </row>
    <row r="16078" spans="14:14">
      <c r="N16078" s="10"/>
    </row>
    <row r="16079" spans="14:14">
      <c r="N16079" s="10"/>
    </row>
    <row r="16080" spans="14:14">
      <c r="N16080" s="10"/>
    </row>
    <row r="16081" spans="14:14">
      <c r="N16081" s="10"/>
    </row>
    <row r="16082" spans="14:14">
      <c r="N16082" s="10"/>
    </row>
    <row r="16083" spans="14:14">
      <c r="N16083" s="10"/>
    </row>
    <row r="16084" spans="14:14">
      <c r="N16084" s="10"/>
    </row>
    <row r="16085" spans="14:14">
      <c r="N16085" s="10"/>
    </row>
    <row r="16086" spans="14:14">
      <c r="N16086" s="10"/>
    </row>
    <row r="16087" spans="14:14">
      <c r="N16087" s="10"/>
    </row>
    <row r="16088" spans="14:14">
      <c r="N16088" s="10"/>
    </row>
    <row r="16089" spans="14:14">
      <c r="N16089" s="10"/>
    </row>
    <row r="16090" spans="14:14">
      <c r="N16090" s="10"/>
    </row>
    <row r="16091" spans="14:14">
      <c r="N16091" s="10"/>
    </row>
    <row r="16092" spans="14:14">
      <c r="N16092" s="10"/>
    </row>
    <row r="16093" spans="14:14">
      <c r="N16093" s="10"/>
    </row>
    <row r="16094" spans="14:14">
      <c r="N16094" s="10"/>
    </row>
    <row r="16095" spans="14:14">
      <c r="N16095" s="10"/>
    </row>
    <row r="16096" spans="14:14">
      <c r="N16096" s="10"/>
    </row>
    <row r="16097" spans="14:14">
      <c r="N16097" s="10"/>
    </row>
    <row r="16098" spans="14:14">
      <c r="N16098" s="10"/>
    </row>
    <row r="16099" spans="14:14">
      <c r="N16099" s="10"/>
    </row>
    <row r="16100" spans="14:14">
      <c r="N16100" s="10"/>
    </row>
    <row r="16101" spans="14:14">
      <c r="N16101" s="10"/>
    </row>
    <row r="16102" spans="14:14">
      <c r="N16102" s="10"/>
    </row>
    <row r="16103" spans="14:14">
      <c r="N16103" s="10"/>
    </row>
    <row r="16104" spans="14:14">
      <c r="N16104" s="10"/>
    </row>
    <row r="16105" spans="14:14">
      <c r="N16105" s="10"/>
    </row>
    <row r="16106" spans="14:14">
      <c r="N16106" s="10"/>
    </row>
    <row r="16107" spans="14:14">
      <c r="N16107" s="10"/>
    </row>
    <row r="16108" spans="14:14">
      <c r="N16108" s="10"/>
    </row>
    <row r="16109" spans="14:14">
      <c r="N16109" s="10"/>
    </row>
    <row r="16110" spans="14:14">
      <c r="N16110" s="10"/>
    </row>
    <row r="16111" spans="14:14">
      <c r="N16111" s="10"/>
    </row>
    <row r="16112" spans="14:14">
      <c r="N16112" s="10"/>
    </row>
    <row r="16113" spans="14:14">
      <c r="N16113" s="10"/>
    </row>
    <row r="16114" spans="14:14">
      <c r="N16114" s="10"/>
    </row>
    <row r="16115" spans="14:14">
      <c r="N16115" s="10"/>
    </row>
    <row r="16116" spans="14:14">
      <c r="N16116" s="10"/>
    </row>
    <row r="16117" spans="14:14">
      <c r="N16117" s="10"/>
    </row>
    <row r="16118" spans="14:14">
      <c r="N16118" s="10"/>
    </row>
    <row r="16119" spans="14:14">
      <c r="N16119" s="10"/>
    </row>
    <row r="16120" spans="14:14">
      <c r="N16120" s="10"/>
    </row>
    <row r="16121" spans="14:14">
      <c r="N16121" s="10"/>
    </row>
    <row r="16122" spans="14:14">
      <c r="N16122" s="10"/>
    </row>
    <row r="16123" spans="14:14">
      <c r="N16123" s="10"/>
    </row>
    <row r="16124" spans="14:14">
      <c r="N16124" s="10"/>
    </row>
    <row r="16125" spans="14:14">
      <c r="N16125" s="10"/>
    </row>
    <row r="16126" spans="14:14">
      <c r="N16126" s="10"/>
    </row>
    <row r="16127" spans="14:14">
      <c r="N16127" s="10"/>
    </row>
    <row r="16128" spans="14:14">
      <c r="N16128" s="10"/>
    </row>
    <row r="16129" spans="14:14">
      <c r="N16129" s="10"/>
    </row>
    <row r="16130" spans="14:14">
      <c r="N16130" s="10"/>
    </row>
    <row r="16131" spans="14:14">
      <c r="N16131" s="10"/>
    </row>
    <row r="16132" spans="14:14">
      <c r="N16132" s="10"/>
    </row>
    <row r="16133" spans="14:14">
      <c r="N16133" s="10"/>
    </row>
    <row r="16134" spans="14:14">
      <c r="N16134" s="10"/>
    </row>
    <row r="16135" spans="14:14">
      <c r="N16135" s="10"/>
    </row>
    <row r="16136" spans="14:14">
      <c r="N16136" s="10"/>
    </row>
    <row r="16137" spans="14:14">
      <c r="N16137" s="10"/>
    </row>
    <row r="16138" spans="14:14">
      <c r="N16138" s="10"/>
    </row>
    <row r="16139" spans="14:14">
      <c r="N16139" s="10"/>
    </row>
    <row r="16140" spans="14:14">
      <c r="N16140" s="10"/>
    </row>
    <row r="16141" spans="14:14">
      <c r="N16141" s="10"/>
    </row>
    <row r="16142" spans="14:14">
      <c r="N16142" s="10"/>
    </row>
    <row r="16143" spans="14:14">
      <c r="N16143" s="10"/>
    </row>
    <row r="16144" spans="14:14">
      <c r="N16144" s="10"/>
    </row>
    <row r="16145" spans="14:14">
      <c r="N16145" s="10"/>
    </row>
    <row r="16146" spans="14:14">
      <c r="N16146" s="10"/>
    </row>
    <row r="16147" spans="14:14">
      <c r="N16147" s="10"/>
    </row>
    <row r="16148" spans="14:14">
      <c r="N16148" s="10"/>
    </row>
    <row r="16149" spans="14:14">
      <c r="N16149" s="10"/>
    </row>
    <row r="16150" spans="14:14">
      <c r="N16150" s="10"/>
    </row>
    <row r="16151" spans="14:14">
      <c r="N16151" s="10"/>
    </row>
    <row r="16152" spans="14:14">
      <c r="N16152" s="10"/>
    </row>
    <row r="16153" spans="14:14">
      <c r="N16153" s="10"/>
    </row>
    <row r="16154" spans="14:14">
      <c r="N16154" s="10"/>
    </row>
    <row r="16155" spans="14:14">
      <c r="N16155" s="10"/>
    </row>
    <row r="16156" spans="14:14">
      <c r="N16156" s="10"/>
    </row>
    <row r="16157" spans="14:14">
      <c r="N16157" s="10"/>
    </row>
    <row r="16158" spans="14:14">
      <c r="N16158" s="10"/>
    </row>
    <row r="16159" spans="14:14">
      <c r="N16159" s="10"/>
    </row>
    <row r="16160" spans="14:14">
      <c r="N16160" s="10"/>
    </row>
    <row r="16161" spans="14:14">
      <c r="N16161" s="10"/>
    </row>
    <row r="16162" spans="14:14">
      <c r="N16162" s="10"/>
    </row>
    <row r="16163" spans="14:14">
      <c r="N16163" s="10"/>
    </row>
    <row r="16164" spans="14:14">
      <c r="N16164" s="10"/>
    </row>
    <row r="16165" spans="14:14">
      <c r="N16165" s="10"/>
    </row>
    <row r="16166" spans="14:14">
      <c r="N16166" s="10"/>
    </row>
    <row r="16167" spans="14:14">
      <c r="N16167" s="10"/>
    </row>
    <row r="16168" spans="14:14">
      <c r="N16168" s="10"/>
    </row>
    <row r="16169" spans="14:14">
      <c r="N16169" s="10"/>
    </row>
    <row r="16170" spans="14:14">
      <c r="N16170" s="10"/>
    </row>
    <row r="16171" spans="14:14">
      <c r="N16171" s="10"/>
    </row>
    <row r="16172" spans="14:14">
      <c r="N16172" s="10"/>
    </row>
    <row r="16173" spans="14:14">
      <c r="N16173" s="10"/>
    </row>
    <row r="16174" spans="14:14">
      <c r="N16174" s="10"/>
    </row>
    <row r="16175" spans="14:14">
      <c r="N16175" s="10"/>
    </row>
    <row r="16176" spans="14:14">
      <c r="N16176" s="10"/>
    </row>
    <row r="16177" spans="14:14">
      <c r="N16177" s="10"/>
    </row>
    <row r="16178" spans="14:14">
      <c r="N16178" s="10"/>
    </row>
    <row r="16179" spans="14:14">
      <c r="N16179" s="10"/>
    </row>
    <row r="16180" spans="14:14">
      <c r="N16180" s="10"/>
    </row>
    <row r="16181" spans="14:14">
      <c r="N16181" s="10"/>
    </row>
    <row r="16182" spans="14:14">
      <c r="N16182" s="10"/>
    </row>
    <row r="16183" spans="14:14">
      <c r="N16183" s="10"/>
    </row>
    <row r="16184" spans="14:14">
      <c r="N16184" s="10"/>
    </row>
    <row r="16185" spans="14:14">
      <c r="N16185" s="10"/>
    </row>
    <row r="16186" spans="14:14">
      <c r="N16186" s="10"/>
    </row>
    <row r="16187" spans="14:14">
      <c r="N16187" s="10"/>
    </row>
    <row r="16188" spans="14:14">
      <c r="N16188" s="10"/>
    </row>
    <row r="16189" spans="14:14">
      <c r="N16189" s="10"/>
    </row>
    <row r="16190" spans="14:14">
      <c r="N16190" s="10"/>
    </row>
    <row r="16191" spans="14:14">
      <c r="N16191" s="10"/>
    </row>
    <row r="16192" spans="14:14">
      <c r="N16192" s="10"/>
    </row>
    <row r="16193" spans="14:14">
      <c r="N16193" s="10"/>
    </row>
    <row r="16194" spans="14:14">
      <c r="N16194" s="10"/>
    </row>
    <row r="16195" spans="14:14">
      <c r="N16195" s="10"/>
    </row>
    <row r="16196" spans="14:14">
      <c r="N16196" s="10"/>
    </row>
    <row r="16197" spans="14:14">
      <c r="N16197" s="10"/>
    </row>
    <row r="16198" spans="14:14">
      <c r="N16198" s="10"/>
    </row>
    <row r="16199" spans="14:14">
      <c r="N16199" s="10"/>
    </row>
    <row r="16200" spans="14:14">
      <c r="N16200" s="10"/>
    </row>
    <row r="16201" spans="14:14">
      <c r="N16201" s="10"/>
    </row>
    <row r="16202" spans="14:14">
      <c r="N16202" s="10"/>
    </row>
    <row r="16203" spans="14:14">
      <c r="N16203" s="10"/>
    </row>
    <row r="16204" spans="14:14">
      <c r="N16204" s="10"/>
    </row>
    <row r="16205" spans="14:14">
      <c r="N16205" s="10"/>
    </row>
    <row r="16206" spans="14:14">
      <c r="N16206" s="10"/>
    </row>
    <row r="16207" spans="14:14">
      <c r="N16207" s="10"/>
    </row>
    <row r="16208" spans="14:14">
      <c r="N16208" s="10"/>
    </row>
    <row r="16209" spans="14:14">
      <c r="N16209" s="10"/>
    </row>
    <row r="16210" spans="14:14">
      <c r="N16210" s="10"/>
    </row>
    <row r="16211" spans="14:14">
      <c r="N16211" s="10"/>
    </row>
    <row r="16212" spans="14:14">
      <c r="N16212" s="10"/>
    </row>
    <row r="16213" spans="14:14">
      <c r="N16213" s="10"/>
    </row>
    <row r="16214" spans="14:14">
      <c r="N16214" s="10"/>
    </row>
    <row r="16215" spans="14:14">
      <c r="N16215" s="10"/>
    </row>
    <row r="16216" spans="14:14">
      <c r="N16216" s="10"/>
    </row>
    <row r="16217" spans="14:14">
      <c r="N16217" s="10"/>
    </row>
    <row r="16218" spans="14:14">
      <c r="N16218" s="10"/>
    </row>
    <row r="16219" spans="14:14">
      <c r="N16219" s="10"/>
    </row>
    <row r="16220" spans="14:14">
      <c r="N16220" s="10"/>
    </row>
    <row r="16221" spans="14:14">
      <c r="N16221" s="10"/>
    </row>
    <row r="16222" spans="14:14">
      <c r="N16222" s="10"/>
    </row>
    <row r="16223" spans="14:14">
      <c r="N16223" s="10"/>
    </row>
    <row r="16224" spans="14:14">
      <c r="N16224" s="10"/>
    </row>
    <row r="16225" spans="14:14">
      <c r="N16225" s="10"/>
    </row>
    <row r="16226" spans="14:14">
      <c r="N16226" s="10"/>
    </row>
    <row r="16227" spans="14:14">
      <c r="N16227" s="10"/>
    </row>
    <row r="16228" spans="14:14">
      <c r="N16228" s="10"/>
    </row>
    <row r="16229" spans="14:14">
      <c r="N16229" s="10"/>
    </row>
    <row r="16230" spans="14:14">
      <c r="N16230" s="10"/>
    </row>
    <row r="16231" spans="14:14">
      <c r="N16231" s="10"/>
    </row>
    <row r="16232" spans="14:14">
      <c r="N16232" s="10"/>
    </row>
    <row r="16233" spans="14:14">
      <c r="N16233" s="10"/>
    </row>
    <row r="16234" spans="14:14">
      <c r="N16234" s="10"/>
    </row>
    <row r="16235" spans="14:14">
      <c r="N16235" s="10"/>
    </row>
    <row r="16236" spans="14:14">
      <c r="N16236" s="10"/>
    </row>
    <row r="16237" spans="14:14">
      <c r="N16237" s="10"/>
    </row>
    <row r="16238" spans="14:14">
      <c r="N16238" s="10"/>
    </row>
    <row r="16239" spans="14:14">
      <c r="N16239" s="10"/>
    </row>
    <row r="16240" spans="14:14">
      <c r="N16240" s="10"/>
    </row>
    <row r="16241" spans="14:14">
      <c r="N16241" s="10"/>
    </row>
    <row r="16242" spans="14:14">
      <c r="N16242" s="10"/>
    </row>
    <row r="16243" spans="14:14">
      <c r="N16243" s="10"/>
    </row>
    <row r="16244" spans="14:14">
      <c r="N16244" s="10"/>
    </row>
    <row r="16245" spans="14:14">
      <c r="N16245" s="10"/>
    </row>
    <row r="16246" spans="14:14">
      <c r="N16246" s="10"/>
    </row>
    <row r="16247" spans="14:14">
      <c r="N16247" s="10"/>
    </row>
    <row r="16248" spans="14:14">
      <c r="N16248" s="10"/>
    </row>
    <row r="16249" spans="14:14">
      <c r="N16249" s="10"/>
    </row>
    <row r="16250" spans="14:14">
      <c r="N16250" s="10"/>
    </row>
    <row r="16251" spans="14:14">
      <c r="N16251" s="10"/>
    </row>
    <row r="16252" spans="14:14">
      <c r="N16252" s="10"/>
    </row>
    <row r="16253" spans="14:14">
      <c r="N16253" s="10"/>
    </row>
    <row r="16254" spans="14:14">
      <c r="N16254" s="10"/>
    </row>
    <row r="16255" spans="14:14">
      <c r="N16255" s="10"/>
    </row>
    <row r="16256" spans="14:14">
      <c r="N16256" s="10"/>
    </row>
    <row r="16257" spans="14:14">
      <c r="N16257" s="10"/>
    </row>
    <row r="16258" spans="14:14">
      <c r="N16258" s="10"/>
    </row>
    <row r="16259" spans="14:14">
      <c r="N16259" s="10"/>
    </row>
    <row r="16260" spans="14:14">
      <c r="N16260" s="10"/>
    </row>
    <row r="16261" spans="14:14">
      <c r="N16261" s="10"/>
    </row>
    <row r="16262" spans="14:14">
      <c r="N16262" s="10"/>
    </row>
    <row r="16263" spans="14:14">
      <c r="N16263" s="10"/>
    </row>
    <row r="16264" spans="14:14">
      <c r="N16264" s="10"/>
    </row>
    <row r="16265" spans="14:14">
      <c r="N16265" s="10"/>
    </row>
    <row r="16266" spans="14:14">
      <c r="N16266" s="10"/>
    </row>
    <row r="16267" spans="14:14">
      <c r="N16267" s="10"/>
    </row>
    <row r="16268" spans="14:14">
      <c r="N16268" s="10"/>
    </row>
    <row r="16269" spans="14:14">
      <c r="N16269" s="10"/>
    </row>
    <row r="16270" spans="14:14">
      <c r="N16270" s="10"/>
    </row>
    <row r="16271" spans="14:14">
      <c r="N16271" s="10"/>
    </row>
    <row r="16272" spans="14:14">
      <c r="N16272" s="10"/>
    </row>
    <row r="16273" spans="14:14">
      <c r="N16273" s="10"/>
    </row>
    <row r="16274" spans="14:14">
      <c r="N16274" s="10"/>
    </row>
    <row r="16275" spans="14:14">
      <c r="N16275" s="10"/>
    </row>
    <row r="16276" spans="14:14">
      <c r="N16276" s="10"/>
    </row>
    <row r="16277" spans="14:14">
      <c r="N16277" s="10"/>
    </row>
    <row r="16278" spans="14:14">
      <c r="N16278" s="10"/>
    </row>
    <row r="16279" spans="14:14">
      <c r="N16279" s="10"/>
    </row>
    <row r="16280" spans="14:14">
      <c r="N16280" s="10"/>
    </row>
    <row r="16281" spans="14:14">
      <c r="N16281" s="10"/>
    </row>
    <row r="16282" spans="14:14">
      <c r="N16282" s="10"/>
    </row>
    <row r="16283" spans="14:14">
      <c r="N16283" s="10"/>
    </row>
    <row r="16284" spans="14:14">
      <c r="N16284" s="10"/>
    </row>
    <row r="16285" spans="14:14">
      <c r="N16285" s="10"/>
    </row>
    <row r="16286" spans="14:14">
      <c r="N16286" s="10"/>
    </row>
    <row r="16287" spans="14:14">
      <c r="N16287" s="10"/>
    </row>
    <row r="16288" spans="14:14">
      <c r="N16288" s="10"/>
    </row>
    <row r="16289" spans="14:14">
      <c r="N16289" s="10"/>
    </row>
    <row r="16290" spans="14:14">
      <c r="N16290" s="10"/>
    </row>
    <row r="16291" spans="14:14">
      <c r="N16291" s="10"/>
    </row>
    <row r="16292" spans="14:14">
      <c r="N16292" s="10"/>
    </row>
    <row r="16293" spans="14:14">
      <c r="N16293" s="10"/>
    </row>
    <row r="16294" spans="14:14">
      <c r="N16294" s="10"/>
    </row>
    <row r="16295" spans="14:14">
      <c r="N16295" s="10"/>
    </row>
    <row r="16296" spans="14:14">
      <c r="N16296" s="10"/>
    </row>
    <row r="16297" spans="14:14">
      <c r="N16297" s="10"/>
    </row>
    <row r="16298" spans="14:14">
      <c r="N16298" s="10"/>
    </row>
    <row r="16299" spans="14:14">
      <c r="N16299" s="10"/>
    </row>
    <row r="16300" spans="14:14">
      <c r="N16300" s="10"/>
    </row>
    <row r="16301" spans="14:14">
      <c r="N16301" s="10"/>
    </row>
    <row r="16302" spans="14:14">
      <c r="N16302" s="10"/>
    </row>
    <row r="16303" spans="14:14">
      <c r="N16303" s="10"/>
    </row>
    <row r="16304" spans="14:14">
      <c r="N16304" s="10"/>
    </row>
    <row r="16305" spans="14:14">
      <c r="N16305" s="10"/>
    </row>
    <row r="16306" spans="14:14">
      <c r="N16306" s="10"/>
    </row>
    <row r="16307" spans="14:14">
      <c r="N16307" s="10"/>
    </row>
    <row r="16308" spans="14:14">
      <c r="N16308" s="10"/>
    </row>
    <row r="16309" spans="14:14">
      <c r="N16309" s="10"/>
    </row>
    <row r="16310" spans="14:14">
      <c r="N16310" s="10"/>
    </row>
    <row r="16311" spans="14:14">
      <c r="N16311" s="10"/>
    </row>
    <row r="16312" spans="14:14">
      <c r="N16312" s="10"/>
    </row>
    <row r="16313" spans="14:14">
      <c r="N16313" s="10"/>
    </row>
    <row r="16314" spans="14:14">
      <c r="N16314" s="10"/>
    </row>
    <row r="16315" spans="14:14">
      <c r="N16315" s="10"/>
    </row>
    <row r="16316" spans="14:14">
      <c r="N16316" s="10"/>
    </row>
    <row r="16317" spans="14:14">
      <c r="N16317" s="10"/>
    </row>
    <row r="16318" spans="14:14">
      <c r="N16318" s="10"/>
    </row>
    <row r="16319" spans="14:14">
      <c r="N16319" s="10"/>
    </row>
    <row r="16320" spans="14:14">
      <c r="N16320" s="10"/>
    </row>
    <row r="16321" spans="14:14">
      <c r="N16321" s="10"/>
    </row>
    <row r="16322" spans="14:14">
      <c r="N16322" s="10"/>
    </row>
    <row r="16323" spans="14:14">
      <c r="N16323" s="10"/>
    </row>
    <row r="16324" spans="14:14">
      <c r="N16324" s="10"/>
    </row>
    <row r="16325" spans="14:14">
      <c r="N16325" s="10"/>
    </row>
    <row r="16326" spans="14:14">
      <c r="N16326" s="10"/>
    </row>
    <row r="16327" spans="14:14">
      <c r="N16327" s="10"/>
    </row>
    <row r="16328" spans="14:14">
      <c r="N16328" s="10"/>
    </row>
    <row r="16329" spans="14:14">
      <c r="N16329" s="10"/>
    </row>
    <row r="16330" spans="14:14">
      <c r="N16330" s="10"/>
    </row>
    <row r="16331" spans="14:14">
      <c r="N16331" s="10"/>
    </row>
    <row r="16332" spans="14:14">
      <c r="N16332" s="10"/>
    </row>
    <row r="16333" spans="14:14">
      <c r="N16333" s="10"/>
    </row>
    <row r="16334" spans="14:14">
      <c r="N16334" s="10"/>
    </row>
    <row r="16335" spans="14:14">
      <c r="N16335" s="10"/>
    </row>
    <row r="16336" spans="14:14">
      <c r="N16336" s="10"/>
    </row>
    <row r="16337" spans="14:14">
      <c r="N16337" s="10"/>
    </row>
    <row r="16338" spans="14:14">
      <c r="N16338" s="10"/>
    </row>
    <row r="16339" spans="14:14">
      <c r="N16339" s="10"/>
    </row>
    <row r="16340" spans="14:14">
      <c r="N16340" s="10"/>
    </row>
    <row r="16341" spans="14:14">
      <c r="N16341" s="10"/>
    </row>
    <row r="16342" spans="14:14">
      <c r="N16342" s="10"/>
    </row>
    <row r="16343" spans="14:14">
      <c r="N16343" s="10"/>
    </row>
    <row r="16344" spans="14:14">
      <c r="N16344" s="10"/>
    </row>
    <row r="16345" spans="14:14">
      <c r="N16345" s="10"/>
    </row>
    <row r="16346" spans="14:14">
      <c r="N16346" s="10"/>
    </row>
    <row r="16347" spans="14:14">
      <c r="N16347" s="10"/>
    </row>
    <row r="16348" spans="14:14">
      <c r="N16348" s="10"/>
    </row>
    <row r="16349" spans="14:14">
      <c r="N16349" s="10"/>
    </row>
    <row r="16350" spans="14:14">
      <c r="N16350" s="10"/>
    </row>
    <row r="16351" spans="14:14">
      <c r="N16351" s="10"/>
    </row>
    <row r="16352" spans="14:14">
      <c r="N16352" s="10"/>
    </row>
    <row r="16353" spans="14:14">
      <c r="N16353" s="10"/>
    </row>
    <row r="16354" spans="14:14">
      <c r="N16354" s="10"/>
    </row>
    <row r="16355" spans="14:14">
      <c r="N16355" s="10"/>
    </row>
    <row r="16356" spans="14:14">
      <c r="N16356" s="10"/>
    </row>
    <row r="16357" spans="14:14">
      <c r="N16357" s="10"/>
    </row>
    <row r="16358" spans="14:14">
      <c r="N16358" s="10"/>
    </row>
    <row r="16359" spans="14:14">
      <c r="N16359" s="10"/>
    </row>
    <row r="16360" spans="14:14">
      <c r="N16360" s="10"/>
    </row>
    <row r="16361" spans="14:14">
      <c r="N16361" s="10"/>
    </row>
    <row r="16362" spans="14:14">
      <c r="N16362" s="10"/>
    </row>
    <row r="16363" spans="14:14">
      <c r="N16363" s="10"/>
    </row>
    <row r="16364" spans="14:14">
      <c r="N16364" s="10"/>
    </row>
    <row r="16365" spans="14:14">
      <c r="N16365" s="10"/>
    </row>
    <row r="16366" spans="14:14">
      <c r="N16366" s="10"/>
    </row>
    <row r="16367" spans="14:14">
      <c r="N16367" s="10"/>
    </row>
    <row r="16368" spans="14:14">
      <c r="N16368" s="10"/>
    </row>
    <row r="16369" spans="14:14">
      <c r="N16369" s="10"/>
    </row>
    <row r="16370" spans="14:14">
      <c r="N16370" s="10"/>
    </row>
    <row r="16371" spans="14:14">
      <c r="N16371" s="10"/>
    </row>
    <row r="16372" spans="14:14">
      <c r="N16372" s="10"/>
    </row>
    <row r="16373" spans="14:14">
      <c r="N16373" s="10"/>
    </row>
    <row r="16374" spans="14:14">
      <c r="N16374" s="10"/>
    </row>
    <row r="16375" spans="14:14">
      <c r="N16375" s="10"/>
    </row>
    <row r="16376" spans="14:14">
      <c r="N16376" s="10"/>
    </row>
    <row r="16377" spans="14:14">
      <c r="N16377" s="10"/>
    </row>
    <row r="16378" spans="14:14">
      <c r="N16378" s="10"/>
    </row>
    <row r="16379" spans="14:14">
      <c r="N16379" s="10"/>
    </row>
    <row r="16380" spans="14:14">
      <c r="N16380" s="10"/>
    </row>
    <row r="16381" spans="14:14">
      <c r="N16381" s="10"/>
    </row>
    <row r="16382" spans="14:14">
      <c r="N16382" s="10"/>
    </row>
    <row r="16383" spans="14:14">
      <c r="N16383" s="10"/>
    </row>
    <row r="16384" spans="14:14">
      <c r="N16384" s="10"/>
    </row>
    <row r="16385" spans="14:14">
      <c r="N16385" s="10"/>
    </row>
    <row r="16386" spans="14:14">
      <c r="N16386" s="10"/>
    </row>
    <row r="16387" spans="14:14">
      <c r="N16387" s="10"/>
    </row>
    <row r="16388" spans="14:14">
      <c r="N16388" s="10"/>
    </row>
    <row r="16389" spans="14:14">
      <c r="N16389" s="10"/>
    </row>
    <row r="16390" spans="14:14">
      <c r="N16390" s="10"/>
    </row>
    <row r="16391" spans="14:14">
      <c r="N16391" s="10"/>
    </row>
    <row r="16392" spans="14:14">
      <c r="N16392" s="10"/>
    </row>
    <row r="16393" spans="14:14">
      <c r="N16393" s="10"/>
    </row>
    <row r="16394" spans="14:14">
      <c r="N16394" s="10"/>
    </row>
    <row r="16395" spans="14:14">
      <c r="N16395" s="10"/>
    </row>
    <row r="16396" spans="14:14">
      <c r="N16396" s="10"/>
    </row>
    <row r="16397" spans="14:14">
      <c r="N16397" s="10"/>
    </row>
    <row r="16398" spans="14:14">
      <c r="N16398" s="10"/>
    </row>
    <row r="16399" spans="14:14">
      <c r="N16399" s="10"/>
    </row>
    <row r="16400" spans="14:14">
      <c r="N16400" s="10"/>
    </row>
    <row r="16401" spans="14:14">
      <c r="N16401" s="10"/>
    </row>
    <row r="16402" spans="14:14">
      <c r="N16402" s="10"/>
    </row>
    <row r="16403" spans="14:14">
      <c r="N16403" s="10"/>
    </row>
    <row r="16404" spans="14:14">
      <c r="N16404" s="10"/>
    </row>
    <row r="16405" spans="14:14">
      <c r="N16405" s="10"/>
    </row>
    <row r="16406" spans="14:14">
      <c r="N16406" s="10"/>
    </row>
    <row r="16407" spans="14:14">
      <c r="N16407" s="10"/>
    </row>
    <row r="16408" spans="14:14">
      <c r="N16408" s="10"/>
    </row>
    <row r="16409" spans="14:14">
      <c r="N16409" s="10"/>
    </row>
    <row r="16410" spans="14:14">
      <c r="N16410" s="10"/>
    </row>
    <row r="16411" spans="14:14">
      <c r="N16411" s="10"/>
    </row>
    <row r="16412" spans="14:14">
      <c r="N16412" s="10"/>
    </row>
    <row r="16413" spans="14:14">
      <c r="N16413" s="10"/>
    </row>
    <row r="16414" spans="14:14">
      <c r="N16414" s="10"/>
    </row>
    <row r="16415" spans="14:14">
      <c r="N16415" s="10"/>
    </row>
    <row r="16416" spans="14:14">
      <c r="N16416" s="10"/>
    </row>
    <row r="16417" spans="14:14">
      <c r="N16417" s="10"/>
    </row>
    <row r="16418" spans="14:14">
      <c r="N16418" s="10"/>
    </row>
    <row r="16419" spans="14:14">
      <c r="N16419" s="10"/>
    </row>
    <row r="16420" spans="14:14">
      <c r="N16420" s="10"/>
    </row>
    <row r="16421" spans="14:14">
      <c r="N16421" s="10"/>
    </row>
    <row r="16422" spans="14:14">
      <c r="N16422" s="10"/>
    </row>
    <row r="16423" spans="14:14">
      <c r="N16423" s="10"/>
    </row>
    <row r="16424" spans="14:14">
      <c r="N16424" s="10"/>
    </row>
    <row r="16425" spans="14:14">
      <c r="N16425" s="10"/>
    </row>
    <row r="16426" spans="14:14">
      <c r="N16426" s="10"/>
    </row>
    <row r="16427" spans="14:14">
      <c r="N16427" s="10"/>
    </row>
    <row r="16428" spans="14:14">
      <c r="N16428" s="10"/>
    </row>
    <row r="16429" spans="14:14">
      <c r="N16429" s="10"/>
    </row>
    <row r="16430" spans="14:14">
      <c r="N16430" s="10"/>
    </row>
    <row r="16431" spans="14:14">
      <c r="N16431" s="10"/>
    </row>
    <row r="16432" spans="14:14">
      <c r="N16432" s="10"/>
    </row>
    <row r="16433" spans="14:14">
      <c r="N16433" s="10"/>
    </row>
    <row r="16434" spans="14:14">
      <c r="N16434" s="10"/>
    </row>
    <row r="16435" spans="14:14">
      <c r="N16435" s="10"/>
    </row>
    <row r="16436" spans="14:14">
      <c r="N16436" s="10"/>
    </row>
    <row r="16437" spans="14:14">
      <c r="N16437" s="10"/>
    </row>
    <row r="16438" spans="14:14">
      <c r="N16438" s="10"/>
    </row>
    <row r="16439" spans="14:14">
      <c r="N16439" s="10"/>
    </row>
    <row r="16440" spans="14:14">
      <c r="N16440" s="10"/>
    </row>
    <row r="16441" spans="14:14">
      <c r="N16441" s="10"/>
    </row>
    <row r="16442" spans="14:14">
      <c r="N16442" s="10"/>
    </row>
    <row r="16443" spans="14:14">
      <c r="N16443" s="10"/>
    </row>
    <row r="16444" spans="14:14">
      <c r="N16444" s="10"/>
    </row>
    <row r="16445" spans="14:14">
      <c r="N16445" s="10"/>
    </row>
    <row r="16446" spans="14:14">
      <c r="N16446" s="10"/>
    </row>
    <row r="16447" spans="14:14">
      <c r="N16447" s="10"/>
    </row>
    <row r="16448" spans="14:14">
      <c r="N16448" s="10"/>
    </row>
    <row r="16449" spans="14:14">
      <c r="N16449" s="10"/>
    </row>
    <row r="16450" spans="14:14">
      <c r="N16450" s="10"/>
    </row>
    <row r="16451" spans="14:14">
      <c r="N16451" s="10"/>
    </row>
    <row r="16452" spans="14:14">
      <c r="N16452" s="10"/>
    </row>
    <row r="16453" spans="14:14">
      <c r="N16453" s="10"/>
    </row>
    <row r="16454" spans="14:14">
      <c r="N16454" s="10"/>
    </row>
    <row r="16455" spans="14:14">
      <c r="N16455" s="10"/>
    </row>
    <row r="16456" spans="14:14">
      <c r="N16456" s="10"/>
    </row>
    <row r="16457" spans="14:14">
      <c r="N16457" s="10"/>
    </row>
    <row r="16458" spans="14:14">
      <c r="N16458" s="10"/>
    </row>
    <row r="16459" spans="14:14">
      <c r="N16459" s="10"/>
    </row>
    <row r="16460" spans="14:14">
      <c r="N16460" s="10"/>
    </row>
    <row r="16461" spans="14:14">
      <c r="N16461" s="10"/>
    </row>
    <row r="16462" spans="14:14">
      <c r="N16462" s="10"/>
    </row>
    <row r="16463" spans="14:14">
      <c r="N16463" s="10"/>
    </row>
    <row r="16464" spans="14:14">
      <c r="N16464" s="10"/>
    </row>
    <row r="16465" spans="14:14">
      <c r="N16465" s="10"/>
    </row>
    <row r="16466" spans="14:14">
      <c r="N16466" s="10"/>
    </row>
    <row r="16467" spans="14:14">
      <c r="N16467" s="10"/>
    </row>
    <row r="16468" spans="14:14">
      <c r="N16468" s="10"/>
    </row>
    <row r="16469" spans="14:14">
      <c r="N16469" s="10"/>
    </row>
    <row r="16470" spans="14:14">
      <c r="N16470" s="10"/>
    </row>
    <row r="16471" spans="14:14">
      <c r="N16471" s="10"/>
    </row>
    <row r="16472" spans="14:14">
      <c r="N16472" s="10"/>
    </row>
    <row r="16473" spans="14:14">
      <c r="N16473" s="10"/>
    </row>
    <row r="16474" spans="14:14">
      <c r="N16474" s="10"/>
    </row>
    <row r="16475" spans="14:14">
      <c r="N16475" s="10"/>
    </row>
    <row r="16476" spans="14:14">
      <c r="N16476" s="10"/>
    </row>
    <row r="16477" spans="14:14">
      <c r="N16477" s="10"/>
    </row>
    <row r="16478" spans="14:14">
      <c r="N16478" s="10"/>
    </row>
    <row r="16479" spans="14:14">
      <c r="N16479" s="10"/>
    </row>
    <row r="16480" spans="14:14">
      <c r="N16480" s="10"/>
    </row>
    <row r="16481" spans="14:14">
      <c r="N16481" s="10"/>
    </row>
    <row r="16482" spans="14:14">
      <c r="N16482" s="10"/>
    </row>
    <row r="16483" spans="14:14">
      <c r="N16483" s="10"/>
    </row>
    <row r="16484" spans="14:14">
      <c r="N16484" s="10"/>
    </row>
    <row r="16485" spans="14:14">
      <c r="N16485" s="10"/>
    </row>
    <row r="16486" spans="14:14">
      <c r="N16486" s="10"/>
    </row>
    <row r="16487" spans="14:14">
      <c r="N16487" s="10"/>
    </row>
    <row r="16488" spans="14:14">
      <c r="N16488" s="10"/>
    </row>
    <row r="16489" spans="14:14">
      <c r="N16489" s="10"/>
    </row>
    <row r="16490" spans="14:14">
      <c r="N16490" s="10"/>
    </row>
    <row r="16491" spans="14:14">
      <c r="N16491" s="10"/>
    </row>
    <row r="16492" spans="14:14">
      <c r="N16492" s="10"/>
    </row>
    <row r="16493" spans="14:14">
      <c r="N16493" s="10"/>
    </row>
    <row r="16494" spans="14:14">
      <c r="N16494" s="10"/>
    </row>
    <row r="16495" spans="14:14">
      <c r="N16495" s="10"/>
    </row>
    <row r="16496" spans="14:14">
      <c r="N16496" s="10"/>
    </row>
    <row r="16497" spans="14:14">
      <c r="N16497" s="10"/>
    </row>
    <row r="16498" spans="14:14">
      <c r="N16498" s="10"/>
    </row>
    <row r="16499" spans="14:14">
      <c r="N16499" s="10"/>
    </row>
    <row r="16500" spans="14:14">
      <c r="N16500" s="10"/>
    </row>
    <row r="16501" spans="14:14">
      <c r="N16501" s="10"/>
    </row>
    <row r="16502" spans="14:14">
      <c r="N16502" s="10"/>
    </row>
    <row r="16503" spans="14:14">
      <c r="N16503" s="10"/>
    </row>
    <row r="16504" spans="14:14">
      <c r="N16504" s="10"/>
    </row>
    <row r="16505" spans="14:14">
      <c r="N16505" s="10"/>
    </row>
    <row r="16506" spans="14:14">
      <c r="N16506" s="10"/>
    </row>
    <row r="16507" spans="14:14">
      <c r="N16507" s="10"/>
    </row>
    <row r="16508" spans="14:14">
      <c r="N16508" s="10"/>
    </row>
    <row r="16509" spans="14:14">
      <c r="N16509" s="10"/>
    </row>
    <row r="16510" spans="14:14">
      <c r="N16510" s="10"/>
    </row>
    <row r="16511" spans="14:14">
      <c r="N16511" s="10"/>
    </row>
    <row r="16512" spans="14:14">
      <c r="N16512" s="10"/>
    </row>
    <row r="16513" spans="14:14">
      <c r="N16513" s="10"/>
    </row>
    <row r="16514" spans="14:14">
      <c r="N16514" s="10"/>
    </row>
    <row r="16515" spans="14:14">
      <c r="N16515" s="10"/>
    </row>
    <row r="16516" spans="14:14">
      <c r="N16516" s="10"/>
    </row>
    <row r="16517" spans="14:14">
      <c r="N16517" s="10"/>
    </row>
    <row r="16518" spans="14:14">
      <c r="N16518" s="10"/>
    </row>
    <row r="16519" spans="14:14">
      <c r="N16519" s="10"/>
    </row>
    <row r="16520" spans="14:14">
      <c r="N16520" s="10"/>
    </row>
    <row r="16521" spans="14:14">
      <c r="N16521" s="10"/>
    </row>
    <row r="16522" spans="14:14">
      <c r="N16522" s="10"/>
    </row>
    <row r="16523" spans="14:14">
      <c r="N16523" s="10"/>
    </row>
    <row r="16524" spans="14:14">
      <c r="N16524" s="10"/>
    </row>
    <row r="16525" spans="14:14">
      <c r="N16525" s="10"/>
    </row>
    <row r="16526" spans="14:14">
      <c r="N16526" s="10"/>
    </row>
    <row r="16527" spans="14:14">
      <c r="N16527" s="10"/>
    </row>
    <row r="16528" spans="14:14">
      <c r="N16528" s="10"/>
    </row>
    <row r="16529" spans="14:14">
      <c r="N16529" s="10"/>
    </row>
    <row r="16530" spans="14:14">
      <c r="N16530" s="10"/>
    </row>
    <row r="16531" spans="14:14">
      <c r="N16531" s="10"/>
    </row>
    <row r="16532" spans="14:14">
      <c r="N16532" s="10"/>
    </row>
    <row r="16533" spans="14:14">
      <c r="N16533" s="10"/>
    </row>
    <row r="16534" spans="14:14">
      <c r="N16534" s="10"/>
    </row>
    <row r="16535" spans="14:14">
      <c r="N16535" s="10"/>
    </row>
    <row r="16536" spans="14:14">
      <c r="N16536" s="10"/>
    </row>
    <row r="16537" spans="14:14">
      <c r="N16537" s="10"/>
    </row>
    <row r="16538" spans="14:14">
      <c r="N16538" s="10"/>
    </row>
    <row r="16539" spans="14:14">
      <c r="N16539" s="10"/>
    </row>
    <row r="16540" spans="14:14">
      <c r="N16540" s="10"/>
    </row>
    <row r="16541" spans="14:14">
      <c r="N16541" s="10"/>
    </row>
    <row r="16542" spans="14:14">
      <c r="N16542" s="10"/>
    </row>
    <row r="16543" spans="14:14">
      <c r="N16543" s="10"/>
    </row>
    <row r="16544" spans="14:14">
      <c r="N16544" s="10"/>
    </row>
    <row r="16545" spans="14:14">
      <c r="N16545" s="10"/>
    </row>
    <row r="16546" spans="14:14">
      <c r="N16546" s="10"/>
    </row>
    <row r="16547" spans="14:14">
      <c r="N16547" s="10"/>
    </row>
    <row r="16548" spans="14:14">
      <c r="N16548" s="10"/>
    </row>
    <row r="16549" spans="14:14">
      <c r="N16549" s="10"/>
    </row>
    <row r="16550" spans="14:14">
      <c r="N16550" s="10"/>
    </row>
    <row r="16551" spans="14:14">
      <c r="N16551" s="10"/>
    </row>
    <row r="16552" spans="14:14">
      <c r="N16552" s="10"/>
    </row>
    <row r="16553" spans="14:14">
      <c r="N16553" s="10"/>
    </row>
    <row r="16554" spans="14:14">
      <c r="N16554" s="10"/>
    </row>
    <row r="16555" spans="14:14">
      <c r="N16555" s="10"/>
    </row>
    <row r="16556" spans="14:14">
      <c r="N16556" s="10"/>
    </row>
    <row r="16557" spans="14:14">
      <c r="N16557" s="10"/>
    </row>
    <row r="16558" spans="14:14">
      <c r="N16558" s="10"/>
    </row>
    <row r="16559" spans="14:14">
      <c r="N16559" s="10"/>
    </row>
    <row r="16560" spans="14:14">
      <c r="N16560" s="10"/>
    </row>
    <row r="16561" spans="14:14">
      <c r="N16561" s="10"/>
    </row>
    <row r="16562" spans="14:14">
      <c r="N16562" s="10"/>
    </row>
    <row r="16563" spans="14:14">
      <c r="N16563" s="10"/>
    </row>
    <row r="16564" spans="14:14">
      <c r="N16564" s="10"/>
    </row>
    <row r="16565" spans="14:14">
      <c r="N16565" s="10"/>
    </row>
    <row r="16566" spans="14:14">
      <c r="N16566" s="10"/>
    </row>
    <row r="16567" spans="14:14">
      <c r="N16567" s="10"/>
    </row>
    <row r="16568" spans="14:14">
      <c r="N16568" s="10"/>
    </row>
    <row r="16569" spans="14:14">
      <c r="N16569" s="10"/>
    </row>
    <row r="16570" spans="14:14">
      <c r="N16570" s="10"/>
    </row>
    <row r="16571" spans="14:14">
      <c r="N16571" s="10"/>
    </row>
    <row r="16572" spans="14:14">
      <c r="N16572" s="10"/>
    </row>
    <row r="16573" spans="14:14">
      <c r="N16573" s="10"/>
    </row>
    <row r="16574" spans="14:14">
      <c r="N16574" s="10"/>
    </row>
    <row r="16575" spans="14:14">
      <c r="N16575" s="10"/>
    </row>
    <row r="16576" spans="14:14">
      <c r="N16576" s="10"/>
    </row>
    <row r="16577" spans="14:14">
      <c r="N16577" s="10"/>
    </row>
    <row r="16578" spans="14:14">
      <c r="N16578" s="10"/>
    </row>
    <row r="16579" spans="14:14">
      <c r="N16579" s="10"/>
    </row>
    <row r="16580" spans="14:14">
      <c r="N16580" s="10"/>
    </row>
    <row r="16581" spans="14:14">
      <c r="N16581" s="10"/>
    </row>
    <row r="16582" spans="14:14">
      <c r="N16582" s="10"/>
    </row>
    <row r="16583" spans="14:14">
      <c r="N16583" s="10"/>
    </row>
    <row r="16584" spans="14:14">
      <c r="N16584" s="10"/>
    </row>
    <row r="16585" spans="14:14">
      <c r="N16585" s="10"/>
    </row>
    <row r="16586" spans="14:14">
      <c r="N16586" s="10"/>
    </row>
    <row r="16587" spans="14:14">
      <c r="N16587" s="10"/>
    </row>
    <row r="16588" spans="14:14">
      <c r="N16588" s="10"/>
    </row>
    <row r="16589" spans="14:14">
      <c r="N16589" s="10"/>
    </row>
    <row r="16590" spans="14:14">
      <c r="N16590" s="10"/>
    </row>
    <row r="16591" spans="14:14">
      <c r="N16591" s="10"/>
    </row>
    <row r="16592" spans="14:14">
      <c r="N16592" s="10"/>
    </row>
    <row r="16593" spans="14:14">
      <c r="N16593" s="10"/>
    </row>
    <row r="16594" spans="14:14">
      <c r="N16594" s="10"/>
    </row>
    <row r="16595" spans="14:14">
      <c r="N16595" s="10"/>
    </row>
    <row r="16596" spans="14:14">
      <c r="N16596" s="10"/>
    </row>
    <row r="16597" spans="14:14">
      <c r="N16597" s="10"/>
    </row>
    <row r="16598" spans="14:14">
      <c r="N16598" s="10"/>
    </row>
    <row r="16599" spans="14:14">
      <c r="N16599" s="10"/>
    </row>
    <row r="16600" spans="14:14">
      <c r="N16600" s="10"/>
    </row>
    <row r="16601" spans="14:14">
      <c r="N16601" s="10"/>
    </row>
    <row r="16602" spans="14:14">
      <c r="N16602" s="10"/>
    </row>
    <row r="16603" spans="14:14">
      <c r="N16603" s="10"/>
    </row>
    <row r="16604" spans="14:14">
      <c r="N16604" s="10"/>
    </row>
    <row r="16605" spans="14:14">
      <c r="N16605" s="10"/>
    </row>
    <row r="16606" spans="14:14">
      <c r="N16606" s="10"/>
    </row>
    <row r="16607" spans="14:14">
      <c r="N16607" s="10"/>
    </row>
    <row r="16608" spans="14:14">
      <c r="N16608" s="10"/>
    </row>
    <row r="16609" spans="14:14">
      <c r="N16609" s="10"/>
    </row>
    <row r="16610" spans="14:14">
      <c r="N16610" s="10"/>
    </row>
    <row r="16611" spans="14:14">
      <c r="N16611" s="10"/>
    </row>
    <row r="16612" spans="14:14">
      <c r="N16612" s="10"/>
    </row>
    <row r="16613" spans="14:14">
      <c r="N16613" s="10"/>
    </row>
    <row r="16614" spans="14:14">
      <c r="N16614" s="10"/>
    </row>
    <row r="16615" spans="14:14">
      <c r="N16615" s="10"/>
    </row>
    <row r="16616" spans="14:14">
      <c r="N16616" s="10"/>
    </row>
    <row r="16617" spans="14:14">
      <c r="N16617" s="10"/>
    </row>
    <row r="16618" spans="14:14">
      <c r="N16618" s="10"/>
    </row>
    <row r="16619" spans="14:14">
      <c r="N16619" s="10"/>
    </row>
    <row r="16620" spans="14:14">
      <c r="N16620" s="10"/>
    </row>
    <row r="16621" spans="14:14">
      <c r="N16621" s="10"/>
    </row>
    <row r="16622" spans="14:14">
      <c r="N16622" s="10"/>
    </row>
    <row r="16623" spans="14:14">
      <c r="N16623" s="10"/>
    </row>
    <row r="16624" spans="14:14">
      <c r="N16624" s="10"/>
    </row>
    <row r="16625" spans="14:14">
      <c r="N16625" s="10"/>
    </row>
    <row r="16626" spans="14:14">
      <c r="N16626" s="10"/>
    </row>
    <row r="16627" spans="14:14">
      <c r="N16627" s="10"/>
    </row>
    <row r="16628" spans="14:14">
      <c r="N16628" s="10"/>
    </row>
    <row r="16629" spans="14:14">
      <c r="N16629" s="10"/>
    </row>
    <row r="16630" spans="14:14">
      <c r="N16630" s="10"/>
    </row>
    <row r="16631" spans="14:14">
      <c r="N16631" s="10"/>
    </row>
    <row r="16632" spans="14:14">
      <c r="N16632" s="10"/>
    </row>
    <row r="16633" spans="14:14">
      <c r="N16633" s="10"/>
    </row>
    <row r="16634" spans="14:14">
      <c r="N16634" s="10"/>
    </row>
    <row r="16635" spans="14:14">
      <c r="N16635" s="10"/>
    </row>
    <row r="16636" spans="14:14">
      <c r="N16636" s="10"/>
    </row>
    <row r="16637" spans="14:14">
      <c r="N16637" s="10"/>
    </row>
    <row r="16638" spans="14:14">
      <c r="N16638" s="10"/>
    </row>
    <row r="16639" spans="14:14">
      <c r="N16639" s="10"/>
    </row>
    <row r="16640" spans="14:14">
      <c r="N16640" s="10"/>
    </row>
    <row r="16641" spans="14:14">
      <c r="N16641" s="10"/>
    </row>
    <row r="16642" spans="14:14">
      <c r="N16642" s="10"/>
    </row>
    <row r="16643" spans="14:14">
      <c r="N16643" s="10"/>
    </row>
    <row r="16644" spans="14:14">
      <c r="N16644" s="10"/>
    </row>
    <row r="16645" spans="14:14">
      <c r="N16645" s="10"/>
    </row>
    <row r="16646" spans="14:14">
      <c r="N16646" s="10"/>
    </row>
    <row r="16647" spans="14:14">
      <c r="N16647" s="10"/>
    </row>
    <row r="16648" spans="14:14">
      <c r="N16648" s="10"/>
    </row>
    <row r="16649" spans="14:14">
      <c r="N16649" s="10"/>
    </row>
    <row r="16650" spans="14:14">
      <c r="N16650" s="10"/>
    </row>
    <row r="16651" spans="14:14">
      <c r="N16651" s="10"/>
    </row>
    <row r="16652" spans="14:14">
      <c r="N16652" s="10"/>
    </row>
    <row r="16653" spans="14:14">
      <c r="N16653" s="10"/>
    </row>
    <row r="16654" spans="14:14">
      <c r="N16654" s="10"/>
    </row>
    <row r="16655" spans="14:14">
      <c r="N16655" s="10"/>
    </row>
    <row r="16656" spans="14:14">
      <c r="N16656" s="10"/>
    </row>
    <row r="16657" spans="14:14">
      <c r="N16657" s="10"/>
    </row>
    <row r="16658" spans="14:14">
      <c r="N16658" s="10"/>
    </row>
    <row r="16659" spans="14:14">
      <c r="N16659" s="10"/>
    </row>
    <row r="16660" spans="14:14">
      <c r="N16660" s="10"/>
    </row>
    <row r="16661" spans="14:14">
      <c r="N16661" s="10"/>
    </row>
    <row r="16662" spans="14:14">
      <c r="N16662" s="10"/>
    </row>
    <row r="16663" spans="14:14">
      <c r="N16663" s="10"/>
    </row>
    <row r="16664" spans="14:14">
      <c r="N16664" s="10"/>
    </row>
    <row r="16665" spans="14:14">
      <c r="N16665" s="10"/>
    </row>
    <row r="16666" spans="14:14">
      <c r="N16666" s="10"/>
    </row>
    <row r="16667" spans="14:14">
      <c r="N16667" s="10"/>
    </row>
    <row r="16668" spans="14:14">
      <c r="N16668" s="10"/>
    </row>
    <row r="16669" spans="14:14">
      <c r="N16669" s="10"/>
    </row>
    <row r="16670" spans="14:14">
      <c r="N16670" s="10"/>
    </row>
    <row r="16671" spans="14:14">
      <c r="N16671" s="10"/>
    </row>
    <row r="16672" spans="14:14">
      <c r="N16672" s="10"/>
    </row>
    <row r="16673" spans="14:14">
      <c r="N16673" s="10"/>
    </row>
    <row r="16674" spans="14:14">
      <c r="N16674" s="10"/>
    </row>
    <row r="16675" spans="14:14">
      <c r="N16675" s="10"/>
    </row>
    <row r="16676" spans="14:14">
      <c r="N16676" s="10"/>
    </row>
    <row r="16677" spans="14:14">
      <c r="N16677" s="10"/>
    </row>
    <row r="16678" spans="14:14">
      <c r="N16678" s="10"/>
    </row>
    <row r="16679" spans="14:14">
      <c r="N16679" s="10"/>
    </row>
    <row r="16680" spans="14:14">
      <c r="N16680" s="10"/>
    </row>
    <row r="16681" spans="14:14">
      <c r="N16681" s="10"/>
    </row>
    <row r="16682" spans="14:14">
      <c r="N16682" s="10"/>
    </row>
    <row r="16683" spans="14:14">
      <c r="N16683" s="10"/>
    </row>
    <row r="16684" spans="14:14">
      <c r="N16684" s="10"/>
    </row>
    <row r="16685" spans="14:14">
      <c r="N16685" s="10"/>
    </row>
    <row r="16686" spans="14:14">
      <c r="N16686" s="10"/>
    </row>
    <row r="16687" spans="14:14">
      <c r="N16687" s="10"/>
    </row>
    <row r="16688" spans="14:14">
      <c r="N16688" s="10"/>
    </row>
    <row r="16689" spans="14:14">
      <c r="N16689" s="10"/>
    </row>
    <row r="16690" spans="14:14">
      <c r="N16690" s="10"/>
    </row>
    <row r="16691" spans="14:14">
      <c r="N16691" s="10"/>
    </row>
    <row r="16692" spans="14:14">
      <c r="N16692" s="10"/>
    </row>
    <row r="16693" spans="14:14">
      <c r="N16693" s="10"/>
    </row>
    <row r="16694" spans="14:14">
      <c r="N16694" s="10"/>
    </row>
    <row r="16695" spans="14:14">
      <c r="N16695" s="10"/>
    </row>
    <row r="16696" spans="14:14">
      <c r="N16696" s="10"/>
    </row>
    <row r="16697" spans="14:14">
      <c r="N16697" s="10"/>
    </row>
    <row r="16698" spans="14:14">
      <c r="N16698" s="10"/>
    </row>
    <row r="16699" spans="14:14">
      <c r="N16699" s="10"/>
    </row>
    <row r="16700" spans="14:14">
      <c r="N16700" s="10"/>
    </row>
    <row r="16701" spans="14:14">
      <c r="N16701" s="10"/>
    </row>
    <row r="16702" spans="14:14">
      <c r="N16702" s="10"/>
    </row>
    <row r="16703" spans="14:14">
      <c r="N16703" s="10"/>
    </row>
    <row r="16704" spans="14:14">
      <c r="N16704" s="10"/>
    </row>
    <row r="16705" spans="14:14">
      <c r="N16705" s="10"/>
    </row>
    <row r="16706" spans="14:14">
      <c r="N16706" s="10"/>
    </row>
    <row r="16707" spans="14:14">
      <c r="N16707" s="10"/>
    </row>
    <row r="16708" spans="14:14">
      <c r="N16708" s="10"/>
    </row>
    <row r="16709" spans="14:14">
      <c r="N16709" s="10"/>
    </row>
    <row r="16710" spans="14:14">
      <c r="N16710" s="10"/>
    </row>
    <row r="16711" spans="14:14">
      <c r="N16711" s="10"/>
    </row>
    <row r="16712" spans="14:14">
      <c r="N16712" s="10"/>
    </row>
    <row r="16713" spans="14:14">
      <c r="N16713" s="10"/>
    </row>
    <row r="16714" spans="14:14">
      <c r="N16714" s="10"/>
    </row>
    <row r="16715" spans="14:14">
      <c r="N16715" s="10"/>
    </row>
    <row r="16716" spans="14:14">
      <c r="N16716" s="10"/>
    </row>
    <row r="16717" spans="14:14">
      <c r="N16717" s="10"/>
    </row>
    <row r="16718" spans="14:14">
      <c r="N16718" s="10"/>
    </row>
    <row r="16719" spans="14:14">
      <c r="N16719" s="10"/>
    </row>
    <row r="16720" spans="14:14">
      <c r="N16720" s="10"/>
    </row>
    <row r="16721" spans="14:14">
      <c r="N16721" s="10"/>
    </row>
    <row r="16722" spans="14:14">
      <c r="N16722" s="10"/>
    </row>
    <row r="16723" spans="14:14">
      <c r="N16723" s="10"/>
    </row>
    <row r="16724" spans="14:14">
      <c r="N16724" s="10"/>
    </row>
    <row r="16725" spans="14:14">
      <c r="N16725" s="10"/>
    </row>
    <row r="16726" spans="14:14">
      <c r="N16726" s="10"/>
    </row>
    <row r="16727" spans="14:14">
      <c r="N16727" s="10"/>
    </row>
    <row r="16728" spans="14:14">
      <c r="N16728" s="10"/>
    </row>
    <row r="16729" spans="14:14">
      <c r="N16729" s="10"/>
    </row>
    <row r="16730" spans="14:14">
      <c r="N16730" s="10"/>
    </row>
    <row r="16731" spans="14:14">
      <c r="N16731" s="10"/>
    </row>
    <row r="16732" spans="14:14">
      <c r="N16732" s="10"/>
    </row>
    <row r="16733" spans="14:14">
      <c r="N16733" s="10"/>
    </row>
    <row r="16734" spans="14:14">
      <c r="N16734" s="10"/>
    </row>
    <row r="16735" spans="14:14">
      <c r="N16735" s="10"/>
    </row>
    <row r="16736" spans="14:14">
      <c r="N16736" s="10"/>
    </row>
    <row r="16737" spans="14:14">
      <c r="N16737" s="10"/>
    </row>
    <row r="16738" spans="14:14">
      <c r="N16738" s="10"/>
    </row>
    <row r="16739" spans="14:14">
      <c r="N16739" s="10"/>
    </row>
    <row r="16740" spans="14:14">
      <c r="N16740" s="10"/>
    </row>
    <row r="16741" spans="14:14">
      <c r="N16741" s="10"/>
    </row>
    <row r="16742" spans="14:14">
      <c r="N16742" s="10"/>
    </row>
    <row r="16743" spans="14:14">
      <c r="N16743" s="10"/>
    </row>
    <row r="16744" spans="14:14">
      <c r="N16744" s="10"/>
    </row>
    <row r="16745" spans="14:14">
      <c r="N16745" s="10"/>
    </row>
    <row r="16746" spans="14:14">
      <c r="N16746" s="10"/>
    </row>
    <row r="16747" spans="14:14">
      <c r="N16747" s="10"/>
    </row>
    <row r="16748" spans="14:14">
      <c r="N16748" s="10"/>
    </row>
    <row r="16749" spans="14:14">
      <c r="N16749" s="10"/>
    </row>
    <row r="16750" spans="14:14">
      <c r="N16750" s="10"/>
    </row>
    <row r="16751" spans="14:14">
      <c r="N16751" s="10"/>
    </row>
    <row r="16752" spans="14:14">
      <c r="N16752" s="10"/>
    </row>
    <row r="16753" spans="14:14">
      <c r="N16753" s="10"/>
    </row>
    <row r="16754" spans="14:14">
      <c r="N16754" s="10"/>
    </row>
    <row r="16755" spans="14:14">
      <c r="N16755" s="10"/>
    </row>
    <row r="16756" spans="14:14">
      <c r="N16756" s="10"/>
    </row>
    <row r="16757" spans="14:14">
      <c r="N16757" s="10"/>
    </row>
    <row r="16758" spans="14:14">
      <c r="N16758" s="10"/>
    </row>
    <row r="16759" spans="14:14">
      <c r="N16759" s="10"/>
    </row>
    <row r="16760" spans="14:14">
      <c r="N16760" s="10"/>
    </row>
    <row r="16761" spans="14:14">
      <c r="N16761" s="10"/>
    </row>
    <row r="16762" spans="14:14">
      <c r="N16762" s="10"/>
    </row>
    <row r="16763" spans="14:14">
      <c r="N16763" s="10"/>
    </row>
    <row r="16764" spans="14:14">
      <c r="N16764" s="10"/>
    </row>
    <row r="16765" spans="14:14">
      <c r="N16765" s="10"/>
    </row>
    <row r="16766" spans="14:14">
      <c r="N16766" s="10"/>
    </row>
    <row r="16767" spans="14:14">
      <c r="N16767" s="10"/>
    </row>
    <row r="16768" spans="14:14">
      <c r="N16768" s="10"/>
    </row>
    <row r="16769" spans="14:14">
      <c r="N16769" s="10"/>
    </row>
    <row r="16770" spans="14:14">
      <c r="N16770" s="10"/>
    </row>
    <row r="16771" spans="14:14">
      <c r="N16771" s="10"/>
    </row>
    <row r="16772" spans="14:14">
      <c r="N16772" s="10"/>
    </row>
    <row r="16773" spans="14:14">
      <c r="N16773" s="10"/>
    </row>
    <row r="16774" spans="14:14">
      <c r="N16774" s="10"/>
    </row>
    <row r="16775" spans="14:14">
      <c r="N16775" s="10"/>
    </row>
    <row r="16776" spans="14:14">
      <c r="N16776" s="10"/>
    </row>
    <row r="16777" spans="14:14">
      <c r="N16777" s="10"/>
    </row>
    <row r="16778" spans="14:14">
      <c r="N16778" s="10"/>
    </row>
    <row r="16779" spans="14:14">
      <c r="N16779" s="10"/>
    </row>
    <row r="16780" spans="14:14">
      <c r="N16780" s="10"/>
    </row>
    <row r="16781" spans="14:14">
      <c r="N16781" s="10"/>
    </row>
    <row r="16782" spans="14:14">
      <c r="N16782" s="10"/>
    </row>
    <row r="16783" spans="14:14">
      <c r="N16783" s="10"/>
    </row>
    <row r="16784" spans="14:14">
      <c r="N16784" s="10"/>
    </row>
    <row r="16785" spans="14:14">
      <c r="N16785" s="10"/>
    </row>
    <row r="16786" spans="14:14">
      <c r="N16786" s="10"/>
    </row>
    <row r="16787" spans="14:14">
      <c r="N16787" s="10"/>
    </row>
    <row r="16788" spans="14:14">
      <c r="N16788" s="10"/>
    </row>
    <row r="16789" spans="14:14">
      <c r="N16789" s="10"/>
    </row>
    <row r="16790" spans="14:14">
      <c r="N16790" s="10"/>
    </row>
    <row r="16791" spans="14:14">
      <c r="N16791" s="10"/>
    </row>
    <row r="16792" spans="14:14">
      <c r="N16792" s="10"/>
    </row>
    <row r="16793" spans="14:14">
      <c r="N16793" s="10"/>
    </row>
    <row r="16794" spans="14:14">
      <c r="N16794" s="10"/>
    </row>
    <row r="16795" spans="14:14">
      <c r="N16795" s="10"/>
    </row>
    <row r="16796" spans="14:14">
      <c r="N16796" s="10"/>
    </row>
    <row r="16797" spans="14:14">
      <c r="N16797" s="10"/>
    </row>
    <row r="16798" spans="14:14">
      <c r="N16798" s="10"/>
    </row>
    <row r="16799" spans="14:14">
      <c r="N16799" s="10"/>
    </row>
    <row r="16800" spans="14:14">
      <c r="N16800" s="10"/>
    </row>
    <row r="16801" spans="14:14">
      <c r="N16801" s="10"/>
    </row>
    <row r="16802" spans="14:14">
      <c r="N16802" s="10"/>
    </row>
    <row r="16803" spans="14:14">
      <c r="N16803" s="10"/>
    </row>
    <row r="16804" spans="14:14">
      <c r="N16804" s="10"/>
    </row>
    <row r="16805" spans="14:14">
      <c r="N16805" s="10"/>
    </row>
    <row r="16806" spans="14:14">
      <c r="N16806" s="10"/>
    </row>
    <row r="16807" spans="14:14">
      <c r="N16807" s="10"/>
    </row>
    <row r="16808" spans="14:14">
      <c r="N16808" s="10"/>
    </row>
    <row r="16809" spans="14:14">
      <c r="N16809" s="10"/>
    </row>
    <row r="16810" spans="14:14">
      <c r="N16810" s="10"/>
    </row>
    <row r="16811" spans="14:14">
      <c r="N16811" s="10"/>
    </row>
    <row r="16812" spans="14:14">
      <c r="N16812" s="10"/>
    </row>
    <row r="16813" spans="14:14">
      <c r="N16813" s="10"/>
    </row>
    <row r="16814" spans="14:14">
      <c r="N16814" s="10"/>
    </row>
    <row r="16815" spans="14:14">
      <c r="N16815" s="10"/>
    </row>
    <row r="16816" spans="14:14">
      <c r="N16816" s="10"/>
    </row>
    <row r="16817" spans="14:14">
      <c r="N16817" s="10"/>
    </row>
    <row r="16818" spans="14:14">
      <c r="N16818" s="10"/>
    </row>
    <row r="16819" spans="14:14">
      <c r="N16819" s="10"/>
    </row>
    <row r="16820" spans="14:14">
      <c r="N16820" s="10"/>
    </row>
    <row r="16821" spans="14:14">
      <c r="N16821" s="10"/>
    </row>
    <row r="16822" spans="14:14">
      <c r="N16822" s="10"/>
    </row>
    <row r="16823" spans="14:14">
      <c r="N16823" s="10"/>
    </row>
    <row r="16824" spans="14:14">
      <c r="N16824" s="10"/>
    </row>
    <row r="16825" spans="14:14">
      <c r="N16825" s="10"/>
    </row>
    <row r="16826" spans="14:14">
      <c r="N16826" s="10"/>
    </row>
    <row r="16827" spans="14:14">
      <c r="N16827" s="10"/>
    </row>
    <row r="16828" spans="14:14">
      <c r="N16828" s="10"/>
    </row>
    <row r="16829" spans="14:14">
      <c r="N16829" s="10"/>
    </row>
    <row r="16830" spans="14:14">
      <c r="N16830" s="10"/>
    </row>
    <row r="16831" spans="14:14">
      <c r="N16831" s="10"/>
    </row>
    <row r="16832" spans="14:14">
      <c r="N16832" s="10"/>
    </row>
    <row r="16833" spans="14:14">
      <c r="N16833" s="10"/>
    </row>
    <row r="16834" spans="14:14">
      <c r="N16834" s="10"/>
    </row>
    <row r="16835" spans="14:14">
      <c r="N16835" s="10"/>
    </row>
    <row r="16836" spans="14:14">
      <c r="N16836" s="10"/>
    </row>
    <row r="16837" spans="14:14">
      <c r="N16837" s="10"/>
    </row>
    <row r="16838" spans="14:14">
      <c r="N16838" s="10"/>
    </row>
    <row r="16839" spans="14:14">
      <c r="N16839" s="10"/>
    </row>
    <row r="16840" spans="14:14">
      <c r="N16840" s="10"/>
    </row>
    <row r="16841" spans="14:14">
      <c r="N16841" s="10"/>
    </row>
    <row r="16842" spans="14:14">
      <c r="N16842" s="10"/>
    </row>
    <row r="16843" spans="14:14">
      <c r="N16843" s="10"/>
    </row>
    <row r="16844" spans="14:14">
      <c r="N16844" s="10"/>
    </row>
    <row r="16845" spans="14:14">
      <c r="N16845" s="10"/>
    </row>
    <row r="16846" spans="14:14">
      <c r="N16846" s="10"/>
    </row>
    <row r="16847" spans="14:14">
      <c r="N16847" s="10"/>
    </row>
    <row r="16848" spans="14:14">
      <c r="N16848" s="10"/>
    </row>
    <row r="16849" spans="14:14">
      <c r="N16849" s="10"/>
    </row>
    <row r="16850" spans="14:14">
      <c r="N16850" s="10"/>
    </row>
    <row r="16851" spans="14:14">
      <c r="N16851" s="10"/>
    </row>
    <row r="16852" spans="14:14">
      <c r="N16852" s="10"/>
    </row>
    <row r="16853" spans="14:14">
      <c r="N16853" s="10"/>
    </row>
    <row r="16854" spans="14:14">
      <c r="N16854" s="10"/>
    </row>
    <row r="16855" spans="14:14">
      <c r="N16855" s="10"/>
    </row>
    <row r="16856" spans="14:14">
      <c r="N16856" s="10"/>
    </row>
    <row r="16857" spans="14:14">
      <c r="N16857" s="10"/>
    </row>
    <row r="16858" spans="14:14">
      <c r="N16858" s="10"/>
    </row>
    <row r="16859" spans="14:14">
      <c r="N16859" s="10"/>
    </row>
    <row r="16860" spans="14:14">
      <c r="N16860" s="10"/>
    </row>
    <row r="16861" spans="14:14">
      <c r="N16861" s="10"/>
    </row>
    <row r="16862" spans="14:14">
      <c r="N16862" s="10"/>
    </row>
    <row r="16863" spans="14:14">
      <c r="N16863" s="10"/>
    </row>
    <row r="16864" spans="14:14">
      <c r="N16864" s="10"/>
    </row>
    <row r="16865" spans="14:14">
      <c r="N16865" s="10"/>
    </row>
    <row r="16866" spans="14:14">
      <c r="N16866" s="10"/>
    </row>
    <row r="16867" spans="14:14">
      <c r="N16867" s="10"/>
    </row>
    <row r="16868" spans="14:14">
      <c r="N16868" s="10"/>
    </row>
    <row r="16869" spans="14:14">
      <c r="N16869" s="10"/>
    </row>
    <row r="16870" spans="14:14">
      <c r="N16870" s="10"/>
    </row>
    <row r="16871" spans="14:14">
      <c r="N16871" s="10"/>
    </row>
    <row r="16872" spans="14:14">
      <c r="N16872" s="10"/>
    </row>
    <row r="16873" spans="14:14">
      <c r="N16873" s="10"/>
    </row>
    <row r="16874" spans="14:14">
      <c r="N16874" s="10"/>
    </row>
    <row r="16875" spans="14:14">
      <c r="N16875" s="10"/>
    </row>
    <row r="16876" spans="14:14">
      <c r="N16876" s="10"/>
    </row>
    <row r="16877" spans="14:14">
      <c r="N16877" s="10"/>
    </row>
    <row r="16878" spans="14:14">
      <c r="N16878" s="10"/>
    </row>
    <row r="16879" spans="14:14">
      <c r="N16879" s="10"/>
    </row>
    <row r="16880" spans="14:14">
      <c r="N16880" s="10"/>
    </row>
    <row r="16881" spans="14:14">
      <c r="N16881" s="10"/>
    </row>
    <row r="16882" spans="14:14">
      <c r="N16882" s="10"/>
    </row>
    <row r="16883" spans="14:14">
      <c r="N16883" s="10"/>
    </row>
    <row r="16884" spans="14:14">
      <c r="N16884" s="10"/>
    </row>
    <row r="16885" spans="14:14">
      <c r="N16885" s="10"/>
    </row>
    <row r="16886" spans="14:14">
      <c r="N16886" s="10"/>
    </row>
    <row r="16887" spans="14:14">
      <c r="N16887" s="10"/>
    </row>
    <row r="16888" spans="14:14">
      <c r="N16888" s="10"/>
    </row>
    <row r="16889" spans="14:14">
      <c r="N16889" s="10"/>
    </row>
    <row r="16890" spans="14:14">
      <c r="N16890" s="10"/>
    </row>
    <row r="16891" spans="14:14">
      <c r="N16891" s="10"/>
    </row>
    <row r="16892" spans="14:14">
      <c r="N16892" s="10"/>
    </row>
    <row r="16893" spans="14:14">
      <c r="N16893" s="10"/>
    </row>
    <row r="16894" spans="14:14">
      <c r="N16894" s="10"/>
    </row>
    <row r="16895" spans="14:14">
      <c r="N16895" s="10"/>
    </row>
    <row r="16896" spans="14:14">
      <c r="N16896" s="10"/>
    </row>
    <row r="16897" spans="14:14">
      <c r="N16897" s="10"/>
    </row>
    <row r="16898" spans="14:14">
      <c r="N16898" s="10"/>
    </row>
    <row r="16899" spans="14:14">
      <c r="N16899" s="10"/>
    </row>
    <row r="16900" spans="14:14">
      <c r="N16900" s="10"/>
    </row>
    <row r="16901" spans="14:14">
      <c r="N16901" s="10"/>
    </row>
    <row r="16902" spans="14:14">
      <c r="N16902" s="10"/>
    </row>
    <row r="16903" spans="14:14">
      <c r="N16903" s="10"/>
    </row>
    <row r="16904" spans="14:14">
      <c r="N16904" s="10"/>
    </row>
    <row r="16905" spans="14:14">
      <c r="N16905" s="10"/>
    </row>
    <row r="16906" spans="14:14">
      <c r="N16906" s="10"/>
    </row>
    <row r="16907" spans="14:14">
      <c r="N16907" s="10"/>
    </row>
    <row r="16908" spans="14:14">
      <c r="N16908" s="10"/>
    </row>
    <row r="16909" spans="14:14">
      <c r="N16909" s="10"/>
    </row>
    <row r="16910" spans="14:14">
      <c r="N16910" s="10"/>
    </row>
    <row r="16911" spans="14:14">
      <c r="N16911" s="10"/>
    </row>
    <row r="16912" spans="14:14">
      <c r="N16912" s="10"/>
    </row>
    <row r="16913" spans="14:14">
      <c r="N16913" s="10"/>
    </row>
    <row r="16914" spans="14:14">
      <c r="N16914" s="10"/>
    </row>
    <row r="16915" spans="14:14">
      <c r="N16915" s="10"/>
    </row>
    <row r="16916" spans="14:14">
      <c r="N16916" s="10"/>
    </row>
    <row r="16917" spans="14:14">
      <c r="N16917" s="10"/>
    </row>
    <row r="16918" spans="14:14">
      <c r="N16918" s="10"/>
    </row>
    <row r="16919" spans="14:14">
      <c r="N16919" s="10"/>
    </row>
    <row r="16920" spans="14:14">
      <c r="N16920" s="10"/>
    </row>
    <row r="16921" spans="14:14">
      <c r="N16921" s="10"/>
    </row>
    <row r="16922" spans="14:14">
      <c r="N16922" s="10"/>
    </row>
    <row r="16923" spans="14:14">
      <c r="N16923" s="10"/>
    </row>
    <row r="16924" spans="14:14">
      <c r="N16924" s="10"/>
    </row>
    <row r="16925" spans="14:14">
      <c r="N16925" s="10"/>
    </row>
    <row r="16926" spans="14:14">
      <c r="N16926" s="10"/>
    </row>
    <row r="16927" spans="14:14">
      <c r="N16927" s="10"/>
    </row>
    <row r="16928" spans="14:14">
      <c r="N16928" s="10"/>
    </row>
    <row r="16929" spans="14:14">
      <c r="N16929" s="10"/>
    </row>
    <row r="16930" spans="14:14">
      <c r="N16930" s="10"/>
    </row>
    <row r="16931" spans="14:14">
      <c r="N16931" s="10"/>
    </row>
    <row r="16932" spans="14:14">
      <c r="N16932" s="10"/>
    </row>
    <row r="16933" spans="14:14">
      <c r="N16933" s="10"/>
    </row>
    <row r="16934" spans="14:14">
      <c r="N16934" s="10"/>
    </row>
    <row r="16935" spans="14:14">
      <c r="N16935" s="10"/>
    </row>
    <row r="16936" spans="14:14">
      <c r="N16936" s="10"/>
    </row>
    <row r="16937" spans="14:14">
      <c r="N16937" s="10"/>
    </row>
    <row r="16938" spans="14:14">
      <c r="N16938" s="10"/>
    </row>
    <row r="16939" spans="14:14">
      <c r="N16939" s="10"/>
    </row>
    <row r="16940" spans="14:14">
      <c r="N16940" s="10"/>
    </row>
    <row r="16941" spans="14:14">
      <c r="N16941" s="10"/>
    </row>
    <row r="16942" spans="14:14">
      <c r="N16942" s="10"/>
    </row>
    <row r="16943" spans="14:14">
      <c r="N16943" s="10"/>
    </row>
    <row r="16944" spans="14:14">
      <c r="N16944" s="10"/>
    </row>
    <row r="16945" spans="14:14">
      <c r="N16945" s="10"/>
    </row>
    <row r="16946" spans="14:14">
      <c r="N16946" s="10"/>
    </row>
    <row r="16947" spans="14:14">
      <c r="N16947" s="10"/>
    </row>
    <row r="16948" spans="14:14">
      <c r="N16948" s="10"/>
    </row>
    <row r="16949" spans="14:14">
      <c r="N16949" s="10"/>
    </row>
    <row r="16950" spans="14:14">
      <c r="N16950" s="10"/>
    </row>
    <row r="16951" spans="14:14">
      <c r="N16951" s="10"/>
    </row>
    <row r="16952" spans="14:14">
      <c r="N16952" s="10"/>
    </row>
    <row r="16953" spans="14:14">
      <c r="N16953" s="10"/>
    </row>
    <row r="16954" spans="14:14">
      <c r="N16954" s="10"/>
    </row>
    <row r="16955" spans="14:14">
      <c r="N16955" s="10"/>
    </row>
    <row r="16956" spans="14:14">
      <c r="N16956" s="10"/>
    </row>
    <row r="16957" spans="14:14">
      <c r="N16957" s="10"/>
    </row>
    <row r="16958" spans="14:14">
      <c r="N16958" s="10"/>
    </row>
    <row r="16959" spans="14:14">
      <c r="N16959" s="10"/>
    </row>
    <row r="16960" spans="14:14">
      <c r="N16960" s="10"/>
    </row>
    <row r="16961" spans="14:14">
      <c r="N16961" s="10"/>
    </row>
    <row r="16962" spans="14:14">
      <c r="N16962" s="10"/>
    </row>
    <row r="16963" spans="14:14">
      <c r="N16963" s="10"/>
    </row>
    <row r="16964" spans="14:14">
      <c r="N16964" s="10"/>
    </row>
    <row r="16965" spans="14:14">
      <c r="N16965" s="10"/>
    </row>
    <row r="16966" spans="14:14">
      <c r="N16966" s="10"/>
    </row>
    <row r="16967" spans="14:14">
      <c r="N16967" s="10"/>
    </row>
    <row r="16968" spans="14:14">
      <c r="N16968" s="10"/>
    </row>
    <row r="16969" spans="14:14">
      <c r="N16969" s="10"/>
    </row>
    <row r="16970" spans="14:14">
      <c r="N16970" s="10"/>
    </row>
    <row r="16971" spans="14:14">
      <c r="N16971" s="10"/>
    </row>
    <row r="16972" spans="14:14">
      <c r="N16972" s="10"/>
    </row>
    <row r="16973" spans="14:14">
      <c r="N16973" s="10"/>
    </row>
    <row r="16974" spans="14:14">
      <c r="N16974" s="10"/>
    </row>
    <row r="16975" spans="14:14">
      <c r="N16975" s="10"/>
    </row>
    <row r="16976" spans="14:14">
      <c r="N16976" s="10"/>
    </row>
    <row r="16977" spans="14:14">
      <c r="N16977" s="10"/>
    </row>
    <row r="16978" spans="14:14">
      <c r="N16978" s="10"/>
    </row>
    <row r="16979" spans="14:14">
      <c r="N16979" s="10"/>
    </row>
    <row r="16980" spans="14:14">
      <c r="N16980" s="10"/>
    </row>
    <row r="16981" spans="14:14">
      <c r="N16981" s="10"/>
    </row>
    <row r="16982" spans="14:14">
      <c r="N16982" s="10"/>
    </row>
    <row r="16983" spans="14:14">
      <c r="N16983" s="10"/>
    </row>
    <row r="16984" spans="14:14">
      <c r="N16984" s="10"/>
    </row>
    <row r="16985" spans="14:14">
      <c r="N16985" s="10"/>
    </row>
    <row r="16986" spans="14:14">
      <c r="N16986" s="10"/>
    </row>
    <row r="16987" spans="14:14">
      <c r="N16987" s="10"/>
    </row>
    <row r="16988" spans="14:14">
      <c r="N16988" s="10"/>
    </row>
    <row r="16989" spans="14:14">
      <c r="N16989" s="10"/>
    </row>
    <row r="16990" spans="14:14">
      <c r="N16990" s="10"/>
    </row>
    <row r="16991" spans="14:14">
      <c r="N16991" s="10"/>
    </row>
    <row r="16992" spans="14:14">
      <c r="N16992" s="10"/>
    </row>
    <row r="16993" spans="14:14">
      <c r="N16993" s="10"/>
    </row>
    <row r="16994" spans="14:14">
      <c r="N16994" s="10"/>
    </row>
    <row r="16995" spans="14:14">
      <c r="N16995" s="10"/>
    </row>
    <row r="16996" spans="14:14">
      <c r="N16996" s="10"/>
    </row>
    <row r="16997" spans="14:14">
      <c r="N16997" s="10"/>
    </row>
    <row r="16998" spans="14:14">
      <c r="N16998" s="10"/>
    </row>
    <row r="16999" spans="14:14">
      <c r="N16999" s="10"/>
    </row>
    <row r="17000" spans="14:14">
      <c r="N17000" s="10"/>
    </row>
    <row r="17001" spans="14:14">
      <c r="N17001" s="10"/>
    </row>
    <row r="17002" spans="14:14">
      <c r="N17002" s="10"/>
    </row>
    <row r="17003" spans="14:14">
      <c r="N17003" s="10"/>
    </row>
    <row r="17004" spans="14:14">
      <c r="N17004" s="10"/>
    </row>
    <row r="17005" spans="14:14">
      <c r="N17005" s="10"/>
    </row>
    <row r="17006" spans="14:14">
      <c r="N17006" s="10"/>
    </row>
    <row r="17007" spans="14:14">
      <c r="N17007" s="10"/>
    </row>
    <row r="17008" spans="14:14">
      <c r="N17008" s="10"/>
    </row>
    <row r="17009" spans="14:14">
      <c r="N17009" s="10"/>
    </row>
    <row r="17010" spans="14:14">
      <c r="N17010" s="10"/>
    </row>
    <row r="17011" spans="14:14">
      <c r="N17011" s="10"/>
    </row>
    <row r="17012" spans="14:14">
      <c r="N17012" s="10"/>
    </row>
    <row r="17013" spans="14:14">
      <c r="N17013" s="10"/>
    </row>
    <row r="17014" spans="14:14">
      <c r="N17014" s="10"/>
    </row>
    <row r="17015" spans="14:14">
      <c r="N17015" s="10"/>
    </row>
    <row r="17016" spans="14:14">
      <c r="N17016" s="10"/>
    </row>
    <row r="17017" spans="14:14">
      <c r="N17017" s="10"/>
    </row>
    <row r="17018" spans="14:14">
      <c r="N17018" s="10"/>
    </row>
    <row r="17019" spans="14:14">
      <c r="N17019" s="10"/>
    </row>
    <row r="17020" spans="14:14">
      <c r="N17020" s="10"/>
    </row>
    <row r="17021" spans="14:14">
      <c r="N17021" s="10"/>
    </row>
    <row r="17022" spans="14:14">
      <c r="N17022" s="10"/>
    </row>
    <row r="17023" spans="14:14">
      <c r="N17023" s="10"/>
    </row>
    <row r="17024" spans="14:14">
      <c r="N17024" s="10"/>
    </row>
    <row r="17025" spans="14:14">
      <c r="N17025" s="10"/>
    </row>
    <row r="17026" spans="14:14">
      <c r="N17026" s="10"/>
    </row>
    <row r="17027" spans="14:14">
      <c r="N17027" s="10"/>
    </row>
    <row r="17028" spans="14:14">
      <c r="N17028" s="10"/>
    </row>
    <row r="17029" spans="14:14">
      <c r="N17029" s="10"/>
    </row>
    <row r="17030" spans="14:14">
      <c r="N17030" s="10"/>
    </row>
    <row r="17031" spans="14:14">
      <c r="N17031" s="10"/>
    </row>
    <row r="17032" spans="14:14">
      <c r="N17032" s="10"/>
    </row>
    <row r="17033" spans="14:14">
      <c r="N17033" s="10"/>
    </row>
    <row r="17034" spans="14:14">
      <c r="N17034" s="10"/>
    </row>
    <row r="17035" spans="14:14">
      <c r="N17035" s="10"/>
    </row>
    <row r="17036" spans="14:14">
      <c r="N17036" s="10"/>
    </row>
    <row r="17037" spans="14:14">
      <c r="N17037" s="10"/>
    </row>
    <row r="17038" spans="14:14">
      <c r="N17038" s="10"/>
    </row>
    <row r="17039" spans="14:14">
      <c r="N17039" s="10"/>
    </row>
    <row r="17040" spans="14:14">
      <c r="N17040" s="10"/>
    </row>
    <row r="17041" spans="14:14">
      <c r="N17041" s="10"/>
    </row>
    <row r="17042" spans="14:14">
      <c r="N17042" s="10"/>
    </row>
    <row r="17043" spans="14:14">
      <c r="N17043" s="10"/>
    </row>
    <row r="17044" spans="14:14">
      <c r="N17044" s="10"/>
    </row>
    <row r="17045" spans="14:14">
      <c r="N17045" s="10"/>
    </row>
    <row r="17046" spans="14:14">
      <c r="N17046" s="10"/>
    </row>
    <row r="17047" spans="14:14">
      <c r="N17047" s="10"/>
    </row>
    <row r="17048" spans="14:14">
      <c r="N17048" s="10"/>
    </row>
    <row r="17049" spans="14:14">
      <c r="N17049" s="10"/>
    </row>
    <row r="17050" spans="14:14">
      <c r="N17050" s="10"/>
    </row>
    <row r="17051" spans="14:14">
      <c r="N17051" s="10"/>
    </row>
    <row r="17052" spans="14:14">
      <c r="N17052" s="10"/>
    </row>
    <row r="17053" spans="14:14">
      <c r="N17053" s="10"/>
    </row>
    <row r="17054" spans="14:14">
      <c r="N17054" s="10"/>
    </row>
    <row r="17055" spans="14:14">
      <c r="N17055" s="10"/>
    </row>
    <row r="17056" spans="14:14">
      <c r="N17056" s="10"/>
    </row>
    <row r="17057" spans="14:14">
      <c r="N17057" s="10"/>
    </row>
    <row r="17058" spans="14:14">
      <c r="N17058" s="10"/>
    </row>
    <row r="17059" spans="14:14">
      <c r="N17059" s="10"/>
    </row>
    <row r="17060" spans="14:14">
      <c r="N17060" s="10"/>
    </row>
    <row r="17061" spans="14:14">
      <c r="N17061" s="10"/>
    </row>
    <row r="17062" spans="14:14">
      <c r="N17062" s="10"/>
    </row>
    <row r="17063" spans="14:14">
      <c r="N17063" s="10"/>
    </row>
    <row r="17064" spans="14:14">
      <c r="N17064" s="10"/>
    </row>
    <row r="17065" spans="14:14">
      <c r="N17065" s="10"/>
    </row>
    <row r="17066" spans="14:14">
      <c r="N17066" s="10"/>
    </row>
    <row r="17067" spans="14:14">
      <c r="N17067" s="10"/>
    </row>
    <row r="17068" spans="14:14">
      <c r="N17068" s="10"/>
    </row>
    <row r="17069" spans="14:14">
      <c r="N17069" s="10"/>
    </row>
    <row r="17070" spans="14:14">
      <c r="N17070" s="10"/>
    </row>
    <row r="17071" spans="14:14">
      <c r="N17071" s="10"/>
    </row>
    <row r="17072" spans="14:14">
      <c r="N17072" s="10"/>
    </row>
    <row r="17073" spans="14:14">
      <c r="N17073" s="10"/>
    </row>
    <row r="17074" spans="14:14">
      <c r="N17074" s="10"/>
    </row>
    <row r="17075" spans="14:14">
      <c r="N17075" s="10"/>
    </row>
    <row r="17076" spans="14:14">
      <c r="N17076" s="10"/>
    </row>
    <row r="17077" spans="14:14">
      <c r="N17077" s="10"/>
    </row>
    <row r="17078" spans="14:14">
      <c r="N17078" s="10"/>
    </row>
    <row r="17079" spans="14:14">
      <c r="N17079" s="10"/>
    </row>
    <row r="17080" spans="14:14">
      <c r="N17080" s="10"/>
    </row>
    <row r="17081" spans="14:14">
      <c r="N17081" s="10"/>
    </row>
    <row r="17082" spans="14:14">
      <c r="N17082" s="10"/>
    </row>
    <row r="17083" spans="14:14">
      <c r="N17083" s="10"/>
    </row>
    <row r="17084" spans="14:14">
      <c r="N17084" s="10"/>
    </row>
    <row r="17085" spans="14:14">
      <c r="N17085" s="10"/>
    </row>
    <row r="17086" spans="14:14">
      <c r="N17086" s="10"/>
    </row>
    <row r="17087" spans="14:14">
      <c r="N17087" s="10"/>
    </row>
    <row r="17088" spans="14:14">
      <c r="N17088" s="10"/>
    </row>
    <row r="17089" spans="14:14">
      <c r="N17089" s="10"/>
    </row>
    <row r="17090" spans="14:14">
      <c r="N17090" s="10"/>
    </row>
    <row r="17091" spans="14:14">
      <c r="N17091" s="10"/>
    </row>
    <row r="17092" spans="14:14">
      <c r="N17092" s="10"/>
    </row>
    <row r="17093" spans="14:14">
      <c r="N17093" s="10"/>
    </row>
    <row r="17094" spans="14:14">
      <c r="N17094" s="10"/>
    </row>
    <row r="17095" spans="14:14">
      <c r="N17095" s="10"/>
    </row>
    <row r="17096" spans="14:14">
      <c r="N17096" s="10"/>
    </row>
    <row r="17097" spans="14:14">
      <c r="N17097" s="10"/>
    </row>
    <row r="17098" spans="14:14">
      <c r="N17098" s="10"/>
    </row>
    <row r="17099" spans="14:14">
      <c r="N17099" s="10"/>
    </row>
    <row r="17100" spans="14:14">
      <c r="N17100" s="10"/>
    </row>
    <row r="17101" spans="14:14">
      <c r="N17101" s="10"/>
    </row>
    <row r="17102" spans="14:14">
      <c r="N17102" s="10"/>
    </row>
    <row r="17103" spans="14:14">
      <c r="N17103" s="10"/>
    </row>
    <row r="17104" spans="14:14">
      <c r="N17104" s="10"/>
    </row>
    <row r="17105" spans="14:14">
      <c r="N17105" s="10"/>
    </row>
    <row r="17106" spans="14:14">
      <c r="N17106" s="10"/>
    </row>
    <row r="17107" spans="14:14">
      <c r="N17107" s="10"/>
    </row>
    <row r="17108" spans="14:14">
      <c r="N17108" s="10"/>
    </row>
    <row r="17109" spans="14:14">
      <c r="N17109" s="10"/>
    </row>
    <row r="17110" spans="14:14">
      <c r="N17110" s="10"/>
    </row>
    <row r="17111" spans="14:14">
      <c r="N17111" s="10"/>
    </row>
    <row r="17112" spans="14:14">
      <c r="N17112" s="10"/>
    </row>
    <row r="17113" spans="14:14">
      <c r="N17113" s="10"/>
    </row>
    <row r="17114" spans="14:14">
      <c r="N17114" s="10"/>
    </row>
    <row r="17115" spans="14:14">
      <c r="N17115" s="10"/>
    </row>
    <row r="17116" spans="14:14">
      <c r="N17116" s="10"/>
    </row>
    <row r="17117" spans="14:14">
      <c r="N17117" s="10"/>
    </row>
    <row r="17118" spans="14:14">
      <c r="N17118" s="10"/>
    </row>
    <row r="17119" spans="14:14">
      <c r="N17119" s="10"/>
    </row>
    <row r="17120" spans="14:14">
      <c r="N17120" s="10"/>
    </row>
    <row r="17121" spans="14:14">
      <c r="N17121" s="10"/>
    </row>
    <row r="17122" spans="14:14">
      <c r="N17122" s="10"/>
    </row>
    <row r="17123" spans="14:14">
      <c r="N17123" s="10"/>
    </row>
    <row r="17124" spans="14:14">
      <c r="N17124" s="10"/>
    </row>
    <row r="17125" spans="14:14">
      <c r="N17125" s="10"/>
    </row>
    <row r="17126" spans="14:14">
      <c r="N17126" s="10"/>
    </row>
    <row r="17127" spans="14:14">
      <c r="N17127" s="10"/>
    </row>
    <row r="17128" spans="14:14">
      <c r="N17128" s="10"/>
    </row>
    <row r="17129" spans="14:14">
      <c r="N17129" s="10"/>
    </row>
    <row r="17130" spans="14:14">
      <c r="N17130" s="10"/>
    </row>
    <row r="17131" spans="14:14">
      <c r="N17131" s="10"/>
    </row>
    <row r="17132" spans="14:14">
      <c r="N17132" s="10"/>
    </row>
    <row r="17133" spans="14:14">
      <c r="N17133" s="10"/>
    </row>
    <row r="17134" spans="14:14">
      <c r="N17134" s="10"/>
    </row>
    <row r="17135" spans="14:14">
      <c r="N17135" s="10"/>
    </row>
    <row r="17136" spans="14:14">
      <c r="N17136" s="10"/>
    </row>
    <row r="17137" spans="14:14">
      <c r="N17137" s="10"/>
    </row>
    <row r="17138" spans="14:14">
      <c r="N17138" s="10"/>
    </row>
    <row r="17139" spans="14:14">
      <c r="N17139" s="10"/>
    </row>
    <row r="17140" spans="14:14">
      <c r="N17140" s="10"/>
    </row>
    <row r="17141" spans="14:14">
      <c r="N17141" s="10"/>
    </row>
    <row r="17142" spans="14:14">
      <c r="N17142" s="10"/>
    </row>
    <row r="17143" spans="14:14">
      <c r="N17143" s="10"/>
    </row>
    <row r="17144" spans="14:14">
      <c r="N17144" s="10"/>
    </row>
    <row r="17145" spans="14:14">
      <c r="N17145" s="10"/>
    </row>
    <row r="17146" spans="14:14">
      <c r="N17146" s="10"/>
    </row>
    <row r="17147" spans="14:14">
      <c r="N17147" s="10"/>
    </row>
    <row r="17148" spans="14:14">
      <c r="N17148" s="10"/>
    </row>
    <row r="17149" spans="14:14">
      <c r="N17149" s="10"/>
    </row>
    <row r="17150" spans="14:14">
      <c r="N17150" s="10"/>
    </row>
    <row r="17151" spans="14:14">
      <c r="N17151" s="10"/>
    </row>
    <row r="17152" spans="14:14">
      <c r="N17152" s="10"/>
    </row>
    <row r="17153" spans="14:14">
      <c r="N17153" s="10"/>
    </row>
    <row r="17154" spans="14:14">
      <c r="N17154" s="10"/>
    </row>
    <row r="17155" spans="14:14">
      <c r="N17155" s="10"/>
    </row>
    <row r="17156" spans="14:14">
      <c r="N17156" s="10"/>
    </row>
    <row r="17157" spans="14:14">
      <c r="N17157" s="10"/>
    </row>
    <row r="17158" spans="14:14">
      <c r="N17158" s="10"/>
    </row>
    <row r="17159" spans="14:14">
      <c r="N17159" s="10"/>
    </row>
    <row r="17160" spans="14:14">
      <c r="N17160" s="10"/>
    </row>
    <row r="17161" spans="14:14">
      <c r="N17161" s="10"/>
    </row>
    <row r="17162" spans="14:14">
      <c r="N17162" s="10"/>
    </row>
    <row r="17163" spans="14:14">
      <c r="N17163" s="10"/>
    </row>
    <row r="17164" spans="14:14">
      <c r="N17164" s="10"/>
    </row>
    <row r="17165" spans="14:14">
      <c r="N17165" s="10"/>
    </row>
    <row r="17166" spans="14:14">
      <c r="N17166" s="10"/>
    </row>
    <row r="17167" spans="14:14">
      <c r="N17167" s="10"/>
    </row>
    <row r="17168" spans="14:14">
      <c r="N17168" s="10"/>
    </row>
    <row r="17169" spans="14:14">
      <c r="N17169" s="10"/>
    </row>
    <row r="17170" spans="14:14">
      <c r="N17170" s="10"/>
    </row>
    <row r="17171" spans="14:14">
      <c r="N17171" s="10"/>
    </row>
    <row r="17172" spans="14:14">
      <c r="N17172" s="10"/>
    </row>
    <row r="17173" spans="14:14">
      <c r="N17173" s="10"/>
    </row>
    <row r="17174" spans="14:14">
      <c r="N17174" s="10"/>
    </row>
    <row r="17175" spans="14:14">
      <c r="N17175" s="10"/>
    </row>
    <row r="17176" spans="14:14">
      <c r="N17176" s="10"/>
    </row>
    <row r="17177" spans="14:14">
      <c r="N17177" s="10"/>
    </row>
    <row r="17178" spans="14:14">
      <c r="N17178" s="10"/>
    </row>
    <row r="17179" spans="14:14">
      <c r="N17179" s="10"/>
    </row>
    <row r="17180" spans="14:14">
      <c r="N17180" s="10"/>
    </row>
    <row r="17181" spans="14:14">
      <c r="N17181" s="10"/>
    </row>
    <row r="17182" spans="14:14">
      <c r="N17182" s="10"/>
    </row>
    <row r="17183" spans="14:14">
      <c r="N17183" s="10"/>
    </row>
    <row r="17184" spans="14:14">
      <c r="N17184" s="10"/>
    </row>
    <row r="17185" spans="14:14">
      <c r="N17185" s="10"/>
    </row>
    <row r="17186" spans="14:14">
      <c r="N17186" s="10"/>
    </row>
    <row r="17187" spans="14:14">
      <c r="N17187" s="10"/>
    </row>
    <row r="17188" spans="14:14">
      <c r="N17188" s="10"/>
    </row>
    <row r="17189" spans="14:14">
      <c r="N17189" s="10"/>
    </row>
    <row r="17190" spans="14:14">
      <c r="N17190" s="10"/>
    </row>
    <row r="17191" spans="14:14">
      <c r="N17191" s="10"/>
    </row>
    <row r="17192" spans="14:14">
      <c r="N17192" s="10"/>
    </row>
    <row r="17193" spans="14:14">
      <c r="N17193" s="10"/>
    </row>
    <row r="17194" spans="14:14">
      <c r="N17194" s="10"/>
    </row>
    <row r="17195" spans="14:14">
      <c r="N17195" s="10"/>
    </row>
    <row r="17196" spans="14:14">
      <c r="N17196" s="10"/>
    </row>
    <row r="17197" spans="14:14">
      <c r="N17197" s="10"/>
    </row>
    <row r="17198" spans="14:14">
      <c r="N17198" s="10"/>
    </row>
    <row r="17199" spans="14:14">
      <c r="N17199" s="10"/>
    </row>
    <row r="17200" spans="14:14">
      <c r="N17200" s="10"/>
    </row>
    <row r="17201" spans="14:14">
      <c r="N17201" s="10"/>
    </row>
    <row r="17202" spans="14:14">
      <c r="N17202" s="10"/>
    </row>
    <row r="17203" spans="14:14">
      <c r="N17203" s="10"/>
    </row>
    <row r="17204" spans="14:14">
      <c r="N17204" s="10"/>
    </row>
    <row r="17205" spans="14:14">
      <c r="N17205" s="10"/>
    </row>
    <row r="17206" spans="14:14">
      <c r="N17206" s="10"/>
    </row>
    <row r="17207" spans="14:14">
      <c r="N17207" s="10"/>
    </row>
    <row r="17208" spans="14:14">
      <c r="N17208" s="10"/>
    </row>
    <row r="17209" spans="14:14">
      <c r="N17209" s="10"/>
    </row>
    <row r="17210" spans="14:14">
      <c r="N17210" s="10"/>
    </row>
    <row r="17211" spans="14:14">
      <c r="N17211" s="10"/>
    </row>
    <row r="17212" spans="14:14">
      <c r="N17212" s="10"/>
    </row>
    <row r="17213" spans="14:14">
      <c r="N17213" s="10"/>
    </row>
    <row r="17214" spans="14:14">
      <c r="N17214" s="10"/>
    </row>
    <row r="17215" spans="14:14">
      <c r="N17215" s="10"/>
    </row>
    <row r="17216" spans="14:14">
      <c r="N17216" s="10"/>
    </row>
    <row r="17217" spans="14:14">
      <c r="N17217" s="10"/>
    </row>
    <row r="17218" spans="14:14">
      <c r="N17218" s="10"/>
    </row>
    <row r="17219" spans="14:14">
      <c r="N17219" s="10"/>
    </row>
    <row r="17220" spans="14:14">
      <c r="N17220" s="10"/>
    </row>
    <row r="17221" spans="14:14">
      <c r="N17221" s="10"/>
    </row>
    <row r="17222" spans="14:14">
      <c r="N17222" s="10"/>
    </row>
    <row r="17223" spans="14:14">
      <c r="N17223" s="10"/>
    </row>
    <row r="17224" spans="14:14">
      <c r="N17224" s="10"/>
    </row>
    <row r="17225" spans="14:14">
      <c r="N17225" s="10"/>
    </row>
    <row r="17226" spans="14:14">
      <c r="N17226" s="10"/>
    </row>
    <row r="17227" spans="14:14">
      <c r="N17227" s="10"/>
    </row>
    <row r="17228" spans="14:14">
      <c r="N17228" s="10"/>
    </row>
    <row r="17229" spans="14:14">
      <c r="N17229" s="10"/>
    </row>
    <row r="17230" spans="14:14">
      <c r="N17230" s="10"/>
    </row>
    <row r="17231" spans="14:14">
      <c r="N17231" s="10"/>
    </row>
    <row r="17232" spans="14:14">
      <c r="N17232" s="10"/>
    </row>
    <row r="17233" spans="14:14">
      <c r="N17233" s="10"/>
    </row>
    <row r="17234" spans="14:14">
      <c r="N17234" s="10"/>
    </row>
    <row r="17235" spans="14:14">
      <c r="N17235" s="10"/>
    </row>
    <row r="17236" spans="14:14">
      <c r="N17236" s="10"/>
    </row>
    <row r="17237" spans="14:14">
      <c r="N17237" s="10"/>
    </row>
    <row r="17238" spans="14:14">
      <c r="N17238" s="10"/>
    </row>
    <row r="17239" spans="14:14">
      <c r="N17239" s="10"/>
    </row>
    <row r="17240" spans="14:14">
      <c r="N17240" s="10"/>
    </row>
    <row r="17241" spans="14:14">
      <c r="N17241" s="10"/>
    </row>
    <row r="17242" spans="14:14">
      <c r="N17242" s="10"/>
    </row>
    <row r="17243" spans="14:14">
      <c r="N17243" s="10"/>
    </row>
    <row r="17244" spans="14:14">
      <c r="N17244" s="10"/>
    </row>
    <row r="17245" spans="14:14">
      <c r="N17245" s="10"/>
    </row>
    <row r="17246" spans="14:14">
      <c r="N17246" s="10"/>
    </row>
    <row r="17247" spans="14:14">
      <c r="N17247" s="10"/>
    </row>
    <row r="17248" spans="14:14">
      <c r="N17248" s="10"/>
    </row>
    <row r="17249" spans="14:14">
      <c r="N17249" s="10"/>
    </row>
    <row r="17250" spans="14:14">
      <c r="N17250" s="10"/>
    </row>
    <row r="17251" spans="14:14">
      <c r="N17251" s="10"/>
    </row>
    <row r="17252" spans="14:14">
      <c r="N17252" s="10"/>
    </row>
    <row r="17253" spans="14:14">
      <c r="N17253" s="10"/>
    </row>
    <row r="17254" spans="14:14">
      <c r="N17254" s="10"/>
    </row>
    <row r="17255" spans="14:14">
      <c r="N17255" s="10"/>
    </row>
    <row r="17256" spans="14:14">
      <c r="N17256" s="10"/>
    </row>
    <row r="17257" spans="14:14">
      <c r="N17257" s="10"/>
    </row>
    <row r="17258" spans="14:14">
      <c r="N17258" s="10"/>
    </row>
    <row r="17259" spans="14:14">
      <c r="N17259" s="10"/>
    </row>
    <row r="17260" spans="14:14">
      <c r="N17260" s="10"/>
    </row>
    <row r="17261" spans="14:14">
      <c r="N17261" s="10"/>
    </row>
    <row r="17262" spans="14:14">
      <c r="N17262" s="10"/>
    </row>
    <row r="17263" spans="14:14">
      <c r="N17263" s="10"/>
    </row>
    <row r="17264" spans="14:14">
      <c r="N17264" s="10"/>
    </row>
    <row r="17265" spans="14:14">
      <c r="N17265" s="10"/>
    </row>
    <row r="17266" spans="14:14">
      <c r="N17266" s="10"/>
    </row>
    <row r="17267" spans="14:14">
      <c r="N17267" s="10"/>
    </row>
    <row r="17268" spans="14:14">
      <c r="N17268" s="10"/>
    </row>
    <row r="17269" spans="14:14">
      <c r="N17269" s="10"/>
    </row>
    <row r="17270" spans="14:14">
      <c r="N17270" s="10"/>
    </row>
    <row r="17271" spans="14:14">
      <c r="N17271" s="10"/>
    </row>
    <row r="17272" spans="14:14">
      <c r="N17272" s="10"/>
    </row>
    <row r="17273" spans="14:14">
      <c r="N17273" s="10"/>
    </row>
    <row r="17274" spans="14:14">
      <c r="N17274" s="10"/>
    </row>
    <row r="17275" spans="14:14">
      <c r="N17275" s="10"/>
    </row>
    <row r="17276" spans="14:14">
      <c r="N17276" s="10"/>
    </row>
    <row r="17277" spans="14:14">
      <c r="N17277" s="10"/>
    </row>
    <row r="17278" spans="14:14">
      <c r="N17278" s="10"/>
    </row>
    <row r="17279" spans="14:14">
      <c r="N17279" s="10"/>
    </row>
    <row r="17280" spans="14:14">
      <c r="N17280" s="10"/>
    </row>
    <row r="17281" spans="14:14">
      <c r="N17281" s="10"/>
    </row>
    <row r="17282" spans="14:14">
      <c r="N17282" s="10"/>
    </row>
    <row r="17283" spans="14:14">
      <c r="N17283" s="10"/>
    </row>
    <row r="17284" spans="14:14">
      <c r="N17284" s="10"/>
    </row>
    <row r="17285" spans="14:14">
      <c r="N17285" s="10"/>
    </row>
    <row r="17286" spans="14:14">
      <c r="N17286" s="10"/>
    </row>
    <row r="17287" spans="14:14">
      <c r="N17287" s="10"/>
    </row>
    <row r="17288" spans="14:14">
      <c r="N17288" s="10"/>
    </row>
    <row r="17289" spans="14:14">
      <c r="N17289" s="10"/>
    </row>
    <row r="17290" spans="14:14">
      <c r="N17290" s="10"/>
    </row>
    <row r="17291" spans="14:14">
      <c r="N17291" s="10"/>
    </row>
    <row r="17292" spans="14:14">
      <c r="N17292" s="10"/>
    </row>
    <row r="17293" spans="14:14">
      <c r="N17293" s="10"/>
    </row>
    <row r="17294" spans="14:14">
      <c r="N17294" s="10"/>
    </row>
    <row r="17295" spans="14:14">
      <c r="N17295" s="10"/>
    </row>
    <row r="17296" spans="14:14">
      <c r="N17296" s="10"/>
    </row>
    <row r="17297" spans="14:14">
      <c r="N17297" s="10"/>
    </row>
    <row r="17298" spans="14:14">
      <c r="N17298" s="10"/>
    </row>
    <row r="17299" spans="14:14">
      <c r="N17299" s="10"/>
    </row>
    <row r="17300" spans="14:14">
      <c r="N17300" s="10"/>
    </row>
    <row r="17301" spans="14:14">
      <c r="N17301" s="10"/>
    </row>
    <row r="17302" spans="14:14">
      <c r="N17302" s="10"/>
    </row>
    <row r="17303" spans="14:14">
      <c r="N17303" s="10"/>
    </row>
    <row r="17304" spans="14:14">
      <c r="N17304" s="10"/>
    </row>
    <row r="17305" spans="14:14">
      <c r="N17305" s="10"/>
    </row>
    <row r="17306" spans="14:14">
      <c r="N17306" s="10"/>
    </row>
    <row r="17307" spans="14:14">
      <c r="N17307" s="10"/>
    </row>
    <row r="17308" spans="14:14">
      <c r="N17308" s="10"/>
    </row>
    <row r="17309" spans="14:14">
      <c r="N17309" s="10"/>
    </row>
    <row r="17310" spans="14:14">
      <c r="N17310" s="10"/>
    </row>
    <row r="17311" spans="14:14">
      <c r="N17311" s="10"/>
    </row>
    <row r="17312" spans="14:14">
      <c r="N17312" s="10"/>
    </row>
    <row r="17313" spans="14:14">
      <c r="N17313" s="10"/>
    </row>
    <row r="17314" spans="14:14">
      <c r="N17314" s="10"/>
    </row>
    <row r="17315" spans="14:14">
      <c r="N17315" s="10"/>
    </row>
    <row r="17316" spans="14:14">
      <c r="N17316" s="10"/>
    </row>
    <row r="17317" spans="14:14">
      <c r="N17317" s="10"/>
    </row>
    <row r="17318" spans="14:14">
      <c r="N17318" s="10"/>
    </row>
    <row r="17319" spans="14:14">
      <c r="N17319" s="10"/>
    </row>
    <row r="17320" spans="14:14">
      <c r="N17320" s="10"/>
    </row>
    <row r="17321" spans="14:14">
      <c r="N17321" s="10"/>
    </row>
    <row r="17322" spans="14:14">
      <c r="N17322" s="10"/>
    </row>
    <row r="17323" spans="14:14">
      <c r="N17323" s="10"/>
    </row>
    <row r="17324" spans="14:14">
      <c r="N17324" s="10"/>
    </row>
    <row r="17325" spans="14:14">
      <c r="N17325" s="10"/>
    </row>
    <row r="17326" spans="14:14">
      <c r="N17326" s="10"/>
    </row>
    <row r="17327" spans="14:14">
      <c r="N17327" s="10"/>
    </row>
    <row r="17328" spans="14:14">
      <c r="N17328" s="10"/>
    </row>
    <row r="17329" spans="14:14">
      <c r="N17329" s="10"/>
    </row>
    <row r="17330" spans="14:14">
      <c r="N17330" s="10"/>
    </row>
    <row r="17331" spans="14:14">
      <c r="N17331" s="10"/>
    </row>
    <row r="17332" spans="14:14">
      <c r="N17332" s="10"/>
    </row>
    <row r="17333" spans="14:14">
      <c r="N17333" s="10"/>
    </row>
    <row r="17334" spans="14:14">
      <c r="N17334" s="10"/>
    </row>
    <row r="17335" spans="14:14">
      <c r="N17335" s="10"/>
    </row>
    <row r="17336" spans="14:14">
      <c r="N17336" s="10"/>
    </row>
    <row r="17337" spans="14:14">
      <c r="N17337" s="10"/>
    </row>
    <row r="17338" spans="14:14">
      <c r="N17338" s="10"/>
    </row>
    <row r="17339" spans="14:14">
      <c r="N17339" s="10"/>
    </row>
    <row r="17340" spans="14:14">
      <c r="N17340" s="10"/>
    </row>
    <row r="17341" spans="14:14">
      <c r="N17341" s="10"/>
    </row>
    <row r="17342" spans="14:14">
      <c r="N17342" s="10"/>
    </row>
    <row r="17343" spans="14:14">
      <c r="N17343" s="10"/>
    </row>
    <row r="17344" spans="14:14">
      <c r="N17344" s="10"/>
    </row>
    <row r="17345" spans="14:14">
      <c r="N17345" s="10"/>
    </row>
    <row r="17346" spans="14:14">
      <c r="N17346" s="10"/>
    </row>
    <row r="17347" spans="14:14">
      <c r="N17347" s="10"/>
    </row>
    <row r="17348" spans="14:14">
      <c r="N17348" s="10"/>
    </row>
    <row r="17349" spans="14:14">
      <c r="N17349" s="10"/>
    </row>
    <row r="17350" spans="14:14">
      <c r="N17350" s="10"/>
    </row>
    <row r="17351" spans="14:14">
      <c r="N17351" s="10"/>
    </row>
    <row r="17352" spans="14:14">
      <c r="N17352" s="10"/>
    </row>
    <row r="17353" spans="14:14">
      <c r="N17353" s="10"/>
    </row>
    <row r="17354" spans="14:14">
      <c r="N17354" s="10"/>
    </row>
    <row r="17355" spans="14:14">
      <c r="N17355" s="10"/>
    </row>
    <row r="17356" spans="14:14">
      <c r="N17356" s="10"/>
    </row>
    <row r="17357" spans="14:14">
      <c r="N17357" s="10"/>
    </row>
    <row r="17358" spans="14:14">
      <c r="N17358" s="10"/>
    </row>
    <row r="17359" spans="14:14">
      <c r="N17359" s="10"/>
    </row>
    <row r="17360" spans="14:14">
      <c r="N17360" s="10"/>
    </row>
    <row r="17361" spans="14:14">
      <c r="N17361" s="10"/>
    </row>
    <row r="17362" spans="14:14">
      <c r="N17362" s="10"/>
    </row>
    <row r="17363" spans="14:14">
      <c r="N17363" s="10"/>
    </row>
    <row r="17364" spans="14:14">
      <c r="N17364" s="10"/>
    </row>
    <row r="17365" spans="14:14">
      <c r="N17365" s="10"/>
    </row>
    <row r="17366" spans="14:14">
      <c r="N17366" s="10"/>
    </row>
    <row r="17367" spans="14:14">
      <c r="N17367" s="10"/>
    </row>
    <row r="17368" spans="14:14">
      <c r="N17368" s="10"/>
    </row>
    <row r="17369" spans="14:14">
      <c r="N17369" s="10"/>
    </row>
    <row r="17370" spans="14:14">
      <c r="N17370" s="10"/>
    </row>
    <row r="17371" spans="14:14">
      <c r="N17371" s="10"/>
    </row>
    <row r="17372" spans="14:14">
      <c r="N17372" s="10"/>
    </row>
    <row r="17373" spans="14:14">
      <c r="N17373" s="10"/>
    </row>
    <row r="17374" spans="14:14">
      <c r="N17374" s="10"/>
    </row>
    <row r="17375" spans="14:14">
      <c r="N17375" s="10"/>
    </row>
    <row r="17376" spans="14:14">
      <c r="N17376" s="10"/>
    </row>
    <row r="17377" spans="14:14">
      <c r="N17377" s="10"/>
    </row>
    <row r="17378" spans="14:14">
      <c r="N17378" s="10"/>
    </row>
    <row r="17379" spans="14:14">
      <c r="N17379" s="10"/>
    </row>
    <row r="17380" spans="14:14">
      <c r="N17380" s="10"/>
    </row>
    <row r="17381" spans="14:14">
      <c r="N17381" s="10"/>
    </row>
    <row r="17382" spans="14:14">
      <c r="N17382" s="10"/>
    </row>
    <row r="17383" spans="14:14">
      <c r="N17383" s="10"/>
    </row>
    <row r="17384" spans="14:14">
      <c r="N17384" s="10"/>
    </row>
    <row r="17385" spans="14:14">
      <c r="N17385" s="10"/>
    </row>
    <row r="17386" spans="14:14">
      <c r="N17386" s="10"/>
    </row>
    <row r="17387" spans="14:14">
      <c r="N17387" s="10"/>
    </row>
    <row r="17388" spans="14:14">
      <c r="N17388" s="10"/>
    </row>
    <row r="17389" spans="14:14">
      <c r="N17389" s="10"/>
    </row>
    <row r="17390" spans="14:14">
      <c r="N17390" s="10"/>
    </row>
    <row r="17391" spans="14:14">
      <c r="N17391" s="10"/>
    </row>
    <row r="17392" spans="14:14">
      <c r="N17392" s="10"/>
    </row>
    <row r="17393" spans="14:14">
      <c r="N17393" s="10"/>
    </row>
    <row r="17394" spans="14:14">
      <c r="N17394" s="10"/>
    </row>
    <row r="17395" spans="14:14">
      <c r="N17395" s="10"/>
    </row>
    <row r="17396" spans="14:14">
      <c r="N17396" s="10"/>
    </row>
    <row r="17397" spans="14:14">
      <c r="N17397" s="10"/>
    </row>
    <row r="17398" spans="14:14">
      <c r="N17398" s="10"/>
    </row>
    <row r="17399" spans="14:14">
      <c r="N17399" s="10"/>
    </row>
    <row r="17400" spans="14:14">
      <c r="N17400" s="10"/>
    </row>
    <row r="17401" spans="14:14">
      <c r="N17401" s="10"/>
    </row>
    <row r="17402" spans="14:14">
      <c r="N17402" s="10"/>
    </row>
    <row r="17403" spans="14:14">
      <c r="N17403" s="10"/>
    </row>
    <row r="17404" spans="14:14">
      <c r="N17404" s="10"/>
    </row>
    <row r="17405" spans="14:14">
      <c r="N17405" s="10"/>
    </row>
    <row r="17406" spans="14:14">
      <c r="N17406" s="10"/>
    </row>
    <row r="17407" spans="14:14">
      <c r="N17407" s="10"/>
    </row>
    <row r="17408" spans="14:14">
      <c r="N17408" s="10"/>
    </row>
    <row r="17409" spans="14:14">
      <c r="N17409" s="10"/>
    </row>
    <row r="17410" spans="14:14">
      <c r="N17410" s="10"/>
    </row>
    <row r="17411" spans="14:14">
      <c r="N17411" s="10"/>
    </row>
    <row r="17412" spans="14:14">
      <c r="N17412" s="10"/>
    </row>
    <row r="17413" spans="14:14">
      <c r="N17413" s="10"/>
    </row>
    <row r="17414" spans="14:14">
      <c r="N17414" s="10"/>
    </row>
    <row r="17415" spans="14:14">
      <c r="N17415" s="10"/>
    </row>
    <row r="17416" spans="14:14">
      <c r="N17416" s="10"/>
    </row>
    <row r="17417" spans="14:14">
      <c r="N17417" s="10"/>
    </row>
    <row r="17418" spans="14:14">
      <c r="N17418" s="10"/>
    </row>
    <row r="17419" spans="14:14">
      <c r="N17419" s="10"/>
    </row>
    <row r="17420" spans="14:14">
      <c r="N17420" s="10"/>
    </row>
    <row r="17421" spans="14:14">
      <c r="N17421" s="10"/>
    </row>
    <row r="17422" spans="14:14">
      <c r="N17422" s="10"/>
    </row>
    <row r="17423" spans="14:14">
      <c r="N17423" s="10"/>
    </row>
    <row r="17424" spans="14:14">
      <c r="N17424" s="10"/>
    </row>
    <row r="17425" spans="14:14">
      <c r="N17425" s="10"/>
    </row>
    <row r="17426" spans="14:14">
      <c r="N17426" s="10"/>
    </row>
    <row r="17427" spans="14:14">
      <c r="N17427" s="10"/>
    </row>
    <row r="17428" spans="14:14">
      <c r="N17428" s="10"/>
    </row>
    <row r="17429" spans="14:14">
      <c r="N17429" s="10"/>
    </row>
    <row r="17430" spans="14:14">
      <c r="N17430" s="10"/>
    </row>
    <row r="17431" spans="14:14">
      <c r="N17431" s="10"/>
    </row>
    <row r="17432" spans="14:14">
      <c r="N17432" s="10"/>
    </row>
    <row r="17433" spans="14:14">
      <c r="N17433" s="10"/>
    </row>
    <row r="17434" spans="14:14">
      <c r="N17434" s="10"/>
    </row>
    <row r="17435" spans="14:14">
      <c r="N17435" s="10"/>
    </row>
    <row r="17436" spans="14:14">
      <c r="N17436" s="10"/>
    </row>
    <row r="17437" spans="14:14">
      <c r="N17437" s="10"/>
    </row>
    <row r="17438" spans="14:14">
      <c r="N17438" s="10"/>
    </row>
    <row r="17439" spans="14:14">
      <c r="N17439" s="10"/>
    </row>
    <row r="17440" spans="14:14">
      <c r="N17440" s="10"/>
    </row>
    <row r="17441" spans="14:14">
      <c r="N17441" s="10"/>
    </row>
    <row r="17442" spans="14:14">
      <c r="N17442" s="10"/>
    </row>
    <row r="17443" spans="14:14">
      <c r="N17443" s="10"/>
    </row>
    <row r="17444" spans="14:14">
      <c r="N17444" s="10"/>
    </row>
    <row r="17445" spans="14:14">
      <c r="N17445" s="10"/>
    </row>
    <row r="17446" spans="14:14">
      <c r="N17446" s="10"/>
    </row>
    <row r="17447" spans="14:14">
      <c r="N17447" s="10"/>
    </row>
    <row r="17448" spans="14:14">
      <c r="N17448" s="10"/>
    </row>
    <row r="17449" spans="14:14">
      <c r="N17449" s="10"/>
    </row>
    <row r="17450" spans="14:14">
      <c r="N17450" s="10"/>
    </row>
    <row r="17451" spans="14:14">
      <c r="N17451" s="10"/>
    </row>
    <row r="17452" spans="14:14">
      <c r="N17452" s="10"/>
    </row>
    <row r="17453" spans="14:14">
      <c r="N17453" s="10"/>
    </row>
    <row r="17454" spans="14:14">
      <c r="N17454" s="10"/>
    </row>
    <row r="17455" spans="14:14">
      <c r="N17455" s="10"/>
    </row>
    <row r="17456" spans="14:14">
      <c r="N17456" s="10"/>
    </row>
    <row r="17457" spans="14:14">
      <c r="N17457" s="10"/>
    </row>
    <row r="17458" spans="14:14">
      <c r="N17458" s="10"/>
    </row>
    <row r="17459" spans="14:14">
      <c r="N17459" s="10"/>
    </row>
    <row r="17460" spans="14:14">
      <c r="N17460" s="10"/>
    </row>
    <row r="17461" spans="14:14">
      <c r="N17461" s="10"/>
    </row>
    <row r="17462" spans="14:14">
      <c r="N17462" s="10"/>
    </row>
    <row r="17463" spans="14:14">
      <c r="N17463" s="10"/>
    </row>
    <row r="17464" spans="14:14">
      <c r="N17464" s="10"/>
    </row>
    <row r="17465" spans="14:14">
      <c r="N17465" s="10"/>
    </row>
    <row r="17466" spans="14:14">
      <c r="N17466" s="10"/>
    </row>
    <row r="17467" spans="14:14">
      <c r="N17467" s="10"/>
    </row>
    <row r="17468" spans="14:14">
      <c r="N17468" s="10"/>
    </row>
    <row r="17469" spans="14:14">
      <c r="N17469" s="10"/>
    </row>
    <row r="17470" spans="14:14">
      <c r="N17470" s="10"/>
    </row>
    <row r="17471" spans="14:14">
      <c r="N17471" s="10"/>
    </row>
    <row r="17472" spans="14:14">
      <c r="N17472" s="10"/>
    </row>
    <row r="17473" spans="14:14">
      <c r="N17473" s="10"/>
    </row>
    <row r="17474" spans="14:14">
      <c r="N17474" s="10"/>
    </row>
    <row r="17475" spans="14:14">
      <c r="N17475" s="10"/>
    </row>
    <row r="17476" spans="14:14">
      <c r="N17476" s="10"/>
    </row>
    <row r="17477" spans="14:14">
      <c r="N17477" s="10"/>
    </row>
    <row r="17478" spans="14:14">
      <c r="N17478" s="10"/>
    </row>
    <row r="17479" spans="14:14">
      <c r="N17479" s="10"/>
    </row>
    <row r="17480" spans="14:14">
      <c r="N17480" s="10"/>
    </row>
    <row r="17481" spans="14:14">
      <c r="N17481" s="10"/>
    </row>
    <row r="17482" spans="14:14">
      <c r="N17482" s="10"/>
    </row>
    <row r="17483" spans="14:14">
      <c r="N17483" s="10"/>
    </row>
    <row r="17484" spans="14:14">
      <c r="N17484" s="10"/>
    </row>
    <row r="17485" spans="14:14">
      <c r="N17485" s="10"/>
    </row>
    <row r="17486" spans="14:14">
      <c r="N17486" s="10"/>
    </row>
    <row r="17487" spans="14:14">
      <c r="N17487" s="10"/>
    </row>
    <row r="17488" spans="14:14">
      <c r="N17488" s="10"/>
    </row>
    <row r="17489" spans="14:14">
      <c r="N17489" s="10"/>
    </row>
    <row r="17490" spans="14:14">
      <c r="N17490" s="10"/>
    </row>
    <row r="17491" spans="14:14">
      <c r="N17491" s="10"/>
    </row>
    <row r="17492" spans="14:14">
      <c r="N17492" s="10"/>
    </row>
    <row r="17493" spans="14:14">
      <c r="N17493" s="10"/>
    </row>
    <row r="17494" spans="14:14">
      <c r="N17494" s="10"/>
    </row>
    <row r="17495" spans="14:14">
      <c r="N17495" s="10"/>
    </row>
    <row r="17496" spans="14:14">
      <c r="N17496" s="10"/>
    </row>
    <row r="17497" spans="14:14">
      <c r="N17497" s="10"/>
    </row>
    <row r="17498" spans="14:14">
      <c r="N17498" s="10"/>
    </row>
    <row r="17499" spans="14:14">
      <c r="N17499" s="10"/>
    </row>
    <row r="17500" spans="14:14">
      <c r="N17500" s="10"/>
    </row>
    <row r="17501" spans="14:14">
      <c r="N17501" s="10"/>
    </row>
    <row r="17502" spans="14:14">
      <c r="N17502" s="10"/>
    </row>
    <row r="17503" spans="14:14">
      <c r="N17503" s="10"/>
    </row>
    <row r="17504" spans="14:14">
      <c r="N17504" s="10"/>
    </row>
    <row r="17505" spans="14:14">
      <c r="N17505" s="10"/>
    </row>
    <row r="17506" spans="14:14">
      <c r="N17506" s="10"/>
    </row>
    <row r="17507" spans="14:14">
      <c r="N17507" s="10"/>
    </row>
    <row r="17508" spans="14:14">
      <c r="N17508" s="10"/>
    </row>
    <row r="17509" spans="14:14">
      <c r="N17509" s="10"/>
    </row>
    <row r="17510" spans="14:14">
      <c r="N17510" s="10"/>
    </row>
    <row r="17511" spans="14:14">
      <c r="N17511" s="10"/>
    </row>
    <row r="17512" spans="14:14">
      <c r="N17512" s="10"/>
    </row>
    <row r="17513" spans="14:14">
      <c r="N17513" s="10"/>
    </row>
    <row r="17514" spans="14:14">
      <c r="N17514" s="10"/>
    </row>
    <row r="17515" spans="14:14">
      <c r="N17515" s="10"/>
    </row>
    <row r="17516" spans="14:14">
      <c r="N17516" s="10"/>
    </row>
    <row r="17517" spans="14:14">
      <c r="N17517" s="10"/>
    </row>
    <row r="17518" spans="14:14">
      <c r="N17518" s="10"/>
    </row>
    <row r="17519" spans="14:14">
      <c r="N17519" s="10"/>
    </row>
    <row r="17520" spans="14:14">
      <c r="N17520" s="10"/>
    </row>
    <row r="17521" spans="14:14">
      <c r="N17521" s="10"/>
    </row>
    <row r="17522" spans="14:14">
      <c r="N17522" s="10"/>
    </row>
    <row r="17523" spans="14:14">
      <c r="N17523" s="10"/>
    </row>
    <row r="17524" spans="14:14">
      <c r="N17524" s="10"/>
    </row>
    <row r="17525" spans="14:14">
      <c r="N17525" s="10"/>
    </row>
    <row r="17526" spans="14:14">
      <c r="N17526" s="10"/>
    </row>
    <row r="17527" spans="14:14">
      <c r="N17527" s="10"/>
    </row>
    <row r="17528" spans="14:14">
      <c r="N17528" s="10"/>
    </row>
    <row r="17529" spans="14:14">
      <c r="N17529" s="10"/>
    </row>
    <row r="17530" spans="14:14">
      <c r="N17530" s="10"/>
    </row>
    <row r="17531" spans="14:14">
      <c r="N17531" s="10"/>
    </row>
    <row r="17532" spans="14:14">
      <c r="N17532" s="10"/>
    </row>
    <row r="17533" spans="14:14">
      <c r="N17533" s="10"/>
    </row>
    <row r="17534" spans="14:14">
      <c r="N17534" s="10"/>
    </row>
    <row r="17535" spans="14:14">
      <c r="N17535" s="10"/>
    </row>
    <row r="17536" spans="14:14">
      <c r="N17536" s="10"/>
    </row>
    <row r="17537" spans="14:14">
      <c r="N17537" s="10"/>
    </row>
    <row r="17538" spans="14:14">
      <c r="N17538" s="10"/>
    </row>
    <row r="17539" spans="14:14">
      <c r="N17539" s="10"/>
    </row>
    <row r="17540" spans="14:14">
      <c r="N17540" s="10"/>
    </row>
    <row r="17541" spans="14:14">
      <c r="N17541" s="10"/>
    </row>
    <row r="17542" spans="14:14">
      <c r="N17542" s="10"/>
    </row>
    <row r="17543" spans="14:14">
      <c r="N17543" s="10"/>
    </row>
    <row r="17544" spans="14:14">
      <c r="N17544" s="10"/>
    </row>
    <row r="17545" spans="14:14">
      <c r="N17545" s="10"/>
    </row>
    <row r="17546" spans="14:14">
      <c r="N17546" s="10"/>
    </row>
    <row r="17547" spans="14:14">
      <c r="N17547" s="10"/>
    </row>
    <row r="17548" spans="14:14">
      <c r="N17548" s="10"/>
    </row>
    <row r="17549" spans="14:14">
      <c r="N17549" s="10"/>
    </row>
    <row r="17550" spans="14:14">
      <c r="N17550" s="10"/>
    </row>
    <row r="17551" spans="14:14">
      <c r="N17551" s="10"/>
    </row>
    <row r="17552" spans="14:14">
      <c r="N17552" s="10"/>
    </row>
    <row r="17553" spans="14:14">
      <c r="N17553" s="10"/>
    </row>
    <row r="17554" spans="14:14">
      <c r="N17554" s="10"/>
    </row>
    <row r="17555" spans="14:14">
      <c r="N17555" s="10"/>
    </row>
    <row r="17556" spans="14:14">
      <c r="N17556" s="10"/>
    </row>
    <row r="17557" spans="14:14">
      <c r="N17557" s="10"/>
    </row>
    <row r="17558" spans="14:14">
      <c r="N17558" s="10"/>
    </row>
    <row r="17559" spans="14:14">
      <c r="N17559" s="10"/>
    </row>
    <row r="17560" spans="14:14">
      <c r="N17560" s="10"/>
    </row>
    <row r="17561" spans="14:14">
      <c r="N17561" s="10"/>
    </row>
    <row r="17562" spans="14:14">
      <c r="N17562" s="10"/>
    </row>
    <row r="17563" spans="14:14">
      <c r="N17563" s="10"/>
    </row>
    <row r="17564" spans="14:14">
      <c r="N17564" s="10"/>
    </row>
    <row r="17565" spans="14:14">
      <c r="N17565" s="10"/>
    </row>
    <row r="17566" spans="14:14">
      <c r="N17566" s="10"/>
    </row>
    <row r="17567" spans="14:14">
      <c r="N17567" s="10"/>
    </row>
    <row r="17568" spans="14:14">
      <c r="N17568" s="10"/>
    </row>
    <row r="17569" spans="14:14">
      <c r="N17569" s="10"/>
    </row>
    <row r="17570" spans="14:14">
      <c r="N17570" s="10"/>
    </row>
    <row r="17571" spans="14:14">
      <c r="N17571" s="10"/>
    </row>
    <row r="17572" spans="14:14">
      <c r="N17572" s="10"/>
    </row>
    <row r="17573" spans="14:14">
      <c r="N17573" s="10"/>
    </row>
    <row r="17574" spans="14:14">
      <c r="N17574" s="10"/>
    </row>
    <row r="17575" spans="14:14">
      <c r="N17575" s="10"/>
    </row>
    <row r="17576" spans="14:14">
      <c r="N17576" s="10"/>
    </row>
    <row r="17577" spans="14:14">
      <c r="N17577" s="10"/>
    </row>
    <row r="17578" spans="14:14">
      <c r="N17578" s="10"/>
    </row>
    <row r="17579" spans="14:14">
      <c r="N17579" s="10"/>
    </row>
    <row r="17580" spans="14:14">
      <c r="N17580" s="10"/>
    </row>
    <row r="17581" spans="14:14">
      <c r="N17581" s="10"/>
    </row>
    <row r="17582" spans="14:14">
      <c r="N17582" s="10"/>
    </row>
    <row r="17583" spans="14:14">
      <c r="N17583" s="10"/>
    </row>
    <row r="17584" spans="14:14">
      <c r="N17584" s="10"/>
    </row>
    <row r="17585" spans="14:14">
      <c r="N17585" s="10"/>
    </row>
    <row r="17586" spans="14:14">
      <c r="N17586" s="10"/>
    </row>
    <row r="17587" spans="14:14">
      <c r="N17587" s="10"/>
    </row>
    <row r="17588" spans="14:14">
      <c r="N17588" s="10"/>
    </row>
    <row r="17589" spans="14:14">
      <c r="N17589" s="10"/>
    </row>
    <row r="17590" spans="14:14">
      <c r="N17590" s="10"/>
    </row>
    <row r="17591" spans="14:14">
      <c r="N17591" s="10"/>
    </row>
    <row r="17592" spans="14:14">
      <c r="N17592" s="10"/>
    </row>
    <row r="17593" spans="14:14">
      <c r="N17593" s="10"/>
    </row>
    <row r="17594" spans="14:14">
      <c r="N17594" s="10"/>
    </row>
    <row r="17595" spans="14:14">
      <c r="N17595" s="10"/>
    </row>
    <row r="17596" spans="14:14">
      <c r="N17596" s="10"/>
    </row>
    <row r="17597" spans="14:14">
      <c r="N17597" s="10"/>
    </row>
    <row r="17598" spans="14:14">
      <c r="N17598" s="10"/>
    </row>
    <row r="17599" spans="14:14">
      <c r="N17599" s="10"/>
    </row>
    <row r="17600" spans="14:14">
      <c r="N17600" s="10"/>
    </row>
    <row r="17601" spans="14:14">
      <c r="N17601" s="10"/>
    </row>
    <row r="17602" spans="14:14">
      <c r="N17602" s="10"/>
    </row>
    <row r="17603" spans="14:14">
      <c r="N17603" s="10"/>
    </row>
    <row r="17604" spans="14:14">
      <c r="N17604" s="10"/>
    </row>
    <row r="17605" spans="14:14">
      <c r="N17605" s="10"/>
    </row>
    <row r="17606" spans="14:14">
      <c r="N17606" s="10"/>
    </row>
    <row r="17607" spans="14:14">
      <c r="N17607" s="10"/>
    </row>
    <row r="17608" spans="14:14">
      <c r="N17608" s="10"/>
    </row>
    <row r="17609" spans="14:14">
      <c r="N17609" s="10"/>
    </row>
    <row r="17610" spans="14:14">
      <c r="N17610" s="10"/>
    </row>
    <row r="17611" spans="14:14">
      <c r="N17611" s="10"/>
    </row>
    <row r="17612" spans="14:14">
      <c r="N17612" s="10"/>
    </row>
    <row r="17613" spans="14:14">
      <c r="N17613" s="10"/>
    </row>
    <row r="17614" spans="14:14">
      <c r="N17614" s="10"/>
    </row>
    <row r="17615" spans="14:14">
      <c r="N17615" s="10"/>
    </row>
    <row r="17616" spans="14:14">
      <c r="N17616" s="10"/>
    </row>
    <row r="17617" spans="14:14">
      <c r="N17617" s="10"/>
    </row>
    <row r="17618" spans="14:14">
      <c r="N17618" s="10"/>
    </row>
    <row r="17619" spans="14:14">
      <c r="N17619" s="10"/>
    </row>
    <row r="17620" spans="14:14">
      <c r="N17620" s="10"/>
    </row>
    <row r="17621" spans="14:14">
      <c r="N17621" s="10"/>
    </row>
    <row r="17622" spans="14:14">
      <c r="N17622" s="10"/>
    </row>
    <row r="17623" spans="14:14">
      <c r="N17623" s="10"/>
    </row>
    <row r="17624" spans="14:14">
      <c r="N17624" s="10"/>
    </row>
    <row r="17625" spans="14:14">
      <c r="N17625" s="10"/>
    </row>
    <row r="17626" spans="14:14">
      <c r="N17626" s="10"/>
    </row>
    <row r="17627" spans="14:14">
      <c r="N17627" s="10"/>
    </row>
    <row r="17628" spans="14:14">
      <c r="N17628" s="10"/>
    </row>
    <row r="17629" spans="14:14">
      <c r="N17629" s="10"/>
    </row>
    <row r="17630" spans="14:14">
      <c r="N17630" s="10"/>
    </row>
    <row r="17631" spans="14:14">
      <c r="N17631" s="10"/>
    </row>
    <row r="17632" spans="14:14">
      <c r="N17632" s="10"/>
    </row>
    <row r="17633" spans="14:14">
      <c r="N17633" s="10"/>
    </row>
    <row r="17634" spans="14:14">
      <c r="N17634" s="10"/>
    </row>
    <row r="17635" spans="14:14">
      <c r="N17635" s="10"/>
    </row>
    <row r="17636" spans="14:14">
      <c r="N17636" s="10"/>
    </row>
    <row r="17637" spans="14:14">
      <c r="N17637" s="10"/>
    </row>
    <row r="17638" spans="14:14">
      <c r="N17638" s="10"/>
    </row>
    <row r="17639" spans="14:14">
      <c r="N17639" s="10"/>
    </row>
    <row r="17640" spans="14:14">
      <c r="N17640" s="10"/>
    </row>
    <row r="17641" spans="14:14">
      <c r="N17641" s="10"/>
    </row>
    <row r="17642" spans="14:14">
      <c r="N17642" s="10"/>
    </row>
    <row r="17643" spans="14:14">
      <c r="N17643" s="10"/>
    </row>
    <row r="17644" spans="14:14">
      <c r="N17644" s="10"/>
    </row>
    <row r="17645" spans="14:14">
      <c r="N17645" s="10"/>
    </row>
    <row r="17646" spans="14:14">
      <c r="N17646" s="10"/>
    </row>
    <row r="17647" spans="14:14">
      <c r="N17647" s="10"/>
    </row>
    <row r="17648" spans="14:14">
      <c r="N17648" s="10"/>
    </row>
    <row r="17649" spans="14:14">
      <c r="N17649" s="10"/>
    </row>
    <row r="17650" spans="14:14">
      <c r="N17650" s="10"/>
    </row>
    <row r="17651" spans="14:14">
      <c r="N17651" s="10"/>
    </row>
    <row r="17652" spans="14:14">
      <c r="N17652" s="10"/>
    </row>
    <row r="17653" spans="14:14">
      <c r="N17653" s="10"/>
    </row>
    <row r="17654" spans="14:14">
      <c r="N17654" s="10"/>
    </row>
    <row r="17655" spans="14:14">
      <c r="N17655" s="10"/>
    </row>
    <row r="17656" spans="14:14">
      <c r="N17656" s="10"/>
    </row>
    <row r="17657" spans="14:14">
      <c r="N17657" s="10"/>
    </row>
    <row r="17658" spans="14:14">
      <c r="N17658" s="10"/>
    </row>
    <row r="17659" spans="14:14">
      <c r="N17659" s="10"/>
    </row>
    <row r="17660" spans="14:14">
      <c r="N17660" s="10"/>
    </row>
    <row r="17661" spans="14:14">
      <c r="N17661" s="10"/>
    </row>
    <row r="17662" spans="14:14">
      <c r="N17662" s="10"/>
    </row>
    <row r="17663" spans="14:14">
      <c r="N17663" s="10"/>
    </row>
    <row r="17664" spans="14:14">
      <c r="N17664" s="10"/>
    </row>
    <row r="17665" spans="14:14">
      <c r="N17665" s="10"/>
    </row>
    <row r="17666" spans="14:14">
      <c r="N17666" s="10"/>
    </row>
    <row r="17667" spans="14:14">
      <c r="N17667" s="10"/>
    </row>
    <row r="17668" spans="14:14">
      <c r="N17668" s="10"/>
    </row>
    <row r="17669" spans="14:14">
      <c r="N17669" s="10"/>
    </row>
    <row r="17670" spans="14:14">
      <c r="N17670" s="10"/>
    </row>
    <row r="17671" spans="14:14">
      <c r="N17671" s="10"/>
    </row>
    <row r="17672" spans="14:14">
      <c r="N17672" s="10"/>
    </row>
    <row r="17673" spans="14:14">
      <c r="N17673" s="10"/>
    </row>
    <row r="17674" spans="14:14">
      <c r="N17674" s="10"/>
    </row>
    <row r="17675" spans="14:14">
      <c r="N17675" s="10"/>
    </row>
    <row r="17676" spans="14:14">
      <c r="N17676" s="10"/>
    </row>
    <row r="17677" spans="14:14">
      <c r="N17677" s="10"/>
    </row>
    <row r="17678" spans="14:14">
      <c r="N17678" s="10"/>
    </row>
    <row r="17679" spans="14:14">
      <c r="N17679" s="10"/>
    </row>
    <row r="17680" spans="14:14">
      <c r="N17680" s="10"/>
    </row>
    <row r="17681" spans="14:14">
      <c r="N17681" s="10"/>
    </row>
    <row r="17682" spans="14:14">
      <c r="N17682" s="10"/>
    </row>
    <row r="17683" spans="14:14">
      <c r="N17683" s="10"/>
    </row>
    <row r="17684" spans="14:14">
      <c r="N17684" s="10"/>
    </row>
    <row r="17685" spans="14:14">
      <c r="N17685" s="10"/>
    </row>
    <row r="17686" spans="14:14">
      <c r="N17686" s="10"/>
    </row>
    <row r="17687" spans="14:14">
      <c r="N17687" s="10"/>
    </row>
    <row r="17688" spans="14:14">
      <c r="N17688" s="10"/>
    </row>
    <row r="17689" spans="14:14">
      <c r="N17689" s="10"/>
    </row>
    <row r="17690" spans="14:14">
      <c r="N17690" s="10"/>
    </row>
    <row r="17691" spans="14:14">
      <c r="N17691" s="10"/>
    </row>
    <row r="17692" spans="14:14">
      <c r="N17692" s="10"/>
    </row>
    <row r="17693" spans="14:14">
      <c r="N17693" s="10"/>
    </row>
    <row r="17694" spans="14:14">
      <c r="N17694" s="10"/>
    </row>
    <row r="17695" spans="14:14">
      <c r="N17695" s="10"/>
    </row>
    <row r="17696" spans="14:14">
      <c r="N17696" s="10"/>
    </row>
    <row r="17697" spans="14:14">
      <c r="N17697" s="10"/>
    </row>
    <row r="17698" spans="14:14">
      <c r="N17698" s="10"/>
    </row>
    <row r="17699" spans="14:14">
      <c r="N17699" s="10"/>
    </row>
    <row r="17700" spans="14:14">
      <c r="N17700" s="10"/>
    </row>
    <row r="17701" spans="14:14">
      <c r="N17701" s="10"/>
    </row>
    <row r="17702" spans="14:14">
      <c r="N17702" s="10"/>
    </row>
    <row r="17703" spans="14:14">
      <c r="N17703" s="10"/>
    </row>
    <row r="17704" spans="14:14">
      <c r="N17704" s="10"/>
    </row>
    <row r="17705" spans="14:14">
      <c r="N17705" s="10"/>
    </row>
    <row r="17706" spans="14:14">
      <c r="N17706" s="10"/>
    </row>
    <row r="17707" spans="14:14">
      <c r="N17707" s="10"/>
    </row>
    <row r="17708" spans="14:14">
      <c r="N17708" s="10"/>
    </row>
    <row r="17709" spans="14:14">
      <c r="N17709" s="10"/>
    </row>
    <row r="17710" spans="14:14">
      <c r="N17710" s="10"/>
    </row>
    <row r="17711" spans="14:14">
      <c r="N17711" s="10"/>
    </row>
    <row r="17712" spans="14:14">
      <c r="N17712" s="10"/>
    </row>
    <row r="17713" spans="14:14">
      <c r="N17713" s="10"/>
    </row>
    <row r="17714" spans="14:14">
      <c r="N17714" s="10"/>
    </row>
    <row r="17715" spans="14:14">
      <c r="N17715" s="10"/>
    </row>
    <row r="17716" spans="14:14">
      <c r="N17716" s="10"/>
    </row>
    <row r="17717" spans="14:14">
      <c r="N17717" s="10"/>
    </row>
    <row r="17718" spans="14:14">
      <c r="N17718" s="10"/>
    </row>
    <row r="17719" spans="14:14">
      <c r="N17719" s="10"/>
    </row>
    <row r="17720" spans="14:14">
      <c r="N17720" s="10"/>
    </row>
    <row r="17721" spans="14:14">
      <c r="N17721" s="10"/>
    </row>
    <row r="17722" spans="14:14">
      <c r="N17722" s="10"/>
    </row>
    <row r="17723" spans="14:14">
      <c r="N17723" s="10"/>
    </row>
    <row r="17724" spans="14:14">
      <c r="N17724" s="10"/>
    </row>
    <row r="17725" spans="14:14">
      <c r="N17725" s="10"/>
    </row>
    <row r="17726" spans="14:14">
      <c r="N17726" s="10"/>
    </row>
    <row r="17727" spans="14:14">
      <c r="N17727" s="10"/>
    </row>
    <row r="17728" spans="14:14">
      <c r="N17728" s="10"/>
    </row>
    <row r="17729" spans="14:14">
      <c r="N17729" s="10"/>
    </row>
    <row r="17730" spans="14:14">
      <c r="N17730" s="10"/>
    </row>
    <row r="17731" spans="14:14">
      <c r="N17731" s="10"/>
    </row>
    <row r="17732" spans="14:14">
      <c r="N17732" s="10"/>
    </row>
    <row r="17733" spans="14:14">
      <c r="N17733" s="10"/>
    </row>
    <row r="17734" spans="14:14">
      <c r="N17734" s="10"/>
    </row>
    <row r="17735" spans="14:14">
      <c r="N17735" s="10"/>
    </row>
    <row r="17736" spans="14:14">
      <c r="N17736" s="10"/>
    </row>
    <row r="17737" spans="14:14">
      <c r="N17737" s="10"/>
    </row>
    <row r="17738" spans="14:14">
      <c r="N17738" s="10"/>
    </row>
    <row r="17739" spans="14:14">
      <c r="N17739" s="10"/>
    </row>
    <row r="17740" spans="14:14">
      <c r="N17740" s="10"/>
    </row>
    <row r="17741" spans="14:14">
      <c r="N17741" s="10"/>
    </row>
    <row r="17742" spans="14:14">
      <c r="N17742" s="10"/>
    </row>
    <row r="17743" spans="14:14">
      <c r="N17743" s="10"/>
    </row>
    <row r="17744" spans="14:14">
      <c r="N17744" s="10"/>
    </row>
    <row r="17745" spans="14:14">
      <c r="N17745" s="10"/>
    </row>
    <row r="17746" spans="14:14">
      <c r="N17746" s="10"/>
    </row>
    <row r="17747" spans="14:14">
      <c r="N17747" s="10"/>
    </row>
    <row r="17748" spans="14:14">
      <c r="N17748" s="10"/>
    </row>
    <row r="17749" spans="14:14">
      <c r="N17749" s="10"/>
    </row>
    <row r="17750" spans="14:14">
      <c r="N17750" s="10"/>
    </row>
    <row r="17751" spans="14:14">
      <c r="N17751" s="10"/>
    </row>
    <row r="17752" spans="14:14">
      <c r="N17752" s="10"/>
    </row>
    <row r="17753" spans="14:14">
      <c r="N17753" s="10"/>
    </row>
    <row r="17754" spans="14:14">
      <c r="N17754" s="10"/>
    </row>
    <row r="17755" spans="14:14">
      <c r="N17755" s="10"/>
    </row>
    <row r="17756" spans="14:14">
      <c r="N17756" s="10"/>
    </row>
    <row r="17757" spans="14:14">
      <c r="N17757" s="10"/>
    </row>
    <row r="17758" spans="14:14">
      <c r="N17758" s="10"/>
    </row>
    <row r="17759" spans="14:14">
      <c r="N17759" s="10"/>
    </row>
    <row r="17760" spans="14:14">
      <c r="N17760" s="10"/>
    </row>
    <row r="17761" spans="14:14">
      <c r="N17761" s="10"/>
    </row>
    <row r="17762" spans="14:14">
      <c r="N17762" s="10"/>
    </row>
    <row r="17763" spans="14:14">
      <c r="N17763" s="10"/>
    </row>
    <row r="17764" spans="14:14">
      <c r="N17764" s="10"/>
    </row>
    <row r="17765" spans="14:14">
      <c r="N17765" s="10"/>
    </row>
    <row r="17766" spans="14:14">
      <c r="N17766" s="10"/>
    </row>
    <row r="17767" spans="14:14">
      <c r="N17767" s="10"/>
    </row>
    <row r="17768" spans="14:14">
      <c r="N17768" s="10"/>
    </row>
    <row r="17769" spans="14:14">
      <c r="N17769" s="10"/>
    </row>
    <row r="17770" spans="14:14">
      <c r="N17770" s="10"/>
    </row>
    <row r="17771" spans="14:14">
      <c r="N17771" s="10"/>
    </row>
    <row r="17772" spans="14:14">
      <c r="N17772" s="10"/>
    </row>
    <row r="17773" spans="14:14">
      <c r="N17773" s="10"/>
    </row>
    <row r="17774" spans="14:14">
      <c r="N17774" s="10"/>
    </row>
    <row r="17775" spans="14:14">
      <c r="N17775" s="10"/>
    </row>
    <row r="17776" spans="14:14">
      <c r="N17776" s="10"/>
    </row>
    <row r="17777" spans="14:14">
      <c r="N17777" s="10"/>
    </row>
    <row r="17778" spans="14:14">
      <c r="N17778" s="10"/>
    </row>
    <row r="17779" spans="14:14">
      <c r="N17779" s="10"/>
    </row>
    <row r="17780" spans="14:14">
      <c r="N17780" s="10"/>
    </row>
    <row r="17781" spans="14:14">
      <c r="N17781" s="10"/>
    </row>
    <row r="17782" spans="14:14">
      <c r="N17782" s="10"/>
    </row>
    <row r="17783" spans="14:14">
      <c r="N17783" s="10"/>
    </row>
    <row r="17784" spans="14:14">
      <c r="N17784" s="10"/>
    </row>
    <row r="17785" spans="14:14">
      <c r="N17785" s="10"/>
    </row>
    <row r="17786" spans="14:14">
      <c r="N17786" s="10"/>
    </row>
    <row r="17787" spans="14:14">
      <c r="N17787" s="10"/>
    </row>
    <row r="17788" spans="14:14">
      <c r="N17788" s="10"/>
    </row>
    <row r="17789" spans="14:14">
      <c r="N17789" s="10"/>
    </row>
    <row r="17790" spans="14:14">
      <c r="N17790" s="10"/>
    </row>
    <row r="17791" spans="14:14">
      <c r="N17791" s="10"/>
    </row>
    <row r="17792" spans="14:14">
      <c r="N17792" s="10"/>
    </row>
    <row r="17793" spans="14:14">
      <c r="N17793" s="10"/>
    </row>
    <row r="17794" spans="14:14">
      <c r="N17794" s="10"/>
    </row>
    <row r="17795" spans="14:14">
      <c r="N17795" s="10"/>
    </row>
    <row r="17796" spans="14:14">
      <c r="N17796" s="10"/>
    </row>
    <row r="17797" spans="14:14">
      <c r="N17797" s="10"/>
    </row>
    <row r="17798" spans="14:14">
      <c r="N17798" s="10"/>
    </row>
    <row r="17799" spans="14:14">
      <c r="N17799" s="10"/>
    </row>
    <row r="17800" spans="14:14">
      <c r="N17800" s="10"/>
    </row>
    <row r="17801" spans="14:14">
      <c r="N17801" s="10"/>
    </row>
    <row r="17802" spans="14:14">
      <c r="N17802" s="10"/>
    </row>
    <row r="17803" spans="14:14">
      <c r="N17803" s="10"/>
    </row>
    <row r="17804" spans="14:14">
      <c r="N17804" s="10"/>
    </row>
    <row r="17805" spans="14:14">
      <c r="N17805" s="10"/>
    </row>
    <row r="17806" spans="14:14">
      <c r="N17806" s="10"/>
    </row>
    <row r="17807" spans="14:14">
      <c r="N17807" s="10"/>
    </row>
    <row r="17808" spans="14:14">
      <c r="N17808" s="10"/>
    </row>
    <row r="17809" spans="14:14">
      <c r="N17809" s="10"/>
    </row>
    <row r="17810" spans="14:14">
      <c r="N17810" s="10"/>
    </row>
    <row r="17811" spans="14:14">
      <c r="N17811" s="10"/>
    </row>
    <row r="17812" spans="14:14">
      <c r="N17812" s="10"/>
    </row>
    <row r="17813" spans="14:14">
      <c r="N17813" s="10"/>
    </row>
    <row r="17814" spans="14:14">
      <c r="N17814" s="10"/>
    </row>
    <row r="17815" spans="14:14">
      <c r="N17815" s="10"/>
    </row>
    <row r="17816" spans="14:14">
      <c r="N17816" s="10"/>
    </row>
    <row r="17817" spans="14:14">
      <c r="N17817" s="10"/>
    </row>
    <row r="17818" spans="14:14">
      <c r="N17818" s="10"/>
    </row>
    <row r="17819" spans="14:14">
      <c r="N17819" s="10"/>
    </row>
    <row r="17820" spans="14:14">
      <c r="N17820" s="10"/>
    </row>
    <row r="17821" spans="14:14">
      <c r="N17821" s="10"/>
    </row>
    <row r="17822" spans="14:14">
      <c r="N17822" s="10"/>
    </row>
    <row r="17823" spans="14:14">
      <c r="N17823" s="10"/>
    </row>
    <row r="17824" spans="14:14">
      <c r="N17824" s="10"/>
    </row>
    <row r="17825" spans="14:14">
      <c r="N17825" s="10"/>
    </row>
    <row r="17826" spans="14:14">
      <c r="N17826" s="10"/>
    </row>
    <row r="17827" spans="14:14">
      <c r="N17827" s="10"/>
    </row>
    <row r="17828" spans="14:14">
      <c r="N17828" s="10"/>
    </row>
    <row r="17829" spans="14:14">
      <c r="N17829" s="10"/>
    </row>
    <row r="17830" spans="14:14">
      <c r="N17830" s="10"/>
    </row>
    <row r="17831" spans="14:14">
      <c r="N17831" s="10"/>
    </row>
    <row r="17832" spans="14:14">
      <c r="N17832" s="10"/>
    </row>
    <row r="17833" spans="14:14">
      <c r="N17833" s="10"/>
    </row>
    <row r="17834" spans="14:14">
      <c r="N17834" s="10"/>
    </row>
    <row r="17835" spans="14:14">
      <c r="N17835" s="10"/>
    </row>
    <row r="17836" spans="14:14">
      <c r="N17836" s="10"/>
    </row>
    <row r="17837" spans="14:14">
      <c r="N17837" s="10"/>
    </row>
    <row r="17838" spans="14:14">
      <c r="N17838" s="10"/>
    </row>
    <row r="17839" spans="14:14">
      <c r="N17839" s="10"/>
    </row>
    <row r="17840" spans="14:14">
      <c r="N17840" s="10"/>
    </row>
    <row r="17841" spans="14:14">
      <c r="N17841" s="10"/>
    </row>
    <row r="17842" spans="14:14">
      <c r="N17842" s="10"/>
    </row>
    <row r="17843" spans="14:14">
      <c r="N17843" s="10"/>
    </row>
    <row r="17844" spans="14:14">
      <c r="N17844" s="10"/>
    </row>
    <row r="17845" spans="14:14">
      <c r="N17845" s="10"/>
    </row>
    <row r="17846" spans="14:14">
      <c r="N17846" s="10"/>
    </row>
    <row r="17847" spans="14:14">
      <c r="N17847" s="10"/>
    </row>
    <row r="17848" spans="14:14">
      <c r="N17848" s="10"/>
    </row>
    <row r="17849" spans="14:14">
      <c r="N17849" s="10"/>
    </row>
    <row r="17850" spans="14:14">
      <c r="N17850" s="10"/>
    </row>
    <row r="17851" spans="14:14">
      <c r="N17851" s="10"/>
    </row>
    <row r="17852" spans="14:14">
      <c r="N17852" s="10"/>
    </row>
    <row r="17853" spans="14:14">
      <c r="N17853" s="10"/>
    </row>
    <row r="17854" spans="14:14">
      <c r="N17854" s="10"/>
    </row>
    <row r="17855" spans="14:14">
      <c r="N17855" s="10"/>
    </row>
    <row r="17856" spans="14:14">
      <c r="N17856" s="10"/>
    </row>
    <row r="17857" spans="14:14">
      <c r="N17857" s="10"/>
    </row>
    <row r="17858" spans="14:14">
      <c r="N17858" s="10"/>
    </row>
    <row r="17859" spans="14:14">
      <c r="N17859" s="10"/>
    </row>
    <row r="17860" spans="14:14">
      <c r="N17860" s="10"/>
    </row>
    <row r="17861" spans="14:14">
      <c r="N17861" s="10"/>
    </row>
    <row r="17862" spans="14:14">
      <c r="N17862" s="10"/>
    </row>
    <row r="17863" spans="14:14">
      <c r="N17863" s="10"/>
    </row>
    <row r="17864" spans="14:14">
      <c r="N17864" s="10"/>
    </row>
    <row r="17865" spans="14:14">
      <c r="N17865" s="10"/>
    </row>
    <row r="17866" spans="14:14">
      <c r="N17866" s="10"/>
    </row>
    <row r="17867" spans="14:14">
      <c r="N17867" s="10"/>
    </row>
    <row r="17868" spans="14:14">
      <c r="N17868" s="10"/>
    </row>
    <row r="17869" spans="14:14">
      <c r="N17869" s="10"/>
    </row>
    <row r="17870" spans="14:14">
      <c r="N17870" s="10"/>
    </row>
    <row r="17871" spans="14:14">
      <c r="N17871" s="10"/>
    </row>
    <row r="17872" spans="14:14">
      <c r="N17872" s="10"/>
    </row>
    <row r="17873" spans="14:14">
      <c r="N17873" s="10"/>
    </row>
    <row r="17874" spans="14:14">
      <c r="N17874" s="10"/>
    </row>
    <row r="17875" spans="14:14">
      <c r="N17875" s="10"/>
    </row>
    <row r="17876" spans="14:14">
      <c r="N17876" s="10"/>
    </row>
    <row r="17877" spans="14:14">
      <c r="N17877" s="10"/>
    </row>
    <row r="17878" spans="14:14">
      <c r="N17878" s="10"/>
    </row>
    <row r="17879" spans="14:14">
      <c r="N17879" s="10"/>
    </row>
    <row r="17880" spans="14:14">
      <c r="N17880" s="10"/>
    </row>
    <row r="17881" spans="14:14">
      <c r="N17881" s="10"/>
    </row>
    <row r="17882" spans="14:14">
      <c r="N17882" s="10"/>
    </row>
    <row r="17883" spans="14:14">
      <c r="N17883" s="10"/>
    </row>
    <row r="17884" spans="14:14">
      <c r="N17884" s="10"/>
    </row>
    <row r="17885" spans="14:14">
      <c r="N17885" s="10"/>
    </row>
    <row r="17886" spans="14:14">
      <c r="N17886" s="10"/>
    </row>
    <row r="17887" spans="14:14">
      <c r="N17887" s="10"/>
    </row>
    <row r="17888" spans="14:14">
      <c r="N17888" s="10"/>
    </row>
    <row r="17889" spans="14:14">
      <c r="N17889" s="10"/>
    </row>
    <row r="17890" spans="14:14">
      <c r="N17890" s="10"/>
    </row>
    <row r="17891" spans="14:14">
      <c r="N17891" s="10"/>
    </row>
    <row r="17892" spans="14:14">
      <c r="N17892" s="10"/>
    </row>
    <row r="17893" spans="14:14">
      <c r="N17893" s="10"/>
    </row>
    <row r="17894" spans="14:14">
      <c r="N17894" s="10"/>
    </row>
    <row r="17895" spans="14:14">
      <c r="N17895" s="10"/>
    </row>
    <row r="17896" spans="14:14">
      <c r="N17896" s="10"/>
    </row>
    <row r="17897" spans="14:14">
      <c r="N17897" s="10"/>
    </row>
    <row r="17898" spans="14:14">
      <c r="N17898" s="10"/>
    </row>
    <row r="17899" spans="14:14">
      <c r="N17899" s="10"/>
    </row>
    <row r="17900" spans="14:14">
      <c r="N17900" s="10"/>
    </row>
    <row r="17901" spans="14:14">
      <c r="N17901" s="10"/>
    </row>
    <row r="17902" spans="14:14">
      <c r="N17902" s="10"/>
    </row>
    <row r="17903" spans="14:14">
      <c r="N17903" s="10"/>
    </row>
    <row r="17904" spans="14:14">
      <c r="N17904" s="10"/>
    </row>
    <row r="17905" spans="14:14">
      <c r="N17905" s="10"/>
    </row>
    <row r="17906" spans="14:14">
      <c r="N17906" s="10"/>
    </row>
    <row r="17907" spans="14:14">
      <c r="N17907" s="10"/>
    </row>
    <row r="17908" spans="14:14">
      <c r="N17908" s="10"/>
    </row>
    <row r="17909" spans="14:14">
      <c r="N17909" s="10"/>
    </row>
    <row r="17910" spans="14:14">
      <c r="N17910" s="10"/>
    </row>
    <row r="17911" spans="14:14">
      <c r="N17911" s="10"/>
    </row>
    <row r="17912" spans="14:14">
      <c r="N17912" s="10"/>
    </row>
    <row r="17913" spans="14:14">
      <c r="N17913" s="10"/>
    </row>
    <row r="17914" spans="14:14">
      <c r="N17914" s="10"/>
    </row>
    <row r="17915" spans="14:14">
      <c r="N17915" s="10"/>
    </row>
    <row r="17916" spans="14:14">
      <c r="N17916" s="10"/>
    </row>
    <row r="17917" spans="14:14">
      <c r="N17917" s="10"/>
    </row>
    <row r="17918" spans="14:14">
      <c r="N17918" s="10"/>
    </row>
    <row r="17919" spans="14:14">
      <c r="N17919" s="10"/>
    </row>
    <row r="17920" spans="14:14">
      <c r="N17920" s="10"/>
    </row>
    <row r="17921" spans="14:14">
      <c r="N17921" s="10"/>
    </row>
    <row r="17922" spans="14:14">
      <c r="N17922" s="10"/>
    </row>
    <row r="17923" spans="14:14">
      <c r="N17923" s="10"/>
    </row>
    <row r="17924" spans="14:14">
      <c r="N17924" s="10"/>
    </row>
    <row r="17925" spans="14:14">
      <c r="N17925" s="10"/>
    </row>
    <row r="17926" spans="14:14">
      <c r="N17926" s="10"/>
    </row>
    <row r="17927" spans="14:14">
      <c r="N17927" s="10"/>
    </row>
    <row r="17928" spans="14:14">
      <c r="N17928" s="10"/>
    </row>
    <row r="17929" spans="14:14">
      <c r="N17929" s="10"/>
    </row>
    <row r="17930" spans="14:14">
      <c r="N17930" s="10"/>
    </row>
    <row r="17931" spans="14:14">
      <c r="N17931" s="10"/>
    </row>
    <row r="17932" spans="14:14">
      <c r="N17932" s="10"/>
    </row>
    <row r="17933" spans="14:14">
      <c r="N17933" s="10"/>
    </row>
    <row r="17934" spans="14:14">
      <c r="N17934" s="10"/>
    </row>
    <row r="17935" spans="14:14">
      <c r="N17935" s="10"/>
    </row>
    <row r="17936" spans="14:14">
      <c r="N17936" s="10"/>
    </row>
    <row r="17937" spans="14:14">
      <c r="N17937" s="10"/>
    </row>
    <row r="17938" spans="14:14">
      <c r="N17938" s="10"/>
    </row>
    <row r="17939" spans="14:14">
      <c r="N17939" s="10"/>
    </row>
    <row r="17940" spans="14:14">
      <c r="N17940" s="10"/>
    </row>
    <row r="17941" spans="14:14">
      <c r="N17941" s="10"/>
    </row>
    <row r="17942" spans="14:14">
      <c r="N17942" s="10"/>
    </row>
    <row r="17943" spans="14:14">
      <c r="N17943" s="10"/>
    </row>
    <row r="17944" spans="14:14">
      <c r="N17944" s="10"/>
    </row>
    <row r="17945" spans="14:14">
      <c r="N17945" s="10"/>
    </row>
    <row r="17946" spans="14:14">
      <c r="N17946" s="10"/>
    </row>
    <row r="17947" spans="14:14">
      <c r="N17947" s="10"/>
    </row>
    <row r="17948" spans="14:14">
      <c r="N17948" s="10"/>
    </row>
    <row r="17949" spans="14:14">
      <c r="N17949" s="10"/>
    </row>
    <row r="17950" spans="14:14">
      <c r="N17950" s="10"/>
    </row>
    <row r="17951" spans="14:14">
      <c r="N17951" s="10"/>
    </row>
    <row r="17952" spans="14:14">
      <c r="N17952" s="10"/>
    </row>
    <row r="17953" spans="14:14">
      <c r="N17953" s="10"/>
    </row>
    <row r="17954" spans="14:14">
      <c r="N17954" s="10"/>
    </row>
    <row r="17955" spans="14:14">
      <c r="N17955" s="10"/>
    </row>
    <row r="17956" spans="14:14">
      <c r="N17956" s="10"/>
    </row>
    <row r="17957" spans="14:14">
      <c r="N17957" s="10"/>
    </row>
    <row r="17958" spans="14:14">
      <c r="N17958" s="10"/>
    </row>
    <row r="17959" spans="14:14">
      <c r="N17959" s="10"/>
    </row>
    <row r="17960" spans="14:14">
      <c r="N17960" s="10"/>
    </row>
    <row r="17961" spans="14:14">
      <c r="N17961" s="10"/>
    </row>
    <row r="17962" spans="14:14">
      <c r="N17962" s="10"/>
    </row>
    <row r="17963" spans="14:14">
      <c r="N17963" s="10"/>
    </row>
    <row r="17964" spans="14:14">
      <c r="N17964" s="10"/>
    </row>
    <row r="17965" spans="14:14">
      <c r="N17965" s="10"/>
    </row>
    <row r="17966" spans="14:14">
      <c r="N17966" s="10"/>
    </row>
    <row r="17967" spans="14:14">
      <c r="N17967" s="10"/>
    </row>
    <row r="17968" spans="14:14">
      <c r="N17968" s="10"/>
    </row>
    <row r="17969" spans="14:14">
      <c r="N17969" s="10"/>
    </row>
    <row r="17970" spans="14:14">
      <c r="N17970" s="10"/>
    </row>
    <row r="17971" spans="14:14">
      <c r="N17971" s="10"/>
    </row>
    <row r="17972" spans="14:14">
      <c r="N17972" s="10"/>
    </row>
    <row r="17973" spans="14:14">
      <c r="N17973" s="10"/>
    </row>
    <row r="17974" spans="14:14">
      <c r="N17974" s="10"/>
    </row>
    <row r="17975" spans="14:14">
      <c r="N17975" s="10"/>
    </row>
    <row r="17976" spans="14:14">
      <c r="N17976" s="10"/>
    </row>
    <row r="17977" spans="14:14">
      <c r="N17977" s="10"/>
    </row>
    <row r="17978" spans="14:14">
      <c r="N17978" s="10"/>
    </row>
    <row r="17979" spans="14:14">
      <c r="N17979" s="10"/>
    </row>
    <row r="17980" spans="14:14">
      <c r="N17980" s="10"/>
    </row>
    <row r="17981" spans="14:14">
      <c r="N17981" s="10"/>
    </row>
    <row r="17982" spans="14:14">
      <c r="N17982" s="10"/>
    </row>
    <row r="17983" spans="14:14">
      <c r="N17983" s="10"/>
    </row>
    <row r="17984" spans="14:14">
      <c r="N17984" s="10"/>
    </row>
    <row r="17985" spans="14:14">
      <c r="N17985" s="10"/>
    </row>
    <row r="17986" spans="14:14">
      <c r="N17986" s="10"/>
    </row>
    <row r="17987" spans="14:14">
      <c r="N17987" s="10"/>
    </row>
    <row r="17988" spans="14:14">
      <c r="N17988" s="10"/>
    </row>
    <row r="17989" spans="14:14">
      <c r="N17989" s="10"/>
    </row>
    <row r="17990" spans="14:14">
      <c r="N17990" s="10"/>
    </row>
    <row r="17991" spans="14:14">
      <c r="N17991" s="10"/>
    </row>
    <row r="17992" spans="14:14">
      <c r="N17992" s="10"/>
    </row>
    <row r="17993" spans="14:14">
      <c r="N17993" s="10"/>
    </row>
    <row r="17994" spans="14:14">
      <c r="N17994" s="10"/>
    </row>
    <row r="17995" spans="14:14">
      <c r="N17995" s="10"/>
    </row>
    <row r="17996" spans="14:14">
      <c r="N17996" s="10"/>
    </row>
    <row r="17997" spans="14:14">
      <c r="N17997" s="10"/>
    </row>
    <row r="17998" spans="14:14">
      <c r="N17998" s="10"/>
    </row>
    <row r="17999" spans="14:14">
      <c r="N17999" s="10"/>
    </row>
    <row r="18000" spans="14:14">
      <c r="N18000" s="10"/>
    </row>
    <row r="18001" spans="14:14">
      <c r="N18001" s="10"/>
    </row>
    <row r="18002" spans="14:14">
      <c r="N18002" s="10"/>
    </row>
    <row r="18003" spans="14:14">
      <c r="N18003" s="10"/>
    </row>
    <row r="18004" spans="14:14">
      <c r="N18004" s="10"/>
    </row>
    <row r="18005" spans="14:14">
      <c r="N18005" s="10"/>
    </row>
    <row r="18006" spans="14:14">
      <c r="N18006" s="10"/>
    </row>
    <row r="18007" spans="14:14">
      <c r="N18007" s="10"/>
    </row>
    <row r="18008" spans="14:14">
      <c r="N18008" s="10"/>
    </row>
    <row r="18009" spans="14:14">
      <c r="N18009" s="10"/>
    </row>
    <row r="18010" spans="14:14">
      <c r="N18010" s="10"/>
    </row>
    <row r="18011" spans="14:14">
      <c r="N18011" s="10"/>
    </row>
    <row r="18012" spans="14:14">
      <c r="N18012" s="10"/>
    </row>
    <row r="18013" spans="14:14">
      <c r="N18013" s="10"/>
    </row>
    <row r="18014" spans="14:14">
      <c r="N18014" s="10"/>
    </row>
    <row r="18015" spans="14:14">
      <c r="N18015" s="10"/>
    </row>
    <row r="18016" spans="14:14">
      <c r="N18016" s="10"/>
    </row>
    <row r="18017" spans="14:14">
      <c r="N18017" s="10"/>
    </row>
    <row r="18018" spans="14:14">
      <c r="N18018" s="10"/>
    </row>
    <row r="18019" spans="14:14">
      <c r="N18019" s="10"/>
    </row>
    <row r="18020" spans="14:14">
      <c r="N18020" s="10"/>
    </row>
    <row r="18021" spans="14:14">
      <c r="N18021" s="10"/>
    </row>
    <row r="18022" spans="14:14">
      <c r="N18022" s="10"/>
    </row>
    <row r="18023" spans="14:14">
      <c r="N18023" s="10"/>
    </row>
    <row r="18024" spans="14:14">
      <c r="N18024" s="10"/>
    </row>
    <row r="18025" spans="14:14">
      <c r="N18025" s="10"/>
    </row>
    <row r="18026" spans="14:14">
      <c r="N18026" s="10"/>
    </row>
    <row r="18027" spans="14:14">
      <c r="N18027" s="10"/>
    </row>
    <row r="18028" spans="14:14">
      <c r="N18028" s="10"/>
    </row>
    <row r="18029" spans="14:14">
      <c r="N18029" s="10"/>
    </row>
    <row r="18030" spans="14:14">
      <c r="N18030" s="10"/>
    </row>
    <row r="18031" spans="14:14">
      <c r="N18031" s="10"/>
    </row>
    <row r="18032" spans="14:14">
      <c r="N18032" s="10"/>
    </row>
    <row r="18033" spans="14:14">
      <c r="N18033" s="10"/>
    </row>
    <row r="18034" spans="14:14">
      <c r="N18034" s="10"/>
    </row>
    <row r="18035" spans="14:14">
      <c r="N18035" s="10"/>
    </row>
    <row r="18036" spans="14:14">
      <c r="N18036" s="10"/>
    </row>
    <row r="18037" spans="14:14">
      <c r="N18037" s="10"/>
    </row>
    <row r="18038" spans="14:14">
      <c r="N18038" s="10"/>
    </row>
    <row r="18039" spans="14:14">
      <c r="N18039" s="10"/>
    </row>
    <row r="18040" spans="14:14">
      <c r="N18040" s="10"/>
    </row>
    <row r="18041" spans="14:14">
      <c r="N18041" s="10"/>
    </row>
    <row r="18042" spans="14:14">
      <c r="N18042" s="10"/>
    </row>
    <row r="18043" spans="14:14">
      <c r="N18043" s="10"/>
    </row>
    <row r="18044" spans="14:14">
      <c r="N18044" s="10"/>
    </row>
    <row r="18045" spans="14:14">
      <c r="N18045" s="10"/>
    </row>
    <row r="18046" spans="14:14">
      <c r="N18046" s="10"/>
    </row>
    <row r="18047" spans="14:14">
      <c r="N18047" s="10"/>
    </row>
    <row r="18048" spans="14:14">
      <c r="N18048" s="10"/>
    </row>
    <row r="18049" spans="14:14">
      <c r="N18049" s="10"/>
    </row>
    <row r="18050" spans="14:14">
      <c r="N18050" s="10"/>
    </row>
    <row r="18051" spans="14:14">
      <c r="N18051" s="10"/>
    </row>
    <row r="18052" spans="14:14">
      <c r="N18052" s="10"/>
    </row>
    <row r="18053" spans="14:14">
      <c r="N18053" s="10"/>
    </row>
    <row r="18054" spans="14:14">
      <c r="N18054" s="10"/>
    </row>
    <row r="18055" spans="14:14">
      <c r="N18055" s="10"/>
    </row>
    <row r="18056" spans="14:14">
      <c r="N18056" s="10"/>
    </row>
    <row r="18057" spans="14:14">
      <c r="N18057" s="10"/>
    </row>
    <row r="18058" spans="14:14">
      <c r="N18058" s="10"/>
    </row>
    <row r="18059" spans="14:14">
      <c r="N18059" s="10"/>
    </row>
    <row r="18060" spans="14:14">
      <c r="N18060" s="10"/>
    </row>
    <row r="18061" spans="14:14">
      <c r="N18061" s="10"/>
    </row>
    <row r="18062" spans="14:14">
      <c r="N18062" s="10"/>
    </row>
    <row r="18063" spans="14:14">
      <c r="N18063" s="10"/>
    </row>
    <row r="18064" spans="14:14">
      <c r="N18064" s="10"/>
    </row>
    <row r="18065" spans="14:14">
      <c r="N18065" s="10"/>
    </row>
    <row r="18066" spans="14:14">
      <c r="N18066" s="10"/>
    </row>
    <row r="18067" spans="14:14">
      <c r="N18067" s="10"/>
    </row>
    <row r="18068" spans="14:14">
      <c r="N18068" s="10"/>
    </row>
    <row r="18069" spans="14:14">
      <c r="N18069" s="10"/>
    </row>
    <row r="18070" spans="14:14">
      <c r="N18070" s="10"/>
    </row>
    <row r="18071" spans="14:14">
      <c r="N18071" s="10"/>
    </row>
    <row r="18072" spans="14:14">
      <c r="N18072" s="10"/>
    </row>
    <row r="18073" spans="14:14">
      <c r="N18073" s="10"/>
    </row>
    <row r="18074" spans="14:14">
      <c r="N18074" s="10"/>
    </row>
    <row r="18075" spans="14:14">
      <c r="N18075" s="10"/>
    </row>
    <row r="18076" spans="14:14">
      <c r="N18076" s="10"/>
    </row>
    <row r="18077" spans="14:14">
      <c r="N18077" s="10"/>
    </row>
    <row r="18078" spans="14:14">
      <c r="N18078" s="10"/>
    </row>
    <row r="18079" spans="14:14">
      <c r="N18079" s="10"/>
    </row>
    <row r="18080" spans="14:14">
      <c r="N18080" s="10"/>
    </row>
    <row r="18081" spans="14:14">
      <c r="N18081" s="10"/>
    </row>
    <row r="18082" spans="14:14">
      <c r="N18082" s="10"/>
    </row>
    <row r="18083" spans="14:14">
      <c r="N18083" s="10"/>
    </row>
    <row r="18084" spans="14:14">
      <c r="N18084" s="10"/>
    </row>
    <row r="18085" spans="14:14">
      <c r="N18085" s="10"/>
    </row>
    <row r="18086" spans="14:14">
      <c r="N18086" s="10"/>
    </row>
    <row r="18087" spans="14:14">
      <c r="N18087" s="10"/>
    </row>
    <row r="18088" spans="14:14">
      <c r="N18088" s="10"/>
    </row>
    <row r="18089" spans="14:14">
      <c r="N18089" s="10"/>
    </row>
    <row r="18090" spans="14:14">
      <c r="N18090" s="10"/>
    </row>
    <row r="18091" spans="14:14">
      <c r="N18091" s="10"/>
    </row>
    <row r="18092" spans="14:14">
      <c r="N18092" s="10"/>
    </row>
    <row r="18093" spans="14:14">
      <c r="N18093" s="10"/>
    </row>
    <row r="18094" spans="14:14">
      <c r="N18094" s="10"/>
    </row>
    <row r="18095" spans="14:14">
      <c r="N18095" s="10"/>
    </row>
    <row r="18096" spans="14:14">
      <c r="N18096" s="10"/>
    </row>
    <row r="18097" spans="14:14">
      <c r="N18097" s="10"/>
    </row>
    <row r="18098" spans="14:14">
      <c r="N18098" s="10"/>
    </row>
    <row r="18099" spans="14:14">
      <c r="N18099" s="10"/>
    </row>
    <row r="18100" spans="14:14">
      <c r="N18100" s="10"/>
    </row>
    <row r="18101" spans="14:14">
      <c r="N18101" s="10"/>
    </row>
    <row r="18102" spans="14:14">
      <c r="N18102" s="10"/>
    </row>
    <row r="18103" spans="14:14">
      <c r="N18103" s="10"/>
    </row>
    <row r="18104" spans="14:14">
      <c r="N18104" s="10"/>
    </row>
    <row r="18105" spans="14:14">
      <c r="N18105" s="10"/>
    </row>
    <row r="18106" spans="14:14">
      <c r="N18106" s="10"/>
    </row>
    <row r="18107" spans="14:14">
      <c r="N18107" s="10"/>
    </row>
    <row r="18108" spans="14:14">
      <c r="N18108" s="10"/>
    </row>
    <row r="18109" spans="14:14">
      <c r="N18109" s="10"/>
    </row>
    <row r="18110" spans="14:14">
      <c r="N18110" s="10"/>
    </row>
    <row r="18111" spans="14:14">
      <c r="N18111" s="10"/>
    </row>
    <row r="18112" spans="14:14">
      <c r="N18112" s="10"/>
    </row>
    <row r="18113" spans="14:14">
      <c r="N18113" s="10"/>
    </row>
    <row r="18114" spans="14:14">
      <c r="N18114" s="10"/>
    </row>
    <row r="18115" spans="14:14">
      <c r="N18115" s="10"/>
    </row>
    <row r="18116" spans="14:14">
      <c r="N18116" s="10"/>
    </row>
    <row r="18117" spans="14:14">
      <c r="N18117" s="10"/>
    </row>
    <row r="18118" spans="14:14">
      <c r="N18118" s="10"/>
    </row>
    <row r="18119" spans="14:14">
      <c r="N18119" s="10"/>
    </row>
    <row r="18120" spans="14:14">
      <c r="N18120" s="10"/>
    </row>
    <row r="18121" spans="14:14">
      <c r="N18121" s="10"/>
    </row>
    <row r="18122" spans="14:14">
      <c r="N18122" s="10"/>
    </row>
    <row r="18123" spans="14:14">
      <c r="N18123" s="10"/>
    </row>
    <row r="18124" spans="14:14">
      <c r="N18124" s="10"/>
    </row>
    <row r="18125" spans="14:14">
      <c r="N18125" s="10"/>
    </row>
    <row r="18126" spans="14:14">
      <c r="N18126" s="10"/>
    </row>
    <row r="18127" spans="14:14">
      <c r="N18127" s="10"/>
    </row>
    <row r="18128" spans="14:14">
      <c r="N18128" s="10"/>
    </row>
    <row r="18129" spans="14:14">
      <c r="N18129" s="10"/>
    </row>
    <row r="18130" spans="14:14">
      <c r="N18130" s="10"/>
    </row>
    <row r="18131" spans="14:14">
      <c r="N18131" s="10"/>
    </row>
    <row r="18132" spans="14:14">
      <c r="N18132" s="10"/>
    </row>
    <row r="18133" spans="14:14">
      <c r="N18133" s="10"/>
    </row>
    <row r="18134" spans="14:14">
      <c r="N18134" s="10"/>
    </row>
    <row r="18135" spans="14:14">
      <c r="N18135" s="10"/>
    </row>
    <row r="18136" spans="14:14">
      <c r="N18136" s="10"/>
    </row>
    <row r="18137" spans="14:14">
      <c r="N18137" s="10"/>
    </row>
    <row r="18138" spans="14:14">
      <c r="N18138" s="10"/>
    </row>
    <row r="18139" spans="14:14">
      <c r="N18139" s="10"/>
    </row>
    <row r="18140" spans="14:14">
      <c r="N18140" s="10"/>
    </row>
    <row r="18141" spans="14:14">
      <c r="N18141" s="10"/>
    </row>
    <row r="18142" spans="14:14">
      <c r="N18142" s="10"/>
    </row>
    <row r="18143" spans="14:14">
      <c r="N18143" s="10"/>
    </row>
    <row r="18144" spans="14:14">
      <c r="N18144" s="10"/>
    </row>
    <row r="18145" spans="14:14">
      <c r="N18145" s="10"/>
    </row>
    <row r="18146" spans="14:14">
      <c r="N18146" s="10"/>
    </row>
    <row r="18147" spans="14:14">
      <c r="N18147" s="10"/>
    </row>
    <row r="18148" spans="14:14">
      <c r="N18148" s="10"/>
    </row>
    <row r="18149" spans="14:14">
      <c r="N18149" s="10"/>
    </row>
    <row r="18150" spans="14:14">
      <c r="N18150" s="10"/>
    </row>
    <row r="18151" spans="14:14">
      <c r="N18151" s="10"/>
    </row>
    <row r="18152" spans="14:14">
      <c r="N18152" s="10"/>
    </row>
    <row r="18153" spans="14:14">
      <c r="N18153" s="10"/>
    </row>
    <row r="18154" spans="14:14">
      <c r="N18154" s="10"/>
    </row>
    <row r="18155" spans="14:14">
      <c r="N18155" s="10"/>
    </row>
    <row r="18156" spans="14:14">
      <c r="N18156" s="10"/>
    </row>
    <row r="18157" spans="14:14">
      <c r="N18157" s="10"/>
    </row>
    <row r="18158" spans="14:14">
      <c r="N18158" s="10"/>
    </row>
    <row r="18159" spans="14:14">
      <c r="N18159" s="10"/>
    </row>
    <row r="18160" spans="14:14">
      <c r="N18160" s="10"/>
    </row>
    <row r="18161" spans="14:14">
      <c r="N18161" s="10"/>
    </row>
    <row r="18162" spans="14:14">
      <c r="N18162" s="10"/>
    </row>
    <row r="18163" spans="14:14">
      <c r="N18163" s="10"/>
    </row>
    <row r="18164" spans="14:14">
      <c r="N18164" s="10"/>
    </row>
    <row r="18165" spans="14:14">
      <c r="N18165" s="10"/>
    </row>
    <row r="18166" spans="14:14">
      <c r="N18166" s="10"/>
    </row>
    <row r="18167" spans="14:14">
      <c r="N18167" s="10"/>
    </row>
    <row r="18168" spans="14:14">
      <c r="N18168" s="10"/>
    </row>
    <row r="18169" spans="14:14">
      <c r="N18169" s="10"/>
    </row>
    <row r="18170" spans="14:14">
      <c r="N18170" s="10"/>
    </row>
    <row r="18171" spans="14:14">
      <c r="N18171" s="10"/>
    </row>
    <row r="18172" spans="14:14">
      <c r="N18172" s="10"/>
    </row>
    <row r="18173" spans="14:14">
      <c r="N18173" s="10"/>
    </row>
    <row r="18174" spans="14:14">
      <c r="N18174" s="10"/>
    </row>
    <row r="18175" spans="14:14">
      <c r="N18175" s="10"/>
    </row>
    <row r="18176" spans="14:14">
      <c r="N18176" s="10"/>
    </row>
    <row r="18177" spans="14:14">
      <c r="N18177" s="10"/>
    </row>
    <row r="18178" spans="14:14">
      <c r="N18178" s="10"/>
    </row>
    <row r="18179" spans="14:14">
      <c r="N18179" s="10"/>
    </row>
    <row r="18180" spans="14:14">
      <c r="N18180" s="10"/>
    </row>
    <row r="18181" spans="14:14">
      <c r="N18181" s="10"/>
    </row>
    <row r="18182" spans="14:14">
      <c r="N18182" s="10"/>
    </row>
    <row r="18183" spans="14:14">
      <c r="N18183" s="10"/>
    </row>
    <row r="18184" spans="14:14">
      <c r="N18184" s="10"/>
    </row>
    <row r="18185" spans="14:14">
      <c r="N18185" s="10"/>
    </row>
    <row r="18186" spans="14:14">
      <c r="N18186" s="10"/>
    </row>
    <row r="18187" spans="14:14">
      <c r="N18187" s="10"/>
    </row>
    <row r="18188" spans="14:14">
      <c r="N18188" s="10"/>
    </row>
    <row r="18189" spans="14:14">
      <c r="N18189" s="10"/>
    </row>
    <row r="18190" spans="14:14">
      <c r="N18190" s="10"/>
    </row>
    <row r="18191" spans="14:14">
      <c r="N18191" s="10"/>
    </row>
    <row r="18192" spans="14:14">
      <c r="N18192" s="10"/>
    </row>
    <row r="18193" spans="14:14">
      <c r="N18193" s="10"/>
    </row>
    <row r="18194" spans="14:14">
      <c r="N18194" s="10"/>
    </row>
    <row r="18195" spans="14:14">
      <c r="N18195" s="10"/>
    </row>
    <row r="18196" spans="14:14">
      <c r="N18196" s="10"/>
    </row>
    <row r="18197" spans="14:14">
      <c r="N18197" s="10"/>
    </row>
    <row r="18198" spans="14:14">
      <c r="N18198" s="10"/>
    </row>
    <row r="18199" spans="14:14">
      <c r="N18199" s="10"/>
    </row>
    <row r="18200" spans="14:14">
      <c r="N18200" s="10"/>
    </row>
    <row r="18201" spans="14:14">
      <c r="N18201" s="10"/>
    </row>
    <row r="18202" spans="14:14">
      <c r="N18202" s="10"/>
    </row>
    <row r="18203" spans="14:14">
      <c r="N18203" s="10"/>
    </row>
    <row r="18204" spans="14:14">
      <c r="N18204" s="10"/>
    </row>
    <row r="18205" spans="14:14">
      <c r="N18205" s="10"/>
    </row>
    <row r="18206" spans="14:14">
      <c r="N18206" s="10"/>
    </row>
    <row r="18207" spans="14:14">
      <c r="N18207" s="10"/>
    </row>
    <row r="18208" spans="14:14">
      <c r="N18208" s="10"/>
    </row>
    <row r="18209" spans="14:14">
      <c r="N18209" s="10"/>
    </row>
    <row r="18210" spans="14:14">
      <c r="N18210" s="10"/>
    </row>
    <row r="18211" spans="14:14">
      <c r="N18211" s="10"/>
    </row>
    <row r="18212" spans="14:14">
      <c r="N18212" s="10"/>
    </row>
    <row r="18213" spans="14:14">
      <c r="N18213" s="10"/>
    </row>
    <row r="18214" spans="14:14">
      <c r="N18214" s="10"/>
    </row>
    <row r="18215" spans="14:14">
      <c r="N18215" s="10"/>
    </row>
    <row r="18216" spans="14:14">
      <c r="N18216" s="10"/>
    </row>
    <row r="18217" spans="14:14">
      <c r="N18217" s="10"/>
    </row>
    <row r="18218" spans="14:14">
      <c r="N18218" s="10"/>
    </row>
    <row r="18219" spans="14:14">
      <c r="N18219" s="10"/>
    </row>
    <row r="18220" spans="14:14">
      <c r="N18220" s="10"/>
    </row>
    <row r="18221" spans="14:14">
      <c r="N18221" s="10"/>
    </row>
    <row r="18222" spans="14:14">
      <c r="N18222" s="10"/>
    </row>
    <row r="18223" spans="14:14">
      <c r="N18223" s="10"/>
    </row>
    <row r="18224" spans="14:14">
      <c r="N18224" s="10"/>
    </row>
    <row r="18225" spans="14:14">
      <c r="N18225" s="10"/>
    </row>
    <row r="18226" spans="14:14">
      <c r="N18226" s="10"/>
    </row>
    <row r="18227" spans="14:14">
      <c r="N18227" s="10"/>
    </row>
    <row r="18228" spans="14:14">
      <c r="N18228" s="10"/>
    </row>
    <row r="18229" spans="14:14">
      <c r="N18229" s="10"/>
    </row>
    <row r="18230" spans="14:14">
      <c r="N18230" s="10"/>
    </row>
    <row r="18231" spans="14:14">
      <c r="N18231" s="10"/>
    </row>
    <row r="18232" spans="14:14">
      <c r="N18232" s="10"/>
    </row>
    <row r="18233" spans="14:14">
      <c r="N18233" s="10"/>
    </row>
    <row r="18234" spans="14:14">
      <c r="N18234" s="10"/>
    </row>
    <row r="18235" spans="14:14">
      <c r="N18235" s="10"/>
    </row>
    <row r="18236" spans="14:14">
      <c r="N18236" s="10"/>
    </row>
    <row r="18237" spans="14:14">
      <c r="N18237" s="10"/>
    </row>
    <row r="18238" spans="14:14">
      <c r="N18238" s="10"/>
    </row>
    <row r="18239" spans="14:14">
      <c r="N18239" s="10"/>
    </row>
    <row r="18240" spans="14:14">
      <c r="N18240" s="10"/>
    </row>
    <row r="18241" spans="14:14">
      <c r="N18241" s="10"/>
    </row>
    <row r="18242" spans="14:14">
      <c r="N18242" s="10"/>
    </row>
    <row r="18243" spans="14:14">
      <c r="N18243" s="10"/>
    </row>
    <row r="18244" spans="14:14">
      <c r="N18244" s="10"/>
    </row>
    <row r="18245" spans="14:14">
      <c r="N18245" s="10"/>
    </row>
    <row r="18246" spans="14:14">
      <c r="N18246" s="10"/>
    </row>
    <row r="18247" spans="14:14">
      <c r="N18247" s="10"/>
    </row>
    <row r="18248" spans="14:14">
      <c r="N18248" s="10"/>
    </row>
    <row r="18249" spans="14:14">
      <c r="N18249" s="10"/>
    </row>
    <row r="18250" spans="14:14">
      <c r="N18250" s="10"/>
    </row>
    <row r="18251" spans="14:14">
      <c r="N18251" s="10"/>
    </row>
    <row r="18252" spans="14:14">
      <c r="N18252" s="10"/>
    </row>
    <row r="18253" spans="14:14">
      <c r="N18253" s="10"/>
    </row>
    <row r="18254" spans="14:14">
      <c r="N18254" s="10"/>
    </row>
    <row r="18255" spans="14:14">
      <c r="N18255" s="10"/>
    </row>
    <row r="18256" spans="14:14">
      <c r="N18256" s="10"/>
    </row>
    <row r="18257" spans="14:14">
      <c r="N18257" s="10"/>
    </row>
    <row r="18258" spans="14:14">
      <c r="N18258" s="10"/>
    </row>
    <row r="18259" spans="14:14">
      <c r="N18259" s="10"/>
    </row>
    <row r="18260" spans="14:14">
      <c r="N18260" s="10"/>
    </row>
    <row r="18261" spans="14:14">
      <c r="N18261" s="10"/>
    </row>
    <row r="18262" spans="14:14">
      <c r="N18262" s="10"/>
    </row>
    <row r="18263" spans="14:14">
      <c r="N18263" s="10"/>
    </row>
    <row r="18264" spans="14:14">
      <c r="N18264" s="10"/>
    </row>
    <row r="18265" spans="14:14">
      <c r="N18265" s="10"/>
    </row>
    <row r="18266" spans="14:14">
      <c r="N18266" s="10"/>
    </row>
    <row r="18267" spans="14:14">
      <c r="N18267" s="10"/>
    </row>
    <row r="18268" spans="14:14">
      <c r="N18268" s="10"/>
    </row>
    <row r="18269" spans="14:14">
      <c r="N18269" s="10"/>
    </row>
    <row r="18270" spans="14:14">
      <c r="N18270" s="10"/>
    </row>
    <row r="18271" spans="14:14">
      <c r="N18271" s="10"/>
    </row>
    <row r="18272" spans="14:14">
      <c r="N18272" s="10"/>
    </row>
    <row r="18273" spans="14:14">
      <c r="N18273" s="10"/>
    </row>
    <row r="18274" spans="14:14">
      <c r="N18274" s="10"/>
    </row>
    <row r="18275" spans="14:14">
      <c r="N18275" s="10"/>
    </row>
    <row r="18276" spans="14:14">
      <c r="N18276" s="10"/>
    </row>
    <row r="18277" spans="14:14">
      <c r="N18277" s="10"/>
    </row>
    <row r="18278" spans="14:14">
      <c r="N18278" s="10"/>
    </row>
    <row r="18279" spans="14:14">
      <c r="N18279" s="10"/>
    </row>
    <row r="18280" spans="14:14">
      <c r="N18280" s="10"/>
    </row>
    <row r="18281" spans="14:14">
      <c r="N18281" s="10"/>
    </row>
    <row r="18282" spans="14:14">
      <c r="N18282" s="10"/>
    </row>
    <row r="18283" spans="14:14">
      <c r="N18283" s="10"/>
    </row>
    <row r="18284" spans="14:14">
      <c r="N18284" s="10"/>
    </row>
    <row r="18285" spans="14:14">
      <c r="N18285" s="10"/>
    </row>
    <row r="18286" spans="14:14">
      <c r="N18286" s="10"/>
    </row>
    <row r="18287" spans="14:14">
      <c r="N18287" s="10"/>
    </row>
    <row r="18288" spans="14:14">
      <c r="N18288" s="10"/>
    </row>
    <row r="18289" spans="14:14">
      <c r="N18289" s="10"/>
    </row>
    <row r="18290" spans="14:14">
      <c r="N18290" s="10"/>
    </row>
    <row r="18291" spans="14:14">
      <c r="N18291" s="10"/>
    </row>
    <row r="18292" spans="14:14">
      <c r="N18292" s="10"/>
    </row>
    <row r="18293" spans="14:14">
      <c r="N18293" s="10"/>
    </row>
    <row r="18294" spans="14:14">
      <c r="N18294" s="10"/>
    </row>
    <row r="18295" spans="14:14">
      <c r="N18295" s="10"/>
    </row>
    <row r="18296" spans="14:14">
      <c r="N18296" s="10"/>
    </row>
    <row r="18297" spans="14:14">
      <c r="N18297" s="10"/>
    </row>
    <row r="18298" spans="14:14">
      <c r="N18298" s="10"/>
    </row>
    <row r="18299" spans="14:14">
      <c r="N18299" s="10"/>
    </row>
    <row r="18300" spans="14:14">
      <c r="N18300" s="10"/>
    </row>
    <row r="18301" spans="14:14">
      <c r="N18301" s="10"/>
    </row>
    <row r="18302" spans="14:14">
      <c r="N18302" s="10"/>
    </row>
    <row r="18303" spans="14:14">
      <c r="N18303" s="10"/>
    </row>
    <row r="18304" spans="14:14">
      <c r="N18304" s="10"/>
    </row>
    <row r="18305" spans="14:14">
      <c r="N18305" s="10"/>
    </row>
    <row r="18306" spans="14:14">
      <c r="N18306" s="10"/>
    </row>
    <row r="18307" spans="14:14">
      <c r="N18307" s="10"/>
    </row>
    <row r="18308" spans="14:14">
      <c r="N18308" s="10"/>
    </row>
    <row r="18309" spans="14:14">
      <c r="N18309" s="10"/>
    </row>
    <row r="18310" spans="14:14">
      <c r="N18310" s="10"/>
    </row>
    <row r="18311" spans="14:14">
      <c r="N18311" s="10"/>
    </row>
    <row r="18312" spans="14:14">
      <c r="N18312" s="10"/>
    </row>
    <row r="18313" spans="14:14">
      <c r="N18313" s="10"/>
    </row>
    <row r="18314" spans="14:14">
      <c r="N18314" s="10"/>
    </row>
    <row r="18315" spans="14:14">
      <c r="N18315" s="10"/>
    </row>
    <row r="18316" spans="14:14">
      <c r="N18316" s="10"/>
    </row>
    <row r="18317" spans="14:14">
      <c r="N18317" s="10"/>
    </row>
    <row r="18318" spans="14:14">
      <c r="N18318" s="10"/>
    </row>
    <row r="18319" spans="14:14">
      <c r="N18319" s="10"/>
    </row>
    <row r="18320" spans="14:14">
      <c r="N18320" s="10"/>
    </row>
    <row r="18321" spans="14:14">
      <c r="N18321" s="10"/>
    </row>
    <row r="18322" spans="14:14">
      <c r="N18322" s="10"/>
    </row>
    <row r="18323" spans="14:14">
      <c r="N18323" s="10"/>
    </row>
    <row r="18324" spans="14:14">
      <c r="N18324" s="10"/>
    </row>
    <row r="18325" spans="14:14">
      <c r="N18325" s="10"/>
    </row>
    <row r="18326" spans="14:14">
      <c r="N18326" s="10"/>
    </row>
    <row r="18327" spans="14:14">
      <c r="N18327" s="10"/>
    </row>
    <row r="18328" spans="14:14">
      <c r="N18328" s="10"/>
    </row>
    <row r="18329" spans="14:14">
      <c r="N18329" s="10"/>
    </row>
    <row r="18330" spans="14:14">
      <c r="N18330" s="10"/>
    </row>
    <row r="18331" spans="14:14">
      <c r="N18331" s="10"/>
    </row>
    <row r="18332" spans="14:14">
      <c r="N18332" s="10"/>
    </row>
    <row r="18333" spans="14:14">
      <c r="N18333" s="10"/>
    </row>
    <row r="18334" spans="14:14">
      <c r="N18334" s="10"/>
    </row>
    <row r="18335" spans="14:14">
      <c r="N18335" s="10"/>
    </row>
    <row r="18336" spans="14:14">
      <c r="N18336" s="10"/>
    </row>
    <row r="18337" spans="14:14">
      <c r="N18337" s="10"/>
    </row>
    <row r="18338" spans="14:14">
      <c r="N18338" s="10"/>
    </row>
    <row r="18339" spans="14:14">
      <c r="N18339" s="10"/>
    </row>
    <row r="18340" spans="14:14">
      <c r="N18340" s="10"/>
    </row>
    <row r="18341" spans="14:14">
      <c r="N18341" s="10"/>
    </row>
    <row r="18342" spans="14:14">
      <c r="N18342" s="10"/>
    </row>
    <row r="18343" spans="14:14">
      <c r="N18343" s="10"/>
    </row>
    <row r="18344" spans="14:14">
      <c r="N18344" s="10"/>
    </row>
    <row r="18345" spans="14:14">
      <c r="N18345" s="10"/>
    </row>
    <row r="18346" spans="14:14">
      <c r="N18346" s="10"/>
    </row>
    <row r="18347" spans="14:14">
      <c r="N18347" s="10"/>
    </row>
    <row r="18348" spans="14:14">
      <c r="N18348" s="10"/>
    </row>
    <row r="18349" spans="14:14">
      <c r="N18349" s="10"/>
    </row>
    <row r="18350" spans="14:14">
      <c r="N18350" s="10"/>
    </row>
    <row r="18351" spans="14:14">
      <c r="N18351" s="10"/>
    </row>
    <row r="18352" spans="14:14">
      <c r="N18352" s="10"/>
    </row>
    <row r="18353" spans="14:14">
      <c r="N18353" s="10"/>
    </row>
    <row r="18354" spans="14:14">
      <c r="N18354" s="10"/>
    </row>
    <row r="18355" spans="14:14">
      <c r="N18355" s="10"/>
    </row>
    <row r="18356" spans="14:14">
      <c r="N18356" s="10"/>
    </row>
    <row r="18357" spans="14:14">
      <c r="N18357" s="10"/>
    </row>
    <row r="18358" spans="14:14">
      <c r="N18358" s="10"/>
    </row>
    <row r="18359" spans="14:14">
      <c r="N18359" s="10"/>
    </row>
    <row r="18360" spans="14:14">
      <c r="N18360" s="10"/>
    </row>
    <row r="18361" spans="14:14">
      <c r="N18361" s="10"/>
    </row>
    <row r="18362" spans="14:14">
      <c r="N18362" s="10"/>
    </row>
    <row r="18363" spans="14:14">
      <c r="N18363" s="10"/>
    </row>
    <row r="18364" spans="14:14">
      <c r="N18364" s="10"/>
    </row>
    <row r="18365" spans="14:14">
      <c r="N18365" s="10"/>
    </row>
    <row r="18366" spans="14:14">
      <c r="N18366" s="10"/>
    </row>
    <row r="18367" spans="14:14">
      <c r="N18367" s="10"/>
    </row>
    <row r="18368" spans="14:14">
      <c r="N18368" s="10"/>
    </row>
    <row r="18369" spans="14:14">
      <c r="N18369" s="10"/>
    </row>
    <row r="18370" spans="14:14">
      <c r="N18370" s="10"/>
    </row>
    <row r="18371" spans="14:14">
      <c r="N18371" s="10"/>
    </row>
    <row r="18372" spans="14:14">
      <c r="N18372" s="10"/>
    </row>
    <row r="18373" spans="14:14">
      <c r="N18373" s="10"/>
    </row>
    <row r="18374" spans="14:14">
      <c r="N18374" s="10"/>
    </row>
    <row r="18375" spans="14:14">
      <c r="N18375" s="10"/>
    </row>
    <row r="18376" spans="14:14">
      <c r="N18376" s="10"/>
    </row>
    <row r="18377" spans="14:14">
      <c r="N18377" s="10"/>
    </row>
    <row r="18378" spans="14:14">
      <c r="N18378" s="10"/>
    </row>
    <row r="18379" spans="14:14">
      <c r="N18379" s="10"/>
    </row>
    <row r="18380" spans="14:14">
      <c r="N18380" s="10"/>
    </row>
    <row r="18381" spans="14:14">
      <c r="N18381" s="10"/>
    </row>
    <row r="18382" spans="14:14">
      <c r="N18382" s="10"/>
    </row>
    <row r="18383" spans="14:14">
      <c r="N18383" s="10"/>
    </row>
    <row r="18384" spans="14:14">
      <c r="N18384" s="10"/>
    </row>
    <row r="18385" spans="14:14">
      <c r="N18385" s="10"/>
    </row>
    <row r="18386" spans="14:14">
      <c r="N18386" s="10"/>
    </row>
    <row r="18387" spans="14:14">
      <c r="N18387" s="10"/>
    </row>
    <row r="18388" spans="14:14">
      <c r="N18388" s="10"/>
    </row>
    <row r="18389" spans="14:14">
      <c r="N18389" s="10"/>
    </row>
    <row r="18390" spans="14:14">
      <c r="N18390" s="10"/>
    </row>
    <row r="18391" spans="14:14">
      <c r="N18391" s="10"/>
    </row>
    <row r="18392" spans="14:14">
      <c r="N18392" s="10"/>
    </row>
    <row r="18393" spans="14:14">
      <c r="N18393" s="10"/>
    </row>
    <row r="18394" spans="14:14">
      <c r="N18394" s="10"/>
    </row>
    <row r="18395" spans="14:14">
      <c r="N18395" s="10"/>
    </row>
    <row r="18396" spans="14:14">
      <c r="N18396" s="10"/>
    </row>
    <row r="18397" spans="14:14">
      <c r="N18397" s="10"/>
    </row>
    <row r="18398" spans="14:14">
      <c r="N18398" s="10"/>
    </row>
    <row r="18399" spans="14:14">
      <c r="N18399" s="10"/>
    </row>
    <row r="18400" spans="14:14">
      <c r="N18400" s="10"/>
    </row>
    <row r="18401" spans="14:14">
      <c r="N18401" s="10"/>
    </row>
    <row r="18402" spans="14:14">
      <c r="N18402" s="10"/>
    </row>
    <row r="18403" spans="14:14">
      <c r="N18403" s="10"/>
    </row>
    <row r="18404" spans="14:14">
      <c r="N18404" s="10"/>
    </row>
    <row r="18405" spans="14:14">
      <c r="N18405" s="10"/>
    </row>
    <row r="18406" spans="14:14">
      <c r="N18406" s="10"/>
    </row>
    <row r="18407" spans="14:14">
      <c r="N18407" s="10"/>
    </row>
    <row r="18408" spans="14:14">
      <c r="N18408" s="10"/>
    </row>
    <row r="18409" spans="14:14">
      <c r="N18409" s="10"/>
    </row>
    <row r="18410" spans="14:14">
      <c r="N18410" s="10"/>
    </row>
    <row r="18411" spans="14:14">
      <c r="N18411" s="10"/>
    </row>
    <row r="18412" spans="14:14">
      <c r="N18412" s="10"/>
    </row>
    <row r="18413" spans="14:14">
      <c r="N18413" s="10"/>
    </row>
    <row r="18414" spans="14:14">
      <c r="N18414" s="10"/>
    </row>
    <row r="18415" spans="14:14">
      <c r="N18415" s="10"/>
    </row>
    <row r="18416" spans="14:14">
      <c r="N18416" s="10"/>
    </row>
    <row r="18417" spans="14:14">
      <c r="N18417" s="10"/>
    </row>
    <row r="18418" spans="14:14">
      <c r="N18418" s="10"/>
    </row>
    <row r="18419" spans="14:14">
      <c r="N18419" s="10"/>
    </row>
    <row r="18420" spans="14:14">
      <c r="N18420" s="10"/>
    </row>
    <row r="18421" spans="14:14">
      <c r="N18421" s="10"/>
    </row>
    <row r="18422" spans="14:14">
      <c r="N18422" s="10"/>
    </row>
    <row r="18423" spans="14:14">
      <c r="N18423" s="10"/>
    </row>
    <row r="18424" spans="14:14">
      <c r="N18424" s="10"/>
    </row>
    <row r="18425" spans="14:14">
      <c r="N18425" s="10"/>
    </row>
    <row r="18426" spans="14:14">
      <c r="N18426" s="10"/>
    </row>
    <row r="18427" spans="14:14">
      <c r="N18427" s="10"/>
    </row>
    <row r="18428" spans="14:14">
      <c r="N18428" s="10"/>
    </row>
    <row r="18429" spans="14:14">
      <c r="N18429" s="10"/>
    </row>
    <row r="18430" spans="14:14">
      <c r="N18430" s="10"/>
    </row>
    <row r="18431" spans="14:14">
      <c r="N18431" s="10"/>
    </row>
    <row r="18432" spans="14:14">
      <c r="N18432" s="10"/>
    </row>
    <row r="18433" spans="14:14">
      <c r="N18433" s="10"/>
    </row>
    <row r="18434" spans="14:14">
      <c r="N18434" s="10"/>
    </row>
    <row r="18435" spans="14:14">
      <c r="N18435" s="10"/>
    </row>
    <row r="18436" spans="14:14">
      <c r="N18436" s="10"/>
    </row>
    <row r="18437" spans="14:14">
      <c r="N18437" s="10"/>
    </row>
    <row r="18438" spans="14:14">
      <c r="N18438" s="10"/>
    </row>
    <row r="18439" spans="14:14">
      <c r="N18439" s="10"/>
    </row>
    <row r="18440" spans="14:14">
      <c r="N18440" s="10"/>
    </row>
    <row r="18441" spans="14:14">
      <c r="N18441" s="10"/>
    </row>
    <row r="18442" spans="14:14">
      <c r="N18442" s="10"/>
    </row>
    <row r="18443" spans="14:14">
      <c r="N18443" s="10"/>
    </row>
    <row r="18444" spans="14:14">
      <c r="N18444" s="10"/>
    </row>
    <row r="18445" spans="14:14">
      <c r="N18445" s="10"/>
    </row>
    <row r="18446" spans="14:14">
      <c r="N18446" s="10"/>
    </row>
    <row r="18447" spans="14:14">
      <c r="N18447" s="10"/>
    </row>
    <row r="18448" spans="14:14">
      <c r="N18448" s="10"/>
    </row>
    <row r="18449" spans="14:14">
      <c r="N18449" s="10"/>
    </row>
    <row r="18450" spans="14:14">
      <c r="N18450" s="10"/>
    </row>
    <row r="18451" spans="14:14">
      <c r="N18451" s="10"/>
    </row>
    <row r="18452" spans="14:14">
      <c r="N18452" s="10"/>
    </row>
    <row r="18453" spans="14:14">
      <c r="N18453" s="10"/>
    </row>
    <row r="18454" spans="14:14">
      <c r="N18454" s="10"/>
    </row>
    <row r="18455" spans="14:14">
      <c r="N18455" s="10"/>
    </row>
    <row r="18456" spans="14:14">
      <c r="N18456" s="10"/>
    </row>
    <row r="18457" spans="14:14">
      <c r="N18457" s="10"/>
    </row>
    <row r="18458" spans="14:14">
      <c r="N18458" s="10"/>
    </row>
    <row r="18459" spans="14:14">
      <c r="N18459" s="10"/>
    </row>
    <row r="18460" spans="14:14">
      <c r="N18460" s="10"/>
    </row>
    <row r="18461" spans="14:14">
      <c r="N18461" s="10"/>
    </row>
    <row r="18462" spans="14:14">
      <c r="N18462" s="10"/>
    </row>
    <row r="18463" spans="14:14">
      <c r="N18463" s="10"/>
    </row>
    <row r="18464" spans="14:14">
      <c r="N18464" s="10"/>
    </row>
    <row r="18465" spans="14:14">
      <c r="N18465" s="10"/>
    </row>
    <row r="18466" spans="14:14">
      <c r="N18466" s="10"/>
    </row>
    <row r="18467" spans="14:14">
      <c r="N18467" s="10"/>
    </row>
    <row r="18468" spans="14:14">
      <c r="N18468" s="10"/>
    </row>
    <row r="18469" spans="14:14">
      <c r="N18469" s="10"/>
    </row>
    <row r="18470" spans="14:14">
      <c r="N18470" s="10"/>
    </row>
    <row r="18471" spans="14:14">
      <c r="N18471" s="10"/>
    </row>
    <row r="18472" spans="14:14">
      <c r="N18472" s="10"/>
    </row>
    <row r="18473" spans="14:14">
      <c r="N18473" s="10"/>
    </row>
    <row r="18474" spans="14:14">
      <c r="N18474" s="10"/>
    </row>
    <row r="18475" spans="14:14">
      <c r="N18475" s="10"/>
    </row>
    <row r="18476" spans="14:14">
      <c r="N18476" s="10"/>
    </row>
    <row r="18477" spans="14:14">
      <c r="N18477" s="10"/>
    </row>
    <row r="18478" spans="14:14">
      <c r="N18478" s="10"/>
    </row>
    <row r="18479" spans="14:14">
      <c r="N18479" s="10"/>
    </row>
    <row r="18480" spans="14:14">
      <c r="N18480" s="10"/>
    </row>
    <row r="18481" spans="14:14">
      <c r="N18481" s="10"/>
    </row>
    <row r="18482" spans="14:14">
      <c r="N18482" s="10"/>
    </row>
    <row r="18483" spans="14:14">
      <c r="N18483" s="10"/>
    </row>
    <row r="18484" spans="14:14">
      <c r="N18484" s="10"/>
    </row>
    <row r="18485" spans="14:14">
      <c r="N18485" s="10"/>
    </row>
    <row r="18486" spans="14:14">
      <c r="N18486" s="10"/>
    </row>
    <row r="18487" spans="14:14">
      <c r="N18487" s="10"/>
    </row>
    <row r="18488" spans="14:14">
      <c r="N18488" s="10"/>
    </row>
    <row r="18489" spans="14:14">
      <c r="N18489" s="10"/>
    </row>
    <row r="18490" spans="14:14">
      <c r="N18490" s="10"/>
    </row>
    <row r="18491" spans="14:14">
      <c r="N18491" s="10"/>
    </row>
    <row r="18492" spans="14:14">
      <c r="N18492" s="10"/>
    </row>
    <row r="18493" spans="14:14">
      <c r="N18493" s="10"/>
    </row>
    <row r="18494" spans="14:14">
      <c r="N18494" s="10"/>
    </row>
    <row r="18495" spans="14:14">
      <c r="N18495" s="10"/>
    </row>
    <row r="18496" spans="14:14">
      <c r="N18496" s="10"/>
    </row>
    <row r="18497" spans="14:14">
      <c r="N18497" s="10"/>
    </row>
    <row r="18498" spans="14:14">
      <c r="N18498" s="10"/>
    </row>
    <row r="18499" spans="14:14">
      <c r="N18499" s="10"/>
    </row>
    <row r="18500" spans="14:14">
      <c r="N18500" s="10"/>
    </row>
    <row r="18501" spans="14:14">
      <c r="N18501" s="10"/>
    </row>
    <row r="18502" spans="14:14">
      <c r="N18502" s="10"/>
    </row>
    <row r="18503" spans="14:14">
      <c r="N18503" s="10"/>
    </row>
    <row r="18504" spans="14:14">
      <c r="N18504" s="10"/>
    </row>
    <row r="18505" spans="14:14">
      <c r="N18505" s="10"/>
    </row>
    <row r="18506" spans="14:14">
      <c r="N18506" s="10"/>
    </row>
    <row r="18507" spans="14:14">
      <c r="N18507" s="10"/>
    </row>
    <row r="18508" spans="14:14">
      <c r="N18508" s="10"/>
    </row>
    <row r="18509" spans="14:14">
      <c r="N18509" s="10"/>
    </row>
    <row r="18510" spans="14:14">
      <c r="N18510" s="10"/>
    </row>
    <row r="18511" spans="14:14">
      <c r="N18511" s="10"/>
    </row>
    <row r="18512" spans="14:14">
      <c r="N18512" s="10"/>
    </row>
    <row r="18513" spans="14:14">
      <c r="N18513" s="10"/>
    </row>
    <row r="18514" spans="14:14">
      <c r="N18514" s="10"/>
    </row>
    <row r="18515" spans="14:14">
      <c r="N18515" s="10"/>
    </row>
    <row r="18516" spans="14:14">
      <c r="N18516" s="10"/>
    </row>
    <row r="18517" spans="14:14">
      <c r="N18517" s="10"/>
    </row>
    <row r="18518" spans="14:14">
      <c r="N18518" s="10"/>
    </row>
    <row r="18519" spans="14:14">
      <c r="N18519" s="10"/>
    </row>
    <row r="18520" spans="14:14">
      <c r="N18520" s="10"/>
    </row>
    <row r="18521" spans="14:14">
      <c r="N18521" s="10"/>
    </row>
    <row r="18522" spans="14:14">
      <c r="N18522" s="10"/>
    </row>
    <row r="18523" spans="14:14">
      <c r="N18523" s="10"/>
    </row>
    <row r="18524" spans="14:14">
      <c r="N18524" s="10"/>
    </row>
    <row r="18525" spans="14:14">
      <c r="N18525" s="10"/>
    </row>
    <row r="18526" spans="14:14">
      <c r="N18526" s="10"/>
    </row>
    <row r="18527" spans="14:14">
      <c r="N18527" s="10"/>
    </row>
    <row r="18528" spans="14:14">
      <c r="N18528" s="10"/>
    </row>
    <row r="18529" spans="14:14">
      <c r="N18529" s="10"/>
    </row>
    <row r="18530" spans="14:14">
      <c r="N18530" s="10"/>
    </row>
    <row r="18531" spans="14:14">
      <c r="N18531" s="10"/>
    </row>
    <row r="18532" spans="14:14">
      <c r="N18532" s="10"/>
    </row>
    <row r="18533" spans="14:14">
      <c r="N18533" s="10"/>
    </row>
    <row r="18534" spans="14:14">
      <c r="N18534" s="10"/>
    </row>
    <row r="18535" spans="14:14">
      <c r="N18535" s="10"/>
    </row>
    <row r="18536" spans="14:14">
      <c r="N18536" s="10"/>
    </row>
    <row r="18537" spans="14:14">
      <c r="N18537" s="10"/>
    </row>
    <row r="18538" spans="14:14">
      <c r="N18538" s="10"/>
    </row>
    <row r="18539" spans="14:14">
      <c r="N18539" s="10"/>
    </row>
    <row r="18540" spans="14:14">
      <c r="N18540" s="10"/>
    </row>
    <row r="18541" spans="14:14">
      <c r="N18541" s="10"/>
    </row>
    <row r="18542" spans="14:14">
      <c r="N18542" s="10"/>
    </row>
    <row r="18543" spans="14:14">
      <c r="N18543" s="10"/>
    </row>
    <row r="18544" spans="14:14">
      <c r="N18544" s="10"/>
    </row>
    <row r="18545" spans="14:14">
      <c r="N18545" s="10"/>
    </row>
    <row r="18546" spans="14:14">
      <c r="N18546" s="10"/>
    </row>
    <row r="18547" spans="14:14">
      <c r="N18547" s="10"/>
    </row>
    <row r="18548" spans="14:14">
      <c r="N18548" s="10"/>
    </row>
    <row r="18549" spans="14:14">
      <c r="N18549" s="10"/>
    </row>
    <row r="18550" spans="14:14">
      <c r="N18550" s="10"/>
    </row>
    <row r="18551" spans="14:14">
      <c r="N18551" s="10"/>
    </row>
    <row r="18552" spans="14:14">
      <c r="N18552" s="10"/>
    </row>
    <row r="18553" spans="14:14">
      <c r="N18553" s="10"/>
    </row>
    <row r="18554" spans="14:14">
      <c r="N18554" s="10"/>
    </row>
    <row r="18555" spans="14:14">
      <c r="N18555" s="10"/>
    </row>
    <row r="18556" spans="14:14">
      <c r="N18556" s="10"/>
    </row>
    <row r="18557" spans="14:14">
      <c r="N18557" s="10"/>
    </row>
    <row r="18558" spans="14:14">
      <c r="N18558" s="10"/>
    </row>
    <row r="18559" spans="14:14">
      <c r="N18559" s="10"/>
    </row>
    <row r="18560" spans="14:14">
      <c r="N18560" s="10"/>
    </row>
    <row r="18561" spans="14:14">
      <c r="N18561" s="10"/>
    </row>
    <row r="18562" spans="14:14">
      <c r="N18562" s="10"/>
    </row>
    <row r="18563" spans="14:14">
      <c r="N18563" s="10"/>
    </row>
    <row r="18564" spans="14:14">
      <c r="N18564" s="10"/>
    </row>
    <row r="18565" spans="14:14">
      <c r="N18565" s="10"/>
    </row>
    <row r="18566" spans="14:14">
      <c r="N18566" s="10"/>
    </row>
    <row r="18567" spans="14:14">
      <c r="N18567" s="10"/>
    </row>
    <row r="18568" spans="14:14">
      <c r="N18568" s="10"/>
    </row>
    <row r="18569" spans="14:14">
      <c r="N18569" s="10"/>
    </row>
    <row r="18570" spans="14:14">
      <c r="N18570" s="10"/>
    </row>
    <row r="18571" spans="14:14">
      <c r="N18571" s="10"/>
    </row>
    <row r="18572" spans="14:14">
      <c r="N18572" s="10"/>
    </row>
    <row r="18573" spans="14:14">
      <c r="N18573" s="10"/>
    </row>
    <row r="18574" spans="14:14">
      <c r="N18574" s="10"/>
    </row>
    <row r="18575" spans="14:14">
      <c r="N18575" s="10"/>
    </row>
    <row r="18576" spans="14:14">
      <c r="N18576" s="10"/>
    </row>
    <row r="18577" spans="14:14">
      <c r="N18577" s="10"/>
    </row>
    <row r="18578" spans="14:14">
      <c r="N18578" s="10"/>
    </row>
    <row r="18579" spans="14:14">
      <c r="N18579" s="10"/>
    </row>
    <row r="18580" spans="14:14">
      <c r="N18580" s="10"/>
    </row>
    <row r="18581" spans="14:14">
      <c r="N18581" s="10"/>
    </row>
    <row r="18582" spans="14:14">
      <c r="N18582" s="10"/>
    </row>
    <row r="18583" spans="14:14">
      <c r="N18583" s="10"/>
    </row>
    <row r="18584" spans="14:14">
      <c r="N18584" s="10"/>
    </row>
    <row r="18585" spans="14:14">
      <c r="N18585" s="10"/>
    </row>
    <row r="18586" spans="14:14">
      <c r="N18586" s="10"/>
    </row>
    <row r="18587" spans="14:14">
      <c r="N18587" s="10"/>
    </row>
    <row r="18588" spans="14:14">
      <c r="N18588" s="10"/>
    </row>
    <row r="18589" spans="14:14">
      <c r="N18589" s="10"/>
    </row>
    <row r="18590" spans="14:14">
      <c r="N18590" s="10"/>
    </row>
    <row r="18591" spans="14:14">
      <c r="N18591" s="10"/>
    </row>
    <row r="18592" spans="14:14">
      <c r="N18592" s="10"/>
    </row>
    <row r="18593" spans="14:14">
      <c r="N18593" s="10"/>
    </row>
    <row r="18594" spans="14:14">
      <c r="N18594" s="10"/>
    </row>
    <row r="18595" spans="14:14">
      <c r="N18595" s="10"/>
    </row>
    <row r="18596" spans="14:14">
      <c r="N18596" s="10"/>
    </row>
    <row r="18597" spans="14:14">
      <c r="N18597" s="10"/>
    </row>
    <row r="18598" spans="14:14">
      <c r="N18598" s="10"/>
    </row>
    <row r="18599" spans="14:14">
      <c r="N18599" s="10"/>
    </row>
    <row r="18600" spans="14:14">
      <c r="N18600" s="10"/>
    </row>
    <row r="18601" spans="14:14">
      <c r="N18601" s="10"/>
    </row>
    <row r="18602" spans="14:14">
      <c r="N18602" s="10"/>
    </row>
    <row r="18603" spans="14:14">
      <c r="N18603" s="10"/>
    </row>
    <row r="18604" spans="14:14">
      <c r="N18604" s="10"/>
    </row>
    <row r="18605" spans="14:14">
      <c r="N18605" s="10"/>
    </row>
    <row r="18606" spans="14:14">
      <c r="N18606" s="10"/>
    </row>
    <row r="18607" spans="14:14">
      <c r="N18607" s="10"/>
    </row>
    <row r="18608" spans="14:14">
      <c r="N18608" s="10"/>
    </row>
    <row r="18609" spans="14:14">
      <c r="N18609" s="10"/>
    </row>
    <row r="18610" spans="14:14">
      <c r="N18610" s="10"/>
    </row>
    <row r="18611" spans="14:14">
      <c r="N18611" s="10"/>
    </row>
    <row r="18612" spans="14:14">
      <c r="N18612" s="10"/>
    </row>
    <row r="18613" spans="14:14">
      <c r="N18613" s="10"/>
    </row>
    <row r="18614" spans="14:14">
      <c r="N18614" s="10"/>
    </row>
    <row r="18615" spans="14:14">
      <c r="N18615" s="10"/>
    </row>
    <row r="18616" spans="14:14">
      <c r="N18616" s="10"/>
    </row>
    <row r="18617" spans="14:14">
      <c r="N18617" s="10"/>
    </row>
    <row r="18618" spans="14:14">
      <c r="N18618" s="10"/>
    </row>
    <row r="18619" spans="14:14">
      <c r="N18619" s="10"/>
    </row>
    <row r="18620" spans="14:14">
      <c r="N18620" s="10"/>
    </row>
    <row r="18621" spans="14:14">
      <c r="N18621" s="10"/>
    </row>
    <row r="18622" spans="14:14">
      <c r="N18622" s="10"/>
    </row>
    <row r="18623" spans="14:14">
      <c r="N18623" s="10"/>
    </row>
    <row r="18624" spans="14:14">
      <c r="N18624" s="10"/>
    </row>
    <row r="18625" spans="14:14">
      <c r="N18625" s="10"/>
    </row>
    <row r="18626" spans="14:14">
      <c r="N18626" s="10"/>
    </row>
    <row r="18627" spans="14:14">
      <c r="N18627" s="10"/>
    </row>
    <row r="18628" spans="14:14">
      <c r="N18628" s="10"/>
    </row>
    <row r="18629" spans="14:14">
      <c r="N18629" s="10"/>
    </row>
    <row r="18630" spans="14:14">
      <c r="N18630" s="10"/>
    </row>
    <row r="18631" spans="14:14">
      <c r="N18631" s="10"/>
    </row>
    <row r="18632" spans="14:14">
      <c r="N18632" s="10"/>
    </row>
    <row r="18633" spans="14:14">
      <c r="N18633" s="10"/>
    </row>
    <row r="18634" spans="14:14">
      <c r="N18634" s="10"/>
    </row>
    <row r="18635" spans="14:14">
      <c r="N18635" s="10"/>
    </row>
    <row r="18636" spans="14:14">
      <c r="N18636" s="10"/>
    </row>
    <row r="18637" spans="14:14">
      <c r="N18637" s="10"/>
    </row>
    <row r="18638" spans="14:14">
      <c r="N18638" s="10"/>
    </row>
    <row r="18639" spans="14:14">
      <c r="N18639" s="10"/>
    </row>
    <row r="18640" spans="14:14">
      <c r="N18640" s="10"/>
    </row>
    <row r="18641" spans="14:14">
      <c r="N18641" s="10"/>
    </row>
    <row r="18642" spans="14:14">
      <c r="N18642" s="10"/>
    </row>
    <row r="18643" spans="14:14">
      <c r="N18643" s="10"/>
    </row>
    <row r="18644" spans="14:14">
      <c r="N18644" s="10"/>
    </row>
    <row r="18645" spans="14:14">
      <c r="N18645" s="10"/>
    </row>
    <row r="18646" spans="14:14">
      <c r="N18646" s="10"/>
    </row>
    <row r="18647" spans="14:14">
      <c r="N18647" s="10"/>
    </row>
    <row r="18648" spans="14:14">
      <c r="N18648" s="10"/>
    </row>
    <row r="18649" spans="14:14">
      <c r="N18649" s="10"/>
    </row>
    <row r="18650" spans="14:14">
      <c r="N18650" s="10"/>
    </row>
    <row r="18651" spans="14:14">
      <c r="N18651" s="10"/>
    </row>
    <row r="18652" spans="14:14">
      <c r="N18652" s="10"/>
    </row>
    <row r="18653" spans="14:14">
      <c r="N18653" s="10"/>
    </row>
    <row r="18654" spans="14:14">
      <c r="N18654" s="10"/>
    </row>
    <row r="18655" spans="14:14">
      <c r="N18655" s="10"/>
    </row>
    <row r="18656" spans="14:14">
      <c r="N18656" s="10"/>
    </row>
    <row r="18657" spans="14:14">
      <c r="N18657" s="10"/>
    </row>
    <row r="18658" spans="14:14">
      <c r="N18658" s="10"/>
    </row>
    <row r="18659" spans="14:14">
      <c r="N18659" s="10"/>
    </row>
    <row r="18660" spans="14:14">
      <c r="N18660" s="10"/>
    </row>
    <row r="18661" spans="14:14">
      <c r="N18661" s="10"/>
    </row>
    <row r="18662" spans="14:14">
      <c r="N18662" s="10"/>
    </row>
    <row r="18663" spans="14:14">
      <c r="N18663" s="10"/>
    </row>
    <row r="18664" spans="14:14">
      <c r="N18664" s="10"/>
    </row>
    <row r="18665" spans="14:14">
      <c r="N18665" s="10"/>
    </row>
    <row r="18666" spans="14:14">
      <c r="N18666" s="10"/>
    </row>
    <row r="18667" spans="14:14">
      <c r="N18667" s="10"/>
    </row>
    <row r="18668" spans="14:14">
      <c r="N18668" s="10"/>
    </row>
    <row r="18669" spans="14:14">
      <c r="N18669" s="10"/>
    </row>
    <row r="18670" spans="14:14">
      <c r="N18670" s="10"/>
    </row>
    <row r="18671" spans="14:14">
      <c r="N18671" s="10"/>
    </row>
    <row r="18672" spans="14:14">
      <c r="N18672" s="10"/>
    </row>
    <row r="18673" spans="14:14">
      <c r="N18673" s="10"/>
    </row>
    <row r="18674" spans="14:14">
      <c r="N18674" s="10"/>
    </row>
    <row r="18675" spans="14:14">
      <c r="N18675" s="10"/>
    </row>
    <row r="18676" spans="14:14">
      <c r="N18676" s="10"/>
    </row>
    <row r="18677" spans="14:14">
      <c r="N18677" s="10"/>
    </row>
    <row r="18678" spans="14:14">
      <c r="N18678" s="10"/>
    </row>
    <row r="18679" spans="14:14">
      <c r="N18679" s="10"/>
    </row>
    <row r="18680" spans="14:14">
      <c r="N18680" s="10"/>
    </row>
    <row r="18681" spans="14:14">
      <c r="N18681" s="10"/>
    </row>
    <row r="18682" spans="14:14">
      <c r="N18682" s="10"/>
    </row>
    <row r="18683" spans="14:14">
      <c r="N18683" s="10"/>
    </row>
    <row r="18684" spans="14:14">
      <c r="N18684" s="10"/>
    </row>
    <row r="18685" spans="14:14">
      <c r="N18685" s="10"/>
    </row>
    <row r="18686" spans="14:14">
      <c r="N18686" s="10"/>
    </row>
    <row r="18687" spans="14:14">
      <c r="N18687" s="10"/>
    </row>
    <row r="18688" spans="14:14">
      <c r="N18688" s="10"/>
    </row>
    <row r="18689" spans="14:14">
      <c r="N18689" s="10"/>
    </row>
    <row r="18690" spans="14:14">
      <c r="N18690" s="10"/>
    </row>
    <row r="18691" spans="14:14">
      <c r="N18691" s="10"/>
    </row>
    <row r="18692" spans="14:14">
      <c r="N18692" s="10"/>
    </row>
    <row r="18693" spans="14:14">
      <c r="N18693" s="10"/>
    </row>
    <row r="18694" spans="14:14">
      <c r="N18694" s="10"/>
    </row>
    <row r="18695" spans="14:14">
      <c r="N18695" s="10"/>
    </row>
    <row r="18696" spans="14:14">
      <c r="N18696" s="10"/>
    </row>
    <row r="18697" spans="14:14">
      <c r="N18697" s="10"/>
    </row>
    <row r="18698" spans="14:14">
      <c r="N18698" s="10"/>
    </row>
    <row r="18699" spans="14:14">
      <c r="N18699" s="10"/>
    </row>
    <row r="18700" spans="14:14">
      <c r="N18700" s="10"/>
    </row>
    <row r="18701" spans="14:14">
      <c r="N18701" s="10"/>
    </row>
    <row r="18702" spans="14:14">
      <c r="N18702" s="10"/>
    </row>
    <row r="18703" spans="14:14">
      <c r="N18703" s="10"/>
    </row>
    <row r="18704" spans="14:14">
      <c r="N18704" s="10"/>
    </row>
    <row r="18705" spans="14:14">
      <c r="N18705" s="10"/>
    </row>
    <row r="18706" spans="14:14">
      <c r="N18706" s="10"/>
    </row>
    <row r="18707" spans="14:14">
      <c r="N18707" s="10"/>
    </row>
    <row r="18708" spans="14:14">
      <c r="N18708" s="10"/>
    </row>
    <row r="18709" spans="14:14">
      <c r="N18709" s="10"/>
    </row>
    <row r="18710" spans="14:14">
      <c r="N18710" s="10"/>
    </row>
    <row r="18711" spans="14:14">
      <c r="N18711" s="10"/>
    </row>
    <row r="18712" spans="14:14">
      <c r="N18712" s="10"/>
    </row>
    <row r="18713" spans="14:14">
      <c r="N18713" s="10"/>
    </row>
    <row r="18714" spans="14:14">
      <c r="N18714" s="10"/>
    </row>
    <row r="18715" spans="14:14">
      <c r="N18715" s="10"/>
    </row>
    <row r="18716" spans="14:14">
      <c r="N18716" s="10"/>
    </row>
    <row r="18717" spans="14:14">
      <c r="N18717" s="10"/>
    </row>
    <row r="18718" spans="14:14">
      <c r="N18718" s="10"/>
    </row>
    <row r="18719" spans="14:14">
      <c r="N18719" s="10"/>
    </row>
    <row r="18720" spans="14:14">
      <c r="N18720" s="10"/>
    </row>
    <row r="18721" spans="14:14">
      <c r="N18721" s="10"/>
    </row>
    <row r="18722" spans="14:14">
      <c r="N18722" s="10"/>
    </row>
    <row r="18723" spans="14:14">
      <c r="N18723" s="10"/>
    </row>
    <row r="18724" spans="14:14">
      <c r="N18724" s="10"/>
    </row>
    <row r="18725" spans="14:14">
      <c r="N18725" s="10"/>
    </row>
    <row r="18726" spans="14:14">
      <c r="N18726" s="10"/>
    </row>
    <row r="18727" spans="14:14">
      <c r="N18727" s="10"/>
    </row>
    <row r="18728" spans="14:14">
      <c r="N18728" s="10"/>
    </row>
    <row r="18729" spans="14:14">
      <c r="N18729" s="10"/>
    </row>
    <row r="18730" spans="14:14">
      <c r="N18730" s="10"/>
    </row>
    <row r="18731" spans="14:14">
      <c r="N18731" s="10"/>
    </row>
    <row r="18732" spans="14:14">
      <c r="N18732" s="10"/>
    </row>
    <row r="18733" spans="14:14">
      <c r="N18733" s="10"/>
    </row>
    <row r="18734" spans="14:14">
      <c r="N18734" s="10"/>
    </row>
    <row r="18735" spans="14:14">
      <c r="N18735" s="10"/>
    </row>
    <row r="18736" spans="14:14">
      <c r="N18736" s="10"/>
    </row>
    <row r="18737" spans="14:14">
      <c r="N18737" s="10"/>
    </row>
    <row r="18738" spans="14:14">
      <c r="N18738" s="10"/>
    </row>
    <row r="18739" spans="14:14">
      <c r="N18739" s="10"/>
    </row>
    <row r="18740" spans="14:14">
      <c r="N18740" s="10"/>
    </row>
    <row r="18741" spans="14:14">
      <c r="N18741" s="10"/>
    </row>
    <row r="18742" spans="14:14">
      <c r="N18742" s="10"/>
    </row>
    <row r="18743" spans="14:14">
      <c r="N18743" s="10"/>
    </row>
    <row r="18744" spans="14:14">
      <c r="N18744" s="10"/>
    </row>
    <row r="18745" spans="14:14">
      <c r="N18745" s="10"/>
    </row>
    <row r="18746" spans="14:14">
      <c r="N18746" s="10"/>
    </row>
    <row r="18747" spans="14:14">
      <c r="N18747" s="10"/>
    </row>
    <row r="18748" spans="14:14">
      <c r="N18748" s="10"/>
    </row>
    <row r="18749" spans="14:14">
      <c r="N18749" s="10"/>
    </row>
    <row r="18750" spans="14:14">
      <c r="N18750" s="10"/>
    </row>
    <row r="18751" spans="14:14">
      <c r="N18751" s="10"/>
    </row>
    <row r="18752" spans="14:14">
      <c r="N18752" s="10"/>
    </row>
    <row r="18753" spans="14:14">
      <c r="N18753" s="10"/>
    </row>
    <row r="18754" spans="14:14">
      <c r="N18754" s="10"/>
    </row>
    <row r="18755" spans="14:14">
      <c r="N18755" s="10"/>
    </row>
    <row r="18756" spans="14:14">
      <c r="N18756" s="10"/>
    </row>
    <row r="18757" spans="14:14">
      <c r="N18757" s="10"/>
    </row>
    <row r="18758" spans="14:14">
      <c r="N18758" s="10"/>
    </row>
    <row r="18759" spans="14:14">
      <c r="N18759" s="10"/>
    </row>
    <row r="18760" spans="14:14">
      <c r="N18760" s="10"/>
    </row>
    <row r="18761" spans="14:14">
      <c r="N18761" s="10"/>
    </row>
    <row r="18762" spans="14:14">
      <c r="N18762" s="10"/>
    </row>
    <row r="18763" spans="14:14">
      <c r="N18763" s="10"/>
    </row>
    <row r="18764" spans="14:14">
      <c r="N18764" s="10"/>
    </row>
    <row r="18765" spans="14:14">
      <c r="N18765" s="10"/>
    </row>
    <row r="18766" spans="14:14">
      <c r="N18766" s="10"/>
    </row>
    <row r="18767" spans="14:14">
      <c r="N18767" s="10"/>
    </row>
    <row r="18768" spans="14:14">
      <c r="N18768" s="10"/>
    </row>
    <row r="18769" spans="14:14">
      <c r="N18769" s="10"/>
    </row>
    <row r="18770" spans="14:14">
      <c r="N18770" s="10"/>
    </row>
    <row r="18771" spans="14:14">
      <c r="N18771" s="10"/>
    </row>
    <row r="18772" spans="14:14">
      <c r="N18772" s="10"/>
    </row>
    <row r="18773" spans="14:14">
      <c r="N18773" s="10"/>
    </row>
    <row r="18774" spans="14:14">
      <c r="N18774" s="10"/>
    </row>
    <row r="18775" spans="14:14">
      <c r="N18775" s="10"/>
    </row>
    <row r="18776" spans="14:14">
      <c r="N18776" s="10"/>
    </row>
    <row r="18777" spans="14:14">
      <c r="N18777" s="10"/>
    </row>
    <row r="18778" spans="14:14">
      <c r="N18778" s="10"/>
    </row>
    <row r="18779" spans="14:14">
      <c r="N18779" s="10"/>
    </row>
    <row r="18780" spans="14:14">
      <c r="N18780" s="10"/>
    </row>
    <row r="18781" spans="14:14">
      <c r="N18781" s="10"/>
    </row>
    <row r="18782" spans="14:14">
      <c r="N18782" s="10"/>
    </row>
    <row r="18783" spans="14:14">
      <c r="N18783" s="10"/>
    </row>
    <row r="18784" spans="14:14">
      <c r="N18784" s="10"/>
    </row>
    <row r="18785" spans="14:14">
      <c r="N18785" s="10"/>
    </row>
    <row r="18786" spans="14:14">
      <c r="N18786" s="10"/>
    </row>
    <row r="18787" spans="14:14">
      <c r="N18787" s="10"/>
    </row>
    <row r="18788" spans="14:14">
      <c r="N18788" s="10"/>
    </row>
    <row r="18789" spans="14:14">
      <c r="N18789" s="10"/>
    </row>
    <row r="18790" spans="14:14">
      <c r="N18790" s="10"/>
    </row>
    <row r="18791" spans="14:14">
      <c r="N18791" s="10"/>
    </row>
    <row r="18792" spans="14:14">
      <c r="N18792" s="10"/>
    </row>
    <row r="18793" spans="14:14">
      <c r="N18793" s="10"/>
    </row>
    <row r="18794" spans="14:14">
      <c r="N18794" s="10"/>
    </row>
    <row r="18795" spans="14:14">
      <c r="N18795" s="10"/>
    </row>
    <row r="18796" spans="14:14">
      <c r="N18796" s="10"/>
    </row>
    <row r="18797" spans="14:14">
      <c r="N18797" s="10"/>
    </row>
    <row r="18798" spans="14:14">
      <c r="N18798" s="10"/>
    </row>
    <row r="18799" spans="14:14">
      <c r="N18799" s="10"/>
    </row>
    <row r="18800" spans="14:14">
      <c r="N18800" s="10"/>
    </row>
    <row r="18801" spans="14:14">
      <c r="N18801" s="10"/>
    </row>
    <row r="18802" spans="14:14">
      <c r="N18802" s="10"/>
    </row>
    <row r="18803" spans="14:14">
      <c r="N18803" s="10"/>
    </row>
    <row r="18804" spans="14:14">
      <c r="N18804" s="10"/>
    </row>
    <row r="18805" spans="14:14">
      <c r="N18805" s="10"/>
    </row>
    <row r="18806" spans="14:14">
      <c r="N18806" s="10"/>
    </row>
    <row r="18807" spans="14:14">
      <c r="N18807" s="10"/>
    </row>
    <row r="18808" spans="14:14">
      <c r="N18808" s="10"/>
    </row>
    <row r="18809" spans="14:14">
      <c r="N18809" s="10"/>
    </row>
    <row r="18810" spans="14:14">
      <c r="N18810" s="10"/>
    </row>
    <row r="18811" spans="14:14">
      <c r="N18811" s="10"/>
    </row>
    <row r="18812" spans="14:14">
      <c r="N18812" s="10"/>
    </row>
    <row r="18813" spans="14:14">
      <c r="N18813" s="10"/>
    </row>
    <row r="18814" spans="14:14">
      <c r="N18814" s="10"/>
    </row>
    <row r="18815" spans="14:14">
      <c r="N18815" s="10"/>
    </row>
    <row r="18816" spans="14:14">
      <c r="N18816" s="10"/>
    </row>
    <row r="18817" spans="14:14">
      <c r="N18817" s="10"/>
    </row>
    <row r="18818" spans="14:14">
      <c r="N18818" s="10"/>
    </row>
    <row r="18819" spans="14:14">
      <c r="N18819" s="10"/>
    </row>
    <row r="18820" spans="14:14">
      <c r="N18820" s="10"/>
    </row>
    <row r="18821" spans="14:14">
      <c r="N18821" s="10"/>
    </row>
    <row r="18822" spans="14:14">
      <c r="N18822" s="10"/>
    </row>
    <row r="18823" spans="14:14">
      <c r="N18823" s="10"/>
    </row>
    <row r="18824" spans="14:14">
      <c r="N18824" s="10"/>
    </row>
    <row r="18825" spans="14:14">
      <c r="N18825" s="10"/>
    </row>
    <row r="18826" spans="14:14">
      <c r="N18826" s="10"/>
    </row>
    <row r="18827" spans="14:14">
      <c r="N18827" s="10"/>
    </row>
    <row r="18828" spans="14:14">
      <c r="N18828" s="10"/>
    </row>
    <row r="18829" spans="14:14">
      <c r="N18829" s="10"/>
    </row>
    <row r="18830" spans="14:14">
      <c r="N18830" s="10"/>
    </row>
    <row r="18831" spans="14:14">
      <c r="N18831" s="10"/>
    </row>
    <row r="18832" spans="14:14">
      <c r="N18832" s="10"/>
    </row>
    <row r="18833" spans="14:14">
      <c r="N18833" s="10"/>
    </row>
    <row r="18834" spans="14:14">
      <c r="N18834" s="10"/>
    </row>
    <row r="18835" spans="14:14">
      <c r="N18835" s="10"/>
    </row>
    <row r="18836" spans="14:14">
      <c r="N18836" s="10"/>
    </row>
    <row r="18837" spans="14:14">
      <c r="N18837" s="10"/>
    </row>
    <row r="18838" spans="14:14">
      <c r="N18838" s="10"/>
    </row>
    <row r="18839" spans="14:14">
      <c r="N18839" s="10"/>
    </row>
    <row r="18840" spans="14:14">
      <c r="N18840" s="10"/>
    </row>
    <row r="18841" spans="14:14">
      <c r="N18841" s="10"/>
    </row>
    <row r="18842" spans="14:14">
      <c r="N18842" s="10"/>
    </row>
    <row r="18843" spans="14:14">
      <c r="N18843" s="10"/>
    </row>
    <row r="18844" spans="14:14">
      <c r="N18844" s="10"/>
    </row>
    <row r="18845" spans="14:14">
      <c r="N18845" s="10"/>
    </row>
    <row r="18846" spans="14:14">
      <c r="N18846" s="10"/>
    </row>
    <row r="18847" spans="14:14">
      <c r="N18847" s="10"/>
    </row>
    <row r="18848" spans="14:14">
      <c r="N18848" s="10"/>
    </row>
    <row r="18849" spans="14:14">
      <c r="N18849" s="10"/>
    </row>
    <row r="18850" spans="14:14">
      <c r="N18850" s="10"/>
    </row>
    <row r="18851" spans="14:14">
      <c r="N18851" s="10"/>
    </row>
    <row r="18852" spans="14:14">
      <c r="N18852" s="10"/>
    </row>
    <row r="18853" spans="14:14">
      <c r="N18853" s="10"/>
    </row>
    <row r="18854" spans="14:14">
      <c r="N18854" s="10"/>
    </row>
    <row r="18855" spans="14:14">
      <c r="N18855" s="10"/>
    </row>
    <row r="18856" spans="14:14">
      <c r="N18856" s="10"/>
    </row>
    <row r="18857" spans="14:14">
      <c r="N18857" s="10"/>
    </row>
    <row r="18858" spans="14:14">
      <c r="N18858" s="10"/>
    </row>
    <row r="18859" spans="14:14">
      <c r="N18859" s="10"/>
    </row>
    <row r="18860" spans="14:14">
      <c r="N18860" s="10"/>
    </row>
    <row r="18861" spans="14:14">
      <c r="N18861" s="10"/>
    </row>
    <row r="18862" spans="14:14">
      <c r="N18862" s="10"/>
    </row>
    <row r="18863" spans="14:14">
      <c r="N18863" s="10"/>
    </row>
    <row r="18864" spans="14:14">
      <c r="N18864" s="10"/>
    </row>
    <row r="18865" spans="14:14">
      <c r="N18865" s="10"/>
    </row>
    <row r="18866" spans="14:14">
      <c r="N18866" s="10"/>
    </row>
    <row r="18867" spans="14:14">
      <c r="N18867" s="10"/>
    </row>
    <row r="18868" spans="14:14">
      <c r="N18868" s="10"/>
    </row>
    <row r="18869" spans="14:14">
      <c r="N18869" s="10"/>
    </row>
    <row r="18870" spans="14:14">
      <c r="N18870" s="10"/>
    </row>
    <row r="18871" spans="14:14">
      <c r="N18871" s="10"/>
    </row>
    <row r="18872" spans="14:14">
      <c r="N18872" s="10"/>
    </row>
    <row r="18873" spans="14:14">
      <c r="N18873" s="10"/>
    </row>
    <row r="18874" spans="14:14">
      <c r="N18874" s="10"/>
    </row>
    <row r="18875" spans="14:14">
      <c r="N18875" s="10"/>
    </row>
    <row r="18876" spans="14:14">
      <c r="N18876" s="10"/>
    </row>
    <row r="18877" spans="14:14">
      <c r="N18877" s="10"/>
    </row>
    <row r="18878" spans="14:14">
      <c r="N18878" s="10"/>
    </row>
    <row r="18879" spans="14:14">
      <c r="N18879" s="10"/>
    </row>
    <row r="18880" spans="14:14">
      <c r="N18880" s="10"/>
    </row>
    <row r="18881" spans="14:14">
      <c r="N18881" s="10"/>
    </row>
    <row r="18882" spans="14:14">
      <c r="N18882" s="10"/>
    </row>
    <row r="18883" spans="14:14">
      <c r="N18883" s="10"/>
    </row>
    <row r="18884" spans="14:14">
      <c r="N18884" s="10"/>
    </row>
    <row r="18885" spans="14:14">
      <c r="N18885" s="10"/>
    </row>
    <row r="18886" spans="14:14">
      <c r="N18886" s="10"/>
    </row>
    <row r="18887" spans="14:14">
      <c r="N18887" s="10"/>
    </row>
    <row r="18888" spans="14:14">
      <c r="N18888" s="10"/>
    </row>
    <row r="18889" spans="14:14">
      <c r="N18889" s="10"/>
    </row>
    <row r="18890" spans="14:14">
      <c r="N18890" s="10"/>
    </row>
    <row r="18891" spans="14:14">
      <c r="N18891" s="10"/>
    </row>
    <row r="18892" spans="14:14">
      <c r="N18892" s="10"/>
    </row>
    <row r="18893" spans="14:14">
      <c r="N18893" s="10"/>
    </row>
    <row r="18894" spans="14:14">
      <c r="N18894" s="10"/>
    </row>
    <row r="18895" spans="14:14">
      <c r="N18895" s="10"/>
    </row>
    <row r="18896" spans="14:14">
      <c r="N18896" s="10"/>
    </row>
    <row r="18897" spans="14:14">
      <c r="N18897" s="10"/>
    </row>
    <row r="18898" spans="14:14">
      <c r="N18898" s="10"/>
    </row>
    <row r="18899" spans="14:14">
      <c r="N18899" s="10"/>
    </row>
    <row r="18900" spans="14:14">
      <c r="N18900" s="10"/>
    </row>
    <row r="18901" spans="14:14">
      <c r="N18901" s="10"/>
    </row>
    <row r="18902" spans="14:14">
      <c r="N18902" s="10"/>
    </row>
    <row r="18903" spans="14:14">
      <c r="N18903" s="10"/>
    </row>
    <row r="18904" spans="14:14">
      <c r="N18904" s="10"/>
    </row>
    <row r="18905" spans="14:14">
      <c r="N18905" s="10"/>
    </row>
    <row r="18906" spans="14:14">
      <c r="N18906" s="10"/>
    </row>
    <row r="18907" spans="14:14">
      <c r="N18907" s="10"/>
    </row>
    <row r="18908" spans="14:14">
      <c r="N18908" s="10"/>
    </row>
    <row r="18909" spans="14:14">
      <c r="N18909" s="10"/>
    </row>
    <row r="18910" spans="14:14">
      <c r="N18910" s="10"/>
    </row>
    <row r="18911" spans="14:14">
      <c r="N18911" s="10"/>
    </row>
    <row r="18912" spans="14:14">
      <c r="N18912" s="10"/>
    </row>
    <row r="18913" spans="14:14">
      <c r="N18913" s="10"/>
    </row>
    <row r="18914" spans="14:14">
      <c r="N18914" s="10"/>
    </row>
    <row r="18915" spans="14:14">
      <c r="N18915" s="10"/>
    </row>
    <row r="18916" spans="14:14">
      <c r="N18916" s="10"/>
    </row>
    <row r="18917" spans="14:14">
      <c r="N18917" s="10"/>
    </row>
    <row r="18918" spans="14:14">
      <c r="N18918" s="10"/>
    </row>
    <row r="18919" spans="14:14">
      <c r="N18919" s="10"/>
    </row>
    <row r="18920" spans="14:14">
      <c r="N18920" s="10"/>
    </row>
    <row r="18921" spans="14:14">
      <c r="N18921" s="10"/>
    </row>
    <row r="18922" spans="14:14">
      <c r="N18922" s="10"/>
    </row>
    <row r="18923" spans="14:14">
      <c r="N18923" s="10"/>
    </row>
    <row r="18924" spans="14:14">
      <c r="N18924" s="10"/>
    </row>
    <row r="18925" spans="14:14">
      <c r="N18925" s="10"/>
    </row>
    <row r="18926" spans="14:14">
      <c r="N18926" s="10"/>
    </row>
    <row r="18927" spans="14:14">
      <c r="N18927" s="10"/>
    </row>
    <row r="18928" spans="14:14">
      <c r="N18928" s="10"/>
    </row>
    <row r="18929" spans="14:14">
      <c r="N18929" s="10"/>
    </row>
    <row r="18930" spans="14:14">
      <c r="N18930" s="10"/>
    </row>
    <row r="18931" spans="14:14">
      <c r="N18931" s="10"/>
    </row>
    <row r="18932" spans="14:14">
      <c r="N18932" s="10"/>
    </row>
    <row r="18933" spans="14:14">
      <c r="N18933" s="10"/>
    </row>
    <row r="18934" spans="14:14">
      <c r="N18934" s="10"/>
    </row>
    <row r="18935" spans="14:14">
      <c r="N18935" s="10"/>
    </row>
    <row r="18936" spans="14:14">
      <c r="N18936" s="10"/>
    </row>
    <row r="18937" spans="14:14">
      <c r="N18937" s="10"/>
    </row>
    <row r="18938" spans="14:14">
      <c r="N18938" s="10"/>
    </row>
    <row r="18939" spans="14:14">
      <c r="N18939" s="10"/>
    </row>
    <row r="18940" spans="14:14">
      <c r="N18940" s="10"/>
    </row>
    <row r="18941" spans="14:14">
      <c r="N18941" s="10"/>
    </row>
    <row r="18942" spans="14:14">
      <c r="N18942" s="10"/>
    </row>
    <row r="18943" spans="14:14">
      <c r="N18943" s="10"/>
    </row>
    <row r="18944" spans="14:14">
      <c r="N18944" s="10"/>
    </row>
    <row r="18945" spans="14:14">
      <c r="N18945" s="10"/>
    </row>
    <row r="18946" spans="14:14">
      <c r="N18946" s="10"/>
    </row>
    <row r="18947" spans="14:14">
      <c r="N18947" s="10"/>
    </row>
    <row r="18948" spans="14:14">
      <c r="N18948" s="10"/>
    </row>
    <row r="18949" spans="14:14">
      <c r="N18949" s="10"/>
    </row>
    <row r="18950" spans="14:14">
      <c r="N18950" s="10"/>
    </row>
    <row r="18951" spans="14:14">
      <c r="N18951" s="10"/>
    </row>
    <row r="18952" spans="14:14">
      <c r="N18952" s="10"/>
    </row>
    <row r="18953" spans="14:14">
      <c r="N18953" s="10"/>
    </row>
    <row r="18954" spans="14:14">
      <c r="N18954" s="10"/>
    </row>
    <row r="18955" spans="14:14">
      <c r="N18955" s="10"/>
    </row>
    <row r="18956" spans="14:14">
      <c r="N18956" s="10"/>
    </row>
    <row r="18957" spans="14:14">
      <c r="N18957" s="10"/>
    </row>
    <row r="18958" spans="14:14">
      <c r="N18958" s="10"/>
    </row>
    <row r="18959" spans="14:14">
      <c r="N18959" s="10"/>
    </row>
    <row r="18960" spans="14:14">
      <c r="N18960" s="10"/>
    </row>
    <row r="18961" spans="14:14">
      <c r="N18961" s="10"/>
    </row>
    <row r="18962" spans="14:14">
      <c r="N18962" s="10"/>
    </row>
    <row r="18963" spans="14:14">
      <c r="N18963" s="10"/>
    </row>
    <row r="18964" spans="14:14">
      <c r="N18964" s="10"/>
    </row>
    <row r="18965" spans="14:14">
      <c r="N18965" s="10"/>
    </row>
    <row r="18966" spans="14:14">
      <c r="N18966" s="10"/>
    </row>
    <row r="18967" spans="14:14">
      <c r="N18967" s="10"/>
    </row>
    <row r="18968" spans="14:14">
      <c r="N18968" s="10"/>
    </row>
    <row r="18969" spans="14:14">
      <c r="N18969" s="10"/>
    </row>
    <row r="18970" spans="14:14">
      <c r="N18970" s="10"/>
    </row>
    <row r="18971" spans="14:14">
      <c r="N18971" s="10"/>
    </row>
    <row r="18972" spans="14:14">
      <c r="N18972" s="10"/>
    </row>
    <row r="18973" spans="14:14">
      <c r="N18973" s="10"/>
    </row>
    <row r="18974" spans="14:14">
      <c r="N18974" s="10"/>
    </row>
    <row r="18975" spans="14:14">
      <c r="N18975" s="10"/>
    </row>
    <row r="18976" spans="14:14">
      <c r="N18976" s="10"/>
    </row>
    <row r="18977" spans="14:14">
      <c r="N18977" s="10"/>
    </row>
    <row r="18978" spans="14:14">
      <c r="N18978" s="10"/>
    </row>
    <row r="18979" spans="14:14">
      <c r="N18979" s="10"/>
    </row>
    <row r="18980" spans="14:14">
      <c r="N18980" s="10"/>
    </row>
    <row r="18981" spans="14:14">
      <c r="N18981" s="10"/>
    </row>
    <row r="18982" spans="14:14">
      <c r="N18982" s="10"/>
    </row>
    <row r="18983" spans="14:14">
      <c r="N18983" s="10"/>
    </row>
    <row r="18984" spans="14:14">
      <c r="N18984" s="10"/>
    </row>
    <row r="18985" spans="14:14">
      <c r="N18985" s="10"/>
    </row>
    <row r="18986" spans="14:14">
      <c r="N18986" s="10"/>
    </row>
    <row r="18987" spans="14:14">
      <c r="N18987" s="10"/>
    </row>
    <row r="18988" spans="14:14">
      <c r="N18988" s="10"/>
    </row>
    <row r="18989" spans="14:14">
      <c r="N18989" s="10"/>
    </row>
    <row r="18990" spans="14:14">
      <c r="N18990" s="10"/>
    </row>
    <row r="18991" spans="14:14">
      <c r="N18991" s="10"/>
    </row>
    <row r="18992" spans="14:14">
      <c r="N18992" s="10"/>
    </row>
    <row r="18993" spans="14:14">
      <c r="N18993" s="10"/>
    </row>
    <row r="18994" spans="14:14">
      <c r="N18994" s="10"/>
    </row>
    <row r="18995" spans="14:14">
      <c r="N18995" s="10"/>
    </row>
    <row r="18996" spans="14:14">
      <c r="N18996" s="10"/>
    </row>
    <row r="18997" spans="14:14">
      <c r="N18997" s="10"/>
    </row>
    <row r="18998" spans="14:14">
      <c r="N18998" s="10"/>
    </row>
    <row r="18999" spans="14:14">
      <c r="N18999" s="10"/>
    </row>
    <row r="19000" spans="14:14">
      <c r="N19000" s="10"/>
    </row>
    <row r="19001" spans="14:14">
      <c r="N19001" s="10"/>
    </row>
    <row r="19002" spans="14:14">
      <c r="N19002" s="10"/>
    </row>
    <row r="19003" spans="14:14">
      <c r="N19003" s="10"/>
    </row>
    <row r="19004" spans="14:14">
      <c r="N19004" s="10"/>
    </row>
    <row r="19005" spans="14:14">
      <c r="N19005" s="10"/>
    </row>
    <row r="19006" spans="14:14">
      <c r="N19006" s="10"/>
    </row>
    <row r="19007" spans="14:14">
      <c r="N19007" s="10"/>
    </row>
    <row r="19008" spans="14:14">
      <c r="N19008" s="10"/>
    </row>
    <row r="19009" spans="14:14">
      <c r="N19009" s="10"/>
    </row>
    <row r="19010" spans="14:14">
      <c r="N19010" s="10"/>
    </row>
    <row r="19011" spans="14:14">
      <c r="N19011" s="10"/>
    </row>
    <row r="19012" spans="14:14">
      <c r="N19012" s="10"/>
    </row>
    <row r="19013" spans="14:14">
      <c r="N19013" s="10"/>
    </row>
    <row r="19014" spans="14:14">
      <c r="N19014" s="10"/>
    </row>
    <row r="19015" spans="14:14">
      <c r="N19015" s="10"/>
    </row>
    <row r="19016" spans="14:14">
      <c r="N19016" s="10"/>
    </row>
    <row r="19017" spans="14:14">
      <c r="N19017" s="10"/>
    </row>
    <row r="19018" spans="14:14">
      <c r="N19018" s="10"/>
    </row>
    <row r="19019" spans="14:14">
      <c r="N19019" s="10"/>
    </row>
    <row r="19020" spans="14:14">
      <c r="N19020" s="10"/>
    </row>
    <row r="19021" spans="14:14">
      <c r="N19021" s="10"/>
    </row>
    <row r="19022" spans="14:14">
      <c r="N19022" s="10"/>
    </row>
    <row r="19023" spans="14:14">
      <c r="N19023" s="10"/>
    </row>
    <row r="19024" spans="14:14">
      <c r="N19024" s="10"/>
    </row>
    <row r="19025" spans="14:14">
      <c r="N19025" s="10"/>
    </row>
    <row r="19026" spans="14:14">
      <c r="N19026" s="10"/>
    </row>
    <row r="19027" spans="14:14">
      <c r="N19027" s="10"/>
    </row>
    <row r="19028" spans="14:14">
      <c r="N19028" s="10"/>
    </row>
    <row r="19029" spans="14:14">
      <c r="N19029" s="10"/>
    </row>
    <row r="19030" spans="14:14">
      <c r="N19030" s="10"/>
    </row>
    <row r="19031" spans="14:14">
      <c r="N19031" s="10"/>
    </row>
    <row r="19032" spans="14:14">
      <c r="N19032" s="10"/>
    </row>
    <row r="19033" spans="14:14">
      <c r="N19033" s="10"/>
    </row>
    <row r="19034" spans="14:14">
      <c r="N19034" s="10"/>
    </row>
    <row r="19035" spans="14:14">
      <c r="N19035" s="10"/>
    </row>
    <row r="19036" spans="14:14">
      <c r="N19036" s="10"/>
    </row>
    <row r="19037" spans="14:14">
      <c r="N19037" s="10"/>
    </row>
    <row r="19038" spans="14:14">
      <c r="N19038" s="10"/>
    </row>
    <row r="19039" spans="14:14">
      <c r="N19039" s="10"/>
    </row>
    <row r="19040" spans="14:14">
      <c r="N19040" s="10"/>
    </row>
    <row r="19041" spans="14:14">
      <c r="N19041" s="10"/>
    </row>
    <row r="19042" spans="14:14">
      <c r="N19042" s="10"/>
    </row>
    <row r="19043" spans="14:14">
      <c r="N19043" s="10"/>
    </row>
    <row r="19044" spans="14:14">
      <c r="N19044" s="10"/>
    </row>
    <row r="19045" spans="14:14">
      <c r="N19045" s="10"/>
    </row>
    <row r="19046" spans="14:14">
      <c r="N19046" s="10"/>
    </row>
    <row r="19047" spans="14:14">
      <c r="N19047" s="10"/>
    </row>
    <row r="19048" spans="14:14">
      <c r="N19048" s="10"/>
    </row>
    <row r="19049" spans="14:14">
      <c r="N19049" s="10"/>
    </row>
    <row r="19050" spans="14:14">
      <c r="N19050" s="10"/>
    </row>
    <row r="19051" spans="14:14">
      <c r="N19051" s="10"/>
    </row>
    <row r="19052" spans="14:14">
      <c r="N19052" s="10"/>
    </row>
    <row r="19053" spans="14:14">
      <c r="N19053" s="10"/>
    </row>
    <row r="19054" spans="14:14">
      <c r="N19054" s="10"/>
    </row>
    <row r="19055" spans="14:14">
      <c r="N19055" s="10"/>
    </row>
    <row r="19056" spans="14:14">
      <c r="N19056" s="10"/>
    </row>
    <row r="19057" spans="14:14">
      <c r="N19057" s="10"/>
    </row>
    <row r="19058" spans="14:14">
      <c r="N19058" s="10"/>
    </row>
    <row r="19059" spans="14:14">
      <c r="N19059" s="10"/>
    </row>
    <row r="19060" spans="14:14">
      <c r="N19060" s="10"/>
    </row>
    <row r="19061" spans="14:14">
      <c r="N19061" s="10"/>
    </row>
    <row r="19062" spans="14:14">
      <c r="N19062" s="10"/>
    </row>
    <row r="19063" spans="14:14">
      <c r="N19063" s="10"/>
    </row>
    <row r="19064" spans="14:14">
      <c r="N19064" s="10"/>
    </row>
    <row r="19065" spans="14:14">
      <c r="N19065" s="10"/>
    </row>
    <row r="19066" spans="14:14">
      <c r="N19066" s="10"/>
    </row>
    <row r="19067" spans="14:14">
      <c r="N19067" s="10"/>
    </row>
    <row r="19068" spans="14:14">
      <c r="N19068" s="10"/>
    </row>
    <row r="19069" spans="14:14">
      <c r="N19069" s="10"/>
    </row>
    <row r="19070" spans="14:14">
      <c r="N19070" s="10"/>
    </row>
    <row r="19071" spans="14:14">
      <c r="N19071" s="10"/>
    </row>
    <row r="19072" spans="14:14">
      <c r="N19072" s="10"/>
    </row>
    <row r="19073" spans="14:14">
      <c r="N19073" s="10"/>
    </row>
    <row r="19074" spans="14:14">
      <c r="N19074" s="10"/>
    </row>
    <row r="19075" spans="14:14">
      <c r="N19075" s="10"/>
    </row>
    <row r="19076" spans="14:14">
      <c r="N19076" s="10"/>
    </row>
    <row r="19077" spans="14:14">
      <c r="N19077" s="10"/>
    </row>
    <row r="19078" spans="14:14">
      <c r="N19078" s="10"/>
    </row>
    <row r="19079" spans="14:14">
      <c r="N19079" s="10"/>
    </row>
    <row r="19080" spans="14:14">
      <c r="N19080" s="10"/>
    </row>
    <row r="19081" spans="14:14">
      <c r="N19081" s="10"/>
    </row>
    <row r="19082" spans="14:14">
      <c r="N19082" s="10"/>
    </row>
    <row r="19083" spans="14:14">
      <c r="N19083" s="10"/>
    </row>
    <row r="19084" spans="14:14">
      <c r="N19084" s="10"/>
    </row>
    <row r="19085" spans="14:14">
      <c r="N19085" s="10"/>
    </row>
    <row r="19086" spans="14:14">
      <c r="N19086" s="10"/>
    </row>
    <row r="19087" spans="14:14">
      <c r="N19087" s="10"/>
    </row>
    <row r="19088" spans="14:14">
      <c r="N19088" s="10"/>
    </row>
    <row r="19089" spans="14:14">
      <c r="N19089" s="10"/>
    </row>
    <row r="19090" spans="14:14">
      <c r="N19090" s="10"/>
    </row>
    <row r="19091" spans="14:14">
      <c r="N19091" s="10"/>
    </row>
    <row r="19092" spans="14:14">
      <c r="N19092" s="10"/>
    </row>
    <row r="19093" spans="14:14">
      <c r="N19093" s="10"/>
    </row>
    <row r="19094" spans="14:14">
      <c r="N19094" s="10"/>
    </row>
    <row r="19095" spans="14:14">
      <c r="N19095" s="10"/>
    </row>
    <row r="19096" spans="14:14">
      <c r="N19096" s="10"/>
    </row>
    <row r="19097" spans="14:14">
      <c r="N19097" s="10"/>
    </row>
    <row r="19098" spans="14:14">
      <c r="N19098" s="10"/>
    </row>
    <row r="19099" spans="14:14">
      <c r="N19099" s="10"/>
    </row>
    <row r="19100" spans="14:14">
      <c r="N19100" s="10"/>
    </row>
    <row r="19101" spans="14:14">
      <c r="N19101" s="10"/>
    </row>
    <row r="19102" spans="14:14">
      <c r="N19102" s="10"/>
    </row>
    <row r="19103" spans="14:14">
      <c r="N19103" s="10"/>
    </row>
    <row r="19104" spans="14:14">
      <c r="N19104" s="10"/>
    </row>
    <row r="19105" spans="14:14">
      <c r="N19105" s="10"/>
    </row>
    <row r="19106" spans="14:14">
      <c r="N19106" s="10"/>
    </row>
    <row r="19107" spans="14:14">
      <c r="N19107" s="10"/>
    </row>
    <row r="19108" spans="14:14">
      <c r="N19108" s="10"/>
    </row>
    <row r="19109" spans="14:14">
      <c r="N19109" s="10"/>
    </row>
    <row r="19110" spans="14:14">
      <c r="N19110" s="10"/>
    </row>
    <row r="19111" spans="14:14">
      <c r="N19111" s="10"/>
    </row>
    <row r="19112" spans="14:14">
      <c r="N19112" s="10"/>
    </row>
    <row r="19113" spans="14:14">
      <c r="N19113" s="10"/>
    </row>
    <row r="19114" spans="14:14">
      <c r="N19114" s="10"/>
    </row>
    <row r="19115" spans="14:14">
      <c r="N19115" s="10"/>
    </row>
    <row r="19116" spans="14:14">
      <c r="N19116" s="10"/>
    </row>
    <row r="19117" spans="14:14">
      <c r="N19117" s="10"/>
    </row>
    <row r="19118" spans="14:14">
      <c r="N19118" s="10"/>
    </row>
    <row r="19119" spans="14:14">
      <c r="N19119" s="10"/>
    </row>
    <row r="19120" spans="14:14">
      <c r="N19120" s="10"/>
    </row>
    <row r="19121" spans="14:14">
      <c r="N19121" s="10"/>
    </row>
    <row r="19122" spans="14:14">
      <c r="N19122" s="10"/>
    </row>
    <row r="19123" spans="14:14">
      <c r="N19123" s="10"/>
    </row>
    <row r="19124" spans="14:14">
      <c r="N19124" s="10"/>
    </row>
    <row r="19125" spans="14:14">
      <c r="N19125" s="10"/>
    </row>
    <row r="19126" spans="14:14">
      <c r="N19126" s="10"/>
    </row>
    <row r="19127" spans="14:14">
      <c r="N19127" s="10"/>
    </row>
    <row r="19128" spans="14:14">
      <c r="N19128" s="10"/>
    </row>
    <row r="19129" spans="14:14">
      <c r="N19129" s="10"/>
    </row>
    <row r="19130" spans="14:14">
      <c r="N19130" s="10"/>
    </row>
    <row r="19131" spans="14:14">
      <c r="N19131" s="10"/>
    </row>
    <row r="19132" spans="14:14">
      <c r="N19132" s="10"/>
    </row>
    <row r="19133" spans="14:14">
      <c r="N19133" s="10"/>
    </row>
    <row r="19134" spans="14:14">
      <c r="N19134" s="10"/>
    </row>
    <row r="19135" spans="14:14">
      <c r="N19135" s="10"/>
    </row>
    <row r="19136" spans="14:14">
      <c r="N19136" s="10"/>
    </row>
    <row r="19137" spans="14:14">
      <c r="N19137" s="10"/>
    </row>
    <row r="19138" spans="14:14">
      <c r="N19138" s="10"/>
    </row>
    <row r="19139" spans="14:14">
      <c r="N19139" s="10"/>
    </row>
    <row r="19140" spans="14:14">
      <c r="N19140" s="10"/>
    </row>
    <row r="19141" spans="14:14">
      <c r="N19141" s="10"/>
    </row>
    <row r="19142" spans="14:14">
      <c r="N19142" s="10"/>
    </row>
    <row r="19143" spans="14:14">
      <c r="N19143" s="10"/>
    </row>
    <row r="19144" spans="14:14">
      <c r="N19144" s="10"/>
    </row>
    <row r="19145" spans="14:14">
      <c r="N19145" s="10"/>
    </row>
    <row r="19146" spans="14:14">
      <c r="N19146" s="10"/>
    </row>
    <row r="19147" spans="14:14">
      <c r="N19147" s="10"/>
    </row>
    <row r="19148" spans="14:14">
      <c r="N19148" s="10"/>
    </row>
    <row r="19149" spans="14:14">
      <c r="N19149" s="10"/>
    </row>
    <row r="19150" spans="14:14">
      <c r="N19150" s="10"/>
    </row>
    <row r="19151" spans="14:14">
      <c r="N19151" s="10"/>
    </row>
    <row r="19152" spans="14:14">
      <c r="N19152" s="10"/>
    </row>
    <row r="19153" spans="14:14">
      <c r="N19153" s="10"/>
    </row>
    <row r="19154" spans="14:14">
      <c r="N19154" s="10"/>
    </row>
    <row r="19155" spans="14:14">
      <c r="N19155" s="10"/>
    </row>
    <row r="19156" spans="14:14">
      <c r="N19156" s="10"/>
    </row>
    <row r="19157" spans="14:14">
      <c r="N19157" s="10"/>
    </row>
    <row r="19158" spans="14:14">
      <c r="N19158" s="10"/>
    </row>
    <row r="19159" spans="14:14">
      <c r="N19159" s="10"/>
    </row>
    <row r="19160" spans="14:14">
      <c r="N19160" s="10"/>
    </row>
    <row r="19161" spans="14:14">
      <c r="N19161" s="10"/>
    </row>
    <row r="19162" spans="14:14">
      <c r="N19162" s="10"/>
    </row>
    <row r="19163" spans="14:14">
      <c r="N19163" s="10"/>
    </row>
    <row r="19164" spans="14:14">
      <c r="N19164" s="10"/>
    </row>
    <row r="19165" spans="14:14">
      <c r="N19165" s="10"/>
    </row>
    <row r="19166" spans="14:14">
      <c r="N19166" s="10"/>
    </row>
    <row r="19167" spans="14:14">
      <c r="N19167" s="10"/>
    </row>
    <row r="19168" spans="14:14">
      <c r="N19168" s="10"/>
    </row>
    <row r="19169" spans="14:14">
      <c r="N19169" s="10"/>
    </row>
    <row r="19170" spans="14:14">
      <c r="N19170" s="10"/>
    </row>
    <row r="19171" spans="14:14">
      <c r="N19171" s="10"/>
    </row>
    <row r="19172" spans="14:14">
      <c r="N19172" s="10"/>
    </row>
    <row r="19173" spans="14:14">
      <c r="N19173" s="10"/>
    </row>
    <row r="19174" spans="14:14">
      <c r="N19174" s="10"/>
    </row>
    <row r="19175" spans="14:14">
      <c r="N19175" s="10"/>
    </row>
    <row r="19176" spans="14:14">
      <c r="N19176" s="10"/>
    </row>
    <row r="19177" spans="14:14">
      <c r="N19177" s="10"/>
    </row>
    <row r="19178" spans="14:14">
      <c r="N19178" s="10"/>
    </row>
    <row r="19179" spans="14:14">
      <c r="N19179" s="10"/>
    </row>
    <row r="19180" spans="14:14">
      <c r="N19180" s="10"/>
    </row>
    <row r="19181" spans="14:14">
      <c r="N19181" s="10"/>
    </row>
    <row r="19182" spans="14:14">
      <c r="N19182" s="10"/>
    </row>
    <row r="19183" spans="14:14">
      <c r="N19183" s="10"/>
    </row>
    <row r="19184" spans="14:14">
      <c r="N19184" s="10"/>
    </row>
    <row r="19185" spans="14:14">
      <c r="N19185" s="10"/>
    </row>
    <row r="19186" spans="14:14">
      <c r="N19186" s="10"/>
    </row>
    <row r="19187" spans="14:14">
      <c r="N19187" s="10"/>
    </row>
    <row r="19188" spans="14:14">
      <c r="N19188" s="10"/>
    </row>
    <row r="19189" spans="14:14">
      <c r="N19189" s="10"/>
    </row>
    <row r="19190" spans="14:14">
      <c r="N19190" s="10"/>
    </row>
    <row r="19191" spans="14:14">
      <c r="N19191" s="10"/>
    </row>
    <row r="19192" spans="14:14">
      <c r="N19192" s="10"/>
    </row>
    <row r="19193" spans="14:14">
      <c r="N19193" s="10"/>
    </row>
    <row r="19194" spans="14:14">
      <c r="N19194" s="10"/>
    </row>
    <row r="19195" spans="14:14">
      <c r="N19195" s="10"/>
    </row>
    <row r="19196" spans="14:14">
      <c r="N19196" s="10"/>
    </row>
    <row r="19197" spans="14:14">
      <c r="N19197" s="10"/>
    </row>
    <row r="19198" spans="14:14">
      <c r="N19198" s="10"/>
    </row>
    <row r="19199" spans="14:14">
      <c r="N19199" s="10"/>
    </row>
    <row r="19200" spans="14:14">
      <c r="N19200" s="10"/>
    </row>
    <row r="19201" spans="14:14">
      <c r="N19201" s="10"/>
    </row>
    <row r="19202" spans="14:14">
      <c r="N19202" s="10"/>
    </row>
    <row r="19203" spans="14:14">
      <c r="N19203" s="10"/>
    </row>
    <row r="19204" spans="14:14">
      <c r="N19204" s="10"/>
    </row>
    <row r="19205" spans="14:14">
      <c r="N19205" s="10"/>
    </row>
    <row r="19206" spans="14:14">
      <c r="N19206" s="10"/>
    </row>
    <row r="19207" spans="14:14">
      <c r="N19207" s="10"/>
    </row>
    <row r="19208" spans="14:14">
      <c r="N19208" s="10"/>
    </row>
    <row r="19209" spans="14:14">
      <c r="N19209" s="10"/>
    </row>
    <row r="19210" spans="14:14">
      <c r="N19210" s="10"/>
    </row>
    <row r="19211" spans="14:14">
      <c r="N19211" s="10"/>
    </row>
    <row r="19212" spans="14:14">
      <c r="N19212" s="10"/>
    </row>
    <row r="19213" spans="14:14">
      <c r="N19213" s="10"/>
    </row>
    <row r="19214" spans="14:14">
      <c r="N19214" s="10"/>
    </row>
    <row r="19215" spans="14:14">
      <c r="N19215" s="10"/>
    </row>
    <row r="19216" spans="14:14">
      <c r="N19216" s="10"/>
    </row>
    <row r="19217" spans="14:14">
      <c r="N19217" s="10"/>
    </row>
    <row r="19218" spans="14:14">
      <c r="N19218" s="10"/>
    </row>
    <row r="19219" spans="14:14">
      <c r="N19219" s="10"/>
    </row>
    <row r="19220" spans="14:14">
      <c r="N19220" s="10"/>
    </row>
    <row r="19221" spans="14:14">
      <c r="N19221" s="10"/>
    </row>
    <row r="19222" spans="14:14">
      <c r="N19222" s="10"/>
    </row>
    <row r="19223" spans="14:14">
      <c r="N19223" s="10"/>
    </row>
    <row r="19224" spans="14:14">
      <c r="N19224" s="10"/>
    </row>
    <row r="19225" spans="14:14">
      <c r="N19225" s="10"/>
    </row>
    <row r="19226" spans="14:14">
      <c r="N19226" s="10"/>
    </row>
    <row r="19227" spans="14:14">
      <c r="N19227" s="10"/>
    </row>
    <row r="19228" spans="14:14">
      <c r="N19228" s="10"/>
    </row>
    <row r="19229" spans="14:14">
      <c r="N19229" s="10"/>
    </row>
    <row r="19230" spans="14:14">
      <c r="N19230" s="10"/>
    </row>
    <row r="19231" spans="14:14">
      <c r="N19231" s="10"/>
    </row>
    <row r="19232" spans="14:14">
      <c r="N19232" s="10"/>
    </row>
    <row r="19233" spans="14:14">
      <c r="N19233" s="10"/>
    </row>
    <row r="19234" spans="14:14">
      <c r="N19234" s="10"/>
    </row>
    <row r="19235" spans="14:14">
      <c r="N19235" s="10"/>
    </row>
    <row r="19236" spans="14:14">
      <c r="N19236" s="10"/>
    </row>
    <row r="19237" spans="14:14">
      <c r="N19237" s="10"/>
    </row>
    <row r="19238" spans="14:14">
      <c r="N19238" s="10"/>
    </row>
    <row r="19239" spans="14:14">
      <c r="N19239" s="10"/>
    </row>
    <row r="19240" spans="14:14">
      <c r="N19240" s="10"/>
    </row>
    <row r="19241" spans="14:14">
      <c r="N19241" s="10"/>
    </row>
    <row r="19242" spans="14:14">
      <c r="N19242" s="10"/>
    </row>
    <row r="19243" spans="14:14">
      <c r="N19243" s="10"/>
    </row>
    <row r="19244" spans="14:14">
      <c r="N19244" s="10"/>
    </row>
    <row r="19245" spans="14:14">
      <c r="N19245" s="10"/>
    </row>
    <row r="19246" spans="14:14">
      <c r="N19246" s="10"/>
    </row>
    <row r="19247" spans="14:14">
      <c r="N19247" s="10"/>
    </row>
    <row r="19248" spans="14:14">
      <c r="N19248" s="10"/>
    </row>
    <row r="19249" spans="14:14">
      <c r="N19249" s="10"/>
    </row>
    <row r="19250" spans="14:14">
      <c r="N19250" s="10"/>
    </row>
    <row r="19251" spans="14:14">
      <c r="N19251" s="10"/>
    </row>
    <row r="19252" spans="14:14">
      <c r="N19252" s="10"/>
    </row>
    <row r="19253" spans="14:14">
      <c r="N19253" s="10"/>
    </row>
    <row r="19254" spans="14:14">
      <c r="N19254" s="10"/>
    </row>
    <row r="19255" spans="14:14">
      <c r="N19255" s="10"/>
    </row>
    <row r="19256" spans="14:14">
      <c r="N19256" s="10"/>
    </row>
    <row r="19257" spans="14:14">
      <c r="N19257" s="10"/>
    </row>
    <row r="19258" spans="14:14">
      <c r="N19258" s="10"/>
    </row>
    <row r="19259" spans="14:14">
      <c r="N19259" s="10"/>
    </row>
    <row r="19260" spans="14:14">
      <c r="N19260" s="10"/>
    </row>
    <row r="19261" spans="14:14">
      <c r="N19261" s="10"/>
    </row>
    <row r="19262" spans="14:14">
      <c r="N19262" s="10"/>
    </row>
    <row r="19263" spans="14:14">
      <c r="N19263" s="10"/>
    </row>
    <row r="19264" spans="14:14">
      <c r="N19264" s="10"/>
    </row>
    <row r="19265" spans="14:14">
      <c r="N19265" s="10"/>
    </row>
    <row r="19266" spans="14:14">
      <c r="N19266" s="10"/>
    </row>
    <row r="19267" spans="14:14">
      <c r="N19267" s="10"/>
    </row>
    <row r="19268" spans="14:14">
      <c r="N19268" s="10"/>
    </row>
    <row r="19269" spans="14:14">
      <c r="N19269" s="10"/>
    </row>
    <row r="19270" spans="14:14">
      <c r="N19270" s="10"/>
    </row>
    <row r="19271" spans="14:14">
      <c r="N19271" s="10"/>
    </row>
    <row r="19272" spans="14:14">
      <c r="N19272" s="10"/>
    </row>
    <row r="19273" spans="14:14">
      <c r="N19273" s="10"/>
    </row>
    <row r="19274" spans="14:14">
      <c r="N19274" s="10"/>
    </row>
    <row r="19275" spans="14:14">
      <c r="N19275" s="10"/>
    </row>
    <row r="19276" spans="14:14">
      <c r="N19276" s="10"/>
    </row>
    <row r="19277" spans="14:14">
      <c r="N19277" s="10"/>
    </row>
    <row r="19278" spans="14:14">
      <c r="N19278" s="10"/>
    </row>
    <row r="19279" spans="14:14">
      <c r="N19279" s="10"/>
    </row>
    <row r="19280" spans="14:14">
      <c r="N19280" s="10"/>
    </row>
    <row r="19281" spans="14:14">
      <c r="N19281" s="10"/>
    </row>
    <row r="19282" spans="14:14">
      <c r="N19282" s="10"/>
    </row>
    <row r="19283" spans="14:14">
      <c r="N19283" s="10"/>
    </row>
    <row r="19284" spans="14:14">
      <c r="N19284" s="10"/>
    </row>
    <row r="19285" spans="14:14">
      <c r="N19285" s="10"/>
    </row>
    <row r="19286" spans="14:14">
      <c r="N19286" s="10"/>
    </row>
    <row r="19287" spans="14:14">
      <c r="N19287" s="10"/>
    </row>
    <row r="19288" spans="14:14">
      <c r="N19288" s="10"/>
    </row>
    <row r="19289" spans="14:14">
      <c r="N19289" s="10"/>
    </row>
    <row r="19290" spans="14:14">
      <c r="N19290" s="10"/>
    </row>
    <row r="19291" spans="14:14">
      <c r="N19291" s="10"/>
    </row>
    <row r="19292" spans="14:14">
      <c r="N19292" s="10"/>
    </row>
    <row r="19293" spans="14:14">
      <c r="N19293" s="10"/>
    </row>
    <row r="19294" spans="14:14">
      <c r="N19294" s="10"/>
    </row>
    <row r="19295" spans="14:14">
      <c r="N19295" s="10"/>
    </row>
    <row r="19296" spans="14:14">
      <c r="N19296" s="10"/>
    </row>
    <row r="19297" spans="14:14">
      <c r="N19297" s="10"/>
    </row>
    <row r="19298" spans="14:14">
      <c r="N19298" s="10"/>
    </row>
    <row r="19299" spans="14:14">
      <c r="N19299" s="10"/>
    </row>
    <row r="19300" spans="14:14">
      <c r="N19300" s="10"/>
    </row>
    <row r="19301" spans="14:14">
      <c r="N19301" s="10"/>
    </row>
    <row r="19302" spans="14:14">
      <c r="N19302" s="10"/>
    </row>
    <row r="19303" spans="14:14">
      <c r="N19303" s="10"/>
    </row>
    <row r="19304" spans="14:14">
      <c r="N19304" s="10"/>
    </row>
    <row r="19305" spans="14:14">
      <c r="N19305" s="10"/>
    </row>
    <row r="19306" spans="14:14">
      <c r="N19306" s="10"/>
    </row>
    <row r="19307" spans="14:14">
      <c r="N19307" s="10"/>
    </row>
    <row r="19308" spans="14:14">
      <c r="N19308" s="10"/>
    </row>
    <row r="19309" spans="14:14">
      <c r="N19309" s="10"/>
    </row>
    <row r="19310" spans="14:14">
      <c r="N19310" s="10"/>
    </row>
    <row r="19311" spans="14:14">
      <c r="N19311" s="10"/>
    </row>
    <row r="19312" spans="14:14">
      <c r="N19312" s="10"/>
    </row>
    <row r="19313" spans="14:14">
      <c r="N19313" s="10"/>
    </row>
    <row r="19314" spans="14:14">
      <c r="N19314" s="10"/>
    </row>
    <row r="19315" spans="14:14">
      <c r="N19315" s="10"/>
    </row>
    <row r="19316" spans="14:14">
      <c r="N19316" s="10"/>
    </row>
    <row r="19317" spans="14:14">
      <c r="N19317" s="10"/>
    </row>
    <row r="19318" spans="14:14">
      <c r="N19318" s="10"/>
    </row>
    <row r="19319" spans="14:14">
      <c r="N19319" s="10"/>
    </row>
    <row r="19320" spans="14:14">
      <c r="N19320" s="10"/>
    </row>
    <row r="19321" spans="14:14">
      <c r="N19321" s="10"/>
    </row>
    <row r="19322" spans="14:14">
      <c r="N19322" s="10"/>
    </row>
    <row r="19323" spans="14:14">
      <c r="N19323" s="10"/>
    </row>
    <row r="19324" spans="14:14">
      <c r="N19324" s="10"/>
    </row>
    <row r="19325" spans="14:14">
      <c r="N19325" s="10"/>
    </row>
    <row r="19326" spans="14:14">
      <c r="N19326" s="10"/>
    </row>
    <row r="19327" spans="14:14">
      <c r="N19327" s="10"/>
    </row>
    <row r="19328" spans="14:14">
      <c r="N19328" s="10"/>
    </row>
    <row r="19329" spans="14:14">
      <c r="N19329" s="10"/>
    </row>
    <row r="19330" spans="14:14">
      <c r="N19330" s="10"/>
    </row>
    <row r="19331" spans="14:14">
      <c r="N19331" s="10"/>
    </row>
    <row r="19332" spans="14:14">
      <c r="N19332" s="10"/>
    </row>
    <row r="19333" spans="14:14">
      <c r="N19333" s="10"/>
    </row>
    <row r="19334" spans="14:14">
      <c r="N19334" s="10"/>
    </row>
    <row r="19335" spans="14:14">
      <c r="N19335" s="10"/>
    </row>
    <row r="19336" spans="14:14">
      <c r="N19336" s="10"/>
    </row>
    <row r="19337" spans="14:14">
      <c r="N19337" s="10"/>
    </row>
    <row r="19338" spans="14:14">
      <c r="N19338" s="10"/>
    </row>
    <row r="19339" spans="14:14">
      <c r="N19339" s="10"/>
    </row>
    <row r="19340" spans="14:14">
      <c r="N19340" s="10"/>
    </row>
    <row r="19341" spans="14:14">
      <c r="N19341" s="10"/>
    </row>
    <row r="19342" spans="14:14">
      <c r="N19342" s="10"/>
    </row>
    <row r="19343" spans="14:14">
      <c r="N19343" s="10"/>
    </row>
    <row r="19344" spans="14:14">
      <c r="N19344" s="10"/>
    </row>
    <row r="19345" spans="14:14">
      <c r="N19345" s="10"/>
    </row>
    <row r="19346" spans="14:14">
      <c r="N19346" s="10"/>
    </row>
    <row r="19347" spans="14:14">
      <c r="N19347" s="10"/>
    </row>
    <row r="19348" spans="14:14">
      <c r="N19348" s="10"/>
    </row>
    <row r="19349" spans="14:14">
      <c r="N19349" s="10"/>
    </row>
    <row r="19350" spans="14:14">
      <c r="N19350" s="10"/>
    </row>
    <row r="19351" spans="14:14">
      <c r="N19351" s="10"/>
    </row>
    <row r="19352" spans="14:14">
      <c r="N19352" s="10"/>
    </row>
    <row r="19353" spans="14:14">
      <c r="N19353" s="10"/>
    </row>
    <row r="19354" spans="14:14">
      <c r="N19354" s="10"/>
    </row>
    <row r="19355" spans="14:14">
      <c r="N19355" s="10"/>
    </row>
    <row r="19356" spans="14:14">
      <c r="N19356" s="10"/>
    </row>
    <row r="19357" spans="14:14">
      <c r="N19357" s="10"/>
    </row>
    <row r="19358" spans="14:14">
      <c r="N19358" s="10"/>
    </row>
    <row r="19359" spans="14:14">
      <c r="N19359" s="10"/>
    </row>
    <row r="19360" spans="14:14">
      <c r="N19360" s="10"/>
    </row>
    <row r="19361" spans="14:14">
      <c r="N19361" s="10"/>
    </row>
    <row r="19362" spans="14:14">
      <c r="N19362" s="10"/>
    </row>
    <row r="19363" spans="14:14">
      <c r="N19363" s="10"/>
    </row>
    <row r="19364" spans="14:14">
      <c r="N19364" s="10"/>
    </row>
    <row r="19365" spans="14:14">
      <c r="N19365" s="10"/>
    </row>
    <row r="19366" spans="14:14">
      <c r="N19366" s="10"/>
    </row>
    <row r="19367" spans="14:14">
      <c r="N19367" s="10"/>
    </row>
    <row r="19368" spans="14:14">
      <c r="N19368" s="10"/>
    </row>
    <row r="19369" spans="14:14">
      <c r="N19369" s="10"/>
    </row>
    <row r="19370" spans="14:14">
      <c r="N19370" s="10"/>
    </row>
    <row r="19371" spans="14:14">
      <c r="N19371" s="10"/>
    </row>
    <row r="19372" spans="14:14">
      <c r="N19372" s="10"/>
    </row>
    <row r="19373" spans="14:14">
      <c r="N19373" s="10"/>
    </row>
    <row r="19374" spans="14:14">
      <c r="N19374" s="10"/>
    </row>
    <row r="19375" spans="14:14">
      <c r="N19375" s="10"/>
    </row>
    <row r="19376" spans="14:14">
      <c r="N19376" s="10"/>
    </row>
    <row r="19377" spans="14:14">
      <c r="N19377" s="10"/>
    </row>
    <row r="19378" spans="14:14">
      <c r="N19378" s="10"/>
    </row>
    <row r="19379" spans="14:14">
      <c r="N19379" s="10"/>
    </row>
    <row r="19380" spans="14:14">
      <c r="N19380" s="10"/>
    </row>
    <row r="19381" spans="14:14">
      <c r="N19381" s="10"/>
    </row>
    <row r="19382" spans="14:14">
      <c r="N19382" s="10"/>
    </row>
    <row r="19383" spans="14:14">
      <c r="N19383" s="10"/>
    </row>
    <row r="19384" spans="14:14">
      <c r="N19384" s="10"/>
    </row>
    <row r="19385" spans="14:14">
      <c r="N19385" s="10"/>
    </row>
    <row r="19386" spans="14:14">
      <c r="N19386" s="10"/>
    </row>
    <row r="19387" spans="14:14">
      <c r="N19387" s="10"/>
    </row>
    <row r="19388" spans="14:14">
      <c r="N19388" s="10"/>
    </row>
    <row r="19389" spans="14:14">
      <c r="N19389" s="10"/>
    </row>
    <row r="19390" spans="14:14">
      <c r="N19390" s="10"/>
    </row>
    <row r="19391" spans="14:14">
      <c r="N19391" s="10"/>
    </row>
    <row r="19392" spans="14:14">
      <c r="N19392" s="10"/>
    </row>
    <row r="19393" spans="14:14">
      <c r="N19393" s="10"/>
    </row>
    <row r="19394" spans="14:14">
      <c r="N19394" s="10"/>
    </row>
    <row r="19395" spans="14:14">
      <c r="N19395" s="10"/>
    </row>
    <row r="19396" spans="14:14">
      <c r="N19396" s="10"/>
    </row>
    <row r="19397" spans="14:14">
      <c r="N19397" s="10"/>
    </row>
    <row r="19398" spans="14:14">
      <c r="N19398" s="10"/>
    </row>
    <row r="19399" spans="14:14">
      <c r="N19399" s="10"/>
    </row>
    <row r="19400" spans="14:14">
      <c r="N19400" s="10"/>
    </row>
    <row r="19401" spans="14:14">
      <c r="N19401" s="10"/>
    </row>
    <row r="19402" spans="14:14">
      <c r="N19402" s="10"/>
    </row>
    <row r="19403" spans="14:14">
      <c r="N19403" s="10"/>
    </row>
    <row r="19404" spans="14:14">
      <c r="N19404" s="10"/>
    </row>
    <row r="19405" spans="14:14">
      <c r="N19405" s="10"/>
    </row>
    <row r="19406" spans="14:14">
      <c r="N19406" s="10"/>
    </row>
    <row r="19407" spans="14:14">
      <c r="N19407" s="10"/>
    </row>
    <row r="19408" spans="14:14">
      <c r="N19408" s="10"/>
    </row>
    <row r="19409" spans="14:14">
      <c r="N19409" s="10"/>
    </row>
    <row r="19410" spans="14:14">
      <c r="N19410" s="10"/>
    </row>
    <row r="19411" spans="14:14">
      <c r="N19411" s="10"/>
    </row>
    <row r="19412" spans="14:14">
      <c r="N19412" s="10"/>
    </row>
    <row r="19413" spans="14:14">
      <c r="N19413" s="10"/>
    </row>
    <row r="19414" spans="14:14">
      <c r="N19414" s="10"/>
    </row>
    <row r="19415" spans="14:14">
      <c r="N19415" s="10"/>
    </row>
    <row r="19416" spans="14:14">
      <c r="N19416" s="10"/>
    </row>
    <row r="19417" spans="14:14">
      <c r="N19417" s="10"/>
    </row>
    <row r="19418" spans="14:14">
      <c r="N19418" s="10"/>
    </row>
    <row r="19419" spans="14:14">
      <c r="N19419" s="10"/>
    </row>
    <row r="19420" spans="14:14">
      <c r="N19420" s="10"/>
    </row>
    <row r="19421" spans="14:14">
      <c r="N19421" s="10"/>
    </row>
    <row r="19422" spans="14:14">
      <c r="N19422" s="10"/>
    </row>
    <row r="19423" spans="14:14">
      <c r="N19423" s="10"/>
    </row>
    <row r="19424" spans="14:14">
      <c r="N19424" s="10"/>
    </row>
    <row r="19425" spans="14:14">
      <c r="N19425" s="10"/>
    </row>
    <row r="19426" spans="14:14">
      <c r="N19426" s="10"/>
    </row>
    <row r="19427" spans="14:14">
      <c r="N19427" s="10"/>
    </row>
    <row r="19428" spans="14:14">
      <c r="N19428" s="10"/>
    </row>
    <row r="19429" spans="14:14">
      <c r="N19429" s="10"/>
    </row>
    <row r="19430" spans="14:14">
      <c r="N19430" s="10"/>
    </row>
    <row r="19431" spans="14:14">
      <c r="N19431" s="10"/>
    </row>
    <row r="19432" spans="14:14">
      <c r="N19432" s="10"/>
    </row>
    <row r="19433" spans="14:14">
      <c r="N19433" s="10"/>
    </row>
    <row r="19434" spans="14:14">
      <c r="N19434" s="10"/>
    </row>
    <row r="19435" spans="14:14">
      <c r="N19435" s="10"/>
    </row>
    <row r="19436" spans="14:14">
      <c r="N19436" s="10"/>
    </row>
    <row r="19437" spans="14:14">
      <c r="N19437" s="10"/>
    </row>
    <row r="19438" spans="14:14">
      <c r="N19438" s="10"/>
    </row>
    <row r="19439" spans="14:14">
      <c r="N19439" s="10"/>
    </row>
    <row r="19440" spans="14:14">
      <c r="N19440" s="10"/>
    </row>
    <row r="19441" spans="14:14">
      <c r="N19441" s="10"/>
    </row>
    <row r="19442" spans="14:14">
      <c r="N19442" s="10"/>
    </row>
    <row r="19443" spans="14:14">
      <c r="N19443" s="10"/>
    </row>
    <row r="19444" spans="14:14">
      <c r="N19444" s="10"/>
    </row>
    <row r="19445" spans="14:14">
      <c r="N19445" s="10"/>
    </row>
    <row r="19446" spans="14:14">
      <c r="N19446" s="10"/>
    </row>
    <row r="19447" spans="14:14">
      <c r="N19447" s="10"/>
    </row>
    <row r="19448" spans="14:14">
      <c r="N19448" s="10"/>
    </row>
    <row r="19449" spans="14:14">
      <c r="N19449" s="10"/>
    </row>
    <row r="19450" spans="14:14">
      <c r="N19450" s="10"/>
    </row>
    <row r="19451" spans="14:14">
      <c r="N19451" s="10"/>
    </row>
    <row r="19452" spans="14:14">
      <c r="N19452" s="10"/>
    </row>
    <row r="19453" spans="14:14">
      <c r="N19453" s="10"/>
    </row>
    <row r="19454" spans="14:14">
      <c r="N19454" s="10"/>
    </row>
    <row r="19455" spans="14:14">
      <c r="N19455" s="10"/>
    </row>
    <row r="19456" spans="14:14">
      <c r="N19456" s="10"/>
    </row>
    <row r="19457" spans="14:14">
      <c r="N19457" s="10"/>
    </row>
    <row r="19458" spans="14:14">
      <c r="N19458" s="10"/>
    </row>
    <row r="19459" spans="14:14">
      <c r="N19459" s="10"/>
    </row>
    <row r="19460" spans="14:14">
      <c r="N19460" s="10"/>
    </row>
    <row r="19461" spans="14:14">
      <c r="N19461" s="10"/>
    </row>
    <row r="19462" spans="14:14">
      <c r="N19462" s="10"/>
    </row>
    <row r="19463" spans="14:14">
      <c r="N19463" s="10"/>
    </row>
    <row r="19464" spans="14:14">
      <c r="N19464" s="10"/>
    </row>
    <row r="19465" spans="14:14">
      <c r="N19465" s="10"/>
    </row>
    <row r="19466" spans="14:14">
      <c r="N19466" s="10"/>
    </row>
    <row r="19467" spans="14:14">
      <c r="N19467" s="10"/>
    </row>
    <row r="19468" spans="14:14">
      <c r="N19468" s="10"/>
    </row>
    <row r="19469" spans="14:14">
      <c r="N19469" s="10"/>
    </row>
    <row r="19470" spans="14:14">
      <c r="N19470" s="10"/>
    </row>
    <row r="19471" spans="14:14">
      <c r="N19471" s="10"/>
    </row>
    <row r="19472" spans="14:14">
      <c r="N19472" s="10"/>
    </row>
    <row r="19473" spans="14:14">
      <c r="N19473" s="10"/>
    </row>
    <row r="19474" spans="14:14">
      <c r="N19474" s="10"/>
    </row>
    <row r="19475" spans="14:14">
      <c r="N19475" s="10"/>
    </row>
    <row r="19476" spans="14:14">
      <c r="N19476" s="10"/>
    </row>
    <row r="19477" spans="14:14">
      <c r="N19477" s="10"/>
    </row>
    <row r="19478" spans="14:14">
      <c r="N19478" s="10"/>
    </row>
    <row r="19479" spans="14:14">
      <c r="N19479" s="10"/>
    </row>
    <row r="19480" spans="14:14">
      <c r="N19480" s="10"/>
    </row>
    <row r="19481" spans="14:14">
      <c r="N19481" s="10"/>
    </row>
    <row r="19482" spans="14:14">
      <c r="N19482" s="10"/>
    </row>
    <row r="19483" spans="14:14">
      <c r="N19483" s="10"/>
    </row>
    <row r="19484" spans="14:14">
      <c r="N19484" s="10"/>
    </row>
    <row r="19485" spans="14:14">
      <c r="N19485" s="10"/>
    </row>
    <row r="19486" spans="14:14">
      <c r="N19486" s="10"/>
    </row>
    <row r="19487" spans="14:14">
      <c r="N19487" s="10"/>
    </row>
    <row r="19488" spans="14:14">
      <c r="N19488" s="10"/>
    </row>
    <row r="19489" spans="14:14">
      <c r="N19489" s="10"/>
    </row>
    <row r="19490" spans="14:14">
      <c r="N19490" s="10"/>
    </row>
    <row r="19491" spans="14:14">
      <c r="N19491" s="10"/>
    </row>
    <row r="19492" spans="14:14">
      <c r="N19492" s="10"/>
    </row>
    <row r="19493" spans="14:14">
      <c r="N19493" s="10"/>
    </row>
    <row r="19494" spans="14:14">
      <c r="N19494" s="10"/>
    </row>
    <row r="19495" spans="14:14">
      <c r="N19495" s="10"/>
    </row>
    <row r="19496" spans="14:14">
      <c r="N19496" s="10"/>
    </row>
    <row r="19497" spans="14:14">
      <c r="N19497" s="10"/>
    </row>
    <row r="19498" spans="14:14">
      <c r="N19498" s="10"/>
    </row>
    <row r="19499" spans="14:14">
      <c r="N19499" s="10"/>
    </row>
    <row r="19500" spans="14:14">
      <c r="N19500" s="10"/>
    </row>
    <row r="19501" spans="14:14">
      <c r="N19501" s="10"/>
    </row>
    <row r="19502" spans="14:14">
      <c r="N19502" s="10"/>
    </row>
    <row r="19503" spans="14:14">
      <c r="N19503" s="10"/>
    </row>
    <row r="19504" spans="14:14">
      <c r="N19504" s="10"/>
    </row>
    <row r="19505" spans="14:14">
      <c r="N19505" s="10"/>
    </row>
    <row r="19506" spans="14:14">
      <c r="N19506" s="10"/>
    </row>
    <row r="19507" spans="14:14">
      <c r="N19507" s="10"/>
    </row>
    <row r="19508" spans="14:14">
      <c r="N19508" s="10"/>
    </row>
    <row r="19509" spans="14:14">
      <c r="N19509" s="10"/>
    </row>
    <row r="19510" spans="14:14">
      <c r="N19510" s="10"/>
    </row>
    <row r="19511" spans="14:14">
      <c r="N19511" s="10"/>
    </row>
    <row r="19512" spans="14:14">
      <c r="N19512" s="10"/>
    </row>
    <row r="19513" spans="14:14">
      <c r="N19513" s="10"/>
    </row>
    <row r="19514" spans="14:14">
      <c r="N19514" s="10"/>
    </row>
    <row r="19515" spans="14:14">
      <c r="N19515" s="10"/>
    </row>
    <row r="19516" spans="14:14">
      <c r="N19516" s="10"/>
    </row>
    <row r="19517" spans="14:14">
      <c r="N19517" s="10"/>
    </row>
    <row r="19518" spans="14:14">
      <c r="N19518" s="10"/>
    </row>
    <row r="19519" spans="14:14">
      <c r="N19519" s="10"/>
    </row>
    <row r="19520" spans="14:14">
      <c r="N19520" s="10"/>
    </row>
    <row r="19521" spans="14:14">
      <c r="N19521" s="10"/>
    </row>
    <row r="19522" spans="14:14">
      <c r="N19522" s="10"/>
    </row>
    <row r="19523" spans="14:14">
      <c r="N19523" s="10"/>
    </row>
    <row r="19524" spans="14:14">
      <c r="N19524" s="10"/>
    </row>
    <row r="19525" spans="14:14">
      <c r="N19525" s="10"/>
    </row>
    <row r="19526" spans="14:14">
      <c r="N19526" s="10"/>
    </row>
    <row r="19527" spans="14:14">
      <c r="N19527" s="10"/>
    </row>
    <row r="19528" spans="14:14">
      <c r="N19528" s="10"/>
    </row>
    <row r="19529" spans="14:14">
      <c r="N19529" s="10"/>
    </row>
    <row r="19530" spans="14:14">
      <c r="N19530" s="10"/>
    </row>
    <row r="19531" spans="14:14">
      <c r="N19531" s="10"/>
    </row>
    <row r="19532" spans="14:14">
      <c r="N19532" s="10"/>
    </row>
    <row r="19533" spans="14:14">
      <c r="N19533" s="10"/>
    </row>
    <row r="19534" spans="14:14">
      <c r="N19534" s="10"/>
    </row>
    <row r="19535" spans="14:14">
      <c r="N19535" s="10"/>
    </row>
    <row r="19536" spans="14:14">
      <c r="N19536" s="10"/>
    </row>
    <row r="19537" spans="14:14">
      <c r="N19537" s="10"/>
    </row>
    <row r="19538" spans="14:14">
      <c r="N19538" s="10"/>
    </row>
    <row r="19539" spans="14:14">
      <c r="N19539" s="10"/>
    </row>
    <row r="19540" spans="14:14">
      <c r="N19540" s="10"/>
    </row>
    <row r="19541" spans="14:14">
      <c r="N19541" s="10"/>
    </row>
    <row r="19542" spans="14:14">
      <c r="N19542" s="10"/>
    </row>
    <row r="19543" spans="14:14">
      <c r="N19543" s="10"/>
    </row>
    <row r="19544" spans="14:14">
      <c r="N19544" s="10"/>
    </row>
    <row r="19545" spans="14:14">
      <c r="N19545" s="10"/>
    </row>
    <row r="19546" spans="14:14">
      <c r="N19546" s="10"/>
    </row>
    <row r="19547" spans="14:14">
      <c r="N19547" s="10"/>
    </row>
    <row r="19548" spans="14:14">
      <c r="N19548" s="10"/>
    </row>
    <row r="19549" spans="14:14">
      <c r="N19549" s="10"/>
    </row>
    <row r="19550" spans="14:14">
      <c r="N19550" s="10"/>
    </row>
    <row r="19551" spans="14:14">
      <c r="N19551" s="10"/>
    </row>
    <row r="19552" spans="14:14">
      <c r="N19552" s="10"/>
    </row>
    <row r="19553" spans="14:14">
      <c r="N19553" s="10"/>
    </row>
    <row r="19554" spans="14:14">
      <c r="N19554" s="10"/>
    </row>
    <row r="19555" spans="14:14">
      <c r="N19555" s="10"/>
    </row>
    <row r="19556" spans="14:14">
      <c r="N19556" s="10"/>
    </row>
    <row r="19557" spans="14:14">
      <c r="N19557" s="10"/>
    </row>
    <row r="19558" spans="14:14">
      <c r="N19558" s="10"/>
    </row>
    <row r="19559" spans="14:14">
      <c r="N19559" s="10"/>
    </row>
    <row r="19560" spans="14:14">
      <c r="N19560" s="10"/>
    </row>
    <row r="19561" spans="14:14">
      <c r="N19561" s="10"/>
    </row>
    <row r="19562" spans="14:14">
      <c r="N19562" s="10"/>
    </row>
    <row r="19563" spans="14:14">
      <c r="N19563" s="10"/>
    </row>
    <row r="19564" spans="14:14">
      <c r="N19564" s="10"/>
    </row>
    <row r="19565" spans="14:14">
      <c r="N19565" s="10"/>
    </row>
    <row r="19566" spans="14:14">
      <c r="N19566" s="10"/>
    </row>
    <row r="19567" spans="14:14">
      <c r="N19567" s="10"/>
    </row>
    <row r="19568" spans="14:14">
      <c r="N19568" s="10"/>
    </row>
    <row r="19569" spans="14:14">
      <c r="N19569" s="10"/>
    </row>
    <row r="19570" spans="14:14">
      <c r="N19570" s="10"/>
    </row>
    <row r="19571" spans="14:14">
      <c r="N19571" s="10"/>
    </row>
    <row r="19572" spans="14:14">
      <c r="N19572" s="10"/>
    </row>
    <row r="19573" spans="14:14">
      <c r="N19573" s="10"/>
    </row>
    <row r="19574" spans="14:14">
      <c r="N19574" s="10"/>
    </row>
    <row r="19575" spans="14:14">
      <c r="N19575" s="10"/>
    </row>
    <row r="19576" spans="14:14">
      <c r="N19576" s="10"/>
    </row>
    <row r="19577" spans="14:14">
      <c r="N19577" s="10"/>
    </row>
    <row r="19578" spans="14:14">
      <c r="N19578" s="10"/>
    </row>
    <row r="19579" spans="14:14">
      <c r="N19579" s="10"/>
    </row>
    <row r="19580" spans="14:14">
      <c r="N19580" s="10"/>
    </row>
    <row r="19581" spans="14:14">
      <c r="N19581" s="10"/>
    </row>
    <row r="19582" spans="14:14">
      <c r="N19582" s="10"/>
    </row>
    <row r="19583" spans="14:14">
      <c r="N19583" s="10"/>
    </row>
    <row r="19584" spans="14:14">
      <c r="N19584" s="10"/>
    </row>
    <row r="19585" spans="14:14">
      <c r="N19585" s="10"/>
    </row>
    <row r="19586" spans="14:14">
      <c r="N19586" s="10"/>
    </row>
    <row r="19587" spans="14:14">
      <c r="N19587" s="10"/>
    </row>
    <row r="19588" spans="14:14">
      <c r="N19588" s="10"/>
    </row>
    <row r="19589" spans="14:14">
      <c r="N19589" s="10"/>
    </row>
    <row r="19590" spans="14:14">
      <c r="N19590" s="10"/>
    </row>
    <row r="19591" spans="14:14">
      <c r="N19591" s="10"/>
    </row>
    <row r="19592" spans="14:14">
      <c r="N19592" s="10"/>
    </row>
    <row r="19593" spans="14:14">
      <c r="N19593" s="10"/>
    </row>
    <row r="19594" spans="14:14">
      <c r="N19594" s="10"/>
    </row>
    <row r="19595" spans="14:14">
      <c r="N19595" s="10"/>
    </row>
    <row r="19596" spans="14:14">
      <c r="N19596" s="10"/>
    </row>
    <row r="19597" spans="14:14">
      <c r="N19597" s="10"/>
    </row>
    <row r="19598" spans="14:14">
      <c r="N19598" s="10"/>
    </row>
    <row r="19599" spans="14:14">
      <c r="N19599" s="10"/>
    </row>
    <row r="19600" spans="14:14">
      <c r="N19600" s="10"/>
    </row>
    <row r="19601" spans="14:14">
      <c r="N19601" s="10"/>
    </row>
    <row r="19602" spans="14:14">
      <c r="N19602" s="10"/>
    </row>
    <row r="19603" spans="14:14">
      <c r="N19603" s="10"/>
    </row>
    <row r="19604" spans="14:14">
      <c r="N19604" s="10"/>
    </row>
    <row r="19605" spans="14:14">
      <c r="N19605" s="10"/>
    </row>
    <row r="19606" spans="14:14">
      <c r="N19606" s="10"/>
    </row>
    <row r="19607" spans="14:14">
      <c r="N19607" s="10"/>
    </row>
    <row r="19608" spans="14:14">
      <c r="N19608" s="10"/>
    </row>
    <row r="19609" spans="14:14">
      <c r="N19609" s="10"/>
    </row>
    <row r="19610" spans="14:14">
      <c r="N19610" s="10"/>
    </row>
    <row r="19611" spans="14:14">
      <c r="N19611" s="10"/>
    </row>
    <row r="19612" spans="14:14">
      <c r="N19612" s="10"/>
    </row>
    <row r="19613" spans="14:14">
      <c r="N19613" s="10"/>
    </row>
    <row r="19614" spans="14:14">
      <c r="N19614" s="10"/>
    </row>
    <row r="19615" spans="14:14">
      <c r="N19615" s="10"/>
    </row>
    <row r="19616" spans="14:14">
      <c r="N19616" s="10"/>
    </row>
    <row r="19617" spans="14:14">
      <c r="N19617" s="10"/>
    </row>
    <row r="19618" spans="14:14">
      <c r="N19618" s="10"/>
    </row>
    <row r="19619" spans="14:14">
      <c r="N19619" s="10"/>
    </row>
    <row r="19620" spans="14:14">
      <c r="N19620" s="10"/>
    </row>
    <row r="19621" spans="14:14">
      <c r="N19621" s="10"/>
    </row>
    <row r="19622" spans="14:14">
      <c r="N19622" s="10"/>
    </row>
    <row r="19623" spans="14:14">
      <c r="N19623" s="10"/>
    </row>
    <row r="19624" spans="14:14">
      <c r="N19624" s="10"/>
    </row>
    <row r="19625" spans="14:14">
      <c r="N19625" s="10"/>
    </row>
    <row r="19626" spans="14:14">
      <c r="N19626" s="10"/>
    </row>
    <row r="19627" spans="14:14">
      <c r="N19627" s="10"/>
    </row>
    <row r="19628" spans="14:14">
      <c r="N19628" s="10"/>
    </row>
    <row r="19629" spans="14:14">
      <c r="N19629" s="10"/>
    </row>
    <row r="19630" spans="14:14">
      <c r="N19630" s="10"/>
    </row>
    <row r="19631" spans="14:14">
      <c r="N19631" s="10"/>
    </row>
    <row r="19632" spans="14:14">
      <c r="N19632" s="10"/>
    </row>
    <row r="19633" spans="14:14">
      <c r="N19633" s="10"/>
    </row>
    <row r="19634" spans="14:14">
      <c r="N19634" s="10"/>
    </row>
    <row r="19635" spans="14:14">
      <c r="N19635" s="10"/>
    </row>
    <row r="19636" spans="14:14">
      <c r="N19636" s="10"/>
    </row>
    <row r="19637" spans="14:14">
      <c r="N19637" s="10"/>
    </row>
    <row r="19638" spans="14:14">
      <c r="N19638" s="10"/>
    </row>
    <row r="19639" spans="14:14">
      <c r="N19639" s="10"/>
    </row>
    <row r="19640" spans="14:14">
      <c r="N19640" s="10"/>
    </row>
    <row r="19641" spans="14:14">
      <c r="N19641" s="10"/>
    </row>
    <row r="19642" spans="14:14">
      <c r="N19642" s="10"/>
    </row>
    <row r="19643" spans="14:14">
      <c r="N19643" s="10"/>
    </row>
    <row r="19644" spans="14:14">
      <c r="N19644" s="10"/>
    </row>
    <row r="19645" spans="14:14">
      <c r="N19645" s="10"/>
    </row>
    <row r="19646" spans="14:14">
      <c r="N19646" s="10"/>
    </row>
    <row r="19647" spans="14:14">
      <c r="N19647" s="10"/>
    </row>
    <row r="19648" spans="14:14">
      <c r="N19648" s="10"/>
    </row>
    <row r="19649" spans="14:14">
      <c r="N19649" s="10"/>
    </row>
    <row r="19650" spans="14:14">
      <c r="N19650" s="10"/>
    </row>
    <row r="19651" spans="14:14">
      <c r="N19651" s="10"/>
    </row>
    <row r="19652" spans="14:14">
      <c r="N19652" s="10"/>
    </row>
    <row r="19653" spans="14:14">
      <c r="N19653" s="10"/>
    </row>
    <row r="19654" spans="14:14">
      <c r="N19654" s="10"/>
    </row>
    <row r="19655" spans="14:14">
      <c r="N19655" s="10"/>
    </row>
    <row r="19656" spans="14:14">
      <c r="N19656" s="10"/>
    </row>
    <row r="19657" spans="14:14">
      <c r="N19657" s="10"/>
    </row>
    <row r="19658" spans="14:14">
      <c r="N19658" s="10"/>
    </row>
    <row r="19659" spans="14:14">
      <c r="N19659" s="10"/>
    </row>
    <row r="19660" spans="14:14">
      <c r="N19660" s="10"/>
    </row>
    <row r="19661" spans="14:14">
      <c r="N19661" s="10"/>
    </row>
    <row r="19662" spans="14:14">
      <c r="N19662" s="10"/>
    </row>
    <row r="19663" spans="14:14">
      <c r="N19663" s="10"/>
    </row>
    <row r="19664" spans="14:14">
      <c r="N19664" s="10"/>
    </row>
    <row r="19665" spans="14:14">
      <c r="N19665" s="10"/>
    </row>
    <row r="19666" spans="14:14">
      <c r="N19666" s="10"/>
    </row>
    <row r="19667" spans="14:14">
      <c r="N19667" s="10"/>
    </row>
    <row r="19668" spans="14:14">
      <c r="N19668" s="10"/>
    </row>
    <row r="19669" spans="14:14">
      <c r="N19669" s="10"/>
    </row>
    <row r="19670" spans="14:14">
      <c r="N19670" s="10"/>
    </row>
    <row r="19671" spans="14:14">
      <c r="N19671" s="10"/>
    </row>
    <row r="19672" spans="14:14">
      <c r="N19672" s="10"/>
    </row>
    <row r="19673" spans="14:14">
      <c r="N19673" s="10"/>
    </row>
    <row r="19674" spans="14:14">
      <c r="N19674" s="10"/>
    </row>
    <row r="19675" spans="14:14">
      <c r="N19675" s="10"/>
    </row>
    <row r="19676" spans="14:14">
      <c r="N19676" s="10"/>
    </row>
    <row r="19677" spans="14:14">
      <c r="N19677" s="10"/>
    </row>
    <row r="19678" spans="14:14">
      <c r="N19678" s="10"/>
    </row>
    <row r="19679" spans="14:14">
      <c r="N19679" s="10"/>
    </row>
    <row r="19680" spans="14:14">
      <c r="N19680" s="10"/>
    </row>
    <row r="19681" spans="14:14">
      <c r="N19681" s="10"/>
    </row>
    <row r="19682" spans="14:14">
      <c r="N19682" s="10"/>
    </row>
    <row r="19683" spans="14:14">
      <c r="N19683" s="10"/>
    </row>
    <row r="19684" spans="14:14">
      <c r="N19684" s="10"/>
    </row>
    <row r="19685" spans="14:14">
      <c r="N19685" s="10"/>
    </row>
    <row r="19686" spans="14:14">
      <c r="N19686" s="10"/>
    </row>
    <row r="19687" spans="14:14">
      <c r="N19687" s="10"/>
    </row>
    <row r="19688" spans="14:14">
      <c r="N19688" s="10"/>
    </row>
    <row r="19689" spans="14:14">
      <c r="N19689" s="10"/>
    </row>
    <row r="19690" spans="14:14">
      <c r="N19690" s="10"/>
    </row>
    <row r="19691" spans="14:14">
      <c r="N19691" s="10"/>
    </row>
    <row r="19692" spans="14:14">
      <c r="N19692" s="10"/>
    </row>
    <row r="19693" spans="14:14">
      <c r="N19693" s="10"/>
    </row>
    <row r="19694" spans="14:14">
      <c r="N19694" s="10"/>
    </row>
    <row r="19695" spans="14:14">
      <c r="N19695" s="10"/>
    </row>
    <row r="19696" spans="14:14">
      <c r="N19696" s="10"/>
    </row>
    <row r="19697" spans="14:14">
      <c r="N19697" s="10"/>
    </row>
    <row r="19698" spans="14:14">
      <c r="N19698" s="10"/>
    </row>
    <row r="19699" spans="14:14">
      <c r="N19699" s="10"/>
    </row>
    <row r="19700" spans="14:14">
      <c r="N19700" s="10"/>
    </row>
    <row r="19701" spans="14:14">
      <c r="N19701" s="10"/>
    </row>
    <row r="19702" spans="14:14">
      <c r="N19702" s="10"/>
    </row>
    <row r="19703" spans="14:14">
      <c r="N19703" s="10"/>
    </row>
    <row r="19704" spans="14:14">
      <c r="N19704" s="10"/>
    </row>
    <row r="19705" spans="14:14">
      <c r="N19705" s="10"/>
    </row>
    <row r="19706" spans="14:14">
      <c r="N19706" s="10"/>
    </row>
    <row r="19707" spans="14:14">
      <c r="N19707" s="10"/>
    </row>
    <row r="19708" spans="14:14">
      <c r="N19708" s="10"/>
    </row>
    <row r="19709" spans="14:14">
      <c r="N19709" s="10"/>
    </row>
    <row r="19710" spans="14:14">
      <c r="N19710" s="10"/>
    </row>
    <row r="19711" spans="14:14">
      <c r="N19711" s="10"/>
    </row>
    <row r="19712" spans="14:14">
      <c r="N19712" s="10"/>
    </row>
    <row r="19713" spans="14:14">
      <c r="N19713" s="10"/>
    </row>
    <row r="19714" spans="14:14">
      <c r="N19714" s="10"/>
    </row>
    <row r="19715" spans="14:14">
      <c r="N19715" s="10"/>
    </row>
    <row r="19716" spans="14:14">
      <c r="N19716" s="10"/>
    </row>
    <row r="19717" spans="14:14">
      <c r="N19717" s="10"/>
    </row>
    <row r="19718" spans="14:14">
      <c r="N19718" s="10"/>
    </row>
    <row r="19719" spans="14:14">
      <c r="N19719" s="10"/>
    </row>
    <row r="19720" spans="14:14">
      <c r="N19720" s="10"/>
    </row>
    <row r="19721" spans="14:14">
      <c r="N19721" s="10"/>
    </row>
    <row r="19722" spans="14:14">
      <c r="N19722" s="10"/>
    </row>
    <row r="19723" spans="14:14">
      <c r="N19723" s="10"/>
    </row>
    <row r="19724" spans="14:14">
      <c r="N19724" s="10"/>
    </row>
    <row r="19725" spans="14:14">
      <c r="N19725" s="10"/>
    </row>
    <row r="19726" spans="14:14">
      <c r="N19726" s="10"/>
    </row>
    <row r="19727" spans="14:14">
      <c r="N19727" s="10"/>
    </row>
    <row r="19728" spans="14:14">
      <c r="N19728" s="10"/>
    </row>
    <row r="19729" spans="14:14">
      <c r="N19729" s="10"/>
    </row>
    <row r="19730" spans="14:14">
      <c r="N19730" s="10"/>
    </row>
    <row r="19731" spans="14:14">
      <c r="N19731" s="10"/>
    </row>
    <row r="19732" spans="14:14">
      <c r="N19732" s="10"/>
    </row>
    <row r="19733" spans="14:14">
      <c r="N19733" s="10"/>
    </row>
    <row r="19734" spans="14:14">
      <c r="N19734" s="10"/>
    </row>
    <row r="19735" spans="14:14">
      <c r="N19735" s="10"/>
    </row>
    <row r="19736" spans="14:14">
      <c r="N19736" s="10"/>
    </row>
    <row r="19737" spans="14:14">
      <c r="N19737" s="10"/>
    </row>
    <row r="19738" spans="14:14">
      <c r="N19738" s="10"/>
    </row>
    <row r="19739" spans="14:14">
      <c r="N19739" s="10"/>
    </row>
    <row r="19740" spans="14:14">
      <c r="N19740" s="10"/>
    </row>
    <row r="19741" spans="14:14">
      <c r="N19741" s="10"/>
    </row>
    <row r="19742" spans="14:14">
      <c r="N19742" s="10"/>
    </row>
    <row r="19743" spans="14:14">
      <c r="N19743" s="10"/>
    </row>
    <row r="19744" spans="14:14">
      <c r="N19744" s="10"/>
    </row>
    <row r="19745" spans="14:14">
      <c r="N19745" s="10"/>
    </row>
    <row r="19746" spans="14:14">
      <c r="N19746" s="10"/>
    </row>
    <row r="19747" spans="14:14">
      <c r="N19747" s="10"/>
    </row>
    <row r="19748" spans="14:14">
      <c r="N19748" s="10"/>
    </row>
    <row r="19749" spans="14:14">
      <c r="N19749" s="10"/>
    </row>
    <row r="19750" spans="14:14">
      <c r="N19750" s="10"/>
    </row>
    <row r="19751" spans="14:14">
      <c r="N19751" s="10"/>
    </row>
    <row r="19752" spans="14:14">
      <c r="N19752" s="10"/>
    </row>
    <row r="19753" spans="14:14">
      <c r="N19753" s="10"/>
    </row>
    <row r="19754" spans="14:14">
      <c r="N19754" s="10"/>
    </row>
    <row r="19755" spans="14:14">
      <c r="N19755" s="10"/>
    </row>
    <row r="19756" spans="14:14">
      <c r="N19756" s="10"/>
    </row>
    <row r="19757" spans="14:14">
      <c r="N19757" s="10"/>
    </row>
    <row r="19758" spans="14:14">
      <c r="N19758" s="10"/>
    </row>
    <row r="19759" spans="14:14">
      <c r="N19759" s="10"/>
    </row>
    <row r="19760" spans="14:14">
      <c r="N19760" s="10"/>
    </row>
    <row r="19761" spans="14:14">
      <c r="N19761" s="10"/>
    </row>
    <row r="19762" spans="14:14">
      <c r="N19762" s="10"/>
    </row>
    <row r="19763" spans="14:14">
      <c r="N19763" s="10"/>
    </row>
    <row r="19764" spans="14:14">
      <c r="N19764" s="10"/>
    </row>
    <row r="19765" spans="14:14">
      <c r="N19765" s="10"/>
    </row>
    <row r="19766" spans="14:14">
      <c r="N19766" s="10"/>
    </row>
    <row r="19767" spans="14:14">
      <c r="N19767" s="10"/>
    </row>
    <row r="19768" spans="14:14">
      <c r="N19768" s="10"/>
    </row>
    <row r="19769" spans="14:14">
      <c r="N19769" s="10"/>
    </row>
    <row r="19770" spans="14:14">
      <c r="N19770" s="10"/>
    </row>
    <row r="19771" spans="14:14">
      <c r="N19771" s="10"/>
    </row>
    <row r="19772" spans="14:14">
      <c r="N19772" s="10"/>
    </row>
    <row r="19773" spans="14:14">
      <c r="N19773" s="10"/>
    </row>
    <row r="19774" spans="14:14">
      <c r="N19774" s="10"/>
    </row>
    <row r="19775" spans="14:14">
      <c r="N19775" s="10"/>
    </row>
    <row r="19776" spans="14:14">
      <c r="N19776" s="10"/>
    </row>
    <row r="19777" spans="14:14">
      <c r="N19777" s="10"/>
    </row>
    <row r="19778" spans="14:14">
      <c r="N19778" s="10"/>
    </row>
    <row r="19779" spans="14:14">
      <c r="N19779" s="10"/>
    </row>
    <row r="19780" spans="14:14">
      <c r="N19780" s="10"/>
    </row>
    <row r="19781" spans="14:14">
      <c r="N19781" s="10"/>
    </row>
    <row r="19782" spans="14:14">
      <c r="N19782" s="10"/>
    </row>
    <row r="19783" spans="14:14">
      <c r="N19783" s="10"/>
    </row>
    <row r="19784" spans="14:14">
      <c r="N19784" s="10"/>
    </row>
    <row r="19785" spans="14:14">
      <c r="N19785" s="10"/>
    </row>
    <row r="19786" spans="14:14">
      <c r="N19786" s="10"/>
    </row>
    <row r="19787" spans="14:14">
      <c r="N19787" s="10"/>
    </row>
    <row r="19788" spans="14:14">
      <c r="N19788" s="10"/>
    </row>
    <row r="19789" spans="14:14">
      <c r="N19789" s="10"/>
    </row>
    <row r="19790" spans="14:14">
      <c r="N19790" s="10"/>
    </row>
    <row r="19791" spans="14:14">
      <c r="N19791" s="10"/>
    </row>
    <row r="19792" spans="14:14">
      <c r="N19792" s="10"/>
    </row>
    <row r="19793" spans="14:14">
      <c r="N19793" s="10"/>
    </row>
    <row r="19794" spans="14:14">
      <c r="N19794" s="10"/>
    </row>
    <row r="19795" spans="14:14">
      <c r="N19795" s="10"/>
    </row>
    <row r="19796" spans="14:14">
      <c r="N19796" s="10"/>
    </row>
    <row r="19797" spans="14:14">
      <c r="N19797" s="10"/>
    </row>
    <row r="19798" spans="14:14">
      <c r="N19798" s="10"/>
    </row>
    <row r="19799" spans="14:14">
      <c r="N19799" s="10"/>
    </row>
    <row r="19800" spans="14:14">
      <c r="N19800" s="10"/>
    </row>
    <row r="19801" spans="14:14">
      <c r="N19801" s="10"/>
    </row>
    <row r="19802" spans="14:14">
      <c r="N19802" s="10"/>
    </row>
    <row r="19803" spans="14:14">
      <c r="N19803" s="10"/>
    </row>
    <row r="19804" spans="14:14">
      <c r="N19804" s="10"/>
    </row>
    <row r="19805" spans="14:14">
      <c r="N19805" s="10"/>
    </row>
    <row r="19806" spans="14:14">
      <c r="N19806" s="10"/>
    </row>
    <row r="19807" spans="14:14">
      <c r="N19807" s="10"/>
    </row>
    <row r="19808" spans="14:14">
      <c r="N19808" s="10"/>
    </row>
    <row r="19809" spans="14:14">
      <c r="N19809" s="10"/>
    </row>
    <row r="19810" spans="14:14">
      <c r="N19810" s="10"/>
    </row>
    <row r="19811" spans="14:14">
      <c r="N19811" s="10"/>
    </row>
    <row r="19812" spans="14:14">
      <c r="N19812" s="10"/>
    </row>
    <row r="19813" spans="14:14">
      <c r="N19813" s="10"/>
    </row>
    <row r="19814" spans="14:14">
      <c r="N19814" s="10"/>
    </row>
    <row r="19815" spans="14:14">
      <c r="N19815" s="10"/>
    </row>
    <row r="19816" spans="14:14">
      <c r="N19816" s="10"/>
    </row>
    <row r="19817" spans="14:14">
      <c r="N19817" s="10"/>
    </row>
    <row r="19818" spans="14:14">
      <c r="N19818" s="10"/>
    </row>
    <row r="19819" spans="14:14">
      <c r="N19819" s="10"/>
    </row>
    <row r="19820" spans="14:14">
      <c r="N19820" s="10"/>
    </row>
    <row r="19821" spans="14:14">
      <c r="N19821" s="10"/>
    </row>
    <row r="19822" spans="14:14">
      <c r="N19822" s="10"/>
    </row>
    <row r="19823" spans="14:14">
      <c r="N19823" s="10"/>
    </row>
    <row r="19824" spans="14:14">
      <c r="N19824" s="10"/>
    </row>
    <row r="19825" spans="14:14">
      <c r="N19825" s="10"/>
    </row>
    <row r="19826" spans="14:14">
      <c r="N19826" s="10"/>
    </row>
    <row r="19827" spans="14:14">
      <c r="N19827" s="10"/>
    </row>
    <row r="19828" spans="14:14">
      <c r="N19828" s="10"/>
    </row>
    <row r="19829" spans="14:14">
      <c r="N19829" s="10"/>
    </row>
    <row r="19830" spans="14:14">
      <c r="N19830" s="10"/>
    </row>
    <row r="19831" spans="14:14">
      <c r="N19831" s="10"/>
    </row>
    <row r="19832" spans="14:14">
      <c r="N19832" s="10"/>
    </row>
    <row r="19833" spans="14:14">
      <c r="N19833" s="10"/>
    </row>
    <row r="19834" spans="14:14">
      <c r="N19834" s="10"/>
    </row>
    <row r="19835" spans="14:14">
      <c r="N19835" s="10"/>
    </row>
    <row r="19836" spans="14:14">
      <c r="N19836" s="10"/>
    </row>
    <row r="19837" spans="14:14">
      <c r="N19837" s="10"/>
    </row>
    <row r="19838" spans="14:14">
      <c r="N19838" s="10"/>
    </row>
    <row r="19839" spans="14:14">
      <c r="N19839" s="10"/>
    </row>
    <row r="19840" spans="14:14">
      <c r="N19840" s="10"/>
    </row>
    <row r="19841" spans="14:14">
      <c r="N19841" s="10"/>
    </row>
    <row r="19842" spans="14:14">
      <c r="N19842" s="10"/>
    </row>
    <row r="19843" spans="14:14">
      <c r="N19843" s="10"/>
    </row>
    <row r="19844" spans="14:14">
      <c r="N19844" s="10"/>
    </row>
    <row r="19845" spans="14:14">
      <c r="N19845" s="10"/>
    </row>
    <row r="19846" spans="14:14">
      <c r="N19846" s="10"/>
    </row>
    <row r="19847" spans="14:14">
      <c r="N19847" s="10"/>
    </row>
    <row r="19848" spans="14:14">
      <c r="N19848" s="10"/>
    </row>
    <row r="19849" spans="14:14">
      <c r="N19849" s="10"/>
    </row>
    <row r="19850" spans="14:14">
      <c r="N19850" s="10"/>
    </row>
    <row r="19851" spans="14:14">
      <c r="N19851" s="10"/>
    </row>
    <row r="19852" spans="14:14">
      <c r="N19852" s="10"/>
    </row>
    <row r="19853" spans="14:14">
      <c r="N19853" s="10"/>
    </row>
    <row r="19854" spans="14:14">
      <c r="N19854" s="10"/>
    </row>
    <row r="19855" spans="14:14">
      <c r="N19855" s="10"/>
    </row>
    <row r="19856" spans="14:14">
      <c r="N19856" s="10"/>
    </row>
    <row r="19857" spans="14:14">
      <c r="N19857" s="10"/>
    </row>
    <row r="19858" spans="14:14">
      <c r="N19858" s="10"/>
    </row>
    <row r="19859" spans="14:14">
      <c r="N19859" s="10"/>
    </row>
    <row r="19860" spans="14:14">
      <c r="N19860" s="10"/>
    </row>
    <row r="19861" spans="14:14">
      <c r="N19861" s="10"/>
    </row>
    <row r="19862" spans="14:14">
      <c r="N19862" s="10"/>
    </row>
    <row r="19863" spans="14:14">
      <c r="N19863" s="10"/>
    </row>
    <row r="19864" spans="14:14">
      <c r="N19864" s="10"/>
    </row>
    <row r="19865" spans="14:14">
      <c r="N19865" s="10"/>
    </row>
    <row r="19866" spans="14:14">
      <c r="N19866" s="10"/>
    </row>
    <row r="19867" spans="14:14">
      <c r="N19867" s="10"/>
    </row>
    <row r="19868" spans="14:14">
      <c r="N19868" s="10"/>
    </row>
    <row r="19869" spans="14:14">
      <c r="N19869" s="10"/>
    </row>
    <row r="19870" spans="14:14">
      <c r="N19870" s="10"/>
    </row>
    <row r="19871" spans="14:14">
      <c r="N19871" s="10"/>
    </row>
    <row r="19872" spans="14:14">
      <c r="N19872" s="10"/>
    </row>
    <row r="19873" spans="14:14">
      <c r="N19873" s="10"/>
    </row>
    <row r="19874" spans="14:14">
      <c r="N19874" s="10"/>
    </row>
    <row r="19875" spans="14:14">
      <c r="N19875" s="10"/>
    </row>
    <row r="19876" spans="14:14">
      <c r="N19876" s="10"/>
    </row>
    <row r="19877" spans="14:14">
      <c r="N19877" s="10"/>
    </row>
    <row r="19878" spans="14:14">
      <c r="N19878" s="10"/>
    </row>
    <row r="19879" spans="14:14">
      <c r="N19879" s="10"/>
    </row>
    <row r="19880" spans="14:14">
      <c r="N19880" s="10"/>
    </row>
    <row r="19881" spans="14:14">
      <c r="N19881" s="10"/>
    </row>
    <row r="19882" spans="14:14">
      <c r="N19882" s="10"/>
    </row>
    <row r="19883" spans="14:14">
      <c r="N19883" s="10"/>
    </row>
    <row r="19884" spans="14:14">
      <c r="N19884" s="10"/>
    </row>
    <row r="19885" spans="14:14">
      <c r="N19885" s="10"/>
    </row>
    <row r="19886" spans="14:14">
      <c r="N19886" s="10"/>
    </row>
    <row r="19887" spans="14:14">
      <c r="N19887" s="10"/>
    </row>
    <row r="19888" spans="14:14">
      <c r="N19888" s="10"/>
    </row>
    <row r="19889" spans="14:14">
      <c r="N19889" s="10"/>
    </row>
    <row r="19890" spans="14:14">
      <c r="N19890" s="10"/>
    </row>
    <row r="19891" spans="14:14">
      <c r="N19891" s="10"/>
    </row>
    <row r="19892" spans="14:14">
      <c r="N19892" s="10"/>
    </row>
    <row r="19893" spans="14:14">
      <c r="N19893" s="10"/>
    </row>
    <row r="19894" spans="14:14">
      <c r="N19894" s="10"/>
    </row>
    <row r="19895" spans="14:14">
      <c r="N19895" s="10"/>
    </row>
    <row r="19896" spans="14:14">
      <c r="N19896" s="10"/>
    </row>
    <row r="19897" spans="14:14">
      <c r="N19897" s="10"/>
    </row>
    <row r="19898" spans="14:14">
      <c r="N19898" s="10"/>
    </row>
    <row r="19899" spans="14:14">
      <c r="N19899" s="10"/>
    </row>
    <row r="19900" spans="14:14">
      <c r="N19900" s="10"/>
    </row>
    <row r="19901" spans="14:14">
      <c r="N19901" s="10"/>
    </row>
    <row r="19902" spans="14:14">
      <c r="N19902" s="10"/>
    </row>
    <row r="19903" spans="14:14">
      <c r="N19903" s="10"/>
    </row>
    <row r="19904" spans="14:14">
      <c r="N19904" s="10"/>
    </row>
    <row r="19905" spans="14:14">
      <c r="N19905" s="10"/>
    </row>
    <row r="19906" spans="14:14">
      <c r="N19906" s="10"/>
    </row>
    <row r="19907" spans="14:14">
      <c r="N19907" s="10"/>
    </row>
    <row r="19908" spans="14:14">
      <c r="N19908" s="10"/>
    </row>
    <row r="19909" spans="14:14">
      <c r="N19909" s="10"/>
    </row>
    <row r="19910" spans="14:14">
      <c r="N19910" s="10"/>
    </row>
    <row r="19911" spans="14:14">
      <c r="N19911" s="10"/>
    </row>
    <row r="19912" spans="14:14">
      <c r="N19912" s="10"/>
    </row>
    <row r="19913" spans="14:14">
      <c r="N19913" s="10"/>
    </row>
    <row r="19914" spans="14:14">
      <c r="N19914" s="10"/>
    </row>
    <row r="19915" spans="14:14">
      <c r="N19915" s="10"/>
    </row>
    <row r="19916" spans="14:14">
      <c r="N19916" s="10"/>
    </row>
    <row r="19917" spans="14:14">
      <c r="N19917" s="10"/>
    </row>
    <row r="19918" spans="14:14">
      <c r="N19918" s="10"/>
    </row>
    <row r="19919" spans="14:14">
      <c r="N19919" s="10"/>
    </row>
    <row r="19920" spans="14:14">
      <c r="N19920" s="10"/>
    </row>
    <row r="19921" spans="14:14">
      <c r="N19921" s="10"/>
    </row>
    <row r="19922" spans="14:14">
      <c r="N19922" s="10"/>
    </row>
    <row r="19923" spans="14:14">
      <c r="N19923" s="10"/>
    </row>
    <row r="19924" spans="14:14">
      <c r="N19924" s="10"/>
    </row>
    <row r="19925" spans="14:14">
      <c r="N19925" s="10"/>
    </row>
    <row r="19926" spans="14:14">
      <c r="N19926" s="10"/>
    </row>
    <row r="19927" spans="14:14">
      <c r="N19927" s="10"/>
    </row>
    <row r="19928" spans="14:14">
      <c r="N19928" s="10"/>
    </row>
    <row r="19929" spans="14:14">
      <c r="N19929" s="10"/>
    </row>
    <row r="19930" spans="14:14">
      <c r="N19930" s="10"/>
    </row>
    <row r="19931" spans="14:14">
      <c r="N19931" s="10"/>
    </row>
    <row r="19932" spans="14:14">
      <c r="N19932" s="10"/>
    </row>
    <row r="19933" spans="14:14">
      <c r="N19933" s="10"/>
    </row>
    <row r="19934" spans="14:14">
      <c r="N19934" s="10"/>
    </row>
    <row r="19935" spans="14:14">
      <c r="N19935" s="10"/>
    </row>
    <row r="19936" spans="14:14">
      <c r="N19936" s="10"/>
    </row>
    <row r="19937" spans="14:14">
      <c r="N19937" s="10"/>
    </row>
    <row r="19938" spans="14:14">
      <c r="N19938" s="10"/>
    </row>
    <row r="19939" spans="14:14">
      <c r="N19939" s="10"/>
    </row>
    <row r="19940" spans="14:14">
      <c r="N19940" s="10"/>
    </row>
    <row r="19941" spans="14:14">
      <c r="N19941" s="10"/>
    </row>
    <row r="19942" spans="14:14">
      <c r="N19942" s="10"/>
    </row>
    <row r="19943" spans="14:14">
      <c r="N19943" s="10"/>
    </row>
    <row r="19944" spans="14:14">
      <c r="N19944" s="10"/>
    </row>
    <row r="19945" spans="14:14">
      <c r="N19945" s="10"/>
    </row>
    <row r="19946" spans="14:14">
      <c r="N19946" s="10"/>
    </row>
    <row r="19947" spans="14:14">
      <c r="N19947" s="10"/>
    </row>
    <row r="19948" spans="14:14">
      <c r="N19948" s="10"/>
    </row>
    <row r="19949" spans="14:14">
      <c r="N19949" s="10"/>
    </row>
    <row r="19950" spans="14:14">
      <c r="N19950" s="10"/>
    </row>
    <row r="19951" spans="14:14">
      <c r="N19951" s="10"/>
    </row>
    <row r="19952" spans="14:14">
      <c r="N19952" s="10"/>
    </row>
    <row r="19953" spans="14:14">
      <c r="N19953" s="10"/>
    </row>
    <row r="19954" spans="14:14">
      <c r="N19954" s="10"/>
    </row>
    <row r="19955" spans="14:14">
      <c r="N19955" s="10"/>
    </row>
    <row r="19956" spans="14:14">
      <c r="N19956" s="10"/>
    </row>
    <row r="19957" spans="14:14">
      <c r="N19957" s="10"/>
    </row>
    <row r="19958" spans="14:14">
      <c r="N19958" s="10"/>
    </row>
    <row r="19959" spans="14:14">
      <c r="N19959" s="10"/>
    </row>
    <row r="19960" spans="14:14">
      <c r="N19960" s="10"/>
    </row>
    <row r="19961" spans="14:14">
      <c r="N19961" s="10"/>
    </row>
    <row r="19962" spans="14:14">
      <c r="N19962" s="10"/>
    </row>
    <row r="19963" spans="14:14">
      <c r="N19963" s="10"/>
    </row>
    <row r="19964" spans="14:14">
      <c r="N19964" s="10"/>
    </row>
    <row r="19965" spans="14:14">
      <c r="N19965" s="10"/>
    </row>
    <row r="19966" spans="14:14">
      <c r="N19966" s="10"/>
    </row>
    <row r="19967" spans="14:14">
      <c r="N19967" s="10"/>
    </row>
    <row r="19968" spans="14:14">
      <c r="N19968" s="10"/>
    </row>
    <row r="19969" spans="14:14">
      <c r="N19969" s="10"/>
    </row>
    <row r="19970" spans="14:14">
      <c r="N19970" s="10"/>
    </row>
    <row r="19971" spans="14:14">
      <c r="N19971" s="10"/>
    </row>
    <row r="19972" spans="14:14">
      <c r="N19972" s="10"/>
    </row>
    <row r="19973" spans="14:14">
      <c r="N19973" s="10"/>
    </row>
    <row r="19974" spans="14:14">
      <c r="N19974" s="10"/>
    </row>
    <row r="19975" spans="14:14">
      <c r="N19975" s="10"/>
    </row>
    <row r="19976" spans="14:14">
      <c r="N19976" s="10"/>
    </row>
    <row r="19977" spans="14:14">
      <c r="N19977" s="10"/>
    </row>
    <row r="19978" spans="14:14">
      <c r="N19978" s="10"/>
    </row>
    <row r="19979" spans="14:14">
      <c r="N19979" s="10"/>
    </row>
    <row r="19980" spans="14:14">
      <c r="N19980" s="10"/>
    </row>
    <row r="19981" spans="14:14">
      <c r="N19981" s="10"/>
    </row>
    <row r="19982" spans="14:14">
      <c r="N19982" s="10"/>
    </row>
    <row r="19983" spans="14:14">
      <c r="N19983" s="10"/>
    </row>
    <row r="19984" spans="14:14">
      <c r="N19984" s="10"/>
    </row>
    <row r="19985" spans="14:14">
      <c r="N19985" s="10"/>
    </row>
    <row r="19986" spans="14:14">
      <c r="N19986" s="10"/>
    </row>
    <row r="19987" spans="14:14">
      <c r="N19987" s="10"/>
    </row>
    <row r="19988" spans="14:14">
      <c r="N19988" s="10"/>
    </row>
    <row r="19989" spans="14:14">
      <c r="N19989" s="10"/>
    </row>
    <row r="19990" spans="14:14">
      <c r="N19990" s="10"/>
    </row>
    <row r="19991" spans="14:14">
      <c r="N19991" s="10"/>
    </row>
    <row r="19992" spans="14:14">
      <c r="N19992" s="10"/>
    </row>
    <row r="19993" spans="14:14">
      <c r="N19993" s="10"/>
    </row>
    <row r="19994" spans="14:14">
      <c r="N19994" s="10"/>
    </row>
    <row r="19995" spans="14:14">
      <c r="N19995" s="10"/>
    </row>
    <row r="19996" spans="14:14">
      <c r="N19996" s="10"/>
    </row>
    <row r="19997" spans="14:14">
      <c r="N19997" s="10"/>
    </row>
    <row r="19998" spans="14:14">
      <c r="N19998" s="10"/>
    </row>
    <row r="19999" spans="14:14">
      <c r="N19999" s="10"/>
    </row>
    <row r="20000" spans="14:14">
      <c r="N20000" s="10"/>
    </row>
    <row r="20001" spans="14:14">
      <c r="N20001" s="10"/>
    </row>
    <row r="20002" spans="14:14">
      <c r="N20002" s="10"/>
    </row>
    <row r="20003" spans="14:14">
      <c r="N20003" s="10"/>
    </row>
    <row r="20004" spans="14:14">
      <c r="N20004" s="10"/>
    </row>
    <row r="20005" spans="14:14">
      <c r="N20005" s="10"/>
    </row>
    <row r="20006" spans="14:14">
      <c r="N20006" s="10"/>
    </row>
    <row r="20007" spans="14:14">
      <c r="N20007" s="10"/>
    </row>
    <row r="20008" spans="14:14">
      <c r="N20008" s="10"/>
    </row>
    <row r="20009" spans="14:14">
      <c r="N20009" s="10"/>
    </row>
    <row r="20010" spans="14:14">
      <c r="N20010" s="10"/>
    </row>
    <row r="20011" spans="14:14">
      <c r="N20011" s="10"/>
    </row>
    <row r="20012" spans="14:14">
      <c r="N20012" s="10"/>
    </row>
    <row r="20013" spans="14:14">
      <c r="N20013" s="10"/>
    </row>
    <row r="20014" spans="14:14">
      <c r="N20014" s="10"/>
    </row>
    <row r="20015" spans="14:14">
      <c r="N20015" s="10"/>
    </row>
    <row r="20016" spans="14:14">
      <c r="N20016" s="10"/>
    </row>
    <row r="20017" spans="14:14">
      <c r="N20017" s="10"/>
    </row>
    <row r="20018" spans="14:14">
      <c r="N20018" s="10"/>
    </row>
    <row r="20019" spans="14:14">
      <c r="N20019" s="10"/>
    </row>
    <row r="20020" spans="14:14">
      <c r="N20020" s="10"/>
    </row>
    <row r="20021" spans="14:14">
      <c r="N20021" s="10"/>
    </row>
    <row r="20022" spans="14:14">
      <c r="N20022" s="10"/>
    </row>
    <row r="20023" spans="14:14">
      <c r="N20023" s="10"/>
    </row>
    <row r="20024" spans="14:14">
      <c r="N20024" s="10"/>
    </row>
    <row r="20025" spans="14:14">
      <c r="N20025" s="10"/>
    </row>
    <row r="20026" spans="14:14">
      <c r="N20026" s="10"/>
    </row>
    <row r="20027" spans="14:14">
      <c r="N20027" s="10"/>
    </row>
    <row r="20028" spans="14:14">
      <c r="N20028" s="10"/>
    </row>
    <row r="20029" spans="14:14">
      <c r="N20029" s="10"/>
    </row>
    <row r="20030" spans="14:14">
      <c r="N20030" s="10"/>
    </row>
    <row r="20031" spans="14:14">
      <c r="N20031" s="10"/>
    </row>
    <row r="20032" spans="14:14">
      <c r="N20032" s="10"/>
    </row>
    <row r="20033" spans="14:14">
      <c r="N20033" s="10"/>
    </row>
    <row r="20034" spans="14:14">
      <c r="N20034" s="10"/>
    </row>
    <row r="20035" spans="14:14">
      <c r="N20035" s="10"/>
    </row>
    <row r="20036" spans="14:14">
      <c r="N20036" s="10"/>
    </row>
    <row r="20037" spans="14:14">
      <c r="N20037" s="10"/>
    </row>
    <row r="20038" spans="14:14">
      <c r="N20038" s="10"/>
    </row>
    <row r="20039" spans="14:14">
      <c r="N20039" s="10"/>
    </row>
    <row r="20040" spans="14:14">
      <c r="N20040" s="10"/>
    </row>
    <row r="20041" spans="14:14">
      <c r="N20041" s="10"/>
    </row>
    <row r="20042" spans="14:14">
      <c r="N20042" s="10"/>
    </row>
    <row r="20043" spans="14:14">
      <c r="N20043" s="10"/>
    </row>
    <row r="20044" spans="14:14">
      <c r="N20044" s="10"/>
    </row>
    <row r="20045" spans="14:14">
      <c r="N20045" s="10"/>
    </row>
    <row r="20046" spans="14:14">
      <c r="N20046" s="10"/>
    </row>
    <row r="20047" spans="14:14">
      <c r="N20047" s="10"/>
    </row>
    <row r="20048" spans="14:14">
      <c r="N20048" s="10"/>
    </row>
    <row r="20049" spans="14:14">
      <c r="N20049" s="10"/>
    </row>
    <row r="20050" spans="14:14">
      <c r="N20050" s="10"/>
    </row>
    <row r="20051" spans="14:14">
      <c r="N20051" s="10"/>
    </row>
    <row r="20052" spans="14:14">
      <c r="N20052" s="10"/>
    </row>
    <row r="20053" spans="14:14">
      <c r="N20053" s="10"/>
    </row>
    <row r="20054" spans="14:14">
      <c r="N20054" s="10"/>
    </row>
    <row r="20055" spans="14:14">
      <c r="N20055" s="10"/>
    </row>
    <row r="20056" spans="14:14">
      <c r="N20056" s="10"/>
    </row>
    <row r="20057" spans="14:14">
      <c r="N20057" s="10"/>
    </row>
    <row r="20058" spans="14:14">
      <c r="N20058" s="10"/>
    </row>
    <row r="20059" spans="14:14">
      <c r="N20059" s="10"/>
    </row>
    <row r="20060" spans="14:14">
      <c r="N20060" s="10"/>
    </row>
    <row r="20061" spans="14:14">
      <c r="N20061" s="10"/>
    </row>
    <row r="20062" spans="14:14">
      <c r="N20062" s="10"/>
    </row>
    <row r="20063" spans="14:14">
      <c r="N20063" s="10"/>
    </row>
    <row r="20064" spans="14:14">
      <c r="N20064" s="10"/>
    </row>
    <row r="20065" spans="14:14">
      <c r="N20065" s="10"/>
    </row>
    <row r="20066" spans="14:14">
      <c r="N20066" s="10"/>
    </row>
    <row r="20067" spans="14:14">
      <c r="N20067" s="10"/>
    </row>
    <row r="20068" spans="14:14">
      <c r="N20068" s="10"/>
    </row>
    <row r="20069" spans="14:14">
      <c r="N20069" s="10"/>
    </row>
    <row r="20070" spans="14:14">
      <c r="N20070" s="10"/>
    </row>
    <row r="20071" spans="14:14">
      <c r="N20071" s="10"/>
    </row>
    <row r="20072" spans="14:14">
      <c r="N20072" s="10"/>
    </row>
    <row r="20073" spans="14:14">
      <c r="N20073" s="10"/>
    </row>
    <row r="20074" spans="14:14">
      <c r="N20074" s="10"/>
    </row>
    <row r="20075" spans="14:14">
      <c r="N20075" s="10"/>
    </row>
    <row r="20076" spans="14:14">
      <c r="N20076" s="10"/>
    </row>
    <row r="20077" spans="14:14">
      <c r="N20077" s="10"/>
    </row>
    <row r="20078" spans="14:14">
      <c r="N20078" s="10"/>
    </row>
    <row r="20079" spans="14:14">
      <c r="N20079" s="10"/>
    </row>
    <row r="20080" spans="14:14">
      <c r="N20080" s="10"/>
    </row>
    <row r="20081" spans="14:14">
      <c r="N20081" s="10"/>
    </row>
    <row r="20082" spans="14:14">
      <c r="N20082" s="10"/>
    </row>
    <row r="20083" spans="14:14">
      <c r="N20083" s="10"/>
    </row>
    <row r="20084" spans="14:14">
      <c r="N20084" s="10"/>
    </row>
    <row r="20085" spans="14:14">
      <c r="N20085" s="10"/>
    </row>
    <row r="20086" spans="14:14">
      <c r="N20086" s="10"/>
    </row>
    <row r="20087" spans="14:14">
      <c r="N20087" s="10"/>
    </row>
    <row r="20088" spans="14:14">
      <c r="N20088" s="10"/>
    </row>
    <row r="20089" spans="14:14">
      <c r="N20089" s="10"/>
    </row>
    <row r="20090" spans="14:14">
      <c r="N20090" s="10"/>
    </row>
    <row r="20091" spans="14:14">
      <c r="N20091" s="10"/>
    </row>
    <row r="20092" spans="14:14">
      <c r="N20092" s="10"/>
    </row>
    <row r="20093" spans="14:14">
      <c r="N20093" s="10"/>
    </row>
    <row r="20094" spans="14:14">
      <c r="N20094" s="10"/>
    </row>
    <row r="20095" spans="14:14">
      <c r="N20095" s="10"/>
    </row>
    <row r="20096" spans="14:14">
      <c r="N20096" s="10"/>
    </row>
    <row r="20097" spans="14:14">
      <c r="N20097" s="10"/>
    </row>
    <row r="20098" spans="14:14">
      <c r="N20098" s="10"/>
    </row>
    <row r="20099" spans="14:14">
      <c r="N20099" s="10"/>
    </row>
    <row r="20100" spans="14:14">
      <c r="N20100" s="10"/>
    </row>
    <row r="20101" spans="14:14">
      <c r="N20101" s="10"/>
    </row>
    <row r="20102" spans="14:14">
      <c r="N20102" s="10"/>
    </row>
    <row r="20103" spans="14:14">
      <c r="N20103" s="10"/>
    </row>
    <row r="20104" spans="14:14">
      <c r="N20104" s="10"/>
    </row>
    <row r="20105" spans="14:14">
      <c r="N20105" s="10"/>
    </row>
    <row r="20106" spans="14:14">
      <c r="N20106" s="10"/>
    </row>
    <row r="20107" spans="14:14">
      <c r="N20107" s="10"/>
    </row>
    <row r="20108" spans="14:14">
      <c r="N20108" s="10"/>
    </row>
    <row r="20109" spans="14:14">
      <c r="N20109" s="10"/>
    </row>
    <row r="20110" spans="14:14">
      <c r="N20110" s="10"/>
    </row>
    <row r="20111" spans="14:14">
      <c r="N20111" s="10"/>
    </row>
    <row r="20112" spans="14:14">
      <c r="N20112" s="10"/>
    </row>
    <row r="20113" spans="14:14">
      <c r="N20113" s="10"/>
    </row>
    <row r="20114" spans="14:14">
      <c r="N20114" s="10"/>
    </row>
    <row r="20115" spans="14:14">
      <c r="N20115" s="10"/>
    </row>
    <row r="20116" spans="14:14">
      <c r="N20116" s="10"/>
    </row>
    <row r="20117" spans="14:14">
      <c r="N20117" s="10"/>
    </row>
    <row r="20118" spans="14:14">
      <c r="N20118" s="10"/>
    </row>
    <row r="20119" spans="14:14">
      <c r="N20119" s="10"/>
    </row>
    <row r="20120" spans="14:14">
      <c r="N20120" s="10"/>
    </row>
    <row r="20121" spans="14:14">
      <c r="N20121" s="10"/>
    </row>
    <row r="20122" spans="14:14">
      <c r="N20122" s="10"/>
    </row>
    <row r="20123" spans="14:14">
      <c r="N20123" s="10"/>
    </row>
    <row r="20124" spans="14:14">
      <c r="N20124" s="10"/>
    </row>
    <row r="20125" spans="14:14">
      <c r="N20125" s="10"/>
    </row>
    <row r="20126" spans="14:14">
      <c r="N20126" s="10"/>
    </row>
    <row r="20127" spans="14:14">
      <c r="N20127" s="10"/>
    </row>
    <row r="20128" spans="14:14">
      <c r="N20128" s="10"/>
    </row>
    <row r="20129" spans="14:14">
      <c r="N20129" s="10"/>
    </row>
    <row r="20130" spans="14:14">
      <c r="N20130" s="10"/>
    </row>
    <row r="20131" spans="14:14">
      <c r="N20131" s="10"/>
    </row>
    <row r="20132" spans="14:14">
      <c r="N20132" s="10"/>
    </row>
    <row r="20133" spans="14:14">
      <c r="N20133" s="10"/>
    </row>
    <row r="20134" spans="14:14">
      <c r="N20134" s="10"/>
    </row>
    <row r="20135" spans="14:14">
      <c r="N20135" s="10"/>
    </row>
    <row r="20136" spans="14:14">
      <c r="N20136" s="10"/>
    </row>
    <row r="20137" spans="14:14">
      <c r="N20137" s="10"/>
    </row>
    <row r="20138" spans="14:14">
      <c r="N20138" s="10"/>
    </row>
    <row r="20139" spans="14:14">
      <c r="N20139" s="10"/>
    </row>
    <row r="20140" spans="14:14">
      <c r="N20140" s="10"/>
    </row>
    <row r="20141" spans="14:14">
      <c r="N20141" s="10"/>
    </row>
    <row r="20142" spans="14:14">
      <c r="N20142" s="10"/>
    </row>
    <row r="20143" spans="14:14">
      <c r="N20143" s="10"/>
    </row>
    <row r="20144" spans="14:14">
      <c r="N20144" s="10"/>
    </row>
    <row r="20145" spans="14:14">
      <c r="N20145" s="10"/>
    </row>
    <row r="20146" spans="14:14">
      <c r="N20146" s="10"/>
    </row>
    <row r="20147" spans="14:14">
      <c r="N20147" s="10"/>
    </row>
    <row r="20148" spans="14:14">
      <c r="N20148" s="10"/>
    </row>
    <row r="20149" spans="14:14">
      <c r="N20149" s="10"/>
    </row>
    <row r="20150" spans="14:14">
      <c r="N20150" s="10"/>
    </row>
    <row r="20151" spans="14:14">
      <c r="N20151" s="10"/>
    </row>
    <row r="20152" spans="14:14">
      <c r="N20152" s="10"/>
    </row>
    <row r="20153" spans="14:14">
      <c r="N20153" s="10"/>
    </row>
    <row r="20154" spans="14:14">
      <c r="N20154" s="10"/>
    </row>
    <row r="20155" spans="14:14">
      <c r="N20155" s="10"/>
    </row>
    <row r="20156" spans="14:14">
      <c r="N20156" s="10"/>
    </row>
    <row r="20157" spans="14:14">
      <c r="N20157" s="10"/>
    </row>
    <row r="20158" spans="14:14">
      <c r="N20158" s="10"/>
    </row>
    <row r="20159" spans="14:14">
      <c r="N20159" s="10"/>
    </row>
    <row r="20160" spans="14:14">
      <c r="N20160" s="10"/>
    </row>
    <row r="20161" spans="14:14">
      <c r="N20161" s="10"/>
    </row>
    <row r="20162" spans="14:14">
      <c r="N20162" s="10"/>
    </row>
    <row r="20163" spans="14:14">
      <c r="N20163" s="10"/>
    </row>
    <row r="20164" spans="14:14">
      <c r="N20164" s="10"/>
    </row>
    <row r="20165" spans="14:14">
      <c r="N20165" s="10"/>
    </row>
    <row r="20166" spans="14:14">
      <c r="N20166" s="10"/>
    </row>
    <row r="20167" spans="14:14">
      <c r="N20167" s="10"/>
    </row>
    <row r="20168" spans="14:14">
      <c r="N20168" s="10"/>
    </row>
    <row r="20169" spans="14:14">
      <c r="N20169" s="10"/>
    </row>
    <row r="20170" spans="14:14">
      <c r="N20170" s="10"/>
    </row>
    <row r="20171" spans="14:14">
      <c r="N20171" s="10"/>
    </row>
    <row r="20172" spans="14:14">
      <c r="N20172" s="10"/>
    </row>
    <row r="20173" spans="14:14">
      <c r="N20173" s="10"/>
    </row>
    <row r="20174" spans="14:14">
      <c r="N20174" s="10"/>
    </row>
    <row r="20175" spans="14:14">
      <c r="N20175" s="10"/>
    </row>
    <row r="20176" spans="14:14">
      <c r="N20176" s="10"/>
    </row>
    <row r="20177" spans="14:14">
      <c r="N20177" s="10"/>
    </row>
    <row r="20178" spans="14:14">
      <c r="N20178" s="10"/>
    </row>
    <row r="20179" spans="14:14">
      <c r="N20179" s="10"/>
    </row>
    <row r="20180" spans="14:14">
      <c r="N20180" s="10"/>
    </row>
    <row r="20181" spans="14:14">
      <c r="N20181" s="10"/>
    </row>
    <row r="20182" spans="14:14">
      <c r="N20182" s="10"/>
    </row>
    <row r="20183" spans="14:14">
      <c r="N20183" s="10"/>
    </row>
    <row r="20184" spans="14:14">
      <c r="N20184" s="10"/>
    </row>
    <row r="20185" spans="14:14">
      <c r="N20185" s="10"/>
    </row>
    <row r="20186" spans="14:14">
      <c r="N20186" s="10"/>
    </row>
    <row r="20187" spans="14:14">
      <c r="N20187" s="10"/>
    </row>
    <row r="20188" spans="14:14">
      <c r="N20188" s="10"/>
    </row>
    <row r="20189" spans="14:14">
      <c r="N20189" s="10"/>
    </row>
    <row r="20190" spans="14:14">
      <c r="N20190" s="10"/>
    </row>
    <row r="20191" spans="14:14">
      <c r="N20191" s="10"/>
    </row>
    <row r="20192" spans="14:14">
      <c r="N20192" s="10"/>
    </row>
    <row r="20193" spans="14:14">
      <c r="N20193" s="10"/>
    </row>
    <row r="20194" spans="14:14">
      <c r="N20194" s="10"/>
    </row>
    <row r="20195" spans="14:14">
      <c r="N20195" s="10"/>
    </row>
    <row r="20196" spans="14:14">
      <c r="N20196" s="10"/>
    </row>
    <row r="20197" spans="14:14">
      <c r="N20197" s="10"/>
    </row>
    <row r="20198" spans="14:14">
      <c r="N20198" s="10"/>
    </row>
    <row r="20199" spans="14:14">
      <c r="N20199" s="10"/>
    </row>
    <row r="20200" spans="14:14">
      <c r="N20200" s="10"/>
    </row>
    <row r="20201" spans="14:14">
      <c r="N20201" s="10"/>
    </row>
    <row r="20202" spans="14:14">
      <c r="N20202" s="10"/>
    </row>
    <row r="20203" spans="14:14">
      <c r="N20203" s="10"/>
    </row>
    <row r="20204" spans="14:14">
      <c r="N20204" s="10"/>
    </row>
    <row r="20205" spans="14:14">
      <c r="N20205" s="10"/>
    </row>
    <row r="20206" spans="14:14">
      <c r="N20206" s="10"/>
    </row>
    <row r="20207" spans="14:14">
      <c r="N20207" s="10"/>
    </row>
    <row r="20208" spans="14:14">
      <c r="N20208" s="10"/>
    </row>
    <row r="20209" spans="14:14">
      <c r="N20209" s="10"/>
    </row>
    <row r="20210" spans="14:14">
      <c r="N20210" s="10"/>
    </row>
    <row r="20211" spans="14:14">
      <c r="N20211" s="10"/>
    </row>
    <row r="20212" spans="14:14">
      <c r="N20212" s="10"/>
    </row>
    <row r="20213" spans="14:14">
      <c r="N20213" s="10"/>
    </row>
    <row r="20214" spans="14:14">
      <c r="N20214" s="10"/>
    </row>
    <row r="20215" spans="14:14">
      <c r="N20215" s="10"/>
    </row>
    <row r="20216" spans="14:14">
      <c r="N20216" s="10"/>
    </row>
    <row r="20217" spans="14:14">
      <c r="N20217" s="10"/>
    </row>
    <row r="20218" spans="14:14">
      <c r="N20218" s="10"/>
    </row>
    <row r="20219" spans="14:14">
      <c r="N20219" s="10"/>
    </row>
    <row r="20220" spans="14:14">
      <c r="N20220" s="10"/>
    </row>
    <row r="20221" spans="14:14">
      <c r="N20221" s="10"/>
    </row>
    <row r="20222" spans="14:14">
      <c r="N20222" s="10"/>
    </row>
    <row r="20223" spans="14:14">
      <c r="N20223" s="10"/>
    </row>
    <row r="20224" spans="14:14">
      <c r="N20224" s="10"/>
    </row>
    <row r="20225" spans="14:14">
      <c r="N20225" s="10"/>
    </row>
    <row r="20226" spans="14:14">
      <c r="N20226" s="10"/>
    </row>
    <row r="20227" spans="14:14">
      <c r="N20227" s="10"/>
    </row>
    <row r="20228" spans="14:14">
      <c r="N20228" s="10"/>
    </row>
    <row r="20229" spans="14:14">
      <c r="N20229" s="10"/>
    </row>
    <row r="20230" spans="14:14">
      <c r="N20230" s="10"/>
    </row>
    <row r="20231" spans="14:14">
      <c r="N20231" s="10"/>
    </row>
    <row r="20232" spans="14:14">
      <c r="N20232" s="10"/>
    </row>
    <row r="20233" spans="14:14">
      <c r="N20233" s="10"/>
    </row>
    <row r="20234" spans="14:14">
      <c r="N20234" s="10"/>
    </row>
    <row r="20235" spans="14:14">
      <c r="N20235" s="10"/>
    </row>
    <row r="20236" spans="14:14">
      <c r="N20236" s="10"/>
    </row>
    <row r="20237" spans="14:14">
      <c r="N20237" s="10"/>
    </row>
    <row r="20238" spans="14:14">
      <c r="N20238" s="10"/>
    </row>
    <row r="20239" spans="14:14">
      <c r="N20239" s="10"/>
    </row>
    <row r="20240" spans="14:14">
      <c r="N20240" s="10"/>
    </row>
    <row r="20241" spans="14:14">
      <c r="N20241" s="10"/>
    </row>
    <row r="20242" spans="14:14">
      <c r="N20242" s="10"/>
    </row>
    <row r="20243" spans="14:14">
      <c r="N20243" s="10"/>
    </row>
    <row r="20244" spans="14:14">
      <c r="N20244" s="10"/>
    </row>
    <row r="20245" spans="14:14">
      <c r="N20245" s="10"/>
    </row>
    <row r="20246" spans="14:14">
      <c r="N20246" s="10"/>
    </row>
    <row r="20247" spans="14:14">
      <c r="N20247" s="10"/>
    </row>
    <row r="20248" spans="14:14">
      <c r="N20248" s="10"/>
    </row>
    <row r="20249" spans="14:14">
      <c r="N20249" s="10"/>
    </row>
    <row r="20250" spans="14:14">
      <c r="N20250" s="10"/>
    </row>
    <row r="20251" spans="14:14">
      <c r="N20251" s="10"/>
    </row>
    <row r="20252" spans="14:14">
      <c r="N20252" s="10"/>
    </row>
    <row r="20253" spans="14:14">
      <c r="N20253" s="10"/>
    </row>
    <row r="20254" spans="14:14">
      <c r="N20254" s="10"/>
    </row>
    <row r="20255" spans="14:14">
      <c r="N20255" s="10"/>
    </row>
    <row r="20256" spans="14:14">
      <c r="N20256" s="10"/>
    </row>
    <row r="20257" spans="14:14">
      <c r="N20257" s="10"/>
    </row>
    <row r="20258" spans="14:14">
      <c r="N20258" s="10"/>
    </row>
    <row r="20259" spans="14:14">
      <c r="N20259" s="10"/>
    </row>
    <row r="20260" spans="14:14">
      <c r="N20260" s="10"/>
    </row>
    <row r="20261" spans="14:14">
      <c r="N20261" s="10"/>
    </row>
    <row r="20262" spans="14:14">
      <c r="N20262" s="10"/>
    </row>
    <row r="20263" spans="14:14">
      <c r="N20263" s="10"/>
    </row>
    <row r="20264" spans="14:14">
      <c r="N20264" s="10"/>
    </row>
    <row r="20265" spans="14:14">
      <c r="N20265" s="10"/>
    </row>
    <row r="20266" spans="14:14">
      <c r="N20266" s="10"/>
    </row>
    <row r="20267" spans="14:14">
      <c r="N20267" s="10"/>
    </row>
    <row r="20268" spans="14:14">
      <c r="N20268" s="10"/>
    </row>
    <row r="20269" spans="14:14">
      <c r="N20269" s="10"/>
    </row>
    <row r="20270" spans="14:14">
      <c r="N20270" s="10"/>
    </row>
    <row r="20271" spans="14:14">
      <c r="N20271" s="10"/>
    </row>
    <row r="20272" spans="14:14">
      <c r="N20272" s="10"/>
    </row>
    <row r="20273" spans="14:14">
      <c r="N20273" s="10"/>
    </row>
    <row r="20274" spans="14:14">
      <c r="N20274" s="10"/>
    </row>
    <row r="20275" spans="14:14">
      <c r="N20275" s="10"/>
    </row>
    <row r="20276" spans="14:14">
      <c r="N20276" s="10"/>
    </row>
    <row r="20277" spans="14:14">
      <c r="N20277" s="10"/>
    </row>
    <row r="20278" spans="14:14">
      <c r="N20278" s="10"/>
    </row>
    <row r="20279" spans="14:14">
      <c r="N20279" s="10"/>
    </row>
    <row r="20280" spans="14:14">
      <c r="N20280" s="10"/>
    </row>
    <row r="20281" spans="14:14">
      <c r="N20281" s="10"/>
    </row>
    <row r="20282" spans="14:14">
      <c r="N20282" s="10"/>
    </row>
    <row r="20283" spans="14:14">
      <c r="N20283" s="10"/>
    </row>
    <row r="20284" spans="14:14">
      <c r="N20284" s="10"/>
    </row>
    <row r="20285" spans="14:14">
      <c r="N20285" s="10"/>
    </row>
    <row r="20286" spans="14:14">
      <c r="N20286" s="10"/>
    </row>
    <row r="20287" spans="14:14">
      <c r="N20287" s="10"/>
    </row>
    <row r="20288" spans="14:14">
      <c r="N20288" s="10"/>
    </row>
    <row r="20289" spans="14:14">
      <c r="N20289" s="10"/>
    </row>
    <row r="20290" spans="14:14">
      <c r="N20290" s="10"/>
    </row>
    <row r="20291" spans="14:14">
      <c r="N20291" s="10"/>
    </row>
    <row r="20292" spans="14:14">
      <c r="N20292" s="10"/>
    </row>
    <row r="20293" spans="14:14">
      <c r="N20293" s="10"/>
    </row>
    <row r="20294" spans="14:14">
      <c r="N20294" s="10"/>
    </row>
    <row r="20295" spans="14:14">
      <c r="N20295" s="10"/>
    </row>
    <row r="20296" spans="14:14">
      <c r="N20296" s="10"/>
    </row>
    <row r="20297" spans="14:14">
      <c r="N20297" s="10"/>
    </row>
    <row r="20298" spans="14:14">
      <c r="N20298" s="10"/>
    </row>
    <row r="20299" spans="14:14">
      <c r="N20299" s="10"/>
    </row>
    <row r="20300" spans="14:14">
      <c r="N20300" s="10"/>
    </row>
    <row r="20301" spans="14:14">
      <c r="N20301" s="10"/>
    </row>
    <row r="20302" spans="14:14">
      <c r="N20302" s="10"/>
    </row>
    <row r="20303" spans="14:14">
      <c r="N20303" s="10"/>
    </row>
    <row r="20304" spans="14:14">
      <c r="N20304" s="10"/>
    </row>
    <row r="20305" spans="14:14">
      <c r="N20305" s="10"/>
    </row>
    <row r="20306" spans="14:14">
      <c r="N20306" s="10"/>
    </row>
    <row r="20307" spans="14:14">
      <c r="N20307" s="10"/>
    </row>
    <row r="20308" spans="14:14">
      <c r="N20308" s="10"/>
    </row>
    <row r="20309" spans="14:14">
      <c r="N20309" s="10"/>
    </row>
    <row r="20310" spans="14:14">
      <c r="N20310" s="10"/>
    </row>
    <row r="20311" spans="14:14">
      <c r="N20311" s="10"/>
    </row>
    <row r="20312" spans="14:14">
      <c r="N20312" s="10"/>
    </row>
    <row r="20313" spans="14:14">
      <c r="N20313" s="10"/>
    </row>
    <row r="20314" spans="14:14">
      <c r="N20314" s="10"/>
    </row>
    <row r="20315" spans="14:14">
      <c r="N20315" s="10"/>
    </row>
    <row r="20316" spans="14:14">
      <c r="N20316" s="10"/>
    </row>
    <row r="20317" spans="14:14">
      <c r="N20317" s="10"/>
    </row>
    <row r="20318" spans="14:14">
      <c r="N20318" s="10"/>
    </row>
    <row r="20319" spans="14:14">
      <c r="N20319" s="10"/>
    </row>
    <row r="20320" spans="14:14">
      <c r="N20320" s="10"/>
    </row>
    <row r="20321" spans="14:14">
      <c r="N20321" s="10"/>
    </row>
    <row r="20322" spans="14:14">
      <c r="N20322" s="10"/>
    </row>
    <row r="20323" spans="14:14">
      <c r="N20323" s="10"/>
    </row>
    <row r="20324" spans="14:14">
      <c r="N20324" s="10"/>
    </row>
    <row r="20325" spans="14:14">
      <c r="N20325" s="10"/>
    </row>
    <row r="20326" spans="14:14">
      <c r="N20326" s="10"/>
    </row>
    <row r="20327" spans="14:14">
      <c r="N20327" s="10"/>
    </row>
    <row r="20328" spans="14:14">
      <c r="N20328" s="10"/>
    </row>
    <row r="20329" spans="14:14">
      <c r="N20329" s="10"/>
    </row>
    <row r="20330" spans="14:14">
      <c r="N20330" s="10"/>
    </row>
    <row r="20331" spans="14:14">
      <c r="N20331" s="10"/>
    </row>
    <row r="20332" spans="14:14">
      <c r="N20332" s="10"/>
    </row>
    <row r="20333" spans="14:14">
      <c r="N20333" s="10"/>
    </row>
    <row r="20334" spans="14:14">
      <c r="N20334" s="10"/>
    </row>
    <row r="20335" spans="14:14">
      <c r="N20335" s="10"/>
    </row>
    <row r="20336" spans="14:14">
      <c r="N20336" s="10"/>
    </row>
    <row r="20337" spans="14:14">
      <c r="N20337" s="10"/>
    </row>
    <row r="20338" spans="14:14">
      <c r="N20338" s="10"/>
    </row>
    <row r="20339" spans="14:14">
      <c r="N20339" s="10"/>
    </row>
    <row r="20340" spans="14:14">
      <c r="N20340" s="10"/>
    </row>
    <row r="20341" spans="14:14">
      <c r="N20341" s="10"/>
    </row>
    <row r="20342" spans="14:14">
      <c r="N20342" s="10"/>
    </row>
    <row r="20343" spans="14:14">
      <c r="N20343" s="10"/>
    </row>
    <row r="20344" spans="14:14">
      <c r="N20344" s="10"/>
    </row>
    <row r="20345" spans="14:14">
      <c r="N20345" s="10"/>
    </row>
    <row r="20346" spans="14:14">
      <c r="N20346" s="10"/>
    </row>
    <row r="20347" spans="14:14">
      <c r="N20347" s="10"/>
    </row>
    <row r="20348" spans="14:14">
      <c r="N20348" s="10"/>
    </row>
    <row r="20349" spans="14:14">
      <c r="N20349" s="10"/>
    </row>
    <row r="20350" spans="14:14">
      <c r="N20350" s="10"/>
    </row>
    <row r="20351" spans="14:14">
      <c r="N20351" s="10"/>
    </row>
    <row r="20352" spans="14:14">
      <c r="N20352" s="10"/>
    </row>
    <row r="20353" spans="14:14">
      <c r="N20353" s="10"/>
    </row>
    <row r="20354" spans="14:14">
      <c r="N20354" s="10"/>
    </row>
    <row r="20355" spans="14:14">
      <c r="N20355" s="10"/>
    </row>
    <row r="20356" spans="14:14">
      <c r="N20356" s="10"/>
    </row>
    <row r="20357" spans="14:14">
      <c r="N20357" s="10"/>
    </row>
    <row r="20358" spans="14:14">
      <c r="N20358" s="10"/>
    </row>
    <row r="20359" spans="14:14">
      <c r="N20359" s="10"/>
    </row>
    <row r="20360" spans="14:14">
      <c r="N20360" s="10"/>
    </row>
    <row r="20361" spans="14:14">
      <c r="N20361" s="10"/>
    </row>
    <row r="20362" spans="14:14">
      <c r="N20362" s="10"/>
    </row>
    <row r="20363" spans="14:14">
      <c r="N20363" s="10"/>
    </row>
    <row r="20364" spans="14:14">
      <c r="N20364" s="10"/>
    </row>
    <row r="20365" spans="14:14">
      <c r="N20365" s="10"/>
    </row>
    <row r="20366" spans="14:14">
      <c r="N20366" s="10"/>
    </row>
    <row r="20367" spans="14:14">
      <c r="N20367" s="10"/>
    </row>
    <row r="20368" spans="14:14">
      <c r="N20368" s="10"/>
    </row>
    <row r="20369" spans="14:14">
      <c r="N20369" s="10"/>
    </row>
    <row r="20370" spans="14:14">
      <c r="N20370" s="10"/>
    </row>
    <row r="20371" spans="14:14">
      <c r="N20371" s="10"/>
    </row>
    <row r="20372" spans="14:14">
      <c r="N20372" s="10"/>
    </row>
    <row r="20373" spans="14:14">
      <c r="N20373" s="10"/>
    </row>
    <row r="20374" spans="14:14">
      <c r="N20374" s="10"/>
    </row>
    <row r="20375" spans="14:14">
      <c r="N20375" s="10"/>
    </row>
    <row r="20376" spans="14:14">
      <c r="N20376" s="10"/>
    </row>
    <row r="20377" spans="14:14">
      <c r="N20377" s="10"/>
    </row>
    <row r="20378" spans="14:14">
      <c r="N20378" s="10"/>
    </row>
    <row r="20379" spans="14:14">
      <c r="N20379" s="10"/>
    </row>
    <row r="20380" spans="14:14">
      <c r="N20380" s="10"/>
    </row>
    <row r="20381" spans="14:14">
      <c r="N20381" s="10"/>
    </row>
    <row r="20382" spans="14:14">
      <c r="N20382" s="10"/>
    </row>
    <row r="20383" spans="14:14">
      <c r="N20383" s="10"/>
    </row>
    <row r="20384" spans="14:14">
      <c r="N20384" s="10"/>
    </row>
    <row r="20385" spans="14:14">
      <c r="N20385" s="10"/>
    </row>
    <row r="20386" spans="14:14">
      <c r="N20386" s="10"/>
    </row>
    <row r="20387" spans="14:14">
      <c r="N20387" s="10"/>
    </row>
    <row r="20388" spans="14:14">
      <c r="N20388" s="10"/>
    </row>
    <row r="20389" spans="14:14">
      <c r="N20389" s="10"/>
    </row>
    <row r="20390" spans="14:14">
      <c r="N20390" s="10"/>
    </row>
    <row r="20391" spans="14:14">
      <c r="N20391" s="10"/>
    </row>
    <row r="20392" spans="14:14">
      <c r="N20392" s="10"/>
    </row>
    <row r="20393" spans="14:14">
      <c r="N20393" s="10"/>
    </row>
    <row r="20394" spans="14:14">
      <c r="N20394" s="10"/>
    </row>
    <row r="20395" spans="14:14">
      <c r="N20395" s="10"/>
    </row>
    <row r="20396" spans="14:14">
      <c r="N20396" s="10"/>
    </row>
    <row r="20397" spans="14:14">
      <c r="N20397" s="10"/>
    </row>
    <row r="20398" spans="14:14">
      <c r="N20398" s="10"/>
    </row>
    <row r="20399" spans="14:14">
      <c r="N20399" s="10"/>
    </row>
    <row r="20400" spans="14:14">
      <c r="N20400" s="10"/>
    </row>
    <row r="20401" spans="14:14">
      <c r="N20401" s="10"/>
    </row>
    <row r="20402" spans="14:14">
      <c r="N20402" s="10"/>
    </row>
    <row r="20403" spans="14:14">
      <c r="N20403" s="10"/>
    </row>
    <row r="20404" spans="14:14">
      <c r="N20404" s="10"/>
    </row>
    <row r="20405" spans="14:14">
      <c r="N20405" s="10"/>
    </row>
    <row r="20406" spans="14:14">
      <c r="N20406" s="10"/>
    </row>
    <row r="20407" spans="14:14">
      <c r="N20407" s="10"/>
    </row>
    <row r="20408" spans="14:14">
      <c r="N20408" s="10"/>
    </row>
    <row r="20409" spans="14:14">
      <c r="N20409" s="10"/>
    </row>
    <row r="20410" spans="14:14">
      <c r="N20410" s="10"/>
    </row>
    <row r="20411" spans="14:14">
      <c r="N20411" s="10"/>
    </row>
    <row r="20412" spans="14:14">
      <c r="N20412" s="10"/>
    </row>
    <row r="20413" spans="14:14">
      <c r="N20413" s="10"/>
    </row>
    <row r="20414" spans="14:14">
      <c r="N20414" s="10"/>
    </row>
    <row r="20415" spans="14:14">
      <c r="N20415" s="10"/>
    </row>
    <row r="20416" spans="14:14">
      <c r="N20416" s="10"/>
    </row>
    <row r="20417" spans="14:14">
      <c r="N20417" s="10"/>
    </row>
    <row r="20418" spans="14:14">
      <c r="N20418" s="10"/>
    </row>
    <row r="20419" spans="14:14">
      <c r="N20419" s="10"/>
    </row>
    <row r="20420" spans="14:14">
      <c r="N20420" s="10"/>
    </row>
    <row r="20421" spans="14:14">
      <c r="N20421" s="10"/>
    </row>
    <row r="20422" spans="14:14">
      <c r="N20422" s="10"/>
    </row>
    <row r="20423" spans="14:14">
      <c r="N20423" s="10"/>
    </row>
    <row r="20424" spans="14:14">
      <c r="N20424" s="10"/>
    </row>
    <row r="20425" spans="14:14">
      <c r="N20425" s="10"/>
    </row>
    <row r="20426" spans="14:14">
      <c r="N20426" s="10"/>
    </row>
    <row r="20427" spans="14:14">
      <c r="N20427" s="10"/>
    </row>
    <row r="20428" spans="14:14">
      <c r="N20428" s="10"/>
    </row>
    <row r="20429" spans="14:14">
      <c r="N20429" s="10"/>
    </row>
    <row r="20430" spans="14:14">
      <c r="N20430" s="10"/>
    </row>
    <row r="20431" spans="14:14">
      <c r="N20431" s="10"/>
    </row>
    <row r="20432" spans="14:14">
      <c r="N20432" s="10"/>
    </row>
    <row r="20433" spans="14:14">
      <c r="N20433" s="10"/>
    </row>
    <row r="20434" spans="14:14">
      <c r="N20434" s="10"/>
    </row>
    <row r="20435" spans="14:14">
      <c r="N20435" s="10"/>
    </row>
    <row r="20436" spans="14:14">
      <c r="N20436" s="10"/>
    </row>
    <row r="20437" spans="14:14">
      <c r="N20437" s="10"/>
    </row>
    <row r="20438" spans="14:14">
      <c r="N20438" s="10"/>
    </row>
    <row r="20439" spans="14:14">
      <c r="N20439" s="10"/>
    </row>
    <row r="20440" spans="14:14">
      <c r="N20440" s="10"/>
    </row>
    <row r="20441" spans="14:14">
      <c r="N20441" s="10"/>
    </row>
    <row r="20442" spans="14:14">
      <c r="N20442" s="10"/>
    </row>
    <row r="20443" spans="14:14">
      <c r="N20443" s="10"/>
    </row>
    <row r="20444" spans="14:14">
      <c r="N20444" s="10"/>
    </row>
    <row r="20445" spans="14:14">
      <c r="N20445" s="10"/>
    </row>
    <row r="20446" spans="14:14">
      <c r="N20446" s="10"/>
    </row>
    <row r="20447" spans="14:14">
      <c r="N20447" s="10"/>
    </row>
    <row r="20448" spans="14:14">
      <c r="N20448" s="10"/>
    </row>
    <row r="20449" spans="14:14">
      <c r="N20449" s="10"/>
    </row>
    <row r="20450" spans="14:14">
      <c r="N20450" s="10"/>
    </row>
    <row r="20451" spans="14:14">
      <c r="N20451" s="10"/>
    </row>
    <row r="20452" spans="14:14">
      <c r="N20452" s="10"/>
    </row>
    <row r="20453" spans="14:14">
      <c r="N20453" s="10"/>
    </row>
    <row r="20454" spans="14:14">
      <c r="N20454" s="10"/>
    </row>
    <row r="20455" spans="14:14">
      <c r="N20455" s="10"/>
    </row>
    <row r="20456" spans="14:14">
      <c r="N20456" s="10"/>
    </row>
    <row r="20457" spans="14:14">
      <c r="N20457" s="10"/>
    </row>
    <row r="20458" spans="14:14">
      <c r="N20458" s="10"/>
    </row>
    <row r="20459" spans="14:14">
      <c r="N20459" s="10"/>
    </row>
    <row r="20460" spans="14:14">
      <c r="N20460" s="10"/>
    </row>
    <row r="20461" spans="14:14">
      <c r="N20461" s="10"/>
    </row>
    <row r="20462" spans="14:14">
      <c r="N20462" s="10"/>
    </row>
    <row r="20463" spans="14:14">
      <c r="N20463" s="10"/>
    </row>
    <row r="20464" spans="14:14">
      <c r="N20464" s="10"/>
    </row>
    <row r="20465" spans="14:14">
      <c r="N20465" s="10"/>
    </row>
    <row r="20466" spans="14:14">
      <c r="N20466" s="10"/>
    </row>
    <row r="20467" spans="14:14">
      <c r="N20467" s="10"/>
    </row>
    <row r="20468" spans="14:14">
      <c r="N20468" s="10"/>
    </row>
    <row r="20469" spans="14:14">
      <c r="N20469" s="10"/>
    </row>
    <row r="20470" spans="14:14">
      <c r="N20470" s="10"/>
    </row>
    <row r="20471" spans="14:14">
      <c r="N20471" s="10"/>
    </row>
    <row r="20472" spans="14:14">
      <c r="N20472" s="10"/>
    </row>
    <row r="20473" spans="14:14">
      <c r="N20473" s="10"/>
    </row>
    <row r="20474" spans="14:14">
      <c r="N20474" s="10"/>
    </row>
    <row r="20475" spans="14:14">
      <c r="N20475" s="10"/>
    </row>
    <row r="20476" spans="14:14">
      <c r="N20476" s="10"/>
    </row>
    <row r="20477" spans="14:14">
      <c r="N20477" s="10"/>
    </row>
    <row r="20478" spans="14:14">
      <c r="N20478" s="10"/>
    </row>
    <row r="20479" spans="14:14">
      <c r="N20479" s="10"/>
    </row>
    <row r="20480" spans="14:14">
      <c r="N20480" s="10"/>
    </row>
    <row r="20481" spans="14:14">
      <c r="N20481" s="10"/>
    </row>
    <row r="20482" spans="14:14">
      <c r="N20482" s="10"/>
    </row>
    <row r="20483" spans="14:14">
      <c r="N20483" s="10"/>
    </row>
    <row r="20484" spans="14:14">
      <c r="N20484" s="10"/>
    </row>
    <row r="20485" spans="14:14">
      <c r="N20485" s="10"/>
    </row>
    <row r="20486" spans="14:14">
      <c r="N20486" s="10"/>
    </row>
    <row r="20487" spans="14:14">
      <c r="N20487" s="10"/>
    </row>
    <row r="20488" spans="14:14">
      <c r="N20488" s="10"/>
    </row>
    <row r="20489" spans="14:14">
      <c r="N20489" s="10"/>
    </row>
    <row r="20490" spans="14:14">
      <c r="N20490" s="10"/>
    </row>
    <row r="20491" spans="14:14">
      <c r="N20491" s="10"/>
    </row>
    <row r="20492" spans="14:14">
      <c r="N20492" s="10"/>
    </row>
    <row r="20493" spans="14:14">
      <c r="N20493" s="10"/>
    </row>
    <row r="20494" spans="14:14">
      <c r="N20494" s="10"/>
    </row>
    <row r="20495" spans="14:14">
      <c r="N20495" s="10"/>
    </row>
    <row r="20496" spans="14:14">
      <c r="N20496" s="10"/>
    </row>
    <row r="20497" spans="14:14">
      <c r="N20497" s="10"/>
    </row>
    <row r="20498" spans="14:14">
      <c r="N20498" s="10"/>
    </row>
    <row r="20499" spans="14:14">
      <c r="N20499" s="10"/>
    </row>
    <row r="20500" spans="14:14">
      <c r="N20500" s="10"/>
    </row>
    <row r="20501" spans="14:14">
      <c r="N20501" s="10"/>
    </row>
    <row r="20502" spans="14:14">
      <c r="N20502" s="10"/>
    </row>
    <row r="20503" spans="14:14">
      <c r="N20503" s="10"/>
    </row>
    <row r="20504" spans="14:14">
      <c r="N20504" s="10"/>
    </row>
    <row r="20505" spans="14:14">
      <c r="N20505" s="10"/>
    </row>
    <row r="20506" spans="14:14">
      <c r="N20506" s="10"/>
    </row>
    <row r="20507" spans="14:14">
      <c r="N20507" s="10"/>
    </row>
    <row r="20508" spans="14:14">
      <c r="N20508" s="10"/>
    </row>
    <row r="20509" spans="14:14">
      <c r="N20509" s="10"/>
    </row>
    <row r="20510" spans="14:14">
      <c r="N20510" s="10"/>
    </row>
    <row r="20511" spans="14:14">
      <c r="N20511" s="10"/>
    </row>
    <row r="20512" spans="14:14">
      <c r="N20512" s="10"/>
    </row>
    <row r="20513" spans="14:14">
      <c r="N20513" s="10"/>
    </row>
    <row r="20514" spans="14:14">
      <c r="N20514" s="10"/>
    </row>
    <row r="20515" spans="14:14">
      <c r="N20515" s="10"/>
    </row>
    <row r="20516" spans="14:14">
      <c r="N20516" s="10"/>
    </row>
    <row r="20517" spans="14:14">
      <c r="N20517" s="10"/>
    </row>
    <row r="20518" spans="14:14">
      <c r="N20518" s="10"/>
    </row>
    <row r="20519" spans="14:14">
      <c r="N20519" s="10"/>
    </row>
    <row r="20520" spans="14:14">
      <c r="N20520" s="10"/>
    </row>
    <row r="20521" spans="14:14">
      <c r="N20521" s="10"/>
    </row>
    <row r="20522" spans="14:14">
      <c r="N20522" s="10"/>
    </row>
    <row r="20523" spans="14:14">
      <c r="N20523" s="10"/>
    </row>
    <row r="20524" spans="14:14">
      <c r="N20524" s="10"/>
    </row>
    <row r="20525" spans="14:14">
      <c r="N20525" s="10"/>
    </row>
    <row r="20526" spans="14:14">
      <c r="N20526" s="10"/>
    </row>
    <row r="20527" spans="14:14">
      <c r="N20527" s="10"/>
    </row>
    <row r="20528" spans="14:14">
      <c r="N20528" s="10"/>
    </row>
    <row r="20529" spans="14:14">
      <c r="N20529" s="10"/>
    </row>
    <row r="20530" spans="14:14">
      <c r="N20530" s="10"/>
    </row>
    <row r="20531" spans="14:14">
      <c r="N20531" s="10"/>
    </row>
    <row r="20532" spans="14:14">
      <c r="N20532" s="10"/>
    </row>
    <row r="20533" spans="14:14">
      <c r="N20533" s="10"/>
    </row>
    <row r="20534" spans="14:14">
      <c r="N20534" s="10"/>
    </row>
    <row r="20535" spans="14:14">
      <c r="N20535" s="10"/>
    </row>
    <row r="20536" spans="14:14">
      <c r="N20536" s="10"/>
    </row>
    <row r="20537" spans="14:14">
      <c r="N20537" s="10"/>
    </row>
    <row r="20538" spans="14:14">
      <c r="N20538" s="10"/>
    </row>
    <row r="20539" spans="14:14">
      <c r="N20539" s="10"/>
    </row>
    <row r="20540" spans="14:14">
      <c r="N20540" s="10"/>
    </row>
    <row r="20541" spans="14:14">
      <c r="N20541" s="10"/>
    </row>
    <row r="20542" spans="14:14">
      <c r="N20542" s="10"/>
    </row>
    <row r="20543" spans="14:14">
      <c r="N20543" s="10"/>
    </row>
    <row r="20544" spans="14:14">
      <c r="N20544" s="10"/>
    </row>
    <row r="20545" spans="14:14">
      <c r="N20545" s="10"/>
    </row>
    <row r="20546" spans="14:14">
      <c r="N20546" s="10"/>
    </row>
    <row r="20547" spans="14:14">
      <c r="N20547" s="10"/>
    </row>
    <row r="20548" spans="14:14">
      <c r="N20548" s="10"/>
    </row>
    <row r="20549" spans="14:14">
      <c r="N20549" s="10"/>
    </row>
    <row r="20550" spans="14:14">
      <c r="N20550" s="10"/>
    </row>
    <row r="20551" spans="14:14">
      <c r="N20551" s="10"/>
    </row>
    <row r="20552" spans="14:14">
      <c r="N20552" s="10"/>
    </row>
    <row r="20553" spans="14:14">
      <c r="N20553" s="10"/>
    </row>
    <row r="20554" spans="14:14">
      <c r="N20554" s="10"/>
    </row>
    <row r="20555" spans="14:14">
      <c r="N20555" s="10"/>
    </row>
    <row r="20556" spans="14:14">
      <c r="N20556" s="10"/>
    </row>
    <row r="20557" spans="14:14">
      <c r="N20557" s="10"/>
    </row>
    <row r="20558" spans="14:14">
      <c r="N20558" s="10"/>
    </row>
    <row r="20559" spans="14:14">
      <c r="N20559" s="10"/>
    </row>
    <row r="20560" spans="14:14">
      <c r="N20560" s="10"/>
    </row>
    <row r="20561" spans="14:14">
      <c r="N20561" s="10"/>
    </row>
    <row r="20562" spans="14:14">
      <c r="N20562" s="10"/>
    </row>
    <row r="20563" spans="14:14">
      <c r="N20563" s="10"/>
    </row>
    <row r="20564" spans="14:14">
      <c r="N20564" s="10"/>
    </row>
    <row r="20565" spans="14:14">
      <c r="N20565" s="10"/>
    </row>
    <row r="20566" spans="14:14">
      <c r="N20566" s="10"/>
    </row>
    <row r="20567" spans="14:14">
      <c r="N20567" s="10"/>
    </row>
    <row r="20568" spans="14:14">
      <c r="N20568" s="10"/>
    </row>
    <row r="20569" spans="14:14">
      <c r="N20569" s="10"/>
    </row>
    <row r="20570" spans="14:14">
      <c r="N20570" s="10"/>
    </row>
    <row r="20571" spans="14:14">
      <c r="N20571" s="10"/>
    </row>
    <row r="20572" spans="14:14">
      <c r="N20572" s="10"/>
    </row>
    <row r="20573" spans="14:14">
      <c r="N20573" s="10"/>
    </row>
    <row r="20574" spans="14:14">
      <c r="N20574" s="10"/>
    </row>
    <row r="20575" spans="14:14">
      <c r="N20575" s="10"/>
    </row>
    <row r="20576" spans="14:14">
      <c r="N20576" s="10"/>
    </row>
    <row r="20577" spans="14:14">
      <c r="N20577" s="10"/>
    </row>
    <row r="20578" spans="14:14">
      <c r="N20578" s="10"/>
    </row>
    <row r="20579" spans="14:14">
      <c r="N20579" s="10"/>
    </row>
    <row r="20580" spans="14:14">
      <c r="N20580" s="10"/>
    </row>
    <row r="20581" spans="14:14">
      <c r="N20581" s="10"/>
    </row>
    <row r="20582" spans="14:14">
      <c r="N20582" s="10"/>
    </row>
    <row r="20583" spans="14:14">
      <c r="N20583" s="10"/>
    </row>
    <row r="20584" spans="14:14">
      <c r="N20584" s="10"/>
    </row>
    <row r="20585" spans="14:14">
      <c r="N20585" s="10"/>
    </row>
    <row r="20586" spans="14:14">
      <c r="N20586" s="10"/>
    </row>
    <row r="20587" spans="14:14">
      <c r="N20587" s="10"/>
    </row>
    <row r="20588" spans="14:14">
      <c r="N20588" s="10"/>
    </row>
    <row r="20589" spans="14:14">
      <c r="N20589" s="10"/>
    </row>
    <row r="20590" spans="14:14">
      <c r="N20590" s="10"/>
    </row>
    <row r="20591" spans="14:14">
      <c r="N20591" s="10"/>
    </row>
    <row r="20592" spans="14:14">
      <c r="N20592" s="10"/>
    </row>
    <row r="20593" spans="14:14">
      <c r="N20593" s="10"/>
    </row>
    <row r="20594" spans="14:14">
      <c r="N20594" s="10"/>
    </row>
    <row r="20595" spans="14:14">
      <c r="N20595" s="10"/>
    </row>
    <row r="20596" spans="14:14">
      <c r="N20596" s="10"/>
    </row>
    <row r="20597" spans="14:14">
      <c r="N20597" s="10"/>
    </row>
    <row r="20598" spans="14:14">
      <c r="N20598" s="10"/>
    </row>
    <row r="20599" spans="14:14">
      <c r="N20599" s="10"/>
    </row>
    <row r="20600" spans="14:14">
      <c r="N20600" s="10"/>
    </row>
    <row r="20601" spans="14:14">
      <c r="N20601" s="10"/>
    </row>
    <row r="20602" spans="14:14">
      <c r="N20602" s="10"/>
    </row>
    <row r="20603" spans="14:14">
      <c r="N20603" s="10"/>
    </row>
    <row r="20604" spans="14:14">
      <c r="N20604" s="10"/>
    </row>
    <row r="20605" spans="14:14">
      <c r="N20605" s="10"/>
    </row>
    <row r="20606" spans="14:14">
      <c r="N20606" s="10"/>
    </row>
    <row r="20607" spans="14:14">
      <c r="N20607" s="10"/>
    </row>
    <row r="20608" spans="14:14">
      <c r="N20608" s="10"/>
    </row>
    <row r="20609" spans="14:14">
      <c r="N20609" s="10"/>
    </row>
    <row r="20610" spans="14:14">
      <c r="N20610" s="10"/>
    </row>
    <row r="20611" spans="14:14">
      <c r="N20611" s="10"/>
    </row>
    <row r="20612" spans="14:14">
      <c r="N20612" s="10"/>
    </row>
    <row r="20613" spans="14:14">
      <c r="N20613" s="10"/>
    </row>
    <row r="20614" spans="14:14">
      <c r="N20614" s="10"/>
    </row>
    <row r="20615" spans="14:14">
      <c r="N20615" s="10"/>
    </row>
    <row r="20616" spans="14:14">
      <c r="N20616" s="10"/>
    </row>
    <row r="20617" spans="14:14">
      <c r="N20617" s="10"/>
    </row>
    <row r="20618" spans="14:14">
      <c r="N20618" s="10"/>
    </row>
    <row r="20619" spans="14:14">
      <c r="N20619" s="10"/>
    </row>
    <row r="20620" spans="14:14">
      <c r="N20620" s="10"/>
    </row>
    <row r="20621" spans="14:14">
      <c r="N20621" s="10"/>
    </row>
    <row r="20622" spans="14:14">
      <c r="N20622" s="10"/>
    </row>
    <row r="20623" spans="14:14">
      <c r="N20623" s="10"/>
    </row>
    <row r="20624" spans="14:14">
      <c r="N20624" s="10"/>
    </row>
    <row r="20625" spans="14:14">
      <c r="N20625" s="10"/>
    </row>
    <row r="20626" spans="14:14">
      <c r="N20626" s="10"/>
    </row>
    <row r="20627" spans="14:14">
      <c r="N20627" s="10"/>
    </row>
    <row r="20628" spans="14:14">
      <c r="N20628" s="10"/>
    </row>
    <row r="20629" spans="14:14">
      <c r="N20629" s="10"/>
    </row>
    <row r="20630" spans="14:14">
      <c r="N20630" s="10"/>
    </row>
    <row r="20631" spans="14:14">
      <c r="N20631" s="10"/>
    </row>
    <row r="20632" spans="14:14">
      <c r="N20632" s="10"/>
    </row>
    <row r="20633" spans="14:14">
      <c r="N20633" s="10"/>
    </row>
    <row r="20634" spans="14:14">
      <c r="N20634" s="10"/>
    </row>
    <row r="20635" spans="14:14">
      <c r="N20635" s="10"/>
    </row>
    <row r="20636" spans="14:14">
      <c r="N20636" s="10"/>
    </row>
    <row r="20637" spans="14:14">
      <c r="N20637" s="10"/>
    </row>
    <row r="20638" spans="14:14">
      <c r="N20638" s="10"/>
    </row>
    <row r="20639" spans="14:14">
      <c r="N20639" s="10"/>
    </row>
    <row r="20640" spans="14:14">
      <c r="N20640" s="10"/>
    </row>
    <row r="20641" spans="14:14">
      <c r="N20641" s="10"/>
    </row>
    <row r="20642" spans="14:14">
      <c r="N20642" s="10"/>
    </row>
    <row r="20643" spans="14:14">
      <c r="N20643" s="10"/>
    </row>
    <row r="20644" spans="14:14">
      <c r="N20644" s="10"/>
    </row>
    <row r="20645" spans="14:14">
      <c r="N20645" s="10"/>
    </row>
    <row r="20646" spans="14:14">
      <c r="N20646" s="10"/>
    </row>
    <row r="20647" spans="14:14">
      <c r="N20647" s="10"/>
    </row>
    <row r="20648" spans="14:14">
      <c r="N20648" s="10"/>
    </row>
    <row r="20649" spans="14:14">
      <c r="N20649" s="10"/>
    </row>
    <row r="20650" spans="14:14">
      <c r="N20650" s="10"/>
    </row>
    <row r="20651" spans="14:14">
      <c r="N20651" s="10"/>
    </row>
    <row r="20652" spans="14:14">
      <c r="N20652" s="10"/>
    </row>
    <row r="20653" spans="14:14">
      <c r="N20653" s="10"/>
    </row>
    <row r="20654" spans="14:14">
      <c r="N20654" s="10"/>
    </row>
    <row r="20655" spans="14:14">
      <c r="N20655" s="10"/>
    </row>
    <row r="20656" spans="14:14">
      <c r="N20656" s="10"/>
    </row>
    <row r="20657" spans="14:14">
      <c r="N20657" s="10"/>
    </row>
    <row r="20658" spans="14:14">
      <c r="N20658" s="10"/>
    </row>
    <row r="20659" spans="14:14">
      <c r="N20659" s="10"/>
    </row>
    <row r="20660" spans="14:14">
      <c r="N20660" s="10"/>
    </row>
    <row r="20661" spans="14:14">
      <c r="N20661" s="10"/>
    </row>
    <row r="20662" spans="14:14">
      <c r="N20662" s="10"/>
    </row>
    <row r="20663" spans="14:14">
      <c r="N20663" s="10"/>
    </row>
    <row r="20664" spans="14:14">
      <c r="N20664" s="10"/>
    </row>
    <row r="20665" spans="14:14">
      <c r="N20665" s="10"/>
    </row>
    <row r="20666" spans="14:14">
      <c r="N20666" s="10"/>
    </row>
    <row r="20667" spans="14:14">
      <c r="N20667" s="10"/>
    </row>
    <row r="20668" spans="14:14">
      <c r="N20668" s="10"/>
    </row>
    <row r="20669" spans="14:14">
      <c r="N20669" s="10"/>
    </row>
    <row r="20670" spans="14:14">
      <c r="N20670" s="10"/>
    </row>
    <row r="20671" spans="14:14">
      <c r="N20671" s="10"/>
    </row>
    <row r="20672" spans="14:14">
      <c r="N20672" s="10"/>
    </row>
    <row r="20673" spans="14:14">
      <c r="N20673" s="10"/>
    </row>
    <row r="20674" spans="14:14">
      <c r="N20674" s="10"/>
    </row>
    <row r="20675" spans="14:14">
      <c r="N20675" s="10"/>
    </row>
    <row r="20676" spans="14:14">
      <c r="N20676" s="10"/>
    </row>
    <row r="20677" spans="14:14">
      <c r="N20677" s="10"/>
    </row>
    <row r="20678" spans="14:14">
      <c r="N20678" s="10"/>
    </row>
    <row r="20679" spans="14:14">
      <c r="N20679" s="10"/>
    </row>
    <row r="20680" spans="14:14">
      <c r="N20680" s="10"/>
    </row>
    <row r="20681" spans="14:14">
      <c r="N20681" s="10"/>
    </row>
    <row r="20682" spans="14:14">
      <c r="N20682" s="10"/>
    </row>
    <row r="20683" spans="14:14">
      <c r="N20683" s="10"/>
    </row>
    <row r="20684" spans="14:14">
      <c r="N20684" s="10"/>
    </row>
    <row r="20685" spans="14:14">
      <c r="N20685" s="10"/>
    </row>
    <row r="20686" spans="14:14">
      <c r="N20686" s="10"/>
    </row>
    <row r="20687" spans="14:14">
      <c r="N20687" s="10"/>
    </row>
    <row r="20688" spans="14:14">
      <c r="N20688" s="10"/>
    </row>
    <row r="20689" spans="14:14">
      <c r="N20689" s="10"/>
    </row>
    <row r="20690" spans="14:14">
      <c r="N20690" s="10"/>
    </row>
    <row r="20691" spans="14:14">
      <c r="N20691" s="10"/>
    </row>
    <row r="20692" spans="14:14">
      <c r="N20692" s="10"/>
    </row>
    <row r="20693" spans="14:14">
      <c r="N20693" s="10"/>
    </row>
    <row r="20694" spans="14:14">
      <c r="N20694" s="10"/>
    </row>
    <row r="20695" spans="14:14">
      <c r="N20695" s="10"/>
    </row>
    <row r="20696" spans="14:14">
      <c r="N20696" s="10"/>
    </row>
    <row r="20697" spans="14:14">
      <c r="N20697" s="10"/>
    </row>
    <row r="20698" spans="14:14">
      <c r="N20698" s="10"/>
    </row>
    <row r="20699" spans="14:14">
      <c r="N20699" s="10"/>
    </row>
    <row r="20700" spans="14:14">
      <c r="N20700" s="10"/>
    </row>
    <row r="20701" spans="14:14">
      <c r="N20701" s="10"/>
    </row>
    <row r="20702" spans="14:14">
      <c r="N20702" s="10"/>
    </row>
    <row r="20703" spans="14:14">
      <c r="N20703" s="10"/>
    </row>
    <row r="20704" spans="14:14">
      <c r="N20704" s="10"/>
    </row>
    <row r="20705" spans="14:14">
      <c r="N20705" s="10"/>
    </row>
    <row r="20706" spans="14:14">
      <c r="N20706" s="10"/>
    </row>
    <row r="20707" spans="14:14">
      <c r="N20707" s="10"/>
    </row>
    <row r="20708" spans="14:14">
      <c r="N20708" s="10"/>
    </row>
    <row r="20709" spans="14:14">
      <c r="N20709" s="10"/>
    </row>
    <row r="20710" spans="14:14">
      <c r="N20710" s="10"/>
    </row>
    <row r="20711" spans="14:14">
      <c r="N20711" s="10"/>
    </row>
    <row r="20712" spans="14:14">
      <c r="N20712" s="10"/>
    </row>
    <row r="20713" spans="14:14">
      <c r="N20713" s="10"/>
    </row>
    <row r="20714" spans="14:14">
      <c r="N20714" s="10"/>
    </row>
    <row r="20715" spans="14:14">
      <c r="N20715" s="10"/>
    </row>
    <row r="20716" spans="14:14">
      <c r="N20716" s="10"/>
    </row>
    <row r="20717" spans="14:14">
      <c r="N20717" s="10"/>
    </row>
    <row r="20718" spans="14:14">
      <c r="N20718" s="10"/>
    </row>
    <row r="20719" spans="14:14">
      <c r="N20719" s="10"/>
    </row>
    <row r="20720" spans="14:14">
      <c r="N20720" s="10"/>
    </row>
    <row r="20721" spans="14:14">
      <c r="N20721" s="10"/>
    </row>
    <row r="20722" spans="14:14">
      <c r="N20722" s="10"/>
    </row>
    <row r="20723" spans="14:14">
      <c r="N20723" s="10"/>
    </row>
    <row r="20724" spans="14:14">
      <c r="N20724" s="10"/>
    </row>
    <row r="20725" spans="14:14">
      <c r="N20725" s="10"/>
    </row>
    <row r="20726" spans="14:14">
      <c r="N20726" s="10"/>
    </row>
    <row r="20727" spans="14:14">
      <c r="N20727" s="10"/>
    </row>
    <row r="20728" spans="14:14">
      <c r="N20728" s="10"/>
    </row>
    <row r="20729" spans="14:14">
      <c r="N20729" s="10"/>
    </row>
    <row r="20730" spans="14:14">
      <c r="N20730" s="10"/>
    </row>
    <row r="20731" spans="14:14">
      <c r="N20731" s="10"/>
    </row>
    <row r="20732" spans="14:14">
      <c r="N20732" s="10"/>
    </row>
    <row r="20733" spans="14:14">
      <c r="N20733" s="10"/>
    </row>
    <row r="20734" spans="14:14">
      <c r="N20734" s="10"/>
    </row>
    <row r="20735" spans="14:14">
      <c r="N20735" s="10"/>
    </row>
    <row r="20736" spans="14:14">
      <c r="N20736" s="10"/>
    </row>
    <row r="20737" spans="14:14">
      <c r="N20737" s="10"/>
    </row>
    <row r="20738" spans="14:14">
      <c r="N20738" s="10"/>
    </row>
    <row r="20739" spans="14:14">
      <c r="N20739" s="10"/>
    </row>
    <row r="20740" spans="14:14">
      <c r="N20740" s="10"/>
    </row>
    <row r="20741" spans="14:14">
      <c r="N20741" s="10"/>
    </row>
    <row r="20742" spans="14:14">
      <c r="N20742" s="10"/>
    </row>
    <row r="20743" spans="14:14">
      <c r="N20743" s="10"/>
    </row>
    <row r="20744" spans="14:14">
      <c r="N20744" s="10"/>
    </row>
    <row r="20745" spans="14:14">
      <c r="N20745" s="10"/>
    </row>
    <row r="20746" spans="14:14">
      <c r="N20746" s="10"/>
    </row>
    <row r="20747" spans="14:14">
      <c r="N20747" s="10"/>
    </row>
    <row r="20748" spans="14:14">
      <c r="N20748" s="10"/>
    </row>
    <row r="20749" spans="14:14">
      <c r="N20749" s="10"/>
    </row>
    <row r="20750" spans="14:14">
      <c r="N20750" s="10"/>
    </row>
    <row r="20751" spans="14:14">
      <c r="N20751" s="10"/>
    </row>
    <row r="20752" spans="14:14">
      <c r="N20752" s="10"/>
    </row>
    <row r="20753" spans="14:14">
      <c r="N20753" s="10"/>
    </row>
    <row r="20754" spans="14:14">
      <c r="N20754" s="10"/>
    </row>
    <row r="20755" spans="14:14">
      <c r="N20755" s="10"/>
    </row>
    <row r="20756" spans="14:14">
      <c r="N20756" s="10"/>
    </row>
    <row r="20757" spans="14:14">
      <c r="N20757" s="10"/>
    </row>
    <row r="20758" spans="14:14">
      <c r="N20758" s="10"/>
    </row>
    <row r="20759" spans="14:14">
      <c r="N20759" s="10"/>
    </row>
    <row r="20760" spans="14:14">
      <c r="N20760" s="10"/>
    </row>
    <row r="20761" spans="14:14">
      <c r="N20761" s="10"/>
    </row>
    <row r="20762" spans="14:14">
      <c r="N20762" s="10"/>
    </row>
    <row r="20763" spans="14:14">
      <c r="N20763" s="10"/>
    </row>
    <row r="20764" spans="14:14">
      <c r="N20764" s="10"/>
    </row>
    <row r="20765" spans="14:14">
      <c r="N20765" s="10"/>
    </row>
    <row r="20766" spans="14:14">
      <c r="N20766" s="10"/>
    </row>
    <row r="20767" spans="14:14">
      <c r="N20767" s="10"/>
    </row>
    <row r="20768" spans="14:14">
      <c r="N20768" s="10"/>
    </row>
    <row r="20769" spans="14:14">
      <c r="N20769" s="10"/>
    </row>
    <row r="20770" spans="14:14">
      <c r="N20770" s="10"/>
    </row>
    <row r="20771" spans="14:14">
      <c r="N20771" s="10"/>
    </row>
    <row r="20772" spans="14:14">
      <c r="N20772" s="10"/>
    </row>
    <row r="20773" spans="14:14">
      <c r="N20773" s="10"/>
    </row>
    <row r="20774" spans="14:14">
      <c r="N20774" s="10"/>
    </row>
    <row r="20775" spans="14:14">
      <c r="N20775" s="10"/>
    </row>
    <row r="20776" spans="14:14">
      <c r="N20776" s="10"/>
    </row>
    <row r="20777" spans="14:14">
      <c r="N20777" s="10"/>
    </row>
    <row r="20778" spans="14:14">
      <c r="N20778" s="10"/>
    </row>
    <row r="20779" spans="14:14">
      <c r="N20779" s="10"/>
    </row>
    <row r="20780" spans="14:14">
      <c r="N20780" s="10"/>
    </row>
    <row r="20781" spans="14:14">
      <c r="N20781" s="10"/>
    </row>
    <row r="20782" spans="14:14">
      <c r="N20782" s="10"/>
    </row>
    <row r="20783" spans="14:14">
      <c r="N20783" s="10"/>
    </row>
    <row r="20784" spans="14:14">
      <c r="N20784" s="10"/>
    </row>
    <row r="20785" spans="14:14">
      <c r="N20785" s="10"/>
    </row>
    <row r="20786" spans="14:14">
      <c r="N20786" s="10"/>
    </row>
    <row r="20787" spans="14:14">
      <c r="N20787" s="10"/>
    </row>
    <row r="20788" spans="14:14">
      <c r="N20788" s="10"/>
    </row>
    <row r="20789" spans="14:14">
      <c r="N20789" s="10"/>
    </row>
    <row r="20790" spans="14:14">
      <c r="N20790" s="10"/>
    </row>
    <row r="20791" spans="14:14">
      <c r="N20791" s="10"/>
    </row>
    <row r="20792" spans="14:14">
      <c r="N20792" s="10"/>
    </row>
    <row r="20793" spans="14:14">
      <c r="N20793" s="10"/>
    </row>
    <row r="20794" spans="14:14">
      <c r="N20794" s="10"/>
    </row>
    <row r="20795" spans="14:14">
      <c r="N20795" s="10"/>
    </row>
    <row r="20796" spans="14:14">
      <c r="N20796" s="10"/>
    </row>
    <row r="20797" spans="14:14">
      <c r="N20797" s="10"/>
    </row>
    <row r="20798" spans="14:14">
      <c r="N20798" s="10"/>
    </row>
    <row r="20799" spans="14:14">
      <c r="N20799" s="10"/>
    </row>
    <row r="20800" spans="14:14">
      <c r="N20800" s="10"/>
    </row>
    <row r="20801" spans="14:14">
      <c r="N20801" s="10"/>
    </row>
    <row r="20802" spans="14:14">
      <c r="N20802" s="10"/>
    </row>
    <row r="20803" spans="14:14">
      <c r="N20803" s="10"/>
    </row>
    <row r="20804" spans="14:14">
      <c r="N20804" s="10"/>
    </row>
    <row r="20805" spans="14:14">
      <c r="N20805" s="10"/>
    </row>
    <row r="20806" spans="14:14">
      <c r="N20806" s="10"/>
    </row>
    <row r="20807" spans="14:14">
      <c r="N20807" s="10"/>
    </row>
    <row r="20808" spans="14:14">
      <c r="N20808" s="10"/>
    </row>
    <row r="20809" spans="14:14">
      <c r="N20809" s="10"/>
    </row>
    <row r="20810" spans="14:14">
      <c r="N20810" s="10"/>
    </row>
    <row r="20811" spans="14:14">
      <c r="N20811" s="10"/>
    </row>
    <row r="20812" spans="14:14">
      <c r="N20812" s="10"/>
    </row>
    <row r="20813" spans="14:14">
      <c r="N20813" s="10"/>
    </row>
    <row r="20814" spans="14:14">
      <c r="N20814" s="10"/>
    </row>
    <row r="20815" spans="14:14">
      <c r="N20815" s="10"/>
    </row>
    <row r="20816" spans="14:14">
      <c r="N20816" s="10"/>
    </row>
    <row r="20817" spans="14:14">
      <c r="N20817" s="10"/>
    </row>
    <row r="20818" spans="14:14">
      <c r="N20818" s="10"/>
    </row>
    <row r="20819" spans="14:14">
      <c r="N20819" s="10"/>
    </row>
    <row r="20820" spans="14:14">
      <c r="N20820" s="10"/>
    </row>
    <row r="20821" spans="14:14">
      <c r="N20821" s="10"/>
    </row>
    <row r="20822" spans="14:14">
      <c r="N20822" s="10"/>
    </row>
    <row r="20823" spans="14:14">
      <c r="N20823" s="10"/>
    </row>
    <row r="20824" spans="14:14">
      <c r="N20824" s="10"/>
    </row>
    <row r="20825" spans="14:14">
      <c r="N20825" s="10"/>
    </row>
    <row r="20826" spans="14:14">
      <c r="N20826" s="10"/>
    </row>
    <row r="20827" spans="14:14">
      <c r="N20827" s="10"/>
    </row>
    <row r="20828" spans="14:14">
      <c r="N20828" s="10"/>
    </row>
    <row r="20829" spans="14:14">
      <c r="N20829" s="10"/>
    </row>
    <row r="20830" spans="14:14">
      <c r="N20830" s="10"/>
    </row>
    <row r="20831" spans="14:14">
      <c r="N20831" s="10"/>
    </row>
    <row r="20832" spans="14:14">
      <c r="N20832" s="10"/>
    </row>
    <row r="20833" spans="14:14">
      <c r="N20833" s="10"/>
    </row>
    <row r="20834" spans="14:14">
      <c r="N20834" s="10"/>
    </row>
    <row r="20835" spans="14:14">
      <c r="N20835" s="10"/>
    </row>
    <row r="20836" spans="14:14">
      <c r="N20836" s="10"/>
    </row>
    <row r="20837" spans="14:14">
      <c r="N20837" s="10"/>
    </row>
    <row r="20838" spans="14:14">
      <c r="N20838" s="10"/>
    </row>
    <row r="20839" spans="14:14">
      <c r="N20839" s="10"/>
    </row>
    <row r="20840" spans="14:14">
      <c r="N20840" s="10"/>
    </row>
    <row r="20841" spans="14:14">
      <c r="N20841" s="10"/>
    </row>
    <row r="20842" spans="14:14">
      <c r="N20842" s="10"/>
    </row>
    <row r="20843" spans="14:14">
      <c r="N20843" s="10"/>
    </row>
    <row r="20844" spans="14:14">
      <c r="N20844" s="10"/>
    </row>
    <row r="20845" spans="14:14">
      <c r="N20845" s="10"/>
    </row>
    <row r="20846" spans="14:14">
      <c r="N20846" s="10"/>
    </row>
    <row r="20847" spans="14:14">
      <c r="N20847" s="10"/>
    </row>
    <row r="20848" spans="14:14">
      <c r="N20848" s="10"/>
    </row>
    <row r="20849" spans="14:14">
      <c r="N20849" s="10"/>
    </row>
    <row r="20850" spans="14:14">
      <c r="N20850" s="10"/>
    </row>
    <row r="20851" spans="14:14">
      <c r="N20851" s="10"/>
    </row>
    <row r="20852" spans="14:14">
      <c r="N20852" s="10"/>
    </row>
    <row r="20853" spans="14:14">
      <c r="N20853" s="10"/>
    </row>
    <row r="20854" spans="14:14">
      <c r="N20854" s="10"/>
    </row>
    <row r="20855" spans="14:14">
      <c r="N20855" s="10"/>
    </row>
    <row r="20856" spans="14:14">
      <c r="N20856" s="10"/>
    </row>
    <row r="20857" spans="14:14">
      <c r="N20857" s="10"/>
    </row>
    <row r="20858" spans="14:14">
      <c r="N20858" s="10"/>
    </row>
    <row r="20859" spans="14:14">
      <c r="N20859" s="10"/>
    </row>
    <row r="20860" spans="14:14">
      <c r="N20860" s="10"/>
    </row>
    <row r="20861" spans="14:14">
      <c r="N20861" s="10"/>
    </row>
    <row r="20862" spans="14:14">
      <c r="N20862" s="10"/>
    </row>
    <row r="20863" spans="14:14">
      <c r="N20863" s="10"/>
    </row>
    <row r="20864" spans="14:14">
      <c r="N20864" s="10"/>
    </row>
    <row r="20865" spans="14:14">
      <c r="N20865" s="10"/>
    </row>
    <row r="20866" spans="14:14">
      <c r="N20866" s="10"/>
    </row>
    <row r="20867" spans="14:14">
      <c r="N20867" s="10"/>
    </row>
    <row r="20868" spans="14:14">
      <c r="N20868" s="10"/>
    </row>
    <row r="20869" spans="14:14">
      <c r="N20869" s="10"/>
    </row>
    <row r="20870" spans="14:14">
      <c r="N20870" s="10"/>
    </row>
    <row r="20871" spans="14:14">
      <c r="N20871" s="10"/>
    </row>
    <row r="20872" spans="14:14">
      <c r="N20872" s="10"/>
    </row>
    <row r="20873" spans="14:14">
      <c r="N20873" s="10"/>
    </row>
    <row r="20874" spans="14:14">
      <c r="N20874" s="10"/>
    </row>
    <row r="20875" spans="14:14">
      <c r="N20875" s="10"/>
    </row>
    <row r="20876" spans="14:14">
      <c r="N20876" s="10"/>
    </row>
    <row r="20877" spans="14:14">
      <c r="N20877" s="10"/>
    </row>
    <row r="20878" spans="14:14">
      <c r="N20878" s="10"/>
    </row>
    <row r="20879" spans="14:14">
      <c r="N20879" s="10"/>
    </row>
    <row r="20880" spans="14:14">
      <c r="N20880" s="10"/>
    </row>
    <row r="20881" spans="14:14">
      <c r="N20881" s="10"/>
    </row>
    <row r="20882" spans="14:14">
      <c r="N20882" s="10"/>
    </row>
    <row r="20883" spans="14:14">
      <c r="N20883" s="10"/>
    </row>
    <row r="20884" spans="14:14">
      <c r="N20884" s="10"/>
    </row>
    <row r="20885" spans="14:14">
      <c r="N20885" s="10"/>
    </row>
    <row r="20886" spans="14:14">
      <c r="N20886" s="10"/>
    </row>
    <row r="20887" spans="14:14">
      <c r="N20887" s="10"/>
    </row>
    <row r="20888" spans="14:14">
      <c r="N20888" s="10"/>
    </row>
    <row r="20889" spans="14:14">
      <c r="N20889" s="10"/>
    </row>
    <row r="20890" spans="14:14">
      <c r="N20890" s="10"/>
    </row>
    <row r="20891" spans="14:14">
      <c r="N20891" s="10"/>
    </row>
    <row r="20892" spans="14:14">
      <c r="N20892" s="10"/>
    </row>
    <row r="20893" spans="14:14">
      <c r="N20893" s="10"/>
    </row>
    <row r="20894" spans="14:14">
      <c r="N20894" s="10"/>
    </row>
    <row r="20895" spans="14:14">
      <c r="N20895" s="10"/>
    </row>
    <row r="20896" spans="14:14">
      <c r="N20896" s="10"/>
    </row>
    <row r="20897" spans="14:14">
      <c r="N20897" s="10"/>
    </row>
    <row r="20898" spans="14:14">
      <c r="N20898" s="10"/>
    </row>
    <row r="20899" spans="14:14">
      <c r="N20899" s="10"/>
    </row>
    <row r="20900" spans="14:14">
      <c r="N20900" s="10"/>
    </row>
    <row r="20901" spans="14:14">
      <c r="N20901" s="10"/>
    </row>
    <row r="20902" spans="14:14">
      <c r="N20902" s="10"/>
    </row>
    <row r="20903" spans="14:14">
      <c r="N20903" s="10"/>
    </row>
    <row r="20904" spans="14:14">
      <c r="N20904" s="10"/>
    </row>
    <row r="20905" spans="14:14">
      <c r="N20905" s="10"/>
    </row>
    <row r="20906" spans="14:14">
      <c r="N20906" s="10"/>
    </row>
    <row r="20907" spans="14:14">
      <c r="N20907" s="10"/>
    </row>
    <row r="20908" spans="14:14">
      <c r="N20908" s="10"/>
    </row>
    <row r="20909" spans="14:14">
      <c r="N20909" s="10"/>
    </row>
    <row r="20910" spans="14:14">
      <c r="N20910" s="10"/>
    </row>
    <row r="20911" spans="14:14">
      <c r="N20911" s="10"/>
    </row>
    <row r="20912" spans="14:14">
      <c r="N20912" s="10"/>
    </row>
    <row r="20913" spans="14:14">
      <c r="N20913" s="10"/>
    </row>
    <row r="20914" spans="14:14">
      <c r="N20914" s="10"/>
    </row>
    <row r="20915" spans="14:14">
      <c r="N20915" s="10"/>
    </row>
    <row r="20916" spans="14:14">
      <c r="N20916" s="10"/>
    </row>
    <row r="20917" spans="14:14">
      <c r="N20917" s="10"/>
    </row>
    <row r="20918" spans="14:14">
      <c r="N20918" s="10"/>
    </row>
    <row r="20919" spans="14:14">
      <c r="N20919" s="10"/>
    </row>
    <row r="20920" spans="14:14">
      <c r="N20920" s="10"/>
    </row>
    <row r="20921" spans="14:14">
      <c r="N20921" s="10"/>
    </row>
    <row r="20922" spans="14:14">
      <c r="N20922" s="10"/>
    </row>
    <row r="20923" spans="14:14">
      <c r="N20923" s="10"/>
    </row>
    <row r="20924" spans="14:14">
      <c r="N20924" s="10"/>
    </row>
    <row r="20925" spans="14:14">
      <c r="N20925" s="10"/>
    </row>
    <row r="20926" spans="14:14">
      <c r="N20926" s="10"/>
    </row>
    <row r="20927" spans="14:14">
      <c r="N20927" s="10"/>
    </row>
    <row r="20928" spans="14:14">
      <c r="N20928" s="10"/>
    </row>
    <row r="20929" spans="14:14">
      <c r="N20929" s="10"/>
    </row>
    <row r="20930" spans="14:14">
      <c r="N20930" s="10"/>
    </row>
    <row r="20931" spans="14:14">
      <c r="N20931" s="10"/>
    </row>
    <row r="20932" spans="14:14">
      <c r="N20932" s="10"/>
    </row>
    <row r="20933" spans="14:14">
      <c r="N20933" s="10"/>
    </row>
    <row r="20934" spans="14:14">
      <c r="N20934" s="10"/>
    </row>
    <row r="20935" spans="14:14">
      <c r="N20935" s="10"/>
    </row>
    <row r="20936" spans="14:14">
      <c r="N20936" s="10"/>
    </row>
    <row r="20937" spans="14:14">
      <c r="N20937" s="10"/>
    </row>
    <row r="20938" spans="14:14">
      <c r="N20938" s="10"/>
    </row>
    <row r="20939" spans="14:14">
      <c r="N20939" s="10"/>
    </row>
    <row r="20940" spans="14:14">
      <c r="N20940" s="10"/>
    </row>
    <row r="20941" spans="14:14">
      <c r="N20941" s="10"/>
    </row>
    <row r="20942" spans="14:14">
      <c r="N20942" s="10"/>
    </row>
    <row r="20943" spans="14:14">
      <c r="N20943" s="10"/>
    </row>
    <row r="20944" spans="14:14">
      <c r="N20944" s="10"/>
    </row>
    <row r="20945" spans="14:14">
      <c r="N20945" s="10"/>
    </row>
    <row r="20946" spans="14:14">
      <c r="N20946" s="10"/>
    </row>
    <row r="20947" spans="14:14">
      <c r="N20947" s="10"/>
    </row>
    <row r="20948" spans="14:14">
      <c r="N20948" s="10"/>
    </row>
    <row r="20949" spans="14:14">
      <c r="N20949" s="10"/>
    </row>
    <row r="20950" spans="14:14">
      <c r="N20950" s="10"/>
    </row>
    <row r="20951" spans="14:14">
      <c r="N20951" s="10"/>
    </row>
    <row r="20952" spans="14:14">
      <c r="N20952" s="10"/>
    </row>
    <row r="20953" spans="14:14">
      <c r="N20953" s="10"/>
    </row>
    <row r="20954" spans="14:14">
      <c r="N20954" s="10"/>
    </row>
    <row r="20955" spans="14:14">
      <c r="N20955" s="10"/>
    </row>
    <row r="20956" spans="14:14">
      <c r="N20956" s="10"/>
    </row>
    <row r="20957" spans="14:14">
      <c r="N20957" s="10"/>
    </row>
    <row r="20958" spans="14:14">
      <c r="N20958" s="10"/>
    </row>
    <row r="20959" spans="14:14">
      <c r="N20959" s="10"/>
    </row>
    <row r="20960" spans="14:14">
      <c r="N20960" s="10"/>
    </row>
    <row r="20961" spans="14:14">
      <c r="N20961" s="10"/>
    </row>
    <row r="20962" spans="14:14">
      <c r="N20962" s="10"/>
    </row>
    <row r="20963" spans="14:14">
      <c r="N20963" s="10"/>
    </row>
    <row r="20964" spans="14:14">
      <c r="N20964" s="10"/>
    </row>
    <row r="20965" spans="14:14">
      <c r="N20965" s="10"/>
    </row>
    <row r="20966" spans="14:14">
      <c r="N20966" s="10"/>
    </row>
    <row r="20967" spans="14:14">
      <c r="N20967" s="10"/>
    </row>
    <row r="20968" spans="14:14">
      <c r="N20968" s="10"/>
    </row>
    <row r="20969" spans="14:14">
      <c r="N20969" s="10"/>
    </row>
    <row r="20970" spans="14:14">
      <c r="N20970" s="10"/>
    </row>
    <row r="20971" spans="14:14">
      <c r="N20971" s="10"/>
    </row>
    <row r="20972" spans="14:14">
      <c r="N20972" s="10"/>
    </row>
    <row r="20973" spans="14:14">
      <c r="N20973" s="10"/>
    </row>
    <row r="20974" spans="14:14">
      <c r="N20974" s="10"/>
    </row>
    <row r="20975" spans="14:14">
      <c r="N20975" s="10"/>
    </row>
    <row r="20976" spans="14:14">
      <c r="N20976" s="10"/>
    </row>
    <row r="20977" spans="14:14">
      <c r="N20977" s="10"/>
    </row>
    <row r="20978" spans="14:14">
      <c r="N20978" s="10"/>
    </row>
    <row r="20979" spans="14:14">
      <c r="N20979" s="10"/>
    </row>
    <row r="20980" spans="14:14">
      <c r="N20980" s="10"/>
    </row>
    <row r="20981" spans="14:14">
      <c r="N20981" s="10"/>
    </row>
    <row r="20982" spans="14:14">
      <c r="N20982" s="10"/>
    </row>
    <row r="20983" spans="14:14">
      <c r="N20983" s="10"/>
    </row>
    <row r="20984" spans="14:14">
      <c r="N20984" s="10"/>
    </row>
    <row r="20985" spans="14:14">
      <c r="N20985" s="10"/>
    </row>
    <row r="20986" spans="14:14">
      <c r="N20986" s="10"/>
    </row>
    <row r="20987" spans="14:14">
      <c r="N20987" s="10"/>
    </row>
    <row r="20988" spans="14:14">
      <c r="N20988" s="10"/>
    </row>
    <row r="20989" spans="14:14">
      <c r="N20989" s="10"/>
    </row>
    <row r="20990" spans="14:14">
      <c r="N20990" s="10"/>
    </row>
    <row r="20991" spans="14:14">
      <c r="N20991" s="10"/>
    </row>
    <row r="20992" spans="14:14">
      <c r="N20992" s="10"/>
    </row>
    <row r="20993" spans="14:14">
      <c r="N20993" s="10"/>
    </row>
    <row r="20994" spans="14:14">
      <c r="N20994" s="10"/>
    </row>
    <row r="20995" spans="14:14">
      <c r="N20995" s="10"/>
    </row>
    <row r="20996" spans="14:14">
      <c r="N20996" s="10"/>
    </row>
    <row r="20997" spans="14:14">
      <c r="N20997" s="10"/>
    </row>
    <row r="20998" spans="14:14">
      <c r="N20998" s="10"/>
    </row>
    <row r="20999" spans="14:14">
      <c r="N20999" s="10"/>
    </row>
    <row r="21000" spans="14:14">
      <c r="N21000" s="10"/>
    </row>
    <row r="21001" spans="14:14">
      <c r="N21001" s="10"/>
    </row>
    <row r="21002" spans="14:14">
      <c r="N21002" s="10"/>
    </row>
    <row r="21003" spans="14:14">
      <c r="N21003" s="10"/>
    </row>
    <row r="21004" spans="14:14">
      <c r="N21004" s="10"/>
    </row>
    <row r="21005" spans="14:14">
      <c r="N21005" s="10"/>
    </row>
    <row r="21006" spans="14:14">
      <c r="N21006" s="10"/>
    </row>
    <row r="21007" spans="14:14">
      <c r="N21007" s="10"/>
    </row>
    <row r="21008" spans="14:14">
      <c r="N21008" s="10"/>
    </row>
    <row r="21009" spans="14:14">
      <c r="N21009" s="10"/>
    </row>
    <row r="21010" spans="14:14">
      <c r="N21010" s="10"/>
    </row>
    <row r="21011" spans="14:14">
      <c r="N21011" s="10"/>
    </row>
    <row r="21012" spans="14:14">
      <c r="N21012" s="10"/>
    </row>
    <row r="21013" spans="14:14">
      <c r="N21013" s="10"/>
    </row>
    <row r="21014" spans="14:14">
      <c r="N21014" s="10"/>
    </row>
    <row r="21015" spans="14:14">
      <c r="N21015" s="10"/>
    </row>
    <row r="21016" spans="14:14">
      <c r="N21016" s="10"/>
    </row>
    <row r="21017" spans="14:14">
      <c r="N21017" s="10"/>
    </row>
    <row r="21018" spans="14:14">
      <c r="N21018" s="10"/>
    </row>
    <row r="21019" spans="14:14">
      <c r="N21019" s="10"/>
    </row>
    <row r="21020" spans="14:14">
      <c r="N21020" s="10"/>
    </row>
    <row r="21021" spans="14:14">
      <c r="N21021" s="10"/>
    </row>
    <row r="21022" spans="14:14">
      <c r="N21022" s="10"/>
    </row>
    <row r="21023" spans="14:14">
      <c r="N21023" s="10"/>
    </row>
    <row r="21024" spans="14:14">
      <c r="N21024" s="10"/>
    </row>
    <row r="21025" spans="14:14">
      <c r="N21025" s="10"/>
    </row>
    <row r="21026" spans="14:14">
      <c r="N21026" s="10"/>
    </row>
    <row r="21027" spans="14:14">
      <c r="N21027" s="10"/>
    </row>
    <row r="21028" spans="14:14">
      <c r="N21028" s="10"/>
    </row>
    <row r="21029" spans="14:14">
      <c r="N21029" s="10"/>
    </row>
    <row r="21030" spans="14:14">
      <c r="N21030" s="10"/>
    </row>
    <row r="21031" spans="14:14">
      <c r="N21031" s="10"/>
    </row>
    <row r="21032" spans="14:14">
      <c r="N21032" s="10"/>
    </row>
    <row r="21033" spans="14:14">
      <c r="N21033" s="10"/>
    </row>
    <row r="21034" spans="14:14">
      <c r="N21034" s="10"/>
    </row>
    <row r="21035" spans="14:14">
      <c r="N21035" s="10"/>
    </row>
    <row r="21036" spans="14:14">
      <c r="N21036" s="10"/>
    </row>
    <row r="21037" spans="14:14">
      <c r="N21037" s="10"/>
    </row>
    <row r="21038" spans="14:14">
      <c r="N21038" s="10"/>
    </row>
    <row r="21039" spans="14:14">
      <c r="N21039" s="10"/>
    </row>
    <row r="21040" spans="14:14">
      <c r="N21040" s="10"/>
    </row>
    <row r="21041" spans="14:14">
      <c r="N21041" s="10"/>
    </row>
    <row r="21042" spans="14:14">
      <c r="N21042" s="10"/>
    </row>
    <row r="21043" spans="14:14">
      <c r="N21043" s="10"/>
    </row>
    <row r="21044" spans="14:14">
      <c r="N21044" s="10"/>
    </row>
    <row r="21045" spans="14:14">
      <c r="N21045" s="10"/>
    </row>
    <row r="21046" spans="14:14">
      <c r="N21046" s="10"/>
    </row>
    <row r="21047" spans="14:14">
      <c r="N21047" s="10"/>
    </row>
    <row r="21048" spans="14:14">
      <c r="N21048" s="10"/>
    </row>
    <row r="21049" spans="14:14">
      <c r="N21049" s="10"/>
    </row>
    <row r="21050" spans="14:14">
      <c r="N21050" s="10"/>
    </row>
    <row r="21051" spans="14:14">
      <c r="N21051" s="10"/>
    </row>
    <row r="21052" spans="14:14">
      <c r="N21052" s="10"/>
    </row>
    <row r="21053" spans="14:14">
      <c r="N21053" s="10"/>
    </row>
    <row r="21054" spans="14:14">
      <c r="N21054" s="10"/>
    </row>
    <row r="21055" spans="14:14">
      <c r="N21055" s="10"/>
    </row>
    <row r="21056" spans="14:14">
      <c r="N21056" s="10"/>
    </row>
    <row r="21057" spans="14:14">
      <c r="N21057" s="10"/>
    </row>
    <row r="21058" spans="14:14">
      <c r="N21058" s="10"/>
    </row>
    <row r="21059" spans="14:14">
      <c r="N21059" s="10"/>
    </row>
    <row r="21060" spans="14:14">
      <c r="N21060" s="10"/>
    </row>
    <row r="21061" spans="14:14">
      <c r="N21061" s="10"/>
    </row>
    <row r="21062" spans="14:14">
      <c r="N21062" s="10"/>
    </row>
    <row r="21063" spans="14:14">
      <c r="N21063" s="10"/>
    </row>
    <row r="21064" spans="14:14">
      <c r="N21064" s="10"/>
    </row>
    <row r="21065" spans="14:14">
      <c r="N21065" s="10"/>
    </row>
    <row r="21066" spans="14:14">
      <c r="N21066" s="10"/>
    </row>
    <row r="21067" spans="14:14">
      <c r="N21067" s="10"/>
    </row>
    <row r="21068" spans="14:14">
      <c r="N21068" s="10"/>
    </row>
    <row r="21069" spans="14:14">
      <c r="N21069" s="10"/>
    </row>
    <row r="21070" spans="14:14">
      <c r="N21070" s="10"/>
    </row>
    <row r="21071" spans="14:14">
      <c r="N21071" s="10"/>
    </row>
    <row r="21072" spans="14:14">
      <c r="N21072" s="10"/>
    </row>
    <row r="21073" spans="14:14">
      <c r="N21073" s="10"/>
    </row>
    <row r="21074" spans="14:14">
      <c r="N21074" s="10"/>
    </row>
    <row r="21075" spans="14:14">
      <c r="N21075" s="10"/>
    </row>
    <row r="21076" spans="14:14">
      <c r="N21076" s="10"/>
    </row>
    <row r="21077" spans="14:14">
      <c r="N21077" s="10"/>
    </row>
    <row r="21078" spans="14:14">
      <c r="N21078" s="10"/>
    </row>
    <row r="21079" spans="14:14">
      <c r="N21079" s="10"/>
    </row>
    <row r="21080" spans="14:14">
      <c r="N21080" s="10"/>
    </row>
    <row r="21081" spans="14:14">
      <c r="N21081" s="10"/>
    </row>
    <row r="21082" spans="14:14">
      <c r="N21082" s="10"/>
    </row>
    <row r="21083" spans="14:14">
      <c r="N21083" s="10"/>
    </row>
    <row r="21084" spans="14:14">
      <c r="N21084" s="10"/>
    </row>
    <row r="21085" spans="14:14">
      <c r="N21085" s="10"/>
    </row>
    <row r="21086" spans="14:14">
      <c r="N21086" s="10"/>
    </row>
    <row r="21087" spans="14:14">
      <c r="N21087" s="10"/>
    </row>
    <row r="21088" spans="14:14">
      <c r="N21088" s="10"/>
    </row>
    <row r="21089" spans="14:14">
      <c r="N21089" s="10"/>
    </row>
    <row r="21090" spans="14:14">
      <c r="N21090" s="10"/>
    </row>
    <row r="21091" spans="14:14">
      <c r="N21091" s="10"/>
    </row>
    <row r="21092" spans="14:14">
      <c r="N21092" s="10"/>
    </row>
    <row r="21093" spans="14:14">
      <c r="N21093" s="10"/>
    </row>
    <row r="21094" spans="14:14">
      <c r="N21094" s="10"/>
    </row>
    <row r="21095" spans="14:14">
      <c r="N21095" s="10"/>
    </row>
    <row r="21096" spans="14:14">
      <c r="N21096" s="10"/>
    </row>
    <row r="21097" spans="14:14">
      <c r="N21097" s="10"/>
    </row>
    <row r="21098" spans="14:14">
      <c r="N21098" s="10"/>
    </row>
    <row r="21099" spans="14:14">
      <c r="N21099" s="10"/>
    </row>
    <row r="21100" spans="14:14">
      <c r="N21100" s="10"/>
    </row>
    <row r="21101" spans="14:14">
      <c r="N21101" s="10"/>
    </row>
    <row r="21102" spans="14:14">
      <c r="N21102" s="10"/>
    </row>
    <row r="21103" spans="14:14">
      <c r="N21103" s="10"/>
    </row>
    <row r="21104" spans="14:14">
      <c r="N21104" s="10"/>
    </row>
    <row r="21105" spans="14:14">
      <c r="N21105" s="10"/>
    </row>
    <row r="21106" spans="14:14">
      <c r="N21106" s="10"/>
    </row>
    <row r="21107" spans="14:14">
      <c r="N21107" s="10"/>
    </row>
    <row r="21108" spans="14:14">
      <c r="N21108" s="10"/>
    </row>
    <row r="21109" spans="14:14">
      <c r="N21109" s="10"/>
    </row>
    <row r="21110" spans="14:14">
      <c r="N21110" s="10"/>
    </row>
    <row r="21111" spans="14:14">
      <c r="N21111" s="10"/>
    </row>
    <row r="21112" spans="14:14">
      <c r="N21112" s="10"/>
    </row>
    <row r="21113" spans="14:14">
      <c r="N21113" s="10"/>
    </row>
    <row r="21114" spans="14:14">
      <c r="N21114" s="10"/>
    </row>
    <row r="21115" spans="14:14">
      <c r="N21115" s="10"/>
    </row>
    <row r="21116" spans="14:14">
      <c r="N21116" s="10"/>
    </row>
    <row r="21117" spans="14:14">
      <c r="N21117" s="10"/>
    </row>
    <row r="21118" spans="14:14">
      <c r="N21118" s="10"/>
    </row>
    <row r="21119" spans="14:14">
      <c r="N21119" s="10"/>
    </row>
    <row r="21120" spans="14:14">
      <c r="N21120" s="10"/>
    </row>
    <row r="21121" spans="14:14">
      <c r="N21121" s="10"/>
    </row>
    <row r="21122" spans="14:14">
      <c r="N21122" s="10"/>
    </row>
    <row r="21123" spans="14:14">
      <c r="N21123" s="10"/>
    </row>
    <row r="21124" spans="14:14">
      <c r="N21124" s="10"/>
    </row>
    <row r="21125" spans="14:14">
      <c r="N21125" s="10"/>
    </row>
    <row r="21126" spans="14:14">
      <c r="N21126" s="10"/>
    </row>
    <row r="21127" spans="14:14">
      <c r="N21127" s="10"/>
    </row>
    <row r="21128" spans="14:14">
      <c r="N21128" s="10"/>
    </row>
    <row r="21129" spans="14:14">
      <c r="N21129" s="10"/>
    </row>
    <row r="21130" spans="14:14">
      <c r="N21130" s="10"/>
    </row>
    <row r="21131" spans="14:14">
      <c r="N21131" s="10"/>
    </row>
    <row r="21132" spans="14:14">
      <c r="N21132" s="10"/>
    </row>
    <row r="21133" spans="14:14">
      <c r="N21133" s="10"/>
    </row>
    <row r="21134" spans="14:14">
      <c r="N21134" s="10"/>
    </row>
    <row r="21135" spans="14:14">
      <c r="N21135" s="10"/>
    </row>
    <row r="21136" spans="14:14">
      <c r="N21136" s="10"/>
    </row>
    <row r="21137" spans="14:14">
      <c r="N21137" s="10"/>
    </row>
    <row r="21138" spans="14:14">
      <c r="N21138" s="10"/>
    </row>
    <row r="21139" spans="14:14">
      <c r="N21139" s="10"/>
    </row>
    <row r="21140" spans="14:14">
      <c r="N21140" s="10"/>
    </row>
    <row r="21141" spans="14:14">
      <c r="N21141" s="10"/>
    </row>
    <row r="21142" spans="14:14">
      <c r="N21142" s="10"/>
    </row>
    <row r="21143" spans="14:14">
      <c r="N21143" s="10"/>
    </row>
    <row r="21144" spans="14:14">
      <c r="N21144" s="10"/>
    </row>
    <row r="21145" spans="14:14">
      <c r="N21145" s="10"/>
    </row>
    <row r="21146" spans="14:14">
      <c r="N21146" s="10"/>
    </row>
    <row r="21147" spans="14:14">
      <c r="N21147" s="10"/>
    </row>
    <row r="21148" spans="14:14">
      <c r="N21148" s="10"/>
    </row>
    <row r="21149" spans="14:14">
      <c r="N21149" s="10"/>
    </row>
    <row r="21150" spans="14:14">
      <c r="N21150" s="10"/>
    </row>
    <row r="21151" spans="14:14">
      <c r="N21151" s="10"/>
    </row>
    <row r="21152" spans="14:14">
      <c r="N21152" s="10"/>
    </row>
    <row r="21153" spans="14:14">
      <c r="N21153" s="10"/>
    </row>
    <row r="21154" spans="14:14">
      <c r="N21154" s="10"/>
    </row>
    <row r="21155" spans="14:14">
      <c r="N21155" s="10"/>
    </row>
    <row r="21156" spans="14:14">
      <c r="N21156" s="10"/>
    </row>
    <row r="21157" spans="14:14">
      <c r="N21157" s="10"/>
    </row>
    <row r="21158" spans="14:14">
      <c r="N21158" s="10"/>
    </row>
    <row r="21159" spans="14:14">
      <c r="N21159" s="10"/>
    </row>
    <row r="21160" spans="14:14">
      <c r="N21160" s="10"/>
    </row>
    <row r="21161" spans="14:14">
      <c r="N21161" s="10"/>
    </row>
    <row r="21162" spans="14:14">
      <c r="N21162" s="10"/>
    </row>
    <row r="21163" spans="14:14">
      <c r="N21163" s="10"/>
    </row>
    <row r="21164" spans="14:14">
      <c r="N21164" s="10"/>
    </row>
    <row r="21165" spans="14:14">
      <c r="N21165" s="10"/>
    </row>
    <row r="21166" spans="14:14">
      <c r="N21166" s="10"/>
    </row>
    <row r="21167" spans="14:14">
      <c r="N21167" s="10"/>
    </row>
    <row r="21168" spans="14:14">
      <c r="N21168" s="10"/>
    </row>
    <row r="21169" spans="14:14">
      <c r="N21169" s="10"/>
    </row>
    <row r="21170" spans="14:14">
      <c r="N21170" s="10"/>
    </row>
    <row r="21171" spans="14:14">
      <c r="N21171" s="10"/>
    </row>
    <row r="21172" spans="14:14">
      <c r="N21172" s="10"/>
    </row>
    <row r="21173" spans="14:14">
      <c r="N21173" s="10"/>
    </row>
    <row r="21174" spans="14:14">
      <c r="N21174" s="10"/>
    </row>
    <row r="21175" spans="14:14">
      <c r="N21175" s="10"/>
    </row>
    <row r="21176" spans="14:14">
      <c r="N21176" s="10"/>
    </row>
    <row r="21177" spans="14:14">
      <c r="N21177" s="10"/>
    </row>
    <row r="21178" spans="14:14">
      <c r="N21178" s="10"/>
    </row>
    <row r="21179" spans="14:14">
      <c r="N21179" s="10"/>
    </row>
    <row r="21180" spans="14:14">
      <c r="N21180" s="10"/>
    </row>
    <row r="21181" spans="14:14">
      <c r="N21181" s="10"/>
    </row>
    <row r="21182" spans="14:14">
      <c r="N21182" s="10"/>
    </row>
    <row r="21183" spans="14:14">
      <c r="N21183" s="10"/>
    </row>
    <row r="21184" spans="14:14">
      <c r="N21184" s="10"/>
    </row>
    <row r="21185" spans="14:14">
      <c r="N21185" s="10"/>
    </row>
    <row r="21186" spans="14:14">
      <c r="N21186" s="10"/>
    </row>
    <row r="21187" spans="14:14">
      <c r="N21187" s="10"/>
    </row>
    <row r="21188" spans="14:14">
      <c r="N21188" s="10"/>
    </row>
    <row r="21189" spans="14:14">
      <c r="N21189" s="10"/>
    </row>
    <row r="21190" spans="14:14">
      <c r="N21190" s="10"/>
    </row>
    <row r="21191" spans="14:14">
      <c r="N21191" s="10"/>
    </row>
    <row r="21192" spans="14:14">
      <c r="N21192" s="10"/>
    </row>
    <row r="21193" spans="14:14">
      <c r="N21193" s="10"/>
    </row>
    <row r="21194" spans="14:14">
      <c r="N21194" s="10"/>
    </row>
    <row r="21195" spans="14:14">
      <c r="N21195" s="10"/>
    </row>
    <row r="21196" spans="14:14">
      <c r="N21196" s="10"/>
    </row>
    <row r="21197" spans="14:14">
      <c r="N21197" s="10"/>
    </row>
    <row r="21198" spans="14:14">
      <c r="N21198" s="10"/>
    </row>
    <row r="21199" spans="14:14">
      <c r="N21199" s="10"/>
    </row>
    <row r="21200" spans="14:14">
      <c r="N21200" s="10"/>
    </row>
    <row r="21201" spans="14:14">
      <c r="N21201" s="10"/>
    </row>
    <row r="21202" spans="14:14">
      <c r="N21202" s="10"/>
    </row>
    <row r="21203" spans="14:14">
      <c r="N21203" s="10"/>
    </row>
    <row r="21204" spans="14:14">
      <c r="N21204" s="10"/>
    </row>
    <row r="21205" spans="14:14">
      <c r="N21205" s="10"/>
    </row>
    <row r="21206" spans="14:14">
      <c r="N21206" s="10"/>
    </row>
    <row r="21207" spans="14:14">
      <c r="N21207" s="10"/>
    </row>
    <row r="21208" spans="14:14">
      <c r="N21208" s="10"/>
    </row>
    <row r="21209" spans="14:14">
      <c r="N21209" s="10"/>
    </row>
    <row r="21210" spans="14:14">
      <c r="N21210" s="10"/>
    </row>
    <row r="21211" spans="14:14">
      <c r="N21211" s="10"/>
    </row>
    <row r="21212" spans="14:14">
      <c r="N21212" s="10"/>
    </row>
    <row r="21213" spans="14:14">
      <c r="N21213" s="10"/>
    </row>
    <row r="21214" spans="14:14">
      <c r="N21214" s="10"/>
    </row>
    <row r="21215" spans="14:14">
      <c r="N21215" s="10"/>
    </row>
    <row r="21216" spans="14:14">
      <c r="N21216" s="10"/>
    </row>
    <row r="21217" spans="14:14">
      <c r="N21217" s="10"/>
    </row>
    <row r="21218" spans="14:14">
      <c r="N21218" s="10"/>
    </row>
    <row r="21219" spans="14:14">
      <c r="N21219" s="10"/>
    </row>
    <row r="21220" spans="14:14">
      <c r="N21220" s="10"/>
    </row>
    <row r="21221" spans="14:14">
      <c r="N21221" s="10"/>
    </row>
    <row r="21222" spans="14:14">
      <c r="N21222" s="10"/>
    </row>
    <row r="21223" spans="14:14">
      <c r="N21223" s="10"/>
    </row>
    <row r="21224" spans="14:14">
      <c r="N21224" s="10"/>
    </row>
    <row r="21225" spans="14:14">
      <c r="N21225" s="10"/>
    </row>
    <row r="21226" spans="14:14">
      <c r="N21226" s="10"/>
    </row>
    <row r="21227" spans="14:14">
      <c r="N21227" s="10"/>
    </row>
    <row r="21228" spans="14:14">
      <c r="N21228" s="10"/>
    </row>
    <row r="21229" spans="14:14">
      <c r="N21229" s="10"/>
    </row>
    <row r="21230" spans="14:14">
      <c r="N21230" s="10"/>
    </row>
    <row r="21231" spans="14:14">
      <c r="N21231" s="10"/>
    </row>
    <row r="21232" spans="14:14">
      <c r="N21232" s="10"/>
    </row>
    <row r="21233" spans="14:14">
      <c r="N21233" s="10"/>
    </row>
    <row r="21234" spans="14:14">
      <c r="N21234" s="10"/>
    </row>
    <row r="21235" spans="14:14">
      <c r="N21235" s="10"/>
    </row>
    <row r="21236" spans="14:14">
      <c r="N21236" s="10"/>
    </row>
    <row r="21237" spans="14:14">
      <c r="N21237" s="10"/>
    </row>
    <row r="21238" spans="14:14">
      <c r="N21238" s="10"/>
    </row>
    <row r="21239" spans="14:14">
      <c r="N21239" s="10"/>
    </row>
    <row r="21240" spans="14:14">
      <c r="N21240" s="10"/>
    </row>
    <row r="21241" spans="14:14">
      <c r="N21241" s="10"/>
    </row>
    <row r="21242" spans="14:14">
      <c r="N21242" s="10"/>
    </row>
    <row r="21243" spans="14:14">
      <c r="N21243" s="10"/>
    </row>
    <row r="21244" spans="14:14">
      <c r="N21244" s="10"/>
    </row>
    <row r="21245" spans="14:14">
      <c r="N21245" s="10"/>
    </row>
    <row r="21246" spans="14:14">
      <c r="N21246" s="10"/>
    </row>
    <row r="21247" spans="14:14">
      <c r="N21247" s="10"/>
    </row>
    <row r="21248" spans="14:14">
      <c r="N21248" s="10"/>
    </row>
    <row r="21249" spans="14:14">
      <c r="N21249" s="10"/>
    </row>
    <row r="21250" spans="14:14">
      <c r="N21250" s="10"/>
    </row>
    <row r="21251" spans="14:14">
      <c r="N21251" s="10"/>
    </row>
    <row r="21252" spans="14:14">
      <c r="N21252" s="10"/>
    </row>
    <row r="21253" spans="14:14">
      <c r="N21253" s="10"/>
    </row>
    <row r="21254" spans="14:14">
      <c r="N21254" s="10"/>
    </row>
    <row r="21255" spans="14:14">
      <c r="N21255" s="10"/>
    </row>
    <row r="21256" spans="14:14">
      <c r="N21256" s="10"/>
    </row>
    <row r="21257" spans="14:14">
      <c r="N21257" s="10"/>
    </row>
    <row r="21258" spans="14:14">
      <c r="N21258" s="10"/>
    </row>
    <row r="21259" spans="14:14">
      <c r="N21259" s="10"/>
    </row>
    <row r="21260" spans="14:14">
      <c r="N21260" s="10"/>
    </row>
    <row r="21261" spans="14:14">
      <c r="N21261" s="10"/>
    </row>
    <row r="21262" spans="14:14">
      <c r="N21262" s="10"/>
    </row>
    <row r="21263" spans="14:14">
      <c r="N21263" s="10"/>
    </row>
    <row r="21264" spans="14:14">
      <c r="N21264" s="10"/>
    </row>
    <row r="21265" spans="14:14">
      <c r="N21265" s="10"/>
    </row>
    <row r="21266" spans="14:14">
      <c r="N21266" s="10"/>
    </row>
    <row r="21267" spans="14:14">
      <c r="N21267" s="10"/>
    </row>
    <row r="21268" spans="14:14">
      <c r="N21268" s="10"/>
    </row>
    <row r="21269" spans="14:14">
      <c r="N21269" s="10"/>
    </row>
    <row r="21270" spans="14:14">
      <c r="N21270" s="10"/>
    </row>
    <row r="21271" spans="14:14">
      <c r="N21271" s="10"/>
    </row>
    <row r="21272" spans="14:14">
      <c r="N21272" s="10"/>
    </row>
    <row r="21273" spans="14:14">
      <c r="N21273" s="10"/>
    </row>
    <row r="21274" spans="14:14">
      <c r="N21274" s="10"/>
    </row>
    <row r="21275" spans="14:14">
      <c r="N21275" s="10"/>
    </row>
    <row r="21276" spans="14:14">
      <c r="N21276" s="10"/>
    </row>
    <row r="21277" spans="14:14">
      <c r="N21277" s="10"/>
    </row>
    <row r="21278" spans="14:14">
      <c r="N21278" s="10"/>
    </row>
    <row r="21279" spans="14:14">
      <c r="N21279" s="10"/>
    </row>
    <row r="21280" spans="14:14">
      <c r="N21280" s="10"/>
    </row>
    <row r="21281" spans="14:14">
      <c r="N21281" s="10"/>
    </row>
    <row r="21282" spans="14:14">
      <c r="N21282" s="10"/>
    </row>
    <row r="21283" spans="14:14">
      <c r="N21283" s="10"/>
    </row>
    <row r="21284" spans="14:14">
      <c r="N21284" s="10"/>
    </row>
    <row r="21285" spans="14:14">
      <c r="N21285" s="10"/>
    </row>
    <row r="21286" spans="14:14">
      <c r="N21286" s="10"/>
    </row>
    <row r="21287" spans="14:14">
      <c r="N21287" s="10"/>
    </row>
    <row r="21288" spans="14:14">
      <c r="N21288" s="10"/>
    </row>
    <row r="21289" spans="14:14">
      <c r="N21289" s="10"/>
    </row>
    <row r="21290" spans="14:14">
      <c r="N21290" s="10"/>
    </row>
    <row r="21291" spans="14:14">
      <c r="N21291" s="10"/>
    </row>
    <row r="21292" spans="14:14">
      <c r="N21292" s="10"/>
    </row>
    <row r="21293" spans="14:14">
      <c r="N21293" s="10"/>
    </row>
    <row r="21294" spans="14:14">
      <c r="N21294" s="10"/>
    </row>
    <row r="21295" spans="14:14">
      <c r="N21295" s="10"/>
    </row>
    <row r="21296" spans="14:14">
      <c r="N21296" s="10"/>
    </row>
    <row r="21297" spans="14:14">
      <c r="N21297" s="10"/>
    </row>
    <row r="21298" spans="14:14">
      <c r="N21298" s="10"/>
    </row>
    <row r="21299" spans="14:14">
      <c r="N21299" s="10"/>
    </row>
    <row r="21300" spans="14:14">
      <c r="N21300" s="10"/>
    </row>
    <row r="21301" spans="14:14">
      <c r="N21301" s="10"/>
    </row>
    <row r="21302" spans="14:14">
      <c r="N21302" s="10"/>
    </row>
    <row r="21303" spans="14:14">
      <c r="N21303" s="10"/>
    </row>
    <row r="21304" spans="14:14">
      <c r="N21304" s="10"/>
    </row>
    <row r="21305" spans="14:14">
      <c r="N21305" s="10"/>
    </row>
    <row r="21306" spans="14:14">
      <c r="N21306" s="10"/>
    </row>
    <row r="21307" spans="14:14">
      <c r="N21307" s="10"/>
    </row>
    <row r="21308" spans="14:14">
      <c r="N21308" s="10"/>
    </row>
    <row r="21309" spans="14:14">
      <c r="N21309" s="10"/>
    </row>
    <row r="21310" spans="14:14">
      <c r="N21310" s="10"/>
    </row>
    <row r="21311" spans="14:14">
      <c r="N21311" s="10"/>
    </row>
    <row r="21312" spans="14:14">
      <c r="N21312" s="10"/>
    </row>
    <row r="21313" spans="14:14">
      <c r="N21313" s="10"/>
    </row>
    <row r="21314" spans="14:14">
      <c r="N21314" s="10"/>
    </row>
    <row r="21315" spans="14:14">
      <c r="N21315" s="10"/>
    </row>
    <row r="21316" spans="14:14">
      <c r="N21316" s="10"/>
    </row>
    <row r="21317" spans="14:14">
      <c r="N21317" s="10"/>
    </row>
    <row r="21318" spans="14:14">
      <c r="N21318" s="10"/>
    </row>
    <row r="21319" spans="14:14">
      <c r="N21319" s="10"/>
    </row>
    <row r="21320" spans="14:14">
      <c r="N21320" s="10"/>
    </row>
    <row r="21321" spans="14:14">
      <c r="N21321" s="10"/>
    </row>
    <row r="21322" spans="14:14">
      <c r="N21322" s="10"/>
    </row>
    <row r="21323" spans="14:14">
      <c r="N21323" s="10"/>
    </row>
    <row r="21324" spans="14:14">
      <c r="N21324" s="10"/>
    </row>
    <row r="21325" spans="14:14">
      <c r="N21325" s="10"/>
    </row>
    <row r="21326" spans="14:14">
      <c r="N21326" s="10"/>
    </row>
    <row r="21327" spans="14:14">
      <c r="N21327" s="10"/>
    </row>
    <row r="21328" spans="14:14">
      <c r="N21328" s="10"/>
    </row>
    <row r="21329" spans="14:14">
      <c r="N21329" s="10"/>
    </row>
    <row r="21330" spans="14:14">
      <c r="N21330" s="10"/>
    </row>
    <row r="21331" spans="14:14">
      <c r="N21331" s="10"/>
    </row>
    <row r="21332" spans="14:14">
      <c r="N21332" s="10"/>
    </row>
    <row r="21333" spans="14:14">
      <c r="N21333" s="10"/>
    </row>
    <row r="21334" spans="14:14">
      <c r="N21334" s="10"/>
    </row>
    <row r="21335" spans="14:14">
      <c r="N21335" s="10"/>
    </row>
    <row r="21336" spans="14:14">
      <c r="N21336" s="10"/>
    </row>
    <row r="21337" spans="14:14">
      <c r="N21337" s="10"/>
    </row>
    <row r="21338" spans="14:14">
      <c r="N21338" s="10"/>
    </row>
    <row r="21339" spans="14:14">
      <c r="N21339" s="10"/>
    </row>
    <row r="21340" spans="14:14">
      <c r="N21340" s="10"/>
    </row>
    <row r="21341" spans="14:14">
      <c r="N21341" s="10"/>
    </row>
    <row r="21342" spans="14:14">
      <c r="N21342" s="10"/>
    </row>
    <row r="21343" spans="14:14">
      <c r="N21343" s="10"/>
    </row>
    <row r="21344" spans="14:14">
      <c r="N21344" s="10"/>
    </row>
    <row r="21345" spans="14:14">
      <c r="N21345" s="10"/>
    </row>
    <row r="21346" spans="14:14">
      <c r="N21346" s="10"/>
    </row>
    <row r="21347" spans="14:14">
      <c r="N21347" s="10"/>
    </row>
    <row r="21348" spans="14:14">
      <c r="N21348" s="10"/>
    </row>
    <row r="21349" spans="14:14">
      <c r="N21349" s="10"/>
    </row>
    <row r="21350" spans="14:14">
      <c r="N21350" s="10"/>
    </row>
    <row r="21351" spans="14:14">
      <c r="N21351" s="10"/>
    </row>
    <row r="21352" spans="14:14">
      <c r="N21352" s="10"/>
    </row>
    <row r="21353" spans="14:14">
      <c r="N21353" s="10"/>
    </row>
    <row r="21354" spans="14:14">
      <c r="N21354" s="10"/>
    </row>
    <row r="21355" spans="14:14">
      <c r="N21355" s="10"/>
    </row>
    <row r="21356" spans="14:14">
      <c r="N21356" s="10"/>
    </row>
    <row r="21357" spans="14:14">
      <c r="N21357" s="10"/>
    </row>
    <row r="21358" spans="14:14">
      <c r="N21358" s="10"/>
    </row>
    <row r="21359" spans="14:14">
      <c r="N21359" s="10"/>
    </row>
    <row r="21360" spans="14:14">
      <c r="N21360" s="10"/>
    </row>
    <row r="21361" spans="14:14">
      <c r="N21361" s="10"/>
    </row>
    <row r="21362" spans="14:14">
      <c r="N21362" s="10"/>
    </row>
    <row r="21363" spans="14:14">
      <c r="N21363" s="10"/>
    </row>
    <row r="21364" spans="14:14">
      <c r="N21364" s="10"/>
    </row>
    <row r="21365" spans="14:14">
      <c r="N21365" s="10"/>
    </row>
    <row r="21366" spans="14:14">
      <c r="N21366" s="10"/>
    </row>
    <row r="21367" spans="14:14">
      <c r="N21367" s="10"/>
    </row>
    <row r="21368" spans="14:14">
      <c r="N21368" s="10"/>
    </row>
    <row r="21369" spans="14:14">
      <c r="N21369" s="10"/>
    </row>
    <row r="21370" spans="14:14">
      <c r="N21370" s="10"/>
    </row>
    <row r="21371" spans="14:14">
      <c r="N21371" s="10"/>
    </row>
    <row r="21372" spans="14:14">
      <c r="N21372" s="10"/>
    </row>
    <row r="21373" spans="14:14">
      <c r="N21373" s="10"/>
    </row>
    <row r="21374" spans="14:14">
      <c r="N21374" s="10"/>
    </row>
    <row r="21375" spans="14:14">
      <c r="N21375" s="10"/>
    </row>
    <row r="21376" spans="14:14">
      <c r="N21376" s="10"/>
    </row>
    <row r="21377" spans="14:14">
      <c r="N21377" s="10"/>
    </row>
    <row r="21378" spans="14:14">
      <c r="N21378" s="10"/>
    </row>
    <row r="21379" spans="14:14">
      <c r="N21379" s="10"/>
    </row>
    <row r="21380" spans="14:14">
      <c r="N21380" s="10"/>
    </row>
    <row r="21381" spans="14:14">
      <c r="N21381" s="10"/>
    </row>
    <row r="21382" spans="14:14">
      <c r="N21382" s="10"/>
    </row>
    <row r="21383" spans="14:14">
      <c r="N21383" s="10"/>
    </row>
    <row r="21384" spans="14:14">
      <c r="N21384" s="10"/>
    </row>
    <row r="21385" spans="14:14">
      <c r="N21385" s="10"/>
    </row>
    <row r="21386" spans="14:14">
      <c r="N21386" s="10"/>
    </row>
    <row r="21387" spans="14:14">
      <c r="N21387" s="10"/>
    </row>
    <row r="21388" spans="14:14">
      <c r="N21388" s="10"/>
    </row>
    <row r="21389" spans="14:14">
      <c r="N21389" s="10"/>
    </row>
    <row r="21390" spans="14:14">
      <c r="N21390" s="10"/>
    </row>
    <row r="21391" spans="14:14">
      <c r="N21391" s="10"/>
    </row>
    <row r="21392" spans="14:14">
      <c r="N21392" s="10"/>
    </row>
    <row r="21393" spans="14:14">
      <c r="N21393" s="10"/>
    </row>
    <row r="21394" spans="14:14">
      <c r="N21394" s="10"/>
    </row>
    <row r="21395" spans="14:14">
      <c r="N21395" s="10"/>
    </row>
    <row r="21396" spans="14:14">
      <c r="N21396" s="10"/>
    </row>
    <row r="21397" spans="14:14">
      <c r="N21397" s="10"/>
    </row>
    <row r="21398" spans="14:14">
      <c r="N21398" s="10"/>
    </row>
    <row r="21399" spans="14:14">
      <c r="N21399" s="10"/>
    </row>
    <row r="21400" spans="14:14">
      <c r="N21400" s="10"/>
    </row>
    <row r="21401" spans="14:14">
      <c r="N21401" s="10"/>
    </row>
    <row r="21402" spans="14:14">
      <c r="N21402" s="10"/>
    </row>
    <row r="21403" spans="14:14">
      <c r="N21403" s="10"/>
    </row>
    <row r="21404" spans="14:14">
      <c r="N21404" s="10"/>
    </row>
    <row r="21405" spans="14:14">
      <c r="N21405" s="10"/>
    </row>
    <row r="21406" spans="14:14">
      <c r="N21406" s="10"/>
    </row>
    <row r="21407" spans="14:14">
      <c r="N21407" s="10"/>
    </row>
    <row r="21408" spans="14:14">
      <c r="N21408" s="10"/>
    </row>
    <row r="21409" spans="14:14">
      <c r="N21409" s="10"/>
    </row>
    <row r="21410" spans="14:14">
      <c r="N21410" s="10"/>
    </row>
    <row r="21411" spans="14:14">
      <c r="N21411" s="10"/>
    </row>
    <row r="21412" spans="14:14">
      <c r="N21412" s="10"/>
    </row>
    <row r="21413" spans="14:14">
      <c r="N21413" s="10"/>
    </row>
    <row r="21414" spans="14:14">
      <c r="N21414" s="10"/>
    </row>
    <row r="21415" spans="14:14">
      <c r="N21415" s="10"/>
    </row>
    <row r="21416" spans="14:14">
      <c r="N21416" s="10"/>
    </row>
    <row r="21417" spans="14:14">
      <c r="N21417" s="10"/>
    </row>
    <row r="21418" spans="14:14">
      <c r="N21418" s="10"/>
    </row>
    <row r="21419" spans="14:14">
      <c r="N21419" s="10"/>
    </row>
    <row r="21420" spans="14:14">
      <c r="N21420" s="10"/>
    </row>
    <row r="21421" spans="14:14">
      <c r="N21421" s="10"/>
    </row>
    <row r="21422" spans="14:14">
      <c r="N21422" s="10"/>
    </row>
    <row r="21423" spans="14:14">
      <c r="N21423" s="10"/>
    </row>
    <row r="21424" spans="14:14">
      <c r="N21424" s="10"/>
    </row>
    <row r="21425" spans="14:14">
      <c r="N21425" s="10"/>
    </row>
    <row r="21426" spans="14:14">
      <c r="N21426" s="10"/>
    </row>
    <row r="21427" spans="14:14">
      <c r="N21427" s="10"/>
    </row>
    <row r="21428" spans="14:14">
      <c r="N21428" s="10"/>
    </row>
    <row r="21429" spans="14:14">
      <c r="N21429" s="10"/>
    </row>
    <row r="21430" spans="14:14">
      <c r="N21430" s="10"/>
    </row>
    <row r="21431" spans="14:14">
      <c r="N21431" s="10"/>
    </row>
    <row r="21432" spans="14:14">
      <c r="N21432" s="10"/>
    </row>
    <row r="21433" spans="14:14">
      <c r="N21433" s="10"/>
    </row>
    <row r="21434" spans="14:14">
      <c r="N21434" s="10"/>
    </row>
    <row r="21435" spans="14:14">
      <c r="N21435" s="10"/>
    </row>
    <row r="21436" spans="14:14">
      <c r="N21436" s="10"/>
    </row>
    <row r="21437" spans="14:14">
      <c r="N21437" s="10"/>
    </row>
    <row r="21438" spans="14:14">
      <c r="N21438" s="10"/>
    </row>
    <row r="21439" spans="14:14">
      <c r="N21439" s="10"/>
    </row>
    <row r="21440" spans="14:14">
      <c r="N21440" s="10"/>
    </row>
    <row r="21441" spans="14:14">
      <c r="N21441" s="10"/>
    </row>
    <row r="21442" spans="14:14">
      <c r="N21442" s="10"/>
    </row>
    <row r="21443" spans="14:14">
      <c r="N21443" s="10"/>
    </row>
    <row r="21444" spans="14:14">
      <c r="N21444" s="10"/>
    </row>
    <row r="21445" spans="14:14">
      <c r="N21445" s="10"/>
    </row>
    <row r="21446" spans="14:14">
      <c r="N21446" s="10"/>
    </row>
    <row r="21447" spans="14:14">
      <c r="N21447" s="10"/>
    </row>
    <row r="21448" spans="14:14">
      <c r="N21448" s="10"/>
    </row>
    <row r="21449" spans="14:14">
      <c r="N21449" s="10"/>
    </row>
    <row r="21450" spans="14:14">
      <c r="N21450" s="10"/>
    </row>
    <row r="21451" spans="14:14">
      <c r="N21451" s="10"/>
    </row>
    <row r="21452" spans="14:14">
      <c r="N21452" s="10"/>
    </row>
    <row r="21453" spans="14:14">
      <c r="N21453" s="10"/>
    </row>
    <row r="21454" spans="14:14">
      <c r="N21454" s="10"/>
    </row>
    <row r="21455" spans="14:14">
      <c r="N21455" s="10"/>
    </row>
    <row r="21456" spans="14:14">
      <c r="N21456" s="10"/>
    </row>
    <row r="21457" spans="14:14">
      <c r="N21457" s="10"/>
    </row>
    <row r="21458" spans="14:14">
      <c r="N21458" s="10"/>
    </row>
    <row r="21459" spans="14:14">
      <c r="N21459" s="10"/>
    </row>
    <row r="21460" spans="14:14">
      <c r="N21460" s="10"/>
    </row>
    <row r="21461" spans="14:14">
      <c r="N21461" s="10"/>
    </row>
    <row r="21462" spans="14:14">
      <c r="N21462" s="10"/>
    </row>
    <row r="21463" spans="14:14">
      <c r="N21463" s="10"/>
    </row>
    <row r="21464" spans="14:14">
      <c r="N21464" s="10"/>
    </row>
    <row r="21465" spans="14:14">
      <c r="N21465" s="10"/>
    </row>
    <row r="21466" spans="14:14">
      <c r="N21466" s="10"/>
    </row>
    <row r="21467" spans="14:14">
      <c r="N21467" s="10"/>
    </row>
    <row r="21468" spans="14:14">
      <c r="N21468" s="10"/>
    </row>
    <row r="21469" spans="14:14">
      <c r="N21469" s="10"/>
    </row>
    <row r="21470" spans="14:14">
      <c r="N21470" s="10"/>
    </row>
    <row r="21471" spans="14:14">
      <c r="N21471" s="10"/>
    </row>
    <row r="21472" spans="14:14">
      <c r="N21472" s="10"/>
    </row>
    <row r="21473" spans="14:14">
      <c r="N21473" s="10"/>
    </row>
    <row r="21474" spans="14:14">
      <c r="N21474" s="10"/>
    </row>
    <row r="21475" spans="14:14">
      <c r="N21475" s="10"/>
    </row>
    <row r="21476" spans="14:14">
      <c r="N21476" s="10"/>
    </row>
    <row r="21477" spans="14:14">
      <c r="N21477" s="10"/>
    </row>
    <row r="21478" spans="14:14">
      <c r="N21478" s="10"/>
    </row>
    <row r="21479" spans="14:14">
      <c r="N21479" s="10"/>
    </row>
    <row r="21480" spans="14:14">
      <c r="N21480" s="10"/>
    </row>
    <row r="21481" spans="14:14">
      <c r="N21481" s="10"/>
    </row>
    <row r="21482" spans="14:14">
      <c r="N21482" s="10"/>
    </row>
    <row r="21483" spans="14:14">
      <c r="N21483" s="10"/>
    </row>
    <row r="21484" spans="14:14">
      <c r="N21484" s="10"/>
    </row>
    <row r="21485" spans="14:14">
      <c r="N21485" s="10"/>
    </row>
    <row r="21486" spans="14:14">
      <c r="N21486" s="10"/>
    </row>
    <row r="21487" spans="14:14">
      <c r="N21487" s="10"/>
    </row>
    <row r="21488" spans="14:14">
      <c r="N21488" s="10"/>
    </row>
    <row r="21489" spans="14:14">
      <c r="N21489" s="10"/>
    </row>
    <row r="21490" spans="14:14">
      <c r="N21490" s="10"/>
    </row>
    <row r="21491" spans="14:14">
      <c r="N21491" s="10"/>
    </row>
    <row r="21492" spans="14:14">
      <c r="N21492" s="10"/>
    </row>
    <row r="21493" spans="14:14">
      <c r="N21493" s="10"/>
    </row>
    <row r="21494" spans="14:14">
      <c r="N21494" s="10"/>
    </row>
    <row r="21495" spans="14:14">
      <c r="N21495" s="10"/>
    </row>
    <row r="21496" spans="14:14">
      <c r="N21496" s="10"/>
    </row>
    <row r="21497" spans="14:14">
      <c r="N21497" s="10"/>
    </row>
    <row r="21498" spans="14:14">
      <c r="N21498" s="10"/>
    </row>
    <row r="21499" spans="14:14">
      <c r="N21499" s="10"/>
    </row>
    <row r="21500" spans="14:14">
      <c r="N21500" s="10"/>
    </row>
    <row r="21501" spans="14:14">
      <c r="N21501" s="10"/>
    </row>
    <row r="21502" spans="14:14">
      <c r="N21502" s="10"/>
    </row>
    <row r="21503" spans="14:14">
      <c r="N21503" s="10"/>
    </row>
    <row r="21504" spans="14:14">
      <c r="N21504" s="10"/>
    </row>
    <row r="21505" spans="14:14">
      <c r="N21505" s="10"/>
    </row>
    <row r="21506" spans="14:14">
      <c r="N21506" s="10"/>
    </row>
    <row r="21507" spans="14:14">
      <c r="N21507" s="10"/>
    </row>
    <row r="21508" spans="14:14">
      <c r="N21508" s="10"/>
    </row>
    <row r="21509" spans="14:14">
      <c r="N21509" s="10"/>
    </row>
    <row r="21510" spans="14:14">
      <c r="N21510" s="10"/>
    </row>
    <row r="21511" spans="14:14">
      <c r="N21511" s="10"/>
    </row>
    <row r="21512" spans="14:14">
      <c r="N21512" s="10"/>
    </row>
    <row r="21513" spans="14:14">
      <c r="N21513" s="10"/>
    </row>
    <row r="21514" spans="14:14">
      <c r="N21514" s="10"/>
    </row>
    <row r="21515" spans="14:14">
      <c r="N21515" s="10"/>
    </row>
    <row r="21516" spans="14:14">
      <c r="N21516" s="10"/>
    </row>
    <row r="21517" spans="14:14">
      <c r="N21517" s="10"/>
    </row>
    <row r="21518" spans="14:14">
      <c r="N21518" s="10"/>
    </row>
    <row r="21519" spans="14:14">
      <c r="N21519" s="10"/>
    </row>
    <row r="21520" spans="14:14">
      <c r="N21520" s="10"/>
    </row>
    <row r="21521" spans="14:14">
      <c r="N21521" s="10"/>
    </row>
    <row r="21522" spans="14:14">
      <c r="N21522" s="10"/>
    </row>
    <row r="21523" spans="14:14">
      <c r="N21523" s="10"/>
    </row>
    <row r="21524" spans="14:14">
      <c r="N21524" s="10"/>
    </row>
    <row r="21525" spans="14:14">
      <c r="N21525" s="10"/>
    </row>
    <row r="21526" spans="14:14">
      <c r="N21526" s="10"/>
    </row>
    <row r="21527" spans="14:14">
      <c r="N21527" s="10"/>
    </row>
    <row r="21528" spans="14:14">
      <c r="N21528" s="10"/>
    </row>
    <row r="21529" spans="14:14">
      <c r="N21529" s="10"/>
    </row>
    <row r="21530" spans="14:14">
      <c r="N21530" s="10"/>
    </row>
    <row r="21531" spans="14:14">
      <c r="N21531" s="10"/>
    </row>
    <row r="21532" spans="14:14">
      <c r="N21532" s="10"/>
    </row>
    <row r="21533" spans="14:14">
      <c r="N21533" s="10"/>
    </row>
    <row r="21534" spans="14:14">
      <c r="N21534" s="10"/>
    </row>
    <row r="21535" spans="14:14">
      <c r="N21535" s="10"/>
    </row>
    <row r="21536" spans="14:14">
      <c r="N21536" s="10"/>
    </row>
    <row r="21537" spans="14:14">
      <c r="N21537" s="10"/>
    </row>
    <row r="21538" spans="14:14">
      <c r="N21538" s="10"/>
    </row>
    <row r="21539" spans="14:14">
      <c r="N21539" s="10"/>
    </row>
    <row r="21540" spans="14:14">
      <c r="N21540" s="10"/>
    </row>
    <row r="21541" spans="14:14">
      <c r="N21541" s="10"/>
    </row>
    <row r="21542" spans="14:14">
      <c r="N21542" s="10"/>
    </row>
    <row r="21543" spans="14:14">
      <c r="N21543" s="10"/>
    </row>
    <row r="21544" spans="14:14">
      <c r="N21544" s="10"/>
    </row>
    <row r="21545" spans="14:14">
      <c r="N21545" s="10"/>
    </row>
    <row r="21546" spans="14:14">
      <c r="N21546" s="10"/>
    </row>
    <row r="21547" spans="14:14">
      <c r="N21547" s="10"/>
    </row>
    <row r="21548" spans="14:14">
      <c r="N21548" s="10"/>
    </row>
    <row r="21549" spans="14:14">
      <c r="N21549" s="10"/>
    </row>
    <row r="21550" spans="14:14">
      <c r="N21550" s="10"/>
    </row>
    <row r="21551" spans="14:14">
      <c r="N21551" s="10"/>
    </row>
    <row r="21552" spans="14:14">
      <c r="N21552" s="10"/>
    </row>
    <row r="21553" spans="14:14">
      <c r="N21553" s="10"/>
    </row>
    <row r="21554" spans="14:14">
      <c r="N21554" s="10"/>
    </row>
    <row r="21555" spans="14:14">
      <c r="N21555" s="10"/>
    </row>
    <row r="21556" spans="14:14">
      <c r="N21556" s="10"/>
    </row>
    <row r="21557" spans="14:14">
      <c r="N21557" s="10"/>
    </row>
    <row r="21558" spans="14:14">
      <c r="N21558" s="10"/>
    </row>
    <row r="21559" spans="14:14">
      <c r="N21559" s="10"/>
    </row>
    <row r="21560" spans="14:14">
      <c r="N21560" s="10"/>
    </row>
    <row r="21561" spans="14:14">
      <c r="N21561" s="10"/>
    </row>
    <row r="21562" spans="14:14">
      <c r="N21562" s="10"/>
    </row>
    <row r="21563" spans="14:14">
      <c r="N21563" s="10"/>
    </row>
    <row r="21564" spans="14:14">
      <c r="N21564" s="10"/>
    </row>
    <row r="21565" spans="14:14">
      <c r="N21565" s="10"/>
    </row>
    <row r="21566" spans="14:14">
      <c r="N21566" s="10"/>
    </row>
    <row r="21567" spans="14:14">
      <c r="N21567" s="10"/>
    </row>
    <row r="21568" spans="14:14">
      <c r="N21568" s="10"/>
    </row>
    <row r="21569" spans="14:14">
      <c r="N21569" s="10"/>
    </row>
    <row r="21570" spans="14:14">
      <c r="N21570" s="10"/>
    </row>
    <row r="21571" spans="14:14">
      <c r="N21571" s="10"/>
    </row>
    <row r="21572" spans="14:14">
      <c r="N21572" s="10"/>
    </row>
    <row r="21573" spans="14:14">
      <c r="N21573" s="10"/>
    </row>
    <row r="21574" spans="14:14">
      <c r="N21574" s="10"/>
    </row>
    <row r="21575" spans="14:14">
      <c r="N21575" s="10"/>
    </row>
    <row r="21576" spans="14:14">
      <c r="N21576" s="10"/>
    </row>
    <row r="21577" spans="14:14">
      <c r="N21577" s="10"/>
    </row>
    <row r="21578" spans="14:14">
      <c r="N21578" s="10"/>
    </row>
    <row r="21579" spans="14:14">
      <c r="N21579" s="10"/>
    </row>
    <row r="21580" spans="14:14">
      <c r="N21580" s="10"/>
    </row>
    <row r="21581" spans="14:14">
      <c r="N21581" s="10"/>
    </row>
    <row r="21582" spans="14:14">
      <c r="N21582" s="10"/>
    </row>
    <row r="21583" spans="14:14">
      <c r="N21583" s="10"/>
    </row>
    <row r="21584" spans="14:14">
      <c r="N21584" s="10"/>
    </row>
    <row r="21585" spans="14:14">
      <c r="N21585" s="10"/>
    </row>
    <row r="21586" spans="14:14">
      <c r="N21586" s="10"/>
    </row>
    <row r="21587" spans="14:14">
      <c r="N21587" s="10"/>
    </row>
    <row r="21588" spans="14:14">
      <c r="N21588" s="10"/>
    </row>
    <row r="21589" spans="14:14">
      <c r="N21589" s="10"/>
    </row>
    <row r="21590" spans="14:14">
      <c r="N21590" s="10"/>
    </row>
    <row r="21591" spans="14:14">
      <c r="N21591" s="10"/>
    </row>
    <row r="21592" spans="14:14">
      <c r="N21592" s="10"/>
    </row>
    <row r="21593" spans="14:14">
      <c r="N21593" s="10"/>
    </row>
    <row r="21594" spans="14:14">
      <c r="N21594" s="10"/>
    </row>
    <row r="21595" spans="14:14">
      <c r="N21595" s="10"/>
    </row>
    <row r="21596" spans="14:14">
      <c r="N21596" s="10"/>
    </row>
    <row r="21597" spans="14:14">
      <c r="N21597" s="10"/>
    </row>
    <row r="21598" spans="14:14">
      <c r="N21598" s="10"/>
    </row>
    <row r="21599" spans="14:14">
      <c r="N21599" s="10"/>
    </row>
    <row r="21600" spans="14:14">
      <c r="N21600" s="10"/>
    </row>
    <row r="21601" spans="14:14">
      <c r="N21601" s="10"/>
    </row>
    <row r="21602" spans="14:14">
      <c r="N21602" s="10"/>
    </row>
    <row r="21603" spans="14:14">
      <c r="N21603" s="10"/>
    </row>
    <row r="21604" spans="14:14">
      <c r="N21604" s="10"/>
    </row>
    <row r="21605" spans="14:14">
      <c r="N21605" s="10"/>
    </row>
    <row r="21606" spans="14:14">
      <c r="N21606" s="10"/>
    </row>
    <row r="21607" spans="14:14">
      <c r="N21607" s="10"/>
    </row>
    <row r="21608" spans="14:14">
      <c r="N21608" s="10"/>
    </row>
    <row r="21609" spans="14:14">
      <c r="N21609" s="10"/>
    </row>
    <row r="21610" spans="14:14">
      <c r="N21610" s="10"/>
    </row>
    <row r="21611" spans="14:14">
      <c r="N21611" s="10"/>
    </row>
    <row r="21612" spans="14:14">
      <c r="N21612" s="10"/>
    </row>
    <row r="21613" spans="14:14">
      <c r="N21613" s="10"/>
    </row>
    <row r="21614" spans="14:14">
      <c r="N21614" s="10"/>
    </row>
    <row r="21615" spans="14:14">
      <c r="N21615" s="10"/>
    </row>
    <row r="21616" spans="14:14">
      <c r="N21616" s="10"/>
    </row>
    <row r="21617" spans="14:14">
      <c r="N21617" s="10"/>
    </row>
    <row r="21618" spans="14:14">
      <c r="N21618" s="10"/>
    </row>
    <row r="21619" spans="14:14">
      <c r="N21619" s="10"/>
    </row>
    <row r="21620" spans="14:14">
      <c r="N21620" s="10"/>
    </row>
    <row r="21621" spans="14:14">
      <c r="N21621" s="10"/>
    </row>
    <row r="21622" spans="14:14">
      <c r="N21622" s="10"/>
    </row>
    <row r="21623" spans="14:14">
      <c r="N21623" s="10"/>
    </row>
    <row r="21624" spans="14:14">
      <c r="N21624" s="10"/>
    </row>
    <row r="21625" spans="14:14">
      <c r="N21625" s="10"/>
    </row>
    <row r="21626" spans="14:14">
      <c r="N21626" s="10"/>
    </row>
    <row r="21627" spans="14:14">
      <c r="N21627" s="10"/>
    </row>
    <row r="21628" spans="14:14">
      <c r="N21628" s="10"/>
    </row>
    <row r="21629" spans="14:14">
      <c r="N21629" s="10"/>
    </row>
    <row r="21630" spans="14:14">
      <c r="N21630" s="10"/>
    </row>
    <row r="21631" spans="14:14">
      <c r="N21631" s="10"/>
    </row>
    <row r="21632" spans="14:14">
      <c r="N21632" s="10"/>
    </row>
    <row r="21633" spans="14:14">
      <c r="N21633" s="10"/>
    </row>
    <row r="21634" spans="14:14">
      <c r="N21634" s="10"/>
    </row>
    <row r="21635" spans="14:14">
      <c r="N21635" s="10"/>
    </row>
    <row r="21636" spans="14:14">
      <c r="N21636" s="10"/>
    </row>
    <row r="21637" spans="14:14">
      <c r="N21637" s="10"/>
    </row>
    <row r="21638" spans="14:14">
      <c r="N21638" s="10"/>
    </row>
    <row r="21639" spans="14:14">
      <c r="N21639" s="10"/>
    </row>
    <row r="21640" spans="14:14">
      <c r="N21640" s="10"/>
    </row>
    <row r="21641" spans="14:14">
      <c r="N21641" s="10"/>
    </row>
    <row r="21642" spans="14:14">
      <c r="N21642" s="10"/>
    </row>
    <row r="21643" spans="14:14">
      <c r="N21643" s="10"/>
    </row>
    <row r="21644" spans="14:14">
      <c r="N21644" s="10"/>
    </row>
    <row r="21645" spans="14:14">
      <c r="N21645" s="10"/>
    </row>
    <row r="21646" spans="14:14">
      <c r="N21646" s="10"/>
    </row>
    <row r="21647" spans="14:14">
      <c r="N21647" s="10"/>
    </row>
    <row r="21648" spans="14:14">
      <c r="N21648" s="10"/>
    </row>
    <row r="21649" spans="14:14">
      <c r="N21649" s="10"/>
    </row>
    <row r="21650" spans="14:14">
      <c r="N21650" s="10"/>
    </row>
    <row r="21651" spans="14:14">
      <c r="N21651" s="10"/>
    </row>
    <row r="21652" spans="14:14">
      <c r="N21652" s="10"/>
    </row>
    <row r="21653" spans="14:14">
      <c r="N21653" s="10"/>
    </row>
    <row r="21654" spans="14:14">
      <c r="N21654" s="10"/>
    </row>
    <row r="21655" spans="14:14">
      <c r="N21655" s="10"/>
    </row>
    <row r="21656" spans="14:14">
      <c r="N21656" s="10"/>
    </row>
    <row r="21657" spans="14:14">
      <c r="N21657" s="10"/>
    </row>
    <row r="21658" spans="14:14">
      <c r="N21658" s="10"/>
    </row>
    <row r="21659" spans="14:14">
      <c r="N21659" s="10"/>
    </row>
    <row r="21660" spans="14:14">
      <c r="N21660" s="10"/>
    </row>
    <row r="21661" spans="14:14">
      <c r="N21661" s="10"/>
    </row>
    <row r="21662" spans="14:14">
      <c r="N21662" s="10"/>
    </row>
    <row r="21663" spans="14:14">
      <c r="N21663" s="10"/>
    </row>
    <row r="21664" spans="14:14">
      <c r="N21664" s="10"/>
    </row>
    <row r="21665" spans="14:14">
      <c r="N21665" s="10"/>
    </row>
    <row r="21666" spans="14:14">
      <c r="N21666" s="10"/>
    </row>
    <row r="21667" spans="14:14">
      <c r="N21667" s="10"/>
    </row>
    <row r="21668" spans="14:14">
      <c r="N21668" s="10"/>
    </row>
    <row r="21669" spans="14:14">
      <c r="N21669" s="10"/>
    </row>
    <row r="21670" spans="14:14">
      <c r="N21670" s="10"/>
    </row>
    <row r="21671" spans="14:14">
      <c r="N21671" s="10"/>
    </row>
    <row r="21672" spans="14:14">
      <c r="N21672" s="10"/>
    </row>
    <row r="21673" spans="14:14">
      <c r="N21673" s="10"/>
    </row>
    <row r="21674" spans="14:14">
      <c r="N21674" s="10"/>
    </row>
    <row r="21675" spans="14:14">
      <c r="N21675" s="10"/>
    </row>
    <row r="21676" spans="14:14">
      <c r="N21676" s="10"/>
    </row>
    <row r="21677" spans="14:14">
      <c r="N21677" s="10"/>
    </row>
    <row r="21678" spans="14:14">
      <c r="N21678" s="10"/>
    </row>
    <row r="21679" spans="14:14">
      <c r="N21679" s="10"/>
    </row>
    <row r="21680" spans="14:14">
      <c r="N21680" s="10"/>
    </row>
    <row r="21681" spans="14:14">
      <c r="N21681" s="10"/>
    </row>
    <row r="21682" spans="14:14">
      <c r="N21682" s="10"/>
    </row>
    <row r="21683" spans="14:14">
      <c r="N21683" s="10"/>
    </row>
    <row r="21684" spans="14:14">
      <c r="N21684" s="10"/>
    </row>
    <row r="21685" spans="14:14">
      <c r="N21685" s="10"/>
    </row>
    <row r="21686" spans="14:14">
      <c r="N21686" s="10"/>
    </row>
    <row r="21687" spans="14:14">
      <c r="N21687" s="10"/>
    </row>
    <row r="21688" spans="14:14">
      <c r="N21688" s="10"/>
    </row>
    <row r="21689" spans="14:14">
      <c r="N21689" s="10"/>
    </row>
    <row r="21690" spans="14:14">
      <c r="N21690" s="10"/>
    </row>
    <row r="21691" spans="14:14">
      <c r="N21691" s="10"/>
    </row>
    <row r="21692" spans="14:14">
      <c r="N21692" s="10"/>
    </row>
    <row r="21693" spans="14:14">
      <c r="N21693" s="10"/>
    </row>
    <row r="21694" spans="14:14">
      <c r="N21694" s="10"/>
    </row>
    <row r="21695" spans="14:14">
      <c r="N21695" s="10"/>
    </row>
    <row r="21696" spans="14:14">
      <c r="N21696" s="10"/>
    </row>
    <row r="21697" spans="14:14">
      <c r="N21697" s="10"/>
    </row>
    <row r="21698" spans="14:14">
      <c r="N21698" s="10"/>
    </row>
    <row r="21699" spans="14:14">
      <c r="N21699" s="10"/>
    </row>
    <row r="21700" spans="14:14">
      <c r="N21700" s="10"/>
    </row>
    <row r="21701" spans="14:14">
      <c r="N21701" s="10"/>
    </row>
    <row r="21702" spans="14:14">
      <c r="N21702" s="10"/>
    </row>
    <row r="21703" spans="14:14">
      <c r="N21703" s="10"/>
    </row>
    <row r="21704" spans="14:14">
      <c r="N21704" s="10"/>
    </row>
    <row r="21705" spans="14:14">
      <c r="N21705" s="10"/>
    </row>
    <row r="21706" spans="14:14">
      <c r="N21706" s="10"/>
    </row>
    <row r="21707" spans="14:14">
      <c r="N21707" s="10"/>
    </row>
    <row r="21708" spans="14:14">
      <c r="N21708" s="10"/>
    </row>
    <row r="21709" spans="14:14">
      <c r="N21709" s="10"/>
    </row>
    <row r="21710" spans="14:14">
      <c r="N21710" s="10"/>
    </row>
    <row r="21711" spans="14:14">
      <c r="N21711" s="10"/>
    </row>
    <row r="21712" spans="14:14">
      <c r="N21712" s="10"/>
    </row>
    <row r="21713" spans="14:14">
      <c r="N21713" s="10"/>
    </row>
    <row r="21714" spans="14:14">
      <c r="N21714" s="10"/>
    </row>
    <row r="21715" spans="14:14">
      <c r="N21715" s="10"/>
    </row>
    <row r="21716" spans="14:14">
      <c r="N21716" s="10"/>
    </row>
    <row r="21717" spans="14:14">
      <c r="N21717" s="10"/>
    </row>
    <row r="21718" spans="14:14">
      <c r="N21718" s="10"/>
    </row>
    <row r="21719" spans="14:14">
      <c r="N21719" s="10"/>
    </row>
    <row r="21720" spans="14:14">
      <c r="N21720" s="10"/>
    </row>
    <row r="21721" spans="14:14">
      <c r="N21721" s="10"/>
    </row>
    <row r="21722" spans="14:14">
      <c r="N21722" s="10"/>
    </row>
    <row r="21723" spans="14:14">
      <c r="N21723" s="10"/>
    </row>
    <row r="21724" spans="14:14">
      <c r="N21724" s="10"/>
    </row>
    <row r="21725" spans="14:14">
      <c r="N21725" s="10"/>
    </row>
    <row r="21726" spans="14:14">
      <c r="N21726" s="10"/>
    </row>
    <row r="21727" spans="14:14">
      <c r="N21727" s="10"/>
    </row>
    <row r="21728" spans="14:14">
      <c r="N21728" s="10"/>
    </row>
    <row r="21729" spans="14:14">
      <c r="N21729" s="10"/>
    </row>
    <row r="21730" spans="14:14">
      <c r="N21730" s="10"/>
    </row>
    <row r="21731" spans="14:14">
      <c r="N21731" s="10"/>
    </row>
    <row r="21732" spans="14:14">
      <c r="N21732" s="10"/>
    </row>
    <row r="21733" spans="14:14">
      <c r="N21733" s="10"/>
    </row>
    <row r="21734" spans="14:14">
      <c r="N21734" s="10"/>
    </row>
    <row r="21735" spans="14:14">
      <c r="N21735" s="10"/>
    </row>
    <row r="21736" spans="14:14">
      <c r="N21736" s="10"/>
    </row>
    <row r="21737" spans="14:14">
      <c r="N21737" s="10"/>
    </row>
    <row r="21738" spans="14:14">
      <c r="N21738" s="10"/>
    </row>
    <row r="21739" spans="14:14">
      <c r="N21739" s="10"/>
    </row>
    <row r="21740" spans="14:14">
      <c r="N21740" s="10"/>
    </row>
    <row r="21741" spans="14:14">
      <c r="N21741" s="10"/>
    </row>
    <row r="21742" spans="14:14">
      <c r="N21742" s="10"/>
    </row>
    <row r="21743" spans="14:14">
      <c r="N21743" s="10"/>
    </row>
    <row r="21744" spans="14:14">
      <c r="N21744" s="10"/>
    </row>
    <row r="21745" spans="14:14">
      <c r="N21745" s="10"/>
    </row>
    <row r="21746" spans="14:14">
      <c r="N21746" s="10"/>
    </row>
    <row r="21747" spans="14:14">
      <c r="N21747" s="10"/>
    </row>
    <row r="21748" spans="14:14">
      <c r="N21748" s="10"/>
    </row>
    <row r="21749" spans="14:14">
      <c r="N21749" s="10"/>
    </row>
    <row r="21750" spans="14:14">
      <c r="N21750" s="10"/>
    </row>
    <row r="21751" spans="14:14">
      <c r="N21751" s="10"/>
    </row>
    <row r="21752" spans="14:14">
      <c r="N21752" s="10"/>
    </row>
    <row r="21753" spans="14:14">
      <c r="N21753" s="10"/>
    </row>
    <row r="21754" spans="14:14">
      <c r="N21754" s="10"/>
    </row>
    <row r="21755" spans="14:14">
      <c r="N21755" s="10"/>
    </row>
    <row r="21756" spans="14:14">
      <c r="N21756" s="10"/>
    </row>
    <row r="21757" spans="14:14">
      <c r="N21757" s="10"/>
    </row>
    <row r="21758" spans="14:14">
      <c r="N21758" s="10"/>
    </row>
    <row r="21759" spans="14:14">
      <c r="N21759" s="10"/>
    </row>
    <row r="21760" spans="14:14">
      <c r="N21760" s="10"/>
    </row>
    <row r="21761" spans="14:14">
      <c r="N21761" s="10"/>
    </row>
    <row r="21762" spans="14:14">
      <c r="N21762" s="10"/>
    </row>
    <row r="21763" spans="14:14">
      <c r="N21763" s="10"/>
    </row>
    <row r="21764" spans="14:14">
      <c r="N21764" s="10"/>
    </row>
    <row r="21765" spans="14:14">
      <c r="N21765" s="10"/>
    </row>
    <row r="21766" spans="14:14">
      <c r="N21766" s="10"/>
    </row>
    <row r="21767" spans="14:14">
      <c r="N21767" s="10"/>
    </row>
    <row r="21768" spans="14:14">
      <c r="N21768" s="10"/>
    </row>
    <row r="21769" spans="14:14">
      <c r="N21769" s="10"/>
    </row>
    <row r="21770" spans="14:14">
      <c r="N21770" s="10"/>
    </row>
    <row r="21771" spans="14:14">
      <c r="N21771" s="10"/>
    </row>
    <row r="21772" spans="14:14">
      <c r="N21772" s="10"/>
    </row>
    <row r="21773" spans="14:14">
      <c r="N21773" s="10"/>
    </row>
    <row r="21774" spans="14:14">
      <c r="N21774" s="10"/>
    </row>
    <row r="21775" spans="14:14">
      <c r="N21775" s="10"/>
    </row>
    <row r="21776" spans="14:14">
      <c r="N21776" s="10"/>
    </row>
    <row r="21777" spans="14:14">
      <c r="N21777" s="10"/>
    </row>
    <row r="21778" spans="14:14">
      <c r="N21778" s="10"/>
    </row>
    <row r="21779" spans="14:14">
      <c r="N21779" s="10"/>
    </row>
    <row r="21780" spans="14:14">
      <c r="N21780" s="10"/>
    </row>
    <row r="21781" spans="14:14">
      <c r="N21781" s="10"/>
    </row>
    <row r="21782" spans="14:14">
      <c r="N21782" s="10"/>
    </row>
    <row r="21783" spans="14:14">
      <c r="N21783" s="10"/>
    </row>
    <row r="21784" spans="14:14">
      <c r="N21784" s="10"/>
    </row>
    <row r="21785" spans="14:14">
      <c r="N21785" s="10"/>
    </row>
    <row r="21786" spans="14:14">
      <c r="N21786" s="10"/>
    </row>
    <row r="21787" spans="14:14">
      <c r="N21787" s="10"/>
    </row>
    <row r="21788" spans="14:14">
      <c r="N21788" s="10"/>
    </row>
    <row r="21789" spans="14:14">
      <c r="N21789" s="10"/>
    </row>
    <row r="21790" spans="14:14">
      <c r="N21790" s="10"/>
    </row>
    <row r="21791" spans="14:14">
      <c r="N21791" s="10"/>
    </row>
    <row r="21792" spans="14:14">
      <c r="N21792" s="10"/>
    </row>
    <row r="21793" spans="14:14">
      <c r="N21793" s="10"/>
    </row>
    <row r="21794" spans="14:14">
      <c r="N21794" s="10"/>
    </row>
    <row r="21795" spans="14:14">
      <c r="N21795" s="10"/>
    </row>
    <row r="21796" spans="14:14">
      <c r="N21796" s="10"/>
    </row>
    <row r="21797" spans="14:14">
      <c r="N21797" s="10"/>
    </row>
    <row r="21798" spans="14:14">
      <c r="N21798" s="10"/>
    </row>
    <row r="21799" spans="14:14">
      <c r="N21799" s="10"/>
    </row>
    <row r="21800" spans="14:14">
      <c r="N21800" s="10"/>
    </row>
    <row r="21801" spans="14:14">
      <c r="N21801" s="10"/>
    </row>
    <row r="21802" spans="14:14">
      <c r="N21802" s="10"/>
    </row>
    <row r="21803" spans="14:14">
      <c r="N21803" s="10"/>
    </row>
    <row r="21804" spans="14:14">
      <c r="N21804" s="10"/>
    </row>
    <row r="21805" spans="14:14">
      <c r="N21805" s="10"/>
    </row>
    <row r="21806" spans="14:14">
      <c r="N21806" s="10"/>
    </row>
    <row r="21807" spans="14:14">
      <c r="N21807" s="10"/>
    </row>
    <row r="21808" spans="14:14">
      <c r="N21808" s="10"/>
    </row>
    <row r="21809" spans="14:14">
      <c r="N21809" s="10"/>
    </row>
    <row r="21810" spans="14:14">
      <c r="N21810" s="10"/>
    </row>
    <row r="21811" spans="14:14">
      <c r="N21811" s="10"/>
    </row>
    <row r="21812" spans="14:14">
      <c r="N21812" s="10"/>
    </row>
    <row r="21813" spans="14:14">
      <c r="N21813" s="10"/>
    </row>
    <row r="21814" spans="14:14">
      <c r="N21814" s="10"/>
    </row>
    <row r="21815" spans="14:14">
      <c r="N21815" s="10"/>
    </row>
    <row r="21816" spans="14:14">
      <c r="N21816" s="10"/>
    </row>
    <row r="21817" spans="14:14">
      <c r="N21817" s="10"/>
    </row>
    <row r="21818" spans="14:14">
      <c r="N21818" s="10"/>
    </row>
    <row r="21819" spans="14:14">
      <c r="N21819" s="10"/>
    </row>
    <row r="21820" spans="14:14">
      <c r="N21820" s="10"/>
    </row>
    <row r="21821" spans="14:14">
      <c r="N21821" s="10"/>
    </row>
    <row r="21822" spans="14:14">
      <c r="N21822" s="10"/>
    </row>
    <row r="21823" spans="14:14">
      <c r="N21823" s="10"/>
    </row>
    <row r="21824" spans="14:14">
      <c r="N21824" s="10"/>
    </row>
    <row r="21825" spans="14:14">
      <c r="N21825" s="10"/>
    </row>
    <row r="21826" spans="14:14">
      <c r="N21826" s="10"/>
    </row>
    <row r="21827" spans="14:14">
      <c r="N21827" s="10"/>
    </row>
    <row r="21828" spans="14:14">
      <c r="N21828" s="10"/>
    </row>
    <row r="21829" spans="14:14">
      <c r="N21829" s="10"/>
    </row>
    <row r="21830" spans="14:14">
      <c r="N21830" s="10"/>
    </row>
    <row r="21831" spans="14:14">
      <c r="N21831" s="10"/>
    </row>
    <row r="21832" spans="14:14">
      <c r="N21832" s="10"/>
    </row>
    <row r="21833" spans="14:14">
      <c r="N21833" s="10"/>
    </row>
    <row r="21834" spans="14:14">
      <c r="N21834" s="10"/>
    </row>
    <row r="21835" spans="14:14">
      <c r="N21835" s="10"/>
    </row>
    <row r="21836" spans="14:14">
      <c r="N21836" s="10"/>
    </row>
    <row r="21837" spans="14:14">
      <c r="N21837" s="10"/>
    </row>
    <row r="21838" spans="14:14">
      <c r="N21838" s="10"/>
    </row>
    <row r="21839" spans="14:14">
      <c r="N21839" s="10"/>
    </row>
    <row r="21840" spans="14:14">
      <c r="N21840" s="10"/>
    </row>
    <row r="21841" spans="14:14">
      <c r="N21841" s="10"/>
    </row>
    <row r="21842" spans="14:14">
      <c r="N21842" s="10"/>
    </row>
    <row r="21843" spans="14:14">
      <c r="N21843" s="10"/>
    </row>
    <row r="21844" spans="14:14">
      <c r="N21844" s="10"/>
    </row>
    <row r="21845" spans="14:14">
      <c r="N21845" s="10"/>
    </row>
    <row r="21846" spans="14:14">
      <c r="N21846" s="10"/>
    </row>
    <row r="21847" spans="14:14">
      <c r="N21847" s="10"/>
    </row>
    <row r="21848" spans="14:14">
      <c r="N21848" s="10"/>
    </row>
    <row r="21849" spans="14:14">
      <c r="N21849" s="10"/>
    </row>
    <row r="21850" spans="14:14">
      <c r="N21850" s="10"/>
    </row>
    <row r="21851" spans="14:14">
      <c r="N21851" s="10"/>
    </row>
    <row r="21852" spans="14:14">
      <c r="N21852" s="10"/>
    </row>
    <row r="21853" spans="14:14">
      <c r="N21853" s="10"/>
    </row>
    <row r="21854" spans="14:14">
      <c r="N21854" s="10"/>
    </row>
    <row r="21855" spans="14:14">
      <c r="N21855" s="10"/>
    </row>
    <row r="21856" spans="14:14">
      <c r="N21856" s="10"/>
    </row>
    <row r="21857" spans="14:14">
      <c r="N21857" s="10"/>
    </row>
    <row r="21858" spans="14:14">
      <c r="N21858" s="10"/>
    </row>
    <row r="21859" spans="14:14">
      <c r="N21859" s="10"/>
    </row>
    <row r="21860" spans="14:14">
      <c r="N21860" s="10"/>
    </row>
    <row r="21861" spans="14:14">
      <c r="N21861" s="10"/>
    </row>
    <row r="21862" spans="14:14">
      <c r="N21862" s="10"/>
    </row>
    <row r="21863" spans="14:14">
      <c r="N21863" s="10"/>
    </row>
    <row r="21864" spans="14:14">
      <c r="N21864" s="10"/>
    </row>
    <row r="21865" spans="14:14">
      <c r="N21865" s="10"/>
    </row>
    <row r="21866" spans="14:14">
      <c r="N21866" s="10"/>
    </row>
    <row r="21867" spans="14:14">
      <c r="N21867" s="10"/>
    </row>
    <row r="21868" spans="14:14">
      <c r="N21868" s="10"/>
    </row>
    <row r="21869" spans="14:14">
      <c r="N21869" s="10"/>
    </row>
    <row r="21870" spans="14:14">
      <c r="N21870" s="10"/>
    </row>
    <row r="21871" spans="14:14">
      <c r="N21871" s="10"/>
    </row>
    <row r="21872" spans="14:14">
      <c r="N21872" s="10"/>
    </row>
    <row r="21873" spans="14:14">
      <c r="N21873" s="10"/>
    </row>
    <row r="21874" spans="14:14">
      <c r="N21874" s="10"/>
    </row>
    <row r="21875" spans="14:14">
      <c r="N21875" s="10"/>
    </row>
    <row r="21876" spans="14:14">
      <c r="N21876" s="10"/>
    </row>
    <row r="21877" spans="14:14">
      <c r="N21877" s="10"/>
    </row>
    <row r="21878" spans="14:14">
      <c r="N21878" s="10"/>
    </row>
    <row r="21879" spans="14:14">
      <c r="N21879" s="10"/>
    </row>
    <row r="21880" spans="14:14">
      <c r="N21880" s="10"/>
    </row>
    <row r="21881" spans="14:14">
      <c r="N21881" s="10"/>
    </row>
    <row r="21882" spans="14:14">
      <c r="N21882" s="10"/>
    </row>
    <row r="21883" spans="14:14">
      <c r="N21883" s="10"/>
    </row>
    <row r="21884" spans="14:14">
      <c r="N21884" s="10"/>
    </row>
    <row r="21885" spans="14:14">
      <c r="N21885" s="10"/>
    </row>
    <row r="21886" spans="14:14">
      <c r="N21886" s="10"/>
    </row>
    <row r="21887" spans="14:14">
      <c r="N21887" s="10"/>
    </row>
    <row r="21888" spans="14:14">
      <c r="N21888" s="10"/>
    </row>
    <row r="21889" spans="14:14">
      <c r="N21889" s="10"/>
    </row>
    <row r="21890" spans="14:14">
      <c r="N21890" s="10"/>
    </row>
    <row r="21891" spans="14:14">
      <c r="N21891" s="10"/>
    </row>
    <row r="21892" spans="14:14">
      <c r="N21892" s="10"/>
    </row>
    <row r="21893" spans="14:14">
      <c r="N21893" s="10"/>
    </row>
    <row r="21894" spans="14:14">
      <c r="N21894" s="10"/>
    </row>
    <row r="21895" spans="14:14">
      <c r="N21895" s="10"/>
    </row>
    <row r="21896" spans="14:14">
      <c r="N21896" s="10"/>
    </row>
    <row r="21897" spans="14:14">
      <c r="N21897" s="10"/>
    </row>
    <row r="21898" spans="14:14">
      <c r="N21898" s="10"/>
    </row>
    <row r="21899" spans="14:14">
      <c r="N21899" s="10"/>
    </row>
    <row r="21900" spans="14:14">
      <c r="N21900" s="10"/>
    </row>
    <row r="21901" spans="14:14">
      <c r="N21901" s="10"/>
    </row>
    <row r="21902" spans="14:14">
      <c r="N21902" s="10"/>
    </row>
    <row r="21903" spans="14:14">
      <c r="N21903" s="10"/>
    </row>
    <row r="21904" spans="14:14">
      <c r="N21904" s="10"/>
    </row>
    <row r="21905" spans="14:14">
      <c r="N21905" s="10"/>
    </row>
    <row r="21906" spans="14:14">
      <c r="N21906" s="10"/>
    </row>
    <row r="21907" spans="14:14">
      <c r="N21907" s="10"/>
    </row>
    <row r="21908" spans="14:14">
      <c r="N21908" s="10"/>
    </row>
    <row r="21909" spans="14:14">
      <c r="N21909" s="10"/>
    </row>
    <row r="21910" spans="14:14">
      <c r="N21910" s="10"/>
    </row>
    <row r="21911" spans="14:14">
      <c r="N21911" s="10"/>
    </row>
    <row r="21912" spans="14:14">
      <c r="N21912" s="10"/>
    </row>
    <row r="21913" spans="14:14">
      <c r="N21913" s="10"/>
    </row>
    <row r="21914" spans="14:14">
      <c r="N21914" s="10"/>
    </row>
    <row r="21915" spans="14:14">
      <c r="N21915" s="10"/>
    </row>
    <row r="21916" spans="14:14">
      <c r="N21916" s="10"/>
    </row>
    <row r="21917" spans="14:14">
      <c r="N21917" s="10"/>
    </row>
    <row r="21918" spans="14:14">
      <c r="N21918" s="10"/>
    </row>
    <row r="21919" spans="14:14">
      <c r="N21919" s="10"/>
    </row>
    <row r="21920" spans="14:14">
      <c r="N21920" s="10"/>
    </row>
    <row r="21921" spans="14:14">
      <c r="N21921" s="10"/>
    </row>
    <row r="21922" spans="14:14">
      <c r="N21922" s="10"/>
    </row>
    <row r="21923" spans="14:14">
      <c r="N21923" s="10"/>
    </row>
    <row r="21924" spans="14:14">
      <c r="N21924" s="10"/>
    </row>
    <row r="21925" spans="14:14">
      <c r="N21925" s="10"/>
    </row>
    <row r="21926" spans="14:14">
      <c r="N21926" s="10"/>
    </row>
    <row r="21927" spans="14:14">
      <c r="N21927" s="10"/>
    </row>
    <row r="21928" spans="14:14">
      <c r="N21928" s="10"/>
    </row>
    <row r="21929" spans="14:14">
      <c r="N21929" s="10"/>
    </row>
    <row r="21930" spans="14:14">
      <c r="N21930" s="10"/>
    </row>
    <row r="21931" spans="14:14">
      <c r="N21931" s="10"/>
    </row>
    <row r="21932" spans="14:14">
      <c r="N21932" s="10"/>
    </row>
    <row r="21933" spans="14:14">
      <c r="N21933" s="10"/>
    </row>
    <row r="21934" spans="14:14">
      <c r="N21934" s="10"/>
    </row>
    <row r="21935" spans="14:14">
      <c r="N21935" s="10"/>
    </row>
    <row r="21936" spans="14:14">
      <c r="N21936" s="10"/>
    </row>
    <row r="21937" spans="14:14">
      <c r="N21937" s="10"/>
    </row>
    <row r="21938" spans="14:14">
      <c r="N21938" s="10"/>
    </row>
    <row r="21939" spans="14:14">
      <c r="N21939" s="10"/>
    </row>
    <row r="21940" spans="14:14">
      <c r="N21940" s="10"/>
    </row>
    <row r="21941" spans="14:14">
      <c r="N21941" s="10"/>
    </row>
    <row r="21942" spans="14:14">
      <c r="N21942" s="10"/>
    </row>
    <row r="21943" spans="14:14">
      <c r="N21943" s="10"/>
    </row>
    <row r="21944" spans="14:14">
      <c r="N21944" s="10"/>
    </row>
    <row r="21945" spans="14:14">
      <c r="N21945" s="10"/>
    </row>
    <row r="21946" spans="14:14">
      <c r="N21946" s="10"/>
    </row>
    <row r="21947" spans="14:14">
      <c r="N21947" s="10"/>
    </row>
    <row r="21948" spans="14:14">
      <c r="N21948" s="10"/>
    </row>
    <row r="21949" spans="14:14">
      <c r="N21949" s="10"/>
    </row>
    <row r="21950" spans="14:14">
      <c r="N21950" s="10"/>
    </row>
    <row r="21951" spans="14:14">
      <c r="N21951" s="10"/>
    </row>
    <row r="21952" spans="14:14">
      <c r="N21952" s="10"/>
    </row>
    <row r="21953" spans="14:14">
      <c r="N21953" s="10"/>
    </row>
    <row r="21954" spans="14:14">
      <c r="N21954" s="10"/>
    </row>
    <row r="21955" spans="14:14">
      <c r="N21955" s="10"/>
    </row>
    <row r="21956" spans="14:14">
      <c r="N21956" s="10"/>
    </row>
    <row r="21957" spans="14:14">
      <c r="N21957" s="10"/>
    </row>
    <row r="21958" spans="14:14">
      <c r="N21958" s="10"/>
    </row>
    <row r="21959" spans="14:14">
      <c r="N21959" s="10"/>
    </row>
    <row r="21960" spans="14:14">
      <c r="N21960" s="10"/>
    </row>
    <row r="21961" spans="14:14">
      <c r="N21961" s="10"/>
    </row>
    <row r="21962" spans="14:14">
      <c r="N21962" s="10"/>
    </row>
    <row r="21963" spans="14:14">
      <c r="N21963" s="10"/>
    </row>
    <row r="21964" spans="14:14">
      <c r="N21964" s="10"/>
    </row>
    <row r="21965" spans="14:14">
      <c r="N21965" s="10"/>
    </row>
    <row r="21966" spans="14:14">
      <c r="N21966" s="10"/>
    </row>
    <row r="21967" spans="14:14">
      <c r="N21967" s="10"/>
    </row>
    <row r="21968" spans="14:14">
      <c r="N21968" s="10"/>
    </row>
    <row r="21969" spans="14:14">
      <c r="N21969" s="10"/>
    </row>
    <row r="21970" spans="14:14">
      <c r="N21970" s="10"/>
    </row>
    <row r="21971" spans="14:14">
      <c r="N21971" s="10"/>
    </row>
    <row r="21972" spans="14:14">
      <c r="N21972" s="10"/>
    </row>
    <row r="21973" spans="14:14">
      <c r="N21973" s="10"/>
    </row>
    <row r="21974" spans="14:14">
      <c r="N21974" s="10"/>
    </row>
    <row r="21975" spans="14:14">
      <c r="N21975" s="10"/>
    </row>
    <row r="21976" spans="14:14">
      <c r="N21976" s="10"/>
    </row>
    <row r="21977" spans="14:14">
      <c r="N21977" s="10"/>
    </row>
    <row r="21978" spans="14:14">
      <c r="N21978" s="10"/>
    </row>
    <row r="21979" spans="14:14">
      <c r="N21979" s="10"/>
    </row>
    <row r="21980" spans="14:14">
      <c r="N21980" s="10"/>
    </row>
    <row r="21981" spans="14:14">
      <c r="N21981" s="10"/>
    </row>
    <row r="21982" spans="14:14">
      <c r="N21982" s="10"/>
    </row>
    <row r="21983" spans="14:14">
      <c r="N21983" s="10"/>
    </row>
    <row r="21984" spans="14:14">
      <c r="N21984" s="10"/>
    </row>
    <row r="21985" spans="14:14">
      <c r="N21985" s="10"/>
    </row>
    <row r="21986" spans="14:14">
      <c r="N21986" s="10"/>
    </row>
    <row r="21987" spans="14:14">
      <c r="N21987" s="10"/>
    </row>
    <row r="21988" spans="14:14">
      <c r="N21988" s="10"/>
    </row>
    <row r="21989" spans="14:14">
      <c r="N21989" s="10"/>
    </row>
    <row r="21990" spans="14:14">
      <c r="N21990" s="10"/>
    </row>
    <row r="21991" spans="14:14">
      <c r="N21991" s="10"/>
    </row>
    <row r="21992" spans="14:14">
      <c r="N21992" s="10"/>
    </row>
    <row r="21993" spans="14:14">
      <c r="N21993" s="10"/>
    </row>
    <row r="21994" spans="14:14">
      <c r="N21994" s="10"/>
    </row>
    <row r="21995" spans="14:14">
      <c r="N21995" s="10"/>
    </row>
    <row r="21996" spans="14:14">
      <c r="N21996" s="10"/>
    </row>
    <row r="21997" spans="14:14">
      <c r="N21997" s="10"/>
    </row>
    <row r="21998" spans="14:14">
      <c r="N21998" s="10"/>
    </row>
    <row r="21999" spans="14:14">
      <c r="N21999" s="10"/>
    </row>
    <row r="22000" spans="14:14">
      <c r="N22000" s="10"/>
    </row>
    <row r="22001" spans="14:14">
      <c r="N22001" s="10"/>
    </row>
    <row r="22002" spans="14:14">
      <c r="N22002" s="10"/>
    </row>
    <row r="22003" spans="14:14">
      <c r="N22003" s="10"/>
    </row>
    <row r="22004" spans="14:14">
      <c r="N22004" s="10"/>
    </row>
    <row r="22005" spans="14:14">
      <c r="N22005" s="10"/>
    </row>
    <row r="22006" spans="14:14">
      <c r="N22006" s="10"/>
    </row>
    <row r="22007" spans="14:14">
      <c r="N22007" s="10"/>
    </row>
    <row r="22008" spans="14:14">
      <c r="N22008" s="10"/>
    </row>
    <row r="22009" spans="14:14">
      <c r="N22009" s="10"/>
    </row>
    <row r="22010" spans="14:14">
      <c r="N22010" s="10"/>
    </row>
    <row r="22011" spans="14:14">
      <c r="N22011" s="10"/>
    </row>
    <row r="22012" spans="14:14">
      <c r="N22012" s="10"/>
    </row>
    <row r="22013" spans="14:14">
      <c r="N22013" s="10"/>
    </row>
    <row r="22014" spans="14:14">
      <c r="N22014" s="10"/>
    </row>
    <row r="22015" spans="14:14">
      <c r="N22015" s="10"/>
    </row>
    <row r="22016" spans="14:14">
      <c r="N22016" s="10"/>
    </row>
    <row r="22017" spans="14:14">
      <c r="N22017" s="10"/>
    </row>
    <row r="22018" spans="14:14">
      <c r="N22018" s="10"/>
    </row>
    <row r="22019" spans="14:14">
      <c r="N22019" s="10"/>
    </row>
    <row r="22020" spans="14:14">
      <c r="N22020" s="10"/>
    </row>
    <row r="22021" spans="14:14">
      <c r="N22021" s="10"/>
    </row>
    <row r="22022" spans="14:14">
      <c r="N22022" s="10"/>
    </row>
    <row r="22023" spans="14:14">
      <c r="N22023" s="10"/>
    </row>
    <row r="22024" spans="14:14">
      <c r="N22024" s="10"/>
    </row>
    <row r="22025" spans="14:14">
      <c r="N22025" s="10"/>
    </row>
    <row r="22026" spans="14:14">
      <c r="N22026" s="10"/>
    </row>
    <row r="22027" spans="14:14">
      <c r="N22027" s="10"/>
    </row>
    <row r="22028" spans="14:14">
      <c r="N22028" s="10"/>
    </row>
    <row r="22029" spans="14:14">
      <c r="N22029" s="10"/>
    </row>
    <row r="22030" spans="14:14">
      <c r="N22030" s="10"/>
    </row>
    <row r="22031" spans="14:14">
      <c r="N22031" s="10"/>
    </row>
    <row r="22032" spans="14:14">
      <c r="N22032" s="10"/>
    </row>
    <row r="22033" spans="14:14">
      <c r="N22033" s="10"/>
    </row>
    <row r="22034" spans="14:14">
      <c r="N22034" s="10"/>
    </row>
    <row r="22035" spans="14:14">
      <c r="N22035" s="10"/>
    </row>
    <row r="22036" spans="14:14">
      <c r="N22036" s="10"/>
    </row>
    <row r="22037" spans="14:14">
      <c r="N22037" s="10"/>
    </row>
    <row r="22038" spans="14:14">
      <c r="N22038" s="10"/>
    </row>
    <row r="22039" spans="14:14">
      <c r="N22039" s="10"/>
    </row>
    <row r="22040" spans="14:14">
      <c r="N22040" s="10"/>
    </row>
    <row r="22041" spans="14:14">
      <c r="N22041" s="10"/>
    </row>
    <row r="22042" spans="14:14">
      <c r="N22042" s="10"/>
    </row>
    <row r="22043" spans="14:14">
      <c r="N22043" s="10"/>
    </row>
    <row r="22044" spans="14:14">
      <c r="N22044" s="10"/>
    </row>
    <row r="22045" spans="14:14">
      <c r="N22045" s="10"/>
    </row>
    <row r="22046" spans="14:14">
      <c r="N22046" s="10"/>
    </row>
    <row r="22047" spans="14:14">
      <c r="N22047" s="10"/>
    </row>
    <row r="22048" spans="14:14">
      <c r="N22048" s="10"/>
    </row>
    <row r="22049" spans="14:14">
      <c r="N22049" s="10"/>
    </row>
    <row r="22050" spans="14:14">
      <c r="N22050" s="10"/>
    </row>
    <row r="22051" spans="14:14">
      <c r="N22051" s="10"/>
    </row>
    <row r="22052" spans="14:14">
      <c r="N22052" s="10"/>
    </row>
    <row r="22053" spans="14:14">
      <c r="N22053" s="10"/>
    </row>
    <row r="22054" spans="14:14">
      <c r="N22054" s="10"/>
    </row>
    <row r="22055" spans="14:14">
      <c r="N22055" s="10"/>
    </row>
    <row r="22056" spans="14:14">
      <c r="N22056" s="10"/>
    </row>
    <row r="22057" spans="14:14">
      <c r="N22057" s="10"/>
    </row>
    <row r="22058" spans="14:14">
      <c r="N22058" s="10"/>
    </row>
    <row r="22059" spans="14:14">
      <c r="N22059" s="10"/>
    </row>
    <row r="22060" spans="14:14">
      <c r="N22060" s="10"/>
    </row>
    <row r="22061" spans="14:14">
      <c r="N22061" s="10"/>
    </row>
    <row r="22062" spans="14:14">
      <c r="N22062" s="10"/>
    </row>
    <row r="22063" spans="14:14">
      <c r="N22063" s="10"/>
    </row>
    <row r="22064" spans="14:14">
      <c r="N22064" s="10"/>
    </row>
    <row r="22065" spans="14:14">
      <c r="N22065" s="10"/>
    </row>
    <row r="22066" spans="14:14">
      <c r="N22066" s="10"/>
    </row>
    <row r="22067" spans="14:14">
      <c r="N22067" s="10"/>
    </row>
    <row r="22068" spans="14:14">
      <c r="N22068" s="10"/>
    </row>
    <row r="22069" spans="14:14">
      <c r="N22069" s="10"/>
    </row>
    <row r="22070" spans="14:14">
      <c r="N22070" s="10"/>
    </row>
    <row r="22071" spans="14:14">
      <c r="N22071" s="10"/>
    </row>
    <row r="22072" spans="14:14">
      <c r="N22072" s="10"/>
    </row>
    <row r="22073" spans="14:14">
      <c r="N22073" s="10"/>
    </row>
    <row r="22074" spans="14:14">
      <c r="N22074" s="10"/>
    </row>
    <row r="22075" spans="14:14">
      <c r="N22075" s="10"/>
    </row>
    <row r="22076" spans="14:14">
      <c r="N22076" s="10"/>
    </row>
    <row r="22077" spans="14:14">
      <c r="N22077" s="10"/>
    </row>
    <row r="22078" spans="14:14">
      <c r="N22078" s="10"/>
    </row>
    <row r="22079" spans="14:14">
      <c r="N22079" s="10"/>
    </row>
    <row r="22080" spans="14:14">
      <c r="N22080" s="10"/>
    </row>
    <row r="22081" spans="14:14">
      <c r="N22081" s="10"/>
    </row>
    <row r="22082" spans="14:14">
      <c r="N22082" s="10"/>
    </row>
    <row r="22083" spans="14:14">
      <c r="N22083" s="10"/>
    </row>
    <row r="22084" spans="14:14">
      <c r="N22084" s="10"/>
    </row>
    <row r="22085" spans="14:14">
      <c r="N22085" s="10"/>
    </row>
    <row r="22086" spans="14:14">
      <c r="N22086" s="10"/>
    </row>
    <row r="22087" spans="14:14">
      <c r="N22087" s="10"/>
    </row>
    <row r="22088" spans="14:14">
      <c r="N22088" s="10"/>
    </row>
    <row r="22089" spans="14:14">
      <c r="N22089" s="10"/>
    </row>
    <row r="22090" spans="14:14">
      <c r="N22090" s="10"/>
    </row>
    <row r="22091" spans="14:14">
      <c r="N22091" s="10"/>
    </row>
    <row r="22092" spans="14:14">
      <c r="N22092" s="10"/>
    </row>
    <row r="22093" spans="14:14">
      <c r="N22093" s="10"/>
    </row>
    <row r="22094" spans="14:14">
      <c r="N22094" s="10"/>
    </row>
    <row r="22095" spans="14:14">
      <c r="N22095" s="10"/>
    </row>
    <row r="22096" spans="14:14">
      <c r="N22096" s="10"/>
    </row>
    <row r="22097" spans="14:14">
      <c r="N22097" s="10"/>
    </row>
    <row r="22098" spans="14:14">
      <c r="N22098" s="10"/>
    </row>
    <row r="22099" spans="14:14">
      <c r="N22099" s="10"/>
    </row>
    <row r="22100" spans="14:14">
      <c r="N22100" s="10"/>
    </row>
    <row r="22101" spans="14:14">
      <c r="N22101" s="10"/>
    </row>
    <row r="22102" spans="14:14">
      <c r="N22102" s="10"/>
    </row>
    <row r="22103" spans="14:14">
      <c r="N22103" s="10"/>
    </row>
    <row r="22104" spans="14:14">
      <c r="N22104" s="10"/>
    </row>
    <row r="22105" spans="14:14">
      <c r="N22105" s="10"/>
    </row>
    <row r="22106" spans="14:14">
      <c r="N22106" s="10"/>
    </row>
    <row r="22107" spans="14:14">
      <c r="N22107" s="10"/>
    </row>
    <row r="22108" spans="14:14">
      <c r="N22108" s="10"/>
    </row>
    <row r="22109" spans="14:14">
      <c r="N22109" s="10"/>
    </row>
    <row r="22110" spans="14:14">
      <c r="N22110" s="10"/>
    </row>
    <row r="22111" spans="14:14">
      <c r="N22111" s="10"/>
    </row>
    <row r="22112" spans="14:14">
      <c r="N22112" s="10"/>
    </row>
    <row r="22113" spans="14:14">
      <c r="N22113" s="10"/>
    </row>
    <row r="22114" spans="14:14">
      <c r="N22114" s="10"/>
    </row>
    <row r="22115" spans="14:14">
      <c r="N22115" s="10"/>
    </row>
    <row r="22116" spans="14:14">
      <c r="N22116" s="10"/>
    </row>
    <row r="22117" spans="14:14">
      <c r="N22117" s="10"/>
    </row>
    <row r="22118" spans="14:14">
      <c r="N22118" s="10"/>
    </row>
    <row r="22119" spans="14:14">
      <c r="N22119" s="10"/>
    </row>
    <row r="22120" spans="14:14">
      <c r="N22120" s="10"/>
    </row>
    <row r="22121" spans="14:14">
      <c r="N22121" s="10"/>
    </row>
    <row r="22122" spans="14:14">
      <c r="N22122" s="10"/>
    </row>
    <row r="22123" spans="14:14">
      <c r="N22123" s="10"/>
    </row>
    <row r="22124" spans="14:14">
      <c r="N22124" s="10"/>
    </row>
    <row r="22125" spans="14:14">
      <c r="N22125" s="10"/>
    </row>
    <row r="22126" spans="14:14">
      <c r="N22126" s="10"/>
    </row>
    <row r="22127" spans="14:14">
      <c r="N22127" s="10"/>
    </row>
    <row r="22128" spans="14:14">
      <c r="N22128" s="10"/>
    </row>
    <row r="22129" spans="14:14">
      <c r="N22129" s="10"/>
    </row>
    <row r="22130" spans="14:14">
      <c r="N22130" s="10"/>
    </row>
    <row r="22131" spans="14:14">
      <c r="N22131" s="10"/>
    </row>
    <row r="22132" spans="14:14">
      <c r="N22132" s="10"/>
    </row>
    <row r="22133" spans="14:14">
      <c r="N22133" s="10"/>
    </row>
    <row r="22134" spans="14:14">
      <c r="N22134" s="10"/>
    </row>
    <row r="22135" spans="14:14">
      <c r="N22135" s="10"/>
    </row>
    <row r="22136" spans="14:14">
      <c r="N22136" s="10"/>
    </row>
    <row r="22137" spans="14:14">
      <c r="N22137" s="10"/>
    </row>
    <row r="22138" spans="14:14">
      <c r="N22138" s="10"/>
    </row>
    <row r="22139" spans="14:14">
      <c r="N22139" s="10"/>
    </row>
    <row r="22140" spans="14:14">
      <c r="N22140" s="10"/>
    </row>
    <row r="22141" spans="14:14">
      <c r="N22141" s="10"/>
    </row>
    <row r="22142" spans="14:14">
      <c r="N22142" s="10"/>
    </row>
    <row r="22143" spans="14:14">
      <c r="N22143" s="10"/>
    </row>
    <row r="22144" spans="14:14">
      <c r="N22144" s="10"/>
    </row>
    <row r="22145" spans="14:14">
      <c r="N22145" s="10"/>
    </row>
    <row r="22146" spans="14:14">
      <c r="N22146" s="10"/>
    </row>
    <row r="22147" spans="14:14">
      <c r="N22147" s="10"/>
    </row>
    <row r="22148" spans="14:14">
      <c r="N22148" s="10"/>
    </row>
    <row r="22149" spans="14:14">
      <c r="N22149" s="10"/>
    </row>
    <row r="22150" spans="14:14">
      <c r="N22150" s="10"/>
    </row>
    <row r="22151" spans="14:14">
      <c r="N22151" s="10"/>
    </row>
    <row r="22152" spans="14:14">
      <c r="N22152" s="10"/>
    </row>
    <row r="22153" spans="14:14">
      <c r="N22153" s="10"/>
    </row>
    <row r="22154" spans="14:14">
      <c r="N22154" s="10"/>
    </row>
    <row r="22155" spans="14:14">
      <c r="N22155" s="10"/>
    </row>
    <row r="22156" spans="14:14">
      <c r="N22156" s="10"/>
    </row>
    <row r="22157" spans="14:14">
      <c r="N22157" s="10"/>
    </row>
    <row r="22158" spans="14:14">
      <c r="N22158" s="10"/>
    </row>
    <row r="22159" spans="14:14">
      <c r="N22159" s="10"/>
    </row>
    <row r="22160" spans="14:14">
      <c r="N22160" s="10"/>
    </row>
    <row r="22161" spans="14:14">
      <c r="N22161" s="10"/>
    </row>
    <row r="22162" spans="14:14">
      <c r="N22162" s="10"/>
    </row>
    <row r="22163" spans="14:14">
      <c r="N22163" s="10"/>
    </row>
    <row r="22164" spans="14:14">
      <c r="N22164" s="10"/>
    </row>
    <row r="22165" spans="14:14">
      <c r="N22165" s="10"/>
    </row>
    <row r="22166" spans="14:14">
      <c r="N22166" s="10"/>
    </row>
    <row r="22167" spans="14:14">
      <c r="N22167" s="10"/>
    </row>
    <row r="22168" spans="14:14">
      <c r="N22168" s="10"/>
    </row>
    <row r="22169" spans="14:14">
      <c r="N22169" s="10"/>
    </row>
    <row r="22170" spans="14:14">
      <c r="N22170" s="10"/>
    </row>
    <row r="22171" spans="14:14">
      <c r="N22171" s="10"/>
    </row>
    <row r="22172" spans="14:14">
      <c r="N22172" s="10"/>
    </row>
    <row r="22173" spans="14:14">
      <c r="N22173" s="10"/>
    </row>
    <row r="22174" spans="14:14">
      <c r="N22174" s="10"/>
    </row>
    <row r="22175" spans="14:14">
      <c r="N22175" s="10"/>
    </row>
    <row r="22176" spans="14:14">
      <c r="N22176" s="10"/>
    </row>
    <row r="22177" spans="14:14">
      <c r="N22177" s="10"/>
    </row>
    <row r="22178" spans="14:14">
      <c r="N22178" s="10"/>
    </row>
    <row r="22179" spans="14:14">
      <c r="N22179" s="10"/>
    </row>
    <row r="22180" spans="14:14">
      <c r="N22180" s="10"/>
    </row>
    <row r="22181" spans="14:14">
      <c r="N22181" s="10"/>
    </row>
    <row r="22182" spans="14:14">
      <c r="N22182" s="10"/>
    </row>
    <row r="22183" spans="14:14">
      <c r="N22183" s="10"/>
    </row>
    <row r="22184" spans="14:14">
      <c r="N22184" s="10"/>
    </row>
    <row r="22185" spans="14:14">
      <c r="N22185" s="10"/>
    </row>
    <row r="22186" spans="14:14">
      <c r="N22186" s="10"/>
    </row>
    <row r="22187" spans="14:14">
      <c r="N22187" s="10"/>
    </row>
    <row r="22188" spans="14:14">
      <c r="N22188" s="10"/>
    </row>
    <row r="22189" spans="14:14">
      <c r="N22189" s="10"/>
    </row>
    <row r="22190" spans="14:14">
      <c r="N22190" s="10"/>
    </row>
    <row r="22191" spans="14:14">
      <c r="N22191" s="10"/>
    </row>
    <row r="22192" spans="14:14">
      <c r="N22192" s="10"/>
    </row>
    <row r="22193" spans="14:14">
      <c r="N22193" s="10"/>
    </row>
    <row r="22194" spans="14:14">
      <c r="N22194" s="10"/>
    </row>
    <row r="22195" spans="14:14">
      <c r="N22195" s="10"/>
    </row>
    <row r="22196" spans="14:14">
      <c r="N22196" s="10"/>
    </row>
    <row r="22197" spans="14:14">
      <c r="N22197" s="10"/>
    </row>
    <row r="22198" spans="14:14">
      <c r="N22198" s="10"/>
    </row>
    <row r="22199" spans="14:14">
      <c r="N22199" s="10"/>
    </row>
    <row r="22200" spans="14:14">
      <c r="N22200" s="10"/>
    </row>
    <row r="22201" spans="14:14">
      <c r="N22201" s="10"/>
    </row>
    <row r="22202" spans="14:14">
      <c r="N22202" s="10"/>
    </row>
    <row r="22203" spans="14:14">
      <c r="N22203" s="10"/>
    </row>
    <row r="22204" spans="14:14">
      <c r="N22204" s="10"/>
    </row>
    <row r="22205" spans="14:14">
      <c r="N22205" s="10"/>
    </row>
    <row r="22206" spans="14:14">
      <c r="N22206" s="10"/>
    </row>
    <row r="22207" spans="14:14">
      <c r="N22207" s="10"/>
    </row>
    <row r="22208" spans="14:14">
      <c r="N22208" s="10"/>
    </row>
    <row r="22209" spans="14:14">
      <c r="N22209" s="10"/>
    </row>
    <row r="22210" spans="14:14">
      <c r="N22210" s="10"/>
    </row>
    <row r="22211" spans="14:14">
      <c r="N22211" s="10"/>
    </row>
    <row r="22212" spans="14:14">
      <c r="N22212" s="10"/>
    </row>
    <row r="22213" spans="14:14">
      <c r="N22213" s="10"/>
    </row>
    <row r="22214" spans="14:14">
      <c r="N22214" s="10"/>
    </row>
    <row r="22215" spans="14:14">
      <c r="N22215" s="10"/>
    </row>
    <row r="22216" spans="14:14">
      <c r="N22216" s="10"/>
    </row>
    <row r="22217" spans="14:14">
      <c r="N22217" s="10"/>
    </row>
    <row r="22218" spans="14:14">
      <c r="N22218" s="10"/>
    </row>
    <row r="22219" spans="14:14">
      <c r="N22219" s="10"/>
    </row>
    <row r="22220" spans="14:14">
      <c r="N22220" s="10"/>
    </row>
    <row r="22221" spans="14:14">
      <c r="N22221" s="10"/>
    </row>
    <row r="22222" spans="14:14">
      <c r="N22222" s="10"/>
    </row>
    <row r="22223" spans="14:14">
      <c r="N22223" s="10"/>
    </row>
    <row r="22224" spans="14:14">
      <c r="N22224" s="10"/>
    </row>
    <row r="22225" spans="14:14">
      <c r="N22225" s="10"/>
    </row>
    <row r="22226" spans="14:14">
      <c r="N22226" s="10"/>
    </row>
    <row r="22227" spans="14:14">
      <c r="N22227" s="10"/>
    </row>
    <row r="22228" spans="14:14">
      <c r="N22228" s="10"/>
    </row>
    <row r="22229" spans="14:14">
      <c r="N22229" s="10"/>
    </row>
    <row r="22230" spans="14:14">
      <c r="N22230" s="10"/>
    </row>
    <row r="22231" spans="14:14">
      <c r="N22231" s="10"/>
    </row>
    <row r="22232" spans="14:14">
      <c r="N22232" s="10"/>
    </row>
    <row r="22233" spans="14:14">
      <c r="N22233" s="10"/>
    </row>
    <row r="22234" spans="14:14">
      <c r="N22234" s="10"/>
    </row>
    <row r="22235" spans="14:14">
      <c r="N22235" s="10"/>
    </row>
    <row r="22236" spans="14:14">
      <c r="N22236" s="10"/>
    </row>
    <row r="22237" spans="14:14">
      <c r="N22237" s="10"/>
    </row>
    <row r="22238" spans="14:14">
      <c r="N22238" s="10"/>
    </row>
    <row r="22239" spans="14:14">
      <c r="N22239" s="10"/>
    </row>
    <row r="22240" spans="14:14">
      <c r="N22240" s="10"/>
    </row>
    <row r="22241" spans="14:14">
      <c r="N22241" s="10"/>
    </row>
    <row r="22242" spans="14:14">
      <c r="N22242" s="10"/>
    </row>
    <row r="22243" spans="14:14">
      <c r="N22243" s="10"/>
    </row>
    <row r="22244" spans="14:14">
      <c r="N22244" s="10"/>
    </row>
    <row r="22245" spans="14:14">
      <c r="N22245" s="10"/>
    </row>
    <row r="22246" spans="14:14">
      <c r="N22246" s="10"/>
    </row>
    <row r="22247" spans="14:14">
      <c r="N22247" s="10"/>
    </row>
    <row r="22248" spans="14:14">
      <c r="N22248" s="10"/>
    </row>
    <row r="22249" spans="14:14">
      <c r="N22249" s="10"/>
    </row>
    <row r="22250" spans="14:14">
      <c r="N22250" s="10"/>
    </row>
    <row r="22251" spans="14:14">
      <c r="N22251" s="10"/>
    </row>
    <row r="22252" spans="14:14">
      <c r="N22252" s="10"/>
    </row>
    <row r="22253" spans="14:14">
      <c r="N22253" s="10"/>
    </row>
    <row r="22254" spans="14:14">
      <c r="N22254" s="10"/>
    </row>
    <row r="22255" spans="14:14">
      <c r="N22255" s="10"/>
    </row>
    <row r="22256" spans="14:14">
      <c r="N22256" s="10"/>
    </row>
    <row r="22257" spans="14:14">
      <c r="N22257" s="10"/>
    </row>
    <row r="22258" spans="14:14">
      <c r="N22258" s="10"/>
    </row>
    <row r="22259" spans="14:14">
      <c r="N22259" s="10"/>
    </row>
    <row r="22260" spans="14:14">
      <c r="N22260" s="10"/>
    </row>
    <row r="22261" spans="14:14">
      <c r="N22261" s="10"/>
    </row>
    <row r="22262" spans="14:14">
      <c r="N22262" s="10"/>
    </row>
    <row r="22263" spans="14:14">
      <c r="N22263" s="10"/>
    </row>
    <row r="22264" spans="14:14">
      <c r="N22264" s="10"/>
    </row>
    <row r="22265" spans="14:14">
      <c r="N22265" s="10"/>
    </row>
    <row r="22266" spans="14:14">
      <c r="N22266" s="10"/>
    </row>
    <row r="22267" spans="14:14">
      <c r="N22267" s="10"/>
    </row>
    <row r="22268" spans="14:14">
      <c r="N22268" s="10"/>
    </row>
    <row r="22269" spans="14:14">
      <c r="N22269" s="10"/>
    </row>
    <row r="22270" spans="14:14">
      <c r="N22270" s="10"/>
    </row>
    <row r="22271" spans="14:14">
      <c r="N22271" s="10"/>
    </row>
    <row r="22272" spans="14:14">
      <c r="N22272" s="10"/>
    </row>
    <row r="22273" spans="14:14">
      <c r="N22273" s="10"/>
    </row>
    <row r="22274" spans="14:14">
      <c r="N22274" s="10"/>
    </row>
    <row r="22275" spans="14:14">
      <c r="N22275" s="10"/>
    </row>
    <row r="22276" spans="14:14">
      <c r="N22276" s="10"/>
    </row>
    <row r="22277" spans="14:14">
      <c r="N22277" s="10"/>
    </row>
    <row r="22278" spans="14:14">
      <c r="N22278" s="10"/>
    </row>
    <row r="22279" spans="14:14">
      <c r="N22279" s="10"/>
    </row>
    <row r="22280" spans="14:14">
      <c r="N22280" s="10"/>
    </row>
    <row r="22281" spans="14:14">
      <c r="N22281" s="10"/>
    </row>
    <row r="22282" spans="14:14">
      <c r="N22282" s="10"/>
    </row>
    <row r="22283" spans="14:14">
      <c r="N22283" s="10"/>
    </row>
    <row r="22284" spans="14:14">
      <c r="N22284" s="10"/>
    </row>
    <row r="22285" spans="14:14">
      <c r="N22285" s="10"/>
    </row>
    <row r="22286" spans="14:14">
      <c r="N22286" s="10"/>
    </row>
    <row r="22287" spans="14:14">
      <c r="N22287" s="10"/>
    </row>
    <row r="22288" spans="14:14">
      <c r="N22288" s="10"/>
    </row>
    <row r="22289" spans="14:14">
      <c r="N22289" s="10"/>
    </row>
    <row r="22290" spans="14:14">
      <c r="N22290" s="10"/>
    </row>
    <row r="22291" spans="14:14">
      <c r="N22291" s="10"/>
    </row>
    <row r="22292" spans="14:14">
      <c r="N22292" s="10"/>
    </row>
    <row r="22293" spans="14:14">
      <c r="N22293" s="10"/>
    </row>
    <row r="22294" spans="14:14">
      <c r="N22294" s="10"/>
    </row>
    <row r="22295" spans="14:14">
      <c r="N22295" s="10"/>
    </row>
    <row r="22296" spans="14:14">
      <c r="N22296" s="10"/>
    </row>
    <row r="22297" spans="14:14">
      <c r="N22297" s="10"/>
    </row>
    <row r="22298" spans="14:14">
      <c r="N22298" s="10"/>
    </row>
    <row r="22299" spans="14:14">
      <c r="N22299" s="10"/>
    </row>
    <row r="22300" spans="14:14">
      <c r="N22300" s="10"/>
    </row>
    <row r="22301" spans="14:14">
      <c r="N22301" s="10"/>
    </row>
    <row r="22302" spans="14:14">
      <c r="N22302" s="10"/>
    </row>
    <row r="22303" spans="14:14">
      <c r="N22303" s="10"/>
    </row>
    <row r="22304" spans="14:14">
      <c r="N22304" s="10"/>
    </row>
    <row r="22305" spans="14:14">
      <c r="N22305" s="10"/>
    </row>
    <row r="22306" spans="14:14">
      <c r="N22306" s="10"/>
    </row>
    <row r="22307" spans="14:14">
      <c r="N22307" s="10"/>
    </row>
    <row r="22308" spans="14:14">
      <c r="N22308" s="10"/>
    </row>
    <row r="22309" spans="14:14">
      <c r="N22309" s="10"/>
    </row>
    <row r="22310" spans="14:14">
      <c r="N22310" s="10"/>
    </row>
    <row r="22311" spans="14:14">
      <c r="N22311" s="10"/>
    </row>
    <row r="22312" spans="14:14">
      <c r="N22312" s="10"/>
    </row>
    <row r="22313" spans="14:14">
      <c r="N22313" s="10"/>
    </row>
    <row r="22314" spans="14:14">
      <c r="N22314" s="10"/>
    </row>
    <row r="22315" spans="14:14">
      <c r="N22315" s="10"/>
    </row>
    <row r="22316" spans="14:14">
      <c r="N22316" s="10"/>
    </row>
    <row r="22317" spans="14:14">
      <c r="N22317" s="10"/>
    </row>
    <row r="22318" spans="14:14">
      <c r="N22318" s="10"/>
    </row>
    <row r="22319" spans="14:14">
      <c r="N22319" s="10"/>
    </row>
    <row r="22320" spans="14:14">
      <c r="N22320" s="10"/>
    </row>
    <row r="22321" spans="14:14">
      <c r="N22321" s="10"/>
    </row>
    <row r="22322" spans="14:14">
      <c r="N22322" s="10"/>
    </row>
    <row r="22323" spans="14:14">
      <c r="N22323" s="10"/>
    </row>
    <row r="22324" spans="14:14">
      <c r="N22324" s="10"/>
    </row>
    <row r="22325" spans="14:14">
      <c r="N22325" s="10"/>
    </row>
    <row r="22326" spans="14:14">
      <c r="N22326" s="10"/>
    </row>
    <row r="22327" spans="14:14">
      <c r="N22327" s="10"/>
    </row>
    <row r="22328" spans="14:14">
      <c r="N22328" s="10"/>
    </row>
    <row r="22329" spans="14:14">
      <c r="N22329" s="10"/>
    </row>
    <row r="22330" spans="14:14">
      <c r="N22330" s="10"/>
    </row>
    <row r="22331" spans="14:14">
      <c r="N22331" s="10"/>
    </row>
    <row r="22332" spans="14:14">
      <c r="N22332" s="10"/>
    </row>
    <row r="22333" spans="14:14">
      <c r="N22333" s="10"/>
    </row>
    <row r="22334" spans="14:14">
      <c r="N22334" s="10"/>
    </row>
    <row r="22335" spans="14:14">
      <c r="N22335" s="10"/>
    </row>
    <row r="22336" spans="14:14">
      <c r="N22336" s="10"/>
    </row>
    <row r="22337" spans="14:14">
      <c r="N22337" s="10"/>
    </row>
    <row r="22338" spans="14:14">
      <c r="N22338" s="10"/>
    </row>
    <row r="22339" spans="14:14">
      <c r="N22339" s="10"/>
    </row>
    <row r="22340" spans="14:14">
      <c r="N22340" s="10"/>
    </row>
    <row r="22341" spans="14:14">
      <c r="N22341" s="10"/>
    </row>
    <row r="22342" spans="14:14">
      <c r="N22342" s="10"/>
    </row>
    <row r="22343" spans="14:14">
      <c r="N22343" s="10"/>
    </row>
    <row r="22344" spans="14:14">
      <c r="N22344" s="10"/>
    </row>
    <row r="22345" spans="14:14">
      <c r="N22345" s="10"/>
    </row>
    <row r="22346" spans="14:14">
      <c r="N22346" s="10"/>
    </row>
    <row r="22347" spans="14:14">
      <c r="N22347" s="10"/>
    </row>
    <row r="22348" spans="14:14">
      <c r="N22348" s="10"/>
    </row>
    <row r="22349" spans="14:14">
      <c r="N22349" s="10"/>
    </row>
    <row r="22350" spans="14:14">
      <c r="N22350" s="10"/>
    </row>
    <row r="22351" spans="14:14">
      <c r="N22351" s="10"/>
    </row>
    <row r="22352" spans="14:14">
      <c r="N22352" s="10"/>
    </row>
    <row r="22353" spans="14:14">
      <c r="N22353" s="10"/>
    </row>
    <row r="22354" spans="14:14">
      <c r="N22354" s="10"/>
    </row>
    <row r="22355" spans="14:14">
      <c r="N22355" s="10"/>
    </row>
    <row r="22356" spans="14:14">
      <c r="N22356" s="10"/>
    </row>
    <row r="22357" spans="14:14">
      <c r="N22357" s="10"/>
    </row>
    <row r="22358" spans="14:14">
      <c r="N22358" s="10"/>
    </row>
    <row r="22359" spans="14:14">
      <c r="N22359" s="10"/>
    </row>
    <row r="22360" spans="14:14">
      <c r="N22360" s="10"/>
    </row>
    <row r="22361" spans="14:14">
      <c r="N22361" s="10"/>
    </row>
    <row r="22362" spans="14:14">
      <c r="N22362" s="10"/>
    </row>
    <row r="22363" spans="14:14">
      <c r="N22363" s="10"/>
    </row>
    <row r="22364" spans="14:14">
      <c r="N22364" s="10"/>
    </row>
    <row r="22365" spans="14:14">
      <c r="N22365" s="10"/>
    </row>
    <row r="22366" spans="14:14">
      <c r="N22366" s="10"/>
    </row>
    <row r="22367" spans="14:14">
      <c r="N22367" s="10"/>
    </row>
    <row r="22368" spans="14:14">
      <c r="N22368" s="10"/>
    </row>
    <row r="22369" spans="14:14">
      <c r="N22369" s="10"/>
    </row>
    <row r="22370" spans="14:14">
      <c r="N22370" s="10"/>
    </row>
    <row r="22371" spans="14:14">
      <c r="N22371" s="10"/>
    </row>
    <row r="22372" spans="14:14">
      <c r="N22372" s="10"/>
    </row>
    <row r="22373" spans="14:14">
      <c r="N22373" s="10"/>
    </row>
    <row r="22374" spans="14:14">
      <c r="N22374" s="10"/>
    </row>
    <row r="22375" spans="14:14">
      <c r="N22375" s="10"/>
    </row>
    <row r="22376" spans="14:14">
      <c r="N22376" s="10"/>
    </row>
    <row r="22377" spans="14:14">
      <c r="N22377" s="10"/>
    </row>
    <row r="22378" spans="14:14">
      <c r="N22378" s="10"/>
    </row>
    <row r="22379" spans="14:14">
      <c r="N22379" s="10"/>
    </row>
    <row r="22380" spans="14:14">
      <c r="N22380" s="10"/>
    </row>
    <row r="22381" spans="14:14">
      <c r="N22381" s="10"/>
    </row>
    <row r="22382" spans="14:14">
      <c r="N22382" s="10"/>
    </row>
    <row r="22383" spans="14:14">
      <c r="N22383" s="10"/>
    </row>
    <row r="22384" spans="14:14">
      <c r="N22384" s="10"/>
    </row>
    <row r="22385" spans="14:14">
      <c r="N22385" s="10"/>
    </row>
    <row r="22386" spans="14:14">
      <c r="N22386" s="10"/>
    </row>
    <row r="22387" spans="14:14">
      <c r="N22387" s="10"/>
    </row>
    <row r="22388" spans="14:14">
      <c r="N22388" s="10"/>
    </row>
    <row r="22389" spans="14:14">
      <c r="N22389" s="10"/>
    </row>
    <row r="22390" spans="14:14">
      <c r="N22390" s="10"/>
    </row>
    <row r="22391" spans="14:14">
      <c r="N22391" s="10"/>
    </row>
    <row r="22392" spans="14:14">
      <c r="N22392" s="10"/>
    </row>
    <row r="22393" spans="14:14">
      <c r="N22393" s="10"/>
    </row>
    <row r="22394" spans="14:14">
      <c r="N22394" s="10"/>
    </row>
    <row r="22395" spans="14:14">
      <c r="N22395" s="10"/>
    </row>
    <row r="22396" spans="14:14">
      <c r="N22396" s="10"/>
    </row>
    <row r="22397" spans="14:14">
      <c r="N22397" s="10"/>
    </row>
    <row r="22398" spans="14:14">
      <c r="N22398" s="10"/>
    </row>
    <row r="22399" spans="14:14">
      <c r="N22399" s="10"/>
    </row>
    <row r="22400" spans="14:14">
      <c r="N22400" s="10"/>
    </row>
    <row r="22401" spans="14:14">
      <c r="N22401" s="10"/>
    </row>
    <row r="22402" spans="14:14">
      <c r="N22402" s="10"/>
    </row>
    <row r="22403" spans="14:14">
      <c r="N22403" s="10"/>
    </row>
    <row r="22404" spans="14:14">
      <c r="N22404" s="10"/>
    </row>
    <row r="22405" spans="14:14">
      <c r="N22405" s="10"/>
    </row>
    <row r="22406" spans="14:14">
      <c r="N22406" s="10"/>
    </row>
    <row r="22407" spans="14:14">
      <c r="N22407" s="10"/>
    </row>
    <row r="22408" spans="14:14">
      <c r="N22408" s="10"/>
    </row>
    <row r="22409" spans="14:14">
      <c r="N22409" s="10"/>
    </row>
    <row r="22410" spans="14:14">
      <c r="N22410" s="10"/>
    </row>
    <row r="22411" spans="14:14">
      <c r="N22411" s="10"/>
    </row>
    <row r="22412" spans="14:14">
      <c r="N22412" s="10"/>
    </row>
    <row r="22413" spans="14:14">
      <c r="N22413" s="10"/>
    </row>
    <row r="22414" spans="14:14">
      <c r="N22414" s="10"/>
    </row>
    <row r="22415" spans="14:14">
      <c r="N22415" s="10"/>
    </row>
    <row r="22416" spans="14:14">
      <c r="N22416" s="10"/>
    </row>
    <row r="22417" spans="14:14">
      <c r="N22417" s="10"/>
    </row>
    <row r="22418" spans="14:14">
      <c r="N22418" s="10"/>
    </row>
    <row r="22419" spans="14:14">
      <c r="N22419" s="10"/>
    </row>
    <row r="22420" spans="14:14">
      <c r="N22420" s="10"/>
    </row>
    <row r="22421" spans="14:14">
      <c r="N22421" s="10"/>
    </row>
    <row r="22422" spans="14:14">
      <c r="N22422" s="10"/>
    </row>
    <row r="22423" spans="14:14">
      <c r="N22423" s="10"/>
    </row>
    <row r="22424" spans="14:14">
      <c r="N22424" s="10"/>
    </row>
    <row r="22425" spans="14:14">
      <c r="N22425" s="10"/>
    </row>
    <row r="22426" spans="14:14">
      <c r="N22426" s="10"/>
    </row>
    <row r="22427" spans="14:14">
      <c r="N22427" s="10"/>
    </row>
    <row r="22428" spans="14:14">
      <c r="N22428" s="10"/>
    </row>
    <row r="22429" spans="14:14">
      <c r="N22429" s="10"/>
    </row>
    <row r="22430" spans="14:14">
      <c r="N22430" s="10"/>
    </row>
    <row r="22431" spans="14:14">
      <c r="N22431" s="10"/>
    </row>
    <row r="22432" spans="14:14">
      <c r="N22432" s="10"/>
    </row>
    <row r="22433" spans="14:14">
      <c r="N22433" s="10"/>
    </row>
    <row r="22434" spans="14:14">
      <c r="N22434" s="10"/>
    </row>
    <row r="22435" spans="14:14">
      <c r="N22435" s="10"/>
    </row>
    <row r="22436" spans="14:14">
      <c r="N22436" s="10"/>
    </row>
    <row r="22437" spans="14:14">
      <c r="N22437" s="10"/>
    </row>
    <row r="22438" spans="14:14">
      <c r="N22438" s="10"/>
    </row>
    <row r="22439" spans="14:14">
      <c r="N22439" s="10"/>
    </row>
    <row r="22440" spans="14:14">
      <c r="N22440" s="10"/>
    </row>
    <row r="22441" spans="14:14">
      <c r="N22441" s="10"/>
    </row>
    <row r="22442" spans="14:14">
      <c r="N22442" s="10"/>
    </row>
    <row r="22443" spans="14:14">
      <c r="N22443" s="10"/>
    </row>
    <row r="22444" spans="14:14">
      <c r="N22444" s="10"/>
    </row>
    <row r="22445" spans="14:14">
      <c r="N22445" s="10"/>
    </row>
    <row r="22446" spans="14:14">
      <c r="N22446" s="10"/>
    </row>
    <row r="22447" spans="14:14">
      <c r="N22447" s="10"/>
    </row>
    <row r="22448" spans="14:14">
      <c r="N22448" s="10"/>
    </row>
    <row r="22449" spans="14:14">
      <c r="N22449" s="10"/>
    </row>
    <row r="22450" spans="14:14">
      <c r="N22450" s="10"/>
    </row>
    <row r="22451" spans="14:14">
      <c r="N22451" s="10"/>
    </row>
    <row r="22452" spans="14:14">
      <c r="N22452" s="10"/>
    </row>
    <row r="22453" spans="14:14">
      <c r="N22453" s="10"/>
    </row>
    <row r="22454" spans="14:14">
      <c r="N22454" s="10"/>
    </row>
    <row r="22455" spans="14:14">
      <c r="N22455" s="10"/>
    </row>
    <row r="22456" spans="14:14">
      <c r="N22456" s="10"/>
    </row>
    <row r="22457" spans="14:14">
      <c r="N22457" s="10"/>
    </row>
    <row r="22458" spans="14:14">
      <c r="N22458" s="10"/>
    </row>
    <row r="22459" spans="14:14">
      <c r="N22459" s="10"/>
    </row>
    <row r="22460" spans="14:14">
      <c r="N22460" s="10"/>
    </row>
    <row r="22461" spans="14:14">
      <c r="N22461" s="10"/>
    </row>
    <row r="22462" spans="14:14">
      <c r="N22462" s="10"/>
    </row>
    <row r="22463" spans="14:14">
      <c r="N22463" s="10"/>
    </row>
    <row r="22464" spans="14:14">
      <c r="N22464" s="10"/>
    </row>
    <row r="22465" spans="14:14">
      <c r="N22465" s="10"/>
    </row>
    <row r="22466" spans="14:14">
      <c r="N22466" s="10"/>
    </row>
    <row r="22467" spans="14:14">
      <c r="N22467" s="10"/>
    </row>
    <row r="22468" spans="14:14">
      <c r="N22468" s="10"/>
    </row>
    <row r="22469" spans="14:14">
      <c r="N22469" s="10"/>
    </row>
    <row r="22470" spans="14:14">
      <c r="N22470" s="10"/>
    </row>
    <row r="22471" spans="14:14">
      <c r="N22471" s="10"/>
    </row>
    <row r="22472" spans="14:14">
      <c r="N22472" s="10"/>
    </row>
    <row r="22473" spans="14:14">
      <c r="N22473" s="10"/>
    </row>
    <row r="22474" spans="14:14">
      <c r="N22474" s="10"/>
    </row>
    <row r="22475" spans="14:14">
      <c r="N22475" s="10"/>
    </row>
    <row r="22476" spans="14:14">
      <c r="N22476" s="10"/>
    </row>
    <row r="22477" spans="14:14">
      <c r="N22477" s="10"/>
    </row>
    <row r="22478" spans="14:14">
      <c r="N22478" s="10"/>
    </row>
    <row r="22479" spans="14:14">
      <c r="N22479" s="10"/>
    </row>
    <row r="22480" spans="14:14">
      <c r="N22480" s="10"/>
    </row>
    <row r="22481" spans="14:14">
      <c r="N22481" s="10"/>
    </row>
    <row r="22482" spans="14:14">
      <c r="N22482" s="10"/>
    </row>
    <row r="22483" spans="14:14">
      <c r="N22483" s="10"/>
    </row>
    <row r="22484" spans="14:14">
      <c r="N22484" s="10"/>
    </row>
    <row r="22485" spans="14:14">
      <c r="N22485" s="10"/>
    </row>
    <row r="22486" spans="14:14">
      <c r="N22486" s="10"/>
    </row>
    <row r="22487" spans="14:14">
      <c r="N22487" s="10"/>
    </row>
    <row r="22488" spans="14:14">
      <c r="N22488" s="10"/>
    </row>
    <row r="22489" spans="14:14">
      <c r="N22489" s="10"/>
    </row>
    <row r="22490" spans="14:14">
      <c r="N22490" s="10"/>
    </row>
    <row r="22491" spans="14:14">
      <c r="N22491" s="10"/>
    </row>
    <row r="22492" spans="14:14">
      <c r="N22492" s="10"/>
    </row>
    <row r="22493" spans="14:14">
      <c r="N22493" s="10"/>
    </row>
    <row r="22494" spans="14:14">
      <c r="N22494" s="10"/>
    </row>
    <row r="22495" spans="14:14">
      <c r="N22495" s="10"/>
    </row>
    <row r="22496" spans="14:14">
      <c r="N22496" s="10"/>
    </row>
    <row r="22497" spans="14:14">
      <c r="N22497" s="10"/>
    </row>
    <row r="22498" spans="14:14">
      <c r="N22498" s="10"/>
    </row>
    <row r="22499" spans="14:14">
      <c r="N22499" s="10"/>
    </row>
    <row r="22500" spans="14:14">
      <c r="N22500" s="10"/>
    </row>
    <row r="22501" spans="14:14">
      <c r="N22501" s="10"/>
    </row>
    <row r="22502" spans="14:14">
      <c r="N22502" s="10"/>
    </row>
    <row r="22503" spans="14:14">
      <c r="N22503" s="10"/>
    </row>
    <row r="22504" spans="14:14">
      <c r="N22504" s="10"/>
    </row>
    <row r="22505" spans="14:14">
      <c r="N22505" s="10"/>
    </row>
    <row r="22506" spans="14:14">
      <c r="N22506" s="10"/>
    </row>
    <row r="22507" spans="14:14">
      <c r="N22507" s="10"/>
    </row>
    <row r="22508" spans="14:14">
      <c r="N22508" s="10"/>
    </row>
    <row r="22509" spans="14:14">
      <c r="N22509" s="10"/>
    </row>
    <row r="22510" spans="14:14">
      <c r="N22510" s="10"/>
    </row>
    <row r="22511" spans="14:14">
      <c r="N22511" s="10"/>
    </row>
    <row r="22512" spans="14:14">
      <c r="N22512" s="10"/>
    </row>
    <row r="22513" spans="14:14">
      <c r="N22513" s="10"/>
    </row>
    <row r="22514" spans="14:14">
      <c r="N22514" s="10"/>
    </row>
    <row r="22515" spans="14:14">
      <c r="N22515" s="10"/>
    </row>
    <row r="22516" spans="14:14">
      <c r="N22516" s="10"/>
    </row>
    <row r="22517" spans="14:14">
      <c r="N22517" s="10"/>
    </row>
    <row r="22518" spans="14:14">
      <c r="N22518" s="10"/>
    </row>
    <row r="22519" spans="14:14">
      <c r="N22519" s="10"/>
    </row>
    <row r="22520" spans="14:14">
      <c r="N22520" s="10"/>
    </row>
    <row r="22521" spans="14:14">
      <c r="N22521" s="10"/>
    </row>
    <row r="22522" spans="14:14">
      <c r="N22522" s="10"/>
    </row>
    <row r="22523" spans="14:14">
      <c r="N22523" s="10"/>
    </row>
    <row r="22524" spans="14:14">
      <c r="N22524" s="10"/>
    </row>
    <row r="22525" spans="14:14">
      <c r="N22525" s="10"/>
    </row>
    <row r="22526" spans="14:14">
      <c r="N22526" s="10"/>
    </row>
    <row r="22527" spans="14:14">
      <c r="N22527" s="10"/>
    </row>
    <row r="22528" spans="14:14">
      <c r="N22528" s="10"/>
    </row>
    <row r="22529" spans="14:14">
      <c r="N22529" s="10"/>
    </row>
    <row r="22530" spans="14:14">
      <c r="N22530" s="10"/>
    </row>
    <row r="22531" spans="14:14">
      <c r="N22531" s="10"/>
    </row>
    <row r="22532" spans="14:14">
      <c r="N22532" s="10"/>
    </row>
    <row r="22533" spans="14:14">
      <c r="N22533" s="10"/>
    </row>
    <row r="22534" spans="14:14">
      <c r="N22534" s="10"/>
    </row>
    <row r="22535" spans="14:14">
      <c r="N22535" s="10"/>
    </row>
    <row r="22536" spans="14:14">
      <c r="N22536" s="10"/>
    </row>
    <row r="22537" spans="14:14">
      <c r="N22537" s="10"/>
    </row>
    <row r="22538" spans="14:14">
      <c r="N22538" s="10"/>
    </row>
    <row r="22539" spans="14:14">
      <c r="N22539" s="10"/>
    </row>
    <row r="22540" spans="14:14">
      <c r="N22540" s="10"/>
    </row>
    <row r="22541" spans="14:14">
      <c r="N22541" s="10"/>
    </row>
    <row r="22542" spans="14:14">
      <c r="N22542" s="10"/>
    </row>
    <row r="22543" spans="14:14">
      <c r="N22543" s="10"/>
    </row>
    <row r="22544" spans="14:14">
      <c r="N22544" s="10"/>
    </row>
    <row r="22545" spans="14:14">
      <c r="N22545" s="10"/>
    </row>
    <row r="22546" spans="14:14">
      <c r="N22546" s="10"/>
    </row>
    <row r="22547" spans="14:14">
      <c r="N22547" s="10"/>
    </row>
    <row r="22548" spans="14:14">
      <c r="N22548" s="10"/>
    </row>
    <row r="22549" spans="14:14">
      <c r="N22549" s="10"/>
    </row>
    <row r="22550" spans="14:14">
      <c r="N22550" s="10"/>
    </row>
    <row r="22551" spans="14:14">
      <c r="N22551" s="10"/>
    </row>
    <row r="22552" spans="14:14">
      <c r="N22552" s="10"/>
    </row>
    <row r="22553" spans="14:14">
      <c r="N22553" s="10"/>
    </row>
    <row r="22554" spans="14:14">
      <c r="N22554" s="10"/>
    </row>
    <row r="22555" spans="14:14">
      <c r="N22555" s="10"/>
    </row>
    <row r="22556" spans="14:14">
      <c r="N22556" s="10"/>
    </row>
    <row r="22557" spans="14:14">
      <c r="N22557" s="10"/>
    </row>
    <row r="22558" spans="14:14">
      <c r="N22558" s="10"/>
    </row>
    <row r="22559" spans="14:14">
      <c r="N22559" s="10"/>
    </row>
    <row r="22560" spans="14:14">
      <c r="N22560" s="10"/>
    </row>
    <row r="22561" spans="14:14">
      <c r="N22561" s="10"/>
    </row>
    <row r="22562" spans="14:14">
      <c r="N22562" s="10"/>
    </row>
    <row r="22563" spans="14:14">
      <c r="N22563" s="10"/>
    </row>
    <row r="22564" spans="14:14">
      <c r="N22564" s="10"/>
    </row>
    <row r="22565" spans="14:14">
      <c r="N22565" s="10"/>
    </row>
    <row r="22566" spans="14:14">
      <c r="N22566" s="10"/>
    </row>
    <row r="22567" spans="14:14">
      <c r="N22567" s="10"/>
    </row>
    <row r="22568" spans="14:14">
      <c r="N22568" s="10"/>
    </row>
    <row r="22569" spans="14:14">
      <c r="N22569" s="10"/>
    </row>
    <row r="22570" spans="14:14">
      <c r="N22570" s="10"/>
    </row>
    <row r="22571" spans="14:14">
      <c r="N22571" s="10"/>
    </row>
    <row r="22572" spans="14:14">
      <c r="N22572" s="10"/>
    </row>
    <row r="22573" spans="14:14">
      <c r="N22573" s="10"/>
    </row>
    <row r="22574" spans="14:14">
      <c r="N22574" s="10"/>
    </row>
    <row r="22575" spans="14:14">
      <c r="N22575" s="10"/>
    </row>
    <row r="22576" spans="14:14">
      <c r="N22576" s="10"/>
    </row>
    <row r="22577" spans="14:14">
      <c r="N22577" s="10"/>
    </row>
    <row r="22578" spans="14:14">
      <c r="N22578" s="10"/>
    </row>
    <row r="22579" spans="14:14">
      <c r="N22579" s="10"/>
    </row>
    <row r="22580" spans="14:14">
      <c r="N22580" s="10"/>
    </row>
    <row r="22581" spans="14:14">
      <c r="N22581" s="10"/>
    </row>
    <row r="22582" spans="14:14">
      <c r="N22582" s="10"/>
    </row>
    <row r="22583" spans="14:14">
      <c r="N22583" s="10"/>
    </row>
    <row r="22584" spans="14:14">
      <c r="N22584" s="10"/>
    </row>
    <row r="22585" spans="14:14">
      <c r="N22585" s="10"/>
    </row>
    <row r="22586" spans="14:14">
      <c r="N22586" s="10"/>
    </row>
    <row r="22587" spans="14:14">
      <c r="N22587" s="10"/>
    </row>
    <row r="22588" spans="14:14">
      <c r="N22588" s="10"/>
    </row>
    <row r="22589" spans="14:14">
      <c r="N22589" s="10"/>
    </row>
    <row r="22590" spans="14:14">
      <c r="N22590" s="10"/>
    </row>
    <row r="22591" spans="14:14">
      <c r="N22591" s="10"/>
    </row>
    <row r="22592" spans="14:14">
      <c r="N22592" s="10"/>
    </row>
    <row r="22593" spans="14:14">
      <c r="N22593" s="10"/>
    </row>
    <row r="22594" spans="14:14">
      <c r="N22594" s="10"/>
    </row>
    <row r="22595" spans="14:14">
      <c r="N22595" s="10"/>
    </row>
    <row r="22596" spans="14:14">
      <c r="N22596" s="10"/>
    </row>
    <row r="22597" spans="14:14">
      <c r="N22597" s="10"/>
    </row>
    <row r="22598" spans="14:14">
      <c r="N22598" s="10"/>
    </row>
    <row r="22599" spans="14:14">
      <c r="N22599" s="10"/>
    </row>
    <row r="22600" spans="14:14">
      <c r="N22600" s="10"/>
    </row>
    <row r="22601" spans="14:14">
      <c r="N22601" s="10"/>
    </row>
    <row r="22602" spans="14:14">
      <c r="N22602" s="10"/>
    </row>
    <row r="22603" spans="14:14">
      <c r="N22603" s="10"/>
    </row>
    <row r="22604" spans="14:14">
      <c r="N22604" s="10"/>
    </row>
    <row r="22605" spans="14:14">
      <c r="N22605" s="10"/>
    </row>
    <row r="22606" spans="14:14">
      <c r="N22606" s="10"/>
    </row>
    <row r="22607" spans="14:14">
      <c r="N22607" s="10"/>
    </row>
    <row r="22608" spans="14:14">
      <c r="N22608" s="10"/>
    </row>
    <row r="22609" spans="14:14">
      <c r="N22609" s="10"/>
    </row>
    <row r="22610" spans="14:14">
      <c r="N22610" s="10"/>
    </row>
    <row r="22611" spans="14:14">
      <c r="N22611" s="10"/>
    </row>
    <row r="22612" spans="14:14">
      <c r="N22612" s="10"/>
    </row>
    <row r="22613" spans="14:14">
      <c r="N22613" s="10"/>
    </row>
    <row r="22614" spans="14:14">
      <c r="N22614" s="10"/>
    </row>
    <row r="22615" spans="14:14">
      <c r="N22615" s="10"/>
    </row>
    <row r="22616" spans="14:14">
      <c r="N22616" s="10"/>
    </row>
    <row r="22617" spans="14:14">
      <c r="N22617" s="10"/>
    </row>
    <row r="22618" spans="14:14">
      <c r="N22618" s="10"/>
    </row>
    <row r="22619" spans="14:14">
      <c r="N22619" s="10"/>
    </row>
    <row r="22620" spans="14:14">
      <c r="N22620" s="10"/>
    </row>
    <row r="22621" spans="14:14">
      <c r="N22621" s="10"/>
    </row>
    <row r="22622" spans="14:14">
      <c r="N22622" s="10"/>
    </row>
    <row r="22623" spans="14:14">
      <c r="N22623" s="10"/>
    </row>
    <row r="22624" spans="14:14">
      <c r="N22624" s="10"/>
    </row>
    <row r="22625" spans="14:14">
      <c r="N22625" s="10"/>
    </row>
    <row r="22626" spans="14:14">
      <c r="N22626" s="10"/>
    </row>
    <row r="22627" spans="14:14">
      <c r="N22627" s="10"/>
    </row>
    <row r="22628" spans="14:14">
      <c r="N22628" s="10"/>
    </row>
    <row r="22629" spans="14:14">
      <c r="N22629" s="10"/>
    </row>
    <row r="22630" spans="14:14">
      <c r="N22630" s="10"/>
    </row>
    <row r="22631" spans="14:14">
      <c r="N22631" s="10"/>
    </row>
    <row r="22632" spans="14:14">
      <c r="N22632" s="10"/>
    </row>
    <row r="22633" spans="14:14">
      <c r="N22633" s="10"/>
    </row>
    <row r="22634" spans="14:14">
      <c r="N22634" s="10"/>
    </row>
    <row r="22635" spans="14:14">
      <c r="N22635" s="10"/>
    </row>
    <row r="22636" spans="14:14">
      <c r="N22636" s="10"/>
    </row>
    <row r="22637" spans="14:14">
      <c r="N22637" s="10"/>
    </row>
    <row r="22638" spans="14:14">
      <c r="N22638" s="10"/>
    </row>
    <row r="22639" spans="14:14">
      <c r="N22639" s="10"/>
    </row>
    <row r="22640" spans="14:14">
      <c r="N22640" s="10"/>
    </row>
    <row r="22641" spans="14:14">
      <c r="N22641" s="10"/>
    </row>
    <row r="22642" spans="14:14">
      <c r="N22642" s="10"/>
    </row>
    <row r="22643" spans="14:14">
      <c r="N22643" s="10"/>
    </row>
    <row r="22644" spans="14:14">
      <c r="N22644" s="10"/>
    </row>
    <row r="22645" spans="14:14">
      <c r="N22645" s="10"/>
    </row>
    <row r="22646" spans="14:14">
      <c r="N22646" s="10"/>
    </row>
    <row r="22647" spans="14:14">
      <c r="N22647" s="10"/>
    </row>
    <row r="22648" spans="14:14">
      <c r="N22648" s="10"/>
    </row>
    <row r="22649" spans="14:14">
      <c r="N22649" s="10"/>
    </row>
    <row r="22650" spans="14:14">
      <c r="N22650" s="10"/>
    </row>
    <row r="22651" spans="14:14">
      <c r="N22651" s="10"/>
    </row>
    <row r="22652" spans="14:14">
      <c r="N22652" s="10"/>
    </row>
    <row r="22653" spans="14:14">
      <c r="N22653" s="10"/>
    </row>
    <row r="22654" spans="14:14">
      <c r="N22654" s="10"/>
    </row>
    <row r="22655" spans="14:14">
      <c r="N22655" s="10"/>
    </row>
    <row r="22656" spans="14:14">
      <c r="N22656" s="10"/>
    </row>
    <row r="22657" spans="14:14">
      <c r="N22657" s="10"/>
    </row>
    <row r="22658" spans="14:14">
      <c r="N22658" s="10"/>
    </row>
    <row r="22659" spans="14:14">
      <c r="N22659" s="10"/>
    </row>
    <row r="22660" spans="14:14">
      <c r="N22660" s="10"/>
    </row>
    <row r="22661" spans="14:14">
      <c r="N22661" s="10"/>
    </row>
    <row r="22662" spans="14:14">
      <c r="N22662" s="10"/>
    </row>
    <row r="22663" spans="14:14">
      <c r="N22663" s="10"/>
    </row>
    <row r="22664" spans="14:14">
      <c r="N22664" s="10"/>
    </row>
    <row r="22665" spans="14:14">
      <c r="N22665" s="10"/>
    </row>
    <row r="22666" spans="14:14">
      <c r="N22666" s="10"/>
    </row>
    <row r="22667" spans="14:14">
      <c r="N22667" s="10"/>
    </row>
    <row r="22668" spans="14:14">
      <c r="N22668" s="10"/>
    </row>
    <row r="22669" spans="14:14">
      <c r="N22669" s="10"/>
    </row>
    <row r="22670" spans="14:14">
      <c r="N22670" s="10"/>
    </row>
    <row r="22671" spans="14:14">
      <c r="N22671" s="10"/>
    </row>
    <row r="22672" spans="14:14">
      <c r="N22672" s="10"/>
    </row>
    <row r="22673" spans="14:14">
      <c r="N22673" s="10"/>
    </row>
    <row r="22674" spans="14:14">
      <c r="N22674" s="10"/>
    </row>
    <row r="22675" spans="14:14">
      <c r="N22675" s="10"/>
    </row>
    <row r="22676" spans="14:14">
      <c r="N22676" s="10"/>
    </row>
    <row r="22677" spans="14:14">
      <c r="N22677" s="10"/>
    </row>
    <row r="22678" spans="14:14">
      <c r="N22678" s="10"/>
    </row>
    <row r="22679" spans="14:14">
      <c r="N22679" s="10"/>
    </row>
    <row r="22680" spans="14:14">
      <c r="N22680" s="10"/>
    </row>
    <row r="22681" spans="14:14">
      <c r="N22681" s="10"/>
    </row>
    <row r="22682" spans="14:14">
      <c r="N22682" s="10"/>
    </row>
    <row r="22683" spans="14:14">
      <c r="N22683" s="10"/>
    </row>
    <row r="22684" spans="14:14">
      <c r="N22684" s="10"/>
    </row>
    <row r="22685" spans="14:14">
      <c r="N22685" s="10"/>
    </row>
    <row r="22686" spans="14:14">
      <c r="N22686" s="10"/>
    </row>
    <row r="22687" spans="14:14">
      <c r="N22687" s="10"/>
    </row>
    <row r="22688" spans="14:14">
      <c r="N22688" s="10"/>
    </row>
    <row r="22689" spans="14:14">
      <c r="N22689" s="10"/>
    </row>
    <row r="22690" spans="14:14">
      <c r="N22690" s="10"/>
    </row>
    <row r="22691" spans="14:14">
      <c r="N22691" s="10"/>
    </row>
    <row r="22692" spans="14:14">
      <c r="N22692" s="10"/>
    </row>
    <row r="22693" spans="14:14">
      <c r="N22693" s="10"/>
    </row>
    <row r="22694" spans="14:14">
      <c r="N22694" s="10"/>
    </row>
    <row r="22695" spans="14:14">
      <c r="N22695" s="10"/>
    </row>
    <row r="22696" spans="14:14">
      <c r="N22696" s="10"/>
    </row>
    <row r="22697" spans="14:14">
      <c r="N22697" s="10"/>
    </row>
    <row r="22698" spans="14:14">
      <c r="N22698" s="10"/>
    </row>
    <row r="22699" spans="14:14">
      <c r="N22699" s="10"/>
    </row>
    <row r="22700" spans="14:14">
      <c r="N22700" s="10"/>
    </row>
    <row r="22701" spans="14:14">
      <c r="N22701" s="10"/>
    </row>
    <row r="22702" spans="14:14">
      <c r="N22702" s="10"/>
    </row>
    <row r="22703" spans="14:14">
      <c r="N22703" s="10"/>
    </row>
    <row r="22704" spans="14:14">
      <c r="N22704" s="10"/>
    </row>
    <row r="22705" spans="14:14">
      <c r="N22705" s="10"/>
    </row>
    <row r="22706" spans="14:14">
      <c r="N22706" s="10"/>
    </row>
    <row r="22707" spans="14:14">
      <c r="N22707" s="10"/>
    </row>
    <row r="22708" spans="14:14">
      <c r="N22708" s="10"/>
    </row>
    <row r="22709" spans="14:14">
      <c r="N22709" s="10"/>
    </row>
    <row r="22710" spans="14:14">
      <c r="N22710" s="10"/>
    </row>
    <row r="22711" spans="14:14">
      <c r="N22711" s="10"/>
    </row>
    <row r="22712" spans="14:14">
      <c r="N22712" s="10"/>
    </row>
    <row r="22713" spans="14:14">
      <c r="N22713" s="10"/>
    </row>
    <row r="22714" spans="14:14">
      <c r="N22714" s="10"/>
    </row>
    <row r="22715" spans="14:14">
      <c r="N22715" s="10"/>
    </row>
    <row r="22716" spans="14:14">
      <c r="N22716" s="10"/>
    </row>
    <row r="22717" spans="14:14">
      <c r="N22717" s="10"/>
    </row>
    <row r="22718" spans="14:14">
      <c r="N22718" s="10"/>
    </row>
    <row r="22719" spans="14:14">
      <c r="N22719" s="10"/>
    </row>
    <row r="22720" spans="14:14">
      <c r="N22720" s="10"/>
    </row>
    <row r="22721" spans="14:14">
      <c r="N22721" s="10"/>
    </row>
    <row r="22722" spans="14:14">
      <c r="N22722" s="10"/>
    </row>
    <row r="22723" spans="14:14">
      <c r="N22723" s="10"/>
    </row>
    <row r="22724" spans="14:14">
      <c r="N22724" s="10"/>
    </row>
    <row r="22725" spans="14:14">
      <c r="N22725" s="10"/>
    </row>
    <row r="22726" spans="14:14">
      <c r="N22726" s="10"/>
    </row>
    <row r="22727" spans="14:14">
      <c r="N22727" s="10"/>
    </row>
    <row r="22728" spans="14:14">
      <c r="N22728" s="10"/>
    </row>
    <row r="22729" spans="14:14">
      <c r="N22729" s="10"/>
    </row>
    <row r="22730" spans="14:14">
      <c r="N22730" s="10"/>
    </row>
    <row r="22731" spans="14:14">
      <c r="N22731" s="10"/>
    </row>
    <row r="22732" spans="14:14">
      <c r="N22732" s="10"/>
    </row>
    <row r="22733" spans="14:14">
      <c r="N22733" s="10"/>
    </row>
    <row r="22734" spans="14:14">
      <c r="N22734" s="10"/>
    </row>
    <row r="22735" spans="14:14">
      <c r="N22735" s="10"/>
    </row>
    <row r="22736" spans="14:14">
      <c r="N22736" s="10"/>
    </row>
    <row r="22737" spans="14:14">
      <c r="N22737" s="10"/>
    </row>
    <row r="22738" spans="14:14">
      <c r="N22738" s="10"/>
    </row>
    <row r="22739" spans="14:14">
      <c r="N22739" s="10"/>
    </row>
    <row r="22740" spans="14:14">
      <c r="N22740" s="10"/>
    </row>
    <row r="22741" spans="14:14">
      <c r="N22741" s="10"/>
    </row>
    <row r="22742" spans="14:14">
      <c r="N22742" s="10"/>
    </row>
    <row r="22743" spans="14:14">
      <c r="N22743" s="10"/>
    </row>
    <row r="22744" spans="14:14">
      <c r="N22744" s="10"/>
    </row>
    <row r="22745" spans="14:14">
      <c r="N22745" s="10"/>
    </row>
    <row r="22746" spans="14:14">
      <c r="N22746" s="10"/>
    </row>
    <row r="22747" spans="14:14">
      <c r="N22747" s="10"/>
    </row>
    <row r="22748" spans="14:14">
      <c r="N22748" s="10"/>
    </row>
    <row r="22749" spans="14:14">
      <c r="N22749" s="10"/>
    </row>
    <row r="22750" spans="14:14">
      <c r="N22750" s="10"/>
    </row>
    <row r="22751" spans="14:14">
      <c r="N22751" s="10"/>
    </row>
    <row r="22752" spans="14:14">
      <c r="N22752" s="10"/>
    </row>
    <row r="22753" spans="14:14">
      <c r="N22753" s="10"/>
    </row>
    <row r="22754" spans="14:14">
      <c r="N22754" s="10"/>
    </row>
    <row r="22755" spans="14:14">
      <c r="N22755" s="10"/>
    </row>
    <row r="22756" spans="14:14">
      <c r="N22756" s="10"/>
    </row>
    <row r="22757" spans="14:14">
      <c r="N22757" s="10"/>
    </row>
    <row r="22758" spans="14:14">
      <c r="N22758" s="10"/>
    </row>
    <row r="22759" spans="14:14">
      <c r="N22759" s="10"/>
    </row>
    <row r="22760" spans="14:14">
      <c r="N22760" s="10"/>
    </row>
    <row r="22761" spans="14:14">
      <c r="N22761" s="10"/>
    </row>
    <row r="22762" spans="14:14">
      <c r="N22762" s="10"/>
    </row>
    <row r="22763" spans="14:14">
      <c r="N22763" s="10"/>
    </row>
    <row r="22764" spans="14:14">
      <c r="N22764" s="10"/>
    </row>
    <row r="22765" spans="14:14">
      <c r="N22765" s="10"/>
    </row>
    <row r="22766" spans="14:14">
      <c r="N22766" s="10"/>
    </row>
    <row r="22767" spans="14:14">
      <c r="N22767" s="10"/>
    </row>
    <row r="22768" spans="14:14">
      <c r="N22768" s="10"/>
    </row>
    <row r="22769" spans="14:14">
      <c r="N22769" s="10"/>
    </row>
    <row r="22770" spans="14:14">
      <c r="N22770" s="10"/>
    </row>
    <row r="22771" spans="14:14">
      <c r="N22771" s="10"/>
    </row>
    <row r="22772" spans="14:14">
      <c r="N22772" s="10"/>
    </row>
    <row r="22773" spans="14:14">
      <c r="N22773" s="10"/>
    </row>
    <row r="22774" spans="14:14">
      <c r="N22774" s="10"/>
    </row>
    <row r="22775" spans="14:14">
      <c r="N22775" s="10"/>
    </row>
    <row r="22776" spans="14:14">
      <c r="N22776" s="10"/>
    </row>
    <row r="22777" spans="14:14">
      <c r="N22777" s="10"/>
    </row>
    <row r="22778" spans="14:14">
      <c r="N22778" s="10"/>
    </row>
    <row r="22779" spans="14:14">
      <c r="N22779" s="10"/>
    </row>
    <row r="22780" spans="14:14">
      <c r="N22780" s="10"/>
    </row>
    <row r="22781" spans="14:14">
      <c r="N22781" s="10"/>
    </row>
    <row r="22782" spans="14:14">
      <c r="N22782" s="10"/>
    </row>
    <row r="22783" spans="14:14">
      <c r="N22783" s="10"/>
    </row>
    <row r="22784" spans="14:14">
      <c r="N22784" s="10"/>
    </row>
    <row r="22785" spans="14:14">
      <c r="N22785" s="10"/>
    </row>
    <row r="22786" spans="14:14">
      <c r="N22786" s="10"/>
    </row>
    <row r="22787" spans="14:14">
      <c r="N22787" s="10"/>
    </row>
    <row r="22788" spans="14:14">
      <c r="N22788" s="10"/>
    </row>
    <row r="22789" spans="14:14">
      <c r="N22789" s="10"/>
    </row>
    <row r="22790" spans="14:14">
      <c r="N22790" s="10"/>
    </row>
    <row r="22791" spans="14:14">
      <c r="N22791" s="10"/>
    </row>
    <row r="22792" spans="14:14">
      <c r="N22792" s="10"/>
    </row>
    <row r="22793" spans="14:14">
      <c r="N22793" s="10"/>
    </row>
    <row r="22794" spans="14:14">
      <c r="N22794" s="10"/>
    </row>
    <row r="22795" spans="14:14">
      <c r="N22795" s="10"/>
    </row>
    <row r="22796" spans="14:14">
      <c r="N22796" s="10"/>
    </row>
    <row r="22797" spans="14:14">
      <c r="N22797" s="10"/>
    </row>
    <row r="22798" spans="14:14">
      <c r="N22798" s="10"/>
    </row>
    <row r="22799" spans="14:14">
      <c r="N22799" s="10"/>
    </row>
    <row r="22800" spans="14:14">
      <c r="N22800" s="10"/>
    </row>
    <row r="22801" spans="14:14">
      <c r="N22801" s="10"/>
    </row>
    <row r="22802" spans="14:14">
      <c r="N22802" s="10"/>
    </row>
    <row r="22803" spans="14:14">
      <c r="N22803" s="10"/>
    </row>
    <row r="22804" spans="14:14">
      <c r="N22804" s="10"/>
    </row>
    <row r="22805" spans="14:14">
      <c r="N22805" s="10"/>
    </row>
    <row r="22806" spans="14:14">
      <c r="N22806" s="10"/>
    </row>
    <row r="22807" spans="14:14">
      <c r="N22807" s="10"/>
    </row>
    <row r="22808" spans="14:14">
      <c r="N22808" s="10"/>
    </row>
    <row r="22809" spans="14:14">
      <c r="N22809" s="10"/>
    </row>
    <row r="22810" spans="14:14">
      <c r="N22810" s="10"/>
    </row>
    <row r="22811" spans="14:14">
      <c r="N22811" s="10"/>
    </row>
    <row r="22812" spans="14:14">
      <c r="N22812" s="10"/>
    </row>
    <row r="22813" spans="14:14">
      <c r="N22813" s="10"/>
    </row>
    <row r="22814" spans="14:14">
      <c r="N22814" s="10"/>
    </row>
    <row r="22815" spans="14:14">
      <c r="N22815" s="10"/>
    </row>
    <row r="22816" spans="14:14">
      <c r="N22816" s="10"/>
    </row>
    <row r="22817" spans="14:14">
      <c r="N22817" s="10"/>
    </row>
    <row r="22818" spans="14:14">
      <c r="N22818" s="10"/>
    </row>
    <row r="22819" spans="14:14">
      <c r="N22819" s="10"/>
    </row>
    <row r="22820" spans="14:14">
      <c r="N22820" s="10"/>
    </row>
    <row r="22821" spans="14:14">
      <c r="N22821" s="10"/>
    </row>
    <row r="22822" spans="14:14">
      <c r="N22822" s="10"/>
    </row>
    <row r="22823" spans="14:14">
      <c r="N22823" s="10"/>
    </row>
    <row r="22824" spans="14:14">
      <c r="N22824" s="10"/>
    </row>
    <row r="22825" spans="14:14">
      <c r="N22825" s="10"/>
    </row>
    <row r="22826" spans="14:14">
      <c r="N22826" s="10"/>
    </row>
    <row r="22827" spans="14:14">
      <c r="N22827" s="10"/>
    </row>
    <row r="22828" spans="14:14">
      <c r="N22828" s="10"/>
    </row>
    <row r="22829" spans="14:14">
      <c r="N22829" s="10"/>
    </row>
    <row r="22830" spans="14:14">
      <c r="N22830" s="10"/>
    </row>
    <row r="22831" spans="14:14">
      <c r="N22831" s="10"/>
    </row>
    <row r="22832" spans="14:14">
      <c r="N22832" s="10"/>
    </row>
    <row r="22833" spans="14:14">
      <c r="N22833" s="10"/>
    </row>
    <row r="22834" spans="14:14">
      <c r="N22834" s="10"/>
    </row>
    <row r="22835" spans="14:14">
      <c r="N22835" s="10"/>
    </row>
    <row r="22836" spans="14:14">
      <c r="N22836" s="10"/>
    </row>
    <row r="22837" spans="14:14">
      <c r="N22837" s="10"/>
    </row>
    <row r="22838" spans="14:14">
      <c r="N22838" s="10"/>
    </row>
    <row r="22839" spans="14:14">
      <c r="N22839" s="10"/>
    </row>
    <row r="22840" spans="14:14">
      <c r="N22840" s="10"/>
    </row>
    <row r="22841" spans="14:14">
      <c r="N22841" s="10"/>
    </row>
    <row r="22842" spans="14:14">
      <c r="N22842" s="10"/>
    </row>
    <row r="22843" spans="14:14">
      <c r="N22843" s="10"/>
    </row>
    <row r="22844" spans="14:14">
      <c r="N22844" s="10"/>
    </row>
    <row r="22845" spans="14:14">
      <c r="N22845" s="10"/>
    </row>
    <row r="22846" spans="14:14">
      <c r="N22846" s="10"/>
    </row>
    <row r="22847" spans="14:14">
      <c r="N22847" s="10"/>
    </row>
    <row r="22848" spans="14:14">
      <c r="N22848" s="10"/>
    </row>
    <row r="22849" spans="14:14">
      <c r="N22849" s="10"/>
    </row>
    <row r="22850" spans="14:14">
      <c r="N22850" s="10"/>
    </row>
    <row r="22851" spans="14:14">
      <c r="N22851" s="10"/>
    </row>
    <row r="22852" spans="14:14">
      <c r="N22852" s="10"/>
    </row>
    <row r="22853" spans="14:14">
      <c r="N22853" s="10"/>
    </row>
    <row r="22854" spans="14:14">
      <c r="N22854" s="10"/>
    </row>
    <row r="22855" spans="14:14">
      <c r="N22855" s="10"/>
    </row>
    <row r="22856" spans="14:14">
      <c r="N22856" s="10"/>
    </row>
    <row r="22857" spans="14:14">
      <c r="N22857" s="10"/>
    </row>
    <row r="22858" spans="14:14">
      <c r="N22858" s="10"/>
    </row>
    <row r="22859" spans="14:14">
      <c r="N22859" s="10"/>
    </row>
    <row r="22860" spans="14:14">
      <c r="N22860" s="10"/>
    </row>
    <row r="22861" spans="14:14">
      <c r="N22861" s="10"/>
    </row>
    <row r="22862" spans="14:14">
      <c r="N22862" s="10"/>
    </row>
    <row r="22863" spans="14:14">
      <c r="N22863" s="10"/>
    </row>
    <row r="22864" spans="14:14">
      <c r="N22864" s="10"/>
    </row>
    <row r="22865" spans="14:14">
      <c r="N22865" s="10"/>
    </row>
    <row r="22866" spans="14:14">
      <c r="N22866" s="10"/>
    </row>
    <row r="22867" spans="14:14">
      <c r="N22867" s="10"/>
    </row>
    <row r="22868" spans="14:14">
      <c r="N22868" s="10"/>
    </row>
    <row r="22869" spans="14:14">
      <c r="N22869" s="10"/>
    </row>
    <row r="22870" spans="14:14">
      <c r="N22870" s="10"/>
    </row>
    <row r="22871" spans="14:14">
      <c r="N22871" s="10"/>
    </row>
    <row r="22872" spans="14:14">
      <c r="N22872" s="10"/>
    </row>
    <row r="22873" spans="14:14">
      <c r="N22873" s="10"/>
    </row>
    <row r="22874" spans="14:14">
      <c r="N22874" s="10"/>
    </row>
    <row r="22875" spans="14:14">
      <c r="N22875" s="10"/>
    </row>
    <row r="22876" spans="14:14">
      <c r="N22876" s="10"/>
    </row>
    <row r="22877" spans="14:14">
      <c r="N22877" s="10"/>
    </row>
    <row r="22878" spans="14:14">
      <c r="N22878" s="10"/>
    </row>
    <row r="22879" spans="14:14">
      <c r="N22879" s="10"/>
    </row>
    <row r="22880" spans="14:14">
      <c r="N22880" s="10"/>
    </row>
    <row r="22881" spans="14:14">
      <c r="N22881" s="10"/>
    </row>
    <row r="22882" spans="14:14">
      <c r="N22882" s="10"/>
    </row>
    <row r="22883" spans="14:14">
      <c r="N22883" s="10"/>
    </row>
    <row r="22884" spans="14:14">
      <c r="N22884" s="10"/>
    </row>
    <row r="22885" spans="14:14">
      <c r="N22885" s="10"/>
    </row>
    <row r="22886" spans="14:14">
      <c r="N22886" s="10"/>
    </row>
    <row r="22887" spans="14:14">
      <c r="N22887" s="10"/>
    </row>
    <row r="22888" spans="14:14">
      <c r="N22888" s="10"/>
    </row>
    <row r="22889" spans="14:14">
      <c r="N22889" s="10"/>
    </row>
    <row r="22890" spans="14:14">
      <c r="N22890" s="10"/>
    </row>
    <row r="22891" spans="14:14">
      <c r="N22891" s="10"/>
    </row>
    <row r="22892" spans="14:14">
      <c r="N22892" s="10"/>
    </row>
    <row r="22893" spans="14:14">
      <c r="N22893" s="10"/>
    </row>
    <row r="22894" spans="14:14">
      <c r="N22894" s="10"/>
    </row>
    <row r="22895" spans="14:14">
      <c r="N22895" s="10"/>
    </row>
    <row r="22896" spans="14:14">
      <c r="N22896" s="10"/>
    </row>
    <row r="22897" spans="14:14">
      <c r="N22897" s="10"/>
    </row>
    <row r="22898" spans="14:14">
      <c r="N22898" s="10"/>
    </row>
    <row r="22899" spans="14:14">
      <c r="N22899" s="10"/>
    </row>
    <row r="22900" spans="14:14">
      <c r="N22900" s="10"/>
    </row>
    <row r="22901" spans="14:14">
      <c r="N22901" s="10"/>
    </row>
    <row r="22902" spans="14:14">
      <c r="N22902" s="10"/>
    </row>
    <row r="22903" spans="14:14">
      <c r="N22903" s="10"/>
    </row>
    <row r="22904" spans="14:14">
      <c r="N22904" s="10"/>
    </row>
    <row r="22905" spans="14:14">
      <c r="N22905" s="10"/>
    </row>
    <row r="22906" spans="14:14">
      <c r="N22906" s="10"/>
    </row>
    <row r="22907" spans="14:14">
      <c r="N22907" s="10"/>
    </row>
    <row r="22908" spans="14:14">
      <c r="N22908" s="10"/>
    </row>
    <row r="22909" spans="14:14">
      <c r="N22909" s="10"/>
    </row>
    <row r="22910" spans="14:14">
      <c r="N22910" s="10"/>
    </row>
    <row r="22911" spans="14:14">
      <c r="N22911" s="10"/>
    </row>
    <row r="22912" spans="14:14">
      <c r="N22912" s="10"/>
    </row>
    <row r="22913" spans="14:14">
      <c r="N22913" s="10"/>
    </row>
    <row r="22914" spans="14:14">
      <c r="N22914" s="10"/>
    </row>
    <row r="22915" spans="14:14">
      <c r="N22915" s="10"/>
    </row>
    <row r="22916" spans="14:14">
      <c r="N22916" s="10"/>
    </row>
    <row r="22917" spans="14:14">
      <c r="N22917" s="10"/>
    </row>
    <row r="22918" spans="14:14">
      <c r="N22918" s="10"/>
    </row>
    <row r="22919" spans="14:14">
      <c r="N22919" s="10"/>
    </row>
    <row r="22920" spans="14:14">
      <c r="N22920" s="10"/>
    </row>
    <row r="22921" spans="14:14">
      <c r="N22921" s="10"/>
    </row>
    <row r="22922" spans="14:14">
      <c r="N22922" s="10"/>
    </row>
    <row r="22923" spans="14:14">
      <c r="N22923" s="10"/>
    </row>
    <row r="22924" spans="14:14">
      <c r="N22924" s="10"/>
    </row>
    <row r="22925" spans="14:14">
      <c r="N22925" s="10"/>
    </row>
    <row r="22926" spans="14:14">
      <c r="N22926" s="10"/>
    </row>
    <row r="22927" spans="14:14">
      <c r="N22927" s="10"/>
    </row>
    <row r="22928" spans="14:14">
      <c r="N22928" s="10"/>
    </row>
    <row r="22929" spans="14:14">
      <c r="N22929" s="10"/>
    </row>
    <row r="22930" spans="14:14">
      <c r="N22930" s="10"/>
    </row>
    <row r="22931" spans="14:14">
      <c r="N22931" s="10"/>
    </row>
    <row r="22932" spans="14:14">
      <c r="N22932" s="10"/>
    </row>
    <row r="22933" spans="14:14">
      <c r="N22933" s="10"/>
    </row>
    <row r="22934" spans="14:14">
      <c r="N22934" s="10"/>
    </row>
    <row r="22935" spans="14:14">
      <c r="N22935" s="10"/>
    </row>
    <row r="22936" spans="14:14">
      <c r="N22936" s="10"/>
    </row>
    <row r="22937" spans="14:14">
      <c r="N22937" s="10"/>
    </row>
    <row r="22938" spans="14:14">
      <c r="N22938" s="10"/>
    </row>
    <row r="22939" spans="14:14">
      <c r="N22939" s="10"/>
    </row>
    <row r="22940" spans="14:14">
      <c r="N22940" s="10"/>
    </row>
    <row r="22941" spans="14:14">
      <c r="N22941" s="10"/>
    </row>
    <row r="22942" spans="14:14">
      <c r="N22942" s="10"/>
    </row>
    <row r="22943" spans="14:14">
      <c r="N22943" s="10"/>
    </row>
    <row r="22944" spans="14:14">
      <c r="N22944" s="10"/>
    </row>
    <row r="22945" spans="14:14">
      <c r="N22945" s="10"/>
    </row>
    <row r="22946" spans="14:14">
      <c r="N22946" s="10"/>
    </row>
    <row r="22947" spans="14:14">
      <c r="N22947" s="10"/>
    </row>
    <row r="22948" spans="14:14">
      <c r="N22948" s="10"/>
    </row>
    <row r="22949" spans="14:14">
      <c r="N22949" s="10"/>
    </row>
    <row r="22950" spans="14:14">
      <c r="N22950" s="10"/>
    </row>
    <row r="22951" spans="14:14">
      <c r="N22951" s="10"/>
    </row>
    <row r="22952" spans="14:14">
      <c r="N22952" s="10"/>
    </row>
    <row r="22953" spans="14:14">
      <c r="N22953" s="10"/>
    </row>
    <row r="22954" spans="14:14">
      <c r="N22954" s="10"/>
    </row>
    <row r="22955" spans="14:14">
      <c r="N22955" s="10"/>
    </row>
    <row r="22956" spans="14:14">
      <c r="N22956" s="10"/>
    </row>
    <row r="22957" spans="14:14">
      <c r="N22957" s="10"/>
    </row>
    <row r="22958" spans="14:14">
      <c r="N22958" s="10"/>
    </row>
    <row r="22959" spans="14:14">
      <c r="N22959" s="10"/>
    </row>
    <row r="22960" spans="14:14">
      <c r="N22960" s="10"/>
    </row>
    <row r="22961" spans="14:14">
      <c r="N22961" s="10"/>
    </row>
    <row r="22962" spans="14:14">
      <c r="N22962" s="10"/>
    </row>
    <row r="22963" spans="14:14">
      <c r="N22963" s="10"/>
    </row>
    <row r="22964" spans="14:14">
      <c r="N22964" s="10"/>
    </row>
    <row r="22965" spans="14:14">
      <c r="N22965" s="10"/>
    </row>
    <row r="22966" spans="14:14">
      <c r="N22966" s="10"/>
    </row>
    <row r="22967" spans="14:14">
      <c r="N22967" s="10"/>
    </row>
    <row r="22968" spans="14:14">
      <c r="N22968" s="10"/>
    </row>
    <row r="22969" spans="14:14">
      <c r="N22969" s="10"/>
    </row>
    <row r="22970" spans="14:14">
      <c r="N22970" s="10"/>
    </row>
    <row r="22971" spans="14:14">
      <c r="N22971" s="10"/>
    </row>
    <row r="22972" spans="14:14">
      <c r="N22972" s="10"/>
    </row>
    <row r="22973" spans="14:14">
      <c r="N22973" s="10"/>
    </row>
    <row r="22974" spans="14:14">
      <c r="N22974" s="10"/>
    </row>
    <row r="22975" spans="14:14">
      <c r="N22975" s="10"/>
    </row>
    <row r="22976" spans="14:14">
      <c r="N22976" s="10"/>
    </row>
    <row r="22977" spans="14:14">
      <c r="N22977" s="10"/>
    </row>
    <row r="22978" spans="14:14">
      <c r="N22978" s="10"/>
    </row>
    <row r="22979" spans="14:14">
      <c r="N22979" s="10"/>
    </row>
    <row r="22980" spans="14:14">
      <c r="N22980" s="10"/>
    </row>
    <row r="22981" spans="14:14">
      <c r="N22981" s="10"/>
    </row>
    <row r="22982" spans="14:14">
      <c r="N22982" s="10"/>
    </row>
    <row r="22983" spans="14:14">
      <c r="N22983" s="10"/>
    </row>
    <row r="22984" spans="14:14">
      <c r="N22984" s="10"/>
    </row>
    <row r="22985" spans="14:14">
      <c r="N22985" s="10"/>
    </row>
    <row r="22986" spans="14:14">
      <c r="N22986" s="10"/>
    </row>
    <row r="22987" spans="14:14">
      <c r="N22987" s="10"/>
    </row>
    <row r="22988" spans="14:14">
      <c r="N22988" s="10"/>
    </row>
    <row r="22989" spans="14:14">
      <c r="N22989" s="10"/>
    </row>
    <row r="22990" spans="14:14">
      <c r="N22990" s="10"/>
    </row>
    <row r="22991" spans="14:14">
      <c r="N22991" s="10"/>
    </row>
    <row r="22992" spans="14:14">
      <c r="N22992" s="10"/>
    </row>
    <row r="22993" spans="14:14">
      <c r="N22993" s="10"/>
    </row>
    <row r="22994" spans="14:14">
      <c r="N22994" s="10"/>
    </row>
    <row r="22995" spans="14:14">
      <c r="N22995" s="10"/>
    </row>
    <row r="22996" spans="14:14">
      <c r="N22996" s="10"/>
    </row>
    <row r="22997" spans="14:14">
      <c r="N22997" s="10"/>
    </row>
    <row r="22998" spans="14:14">
      <c r="N22998" s="10"/>
    </row>
    <row r="22999" spans="14:14">
      <c r="N22999" s="10"/>
    </row>
    <row r="23000" spans="14:14">
      <c r="N23000" s="10"/>
    </row>
    <row r="23001" spans="14:14">
      <c r="N23001" s="10"/>
    </row>
    <row r="23002" spans="14:14">
      <c r="N23002" s="10"/>
    </row>
    <row r="23003" spans="14:14">
      <c r="N23003" s="10"/>
    </row>
    <row r="23004" spans="14:14">
      <c r="N23004" s="10"/>
    </row>
    <row r="23005" spans="14:14">
      <c r="N23005" s="10"/>
    </row>
    <row r="23006" spans="14:14">
      <c r="N23006" s="10"/>
    </row>
    <row r="23007" spans="14:14">
      <c r="N23007" s="10"/>
    </row>
    <row r="23008" spans="14:14">
      <c r="N23008" s="10"/>
    </row>
    <row r="23009" spans="14:14">
      <c r="N23009" s="10"/>
    </row>
    <row r="23010" spans="14:14">
      <c r="N23010" s="10"/>
    </row>
    <row r="23011" spans="14:14">
      <c r="N23011" s="10"/>
    </row>
    <row r="23012" spans="14:14">
      <c r="N23012" s="10"/>
    </row>
    <row r="23013" spans="14:14">
      <c r="N23013" s="10"/>
    </row>
    <row r="23014" spans="14:14">
      <c r="N23014" s="10"/>
    </row>
    <row r="23015" spans="14:14">
      <c r="N23015" s="10"/>
    </row>
    <row r="23016" spans="14:14">
      <c r="N23016" s="10"/>
    </row>
    <row r="23017" spans="14:14">
      <c r="N23017" s="10"/>
    </row>
    <row r="23018" spans="14:14">
      <c r="N23018" s="10"/>
    </row>
    <row r="23019" spans="14:14">
      <c r="N23019" s="10"/>
    </row>
    <row r="23020" spans="14:14">
      <c r="N23020" s="10"/>
    </row>
    <row r="23021" spans="14:14">
      <c r="N23021" s="10"/>
    </row>
    <row r="23022" spans="14:14">
      <c r="N23022" s="10"/>
    </row>
    <row r="23023" spans="14:14">
      <c r="N23023" s="10"/>
    </row>
    <row r="23024" spans="14:14">
      <c r="N23024" s="10"/>
    </row>
    <row r="23025" spans="14:14">
      <c r="N23025" s="10"/>
    </row>
    <row r="23026" spans="14:14">
      <c r="N23026" s="10"/>
    </row>
    <row r="23027" spans="14:14">
      <c r="N23027" s="10"/>
    </row>
    <row r="23028" spans="14:14">
      <c r="N23028" s="10"/>
    </row>
    <row r="23029" spans="14:14">
      <c r="N23029" s="10"/>
    </row>
    <row r="23030" spans="14:14">
      <c r="N23030" s="10"/>
    </row>
    <row r="23031" spans="14:14">
      <c r="N23031" s="10"/>
    </row>
    <row r="23032" spans="14:14">
      <c r="N23032" s="10"/>
    </row>
    <row r="23033" spans="14:14">
      <c r="N23033" s="10"/>
    </row>
    <row r="23034" spans="14:14">
      <c r="N23034" s="10"/>
    </row>
    <row r="23035" spans="14:14">
      <c r="N23035" s="10"/>
    </row>
    <row r="23036" spans="14:14">
      <c r="N23036" s="10"/>
    </row>
    <row r="23037" spans="14:14">
      <c r="N23037" s="10"/>
    </row>
    <row r="23038" spans="14:14">
      <c r="N23038" s="10"/>
    </row>
    <row r="23039" spans="14:14">
      <c r="N23039" s="10"/>
    </row>
    <row r="23040" spans="14:14">
      <c r="N23040" s="10"/>
    </row>
    <row r="23041" spans="14:14">
      <c r="N23041" s="10"/>
    </row>
    <row r="23042" spans="14:14">
      <c r="N23042" s="10"/>
    </row>
    <row r="23043" spans="14:14">
      <c r="N23043" s="10"/>
    </row>
    <row r="23044" spans="14:14">
      <c r="N23044" s="10"/>
    </row>
    <row r="23045" spans="14:14">
      <c r="N23045" s="10"/>
    </row>
    <row r="23046" spans="14:14">
      <c r="N23046" s="10"/>
    </row>
    <row r="23047" spans="14:14">
      <c r="N23047" s="10"/>
    </row>
    <row r="23048" spans="14:14">
      <c r="N23048" s="10"/>
    </row>
    <row r="23049" spans="14:14">
      <c r="N23049" s="10"/>
    </row>
    <row r="23050" spans="14:14">
      <c r="N23050" s="10"/>
    </row>
    <row r="23051" spans="14:14">
      <c r="N23051" s="10"/>
    </row>
    <row r="23052" spans="14:14">
      <c r="N23052" s="10"/>
    </row>
    <row r="23053" spans="14:14">
      <c r="N23053" s="10"/>
    </row>
    <row r="23054" spans="14:14">
      <c r="N23054" s="10"/>
    </row>
    <row r="23055" spans="14:14">
      <c r="N23055" s="10"/>
    </row>
    <row r="23056" spans="14:14">
      <c r="N23056" s="10"/>
    </row>
    <row r="23057" spans="14:14">
      <c r="N23057" s="10"/>
    </row>
    <row r="23058" spans="14:14">
      <c r="N23058" s="10"/>
    </row>
    <row r="23059" spans="14:14">
      <c r="N23059" s="10"/>
    </row>
    <row r="23060" spans="14:14">
      <c r="N23060" s="10"/>
    </row>
    <row r="23061" spans="14:14">
      <c r="N23061" s="10"/>
    </row>
    <row r="23062" spans="14:14">
      <c r="N23062" s="10"/>
    </row>
    <row r="23063" spans="14:14">
      <c r="N23063" s="10"/>
    </row>
    <row r="23064" spans="14:14">
      <c r="N23064" s="10"/>
    </row>
    <row r="23065" spans="14:14">
      <c r="N23065" s="10"/>
    </row>
    <row r="23066" spans="14:14">
      <c r="N23066" s="10"/>
    </row>
    <row r="23067" spans="14:14">
      <c r="N23067" s="10"/>
    </row>
    <row r="23068" spans="14:14">
      <c r="N23068" s="10"/>
    </row>
    <row r="23069" spans="14:14">
      <c r="N23069" s="10"/>
    </row>
    <row r="23070" spans="14:14">
      <c r="N23070" s="10"/>
    </row>
    <row r="23071" spans="14:14">
      <c r="N23071" s="10"/>
    </row>
    <row r="23072" spans="14:14">
      <c r="N23072" s="10"/>
    </row>
    <row r="23073" spans="14:14">
      <c r="N23073" s="10"/>
    </row>
    <row r="23074" spans="14:14">
      <c r="N23074" s="10"/>
    </row>
    <row r="23075" spans="14:14">
      <c r="N23075" s="10"/>
    </row>
    <row r="23076" spans="14:14">
      <c r="N23076" s="10"/>
    </row>
    <row r="23077" spans="14:14">
      <c r="N23077" s="10"/>
    </row>
    <row r="23078" spans="14:14">
      <c r="N23078" s="10"/>
    </row>
    <row r="23079" spans="14:14">
      <c r="N23079" s="10"/>
    </row>
    <row r="23080" spans="14:14">
      <c r="N23080" s="10"/>
    </row>
    <row r="23081" spans="14:14">
      <c r="N23081" s="10"/>
    </row>
    <row r="23082" spans="14:14">
      <c r="N23082" s="10"/>
    </row>
    <row r="23083" spans="14:14">
      <c r="N23083" s="10"/>
    </row>
    <row r="23084" spans="14:14">
      <c r="N23084" s="10"/>
    </row>
    <row r="23085" spans="14:14">
      <c r="N23085" s="10"/>
    </row>
    <row r="23086" spans="14:14">
      <c r="N23086" s="10"/>
    </row>
    <row r="23087" spans="14:14">
      <c r="N23087" s="10"/>
    </row>
    <row r="23088" spans="14:14">
      <c r="N23088" s="10"/>
    </row>
    <row r="23089" spans="14:14">
      <c r="N23089" s="10"/>
    </row>
    <row r="23090" spans="14:14">
      <c r="N23090" s="10"/>
    </row>
    <row r="23091" spans="14:14">
      <c r="N23091" s="10"/>
    </row>
    <row r="23092" spans="14:14">
      <c r="N23092" s="10"/>
    </row>
    <row r="23093" spans="14:14">
      <c r="N23093" s="10"/>
    </row>
    <row r="23094" spans="14:14">
      <c r="N23094" s="10"/>
    </row>
    <row r="23095" spans="14:14">
      <c r="N23095" s="10"/>
    </row>
    <row r="23096" spans="14:14">
      <c r="N23096" s="10"/>
    </row>
    <row r="23097" spans="14:14">
      <c r="N23097" s="10"/>
    </row>
    <row r="23098" spans="14:14">
      <c r="N23098" s="10"/>
    </row>
    <row r="23099" spans="14:14">
      <c r="N23099" s="10"/>
    </row>
    <row r="23100" spans="14:14">
      <c r="N23100" s="10"/>
    </row>
    <row r="23101" spans="14:14">
      <c r="N23101" s="10"/>
    </row>
    <row r="23102" spans="14:14">
      <c r="N23102" s="10"/>
    </row>
    <row r="23103" spans="14:14">
      <c r="N23103" s="10"/>
    </row>
    <row r="23104" spans="14:14">
      <c r="N23104" s="10"/>
    </row>
    <row r="23105" spans="14:14">
      <c r="N23105" s="10"/>
    </row>
    <row r="23106" spans="14:14">
      <c r="N23106" s="10"/>
    </row>
    <row r="23107" spans="14:14">
      <c r="N23107" s="10"/>
    </row>
    <row r="23108" spans="14:14">
      <c r="N23108" s="10"/>
    </row>
    <row r="23109" spans="14:14">
      <c r="N23109" s="10"/>
    </row>
    <row r="23110" spans="14:14">
      <c r="N23110" s="10"/>
    </row>
    <row r="23111" spans="14:14">
      <c r="N23111" s="10"/>
    </row>
    <row r="23112" spans="14:14">
      <c r="N23112" s="10"/>
    </row>
    <row r="23113" spans="14:14">
      <c r="N23113" s="10"/>
    </row>
    <row r="23114" spans="14:14">
      <c r="N23114" s="10"/>
    </row>
    <row r="23115" spans="14:14">
      <c r="N23115" s="10"/>
    </row>
    <row r="23116" spans="14:14">
      <c r="N23116" s="10"/>
    </row>
    <row r="23117" spans="14:14">
      <c r="N23117" s="10"/>
    </row>
    <row r="23118" spans="14:14">
      <c r="N23118" s="10"/>
    </row>
    <row r="23119" spans="14:14">
      <c r="N23119" s="10"/>
    </row>
    <row r="23120" spans="14:14">
      <c r="N23120" s="10"/>
    </row>
    <row r="23121" spans="14:14">
      <c r="N23121" s="10"/>
    </row>
    <row r="23122" spans="14:14">
      <c r="N23122" s="10"/>
    </row>
    <row r="23123" spans="14:14">
      <c r="N23123" s="10"/>
    </row>
    <row r="23124" spans="14:14">
      <c r="N23124" s="10"/>
    </row>
    <row r="23125" spans="14:14">
      <c r="N23125" s="10"/>
    </row>
    <row r="23126" spans="14:14">
      <c r="N23126" s="10"/>
    </row>
    <row r="23127" spans="14:14">
      <c r="N23127" s="10"/>
    </row>
    <row r="23128" spans="14:14">
      <c r="N23128" s="10"/>
    </row>
    <row r="23129" spans="14:14">
      <c r="N23129" s="10"/>
    </row>
    <row r="23130" spans="14:14">
      <c r="N23130" s="10"/>
    </row>
    <row r="23131" spans="14:14">
      <c r="N23131" s="10"/>
    </row>
    <row r="23132" spans="14:14">
      <c r="N23132" s="10"/>
    </row>
    <row r="23133" spans="14:14">
      <c r="N23133" s="10"/>
    </row>
    <row r="23134" spans="14:14">
      <c r="N23134" s="10"/>
    </row>
    <row r="23135" spans="14:14">
      <c r="N23135" s="10"/>
    </row>
    <row r="23136" spans="14:14">
      <c r="N23136" s="10"/>
    </row>
    <row r="23137" spans="14:14">
      <c r="N23137" s="10"/>
    </row>
    <row r="23138" spans="14:14">
      <c r="N23138" s="10"/>
    </row>
    <row r="23139" spans="14:14">
      <c r="N23139" s="10"/>
    </row>
    <row r="23140" spans="14:14">
      <c r="N23140" s="10"/>
    </row>
    <row r="23141" spans="14:14">
      <c r="N23141" s="10"/>
    </row>
    <row r="23142" spans="14:14">
      <c r="N23142" s="10"/>
    </row>
    <row r="23143" spans="14:14">
      <c r="N23143" s="10"/>
    </row>
    <row r="23144" spans="14:14">
      <c r="N23144" s="10"/>
    </row>
    <row r="23145" spans="14:14">
      <c r="N23145" s="10"/>
    </row>
    <row r="23146" spans="14:14">
      <c r="N23146" s="10"/>
    </row>
    <row r="23147" spans="14:14">
      <c r="N23147" s="10"/>
    </row>
    <row r="23148" spans="14:14">
      <c r="N23148" s="10"/>
    </row>
    <row r="23149" spans="14:14">
      <c r="N23149" s="10"/>
    </row>
    <row r="23150" spans="14:14">
      <c r="N23150" s="10"/>
    </row>
    <row r="23151" spans="14:14">
      <c r="N23151" s="10"/>
    </row>
    <row r="23152" spans="14:14">
      <c r="N23152" s="10"/>
    </row>
    <row r="23153" spans="14:14">
      <c r="N23153" s="10"/>
    </row>
    <row r="23154" spans="14:14">
      <c r="N23154" s="10"/>
    </row>
    <row r="23155" spans="14:14">
      <c r="N23155" s="10"/>
    </row>
    <row r="23156" spans="14:14">
      <c r="N23156" s="10"/>
    </row>
    <row r="23157" spans="14:14">
      <c r="N23157" s="10"/>
    </row>
    <row r="23158" spans="14:14">
      <c r="N23158" s="10"/>
    </row>
    <row r="23159" spans="14:14">
      <c r="N23159" s="10"/>
    </row>
    <row r="23160" spans="14:14">
      <c r="N23160" s="10"/>
    </row>
    <row r="23161" spans="14:14">
      <c r="N23161" s="10"/>
    </row>
    <row r="23162" spans="14:14">
      <c r="N23162" s="10"/>
    </row>
    <row r="23163" spans="14:14">
      <c r="N23163" s="10"/>
    </row>
    <row r="23164" spans="14:14">
      <c r="N23164" s="10"/>
    </row>
    <row r="23165" spans="14:14">
      <c r="N23165" s="10"/>
    </row>
    <row r="23166" spans="14:14">
      <c r="N23166" s="10"/>
    </row>
    <row r="23167" spans="14:14">
      <c r="N23167" s="10"/>
    </row>
    <row r="23168" spans="14:14">
      <c r="N23168" s="10"/>
    </row>
    <row r="23169" spans="14:14">
      <c r="N23169" s="10"/>
    </row>
    <row r="23170" spans="14:14">
      <c r="N23170" s="10"/>
    </row>
    <row r="23171" spans="14:14">
      <c r="N23171" s="10"/>
    </row>
    <row r="23172" spans="14:14">
      <c r="N23172" s="10"/>
    </row>
    <row r="23173" spans="14:14">
      <c r="N23173" s="10"/>
    </row>
    <row r="23174" spans="14:14">
      <c r="N23174" s="10"/>
    </row>
    <row r="23175" spans="14:14">
      <c r="N23175" s="10"/>
    </row>
    <row r="23176" spans="14:14">
      <c r="N23176" s="10"/>
    </row>
    <row r="23177" spans="14:14">
      <c r="N23177" s="10"/>
    </row>
    <row r="23178" spans="14:14">
      <c r="N23178" s="10"/>
    </row>
    <row r="23179" spans="14:14">
      <c r="N23179" s="10"/>
    </row>
    <row r="23180" spans="14:14">
      <c r="N23180" s="10"/>
    </row>
    <row r="23181" spans="14:14">
      <c r="N23181" s="10"/>
    </row>
    <row r="23182" spans="14:14">
      <c r="N23182" s="10"/>
    </row>
    <row r="23183" spans="14:14">
      <c r="N23183" s="10"/>
    </row>
    <row r="23184" spans="14:14">
      <c r="N23184" s="10"/>
    </row>
    <row r="23185" spans="14:14">
      <c r="N23185" s="10"/>
    </row>
    <row r="23186" spans="14:14">
      <c r="N23186" s="10"/>
    </row>
    <row r="23187" spans="14:14">
      <c r="N23187" s="10"/>
    </row>
    <row r="23188" spans="14:14">
      <c r="N23188" s="10"/>
    </row>
    <row r="23189" spans="14:14">
      <c r="N23189" s="10"/>
    </row>
    <row r="23190" spans="14:14">
      <c r="N23190" s="10"/>
    </row>
    <row r="23191" spans="14:14">
      <c r="N23191" s="10"/>
    </row>
    <row r="23192" spans="14:14">
      <c r="N23192" s="10"/>
    </row>
    <row r="23193" spans="14:14">
      <c r="N23193" s="10"/>
    </row>
    <row r="23194" spans="14:14">
      <c r="N23194" s="10"/>
    </row>
    <row r="23195" spans="14:14">
      <c r="N23195" s="10"/>
    </row>
    <row r="23196" spans="14:14">
      <c r="N23196" s="10"/>
    </row>
    <row r="23197" spans="14:14">
      <c r="N23197" s="10"/>
    </row>
    <row r="23198" spans="14:14">
      <c r="N23198" s="10"/>
    </row>
    <row r="23199" spans="14:14">
      <c r="N23199" s="10"/>
    </row>
    <row r="23200" spans="14:14">
      <c r="N23200" s="10"/>
    </row>
    <row r="23201" spans="14:14">
      <c r="N23201" s="10"/>
    </row>
    <row r="23202" spans="14:14">
      <c r="N23202" s="10"/>
    </row>
    <row r="23203" spans="14:14">
      <c r="N23203" s="10"/>
    </row>
    <row r="23204" spans="14:14">
      <c r="N23204" s="10"/>
    </row>
    <row r="23205" spans="14:14">
      <c r="N23205" s="10"/>
    </row>
    <row r="23206" spans="14:14">
      <c r="N23206" s="10"/>
    </row>
    <row r="23207" spans="14:14">
      <c r="N23207" s="10"/>
    </row>
    <row r="23208" spans="14:14">
      <c r="N23208" s="10"/>
    </row>
    <row r="23209" spans="14:14">
      <c r="N23209" s="10"/>
    </row>
    <row r="23210" spans="14:14">
      <c r="N23210" s="10"/>
    </row>
    <row r="23211" spans="14:14">
      <c r="N23211" s="10"/>
    </row>
    <row r="23212" spans="14:14">
      <c r="N23212" s="10"/>
    </row>
    <row r="23213" spans="14:14">
      <c r="N23213" s="10"/>
    </row>
    <row r="23214" spans="14:14">
      <c r="N23214" s="10"/>
    </row>
    <row r="23215" spans="14:14">
      <c r="N23215" s="10"/>
    </row>
    <row r="23216" spans="14:14">
      <c r="N23216" s="10"/>
    </row>
    <row r="23217" spans="14:14">
      <c r="N23217" s="10"/>
    </row>
    <row r="23218" spans="14:14">
      <c r="N23218" s="10"/>
    </row>
    <row r="23219" spans="14:14">
      <c r="N23219" s="10"/>
    </row>
    <row r="23220" spans="14:14">
      <c r="N23220" s="10"/>
    </row>
    <row r="23221" spans="14:14">
      <c r="N23221" s="10"/>
    </row>
    <row r="23222" spans="14:14">
      <c r="N23222" s="10"/>
    </row>
    <row r="23223" spans="14:14">
      <c r="N23223" s="10"/>
    </row>
    <row r="23224" spans="14:14">
      <c r="N23224" s="10"/>
    </row>
    <row r="23225" spans="14:14">
      <c r="N23225" s="10"/>
    </row>
    <row r="23226" spans="14:14">
      <c r="N23226" s="10"/>
    </row>
    <row r="23227" spans="14:14">
      <c r="N23227" s="10"/>
    </row>
    <row r="23228" spans="14:14">
      <c r="N23228" s="10"/>
    </row>
    <row r="23229" spans="14:14">
      <c r="N23229" s="10"/>
    </row>
    <row r="23230" spans="14:14">
      <c r="N23230" s="10"/>
    </row>
    <row r="23231" spans="14:14">
      <c r="N23231" s="10"/>
    </row>
    <row r="23232" spans="14:14">
      <c r="N23232" s="10"/>
    </row>
    <row r="23233" spans="14:14">
      <c r="N23233" s="10"/>
    </row>
    <row r="23234" spans="14:14">
      <c r="N23234" s="10"/>
    </row>
    <row r="23235" spans="14:14">
      <c r="N23235" s="10"/>
    </row>
    <row r="23236" spans="14:14">
      <c r="N23236" s="10"/>
    </row>
    <row r="23237" spans="14:14">
      <c r="N23237" s="10"/>
    </row>
    <row r="23238" spans="14:14">
      <c r="N23238" s="10"/>
    </row>
    <row r="23239" spans="14:14">
      <c r="N23239" s="10"/>
    </row>
    <row r="23240" spans="14:14">
      <c r="N23240" s="10"/>
    </row>
    <row r="23241" spans="14:14">
      <c r="N23241" s="10"/>
    </row>
    <row r="23242" spans="14:14">
      <c r="N23242" s="10"/>
    </row>
    <row r="23243" spans="14:14">
      <c r="N23243" s="10"/>
    </row>
    <row r="23244" spans="14:14">
      <c r="N23244" s="10"/>
    </row>
    <row r="23245" spans="14:14">
      <c r="N23245" s="10"/>
    </row>
    <row r="23246" spans="14:14">
      <c r="N23246" s="10"/>
    </row>
    <row r="23247" spans="14:14">
      <c r="N23247" s="10"/>
    </row>
    <row r="23248" spans="14:14">
      <c r="N23248" s="10"/>
    </row>
    <row r="23249" spans="14:14">
      <c r="N23249" s="10"/>
    </row>
    <row r="23250" spans="14:14">
      <c r="N23250" s="10"/>
    </row>
    <row r="23251" spans="14:14">
      <c r="N23251" s="10"/>
    </row>
    <row r="23252" spans="14:14">
      <c r="N23252" s="10"/>
    </row>
    <row r="23253" spans="14:14">
      <c r="N23253" s="10"/>
    </row>
    <row r="23254" spans="14:14">
      <c r="N23254" s="10"/>
    </row>
    <row r="23255" spans="14:14">
      <c r="N23255" s="10"/>
    </row>
    <row r="23256" spans="14:14">
      <c r="N23256" s="10"/>
    </row>
    <row r="23257" spans="14:14">
      <c r="N23257" s="10"/>
    </row>
    <row r="23258" spans="14:14">
      <c r="N23258" s="10"/>
    </row>
    <row r="23259" spans="14:14">
      <c r="N23259" s="10"/>
    </row>
    <row r="23260" spans="14:14">
      <c r="N23260" s="10"/>
    </row>
    <row r="23261" spans="14:14">
      <c r="N23261" s="10"/>
    </row>
    <row r="23262" spans="14:14">
      <c r="N23262" s="10"/>
    </row>
    <row r="23263" spans="14:14">
      <c r="N23263" s="10"/>
    </row>
    <row r="23264" spans="14:14">
      <c r="N23264" s="10"/>
    </row>
    <row r="23265" spans="14:14">
      <c r="N23265" s="10"/>
    </row>
    <row r="23266" spans="14:14">
      <c r="N23266" s="10"/>
    </row>
    <row r="23267" spans="14:14">
      <c r="N23267" s="10"/>
    </row>
    <row r="23268" spans="14:14">
      <c r="N23268" s="10"/>
    </row>
    <row r="23269" spans="14:14">
      <c r="N23269" s="10"/>
    </row>
    <row r="23270" spans="14:14">
      <c r="N23270" s="10"/>
    </row>
    <row r="23271" spans="14:14">
      <c r="N23271" s="10"/>
    </row>
    <row r="23272" spans="14:14">
      <c r="N23272" s="10"/>
    </row>
    <row r="23273" spans="14:14">
      <c r="N23273" s="10"/>
    </row>
    <row r="23274" spans="14:14">
      <c r="N23274" s="10"/>
    </row>
    <row r="23275" spans="14:14">
      <c r="N23275" s="10"/>
    </row>
    <row r="23276" spans="14:14">
      <c r="N23276" s="10"/>
    </row>
    <row r="23277" spans="14:14">
      <c r="N23277" s="10"/>
    </row>
    <row r="23278" spans="14:14">
      <c r="N23278" s="10"/>
    </row>
    <row r="23279" spans="14:14">
      <c r="N23279" s="10"/>
    </row>
    <row r="23280" spans="14:14">
      <c r="N23280" s="10"/>
    </row>
    <row r="23281" spans="14:14">
      <c r="N23281" s="10"/>
    </row>
    <row r="23282" spans="14:14">
      <c r="N23282" s="10"/>
    </row>
    <row r="23283" spans="14:14">
      <c r="N23283" s="10"/>
    </row>
    <row r="23284" spans="14:14">
      <c r="N23284" s="10"/>
    </row>
    <row r="23285" spans="14:14">
      <c r="N23285" s="10"/>
    </row>
    <row r="23286" spans="14:14">
      <c r="N23286" s="10"/>
    </row>
    <row r="23287" spans="14:14">
      <c r="N23287" s="10"/>
    </row>
    <row r="23288" spans="14:14">
      <c r="N23288" s="10"/>
    </row>
    <row r="23289" spans="14:14">
      <c r="N23289" s="10"/>
    </row>
    <row r="23290" spans="14:14">
      <c r="N23290" s="10"/>
    </row>
    <row r="23291" spans="14:14">
      <c r="N23291" s="10"/>
    </row>
    <row r="23292" spans="14:14">
      <c r="N23292" s="10"/>
    </row>
    <row r="23293" spans="14:14">
      <c r="N23293" s="10"/>
    </row>
    <row r="23294" spans="14:14">
      <c r="N23294" s="10"/>
    </row>
    <row r="23295" spans="14:14">
      <c r="N23295" s="10"/>
    </row>
    <row r="23296" spans="14:14">
      <c r="N23296" s="10"/>
    </row>
    <row r="23297" spans="14:14">
      <c r="N23297" s="10"/>
    </row>
    <row r="23298" spans="14:14">
      <c r="N23298" s="10"/>
    </row>
    <row r="23299" spans="14:14">
      <c r="N23299" s="10"/>
    </row>
    <row r="23300" spans="14:14">
      <c r="N23300" s="10"/>
    </row>
    <row r="23301" spans="14:14">
      <c r="N23301" s="10"/>
    </row>
    <row r="23302" spans="14:14">
      <c r="N23302" s="10"/>
    </row>
    <row r="23303" spans="14:14">
      <c r="N23303" s="10"/>
    </row>
    <row r="23304" spans="14:14">
      <c r="N23304" s="10"/>
    </row>
    <row r="23305" spans="14:14">
      <c r="N23305" s="10"/>
    </row>
    <row r="23306" spans="14:14">
      <c r="N23306" s="10"/>
    </row>
    <row r="23307" spans="14:14">
      <c r="N23307" s="10"/>
    </row>
    <row r="23308" spans="14:14">
      <c r="N23308" s="10"/>
    </row>
    <row r="23309" spans="14:14">
      <c r="N23309" s="10"/>
    </row>
    <row r="23310" spans="14:14">
      <c r="N23310" s="10"/>
    </row>
    <row r="23311" spans="14:14">
      <c r="N23311" s="10"/>
    </row>
    <row r="23312" spans="14:14">
      <c r="N23312" s="10"/>
    </row>
    <row r="23313" spans="14:14">
      <c r="N23313" s="10"/>
    </row>
    <row r="23314" spans="14:14">
      <c r="N23314" s="10"/>
    </row>
    <row r="23315" spans="14:14">
      <c r="N23315" s="10"/>
    </row>
    <row r="23316" spans="14:14">
      <c r="N23316" s="10"/>
    </row>
    <row r="23317" spans="14:14">
      <c r="N23317" s="10"/>
    </row>
    <row r="23318" spans="14:14">
      <c r="N23318" s="10"/>
    </row>
    <row r="23319" spans="14:14">
      <c r="N23319" s="10"/>
    </row>
    <row r="23320" spans="14:14">
      <c r="N23320" s="10"/>
    </row>
    <row r="23321" spans="14:14">
      <c r="N23321" s="10"/>
    </row>
    <row r="23322" spans="14:14">
      <c r="N23322" s="10"/>
    </row>
    <row r="23323" spans="14:14">
      <c r="N23323" s="10"/>
    </row>
    <row r="23324" spans="14:14">
      <c r="N23324" s="10"/>
    </row>
    <row r="23325" spans="14:14">
      <c r="N23325" s="10"/>
    </row>
    <row r="23326" spans="14:14">
      <c r="N23326" s="10"/>
    </row>
    <row r="23327" spans="14:14">
      <c r="N23327" s="10"/>
    </row>
    <row r="23328" spans="14:14">
      <c r="N23328" s="10"/>
    </row>
    <row r="23329" spans="14:14">
      <c r="N23329" s="10"/>
    </row>
    <row r="23330" spans="14:14">
      <c r="N23330" s="10"/>
    </row>
    <row r="23331" spans="14:14">
      <c r="N23331" s="10"/>
    </row>
    <row r="23332" spans="14:14">
      <c r="N23332" s="10"/>
    </row>
    <row r="23333" spans="14:14">
      <c r="N23333" s="10"/>
    </row>
    <row r="23334" spans="14:14">
      <c r="N23334" s="10"/>
    </row>
    <row r="23335" spans="14:14">
      <c r="N23335" s="10"/>
    </row>
    <row r="23336" spans="14:14">
      <c r="N23336" s="10"/>
    </row>
    <row r="23337" spans="14:14">
      <c r="N23337" s="10"/>
    </row>
    <row r="23338" spans="14:14">
      <c r="N23338" s="10"/>
    </row>
    <row r="23339" spans="14:14">
      <c r="N23339" s="10"/>
    </row>
    <row r="23340" spans="14:14">
      <c r="N23340" s="10"/>
    </row>
    <row r="23341" spans="14:14">
      <c r="N23341" s="10"/>
    </row>
    <row r="23342" spans="14:14">
      <c r="N23342" s="10"/>
    </row>
    <row r="23343" spans="14:14">
      <c r="N23343" s="10"/>
    </row>
    <row r="23344" spans="14:14">
      <c r="N23344" s="10"/>
    </row>
    <row r="23345" spans="14:14">
      <c r="N23345" s="10"/>
    </row>
    <row r="23346" spans="14:14">
      <c r="N23346" s="10"/>
    </row>
    <row r="23347" spans="14:14">
      <c r="N23347" s="10"/>
    </row>
    <row r="23348" spans="14:14">
      <c r="N23348" s="10"/>
    </row>
    <row r="23349" spans="14:14">
      <c r="N23349" s="10"/>
    </row>
    <row r="23350" spans="14:14">
      <c r="N23350" s="10"/>
    </row>
    <row r="23351" spans="14:14">
      <c r="N23351" s="10"/>
    </row>
    <row r="23352" spans="14:14">
      <c r="N23352" s="10"/>
    </row>
    <row r="23353" spans="14:14">
      <c r="N23353" s="10"/>
    </row>
    <row r="23354" spans="14:14">
      <c r="N23354" s="10"/>
    </row>
    <row r="23355" spans="14:14">
      <c r="N23355" s="10"/>
    </row>
    <row r="23356" spans="14:14">
      <c r="N23356" s="10"/>
    </row>
    <row r="23357" spans="14:14">
      <c r="N23357" s="10"/>
    </row>
    <row r="23358" spans="14:14">
      <c r="N23358" s="10"/>
    </row>
    <row r="23359" spans="14:14">
      <c r="N23359" s="10"/>
    </row>
    <row r="23360" spans="14:14">
      <c r="N23360" s="10"/>
    </row>
    <row r="23361" spans="14:14">
      <c r="N23361" s="10"/>
    </row>
    <row r="23362" spans="14:14">
      <c r="N23362" s="10"/>
    </row>
    <row r="23363" spans="14:14">
      <c r="N23363" s="10"/>
    </row>
    <row r="23364" spans="14:14">
      <c r="N23364" s="10"/>
    </row>
    <row r="23365" spans="14:14">
      <c r="N23365" s="10"/>
    </row>
    <row r="23366" spans="14:14">
      <c r="N23366" s="10"/>
    </row>
    <row r="23367" spans="14:14">
      <c r="N23367" s="10"/>
    </row>
    <row r="23368" spans="14:14">
      <c r="N23368" s="10"/>
    </row>
    <row r="23369" spans="14:14">
      <c r="N23369" s="10"/>
    </row>
    <row r="23370" spans="14:14">
      <c r="N23370" s="10"/>
    </row>
    <row r="23371" spans="14:14">
      <c r="N23371" s="10"/>
    </row>
    <row r="23372" spans="14:14">
      <c r="N23372" s="10"/>
    </row>
    <row r="23373" spans="14:14">
      <c r="N23373" s="10"/>
    </row>
    <row r="23374" spans="14:14">
      <c r="N23374" s="10"/>
    </row>
    <row r="23375" spans="14:14">
      <c r="N23375" s="10"/>
    </row>
    <row r="23376" spans="14:14">
      <c r="N23376" s="10"/>
    </row>
    <row r="23377" spans="14:14">
      <c r="N23377" s="10"/>
    </row>
    <row r="23378" spans="14:14">
      <c r="N23378" s="10"/>
    </row>
    <row r="23379" spans="14:14">
      <c r="N23379" s="10"/>
    </row>
    <row r="23380" spans="14:14">
      <c r="N23380" s="10"/>
    </row>
    <row r="23381" spans="14:14">
      <c r="N23381" s="10"/>
    </row>
    <row r="23382" spans="14:14">
      <c r="N23382" s="10"/>
    </row>
    <row r="23383" spans="14:14">
      <c r="N23383" s="10"/>
    </row>
    <row r="23384" spans="14:14">
      <c r="N23384" s="10"/>
    </row>
    <row r="23385" spans="14:14">
      <c r="N23385" s="10"/>
    </row>
    <row r="23386" spans="14:14">
      <c r="N23386" s="10"/>
    </row>
    <row r="23387" spans="14:14">
      <c r="N23387" s="10"/>
    </row>
    <row r="23388" spans="14:14">
      <c r="N23388" s="10"/>
    </row>
    <row r="23389" spans="14:14">
      <c r="N23389" s="10"/>
    </row>
    <row r="23390" spans="14:14">
      <c r="N23390" s="10"/>
    </row>
    <row r="23391" spans="14:14">
      <c r="N23391" s="10"/>
    </row>
    <row r="23392" spans="14:14">
      <c r="N23392" s="10"/>
    </row>
    <row r="23393" spans="14:14">
      <c r="N23393" s="10"/>
    </row>
    <row r="23394" spans="14:14">
      <c r="N23394" s="10"/>
    </row>
    <row r="23395" spans="14:14">
      <c r="N23395" s="10"/>
    </row>
    <row r="23396" spans="14:14">
      <c r="N23396" s="10"/>
    </row>
    <row r="23397" spans="14:14">
      <c r="N23397" s="10"/>
    </row>
    <row r="23398" spans="14:14">
      <c r="N23398" s="10"/>
    </row>
    <row r="23399" spans="14:14">
      <c r="N23399" s="10"/>
    </row>
    <row r="23400" spans="14:14">
      <c r="N23400" s="10"/>
    </row>
    <row r="23401" spans="14:14">
      <c r="N23401" s="10"/>
    </row>
    <row r="23402" spans="14:14">
      <c r="N23402" s="10"/>
    </row>
    <row r="23403" spans="14:14">
      <c r="N23403" s="10"/>
    </row>
    <row r="23404" spans="14:14">
      <c r="N23404" s="10"/>
    </row>
    <row r="23405" spans="14:14">
      <c r="N23405" s="10"/>
    </row>
    <row r="23406" spans="14:14">
      <c r="N23406" s="10"/>
    </row>
    <row r="23407" spans="14:14">
      <c r="N23407" s="10"/>
    </row>
    <row r="23408" spans="14:14">
      <c r="N23408" s="10"/>
    </row>
    <row r="23409" spans="14:14">
      <c r="N23409" s="10"/>
    </row>
    <row r="23410" spans="14:14">
      <c r="N23410" s="10"/>
    </row>
    <row r="23411" spans="14:14">
      <c r="N23411" s="10"/>
    </row>
    <row r="23412" spans="14:14">
      <c r="N23412" s="10"/>
    </row>
    <row r="23413" spans="14:14">
      <c r="N23413" s="10"/>
    </row>
    <row r="23414" spans="14:14">
      <c r="N23414" s="10"/>
    </row>
    <row r="23415" spans="14:14">
      <c r="N23415" s="10"/>
    </row>
    <row r="23416" spans="14:14">
      <c r="N23416" s="10"/>
    </row>
    <row r="23417" spans="14:14">
      <c r="N23417" s="10"/>
    </row>
    <row r="23418" spans="14:14">
      <c r="N23418" s="10"/>
    </row>
    <row r="23419" spans="14:14">
      <c r="N23419" s="10"/>
    </row>
    <row r="23420" spans="14:14">
      <c r="N23420" s="10"/>
    </row>
    <row r="23421" spans="14:14">
      <c r="N23421" s="10"/>
    </row>
    <row r="23422" spans="14:14">
      <c r="N23422" s="10"/>
    </row>
    <row r="23423" spans="14:14">
      <c r="N23423" s="10"/>
    </row>
    <row r="23424" spans="14:14">
      <c r="N23424" s="10"/>
    </row>
    <row r="23425" spans="14:14">
      <c r="N23425" s="10"/>
    </row>
    <row r="23426" spans="14:14">
      <c r="N23426" s="10"/>
    </row>
    <row r="23427" spans="14:14">
      <c r="N23427" s="10"/>
    </row>
    <row r="23428" spans="14:14">
      <c r="N23428" s="10"/>
    </row>
    <row r="23429" spans="14:14">
      <c r="N23429" s="10"/>
    </row>
    <row r="23430" spans="14:14">
      <c r="N23430" s="10"/>
    </row>
    <row r="23431" spans="14:14">
      <c r="N23431" s="10"/>
    </row>
    <row r="23432" spans="14:14">
      <c r="N23432" s="10"/>
    </row>
    <row r="23433" spans="14:14">
      <c r="N23433" s="10"/>
    </row>
    <row r="23434" spans="14:14">
      <c r="N23434" s="10"/>
    </row>
    <row r="23435" spans="14:14">
      <c r="N23435" s="10"/>
    </row>
    <row r="23436" spans="14:14">
      <c r="N23436" s="10"/>
    </row>
    <row r="23437" spans="14:14">
      <c r="N23437" s="10"/>
    </row>
    <row r="23438" spans="14:14">
      <c r="N23438" s="10"/>
    </row>
    <row r="23439" spans="14:14">
      <c r="N23439" s="10"/>
    </row>
    <row r="23440" spans="14:14">
      <c r="N23440" s="10"/>
    </row>
    <row r="23441" spans="14:14">
      <c r="N23441" s="10"/>
    </row>
    <row r="23442" spans="14:14">
      <c r="N23442" s="10"/>
    </row>
    <row r="23443" spans="14:14">
      <c r="N23443" s="10"/>
    </row>
    <row r="23444" spans="14:14">
      <c r="N23444" s="10"/>
    </row>
    <row r="23445" spans="14:14">
      <c r="N23445" s="10"/>
    </row>
    <row r="23446" spans="14:14">
      <c r="N23446" s="10"/>
    </row>
    <row r="23447" spans="14:14">
      <c r="N23447" s="10"/>
    </row>
    <row r="23448" spans="14:14">
      <c r="N23448" s="10"/>
    </row>
    <row r="23449" spans="14:14">
      <c r="N23449" s="10"/>
    </row>
    <row r="23450" spans="14:14">
      <c r="N23450" s="10"/>
    </row>
    <row r="23451" spans="14:14">
      <c r="N23451" s="10"/>
    </row>
    <row r="23452" spans="14:14">
      <c r="N23452" s="10"/>
    </row>
    <row r="23453" spans="14:14">
      <c r="N23453" s="10"/>
    </row>
    <row r="23454" spans="14:14">
      <c r="N23454" s="10"/>
    </row>
    <row r="23455" spans="14:14">
      <c r="N23455" s="10"/>
    </row>
    <row r="23456" spans="14:14">
      <c r="N23456" s="10"/>
    </row>
    <row r="23457" spans="14:14">
      <c r="N23457" s="10"/>
    </row>
    <row r="23458" spans="14:14">
      <c r="N23458" s="10"/>
    </row>
    <row r="23459" spans="14:14">
      <c r="N23459" s="10"/>
    </row>
    <row r="23460" spans="14:14">
      <c r="N23460" s="10"/>
    </row>
    <row r="23461" spans="14:14">
      <c r="N23461" s="10"/>
    </row>
    <row r="23462" spans="14:14">
      <c r="N23462" s="10"/>
    </row>
    <row r="23463" spans="14:14">
      <c r="N23463" s="10"/>
    </row>
    <row r="23464" spans="14:14">
      <c r="N23464" s="10"/>
    </row>
    <row r="23465" spans="14:14">
      <c r="N23465" s="10"/>
    </row>
    <row r="23466" spans="14:14">
      <c r="N23466" s="10"/>
    </row>
    <row r="23467" spans="14:14">
      <c r="N23467" s="10"/>
    </row>
    <row r="23468" spans="14:14">
      <c r="N23468" s="10"/>
    </row>
    <row r="23469" spans="14:14">
      <c r="N23469" s="10"/>
    </row>
    <row r="23470" spans="14:14">
      <c r="N23470" s="10"/>
    </row>
    <row r="23471" spans="14:14">
      <c r="N23471" s="10"/>
    </row>
    <row r="23472" spans="14:14">
      <c r="N23472" s="10"/>
    </row>
    <row r="23473" spans="14:14">
      <c r="N23473" s="10"/>
    </row>
    <row r="23474" spans="14:14">
      <c r="N23474" s="10"/>
    </row>
    <row r="23475" spans="14:14">
      <c r="N23475" s="10"/>
    </row>
    <row r="23476" spans="14:14">
      <c r="N23476" s="10"/>
    </row>
    <row r="23477" spans="14:14">
      <c r="N23477" s="10"/>
    </row>
    <row r="23478" spans="14:14">
      <c r="N23478" s="10"/>
    </row>
    <row r="23479" spans="14:14">
      <c r="N23479" s="10"/>
    </row>
    <row r="23480" spans="14:14">
      <c r="N23480" s="10"/>
    </row>
    <row r="23481" spans="14:14">
      <c r="N23481" s="10"/>
    </row>
    <row r="23482" spans="14:14">
      <c r="N23482" s="10"/>
    </row>
    <row r="23483" spans="14:14">
      <c r="N23483" s="10"/>
    </row>
    <row r="23484" spans="14:14">
      <c r="N23484" s="10"/>
    </row>
    <row r="23485" spans="14:14">
      <c r="N23485" s="10"/>
    </row>
    <row r="23486" spans="14:14">
      <c r="N23486" s="10"/>
    </row>
    <row r="23487" spans="14:14">
      <c r="N23487" s="10"/>
    </row>
    <row r="23488" spans="14:14">
      <c r="N23488" s="10"/>
    </row>
    <row r="23489" spans="14:14">
      <c r="N23489" s="10"/>
    </row>
    <row r="23490" spans="14:14">
      <c r="N23490" s="10"/>
    </row>
    <row r="23491" spans="14:14">
      <c r="N23491" s="10"/>
    </row>
    <row r="23492" spans="14:14">
      <c r="N23492" s="10"/>
    </row>
    <row r="23493" spans="14:14">
      <c r="N23493" s="10"/>
    </row>
    <row r="23494" spans="14:14">
      <c r="N23494" s="10"/>
    </row>
    <row r="23495" spans="14:14">
      <c r="N23495" s="10"/>
    </row>
    <row r="23496" spans="14:14">
      <c r="N23496" s="10"/>
    </row>
    <row r="23497" spans="14:14">
      <c r="N23497" s="10"/>
    </row>
    <row r="23498" spans="14:14">
      <c r="N23498" s="10"/>
    </row>
    <row r="23499" spans="14:14">
      <c r="N23499" s="10"/>
    </row>
    <row r="23500" spans="14:14">
      <c r="N23500" s="10"/>
    </row>
    <row r="23501" spans="14:14">
      <c r="N23501" s="10"/>
    </row>
    <row r="23502" spans="14:14">
      <c r="N23502" s="10"/>
    </row>
    <row r="23503" spans="14:14">
      <c r="N23503" s="10"/>
    </row>
    <row r="23504" spans="14:14">
      <c r="N23504" s="10"/>
    </row>
    <row r="23505" spans="14:14">
      <c r="N23505" s="10"/>
    </row>
    <row r="23506" spans="14:14">
      <c r="N23506" s="10"/>
    </row>
    <row r="23507" spans="14:14">
      <c r="N23507" s="10"/>
    </row>
    <row r="23508" spans="14:14">
      <c r="N23508" s="10"/>
    </row>
    <row r="23509" spans="14:14">
      <c r="N23509" s="10"/>
    </row>
    <row r="23510" spans="14:14">
      <c r="N23510" s="10"/>
    </row>
    <row r="23511" spans="14:14">
      <c r="N23511" s="10"/>
    </row>
    <row r="23512" spans="14:14">
      <c r="N23512" s="10"/>
    </row>
    <row r="23513" spans="14:14">
      <c r="N23513" s="10"/>
    </row>
    <row r="23514" spans="14:14">
      <c r="N23514" s="10"/>
    </row>
    <row r="23515" spans="14:14">
      <c r="N23515" s="10"/>
    </row>
    <row r="23516" spans="14:14">
      <c r="N23516" s="10"/>
    </row>
    <row r="23517" spans="14:14">
      <c r="N23517" s="10"/>
    </row>
    <row r="23518" spans="14:14">
      <c r="N23518" s="10"/>
    </row>
    <row r="23519" spans="14:14">
      <c r="N23519" s="10"/>
    </row>
    <row r="23520" spans="14:14">
      <c r="N23520" s="10"/>
    </row>
    <row r="23521" spans="14:14">
      <c r="N23521" s="10"/>
    </row>
    <row r="23522" spans="14:14">
      <c r="N23522" s="10"/>
    </row>
    <row r="23523" spans="14:14">
      <c r="N23523" s="10"/>
    </row>
    <row r="23524" spans="14:14">
      <c r="N23524" s="10"/>
    </row>
    <row r="23525" spans="14:14">
      <c r="N23525" s="10"/>
    </row>
    <row r="23526" spans="14:14">
      <c r="N23526" s="10"/>
    </row>
    <row r="23527" spans="14:14">
      <c r="N23527" s="10"/>
    </row>
    <row r="23528" spans="14:14">
      <c r="N23528" s="10"/>
    </row>
    <row r="23529" spans="14:14">
      <c r="N23529" s="10"/>
    </row>
    <row r="23530" spans="14:14">
      <c r="N23530" s="10"/>
    </row>
    <row r="23531" spans="14:14">
      <c r="N23531" s="10"/>
    </row>
    <row r="23532" spans="14:14">
      <c r="N23532" s="10"/>
    </row>
    <row r="23533" spans="14:14">
      <c r="N23533" s="10"/>
    </row>
    <row r="23534" spans="14:14">
      <c r="N23534" s="10"/>
    </row>
    <row r="23535" spans="14:14">
      <c r="N23535" s="10"/>
    </row>
    <row r="23536" spans="14:14">
      <c r="N23536" s="10"/>
    </row>
    <row r="23537" spans="14:14">
      <c r="N23537" s="10"/>
    </row>
    <row r="23538" spans="14:14">
      <c r="N23538" s="10"/>
    </row>
    <row r="23539" spans="14:14">
      <c r="N23539" s="10"/>
    </row>
    <row r="23540" spans="14:14">
      <c r="N23540" s="10"/>
    </row>
    <row r="23541" spans="14:14">
      <c r="N23541" s="10"/>
    </row>
    <row r="23542" spans="14:14">
      <c r="N23542" s="10"/>
    </row>
    <row r="23543" spans="14:14">
      <c r="N23543" s="10"/>
    </row>
    <row r="23544" spans="14:14">
      <c r="N23544" s="10"/>
    </row>
    <row r="23545" spans="14:14">
      <c r="N23545" s="10"/>
    </row>
    <row r="23546" spans="14:14">
      <c r="N23546" s="10"/>
    </row>
    <row r="23547" spans="14:14">
      <c r="N23547" s="10"/>
    </row>
    <row r="23548" spans="14:14">
      <c r="N23548" s="10"/>
    </row>
    <row r="23549" spans="14:14">
      <c r="N23549" s="10"/>
    </row>
    <row r="23550" spans="14:14">
      <c r="N23550" s="10"/>
    </row>
    <row r="23551" spans="14:14">
      <c r="N23551" s="10"/>
    </row>
    <row r="23552" spans="14:14">
      <c r="N23552" s="10"/>
    </row>
    <row r="23553" spans="14:14">
      <c r="N23553" s="10"/>
    </row>
    <row r="23554" spans="14:14">
      <c r="N23554" s="10"/>
    </row>
    <row r="23555" spans="14:14">
      <c r="N23555" s="10"/>
    </row>
    <row r="23556" spans="14:14">
      <c r="N23556" s="10"/>
    </row>
    <row r="23557" spans="14:14">
      <c r="N23557" s="10"/>
    </row>
    <row r="23558" spans="14:14">
      <c r="N23558" s="10"/>
    </row>
    <row r="23559" spans="14:14">
      <c r="N23559" s="10"/>
    </row>
    <row r="23560" spans="14:14">
      <c r="N23560" s="10"/>
    </row>
    <row r="23561" spans="14:14">
      <c r="N23561" s="10"/>
    </row>
    <row r="23562" spans="14:14">
      <c r="N23562" s="10"/>
    </row>
    <row r="23563" spans="14:14">
      <c r="N23563" s="10"/>
    </row>
    <row r="23564" spans="14:14">
      <c r="N23564" s="10"/>
    </row>
    <row r="23565" spans="14:14">
      <c r="N23565" s="10"/>
    </row>
    <row r="23566" spans="14:14">
      <c r="N23566" s="10"/>
    </row>
    <row r="23567" spans="14:14">
      <c r="N23567" s="10"/>
    </row>
    <row r="23568" spans="14:14">
      <c r="N23568" s="10"/>
    </row>
    <row r="23569" spans="14:14">
      <c r="N23569" s="10"/>
    </row>
    <row r="23570" spans="14:14">
      <c r="N23570" s="10"/>
    </row>
    <row r="23571" spans="14:14">
      <c r="N23571" s="10"/>
    </row>
    <row r="23572" spans="14:14">
      <c r="N23572" s="10"/>
    </row>
    <row r="23573" spans="14:14">
      <c r="N23573" s="10"/>
    </row>
    <row r="23574" spans="14:14">
      <c r="N23574" s="10"/>
    </row>
    <row r="23575" spans="14:14">
      <c r="N23575" s="10"/>
    </row>
    <row r="23576" spans="14:14">
      <c r="N23576" s="10"/>
    </row>
    <row r="23577" spans="14:14">
      <c r="N23577" s="10"/>
    </row>
    <row r="23578" spans="14:14">
      <c r="N23578" s="10"/>
    </row>
    <row r="23579" spans="14:14">
      <c r="N23579" s="10"/>
    </row>
    <row r="23580" spans="14:14">
      <c r="N23580" s="10"/>
    </row>
    <row r="23581" spans="14:14">
      <c r="N23581" s="10"/>
    </row>
    <row r="23582" spans="14:14">
      <c r="N23582" s="10"/>
    </row>
    <row r="23583" spans="14:14">
      <c r="N23583" s="10"/>
    </row>
    <row r="23584" spans="14:14">
      <c r="N23584" s="10"/>
    </row>
    <row r="23585" spans="14:14">
      <c r="N23585" s="10"/>
    </row>
    <row r="23586" spans="14:14">
      <c r="N23586" s="10"/>
    </row>
    <row r="23587" spans="14:14">
      <c r="N23587" s="10"/>
    </row>
    <row r="23588" spans="14:14">
      <c r="N23588" s="10"/>
    </row>
    <row r="23589" spans="14:14">
      <c r="N23589" s="10"/>
    </row>
    <row r="23590" spans="14:14">
      <c r="N23590" s="10"/>
    </row>
    <row r="23591" spans="14:14">
      <c r="N23591" s="10"/>
    </row>
    <row r="23592" spans="14:14">
      <c r="N23592" s="10"/>
    </row>
    <row r="23593" spans="14:14">
      <c r="N23593" s="10"/>
    </row>
    <row r="23594" spans="14:14">
      <c r="N23594" s="10"/>
    </row>
    <row r="23595" spans="14:14">
      <c r="N23595" s="10"/>
    </row>
    <row r="23596" spans="14:14">
      <c r="N23596" s="10"/>
    </row>
    <row r="23597" spans="14:14">
      <c r="N23597" s="10"/>
    </row>
    <row r="23598" spans="14:14">
      <c r="N23598" s="10"/>
    </row>
    <row r="23599" spans="14:14">
      <c r="N23599" s="10"/>
    </row>
    <row r="23600" spans="14:14">
      <c r="N23600" s="10"/>
    </row>
    <row r="23601" spans="14:14">
      <c r="N23601" s="10"/>
    </row>
    <row r="23602" spans="14:14">
      <c r="N23602" s="10"/>
    </row>
    <row r="23603" spans="14:14">
      <c r="N23603" s="10"/>
    </row>
    <row r="23604" spans="14:14">
      <c r="N23604" s="10"/>
    </row>
    <row r="23605" spans="14:14">
      <c r="N23605" s="10"/>
    </row>
    <row r="23606" spans="14:14">
      <c r="N23606" s="10"/>
    </row>
    <row r="23607" spans="14:14">
      <c r="N23607" s="10"/>
    </row>
    <row r="23608" spans="14:14">
      <c r="N23608" s="10"/>
    </row>
    <row r="23609" spans="14:14">
      <c r="N23609" s="10"/>
    </row>
    <row r="23610" spans="14:14">
      <c r="N23610" s="10"/>
    </row>
    <row r="23611" spans="14:14">
      <c r="N23611" s="10"/>
    </row>
    <row r="23612" spans="14:14">
      <c r="N23612" s="10"/>
    </row>
    <row r="23613" spans="14:14">
      <c r="N23613" s="10"/>
    </row>
    <row r="23614" spans="14:14">
      <c r="N23614" s="10"/>
    </row>
    <row r="23615" spans="14:14">
      <c r="N23615" s="10"/>
    </row>
    <row r="23616" spans="14:14">
      <c r="N23616" s="10"/>
    </row>
    <row r="23617" spans="14:14">
      <c r="N23617" s="10"/>
    </row>
    <row r="23618" spans="14:14">
      <c r="N23618" s="10"/>
    </row>
    <row r="23619" spans="14:14">
      <c r="N23619" s="10"/>
    </row>
    <row r="23620" spans="14:14">
      <c r="N23620" s="10"/>
    </row>
    <row r="23621" spans="14:14">
      <c r="N23621" s="10"/>
    </row>
    <row r="23622" spans="14:14">
      <c r="N23622" s="10"/>
    </row>
    <row r="23623" spans="14:14">
      <c r="N23623" s="10"/>
    </row>
    <row r="23624" spans="14:14">
      <c r="N23624" s="10"/>
    </row>
    <row r="23625" spans="14:14">
      <c r="N23625" s="10"/>
    </row>
    <row r="23626" spans="14:14">
      <c r="N23626" s="10"/>
    </row>
    <row r="23627" spans="14:14">
      <c r="N23627" s="10"/>
    </row>
    <row r="23628" spans="14:14">
      <c r="N23628" s="10"/>
    </row>
    <row r="23629" spans="14:14">
      <c r="N23629" s="10"/>
    </row>
    <row r="23630" spans="14:14">
      <c r="N23630" s="10"/>
    </row>
    <row r="23631" spans="14:14">
      <c r="N23631" s="10"/>
    </row>
    <row r="23632" spans="14:14">
      <c r="N23632" s="10"/>
    </row>
    <row r="23633" spans="14:14">
      <c r="N23633" s="10"/>
    </row>
    <row r="23634" spans="14:14">
      <c r="N23634" s="10"/>
    </row>
    <row r="23635" spans="14:14">
      <c r="N23635" s="10"/>
    </row>
    <row r="23636" spans="14:14">
      <c r="N23636" s="10"/>
    </row>
    <row r="23637" spans="14:14">
      <c r="N23637" s="10"/>
    </row>
    <row r="23638" spans="14:14">
      <c r="N23638" s="10"/>
    </row>
    <row r="23639" spans="14:14">
      <c r="N23639" s="10"/>
    </row>
    <row r="23640" spans="14:14">
      <c r="N23640" s="10"/>
    </row>
    <row r="23641" spans="14:14">
      <c r="N23641" s="10"/>
    </row>
    <row r="23642" spans="14:14">
      <c r="N23642" s="10"/>
    </row>
    <row r="23643" spans="14:14">
      <c r="N23643" s="10"/>
    </row>
    <row r="23644" spans="14:14">
      <c r="N23644" s="10"/>
    </row>
    <row r="23645" spans="14:14">
      <c r="N23645" s="10"/>
    </row>
    <row r="23646" spans="14:14">
      <c r="N23646" s="10"/>
    </row>
    <row r="23647" spans="14:14">
      <c r="N23647" s="10"/>
    </row>
    <row r="23648" spans="14:14">
      <c r="N23648" s="10"/>
    </row>
    <row r="23649" spans="14:14">
      <c r="N23649" s="10"/>
    </row>
    <row r="23650" spans="14:14">
      <c r="N23650" s="10"/>
    </row>
    <row r="23651" spans="14:14">
      <c r="N23651" s="10"/>
    </row>
    <row r="23652" spans="14:14">
      <c r="N23652" s="10"/>
    </row>
    <row r="23653" spans="14:14">
      <c r="N23653" s="10"/>
    </row>
    <row r="23654" spans="14:14">
      <c r="N23654" s="10"/>
    </row>
    <row r="23655" spans="14:14">
      <c r="N23655" s="10"/>
    </row>
    <row r="23656" spans="14:14">
      <c r="N23656" s="10"/>
    </row>
    <row r="23657" spans="14:14">
      <c r="N23657" s="10"/>
    </row>
    <row r="23658" spans="14:14">
      <c r="N23658" s="10"/>
    </row>
    <row r="23659" spans="14:14">
      <c r="N23659" s="10"/>
    </row>
    <row r="23660" spans="14:14">
      <c r="N23660" s="10"/>
    </row>
    <row r="23661" spans="14:14">
      <c r="N23661" s="10"/>
    </row>
    <row r="23662" spans="14:14">
      <c r="N23662" s="10"/>
    </row>
    <row r="23663" spans="14:14">
      <c r="N23663" s="10"/>
    </row>
    <row r="23664" spans="14:14">
      <c r="N23664" s="10"/>
    </row>
    <row r="23665" spans="14:14">
      <c r="N23665" s="10"/>
    </row>
    <row r="23666" spans="14:14">
      <c r="N23666" s="10"/>
    </row>
    <row r="23667" spans="14:14">
      <c r="N23667" s="10"/>
    </row>
    <row r="23668" spans="14:14">
      <c r="N23668" s="10"/>
    </row>
    <row r="23669" spans="14:14">
      <c r="N23669" s="10"/>
    </row>
    <row r="23670" spans="14:14">
      <c r="N23670" s="10"/>
    </row>
    <row r="23671" spans="14:14">
      <c r="N23671" s="10"/>
    </row>
    <row r="23672" spans="14:14">
      <c r="N23672" s="10"/>
    </row>
    <row r="23673" spans="14:14">
      <c r="N23673" s="10"/>
    </row>
    <row r="23674" spans="14:14">
      <c r="N23674" s="10"/>
    </row>
    <row r="23675" spans="14:14">
      <c r="N23675" s="10"/>
    </row>
    <row r="23676" spans="14:14">
      <c r="N23676" s="10"/>
    </row>
    <row r="23677" spans="14:14">
      <c r="N23677" s="10"/>
    </row>
    <row r="23678" spans="14:14">
      <c r="N23678" s="10"/>
    </row>
    <row r="23679" spans="14:14">
      <c r="N23679" s="10"/>
    </row>
    <row r="23680" spans="14:14">
      <c r="N23680" s="10"/>
    </row>
    <row r="23681" spans="14:14">
      <c r="N23681" s="10"/>
    </row>
    <row r="23682" spans="14:14">
      <c r="N23682" s="10"/>
    </row>
    <row r="23683" spans="14:14">
      <c r="N23683" s="10"/>
    </row>
    <row r="23684" spans="14:14">
      <c r="N23684" s="10"/>
    </row>
    <row r="23685" spans="14:14">
      <c r="N23685" s="10"/>
    </row>
    <row r="23686" spans="14:14">
      <c r="N23686" s="10"/>
    </row>
    <row r="23687" spans="14:14">
      <c r="N23687" s="10"/>
    </row>
    <row r="23688" spans="14:14">
      <c r="N23688" s="10"/>
    </row>
    <row r="23689" spans="14:14">
      <c r="N23689" s="10"/>
    </row>
    <row r="23690" spans="14:14">
      <c r="N23690" s="10"/>
    </row>
    <row r="23691" spans="14:14">
      <c r="N23691" s="10"/>
    </row>
    <row r="23692" spans="14:14">
      <c r="N23692" s="10"/>
    </row>
    <row r="23693" spans="14:14">
      <c r="N23693" s="10"/>
    </row>
    <row r="23694" spans="14:14">
      <c r="N23694" s="10"/>
    </row>
    <row r="23695" spans="14:14">
      <c r="N23695" s="10"/>
    </row>
    <row r="23696" spans="14:14">
      <c r="N23696" s="10"/>
    </row>
    <row r="23697" spans="14:14">
      <c r="N23697" s="10"/>
    </row>
    <row r="23698" spans="14:14">
      <c r="N23698" s="10"/>
    </row>
    <row r="23699" spans="14:14">
      <c r="N23699" s="10"/>
    </row>
    <row r="23700" spans="14:14">
      <c r="N23700" s="10"/>
    </row>
    <row r="23701" spans="14:14">
      <c r="N23701" s="10"/>
    </row>
    <row r="23702" spans="14:14">
      <c r="N23702" s="10"/>
    </row>
    <row r="23703" spans="14:14">
      <c r="N23703" s="10"/>
    </row>
    <row r="23704" spans="14:14">
      <c r="N23704" s="10"/>
    </row>
    <row r="23705" spans="14:14">
      <c r="N23705" s="10"/>
    </row>
    <row r="23706" spans="14:14">
      <c r="N23706" s="10"/>
    </row>
    <row r="23707" spans="14:14">
      <c r="N23707" s="10"/>
    </row>
    <row r="23708" spans="14:14">
      <c r="N23708" s="10"/>
    </row>
    <row r="23709" spans="14:14">
      <c r="N23709" s="10"/>
    </row>
    <row r="23710" spans="14:14">
      <c r="N23710" s="10"/>
    </row>
    <row r="23711" spans="14:14">
      <c r="N23711" s="10"/>
    </row>
    <row r="23712" spans="14:14">
      <c r="N23712" s="10"/>
    </row>
    <row r="23713" spans="14:14">
      <c r="N23713" s="10"/>
    </row>
    <row r="23714" spans="14:14">
      <c r="N23714" s="10"/>
    </row>
    <row r="23715" spans="14:14">
      <c r="N23715" s="10"/>
    </row>
    <row r="23716" spans="14:14">
      <c r="N23716" s="10"/>
    </row>
    <row r="23717" spans="14:14">
      <c r="N23717" s="10"/>
    </row>
    <row r="23718" spans="14:14">
      <c r="N23718" s="10"/>
    </row>
    <row r="23719" spans="14:14">
      <c r="N23719" s="10"/>
    </row>
    <row r="23720" spans="14:14">
      <c r="N23720" s="10"/>
    </row>
    <row r="23721" spans="14:14">
      <c r="N23721" s="10"/>
    </row>
    <row r="23722" spans="14:14">
      <c r="N23722" s="10"/>
    </row>
    <row r="23723" spans="14:14">
      <c r="N23723" s="10"/>
    </row>
    <row r="23724" spans="14:14">
      <c r="N23724" s="10"/>
    </row>
    <row r="23725" spans="14:14">
      <c r="N23725" s="10"/>
    </row>
    <row r="23726" spans="14:14">
      <c r="N23726" s="10"/>
    </row>
    <row r="23727" spans="14:14">
      <c r="N23727" s="10"/>
    </row>
    <row r="23728" spans="14:14">
      <c r="N23728" s="10"/>
    </row>
    <row r="23729" spans="14:14">
      <c r="N23729" s="10"/>
    </row>
    <row r="23730" spans="14:14">
      <c r="N23730" s="10"/>
    </row>
    <row r="23731" spans="14:14">
      <c r="N23731" s="10"/>
    </row>
    <row r="23732" spans="14:14">
      <c r="N23732" s="10"/>
    </row>
    <row r="23733" spans="14:14">
      <c r="N23733" s="10"/>
    </row>
    <row r="23734" spans="14:14">
      <c r="N23734" s="10"/>
    </row>
    <row r="23735" spans="14:14">
      <c r="N23735" s="10"/>
    </row>
    <row r="23736" spans="14:14">
      <c r="N23736" s="10"/>
    </row>
    <row r="23737" spans="14:14">
      <c r="N23737" s="10"/>
    </row>
    <row r="23738" spans="14:14">
      <c r="N23738" s="10"/>
    </row>
    <row r="23739" spans="14:14">
      <c r="N23739" s="10"/>
    </row>
    <row r="23740" spans="14:14">
      <c r="N23740" s="10"/>
    </row>
    <row r="23741" spans="14:14">
      <c r="N23741" s="10"/>
    </row>
    <row r="23742" spans="14:14">
      <c r="N23742" s="10"/>
    </row>
    <row r="23743" spans="14:14">
      <c r="N23743" s="10"/>
    </row>
    <row r="23744" spans="14:14">
      <c r="N23744" s="10"/>
    </row>
    <row r="23745" spans="14:14">
      <c r="N23745" s="10"/>
    </row>
    <row r="23746" spans="14:14">
      <c r="N23746" s="10"/>
    </row>
    <row r="23747" spans="14:14">
      <c r="N23747" s="10"/>
    </row>
    <row r="23748" spans="14:14">
      <c r="N23748" s="10"/>
    </row>
    <row r="23749" spans="14:14">
      <c r="N23749" s="10"/>
    </row>
    <row r="23750" spans="14:14">
      <c r="N23750" s="10"/>
    </row>
    <row r="23751" spans="14:14">
      <c r="N23751" s="10"/>
    </row>
    <row r="23752" spans="14:14">
      <c r="N23752" s="10"/>
    </row>
    <row r="23753" spans="14:14">
      <c r="N23753" s="10"/>
    </row>
    <row r="23754" spans="14:14">
      <c r="N23754" s="10"/>
    </row>
    <row r="23755" spans="14:14">
      <c r="N23755" s="10"/>
    </row>
    <row r="23756" spans="14:14">
      <c r="N23756" s="10"/>
    </row>
    <row r="23757" spans="14:14">
      <c r="N23757" s="10"/>
    </row>
    <row r="23758" spans="14:14">
      <c r="N23758" s="10"/>
    </row>
    <row r="23759" spans="14:14">
      <c r="N23759" s="10"/>
    </row>
    <row r="23760" spans="14:14">
      <c r="N23760" s="10"/>
    </row>
    <row r="23761" spans="14:14">
      <c r="N23761" s="10"/>
    </row>
    <row r="23762" spans="14:14">
      <c r="N23762" s="10"/>
    </row>
    <row r="23763" spans="14:14">
      <c r="N23763" s="10"/>
    </row>
    <row r="23764" spans="14:14">
      <c r="N23764" s="10"/>
    </row>
    <row r="23765" spans="14:14">
      <c r="N23765" s="10"/>
    </row>
    <row r="23766" spans="14:14">
      <c r="N23766" s="10"/>
    </row>
    <row r="23767" spans="14:14">
      <c r="N23767" s="10"/>
    </row>
    <row r="23768" spans="14:14">
      <c r="N23768" s="10"/>
    </row>
    <row r="23769" spans="14:14">
      <c r="N23769" s="10"/>
    </row>
    <row r="23770" spans="14:14">
      <c r="N23770" s="10"/>
    </row>
    <row r="23771" spans="14:14">
      <c r="N23771" s="10"/>
    </row>
    <row r="23772" spans="14:14">
      <c r="N23772" s="10"/>
    </row>
    <row r="23773" spans="14:14">
      <c r="N23773" s="10"/>
    </row>
    <row r="23774" spans="14:14">
      <c r="N23774" s="10"/>
    </row>
    <row r="23775" spans="14:14">
      <c r="N23775" s="10"/>
    </row>
    <row r="23776" spans="14:14">
      <c r="N23776" s="10"/>
    </row>
    <row r="23777" spans="14:14">
      <c r="N23777" s="10"/>
    </row>
    <row r="23778" spans="14:14">
      <c r="N23778" s="10"/>
    </row>
    <row r="23779" spans="14:14">
      <c r="N23779" s="10"/>
    </row>
    <row r="23780" spans="14:14">
      <c r="N23780" s="10"/>
    </row>
    <row r="23781" spans="14:14">
      <c r="N23781" s="10"/>
    </row>
    <row r="23782" spans="14:14">
      <c r="N23782" s="10"/>
    </row>
    <row r="23783" spans="14:14">
      <c r="N23783" s="10"/>
    </row>
    <row r="23784" spans="14:14">
      <c r="N23784" s="10"/>
    </row>
    <row r="23785" spans="14:14">
      <c r="N23785" s="10"/>
    </row>
    <row r="23786" spans="14:14">
      <c r="N23786" s="10"/>
    </row>
    <row r="23787" spans="14:14">
      <c r="N23787" s="10"/>
    </row>
    <row r="23788" spans="14:14">
      <c r="N23788" s="10"/>
    </row>
    <row r="23789" spans="14:14">
      <c r="N23789" s="10"/>
    </row>
    <row r="23790" spans="14:14">
      <c r="N23790" s="10"/>
    </row>
    <row r="23791" spans="14:14">
      <c r="N23791" s="10"/>
    </row>
    <row r="23792" spans="14:14">
      <c r="N23792" s="10"/>
    </row>
    <row r="23793" spans="14:14">
      <c r="N23793" s="10"/>
    </row>
    <row r="23794" spans="14:14">
      <c r="N23794" s="10"/>
    </row>
    <row r="23795" spans="14:14">
      <c r="N23795" s="10"/>
    </row>
    <row r="23796" spans="14:14">
      <c r="N23796" s="10"/>
    </row>
    <row r="23797" spans="14:14">
      <c r="N23797" s="10"/>
    </row>
    <row r="23798" spans="14:14">
      <c r="N23798" s="10"/>
    </row>
    <row r="23799" spans="14:14">
      <c r="N23799" s="10"/>
    </row>
    <row r="23800" spans="14:14">
      <c r="N23800" s="10"/>
    </row>
    <row r="23801" spans="14:14">
      <c r="N23801" s="10"/>
    </row>
    <row r="23802" spans="14:14">
      <c r="N23802" s="10"/>
    </row>
    <row r="23803" spans="14:14">
      <c r="N23803" s="10"/>
    </row>
    <row r="23804" spans="14:14">
      <c r="N23804" s="10"/>
    </row>
    <row r="23805" spans="14:14">
      <c r="N23805" s="10"/>
    </row>
    <row r="23806" spans="14:14">
      <c r="N23806" s="10"/>
    </row>
    <row r="23807" spans="14:14">
      <c r="N23807" s="10"/>
    </row>
    <row r="23808" spans="14:14">
      <c r="N23808" s="10"/>
    </row>
    <row r="23809" spans="14:14">
      <c r="N23809" s="10"/>
    </row>
    <row r="23810" spans="14:14">
      <c r="N23810" s="10"/>
    </row>
    <row r="23811" spans="14:14">
      <c r="N23811" s="10"/>
    </row>
    <row r="23812" spans="14:14">
      <c r="N23812" s="10"/>
    </row>
    <row r="23813" spans="14:14">
      <c r="N23813" s="10"/>
    </row>
    <row r="23814" spans="14:14">
      <c r="N23814" s="10"/>
    </row>
    <row r="23815" spans="14:14">
      <c r="N23815" s="10"/>
    </row>
    <row r="23816" spans="14:14">
      <c r="N23816" s="10"/>
    </row>
    <row r="23817" spans="14:14">
      <c r="N23817" s="10"/>
    </row>
    <row r="23818" spans="14:14">
      <c r="N23818" s="10"/>
    </row>
    <row r="23819" spans="14:14">
      <c r="N23819" s="10"/>
    </row>
    <row r="23820" spans="14:14">
      <c r="N23820" s="10"/>
    </row>
    <row r="23821" spans="14:14">
      <c r="N23821" s="10"/>
    </row>
    <row r="23822" spans="14:14">
      <c r="N23822" s="10"/>
    </row>
    <row r="23823" spans="14:14">
      <c r="N23823" s="10"/>
    </row>
    <row r="23824" spans="14:14">
      <c r="N23824" s="10"/>
    </row>
    <row r="23825" spans="14:14">
      <c r="N23825" s="10"/>
    </row>
    <row r="23826" spans="14:14">
      <c r="N23826" s="10"/>
    </row>
    <row r="23827" spans="14:14">
      <c r="N23827" s="10"/>
    </row>
    <row r="23828" spans="14:14">
      <c r="N23828" s="10"/>
    </row>
    <row r="23829" spans="14:14">
      <c r="N23829" s="10"/>
    </row>
    <row r="23830" spans="14:14">
      <c r="N23830" s="10"/>
    </row>
    <row r="23831" spans="14:14">
      <c r="N23831" s="10"/>
    </row>
    <row r="23832" spans="14:14">
      <c r="N23832" s="10"/>
    </row>
    <row r="23833" spans="14:14">
      <c r="N23833" s="10"/>
    </row>
    <row r="23834" spans="14:14">
      <c r="N23834" s="10"/>
    </row>
    <row r="23835" spans="14:14">
      <c r="N23835" s="10"/>
    </row>
    <row r="23836" spans="14:14">
      <c r="N23836" s="10"/>
    </row>
    <row r="23837" spans="14:14">
      <c r="N23837" s="10"/>
    </row>
    <row r="23838" spans="14:14">
      <c r="N23838" s="10"/>
    </row>
    <row r="23839" spans="14:14">
      <c r="N23839" s="10"/>
    </row>
    <row r="23840" spans="14:14">
      <c r="N23840" s="10"/>
    </row>
    <row r="23841" spans="14:14">
      <c r="N23841" s="10"/>
    </row>
    <row r="23842" spans="14:14">
      <c r="N23842" s="10"/>
    </row>
    <row r="23843" spans="14:14">
      <c r="N23843" s="10"/>
    </row>
    <row r="23844" spans="14:14">
      <c r="N23844" s="10"/>
    </row>
    <row r="23845" spans="14:14">
      <c r="N23845" s="10"/>
    </row>
    <row r="23846" spans="14:14">
      <c r="N23846" s="10"/>
    </row>
    <row r="23847" spans="14:14">
      <c r="N23847" s="10"/>
    </row>
    <row r="23848" spans="14:14">
      <c r="N23848" s="10"/>
    </row>
    <row r="23849" spans="14:14">
      <c r="N23849" s="10"/>
    </row>
    <row r="23850" spans="14:14">
      <c r="N23850" s="10"/>
    </row>
    <row r="23851" spans="14:14">
      <c r="N23851" s="10"/>
    </row>
    <row r="23852" spans="14:14">
      <c r="N23852" s="10"/>
    </row>
    <row r="23853" spans="14:14">
      <c r="N23853" s="10"/>
    </row>
    <row r="23854" spans="14:14">
      <c r="N23854" s="10"/>
    </row>
    <row r="23855" spans="14:14">
      <c r="N23855" s="10"/>
    </row>
    <row r="23856" spans="14:14">
      <c r="N23856" s="10"/>
    </row>
    <row r="23857" spans="14:14">
      <c r="N23857" s="10"/>
    </row>
    <row r="23858" spans="14:14">
      <c r="N23858" s="10"/>
    </row>
    <row r="23859" spans="14:14">
      <c r="N23859" s="10"/>
    </row>
    <row r="23860" spans="14:14">
      <c r="N23860" s="10"/>
    </row>
    <row r="23861" spans="14:14">
      <c r="N23861" s="10"/>
    </row>
    <row r="23862" spans="14:14">
      <c r="N23862" s="10"/>
    </row>
    <row r="23863" spans="14:14">
      <c r="N23863" s="10"/>
    </row>
    <row r="23864" spans="14:14">
      <c r="N23864" s="10"/>
    </row>
    <row r="23865" spans="14:14">
      <c r="N23865" s="10"/>
    </row>
    <row r="23866" spans="14:14">
      <c r="N23866" s="10"/>
    </row>
    <row r="23867" spans="14:14">
      <c r="N23867" s="10"/>
    </row>
    <row r="23868" spans="14:14">
      <c r="N23868" s="10"/>
    </row>
    <row r="23869" spans="14:14">
      <c r="N23869" s="10"/>
    </row>
    <row r="23870" spans="14:14">
      <c r="N23870" s="10"/>
    </row>
    <row r="23871" spans="14:14">
      <c r="N23871" s="10"/>
    </row>
    <row r="23872" spans="14:14">
      <c r="N23872" s="10"/>
    </row>
    <row r="23873" spans="14:14">
      <c r="N23873" s="10"/>
    </row>
    <row r="23874" spans="14:14">
      <c r="N23874" s="10"/>
    </row>
    <row r="23875" spans="14:14">
      <c r="N23875" s="10"/>
    </row>
    <row r="23876" spans="14:14">
      <c r="N23876" s="10"/>
    </row>
    <row r="23877" spans="14:14">
      <c r="N23877" s="10"/>
    </row>
    <row r="23878" spans="14:14">
      <c r="N23878" s="10"/>
    </row>
    <row r="23879" spans="14:14">
      <c r="N23879" s="10"/>
    </row>
    <row r="23880" spans="14:14">
      <c r="N23880" s="10"/>
    </row>
    <row r="23881" spans="14:14">
      <c r="N23881" s="10"/>
    </row>
    <row r="23882" spans="14:14">
      <c r="N23882" s="10"/>
    </row>
    <row r="23883" spans="14:14">
      <c r="N23883" s="10"/>
    </row>
    <row r="23884" spans="14:14">
      <c r="N23884" s="10"/>
    </row>
    <row r="23885" spans="14:14">
      <c r="N23885" s="10"/>
    </row>
    <row r="23886" spans="14:14">
      <c r="N23886" s="10"/>
    </row>
    <row r="23887" spans="14:14">
      <c r="N23887" s="10"/>
    </row>
    <row r="23888" spans="14:14">
      <c r="N23888" s="10"/>
    </row>
    <row r="23889" spans="14:14">
      <c r="N23889" s="10"/>
    </row>
    <row r="23890" spans="14:14">
      <c r="N23890" s="10"/>
    </row>
    <row r="23891" spans="14:14">
      <c r="N23891" s="10"/>
    </row>
    <row r="23892" spans="14:14">
      <c r="N23892" s="10"/>
    </row>
    <row r="23893" spans="14:14">
      <c r="N23893" s="10"/>
    </row>
    <row r="23894" spans="14:14">
      <c r="N23894" s="10"/>
    </row>
    <row r="23895" spans="14:14">
      <c r="N23895" s="10"/>
    </row>
    <row r="23896" spans="14:14">
      <c r="N23896" s="10"/>
    </row>
    <row r="23897" spans="14:14">
      <c r="N23897" s="10"/>
    </row>
    <row r="23898" spans="14:14">
      <c r="N23898" s="10"/>
    </row>
    <row r="23899" spans="14:14">
      <c r="N23899" s="10"/>
    </row>
    <row r="23900" spans="14:14">
      <c r="N23900" s="10"/>
    </row>
    <row r="23901" spans="14:14">
      <c r="N23901" s="10"/>
    </row>
    <row r="23902" spans="14:14">
      <c r="N23902" s="10"/>
    </row>
    <row r="23903" spans="14:14">
      <c r="N23903" s="10"/>
    </row>
    <row r="23904" spans="14:14">
      <c r="N23904" s="10"/>
    </row>
    <row r="23905" spans="14:14">
      <c r="N23905" s="10"/>
    </row>
    <row r="23906" spans="14:14">
      <c r="N23906" s="10"/>
    </row>
    <row r="23907" spans="14:14">
      <c r="N23907" s="10"/>
    </row>
    <row r="23908" spans="14:14">
      <c r="N23908" s="10"/>
    </row>
    <row r="23909" spans="14:14">
      <c r="N23909" s="10"/>
    </row>
    <row r="23910" spans="14:14">
      <c r="N23910" s="10"/>
    </row>
    <row r="23911" spans="14:14">
      <c r="N23911" s="10"/>
    </row>
    <row r="23912" spans="14:14">
      <c r="N23912" s="10"/>
    </row>
    <row r="23913" spans="14:14">
      <c r="N23913" s="10"/>
    </row>
    <row r="23914" spans="14:14">
      <c r="N23914" s="10"/>
    </row>
    <row r="23915" spans="14:14">
      <c r="N23915" s="10"/>
    </row>
    <row r="23916" spans="14:14">
      <c r="N23916" s="10"/>
    </row>
    <row r="23917" spans="14:14">
      <c r="N23917" s="10"/>
    </row>
    <row r="23918" spans="14:14">
      <c r="N23918" s="10"/>
    </row>
    <row r="23919" spans="14:14">
      <c r="N23919" s="10"/>
    </row>
    <row r="23920" spans="14:14">
      <c r="N23920" s="10"/>
    </row>
    <row r="23921" spans="14:14">
      <c r="N23921" s="10"/>
    </row>
    <row r="23922" spans="14:14">
      <c r="N23922" s="10"/>
    </row>
    <row r="23923" spans="14:14">
      <c r="N23923" s="10"/>
    </row>
    <row r="23924" spans="14:14">
      <c r="N23924" s="10"/>
    </row>
    <row r="23925" spans="14:14">
      <c r="N23925" s="10"/>
    </row>
    <row r="23926" spans="14:14">
      <c r="N23926" s="10"/>
    </row>
    <row r="23927" spans="14:14">
      <c r="N23927" s="10"/>
    </row>
    <row r="23928" spans="14:14">
      <c r="N23928" s="10"/>
    </row>
    <row r="23929" spans="14:14">
      <c r="N23929" s="10"/>
    </row>
    <row r="23930" spans="14:14">
      <c r="N23930" s="10"/>
    </row>
    <row r="23931" spans="14:14">
      <c r="N23931" s="10"/>
    </row>
    <row r="23932" spans="14:14">
      <c r="N23932" s="10"/>
    </row>
    <row r="23933" spans="14:14">
      <c r="N23933" s="10"/>
    </row>
    <row r="23934" spans="14:14">
      <c r="N23934" s="10"/>
    </row>
    <row r="23935" spans="14:14">
      <c r="N23935" s="10"/>
    </row>
    <row r="23936" spans="14:14">
      <c r="N23936" s="10"/>
    </row>
    <row r="23937" spans="14:14">
      <c r="N23937" s="10"/>
    </row>
    <row r="23938" spans="14:14">
      <c r="N23938" s="10"/>
    </row>
    <row r="23939" spans="14:14">
      <c r="N23939" s="10"/>
    </row>
    <row r="23940" spans="14:14">
      <c r="N23940" s="10"/>
    </row>
    <row r="23941" spans="14:14">
      <c r="N23941" s="10"/>
    </row>
    <row r="23942" spans="14:14">
      <c r="N23942" s="10"/>
    </row>
    <row r="23943" spans="14:14">
      <c r="N23943" s="10"/>
    </row>
    <row r="23944" spans="14:14">
      <c r="N23944" s="10"/>
    </row>
    <row r="23945" spans="14:14">
      <c r="N23945" s="10"/>
    </row>
    <row r="23946" spans="14:14">
      <c r="N23946" s="10"/>
    </row>
    <row r="23947" spans="14:14">
      <c r="N23947" s="10"/>
    </row>
    <row r="23948" spans="14:14">
      <c r="N23948" s="10"/>
    </row>
    <row r="23949" spans="14:14">
      <c r="N23949" s="10"/>
    </row>
    <row r="23950" spans="14:14">
      <c r="N23950" s="10"/>
    </row>
    <row r="23951" spans="14:14">
      <c r="N23951" s="10"/>
    </row>
    <row r="23952" spans="14:14">
      <c r="N23952" s="10"/>
    </row>
    <row r="23953" spans="14:14">
      <c r="N23953" s="10"/>
    </row>
    <row r="23954" spans="14:14">
      <c r="N23954" s="10"/>
    </row>
    <row r="23955" spans="14:14">
      <c r="N23955" s="10"/>
    </row>
    <row r="23956" spans="14:14">
      <c r="N23956" s="10"/>
    </row>
    <row r="23957" spans="14:14">
      <c r="N23957" s="10"/>
    </row>
    <row r="23958" spans="14:14">
      <c r="N23958" s="10"/>
    </row>
    <row r="23959" spans="14:14">
      <c r="N23959" s="10"/>
    </row>
    <row r="23960" spans="14:14">
      <c r="N23960" s="10"/>
    </row>
    <row r="23961" spans="14:14">
      <c r="N23961" s="10"/>
    </row>
    <row r="23962" spans="14:14">
      <c r="N23962" s="10"/>
    </row>
    <row r="23963" spans="14:14">
      <c r="N23963" s="10"/>
    </row>
    <row r="23964" spans="14:14">
      <c r="N23964" s="10"/>
    </row>
    <row r="23965" spans="14:14">
      <c r="N23965" s="10"/>
    </row>
    <row r="23966" spans="14:14">
      <c r="N23966" s="10"/>
    </row>
    <row r="23967" spans="14:14">
      <c r="N23967" s="10"/>
    </row>
    <row r="23968" spans="14:14">
      <c r="N23968" s="10"/>
    </row>
    <row r="23969" spans="14:14">
      <c r="N23969" s="10"/>
    </row>
    <row r="23970" spans="14:14">
      <c r="N23970" s="10"/>
    </row>
    <row r="23971" spans="14:14">
      <c r="N23971" s="10"/>
    </row>
    <row r="23972" spans="14:14">
      <c r="N23972" s="10"/>
    </row>
    <row r="23973" spans="14:14">
      <c r="N23973" s="10"/>
    </row>
    <row r="23974" spans="14:14">
      <c r="N23974" s="10"/>
    </row>
    <row r="23975" spans="14:14">
      <c r="N23975" s="10"/>
    </row>
    <row r="23976" spans="14:14">
      <c r="N23976" s="10"/>
    </row>
    <row r="23977" spans="14:14">
      <c r="N23977" s="10"/>
    </row>
    <row r="23978" spans="14:14">
      <c r="N23978" s="10"/>
    </row>
    <row r="23979" spans="14:14">
      <c r="N23979" s="10"/>
    </row>
    <row r="23980" spans="14:14">
      <c r="N23980" s="10"/>
    </row>
    <row r="23981" spans="14:14">
      <c r="N23981" s="10"/>
    </row>
    <row r="23982" spans="14:14">
      <c r="N23982" s="10"/>
    </row>
    <row r="23983" spans="14:14">
      <c r="N23983" s="10"/>
    </row>
    <row r="23984" spans="14:14">
      <c r="N23984" s="10"/>
    </row>
    <row r="23985" spans="14:14">
      <c r="N23985" s="10"/>
    </row>
    <row r="23986" spans="14:14">
      <c r="N23986" s="10"/>
    </row>
    <row r="23987" spans="14:14">
      <c r="N23987" s="10"/>
    </row>
    <row r="23988" spans="14:14">
      <c r="N23988" s="10"/>
    </row>
    <row r="23989" spans="14:14">
      <c r="N23989" s="10"/>
    </row>
    <row r="23990" spans="14:14">
      <c r="N23990" s="10"/>
    </row>
    <row r="23991" spans="14:14">
      <c r="N23991" s="10"/>
    </row>
    <row r="23992" spans="14:14">
      <c r="N23992" s="10"/>
    </row>
    <row r="23993" spans="14:14">
      <c r="N23993" s="10"/>
    </row>
    <row r="23994" spans="14:14">
      <c r="N23994" s="10"/>
    </row>
    <row r="23995" spans="14:14">
      <c r="N23995" s="10"/>
    </row>
    <row r="23996" spans="14:14">
      <c r="N23996" s="10"/>
    </row>
    <row r="23997" spans="14:14">
      <c r="N23997" s="10"/>
    </row>
    <row r="23998" spans="14:14">
      <c r="N23998" s="10"/>
    </row>
    <row r="23999" spans="14:14">
      <c r="N23999" s="10"/>
    </row>
    <row r="24000" spans="14:14">
      <c r="N24000" s="10"/>
    </row>
    <row r="24001" spans="14:14">
      <c r="N24001" s="10"/>
    </row>
    <row r="24002" spans="14:14">
      <c r="N24002" s="10"/>
    </row>
    <row r="24003" spans="14:14">
      <c r="N24003" s="10"/>
    </row>
    <row r="24004" spans="14:14">
      <c r="N24004" s="10"/>
    </row>
    <row r="24005" spans="14:14">
      <c r="N24005" s="10"/>
    </row>
    <row r="24006" spans="14:14">
      <c r="N24006" s="10"/>
    </row>
    <row r="24007" spans="14:14">
      <c r="N24007" s="10"/>
    </row>
    <row r="24008" spans="14:14">
      <c r="N24008" s="10"/>
    </row>
    <row r="24009" spans="14:14">
      <c r="N24009" s="10"/>
    </row>
    <row r="24010" spans="14:14">
      <c r="N24010" s="10"/>
    </row>
    <row r="24011" spans="14:14">
      <c r="N24011" s="10"/>
    </row>
    <row r="24012" spans="14:14">
      <c r="N24012" s="10"/>
    </row>
    <row r="24013" spans="14:14">
      <c r="N24013" s="10"/>
    </row>
    <row r="24014" spans="14:14">
      <c r="N24014" s="10"/>
    </row>
    <row r="24015" spans="14:14">
      <c r="N24015" s="10"/>
    </row>
    <row r="24016" spans="14:14">
      <c r="N24016" s="10"/>
    </row>
    <row r="24017" spans="14:14">
      <c r="N24017" s="10"/>
    </row>
    <row r="24018" spans="14:14">
      <c r="N24018" s="10"/>
    </row>
    <row r="24019" spans="14:14">
      <c r="N24019" s="10"/>
    </row>
    <row r="24020" spans="14:14">
      <c r="N24020" s="10"/>
    </row>
    <row r="24021" spans="14:14">
      <c r="N24021" s="10"/>
    </row>
    <row r="24022" spans="14:14">
      <c r="N24022" s="10"/>
    </row>
    <row r="24023" spans="14:14">
      <c r="N24023" s="10"/>
    </row>
    <row r="24024" spans="14:14">
      <c r="N24024" s="10"/>
    </row>
    <row r="24025" spans="14:14">
      <c r="N24025" s="10"/>
    </row>
    <row r="24026" spans="14:14">
      <c r="N24026" s="10"/>
    </row>
    <row r="24027" spans="14:14">
      <c r="N24027" s="10"/>
    </row>
    <row r="24028" spans="14:14">
      <c r="N24028" s="10"/>
    </row>
    <row r="24029" spans="14:14">
      <c r="N24029" s="10"/>
    </row>
    <row r="24030" spans="14:14">
      <c r="N24030" s="10"/>
    </row>
    <row r="24031" spans="14:14">
      <c r="N24031" s="10"/>
    </row>
    <row r="24032" spans="14:14">
      <c r="N24032" s="10"/>
    </row>
    <row r="24033" spans="14:14">
      <c r="N24033" s="10"/>
    </row>
    <row r="24034" spans="14:14">
      <c r="N24034" s="10"/>
    </row>
    <row r="24035" spans="14:14">
      <c r="N24035" s="10"/>
    </row>
    <row r="24036" spans="14:14">
      <c r="N24036" s="10"/>
    </row>
    <row r="24037" spans="14:14">
      <c r="N24037" s="10"/>
    </row>
    <row r="24038" spans="14:14">
      <c r="N24038" s="10"/>
    </row>
    <row r="24039" spans="14:14">
      <c r="N24039" s="10"/>
    </row>
    <row r="24040" spans="14:14">
      <c r="N24040" s="10"/>
    </row>
    <row r="24041" spans="14:14">
      <c r="N24041" s="10"/>
    </row>
    <row r="24042" spans="14:14">
      <c r="N24042" s="10"/>
    </row>
    <row r="24043" spans="14:14">
      <c r="N24043" s="10"/>
    </row>
    <row r="24044" spans="14:14">
      <c r="N24044" s="10"/>
    </row>
    <row r="24045" spans="14:14">
      <c r="N24045" s="10"/>
    </row>
    <row r="24046" spans="14:14">
      <c r="N24046" s="10"/>
    </row>
    <row r="24047" spans="14:14">
      <c r="N24047" s="10"/>
    </row>
    <row r="24048" spans="14:14">
      <c r="N24048" s="10"/>
    </row>
    <row r="24049" spans="14:14">
      <c r="N24049" s="10"/>
    </row>
    <row r="24050" spans="14:14">
      <c r="N24050" s="10"/>
    </row>
    <row r="24051" spans="14:14">
      <c r="N24051" s="10"/>
    </row>
    <row r="24052" spans="14:14">
      <c r="N24052" s="10"/>
    </row>
    <row r="24053" spans="14:14">
      <c r="N24053" s="10"/>
    </row>
    <row r="24054" spans="14:14">
      <c r="N24054" s="10"/>
    </row>
    <row r="24055" spans="14:14">
      <c r="N24055" s="10"/>
    </row>
    <row r="24056" spans="14:14">
      <c r="N24056" s="10"/>
    </row>
    <row r="24057" spans="14:14">
      <c r="N24057" s="10"/>
    </row>
    <row r="24058" spans="14:14">
      <c r="N24058" s="10"/>
    </row>
    <row r="24059" spans="14:14">
      <c r="N24059" s="10"/>
    </row>
    <row r="24060" spans="14:14">
      <c r="N24060" s="10"/>
    </row>
    <row r="24061" spans="14:14">
      <c r="N24061" s="10"/>
    </row>
    <row r="24062" spans="14:14">
      <c r="N24062" s="10"/>
    </row>
    <row r="24063" spans="14:14">
      <c r="N24063" s="10"/>
    </row>
    <row r="24064" spans="14:14">
      <c r="N24064" s="10"/>
    </row>
    <row r="24065" spans="14:14">
      <c r="N24065" s="10"/>
    </row>
    <row r="24066" spans="14:14">
      <c r="N24066" s="10"/>
    </row>
    <row r="24067" spans="14:14">
      <c r="N24067" s="10"/>
    </row>
    <row r="24068" spans="14:14">
      <c r="N24068" s="10"/>
    </row>
    <row r="24069" spans="14:14">
      <c r="N24069" s="10"/>
    </row>
    <row r="24070" spans="14:14">
      <c r="N24070" s="10"/>
    </row>
    <row r="24071" spans="14:14">
      <c r="N24071" s="10"/>
    </row>
    <row r="24072" spans="14:14">
      <c r="N24072" s="10"/>
    </row>
    <row r="24073" spans="14:14">
      <c r="N24073" s="10"/>
    </row>
    <row r="24074" spans="14:14">
      <c r="N24074" s="10"/>
    </row>
    <row r="24075" spans="14:14">
      <c r="N24075" s="10"/>
    </row>
    <row r="24076" spans="14:14">
      <c r="N24076" s="10"/>
    </row>
    <row r="24077" spans="14:14">
      <c r="N24077" s="10"/>
    </row>
    <row r="24078" spans="14:14">
      <c r="N24078" s="10"/>
    </row>
    <row r="24079" spans="14:14">
      <c r="N24079" s="10"/>
    </row>
    <row r="24080" spans="14:14">
      <c r="N24080" s="10"/>
    </row>
    <row r="24081" spans="14:14">
      <c r="N24081" s="10"/>
    </row>
    <row r="24082" spans="14:14">
      <c r="N24082" s="10"/>
    </row>
    <row r="24083" spans="14:14">
      <c r="N24083" s="10"/>
    </row>
    <row r="24084" spans="14:14">
      <c r="N24084" s="10"/>
    </row>
    <row r="24085" spans="14:14">
      <c r="N24085" s="10"/>
    </row>
    <row r="24086" spans="14:14">
      <c r="N24086" s="10"/>
    </row>
    <row r="24087" spans="14:14">
      <c r="N24087" s="10"/>
    </row>
    <row r="24088" spans="14:14">
      <c r="N24088" s="10"/>
    </row>
    <row r="24089" spans="14:14">
      <c r="N24089" s="10"/>
    </row>
    <row r="24090" spans="14:14">
      <c r="N24090" s="10"/>
    </row>
    <row r="24091" spans="14:14">
      <c r="N24091" s="10"/>
    </row>
    <row r="24092" spans="14:14">
      <c r="N24092" s="10"/>
    </row>
    <row r="24093" spans="14:14">
      <c r="N24093" s="10"/>
    </row>
    <row r="24094" spans="14:14">
      <c r="N24094" s="10"/>
    </row>
    <row r="24095" spans="14:14">
      <c r="N24095" s="10"/>
    </row>
    <row r="24096" spans="14:14">
      <c r="N24096" s="10"/>
    </row>
    <row r="24097" spans="14:14">
      <c r="N24097" s="10"/>
    </row>
    <row r="24098" spans="14:14">
      <c r="N24098" s="10"/>
    </row>
    <row r="24099" spans="14:14">
      <c r="N24099" s="10"/>
    </row>
    <row r="24100" spans="14:14">
      <c r="N24100" s="10"/>
    </row>
    <row r="24101" spans="14:14">
      <c r="N24101" s="10"/>
    </row>
    <row r="24102" spans="14:14">
      <c r="N24102" s="10"/>
    </row>
    <row r="24103" spans="14:14">
      <c r="N24103" s="10"/>
    </row>
    <row r="24104" spans="14:14">
      <c r="N24104" s="10"/>
    </row>
    <row r="24105" spans="14:14">
      <c r="N24105" s="10"/>
    </row>
    <row r="24106" spans="14:14">
      <c r="N24106" s="10"/>
    </row>
    <row r="24107" spans="14:14">
      <c r="N24107" s="10"/>
    </row>
    <row r="24108" spans="14:14">
      <c r="N24108" s="10"/>
    </row>
    <row r="24109" spans="14:14">
      <c r="N24109" s="10"/>
    </row>
    <row r="24110" spans="14:14">
      <c r="N24110" s="10"/>
    </row>
    <row r="24111" spans="14:14">
      <c r="N24111" s="10"/>
    </row>
    <row r="24112" spans="14:14">
      <c r="N24112" s="10"/>
    </row>
    <row r="24113" spans="14:14">
      <c r="N24113" s="10"/>
    </row>
    <row r="24114" spans="14:14">
      <c r="N24114" s="10"/>
    </row>
    <row r="24115" spans="14:14">
      <c r="N24115" s="10"/>
    </row>
    <row r="24116" spans="14:14">
      <c r="N24116" s="10"/>
    </row>
    <row r="24117" spans="14:14">
      <c r="N24117" s="10"/>
    </row>
    <row r="24118" spans="14:14">
      <c r="N24118" s="10"/>
    </row>
    <row r="24119" spans="14:14">
      <c r="N24119" s="10"/>
    </row>
    <row r="24120" spans="14:14">
      <c r="N24120" s="10"/>
    </row>
    <row r="24121" spans="14:14">
      <c r="N24121" s="10"/>
    </row>
    <row r="24122" spans="14:14">
      <c r="N24122" s="10"/>
    </row>
    <row r="24123" spans="14:14">
      <c r="N24123" s="10"/>
    </row>
    <row r="24124" spans="14:14">
      <c r="N24124" s="10"/>
    </row>
    <row r="24125" spans="14:14">
      <c r="N24125" s="10"/>
    </row>
    <row r="24126" spans="14:14">
      <c r="N24126" s="10"/>
    </row>
    <row r="24127" spans="14:14">
      <c r="N24127" s="10"/>
    </row>
    <row r="24128" spans="14:14">
      <c r="N24128" s="10"/>
    </row>
    <row r="24129" spans="14:14">
      <c r="N24129" s="10"/>
    </row>
    <row r="24130" spans="14:14">
      <c r="N24130" s="10"/>
    </row>
    <row r="24131" spans="14:14">
      <c r="N24131" s="10"/>
    </row>
    <row r="24132" spans="14:14">
      <c r="N24132" s="10"/>
    </row>
    <row r="24133" spans="14:14">
      <c r="N24133" s="10"/>
    </row>
    <row r="24134" spans="14:14">
      <c r="N24134" s="10"/>
    </row>
    <row r="24135" spans="14:14">
      <c r="N24135" s="10"/>
    </row>
    <row r="24136" spans="14:14">
      <c r="N24136" s="10"/>
    </row>
    <row r="24137" spans="14:14">
      <c r="N24137" s="10"/>
    </row>
    <row r="24138" spans="14:14">
      <c r="N24138" s="10"/>
    </row>
    <row r="24139" spans="14:14">
      <c r="N24139" s="10"/>
    </row>
    <row r="24140" spans="14:14">
      <c r="N24140" s="10"/>
    </row>
    <row r="24141" spans="14:14">
      <c r="N24141" s="10"/>
    </row>
    <row r="24142" spans="14:14">
      <c r="N24142" s="10"/>
    </row>
    <row r="24143" spans="14:14">
      <c r="N24143" s="10"/>
    </row>
    <row r="24144" spans="14:14">
      <c r="N24144" s="10"/>
    </row>
    <row r="24145" spans="14:14">
      <c r="N24145" s="10"/>
    </row>
    <row r="24146" spans="14:14">
      <c r="N24146" s="10"/>
    </row>
    <row r="24147" spans="14:14">
      <c r="N24147" s="10"/>
    </row>
    <row r="24148" spans="14:14">
      <c r="N24148" s="10"/>
    </row>
    <row r="24149" spans="14:14">
      <c r="N24149" s="10"/>
    </row>
    <row r="24150" spans="14:14">
      <c r="N24150" s="10"/>
    </row>
    <row r="24151" spans="14:14">
      <c r="N24151" s="10"/>
    </row>
    <row r="24152" spans="14:14">
      <c r="N24152" s="10"/>
    </row>
    <row r="24153" spans="14:14">
      <c r="N24153" s="10"/>
    </row>
    <row r="24154" spans="14:14">
      <c r="N24154" s="10"/>
    </row>
    <row r="24155" spans="14:14">
      <c r="N24155" s="10"/>
    </row>
    <row r="24156" spans="14:14">
      <c r="N24156" s="10"/>
    </row>
    <row r="24157" spans="14:14">
      <c r="N24157" s="10"/>
    </row>
    <row r="24158" spans="14:14">
      <c r="N24158" s="10"/>
    </row>
    <row r="24159" spans="14:14">
      <c r="N24159" s="10"/>
    </row>
    <row r="24160" spans="14:14">
      <c r="N24160" s="10"/>
    </row>
    <row r="24161" spans="14:14">
      <c r="N24161" s="10"/>
    </row>
    <row r="24162" spans="14:14">
      <c r="N24162" s="10"/>
    </row>
    <row r="24163" spans="14:14">
      <c r="N24163" s="10"/>
    </row>
    <row r="24164" spans="14:14">
      <c r="N24164" s="10"/>
    </row>
    <row r="24165" spans="14:14">
      <c r="N24165" s="10"/>
    </row>
    <row r="24166" spans="14:14">
      <c r="N24166" s="10"/>
    </row>
    <row r="24167" spans="14:14">
      <c r="N24167" s="10"/>
    </row>
    <row r="24168" spans="14:14">
      <c r="N24168" s="10"/>
    </row>
    <row r="24169" spans="14:14">
      <c r="N24169" s="10"/>
    </row>
    <row r="24170" spans="14:14">
      <c r="N24170" s="10"/>
    </row>
    <row r="24171" spans="14:14">
      <c r="N24171" s="10"/>
    </row>
    <row r="24172" spans="14:14">
      <c r="N24172" s="10"/>
    </row>
    <row r="24173" spans="14:14">
      <c r="N24173" s="10"/>
    </row>
    <row r="24174" spans="14:14">
      <c r="N24174" s="10"/>
    </row>
    <row r="24175" spans="14:14">
      <c r="N24175" s="10"/>
    </row>
    <row r="24176" spans="14:14">
      <c r="N24176" s="10"/>
    </row>
    <row r="24177" spans="14:14">
      <c r="N24177" s="10"/>
    </row>
    <row r="24178" spans="14:14">
      <c r="N24178" s="10"/>
    </row>
    <row r="24179" spans="14:14">
      <c r="N24179" s="10"/>
    </row>
    <row r="24180" spans="14:14">
      <c r="N24180" s="10"/>
    </row>
    <row r="24181" spans="14:14">
      <c r="N24181" s="10"/>
    </row>
    <row r="24182" spans="14:14">
      <c r="N24182" s="10"/>
    </row>
    <row r="24183" spans="14:14">
      <c r="N24183" s="10"/>
    </row>
    <row r="24184" spans="14:14">
      <c r="N24184" s="10"/>
    </row>
    <row r="24185" spans="14:14">
      <c r="N24185" s="10"/>
    </row>
    <row r="24186" spans="14:14">
      <c r="N24186" s="10"/>
    </row>
    <row r="24187" spans="14:14">
      <c r="N24187" s="10"/>
    </row>
    <row r="24188" spans="14:14">
      <c r="N24188" s="10"/>
    </row>
    <row r="24189" spans="14:14">
      <c r="N24189" s="10"/>
    </row>
    <row r="24190" spans="14:14">
      <c r="N24190" s="10"/>
    </row>
    <row r="24191" spans="14:14">
      <c r="N24191" s="10"/>
    </row>
    <row r="24192" spans="14:14">
      <c r="N24192" s="10"/>
    </row>
    <row r="24193" spans="14:14">
      <c r="N24193" s="10"/>
    </row>
    <row r="24194" spans="14:14">
      <c r="N24194" s="10"/>
    </row>
    <row r="24195" spans="14:14">
      <c r="N24195" s="10"/>
    </row>
    <row r="24196" spans="14:14">
      <c r="N24196" s="10"/>
    </row>
    <row r="24197" spans="14:14">
      <c r="N24197" s="10"/>
    </row>
    <row r="24198" spans="14:14">
      <c r="N24198" s="10"/>
    </row>
    <row r="24199" spans="14:14">
      <c r="N24199" s="10"/>
    </row>
    <row r="24200" spans="14:14">
      <c r="N24200" s="10"/>
    </row>
    <row r="24201" spans="14:14">
      <c r="N24201" s="10"/>
    </row>
    <row r="24202" spans="14:14">
      <c r="N24202" s="10"/>
    </row>
    <row r="24203" spans="14:14">
      <c r="N24203" s="10"/>
    </row>
    <row r="24204" spans="14:14">
      <c r="N24204" s="10"/>
    </row>
    <row r="24205" spans="14:14">
      <c r="N24205" s="10"/>
    </row>
    <row r="24206" spans="14:14">
      <c r="N24206" s="10"/>
    </row>
    <row r="24207" spans="14:14">
      <c r="N24207" s="10"/>
    </row>
    <row r="24208" spans="14:14">
      <c r="N24208" s="10"/>
    </row>
    <row r="24209" spans="14:14">
      <c r="N24209" s="10"/>
    </row>
    <row r="24210" spans="14:14">
      <c r="N24210" s="10"/>
    </row>
    <row r="24211" spans="14:14">
      <c r="N24211" s="10"/>
    </row>
    <row r="24212" spans="14:14">
      <c r="N24212" s="10"/>
    </row>
    <row r="24213" spans="14:14">
      <c r="N24213" s="10"/>
    </row>
    <row r="24214" spans="14:14">
      <c r="N24214" s="10"/>
    </row>
    <row r="24215" spans="14:14">
      <c r="N24215" s="10"/>
    </row>
    <row r="24216" spans="14:14">
      <c r="N24216" s="10"/>
    </row>
    <row r="24217" spans="14:14">
      <c r="N24217" s="10"/>
    </row>
    <row r="24218" spans="14:14">
      <c r="N24218" s="10"/>
    </row>
    <row r="24219" spans="14:14">
      <c r="N24219" s="10"/>
    </row>
    <row r="24220" spans="14:14">
      <c r="N24220" s="10"/>
    </row>
    <row r="24221" spans="14:14">
      <c r="N24221" s="10"/>
    </row>
    <row r="24222" spans="14:14">
      <c r="N24222" s="10"/>
    </row>
    <row r="24223" spans="14:14">
      <c r="N24223" s="10"/>
    </row>
    <row r="24224" spans="14:14">
      <c r="N24224" s="10"/>
    </row>
    <row r="24225" spans="14:14">
      <c r="N24225" s="10"/>
    </row>
    <row r="24226" spans="14:14">
      <c r="N24226" s="10"/>
    </row>
    <row r="24227" spans="14:14">
      <c r="N24227" s="10"/>
    </row>
    <row r="24228" spans="14:14">
      <c r="N24228" s="10"/>
    </row>
    <row r="24229" spans="14:14">
      <c r="N24229" s="10"/>
    </row>
    <row r="24230" spans="14:14">
      <c r="N24230" s="10"/>
    </row>
    <row r="24231" spans="14:14">
      <c r="N24231" s="10"/>
    </row>
    <row r="24232" spans="14:14">
      <c r="N24232" s="10"/>
    </row>
    <row r="24233" spans="14:14">
      <c r="N24233" s="10"/>
    </row>
    <row r="24234" spans="14:14">
      <c r="N24234" s="10"/>
    </row>
    <row r="24235" spans="14:14">
      <c r="N24235" s="10"/>
    </row>
    <row r="24236" spans="14:14">
      <c r="N24236" s="10"/>
    </row>
    <row r="24237" spans="14:14">
      <c r="N24237" s="10"/>
    </row>
    <row r="24238" spans="14:14">
      <c r="N24238" s="10"/>
    </row>
    <row r="24239" spans="14:14">
      <c r="N24239" s="10"/>
    </row>
    <row r="24240" spans="14:14">
      <c r="N24240" s="10"/>
    </row>
    <row r="24241" spans="14:14">
      <c r="N24241" s="10"/>
    </row>
    <row r="24242" spans="14:14">
      <c r="N24242" s="10"/>
    </row>
    <row r="24243" spans="14:14">
      <c r="N24243" s="10"/>
    </row>
    <row r="24244" spans="14:14">
      <c r="N24244" s="10"/>
    </row>
    <row r="24245" spans="14:14">
      <c r="N24245" s="10"/>
    </row>
    <row r="24246" spans="14:14">
      <c r="N24246" s="10"/>
    </row>
    <row r="24247" spans="14:14">
      <c r="N24247" s="10"/>
    </row>
    <row r="24248" spans="14:14">
      <c r="N24248" s="10"/>
    </row>
    <row r="24249" spans="14:14">
      <c r="N24249" s="10"/>
    </row>
    <row r="24250" spans="14:14">
      <c r="N24250" s="10"/>
    </row>
    <row r="24251" spans="14:14">
      <c r="N24251" s="10"/>
    </row>
    <row r="24252" spans="14:14">
      <c r="N24252" s="10"/>
    </row>
    <row r="24253" spans="14:14">
      <c r="N24253" s="10"/>
    </row>
    <row r="24254" spans="14:14">
      <c r="N24254" s="10"/>
    </row>
    <row r="24255" spans="14:14">
      <c r="N24255" s="10"/>
    </row>
    <row r="24256" spans="14:14">
      <c r="N24256" s="10"/>
    </row>
    <row r="24257" spans="14:14">
      <c r="N24257" s="10"/>
    </row>
    <row r="24258" spans="14:14">
      <c r="N24258" s="10"/>
    </row>
    <row r="24259" spans="14:14">
      <c r="N24259" s="10"/>
    </row>
    <row r="24260" spans="14:14">
      <c r="N24260" s="10"/>
    </row>
    <row r="24261" spans="14:14">
      <c r="N24261" s="10"/>
    </row>
    <row r="24262" spans="14:14">
      <c r="N24262" s="10"/>
    </row>
    <row r="24263" spans="14:14">
      <c r="N24263" s="10"/>
    </row>
    <row r="24264" spans="14:14">
      <c r="N24264" s="10"/>
    </row>
    <row r="24265" spans="14:14">
      <c r="N24265" s="10"/>
    </row>
    <row r="24266" spans="14:14">
      <c r="N24266" s="10"/>
    </row>
    <row r="24267" spans="14:14">
      <c r="N24267" s="10"/>
    </row>
    <row r="24268" spans="14:14">
      <c r="N24268" s="10"/>
    </row>
    <row r="24269" spans="14:14">
      <c r="N24269" s="10"/>
    </row>
    <row r="24270" spans="14:14">
      <c r="N24270" s="10"/>
    </row>
    <row r="24271" spans="14:14">
      <c r="N24271" s="10"/>
    </row>
    <row r="24272" spans="14:14">
      <c r="N24272" s="10"/>
    </row>
    <row r="24273" spans="14:14">
      <c r="N24273" s="10"/>
    </row>
    <row r="24274" spans="14:14">
      <c r="N24274" s="10"/>
    </row>
    <row r="24275" spans="14:14">
      <c r="N24275" s="10"/>
    </row>
    <row r="24276" spans="14:14">
      <c r="N24276" s="10"/>
    </row>
    <row r="24277" spans="14:14">
      <c r="N24277" s="10"/>
    </row>
    <row r="24278" spans="14:14">
      <c r="N24278" s="10"/>
    </row>
    <row r="24279" spans="14:14">
      <c r="N24279" s="10"/>
    </row>
    <row r="24280" spans="14:14">
      <c r="N24280" s="10"/>
    </row>
    <row r="24281" spans="14:14">
      <c r="N24281" s="10"/>
    </row>
    <row r="24282" spans="14:14">
      <c r="N24282" s="10"/>
    </row>
    <row r="24283" spans="14:14">
      <c r="N24283" s="10"/>
    </row>
    <row r="24284" spans="14:14">
      <c r="N24284" s="10"/>
    </row>
    <row r="24285" spans="14:14">
      <c r="N24285" s="10"/>
    </row>
    <row r="24286" spans="14:14">
      <c r="N24286" s="10"/>
    </row>
    <row r="24287" spans="14:14">
      <c r="N24287" s="10"/>
    </row>
    <row r="24288" spans="14:14">
      <c r="N24288" s="10"/>
    </row>
    <row r="24289" spans="14:14">
      <c r="N24289" s="10"/>
    </row>
    <row r="24290" spans="14:14">
      <c r="N24290" s="10"/>
    </row>
    <row r="24291" spans="14:14">
      <c r="N24291" s="10"/>
    </row>
    <row r="24292" spans="14:14">
      <c r="N24292" s="10"/>
    </row>
    <row r="24293" spans="14:14">
      <c r="N24293" s="10"/>
    </row>
    <row r="24294" spans="14:14">
      <c r="N24294" s="10"/>
    </row>
    <row r="24295" spans="14:14">
      <c r="N24295" s="10"/>
    </row>
    <row r="24296" spans="14:14">
      <c r="N24296" s="10"/>
    </row>
    <row r="24297" spans="14:14">
      <c r="N24297" s="10"/>
    </row>
    <row r="24298" spans="14:14">
      <c r="N24298" s="10"/>
    </row>
    <row r="24299" spans="14:14">
      <c r="N24299" s="10"/>
    </row>
    <row r="24300" spans="14:14">
      <c r="N24300" s="10"/>
    </row>
    <row r="24301" spans="14:14">
      <c r="N24301" s="10"/>
    </row>
    <row r="24302" spans="14:14">
      <c r="N24302" s="10"/>
    </row>
    <row r="24303" spans="14:14">
      <c r="N24303" s="10"/>
    </row>
    <row r="24304" spans="14:14">
      <c r="N24304" s="10"/>
    </row>
    <row r="24305" spans="14:14">
      <c r="N24305" s="10"/>
    </row>
    <row r="24306" spans="14:14">
      <c r="N24306" s="10"/>
    </row>
    <row r="24307" spans="14:14">
      <c r="N24307" s="10"/>
    </row>
    <row r="24308" spans="14:14">
      <c r="N24308" s="10"/>
    </row>
    <row r="24309" spans="14:14">
      <c r="N24309" s="10"/>
    </row>
    <row r="24310" spans="14:14">
      <c r="N24310" s="10"/>
    </row>
    <row r="24311" spans="14:14">
      <c r="N24311" s="10"/>
    </row>
    <row r="24312" spans="14:14">
      <c r="N24312" s="10"/>
    </row>
    <row r="24313" spans="14:14">
      <c r="N24313" s="10"/>
    </row>
    <row r="24314" spans="14:14">
      <c r="N24314" s="10"/>
    </row>
    <row r="24315" spans="14:14">
      <c r="N24315" s="10"/>
    </row>
    <row r="24316" spans="14:14">
      <c r="N24316" s="10"/>
    </row>
    <row r="24317" spans="14:14">
      <c r="N24317" s="10"/>
    </row>
    <row r="24318" spans="14:14">
      <c r="N24318" s="10"/>
    </row>
    <row r="24319" spans="14:14">
      <c r="N24319" s="10"/>
    </row>
    <row r="24320" spans="14:14">
      <c r="N24320" s="10"/>
    </row>
    <row r="24321" spans="14:14">
      <c r="N24321" s="10"/>
    </row>
    <row r="24322" spans="14:14">
      <c r="N24322" s="10"/>
    </row>
    <row r="24323" spans="14:14">
      <c r="N24323" s="10"/>
    </row>
    <row r="24324" spans="14:14">
      <c r="N24324" s="10"/>
    </row>
    <row r="24325" spans="14:14">
      <c r="N24325" s="10"/>
    </row>
    <row r="24326" spans="14:14">
      <c r="N24326" s="10"/>
    </row>
    <row r="24327" spans="14:14">
      <c r="N24327" s="10"/>
    </row>
    <row r="24328" spans="14:14">
      <c r="N24328" s="10"/>
    </row>
    <row r="24329" spans="14:14">
      <c r="N24329" s="10"/>
    </row>
    <row r="24330" spans="14:14">
      <c r="N24330" s="10"/>
    </row>
    <row r="24331" spans="14:14">
      <c r="N24331" s="10"/>
    </row>
    <row r="24332" spans="14:14">
      <c r="N24332" s="10"/>
    </row>
    <row r="24333" spans="14:14">
      <c r="N24333" s="10"/>
    </row>
    <row r="24334" spans="14:14">
      <c r="N24334" s="10"/>
    </row>
    <row r="24335" spans="14:14">
      <c r="N24335" s="10"/>
    </row>
    <row r="24336" spans="14:14">
      <c r="N24336" s="10"/>
    </row>
    <row r="24337" spans="14:14">
      <c r="N24337" s="10"/>
    </row>
    <row r="24338" spans="14:14">
      <c r="N24338" s="10"/>
    </row>
    <row r="24339" spans="14:14">
      <c r="N24339" s="10"/>
    </row>
    <row r="24340" spans="14:14">
      <c r="N24340" s="10"/>
    </row>
    <row r="24341" spans="14:14">
      <c r="N24341" s="10"/>
    </row>
    <row r="24342" spans="14:14">
      <c r="N24342" s="10"/>
    </row>
    <row r="24343" spans="14:14">
      <c r="N24343" s="10"/>
    </row>
    <row r="24344" spans="14:14">
      <c r="N24344" s="10"/>
    </row>
    <row r="24345" spans="14:14">
      <c r="N24345" s="10"/>
    </row>
    <row r="24346" spans="14:14">
      <c r="N24346" s="10"/>
    </row>
    <row r="24347" spans="14:14">
      <c r="N24347" s="10"/>
    </row>
    <row r="24348" spans="14:14">
      <c r="N24348" s="10"/>
    </row>
    <row r="24349" spans="14:14">
      <c r="N24349" s="10"/>
    </row>
    <row r="24350" spans="14:14">
      <c r="N24350" s="10"/>
    </row>
    <row r="24351" spans="14:14">
      <c r="N24351" s="10"/>
    </row>
    <row r="24352" spans="14:14">
      <c r="N24352" s="10"/>
    </row>
    <row r="24353" spans="14:14">
      <c r="N24353" s="10"/>
    </row>
    <row r="24354" spans="14:14">
      <c r="N24354" s="10"/>
    </row>
    <row r="24355" spans="14:14">
      <c r="N24355" s="10"/>
    </row>
    <row r="24356" spans="14:14">
      <c r="N24356" s="10"/>
    </row>
    <row r="24357" spans="14:14">
      <c r="N24357" s="10"/>
    </row>
    <row r="24358" spans="14:14">
      <c r="N24358" s="10"/>
    </row>
    <row r="24359" spans="14:14">
      <c r="N24359" s="10"/>
    </row>
    <row r="24360" spans="14:14">
      <c r="N24360" s="10"/>
    </row>
    <row r="24361" spans="14:14">
      <c r="N24361" s="10"/>
    </row>
    <row r="24362" spans="14:14">
      <c r="N24362" s="10"/>
    </row>
    <row r="24363" spans="14:14">
      <c r="N24363" s="10"/>
    </row>
    <row r="24364" spans="14:14">
      <c r="N24364" s="10"/>
    </row>
    <row r="24365" spans="14:14">
      <c r="N24365" s="10"/>
    </row>
    <row r="24366" spans="14:14">
      <c r="N24366" s="10"/>
    </row>
    <row r="24367" spans="14:14">
      <c r="N24367" s="10"/>
    </row>
    <row r="24368" spans="14:14">
      <c r="N24368" s="10"/>
    </row>
    <row r="24369" spans="14:14">
      <c r="N24369" s="10"/>
    </row>
    <row r="24370" spans="14:14">
      <c r="N24370" s="10"/>
    </row>
    <row r="24371" spans="14:14">
      <c r="N24371" s="10"/>
    </row>
    <row r="24372" spans="14:14">
      <c r="N24372" s="10"/>
    </row>
    <row r="24373" spans="14:14">
      <c r="N24373" s="10"/>
    </row>
    <row r="24374" spans="14:14">
      <c r="N24374" s="10"/>
    </row>
    <row r="24375" spans="14:14">
      <c r="N24375" s="10"/>
    </row>
    <row r="24376" spans="14:14">
      <c r="N24376" s="10"/>
    </row>
    <row r="24377" spans="14:14">
      <c r="N24377" s="10"/>
    </row>
    <row r="24378" spans="14:14">
      <c r="N24378" s="10"/>
    </row>
    <row r="24379" spans="14:14">
      <c r="N24379" s="10"/>
    </row>
    <row r="24380" spans="14:14">
      <c r="N24380" s="10"/>
    </row>
    <row r="24381" spans="14:14">
      <c r="N24381" s="10"/>
    </row>
    <row r="24382" spans="14:14">
      <c r="N24382" s="10"/>
    </row>
    <row r="24383" spans="14:14">
      <c r="N24383" s="10"/>
    </row>
    <row r="24384" spans="14:14">
      <c r="N24384" s="10"/>
    </row>
    <row r="24385" spans="14:14">
      <c r="N24385" s="10"/>
    </row>
    <row r="24386" spans="14:14">
      <c r="N24386" s="10"/>
    </row>
    <row r="24387" spans="14:14">
      <c r="N24387" s="10"/>
    </row>
    <row r="24388" spans="14:14">
      <c r="N24388" s="10"/>
    </row>
    <row r="24389" spans="14:14">
      <c r="N24389" s="10"/>
    </row>
    <row r="24390" spans="14:14">
      <c r="N24390" s="10"/>
    </row>
    <row r="24391" spans="14:14">
      <c r="N24391" s="10"/>
    </row>
    <row r="24392" spans="14:14">
      <c r="N24392" s="10"/>
    </row>
    <row r="24393" spans="14:14">
      <c r="N24393" s="10"/>
    </row>
    <row r="24394" spans="14:14">
      <c r="N24394" s="10"/>
    </row>
    <row r="24395" spans="14:14">
      <c r="N24395" s="10"/>
    </row>
    <row r="24396" spans="14:14">
      <c r="N24396" s="10"/>
    </row>
    <row r="24397" spans="14:14">
      <c r="N24397" s="10"/>
    </row>
    <row r="24398" spans="14:14">
      <c r="N24398" s="10"/>
    </row>
    <row r="24399" spans="14:14">
      <c r="N24399" s="10"/>
    </row>
    <row r="24400" spans="14:14">
      <c r="N24400" s="10"/>
    </row>
    <row r="24401" spans="14:14">
      <c r="N24401" s="10"/>
    </row>
    <row r="24402" spans="14:14">
      <c r="N24402" s="10"/>
    </row>
    <row r="24403" spans="14:14">
      <c r="N24403" s="10"/>
    </row>
    <row r="24404" spans="14:14">
      <c r="N24404" s="10"/>
    </row>
    <row r="24405" spans="14:14">
      <c r="N24405" s="10"/>
    </row>
    <row r="24406" spans="14:14">
      <c r="N24406" s="10"/>
    </row>
    <row r="24407" spans="14:14">
      <c r="N24407" s="10"/>
    </row>
    <row r="24408" spans="14:14">
      <c r="N24408" s="10"/>
    </row>
    <row r="24409" spans="14:14">
      <c r="N24409" s="10"/>
    </row>
    <row r="24410" spans="14:14">
      <c r="N24410" s="10"/>
    </row>
    <row r="24411" spans="14:14">
      <c r="N24411" s="10"/>
    </row>
    <row r="24412" spans="14:14">
      <c r="N24412" s="10"/>
    </row>
    <row r="24413" spans="14:14">
      <c r="N24413" s="10"/>
    </row>
    <row r="24414" spans="14:14">
      <c r="N24414" s="10"/>
    </row>
    <row r="24415" spans="14:14">
      <c r="N24415" s="10"/>
    </row>
    <row r="24416" spans="14:14">
      <c r="N24416" s="10"/>
    </row>
    <row r="24417" spans="14:14">
      <c r="N24417" s="10"/>
    </row>
    <row r="24418" spans="14:14">
      <c r="N24418" s="10"/>
    </row>
    <row r="24419" spans="14:14">
      <c r="N24419" s="10"/>
    </row>
    <row r="24420" spans="14:14">
      <c r="N24420" s="10"/>
    </row>
    <row r="24421" spans="14:14">
      <c r="N24421" s="10"/>
    </row>
    <row r="24422" spans="14:14">
      <c r="N24422" s="10"/>
    </row>
    <row r="24423" spans="14:14">
      <c r="N24423" s="10"/>
    </row>
    <row r="24424" spans="14:14">
      <c r="N24424" s="10"/>
    </row>
    <row r="24425" spans="14:14">
      <c r="N24425" s="10"/>
    </row>
    <row r="24426" spans="14:14">
      <c r="N24426" s="10"/>
    </row>
    <row r="24427" spans="14:14">
      <c r="N24427" s="10"/>
    </row>
    <row r="24428" spans="14:14">
      <c r="N24428" s="10"/>
    </row>
    <row r="24429" spans="14:14">
      <c r="N24429" s="10"/>
    </row>
    <row r="24430" spans="14:14">
      <c r="N24430" s="10"/>
    </row>
    <row r="24431" spans="14:14">
      <c r="N24431" s="10"/>
    </row>
    <row r="24432" spans="14:14">
      <c r="N24432" s="10"/>
    </row>
    <row r="24433" spans="14:14">
      <c r="N24433" s="10"/>
    </row>
    <row r="24434" spans="14:14">
      <c r="N24434" s="10"/>
    </row>
    <row r="24435" spans="14:14">
      <c r="N24435" s="10"/>
    </row>
    <row r="24436" spans="14:14">
      <c r="N24436" s="10"/>
    </row>
    <row r="24437" spans="14:14">
      <c r="N24437" s="10"/>
    </row>
    <row r="24438" spans="14:14">
      <c r="N24438" s="10"/>
    </row>
    <row r="24439" spans="14:14">
      <c r="N24439" s="10"/>
    </row>
    <row r="24440" spans="14:14">
      <c r="N24440" s="10"/>
    </row>
    <row r="24441" spans="14:14">
      <c r="N24441" s="10"/>
    </row>
    <row r="24442" spans="14:14">
      <c r="N24442" s="10"/>
    </row>
    <row r="24443" spans="14:14">
      <c r="N24443" s="10"/>
    </row>
    <row r="24444" spans="14:14">
      <c r="N24444" s="10"/>
    </row>
    <row r="24445" spans="14:14">
      <c r="N24445" s="10"/>
    </row>
    <row r="24446" spans="14:14">
      <c r="N24446" s="10"/>
    </row>
    <row r="24447" spans="14:14">
      <c r="N24447" s="10"/>
    </row>
    <row r="24448" spans="14:14">
      <c r="N24448" s="10"/>
    </row>
    <row r="24449" spans="14:14">
      <c r="N24449" s="10"/>
    </row>
    <row r="24450" spans="14:14">
      <c r="N24450" s="10"/>
    </row>
    <row r="24451" spans="14:14">
      <c r="N24451" s="10"/>
    </row>
    <row r="24452" spans="14:14">
      <c r="N24452" s="10"/>
    </row>
    <row r="24453" spans="14:14">
      <c r="N24453" s="10"/>
    </row>
    <row r="24454" spans="14:14">
      <c r="N24454" s="10"/>
    </row>
    <row r="24455" spans="14:14">
      <c r="N24455" s="10"/>
    </row>
    <row r="24456" spans="14:14">
      <c r="N24456" s="10"/>
    </row>
    <row r="24457" spans="14:14">
      <c r="N24457" s="10"/>
    </row>
    <row r="24458" spans="14:14">
      <c r="N24458" s="10"/>
    </row>
    <row r="24459" spans="14:14">
      <c r="N24459" s="10"/>
    </row>
    <row r="24460" spans="14:14">
      <c r="N24460" s="10"/>
    </row>
    <row r="24461" spans="14:14">
      <c r="N24461" s="10"/>
    </row>
    <row r="24462" spans="14:14">
      <c r="N24462" s="10"/>
    </row>
    <row r="24463" spans="14:14">
      <c r="N24463" s="10"/>
    </row>
    <row r="24464" spans="14:14">
      <c r="N24464" s="10"/>
    </row>
    <row r="24465" spans="14:14">
      <c r="N24465" s="10"/>
    </row>
    <row r="24466" spans="14:14">
      <c r="N24466" s="10"/>
    </row>
    <row r="24467" spans="14:14">
      <c r="N24467" s="10"/>
    </row>
    <row r="24468" spans="14:14">
      <c r="N24468" s="10"/>
    </row>
    <row r="24469" spans="14:14">
      <c r="N24469" s="10"/>
    </row>
    <row r="24470" spans="14:14">
      <c r="N24470" s="10"/>
    </row>
    <row r="24471" spans="14:14">
      <c r="N24471" s="10"/>
    </row>
    <row r="24472" spans="14:14">
      <c r="N24472" s="10"/>
    </row>
    <row r="24473" spans="14:14">
      <c r="N24473" s="10"/>
    </row>
    <row r="24474" spans="14:14">
      <c r="N24474" s="10"/>
    </row>
    <row r="24475" spans="14:14">
      <c r="N24475" s="10"/>
    </row>
    <row r="24476" spans="14:14">
      <c r="N24476" s="10"/>
    </row>
    <row r="24477" spans="14:14">
      <c r="N24477" s="10"/>
    </row>
    <row r="24478" spans="14:14">
      <c r="N24478" s="10"/>
    </row>
    <row r="24479" spans="14:14">
      <c r="N24479" s="10"/>
    </row>
    <row r="24480" spans="14:14">
      <c r="N24480" s="10"/>
    </row>
    <row r="24481" spans="14:14">
      <c r="N24481" s="10"/>
    </row>
    <row r="24482" spans="14:14">
      <c r="N24482" s="10"/>
    </row>
    <row r="24483" spans="14:14">
      <c r="N24483" s="10"/>
    </row>
    <row r="24484" spans="14:14">
      <c r="N24484" s="10"/>
    </row>
    <row r="24485" spans="14:14">
      <c r="N24485" s="10"/>
    </row>
    <row r="24486" spans="14:14">
      <c r="N24486" s="10"/>
    </row>
    <row r="24487" spans="14:14">
      <c r="N24487" s="10"/>
    </row>
    <row r="24488" spans="14:14">
      <c r="N24488" s="10"/>
    </row>
    <row r="24489" spans="14:14">
      <c r="N24489" s="10"/>
    </row>
    <row r="24490" spans="14:14">
      <c r="N24490" s="10"/>
    </row>
    <row r="24491" spans="14:14">
      <c r="N24491" s="10"/>
    </row>
    <row r="24492" spans="14:14">
      <c r="N24492" s="10"/>
    </row>
    <row r="24493" spans="14:14">
      <c r="N24493" s="10"/>
    </row>
    <row r="24494" spans="14:14">
      <c r="N24494" s="10"/>
    </row>
    <row r="24495" spans="14:14">
      <c r="N24495" s="10"/>
    </row>
    <row r="24496" spans="14:14">
      <c r="N24496" s="10"/>
    </row>
    <row r="24497" spans="14:14">
      <c r="N24497" s="10"/>
    </row>
    <row r="24498" spans="14:14">
      <c r="N24498" s="10"/>
    </row>
    <row r="24499" spans="14:14">
      <c r="N24499" s="10"/>
    </row>
    <row r="24500" spans="14:14">
      <c r="N24500" s="10"/>
    </row>
    <row r="24501" spans="14:14">
      <c r="N24501" s="10"/>
    </row>
    <row r="24502" spans="14:14">
      <c r="N24502" s="10"/>
    </row>
    <row r="24503" spans="14:14">
      <c r="N24503" s="10"/>
    </row>
    <row r="24504" spans="14:14">
      <c r="N24504" s="10"/>
    </row>
    <row r="24505" spans="14:14">
      <c r="N24505" s="10"/>
    </row>
    <row r="24506" spans="14:14">
      <c r="N24506" s="10"/>
    </row>
    <row r="24507" spans="14:14">
      <c r="N24507" s="10"/>
    </row>
    <row r="24508" spans="14:14">
      <c r="N24508" s="10"/>
    </row>
    <row r="24509" spans="14:14">
      <c r="N24509" s="10"/>
    </row>
    <row r="24510" spans="14:14">
      <c r="N24510" s="10"/>
    </row>
    <row r="24511" spans="14:14">
      <c r="N24511" s="10"/>
    </row>
    <row r="24512" spans="14:14">
      <c r="N24512" s="10"/>
    </row>
    <row r="24513" spans="14:14">
      <c r="N24513" s="10"/>
    </row>
    <row r="24514" spans="14:14">
      <c r="N24514" s="10"/>
    </row>
    <row r="24515" spans="14:14">
      <c r="N24515" s="10"/>
    </row>
    <row r="24516" spans="14:14">
      <c r="N24516" s="10"/>
    </row>
    <row r="24517" spans="14:14">
      <c r="N24517" s="10"/>
    </row>
    <row r="24518" spans="14:14">
      <c r="N24518" s="10"/>
    </row>
    <row r="24519" spans="14:14">
      <c r="N24519" s="10"/>
    </row>
    <row r="24520" spans="14:14">
      <c r="N24520" s="10"/>
    </row>
    <row r="24521" spans="14:14">
      <c r="N24521" s="10"/>
    </row>
    <row r="24522" spans="14:14">
      <c r="N24522" s="10"/>
    </row>
    <row r="24523" spans="14:14">
      <c r="N24523" s="10"/>
    </row>
    <row r="24524" spans="14:14">
      <c r="N24524" s="10"/>
    </row>
    <row r="24525" spans="14:14">
      <c r="N24525" s="10"/>
    </row>
    <row r="24526" spans="14:14">
      <c r="N24526" s="10"/>
    </row>
    <row r="24527" spans="14:14">
      <c r="N24527" s="10"/>
    </row>
    <row r="24528" spans="14:14">
      <c r="N24528" s="10"/>
    </row>
    <row r="24529" spans="14:14">
      <c r="N24529" s="10"/>
    </row>
    <row r="24530" spans="14:14">
      <c r="N24530" s="10"/>
    </row>
    <row r="24531" spans="14:14">
      <c r="N24531" s="10"/>
    </row>
    <row r="24532" spans="14:14">
      <c r="N24532" s="10"/>
    </row>
    <row r="24533" spans="14:14">
      <c r="N24533" s="10"/>
    </row>
    <row r="24534" spans="14:14">
      <c r="N24534" s="10"/>
    </row>
    <row r="24535" spans="14:14">
      <c r="N24535" s="10"/>
    </row>
    <row r="24536" spans="14:14">
      <c r="N24536" s="10"/>
    </row>
    <row r="24537" spans="14:14">
      <c r="N24537" s="10"/>
    </row>
    <row r="24538" spans="14:14">
      <c r="N24538" s="10"/>
    </row>
    <row r="24539" spans="14:14">
      <c r="N24539" s="10"/>
    </row>
    <row r="24540" spans="14:14">
      <c r="N24540" s="10"/>
    </row>
    <row r="24541" spans="14:14">
      <c r="N24541" s="10"/>
    </row>
    <row r="24542" spans="14:14">
      <c r="N24542" s="10"/>
    </row>
    <row r="24543" spans="14:14">
      <c r="N24543" s="10"/>
    </row>
    <row r="24544" spans="14:14">
      <c r="N24544" s="10"/>
    </row>
    <row r="24545" spans="14:14">
      <c r="N24545" s="10"/>
    </row>
    <row r="24546" spans="14:14">
      <c r="N24546" s="10"/>
    </row>
    <row r="24547" spans="14:14">
      <c r="N24547" s="10"/>
    </row>
    <row r="24548" spans="14:14">
      <c r="N24548" s="10"/>
    </row>
    <row r="24549" spans="14:14">
      <c r="N24549" s="10"/>
    </row>
    <row r="24550" spans="14:14">
      <c r="N24550" s="10"/>
    </row>
    <row r="24551" spans="14:14">
      <c r="N24551" s="10"/>
    </row>
    <row r="24552" spans="14:14">
      <c r="N24552" s="10"/>
    </row>
    <row r="24553" spans="14:14">
      <c r="N24553" s="10"/>
    </row>
    <row r="24554" spans="14:14">
      <c r="N24554" s="10"/>
    </row>
    <row r="24555" spans="14:14">
      <c r="N24555" s="10"/>
    </row>
    <row r="24556" spans="14:14">
      <c r="N24556" s="10"/>
    </row>
    <row r="24557" spans="14:14">
      <c r="N24557" s="10"/>
    </row>
    <row r="24558" spans="14:14">
      <c r="N24558" s="10"/>
    </row>
    <row r="24559" spans="14:14">
      <c r="N24559" s="10"/>
    </row>
    <row r="24560" spans="14:14">
      <c r="N24560" s="10"/>
    </row>
    <row r="24561" spans="14:14">
      <c r="N24561" s="10"/>
    </row>
    <row r="24562" spans="14:14">
      <c r="N24562" s="10"/>
    </row>
    <row r="24563" spans="14:14">
      <c r="N24563" s="10"/>
    </row>
    <row r="24564" spans="14:14">
      <c r="N24564" s="10"/>
    </row>
    <row r="24565" spans="14:14">
      <c r="N24565" s="10"/>
    </row>
    <row r="24566" spans="14:14">
      <c r="N24566" s="10"/>
    </row>
    <row r="24567" spans="14:14">
      <c r="N24567" s="10"/>
    </row>
    <row r="24568" spans="14:14">
      <c r="N24568" s="10"/>
    </row>
    <row r="24569" spans="14:14">
      <c r="N24569" s="10"/>
    </row>
    <row r="24570" spans="14:14">
      <c r="N24570" s="10"/>
    </row>
    <row r="24571" spans="14:14">
      <c r="N24571" s="10"/>
    </row>
    <row r="24572" spans="14:14">
      <c r="N24572" s="10"/>
    </row>
    <row r="24573" spans="14:14">
      <c r="N24573" s="10"/>
    </row>
    <row r="24574" spans="14:14">
      <c r="N24574" s="10"/>
    </row>
    <row r="24575" spans="14:14">
      <c r="N24575" s="10"/>
    </row>
    <row r="24576" spans="14:14">
      <c r="N24576" s="10"/>
    </row>
    <row r="24577" spans="14:14">
      <c r="N24577" s="10"/>
    </row>
    <row r="24578" spans="14:14">
      <c r="N24578" s="10"/>
    </row>
    <row r="24579" spans="14:14">
      <c r="N24579" s="10"/>
    </row>
    <row r="24580" spans="14:14">
      <c r="N24580" s="10"/>
    </row>
    <row r="24581" spans="14:14">
      <c r="N24581" s="10"/>
    </row>
    <row r="24582" spans="14:14">
      <c r="N24582" s="10"/>
    </row>
    <row r="24583" spans="14:14">
      <c r="N24583" s="10"/>
    </row>
    <row r="24584" spans="14:14">
      <c r="N24584" s="10"/>
    </row>
    <row r="24585" spans="14:14">
      <c r="N24585" s="10"/>
    </row>
    <row r="24586" spans="14:14">
      <c r="N24586" s="10"/>
    </row>
    <row r="24587" spans="14:14">
      <c r="N24587" s="10"/>
    </row>
    <row r="24588" spans="14:14">
      <c r="N24588" s="10"/>
    </row>
    <row r="24589" spans="14:14">
      <c r="N24589" s="10"/>
    </row>
    <row r="24590" spans="14:14">
      <c r="N24590" s="10"/>
    </row>
    <row r="24591" spans="14:14">
      <c r="N24591" s="10"/>
    </row>
    <row r="24592" spans="14:14">
      <c r="N24592" s="10"/>
    </row>
    <row r="24593" spans="14:14">
      <c r="N24593" s="10"/>
    </row>
    <row r="24594" spans="14:14">
      <c r="N24594" s="10"/>
    </row>
    <row r="24595" spans="14:14">
      <c r="N24595" s="10"/>
    </row>
    <row r="24596" spans="14:14">
      <c r="N24596" s="10"/>
    </row>
    <row r="24597" spans="14:14">
      <c r="N24597" s="10"/>
    </row>
    <row r="24598" spans="14:14">
      <c r="N24598" s="10"/>
    </row>
    <row r="24599" spans="14:14">
      <c r="N24599" s="10"/>
    </row>
    <row r="24600" spans="14:14">
      <c r="N24600" s="10"/>
    </row>
    <row r="24601" spans="14:14">
      <c r="N24601" s="10"/>
    </row>
    <row r="24602" spans="14:14">
      <c r="N24602" s="10"/>
    </row>
    <row r="24603" spans="14:14">
      <c r="N24603" s="10"/>
    </row>
    <row r="24604" spans="14:14">
      <c r="N24604" s="10"/>
    </row>
    <row r="24605" spans="14:14">
      <c r="N24605" s="10"/>
    </row>
    <row r="24606" spans="14:14">
      <c r="N24606" s="10"/>
    </row>
    <row r="24607" spans="14:14">
      <c r="N24607" s="10"/>
    </row>
    <row r="24608" spans="14:14">
      <c r="N24608" s="10"/>
    </row>
    <row r="24609" spans="14:14">
      <c r="N24609" s="10"/>
    </row>
    <row r="24610" spans="14:14">
      <c r="N24610" s="10"/>
    </row>
    <row r="24611" spans="14:14">
      <c r="N24611" s="10"/>
    </row>
    <row r="24612" spans="14:14">
      <c r="N24612" s="10"/>
    </row>
    <row r="24613" spans="14:14">
      <c r="N24613" s="10"/>
    </row>
    <row r="24614" spans="14:14">
      <c r="N24614" s="10"/>
    </row>
    <row r="24615" spans="14:14">
      <c r="N24615" s="10"/>
    </row>
    <row r="24616" spans="14:14">
      <c r="N24616" s="10"/>
    </row>
    <row r="24617" spans="14:14">
      <c r="N24617" s="10"/>
    </row>
    <row r="24618" spans="14:14">
      <c r="N24618" s="10"/>
    </row>
    <row r="24619" spans="14:14">
      <c r="N24619" s="10"/>
    </row>
    <row r="24620" spans="14:14">
      <c r="N24620" s="10"/>
    </row>
    <row r="24621" spans="14:14">
      <c r="N24621" s="10"/>
    </row>
    <row r="24622" spans="14:14">
      <c r="N24622" s="10"/>
    </row>
    <row r="24623" spans="14:14">
      <c r="N24623" s="10"/>
    </row>
    <row r="24624" spans="14:14">
      <c r="N24624" s="10"/>
    </row>
    <row r="24625" spans="14:14">
      <c r="N24625" s="10"/>
    </row>
    <row r="24626" spans="14:14">
      <c r="N24626" s="10"/>
    </row>
    <row r="24627" spans="14:14">
      <c r="N24627" s="10"/>
    </row>
    <row r="24628" spans="14:14">
      <c r="N24628" s="10"/>
    </row>
    <row r="24629" spans="14:14">
      <c r="N24629" s="10"/>
    </row>
    <row r="24630" spans="14:14">
      <c r="N24630" s="10"/>
    </row>
    <row r="24631" spans="14:14">
      <c r="N24631" s="10"/>
    </row>
    <row r="24632" spans="14:14">
      <c r="N24632" s="10"/>
    </row>
    <row r="24633" spans="14:14">
      <c r="N24633" s="10"/>
    </row>
    <row r="24634" spans="14:14">
      <c r="N24634" s="10"/>
    </row>
    <row r="24635" spans="14:14">
      <c r="N24635" s="10"/>
    </row>
    <row r="24636" spans="14:14">
      <c r="N24636" s="10"/>
    </row>
    <row r="24637" spans="14:14">
      <c r="N24637" s="10"/>
    </row>
    <row r="24638" spans="14:14">
      <c r="N24638" s="10"/>
    </row>
    <row r="24639" spans="14:14">
      <c r="N24639" s="10"/>
    </row>
    <row r="24640" spans="14:14">
      <c r="N24640" s="10"/>
    </row>
    <row r="24641" spans="14:14">
      <c r="N24641" s="10"/>
    </row>
    <row r="24642" spans="14:14">
      <c r="N24642" s="10"/>
    </row>
    <row r="24643" spans="14:14">
      <c r="N24643" s="10"/>
    </row>
    <row r="24644" spans="14:14">
      <c r="N24644" s="10"/>
    </row>
    <row r="24645" spans="14:14">
      <c r="N24645" s="10"/>
    </row>
    <row r="24646" spans="14:14">
      <c r="N24646" s="10"/>
    </row>
    <row r="24647" spans="14:14">
      <c r="N24647" s="10"/>
    </row>
    <row r="24648" spans="14:14">
      <c r="N24648" s="10"/>
    </row>
    <row r="24649" spans="14:14">
      <c r="N24649" s="10"/>
    </row>
    <row r="24650" spans="14:14">
      <c r="N24650" s="10"/>
    </row>
    <row r="24651" spans="14:14">
      <c r="N24651" s="10"/>
    </row>
    <row r="24652" spans="14:14">
      <c r="N24652" s="10"/>
    </row>
    <row r="24653" spans="14:14">
      <c r="N24653" s="10"/>
    </row>
    <row r="24654" spans="14:14">
      <c r="N24654" s="10"/>
    </row>
    <row r="24655" spans="14:14">
      <c r="N24655" s="10"/>
    </row>
    <row r="24656" spans="14:14">
      <c r="N24656" s="10"/>
    </row>
    <row r="24657" spans="14:14">
      <c r="N24657" s="10"/>
    </row>
    <row r="24658" spans="14:14">
      <c r="N24658" s="10"/>
    </row>
    <row r="24659" spans="14:14">
      <c r="N24659" s="10"/>
    </row>
    <row r="24660" spans="14:14">
      <c r="N24660" s="10"/>
    </row>
    <row r="24661" spans="14:14">
      <c r="N24661" s="10"/>
    </row>
    <row r="24662" spans="14:14">
      <c r="N24662" s="10"/>
    </row>
    <row r="24663" spans="14:14">
      <c r="N24663" s="10"/>
    </row>
    <row r="24664" spans="14:14">
      <c r="N24664" s="10"/>
    </row>
    <row r="24665" spans="14:14">
      <c r="N24665" s="10"/>
    </row>
    <row r="24666" spans="14:14">
      <c r="N24666" s="10"/>
    </row>
    <row r="24667" spans="14:14">
      <c r="N24667" s="10"/>
    </row>
    <row r="24668" spans="14:14">
      <c r="N24668" s="10"/>
    </row>
    <row r="24669" spans="14:14">
      <c r="N24669" s="10"/>
    </row>
    <row r="24670" spans="14:14">
      <c r="N24670" s="10"/>
    </row>
    <row r="24671" spans="14:14">
      <c r="N24671" s="10"/>
    </row>
    <row r="24672" spans="14:14">
      <c r="N24672" s="10"/>
    </row>
    <row r="24673" spans="14:14">
      <c r="N24673" s="10"/>
    </row>
    <row r="24674" spans="14:14">
      <c r="N24674" s="10"/>
    </row>
    <row r="24675" spans="14:14">
      <c r="N24675" s="10"/>
    </row>
    <row r="24676" spans="14:14">
      <c r="N24676" s="10"/>
    </row>
    <row r="24677" spans="14:14">
      <c r="N24677" s="10"/>
    </row>
    <row r="24678" spans="14:14">
      <c r="N24678" s="10"/>
    </row>
    <row r="24679" spans="14:14">
      <c r="N24679" s="10"/>
    </row>
    <row r="24680" spans="14:14">
      <c r="N24680" s="10"/>
    </row>
    <row r="24681" spans="14:14">
      <c r="N24681" s="10"/>
    </row>
    <row r="24682" spans="14:14">
      <c r="N24682" s="10"/>
    </row>
    <row r="24683" spans="14:14">
      <c r="N24683" s="10"/>
    </row>
    <row r="24684" spans="14:14">
      <c r="N24684" s="10"/>
    </row>
    <row r="24685" spans="14:14">
      <c r="N24685" s="10"/>
    </row>
    <row r="24686" spans="14:14">
      <c r="N24686" s="10"/>
    </row>
    <row r="24687" spans="14:14">
      <c r="N24687" s="10"/>
    </row>
    <row r="24688" spans="14:14">
      <c r="N24688" s="10"/>
    </row>
    <row r="24689" spans="14:14">
      <c r="N24689" s="10"/>
    </row>
    <row r="24690" spans="14:14">
      <c r="N24690" s="10"/>
    </row>
    <row r="24691" spans="14:14">
      <c r="N24691" s="10"/>
    </row>
    <row r="24692" spans="14:14">
      <c r="N24692" s="10"/>
    </row>
    <row r="24693" spans="14:14">
      <c r="N24693" s="10"/>
    </row>
    <row r="24694" spans="14:14">
      <c r="N24694" s="10"/>
    </row>
    <row r="24695" spans="14:14">
      <c r="N24695" s="10"/>
    </row>
    <row r="24696" spans="14:14">
      <c r="N24696" s="10"/>
    </row>
    <row r="24697" spans="14:14">
      <c r="N24697" s="10"/>
    </row>
    <row r="24698" spans="14:14">
      <c r="N24698" s="10"/>
    </row>
    <row r="24699" spans="14:14">
      <c r="N24699" s="10"/>
    </row>
    <row r="24700" spans="14:14">
      <c r="N24700" s="10"/>
    </row>
    <row r="24701" spans="14:14">
      <c r="N24701" s="10"/>
    </row>
    <row r="24702" spans="14:14">
      <c r="N24702" s="10"/>
    </row>
    <row r="24703" spans="14:14">
      <c r="N24703" s="10"/>
    </row>
    <row r="24704" spans="14:14">
      <c r="N24704" s="10"/>
    </row>
    <row r="24705" spans="14:14">
      <c r="N24705" s="10"/>
    </row>
    <row r="24706" spans="14:14">
      <c r="N24706" s="10"/>
    </row>
    <row r="24707" spans="14:14">
      <c r="N24707" s="10"/>
    </row>
    <row r="24708" spans="14:14">
      <c r="N24708" s="10"/>
    </row>
    <row r="24709" spans="14:14">
      <c r="N24709" s="10"/>
    </row>
    <row r="24710" spans="14:14">
      <c r="N24710" s="10"/>
    </row>
    <row r="24711" spans="14:14">
      <c r="N24711" s="10"/>
    </row>
    <row r="24712" spans="14:14">
      <c r="N24712" s="10"/>
    </row>
    <row r="24713" spans="14:14">
      <c r="N24713" s="10"/>
    </row>
    <row r="24714" spans="14:14">
      <c r="N24714" s="10"/>
    </row>
    <row r="24715" spans="14:14">
      <c r="N24715" s="10"/>
    </row>
    <row r="24716" spans="14:14">
      <c r="N24716" s="10"/>
    </row>
    <row r="24717" spans="14:14">
      <c r="N24717" s="10"/>
    </row>
    <row r="24718" spans="14:14">
      <c r="N24718" s="10"/>
    </row>
    <row r="24719" spans="14:14">
      <c r="N24719" s="10"/>
    </row>
    <row r="24720" spans="14:14">
      <c r="N24720" s="10"/>
    </row>
    <row r="24721" spans="14:14">
      <c r="N24721" s="10"/>
    </row>
    <row r="24722" spans="14:14">
      <c r="N24722" s="10"/>
    </row>
    <row r="24723" spans="14:14">
      <c r="N24723" s="10"/>
    </row>
    <row r="24724" spans="14:14">
      <c r="N24724" s="10"/>
    </row>
    <row r="24725" spans="14:14">
      <c r="N24725" s="10"/>
    </row>
    <row r="24726" spans="14:14">
      <c r="N24726" s="10"/>
    </row>
    <row r="24727" spans="14:14">
      <c r="N24727" s="10"/>
    </row>
    <row r="24728" spans="14:14">
      <c r="N24728" s="10"/>
    </row>
    <row r="24729" spans="14:14">
      <c r="N24729" s="10"/>
    </row>
    <row r="24730" spans="14:14">
      <c r="N24730" s="10"/>
    </row>
    <row r="24731" spans="14:14">
      <c r="N24731" s="10"/>
    </row>
    <row r="24732" spans="14:14">
      <c r="N24732" s="10"/>
    </row>
    <row r="24733" spans="14:14">
      <c r="N24733" s="10"/>
    </row>
    <row r="24734" spans="14:14">
      <c r="N24734" s="10"/>
    </row>
    <row r="24735" spans="14:14">
      <c r="N24735" s="10"/>
    </row>
    <row r="24736" spans="14:14">
      <c r="N24736" s="10"/>
    </row>
    <row r="24737" spans="14:14">
      <c r="N24737" s="10"/>
    </row>
    <row r="24738" spans="14:14">
      <c r="N24738" s="10"/>
    </row>
    <row r="24739" spans="14:14">
      <c r="N24739" s="10"/>
    </row>
    <row r="24740" spans="14:14">
      <c r="N24740" s="10"/>
    </row>
    <row r="24741" spans="14:14">
      <c r="N24741" s="10"/>
    </row>
    <row r="24742" spans="14:14">
      <c r="N24742" s="10"/>
    </row>
    <row r="24743" spans="14:14">
      <c r="N24743" s="10"/>
    </row>
    <row r="24744" spans="14:14">
      <c r="N24744" s="10"/>
    </row>
    <row r="24745" spans="14:14">
      <c r="N24745" s="10"/>
    </row>
    <row r="24746" spans="14:14">
      <c r="N24746" s="10"/>
    </row>
    <row r="24747" spans="14:14">
      <c r="N24747" s="10"/>
    </row>
    <row r="24748" spans="14:14">
      <c r="N24748" s="10"/>
    </row>
    <row r="24749" spans="14:14">
      <c r="N24749" s="10"/>
    </row>
    <row r="24750" spans="14:14">
      <c r="N24750" s="10"/>
    </row>
    <row r="24751" spans="14:14">
      <c r="N24751" s="10"/>
    </row>
    <row r="24752" spans="14:14">
      <c r="N24752" s="10"/>
    </row>
    <row r="24753" spans="14:14">
      <c r="N24753" s="10"/>
    </row>
    <row r="24754" spans="14:14">
      <c r="N24754" s="10"/>
    </row>
    <row r="24755" spans="14:14">
      <c r="N24755" s="10"/>
    </row>
    <row r="24756" spans="14:14">
      <c r="N24756" s="10"/>
    </row>
    <row r="24757" spans="14:14">
      <c r="N24757" s="10"/>
    </row>
    <row r="24758" spans="14:14">
      <c r="N24758" s="10"/>
    </row>
    <row r="24759" spans="14:14">
      <c r="N24759" s="10"/>
    </row>
    <row r="24760" spans="14:14">
      <c r="N24760" s="10"/>
    </row>
    <row r="24761" spans="14:14">
      <c r="N24761" s="10"/>
    </row>
    <row r="24762" spans="14:14">
      <c r="N24762" s="10"/>
    </row>
    <row r="24763" spans="14:14">
      <c r="N24763" s="10"/>
    </row>
    <row r="24764" spans="14:14">
      <c r="N24764" s="10"/>
    </row>
    <row r="24765" spans="14:14">
      <c r="N24765" s="10"/>
    </row>
    <row r="24766" spans="14:14">
      <c r="N24766" s="10"/>
    </row>
    <row r="24767" spans="14:14">
      <c r="N24767" s="10"/>
    </row>
    <row r="24768" spans="14:14">
      <c r="N24768" s="10"/>
    </row>
    <row r="24769" spans="14:14">
      <c r="N24769" s="10"/>
    </row>
    <row r="24770" spans="14:14">
      <c r="N24770" s="10"/>
    </row>
    <row r="24771" spans="14:14">
      <c r="N24771" s="10"/>
    </row>
    <row r="24772" spans="14:14">
      <c r="N24772" s="10"/>
    </row>
    <row r="24773" spans="14:14">
      <c r="N24773" s="10"/>
    </row>
    <row r="24774" spans="14:14">
      <c r="N24774" s="10"/>
    </row>
    <row r="24775" spans="14:14">
      <c r="N24775" s="10"/>
    </row>
    <row r="24776" spans="14:14">
      <c r="N24776" s="10"/>
    </row>
    <row r="24777" spans="14:14">
      <c r="N24777" s="10"/>
    </row>
    <row r="24778" spans="14:14">
      <c r="N24778" s="10"/>
    </row>
    <row r="24779" spans="14:14">
      <c r="N24779" s="10"/>
    </row>
    <row r="24780" spans="14:14">
      <c r="N24780" s="10"/>
    </row>
    <row r="24781" spans="14:14">
      <c r="N24781" s="10"/>
    </row>
    <row r="24782" spans="14:14">
      <c r="N24782" s="10"/>
    </row>
    <row r="24783" spans="14:14">
      <c r="N24783" s="10"/>
    </row>
    <row r="24784" spans="14:14">
      <c r="N24784" s="10"/>
    </row>
    <row r="24785" spans="14:14">
      <c r="N24785" s="10"/>
    </row>
    <row r="24786" spans="14:14">
      <c r="N24786" s="10"/>
    </row>
    <row r="24787" spans="14:14">
      <c r="N24787" s="10"/>
    </row>
    <row r="24788" spans="14:14">
      <c r="N24788" s="10"/>
    </row>
    <row r="24789" spans="14:14">
      <c r="N24789" s="10"/>
    </row>
    <row r="24790" spans="14:14">
      <c r="N24790" s="10"/>
    </row>
    <row r="24791" spans="14:14">
      <c r="N24791" s="10"/>
    </row>
    <row r="24792" spans="14:14">
      <c r="N24792" s="10"/>
    </row>
    <row r="24793" spans="14:14">
      <c r="N24793" s="10"/>
    </row>
    <row r="24794" spans="14:14">
      <c r="N24794" s="10"/>
    </row>
    <row r="24795" spans="14:14">
      <c r="N24795" s="10"/>
    </row>
    <row r="24796" spans="14:14">
      <c r="N24796" s="10"/>
    </row>
    <row r="24797" spans="14:14">
      <c r="N24797" s="10"/>
    </row>
    <row r="24798" spans="14:14">
      <c r="N24798" s="10"/>
    </row>
    <row r="24799" spans="14:14">
      <c r="N24799" s="10"/>
    </row>
    <row r="24800" spans="14:14">
      <c r="N24800" s="10"/>
    </row>
    <row r="24801" spans="14:14">
      <c r="N24801" s="10"/>
    </row>
    <row r="24802" spans="14:14">
      <c r="N24802" s="10"/>
    </row>
    <row r="24803" spans="14:14">
      <c r="N24803" s="10"/>
    </row>
    <row r="24804" spans="14:14">
      <c r="N24804" s="10"/>
    </row>
    <row r="24805" spans="14:14">
      <c r="N24805" s="10"/>
    </row>
    <row r="24806" spans="14:14">
      <c r="N24806" s="10"/>
    </row>
    <row r="24807" spans="14:14">
      <c r="N24807" s="10"/>
    </row>
    <row r="24808" spans="14:14">
      <c r="N24808" s="10"/>
    </row>
    <row r="24809" spans="14:14">
      <c r="N24809" s="10"/>
    </row>
    <row r="24810" spans="14:14">
      <c r="N24810" s="10"/>
    </row>
    <row r="24811" spans="14:14">
      <c r="N24811" s="10"/>
    </row>
    <row r="24812" spans="14:14">
      <c r="N24812" s="10"/>
    </row>
    <row r="24813" spans="14:14">
      <c r="N24813" s="10"/>
    </row>
    <row r="24814" spans="14:14">
      <c r="N24814" s="10"/>
    </row>
    <row r="24815" spans="14:14">
      <c r="N24815" s="10"/>
    </row>
    <row r="24816" spans="14:14">
      <c r="N24816" s="10"/>
    </row>
    <row r="24817" spans="14:14">
      <c r="N24817" s="10"/>
    </row>
    <row r="24818" spans="14:14">
      <c r="N24818" s="10"/>
    </row>
    <row r="24819" spans="14:14">
      <c r="N24819" s="10"/>
    </row>
    <row r="24820" spans="14:14">
      <c r="N24820" s="10"/>
    </row>
    <row r="24821" spans="14:14">
      <c r="N24821" s="10"/>
    </row>
    <row r="24822" spans="14:14">
      <c r="N24822" s="10"/>
    </row>
    <row r="24823" spans="14:14">
      <c r="N24823" s="10"/>
    </row>
    <row r="24824" spans="14:14">
      <c r="N24824" s="10"/>
    </row>
    <row r="24825" spans="14:14">
      <c r="N24825" s="10"/>
    </row>
    <row r="24826" spans="14:14">
      <c r="N24826" s="10"/>
    </row>
    <row r="24827" spans="14:14">
      <c r="N24827" s="10"/>
    </row>
    <row r="24828" spans="14:14">
      <c r="N24828" s="10"/>
    </row>
    <row r="24829" spans="14:14">
      <c r="N24829" s="10"/>
    </row>
    <row r="24830" spans="14:14">
      <c r="N24830" s="10"/>
    </row>
    <row r="24831" spans="14:14">
      <c r="N24831" s="10"/>
    </row>
    <row r="24832" spans="14:14">
      <c r="N24832" s="10"/>
    </row>
    <row r="24833" spans="14:14">
      <c r="N24833" s="10"/>
    </row>
    <row r="24834" spans="14:14">
      <c r="N24834" s="10"/>
    </row>
    <row r="24835" spans="14:14">
      <c r="N24835" s="10"/>
    </row>
    <row r="24836" spans="14:14">
      <c r="N24836" s="10"/>
    </row>
    <row r="24837" spans="14:14">
      <c r="N24837" s="10"/>
    </row>
    <row r="24838" spans="14:14">
      <c r="N24838" s="10"/>
    </row>
    <row r="24839" spans="14:14">
      <c r="N24839" s="10"/>
    </row>
    <row r="24840" spans="14:14">
      <c r="N24840" s="10"/>
    </row>
    <row r="24841" spans="14:14">
      <c r="N24841" s="10"/>
    </row>
    <row r="24842" spans="14:14">
      <c r="N24842" s="10"/>
    </row>
    <row r="24843" spans="14:14">
      <c r="N24843" s="10"/>
    </row>
    <row r="24844" spans="14:14">
      <c r="N24844" s="10"/>
    </row>
    <row r="24845" spans="14:14">
      <c r="N24845" s="10"/>
    </row>
    <row r="24846" spans="14:14">
      <c r="N24846" s="10"/>
    </row>
    <row r="24847" spans="14:14">
      <c r="N24847" s="10"/>
    </row>
    <row r="24848" spans="14:14">
      <c r="N24848" s="10"/>
    </row>
    <row r="24849" spans="14:14">
      <c r="N24849" s="10"/>
    </row>
    <row r="24850" spans="14:14">
      <c r="N24850" s="10"/>
    </row>
    <row r="24851" spans="14:14">
      <c r="N24851" s="10"/>
    </row>
    <row r="24852" spans="14:14">
      <c r="N24852" s="10"/>
    </row>
    <row r="24853" spans="14:14">
      <c r="N24853" s="10"/>
    </row>
    <row r="24854" spans="14:14">
      <c r="N24854" s="10"/>
    </row>
    <row r="24855" spans="14:14">
      <c r="N24855" s="10"/>
    </row>
    <row r="24856" spans="14:14">
      <c r="N24856" s="10"/>
    </row>
    <row r="24857" spans="14:14">
      <c r="N24857" s="10"/>
    </row>
    <row r="24858" spans="14:14">
      <c r="N24858" s="10"/>
    </row>
    <row r="24859" spans="14:14">
      <c r="N24859" s="10"/>
    </row>
    <row r="24860" spans="14:14">
      <c r="N24860" s="10"/>
    </row>
    <row r="24861" spans="14:14">
      <c r="N24861" s="10"/>
    </row>
    <row r="24862" spans="14:14">
      <c r="N24862" s="10"/>
    </row>
    <row r="24863" spans="14:14">
      <c r="N24863" s="10"/>
    </row>
    <row r="24864" spans="14:14">
      <c r="N24864" s="10"/>
    </row>
    <row r="24865" spans="14:14">
      <c r="N24865" s="10"/>
    </row>
    <row r="24866" spans="14:14">
      <c r="N24866" s="10"/>
    </row>
    <row r="24867" spans="14:14">
      <c r="N24867" s="10"/>
    </row>
    <row r="24868" spans="14:14">
      <c r="N24868" s="10"/>
    </row>
    <row r="24869" spans="14:14">
      <c r="N24869" s="10"/>
    </row>
    <row r="24870" spans="14:14">
      <c r="N24870" s="10"/>
    </row>
    <row r="24871" spans="14:14">
      <c r="N24871" s="10"/>
    </row>
    <row r="24872" spans="14:14">
      <c r="N24872" s="10"/>
    </row>
    <row r="24873" spans="14:14">
      <c r="N24873" s="10"/>
    </row>
    <row r="24874" spans="14:14">
      <c r="N24874" s="10"/>
    </row>
    <row r="24875" spans="14:14">
      <c r="N24875" s="10"/>
    </row>
    <row r="24876" spans="14:14">
      <c r="N24876" s="10"/>
    </row>
    <row r="24877" spans="14:14">
      <c r="N24877" s="10"/>
    </row>
    <row r="24878" spans="14:14">
      <c r="N24878" s="10"/>
    </row>
    <row r="24879" spans="14:14">
      <c r="N24879" s="10"/>
    </row>
    <row r="24880" spans="14:14">
      <c r="N24880" s="10"/>
    </row>
    <row r="24881" spans="14:14">
      <c r="N24881" s="10"/>
    </row>
    <row r="24882" spans="14:14">
      <c r="N24882" s="10"/>
    </row>
    <row r="24883" spans="14:14">
      <c r="N24883" s="10"/>
    </row>
    <row r="24884" spans="14:14">
      <c r="N24884" s="10"/>
    </row>
    <row r="24885" spans="14:14">
      <c r="N24885" s="10"/>
    </row>
    <row r="24886" spans="14:14">
      <c r="N24886" s="10"/>
    </row>
    <row r="24887" spans="14:14">
      <c r="N24887" s="10"/>
    </row>
    <row r="24888" spans="14:14">
      <c r="N24888" s="10"/>
    </row>
    <row r="24889" spans="14:14">
      <c r="N24889" s="10"/>
    </row>
    <row r="24890" spans="14:14">
      <c r="N24890" s="10"/>
    </row>
    <row r="24891" spans="14:14">
      <c r="N24891" s="10"/>
    </row>
    <row r="24892" spans="14:14">
      <c r="N24892" s="10"/>
    </row>
    <row r="24893" spans="14:14">
      <c r="N24893" s="10"/>
    </row>
    <row r="24894" spans="14:14">
      <c r="N24894" s="10"/>
    </row>
    <row r="24895" spans="14:14">
      <c r="N24895" s="10"/>
    </row>
    <row r="24896" spans="14:14">
      <c r="N24896" s="10"/>
    </row>
    <row r="24897" spans="14:14">
      <c r="N24897" s="10"/>
    </row>
    <row r="24898" spans="14:14">
      <c r="N24898" s="10"/>
    </row>
    <row r="24899" spans="14:14">
      <c r="N24899" s="10"/>
    </row>
    <row r="24900" spans="14:14">
      <c r="N24900" s="10"/>
    </row>
    <row r="24901" spans="14:14">
      <c r="N24901" s="10"/>
    </row>
    <row r="24902" spans="14:14">
      <c r="N24902" s="10"/>
    </row>
    <row r="24903" spans="14:14">
      <c r="N24903" s="10"/>
    </row>
    <row r="24904" spans="14:14">
      <c r="N24904" s="10"/>
    </row>
    <row r="24905" spans="14:14">
      <c r="N24905" s="10"/>
    </row>
    <row r="24906" spans="14:14">
      <c r="N24906" s="10"/>
    </row>
    <row r="24907" spans="14:14">
      <c r="N24907" s="10"/>
    </row>
    <row r="24908" spans="14:14">
      <c r="N24908" s="10"/>
    </row>
    <row r="24909" spans="14:14">
      <c r="N24909" s="10"/>
    </row>
    <row r="24910" spans="14:14">
      <c r="N24910" s="10"/>
    </row>
    <row r="24911" spans="14:14">
      <c r="N24911" s="10"/>
    </row>
    <row r="24912" spans="14:14">
      <c r="N24912" s="10"/>
    </row>
    <row r="24913" spans="14:14">
      <c r="N24913" s="10"/>
    </row>
    <row r="24914" spans="14:14">
      <c r="N24914" s="10"/>
    </row>
    <row r="24915" spans="14:14">
      <c r="N24915" s="10"/>
    </row>
    <row r="24916" spans="14:14">
      <c r="N24916" s="10"/>
    </row>
    <row r="24917" spans="14:14">
      <c r="N24917" s="10"/>
    </row>
    <row r="24918" spans="14:14">
      <c r="N24918" s="10"/>
    </row>
    <row r="24919" spans="14:14">
      <c r="N24919" s="10"/>
    </row>
    <row r="24920" spans="14:14">
      <c r="N24920" s="10"/>
    </row>
    <row r="24921" spans="14:14">
      <c r="N24921" s="10"/>
    </row>
    <row r="24922" spans="14:14">
      <c r="N24922" s="10"/>
    </row>
    <row r="24923" spans="14:14">
      <c r="N24923" s="10"/>
    </row>
    <row r="24924" spans="14:14">
      <c r="N24924" s="10"/>
    </row>
    <row r="24925" spans="14:14">
      <c r="N24925" s="10"/>
    </row>
    <row r="24926" spans="14:14">
      <c r="N24926" s="10"/>
    </row>
    <row r="24927" spans="14:14">
      <c r="N24927" s="10"/>
    </row>
    <row r="24928" spans="14:14">
      <c r="N24928" s="10"/>
    </row>
    <row r="24929" spans="14:14">
      <c r="N24929" s="10"/>
    </row>
    <row r="24930" spans="14:14">
      <c r="N24930" s="10"/>
    </row>
    <row r="24931" spans="14:14">
      <c r="N24931" s="10"/>
    </row>
    <row r="24932" spans="14:14">
      <c r="N24932" s="10"/>
    </row>
    <row r="24933" spans="14:14">
      <c r="N24933" s="10"/>
    </row>
    <row r="24934" spans="14:14">
      <c r="N24934" s="10"/>
    </row>
    <row r="24935" spans="14:14">
      <c r="N24935" s="10"/>
    </row>
    <row r="24936" spans="14:14">
      <c r="N24936" s="10"/>
    </row>
    <row r="24937" spans="14:14">
      <c r="N24937" s="10"/>
    </row>
    <row r="24938" spans="14:14">
      <c r="N24938" s="10"/>
    </row>
    <row r="24939" spans="14:14">
      <c r="N24939" s="10"/>
    </row>
    <row r="24940" spans="14:14">
      <c r="N24940" s="10"/>
    </row>
    <row r="24941" spans="14:14">
      <c r="N24941" s="10"/>
    </row>
    <row r="24942" spans="14:14">
      <c r="N24942" s="10"/>
    </row>
    <row r="24943" spans="14:14">
      <c r="N24943" s="10"/>
    </row>
    <row r="24944" spans="14:14">
      <c r="N24944" s="10"/>
    </row>
    <row r="24945" spans="14:14">
      <c r="N24945" s="10"/>
    </row>
    <row r="24946" spans="14:14">
      <c r="N24946" s="10"/>
    </row>
    <row r="24947" spans="14:14">
      <c r="N24947" s="10"/>
    </row>
    <row r="24948" spans="14:14">
      <c r="N24948" s="10"/>
    </row>
    <row r="24949" spans="14:14">
      <c r="N24949" s="10"/>
    </row>
    <row r="24950" spans="14:14">
      <c r="N24950" s="10"/>
    </row>
    <row r="24951" spans="14:14">
      <c r="N24951" s="10"/>
    </row>
    <row r="24952" spans="14:14">
      <c r="N24952" s="10"/>
    </row>
    <row r="24953" spans="14:14">
      <c r="N24953" s="10"/>
    </row>
    <row r="24954" spans="14:14">
      <c r="N24954" s="10"/>
    </row>
    <row r="24955" spans="14:14">
      <c r="N24955" s="10"/>
    </row>
    <row r="24956" spans="14:14">
      <c r="N24956" s="10"/>
    </row>
    <row r="24957" spans="14:14">
      <c r="N24957" s="10"/>
    </row>
    <row r="24958" spans="14:14">
      <c r="N24958" s="10"/>
    </row>
    <row r="24959" spans="14:14">
      <c r="N24959" s="10"/>
    </row>
    <row r="24960" spans="14:14">
      <c r="N24960" s="10"/>
    </row>
    <row r="24961" spans="14:14">
      <c r="N24961" s="10"/>
    </row>
    <row r="24962" spans="14:14">
      <c r="N24962" s="10"/>
    </row>
    <row r="24963" spans="14:14">
      <c r="N24963" s="10"/>
    </row>
    <row r="24964" spans="14:14">
      <c r="N24964" s="10"/>
    </row>
    <row r="24965" spans="14:14">
      <c r="N24965" s="10"/>
    </row>
    <row r="24966" spans="14:14">
      <c r="N24966" s="10"/>
    </row>
    <row r="24967" spans="14:14">
      <c r="N24967" s="10"/>
    </row>
    <row r="24968" spans="14:14">
      <c r="N24968" s="10"/>
    </row>
    <row r="24969" spans="14:14">
      <c r="N24969" s="10"/>
    </row>
    <row r="24970" spans="14:14">
      <c r="N24970" s="10"/>
    </row>
    <row r="24971" spans="14:14">
      <c r="N24971" s="10"/>
    </row>
    <row r="24972" spans="14:14">
      <c r="N24972" s="10"/>
    </row>
    <row r="24973" spans="14:14">
      <c r="N24973" s="10"/>
    </row>
    <row r="24974" spans="14:14">
      <c r="N24974" s="10"/>
    </row>
    <row r="24975" spans="14:14">
      <c r="N24975" s="10"/>
    </row>
    <row r="24976" spans="14:14">
      <c r="N24976" s="10"/>
    </row>
    <row r="24977" spans="14:14">
      <c r="N24977" s="10"/>
    </row>
    <row r="24978" spans="14:14">
      <c r="N24978" s="10"/>
    </row>
    <row r="24979" spans="14:14">
      <c r="N24979" s="10"/>
    </row>
    <row r="24980" spans="14:14">
      <c r="N24980" s="10"/>
    </row>
    <row r="24981" spans="14:14">
      <c r="N24981" s="10"/>
    </row>
    <row r="24982" spans="14:14">
      <c r="N24982" s="10"/>
    </row>
    <row r="24983" spans="14:14">
      <c r="N24983" s="10"/>
    </row>
    <row r="24984" spans="14:14">
      <c r="N24984" s="10"/>
    </row>
    <row r="24985" spans="14:14">
      <c r="N24985" s="10"/>
    </row>
    <row r="24986" spans="14:14">
      <c r="N24986" s="10"/>
    </row>
    <row r="24987" spans="14:14">
      <c r="N24987" s="10"/>
    </row>
    <row r="24988" spans="14:14">
      <c r="N24988" s="10"/>
    </row>
    <row r="24989" spans="14:14">
      <c r="N24989" s="10"/>
    </row>
    <row r="24990" spans="14:14">
      <c r="N24990" s="10"/>
    </row>
    <row r="24991" spans="14:14">
      <c r="N24991" s="10"/>
    </row>
    <row r="24992" spans="14:14">
      <c r="N24992" s="10"/>
    </row>
    <row r="24993" spans="14:14">
      <c r="N24993" s="10"/>
    </row>
    <row r="24994" spans="14:14">
      <c r="N24994" s="10"/>
    </row>
    <row r="24995" spans="14:14">
      <c r="N24995" s="10"/>
    </row>
    <row r="24996" spans="14:14">
      <c r="N24996" s="10"/>
    </row>
    <row r="24997" spans="14:14">
      <c r="N24997" s="10"/>
    </row>
    <row r="24998" spans="14:14">
      <c r="N24998" s="10"/>
    </row>
    <row r="24999" spans="14:14">
      <c r="N24999" s="10"/>
    </row>
    <row r="25000" spans="14:14">
      <c r="N25000" s="10"/>
    </row>
    <row r="25001" spans="14:14">
      <c r="N25001" s="10"/>
    </row>
    <row r="25002" spans="14:14">
      <c r="N25002" s="10"/>
    </row>
    <row r="25003" spans="14:14">
      <c r="N25003" s="10"/>
    </row>
    <row r="25004" spans="14:14">
      <c r="N25004" s="10"/>
    </row>
    <row r="25005" spans="14:14">
      <c r="N25005" s="10"/>
    </row>
    <row r="25006" spans="14:14">
      <c r="N25006" s="10"/>
    </row>
    <row r="25007" spans="14:14">
      <c r="N25007" s="10"/>
    </row>
    <row r="25008" spans="14:14">
      <c r="N25008" s="10"/>
    </row>
    <row r="25009" spans="14:14">
      <c r="N25009" s="10"/>
    </row>
    <row r="25010" spans="14:14">
      <c r="N25010" s="10"/>
    </row>
    <row r="25011" spans="14:14">
      <c r="N25011" s="10"/>
    </row>
    <row r="25012" spans="14:14">
      <c r="N25012" s="10"/>
    </row>
    <row r="25013" spans="14:14">
      <c r="N25013" s="10"/>
    </row>
    <row r="25014" spans="14:14">
      <c r="N25014" s="10"/>
    </row>
    <row r="25015" spans="14:14">
      <c r="N25015" s="10"/>
    </row>
    <row r="25016" spans="14:14">
      <c r="N25016" s="10"/>
    </row>
    <row r="25017" spans="14:14">
      <c r="N25017" s="10"/>
    </row>
    <row r="25018" spans="14:14">
      <c r="N25018" s="10"/>
    </row>
    <row r="25019" spans="14:14">
      <c r="N25019" s="10"/>
    </row>
    <row r="25020" spans="14:14">
      <c r="N25020" s="10"/>
    </row>
    <row r="25021" spans="14:14">
      <c r="N25021" s="10"/>
    </row>
    <row r="25022" spans="14:14">
      <c r="N25022" s="10"/>
    </row>
    <row r="25023" spans="14:14">
      <c r="N25023" s="10"/>
    </row>
    <row r="25024" spans="14:14">
      <c r="N25024" s="10"/>
    </row>
    <row r="25025" spans="14:14">
      <c r="N25025" s="10"/>
    </row>
    <row r="25026" spans="14:14">
      <c r="N25026" s="10"/>
    </row>
    <row r="25027" spans="14:14">
      <c r="N25027" s="10"/>
    </row>
    <row r="25028" spans="14:14">
      <c r="N25028" s="10"/>
    </row>
    <row r="25029" spans="14:14">
      <c r="N25029" s="10"/>
    </row>
    <row r="25030" spans="14:14">
      <c r="N25030" s="10"/>
    </row>
    <row r="25031" spans="14:14">
      <c r="N25031" s="10"/>
    </row>
    <row r="25032" spans="14:14">
      <c r="N25032" s="10"/>
    </row>
    <row r="25033" spans="14:14">
      <c r="N25033" s="10"/>
    </row>
    <row r="25034" spans="14:14">
      <c r="N25034" s="10"/>
    </row>
    <row r="25035" spans="14:14">
      <c r="N25035" s="10"/>
    </row>
    <row r="25036" spans="14:14">
      <c r="N25036" s="10"/>
    </row>
    <row r="25037" spans="14:14">
      <c r="N25037" s="10"/>
    </row>
    <row r="25038" spans="14:14">
      <c r="N25038" s="10"/>
    </row>
    <row r="25039" spans="14:14">
      <c r="N25039" s="10"/>
    </row>
    <row r="25040" spans="14:14">
      <c r="N25040" s="10"/>
    </row>
    <row r="25041" spans="14:14">
      <c r="N25041" s="10"/>
    </row>
    <row r="25042" spans="14:14">
      <c r="N25042" s="10"/>
    </row>
    <row r="25043" spans="14:14">
      <c r="N25043" s="10"/>
    </row>
    <row r="25044" spans="14:14">
      <c r="N25044" s="10"/>
    </row>
    <row r="25045" spans="14:14">
      <c r="N25045" s="10"/>
    </row>
    <row r="25046" spans="14:14">
      <c r="N25046" s="10"/>
    </row>
    <row r="25047" spans="14:14">
      <c r="N25047" s="10"/>
    </row>
    <row r="25048" spans="14:14">
      <c r="N25048" s="10"/>
    </row>
    <row r="25049" spans="14:14">
      <c r="N25049" s="10"/>
    </row>
    <row r="25050" spans="14:14">
      <c r="N25050" s="10"/>
    </row>
    <row r="25051" spans="14:14">
      <c r="N25051" s="10"/>
    </row>
    <row r="25052" spans="14:14">
      <c r="N25052" s="10"/>
    </row>
    <row r="25053" spans="14:14">
      <c r="N25053" s="10"/>
    </row>
    <row r="25054" spans="14:14">
      <c r="N25054" s="10"/>
    </row>
    <row r="25055" spans="14:14">
      <c r="N25055" s="10"/>
    </row>
    <row r="25056" spans="14:14">
      <c r="N25056" s="10"/>
    </row>
    <row r="25057" spans="14:14">
      <c r="N25057" s="10"/>
    </row>
    <row r="25058" spans="14:14">
      <c r="N25058" s="10"/>
    </row>
    <row r="25059" spans="14:14">
      <c r="N25059" s="10"/>
    </row>
    <row r="25060" spans="14:14">
      <c r="N25060" s="10"/>
    </row>
    <row r="25061" spans="14:14">
      <c r="N25061" s="10"/>
    </row>
    <row r="25062" spans="14:14">
      <c r="N25062" s="10"/>
    </row>
    <row r="25063" spans="14:14">
      <c r="N25063" s="10"/>
    </row>
    <row r="25064" spans="14:14">
      <c r="N25064" s="10"/>
    </row>
    <row r="25065" spans="14:14">
      <c r="N25065" s="10"/>
    </row>
    <row r="25066" spans="14:14">
      <c r="N25066" s="10"/>
    </row>
    <row r="25067" spans="14:14">
      <c r="N25067" s="10"/>
    </row>
    <row r="25068" spans="14:14">
      <c r="N25068" s="10"/>
    </row>
    <row r="25069" spans="14:14">
      <c r="N25069" s="10"/>
    </row>
    <row r="25070" spans="14:14">
      <c r="N25070" s="10"/>
    </row>
    <row r="25071" spans="14:14">
      <c r="N25071" s="10"/>
    </row>
    <row r="25072" spans="14:14">
      <c r="N25072" s="10"/>
    </row>
    <row r="25073" spans="14:14">
      <c r="N25073" s="10"/>
    </row>
    <row r="25074" spans="14:14">
      <c r="N25074" s="10"/>
    </row>
    <row r="25075" spans="14:14">
      <c r="N25075" s="10"/>
    </row>
    <row r="25076" spans="14:14">
      <c r="N25076" s="10"/>
    </row>
    <row r="25077" spans="14:14">
      <c r="N25077" s="10"/>
    </row>
    <row r="25078" spans="14:14">
      <c r="N25078" s="10"/>
    </row>
    <row r="25079" spans="14:14">
      <c r="N25079" s="10"/>
    </row>
    <row r="25080" spans="14:14">
      <c r="N25080" s="10"/>
    </row>
    <row r="25081" spans="14:14">
      <c r="N25081" s="10"/>
    </row>
    <row r="25082" spans="14:14">
      <c r="N25082" s="10"/>
    </row>
    <row r="25083" spans="14:14">
      <c r="N25083" s="10"/>
    </row>
    <row r="25084" spans="14:14">
      <c r="N25084" s="10"/>
    </row>
    <row r="25085" spans="14:14">
      <c r="N25085" s="10"/>
    </row>
    <row r="25086" spans="14:14">
      <c r="N25086" s="10"/>
    </row>
    <row r="25087" spans="14:14">
      <c r="N25087" s="10"/>
    </row>
    <row r="25088" spans="14:14">
      <c r="N25088" s="10"/>
    </row>
    <row r="25089" spans="14:14">
      <c r="N25089" s="10"/>
    </row>
    <row r="25090" spans="14:14">
      <c r="N25090" s="10"/>
    </row>
    <row r="25091" spans="14:14">
      <c r="N25091" s="10"/>
    </row>
    <row r="25092" spans="14:14">
      <c r="N25092" s="10"/>
    </row>
    <row r="25093" spans="14:14">
      <c r="N25093" s="10"/>
    </row>
    <row r="25094" spans="14:14">
      <c r="N25094" s="10"/>
    </row>
    <row r="25095" spans="14:14">
      <c r="N25095" s="10"/>
    </row>
    <row r="25096" spans="14:14">
      <c r="N25096" s="10"/>
    </row>
    <row r="25097" spans="14:14">
      <c r="N25097" s="10"/>
    </row>
    <row r="25098" spans="14:14">
      <c r="N25098" s="10"/>
    </row>
    <row r="25099" spans="14:14">
      <c r="N25099" s="10"/>
    </row>
    <row r="25100" spans="14:14">
      <c r="N25100" s="10"/>
    </row>
    <row r="25101" spans="14:14">
      <c r="N25101" s="10"/>
    </row>
    <row r="25102" spans="14:14">
      <c r="N25102" s="10"/>
    </row>
    <row r="25103" spans="14:14">
      <c r="N25103" s="10"/>
    </row>
    <row r="25104" spans="14:14">
      <c r="N25104" s="10"/>
    </row>
    <row r="25105" spans="14:14">
      <c r="N25105" s="10"/>
    </row>
    <row r="25106" spans="14:14">
      <c r="N25106" s="10"/>
    </row>
    <row r="25107" spans="14:14">
      <c r="N25107" s="10"/>
    </row>
    <row r="25108" spans="14:14">
      <c r="N25108" s="10"/>
    </row>
    <row r="25109" spans="14:14">
      <c r="N25109" s="10"/>
    </row>
    <row r="25110" spans="14:14">
      <c r="N25110" s="10"/>
    </row>
    <row r="25111" spans="14:14">
      <c r="N25111" s="10"/>
    </row>
    <row r="25112" spans="14:14">
      <c r="N25112" s="10"/>
    </row>
    <row r="25113" spans="14:14">
      <c r="N25113" s="10"/>
    </row>
    <row r="25114" spans="14:14">
      <c r="N25114" s="10"/>
    </row>
    <row r="25115" spans="14:14">
      <c r="N25115" s="10"/>
    </row>
    <row r="25116" spans="14:14">
      <c r="N25116" s="10"/>
    </row>
    <row r="25117" spans="14:14">
      <c r="N25117" s="10"/>
    </row>
    <row r="25118" spans="14:14">
      <c r="N25118" s="10"/>
    </row>
    <row r="25119" spans="14:14">
      <c r="N25119" s="10"/>
    </row>
    <row r="25120" spans="14:14">
      <c r="N25120" s="10"/>
    </row>
    <row r="25121" spans="14:14">
      <c r="N25121" s="10"/>
    </row>
    <row r="25122" spans="14:14">
      <c r="N25122" s="10"/>
    </row>
    <row r="25123" spans="14:14">
      <c r="N25123" s="10"/>
    </row>
    <row r="25124" spans="14:14">
      <c r="N25124" s="10"/>
    </row>
    <row r="25125" spans="14:14">
      <c r="N25125" s="10"/>
    </row>
    <row r="25126" spans="14:14">
      <c r="N25126" s="10"/>
    </row>
    <row r="25127" spans="14:14">
      <c r="N25127" s="10"/>
    </row>
    <row r="25128" spans="14:14">
      <c r="N25128" s="10"/>
    </row>
    <row r="25129" spans="14:14">
      <c r="N25129" s="10"/>
    </row>
    <row r="25130" spans="14:14">
      <c r="N25130" s="10"/>
    </row>
    <row r="25131" spans="14:14">
      <c r="N25131" s="10"/>
    </row>
    <row r="25132" spans="14:14">
      <c r="N25132" s="10"/>
    </row>
    <row r="25133" spans="14:14">
      <c r="N25133" s="10"/>
    </row>
    <row r="25134" spans="14:14">
      <c r="N25134" s="10"/>
    </row>
    <row r="25135" spans="14:14">
      <c r="N25135" s="10"/>
    </row>
    <row r="25136" spans="14:14">
      <c r="N25136" s="10"/>
    </row>
    <row r="25137" spans="14:14">
      <c r="N25137" s="10"/>
    </row>
    <row r="25138" spans="14:14">
      <c r="N25138" s="10"/>
    </row>
    <row r="25139" spans="14:14">
      <c r="N25139" s="10"/>
    </row>
    <row r="25140" spans="14:14">
      <c r="N25140" s="10"/>
    </row>
    <row r="25141" spans="14:14">
      <c r="N25141" s="10"/>
    </row>
    <row r="25142" spans="14:14">
      <c r="N25142" s="10"/>
    </row>
    <row r="25143" spans="14:14">
      <c r="N25143" s="10"/>
    </row>
    <row r="25144" spans="14:14">
      <c r="N25144" s="10"/>
    </row>
    <row r="25145" spans="14:14">
      <c r="N25145" s="10"/>
    </row>
    <row r="25146" spans="14:14">
      <c r="N25146" s="10"/>
    </row>
    <row r="25147" spans="14:14">
      <c r="N25147" s="10"/>
    </row>
    <row r="25148" spans="14:14">
      <c r="N25148" s="10"/>
    </row>
    <row r="25149" spans="14:14">
      <c r="N25149" s="10"/>
    </row>
    <row r="25150" spans="14:14">
      <c r="N25150" s="10"/>
    </row>
    <row r="25151" spans="14:14">
      <c r="N25151" s="10"/>
    </row>
    <row r="25152" spans="14:14">
      <c r="N25152" s="10"/>
    </row>
    <row r="25153" spans="14:14">
      <c r="N25153" s="10"/>
    </row>
    <row r="25154" spans="14:14">
      <c r="N25154" s="10"/>
    </row>
    <row r="25155" spans="14:14">
      <c r="N25155" s="10"/>
    </row>
    <row r="25156" spans="14:14">
      <c r="N25156" s="10"/>
    </row>
    <row r="25157" spans="14:14">
      <c r="N25157" s="10"/>
    </row>
    <row r="25158" spans="14:14">
      <c r="N25158" s="10"/>
    </row>
    <row r="25159" spans="14:14">
      <c r="N25159" s="10"/>
    </row>
    <row r="25160" spans="14:14">
      <c r="N25160" s="10"/>
    </row>
    <row r="25161" spans="14:14">
      <c r="N25161" s="10"/>
    </row>
    <row r="25162" spans="14:14">
      <c r="N25162" s="10"/>
    </row>
    <row r="25163" spans="14:14">
      <c r="N25163" s="10"/>
    </row>
    <row r="25164" spans="14:14">
      <c r="N25164" s="10"/>
    </row>
    <row r="25165" spans="14:14">
      <c r="N25165" s="10"/>
    </row>
    <row r="25166" spans="14:14">
      <c r="N25166" s="10"/>
    </row>
    <row r="25167" spans="14:14">
      <c r="N25167" s="10"/>
    </row>
    <row r="25168" spans="14:14">
      <c r="N25168" s="10"/>
    </row>
    <row r="25169" spans="14:14">
      <c r="N25169" s="10"/>
    </row>
    <row r="25170" spans="14:14">
      <c r="N25170" s="10"/>
    </row>
    <row r="25171" spans="14:14">
      <c r="N25171" s="10"/>
    </row>
    <row r="25172" spans="14:14">
      <c r="N25172" s="10"/>
    </row>
    <row r="25173" spans="14:14">
      <c r="N25173" s="10"/>
    </row>
    <row r="25174" spans="14:14">
      <c r="N25174" s="10"/>
    </row>
    <row r="25175" spans="14:14">
      <c r="N25175" s="10"/>
    </row>
    <row r="25176" spans="14:14">
      <c r="N25176" s="10"/>
    </row>
    <row r="25177" spans="14:14">
      <c r="N25177" s="10"/>
    </row>
    <row r="25178" spans="14:14">
      <c r="N25178" s="10"/>
    </row>
    <row r="25179" spans="14:14">
      <c r="N25179" s="10"/>
    </row>
    <row r="25180" spans="14:14">
      <c r="N25180" s="10"/>
    </row>
    <row r="25181" spans="14:14">
      <c r="N25181" s="10"/>
    </row>
    <row r="25182" spans="14:14">
      <c r="N25182" s="10"/>
    </row>
    <row r="25183" spans="14:14">
      <c r="N25183" s="10"/>
    </row>
    <row r="25184" spans="14:14">
      <c r="N25184" s="10"/>
    </row>
    <row r="25185" spans="14:14">
      <c r="N25185" s="10"/>
    </row>
    <row r="25186" spans="14:14">
      <c r="N25186" s="10"/>
    </row>
    <row r="25187" spans="14:14">
      <c r="N25187" s="10"/>
    </row>
    <row r="25188" spans="14:14">
      <c r="N25188" s="10"/>
    </row>
    <row r="25189" spans="14:14">
      <c r="N25189" s="10"/>
    </row>
    <row r="25190" spans="14:14">
      <c r="N25190" s="10"/>
    </row>
    <row r="25191" spans="14:14">
      <c r="N25191" s="10"/>
    </row>
    <row r="25192" spans="14:14">
      <c r="N25192" s="10"/>
    </row>
    <row r="25193" spans="14:14">
      <c r="N25193" s="10"/>
    </row>
    <row r="25194" spans="14:14">
      <c r="N25194" s="10"/>
    </row>
    <row r="25195" spans="14:14">
      <c r="N25195" s="10"/>
    </row>
    <row r="25196" spans="14:14">
      <c r="N25196" s="10"/>
    </row>
    <row r="25197" spans="14:14">
      <c r="N25197" s="10"/>
    </row>
    <row r="25198" spans="14:14">
      <c r="N25198" s="10"/>
    </row>
    <row r="25199" spans="14:14">
      <c r="N25199" s="10"/>
    </row>
    <row r="25200" spans="14:14">
      <c r="N25200" s="10"/>
    </row>
    <row r="25201" spans="14:14">
      <c r="N25201" s="10"/>
    </row>
    <row r="25202" spans="14:14">
      <c r="N25202" s="10"/>
    </row>
    <row r="25203" spans="14:14">
      <c r="N25203" s="10"/>
    </row>
    <row r="25204" spans="14:14">
      <c r="N25204" s="10"/>
    </row>
    <row r="25205" spans="14:14">
      <c r="N25205" s="10"/>
    </row>
    <row r="25206" spans="14:14">
      <c r="N25206" s="10"/>
    </row>
    <row r="25207" spans="14:14">
      <c r="N25207" s="10"/>
    </row>
    <row r="25208" spans="14:14">
      <c r="N25208" s="10"/>
    </row>
    <row r="25209" spans="14:14">
      <c r="N25209" s="10"/>
    </row>
    <row r="25210" spans="14:14">
      <c r="N25210" s="10"/>
    </row>
    <row r="25211" spans="14:14">
      <c r="N25211" s="10"/>
    </row>
    <row r="25212" spans="14:14">
      <c r="N25212" s="10"/>
    </row>
    <row r="25213" spans="14:14">
      <c r="N25213" s="10"/>
    </row>
    <row r="25214" spans="14:14">
      <c r="N25214" s="10"/>
    </row>
    <row r="25215" spans="14:14">
      <c r="N25215" s="10"/>
    </row>
    <row r="25216" spans="14:14">
      <c r="N25216" s="10"/>
    </row>
    <row r="25217" spans="14:14">
      <c r="N25217" s="10"/>
    </row>
    <row r="25218" spans="14:14">
      <c r="N25218" s="10"/>
    </row>
    <row r="25219" spans="14:14">
      <c r="N25219" s="10"/>
    </row>
    <row r="25220" spans="14:14">
      <c r="N25220" s="10"/>
    </row>
    <row r="25221" spans="14:14">
      <c r="N25221" s="10"/>
    </row>
    <row r="25222" spans="14:14">
      <c r="N25222" s="10"/>
    </row>
    <row r="25223" spans="14:14">
      <c r="N25223" s="10"/>
    </row>
    <row r="25224" spans="14:14">
      <c r="N25224" s="10"/>
    </row>
    <row r="25225" spans="14:14">
      <c r="N25225" s="10"/>
    </row>
    <row r="25226" spans="14:14">
      <c r="N25226" s="10"/>
    </row>
    <row r="25227" spans="14:14">
      <c r="N25227" s="10"/>
    </row>
    <row r="25228" spans="14:14">
      <c r="N25228" s="10"/>
    </row>
    <row r="25229" spans="14:14">
      <c r="N25229" s="10"/>
    </row>
    <row r="25230" spans="14:14">
      <c r="N25230" s="10"/>
    </row>
    <row r="25231" spans="14:14">
      <c r="N25231" s="10"/>
    </row>
    <row r="25232" spans="14:14">
      <c r="N25232" s="10"/>
    </row>
    <row r="25233" spans="14:14">
      <c r="N25233" s="10"/>
    </row>
    <row r="25234" spans="14:14">
      <c r="N25234" s="10"/>
    </row>
    <row r="25235" spans="14:14">
      <c r="N25235" s="10"/>
    </row>
    <row r="25236" spans="14:14">
      <c r="N25236" s="10"/>
    </row>
    <row r="25237" spans="14:14">
      <c r="N25237" s="10"/>
    </row>
    <row r="25238" spans="14:14">
      <c r="N25238" s="10"/>
    </row>
    <row r="25239" spans="14:14">
      <c r="N25239" s="10"/>
    </row>
    <row r="25240" spans="14:14">
      <c r="N25240" s="10"/>
    </row>
    <row r="25241" spans="14:14">
      <c r="N25241" s="10"/>
    </row>
    <row r="25242" spans="14:14">
      <c r="N25242" s="10"/>
    </row>
    <row r="25243" spans="14:14">
      <c r="N25243" s="10"/>
    </row>
    <row r="25244" spans="14:14">
      <c r="N25244" s="10"/>
    </row>
    <row r="25245" spans="14:14">
      <c r="N25245" s="10"/>
    </row>
    <row r="25246" spans="14:14">
      <c r="N25246" s="10"/>
    </row>
    <row r="25247" spans="14:14">
      <c r="N25247" s="10"/>
    </row>
    <row r="25248" spans="14:14">
      <c r="N25248" s="10"/>
    </row>
    <row r="25249" spans="14:14">
      <c r="N25249" s="10"/>
    </row>
    <row r="25250" spans="14:14">
      <c r="N25250" s="10"/>
    </row>
    <row r="25251" spans="14:14">
      <c r="N25251" s="10"/>
    </row>
    <row r="25252" spans="14:14">
      <c r="N25252" s="10"/>
    </row>
    <row r="25253" spans="14:14">
      <c r="N25253" s="10"/>
    </row>
    <row r="25254" spans="14:14">
      <c r="N25254" s="10"/>
    </row>
    <row r="25255" spans="14:14">
      <c r="N25255" s="10"/>
    </row>
    <row r="25256" spans="14:14">
      <c r="N25256" s="10"/>
    </row>
    <row r="25257" spans="14:14">
      <c r="N25257" s="10"/>
    </row>
    <row r="25258" spans="14:14">
      <c r="N25258" s="10"/>
    </row>
    <row r="25259" spans="14:14">
      <c r="N25259" s="10"/>
    </row>
    <row r="25260" spans="14:14">
      <c r="N25260" s="10"/>
    </row>
    <row r="25261" spans="14:14">
      <c r="N25261" s="10"/>
    </row>
    <row r="25262" spans="14:14">
      <c r="N25262" s="10"/>
    </row>
    <row r="25263" spans="14:14">
      <c r="N25263" s="10"/>
    </row>
    <row r="25264" spans="14:14">
      <c r="N25264" s="10"/>
    </row>
    <row r="25265" spans="14:14">
      <c r="N25265" s="10"/>
    </row>
    <row r="25266" spans="14:14">
      <c r="N25266" s="10"/>
    </row>
    <row r="25267" spans="14:14">
      <c r="N25267" s="10"/>
    </row>
    <row r="25268" spans="14:14">
      <c r="N25268" s="10"/>
    </row>
    <row r="25269" spans="14:14">
      <c r="N25269" s="10"/>
    </row>
    <row r="25270" spans="14:14">
      <c r="N25270" s="10"/>
    </row>
    <row r="25271" spans="14:14">
      <c r="N25271" s="10"/>
    </row>
    <row r="25272" spans="14:14">
      <c r="N25272" s="10"/>
    </row>
    <row r="25273" spans="14:14">
      <c r="N25273" s="10"/>
    </row>
    <row r="25274" spans="14:14">
      <c r="N25274" s="10"/>
    </row>
    <row r="25275" spans="14:14">
      <c r="N25275" s="10"/>
    </row>
    <row r="25276" spans="14:14">
      <c r="N25276" s="10"/>
    </row>
    <row r="25277" spans="14:14">
      <c r="N25277" s="10"/>
    </row>
    <row r="25278" spans="14:14">
      <c r="N25278" s="10"/>
    </row>
    <row r="25279" spans="14:14">
      <c r="N25279" s="10"/>
    </row>
    <row r="25280" spans="14:14">
      <c r="N25280" s="10"/>
    </row>
    <row r="25281" spans="14:14">
      <c r="N25281" s="10"/>
    </row>
    <row r="25282" spans="14:14">
      <c r="N25282" s="10"/>
    </row>
    <row r="25283" spans="14:14">
      <c r="N25283" s="10"/>
    </row>
    <row r="25284" spans="14:14">
      <c r="N25284" s="10"/>
    </row>
    <row r="25285" spans="14:14">
      <c r="N25285" s="10"/>
    </row>
    <row r="25286" spans="14:14">
      <c r="N25286" s="10"/>
    </row>
    <row r="25287" spans="14:14">
      <c r="N25287" s="10"/>
    </row>
    <row r="25288" spans="14:14">
      <c r="N25288" s="10"/>
    </row>
    <row r="25289" spans="14:14">
      <c r="N25289" s="10"/>
    </row>
    <row r="25290" spans="14:14">
      <c r="N25290" s="10"/>
    </row>
    <row r="25291" spans="14:14">
      <c r="N25291" s="10"/>
    </row>
    <row r="25292" spans="14:14">
      <c r="N25292" s="10"/>
    </row>
    <row r="25293" spans="14:14">
      <c r="N25293" s="10"/>
    </row>
    <row r="25294" spans="14:14">
      <c r="N25294" s="10"/>
    </row>
    <row r="25295" spans="14:14">
      <c r="N25295" s="10"/>
    </row>
    <row r="25296" spans="14:14">
      <c r="N25296" s="10"/>
    </row>
    <row r="25297" spans="14:14">
      <c r="N25297" s="10"/>
    </row>
    <row r="25298" spans="14:14">
      <c r="N25298" s="10"/>
    </row>
    <row r="25299" spans="14:14">
      <c r="N25299" s="10"/>
    </row>
    <row r="25300" spans="14:14">
      <c r="N25300" s="10"/>
    </row>
    <row r="25301" spans="14:14">
      <c r="N25301" s="10"/>
    </row>
    <row r="25302" spans="14:14">
      <c r="N25302" s="10"/>
    </row>
    <row r="25303" spans="14:14">
      <c r="N25303" s="10"/>
    </row>
    <row r="25304" spans="14:14">
      <c r="N25304" s="10"/>
    </row>
    <row r="25305" spans="14:14">
      <c r="N25305" s="10"/>
    </row>
    <row r="25306" spans="14:14">
      <c r="N25306" s="10"/>
    </row>
    <row r="25307" spans="14:14">
      <c r="N25307" s="10"/>
    </row>
    <row r="25308" spans="14:14">
      <c r="N25308" s="10"/>
    </row>
    <row r="25309" spans="14:14">
      <c r="N25309" s="10"/>
    </row>
    <row r="25310" spans="14:14">
      <c r="N25310" s="10"/>
    </row>
    <row r="25311" spans="14:14">
      <c r="N25311" s="10"/>
    </row>
    <row r="25312" spans="14:14">
      <c r="N25312" s="10"/>
    </row>
    <row r="25313" spans="14:14">
      <c r="N25313" s="10"/>
    </row>
    <row r="25314" spans="14:14">
      <c r="N25314" s="10"/>
    </row>
    <row r="25315" spans="14:14">
      <c r="N25315" s="10"/>
    </row>
    <row r="25316" spans="14:14">
      <c r="N25316" s="10"/>
    </row>
    <row r="25317" spans="14:14">
      <c r="N25317" s="10"/>
    </row>
    <row r="25318" spans="14:14">
      <c r="N25318" s="10"/>
    </row>
    <row r="25319" spans="14:14">
      <c r="N25319" s="10"/>
    </row>
    <row r="25320" spans="14:14">
      <c r="N25320" s="10"/>
    </row>
    <row r="25321" spans="14:14">
      <c r="N25321" s="10"/>
    </row>
    <row r="25322" spans="14:14">
      <c r="N25322" s="10"/>
    </row>
    <row r="25323" spans="14:14">
      <c r="N25323" s="10"/>
    </row>
    <row r="25324" spans="14:14">
      <c r="N25324" s="10"/>
    </row>
    <row r="25325" spans="14:14">
      <c r="N25325" s="10"/>
    </row>
    <row r="25326" spans="14:14">
      <c r="N25326" s="10"/>
    </row>
    <row r="25327" spans="14:14">
      <c r="N25327" s="10"/>
    </row>
    <row r="25328" spans="14:14">
      <c r="N25328" s="10"/>
    </row>
    <row r="25329" spans="14:14">
      <c r="N25329" s="10"/>
    </row>
    <row r="25330" spans="14:14">
      <c r="N25330" s="10"/>
    </row>
    <row r="25331" spans="14:14">
      <c r="N25331" s="10"/>
    </row>
    <row r="25332" spans="14:14">
      <c r="N25332" s="10"/>
    </row>
    <row r="25333" spans="14:14">
      <c r="N25333" s="10"/>
    </row>
    <row r="25334" spans="14:14">
      <c r="N25334" s="10"/>
    </row>
    <row r="25335" spans="14:14">
      <c r="N25335" s="10"/>
    </row>
    <row r="25336" spans="14:14">
      <c r="N25336" s="10"/>
    </row>
    <row r="25337" spans="14:14">
      <c r="N25337" s="10"/>
    </row>
    <row r="25338" spans="14:14">
      <c r="N25338" s="10"/>
    </row>
    <row r="25339" spans="14:14">
      <c r="N25339" s="10"/>
    </row>
    <row r="25340" spans="14:14">
      <c r="N25340" s="10"/>
    </row>
    <row r="25341" spans="14:14">
      <c r="N25341" s="10"/>
    </row>
    <row r="25342" spans="14:14">
      <c r="N25342" s="10"/>
    </row>
    <row r="25343" spans="14:14">
      <c r="N25343" s="10"/>
    </row>
    <row r="25344" spans="14:14">
      <c r="N25344" s="10"/>
    </row>
    <row r="25345" spans="14:14">
      <c r="N25345" s="10"/>
    </row>
    <row r="25346" spans="14:14">
      <c r="N25346" s="10"/>
    </row>
    <row r="25347" spans="14:14">
      <c r="N25347" s="10"/>
    </row>
    <row r="25348" spans="14:14">
      <c r="N25348" s="10"/>
    </row>
    <row r="25349" spans="14:14">
      <c r="N25349" s="10"/>
    </row>
    <row r="25350" spans="14:14">
      <c r="N25350" s="10"/>
    </row>
    <row r="25351" spans="14:14">
      <c r="N25351" s="10"/>
    </row>
    <row r="25352" spans="14:14">
      <c r="N25352" s="10"/>
    </row>
    <row r="25353" spans="14:14">
      <c r="N25353" s="10"/>
    </row>
    <row r="25354" spans="14:14">
      <c r="N25354" s="10"/>
    </row>
    <row r="25355" spans="14:14">
      <c r="N25355" s="10"/>
    </row>
    <row r="25356" spans="14:14">
      <c r="N25356" s="10"/>
    </row>
    <row r="25357" spans="14:14">
      <c r="N25357" s="10"/>
    </row>
    <row r="25358" spans="14:14">
      <c r="N25358" s="10"/>
    </row>
    <row r="25359" spans="14:14">
      <c r="N25359" s="10"/>
    </row>
    <row r="25360" spans="14:14">
      <c r="N25360" s="10"/>
    </row>
    <row r="25361" spans="14:14">
      <c r="N25361" s="10"/>
    </row>
    <row r="25362" spans="14:14">
      <c r="N25362" s="10"/>
    </row>
    <row r="25363" spans="14:14">
      <c r="N25363" s="10"/>
    </row>
    <row r="25364" spans="14:14">
      <c r="N25364" s="10"/>
    </row>
    <row r="25365" spans="14:14">
      <c r="N25365" s="10"/>
    </row>
    <row r="25366" spans="14:14">
      <c r="N25366" s="10"/>
    </row>
    <row r="25367" spans="14:14">
      <c r="N25367" s="10"/>
    </row>
    <row r="25368" spans="14:14">
      <c r="N25368" s="10"/>
    </row>
    <row r="25369" spans="14:14">
      <c r="N25369" s="10"/>
    </row>
    <row r="25370" spans="14:14">
      <c r="N25370" s="10"/>
    </row>
    <row r="25371" spans="14:14">
      <c r="N25371" s="10"/>
    </row>
    <row r="25372" spans="14:14">
      <c r="N25372" s="10"/>
    </row>
    <row r="25373" spans="14:14">
      <c r="N25373" s="10"/>
    </row>
    <row r="25374" spans="14:14">
      <c r="N25374" s="10"/>
    </row>
    <row r="25375" spans="14:14">
      <c r="N25375" s="10"/>
    </row>
    <row r="25376" spans="14:14">
      <c r="N25376" s="10"/>
    </row>
    <row r="25377" spans="14:14">
      <c r="N25377" s="10"/>
    </row>
    <row r="25378" spans="14:14">
      <c r="N25378" s="10"/>
    </row>
    <row r="25379" spans="14:14">
      <c r="N25379" s="10"/>
    </row>
    <row r="25380" spans="14:14">
      <c r="N25380" s="10"/>
    </row>
    <row r="25381" spans="14:14">
      <c r="N25381" s="10"/>
    </row>
    <row r="25382" spans="14:14">
      <c r="N25382" s="10"/>
    </row>
    <row r="25383" spans="14:14">
      <c r="N25383" s="10"/>
    </row>
    <row r="25384" spans="14:14">
      <c r="N25384" s="10"/>
    </row>
    <row r="25385" spans="14:14">
      <c r="N25385" s="10"/>
    </row>
    <row r="25386" spans="14:14">
      <c r="N25386" s="10"/>
    </row>
    <row r="25387" spans="14:14">
      <c r="N25387" s="10"/>
    </row>
    <row r="25388" spans="14:14">
      <c r="N25388" s="10"/>
    </row>
    <row r="25389" spans="14:14">
      <c r="N25389" s="10"/>
    </row>
    <row r="25390" spans="14:14">
      <c r="N25390" s="10"/>
    </row>
    <row r="25391" spans="14:14">
      <c r="N25391" s="10"/>
    </row>
    <row r="25392" spans="14:14">
      <c r="N25392" s="10"/>
    </row>
    <row r="25393" spans="14:14">
      <c r="N25393" s="10"/>
    </row>
    <row r="25394" spans="14:14">
      <c r="N25394" s="10"/>
    </row>
    <row r="25395" spans="14:14">
      <c r="N25395" s="10"/>
    </row>
    <row r="25396" spans="14:14">
      <c r="N25396" s="10"/>
    </row>
    <row r="25397" spans="14:14">
      <c r="N25397" s="10"/>
    </row>
    <row r="25398" spans="14:14">
      <c r="N25398" s="10"/>
    </row>
    <row r="25399" spans="14:14">
      <c r="N25399" s="10"/>
    </row>
    <row r="25400" spans="14:14">
      <c r="N25400" s="10"/>
    </row>
    <row r="25401" spans="14:14">
      <c r="N25401" s="10"/>
    </row>
    <row r="25402" spans="14:14">
      <c r="N25402" s="10"/>
    </row>
    <row r="25403" spans="14:14">
      <c r="N25403" s="10"/>
    </row>
    <row r="25404" spans="14:14">
      <c r="N25404" s="10"/>
    </row>
    <row r="25405" spans="14:14">
      <c r="N25405" s="10"/>
    </row>
    <row r="25406" spans="14:14">
      <c r="N25406" s="10"/>
    </row>
    <row r="25407" spans="14:14">
      <c r="N25407" s="10"/>
    </row>
    <row r="25408" spans="14:14">
      <c r="N25408" s="10"/>
    </row>
    <row r="25409" spans="14:14">
      <c r="N25409" s="10"/>
    </row>
    <row r="25410" spans="14:14">
      <c r="N25410" s="10"/>
    </row>
    <row r="25411" spans="14:14">
      <c r="N25411" s="10"/>
    </row>
    <row r="25412" spans="14:14">
      <c r="N25412" s="10"/>
    </row>
    <row r="25413" spans="14:14">
      <c r="N25413" s="10"/>
    </row>
    <row r="25414" spans="14:14">
      <c r="N25414" s="10"/>
    </row>
    <row r="25415" spans="14:14">
      <c r="N25415" s="10"/>
    </row>
    <row r="25416" spans="14:14">
      <c r="N25416" s="10"/>
    </row>
    <row r="25417" spans="14:14">
      <c r="N25417" s="10"/>
    </row>
    <row r="25418" spans="14:14">
      <c r="N25418" s="10"/>
    </row>
    <row r="25419" spans="14:14">
      <c r="N25419" s="10"/>
    </row>
    <row r="25420" spans="14:14">
      <c r="N25420" s="10"/>
    </row>
    <row r="25421" spans="14:14">
      <c r="N25421" s="10"/>
    </row>
    <row r="25422" spans="14:14">
      <c r="N25422" s="10"/>
    </row>
    <row r="25423" spans="14:14">
      <c r="N25423" s="10"/>
    </row>
    <row r="25424" spans="14:14">
      <c r="N25424" s="10"/>
    </row>
    <row r="25425" spans="14:14">
      <c r="N25425" s="10"/>
    </row>
    <row r="25426" spans="14:14">
      <c r="N25426" s="10"/>
    </row>
    <row r="25427" spans="14:14">
      <c r="N25427" s="10"/>
    </row>
    <row r="25428" spans="14:14">
      <c r="N25428" s="10"/>
    </row>
    <row r="25429" spans="14:14">
      <c r="N25429" s="10"/>
    </row>
    <row r="25430" spans="14:14">
      <c r="N25430" s="10"/>
    </row>
    <row r="25431" spans="14:14">
      <c r="N25431" s="10"/>
    </row>
    <row r="25432" spans="14:14">
      <c r="N25432" s="10"/>
    </row>
    <row r="25433" spans="14:14">
      <c r="N25433" s="10"/>
    </row>
    <row r="25434" spans="14:14">
      <c r="N25434" s="10"/>
    </row>
    <row r="25435" spans="14:14">
      <c r="N25435" s="10"/>
    </row>
    <row r="25436" spans="14:14">
      <c r="N25436" s="10"/>
    </row>
    <row r="25437" spans="14:14">
      <c r="N25437" s="10"/>
    </row>
    <row r="25438" spans="14:14">
      <c r="N25438" s="10"/>
    </row>
    <row r="25439" spans="14:14">
      <c r="N25439" s="10"/>
    </row>
    <row r="25440" spans="14:14">
      <c r="N25440" s="10"/>
    </row>
    <row r="25441" spans="14:14">
      <c r="N25441" s="10"/>
    </row>
    <row r="25442" spans="14:14">
      <c r="N25442" s="10"/>
    </row>
    <row r="25443" spans="14:14">
      <c r="N25443" s="10"/>
    </row>
    <row r="25444" spans="14:14">
      <c r="N25444" s="10"/>
    </row>
    <row r="25445" spans="14:14">
      <c r="N25445" s="10"/>
    </row>
    <row r="25446" spans="14:14">
      <c r="N25446" s="10"/>
    </row>
    <row r="25447" spans="14:14">
      <c r="N25447" s="10"/>
    </row>
    <row r="25448" spans="14:14">
      <c r="N25448" s="10"/>
    </row>
    <row r="25449" spans="14:14">
      <c r="N25449" s="10"/>
    </row>
    <row r="25450" spans="14:14">
      <c r="N25450" s="10"/>
    </row>
    <row r="25451" spans="14:14">
      <c r="N25451" s="10"/>
    </row>
    <row r="25452" spans="14:14">
      <c r="N25452" s="10"/>
    </row>
    <row r="25453" spans="14:14">
      <c r="N25453" s="10"/>
    </row>
    <row r="25454" spans="14:14">
      <c r="N25454" s="10"/>
    </row>
    <row r="25455" spans="14:14">
      <c r="N25455" s="10"/>
    </row>
    <row r="25456" spans="14:14">
      <c r="N25456" s="10"/>
    </row>
    <row r="25457" spans="14:14">
      <c r="N25457" s="10"/>
    </row>
    <row r="25458" spans="14:14">
      <c r="N25458" s="10"/>
    </row>
    <row r="25459" spans="14:14">
      <c r="N25459" s="10"/>
    </row>
    <row r="25460" spans="14:14">
      <c r="N25460" s="10"/>
    </row>
    <row r="25461" spans="14:14">
      <c r="N25461" s="10"/>
    </row>
    <row r="25462" spans="14:14">
      <c r="N25462" s="10"/>
    </row>
    <row r="25463" spans="14:14">
      <c r="N25463" s="10"/>
    </row>
    <row r="25464" spans="14:14">
      <c r="N25464" s="10"/>
    </row>
    <row r="25465" spans="14:14">
      <c r="N25465" s="10"/>
    </row>
    <row r="25466" spans="14:14">
      <c r="N25466" s="10"/>
    </row>
    <row r="25467" spans="14:14">
      <c r="N25467" s="10"/>
    </row>
    <row r="25468" spans="14:14">
      <c r="N25468" s="10"/>
    </row>
    <row r="25469" spans="14:14">
      <c r="N25469" s="10"/>
    </row>
    <row r="25470" spans="14:14">
      <c r="N25470" s="10"/>
    </row>
    <row r="25471" spans="14:14">
      <c r="N25471" s="10"/>
    </row>
    <row r="25472" spans="14:14">
      <c r="N25472" s="10"/>
    </row>
    <row r="25473" spans="14:14">
      <c r="N25473" s="10"/>
    </row>
    <row r="25474" spans="14:14">
      <c r="N25474" s="10"/>
    </row>
    <row r="25475" spans="14:14">
      <c r="N25475" s="10"/>
    </row>
    <row r="25476" spans="14:14">
      <c r="N25476" s="10"/>
    </row>
    <row r="25477" spans="14:14">
      <c r="N25477" s="10"/>
    </row>
    <row r="25478" spans="14:14">
      <c r="N25478" s="10"/>
    </row>
    <row r="25479" spans="14:14">
      <c r="N25479" s="10"/>
    </row>
    <row r="25480" spans="14:14">
      <c r="N25480" s="10"/>
    </row>
    <row r="25481" spans="14:14">
      <c r="N25481" s="10"/>
    </row>
    <row r="25482" spans="14:14">
      <c r="N25482" s="10"/>
    </row>
    <row r="25483" spans="14:14">
      <c r="N25483" s="10"/>
    </row>
    <row r="25484" spans="14:14">
      <c r="N25484" s="10"/>
    </row>
    <row r="25485" spans="14:14">
      <c r="N25485" s="10"/>
    </row>
    <row r="25486" spans="14:14">
      <c r="N25486" s="10"/>
    </row>
    <row r="25487" spans="14:14">
      <c r="N25487" s="10"/>
    </row>
    <row r="25488" spans="14:14">
      <c r="N25488" s="10"/>
    </row>
    <row r="25489" spans="14:14">
      <c r="N25489" s="10"/>
    </row>
    <row r="25490" spans="14:14">
      <c r="N25490" s="10"/>
    </row>
    <row r="25491" spans="14:14">
      <c r="N25491" s="10"/>
    </row>
    <row r="25492" spans="14:14">
      <c r="N25492" s="10"/>
    </row>
    <row r="25493" spans="14:14">
      <c r="N25493" s="10"/>
    </row>
    <row r="25494" spans="14:14">
      <c r="N25494" s="10"/>
    </row>
    <row r="25495" spans="14:14">
      <c r="N25495" s="10"/>
    </row>
    <row r="25496" spans="14:14">
      <c r="N25496" s="10"/>
    </row>
    <row r="25497" spans="14:14">
      <c r="N25497" s="10"/>
    </row>
    <row r="25498" spans="14:14">
      <c r="N25498" s="10"/>
    </row>
    <row r="25499" spans="14:14">
      <c r="N25499" s="10"/>
    </row>
    <row r="25500" spans="14:14">
      <c r="N25500" s="10"/>
    </row>
    <row r="25501" spans="14:14">
      <c r="N25501" s="10"/>
    </row>
    <row r="25502" spans="14:14">
      <c r="N25502" s="10"/>
    </row>
    <row r="25503" spans="14:14">
      <c r="N25503" s="10"/>
    </row>
    <row r="25504" spans="14:14">
      <c r="N25504" s="10"/>
    </row>
    <row r="25505" spans="14:14">
      <c r="N25505" s="10"/>
    </row>
    <row r="25506" spans="14:14">
      <c r="N25506" s="10"/>
    </row>
    <row r="25507" spans="14:14">
      <c r="N25507" s="10"/>
    </row>
    <row r="25508" spans="14:14">
      <c r="N25508" s="10"/>
    </row>
    <row r="25509" spans="14:14">
      <c r="N25509" s="10"/>
    </row>
    <row r="25510" spans="14:14">
      <c r="N25510" s="10"/>
    </row>
    <row r="25511" spans="14:14">
      <c r="N25511" s="10"/>
    </row>
    <row r="25512" spans="14:14">
      <c r="N25512" s="10"/>
    </row>
    <row r="25513" spans="14:14">
      <c r="N25513" s="10"/>
    </row>
    <row r="25514" spans="14:14">
      <c r="N25514" s="10"/>
    </row>
    <row r="25515" spans="14:14">
      <c r="N25515" s="10"/>
    </row>
    <row r="25516" spans="14:14">
      <c r="N25516" s="10"/>
    </row>
    <row r="25517" spans="14:14">
      <c r="N25517" s="10"/>
    </row>
    <row r="25518" spans="14:14">
      <c r="N25518" s="10"/>
    </row>
    <row r="25519" spans="14:14">
      <c r="N25519" s="10"/>
    </row>
    <row r="25520" spans="14:14">
      <c r="N25520" s="10"/>
    </row>
    <row r="25521" spans="14:14">
      <c r="N25521" s="10"/>
    </row>
    <row r="25522" spans="14:14">
      <c r="N25522" s="10"/>
    </row>
    <row r="25523" spans="14:14">
      <c r="N25523" s="10"/>
    </row>
    <row r="25524" spans="14:14">
      <c r="N25524" s="10"/>
    </row>
    <row r="25525" spans="14:14">
      <c r="N25525" s="10"/>
    </row>
    <row r="25526" spans="14:14">
      <c r="N25526" s="10"/>
    </row>
    <row r="25527" spans="14:14">
      <c r="N25527" s="10"/>
    </row>
    <row r="25528" spans="14:14">
      <c r="N25528" s="10"/>
    </row>
    <row r="25529" spans="14:14">
      <c r="N25529" s="10"/>
    </row>
    <row r="25530" spans="14:14">
      <c r="N25530" s="10"/>
    </row>
    <row r="25531" spans="14:14">
      <c r="N25531" s="10"/>
    </row>
    <row r="25532" spans="14:14">
      <c r="N25532" s="10"/>
    </row>
    <row r="25533" spans="14:14">
      <c r="N25533" s="10"/>
    </row>
    <row r="25534" spans="14:14">
      <c r="N25534" s="10"/>
    </row>
    <row r="25535" spans="14:14">
      <c r="N25535" s="10"/>
    </row>
    <row r="25536" spans="14:14">
      <c r="N25536" s="10"/>
    </row>
    <row r="25537" spans="14:14">
      <c r="N25537" s="10"/>
    </row>
    <row r="25538" spans="14:14">
      <c r="N25538" s="10"/>
    </row>
    <row r="25539" spans="14:14">
      <c r="N25539" s="10"/>
    </row>
    <row r="25540" spans="14:14">
      <c r="N25540" s="10"/>
    </row>
    <row r="25541" spans="14:14">
      <c r="N25541" s="10"/>
    </row>
    <row r="25542" spans="14:14">
      <c r="N25542" s="10"/>
    </row>
    <row r="25543" spans="14:14">
      <c r="N25543" s="10"/>
    </row>
    <row r="25544" spans="14:14">
      <c r="N25544" s="10"/>
    </row>
    <row r="25545" spans="14:14">
      <c r="N25545" s="10"/>
    </row>
    <row r="25546" spans="14:14">
      <c r="N25546" s="10"/>
    </row>
    <row r="25547" spans="14:14">
      <c r="N25547" s="10"/>
    </row>
    <row r="25548" spans="14:14">
      <c r="N25548" s="10"/>
    </row>
    <row r="25549" spans="14:14">
      <c r="N25549" s="10"/>
    </row>
    <row r="25550" spans="14:14">
      <c r="N25550" s="10"/>
    </row>
    <row r="25551" spans="14:14">
      <c r="N25551" s="10"/>
    </row>
    <row r="25552" spans="14:14">
      <c r="N25552" s="10"/>
    </row>
    <row r="25553" spans="14:14">
      <c r="N25553" s="10"/>
    </row>
    <row r="25554" spans="14:14">
      <c r="N25554" s="10"/>
    </row>
    <row r="25555" spans="14:14">
      <c r="N25555" s="10"/>
    </row>
    <row r="25556" spans="14:14">
      <c r="N25556" s="10"/>
    </row>
    <row r="25557" spans="14:14">
      <c r="N25557" s="10"/>
    </row>
    <row r="25558" spans="14:14">
      <c r="N25558" s="10"/>
    </row>
    <row r="25559" spans="14:14">
      <c r="N25559" s="10"/>
    </row>
    <row r="25560" spans="14:14">
      <c r="N25560" s="10"/>
    </row>
    <row r="25561" spans="14:14">
      <c r="N25561" s="10"/>
    </row>
    <row r="25562" spans="14:14">
      <c r="N25562" s="10"/>
    </row>
    <row r="25563" spans="14:14">
      <c r="N25563" s="10"/>
    </row>
    <row r="25564" spans="14:14">
      <c r="N25564" s="10"/>
    </row>
    <row r="25565" spans="14:14">
      <c r="N25565" s="10"/>
    </row>
    <row r="25566" spans="14:14">
      <c r="N25566" s="10"/>
    </row>
    <row r="25567" spans="14:14">
      <c r="N25567" s="10"/>
    </row>
    <row r="25568" spans="14:14">
      <c r="N25568" s="10"/>
    </row>
    <row r="25569" spans="14:14">
      <c r="N25569" s="10"/>
    </row>
    <row r="25570" spans="14:14">
      <c r="N25570" s="10"/>
    </row>
    <row r="25571" spans="14:14">
      <c r="N25571" s="10"/>
    </row>
    <row r="25572" spans="14:14">
      <c r="N25572" s="10"/>
    </row>
    <row r="25573" spans="14:14">
      <c r="N25573" s="10"/>
    </row>
    <row r="25574" spans="14:14">
      <c r="N25574" s="10"/>
    </row>
    <row r="25575" spans="14:14">
      <c r="N25575" s="10"/>
    </row>
    <row r="25576" spans="14:14">
      <c r="N25576" s="10"/>
    </row>
    <row r="25577" spans="14:14">
      <c r="N25577" s="10"/>
    </row>
    <row r="25578" spans="14:14">
      <c r="N25578" s="10"/>
    </row>
    <row r="25579" spans="14:14">
      <c r="N25579" s="10"/>
    </row>
    <row r="25580" spans="14:14">
      <c r="N25580" s="10"/>
    </row>
    <row r="25581" spans="14:14">
      <c r="N25581" s="10"/>
    </row>
    <row r="25582" spans="14:14">
      <c r="N25582" s="10"/>
    </row>
    <row r="25583" spans="14:14">
      <c r="N25583" s="10"/>
    </row>
    <row r="25584" spans="14:14">
      <c r="N25584" s="10"/>
    </row>
    <row r="25585" spans="14:14">
      <c r="N25585" s="10"/>
    </row>
    <row r="25586" spans="14:14">
      <c r="N25586" s="10"/>
    </row>
    <row r="25587" spans="14:14">
      <c r="N25587" s="10"/>
    </row>
    <row r="25588" spans="14:14">
      <c r="N25588" s="10"/>
    </row>
    <row r="25589" spans="14:14">
      <c r="N25589" s="10"/>
    </row>
    <row r="25590" spans="14:14">
      <c r="N25590" s="10"/>
    </row>
    <row r="25591" spans="14:14">
      <c r="N25591" s="10"/>
    </row>
    <row r="25592" spans="14:14">
      <c r="N25592" s="10"/>
    </row>
    <row r="25593" spans="14:14">
      <c r="N25593" s="10"/>
    </row>
    <row r="25594" spans="14:14">
      <c r="N25594" s="10"/>
    </row>
    <row r="25595" spans="14:14">
      <c r="N25595" s="10"/>
    </row>
    <row r="25596" spans="14:14">
      <c r="N25596" s="10"/>
    </row>
    <row r="25597" spans="14:14">
      <c r="N25597" s="10"/>
    </row>
    <row r="25598" spans="14:14">
      <c r="N25598" s="10"/>
    </row>
    <row r="25599" spans="14:14">
      <c r="N25599" s="10"/>
    </row>
    <row r="25600" spans="14:14">
      <c r="N25600" s="10"/>
    </row>
    <row r="25601" spans="14:14">
      <c r="N25601" s="10"/>
    </row>
    <row r="25602" spans="14:14">
      <c r="N25602" s="10"/>
    </row>
    <row r="25603" spans="14:14">
      <c r="N25603" s="10"/>
    </row>
    <row r="25604" spans="14:14">
      <c r="N25604" s="10"/>
    </row>
    <row r="25605" spans="14:14">
      <c r="N25605" s="10"/>
    </row>
    <row r="25606" spans="14:14">
      <c r="N25606" s="10"/>
    </row>
    <row r="25607" spans="14:14">
      <c r="N25607" s="10"/>
    </row>
    <row r="25608" spans="14:14">
      <c r="N25608" s="10"/>
    </row>
    <row r="25609" spans="14:14">
      <c r="N25609" s="10"/>
    </row>
    <row r="25610" spans="14:14">
      <c r="N25610" s="10"/>
    </row>
    <row r="25611" spans="14:14">
      <c r="N25611" s="10"/>
    </row>
    <row r="25612" spans="14:14">
      <c r="N25612" s="10"/>
    </row>
    <row r="25613" spans="14:14">
      <c r="N25613" s="10"/>
    </row>
    <row r="25614" spans="14:14">
      <c r="N25614" s="10"/>
    </row>
    <row r="25615" spans="14:14">
      <c r="N25615" s="10"/>
    </row>
    <row r="25616" spans="14:14">
      <c r="N25616" s="10"/>
    </row>
    <row r="25617" spans="14:14">
      <c r="N25617" s="10"/>
    </row>
    <row r="25618" spans="14:14">
      <c r="N25618" s="10"/>
    </row>
    <row r="25619" spans="14:14">
      <c r="N25619" s="10"/>
    </row>
    <row r="25620" spans="14:14">
      <c r="N25620" s="10"/>
    </row>
    <row r="25621" spans="14:14">
      <c r="N25621" s="10"/>
    </row>
    <row r="25622" spans="14:14">
      <c r="N25622" s="10"/>
    </row>
    <row r="25623" spans="14:14">
      <c r="N25623" s="10"/>
    </row>
    <row r="25624" spans="14:14">
      <c r="N25624" s="10"/>
    </row>
    <row r="25625" spans="14:14">
      <c r="N25625" s="10"/>
    </row>
    <row r="25626" spans="14:14">
      <c r="N25626" s="10"/>
    </row>
    <row r="25627" spans="14:14">
      <c r="N25627" s="10"/>
    </row>
    <row r="25628" spans="14:14">
      <c r="N25628" s="10"/>
    </row>
    <row r="25629" spans="14:14">
      <c r="N25629" s="10"/>
    </row>
    <row r="25630" spans="14:14">
      <c r="N25630" s="10"/>
    </row>
    <row r="25631" spans="14:14">
      <c r="N25631" s="10"/>
    </row>
    <row r="25632" spans="14:14">
      <c r="N25632" s="10"/>
    </row>
    <row r="25633" spans="14:14">
      <c r="N25633" s="10"/>
    </row>
    <row r="25634" spans="14:14">
      <c r="N25634" s="10"/>
    </row>
    <row r="25635" spans="14:14">
      <c r="N25635" s="10"/>
    </row>
    <row r="25636" spans="14:14">
      <c r="N25636" s="10"/>
    </row>
    <row r="25637" spans="14:14">
      <c r="N25637" s="10"/>
    </row>
    <row r="25638" spans="14:14">
      <c r="N25638" s="10"/>
    </row>
    <row r="25639" spans="14:14">
      <c r="N25639" s="10"/>
    </row>
    <row r="25640" spans="14:14">
      <c r="N25640" s="10"/>
    </row>
    <row r="25641" spans="14:14">
      <c r="N25641" s="10"/>
    </row>
    <row r="25642" spans="14:14">
      <c r="N25642" s="10"/>
    </row>
    <row r="25643" spans="14:14">
      <c r="N25643" s="10"/>
    </row>
    <row r="25644" spans="14:14">
      <c r="N25644" s="10"/>
    </row>
    <row r="25645" spans="14:14">
      <c r="N25645" s="10"/>
    </row>
    <row r="25646" spans="14:14">
      <c r="N25646" s="10"/>
    </row>
    <row r="25647" spans="14:14">
      <c r="N25647" s="10"/>
    </row>
    <row r="25648" spans="14:14">
      <c r="N25648" s="10"/>
    </row>
    <row r="25649" spans="14:14">
      <c r="N25649" s="10"/>
    </row>
    <row r="25650" spans="14:14">
      <c r="N25650" s="10"/>
    </row>
    <row r="25651" spans="14:14">
      <c r="N25651" s="10"/>
    </row>
    <row r="25652" spans="14:14">
      <c r="N25652" s="10"/>
    </row>
    <row r="25653" spans="14:14">
      <c r="N25653" s="10"/>
    </row>
    <row r="25654" spans="14:14">
      <c r="N25654" s="10"/>
    </row>
    <row r="25655" spans="14:14">
      <c r="N25655" s="10"/>
    </row>
    <row r="25656" spans="14:14">
      <c r="N25656" s="10"/>
    </row>
    <row r="25657" spans="14:14">
      <c r="N25657" s="10"/>
    </row>
    <row r="25658" spans="14:14">
      <c r="N25658" s="10"/>
    </row>
    <row r="25659" spans="14:14">
      <c r="N25659" s="10"/>
    </row>
    <row r="25660" spans="14:14">
      <c r="N25660" s="10"/>
    </row>
    <row r="25661" spans="14:14">
      <c r="N25661" s="10"/>
    </row>
    <row r="25662" spans="14:14">
      <c r="N25662" s="10"/>
    </row>
    <row r="25663" spans="14:14">
      <c r="N25663" s="10"/>
    </row>
    <row r="25664" spans="14:14">
      <c r="N25664" s="10"/>
    </row>
    <row r="25665" spans="14:14">
      <c r="N25665" s="10"/>
    </row>
    <row r="25666" spans="14:14">
      <c r="N25666" s="10"/>
    </row>
    <row r="25667" spans="14:14">
      <c r="N25667" s="10"/>
    </row>
    <row r="25668" spans="14:14">
      <c r="N25668" s="10"/>
    </row>
    <row r="25669" spans="14:14">
      <c r="N25669" s="10"/>
    </row>
    <row r="25670" spans="14:14">
      <c r="N25670" s="10"/>
    </row>
    <row r="25671" spans="14:14">
      <c r="N25671" s="10"/>
    </row>
    <row r="25672" spans="14:14">
      <c r="N25672" s="10"/>
    </row>
    <row r="25673" spans="14:14">
      <c r="N25673" s="10"/>
    </row>
    <row r="25674" spans="14:14">
      <c r="N25674" s="10"/>
    </row>
    <row r="25675" spans="14:14">
      <c r="N25675" s="10"/>
    </row>
    <row r="25676" spans="14:14">
      <c r="N25676" s="10"/>
    </row>
    <row r="25677" spans="14:14">
      <c r="N25677" s="10"/>
    </row>
    <row r="25678" spans="14:14">
      <c r="N25678" s="10"/>
    </row>
    <row r="25679" spans="14:14">
      <c r="N25679" s="10"/>
    </row>
    <row r="25680" spans="14:14">
      <c r="N25680" s="10"/>
    </row>
    <row r="25681" spans="14:14">
      <c r="N25681" s="10"/>
    </row>
    <row r="25682" spans="14:14">
      <c r="N25682" s="10"/>
    </row>
    <row r="25683" spans="14:14">
      <c r="N25683" s="10"/>
    </row>
    <row r="25684" spans="14:14">
      <c r="N25684" s="10"/>
    </row>
    <row r="25685" spans="14:14">
      <c r="N25685" s="10"/>
    </row>
    <row r="25686" spans="14:14">
      <c r="N25686" s="10"/>
    </row>
    <row r="25687" spans="14:14">
      <c r="N25687" s="10"/>
    </row>
    <row r="25688" spans="14:14">
      <c r="N25688" s="10"/>
    </row>
    <row r="25689" spans="14:14">
      <c r="N25689" s="10"/>
    </row>
    <row r="25690" spans="14:14">
      <c r="N25690" s="10"/>
    </row>
    <row r="25691" spans="14:14">
      <c r="N25691" s="10"/>
    </row>
    <row r="25692" spans="14:14">
      <c r="N25692" s="10"/>
    </row>
    <row r="25693" spans="14:14">
      <c r="N25693" s="10"/>
    </row>
    <row r="25694" spans="14:14">
      <c r="N25694" s="10"/>
    </row>
    <row r="25695" spans="14:14">
      <c r="N25695" s="10"/>
    </row>
    <row r="25696" spans="14:14">
      <c r="N25696" s="10"/>
    </row>
    <row r="25697" spans="14:14">
      <c r="N25697" s="10"/>
    </row>
    <row r="25698" spans="14:14">
      <c r="N25698" s="10"/>
    </row>
    <row r="25699" spans="14:14">
      <c r="N25699" s="10"/>
    </row>
    <row r="25700" spans="14:14">
      <c r="N25700" s="10"/>
    </row>
    <row r="25701" spans="14:14">
      <c r="N25701" s="10"/>
    </row>
    <row r="25702" spans="14:14">
      <c r="N25702" s="10"/>
    </row>
    <row r="25703" spans="14:14">
      <c r="N25703" s="10"/>
    </row>
    <row r="25704" spans="14:14">
      <c r="N25704" s="10"/>
    </row>
    <row r="25705" spans="14:14">
      <c r="N25705" s="10"/>
    </row>
    <row r="25706" spans="14:14">
      <c r="N25706" s="10"/>
    </row>
    <row r="25707" spans="14:14">
      <c r="N25707" s="10"/>
    </row>
    <row r="25708" spans="14:14">
      <c r="N25708" s="10"/>
    </row>
    <row r="25709" spans="14:14">
      <c r="N25709" s="10"/>
    </row>
    <row r="25710" spans="14:14">
      <c r="N25710" s="10"/>
    </row>
    <row r="25711" spans="14:14">
      <c r="N25711" s="10"/>
    </row>
    <row r="25712" spans="14:14">
      <c r="N25712" s="10"/>
    </row>
    <row r="25713" spans="14:14">
      <c r="N25713" s="10"/>
    </row>
    <row r="25714" spans="14:14">
      <c r="N25714" s="10"/>
    </row>
    <row r="25715" spans="14:14">
      <c r="N25715" s="10"/>
    </row>
    <row r="25716" spans="14:14">
      <c r="N25716" s="10"/>
    </row>
    <row r="25717" spans="14:14">
      <c r="N25717" s="10"/>
    </row>
    <row r="25718" spans="14:14">
      <c r="N25718" s="10"/>
    </row>
    <row r="25719" spans="14:14">
      <c r="N25719" s="10"/>
    </row>
    <row r="25720" spans="14:14">
      <c r="N25720" s="10"/>
    </row>
    <row r="25721" spans="14:14">
      <c r="N25721" s="10"/>
    </row>
    <row r="25722" spans="14:14">
      <c r="N25722" s="10"/>
    </row>
    <row r="25723" spans="14:14">
      <c r="N25723" s="10"/>
    </row>
    <row r="25724" spans="14:14">
      <c r="N25724" s="10"/>
    </row>
    <row r="25725" spans="14:14">
      <c r="N25725" s="10"/>
    </row>
    <row r="25726" spans="14:14">
      <c r="N25726" s="10"/>
    </row>
    <row r="25727" spans="14:14">
      <c r="N25727" s="10"/>
    </row>
    <row r="25728" spans="14:14">
      <c r="N25728" s="10"/>
    </row>
    <row r="25729" spans="14:14">
      <c r="N25729" s="10"/>
    </row>
    <row r="25730" spans="14:14">
      <c r="N25730" s="10"/>
    </row>
    <row r="25731" spans="14:14">
      <c r="N25731" s="10"/>
    </row>
    <row r="25732" spans="14:14">
      <c r="N25732" s="10"/>
    </row>
    <row r="25733" spans="14:14">
      <c r="N25733" s="10"/>
    </row>
    <row r="25734" spans="14:14">
      <c r="N25734" s="10"/>
    </row>
    <row r="25735" spans="14:14">
      <c r="N25735" s="10"/>
    </row>
    <row r="25736" spans="14:14">
      <c r="N25736" s="10"/>
    </row>
    <row r="25737" spans="14:14">
      <c r="N25737" s="10"/>
    </row>
    <row r="25738" spans="14:14">
      <c r="N25738" s="10"/>
    </row>
    <row r="25739" spans="14:14">
      <c r="N25739" s="10"/>
    </row>
    <row r="25740" spans="14:14">
      <c r="N25740" s="10"/>
    </row>
    <row r="25741" spans="14:14">
      <c r="N25741" s="10"/>
    </row>
    <row r="25742" spans="14:14">
      <c r="N25742" s="10"/>
    </row>
    <row r="25743" spans="14:14">
      <c r="N25743" s="10"/>
    </row>
    <row r="25744" spans="14:14">
      <c r="N25744" s="10"/>
    </row>
    <row r="25745" spans="14:14">
      <c r="N25745" s="10"/>
    </row>
    <row r="25746" spans="14:14">
      <c r="N25746" s="10"/>
    </row>
    <row r="25747" spans="14:14">
      <c r="N25747" s="10"/>
    </row>
    <row r="25748" spans="14:14">
      <c r="N25748" s="10"/>
    </row>
    <row r="25749" spans="14:14">
      <c r="N25749" s="10"/>
    </row>
    <row r="25750" spans="14:14">
      <c r="N25750" s="10"/>
    </row>
    <row r="25751" spans="14:14">
      <c r="N25751" s="10"/>
    </row>
    <row r="25752" spans="14:14">
      <c r="N25752" s="10"/>
    </row>
    <row r="25753" spans="14:14">
      <c r="N25753" s="10"/>
    </row>
    <row r="25754" spans="14:14">
      <c r="N25754" s="10"/>
    </row>
    <row r="25755" spans="14:14">
      <c r="N25755" s="10"/>
    </row>
    <row r="25756" spans="14:14">
      <c r="N25756" s="10"/>
    </row>
    <row r="25757" spans="14:14">
      <c r="N25757" s="10"/>
    </row>
    <row r="25758" spans="14:14">
      <c r="N25758" s="10"/>
    </row>
    <row r="25759" spans="14:14">
      <c r="N25759" s="10"/>
    </row>
    <row r="25760" spans="14:14">
      <c r="N25760" s="10"/>
    </row>
    <row r="25761" spans="14:14">
      <c r="N25761" s="10"/>
    </row>
    <row r="25762" spans="14:14">
      <c r="N25762" s="10"/>
    </row>
    <row r="25763" spans="14:14">
      <c r="N25763" s="10"/>
    </row>
    <row r="25764" spans="14:14">
      <c r="N25764" s="10"/>
    </row>
    <row r="25765" spans="14:14">
      <c r="N25765" s="10"/>
    </row>
    <row r="25766" spans="14:14">
      <c r="N25766" s="10"/>
    </row>
    <row r="25767" spans="14:14">
      <c r="N25767" s="10"/>
    </row>
    <row r="25768" spans="14:14">
      <c r="N25768" s="10"/>
    </row>
    <row r="25769" spans="14:14">
      <c r="N25769" s="10"/>
    </row>
    <row r="25770" spans="14:14">
      <c r="N25770" s="10"/>
    </row>
    <row r="25771" spans="14:14">
      <c r="N25771" s="10"/>
    </row>
    <row r="25772" spans="14:14">
      <c r="N25772" s="10"/>
    </row>
    <row r="25773" spans="14:14">
      <c r="N25773" s="10"/>
    </row>
    <row r="25774" spans="14:14">
      <c r="N25774" s="10"/>
    </row>
    <row r="25775" spans="14:14">
      <c r="N25775" s="10"/>
    </row>
    <row r="25776" spans="14:14">
      <c r="N25776" s="10"/>
    </row>
    <row r="25777" spans="14:14">
      <c r="N25777" s="10"/>
    </row>
    <row r="25778" spans="14:14">
      <c r="N25778" s="10"/>
    </row>
    <row r="25779" spans="14:14">
      <c r="N25779" s="10"/>
    </row>
    <row r="25780" spans="14:14">
      <c r="N25780" s="10"/>
    </row>
    <row r="25781" spans="14:14">
      <c r="N25781" s="10"/>
    </row>
    <row r="25782" spans="14:14">
      <c r="N25782" s="10"/>
    </row>
    <row r="25783" spans="14:14">
      <c r="N25783" s="10"/>
    </row>
    <row r="25784" spans="14:14">
      <c r="N25784" s="10"/>
    </row>
    <row r="25785" spans="14:14">
      <c r="N25785" s="10"/>
    </row>
    <row r="25786" spans="14:14">
      <c r="N25786" s="10"/>
    </row>
    <row r="25787" spans="14:14">
      <c r="N25787" s="10"/>
    </row>
    <row r="25788" spans="14:14">
      <c r="N25788" s="10"/>
    </row>
    <row r="25789" spans="14:14">
      <c r="N25789" s="10"/>
    </row>
    <row r="25790" spans="14:14">
      <c r="N25790" s="10"/>
    </row>
    <row r="25791" spans="14:14">
      <c r="N25791" s="10"/>
    </row>
    <row r="25792" spans="14:14">
      <c r="N25792" s="10"/>
    </row>
    <row r="25793" spans="14:14">
      <c r="N25793" s="10"/>
    </row>
    <row r="25794" spans="14:14">
      <c r="N25794" s="10"/>
    </row>
    <row r="25795" spans="14:14">
      <c r="N25795" s="10"/>
    </row>
    <row r="25796" spans="14:14">
      <c r="N25796" s="10"/>
    </row>
    <row r="25797" spans="14:14">
      <c r="N25797" s="10"/>
    </row>
    <row r="25798" spans="14:14">
      <c r="N25798" s="10"/>
    </row>
    <row r="25799" spans="14:14">
      <c r="N25799" s="10"/>
    </row>
    <row r="25800" spans="14:14">
      <c r="N25800" s="10"/>
    </row>
    <row r="25801" spans="14:14">
      <c r="N25801" s="10"/>
    </row>
    <row r="25802" spans="14:14">
      <c r="N25802" s="10"/>
    </row>
    <row r="25803" spans="14:14">
      <c r="N25803" s="10"/>
    </row>
    <row r="25804" spans="14:14">
      <c r="N25804" s="10"/>
    </row>
    <row r="25805" spans="14:14">
      <c r="N25805" s="10"/>
    </row>
    <row r="25806" spans="14:14">
      <c r="N25806" s="10"/>
    </row>
    <row r="25807" spans="14:14">
      <c r="N25807" s="10"/>
    </row>
    <row r="25808" spans="14:14">
      <c r="N25808" s="10"/>
    </row>
    <row r="25809" spans="14:14">
      <c r="N25809" s="10"/>
    </row>
    <row r="25810" spans="14:14">
      <c r="N25810" s="10"/>
    </row>
    <row r="25811" spans="14:14">
      <c r="N25811" s="10"/>
    </row>
    <row r="25812" spans="14:14">
      <c r="N25812" s="10"/>
    </row>
    <row r="25813" spans="14:14">
      <c r="N25813" s="10"/>
    </row>
    <row r="25814" spans="14:14">
      <c r="N25814" s="10"/>
    </row>
    <row r="25815" spans="14:14">
      <c r="N25815" s="10"/>
    </row>
    <row r="25816" spans="14:14">
      <c r="N25816" s="10"/>
    </row>
    <row r="25817" spans="14:14">
      <c r="N25817" s="10"/>
    </row>
    <row r="25818" spans="14:14">
      <c r="N25818" s="10"/>
    </row>
    <row r="25819" spans="14:14">
      <c r="N25819" s="10"/>
    </row>
    <row r="25820" spans="14:14">
      <c r="N25820" s="10"/>
    </row>
    <row r="25821" spans="14:14">
      <c r="N25821" s="10"/>
    </row>
    <row r="25822" spans="14:14">
      <c r="N25822" s="10"/>
    </row>
    <row r="25823" spans="14:14">
      <c r="N25823" s="10"/>
    </row>
    <row r="25824" spans="14:14">
      <c r="N25824" s="10"/>
    </row>
    <row r="25825" spans="14:14">
      <c r="N25825" s="10"/>
    </row>
    <row r="25826" spans="14:14">
      <c r="N25826" s="10"/>
    </row>
    <row r="25827" spans="14:14">
      <c r="N25827" s="10"/>
    </row>
    <row r="25828" spans="14:14">
      <c r="N25828" s="10"/>
    </row>
    <row r="25829" spans="14:14">
      <c r="N25829" s="10"/>
    </row>
    <row r="25830" spans="14:14">
      <c r="N25830" s="10"/>
    </row>
    <row r="25831" spans="14:14">
      <c r="N25831" s="10"/>
    </row>
    <row r="25832" spans="14:14">
      <c r="N25832" s="10"/>
    </row>
    <row r="25833" spans="14:14">
      <c r="N25833" s="10"/>
    </row>
    <row r="25834" spans="14:14">
      <c r="N25834" s="10"/>
    </row>
    <row r="25835" spans="14:14">
      <c r="N25835" s="10"/>
    </row>
    <row r="25836" spans="14:14">
      <c r="N25836" s="10"/>
    </row>
    <row r="25837" spans="14:14">
      <c r="N25837" s="10"/>
    </row>
    <row r="25838" spans="14:14">
      <c r="N25838" s="10"/>
    </row>
    <row r="25839" spans="14:14">
      <c r="N25839" s="10"/>
    </row>
    <row r="25840" spans="14:14">
      <c r="N25840" s="10"/>
    </row>
    <row r="25841" spans="14:14">
      <c r="N25841" s="10"/>
    </row>
    <row r="25842" spans="14:14">
      <c r="N25842" s="10"/>
    </row>
    <row r="25843" spans="14:14">
      <c r="N25843" s="10"/>
    </row>
    <row r="25844" spans="14:14">
      <c r="N25844" s="10"/>
    </row>
    <row r="25845" spans="14:14">
      <c r="N25845" s="10"/>
    </row>
    <row r="25846" spans="14:14">
      <c r="N25846" s="10"/>
    </row>
    <row r="25847" spans="14:14">
      <c r="N25847" s="10"/>
    </row>
    <row r="25848" spans="14:14">
      <c r="N25848" s="10"/>
    </row>
    <row r="25849" spans="14:14">
      <c r="N25849" s="10"/>
    </row>
    <row r="25850" spans="14:14">
      <c r="N25850" s="10"/>
    </row>
    <row r="25851" spans="14:14">
      <c r="N25851" s="10"/>
    </row>
    <row r="25852" spans="14:14">
      <c r="N25852" s="10"/>
    </row>
    <row r="25853" spans="14:14">
      <c r="N25853" s="10"/>
    </row>
    <row r="25854" spans="14:14">
      <c r="N25854" s="10"/>
    </row>
    <row r="25855" spans="14:14">
      <c r="N25855" s="10"/>
    </row>
    <row r="25856" spans="14:14">
      <c r="N25856" s="10"/>
    </row>
    <row r="25857" spans="14:14">
      <c r="N25857" s="10"/>
    </row>
    <row r="25858" spans="14:14">
      <c r="N25858" s="10"/>
    </row>
    <row r="25859" spans="14:14">
      <c r="N25859" s="10"/>
    </row>
    <row r="25860" spans="14:14">
      <c r="N25860" s="10"/>
    </row>
    <row r="25861" spans="14:14">
      <c r="N25861" s="10"/>
    </row>
    <row r="25862" spans="14:14">
      <c r="N25862" s="10"/>
    </row>
    <row r="25863" spans="14:14">
      <c r="N25863" s="10"/>
    </row>
    <row r="25864" spans="14:14">
      <c r="N25864" s="10"/>
    </row>
    <row r="25865" spans="14:14">
      <c r="N25865" s="10"/>
    </row>
    <row r="25866" spans="14:14">
      <c r="N25866" s="10"/>
    </row>
    <row r="25867" spans="14:14">
      <c r="N25867" s="10"/>
    </row>
    <row r="25868" spans="14:14">
      <c r="N25868" s="10"/>
    </row>
    <row r="25869" spans="14:14">
      <c r="N25869" s="10"/>
    </row>
    <row r="25870" spans="14:14">
      <c r="N25870" s="10"/>
    </row>
    <row r="25871" spans="14:14">
      <c r="N25871" s="10"/>
    </row>
    <row r="25872" spans="14:14">
      <c r="N25872" s="10"/>
    </row>
    <row r="25873" spans="14:14">
      <c r="N25873" s="10"/>
    </row>
    <row r="25874" spans="14:14">
      <c r="N25874" s="10"/>
    </row>
    <row r="25875" spans="14:14">
      <c r="N25875" s="10"/>
    </row>
    <row r="25876" spans="14:14">
      <c r="N25876" s="10"/>
    </row>
    <row r="25877" spans="14:14">
      <c r="N25877" s="10"/>
    </row>
    <row r="25878" spans="14:14">
      <c r="N25878" s="10"/>
    </row>
    <row r="25879" spans="14:14">
      <c r="N25879" s="10"/>
    </row>
    <row r="25880" spans="14:14">
      <c r="N25880" s="10"/>
    </row>
    <row r="25881" spans="14:14">
      <c r="N25881" s="10"/>
    </row>
    <row r="25882" spans="14:14">
      <c r="N25882" s="10"/>
    </row>
    <row r="25883" spans="14:14">
      <c r="N25883" s="10"/>
    </row>
    <row r="25884" spans="14:14">
      <c r="N25884" s="10"/>
    </row>
    <row r="25885" spans="14:14">
      <c r="N25885" s="10"/>
    </row>
    <row r="25886" spans="14:14">
      <c r="N25886" s="10"/>
    </row>
    <row r="25887" spans="14:14">
      <c r="N25887" s="10"/>
    </row>
    <row r="25888" spans="14:14">
      <c r="N25888" s="10"/>
    </row>
    <row r="25889" spans="14:14">
      <c r="N25889" s="10"/>
    </row>
    <row r="25890" spans="14:14">
      <c r="N25890" s="10"/>
    </row>
    <row r="25891" spans="14:14">
      <c r="N25891" s="10"/>
    </row>
    <row r="25892" spans="14:14">
      <c r="N25892" s="10"/>
    </row>
    <row r="25893" spans="14:14">
      <c r="N25893" s="10"/>
    </row>
    <row r="25894" spans="14:14">
      <c r="N25894" s="10"/>
    </row>
    <row r="25895" spans="14:14">
      <c r="N25895" s="10"/>
    </row>
    <row r="25896" spans="14:14">
      <c r="N25896" s="10"/>
    </row>
    <row r="25897" spans="14:14">
      <c r="N25897" s="10"/>
    </row>
    <row r="25898" spans="14:14">
      <c r="N25898" s="10"/>
    </row>
    <row r="25899" spans="14:14">
      <c r="N25899" s="10"/>
    </row>
    <row r="25900" spans="14:14">
      <c r="N25900" s="10"/>
    </row>
    <row r="25901" spans="14:14">
      <c r="N25901" s="10"/>
    </row>
    <row r="25902" spans="14:14">
      <c r="N25902" s="10"/>
    </row>
    <row r="25903" spans="14:14">
      <c r="N25903" s="10"/>
    </row>
    <row r="25904" spans="14:14">
      <c r="N25904" s="10"/>
    </row>
    <row r="25905" spans="14:14">
      <c r="N25905" s="10"/>
    </row>
    <row r="25906" spans="14:14">
      <c r="N25906" s="10"/>
    </row>
    <row r="25907" spans="14:14">
      <c r="N25907" s="10"/>
    </row>
    <row r="25908" spans="14:14">
      <c r="N25908" s="10"/>
    </row>
    <row r="25909" spans="14:14">
      <c r="N25909" s="10"/>
    </row>
    <row r="25910" spans="14:14">
      <c r="N25910" s="10"/>
    </row>
    <row r="25911" spans="14:14">
      <c r="N25911" s="10"/>
    </row>
    <row r="25912" spans="14:14">
      <c r="N25912" s="10"/>
    </row>
    <row r="25913" spans="14:14">
      <c r="N25913" s="10"/>
    </row>
    <row r="25914" spans="14:14">
      <c r="N25914" s="10"/>
    </row>
    <row r="25915" spans="14:14">
      <c r="N25915" s="10"/>
    </row>
    <row r="25916" spans="14:14">
      <c r="N25916" s="10"/>
    </row>
    <row r="25917" spans="14:14">
      <c r="N25917" s="10"/>
    </row>
    <row r="25918" spans="14:14">
      <c r="N25918" s="10"/>
    </row>
    <row r="25919" spans="14:14">
      <c r="N25919" s="10"/>
    </row>
    <row r="25920" spans="14:14">
      <c r="N25920" s="10"/>
    </row>
    <row r="25921" spans="14:14">
      <c r="N25921" s="10"/>
    </row>
    <row r="25922" spans="14:14">
      <c r="N25922" s="10"/>
    </row>
    <row r="25923" spans="14:14">
      <c r="N25923" s="10"/>
    </row>
    <row r="25924" spans="14:14">
      <c r="N25924" s="10"/>
    </row>
    <row r="25925" spans="14:14">
      <c r="N25925" s="10"/>
    </row>
    <row r="25926" spans="14:14">
      <c r="N25926" s="10"/>
    </row>
    <row r="25927" spans="14:14">
      <c r="N25927" s="10"/>
    </row>
    <row r="25928" spans="14:14">
      <c r="N25928" s="10"/>
    </row>
    <row r="25929" spans="14:14">
      <c r="N25929" s="10"/>
    </row>
    <row r="25930" spans="14:14">
      <c r="N25930" s="10"/>
    </row>
    <row r="25931" spans="14:14">
      <c r="N25931" s="10"/>
    </row>
    <row r="25932" spans="14:14">
      <c r="N25932" s="10"/>
    </row>
    <row r="25933" spans="14:14">
      <c r="N25933" s="10"/>
    </row>
    <row r="25934" spans="14:14">
      <c r="N25934" s="10"/>
    </row>
    <row r="25935" spans="14:14">
      <c r="N25935" s="10"/>
    </row>
    <row r="25936" spans="14:14">
      <c r="N25936" s="10"/>
    </row>
    <row r="25937" spans="14:14">
      <c r="N25937" s="10"/>
    </row>
    <row r="25938" spans="14:14">
      <c r="N25938" s="10"/>
    </row>
    <row r="25939" spans="14:14">
      <c r="N25939" s="10"/>
    </row>
    <row r="25940" spans="14:14">
      <c r="N25940" s="10"/>
    </row>
    <row r="25941" spans="14:14">
      <c r="N25941" s="10"/>
    </row>
    <row r="25942" spans="14:14">
      <c r="N25942" s="10"/>
    </row>
    <row r="25943" spans="14:14">
      <c r="N25943" s="10"/>
    </row>
    <row r="25944" spans="14:14">
      <c r="N25944" s="10"/>
    </row>
    <row r="25945" spans="14:14">
      <c r="N25945" s="10"/>
    </row>
    <row r="25946" spans="14:14">
      <c r="N25946" s="10"/>
    </row>
    <row r="25947" spans="14:14">
      <c r="N25947" s="10"/>
    </row>
    <row r="25948" spans="14:14">
      <c r="N25948" s="10"/>
    </row>
    <row r="25949" spans="14:14">
      <c r="N25949" s="10"/>
    </row>
    <row r="25950" spans="14:14">
      <c r="N25950" s="10"/>
    </row>
    <row r="25951" spans="14:14">
      <c r="N25951" s="10"/>
    </row>
    <row r="25952" spans="14:14">
      <c r="N25952" s="10"/>
    </row>
    <row r="25953" spans="14:14">
      <c r="N25953" s="10"/>
    </row>
    <row r="25954" spans="14:14">
      <c r="N25954" s="10"/>
    </row>
    <row r="25955" spans="14:14">
      <c r="N25955" s="10"/>
    </row>
    <row r="25956" spans="14:14">
      <c r="N25956" s="10"/>
    </row>
    <row r="25957" spans="14:14">
      <c r="N25957" s="10"/>
    </row>
    <row r="25958" spans="14:14">
      <c r="N25958" s="10"/>
    </row>
    <row r="25959" spans="14:14">
      <c r="N25959" s="10"/>
    </row>
    <row r="25960" spans="14:14">
      <c r="N25960" s="10"/>
    </row>
    <row r="25961" spans="14:14">
      <c r="N25961" s="10"/>
    </row>
    <row r="25962" spans="14:14">
      <c r="N25962" s="10"/>
    </row>
    <row r="25963" spans="14:14">
      <c r="N25963" s="10"/>
    </row>
    <row r="25964" spans="14:14">
      <c r="N25964" s="10"/>
    </row>
    <row r="25965" spans="14:14">
      <c r="N25965" s="10"/>
    </row>
    <row r="25966" spans="14:14">
      <c r="N25966" s="10"/>
    </row>
    <row r="25967" spans="14:14">
      <c r="N25967" s="10"/>
    </row>
    <row r="25968" spans="14:14">
      <c r="N25968" s="10"/>
    </row>
    <row r="25969" spans="14:14">
      <c r="N25969" s="10"/>
    </row>
    <row r="25970" spans="14:14">
      <c r="N25970" s="10"/>
    </row>
    <row r="25971" spans="14:14">
      <c r="N25971" s="10"/>
    </row>
    <row r="25972" spans="14:14">
      <c r="N25972" s="10"/>
    </row>
    <row r="25973" spans="14:14">
      <c r="N25973" s="10"/>
    </row>
    <row r="25974" spans="14:14">
      <c r="N25974" s="10"/>
    </row>
    <row r="25975" spans="14:14">
      <c r="N25975" s="10"/>
    </row>
    <row r="25976" spans="14:14">
      <c r="N25976" s="10"/>
    </row>
    <row r="25977" spans="14:14">
      <c r="N25977" s="10"/>
    </row>
    <row r="25978" spans="14:14">
      <c r="N25978" s="10"/>
    </row>
    <row r="25979" spans="14:14">
      <c r="N25979" s="10"/>
    </row>
    <row r="25980" spans="14:14">
      <c r="N25980" s="10"/>
    </row>
    <row r="25981" spans="14:14">
      <c r="N25981" s="10"/>
    </row>
    <row r="25982" spans="14:14">
      <c r="N25982" s="10"/>
    </row>
    <row r="25983" spans="14:14">
      <c r="N25983" s="10"/>
    </row>
    <row r="25984" spans="14:14">
      <c r="N25984" s="10"/>
    </row>
    <row r="25985" spans="14:14">
      <c r="N25985" s="10"/>
    </row>
    <row r="25986" spans="14:14">
      <c r="N25986" s="10"/>
    </row>
    <row r="25987" spans="14:14">
      <c r="N25987" s="10"/>
    </row>
    <row r="25988" spans="14:14">
      <c r="N25988" s="10"/>
    </row>
    <row r="25989" spans="14:14">
      <c r="N25989" s="10"/>
    </row>
    <row r="25990" spans="14:14">
      <c r="N25990" s="10"/>
    </row>
    <row r="25991" spans="14:14">
      <c r="N25991" s="10"/>
    </row>
    <row r="25992" spans="14:14">
      <c r="N25992" s="10"/>
    </row>
    <row r="25993" spans="14:14">
      <c r="N25993" s="10"/>
    </row>
    <row r="25994" spans="14:14">
      <c r="N25994" s="10"/>
    </row>
    <row r="25995" spans="14:14">
      <c r="N25995" s="10"/>
    </row>
    <row r="25996" spans="14:14">
      <c r="N25996" s="10"/>
    </row>
    <row r="25997" spans="14:14">
      <c r="N25997" s="10"/>
    </row>
    <row r="25998" spans="14:14">
      <c r="N25998" s="10"/>
    </row>
    <row r="25999" spans="14:14">
      <c r="N25999" s="10"/>
    </row>
    <row r="26000" spans="14:14">
      <c r="N26000" s="10"/>
    </row>
    <row r="26001" spans="14:14">
      <c r="N26001" s="10"/>
    </row>
    <row r="26002" spans="14:14">
      <c r="N26002" s="10"/>
    </row>
    <row r="26003" spans="14:14">
      <c r="N26003" s="10"/>
    </row>
    <row r="26004" spans="14:14">
      <c r="N26004" s="10"/>
    </row>
    <row r="26005" spans="14:14">
      <c r="N26005" s="10"/>
    </row>
    <row r="26006" spans="14:14">
      <c r="N26006" s="10"/>
    </row>
    <row r="26007" spans="14:14">
      <c r="N26007" s="10"/>
    </row>
    <row r="26008" spans="14:14">
      <c r="N26008" s="10"/>
    </row>
    <row r="26009" spans="14:14">
      <c r="N26009" s="10"/>
    </row>
    <row r="26010" spans="14:14">
      <c r="N26010" s="10"/>
    </row>
    <row r="26011" spans="14:14">
      <c r="N26011" s="10"/>
    </row>
    <row r="26012" spans="14:14">
      <c r="N26012" s="10"/>
    </row>
    <row r="26013" spans="14:14">
      <c r="N26013" s="10"/>
    </row>
    <row r="26014" spans="14:14">
      <c r="N26014" s="10"/>
    </row>
    <row r="26015" spans="14:14">
      <c r="N26015" s="10"/>
    </row>
    <row r="26016" spans="14:14">
      <c r="N26016" s="10"/>
    </row>
    <row r="26017" spans="14:14">
      <c r="N26017" s="10"/>
    </row>
    <row r="26018" spans="14:14">
      <c r="N26018" s="10"/>
    </row>
    <row r="26019" spans="14:14">
      <c r="N26019" s="10"/>
    </row>
    <row r="26020" spans="14:14">
      <c r="N26020" s="10"/>
    </row>
    <row r="26021" spans="14:14">
      <c r="N26021" s="10"/>
    </row>
    <row r="26022" spans="14:14">
      <c r="N26022" s="10"/>
    </row>
    <row r="26023" spans="14:14">
      <c r="N26023" s="10"/>
    </row>
    <row r="26024" spans="14:14">
      <c r="N26024" s="10"/>
    </row>
    <row r="26025" spans="14:14">
      <c r="N26025" s="10"/>
    </row>
    <row r="26026" spans="14:14">
      <c r="N26026" s="10"/>
    </row>
    <row r="26027" spans="14:14">
      <c r="N26027" s="10"/>
    </row>
    <row r="26028" spans="14:14">
      <c r="N26028" s="10"/>
    </row>
    <row r="26029" spans="14:14">
      <c r="N26029" s="10"/>
    </row>
    <row r="26030" spans="14:14">
      <c r="N26030" s="10"/>
    </row>
    <row r="26031" spans="14:14">
      <c r="N26031" s="10"/>
    </row>
    <row r="26032" spans="14:14">
      <c r="N26032" s="10"/>
    </row>
    <row r="26033" spans="14:14">
      <c r="N26033" s="10"/>
    </row>
    <row r="26034" spans="14:14">
      <c r="N26034" s="10"/>
    </row>
    <row r="26035" spans="14:14">
      <c r="N26035" s="10"/>
    </row>
    <row r="26036" spans="14:14">
      <c r="N26036" s="10"/>
    </row>
    <row r="26037" spans="14:14">
      <c r="N26037" s="10"/>
    </row>
    <row r="26038" spans="14:14">
      <c r="N26038" s="10"/>
    </row>
    <row r="26039" spans="14:14">
      <c r="N26039" s="10"/>
    </row>
    <row r="26040" spans="14:14">
      <c r="N26040" s="10"/>
    </row>
    <row r="26041" spans="14:14">
      <c r="N26041" s="10"/>
    </row>
    <row r="26042" spans="14:14">
      <c r="N26042" s="10"/>
    </row>
    <row r="26043" spans="14:14">
      <c r="N26043" s="10"/>
    </row>
    <row r="26044" spans="14:14">
      <c r="N26044" s="10"/>
    </row>
    <row r="26045" spans="14:14">
      <c r="N26045" s="10"/>
    </row>
    <row r="26046" spans="14:14">
      <c r="N26046" s="10"/>
    </row>
    <row r="26047" spans="14:14">
      <c r="N26047" s="10"/>
    </row>
    <row r="26048" spans="14:14">
      <c r="N26048" s="10"/>
    </row>
    <row r="26049" spans="14:14">
      <c r="N26049" s="10"/>
    </row>
    <row r="26050" spans="14:14">
      <c r="N26050" s="10"/>
    </row>
    <row r="26051" spans="14:14">
      <c r="N26051" s="10"/>
    </row>
    <row r="26052" spans="14:14">
      <c r="N26052" s="10"/>
    </row>
    <row r="26053" spans="14:14">
      <c r="N26053" s="10"/>
    </row>
    <row r="26054" spans="14:14">
      <c r="N26054" s="10"/>
    </row>
    <row r="26055" spans="14:14">
      <c r="N26055" s="10"/>
    </row>
    <row r="26056" spans="14:14">
      <c r="N26056" s="10"/>
    </row>
    <row r="26057" spans="14:14">
      <c r="N26057" s="10"/>
    </row>
    <row r="26058" spans="14:14">
      <c r="N26058" s="10"/>
    </row>
    <row r="26059" spans="14:14">
      <c r="N26059" s="10"/>
    </row>
    <row r="26060" spans="14:14">
      <c r="N26060" s="10"/>
    </row>
    <row r="26061" spans="14:14">
      <c r="N26061" s="10"/>
    </row>
    <row r="26062" spans="14:14">
      <c r="N26062" s="10"/>
    </row>
    <row r="26063" spans="14:14">
      <c r="N26063" s="10"/>
    </row>
    <row r="26064" spans="14:14">
      <c r="N26064" s="10"/>
    </row>
    <row r="26065" spans="14:14">
      <c r="N26065" s="10"/>
    </row>
    <row r="26066" spans="14:14">
      <c r="N26066" s="10"/>
    </row>
    <row r="26067" spans="14:14">
      <c r="N26067" s="10"/>
    </row>
    <row r="26068" spans="14:14">
      <c r="N26068" s="10"/>
    </row>
    <row r="26069" spans="14:14">
      <c r="N26069" s="10"/>
    </row>
    <row r="26070" spans="14:14">
      <c r="N26070" s="10"/>
    </row>
    <row r="26071" spans="14:14">
      <c r="N26071" s="10"/>
    </row>
    <row r="26072" spans="14:14">
      <c r="N26072" s="10"/>
    </row>
    <row r="26073" spans="14:14">
      <c r="N26073" s="10"/>
    </row>
    <row r="26074" spans="14:14">
      <c r="N26074" s="10"/>
    </row>
    <row r="26075" spans="14:14">
      <c r="N26075" s="10"/>
    </row>
    <row r="26076" spans="14:14">
      <c r="N26076" s="10"/>
    </row>
    <row r="26077" spans="14:14">
      <c r="N26077" s="10"/>
    </row>
    <row r="26078" spans="14:14">
      <c r="N26078" s="10"/>
    </row>
    <row r="26079" spans="14:14">
      <c r="N26079" s="10"/>
    </row>
    <row r="26080" spans="14:14">
      <c r="N26080" s="10"/>
    </row>
    <row r="26081" spans="14:14">
      <c r="N26081" s="10"/>
    </row>
    <row r="26082" spans="14:14">
      <c r="N26082" s="10"/>
    </row>
    <row r="26083" spans="14:14">
      <c r="N26083" s="10"/>
    </row>
    <row r="26084" spans="14:14">
      <c r="N26084" s="10"/>
    </row>
    <row r="26085" spans="14:14">
      <c r="N26085" s="10"/>
    </row>
    <row r="26086" spans="14:14">
      <c r="N26086" s="10"/>
    </row>
    <row r="26087" spans="14:14">
      <c r="N26087" s="10"/>
    </row>
    <row r="26088" spans="14:14">
      <c r="N26088" s="10"/>
    </row>
    <row r="26089" spans="14:14">
      <c r="N26089" s="10"/>
    </row>
    <row r="26090" spans="14:14">
      <c r="N26090" s="10"/>
    </row>
    <row r="26091" spans="14:14">
      <c r="N26091" s="10"/>
    </row>
    <row r="26092" spans="14:14">
      <c r="N26092" s="10"/>
    </row>
    <row r="26093" spans="14:14">
      <c r="N26093" s="10"/>
    </row>
    <row r="26094" spans="14:14">
      <c r="N26094" s="10"/>
    </row>
    <row r="26095" spans="14:14">
      <c r="N26095" s="10"/>
    </row>
    <row r="26096" spans="14:14">
      <c r="N26096" s="10"/>
    </row>
    <row r="26097" spans="14:14">
      <c r="N26097" s="10"/>
    </row>
    <row r="26098" spans="14:14">
      <c r="N26098" s="10"/>
    </row>
    <row r="26099" spans="14:14">
      <c r="N26099" s="10"/>
    </row>
    <row r="26100" spans="14:14">
      <c r="N26100" s="10"/>
    </row>
    <row r="26101" spans="14:14">
      <c r="N26101" s="10"/>
    </row>
    <row r="26102" spans="14:14">
      <c r="N26102" s="10"/>
    </row>
    <row r="26103" spans="14:14">
      <c r="N26103" s="10"/>
    </row>
    <row r="26104" spans="14:14">
      <c r="N26104" s="10"/>
    </row>
    <row r="26105" spans="14:14">
      <c r="N26105" s="10"/>
    </row>
    <row r="26106" spans="14:14">
      <c r="N26106" s="10"/>
    </row>
    <row r="26107" spans="14:14">
      <c r="N26107" s="10"/>
    </row>
    <row r="26108" spans="14:14">
      <c r="N26108" s="10"/>
    </row>
    <row r="26109" spans="14:14">
      <c r="N26109" s="10"/>
    </row>
    <row r="26110" spans="14:14">
      <c r="N26110" s="10"/>
    </row>
    <row r="26111" spans="14:14">
      <c r="N26111" s="10"/>
    </row>
    <row r="26112" spans="14:14">
      <c r="N26112" s="10"/>
    </row>
    <row r="26113" spans="14:14">
      <c r="N26113" s="10"/>
    </row>
    <row r="26114" spans="14:14">
      <c r="N26114" s="10"/>
    </row>
    <row r="26115" spans="14:14">
      <c r="N26115" s="10"/>
    </row>
    <row r="26116" spans="14:14">
      <c r="N26116" s="10"/>
    </row>
    <row r="26117" spans="14:14">
      <c r="N26117" s="10"/>
    </row>
    <row r="26118" spans="14:14">
      <c r="N26118" s="10"/>
    </row>
    <row r="26119" spans="14:14">
      <c r="N26119" s="10"/>
    </row>
    <row r="26120" spans="14:14">
      <c r="N26120" s="10"/>
    </row>
    <row r="26121" spans="14:14">
      <c r="N26121" s="10"/>
    </row>
    <row r="26122" spans="14:14">
      <c r="N26122" s="10"/>
    </row>
    <row r="26123" spans="14:14">
      <c r="N26123" s="10"/>
    </row>
    <row r="26124" spans="14:14">
      <c r="N26124" s="10"/>
    </row>
    <row r="26125" spans="14:14">
      <c r="N26125" s="10"/>
    </row>
    <row r="26126" spans="14:14">
      <c r="N26126" s="10"/>
    </row>
    <row r="26127" spans="14:14">
      <c r="N26127" s="10"/>
    </row>
    <row r="26128" spans="14:14">
      <c r="N26128" s="10"/>
    </row>
    <row r="26129" spans="14:14">
      <c r="N26129" s="10"/>
    </row>
    <row r="26130" spans="14:14">
      <c r="N26130" s="10"/>
    </row>
    <row r="26131" spans="14:14">
      <c r="N26131" s="10"/>
    </row>
    <row r="26132" spans="14:14">
      <c r="N26132" s="10"/>
    </row>
    <row r="26133" spans="14:14">
      <c r="N26133" s="10"/>
    </row>
    <row r="26134" spans="14:14">
      <c r="N26134" s="10"/>
    </row>
    <row r="26135" spans="14:14">
      <c r="N26135" s="10"/>
    </row>
    <row r="26136" spans="14:14">
      <c r="N26136" s="10"/>
    </row>
    <row r="26137" spans="14:14">
      <c r="N26137" s="10"/>
    </row>
    <row r="26138" spans="14:14">
      <c r="N26138" s="10"/>
    </row>
    <row r="26139" spans="14:14">
      <c r="N26139" s="10"/>
    </row>
    <row r="26140" spans="14:14">
      <c r="N26140" s="10"/>
    </row>
    <row r="26141" spans="14:14">
      <c r="N26141" s="10"/>
    </row>
    <row r="26142" spans="14:14">
      <c r="N26142" s="10"/>
    </row>
    <row r="26143" spans="14:14">
      <c r="N26143" s="10"/>
    </row>
    <row r="26144" spans="14:14">
      <c r="N26144" s="10"/>
    </row>
    <row r="26145" spans="14:14">
      <c r="N26145" s="10"/>
    </row>
    <row r="26146" spans="14:14">
      <c r="N26146" s="10"/>
    </row>
    <row r="26147" spans="14:14">
      <c r="N26147" s="10"/>
    </row>
    <row r="26148" spans="14:14">
      <c r="N26148" s="10"/>
    </row>
    <row r="26149" spans="14:14">
      <c r="N26149" s="10"/>
    </row>
    <row r="26150" spans="14:14">
      <c r="N26150" s="10"/>
    </row>
    <row r="26151" spans="14:14">
      <c r="N26151" s="10"/>
    </row>
    <row r="26152" spans="14:14">
      <c r="N26152" s="10"/>
    </row>
    <row r="26153" spans="14:14">
      <c r="N26153" s="10"/>
    </row>
    <row r="26154" spans="14:14">
      <c r="N26154" s="10"/>
    </row>
    <row r="26155" spans="14:14">
      <c r="N26155" s="10"/>
    </row>
    <row r="26156" spans="14:14">
      <c r="N26156" s="10"/>
    </row>
    <row r="26157" spans="14:14">
      <c r="N26157" s="10"/>
    </row>
    <row r="26158" spans="14:14">
      <c r="N26158" s="10"/>
    </row>
    <row r="26159" spans="14:14">
      <c r="N26159" s="10"/>
    </row>
    <row r="26160" spans="14:14">
      <c r="N26160" s="10"/>
    </row>
    <row r="26161" spans="14:14">
      <c r="N26161" s="10"/>
    </row>
    <row r="26162" spans="14:14">
      <c r="N26162" s="10"/>
    </row>
    <row r="26163" spans="14:14">
      <c r="N26163" s="10"/>
    </row>
    <row r="26164" spans="14:14">
      <c r="N26164" s="10"/>
    </row>
    <row r="26165" spans="14:14">
      <c r="N26165" s="10"/>
    </row>
    <row r="26166" spans="14:14">
      <c r="N26166" s="10"/>
    </row>
    <row r="26167" spans="14:14">
      <c r="N26167" s="10"/>
    </row>
    <row r="26168" spans="14:14">
      <c r="N26168" s="10"/>
    </row>
    <row r="26169" spans="14:14">
      <c r="N26169" s="10"/>
    </row>
    <row r="26170" spans="14:14">
      <c r="N26170" s="10"/>
    </row>
    <row r="26171" spans="14:14">
      <c r="N26171" s="10"/>
    </row>
    <row r="26172" spans="14:14">
      <c r="N26172" s="10"/>
    </row>
    <row r="26173" spans="14:14">
      <c r="N26173" s="10"/>
    </row>
    <row r="26174" spans="14:14">
      <c r="N26174" s="10"/>
    </row>
    <row r="26175" spans="14:14">
      <c r="N26175" s="10"/>
    </row>
    <row r="26176" spans="14:14">
      <c r="N26176" s="10"/>
    </row>
    <row r="26177" spans="14:14">
      <c r="N26177" s="10"/>
    </row>
    <row r="26178" spans="14:14">
      <c r="N26178" s="10"/>
    </row>
    <row r="26179" spans="14:14">
      <c r="N26179" s="10"/>
    </row>
    <row r="26180" spans="14:14">
      <c r="N26180" s="10"/>
    </row>
    <row r="26181" spans="14:14">
      <c r="N26181" s="10"/>
    </row>
    <row r="26182" spans="14:14">
      <c r="N26182" s="10"/>
    </row>
    <row r="26183" spans="14:14">
      <c r="N26183" s="10"/>
    </row>
    <row r="26184" spans="14:14">
      <c r="N26184" s="10"/>
    </row>
    <row r="26185" spans="14:14">
      <c r="N26185" s="10"/>
    </row>
    <row r="26186" spans="14:14">
      <c r="N26186" s="10"/>
    </row>
    <row r="26187" spans="14:14">
      <c r="N26187" s="10"/>
    </row>
    <row r="26188" spans="14:14">
      <c r="N26188" s="10"/>
    </row>
    <row r="26189" spans="14:14">
      <c r="N26189" s="10"/>
    </row>
    <row r="26190" spans="14:14">
      <c r="N26190" s="10"/>
    </row>
    <row r="26191" spans="14:14">
      <c r="N26191" s="10"/>
    </row>
    <row r="26192" spans="14:14">
      <c r="N26192" s="10"/>
    </row>
    <row r="26193" spans="14:14">
      <c r="N26193" s="10"/>
    </row>
    <row r="26194" spans="14:14">
      <c r="N26194" s="10"/>
    </row>
    <row r="26195" spans="14:14">
      <c r="N26195" s="10"/>
    </row>
    <row r="26196" spans="14:14">
      <c r="N26196" s="10"/>
    </row>
    <row r="26197" spans="14:14">
      <c r="N26197" s="10"/>
    </row>
    <row r="26198" spans="14:14">
      <c r="N26198" s="10"/>
    </row>
    <row r="26199" spans="14:14">
      <c r="N26199" s="10"/>
    </row>
    <row r="26200" spans="14:14">
      <c r="N26200" s="10"/>
    </row>
    <row r="26201" spans="14:14">
      <c r="N26201" s="10"/>
    </row>
    <row r="26202" spans="14:14">
      <c r="N26202" s="10"/>
    </row>
    <row r="26203" spans="14:14">
      <c r="N26203" s="10"/>
    </row>
    <row r="26204" spans="14:14">
      <c r="N26204" s="10"/>
    </row>
    <row r="26205" spans="14:14">
      <c r="N26205" s="10"/>
    </row>
    <row r="26206" spans="14:14">
      <c r="N26206" s="10"/>
    </row>
    <row r="26207" spans="14:14">
      <c r="N26207" s="10"/>
    </row>
    <row r="26208" spans="14:14">
      <c r="N26208" s="10"/>
    </row>
    <row r="26209" spans="14:14">
      <c r="N26209" s="10"/>
    </row>
    <row r="26210" spans="14:14">
      <c r="N26210" s="10"/>
    </row>
    <row r="26211" spans="14:14">
      <c r="N26211" s="10"/>
    </row>
    <row r="26212" spans="14:14">
      <c r="N26212" s="10"/>
    </row>
    <row r="26213" spans="14:14">
      <c r="N26213" s="10"/>
    </row>
    <row r="26214" spans="14:14">
      <c r="N26214" s="10"/>
    </row>
    <row r="26215" spans="14:14">
      <c r="N26215" s="10"/>
    </row>
    <row r="26216" spans="14:14">
      <c r="N26216" s="10"/>
    </row>
    <row r="26217" spans="14:14">
      <c r="N26217" s="10"/>
    </row>
    <row r="26218" spans="14:14">
      <c r="N26218" s="10"/>
    </row>
    <row r="26219" spans="14:14">
      <c r="N26219" s="10"/>
    </row>
    <row r="26220" spans="14:14">
      <c r="N26220" s="10"/>
    </row>
    <row r="26221" spans="14:14">
      <c r="N26221" s="10"/>
    </row>
    <row r="26222" spans="14:14">
      <c r="N26222" s="10"/>
    </row>
    <row r="26223" spans="14:14">
      <c r="N26223" s="10"/>
    </row>
    <row r="26224" spans="14:14">
      <c r="N26224" s="10"/>
    </row>
    <row r="26225" spans="14:14">
      <c r="N26225" s="10"/>
    </row>
    <row r="26226" spans="14:14">
      <c r="N26226" s="10"/>
    </row>
    <row r="26227" spans="14:14">
      <c r="N26227" s="10"/>
    </row>
    <row r="26228" spans="14:14">
      <c r="N26228" s="10"/>
    </row>
    <row r="26229" spans="14:14">
      <c r="N26229" s="10"/>
    </row>
    <row r="26230" spans="14:14">
      <c r="N26230" s="10"/>
    </row>
    <row r="26231" spans="14:14">
      <c r="N26231" s="10"/>
    </row>
    <row r="26232" spans="14:14">
      <c r="N26232" s="10"/>
    </row>
    <row r="26233" spans="14:14">
      <c r="N26233" s="10"/>
    </row>
    <row r="26234" spans="14:14">
      <c r="N26234" s="10"/>
    </row>
    <row r="26235" spans="14:14">
      <c r="N26235" s="10"/>
    </row>
    <row r="26236" spans="14:14">
      <c r="N26236" s="10"/>
    </row>
    <row r="26237" spans="14:14">
      <c r="N26237" s="10"/>
    </row>
    <row r="26238" spans="14:14">
      <c r="N26238" s="10"/>
    </row>
    <row r="26239" spans="14:14">
      <c r="N26239" s="10"/>
    </row>
    <row r="26240" spans="14:14">
      <c r="N26240" s="10"/>
    </row>
    <row r="26241" spans="14:14">
      <c r="N26241" s="10"/>
    </row>
    <row r="26242" spans="14:14">
      <c r="N26242" s="10"/>
    </row>
    <row r="26243" spans="14:14">
      <c r="N26243" s="10"/>
    </row>
    <row r="26244" spans="14:14">
      <c r="N26244" s="10"/>
    </row>
    <row r="26245" spans="14:14">
      <c r="N26245" s="10"/>
    </row>
    <row r="26246" spans="14:14">
      <c r="N26246" s="10"/>
    </row>
    <row r="26247" spans="14:14">
      <c r="N26247" s="10"/>
    </row>
    <row r="26248" spans="14:14">
      <c r="N26248" s="10"/>
    </row>
    <row r="26249" spans="14:14">
      <c r="N26249" s="10"/>
    </row>
    <row r="26250" spans="14:14">
      <c r="N26250" s="10"/>
    </row>
    <row r="26251" spans="14:14">
      <c r="N26251" s="10"/>
    </row>
    <row r="26252" spans="14:14">
      <c r="N26252" s="10"/>
    </row>
    <row r="26253" spans="14:14">
      <c r="N26253" s="10"/>
    </row>
    <row r="26254" spans="14:14">
      <c r="N26254" s="10"/>
    </row>
    <row r="26255" spans="14:14">
      <c r="N26255" s="10"/>
    </row>
    <row r="26256" spans="14:14">
      <c r="N26256" s="10"/>
    </row>
    <row r="26257" spans="14:14">
      <c r="N26257" s="10"/>
    </row>
    <row r="26258" spans="14:14">
      <c r="N26258" s="10"/>
    </row>
    <row r="26259" spans="14:14">
      <c r="N26259" s="10"/>
    </row>
    <row r="26260" spans="14:14">
      <c r="N26260" s="10"/>
    </row>
    <row r="26261" spans="14:14">
      <c r="N26261" s="10"/>
    </row>
    <row r="26262" spans="14:14">
      <c r="N26262" s="10"/>
    </row>
    <row r="26263" spans="14:14">
      <c r="N26263" s="10"/>
    </row>
    <row r="26264" spans="14:14">
      <c r="N26264" s="10"/>
    </row>
    <row r="26265" spans="14:14">
      <c r="N26265" s="10"/>
    </row>
    <row r="26266" spans="14:14">
      <c r="N26266" s="10"/>
    </row>
    <row r="26267" spans="14:14">
      <c r="N26267" s="10"/>
    </row>
    <row r="26268" spans="14:14">
      <c r="N26268" s="10"/>
    </row>
    <row r="26269" spans="14:14">
      <c r="N26269" s="10"/>
    </row>
    <row r="26270" spans="14:14">
      <c r="N26270" s="10"/>
    </row>
    <row r="26271" spans="14:14">
      <c r="N26271" s="10"/>
    </row>
    <row r="26272" spans="14:14">
      <c r="N26272" s="10"/>
    </row>
    <row r="26273" spans="14:14">
      <c r="N26273" s="10"/>
    </row>
    <row r="26274" spans="14:14">
      <c r="N26274" s="10"/>
    </row>
    <row r="26275" spans="14:14">
      <c r="N26275" s="10"/>
    </row>
    <row r="26276" spans="14:14">
      <c r="N26276" s="10"/>
    </row>
    <row r="26277" spans="14:14">
      <c r="N26277" s="10"/>
    </row>
    <row r="26278" spans="14:14">
      <c r="N26278" s="10"/>
    </row>
    <row r="26279" spans="14:14">
      <c r="N26279" s="10"/>
    </row>
    <row r="26280" spans="14:14">
      <c r="N26280" s="10"/>
    </row>
    <row r="26281" spans="14:14">
      <c r="N26281" s="10"/>
    </row>
    <row r="26282" spans="14:14">
      <c r="N26282" s="10"/>
    </row>
    <row r="26283" spans="14:14">
      <c r="N26283" s="10"/>
    </row>
    <row r="26284" spans="14:14">
      <c r="N26284" s="10"/>
    </row>
    <row r="26285" spans="14:14">
      <c r="N26285" s="10"/>
    </row>
    <row r="26286" spans="14:14">
      <c r="N26286" s="10"/>
    </row>
    <row r="26287" spans="14:14">
      <c r="N26287" s="10"/>
    </row>
    <row r="26288" spans="14:14">
      <c r="N26288" s="10"/>
    </row>
    <row r="26289" spans="14:14">
      <c r="N26289" s="10"/>
    </row>
    <row r="26290" spans="14:14">
      <c r="N26290" s="10"/>
    </row>
    <row r="26291" spans="14:14">
      <c r="N26291" s="10"/>
    </row>
    <row r="26292" spans="14:14">
      <c r="N26292" s="10"/>
    </row>
    <row r="26293" spans="14:14">
      <c r="N26293" s="10"/>
    </row>
    <row r="26294" spans="14:14">
      <c r="N26294" s="10"/>
    </row>
    <row r="26295" spans="14:14">
      <c r="N26295" s="10"/>
    </row>
    <row r="26296" spans="14:14">
      <c r="N26296" s="10"/>
    </row>
    <row r="26297" spans="14:14">
      <c r="N26297" s="10"/>
    </row>
    <row r="26298" spans="14:14">
      <c r="N26298" s="10"/>
    </row>
    <row r="26299" spans="14:14">
      <c r="N26299" s="10"/>
    </row>
    <row r="26300" spans="14:14">
      <c r="N26300" s="10"/>
    </row>
    <row r="26301" spans="14:14">
      <c r="N26301" s="10"/>
    </row>
    <row r="26302" spans="14:14">
      <c r="N26302" s="10"/>
    </row>
    <row r="26303" spans="14:14">
      <c r="N26303" s="10"/>
    </row>
    <row r="26304" spans="14:14">
      <c r="N26304" s="10"/>
    </row>
    <row r="26305" spans="14:14">
      <c r="N26305" s="10"/>
    </row>
    <row r="26306" spans="14:14">
      <c r="N26306" s="10"/>
    </row>
    <row r="26307" spans="14:14">
      <c r="N26307" s="10"/>
    </row>
    <row r="26308" spans="14:14">
      <c r="N26308" s="10"/>
    </row>
    <row r="26309" spans="14:14">
      <c r="N26309" s="10"/>
    </row>
    <row r="26310" spans="14:14">
      <c r="N26310" s="10"/>
    </row>
    <row r="26311" spans="14:14">
      <c r="N26311" s="10"/>
    </row>
    <row r="26312" spans="14:14">
      <c r="N26312" s="10"/>
    </row>
    <row r="26313" spans="14:14">
      <c r="N26313" s="10"/>
    </row>
    <row r="26314" spans="14:14">
      <c r="N26314" s="10"/>
    </row>
    <row r="26315" spans="14:14">
      <c r="N26315" s="10"/>
    </row>
    <row r="26316" spans="14:14">
      <c r="N26316" s="10"/>
    </row>
    <row r="26317" spans="14:14">
      <c r="N26317" s="10"/>
    </row>
    <row r="26318" spans="14:14">
      <c r="N26318" s="10"/>
    </row>
    <row r="26319" spans="14:14">
      <c r="N26319" s="10"/>
    </row>
    <row r="26320" spans="14:14">
      <c r="N26320" s="10"/>
    </row>
    <row r="26321" spans="14:14">
      <c r="N26321" s="10"/>
    </row>
    <row r="26322" spans="14:14">
      <c r="N26322" s="10"/>
    </row>
    <row r="26323" spans="14:14">
      <c r="N26323" s="10"/>
    </row>
    <row r="26324" spans="14:14">
      <c r="N26324" s="10"/>
    </row>
    <row r="26325" spans="14:14">
      <c r="N26325" s="10"/>
    </row>
    <row r="26326" spans="14:14">
      <c r="N26326" s="10"/>
    </row>
    <row r="26327" spans="14:14">
      <c r="N26327" s="10"/>
    </row>
    <row r="26328" spans="14:14">
      <c r="N26328" s="10"/>
    </row>
    <row r="26329" spans="14:14">
      <c r="N26329" s="10"/>
    </row>
    <row r="26330" spans="14:14">
      <c r="N26330" s="10"/>
    </row>
    <row r="26331" spans="14:14">
      <c r="N26331" s="10"/>
    </row>
    <row r="26332" spans="14:14">
      <c r="N26332" s="10"/>
    </row>
    <row r="26333" spans="14:14">
      <c r="N26333" s="10"/>
    </row>
    <row r="26334" spans="14:14">
      <c r="N26334" s="10"/>
    </row>
    <row r="26335" spans="14:14">
      <c r="N26335" s="10"/>
    </row>
    <row r="26336" spans="14:14">
      <c r="N26336" s="10"/>
    </row>
    <row r="26337" spans="14:14">
      <c r="N26337" s="10"/>
    </row>
    <row r="26338" spans="14:14">
      <c r="N26338" s="10"/>
    </row>
    <row r="26339" spans="14:14">
      <c r="N26339" s="10"/>
    </row>
    <row r="26340" spans="14:14">
      <c r="N26340" s="10"/>
    </row>
    <row r="26341" spans="14:14">
      <c r="N26341" s="10"/>
    </row>
    <row r="26342" spans="14:14">
      <c r="N26342" s="10"/>
    </row>
    <row r="26343" spans="14:14">
      <c r="N26343" s="10"/>
    </row>
    <row r="26344" spans="14:14">
      <c r="N26344" s="10"/>
    </row>
    <row r="26345" spans="14:14">
      <c r="N26345" s="10"/>
    </row>
    <row r="26346" spans="14:14">
      <c r="N26346" s="10"/>
    </row>
    <row r="26347" spans="14:14">
      <c r="N26347" s="10"/>
    </row>
    <row r="26348" spans="14:14">
      <c r="N26348" s="10"/>
    </row>
    <row r="26349" spans="14:14">
      <c r="N26349" s="10"/>
    </row>
    <row r="26350" spans="14:14">
      <c r="N26350" s="10"/>
    </row>
    <row r="26351" spans="14:14">
      <c r="N26351" s="10"/>
    </row>
    <row r="26352" spans="14:14">
      <c r="N26352" s="10"/>
    </row>
    <row r="26353" spans="14:14">
      <c r="N26353" s="10"/>
    </row>
    <row r="26354" spans="14:14">
      <c r="N26354" s="10"/>
    </row>
    <row r="26355" spans="14:14">
      <c r="N26355" s="10"/>
    </row>
    <row r="26356" spans="14:14">
      <c r="N26356" s="10"/>
    </row>
    <row r="26357" spans="14:14">
      <c r="N26357" s="10"/>
    </row>
    <row r="26358" spans="14:14">
      <c r="N26358" s="10"/>
    </row>
    <row r="26359" spans="14:14">
      <c r="N26359" s="10"/>
    </row>
    <row r="26360" spans="14:14">
      <c r="N26360" s="10"/>
    </row>
    <row r="26361" spans="14:14">
      <c r="N26361" s="10"/>
    </row>
    <row r="26362" spans="14:14">
      <c r="N26362" s="10"/>
    </row>
    <row r="26363" spans="14:14">
      <c r="N26363" s="10"/>
    </row>
    <row r="26364" spans="14:14">
      <c r="N26364" s="10"/>
    </row>
    <row r="26365" spans="14:14">
      <c r="N26365" s="10"/>
    </row>
    <row r="26366" spans="14:14">
      <c r="N26366" s="10"/>
    </row>
    <row r="26367" spans="14:14">
      <c r="N26367" s="10"/>
    </row>
    <row r="26368" spans="14:14">
      <c r="N26368" s="10"/>
    </row>
    <row r="26369" spans="14:14">
      <c r="N26369" s="10"/>
    </row>
    <row r="26370" spans="14:14">
      <c r="N26370" s="10"/>
    </row>
    <row r="26371" spans="14:14">
      <c r="N26371" s="10"/>
    </row>
    <row r="26372" spans="14:14">
      <c r="N26372" s="10"/>
    </row>
    <row r="26373" spans="14:14">
      <c r="N26373" s="10"/>
    </row>
    <row r="26374" spans="14:14">
      <c r="N26374" s="10"/>
    </row>
    <row r="26375" spans="14:14">
      <c r="N26375" s="10"/>
    </row>
    <row r="26376" spans="14:14">
      <c r="N26376" s="10"/>
    </row>
    <row r="26377" spans="14:14">
      <c r="N26377" s="10"/>
    </row>
    <row r="26378" spans="14:14">
      <c r="N26378" s="10"/>
    </row>
    <row r="26379" spans="14:14">
      <c r="N26379" s="10"/>
    </row>
    <row r="26380" spans="14:14">
      <c r="N26380" s="10"/>
    </row>
    <row r="26381" spans="14:14">
      <c r="N26381" s="10"/>
    </row>
    <row r="26382" spans="14:14">
      <c r="N26382" s="10"/>
    </row>
    <row r="26383" spans="14:14">
      <c r="N26383" s="10"/>
    </row>
    <row r="26384" spans="14:14">
      <c r="N26384" s="10"/>
    </row>
    <row r="26385" spans="14:14">
      <c r="N26385" s="10"/>
    </row>
    <row r="26386" spans="14:14">
      <c r="N26386" s="10"/>
    </row>
    <row r="26387" spans="14:14">
      <c r="N26387" s="10"/>
    </row>
    <row r="26388" spans="14:14">
      <c r="N26388" s="10"/>
    </row>
    <row r="26389" spans="14:14">
      <c r="N26389" s="10"/>
    </row>
    <row r="26390" spans="14:14">
      <c r="N26390" s="10"/>
    </row>
    <row r="26391" spans="14:14">
      <c r="N26391" s="10"/>
    </row>
    <row r="26392" spans="14:14">
      <c r="N26392" s="10"/>
    </row>
    <row r="26393" spans="14:14">
      <c r="N26393" s="10"/>
    </row>
    <row r="26394" spans="14:14">
      <c r="N26394" s="10"/>
    </row>
    <row r="26395" spans="14:14">
      <c r="N26395" s="10"/>
    </row>
    <row r="26396" spans="14:14">
      <c r="N26396" s="10"/>
    </row>
    <row r="26397" spans="14:14">
      <c r="N26397" s="10"/>
    </row>
    <row r="26398" spans="14:14">
      <c r="N26398" s="10"/>
    </row>
    <row r="26399" spans="14:14">
      <c r="N26399" s="10"/>
    </row>
    <row r="26400" spans="14:14">
      <c r="N26400" s="10"/>
    </row>
    <row r="26401" spans="14:14">
      <c r="N26401" s="10"/>
    </row>
    <row r="26402" spans="14:14">
      <c r="N26402" s="10"/>
    </row>
    <row r="26403" spans="14:14">
      <c r="N26403" s="10"/>
    </row>
    <row r="26404" spans="14:14">
      <c r="N26404" s="10"/>
    </row>
    <row r="26405" spans="14:14">
      <c r="N26405" s="10"/>
    </row>
    <row r="26406" spans="14:14">
      <c r="N26406" s="10"/>
    </row>
    <row r="26407" spans="14:14">
      <c r="N26407" s="10"/>
    </row>
    <row r="26408" spans="14:14">
      <c r="N26408" s="10"/>
    </row>
    <row r="26409" spans="14:14">
      <c r="N26409" s="10"/>
    </row>
    <row r="26410" spans="14:14">
      <c r="N26410" s="10"/>
    </row>
    <row r="26411" spans="14:14">
      <c r="N26411" s="10"/>
    </row>
    <row r="26412" spans="14:14">
      <c r="N26412" s="10"/>
    </row>
    <row r="26413" spans="14:14">
      <c r="N26413" s="10"/>
    </row>
    <row r="26414" spans="14:14">
      <c r="N26414" s="10"/>
    </row>
    <row r="26415" spans="14:14">
      <c r="N26415" s="10"/>
    </row>
    <row r="26416" spans="14:14">
      <c r="N26416" s="10"/>
    </row>
    <row r="26417" spans="14:14">
      <c r="N26417" s="10"/>
    </row>
    <row r="26418" spans="14:14">
      <c r="N26418" s="10"/>
    </row>
    <row r="26419" spans="14:14">
      <c r="N26419" s="10"/>
    </row>
    <row r="26420" spans="14:14">
      <c r="N26420" s="10"/>
    </row>
    <row r="26421" spans="14:14">
      <c r="N26421" s="10"/>
    </row>
    <row r="26422" spans="14:14">
      <c r="N26422" s="10"/>
    </row>
    <row r="26423" spans="14:14">
      <c r="N26423" s="10"/>
    </row>
    <row r="26424" spans="14:14">
      <c r="N26424" s="10"/>
    </row>
    <row r="26425" spans="14:14">
      <c r="N26425" s="10"/>
    </row>
    <row r="26426" spans="14:14">
      <c r="N26426" s="10"/>
    </row>
    <row r="26427" spans="14:14">
      <c r="N26427" s="10"/>
    </row>
    <row r="26428" spans="14:14">
      <c r="N26428" s="10"/>
    </row>
    <row r="26429" spans="14:14">
      <c r="N26429" s="10"/>
    </row>
    <row r="26430" spans="14:14">
      <c r="N26430" s="10"/>
    </row>
    <row r="26431" spans="14:14">
      <c r="N26431" s="10"/>
    </row>
    <row r="26432" spans="14:14">
      <c r="N26432" s="10"/>
    </row>
    <row r="26433" spans="14:14">
      <c r="N26433" s="10"/>
    </row>
    <row r="26434" spans="14:14">
      <c r="N26434" s="10"/>
    </row>
    <row r="26435" spans="14:14">
      <c r="N26435" s="10"/>
    </row>
    <row r="26436" spans="14:14">
      <c r="N26436" s="10"/>
    </row>
    <row r="26437" spans="14:14">
      <c r="N26437" s="10"/>
    </row>
    <row r="26438" spans="14:14">
      <c r="N26438" s="10"/>
    </row>
    <row r="26439" spans="14:14">
      <c r="N26439" s="10"/>
    </row>
    <row r="26440" spans="14:14">
      <c r="N26440" s="10"/>
    </row>
    <row r="26441" spans="14:14">
      <c r="N26441" s="10"/>
    </row>
    <row r="26442" spans="14:14">
      <c r="N26442" s="10"/>
    </row>
    <row r="26443" spans="14:14">
      <c r="N26443" s="10"/>
    </row>
    <row r="26444" spans="14:14">
      <c r="N26444" s="10"/>
    </row>
    <row r="26445" spans="14:14">
      <c r="N26445" s="10"/>
    </row>
    <row r="26446" spans="14:14">
      <c r="N26446" s="10"/>
    </row>
    <row r="26447" spans="14:14">
      <c r="N26447" s="10"/>
    </row>
    <row r="26448" spans="14:14">
      <c r="N26448" s="10"/>
    </row>
    <row r="26449" spans="14:14">
      <c r="N26449" s="10"/>
    </row>
    <row r="26450" spans="14:14">
      <c r="N26450" s="10"/>
    </row>
    <row r="26451" spans="14:14">
      <c r="N26451" s="10"/>
    </row>
    <row r="26452" spans="14:14">
      <c r="N26452" s="10"/>
    </row>
    <row r="26453" spans="14:14">
      <c r="N26453" s="10"/>
    </row>
    <row r="26454" spans="14:14">
      <c r="N26454" s="10"/>
    </row>
    <row r="26455" spans="14:14">
      <c r="N26455" s="10"/>
    </row>
    <row r="26456" spans="14:14">
      <c r="N26456" s="10"/>
    </row>
    <row r="26457" spans="14:14">
      <c r="N26457" s="10"/>
    </row>
    <row r="26458" spans="14:14">
      <c r="N26458" s="10"/>
    </row>
    <row r="26459" spans="14:14">
      <c r="N26459" s="10"/>
    </row>
    <row r="26460" spans="14:14">
      <c r="N26460" s="10"/>
    </row>
    <row r="26461" spans="14:14">
      <c r="N26461" s="10"/>
    </row>
    <row r="26462" spans="14:14">
      <c r="N26462" s="10"/>
    </row>
    <row r="26463" spans="14:14">
      <c r="N26463" s="10"/>
    </row>
    <row r="26464" spans="14:14">
      <c r="N26464" s="10"/>
    </row>
    <row r="26465" spans="14:14">
      <c r="N26465" s="10"/>
    </row>
    <row r="26466" spans="14:14">
      <c r="N26466" s="10"/>
    </row>
    <row r="26467" spans="14:14">
      <c r="N26467" s="10"/>
    </row>
    <row r="26468" spans="14:14">
      <c r="N26468" s="10"/>
    </row>
    <row r="26469" spans="14:14">
      <c r="N26469" s="10"/>
    </row>
    <row r="26470" spans="14:14">
      <c r="N26470" s="10"/>
    </row>
    <row r="26471" spans="14:14">
      <c r="N26471" s="10"/>
    </row>
    <row r="26472" spans="14:14">
      <c r="N26472" s="10"/>
    </row>
    <row r="26473" spans="14:14">
      <c r="N26473" s="10"/>
    </row>
    <row r="26474" spans="14:14">
      <c r="N26474" s="10"/>
    </row>
    <row r="26475" spans="14:14">
      <c r="N26475" s="10"/>
    </row>
    <row r="26476" spans="14:14">
      <c r="N26476" s="10"/>
    </row>
    <row r="26477" spans="14:14">
      <c r="N26477" s="10"/>
    </row>
    <row r="26478" spans="14:14">
      <c r="N26478" s="10"/>
    </row>
    <row r="26479" spans="14:14">
      <c r="N26479" s="10"/>
    </row>
    <row r="26480" spans="14:14">
      <c r="N26480" s="10"/>
    </row>
    <row r="26481" spans="14:14">
      <c r="N26481" s="10"/>
    </row>
    <row r="26482" spans="14:14">
      <c r="N26482" s="10"/>
    </row>
    <row r="26483" spans="14:14">
      <c r="N26483" s="10"/>
    </row>
    <row r="26484" spans="14:14">
      <c r="N26484" s="10"/>
    </row>
    <row r="26485" spans="14:14">
      <c r="N26485" s="10"/>
    </row>
    <row r="26486" spans="14:14">
      <c r="N26486" s="10"/>
    </row>
    <row r="26487" spans="14:14">
      <c r="N26487" s="10"/>
    </row>
    <row r="26488" spans="14:14">
      <c r="N26488" s="10"/>
    </row>
    <row r="26489" spans="14:14">
      <c r="N26489" s="10"/>
    </row>
    <row r="26490" spans="14:14">
      <c r="N26490" s="10"/>
    </row>
    <row r="26491" spans="14:14">
      <c r="N26491" s="10"/>
    </row>
    <row r="26492" spans="14:14">
      <c r="N26492" s="10"/>
    </row>
    <row r="26493" spans="14:14">
      <c r="N26493" s="10"/>
    </row>
    <row r="26494" spans="14:14">
      <c r="N26494" s="10"/>
    </row>
    <row r="26495" spans="14:14">
      <c r="N26495" s="10"/>
    </row>
    <row r="26496" spans="14:14">
      <c r="N26496" s="10"/>
    </row>
    <row r="26497" spans="14:14">
      <c r="N26497" s="10"/>
    </row>
    <row r="26498" spans="14:14">
      <c r="N26498" s="10"/>
    </row>
    <row r="26499" spans="14:14">
      <c r="N26499" s="10"/>
    </row>
    <row r="26500" spans="14:14">
      <c r="N26500" s="10"/>
    </row>
    <row r="26501" spans="14:14">
      <c r="N26501" s="10"/>
    </row>
    <row r="26502" spans="14:14">
      <c r="N26502" s="10"/>
    </row>
    <row r="26503" spans="14:14">
      <c r="N26503" s="10"/>
    </row>
    <row r="26504" spans="14:14">
      <c r="N26504" s="10"/>
    </row>
    <row r="26505" spans="14:14">
      <c r="N26505" s="10"/>
    </row>
    <row r="26506" spans="14:14">
      <c r="N26506" s="10"/>
    </row>
    <row r="26507" spans="14:14">
      <c r="N26507" s="10"/>
    </row>
    <row r="26508" spans="14:14">
      <c r="N26508" s="10"/>
    </row>
    <row r="26509" spans="14:14">
      <c r="N26509" s="10"/>
    </row>
    <row r="26510" spans="14:14">
      <c r="N26510" s="10"/>
    </row>
    <row r="26511" spans="14:14">
      <c r="N26511" s="10"/>
    </row>
    <row r="26512" spans="14:14">
      <c r="N26512" s="10"/>
    </row>
    <row r="26513" spans="14:14">
      <c r="N26513" s="10"/>
    </row>
    <row r="26514" spans="14:14">
      <c r="N26514" s="10"/>
    </row>
    <row r="26515" spans="14:14">
      <c r="N26515" s="10"/>
    </row>
    <row r="26516" spans="14:14">
      <c r="N26516" s="10"/>
    </row>
    <row r="26517" spans="14:14">
      <c r="N26517" s="10"/>
    </row>
    <row r="26518" spans="14:14">
      <c r="N26518" s="10"/>
    </row>
    <row r="26519" spans="14:14">
      <c r="N26519" s="10"/>
    </row>
    <row r="26520" spans="14:14">
      <c r="N26520" s="10"/>
    </row>
    <row r="26521" spans="14:14">
      <c r="N26521" s="10"/>
    </row>
    <row r="26522" spans="14:14">
      <c r="N26522" s="10"/>
    </row>
    <row r="26523" spans="14:14">
      <c r="N26523" s="10"/>
    </row>
    <row r="26524" spans="14:14">
      <c r="N26524" s="10"/>
    </row>
    <row r="26525" spans="14:14">
      <c r="N26525" s="10"/>
    </row>
    <row r="26526" spans="14:14">
      <c r="N26526" s="10"/>
    </row>
    <row r="26527" spans="14:14">
      <c r="N26527" s="10"/>
    </row>
    <row r="26528" spans="14:14">
      <c r="N26528" s="10"/>
    </row>
    <row r="26529" spans="14:14">
      <c r="N26529" s="10"/>
    </row>
    <row r="26530" spans="14:14">
      <c r="N26530" s="10"/>
    </row>
    <row r="26531" spans="14:14">
      <c r="N26531" s="10"/>
    </row>
    <row r="26532" spans="14:14">
      <c r="N26532" s="10"/>
    </row>
    <row r="26533" spans="14:14">
      <c r="N26533" s="10"/>
    </row>
    <row r="26534" spans="14:14">
      <c r="N26534" s="10"/>
    </row>
    <row r="26535" spans="14:14">
      <c r="N26535" s="10"/>
    </row>
    <row r="26536" spans="14:14">
      <c r="N26536" s="10"/>
    </row>
    <row r="26537" spans="14:14">
      <c r="N26537" s="10"/>
    </row>
    <row r="26538" spans="14:14">
      <c r="N26538" s="10"/>
    </row>
    <row r="26539" spans="14:14">
      <c r="N26539" s="10"/>
    </row>
    <row r="26540" spans="14:14">
      <c r="N26540" s="10"/>
    </row>
    <row r="26541" spans="14:14">
      <c r="N26541" s="10"/>
    </row>
    <row r="26542" spans="14:14">
      <c r="N26542" s="10"/>
    </row>
    <row r="26543" spans="14:14">
      <c r="N26543" s="10"/>
    </row>
    <row r="26544" spans="14:14">
      <c r="N26544" s="10"/>
    </row>
    <row r="26545" spans="14:14">
      <c r="N26545" s="10"/>
    </row>
    <row r="26546" spans="14:14">
      <c r="N26546" s="10"/>
    </row>
    <row r="26547" spans="14:14">
      <c r="N26547" s="10"/>
    </row>
    <row r="26548" spans="14:14">
      <c r="N26548" s="10"/>
    </row>
    <row r="26549" spans="14:14">
      <c r="N26549" s="10"/>
    </row>
    <row r="26550" spans="14:14">
      <c r="N26550" s="10"/>
    </row>
    <row r="26551" spans="14:14">
      <c r="N26551" s="10"/>
    </row>
    <row r="26552" spans="14:14">
      <c r="N26552" s="10"/>
    </row>
    <row r="26553" spans="14:14">
      <c r="N26553" s="10"/>
    </row>
    <row r="26554" spans="14:14">
      <c r="N26554" s="10"/>
    </row>
    <row r="26555" spans="14:14">
      <c r="N26555" s="10"/>
    </row>
    <row r="26556" spans="14:14">
      <c r="N26556" s="10"/>
    </row>
    <row r="26557" spans="14:14">
      <c r="N26557" s="10"/>
    </row>
    <row r="26558" spans="14:14">
      <c r="N26558" s="10"/>
    </row>
    <row r="26559" spans="14:14">
      <c r="N26559" s="10"/>
    </row>
    <row r="26560" spans="14:14">
      <c r="N26560" s="10"/>
    </row>
    <row r="26561" spans="14:14">
      <c r="N26561" s="10"/>
    </row>
    <row r="26562" spans="14:14">
      <c r="N26562" s="10"/>
    </row>
    <row r="26563" spans="14:14">
      <c r="N26563" s="10"/>
    </row>
    <row r="26564" spans="14:14">
      <c r="N26564" s="10"/>
    </row>
    <row r="26565" spans="14:14">
      <c r="N26565" s="10"/>
    </row>
    <row r="26566" spans="14:14">
      <c r="N26566" s="10"/>
    </row>
    <row r="26567" spans="14:14">
      <c r="N26567" s="10"/>
    </row>
    <row r="26568" spans="14:14">
      <c r="N26568" s="10"/>
    </row>
    <row r="26569" spans="14:14">
      <c r="N26569" s="10"/>
    </row>
    <row r="26570" spans="14:14">
      <c r="N26570" s="10"/>
    </row>
    <row r="26571" spans="14:14">
      <c r="N26571" s="10"/>
    </row>
    <row r="26572" spans="14:14">
      <c r="N26572" s="10"/>
    </row>
    <row r="26573" spans="14:14">
      <c r="N26573" s="10"/>
    </row>
    <row r="26574" spans="14:14">
      <c r="N26574" s="10"/>
    </row>
    <row r="26575" spans="14:14">
      <c r="N26575" s="10"/>
    </row>
    <row r="26576" spans="14:14">
      <c r="N26576" s="10"/>
    </row>
    <row r="26577" spans="14:14">
      <c r="N26577" s="10"/>
    </row>
    <row r="26578" spans="14:14">
      <c r="N26578" s="10"/>
    </row>
    <row r="26579" spans="14:14">
      <c r="N26579" s="10"/>
    </row>
    <row r="26580" spans="14:14">
      <c r="N26580" s="10"/>
    </row>
    <row r="26581" spans="14:14">
      <c r="N26581" s="10"/>
    </row>
    <row r="26582" spans="14:14">
      <c r="N26582" s="10"/>
    </row>
    <row r="26583" spans="14:14">
      <c r="N26583" s="10"/>
    </row>
    <row r="26584" spans="14:14">
      <c r="N26584" s="10"/>
    </row>
    <row r="26585" spans="14:14">
      <c r="N26585" s="10"/>
    </row>
    <row r="26586" spans="14:14">
      <c r="N26586" s="10"/>
    </row>
    <row r="26587" spans="14:14">
      <c r="N26587" s="10"/>
    </row>
    <row r="26588" spans="14:14">
      <c r="N26588" s="10"/>
    </row>
    <row r="26589" spans="14:14">
      <c r="N26589" s="10"/>
    </row>
    <row r="26590" spans="14:14">
      <c r="N26590" s="10"/>
    </row>
    <row r="26591" spans="14:14">
      <c r="N26591" s="10"/>
    </row>
    <row r="26592" spans="14:14">
      <c r="N26592" s="10"/>
    </row>
    <row r="26593" spans="14:14">
      <c r="N26593" s="10"/>
    </row>
    <row r="26594" spans="14:14">
      <c r="N26594" s="10"/>
    </row>
    <row r="26595" spans="14:14">
      <c r="N26595" s="10"/>
    </row>
    <row r="26596" spans="14:14">
      <c r="N26596" s="10"/>
    </row>
    <row r="26597" spans="14:14">
      <c r="N26597" s="10"/>
    </row>
    <row r="26598" spans="14:14">
      <c r="N26598" s="10"/>
    </row>
    <row r="26599" spans="14:14">
      <c r="N26599" s="10"/>
    </row>
    <row r="26600" spans="14:14">
      <c r="N26600" s="10"/>
    </row>
    <row r="26601" spans="14:14">
      <c r="N26601" s="10"/>
    </row>
    <row r="26602" spans="14:14">
      <c r="N26602" s="10"/>
    </row>
    <row r="26603" spans="14:14">
      <c r="N26603" s="10"/>
    </row>
    <row r="26604" spans="14:14">
      <c r="N26604" s="10"/>
    </row>
    <row r="26605" spans="14:14">
      <c r="N26605" s="10"/>
    </row>
    <row r="26606" spans="14:14">
      <c r="N26606" s="10"/>
    </row>
    <row r="26607" spans="14:14">
      <c r="N26607" s="10"/>
    </row>
    <row r="26608" spans="14:14">
      <c r="N26608" s="10"/>
    </row>
    <row r="26609" spans="14:14">
      <c r="N26609" s="10"/>
    </row>
    <row r="26610" spans="14:14">
      <c r="N26610" s="10"/>
    </row>
    <row r="26611" spans="14:14">
      <c r="N26611" s="10"/>
    </row>
    <row r="26612" spans="14:14">
      <c r="N26612" s="10"/>
    </row>
    <row r="26613" spans="14:14">
      <c r="N26613" s="10"/>
    </row>
    <row r="26614" spans="14:14">
      <c r="N26614" s="10"/>
    </row>
    <row r="26615" spans="14:14">
      <c r="N26615" s="10"/>
    </row>
    <row r="26616" spans="14:14">
      <c r="N26616" s="10"/>
    </row>
    <row r="26617" spans="14:14">
      <c r="N26617" s="10"/>
    </row>
    <row r="26618" spans="14:14">
      <c r="N26618" s="10"/>
    </row>
    <row r="26619" spans="14:14">
      <c r="N26619" s="10"/>
    </row>
    <row r="26620" spans="14:14">
      <c r="N26620" s="10"/>
    </row>
    <row r="26621" spans="14:14">
      <c r="N26621" s="10"/>
    </row>
    <row r="26622" spans="14:14">
      <c r="N26622" s="10"/>
    </row>
    <row r="26623" spans="14:14">
      <c r="N26623" s="10"/>
    </row>
    <row r="26624" spans="14:14">
      <c r="N26624" s="10"/>
    </row>
    <row r="26625" spans="14:14">
      <c r="N26625" s="10"/>
    </row>
    <row r="26626" spans="14:14">
      <c r="N26626" s="10"/>
    </row>
    <row r="26627" spans="14:14">
      <c r="N26627" s="10"/>
    </row>
    <row r="26628" spans="14:14">
      <c r="N26628" s="10"/>
    </row>
    <row r="26629" spans="14:14">
      <c r="N26629" s="10"/>
    </row>
    <row r="26630" spans="14:14">
      <c r="N26630" s="10"/>
    </row>
    <row r="26631" spans="14:14">
      <c r="N26631" s="10"/>
    </row>
    <row r="26632" spans="14:14">
      <c r="N26632" s="10"/>
    </row>
    <row r="26633" spans="14:14">
      <c r="N26633" s="10"/>
    </row>
    <row r="26634" spans="14:14">
      <c r="N26634" s="10"/>
    </row>
    <row r="26635" spans="14:14">
      <c r="N26635" s="10"/>
    </row>
    <row r="26636" spans="14:14">
      <c r="N26636" s="10"/>
    </row>
    <row r="26637" spans="14:14">
      <c r="N26637" s="10"/>
    </row>
    <row r="26638" spans="14:14">
      <c r="N26638" s="10"/>
    </row>
    <row r="26639" spans="14:14">
      <c r="N26639" s="10"/>
    </row>
    <row r="26640" spans="14:14">
      <c r="N26640" s="10"/>
    </row>
    <row r="26641" spans="14:14">
      <c r="N26641" s="10"/>
    </row>
    <row r="26642" spans="14:14">
      <c r="N26642" s="10"/>
    </row>
    <row r="26643" spans="14:14">
      <c r="N26643" s="10"/>
    </row>
    <row r="26644" spans="14:14">
      <c r="N26644" s="10"/>
    </row>
    <row r="26645" spans="14:14">
      <c r="N26645" s="10"/>
    </row>
    <row r="26646" spans="14:14">
      <c r="N26646" s="10"/>
    </row>
    <row r="26647" spans="14:14">
      <c r="N26647" s="10"/>
    </row>
    <row r="26648" spans="14:14">
      <c r="N26648" s="10"/>
    </row>
    <row r="26649" spans="14:14">
      <c r="N26649" s="10"/>
    </row>
    <row r="26650" spans="14:14">
      <c r="N26650" s="10"/>
    </row>
    <row r="26651" spans="14:14">
      <c r="N26651" s="10"/>
    </row>
    <row r="26652" spans="14:14">
      <c r="N26652" s="10"/>
    </row>
    <row r="26653" spans="14:14">
      <c r="N26653" s="10"/>
    </row>
    <row r="26654" spans="14:14">
      <c r="N26654" s="10"/>
    </row>
    <row r="26655" spans="14:14">
      <c r="N26655" s="10"/>
    </row>
    <row r="26656" spans="14:14">
      <c r="N26656" s="10"/>
    </row>
    <row r="26657" spans="14:14">
      <c r="N26657" s="10"/>
    </row>
    <row r="26658" spans="14:14">
      <c r="N26658" s="10"/>
    </row>
    <row r="26659" spans="14:14">
      <c r="N26659" s="10"/>
    </row>
    <row r="26660" spans="14:14">
      <c r="N26660" s="10"/>
    </row>
    <row r="26661" spans="14:14">
      <c r="N26661" s="10"/>
    </row>
    <row r="26662" spans="14:14">
      <c r="N26662" s="10"/>
    </row>
    <row r="26663" spans="14:14">
      <c r="N26663" s="10"/>
    </row>
    <row r="26664" spans="14:14">
      <c r="N26664" s="10"/>
    </row>
    <row r="26665" spans="14:14">
      <c r="N26665" s="10"/>
    </row>
    <row r="26666" spans="14:14">
      <c r="N26666" s="10"/>
    </row>
    <row r="26667" spans="14:14">
      <c r="N26667" s="10"/>
    </row>
    <row r="26668" spans="14:14">
      <c r="N26668" s="10"/>
    </row>
    <row r="26669" spans="14:14">
      <c r="N26669" s="10"/>
    </row>
    <row r="26670" spans="14:14">
      <c r="N26670" s="10"/>
    </row>
    <row r="26671" spans="14:14">
      <c r="N26671" s="10"/>
    </row>
    <row r="26672" spans="14:14">
      <c r="N26672" s="10"/>
    </row>
    <row r="26673" spans="14:14">
      <c r="N26673" s="10"/>
    </row>
    <row r="26674" spans="14:14">
      <c r="N26674" s="10"/>
    </row>
    <row r="26675" spans="14:14">
      <c r="N26675" s="10"/>
    </row>
    <row r="26676" spans="14:14">
      <c r="N26676" s="10"/>
    </row>
    <row r="26677" spans="14:14">
      <c r="N26677" s="10"/>
    </row>
    <row r="26678" spans="14:14">
      <c r="N26678" s="10"/>
    </row>
    <row r="26679" spans="14:14">
      <c r="N26679" s="10"/>
    </row>
    <row r="26680" spans="14:14">
      <c r="N26680" s="10"/>
    </row>
    <row r="26681" spans="14:14">
      <c r="N26681" s="10"/>
    </row>
    <row r="26682" spans="14:14">
      <c r="N26682" s="10"/>
    </row>
    <row r="26683" spans="14:14">
      <c r="N26683" s="10"/>
    </row>
    <row r="26684" spans="14:14">
      <c r="N26684" s="10"/>
    </row>
    <row r="26685" spans="14:14">
      <c r="N26685" s="10"/>
    </row>
    <row r="26686" spans="14:14">
      <c r="N26686" s="10"/>
    </row>
    <row r="26687" spans="14:14">
      <c r="N26687" s="10"/>
    </row>
    <row r="26688" spans="14:14">
      <c r="N26688" s="10"/>
    </row>
    <row r="26689" spans="14:14">
      <c r="N26689" s="10"/>
    </row>
    <row r="26690" spans="14:14">
      <c r="N26690" s="10"/>
    </row>
    <row r="26691" spans="14:14">
      <c r="N26691" s="10"/>
    </row>
    <row r="26692" spans="14:14">
      <c r="N26692" s="10"/>
    </row>
    <row r="26693" spans="14:14">
      <c r="N26693" s="10"/>
    </row>
    <row r="26694" spans="14:14">
      <c r="N26694" s="10"/>
    </row>
    <row r="26695" spans="14:14">
      <c r="N26695" s="10"/>
    </row>
    <row r="26696" spans="14:14">
      <c r="N26696" s="10"/>
    </row>
    <row r="26697" spans="14:14">
      <c r="N26697" s="10"/>
    </row>
    <row r="26698" spans="14:14">
      <c r="N26698" s="10"/>
    </row>
    <row r="26699" spans="14:14">
      <c r="N26699" s="10"/>
    </row>
    <row r="26700" spans="14:14">
      <c r="N26700" s="10"/>
    </row>
    <row r="26701" spans="14:14">
      <c r="N26701" s="10"/>
    </row>
    <row r="26702" spans="14:14">
      <c r="N26702" s="10"/>
    </row>
    <row r="26703" spans="14:14">
      <c r="N26703" s="10"/>
    </row>
    <row r="26704" spans="14:14">
      <c r="N26704" s="10"/>
    </row>
    <row r="26705" spans="14:14">
      <c r="N26705" s="10"/>
    </row>
    <row r="26706" spans="14:14">
      <c r="N26706" s="10"/>
    </row>
    <row r="26707" spans="14:14">
      <c r="N26707" s="10"/>
    </row>
    <row r="26708" spans="14:14">
      <c r="N26708" s="10"/>
    </row>
    <row r="26709" spans="14:14">
      <c r="N26709" s="10"/>
    </row>
    <row r="26710" spans="14:14">
      <c r="N26710" s="10"/>
    </row>
    <row r="26711" spans="14:14">
      <c r="N26711" s="10"/>
    </row>
    <row r="26712" spans="14:14">
      <c r="N26712" s="10"/>
    </row>
    <row r="26713" spans="14:14">
      <c r="N26713" s="10"/>
    </row>
    <row r="26714" spans="14:14">
      <c r="N26714" s="10"/>
    </row>
    <row r="26715" spans="14:14">
      <c r="N26715" s="10"/>
    </row>
    <row r="26716" spans="14:14">
      <c r="N26716" s="10"/>
    </row>
    <row r="26717" spans="14:14">
      <c r="N26717" s="10"/>
    </row>
    <row r="26718" spans="14:14">
      <c r="N26718" s="10"/>
    </row>
    <row r="26719" spans="14:14">
      <c r="N26719" s="10"/>
    </row>
    <row r="26720" spans="14:14">
      <c r="N26720" s="10"/>
    </row>
    <row r="26721" spans="14:14">
      <c r="N26721" s="10"/>
    </row>
    <row r="26722" spans="14:14">
      <c r="N26722" s="10"/>
    </row>
    <row r="26723" spans="14:14">
      <c r="N26723" s="10"/>
    </row>
    <row r="26724" spans="14:14">
      <c r="N26724" s="10"/>
    </row>
    <row r="26725" spans="14:14">
      <c r="N26725" s="10"/>
    </row>
    <row r="26726" spans="14:14">
      <c r="N26726" s="10"/>
    </row>
    <row r="26727" spans="14:14">
      <c r="N26727" s="10"/>
    </row>
    <row r="26728" spans="14:14">
      <c r="N26728" s="10"/>
    </row>
    <row r="26729" spans="14:14">
      <c r="N26729" s="10"/>
    </row>
    <row r="26730" spans="14:14">
      <c r="N26730" s="10"/>
    </row>
    <row r="26731" spans="14:14">
      <c r="N26731" s="10"/>
    </row>
    <row r="26732" spans="14:14">
      <c r="N26732" s="10"/>
    </row>
    <row r="26733" spans="14:14">
      <c r="N26733" s="10"/>
    </row>
    <row r="26734" spans="14:14">
      <c r="N26734" s="10"/>
    </row>
    <row r="26735" spans="14:14">
      <c r="N26735" s="10"/>
    </row>
    <row r="26736" spans="14:14">
      <c r="N26736" s="10"/>
    </row>
    <row r="26737" spans="14:14">
      <c r="N26737" s="10"/>
    </row>
    <row r="26738" spans="14:14">
      <c r="N26738" s="10"/>
    </row>
    <row r="26739" spans="14:14">
      <c r="N26739" s="10"/>
    </row>
    <row r="26740" spans="14:14">
      <c r="N26740" s="10"/>
    </row>
    <row r="26741" spans="14:14">
      <c r="N26741" s="10"/>
    </row>
    <row r="26742" spans="14:14">
      <c r="N26742" s="10"/>
    </row>
    <row r="26743" spans="14:14">
      <c r="N26743" s="10"/>
    </row>
    <row r="26744" spans="14:14">
      <c r="N26744" s="10"/>
    </row>
    <row r="26745" spans="14:14">
      <c r="N26745" s="10"/>
    </row>
    <row r="26746" spans="14:14">
      <c r="N26746" s="10"/>
    </row>
    <row r="26747" spans="14:14">
      <c r="N26747" s="10"/>
    </row>
    <row r="26748" spans="14:14">
      <c r="N26748" s="10"/>
    </row>
    <row r="26749" spans="14:14">
      <c r="N26749" s="10"/>
    </row>
    <row r="26750" spans="14:14">
      <c r="N26750" s="10"/>
    </row>
    <row r="26751" spans="14:14">
      <c r="N26751" s="10"/>
    </row>
    <row r="26752" spans="14:14">
      <c r="N26752" s="10"/>
    </row>
    <row r="26753" spans="14:14">
      <c r="N26753" s="10"/>
    </row>
    <row r="26754" spans="14:14">
      <c r="N26754" s="10"/>
    </row>
    <row r="26755" spans="14:14">
      <c r="N26755" s="10"/>
    </row>
    <row r="26756" spans="14:14">
      <c r="N26756" s="10"/>
    </row>
    <row r="26757" spans="14:14">
      <c r="N26757" s="10"/>
    </row>
    <row r="26758" spans="14:14">
      <c r="N26758" s="10"/>
    </row>
    <row r="26759" spans="14:14">
      <c r="N26759" s="10"/>
    </row>
    <row r="26760" spans="14:14">
      <c r="N26760" s="10"/>
    </row>
    <row r="26761" spans="14:14">
      <c r="N26761" s="10"/>
    </row>
    <row r="26762" spans="14:14">
      <c r="N26762" s="10"/>
    </row>
    <row r="26763" spans="14:14">
      <c r="N26763" s="10"/>
    </row>
    <row r="26764" spans="14:14">
      <c r="N26764" s="10"/>
    </row>
    <row r="26765" spans="14:14">
      <c r="N26765" s="10"/>
    </row>
    <row r="26766" spans="14:14">
      <c r="N26766" s="10"/>
    </row>
    <row r="26767" spans="14:14">
      <c r="N26767" s="10"/>
    </row>
    <row r="26768" spans="14:14">
      <c r="N26768" s="10"/>
    </row>
    <row r="26769" spans="14:14">
      <c r="N26769" s="10"/>
    </row>
    <row r="26770" spans="14:14">
      <c r="N26770" s="10"/>
    </row>
    <row r="26771" spans="14:14">
      <c r="N26771" s="10"/>
    </row>
    <row r="26772" spans="14:14">
      <c r="N26772" s="10"/>
    </row>
    <row r="26773" spans="14:14">
      <c r="N26773" s="10"/>
    </row>
    <row r="26774" spans="14:14">
      <c r="N26774" s="10"/>
    </row>
    <row r="26775" spans="14:14">
      <c r="N26775" s="10"/>
    </row>
    <row r="26776" spans="14:14">
      <c r="N26776" s="10"/>
    </row>
    <row r="26777" spans="14:14">
      <c r="N26777" s="10"/>
    </row>
    <row r="26778" spans="14:14">
      <c r="N26778" s="10"/>
    </row>
    <row r="26779" spans="14:14">
      <c r="N26779" s="10"/>
    </row>
    <row r="26780" spans="14:14">
      <c r="N26780" s="10"/>
    </row>
    <row r="26781" spans="14:14">
      <c r="N26781" s="10"/>
    </row>
    <row r="26782" spans="14:14">
      <c r="N26782" s="10"/>
    </row>
    <row r="26783" spans="14:14">
      <c r="N26783" s="10"/>
    </row>
    <row r="26784" spans="14:14">
      <c r="N26784" s="10"/>
    </row>
    <row r="26785" spans="14:14">
      <c r="N26785" s="10"/>
    </row>
    <row r="26786" spans="14:14">
      <c r="N26786" s="10"/>
    </row>
    <row r="26787" spans="14:14">
      <c r="N26787" s="10"/>
    </row>
    <row r="26788" spans="14:14">
      <c r="N26788" s="10"/>
    </row>
    <row r="26789" spans="14:14">
      <c r="N26789" s="10"/>
    </row>
    <row r="26790" spans="14:14">
      <c r="N26790" s="10"/>
    </row>
    <row r="26791" spans="14:14">
      <c r="N26791" s="10"/>
    </row>
    <row r="26792" spans="14:14">
      <c r="N26792" s="10"/>
    </row>
    <row r="26793" spans="14:14">
      <c r="N26793" s="10"/>
    </row>
    <row r="26794" spans="14:14">
      <c r="N26794" s="10"/>
    </row>
    <row r="26795" spans="14:14">
      <c r="N26795" s="10"/>
    </row>
    <row r="26796" spans="14:14">
      <c r="N26796" s="10"/>
    </row>
    <row r="26797" spans="14:14">
      <c r="N26797" s="10"/>
    </row>
    <row r="26798" spans="14:14">
      <c r="N26798" s="10"/>
    </row>
    <row r="26799" spans="14:14">
      <c r="N26799" s="10"/>
    </row>
    <row r="26800" spans="14:14">
      <c r="N26800" s="10"/>
    </row>
    <row r="26801" spans="14:14">
      <c r="N26801" s="10"/>
    </row>
    <row r="26802" spans="14:14">
      <c r="N26802" s="10"/>
    </row>
    <row r="26803" spans="14:14">
      <c r="N26803" s="10"/>
    </row>
    <row r="26804" spans="14:14">
      <c r="N26804" s="10"/>
    </row>
    <row r="26805" spans="14:14">
      <c r="N26805" s="10"/>
    </row>
    <row r="26806" spans="14:14">
      <c r="N26806" s="10"/>
    </row>
    <row r="26807" spans="14:14">
      <c r="N26807" s="10"/>
    </row>
    <row r="26808" spans="14:14">
      <c r="N26808" s="10"/>
    </row>
    <row r="26809" spans="14:14">
      <c r="N26809" s="10"/>
    </row>
    <row r="26810" spans="14:14">
      <c r="N26810" s="10"/>
    </row>
    <row r="26811" spans="14:14">
      <c r="N26811" s="10"/>
    </row>
    <row r="26812" spans="14:14">
      <c r="N26812" s="10"/>
    </row>
    <row r="26813" spans="14:14">
      <c r="N26813" s="10"/>
    </row>
    <row r="26814" spans="14:14">
      <c r="N26814" s="10"/>
    </row>
    <row r="26815" spans="14:14">
      <c r="N26815" s="10"/>
    </row>
    <row r="26816" spans="14:14">
      <c r="N26816" s="10"/>
    </row>
    <row r="26817" spans="14:14">
      <c r="N26817" s="10"/>
    </row>
    <row r="26818" spans="14:14">
      <c r="N26818" s="10"/>
    </row>
    <row r="26819" spans="14:14">
      <c r="N26819" s="10"/>
    </row>
    <row r="26820" spans="14:14">
      <c r="N26820" s="10"/>
    </row>
    <row r="26821" spans="14:14">
      <c r="N26821" s="10"/>
    </row>
    <row r="26822" spans="14:14">
      <c r="N26822" s="10"/>
    </row>
    <row r="26823" spans="14:14">
      <c r="N26823" s="10"/>
    </row>
    <row r="26824" spans="14:14">
      <c r="N26824" s="10"/>
    </row>
    <row r="26825" spans="14:14">
      <c r="N26825" s="10"/>
    </row>
    <row r="26826" spans="14:14">
      <c r="N26826" s="10"/>
    </row>
    <row r="26827" spans="14:14">
      <c r="N26827" s="10"/>
    </row>
    <row r="26828" spans="14:14">
      <c r="N26828" s="10"/>
    </row>
    <row r="26829" spans="14:14">
      <c r="N26829" s="10"/>
    </row>
    <row r="26830" spans="14:14">
      <c r="N26830" s="10"/>
    </row>
    <row r="26831" spans="14:14">
      <c r="N26831" s="10"/>
    </row>
    <row r="26832" spans="14:14">
      <c r="N26832" s="10"/>
    </row>
    <row r="26833" spans="14:14">
      <c r="N26833" s="10"/>
    </row>
    <row r="26834" spans="14:14">
      <c r="N26834" s="10"/>
    </row>
    <row r="26835" spans="14:14">
      <c r="N26835" s="10"/>
    </row>
    <row r="26836" spans="14:14">
      <c r="N26836" s="10"/>
    </row>
    <row r="26837" spans="14:14">
      <c r="N26837" s="10"/>
    </row>
    <row r="26838" spans="14:14">
      <c r="N26838" s="10"/>
    </row>
    <row r="26839" spans="14:14">
      <c r="N26839" s="10"/>
    </row>
    <row r="26840" spans="14:14">
      <c r="N26840" s="10"/>
    </row>
    <row r="26841" spans="14:14">
      <c r="N26841" s="10"/>
    </row>
    <row r="26842" spans="14:14">
      <c r="N26842" s="10"/>
    </row>
    <row r="26843" spans="14:14">
      <c r="N26843" s="10"/>
    </row>
    <row r="26844" spans="14:14">
      <c r="N26844" s="10"/>
    </row>
    <row r="26845" spans="14:14">
      <c r="N26845" s="10"/>
    </row>
    <row r="26846" spans="14:14">
      <c r="N26846" s="10"/>
    </row>
    <row r="26847" spans="14:14">
      <c r="N26847" s="10"/>
    </row>
    <row r="26848" spans="14:14">
      <c r="N26848" s="10"/>
    </row>
    <row r="26849" spans="14:14">
      <c r="N26849" s="10"/>
    </row>
    <row r="26850" spans="14:14">
      <c r="N26850" s="10"/>
    </row>
    <row r="26851" spans="14:14">
      <c r="N26851" s="10"/>
    </row>
    <row r="26852" spans="14:14">
      <c r="N26852" s="10"/>
    </row>
    <row r="26853" spans="14:14">
      <c r="N26853" s="10"/>
    </row>
    <row r="26854" spans="14:14">
      <c r="N26854" s="10"/>
    </row>
    <row r="26855" spans="14:14">
      <c r="N26855" s="10"/>
    </row>
    <row r="26856" spans="14:14">
      <c r="N26856" s="10"/>
    </row>
    <row r="26857" spans="14:14">
      <c r="N26857" s="10"/>
    </row>
    <row r="26858" spans="14:14">
      <c r="N26858" s="10"/>
    </row>
    <row r="26859" spans="14:14">
      <c r="N26859" s="10"/>
    </row>
    <row r="26860" spans="14:14">
      <c r="N26860" s="10"/>
    </row>
    <row r="26861" spans="14:14">
      <c r="N26861" s="10"/>
    </row>
    <row r="26862" spans="14:14">
      <c r="N26862" s="10"/>
    </row>
    <row r="26863" spans="14:14">
      <c r="N26863" s="10"/>
    </row>
    <row r="26864" spans="14:14">
      <c r="N26864" s="10"/>
    </row>
    <row r="26865" spans="14:14">
      <c r="N26865" s="10"/>
    </row>
    <row r="26866" spans="14:14">
      <c r="N26866" s="10"/>
    </row>
    <row r="26867" spans="14:14">
      <c r="N26867" s="10"/>
    </row>
    <row r="26868" spans="14:14">
      <c r="N26868" s="10"/>
    </row>
    <row r="26869" spans="14:14">
      <c r="N26869" s="10"/>
    </row>
    <row r="26870" spans="14:14">
      <c r="N26870" s="10"/>
    </row>
    <row r="26871" spans="14:14">
      <c r="N26871" s="10"/>
    </row>
    <row r="26872" spans="14:14">
      <c r="N26872" s="10"/>
    </row>
    <row r="26873" spans="14:14">
      <c r="N26873" s="10"/>
    </row>
    <row r="26874" spans="14:14">
      <c r="N26874" s="10"/>
    </row>
    <row r="26875" spans="14:14">
      <c r="N26875" s="10"/>
    </row>
    <row r="26876" spans="14:14">
      <c r="N26876" s="10"/>
    </row>
    <row r="26877" spans="14:14">
      <c r="N26877" s="10"/>
    </row>
    <row r="26878" spans="14:14">
      <c r="N26878" s="10"/>
    </row>
    <row r="26879" spans="14:14">
      <c r="N26879" s="10"/>
    </row>
    <row r="26880" spans="14:14">
      <c r="N26880" s="10"/>
    </row>
    <row r="26881" spans="14:14">
      <c r="N26881" s="10"/>
    </row>
    <row r="26882" spans="14:14">
      <c r="N26882" s="10"/>
    </row>
    <row r="26883" spans="14:14">
      <c r="N26883" s="10"/>
    </row>
    <row r="26884" spans="14:14">
      <c r="N26884" s="10"/>
    </row>
    <row r="26885" spans="14:14">
      <c r="N26885" s="10"/>
    </row>
    <row r="26886" spans="14:14">
      <c r="N26886" s="10"/>
    </row>
    <row r="26887" spans="14:14">
      <c r="N26887" s="10"/>
    </row>
    <row r="26888" spans="14:14">
      <c r="N26888" s="10"/>
    </row>
    <row r="26889" spans="14:14">
      <c r="N26889" s="10"/>
    </row>
    <row r="26890" spans="14:14">
      <c r="N26890" s="10"/>
    </row>
    <row r="26891" spans="14:14">
      <c r="N26891" s="10"/>
    </row>
    <row r="26892" spans="14:14">
      <c r="N26892" s="10"/>
    </row>
    <row r="26893" spans="14:14">
      <c r="N26893" s="10"/>
    </row>
    <row r="26894" spans="14:14">
      <c r="N26894" s="10"/>
    </row>
    <row r="26895" spans="14:14">
      <c r="N26895" s="10"/>
    </row>
    <row r="26896" spans="14:14">
      <c r="N26896" s="10"/>
    </row>
    <row r="26897" spans="14:14">
      <c r="N26897" s="10"/>
    </row>
    <row r="26898" spans="14:14">
      <c r="N26898" s="10"/>
    </row>
    <row r="26899" spans="14:14">
      <c r="N26899" s="10"/>
    </row>
    <row r="26900" spans="14:14">
      <c r="N26900" s="10"/>
    </row>
    <row r="26901" spans="14:14">
      <c r="N26901" s="10"/>
    </row>
    <row r="26902" spans="14:14">
      <c r="N26902" s="10"/>
    </row>
    <row r="26903" spans="14:14">
      <c r="N26903" s="10"/>
    </row>
    <row r="26904" spans="14:14">
      <c r="N26904" s="10"/>
    </row>
    <row r="26905" spans="14:14">
      <c r="N26905" s="10"/>
    </row>
    <row r="26906" spans="14:14">
      <c r="N26906" s="10"/>
    </row>
    <row r="26907" spans="14:14">
      <c r="N26907" s="10"/>
    </row>
    <row r="26908" spans="14:14">
      <c r="N26908" s="10"/>
    </row>
    <row r="26909" spans="14:14">
      <c r="N26909" s="10"/>
    </row>
    <row r="26910" spans="14:14">
      <c r="N26910" s="10"/>
    </row>
    <row r="26911" spans="14:14">
      <c r="N26911" s="10"/>
    </row>
    <row r="26912" spans="14:14">
      <c r="N26912" s="10"/>
    </row>
    <row r="26913" spans="14:14">
      <c r="N26913" s="10"/>
    </row>
    <row r="26914" spans="14:14">
      <c r="N26914" s="10"/>
    </row>
    <row r="26915" spans="14:14">
      <c r="N26915" s="10"/>
    </row>
    <row r="26916" spans="14:14">
      <c r="N26916" s="10"/>
    </row>
    <row r="26917" spans="14:14">
      <c r="N26917" s="10"/>
    </row>
    <row r="26918" spans="14:14">
      <c r="N26918" s="10"/>
    </row>
    <row r="26919" spans="14:14">
      <c r="N26919" s="10"/>
    </row>
    <row r="26920" spans="14:14">
      <c r="N26920" s="10"/>
    </row>
    <row r="26921" spans="14:14">
      <c r="N26921" s="10"/>
    </row>
    <row r="26922" spans="14:14">
      <c r="N26922" s="10"/>
    </row>
    <row r="26923" spans="14:14">
      <c r="N26923" s="10"/>
    </row>
    <row r="26924" spans="14:14">
      <c r="N26924" s="10"/>
    </row>
    <row r="26925" spans="14:14">
      <c r="N26925" s="10"/>
    </row>
    <row r="26926" spans="14:14">
      <c r="N26926" s="10"/>
    </row>
    <row r="26927" spans="14:14">
      <c r="N26927" s="10"/>
    </row>
    <row r="26928" spans="14:14">
      <c r="N26928" s="10"/>
    </row>
    <row r="26929" spans="14:14">
      <c r="N26929" s="10"/>
    </row>
    <row r="26930" spans="14:14">
      <c r="N26930" s="10"/>
    </row>
    <row r="26931" spans="14:14">
      <c r="N26931" s="10"/>
    </row>
    <row r="26932" spans="14:14">
      <c r="N26932" s="10"/>
    </row>
    <row r="26933" spans="14:14">
      <c r="N26933" s="10"/>
    </row>
    <row r="26934" spans="14:14">
      <c r="N26934" s="10"/>
    </row>
    <row r="26935" spans="14:14">
      <c r="N26935" s="10"/>
    </row>
    <row r="26936" spans="14:14">
      <c r="N26936" s="10"/>
    </row>
    <row r="26937" spans="14:14">
      <c r="N26937" s="10"/>
    </row>
    <row r="26938" spans="14:14">
      <c r="N26938" s="10"/>
    </row>
    <row r="26939" spans="14:14">
      <c r="N26939" s="10"/>
    </row>
    <row r="26940" spans="14:14">
      <c r="N26940" s="10"/>
    </row>
    <row r="26941" spans="14:14">
      <c r="N26941" s="10"/>
    </row>
    <row r="26942" spans="14:14">
      <c r="N26942" s="10"/>
    </row>
    <row r="26943" spans="14:14">
      <c r="N26943" s="10"/>
    </row>
    <row r="26944" spans="14:14">
      <c r="N26944" s="10"/>
    </row>
    <row r="26945" spans="14:14">
      <c r="N26945" s="10"/>
    </row>
    <row r="26946" spans="14:14">
      <c r="N26946" s="10"/>
    </row>
    <row r="26947" spans="14:14">
      <c r="N26947" s="10"/>
    </row>
    <row r="26948" spans="14:14">
      <c r="N26948" s="10"/>
    </row>
    <row r="26949" spans="14:14">
      <c r="N26949" s="10"/>
    </row>
    <row r="26950" spans="14:14">
      <c r="N26950" s="10"/>
    </row>
    <row r="26951" spans="14:14">
      <c r="N26951" s="10"/>
    </row>
    <row r="26952" spans="14:14">
      <c r="N26952" s="10"/>
    </row>
    <row r="26953" spans="14:14">
      <c r="N26953" s="10"/>
    </row>
    <row r="26954" spans="14:14">
      <c r="N26954" s="10"/>
    </row>
    <row r="26955" spans="14:14">
      <c r="N26955" s="10"/>
    </row>
    <row r="26956" spans="14:14">
      <c r="N26956" s="10"/>
    </row>
    <row r="26957" spans="14:14">
      <c r="N26957" s="10"/>
    </row>
    <row r="26958" spans="14:14">
      <c r="N26958" s="10"/>
    </row>
    <row r="26959" spans="14:14">
      <c r="N26959" s="10"/>
    </row>
    <row r="26960" spans="14:14">
      <c r="N26960" s="10"/>
    </row>
    <row r="26961" spans="14:14">
      <c r="N26961" s="10"/>
    </row>
    <row r="26962" spans="14:14">
      <c r="N26962" s="10"/>
    </row>
    <row r="26963" spans="14:14">
      <c r="N26963" s="10"/>
    </row>
    <row r="26964" spans="14:14">
      <c r="N26964" s="10"/>
    </row>
    <row r="26965" spans="14:14">
      <c r="N26965" s="10"/>
    </row>
    <row r="26966" spans="14:14">
      <c r="N26966" s="10"/>
    </row>
    <row r="26967" spans="14:14">
      <c r="N26967" s="10"/>
    </row>
    <row r="26968" spans="14:14">
      <c r="N26968" s="10"/>
    </row>
    <row r="26969" spans="14:14">
      <c r="N26969" s="10"/>
    </row>
    <row r="26970" spans="14:14">
      <c r="N26970" s="10"/>
    </row>
    <row r="26971" spans="14:14">
      <c r="N26971" s="10"/>
    </row>
    <row r="26972" spans="14:14">
      <c r="N26972" s="10"/>
    </row>
    <row r="26973" spans="14:14">
      <c r="N26973" s="10"/>
    </row>
    <row r="26974" spans="14:14">
      <c r="N26974" s="10"/>
    </row>
    <row r="26975" spans="14:14">
      <c r="N26975" s="10"/>
    </row>
    <row r="26976" spans="14:14">
      <c r="N26976" s="10"/>
    </row>
    <row r="26977" spans="14:14">
      <c r="N26977" s="10"/>
    </row>
    <row r="26978" spans="14:14">
      <c r="N26978" s="10"/>
    </row>
    <row r="26979" spans="14:14">
      <c r="N26979" s="10"/>
    </row>
    <row r="26980" spans="14:14">
      <c r="N26980" s="10"/>
    </row>
    <row r="26981" spans="14:14">
      <c r="N26981" s="10"/>
    </row>
    <row r="26982" spans="14:14">
      <c r="N26982" s="10"/>
    </row>
    <row r="26983" spans="14:14">
      <c r="N26983" s="10"/>
    </row>
    <row r="26984" spans="14:14">
      <c r="N26984" s="10"/>
    </row>
    <row r="26985" spans="14:14">
      <c r="N26985" s="10"/>
    </row>
    <row r="26986" spans="14:14">
      <c r="N26986" s="10"/>
    </row>
    <row r="26987" spans="14:14">
      <c r="N26987" s="10"/>
    </row>
    <row r="26988" spans="14:14">
      <c r="N26988" s="10"/>
    </row>
    <row r="26989" spans="14:14">
      <c r="N26989" s="10"/>
    </row>
    <row r="26990" spans="14:14">
      <c r="N26990" s="10"/>
    </row>
    <row r="26991" spans="14:14">
      <c r="N26991" s="10"/>
    </row>
    <row r="26992" spans="14:14">
      <c r="N26992" s="10"/>
    </row>
    <row r="26993" spans="14:14">
      <c r="N26993" s="10"/>
    </row>
    <row r="26994" spans="14:14">
      <c r="N26994" s="10"/>
    </row>
    <row r="26995" spans="14:14">
      <c r="N26995" s="10"/>
    </row>
    <row r="26996" spans="14:14">
      <c r="N26996" s="10"/>
    </row>
    <row r="26997" spans="14:14">
      <c r="N26997" s="10"/>
    </row>
    <row r="26998" spans="14:14">
      <c r="N26998" s="10"/>
    </row>
    <row r="26999" spans="14:14">
      <c r="N26999" s="10"/>
    </row>
    <row r="27000" spans="14:14">
      <c r="N27000" s="10"/>
    </row>
    <row r="27001" spans="14:14">
      <c r="N27001" s="10"/>
    </row>
    <row r="27002" spans="14:14">
      <c r="N27002" s="10"/>
    </row>
    <row r="27003" spans="14:14">
      <c r="N27003" s="10"/>
    </row>
    <row r="27004" spans="14:14">
      <c r="N27004" s="10"/>
    </row>
    <row r="27005" spans="14:14">
      <c r="N27005" s="10"/>
    </row>
    <row r="27006" spans="14:14">
      <c r="N27006" s="10"/>
    </row>
    <row r="27007" spans="14:14">
      <c r="N27007" s="10"/>
    </row>
    <row r="27008" spans="14:14">
      <c r="N27008" s="10"/>
    </row>
    <row r="27009" spans="14:14">
      <c r="N27009" s="10"/>
    </row>
    <row r="27010" spans="14:14">
      <c r="N27010" s="10"/>
    </row>
    <row r="27011" spans="14:14">
      <c r="N27011" s="10"/>
    </row>
    <row r="27012" spans="14:14">
      <c r="N27012" s="10"/>
    </row>
    <row r="27013" spans="14:14">
      <c r="N27013" s="10"/>
    </row>
    <row r="27014" spans="14:14">
      <c r="N27014" s="10"/>
    </row>
    <row r="27015" spans="14:14">
      <c r="N27015" s="10"/>
    </row>
    <row r="27016" spans="14:14">
      <c r="N27016" s="10"/>
    </row>
    <row r="27017" spans="14:14">
      <c r="N27017" s="10"/>
    </row>
    <row r="27018" spans="14:14">
      <c r="N27018" s="10"/>
    </row>
    <row r="27019" spans="14:14">
      <c r="N27019" s="10"/>
    </row>
    <row r="27020" spans="14:14">
      <c r="N27020" s="10"/>
    </row>
    <row r="27021" spans="14:14">
      <c r="N27021" s="10"/>
    </row>
    <row r="27022" spans="14:14">
      <c r="N27022" s="10"/>
    </row>
    <row r="27023" spans="14:14">
      <c r="N27023" s="10"/>
    </row>
    <row r="27024" spans="14:14">
      <c r="N27024" s="10"/>
    </row>
    <row r="27025" spans="14:14">
      <c r="N27025" s="10"/>
    </row>
    <row r="27026" spans="14:14">
      <c r="N27026" s="10"/>
    </row>
    <row r="27027" spans="14:14">
      <c r="N27027" s="10"/>
    </row>
    <row r="27028" spans="14:14">
      <c r="N27028" s="10"/>
    </row>
    <row r="27029" spans="14:14">
      <c r="N27029" s="10"/>
    </row>
    <row r="27030" spans="14:14">
      <c r="N27030" s="10"/>
    </row>
    <row r="27031" spans="14:14">
      <c r="N27031" s="10"/>
    </row>
    <row r="27032" spans="14:14">
      <c r="N27032" s="10"/>
    </row>
    <row r="27033" spans="14:14">
      <c r="N27033" s="10"/>
    </row>
    <row r="27034" spans="14:14">
      <c r="N27034" s="10"/>
    </row>
    <row r="27035" spans="14:14">
      <c r="N27035" s="10"/>
    </row>
    <row r="27036" spans="14:14">
      <c r="N27036" s="10"/>
    </row>
    <row r="27037" spans="14:14">
      <c r="N27037" s="10"/>
    </row>
    <row r="27038" spans="14:14">
      <c r="N27038" s="10"/>
    </row>
    <row r="27039" spans="14:14">
      <c r="N27039" s="10"/>
    </row>
    <row r="27040" spans="14:14">
      <c r="N27040" s="10"/>
    </row>
    <row r="27041" spans="14:14">
      <c r="N27041" s="10"/>
    </row>
    <row r="27042" spans="14:14">
      <c r="N27042" s="10"/>
    </row>
    <row r="27043" spans="14:14">
      <c r="N27043" s="10"/>
    </row>
    <row r="27044" spans="14:14">
      <c r="N27044" s="10"/>
    </row>
    <row r="27045" spans="14:14">
      <c r="N27045" s="10"/>
    </row>
    <row r="27046" spans="14:14">
      <c r="N27046" s="10"/>
    </row>
    <row r="27047" spans="14:14">
      <c r="N27047" s="10"/>
    </row>
    <row r="27048" spans="14:14">
      <c r="N27048" s="10"/>
    </row>
    <row r="27049" spans="14:14">
      <c r="N27049" s="10"/>
    </row>
    <row r="27050" spans="14:14">
      <c r="N27050" s="10"/>
    </row>
    <row r="27051" spans="14:14">
      <c r="N27051" s="10"/>
    </row>
    <row r="27052" spans="14:14">
      <c r="N27052" s="10"/>
    </row>
    <row r="27053" spans="14:14">
      <c r="N27053" s="10"/>
    </row>
    <row r="27054" spans="14:14">
      <c r="N27054" s="10"/>
    </row>
    <row r="27055" spans="14:14">
      <c r="N27055" s="10"/>
    </row>
    <row r="27056" spans="14:14">
      <c r="N27056" s="10"/>
    </row>
    <row r="27057" spans="14:14">
      <c r="N27057" s="10"/>
    </row>
    <row r="27058" spans="14:14">
      <c r="N27058" s="10"/>
    </row>
    <row r="27059" spans="14:14">
      <c r="N27059" s="10"/>
    </row>
    <row r="27060" spans="14:14">
      <c r="N27060" s="10"/>
    </row>
    <row r="27061" spans="14:14">
      <c r="N27061" s="10"/>
    </row>
    <row r="27062" spans="14:14">
      <c r="N27062" s="10"/>
    </row>
    <row r="27063" spans="14:14">
      <c r="N27063" s="10"/>
    </row>
    <row r="27064" spans="14:14">
      <c r="N27064" s="10"/>
    </row>
    <row r="27065" spans="14:14">
      <c r="N27065" s="10"/>
    </row>
    <row r="27066" spans="14:14">
      <c r="N27066" s="10"/>
    </row>
    <row r="27067" spans="14:14">
      <c r="N27067" s="10"/>
    </row>
    <row r="27068" spans="14:14">
      <c r="N27068" s="10"/>
    </row>
    <row r="27069" spans="14:14">
      <c r="N27069" s="10"/>
    </row>
    <row r="27070" spans="14:14">
      <c r="N27070" s="10"/>
    </row>
    <row r="27071" spans="14:14">
      <c r="N27071" s="10"/>
    </row>
    <row r="27072" spans="14:14">
      <c r="N27072" s="10"/>
    </row>
    <row r="27073" spans="14:14">
      <c r="N27073" s="10"/>
    </row>
    <row r="27074" spans="14:14">
      <c r="N27074" s="10"/>
    </row>
    <row r="27075" spans="14:14">
      <c r="N27075" s="10"/>
    </row>
    <row r="27076" spans="14:14">
      <c r="N27076" s="10"/>
    </row>
    <row r="27077" spans="14:14">
      <c r="N27077" s="10"/>
    </row>
    <row r="27078" spans="14:14">
      <c r="N27078" s="10"/>
    </row>
    <row r="27079" spans="14:14">
      <c r="N27079" s="10"/>
    </row>
    <row r="27080" spans="14:14">
      <c r="N27080" s="10"/>
    </row>
    <row r="27081" spans="14:14">
      <c r="N27081" s="10"/>
    </row>
    <row r="27082" spans="14:14">
      <c r="N27082" s="10"/>
    </row>
    <row r="27083" spans="14:14">
      <c r="N27083" s="10"/>
    </row>
    <row r="27084" spans="14:14">
      <c r="N27084" s="10"/>
    </row>
    <row r="27085" spans="14:14">
      <c r="N27085" s="10"/>
    </row>
    <row r="27086" spans="14:14">
      <c r="N27086" s="10"/>
    </row>
    <row r="27087" spans="14:14">
      <c r="N27087" s="10"/>
    </row>
    <row r="27088" spans="14:14">
      <c r="N27088" s="10"/>
    </row>
    <row r="27089" spans="14:14">
      <c r="N27089" s="10"/>
    </row>
    <row r="27090" spans="14:14">
      <c r="N27090" s="10"/>
    </row>
    <row r="27091" spans="14:14">
      <c r="N27091" s="10"/>
    </row>
    <row r="27092" spans="14:14">
      <c r="N27092" s="10"/>
    </row>
    <row r="27093" spans="14:14">
      <c r="N27093" s="10"/>
    </row>
    <row r="27094" spans="14:14">
      <c r="N27094" s="10"/>
    </row>
    <row r="27095" spans="14:14">
      <c r="N27095" s="10"/>
    </row>
    <row r="27096" spans="14:14">
      <c r="N27096" s="10"/>
    </row>
    <row r="27097" spans="14:14">
      <c r="N27097" s="10"/>
    </row>
    <row r="27098" spans="14:14">
      <c r="N27098" s="10"/>
    </row>
    <row r="27099" spans="14:14">
      <c r="N27099" s="10"/>
    </row>
    <row r="27100" spans="14:14">
      <c r="N27100" s="10"/>
    </row>
    <row r="27101" spans="14:14">
      <c r="N27101" s="10"/>
    </row>
    <row r="27102" spans="14:14">
      <c r="N27102" s="10"/>
    </row>
    <row r="27103" spans="14:14">
      <c r="N27103" s="10"/>
    </row>
    <row r="27104" spans="14:14">
      <c r="N27104" s="10"/>
    </row>
    <row r="27105" spans="14:14">
      <c r="N27105" s="10"/>
    </row>
    <row r="27106" spans="14:14">
      <c r="N27106" s="10"/>
    </row>
    <row r="27107" spans="14:14">
      <c r="N27107" s="10"/>
    </row>
    <row r="27108" spans="14:14">
      <c r="N27108" s="10"/>
    </row>
    <row r="27109" spans="14:14">
      <c r="N27109" s="10"/>
    </row>
    <row r="27110" spans="14:14">
      <c r="N27110" s="10"/>
    </row>
    <row r="27111" spans="14:14">
      <c r="N27111" s="10"/>
    </row>
    <row r="27112" spans="14:14">
      <c r="N27112" s="10"/>
    </row>
    <row r="27113" spans="14:14">
      <c r="N27113" s="10"/>
    </row>
    <row r="27114" spans="14:14">
      <c r="N27114" s="10"/>
    </row>
    <row r="27115" spans="14:14">
      <c r="N27115" s="10"/>
    </row>
    <row r="27116" spans="14:14">
      <c r="N27116" s="10"/>
    </row>
    <row r="27117" spans="14:14">
      <c r="N27117" s="10"/>
    </row>
    <row r="27118" spans="14:14">
      <c r="N27118" s="10"/>
    </row>
    <row r="27119" spans="14:14">
      <c r="N27119" s="10"/>
    </row>
    <row r="27120" spans="14:14">
      <c r="N27120" s="10"/>
    </row>
    <row r="27121" spans="14:14">
      <c r="N27121" s="10"/>
    </row>
    <row r="27122" spans="14:14">
      <c r="N27122" s="10"/>
    </row>
    <row r="27123" spans="14:14">
      <c r="N27123" s="10"/>
    </row>
    <row r="27124" spans="14:14">
      <c r="N27124" s="10"/>
    </row>
    <row r="27125" spans="14:14">
      <c r="N27125" s="10"/>
    </row>
    <row r="27126" spans="14:14">
      <c r="N27126" s="10"/>
    </row>
    <row r="27127" spans="14:14">
      <c r="N27127" s="10"/>
    </row>
    <row r="27128" spans="14:14">
      <c r="N27128" s="10"/>
    </row>
    <row r="27129" spans="14:14">
      <c r="N27129" s="10"/>
    </row>
    <row r="27130" spans="14:14">
      <c r="N27130" s="10"/>
    </row>
    <row r="27131" spans="14:14">
      <c r="N27131" s="10"/>
    </row>
    <row r="27132" spans="14:14">
      <c r="N27132" s="10"/>
    </row>
    <row r="27133" spans="14:14">
      <c r="N27133" s="10"/>
    </row>
    <row r="27134" spans="14:14">
      <c r="N27134" s="10"/>
    </row>
    <row r="27135" spans="14:14">
      <c r="N27135" s="10"/>
    </row>
    <row r="27136" spans="14:14">
      <c r="N27136" s="10"/>
    </row>
    <row r="27137" spans="14:14">
      <c r="N27137" s="10"/>
    </row>
    <row r="27138" spans="14:14">
      <c r="N27138" s="10"/>
    </row>
    <row r="27139" spans="14:14">
      <c r="N27139" s="10"/>
    </row>
    <row r="27140" spans="14:14">
      <c r="N27140" s="10"/>
    </row>
    <row r="27141" spans="14:14">
      <c r="N27141" s="10"/>
    </row>
    <row r="27142" spans="14:14">
      <c r="N27142" s="10"/>
    </row>
    <row r="27143" spans="14:14">
      <c r="N27143" s="10"/>
    </row>
    <row r="27144" spans="14:14">
      <c r="N27144" s="10"/>
    </row>
    <row r="27145" spans="14:14">
      <c r="N27145" s="10"/>
    </row>
    <row r="27146" spans="14:14">
      <c r="N27146" s="10"/>
    </row>
    <row r="27147" spans="14:14">
      <c r="N27147" s="10"/>
    </row>
    <row r="27148" spans="14:14">
      <c r="N27148" s="10"/>
    </row>
    <row r="27149" spans="14:14">
      <c r="N27149" s="10"/>
    </row>
    <row r="27150" spans="14:14">
      <c r="N27150" s="10"/>
    </row>
    <row r="27151" spans="14:14">
      <c r="N27151" s="10"/>
    </row>
    <row r="27152" spans="14:14">
      <c r="N27152" s="10"/>
    </row>
    <row r="27153" spans="14:14">
      <c r="N27153" s="10"/>
    </row>
    <row r="27154" spans="14:14">
      <c r="N27154" s="10"/>
    </row>
    <row r="27155" spans="14:14">
      <c r="N27155" s="10"/>
    </row>
    <row r="27156" spans="14:14">
      <c r="N27156" s="10"/>
    </row>
    <row r="27157" spans="14:14">
      <c r="N27157" s="10"/>
    </row>
    <row r="27158" spans="14:14">
      <c r="N27158" s="10"/>
    </row>
    <row r="27159" spans="14:14">
      <c r="N27159" s="10"/>
    </row>
    <row r="27160" spans="14:14">
      <c r="N27160" s="10"/>
    </row>
    <row r="27161" spans="14:14">
      <c r="N27161" s="10"/>
    </row>
    <row r="27162" spans="14:14">
      <c r="N27162" s="10"/>
    </row>
    <row r="27163" spans="14:14">
      <c r="N27163" s="10"/>
    </row>
    <row r="27164" spans="14:14">
      <c r="N27164" s="10"/>
    </row>
    <row r="27165" spans="14:14">
      <c r="N27165" s="10"/>
    </row>
    <row r="27166" spans="14:14">
      <c r="N27166" s="10"/>
    </row>
    <row r="27167" spans="14:14">
      <c r="N27167" s="10"/>
    </row>
    <row r="27168" spans="14:14">
      <c r="N27168" s="10"/>
    </row>
    <row r="27169" spans="14:14">
      <c r="N27169" s="10"/>
    </row>
    <row r="27170" spans="14:14">
      <c r="N27170" s="10"/>
    </row>
    <row r="27171" spans="14:14">
      <c r="N27171" s="10"/>
    </row>
    <row r="27172" spans="14:14">
      <c r="N27172" s="10"/>
    </row>
    <row r="27173" spans="14:14">
      <c r="N27173" s="10"/>
    </row>
    <row r="27174" spans="14:14">
      <c r="N27174" s="10"/>
    </row>
    <row r="27175" spans="14:14">
      <c r="N27175" s="10"/>
    </row>
    <row r="27176" spans="14:14">
      <c r="N27176" s="10"/>
    </row>
    <row r="27177" spans="14:14">
      <c r="N27177" s="10"/>
    </row>
    <row r="27178" spans="14:14">
      <c r="N27178" s="10"/>
    </row>
    <row r="27179" spans="14:14">
      <c r="N27179" s="10"/>
    </row>
    <row r="27180" spans="14:14">
      <c r="N27180" s="10"/>
    </row>
    <row r="27181" spans="14:14">
      <c r="N27181" s="10"/>
    </row>
    <row r="27182" spans="14:14">
      <c r="N27182" s="10"/>
    </row>
    <row r="27183" spans="14:14">
      <c r="N27183" s="10"/>
    </row>
    <row r="27184" spans="14:14">
      <c r="N27184" s="10"/>
    </row>
    <row r="27185" spans="14:14">
      <c r="N27185" s="10"/>
    </row>
    <row r="27186" spans="14:14">
      <c r="N27186" s="10"/>
    </row>
    <row r="27187" spans="14:14">
      <c r="N27187" s="10"/>
    </row>
    <row r="27188" spans="14:14">
      <c r="N27188" s="10"/>
    </row>
    <row r="27189" spans="14:14">
      <c r="N27189" s="10"/>
    </row>
    <row r="27190" spans="14:14">
      <c r="N27190" s="10"/>
    </row>
    <row r="27191" spans="14:14">
      <c r="N27191" s="10"/>
    </row>
    <row r="27192" spans="14:14">
      <c r="N27192" s="10"/>
    </row>
    <row r="27193" spans="14:14">
      <c r="N27193" s="10"/>
    </row>
    <row r="27194" spans="14:14">
      <c r="N27194" s="10"/>
    </row>
    <row r="27195" spans="14:14">
      <c r="N27195" s="10"/>
    </row>
    <row r="27196" spans="14:14">
      <c r="N27196" s="10"/>
    </row>
    <row r="27197" spans="14:14">
      <c r="N27197" s="10"/>
    </row>
    <row r="27198" spans="14:14">
      <c r="N27198" s="10"/>
    </row>
    <row r="27199" spans="14:14">
      <c r="N27199" s="10"/>
    </row>
    <row r="27200" spans="14:14">
      <c r="N27200" s="10"/>
    </row>
    <row r="27201" spans="14:14">
      <c r="N27201" s="10"/>
    </row>
    <row r="27202" spans="14:14">
      <c r="N27202" s="10"/>
    </row>
    <row r="27203" spans="14:14">
      <c r="N27203" s="10"/>
    </row>
    <row r="27204" spans="14:14">
      <c r="N27204" s="10"/>
    </row>
    <row r="27205" spans="14:14">
      <c r="N27205" s="10"/>
    </row>
    <row r="27206" spans="14:14">
      <c r="N27206" s="10"/>
    </row>
    <row r="27207" spans="14:14">
      <c r="N27207" s="10"/>
    </row>
    <row r="27208" spans="14:14">
      <c r="N27208" s="10"/>
    </row>
    <row r="27209" spans="14:14">
      <c r="N27209" s="10"/>
    </row>
    <row r="27210" spans="14:14">
      <c r="N27210" s="10"/>
    </row>
    <row r="27211" spans="14:14">
      <c r="N27211" s="10"/>
    </row>
    <row r="27212" spans="14:14">
      <c r="N27212" s="10"/>
    </row>
    <row r="27213" spans="14:14">
      <c r="N27213" s="10"/>
    </row>
    <row r="27214" spans="14:14">
      <c r="N27214" s="10"/>
    </row>
    <row r="27215" spans="14:14">
      <c r="N27215" s="10"/>
    </row>
    <row r="27216" spans="14:14">
      <c r="N27216" s="10"/>
    </row>
    <row r="27217" spans="14:14">
      <c r="N27217" s="10"/>
    </row>
    <row r="27218" spans="14:14">
      <c r="N27218" s="10"/>
    </row>
    <row r="27219" spans="14:14">
      <c r="N27219" s="10"/>
    </row>
    <row r="27220" spans="14:14">
      <c r="N27220" s="10"/>
    </row>
    <row r="27221" spans="14:14">
      <c r="N27221" s="10"/>
    </row>
    <row r="27222" spans="14:14">
      <c r="N27222" s="10"/>
    </row>
    <row r="27223" spans="14:14">
      <c r="N27223" s="10"/>
    </row>
    <row r="27224" spans="14:14">
      <c r="N27224" s="10"/>
    </row>
    <row r="27225" spans="14:14">
      <c r="N27225" s="10"/>
    </row>
    <row r="27226" spans="14:14">
      <c r="N27226" s="10"/>
    </row>
    <row r="27227" spans="14:14">
      <c r="N27227" s="10"/>
    </row>
    <row r="27228" spans="14:14">
      <c r="N27228" s="10"/>
    </row>
    <row r="27229" spans="14:14">
      <c r="N27229" s="10"/>
    </row>
    <row r="27230" spans="14:14">
      <c r="N27230" s="10"/>
    </row>
    <row r="27231" spans="14:14">
      <c r="N27231" s="10"/>
    </row>
    <row r="27232" spans="14:14">
      <c r="N27232" s="10"/>
    </row>
    <row r="27233" spans="14:14">
      <c r="N27233" s="10"/>
    </row>
    <row r="27234" spans="14:14">
      <c r="N27234" s="10"/>
    </row>
    <row r="27235" spans="14:14">
      <c r="N27235" s="10"/>
    </row>
    <row r="27236" spans="14:14">
      <c r="N27236" s="10"/>
    </row>
    <row r="27237" spans="14:14">
      <c r="N27237" s="10"/>
    </row>
    <row r="27238" spans="14:14">
      <c r="N27238" s="10"/>
    </row>
    <row r="27239" spans="14:14">
      <c r="N27239" s="10"/>
    </row>
    <row r="27240" spans="14:14">
      <c r="N27240" s="10"/>
    </row>
    <row r="27241" spans="14:14">
      <c r="N27241" s="10"/>
    </row>
    <row r="27242" spans="14:14">
      <c r="N27242" s="10"/>
    </row>
    <row r="27243" spans="14:14">
      <c r="N27243" s="10"/>
    </row>
    <row r="27244" spans="14:14">
      <c r="N27244" s="10"/>
    </row>
    <row r="27245" spans="14:14">
      <c r="N27245" s="10"/>
    </row>
    <row r="27246" spans="14:14">
      <c r="N27246" s="10"/>
    </row>
    <row r="27247" spans="14:14">
      <c r="N27247" s="10"/>
    </row>
    <row r="27248" spans="14:14">
      <c r="N27248" s="10"/>
    </row>
    <row r="27249" spans="14:14">
      <c r="N27249" s="10"/>
    </row>
    <row r="27250" spans="14:14">
      <c r="N27250" s="10"/>
    </row>
    <row r="27251" spans="14:14">
      <c r="N27251" s="10"/>
    </row>
    <row r="27252" spans="14:14">
      <c r="N27252" s="10"/>
    </row>
    <row r="27253" spans="14:14">
      <c r="N27253" s="10"/>
    </row>
    <row r="27254" spans="14:14">
      <c r="N27254" s="10"/>
    </row>
    <row r="27255" spans="14:14">
      <c r="N27255" s="10"/>
    </row>
    <row r="27256" spans="14:14">
      <c r="N27256" s="10"/>
    </row>
    <row r="27257" spans="14:14">
      <c r="N27257" s="10"/>
    </row>
    <row r="27258" spans="14:14">
      <c r="N27258" s="10"/>
    </row>
    <row r="27259" spans="14:14">
      <c r="N27259" s="10"/>
    </row>
    <row r="27260" spans="14:14">
      <c r="N27260" s="10"/>
    </row>
    <row r="27261" spans="14:14">
      <c r="N27261" s="10"/>
    </row>
    <row r="27262" spans="14:14">
      <c r="N27262" s="10"/>
    </row>
    <row r="27263" spans="14:14">
      <c r="N27263" s="10"/>
    </row>
    <row r="27264" spans="14:14">
      <c r="N27264" s="10"/>
    </row>
    <row r="27265" spans="14:14">
      <c r="N27265" s="10"/>
    </row>
    <row r="27266" spans="14:14">
      <c r="N27266" s="10"/>
    </row>
    <row r="27267" spans="14:14">
      <c r="N27267" s="10"/>
    </row>
    <row r="27268" spans="14:14">
      <c r="N27268" s="10"/>
    </row>
    <row r="27269" spans="14:14">
      <c r="N27269" s="10"/>
    </row>
    <row r="27270" spans="14:14">
      <c r="N27270" s="10"/>
    </row>
    <row r="27271" spans="14:14">
      <c r="N27271" s="10"/>
    </row>
    <row r="27272" spans="14:14">
      <c r="N27272" s="10"/>
    </row>
    <row r="27273" spans="14:14">
      <c r="N27273" s="10"/>
    </row>
    <row r="27274" spans="14:14">
      <c r="N27274" s="10"/>
    </row>
    <row r="27275" spans="14:14">
      <c r="N27275" s="10"/>
    </row>
    <row r="27276" spans="14:14">
      <c r="N27276" s="10"/>
    </row>
    <row r="27277" spans="14:14">
      <c r="N27277" s="10"/>
    </row>
    <row r="27278" spans="14:14">
      <c r="N27278" s="10"/>
    </row>
    <row r="27279" spans="14:14">
      <c r="N27279" s="10"/>
    </row>
    <row r="27280" spans="14:14">
      <c r="N27280" s="10"/>
    </row>
    <row r="27281" spans="14:14">
      <c r="N27281" s="10"/>
    </row>
    <row r="27282" spans="14:14">
      <c r="N27282" s="10"/>
    </row>
    <row r="27283" spans="14:14">
      <c r="N27283" s="10"/>
    </row>
    <row r="27284" spans="14:14">
      <c r="N27284" s="10"/>
    </row>
    <row r="27285" spans="14:14">
      <c r="N27285" s="10"/>
    </row>
    <row r="27286" spans="14:14">
      <c r="N27286" s="10"/>
    </row>
    <row r="27287" spans="14:14">
      <c r="N27287" s="10"/>
    </row>
    <row r="27288" spans="14:14">
      <c r="N27288" s="10"/>
    </row>
    <row r="27289" spans="14:14">
      <c r="N27289" s="10"/>
    </row>
    <row r="27290" spans="14:14">
      <c r="N27290" s="10"/>
    </row>
    <row r="27291" spans="14:14">
      <c r="N27291" s="10"/>
    </row>
    <row r="27292" spans="14:14">
      <c r="N27292" s="10"/>
    </row>
    <row r="27293" spans="14:14">
      <c r="N27293" s="10"/>
    </row>
    <row r="27294" spans="14:14">
      <c r="N27294" s="10"/>
    </row>
    <row r="27295" spans="14:14">
      <c r="N27295" s="10"/>
    </row>
    <row r="27296" spans="14:14">
      <c r="N27296" s="10"/>
    </row>
    <row r="27297" spans="14:14">
      <c r="N27297" s="10"/>
    </row>
    <row r="27298" spans="14:14">
      <c r="N27298" s="10"/>
    </row>
    <row r="27299" spans="14:14">
      <c r="N27299" s="10"/>
    </row>
    <row r="27300" spans="14:14">
      <c r="N27300" s="10"/>
    </row>
    <row r="27301" spans="14:14">
      <c r="N27301" s="10"/>
    </row>
    <row r="27302" spans="14:14">
      <c r="N27302" s="10"/>
    </row>
    <row r="27303" spans="14:14">
      <c r="N27303" s="10"/>
    </row>
    <row r="27304" spans="14:14">
      <c r="N27304" s="10"/>
    </row>
    <row r="27305" spans="14:14">
      <c r="N27305" s="10"/>
    </row>
    <row r="27306" spans="14:14">
      <c r="N27306" s="10"/>
    </row>
    <row r="27307" spans="14:14">
      <c r="N27307" s="10"/>
    </row>
    <row r="27308" spans="14:14">
      <c r="N27308" s="10"/>
    </row>
    <row r="27309" spans="14:14">
      <c r="N27309" s="10"/>
    </row>
    <row r="27310" spans="14:14">
      <c r="N27310" s="10"/>
    </row>
    <row r="27311" spans="14:14">
      <c r="N27311" s="10"/>
    </row>
    <row r="27312" spans="14:14">
      <c r="N27312" s="10"/>
    </row>
    <row r="27313" spans="14:14">
      <c r="N27313" s="10"/>
    </row>
    <row r="27314" spans="14:14">
      <c r="N27314" s="10"/>
    </row>
    <row r="27315" spans="14:14">
      <c r="N27315" s="10"/>
    </row>
    <row r="27316" spans="14:14">
      <c r="N27316" s="10"/>
    </row>
    <row r="27317" spans="14:14">
      <c r="N27317" s="10"/>
    </row>
    <row r="27318" spans="14:14">
      <c r="N27318" s="10"/>
    </row>
    <row r="27319" spans="14:14">
      <c r="N27319" s="10"/>
    </row>
    <row r="27320" spans="14:14">
      <c r="N27320" s="10"/>
    </row>
    <row r="27321" spans="14:14">
      <c r="N27321" s="10"/>
    </row>
    <row r="27322" spans="14:14">
      <c r="N27322" s="10"/>
    </row>
    <row r="27323" spans="14:14">
      <c r="N27323" s="10"/>
    </row>
    <row r="27324" spans="14:14">
      <c r="N27324" s="10"/>
    </row>
    <row r="27325" spans="14:14">
      <c r="N27325" s="10"/>
    </row>
    <row r="27326" spans="14:14">
      <c r="N27326" s="10"/>
    </row>
    <row r="27327" spans="14:14">
      <c r="N27327" s="10"/>
    </row>
    <row r="27328" spans="14:14">
      <c r="N27328" s="10"/>
    </row>
    <row r="27329" spans="14:14">
      <c r="N27329" s="10"/>
    </row>
    <row r="27330" spans="14:14">
      <c r="N27330" s="10"/>
    </row>
    <row r="27331" spans="14:14">
      <c r="N27331" s="10"/>
    </row>
    <row r="27332" spans="14:14">
      <c r="N27332" s="10"/>
    </row>
    <row r="27333" spans="14:14">
      <c r="N27333" s="10"/>
    </row>
    <row r="27334" spans="14:14">
      <c r="N27334" s="10"/>
    </row>
    <row r="27335" spans="14:14">
      <c r="N27335" s="10"/>
    </row>
    <row r="27336" spans="14:14">
      <c r="N27336" s="10"/>
    </row>
    <row r="27337" spans="14:14">
      <c r="N27337" s="10"/>
    </row>
    <row r="27338" spans="14:14">
      <c r="N27338" s="10"/>
    </row>
    <row r="27339" spans="14:14">
      <c r="N27339" s="10"/>
    </row>
    <row r="27340" spans="14:14">
      <c r="N27340" s="10"/>
    </row>
    <row r="27341" spans="14:14">
      <c r="N27341" s="10"/>
    </row>
    <row r="27342" spans="14:14">
      <c r="N27342" s="10"/>
    </row>
    <row r="27343" spans="14:14">
      <c r="N27343" s="10"/>
    </row>
    <row r="27344" spans="14:14">
      <c r="N27344" s="10"/>
    </row>
    <row r="27345" spans="14:14">
      <c r="N27345" s="10"/>
    </row>
    <row r="27346" spans="14:14">
      <c r="N27346" s="10"/>
    </row>
    <row r="27347" spans="14:14">
      <c r="N27347" s="10"/>
    </row>
    <row r="27348" spans="14:14">
      <c r="N27348" s="10"/>
    </row>
    <row r="27349" spans="14:14">
      <c r="N27349" s="10"/>
    </row>
    <row r="27350" spans="14:14">
      <c r="N27350" s="10"/>
    </row>
    <row r="27351" spans="14:14">
      <c r="N27351" s="10"/>
    </row>
    <row r="27352" spans="14:14">
      <c r="N27352" s="10"/>
    </row>
    <row r="27353" spans="14:14">
      <c r="N27353" s="10"/>
    </row>
    <row r="27354" spans="14:14">
      <c r="N27354" s="10"/>
    </row>
    <row r="27355" spans="14:14">
      <c r="N27355" s="10"/>
    </row>
    <row r="27356" spans="14:14">
      <c r="N27356" s="10"/>
    </row>
    <row r="27357" spans="14:14">
      <c r="N27357" s="10"/>
    </row>
    <row r="27358" spans="14:14">
      <c r="N27358" s="10"/>
    </row>
    <row r="27359" spans="14:14">
      <c r="N27359" s="10"/>
    </row>
    <row r="27360" spans="14:14">
      <c r="N27360" s="10"/>
    </row>
    <row r="27361" spans="14:14">
      <c r="N27361" s="10"/>
    </row>
    <row r="27362" spans="14:14">
      <c r="N27362" s="10"/>
    </row>
    <row r="27363" spans="14:14">
      <c r="N27363" s="10"/>
    </row>
    <row r="27364" spans="14:14">
      <c r="N27364" s="10"/>
    </row>
    <row r="27365" spans="14:14">
      <c r="N27365" s="10"/>
    </row>
    <row r="27366" spans="14:14">
      <c r="N27366" s="10"/>
    </row>
    <row r="27367" spans="14:14">
      <c r="N27367" s="10"/>
    </row>
    <row r="27368" spans="14:14">
      <c r="N27368" s="10"/>
    </row>
    <row r="27369" spans="14:14">
      <c r="N27369" s="10"/>
    </row>
    <row r="27370" spans="14:14">
      <c r="N27370" s="10"/>
    </row>
    <row r="27371" spans="14:14">
      <c r="N27371" s="10"/>
    </row>
    <row r="27372" spans="14:14">
      <c r="N27372" s="10"/>
    </row>
    <row r="27373" spans="14:14">
      <c r="N27373" s="10"/>
    </row>
    <row r="27374" spans="14:14">
      <c r="N27374" s="10"/>
    </row>
    <row r="27375" spans="14:14">
      <c r="N27375" s="10"/>
    </row>
    <row r="27376" spans="14:14">
      <c r="N27376" s="10"/>
    </row>
    <row r="27377" spans="14:14">
      <c r="N27377" s="10"/>
    </row>
    <row r="27378" spans="14:14">
      <c r="N27378" s="10"/>
    </row>
    <row r="27379" spans="14:14">
      <c r="N27379" s="10"/>
    </row>
    <row r="27380" spans="14:14">
      <c r="N27380" s="10"/>
    </row>
    <row r="27381" spans="14:14">
      <c r="N27381" s="10"/>
    </row>
    <row r="27382" spans="14:14">
      <c r="N27382" s="10"/>
    </row>
    <row r="27383" spans="14:14">
      <c r="N27383" s="10"/>
    </row>
    <row r="27384" spans="14:14">
      <c r="N27384" s="10"/>
    </row>
    <row r="27385" spans="14:14">
      <c r="N27385" s="10"/>
    </row>
    <row r="27386" spans="14:14">
      <c r="N27386" s="10"/>
    </row>
    <row r="27387" spans="14:14">
      <c r="N27387" s="10"/>
    </row>
    <row r="27388" spans="14:14">
      <c r="N27388" s="10"/>
    </row>
    <row r="27389" spans="14:14">
      <c r="N27389" s="10"/>
    </row>
    <row r="27390" spans="14:14">
      <c r="N27390" s="10"/>
    </row>
    <row r="27391" spans="14:14">
      <c r="N27391" s="10"/>
    </row>
    <row r="27392" spans="14:14">
      <c r="N27392" s="10"/>
    </row>
    <row r="27393" spans="14:14">
      <c r="N27393" s="10"/>
    </row>
    <row r="27394" spans="14:14">
      <c r="N27394" s="10"/>
    </row>
    <row r="27395" spans="14:14">
      <c r="N27395" s="10"/>
    </row>
    <row r="27396" spans="14:14">
      <c r="N27396" s="10"/>
    </row>
    <row r="27397" spans="14:14">
      <c r="N27397" s="10"/>
    </row>
    <row r="27398" spans="14:14">
      <c r="N27398" s="10"/>
    </row>
    <row r="27399" spans="14:14">
      <c r="N27399" s="10"/>
    </row>
    <row r="27400" spans="14:14">
      <c r="N27400" s="10"/>
    </row>
    <row r="27401" spans="14:14">
      <c r="N27401" s="10"/>
    </row>
    <row r="27402" spans="14:14">
      <c r="N27402" s="10"/>
    </row>
    <row r="27403" spans="14:14">
      <c r="N27403" s="10"/>
    </row>
    <row r="27404" spans="14:14">
      <c r="N27404" s="10"/>
    </row>
    <row r="27405" spans="14:14">
      <c r="N27405" s="10"/>
    </row>
    <row r="27406" spans="14:14">
      <c r="N27406" s="10"/>
    </row>
    <row r="27407" spans="14:14">
      <c r="N27407" s="10"/>
    </row>
    <row r="27408" spans="14:14">
      <c r="N27408" s="10"/>
    </row>
    <row r="27409" spans="14:14">
      <c r="N27409" s="10"/>
    </row>
    <row r="27410" spans="14:14">
      <c r="N27410" s="10"/>
    </row>
    <row r="27411" spans="14:14">
      <c r="N27411" s="10"/>
    </row>
    <row r="27412" spans="14:14">
      <c r="N27412" s="10"/>
    </row>
    <row r="27413" spans="14:14">
      <c r="N27413" s="10"/>
    </row>
    <row r="27414" spans="14:14">
      <c r="N27414" s="10"/>
    </row>
    <row r="27415" spans="14:14">
      <c r="N27415" s="10"/>
    </row>
    <row r="27416" spans="14:14">
      <c r="N27416" s="10"/>
    </row>
    <row r="27417" spans="14:14">
      <c r="N27417" s="10"/>
    </row>
    <row r="27418" spans="14:14">
      <c r="N27418" s="10"/>
    </row>
    <row r="27419" spans="14:14">
      <c r="N27419" s="10"/>
    </row>
    <row r="27420" spans="14:14">
      <c r="N27420" s="10"/>
    </row>
    <row r="27421" spans="14:14">
      <c r="N27421" s="10"/>
    </row>
    <row r="27422" spans="14:14">
      <c r="N27422" s="10"/>
    </row>
    <row r="27423" spans="14:14">
      <c r="N27423" s="10"/>
    </row>
    <row r="27424" spans="14:14">
      <c r="N27424" s="10"/>
    </row>
    <row r="27425" spans="14:14">
      <c r="N27425" s="10"/>
    </row>
    <row r="27426" spans="14:14">
      <c r="N27426" s="10"/>
    </row>
    <row r="27427" spans="14:14">
      <c r="N27427" s="10"/>
    </row>
    <row r="27428" spans="14:14">
      <c r="N27428" s="10"/>
    </row>
    <row r="27429" spans="14:14">
      <c r="N27429" s="10"/>
    </row>
    <row r="27430" spans="14:14">
      <c r="N27430" s="10"/>
    </row>
    <row r="27431" spans="14:14">
      <c r="N27431" s="10"/>
    </row>
    <row r="27432" spans="14:14">
      <c r="N27432" s="10"/>
    </row>
    <row r="27433" spans="14:14">
      <c r="N27433" s="10"/>
    </row>
    <row r="27434" spans="14:14">
      <c r="N27434" s="10"/>
    </row>
    <row r="27435" spans="14:14">
      <c r="N27435" s="10"/>
    </row>
    <row r="27436" spans="14:14">
      <c r="N27436" s="10"/>
    </row>
    <row r="27437" spans="14:14">
      <c r="N27437" s="10"/>
    </row>
    <row r="27438" spans="14:14">
      <c r="N27438" s="10"/>
    </row>
    <row r="27439" spans="14:14">
      <c r="N27439" s="10"/>
    </row>
    <row r="27440" spans="14:14">
      <c r="N27440" s="10"/>
    </row>
    <row r="27441" spans="14:14">
      <c r="N27441" s="10"/>
    </row>
    <row r="27442" spans="14:14">
      <c r="N27442" s="10"/>
    </row>
    <row r="27443" spans="14:14">
      <c r="N27443" s="10"/>
    </row>
    <row r="27444" spans="14:14">
      <c r="N27444" s="10"/>
    </row>
    <row r="27445" spans="14:14">
      <c r="N27445" s="10"/>
    </row>
    <row r="27446" spans="14:14">
      <c r="N27446" s="10"/>
    </row>
    <row r="27447" spans="14:14">
      <c r="N27447" s="10"/>
    </row>
    <row r="27448" spans="14:14">
      <c r="N27448" s="10"/>
    </row>
    <row r="27449" spans="14:14">
      <c r="N27449" s="10"/>
    </row>
    <row r="27450" spans="14:14">
      <c r="N27450" s="10"/>
    </row>
    <row r="27451" spans="14:14">
      <c r="N27451" s="10"/>
    </row>
    <row r="27452" spans="14:14">
      <c r="N27452" s="10"/>
    </row>
    <row r="27453" spans="14:14">
      <c r="N27453" s="10"/>
    </row>
    <row r="27454" spans="14:14">
      <c r="N27454" s="10"/>
    </row>
    <row r="27455" spans="14:14">
      <c r="N27455" s="10"/>
    </row>
    <row r="27456" spans="14:14">
      <c r="N27456" s="10"/>
    </row>
    <row r="27457" spans="14:14">
      <c r="N27457" s="10"/>
    </row>
    <row r="27458" spans="14:14">
      <c r="N27458" s="10"/>
    </row>
    <row r="27459" spans="14:14">
      <c r="N27459" s="10"/>
    </row>
    <row r="27460" spans="14:14">
      <c r="N27460" s="10"/>
    </row>
    <row r="27461" spans="14:14">
      <c r="N27461" s="10"/>
    </row>
    <row r="27462" spans="14:14">
      <c r="N27462" s="10"/>
    </row>
    <row r="27463" spans="14:14">
      <c r="N27463" s="10"/>
    </row>
    <row r="27464" spans="14:14">
      <c r="N27464" s="10"/>
    </row>
    <row r="27465" spans="14:14">
      <c r="N27465" s="10"/>
    </row>
    <row r="27466" spans="14:14">
      <c r="N27466" s="10"/>
    </row>
    <row r="27467" spans="14:14">
      <c r="N27467" s="10"/>
    </row>
    <row r="27468" spans="14:14">
      <c r="N27468" s="10"/>
    </row>
    <row r="27469" spans="14:14">
      <c r="N27469" s="10"/>
    </row>
    <row r="27470" spans="14:14">
      <c r="N27470" s="10"/>
    </row>
    <row r="27471" spans="14:14">
      <c r="N27471" s="10"/>
    </row>
    <row r="27472" spans="14:14">
      <c r="N27472" s="10"/>
    </row>
    <row r="27473" spans="14:14">
      <c r="N27473" s="10"/>
    </row>
    <row r="27474" spans="14:14">
      <c r="N27474" s="10"/>
    </row>
    <row r="27475" spans="14:14">
      <c r="N27475" s="10"/>
    </row>
    <row r="27476" spans="14:14">
      <c r="N27476" s="10"/>
    </row>
    <row r="27477" spans="14:14">
      <c r="N27477" s="10"/>
    </row>
    <row r="27478" spans="14:14">
      <c r="N27478" s="10"/>
    </row>
    <row r="27479" spans="14:14">
      <c r="N27479" s="10"/>
    </row>
    <row r="27480" spans="14:14">
      <c r="N27480" s="10"/>
    </row>
    <row r="27481" spans="14:14">
      <c r="N27481" s="10"/>
    </row>
    <row r="27482" spans="14:14">
      <c r="N27482" s="10"/>
    </row>
    <row r="27483" spans="14:14">
      <c r="N27483" s="10"/>
    </row>
    <row r="27484" spans="14:14">
      <c r="N27484" s="10"/>
    </row>
    <row r="27485" spans="14:14">
      <c r="N27485" s="10"/>
    </row>
    <row r="27486" spans="14:14">
      <c r="N27486" s="10"/>
    </row>
    <row r="27487" spans="14:14">
      <c r="N27487" s="10"/>
    </row>
    <row r="27488" spans="14:14">
      <c r="N27488" s="10"/>
    </row>
    <row r="27489" spans="14:14">
      <c r="N27489" s="10"/>
    </row>
    <row r="27490" spans="14:14">
      <c r="N27490" s="10"/>
    </row>
    <row r="27491" spans="14:14">
      <c r="N27491" s="10"/>
    </row>
    <row r="27492" spans="14:14">
      <c r="N27492" s="10"/>
    </row>
    <row r="27493" spans="14:14">
      <c r="N27493" s="10"/>
    </row>
    <row r="27494" spans="14:14">
      <c r="N27494" s="10"/>
    </row>
    <row r="27495" spans="14:14">
      <c r="N27495" s="10"/>
    </row>
    <row r="27496" spans="14:14">
      <c r="N27496" s="10"/>
    </row>
    <row r="27497" spans="14:14">
      <c r="N27497" s="10"/>
    </row>
    <row r="27498" spans="14:14">
      <c r="N27498" s="10"/>
    </row>
    <row r="27499" spans="14:14">
      <c r="N27499" s="10"/>
    </row>
    <row r="27500" spans="14:14">
      <c r="N27500" s="10"/>
    </row>
    <row r="27501" spans="14:14">
      <c r="N27501" s="10"/>
    </row>
    <row r="27502" spans="14:14">
      <c r="N27502" s="10"/>
    </row>
    <row r="27503" spans="14:14">
      <c r="N27503" s="10"/>
    </row>
    <row r="27504" spans="14:14">
      <c r="N27504" s="10"/>
    </row>
    <row r="27505" spans="14:14">
      <c r="N27505" s="10"/>
    </row>
    <row r="27506" spans="14:14">
      <c r="N27506" s="10"/>
    </row>
    <row r="27507" spans="14:14">
      <c r="N27507" s="10"/>
    </row>
    <row r="27508" spans="14:14">
      <c r="N27508" s="10"/>
    </row>
    <row r="27509" spans="14:14">
      <c r="N27509" s="10"/>
    </row>
    <row r="27510" spans="14:14">
      <c r="N27510" s="10"/>
    </row>
    <row r="27511" spans="14:14">
      <c r="N27511" s="10"/>
    </row>
    <row r="27512" spans="14:14">
      <c r="N27512" s="10"/>
    </row>
    <row r="27513" spans="14:14">
      <c r="N27513" s="10"/>
    </row>
    <row r="27514" spans="14:14">
      <c r="N27514" s="10"/>
    </row>
    <row r="27515" spans="14:14">
      <c r="N27515" s="10"/>
    </row>
    <row r="27516" spans="14:14">
      <c r="N27516" s="10"/>
    </row>
    <row r="27517" spans="14:14">
      <c r="N27517" s="10"/>
    </row>
    <row r="27518" spans="14:14">
      <c r="N27518" s="10"/>
    </row>
    <row r="27519" spans="14:14">
      <c r="N27519" s="10"/>
    </row>
    <row r="27520" spans="14:14">
      <c r="N27520" s="10"/>
    </row>
    <row r="27521" spans="14:14">
      <c r="N27521" s="10"/>
    </row>
    <row r="27522" spans="14:14">
      <c r="N27522" s="10"/>
    </row>
    <row r="27523" spans="14:14">
      <c r="N27523" s="10"/>
    </row>
    <row r="27524" spans="14:14">
      <c r="N27524" s="10"/>
    </row>
    <row r="27525" spans="14:14">
      <c r="N27525" s="10"/>
    </row>
    <row r="27526" spans="14:14">
      <c r="N27526" s="10"/>
    </row>
    <row r="27527" spans="14:14">
      <c r="N27527" s="10"/>
    </row>
    <row r="27528" spans="14:14">
      <c r="N27528" s="10"/>
    </row>
    <row r="27529" spans="14:14">
      <c r="N27529" s="10"/>
    </row>
    <row r="27530" spans="14:14">
      <c r="N27530" s="10"/>
    </row>
    <row r="27531" spans="14:14">
      <c r="N27531" s="10"/>
    </row>
    <row r="27532" spans="14:14">
      <c r="N27532" s="10"/>
    </row>
    <row r="27533" spans="14:14">
      <c r="N27533" s="10"/>
    </row>
    <row r="27534" spans="14:14">
      <c r="N27534" s="10"/>
    </row>
    <row r="27535" spans="14:14">
      <c r="N27535" s="10"/>
    </row>
    <row r="27536" spans="14:14">
      <c r="N27536" s="10"/>
    </row>
    <row r="27537" spans="14:14">
      <c r="N27537" s="10"/>
    </row>
    <row r="27538" spans="14:14">
      <c r="N27538" s="10"/>
    </row>
    <row r="27539" spans="14:14">
      <c r="N27539" s="10"/>
    </row>
    <row r="27540" spans="14:14">
      <c r="N27540" s="10"/>
    </row>
    <row r="27541" spans="14:14">
      <c r="N27541" s="10"/>
    </row>
    <row r="27542" spans="14:14">
      <c r="N27542" s="10"/>
    </row>
    <row r="27543" spans="14:14">
      <c r="N27543" s="10"/>
    </row>
    <row r="27544" spans="14:14">
      <c r="N27544" s="10"/>
    </row>
    <row r="27545" spans="14:14">
      <c r="N27545" s="10"/>
    </row>
    <row r="27546" spans="14:14">
      <c r="N27546" s="10"/>
    </row>
    <row r="27547" spans="14:14">
      <c r="N27547" s="10"/>
    </row>
    <row r="27548" spans="14:14">
      <c r="N27548" s="10"/>
    </row>
    <row r="27549" spans="14:14">
      <c r="N27549" s="10"/>
    </row>
    <row r="27550" spans="14:14">
      <c r="N27550" s="10"/>
    </row>
    <row r="27551" spans="14:14">
      <c r="N27551" s="10"/>
    </row>
    <row r="27552" spans="14:14">
      <c r="N27552" s="10"/>
    </row>
    <row r="27553" spans="14:14">
      <c r="N27553" s="10"/>
    </row>
    <row r="27554" spans="14:14">
      <c r="N27554" s="10"/>
    </row>
    <row r="27555" spans="14:14">
      <c r="N27555" s="10"/>
    </row>
    <row r="27556" spans="14:14">
      <c r="N27556" s="10"/>
    </row>
    <row r="27557" spans="14:14">
      <c r="N27557" s="10"/>
    </row>
    <row r="27558" spans="14:14">
      <c r="N27558" s="10"/>
    </row>
    <row r="27559" spans="14:14">
      <c r="N27559" s="10"/>
    </row>
    <row r="27560" spans="14:14">
      <c r="N27560" s="10"/>
    </row>
    <row r="27561" spans="14:14">
      <c r="N27561" s="10"/>
    </row>
    <row r="27562" spans="14:14">
      <c r="N27562" s="10"/>
    </row>
    <row r="27563" spans="14:14">
      <c r="N27563" s="10"/>
    </row>
    <row r="27564" spans="14:14">
      <c r="N27564" s="10"/>
    </row>
    <row r="27565" spans="14:14">
      <c r="N27565" s="10"/>
    </row>
    <row r="27566" spans="14:14">
      <c r="N27566" s="10"/>
    </row>
    <row r="27567" spans="14:14">
      <c r="N27567" s="10"/>
    </row>
    <row r="27568" spans="14:14">
      <c r="N27568" s="10"/>
    </row>
    <row r="27569" spans="14:14">
      <c r="N27569" s="10"/>
    </row>
    <row r="27570" spans="14:14">
      <c r="N27570" s="10"/>
    </row>
    <row r="27571" spans="14:14">
      <c r="N27571" s="10"/>
    </row>
    <row r="27572" spans="14:14">
      <c r="N27572" s="10"/>
    </row>
    <row r="27573" spans="14:14">
      <c r="N27573" s="10"/>
    </row>
    <row r="27574" spans="14:14">
      <c r="N27574" s="10"/>
    </row>
    <row r="27575" spans="14:14">
      <c r="N27575" s="10"/>
    </row>
    <row r="27576" spans="14:14">
      <c r="N27576" s="10"/>
    </row>
    <row r="27577" spans="14:14">
      <c r="N27577" s="10"/>
    </row>
    <row r="27578" spans="14:14">
      <c r="N27578" s="10"/>
    </row>
    <row r="27579" spans="14:14">
      <c r="N27579" s="10"/>
    </row>
    <row r="27580" spans="14:14">
      <c r="N27580" s="10"/>
    </row>
    <row r="27581" spans="14:14">
      <c r="N27581" s="10"/>
    </row>
    <row r="27582" spans="14:14">
      <c r="N27582" s="10"/>
    </row>
    <row r="27583" spans="14:14">
      <c r="N27583" s="10"/>
    </row>
    <row r="27584" spans="14:14">
      <c r="N27584" s="10"/>
    </row>
    <row r="27585" spans="14:14">
      <c r="N27585" s="10"/>
    </row>
    <row r="27586" spans="14:14">
      <c r="N27586" s="10"/>
    </row>
    <row r="27587" spans="14:14">
      <c r="N27587" s="10"/>
    </row>
    <row r="27588" spans="14:14">
      <c r="N27588" s="10"/>
    </row>
    <row r="27589" spans="14:14">
      <c r="N27589" s="10"/>
    </row>
    <row r="27590" spans="14:14">
      <c r="N27590" s="10"/>
    </row>
    <row r="27591" spans="14:14">
      <c r="N27591" s="10"/>
    </row>
    <row r="27592" spans="14:14">
      <c r="N27592" s="10"/>
    </row>
    <row r="27593" spans="14:14">
      <c r="N27593" s="10"/>
    </row>
    <row r="27594" spans="14:14">
      <c r="N27594" s="10"/>
    </row>
    <row r="27595" spans="14:14">
      <c r="N27595" s="10"/>
    </row>
    <row r="27596" spans="14:14">
      <c r="N27596" s="10"/>
    </row>
    <row r="27597" spans="14:14">
      <c r="N27597" s="10"/>
    </row>
    <row r="27598" spans="14:14">
      <c r="N27598" s="10"/>
    </row>
    <row r="27599" spans="14:14">
      <c r="N27599" s="10"/>
    </row>
    <row r="27600" spans="14:14">
      <c r="N27600" s="10"/>
    </row>
    <row r="27601" spans="14:14">
      <c r="N27601" s="10"/>
    </row>
    <row r="27602" spans="14:14">
      <c r="N27602" s="10"/>
    </row>
    <row r="27603" spans="14:14">
      <c r="N27603" s="10"/>
    </row>
    <row r="27604" spans="14:14">
      <c r="N27604" s="10"/>
    </row>
    <row r="27605" spans="14:14">
      <c r="N27605" s="10"/>
    </row>
    <row r="27606" spans="14:14">
      <c r="N27606" s="10"/>
    </row>
    <row r="27607" spans="14:14">
      <c r="N27607" s="10"/>
    </row>
    <row r="27608" spans="14:14">
      <c r="N27608" s="10"/>
    </row>
    <row r="27609" spans="14:14">
      <c r="N27609" s="10"/>
    </row>
    <row r="27610" spans="14:14">
      <c r="N27610" s="10"/>
    </row>
    <row r="27611" spans="14:14">
      <c r="N27611" s="10"/>
    </row>
    <row r="27612" spans="14:14">
      <c r="N27612" s="10"/>
    </row>
    <row r="27613" spans="14:14">
      <c r="N27613" s="10"/>
    </row>
    <row r="27614" spans="14:14">
      <c r="N27614" s="10"/>
    </row>
    <row r="27615" spans="14:14">
      <c r="N27615" s="10"/>
    </row>
    <row r="27616" spans="14:14">
      <c r="N27616" s="10"/>
    </row>
    <row r="27617" spans="14:14">
      <c r="N27617" s="10"/>
    </row>
    <row r="27618" spans="14:14">
      <c r="N27618" s="10"/>
    </row>
    <row r="27619" spans="14:14">
      <c r="N27619" s="10"/>
    </row>
    <row r="27620" spans="14:14">
      <c r="N27620" s="10"/>
    </row>
    <row r="27621" spans="14:14">
      <c r="N27621" s="10"/>
    </row>
    <row r="27622" spans="14:14">
      <c r="N27622" s="10"/>
    </row>
    <row r="27623" spans="14:14">
      <c r="N27623" s="10"/>
    </row>
    <row r="27624" spans="14:14">
      <c r="N27624" s="10"/>
    </row>
    <row r="27625" spans="14:14">
      <c r="N27625" s="10"/>
    </row>
    <row r="27626" spans="14:14">
      <c r="N27626" s="10"/>
    </row>
    <row r="27627" spans="14:14">
      <c r="N27627" s="10"/>
    </row>
    <row r="27628" spans="14:14">
      <c r="N27628" s="10"/>
    </row>
    <row r="27629" spans="14:14">
      <c r="N27629" s="10"/>
    </row>
    <row r="27630" spans="14:14">
      <c r="N27630" s="10"/>
    </row>
    <row r="27631" spans="14:14">
      <c r="N27631" s="10"/>
    </row>
    <row r="27632" spans="14:14">
      <c r="N27632" s="10"/>
    </row>
    <row r="27633" spans="14:14">
      <c r="N27633" s="10"/>
    </row>
    <row r="27634" spans="14:14">
      <c r="N27634" s="10"/>
    </row>
    <row r="27635" spans="14:14">
      <c r="N27635" s="10"/>
    </row>
    <row r="27636" spans="14:14">
      <c r="N27636" s="10"/>
    </row>
    <row r="27637" spans="14:14">
      <c r="N27637" s="10"/>
    </row>
    <row r="27638" spans="14:14">
      <c r="N27638" s="10"/>
    </row>
    <row r="27639" spans="14:14">
      <c r="N27639" s="10"/>
    </row>
    <row r="27640" spans="14:14">
      <c r="N27640" s="10"/>
    </row>
    <row r="27641" spans="14:14">
      <c r="N27641" s="10"/>
    </row>
    <row r="27642" spans="14:14">
      <c r="N27642" s="10"/>
    </row>
    <row r="27643" spans="14:14">
      <c r="N27643" s="10"/>
    </row>
    <row r="27644" spans="14:14">
      <c r="N27644" s="10"/>
    </row>
    <row r="27645" spans="14:14">
      <c r="N27645" s="10"/>
    </row>
    <row r="27646" spans="14:14">
      <c r="N27646" s="10"/>
    </row>
    <row r="27647" spans="14:14">
      <c r="N27647" s="10"/>
    </row>
    <row r="27648" spans="14:14">
      <c r="N27648" s="10"/>
    </row>
    <row r="27649" spans="14:14">
      <c r="N27649" s="10"/>
    </row>
    <row r="27650" spans="14:14">
      <c r="N27650" s="10"/>
    </row>
    <row r="27651" spans="14:14">
      <c r="N27651" s="10"/>
    </row>
    <row r="27652" spans="14:14">
      <c r="N27652" s="10"/>
    </row>
    <row r="27653" spans="14:14">
      <c r="N27653" s="10"/>
    </row>
    <row r="27654" spans="14:14">
      <c r="N27654" s="10"/>
    </row>
    <row r="27655" spans="14:14">
      <c r="N27655" s="10"/>
    </row>
    <row r="27656" spans="14:14">
      <c r="N27656" s="10"/>
    </row>
    <row r="27657" spans="14:14">
      <c r="N27657" s="10"/>
    </row>
    <row r="27658" spans="14:14">
      <c r="N27658" s="10"/>
    </row>
    <row r="27659" spans="14:14">
      <c r="N27659" s="10"/>
    </row>
    <row r="27660" spans="14:14">
      <c r="N27660" s="10"/>
    </row>
    <row r="27661" spans="14:14">
      <c r="N27661" s="10"/>
    </row>
    <row r="27662" spans="14:14">
      <c r="N27662" s="10"/>
    </row>
    <row r="27663" spans="14:14">
      <c r="N27663" s="10"/>
    </row>
    <row r="27664" spans="14:14">
      <c r="N27664" s="10"/>
    </row>
    <row r="27665" spans="14:14">
      <c r="N27665" s="10"/>
    </row>
    <row r="27666" spans="14:14">
      <c r="N27666" s="10"/>
    </row>
    <row r="27667" spans="14:14">
      <c r="N27667" s="10"/>
    </row>
    <row r="27668" spans="14:14">
      <c r="N27668" s="10"/>
    </row>
    <row r="27669" spans="14:14">
      <c r="N27669" s="10"/>
    </row>
    <row r="27670" spans="14:14">
      <c r="N27670" s="10"/>
    </row>
    <row r="27671" spans="14:14">
      <c r="N27671" s="10"/>
    </row>
    <row r="27672" spans="14:14">
      <c r="N27672" s="10"/>
    </row>
    <row r="27673" spans="14:14">
      <c r="N27673" s="10"/>
    </row>
    <row r="27674" spans="14:14">
      <c r="N27674" s="10"/>
    </row>
    <row r="27675" spans="14:14">
      <c r="N27675" s="10"/>
    </row>
    <row r="27676" spans="14:14">
      <c r="N27676" s="10"/>
    </row>
    <row r="27677" spans="14:14">
      <c r="N27677" s="10"/>
    </row>
    <row r="27678" spans="14:14">
      <c r="N27678" s="10"/>
    </row>
    <row r="27679" spans="14:14">
      <c r="N27679" s="10"/>
    </row>
    <row r="27680" spans="14:14">
      <c r="N27680" s="10"/>
    </row>
    <row r="27681" spans="14:14">
      <c r="N27681" s="10"/>
    </row>
    <row r="27682" spans="14:14">
      <c r="N27682" s="10"/>
    </row>
    <row r="27683" spans="14:14">
      <c r="N27683" s="10"/>
    </row>
    <row r="27684" spans="14:14">
      <c r="N27684" s="10"/>
    </row>
    <row r="27685" spans="14:14">
      <c r="N27685" s="10"/>
    </row>
    <row r="27686" spans="14:14">
      <c r="N27686" s="10"/>
    </row>
    <row r="27687" spans="14:14">
      <c r="N27687" s="10"/>
    </row>
    <row r="27688" spans="14:14">
      <c r="N27688" s="10"/>
    </row>
    <row r="27689" spans="14:14">
      <c r="N27689" s="10"/>
    </row>
    <row r="27690" spans="14:14">
      <c r="N27690" s="10"/>
    </row>
    <row r="27691" spans="14:14">
      <c r="N27691" s="10"/>
    </row>
    <row r="27692" spans="14:14">
      <c r="N27692" s="10"/>
    </row>
    <row r="27693" spans="14:14">
      <c r="N27693" s="10"/>
    </row>
    <row r="27694" spans="14:14">
      <c r="N27694" s="10"/>
    </row>
    <row r="27695" spans="14:14">
      <c r="N27695" s="10"/>
    </row>
    <row r="27696" spans="14:14">
      <c r="N27696" s="10"/>
    </row>
    <row r="27697" spans="14:14">
      <c r="N27697" s="10"/>
    </row>
    <row r="27698" spans="14:14">
      <c r="N27698" s="10"/>
    </row>
    <row r="27699" spans="14:14">
      <c r="N27699" s="10"/>
    </row>
    <row r="27700" spans="14:14">
      <c r="N27700" s="10"/>
    </row>
    <row r="27701" spans="14:14">
      <c r="N27701" s="10"/>
    </row>
    <row r="27702" spans="14:14">
      <c r="N27702" s="10"/>
    </row>
    <row r="27703" spans="14:14">
      <c r="N27703" s="10"/>
    </row>
    <row r="27704" spans="14:14">
      <c r="N27704" s="10"/>
    </row>
    <row r="27705" spans="14:14">
      <c r="N27705" s="10"/>
    </row>
    <row r="27706" spans="14:14">
      <c r="N27706" s="10"/>
    </row>
    <row r="27707" spans="14:14">
      <c r="N27707" s="10"/>
    </row>
    <row r="27708" spans="14:14">
      <c r="N27708" s="10"/>
    </row>
    <row r="27709" spans="14:14">
      <c r="N27709" s="10"/>
    </row>
    <row r="27710" spans="14:14">
      <c r="N27710" s="10"/>
    </row>
    <row r="27711" spans="14:14">
      <c r="N27711" s="10"/>
    </row>
    <row r="27712" spans="14:14">
      <c r="N27712" s="10"/>
    </row>
    <row r="27713" spans="14:14">
      <c r="N27713" s="10"/>
    </row>
    <row r="27714" spans="14:14">
      <c r="N27714" s="10"/>
    </row>
    <row r="27715" spans="14:14">
      <c r="N27715" s="10"/>
    </row>
    <row r="27716" spans="14:14">
      <c r="N27716" s="10"/>
    </row>
    <row r="27717" spans="14:14">
      <c r="N27717" s="10"/>
    </row>
    <row r="27718" spans="14:14">
      <c r="N27718" s="10"/>
    </row>
    <row r="27719" spans="14:14">
      <c r="N27719" s="10"/>
    </row>
    <row r="27720" spans="14:14">
      <c r="N27720" s="10"/>
    </row>
    <row r="27721" spans="14:14">
      <c r="N27721" s="10"/>
    </row>
    <row r="27722" spans="14:14">
      <c r="N27722" s="10"/>
    </row>
    <row r="27723" spans="14:14">
      <c r="N27723" s="10"/>
    </row>
    <row r="27724" spans="14:14">
      <c r="N27724" s="10"/>
    </row>
    <row r="27725" spans="14:14">
      <c r="N27725" s="10"/>
    </row>
    <row r="27726" spans="14:14">
      <c r="N27726" s="10"/>
    </row>
    <row r="27727" spans="14:14">
      <c r="N27727" s="10"/>
    </row>
    <row r="27728" spans="14:14">
      <c r="N27728" s="10"/>
    </row>
    <row r="27729" spans="14:14">
      <c r="N27729" s="10"/>
    </row>
    <row r="27730" spans="14:14">
      <c r="N27730" s="10"/>
    </row>
    <row r="27731" spans="14:14">
      <c r="N27731" s="10"/>
    </row>
    <row r="27732" spans="14:14">
      <c r="N27732" s="10"/>
    </row>
    <row r="27733" spans="14:14">
      <c r="N27733" s="10"/>
    </row>
    <row r="27734" spans="14:14">
      <c r="N27734" s="10"/>
    </row>
    <row r="27735" spans="14:14">
      <c r="N27735" s="10"/>
    </row>
    <row r="27736" spans="14:14">
      <c r="N27736" s="10"/>
    </row>
    <row r="27737" spans="14:14">
      <c r="N27737" s="10"/>
    </row>
    <row r="27738" spans="14:14">
      <c r="N27738" s="10"/>
    </row>
    <row r="27739" spans="14:14">
      <c r="N27739" s="10"/>
    </row>
    <row r="27740" spans="14:14">
      <c r="N27740" s="10"/>
    </row>
    <row r="27741" spans="14:14">
      <c r="N27741" s="10"/>
    </row>
    <row r="27742" spans="14:14">
      <c r="N27742" s="10"/>
    </row>
    <row r="27743" spans="14:14">
      <c r="N27743" s="10"/>
    </row>
    <row r="27744" spans="14:14">
      <c r="N27744" s="10"/>
    </row>
    <row r="27745" spans="14:14">
      <c r="N27745" s="10"/>
    </row>
    <row r="27746" spans="14:14">
      <c r="N27746" s="10"/>
    </row>
    <row r="27747" spans="14:14">
      <c r="N27747" s="10"/>
    </row>
    <row r="27748" spans="14:14">
      <c r="N27748" s="10"/>
    </row>
    <row r="27749" spans="14:14">
      <c r="N27749" s="10"/>
    </row>
    <row r="27750" spans="14:14">
      <c r="N27750" s="10"/>
    </row>
    <row r="27751" spans="14:14">
      <c r="N27751" s="10"/>
    </row>
    <row r="27752" spans="14:14">
      <c r="N27752" s="10"/>
    </row>
    <row r="27753" spans="14:14">
      <c r="N27753" s="10"/>
    </row>
    <row r="27754" spans="14:14">
      <c r="N27754" s="10"/>
    </row>
    <row r="27755" spans="14:14">
      <c r="N27755" s="10"/>
    </row>
    <row r="27756" spans="14:14">
      <c r="N27756" s="10"/>
    </row>
    <row r="27757" spans="14:14">
      <c r="N27757" s="10"/>
    </row>
    <row r="27758" spans="14:14">
      <c r="N27758" s="10"/>
    </row>
    <row r="27759" spans="14:14">
      <c r="N27759" s="10"/>
    </row>
    <row r="27760" spans="14:14">
      <c r="N27760" s="10"/>
    </row>
    <row r="27761" spans="14:14">
      <c r="N27761" s="10"/>
    </row>
    <row r="27762" spans="14:14">
      <c r="N27762" s="10"/>
    </row>
    <row r="27763" spans="14:14">
      <c r="N27763" s="10"/>
    </row>
    <row r="27764" spans="14:14">
      <c r="N27764" s="10"/>
    </row>
    <row r="27765" spans="14:14">
      <c r="N27765" s="10"/>
    </row>
    <row r="27766" spans="14:14">
      <c r="N27766" s="10"/>
    </row>
    <row r="27767" spans="14:14">
      <c r="N27767" s="10"/>
    </row>
    <row r="27768" spans="14:14">
      <c r="N27768" s="10"/>
    </row>
    <row r="27769" spans="14:14">
      <c r="N27769" s="10"/>
    </row>
    <row r="27770" spans="14:14">
      <c r="N27770" s="10"/>
    </row>
    <row r="27771" spans="14:14">
      <c r="N27771" s="10"/>
    </row>
    <row r="27772" spans="14:14">
      <c r="N27772" s="10"/>
    </row>
    <row r="27773" spans="14:14">
      <c r="N27773" s="10"/>
    </row>
    <row r="27774" spans="14:14">
      <c r="N27774" s="10"/>
    </row>
    <row r="27775" spans="14:14">
      <c r="N27775" s="10"/>
    </row>
    <row r="27776" spans="14:14">
      <c r="N27776" s="10"/>
    </row>
    <row r="27777" spans="14:14">
      <c r="N27777" s="10"/>
    </row>
    <row r="27778" spans="14:14">
      <c r="N27778" s="10"/>
    </row>
    <row r="27779" spans="14:14">
      <c r="N27779" s="10"/>
    </row>
    <row r="27780" spans="14:14">
      <c r="N27780" s="10"/>
    </row>
    <row r="27781" spans="14:14">
      <c r="N27781" s="10"/>
    </row>
    <row r="27782" spans="14:14">
      <c r="N27782" s="10"/>
    </row>
    <row r="27783" spans="14:14">
      <c r="N27783" s="10"/>
    </row>
    <row r="27784" spans="14:14">
      <c r="N27784" s="10"/>
    </row>
    <row r="27785" spans="14:14">
      <c r="N27785" s="10"/>
    </row>
    <row r="27786" spans="14:14">
      <c r="N27786" s="10"/>
    </row>
    <row r="27787" spans="14:14">
      <c r="N27787" s="10"/>
    </row>
    <row r="27788" spans="14:14">
      <c r="N27788" s="10"/>
    </row>
    <row r="27789" spans="14:14">
      <c r="N27789" s="10"/>
    </row>
    <row r="27790" spans="14:14">
      <c r="N27790" s="10"/>
    </row>
    <row r="27791" spans="14:14">
      <c r="N27791" s="10"/>
    </row>
    <row r="27792" spans="14:14">
      <c r="N27792" s="10"/>
    </row>
    <row r="27793" spans="14:14">
      <c r="N27793" s="10"/>
    </row>
    <row r="27794" spans="14:14">
      <c r="N27794" s="10"/>
    </row>
    <row r="27795" spans="14:14">
      <c r="N27795" s="10"/>
    </row>
    <row r="27796" spans="14:14">
      <c r="N27796" s="10"/>
    </row>
    <row r="27797" spans="14:14">
      <c r="N27797" s="10"/>
    </row>
    <row r="27798" spans="14:14">
      <c r="N27798" s="10"/>
    </row>
    <row r="27799" spans="14:14">
      <c r="N27799" s="10"/>
    </row>
    <row r="27800" spans="14:14">
      <c r="N27800" s="10"/>
    </row>
    <row r="27801" spans="14:14">
      <c r="N27801" s="10"/>
    </row>
    <row r="27802" spans="14:14">
      <c r="N27802" s="10"/>
    </row>
    <row r="27803" spans="14:14">
      <c r="N27803" s="10"/>
    </row>
    <row r="27804" spans="14:14">
      <c r="N27804" s="10"/>
    </row>
    <row r="27805" spans="14:14">
      <c r="N27805" s="10"/>
    </row>
    <row r="27806" spans="14:14">
      <c r="N27806" s="10"/>
    </row>
    <row r="27807" spans="14:14">
      <c r="N27807" s="10"/>
    </row>
    <row r="27808" spans="14:14">
      <c r="N27808" s="10"/>
    </row>
    <row r="27809" spans="14:14">
      <c r="N27809" s="10"/>
    </row>
    <row r="27810" spans="14:14">
      <c r="N27810" s="10"/>
    </row>
    <row r="27811" spans="14:14">
      <c r="N27811" s="10"/>
    </row>
    <row r="27812" spans="14:14">
      <c r="N27812" s="10"/>
    </row>
    <row r="27813" spans="14:14">
      <c r="N27813" s="10"/>
    </row>
    <row r="27814" spans="14:14">
      <c r="N27814" s="10"/>
    </row>
    <row r="27815" spans="14:14">
      <c r="N27815" s="10"/>
    </row>
    <row r="27816" spans="14:14">
      <c r="N27816" s="10"/>
    </row>
    <row r="27817" spans="14:14">
      <c r="N27817" s="10"/>
    </row>
    <row r="27818" spans="14:14">
      <c r="N27818" s="10"/>
    </row>
    <row r="27819" spans="14:14">
      <c r="N27819" s="10"/>
    </row>
    <row r="27820" spans="14:14">
      <c r="N27820" s="10"/>
    </row>
    <row r="27821" spans="14:14">
      <c r="N27821" s="10"/>
    </row>
    <row r="27822" spans="14:14">
      <c r="N27822" s="10"/>
    </row>
    <row r="27823" spans="14:14">
      <c r="N27823" s="10"/>
    </row>
    <row r="27824" spans="14:14">
      <c r="N27824" s="10"/>
    </row>
    <row r="27825" spans="14:14">
      <c r="N27825" s="10"/>
    </row>
    <row r="27826" spans="14:14">
      <c r="N27826" s="10"/>
    </row>
    <row r="27827" spans="14:14">
      <c r="N27827" s="10"/>
    </row>
    <row r="27828" spans="14:14">
      <c r="N27828" s="10"/>
    </row>
    <row r="27829" spans="14:14">
      <c r="N27829" s="10"/>
    </row>
    <row r="27830" spans="14:14">
      <c r="N27830" s="10"/>
    </row>
    <row r="27831" spans="14:14">
      <c r="N27831" s="10"/>
    </row>
    <row r="27832" spans="14:14">
      <c r="N27832" s="10"/>
    </row>
    <row r="27833" spans="14:14">
      <c r="N27833" s="10"/>
    </row>
    <row r="27834" spans="14:14">
      <c r="N27834" s="10"/>
    </row>
    <row r="27835" spans="14:14">
      <c r="N27835" s="10"/>
    </row>
    <row r="27836" spans="14:14">
      <c r="N27836" s="10"/>
    </row>
    <row r="27837" spans="14:14">
      <c r="N27837" s="10"/>
    </row>
    <row r="27838" spans="14:14">
      <c r="N27838" s="10"/>
    </row>
    <row r="27839" spans="14:14">
      <c r="N27839" s="10"/>
    </row>
    <row r="27840" spans="14:14">
      <c r="N27840" s="10"/>
    </row>
    <row r="27841" spans="14:14">
      <c r="N27841" s="10"/>
    </row>
    <row r="27842" spans="14:14">
      <c r="N27842" s="10"/>
    </row>
    <row r="27843" spans="14:14">
      <c r="N27843" s="10"/>
    </row>
    <row r="27844" spans="14:14">
      <c r="N27844" s="10"/>
    </row>
    <row r="27845" spans="14:14">
      <c r="N27845" s="10"/>
    </row>
    <row r="27846" spans="14:14">
      <c r="N27846" s="10"/>
    </row>
    <row r="27847" spans="14:14">
      <c r="N27847" s="10"/>
    </row>
    <row r="27848" spans="14:14">
      <c r="N27848" s="10"/>
    </row>
    <row r="27849" spans="14:14">
      <c r="N27849" s="10"/>
    </row>
    <row r="27850" spans="14:14">
      <c r="N27850" s="10"/>
    </row>
    <row r="27851" spans="14:14">
      <c r="N27851" s="10"/>
    </row>
    <row r="27852" spans="14:14">
      <c r="N27852" s="10"/>
    </row>
    <row r="27853" spans="14:14">
      <c r="N27853" s="10"/>
    </row>
    <row r="27854" spans="14:14">
      <c r="N27854" s="10"/>
    </row>
    <row r="27855" spans="14:14">
      <c r="N27855" s="10"/>
    </row>
    <row r="27856" spans="14:14">
      <c r="N27856" s="10"/>
    </row>
    <row r="27857" spans="14:14">
      <c r="N27857" s="10"/>
    </row>
    <row r="27858" spans="14:14">
      <c r="N27858" s="10"/>
    </row>
    <row r="27859" spans="14:14">
      <c r="N27859" s="10"/>
    </row>
    <row r="27860" spans="14:14">
      <c r="N27860" s="10"/>
    </row>
    <row r="27861" spans="14:14">
      <c r="N27861" s="10"/>
    </row>
    <row r="27862" spans="14:14">
      <c r="N27862" s="10"/>
    </row>
    <row r="27863" spans="14:14">
      <c r="N27863" s="10"/>
    </row>
    <row r="27864" spans="14:14">
      <c r="N27864" s="10"/>
    </row>
    <row r="27865" spans="14:14">
      <c r="N27865" s="10"/>
    </row>
    <row r="27866" spans="14:14">
      <c r="N27866" s="10"/>
    </row>
    <row r="27867" spans="14:14">
      <c r="N27867" s="10"/>
    </row>
    <row r="27868" spans="14:14">
      <c r="N27868" s="10"/>
    </row>
    <row r="27869" spans="14:14">
      <c r="N27869" s="10"/>
    </row>
    <row r="27870" spans="14:14">
      <c r="N27870" s="10"/>
    </row>
    <row r="27871" spans="14:14">
      <c r="N27871" s="10"/>
    </row>
    <row r="27872" spans="14:14">
      <c r="N27872" s="10"/>
    </row>
    <row r="27873" spans="14:14">
      <c r="N27873" s="10"/>
    </row>
    <row r="27874" spans="14:14">
      <c r="N27874" s="10"/>
    </row>
    <row r="27875" spans="14:14">
      <c r="N27875" s="10"/>
    </row>
    <row r="27876" spans="14:14">
      <c r="N27876" s="10"/>
    </row>
    <row r="27877" spans="14:14">
      <c r="N27877" s="10"/>
    </row>
    <row r="27878" spans="14:14">
      <c r="N27878" s="10"/>
    </row>
    <row r="27879" spans="14:14">
      <c r="N27879" s="10"/>
    </row>
    <row r="27880" spans="14:14">
      <c r="N27880" s="10"/>
    </row>
    <row r="27881" spans="14:14">
      <c r="N27881" s="10"/>
    </row>
    <row r="27882" spans="14:14">
      <c r="N27882" s="10"/>
    </row>
    <row r="27883" spans="14:14">
      <c r="N27883" s="10"/>
    </row>
    <row r="27884" spans="14:14">
      <c r="N27884" s="10"/>
    </row>
    <row r="27885" spans="14:14">
      <c r="N27885" s="10"/>
    </row>
    <row r="27886" spans="14:14">
      <c r="N27886" s="10"/>
    </row>
    <row r="27887" spans="14:14">
      <c r="N27887" s="10"/>
    </row>
    <row r="27888" spans="14:14">
      <c r="N27888" s="10"/>
    </row>
    <row r="27889" spans="14:14">
      <c r="N27889" s="10"/>
    </row>
    <row r="27890" spans="14:14">
      <c r="N27890" s="10"/>
    </row>
    <row r="27891" spans="14:14">
      <c r="N27891" s="10"/>
    </row>
    <row r="27892" spans="14:14">
      <c r="N27892" s="10"/>
    </row>
    <row r="27893" spans="14:14">
      <c r="N27893" s="10"/>
    </row>
    <row r="27894" spans="14:14">
      <c r="N27894" s="10"/>
    </row>
    <row r="27895" spans="14:14">
      <c r="N27895" s="10"/>
    </row>
    <row r="27896" spans="14:14">
      <c r="N27896" s="10"/>
    </row>
    <row r="27897" spans="14:14">
      <c r="N27897" s="10"/>
    </row>
    <row r="27898" spans="14:14">
      <c r="N27898" s="10"/>
    </row>
    <row r="27899" spans="14:14">
      <c r="N27899" s="10"/>
    </row>
    <row r="27900" spans="14:14">
      <c r="N27900" s="10"/>
    </row>
    <row r="27901" spans="14:14">
      <c r="N27901" s="10"/>
    </row>
    <row r="27902" spans="14:14">
      <c r="N27902" s="10"/>
    </row>
    <row r="27903" spans="14:14">
      <c r="N27903" s="10"/>
    </row>
    <row r="27904" spans="14:14">
      <c r="N27904" s="10"/>
    </row>
    <row r="27905" spans="14:14">
      <c r="N27905" s="10"/>
    </row>
    <row r="27906" spans="14:14">
      <c r="N27906" s="10"/>
    </row>
    <row r="27907" spans="14:14">
      <c r="N27907" s="10"/>
    </row>
    <row r="27908" spans="14:14">
      <c r="N27908" s="10"/>
    </row>
    <row r="27909" spans="14:14">
      <c r="N27909" s="10"/>
    </row>
    <row r="27910" spans="14:14">
      <c r="N27910" s="10"/>
    </row>
    <row r="27911" spans="14:14">
      <c r="N27911" s="10"/>
    </row>
    <row r="27912" spans="14:14">
      <c r="N27912" s="10"/>
    </row>
    <row r="27913" spans="14:14">
      <c r="N27913" s="10"/>
    </row>
    <row r="27914" spans="14:14">
      <c r="N27914" s="10"/>
    </row>
    <row r="27915" spans="14:14">
      <c r="N27915" s="10"/>
    </row>
    <row r="27916" spans="14:14">
      <c r="N27916" s="10"/>
    </row>
    <row r="27917" spans="14:14">
      <c r="N27917" s="10"/>
    </row>
    <row r="27918" spans="14:14">
      <c r="N27918" s="10"/>
    </row>
    <row r="27919" spans="14:14">
      <c r="N27919" s="10"/>
    </row>
    <row r="27920" spans="14:14">
      <c r="N27920" s="10"/>
    </row>
    <row r="27921" spans="14:14">
      <c r="N27921" s="10"/>
    </row>
    <row r="27922" spans="14:14">
      <c r="N27922" s="10"/>
    </row>
    <row r="27923" spans="14:14">
      <c r="N27923" s="10"/>
    </row>
    <row r="27924" spans="14:14">
      <c r="N27924" s="10"/>
    </row>
    <row r="27925" spans="14:14">
      <c r="N27925" s="10"/>
    </row>
    <row r="27926" spans="14:14">
      <c r="N27926" s="10"/>
    </row>
    <row r="27927" spans="14:14">
      <c r="N27927" s="10"/>
    </row>
    <row r="27928" spans="14:14">
      <c r="N27928" s="10"/>
    </row>
    <row r="27929" spans="14:14">
      <c r="N27929" s="10"/>
    </row>
    <row r="27930" spans="14:14">
      <c r="N27930" s="10"/>
    </row>
    <row r="27931" spans="14:14">
      <c r="N27931" s="10"/>
    </row>
    <row r="27932" spans="14:14">
      <c r="N27932" s="10"/>
    </row>
    <row r="27933" spans="14:14">
      <c r="N27933" s="10"/>
    </row>
    <row r="27934" spans="14:14">
      <c r="N27934" s="10"/>
    </row>
    <row r="27935" spans="14:14">
      <c r="N27935" s="10"/>
    </row>
    <row r="27936" spans="14:14">
      <c r="N27936" s="10"/>
    </row>
    <row r="27937" spans="14:14">
      <c r="N27937" s="10"/>
    </row>
    <row r="27938" spans="14:14">
      <c r="N27938" s="10"/>
    </row>
    <row r="27939" spans="14:14">
      <c r="N27939" s="10"/>
    </row>
    <row r="27940" spans="14:14">
      <c r="N27940" s="10"/>
    </row>
    <row r="27941" spans="14:14">
      <c r="N27941" s="10"/>
    </row>
    <row r="27942" spans="14:14">
      <c r="N27942" s="10"/>
    </row>
    <row r="27943" spans="14:14">
      <c r="N27943" s="10"/>
    </row>
    <row r="27944" spans="14:14">
      <c r="N27944" s="10"/>
    </row>
    <row r="27945" spans="14:14">
      <c r="N27945" s="10"/>
    </row>
    <row r="27946" spans="14:14">
      <c r="N27946" s="10"/>
    </row>
    <row r="27947" spans="14:14">
      <c r="N27947" s="10"/>
    </row>
    <row r="27948" spans="14:14">
      <c r="N27948" s="10"/>
    </row>
    <row r="27949" spans="14:14">
      <c r="N27949" s="10"/>
    </row>
    <row r="27950" spans="14:14">
      <c r="N27950" s="10"/>
    </row>
    <row r="27951" spans="14:14">
      <c r="N27951" s="10"/>
    </row>
    <row r="27952" spans="14:14">
      <c r="N27952" s="10"/>
    </row>
    <row r="27953" spans="14:14">
      <c r="N27953" s="10"/>
    </row>
    <row r="27954" spans="14:14">
      <c r="N27954" s="10"/>
    </row>
    <row r="27955" spans="14:14">
      <c r="N27955" s="10"/>
    </row>
    <row r="27956" spans="14:14">
      <c r="N27956" s="10"/>
    </row>
    <row r="27957" spans="14:14">
      <c r="N27957" s="10"/>
    </row>
    <row r="27958" spans="14:14">
      <c r="N27958" s="10"/>
    </row>
    <row r="27959" spans="14:14">
      <c r="N27959" s="10"/>
    </row>
    <row r="27960" spans="14:14">
      <c r="N27960" s="10"/>
    </row>
    <row r="27961" spans="14:14">
      <c r="N27961" s="10"/>
    </row>
    <row r="27962" spans="14:14">
      <c r="N27962" s="10"/>
    </row>
    <row r="27963" spans="14:14">
      <c r="N27963" s="10"/>
    </row>
    <row r="27964" spans="14:14">
      <c r="N27964" s="10"/>
    </row>
    <row r="27965" spans="14:14">
      <c r="N27965" s="10"/>
    </row>
    <row r="27966" spans="14:14">
      <c r="N27966" s="10"/>
    </row>
    <row r="27967" spans="14:14">
      <c r="N27967" s="10"/>
    </row>
    <row r="27968" spans="14:14">
      <c r="N27968" s="10"/>
    </row>
    <row r="27969" spans="14:14">
      <c r="N27969" s="10"/>
    </row>
    <row r="27970" spans="14:14">
      <c r="N27970" s="10"/>
    </row>
    <row r="27971" spans="14:14">
      <c r="N27971" s="10"/>
    </row>
    <row r="27972" spans="14:14">
      <c r="N27972" s="10"/>
    </row>
    <row r="27973" spans="14:14">
      <c r="N27973" s="10"/>
    </row>
    <row r="27974" spans="14:14">
      <c r="N27974" s="10"/>
    </row>
    <row r="27975" spans="14:14">
      <c r="N27975" s="10"/>
    </row>
    <row r="27976" spans="14:14">
      <c r="N27976" s="10"/>
    </row>
    <row r="27977" spans="14:14">
      <c r="N27977" s="10"/>
    </row>
    <row r="27978" spans="14:14">
      <c r="N27978" s="10"/>
    </row>
    <row r="27979" spans="14:14">
      <c r="N27979" s="10"/>
    </row>
    <row r="27980" spans="14:14">
      <c r="N27980" s="10"/>
    </row>
    <row r="27981" spans="14:14">
      <c r="N27981" s="10"/>
    </row>
    <row r="27982" spans="14:14">
      <c r="N27982" s="10"/>
    </row>
    <row r="27983" spans="14:14">
      <c r="N27983" s="10"/>
    </row>
    <row r="27984" spans="14:14">
      <c r="N27984" s="10"/>
    </row>
    <row r="27985" spans="14:14">
      <c r="N27985" s="10"/>
    </row>
    <row r="27986" spans="14:14">
      <c r="N27986" s="10"/>
    </row>
    <row r="27987" spans="14:14">
      <c r="N27987" s="10"/>
    </row>
    <row r="27988" spans="14:14">
      <c r="N27988" s="10"/>
    </row>
    <row r="27989" spans="14:14">
      <c r="N27989" s="10"/>
    </row>
    <row r="27990" spans="14:14">
      <c r="N27990" s="10"/>
    </row>
    <row r="27991" spans="14:14">
      <c r="N27991" s="10"/>
    </row>
    <row r="27992" spans="14:14">
      <c r="N27992" s="10"/>
    </row>
    <row r="27993" spans="14:14">
      <c r="N27993" s="10"/>
    </row>
    <row r="27994" spans="14:14">
      <c r="N27994" s="10"/>
    </row>
    <row r="27995" spans="14:14">
      <c r="N27995" s="10"/>
    </row>
    <row r="27996" spans="14:14">
      <c r="N27996" s="10"/>
    </row>
    <row r="27997" spans="14:14">
      <c r="N27997" s="10"/>
    </row>
    <row r="27998" spans="14:14">
      <c r="N27998" s="10"/>
    </row>
    <row r="27999" spans="14:14">
      <c r="N27999" s="10"/>
    </row>
    <row r="28000" spans="14:14">
      <c r="N28000" s="10"/>
    </row>
    <row r="28001" spans="14:14">
      <c r="N28001" s="10"/>
    </row>
    <row r="28002" spans="14:14">
      <c r="N28002" s="10"/>
    </row>
    <row r="28003" spans="14:14">
      <c r="N28003" s="10"/>
    </row>
    <row r="28004" spans="14:14">
      <c r="N28004" s="10"/>
    </row>
    <row r="28005" spans="14:14">
      <c r="N28005" s="10"/>
    </row>
    <row r="28006" spans="14:14">
      <c r="N28006" s="10"/>
    </row>
    <row r="28007" spans="14:14">
      <c r="N28007" s="10"/>
    </row>
    <row r="28008" spans="14:14">
      <c r="N28008" s="10"/>
    </row>
    <row r="28009" spans="14:14">
      <c r="N28009" s="10"/>
    </row>
    <row r="28010" spans="14:14">
      <c r="N28010" s="10"/>
    </row>
    <row r="28011" spans="14:14">
      <c r="N28011" s="10"/>
    </row>
    <row r="28012" spans="14:14">
      <c r="N28012" s="10"/>
    </row>
    <row r="28013" spans="14:14">
      <c r="N28013" s="10"/>
    </row>
    <row r="28014" spans="14:14">
      <c r="N28014" s="10"/>
    </row>
    <row r="28015" spans="14:14">
      <c r="N28015" s="10"/>
    </row>
    <row r="28016" spans="14:14">
      <c r="N28016" s="10"/>
    </row>
    <row r="28017" spans="14:14">
      <c r="N28017" s="10"/>
    </row>
    <row r="28018" spans="14:14">
      <c r="N28018" s="10"/>
    </row>
    <row r="28019" spans="14:14">
      <c r="N28019" s="10"/>
    </row>
    <row r="28020" spans="14:14">
      <c r="N28020" s="10"/>
    </row>
    <row r="28021" spans="14:14">
      <c r="N28021" s="10"/>
    </row>
    <row r="28022" spans="14:14">
      <c r="N28022" s="10"/>
    </row>
    <row r="28023" spans="14:14">
      <c r="N28023" s="10"/>
    </row>
    <row r="28024" spans="14:14">
      <c r="N28024" s="10"/>
    </row>
    <row r="28025" spans="14:14">
      <c r="N28025" s="10"/>
    </row>
    <row r="28026" spans="14:14">
      <c r="N28026" s="10"/>
    </row>
    <row r="28027" spans="14:14">
      <c r="N28027" s="10"/>
    </row>
    <row r="28028" spans="14:14">
      <c r="N28028" s="10"/>
    </row>
    <row r="28029" spans="14:14">
      <c r="N28029" s="10"/>
    </row>
    <row r="28030" spans="14:14">
      <c r="N28030" s="10"/>
    </row>
    <row r="28031" spans="14:14">
      <c r="N28031" s="10"/>
    </row>
    <row r="28032" spans="14:14">
      <c r="N28032" s="10"/>
    </row>
    <row r="28033" spans="14:14">
      <c r="N28033" s="10"/>
    </row>
    <row r="28034" spans="14:14">
      <c r="N28034" s="10"/>
    </row>
    <row r="28035" spans="14:14">
      <c r="N28035" s="10"/>
    </row>
    <row r="28036" spans="14:14">
      <c r="N28036" s="10"/>
    </row>
    <row r="28037" spans="14:14">
      <c r="N28037" s="10"/>
    </row>
    <row r="28038" spans="14:14">
      <c r="N28038" s="10"/>
    </row>
    <row r="28039" spans="14:14">
      <c r="N28039" s="10"/>
    </row>
    <row r="28040" spans="14:14">
      <c r="N28040" s="10"/>
    </row>
    <row r="28041" spans="14:14">
      <c r="N28041" s="10"/>
    </row>
    <row r="28042" spans="14:14">
      <c r="N28042" s="10"/>
    </row>
    <row r="28043" spans="14:14">
      <c r="N28043" s="10"/>
    </row>
    <row r="28044" spans="14:14">
      <c r="N28044" s="10"/>
    </row>
    <row r="28045" spans="14:14">
      <c r="N28045" s="10"/>
    </row>
    <row r="28046" spans="14:14">
      <c r="N28046" s="10"/>
    </row>
    <row r="28047" spans="14:14">
      <c r="N28047" s="10"/>
    </row>
    <row r="28048" spans="14:14">
      <c r="N28048" s="10"/>
    </row>
    <row r="28049" spans="14:14">
      <c r="N28049" s="10"/>
    </row>
    <row r="28050" spans="14:14">
      <c r="N28050" s="10"/>
    </row>
    <row r="28051" spans="14:14">
      <c r="N28051" s="10"/>
    </row>
    <row r="28052" spans="14:14">
      <c r="N28052" s="10"/>
    </row>
    <row r="28053" spans="14:14">
      <c r="N28053" s="10"/>
    </row>
    <row r="28054" spans="14:14">
      <c r="N28054" s="10"/>
    </row>
    <row r="28055" spans="14:14">
      <c r="N28055" s="10"/>
    </row>
    <row r="28056" spans="14:14">
      <c r="N28056" s="10"/>
    </row>
    <row r="28057" spans="14:14">
      <c r="N28057" s="10"/>
    </row>
    <row r="28058" spans="14:14">
      <c r="N28058" s="10"/>
    </row>
    <row r="28059" spans="14:14">
      <c r="N28059" s="10"/>
    </row>
    <row r="28060" spans="14:14">
      <c r="N28060" s="10"/>
    </row>
    <row r="28061" spans="14:14">
      <c r="N28061" s="10"/>
    </row>
    <row r="28062" spans="14:14">
      <c r="N28062" s="10"/>
    </row>
    <row r="28063" spans="14:14">
      <c r="N28063" s="10"/>
    </row>
    <row r="28064" spans="14:14">
      <c r="N28064" s="10"/>
    </row>
    <row r="28065" spans="14:14">
      <c r="N28065" s="10"/>
    </row>
    <row r="28066" spans="14:14">
      <c r="N28066" s="10"/>
    </row>
    <row r="28067" spans="14:14">
      <c r="N28067" s="10"/>
    </row>
    <row r="28068" spans="14:14">
      <c r="N28068" s="10"/>
    </row>
    <row r="28069" spans="14:14">
      <c r="N28069" s="10"/>
    </row>
    <row r="28070" spans="14:14">
      <c r="N28070" s="10"/>
    </row>
    <row r="28071" spans="14:14">
      <c r="N28071" s="10"/>
    </row>
    <row r="28072" spans="14:14">
      <c r="N28072" s="10"/>
    </row>
    <row r="28073" spans="14:14">
      <c r="N28073" s="10"/>
    </row>
    <row r="28074" spans="14:14">
      <c r="N28074" s="10"/>
    </row>
    <row r="28075" spans="14:14">
      <c r="N28075" s="10"/>
    </row>
    <row r="28076" spans="14:14">
      <c r="N28076" s="10"/>
    </row>
    <row r="28077" spans="14:14">
      <c r="N28077" s="10"/>
    </row>
    <row r="28078" spans="14:14">
      <c r="N28078" s="10"/>
    </row>
    <row r="28079" spans="14:14">
      <c r="N28079" s="10"/>
    </row>
    <row r="28080" spans="14:14">
      <c r="N28080" s="10"/>
    </row>
    <row r="28081" spans="14:14">
      <c r="N28081" s="10"/>
    </row>
    <row r="28082" spans="14:14">
      <c r="N28082" s="10"/>
    </row>
    <row r="28083" spans="14:14">
      <c r="N28083" s="10"/>
    </row>
    <row r="28084" spans="14:14">
      <c r="N28084" s="10"/>
    </row>
    <row r="28085" spans="14:14">
      <c r="N28085" s="10"/>
    </row>
    <row r="28086" spans="14:14">
      <c r="N28086" s="10"/>
    </row>
    <row r="28087" spans="14:14">
      <c r="N28087" s="10"/>
    </row>
    <row r="28088" spans="14:14">
      <c r="N28088" s="10"/>
    </row>
    <row r="28089" spans="14:14">
      <c r="N28089" s="10"/>
    </row>
    <row r="28090" spans="14:14">
      <c r="N28090" s="10"/>
    </row>
    <row r="28091" spans="14:14">
      <c r="N28091" s="10"/>
    </row>
    <row r="28092" spans="14:14">
      <c r="N28092" s="10"/>
    </row>
    <row r="28093" spans="14:14">
      <c r="N28093" s="10"/>
    </row>
    <row r="28094" spans="14:14">
      <c r="N28094" s="10"/>
    </row>
    <row r="28095" spans="14:14">
      <c r="N28095" s="10"/>
    </row>
    <row r="28096" spans="14:14">
      <c r="N28096" s="10"/>
    </row>
    <row r="28097" spans="14:14">
      <c r="N28097" s="10"/>
    </row>
    <row r="28098" spans="14:14">
      <c r="N28098" s="10"/>
    </row>
    <row r="28099" spans="14:14">
      <c r="N28099" s="10"/>
    </row>
    <row r="28100" spans="14:14">
      <c r="N28100" s="10"/>
    </row>
    <row r="28101" spans="14:14">
      <c r="N28101" s="10"/>
    </row>
    <row r="28102" spans="14:14">
      <c r="N28102" s="10"/>
    </row>
    <row r="28103" spans="14:14">
      <c r="N28103" s="10"/>
    </row>
    <row r="28104" spans="14:14">
      <c r="N28104" s="10"/>
    </row>
    <row r="28105" spans="14:14">
      <c r="N28105" s="10"/>
    </row>
    <row r="28106" spans="14:14">
      <c r="N28106" s="10"/>
    </row>
    <row r="28107" spans="14:14">
      <c r="N28107" s="10"/>
    </row>
    <row r="28108" spans="14:14">
      <c r="N28108" s="10"/>
    </row>
    <row r="28109" spans="14:14">
      <c r="N28109" s="10"/>
    </row>
    <row r="28110" spans="14:14">
      <c r="N28110" s="10"/>
    </row>
    <row r="28111" spans="14:14">
      <c r="N28111" s="10"/>
    </row>
    <row r="28112" spans="14:14">
      <c r="N28112" s="10"/>
    </row>
    <row r="28113" spans="14:14">
      <c r="N28113" s="10"/>
    </row>
    <row r="28114" spans="14:14">
      <c r="N28114" s="10"/>
    </row>
    <row r="28115" spans="14:14">
      <c r="N28115" s="10"/>
    </row>
    <row r="28116" spans="14:14">
      <c r="N28116" s="10"/>
    </row>
    <row r="28117" spans="14:14">
      <c r="N28117" s="10"/>
    </row>
    <row r="28118" spans="14:14">
      <c r="N28118" s="10"/>
    </row>
    <row r="28119" spans="14:14">
      <c r="N28119" s="10"/>
    </row>
    <row r="28120" spans="14:14">
      <c r="N28120" s="10"/>
    </row>
    <row r="28121" spans="14:14">
      <c r="N28121" s="10"/>
    </row>
    <row r="28122" spans="14:14">
      <c r="N28122" s="10"/>
    </row>
    <row r="28123" spans="14:14">
      <c r="N28123" s="10"/>
    </row>
    <row r="28124" spans="14:14">
      <c r="N28124" s="10"/>
    </row>
    <row r="28125" spans="14:14">
      <c r="N28125" s="10"/>
    </row>
    <row r="28126" spans="14:14">
      <c r="N28126" s="10"/>
    </row>
    <row r="28127" spans="14:14">
      <c r="N28127" s="10"/>
    </row>
    <row r="28128" spans="14:14">
      <c r="N28128" s="10"/>
    </row>
    <row r="28129" spans="14:14">
      <c r="N28129" s="10"/>
    </row>
    <row r="28130" spans="14:14">
      <c r="N28130" s="10"/>
    </row>
    <row r="28131" spans="14:14">
      <c r="N28131" s="10"/>
    </row>
    <row r="28132" spans="14:14">
      <c r="N28132" s="10"/>
    </row>
    <row r="28133" spans="14:14">
      <c r="N28133" s="10"/>
    </row>
    <row r="28134" spans="14:14">
      <c r="N28134" s="10"/>
    </row>
    <row r="28135" spans="14:14">
      <c r="N28135" s="10"/>
    </row>
    <row r="28136" spans="14:14">
      <c r="N28136" s="10"/>
    </row>
    <row r="28137" spans="14:14">
      <c r="N28137" s="10"/>
    </row>
    <row r="28138" spans="14:14">
      <c r="N28138" s="10"/>
    </row>
    <row r="28139" spans="14:14">
      <c r="N28139" s="10"/>
    </row>
    <row r="28140" spans="14:14">
      <c r="N28140" s="10"/>
    </row>
    <row r="28141" spans="14:14">
      <c r="N28141" s="10"/>
    </row>
    <row r="28142" spans="14:14">
      <c r="N28142" s="10"/>
    </row>
    <row r="28143" spans="14:14">
      <c r="N28143" s="10"/>
    </row>
    <row r="28144" spans="14:14">
      <c r="N28144" s="10"/>
    </row>
    <row r="28145" spans="14:14">
      <c r="N28145" s="10"/>
    </row>
    <row r="28146" spans="14:14">
      <c r="N28146" s="10"/>
    </row>
    <row r="28147" spans="14:14">
      <c r="N28147" s="10"/>
    </row>
    <row r="28148" spans="14:14">
      <c r="N28148" s="10"/>
    </row>
    <row r="28149" spans="14:14">
      <c r="N28149" s="10"/>
    </row>
    <row r="28150" spans="14:14">
      <c r="N28150" s="10"/>
    </row>
    <row r="28151" spans="14:14">
      <c r="N28151" s="10"/>
    </row>
    <row r="28152" spans="14:14">
      <c r="N28152" s="10"/>
    </row>
    <row r="28153" spans="14:14">
      <c r="N28153" s="10"/>
    </row>
    <row r="28154" spans="14:14">
      <c r="N28154" s="10"/>
    </row>
    <row r="28155" spans="14:14">
      <c r="N28155" s="10"/>
    </row>
    <row r="28156" spans="14:14">
      <c r="N28156" s="10"/>
    </row>
    <row r="28157" spans="14:14">
      <c r="N28157" s="10"/>
    </row>
    <row r="28158" spans="14:14">
      <c r="N28158" s="10"/>
    </row>
    <row r="28159" spans="14:14">
      <c r="N28159" s="10"/>
    </row>
    <row r="28160" spans="14:14">
      <c r="N28160" s="10"/>
    </row>
    <row r="28161" spans="14:14">
      <c r="N28161" s="10"/>
    </row>
    <row r="28162" spans="14:14">
      <c r="N28162" s="10"/>
    </row>
    <row r="28163" spans="14:14">
      <c r="N28163" s="10"/>
    </row>
    <row r="28164" spans="14:14">
      <c r="N28164" s="10"/>
    </row>
    <row r="28165" spans="14:14">
      <c r="N28165" s="10"/>
    </row>
    <row r="28166" spans="14:14">
      <c r="N28166" s="10"/>
    </row>
    <row r="28167" spans="14:14">
      <c r="N28167" s="10"/>
    </row>
    <row r="28168" spans="14:14">
      <c r="N28168" s="10"/>
    </row>
    <row r="28169" spans="14:14">
      <c r="N28169" s="10"/>
    </row>
    <row r="28170" spans="14:14">
      <c r="N28170" s="10"/>
    </row>
    <row r="28171" spans="14:14">
      <c r="N28171" s="10"/>
    </row>
    <row r="28172" spans="14:14">
      <c r="N28172" s="10"/>
    </row>
    <row r="28173" spans="14:14">
      <c r="N28173" s="10"/>
    </row>
    <row r="28174" spans="14:14">
      <c r="N28174" s="10"/>
    </row>
    <row r="28175" spans="14:14">
      <c r="N28175" s="10"/>
    </row>
    <row r="28176" spans="14:14">
      <c r="N28176" s="10"/>
    </row>
    <row r="28177" spans="14:14">
      <c r="N28177" s="10"/>
    </row>
    <row r="28178" spans="14:14">
      <c r="N28178" s="10"/>
    </row>
    <row r="28179" spans="14:14">
      <c r="N28179" s="10"/>
    </row>
    <row r="28180" spans="14:14">
      <c r="N28180" s="10"/>
    </row>
    <row r="28181" spans="14:14">
      <c r="N28181" s="10"/>
    </row>
    <row r="28182" spans="14:14">
      <c r="N28182" s="10"/>
    </row>
    <row r="28183" spans="14:14">
      <c r="N28183" s="10"/>
    </row>
    <row r="28184" spans="14:14">
      <c r="N28184" s="10"/>
    </row>
    <row r="28185" spans="14:14">
      <c r="N28185" s="10"/>
    </row>
    <row r="28186" spans="14:14">
      <c r="N28186" s="10"/>
    </row>
    <row r="28187" spans="14:14">
      <c r="N28187" s="10"/>
    </row>
    <row r="28188" spans="14:14">
      <c r="N28188" s="10"/>
    </row>
    <row r="28189" spans="14:14">
      <c r="N28189" s="10"/>
    </row>
    <row r="28190" spans="14:14">
      <c r="N28190" s="10"/>
    </row>
    <row r="28191" spans="14:14">
      <c r="N28191" s="10"/>
    </row>
    <row r="28192" spans="14:14">
      <c r="N28192" s="10"/>
    </row>
    <row r="28193" spans="14:14">
      <c r="N28193" s="10"/>
    </row>
    <row r="28194" spans="14:14">
      <c r="N28194" s="10"/>
    </row>
    <row r="28195" spans="14:14">
      <c r="N28195" s="10"/>
    </row>
    <row r="28196" spans="14:14">
      <c r="N28196" s="10"/>
    </row>
    <row r="28197" spans="14:14">
      <c r="N28197" s="10"/>
    </row>
    <row r="28198" spans="14:14">
      <c r="N28198" s="10"/>
    </row>
    <row r="28199" spans="14:14">
      <c r="N28199" s="10"/>
    </row>
    <row r="28200" spans="14:14">
      <c r="N28200" s="10"/>
    </row>
    <row r="28201" spans="14:14">
      <c r="N28201" s="10"/>
    </row>
    <row r="28202" spans="14:14">
      <c r="N28202" s="10"/>
    </row>
    <row r="28203" spans="14:14">
      <c r="N28203" s="10"/>
    </row>
    <row r="28204" spans="14:14">
      <c r="N28204" s="10"/>
    </row>
    <row r="28205" spans="14:14">
      <c r="N28205" s="10"/>
    </row>
    <row r="28206" spans="14:14">
      <c r="N28206" s="10"/>
    </row>
    <row r="28207" spans="14:14">
      <c r="N28207" s="10"/>
    </row>
    <row r="28208" spans="14:14">
      <c r="N28208" s="10"/>
    </row>
    <row r="28209" spans="14:14">
      <c r="N28209" s="10"/>
    </row>
    <row r="28210" spans="14:14">
      <c r="N28210" s="10"/>
    </row>
    <row r="28211" spans="14:14">
      <c r="N28211" s="10"/>
    </row>
    <row r="28212" spans="14:14">
      <c r="N28212" s="10"/>
    </row>
    <row r="28213" spans="14:14">
      <c r="N28213" s="10"/>
    </row>
    <row r="28214" spans="14:14">
      <c r="N28214" s="10"/>
    </row>
    <row r="28215" spans="14:14">
      <c r="N28215" s="10"/>
    </row>
    <row r="28216" spans="14:14">
      <c r="N28216" s="10"/>
    </row>
    <row r="28217" spans="14:14">
      <c r="N28217" s="10"/>
    </row>
    <row r="28218" spans="14:14">
      <c r="N28218" s="10"/>
    </row>
    <row r="28219" spans="14:14">
      <c r="N28219" s="10"/>
    </row>
    <row r="28220" spans="14:14">
      <c r="N28220" s="10"/>
    </row>
    <row r="28221" spans="14:14">
      <c r="N28221" s="10"/>
    </row>
    <row r="28222" spans="14:14">
      <c r="N28222" s="10"/>
    </row>
    <row r="28223" spans="14:14">
      <c r="N28223" s="10"/>
    </row>
    <row r="28224" spans="14:14">
      <c r="N28224" s="10"/>
    </row>
    <row r="28225" spans="14:14">
      <c r="N28225" s="10"/>
    </row>
    <row r="28226" spans="14:14">
      <c r="N28226" s="10"/>
    </row>
    <row r="28227" spans="14:14">
      <c r="N28227" s="10"/>
    </row>
    <row r="28228" spans="14:14">
      <c r="N28228" s="10"/>
    </row>
    <row r="28229" spans="14:14">
      <c r="N28229" s="10"/>
    </row>
    <row r="28230" spans="14:14">
      <c r="N28230" s="10"/>
    </row>
    <row r="28231" spans="14:14">
      <c r="N28231" s="10"/>
    </row>
    <row r="28232" spans="14:14">
      <c r="N28232" s="10"/>
    </row>
    <row r="28233" spans="14:14">
      <c r="N28233" s="10"/>
    </row>
    <row r="28234" spans="14:14">
      <c r="N28234" s="10"/>
    </row>
    <row r="28235" spans="14:14">
      <c r="N28235" s="10"/>
    </row>
    <row r="28236" spans="14:14">
      <c r="N28236" s="10"/>
    </row>
    <row r="28237" spans="14:14">
      <c r="N28237" s="10"/>
    </row>
    <row r="28238" spans="14:14">
      <c r="N28238" s="10"/>
    </row>
    <row r="28239" spans="14:14">
      <c r="N28239" s="10"/>
    </row>
    <row r="28240" spans="14:14">
      <c r="N28240" s="10"/>
    </row>
    <row r="28241" spans="14:14">
      <c r="N28241" s="10"/>
    </row>
    <row r="28242" spans="14:14">
      <c r="N28242" s="10"/>
    </row>
    <row r="28243" spans="14:14">
      <c r="N28243" s="10"/>
    </row>
    <row r="28244" spans="14:14">
      <c r="N28244" s="10"/>
    </row>
    <row r="28245" spans="14:14">
      <c r="N28245" s="10"/>
    </row>
    <row r="28246" spans="14:14">
      <c r="N28246" s="10"/>
    </row>
    <row r="28247" spans="14:14">
      <c r="N28247" s="10"/>
    </row>
    <row r="28248" spans="14:14">
      <c r="N28248" s="10"/>
    </row>
    <row r="28249" spans="14:14">
      <c r="N28249" s="10"/>
    </row>
    <row r="28250" spans="14:14">
      <c r="N28250" s="10"/>
    </row>
    <row r="28251" spans="14:14">
      <c r="N28251" s="10"/>
    </row>
    <row r="28252" spans="14:14">
      <c r="N28252" s="10"/>
    </row>
    <row r="28253" spans="14:14">
      <c r="N28253" s="10"/>
    </row>
    <row r="28254" spans="14:14">
      <c r="N28254" s="10"/>
    </row>
    <row r="28255" spans="14:14">
      <c r="N28255" s="10"/>
    </row>
    <row r="28256" spans="14:14">
      <c r="N28256" s="10"/>
    </row>
    <row r="28257" spans="14:14">
      <c r="N28257" s="10"/>
    </row>
    <row r="28258" spans="14:14">
      <c r="N28258" s="10"/>
    </row>
    <row r="28259" spans="14:14">
      <c r="N28259" s="10"/>
    </row>
    <row r="28260" spans="14:14">
      <c r="N28260" s="10"/>
    </row>
    <row r="28261" spans="14:14">
      <c r="N28261" s="10"/>
    </row>
    <row r="28262" spans="14:14">
      <c r="N28262" s="10"/>
    </row>
    <row r="28263" spans="14:14">
      <c r="N28263" s="10"/>
    </row>
    <row r="28264" spans="14:14">
      <c r="N28264" s="10"/>
    </row>
    <row r="28265" spans="14:14">
      <c r="N28265" s="10"/>
    </row>
    <row r="28266" spans="14:14">
      <c r="N28266" s="10"/>
    </row>
    <row r="28267" spans="14:14">
      <c r="N28267" s="10"/>
    </row>
    <row r="28268" spans="14:14">
      <c r="N28268" s="10"/>
    </row>
    <row r="28269" spans="14:14">
      <c r="N28269" s="10"/>
    </row>
    <row r="28270" spans="14:14">
      <c r="N28270" s="10"/>
    </row>
    <row r="28271" spans="14:14">
      <c r="N28271" s="10"/>
    </row>
    <row r="28272" spans="14:14">
      <c r="N28272" s="10"/>
    </row>
    <row r="28273" spans="14:14">
      <c r="N28273" s="10"/>
    </row>
    <row r="28274" spans="14:14">
      <c r="N28274" s="10"/>
    </row>
    <row r="28275" spans="14:14">
      <c r="N28275" s="10"/>
    </row>
    <row r="28276" spans="14:14">
      <c r="N28276" s="10"/>
    </row>
    <row r="28277" spans="14:14">
      <c r="N28277" s="10"/>
    </row>
    <row r="28278" spans="14:14">
      <c r="N28278" s="10"/>
    </row>
    <row r="28279" spans="14:14">
      <c r="N28279" s="10"/>
    </row>
    <row r="28280" spans="14:14">
      <c r="N28280" s="10"/>
    </row>
    <row r="28281" spans="14:14">
      <c r="N28281" s="10"/>
    </row>
    <row r="28282" spans="14:14">
      <c r="N28282" s="10"/>
    </row>
    <row r="28283" spans="14:14">
      <c r="N28283" s="10"/>
    </row>
    <row r="28284" spans="14:14">
      <c r="N28284" s="10"/>
    </row>
    <row r="28285" spans="14:14">
      <c r="N28285" s="10"/>
    </row>
    <row r="28286" spans="14:14">
      <c r="N28286" s="10"/>
    </row>
    <row r="28287" spans="14:14">
      <c r="N28287" s="10"/>
    </row>
    <row r="28288" spans="14:14">
      <c r="N28288" s="10"/>
    </row>
    <row r="28289" spans="14:14">
      <c r="N28289" s="10"/>
    </row>
    <row r="28290" spans="14:14">
      <c r="N28290" s="10"/>
    </row>
    <row r="28291" spans="14:14">
      <c r="N28291" s="10"/>
    </row>
    <row r="28292" spans="14:14">
      <c r="N28292" s="10"/>
    </row>
    <row r="28293" spans="14:14">
      <c r="N28293" s="10"/>
    </row>
    <row r="28294" spans="14:14">
      <c r="N28294" s="10"/>
    </row>
    <row r="28295" spans="14:14">
      <c r="N28295" s="10"/>
    </row>
    <row r="28296" spans="14:14">
      <c r="N28296" s="10"/>
    </row>
    <row r="28297" spans="14:14">
      <c r="N28297" s="10"/>
    </row>
    <row r="28298" spans="14:14">
      <c r="N28298" s="10"/>
    </row>
    <row r="28299" spans="14:14">
      <c r="N28299" s="10"/>
    </row>
    <row r="28300" spans="14:14">
      <c r="N28300" s="10"/>
    </row>
    <row r="28301" spans="14:14">
      <c r="N28301" s="10"/>
    </row>
    <row r="28302" spans="14:14">
      <c r="N28302" s="10"/>
    </row>
    <row r="28303" spans="14:14">
      <c r="N28303" s="10"/>
    </row>
    <row r="28304" spans="14:14">
      <c r="N28304" s="10"/>
    </row>
    <row r="28305" spans="14:14">
      <c r="N28305" s="10"/>
    </row>
    <row r="28306" spans="14:14">
      <c r="N28306" s="10"/>
    </row>
    <row r="28307" spans="14:14">
      <c r="N28307" s="10"/>
    </row>
    <row r="28308" spans="14:14">
      <c r="N28308" s="10"/>
    </row>
    <row r="28309" spans="14:14">
      <c r="N28309" s="10"/>
    </row>
    <row r="28310" spans="14:14">
      <c r="N28310" s="10"/>
    </row>
    <row r="28311" spans="14:14">
      <c r="N28311" s="10"/>
    </row>
    <row r="28312" spans="14:14">
      <c r="N28312" s="10"/>
    </row>
    <row r="28313" spans="14:14">
      <c r="N28313" s="10"/>
    </row>
    <row r="28314" spans="14:14">
      <c r="N28314" s="10"/>
    </row>
    <row r="28315" spans="14:14">
      <c r="N28315" s="10"/>
    </row>
    <row r="28316" spans="14:14">
      <c r="N28316" s="10"/>
    </row>
    <row r="28317" spans="14:14">
      <c r="N28317" s="10"/>
    </row>
    <row r="28318" spans="14:14">
      <c r="N28318" s="10"/>
    </row>
    <row r="28319" spans="14:14">
      <c r="N28319" s="10"/>
    </row>
    <row r="28320" spans="14:14">
      <c r="N28320" s="10"/>
    </row>
    <row r="28321" spans="14:14">
      <c r="N28321" s="10"/>
    </row>
    <row r="28322" spans="14:14">
      <c r="N28322" s="10"/>
    </row>
    <row r="28323" spans="14:14">
      <c r="N28323" s="10"/>
    </row>
    <row r="28324" spans="14:14">
      <c r="N28324" s="10"/>
    </row>
    <row r="28325" spans="14:14">
      <c r="N28325" s="10"/>
    </row>
    <row r="28326" spans="14:14">
      <c r="N28326" s="10"/>
    </row>
    <row r="28327" spans="14:14">
      <c r="N28327" s="10"/>
    </row>
    <row r="28328" spans="14:14">
      <c r="N28328" s="10"/>
    </row>
    <row r="28329" spans="14:14">
      <c r="N28329" s="10"/>
    </row>
    <row r="28330" spans="14:14">
      <c r="N28330" s="10"/>
    </row>
    <row r="28331" spans="14:14">
      <c r="N28331" s="10"/>
    </row>
    <row r="28332" spans="14:14">
      <c r="N28332" s="10"/>
    </row>
    <row r="28333" spans="14:14">
      <c r="N28333" s="10"/>
    </row>
    <row r="28334" spans="14:14">
      <c r="N28334" s="10"/>
    </row>
    <row r="28335" spans="14:14">
      <c r="N28335" s="10"/>
    </row>
    <row r="28336" spans="14:14">
      <c r="N28336" s="10"/>
    </row>
    <row r="28337" spans="14:14">
      <c r="N28337" s="10"/>
    </row>
    <row r="28338" spans="14:14">
      <c r="N28338" s="10"/>
    </row>
    <row r="28339" spans="14:14">
      <c r="N28339" s="10"/>
    </row>
    <row r="28340" spans="14:14">
      <c r="N28340" s="10"/>
    </row>
    <row r="28341" spans="14:14">
      <c r="N28341" s="10"/>
    </row>
    <row r="28342" spans="14:14">
      <c r="N28342" s="10"/>
    </row>
    <row r="28343" spans="14:14">
      <c r="N28343" s="10"/>
    </row>
    <row r="28344" spans="14:14">
      <c r="N28344" s="10"/>
    </row>
    <row r="28345" spans="14:14">
      <c r="N28345" s="10"/>
    </row>
    <row r="28346" spans="14:14">
      <c r="N28346" s="10"/>
    </row>
    <row r="28347" spans="14:14">
      <c r="N28347" s="10"/>
    </row>
    <row r="28348" spans="14:14">
      <c r="N28348" s="10"/>
    </row>
    <row r="28349" spans="14:14">
      <c r="N28349" s="10"/>
    </row>
    <row r="28350" spans="14:14">
      <c r="N28350" s="10"/>
    </row>
    <row r="28351" spans="14:14">
      <c r="N28351" s="10"/>
    </row>
    <row r="28352" spans="14:14">
      <c r="N28352" s="10"/>
    </row>
    <row r="28353" spans="14:14">
      <c r="N28353" s="10"/>
    </row>
    <row r="28354" spans="14:14">
      <c r="N28354" s="10"/>
    </row>
    <row r="28355" spans="14:14">
      <c r="N28355" s="10"/>
    </row>
    <row r="28356" spans="14:14">
      <c r="N28356" s="10"/>
    </row>
    <row r="28357" spans="14:14">
      <c r="N28357" s="10"/>
    </row>
    <row r="28358" spans="14:14">
      <c r="N28358" s="10"/>
    </row>
    <row r="28359" spans="14:14">
      <c r="N28359" s="10"/>
    </row>
    <row r="28360" spans="14:14">
      <c r="N28360" s="10"/>
    </row>
    <row r="28361" spans="14:14">
      <c r="N28361" s="10"/>
    </row>
    <row r="28362" spans="14:14">
      <c r="N28362" s="10"/>
    </row>
    <row r="28363" spans="14:14">
      <c r="N28363" s="10"/>
    </row>
    <row r="28364" spans="14:14">
      <c r="N28364" s="10"/>
    </row>
    <row r="28365" spans="14:14">
      <c r="N28365" s="10"/>
    </row>
    <row r="28366" spans="14:14">
      <c r="N28366" s="10"/>
    </row>
    <row r="28367" spans="14:14">
      <c r="N28367" s="10"/>
    </row>
    <row r="28368" spans="14:14">
      <c r="N28368" s="10"/>
    </row>
    <row r="28369" spans="14:14">
      <c r="N28369" s="10"/>
    </row>
    <row r="28370" spans="14:14">
      <c r="N28370" s="10"/>
    </row>
    <row r="28371" spans="14:14">
      <c r="N28371" s="10"/>
    </row>
    <row r="28372" spans="14:14">
      <c r="N28372" s="10"/>
    </row>
    <row r="28373" spans="14:14">
      <c r="N28373" s="10"/>
    </row>
    <row r="28374" spans="14:14">
      <c r="N28374" s="10"/>
    </row>
    <row r="28375" spans="14:14">
      <c r="N28375" s="10"/>
    </row>
    <row r="28376" spans="14:14">
      <c r="N28376" s="10"/>
    </row>
    <row r="28377" spans="14:14">
      <c r="N28377" s="10"/>
    </row>
    <row r="28378" spans="14:14">
      <c r="N28378" s="10"/>
    </row>
    <row r="28379" spans="14:14">
      <c r="N28379" s="10"/>
    </row>
    <row r="28380" spans="14:14">
      <c r="N28380" s="10"/>
    </row>
    <row r="28381" spans="14:14">
      <c r="N28381" s="10"/>
    </row>
    <row r="28382" spans="14:14">
      <c r="N28382" s="10"/>
    </row>
    <row r="28383" spans="14:14">
      <c r="N28383" s="10"/>
    </row>
    <row r="28384" spans="14:14">
      <c r="N28384" s="10"/>
    </row>
    <row r="28385" spans="14:14">
      <c r="N28385" s="10"/>
    </row>
    <row r="28386" spans="14:14">
      <c r="N28386" s="10"/>
    </row>
    <row r="28387" spans="14:14">
      <c r="N28387" s="10"/>
    </row>
    <row r="28388" spans="14:14">
      <c r="N28388" s="10"/>
    </row>
    <row r="28389" spans="14:14">
      <c r="N28389" s="10"/>
    </row>
    <row r="28390" spans="14:14">
      <c r="N28390" s="10"/>
    </row>
    <row r="28391" spans="14:14">
      <c r="N28391" s="10"/>
    </row>
    <row r="28392" spans="14:14">
      <c r="N28392" s="10"/>
    </row>
    <row r="28393" spans="14:14">
      <c r="N28393" s="10"/>
    </row>
    <row r="28394" spans="14:14">
      <c r="N28394" s="10"/>
    </row>
    <row r="28395" spans="14:14">
      <c r="N28395" s="10"/>
    </row>
    <row r="28396" spans="14:14">
      <c r="N28396" s="10"/>
    </row>
    <row r="28397" spans="14:14">
      <c r="N28397" s="10"/>
    </row>
    <row r="28398" spans="14:14">
      <c r="N28398" s="10"/>
    </row>
    <row r="28399" spans="14:14">
      <c r="N28399" s="10"/>
    </row>
    <row r="28400" spans="14:14">
      <c r="N28400" s="10"/>
    </row>
    <row r="28401" spans="14:14">
      <c r="N28401" s="10"/>
    </row>
    <row r="28402" spans="14:14">
      <c r="N28402" s="10"/>
    </row>
    <row r="28403" spans="14:14">
      <c r="N28403" s="10"/>
    </row>
    <row r="28404" spans="14:14">
      <c r="N28404" s="10"/>
    </row>
    <row r="28405" spans="14:14">
      <c r="N28405" s="10"/>
    </row>
    <row r="28406" spans="14:14">
      <c r="N28406" s="10"/>
    </row>
    <row r="28407" spans="14:14">
      <c r="N28407" s="10"/>
    </row>
    <row r="28408" spans="14:14">
      <c r="N28408" s="10"/>
    </row>
    <row r="28409" spans="14:14">
      <c r="N28409" s="10"/>
    </row>
    <row r="28410" spans="14:14">
      <c r="N28410" s="10"/>
    </row>
    <row r="28411" spans="14:14">
      <c r="N28411" s="10"/>
    </row>
    <row r="28412" spans="14:14">
      <c r="N28412" s="10"/>
    </row>
    <row r="28413" spans="14:14">
      <c r="N28413" s="10"/>
    </row>
    <row r="28414" spans="14:14">
      <c r="N28414" s="10"/>
    </row>
    <row r="28415" spans="14:14">
      <c r="N28415" s="10"/>
    </row>
    <row r="28416" spans="14:14">
      <c r="N28416" s="10"/>
    </row>
    <row r="28417" spans="14:14">
      <c r="N28417" s="10"/>
    </row>
    <row r="28418" spans="14:14">
      <c r="N28418" s="10"/>
    </row>
    <row r="28419" spans="14:14">
      <c r="N28419" s="10"/>
    </row>
    <row r="28420" spans="14:14">
      <c r="N28420" s="10"/>
    </row>
    <row r="28421" spans="14:14">
      <c r="N28421" s="10"/>
    </row>
    <row r="28422" spans="14:14">
      <c r="N28422" s="10"/>
    </row>
    <row r="28423" spans="14:14">
      <c r="N28423" s="10"/>
    </row>
    <row r="28424" spans="14:14">
      <c r="N28424" s="10"/>
    </row>
    <row r="28425" spans="14:14">
      <c r="N28425" s="10"/>
    </row>
    <row r="28426" spans="14:14">
      <c r="N28426" s="10"/>
    </row>
    <row r="28427" spans="14:14">
      <c r="N28427" s="10"/>
    </row>
    <row r="28428" spans="14:14">
      <c r="N28428" s="10"/>
    </row>
    <row r="28429" spans="14:14">
      <c r="N28429" s="10"/>
    </row>
    <row r="28430" spans="14:14">
      <c r="N28430" s="10"/>
    </row>
    <row r="28431" spans="14:14">
      <c r="N28431" s="10"/>
    </row>
    <row r="28432" spans="14:14">
      <c r="N28432" s="10"/>
    </row>
    <row r="28433" spans="14:14">
      <c r="N28433" s="10"/>
    </row>
    <row r="28434" spans="14:14">
      <c r="N28434" s="10"/>
    </row>
    <row r="28435" spans="14:14">
      <c r="N28435" s="10"/>
    </row>
    <row r="28436" spans="14:14">
      <c r="N28436" s="10"/>
    </row>
    <row r="28437" spans="14:14">
      <c r="N28437" s="10"/>
    </row>
    <row r="28438" spans="14:14">
      <c r="N28438" s="10"/>
    </row>
    <row r="28439" spans="14:14">
      <c r="N28439" s="10"/>
    </row>
    <row r="28440" spans="14:14">
      <c r="N28440" s="10"/>
    </row>
    <row r="28441" spans="14:14">
      <c r="N28441" s="10"/>
    </row>
    <row r="28442" spans="14:14">
      <c r="N28442" s="10"/>
    </row>
    <row r="28443" spans="14:14">
      <c r="N28443" s="10"/>
    </row>
    <row r="28444" spans="14:14">
      <c r="N28444" s="10"/>
    </row>
    <row r="28445" spans="14:14">
      <c r="N28445" s="10"/>
    </row>
    <row r="28446" spans="14:14">
      <c r="N28446" s="10"/>
    </row>
    <row r="28447" spans="14:14">
      <c r="N28447" s="10"/>
    </row>
    <row r="28448" spans="14:14">
      <c r="N28448" s="10"/>
    </row>
    <row r="28449" spans="14:14">
      <c r="N28449" s="10"/>
    </row>
    <row r="28450" spans="14:14">
      <c r="N28450" s="10"/>
    </row>
    <row r="28451" spans="14:14">
      <c r="N28451" s="10"/>
    </row>
    <row r="28452" spans="14:14">
      <c r="N28452" s="10"/>
    </row>
    <row r="28453" spans="14:14">
      <c r="N28453" s="10"/>
    </row>
    <row r="28454" spans="14:14">
      <c r="N28454" s="10"/>
    </row>
    <row r="28455" spans="14:14">
      <c r="N28455" s="10"/>
    </row>
    <row r="28456" spans="14:14">
      <c r="N28456" s="10"/>
    </row>
    <row r="28457" spans="14:14">
      <c r="N28457" s="10"/>
    </row>
    <row r="28458" spans="14:14">
      <c r="N28458" s="10"/>
    </row>
    <row r="28459" spans="14:14">
      <c r="N28459" s="10"/>
    </row>
    <row r="28460" spans="14:14">
      <c r="N28460" s="10"/>
    </row>
    <row r="28461" spans="14:14">
      <c r="N28461" s="10"/>
    </row>
    <row r="28462" spans="14:14">
      <c r="N28462" s="10"/>
    </row>
    <row r="28463" spans="14:14">
      <c r="N28463" s="10"/>
    </row>
    <row r="28464" spans="14:14">
      <c r="N28464" s="10"/>
    </row>
    <row r="28465" spans="14:14">
      <c r="N28465" s="10"/>
    </row>
    <row r="28466" spans="14:14">
      <c r="N28466" s="10"/>
    </row>
    <row r="28467" spans="14:14">
      <c r="N28467" s="10"/>
    </row>
    <row r="28468" spans="14:14">
      <c r="N28468" s="10"/>
    </row>
    <row r="28469" spans="14:14">
      <c r="N28469" s="10"/>
    </row>
    <row r="28470" spans="14:14">
      <c r="N28470" s="10"/>
    </row>
    <row r="28471" spans="14:14">
      <c r="N28471" s="10"/>
    </row>
    <row r="28472" spans="14:14">
      <c r="N28472" s="10"/>
    </row>
    <row r="28473" spans="14:14">
      <c r="N28473" s="10"/>
    </row>
    <row r="28474" spans="14:14">
      <c r="N28474" s="10"/>
    </row>
    <row r="28475" spans="14:14">
      <c r="N28475" s="10"/>
    </row>
    <row r="28476" spans="14:14">
      <c r="N28476" s="10"/>
    </row>
    <row r="28477" spans="14:14">
      <c r="N28477" s="10"/>
    </row>
    <row r="28478" spans="14:14">
      <c r="N28478" s="10"/>
    </row>
    <row r="28479" spans="14:14">
      <c r="N28479" s="10"/>
    </row>
    <row r="28480" spans="14:14">
      <c r="N28480" s="10"/>
    </row>
    <row r="28481" spans="14:14">
      <c r="N28481" s="10"/>
    </row>
    <row r="28482" spans="14:14">
      <c r="N28482" s="10"/>
    </row>
    <row r="28483" spans="14:14">
      <c r="N28483" s="10"/>
    </row>
    <row r="28484" spans="14:14">
      <c r="N28484" s="10"/>
    </row>
    <row r="28485" spans="14:14">
      <c r="N28485" s="10"/>
    </row>
    <row r="28486" spans="14:14">
      <c r="N28486" s="10"/>
    </row>
    <row r="28487" spans="14:14">
      <c r="N28487" s="10"/>
    </row>
    <row r="28488" spans="14:14">
      <c r="N28488" s="10"/>
    </row>
    <row r="28489" spans="14:14">
      <c r="N28489" s="10"/>
    </row>
    <row r="28490" spans="14:14">
      <c r="N28490" s="10"/>
    </row>
    <row r="28491" spans="14:14">
      <c r="N28491" s="10"/>
    </row>
    <row r="28492" spans="14:14">
      <c r="N28492" s="10"/>
    </row>
    <row r="28493" spans="14:14">
      <c r="N28493" s="10"/>
    </row>
    <row r="28494" spans="14:14">
      <c r="N28494" s="10"/>
    </row>
    <row r="28495" spans="14:14">
      <c r="N28495" s="10"/>
    </row>
    <row r="28496" spans="14:14">
      <c r="N28496" s="10"/>
    </row>
    <row r="28497" spans="14:14">
      <c r="N28497" s="10"/>
    </row>
    <row r="28498" spans="14:14">
      <c r="N28498" s="10"/>
    </row>
    <row r="28499" spans="14:14">
      <c r="N28499" s="10"/>
    </row>
    <row r="28500" spans="14:14">
      <c r="N28500" s="10"/>
    </row>
    <row r="28501" spans="14:14">
      <c r="N28501" s="10"/>
    </row>
    <row r="28502" spans="14:14">
      <c r="N28502" s="10"/>
    </row>
    <row r="28503" spans="14:14">
      <c r="N28503" s="10"/>
    </row>
    <row r="28504" spans="14:14">
      <c r="N28504" s="10"/>
    </row>
    <row r="28505" spans="14:14">
      <c r="N28505" s="10"/>
    </row>
    <row r="28506" spans="14:14">
      <c r="N28506" s="10"/>
    </row>
    <row r="28507" spans="14:14">
      <c r="N28507" s="10"/>
    </row>
    <row r="28508" spans="14:14">
      <c r="N28508" s="10"/>
    </row>
    <row r="28509" spans="14:14">
      <c r="N28509" s="10"/>
    </row>
    <row r="28510" spans="14:14">
      <c r="N28510" s="10"/>
    </row>
    <row r="28511" spans="14:14">
      <c r="N28511" s="10"/>
    </row>
    <row r="28512" spans="14:14">
      <c r="N28512" s="10"/>
    </row>
    <row r="28513" spans="14:14">
      <c r="N28513" s="10"/>
    </row>
    <row r="28514" spans="14:14">
      <c r="N28514" s="10"/>
    </row>
    <row r="28515" spans="14:14">
      <c r="N28515" s="10"/>
    </row>
    <row r="28516" spans="14:14">
      <c r="N28516" s="10"/>
    </row>
    <row r="28517" spans="14:14">
      <c r="N28517" s="10"/>
    </row>
    <row r="28518" spans="14:14">
      <c r="N28518" s="10"/>
    </row>
    <row r="28519" spans="14:14">
      <c r="N28519" s="10"/>
    </row>
    <row r="28520" spans="14:14">
      <c r="N28520" s="10"/>
    </row>
    <row r="28521" spans="14:14">
      <c r="N28521" s="10"/>
    </row>
    <row r="28522" spans="14:14">
      <c r="N28522" s="10"/>
    </row>
    <row r="28523" spans="14:14">
      <c r="N28523" s="10"/>
    </row>
    <row r="28524" spans="14:14">
      <c r="N28524" s="10"/>
    </row>
    <row r="28525" spans="14:14">
      <c r="N28525" s="10"/>
    </row>
    <row r="28526" spans="14:14">
      <c r="N28526" s="10"/>
    </row>
    <row r="28527" spans="14:14">
      <c r="N28527" s="10"/>
    </row>
    <row r="28528" spans="14:14">
      <c r="N28528" s="10"/>
    </row>
    <row r="28529" spans="14:14">
      <c r="N28529" s="10"/>
    </row>
    <row r="28530" spans="14:14">
      <c r="N28530" s="10"/>
    </row>
    <row r="28531" spans="14:14">
      <c r="N28531" s="10"/>
    </row>
    <row r="28532" spans="14:14">
      <c r="N28532" s="10"/>
    </row>
    <row r="28533" spans="14:14">
      <c r="N28533" s="10"/>
    </row>
    <row r="28534" spans="14:14">
      <c r="N28534" s="10"/>
    </row>
    <row r="28535" spans="14:14">
      <c r="N28535" s="10"/>
    </row>
    <row r="28536" spans="14:14">
      <c r="N28536" s="10"/>
    </row>
    <row r="28537" spans="14:14">
      <c r="N28537" s="10"/>
    </row>
    <row r="28538" spans="14:14">
      <c r="N28538" s="10"/>
    </row>
    <row r="28539" spans="14:14">
      <c r="N28539" s="10"/>
    </row>
    <row r="28540" spans="14:14">
      <c r="N28540" s="10"/>
    </row>
    <row r="28541" spans="14:14">
      <c r="N28541" s="10"/>
    </row>
    <row r="28542" spans="14:14">
      <c r="N28542" s="10"/>
    </row>
    <row r="28543" spans="14:14">
      <c r="N28543" s="10"/>
    </row>
    <row r="28544" spans="14:14">
      <c r="N28544" s="10"/>
    </row>
    <row r="28545" spans="14:14">
      <c r="N28545" s="10"/>
    </row>
    <row r="28546" spans="14:14">
      <c r="N28546" s="10"/>
    </row>
    <row r="28547" spans="14:14">
      <c r="N28547" s="10"/>
    </row>
    <row r="28548" spans="14:14">
      <c r="N28548" s="10"/>
    </row>
    <row r="28549" spans="14:14">
      <c r="N28549" s="10"/>
    </row>
    <row r="28550" spans="14:14">
      <c r="N28550" s="10"/>
    </row>
    <row r="28551" spans="14:14">
      <c r="N28551" s="10"/>
    </row>
    <row r="28552" spans="14:14">
      <c r="N28552" s="10"/>
    </row>
    <row r="28553" spans="14:14">
      <c r="N28553" s="10"/>
    </row>
    <row r="28554" spans="14:14">
      <c r="N28554" s="10"/>
    </row>
    <row r="28555" spans="14:14">
      <c r="N28555" s="10"/>
    </row>
    <row r="28556" spans="14:14">
      <c r="N28556" s="10"/>
    </row>
    <row r="28557" spans="14:14">
      <c r="N28557" s="10"/>
    </row>
    <row r="28558" spans="14:14">
      <c r="N28558" s="10"/>
    </row>
    <row r="28559" spans="14:14">
      <c r="N28559" s="10"/>
    </row>
    <row r="28560" spans="14:14">
      <c r="N28560" s="10"/>
    </row>
    <row r="28561" spans="14:14">
      <c r="N28561" s="10"/>
    </row>
    <row r="28562" spans="14:14">
      <c r="N28562" s="10"/>
    </row>
    <row r="28563" spans="14:14">
      <c r="N28563" s="10"/>
    </row>
    <row r="28564" spans="14:14">
      <c r="N28564" s="10"/>
    </row>
    <row r="28565" spans="14:14">
      <c r="N28565" s="10"/>
    </row>
    <row r="28566" spans="14:14">
      <c r="N28566" s="10"/>
    </row>
    <row r="28567" spans="14:14">
      <c r="N28567" s="10"/>
    </row>
    <row r="28568" spans="14:14">
      <c r="N28568" s="10"/>
    </row>
    <row r="28569" spans="14:14">
      <c r="N28569" s="10"/>
    </row>
    <row r="28570" spans="14:14">
      <c r="N28570" s="10"/>
    </row>
    <row r="28571" spans="14:14">
      <c r="N28571" s="10"/>
    </row>
    <row r="28572" spans="14:14">
      <c r="N28572" s="10"/>
    </row>
    <row r="28573" spans="14:14">
      <c r="N28573" s="10"/>
    </row>
    <row r="28574" spans="14:14">
      <c r="N28574" s="10"/>
    </row>
    <row r="28575" spans="14:14">
      <c r="N28575" s="10"/>
    </row>
    <row r="28576" spans="14:14">
      <c r="N28576" s="10"/>
    </row>
    <row r="28577" spans="14:14">
      <c r="N28577" s="10"/>
    </row>
    <row r="28578" spans="14:14">
      <c r="N28578" s="10"/>
    </row>
    <row r="28579" spans="14:14">
      <c r="N28579" s="10"/>
    </row>
    <row r="28580" spans="14:14">
      <c r="N28580" s="10"/>
    </row>
    <row r="28581" spans="14:14">
      <c r="N28581" s="10"/>
    </row>
    <row r="28582" spans="14:14">
      <c r="N28582" s="10"/>
    </row>
    <row r="28583" spans="14:14">
      <c r="N28583" s="10"/>
    </row>
    <row r="28584" spans="14:14">
      <c r="N28584" s="10"/>
    </row>
    <row r="28585" spans="14:14">
      <c r="N28585" s="10"/>
    </row>
    <row r="28586" spans="14:14">
      <c r="N28586" s="10"/>
    </row>
    <row r="28587" spans="14:14">
      <c r="N28587" s="10"/>
    </row>
    <row r="28588" spans="14:14">
      <c r="N28588" s="10"/>
    </row>
    <row r="28589" spans="14:14">
      <c r="N28589" s="10"/>
    </row>
    <row r="28590" spans="14:14">
      <c r="N28590" s="10"/>
    </row>
    <row r="28591" spans="14:14">
      <c r="N28591" s="10"/>
    </row>
    <row r="28592" spans="14:14">
      <c r="N28592" s="10"/>
    </row>
    <row r="28593" spans="14:14">
      <c r="N28593" s="10"/>
    </row>
    <row r="28594" spans="14:14">
      <c r="N28594" s="10"/>
    </row>
    <row r="28595" spans="14:14">
      <c r="N28595" s="10"/>
    </row>
    <row r="28596" spans="14:14">
      <c r="N28596" s="10"/>
    </row>
    <row r="28597" spans="14:14">
      <c r="N28597" s="10"/>
    </row>
    <row r="28598" spans="14:14">
      <c r="N28598" s="10"/>
    </row>
    <row r="28599" spans="14:14">
      <c r="N28599" s="10"/>
    </row>
    <row r="28600" spans="14:14">
      <c r="N28600" s="10"/>
    </row>
    <row r="28601" spans="14:14">
      <c r="N28601" s="10"/>
    </row>
    <row r="28602" spans="14:14">
      <c r="N28602" s="10"/>
    </row>
    <row r="28603" spans="14:14">
      <c r="N28603" s="10"/>
    </row>
    <row r="28604" spans="14:14">
      <c r="N28604" s="10"/>
    </row>
    <row r="28605" spans="14:14">
      <c r="N28605" s="10"/>
    </row>
    <row r="28606" spans="14:14">
      <c r="N28606" s="10"/>
    </row>
    <row r="28607" spans="14:14">
      <c r="N28607" s="10"/>
    </row>
    <row r="28608" spans="14:14">
      <c r="N28608" s="10"/>
    </row>
    <row r="28609" spans="14:14">
      <c r="N28609" s="10"/>
    </row>
    <row r="28610" spans="14:14">
      <c r="N28610" s="10"/>
    </row>
    <row r="28611" spans="14:14">
      <c r="N28611" s="10"/>
    </row>
    <row r="28612" spans="14:14">
      <c r="N28612" s="10"/>
    </row>
    <row r="28613" spans="14:14">
      <c r="N28613" s="10"/>
    </row>
    <row r="28614" spans="14:14">
      <c r="N28614" s="10"/>
    </row>
    <row r="28615" spans="14:14">
      <c r="N28615" s="10"/>
    </row>
    <row r="28616" spans="14:14">
      <c r="N28616" s="10"/>
    </row>
    <row r="28617" spans="14:14">
      <c r="N28617" s="10"/>
    </row>
    <row r="28618" spans="14:14">
      <c r="N28618" s="10"/>
    </row>
    <row r="28619" spans="14:14">
      <c r="N28619" s="10"/>
    </row>
    <row r="28620" spans="14:14">
      <c r="N28620" s="10"/>
    </row>
    <row r="28621" spans="14:14">
      <c r="N28621" s="10"/>
    </row>
    <row r="28622" spans="14:14">
      <c r="N28622" s="10"/>
    </row>
    <row r="28623" spans="14:14">
      <c r="N28623" s="10"/>
    </row>
    <row r="28624" spans="14:14">
      <c r="N28624" s="10"/>
    </row>
    <row r="28625" spans="14:14">
      <c r="N28625" s="10"/>
    </row>
    <row r="28626" spans="14:14">
      <c r="N28626" s="10"/>
    </row>
    <row r="28627" spans="14:14">
      <c r="N28627" s="10"/>
    </row>
    <row r="28628" spans="14:14">
      <c r="N28628" s="10"/>
    </row>
    <row r="28629" spans="14:14">
      <c r="N28629" s="10"/>
    </row>
    <row r="28630" spans="14:14">
      <c r="N28630" s="10"/>
    </row>
    <row r="28631" spans="14:14">
      <c r="N28631" s="10"/>
    </row>
    <row r="28632" spans="14:14">
      <c r="N28632" s="10"/>
    </row>
    <row r="28633" spans="14:14">
      <c r="N28633" s="10"/>
    </row>
    <row r="28634" spans="14:14">
      <c r="N28634" s="10"/>
    </row>
    <row r="28635" spans="14:14">
      <c r="N28635" s="10"/>
    </row>
    <row r="28636" spans="14:14">
      <c r="N28636" s="10"/>
    </row>
    <row r="28637" spans="14:14">
      <c r="N28637" s="10"/>
    </row>
    <row r="28638" spans="14:14">
      <c r="N28638" s="10"/>
    </row>
    <row r="28639" spans="14:14">
      <c r="N28639" s="10"/>
    </row>
    <row r="28640" spans="14:14">
      <c r="N28640" s="10"/>
    </row>
    <row r="28641" spans="14:14">
      <c r="N28641" s="10"/>
    </row>
    <row r="28642" spans="14:14">
      <c r="N28642" s="10"/>
    </row>
    <row r="28643" spans="14:14">
      <c r="N28643" s="10"/>
    </row>
    <row r="28644" spans="14:14">
      <c r="N28644" s="10"/>
    </row>
    <row r="28645" spans="14:14">
      <c r="N28645" s="10"/>
    </row>
    <row r="28646" spans="14:14">
      <c r="N28646" s="10"/>
    </row>
    <row r="28647" spans="14:14">
      <c r="N28647" s="10"/>
    </row>
    <row r="28648" spans="14:14">
      <c r="N28648" s="10"/>
    </row>
    <row r="28649" spans="14:14">
      <c r="N28649" s="10"/>
    </row>
    <row r="28650" spans="14:14">
      <c r="N28650" s="10"/>
    </row>
    <row r="28651" spans="14:14">
      <c r="N28651" s="10"/>
    </row>
    <row r="28652" spans="14:14">
      <c r="N28652" s="10"/>
    </row>
    <row r="28653" spans="14:14">
      <c r="N28653" s="10"/>
    </row>
    <row r="28654" spans="14:14">
      <c r="N28654" s="10"/>
    </row>
    <row r="28655" spans="14:14">
      <c r="N28655" s="10"/>
    </row>
    <row r="28656" spans="14:14">
      <c r="N28656" s="10"/>
    </row>
    <row r="28657" spans="14:14">
      <c r="N28657" s="10"/>
    </row>
    <row r="28658" spans="14:14">
      <c r="N28658" s="10"/>
    </row>
    <row r="28659" spans="14:14">
      <c r="N28659" s="10"/>
    </row>
    <row r="28660" spans="14:14">
      <c r="N28660" s="10"/>
    </row>
    <row r="28661" spans="14:14">
      <c r="N28661" s="10"/>
    </row>
    <row r="28662" spans="14:14">
      <c r="N28662" s="10"/>
    </row>
    <row r="28663" spans="14:14">
      <c r="N28663" s="10"/>
    </row>
    <row r="28664" spans="14:14">
      <c r="N28664" s="10"/>
    </row>
    <row r="28665" spans="14:14">
      <c r="N28665" s="10"/>
    </row>
    <row r="28666" spans="14:14">
      <c r="N28666" s="10"/>
    </row>
    <row r="28667" spans="14:14">
      <c r="N28667" s="10"/>
    </row>
    <row r="28668" spans="14:14">
      <c r="N28668" s="10"/>
    </row>
    <row r="28669" spans="14:14">
      <c r="N28669" s="10"/>
    </row>
    <row r="28670" spans="14:14">
      <c r="N28670" s="10"/>
    </row>
    <row r="28671" spans="14:14">
      <c r="N28671" s="10"/>
    </row>
    <row r="28672" spans="14:14">
      <c r="N28672" s="10"/>
    </row>
    <row r="28673" spans="14:14">
      <c r="N28673" s="10"/>
    </row>
    <row r="28674" spans="14:14">
      <c r="N28674" s="10"/>
    </row>
    <row r="28675" spans="14:14">
      <c r="N28675" s="10"/>
    </row>
    <row r="28676" spans="14:14">
      <c r="N28676" s="10"/>
    </row>
    <row r="28677" spans="14:14">
      <c r="N28677" s="10"/>
    </row>
    <row r="28678" spans="14:14">
      <c r="N28678" s="10"/>
    </row>
    <row r="28679" spans="14:14">
      <c r="N28679" s="10"/>
    </row>
    <row r="28680" spans="14:14">
      <c r="N28680" s="10"/>
    </row>
    <row r="28681" spans="14:14">
      <c r="N28681" s="10"/>
    </row>
    <row r="28682" spans="14:14">
      <c r="N28682" s="10"/>
    </row>
    <row r="28683" spans="14:14">
      <c r="N28683" s="10"/>
    </row>
    <row r="28684" spans="14:14">
      <c r="N28684" s="10"/>
    </row>
    <row r="28685" spans="14:14">
      <c r="N28685" s="10"/>
    </row>
    <row r="28686" spans="14:14">
      <c r="N28686" s="10"/>
    </row>
    <row r="28687" spans="14:14">
      <c r="N28687" s="10"/>
    </row>
    <row r="28688" spans="14:14">
      <c r="N28688" s="10"/>
    </row>
    <row r="28689" spans="14:14">
      <c r="N28689" s="10"/>
    </row>
    <row r="28690" spans="14:14">
      <c r="N28690" s="10"/>
    </row>
    <row r="28691" spans="14:14">
      <c r="N28691" s="10"/>
    </row>
    <row r="28692" spans="14:14">
      <c r="N28692" s="10"/>
    </row>
    <row r="28693" spans="14:14">
      <c r="N28693" s="10"/>
    </row>
    <row r="28694" spans="14:14">
      <c r="N28694" s="10"/>
    </row>
    <row r="28695" spans="14:14">
      <c r="N28695" s="10"/>
    </row>
    <row r="28696" spans="14:14">
      <c r="N28696" s="10"/>
    </row>
    <row r="28697" spans="14:14">
      <c r="N28697" s="10"/>
    </row>
    <row r="28698" spans="14:14">
      <c r="N28698" s="10"/>
    </row>
    <row r="28699" spans="14:14">
      <c r="N28699" s="10"/>
    </row>
    <row r="28700" spans="14:14">
      <c r="N28700" s="10"/>
    </row>
    <row r="28701" spans="14:14">
      <c r="N28701" s="10"/>
    </row>
    <row r="28702" spans="14:14">
      <c r="N28702" s="10"/>
    </row>
    <row r="28703" spans="14:14">
      <c r="N28703" s="10"/>
    </row>
    <row r="28704" spans="14:14">
      <c r="N28704" s="10"/>
    </row>
    <row r="28705" spans="14:14">
      <c r="N28705" s="10"/>
    </row>
    <row r="28706" spans="14:14">
      <c r="N28706" s="10"/>
    </row>
    <row r="28707" spans="14:14">
      <c r="N28707" s="10"/>
    </row>
    <row r="28708" spans="14:14">
      <c r="N28708" s="10"/>
    </row>
    <row r="28709" spans="14:14">
      <c r="N28709" s="10"/>
    </row>
    <row r="28710" spans="14:14">
      <c r="N28710" s="10"/>
    </row>
    <row r="28711" spans="14:14">
      <c r="N28711" s="10"/>
    </row>
    <row r="28712" spans="14:14">
      <c r="N28712" s="10"/>
    </row>
    <row r="28713" spans="14:14">
      <c r="N28713" s="10"/>
    </row>
    <row r="28714" spans="14:14">
      <c r="N28714" s="10"/>
    </row>
    <row r="28715" spans="14:14">
      <c r="N28715" s="10"/>
    </row>
    <row r="28716" spans="14:14">
      <c r="N28716" s="10"/>
    </row>
    <row r="28717" spans="14:14">
      <c r="N28717" s="10"/>
    </row>
    <row r="28718" spans="14:14">
      <c r="N28718" s="10"/>
    </row>
    <row r="28719" spans="14:14">
      <c r="N28719" s="10"/>
    </row>
    <row r="28720" spans="14:14">
      <c r="N28720" s="10"/>
    </row>
    <row r="28721" spans="14:14">
      <c r="N28721" s="10"/>
    </row>
    <row r="28722" spans="14:14">
      <c r="N28722" s="10"/>
    </row>
    <row r="28723" spans="14:14">
      <c r="N28723" s="10"/>
    </row>
    <row r="28724" spans="14:14">
      <c r="N28724" s="10"/>
    </row>
    <row r="28725" spans="14:14">
      <c r="N28725" s="10"/>
    </row>
    <row r="28726" spans="14:14">
      <c r="N28726" s="10"/>
    </row>
    <row r="28727" spans="14:14">
      <c r="N28727" s="10"/>
    </row>
    <row r="28728" spans="14:14">
      <c r="N28728" s="10"/>
    </row>
    <row r="28729" spans="14:14">
      <c r="N28729" s="10"/>
    </row>
    <row r="28730" spans="14:14">
      <c r="N28730" s="10"/>
    </row>
    <row r="28731" spans="14:14">
      <c r="N28731" s="10"/>
    </row>
    <row r="28732" spans="14:14">
      <c r="N28732" s="10"/>
    </row>
    <row r="28733" spans="14:14">
      <c r="N28733" s="10"/>
    </row>
    <row r="28734" spans="14:14">
      <c r="N28734" s="10"/>
    </row>
    <row r="28735" spans="14:14">
      <c r="N28735" s="10"/>
    </row>
    <row r="28736" spans="14:14">
      <c r="N28736" s="10"/>
    </row>
    <row r="28737" spans="14:14">
      <c r="N28737" s="10"/>
    </row>
    <row r="28738" spans="14:14">
      <c r="N28738" s="10"/>
    </row>
    <row r="28739" spans="14:14">
      <c r="N28739" s="10"/>
    </row>
    <row r="28740" spans="14:14">
      <c r="N28740" s="10"/>
    </row>
    <row r="28741" spans="14:14">
      <c r="N28741" s="10"/>
    </row>
    <row r="28742" spans="14:14">
      <c r="N28742" s="10"/>
    </row>
    <row r="28743" spans="14:14">
      <c r="N28743" s="10"/>
    </row>
    <row r="28744" spans="14:14">
      <c r="N28744" s="10"/>
    </row>
    <row r="28745" spans="14:14">
      <c r="N28745" s="10"/>
    </row>
    <row r="28746" spans="14:14">
      <c r="N28746" s="10"/>
    </row>
    <row r="28747" spans="14:14">
      <c r="N28747" s="10"/>
    </row>
    <row r="28748" spans="14:14">
      <c r="N28748" s="10"/>
    </row>
    <row r="28749" spans="14:14">
      <c r="N28749" s="10"/>
    </row>
    <row r="28750" spans="14:14">
      <c r="N28750" s="10"/>
    </row>
    <row r="28751" spans="14:14">
      <c r="N28751" s="10"/>
    </row>
    <row r="28752" spans="14:14">
      <c r="N28752" s="10"/>
    </row>
    <row r="28753" spans="14:14">
      <c r="N28753" s="10"/>
    </row>
    <row r="28754" spans="14:14">
      <c r="N28754" s="10"/>
    </row>
    <row r="28755" spans="14:14">
      <c r="N28755" s="10"/>
    </row>
    <row r="28756" spans="14:14">
      <c r="N28756" s="10"/>
    </row>
    <row r="28757" spans="14:14">
      <c r="N28757" s="10"/>
    </row>
    <row r="28758" spans="14:14">
      <c r="N28758" s="10"/>
    </row>
    <row r="28759" spans="14:14">
      <c r="N28759" s="10"/>
    </row>
    <row r="28760" spans="14:14">
      <c r="N28760" s="10"/>
    </row>
    <row r="28761" spans="14:14">
      <c r="N28761" s="10"/>
    </row>
    <row r="28762" spans="14:14">
      <c r="N28762" s="10"/>
    </row>
    <row r="28763" spans="14:14">
      <c r="N28763" s="10"/>
    </row>
    <row r="28764" spans="14:14">
      <c r="N28764" s="10"/>
    </row>
    <row r="28765" spans="14:14">
      <c r="N28765" s="10"/>
    </row>
    <row r="28766" spans="14:14">
      <c r="N28766" s="10"/>
    </row>
    <row r="28767" spans="14:14">
      <c r="N28767" s="10"/>
    </row>
    <row r="28768" spans="14:14">
      <c r="N28768" s="10"/>
    </row>
    <row r="28769" spans="14:14">
      <c r="N28769" s="10"/>
    </row>
    <row r="28770" spans="14:14">
      <c r="N28770" s="10"/>
    </row>
    <row r="28771" spans="14:14">
      <c r="N28771" s="10"/>
    </row>
    <row r="28772" spans="14:14">
      <c r="N28772" s="10"/>
    </row>
    <row r="28773" spans="14:14">
      <c r="N28773" s="10"/>
    </row>
    <row r="28774" spans="14:14">
      <c r="N28774" s="10"/>
    </row>
    <row r="28775" spans="14:14">
      <c r="N28775" s="10"/>
    </row>
    <row r="28776" spans="14:14">
      <c r="N28776" s="10"/>
    </row>
    <row r="28777" spans="14:14">
      <c r="N28777" s="10"/>
    </row>
    <row r="28778" spans="14:14">
      <c r="N28778" s="10"/>
    </row>
    <row r="28779" spans="14:14">
      <c r="N28779" s="10"/>
    </row>
    <row r="28780" spans="14:14">
      <c r="N28780" s="10"/>
    </row>
    <row r="28781" spans="14:14">
      <c r="N28781" s="10"/>
    </row>
    <row r="28782" spans="14:14">
      <c r="N28782" s="10"/>
    </row>
    <row r="28783" spans="14:14">
      <c r="N28783" s="10"/>
    </row>
    <row r="28784" spans="14:14">
      <c r="N28784" s="10"/>
    </row>
    <row r="28785" spans="14:14">
      <c r="N28785" s="10"/>
    </row>
    <row r="28786" spans="14:14">
      <c r="N28786" s="10"/>
    </row>
    <row r="28787" spans="14:14">
      <c r="N28787" s="10"/>
    </row>
    <row r="28788" spans="14:14">
      <c r="N28788" s="10"/>
    </row>
    <row r="28789" spans="14:14">
      <c r="N28789" s="10"/>
    </row>
    <row r="28790" spans="14:14">
      <c r="N28790" s="10"/>
    </row>
    <row r="28791" spans="14:14">
      <c r="N28791" s="10"/>
    </row>
    <row r="28792" spans="14:14">
      <c r="N28792" s="10"/>
    </row>
    <row r="28793" spans="14:14">
      <c r="N28793" s="10"/>
    </row>
    <row r="28794" spans="14:14">
      <c r="N28794" s="10"/>
    </row>
    <row r="28795" spans="14:14">
      <c r="N28795" s="10"/>
    </row>
    <row r="28796" spans="14:14">
      <c r="N28796" s="10"/>
    </row>
    <row r="28797" spans="14:14">
      <c r="N28797" s="10"/>
    </row>
    <row r="28798" spans="14:14">
      <c r="N28798" s="10"/>
    </row>
    <row r="28799" spans="14:14">
      <c r="N28799" s="10"/>
    </row>
    <row r="28800" spans="14:14">
      <c r="N28800" s="10"/>
    </row>
    <row r="28801" spans="14:14">
      <c r="N28801" s="10"/>
    </row>
    <row r="28802" spans="14:14">
      <c r="N28802" s="10"/>
    </row>
    <row r="28803" spans="14:14">
      <c r="N28803" s="10"/>
    </row>
    <row r="28804" spans="14:14">
      <c r="N28804" s="10"/>
    </row>
    <row r="28805" spans="14:14">
      <c r="N28805" s="10"/>
    </row>
    <row r="28806" spans="14:14">
      <c r="N28806" s="10"/>
    </row>
    <row r="28807" spans="14:14">
      <c r="N28807" s="10"/>
    </row>
    <row r="28808" spans="14:14">
      <c r="N28808" s="10"/>
    </row>
    <row r="28809" spans="14:14">
      <c r="N28809" s="10"/>
    </row>
    <row r="28810" spans="14:14">
      <c r="N28810" s="10"/>
    </row>
    <row r="28811" spans="14:14">
      <c r="N28811" s="10"/>
    </row>
    <row r="28812" spans="14:14">
      <c r="N28812" s="10"/>
    </row>
    <row r="28813" spans="14:14">
      <c r="N28813" s="10"/>
    </row>
    <row r="28814" spans="14:14">
      <c r="N28814" s="10"/>
    </row>
    <row r="28815" spans="14:14">
      <c r="N28815" s="10"/>
    </row>
    <row r="28816" spans="14:14">
      <c r="N28816" s="10"/>
    </row>
    <row r="28817" spans="14:14">
      <c r="N28817" s="10"/>
    </row>
    <row r="28818" spans="14:14">
      <c r="N28818" s="10"/>
    </row>
    <row r="28819" spans="14:14">
      <c r="N28819" s="10"/>
    </row>
    <row r="28820" spans="14:14">
      <c r="N28820" s="10"/>
    </row>
    <row r="28821" spans="14:14">
      <c r="N28821" s="10"/>
    </row>
    <row r="28822" spans="14:14">
      <c r="N28822" s="10"/>
    </row>
    <row r="28823" spans="14:14">
      <c r="N28823" s="10"/>
    </row>
    <row r="28824" spans="14:14">
      <c r="N28824" s="10"/>
    </row>
    <row r="28825" spans="14:14">
      <c r="N28825" s="10"/>
    </row>
    <row r="28826" spans="14:14">
      <c r="N28826" s="10"/>
    </row>
    <row r="28827" spans="14:14">
      <c r="N28827" s="10"/>
    </row>
    <row r="28828" spans="14:14">
      <c r="N28828" s="10"/>
    </row>
    <row r="28829" spans="14:14">
      <c r="N28829" s="10"/>
    </row>
    <row r="28830" spans="14:14">
      <c r="N28830" s="10"/>
    </row>
    <row r="28831" spans="14:14">
      <c r="N28831" s="10"/>
    </row>
    <row r="28832" spans="14:14">
      <c r="N28832" s="10"/>
    </row>
    <row r="28833" spans="14:14">
      <c r="N28833" s="10"/>
    </row>
    <row r="28834" spans="14:14">
      <c r="N28834" s="10"/>
    </row>
    <row r="28835" spans="14:14">
      <c r="N28835" s="10"/>
    </row>
    <row r="28836" spans="14:14">
      <c r="N28836" s="10"/>
    </row>
    <row r="28837" spans="14:14">
      <c r="N28837" s="10"/>
    </row>
    <row r="28838" spans="14:14">
      <c r="N28838" s="10"/>
    </row>
    <row r="28839" spans="14:14">
      <c r="N28839" s="10"/>
    </row>
    <row r="28840" spans="14:14">
      <c r="N28840" s="10"/>
    </row>
    <row r="28841" spans="14:14">
      <c r="N28841" s="10"/>
    </row>
    <row r="28842" spans="14:14">
      <c r="N28842" s="10"/>
    </row>
    <row r="28843" spans="14:14">
      <c r="N28843" s="10"/>
    </row>
    <row r="28844" spans="14:14">
      <c r="N28844" s="10"/>
    </row>
    <row r="28845" spans="14:14">
      <c r="N28845" s="10"/>
    </row>
    <row r="28846" spans="14:14">
      <c r="N28846" s="10"/>
    </row>
    <row r="28847" spans="14:14">
      <c r="N28847" s="10"/>
    </row>
    <row r="28848" spans="14:14">
      <c r="N28848" s="10"/>
    </row>
    <row r="28849" spans="14:14">
      <c r="N28849" s="10"/>
    </row>
    <row r="28850" spans="14:14">
      <c r="N28850" s="10"/>
    </row>
    <row r="28851" spans="14:14">
      <c r="N28851" s="10"/>
    </row>
    <row r="28852" spans="14:14">
      <c r="N28852" s="10"/>
    </row>
    <row r="28853" spans="14:14">
      <c r="N28853" s="10"/>
    </row>
    <row r="28854" spans="14:14">
      <c r="N28854" s="10"/>
    </row>
    <row r="28855" spans="14:14">
      <c r="N28855" s="10"/>
    </row>
    <row r="28856" spans="14:14">
      <c r="N28856" s="10"/>
    </row>
    <row r="28857" spans="14:14">
      <c r="N28857" s="10"/>
    </row>
    <row r="28858" spans="14:14">
      <c r="N28858" s="10"/>
    </row>
    <row r="28859" spans="14:14">
      <c r="N28859" s="10"/>
    </row>
    <row r="28860" spans="14:14">
      <c r="N28860" s="10"/>
    </row>
    <row r="28861" spans="14:14">
      <c r="N28861" s="10"/>
    </row>
    <row r="28862" spans="14:14">
      <c r="N28862" s="10"/>
    </row>
    <row r="28863" spans="14:14">
      <c r="N28863" s="10"/>
    </row>
    <row r="28864" spans="14:14">
      <c r="N28864" s="10"/>
    </row>
    <row r="28865" spans="14:14">
      <c r="N28865" s="10"/>
    </row>
    <row r="28866" spans="14:14">
      <c r="N28866" s="10"/>
    </row>
    <row r="28867" spans="14:14">
      <c r="N28867" s="10"/>
    </row>
    <row r="28868" spans="14:14">
      <c r="N28868" s="10"/>
    </row>
    <row r="28869" spans="14:14">
      <c r="N28869" s="10"/>
    </row>
    <row r="28870" spans="14:14">
      <c r="N28870" s="10"/>
    </row>
    <row r="28871" spans="14:14">
      <c r="N28871" s="10"/>
    </row>
    <row r="28872" spans="14:14">
      <c r="N28872" s="10"/>
    </row>
    <row r="28873" spans="14:14">
      <c r="N28873" s="10"/>
    </row>
    <row r="28874" spans="14:14">
      <c r="N28874" s="10"/>
    </row>
    <row r="28875" spans="14:14">
      <c r="N28875" s="10"/>
    </row>
    <row r="28876" spans="14:14">
      <c r="N28876" s="10"/>
    </row>
    <row r="28877" spans="14:14">
      <c r="N28877" s="10"/>
    </row>
    <row r="28878" spans="14:14">
      <c r="N28878" s="10"/>
    </row>
    <row r="28879" spans="14:14">
      <c r="N28879" s="10"/>
    </row>
    <row r="28880" spans="14:14">
      <c r="N28880" s="10"/>
    </row>
    <row r="28881" spans="14:14">
      <c r="N28881" s="10"/>
    </row>
    <row r="28882" spans="14:14">
      <c r="N28882" s="10"/>
    </row>
    <row r="28883" spans="14:14">
      <c r="N28883" s="10"/>
    </row>
    <row r="28884" spans="14:14">
      <c r="N28884" s="10"/>
    </row>
    <row r="28885" spans="14:14">
      <c r="N28885" s="10"/>
    </row>
    <row r="28886" spans="14:14">
      <c r="N28886" s="10"/>
    </row>
    <row r="28887" spans="14:14">
      <c r="N28887" s="10"/>
    </row>
    <row r="28888" spans="14:14">
      <c r="N28888" s="10"/>
    </row>
    <row r="28889" spans="14:14">
      <c r="N28889" s="10"/>
    </row>
    <row r="28890" spans="14:14">
      <c r="N28890" s="10"/>
    </row>
    <row r="28891" spans="14:14">
      <c r="N28891" s="10"/>
    </row>
    <row r="28892" spans="14:14">
      <c r="N28892" s="10"/>
    </row>
    <row r="28893" spans="14:14">
      <c r="N28893" s="10"/>
    </row>
    <row r="28894" spans="14:14">
      <c r="N28894" s="10"/>
    </row>
    <row r="28895" spans="14:14">
      <c r="N28895" s="10"/>
    </row>
    <row r="28896" spans="14:14">
      <c r="N28896" s="10"/>
    </row>
    <row r="28897" spans="14:14">
      <c r="N28897" s="10"/>
    </row>
    <row r="28898" spans="14:14">
      <c r="N28898" s="10"/>
    </row>
    <row r="28899" spans="14:14">
      <c r="N28899" s="10"/>
    </row>
    <row r="28900" spans="14:14">
      <c r="N28900" s="10"/>
    </row>
    <row r="28901" spans="14:14">
      <c r="N28901" s="10"/>
    </row>
    <row r="28902" spans="14:14">
      <c r="N28902" s="10"/>
    </row>
    <row r="28903" spans="14:14">
      <c r="N28903" s="10"/>
    </row>
    <row r="28904" spans="14:14">
      <c r="N28904" s="10"/>
    </row>
    <row r="28905" spans="14:14">
      <c r="N28905" s="10"/>
    </row>
    <row r="28906" spans="14:14">
      <c r="N28906" s="10"/>
    </row>
    <row r="28907" spans="14:14">
      <c r="N28907" s="10"/>
    </row>
    <row r="28908" spans="14:14">
      <c r="N28908" s="10"/>
    </row>
    <row r="28909" spans="14:14">
      <c r="N28909" s="10"/>
    </row>
    <row r="28910" spans="14:14">
      <c r="N28910" s="10"/>
    </row>
    <row r="28911" spans="14:14">
      <c r="N28911" s="10"/>
    </row>
    <row r="28912" spans="14:14">
      <c r="N28912" s="10"/>
    </row>
    <row r="28913" spans="14:14">
      <c r="N28913" s="10"/>
    </row>
    <row r="28914" spans="14:14">
      <c r="N28914" s="10"/>
    </row>
    <row r="28915" spans="14:14">
      <c r="N28915" s="10"/>
    </row>
    <row r="28916" spans="14:14">
      <c r="N28916" s="10"/>
    </row>
    <row r="28917" spans="14:14">
      <c r="N28917" s="10"/>
    </row>
    <row r="28918" spans="14:14">
      <c r="N28918" s="10"/>
    </row>
    <row r="28919" spans="14:14">
      <c r="N28919" s="10"/>
    </row>
    <row r="28920" spans="14:14">
      <c r="N28920" s="10"/>
    </row>
    <row r="28921" spans="14:14">
      <c r="N28921" s="10"/>
    </row>
    <row r="28922" spans="14:14">
      <c r="N28922" s="10"/>
    </row>
    <row r="28923" spans="14:14">
      <c r="N28923" s="10"/>
    </row>
    <row r="28924" spans="14:14">
      <c r="N28924" s="10"/>
    </row>
    <row r="28925" spans="14:14">
      <c r="N28925" s="10"/>
    </row>
    <row r="28926" spans="14:14">
      <c r="N28926" s="10"/>
    </row>
    <row r="28927" spans="14:14">
      <c r="N28927" s="10"/>
    </row>
    <row r="28928" spans="14:14">
      <c r="N28928" s="10"/>
    </row>
    <row r="28929" spans="14:14">
      <c r="N28929" s="10"/>
    </row>
    <row r="28930" spans="14:14">
      <c r="N28930" s="10"/>
    </row>
    <row r="28931" spans="14:14">
      <c r="N28931" s="10"/>
    </row>
    <row r="28932" spans="14:14">
      <c r="N28932" s="10"/>
    </row>
    <row r="28933" spans="14:14">
      <c r="N28933" s="10"/>
    </row>
    <row r="28934" spans="14:14">
      <c r="N28934" s="10"/>
    </row>
    <row r="28935" spans="14:14">
      <c r="N28935" s="10"/>
    </row>
    <row r="28936" spans="14:14">
      <c r="N28936" s="10"/>
    </row>
    <row r="28937" spans="14:14">
      <c r="N28937" s="10"/>
    </row>
    <row r="28938" spans="14:14">
      <c r="N28938" s="10"/>
    </row>
    <row r="28939" spans="14:14">
      <c r="N28939" s="10"/>
    </row>
    <row r="28940" spans="14:14">
      <c r="N28940" s="10"/>
    </row>
    <row r="28941" spans="14:14">
      <c r="N28941" s="10"/>
    </row>
    <row r="28942" spans="14:14">
      <c r="N28942" s="10"/>
    </row>
    <row r="28943" spans="14:14">
      <c r="N28943" s="10"/>
    </row>
    <row r="28944" spans="14:14">
      <c r="N28944" s="10"/>
    </row>
    <row r="28945" spans="14:14">
      <c r="N28945" s="10"/>
    </row>
    <row r="28946" spans="14:14">
      <c r="N28946" s="10"/>
    </row>
    <row r="28947" spans="14:14">
      <c r="N28947" s="10"/>
    </row>
    <row r="28948" spans="14:14">
      <c r="N28948" s="10"/>
    </row>
    <row r="28949" spans="14:14">
      <c r="N28949" s="10"/>
    </row>
    <row r="28950" spans="14:14">
      <c r="N28950" s="10"/>
    </row>
    <row r="28951" spans="14:14">
      <c r="N28951" s="10"/>
    </row>
    <row r="28952" spans="14:14">
      <c r="N28952" s="10"/>
    </row>
    <row r="28953" spans="14:14">
      <c r="N28953" s="10"/>
    </row>
    <row r="28954" spans="14:14">
      <c r="N28954" s="10"/>
    </row>
    <row r="28955" spans="14:14">
      <c r="N28955" s="10"/>
    </row>
    <row r="28956" spans="14:14">
      <c r="N28956" s="10"/>
    </row>
    <row r="28957" spans="14:14">
      <c r="N28957" s="10"/>
    </row>
    <row r="28958" spans="14:14">
      <c r="N28958" s="10"/>
    </row>
    <row r="28959" spans="14:14">
      <c r="N28959" s="10"/>
    </row>
    <row r="28960" spans="14:14">
      <c r="N28960" s="10"/>
    </row>
    <row r="28961" spans="14:14">
      <c r="N28961" s="10"/>
    </row>
    <row r="28962" spans="14:14">
      <c r="N28962" s="10"/>
    </row>
    <row r="28963" spans="14:14">
      <c r="N28963" s="10"/>
    </row>
    <row r="28964" spans="14:14">
      <c r="N28964" s="10"/>
    </row>
    <row r="28965" spans="14:14">
      <c r="N28965" s="10"/>
    </row>
    <row r="28966" spans="14:14">
      <c r="N28966" s="10"/>
    </row>
    <row r="28967" spans="14:14">
      <c r="N28967" s="10"/>
    </row>
    <row r="28968" spans="14:14">
      <c r="N28968" s="10"/>
    </row>
    <row r="28969" spans="14:14">
      <c r="N28969" s="10"/>
    </row>
    <row r="28970" spans="14:14">
      <c r="N28970" s="10"/>
    </row>
    <row r="28971" spans="14:14">
      <c r="N28971" s="10"/>
    </row>
    <row r="28972" spans="14:14">
      <c r="N28972" s="10"/>
    </row>
    <row r="28973" spans="14:14">
      <c r="N28973" s="10"/>
    </row>
    <row r="28974" spans="14:14">
      <c r="N28974" s="10"/>
    </row>
    <row r="28975" spans="14:14">
      <c r="N28975" s="10"/>
    </row>
    <row r="28976" spans="14:14">
      <c r="N28976" s="10"/>
    </row>
    <row r="28977" spans="14:14">
      <c r="N28977" s="10"/>
    </row>
    <row r="28978" spans="14:14">
      <c r="N28978" s="10"/>
    </row>
    <row r="28979" spans="14:14">
      <c r="N28979" s="10"/>
    </row>
    <row r="28980" spans="14:14">
      <c r="N28980" s="10"/>
    </row>
    <row r="28981" spans="14:14">
      <c r="N28981" s="10"/>
    </row>
    <row r="28982" spans="14:14">
      <c r="N28982" s="10"/>
    </row>
    <row r="28983" spans="14:14">
      <c r="N28983" s="10"/>
    </row>
    <row r="28984" spans="14:14">
      <c r="N28984" s="10"/>
    </row>
    <row r="28985" spans="14:14">
      <c r="N28985" s="10"/>
    </row>
    <row r="28986" spans="14:14">
      <c r="N28986" s="10"/>
    </row>
    <row r="28987" spans="14:14">
      <c r="N28987" s="10"/>
    </row>
    <row r="28988" spans="14:14">
      <c r="N28988" s="10"/>
    </row>
    <row r="28989" spans="14:14">
      <c r="N28989" s="10"/>
    </row>
    <row r="28990" spans="14:14">
      <c r="N28990" s="10"/>
    </row>
    <row r="28991" spans="14:14">
      <c r="N28991" s="10"/>
    </row>
    <row r="28992" spans="14:14">
      <c r="N28992" s="10"/>
    </row>
    <row r="28993" spans="14:14">
      <c r="N28993" s="10"/>
    </row>
    <row r="28994" spans="14:14">
      <c r="N28994" s="10"/>
    </row>
    <row r="28995" spans="14:14">
      <c r="N28995" s="10"/>
    </row>
    <row r="28996" spans="14:14">
      <c r="N28996" s="10"/>
    </row>
    <row r="28997" spans="14:14">
      <c r="N28997" s="10"/>
    </row>
    <row r="28998" spans="14:14">
      <c r="N28998" s="10"/>
    </row>
    <row r="28999" spans="14:14">
      <c r="N28999" s="10"/>
    </row>
    <row r="29000" spans="14:14">
      <c r="N29000" s="10"/>
    </row>
    <row r="29001" spans="14:14">
      <c r="N29001" s="10"/>
    </row>
    <row r="29002" spans="14:14">
      <c r="N29002" s="10"/>
    </row>
    <row r="29003" spans="14:14">
      <c r="N29003" s="10"/>
    </row>
    <row r="29004" spans="14:14">
      <c r="N29004" s="10"/>
    </row>
    <row r="29005" spans="14:14">
      <c r="N29005" s="10"/>
    </row>
    <row r="29006" spans="14:14">
      <c r="N29006" s="10"/>
    </row>
    <row r="29007" spans="14:14">
      <c r="N29007" s="10"/>
    </row>
    <row r="29008" spans="14:14">
      <c r="N29008" s="10"/>
    </row>
    <row r="29009" spans="14:14">
      <c r="N29009" s="10"/>
    </row>
    <row r="29010" spans="14:14">
      <c r="N29010" s="10"/>
    </row>
    <row r="29011" spans="14:14">
      <c r="N29011" s="10"/>
    </row>
    <row r="29012" spans="14:14">
      <c r="N29012" s="10"/>
    </row>
    <row r="29013" spans="14:14">
      <c r="N29013" s="10"/>
    </row>
    <row r="29014" spans="14:14">
      <c r="N29014" s="10"/>
    </row>
    <row r="29015" spans="14:14">
      <c r="N29015" s="10"/>
    </row>
    <row r="29016" spans="14:14">
      <c r="N29016" s="10"/>
    </row>
    <row r="29017" spans="14:14">
      <c r="N29017" s="10"/>
    </row>
    <row r="29018" spans="14:14">
      <c r="N29018" s="10"/>
    </row>
    <row r="29019" spans="14:14">
      <c r="N29019" s="10"/>
    </row>
    <row r="29020" spans="14:14">
      <c r="N29020" s="10"/>
    </row>
    <row r="29021" spans="14:14">
      <c r="N29021" s="10"/>
    </row>
    <row r="29022" spans="14:14">
      <c r="N29022" s="10"/>
    </row>
    <row r="29023" spans="14:14">
      <c r="N29023" s="10"/>
    </row>
    <row r="29024" spans="14:14">
      <c r="N29024" s="10"/>
    </row>
    <row r="29025" spans="14:14">
      <c r="N29025" s="10"/>
    </row>
    <row r="29026" spans="14:14">
      <c r="N29026" s="10"/>
    </row>
    <row r="29027" spans="14:14">
      <c r="N29027" s="10"/>
    </row>
    <row r="29028" spans="14:14">
      <c r="N29028" s="10"/>
    </row>
    <row r="29029" spans="14:14">
      <c r="N29029" s="10"/>
    </row>
    <row r="29030" spans="14:14">
      <c r="N29030" s="10"/>
    </row>
    <row r="29031" spans="14:14">
      <c r="N29031" s="10"/>
    </row>
    <row r="29032" spans="14:14">
      <c r="N29032" s="10"/>
    </row>
    <row r="29033" spans="14:14">
      <c r="N29033" s="10"/>
    </row>
    <row r="29034" spans="14:14">
      <c r="N29034" s="10"/>
    </row>
    <row r="29035" spans="14:14">
      <c r="N29035" s="10"/>
    </row>
    <row r="29036" spans="14:14">
      <c r="N29036" s="10"/>
    </row>
    <row r="29037" spans="14:14">
      <c r="N29037" s="10"/>
    </row>
    <row r="29038" spans="14:14">
      <c r="N29038" s="10"/>
    </row>
    <row r="29039" spans="14:14">
      <c r="N29039" s="10"/>
    </row>
    <row r="29040" spans="14:14">
      <c r="N29040" s="10"/>
    </row>
    <row r="29041" spans="14:14">
      <c r="N29041" s="10"/>
    </row>
    <row r="29042" spans="14:14">
      <c r="N29042" s="10"/>
    </row>
    <row r="29043" spans="14:14">
      <c r="N29043" s="10"/>
    </row>
    <row r="29044" spans="14:14">
      <c r="N29044" s="10"/>
    </row>
    <row r="29045" spans="14:14">
      <c r="N29045" s="10"/>
    </row>
    <row r="29046" spans="14:14">
      <c r="N29046" s="10"/>
    </row>
    <row r="29047" spans="14:14">
      <c r="N29047" s="10"/>
    </row>
    <row r="29048" spans="14:14">
      <c r="N29048" s="10"/>
    </row>
    <row r="29049" spans="14:14">
      <c r="N29049" s="10"/>
    </row>
    <row r="29050" spans="14:14">
      <c r="N29050" s="10"/>
    </row>
    <row r="29051" spans="14:14">
      <c r="N29051" s="10"/>
    </row>
    <row r="29052" spans="14:14">
      <c r="N29052" s="10"/>
    </row>
    <row r="29053" spans="14:14">
      <c r="N29053" s="10"/>
    </row>
    <row r="29054" spans="14:14">
      <c r="N29054" s="10"/>
    </row>
    <row r="29055" spans="14:14">
      <c r="N29055" s="10"/>
    </row>
    <row r="29056" spans="14:14">
      <c r="N29056" s="10"/>
    </row>
    <row r="29057" spans="14:14">
      <c r="N29057" s="10"/>
    </row>
    <row r="29058" spans="14:14">
      <c r="N29058" s="10"/>
    </row>
    <row r="29059" spans="14:14">
      <c r="N29059" s="10"/>
    </row>
    <row r="29060" spans="14:14">
      <c r="N29060" s="10"/>
    </row>
    <row r="29061" spans="14:14">
      <c r="N29061" s="10"/>
    </row>
    <row r="29062" spans="14:14">
      <c r="N29062" s="10"/>
    </row>
    <row r="29063" spans="14:14">
      <c r="N29063" s="10"/>
    </row>
    <row r="29064" spans="14:14">
      <c r="N29064" s="10"/>
    </row>
    <row r="29065" spans="14:14">
      <c r="N29065" s="10"/>
    </row>
    <row r="29066" spans="14:14">
      <c r="N29066" s="10"/>
    </row>
    <row r="29067" spans="14:14">
      <c r="N29067" s="10"/>
    </row>
    <row r="29068" spans="14:14">
      <c r="N29068" s="10"/>
    </row>
    <row r="29069" spans="14:14">
      <c r="N29069" s="10"/>
    </row>
    <row r="29070" spans="14:14">
      <c r="N29070" s="10"/>
    </row>
    <row r="29071" spans="14:14">
      <c r="N29071" s="10"/>
    </row>
    <row r="29072" spans="14:14">
      <c r="N29072" s="10"/>
    </row>
    <row r="29073" spans="14:14">
      <c r="N29073" s="10"/>
    </row>
    <row r="29074" spans="14:14">
      <c r="N29074" s="10"/>
    </row>
    <row r="29075" spans="14:14">
      <c r="N29075" s="10"/>
    </row>
    <row r="29076" spans="14:14">
      <c r="N29076" s="10"/>
    </row>
    <row r="29077" spans="14:14">
      <c r="N29077" s="10"/>
    </row>
    <row r="29078" spans="14:14">
      <c r="N29078" s="10"/>
    </row>
    <row r="29079" spans="14:14">
      <c r="N29079" s="10"/>
    </row>
    <row r="29080" spans="14:14">
      <c r="N29080" s="10"/>
    </row>
    <row r="29081" spans="14:14">
      <c r="N29081" s="10"/>
    </row>
    <row r="29082" spans="14:14">
      <c r="N29082" s="10"/>
    </row>
    <row r="29083" spans="14:14">
      <c r="N29083" s="10"/>
    </row>
    <row r="29084" spans="14:14">
      <c r="N29084" s="10"/>
    </row>
    <row r="29085" spans="14:14">
      <c r="N29085" s="10"/>
    </row>
    <row r="29086" spans="14:14">
      <c r="N29086" s="10"/>
    </row>
    <row r="29087" spans="14:14">
      <c r="N29087" s="10"/>
    </row>
    <row r="29088" spans="14:14">
      <c r="N29088" s="10"/>
    </row>
    <row r="29089" spans="14:14">
      <c r="N29089" s="10"/>
    </row>
    <row r="29090" spans="14:14">
      <c r="N29090" s="10"/>
    </row>
    <row r="29091" spans="14:14">
      <c r="N29091" s="10"/>
    </row>
    <row r="29092" spans="14:14">
      <c r="N29092" s="10"/>
    </row>
    <row r="29093" spans="14:14">
      <c r="N29093" s="10"/>
    </row>
    <row r="29094" spans="14:14">
      <c r="N29094" s="10"/>
    </row>
    <row r="29095" spans="14:14">
      <c r="N29095" s="10"/>
    </row>
    <row r="29096" spans="14:14">
      <c r="N29096" s="10"/>
    </row>
    <row r="29097" spans="14:14">
      <c r="N29097" s="10"/>
    </row>
    <row r="29098" spans="14:14">
      <c r="N29098" s="10"/>
    </row>
    <row r="29099" spans="14:14">
      <c r="N29099" s="10"/>
    </row>
    <row r="29100" spans="14:14">
      <c r="N29100" s="10"/>
    </row>
    <row r="29101" spans="14:14">
      <c r="N29101" s="10"/>
    </row>
    <row r="29102" spans="14:14">
      <c r="N29102" s="10"/>
    </row>
    <row r="29103" spans="14:14">
      <c r="N29103" s="10"/>
    </row>
    <row r="29104" spans="14:14">
      <c r="N29104" s="10"/>
    </row>
    <row r="29105" spans="14:14">
      <c r="N29105" s="10"/>
    </row>
    <row r="29106" spans="14:14">
      <c r="N29106" s="10"/>
    </row>
    <row r="29107" spans="14:14">
      <c r="N29107" s="10"/>
    </row>
    <row r="29108" spans="14:14">
      <c r="N29108" s="10"/>
    </row>
    <row r="29109" spans="14:14">
      <c r="N29109" s="10"/>
    </row>
    <row r="29110" spans="14:14">
      <c r="N29110" s="10"/>
    </row>
    <row r="29111" spans="14:14">
      <c r="N29111" s="10"/>
    </row>
    <row r="29112" spans="14:14">
      <c r="N29112" s="10"/>
    </row>
    <row r="29113" spans="14:14">
      <c r="N29113" s="10"/>
    </row>
    <row r="29114" spans="14:14">
      <c r="N29114" s="10"/>
    </row>
    <row r="29115" spans="14:14">
      <c r="N29115" s="10"/>
    </row>
    <row r="29116" spans="14:14">
      <c r="N29116" s="10"/>
    </row>
    <row r="29117" spans="14:14">
      <c r="N29117" s="10"/>
    </row>
    <row r="29118" spans="14:14">
      <c r="N29118" s="10"/>
    </row>
    <row r="29119" spans="14:14">
      <c r="N29119" s="10"/>
    </row>
    <row r="29120" spans="14:14">
      <c r="N29120" s="10"/>
    </row>
    <row r="29121" spans="14:14">
      <c r="N29121" s="10"/>
    </row>
    <row r="29122" spans="14:14">
      <c r="N29122" s="10"/>
    </row>
    <row r="29123" spans="14:14">
      <c r="N29123" s="10"/>
    </row>
    <row r="29124" spans="14:14">
      <c r="N29124" s="10"/>
    </row>
    <row r="29125" spans="14:14">
      <c r="N29125" s="10"/>
    </row>
    <row r="29126" spans="14:14">
      <c r="N29126" s="10"/>
    </row>
    <row r="29127" spans="14:14">
      <c r="N29127" s="10"/>
    </row>
    <row r="29128" spans="14:14">
      <c r="N29128" s="10"/>
    </row>
    <row r="29129" spans="14:14">
      <c r="N29129" s="10"/>
    </row>
    <row r="29130" spans="14:14">
      <c r="N29130" s="10"/>
    </row>
    <row r="29131" spans="14:14">
      <c r="N29131" s="10"/>
    </row>
    <row r="29132" spans="14:14">
      <c r="N29132" s="10"/>
    </row>
    <row r="29133" spans="14:14">
      <c r="N29133" s="10"/>
    </row>
    <row r="29134" spans="14:14">
      <c r="N29134" s="10"/>
    </row>
    <row r="29135" spans="14:14">
      <c r="N29135" s="10"/>
    </row>
    <row r="29136" spans="14:14">
      <c r="N29136" s="10"/>
    </row>
    <row r="29137" spans="14:14">
      <c r="N29137" s="10"/>
    </row>
    <row r="29138" spans="14:14">
      <c r="N29138" s="10"/>
    </row>
    <row r="29139" spans="14:14">
      <c r="N29139" s="10"/>
    </row>
    <row r="29140" spans="14:14">
      <c r="N29140" s="10"/>
    </row>
    <row r="29141" spans="14:14">
      <c r="N29141" s="10"/>
    </row>
    <row r="29142" spans="14:14">
      <c r="N29142" s="10"/>
    </row>
    <row r="29143" spans="14:14">
      <c r="N29143" s="10"/>
    </row>
    <row r="29144" spans="14:14">
      <c r="N29144" s="10"/>
    </row>
    <row r="29145" spans="14:14">
      <c r="N29145" s="10"/>
    </row>
    <row r="29146" spans="14:14">
      <c r="N29146" s="10"/>
    </row>
    <row r="29147" spans="14:14">
      <c r="N29147" s="10"/>
    </row>
    <row r="29148" spans="14:14">
      <c r="N29148" s="10"/>
    </row>
    <row r="29149" spans="14:14">
      <c r="N29149" s="10"/>
    </row>
    <row r="29150" spans="14:14">
      <c r="N29150" s="10"/>
    </row>
    <row r="29151" spans="14:14">
      <c r="N29151" s="10"/>
    </row>
    <row r="29152" spans="14:14">
      <c r="N29152" s="10"/>
    </row>
    <row r="29153" spans="14:14">
      <c r="N29153" s="10"/>
    </row>
    <row r="29154" spans="14:14">
      <c r="N29154" s="10"/>
    </row>
    <row r="29155" spans="14:14">
      <c r="N29155" s="10"/>
    </row>
    <row r="29156" spans="14:14">
      <c r="N29156" s="10"/>
    </row>
    <row r="29157" spans="14:14">
      <c r="N29157" s="10"/>
    </row>
    <row r="29158" spans="14:14">
      <c r="N29158" s="10"/>
    </row>
    <row r="29159" spans="14:14">
      <c r="N29159" s="10"/>
    </row>
    <row r="29160" spans="14:14">
      <c r="N29160" s="10"/>
    </row>
    <row r="29161" spans="14:14">
      <c r="N29161" s="10"/>
    </row>
    <row r="29162" spans="14:14">
      <c r="N29162" s="10"/>
    </row>
    <row r="29163" spans="14:14">
      <c r="N29163" s="10"/>
    </row>
    <row r="29164" spans="14:14">
      <c r="N29164" s="10"/>
    </row>
    <row r="29165" spans="14:14">
      <c r="N29165" s="10"/>
    </row>
    <row r="29166" spans="14:14">
      <c r="N29166" s="10"/>
    </row>
    <row r="29167" spans="14:14">
      <c r="N29167" s="10"/>
    </row>
    <row r="29168" spans="14:14">
      <c r="N29168" s="10"/>
    </row>
    <row r="29169" spans="14:14">
      <c r="N29169" s="10"/>
    </row>
    <row r="29170" spans="14:14">
      <c r="N29170" s="10"/>
    </row>
    <row r="29171" spans="14:14">
      <c r="N29171" s="10"/>
    </row>
    <row r="29172" spans="14:14">
      <c r="N29172" s="10"/>
    </row>
    <row r="29173" spans="14:14">
      <c r="N29173" s="10"/>
    </row>
    <row r="29174" spans="14:14">
      <c r="N29174" s="10"/>
    </row>
    <row r="29175" spans="14:14">
      <c r="N29175" s="10"/>
    </row>
    <row r="29176" spans="14:14">
      <c r="N29176" s="10"/>
    </row>
    <row r="29177" spans="14:14">
      <c r="N29177" s="10"/>
    </row>
    <row r="29178" spans="14:14">
      <c r="N29178" s="10"/>
    </row>
    <row r="29179" spans="14:14">
      <c r="N29179" s="10"/>
    </row>
    <row r="29180" spans="14:14">
      <c r="N29180" s="10"/>
    </row>
    <row r="29181" spans="14:14">
      <c r="N29181" s="10"/>
    </row>
    <row r="29182" spans="14:14">
      <c r="N29182" s="10"/>
    </row>
    <row r="29183" spans="14:14">
      <c r="N29183" s="10"/>
    </row>
    <row r="29184" spans="14:14">
      <c r="N29184" s="10"/>
    </row>
    <row r="29185" spans="14:14">
      <c r="N29185" s="10"/>
    </row>
    <row r="29186" spans="14:14">
      <c r="N29186" s="10"/>
    </row>
    <row r="29187" spans="14:14">
      <c r="N29187" s="10"/>
    </row>
    <row r="29188" spans="14:14">
      <c r="N29188" s="10"/>
    </row>
    <row r="29189" spans="14:14">
      <c r="N29189" s="10"/>
    </row>
    <row r="29190" spans="14:14">
      <c r="N29190" s="10"/>
    </row>
    <row r="29191" spans="14:14">
      <c r="N29191" s="10"/>
    </row>
    <row r="29192" spans="14:14">
      <c r="N29192" s="10"/>
    </row>
    <row r="29193" spans="14:14">
      <c r="N29193" s="10"/>
    </row>
    <row r="29194" spans="14:14">
      <c r="N29194" s="10"/>
    </row>
    <row r="29195" spans="14:14">
      <c r="N29195" s="10"/>
    </row>
    <row r="29196" spans="14:14">
      <c r="N29196" s="10"/>
    </row>
    <row r="29197" spans="14:14">
      <c r="N29197" s="10"/>
    </row>
    <row r="29198" spans="14:14">
      <c r="N29198" s="10"/>
    </row>
    <row r="29199" spans="14:14">
      <c r="N29199" s="10"/>
    </row>
    <row r="29200" spans="14:14">
      <c r="N29200" s="10"/>
    </row>
    <row r="29201" spans="14:14">
      <c r="N29201" s="10"/>
    </row>
    <row r="29202" spans="14:14">
      <c r="N29202" s="10"/>
    </row>
    <row r="29203" spans="14:14">
      <c r="N29203" s="10"/>
    </row>
    <row r="29204" spans="14:14">
      <c r="N29204" s="10"/>
    </row>
    <row r="29205" spans="14:14">
      <c r="N29205" s="10"/>
    </row>
    <row r="29206" spans="14:14">
      <c r="N29206" s="10"/>
    </row>
    <row r="29207" spans="14:14">
      <c r="N29207" s="10"/>
    </row>
    <row r="29208" spans="14:14">
      <c r="N29208" s="10"/>
    </row>
    <row r="29209" spans="14:14">
      <c r="N29209" s="10"/>
    </row>
    <row r="29210" spans="14:14">
      <c r="N29210" s="10"/>
    </row>
    <row r="29211" spans="14:14">
      <c r="N29211" s="10"/>
    </row>
    <row r="29212" spans="14:14">
      <c r="N29212" s="10"/>
    </row>
    <row r="29213" spans="14:14">
      <c r="N29213" s="10"/>
    </row>
    <row r="29214" spans="14:14">
      <c r="N29214" s="10"/>
    </row>
    <row r="29215" spans="14:14">
      <c r="N29215" s="10"/>
    </row>
    <row r="29216" spans="14:14">
      <c r="N29216" s="10"/>
    </row>
    <row r="29217" spans="14:14">
      <c r="N29217" s="10"/>
    </row>
    <row r="29218" spans="14:14">
      <c r="N29218" s="10"/>
    </row>
    <row r="29219" spans="14:14">
      <c r="N29219" s="10"/>
    </row>
    <row r="29220" spans="14:14">
      <c r="N29220" s="10"/>
    </row>
    <row r="29221" spans="14:14">
      <c r="N29221" s="10"/>
    </row>
    <row r="29222" spans="14:14">
      <c r="N29222" s="10"/>
    </row>
    <row r="29223" spans="14:14">
      <c r="N29223" s="10"/>
    </row>
    <row r="29224" spans="14:14">
      <c r="N29224" s="10"/>
    </row>
    <row r="29225" spans="14:14">
      <c r="N29225" s="10"/>
    </row>
    <row r="29226" spans="14:14">
      <c r="N29226" s="10"/>
    </row>
    <row r="29227" spans="14:14">
      <c r="N29227" s="10"/>
    </row>
    <row r="29228" spans="14:14">
      <c r="N29228" s="10"/>
    </row>
    <row r="29229" spans="14:14">
      <c r="N29229" s="10"/>
    </row>
    <row r="29230" spans="14:14">
      <c r="N29230" s="10"/>
    </row>
    <row r="29231" spans="14:14">
      <c r="N29231" s="10"/>
    </row>
    <row r="29232" spans="14:14">
      <c r="N29232" s="10"/>
    </row>
    <row r="29233" spans="14:14">
      <c r="N29233" s="10"/>
    </row>
    <row r="29234" spans="14:14">
      <c r="N29234" s="10"/>
    </row>
    <row r="29235" spans="14:14">
      <c r="N29235" s="10"/>
    </row>
    <row r="29236" spans="14:14">
      <c r="N29236" s="10"/>
    </row>
    <row r="29237" spans="14:14">
      <c r="N29237" s="10"/>
    </row>
    <row r="29238" spans="14:14">
      <c r="N29238" s="10"/>
    </row>
    <row r="29239" spans="14:14">
      <c r="N29239" s="10"/>
    </row>
    <row r="29240" spans="14:14">
      <c r="N29240" s="10"/>
    </row>
    <row r="29241" spans="14:14">
      <c r="N29241" s="10"/>
    </row>
    <row r="29242" spans="14:14">
      <c r="N29242" s="10"/>
    </row>
    <row r="29243" spans="14:14">
      <c r="N29243" s="10"/>
    </row>
    <row r="29244" spans="14:14">
      <c r="N29244" s="10"/>
    </row>
    <row r="29245" spans="14:14">
      <c r="N29245" s="10"/>
    </row>
    <row r="29246" spans="14:14">
      <c r="N29246" s="10"/>
    </row>
    <row r="29247" spans="14:14">
      <c r="N29247" s="10"/>
    </row>
    <row r="29248" spans="14:14">
      <c r="N29248" s="10"/>
    </row>
    <row r="29249" spans="14:14">
      <c r="N29249" s="10"/>
    </row>
    <row r="29250" spans="14:14">
      <c r="N29250" s="10"/>
    </row>
    <row r="29251" spans="14:14">
      <c r="N29251" s="10"/>
    </row>
    <row r="29252" spans="14:14">
      <c r="N29252" s="10"/>
    </row>
    <row r="29253" spans="14:14">
      <c r="N29253" s="10"/>
    </row>
    <row r="29254" spans="14:14">
      <c r="N29254" s="10"/>
    </row>
    <row r="29255" spans="14:14">
      <c r="N29255" s="10"/>
    </row>
    <row r="29256" spans="14:14">
      <c r="N29256" s="10"/>
    </row>
    <row r="29257" spans="14:14">
      <c r="N29257" s="10"/>
    </row>
    <row r="29258" spans="14:14">
      <c r="N29258" s="10"/>
    </row>
    <row r="29259" spans="14:14">
      <c r="N29259" s="10"/>
    </row>
    <row r="29260" spans="14:14">
      <c r="N29260" s="10"/>
    </row>
    <row r="29261" spans="14:14">
      <c r="N29261" s="10"/>
    </row>
    <row r="29262" spans="14:14">
      <c r="N29262" s="10"/>
    </row>
    <row r="29263" spans="14:14">
      <c r="N29263" s="10"/>
    </row>
    <row r="29264" spans="14:14">
      <c r="N29264" s="10"/>
    </row>
    <row r="29265" spans="14:14">
      <c r="N29265" s="10"/>
    </row>
    <row r="29266" spans="14:14">
      <c r="N29266" s="10"/>
    </row>
    <row r="29267" spans="14:14">
      <c r="N29267" s="10"/>
    </row>
    <row r="29268" spans="14:14">
      <c r="N29268" s="10"/>
    </row>
    <row r="29269" spans="14:14">
      <c r="N29269" s="10"/>
    </row>
    <row r="29270" spans="14:14">
      <c r="N29270" s="10"/>
    </row>
    <row r="29271" spans="14:14">
      <c r="N29271" s="10"/>
    </row>
    <row r="29272" spans="14:14">
      <c r="N29272" s="10"/>
    </row>
    <row r="29273" spans="14:14">
      <c r="N29273" s="10"/>
    </row>
    <row r="29274" spans="14:14">
      <c r="N29274" s="10"/>
    </row>
    <row r="29275" spans="14:14">
      <c r="N29275" s="10"/>
    </row>
    <row r="29276" spans="14:14">
      <c r="N29276" s="10"/>
    </row>
    <row r="29277" spans="14:14">
      <c r="N29277" s="10"/>
    </row>
    <row r="29278" spans="14:14">
      <c r="N29278" s="10"/>
    </row>
    <row r="29279" spans="14:14">
      <c r="N29279" s="10"/>
    </row>
    <row r="29280" spans="14:14">
      <c r="N29280" s="10"/>
    </row>
    <row r="29281" spans="14:14">
      <c r="N29281" s="10"/>
    </row>
    <row r="29282" spans="14:14">
      <c r="N29282" s="10"/>
    </row>
    <row r="29283" spans="14:14">
      <c r="N29283" s="10"/>
    </row>
    <row r="29284" spans="14:14">
      <c r="N29284" s="10"/>
    </row>
    <row r="29285" spans="14:14">
      <c r="N29285" s="10"/>
    </row>
    <row r="29286" spans="14:14">
      <c r="N29286" s="10"/>
    </row>
    <row r="29287" spans="14:14">
      <c r="N29287" s="10"/>
    </row>
    <row r="29288" spans="14:14">
      <c r="N29288" s="10"/>
    </row>
    <row r="29289" spans="14:14">
      <c r="N29289" s="10"/>
    </row>
    <row r="29290" spans="14:14">
      <c r="N29290" s="10"/>
    </row>
    <row r="29291" spans="14:14">
      <c r="N29291" s="10"/>
    </row>
    <row r="29292" spans="14:14">
      <c r="N29292" s="10"/>
    </row>
    <row r="29293" spans="14:14">
      <c r="N29293" s="10"/>
    </row>
    <row r="29294" spans="14:14">
      <c r="N29294" s="10"/>
    </row>
    <row r="29295" spans="14:14">
      <c r="N29295" s="10"/>
    </row>
    <row r="29296" spans="14:14">
      <c r="N29296" s="10"/>
    </row>
    <row r="29297" spans="14:14">
      <c r="N29297" s="10"/>
    </row>
    <row r="29298" spans="14:14">
      <c r="N29298" s="10"/>
    </row>
    <row r="29299" spans="14:14">
      <c r="N29299" s="10"/>
    </row>
    <row r="29300" spans="14:14">
      <c r="N29300" s="10"/>
    </row>
    <row r="29301" spans="14:14">
      <c r="N29301" s="10"/>
    </row>
    <row r="29302" spans="14:14">
      <c r="N29302" s="10"/>
    </row>
    <row r="29303" spans="14:14">
      <c r="N29303" s="10"/>
    </row>
    <row r="29304" spans="14:14">
      <c r="N29304" s="10"/>
    </row>
    <row r="29305" spans="14:14">
      <c r="N29305" s="10"/>
    </row>
    <row r="29306" spans="14:14">
      <c r="N29306" s="10"/>
    </row>
    <row r="29307" spans="14:14">
      <c r="N29307" s="10"/>
    </row>
    <row r="29308" spans="14:14">
      <c r="N29308" s="10"/>
    </row>
    <row r="29309" spans="14:14">
      <c r="N29309" s="10"/>
    </row>
    <row r="29310" spans="14:14">
      <c r="N29310" s="10"/>
    </row>
    <row r="29311" spans="14:14">
      <c r="N29311" s="10"/>
    </row>
    <row r="29312" spans="14:14">
      <c r="N29312" s="10"/>
    </row>
    <row r="29313" spans="14:14">
      <c r="N29313" s="10"/>
    </row>
    <row r="29314" spans="14:14">
      <c r="N29314" s="10"/>
    </row>
    <row r="29315" spans="14:14">
      <c r="N29315" s="10"/>
    </row>
    <row r="29316" spans="14:14">
      <c r="N29316" s="10"/>
    </row>
    <row r="29317" spans="14:14">
      <c r="N29317" s="10"/>
    </row>
    <row r="29318" spans="14:14">
      <c r="N29318" s="10"/>
    </row>
    <row r="29319" spans="14:14">
      <c r="N29319" s="10"/>
    </row>
    <row r="29320" spans="14:14">
      <c r="N29320" s="10"/>
    </row>
    <row r="29321" spans="14:14">
      <c r="N29321" s="10"/>
    </row>
    <row r="29322" spans="14:14">
      <c r="N29322" s="10"/>
    </row>
    <row r="29323" spans="14:14">
      <c r="N29323" s="10"/>
    </row>
    <row r="29324" spans="14:14">
      <c r="N29324" s="10"/>
    </row>
    <row r="29325" spans="14:14">
      <c r="N29325" s="10"/>
    </row>
    <row r="29326" spans="14:14">
      <c r="N29326" s="10"/>
    </row>
    <row r="29327" spans="14:14">
      <c r="N29327" s="10"/>
    </row>
    <row r="29328" spans="14:14">
      <c r="N29328" s="10"/>
    </row>
    <row r="29329" spans="14:14">
      <c r="N29329" s="10"/>
    </row>
    <row r="29330" spans="14:14">
      <c r="N29330" s="10"/>
    </row>
    <row r="29331" spans="14:14">
      <c r="N29331" s="10"/>
    </row>
    <row r="29332" spans="14:14">
      <c r="N29332" s="10"/>
    </row>
    <row r="29333" spans="14:14">
      <c r="N29333" s="10"/>
    </row>
    <row r="29334" spans="14:14">
      <c r="N29334" s="10"/>
    </row>
    <row r="29335" spans="14:14">
      <c r="N29335" s="10"/>
    </row>
    <row r="29336" spans="14:14">
      <c r="N29336" s="10"/>
    </row>
    <row r="29337" spans="14:14">
      <c r="N29337" s="10"/>
    </row>
    <row r="29338" spans="14:14">
      <c r="N29338" s="10"/>
    </row>
    <row r="29339" spans="14:14">
      <c r="N29339" s="10"/>
    </row>
    <row r="29340" spans="14:14">
      <c r="N29340" s="10"/>
    </row>
    <row r="29341" spans="14:14">
      <c r="N29341" s="10"/>
    </row>
    <row r="29342" spans="14:14">
      <c r="N29342" s="10"/>
    </row>
    <row r="29343" spans="14:14">
      <c r="N29343" s="10"/>
    </row>
    <row r="29344" spans="14:14">
      <c r="N29344" s="10"/>
    </row>
    <row r="29345" spans="14:14">
      <c r="N29345" s="10"/>
    </row>
    <row r="29346" spans="14:14">
      <c r="N29346" s="10"/>
    </row>
    <row r="29347" spans="14:14">
      <c r="N29347" s="10"/>
    </row>
    <row r="29348" spans="14:14">
      <c r="N29348" s="10"/>
    </row>
    <row r="29349" spans="14:14">
      <c r="N29349" s="10"/>
    </row>
    <row r="29350" spans="14:14">
      <c r="N29350" s="10"/>
    </row>
    <row r="29351" spans="14:14">
      <c r="N29351" s="10"/>
    </row>
    <row r="29352" spans="14:14">
      <c r="N29352" s="10"/>
    </row>
    <row r="29353" spans="14:14">
      <c r="N29353" s="10"/>
    </row>
    <row r="29354" spans="14:14">
      <c r="N29354" s="10"/>
    </row>
    <row r="29355" spans="14:14">
      <c r="N29355" s="10"/>
    </row>
    <row r="29356" spans="14:14">
      <c r="N29356" s="10"/>
    </row>
    <row r="29357" spans="14:14">
      <c r="N29357" s="10"/>
    </row>
    <row r="29358" spans="14:14">
      <c r="N29358" s="10"/>
    </row>
    <row r="29359" spans="14:14">
      <c r="N29359" s="10"/>
    </row>
    <row r="29360" spans="14:14">
      <c r="N29360" s="10"/>
    </row>
    <row r="29361" spans="14:14">
      <c r="N29361" s="10"/>
    </row>
    <row r="29362" spans="14:14">
      <c r="N29362" s="10"/>
    </row>
    <row r="29363" spans="14:14">
      <c r="N29363" s="10"/>
    </row>
    <row r="29364" spans="14:14">
      <c r="N29364" s="10"/>
    </row>
    <row r="29365" spans="14:14">
      <c r="N29365" s="10"/>
    </row>
    <row r="29366" spans="14:14">
      <c r="N29366" s="10"/>
    </row>
    <row r="29367" spans="14:14">
      <c r="N29367" s="10"/>
    </row>
    <row r="29368" spans="14:14">
      <c r="N29368" s="10"/>
    </row>
    <row r="29369" spans="14:14">
      <c r="N29369" s="10"/>
    </row>
    <row r="29370" spans="14:14">
      <c r="N29370" s="10"/>
    </row>
    <row r="29371" spans="14:14">
      <c r="N29371" s="10"/>
    </row>
    <row r="29372" spans="14:14">
      <c r="N29372" s="10"/>
    </row>
    <row r="29373" spans="14:14">
      <c r="N29373" s="10"/>
    </row>
    <row r="29374" spans="14:14">
      <c r="N29374" s="10"/>
    </row>
    <row r="29375" spans="14:14">
      <c r="N29375" s="10"/>
    </row>
    <row r="29376" spans="14:14">
      <c r="N29376" s="10"/>
    </row>
    <row r="29377" spans="14:14">
      <c r="N29377" s="10"/>
    </row>
    <row r="29378" spans="14:14">
      <c r="N29378" s="10"/>
    </row>
    <row r="29379" spans="14:14">
      <c r="N29379" s="10"/>
    </row>
    <row r="29380" spans="14:14">
      <c r="N29380" s="10"/>
    </row>
    <row r="29381" spans="14:14">
      <c r="N29381" s="10"/>
    </row>
    <row r="29382" spans="14:14">
      <c r="N29382" s="10"/>
    </row>
    <row r="29383" spans="14:14">
      <c r="N29383" s="10"/>
    </row>
    <row r="29384" spans="14:14">
      <c r="N29384" s="10"/>
    </row>
    <row r="29385" spans="14:14">
      <c r="N29385" s="10"/>
    </row>
    <row r="29386" spans="14:14">
      <c r="N29386" s="10"/>
    </row>
    <row r="29387" spans="14:14">
      <c r="N29387" s="10"/>
    </row>
    <row r="29388" spans="14:14">
      <c r="N29388" s="10"/>
    </row>
    <row r="29389" spans="14:14">
      <c r="N29389" s="10"/>
    </row>
    <row r="29390" spans="14:14">
      <c r="N29390" s="10"/>
    </row>
    <row r="29391" spans="14:14">
      <c r="N29391" s="10"/>
    </row>
    <row r="29392" spans="14:14">
      <c r="N29392" s="10"/>
    </row>
    <row r="29393" spans="14:14">
      <c r="N29393" s="10"/>
    </row>
    <row r="29394" spans="14:14">
      <c r="N29394" s="10"/>
    </row>
    <row r="29395" spans="14:14">
      <c r="N29395" s="10"/>
    </row>
    <row r="29396" spans="14:14">
      <c r="N29396" s="10"/>
    </row>
    <row r="29397" spans="14:14">
      <c r="N29397" s="10"/>
    </row>
    <row r="29398" spans="14:14">
      <c r="N29398" s="10"/>
    </row>
    <row r="29399" spans="14:14">
      <c r="N29399" s="10"/>
    </row>
    <row r="29400" spans="14:14">
      <c r="N29400" s="10"/>
    </row>
    <row r="29401" spans="14:14">
      <c r="N29401" s="10"/>
    </row>
    <row r="29402" spans="14:14">
      <c r="N29402" s="10"/>
    </row>
    <row r="29403" spans="14:14">
      <c r="N29403" s="10"/>
    </row>
    <row r="29404" spans="14:14">
      <c r="N29404" s="10"/>
    </row>
    <row r="29405" spans="14:14">
      <c r="N29405" s="10"/>
    </row>
    <row r="29406" spans="14:14">
      <c r="N29406" s="10"/>
    </row>
    <row r="29407" spans="14:14">
      <c r="N29407" s="10"/>
    </row>
    <row r="29408" spans="14:14">
      <c r="N29408" s="10"/>
    </row>
    <row r="29409" spans="14:14">
      <c r="N29409" s="10"/>
    </row>
    <row r="29410" spans="14:14">
      <c r="N29410" s="10"/>
    </row>
    <row r="29411" spans="14:14">
      <c r="N29411" s="10"/>
    </row>
    <row r="29412" spans="14:14">
      <c r="N29412" s="10"/>
    </row>
    <row r="29413" spans="14:14">
      <c r="N29413" s="10"/>
    </row>
    <row r="29414" spans="14:14">
      <c r="N29414" s="10"/>
    </row>
    <row r="29415" spans="14:14">
      <c r="N29415" s="10"/>
    </row>
    <row r="29416" spans="14:14">
      <c r="N29416" s="10"/>
    </row>
    <row r="29417" spans="14:14">
      <c r="N29417" s="10"/>
    </row>
    <row r="29418" spans="14:14">
      <c r="N29418" s="10"/>
    </row>
    <row r="29419" spans="14:14">
      <c r="N29419" s="10"/>
    </row>
    <row r="29420" spans="14:14">
      <c r="N29420" s="10"/>
    </row>
    <row r="29421" spans="14:14">
      <c r="N29421" s="10"/>
    </row>
    <row r="29422" spans="14:14">
      <c r="N29422" s="10"/>
    </row>
    <row r="29423" spans="14:14">
      <c r="N29423" s="10"/>
    </row>
    <row r="29424" spans="14:14">
      <c r="N29424" s="10"/>
    </row>
    <row r="29425" spans="14:14">
      <c r="N29425" s="10"/>
    </row>
    <row r="29426" spans="14:14">
      <c r="N29426" s="10"/>
    </row>
    <row r="29427" spans="14:14">
      <c r="N29427" s="10"/>
    </row>
    <row r="29428" spans="14:14">
      <c r="N29428" s="10"/>
    </row>
    <row r="29429" spans="14:14">
      <c r="N29429" s="10"/>
    </row>
    <row r="29430" spans="14:14">
      <c r="N29430" s="10"/>
    </row>
    <row r="29431" spans="14:14">
      <c r="N29431" s="10"/>
    </row>
    <row r="29432" spans="14:14">
      <c r="N29432" s="10"/>
    </row>
    <row r="29433" spans="14:14">
      <c r="N29433" s="10"/>
    </row>
    <row r="29434" spans="14:14">
      <c r="N29434" s="10"/>
    </row>
    <row r="29435" spans="14:14">
      <c r="N29435" s="10"/>
    </row>
    <row r="29436" spans="14:14">
      <c r="N29436" s="10"/>
    </row>
    <row r="29437" spans="14:14">
      <c r="N29437" s="10"/>
    </row>
    <row r="29438" spans="14:14">
      <c r="N29438" s="10"/>
    </row>
    <row r="29439" spans="14:14">
      <c r="N29439" s="10"/>
    </row>
    <row r="29440" spans="14:14">
      <c r="N29440" s="10"/>
    </row>
    <row r="29441" spans="14:14">
      <c r="N29441" s="10"/>
    </row>
    <row r="29442" spans="14:14">
      <c r="N29442" s="10"/>
    </row>
    <row r="29443" spans="14:14">
      <c r="N29443" s="10"/>
    </row>
    <row r="29444" spans="14:14">
      <c r="N29444" s="10"/>
    </row>
    <row r="29445" spans="14:14">
      <c r="N29445" s="10"/>
    </row>
    <row r="29446" spans="14:14">
      <c r="N29446" s="10"/>
    </row>
    <row r="29447" spans="14:14">
      <c r="N29447" s="10"/>
    </row>
    <row r="29448" spans="14:14">
      <c r="N29448" s="10"/>
    </row>
    <row r="29449" spans="14:14">
      <c r="N29449" s="10"/>
    </row>
    <row r="29450" spans="14:14">
      <c r="N29450" s="10"/>
    </row>
    <row r="29451" spans="14:14">
      <c r="N29451" s="10"/>
    </row>
    <row r="29452" spans="14:14">
      <c r="N29452" s="10"/>
    </row>
    <row r="29453" spans="14:14">
      <c r="N29453" s="10"/>
    </row>
    <row r="29454" spans="14:14">
      <c r="N29454" s="10"/>
    </row>
    <row r="29455" spans="14:14">
      <c r="N29455" s="10"/>
    </row>
    <row r="29456" spans="14:14">
      <c r="N29456" s="10"/>
    </row>
    <row r="29457" spans="14:14">
      <c r="N29457" s="10"/>
    </row>
    <row r="29458" spans="14:14">
      <c r="N29458" s="10"/>
    </row>
    <row r="29459" spans="14:14">
      <c r="N29459" s="10"/>
    </row>
    <row r="29460" spans="14:14">
      <c r="N29460" s="10"/>
    </row>
    <row r="29461" spans="14:14">
      <c r="N29461" s="10"/>
    </row>
    <row r="29462" spans="14:14">
      <c r="N29462" s="10"/>
    </row>
    <row r="29463" spans="14:14">
      <c r="N29463" s="10"/>
    </row>
    <row r="29464" spans="14:14">
      <c r="N29464" s="10"/>
    </row>
    <row r="29465" spans="14:14">
      <c r="N29465" s="10"/>
    </row>
    <row r="29466" spans="14:14">
      <c r="N29466" s="10"/>
    </row>
    <row r="29467" spans="14:14">
      <c r="N29467" s="10"/>
    </row>
    <row r="29468" spans="14:14">
      <c r="N29468" s="10"/>
    </row>
    <row r="29469" spans="14:14">
      <c r="N29469" s="10"/>
    </row>
    <row r="29470" spans="14:14">
      <c r="N29470" s="10"/>
    </row>
    <row r="29471" spans="14:14">
      <c r="N29471" s="10"/>
    </row>
    <row r="29472" spans="14:14">
      <c r="N29472" s="10"/>
    </row>
    <row r="29473" spans="14:14">
      <c r="N29473" s="10"/>
    </row>
    <row r="29474" spans="14:14">
      <c r="N29474" s="10"/>
    </row>
    <row r="29475" spans="14:14">
      <c r="N29475" s="10"/>
    </row>
    <row r="29476" spans="14:14">
      <c r="N29476" s="10"/>
    </row>
    <row r="29477" spans="14:14">
      <c r="N29477" s="10"/>
    </row>
    <row r="29478" spans="14:14">
      <c r="N29478" s="10"/>
    </row>
    <row r="29479" spans="14:14">
      <c r="N29479" s="10"/>
    </row>
    <row r="29480" spans="14:14">
      <c r="N29480" s="10"/>
    </row>
    <row r="29481" spans="14:14">
      <c r="N29481" s="10"/>
    </row>
    <row r="29482" spans="14:14">
      <c r="N29482" s="10"/>
    </row>
    <row r="29483" spans="14:14">
      <c r="N29483" s="10"/>
    </row>
    <row r="29484" spans="14:14">
      <c r="N29484" s="10"/>
    </row>
    <row r="29485" spans="14:14">
      <c r="N29485" s="10"/>
    </row>
    <row r="29486" spans="14:14">
      <c r="N29486" s="10"/>
    </row>
    <row r="29487" spans="14:14">
      <c r="N29487" s="10"/>
    </row>
    <row r="29488" spans="14:14">
      <c r="N29488" s="10"/>
    </row>
    <row r="29489" spans="14:14">
      <c r="N29489" s="10"/>
    </row>
    <row r="29490" spans="14:14">
      <c r="N29490" s="10"/>
    </row>
    <row r="29491" spans="14:14">
      <c r="N29491" s="10"/>
    </row>
    <row r="29492" spans="14:14">
      <c r="N29492" s="10"/>
    </row>
    <row r="29493" spans="14:14">
      <c r="N29493" s="10"/>
    </row>
    <row r="29494" spans="14:14">
      <c r="N29494" s="10"/>
    </row>
    <row r="29495" spans="14:14">
      <c r="N29495" s="10"/>
    </row>
    <row r="29496" spans="14:14">
      <c r="N29496" s="10"/>
    </row>
    <row r="29497" spans="14:14">
      <c r="N29497" s="10"/>
    </row>
    <row r="29498" spans="14:14">
      <c r="N29498" s="10"/>
    </row>
    <row r="29499" spans="14:14">
      <c r="N29499" s="10"/>
    </row>
    <row r="29500" spans="14:14">
      <c r="N29500" s="10"/>
    </row>
    <row r="29501" spans="14:14">
      <c r="N29501" s="10"/>
    </row>
    <row r="29502" spans="14:14">
      <c r="N29502" s="10"/>
    </row>
    <row r="29503" spans="14:14">
      <c r="N29503" s="10"/>
    </row>
    <row r="29504" spans="14:14">
      <c r="N29504" s="10"/>
    </row>
    <row r="29505" spans="14:14">
      <c r="N29505" s="10"/>
    </row>
    <row r="29506" spans="14:14">
      <c r="N29506" s="10"/>
    </row>
    <row r="29507" spans="14:14">
      <c r="N29507" s="10"/>
    </row>
    <row r="29508" spans="14:14">
      <c r="N29508" s="10"/>
    </row>
    <row r="29509" spans="14:14">
      <c r="N29509" s="10"/>
    </row>
    <row r="29510" spans="14:14">
      <c r="N29510" s="10"/>
    </row>
    <row r="29511" spans="14:14">
      <c r="N29511" s="10"/>
    </row>
    <row r="29512" spans="14:14">
      <c r="N29512" s="10"/>
    </row>
    <row r="29513" spans="14:14">
      <c r="N29513" s="10"/>
    </row>
    <row r="29514" spans="14:14">
      <c r="N29514" s="10"/>
    </row>
    <row r="29515" spans="14:14">
      <c r="N29515" s="10"/>
    </row>
    <row r="29516" spans="14:14">
      <c r="N29516" s="10"/>
    </row>
    <row r="29517" spans="14:14">
      <c r="N29517" s="10"/>
    </row>
    <row r="29518" spans="14:14">
      <c r="N29518" s="10"/>
    </row>
    <row r="29519" spans="14:14">
      <c r="N29519" s="10"/>
    </row>
    <row r="29520" spans="14:14">
      <c r="N29520" s="10"/>
    </row>
    <row r="29521" spans="14:14">
      <c r="N29521" s="10"/>
    </row>
    <row r="29522" spans="14:14">
      <c r="N29522" s="10"/>
    </row>
    <row r="29523" spans="14:14">
      <c r="N29523" s="10"/>
    </row>
    <row r="29524" spans="14:14">
      <c r="N29524" s="10"/>
    </row>
    <row r="29525" spans="14:14">
      <c r="N29525" s="10"/>
    </row>
    <row r="29526" spans="14:14">
      <c r="N29526" s="10"/>
    </row>
    <row r="29527" spans="14:14">
      <c r="N29527" s="10"/>
    </row>
    <row r="29528" spans="14:14">
      <c r="N29528" s="10"/>
    </row>
    <row r="29529" spans="14:14">
      <c r="N29529" s="10"/>
    </row>
    <row r="29530" spans="14:14">
      <c r="N29530" s="10"/>
    </row>
    <row r="29531" spans="14:14">
      <c r="N29531" s="10"/>
    </row>
    <row r="29532" spans="14:14">
      <c r="N29532" s="10"/>
    </row>
    <row r="29533" spans="14:14">
      <c r="N29533" s="10"/>
    </row>
    <row r="29534" spans="14:14">
      <c r="N29534" s="10"/>
    </row>
    <row r="29535" spans="14:14">
      <c r="N29535" s="10"/>
    </row>
    <row r="29536" spans="14:14">
      <c r="N29536" s="10"/>
    </row>
    <row r="29537" spans="14:14">
      <c r="N29537" s="10"/>
    </row>
    <row r="29538" spans="14:14">
      <c r="N29538" s="10"/>
    </row>
    <row r="29539" spans="14:14">
      <c r="N29539" s="10"/>
    </row>
    <row r="29540" spans="14:14">
      <c r="N29540" s="10"/>
    </row>
    <row r="29541" spans="14:14">
      <c r="N29541" s="10"/>
    </row>
    <row r="29542" spans="14:14">
      <c r="N29542" s="10"/>
    </row>
    <row r="29543" spans="14:14">
      <c r="N29543" s="10"/>
    </row>
    <row r="29544" spans="14:14">
      <c r="N29544" s="10"/>
    </row>
    <row r="29545" spans="14:14">
      <c r="N29545" s="10"/>
    </row>
    <row r="29546" spans="14:14">
      <c r="N29546" s="10"/>
    </row>
    <row r="29547" spans="14:14">
      <c r="N29547" s="10"/>
    </row>
    <row r="29548" spans="14:14">
      <c r="N29548" s="10"/>
    </row>
    <row r="29549" spans="14:14">
      <c r="N29549" s="10"/>
    </row>
    <row r="29550" spans="14:14">
      <c r="N29550" s="10"/>
    </row>
    <row r="29551" spans="14:14">
      <c r="N29551" s="10"/>
    </row>
    <row r="29552" spans="14:14">
      <c r="N29552" s="10"/>
    </row>
    <row r="29553" spans="14:14">
      <c r="N29553" s="10"/>
    </row>
    <row r="29554" spans="14:14">
      <c r="N29554" s="10"/>
    </row>
    <row r="29555" spans="14:14">
      <c r="N29555" s="10"/>
    </row>
    <row r="29556" spans="14:14">
      <c r="N29556" s="10"/>
    </row>
    <row r="29557" spans="14:14">
      <c r="N29557" s="10"/>
    </row>
    <row r="29558" spans="14:14">
      <c r="N29558" s="10"/>
    </row>
    <row r="29559" spans="14:14">
      <c r="N29559" s="10"/>
    </row>
    <row r="29560" spans="14:14">
      <c r="N29560" s="10"/>
    </row>
    <row r="29561" spans="14:14">
      <c r="N29561" s="10"/>
    </row>
    <row r="29562" spans="14:14">
      <c r="N29562" s="10"/>
    </row>
    <row r="29563" spans="14:14">
      <c r="N29563" s="10"/>
    </row>
    <row r="29564" spans="14:14">
      <c r="N29564" s="10"/>
    </row>
    <row r="29565" spans="14:14">
      <c r="N29565" s="10"/>
    </row>
    <row r="29566" spans="14:14">
      <c r="N29566" s="10"/>
    </row>
    <row r="29567" spans="14:14">
      <c r="N29567" s="10"/>
    </row>
    <row r="29568" spans="14:14">
      <c r="N29568" s="10"/>
    </row>
    <row r="29569" spans="14:14">
      <c r="N29569" s="10"/>
    </row>
    <row r="29570" spans="14:14">
      <c r="N29570" s="10"/>
    </row>
    <row r="29571" spans="14:14">
      <c r="N29571" s="10"/>
    </row>
    <row r="29572" spans="14:14">
      <c r="N29572" s="10"/>
    </row>
    <row r="29573" spans="14:14">
      <c r="N29573" s="10"/>
    </row>
    <row r="29574" spans="14:14">
      <c r="N29574" s="10"/>
    </row>
    <row r="29575" spans="14:14">
      <c r="N29575" s="10"/>
    </row>
    <row r="29576" spans="14:14">
      <c r="N29576" s="10"/>
    </row>
    <row r="29577" spans="14:14">
      <c r="N29577" s="10"/>
    </row>
    <row r="29578" spans="14:14">
      <c r="N29578" s="10"/>
    </row>
    <row r="29579" spans="14:14">
      <c r="N29579" s="10"/>
    </row>
    <row r="29580" spans="14:14">
      <c r="N29580" s="10"/>
    </row>
    <row r="29581" spans="14:14">
      <c r="N29581" s="10"/>
    </row>
    <row r="29582" spans="14:14">
      <c r="N29582" s="10"/>
    </row>
    <row r="29583" spans="14:14">
      <c r="N29583" s="10"/>
    </row>
    <row r="29584" spans="14:14">
      <c r="N29584" s="10"/>
    </row>
    <row r="29585" spans="14:14">
      <c r="N29585" s="10"/>
    </row>
    <row r="29586" spans="14:14">
      <c r="N29586" s="10"/>
    </row>
    <row r="29587" spans="14:14">
      <c r="N29587" s="10"/>
    </row>
    <row r="29588" spans="14:14">
      <c r="N29588" s="10"/>
    </row>
    <row r="29589" spans="14:14">
      <c r="N29589" s="10"/>
    </row>
    <row r="29590" spans="14:14">
      <c r="N29590" s="10"/>
    </row>
    <row r="29591" spans="14:14">
      <c r="N29591" s="10"/>
    </row>
    <row r="29592" spans="14:14">
      <c r="N29592" s="10"/>
    </row>
    <row r="29593" spans="14:14">
      <c r="N29593" s="10"/>
    </row>
    <row r="29594" spans="14:14">
      <c r="N29594" s="10"/>
    </row>
    <row r="29595" spans="14:14">
      <c r="N29595" s="10"/>
    </row>
    <row r="29596" spans="14:14">
      <c r="N29596" s="10"/>
    </row>
    <row r="29597" spans="14:14">
      <c r="N29597" s="10"/>
    </row>
    <row r="29598" spans="14:14">
      <c r="N29598" s="10"/>
    </row>
    <row r="29599" spans="14:14">
      <c r="N29599" s="10"/>
    </row>
    <row r="29600" spans="14:14">
      <c r="N29600" s="10"/>
    </row>
    <row r="29601" spans="14:14">
      <c r="N29601" s="10"/>
    </row>
    <row r="29602" spans="14:14">
      <c r="N29602" s="10"/>
    </row>
    <row r="29603" spans="14:14">
      <c r="N29603" s="10"/>
    </row>
    <row r="29604" spans="14:14">
      <c r="N29604" s="10"/>
    </row>
    <row r="29605" spans="14:14">
      <c r="N29605" s="10"/>
    </row>
    <row r="29606" spans="14:14">
      <c r="N29606" s="10"/>
    </row>
    <row r="29607" spans="14:14">
      <c r="N29607" s="10"/>
    </row>
    <row r="29608" spans="14:14">
      <c r="N29608" s="10"/>
    </row>
    <row r="29609" spans="14:14">
      <c r="N29609" s="10"/>
    </row>
    <row r="29610" spans="14:14">
      <c r="N29610" s="10"/>
    </row>
    <row r="29611" spans="14:14">
      <c r="N29611" s="10"/>
    </row>
    <row r="29612" spans="14:14">
      <c r="N29612" s="10"/>
    </row>
    <row r="29613" spans="14:14">
      <c r="N29613" s="10"/>
    </row>
    <row r="29614" spans="14:14">
      <c r="N29614" s="10"/>
    </row>
    <row r="29615" spans="14:14">
      <c r="N29615" s="10"/>
    </row>
    <row r="29616" spans="14:14">
      <c r="N29616" s="10"/>
    </row>
    <row r="29617" spans="14:14">
      <c r="N29617" s="10"/>
    </row>
    <row r="29618" spans="14:14">
      <c r="N29618" s="10"/>
    </row>
    <row r="29619" spans="14:14">
      <c r="N29619" s="10"/>
    </row>
    <row r="29620" spans="14:14">
      <c r="N29620" s="10"/>
    </row>
    <row r="29621" spans="14:14">
      <c r="N29621" s="10"/>
    </row>
    <row r="29622" spans="14:14">
      <c r="N29622" s="10"/>
    </row>
    <row r="29623" spans="14:14">
      <c r="N29623" s="10"/>
    </row>
    <row r="29624" spans="14:14">
      <c r="N29624" s="10"/>
    </row>
    <row r="29625" spans="14:14">
      <c r="N29625" s="10"/>
    </row>
    <row r="29626" spans="14:14">
      <c r="N29626" s="10"/>
    </row>
    <row r="29627" spans="14:14">
      <c r="N29627" s="10"/>
    </row>
    <row r="29628" spans="14:14">
      <c r="N29628" s="10"/>
    </row>
    <row r="29629" spans="14:14">
      <c r="N29629" s="10"/>
    </row>
    <row r="29630" spans="14:14">
      <c r="N29630" s="10"/>
    </row>
    <row r="29631" spans="14:14">
      <c r="N29631" s="10"/>
    </row>
    <row r="29632" spans="14:14">
      <c r="N29632" s="10"/>
    </row>
    <row r="29633" spans="14:14">
      <c r="N29633" s="10"/>
    </row>
    <row r="29634" spans="14:14">
      <c r="N29634" s="10"/>
    </row>
    <row r="29635" spans="14:14">
      <c r="N29635" s="10"/>
    </row>
    <row r="29636" spans="14:14">
      <c r="N29636" s="10"/>
    </row>
    <row r="29637" spans="14:14">
      <c r="N29637" s="10"/>
    </row>
    <row r="29638" spans="14:14">
      <c r="N29638" s="10"/>
    </row>
    <row r="29639" spans="14:14">
      <c r="N29639" s="10"/>
    </row>
    <row r="29640" spans="14:14">
      <c r="N29640" s="10"/>
    </row>
    <row r="29641" spans="14:14">
      <c r="N29641" s="10"/>
    </row>
    <row r="29642" spans="14:14">
      <c r="N29642" s="10"/>
    </row>
    <row r="29643" spans="14:14">
      <c r="N29643" s="10"/>
    </row>
    <row r="29644" spans="14:14">
      <c r="N29644" s="10"/>
    </row>
    <row r="29645" spans="14:14">
      <c r="N29645" s="10"/>
    </row>
    <row r="29646" spans="14:14">
      <c r="N29646" s="10"/>
    </row>
    <row r="29647" spans="14:14">
      <c r="N29647" s="10"/>
    </row>
    <row r="29648" spans="14:14">
      <c r="N29648" s="10"/>
    </row>
    <row r="29649" spans="14:14">
      <c r="N29649" s="10"/>
    </row>
    <row r="29650" spans="14:14">
      <c r="N29650" s="10"/>
    </row>
    <row r="29651" spans="14:14">
      <c r="N29651" s="10"/>
    </row>
    <row r="29652" spans="14:14">
      <c r="N29652" s="10"/>
    </row>
    <row r="29653" spans="14:14">
      <c r="N29653" s="10"/>
    </row>
    <row r="29654" spans="14:14">
      <c r="N29654" s="10"/>
    </row>
    <row r="29655" spans="14:14">
      <c r="N29655" s="10"/>
    </row>
    <row r="29656" spans="14:14">
      <c r="N29656" s="10"/>
    </row>
    <row r="29657" spans="14:14">
      <c r="N29657" s="10"/>
    </row>
    <row r="29658" spans="14:14">
      <c r="N29658" s="10"/>
    </row>
    <row r="29659" spans="14:14">
      <c r="N29659" s="10"/>
    </row>
    <row r="29660" spans="14:14">
      <c r="N29660" s="10"/>
    </row>
    <row r="29661" spans="14:14">
      <c r="N29661" s="10"/>
    </row>
    <row r="29662" spans="14:14">
      <c r="N29662" s="10"/>
    </row>
    <row r="29663" spans="14:14">
      <c r="N29663" s="10"/>
    </row>
    <row r="29664" spans="14:14">
      <c r="N29664" s="10"/>
    </row>
    <row r="29665" spans="14:14">
      <c r="N29665" s="10"/>
    </row>
    <row r="29666" spans="14:14">
      <c r="N29666" s="10"/>
    </row>
    <row r="29667" spans="14:14">
      <c r="N29667" s="10"/>
    </row>
    <row r="29668" spans="14:14">
      <c r="N29668" s="10"/>
    </row>
    <row r="29669" spans="14:14">
      <c r="N29669" s="10"/>
    </row>
    <row r="29670" spans="14:14">
      <c r="N29670" s="10"/>
    </row>
    <row r="29671" spans="14:14">
      <c r="N29671" s="10"/>
    </row>
    <row r="29672" spans="14:14">
      <c r="N29672" s="10"/>
    </row>
    <row r="29673" spans="14:14">
      <c r="N29673" s="10"/>
    </row>
    <row r="29674" spans="14:14">
      <c r="N29674" s="10"/>
    </row>
    <row r="29675" spans="14:14">
      <c r="N29675" s="10"/>
    </row>
    <row r="29676" spans="14:14">
      <c r="N29676" s="10"/>
    </row>
    <row r="29677" spans="14:14">
      <c r="N29677" s="10"/>
    </row>
    <row r="29678" spans="14:14">
      <c r="N29678" s="10"/>
    </row>
    <row r="29679" spans="14:14">
      <c r="N29679" s="10"/>
    </row>
    <row r="29680" spans="14:14">
      <c r="N29680" s="10"/>
    </row>
    <row r="29681" spans="14:14">
      <c r="N29681" s="10"/>
    </row>
    <row r="29682" spans="14:14">
      <c r="N29682" s="10"/>
    </row>
    <row r="29683" spans="14:14">
      <c r="N29683" s="10"/>
    </row>
    <row r="29684" spans="14:14">
      <c r="N29684" s="10"/>
    </row>
    <row r="29685" spans="14:14">
      <c r="N29685" s="10"/>
    </row>
    <row r="29686" spans="14:14">
      <c r="N29686" s="10"/>
    </row>
    <row r="29687" spans="14:14">
      <c r="N29687" s="10"/>
    </row>
    <row r="29688" spans="14:14">
      <c r="N29688" s="10"/>
    </row>
    <row r="29689" spans="14:14">
      <c r="N29689" s="10"/>
    </row>
    <row r="29690" spans="14:14">
      <c r="N29690" s="10"/>
    </row>
    <row r="29691" spans="14:14">
      <c r="N29691" s="10"/>
    </row>
    <row r="29692" spans="14:14">
      <c r="N29692" s="10"/>
    </row>
    <row r="29693" spans="14:14">
      <c r="N29693" s="10"/>
    </row>
    <row r="29694" spans="14:14">
      <c r="N29694" s="10"/>
    </row>
    <row r="29695" spans="14:14">
      <c r="N29695" s="10"/>
    </row>
    <row r="29696" spans="14:14">
      <c r="N29696" s="10"/>
    </row>
    <row r="29697" spans="14:14">
      <c r="N29697" s="10"/>
    </row>
    <row r="29698" spans="14:14">
      <c r="N29698" s="10"/>
    </row>
    <row r="29699" spans="14:14">
      <c r="N29699" s="10"/>
    </row>
    <row r="29700" spans="14:14">
      <c r="N29700" s="10"/>
    </row>
    <row r="29701" spans="14:14">
      <c r="N29701" s="10"/>
    </row>
    <row r="29702" spans="14:14">
      <c r="N29702" s="10"/>
    </row>
    <row r="29703" spans="14:14">
      <c r="N29703" s="10"/>
    </row>
    <row r="29704" spans="14:14">
      <c r="N29704" s="10"/>
    </row>
    <row r="29705" spans="14:14">
      <c r="N29705" s="10"/>
    </row>
    <row r="29706" spans="14:14">
      <c r="N29706" s="10"/>
    </row>
    <row r="29707" spans="14:14">
      <c r="N29707" s="10"/>
    </row>
    <row r="29708" spans="14:14">
      <c r="N29708" s="10"/>
    </row>
    <row r="29709" spans="14:14">
      <c r="N29709" s="10"/>
    </row>
    <row r="29710" spans="14:14">
      <c r="N29710" s="10"/>
    </row>
    <row r="29711" spans="14:14">
      <c r="N29711" s="10"/>
    </row>
    <row r="29712" spans="14:14">
      <c r="N29712" s="10"/>
    </row>
    <row r="29713" spans="14:14">
      <c r="N29713" s="10"/>
    </row>
    <row r="29714" spans="14:14">
      <c r="N29714" s="10"/>
    </row>
    <row r="29715" spans="14:14">
      <c r="N29715" s="10"/>
    </row>
    <row r="29716" spans="14:14">
      <c r="N29716" s="10"/>
    </row>
    <row r="29717" spans="14:14">
      <c r="N29717" s="10"/>
    </row>
    <row r="29718" spans="14:14">
      <c r="N29718" s="10"/>
    </row>
    <row r="29719" spans="14:14">
      <c r="N29719" s="10"/>
    </row>
    <row r="29720" spans="14:14">
      <c r="N29720" s="10"/>
    </row>
    <row r="29721" spans="14:14">
      <c r="N29721" s="10"/>
    </row>
    <row r="29722" spans="14:14">
      <c r="N29722" s="10"/>
    </row>
    <row r="29723" spans="14:14">
      <c r="N29723" s="10"/>
    </row>
    <row r="29724" spans="14:14">
      <c r="N29724" s="10"/>
    </row>
    <row r="29725" spans="14:14">
      <c r="N29725" s="10"/>
    </row>
    <row r="29726" spans="14:14">
      <c r="N29726" s="10"/>
    </row>
    <row r="29727" spans="14:14">
      <c r="N29727" s="10"/>
    </row>
    <row r="29728" spans="14:14">
      <c r="N29728" s="10"/>
    </row>
    <row r="29729" spans="14:14">
      <c r="N29729" s="10"/>
    </row>
    <row r="29730" spans="14:14">
      <c r="N29730" s="10"/>
    </row>
    <row r="29731" spans="14:14">
      <c r="N29731" s="10"/>
    </row>
    <row r="29732" spans="14:14">
      <c r="N29732" s="10"/>
    </row>
    <row r="29733" spans="14:14">
      <c r="N29733" s="10"/>
    </row>
    <row r="29734" spans="14:14">
      <c r="N29734" s="10"/>
    </row>
    <row r="29735" spans="14:14">
      <c r="N29735" s="10"/>
    </row>
    <row r="29736" spans="14:14">
      <c r="N29736" s="10"/>
    </row>
    <row r="29737" spans="14:14">
      <c r="N29737" s="10"/>
    </row>
    <row r="29738" spans="14:14">
      <c r="N29738" s="10"/>
    </row>
    <row r="29739" spans="14:14">
      <c r="N29739" s="10"/>
    </row>
    <row r="29740" spans="14:14">
      <c r="N29740" s="10"/>
    </row>
    <row r="29741" spans="14:14">
      <c r="N29741" s="10"/>
    </row>
    <row r="29742" spans="14:14">
      <c r="N29742" s="10"/>
    </row>
    <row r="29743" spans="14:14">
      <c r="N29743" s="10"/>
    </row>
    <row r="29744" spans="14:14">
      <c r="N29744" s="10"/>
    </row>
    <row r="29745" spans="14:14">
      <c r="N29745" s="10"/>
    </row>
    <row r="29746" spans="14:14">
      <c r="N29746" s="10"/>
    </row>
    <row r="29747" spans="14:14">
      <c r="N29747" s="10"/>
    </row>
    <row r="29748" spans="14:14">
      <c r="N29748" s="10"/>
    </row>
    <row r="29749" spans="14:14">
      <c r="N29749" s="10"/>
    </row>
    <row r="29750" spans="14:14">
      <c r="N29750" s="10"/>
    </row>
    <row r="29751" spans="14:14">
      <c r="N29751" s="10"/>
    </row>
    <row r="29752" spans="14:14">
      <c r="N29752" s="10"/>
    </row>
    <row r="29753" spans="14:14">
      <c r="N29753" s="10"/>
    </row>
    <row r="29754" spans="14:14">
      <c r="N29754" s="10"/>
    </row>
    <row r="29755" spans="14:14">
      <c r="N29755" s="10"/>
    </row>
    <row r="29756" spans="14:14">
      <c r="N29756" s="10"/>
    </row>
    <row r="29757" spans="14:14">
      <c r="N29757" s="10"/>
    </row>
    <row r="29758" spans="14:14">
      <c r="N29758" s="10"/>
    </row>
    <row r="29759" spans="14:14">
      <c r="N29759" s="10"/>
    </row>
    <row r="29760" spans="14:14">
      <c r="N29760" s="10"/>
    </row>
    <row r="29761" spans="14:14">
      <c r="N29761" s="10"/>
    </row>
    <row r="29762" spans="14:14">
      <c r="N29762" s="10"/>
    </row>
    <row r="29763" spans="14:14">
      <c r="N29763" s="10"/>
    </row>
    <row r="29764" spans="14:14">
      <c r="N29764" s="10"/>
    </row>
    <row r="29765" spans="14:14">
      <c r="N29765" s="10"/>
    </row>
    <row r="29766" spans="14:14">
      <c r="N29766" s="10"/>
    </row>
    <row r="29767" spans="14:14">
      <c r="N29767" s="10"/>
    </row>
    <row r="29768" spans="14:14">
      <c r="N29768" s="10"/>
    </row>
    <row r="29769" spans="14:14">
      <c r="N29769" s="10"/>
    </row>
    <row r="29770" spans="14:14">
      <c r="N29770" s="10"/>
    </row>
    <row r="29771" spans="14:14">
      <c r="N29771" s="10"/>
    </row>
    <row r="29772" spans="14:14">
      <c r="N29772" s="10"/>
    </row>
    <row r="29773" spans="14:14">
      <c r="N29773" s="10"/>
    </row>
    <row r="29774" spans="14:14">
      <c r="N29774" s="10"/>
    </row>
    <row r="29775" spans="14:14">
      <c r="N29775" s="10"/>
    </row>
    <row r="29776" spans="14:14">
      <c r="N29776" s="10"/>
    </row>
    <row r="29777" spans="14:14">
      <c r="N29777" s="10"/>
    </row>
    <row r="29778" spans="14:14">
      <c r="N29778" s="10"/>
    </row>
    <row r="29779" spans="14:14">
      <c r="N29779" s="10"/>
    </row>
    <row r="29780" spans="14:14">
      <c r="N29780" s="10"/>
    </row>
    <row r="29781" spans="14:14">
      <c r="N29781" s="10"/>
    </row>
    <row r="29782" spans="14:14">
      <c r="N29782" s="10"/>
    </row>
    <row r="29783" spans="14:14">
      <c r="N29783" s="10"/>
    </row>
    <row r="29784" spans="14:14">
      <c r="N29784" s="10"/>
    </row>
    <row r="29785" spans="14:14">
      <c r="N29785" s="10"/>
    </row>
    <row r="29786" spans="14:14">
      <c r="N29786" s="10"/>
    </row>
    <row r="29787" spans="14:14">
      <c r="N29787" s="10"/>
    </row>
    <row r="29788" spans="14:14">
      <c r="N29788" s="10"/>
    </row>
    <row r="29789" spans="14:14">
      <c r="N29789" s="10"/>
    </row>
    <row r="29790" spans="14:14">
      <c r="N29790" s="10"/>
    </row>
    <row r="29791" spans="14:14">
      <c r="N29791" s="10"/>
    </row>
    <row r="29792" spans="14:14">
      <c r="N29792" s="10"/>
    </row>
    <row r="29793" spans="14:14">
      <c r="N29793" s="10"/>
    </row>
    <row r="29794" spans="14:14">
      <c r="N29794" s="10"/>
    </row>
    <row r="29795" spans="14:14">
      <c r="N29795" s="10"/>
    </row>
    <row r="29796" spans="14:14">
      <c r="N29796" s="10"/>
    </row>
    <row r="29797" spans="14:14">
      <c r="N29797" s="10"/>
    </row>
    <row r="29798" spans="14:14">
      <c r="N29798" s="10"/>
    </row>
    <row r="29799" spans="14:14">
      <c r="N29799" s="10"/>
    </row>
    <row r="29800" spans="14:14">
      <c r="N29800" s="10"/>
    </row>
    <row r="29801" spans="14:14">
      <c r="N29801" s="10"/>
    </row>
    <row r="29802" spans="14:14">
      <c r="N29802" s="10"/>
    </row>
    <row r="29803" spans="14:14">
      <c r="N29803" s="10"/>
    </row>
    <row r="29804" spans="14:14">
      <c r="N29804" s="10"/>
    </row>
    <row r="29805" spans="14:14">
      <c r="N29805" s="10"/>
    </row>
    <row r="29806" spans="14:14">
      <c r="N29806" s="10"/>
    </row>
    <row r="29807" spans="14:14">
      <c r="N29807" s="10"/>
    </row>
    <row r="29808" spans="14:14">
      <c r="N29808" s="10"/>
    </row>
    <row r="29809" spans="14:14">
      <c r="N29809" s="10"/>
    </row>
    <row r="29810" spans="14:14">
      <c r="N29810" s="10"/>
    </row>
    <row r="29811" spans="14:14">
      <c r="N29811" s="10"/>
    </row>
    <row r="29812" spans="14:14">
      <c r="N29812" s="10"/>
    </row>
    <row r="29813" spans="14:14">
      <c r="N29813" s="10"/>
    </row>
    <row r="29814" spans="14:14">
      <c r="N29814" s="10"/>
    </row>
    <row r="29815" spans="14:14">
      <c r="N29815" s="10"/>
    </row>
    <row r="29816" spans="14:14">
      <c r="N29816" s="10"/>
    </row>
    <row r="29817" spans="14:14">
      <c r="N29817" s="10"/>
    </row>
    <row r="29818" spans="14:14">
      <c r="N29818" s="10"/>
    </row>
    <row r="29819" spans="14:14">
      <c r="N29819" s="10"/>
    </row>
    <row r="29820" spans="14:14">
      <c r="N29820" s="10"/>
    </row>
    <row r="29821" spans="14:14">
      <c r="N29821" s="10"/>
    </row>
    <row r="29822" spans="14:14">
      <c r="N29822" s="10"/>
    </row>
    <row r="29823" spans="14:14">
      <c r="N29823" s="10"/>
    </row>
    <row r="29824" spans="14:14">
      <c r="N29824" s="10"/>
    </row>
    <row r="29825" spans="14:14">
      <c r="N29825" s="10"/>
    </row>
    <row r="29826" spans="14:14">
      <c r="N29826" s="10"/>
    </row>
    <row r="29827" spans="14:14">
      <c r="N29827" s="10"/>
    </row>
    <row r="29828" spans="14:14">
      <c r="N29828" s="10"/>
    </row>
    <row r="29829" spans="14:14">
      <c r="N29829" s="10"/>
    </row>
    <row r="29830" spans="14:14">
      <c r="N29830" s="10"/>
    </row>
    <row r="29831" spans="14:14">
      <c r="N29831" s="10"/>
    </row>
    <row r="29832" spans="14:14">
      <c r="N29832" s="10"/>
    </row>
    <row r="29833" spans="14:14">
      <c r="N29833" s="10"/>
    </row>
    <row r="29834" spans="14:14">
      <c r="N29834" s="10"/>
    </row>
    <row r="29835" spans="14:14">
      <c r="N29835" s="10"/>
    </row>
    <row r="29836" spans="14:14">
      <c r="N29836" s="10"/>
    </row>
    <row r="29837" spans="14:14">
      <c r="N29837" s="10"/>
    </row>
    <row r="29838" spans="14:14">
      <c r="N29838" s="10"/>
    </row>
    <row r="29839" spans="14:14">
      <c r="N29839" s="10"/>
    </row>
    <row r="29840" spans="14:14">
      <c r="N29840" s="10"/>
    </row>
    <row r="29841" spans="14:14">
      <c r="N29841" s="10"/>
    </row>
    <row r="29842" spans="14:14">
      <c r="N29842" s="10"/>
    </row>
    <row r="29843" spans="14:14">
      <c r="N29843" s="10"/>
    </row>
    <row r="29844" spans="14:14">
      <c r="N29844" s="10"/>
    </row>
    <row r="29845" spans="14:14">
      <c r="N29845" s="10"/>
    </row>
    <row r="29846" spans="14:14">
      <c r="N29846" s="10"/>
    </row>
    <row r="29847" spans="14:14">
      <c r="N29847" s="10"/>
    </row>
    <row r="29848" spans="14:14">
      <c r="N29848" s="10"/>
    </row>
    <row r="29849" spans="14:14">
      <c r="N29849" s="10"/>
    </row>
    <row r="29850" spans="14:14">
      <c r="N29850" s="10"/>
    </row>
    <row r="29851" spans="14:14">
      <c r="N29851" s="10"/>
    </row>
    <row r="29852" spans="14:14">
      <c r="N29852" s="10"/>
    </row>
    <row r="29853" spans="14:14">
      <c r="N29853" s="10"/>
    </row>
    <row r="29854" spans="14:14">
      <c r="N29854" s="10"/>
    </row>
    <row r="29855" spans="14:14">
      <c r="N29855" s="10"/>
    </row>
    <row r="29856" spans="14:14">
      <c r="N29856" s="10"/>
    </row>
    <row r="29857" spans="14:14">
      <c r="N29857" s="10"/>
    </row>
    <row r="29858" spans="14:14">
      <c r="N29858" s="10"/>
    </row>
    <row r="29859" spans="14:14">
      <c r="N29859" s="10"/>
    </row>
    <row r="29860" spans="14:14">
      <c r="N29860" s="10"/>
    </row>
    <row r="29861" spans="14:14">
      <c r="N29861" s="10"/>
    </row>
    <row r="29862" spans="14:14">
      <c r="N29862" s="10"/>
    </row>
    <row r="29863" spans="14:14">
      <c r="N29863" s="10"/>
    </row>
    <row r="29864" spans="14:14">
      <c r="N29864" s="10"/>
    </row>
    <row r="29865" spans="14:14">
      <c r="N29865" s="10"/>
    </row>
    <row r="29866" spans="14:14">
      <c r="N29866" s="10"/>
    </row>
    <row r="29867" spans="14:14">
      <c r="N29867" s="10"/>
    </row>
    <row r="29868" spans="14:14">
      <c r="N29868" s="10"/>
    </row>
    <row r="29869" spans="14:14">
      <c r="N29869" s="10"/>
    </row>
    <row r="29870" spans="14:14">
      <c r="N29870" s="10"/>
    </row>
    <row r="29871" spans="14:14">
      <c r="N29871" s="10"/>
    </row>
    <row r="29872" spans="14:14">
      <c r="N29872" s="10"/>
    </row>
    <row r="29873" spans="14:14">
      <c r="N29873" s="10"/>
    </row>
    <row r="29874" spans="14:14">
      <c r="N29874" s="10"/>
    </row>
    <row r="29875" spans="14:14">
      <c r="N29875" s="10"/>
    </row>
    <row r="29876" spans="14:14">
      <c r="N29876" s="10"/>
    </row>
    <row r="29877" spans="14:14">
      <c r="N29877" s="10"/>
    </row>
    <row r="29878" spans="14:14">
      <c r="N29878" s="10"/>
    </row>
    <row r="29879" spans="14:14">
      <c r="N29879" s="10"/>
    </row>
    <row r="29880" spans="14:14">
      <c r="N29880" s="10"/>
    </row>
    <row r="29881" spans="14:14">
      <c r="N29881" s="10"/>
    </row>
    <row r="29882" spans="14:14">
      <c r="N29882" s="10"/>
    </row>
    <row r="29883" spans="14:14">
      <c r="N29883" s="10"/>
    </row>
    <row r="29884" spans="14:14">
      <c r="N29884" s="10"/>
    </row>
    <row r="29885" spans="14:14">
      <c r="N29885" s="10"/>
    </row>
    <row r="29886" spans="14:14">
      <c r="N29886" s="10"/>
    </row>
    <row r="29887" spans="14:14">
      <c r="N29887" s="10"/>
    </row>
    <row r="29888" spans="14:14">
      <c r="N29888" s="10"/>
    </row>
    <row r="29889" spans="14:14">
      <c r="N29889" s="10"/>
    </row>
    <row r="29890" spans="14:14">
      <c r="N29890" s="10"/>
    </row>
    <row r="29891" spans="14:14">
      <c r="N29891" s="10"/>
    </row>
    <row r="29892" spans="14:14">
      <c r="N29892" s="10"/>
    </row>
    <row r="29893" spans="14:14">
      <c r="N29893" s="10"/>
    </row>
    <row r="29894" spans="14:14">
      <c r="N29894" s="10"/>
    </row>
    <row r="29895" spans="14:14">
      <c r="N29895" s="10"/>
    </row>
    <row r="29896" spans="14:14">
      <c r="N29896" s="10"/>
    </row>
    <row r="29897" spans="14:14">
      <c r="N29897" s="10"/>
    </row>
    <row r="29898" spans="14:14">
      <c r="N29898" s="10"/>
    </row>
    <row r="29899" spans="14:14">
      <c r="N29899" s="10"/>
    </row>
    <row r="29900" spans="14:14">
      <c r="N29900" s="10"/>
    </row>
    <row r="29901" spans="14:14">
      <c r="N29901" s="10"/>
    </row>
    <row r="29902" spans="14:14">
      <c r="N29902" s="10"/>
    </row>
    <row r="29903" spans="14:14">
      <c r="N29903" s="10"/>
    </row>
    <row r="29904" spans="14:14">
      <c r="N29904" s="10"/>
    </row>
    <row r="29905" spans="14:14">
      <c r="N29905" s="10"/>
    </row>
    <row r="29906" spans="14:14">
      <c r="N29906" s="10"/>
    </row>
    <row r="29907" spans="14:14">
      <c r="N29907" s="10"/>
    </row>
    <row r="29908" spans="14:14">
      <c r="N29908" s="10"/>
    </row>
    <row r="29909" spans="14:14">
      <c r="N29909" s="10"/>
    </row>
    <row r="29910" spans="14:14">
      <c r="N29910" s="10"/>
    </row>
    <row r="29911" spans="14:14">
      <c r="N29911" s="10"/>
    </row>
    <row r="29912" spans="14:14">
      <c r="N29912" s="10"/>
    </row>
    <row r="29913" spans="14:14">
      <c r="N29913" s="10"/>
    </row>
    <row r="29914" spans="14:14">
      <c r="N29914" s="10"/>
    </row>
    <row r="29915" spans="14:14">
      <c r="N29915" s="10"/>
    </row>
    <row r="29916" spans="14:14">
      <c r="N29916" s="10"/>
    </row>
    <row r="29917" spans="14:14">
      <c r="N29917" s="10"/>
    </row>
    <row r="29918" spans="14:14">
      <c r="N29918" s="10"/>
    </row>
    <row r="29919" spans="14:14">
      <c r="N29919" s="10"/>
    </row>
    <row r="29920" spans="14:14">
      <c r="N29920" s="10"/>
    </row>
    <row r="29921" spans="14:14">
      <c r="N29921" s="10"/>
    </row>
    <row r="29922" spans="14:14">
      <c r="N29922" s="10"/>
    </row>
    <row r="29923" spans="14:14">
      <c r="N29923" s="10"/>
    </row>
    <row r="29924" spans="14:14">
      <c r="N29924" s="10"/>
    </row>
    <row r="29925" spans="14:14">
      <c r="N29925" s="10"/>
    </row>
    <row r="29926" spans="14:14">
      <c r="N29926" s="10"/>
    </row>
    <row r="29927" spans="14:14">
      <c r="N29927" s="10"/>
    </row>
    <row r="29928" spans="14:14">
      <c r="N29928" s="10"/>
    </row>
    <row r="29929" spans="14:14">
      <c r="N29929" s="10"/>
    </row>
    <row r="29930" spans="14:14">
      <c r="N29930" s="10"/>
    </row>
    <row r="29931" spans="14:14">
      <c r="N29931" s="10"/>
    </row>
    <row r="29932" spans="14:14">
      <c r="N29932" s="10"/>
    </row>
    <row r="29933" spans="14:14">
      <c r="N29933" s="10"/>
    </row>
    <row r="29934" spans="14:14">
      <c r="N29934" s="10"/>
    </row>
    <row r="29935" spans="14:14">
      <c r="N29935" s="10"/>
    </row>
    <row r="29936" spans="14:14">
      <c r="N29936" s="10"/>
    </row>
    <row r="29937" spans="14:14">
      <c r="N29937" s="10"/>
    </row>
    <row r="29938" spans="14:14">
      <c r="N29938" s="10"/>
    </row>
    <row r="29939" spans="14:14">
      <c r="N29939" s="10"/>
    </row>
    <row r="29940" spans="14:14">
      <c r="N29940" s="10"/>
    </row>
    <row r="29941" spans="14:14">
      <c r="N29941" s="10"/>
    </row>
    <row r="29942" spans="14:14">
      <c r="N29942" s="10"/>
    </row>
    <row r="29943" spans="14:14">
      <c r="N29943" s="10"/>
    </row>
    <row r="29944" spans="14:14">
      <c r="N29944" s="10"/>
    </row>
    <row r="29945" spans="14:14">
      <c r="N29945" s="10"/>
    </row>
    <row r="29946" spans="14:14">
      <c r="N29946" s="10"/>
    </row>
    <row r="29947" spans="14:14">
      <c r="N29947" s="10"/>
    </row>
    <row r="29948" spans="14:14">
      <c r="N29948" s="10"/>
    </row>
    <row r="29949" spans="14:14">
      <c r="N29949" s="10"/>
    </row>
    <row r="29950" spans="14:14">
      <c r="N29950" s="10"/>
    </row>
    <row r="29951" spans="14:14">
      <c r="N29951" s="10"/>
    </row>
    <row r="29952" spans="14:14">
      <c r="N29952" s="10"/>
    </row>
    <row r="29953" spans="14:14">
      <c r="N29953" s="10"/>
    </row>
    <row r="29954" spans="14:14">
      <c r="N29954" s="10"/>
    </row>
    <row r="29955" spans="14:14">
      <c r="N29955" s="10"/>
    </row>
    <row r="29956" spans="14:14">
      <c r="N29956" s="10"/>
    </row>
    <row r="29957" spans="14:14">
      <c r="N29957" s="10"/>
    </row>
    <row r="29958" spans="14:14">
      <c r="N29958" s="10"/>
    </row>
    <row r="29959" spans="14:14">
      <c r="N29959" s="10"/>
    </row>
    <row r="29960" spans="14:14">
      <c r="N29960" s="10"/>
    </row>
    <row r="29961" spans="14:14">
      <c r="N29961" s="10"/>
    </row>
    <row r="29962" spans="14:14">
      <c r="N29962" s="10"/>
    </row>
    <row r="29963" spans="14:14">
      <c r="N29963" s="10"/>
    </row>
    <row r="29964" spans="14:14">
      <c r="N29964" s="10"/>
    </row>
    <row r="29965" spans="14:14">
      <c r="N29965" s="10"/>
    </row>
    <row r="29966" spans="14:14">
      <c r="N29966" s="10"/>
    </row>
    <row r="29967" spans="14:14">
      <c r="N29967" s="10"/>
    </row>
    <row r="29968" spans="14:14">
      <c r="N29968" s="10"/>
    </row>
    <row r="29969" spans="14:14">
      <c r="N29969" s="10"/>
    </row>
    <row r="29970" spans="14:14">
      <c r="N29970" s="10"/>
    </row>
    <row r="29971" spans="14:14">
      <c r="N29971" s="10"/>
    </row>
    <row r="29972" spans="14:14">
      <c r="N29972" s="10"/>
    </row>
    <row r="29973" spans="14:14">
      <c r="N29973" s="10"/>
    </row>
    <row r="29974" spans="14:14">
      <c r="N29974" s="10"/>
    </row>
    <row r="29975" spans="14:14">
      <c r="N29975" s="10"/>
    </row>
    <row r="29976" spans="14:14">
      <c r="N29976" s="10"/>
    </row>
    <row r="29977" spans="14:14">
      <c r="N29977" s="10"/>
    </row>
    <row r="29978" spans="14:14">
      <c r="N29978" s="10"/>
    </row>
    <row r="29979" spans="14:14">
      <c r="N29979" s="10"/>
    </row>
    <row r="29980" spans="14:14">
      <c r="N29980" s="10"/>
    </row>
    <row r="29981" spans="14:14">
      <c r="N29981" s="10"/>
    </row>
    <row r="29982" spans="14:14">
      <c r="N29982" s="10"/>
    </row>
    <row r="29983" spans="14:14">
      <c r="N29983" s="10"/>
    </row>
    <row r="29984" spans="14:14">
      <c r="N29984" s="10"/>
    </row>
    <row r="29985" spans="14:14">
      <c r="N29985" s="10"/>
    </row>
    <row r="29986" spans="14:14">
      <c r="N29986" s="10"/>
    </row>
    <row r="29987" spans="14:14">
      <c r="N29987" s="10"/>
    </row>
    <row r="29988" spans="14:14">
      <c r="N29988" s="10"/>
    </row>
    <row r="29989" spans="14:14">
      <c r="N29989" s="10"/>
    </row>
    <row r="29990" spans="14:14">
      <c r="N29990" s="10"/>
    </row>
    <row r="29991" spans="14:14">
      <c r="N29991" s="10"/>
    </row>
    <row r="29992" spans="14:14">
      <c r="N29992" s="10"/>
    </row>
    <row r="29993" spans="14:14">
      <c r="N29993" s="10"/>
    </row>
    <row r="29994" spans="14:14">
      <c r="N29994" s="10"/>
    </row>
    <row r="29995" spans="14:14">
      <c r="N29995" s="10"/>
    </row>
    <row r="29996" spans="14:14">
      <c r="N29996" s="10"/>
    </row>
    <row r="29997" spans="14:14">
      <c r="N29997" s="10"/>
    </row>
    <row r="29998" spans="14:14">
      <c r="N29998" s="10"/>
    </row>
    <row r="29999" spans="14:14">
      <c r="N29999" s="10"/>
    </row>
    <row r="30000" spans="14:14">
      <c r="N30000" s="10"/>
    </row>
    <row r="30001" spans="14:14">
      <c r="N30001" s="10"/>
    </row>
    <row r="30002" spans="14:14">
      <c r="N30002" s="10"/>
    </row>
    <row r="30003" spans="14:14">
      <c r="N30003" s="10"/>
    </row>
    <row r="30004" spans="14:14">
      <c r="N30004" s="10"/>
    </row>
    <row r="30005" spans="14:14">
      <c r="N30005" s="10"/>
    </row>
    <row r="30006" spans="14:14">
      <c r="N30006" s="10"/>
    </row>
    <row r="30007" spans="14:14">
      <c r="N30007" s="10"/>
    </row>
    <row r="30008" spans="14:14">
      <c r="N30008" s="10"/>
    </row>
    <row r="30009" spans="14:14">
      <c r="N30009" s="10"/>
    </row>
    <row r="30010" spans="14:14">
      <c r="N30010" s="10"/>
    </row>
    <row r="30011" spans="14:14">
      <c r="N30011" s="10"/>
    </row>
    <row r="30012" spans="14:14">
      <c r="N30012" s="10"/>
    </row>
    <row r="30013" spans="14:14">
      <c r="N30013" s="10"/>
    </row>
    <row r="30014" spans="14:14">
      <c r="N30014" s="10"/>
    </row>
    <row r="30015" spans="14:14">
      <c r="N30015" s="10"/>
    </row>
    <row r="30016" spans="14:14">
      <c r="N30016" s="10"/>
    </row>
    <row r="30017" spans="14:14">
      <c r="N30017" s="10"/>
    </row>
    <row r="30018" spans="14:14">
      <c r="N30018" s="10"/>
    </row>
    <row r="30019" spans="14:14">
      <c r="N30019" s="10"/>
    </row>
    <row r="30020" spans="14:14">
      <c r="N30020" s="10"/>
    </row>
    <row r="30021" spans="14:14">
      <c r="N30021" s="10"/>
    </row>
    <row r="30022" spans="14:14">
      <c r="N30022" s="10"/>
    </row>
    <row r="30023" spans="14:14">
      <c r="N30023" s="10"/>
    </row>
    <row r="30024" spans="14:14">
      <c r="N30024" s="10"/>
    </row>
    <row r="30025" spans="14:14">
      <c r="N30025" s="10"/>
    </row>
    <row r="30026" spans="14:14">
      <c r="N30026" s="10"/>
    </row>
    <row r="30027" spans="14:14">
      <c r="N30027" s="10"/>
    </row>
    <row r="30028" spans="14:14">
      <c r="N30028" s="10"/>
    </row>
    <row r="30029" spans="14:14">
      <c r="N30029" s="10"/>
    </row>
    <row r="30030" spans="14:14">
      <c r="N30030" s="10"/>
    </row>
    <row r="30031" spans="14:14">
      <c r="N30031" s="10"/>
    </row>
    <row r="30032" spans="14:14">
      <c r="N30032" s="10"/>
    </row>
    <row r="30033" spans="14:14">
      <c r="N30033" s="10"/>
    </row>
    <row r="30034" spans="14:14">
      <c r="N30034" s="10"/>
    </row>
    <row r="30035" spans="14:14">
      <c r="N30035" s="10"/>
    </row>
    <row r="30036" spans="14:14">
      <c r="N30036" s="10"/>
    </row>
    <row r="30037" spans="14:14">
      <c r="N30037" s="10"/>
    </row>
    <row r="30038" spans="14:14">
      <c r="N30038" s="10"/>
    </row>
    <row r="30039" spans="14:14">
      <c r="N30039" s="10"/>
    </row>
    <row r="30040" spans="14:14">
      <c r="N30040" s="10"/>
    </row>
    <row r="30041" spans="14:14">
      <c r="N30041" s="10"/>
    </row>
    <row r="30042" spans="14:14">
      <c r="N30042" s="10"/>
    </row>
    <row r="30043" spans="14:14">
      <c r="N30043" s="10"/>
    </row>
    <row r="30044" spans="14:14">
      <c r="N30044" s="10"/>
    </row>
    <row r="30045" spans="14:14">
      <c r="N30045" s="10"/>
    </row>
    <row r="30046" spans="14:14">
      <c r="N30046" s="10"/>
    </row>
    <row r="30047" spans="14:14">
      <c r="N30047" s="10"/>
    </row>
    <row r="30048" spans="14:14">
      <c r="N30048" s="10"/>
    </row>
    <row r="30049" spans="14:14">
      <c r="N30049" s="10"/>
    </row>
    <row r="30050" spans="14:14">
      <c r="N30050" s="10"/>
    </row>
    <row r="30051" spans="14:14">
      <c r="N30051" s="10"/>
    </row>
    <row r="30052" spans="14:14">
      <c r="N30052" s="10"/>
    </row>
    <row r="30053" spans="14:14">
      <c r="N30053" s="10"/>
    </row>
    <row r="30054" spans="14:14">
      <c r="N30054" s="10"/>
    </row>
    <row r="30055" spans="14:14">
      <c r="N30055" s="10"/>
    </row>
    <row r="30056" spans="14:14">
      <c r="N30056" s="10"/>
    </row>
    <row r="30057" spans="14:14">
      <c r="N30057" s="10"/>
    </row>
    <row r="30058" spans="14:14">
      <c r="N30058" s="10"/>
    </row>
    <row r="30059" spans="14:14">
      <c r="N30059" s="10"/>
    </row>
    <row r="30060" spans="14:14">
      <c r="N30060" s="10"/>
    </row>
    <row r="30061" spans="14:14">
      <c r="N30061" s="10"/>
    </row>
    <row r="30062" spans="14:14">
      <c r="N30062" s="10"/>
    </row>
    <row r="30063" spans="14:14">
      <c r="N30063" s="10"/>
    </row>
    <row r="30064" spans="14:14">
      <c r="N30064" s="10"/>
    </row>
    <row r="30065" spans="14:14">
      <c r="N30065" s="10"/>
    </row>
    <row r="30066" spans="14:14">
      <c r="N30066" s="10"/>
    </row>
    <row r="30067" spans="14:14">
      <c r="N30067" s="10"/>
    </row>
    <row r="30068" spans="14:14">
      <c r="N30068" s="10"/>
    </row>
    <row r="30069" spans="14:14">
      <c r="N30069" s="10"/>
    </row>
    <row r="30070" spans="14:14">
      <c r="N30070" s="10"/>
    </row>
    <row r="30071" spans="14:14">
      <c r="N30071" s="10"/>
    </row>
    <row r="30072" spans="14:14">
      <c r="N30072" s="10"/>
    </row>
    <row r="30073" spans="14:14">
      <c r="N30073" s="10"/>
    </row>
    <row r="30074" spans="14:14">
      <c r="N30074" s="10"/>
    </row>
    <row r="30075" spans="14:14">
      <c r="N30075" s="10"/>
    </row>
    <row r="30076" spans="14:14">
      <c r="N30076" s="10"/>
    </row>
    <row r="30077" spans="14:14">
      <c r="N30077" s="10"/>
    </row>
    <row r="30078" spans="14:14">
      <c r="N30078" s="10"/>
    </row>
    <row r="30079" spans="14:14">
      <c r="N30079" s="10"/>
    </row>
    <row r="30080" spans="14:14">
      <c r="N30080" s="10"/>
    </row>
    <row r="30081" spans="14:14">
      <c r="N30081" s="10"/>
    </row>
    <row r="30082" spans="14:14">
      <c r="N30082" s="10"/>
    </row>
    <row r="30083" spans="14:14">
      <c r="N30083" s="10"/>
    </row>
    <row r="30084" spans="14:14">
      <c r="N30084" s="10"/>
    </row>
    <row r="30085" spans="14:14">
      <c r="N30085" s="10"/>
    </row>
    <row r="30086" spans="14:14">
      <c r="N30086" s="10"/>
    </row>
    <row r="30087" spans="14:14">
      <c r="N30087" s="10"/>
    </row>
    <row r="30088" spans="14:14">
      <c r="N30088" s="10"/>
    </row>
    <row r="30089" spans="14:14">
      <c r="N30089" s="10"/>
    </row>
    <row r="30090" spans="14:14">
      <c r="N30090" s="10"/>
    </row>
    <row r="30091" spans="14:14">
      <c r="N30091" s="10"/>
    </row>
    <row r="30092" spans="14:14">
      <c r="N30092" s="10"/>
    </row>
    <row r="30093" spans="14:14">
      <c r="N30093" s="10"/>
    </row>
    <row r="30094" spans="14:14">
      <c r="N30094" s="10"/>
    </row>
    <row r="30095" spans="14:14">
      <c r="N30095" s="10"/>
    </row>
    <row r="30096" spans="14:14">
      <c r="N30096" s="10"/>
    </row>
    <row r="30097" spans="14:14">
      <c r="N30097" s="10"/>
    </row>
    <row r="30098" spans="14:14">
      <c r="N30098" s="10"/>
    </row>
    <row r="30099" spans="14:14">
      <c r="N30099" s="10"/>
    </row>
    <row r="30100" spans="14:14">
      <c r="N30100" s="10"/>
    </row>
    <row r="30101" spans="14:14">
      <c r="N30101" s="10"/>
    </row>
    <row r="30102" spans="14:14">
      <c r="N30102" s="10"/>
    </row>
    <row r="30103" spans="14:14">
      <c r="N30103" s="10"/>
    </row>
    <row r="30104" spans="14:14">
      <c r="N30104" s="10"/>
    </row>
    <row r="30105" spans="14:14">
      <c r="N30105" s="10"/>
    </row>
    <row r="30106" spans="14:14">
      <c r="N30106" s="10"/>
    </row>
    <row r="30107" spans="14:14">
      <c r="N30107" s="10"/>
    </row>
    <row r="30108" spans="14:14">
      <c r="N30108" s="10"/>
    </row>
    <row r="30109" spans="14:14">
      <c r="N30109" s="10"/>
    </row>
    <row r="30110" spans="14:14">
      <c r="N30110" s="10"/>
    </row>
    <row r="30111" spans="14:14">
      <c r="N30111" s="10"/>
    </row>
    <row r="30112" spans="14:14">
      <c r="N30112" s="10"/>
    </row>
    <row r="30113" spans="14:14">
      <c r="N30113" s="10"/>
    </row>
    <row r="30114" spans="14:14">
      <c r="N30114" s="10"/>
    </row>
    <row r="30115" spans="14:14">
      <c r="N30115" s="10"/>
    </row>
    <row r="30116" spans="14:14">
      <c r="N30116" s="10"/>
    </row>
    <row r="30117" spans="14:14">
      <c r="N30117" s="10"/>
    </row>
    <row r="30118" spans="14:14">
      <c r="N30118" s="10"/>
    </row>
    <row r="30119" spans="14:14">
      <c r="N30119" s="10"/>
    </row>
    <row r="30120" spans="14:14">
      <c r="N30120" s="10"/>
    </row>
    <row r="30121" spans="14:14">
      <c r="N30121" s="10"/>
    </row>
    <row r="30122" spans="14:14">
      <c r="N30122" s="10"/>
    </row>
    <row r="30123" spans="14:14">
      <c r="N30123" s="10"/>
    </row>
    <row r="30124" spans="14:14">
      <c r="N30124" s="10"/>
    </row>
    <row r="30125" spans="14:14">
      <c r="N30125" s="10"/>
    </row>
    <row r="30126" spans="14:14">
      <c r="N30126" s="10"/>
    </row>
    <row r="30127" spans="14:14">
      <c r="N30127" s="10"/>
    </row>
    <row r="30128" spans="14:14">
      <c r="N30128" s="10"/>
    </row>
    <row r="30129" spans="14:14">
      <c r="N30129" s="10"/>
    </row>
    <row r="30130" spans="14:14">
      <c r="N30130" s="10"/>
    </row>
    <row r="30131" spans="14:14">
      <c r="N30131" s="10"/>
    </row>
    <row r="30132" spans="14:14">
      <c r="N30132" s="10"/>
    </row>
    <row r="30133" spans="14:14">
      <c r="N30133" s="10"/>
    </row>
    <row r="30134" spans="14:14">
      <c r="N30134" s="10"/>
    </row>
    <row r="30135" spans="14:14">
      <c r="N30135" s="10"/>
    </row>
    <row r="30136" spans="14:14">
      <c r="N30136" s="10"/>
    </row>
    <row r="30137" spans="14:14">
      <c r="N30137" s="10"/>
    </row>
    <row r="30138" spans="14:14">
      <c r="N30138" s="10"/>
    </row>
    <row r="30139" spans="14:14">
      <c r="N30139" s="10"/>
    </row>
    <row r="30140" spans="14:14">
      <c r="N30140" s="10"/>
    </row>
    <row r="30141" spans="14:14">
      <c r="N30141" s="10"/>
    </row>
    <row r="30142" spans="14:14">
      <c r="N30142" s="10"/>
    </row>
    <row r="30143" spans="14:14">
      <c r="N30143" s="10"/>
    </row>
    <row r="30144" spans="14:14">
      <c r="N30144" s="10"/>
    </row>
    <row r="30145" spans="14:14">
      <c r="N30145" s="10"/>
    </row>
    <row r="30146" spans="14:14">
      <c r="N30146" s="10"/>
    </row>
    <row r="30147" spans="14:14">
      <c r="N30147" s="10"/>
    </row>
    <row r="30148" spans="14:14">
      <c r="N30148" s="10"/>
    </row>
    <row r="30149" spans="14:14">
      <c r="N30149" s="10"/>
    </row>
    <row r="30150" spans="14:14">
      <c r="N30150" s="10"/>
    </row>
    <row r="30151" spans="14:14">
      <c r="N30151" s="10"/>
    </row>
    <row r="30152" spans="14:14">
      <c r="N30152" s="10"/>
    </row>
    <row r="30153" spans="14:14">
      <c r="N30153" s="10"/>
    </row>
    <row r="30154" spans="14:14">
      <c r="N30154" s="10"/>
    </row>
    <row r="30155" spans="14:14">
      <c r="N30155" s="10"/>
    </row>
    <row r="30156" spans="14:14">
      <c r="N30156" s="10"/>
    </row>
    <row r="30157" spans="14:14">
      <c r="N30157" s="10"/>
    </row>
    <row r="30158" spans="14:14">
      <c r="N30158" s="10"/>
    </row>
    <row r="30159" spans="14:14">
      <c r="N30159" s="10"/>
    </row>
    <row r="30160" spans="14:14">
      <c r="N30160" s="10"/>
    </row>
    <row r="30161" spans="14:14">
      <c r="N30161" s="10"/>
    </row>
    <row r="30162" spans="14:14">
      <c r="N30162" s="10"/>
    </row>
    <row r="30163" spans="14:14">
      <c r="N30163" s="10"/>
    </row>
    <row r="30164" spans="14:14">
      <c r="N30164" s="10"/>
    </row>
    <row r="30165" spans="14:14">
      <c r="N30165" s="10"/>
    </row>
    <row r="30166" spans="14:14">
      <c r="N30166" s="10"/>
    </row>
    <row r="30167" spans="14:14">
      <c r="N30167" s="10"/>
    </row>
    <row r="30168" spans="14:14">
      <c r="N30168" s="10"/>
    </row>
    <row r="30169" spans="14:14">
      <c r="N30169" s="10"/>
    </row>
    <row r="30170" spans="14:14">
      <c r="N30170" s="10"/>
    </row>
    <row r="30171" spans="14:14">
      <c r="N30171" s="10"/>
    </row>
    <row r="30172" spans="14:14">
      <c r="N30172" s="10"/>
    </row>
    <row r="30173" spans="14:14">
      <c r="N30173" s="10"/>
    </row>
    <row r="30174" spans="14:14">
      <c r="N30174" s="10"/>
    </row>
    <row r="30175" spans="14:14">
      <c r="N30175" s="10"/>
    </row>
    <row r="30176" spans="14:14">
      <c r="N30176" s="10"/>
    </row>
    <row r="30177" spans="14:14">
      <c r="N30177" s="10"/>
    </row>
    <row r="30178" spans="14:14">
      <c r="N30178" s="10"/>
    </row>
    <row r="30179" spans="14:14">
      <c r="N30179" s="10"/>
    </row>
    <row r="30180" spans="14:14">
      <c r="N30180" s="10"/>
    </row>
    <row r="30181" spans="14:14">
      <c r="N30181" s="10"/>
    </row>
    <row r="30182" spans="14:14">
      <c r="N30182" s="10"/>
    </row>
    <row r="30183" spans="14:14">
      <c r="N30183" s="10"/>
    </row>
    <row r="30184" spans="14:14">
      <c r="N30184" s="10"/>
    </row>
    <row r="30185" spans="14:14">
      <c r="N30185" s="10"/>
    </row>
    <row r="30186" spans="14:14">
      <c r="N30186" s="10"/>
    </row>
    <row r="30187" spans="14:14">
      <c r="N30187" s="10"/>
    </row>
    <row r="30188" spans="14:14">
      <c r="N30188" s="10"/>
    </row>
    <row r="30189" spans="14:14">
      <c r="N30189" s="10"/>
    </row>
    <row r="30190" spans="14:14">
      <c r="N30190" s="10"/>
    </row>
    <row r="30191" spans="14:14">
      <c r="N30191" s="10"/>
    </row>
    <row r="30192" spans="14:14">
      <c r="N30192" s="10"/>
    </row>
    <row r="30193" spans="14:14">
      <c r="N30193" s="10"/>
    </row>
    <row r="30194" spans="14:14">
      <c r="N30194" s="10"/>
    </row>
    <row r="30195" spans="14:14">
      <c r="N30195" s="10"/>
    </row>
    <row r="30196" spans="14:14">
      <c r="N30196" s="10"/>
    </row>
    <row r="30197" spans="14:14">
      <c r="N30197" s="10"/>
    </row>
    <row r="30198" spans="14:14">
      <c r="N30198" s="10"/>
    </row>
    <row r="30199" spans="14:14">
      <c r="N30199" s="10"/>
    </row>
    <row r="30200" spans="14:14">
      <c r="N30200" s="10"/>
    </row>
    <row r="30201" spans="14:14">
      <c r="N30201" s="10"/>
    </row>
    <row r="30202" spans="14:14">
      <c r="N30202" s="10"/>
    </row>
    <row r="30203" spans="14:14">
      <c r="N30203" s="10"/>
    </row>
    <row r="30204" spans="14:14">
      <c r="N30204" s="10"/>
    </row>
    <row r="30205" spans="14:14">
      <c r="N30205" s="10"/>
    </row>
    <row r="30206" spans="14:14">
      <c r="N30206" s="10"/>
    </row>
    <row r="30207" spans="14:14">
      <c r="N30207" s="10"/>
    </row>
    <row r="30208" spans="14:14">
      <c r="N30208" s="10"/>
    </row>
    <row r="30209" spans="14:14">
      <c r="N30209" s="10"/>
    </row>
    <row r="30210" spans="14:14">
      <c r="N30210" s="10"/>
    </row>
    <row r="30211" spans="14:14">
      <c r="N30211" s="10"/>
    </row>
    <row r="30212" spans="14:14">
      <c r="N30212" s="10"/>
    </row>
    <row r="30213" spans="14:14">
      <c r="N30213" s="10"/>
    </row>
    <row r="30214" spans="14:14">
      <c r="N30214" s="10"/>
    </row>
    <row r="30215" spans="14:14">
      <c r="N30215" s="10"/>
    </row>
    <row r="30216" spans="14:14">
      <c r="N30216" s="10"/>
    </row>
    <row r="30217" spans="14:14">
      <c r="N30217" s="10"/>
    </row>
    <row r="30218" spans="14:14">
      <c r="N30218" s="10"/>
    </row>
    <row r="30219" spans="14:14">
      <c r="N30219" s="10"/>
    </row>
    <row r="30220" spans="14:14">
      <c r="N30220" s="10"/>
    </row>
    <row r="30221" spans="14:14">
      <c r="N30221" s="10"/>
    </row>
    <row r="30222" spans="14:14">
      <c r="N30222" s="10"/>
    </row>
    <row r="30223" spans="14:14">
      <c r="N30223" s="10"/>
    </row>
    <row r="30224" spans="14:14">
      <c r="N30224" s="10"/>
    </row>
    <row r="30225" spans="14:14">
      <c r="N30225" s="10"/>
    </row>
    <row r="30226" spans="14:14">
      <c r="N30226" s="10"/>
    </row>
    <row r="30227" spans="14:14">
      <c r="N30227" s="10"/>
    </row>
    <row r="30228" spans="14:14">
      <c r="N30228" s="10"/>
    </row>
    <row r="30229" spans="14:14">
      <c r="N30229" s="10"/>
    </row>
    <row r="30230" spans="14:14">
      <c r="N30230" s="10"/>
    </row>
    <row r="30231" spans="14:14">
      <c r="N30231" s="10"/>
    </row>
    <row r="30232" spans="14:14">
      <c r="N30232" s="10"/>
    </row>
    <row r="30233" spans="14:14">
      <c r="N30233" s="10"/>
    </row>
    <row r="30234" spans="14:14">
      <c r="N30234" s="10"/>
    </row>
    <row r="30235" spans="14:14">
      <c r="N30235" s="10"/>
    </row>
    <row r="30236" spans="14:14">
      <c r="N30236" s="10"/>
    </row>
    <row r="30237" spans="14:14">
      <c r="N30237" s="10"/>
    </row>
    <row r="30238" spans="14:14">
      <c r="N30238" s="10"/>
    </row>
    <row r="30239" spans="14:14">
      <c r="N30239" s="10"/>
    </row>
    <row r="30240" spans="14:14">
      <c r="N30240" s="10"/>
    </row>
    <row r="30241" spans="14:14">
      <c r="N30241" s="10"/>
    </row>
    <row r="30242" spans="14:14">
      <c r="N30242" s="10"/>
    </row>
    <row r="30243" spans="14:14">
      <c r="N30243" s="10"/>
    </row>
    <row r="30244" spans="14:14">
      <c r="N30244" s="10"/>
    </row>
    <row r="30245" spans="14:14">
      <c r="N30245" s="10"/>
    </row>
    <row r="30246" spans="14:14">
      <c r="N30246" s="10"/>
    </row>
    <row r="30247" spans="14:14">
      <c r="N30247" s="10"/>
    </row>
    <row r="30248" spans="14:14">
      <c r="N30248" s="10"/>
    </row>
    <row r="30249" spans="14:14">
      <c r="N30249" s="10"/>
    </row>
    <row r="30250" spans="14:14">
      <c r="N30250" s="10"/>
    </row>
    <row r="30251" spans="14:14">
      <c r="N30251" s="10"/>
    </row>
    <row r="30252" spans="14:14">
      <c r="N30252" s="10"/>
    </row>
    <row r="30253" spans="14:14">
      <c r="N30253" s="10"/>
    </row>
    <row r="30254" spans="14:14">
      <c r="N30254" s="10"/>
    </row>
    <row r="30255" spans="14:14">
      <c r="N30255" s="10"/>
    </row>
    <row r="30256" spans="14:14">
      <c r="N30256" s="10"/>
    </row>
    <row r="30257" spans="14:14">
      <c r="N30257" s="10"/>
    </row>
    <row r="30258" spans="14:14">
      <c r="N30258" s="10"/>
    </row>
    <row r="30259" spans="14:14">
      <c r="N30259" s="10"/>
    </row>
    <row r="30260" spans="14:14">
      <c r="N30260" s="10"/>
    </row>
    <row r="30261" spans="14:14">
      <c r="N30261" s="10"/>
    </row>
    <row r="30262" spans="14:14">
      <c r="N30262" s="10"/>
    </row>
    <row r="30263" spans="14:14">
      <c r="N30263" s="10"/>
    </row>
    <row r="30264" spans="14:14">
      <c r="N30264" s="10"/>
    </row>
    <row r="30265" spans="14:14">
      <c r="N30265" s="10"/>
    </row>
    <row r="30266" spans="14:14">
      <c r="N30266" s="10"/>
    </row>
    <row r="30267" spans="14:14">
      <c r="N30267" s="10"/>
    </row>
    <row r="30268" spans="14:14">
      <c r="N30268" s="10"/>
    </row>
    <row r="30269" spans="14:14">
      <c r="N30269" s="10"/>
    </row>
    <row r="30270" spans="14:14">
      <c r="N30270" s="10"/>
    </row>
    <row r="30271" spans="14:14">
      <c r="N30271" s="10"/>
    </row>
    <row r="30272" spans="14:14">
      <c r="N30272" s="10"/>
    </row>
    <row r="30273" spans="14:14">
      <c r="N30273" s="10"/>
    </row>
    <row r="30274" spans="14:14">
      <c r="N30274" s="10"/>
    </row>
    <row r="30275" spans="14:14">
      <c r="N30275" s="10"/>
    </row>
    <row r="30276" spans="14:14">
      <c r="N30276" s="10"/>
    </row>
    <row r="30277" spans="14:14">
      <c r="N30277" s="10"/>
    </row>
    <row r="30278" spans="14:14">
      <c r="N30278" s="10"/>
    </row>
    <row r="30279" spans="14:14">
      <c r="N30279" s="10"/>
    </row>
    <row r="30280" spans="14:14">
      <c r="N30280" s="10"/>
    </row>
    <row r="30281" spans="14:14">
      <c r="N30281" s="10"/>
    </row>
    <row r="30282" spans="14:14">
      <c r="N30282" s="10"/>
    </row>
    <row r="30283" spans="14:14">
      <c r="N30283" s="10"/>
    </row>
    <row r="30284" spans="14:14">
      <c r="N30284" s="10"/>
    </row>
    <row r="30285" spans="14:14">
      <c r="N30285" s="10"/>
    </row>
    <row r="30286" spans="14:14">
      <c r="N30286" s="10"/>
    </row>
    <row r="30287" spans="14:14">
      <c r="N30287" s="10"/>
    </row>
    <row r="30288" spans="14:14">
      <c r="N30288" s="10"/>
    </row>
    <row r="30289" spans="14:14">
      <c r="N30289" s="10"/>
    </row>
    <row r="30290" spans="14:14">
      <c r="N30290" s="10"/>
    </row>
    <row r="30291" spans="14:14">
      <c r="N30291" s="10"/>
    </row>
    <row r="30292" spans="14:14">
      <c r="N30292" s="10"/>
    </row>
    <row r="30293" spans="14:14">
      <c r="N30293" s="10"/>
    </row>
    <row r="30294" spans="14:14">
      <c r="N30294" s="10"/>
    </row>
    <row r="30295" spans="14:14">
      <c r="N30295" s="10"/>
    </row>
    <row r="30296" spans="14:14">
      <c r="N30296" s="10"/>
    </row>
    <row r="30297" spans="14:14">
      <c r="N30297" s="10"/>
    </row>
    <row r="30298" spans="14:14">
      <c r="N30298" s="10"/>
    </row>
    <row r="30299" spans="14:14">
      <c r="N30299" s="10"/>
    </row>
    <row r="30300" spans="14:14">
      <c r="N30300" s="10"/>
    </row>
    <row r="30301" spans="14:14">
      <c r="N30301" s="10"/>
    </row>
    <row r="30302" spans="14:14">
      <c r="N30302" s="10"/>
    </row>
    <row r="30303" spans="14:14">
      <c r="N30303" s="10"/>
    </row>
    <row r="30304" spans="14:14">
      <c r="N30304" s="10"/>
    </row>
    <row r="30305" spans="14:14">
      <c r="N30305" s="10"/>
    </row>
    <row r="30306" spans="14:14">
      <c r="N30306" s="10"/>
    </row>
    <row r="30307" spans="14:14">
      <c r="N30307" s="10"/>
    </row>
    <row r="30308" spans="14:14">
      <c r="N30308" s="10"/>
    </row>
    <row r="30309" spans="14:14">
      <c r="N30309" s="10"/>
    </row>
    <row r="30310" spans="14:14">
      <c r="N30310" s="10"/>
    </row>
    <row r="30311" spans="14:14">
      <c r="N30311" s="10"/>
    </row>
    <row r="30312" spans="14:14">
      <c r="N30312" s="10"/>
    </row>
    <row r="30313" spans="14:14">
      <c r="N30313" s="10"/>
    </row>
    <row r="30314" spans="14:14">
      <c r="N30314" s="10"/>
    </row>
    <row r="30315" spans="14:14">
      <c r="N30315" s="10"/>
    </row>
    <row r="30316" spans="14:14">
      <c r="N30316" s="10"/>
    </row>
    <row r="30317" spans="14:14">
      <c r="N30317" s="10"/>
    </row>
    <row r="30318" spans="14:14">
      <c r="N30318" s="10"/>
    </row>
    <row r="30319" spans="14:14">
      <c r="N30319" s="10"/>
    </row>
    <row r="30320" spans="14:14">
      <c r="N30320" s="10"/>
    </row>
    <row r="30321" spans="14:14">
      <c r="N30321" s="10"/>
    </row>
    <row r="30322" spans="14:14">
      <c r="N30322" s="10"/>
    </row>
    <row r="30323" spans="14:14">
      <c r="N30323" s="10"/>
    </row>
    <row r="30324" spans="14:14">
      <c r="N30324" s="10"/>
    </row>
    <row r="30325" spans="14:14">
      <c r="N30325" s="10"/>
    </row>
    <row r="30326" spans="14:14">
      <c r="N30326" s="10"/>
    </row>
    <row r="30327" spans="14:14">
      <c r="N30327" s="10"/>
    </row>
    <row r="30328" spans="14:14">
      <c r="N30328" s="10"/>
    </row>
    <row r="30329" spans="14:14">
      <c r="N30329" s="10"/>
    </row>
    <row r="30330" spans="14:14">
      <c r="N30330" s="10"/>
    </row>
    <row r="30331" spans="14:14">
      <c r="N30331" s="10"/>
    </row>
    <row r="30332" spans="14:14">
      <c r="N30332" s="10"/>
    </row>
    <row r="30333" spans="14:14">
      <c r="N30333" s="10"/>
    </row>
    <row r="30334" spans="14:14">
      <c r="N30334" s="10"/>
    </row>
    <row r="30335" spans="14:14">
      <c r="N30335" s="10"/>
    </row>
    <row r="30336" spans="14:14">
      <c r="N30336" s="10"/>
    </row>
    <row r="30337" spans="14:14">
      <c r="N30337" s="10"/>
    </row>
    <row r="30338" spans="14:14">
      <c r="N30338" s="10"/>
    </row>
    <row r="30339" spans="14:14">
      <c r="N30339" s="10"/>
    </row>
    <row r="30340" spans="14:14">
      <c r="N30340" s="10"/>
    </row>
    <row r="30341" spans="14:14">
      <c r="N30341" s="10"/>
    </row>
    <row r="30342" spans="14:14">
      <c r="N30342" s="10"/>
    </row>
    <row r="30343" spans="14:14">
      <c r="N30343" s="10"/>
    </row>
    <row r="30344" spans="14:14">
      <c r="N30344" s="10"/>
    </row>
    <row r="30345" spans="14:14">
      <c r="N30345" s="10"/>
    </row>
    <row r="30346" spans="14:14">
      <c r="N30346" s="10"/>
    </row>
    <row r="30347" spans="14:14">
      <c r="N30347" s="10"/>
    </row>
    <row r="30348" spans="14:14">
      <c r="N30348" s="10"/>
    </row>
    <row r="30349" spans="14:14">
      <c r="N30349" s="10"/>
    </row>
    <row r="30350" spans="14:14">
      <c r="N30350" s="10"/>
    </row>
    <row r="30351" spans="14:14">
      <c r="N30351" s="10"/>
    </row>
    <row r="30352" spans="14:14">
      <c r="N30352" s="10"/>
    </row>
    <row r="30353" spans="14:14">
      <c r="N30353" s="10"/>
    </row>
    <row r="30354" spans="14:14">
      <c r="N30354" s="10"/>
    </row>
    <row r="30355" spans="14:14">
      <c r="N30355" s="10"/>
    </row>
    <row r="30356" spans="14:14">
      <c r="N30356" s="10"/>
    </row>
    <row r="30357" spans="14:14">
      <c r="N30357" s="10"/>
    </row>
    <row r="30358" spans="14:14">
      <c r="N30358" s="10"/>
    </row>
    <row r="30359" spans="14:14">
      <c r="N30359" s="10"/>
    </row>
    <row r="30360" spans="14:14">
      <c r="N30360" s="10"/>
    </row>
    <row r="30361" spans="14:14">
      <c r="N30361" s="10"/>
    </row>
    <row r="30362" spans="14:14">
      <c r="N30362" s="10"/>
    </row>
    <row r="30363" spans="14:14">
      <c r="N30363" s="10"/>
    </row>
    <row r="30364" spans="14:14">
      <c r="N30364" s="10"/>
    </row>
    <row r="30365" spans="14:14">
      <c r="N30365" s="10"/>
    </row>
    <row r="30366" spans="14:14">
      <c r="N30366" s="10"/>
    </row>
    <row r="30367" spans="14:14">
      <c r="N30367" s="10"/>
    </row>
    <row r="30368" spans="14:14">
      <c r="N30368" s="10"/>
    </row>
    <row r="30369" spans="14:14">
      <c r="N30369" s="10"/>
    </row>
    <row r="30370" spans="14:14">
      <c r="N30370" s="10"/>
    </row>
    <row r="30371" spans="14:14">
      <c r="N30371" s="10"/>
    </row>
    <row r="30372" spans="14:14">
      <c r="N30372" s="10"/>
    </row>
    <row r="30373" spans="14:14">
      <c r="N30373" s="10"/>
    </row>
    <row r="30374" spans="14:14">
      <c r="N30374" s="10"/>
    </row>
    <row r="30375" spans="14:14">
      <c r="N30375" s="10"/>
    </row>
    <row r="30376" spans="14:14">
      <c r="N30376" s="10"/>
    </row>
    <row r="30377" spans="14:14">
      <c r="N30377" s="10"/>
    </row>
    <row r="30378" spans="14:14">
      <c r="N30378" s="10"/>
    </row>
    <row r="30379" spans="14:14">
      <c r="N30379" s="10"/>
    </row>
    <row r="30380" spans="14:14">
      <c r="N30380" s="10"/>
    </row>
    <row r="30381" spans="14:14">
      <c r="N30381" s="10"/>
    </row>
    <row r="30382" spans="14:14">
      <c r="N30382" s="10"/>
    </row>
    <row r="30383" spans="14:14">
      <c r="N30383" s="10"/>
    </row>
    <row r="30384" spans="14:14">
      <c r="N30384" s="10"/>
    </row>
    <row r="30385" spans="14:14">
      <c r="N30385" s="10"/>
    </row>
    <row r="30386" spans="14:14">
      <c r="N30386" s="10"/>
    </row>
    <row r="30387" spans="14:14">
      <c r="N30387" s="10"/>
    </row>
    <row r="30388" spans="14:14">
      <c r="N30388" s="10"/>
    </row>
    <row r="30389" spans="14:14">
      <c r="N30389" s="10"/>
    </row>
    <row r="30390" spans="14:14">
      <c r="N30390" s="10"/>
    </row>
    <row r="30391" spans="14:14">
      <c r="N30391" s="10"/>
    </row>
    <row r="30392" spans="14:14">
      <c r="N30392" s="10"/>
    </row>
    <row r="30393" spans="14:14">
      <c r="N30393" s="10"/>
    </row>
    <row r="30394" spans="14:14">
      <c r="N30394" s="10"/>
    </row>
    <row r="30395" spans="14:14">
      <c r="N30395" s="10"/>
    </row>
    <row r="30396" spans="14:14">
      <c r="N30396" s="10"/>
    </row>
    <row r="30397" spans="14:14">
      <c r="N30397" s="10"/>
    </row>
    <row r="30398" spans="14:14">
      <c r="N30398" s="10"/>
    </row>
    <row r="30399" spans="14:14">
      <c r="N30399" s="10"/>
    </row>
    <row r="30400" spans="14:14">
      <c r="N30400" s="10"/>
    </row>
    <row r="30401" spans="14:14">
      <c r="N30401" s="10"/>
    </row>
    <row r="30402" spans="14:14">
      <c r="N30402" s="10"/>
    </row>
    <row r="30403" spans="14:14">
      <c r="N30403" s="10"/>
    </row>
    <row r="30404" spans="14:14">
      <c r="N30404" s="10"/>
    </row>
    <row r="30405" spans="14:14">
      <c r="N30405" s="10"/>
    </row>
    <row r="30406" spans="14:14">
      <c r="N30406" s="10"/>
    </row>
    <row r="30407" spans="14:14">
      <c r="N30407" s="10"/>
    </row>
    <row r="30408" spans="14:14">
      <c r="N30408" s="10"/>
    </row>
    <row r="30409" spans="14:14">
      <c r="N30409" s="10"/>
    </row>
    <row r="30410" spans="14:14">
      <c r="N30410" s="10"/>
    </row>
    <row r="30411" spans="14:14">
      <c r="N30411" s="10"/>
    </row>
    <row r="30412" spans="14:14">
      <c r="N30412" s="10"/>
    </row>
    <row r="30413" spans="14:14">
      <c r="N30413" s="10"/>
    </row>
    <row r="30414" spans="14:14">
      <c r="N30414" s="10"/>
    </row>
    <row r="30415" spans="14:14">
      <c r="N30415" s="10"/>
    </row>
    <row r="30416" spans="14:14">
      <c r="N30416" s="10"/>
    </row>
    <row r="30417" spans="14:14">
      <c r="N30417" s="10"/>
    </row>
    <row r="30418" spans="14:14">
      <c r="N30418" s="10"/>
    </row>
    <row r="30419" spans="14:14">
      <c r="N30419" s="10"/>
    </row>
    <row r="30420" spans="14:14">
      <c r="N30420" s="10"/>
    </row>
    <row r="30421" spans="14:14">
      <c r="N30421" s="10"/>
    </row>
    <row r="30422" spans="14:14">
      <c r="N30422" s="10"/>
    </row>
    <row r="30423" spans="14:14">
      <c r="N30423" s="10"/>
    </row>
    <row r="30424" spans="14:14">
      <c r="N30424" s="10"/>
    </row>
    <row r="30425" spans="14:14">
      <c r="N30425" s="10"/>
    </row>
    <row r="30426" spans="14:14">
      <c r="N30426" s="10"/>
    </row>
    <row r="30427" spans="14:14">
      <c r="N30427" s="10"/>
    </row>
    <row r="30428" spans="14:14">
      <c r="N30428" s="10"/>
    </row>
    <row r="30429" spans="14:14">
      <c r="N30429" s="10"/>
    </row>
    <row r="30430" spans="14:14">
      <c r="N30430" s="10"/>
    </row>
    <row r="30431" spans="14:14">
      <c r="N30431" s="10"/>
    </row>
    <row r="30432" spans="14:14">
      <c r="N30432" s="10"/>
    </row>
    <row r="30433" spans="14:14">
      <c r="N30433" s="10"/>
    </row>
    <row r="30434" spans="14:14">
      <c r="N30434" s="10"/>
    </row>
    <row r="30435" spans="14:14">
      <c r="N30435" s="10"/>
    </row>
    <row r="30436" spans="14:14">
      <c r="N30436" s="10"/>
    </row>
    <row r="30437" spans="14:14">
      <c r="N30437" s="10"/>
    </row>
    <row r="30438" spans="14:14">
      <c r="N30438" s="10"/>
    </row>
    <row r="30439" spans="14:14">
      <c r="N30439" s="10"/>
    </row>
    <row r="30440" spans="14:14">
      <c r="N30440" s="10"/>
    </row>
    <row r="30441" spans="14:14">
      <c r="N30441" s="10"/>
    </row>
    <row r="30442" spans="14:14">
      <c r="N30442" s="10"/>
    </row>
    <row r="30443" spans="14:14">
      <c r="N30443" s="10"/>
    </row>
    <row r="30444" spans="14:14">
      <c r="N30444" s="10"/>
    </row>
    <row r="30445" spans="14:14">
      <c r="N30445" s="10"/>
    </row>
    <row r="30446" spans="14:14">
      <c r="N30446" s="10"/>
    </row>
    <row r="30447" spans="14:14">
      <c r="N30447" s="10"/>
    </row>
    <row r="30448" spans="14:14">
      <c r="N30448" s="10"/>
    </row>
    <row r="30449" spans="14:14">
      <c r="N30449" s="10"/>
    </row>
    <row r="30450" spans="14:14">
      <c r="N30450" s="10"/>
    </row>
    <row r="30451" spans="14:14">
      <c r="N30451" s="10"/>
    </row>
    <row r="30452" spans="14:14">
      <c r="N30452" s="10"/>
    </row>
    <row r="30453" spans="14:14">
      <c r="N30453" s="10"/>
    </row>
    <row r="30454" spans="14:14">
      <c r="N30454" s="10"/>
    </row>
    <row r="30455" spans="14:14">
      <c r="N30455" s="10"/>
    </row>
    <row r="30456" spans="14:14">
      <c r="N30456" s="10"/>
    </row>
    <row r="30457" spans="14:14">
      <c r="N30457" s="10"/>
    </row>
    <row r="30458" spans="14:14">
      <c r="N30458" s="10"/>
    </row>
    <row r="30459" spans="14:14">
      <c r="N30459" s="10"/>
    </row>
    <row r="30460" spans="14:14">
      <c r="N30460" s="10"/>
    </row>
    <row r="30461" spans="14:14">
      <c r="N30461" s="10"/>
    </row>
    <row r="30462" spans="14:14">
      <c r="N30462" s="10"/>
    </row>
    <row r="30463" spans="14:14">
      <c r="N30463" s="10"/>
    </row>
    <row r="30464" spans="14:14">
      <c r="N30464" s="10"/>
    </row>
    <row r="30465" spans="14:14">
      <c r="N30465" s="10"/>
    </row>
    <row r="30466" spans="14:14">
      <c r="N30466" s="10"/>
    </row>
    <row r="30467" spans="14:14">
      <c r="N30467" s="10"/>
    </row>
    <row r="30468" spans="14:14">
      <c r="N30468" s="10"/>
    </row>
    <row r="30469" spans="14:14">
      <c r="N30469" s="10"/>
    </row>
    <row r="30470" spans="14:14">
      <c r="N30470" s="10"/>
    </row>
    <row r="30471" spans="14:14">
      <c r="N30471" s="10"/>
    </row>
    <row r="30472" spans="14:14">
      <c r="N30472" s="10"/>
    </row>
    <row r="30473" spans="14:14">
      <c r="N30473" s="10"/>
    </row>
    <row r="30474" spans="14:14">
      <c r="N30474" s="10"/>
    </row>
    <row r="30475" spans="14:14">
      <c r="N30475" s="10"/>
    </row>
    <row r="30476" spans="14:14">
      <c r="N30476" s="10"/>
    </row>
    <row r="30477" spans="14:14">
      <c r="N30477" s="10"/>
    </row>
    <row r="30478" spans="14:14">
      <c r="N30478" s="10"/>
    </row>
    <row r="30479" spans="14:14">
      <c r="N30479" s="10"/>
    </row>
    <row r="30480" spans="14:14">
      <c r="N30480" s="10"/>
    </row>
    <row r="30481" spans="14:14">
      <c r="N30481" s="10"/>
    </row>
    <row r="30482" spans="14:14">
      <c r="N30482" s="10"/>
    </row>
    <row r="30483" spans="14:14">
      <c r="N30483" s="10"/>
    </row>
    <row r="30484" spans="14:14">
      <c r="N30484" s="10"/>
    </row>
    <row r="30485" spans="14:14">
      <c r="N30485" s="10"/>
    </row>
    <row r="30486" spans="14:14">
      <c r="N30486" s="10"/>
    </row>
    <row r="30487" spans="14:14">
      <c r="N30487" s="10"/>
    </row>
    <row r="30488" spans="14:14">
      <c r="N30488" s="10"/>
    </row>
    <row r="30489" spans="14:14">
      <c r="N30489" s="10"/>
    </row>
    <row r="30490" spans="14:14">
      <c r="N30490" s="10"/>
    </row>
    <row r="30491" spans="14:14">
      <c r="N30491" s="10"/>
    </row>
    <row r="30492" spans="14:14">
      <c r="N30492" s="10"/>
    </row>
    <row r="30493" spans="14:14">
      <c r="N30493" s="10"/>
    </row>
    <row r="30494" spans="14:14">
      <c r="N30494" s="10"/>
    </row>
    <row r="30495" spans="14:14">
      <c r="N30495" s="10"/>
    </row>
    <row r="30496" spans="14:14">
      <c r="N30496" s="10"/>
    </row>
    <row r="30497" spans="14:14">
      <c r="N30497" s="10"/>
    </row>
    <row r="30498" spans="14:14">
      <c r="N30498" s="10"/>
    </row>
    <row r="30499" spans="14:14">
      <c r="N30499" s="10"/>
    </row>
    <row r="30500" spans="14:14">
      <c r="N30500" s="10"/>
    </row>
    <row r="30501" spans="14:14">
      <c r="N30501" s="10"/>
    </row>
    <row r="30502" spans="14:14">
      <c r="N30502" s="10"/>
    </row>
    <row r="30503" spans="14:14">
      <c r="N30503" s="10"/>
    </row>
    <row r="30504" spans="14:14">
      <c r="N30504" s="10"/>
    </row>
    <row r="30505" spans="14:14">
      <c r="N30505" s="10"/>
    </row>
    <row r="30506" spans="14:14">
      <c r="N30506" s="10"/>
    </row>
    <row r="30507" spans="14:14">
      <c r="N30507" s="10"/>
    </row>
    <row r="30508" spans="14:14">
      <c r="N30508" s="10"/>
    </row>
    <row r="30509" spans="14:14">
      <c r="N30509" s="10"/>
    </row>
    <row r="30510" spans="14:14">
      <c r="N30510" s="10"/>
    </row>
    <row r="30511" spans="14:14">
      <c r="N30511" s="10"/>
    </row>
    <row r="30512" spans="14:14">
      <c r="N30512" s="10"/>
    </row>
    <row r="30513" spans="14:14">
      <c r="N30513" s="10"/>
    </row>
    <row r="30514" spans="14:14">
      <c r="N30514" s="10"/>
    </row>
    <row r="30515" spans="14:14">
      <c r="N30515" s="10"/>
    </row>
    <row r="30516" spans="14:14">
      <c r="N30516" s="10"/>
    </row>
    <row r="30517" spans="14:14">
      <c r="N30517" s="10"/>
    </row>
    <row r="30518" spans="14:14">
      <c r="N30518" s="10"/>
    </row>
    <row r="30519" spans="14:14">
      <c r="N30519" s="10"/>
    </row>
    <row r="30520" spans="14:14">
      <c r="N30520" s="10"/>
    </row>
    <row r="30521" spans="14:14">
      <c r="N30521" s="10"/>
    </row>
    <row r="30522" spans="14:14">
      <c r="N30522" s="10"/>
    </row>
    <row r="30523" spans="14:14">
      <c r="N30523" s="10"/>
    </row>
    <row r="30524" spans="14:14">
      <c r="N30524" s="10"/>
    </row>
    <row r="30525" spans="14:14">
      <c r="N30525" s="10"/>
    </row>
    <row r="30526" spans="14:14">
      <c r="N30526" s="10"/>
    </row>
    <row r="30527" spans="14:14">
      <c r="N30527" s="10"/>
    </row>
    <row r="30528" spans="14:14">
      <c r="N30528" s="10"/>
    </row>
    <row r="30529" spans="14:14">
      <c r="N30529" s="10"/>
    </row>
    <row r="30530" spans="14:14">
      <c r="N30530" s="10"/>
    </row>
    <row r="30531" spans="14:14">
      <c r="N30531" s="10"/>
    </row>
    <row r="30532" spans="14:14">
      <c r="N30532" s="10"/>
    </row>
    <row r="30533" spans="14:14">
      <c r="N30533" s="10"/>
    </row>
    <row r="30534" spans="14:14">
      <c r="N30534" s="10"/>
    </row>
    <row r="30535" spans="14:14">
      <c r="N30535" s="10"/>
    </row>
    <row r="30536" spans="14:14">
      <c r="N30536" s="10"/>
    </row>
    <row r="30537" spans="14:14">
      <c r="N30537" s="10"/>
    </row>
    <row r="30538" spans="14:14">
      <c r="N30538" s="10"/>
    </row>
    <row r="30539" spans="14:14">
      <c r="N30539" s="10"/>
    </row>
    <row r="30540" spans="14:14">
      <c r="N30540" s="10"/>
    </row>
    <row r="30541" spans="14:14">
      <c r="N30541" s="10"/>
    </row>
    <row r="30542" spans="14:14">
      <c r="N30542" s="10"/>
    </row>
    <row r="30543" spans="14:14">
      <c r="N30543" s="10"/>
    </row>
    <row r="30544" spans="14:14">
      <c r="N30544" s="10"/>
    </row>
    <row r="30545" spans="14:14">
      <c r="N30545" s="10"/>
    </row>
    <row r="30546" spans="14:14">
      <c r="N30546" s="10"/>
    </row>
    <row r="30547" spans="14:14">
      <c r="N30547" s="10"/>
    </row>
    <row r="30548" spans="14:14">
      <c r="N30548" s="10"/>
    </row>
    <row r="30549" spans="14:14">
      <c r="N30549" s="10"/>
    </row>
    <row r="30550" spans="14:14">
      <c r="N30550" s="10"/>
    </row>
    <row r="30551" spans="14:14">
      <c r="N30551" s="10"/>
    </row>
    <row r="30552" spans="14:14">
      <c r="N30552" s="10"/>
    </row>
    <row r="30553" spans="14:14">
      <c r="N30553" s="10"/>
    </row>
    <row r="30554" spans="14:14">
      <c r="N30554" s="10"/>
    </row>
    <row r="30555" spans="14:14">
      <c r="N30555" s="10"/>
    </row>
    <row r="30556" spans="14:14">
      <c r="N30556" s="10"/>
    </row>
    <row r="30557" spans="14:14">
      <c r="N30557" s="10"/>
    </row>
    <row r="30558" spans="14:14">
      <c r="N30558" s="10"/>
    </row>
    <row r="30559" spans="14:14">
      <c r="N30559" s="10"/>
    </row>
    <row r="30560" spans="14:14">
      <c r="N30560" s="10"/>
    </row>
    <row r="30561" spans="14:14">
      <c r="N30561" s="10"/>
    </row>
    <row r="30562" spans="14:14">
      <c r="N30562" s="10"/>
    </row>
    <row r="30563" spans="14:14">
      <c r="N30563" s="10"/>
    </row>
    <row r="30564" spans="14:14">
      <c r="N30564" s="10"/>
    </row>
    <row r="30565" spans="14:14">
      <c r="N30565" s="10"/>
    </row>
    <row r="30566" spans="14:14">
      <c r="N30566" s="10"/>
    </row>
    <row r="30567" spans="14:14">
      <c r="N30567" s="10"/>
    </row>
    <row r="30568" spans="14:14">
      <c r="N30568" s="10"/>
    </row>
    <row r="30569" spans="14:14">
      <c r="N30569" s="10"/>
    </row>
    <row r="30570" spans="14:14">
      <c r="N30570" s="10"/>
    </row>
    <row r="30571" spans="14:14">
      <c r="N30571" s="10"/>
    </row>
    <row r="30572" spans="14:14">
      <c r="N30572" s="10"/>
    </row>
    <row r="30573" spans="14:14">
      <c r="N30573" s="10"/>
    </row>
    <row r="30574" spans="14:14">
      <c r="N30574" s="10"/>
    </row>
    <row r="30575" spans="14:14">
      <c r="N30575" s="10"/>
    </row>
    <row r="30576" spans="14:14">
      <c r="N30576" s="10"/>
    </row>
    <row r="30577" spans="14:14">
      <c r="N30577" s="10"/>
    </row>
    <row r="30578" spans="14:14">
      <c r="N30578" s="10"/>
    </row>
    <row r="30579" spans="14:14">
      <c r="N30579" s="10"/>
    </row>
    <row r="30580" spans="14:14">
      <c r="N30580" s="10"/>
    </row>
    <row r="30581" spans="14:14">
      <c r="N30581" s="10"/>
    </row>
    <row r="30582" spans="14:14">
      <c r="N30582" s="10"/>
    </row>
    <row r="30583" spans="14:14">
      <c r="N30583" s="10"/>
    </row>
    <row r="30584" spans="14:14">
      <c r="N30584" s="10"/>
    </row>
    <row r="30585" spans="14:14">
      <c r="N30585" s="10"/>
    </row>
    <row r="30586" spans="14:14">
      <c r="N30586" s="10"/>
    </row>
    <row r="30587" spans="14:14">
      <c r="N30587" s="10"/>
    </row>
    <row r="30588" spans="14:14">
      <c r="N30588" s="10"/>
    </row>
    <row r="30589" spans="14:14">
      <c r="N30589" s="10"/>
    </row>
    <row r="30590" spans="14:14">
      <c r="N30590" s="10"/>
    </row>
    <row r="30591" spans="14:14">
      <c r="N30591" s="10"/>
    </row>
    <row r="30592" spans="14:14">
      <c r="N30592" s="10"/>
    </row>
    <row r="30593" spans="14:14">
      <c r="N30593" s="10"/>
    </row>
    <row r="30594" spans="14:14">
      <c r="N30594" s="10"/>
    </row>
    <row r="30595" spans="14:14">
      <c r="N30595" s="10"/>
    </row>
    <row r="30596" spans="14:14">
      <c r="N30596" s="10"/>
    </row>
    <row r="30597" spans="14:14">
      <c r="N30597" s="10"/>
    </row>
    <row r="30598" spans="14:14">
      <c r="N30598" s="10"/>
    </row>
    <row r="30599" spans="14:14">
      <c r="N30599" s="10"/>
    </row>
    <row r="30600" spans="14:14">
      <c r="N30600" s="10"/>
    </row>
    <row r="30601" spans="14:14">
      <c r="N30601" s="10"/>
    </row>
    <row r="30602" spans="14:14">
      <c r="N30602" s="10"/>
    </row>
    <row r="30603" spans="14:14">
      <c r="N30603" s="10"/>
    </row>
    <row r="30604" spans="14:14">
      <c r="N30604" s="10"/>
    </row>
    <row r="30605" spans="14:14">
      <c r="N30605" s="10"/>
    </row>
    <row r="30606" spans="14:14">
      <c r="N30606" s="10"/>
    </row>
    <row r="30607" spans="14:14">
      <c r="N30607" s="10"/>
    </row>
    <row r="30608" spans="14:14">
      <c r="N30608" s="10"/>
    </row>
    <row r="30609" spans="14:14">
      <c r="N30609" s="10"/>
    </row>
    <row r="30610" spans="14:14">
      <c r="N30610" s="10"/>
    </row>
    <row r="30611" spans="14:14">
      <c r="N30611" s="10"/>
    </row>
    <row r="30612" spans="14:14">
      <c r="N30612" s="10"/>
    </row>
    <row r="30613" spans="14:14">
      <c r="N30613" s="10"/>
    </row>
    <row r="30614" spans="14:14">
      <c r="N30614" s="10"/>
    </row>
    <row r="30615" spans="14:14">
      <c r="N30615" s="10"/>
    </row>
    <row r="30616" spans="14:14">
      <c r="N30616" s="10"/>
    </row>
    <row r="30617" spans="14:14">
      <c r="N30617" s="10"/>
    </row>
    <row r="30618" spans="14:14">
      <c r="N30618" s="10"/>
    </row>
    <row r="30619" spans="14:14">
      <c r="N30619" s="10"/>
    </row>
    <row r="30620" spans="14:14">
      <c r="N30620" s="10"/>
    </row>
    <row r="30621" spans="14:14">
      <c r="N30621" s="10"/>
    </row>
    <row r="30622" spans="14:14">
      <c r="N30622" s="10"/>
    </row>
    <row r="30623" spans="14:14">
      <c r="N30623" s="10"/>
    </row>
    <row r="30624" spans="14:14">
      <c r="N30624" s="10"/>
    </row>
    <row r="30625" spans="14:14">
      <c r="N30625" s="10"/>
    </row>
    <row r="30626" spans="14:14">
      <c r="N30626" s="10"/>
    </row>
    <row r="30627" spans="14:14">
      <c r="N30627" s="10"/>
    </row>
    <row r="30628" spans="14:14">
      <c r="N30628" s="10"/>
    </row>
    <row r="30629" spans="14:14">
      <c r="N30629" s="10"/>
    </row>
    <row r="30630" spans="14:14">
      <c r="N30630" s="10"/>
    </row>
    <row r="30631" spans="14:14">
      <c r="N30631" s="10"/>
    </row>
    <row r="30632" spans="14:14">
      <c r="N30632" s="10"/>
    </row>
    <row r="30633" spans="14:14">
      <c r="N30633" s="10"/>
    </row>
    <row r="30634" spans="14:14">
      <c r="N30634" s="10"/>
    </row>
    <row r="30635" spans="14:14">
      <c r="N30635" s="10"/>
    </row>
    <row r="30636" spans="14:14">
      <c r="N30636" s="10"/>
    </row>
    <row r="30637" spans="14:14">
      <c r="N30637" s="10"/>
    </row>
    <row r="30638" spans="14:14">
      <c r="N30638" s="10"/>
    </row>
    <row r="30639" spans="14:14">
      <c r="N30639" s="10"/>
    </row>
    <row r="30640" spans="14:14">
      <c r="N30640" s="10"/>
    </row>
    <row r="30641" spans="14:14">
      <c r="N30641" s="10"/>
    </row>
    <row r="30642" spans="14:14">
      <c r="N30642" s="10"/>
    </row>
    <row r="30643" spans="14:14">
      <c r="N30643" s="10"/>
    </row>
    <row r="30644" spans="14:14">
      <c r="N30644" s="10"/>
    </row>
    <row r="30645" spans="14:14">
      <c r="N30645" s="10"/>
    </row>
    <row r="30646" spans="14:14">
      <c r="N30646" s="10"/>
    </row>
    <row r="30647" spans="14:14">
      <c r="N30647" s="10"/>
    </row>
    <row r="30648" spans="14:14">
      <c r="N30648" s="10"/>
    </row>
    <row r="30649" spans="14:14">
      <c r="N30649" s="10"/>
    </row>
    <row r="30650" spans="14:14">
      <c r="N30650" s="10"/>
    </row>
    <row r="30651" spans="14:14">
      <c r="N30651" s="10"/>
    </row>
    <row r="30652" spans="14:14">
      <c r="N30652" s="10"/>
    </row>
    <row r="30653" spans="14:14">
      <c r="N30653" s="10"/>
    </row>
    <row r="30654" spans="14:14">
      <c r="N30654" s="10"/>
    </row>
    <row r="30655" spans="14:14">
      <c r="N30655" s="10"/>
    </row>
    <row r="30656" spans="14:14">
      <c r="N30656" s="10"/>
    </row>
    <row r="30657" spans="14:14">
      <c r="N30657" s="10"/>
    </row>
    <row r="30658" spans="14:14">
      <c r="N30658" s="10"/>
    </row>
    <row r="30659" spans="14:14">
      <c r="N30659" s="10"/>
    </row>
    <row r="30660" spans="14:14">
      <c r="N30660" s="10"/>
    </row>
    <row r="30661" spans="14:14">
      <c r="N30661" s="10"/>
    </row>
    <row r="30662" spans="14:14">
      <c r="N30662" s="10"/>
    </row>
    <row r="30663" spans="14:14">
      <c r="N30663" s="10"/>
    </row>
    <row r="30664" spans="14:14">
      <c r="N30664" s="10"/>
    </row>
    <row r="30665" spans="14:14">
      <c r="N30665" s="10"/>
    </row>
    <row r="30666" spans="14:14">
      <c r="N30666" s="10"/>
    </row>
    <row r="30667" spans="14:14">
      <c r="N30667" s="10"/>
    </row>
    <row r="30668" spans="14:14">
      <c r="N30668" s="10"/>
    </row>
    <row r="30669" spans="14:14">
      <c r="N30669" s="10"/>
    </row>
    <row r="30670" spans="14:14">
      <c r="N30670" s="10"/>
    </row>
    <row r="30671" spans="14:14">
      <c r="N30671" s="10"/>
    </row>
    <row r="30672" spans="14:14">
      <c r="N30672" s="10"/>
    </row>
    <row r="30673" spans="14:14">
      <c r="N30673" s="10"/>
    </row>
    <row r="30674" spans="14:14">
      <c r="N30674" s="10"/>
    </row>
    <row r="30675" spans="14:14">
      <c r="N30675" s="10"/>
    </row>
    <row r="30676" spans="14:14">
      <c r="N30676" s="10"/>
    </row>
    <row r="30677" spans="14:14">
      <c r="N30677" s="10"/>
    </row>
    <row r="30678" spans="14:14">
      <c r="N30678" s="10"/>
    </row>
    <row r="30679" spans="14:14">
      <c r="N30679" s="10"/>
    </row>
    <row r="30680" spans="14:14">
      <c r="N30680" s="10"/>
    </row>
    <row r="30681" spans="14:14">
      <c r="N30681" s="10"/>
    </row>
    <row r="30682" spans="14:14">
      <c r="N30682" s="10"/>
    </row>
    <row r="30683" spans="14:14">
      <c r="N30683" s="10"/>
    </row>
    <row r="30684" spans="14:14">
      <c r="N30684" s="10"/>
    </row>
    <row r="30685" spans="14:14">
      <c r="N30685" s="10"/>
    </row>
    <row r="30686" spans="14:14">
      <c r="N30686" s="10"/>
    </row>
    <row r="30687" spans="14:14">
      <c r="N30687" s="10"/>
    </row>
    <row r="30688" spans="14:14">
      <c r="N30688" s="10"/>
    </row>
    <row r="30689" spans="14:14">
      <c r="N30689" s="10"/>
    </row>
    <row r="30690" spans="14:14">
      <c r="N30690" s="10"/>
    </row>
    <row r="30691" spans="14:14">
      <c r="N30691" s="10"/>
    </row>
    <row r="30692" spans="14:14">
      <c r="N30692" s="10"/>
    </row>
    <row r="30693" spans="14:14">
      <c r="N30693" s="10"/>
    </row>
    <row r="30694" spans="14:14">
      <c r="N30694" s="10"/>
    </row>
    <row r="30695" spans="14:14">
      <c r="N30695" s="10"/>
    </row>
    <row r="30696" spans="14:14">
      <c r="N30696" s="10"/>
    </row>
    <row r="30697" spans="14:14">
      <c r="N30697" s="10"/>
    </row>
    <row r="30698" spans="14:14">
      <c r="N30698" s="10"/>
    </row>
    <row r="30699" spans="14:14">
      <c r="N30699" s="10"/>
    </row>
    <row r="30700" spans="14:14">
      <c r="N30700" s="10"/>
    </row>
    <row r="30701" spans="14:14">
      <c r="N30701" s="10"/>
    </row>
    <row r="30702" spans="14:14">
      <c r="N30702" s="10"/>
    </row>
    <row r="30703" spans="14:14">
      <c r="N30703" s="10"/>
    </row>
    <row r="30704" spans="14:14">
      <c r="N30704" s="10"/>
    </row>
    <row r="30705" spans="14:14">
      <c r="N30705" s="10"/>
    </row>
    <row r="30706" spans="14:14">
      <c r="N30706" s="10"/>
    </row>
    <row r="30707" spans="14:14">
      <c r="N30707" s="10"/>
    </row>
    <row r="30708" spans="14:14">
      <c r="N30708" s="10"/>
    </row>
    <row r="30709" spans="14:14">
      <c r="N30709" s="10"/>
    </row>
    <row r="30710" spans="14:14">
      <c r="N30710" s="10"/>
    </row>
    <row r="30711" spans="14:14">
      <c r="N30711" s="10"/>
    </row>
    <row r="30712" spans="14:14">
      <c r="N30712" s="10"/>
    </row>
    <row r="30713" spans="14:14">
      <c r="N30713" s="10"/>
    </row>
    <row r="30714" spans="14:14">
      <c r="N30714" s="10"/>
    </row>
    <row r="30715" spans="14:14">
      <c r="N30715" s="10"/>
    </row>
    <row r="30716" spans="14:14">
      <c r="N30716" s="10"/>
    </row>
    <row r="30717" spans="14:14">
      <c r="N30717" s="10"/>
    </row>
    <row r="30718" spans="14:14">
      <c r="N30718" s="10"/>
    </row>
    <row r="30719" spans="14:14">
      <c r="N30719" s="10"/>
    </row>
    <row r="30720" spans="14:14">
      <c r="N30720" s="10"/>
    </row>
    <row r="30721" spans="14:14">
      <c r="N30721" s="10"/>
    </row>
    <row r="30722" spans="14:14">
      <c r="N30722" s="10"/>
    </row>
    <row r="30723" spans="14:14">
      <c r="N30723" s="10"/>
    </row>
    <row r="30724" spans="14:14">
      <c r="N30724" s="10"/>
    </row>
    <row r="30725" spans="14:14">
      <c r="N30725" s="10"/>
    </row>
    <row r="30726" spans="14:14">
      <c r="N30726" s="10"/>
    </row>
    <row r="30727" spans="14:14">
      <c r="N30727" s="10"/>
    </row>
    <row r="30728" spans="14:14">
      <c r="N30728" s="10"/>
    </row>
    <row r="30729" spans="14:14">
      <c r="N30729" s="10"/>
    </row>
    <row r="30730" spans="14:14">
      <c r="N30730" s="10"/>
    </row>
    <row r="30731" spans="14:14">
      <c r="N30731" s="10"/>
    </row>
    <row r="30732" spans="14:14">
      <c r="N30732" s="10"/>
    </row>
    <row r="30733" spans="14:14">
      <c r="N30733" s="10"/>
    </row>
    <row r="30734" spans="14:14">
      <c r="N30734" s="10"/>
    </row>
    <row r="30735" spans="14:14">
      <c r="N30735" s="10"/>
    </row>
    <row r="30736" spans="14:14">
      <c r="N30736" s="10"/>
    </row>
    <row r="30737" spans="14:14">
      <c r="N30737" s="10"/>
    </row>
    <row r="30738" spans="14:14">
      <c r="N30738" s="10"/>
    </row>
    <row r="30739" spans="14:14">
      <c r="N30739" s="10"/>
    </row>
    <row r="30740" spans="14:14">
      <c r="N30740" s="10"/>
    </row>
    <row r="30741" spans="14:14">
      <c r="N30741" s="10"/>
    </row>
    <row r="30742" spans="14:14">
      <c r="N30742" s="10"/>
    </row>
    <row r="30743" spans="14:14">
      <c r="N30743" s="10"/>
    </row>
    <row r="30744" spans="14:14">
      <c r="N30744" s="10"/>
    </row>
    <row r="30745" spans="14:14">
      <c r="N30745" s="10"/>
    </row>
    <row r="30746" spans="14:14">
      <c r="N30746" s="10"/>
    </row>
    <row r="30747" spans="14:14">
      <c r="N30747" s="10"/>
    </row>
    <row r="30748" spans="14:14">
      <c r="N30748" s="10"/>
    </row>
    <row r="30749" spans="14:14">
      <c r="N30749" s="10"/>
    </row>
    <row r="30750" spans="14:14">
      <c r="N30750" s="10"/>
    </row>
    <row r="30751" spans="14:14">
      <c r="N30751" s="10"/>
    </row>
    <row r="30752" spans="14:14">
      <c r="N30752" s="10"/>
    </row>
    <row r="30753" spans="14:14">
      <c r="N30753" s="10"/>
    </row>
    <row r="30754" spans="14:14">
      <c r="N30754" s="10"/>
    </row>
    <row r="30755" spans="14:14">
      <c r="N30755" s="10"/>
    </row>
    <row r="30756" spans="14:14">
      <c r="N30756" s="10"/>
    </row>
    <row r="30757" spans="14:14">
      <c r="N30757" s="10"/>
    </row>
    <row r="30758" spans="14:14">
      <c r="N30758" s="10"/>
    </row>
    <row r="30759" spans="14:14">
      <c r="N30759" s="10"/>
    </row>
    <row r="30760" spans="14:14">
      <c r="N30760" s="10"/>
    </row>
    <row r="30761" spans="14:14">
      <c r="N30761" s="10"/>
    </row>
    <row r="30762" spans="14:14">
      <c r="N30762" s="10"/>
    </row>
    <row r="30763" spans="14:14">
      <c r="N30763" s="10"/>
    </row>
    <row r="30764" spans="14:14">
      <c r="N30764" s="10"/>
    </row>
    <row r="30765" spans="14:14">
      <c r="N30765" s="10"/>
    </row>
    <row r="30766" spans="14:14">
      <c r="N30766" s="10"/>
    </row>
    <row r="30767" spans="14:14">
      <c r="N30767" s="10"/>
    </row>
    <row r="30768" spans="14:14">
      <c r="N30768" s="10"/>
    </row>
    <row r="30769" spans="14:14">
      <c r="N30769" s="10"/>
    </row>
    <row r="30770" spans="14:14">
      <c r="N30770" s="10"/>
    </row>
    <row r="30771" spans="14:14">
      <c r="N30771" s="10"/>
    </row>
    <row r="30772" spans="14:14">
      <c r="N30772" s="10"/>
    </row>
    <row r="30773" spans="14:14">
      <c r="N30773" s="10"/>
    </row>
    <row r="30774" spans="14:14">
      <c r="N30774" s="10"/>
    </row>
    <row r="30775" spans="14:14">
      <c r="N30775" s="10"/>
    </row>
    <row r="30776" spans="14:14">
      <c r="N30776" s="10"/>
    </row>
    <row r="30777" spans="14:14">
      <c r="N30777" s="10"/>
    </row>
    <row r="30778" spans="14:14">
      <c r="N30778" s="10"/>
    </row>
    <row r="30779" spans="14:14">
      <c r="N30779" s="10"/>
    </row>
    <row r="30780" spans="14:14">
      <c r="N30780" s="10"/>
    </row>
    <row r="30781" spans="14:14">
      <c r="N30781" s="10"/>
    </row>
    <row r="30782" spans="14:14">
      <c r="N30782" s="10"/>
    </row>
    <row r="30783" spans="14:14">
      <c r="N30783" s="10"/>
    </row>
    <row r="30784" spans="14:14">
      <c r="N30784" s="10"/>
    </row>
    <row r="30785" spans="14:14">
      <c r="N30785" s="10"/>
    </row>
    <row r="30786" spans="14:14">
      <c r="N30786" s="10"/>
    </row>
    <row r="30787" spans="14:14">
      <c r="N30787" s="10"/>
    </row>
    <row r="30788" spans="14:14">
      <c r="N30788" s="10"/>
    </row>
    <row r="30789" spans="14:14">
      <c r="N30789" s="10"/>
    </row>
    <row r="30790" spans="14:14">
      <c r="N30790" s="10"/>
    </row>
    <row r="30791" spans="14:14">
      <c r="N30791" s="10"/>
    </row>
    <row r="30792" spans="14:14">
      <c r="N30792" s="10"/>
    </row>
    <row r="30793" spans="14:14">
      <c r="N30793" s="10"/>
    </row>
    <row r="30794" spans="14:14">
      <c r="N30794" s="10"/>
    </row>
    <row r="30795" spans="14:14">
      <c r="N30795" s="10"/>
    </row>
    <row r="30796" spans="14:14">
      <c r="N30796" s="10"/>
    </row>
    <row r="30797" spans="14:14">
      <c r="N30797" s="10"/>
    </row>
    <row r="30798" spans="14:14">
      <c r="N30798" s="10"/>
    </row>
    <row r="30799" spans="14:14">
      <c r="N30799" s="10"/>
    </row>
    <row r="30800" spans="14:14">
      <c r="N30800" s="10"/>
    </row>
    <row r="30801" spans="14:14">
      <c r="N30801" s="10"/>
    </row>
    <row r="30802" spans="14:14">
      <c r="N30802" s="10"/>
    </row>
    <row r="30803" spans="14:14">
      <c r="N30803" s="10"/>
    </row>
    <row r="30804" spans="14:14">
      <c r="N30804" s="10"/>
    </row>
    <row r="30805" spans="14:14">
      <c r="N30805" s="10"/>
    </row>
    <row r="30806" spans="14:14">
      <c r="N30806" s="10"/>
    </row>
    <row r="30807" spans="14:14">
      <c r="N30807" s="10"/>
    </row>
    <row r="30808" spans="14:14">
      <c r="N30808" s="10"/>
    </row>
    <row r="30809" spans="14:14">
      <c r="N30809" s="10"/>
    </row>
    <row r="30810" spans="14:14">
      <c r="N30810" s="10"/>
    </row>
    <row r="30811" spans="14:14">
      <c r="N30811" s="10"/>
    </row>
    <row r="30812" spans="14:14">
      <c r="N30812" s="10"/>
    </row>
    <row r="30813" spans="14:14">
      <c r="N30813" s="10"/>
    </row>
    <row r="30814" spans="14:14">
      <c r="N30814" s="10"/>
    </row>
    <row r="30815" spans="14:14">
      <c r="N30815" s="10"/>
    </row>
    <row r="30816" spans="14:14">
      <c r="N30816" s="10"/>
    </row>
    <row r="30817" spans="14:14">
      <c r="N30817" s="10"/>
    </row>
    <row r="30818" spans="14:14">
      <c r="N30818" s="10"/>
    </row>
    <row r="30819" spans="14:14">
      <c r="N30819" s="10"/>
    </row>
    <row r="30820" spans="14:14">
      <c r="N30820" s="10"/>
    </row>
    <row r="30821" spans="14:14">
      <c r="N30821" s="10"/>
    </row>
    <row r="30822" spans="14:14">
      <c r="N30822" s="10"/>
    </row>
    <row r="30823" spans="14:14">
      <c r="N30823" s="10"/>
    </row>
    <row r="30824" spans="14:14">
      <c r="N30824" s="10"/>
    </row>
    <row r="30825" spans="14:14">
      <c r="N30825" s="10"/>
    </row>
    <row r="30826" spans="14:14">
      <c r="N30826" s="10"/>
    </row>
    <row r="30827" spans="14:14">
      <c r="N30827" s="10"/>
    </row>
    <row r="30828" spans="14:14">
      <c r="N30828" s="10"/>
    </row>
    <row r="30829" spans="14:14">
      <c r="N30829" s="10"/>
    </row>
    <row r="30830" spans="14:14">
      <c r="N30830" s="10"/>
    </row>
    <row r="30831" spans="14:14">
      <c r="N30831" s="10"/>
    </row>
    <row r="30832" spans="14:14">
      <c r="N30832" s="10"/>
    </row>
    <row r="30833" spans="14:14">
      <c r="N30833" s="10"/>
    </row>
    <row r="30834" spans="14:14">
      <c r="N30834" s="10"/>
    </row>
    <row r="30835" spans="14:14">
      <c r="N30835" s="10"/>
    </row>
    <row r="30836" spans="14:14">
      <c r="N30836" s="10"/>
    </row>
    <row r="30837" spans="14:14">
      <c r="N30837" s="10"/>
    </row>
    <row r="30838" spans="14:14">
      <c r="N30838" s="10"/>
    </row>
    <row r="30839" spans="14:14">
      <c r="N30839" s="10"/>
    </row>
    <row r="30840" spans="14:14">
      <c r="N30840" s="10"/>
    </row>
    <row r="30841" spans="14:14">
      <c r="N30841" s="10"/>
    </row>
    <row r="30842" spans="14:14">
      <c r="N30842" s="10"/>
    </row>
    <row r="30843" spans="14:14">
      <c r="N30843" s="10"/>
    </row>
    <row r="30844" spans="14:14">
      <c r="N30844" s="10"/>
    </row>
    <row r="30845" spans="14:14">
      <c r="N30845" s="10"/>
    </row>
    <row r="30846" spans="14:14">
      <c r="N30846" s="10"/>
    </row>
    <row r="30847" spans="14:14">
      <c r="N30847" s="10"/>
    </row>
    <row r="30848" spans="14:14">
      <c r="N30848" s="10"/>
    </row>
    <row r="30849" spans="14:14">
      <c r="N30849" s="10"/>
    </row>
    <row r="30850" spans="14:14">
      <c r="N30850" s="10"/>
    </row>
    <row r="30851" spans="14:14">
      <c r="N30851" s="10"/>
    </row>
    <row r="30852" spans="14:14">
      <c r="N30852" s="10"/>
    </row>
    <row r="30853" spans="14:14">
      <c r="N30853" s="10"/>
    </row>
    <row r="30854" spans="14:14">
      <c r="N30854" s="10"/>
    </row>
    <row r="30855" spans="14:14">
      <c r="N30855" s="10"/>
    </row>
    <row r="30856" spans="14:14">
      <c r="N30856" s="10"/>
    </row>
    <row r="30857" spans="14:14">
      <c r="N30857" s="10"/>
    </row>
    <row r="30858" spans="14:14">
      <c r="N30858" s="10"/>
    </row>
    <row r="30859" spans="14:14">
      <c r="N30859" s="10"/>
    </row>
    <row r="30860" spans="14:14">
      <c r="N30860" s="10"/>
    </row>
    <row r="30861" spans="14:14">
      <c r="N30861" s="10"/>
    </row>
    <row r="30862" spans="14:14">
      <c r="N30862" s="10"/>
    </row>
    <row r="30863" spans="14:14">
      <c r="N30863" s="10"/>
    </row>
    <row r="30864" spans="14:14">
      <c r="N30864" s="10"/>
    </row>
    <row r="30865" spans="14:14">
      <c r="N30865" s="10"/>
    </row>
    <row r="30866" spans="14:14">
      <c r="N30866" s="10"/>
    </row>
    <row r="30867" spans="14:14">
      <c r="N30867" s="10"/>
    </row>
    <row r="30868" spans="14:14">
      <c r="N30868" s="10"/>
    </row>
    <row r="30869" spans="14:14">
      <c r="N30869" s="10"/>
    </row>
    <row r="30870" spans="14:14">
      <c r="N30870" s="10"/>
    </row>
    <row r="30871" spans="14:14">
      <c r="N30871" s="10"/>
    </row>
    <row r="30872" spans="14:14">
      <c r="N30872" s="10"/>
    </row>
    <row r="30873" spans="14:14">
      <c r="N30873" s="10"/>
    </row>
    <row r="30874" spans="14:14">
      <c r="N30874" s="10"/>
    </row>
    <row r="30875" spans="14:14">
      <c r="N30875" s="10"/>
    </row>
    <row r="30876" spans="14:14">
      <c r="N30876" s="10"/>
    </row>
    <row r="30877" spans="14:14">
      <c r="N30877" s="10"/>
    </row>
    <row r="30878" spans="14:14">
      <c r="N30878" s="10"/>
    </row>
    <row r="30879" spans="14:14">
      <c r="N30879" s="10"/>
    </row>
    <row r="30880" spans="14:14">
      <c r="N30880" s="10"/>
    </row>
    <row r="30881" spans="14:14">
      <c r="N30881" s="10"/>
    </row>
    <row r="30882" spans="14:14">
      <c r="N30882" s="10"/>
    </row>
    <row r="30883" spans="14:14">
      <c r="N30883" s="10"/>
    </row>
    <row r="30884" spans="14:14">
      <c r="N30884" s="10"/>
    </row>
    <row r="30885" spans="14:14">
      <c r="N30885" s="10"/>
    </row>
    <row r="30886" spans="14:14">
      <c r="N30886" s="10"/>
    </row>
    <row r="30887" spans="14:14">
      <c r="N30887" s="10"/>
    </row>
    <row r="30888" spans="14:14">
      <c r="N30888" s="10"/>
    </row>
    <row r="30889" spans="14:14">
      <c r="N30889" s="10"/>
    </row>
    <row r="30890" spans="14:14">
      <c r="N30890" s="10"/>
    </row>
    <row r="30891" spans="14:14">
      <c r="N30891" s="10"/>
    </row>
    <row r="30892" spans="14:14">
      <c r="N30892" s="10"/>
    </row>
    <row r="30893" spans="14:14">
      <c r="N30893" s="10"/>
    </row>
    <row r="30894" spans="14:14">
      <c r="N30894" s="10"/>
    </row>
    <row r="30895" spans="14:14">
      <c r="N30895" s="10"/>
    </row>
    <row r="30896" spans="14:14">
      <c r="N30896" s="10"/>
    </row>
    <row r="30897" spans="14:14">
      <c r="N30897" s="10"/>
    </row>
    <row r="30898" spans="14:14">
      <c r="N30898" s="10"/>
    </row>
    <row r="30899" spans="14:14">
      <c r="N30899" s="10"/>
    </row>
    <row r="30900" spans="14:14">
      <c r="N30900" s="10"/>
    </row>
    <row r="30901" spans="14:14">
      <c r="N30901" s="10"/>
    </row>
    <row r="30902" spans="14:14">
      <c r="N30902" s="10"/>
    </row>
    <row r="30903" spans="14:14">
      <c r="N30903" s="10"/>
    </row>
    <row r="30904" spans="14:14">
      <c r="N30904" s="10"/>
    </row>
    <row r="30905" spans="14:14">
      <c r="N30905" s="10"/>
    </row>
    <row r="30906" spans="14:14">
      <c r="N30906" s="10"/>
    </row>
    <row r="30907" spans="14:14">
      <c r="N30907" s="10"/>
    </row>
    <row r="30908" spans="14:14">
      <c r="N30908" s="10"/>
    </row>
    <row r="30909" spans="14:14">
      <c r="N30909" s="10"/>
    </row>
    <row r="30910" spans="14:14">
      <c r="N30910" s="10"/>
    </row>
    <row r="30911" spans="14:14">
      <c r="N30911" s="10"/>
    </row>
    <row r="30912" spans="14:14">
      <c r="N30912" s="10"/>
    </row>
    <row r="30913" spans="14:14">
      <c r="N30913" s="10"/>
    </row>
    <row r="30914" spans="14:14">
      <c r="N30914" s="10"/>
    </row>
    <row r="30915" spans="14:14">
      <c r="N30915" s="10"/>
    </row>
    <row r="30916" spans="14:14">
      <c r="N30916" s="10"/>
    </row>
    <row r="30917" spans="14:14">
      <c r="N30917" s="10"/>
    </row>
    <row r="30918" spans="14:14">
      <c r="N30918" s="10"/>
    </row>
    <row r="30919" spans="14:14">
      <c r="N30919" s="10"/>
    </row>
    <row r="30920" spans="14:14">
      <c r="N30920" s="10"/>
    </row>
    <row r="30921" spans="14:14">
      <c r="N30921" s="10"/>
    </row>
    <row r="30922" spans="14:14">
      <c r="N30922" s="10"/>
    </row>
    <row r="30923" spans="14:14">
      <c r="N30923" s="10"/>
    </row>
    <row r="30924" spans="14:14">
      <c r="N30924" s="10"/>
    </row>
    <row r="30925" spans="14:14">
      <c r="N30925" s="10"/>
    </row>
    <row r="30926" spans="14:14">
      <c r="N30926" s="10"/>
    </row>
    <row r="30927" spans="14:14">
      <c r="N30927" s="10"/>
    </row>
    <row r="30928" spans="14:14">
      <c r="N30928" s="10"/>
    </row>
    <row r="30929" spans="14:14">
      <c r="N30929" s="10"/>
    </row>
    <row r="30930" spans="14:14">
      <c r="N30930" s="10"/>
    </row>
    <row r="30931" spans="14:14">
      <c r="N30931" s="10"/>
    </row>
    <row r="30932" spans="14:14">
      <c r="N30932" s="10"/>
    </row>
    <row r="30933" spans="14:14">
      <c r="N30933" s="10"/>
    </row>
    <row r="30934" spans="14:14">
      <c r="N30934" s="10"/>
    </row>
    <row r="30935" spans="14:14">
      <c r="N30935" s="10"/>
    </row>
    <row r="30936" spans="14:14">
      <c r="N30936" s="10"/>
    </row>
    <row r="30937" spans="14:14">
      <c r="N30937" s="10"/>
    </row>
    <row r="30938" spans="14:14">
      <c r="N30938" s="10"/>
    </row>
    <row r="30939" spans="14:14">
      <c r="N30939" s="10"/>
    </row>
    <row r="30940" spans="14:14">
      <c r="N30940" s="10"/>
    </row>
    <row r="30941" spans="14:14">
      <c r="N30941" s="10"/>
    </row>
    <row r="30942" spans="14:14">
      <c r="N30942" s="10"/>
    </row>
    <row r="30943" spans="14:14">
      <c r="N30943" s="10"/>
    </row>
    <row r="30944" spans="14:14">
      <c r="N30944" s="10"/>
    </row>
    <row r="30945" spans="14:14">
      <c r="N30945" s="10"/>
    </row>
    <row r="30946" spans="14:14">
      <c r="N30946" s="10"/>
    </row>
    <row r="30947" spans="14:14">
      <c r="N30947" s="10"/>
    </row>
    <row r="30948" spans="14:14">
      <c r="N30948" s="10"/>
    </row>
    <row r="30949" spans="14:14">
      <c r="N30949" s="10"/>
    </row>
    <row r="30950" spans="14:14">
      <c r="N30950" s="10"/>
    </row>
    <row r="30951" spans="14:14">
      <c r="N30951" s="10"/>
    </row>
    <row r="30952" spans="14:14">
      <c r="N30952" s="10"/>
    </row>
    <row r="30953" spans="14:14">
      <c r="N30953" s="10"/>
    </row>
    <row r="30954" spans="14:14">
      <c r="N30954" s="10"/>
    </row>
    <row r="30955" spans="14:14">
      <c r="N30955" s="10"/>
    </row>
    <row r="30956" spans="14:14">
      <c r="N30956" s="10"/>
    </row>
    <row r="30957" spans="14:14">
      <c r="N30957" s="10"/>
    </row>
    <row r="30958" spans="14:14">
      <c r="N30958" s="10"/>
    </row>
    <row r="30959" spans="14:14">
      <c r="N30959" s="10"/>
    </row>
    <row r="30960" spans="14:14">
      <c r="N30960" s="10"/>
    </row>
    <row r="30961" spans="14:14">
      <c r="N30961" s="10"/>
    </row>
    <row r="30962" spans="14:14">
      <c r="N30962" s="10"/>
    </row>
    <row r="30963" spans="14:14">
      <c r="N30963" s="10"/>
    </row>
    <row r="30964" spans="14:14">
      <c r="N30964" s="10"/>
    </row>
    <row r="30965" spans="14:14">
      <c r="N30965" s="10"/>
    </row>
    <row r="30966" spans="14:14">
      <c r="N30966" s="10"/>
    </row>
    <row r="30967" spans="14:14">
      <c r="N30967" s="10"/>
    </row>
    <row r="30968" spans="14:14">
      <c r="N30968" s="10"/>
    </row>
    <row r="30969" spans="14:14">
      <c r="N30969" s="10"/>
    </row>
    <row r="30970" spans="14:14">
      <c r="N30970" s="10"/>
    </row>
    <row r="30971" spans="14:14">
      <c r="N30971" s="10"/>
    </row>
    <row r="30972" spans="14:14">
      <c r="N30972" s="10"/>
    </row>
    <row r="30973" spans="14:14">
      <c r="N30973" s="10"/>
    </row>
    <row r="30974" spans="14:14">
      <c r="N30974" s="10"/>
    </row>
    <row r="30975" spans="14:14">
      <c r="N30975" s="10"/>
    </row>
    <row r="30976" spans="14:14">
      <c r="N30976" s="10"/>
    </row>
    <row r="30977" spans="14:14">
      <c r="N30977" s="10"/>
    </row>
    <row r="30978" spans="14:14">
      <c r="N30978" s="10"/>
    </row>
    <row r="30979" spans="14:14">
      <c r="N30979" s="10"/>
    </row>
    <row r="30980" spans="14:14">
      <c r="N30980" s="10"/>
    </row>
    <row r="30981" spans="14:14">
      <c r="N30981" s="10"/>
    </row>
    <row r="30982" spans="14:14">
      <c r="N30982" s="10"/>
    </row>
    <row r="30983" spans="14:14">
      <c r="N30983" s="10"/>
    </row>
    <row r="30984" spans="14:14">
      <c r="N30984" s="10"/>
    </row>
    <row r="30985" spans="14:14">
      <c r="N30985" s="10"/>
    </row>
    <row r="30986" spans="14:14">
      <c r="N30986" s="10"/>
    </row>
    <row r="30987" spans="14:14">
      <c r="N30987" s="10"/>
    </row>
    <row r="30988" spans="14:14">
      <c r="N30988" s="10"/>
    </row>
    <row r="30989" spans="14:14">
      <c r="N30989" s="10"/>
    </row>
    <row r="30990" spans="14:14">
      <c r="N30990" s="10"/>
    </row>
    <row r="30991" spans="14:14">
      <c r="N30991" s="10"/>
    </row>
    <row r="30992" spans="14:14">
      <c r="N30992" s="10"/>
    </row>
    <row r="30993" spans="14:14">
      <c r="N30993" s="10"/>
    </row>
    <row r="30994" spans="14:14">
      <c r="N30994" s="10"/>
    </row>
    <row r="30995" spans="14:14">
      <c r="N30995" s="10"/>
    </row>
    <row r="30996" spans="14:14">
      <c r="N30996" s="10"/>
    </row>
    <row r="30997" spans="14:14">
      <c r="N30997" s="10"/>
    </row>
    <row r="30998" spans="14:14">
      <c r="N30998" s="10"/>
    </row>
    <row r="30999" spans="14:14">
      <c r="N30999" s="10"/>
    </row>
    <row r="31000" spans="14:14">
      <c r="N31000" s="10"/>
    </row>
    <row r="31001" spans="14:14">
      <c r="N31001" s="10"/>
    </row>
    <row r="31002" spans="14:14">
      <c r="N31002" s="10"/>
    </row>
    <row r="31003" spans="14:14">
      <c r="N31003" s="10"/>
    </row>
    <row r="31004" spans="14:14">
      <c r="N31004" s="10"/>
    </row>
    <row r="31005" spans="14:14">
      <c r="N31005" s="10"/>
    </row>
    <row r="31006" spans="14:14">
      <c r="N31006" s="10"/>
    </row>
    <row r="31007" spans="14:14">
      <c r="N31007" s="10"/>
    </row>
    <row r="31008" spans="14:14">
      <c r="N31008" s="10"/>
    </row>
    <row r="31009" spans="14:14">
      <c r="N31009" s="10"/>
    </row>
    <row r="31010" spans="14:14">
      <c r="N31010" s="10"/>
    </row>
    <row r="31011" spans="14:14">
      <c r="N31011" s="10"/>
    </row>
    <row r="31012" spans="14:14">
      <c r="N31012" s="10"/>
    </row>
    <row r="31013" spans="14:14">
      <c r="N31013" s="10"/>
    </row>
    <row r="31014" spans="14:14">
      <c r="N31014" s="10"/>
    </row>
    <row r="31015" spans="14:14">
      <c r="N31015" s="10"/>
    </row>
    <row r="31016" spans="14:14">
      <c r="N31016" s="10"/>
    </row>
    <row r="31017" spans="14:14">
      <c r="N31017" s="10"/>
    </row>
    <row r="31018" spans="14:14">
      <c r="N31018" s="10"/>
    </row>
    <row r="31019" spans="14:14">
      <c r="N31019" s="10"/>
    </row>
    <row r="31020" spans="14:14">
      <c r="N31020" s="10"/>
    </row>
    <row r="31021" spans="14:14">
      <c r="N31021" s="10"/>
    </row>
    <row r="31022" spans="14:14">
      <c r="N31022" s="10"/>
    </row>
    <row r="31023" spans="14:14">
      <c r="N31023" s="10"/>
    </row>
    <row r="31024" spans="14:14">
      <c r="N31024" s="10"/>
    </row>
    <row r="31025" spans="14:14">
      <c r="N31025" s="10"/>
    </row>
    <row r="31026" spans="14:14">
      <c r="N31026" s="10"/>
    </row>
    <row r="31027" spans="14:14">
      <c r="N31027" s="10"/>
    </row>
    <row r="31028" spans="14:14">
      <c r="N31028" s="10"/>
    </row>
    <row r="31029" spans="14:14">
      <c r="N31029" s="10"/>
    </row>
    <row r="31030" spans="14:14">
      <c r="N31030" s="10"/>
    </row>
    <row r="31031" spans="14:14">
      <c r="N31031" s="10"/>
    </row>
    <row r="31032" spans="14:14">
      <c r="N31032" s="10"/>
    </row>
    <row r="31033" spans="14:14">
      <c r="N31033" s="10"/>
    </row>
    <row r="31034" spans="14:14">
      <c r="N31034" s="10"/>
    </row>
    <row r="31035" spans="14:14">
      <c r="N31035" s="10"/>
    </row>
    <row r="31036" spans="14:14">
      <c r="N31036" s="10"/>
    </row>
    <row r="31037" spans="14:14">
      <c r="N31037" s="10"/>
    </row>
    <row r="31038" spans="14:14">
      <c r="N31038" s="10"/>
    </row>
    <row r="31039" spans="14:14">
      <c r="N31039" s="10"/>
    </row>
    <row r="31040" spans="14:14">
      <c r="N31040" s="10"/>
    </row>
    <row r="31041" spans="14:14">
      <c r="N31041" s="10"/>
    </row>
    <row r="31042" spans="14:14">
      <c r="N31042" s="10"/>
    </row>
    <row r="31043" spans="14:14">
      <c r="N31043" s="10"/>
    </row>
    <row r="31044" spans="14:14">
      <c r="N31044" s="10"/>
    </row>
    <row r="31045" spans="14:14">
      <c r="N31045" s="10"/>
    </row>
    <row r="31046" spans="14:14">
      <c r="N31046" s="10"/>
    </row>
    <row r="31047" spans="14:14">
      <c r="N31047" s="10"/>
    </row>
    <row r="31048" spans="14:14">
      <c r="N31048" s="10"/>
    </row>
    <row r="31049" spans="14:14">
      <c r="N31049" s="10"/>
    </row>
    <row r="31050" spans="14:14">
      <c r="N31050" s="10"/>
    </row>
    <row r="31051" spans="14:14">
      <c r="N31051" s="10"/>
    </row>
    <row r="31052" spans="14:14">
      <c r="N31052" s="10"/>
    </row>
    <row r="31053" spans="14:14">
      <c r="N31053" s="10"/>
    </row>
    <row r="31054" spans="14:14">
      <c r="N31054" s="10"/>
    </row>
    <row r="31055" spans="14:14">
      <c r="N31055" s="10"/>
    </row>
    <row r="31056" spans="14:14">
      <c r="N31056" s="10"/>
    </row>
    <row r="31057" spans="14:14">
      <c r="N31057" s="10"/>
    </row>
    <row r="31058" spans="14:14">
      <c r="N31058" s="10"/>
    </row>
    <row r="31059" spans="14:14">
      <c r="N31059" s="10"/>
    </row>
    <row r="31060" spans="14:14">
      <c r="N31060" s="10"/>
    </row>
    <row r="31061" spans="14:14">
      <c r="N31061" s="10"/>
    </row>
    <row r="31062" spans="14:14">
      <c r="N31062" s="10"/>
    </row>
    <row r="31063" spans="14:14">
      <c r="N31063" s="10"/>
    </row>
    <row r="31064" spans="14:14">
      <c r="N31064" s="10"/>
    </row>
    <row r="31065" spans="14:14">
      <c r="N31065" s="10"/>
    </row>
    <row r="31066" spans="14:14">
      <c r="N31066" s="10"/>
    </row>
    <row r="31067" spans="14:14">
      <c r="N31067" s="10"/>
    </row>
    <row r="31068" spans="14:14">
      <c r="N31068" s="10"/>
    </row>
    <row r="31069" spans="14:14">
      <c r="N31069" s="10"/>
    </row>
    <row r="31070" spans="14:14">
      <c r="N31070" s="10"/>
    </row>
    <row r="31071" spans="14:14">
      <c r="N31071" s="10"/>
    </row>
    <row r="31072" spans="14:14">
      <c r="N31072" s="10"/>
    </row>
    <row r="31073" spans="14:14">
      <c r="N31073" s="10"/>
    </row>
    <row r="31074" spans="14:14">
      <c r="N31074" s="10"/>
    </row>
    <row r="31075" spans="14:14">
      <c r="N31075" s="10"/>
    </row>
    <row r="31076" spans="14:14">
      <c r="N31076" s="10"/>
    </row>
    <row r="31077" spans="14:14">
      <c r="N31077" s="10"/>
    </row>
    <row r="31078" spans="14:14">
      <c r="N31078" s="10"/>
    </row>
    <row r="31079" spans="14:14">
      <c r="N31079" s="10"/>
    </row>
    <row r="31080" spans="14:14">
      <c r="N31080" s="10"/>
    </row>
    <row r="31081" spans="14:14">
      <c r="N31081" s="10"/>
    </row>
    <row r="31082" spans="14:14">
      <c r="N31082" s="10"/>
    </row>
    <row r="31083" spans="14:14">
      <c r="N31083" s="10"/>
    </row>
    <row r="31084" spans="14:14">
      <c r="N31084" s="10"/>
    </row>
    <row r="31085" spans="14:14">
      <c r="N31085" s="10"/>
    </row>
    <row r="31086" spans="14:14">
      <c r="N31086" s="10"/>
    </row>
    <row r="31087" spans="14:14">
      <c r="N31087" s="10"/>
    </row>
    <row r="31088" spans="14:14">
      <c r="N31088" s="10"/>
    </row>
    <row r="31089" spans="14:14">
      <c r="N31089" s="10"/>
    </row>
    <row r="31090" spans="14:14">
      <c r="N31090" s="10"/>
    </row>
    <row r="31091" spans="14:14">
      <c r="N31091" s="10"/>
    </row>
    <row r="31092" spans="14:14">
      <c r="N31092" s="10"/>
    </row>
    <row r="31093" spans="14:14">
      <c r="N31093" s="10"/>
    </row>
    <row r="31094" spans="14:14">
      <c r="N31094" s="10"/>
    </row>
    <row r="31095" spans="14:14">
      <c r="N31095" s="10"/>
    </row>
    <row r="31096" spans="14:14">
      <c r="N31096" s="10"/>
    </row>
    <row r="31097" spans="14:14">
      <c r="N31097" s="10"/>
    </row>
    <row r="31098" spans="14:14">
      <c r="N31098" s="10"/>
    </row>
    <row r="31099" spans="14:14">
      <c r="N31099" s="10"/>
    </row>
    <row r="31100" spans="14:14">
      <c r="N31100" s="10"/>
    </row>
    <row r="31101" spans="14:14">
      <c r="N31101" s="10"/>
    </row>
    <row r="31102" spans="14:14">
      <c r="N31102" s="10"/>
    </row>
    <row r="31103" spans="14:14">
      <c r="N31103" s="10"/>
    </row>
    <row r="31104" spans="14:14">
      <c r="N31104" s="10"/>
    </row>
    <row r="31105" spans="14:14">
      <c r="N31105" s="10"/>
    </row>
    <row r="31106" spans="14:14">
      <c r="N31106" s="10"/>
    </row>
    <row r="31107" spans="14:14">
      <c r="N31107" s="10"/>
    </row>
    <row r="31108" spans="14:14">
      <c r="N31108" s="10"/>
    </row>
    <row r="31109" spans="14:14">
      <c r="N31109" s="10"/>
    </row>
    <row r="31110" spans="14:14">
      <c r="N31110" s="10"/>
    </row>
    <row r="31111" spans="14:14">
      <c r="N31111" s="10"/>
    </row>
    <row r="31112" spans="14:14">
      <c r="N31112" s="10"/>
    </row>
    <row r="31113" spans="14:14">
      <c r="N31113" s="10"/>
    </row>
    <row r="31114" spans="14:14">
      <c r="N31114" s="10"/>
    </row>
    <row r="31115" spans="14:14">
      <c r="N31115" s="10"/>
    </row>
    <row r="31116" spans="14:14">
      <c r="N31116" s="10"/>
    </row>
    <row r="31117" spans="14:14">
      <c r="N31117" s="10"/>
    </row>
    <row r="31118" spans="14:14">
      <c r="N31118" s="10"/>
    </row>
    <row r="31119" spans="14:14">
      <c r="N31119" s="10"/>
    </row>
    <row r="31120" spans="14:14">
      <c r="N31120" s="10"/>
    </row>
    <row r="31121" spans="14:14">
      <c r="N31121" s="10"/>
    </row>
    <row r="31122" spans="14:14">
      <c r="N31122" s="10"/>
    </row>
    <row r="31123" spans="14:14">
      <c r="N31123" s="10"/>
    </row>
    <row r="31124" spans="14:14">
      <c r="N31124" s="10"/>
    </row>
    <row r="31125" spans="14:14">
      <c r="N31125" s="10"/>
    </row>
    <row r="31126" spans="14:14">
      <c r="N31126" s="10"/>
    </row>
    <row r="31127" spans="14:14">
      <c r="N31127" s="10"/>
    </row>
    <row r="31128" spans="14:14">
      <c r="N31128" s="10"/>
    </row>
    <row r="31129" spans="14:14">
      <c r="N31129" s="10"/>
    </row>
    <row r="31130" spans="14:14">
      <c r="N31130" s="10"/>
    </row>
    <row r="31131" spans="14:14">
      <c r="N31131" s="10"/>
    </row>
    <row r="31132" spans="14:14">
      <c r="N31132" s="10"/>
    </row>
    <row r="31133" spans="14:14">
      <c r="N31133" s="10"/>
    </row>
    <row r="31134" spans="14:14">
      <c r="N31134" s="10"/>
    </row>
    <row r="31135" spans="14:14">
      <c r="N31135" s="10"/>
    </row>
    <row r="31136" spans="14:14">
      <c r="N31136" s="10"/>
    </row>
    <row r="31137" spans="14:14">
      <c r="N31137" s="10"/>
    </row>
    <row r="31138" spans="14:14">
      <c r="N31138" s="10"/>
    </row>
    <row r="31139" spans="14:14">
      <c r="N31139" s="10"/>
    </row>
    <row r="31140" spans="14:14">
      <c r="N31140" s="10"/>
    </row>
    <row r="31141" spans="14:14">
      <c r="N31141" s="10"/>
    </row>
    <row r="31142" spans="14:14">
      <c r="N31142" s="10"/>
    </row>
    <row r="31143" spans="14:14">
      <c r="N31143" s="10"/>
    </row>
    <row r="31144" spans="14:14">
      <c r="N31144" s="10"/>
    </row>
    <row r="31145" spans="14:14">
      <c r="N31145" s="10"/>
    </row>
    <row r="31146" spans="14:14">
      <c r="N31146" s="10"/>
    </row>
    <row r="31147" spans="14:14">
      <c r="N31147" s="10"/>
    </row>
    <row r="31148" spans="14:14">
      <c r="N31148" s="10"/>
    </row>
    <row r="31149" spans="14:14">
      <c r="N31149" s="10"/>
    </row>
    <row r="31150" spans="14:14">
      <c r="N31150" s="10"/>
    </row>
    <row r="31151" spans="14:14">
      <c r="N31151" s="10"/>
    </row>
    <row r="31152" spans="14:14">
      <c r="N31152" s="10"/>
    </row>
    <row r="31153" spans="14:14">
      <c r="N31153" s="10"/>
    </row>
    <row r="31154" spans="14:14">
      <c r="N31154" s="10"/>
    </row>
    <row r="31155" spans="14:14">
      <c r="N31155" s="10"/>
    </row>
    <row r="31156" spans="14:14">
      <c r="N31156" s="10"/>
    </row>
    <row r="31157" spans="14:14">
      <c r="N31157" s="10"/>
    </row>
    <row r="31158" spans="14:14">
      <c r="N31158" s="10"/>
    </row>
    <row r="31159" spans="14:14">
      <c r="N31159" s="10"/>
    </row>
    <row r="31160" spans="14:14">
      <c r="N31160" s="10"/>
    </row>
    <row r="31161" spans="14:14">
      <c r="N31161" s="10"/>
    </row>
    <row r="31162" spans="14:14">
      <c r="N31162" s="10"/>
    </row>
    <row r="31163" spans="14:14">
      <c r="N31163" s="10"/>
    </row>
    <row r="31164" spans="14:14">
      <c r="N31164" s="10"/>
    </row>
    <row r="31165" spans="14:14">
      <c r="N31165" s="10"/>
    </row>
    <row r="31166" spans="14:14">
      <c r="N31166" s="10"/>
    </row>
    <row r="31167" spans="14:14">
      <c r="N31167" s="10"/>
    </row>
    <row r="31168" spans="14:14">
      <c r="N31168" s="10"/>
    </row>
    <row r="31169" spans="14:14">
      <c r="N31169" s="10"/>
    </row>
    <row r="31170" spans="14:14">
      <c r="N31170" s="10"/>
    </row>
    <row r="31171" spans="14:14">
      <c r="N31171" s="10"/>
    </row>
    <row r="31172" spans="14:14">
      <c r="N31172" s="10"/>
    </row>
    <row r="31173" spans="14:14">
      <c r="N31173" s="10"/>
    </row>
    <row r="31174" spans="14:14">
      <c r="N31174" s="10"/>
    </row>
    <row r="31175" spans="14:14">
      <c r="N31175" s="10"/>
    </row>
    <row r="31176" spans="14:14">
      <c r="N31176" s="10"/>
    </row>
    <row r="31177" spans="14:14">
      <c r="N31177" s="10"/>
    </row>
    <row r="31178" spans="14:14">
      <c r="N31178" s="10"/>
    </row>
    <row r="31179" spans="14:14">
      <c r="N31179" s="10"/>
    </row>
    <row r="31180" spans="14:14">
      <c r="N31180" s="10"/>
    </row>
    <row r="31181" spans="14:14">
      <c r="N31181" s="10"/>
    </row>
    <row r="31182" spans="14:14">
      <c r="N31182" s="10"/>
    </row>
    <row r="31183" spans="14:14">
      <c r="N31183" s="10"/>
    </row>
    <row r="31184" spans="14:14">
      <c r="N31184" s="10"/>
    </row>
    <row r="31185" spans="14:14">
      <c r="N31185" s="10"/>
    </row>
    <row r="31186" spans="14:14">
      <c r="N31186" s="10"/>
    </row>
    <row r="31187" spans="14:14">
      <c r="N31187" s="10"/>
    </row>
    <row r="31188" spans="14:14">
      <c r="N31188" s="10"/>
    </row>
    <row r="31189" spans="14:14">
      <c r="N31189" s="10"/>
    </row>
    <row r="31190" spans="14:14">
      <c r="N31190" s="10"/>
    </row>
    <row r="31191" spans="14:14">
      <c r="N31191" s="10"/>
    </row>
    <row r="31192" spans="14:14">
      <c r="N31192" s="10"/>
    </row>
    <row r="31193" spans="14:14">
      <c r="N31193" s="10"/>
    </row>
    <row r="31194" spans="14:14">
      <c r="N31194" s="10"/>
    </row>
    <row r="31195" spans="14:14">
      <c r="N31195" s="10"/>
    </row>
    <row r="31196" spans="14:14">
      <c r="N31196" s="10"/>
    </row>
    <row r="31197" spans="14:14">
      <c r="N31197" s="10"/>
    </row>
    <row r="31198" spans="14:14">
      <c r="N31198" s="10"/>
    </row>
    <row r="31199" spans="14:14">
      <c r="N31199" s="10"/>
    </row>
    <row r="31200" spans="14:14">
      <c r="N31200" s="10"/>
    </row>
    <row r="31201" spans="14:14">
      <c r="N31201" s="10"/>
    </row>
    <row r="31202" spans="14:14">
      <c r="N31202" s="10"/>
    </row>
    <row r="31203" spans="14:14">
      <c r="N31203" s="10"/>
    </row>
    <row r="31204" spans="14:14">
      <c r="N31204" s="10"/>
    </row>
    <row r="31205" spans="14:14">
      <c r="N31205" s="10"/>
    </row>
    <row r="31206" spans="14:14">
      <c r="N31206" s="10"/>
    </row>
    <row r="31207" spans="14:14">
      <c r="N31207" s="10"/>
    </row>
    <row r="31208" spans="14:14">
      <c r="N31208" s="10"/>
    </row>
    <row r="31209" spans="14:14">
      <c r="N31209" s="10"/>
    </row>
    <row r="31210" spans="14:14">
      <c r="N31210" s="10"/>
    </row>
    <row r="31211" spans="14:14">
      <c r="N31211" s="10"/>
    </row>
    <row r="31212" spans="14:14">
      <c r="N31212" s="10"/>
    </row>
    <row r="31213" spans="14:14">
      <c r="N31213" s="10"/>
    </row>
    <row r="31214" spans="14:14">
      <c r="N31214" s="10"/>
    </row>
    <row r="31215" spans="14:14">
      <c r="N31215" s="10"/>
    </row>
    <row r="31216" spans="14:14">
      <c r="N31216" s="10"/>
    </row>
    <row r="31217" spans="14:14">
      <c r="N31217" s="10"/>
    </row>
    <row r="31218" spans="14:14">
      <c r="N31218" s="10"/>
    </row>
    <row r="31219" spans="14:14">
      <c r="N31219" s="10"/>
    </row>
    <row r="31220" spans="14:14">
      <c r="N31220" s="10"/>
    </row>
    <row r="31221" spans="14:14">
      <c r="N31221" s="10"/>
    </row>
    <row r="31222" spans="14:14">
      <c r="N31222" s="10"/>
    </row>
    <row r="31223" spans="14:14">
      <c r="N31223" s="10"/>
    </row>
    <row r="31224" spans="14:14">
      <c r="N31224" s="10"/>
    </row>
    <row r="31225" spans="14:14">
      <c r="N31225" s="10"/>
    </row>
    <row r="31226" spans="14:14">
      <c r="N31226" s="10"/>
    </row>
    <row r="31227" spans="14:14">
      <c r="N31227" s="10"/>
    </row>
    <row r="31228" spans="14:14">
      <c r="N31228" s="10"/>
    </row>
    <row r="31229" spans="14:14">
      <c r="N31229" s="10"/>
    </row>
    <row r="31230" spans="14:14">
      <c r="N31230" s="10"/>
    </row>
    <row r="31231" spans="14:14">
      <c r="N31231" s="10"/>
    </row>
    <row r="31232" spans="14:14">
      <c r="N31232" s="10"/>
    </row>
    <row r="31233" spans="14:14">
      <c r="N31233" s="10"/>
    </row>
    <row r="31234" spans="14:14">
      <c r="N31234" s="10"/>
    </row>
    <row r="31235" spans="14:14">
      <c r="N31235" s="10"/>
    </row>
    <row r="31236" spans="14:14">
      <c r="N31236" s="10"/>
    </row>
    <row r="31237" spans="14:14">
      <c r="N31237" s="10"/>
    </row>
    <row r="31238" spans="14:14">
      <c r="N31238" s="10"/>
    </row>
    <row r="31239" spans="14:14">
      <c r="N31239" s="10"/>
    </row>
    <row r="31240" spans="14:14">
      <c r="N31240" s="10"/>
    </row>
    <row r="31241" spans="14:14">
      <c r="N31241" s="10"/>
    </row>
    <row r="31242" spans="14:14">
      <c r="N31242" s="10"/>
    </row>
    <row r="31243" spans="14:14">
      <c r="N31243" s="10"/>
    </row>
    <row r="31244" spans="14:14">
      <c r="N31244" s="10"/>
    </row>
    <row r="31245" spans="14:14">
      <c r="N31245" s="10"/>
    </row>
    <row r="31246" spans="14:14">
      <c r="N31246" s="10"/>
    </row>
    <row r="31247" spans="14:14">
      <c r="N31247" s="10"/>
    </row>
    <row r="31248" spans="14:14">
      <c r="N31248" s="10"/>
    </row>
    <row r="31249" spans="14:14">
      <c r="N31249" s="10"/>
    </row>
    <row r="31250" spans="14:14">
      <c r="N31250" s="10"/>
    </row>
    <row r="31251" spans="14:14">
      <c r="N31251" s="10"/>
    </row>
    <row r="31252" spans="14:14">
      <c r="N31252" s="10"/>
    </row>
    <row r="31253" spans="14:14">
      <c r="N31253" s="10"/>
    </row>
    <row r="31254" spans="14:14">
      <c r="N31254" s="10"/>
    </row>
    <row r="31255" spans="14:14">
      <c r="N31255" s="10"/>
    </row>
    <row r="31256" spans="14:14">
      <c r="N31256" s="10"/>
    </row>
    <row r="31257" spans="14:14">
      <c r="N31257" s="10"/>
    </row>
    <row r="31258" spans="14:14">
      <c r="N31258" s="10"/>
    </row>
    <row r="31259" spans="14:14">
      <c r="N31259" s="10"/>
    </row>
    <row r="31260" spans="14:14">
      <c r="N31260" s="10"/>
    </row>
    <row r="31261" spans="14:14">
      <c r="N31261" s="10"/>
    </row>
    <row r="31262" spans="14:14">
      <c r="N31262" s="10"/>
    </row>
    <row r="31263" spans="14:14">
      <c r="N31263" s="10"/>
    </row>
    <row r="31264" spans="14:14">
      <c r="N31264" s="10"/>
    </row>
    <row r="31265" spans="14:14">
      <c r="N31265" s="10"/>
    </row>
    <row r="31266" spans="14:14">
      <c r="N31266" s="10"/>
    </row>
    <row r="31267" spans="14:14">
      <c r="N31267" s="10"/>
    </row>
    <row r="31268" spans="14:14">
      <c r="N31268" s="10"/>
    </row>
    <row r="31269" spans="14:14">
      <c r="N31269" s="10"/>
    </row>
    <row r="31270" spans="14:14">
      <c r="N31270" s="10"/>
    </row>
    <row r="31271" spans="14:14">
      <c r="N31271" s="10"/>
    </row>
    <row r="31272" spans="14:14">
      <c r="N31272" s="10"/>
    </row>
    <row r="31273" spans="14:14">
      <c r="N31273" s="10"/>
    </row>
    <row r="31274" spans="14:14">
      <c r="N31274" s="10"/>
    </row>
    <row r="31275" spans="14:14">
      <c r="N31275" s="10"/>
    </row>
    <row r="31276" spans="14:14">
      <c r="N31276" s="10"/>
    </row>
    <row r="31277" spans="14:14">
      <c r="N31277" s="10"/>
    </row>
    <row r="31278" spans="14:14">
      <c r="N31278" s="10"/>
    </row>
    <row r="31279" spans="14:14">
      <c r="N31279" s="10"/>
    </row>
    <row r="31280" spans="14:14">
      <c r="N31280" s="10"/>
    </row>
    <row r="31281" spans="14:14">
      <c r="N31281" s="10"/>
    </row>
    <row r="31282" spans="14:14">
      <c r="N31282" s="10"/>
    </row>
    <row r="31283" spans="14:14">
      <c r="N31283" s="10"/>
    </row>
    <row r="31284" spans="14:14">
      <c r="N31284" s="10"/>
    </row>
    <row r="31285" spans="14:14">
      <c r="N31285" s="10"/>
    </row>
    <row r="31286" spans="14:14">
      <c r="N31286" s="10"/>
    </row>
    <row r="31287" spans="14:14">
      <c r="N31287" s="10"/>
    </row>
    <row r="31288" spans="14:14">
      <c r="N31288" s="10"/>
    </row>
    <row r="31289" spans="14:14">
      <c r="N31289" s="10"/>
    </row>
    <row r="31290" spans="14:14">
      <c r="N31290" s="10"/>
    </row>
    <row r="31291" spans="14:14">
      <c r="N31291" s="10"/>
    </row>
    <row r="31292" spans="14:14">
      <c r="N31292" s="10"/>
    </row>
    <row r="31293" spans="14:14">
      <c r="N31293" s="10"/>
    </row>
    <row r="31294" spans="14:14">
      <c r="N31294" s="10"/>
    </row>
    <row r="31295" spans="14:14">
      <c r="N31295" s="10"/>
    </row>
    <row r="31296" spans="14:14">
      <c r="N31296" s="10"/>
    </row>
    <row r="31297" spans="14:14">
      <c r="N31297" s="10"/>
    </row>
    <row r="31298" spans="14:14">
      <c r="N31298" s="10"/>
    </row>
    <row r="31299" spans="14:14">
      <c r="N31299" s="10"/>
    </row>
    <row r="31300" spans="14:14">
      <c r="N31300" s="10"/>
    </row>
    <row r="31301" spans="14:14">
      <c r="N31301" s="10"/>
    </row>
    <row r="31302" spans="14:14">
      <c r="N31302" s="10"/>
    </row>
    <row r="31303" spans="14:14">
      <c r="N31303" s="10"/>
    </row>
    <row r="31304" spans="14:14">
      <c r="N31304" s="10"/>
    </row>
    <row r="31305" spans="14:14">
      <c r="N31305" s="10"/>
    </row>
    <row r="31306" spans="14:14">
      <c r="N31306" s="10"/>
    </row>
    <row r="31307" spans="14:14">
      <c r="N31307" s="10"/>
    </row>
    <row r="31308" spans="14:14">
      <c r="N31308" s="10"/>
    </row>
    <row r="31309" spans="14:14">
      <c r="N31309" s="10"/>
    </row>
    <row r="31310" spans="14:14">
      <c r="N31310" s="10"/>
    </row>
    <row r="31311" spans="14:14">
      <c r="N31311" s="10"/>
    </row>
    <row r="31312" spans="14:14">
      <c r="N31312" s="10"/>
    </row>
    <row r="31313" spans="14:14">
      <c r="N31313" s="10"/>
    </row>
    <row r="31314" spans="14:14">
      <c r="N31314" s="10"/>
    </row>
    <row r="31315" spans="14:14">
      <c r="N31315" s="10"/>
    </row>
    <row r="31316" spans="14:14">
      <c r="N31316" s="10"/>
    </row>
    <row r="31317" spans="14:14">
      <c r="N31317" s="10"/>
    </row>
    <row r="31318" spans="14:14">
      <c r="N31318" s="10"/>
    </row>
    <row r="31319" spans="14:14">
      <c r="N31319" s="10"/>
    </row>
    <row r="31320" spans="14:14">
      <c r="N31320" s="10"/>
    </row>
    <row r="31321" spans="14:14">
      <c r="N31321" s="10"/>
    </row>
    <row r="31322" spans="14:14">
      <c r="N31322" s="10"/>
    </row>
    <row r="31323" spans="14:14">
      <c r="N31323" s="10"/>
    </row>
    <row r="31324" spans="14:14">
      <c r="N31324" s="10"/>
    </row>
    <row r="31325" spans="14:14">
      <c r="N31325" s="10"/>
    </row>
    <row r="31326" spans="14:14">
      <c r="N31326" s="10"/>
    </row>
    <row r="31327" spans="14:14">
      <c r="N31327" s="10"/>
    </row>
    <row r="31328" spans="14:14">
      <c r="N31328" s="10"/>
    </row>
    <row r="31329" spans="14:14">
      <c r="N31329" s="10"/>
    </row>
    <row r="31330" spans="14:14">
      <c r="N31330" s="10"/>
    </row>
    <row r="31331" spans="14:14">
      <c r="N31331" s="10"/>
    </row>
    <row r="31332" spans="14:14">
      <c r="N31332" s="10"/>
    </row>
    <row r="31333" spans="14:14">
      <c r="N31333" s="10"/>
    </row>
    <row r="31334" spans="14:14">
      <c r="N31334" s="10"/>
    </row>
    <row r="31335" spans="14:14">
      <c r="N31335" s="10"/>
    </row>
    <row r="31336" spans="14:14">
      <c r="N31336" s="10"/>
    </row>
    <row r="31337" spans="14:14">
      <c r="N31337" s="10"/>
    </row>
    <row r="31338" spans="14:14">
      <c r="N31338" s="10"/>
    </row>
    <row r="31339" spans="14:14">
      <c r="N31339" s="10"/>
    </row>
    <row r="31340" spans="14:14">
      <c r="N31340" s="10"/>
    </row>
    <row r="31341" spans="14:14">
      <c r="N31341" s="10"/>
    </row>
    <row r="31342" spans="14:14">
      <c r="N31342" s="10"/>
    </row>
    <row r="31343" spans="14:14">
      <c r="N31343" s="10"/>
    </row>
    <row r="31344" spans="14:14">
      <c r="N31344" s="10"/>
    </row>
    <row r="31345" spans="14:14">
      <c r="N31345" s="10"/>
    </row>
    <row r="31346" spans="14:14">
      <c r="N31346" s="10"/>
    </row>
    <row r="31347" spans="14:14">
      <c r="N31347" s="10"/>
    </row>
    <row r="31348" spans="14:14">
      <c r="N31348" s="10"/>
    </row>
    <row r="31349" spans="14:14">
      <c r="N31349" s="10"/>
    </row>
    <row r="31350" spans="14:14">
      <c r="N31350" s="10"/>
    </row>
    <row r="31351" spans="14:14">
      <c r="N31351" s="10"/>
    </row>
    <row r="31352" spans="14:14">
      <c r="N31352" s="10"/>
    </row>
    <row r="31353" spans="14:14">
      <c r="N31353" s="10"/>
    </row>
    <row r="31354" spans="14:14">
      <c r="N31354" s="10"/>
    </row>
    <row r="31355" spans="14:14">
      <c r="N31355" s="10"/>
    </row>
    <row r="31356" spans="14:14">
      <c r="N31356" s="10"/>
    </row>
    <row r="31357" spans="14:14">
      <c r="N31357" s="10"/>
    </row>
    <row r="31358" spans="14:14">
      <c r="N31358" s="10"/>
    </row>
    <row r="31359" spans="14:14">
      <c r="N31359" s="10"/>
    </row>
    <row r="31360" spans="14:14">
      <c r="N31360" s="10"/>
    </row>
    <row r="31361" spans="14:14">
      <c r="N31361" s="10"/>
    </row>
    <row r="31362" spans="14:14">
      <c r="N31362" s="10"/>
    </row>
    <row r="31363" spans="14:14">
      <c r="N31363" s="10"/>
    </row>
    <row r="31364" spans="14:14">
      <c r="N31364" s="10"/>
    </row>
    <row r="31365" spans="14:14">
      <c r="N31365" s="10"/>
    </row>
    <row r="31366" spans="14:14">
      <c r="N31366" s="10"/>
    </row>
    <row r="31367" spans="14:14">
      <c r="N31367" s="10"/>
    </row>
    <row r="31368" spans="14:14">
      <c r="N31368" s="10"/>
    </row>
    <row r="31369" spans="14:14">
      <c r="N31369" s="10"/>
    </row>
    <row r="31370" spans="14:14">
      <c r="N31370" s="10"/>
    </row>
    <row r="31371" spans="14:14">
      <c r="N31371" s="10"/>
    </row>
    <row r="31372" spans="14:14">
      <c r="N31372" s="10"/>
    </row>
    <row r="31373" spans="14:14">
      <c r="N31373" s="10"/>
    </row>
    <row r="31374" spans="14:14">
      <c r="N31374" s="10"/>
    </row>
    <row r="31375" spans="14:14">
      <c r="N31375" s="10"/>
    </row>
    <row r="31376" spans="14:14">
      <c r="N31376" s="10"/>
    </row>
    <row r="31377" spans="14:14">
      <c r="N31377" s="10"/>
    </row>
    <row r="31378" spans="14:14">
      <c r="N31378" s="10"/>
    </row>
    <row r="31379" spans="14:14">
      <c r="N31379" s="10"/>
    </row>
    <row r="31380" spans="14:14">
      <c r="N31380" s="10"/>
    </row>
    <row r="31381" spans="14:14">
      <c r="N31381" s="10"/>
    </row>
    <row r="31382" spans="14:14">
      <c r="N31382" s="10"/>
    </row>
    <row r="31383" spans="14:14">
      <c r="N31383" s="10"/>
    </row>
    <row r="31384" spans="14:14">
      <c r="N31384" s="10"/>
    </row>
    <row r="31385" spans="14:14">
      <c r="N31385" s="10"/>
    </row>
    <row r="31386" spans="14:14">
      <c r="N31386" s="10"/>
    </row>
    <row r="31387" spans="14:14">
      <c r="N31387" s="10"/>
    </row>
    <row r="31388" spans="14:14">
      <c r="N31388" s="10"/>
    </row>
    <row r="31389" spans="14:14">
      <c r="N31389" s="10"/>
    </row>
    <row r="31390" spans="14:14">
      <c r="N31390" s="10"/>
    </row>
    <row r="31391" spans="14:14">
      <c r="N31391" s="10"/>
    </row>
    <row r="31392" spans="14:14">
      <c r="N31392" s="10"/>
    </row>
    <row r="31393" spans="14:14">
      <c r="N31393" s="10"/>
    </row>
    <row r="31394" spans="14:14">
      <c r="N31394" s="10"/>
    </row>
    <row r="31395" spans="14:14">
      <c r="N31395" s="10"/>
    </row>
    <row r="31396" spans="14:14">
      <c r="N31396" s="10"/>
    </row>
    <row r="31397" spans="14:14">
      <c r="N31397" s="10"/>
    </row>
    <row r="31398" spans="14:14">
      <c r="N31398" s="10"/>
    </row>
    <row r="31399" spans="14:14">
      <c r="N31399" s="10"/>
    </row>
    <row r="31400" spans="14:14">
      <c r="N31400" s="10"/>
    </row>
    <row r="31401" spans="14:14">
      <c r="N31401" s="10"/>
    </row>
    <row r="31402" spans="14:14">
      <c r="N31402" s="10"/>
    </row>
    <row r="31403" spans="14:14">
      <c r="N31403" s="10"/>
    </row>
    <row r="31404" spans="14:14">
      <c r="N31404" s="10"/>
    </row>
    <row r="31405" spans="14:14">
      <c r="N31405" s="10"/>
    </row>
    <row r="31406" spans="14:14">
      <c r="N31406" s="10"/>
    </row>
    <row r="31407" spans="14:14">
      <c r="N31407" s="10"/>
    </row>
    <row r="31408" spans="14:14">
      <c r="N31408" s="10"/>
    </row>
    <row r="31409" spans="14:14">
      <c r="N31409" s="10"/>
    </row>
    <row r="31410" spans="14:14">
      <c r="N31410" s="10"/>
    </row>
    <row r="31411" spans="14:14">
      <c r="N31411" s="10"/>
    </row>
    <row r="31412" spans="14:14">
      <c r="N31412" s="10"/>
    </row>
    <row r="31413" spans="14:14">
      <c r="N31413" s="10"/>
    </row>
    <row r="31414" spans="14:14">
      <c r="N31414" s="10"/>
    </row>
    <row r="31415" spans="14:14">
      <c r="N31415" s="10"/>
    </row>
    <row r="31416" spans="14:14">
      <c r="N31416" s="10"/>
    </row>
    <row r="31417" spans="14:14">
      <c r="N31417" s="10"/>
    </row>
    <row r="31418" spans="14:14">
      <c r="N31418" s="10"/>
    </row>
    <row r="31419" spans="14:14">
      <c r="N31419" s="10"/>
    </row>
    <row r="31420" spans="14:14">
      <c r="N31420" s="10"/>
    </row>
    <row r="31421" spans="14:14">
      <c r="N31421" s="10"/>
    </row>
    <row r="31422" spans="14:14">
      <c r="N31422" s="10"/>
    </row>
    <row r="31423" spans="14:14">
      <c r="N31423" s="10"/>
    </row>
    <row r="31424" spans="14:14">
      <c r="N31424" s="10"/>
    </row>
    <row r="31425" spans="14:14">
      <c r="N31425" s="10"/>
    </row>
    <row r="31426" spans="14:14">
      <c r="N31426" s="10"/>
    </row>
    <row r="31427" spans="14:14">
      <c r="N31427" s="10"/>
    </row>
    <row r="31428" spans="14:14">
      <c r="N31428" s="10"/>
    </row>
    <row r="31429" spans="14:14">
      <c r="N31429" s="10"/>
    </row>
    <row r="31430" spans="14:14">
      <c r="N31430" s="10"/>
    </row>
    <row r="31431" spans="14:14">
      <c r="N31431" s="10"/>
    </row>
    <row r="31432" spans="14:14">
      <c r="N31432" s="10"/>
    </row>
    <row r="31433" spans="14:14">
      <c r="N31433" s="10"/>
    </row>
    <row r="31434" spans="14:14">
      <c r="N31434" s="10"/>
    </row>
    <row r="31435" spans="14:14">
      <c r="N31435" s="10"/>
    </row>
    <row r="31436" spans="14:14">
      <c r="N31436" s="10"/>
    </row>
    <row r="31437" spans="14:14">
      <c r="N31437" s="10"/>
    </row>
    <row r="31438" spans="14:14">
      <c r="N31438" s="10"/>
    </row>
    <row r="31439" spans="14:14">
      <c r="N31439" s="10"/>
    </row>
    <row r="31440" spans="14:14">
      <c r="N31440" s="10"/>
    </row>
    <row r="31441" spans="14:14">
      <c r="N31441" s="10"/>
    </row>
    <row r="31442" spans="14:14">
      <c r="N31442" s="10"/>
    </row>
    <row r="31443" spans="14:14">
      <c r="N31443" s="10"/>
    </row>
    <row r="31444" spans="14:14">
      <c r="N31444" s="10"/>
    </row>
    <row r="31445" spans="14:14">
      <c r="N31445" s="10"/>
    </row>
    <row r="31446" spans="14:14">
      <c r="N31446" s="10"/>
    </row>
    <row r="31447" spans="14:14">
      <c r="N31447" s="10"/>
    </row>
    <row r="31448" spans="14:14">
      <c r="N31448" s="10"/>
    </row>
    <row r="31449" spans="14:14">
      <c r="N31449" s="10"/>
    </row>
    <row r="31450" spans="14:14">
      <c r="N31450" s="10"/>
    </row>
    <row r="31451" spans="14:14">
      <c r="N31451" s="10"/>
    </row>
    <row r="31452" spans="14:14">
      <c r="N31452" s="10"/>
    </row>
    <row r="31453" spans="14:14">
      <c r="N31453" s="10"/>
    </row>
    <row r="31454" spans="14:14">
      <c r="N31454" s="10"/>
    </row>
    <row r="31455" spans="14:14">
      <c r="N31455" s="10"/>
    </row>
    <row r="31456" spans="14:14">
      <c r="N31456" s="10"/>
    </row>
    <row r="31457" spans="14:14">
      <c r="N31457" s="10"/>
    </row>
    <row r="31458" spans="14:14">
      <c r="N31458" s="10"/>
    </row>
    <row r="31459" spans="14:14">
      <c r="N31459" s="10"/>
    </row>
    <row r="31460" spans="14:14">
      <c r="N31460" s="10"/>
    </row>
    <row r="31461" spans="14:14">
      <c r="N31461" s="10"/>
    </row>
    <row r="31462" spans="14:14">
      <c r="N31462" s="10"/>
    </row>
    <row r="31463" spans="14:14">
      <c r="N31463" s="10"/>
    </row>
    <row r="31464" spans="14:14">
      <c r="N31464" s="10"/>
    </row>
    <row r="31465" spans="14:14">
      <c r="N31465" s="10"/>
    </row>
    <row r="31466" spans="14:14">
      <c r="N31466" s="10"/>
    </row>
    <row r="31467" spans="14:14">
      <c r="N31467" s="10"/>
    </row>
    <row r="31468" spans="14:14">
      <c r="N31468" s="10"/>
    </row>
    <row r="31469" spans="14:14">
      <c r="N31469" s="10"/>
    </row>
    <row r="31470" spans="14:14">
      <c r="N31470" s="10"/>
    </row>
    <row r="31471" spans="14:14">
      <c r="N31471" s="10"/>
    </row>
    <row r="31472" spans="14:14">
      <c r="N31472" s="10"/>
    </row>
    <row r="31473" spans="14:14">
      <c r="N31473" s="10"/>
    </row>
    <row r="31474" spans="14:14">
      <c r="N31474" s="10"/>
    </row>
    <row r="31475" spans="14:14">
      <c r="N31475" s="10"/>
    </row>
    <row r="31476" spans="14:14">
      <c r="N31476" s="10"/>
    </row>
    <row r="31477" spans="14:14">
      <c r="N31477" s="10"/>
    </row>
    <row r="31478" spans="14:14">
      <c r="N31478" s="10"/>
    </row>
    <row r="31479" spans="14:14">
      <c r="N31479" s="10"/>
    </row>
    <row r="31480" spans="14:14">
      <c r="N31480" s="10"/>
    </row>
    <row r="31481" spans="14:14">
      <c r="N31481" s="10"/>
    </row>
    <row r="31482" spans="14:14">
      <c r="N31482" s="10"/>
    </row>
    <row r="31483" spans="14:14">
      <c r="N31483" s="10"/>
    </row>
    <row r="31484" spans="14:14">
      <c r="N31484" s="10"/>
    </row>
    <row r="31485" spans="14:14">
      <c r="N31485" s="10"/>
    </row>
    <row r="31486" spans="14:14">
      <c r="N31486" s="10"/>
    </row>
    <row r="31487" spans="14:14">
      <c r="N31487" s="10"/>
    </row>
    <row r="31488" spans="14:14">
      <c r="N31488" s="10"/>
    </row>
    <row r="31489" spans="14:14">
      <c r="N31489" s="10"/>
    </row>
    <row r="31490" spans="14:14">
      <c r="N31490" s="10"/>
    </row>
    <row r="31491" spans="14:14">
      <c r="N31491" s="10"/>
    </row>
    <row r="31492" spans="14:14">
      <c r="N31492" s="10"/>
    </row>
    <row r="31493" spans="14:14">
      <c r="N31493" s="10"/>
    </row>
    <row r="31494" spans="14:14">
      <c r="N31494" s="10"/>
    </row>
    <row r="31495" spans="14:14">
      <c r="N31495" s="10"/>
    </row>
    <row r="31496" spans="14:14">
      <c r="N31496" s="10"/>
    </row>
    <row r="31497" spans="14:14">
      <c r="N31497" s="10"/>
    </row>
    <row r="31498" spans="14:14">
      <c r="N31498" s="10"/>
    </row>
    <row r="31499" spans="14:14">
      <c r="N31499" s="10"/>
    </row>
    <row r="31500" spans="14:14">
      <c r="N31500" s="10"/>
    </row>
    <row r="31501" spans="14:14">
      <c r="N31501" s="10"/>
    </row>
    <row r="31502" spans="14:14">
      <c r="N31502" s="10"/>
    </row>
    <row r="31503" spans="14:14">
      <c r="N31503" s="10"/>
    </row>
    <row r="31504" spans="14:14">
      <c r="N31504" s="10"/>
    </row>
    <row r="31505" spans="14:14">
      <c r="N31505" s="10"/>
    </row>
    <row r="31506" spans="14:14">
      <c r="N31506" s="10"/>
    </row>
    <row r="31507" spans="14:14">
      <c r="N31507" s="10"/>
    </row>
    <row r="31508" spans="14:14">
      <c r="N31508" s="10"/>
    </row>
    <row r="31509" spans="14:14">
      <c r="N31509" s="10"/>
    </row>
    <row r="31510" spans="14:14">
      <c r="N31510" s="10"/>
    </row>
    <row r="31511" spans="14:14">
      <c r="N31511" s="10"/>
    </row>
    <row r="31512" spans="14:14">
      <c r="N31512" s="10"/>
    </row>
    <row r="31513" spans="14:14">
      <c r="N31513" s="10"/>
    </row>
    <row r="31514" spans="14:14">
      <c r="N31514" s="10"/>
    </row>
    <row r="31515" spans="14:14">
      <c r="N31515" s="10"/>
    </row>
    <row r="31516" spans="14:14">
      <c r="N31516" s="10"/>
    </row>
    <row r="31517" spans="14:14">
      <c r="N31517" s="10"/>
    </row>
    <row r="31518" spans="14:14">
      <c r="N31518" s="10"/>
    </row>
    <row r="31519" spans="14:14">
      <c r="N31519" s="10"/>
    </row>
    <row r="31520" spans="14:14">
      <c r="N31520" s="10"/>
    </row>
    <row r="31521" spans="14:14">
      <c r="N31521" s="10"/>
    </row>
    <row r="31522" spans="14:14">
      <c r="N31522" s="10"/>
    </row>
    <row r="31523" spans="14:14">
      <c r="N31523" s="10"/>
    </row>
    <row r="31524" spans="14:14">
      <c r="N31524" s="10"/>
    </row>
    <row r="31525" spans="14:14">
      <c r="N31525" s="10"/>
    </row>
    <row r="31526" spans="14:14">
      <c r="N31526" s="10"/>
    </row>
    <row r="31527" spans="14:14">
      <c r="N31527" s="10"/>
    </row>
    <row r="31528" spans="14:14">
      <c r="N31528" s="10"/>
    </row>
    <row r="31529" spans="14:14">
      <c r="N31529" s="10"/>
    </row>
    <row r="31530" spans="14:14">
      <c r="N31530" s="10"/>
    </row>
    <row r="31531" spans="14:14">
      <c r="N31531" s="10"/>
    </row>
    <row r="31532" spans="14:14">
      <c r="N31532" s="10"/>
    </row>
    <row r="31533" spans="14:14">
      <c r="N31533" s="10"/>
    </row>
    <row r="31534" spans="14:14">
      <c r="N31534" s="10"/>
    </row>
    <row r="31535" spans="14:14">
      <c r="N31535" s="10"/>
    </row>
    <row r="31536" spans="14:14">
      <c r="N31536" s="10"/>
    </row>
    <row r="31537" spans="14:14">
      <c r="N31537" s="10"/>
    </row>
    <row r="31538" spans="14:14">
      <c r="N31538" s="10"/>
    </row>
    <row r="31539" spans="14:14">
      <c r="N31539" s="10"/>
    </row>
    <row r="31540" spans="14:14">
      <c r="N31540" s="10"/>
    </row>
    <row r="31541" spans="14:14">
      <c r="N31541" s="10"/>
    </row>
    <row r="31542" spans="14:14">
      <c r="N31542" s="10"/>
    </row>
    <row r="31543" spans="14:14">
      <c r="N31543" s="10"/>
    </row>
    <row r="31544" spans="14:14">
      <c r="N31544" s="10"/>
    </row>
    <row r="31545" spans="14:14">
      <c r="N31545" s="10"/>
    </row>
    <row r="31546" spans="14:14">
      <c r="N31546" s="10"/>
    </row>
    <row r="31547" spans="14:14">
      <c r="N31547" s="10"/>
    </row>
    <row r="31548" spans="14:14">
      <c r="N31548" s="10"/>
    </row>
    <row r="31549" spans="14:14">
      <c r="N31549" s="10"/>
    </row>
    <row r="31550" spans="14:14">
      <c r="N31550" s="10"/>
    </row>
    <row r="31551" spans="14:14">
      <c r="N31551" s="10"/>
    </row>
    <row r="31552" spans="14:14">
      <c r="N31552" s="10"/>
    </row>
    <row r="31553" spans="14:14">
      <c r="N31553" s="10"/>
    </row>
    <row r="31554" spans="14:14">
      <c r="N31554" s="10"/>
    </row>
    <row r="31555" spans="14:14">
      <c r="N31555" s="10"/>
    </row>
    <row r="31556" spans="14:14">
      <c r="N31556" s="10"/>
    </row>
    <row r="31557" spans="14:14">
      <c r="N31557" s="10"/>
    </row>
    <row r="31558" spans="14:14">
      <c r="N31558" s="10"/>
    </row>
    <row r="31559" spans="14:14">
      <c r="N31559" s="10"/>
    </row>
    <row r="31560" spans="14:14">
      <c r="N31560" s="10"/>
    </row>
    <row r="31561" spans="14:14">
      <c r="N31561" s="10"/>
    </row>
    <row r="31562" spans="14:14">
      <c r="N31562" s="10"/>
    </row>
    <row r="31563" spans="14:14">
      <c r="N31563" s="10"/>
    </row>
    <row r="31564" spans="14:14">
      <c r="N31564" s="10"/>
    </row>
    <row r="31565" spans="14:14">
      <c r="N31565" s="10"/>
    </row>
    <row r="31566" spans="14:14">
      <c r="N31566" s="10"/>
    </row>
    <row r="31567" spans="14:14">
      <c r="N31567" s="10"/>
    </row>
    <row r="31568" spans="14:14">
      <c r="N31568" s="10"/>
    </row>
    <row r="31569" spans="14:14">
      <c r="N31569" s="10"/>
    </row>
    <row r="31570" spans="14:14">
      <c r="N31570" s="10"/>
    </row>
    <row r="31571" spans="14:14">
      <c r="N31571" s="10"/>
    </row>
    <row r="31572" spans="14:14">
      <c r="N31572" s="10"/>
    </row>
    <row r="31573" spans="14:14">
      <c r="N31573" s="10"/>
    </row>
    <row r="31574" spans="14:14">
      <c r="N31574" s="10"/>
    </row>
    <row r="31575" spans="14:14">
      <c r="N31575" s="10"/>
    </row>
    <row r="31576" spans="14:14">
      <c r="N31576" s="10"/>
    </row>
    <row r="31577" spans="14:14">
      <c r="N31577" s="10"/>
    </row>
    <row r="31578" spans="14:14">
      <c r="N31578" s="10"/>
    </row>
    <row r="31579" spans="14:14">
      <c r="N31579" s="10"/>
    </row>
    <row r="31580" spans="14:14">
      <c r="N31580" s="10"/>
    </row>
    <row r="31581" spans="14:14">
      <c r="N31581" s="10"/>
    </row>
    <row r="31582" spans="14:14">
      <c r="N31582" s="10"/>
    </row>
    <row r="31583" spans="14:14">
      <c r="N31583" s="10"/>
    </row>
    <row r="31584" spans="14:14">
      <c r="N31584" s="10"/>
    </row>
    <row r="31585" spans="14:14">
      <c r="N31585" s="10"/>
    </row>
    <row r="31586" spans="14:14">
      <c r="N31586" s="10"/>
    </row>
    <row r="31587" spans="14:14">
      <c r="N31587" s="10"/>
    </row>
    <row r="31588" spans="14:14">
      <c r="N31588" s="10"/>
    </row>
    <row r="31589" spans="14:14">
      <c r="N31589" s="10"/>
    </row>
    <row r="31590" spans="14:14">
      <c r="N31590" s="10"/>
    </row>
    <row r="31591" spans="14:14">
      <c r="N31591" s="10"/>
    </row>
    <row r="31592" spans="14:14">
      <c r="N31592" s="10"/>
    </row>
    <row r="31593" spans="14:14">
      <c r="N31593" s="10"/>
    </row>
    <row r="31594" spans="14:14">
      <c r="N31594" s="10"/>
    </row>
    <row r="31595" spans="14:14">
      <c r="N31595" s="10"/>
    </row>
    <row r="31596" spans="14:14">
      <c r="N31596" s="10"/>
    </row>
    <row r="31597" spans="14:14">
      <c r="N31597" s="10"/>
    </row>
    <row r="31598" spans="14:14">
      <c r="N31598" s="10"/>
    </row>
    <row r="31599" spans="14:14">
      <c r="N31599" s="10"/>
    </row>
    <row r="31600" spans="14:14">
      <c r="N31600" s="10"/>
    </row>
    <row r="31601" spans="14:14">
      <c r="N31601" s="10"/>
    </row>
    <row r="31602" spans="14:14">
      <c r="N31602" s="10"/>
    </row>
    <row r="31603" spans="14:14">
      <c r="N31603" s="10"/>
    </row>
    <row r="31604" spans="14:14">
      <c r="N31604" s="10"/>
    </row>
    <row r="31605" spans="14:14">
      <c r="N31605" s="10"/>
    </row>
    <row r="31606" spans="14:14">
      <c r="N31606" s="10"/>
    </row>
    <row r="31607" spans="14:14">
      <c r="N31607" s="10"/>
    </row>
    <row r="31608" spans="14:14">
      <c r="N31608" s="10"/>
    </row>
    <row r="31609" spans="14:14">
      <c r="N31609" s="10"/>
    </row>
    <row r="31610" spans="14:14">
      <c r="N31610" s="10"/>
    </row>
    <row r="31611" spans="14:14">
      <c r="N31611" s="10"/>
    </row>
    <row r="31612" spans="14:14">
      <c r="N31612" s="10"/>
    </row>
    <row r="31613" spans="14:14">
      <c r="N31613" s="10"/>
    </row>
    <row r="31614" spans="14:14">
      <c r="N31614" s="10"/>
    </row>
    <row r="31615" spans="14:14">
      <c r="N31615" s="10"/>
    </row>
    <row r="31616" spans="14:14">
      <c r="N31616" s="10"/>
    </row>
    <row r="31617" spans="14:14">
      <c r="N31617" s="10"/>
    </row>
    <row r="31618" spans="14:14">
      <c r="N31618" s="10"/>
    </row>
    <row r="31619" spans="14:14">
      <c r="N31619" s="10"/>
    </row>
    <row r="31620" spans="14:14">
      <c r="N31620" s="10"/>
    </row>
    <row r="31621" spans="14:14">
      <c r="N31621" s="10"/>
    </row>
    <row r="31622" spans="14:14">
      <c r="N31622" s="10"/>
    </row>
    <row r="31623" spans="14:14">
      <c r="N31623" s="10"/>
    </row>
    <row r="31624" spans="14:14">
      <c r="N31624" s="10"/>
    </row>
    <row r="31625" spans="14:14">
      <c r="N31625" s="10"/>
    </row>
    <row r="31626" spans="14:14">
      <c r="N31626" s="10"/>
    </row>
    <row r="31627" spans="14:14">
      <c r="N31627" s="10"/>
    </row>
    <row r="31628" spans="14:14">
      <c r="N31628" s="10"/>
    </row>
    <row r="31629" spans="14:14">
      <c r="N31629" s="10"/>
    </row>
    <row r="31630" spans="14:14">
      <c r="N31630" s="10"/>
    </row>
    <row r="31631" spans="14:14">
      <c r="N31631" s="10"/>
    </row>
    <row r="31632" spans="14:14">
      <c r="N31632" s="10"/>
    </row>
    <row r="31633" spans="14:14">
      <c r="N31633" s="10"/>
    </row>
    <row r="31634" spans="14:14">
      <c r="N31634" s="10"/>
    </row>
    <row r="31635" spans="14:14">
      <c r="N31635" s="10"/>
    </row>
    <row r="31636" spans="14:14">
      <c r="N31636" s="10"/>
    </row>
    <row r="31637" spans="14:14">
      <c r="N31637" s="10"/>
    </row>
    <row r="31638" spans="14:14">
      <c r="N31638" s="10"/>
    </row>
    <row r="31639" spans="14:14">
      <c r="N31639" s="10"/>
    </row>
    <row r="31640" spans="14:14">
      <c r="N31640" s="10"/>
    </row>
    <row r="31641" spans="14:14">
      <c r="N31641" s="10"/>
    </row>
    <row r="31642" spans="14:14">
      <c r="N31642" s="10"/>
    </row>
    <row r="31643" spans="14:14">
      <c r="N31643" s="10"/>
    </row>
    <row r="31644" spans="14:14">
      <c r="N31644" s="10"/>
    </row>
    <row r="31645" spans="14:14">
      <c r="N31645" s="10"/>
    </row>
    <row r="31646" spans="14:14">
      <c r="N31646" s="10"/>
    </row>
    <row r="31647" spans="14:14">
      <c r="N31647" s="10"/>
    </row>
    <row r="31648" spans="14:14">
      <c r="N31648" s="10"/>
    </row>
    <row r="31649" spans="14:14">
      <c r="N31649" s="10"/>
    </row>
    <row r="31650" spans="14:14">
      <c r="N31650" s="10"/>
    </row>
    <row r="31651" spans="14:14">
      <c r="N31651" s="10"/>
    </row>
    <row r="31652" spans="14:14">
      <c r="N31652" s="10"/>
    </row>
    <row r="31653" spans="14:14">
      <c r="N31653" s="10"/>
    </row>
    <row r="31654" spans="14:14">
      <c r="N31654" s="10"/>
    </row>
    <row r="31655" spans="14:14">
      <c r="N31655" s="10"/>
    </row>
    <row r="31656" spans="14:14">
      <c r="N31656" s="10"/>
    </row>
    <row r="31657" spans="14:14">
      <c r="N31657" s="10"/>
    </row>
    <row r="31658" spans="14:14">
      <c r="N31658" s="10"/>
    </row>
    <row r="31659" spans="14:14">
      <c r="N31659" s="10"/>
    </row>
    <row r="31660" spans="14:14">
      <c r="N31660" s="10"/>
    </row>
    <row r="31661" spans="14:14">
      <c r="N31661" s="10"/>
    </row>
    <row r="31662" spans="14:14">
      <c r="N31662" s="10"/>
    </row>
    <row r="31663" spans="14:14">
      <c r="N31663" s="10"/>
    </row>
    <row r="31664" spans="14:14">
      <c r="N31664" s="10"/>
    </row>
    <row r="31665" spans="14:14">
      <c r="N31665" s="10"/>
    </row>
    <row r="31666" spans="14:14">
      <c r="N31666" s="10"/>
    </row>
    <row r="31667" spans="14:14">
      <c r="N31667" s="10"/>
    </row>
    <row r="31668" spans="14:14">
      <c r="N31668" s="10"/>
    </row>
    <row r="31669" spans="14:14">
      <c r="N31669" s="10"/>
    </row>
    <row r="31670" spans="14:14">
      <c r="N31670" s="10"/>
    </row>
    <row r="31671" spans="14:14">
      <c r="N31671" s="10"/>
    </row>
    <row r="31672" spans="14:14">
      <c r="N31672" s="10"/>
    </row>
    <row r="31673" spans="14:14">
      <c r="N31673" s="10"/>
    </row>
    <row r="31674" spans="14:14">
      <c r="N31674" s="10"/>
    </row>
    <row r="31675" spans="14:14">
      <c r="N31675" s="10"/>
    </row>
    <row r="31676" spans="14:14">
      <c r="N31676" s="10"/>
    </row>
    <row r="31677" spans="14:14">
      <c r="N31677" s="10"/>
    </row>
    <row r="31678" spans="14:14">
      <c r="N31678" s="10"/>
    </row>
    <row r="31679" spans="14:14">
      <c r="N31679" s="10"/>
    </row>
    <row r="31680" spans="14:14">
      <c r="N31680" s="10"/>
    </row>
    <row r="31681" spans="14:14">
      <c r="N31681" s="10"/>
    </row>
    <row r="31682" spans="14:14">
      <c r="N31682" s="10"/>
    </row>
    <row r="31683" spans="14:14">
      <c r="N31683" s="10"/>
    </row>
    <row r="31684" spans="14:14">
      <c r="N31684" s="10"/>
    </row>
    <row r="31685" spans="14:14">
      <c r="N31685" s="10"/>
    </row>
    <row r="31686" spans="14:14">
      <c r="N31686" s="10"/>
    </row>
    <row r="31687" spans="14:14">
      <c r="N31687" s="10"/>
    </row>
    <row r="31688" spans="14:14">
      <c r="N31688" s="10"/>
    </row>
    <row r="31689" spans="14:14">
      <c r="N31689" s="10"/>
    </row>
    <row r="31690" spans="14:14">
      <c r="N31690" s="10"/>
    </row>
    <row r="31691" spans="14:14">
      <c r="N31691" s="10"/>
    </row>
    <row r="31692" spans="14:14">
      <c r="N31692" s="10"/>
    </row>
    <row r="31693" spans="14:14">
      <c r="N31693" s="10"/>
    </row>
    <row r="31694" spans="14:14">
      <c r="N31694" s="10"/>
    </row>
    <row r="31695" spans="14:14">
      <c r="N31695" s="10"/>
    </row>
    <row r="31696" spans="14:14">
      <c r="N31696" s="10"/>
    </row>
    <row r="31697" spans="14:14">
      <c r="N31697" s="10"/>
    </row>
    <row r="31698" spans="14:14">
      <c r="N31698" s="10"/>
    </row>
    <row r="31699" spans="14:14">
      <c r="N31699" s="10"/>
    </row>
    <row r="31700" spans="14:14">
      <c r="N31700" s="10"/>
    </row>
    <row r="31701" spans="14:14">
      <c r="N31701" s="10"/>
    </row>
    <row r="31702" spans="14:14">
      <c r="N31702" s="10"/>
    </row>
    <row r="31703" spans="14:14">
      <c r="N31703" s="10"/>
    </row>
    <row r="31704" spans="14:14">
      <c r="N31704" s="10"/>
    </row>
    <row r="31705" spans="14:14">
      <c r="N31705" s="10"/>
    </row>
    <row r="31706" spans="14:14">
      <c r="N31706" s="10"/>
    </row>
    <row r="31707" spans="14:14">
      <c r="N31707" s="10"/>
    </row>
    <row r="31708" spans="14:14">
      <c r="N31708" s="10"/>
    </row>
    <row r="31709" spans="14:14">
      <c r="N31709" s="10"/>
    </row>
    <row r="31710" spans="14:14">
      <c r="N31710" s="10"/>
    </row>
    <row r="31711" spans="14:14">
      <c r="N31711" s="10"/>
    </row>
    <row r="31712" spans="14:14">
      <c r="N31712" s="10"/>
    </row>
    <row r="31713" spans="14:14">
      <c r="N31713" s="10"/>
    </row>
    <row r="31714" spans="14:14">
      <c r="N31714" s="10"/>
    </row>
    <row r="31715" spans="14:14">
      <c r="N31715" s="10"/>
    </row>
    <row r="31716" spans="14:14">
      <c r="N31716" s="10"/>
    </row>
    <row r="31717" spans="14:14">
      <c r="N31717" s="10"/>
    </row>
    <row r="31718" spans="14:14">
      <c r="N31718" s="10"/>
    </row>
    <row r="31719" spans="14:14">
      <c r="N31719" s="10"/>
    </row>
    <row r="31720" spans="14:14">
      <c r="N31720" s="10"/>
    </row>
    <row r="31721" spans="14:14">
      <c r="N31721" s="10"/>
    </row>
    <row r="31722" spans="14:14">
      <c r="N31722" s="10"/>
    </row>
    <row r="31723" spans="14:14">
      <c r="N31723" s="10"/>
    </row>
    <row r="31724" spans="14:14">
      <c r="N31724" s="10"/>
    </row>
    <row r="31725" spans="14:14">
      <c r="N31725" s="10"/>
    </row>
    <row r="31726" spans="14:14">
      <c r="N31726" s="10"/>
    </row>
    <row r="31727" spans="14:14">
      <c r="N31727" s="10"/>
    </row>
    <row r="31728" spans="14:14">
      <c r="N31728" s="10"/>
    </row>
    <row r="31729" spans="14:14">
      <c r="N31729" s="10"/>
    </row>
    <row r="31730" spans="14:14">
      <c r="N31730" s="10"/>
    </row>
    <row r="31731" spans="14:14">
      <c r="N31731" s="10"/>
    </row>
    <row r="31732" spans="14:14">
      <c r="N31732" s="10"/>
    </row>
    <row r="31733" spans="14:14">
      <c r="N31733" s="10"/>
    </row>
    <row r="31734" spans="14:14">
      <c r="N31734" s="10"/>
    </row>
    <row r="31735" spans="14:14">
      <c r="N31735" s="10"/>
    </row>
    <row r="31736" spans="14:14">
      <c r="N31736" s="10"/>
    </row>
    <row r="31737" spans="14:14">
      <c r="N31737" s="10"/>
    </row>
    <row r="31738" spans="14:14">
      <c r="N31738" s="10"/>
    </row>
    <row r="31739" spans="14:14">
      <c r="N31739" s="10"/>
    </row>
    <row r="31740" spans="14:14">
      <c r="N31740" s="10"/>
    </row>
    <row r="31741" spans="14:14">
      <c r="N31741" s="10"/>
    </row>
    <row r="31742" spans="14:14">
      <c r="N31742" s="10"/>
    </row>
    <row r="31743" spans="14:14">
      <c r="N31743" s="10"/>
    </row>
    <row r="31744" spans="14:14">
      <c r="N31744" s="10"/>
    </row>
    <row r="31745" spans="14:14">
      <c r="N31745" s="10"/>
    </row>
    <row r="31746" spans="14:14">
      <c r="N31746" s="10"/>
    </row>
    <row r="31747" spans="14:14">
      <c r="N31747" s="10"/>
    </row>
    <row r="31748" spans="14:14">
      <c r="N31748" s="10"/>
    </row>
    <row r="31749" spans="14:14">
      <c r="N31749" s="10"/>
    </row>
    <row r="31750" spans="14:14">
      <c r="N31750" s="10"/>
    </row>
    <row r="31751" spans="14:14">
      <c r="N31751" s="10"/>
    </row>
    <row r="31752" spans="14:14">
      <c r="N31752" s="10"/>
    </row>
    <row r="31753" spans="14:14">
      <c r="N31753" s="10"/>
    </row>
    <row r="31754" spans="14:14">
      <c r="N31754" s="10"/>
    </row>
    <row r="31755" spans="14:14">
      <c r="N31755" s="10"/>
    </row>
    <row r="31756" spans="14:14">
      <c r="N31756" s="10"/>
    </row>
    <row r="31757" spans="14:14">
      <c r="N31757" s="10"/>
    </row>
    <row r="31758" spans="14:14">
      <c r="N31758" s="10"/>
    </row>
    <row r="31759" spans="14:14">
      <c r="N31759" s="10"/>
    </row>
    <row r="31760" spans="14:14">
      <c r="N31760" s="10"/>
    </row>
    <row r="31761" spans="14:14">
      <c r="N31761" s="10"/>
    </row>
    <row r="31762" spans="14:14">
      <c r="N31762" s="10"/>
    </row>
    <row r="31763" spans="14:14">
      <c r="N31763" s="10"/>
    </row>
    <row r="31764" spans="14:14">
      <c r="N31764" s="10"/>
    </row>
    <row r="31765" spans="14:14">
      <c r="N31765" s="10"/>
    </row>
    <row r="31766" spans="14:14">
      <c r="N31766" s="10"/>
    </row>
    <row r="31767" spans="14:14">
      <c r="N31767" s="10"/>
    </row>
    <row r="31768" spans="14:14">
      <c r="N31768" s="10"/>
    </row>
    <row r="31769" spans="14:14">
      <c r="N31769" s="10"/>
    </row>
    <row r="31770" spans="14:14">
      <c r="N31770" s="10"/>
    </row>
    <row r="31771" spans="14:14">
      <c r="N31771" s="10"/>
    </row>
    <row r="31772" spans="14:14">
      <c r="N31772" s="10"/>
    </row>
    <row r="31773" spans="14:14">
      <c r="N31773" s="10"/>
    </row>
    <row r="31774" spans="14:14">
      <c r="N31774" s="10"/>
    </row>
    <row r="31775" spans="14:14">
      <c r="N31775" s="10"/>
    </row>
    <row r="31776" spans="14:14">
      <c r="N31776" s="10"/>
    </row>
    <row r="31777" spans="14:14">
      <c r="N31777" s="10"/>
    </row>
    <row r="31778" spans="14:14">
      <c r="N31778" s="10"/>
    </row>
    <row r="31779" spans="14:14">
      <c r="N31779" s="10"/>
    </row>
    <row r="31780" spans="14:14">
      <c r="N31780" s="10"/>
    </row>
    <row r="31781" spans="14:14">
      <c r="N31781" s="10"/>
    </row>
    <row r="31782" spans="14:14">
      <c r="N31782" s="10"/>
    </row>
    <row r="31783" spans="14:14">
      <c r="N31783" s="10"/>
    </row>
    <row r="31784" spans="14:14">
      <c r="N31784" s="10"/>
    </row>
    <row r="31785" spans="14:14">
      <c r="N31785" s="10"/>
    </row>
    <row r="31786" spans="14:14">
      <c r="N31786" s="10"/>
    </row>
    <row r="31787" spans="14:14">
      <c r="N31787" s="10"/>
    </row>
    <row r="31788" spans="14:14">
      <c r="N31788" s="10"/>
    </row>
    <row r="31789" spans="14:14">
      <c r="N31789" s="10"/>
    </row>
    <row r="31790" spans="14:14">
      <c r="N31790" s="10"/>
    </row>
    <row r="31791" spans="14:14">
      <c r="N31791" s="10"/>
    </row>
    <row r="31792" spans="14:14">
      <c r="N31792" s="10"/>
    </row>
    <row r="31793" spans="14:14">
      <c r="N31793" s="10"/>
    </row>
    <row r="31794" spans="14:14">
      <c r="N31794" s="10"/>
    </row>
    <row r="31795" spans="14:14">
      <c r="N31795" s="10"/>
    </row>
    <row r="31796" spans="14:14">
      <c r="N31796" s="10"/>
    </row>
    <row r="31797" spans="14:14">
      <c r="N31797" s="10"/>
    </row>
    <row r="31798" spans="14:14">
      <c r="N31798" s="10"/>
    </row>
    <row r="31799" spans="14:14">
      <c r="N31799" s="10"/>
    </row>
    <row r="31800" spans="14:14">
      <c r="N31800" s="10"/>
    </row>
    <row r="31801" spans="14:14">
      <c r="N31801" s="10"/>
    </row>
    <row r="31802" spans="14:14">
      <c r="N31802" s="10"/>
    </row>
    <row r="31803" spans="14:14">
      <c r="N31803" s="10"/>
    </row>
    <row r="31804" spans="14:14">
      <c r="N31804" s="10"/>
    </row>
    <row r="31805" spans="14:14">
      <c r="N31805" s="10"/>
    </row>
    <row r="31806" spans="14:14">
      <c r="N31806" s="10"/>
    </row>
    <row r="31807" spans="14:14">
      <c r="N31807" s="10"/>
    </row>
    <row r="31808" spans="14:14">
      <c r="N31808" s="10"/>
    </row>
    <row r="31809" spans="14:14">
      <c r="N31809" s="10"/>
    </row>
    <row r="31810" spans="14:14">
      <c r="N31810" s="10"/>
    </row>
    <row r="31811" spans="14:14">
      <c r="N31811" s="10"/>
    </row>
    <row r="31812" spans="14:14">
      <c r="N31812" s="10"/>
    </row>
    <row r="31813" spans="14:14">
      <c r="N31813" s="10"/>
    </row>
    <row r="31814" spans="14:14">
      <c r="N31814" s="10"/>
    </row>
    <row r="31815" spans="14:14">
      <c r="N31815" s="10"/>
    </row>
    <row r="31816" spans="14:14">
      <c r="N31816" s="10"/>
    </row>
    <row r="31817" spans="14:14">
      <c r="N31817" s="10"/>
    </row>
    <row r="31818" spans="14:14">
      <c r="N31818" s="10"/>
    </row>
    <row r="31819" spans="14:14">
      <c r="N31819" s="10"/>
    </row>
    <row r="31820" spans="14:14">
      <c r="N31820" s="10"/>
    </row>
    <row r="31821" spans="14:14">
      <c r="N31821" s="10"/>
    </row>
    <row r="31822" spans="14:14">
      <c r="N31822" s="10"/>
    </row>
    <row r="31823" spans="14:14">
      <c r="N31823" s="10"/>
    </row>
    <row r="31824" spans="14:14">
      <c r="N31824" s="10"/>
    </row>
    <row r="31825" spans="14:14">
      <c r="N31825" s="10"/>
    </row>
    <row r="31826" spans="14:14">
      <c r="N31826" s="10"/>
    </row>
    <row r="31827" spans="14:14">
      <c r="N31827" s="10"/>
    </row>
    <row r="31828" spans="14:14">
      <c r="N31828" s="10"/>
    </row>
    <row r="31829" spans="14:14">
      <c r="N31829" s="10"/>
    </row>
    <row r="31830" spans="14:14">
      <c r="N31830" s="10"/>
    </row>
    <row r="31831" spans="14:14">
      <c r="N31831" s="10"/>
    </row>
    <row r="31832" spans="14:14">
      <c r="N31832" s="10"/>
    </row>
    <row r="31833" spans="14:14">
      <c r="N31833" s="10"/>
    </row>
    <row r="31834" spans="14:14">
      <c r="N31834" s="10"/>
    </row>
    <row r="31835" spans="14:14">
      <c r="N31835" s="10"/>
    </row>
    <row r="31836" spans="14:14">
      <c r="N31836" s="10"/>
    </row>
    <row r="31837" spans="14:14">
      <c r="N31837" s="10"/>
    </row>
    <row r="31838" spans="14:14">
      <c r="N31838" s="10"/>
    </row>
    <row r="31839" spans="14:14">
      <c r="N31839" s="10"/>
    </row>
    <row r="31840" spans="14:14">
      <c r="N31840" s="10"/>
    </row>
    <row r="31841" spans="14:14">
      <c r="N31841" s="10"/>
    </row>
    <row r="31842" spans="14:14">
      <c r="N31842" s="10"/>
    </row>
    <row r="31843" spans="14:14">
      <c r="N31843" s="10"/>
    </row>
    <row r="31844" spans="14:14">
      <c r="N31844" s="10"/>
    </row>
    <row r="31845" spans="14:14">
      <c r="N31845" s="10"/>
    </row>
    <row r="31846" spans="14:14">
      <c r="N31846" s="10"/>
    </row>
    <row r="31847" spans="14:14">
      <c r="N31847" s="10"/>
    </row>
    <row r="31848" spans="14:14">
      <c r="N31848" s="10"/>
    </row>
    <row r="31849" spans="14:14">
      <c r="N31849" s="10"/>
    </row>
    <row r="31850" spans="14:14">
      <c r="N31850" s="10"/>
    </row>
    <row r="31851" spans="14:14">
      <c r="N31851" s="10"/>
    </row>
    <row r="31852" spans="14:14">
      <c r="N31852" s="10"/>
    </row>
    <row r="31853" spans="14:14">
      <c r="N31853" s="10"/>
    </row>
    <row r="31854" spans="14:14">
      <c r="N31854" s="10"/>
    </row>
    <row r="31855" spans="14:14">
      <c r="N31855" s="10"/>
    </row>
    <row r="31856" spans="14:14">
      <c r="N31856" s="10"/>
    </row>
    <row r="31857" spans="14:14">
      <c r="N31857" s="10"/>
    </row>
    <row r="31858" spans="14:14">
      <c r="N31858" s="10"/>
    </row>
    <row r="31859" spans="14:14">
      <c r="N31859" s="10"/>
    </row>
    <row r="31860" spans="14:14">
      <c r="N31860" s="10"/>
    </row>
    <row r="31861" spans="14:14">
      <c r="N31861" s="10"/>
    </row>
    <row r="31862" spans="14:14">
      <c r="N31862" s="10"/>
    </row>
    <row r="31863" spans="14:14">
      <c r="N31863" s="10"/>
    </row>
    <row r="31864" spans="14:14">
      <c r="N31864" s="10"/>
    </row>
    <row r="31865" spans="14:14">
      <c r="N31865" s="10"/>
    </row>
    <row r="31866" spans="14:14">
      <c r="N31866" s="10"/>
    </row>
    <row r="31867" spans="14:14">
      <c r="N31867" s="10"/>
    </row>
    <row r="31868" spans="14:14">
      <c r="N31868" s="10"/>
    </row>
    <row r="31869" spans="14:14">
      <c r="N31869" s="10"/>
    </row>
    <row r="31870" spans="14:14">
      <c r="N31870" s="10"/>
    </row>
    <row r="31871" spans="14:14">
      <c r="N31871" s="10"/>
    </row>
    <row r="31872" spans="14:14">
      <c r="N31872" s="10"/>
    </row>
    <row r="31873" spans="14:14">
      <c r="N31873" s="10"/>
    </row>
    <row r="31874" spans="14:14">
      <c r="N31874" s="10"/>
    </row>
    <row r="31875" spans="14:14">
      <c r="N31875" s="10"/>
    </row>
    <row r="31876" spans="14:14">
      <c r="N31876" s="10"/>
    </row>
    <row r="31877" spans="14:14">
      <c r="N31877" s="10"/>
    </row>
    <row r="31878" spans="14:14">
      <c r="N31878" s="10"/>
    </row>
    <row r="31879" spans="14:14">
      <c r="N31879" s="10"/>
    </row>
    <row r="31880" spans="14:14">
      <c r="N31880" s="10"/>
    </row>
    <row r="31881" spans="14:14">
      <c r="N31881" s="10"/>
    </row>
    <row r="31882" spans="14:14">
      <c r="N31882" s="10"/>
    </row>
    <row r="31883" spans="14:14">
      <c r="N31883" s="10"/>
    </row>
    <row r="31884" spans="14:14">
      <c r="N31884" s="10"/>
    </row>
    <row r="31885" spans="14:14">
      <c r="N31885" s="10"/>
    </row>
    <row r="31886" spans="14:14">
      <c r="N31886" s="10"/>
    </row>
    <row r="31887" spans="14:14">
      <c r="N31887" s="10"/>
    </row>
    <row r="31888" spans="14:14">
      <c r="N31888" s="10"/>
    </row>
    <row r="31889" spans="14:14">
      <c r="N31889" s="10"/>
    </row>
    <row r="31890" spans="14:14">
      <c r="N31890" s="10"/>
    </row>
    <row r="31891" spans="14:14">
      <c r="N31891" s="10"/>
    </row>
    <row r="31892" spans="14:14">
      <c r="N31892" s="10"/>
    </row>
    <row r="31893" spans="14:14">
      <c r="N31893" s="10"/>
    </row>
    <row r="31894" spans="14:14">
      <c r="N31894" s="10"/>
    </row>
    <row r="31895" spans="14:14">
      <c r="N31895" s="10"/>
    </row>
    <row r="31896" spans="14:14">
      <c r="N31896" s="10"/>
    </row>
    <row r="31897" spans="14:14">
      <c r="N31897" s="10"/>
    </row>
    <row r="31898" spans="14:14">
      <c r="N31898" s="10"/>
    </row>
    <row r="31899" spans="14:14">
      <c r="N31899" s="10"/>
    </row>
    <row r="31900" spans="14:14">
      <c r="N31900" s="10"/>
    </row>
    <row r="31901" spans="14:14">
      <c r="N31901" s="10"/>
    </row>
    <row r="31902" spans="14:14">
      <c r="N31902" s="10"/>
    </row>
    <row r="31903" spans="14:14">
      <c r="N31903" s="10"/>
    </row>
    <row r="31904" spans="14:14">
      <c r="N31904" s="10"/>
    </row>
    <row r="31905" spans="14:14">
      <c r="N31905" s="10"/>
    </row>
    <row r="31906" spans="14:14">
      <c r="N31906" s="10"/>
    </row>
    <row r="31907" spans="14:14">
      <c r="N31907" s="10"/>
    </row>
    <row r="31908" spans="14:14">
      <c r="N31908" s="10"/>
    </row>
    <row r="31909" spans="14:14">
      <c r="N31909" s="10"/>
    </row>
    <row r="31910" spans="14:14">
      <c r="N31910" s="10"/>
    </row>
    <row r="31911" spans="14:14">
      <c r="N31911" s="10"/>
    </row>
    <row r="31912" spans="14:14">
      <c r="N31912" s="10"/>
    </row>
    <row r="31913" spans="14:14">
      <c r="N31913" s="10"/>
    </row>
    <row r="31914" spans="14:14">
      <c r="N31914" s="10"/>
    </row>
    <row r="31915" spans="14:14">
      <c r="N31915" s="10"/>
    </row>
    <row r="31916" spans="14:14">
      <c r="N31916" s="10"/>
    </row>
    <row r="31917" spans="14:14">
      <c r="N31917" s="10"/>
    </row>
    <row r="31918" spans="14:14">
      <c r="N31918" s="10"/>
    </row>
    <row r="31919" spans="14:14">
      <c r="N31919" s="10"/>
    </row>
    <row r="31920" spans="14:14">
      <c r="N31920" s="10"/>
    </row>
    <row r="31921" spans="14:14">
      <c r="N31921" s="10"/>
    </row>
    <row r="31922" spans="14:14">
      <c r="N31922" s="10"/>
    </row>
    <row r="31923" spans="14:14">
      <c r="N31923" s="10"/>
    </row>
    <row r="31924" spans="14:14">
      <c r="N31924" s="10"/>
    </row>
    <row r="31925" spans="14:14">
      <c r="N31925" s="10"/>
    </row>
    <row r="31926" spans="14:14">
      <c r="N31926" s="10"/>
    </row>
    <row r="31927" spans="14:14">
      <c r="N31927" s="10"/>
    </row>
    <row r="31928" spans="14:14">
      <c r="N31928" s="10"/>
    </row>
    <row r="31929" spans="14:14">
      <c r="N31929" s="10"/>
    </row>
    <row r="31930" spans="14:14">
      <c r="N31930" s="10"/>
    </row>
    <row r="31931" spans="14:14">
      <c r="N31931" s="10"/>
    </row>
    <row r="31932" spans="14:14">
      <c r="N31932" s="10"/>
    </row>
    <row r="31933" spans="14:14">
      <c r="N31933" s="10"/>
    </row>
    <row r="31934" spans="14:14">
      <c r="N31934" s="10"/>
    </row>
    <row r="31935" spans="14:14">
      <c r="N31935" s="10"/>
    </row>
    <row r="31936" spans="14:14">
      <c r="N31936" s="10"/>
    </row>
    <row r="31937" spans="14:14">
      <c r="N31937" s="10"/>
    </row>
    <row r="31938" spans="14:14">
      <c r="N31938" s="10"/>
    </row>
    <row r="31939" spans="14:14">
      <c r="N31939" s="10"/>
    </row>
    <row r="31940" spans="14:14">
      <c r="N31940" s="10"/>
    </row>
    <row r="31941" spans="14:14">
      <c r="N31941" s="10"/>
    </row>
    <row r="31942" spans="14:14">
      <c r="N31942" s="10"/>
    </row>
    <row r="31943" spans="14:14">
      <c r="N31943" s="10"/>
    </row>
    <row r="31944" spans="14:14">
      <c r="N31944" s="10"/>
    </row>
    <row r="31945" spans="14:14">
      <c r="N31945" s="10"/>
    </row>
    <row r="31946" spans="14:14">
      <c r="N31946" s="10"/>
    </row>
    <row r="31947" spans="14:14">
      <c r="N31947" s="10"/>
    </row>
    <row r="31948" spans="14:14">
      <c r="N31948" s="10"/>
    </row>
    <row r="31949" spans="14:14">
      <c r="N31949" s="10"/>
    </row>
    <row r="31950" spans="14:14">
      <c r="N31950" s="10"/>
    </row>
    <row r="31951" spans="14:14">
      <c r="N31951" s="10"/>
    </row>
    <row r="31952" spans="14:14">
      <c r="N31952" s="10"/>
    </row>
    <row r="31953" spans="14:14">
      <c r="N31953" s="10"/>
    </row>
    <row r="31954" spans="14:14">
      <c r="N31954" s="10"/>
    </row>
    <row r="31955" spans="14:14">
      <c r="N31955" s="10"/>
    </row>
    <row r="31956" spans="14:14">
      <c r="N31956" s="10"/>
    </row>
    <row r="31957" spans="14:14">
      <c r="N31957" s="10"/>
    </row>
    <row r="31958" spans="14:14">
      <c r="N31958" s="10"/>
    </row>
    <row r="31959" spans="14:14">
      <c r="N31959" s="10"/>
    </row>
    <row r="31960" spans="14:14">
      <c r="N31960" s="10"/>
    </row>
    <row r="31961" spans="14:14">
      <c r="N31961" s="10"/>
    </row>
    <row r="31962" spans="14:14">
      <c r="N31962" s="10"/>
    </row>
    <row r="31963" spans="14:14">
      <c r="N31963" s="10"/>
    </row>
    <row r="31964" spans="14:14">
      <c r="N31964" s="10"/>
    </row>
    <row r="31965" spans="14:14">
      <c r="N31965" s="10"/>
    </row>
    <row r="31966" spans="14:14">
      <c r="N31966" s="10"/>
    </row>
    <row r="31967" spans="14:14">
      <c r="N31967" s="10"/>
    </row>
    <row r="31968" spans="14:14">
      <c r="N31968" s="10"/>
    </row>
    <row r="31969" spans="14:14">
      <c r="N31969" s="10"/>
    </row>
    <row r="31970" spans="14:14">
      <c r="N31970" s="10"/>
    </row>
    <row r="31971" spans="14:14">
      <c r="N31971" s="10"/>
    </row>
    <row r="31972" spans="14:14">
      <c r="N31972" s="10"/>
    </row>
    <row r="31973" spans="14:14">
      <c r="N31973" s="10"/>
    </row>
    <row r="31974" spans="14:14">
      <c r="N31974" s="10"/>
    </row>
    <row r="31975" spans="14:14">
      <c r="N31975" s="10"/>
    </row>
    <row r="31976" spans="14:14">
      <c r="N31976" s="10"/>
    </row>
    <row r="31977" spans="14:14">
      <c r="N31977" s="10"/>
    </row>
    <row r="31978" spans="14:14">
      <c r="N31978" s="10"/>
    </row>
    <row r="31979" spans="14:14">
      <c r="N31979" s="10"/>
    </row>
    <row r="31980" spans="14:14">
      <c r="N31980" s="10"/>
    </row>
    <row r="31981" spans="14:14">
      <c r="N31981" s="10"/>
    </row>
    <row r="31982" spans="14:14">
      <c r="N31982" s="10"/>
    </row>
    <row r="31983" spans="14:14">
      <c r="N31983" s="10"/>
    </row>
    <row r="31984" spans="14:14">
      <c r="N31984" s="10"/>
    </row>
    <row r="31985" spans="14:14">
      <c r="N31985" s="10"/>
    </row>
    <row r="31986" spans="14:14">
      <c r="N31986" s="10"/>
    </row>
    <row r="31987" spans="14:14">
      <c r="N31987" s="10"/>
    </row>
    <row r="31988" spans="14:14">
      <c r="N31988" s="10"/>
    </row>
    <row r="31989" spans="14:14">
      <c r="N31989" s="10"/>
    </row>
    <row r="31990" spans="14:14">
      <c r="N31990" s="10"/>
    </row>
    <row r="31991" spans="14:14">
      <c r="N31991" s="10"/>
    </row>
    <row r="31992" spans="14:14">
      <c r="N31992" s="10"/>
    </row>
    <row r="31993" spans="14:14">
      <c r="N31993" s="10"/>
    </row>
    <row r="31994" spans="14:14">
      <c r="N31994" s="10"/>
    </row>
    <row r="31995" spans="14:14">
      <c r="N31995" s="10"/>
    </row>
    <row r="31996" spans="14:14">
      <c r="N31996" s="10"/>
    </row>
    <row r="31997" spans="14:14">
      <c r="N31997" s="10"/>
    </row>
    <row r="31998" spans="14:14">
      <c r="N31998" s="10"/>
    </row>
    <row r="31999" spans="14:14">
      <c r="N31999" s="10"/>
    </row>
    <row r="32000" spans="14:14">
      <c r="N32000" s="10"/>
    </row>
    <row r="32001" spans="14:14">
      <c r="N32001" s="10"/>
    </row>
    <row r="32002" spans="14:14">
      <c r="N32002" s="10"/>
    </row>
    <row r="32003" spans="14:14">
      <c r="N32003" s="10"/>
    </row>
    <row r="32004" spans="14:14">
      <c r="N32004" s="10"/>
    </row>
    <row r="32005" spans="14:14">
      <c r="N32005" s="10"/>
    </row>
    <row r="32006" spans="14:14">
      <c r="N32006" s="10"/>
    </row>
    <row r="32007" spans="14:14">
      <c r="N32007" s="10"/>
    </row>
    <row r="32008" spans="14:14">
      <c r="N32008" s="10"/>
    </row>
    <row r="32009" spans="14:14">
      <c r="N32009" s="10"/>
    </row>
    <row r="32010" spans="14:14">
      <c r="N32010" s="10"/>
    </row>
    <row r="32011" spans="14:14">
      <c r="N32011" s="10"/>
    </row>
    <row r="32012" spans="14:14">
      <c r="N32012" s="10"/>
    </row>
    <row r="32013" spans="14:14">
      <c r="N32013" s="10"/>
    </row>
    <row r="32014" spans="14:14">
      <c r="N32014" s="10"/>
    </row>
    <row r="32015" spans="14:14">
      <c r="N32015" s="10"/>
    </row>
    <row r="32016" spans="14:14">
      <c r="N32016" s="10"/>
    </row>
    <row r="32017" spans="14:14">
      <c r="N32017" s="10"/>
    </row>
    <row r="32018" spans="14:14">
      <c r="N32018" s="10"/>
    </row>
    <row r="32019" spans="14:14">
      <c r="N32019" s="10"/>
    </row>
    <row r="32020" spans="14:14">
      <c r="N32020" s="10"/>
    </row>
    <row r="32021" spans="14:14">
      <c r="N32021" s="10"/>
    </row>
    <row r="32022" spans="14:14">
      <c r="N32022" s="10"/>
    </row>
    <row r="32023" spans="14:14">
      <c r="N32023" s="10"/>
    </row>
    <row r="32024" spans="14:14">
      <c r="N32024" s="10"/>
    </row>
    <row r="32025" spans="14:14">
      <c r="N32025" s="10"/>
    </row>
    <row r="32026" spans="14:14">
      <c r="N32026" s="10"/>
    </row>
    <row r="32027" spans="14:14">
      <c r="N32027" s="10"/>
    </row>
    <row r="32028" spans="14:14">
      <c r="N32028" s="10"/>
    </row>
    <row r="32029" spans="14:14">
      <c r="N32029" s="10"/>
    </row>
    <row r="32030" spans="14:14">
      <c r="N32030" s="10"/>
    </row>
    <row r="32031" spans="14:14">
      <c r="N32031" s="10"/>
    </row>
    <row r="32032" spans="14:14">
      <c r="N32032" s="10"/>
    </row>
    <row r="32033" spans="14:14">
      <c r="N32033" s="10"/>
    </row>
    <row r="32034" spans="14:14">
      <c r="N32034" s="10"/>
    </row>
    <row r="32035" spans="14:14">
      <c r="N32035" s="10"/>
    </row>
    <row r="32036" spans="14:14">
      <c r="N32036" s="10"/>
    </row>
    <row r="32037" spans="14:14">
      <c r="N32037" s="10"/>
    </row>
    <row r="32038" spans="14:14">
      <c r="N32038" s="10"/>
    </row>
    <row r="32039" spans="14:14">
      <c r="N32039" s="10"/>
    </row>
    <row r="32040" spans="14:14">
      <c r="N32040" s="10"/>
    </row>
    <row r="32041" spans="14:14">
      <c r="N32041" s="10"/>
    </row>
    <row r="32042" spans="14:14">
      <c r="N32042" s="10"/>
    </row>
    <row r="32043" spans="14:14">
      <c r="N32043" s="10"/>
    </row>
    <row r="32044" spans="14:14">
      <c r="N32044" s="10"/>
    </row>
    <row r="32045" spans="14:14">
      <c r="N32045" s="10"/>
    </row>
    <row r="32046" spans="14:14">
      <c r="N32046" s="10"/>
    </row>
    <row r="32047" spans="14:14">
      <c r="N32047" s="10"/>
    </row>
    <row r="32048" spans="14:14">
      <c r="N32048" s="10"/>
    </row>
    <row r="32049" spans="14:14">
      <c r="N32049" s="10"/>
    </row>
    <row r="32050" spans="14:14">
      <c r="N32050" s="10"/>
    </row>
    <row r="32051" spans="14:14">
      <c r="N32051" s="10"/>
    </row>
    <row r="32052" spans="14:14">
      <c r="N32052" s="10"/>
    </row>
    <row r="32053" spans="14:14">
      <c r="N32053" s="10"/>
    </row>
    <row r="32054" spans="14:14">
      <c r="N32054" s="10"/>
    </row>
    <row r="32055" spans="14:14">
      <c r="N32055" s="10"/>
    </row>
    <row r="32056" spans="14:14">
      <c r="N32056" s="10"/>
    </row>
    <row r="32057" spans="14:14">
      <c r="N32057" s="10"/>
    </row>
    <row r="32058" spans="14:14">
      <c r="N32058" s="10"/>
    </row>
    <row r="32059" spans="14:14">
      <c r="N32059" s="10"/>
    </row>
    <row r="32060" spans="14:14">
      <c r="N32060" s="10"/>
    </row>
    <row r="32061" spans="14:14">
      <c r="N32061" s="10"/>
    </row>
    <row r="32062" spans="14:14">
      <c r="N32062" s="10"/>
    </row>
    <row r="32063" spans="14:14">
      <c r="N32063" s="10"/>
    </row>
    <row r="32064" spans="14:14">
      <c r="N32064" s="10"/>
    </row>
    <row r="32065" spans="14:14">
      <c r="N32065" s="10"/>
    </row>
    <row r="32066" spans="14:14">
      <c r="N32066" s="10"/>
    </row>
    <row r="32067" spans="14:14">
      <c r="N32067" s="10"/>
    </row>
    <row r="32068" spans="14:14">
      <c r="N32068" s="10"/>
    </row>
    <row r="32069" spans="14:14">
      <c r="N32069" s="10"/>
    </row>
    <row r="32070" spans="14:14">
      <c r="N32070" s="10"/>
    </row>
    <row r="32071" spans="14:14">
      <c r="N32071" s="10"/>
    </row>
    <row r="32072" spans="14:14">
      <c r="N32072" s="10"/>
    </row>
    <row r="32073" spans="14:14">
      <c r="N32073" s="10"/>
    </row>
    <row r="32074" spans="14:14">
      <c r="N32074" s="10"/>
    </row>
    <row r="32075" spans="14:14">
      <c r="N32075" s="10"/>
    </row>
    <row r="32076" spans="14:14">
      <c r="N32076" s="10"/>
    </row>
    <row r="32077" spans="14:14">
      <c r="N32077" s="10"/>
    </row>
    <row r="32078" spans="14:14">
      <c r="N32078" s="10"/>
    </row>
    <row r="32079" spans="14:14">
      <c r="N32079" s="10"/>
    </row>
    <row r="32080" spans="14:14">
      <c r="N32080" s="10"/>
    </row>
    <row r="32081" spans="14:14">
      <c r="N32081" s="10"/>
    </row>
    <row r="32082" spans="14:14">
      <c r="N32082" s="10"/>
    </row>
    <row r="32083" spans="14:14">
      <c r="N32083" s="10"/>
    </row>
    <row r="32084" spans="14:14">
      <c r="N32084" s="10"/>
    </row>
    <row r="32085" spans="14:14">
      <c r="N32085" s="10"/>
    </row>
    <row r="32086" spans="14:14">
      <c r="N32086" s="10"/>
    </row>
    <row r="32087" spans="14:14">
      <c r="N32087" s="10"/>
    </row>
    <row r="32088" spans="14:14">
      <c r="N32088" s="10"/>
    </row>
    <row r="32089" spans="14:14">
      <c r="N32089" s="10"/>
    </row>
    <row r="32090" spans="14:14">
      <c r="N32090" s="10"/>
    </row>
    <row r="32091" spans="14:14">
      <c r="N32091" s="10"/>
    </row>
    <row r="32092" spans="14:14">
      <c r="N32092" s="10"/>
    </row>
    <row r="32093" spans="14:14">
      <c r="N32093" s="10"/>
    </row>
    <row r="32094" spans="14:14">
      <c r="N32094" s="10"/>
    </row>
    <row r="32095" spans="14:14">
      <c r="N32095" s="10"/>
    </row>
    <row r="32096" spans="14:14">
      <c r="N32096" s="10"/>
    </row>
    <row r="32097" spans="14:14">
      <c r="N32097" s="10"/>
    </row>
    <row r="32098" spans="14:14">
      <c r="N32098" s="10"/>
    </row>
    <row r="32099" spans="14:14">
      <c r="N32099" s="10"/>
    </row>
    <row r="32100" spans="14:14">
      <c r="N32100" s="10"/>
    </row>
    <row r="32101" spans="14:14">
      <c r="N32101" s="10"/>
    </row>
    <row r="32102" spans="14:14">
      <c r="N32102" s="10"/>
    </row>
    <row r="32103" spans="14:14">
      <c r="N32103" s="10"/>
    </row>
    <row r="32104" spans="14:14">
      <c r="N32104" s="10"/>
    </row>
    <row r="32105" spans="14:14">
      <c r="N32105" s="10"/>
    </row>
    <row r="32106" spans="14:14">
      <c r="N32106" s="10"/>
    </row>
    <row r="32107" spans="14:14">
      <c r="N32107" s="10"/>
    </row>
    <row r="32108" spans="14:14">
      <c r="N32108" s="10"/>
    </row>
    <row r="32109" spans="14:14">
      <c r="N32109" s="10"/>
    </row>
    <row r="32110" spans="14:14">
      <c r="N32110" s="10"/>
    </row>
    <row r="32111" spans="14:14">
      <c r="N32111" s="10"/>
    </row>
    <row r="32112" spans="14:14">
      <c r="N32112" s="10"/>
    </row>
    <row r="32113" spans="14:14">
      <c r="N32113" s="10"/>
    </row>
    <row r="32114" spans="14:14">
      <c r="N32114" s="10"/>
    </row>
    <row r="32115" spans="14:14">
      <c r="N32115" s="10"/>
    </row>
    <row r="32116" spans="14:14">
      <c r="N32116" s="10"/>
    </row>
    <row r="32117" spans="14:14">
      <c r="N32117" s="10"/>
    </row>
    <row r="32118" spans="14:14">
      <c r="N32118" s="10"/>
    </row>
    <row r="32119" spans="14:14">
      <c r="N32119" s="10"/>
    </row>
    <row r="32120" spans="14:14">
      <c r="N32120" s="10"/>
    </row>
    <row r="32121" spans="14:14">
      <c r="N32121" s="10"/>
    </row>
    <row r="32122" spans="14:14">
      <c r="N32122" s="10"/>
    </row>
    <row r="32123" spans="14:14">
      <c r="N32123" s="10"/>
    </row>
    <row r="32124" spans="14:14">
      <c r="N32124" s="10"/>
    </row>
    <row r="32125" spans="14:14">
      <c r="N32125" s="10"/>
    </row>
    <row r="32126" spans="14:14">
      <c r="N32126" s="10"/>
    </row>
    <row r="32127" spans="14:14">
      <c r="N32127" s="10"/>
    </row>
    <row r="32128" spans="14:14">
      <c r="N32128" s="10"/>
    </row>
    <row r="32129" spans="14:14">
      <c r="N32129" s="10"/>
    </row>
    <row r="32130" spans="14:14">
      <c r="N32130" s="10"/>
    </row>
    <row r="32131" spans="14:14">
      <c r="N32131" s="10"/>
    </row>
    <row r="32132" spans="14:14">
      <c r="N32132" s="10"/>
    </row>
    <row r="32133" spans="14:14">
      <c r="N32133" s="10"/>
    </row>
    <row r="32134" spans="14:14">
      <c r="N32134" s="10"/>
    </row>
    <row r="32135" spans="14:14">
      <c r="N32135" s="10"/>
    </row>
    <row r="32136" spans="14:14">
      <c r="N32136" s="10"/>
    </row>
    <row r="32137" spans="14:14">
      <c r="N32137" s="10"/>
    </row>
    <row r="32138" spans="14:14">
      <c r="N32138" s="10"/>
    </row>
    <row r="32139" spans="14:14">
      <c r="N32139" s="10"/>
    </row>
    <row r="32140" spans="14:14">
      <c r="N32140" s="10"/>
    </row>
    <row r="32141" spans="14:14">
      <c r="N32141" s="10"/>
    </row>
    <row r="32142" spans="14:14">
      <c r="N32142" s="10"/>
    </row>
    <row r="32143" spans="14:14">
      <c r="N32143" s="10"/>
    </row>
    <row r="32144" spans="14:14">
      <c r="N32144" s="10"/>
    </row>
    <row r="32145" spans="14:14">
      <c r="N32145" s="10"/>
    </row>
    <row r="32146" spans="14:14">
      <c r="N32146" s="10"/>
    </row>
    <row r="32147" spans="14:14">
      <c r="N32147" s="10"/>
    </row>
    <row r="32148" spans="14:14">
      <c r="N32148" s="10"/>
    </row>
    <row r="32149" spans="14:14">
      <c r="N32149" s="10"/>
    </row>
    <row r="32150" spans="14:14">
      <c r="N32150" s="10"/>
    </row>
    <row r="32151" spans="14:14">
      <c r="N32151" s="10"/>
    </row>
    <row r="32152" spans="14:14">
      <c r="N32152" s="10"/>
    </row>
    <row r="32153" spans="14:14">
      <c r="N32153" s="10"/>
    </row>
    <row r="32154" spans="14:14">
      <c r="N32154" s="10"/>
    </row>
    <row r="32155" spans="14:14">
      <c r="N32155" s="10"/>
    </row>
    <row r="32156" spans="14:14">
      <c r="N32156" s="10"/>
    </row>
    <row r="32157" spans="14:14">
      <c r="N32157" s="10"/>
    </row>
    <row r="32158" spans="14:14">
      <c r="N32158" s="10"/>
    </row>
    <row r="32159" spans="14:14">
      <c r="N32159" s="10"/>
    </row>
    <row r="32160" spans="14:14">
      <c r="N32160" s="10"/>
    </row>
    <row r="32161" spans="14:14">
      <c r="N32161" s="10"/>
    </row>
    <row r="32162" spans="14:14">
      <c r="N32162" s="10"/>
    </row>
    <row r="32163" spans="14:14">
      <c r="N32163" s="10"/>
    </row>
    <row r="32164" spans="14:14">
      <c r="N32164" s="10"/>
    </row>
    <row r="32165" spans="14:14">
      <c r="N32165" s="10"/>
    </row>
    <row r="32166" spans="14:14">
      <c r="N32166" s="10"/>
    </row>
    <row r="32167" spans="14:14">
      <c r="N32167" s="10"/>
    </row>
    <row r="32168" spans="14:14">
      <c r="N32168" s="10"/>
    </row>
    <row r="32169" spans="14:14">
      <c r="N32169" s="10"/>
    </row>
    <row r="32170" spans="14:14">
      <c r="N32170" s="10"/>
    </row>
    <row r="32171" spans="14:14">
      <c r="N32171" s="10"/>
    </row>
    <row r="32172" spans="14:14">
      <c r="N32172" s="10"/>
    </row>
    <row r="32173" spans="14:14">
      <c r="N32173" s="10"/>
    </row>
    <row r="32174" spans="14:14">
      <c r="N32174" s="10"/>
    </row>
    <row r="32175" spans="14:14">
      <c r="N32175" s="10"/>
    </row>
    <row r="32176" spans="14:14">
      <c r="N32176" s="10"/>
    </row>
    <row r="32177" spans="14:14">
      <c r="N32177" s="10"/>
    </row>
    <row r="32178" spans="14:14">
      <c r="N32178" s="10"/>
    </row>
    <row r="32179" spans="14:14">
      <c r="N32179" s="10"/>
    </row>
    <row r="32180" spans="14:14">
      <c r="N32180" s="10"/>
    </row>
    <row r="32181" spans="14:14">
      <c r="N32181" s="10"/>
    </row>
    <row r="32182" spans="14:14">
      <c r="N32182" s="10"/>
    </row>
    <row r="32183" spans="14:14">
      <c r="N32183" s="10"/>
    </row>
    <row r="32184" spans="14:14">
      <c r="N32184" s="10"/>
    </row>
    <row r="32185" spans="14:14">
      <c r="N32185" s="10"/>
    </row>
    <row r="32186" spans="14:14">
      <c r="N32186" s="10"/>
    </row>
    <row r="32187" spans="14:14">
      <c r="N32187" s="10"/>
    </row>
    <row r="32188" spans="14:14">
      <c r="N32188" s="10"/>
    </row>
    <row r="32189" spans="14:14">
      <c r="N32189" s="10"/>
    </row>
    <row r="32190" spans="14:14">
      <c r="N32190" s="10"/>
    </row>
    <row r="32191" spans="14:14">
      <c r="N32191" s="10"/>
    </row>
    <row r="32192" spans="14:14">
      <c r="N32192" s="10"/>
    </row>
    <row r="32193" spans="14:14">
      <c r="N32193" s="10"/>
    </row>
    <row r="32194" spans="14:14">
      <c r="N32194" s="10"/>
    </row>
    <row r="32195" spans="14:14">
      <c r="N32195" s="10"/>
    </row>
    <row r="32196" spans="14:14">
      <c r="N32196" s="10"/>
    </row>
    <row r="32197" spans="14:14">
      <c r="N32197" s="10"/>
    </row>
    <row r="32198" spans="14:14">
      <c r="N32198" s="10"/>
    </row>
    <row r="32199" spans="14:14">
      <c r="N32199" s="10"/>
    </row>
    <row r="32200" spans="14:14">
      <c r="N32200" s="10"/>
    </row>
    <row r="32201" spans="14:14">
      <c r="N32201" s="10"/>
    </row>
    <row r="32202" spans="14:14">
      <c r="N32202" s="10"/>
    </row>
    <row r="32203" spans="14:14">
      <c r="N32203" s="10"/>
    </row>
    <row r="32204" spans="14:14">
      <c r="N32204" s="10"/>
    </row>
    <row r="32205" spans="14:14">
      <c r="N32205" s="10"/>
    </row>
    <row r="32206" spans="14:14">
      <c r="N32206" s="10"/>
    </row>
    <row r="32207" spans="14:14">
      <c r="N32207" s="10"/>
    </row>
    <row r="32208" spans="14:14">
      <c r="N32208" s="10"/>
    </row>
    <row r="32209" spans="14:14">
      <c r="N32209" s="10"/>
    </row>
    <row r="32210" spans="14:14">
      <c r="N32210" s="10"/>
    </row>
    <row r="32211" spans="14:14">
      <c r="N32211" s="10"/>
    </row>
    <row r="32212" spans="14:14">
      <c r="N32212" s="10"/>
    </row>
    <row r="32213" spans="14:14">
      <c r="N32213" s="10"/>
    </row>
    <row r="32214" spans="14:14">
      <c r="N32214" s="10"/>
    </row>
    <row r="32215" spans="14:14">
      <c r="N32215" s="10"/>
    </row>
    <row r="32216" spans="14:14">
      <c r="N32216" s="10"/>
    </row>
    <row r="32217" spans="14:14">
      <c r="N32217" s="10"/>
    </row>
    <row r="32218" spans="14:14">
      <c r="N32218" s="10"/>
    </row>
    <row r="32219" spans="14:14">
      <c r="N32219" s="10"/>
    </row>
    <row r="32220" spans="14:14">
      <c r="N32220" s="10"/>
    </row>
    <row r="32221" spans="14:14">
      <c r="N32221" s="10"/>
    </row>
    <row r="32222" spans="14:14">
      <c r="N32222" s="10"/>
    </row>
    <row r="32223" spans="14:14">
      <c r="N32223" s="10"/>
    </row>
    <row r="32224" spans="14:14">
      <c r="N32224" s="10"/>
    </row>
    <row r="32225" spans="14:14">
      <c r="N32225" s="10"/>
    </row>
    <row r="32226" spans="14:14">
      <c r="N32226" s="10"/>
    </row>
    <row r="32227" spans="14:14">
      <c r="N32227" s="10"/>
    </row>
    <row r="32228" spans="14:14">
      <c r="N32228" s="10"/>
    </row>
    <row r="32229" spans="14:14">
      <c r="N32229" s="10"/>
    </row>
    <row r="32230" spans="14:14">
      <c r="N32230" s="10"/>
    </row>
    <row r="32231" spans="14:14">
      <c r="N32231" s="10"/>
    </row>
    <row r="32232" spans="14:14">
      <c r="N32232" s="10"/>
    </row>
    <row r="32233" spans="14:14">
      <c r="N32233" s="10"/>
    </row>
    <row r="32234" spans="14:14">
      <c r="N32234" s="10"/>
    </row>
    <row r="32235" spans="14:14">
      <c r="N32235" s="10"/>
    </row>
    <row r="32236" spans="14:14">
      <c r="N32236" s="10"/>
    </row>
    <row r="32237" spans="14:14">
      <c r="N32237" s="10"/>
    </row>
    <row r="32238" spans="14:14">
      <c r="N32238" s="10"/>
    </row>
    <row r="32239" spans="14:14">
      <c r="N32239" s="10"/>
    </row>
    <row r="32240" spans="14:14">
      <c r="N32240" s="10"/>
    </row>
    <row r="32241" spans="14:14">
      <c r="N32241" s="10"/>
    </row>
    <row r="32242" spans="14:14">
      <c r="N32242" s="10"/>
    </row>
    <row r="32243" spans="14:14">
      <c r="N32243" s="10"/>
    </row>
    <row r="32244" spans="14:14">
      <c r="N32244" s="10"/>
    </row>
    <row r="32245" spans="14:14">
      <c r="N32245" s="10"/>
    </row>
    <row r="32246" spans="14:14">
      <c r="N32246" s="10"/>
    </row>
    <row r="32247" spans="14:14">
      <c r="N32247" s="10"/>
    </row>
    <row r="32248" spans="14:14">
      <c r="N32248" s="10"/>
    </row>
    <row r="32249" spans="14:14">
      <c r="N32249" s="10"/>
    </row>
    <row r="32250" spans="14:14">
      <c r="N32250" s="10"/>
    </row>
    <row r="32251" spans="14:14">
      <c r="N32251" s="10"/>
    </row>
    <row r="32252" spans="14:14">
      <c r="N32252" s="10"/>
    </row>
    <row r="32253" spans="14:14">
      <c r="N32253" s="10"/>
    </row>
    <row r="32254" spans="14:14">
      <c r="N32254" s="10"/>
    </row>
    <row r="32255" spans="14:14">
      <c r="N32255" s="10"/>
    </row>
    <row r="32256" spans="14:14">
      <c r="N32256" s="10"/>
    </row>
    <row r="32257" spans="14:14">
      <c r="N32257" s="10"/>
    </row>
    <row r="32258" spans="14:14">
      <c r="N32258" s="10"/>
    </row>
    <row r="32259" spans="14:14">
      <c r="N32259" s="10"/>
    </row>
    <row r="32260" spans="14:14">
      <c r="N32260" s="10"/>
    </row>
    <row r="32261" spans="14:14">
      <c r="N32261" s="10"/>
    </row>
    <row r="32262" spans="14:14">
      <c r="N32262" s="10"/>
    </row>
    <row r="32263" spans="14:14">
      <c r="N32263" s="10"/>
    </row>
    <row r="32264" spans="14:14">
      <c r="N32264" s="10"/>
    </row>
    <row r="32265" spans="14:14">
      <c r="N32265" s="10"/>
    </row>
    <row r="32266" spans="14:14">
      <c r="N32266" s="10"/>
    </row>
    <row r="32267" spans="14:14">
      <c r="N32267" s="10"/>
    </row>
    <row r="32268" spans="14:14">
      <c r="N32268" s="10"/>
    </row>
    <row r="32269" spans="14:14">
      <c r="N32269" s="10"/>
    </row>
    <row r="32270" spans="14:14">
      <c r="N32270" s="10"/>
    </row>
    <row r="32271" spans="14:14">
      <c r="N32271" s="10"/>
    </row>
    <row r="32272" spans="14:14">
      <c r="N32272" s="10"/>
    </row>
    <row r="32273" spans="14:14">
      <c r="N32273" s="10"/>
    </row>
    <row r="32274" spans="14:14">
      <c r="N32274" s="10"/>
    </row>
    <row r="32275" spans="14:14">
      <c r="N32275" s="10"/>
    </row>
    <row r="32276" spans="14:14">
      <c r="N32276" s="10"/>
    </row>
    <row r="32277" spans="14:14">
      <c r="N32277" s="10"/>
    </row>
    <row r="32278" spans="14:14">
      <c r="N32278" s="10"/>
    </row>
    <row r="32279" spans="14:14">
      <c r="N32279" s="10"/>
    </row>
    <row r="32280" spans="14:14">
      <c r="N32280" s="10"/>
    </row>
    <row r="32281" spans="14:14">
      <c r="N32281" s="10"/>
    </row>
    <row r="32282" spans="14:14">
      <c r="N32282" s="10"/>
    </row>
    <row r="32283" spans="14:14">
      <c r="N32283" s="10"/>
    </row>
    <row r="32284" spans="14:14">
      <c r="N32284" s="10"/>
    </row>
    <row r="32285" spans="14:14">
      <c r="N32285" s="10"/>
    </row>
    <row r="32286" spans="14:14">
      <c r="N32286" s="10"/>
    </row>
    <row r="32287" spans="14:14">
      <c r="N32287" s="10"/>
    </row>
    <row r="32288" spans="14:14">
      <c r="N32288" s="10"/>
    </row>
    <row r="32289" spans="14:14">
      <c r="N32289" s="10"/>
    </row>
    <row r="32290" spans="14:14">
      <c r="N32290" s="10"/>
    </row>
    <row r="32291" spans="14:14">
      <c r="N32291" s="10"/>
    </row>
    <row r="32292" spans="14:14">
      <c r="N32292" s="10"/>
    </row>
    <row r="32293" spans="14:14">
      <c r="N32293" s="10"/>
    </row>
    <row r="32294" spans="14:14">
      <c r="N32294" s="10"/>
    </row>
    <row r="32295" spans="14:14">
      <c r="N32295" s="10"/>
    </row>
    <row r="32296" spans="14:14">
      <c r="N32296" s="10"/>
    </row>
    <row r="32297" spans="14:14">
      <c r="N32297" s="10"/>
    </row>
    <row r="32298" spans="14:14">
      <c r="N32298" s="10"/>
    </row>
    <row r="32299" spans="14:14">
      <c r="N32299" s="10"/>
    </row>
    <row r="32300" spans="14:14">
      <c r="N32300" s="10"/>
    </row>
    <row r="32301" spans="14:14">
      <c r="N32301" s="10"/>
    </row>
    <row r="32302" spans="14:14">
      <c r="N32302" s="10"/>
    </row>
    <row r="32303" spans="14:14">
      <c r="N32303" s="10"/>
    </row>
    <row r="32304" spans="14:14">
      <c r="N32304" s="10"/>
    </row>
    <row r="32305" spans="14:14">
      <c r="N32305" s="10"/>
    </row>
    <row r="32306" spans="14:14">
      <c r="N32306" s="10"/>
    </row>
    <row r="32307" spans="14:14">
      <c r="N32307" s="10"/>
    </row>
    <row r="32308" spans="14:14">
      <c r="N32308" s="10"/>
    </row>
    <row r="32309" spans="14:14">
      <c r="N32309" s="10"/>
    </row>
    <row r="32310" spans="14:14">
      <c r="N32310" s="10"/>
    </row>
    <row r="32311" spans="14:14">
      <c r="N32311" s="10"/>
    </row>
    <row r="32312" spans="14:14">
      <c r="N32312" s="10"/>
    </row>
    <row r="32313" spans="14:14">
      <c r="N32313" s="10"/>
    </row>
    <row r="32314" spans="14:14">
      <c r="N32314" s="10"/>
    </row>
    <row r="32315" spans="14:14">
      <c r="N32315" s="10"/>
    </row>
    <row r="32316" spans="14:14">
      <c r="N32316" s="10"/>
    </row>
    <row r="32317" spans="14:14">
      <c r="N32317" s="10"/>
    </row>
    <row r="32318" spans="14:14">
      <c r="N32318" s="10"/>
    </row>
    <row r="32319" spans="14:14">
      <c r="N32319" s="10"/>
    </row>
    <row r="32320" spans="14:14">
      <c r="N32320" s="10"/>
    </row>
    <row r="32321" spans="14:14">
      <c r="N32321" s="10"/>
    </row>
    <row r="32322" spans="14:14">
      <c r="N32322" s="10"/>
    </row>
    <row r="32323" spans="14:14">
      <c r="N32323" s="10"/>
    </row>
    <row r="32324" spans="14:14">
      <c r="N32324" s="10"/>
    </row>
    <row r="32325" spans="14:14">
      <c r="N32325" s="10"/>
    </row>
    <row r="32326" spans="14:14">
      <c r="N32326" s="10"/>
    </row>
    <row r="32327" spans="14:14">
      <c r="N32327" s="10"/>
    </row>
    <row r="32328" spans="14:14">
      <c r="N32328" s="10"/>
    </row>
    <row r="32329" spans="14:14">
      <c r="N32329" s="10"/>
    </row>
    <row r="32330" spans="14:14">
      <c r="N32330" s="10"/>
    </row>
    <row r="32331" spans="14:14">
      <c r="N32331" s="10"/>
    </row>
    <row r="32332" spans="14:14">
      <c r="N32332" s="10"/>
    </row>
    <row r="32333" spans="14:14">
      <c r="N32333" s="10"/>
    </row>
    <row r="32334" spans="14:14">
      <c r="N32334" s="10"/>
    </row>
    <row r="32335" spans="14:14">
      <c r="N32335" s="10"/>
    </row>
    <row r="32336" spans="14:14">
      <c r="N32336" s="10"/>
    </row>
    <row r="32337" spans="14:14">
      <c r="N32337" s="10"/>
    </row>
    <row r="32338" spans="14:14">
      <c r="N32338" s="10"/>
    </row>
    <row r="32339" spans="14:14">
      <c r="N32339" s="10"/>
    </row>
    <row r="32340" spans="14:14">
      <c r="N32340" s="10"/>
    </row>
    <row r="32341" spans="14:14">
      <c r="N32341" s="10"/>
    </row>
    <row r="32342" spans="14:14">
      <c r="N32342" s="10"/>
    </row>
    <row r="32343" spans="14:14">
      <c r="N32343" s="10"/>
    </row>
    <row r="32344" spans="14:14">
      <c r="N32344" s="10"/>
    </row>
    <row r="32345" spans="14:14">
      <c r="N32345" s="10"/>
    </row>
    <row r="32346" spans="14:14">
      <c r="N32346" s="10"/>
    </row>
    <row r="32347" spans="14:14">
      <c r="N32347" s="10"/>
    </row>
    <row r="32348" spans="14:14">
      <c r="N32348" s="10"/>
    </row>
    <row r="32349" spans="14:14">
      <c r="N32349" s="10"/>
    </row>
    <row r="32350" spans="14:14">
      <c r="N32350" s="10"/>
    </row>
    <row r="32351" spans="14:14">
      <c r="N32351" s="10"/>
    </row>
    <row r="32352" spans="14:14">
      <c r="N32352" s="10"/>
    </row>
    <row r="32353" spans="14:14">
      <c r="N32353" s="10"/>
    </row>
    <row r="32354" spans="14:14">
      <c r="N32354" s="10"/>
    </row>
    <row r="32355" spans="14:14">
      <c r="N32355" s="10"/>
    </row>
    <row r="32356" spans="14:14">
      <c r="N32356" s="10"/>
    </row>
    <row r="32357" spans="14:14">
      <c r="N32357" s="10"/>
    </row>
    <row r="32358" spans="14:14">
      <c r="N32358" s="10"/>
    </row>
    <row r="32359" spans="14:14">
      <c r="N32359" s="10"/>
    </row>
    <row r="32360" spans="14:14">
      <c r="N32360" s="10"/>
    </row>
    <row r="32361" spans="14:14">
      <c r="N32361" s="10"/>
    </row>
    <row r="32362" spans="14:14">
      <c r="N32362" s="10"/>
    </row>
    <row r="32363" spans="14:14">
      <c r="N32363" s="10"/>
    </row>
    <row r="32364" spans="14:14">
      <c r="N32364" s="10"/>
    </row>
    <row r="32365" spans="14:14">
      <c r="N32365" s="10"/>
    </row>
    <row r="32366" spans="14:14">
      <c r="N32366" s="10"/>
    </row>
    <row r="32367" spans="14:14">
      <c r="N32367" s="10"/>
    </row>
    <row r="32368" spans="14:14">
      <c r="N32368" s="10"/>
    </row>
    <row r="32369" spans="14:14">
      <c r="N32369" s="10"/>
    </row>
    <row r="32370" spans="14:14">
      <c r="N32370" s="10"/>
    </row>
    <row r="32371" spans="14:14">
      <c r="N32371" s="10"/>
    </row>
    <row r="32372" spans="14:14">
      <c r="N32372" s="10"/>
    </row>
    <row r="32373" spans="14:14">
      <c r="N32373" s="10"/>
    </row>
    <row r="32374" spans="14:14">
      <c r="N32374" s="10"/>
    </row>
    <row r="32375" spans="14:14">
      <c r="N32375" s="10"/>
    </row>
    <row r="32376" spans="14:14">
      <c r="N32376" s="10"/>
    </row>
    <row r="32377" spans="14:14">
      <c r="N32377" s="10"/>
    </row>
    <row r="32378" spans="14:14">
      <c r="N32378" s="10"/>
    </row>
    <row r="32379" spans="14:14">
      <c r="N32379" s="10"/>
    </row>
    <row r="32380" spans="14:14">
      <c r="N32380" s="10"/>
    </row>
    <row r="32381" spans="14:14">
      <c r="N32381" s="10"/>
    </row>
    <row r="32382" spans="14:14">
      <c r="N32382" s="10"/>
    </row>
    <row r="32383" spans="14:14">
      <c r="N32383" s="10"/>
    </row>
    <row r="32384" spans="14:14">
      <c r="N32384" s="10"/>
    </row>
    <row r="32385" spans="14:14">
      <c r="N32385" s="10"/>
    </row>
    <row r="32386" spans="14:14">
      <c r="N32386" s="10"/>
    </row>
    <row r="32387" spans="14:14">
      <c r="N32387" s="10"/>
    </row>
    <row r="32388" spans="14:14">
      <c r="N32388" s="10"/>
    </row>
    <row r="32389" spans="14:14">
      <c r="N32389" s="10"/>
    </row>
    <row r="32390" spans="14:14">
      <c r="N32390" s="10"/>
    </row>
    <row r="32391" spans="14:14">
      <c r="N32391" s="10"/>
    </row>
    <row r="32392" spans="14:14">
      <c r="N32392" s="10"/>
    </row>
    <row r="32393" spans="14:14">
      <c r="N32393" s="10"/>
    </row>
    <row r="32394" spans="14:14">
      <c r="N32394" s="10"/>
    </row>
    <row r="32395" spans="14:14">
      <c r="N32395" s="10"/>
    </row>
    <row r="32396" spans="14:14">
      <c r="N32396" s="10"/>
    </row>
    <row r="32397" spans="14:14">
      <c r="N32397" s="10"/>
    </row>
    <row r="32398" spans="14:14">
      <c r="N32398" s="10"/>
    </row>
    <row r="32399" spans="14:14">
      <c r="N32399" s="10"/>
    </row>
    <row r="32400" spans="14:14">
      <c r="N32400" s="10"/>
    </row>
    <row r="32401" spans="14:14">
      <c r="N32401" s="10"/>
    </row>
    <row r="32402" spans="14:14">
      <c r="N32402" s="10"/>
    </row>
    <row r="32403" spans="14:14">
      <c r="N32403" s="10"/>
    </row>
    <row r="32404" spans="14:14">
      <c r="N32404" s="10"/>
    </row>
    <row r="32405" spans="14:14">
      <c r="N32405" s="10"/>
    </row>
    <row r="32406" spans="14:14">
      <c r="N32406" s="10"/>
    </row>
    <row r="32407" spans="14:14">
      <c r="N32407" s="10"/>
    </row>
    <row r="32408" spans="14:14">
      <c r="N32408" s="10"/>
    </row>
    <row r="32409" spans="14:14">
      <c r="N32409" s="10"/>
    </row>
    <row r="32410" spans="14:14">
      <c r="N32410" s="10"/>
    </row>
    <row r="32411" spans="14:14">
      <c r="N32411" s="10"/>
    </row>
    <row r="32412" spans="14:14">
      <c r="N32412" s="10"/>
    </row>
    <row r="32413" spans="14:14">
      <c r="N32413" s="10"/>
    </row>
    <row r="32414" spans="14:14">
      <c r="N32414" s="10"/>
    </row>
    <row r="32415" spans="14:14">
      <c r="N32415" s="10"/>
    </row>
    <row r="32416" spans="14:14">
      <c r="N32416" s="10"/>
    </row>
    <row r="32417" spans="14:14">
      <c r="N32417" s="10"/>
    </row>
    <row r="32418" spans="14:14">
      <c r="N32418" s="10"/>
    </row>
    <row r="32419" spans="14:14">
      <c r="N32419" s="10"/>
    </row>
    <row r="32420" spans="14:14">
      <c r="N32420" s="10"/>
    </row>
    <row r="32421" spans="14:14">
      <c r="N32421" s="10"/>
    </row>
    <row r="32422" spans="14:14">
      <c r="N32422" s="10"/>
    </row>
    <row r="32423" spans="14:14">
      <c r="N32423" s="10"/>
    </row>
    <row r="32424" spans="14:14">
      <c r="N32424" s="10"/>
    </row>
    <row r="32425" spans="14:14">
      <c r="N32425" s="10"/>
    </row>
    <row r="32426" spans="14:14">
      <c r="N32426" s="10"/>
    </row>
    <row r="32427" spans="14:14">
      <c r="N32427" s="10"/>
    </row>
    <row r="32428" spans="14:14">
      <c r="N32428" s="10"/>
    </row>
    <row r="32429" spans="14:14">
      <c r="N32429" s="10"/>
    </row>
    <row r="32430" spans="14:14">
      <c r="N32430" s="10"/>
    </row>
    <row r="32431" spans="14:14">
      <c r="N32431" s="10"/>
    </row>
    <row r="32432" spans="14:14">
      <c r="N32432" s="10"/>
    </row>
    <row r="32433" spans="14:14">
      <c r="N32433" s="10"/>
    </row>
    <row r="32434" spans="14:14">
      <c r="N32434" s="10"/>
    </row>
    <row r="32435" spans="14:14">
      <c r="N32435" s="10"/>
    </row>
    <row r="32436" spans="14:14">
      <c r="N32436" s="10"/>
    </row>
    <row r="32437" spans="14:14">
      <c r="N32437" s="10"/>
    </row>
    <row r="32438" spans="14:14">
      <c r="N32438" s="10"/>
    </row>
    <row r="32439" spans="14:14">
      <c r="N32439" s="10"/>
    </row>
    <row r="32440" spans="14:14">
      <c r="N32440" s="10"/>
    </row>
    <row r="32441" spans="14:14">
      <c r="N32441" s="10"/>
    </row>
    <row r="32442" spans="14:14">
      <c r="N32442" s="10"/>
    </row>
    <row r="32443" spans="14:14">
      <c r="N32443" s="10"/>
    </row>
    <row r="32444" spans="14:14">
      <c r="N32444" s="10"/>
    </row>
    <row r="32445" spans="14:14">
      <c r="N32445" s="10"/>
    </row>
    <row r="32446" spans="14:14">
      <c r="N32446" s="10"/>
    </row>
    <row r="32447" spans="14:14">
      <c r="N32447" s="10"/>
    </row>
    <row r="32448" spans="14:14">
      <c r="N32448" s="10"/>
    </row>
    <row r="32449" spans="14:14">
      <c r="N32449" s="10"/>
    </row>
    <row r="32450" spans="14:14">
      <c r="N32450" s="10"/>
    </row>
    <row r="32451" spans="14:14">
      <c r="N32451" s="10"/>
    </row>
    <row r="32452" spans="14:14">
      <c r="N32452" s="10"/>
    </row>
    <row r="32453" spans="14:14">
      <c r="N32453" s="10"/>
    </row>
    <row r="32454" spans="14:14">
      <c r="N32454" s="10"/>
    </row>
    <row r="32455" spans="14:14">
      <c r="N32455" s="10"/>
    </row>
    <row r="32456" spans="14:14">
      <c r="N32456" s="10"/>
    </row>
    <row r="32457" spans="14:14">
      <c r="N32457" s="10"/>
    </row>
    <row r="32458" spans="14:14">
      <c r="N32458" s="10"/>
    </row>
    <row r="32459" spans="14:14">
      <c r="N32459" s="10"/>
    </row>
    <row r="32460" spans="14:14">
      <c r="N32460" s="10"/>
    </row>
    <row r="32461" spans="14:14">
      <c r="N32461" s="10"/>
    </row>
    <row r="32462" spans="14:14">
      <c r="N32462" s="10"/>
    </row>
    <row r="32463" spans="14:14">
      <c r="N32463" s="10"/>
    </row>
    <row r="32464" spans="14:14">
      <c r="N32464" s="10"/>
    </row>
    <row r="32465" spans="14:14">
      <c r="N32465" s="10"/>
    </row>
    <row r="32466" spans="14:14">
      <c r="N32466" s="10"/>
    </row>
    <row r="32467" spans="14:14">
      <c r="N32467" s="10"/>
    </row>
    <row r="32468" spans="14:14">
      <c r="N32468" s="10"/>
    </row>
    <row r="32469" spans="14:14">
      <c r="N32469" s="10"/>
    </row>
    <row r="32470" spans="14:14">
      <c r="N32470" s="10"/>
    </row>
    <row r="32471" spans="14:14">
      <c r="N32471" s="10"/>
    </row>
    <row r="32472" spans="14:14">
      <c r="N32472" s="10"/>
    </row>
    <row r="32473" spans="14:14">
      <c r="N32473" s="10"/>
    </row>
    <row r="32474" spans="14:14">
      <c r="N32474" s="10"/>
    </row>
    <row r="32475" spans="14:14">
      <c r="N32475" s="10"/>
    </row>
    <row r="32476" spans="14:14">
      <c r="N32476" s="10"/>
    </row>
    <row r="32477" spans="14:14">
      <c r="N32477" s="10"/>
    </row>
    <row r="32478" spans="14:14">
      <c r="N32478" s="10"/>
    </row>
    <row r="32479" spans="14:14">
      <c r="N32479" s="10"/>
    </row>
    <row r="32480" spans="14:14">
      <c r="N32480" s="10"/>
    </row>
    <row r="32481" spans="14:14">
      <c r="N32481" s="10"/>
    </row>
    <row r="32482" spans="14:14">
      <c r="N32482" s="10"/>
    </row>
    <row r="32483" spans="14:14">
      <c r="N32483" s="10"/>
    </row>
    <row r="32484" spans="14:14">
      <c r="N32484" s="10"/>
    </row>
    <row r="32485" spans="14:14">
      <c r="N32485" s="10"/>
    </row>
    <row r="32486" spans="14:14">
      <c r="N32486" s="10"/>
    </row>
    <row r="32487" spans="14:14">
      <c r="N32487" s="10"/>
    </row>
    <row r="32488" spans="14:14">
      <c r="N32488" s="10"/>
    </row>
    <row r="32489" spans="14:14">
      <c r="N32489" s="10"/>
    </row>
    <row r="32490" spans="14:14">
      <c r="N32490" s="10"/>
    </row>
    <row r="32491" spans="14:14">
      <c r="N32491" s="10"/>
    </row>
    <row r="32492" spans="14:14">
      <c r="N32492" s="10"/>
    </row>
    <row r="32493" spans="14:14">
      <c r="N32493" s="10"/>
    </row>
    <row r="32494" spans="14:14">
      <c r="N32494" s="10"/>
    </row>
    <row r="32495" spans="14:14">
      <c r="N32495" s="10"/>
    </row>
    <row r="32496" spans="14:14">
      <c r="N32496" s="10"/>
    </row>
    <row r="32497" spans="14:14">
      <c r="N32497" s="10"/>
    </row>
    <row r="32498" spans="14:14">
      <c r="N32498" s="10"/>
    </row>
    <row r="32499" spans="14:14">
      <c r="N32499" s="10"/>
    </row>
    <row r="32500" spans="14:14">
      <c r="N32500" s="10"/>
    </row>
    <row r="32501" spans="14:14">
      <c r="N32501" s="10"/>
    </row>
    <row r="32502" spans="14:14">
      <c r="N32502" s="10"/>
    </row>
    <row r="32503" spans="14:14">
      <c r="N32503" s="10"/>
    </row>
    <row r="32504" spans="14:14">
      <c r="N32504" s="10"/>
    </row>
    <row r="32505" spans="14:14">
      <c r="N32505" s="10"/>
    </row>
    <row r="32506" spans="14:14">
      <c r="N32506" s="10"/>
    </row>
    <row r="32507" spans="14:14">
      <c r="N32507" s="10"/>
    </row>
    <row r="32508" spans="14:14">
      <c r="N32508" s="10"/>
    </row>
    <row r="32509" spans="14:14">
      <c r="N32509" s="10"/>
    </row>
    <row r="32510" spans="14:14">
      <c r="N32510" s="10"/>
    </row>
    <row r="32511" spans="14:14">
      <c r="N32511" s="10"/>
    </row>
    <row r="32512" spans="14:14">
      <c r="N32512" s="10"/>
    </row>
    <row r="32513" spans="14:14">
      <c r="N32513" s="10"/>
    </row>
    <row r="32514" spans="14:14">
      <c r="N32514" s="10"/>
    </row>
    <row r="32515" spans="14:14">
      <c r="N32515" s="10"/>
    </row>
    <row r="32516" spans="14:14">
      <c r="N32516" s="10"/>
    </row>
    <row r="32517" spans="14:14">
      <c r="N32517" s="10"/>
    </row>
    <row r="32518" spans="14:14">
      <c r="N32518" s="10"/>
    </row>
    <row r="32519" spans="14:14">
      <c r="N32519" s="10"/>
    </row>
    <row r="32520" spans="14:14">
      <c r="N32520" s="10"/>
    </row>
    <row r="32521" spans="14:14">
      <c r="N32521" s="10"/>
    </row>
    <row r="32522" spans="14:14">
      <c r="N32522" s="10"/>
    </row>
    <row r="32523" spans="14:14">
      <c r="N32523" s="10"/>
    </row>
    <row r="32524" spans="14:14">
      <c r="N32524" s="10"/>
    </row>
    <row r="32525" spans="14:14">
      <c r="N32525" s="10"/>
    </row>
    <row r="32526" spans="14:14">
      <c r="N32526" s="10"/>
    </row>
    <row r="32527" spans="14:14">
      <c r="N32527" s="10"/>
    </row>
    <row r="32528" spans="14:14">
      <c r="N32528" s="10"/>
    </row>
    <row r="32529" spans="14:14">
      <c r="N32529" s="10"/>
    </row>
    <row r="32530" spans="14:14">
      <c r="N32530" s="10"/>
    </row>
    <row r="32531" spans="14:14">
      <c r="N32531" s="10"/>
    </row>
    <row r="32532" spans="14:14">
      <c r="N32532" s="10"/>
    </row>
    <row r="32533" spans="14:14">
      <c r="N32533" s="10"/>
    </row>
    <row r="32534" spans="14:14">
      <c r="N32534" s="10"/>
    </row>
    <row r="32535" spans="14:14">
      <c r="N32535" s="10"/>
    </row>
    <row r="32536" spans="14:14">
      <c r="N32536" s="10"/>
    </row>
    <row r="32537" spans="14:14">
      <c r="N32537" s="10"/>
    </row>
    <row r="32538" spans="14:14">
      <c r="N32538" s="10"/>
    </row>
    <row r="32539" spans="14:14">
      <c r="N32539" s="10"/>
    </row>
    <row r="32540" spans="14:14">
      <c r="N32540" s="10"/>
    </row>
    <row r="32541" spans="14:14">
      <c r="N32541" s="10"/>
    </row>
    <row r="32542" spans="14:14">
      <c r="N32542" s="10"/>
    </row>
    <row r="32543" spans="14:14">
      <c r="N32543" s="10"/>
    </row>
    <row r="32544" spans="14:14">
      <c r="N32544" s="10"/>
    </row>
    <row r="32545" spans="14:14">
      <c r="N32545" s="10"/>
    </row>
    <row r="32546" spans="14:14">
      <c r="N32546" s="10"/>
    </row>
    <row r="32547" spans="14:14">
      <c r="N32547" s="10"/>
    </row>
    <row r="32548" spans="14:14">
      <c r="N32548" s="10"/>
    </row>
    <row r="32549" spans="14:14">
      <c r="N32549" s="10"/>
    </row>
    <row r="32550" spans="14:14">
      <c r="N32550" s="10"/>
    </row>
    <row r="32551" spans="14:14">
      <c r="N32551" s="10"/>
    </row>
    <row r="32552" spans="14:14">
      <c r="N32552" s="10"/>
    </row>
    <row r="32553" spans="14:14">
      <c r="N32553" s="10"/>
    </row>
    <row r="32554" spans="14:14">
      <c r="N32554" s="10"/>
    </row>
    <row r="32555" spans="14:14">
      <c r="N32555" s="10"/>
    </row>
    <row r="32556" spans="14:14">
      <c r="N32556" s="10"/>
    </row>
    <row r="32557" spans="14:14">
      <c r="N32557" s="10"/>
    </row>
    <row r="32558" spans="14:14">
      <c r="N32558" s="10"/>
    </row>
    <row r="32559" spans="14:14">
      <c r="N32559" s="10"/>
    </row>
    <row r="32560" spans="14:14">
      <c r="N32560" s="10"/>
    </row>
    <row r="32561" spans="14:14">
      <c r="N32561" s="10"/>
    </row>
    <row r="32562" spans="14:14">
      <c r="N32562" s="10"/>
    </row>
    <row r="32563" spans="14:14">
      <c r="N32563" s="10"/>
    </row>
    <row r="32564" spans="14:14">
      <c r="N32564" s="10"/>
    </row>
    <row r="32565" spans="14:14">
      <c r="N32565" s="10"/>
    </row>
    <row r="32566" spans="14:14">
      <c r="N32566" s="10"/>
    </row>
    <row r="32567" spans="14:14">
      <c r="N32567" s="10"/>
    </row>
    <row r="32568" spans="14:14">
      <c r="N32568" s="10"/>
    </row>
    <row r="32569" spans="14:14">
      <c r="N32569" s="10"/>
    </row>
    <row r="32570" spans="14:14">
      <c r="N32570" s="10"/>
    </row>
    <row r="32571" spans="14:14">
      <c r="N32571" s="10"/>
    </row>
    <row r="32572" spans="14:14">
      <c r="N32572" s="10"/>
    </row>
    <row r="32573" spans="14:14">
      <c r="N32573" s="10"/>
    </row>
    <row r="32574" spans="14:14">
      <c r="N32574" s="10"/>
    </row>
    <row r="32575" spans="14:14">
      <c r="N32575" s="10"/>
    </row>
    <row r="32576" spans="14:14">
      <c r="N32576" s="10"/>
    </row>
    <row r="32577" spans="14:14">
      <c r="N32577" s="10"/>
    </row>
    <row r="32578" spans="14:14">
      <c r="N32578" s="10"/>
    </row>
    <row r="32579" spans="14:14">
      <c r="N32579" s="10"/>
    </row>
    <row r="32580" spans="14:14">
      <c r="N32580" s="10"/>
    </row>
    <row r="32581" spans="14:14">
      <c r="N32581" s="10"/>
    </row>
    <row r="32582" spans="14:14">
      <c r="N32582" s="10"/>
    </row>
    <row r="32583" spans="14:14">
      <c r="N32583" s="10"/>
    </row>
    <row r="32584" spans="14:14">
      <c r="N32584" s="10"/>
    </row>
    <row r="32585" spans="14:14">
      <c r="N32585" s="10"/>
    </row>
    <row r="32586" spans="14:14">
      <c r="N32586" s="10"/>
    </row>
    <row r="32587" spans="14:14">
      <c r="N32587" s="10"/>
    </row>
    <row r="32588" spans="14:14">
      <c r="N32588" s="10"/>
    </row>
    <row r="32589" spans="14:14">
      <c r="N32589" s="10"/>
    </row>
    <row r="32590" spans="14:14">
      <c r="N32590" s="10"/>
    </row>
    <row r="32591" spans="14:14">
      <c r="N32591" s="10"/>
    </row>
    <row r="32592" spans="14:14">
      <c r="N32592" s="10"/>
    </row>
    <row r="32593" spans="14:14">
      <c r="N32593" s="10"/>
    </row>
    <row r="32594" spans="14:14">
      <c r="N32594" s="10"/>
    </row>
    <row r="32595" spans="14:14">
      <c r="N32595" s="10"/>
    </row>
    <row r="32596" spans="14:14">
      <c r="N32596" s="10"/>
    </row>
    <row r="32597" spans="14:14">
      <c r="N32597" s="10"/>
    </row>
    <row r="32598" spans="14:14">
      <c r="N32598" s="10"/>
    </row>
    <row r="32599" spans="14:14">
      <c r="N32599" s="10"/>
    </row>
    <row r="32600" spans="14:14">
      <c r="N32600" s="10"/>
    </row>
    <row r="32601" spans="14:14">
      <c r="N32601" s="10"/>
    </row>
    <row r="32602" spans="14:14">
      <c r="N32602" s="10"/>
    </row>
    <row r="32603" spans="14:14">
      <c r="N32603" s="10"/>
    </row>
    <row r="32604" spans="14:14">
      <c r="N32604" s="10"/>
    </row>
    <row r="32605" spans="14:14">
      <c r="N32605" s="10"/>
    </row>
    <row r="32606" spans="14:14">
      <c r="N32606" s="10"/>
    </row>
    <row r="32607" spans="14:14">
      <c r="N32607" s="10"/>
    </row>
    <row r="32608" spans="14:14">
      <c r="N32608" s="10"/>
    </row>
    <row r="32609" spans="14:14">
      <c r="N32609" s="10"/>
    </row>
    <row r="32610" spans="14:14">
      <c r="N32610" s="10"/>
    </row>
    <row r="32611" spans="14:14">
      <c r="N32611" s="10"/>
    </row>
    <row r="32612" spans="14:14">
      <c r="N32612" s="10"/>
    </row>
    <row r="32613" spans="14:14">
      <c r="N32613" s="10"/>
    </row>
    <row r="32614" spans="14:14">
      <c r="N32614" s="10"/>
    </row>
    <row r="32615" spans="14:14">
      <c r="N32615" s="10"/>
    </row>
    <row r="32616" spans="14:14">
      <c r="N32616" s="10"/>
    </row>
    <row r="32617" spans="14:14">
      <c r="N32617" s="10"/>
    </row>
    <row r="32618" spans="14:14">
      <c r="N32618" s="10"/>
    </row>
    <row r="32619" spans="14:14">
      <c r="N32619" s="10"/>
    </row>
    <row r="32620" spans="14:14">
      <c r="N32620" s="10"/>
    </row>
    <row r="32621" spans="14:14">
      <c r="N32621" s="10"/>
    </row>
    <row r="32622" spans="14:14">
      <c r="N32622" s="10"/>
    </row>
    <row r="32623" spans="14:14">
      <c r="N32623" s="10"/>
    </row>
    <row r="32624" spans="14:14">
      <c r="N32624" s="10"/>
    </row>
    <row r="32625" spans="14:14">
      <c r="N32625" s="10"/>
    </row>
    <row r="32626" spans="14:14">
      <c r="N32626" s="10"/>
    </row>
    <row r="32627" spans="14:14">
      <c r="N32627" s="10"/>
    </row>
    <row r="32628" spans="14:14">
      <c r="N32628" s="10"/>
    </row>
    <row r="32629" spans="14:14">
      <c r="N32629" s="10"/>
    </row>
    <row r="32630" spans="14:14">
      <c r="N32630" s="10"/>
    </row>
    <row r="32631" spans="14:14">
      <c r="N32631" s="10"/>
    </row>
    <row r="32632" spans="14:14">
      <c r="N32632" s="10"/>
    </row>
    <row r="32633" spans="14:14">
      <c r="N32633" s="10"/>
    </row>
    <row r="32634" spans="14:14">
      <c r="N32634" s="10"/>
    </row>
    <row r="32635" spans="14:14">
      <c r="N32635" s="10"/>
    </row>
    <row r="32636" spans="14:14">
      <c r="N32636" s="10"/>
    </row>
    <row r="32637" spans="14:14">
      <c r="N32637" s="10"/>
    </row>
    <row r="32638" spans="14:14">
      <c r="N32638" s="10"/>
    </row>
    <row r="32639" spans="14:14">
      <c r="N32639" s="10"/>
    </row>
    <row r="32640" spans="14:14">
      <c r="N32640" s="10"/>
    </row>
    <row r="32641" spans="14:14">
      <c r="N32641" s="10"/>
    </row>
    <row r="32642" spans="14:14">
      <c r="N32642" s="10"/>
    </row>
    <row r="32643" spans="14:14">
      <c r="N32643" s="10"/>
    </row>
    <row r="32644" spans="14:14">
      <c r="N32644" s="10"/>
    </row>
    <row r="32645" spans="14:14">
      <c r="N32645" s="10"/>
    </row>
    <row r="32646" spans="14:14">
      <c r="N32646" s="10"/>
    </row>
    <row r="32647" spans="14:14">
      <c r="N32647" s="10"/>
    </row>
    <row r="32648" spans="14:14">
      <c r="N32648" s="10"/>
    </row>
    <row r="32649" spans="14:14">
      <c r="N32649" s="10"/>
    </row>
    <row r="32650" spans="14:14">
      <c r="N32650" s="10"/>
    </row>
    <row r="32651" spans="14:14">
      <c r="N32651" s="10"/>
    </row>
    <row r="32652" spans="14:14">
      <c r="N32652" s="10"/>
    </row>
    <row r="32653" spans="14:14">
      <c r="N32653" s="10"/>
    </row>
    <row r="32654" spans="14:14">
      <c r="N32654" s="10"/>
    </row>
    <row r="32655" spans="14:14">
      <c r="N32655" s="10"/>
    </row>
    <row r="32656" spans="14:14">
      <c r="N32656" s="10"/>
    </row>
    <row r="32657" spans="14:14">
      <c r="N32657" s="10"/>
    </row>
    <row r="32658" spans="14:14">
      <c r="N32658" s="10"/>
    </row>
    <row r="32659" spans="14:14">
      <c r="N32659" s="10"/>
    </row>
    <row r="32660" spans="14:14">
      <c r="N32660" s="10"/>
    </row>
    <row r="32661" spans="14:14">
      <c r="N32661" s="10"/>
    </row>
    <row r="32662" spans="14:14">
      <c r="N32662" s="10"/>
    </row>
    <row r="32663" spans="14:14">
      <c r="N32663" s="10"/>
    </row>
    <row r="32664" spans="14:14">
      <c r="N32664" s="10"/>
    </row>
    <row r="32665" spans="14:14">
      <c r="N32665" s="10"/>
    </row>
    <row r="32666" spans="14:14">
      <c r="N32666" s="10"/>
    </row>
    <row r="32667" spans="14:14">
      <c r="N32667" s="10"/>
    </row>
    <row r="32668" spans="14:14">
      <c r="N32668" s="10"/>
    </row>
    <row r="32669" spans="14:14">
      <c r="N32669" s="10"/>
    </row>
    <row r="32670" spans="14:14">
      <c r="N32670" s="10"/>
    </row>
    <row r="32671" spans="14:14">
      <c r="N32671" s="10"/>
    </row>
    <row r="32672" spans="14:14">
      <c r="N32672" s="10"/>
    </row>
    <row r="32673" spans="14:14">
      <c r="N32673" s="10"/>
    </row>
    <row r="32674" spans="14:14">
      <c r="N32674" s="10"/>
    </row>
    <row r="32675" spans="14:14">
      <c r="N32675" s="10"/>
    </row>
    <row r="32676" spans="14:14">
      <c r="N32676" s="10"/>
    </row>
    <row r="32677" spans="14:14">
      <c r="N32677" s="10"/>
    </row>
    <row r="32678" spans="14:14">
      <c r="N32678" s="10"/>
    </row>
    <row r="32679" spans="14:14">
      <c r="N32679" s="10"/>
    </row>
    <row r="32680" spans="14:14">
      <c r="N32680" s="10"/>
    </row>
    <row r="32681" spans="14:14">
      <c r="N32681" s="10"/>
    </row>
    <row r="32682" spans="14:14">
      <c r="N32682" s="10"/>
    </row>
    <row r="32683" spans="14:14">
      <c r="N32683" s="10"/>
    </row>
    <row r="32684" spans="14:14">
      <c r="N32684" s="10"/>
    </row>
    <row r="32685" spans="14:14">
      <c r="N32685" s="10"/>
    </row>
    <row r="32686" spans="14:14">
      <c r="N32686" s="10"/>
    </row>
    <row r="32687" spans="14:14">
      <c r="N32687" s="10"/>
    </row>
    <row r="32688" spans="14:14">
      <c r="N32688" s="10"/>
    </row>
    <row r="32689" spans="14:14">
      <c r="N32689" s="10"/>
    </row>
    <row r="32690" spans="14:14">
      <c r="N32690" s="10"/>
    </row>
    <row r="32691" spans="14:14">
      <c r="N32691" s="10"/>
    </row>
    <row r="32692" spans="14:14">
      <c r="N32692" s="10"/>
    </row>
    <row r="32693" spans="14:14">
      <c r="N32693" s="10"/>
    </row>
    <row r="32694" spans="14:14">
      <c r="N32694" s="10"/>
    </row>
    <row r="32695" spans="14:14">
      <c r="N32695" s="10"/>
    </row>
    <row r="32696" spans="14:14">
      <c r="N32696" s="10"/>
    </row>
    <row r="32697" spans="14:14">
      <c r="N32697" s="10"/>
    </row>
    <row r="32698" spans="14:14">
      <c r="N32698" s="10"/>
    </row>
    <row r="32699" spans="14:14">
      <c r="N32699" s="10"/>
    </row>
    <row r="32700" spans="14:14">
      <c r="N32700" s="10"/>
    </row>
    <row r="32701" spans="14:14">
      <c r="N32701" s="10"/>
    </row>
    <row r="32702" spans="14:14">
      <c r="N32702" s="10"/>
    </row>
    <row r="32703" spans="14:14">
      <c r="N32703" s="10"/>
    </row>
    <row r="32704" spans="14:14">
      <c r="N32704" s="10"/>
    </row>
    <row r="32705" spans="14:14">
      <c r="N32705" s="10"/>
    </row>
    <row r="32706" spans="14:14">
      <c r="N32706" s="10"/>
    </row>
    <row r="32707" spans="14:14">
      <c r="N32707" s="10"/>
    </row>
    <row r="32708" spans="14:14">
      <c r="N32708" s="10"/>
    </row>
    <row r="32709" spans="14:14">
      <c r="N32709" s="10"/>
    </row>
    <row r="32710" spans="14:14">
      <c r="N32710" s="10"/>
    </row>
    <row r="32711" spans="14:14">
      <c r="N32711" s="10"/>
    </row>
    <row r="32712" spans="14:14">
      <c r="N32712" s="10"/>
    </row>
    <row r="32713" spans="14:14">
      <c r="N32713" s="10"/>
    </row>
    <row r="32714" spans="14:14">
      <c r="N32714" s="10"/>
    </row>
    <row r="32715" spans="14:14">
      <c r="N32715" s="10"/>
    </row>
    <row r="32716" spans="14:14">
      <c r="N32716" s="10"/>
    </row>
    <row r="32717" spans="14:14">
      <c r="N32717" s="10"/>
    </row>
    <row r="32718" spans="14:14">
      <c r="N32718" s="10"/>
    </row>
    <row r="32719" spans="14:14">
      <c r="N32719" s="10"/>
    </row>
    <row r="32720" spans="14:14">
      <c r="N32720" s="10"/>
    </row>
    <row r="32721" spans="14:14">
      <c r="N32721" s="10"/>
    </row>
    <row r="32722" spans="14:14">
      <c r="N32722" s="10"/>
    </row>
    <row r="32723" spans="14:14">
      <c r="N32723" s="10"/>
    </row>
    <row r="32724" spans="14:14">
      <c r="N32724" s="10"/>
    </row>
    <row r="32725" spans="14:14">
      <c r="N32725" s="10"/>
    </row>
    <row r="32726" spans="14:14">
      <c r="N32726" s="10"/>
    </row>
    <row r="32727" spans="14:14">
      <c r="N32727" s="10"/>
    </row>
    <row r="32728" spans="14:14">
      <c r="N32728" s="10"/>
    </row>
    <row r="32729" spans="14:14">
      <c r="N32729" s="10"/>
    </row>
    <row r="32730" spans="14:14">
      <c r="N32730" s="10"/>
    </row>
    <row r="32731" spans="14:14">
      <c r="N32731" s="10"/>
    </row>
    <row r="32732" spans="14:14">
      <c r="N32732" s="10"/>
    </row>
    <row r="32733" spans="14:14">
      <c r="N32733" s="10"/>
    </row>
    <row r="32734" spans="14:14">
      <c r="N32734" s="10"/>
    </row>
    <row r="32735" spans="14:14">
      <c r="N32735" s="10"/>
    </row>
    <row r="32736" spans="14:14">
      <c r="N32736" s="10"/>
    </row>
    <row r="32737" spans="14:14">
      <c r="N32737" s="10"/>
    </row>
    <row r="32738" spans="14:14">
      <c r="N32738" s="10"/>
    </row>
    <row r="32739" spans="14:14">
      <c r="N32739" s="10"/>
    </row>
    <row r="32740" spans="14:14">
      <c r="N32740" s="10"/>
    </row>
    <row r="32741" spans="14:14">
      <c r="N32741" s="10"/>
    </row>
    <row r="32742" spans="14:14">
      <c r="N32742" s="10"/>
    </row>
    <row r="32743" spans="14:14">
      <c r="N32743" s="10"/>
    </row>
    <row r="32744" spans="14:14">
      <c r="N32744" s="10"/>
    </row>
    <row r="32745" spans="14:14">
      <c r="N32745" s="10"/>
    </row>
    <row r="32746" spans="14:14">
      <c r="N32746" s="10"/>
    </row>
    <row r="32747" spans="14:14">
      <c r="N32747" s="10"/>
    </row>
    <row r="32748" spans="14:14">
      <c r="N32748" s="10"/>
    </row>
    <row r="32749" spans="14:14">
      <c r="N32749" s="10"/>
    </row>
    <row r="32750" spans="14:14">
      <c r="N32750" s="10"/>
    </row>
    <row r="32751" spans="14:14">
      <c r="N32751" s="10"/>
    </row>
    <row r="32752" spans="14:14">
      <c r="N32752" s="10"/>
    </row>
    <row r="32753" spans="14:14">
      <c r="N32753" s="10"/>
    </row>
    <row r="32754" spans="14:14">
      <c r="N32754" s="10"/>
    </row>
    <row r="32755" spans="14:14">
      <c r="N32755" s="10"/>
    </row>
    <row r="32756" spans="14:14">
      <c r="N32756" s="10"/>
    </row>
    <row r="32757" spans="14:14">
      <c r="N32757" s="10"/>
    </row>
    <row r="32758" spans="14:14">
      <c r="N32758" s="10"/>
    </row>
    <row r="32759" spans="14:14">
      <c r="N32759" s="10"/>
    </row>
    <row r="32760" spans="14:14">
      <c r="N32760" s="10"/>
    </row>
    <row r="32761" spans="14:14">
      <c r="N32761" s="10"/>
    </row>
    <row r="32762" spans="14:14">
      <c r="N32762" s="10"/>
    </row>
    <row r="32763" spans="14:14">
      <c r="N32763" s="10"/>
    </row>
    <row r="32764" spans="14:14">
      <c r="N32764" s="10"/>
    </row>
    <row r="32765" spans="14:14">
      <c r="N32765" s="10"/>
    </row>
    <row r="32766" spans="14:14">
      <c r="N32766" s="10"/>
    </row>
    <row r="32767" spans="14:14">
      <c r="N32767" s="10"/>
    </row>
    <row r="32768" spans="14:14">
      <c r="N32768" s="10"/>
    </row>
    <row r="32769" spans="14:14">
      <c r="N32769" s="10"/>
    </row>
    <row r="32770" spans="14:14">
      <c r="N32770" s="10"/>
    </row>
    <row r="32771" spans="14:14">
      <c r="N32771" s="10"/>
    </row>
    <row r="32772" spans="14:14">
      <c r="N32772" s="10"/>
    </row>
    <row r="32773" spans="14:14">
      <c r="N32773" s="10"/>
    </row>
    <row r="32774" spans="14:14">
      <c r="N32774" s="10"/>
    </row>
    <row r="32775" spans="14:14">
      <c r="N32775" s="10"/>
    </row>
    <row r="32776" spans="14:14">
      <c r="N32776" s="10"/>
    </row>
    <row r="32777" spans="14:14">
      <c r="N32777" s="10"/>
    </row>
    <row r="32778" spans="14:14">
      <c r="N32778" s="10"/>
    </row>
    <row r="32779" spans="14:14">
      <c r="N32779" s="10"/>
    </row>
    <row r="32780" spans="14:14">
      <c r="N32780" s="10"/>
    </row>
    <row r="32781" spans="14:14">
      <c r="N32781" s="10"/>
    </row>
    <row r="32782" spans="14:14">
      <c r="N32782" s="10"/>
    </row>
    <row r="32783" spans="14:14">
      <c r="N32783" s="10"/>
    </row>
    <row r="32784" spans="14:14">
      <c r="N32784" s="10"/>
    </row>
    <row r="32785" spans="14:14">
      <c r="N32785" s="10"/>
    </row>
    <row r="32786" spans="14:14">
      <c r="N32786" s="10"/>
    </row>
    <row r="32787" spans="14:14">
      <c r="N32787" s="10"/>
    </row>
    <row r="32788" spans="14:14">
      <c r="N32788" s="10"/>
    </row>
    <row r="32789" spans="14:14">
      <c r="N32789" s="10"/>
    </row>
    <row r="32790" spans="14:14">
      <c r="N32790" s="10"/>
    </row>
    <row r="32791" spans="14:14">
      <c r="N32791" s="10"/>
    </row>
    <row r="32792" spans="14:14">
      <c r="N32792" s="10"/>
    </row>
    <row r="32793" spans="14:14">
      <c r="N32793" s="10"/>
    </row>
    <row r="32794" spans="14:14">
      <c r="N32794" s="10"/>
    </row>
    <row r="32795" spans="14:14">
      <c r="N32795" s="10"/>
    </row>
    <row r="32796" spans="14:14">
      <c r="N32796" s="10"/>
    </row>
    <row r="32797" spans="14:14">
      <c r="N32797" s="10"/>
    </row>
    <row r="32798" spans="14:14">
      <c r="N32798" s="10"/>
    </row>
    <row r="32799" spans="14:14">
      <c r="N32799" s="10"/>
    </row>
    <row r="32800" spans="14:14">
      <c r="N32800" s="10"/>
    </row>
    <row r="32801" spans="14:14">
      <c r="N32801" s="10"/>
    </row>
    <row r="32802" spans="14:14">
      <c r="N32802" s="10"/>
    </row>
    <row r="32803" spans="14:14">
      <c r="N32803" s="10"/>
    </row>
    <row r="32804" spans="14:14">
      <c r="N32804" s="10"/>
    </row>
    <row r="32805" spans="14:14">
      <c r="N32805" s="10"/>
    </row>
    <row r="32806" spans="14:14">
      <c r="N32806" s="10"/>
    </row>
    <row r="32807" spans="14:14">
      <c r="N32807" s="10"/>
    </row>
    <row r="32808" spans="14:14">
      <c r="N32808" s="10"/>
    </row>
    <row r="32809" spans="14:14">
      <c r="N32809" s="10"/>
    </row>
    <row r="32810" spans="14:14">
      <c r="N32810" s="10"/>
    </row>
    <row r="32811" spans="14:14">
      <c r="N32811" s="10"/>
    </row>
    <row r="32812" spans="14:14">
      <c r="N32812" s="10"/>
    </row>
    <row r="32813" spans="14:14">
      <c r="N32813" s="10"/>
    </row>
    <row r="32814" spans="14:14">
      <c r="N32814" s="10"/>
    </row>
    <row r="32815" spans="14:14">
      <c r="N32815" s="10"/>
    </row>
    <row r="32816" spans="14:14">
      <c r="N32816" s="10"/>
    </row>
    <row r="32817" spans="14:14">
      <c r="N32817" s="10"/>
    </row>
    <row r="32818" spans="14:14">
      <c r="N32818" s="10"/>
    </row>
    <row r="32819" spans="14:14">
      <c r="N32819" s="10"/>
    </row>
    <row r="32820" spans="14:14">
      <c r="N32820" s="10"/>
    </row>
    <row r="32821" spans="14:14">
      <c r="N32821" s="10"/>
    </row>
    <row r="32822" spans="14:14">
      <c r="N32822" s="10"/>
    </row>
    <row r="32823" spans="14:14">
      <c r="N32823" s="10"/>
    </row>
    <row r="32824" spans="14:14">
      <c r="N32824" s="10"/>
    </row>
    <row r="32825" spans="14:14">
      <c r="N32825" s="10"/>
    </row>
    <row r="32826" spans="14:14">
      <c r="N32826" s="10"/>
    </row>
    <row r="32827" spans="14:14">
      <c r="N32827" s="10"/>
    </row>
    <row r="32828" spans="14:14">
      <c r="N32828" s="10"/>
    </row>
    <row r="32829" spans="14:14">
      <c r="N32829" s="10"/>
    </row>
    <row r="32830" spans="14:14">
      <c r="N32830" s="10"/>
    </row>
    <row r="32831" spans="14:14">
      <c r="N32831" s="10"/>
    </row>
    <row r="32832" spans="14:14">
      <c r="N32832" s="10"/>
    </row>
    <row r="32833" spans="14:14">
      <c r="N32833" s="10"/>
    </row>
    <row r="32834" spans="14:14">
      <c r="N32834" s="10"/>
    </row>
    <row r="32835" spans="14:14">
      <c r="N32835" s="10"/>
    </row>
    <row r="32836" spans="14:14">
      <c r="N32836" s="10"/>
    </row>
    <row r="32837" spans="14:14">
      <c r="N32837" s="10"/>
    </row>
    <row r="32838" spans="14:14">
      <c r="N32838" s="10"/>
    </row>
    <row r="32839" spans="14:14">
      <c r="N32839" s="10"/>
    </row>
    <row r="32840" spans="14:14">
      <c r="N32840" s="10"/>
    </row>
    <row r="32841" spans="14:14">
      <c r="N32841" s="10"/>
    </row>
    <row r="32842" spans="14:14">
      <c r="N32842" s="10"/>
    </row>
    <row r="32843" spans="14:14">
      <c r="N32843" s="10"/>
    </row>
    <row r="32844" spans="14:14">
      <c r="N32844" s="10"/>
    </row>
    <row r="32845" spans="14:14">
      <c r="N32845" s="10"/>
    </row>
    <row r="32846" spans="14:14">
      <c r="N32846" s="10"/>
    </row>
    <row r="32847" spans="14:14">
      <c r="N32847" s="10"/>
    </row>
    <row r="32848" spans="14:14">
      <c r="N32848" s="10"/>
    </row>
    <row r="32849" spans="14:14">
      <c r="N32849" s="10"/>
    </row>
    <row r="32850" spans="14:14">
      <c r="N32850" s="10"/>
    </row>
    <row r="32851" spans="14:14">
      <c r="N32851" s="10"/>
    </row>
    <row r="32852" spans="14:14">
      <c r="N32852" s="10"/>
    </row>
    <row r="32853" spans="14:14">
      <c r="N32853" s="10"/>
    </row>
    <row r="32854" spans="14:14">
      <c r="N32854" s="10"/>
    </row>
    <row r="32855" spans="14:14">
      <c r="N32855" s="10"/>
    </row>
    <row r="32856" spans="14:14">
      <c r="N32856" s="10"/>
    </row>
    <row r="32857" spans="14:14">
      <c r="N32857" s="10"/>
    </row>
    <row r="32858" spans="14:14">
      <c r="N32858" s="10"/>
    </row>
    <row r="32859" spans="14:14">
      <c r="N32859" s="10"/>
    </row>
    <row r="32860" spans="14:14">
      <c r="N32860" s="10"/>
    </row>
    <row r="32861" spans="14:14">
      <c r="N32861" s="10"/>
    </row>
    <row r="32862" spans="14:14">
      <c r="N32862" s="10"/>
    </row>
    <row r="32863" spans="14:14">
      <c r="N32863" s="10"/>
    </row>
    <row r="32864" spans="14:14">
      <c r="N32864" s="10"/>
    </row>
    <row r="32865" spans="14:14">
      <c r="N32865" s="10"/>
    </row>
    <row r="32866" spans="14:14">
      <c r="N32866" s="10"/>
    </row>
    <row r="32867" spans="14:14">
      <c r="N32867" s="10"/>
    </row>
    <row r="32868" spans="14:14">
      <c r="N32868" s="10"/>
    </row>
    <row r="32869" spans="14:14">
      <c r="N32869" s="10"/>
    </row>
    <row r="32870" spans="14:14">
      <c r="N32870" s="10"/>
    </row>
    <row r="32871" spans="14:14">
      <c r="N32871" s="10"/>
    </row>
    <row r="32872" spans="14:14">
      <c r="N32872" s="10"/>
    </row>
    <row r="32873" spans="14:14">
      <c r="N32873" s="10"/>
    </row>
    <row r="32874" spans="14:14">
      <c r="N32874" s="10"/>
    </row>
    <row r="32875" spans="14:14">
      <c r="N32875" s="10"/>
    </row>
    <row r="32876" spans="14:14">
      <c r="N32876" s="10"/>
    </row>
    <row r="32877" spans="14:14">
      <c r="N32877" s="10"/>
    </row>
    <row r="32878" spans="14:14">
      <c r="N32878" s="10"/>
    </row>
    <row r="32879" spans="14:14">
      <c r="N32879" s="10"/>
    </row>
    <row r="32880" spans="14:14">
      <c r="N32880" s="10"/>
    </row>
    <row r="32881" spans="14:14">
      <c r="N32881" s="10"/>
    </row>
    <row r="32882" spans="14:14">
      <c r="N32882" s="10"/>
    </row>
    <row r="32883" spans="14:14">
      <c r="N32883" s="10"/>
    </row>
    <row r="32884" spans="14:14">
      <c r="N32884" s="10"/>
    </row>
    <row r="32885" spans="14:14">
      <c r="N32885" s="10"/>
    </row>
    <row r="32886" spans="14:14">
      <c r="N32886" s="10"/>
    </row>
    <row r="32887" spans="14:14">
      <c r="N32887" s="10"/>
    </row>
    <row r="32888" spans="14:14">
      <c r="N32888" s="10"/>
    </row>
    <row r="32889" spans="14:14">
      <c r="N32889" s="10"/>
    </row>
    <row r="32890" spans="14:14">
      <c r="N32890" s="10"/>
    </row>
    <row r="32891" spans="14:14">
      <c r="N32891" s="10"/>
    </row>
    <row r="32892" spans="14:14">
      <c r="N32892" s="10"/>
    </row>
    <row r="32893" spans="14:14">
      <c r="N32893" s="10"/>
    </row>
    <row r="32894" spans="14:14">
      <c r="N32894" s="10"/>
    </row>
    <row r="32895" spans="14:14">
      <c r="N32895" s="10"/>
    </row>
    <row r="32896" spans="14:14">
      <c r="N32896" s="10"/>
    </row>
    <row r="32897" spans="14:14">
      <c r="N32897" s="10"/>
    </row>
    <row r="32898" spans="14:14">
      <c r="N32898" s="10"/>
    </row>
    <row r="32899" spans="14:14">
      <c r="N32899" s="10"/>
    </row>
    <row r="32900" spans="14:14">
      <c r="N32900" s="10"/>
    </row>
    <row r="32901" spans="14:14">
      <c r="N32901" s="10"/>
    </row>
    <row r="32902" spans="14:14">
      <c r="N32902" s="10"/>
    </row>
    <row r="32903" spans="14:14">
      <c r="N32903" s="10"/>
    </row>
    <row r="32904" spans="14:14">
      <c r="N32904" s="10"/>
    </row>
    <row r="32905" spans="14:14">
      <c r="N32905" s="10"/>
    </row>
    <row r="32906" spans="14:14">
      <c r="N32906" s="10"/>
    </row>
    <row r="32907" spans="14:14">
      <c r="N32907" s="10"/>
    </row>
    <row r="32908" spans="14:14">
      <c r="N32908" s="10"/>
    </row>
    <row r="32909" spans="14:14">
      <c r="N32909" s="10"/>
    </row>
    <row r="32910" spans="14:14">
      <c r="N32910" s="10"/>
    </row>
    <row r="32911" spans="14:14">
      <c r="N32911" s="10"/>
    </row>
    <row r="32912" spans="14:14">
      <c r="N32912" s="10"/>
    </row>
    <row r="32913" spans="14:14">
      <c r="N32913" s="10"/>
    </row>
    <row r="32914" spans="14:14">
      <c r="N32914" s="10"/>
    </row>
    <row r="32915" spans="14:14">
      <c r="N32915" s="10"/>
    </row>
    <row r="32916" spans="14:14">
      <c r="N32916" s="10"/>
    </row>
    <row r="32917" spans="14:14">
      <c r="N32917" s="10"/>
    </row>
    <row r="32918" spans="14:14">
      <c r="N32918" s="10"/>
    </row>
    <row r="32919" spans="14:14">
      <c r="N32919" s="10"/>
    </row>
    <row r="32920" spans="14:14">
      <c r="N32920" s="10"/>
    </row>
    <row r="32921" spans="14:14">
      <c r="N32921" s="10"/>
    </row>
    <row r="32922" spans="14:14">
      <c r="N32922" s="10"/>
    </row>
    <row r="32923" spans="14:14">
      <c r="N32923" s="10"/>
    </row>
    <row r="32924" spans="14:14">
      <c r="N32924" s="10"/>
    </row>
    <row r="32925" spans="14:14">
      <c r="N32925" s="10"/>
    </row>
    <row r="32926" spans="14:14">
      <c r="N32926" s="10"/>
    </row>
    <row r="32927" spans="14:14">
      <c r="N32927" s="10"/>
    </row>
    <row r="32928" spans="14:14">
      <c r="N32928" s="10"/>
    </row>
    <row r="32929" spans="14:14">
      <c r="N32929" s="10"/>
    </row>
    <row r="32930" spans="14:14">
      <c r="N32930" s="10"/>
    </row>
    <row r="32931" spans="14:14">
      <c r="N32931" s="10"/>
    </row>
    <row r="32932" spans="14:14">
      <c r="N32932" s="10"/>
    </row>
    <row r="32933" spans="14:14">
      <c r="N32933" s="10"/>
    </row>
    <row r="32934" spans="14:14">
      <c r="N32934" s="10"/>
    </row>
    <row r="32935" spans="14:14">
      <c r="N32935" s="10"/>
    </row>
    <row r="32936" spans="14:14">
      <c r="N32936" s="10"/>
    </row>
    <row r="32937" spans="14:14">
      <c r="N32937" s="10"/>
    </row>
    <row r="32938" spans="14:14">
      <c r="N32938" s="10"/>
    </row>
    <row r="32939" spans="14:14">
      <c r="N32939" s="10"/>
    </row>
    <row r="32940" spans="14:14">
      <c r="N32940" s="10"/>
    </row>
    <row r="32941" spans="14:14">
      <c r="N32941" s="10"/>
    </row>
    <row r="32942" spans="14:14">
      <c r="N32942" s="10"/>
    </row>
    <row r="32943" spans="14:14">
      <c r="N32943" s="10"/>
    </row>
    <row r="32944" spans="14:14">
      <c r="N32944" s="10"/>
    </row>
    <row r="32945" spans="14:14">
      <c r="N32945" s="10"/>
    </row>
    <row r="32946" spans="14:14">
      <c r="N32946" s="10"/>
    </row>
    <row r="32947" spans="14:14">
      <c r="N32947" s="10"/>
    </row>
    <row r="32948" spans="14:14">
      <c r="N32948" s="10"/>
    </row>
    <row r="32949" spans="14:14">
      <c r="N32949" s="10"/>
    </row>
    <row r="32950" spans="14:14">
      <c r="N32950" s="10"/>
    </row>
    <row r="32951" spans="14:14">
      <c r="N32951" s="10"/>
    </row>
    <row r="32952" spans="14:14">
      <c r="N32952" s="10"/>
    </row>
    <row r="32953" spans="14:14">
      <c r="N32953" s="10"/>
    </row>
    <row r="32954" spans="14:14">
      <c r="N32954" s="10"/>
    </row>
    <row r="32955" spans="14:14">
      <c r="N32955" s="10"/>
    </row>
    <row r="32956" spans="14:14">
      <c r="N32956" s="10"/>
    </row>
    <row r="32957" spans="14:14">
      <c r="N32957" s="10"/>
    </row>
    <row r="32958" spans="14:14">
      <c r="N32958" s="10"/>
    </row>
    <row r="32959" spans="14:14">
      <c r="N32959" s="10"/>
    </row>
    <row r="32960" spans="14:14">
      <c r="N32960" s="10"/>
    </row>
    <row r="32961" spans="14:14">
      <c r="N32961" s="10"/>
    </row>
    <row r="32962" spans="14:14">
      <c r="N32962" s="10"/>
    </row>
    <row r="32963" spans="14:14">
      <c r="N32963" s="10"/>
    </row>
    <row r="32964" spans="14:14">
      <c r="N32964" s="10"/>
    </row>
    <row r="32965" spans="14:14">
      <c r="N32965" s="10"/>
    </row>
    <row r="32966" spans="14:14">
      <c r="N32966" s="10"/>
    </row>
    <row r="32967" spans="14:14">
      <c r="N32967" s="10"/>
    </row>
    <row r="32968" spans="14:14">
      <c r="N32968" s="10"/>
    </row>
    <row r="32969" spans="14:14">
      <c r="N32969" s="10"/>
    </row>
    <row r="32970" spans="14:14">
      <c r="N32970" s="10"/>
    </row>
    <row r="32971" spans="14:14">
      <c r="N32971" s="10"/>
    </row>
    <row r="32972" spans="14:14">
      <c r="N32972" s="10"/>
    </row>
    <row r="32973" spans="14:14">
      <c r="N32973" s="10"/>
    </row>
    <row r="32974" spans="14:14">
      <c r="N32974" s="10"/>
    </row>
    <row r="32975" spans="14:14">
      <c r="N32975" s="10"/>
    </row>
    <row r="32976" spans="14:14">
      <c r="N32976" s="10"/>
    </row>
    <row r="32977" spans="14:14">
      <c r="N32977" s="10"/>
    </row>
    <row r="32978" spans="14:14">
      <c r="N32978" s="10"/>
    </row>
    <row r="32979" spans="14:14">
      <c r="N32979" s="10"/>
    </row>
    <row r="32980" spans="14:14">
      <c r="N32980" s="10"/>
    </row>
    <row r="32981" spans="14:14">
      <c r="N32981" s="10"/>
    </row>
    <row r="32982" spans="14:14">
      <c r="N32982" s="10"/>
    </row>
    <row r="32983" spans="14:14">
      <c r="N32983" s="10"/>
    </row>
    <row r="32984" spans="14:14">
      <c r="N32984" s="10"/>
    </row>
    <row r="32985" spans="14:14">
      <c r="N32985" s="10"/>
    </row>
    <row r="32986" spans="14:14">
      <c r="N32986" s="10"/>
    </row>
    <row r="32987" spans="14:14">
      <c r="N32987" s="10"/>
    </row>
    <row r="32988" spans="14:14">
      <c r="N32988" s="10"/>
    </row>
    <row r="32989" spans="14:14">
      <c r="N32989" s="10"/>
    </row>
    <row r="32990" spans="14:14">
      <c r="N32990" s="10"/>
    </row>
    <row r="32991" spans="14:14">
      <c r="N32991" s="10"/>
    </row>
    <row r="32992" spans="14:14">
      <c r="N32992" s="10"/>
    </row>
    <row r="32993" spans="14:14">
      <c r="N32993" s="10"/>
    </row>
    <row r="32994" spans="14:14">
      <c r="N32994" s="10"/>
    </row>
    <row r="32995" spans="14:14">
      <c r="N32995" s="10"/>
    </row>
    <row r="32996" spans="14:14">
      <c r="N32996" s="10"/>
    </row>
    <row r="32997" spans="14:14">
      <c r="N32997" s="10"/>
    </row>
    <row r="32998" spans="14:14">
      <c r="N32998" s="10"/>
    </row>
    <row r="32999" spans="14:14">
      <c r="N32999" s="10"/>
    </row>
    <row r="33000" spans="14:14">
      <c r="N33000" s="10"/>
    </row>
    <row r="33001" spans="14:14">
      <c r="N33001" s="10"/>
    </row>
    <row r="33002" spans="14:14">
      <c r="N33002" s="10"/>
    </row>
    <row r="33003" spans="14:14">
      <c r="N33003" s="10"/>
    </row>
    <row r="33004" spans="14:14">
      <c r="N33004" s="10"/>
    </row>
    <row r="33005" spans="14:14">
      <c r="N33005" s="10"/>
    </row>
    <row r="33006" spans="14:14">
      <c r="N33006" s="10"/>
    </row>
    <row r="33007" spans="14:14">
      <c r="N33007" s="10"/>
    </row>
    <row r="33008" spans="14:14">
      <c r="N33008" s="10"/>
    </row>
    <row r="33009" spans="14:14">
      <c r="N33009" s="10"/>
    </row>
    <row r="33010" spans="14:14">
      <c r="N33010" s="10"/>
    </row>
    <row r="33011" spans="14:14">
      <c r="N33011" s="10"/>
    </row>
    <row r="33012" spans="14:14">
      <c r="N33012" s="10"/>
    </row>
    <row r="33013" spans="14:14">
      <c r="N33013" s="10"/>
    </row>
    <row r="33014" spans="14:14">
      <c r="N33014" s="10"/>
    </row>
    <row r="33015" spans="14:14">
      <c r="N33015" s="10"/>
    </row>
    <row r="33016" spans="14:14">
      <c r="N33016" s="10"/>
    </row>
    <row r="33017" spans="14:14">
      <c r="N33017" s="10"/>
    </row>
    <row r="33018" spans="14:14">
      <c r="N33018" s="10"/>
    </row>
    <row r="33019" spans="14:14">
      <c r="N33019" s="10"/>
    </row>
    <row r="33020" spans="14:14">
      <c r="N33020" s="10"/>
    </row>
    <row r="33021" spans="14:14">
      <c r="N33021" s="10"/>
    </row>
    <row r="33022" spans="14:14">
      <c r="N33022" s="10"/>
    </row>
    <row r="33023" spans="14:14">
      <c r="N33023" s="10"/>
    </row>
    <row r="33024" spans="14:14">
      <c r="N33024" s="10"/>
    </row>
    <row r="33025" spans="14:14">
      <c r="N33025" s="10"/>
    </row>
    <row r="33026" spans="14:14">
      <c r="N33026" s="10"/>
    </row>
    <row r="33027" spans="14:14">
      <c r="N33027" s="10"/>
    </row>
    <row r="33028" spans="14:14">
      <c r="N33028" s="10"/>
    </row>
    <row r="33029" spans="14:14">
      <c r="N33029" s="10"/>
    </row>
    <row r="33030" spans="14:14">
      <c r="N33030" s="10"/>
    </row>
    <row r="33031" spans="14:14">
      <c r="N33031" s="10"/>
    </row>
    <row r="33032" spans="14:14">
      <c r="N33032" s="10"/>
    </row>
    <row r="33033" spans="14:14">
      <c r="N33033" s="10"/>
    </row>
    <row r="33034" spans="14:14">
      <c r="N33034" s="10"/>
    </row>
    <row r="33035" spans="14:14">
      <c r="N33035" s="10"/>
    </row>
    <row r="33036" spans="14:14">
      <c r="N33036" s="10"/>
    </row>
    <row r="33037" spans="14:14">
      <c r="N33037" s="10"/>
    </row>
    <row r="33038" spans="14:14">
      <c r="N33038" s="10"/>
    </row>
    <row r="33039" spans="14:14">
      <c r="N33039" s="10"/>
    </row>
    <row r="33040" spans="14:14">
      <c r="N33040" s="10"/>
    </row>
    <row r="33041" spans="14:14">
      <c r="N33041" s="10"/>
    </row>
    <row r="33042" spans="14:14">
      <c r="N33042" s="10"/>
    </row>
    <row r="33043" spans="14:14">
      <c r="N33043" s="10"/>
    </row>
    <row r="33044" spans="14:14">
      <c r="N33044" s="10"/>
    </row>
    <row r="33045" spans="14:14">
      <c r="N33045" s="10"/>
    </row>
    <row r="33046" spans="14:14">
      <c r="N33046" s="10"/>
    </row>
    <row r="33047" spans="14:14">
      <c r="N33047" s="10"/>
    </row>
    <row r="33048" spans="14:14">
      <c r="N33048" s="10"/>
    </row>
    <row r="33049" spans="14:14">
      <c r="N33049" s="10"/>
    </row>
    <row r="33050" spans="14:14">
      <c r="N33050" s="10"/>
    </row>
    <row r="33051" spans="14:14">
      <c r="N33051" s="10"/>
    </row>
    <row r="33052" spans="14:14">
      <c r="N33052" s="10"/>
    </row>
    <row r="33053" spans="14:14">
      <c r="N33053" s="10"/>
    </row>
    <row r="33054" spans="14:14">
      <c r="N33054" s="10"/>
    </row>
    <row r="33055" spans="14:14">
      <c r="N33055" s="10"/>
    </row>
    <row r="33056" spans="14:14">
      <c r="N33056" s="10"/>
    </row>
    <row r="33057" spans="14:14">
      <c r="N33057" s="10"/>
    </row>
    <row r="33058" spans="14:14">
      <c r="N33058" s="10"/>
    </row>
    <row r="33059" spans="14:14">
      <c r="N33059" s="10"/>
    </row>
    <row r="33060" spans="14:14">
      <c r="N33060" s="10"/>
    </row>
    <row r="33061" spans="14:14">
      <c r="N33061" s="10"/>
    </row>
    <row r="33062" spans="14:14">
      <c r="N33062" s="10"/>
    </row>
    <row r="33063" spans="14:14">
      <c r="N33063" s="10"/>
    </row>
    <row r="33064" spans="14:14">
      <c r="N33064" s="10"/>
    </row>
    <row r="33065" spans="14:14">
      <c r="N33065" s="10"/>
    </row>
    <row r="33066" spans="14:14">
      <c r="N33066" s="10"/>
    </row>
    <row r="33067" spans="14:14">
      <c r="N33067" s="10"/>
    </row>
    <row r="33068" spans="14:14">
      <c r="N33068" s="10"/>
    </row>
    <row r="33069" spans="14:14">
      <c r="N33069" s="10"/>
    </row>
    <row r="33070" spans="14:14">
      <c r="N33070" s="10"/>
    </row>
    <row r="33071" spans="14:14">
      <c r="N33071" s="10"/>
    </row>
    <row r="33072" spans="14:14">
      <c r="N33072" s="10"/>
    </row>
    <row r="33073" spans="14:14">
      <c r="N33073" s="10"/>
    </row>
    <row r="33074" spans="14:14">
      <c r="N33074" s="10"/>
    </row>
    <row r="33075" spans="14:14">
      <c r="N33075" s="10"/>
    </row>
    <row r="33076" spans="14:14">
      <c r="N33076" s="10"/>
    </row>
    <row r="33077" spans="14:14">
      <c r="N33077" s="10"/>
    </row>
    <row r="33078" spans="14:14">
      <c r="N33078" s="10"/>
    </row>
    <row r="33079" spans="14:14">
      <c r="N33079" s="10"/>
    </row>
    <row r="33080" spans="14:14">
      <c r="N33080" s="10"/>
    </row>
    <row r="33081" spans="14:14">
      <c r="N33081" s="10"/>
    </row>
    <row r="33082" spans="14:14">
      <c r="N33082" s="10"/>
    </row>
    <row r="33083" spans="14:14">
      <c r="N33083" s="10"/>
    </row>
    <row r="33084" spans="14:14">
      <c r="N33084" s="10"/>
    </row>
    <row r="33085" spans="14:14">
      <c r="N33085" s="10"/>
    </row>
    <row r="33086" spans="14:14">
      <c r="N33086" s="10"/>
    </row>
    <row r="33087" spans="14:14">
      <c r="N33087" s="10"/>
    </row>
    <row r="33088" spans="14:14">
      <c r="N33088" s="10"/>
    </row>
    <row r="33089" spans="14:14">
      <c r="N33089" s="10"/>
    </row>
    <row r="33090" spans="14:14">
      <c r="N33090" s="10"/>
    </row>
    <row r="33091" spans="14:14">
      <c r="N33091" s="10"/>
    </row>
    <row r="33092" spans="14:14">
      <c r="N33092" s="10"/>
    </row>
    <row r="33093" spans="14:14">
      <c r="N33093" s="10"/>
    </row>
    <row r="33094" spans="14:14">
      <c r="N33094" s="10"/>
    </row>
    <row r="33095" spans="14:14">
      <c r="N33095" s="10"/>
    </row>
    <row r="33096" spans="14:14">
      <c r="N33096" s="10"/>
    </row>
    <row r="33097" spans="14:14">
      <c r="N33097" s="10"/>
    </row>
    <row r="33098" spans="14:14">
      <c r="N33098" s="10"/>
    </row>
    <row r="33099" spans="14:14">
      <c r="N33099" s="10"/>
    </row>
    <row r="33100" spans="14:14">
      <c r="N33100" s="10"/>
    </row>
    <row r="33101" spans="14:14">
      <c r="N33101" s="10"/>
    </row>
    <row r="33102" spans="14:14">
      <c r="N33102" s="10"/>
    </row>
    <row r="33103" spans="14:14">
      <c r="N33103" s="10"/>
    </row>
    <row r="33104" spans="14:14">
      <c r="N33104" s="10"/>
    </row>
    <row r="33105" spans="14:14">
      <c r="N33105" s="10"/>
    </row>
    <row r="33106" spans="14:14">
      <c r="N33106" s="10"/>
    </row>
    <row r="33107" spans="14:14">
      <c r="N33107" s="10"/>
    </row>
    <row r="33108" spans="14:14">
      <c r="N33108" s="10"/>
    </row>
    <row r="33109" spans="14:14">
      <c r="N33109" s="10"/>
    </row>
    <row r="33110" spans="14:14">
      <c r="N33110" s="10"/>
    </row>
    <row r="33111" spans="14:14">
      <c r="N33111" s="10"/>
    </row>
    <row r="33112" spans="14:14">
      <c r="N33112" s="10"/>
    </row>
    <row r="33113" spans="14:14">
      <c r="N33113" s="10"/>
    </row>
    <row r="33114" spans="14:14">
      <c r="N33114" s="10"/>
    </row>
    <row r="33115" spans="14:14">
      <c r="N33115" s="10"/>
    </row>
    <row r="33116" spans="14:14">
      <c r="N33116" s="10"/>
    </row>
    <row r="33117" spans="14:14">
      <c r="N33117" s="10"/>
    </row>
    <row r="33118" spans="14:14">
      <c r="N33118" s="10"/>
    </row>
    <row r="33119" spans="14:14">
      <c r="N33119" s="10"/>
    </row>
    <row r="33120" spans="14:14">
      <c r="N33120" s="10"/>
    </row>
    <row r="33121" spans="14:14">
      <c r="N33121" s="10"/>
    </row>
    <row r="33122" spans="14:14">
      <c r="N33122" s="10"/>
    </row>
    <row r="33123" spans="14:14">
      <c r="N33123" s="10"/>
    </row>
    <row r="33124" spans="14:14">
      <c r="N33124" s="10"/>
    </row>
    <row r="33125" spans="14:14">
      <c r="N33125" s="10"/>
    </row>
    <row r="33126" spans="14:14">
      <c r="N33126" s="10"/>
    </row>
    <row r="33127" spans="14:14">
      <c r="N33127" s="10"/>
    </row>
    <row r="33128" spans="14:14">
      <c r="N33128" s="10"/>
    </row>
    <row r="33129" spans="14:14">
      <c r="N33129" s="10"/>
    </row>
    <row r="33130" spans="14:14">
      <c r="N33130" s="10"/>
    </row>
    <row r="33131" spans="14:14">
      <c r="N33131" s="10"/>
    </row>
    <row r="33132" spans="14:14">
      <c r="N33132" s="10"/>
    </row>
    <row r="33133" spans="14:14">
      <c r="N33133" s="10"/>
    </row>
    <row r="33134" spans="14:14">
      <c r="N33134" s="10"/>
    </row>
    <row r="33135" spans="14:14">
      <c r="N33135" s="10"/>
    </row>
    <row r="33136" spans="14:14">
      <c r="N33136" s="10"/>
    </row>
    <row r="33137" spans="14:14">
      <c r="N33137" s="10"/>
    </row>
    <row r="33138" spans="14:14">
      <c r="N33138" s="10"/>
    </row>
    <row r="33139" spans="14:14">
      <c r="N33139" s="10"/>
    </row>
    <row r="33140" spans="14:14">
      <c r="N33140" s="10"/>
    </row>
    <row r="33141" spans="14:14">
      <c r="N33141" s="10"/>
    </row>
    <row r="33142" spans="14:14">
      <c r="N33142" s="10"/>
    </row>
    <row r="33143" spans="14:14">
      <c r="N33143" s="10"/>
    </row>
    <row r="33144" spans="14:14">
      <c r="N33144" s="10"/>
    </row>
    <row r="33145" spans="14:14">
      <c r="N33145" s="10"/>
    </row>
    <row r="33146" spans="14:14">
      <c r="N33146" s="10"/>
    </row>
    <row r="33147" spans="14:14">
      <c r="N33147" s="10"/>
    </row>
    <row r="33148" spans="14:14">
      <c r="N33148" s="10"/>
    </row>
    <row r="33149" spans="14:14">
      <c r="N33149" s="10"/>
    </row>
    <row r="33150" spans="14:14">
      <c r="N33150" s="10"/>
    </row>
    <row r="33151" spans="14:14">
      <c r="N33151" s="10"/>
    </row>
    <row r="33152" spans="14:14">
      <c r="N33152" s="10"/>
    </row>
    <row r="33153" spans="14:14">
      <c r="N33153" s="10"/>
    </row>
    <row r="33154" spans="14:14">
      <c r="N33154" s="10"/>
    </row>
    <row r="33155" spans="14:14">
      <c r="N33155" s="10"/>
    </row>
    <row r="33156" spans="14:14">
      <c r="N33156" s="10"/>
    </row>
    <row r="33157" spans="14:14">
      <c r="N33157" s="10"/>
    </row>
    <row r="33158" spans="14:14">
      <c r="N33158" s="10"/>
    </row>
    <row r="33159" spans="14:14">
      <c r="N33159" s="10"/>
    </row>
    <row r="33160" spans="14:14">
      <c r="N33160" s="10"/>
    </row>
    <row r="33161" spans="14:14">
      <c r="N33161" s="10"/>
    </row>
    <row r="33162" spans="14:14">
      <c r="N33162" s="10"/>
    </row>
    <row r="33163" spans="14:14">
      <c r="N33163" s="10"/>
    </row>
    <row r="33164" spans="14:14">
      <c r="N33164" s="10"/>
    </row>
    <row r="33165" spans="14:14">
      <c r="N33165" s="10"/>
    </row>
    <row r="33166" spans="14:14">
      <c r="N33166" s="10"/>
    </row>
    <row r="33167" spans="14:14">
      <c r="N33167" s="10"/>
    </row>
    <row r="33168" spans="14:14">
      <c r="N33168" s="10"/>
    </row>
    <row r="33169" spans="14:14">
      <c r="N33169" s="10"/>
    </row>
    <row r="33170" spans="14:14">
      <c r="N33170" s="10"/>
    </row>
    <row r="33171" spans="14:14">
      <c r="N33171" s="10"/>
    </row>
    <row r="33172" spans="14:14">
      <c r="N33172" s="10"/>
    </row>
    <row r="33173" spans="14:14">
      <c r="N33173" s="10"/>
    </row>
    <row r="33174" spans="14:14">
      <c r="N33174" s="10"/>
    </row>
    <row r="33175" spans="14:14">
      <c r="N33175" s="10"/>
    </row>
    <row r="33176" spans="14:14">
      <c r="N33176" s="10"/>
    </row>
    <row r="33177" spans="14:14">
      <c r="N33177" s="10"/>
    </row>
    <row r="33178" spans="14:14">
      <c r="N33178" s="10"/>
    </row>
    <row r="33179" spans="14:14">
      <c r="N33179" s="10"/>
    </row>
    <row r="33180" spans="14:14">
      <c r="N33180" s="10"/>
    </row>
    <row r="33181" spans="14:14">
      <c r="N33181" s="10"/>
    </row>
    <row r="33182" spans="14:14">
      <c r="N33182" s="10"/>
    </row>
    <row r="33183" spans="14:14">
      <c r="N33183" s="10"/>
    </row>
    <row r="33184" spans="14:14">
      <c r="N33184" s="10"/>
    </row>
    <row r="33185" spans="14:14">
      <c r="N33185" s="10"/>
    </row>
    <row r="33186" spans="14:14">
      <c r="N33186" s="10"/>
    </row>
    <row r="33187" spans="14:14">
      <c r="N33187" s="10"/>
    </row>
    <row r="33188" spans="14:14">
      <c r="N33188" s="10"/>
    </row>
    <row r="33189" spans="14:14">
      <c r="N33189" s="10"/>
    </row>
    <row r="33190" spans="14:14">
      <c r="N33190" s="10"/>
    </row>
    <row r="33191" spans="14:14">
      <c r="N33191" s="10"/>
    </row>
    <row r="33192" spans="14:14">
      <c r="N33192" s="10"/>
    </row>
    <row r="33193" spans="14:14">
      <c r="N33193" s="10"/>
    </row>
    <row r="33194" spans="14:14">
      <c r="N33194" s="10"/>
    </row>
    <row r="33195" spans="14:14">
      <c r="N33195" s="10"/>
    </row>
    <row r="33196" spans="14:14">
      <c r="N33196" s="10"/>
    </row>
    <row r="33197" spans="14:14">
      <c r="N33197" s="10"/>
    </row>
    <row r="33198" spans="14:14">
      <c r="N33198" s="10"/>
    </row>
    <row r="33199" spans="14:14">
      <c r="N33199" s="10"/>
    </row>
    <row r="33200" spans="14:14">
      <c r="N33200" s="10"/>
    </row>
    <row r="33201" spans="14:14">
      <c r="N33201" s="10"/>
    </row>
    <row r="33202" spans="14:14">
      <c r="N33202" s="10"/>
    </row>
    <row r="33203" spans="14:14">
      <c r="N33203" s="10"/>
    </row>
    <row r="33204" spans="14:14">
      <c r="N33204" s="10"/>
    </row>
    <row r="33205" spans="14:14">
      <c r="N33205" s="10"/>
    </row>
    <row r="33206" spans="14:14">
      <c r="N33206" s="10"/>
    </row>
    <row r="33207" spans="14:14">
      <c r="N33207" s="10"/>
    </row>
    <row r="33208" spans="14:14">
      <c r="N33208" s="10"/>
    </row>
    <row r="33209" spans="14:14">
      <c r="N33209" s="10"/>
    </row>
    <row r="33210" spans="14:14">
      <c r="N33210" s="10"/>
    </row>
    <row r="33211" spans="14:14">
      <c r="N33211" s="10"/>
    </row>
    <row r="33212" spans="14:14">
      <c r="N33212" s="10"/>
    </row>
    <row r="33213" spans="14:14">
      <c r="N33213" s="10"/>
    </row>
    <row r="33214" spans="14:14">
      <c r="N33214" s="10"/>
    </row>
    <row r="33215" spans="14:14">
      <c r="N33215" s="10"/>
    </row>
    <row r="33216" spans="14:14">
      <c r="N33216" s="10"/>
    </row>
    <row r="33217" spans="14:14">
      <c r="N33217" s="10"/>
    </row>
    <row r="33218" spans="14:14">
      <c r="N33218" s="10"/>
    </row>
    <row r="33219" spans="14:14">
      <c r="N33219" s="10"/>
    </row>
    <row r="33220" spans="14:14">
      <c r="N33220" s="10"/>
    </row>
    <row r="33221" spans="14:14">
      <c r="N33221" s="10"/>
    </row>
    <row r="33222" spans="14:14">
      <c r="N33222" s="10"/>
    </row>
    <row r="33223" spans="14:14">
      <c r="N33223" s="10"/>
    </row>
    <row r="33224" spans="14:14">
      <c r="N33224" s="10"/>
    </row>
    <row r="33225" spans="14:14">
      <c r="N33225" s="10"/>
    </row>
    <row r="33226" spans="14:14">
      <c r="N33226" s="10"/>
    </row>
    <row r="33227" spans="14:14">
      <c r="N33227" s="10"/>
    </row>
    <row r="33228" spans="14:14">
      <c r="N33228" s="10"/>
    </row>
    <row r="33229" spans="14:14">
      <c r="N33229" s="10"/>
    </row>
    <row r="33230" spans="14:14">
      <c r="N33230" s="10"/>
    </row>
    <row r="33231" spans="14:14">
      <c r="N33231" s="10"/>
    </row>
    <row r="33232" spans="14:14">
      <c r="N33232" s="10"/>
    </row>
    <row r="33233" spans="14:14">
      <c r="N33233" s="10"/>
    </row>
    <row r="33234" spans="14:14">
      <c r="N33234" s="10"/>
    </row>
    <row r="33235" spans="14:14">
      <c r="N33235" s="10"/>
    </row>
    <row r="33236" spans="14:14">
      <c r="N33236" s="10"/>
    </row>
    <row r="33237" spans="14:14">
      <c r="N33237" s="10"/>
    </row>
    <row r="33238" spans="14:14">
      <c r="N33238" s="10"/>
    </row>
    <row r="33239" spans="14:14">
      <c r="N33239" s="10"/>
    </row>
    <row r="33240" spans="14:14">
      <c r="N33240" s="10"/>
    </row>
    <row r="33241" spans="14:14">
      <c r="N33241" s="10"/>
    </row>
    <row r="33242" spans="14:14">
      <c r="N33242" s="10"/>
    </row>
    <row r="33243" spans="14:14">
      <c r="N33243" s="10"/>
    </row>
    <row r="33244" spans="14:14">
      <c r="N33244" s="10"/>
    </row>
    <row r="33245" spans="14:14">
      <c r="N33245" s="10"/>
    </row>
    <row r="33246" spans="14:14">
      <c r="N33246" s="10"/>
    </row>
    <row r="33247" spans="14:14">
      <c r="N33247" s="10"/>
    </row>
    <row r="33248" spans="14:14">
      <c r="N33248" s="10"/>
    </row>
    <row r="33249" spans="14:14">
      <c r="N33249" s="10"/>
    </row>
    <row r="33250" spans="14:14">
      <c r="N33250" s="10"/>
    </row>
    <row r="33251" spans="14:14">
      <c r="N33251" s="10"/>
    </row>
    <row r="33252" spans="14:14">
      <c r="N33252" s="10"/>
    </row>
    <row r="33253" spans="14:14">
      <c r="N33253" s="10"/>
    </row>
    <row r="33254" spans="14:14">
      <c r="N33254" s="10"/>
    </row>
    <row r="33255" spans="14:14">
      <c r="N33255" s="10"/>
    </row>
    <row r="33256" spans="14:14">
      <c r="N33256" s="10"/>
    </row>
    <row r="33257" spans="14:14">
      <c r="N33257" s="10"/>
    </row>
    <row r="33258" spans="14:14">
      <c r="N33258" s="10"/>
    </row>
    <row r="33259" spans="14:14">
      <c r="N33259" s="10"/>
    </row>
    <row r="33260" spans="14:14">
      <c r="N33260" s="10"/>
    </row>
    <row r="33261" spans="14:14">
      <c r="N33261" s="10"/>
    </row>
    <row r="33262" spans="14:14">
      <c r="N33262" s="10"/>
    </row>
    <row r="33263" spans="14:14">
      <c r="N33263" s="10"/>
    </row>
    <row r="33264" spans="14:14">
      <c r="N33264" s="10"/>
    </row>
    <row r="33265" spans="14:14">
      <c r="N33265" s="10"/>
    </row>
    <row r="33266" spans="14:14">
      <c r="N33266" s="10"/>
    </row>
    <row r="33267" spans="14:14">
      <c r="N33267" s="10"/>
    </row>
    <row r="33268" spans="14:14">
      <c r="N33268" s="10"/>
    </row>
    <row r="33269" spans="14:14">
      <c r="N33269" s="10"/>
    </row>
    <row r="33270" spans="14:14">
      <c r="N33270" s="10"/>
    </row>
    <row r="33271" spans="14:14">
      <c r="N33271" s="10"/>
    </row>
    <row r="33272" spans="14:14">
      <c r="N33272" s="10"/>
    </row>
    <row r="33273" spans="14:14">
      <c r="N33273" s="10"/>
    </row>
    <row r="33274" spans="14:14">
      <c r="N33274" s="10"/>
    </row>
    <row r="33275" spans="14:14">
      <c r="N33275" s="10"/>
    </row>
    <row r="33276" spans="14:14">
      <c r="N33276" s="10"/>
    </row>
    <row r="33277" spans="14:14">
      <c r="N33277" s="10"/>
    </row>
    <row r="33278" spans="14:14">
      <c r="N33278" s="10"/>
    </row>
    <row r="33279" spans="14:14">
      <c r="N33279" s="10"/>
    </row>
    <row r="33280" spans="14:14">
      <c r="N33280" s="10"/>
    </row>
    <row r="33281" spans="14:14">
      <c r="N33281" s="10"/>
    </row>
    <row r="33282" spans="14:14">
      <c r="N33282" s="10"/>
    </row>
    <row r="33283" spans="14:14">
      <c r="N33283" s="10"/>
    </row>
    <row r="33284" spans="14:14">
      <c r="N33284" s="10"/>
    </row>
    <row r="33285" spans="14:14">
      <c r="N33285" s="10"/>
    </row>
    <row r="33286" spans="14:14">
      <c r="N33286" s="10"/>
    </row>
    <row r="33287" spans="14:14">
      <c r="N33287" s="10"/>
    </row>
    <row r="33288" spans="14:14">
      <c r="N33288" s="10"/>
    </row>
    <row r="33289" spans="14:14">
      <c r="N33289" s="10"/>
    </row>
    <row r="33290" spans="14:14">
      <c r="N33290" s="10"/>
    </row>
    <row r="33291" spans="14:14">
      <c r="N33291" s="10"/>
    </row>
    <row r="33292" spans="14:14">
      <c r="N33292" s="10"/>
    </row>
    <row r="33293" spans="14:14">
      <c r="N33293" s="10"/>
    </row>
    <row r="33294" spans="14:14">
      <c r="N33294" s="10"/>
    </row>
    <row r="33295" spans="14:14">
      <c r="N33295" s="10"/>
    </row>
    <row r="33296" spans="14:14">
      <c r="N33296" s="10"/>
    </row>
    <row r="33297" spans="14:14">
      <c r="N33297" s="10"/>
    </row>
    <row r="33298" spans="14:14">
      <c r="N33298" s="10"/>
    </row>
    <row r="33299" spans="14:14">
      <c r="N33299" s="10"/>
    </row>
    <row r="33300" spans="14:14">
      <c r="N33300" s="10"/>
    </row>
    <row r="33301" spans="14:14">
      <c r="N33301" s="10"/>
    </row>
    <row r="33302" spans="14:14">
      <c r="N33302" s="10"/>
    </row>
    <row r="33303" spans="14:14">
      <c r="N33303" s="10"/>
    </row>
    <row r="33304" spans="14:14">
      <c r="N33304" s="10"/>
    </row>
    <row r="33305" spans="14:14">
      <c r="N33305" s="10"/>
    </row>
    <row r="33306" spans="14:14">
      <c r="N33306" s="10"/>
    </row>
    <row r="33307" spans="14:14">
      <c r="N33307" s="10"/>
    </row>
    <row r="33308" spans="14:14">
      <c r="N33308" s="10"/>
    </row>
    <row r="33309" spans="14:14">
      <c r="N33309" s="10"/>
    </row>
    <row r="33310" spans="14:14">
      <c r="N33310" s="10"/>
    </row>
    <row r="33311" spans="14:14">
      <c r="N33311" s="10"/>
    </row>
    <row r="33312" spans="14:14">
      <c r="N33312" s="10"/>
    </row>
    <row r="33313" spans="14:14">
      <c r="N33313" s="10"/>
    </row>
    <row r="33314" spans="14:14">
      <c r="N33314" s="10"/>
    </row>
    <row r="33315" spans="14:14">
      <c r="N33315" s="10"/>
    </row>
    <row r="33316" spans="14:14">
      <c r="N33316" s="10"/>
    </row>
    <row r="33317" spans="14:14">
      <c r="N33317" s="10"/>
    </row>
    <row r="33318" spans="14:14">
      <c r="N33318" s="10"/>
    </row>
    <row r="33319" spans="14:14">
      <c r="N33319" s="10"/>
    </row>
    <row r="33320" spans="14:14">
      <c r="N33320" s="10"/>
    </row>
    <row r="33321" spans="14:14">
      <c r="N33321" s="10"/>
    </row>
    <row r="33322" spans="14:14">
      <c r="N33322" s="10"/>
    </row>
    <row r="33323" spans="14:14">
      <c r="N33323" s="10"/>
    </row>
    <row r="33324" spans="14:14">
      <c r="N33324" s="10"/>
    </row>
    <row r="33325" spans="14:14">
      <c r="N33325" s="10"/>
    </row>
    <row r="33326" spans="14:14">
      <c r="N33326" s="10"/>
    </row>
    <row r="33327" spans="14:14">
      <c r="N33327" s="10"/>
    </row>
    <row r="33328" spans="14:14">
      <c r="N33328" s="10"/>
    </row>
    <row r="33329" spans="14:14">
      <c r="N33329" s="10"/>
    </row>
    <row r="33330" spans="14:14">
      <c r="N33330" s="10"/>
    </row>
    <row r="33331" spans="14:14">
      <c r="N33331" s="10"/>
    </row>
    <row r="33332" spans="14:14">
      <c r="N33332" s="10"/>
    </row>
    <row r="33333" spans="14:14">
      <c r="N33333" s="10"/>
    </row>
    <row r="33334" spans="14:14">
      <c r="N33334" s="10"/>
    </row>
    <row r="33335" spans="14:14">
      <c r="N33335" s="10"/>
    </row>
    <row r="33336" spans="14:14">
      <c r="N33336" s="10"/>
    </row>
    <row r="33337" spans="14:14">
      <c r="N33337" s="10"/>
    </row>
    <row r="33338" spans="14:14">
      <c r="N33338" s="10"/>
    </row>
    <row r="33339" spans="14:14">
      <c r="N33339" s="10"/>
    </row>
    <row r="33340" spans="14:14">
      <c r="N33340" s="10"/>
    </row>
    <row r="33341" spans="14:14">
      <c r="N33341" s="10"/>
    </row>
    <row r="33342" spans="14:14">
      <c r="N33342" s="10"/>
    </row>
    <row r="33343" spans="14:14">
      <c r="N33343" s="10"/>
    </row>
    <row r="33344" spans="14:14">
      <c r="N33344" s="10"/>
    </row>
    <row r="33345" spans="14:14">
      <c r="N33345" s="10"/>
    </row>
    <row r="33346" spans="14:14">
      <c r="N33346" s="10"/>
    </row>
    <row r="33347" spans="14:14">
      <c r="N33347" s="10"/>
    </row>
    <row r="33348" spans="14:14">
      <c r="N33348" s="10"/>
    </row>
    <row r="33349" spans="14:14">
      <c r="N33349" s="10"/>
    </row>
    <row r="33350" spans="14:14">
      <c r="N33350" s="10"/>
    </row>
    <row r="33351" spans="14:14">
      <c r="N33351" s="10"/>
    </row>
    <row r="33352" spans="14:14">
      <c r="N33352" s="10"/>
    </row>
    <row r="33353" spans="14:14">
      <c r="N33353" s="10"/>
    </row>
    <row r="33354" spans="14:14">
      <c r="N33354" s="10"/>
    </row>
    <row r="33355" spans="14:14">
      <c r="N33355" s="10"/>
    </row>
    <row r="33356" spans="14:14">
      <c r="N33356" s="10"/>
    </row>
    <row r="33357" spans="14:14">
      <c r="N33357" s="10"/>
    </row>
    <row r="33358" spans="14:14">
      <c r="N33358" s="10"/>
    </row>
    <row r="33359" spans="14:14">
      <c r="N33359" s="10"/>
    </row>
    <row r="33360" spans="14:14">
      <c r="N33360" s="10"/>
    </row>
    <row r="33361" spans="14:14">
      <c r="N33361" s="10"/>
    </row>
    <row r="33362" spans="14:14">
      <c r="N33362" s="10"/>
    </row>
    <row r="33363" spans="14:14">
      <c r="N33363" s="10"/>
    </row>
    <row r="33364" spans="14:14">
      <c r="N33364" s="10"/>
    </row>
    <row r="33365" spans="14:14">
      <c r="N33365" s="10"/>
    </row>
    <row r="33366" spans="14:14">
      <c r="N33366" s="10"/>
    </row>
    <row r="33367" spans="14:14">
      <c r="N33367" s="10"/>
    </row>
    <row r="33368" spans="14:14">
      <c r="N33368" s="10"/>
    </row>
    <row r="33369" spans="14:14">
      <c r="N33369" s="10"/>
    </row>
    <row r="33370" spans="14:14">
      <c r="N33370" s="10"/>
    </row>
    <row r="33371" spans="14:14">
      <c r="N33371" s="10"/>
    </row>
    <row r="33372" spans="14:14">
      <c r="N33372" s="10"/>
    </row>
    <row r="33373" spans="14:14">
      <c r="N33373" s="10"/>
    </row>
    <row r="33374" spans="14:14">
      <c r="N33374" s="10"/>
    </row>
    <row r="33375" spans="14:14">
      <c r="N33375" s="10"/>
    </row>
    <row r="33376" spans="14:14">
      <c r="N33376" s="10"/>
    </row>
    <row r="33377" spans="14:14">
      <c r="N33377" s="10"/>
    </row>
    <row r="33378" spans="14:14">
      <c r="N33378" s="10"/>
    </row>
    <row r="33379" spans="14:14">
      <c r="N33379" s="10"/>
    </row>
    <row r="33380" spans="14:14">
      <c r="N33380" s="10"/>
    </row>
    <row r="33381" spans="14:14">
      <c r="N33381" s="10"/>
    </row>
    <row r="33382" spans="14:14">
      <c r="N33382" s="10"/>
    </row>
    <row r="33383" spans="14:14">
      <c r="N33383" s="10"/>
    </row>
    <row r="33384" spans="14:14">
      <c r="N33384" s="10"/>
    </row>
    <row r="33385" spans="14:14">
      <c r="N33385" s="10"/>
    </row>
    <row r="33386" spans="14:14">
      <c r="N33386" s="10"/>
    </row>
    <row r="33387" spans="14:14">
      <c r="N33387" s="10"/>
    </row>
    <row r="33388" spans="14:14">
      <c r="N33388" s="10"/>
    </row>
    <row r="33389" spans="14:14">
      <c r="N33389" s="10"/>
    </row>
    <row r="33390" spans="14:14">
      <c r="N33390" s="10"/>
    </row>
    <row r="33391" spans="14:14">
      <c r="N33391" s="10"/>
    </row>
    <row r="33392" spans="14:14">
      <c r="N33392" s="10"/>
    </row>
    <row r="33393" spans="14:14">
      <c r="N33393" s="10"/>
    </row>
    <row r="33394" spans="14:14">
      <c r="N33394" s="10"/>
    </row>
    <row r="33395" spans="14:14">
      <c r="N33395" s="10"/>
    </row>
    <row r="33396" spans="14:14">
      <c r="N33396" s="10"/>
    </row>
    <row r="33397" spans="14:14">
      <c r="N33397" s="10"/>
    </row>
    <row r="33398" spans="14:14">
      <c r="N33398" s="10"/>
    </row>
    <row r="33399" spans="14:14">
      <c r="N33399" s="10"/>
    </row>
    <row r="33400" spans="14:14">
      <c r="N33400" s="10"/>
    </row>
    <row r="33401" spans="14:14">
      <c r="N33401" s="10"/>
    </row>
    <row r="33402" spans="14:14">
      <c r="N33402" s="10"/>
    </row>
    <row r="33403" spans="14:14">
      <c r="N33403" s="10"/>
    </row>
    <row r="33404" spans="14:14">
      <c r="N33404" s="10"/>
    </row>
    <row r="33405" spans="14:14">
      <c r="N33405" s="10"/>
    </row>
    <row r="33406" spans="14:14">
      <c r="N33406" s="10"/>
    </row>
    <row r="33407" spans="14:14">
      <c r="N33407" s="10"/>
    </row>
    <row r="33408" spans="14:14">
      <c r="N33408" s="10"/>
    </row>
    <row r="33409" spans="14:14">
      <c r="N33409" s="10"/>
    </row>
    <row r="33410" spans="14:14">
      <c r="N33410" s="10"/>
    </row>
    <row r="33411" spans="14:14">
      <c r="N33411" s="10"/>
    </row>
    <row r="33412" spans="14:14">
      <c r="N33412" s="10"/>
    </row>
    <row r="33413" spans="14:14">
      <c r="N33413" s="10"/>
    </row>
    <row r="33414" spans="14:14">
      <c r="N33414" s="10"/>
    </row>
    <row r="33415" spans="14:14">
      <c r="N33415" s="10"/>
    </row>
    <row r="33416" spans="14:14">
      <c r="N33416" s="10"/>
    </row>
    <row r="33417" spans="14:14">
      <c r="N33417" s="10"/>
    </row>
    <row r="33418" spans="14:14">
      <c r="N33418" s="10"/>
    </row>
    <row r="33419" spans="14:14">
      <c r="N33419" s="10"/>
    </row>
    <row r="33420" spans="14:14">
      <c r="N33420" s="10"/>
    </row>
    <row r="33421" spans="14:14">
      <c r="N33421" s="10"/>
    </row>
    <row r="33422" spans="14:14">
      <c r="N33422" s="10"/>
    </row>
    <row r="33423" spans="14:14">
      <c r="N33423" s="10"/>
    </row>
    <row r="33424" spans="14:14">
      <c r="N33424" s="10"/>
    </row>
    <row r="33425" spans="14:14">
      <c r="N33425" s="10"/>
    </row>
    <row r="33426" spans="14:14">
      <c r="N33426" s="10"/>
    </row>
    <row r="33427" spans="14:14">
      <c r="N33427" s="10"/>
    </row>
    <row r="33428" spans="14:14">
      <c r="N33428" s="10"/>
    </row>
    <row r="33429" spans="14:14">
      <c r="N33429" s="10"/>
    </row>
    <row r="33430" spans="14:14">
      <c r="N33430" s="10"/>
    </row>
    <row r="33431" spans="14:14">
      <c r="N33431" s="10"/>
    </row>
    <row r="33432" spans="14:14">
      <c r="N33432" s="10"/>
    </row>
    <row r="33433" spans="14:14">
      <c r="N33433" s="10"/>
    </row>
    <row r="33434" spans="14:14">
      <c r="N33434" s="10"/>
    </row>
    <row r="33435" spans="14:14">
      <c r="N33435" s="10"/>
    </row>
    <row r="33436" spans="14:14">
      <c r="N33436" s="10"/>
    </row>
    <row r="33437" spans="14:14">
      <c r="N33437" s="10"/>
    </row>
    <row r="33438" spans="14:14">
      <c r="N33438" s="10"/>
    </row>
    <row r="33439" spans="14:14">
      <c r="N33439" s="10"/>
    </row>
    <row r="33440" spans="14:14">
      <c r="N33440" s="10"/>
    </row>
    <row r="33441" spans="14:14">
      <c r="N33441" s="10"/>
    </row>
    <row r="33442" spans="14:14">
      <c r="N33442" s="10"/>
    </row>
    <row r="33443" spans="14:14">
      <c r="N33443" s="10"/>
    </row>
    <row r="33444" spans="14:14">
      <c r="N33444" s="10"/>
    </row>
    <row r="33445" spans="14:14">
      <c r="N33445" s="10"/>
    </row>
    <row r="33446" spans="14:14">
      <c r="N33446" s="10"/>
    </row>
    <row r="33447" spans="14:14">
      <c r="N33447" s="10"/>
    </row>
    <row r="33448" spans="14:14">
      <c r="N33448" s="10"/>
    </row>
    <row r="33449" spans="14:14">
      <c r="N33449" s="10"/>
    </row>
    <row r="33450" spans="14:14">
      <c r="N33450" s="10"/>
    </row>
    <row r="33451" spans="14:14">
      <c r="N33451" s="10"/>
    </row>
    <row r="33452" spans="14:14">
      <c r="N33452" s="10"/>
    </row>
    <row r="33453" spans="14:14">
      <c r="N33453" s="10"/>
    </row>
    <row r="33454" spans="14:14">
      <c r="N33454" s="10"/>
    </row>
    <row r="33455" spans="14:14">
      <c r="N33455" s="10"/>
    </row>
    <row r="33456" spans="14:14">
      <c r="N33456" s="10"/>
    </row>
    <row r="33457" spans="14:14">
      <c r="N33457" s="10"/>
    </row>
    <row r="33458" spans="14:14">
      <c r="N33458" s="10"/>
    </row>
    <row r="33459" spans="14:14">
      <c r="N33459" s="10"/>
    </row>
    <row r="33460" spans="14:14">
      <c r="N33460" s="10"/>
    </row>
    <row r="33461" spans="14:14">
      <c r="N33461" s="10"/>
    </row>
    <row r="33462" spans="14:14">
      <c r="N33462" s="10"/>
    </row>
    <row r="33463" spans="14:14">
      <c r="N33463" s="10"/>
    </row>
    <row r="33464" spans="14:14">
      <c r="N33464" s="10"/>
    </row>
    <row r="33465" spans="14:14">
      <c r="N33465" s="10"/>
    </row>
    <row r="33466" spans="14:14">
      <c r="N33466" s="10"/>
    </row>
    <row r="33467" spans="14:14">
      <c r="N33467" s="10"/>
    </row>
    <row r="33468" spans="14:14">
      <c r="N33468" s="10"/>
    </row>
    <row r="33469" spans="14:14">
      <c r="N33469" s="10"/>
    </row>
    <row r="33470" spans="14:14">
      <c r="N33470" s="10"/>
    </row>
    <row r="33471" spans="14:14">
      <c r="N33471" s="10"/>
    </row>
    <row r="33472" spans="14:14">
      <c r="N33472" s="10"/>
    </row>
    <row r="33473" spans="14:14">
      <c r="N33473" s="10"/>
    </row>
    <row r="33474" spans="14:14">
      <c r="N33474" s="10"/>
    </row>
    <row r="33475" spans="14:14">
      <c r="N33475" s="10"/>
    </row>
    <row r="33476" spans="14:14">
      <c r="N33476" s="10"/>
    </row>
    <row r="33477" spans="14:14">
      <c r="N33477" s="10"/>
    </row>
    <row r="33478" spans="14:14">
      <c r="N33478" s="10"/>
    </row>
    <row r="33479" spans="14:14">
      <c r="N33479" s="10"/>
    </row>
    <row r="33480" spans="14:14">
      <c r="N33480" s="10"/>
    </row>
    <row r="33481" spans="14:14">
      <c r="N33481" s="10"/>
    </row>
    <row r="33482" spans="14:14">
      <c r="N33482" s="10"/>
    </row>
    <row r="33483" spans="14:14">
      <c r="N33483" s="10"/>
    </row>
    <row r="33484" spans="14:14">
      <c r="N33484" s="10"/>
    </row>
    <row r="33485" spans="14:14">
      <c r="N33485" s="10"/>
    </row>
    <row r="33486" spans="14:14">
      <c r="N33486" s="10"/>
    </row>
    <row r="33487" spans="14:14">
      <c r="N33487" s="10"/>
    </row>
    <row r="33488" spans="14:14">
      <c r="N33488" s="10"/>
    </row>
    <row r="33489" spans="14:14">
      <c r="N33489" s="10"/>
    </row>
    <row r="33490" spans="14:14">
      <c r="N33490" s="10"/>
    </row>
    <row r="33491" spans="14:14">
      <c r="N33491" s="10"/>
    </row>
    <row r="33492" spans="14:14">
      <c r="N33492" s="10"/>
    </row>
    <row r="33493" spans="14:14">
      <c r="N33493" s="10"/>
    </row>
    <row r="33494" spans="14:14">
      <c r="N33494" s="10"/>
    </row>
    <row r="33495" spans="14:14">
      <c r="N33495" s="10"/>
    </row>
    <row r="33496" spans="14:14">
      <c r="N33496" s="10"/>
    </row>
    <row r="33497" spans="14:14">
      <c r="N33497" s="10"/>
    </row>
    <row r="33498" spans="14:14">
      <c r="N33498" s="10"/>
    </row>
    <row r="33499" spans="14:14">
      <c r="N33499" s="10"/>
    </row>
    <row r="33500" spans="14:14">
      <c r="N33500" s="10"/>
    </row>
    <row r="33501" spans="14:14">
      <c r="N33501" s="10"/>
    </row>
    <row r="33502" spans="14:14">
      <c r="N33502" s="10"/>
    </row>
    <row r="33503" spans="14:14">
      <c r="N33503" s="10"/>
    </row>
    <row r="33504" spans="14:14">
      <c r="N33504" s="10"/>
    </row>
    <row r="33505" spans="14:14">
      <c r="N33505" s="10"/>
    </row>
    <row r="33506" spans="14:14">
      <c r="N33506" s="10"/>
    </row>
    <row r="33507" spans="14:14">
      <c r="N33507" s="10"/>
    </row>
    <row r="33508" spans="14:14">
      <c r="N33508" s="10"/>
    </row>
    <row r="33509" spans="14:14">
      <c r="N33509" s="10"/>
    </row>
    <row r="33510" spans="14:14">
      <c r="N33510" s="10"/>
    </row>
    <row r="33511" spans="14:14">
      <c r="N33511" s="10"/>
    </row>
    <row r="33512" spans="14:14">
      <c r="N33512" s="10"/>
    </row>
    <row r="33513" spans="14:14">
      <c r="N33513" s="10"/>
    </row>
    <row r="33514" spans="14:14">
      <c r="N33514" s="10"/>
    </row>
    <row r="33515" spans="14:14">
      <c r="N33515" s="10"/>
    </row>
    <row r="33516" spans="14:14">
      <c r="N33516" s="10"/>
    </row>
    <row r="33517" spans="14:14">
      <c r="N33517" s="10"/>
    </row>
    <row r="33518" spans="14:14">
      <c r="N33518" s="10"/>
    </row>
    <row r="33519" spans="14:14">
      <c r="N33519" s="10"/>
    </row>
    <row r="33520" spans="14:14">
      <c r="N33520" s="10"/>
    </row>
    <row r="33521" spans="14:14">
      <c r="N33521" s="10"/>
    </row>
    <row r="33522" spans="14:14">
      <c r="N33522" s="10"/>
    </row>
    <row r="33523" spans="14:14">
      <c r="N33523" s="10"/>
    </row>
    <row r="33524" spans="14:14">
      <c r="N33524" s="10"/>
    </row>
    <row r="33525" spans="14:14">
      <c r="N33525" s="10"/>
    </row>
    <row r="33526" spans="14:14">
      <c r="N33526" s="10"/>
    </row>
    <row r="33527" spans="14:14">
      <c r="N33527" s="10"/>
    </row>
    <row r="33528" spans="14:14">
      <c r="N33528" s="10"/>
    </row>
    <row r="33529" spans="14:14">
      <c r="N33529" s="10"/>
    </row>
    <row r="33530" spans="14:14">
      <c r="N33530" s="10"/>
    </row>
    <row r="33531" spans="14:14">
      <c r="N33531" s="10"/>
    </row>
    <row r="33532" spans="14:14">
      <c r="N33532" s="10"/>
    </row>
    <row r="33533" spans="14:14">
      <c r="N33533" s="10"/>
    </row>
    <row r="33534" spans="14:14">
      <c r="N33534" s="10"/>
    </row>
    <row r="33535" spans="14:14">
      <c r="N33535" s="10"/>
    </row>
    <row r="33536" spans="14:14">
      <c r="N33536" s="10"/>
    </row>
    <row r="33537" spans="14:14">
      <c r="N33537" s="10"/>
    </row>
    <row r="33538" spans="14:14">
      <c r="N33538" s="10"/>
    </row>
    <row r="33539" spans="14:14">
      <c r="N33539" s="10"/>
    </row>
    <row r="33540" spans="14:14">
      <c r="N33540" s="10"/>
    </row>
    <row r="33541" spans="14:14">
      <c r="N33541" s="10"/>
    </row>
    <row r="33542" spans="14:14">
      <c r="N33542" s="10"/>
    </row>
    <row r="33543" spans="14:14">
      <c r="N33543" s="10"/>
    </row>
    <row r="33544" spans="14:14">
      <c r="N33544" s="10"/>
    </row>
    <row r="33545" spans="14:14">
      <c r="N33545" s="10"/>
    </row>
    <row r="33546" spans="14:14">
      <c r="N33546" s="10"/>
    </row>
    <row r="33547" spans="14:14">
      <c r="N33547" s="10"/>
    </row>
    <row r="33548" spans="14:14">
      <c r="N33548" s="10"/>
    </row>
    <row r="33549" spans="14:14">
      <c r="N33549" s="10"/>
    </row>
    <row r="33550" spans="14:14">
      <c r="N33550" s="10"/>
    </row>
    <row r="33551" spans="14:14">
      <c r="N33551" s="10"/>
    </row>
    <row r="33552" spans="14:14">
      <c r="N33552" s="10"/>
    </row>
    <row r="33553" spans="14:14">
      <c r="N33553" s="10"/>
    </row>
    <row r="33554" spans="14:14">
      <c r="N33554" s="10"/>
    </row>
    <row r="33555" spans="14:14">
      <c r="N33555" s="10"/>
    </row>
    <row r="33556" spans="14:14">
      <c r="N33556" s="10"/>
    </row>
    <row r="33557" spans="14:14">
      <c r="N33557" s="10"/>
    </row>
    <row r="33558" spans="14:14">
      <c r="N33558" s="10"/>
    </row>
    <row r="33559" spans="14:14">
      <c r="N33559" s="10"/>
    </row>
    <row r="33560" spans="14:14">
      <c r="N33560" s="10"/>
    </row>
    <row r="33561" spans="14:14">
      <c r="N33561" s="10"/>
    </row>
    <row r="33562" spans="14:14">
      <c r="N33562" s="10"/>
    </row>
    <row r="33563" spans="14:14">
      <c r="N33563" s="10"/>
    </row>
    <row r="33564" spans="14:14">
      <c r="N33564" s="10"/>
    </row>
    <row r="33565" spans="14:14">
      <c r="N33565" s="10"/>
    </row>
    <row r="33566" spans="14:14">
      <c r="N33566" s="10"/>
    </row>
    <row r="33567" spans="14:14">
      <c r="N33567" s="10"/>
    </row>
    <row r="33568" spans="14:14">
      <c r="N33568" s="10"/>
    </row>
    <row r="33569" spans="14:14">
      <c r="N33569" s="10"/>
    </row>
    <row r="33570" spans="14:14">
      <c r="N33570" s="10"/>
    </row>
    <row r="33571" spans="14:14">
      <c r="N33571" s="10"/>
    </row>
    <row r="33572" spans="14:14">
      <c r="N33572" s="10"/>
    </row>
    <row r="33573" spans="14:14">
      <c r="N33573" s="10"/>
    </row>
    <row r="33574" spans="14:14">
      <c r="N33574" s="10"/>
    </row>
    <row r="33575" spans="14:14">
      <c r="N33575" s="10"/>
    </row>
    <row r="33576" spans="14:14">
      <c r="N33576" s="10"/>
    </row>
    <row r="33577" spans="14:14">
      <c r="N33577" s="10"/>
    </row>
    <row r="33578" spans="14:14">
      <c r="N33578" s="10"/>
    </row>
    <row r="33579" spans="14:14">
      <c r="N33579" s="10"/>
    </row>
    <row r="33580" spans="14:14">
      <c r="N33580" s="10"/>
    </row>
    <row r="33581" spans="14:14">
      <c r="N33581" s="10"/>
    </row>
    <row r="33582" spans="14:14">
      <c r="N33582" s="10"/>
    </row>
    <row r="33583" spans="14:14">
      <c r="N33583" s="10"/>
    </row>
    <row r="33584" spans="14:14">
      <c r="N33584" s="10"/>
    </row>
    <row r="33585" spans="14:14">
      <c r="N33585" s="10"/>
    </row>
    <row r="33586" spans="14:14">
      <c r="N33586" s="10"/>
    </row>
    <row r="33587" spans="14:14">
      <c r="N33587" s="10"/>
    </row>
    <row r="33588" spans="14:14">
      <c r="N33588" s="10"/>
    </row>
    <row r="33589" spans="14:14">
      <c r="N33589" s="10"/>
    </row>
    <row r="33590" spans="14:14">
      <c r="N33590" s="10"/>
    </row>
    <row r="33591" spans="14:14">
      <c r="N33591" s="10"/>
    </row>
    <row r="33592" spans="14:14">
      <c r="N33592" s="10"/>
    </row>
    <row r="33593" spans="14:14">
      <c r="N33593" s="10"/>
    </row>
    <row r="33594" spans="14:14">
      <c r="N33594" s="10"/>
    </row>
    <row r="33595" spans="14:14">
      <c r="N33595" s="10"/>
    </row>
    <row r="33596" spans="14:14">
      <c r="N33596" s="10"/>
    </row>
    <row r="33597" spans="14:14">
      <c r="N33597" s="10"/>
    </row>
    <row r="33598" spans="14:14">
      <c r="N33598" s="10"/>
    </row>
    <row r="33599" spans="14:14">
      <c r="N33599" s="10"/>
    </row>
    <row r="33600" spans="14:14">
      <c r="N33600" s="10"/>
    </row>
    <row r="33601" spans="14:14">
      <c r="N33601" s="10"/>
    </row>
    <row r="33602" spans="14:14">
      <c r="N33602" s="10"/>
    </row>
    <row r="33603" spans="14:14">
      <c r="N33603" s="10"/>
    </row>
    <row r="33604" spans="14:14">
      <c r="N33604" s="10"/>
    </row>
    <row r="33605" spans="14:14">
      <c r="N33605" s="10"/>
    </row>
    <row r="33606" spans="14:14">
      <c r="N33606" s="10"/>
    </row>
    <row r="33607" spans="14:14">
      <c r="N33607" s="10"/>
    </row>
    <row r="33608" spans="14:14">
      <c r="N33608" s="10"/>
    </row>
    <row r="33609" spans="14:14">
      <c r="N33609" s="10"/>
    </row>
    <row r="33610" spans="14:14">
      <c r="N33610" s="10"/>
    </row>
    <row r="33611" spans="14:14">
      <c r="N33611" s="10"/>
    </row>
    <row r="33612" spans="14:14">
      <c r="N33612" s="10"/>
    </row>
    <row r="33613" spans="14:14">
      <c r="N33613" s="10"/>
    </row>
    <row r="33614" spans="14:14">
      <c r="N33614" s="10"/>
    </row>
    <row r="33615" spans="14:14">
      <c r="N33615" s="10"/>
    </row>
    <row r="33616" spans="14:14">
      <c r="N33616" s="10"/>
    </row>
    <row r="33617" spans="14:14">
      <c r="N33617" s="10"/>
    </row>
    <row r="33618" spans="14:14">
      <c r="N33618" s="10"/>
    </row>
    <row r="33619" spans="14:14">
      <c r="N33619" s="10"/>
    </row>
    <row r="33620" spans="14:14">
      <c r="N33620" s="10"/>
    </row>
    <row r="33621" spans="14:14">
      <c r="N33621" s="10"/>
    </row>
    <row r="33622" spans="14:14">
      <c r="N33622" s="10"/>
    </row>
    <row r="33623" spans="14:14">
      <c r="N33623" s="10"/>
    </row>
    <row r="33624" spans="14:14">
      <c r="N33624" s="10"/>
    </row>
    <row r="33625" spans="14:14">
      <c r="N33625" s="10"/>
    </row>
    <row r="33626" spans="14:14">
      <c r="N33626" s="10"/>
    </row>
    <row r="33627" spans="14:14">
      <c r="N33627" s="10"/>
    </row>
    <row r="33628" spans="14:14">
      <c r="N33628" s="10"/>
    </row>
    <row r="33629" spans="14:14">
      <c r="N33629" s="10"/>
    </row>
    <row r="33630" spans="14:14">
      <c r="N33630" s="10"/>
    </row>
    <row r="33631" spans="14:14">
      <c r="N33631" s="10"/>
    </row>
    <row r="33632" spans="14:14">
      <c r="N33632" s="10"/>
    </row>
    <row r="33633" spans="14:14">
      <c r="N33633" s="10"/>
    </row>
    <row r="33634" spans="14:14">
      <c r="N33634" s="10"/>
    </row>
    <row r="33635" spans="14:14">
      <c r="N33635" s="10"/>
    </row>
    <row r="33636" spans="14:14">
      <c r="N33636" s="10"/>
    </row>
    <row r="33637" spans="14:14">
      <c r="N33637" s="10"/>
    </row>
    <row r="33638" spans="14:14">
      <c r="N33638" s="10"/>
    </row>
    <row r="33639" spans="14:14">
      <c r="N33639" s="10"/>
    </row>
    <row r="33640" spans="14:14">
      <c r="N33640" s="10"/>
    </row>
    <row r="33641" spans="14:14">
      <c r="N33641" s="10"/>
    </row>
    <row r="33642" spans="14:14">
      <c r="N33642" s="10"/>
    </row>
    <row r="33643" spans="14:14">
      <c r="N33643" s="10"/>
    </row>
    <row r="33644" spans="14:14">
      <c r="N33644" s="10"/>
    </row>
    <row r="33645" spans="14:14">
      <c r="N33645" s="10"/>
    </row>
    <row r="33646" spans="14:14">
      <c r="N33646" s="10"/>
    </row>
    <row r="33647" spans="14:14">
      <c r="N33647" s="10"/>
    </row>
    <row r="33648" spans="14:14">
      <c r="N33648" s="10"/>
    </row>
    <row r="33649" spans="14:14">
      <c r="N33649" s="10"/>
    </row>
    <row r="33650" spans="14:14">
      <c r="N33650" s="10"/>
    </row>
    <row r="33651" spans="14:14">
      <c r="N33651" s="10"/>
    </row>
    <row r="33652" spans="14:14">
      <c r="N33652" s="10"/>
    </row>
    <row r="33653" spans="14:14">
      <c r="N33653" s="10"/>
    </row>
    <row r="33654" spans="14:14">
      <c r="N33654" s="10"/>
    </row>
    <row r="33655" spans="14:14">
      <c r="N33655" s="10"/>
    </row>
    <row r="33656" spans="14:14">
      <c r="N33656" s="10"/>
    </row>
    <row r="33657" spans="14:14">
      <c r="N33657" s="10"/>
    </row>
    <row r="33658" spans="14:14">
      <c r="N33658" s="10"/>
    </row>
    <row r="33659" spans="14:14">
      <c r="N33659" s="10"/>
    </row>
    <row r="33660" spans="14:14">
      <c r="N33660" s="10"/>
    </row>
    <row r="33661" spans="14:14">
      <c r="N33661" s="10"/>
    </row>
    <row r="33662" spans="14:14">
      <c r="N33662" s="10"/>
    </row>
    <row r="33663" spans="14:14">
      <c r="N33663" s="10"/>
    </row>
    <row r="33664" spans="14:14">
      <c r="N33664" s="10"/>
    </row>
    <row r="33665" spans="14:14">
      <c r="N33665" s="10"/>
    </row>
    <row r="33666" spans="14:14">
      <c r="N33666" s="10"/>
    </row>
    <row r="33667" spans="14:14">
      <c r="N33667" s="10"/>
    </row>
    <row r="33668" spans="14:14">
      <c r="N33668" s="10"/>
    </row>
    <row r="33669" spans="14:14">
      <c r="N33669" s="10"/>
    </row>
    <row r="33670" spans="14:14">
      <c r="N33670" s="10"/>
    </row>
    <row r="33671" spans="14:14">
      <c r="N33671" s="10"/>
    </row>
    <row r="33672" spans="14:14">
      <c r="N33672" s="10"/>
    </row>
    <row r="33673" spans="14:14">
      <c r="N33673" s="10"/>
    </row>
    <row r="33674" spans="14:14">
      <c r="N33674" s="10"/>
    </row>
    <row r="33675" spans="14:14">
      <c r="N33675" s="10"/>
    </row>
    <row r="33676" spans="14:14">
      <c r="N33676" s="10"/>
    </row>
    <row r="33677" spans="14:14">
      <c r="N33677" s="10"/>
    </row>
    <row r="33678" spans="14:14">
      <c r="N33678" s="10"/>
    </row>
    <row r="33679" spans="14:14">
      <c r="N33679" s="10"/>
    </row>
    <row r="33680" spans="14:14">
      <c r="N33680" s="10"/>
    </row>
    <row r="33681" spans="14:14">
      <c r="N33681" s="10"/>
    </row>
    <row r="33682" spans="14:14">
      <c r="N33682" s="10"/>
    </row>
    <row r="33683" spans="14:14">
      <c r="N33683" s="10"/>
    </row>
    <row r="33684" spans="14:14">
      <c r="N33684" s="10"/>
    </row>
    <row r="33685" spans="14:14">
      <c r="N33685" s="10"/>
    </row>
    <row r="33686" spans="14:14">
      <c r="N33686" s="10"/>
    </row>
    <row r="33687" spans="14:14">
      <c r="N33687" s="10"/>
    </row>
    <row r="33688" spans="14:14">
      <c r="N33688" s="10"/>
    </row>
    <row r="33689" spans="14:14">
      <c r="N33689" s="10"/>
    </row>
    <row r="33690" spans="14:14">
      <c r="N33690" s="10"/>
    </row>
    <row r="33691" spans="14:14">
      <c r="N33691" s="10"/>
    </row>
    <row r="33692" spans="14:14">
      <c r="N33692" s="10"/>
    </row>
    <row r="33693" spans="14:14">
      <c r="N33693" s="10"/>
    </row>
    <row r="33694" spans="14:14">
      <c r="N33694" s="10"/>
    </row>
    <row r="33695" spans="14:14">
      <c r="N33695" s="10"/>
    </row>
    <row r="33696" spans="14:14">
      <c r="N33696" s="10"/>
    </row>
    <row r="33697" spans="14:14">
      <c r="N33697" s="10"/>
    </row>
    <row r="33698" spans="14:14">
      <c r="N33698" s="10"/>
    </row>
    <row r="33699" spans="14:14">
      <c r="N33699" s="10"/>
    </row>
    <row r="33700" spans="14:14">
      <c r="N33700" s="10"/>
    </row>
    <row r="33701" spans="14:14">
      <c r="N33701" s="10"/>
    </row>
    <row r="33702" spans="14:14">
      <c r="N33702" s="10"/>
    </row>
    <row r="33703" spans="14:14">
      <c r="N33703" s="10"/>
    </row>
    <row r="33704" spans="14:14">
      <c r="N33704" s="10"/>
    </row>
    <row r="33705" spans="14:14">
      <c r="N33705" s="10"/>
    </row>
    <row r="33706" spans="14:14">
      <c r="N33706" s="10"/>
    </row>
    <row r="33707" spans="14:14">
      <c r="N33707" s="10"/>
    </row>
    <row r="33708" spans="14:14">
      <c r="N33708" s="10"/>
    </row>
    <row r="33709" spans="14:14">
      <c r="N33709" s="10"/>
    </row>
    <row r="33710" spans="14:14">
      <c r="N33710" s="10"/>
    </row>
    <row r="33711" spans="14:14">
      <c r="N33711" s="10"/>
    </row>
    <row r="33712" spans="14:14">
      <c r="N33712" s="10"/>
    </row>
    <row r="33713" spans="14:14">
      <c r="N33713" s="10"/>
    </row>
    <row r="33714" spans="14:14">
      <c r="N33714" s="10"/>
    </row>
    <row r="33715" spans="14:14">
      <c r="N33715" s="10"/>
    </row>
    <row r="33716" spans="14:14">
      <c r="N33716" s="10"/>
    </row>
    <row r="33717" spans="14:14">
      <c r="N33717" s="10"/>
    </row>
    <row r="33718" spans="14:14">
      <c r="N33718" s="10"/>
    </row>
    <row r="33719" spans="14:14">
      <c r="N33719" s="10"/>
    </row>
    <row r="33720" spans="14:14">
      <c r="N33720" s="10"/>
    </row>
    <row r="33721" spans="14:14">
      <c r="N33721" s="10"/>
    </row>
    <row r="33722" spans="14:14">
      <c r="N33722" s="10"/>
    </row>
    <row r="33723" spans="14:14">
      <c r="N33723" s="10"/>
    </row>
    <row r="33724" spans="14:14">
      <c r="N33724" s="10"/>
    </row>
    <row r="33725" spans="14:14">
      <c r="N33725" s="10"/>
    </row>
    <row r="33726" spans="14:14">
      <c r="N33726" s="10"/>
    </row>
    <row r="33727" spans="14:14">
      <c r="N33727" s="10"/>
    </row>
    <row r="33728" spans="14:14">
      <c r="N33728" s="10"/>
    </row>
    <row r="33729" spans="14:14">
      <c r="N33729" s="10"/>
    </row>
    <row r="33730" spans="14:14">
      <c r="N33730" s="10"/>
    </row>
    <row r="33731" spans="14:14">
      <c r="N33731" s="10"/>
    </row>
    <row r="33732" spans="14:14">
      <c r="N33732" s="10"/>
    </row>
    <row r="33733" spans="14:14">
      <c r="N33733" s="10"/>
    </row>
    <row r="33734" spans="14:14">
      <c r="N33734" s="10"/>
    </row>
    <row r="33735" spans="14:14">
      <c r="N33735" s="10"/>
    </row>
    <row r="33736" spans="14:14">
      <c r="N33736" s="10"/>
    </row>
    <row r="33737" spans="14:14">
      <c r="N33737" s="10"/>
    </row>
    <row r="33738" spans="14:14">
      <c r="N33738" s="10"/>
    </row>
    <row r="33739" spans="14:14">
      <c r="N33739" s="10"/>
    </row>
    <row r="33740" spans="14:14">
      <c r="N33740" s="10"/>
    </row>
    <row r="33741" spans="14:14">
      <c r="N33741" s="10"/>
    </row>
    <row r="33742" spans="14:14">
      <c r="N33742" s="10"/>
    </row>
    <row r="33743" spans="14:14">
      <c r="N33743" s="10"/>
    </row>
    <row r="33744" spans="14:14">
      <c r="N33744" s="10"/>
    </row>
    <row r="33745" spans="14:14">
      <c r="N33745" s="10"/>
    </row>
    <row r="33746" spans="14:14">
      <c r="N33746" s="10"/>
    </row>
    <row r="33747" spans="14:14">
      <c r="N33747" s="10"/>
    </row>
    <row r="33748" spans="14:14">
      <c r="N33748" s="10"/>
    </row>
    <row r="33749" spans="14:14">
      <c r="N33749" s="10"/>
    </row>
    <row r="33750" spans="14:14">
      <c r="N33750" s="10"/>
    </row>
    <row r="33751" spans="14:14">
      <c r="N33751" s="10"/>
    </row>
    <row r="33752" spans="14:14">
      <c r="N33752" s="10"/>
    </row>
    <row r="33753" spans="14:14">
      <c r="N33753" s="10"/>
    </row>
    <row r="33754" spans="14:14">
      <c r="N33754" s="10"/>
    </row>
    <row r="33755" spans="14:14">
      <c r="N33755" s="10"/>
    </row>
    <row r="33756" spans="14:14">
      <c r="N33756" s="10"/>
    </row>
    <row r="33757" spans="14:14">
      <c r="N33757" s="10"/>
    </row>
    <row r="33758" spans="14:14">
      <c r="N33758" s="10"/>
    </row>
    <row r="33759" spans="14:14">
      <c r="N33759" s="10"/>
    </row>
    <row r="33760" spans="14:14">
      <c r="N33760" s="10"/>
    </row>
    <row r="33761" spans="14:14">
      <c r="N33761" s="10"/>
    </row>
    <row r="33762" spans="14:14">
      <c r="N33762" s="10"/>
    </row>
    <row r="33763" spans="14:14">
      <c r="N33763" s="10"/>
    </row>
    <row r="33764" spans="14:14">
      <c r="N33764" s="10"/>
    </row>
    <row r="33765" spans="14:14">
      <c r="N33765" s="10"/>
    </row>
    <row r="33766" spans="14:14">
      <c r="N33766" s="10"/>
    </row>
    <row r="33767" spans="14:14">
      <c r="N33767" s="10"/>
    </row>
    <row r="33768" spans="14:14">
      <c r="N33768" s="10"/>
    </row>
    <row r="33769" spans="14:14">
      <c r="N33769" s="10"/>
    </row>
    <row r="33770" spans="14:14">
      <c r="N33770" s="10"/>
    </row>
    <row r="33771" spans="14:14">
      <c r="N33771" s="10"/>
    </row>
    <row r="33772" spans="14:14">
      <c r="N33772" s="10"/>
    </row>
    <row r="33773" spans="14:14">
      <c r="N33773" s="10"/>
    </row>
    <row r="33774" spans="14:14">
      <c r="N33774" s="10"/>
    </row>
    <row r="33775" spans="14:14">
      <c r="N33775" s="10"/>
    </row>
    <row r="33776" spans="14:14">
      <c r="N33776" s="10"/>
    </row>
    <row r="33777" spans="14:14">
      <c r="N33777" s="10"/>
    </row>
    <row r="33778" spans="14:14">
      <c r="N33778" s="10"/>
    </row>
    <row r="33779" spans="14:14">
      <c r="N33779" s="10"/>
    </row>
    <row r="33780" spans="14:14">
      <c r="N33780" s="10"/>
    </row>
    <row r="33781" spans="14:14">
      <c r="N33781" s="10"/>
    </row>
    <row r="33782" spans="14:14">
      <c r="N33782" s="10"/>
    </row>
    <row r="33783" spans="14:14">
      <c r="N33783" s="10"/>
    </row>
    <row r="33784" spans="14:14">
      <c r="N33784" s="10"/>
    </row>
    <row r="33785" spans="14:14">
      <c r="N33785" s="10"/>
    </row>
    <row r="33786" spans="14:14">
      <c r="N33786" s="10"/>
    </row>
    <row r="33787" spans="14:14">
      <c r="N33787" s="10"/>
    </row>
    <row r="33788" spans="14:14">
      <c r="N33788" s="10"/>
    </row>
    <row r="33789" spans="14:14">
      <c r="N33789" s="10"/>
    </row>
    <row r="33790" spans="14:14">
      <c r="N33790" s="10"/>
    </row>
    <row r="33791" spans="14:14">
      <c r="N33791" s="10"/>
    </row>
    <row r="33792" spans="14:14">
      <c r="N33792" s="10"/>
    </row>
    <row r="33793" spans="14:14">
      <c r="N33793" s="10"/>
    </row>
    <row r="33794" spans="14:14">
      <c r="N33794" s="10"/>
    </row>
    <row r="33795" spans="14:14">
      <c r="N33795" s="10"/>
    </row>
    <row r="33796" spans="14:14">
      <c r="N33796" s="10"/>
    </row>
    <row r="33797" spans="14:14">
      <c r="N33797" s="10"/>
    </row>
    <row r="33798" spans="14:14">
      <c r="N33798" s="10"/>
    </row>
    <row r="33799" spans="14:14">
      <c r="N33799" s="10"/>
    </row>
    <row r="33800" spans="14:14">
      <c r="N33800" s="10"/>
    </row>
    <row r="33801" spans="14:14">
      <c r="N33801" s="10"/>
    </row>
    <row r="33802" spans="14:14">
      <c r="N33802" s="10"/>
    </row>
    <row r="33803" spans="14:14">
      <c r="N33803" s="10"/>
    </row>
    <row r="33804" spans="14:14">
      <c r="N33804" s="10"/>
    </row>
    <row r="33805" spans="14:14">
      <c r="N33805" s="10"/>
    </row>
    <row r="33806" spans="14:14">
      <c r="N33806" s="10"/>
    </row>
    <row r="33807" spans="14:14">
      <c r="N33807" s="10"/>
    </row>
    <row r="33808" spans="14:14">
      <c r="N33808" s="10"/>
    </row>
    <row r="33809" spans="14:14">
      <c r="N33809" s="10"/>
    </row>
    <row r="33810" spans="14:14">
      <c r="N33810" s="10"/>
    </row>
    <row r="33811" spans="14:14">
      <c r="N33811" s="10"/>
    </row>
    <row r="33812" spans="14:14">
      <c r="N33812" s="10"/>
    </row>
    <row r="33813" spans="14:14">
      <c r="N33813" s="10"/>
    </row>
    <row r="33814" spans="14:14">
      <c r="N33814" s="10"/>
    </row>
    <row r="33815" spans="14:14">
      <c r="N33815" s="10"/>
    </row>
    <row r="33816" spans="14:14">
      <c r="N33816" s="10"/>
    </row>
    <row r="33817" spans="14:14">
      <c r="N33817" s="10"/>
    </row>
    <row r="33818" spans="14:14">
      <c r="N33818" s="10"/>
    </row>
    <row r="33819" spans="14:14">
      <c r="N33819" s="10"/>
    </row>
    <row r="33820" spans="14:14">
      <c r="N33820" s="10"/>
    </row>
    <row r="33821" spans="14:14">
      <c r="N33821" s="10"/>
    </row>
    <row r="33822" spans="14:14">
      <c r="N33822" s="10"/>
    </row>
    <row r="33823" spans="14:14">
      <c r="N33823" s="10"/>
    </row>
    <row r="33824" spans="14:14">
      <c r="N33824" s="10"/>
    </row>
    <row r="33825" spans="14:14">
      <c r="N33825" s="10"/>
    </row>
    <row r="33826" spans="14:14">
      <c r="N33826" s="10"/>
    </row>
    <row r="33827" spans="14:14">
      <c r="N33827" s="10"/>
    </row>
    <row r="33828" spans="14:14">
      <c r="N33828" s="10"/>
    </row>
    <row r="33829" spans="14:14">
      <c r="N33829" s="10"/>
    </row>
    <row r="33830" spans="14:14">
      <c r="N33830" s="10"/>
    </row>
    <row r="33831" spans="14:14">
      <c r="N33831" s="10"/>
    </row>
    <row r="33832" spans="14:14">
      <c r="N33832" s="10"/>
    </row>
    <row r="33833" spans="14:14">
      <c r="N33833" s="10"/>
    </row>
    <row r="33834" spans="14:14">
      <c r="N33834" s="10"/>
    </row>
    <row r="33835" spans="14:14">
      <c r="N33835" s="10"/>
    </row>
    <row r="33836" spans="14:14">
      <c r="N33836" s="10"/>
    </row>
    <row r="33837" spans="14:14">
      <c r="N33837" s="10"/>
    </row>
    <row r="33838" spans="14:14">
      <c r="N33838" s="10"/>
    </row>
    <row r="33839" spans="14:14">
      <c r="N33839" s="10"/>
    </row>
    <row r="33840" spans="14:14">
      <c r="N33840" s="10"/>
    </row>
    <row r="33841" spans="14:14">
      <c r="N33841" s="10"/>
    </row>
    <row r="33842" spans="14:14">
      <c r="N33842" s="10"/>
    </row>
    <row r="33843" spans="14:14">
      <c r="N33843" s="10"/>
    </row>
    <row r="33844" spans="14:14">
      <c r="N33844" s="10"/>
    </row>
    <row r="33845" spans="14:14">
      <c r="N33845" s="10"/>
    </row>
    <row r="33846" spans="14:14">
      <c r="N33846" s="10"/>
    </row>
    <row r="33847" spans="14:14">
      <c r="N33847" s="10"/>
    </row>
    <row r="33848" spans="14:14">
      <c r="N33848" s="10"/>
    </row>
    <row r="33849" spans="14:14">
      <c r="N33849" s="10"/>
    </row>
    <row r="33850" spans="14:14">
      <c r="N33850" s="10"/>
    </row>
    <row r="33851" spans="14:14">
      <c r="N33851" s="10"/>
    </row>
    <row r="33852" spans="14:14">
      <c r="N33852" s="10"/>
    </row>
    <row r="33853" spans="14:14">
      <c r="N33853" s="10"/>
    </row>
    <row r="33854" spans="14:14">
      <c r="N33854" s="10"/>
    </row>
    <row r="33855" spans="14:14">
      <c r="N33855" s="10"/>
    </row>
    <row r="33856" spans="14:14">
      <c r="N33856" s="10"/>
    </row>
    <row r="33857" spans="14:14">
      <c r="N33857" s="10"/>
    </row>
    <row r="33858" spans="14:14">
      <c r="N33858" s="10"/>
    </row>
    <row r="33859" spans="14:14">
      <c r="N33859" s="10"/>
    </row>
    <row r="33860" spans="14:14">
      <c r="N33860" s="10"/>
    </row>
    <row r="33861" spans="14:14">
      <c r="N33861" s="10"/>
    </row>
    <row r="33862" spans="14:14">
      <c r="N33862" s="10"/>
    </row>
    <row r="33863" spans="14:14">
      <c r="N33863" s="10"/>
    </row>
    <row r="33864" spans="14:14">
      <c r="N33864" s="10"/>
    </row>
    <row r="33865" spans="14:14">
      <c r="N33865" s="10"/>
    </row>
    <row r="33866" spans="14:14">
      <c r="N33866" s="10"/>
    </row>
    <row r="33867" spans="14:14">
      <c r="N33867" s="10"/>
    </row>
    <row r="33868" spans="14:14">
      <c r="N33868" s="10"/>
    </row>
    <row r="33869" spans="14:14">
      <c r="N33869" s="10"/>
    </row>
    <row r="33870" spans="14:14">
      <c r="N33870" s="10"/>
    </row>
    <row r="33871" spans="14:14">
      <c r="N33871" s="10"/>
    </row>
    <row r="33872" spans="14:14">
      <c r="N33872" s="10"/>
    </row>
    <row r="33873" spans="14:14">
      <c r="N33873" s="10"/>
    </row>
    <row r="33874" spans="14:14">
      <c r="N33874" s="10"/>
    </row>
    <row r="33875" spans="14:14">
      <c r="N33875" s="10"/>
    </row>
    <row r="33876" spans="14:14">
      <c r="N33876" s="10"/>
    </row>
    <row r="33877" spans="14:14">
      <c r="N33877" s="10"/>
    </row>
    <row r="33878" spans="14:14">
      <c r="N33878" s="10"/>
    </row>
    <row r="33879" spans="14:14">
      <c r="N33879" s="10"/>
    </row>
    <row r="33880" spans="14:14">
      <c r="N33880" s="10"/>
    </row>
    <row r="33881" spans="14:14">
      <c r="N33881" s="10"/>
    </row>
    <row r="33882" spans="14:14">
      <c r="N33882" s="10"/>
    </row>
    <row r="33883" spans="14:14">
      <c r="N33883" s="10"/>
    </row>
    <row r="33884" spans="14:14">
      <c r="N33884" s="10"/>
    </row>
    <row r="33885" spans="14:14">
      <c r="N33885" s="10"/>
    </row>
    <row r="33886" spans="14:14">
      <c r="N33886" s="10"/>
    </row>
    <row r="33887" spans="14:14">
      <c r="N33887" s="10"/>
    </row>
    <row r="33888" spans="14:14">
      <c r="N33888" s="10"/>
    </row>
    <row r="33889" spans="14:14">
      <c r="N33889" s="10"/>
    </row>
    <row r="33890" spans="14:14">
      <c r="N33890" s="10"/>
    </row>
    <row r="33891" spans="14:14">
      <c r="N33891" s="10"/>
    </row>
    <row r="33892" spans="14:14">
      <c r="N33892" s="10"/>
    </row>
    <row r="33893" spans="14:14">
      <c r="N33893" s="10"/>
    </row>
    <row r="33894" spans="14:14">
      <c r="N33894" s="10"/>
    </row>
    <row r="33895" spans="14:14">
      <c r="N33895" s="10"/>
    </row>
    <row r="33896" spans="14:14">
      <c r="N33896" s="10"/>
    </row>
    <row r="33897" spans="14:14">
      <c r="N33897" s="10"/>
    </row>
    <row r="33898" spans="14:14">
      <c r="N33898" s="10"/>
    </row>
    <row r="33899" spans="14:14">
      <c r="N33899" s="10"/>
    </row>
    <row r="33900" spans="14:14">
      <c r="N33900" s="10"/>
    </row>
    <row r="33901" spans="14:14">
      <c r="N33901" s="10"/>
    </row>
    <row r="33902" spans="14:14">
      <c r="N33902" s="10"/>
    </row>
    <row r="33903" spans="14:14">
      <c r="N33903" s="10"/>
    </row>
    <row r="33904" spans="14:14">
      <c r="N33904" s="10"/>
    </row>
    <row r="33905" spans="14:14">
      <c r="N33905" s="10"/>
    </row>
    <row r="33906" spans="14:14">
      <c r="N33906" s="10"/>
    </row>
    <row r="33907" spans="14:14">
      <c r="N33907" s="10"/>
    </row>
    <row r="33908" spans="14:14">
      <c r="N33908" s="10"/>
    </row>
    <row r="33909" spans="14:14">
      <c r="N33909" s="10"/>
    </row>
    <row r="33910" spans="14:14">
      <c r="N33910" s="10"/>
    </row>
    <row r="33911" spans="14:14">
      <c r="N33911" s="10"/>
    </row>
    <row r="33912" spans="14:14">
      <c r="N33912" s="10"/>
    </row>
    <row r="33913" spans="14:14">
      <c r="N33913" s="10"/>
    </row>
    <row r="33914" spans="14:14">
      <c r="N33914" s="10"/>
    </row>
    <row r="33915" spans="14:14">
      <c r="N33915" s="10"/>
    </row>
    <row r="33916" spans="14:14">
      <c r="N33916" s="10"/>
    </row>
    <row r="33917" spans="14:14">
      <c r="N33917" s="10"/>
    </row>
    <row r="33918" spans="14:14">
      <c r="N33918" s="10"/>
    </row>
    <row r="33919" spans="14:14">
      <c r="N33919" s="10"/>
    </row>
    <row r="33920" spans="14:14">
      <c r="N33920" s="10"/>
    </row>
    <row r="33921" spans="14:14">
      <c r="N33921" s="10"/>
    </row>
    <row r="33922" spans="14:14">
      <c r="N33922" s="10"/>
    </row>
    <row r="33923" spans="14:14">
      <c r="N33923" s="10"/>
    </row>
    <row r="33924" spans="14:14">
      <c r="N33924" s="10"/>
    </row>
    <row r="33925" spans="14:14">
      <c r="N33925" s="10"/>
    </row>
    <row r="33926" spans="14:14">
      <c r="N33926" s="10"/>
    </row>
    <row r="33927" spans="14:14">
      <c r="N33927" s="10"/>
    </row>
    <row r="33928" spans="14:14">
      <c r="N33928" s="10"/>
    </row>
    <row r="33929" spans="14:14">
      <c r="N33929" s="10"/>
    </row>
    <row r="33930" spans="14:14">
      <c r="N33930" s="10"/>
    </row>
    <row r="33931" spans="14:14">
      <c r="N33931" s="10"/>
    </row>
    <row r="33932" spans="14:14">
      <c r="N33932" s="10"/>
    </row>
    <row r="33933" spans="14:14">
      <c r="N33933" s="10"/>
    </row>
    <row r="33934" spans="14:14">
      <c r="N33934" s="10"/>
    </row>
    <row r="33935" spans="14:14">
      <c r="N33935" s="10"/>
    </row>
    <row r="33936" spans="14:14">
      <c r="N33936" s="10"/>
    </row>
    <row r="33937" spans="14:14">
      <c r="N33937" s="10"/>
    </row>
    <row r="33938" spans="14:14">
      <c r="N33938" s="10"/>
    </row>
    <row r="33939" spans="14:14">
      <c r="N33939" s="10"/>
    </row>
    <row r="33940" spans="14:14">
      <c r="N33940" s="10"/>
    </row>
    <row r="33941" spans="14:14">
      <c r="N33941" s="10"/>
    </row>
    <row r="33942" spans="14:14">
      <c r="N33942" s="10"/>
    </row>
    <row r="33943" spans="14:14">
      <c r="N33943" s="10"/>
    </row>
    <row r="33944" spans="14:14">
      <c r="N33944" s="10"/>
    </row>
    <row r="33945" spans="14:14">
      <c r="N33945" s="10"/>
    </row>
    <row r="33946" spans="14:14">
      <c r="N33946" s="10"/>
    </row>
    <row r="33947" spans="14:14">
      <c r="N33947" s="10"/>
    </row>
    <row r="33948" spans="14:14">
      <c r="N33948" s="10"/>
    </row>
    <row r="33949" spans="14:14">
      <c r="N33949" s="10"/>
    </row>
    <row r="33950" spans="14:14">
      <c r="N33950" s="10"/>
    </row>
    <row r="33951" spans="14:14">
      <c r="N33951" s="10"/>
    </row>
    <row r="33952" spans="14:14">
      <c r="N33952" s="10"/>
    </row>
    <row r="33953" spans="14:14">
      <c r="N33953" s="10"/>
    </row>
    <row r="33954" spans="14:14">
      <c r="N33954" s="10"/>
    </row>
    <row r="33955" spans="14:14">
      <c r="N33955" s="10"/>
    </row>
    <row r="33956" spans="14:14">
      <c r="N33956" s="10"/>
    </row>
    <row r="33957" spans="14:14">
      <c r="N33957" s="10"/>
    </row>
    <row r="33958" spans="14:14">
      <c r="N33958" s="10"/>
    </row>
    <row r="33959" spans="14:14">
      <c r="N33959" s="10"/>
    </row>
    <row r="33960" spans="14:14">
      <c r="N33960" s="10"/>
    </row>
    <row r="33961" spans="14:14">
      <c r="N33961" s="10"/>
    </row>
    <row r="33962" spans="14:14">
      <c r="N33962" s="10"/>
    </row>
    <row r="33963" spans="14:14">
      <c r="N33963" s="10"/>
    </row>
    <row r="33964" spans="14:14">
      <c r="N33964" s="10"/>
    </row>
    <row r="33965" spans="14:14">
      <c r="N33965" s="10"/>
    </row>
    <row r="33966" spans="14:14">
      <c r="N33966" s="10"/>
    </row>
    <row r="33967" spans="14:14">
      <c r="N33967" s="10"/>
    </row>
    <row r="33968" spans="14:14">
      <c r="N33968" s="10"/>
    </row>
    <row r="33969" spans="14:14">
      <c r="N33969" s="10"/>
    </row>
    <row r="33970" spans="14:14">
      <c r="N33970" s="10"/>
    </row>
    <row r="33971" spans="14:14">
      <c r="N33971" s="10"/>
    </row>
    <row r="33972" spans="14:14">
      <c r="N33972" s="10"/>
    </row>
    <row r="33973" spans="14:14">
      <c r="N33973" s="10"/>
    </row>
    <row r="33974" spans="14:14">
      <c r="N33974" s="10"/>
    </row>
    <row r="33975" spans="14:14">
      <c r="N33975" s="10"/>
    </row>
    <row r="33976" spans="14:14">
      <c r="N33976" s="10"/>
    </row>
    <row r="33977" spans="14:14">
      <c r="N33977" s="10"/>
    </row>
    <row r="33978" spans="14:14">
      <c r="N33978" s="10"/>
    </row>
    <row r="33979" spans="14:14">
      <c r="N33979" s="10"/>
    </row>
    <row r="33980" spans="14:14">
      <c r="N33980" s="10"/>
    </row>
    <row r="33981" spans="14:14">
      <c r="N33981" s="10"/>
    </row>
    <row r="33982" spans="14:14">
      <c r="N33982" s="10"/>
    </row>
    <row r="33983" spans="14:14">
      <c r="N33983" s="10"/>
    </row>
    <row r="33984" spans="14:14">
      <c r="N33984" s="10"/>
    </row>
    <row r="33985" spans="14:14">
      <c r="N33985" s="10"/>
    </row>
    <row r="33986" spans="14:14">
      <c r="N33986" s="10"/>
    </row>
    <row r="33987" spans="14:14">
      <c r="N33987" s="10"/>
    </row>
    <row r="33988" spans="14:14">
      <c r="N33988" s="10"/>
    </row>
    <row r="33989" spans="14:14">
      <c r="N33989" s="10"/>
    </row>
    <row r="33990" spans="14:14">
      <c r="N33990" s="10"/>
    </row>
    <row r="33991" spans="14:14">
      <c r="N33991" s="10"/>
    </row>
    <row r="33992" spans="14:14">
      <c r="N33992" s="10"/>
    </row>
    <row r="33993" spans="14:14">
      <c r="N33993" s="10"/>
    </row>
    <row r="33994" spans="14:14">
      <c r="N33994" s="10"/>
    </row>
    <row r="33995" spans="14:14">
      <c r="N33995" s="10"/>
    </row>
    <row r="33996" spans="14:14">
      <c r="N33996" s="10"/>
    </row>
    <row r="33997" spans="14:14">
      <c r="N33997" s="10"/>
    </row>
    <row r="33998" spans="14:14">
      <c r="N33998" s="10"/>
    </row>
    <row r="33999" spans="14:14">
      <c r="N33999" s="10"/>
    </row>
    <row r="34000" spans="14:14">
      <c r="N34000" s="10"/>
    </row>
    <row r="34001" spans="14:14">
      <c r="N34001" s="10"/>
    </row>
    <row r="34002" spans="14:14">
      <c r="N34002" s="10"/>
    </row>
    <row r="34003" spans="14:14">
      <c r="N34003" s="10"/>
    </row>
    <row r="34004" spans="14:14">
      <c r="N34004" s="10"/>
    </row>
    <row r="34005" spans="14:14">
      <c r="N34005" s="10"/>
    </row>
    <row r="34006" spans="14:14">
      <c r="N34006" s="10"/>
    </row>
    <row r="34007" spans="14:14">
      <c r="N34007" s="10"/>
    </row>
    <row r="34008" spans="14:14">
      <c r="N34008" s="10"/>
    </row>
    <row r="34009" spans="14:14">
      <c r="N34009" s="10"/>
    </row>
    <row r="34010" spans="14:14">
      <c r="N34010" s="10"/>
    </row>
    <row r="34011" spans="14:14">
      <c r="N34011" s="10"/>
    </row>
    <row r="34012" spans="14:14">
      <c r="N34012" s="10"/>
    </row>
    <row r="34013" spans="14:14">
      <c r="N34013" s="10"/>
    </row>
    <row r="34014" spans="14:14">
      <c r="N34014" s="10"/>
    </row>
    <row r="34015" spans="14:14">
      <c r="N34015" s="10"/>
    </row>
    <row r="34016" spans="14:14">
      <c r="N34016" s="10"/>
    </row>
    <row r="34017" spans="14:14">
      <c r="N34017" s="10"/>
    </row>
    <row r="34018" spans="14:14">
      <c r="N34018" s="10"/>
    </row>
    <row r="34019" spans="14:14">
      <c r="N34019" s="10"/>
    </row>
    <row r="34020" spans="14:14">
      <c r="N34020" s="10"/>
    </row>
    <row r="34021" spans="14:14">
      <c r="N34021" s="10"/>
    </row>
    <row r="34022" spans="14:14">
      <c r="N34022" s="10"/>
    </row>
    <row r="34023" spans="14:14">
      <c r="N34023" s="10"/>
    </row>
    <row r="34024" spans="14:14">
      <c r="N34024" s="10"/>
    </row>
    <row r="34025" spans="14:14">
      <c r="N34025" s="10"/>
    </row>
    <row r="34026" spans="14:14">
      <c r="N34026" s="10"/>
    </row>
    <row r="34027" spans="14:14">
      <c r="N34027" s="10"/>
    </row>
    <row r="34028" spans="14:14">
      <c r="N34028" s="10"/>
    </row>
    <row r="34029" spans="14:14">
      <c r="N34029" s="10"/>
    </row>
    <row r="34030" spans="14:14">
      <c r="N34030" s="10"/>
    </row>
    <row r="34031" spans="14:14">
      <c r="N34031" s="10"/>
    </row>
    <row r="34032" spans="14:14">
      <c r="N34032" s="10"/>
    </row>
    <row r="34033" spans="14:14">
      <c r="N34033" s="10"/>
    </row>
    <row r="34034" spans="14:14">
      <c r="N34034" s="10"/>
    </row>
    <row r="34035" spans="14:14">
      <c r="N34035" s="10"/>
    </row>
    <row r="34036" spans="14:14">
      <c r="N34036" s="10"/>
    </row>
    <row r="34037" spans="14:14">
      <c r="N34037" s="10"/>
    </row>
    <row r="34038" spans="14:14">
      <c r="N34038" s="10"/>
    </row>
    <row r="34039" spans="14:14">
      <c r="N34039" s="10"/>
    </row>
    <row r="34040" spans="14:14">
      <c r="N34040" s="10"/>
    </row>
    <row r="34041" spans="14:14">
      <c r="N34041" s="10"/>
    </row>
    <row r="34042" spans="14:14">
      <c r="N34042" s="10"/>
    </row>
    <row r="34043" spans="14:14">
      <c r="N34043" s="10"/>
    </row>
    <row r="34044" spans="14:14">
      <c r="N34044" s="10"/>
    </row>
    <row r="34045" spans="14:14">
      <c r="N34045" s="10"/>
    </row>
    <row r="34046" spans="14:14">
      <c r="N34046" s="10"/>
    </row>
    <row r="34047" spans="14:14">
      <c r="N34047" s="10"/>
    </row>
    <row r="34048" spans="14:14">
      <c r="N34048" s="10"/>
    </row>
    <row r="34049" spans="14:14">
      <c r="N34049" s="10"/>
    </row>
    <row r="34050" spans="14:14">
      <c r="N34050" s="10"/>
    </row>
    <row r="34051" spans="14:14">
      <c r="N34051" s="10"/>
    </row>
    <row r="34052" spans="14:14">
      <c r="N34052" s="10"/>
    </row>
    <row r="34053" spans="14:14">
      <c r="N34053" s="10"/>
    </row>
    <row r="34054" spans="14:14">
      <c r="N34054" s="10"/>
    </row>
    <row r="34055" spans="14:14">
      <c r="N34055" s="10"/>
    </row>
    <row r="34056" spans="14:14">
      <c r="N34056" s="10"/>
    </row>
    <row r="34057" spans="14:14">
      <c r="N34057" s="10"/>
    </row>
    <row r="34058" spans="14:14">
      <c r="N34058" s="10"/>
    </row>
    <row r="34059" spans="14:14">
      <c r="N34059" s="10"/>
    </row>
    <row r="34060" spans="14:14">
      <c r="N34060" s="10"/>
    </row>
    <row r="34061" spans="14:14">
      <c r="N34061" s="10"/>
    </row>
    <row r="34062" spans="14:14">
      <c r="N34062" s="10"/>
    </row>
    <row r="34063" spans="14:14">
      <c r="N34063" s="10"/>
    </row>
    <row r="34064" spans="14:14">
      <c r="N34064" s="10"/>
    </row>
    <row r="34065" spans="14:14">
      <c r="N34065" s="10"/>
    </row>
    <row r="34066" spans="14:14">
      <c r="N34066" s="10"/>
    </row>
    <row r="34067" spans="14:14">
      <c r="N34067" s="10"/>
    </row>
    <row r="34068" spans="14:14">
      <c r="N34068" s="10"/>
    </row>
    <row r="34069" spans="14:14">
      <c r="N34069" s="10"/>
    </row>
    <row r="34070" spans="14:14">
      <c r="N34070" s="10"/>
    </row>
    <row r="34071" spans="14:14">
      <c r="N34071" s="10"/>
    </row>
    <row r="34072" spans="14:14">
      <c r="N34072" s="10"/>
    </row>
    <row r="34073" spans="14:14">
      <c r="N34073" s="10"/>
    </row>
    <row r="34074" spans="14:14">
      <c r="N34074" s="10"/>
    </row>
    <row r="34075" spans="14:14">
      <c r="N34075" s="10"/>
    </row>
    <row r="34076" spans="14:14">
      <c r="N34076" s="10"/>
    </row>
    <row r="34077" spans="14:14">
      <c r="N34077" s="10"/>
    </row>
    <row r="34078" spans="14:14">
      <c r="N34078" s="10"/>
    </row>
    <row r="34079" spans="14:14">
      <c r="N34079" s="10"/>
    </row>
    <row r="34080" spans="14:14">
      <c r="N34080" s="10"/>
    </row>
    <row r="34081" spans="14:14">
      <c r="N34081" s="10"/>
    </row>
    <row r="34082" spans="14:14">
      <c r="N34082" s="10"/>
    </row>
    <row r="34083" spans="14:14">
      <c r="N34083" s="10"/>
    </row>
    <row r="34084" spans="14:14">
      <c r="N34084" s="10"/>
    </row>
    <row r="34085" spans="14:14">
      <c r="N34085" s="10"/>
    </row>
    <row r="34086" spans="14:14">
      <c r="N34086" s="10"/>
    </row>
    <row r="34087" spans="14:14">
      <c r="N34087" s="10"/>
    </row>
    <row r="34088" spans="14:14">
      <c r="N34088" s="10"/>
    </row>
    <row r="34089" spans="14:14">
      <c r="N34089" s="10"/>
    </row>
    <row r="34090" spans="14:14">
      <c r="N34090" s="10"/>
    </row>
    <row r="34091" spans="14:14">
      <c r="N34091" s="10"/>
    </row>
    <row r="34092" spans="14:14">
      <c r="N34092" s="10"/>
    </row>
    <row r="34093" spans="14:14">
      <c r="N34093" s="10"/>
    </row>
    <row r="34094" spans="14:14">
      <c r="N34094" s="10"/>
    </row>
    <row r="34095" spans="14:14">
      <c r="N34095" s="10"/>
    </row>
    <row r="34096" spans="14:14">
      <c r="N34096" s="10"/>
    </row>
    <row r="34097" spans="14:14">
      <c r="N34097" s="10"/>
    </row>
    <row r="34098" spans="14:14">
      <c r="N34098" s="10"/>
    </row>
    <row r="34099" spans="14:14">
      <c r="N34099" s="10"/>
    </row>
    <row r="34100" spans="14:14">
      <c r="N34100" s="10"/>
    </row>
    <row r="34101" spans="14:14">
      <c r="N34101" s="10"/>
    </row>
    <row r="34102" spans="14:14">
      <c r="N34102" s="10"/>
    </row>
    <row r="34103" spans="14:14">
      <c r="N34103" s="10"/>
    </row>
    <row r="34104" spans="14:14">
      <c r="N34104" s="10"/>
    </row>
    <row r="34105" spans="14:14">
      <c r="N34105" s="10"/>
    </row>
    <row r="34106" spans="14:14">
      <c r="N34106" s="10"/>
    </row>
    <row r="34107" spans="14:14">
      <c r="N34107" s="10"/>
    </row>
    <row r="34108" spans="14:14">
      <c r="N34108" s="10"/>
    </row>
    <row r="34109" spans="14:14">
      <c r="N34109" s="10"/>
    </row>
    <row r="34110" spans="14:14">
      <c r="N34110" s="10"/>
    </row>
    <row r="34111" spans="14:14">
      <c r="N34111" s="10"/>
    </row>
    <row r="34112" spans="14:14">
      <c r="N34112" s="10"/>
    </row>
    <row r="34113" spans="14:14">
      <c r="N34113" s="10"/>
    </row>
    <row r="34114" spans="14:14">
      <c r="N34114" s="10"/>
    </row>
    <row r="34115" spans="14:14">
      <c r="N34115" s="10"/>
    </row>
    <row r="34116" spans="14:14">
      <c r="N34116" s="10"/>
    </row>
    <row r="34117" spans="14:14">
      <c r="N34117" s="10"/>
    </row>
    <row r="34118" spans="14:14">
      <c r="N34118" s="10"/>
    </row>
    <row r="34119" spans="14:14">
      <c r="N34119" s="10"/>
    </row>
    <row r="34120" spans="14:14">
      <c r="N34120" s="10"/>
    </row>
    <row r="34121" spans="14:14">
      <c r="N34121" s="10"/>
    </row>
    <row r="34122" spans="14:14">
      <c r="N34122" s="10"/>
    </row>
    <row r="34123" spans="14:14">
      <c r="N34123" s="10"/>
    </row>
    <row r="34124" spans="14:14">
      <c r="N34124" s="10"/>
    </row>
    <row r="34125" spans="14:14">
      <c r="N34125" s="10"/>
    </row>
    <row r="34126" spans="14:14">
      <c r="N34126" s="10"/>
    </row>
    <row r="34127" spans="14:14">
      <c r="N34127" s="10"/>
    </row>
    <row r="34128" spans="14:14">
      <c r="N34128" s="10"/>
    </row>
    <row r="34129" spans="14:14">
      <c r="N34129" s="10"/>
    </row>
    <row r="34130" spans="14:14">
      <c r="N34130" s="10"/>
    </row>
    <row r="34131" spans="14:14">
      <c r="N34131" s="10"/>
    </row>
    <row r="34132" spans="14:14">
      <c r="N34132" s="10"/>
    </row>
    <row r="34133" spans="14:14">
      <c r="N34133" s="10"/>
    </row>
    <row r="34134" spans="14:14">
      <c r="N34134" s="10"/>
    </row>
    <row r="34135" spans="14:14">
      <c r="N34135" s="10"/>
    </row>
    <row r="34136" spans="14:14">
      <c r="N34136" s="10"/>
    </row>
    <row r="34137" spans="14:14">
      <c r="N34137" s="10"/>
    </row>
    <row r="34138" spans="14:14">
      <c r="N34138" s="10"/>
    </row>
    <row r="34139" spans="14:14">
      <c r="N34139" s="10"/>
    </row>
    <row r="34140" spans="14:14">
      <c r="N34140" s="10"/>
    </row>
    <row r="34141" spans="14:14">
      <c r="N34141" s="10"/>
    </row>
    <row r="34142" spans="14:14">
      <c r="N34142" s="10"/>
    </row>
    <row r="34143" spans="14:14">
      <c r="N34143" s="10"/>
    </row>
    <row r="34144" spans="14:14">
      <c r="N34144" s="10"/>
    </row>
    <row r="34145" spans="14:14">
      <c r="N34145" s="10"/>
    </row>
    <row r="34146" spans="14:14">
      <c r="N34146" s="10"/>
    </row>
    <row r="34147" spans="14:14">
      <c r="N34147" s="10"/>
    </row>
    <row r="34148" spans="14:14">
      <c r="N34148" s="10"/>
    </row>
    <row r="34149" spans="14:14">
      <c r="N34149" s="10"/>
    </row>
    <row r="34150" spans="14:14">
      <c r="N34150" s="10"/>
    </row>
    <row r="34151" spans="14:14">
      <c r="N34151" s="10"/>
    </row>
    <row r="34152" spans="14:14">
      <c r="N34152" s="10"/>
    </row>
    <row r="34153" spans="14:14">
      <c r="N34153" s="10"/>
    </row>
    <row r="34154" spans="14:14">
      <c r="N34154" s="10"/>
    </row>
    <row r="34155" spans="14:14">
      <c r="N34155" s="10"/>
    </row>
    <row r="34156" spans="14:14">
      <c r="N34156" s="10"/>
    </row>
    <row r="34157" spans="14:14">
      <c r="N34157" s="10"/>
    </row>
    <row r="34158" spans="14:14">
      <c r="N34158" s="10"/>
    </row>
    <row r="34159" spans="14:14">
      <c r="N34159" s="10"/>
    </row>
    <row r="34160" spans="14:14">
      <c r="N34160" s="10"/>
    </row>
    <row r="34161" spans="14:14">
      <c r="N34161" s="10"/>
    </row>
    <row r="34162" spans="14:14">
      <c r="N34162" s="10"/>
    </row>
    <row r="34163" spans="14:14">
      <c r="N34163" s="10"/>
    </row>
    <row r="34164" spans="14:14">
      <c r="N34164" s="10"/>
    </row>
    <row r="34165" spans="14:14">
      <c r="N34165" s="10"/>
    </row>
    <row r="34166" spans="14:14">
      <c r="N34166" s="10"/>
    </row>
    <row r="34167" spans="14:14">
      <c r="N34167" s="10"/>
    </row>
    <row r="34168" spans="14:14">
      <c r="N34168" s="10"/>
    </row>
    <row r="34169" spans="14:14">
      <c r="N34169" s="10"/>
    </row>
    <row r="34170" spans="14:14">
      <c r="N34170" s="10"/>
    </row>
    <row r="34171" spans="14:14">
      <c r="N34171" s="10"/>
    </row>
    <row r="34172" spans="14:14">
      <c r="N34172" s="10"/>
    </row>
    <row r="34173" spans="14:14">
      <c r="N34173" s="10"/>
    </row>
    <row r="34174" spans="14:14">
      <c r="N34174" s="10"/>
    </row>
    <row r="34175" spans="14:14">
      <c r="N34175" s="10"/>
    </row>
    <row r="34176" spans="14:14">
      <c r="N34176" s="10"/>
    </row>
    <row r="34177" spans="14:14">
      <c r="N34177" s="10"/>
    </row>
    <row r="34178" spans="14:14">
      <c r="N34178" s="10"/>
    </row>
    <row r="34179" spans="14:14">
      <c r="N34179" s="10"/>
    </row>
    <row r="34180" spans="14:14">
      <c r="N34180" s="10"/>
    </row>
    <row r="34181" spans="14:14">
      <c r="N34181" s="10"/>
    </row>
    <row r="34182" spans="14:14">
      <c r="N34182" s="10"/>
    </row>
    <row r="34183" spans="14:14">
      <c r="N34183" s="10"/>
    </row>
    <row r="34184" spans="14:14">
      <c r="N34184" s="10"/>
    </row>
    <row r="34185" spans="14:14">
      <c r="N34185" s="10"/>
    </row>
    <row r="34186" spans="14:14">
      <c r="N34186" s="10"/>
    </row>
    <row r="34187" spans="14:14">
      <c r="N34187" s="10"/>
    </row>
    <row r="34188" spans="14:14">
      <c r="N34188" s="10"/>
    </row>
    <row r="34189" spans="14:14">
      <c r="N34189" s="10"/>
    </row>
    <row r="34190" spans="14:14">
      <c r="N34190" s="10"/>
    </row>
    <row r="34191" spans="14:14">
      <c r="N34191" s="10"/>
    </row>
    <row r="34192" spans="14:14">
      <c r="N34192" s="10"/>
    </row>
    <row r="34193" spans="14:14">
      <c r="N34193" s="10"/>
    </row>
    <row r="34194" spans="14:14">
      <c r="N34194" s="10"/>
    </row>
    <row r="34195" spans="14:14">
      <c r="N34195" s="10"/>
    </row>
    <row r="34196" spans="14:14">
      <c r="N34196" s="10"/>
    </row>
    <row r="34197" spans="14:14">
      <c r="N34197" s="10"/>
    </row>
    <row r="34198" spans="14:14">
      <c r="N34198" s="10"/>
    </row>
    <row r="34199" spans="14:14">
      <c r="N34199" s="10"/>
    </row>
    <row r="34200" spans="14:14">
      <c r="N34200" s="10"/>
    </row>
    <row r="34201" spans="14:14">
      <c r="N34201" s="10"/>
    </row>
    <row r="34202" spans="14:14">
      <c r="N34202" s="10"/>
    </row>
    <row r="34203" spans="14:14">
      <c r="N34203" s="10"/>
    </row>
    <row r="34204" spans="14:14">
      <c r="N34204" s="10"/>
    </row>
    <row r="34205" spans="14:14">
      <c r="N34205" s="10"/>
    </row>
    <row r="34206" spans="14:14">
      <c r="N34206" s="10"/>
    </row>
    <row r="34207" spans="14:14">
      <c r="N34207" s="10"/>
    </row>
    <row r="34208" spans="14:14">
      <c r="N34208" s="10"/>
    </row>
    <row r="34209" spans="14:14">
      <c r="N34209" s="10"/>
    </row>
    <row r="34210" spans="14:14">
      <c r="N34210" s="10"/>
    </row>
    <row r="34211" spans="14:14">
      <c r="N34211" s="10"/>
    </row>
    <row r="34212" spans="14:14">
      <c r="N34212" s="10"/>
    </row>
    <row r="34213" spans="14:14">
      <c r="N34213" s="10"/>
    </row>
    <row r="34214" spans="14:14">
      <c r="N34214" s="10"/>
    </row>
    <row r="34215" spans="14:14">
      <c r="N34215" s="10"/>
    </row>
    <row r="34216" spans="14:14">
      <c r="N34216" s="10"/>
    </row>
    <row r="34217" spans="14:14">
      <c r="N34217" s="10"/>
    </row>
    <row r="34218" spans="14:14">
      <c r="N34218" s="10"/>
    </row>
    <row r="34219" spans="14:14">
      <c r="N34219" s="10"/>
    </row>
    <row r="34220" spans="14:14">
      <c r="N34220" s="10"/>
    </row>
    <row r="34221" spans="14:14">
      <c r="N34221" s="10"/>
    </row>
    <row r="34222" spans="14:14">
      <c r="N34222" s="10"/>
    </row>
    <row r="34223" spans="14:14">
      <c r="N34223" s="10"/>
    </row>
    <row r="34224" spans="14:14">
      <c r="N34224" s="10"/>
    </row>
    <row r="34225" spans="14:14">
      <c r="N34225" s="10"/>
    </row>
    <row r="34226" spans="14:14">
      <c r="N34226" s="10"/>
    </row>
    <row r="34227" spans="14:14">
      <c r="N34227" s="10"/>
    </row>
    <row r="34228" spans="14:14">
      <c r="N34228" s="10"/>
    </row>
    <row r="34229" spans="14:14">
      <c r="N34229" s="10"/>
    </row>
    <row r="34230" spans="14:14">
      <c r="N34230" s="10"/>
    </row>
    <row r="34231" spans="14:14">
      <c r="N34231" s="10"/>
    </row>
    <row r="34232" spans="14:14">
      <c r="N34232" s="10"/>
    </row>
    <row r="34233" spans="14:14">
      <c r="N34233" s="10"/>
    </row>
    <row r="34234" spans="14:14">
      <c r="N34234" s="10"/>
    </row>
    <row r="34235" spans="14:14">
      <c r="N34235" s="10"/>
    </row>
    <row r="34236" spans="14:14">
      <c r="N34236" s="10"/>
    </row>
    <row r="34237" spans="14:14">
      <c r="N34237" s="10"/>
    </row>
    <row r="34238" spans="14:14">
      <c r="N34238" s="10"/>
    </row>
    <row r="34239" spans="14:14">
      <c r="N34239" s="10"/>
    </row>
    <row r="34240" spans="14:14">
      <c r="N34240" s="10"/>
    </row>
    <row r="34241" spans="14:14">
      <c r="N34241" s="10"/>
    </row>
    <row r="34242" spans="14:14">
      <c r="N34242" s="10"/>
    </row>
    <row r="34243" spans="14:14">
      <c r="N34243" s="10"/>
    </row>
    <row r="34244" spans="14:14">
      <c r="N34244" s="10"/>
    </row>
    <row r="34245" spans="14:14">
      <c r="N34245" s="10"/>
    </row>
    <row r="34246" spans="14:14">
      <c r="N34246" s="10"/>
    </row>
    <row r="34247" spans="14:14">
      <c r="N34247" s="10"/>
    </row>
    <row r="34248" spans="14:14">
      <c r="N34248" s="10"/>
    </row>
    <row r="34249" spans="14:14">
      <c r="N34249" s="10"/>
    </row>
    <row r="34250" spans="14:14">
      <c r="N34250" s="10"/>
    </row>
    <row r="34251" spans="14:14">
      <c r="N34251" s="10"/>
    </row>
    <row r="34252" spans="14:14">
      <c r="N34252" s="10"/>
    </row>
    <row r="34253" spans="14:14">
      <c r="N34253" s="10"/>
    </row>
    <row r="34254" spans="14:14">
      <c r="N34254" s="10"/>
    </row>
    <row r="34255" spans="14:14">
      <c r="N34255" s="10"/>
    </row>
    <row r="34256" spans="14:14">
      <c r="N34256" s="10"/>
    </row>
    <row r="34257" spans="14:14">
      <c r="N34257" s="10"/>
    </row>
    <row r="34258" spans="14:14">
      <c r="N34258" s="10"/>
    </row>
    <row r="34259" spans="14:14">
      <c r="N34259" s="10"/>
    </row>
    <row r="34260" spans="14:14">
      <c r="N34260" s="10"/>
    </row>
    <row r="34261" spans="14:14">
      <c r="N34261" s="10"/>
    </row>
    <row r="34262" spans="14:14">
      <c r="N34262" s="10"/>
    </row>
    <row r="34263" spans="14:14">
      <c r="N34263" s="10"/>
    </row>
    <row r="34264" spans="14:14">
      <c r="N34264" s="10"/>
    </row>
    <row r="34265" spans="14:14">
      <c r="N34265" s="10"/>
    </row>
    <row r="34266" spans="14:14">
      <c r="N34266" s="10"/>
    </row>
    <row r="34267" spans="14:14">
      <c r="N34267" s="10"/>
    </row>
    <row r="34268" spans="14:14">
      <c r="N34268" s="10"/>
    </row>
    <row r="34269" spans="14:14">
      <c r="N34269" s="10"/>
    </row>
    <row r="34270" spans="14:14">
      <c r="N34270" s="10"/>
    </row>
    <row r="34271" spans="14:14">
      <c r="N34271" s="10"/>
    </row>
    <row r="34272" spans="14:14">
      <c r="N34272" s="10"/>
    </row>
    <row r="34273" spans="14:14">
      <c r="N34273" s="10"/>
    </row>
    <row r="34274" spans="14:14">
      <c r="N34274" s="10"/>
    </row>
    <row r="34275" spans="14:14">
      <c r="N34275" s="10"/>
    </row>
    <row r="34276" spans="14:14">
      <c r="N34276" s="10"/>
    </row>
    <row r="34277" spans="14:14">
      <c r="N34277" s="10"/>
    </row>
    <row r="34278" spans="14:14">
      <c r="N34278" s="10"/>
    </row>
    <row r="34279" spans="14:14">
      <c r="N34279" s="10"/>
    </row>
    <row r="34280" spans="14:14">
      <c r="N34280" s="10"/>
    </row>
    <row r="34281" spans="14:14">
      <c r="N34281" s="10"/>
    </row>
    <row r="34282" spans="14:14">
      <c r="N34282" s="10"/>
    </row>
    <row r="34283" spans="14:14">
      <c r="N34283" s="10"/>
    </row>
    <row r="34284" spans="14:14">
      <c r="N34284" s="10"/>
    </row>
    <row r="34285" spans="14:14">
      <c r="N34285" s="10"/>
    </row>
    <row r="34286" spans="14:14">
      <c r="N34286" s="10"/>
    </row>
    <row r="34287" spans="14:14">
      <c r="N34287" s="10"/>
    </row>
    <row r="34288" spans="14:14">
      <c r="N34288" s="10"/>
    </row>
    <row r="34289" spans="14:14">
      <c r="N34289" s="10"/>
    </row>
    <row r="34290" spans="14:14">
      <c r="N34290" s="10"/>
    </row>
    <row r="34291" spans="14:14">
      <c r="N34291" s="10"/>
    </row>
    <row r="34292" spans="14:14">
      <c r="N34292" s="10"/>
    </row>
    <row r="34293" spans="14:14">
      <c r="N34293" s="10"/>
    </row>
    <row r="34294" spans="14:14">
      <c r="N34294" s="10"/>
    </row>
    <row r="34295" spans="14:14">
      <c r="N34295" s="10"/>
    </row>
    <row r="34296" spans="14:14">
      <c r="N34296" s="10"/>
    </row>
    <row r="34297" spans="14:14">
      <c r="N34297" s="10"/>
    </row>
    <row r="34298" spans="14:14">
      <c r="N34298" s="10"/>
    </row>
    <row r="34299" spans="14:14">
      <c r="N34299" s="10"/>
    </row>
    <row r="34300" spans="14:14">
      <c r="N34300" s="10"/>
    </row>
    <row r="34301" spans="14:14">
      <c r="N34301" s="10"/>
    </row>
    <row r="34302" spans="14:14">
      <c r="N34302" s="10"/>
    </row>
    <row r="34303" spans="14:14">
      <c r="N34303" s="10"/>
    </row>
    <row r="34304" spans="14:14">
      <c r="N34304" s="10"/>
    </row>
    <row r="34305" spans="14:14">
      <c r="N34305" s="10"/>
    </row>
    <row r="34306" spans="14:14">
      <c r="N34306" s="10"/>
    </row>
    <row r="34307" spans="14:14">
      <c r="N34307" s="10"/>
    </row>
    <row r="34308" spans="14:14">
      <c r="N34308" s="10"/>
    </row>
    <row r="34309" spans="14:14">
      <c r="N34309" s="10"/>
    </row>
    <row r="34310" spans="14:14">
      <c r="N34310" s="10"/>
    </row>
    <row r="34311" spans="14:14">
      <c r="N34311" s="10"/>
    </row>
    <row r="34312" spans="14:14">
      <c r="N34312" s="10"/>
    </row>
    <row r="34313" spans="14:14">
      <c r="N34313" s="10"/>
    </row>
    <row r="34314" spans="14:14">
      <c r="N34314" s="10"/>
    </row>
    <row r="34315" spans="14:14">
      <c r="N34315" s="10"/>
    </row>
    <row r="34316" spans="14:14">
      <c r="N34316" s="10"/>
    </row>
    <row r="34317" spans="14:14">
      <c r="N34317" s="10"/>
    </row>
    <row r="34318" spans="14:14">
      <c r="N34318" s="10"/>
    </row>
    <row r="34319" spans="14:14">
      <c r="N34319" s="10"/>
    </row>
    <row r="34320" spans="14:14">
      <c r="N34320" s="10"/>
    </row>
    <row r="34321" spans="14:14">
      <c r="N34321" s="10"/>
    </row>
    <row r="34322" spans="14:14">
      <c r="N34322" s="10"/>
    </row>
    <row r="34323" spans="14:14">
      <c r="N34323" s="10"/>
    </row>
    <row r="34324" spans="14:14">
      <c r="N34324" s="10"/>
    </row>
    <row r="34325" spans="14:14">
      <c r="N34325" s="10"/>
    </row>
    <row r="34326" spans="14:14">
      <c r="N34326" s="10"/>
    </row>
    <row r="34327" spans="14:14">
      <c r="N34327" s="10"/>
    </row>
    <row r="34328" spans="14:14">
      <c r="N34328" s="10"/>
    </row>
    <row r="34329" spans="14:14">
      <c r="N34329" s="10"/>
    </row>
    <row r="34330" spans="14:14">
      <c r="N34330" s="10"/>
    </row>
    <row r="34331" spans="14:14">
      <c r="N34331" s="10"/>
    </row>
    <row r="34332" spans="14:14">
      <c r="N34332" s="10"/>
    </row>
    <row r="34333" spans="14:14">
      <c r="N34333" s="10"/>
    </row>
    <row r="34334" spans="14:14">
      <c r="N34334" s="10"/>
    </row>
    <row r="34335" spans="14:14">
      <c r="N34335" s="10"/>
    </row>
    <row r="34336" spans="14:14">
      <c r="N34336" s="10"/>
    </row>
    <row r="34337" spans="14:14">
      <c r="N34337" s="10"/>
    </row>
    <row r="34338" spans="14:14">
      <c r="N34338" s="10"/>
    </row>
    <row r="34339" spans="14:14">
      <c r="N34339" s="10"/>
    </row>
    <row r="34340" spans="14:14">
      <c r="N34340" s="10"/>
    </row>
    <row r="34341" spans="14:14">
      <c r="N34341" s="10"/>
    </row>
    <row r="34342" spans="14:14">
      <c r="N34342" s="10"/>
    </row>
    <row r="34343" spans="14:14">
      <c r="N34343" s="10"/>
    </row>
    <row r="34344" spans="14:14">
      <c r="N34344" s="10"/>
    </row>
    <row r="34345" spans="14:14">
      <c r="N34345" s="10"/>
    </row>
    <row r="34346" spans="14:14">
      <c r="N34346" s="10"/>
    </row>
    <row r="34347" spans="14:14">
      <c r="N34347" s="10"/>
    </row>
    <row r="34348" spans="14:14">
      <c r="N34348" s="10"/>
    </row>
    <row r="34349" spans="14:14">
      <c r="N34349" s="10"/>
    </row>
    <row r="34350" spans="14:14">
      <c r="N34350" s="10"/>
    </row>
    <row r="34351" spans="14:14">
      <c r="N34351" s="10"/>
    </row>
    <row r="34352" spans="14:14">
      <c r="N34352" s="10"/>
    </row>
    <row r="34353" spans="14:14">
      <c r="N34353" s="10"/>
    </row>
    <row r="34354" spans="14:14">
      <c r="N34354" s="10"/>
    </row>
    <row r="34355" spans="14:14">
      <c r="N34355" s="10"/>
    </row>
    <row r="34356" spans="14:14">
      <c r="N34356" s="10"/>
    </row>
    <row r="34357" spans="14:14">
      <c r="N34357" s="10"/>
    </row>
    <row r="34358" spans="14:14">
      <c r="N34358" s="10"/>
    </row>
    <row r="34359" spans="14:14">
      <c r="N34359" s="10"/>
    </row>
    <row r="34360" spans="14:14">
      <c r="N34360" s="10"/>
    </row>
    <row r="34361" spans="14:14">
      <c r="N34361" s="10"/>
    </row>
    <row r="34362" spans="14:14">
      <c r="N34362" s="10"/>
    </row>
    <row r="34363" spans="14:14">
      <c r="N34363" s="10"/>
    </row>
    <row r="34364" spans="14:14">
      <c r="N34364" s="10"/>
    </row>
    <row r="34365" spans="14:14">
      <c r="N34365" s="10"/>
    </row>
    <row r="34366" spans="14:14">
      <c r="N34366" s="10"/>
    </row>
    <row r="34367" spans="14:14">
      <c r="N34367" s="10"/>
    </row>
    <row r="34368" spans="14:14">
      <c r="N34368" s="10"/>
    </row>
    <row r="34369" spans="14:14">
      <c r="N34369" s="10"/>
    </row>
    <row r="34370" spans="14:14">
      <c r="N34370" s="10"/>
    </row>
    <row r="34371" spans="14:14">
      <c r="N34371" s="10"/>
    </row>
    <row r="34372" spans="14:14">
      <c r="N34372" s="10"/>
    </row>
    <row r="34373" spans="14:14">
      <c r="N34373" s="10"/>
    </row>
    <row r="34374" spans="14:14">
      <c r="N34374" s="10"/>
    </row>
    <row r="34375" spans="14:14">
      <c r="N34375" s="10"/>
    </row>
    <row r="34376" spans="14:14">
      <c r="N34376" s="10"/>
    </row>
    <row r="34377" spans="14:14">
      <c r="N34377" s="10"/>
    </row>
    <row r="34378" spans="14:14">
      <c r="N34378" s="10"/>
    </row>
    <row r="34379" spans="14:14">
      <c r="N34379" s="10"/>
    </row>
    <row r="34380" spans="14:14">
      <c r="N34380" s="10"/>
    </row>
    <row r="34381" spans="14:14">
      <c r="N34381" s="10"/>
    </row>
    <row r="34382" spans="14:14">
      <c r="N34382" s="10"/>
    </row>
    <row r="34383" spans="14:14">
      <c r="N34383" s="10"/>
    </row>
    <row r="34384" spans="14:14">
      <c r="N34384" s="10"/>
    </row>
    <row r="34385" spans="14:14">
      <c r="N34385" s="10"/>
    </row>
    <row r="34386" spans="14:14">
      <c r="N34386" s="10"/>
    </row>
    <row r="34387" spans="14:14">
      <c r="N34387" s="10"/>
    </row>
    <row r="34388" spans="14:14">
      <c r="N34388" s="10"/>
    </row>
    <row r="34389" spans="14:14">
      <c r="N34389" s="10"/>
    </row>
    <row r="34390" spans="14:14">
      <c r="N34390" s="10"/>
    </row>
    <row r="34391" spans="14:14">
      <c r="N34391" s="10"/>
    </row>
    <row r="34392" spans="14:14">
      <c r="N34392" s="10"/>
    </row>
    <row r="34393" spans="14:14">
      <c r="N34393" s="10"/>
    </row>
    <row r="34394" spans="14:14">
      <c r="N34394" s="10"/>
    </row>
    <row r="34395" spans="14:14">
      <c r="N34395" s="10"/>
    </row>
    <row r="34396" spans="14:14">
      <c r="N34396" s="10"/>
    </row>
    <row r="34397" spans="14:14">
      <c r="N34397" s="10"/>
    </row>
    <row r="34398" spans="14:14">
      <c r="N34398" s="10"/>
    </row>
    <row r="34399" spans="14:14">
      <c r="N34399" s="10"/>
    </row>
    <row r="34400" spans="14:14">
      <c r="N34400" s="10"/>
    </row>
    <row r="34401" spans="14:14">
      <c r="N34401" s="10"/>
    </row>
    <row r="34402" spans="14:14">
      <c r="N34402" s="10"/>
    </row>
    <row r="34403" spans="14:14">
      <c r="N34403" s="10"/>
    </row>
    <row r="34404" spans="14:14">
      <c r="N34404" s="10"/>
    </row>
    <row r="34405" spans="14:14">
      <c r="N34405" s="10"/>
    </row>
    <row r="34406" spans="14:14">
      <c r="N34406" s="10"/>
    </row>
    <row r="34407" spans="14:14">
      <c r="N34407" s="10"/>
    </row>
    <row r="34408" spans="14:14">
      <c r="N34408" s="10"/>
    </row>
    <row r="34409" spans="14:14">
      <c r="N34409" s="10"/>
    </row>
    <row r="34410" spans="14:14">
      <c r="N34410" s="10"/>
    </row>
    <row r="34411" spans="14:14">
      <c r="N34411" s="10"/>
    </row>
    <row r="34412" spans="14:14">
      <c r="N34412" s="10"/>
    </row>
    <row r="34413" spans="14:14">
      <c r="N34413" s="10"/>
    </row>
    <row r="34414" spans="14:14">
      <c r="N34414" s="10"/>
    </row>
    <row r="34415" spans="14:14">
      <c r="N34415" s="10"/>
    </row>
    <row r="34416" spans="14:14">
      <c r="N34416" s="10"/>
    </row>
    <row r="34417" spans="14:14">
      <c r="N34417" s="10"/>
    </row>
    <row r="34418" spans="14:14">
      <c r="N34418" s="10"/>
    </row>
    <row r="34419" spans="14:14">
      <c r="N34419" s="10"/>
    </row>
    <row r="34420" spans="14:14">
      <c r="N34420" s="10"/>
    </row>
    <row r="34421" spans="14:14">
      <c r="N34421" s="10"/>
    </row>
    <row r="34422" spans="14:14">
      <c r="N34422" s="10"/>
    </row>
    <row r="34423" spans="14:14">
      <c r="N34423" s="10"/>
    </row>
    <row r="34424" spans="14:14">
      <c r="N34424" s="10"/>
    </row>
    <row r="34425" spans="14:14">
      <c r="N34425" s="10"/>
    </row>
    <row r="34426" spans="14:14">
      <c r="N34426" s="10"/>
    </row>
    <row r="34427" spans="14:14">
      <c r="N34427" s="10"/>
    </row>
    <row r="34428" spans="14:14">
      <c r="N34428" s="10"/>
    </row>
    <row r="34429" spans="14:14">
      <c r="N34429" s="10"/>
    </row>
    <row r="34430" spans="14:14">
      <c r="N34430" s="10"/>
    </row>
    <row r="34431" spans="14:14">
      <c r="N34431" s="10"/>
    </row>
    <row r="34432" spans="14:14">
      <c r="N34432" s="10"/>
    </row>
    <row r="34433" spans="14:14">
      <c r="N34433" s="10"/>
    </row>
    <row r="34434" spans="14:14">
      <c r="N34434" s="10"/>
    </row>
    <row r="34435" spans="14:14">
      <c r="N34435" s="10"/>
    </row>
    <row r="34436" spans="14:14">
      <c r="N34436" s="10"/>
    </row>
    <row r="34437" spans="14:14">
      <c r="N34437" s="10"/>
    </row>
    <row r="34438" spans="14:14">
      <c r="N34438" s="10"/>
    </row>
    <row r="34439" spans="14:14">
      <c r="N34439" s="10"/>
    </row>
    <row r="34440" spans="14:14">
      <c r="N34440" s="10"/>
    </row>
    <row r="34441" spans="14:14">
      <c r="N34441" s="10"/>
    </row>
    <row r="34442" spans="14:14">
      <c r="N34442" s="10"/>
    </row>
    <row r="34443" spans="14:14">
      <c r="N34443" s="10"/>
    </row>
    <row r="34444" spans="14:14">
      <c r="N34444" s="10"/>
    </row>
    <row r="34445" spans="14:14">
      <c r="N34445" s="10"/>
    </row>
    <row r="34446" spans="14:14">
      <c r="N34446" s="10"/>
    </row>
    <row r="34447" spans="14:14">
      <c r="N34447" s="10"/>
    </row>
    <row r="34448" spans="14:14">
      <c r="N34448" s="10"/>
    </row>
    <row r="34449" spans="14:14">
      <c r="N34449" s="10"/>
    </row>
    <row r="34450" spans="14:14">
      <c r="N34450" s="10"/>
    </row>
    <row r="34451" spans="14:14">
      <c r="N34451" s="10"/>
    </row>
    <row r="34452" spans="14:14">
      <c r="N34452" s="10"/>
    </row>
    <row r="34453" spans="14:14">
      <c r="N34453" s="10"/>
    </row>
    <row r="34454" spans="14:14">
      <c r="N34454" s="10"/>
    </row>
    <row r="34455" spans="14:14">
      <c r="N34455" s="10"/>
    </row>
    <row r="34456" spans="14:14">
      <c r="N34456" s="10"/>
    </row>
    <row r="34457" spans="14:14">
      <c r="N34457" s="10"/>
    </row>
    <row r="34458" spans="14:14">
      <c r="N34458" s="10"/>
    </row>
    <row r="34459" spans="14:14">
      <c r="N34459" s="10"/>
    </row>
    <row r="34460" spans="14:14">
      <c r="N34460" s="10"/>
    </row>
    <row r="34461" spans="14:14">
      <c r="N34461" s="10"/>
    </row>
    <row r="34462" spans="14:14">
      <c r="N34462" s="10"/>
    </row>
    <row r="34463" spans="14:14">
      <c r="N34463" s="10"/>
    </row>
    <row r="34464" spans="14:14">
      <c r="N34464" s="10"/>
    </row>
    <row r="34465" spans="14:14">
      <c r="N34465" s="10"/>
    </row>
    <row r="34466" spans="14:14">
      <c r="N34466" s="10"/>
    </row>
    <row r="34467" spans="14:14">
      <c r="N34467" s="10"/>
    </row>
    <row r="34468" spans="14:14">
      <c r="N34468" s="10"/>
    </row>
    <row r="34469" spans="14:14">
      <c r="N34469" s="10"/>
    </row>
    <row r="34470" spans="14:14">
      <c r="N34470" s="10"/>
    </row>
    <row r="34471" spans="14:14">
      <c r="N34471" s="10"/>
    </row>
    <row r="34472" spans="14:14">
      <c r="N34472" s="10"/>
    </row>
    <row r="34473" spans="14:14">
      <c r="N34473" s="10"/>
    </row>
    <row r="34474" spans="14:14">
      <c r="N34474" s="10"/>
    </row>
    <row r="34475" spans="14:14">
      <c r="N34475" s="10"/>
    </row>
    <row r="34476" spans="14:14">
      <c r="N34476" s="10"/>
    </row>
    <row r="34477" spans="14:14">
      <c r="N34477" s="10"/>
    </row>
    <row r="34478" spans="14:14">
      <c r="N34478" s="10"/>
    </row>
    <row r="34479" spans="14:14">
      <c r="N34479" s="10"/>
    </row>
    <row r="34480" spans="14:14">
      <c r="N34480" s="10"/>
    </row>
    <row r="34481" spans="14:14">
      <c r="N34481" s="10"/>
    </row>
    <row r="34482" spans="14:14">
      <c r="N34482" s="10"/>
    </row>
    <row r="34483" spans="14:14">
      <c r="N34483" s="10"/>
    </row>
    <row r="34484" spans="14:14">
      <c r="N34484" s="10"/>
    </row>
    <row r="34485" spans="14:14">
      <c r="N34485" s="10"/>
    </row>
    <row r="34486" spans="14:14">
      <c r="N34486" s="10"/>
    </row>
    <row r="34487" spans="14:14">
      <c r="N34487" s="10"/>
    </row>
    <row r="34488" spans="14:14">
      <c r="N34488" s="10"/>
    </row>
    <row r="34489" spans="14:14">
      <c r="N34489" s="10"/>
    </row>
    <row r="34490" spans="14:14">
      <c r="N34490" s="10"/>
    </row>
    <row r="34491" spans="14:14">
      <c r="N34491" s="10"/>
    </row>
    <row r="34492" spans="14:14">
      <c r="N34492" s="10"/>
    </row>
    <row r="34493" spans="14:14">
      <c r="N34493" s="10"/>
    </row>
    <row r="34494" spans="14:14">
      <c r="N34494" s="10"/>
    </row>
    <row r="34495" spans="14:14">
      <c r="N34495" s="10"/>
    </row>
    <row r="34496" spans="14:14">
      <c r="N34496" s="10"/>
    </row>
    <row r="34497" spans="14:14">
      <c r="N34497" s="10"/>
    </row>
    <row r="34498" spans="14:14">
      <c r="N34498" s="10"/>
    </row>
    <row r="34499" spans="14:14">
      <c r="N34499" s="10"/>
    </row>
    <row r="34500" spans="14:14">
      <c r="N34500" s="10"/>
    </row>
    <row r="34501" spans="14:14">
      <c r="N34501" s="10"/>
    </row>
    <row r="34502" spans="14:14">
      <c r="N34502" s="10"/>
    </row>
    <row r="34503" spans="14:14">
      <c r="N34503" s="10"/>
    </row>
    <row r="34504" spans="14:14">
      <c r="N34504" s="10"/>
    </row>
    <row r="34505" spans="14:14">
      <c r="N34505" s="10"/>
    </row>
    <row r="34506" spans="14:14">
      <c r="N34506" s="10"/>
    </row>
    <row r="34507" spans="14:14">
      <c r="N34507" s="10"/>
    </row>
    <row r="34508" spans="14:14">
      <c r="N34508" s="10"/>
    </row>
    <row r="34509" spans="14:14">
      <c r="N34509" s="10"/>
    </row>
    <row r="34510" spans="14:14">
      <c r="N34510" s="10"/>
    </row>
    <row r="34511" spans="14:14">
      <c r="N34511" s="10"/>
    </row>
    <row r="34512" spans="14:14">
      <c r="N34512" s="10"/>
    </row>
    <row r="34513" spans="14:14">
      <c r="N34513" s="10"/>
    </row>
    <row r="34514" spans="14:14">
      <c r="N34514" s="10"/>
    </row>
    <row r="34515" spans="14:14">
      <c r="N34515" s="10"/>
    </row>
    <row r="34516" spans="14:14">
      <c r="N34516" s="10"/>
    </row>
    <row r="34517" spans="14:14">
      <c r="N34517" s="10"/>
    </row>
    <row r="34518" spans="14:14">
      <c r="N34518" s="10"/>
    </row>
    <row r="34519" spans="14:14">
      <c r="N34519" s="10"/>
    </row>
    <row r="34520" spans="14:14">
      <c r="N34520" s="10"/>
    </row>
    <row r="34521" spans="14:14">
      <c r="N34521" s="10"/>
    </row>
    <row r="34522" spans="14:14">
      <c r="N34522" s="10"/>
    </row>
    <row r="34523" spans="14:14">
      <c r="N34523" s="10"/>
    </row>
    <row r="34524" spans="14:14">
      <c r="N34524" s="10"/>
    </row>
    <row r="34525" spans="14:14">
      <c r="N34525" s="10"/>
    </row>
    <row r="34526" spans="14:14">
      <c r="N34526" s="10"/>
    </row>
    <row r="34527" spans="14:14">
      <c r="N34527" s="10"/>
    </row>
    <row r="34528" spans="14:14">
      <c r="N34528" s="10"/>
    </row>
    <row r="34529" spans="14:14">
      <c r="N34529" s="10"/>
    </row>
    <row r="34530" spans="14:14">
      <c r="N34530" s="10"/>
    </row>
    <row r="34531" spans="14:14">
      <c r="N34531" s="10"/>
    </row>
    <row r="34532" spans="14:14">
      <c r="N34532" s="10"/>
    </row>
    <row r="34533" spans="14:14">
      <c r="N34533" s="10"/>
    </row>
    <row r="34534" spans="14:14">
      <c r="N34534" s="10"/>
    </row>
    <row r="34535" spans="14:14">
      <c r="N34535" s="10"/>
    </row>
    <row r="34536" spans="14:14">
      <c r="N34536" s="10"/>
    </row>
    <row r="34537" spans="14:14">
      <c r="N34537" s="10"/>
    </row>
    <row r="34538" spans="14:14">
      <c r="N34538" s="10"/>
    </row>
    <row r="34539" spans="14:14">
      <c r="N34539" s="10"/>
    </row>
    <row r="34540" spans="14:14">
      <c r="N34540" s="10"/>
    </row>
    <row r="34541" spans="14:14">
      <c r="N34541" s="10"/>
    </row>
    <row r="34542" spans="14:14">
      <c r="N34542" s="10"/>
    </row>
    <row r="34543" spans="14:14">
      <c r="N34543" s="10"/>
    </row>
    <row r="34544" spans="14:14">
      <c r="N34544" s="10"/>
    </row>
    <row r="34545" spans="14:14">
      <c r="N34545" s="10"/>
    </row>
    <row r="34546" spans="14:14">
      <c r="N34546" s="10"/>
    </row>
    <row r="34547" spans="14:14">
      <c r="N34547" s="10"/>
    </row>
    <row r="34548" spans="14:14">
      <c r="N34548" s="10"/>
    </row>
    <row r="34549" spans="14:14">
      <c r="N34549" s="10"/>
    </row>
    <row r="34550" spans="14:14">
      <c r="N34550" s="10"/>
    </row>
    <row r="34551" spans="14:14">
      <c r="N34551" s="10"/>
    </row>
    <row r="34552" spans="14:14">
      <c r="N34552" s="10"/>
    </row>
    <row r="34553" spans="14:14">
      <c r="N34553" s="10"/>
    </row>
    <row r="34554" spans="14:14">
      <c r="N34554" s="10"/>
    </row>
    <row r="34555" spans="14:14">
      <c r="N34555" s="10"/>
    </row>
    <row r="34556" spans="14:14">
      <c r="N34556" s="10"/>
    </row>
    <row r="34557" spans="14:14">
      <c r="N34557" s="10"/>
    </row>
    <row r="34558" spans="14:14">
      <c r="N34558" s="10"/>
    </row>
    <row r="34559" spans="14:14">
      <c r="N34559" s="10"/>
    </row>
    <row r="34560" spans="14:14">
      <c r="N34560" s="10"/>
    </row>
    <row r="34561" spans="14:14">
      <c r="N34561" s="10"/>
    </row>
    <row r="34562" spans="14:14">
      <c r="N34562" s="10"/>
    </row>
    <row r="34563" spans="14:14">
      <c r="N34563" s="10"/>
    </row>
    <row r="34564" spans="14:14">
      <c r="N34564" s="10"/>
    </row>
    <row r="34565" spans="14:14">
      <c r="N34565" s="10"/>
    </row>
    <row r="34566" spans="14:14">
      <c r="N34566" s="10"/>
    </row>
    <row r="34567" spans="14:14">
      <c r="N34567" s="10"/>
    </row>
    <row r="34568" spans="14:14">
      <c r="N34568" s="10"/>
    </row>
    <row r="34569" spans="14:14">
      <c r="N34569" s="10"/>
    </row>
    <row r="34570" spans="14:14">
      <c r="N34570" s="10"/>
    </row>
    <row r="34571" spans="14:14">
      <c r="N34571" s="10"/>
    </row>
    <row r="34572" spans="14:14">
      <c r="N34572" s="10"/>
    </row>
    <row r="34573" spans="14:14">
      <c r="N34573" s="10"/>
    </row>
    <row r="34574" spans="14:14">
      <c r="N34574" s="10"/>
    </row>
    <row r="34575" spans="14:14">
      <c r="N34575" s="10"/>
    </row>
    <row r="34576" spans="14:14">
      <c r="N34576" s="10"/>
    </row>
    <row r="34577" spans="14:14">
      <c r="N34577" s="10"/>
    </row>
    <row r="34578" spans="14:14">
      <c r="N34578" s="10"/>
    </row>
    <row r="34579" spans="14:14">
      <c r="N34579" s="10"/>
    </row>
    <row r="34580" spans="14:14">
      <c r="N34580" s="10"/>
    </row>
    <row r="34581" spans="14:14">
      <c r="N34581" s="10"/>
    </row>
    <row r="34582" spans="14:14">
      <c r="N34582" s="10"/>
    </row>
    <row r="34583" spans="14:14">
      <c r="N34583" s="10"/>
    </row>
    <row r="34584" spans="14:14">
      <c r="N34584" s="10"/>
    </row>
    <row r="34585" spans="14:14">
      <c r="N34585" s="10"/>
    </row>
    <row r="34586" spans="14:14">
      <c r="N34586" s="10"/>
    </row>
    <row r="34587" spans="14:14">
      <c r="N34587" s="10"/>
    </row>
    <row r="34588" spans="14:14">
      <c r="N34588" s="10"/>
    </row>
    <row r="34589" spans="14:14">
      <c r="N34589" s="10"/>
    </row>
    <row r="34590" spans="14:14">
      <c r="N34590" s="10"/>
    </row>
    <row r="34591" spans="14:14">
      <c r="N34591" s="10"/>
    </row>
    <row r="34592" spans="14:14">
      <c r="N34592" s="10"/>
    </row>
    <row r="34593" spans="14:14">
      <c r="N34593" s="10"/>
    </row>
    <row r="34594" spans="14:14">
      <c r="N34594" s="10"/>
    </row>
    <row r="34595" spans="14:14">
      <c r="N34595" s="10"/>
    </row>
    <row r="34596" spans="14:14">
      <c r="N34596" s="10"/>
    </row>
    <row r="34597" spans="14:14">
      <c r="N34597" s="10"/>
    </row>
    <row r="34598" spans="14:14">
      <c r="N34598" s="10"/>
    </row>
    <row r="34599" spans="14:14">
      <c r="N34599" s="10"/>
    </row>
    <row r="34600" spans="14:14">
      <c r="N34600" s="10"/>
    </row>
    <row r="34601" spans="14:14">
      <c r="N34601" s="10"/>
    </row>
    <row r="34602" spans="14:14">
      <c r="N34602" s="10"/>
    </row>
    <row r="34603" spans="14:14">
      <c r="N34603" s="10"/>
    </row>
    <row r="34604" spans="14:14">
      <c r="N34604" s="10"/>
    </row>
    <row r="34605" spans="14:14">
      <c r="N34605" s="10"/>
    </row>
    <row r="34606" spans="14:14">
      <c r="N34606" s="10"/>
    </row>
    <row r="34607" spans="14:14">
      <c r="N34607" s="10"/>
    </row>
    <row r="34608" spans="14:14">
      <c r="N34608" s="10"/>
    </row>
    <row r="34609" spans="14:14">
      <c r="N34609" s="10"/>
    </row>
    <row r="34610" spans="14:14">
      <c r="N34610" s="10"/>
    </row>
    <row r="34611" spans="14:14">
      <c r="N34611" s="10"/>
    </row>
    <row r="34612" spans="14:14">
      <c r="N34612" s="10"/>
    </row>
    <row r="34613" spans="14:14">
      <c r="N34613" s="10"/>
    </row>
    <row r="34614" spans="14:14">
      <c r="N34614" s="10"/>
    </row>
    <row r="34615" spans="14:14">
      <c r="N34615" s="10"/>
    </row>
    <row r="34616" spans="14:14">
      <c r="N34616" s="10"/>
    </row>
    <row r="34617" spans="14:14">
      <c r="N34617" s="10"/>
    </row>
    <row r="34618" spans="14:14">
      <c r="N34618" s="10"/>
    </row>
    <row r="34619" spans="14:14">
      <c r="N34619" s="10"/>
    </row>
    <row r="34620" spans="14:14">
      <c r="N34620" s="10"/>
    </row>
    <row r="34621" spans="14:14">
      <c r="N34621" s="10"/>
    </row>
    <row r="34622" spans="14:14">
      <c r="N34622" s="10"/>
    </row>
    <row r="34623" spans="14:14">
      <c r="N34623" s="10"/>
    </row>
    <row r="34624" spans="14:14">
      <c r="N34624" s="10"/>
    </row>
    <row r="34625" spans="14:14">
      <c r="N34625" s="10"/>
    </row>
    <row r="34626" spans="14:14">
      <c r="N34626" s="10"/>
    </row>
    <row r="34627" spans="14:14">
      <c r="N34627" s="10"/>
    </row>
    <row r="34628" spans="14:14">
      <c r="N34628" s="10"/>
    </row>
    <row r="34629" spans="14:14">
      <c r="N34629" s="10"/>
    </row>
    <row r="34630" spans="14:14">
      <c r="N34630" s="10"/>
    </row>
    <row r="34631" spans="14:14">
      <c r="N34631" s="10"/>
    </row>
    <row r="34632" spans="14:14">
      <c r="N34632" s="10"/>
    </row>
    <row r="34633" spans="14:14">
      <c r="N34633" s="10"/>
    </row>
    <row r="34634" spans="14:14">
      <c r="N34634" s="10"/>
    </row>
    <row r="34635" spans="14:14">
      <c r="N34635" s="10"/>
    </row>
    <row r="34636" spans="14:14">
      <c r="N34636" s="10"/>
    </row>
    <row r="34637" spans="14:14">
      <c r="N34637" s="10"/>
    </row>
    <row r="34638" spans="14:14">
      <c r="N34638" s="10"/>
    </row>
    <row r="34639" spans="14:14">
      <c r="N34639" s="10"/>
    </row>
    <row r="34640" spans="14:14">
      <c r="N34640" s="10"/>
    </row>
    <row r="34641" spans="14:14">
      <c r="N34641" s="10"/>
    </row>
    <row r="34642" spans="14:14">
      <c r="N34642" s="10"/>
    </row>
    <row r="34643" spans="14:14">
      <c r="N34643" s="10"/>
    </row>
    <row r="34644" spans="14:14">
      <c r="N34644" s="10"/>
    </row>
    <row r="34645" spans="14:14">
      <c r="N34645" s="10"/>
    </row>
    <row r="34646" spans="14:14">
      <c r="N34646" s="10"/>
    </row>
    <row r="34647" spans="14:14">
      <c r="N34647" s="10"/>
    </row>
    <row r="34648" spans="14:14">
      <c r="N34648" s="10"/>
    </row>
    <row r="34649" spans="14:14">
      <c r="N34649" s="10"/>
    </row>
    <row r="34650" spans="14:14">
      <c r="N34650" s="10"/>
    </row>
    <row r="34651" spans="14:14">
      <c r="N34651" s="10"/>
    </row>
    <row r="34652" spans="14:14">
      <c r="N34652" s="10"/>
    </row>
    <row r="34653" spans="14:14">
      <c r="N34653" s="10"/>
    </row>
    <row r="34654" spans="14:14">
      <c r="N34654" s="10"/>
    </row>
    <row r="34655" spans="14:14">
      <c r="N34655" s="10"/>
    </row>
    <row r="34656" spans="14:14">
      <c r="N34656" s="10"/>
    </row>
    <row r="34657" spans="14:14">
      <c r="N34657" s="10"/>
    </row>
    <row r="34658" spans="14:14">
      <c r="N34658" s="10"/>
    </row>
    <row r="34659" spans="14:14">
      <c r="N34659" s="10"/>
    </row>
    <row r="34660" spans="14:14">
      <c r="N34660" s="10"/>
    </row>
    <row r="34661" spans="14:14">
      <c r="N34661" s="10"/>
    </row>
    <row r="34662" spans="14:14">
      <c r="N34662" s="10"/>
    </row>
    <row r="34663" spans="14:14">
      <c r="N34663" s="10"/>
    </row>
    <row r="34664" spans="14:14">
      <c r="N34664" s="10"/>
    </row>
    <row r="34665" spans="14:14">
      <c r="N34665" s="10"/>
    </row>
    <row r="34666" spans="14:14">
      <c r="N34666" s="10"/>
    </row>
    <row r="34667" spans="14:14">
      <c r="N34667" s="10"/>
    </row>
    <row r="34668" spans="14:14">
      <c r="N34668" s="10"/>
    </row>
    <row r="34669" spans="14:14">
      <c r="N34669" s="10"/>
    </row>
    <row r="34670" spans="14:14">
      <c r="N34670" s="10"/>
    </row>
    <row r="34671" spans="14:14">
      <c r="N34671" s="10"/>
    </row>
    <row r="34672" spans="14:14">
      <c r="N34672" s="10"/>
    </row>
    <row r="34673" spans="14:14">
      <c r="N34673" s="10"/>
    </row>
    <row r="34674" spans="14:14">
      <c r="N34674" s="10"/>
    </row>
    <row r="34675" spans="14:14">
      <c r="N34675" s="10"/>
    </row>
    <row r="34676" spans="14:14">
      <c r="N34676" s="10"/>
    </row>
    <row r="34677" spans="14:14">
      <c r="N34677" s="10"/>
    </row>
    <row r="34678" spans="14:14">
      <c r="N34678" s="10"/>
    </row>
    <row r="34679" spans="14:14">
      <c r="N34679" s="10"/>
    </row>
    <row r="34680" spans="14:14">
      <c r="N34680" s="10"/>
    </row>
    <row r="34681" spans="14:14">
      <c r="N34681" s="10"/>
    </row>
    <row r="34682" spans="14:14">
      <c r="N34682" s="10"/>
    </row>
    <row r="34683" spans="14:14">
      <c r="N34683" s="10"/>
    </row>
    <row r="34684" spans="14:14">
      <c r="N34684" s="10"/>
    </row>
    <row r="34685" spans="14:14">
      <c r="N34685" s="10"/>
    </row>
    <row r="34686" spans="14:14">
      <c r="N34686" s="10"/>
    </row>
    <row r="34687" spans="14:14">
      <c r="N34687" s="10"/>
    </row>
    <row r="34688" spans="14:14">
      <c r="N34688" s="10"/>
    </row>
    <row r="34689" spans="14:14">
      <c r="N34689" s="10"/>
    </row>
    <row r="34690" spans="14:14">
      <c r="N34690" s="10"/>
    </row>
    <row r="34691" spans="14:14">
      <c r="N34691" s="10"/>
    </row>
    <row r="34692" spans="14:14">
      <c r="N34692" s="10"/>
    </row>
    <row r="34693" spans="14:14">
      <c r="N34693" s="10"/>
    </row>
    <row r="34694" spans="14:14">
      <c r="N34694" s="10"/>
    </row>
    <row r="34695" spans="14:14">
      <c r="N34695" s="10"/>
    </row>
    <row r="34696" spans="14:14">
      <c r="N34696" s="10"/>
    </row>
    <row r="34697" spans="14:14">
      <c r="N34697" s="10"/>
    </row>
    <row r="34698" spans="14:14">
      <c r="N34698" s="10"/>
    </row>
    <row r="34699" spans="14:14">
      <c r="N34699" s="10"/>
    </row>
    <row r="34700" spans="14:14">
      <c r="N34700" s="10"/>
    </row>
    <row r="34701" spans="14:14">
      <c r="N34701" s="10"/>
    </row>
    <row r="34702" spans="14:14">
      <c r="N34702" s="10"/>
    </row>
    <row r="34703" spans="14:14">
      <c r="N34703" s="10"/>
    </row>
    <row r="34704" spans="14:14">
      <c r="N34704" s="10"/>
    </row>
    <row r="34705" spans="14:14">
      <c r="N34705" s="10"/>
    </row>
    <row r="34706" spans="14:14">
      <c r="N34706" s="10"/>
    </row>
    <row r="34707" spans="14:14">
      <c r="N34707" s="10"/>
    </row>
    <row r="34708" spans="14:14">
      <c r="N34708" s="10"/>
    </row>
    <row r="34709" spans="14:14">
      <c r="N34709" s="10"/>
    </row>
    <row r="34710" spans="14:14">
      <c r="N34710" s="10"/>
    </row>
    <row r="34711" spans="14:14">
      <c r="N34711" s="10"/>
    </row>
    <row r="34712" spans="14:14">
      <c r="N34712" s="10"/>
    </row>
    <row r="34713" spans="14:14">
      <c r="N34713" s="10"/>
    </row>
    <row r="34714" spans="14:14">
      <c r="N34714" s="10"/>
    </row>
    <row r="34715" spans="14:14">
      <c r="N34715" s="10"/>
    </row>
    <row r="34716" spans="14:14">
      <c r="N34716" s="10"/>
    </row>
    <row r="34717" spans="14:14">
      <c r="N34717" s="10"/>
    </row>
    <row r="34718" spans="14:14">
      <c r="N34718" s="10"/>
    </row>
    <row r="34719" spans="14:14">
      <c r="N34719" s="10"/>
    </row>
    <row r="34720" spans="14:14">
      <c r="N34720" s="10"/>
    </row>
    <row r="34721" spans="14:14">
      <c r="N34721" s="10"/>
    </row>
    <row r="34722" spans="14:14">
      <c r="N34722" s="10"/>
    </row>
    <row r="34723" spans="14:14">
      <c r="N34723" s="10"/>
    </row>
    <row r="34724" spans="14:14">
      <c r="N34724" s="10"/>
    </row>
    <row r="34725" spans="14:14">
      <c r="N34725" s="10"/>
    </row>
    <row r="34726" spans="14:14">
      <c r="N34726" s="10"/>
    </row>
    <row r="34727" spans="14:14">
      <c r="N34727" s="10"/>
    </row>
    <row r="34728" spans="14:14">
      <c r="N34728" s="10"/>
    </row>
    <row r="34729" spans="14:14">
      <c r="N34729" s="10"/>
    </row>
    <row r="34730" spans="14:14">
      <c r="N34730" s="10"/>
    </row>
    <row r="34731" spans="14:14">
      <c r="N34731" s="10"/>
    </row>
    <row r="34732" spans="14:14">
      <c r="N34732" s="10"/>
    </row>
    <row r="34733" spans="14:14">
      <c r="N34733" s="10"/>
    </row>
    <row r="34734" spans="14:14">
      <c r="N34734" s="10"/>
    </row>
    <row r="34735" spans="14:14">
      <c r="N34735" s="10"/>
    </row>
    <row r="34736" spans="14:14">
      <c r="N34736" s="10"/>
    </row>
    <row r="34737" spans="14:14">
      <c r="N34737" s="10"/>
    </row>
    <row r="34738" spans="14:14">
      <c r="N34738" s="10"/>
    </row>
    <row r="34739" spans="14:14">
      <c r="N34739" s="10"/>
    </row>
    <row r="34740" spans="14:14">
      <c r="N34740" s="10"/>
    </row>
    <row r="34741" spans="14:14">
      <c r="N34741" s="10"/>
    </row>
    <row r="34742" spans="14:14">
      <c r="N34742" s="10"/>
    </row>
    <row r="34743" spans="14:14">
      <c r="N34743" s="10"/>
    </row>
    <row r="34744" spans="14:14">
      <c r="N34744" s="10"/>
    </row>
    <row r="34745" spans="14:14">
      <c r="N34745" s="10"/>
    </row>
    <row r="34746" spans="14:14">
      <c r="N34746" s="10"/>
    </row>
    <row r="34747" spans="14:14">
      <c r="N34747" s="10"/>
    </row>
    <row r="34748" spans="14:14">
      <c r="N34748" s="10"/>
    </row>
    <row r="34749" spans="14:14">
      <c r="N34749" s="10"/>
    </row>
    <row r="34750" spans="14:14">
      <c r="N34750" s="10"/>
    </row>
    <row r="34751" spans="14:14">
      <c r="N34751" s="10"/>
    </row>
    <row r="34752" spans="14:14">
      <c r="N34752" s="10"/>
    </row>
    <row r="34753" spans="14:14">
      <c r="N34753" s="10"/>
    </row>
    <row r="34754" spans="14:14">
      <c r="N34754" s="10"/>
    </row>
    <row r="34755" spans="14:14">
      <c r="N34755" s="10"/>
    </row>
    <row r="34756" spans="14:14">
      <c r="N34756" s="10"/>
    </row>
    <row r="34757" spans="14:14">
      <c r="N34757" s="10"/>
    </row>
    <row r="34758" spans="14:14">
      <c r="N34758" s="10"/>
    </row>
    <row r="34759" spans="14:14">
      <c r="N34759" s="10"/>
    </row>
    <row r="34760" spans="14:14">
      <c r="N34760" s="10"/>
    </row>
    <row r="34761" spans="14:14">
      <c r="N34761" s="10"/>
    </row>
    <row r="34762" spans="14:14">
      <c r="N34762" s="10"/>
    </row>
    <row r="34763" spans="14:14">
      <c r="N34763" s="10"/>
    </row>
    <row r="34764" spans="14:14">
      <c r="N34764" s="10"/>
    </row>
    <row r="34765" spans="14:14">
      <c r="N34765" s="10"/>
    </row>
    <row r="34766" spans="14:14">
      <c r="N34766" s="10"/>
    </row>
    <row r="34767" spans="14:14">
      <c r="N34767" s="10"/>
    </row>
    <row r="34768" spans="14:14">
      <c r="N34768" s="10"/>
    </row>
    <row r="34769" spans="14:14">
      <c r="N34769" s="10"/>
    </row>
    <row r="34770" spans="14:14">
      <c r="N34770" s="10"/>
    </row>
    <row r="34771" spans="14:14">
      <c r="N34771" s="10"/>
    </row>
    <row r="34772" spans="14:14">
      <c r="N34772" s="10"/>
    </row>
    <row r="34773" spans="14:14">
      <c r="N34773" s="10"/>
    </row>
    <row r="34774" spans="14:14">
      <c r="N34774" s="10"/>
    </row>
    <row r="34775" spans="14:14">
      <c r="N34775" s="10"/>
    </row>
    <row r="34776" spans="14:14">
      <c r="N34776" s="10"/>
    </row>
    <row r="34777" spans="14:14">
      <c r="N34777" s="10"/>
    </row>
    <row r="34778" spans="14:14">
      <c r="N34778" s="10"/>
    </row>
    <row r="34779" spans="14:14">
      <c r="N34779" s="10"/>
    </row>
    <row r="34780" spans="14:14">
      <c r="N34780" s="10"/>
    </row>
    <row r="34781" spans="14:14">
      <c r="N34781" s="10"/>
    </row>
    <row r="34782" spans="14:14">
      <c r="N34782" s="10"/>
    </row>
    <row r="34783" spans="14:14">
      <c r="N34783" s="10"/>
    </row>
    <row r="34784" spans="14:14">
      <c r="N34784" s="10"/>
    </row>
    <row r="34785" spans="14:14">
      <c r="N34785" s="10"/>
    </row>
    <row r="34786" spans="14:14">
      <c r="N34786" s="10"/>
    </row>
    <row r="34787" spans="14:14">
      <c r="N34787" s="10"/>
    </row>
    <row r="34788" spans="14:14">
      <c r="N34788" s="10"/>
    </row>
    <row r="34789" spans="14:14">
      <c r="N34789" s="10"/>
    </row>
    <row r="34790" spans="14:14">
      <c r="N34790" s="10"/>
    </row>
    <row r="34791" spans="14:14">
      <c r="N34791" s="10"/>
    </row>
    <row r="34792" spans="14:14">
      <c r="N34792" s="10"/>
    </row>
    <row r="34793" spans="14:14">
      <c r="N34793" s="10"/>
    </row>
    <row r="34794" spans="14:14">
      <c r="N34794" s="10"/>
    </row>
    <row r="34795" spans="14:14">
      <c r="N34795" s="10"/>
    </row>
    <row r="34796" spans="14:14">
      <c r="N34796" s="10"/>
    </row>
    <row r="34797" spans="14:14">
      <c r="N34797" s="10"/>
    </row>
    <row r="34798" spans="14:14">
      <c r="N34798" s="10"/>
    </row>
    <row r="34799" spans="14:14">
      <c r="N34799" s="10"/>
    </row>
    <row r="34800" spans="14:14">
      <c r="N34800" s="10"/>
    </row>
    <row r="34801" spans="14:14">
      <c r="N34801" s="10"/>
    </row>
    <row r="34802" spans="14:14">
      <c r="N34802" s="10"/>
    </row>
    <row r="34803" spans="14:14">
      <c r="N34803" s="10"/>
    </row>
    <row r="34804" spans="14:14">
      <c r="N34804" s="10"/>
    </row>
    <row r="34805" spans="14:14">
      <c r="N34805" s="10"/>
    </row>
    <row r="34806" spans="14:14">
      <c r="N34806" s="10"/>
    </row>
    <row r="34807" spans="14:14">
      <c r="N34807" s="10"/>
    </row>
    <row r="34808" spans="14:14">
      <c r="N34808" s="10"/>
    </row>
    <row r="34809" spans="14:14">
      <c r="N34809" s="10"/>
    </row>
    <row r="34810" spans="14:14">
      <c r="N34810" s="10"/>
    </row>
    <row r="34811" spans="14:14">
      <c r="N34811" s="10"/>
    </row>
    <row r="34812" spans="14:14">
      <c r="N34812" s="10"/>
    </row>
    <row r="34813" spans="14:14">
      <c r="N34813" s="10"/>
    </row>
    <row r="34814" spans="14:14">
      <c r="N34814" s="10"/>
    </row>
    <row r="34815" spans="14:14">
      <c r="N34815" s="10"/>
    </row>
    <row r="34816" spans="14:14">
      <c r="N34816" s="10"/>
    </row>
    <row r="34817" spans="14:14">
      <c r="N34817" s="10"/>
    </row>
    <row r="34818" spans="14:14">
      <c r="N34818" s="10"/>
    </row>
    <row r="34819" spans="14:14">
      <c r="N34819" s="10"/>
    </row>
    <row r="34820" spans="14:14">
      <c r="N34820" s="10"/>
    </row>
    <row r="34821" spans="14:14">
      <c r="N34821" s="10"/>
    </row>
    <row r="34822" spans="14:14">
      <c r="N34822" s="10"/>
    </row>
    <row r="34823" spans="14:14">
      <c r="N34823" s="10"/>
    </row>
    <row r="34824" spans="14:14">
      <c r="N34824" s="10"/>
    </row>
    <row r="34825" spans="14:14">
      <c r="N34825" s="10"/>
    </row>
    <row r="34826" spans="14:14">
      <c r="N34826" s="10"/>
    </row>
    <row r="34827" spans="14:14">
      <c r="N34827" s="10"/>
    </row>
    <row r="34828" spans="14:14">
      <c r="N34828" s="10"/>
    </row>
    <row r="34829" spans="14:14">
      <c r="N34829" s="10"/>
    </row>
    <row r="34830" spans="14:14">
      <c r="N34830" s="10"/>
    </row>
    <row r="34831" spans="14:14">
      <c r="N34831" s="10"/>
    </row>
    <row r="34832" spans="14:14">
      <c r="N34832" s="10"/>
    </row>
    <row r="34833" spans="14:14">
      <c r="N34833" s="10"/>
    </row>
    <row r="34834" spans="14:14">
      <c r="N34834" s="10"/>
    </row>
    <row r="34835" spans="14:14">
      <c r="N34835" s="10"/>
    </row>
    <row r="34836" spans="14:14">
      <c r="N34836" s="10"/>
    </row>
    <row r="34837" spans="14:14">
      <c r="N34837" s="10"/>
    </row>
    <row r="34838" spans="14:14">
      <c r="N34838" s="10"/>
    </row>
    <row r="34839" spans="14:14">
      <c r="N34839" s="10"/>
    </row>
    <row r="34840" spans="14:14">
      <c r="N34840" s="10"/>
    </row>
    <row r="34841" spans="14:14">
      <c r="N34841" s="10"/>
    </row>
    <row r="34842" spans="14:14">
      <c r="N34842" s="10"/>
    </row>
    <row r="34843" spans="14:14">
      <c r="N34843" s="10"/>
    </row>
    <row r="34844" spans="14:14">
      <c r="N34844" s="10"/>
    </row>
    <row r="34845" spans="14:14">
      <c r="N34845" s="10"/>
    </row>
    <row r="34846" spans="14:14">
      <c r="N34846" s="10"/>
    </row>
    <row r="34847" spans="14:14">
      <c r="N34847" s="10"/>
    </row>
    <row r="34848" spans="14:14">
      <c r="N34848" s="10"/>
    </row>
    <row r="34849" spans="14:14">
      <c r="N34849" s="10"/>
    </row>
    <row r="34850" spans="14:14">
      <c r="N34850" s="10"/>
    </row>
    <row r="34851" spans="14:14">
      <c r="N34851" s="10"/>
    </row>
    <row r="34852" spans="14:14">
      <c r="N34852" s="10"/>
    </row>
    <row r="34853" spans="14:14">
      <c r="N34853" s="10"/>
    </row>
    <row r="34854" spans="14:14">
      <c r="N34854" s="10"/>
    </row>
    <row r="34855" spans="14:14">
      <c r="N34855" s="10"/>
    </row>
    <row r="34856" spans="14:14">
      <c r="N34856" s="10"/>
    </row>
    <row r="34857" spans="14:14">
      <c r="N34857" s="10"/>
    </row>
    <row r="34858" spans="14:14">
      <c r="N34858" s="10"/>
    </row>
    <row r="34859" spans="14:14">
      <c r="N34859" s="10"/>
    </row>
    <row r="34860" spans="14:14">
      <c r="N34860" s="10"/>
    </row>
    <row r="34861" spans="14:14">
      <c r="N34861" s="10"/>
    </row>
    <row r="34862" spans="14:14">
      <c r="N34862" s="10"/>
    </row>
    <row r="34863" spans="14:14">
      <c r="N34863" s="10"/>
    </row>
    <row r="34864" spans="14:14">
      <c r="N34864" s="10"/>
    </row>
    <row r="34865" spans="14:14">
      <c r="N34865" s="10"/>
    </row>
    <row r="34866" spans="14:14">
      <c r="N34866" s="10"/>
    </row>
    <row r="34867" spans="14:14">
      <c r="N34867" s="10"/>
    </row>
    <row r="34868" spans="14:14">
      <c r="N34868" s="10"/>
    </row>
    <row r="34869" spans="14:14">
      <c r="N34869" s="10"/>
    </row>
    <row r="34870" spans="14:14">
      <c r="N34870" s="10"/>
    </row>
    <row r="34871" spans="14:14">
      <c r="N34871" s="10"/>
    </row>
    <row r="34872" spans="14:14">
      <c r="N34872" s="10"/>
    </row>
    <row r="34873" spans="14:14">
      <c r="N34873" s="10"/>
    </row>
    <row r="34874" spans="14:14">
      <c r="N34874" s="10"/>
    </row>
    <row r="34875" spans="14:14">
      <c r="N34875" s="10"/>
    </row>
    <row r="34876" spans="14:14">
      <c r="N34876" s="10"/>
    </row>
    <row r="34877" spans="14:14">
      <c r="N34877" s="10"/>
    </row>
    <row r="34878" spans="14:14">
      <c r="N34878" s="10"/>
    </row>
    <row r="34879" spans="14:14">
      <c r="N34879" s="10"/>
    </row>
    <row r="34880" spans="14:14">
      <c r="N34880" s="10"/>
    </row>
    <row r="34881" spans="14:14">
      <c r="N34881" s="10"/>
    </row>
    <row r="34882" spans="14:14">
      <c r="N34882" s="10"/>
    </row>
    <row r="34883" spans="14:14">
      <c r="N34883" s="10"/>
    </row>
    <row r="34884" spans="14:14">
      <c r="N34884" s="10"/>
    </row>
    <row r="34885" spans="14:14">
      <c r="N34885" s="10"/>
    </row>
    <row r="34886" spans="14:14">
      <c r="N34886" s="10"/>
    </row>
    <row r="34887" spans="14:14">
      <c r="N34887" s="10"/>
    </row>
    <row r="34888" spans="14:14">
      <c r="N34888" s="10"/>
    </row>
    <row r="34889" spans="14:14">
      <c r="N34889" s="10"/>
    </row>
    <row r="34890" spans="14:14">
      <c r="N34890" s="10"/>
    </row>
    <row r="34891" spans="14:14">
      <c r="N34891" s="10"/>
    </row>
    <row r="34892" spans="14:14">
      <c r="N34892" s="10"/>
    </row>
    <row r="34893" spans="14:14">
      <c r="N34893" s="10"/>
    </row>
    <row r="34894" spans="14:14">
      <c r="N34894" s="10"/>
    </row>
    <row r="34895" spans="14:14">
      <c r="N34895" s="10"/>
    </row>
    <row r="34896" spans="14:14">
      <c r="N34896" s="10"/>
    </row>
    <row r="34897" spans="14:14">
      <c r="N34897" s="10"/>
    </row>
    <row r="34898" spans="14:14">
      <c r="N34898" s="10"/>
    </row>
    <row r="34899" spans="14:14">
      <c r="N34899" s="10"/>
    </row>
    <row r="34900" spans="14:14">
      <c r="N34900" s="10"/>
    </row>
    <row r="34901" spans="14:14">
      <c r="N34901" s="10"/>
    </row>
    <row r="34902" spans="14:14">
      <c r="N34902" s="10"/>
    </row>
    <row r="34903" spans="14:14">
      <c r="N34903" s="10"/>
    </row>
    <row r="34904" spans="14:14">
      <c r="N34904" s="10"/>
    </row>
    <row r="34905" spans="14:14">
      <c r="N34905" s="10"/>
    </row>
    <row r="34906" spans="14:14">
      <c r="N34906" s="10"/>
    </row>
    <row r="34907" spans="14:14">
      <c r="N34907" s="10"/>
    </row>
    <row r="34908" spans="14:14">
      <c r="N34908" s="10"/>
    </row>
    <row r="34909" spans="14:14">
      <c r="N34909" s="10"/>
    </row>
    <row r="34910" spans="14:14">
      <c r="N34910" s="10"/>
    </row>
    <row r="34911" spans="14:14">
      <c r="N34911" s="10"/>
    </row>
    <row r="34912" spans="14:14">
      <c r="N34912" s="10"/>
    </row>
    <row r="34913" spans="14:14">
      <c r="N34913" s="10"/>
    </row>
    <row r="34914" spans="14:14">
      <c r="N34914" s="10"/>
    </row>
    <row r="34915" spans="14:14">
      <c r="N34915" s="10"/>
    </row>
    <row r="34916" spans="14:14">
      <c r="N34916" s="10"/>
    </row>
    <row r="34917" spans="14:14">
      <c r="N34917" s="10"/>
    </row>
    <row r="34918" spans="14:14">
      <c r="N34918" s="10"/>
    </row>
    <row r="34919" spans="14:14">
      <c r="N34919" s="10"/>
    </row>
    <row r="34920" spans="14:14">
      <c r="N34920" s="10"/>
    </row>
    <row r="34921" spans="14:14">
      <c r="N34921" s="10"/>
    </row>
    <row r="34922" spans="14:14">
      <c r="N34922" s="10"/>
    </row>
    <row r="34923" spans="14:14">
      <c r="N34923" s="10"/>
    </row>
    <row r="34924" spans="14:14">
      <c r="N34924" s="10"/>
    </row>
    <row r="34925" spans="14:14">
      <c r="N34925" s="10"/>
    </row>
    <row r="34926" spans="14:14">
      <c r="N34926" s="10"/>
    </row>
    <row r="34927" spans="14:14">
      <c r="N34927" s="10"/>
    </row>
    <row r="34928" spans="14:14">
      <c r="N34928" s="10"/>
    </row>
    <row r="34929" spans="14:14">
      <c r="N34929" s="10"/>
    </row>
    <row r="34930" spans="14:14">
      <c r="N34930" s="10"/>
    </row>
    <row r="34931" spans="14:14">
      <c r="N34931" s="10"/>
    </row>
    <row r="34932" spans="14:14">
      <c r="N34932" s="10"/>
    </row>
    <row r="34933" spans="14:14">
      <c r="N34933" s="10"/>
    </row>
    <row r="34934" spans="14:14">
      <c r="N34934" s="10"/>
    </row>
    <row r="34935" spans="14:14">
      <c r="N34935" s="10"/>
    </row>
    <row r="34936" spans="14:14">
      <c r="N34936" s="10"/>
    </row>
    <row r="34937" spans="14:14">
      <c r="N34937" s="10"/>
    </row>
    <row r="34938" spans="14:14">
      <c r="N34938" s="10"/>
    </row>
    <row r="34939" spans="14:14">
      <c r="N34939" s="10"/>
    </row>
    <row r="34940" spans="14:14">
      <c r="N34940" s="10"/>
    </row>
    <row r="34941" spans="14:14">
      <c r="N34941" s="10"/>
    </row>
    <row r="34942" spans="14:14">
      <c r="N34942" s="10"/>
    </row>
    <row r="34943" spans="14:14">
      <c r="N34943" s="10"/>
    </row>
    <row r="34944" spans="14:14">
      <c r="N34944" s="10"/>
    </row>
    <row r="34945" spans="14:14">
      <c r="N34945" s="10"/>
    </row>
    <row r="34946" spans="14:14">
      <c r="N34946" s="10"/>
    </row>
    <row r="34947" spans="14:14">
      <c r="N34947" s="10"/>
    </row>
    <row r="34948" spans="14:14">
      <c r="N34948" s="10"/>
    </row>
    <row r="34949" spans="14:14">
      <c r="N34949" s="10"/>
    </row>
    <row r="34950" spans="14:14">
      <c r="N34950" s="10"/>
    </row>
    <row r="34951" spans="14:14">
      <c r="N34951" s="10"/>
    </row>
    <row r="34952" spans="14:14">
      <c r="N34952" s="10"/>
    </row>
    <row r="34953" spans="14:14">
      <c r="N34953" s="10"/>
    </row>
    <row r="34954" spans="14:14">
      <c r="N34954" s="10"/>
    </row>
    <row r="34955" spans="14:14">
      <c r="N34955" s="10"/>
    </row>
    <row r="34956" spans="14:14">
      <c r="N34956" s="10"/>
    </row>
    <row r="34957" spans="14:14">
      <c r="N34957" s="10"/>
    </row>
    <row r="34958" spans="14:14">
      <c r="N34958" s="10"/>
    </row>
    <row r="34959" spans="14:14">
      <c r="N34959" s="10"/>
    </row>
    <row r="34960" spans="14:14">
      <c r="N34960" s="10"/>
    </row>
    <row r="34961" spans="14:14">
      <c r="N34961" s="10"/>
    </row>
    <row r="34962" spans="14:14">
      <c r="N34962" s="10"/>
    </row>
    <row r="34963" spans="14:14">
      <c r="N34963" s="10"/>
    </row>
    <row r="34964" spans="14:14">
      <c r="N34964" s="10"/>
    </row>
    <row r="34965" spans="14:14">
      <c r="N34965" s="10"/>
    </row>
    <row r="34966" spans="14:14">
      <c r="N34966" s="10"/>
    </row>
    <row r="34967" spans="14:14">
      <c r="N34967" s="10"/>
    </row>
    <row r="34968" spans="14:14">
      <c r="N34968" s="10"/>
    </row>
    <row r="34969" spans="14:14">
      <c r="N34969" s="10"/>
    </row>
    <row r="34970" spans="14:14">
      <c r="N34970" s="10"/>
    </row>
    <row r="34971" spans="14:14">
      <c r="N34971" s="10"/>
    </row>
    <row r="34972" spans="14:14">
      <c r="N34972" s="10"/>
    </row>
    <row r="34973" spans="14:14">
      <c r="N34973" s="10"/>
    </row>
    <row r="34974" spans="14:14">
      <c r="N34974" s="10"/>
    </row>
    <row r="34975" spans="14:14">
      <c r="N34975" s="10"/>
    </row>
    <row r="34976" spans="14:14">
      <c r="N34976" s="10"/>
    </row>
    <row r="34977" spans="14:14">
      <c r="N34977" s="10"/>
    </row>
    <row r="34978" spans="14:14">
      <c r="N34978" s="10"/>
    </row>
    <row r="34979" spans="14:14">
      <c r="N34979" s="10"/>
    </row>
    <row r="34980" spans="14:14">
      <c r="N34980" s="10"/>
    </row>
    <row r="34981" spans="14:14">
      <c r="N34981" s="10"/>
    </row>
    <row r="34982" spans="14:14">
      <c r="N34982" s="10"/>
    </row>
    <row r="34983" spans="14:14">
      <c r="N34983" s="10"/>
    </row>
    <row r="34984" spans="14:14">
      <c r="N34984" s="10"/>
    </row>
    <row r="34985" spans="14:14">
      <c r="N34985" s="10"/>
    </row>
    <row r="34986" spans="14:14">
      <c r="N34986" s="10"/>
    </row>
    <row r="34987" spans="14:14">
      <c r="N34987" s="10"/>
    </row>
    <row r="34988" spans="14:14">
      <c r="N34988" s="10"/>
    </row>
    <row r="34989" spans="14:14">
      <c r="N34989" s="10"/>
    </row>
    <row r="34990" spans="14:14">
      <c r="N34990" s="10"/>
    </row>
    <row r="34991" spans="14:14">
      <c r="N34991" s="10"/>
    </row>
    <row r="34992" spans="14:14">
      <c r="N34992" s="10"/>
    </row>
    <row r="34993" spans="14:14">
      <c r="N34993" s="10"/>
    </row>
    <row r="34994" spans="14:14">
      <c r="N34994" s="10"/>
    </row>
    <row r="34995" spans="14:14">
      <c r="N34995" s="10"/>
    </row>
    <row r="34996" spans="14:14">
      <c r="N34996" s="10"/>
    </row>
    <row r="34997" spans="14:14">
      <c r="N34997" s="10"/>
    </row>
    <row r="34998" spans="14:14">
      <c r="N34998" s="10"/>
    </row>
    <row r="34999" spans="14:14">
      <c r="N34999" s="10"/>
    </row>
    <row r="35000" spans="14:14">
      <c r="N35000" s="10"/>
    </row>
    <row r="35001" spans="14:14">
      <c r="N35001" s="10"/>
    </row>
    <row r="35002" spans="14:14">
      <c r="N35002" s="10"/>
    </row>
    <row r="35003" spans="14:14">
      <c r="N35003" s="10"/>
    </row>
    <row r="35004" spans="14:14">
      <c r="N35004" s="10"/>
    </row>
    <row r="35005" spans="14:14">
      <c r="N35005" s="10"/>
    </row>
    <row r="35006" spans="14:14">
      <c r="N35006" s="10"/>
    </row>
    <row r="35007" spans="14:14">
      <c r="N35007" s="10"/>
    </row>
    <row r="35008" spans="14:14">
      <c r="N35008" s="10"/>
    </row>
    <row r="35009" spans="14:14">
      <c r="N35009" s="10"/>
    </row>
    <row r="35010" spans="14:14">
      <c r="N35010" s="10"/>
    </row>
    <row r="35011" spans="14:14">
      <c r="N35011" s="10"/>
    </row>
    <row r="35012" spans="14:14">
      <c r="N35012" s="10"/>
    </row>
    <row r="35013" spans="14:14">
      <c r="N35013" s="10"/>
    </row>
    <row r="35014" spans="14:14">
      <c r="N35014" s="10"/>
    </row>
    <row r="35015" spans="14:14">
      <c r="N35015" s="10"/>
    </row>
    <row r="35016" spans="14:14">
      <c r="N35016" s="10"/>
    </row>
    <row r="35017" spans="14:14">
      <c r="N35017" s="10"/>
    </row>
    <row r="35018" spans="14:14">
      <c r="N35018" s="10"/>
    </row>
    <row r="35019" spans="14:14">
      <c r="N35019" s="10"/>
    </row>
    <row r="35020" spans="14:14">
      <c r="N35020" s="10"/>
    </row>
    <row r="35021" spans="14:14">
      <c r="N35021" s="10"/>
    </row>
    <row r="35022" spans="14:14">
      <c r="N35022" s="10"/>
    </row>
    <row r="35023" spans="14:14">
      <c r="N35023" s="10"/>
    </row>
    <row r="35024" spans="14:14">
      <c r="N35024" s="10"/>
    </row>
    <row r="35025" spans="14:14">
      <c r="N35025" s="10"/>
    </row>
    <row r="35026" spans="14:14">
      <c r="N35026" s="10"/>
    </row>
    <row r="35027" spans="14:14">
      <c r="N35027" s="10"/>
    </row>
    <row r="35028" spans="14:14">
      <c r="N35028" s="10"/>
    </row>
    <row r="35029" spans="14:14">
      <c r="N35029" s="10"/>
    </row>
    <row r="35030" spans="14:14">
      <c r="N35030" s="10"/>
    </row>
    <row r="35031" spans="14:14">
      <c r="N35031" s="10"/>
    </row>
    <row r="35032" spans="14:14">
      <c r="N35032" s="10"/>
    </row>
    <row r="35033" spans="14:14">
      <c r="N35033" s="10"/>
    </row>
    <row r="35034" spans="14:14">
      <c r="N35034" s="10"/>
    </row>
    <row r="35035" spans="14:14">
      <c r="N35035" s="10"/>
    </row>
    <row r="35036" spans="14:14">
      <c r="N35036" s="10"/>
    </row>
    <row r="35037" spans="14:14">
      <c r="N35037" s="10"/>
    </row>
    <row r="35038" spans="14:14">
      <c r="N35038" s="10"/>
    </row>
    <row r="35039" spans="14:14">
      <c r="N35039" s="10"/>
    </row>
    <row r="35040" spans="14:14">
      <c r="N35040" s="10"/>
    </row>
    <row r="35041" spans="14:14">
      <c r="N35041" s="10"/>
    </row>
    <row r="35042" spans="14:14">
      <c r="N35042" s="10"/>
    </row>
    <row r="35043" spans="14:14">
      <c r="N35043" s="10"/>
    </row>
    <row r="35044" spans="14:14">
      <c r="N35044" s="10"/>
    </row>
    <row r="35045" spans="14:14">
      <c r="N35045" s="10"/>
    </row>
    <row r="35046" spans="14:14">
      <c r="N35046" s="10"/>
    </row>
    <row r="35047" spans="14:14">
      <c r="N35047" s="10"/>
    </row>
    <row r="35048" spans="14:14">
      <c r="N35048" s="10"/>
    </row>
    <row r="35049" spans="14:14">
      <c r="N35049" s="10"/>
    </row>
    <row r="35050" spans="14:14">
      <c r="N35050" s="10"/>
    </row>
    <row r="35051" spans="14:14">
      <c r="N35051" s="10"/>
    </row>
    <row r="35052" spans="14:14">
      <c r="N35052" s="10"/>
    </row>
    <row r="35053" spans="14:14">
      <c r="N35053" s="10"/>
    </row>
    <row r="35054" spans="14:14">
      <c r="N35054" s="10"/>
    </row>
    <row r="35055" spans="14:14">
      <c r="N35055" s="10"/>
    </row>
    <row r="35056" spans="14:14">
      <c r="N35056" s="10"/>
    </row>
    <row r="35057" spans="14:14">
      <c r="N35057" s="10"/>
    </row>
    <row r="35058" spans="14:14">
      <c r="N35058" s="10"/>
    </row>
    <row r="35059" spans="14:14">
      <c r="N35059" s="10"/>
    </row>
    <row r="35060" spans="14:14">
      <c r="N35060" s="10"/>
    </row>
    <row r="35061" spans="14:14">
      <c r="N35061" s="10"/>
    </row>
    <row r="35062" spans="14:14">
      <c r="N35062" s="10"/>
    </row>
    <row r="35063" spans="14:14">
      <c r="N35063" s="10"/>
    </row>
    <row r="35064" spans="14:14">
      <c r="N35064" s="10"/>
    </row>
    <row r="35065" spans="14:14">
      <c r="N35065" s="10"/>
    </row>
    <row r="35066" spans="14:14">
      <c r="N35066" s="10"/>
    </row>
    <row r="35067" spans="14:14">
      <c r="N35067" s="10"/>
    </row>
    <row r="35068" spans="14:14">
      <c r="N35068" s="10"/>
    </row>
    <row r="35069" spans="14:14">
      <c r="N35069" s="10"/>
    </row>
    <row r="35070" spans="14:14">
      <c r="N35070" s="10"/>
    </row>
    <row r="35071" spans="14:14">
      <c r="N35071" s="10"/>
    </row>
    <row r="35072" spans="14:14">
      <c r="N35072" s="10"/>
    </row>
    <row r="35073" spans="14:14">
      <c r="N35073" s="10"/>
    </row>
    <row r="35074" spans="14:14">
      <c r="N35074" s="10"/>
    </row>
    <row r="35075" spans="14:14">
      <c r="N35075" s="10"/>
    </row>
    <row r="35076" spans="14:14">
      <c r="N35076" s="10"/>
    </row>
    <row r="35077" spans="14:14">
      <c r="N35077" s="10"/>
    </row>
    <row r="35078" spans="14:14">
      <c r="N35078" s="10"/>
    </row>
    <row r="35079" spans="14:14">
      <c r="N35079" s="10"/>
    </row>
    <row r="35080" spans="14:14">
      <c r="N35080" s="10"/>
    </row>
    <row r="35081" spans="14:14">
      <c r="N35081" s="10"/>
    </row>
    <row r="35082" spans="14:14">
      <c r="N35082" s="10"/>
    </row>
    <row r="35083" spans="14:14">
      <c r="N35083" s="10"/>
    </row>
    <row r="35084" spans="14:14">
      <c r="N35084" s="10"/>
    </row>
    <row r="35085" spans="14:14">
      <c r="N35085" s="10"/>
    </row>
    <row r="35086" spans="14:14">
      <c r="N35086" s="10"/>
    </row>
    <row r="35087" spans="14:14">
      <c r="N35087" s="10"/>
    </row>
    <row r="35088" spans="14:14">
      <c r="N35088" s="10"/>
    </row>
    <row r="35089" spans="14:14">
      <c r="N35089" s="10"/>
    </row>
    <row r="35090" spans="14:14">
      <c r="N35090" s="10"/>
    </row>
    <row r="35091" spans="14:14">
      <c r="N35091" s="10"/>
    </row>
    <row r="35092" spans="14:14">
      <c r="N35092" s="10"/>
    </row>
    <row r="35093" spans="14:14">
      <c r="N35093" s="10"/>
    </row>
    <row r="35094" spans="14:14">
      <c r="N35094" s="10"/>
    </row>
    <row r="35095" spans="14:14">
      <c r="N35095" s="10"/>
    </row>
    <row r="35096" spans="14:14">
      <c r="N35096" s="10"/>
    </row>
    <row r="35097" spans="14:14">
      <c r="N35097" s="10"/>
    </row>
    <row r="35098" spans="14:14">
      <c r="N35098" s="10"/>
    </row>
    <row r="35099" spans="14:14">
      <c r="N35099" s="10"/>
    </row>
    <row r="35100" spans="14:14">
      <c r="N35100" s="10"/>
    </row>
    <row r="35101" spans="14:14">
      <c r="N35101" s="10"/>
    </row>
    <row r="35102" spans="14:14">
      <c r="N35102" s="10"/>
    </row>
    <row r="35103" spans="14:14">
      <c r="N35103" s="10"/>
    </row>
    <row r="35104" spans="14:14">
      <c r="N35104" s="10"/>
    </row>
    <row r="35105" spans="14:14">
      <c r="N35105" s="10"/>
    </row>
    <row r="35106" spans="14:14">
      <c r="N35106" s="10"/>
    </row>
    <row r="35107" spans="14:14">
      <c r="N35107" s="10"/>
    </row>
    <row r="35108" spans="14:14">
      <c r="N35108" s="10"/>
    </row>
    <row r="35109" spans="14:14">
      <c r="N35109" s="10"/>
    </row>
    <row r="35110" spans="14:14">
      <c r="N35110" s="10"/>
    </row>
    <row r="35111" spans="14:14">
      <c r="N35111" s="10"/>
    </row>
    <row r="35112" spans="14:14">
      <c r="N35112" s="10"/>
    </row>
    <row r="35113" spans="14:14">
      <c r="N35113" s="10"/>
    </row>
    <row r="35114" spans="14:14">
      <c r="N35114" s="10"/>
    </row>
    <row r="35115" spans="14:14">
      <c r="N35115" s="10"/>
    </row>
    <row r="35116" spans="14:14">
      <c r="N35116" s="10"/>
    </row>
    <row r="35117" spans="14:14">
      <c r="N35117" s="10"/>
    </row>
    <row r="35118" spans="14:14">
      <c r="N35118" s="10"/>
    </row>
    <row r="35119" spans="14:14">
      <c r="N35119" s="10"/>
    </row>
    <row r="35120" spans="14:14">
      <c r="N35120" s="10"/>
    </row>
    <row r="35121" spans="14:14">
      <c r="N35121" s="10"/>
    </row>
    <row r="35122" spans="14:14">
      <c r="N35122" s="10"/>
    </row>
    <row r="35123" spans="14:14">
      <c r="N35123" s="10"/>
    </row>
    <row r="35124" spans="14:14">
      <c r="N35124" s="10"/>
    </row>
    <row r="35125" spans="14:14">
      <c r="N35125" s="10"/>
    </row>
    <row r="35126" spans="14:14">
      <c r="N35126" s="10"/>
    </row>
    <row r="35127" spans="14:14">
      <c r="N35127" s="10"/>
    </row>
    <row r="35128" spans="14:14">
      <c r="N35128" s="10"/>
    </row>
    <row r="35129" spans="14:14">
      <c r="N35129" s="10"/>
    </row>
    <row r="35130" spans="14:14">
      <c r="N35130" s="10"/>
    </row>
    <row r="35131" spans="14:14">
      <c r="N35131" s="10"/>
    </row>
    <row r="35132" spans="14:14">
      <c r="N35132" s="10"/>
    </row>
    <row r="35133" spans="14:14">
      <c r="N35133" s="10"/>
    </row>
    <row r="35134" spans="14:14">
      <c r="N35134" s="10"/>
    </row>
    <row r="35135" spans="14:14">
      <c r="N35135" s="10"/>
    </row>
    <row r="35136" spans="14:14">
      <c r="N35136" s="10"/>
    </row>
    <row r="35137" spans="14:14">
      <c r="N35137" s="10"/>
    </row>
    <row r="35138" spans="14:14">
      <c r="N35138" s="10"/>
    </row>
    <row r="35139" spans="14:14">
      <c r="N35139" s="10"/>
    </row>
    <row r="35140" spans="14:14">
      <c r="N35140" s="10"/>
    </row>
    <row r="35141" spans="14:14">
      <c r="N35141" s="10"/>
    </row>
    <row r="35142" spans="14:14">
      <c r="N35142" s="10"/>
    </row>
    <row r="35143" spans="14:14">
      <c r="N35143" s="10"/>
    </row>
    <row r="35144" spans="14:14">
      <c r="N35144" s="10"/>
    </row>
    <row r="35145" spans="14:14">
      <c r="N35145" s="10"/>
    </row>
    <row r="35146" spans="14:14">
      <c r="N35146" s="10"/>
    </row>
    <row r="35147" spans="14:14">
      <c r="N35147" s="10"/>
    </row>
    <row r="35148" spans="14:14">
      <c r="N35148" s="10"/>
    </row>
    <row r="35149" spans="14:14">
      <c r="N35149" s="10"/>
    </row>
    <row r="35150" spans="14:14">
      <c r="N35150" s="10"/>
    </row>
    <row r="35151" spans="14:14">
      <c r="N35151" s="10"/>
    </row>
    <row r="35152" spans="14:14">
      <c r="N35152" s="10"/>
    </row>
    <row r="35153" spans="14:14">
      <c r="N35153" s="10"/>
    </row>
    <row r="35154" spans="14:14">
      <c r="N35154" s="10"/>
    </row>
    <row r="35155" spans="14:14">
      <c r="N35155" s="10"/>
    </row>
    <row r="35156" spans="14:14">
      <c r="N35156" s="10"/>
    </row>
    <row r="35157" spans="14:14">
      <c r="N35157" s="10"/>
    </row>
    <row r="35158" spans="14:14">
      <c r="N35158" s="10"/>
    </row>
    <row r="35159" spans="14:14">
      <c r="N35159" s="10"/>
    </row>
    <row r="35160" spans="14:14">
      <c r="N35160" s="10"/>
    </row>
    <row r="35161" spans="14:14">
      <c r="N35161" s="10"/>
    </row>
    <row r="35162" spans="14:14">
      <c r="N35162" s="10"/>
    </row>
    <row r="35163" spans="14:14">
      <c r="N35163" s="10"/>
    </row>
    <row r="35164" spans="14:14">
      <c r="N35164" s="10"/>
    </row>
    <row r="35165" spans="14:14">
      <c r="N35165" s="10"/>
    </row>
    <row r="35166" spans="14:14">
      <c r="N35166" s="10"/>
    </row>
    <row r="35167" spans="14:14">
      <c r="N35167" s="10"/>
    </row>
    <row r="35168" spans="14:14">
      <c r="N35168" s="10"/>
    </row>
    <row r="35169" spans="14:14">
      <c r="N35169" s="10"/>
    </row>
    <row r="35170" spans="14:14">
      <c r="N35170" s="10"/>
    </row>
    <row r="35171" spans="14:14">
      <c r="N35171" s="10"/>
    </row>
    <row r="35172" spans="14:14">
      <c r="N35172" s="10"/>
    </row>
    <row r="35173" spans="14:14">
      <c r="N35173" s="10"/>
    </row>
    <row r="35174" spans="14:14">
      <c r="N35174" s="10"/>
    </row>
    <row r="35175" spans="14:14">
      <c r="N35175" s="10"/>
    </row>
    <row r="35176" spans="14:14">
      <c r="N35176" s="10"/>
    </row>
    <row r="35177" spans="14:14">
      <c r="N35177" s="10"/>
    </row>
    <row r="35178" spans="14:14">
      <c r="N35178" s="10"/>
    </row>
    <row r="35179" spans="14:14">
      <c r="N35179" s="10"/>
    </row>
    <row r="35180" spans="14:14">
      <c r="N35180" s="10"/>
    </row>
    <row r="35181" spans="14:14">
      <c r="N35181" s="10"/>
    </row>
    <row r="35182" spans="14:14">
      <c r="N35182" s="10"/>
    </row>
    <row r="35183" spans="14:14">
      <c r="N35183" s="10"/>
    </row>
    <row r="35184" spans="14:14">
      <c r="N35184" s="10"/>
    </row>
    <row r="35185" spans="14:14">
      <c r="N35185" s="10"/>
    </row>
    <row r="35186" spans="14:14">
      <c r="N35186" s="10"/>
    </row>
    <row r="35187" spans="14:14">
      <c r="N35187" s="10"/>
    </row>
    <row r="35188" spans="14:14">
      <c r="N35188" s="10"/>
    </row>
    <row r="35189" spans="14:14">
      <c r="N35189" s="10"/>
    </row>
    <row r="35190" spans="14:14">
      <c r="N35190" s="10"/>
    </row>
    <row r="35191" spans="14:14">
      <c r="N35191" s="10"/>
    </row>
    <row r="35192" spans="14:14">
      <c r="N35192" s="10"/>
    </row>
    <row r="35193" spans="14:14">
      <c r="N35193" s="10"/>
    </row>
    <row r="35194" spans="14:14">
      <c r="N35194" s="10"/>
    </row>
    <row r="35195" spans="14:14">
      <c r="N35195" s="10"/>
    </row>
    <row r="35196" spans="14:14">
      <c r="N35196" s="10"/>
    </row>
    <row r="35197" spans="14:14">
      <c r="N35197" s="10"/>
    </row>
    <row r="35198" spans="14:14">
      <c r="N35198" s="10"/>
    </row>
    <row r="35199" spans="14:14">
      <c r="N35199" s="10"/>
    </row>
    <row r="35200" spans="14:14">
      <c r="N35200" s="10"/>
    </row>
    <row r="35201" spans="14:14">
      <c r="N35201" s="10"/>
    </row>
    <row r="35202" spans="14:14">
      <c r="N35202" s="10"/>
    </row>
    <row r="35203" spans="14:14">
      <c r="N35203" s="10"/>
    </row>
    <row r="35204" spans="14:14">
      <c r="N35204" s="10"/>
    </row>
    <row r="35205" spans="14:14">
      <c r="N35205" s="10"/>
    </row>
    <row r="35206" spans="14:14">
      <c r="N35206" s="10"/>
    </row>
    <row r="35207" spans="14:14">
      <c r="N35207" s="10"/>
    </row>
    <row r="35208" spans="14:14">
      <c r="N35208" s="10"/>
    </row>
    <row r="35209" spans="14:14">
      <c r="N35209" s="10"/>
    </row>
    <row r="35210" spans="14:14">
      <c r="N35210" s="10"/>
    </row>
    <row r="35211" spans="14:14">
      <c r="N35211" s="10"/>
    </row>
    <row r="35212" spans="14:14">
      <c r="N35212" s="10"/>
    </row>
    <row r="35213" spans="14:14">
      <c r="N35213" s="10"/>
    </row>
    <row r="35214" spans="14:14">
      <c r="N35214" s="10"/>
    </row>
    <row r="35215" spans="14:14">
      <c r="N35215" s="10"/>
    </row>
    <row r="35216" spans="14:14">
      <c r="N35216" s="10"/>
    </row>
    <row r="35217" spans="14:14">
      <c r="N35217" s="10"/>
    </row>
    <row r="35218" spans="14:14">
      <c r="N35218" s="10"/>
    </row>
    <row r="35219" spans="14:14">
      <c r="N35219" s="10"/>
    </row>
    <row r="35220" spans="14:14">
      <c r="N35220" s="10"/>
    </row>
    <row r="35221" spans="14:14">
      <c r="N35221" s="10"/>
    </row>
    <row r="35222" spans="14:14">
      <c r="N35222" s="10"/>
    </row>
    <row r="35223" spans="14:14">
      <c r="N35223" s="10"/>
    </row>
    <row r="35224" spans="14:14">
      <c r="N35224" s="10"/>
    </row>
    <row r="35225" spans="14:14">
      <c r="N35225" s="10"/>
    </row>
    <row r="35226" spans="14:14">
      <c r="N35226" s="10"/>
    </row>
    <row r="35227" spans="14:14">
      <c r="N35227" s="10"/>
    </row>
    <row r="35228" spans="14:14">
      <c r="N35228" s="10"/>
    </row>
    <row r="35229" spans="14:14">
      <c r="N35229" s="10"/>
    </row>
    <row r="35230" spans="14:14">
      <c r="N35230" s="10"/>
    </row>
    <row r="35231" spans="14:14">
      <c r="N35231" s="10"/>
    </row>
    <row r="35232" spans="14:14">
      <c r="N35232" s="10"/>
    </row>
    <row r="35233" spans="14:14">
      <c r="N35233" s="10"/>
    </row>
    <row r="35234" spans="14:14">
      <c r="N35234" s="10"/>
    </row>
    <row r="35235" spans="14:14">
      <c r="N35235" s="10"/>
    </row>
    <row r="35236" spans="14:14">
      <c r="N35236" s="10"/>
    </row>
    <row r="35237" spans="14:14">
      <c r="N35237" s="10"/>
    </row>
    <row r="35238" spans="14:14">
      <c r="N35238" s="10"/>
    </row>
    <row r="35239" spans="14:14">
      <c r="N35239" s="10"/>
    </row>
    <row r="35240" spans="14:14">
      <c r="N35240" s="10"/>
    </row>
    <row r="35241" spans="14:14">
      <c r="N35241" s="10"/>
    </row>
    <row r="35242" spans="14:14">
      <c r="N35242" s="10"/>
    </row>
    <row r="35243" spans="14:14">
      <c r="N35243" s="10"/>
    </row>
    <row r="35244" spans="14:14">
      <c r="N35244" s="10"/>
    </row>
    <row r="35245" spans="14:14">
      <c r="N35245" s="10"/>
    </row>
    <row r="35246" spans="14:14">
      <c r="N35246" s="10"/>
    </row>
    <row r="35247" spans="14:14">
      <c r="N35247" s="10"/>
    </row>
    <row r="35248" spans="14:14">
      <c r="N35248" s="10"/>
    </row>
    <row r="35249" spans="14:14">
      <c r="N35249" s="10"/>
    </row>
    <row r="35250" spans="14:14">
      <c r="N35250" s="10"/>
    </row>
    <row r="35251" spans="14:14">
      <c r="N35251" s="10"/>
    </row>
    <row r="35252" spans="14:14">
      <c r="N35252" s="10"/>
    </row>
    <row r="35253" spans="14:14">
      <c r="N35253" s="10"/>
    </row>
    <row r="35254" spans="14:14">
      <c r="N35254" s="10"/>
    </row>
    <row r="35255" spans="14:14">
      <c r="N35255" s="10"/>
    </row>
    <row r="35256" spans="14:14">
      <c r="N35256" s="10"/>
    </row>
    <row r="35257" spans="14:14">
      <c r="N35257" s="10"/>
    </row>
    <row r="35258" spans="14:14">
      <c r="N35258" s="10"/>
    </row>
    <row r="35259" spans="14:14">
      <c r="N35259" s="10"/>
    </row>
    <row r="35260" spans="14:14">
      <c r="N35260" s="10"/>
    </row>
    <row r="35261" spans="14:14">
      <c r="N35261" s="10"/>
    </row>
    <row r="35262" spans="14:14">
      <c r="N35262" s="10"/>
    </row>
    <row r="35263" spans="14:14">
      <c r="N35263" s="10"/>
    </row>
    <row r="35264" spans="14:14">
      <c r="N35264" s="10"/>
    </row>
    <row r="35265" spans="14:14">
      <c r="N35265" s="10"/>
    </row>
    <row r="35266" spans="14:14">
      <c r="N35266" s="10"/>
    </row>
    <row r="35267" spans="14:14">
      <c r="N35267" s="10"/>
    </row>
    <row r="35268" spans="14:14">
      <c r="N35268" s="10"/>
    </row>
    <row r="35269" spans="14:14">
      <c r="N35269" s="10"/>
    </row>
    <row r="35270" spans="14:14">
      <c r="N35270" s="10"/>
    </row>
    <row r="35271" spans="14:14">
      <c r="N35271" s="10"/>
    </row>
    <row r="35272" spans="14:14">
      <c r="N35272" s="10"/>
    </row>
    <row r="35273" spans="14:14">
      <c r="N35273" s="10"/>
    </row>
    <row r="35274" spans="14:14">
      <c r="N35274" s="10"/>
    </row>
    <row r="35275" spans="14:14">
      <c r="N35275" s="10"/>
    </row>
    <row r="35276" spans="14:14">
      <c r="N35276" s="10"/>
    </row>
    <row r="35277" spans="14:14">
      <c r="N35277" s="10"/>
    </row>
    <row r="35278" spans="14:14">
      <c r="N35278" s="10"/>
    </row>
    <row r="35279" spans="14:14">
      <c r="N35279" s="10"/>
    </row>
    <row r="35280" spans="14:14">
      <c r="N35280" s="10"/>
    </row>
    <row r="35281" spans="14:14">
      <c r="N35281" s="10"/>
    </row>
    <row r="35282" spans="14:14">
      <c r="N35282" s="10"/>
    </row>
    <row r="35283" spans="14:14">
      <c r="N35283" s="10"/>
    </row>
    <row r="35284" spans="14:14">
      <c r="N35284" s="10"/>
    </row>
    <row r="35285" spans="14:14">
      <c r="N35285" s="10"/>
    </row>
    <row r="35286" spans="14:14">
      <c r="N35286" s="10"/>
    </row>
    <row r="35287" spans="14:14">
      <c r="N35287" s="10"/>
    </row>
    <row r="35288" spans="14:14">
      <c r="N35288" s="10"/>
    </row>
    <row r="35289" spans="14:14">
      <c r="N35289" s="10"/>
    </row>
    <row r="35290" spans="14:14">
      <c r="N35290" s="10"/>
    </row>
    <row r="35291" spans="14:14">
      <c r="N35291" s="10"/>
    </row>
    <row r="35292" spans="14:14">
      <c r="N35292" s="10"/>
    </row>
    <row r="35293" spans="14:14">
      <c r="N35293" s="10"/>
    </row>
    <row r="35294" spans="14:14">
      <c r="N35294" s="10"/>
    </row>
    <row r="35295" spans="14:14">
      <c r="N35295" s="10"/>
    </row>
    <row r="35296" spans="14:14">
      <c r="N35296" s="10"/>
    </row>
    <row r="35297" spans="14:14">
      <c r="N35297" s="10"/>
    </row>
    <row r="35298" spans="14:14">
      <c r="N35298" s="10"/>
    </row>
    <row r="35299" spans="14:14">
      <c r="N35299" s="10"/>
    </row>
    <row r="35300" spans="14:14">
      <c r="N35300" s="10"/>
    </row>
    <row r="35301" spans="14:14">
      <c r="N35301" s="10"/>
    </row>
    <row r="35302" spans="14:14">
      <c r="N35302" s="10"/>
    </row>
    <row r="35303" spans="14:14">
      <c r="N35303" s="10"/>
    </row>
    <row r="35304" spans="14:14">
      <c r="N35304" s="10"/>
    </row>
    <row r="35305" spans="14:14">
      <c r="N35305" s="10"/>
    </row>
    <row r="35306" spans="14:14">
      <c r="N35306" s="10"/>
    </row>
    <row r="35307" spans="14:14">
      <c r="N35307" s="10"/>
    </row>
    <row r="35308" spans="14:14">
      <c r="N35308" s="10"/>
    </row>
    <row r="35309" spans="14:14">
      <c r="N35309" s="10"/>
    </row>
    <row r="35310" spans="14:14">
      <c r="N35310" s="10"/>
    </row>
    <row r="35311" spans="14:14">
      <c r="N35311" s="10"/>
    </row>
    <row r="35312" spans="14:14">
      <c r="N35312" s="10"/>
    </row>
    <row r="35313" spans="14:14">
      <c r="N35313" s="10"/>
    </row>
    <row r="35314" spans="14:14">
      <c r="N35314" s="10"/>
    </row>
    <row r="35315" spans="14:14">
      <c r="N35315" s="10"/>
    </row>
    <row r="35316" spans="14:14">
      <c r="N35316" s="10"/>
    </row>
    <row r="35317" spans="14:14">
      <c r="N35317" s="10"/>
    </row>
    <row r="35318" spans="14:14">
      <c r="N35318" s="10"/>
    </row>
    <row r="35319" spans="14:14">
      <c r="N35319" s="10"/>
    </row>
    <row r="35320" spans="14:14">
      <c r="N35320" s="10"/>
    </row>
    <row r="35321" spans="14:14">
      <c r="N35321" s="10"/>
    </row>
    <row r="35322" spans="14:14">
      <c r="N35322" s="10"/>
    </row>
    <row r="35323" spans="14:14">
      <c r="N35323" s="10"/>
    </row>
    <row r="35324" spans="14:14">
      <c r="N35324" s="10"/>
    </row>
    <row r="35325" spans="14:14">
      <c r="N35325" s="10"/>
    </row>
    <row r="35326" spans="14:14">
      <c r="N35326" s="10"/>
    </row>
    <row r="35327" spans="14:14">
      <c r="N35327" s="10"/>
    </row>
    <row r="35328" spans="14:14">
      <c r="N35328" s="10"/>
    </row>
    <row r="35329" spans="14:14">
      <c r="N35329" s="10"/>
    </row>
    <row r="35330" spans="14:14">
      <c r="N35330" s="10"/>
    </row>
    <row r="35331" spans="14:14">
      <c r="N35331" s="10"/>
    </row>
    <row r="35332" spans="14:14">
      <c r="N35332" s="10"/>
    </row>
    <row r="35333" spans="14:14">
      <c r="N35333" s="10"/>
    </row>
    <row r="35334" spans="14:14">
      <c r="N35334" s="10"/>
    </row>
    <row r="35335" spans="14:14">
      <c r="N35335" s="10"/>
    </row>
    <row r="35336" spans="14:14">
      <c r="N35336" s="10"/>
    </row>
    <row r="35337" spans="14:14">
      <c r="N35337" s="10"/>
    </row>
    <row r="35338" spans="14:14">
      <c r="N35338" s="10"/>
    </row>
    <row r="35339" spans="14:14">
      <c r="N35339" s="10"/>
    </row>
    <row r="35340" spans="14:14">
      <c r="N35340" s="10"/>
    </row>
    <row r="35341" spans="14:14">
      <c r="N35341" s="10"/>
    </row>
    <row r="35342" spans="14:14">
      <c r="N35342" s="10"/>
    </row>
    <row r="35343" spans="14:14">
      <c r="N35343" s="10"/>
    </row>
    <row r="35344" spans="14:14">
      <c r="N35344" s="10"/>
    </row>
    <row r="35345" spans="14:14">
      <c r="N35345" s="10"/>
    </row>
    <row r="35346" spans="14:14">
      <c r="N35346" s="10"/>
    </row>
    <row r="35347" spans="14:14">
      <c r="N35347" s="10"/>
    </row>
    <row r="35348" spans="14:14">
      <c r="N35348" s="10"/>
    </row>
    <row r="35349" spans="14:14">
      <c r="N35349" s="10"/>
    </row>
    <row r="35350" spans="14:14">
      <c r="N35350" s="10"/>
    </row>
    <row r="35351" spans="14:14">
      <c r="N35351" s="10"/>
    </row>
    <row r="35352" spans="14:14">
      <c r="N35352" s="10"/>
    </row>
    <row r="35353" spans="14:14">
      <c r="N35353" s="10"/>
    </row>
    <row r="35354" spans="14:14">
      <c r="N35354" s="10"/>
    </row>
    <row r="35355" spans="14:14">
      <c r="N35355" s="10"/>
    </row>
    <row r="35356" spans="14:14">
      <c r="N35356" s="10"/>
    </row>
    <row r="35357" spans="14:14">
      <c r="N35357" s="10"/>
    </row>
    <row r="35358" spans="14:14">
      <c r="N35358" s="10"/>
    </row>
    <row r="35359" spans="14:14">
      <c r="N35359" s="10"/>
    </row>
    <row r="35360" spans="14:14">
      <c r="N35360" s="10"/>
    </row>
    <row r="35361" spans="14:14">
      <c r="N35361" s="10"/>
    </row>
    <row r="35362" spans="14:14">
      <c r="N35362" s="10"/>
    </row>
    <row r="35363" spans="14:14">
      <c r="N35363" s="10"/>
    </row>
    <row r="35364" spans="14:14">
      <c r="N35364" s="10"/>
    </row>
    <row r="35365" spans="14:14">
      <c r="N35365" s="10"/>
    </row>
    <row r="35366" spans="14:14">
      <c r="N35366" s="10"/>
    </row>
    <row r="35367" spans="14:14">
      <c r="N35367" s="10"/>
    </row>
    <row r="35368" spans="14:14">
      <c r="N35368" s="10"/>
    </row>
    <row r="35369" spans="14:14">
      <c r="N35369" s="10"/>
    </row>
    <row r="35370" spans="14:14">
      <c r="N35370" s="10"/>
    </row>
    <row r="35371" spans="14:14">
      <c r="N35371" s="10"/>
    </row>
    <row r="35372" spans="14:14">
      <c r="N35372" s="10"/>
    </row>
    <row r="35373" spans="14:14">
      <c r="N35373" s="10"/>
    </row>
    <row r="35374" spans="14:14">
      <c r="N35374" s="10"/>
    </row>
    <row r="35375" spans="14:14">
      <c r="N35375" s="10"/>
    </row>
    <row r="35376" spans="14:14">
      <c r="N35376" s="10"/>
    </row>
    <row r="35377" spans="14:14">
      <c r="N35377" s="10"/>
    </row>
    <row r="35378" spans="14:14">
      <c r="N35378" s="10"/>
    </row>
    <row r="35379" spans="14:14">
      <c r="N35379" s="10"/>
    </row>
    <row r="35380" spans="14:14">
      <c r="N35380" s="10"/>
    </row>
    <row r="35381" spans="14:14">
      <c r="N35381" s="10"/>
    </row>
    <row r="35382" spans="14:14">
      <c r="N35382" s="10"/>
    </row>
    <row r="35383" spans="14:14">
      <c r="N35383" s="10"/>
    </row>
    <row r="35384" spans="14:14">
      <c r="N35384" s="10"/>
    </row>
    <row r="35385" spans="14:14">
      <c r="N35385" s="10"/>
    </row>
    <row r="35386" spans="14:14">
      <c r="N35386" s="10"/>
    </row>
    <row r="35387" spans="14:14">
      <c r="N35387" s="10"/>
    </row>
    <row r="35388" spans="14:14">
      <c r="N35388" s="10"/>
    </row>
    <row r="35389" spans="14:14">
      <c r="N35389" s="10"/>
    </row>
    <row r="35390" spans="14:14">
      <c r="N35390" s="10"/>
    </row>
    <row r="35391" spans="14:14">
      <c r="N35391" s="10"/>
    </row>
    <row r="35392" spans="14:14">
      <c r="N35392" s="10"/>
    </row>
    <row r="35393" spans="14:14">
      <c r="N35393" s="10"/>
    </row>
    <row r="35394" spans="14:14">
      <c r="N35394" s="10"/>
    </row>
    <row r="35395" spans="14:14">
      <c r="N35395" s="10"/>
    </row>
    <row r="35396" spans="14:14">
      <c r="N35396" s="10"/>
    </row>
    <row r="35397" spans="14:14">
      <c r="N35397" s="10"/>
    </row>
    <row r="35398" spans="14:14">
      <c r="N35398" s="10"/>
    </row>
    <row r="35399" spans="14:14">
      <c r="N35399" s="10"/>
    </row>
    <row r="35400" spans="14:14">
      <c r="N35400" s="10"/>
    </row>
    <row r="35401" spans="14:14">
      <c r="N35401" s="10"/>
    </row>
    <row r="35402" spans="14:14">
      <c r="N35402" s="10"/>
    </row>
    <row r="35403" spans="14:14">
      <c r="N35403" s="10"/>
    </row>
    <row r="35404" spans="14:14">
      <c r="N35404" s="10"/>
    </row>
    <row r="35405" spans="14:14">
      <c r="N35405" s="10"/>
    </row>
    <row r="35406" spans="14:14">
      <c r="N35406" s="10"/>
    </row>
    <row r="35407" spans="14:14">
      <c r="N35407" s="10"/>
    </row>
    <row r="35408" spans="14:14">
      <c r="N35408" s="10"/>
    </row>
    <row r="35409" spans="14:14">
      <c r="N35409" s="10"/>
    </row>
    <row r="35410" spans="14:14">
      <c r="N35410" s="10"/>
    </row>
    <row r="35411" spans="14:14">
      <c r="N35411" s="10"/>
    </row>
    <row r="35412" spans="14:14">
      <c r="N35412" s="10"/>
    </row>
    <row r="35413" spans="14:14">
      <c r="N35413" s="10"/>
    </row>
    <row r="35414" spans="14:14">
      <c r="N35414" s="10"/>
    </row>
    <row r="35415" spans="14:14">
      <c r="N35415" s="10"/>
    </row>
    <row r="35416" spans="14:14">
      <c r="N35416" s="10"/>
    </row>
    <row r="35417" spans="14:14">
      <c r="N35417" s="10"/>
    </row>
    <row r="35418" spans="14:14">
      <c r="N35418" s="10"/>
    </row>
    <row r="35419" spans="14:14">
      <c r="N35419" s="10"/>
    </row>
    <row r="35420" spans="14:14">
      <c r="N35420" s="10"/>
    </row>
    <row r="35421" spans="14:14">
      <c r="N35421" s="10"/>
    </row>
    <row r="35422" spans="14:14">
      <c r="N35422" s="10"/>
    </row>
    <row r="35423" spans="14:14">
      <c r="N35423" s="10"/>
    </row>
    <row r="35424" spans="14:14">
      <c r="N35424" s="10"/>
    </row>
    <row r="35425" spans="14:14">
      <c r="N35425" s="10"/>
    </row>
    <row r="35426" spans="14:14">
      <c r="N35426" s="10"/>
    </row>
    <row r="35427" spans="14:14">
      <c r="N35427" s="10"/>
    </row>
    <row r="35428" spans="14:14">
      <c r="N35428" s="10"/>
    </row>
    <row r="35429" spans="14:14">
      <c r="N35429" s="10"/>
    </row>
    <row r="35430" spans="14:14">
      <c r="N35430" s="10"/>
    </row>
    <row r="35431" spans="14:14">
      <c r="N35431" s="10"/>
    </row>
    <row r="35432" spans="14:14">
      <c r="N35432" s="10"/>
    </row>
    <row r="35433" spans="14:14">
      <c r="N35433" s="10"/>
    </row>
    <row r="35434" spans="14:14">
      <c r="N35434" s="10"/>
    </row>
    <row r="35435" spans="14:14">
      <c r="N35435" s="10"/>
    </row>
    <row r="35436" spans="14:14">
      <c r="N35436" s="10"/>
    </row>
    <row r="35437" spans="14:14">
      <c r="N35437" s="10"/>
    </row>
    <row r="35438" spans="14:14">
      <c r="N35438" s="10"/>
    </row>
    <row r="35439" spans="14:14">
      <c r="N35439" s="10"/>
    </row>
    <row r="35440" spans="14:14">
      <c r="N35440" s="10"/>
    </row>
    <row r="35441" spans="14:14">
      <c r="N35441" s="10"/>
    </row>
    <row r="35442" spans="14:14">
      <c r="N35442" s="10"/>
    </row>
    <row r="35443" spans="14:14">
      <c r="N35443" s="10"/>
    </row>
    <row r="35444" spans="14:14">
      <c r="N35444" s="10"/>
    </row>
    <row r="35445" spans="14:14">
      <c r="N35445" s="10"/>
    </row>
    <row r="35446" spans="14:14">
      <c r="N35446" s="10"/>
    </row>
    <row r="35447" spans="14:14">
      <c r="N35447" s="10"/>
    </row>
    <row r="35448" spans="14:14">
      <c r="N35448" s="10"/>
    </row>
    <row r="35449" spans="14:14">
      <c r="N35449" s="10"/>
    </row>
    <row r="35450" spans="14:14">
      <c r="N35450" s="10"/>
    </row>
    <row r="35451" spans="14:14">
      <c r="N35451" s="10"/>
    </row>
    <row r="35452" spans="14:14">
      <c r="N35452" s="10"/>
    </row>
    <row r="35453" spans="14:14">
      <c r="N35453" s="10"/>
    </row>
    <row r="35454" spans="14:14">
      <c r="N35454" s="10"/>
    </row>
    <row r="35455" spans="14:14">
      <c r="N35455" s="10"/>
    </row>
    <row r="35456" spans="14:14">
      <c r="N35456" s="10"/>
    </row>
    <row r="35457" spans="14:14">
      <c r="N35457" s="10"/>
    </row>
    <row r="35458" spans="14:14">
      <c r="N35458" s="10"/>
    </row>
    <row r="35459" spans="14:14">
      <c r="N35459" s="10"/>
    </row>
    <row r="35460" spans="14:14">
      <c r="N35460" s="10"/>
    </row>
    <row r="35461" spans="14:14">
      <c r="N35461" s="10"/>
    </row>
    <row r="35462" spans="14:14">
      <c r="N35462" s="10"/>
    </row>
    <row r="35463" spans="14:14">
      <c r="N35463" s="10"/>
    </row>
    <row r="35464" spans="14:14">
      <c r="N35464" s="10"/>
    </row>
    <row r="35465" spans="14:14">
      <c r="N35465" s="10"/>
    </row>
    <row r="35466" spans="14:14">
      <c r="N35466" s="10"/>
    </row>
    <row r="35467" spans="14:14">
      <c r="N35467" s="10"/>
    </row>
    <row r="35468" spans="14:14">
      <c r="N35468" s="10"/>
    </row>
    <row r="35469" spans="14:14">
      <c r="N35469" s="10"/>
    </row>
    <row r="35470" spans="14:14">
      <c r="N35470" s="10"/>
    </row>
    <row r="35471" spans="14:14">
      <c r="N35471" s="10"/>
    </row>
    <row r="35472" spans="14:14">
      <c r="N35472" s="10"/>
    </row>
    <row r="35473" spans="14:14">
      <c r="N35473" s="10"/>
    </row>
    <row r="35474" spans="14:14">
      <c r="N35474" s="10"/>
    </row>
    <row r="35475" spans="14:14">
      <c r="N35475" s="10"/>
    </row>
    <row r="35476" spans="14:14">
      <c r="N35476" s="10"/>
    </row>
    <row r="35477" spans="14:14">
      <c r="N35477" s="10"/>
    </row>
    <row r="35478" spans="14:14">
      <c r="N35478" s="10"/>
    </row>
    <row r="35479" spans="14:14">
      <c r="N35479" s="10"/>
    </row>
    <row r="35480" spans="14:14">
      <c r="N35480" s="10"/>
    </row>
    <row r="35481" spans="14:14">
      <c r="N35481" s="10"/>
    </row>
    <row r="35482" spans="14:14">
      <c r="N35482" s="10"/>
    </row>
    <row r="35483" spans="14:14">
      <c r="N35483" s="10"/>
    </row>
    <row r="35484" spans="14:14">
      <c r="N35484" s="10"/>
    </row>
    <row r="35485" spans="14:14">
      <c r="N35485" s="10"/>
    </row>
    <row r="35486" spans="14:14">
      <c r="N35486" s="10"/>
    </row>
    <row r="35487" spans="14:14">
      <c r="N35487" s="10"/>
    </row>
    <row r="35488" spans="14:14">
      <c r="N35488" s="10"/>
    </row>
    <row r="35489" spans="14:14">
      <c r="N35489" s="10"/>
    </row>
    <row r="35490" spans="14:14">
      <c r="N35490" s="10"/>
    </row>
    <row r="35491" spans="14:14">
      <c r="N35491" s="10"/>
    </row>
    <row r="35492" spans="14:14">
      <c r="N35492" s="10"/>
    </row>
    <row r="35493" spans="14:14">
      <c r="N35493" s="10"/>
    </row>
    <row r="35494" spans="14:14">
      <c r="N35494" s="10"/>
    </row>
    <row r="35495" spans="14:14">
      <c r="N35495" s="10"/>
    </row>
    <row r="35496" spans="14:14">
      <c r="N35496" s="10"/>
    </row>
    <row r="35497" spans="14:14">
      <c r="N35497" s="10"/>
    </row>
    <row r="35498" spans="14:14">
      <c r="N35498" s="10"/>
    </row>
    <row r="35499" spans="14:14">
      <c r="N35499" s="10"/>
    </row>
    <row r="35500" spans="14:14">
      <c r="N35500" s="10"/>
    </row>
    <row r="35501" spans="14:14">
      <c r="N35501" s="10"/>
    </row>
    <row r="35502" spans="14:14">
      <c r="N35502" s="10"/>
    </row>
    <row r="35503" spans="14:14">
      <c r="N35503" s="10"/>
    </row>
    <row r="35504" spans="14:14">
      <c r="N35504" s="10"/>
    </row>
    <row r="35505" spans="14:14">
      <c r="N35505" s="10"/>
    </row>
    <row r="35506" spans="14:14">
      <c r="N35506" s="10"/>
    </row>
    <row r="35507" spans="14:14">
      <c r="N35507" s="10"/>
    </row>
    <row r="35508" spans="14:14">
      <c r="N35508" s="10"/>
    </row>
    <row r="35509" spans="14:14">
      <c r="N35509" s="10"/>
    </row>
    <row r="35510" spans="14:14">
      <c r="N35510" s="10"/>
    </row>
    <row r="35511" spans="14:14">
      <c r="N35511" s="10"/>
    </row>
    <row r="35512" spans="14:14">
      <c r="N35512" s="10"/>
    </row>
    <row r="35513" spans="14:14">
      <c r="N35513" s="10"/>
    </row>
    <row r="35514" spans="14:14">
      <c r="N35514" s="10"/>
    </row>
    <row r="35515" spans="14:14">
      <c r="N35515" s="10"/>
    </row>
    <row r="35516" spans="14:14">
      <c r="N35516" s="10"/>
    </row>
    <row r="35517" spans="14:14">
      <c r="N35517" s="10"/>
    </row>
    <row r="35518" spans="14:14">
      <c r="N35518" s="10"/>
    </row>
    <row r="35519" spans="14:14">
      <c r="N35519" s="10"/>
    </row>
    <row r="35520" spans="14:14">
      <c r="N35520" s="10"/>
    </row>
    <row r="35521" spans="14:14">
      <c r="N35521" s="10"/>
    </row>
    <row r="35522" spans="14:14">
      <c r="N35522" s="10"/>
    </row>
    <row r="35523" spans="14:14">
      <c r="N35523" s="10"/>
    </row>
    <row r="35524" spans="14:14">
      <c r="N35524" s="10"/>
    </row>
    <row r="35525" spans="14:14">
      <c r="N35525" s="10"/>
    </row>
    <row r="35526" spans="14:14">
      <c r="N35526" s="10"/>
    </row>
    <row r="35527" spans="14:14">
      <c r="N35527" s="10"/>
    </row>
    <row r="35528" spans="14:14">
      <c r="N35528" s="10"/>
    </row>
    <row r="35529" spans="14:14">
      <c r="N35529" s="10"/>
    </row>
    <row r="35530" spans="14:14">
      <c r="N35530" s="10"/>
    </row>
    <row r="35531" spans="14:14">
      <c r="N35531" s="10"/>
    </row>
    <row r="35532" spans="14:14">
      <c r="N35532" s="10"/>
    </row>
    <row r="35533" spans="14:14">
      <c r="N35533" s="10"/>
    </row>
    <row r="35534" spans="14:14">
      <c r="N35534" s="10"/>
    </row>
    <row r="35535" spans="14:14">
      <c r="N35535" s="10"/>
    </row>
    <row r="35536" spans="14:14">
      <c r="N35536" s="10"/>
    </row>
    <row r="35537" spans="14:14">
      <c r="N35537" s="10"/>
    </row>
    <row r="35538" spans="14:14">
      <c r="N35538" s="10"/>
    </row>
    <row r="35539" spans="14:14">
      <c r="N35539" s="10"/>
    </row>
    <row r="35540" spans="14:14">
      <c r="N35540" s="10"/>
    </row>
    <row r="35541" spans="14:14">
      <c r="N35541" s="10"/>
    </row>
    <row r="35542" spans="14:14">
      <c r="N35542" s="10"/>
    </row>
    <row r="35543" spans="14:14">
      <c r="N35543" s="10"/>
    </row>
    <row r="35544" spans="14:14">
      <c r="N35544" s="10"/>
    </row>
    <row r="35545" spans="14:14">
      <c r="N35545" s="10"/>
    </row>
    <row r="35546" spans="14:14">
      <c r="N35546" s="10"/>
    </row>
    <row r="35547" spans="14:14">
      <c r="N35547" s="10"/>
    </row>
    <row r="35548" spans="14:14">
      <c r="N35548" s="10"/>
    </row>
    <row r="35549" spans="14:14">
      <c r="N35549" s="10"/>
    </row>
    <row r="35550" spans="14:14">
      <c r="N35550" s="10"/>
    </row>
    <row r="35551" spans="14:14">
      <c r="N35551" s="10"/>
    </row>
    <row r="35552" spans="14:14">
      <c r="N35552" s="10"/>
    </row>
    <row r="35553" spans="14:14">
      <c r="N35553" s="10"/>
    </row>
    <row r="35554" spans="14:14">
      <c r="N35554" s="10"/>
    </row>
    <row r="35555" spans="14:14">
      <c r="N35555" s="10"/>
    </row>
    <row r="35556" spans="14:14">
      <c r="N35556" s="10"/>
    </row>
    <row r="35557" spans="14:14">
      <c r="N35557" s="10"/>
    </row>
    <row r="35558" spans="14:14">
      <c r="N35558" s="10"/>
    </row>
    <row r="35559" spans="14:14">
      <c r="N35559" s="10"/>
    </row>
    <row r="35560" spans="14:14">
      <c r="N35560" s="10"/>
    </row>
    <row r="35561" spans="14:14">
      <c r="N35561" s="10"/>
    </row>
    <row r="35562" spans="14:14">
      <c r="N35562" s="10"/>
    </row>
    <row r="35563" spans="14:14">
      <c r="N35563" s="10"/>
    </row>
    <row r="35564" spans="14:14">
      <c r="N35564" s="10"/>
    </row>
    <row r="35565" spans="14:14">
      <c r="N35565" s="10"/>
    </row>
    <row r="35566" spans="14:14">
      <c r="N35566" s="10"/>
    </row>
    <row r="35567" spans="14:14">
      <c r="N35567" s="10"/>
    </row>
    <row r="35568" spans="14:14">
      <c r="N35568" s="10"/>
    </row>
    <row r="35569" spans="14:14">
      <c r="N35569" s="10"/>
    </row>
    <row r="35570" spans="14:14">
      <c r="N35570" s="10"/>
    </row>
    <row r="35571" spans="14:14">
      <c r="N35571" s="10"/>
    </row>
    <row r="35572" spans="14:14">
      <c r="N35572" s="10"/>
    </row>
    <row r="35573" spans="14:14">
      <c r="N35573" s="10"/>
    </row>
    <row r="35574" spans="14:14">
      <c r="N35574" s="10"/>
    </row>
    <row r="35575" spans="14:14">
      <c r="N35575" s="10"/>
    </row>
    <row r="35576" spans="14:14">
      <c r="N35576" s="10"/>
    </row>
    <row r="35577" spans="14:14">
      <c r="N35577" s="10"/>
    </row>
    <row r="35578" spans="14:14">
      <c r="N35578" s="10"/>
    </row>
    <row r="35579" spans="14:14">
      <c r="N35579" s="10"/>
    </row>
    <row r="35580" spans="14:14">
      <c r="N35580" s="10"/>
    </row>
    <row r="35581" spans="14:14">
      <c r="N35581" s="10"/>
    </row>
    <row r="35582" spans="14:14">
      <c r="N35582" s="10"/>
    </row>
    <row r="35583" spans="14:14">
      <c r="N35583" s="10"/>
    </row>
    <row r="35584" spans="14:14">
      <c r="N35584" s="10"/>
    </row>
    <row r="35585" spans="14:14">
      <c r="N35585" s="10"/>
    </row>
    <row r="35586" spans="14:14">
      <c r="N35586" s="10"/>
    </row>
    <row r="35587" spans="14:14">
      <c r="N35587" s="10"/>
    </row>
    <row r="35588" spans="14:14">
      <c r="N35588" s="10"/>
    </row>
    <row r="35589" spans="14:14">
      <c r="N35589" s="10"/>
    </row>
    <row r="35590" spans="14:14">
      <c r="N35590" s="10"/>
    </row>
    <row r="35591" spans="14:14">
      <c r="N35591" s="10"/>
    </row>
    <row r="35592" spans="14:14">
      <c r="N35592" s="10"/>
    </row>
    <row r="35593" spans="14:14">
      <c r="N35593" s="10"/>
    </row>
    <row r="35594" spans="14:14">
      <c r="N35594" s="10"/>
    </row>
    <row r="35595" spans="14:14">
      <c r="N35595" s="10"/>
    </row>
    <row r="35596" spans="14:14">
      <c r="N35596" s="10"/>
    </row>
    <row r="35597" spans="14:14">
      <c r="N35597" s="10"/>
    </row>
    <row r="35598" spans="14:14">
      <c r="N35598" s="10"/>
    </row>
    <row r="35599" spans="14:14">
      <c r="N35599" s="10"/>
    </row>
    <row r="35600" spans="14:14">
      <c r="N35600" s="10"/>
    </row>
    <row r="35601" spans="14:14">
      <c r="N35601" s="10"/>
    </row>
    <row r="35602" spans="14:14">
      <c r="N35602" s="10"/>
    </row>
    <row r="35603" spans="14:14">
      <c r="N35603" s="10"/>
    </row>
    <row r="35604" spans="14:14">
      <c r="N35604" s="10"/>
    </row>
    <row r="35605" spans="14:14">
      <c r="N35605" s="10"/>
    </row>
    <row r="35606" spans="14:14">
      <c r="N35606" s="10"/>
    </row>
    <row r="35607" spans="14:14">
      <c r="N35607" s="10"/>
    </row>
    <row r="35608" spans="14:14">
      <c r="N35608" s="10"/>
    </row>
    <row r="35609" spans="14:14">
      <c r="N35609" s="10"/>
    </row>
    <row r="35610" spans="14:14">
      <c r="N35610" s="10"/>
    </row>
    <row r="35611" spans="14:14">
      <c r="N35611" s="10"/>
    </row>
    <row r="35612" spans="14:14">
      <c r="N35612" s="10"/>
    </row>
    <row r="35613" spans="14:14">
      <c r="N35613" s="10"/>
    </row>
    <row r="35614" spans="14:14">
      <c r="N35614" s="10"/>
    </row>
    <row r="35615" spans="14:14">
      <c r="N35615" s="10"/>
    </row>
    <row r="35616" spans="14:14">
      <c r="N35616" s="10"/>
    </row>
    <row r="35617" spans="14:14">
      <c r="N35617" s="10"/>
    </row>
    <row r="35618" spans="14:14">
      <c r="N35618" s="10"/>
    </row>
    <row r="35619" spans="14:14">
      <c r="N35619" s="10"/>
    </row>
    <row r="35620" spans="14:14">
      <c r="N35620" s="10"/>
    </row>
    <row r="35621" spans="14:14">
      <c r="N35621" s="10"/>
    </row>
    <row r="35622" spans="14:14">
      <c r="N35622" s="10"/>
    </row>
    <row r="35623" spans="14:14">
      <c r="N35623" s="10"/>
    </row>
    <row r="35624" spans="14:14">
      <c r="N35624" s="10"/>
    </row>
    <row r="35625" spans="14:14">
      <c r="N35625" s="10"/>
    </row>
    <row r="35626" spans="14:14">
      <c r="N35626" s="10"/>
    </row>
    <row r="35627" spans="14:14">
      <c r="N35627" s="10"/>
    </row>
    <row r="35628" spans="14:14">
      <c r="N35628" s="10"/>
    </row>
    <row r="35629" spans="14:14">
      <c r="N35629" s="10"/>
    </row>
    <row r="35630" spans="14:14">
      <c r="N35630" s="10"/>
    </row>
    <row r="35631" spans="14:14">
      <c r="N35631" s="10"/>
    </row>
    <row r="35632" spans="14:14">
      <c r="N35632" s="10"/>
    </row>
    <row r="35633" spans="14:14">
      <c r="N35633" s="10"/>
    </row>
    <row r="35634" spans="14:14">
      <c r="N35634" s="10"/>
    </row>
    <row r="35635" spans="14:14">
      <c r="N35635" s="10"/>
    </row>
    <row r="35636" spans="14:14">
      <c r="N35636" s="10"/>
    </row>
    <row r="35637" spans="14:14">
      <c r="N35637" s="10"/>
    </row>
    <row r="35638" spans="14:14">
      <c r="N35638" s="10"/>
    </row>
    <row r="35639" spans="14:14">
      <c r="N35639" s="10"/>
    </row>
    <row r="35640" spans="14:14">
      <c r="N35640" s="10"/>
    </row>
    <row r="35641" spans="14:14">
      <c r="N35641" s="10"/>
    </row>
    <row r="35642" spans="14:14">
      <c r="N35642" s="10"/>
    </row>
    <row r="35643" spans="14:14">
      <c r="N35643" s="10"/>
    </row>
    <row r="35644" spans="14:14">
      <c r="N35644" s="10"/>
    </row>
    <row r="35645" spans="14:14">
      <c r="N35645" s="10"/>
    </row>
    <row r="35646" spans="14:14">
      <c r="N35646" s="10"/>
    </row>
    <row r="35647" spans="14:14">
      <c r="N35647" s="10"/>
    </row>
    <row r="35648" spans="14:14">
      <c r="N35648" s="10"/>
    </row>
    <row r="35649" spans="14:14">
      <c r="N35649" s="10"/>
    </row>
    <row r="35650" spans="14:14">
      <c r="N35650" s="10"/>
    </row>
    <row r="35651" spans="14:14">
      <c r="N35651" s="10"/>
    </row>
    <row r="35652" spans="14:14">
      <c r="N35652" s="10"/>
    </row>
    <row r="35653" spans="14:14">
      <c r="N35653" s="10"/>
    </row>
    <row r="35654" spans="14:14">
      <c r="N35654" s="10"/>
    </row>
    <row r="35655" spans="14:14">
      <c r="N35655" s="10"/>
    </row>
    <row r="35656" spans="14:14">
      <c r="N35656" s="10"/>
    </row>
    <row r="35657" spans="14:14">
      <c r="N35657" s="10"/>
    </row>
    <row r="35658" spans="14:14">
      <c r="N35658" s="10"/>
    </row>
    <row r="35659" spans="14:14">
      <c r="N35659" s="10"/>
    </row>
    <row r="35660" spans="14:14">
      <c r="N35660" s="10"/>
    </row>
    <row r="35661" spans="14:14">
      <c r="N35661" s="10"/>
    </row>
    <row r="35662" spans="14:14">
      <c r="N35662" s="10"/>
    </row>
    <row r="35663" spans="14:14">
      <c r="N35663" s="10"/>
    </row>
    <row r="35664" spans="14:14">
      <c r="N35664" s="10"/>
    </row>
    <row r="35665" spans="14:14">
      <c r="N35665" s="10"/>
    </row>
    <row r="35666" spans="14:14">
      <c r="N35666" s="10"/>
    </row>
    <row r="35667" spans="14:14">
      <c r="N35667" s="10"/>
    </row>
    <row r="35668" spans="14:14">
      <c r="N35668" s="10"/>
    </row>
    <row r="35669" spans="14:14">
      <c r="N35669" s="10"/>
    </row>
    <row r="35670" spans="14:14">
      <c r="N35670" s="10"/>
    </row>
    <row r="35671" spans="14:14">
      <c r="N35671" s="10"/>
    </row>
    <row r="35672" spans="14:14">
      <c r="N35672" s="10"/>
    </row>
    <row r="35673" spans="14:14">
      <c r="N35673" s="10"/>
    </row>
    <row r="35674" spans="14:14">
      <c r="N35674" s="10"/>
    </row>
    <row r="35675" spans="14:14">
      <c r="N35675" s="10"/>
    </row>
    <row r="35676" spans="14:14">
      <c r="N35676" s="10"/>
    </row>
    <row r="35677" spans="14:14">
      <c r="N35677" s="10"/>
    </row>
    <row r="35678" spans="14:14">
      <c r="N35678" s="10"/>
    </row>
    <row r="35679" spans="14:14">
      <c r="N35679" s="10"/>
    </row>
    <row r="35680" spans="14:14">
      <c r="N35680" s="10"/>
    </row>
    <row r="35681" spans="14:14">
      <c r="N35681" s="10"/>
    </row>
    <row r="35682" spans="14:14">
      <c r="N35682" s="10"/>
    </row>
    <row r="35683" spans="14:14">
      <c r="N35683" s="10"/>
    </row>
    <row r="35684" spans="14:14">
      <c r="N35684" s="10"/>
    </row>
    <row r="35685" spans="14:14">
      <c r="N35685" s="10"/>
    </row>
    <row r="35686" spans="14:14">
      <c r="N35686" s="10"/>
    </row>
    <row r="35687" spans="14:14">
      <c r="N35687" s="10"/>
    </row>
    <row r="35688" spans="14:14">
      <c r="N35688" s="10"/>
    </row>
    <row r="35689" spans="14:14">
      <c r="N35689" s="10"/>
    </row>
    <row r="35690" spans="14:14">
      <c r="N35690" s="10"/>
    </row>
    <row r="35691" spans="14:14">
      <c r="N35691" s="10"/>
    </row>
    <row r="35692" spans="14:14">
      <c r="N35692" s="10"/>
    </row>
    <row r="35693" spans="14:14">
      <c r="N35693" s="10"/>
    </row>
    <row r="35694" spans="14:14">
      <c r="N35694" s="10"/>
    </row>
    <row r="35695" spans="14:14">
      <c r="N35695" s="10"/>
    </row>
    <row r="35696" spans="14:14">
      <c r="N35696" s="10"/>
    </row>
    <row r="35697" spans="14:14">
      <c r="N35697" s="10"/>
    </row>
    <row r="35698" spans="14:14">
      <c r="N35698" s="10"/>
    </row>
    <row r="35699" spans="14:14">
      <c r="N35699" s="10"/>
    </row>
    <row r="35700" spans="14:14">
      <c r="N35700" s="10"/>
    </row>
    <row r="35701" spans="14:14">
      <c r="N35701" s="10"/>
    </row>
    <row r="35702" spans="14:14">
      <c r="N35702" s="10"/>
    </row>
    <row r="35703" spans="14:14">
      <c r="N35703" s="10"/>
    </row>
    <row r="35704" spans="14:14">
      <c r="N35704" s="10"/>
    </row>
    <row r="35705" spans="14:14">
      <c r="N35705" s="10"/>
    </row>
    <row r="35706" spans="14:14">
      <c r="N35706" s="10"/>
    </row>
    <row r="35707" spans="14:14">
      <c r="N35707" s="10"/>
    </row>
    <row r="35708" spans="14:14">
      <c r="N35708" s="10"/>
    </row>
    <row r="35709" spans="14:14">
      <c r="N35709" s="10"/>
    </row>
    <row r="35710" spans="14:14">
      <c r="N35710" s="10"/>
    </row>
    <row r="35711" spans="14:14">
      <c r="N35711" s="10"/>
    </row>
    <row r="35712" spans="14:14">
      <c r="N35712" s="10"/>
    </row>
    <row r="35713" spans="14:14">
      <c r="N35713" s="10"/>
    </row>
    <row r="35714" spans="14:14">
      <c r="N35714" s="10"/>
    </row>
    <row r="35715" spans="14:14">
      <c r="N35715" s="10"/>
    </row>
    <row r="35716" spans="14:14">
      <c r="N35716" s="10"/>
    </row>
    <row r="35717" spans="14:14">
      <c r="N35717" s="10"/>
    </row>
    <row r="35718" spans="14:14">
      <c r="N35718" s="10"/>
    </row>
    <row r="35719" spans="14:14">
      <c r="N35719" s="10"/>
    </row>
    <row r="35720" spans="14:14">
      <c r="N35720" s="10"/>
    </row>
    <row r="35721" spans="14:14">
      <c r="N35721" s="10"/>
    </row>
    <row r="35722" spans="14:14">
      <c r="N35722" s="10"/>
    </row>
    <row r="35723" spans="14:14">
      <c r="N35723" s="10"/>
    </row>
    <row r="35724" spans="14:14">
      <c r="N35724" s="10"/>
    </row>
    <row r="35725" spans="14:14">
      <c r="N35725" s="10"/>
    </row>
    <row r="35726" spans="14:14">
      <c r="N35726" s="10"/>
    </row>
    <row r="35727" spans="14:14">
      <c r="N35727" s="10"/>
    </row>
    <row r="35728" spans="14:14">
      <c r="N35728" s="10"/>
    </row>
    <row r="35729" spans="14:14">
      <c r="N35729" s="10"/>
    </row>
    <row r="35730" spans="14:14">
      <c r="N35730" s="10"/>
    </row>
    <row r="35731" spans="14:14">
      <c r="N35731" s="10"/>
    </row>
    <row r="35732" spans="14:14">
      <c r="N35732" s="10"/>
    </row>
    <row r="35733" spans="14:14">
      <c r="N35733" s="10"/>
    </row>
    <row r="35734" spans="14:14">
      <c r="N35734" s="10"/>
    </row>
    <row r="35735" spans="14:14">
      <c r="N35735" s="10"/>
    </row>
    <row r="35736" spans="14:14">
      <c r="N35736" s="10"/>
    </row>
    <row r="35737" spans="14:14">
      <c r="N35737" s="10"/>
    </row>
    <row r="35738" spans="14:14">
      <c r="N35738" s="10"/>
    </row>
    <row r="35739" spans="14:14">
      <c r="N35739" s="10"/>
    </row>
    <row r="35740" spans="14:14">
      <c r="N35740" s="10"/>
    </row>
    <row r="35741" spans="14:14">
      <c r="N35741" s="10"/>
    </row>
    <row r="35742" spans="14:14">
      <c r="N35742" s="10"/>
    </row>
    <row r="35743" spans="14:14">
      <c r="N35743" s="10"/>
    </row>
    <row r="35744" spans="14:14">
      <c r="N35744" s="10"/>
    </row>
    <row r="35745" spans="14:14">
      <c r="N35745" s="10"/>
    </row>
    <row r="35746" spans="14:14">
      <c r="N35746" s="10"/>
    </row>
    <row r="35747" spans="14:14">
      <c r="N35747" s="10"/>
    </row>
    <row r="35748" spans="14:14">
      <c r="N35748" s="10"/>
    </row>
    <row r="35749" spans="14:14">
      <c r="N35749" s="10"/>
    </row>
    <row r="35750" spans="14:14">
      <c r="N35750" s="10"/>
    </row>
    <row r="35751" spans="14:14">
      <c r="N35751" s="10"/>
    </row>
    <row r="35752" spans="14:14">
      <c r="N35752" s="10"/>
    </row>
    <row r="35753" spans="14:14">
      <c r="N35753" s="10"/>
    </row>
    <row r="35754" spans="14:14">
      <c r="N35754" s="10"/>
    </row>
    <row r="35755" spans="14:14">
      <c r="N35755" s="10"/>
    </row>
    <row r="35756" spans="14:14">
      <c r="N35756" s="10"/>
    </row>
    <row r="35757" spans="14:14">
      <c r="N35757" s="10"/>
    </row>
    <row r="35758" spans="14:14">
      <c r="N35758" s="10"/>
    </row>
    <row r="35759" spans="14:14">
      <c r="N35759" s="10"/>
    </row>
    <row r="35760" spans="14:14">
      <c r="N35760" s="10"/>
    </row>
    <row r="35761" spans="14:14">
      <c r="N35761" s="10"/>
    </row>
    <row r="35762" spans="14:14">
      <c r="N35762" s="10"/>
    </row>
    <row r="35763" spans="14:14">
      <c r="N35763" s="10"/>
    </row>
    <row r="35764" spans="14:14">
      <c r="N35764" s="10"/>
    </row>
    <row r="35765" spans="14:14">
      <c r="N35765" s="10"/>
    </row>
    <row r="35766" spans="14:14">
      <c r="N35766" s="10"/>
    </row>
    <row r="35767" spans="14:14">
      <c r="N35767" s="10"/>
    </row>
    <row r="35768" spans="14:14">
      <c r="N35768" s="10"/>
    </row>
    <row r="35769" spans="14:14">
      <c r="N35769" s="10"/>
    </row>
    <row r="35770" spans="14:14">
      <c r="N35770" s="10"/>
    </row>
    <row r="35771" spans="14:14">
      <c r="N35771" s="10"/>
    </row>
    <row r="35772" spans="14:14">
      <c r="N35772" s="10"/>
    </row>
    <row r="35773" spans="14:14">
      <c r="N35773" s="10"/>
    </row>
    <row r="35774" spans="14:14">
      <c r="N35774" s="10"/>
    </row>
    <row r="35775" spans="14:14">
      <c r="N35775" s="10"/>
    </row>
    <row r="35776" spans="14:14">
      <c r="N35776" s="10"/>
    </row>
    <row r="35777" spans="14:14">
      <c r="N35777" s="10"/>
    </row>
    <row r="35778" spans="14:14">
      <c r="N35778" s="10"/>
    </row>
    <row r="35779" spans="14:14">
      <c r="N35779" s="10"/>
    </row>
    <row r="35780" spans="14:14">
      <c r="N35780" s="10"/>
    </row>
    <row r="35781" spans="14:14">
      <c r="N35781" s="10"/>
    </row>
    <row r="35782" spans="14:14">
      <c r="N35782" s="10"/>
    </row>
    <row r="35783" spans="14:14">
      <c r="N35783" s="10"/>
    </row>
    <row r="35784" spans="14:14">
      <c r="N35784" s="10"/>
    </row>
    <row r="35785" spans="14:14">
      <c r="N35785" s="10"/>
    </row>
    <row r="35786" spans="14:14">
      <c r="N35786" s="10"/>
    </row>
    <row r="35787" spans="14:14">
      <c r="N35787" s="10"/>
    </row>
    <row r="35788" spans="14:14">
      <c r="N35788" s="10"/>
    </row>
    <row r="35789" spans="14:14">
      <c r="N35789" s="10"/>
    </row>
    <row r="35790" spans="14:14">
      <c r="N35790" s="10"/>
    </row>
    <row r="35791" spans="14:14">
      <c r="N35791" s="10"/>
    </row>
    <row r="35792" spans="14:14">
      <c r="N35792" s="10"/>
    </row>
    <row r="35793" spans="14:14">
      <c r="N35793" s="10"/>
    </row>
    <row r="35794" spans="14:14">
      <c r="N35794" s="10"/>
    </row>
    <row r="35795" spans="14:14">
      <c r="N35795" s="10"/>
    </row>
    <row r="35796" spans="14:14">
      <c r="N35796" s="10"/>
    </row>
    <row r="35797" spans="14:14">
      <c r="N35797" s="10"/>
    </row>
    <row r="35798" spans="14:14">
      <c r="N35798" s="10"/>
    </row>
    <row r="35799" spans="14:14">
      <c r="N35799" s="10"/>
    </row>
    <row r="35800" spans="14:14">
      <c r="N35800" s="10"/>
    </row>
    <row r="35801" spans="14:14">
      <c r="N35801" s="10"/>
    </row>
    <row r="35802" spans="14:14">
      <c r="N35802" s="10"/>
    </row>
    <row r="35803" spans="14:14">
      <c r="N35803" s="10"/>
    </row>
    <row r="35804" spans="14:14">
      <c r="N35804" s="10"/>
    </row>
    <row r="35805" spans="14:14">
      <c r="N35805" s="10"/>
    </row>
    <row r="35806" spans="14:14">
      <c r="N35806" s="10"/>
    </row>
    <row r="35807" spans="14:14">
      <c r="N35807" s="10"/>
    </row>
    <row r="35808" spans="14:14">
      <c r="N35808" s="10"/>
    </row>
    <row r="35809" spans="14:14">
      <c r="N35809" s="10"/>
    </row>
    <row r="35810" spans="14:14">
      <c r="N35810" s="10"/>
    </row>
    <row r="35811" spans="14:14">
      <c r="N35811" s="10"/>
    </row>
    <row r="35812" spans="14:14">
      <c r="N35812" s="10"/>
    </row>
    <row r="35813" spans="14:14">
      <c r="N35813" s="10"/>
    </row>
    <row r="35814" spans="14:14">
      <c r="N35814" s="10"/>
    </row>
    <row r="35815" spans="14:14">
      <c r="N35815" s="10"/>
    </row>
    <row r="35816" spans="14:14">
      <c r="N35816" s="10"/>
    </row>
    <row r="35817" spans="14:14">
      <c r="N35817" s="10"/>
    </row>
    <row r="35818" spans="14:14">
      <c r="N35818" s="10"/>
    </row>
    <row r="35819" spans="14:14">
      <c r="N35819" s="10"/>
    </row>
    <row r="35820" spans="14:14">
      <c r="N35820" s="10"/>
    </row>
    <row r="35821" spans="14:14">
      <c r="N35821" s="10"/>
    </row>
    <row r="35822" spans="14:14">
      <c r="N35822" s="10"/>
    </row>
    <row r="35823" spans="14:14">
      <c r="N35823" s="10"/>
    </row>
    <row r="35824" spans="14:14">
      <c r="N35824" s="10"/>
    </row>
    <row r="35825" spans="14:14">
      <c r="N35825" s="10"/>
    </row>
    <row r="35826" spans="14:14">
      <c r="N35826" s="10"/>
    </row>
    <row r="35827" spans="14:14">
      <c r="N35827" s="10"/>
    </row>
    <row r="35828" spans="14:14">
      <c r="N35828" s="10"/>
    </row>
    <row r="35829" spans="14:14">
      <c r="N35829" s="10"/>
    </row>
    <row r="35830" spans="14:14">
      <c r="N35830" s="10"/>
    </row>
    <row r="35831" spans="14:14">
      <c r="N35831" s="10"/>
    </row>
    <row r="35832" spans="14:14">
      <c r="N35832" s="10"/>
    </row>
    <row r="35833" spans="14:14">
      <c r="N35833" s="10"/>
    </row>
    <row r="35834" spans="14:14">
      <c r="N35834" s="10"/>
    </row>
    <row r="35835" spans="14:14">
      <c r="N35835" s="10"/>
    </row>
    <row r="35836" spans="14:14">
      <c r="N35836" s="10"/>
    </row>
    <row r="35837" spans="14:14">
      <c r="N35837" s="10"/>
    </row>
    <row r="35838" spans="14:14">
      <c r="N35838" s="10"/>
    </row>
    <row r="35839" spans="14:14">
      <c r="N35839" s="10"/>
    </row>
    <row r="35840" spans="14:14">
      <c r="N35840" s="10"/>
    </row>
    <row r="35841" spans="14:14">
      <c r="N35841" s="10"/>
    </row>
    <row r="35842" spans="14:14">
      <c r="N35842" s="10"/>
    </row>
    <row r="35843" spans="14:14">
      <c r="N35843" s="10"/>
    </row>
    <row r="35844" spans="14:14">
      <c r="N35844" s="10"/>
    </row>
    <row r="35845" spans="14:14">
      <c r="N35845" s="10"/>
    </row>
    <row r="35846" spans="14:14">
      <c r="N35846" s="10"/>
    </row>
    <row r="35847" spans="14:14">
      <c r="N35847" s="10"/>
    </row>
    <row r="35848" spans="14:14">
      <c r="N35848" s="10"/>
    </row>
    <row r="35849" spans="14:14">
      <c r="N35849" s="10"/>
    </row>
    <row r="35850" spans="14:14">
      <c r="N35850" s="10"/>
    </row>
    <row r="35851" spans="14:14">
      <c r="N35851" s="10"/>
    </row>
    <row r="35852" spans="14:14">
      <c r="N35852" s="10"/>
    </row>
    <row r="35853" spans="14:14">
      <c r="N35853" s="10"/>
    </row>
    <row r="35854" spans="14:14">
      <c r="N35854" s="10"/>
    </row>
    <row r="35855" spans="14:14">
      <c r="N35855" s="10"/>
    </row>
    <row r="35856" spans="14:14">
      <c r="N35856" s="10"/>
    </row>
    <row r="35857" spans="14:14">
      <c r="N35857" s="10"/>
    </row>
    <row r="35858" spans="14:14">
      <c r="N35858" s="10"/>
    </row>
    <row r="35859" spans="14:14">
      <c r="N35859" s="10"/>
    </row>
    <row r="35860" spans="14:14">
      <c r="N35860" s="10"/>
    </row>
    <row r="35861" spans="14:14">
      <c r="N35861" s="10"/>
    </row>
    <row r="35862" spans="14:14">
      <c r="N35862" s="10"/>
    </row>
    <row r="35863" spans="14:14">
      <c r="N35863" s="10"/>
    </row>
    <row r="35864" spans="14:14">
      <c r="N35864" s="10"/>
    </row>
    <row r="35865" spans="14:14">
      <c r="N35865" s="10"/>
    </row>
    <row r="35866" spans="14:14">
      <c r="N35866" s="10"/>
    </row>
    <row r="35867" spans="14:14">
      <c r="N35867" s="10"/>
    </row>
    <row r="35868" spans="14:14">
      <c r="N35868" s="10"/>
    </row>
    <row r="35869" spans="14:14">
      <c r="N35869" s="10"/>
    </row>
    <row r="35870" spans="14:14">
      <c r="N35870" s="10"/>
    </row>
    <row r="35871" spans="14:14">
      <c r="N35871" s="10"/>
    </row>
    <row r="35872" spans="14:14">
      <c r="N35872" s="10"/>
    </row>
    <row r="35873" spans="14:14">
      <c r="N35873" s="10"/>
    </row>
    <row r="35874" spans="14:14">
      <c r="N35874" s="10"/>
    </row>
    <row r="35875" spans="14:14">
      <c r="N35875" s="10"/>
    </row>
    <row r="35876" spans="14:14">
      <c r="N35876" s="10"/>
    </row>
    <row r="35877" spans="14:14">
      <c r="N35877" s="10"/>
    </row>
    <row r="35878" spans="14:14">
      <c r="N35878" s="10"/>
    </row>
    <row r="35879" spans="14:14">
      <c r="N35879" s="10"/>
    </row>
    <row r="35880" spans="14:14">
      <c r="N35880" s="10"/>
    </row>
    <row r="35881" spans="14:14">
      <c r="N35881" s="10"/>
    </row>
    <row r="35882" spans="14:14">
      <c r="N35882" s="10"/>
    </row>
    <row r="35883" spans="14:14">
      <c r="N35883" s="10"/>
    </row>
    <row r="35884" spans="14:14">
      <c r="N35884" s="10"/>
    </row>
    <row r="35885" spans="14:14">
      <c r="N35885" s="10"/>
    </row>
    <row r="35886" spans="14:14">
      <c r="N35886" s="10"/>
    </row>
    <row r="35887" spans="14:14">
      <c r="N35887" s="10"/>
    </row>
    <row r="35888" spans="14:14">
      <c r="N35888" s="10"/>
    </row>
    <row r="35889" spans="14:14">
      <c r="N35889" s="10"/>
    </row>
    <row r="35890" spans="14:14">
      <c r="N35890" s="10"/>
    </row>
    <row r="35891" spans="14:14">
      <c r="N35891" s="10"/>
    </row>
    <row r="35892" spans="14:14">
      <c r="N35892" s="10"/>
    </row>
    <row r="35893" spans="14:14">
      <c r="N35893" s="10"/>
    </row>
    <row r="35894" spans="14:14">
      <c r="N35894" s="10"/>
    </row>
    <row r="35895" spans="14:14">
      <c r="N35895" s="10"/>
    </row>
    <row r="35896" spans="14:14">
      <c r="N35896" s="10"/>
    </row>
    <row r="35897" spans="14:14">
      <c r="N35897" s="10"/>
    </row>
    <row r="35898" spans="14:14">
      <c r="N35898" s="10"/>
    </row>
    <row r="35899" spans="14:14">
      <c r="N35899" s="10"/>
    </row>
    <row r="35900" spans="14:14">
      <c r="N35900" s="10"/>
    </row>
    <row r="35901" spans="14:14">
      <c r="N35901" s="10"/>
    </row>
    <row r="35902" spans="14:14">
      <c r="N35902" s="10"/>
    </row>
    <row r="35903" spans="14:14">
      <c r="N35903" s="10"/>
    </row>
    <row r="35904" spans="14:14">
      <c r="N35904" s="10"/>
    </row>
    <row r="35905" spans="14:14">
      <c r="N35905" s="10"/>
    </row>
    <row r="35906" spans="14:14">
      <c r="N35906" s="10"/>
    </row>
    <row r="35907" spans="14:14">
      <c r="N35907" s="10"/>
    </row>
    <row r="35908" spans="14:14">
      <c r="N35908" s="10"/>
    </row>
    <row r="35909" spans="14:14">
      <c r="N35909" s="10"/>
    </row>
    <row r="35910" spans="14:14">
      <c r="N35910" s="10"/>
    </row>
    <row r="35911" spans="14:14">
      <c r="N35911" s="10"/>
    </row>
    <row r="35912" spans="14:14">
      <c r="N35912" s="10"/>
    </row>
    <row r="35913" spans="14:14">
      <c r="N35913" s="10"/>
    </row>
    <row r="35914" spans="14:14">
      <c r="N35914" s="10"/>
    </row>
    <row r="35915" spans="14:14">
      <c r="N35915" s="10"/>
    </row>
    <row r="35916" spans="14:14">
      <c r="N35916" s="10"/>
    </row>
    <row r="35917" spans="14:14">
      <c r="N35917" s="10"/>
    </row>
    <row r="35918" spans="14:14">
      <c r="N35918" s="10"/>
    </row>
    <row r="35919" spans="14:14">
      <c r="N35919" s="10"/>
    </row>
    <row r="35920" spans="14:14">
      <c r="N35920" s="10"/>
    </row>
    <row r="35921" spans="14:14">
      <c r="N35921" s="10"/>
    </row>
    <row r="35922" spans="14:14">
      <c r="N35922" s="10"/>
    </row>
    <row r="35923" spans="14:14">
      <c r="N35923" s="10"/>
    </row>
    <row r="35924" spans="14:14">
      <c r="N35924" s="10"/>
    </row>
    <row r="35925" spans="14:14">
      <c r="N35925" s="10"/>
    </row>
    <row r="35926" spans="14:14">
      <c r="N35926" s="10"/>
    </row>
    <row r="35927" spans="14:14">
      <c r="N35927" s="10"/>
    </row>
    <row r="35928" spans="14:14">
      <c r="N35928" s="10"/>
    </row>
    <row r="35929" spans="14:14">
      <c r="N35929" s="10"/>
    </row>
    <row r="35930" spans="14:14">
      <c r="N35930" s="10"/>
    </row>
    <row r="35931" spans="14:14">
      <c r="N35931" s="10"/>
    </row>
    <row r="35932" spans="14:14">
      <c r="N35932" s="10"/>
    </row>
    <row r="35933" spans="14:14">
      <c r="N35933" s="10"/>
    </row>
    <row r="35934" spans="14:14">
      <c r="N35934" s="10"/>
    </row>
    <row r="35935" spans="14:14">
      <c r="N35935" s="10"/>
    </row>
    <row r="35936" spans="14:14">
      <c r="N35936" s="10"/>
    </row>
    <row r="35937" spans="14:14">
      <c r="N35937" s="10"/>
    </row>
    <row r="35938" spans="14:14">
      <c r="N35938" s="10"/>
    </row>
    <row r="35939" spans="14:14">
      <c r="N35939" s="10"/>
    </row>
    <row r="35940" spans="14:14">
      <c r="N35940" s="10"/>
    </row>
    <row r="35941" spans="14:14">
      <c r="N35941" s="10"/>
    </row>
    <row r="35942" spans="14:14">
      <c r="N35942" s="10"/>
    </row>
    <row r="35943" spans="14:14">
      <c r="N35943" s="10"/>
    </row>
    <row r="35944" spans="14:14">
      <c r="N35944" s="10"/>
    </row>
    <row r="35945" spans="14:14">
      <c r="N35945" s="10"/>
    </row>
    <row r="35946" spans="14:14">
      <c r="N35946" s="10"/>
    </row>
    <row r="35947" spans="14:14">
      <c r="N35947" s="10"/>
    </row>
    <row r="35948" spans="14:14">
      <c r="N35948" s="10"/>
    </row>
    <row r="35949" spans="14:14">
      <c r="N35949" s="10"/>
    </row>
    <row r="35950" spans="14:14">
      <c r="N35950" s="10"/>
    </row>
    <row r="35951" spans="14:14">
      <c r="N35951" s="10"/>
    </row>
    <row r="35952" spans="14:14">
      <c r="N35952" s="10"/>
    </row>
    <row r="35953" spans="14:14">
      <c r="N35953" s="10"/>
    </row>
    <row r="35954" spans="14:14">
      <c r="N35954" s="10"/>
    </row>
    <row r="35955" spans="14:14">
      <c r="N35955" s="10"/>
    </row>
    <row r="35956" spans="14:14">
      <c r="N35956" s="10"/>
    </row>
    <row r="35957" spans="14:14">
      <c r="N35957" s="10"/>
    </row>
    <row r="35958" spans="14:14">
      <c r="N35958" s="10"/>
    </row>
    <row r="35959" spans="14:14">
      <c r="N35959" s="10"/>
    </row>
    <row r="35960" spans="14:14">
      <c r="N35960" s="10"/>
    </row>
    <row r="35961" spans="14:14">
      <c r="N35961" s="10"/>
    </row>
    <row r="35962" spans="14:14">
      <c r="N35962" s="10"/>
    </row>
    <row r="35963" spans="14:14">
      <c r="N35963" s="10"/>
    </row>
    <row r="35964" spans="14:14">
      <c r="N35964" s="10"/>
    </row>
    <row r="35965" spans="14:14">
      <c r="N35965" s="10"/>
    </row>
    <row r="35966" spans="14:14">
      <c r="N35966" s="10"/>
    </row>
    <row r="35967" spans="14:14">
      <c r="N35967" s="10"/>
    </row>
    <row r="35968" spans="14:14">
      <c r="N35968" s="10"/>
    </row>
    <row r="35969" spans="14:14">
      <c r="N35969" s="10"/>
    </row>
    <row r="35970" spans="14:14">
      <c r="N35970" s="10"/>
    </row>
    <row r="35971" spans="14:14">
      <c r="N35971" s="10"/>
    </row>
    <row r="35972" spans="14:14">
      <c r="N35972" s="10"/>
    </row>
    <row r="35973" spans="14:14">
      <c r="N35973" s="10"/>
    </row>
    <row r="35974" spans="14:14">
      <c r="N35974" s="10"/>
    </row>
    <row r="35975" spans="14:14">
      <c r="N35975" s="10"/>
    </row>
    <row r="35976" spans="14:14">
      <c r="N35976" s="10"/>
    </row>
    <row r="35977" spans="14:14">
      <c r="N35977" s="10"/>
    </row>
    <row r="35978" spans="14:14">
      <c r="N35978" s="10"/>
    </row>
    <row r="35979" spans="14:14">
      <c r="N35979" s="10"/>
    </row>
    <row r="35980" spans="14:14">
      <c r="N35980" s="10"/>
    </row>
    <row r="35981" spans="14:14">
      <c r="N35981" s="10"/>
    </row>
    <row r="35982" spans="14:14">
      <c r="N35982" s="10"/>
    </row>
    <row r="35983" spans="14:14">
      <c r="N35983" s="10"/>
    </row>
    <row r="35984" spans="14:14">
      <c r="N35984" s="10"/>
    </row>
    <row r="35985" spans="14:14">
      <c r="N35985" s="10"/>
    </row>
    <row r="35986" spans="14:14">
      <c r="N35986" s="10"/>
    </row>
    <row r="35987" spans="14:14">
      <c r="N35987" s="10"/>
    </row>
    <row r="35988" spans="14:14">
      <c r="N35988" s="10"/>
    </row>
    <row r="35989" spans="14:14">
      <c r="N35989" s="10"/>
    </row>
    <row r="35990" spans="14:14">
      <c r="N35990" s="10"/>
    </row>
    <row r="35991" spans="14:14">
      <c r="N35991" s="10"/>
    </row>
    <row r="35992" spans="14:14">
      <c r="N35992" s="10"/>
    </row>
    <row r="35993" spans="14:14">
      <c r="N35993" s="10"/>
    </row>
    <row r="35994" spans="14:14">
      <c r="N35994" s="10"/>
    </row>
    <row r="35995" spans="14:14">
      <c r="N35995" s="10"/>
    </row>
    <row r="35996" spans="14:14">
      <c r="N35996" s="10"/>
    </row>
    <row r="35997" spans="14:14">
      <c r="N35997" s="10"/>
    </row>
    <row r="35998" spans="14:14">
      <c r="N35998" s="10"/>
    </row>
    <row r="35999" spans="14:14">
      <c r="N35999" s="10"/>
    </row>
    <row r="36000" spans="14:14">
      <c r="N36000" s="10"/>
    </row>
    <row r="36001" spans="14:14">
      <c r="N36001" s="10"/>
    </row>
    <row r="36002" spans="14:14">
      <c r="N36002" s="10"/>
    </row>
    <row r="36003" spans="14:14">
      <c r="N36003" s="10"/>
    </row>
    <row r="36004" spans="14:14">
      <c r="N36004" s="10"/>
    </row>
    <row r="36005" spans="14:14">
      <c r="N36005" s="10"/>
    </row>
    <row r="36006" spans="14:14">
      <c r="N36006" s="10"/>
    </row>
    <row r="36007" spans="14:14">
      <c r="N36007" s="10"/>
    </row>
    <row r="36008" spans="14:14">
      <c r="N36008" s="10"/>
    </row>
    <row r="36009" spans="14:14">
      <c r="N36009" s="10"/>
    </row>
    <row r="36010" spans="14:14">
      <c r="N36010" s="10"/>
    </row>
    <row r="36011" spans="14:14">
      <c r="N36011" s="10"/>
    </row>
    <row r="36012" spans="14:14">
      <c r="N36012" s="10"/>
    </row>
    <row r="36013" spans="14:14">
      <c r="N36013" s="10"/>
    </row>
    <row r="36014" spans="14:14">
      <c r="N36014" s="10"/>
    </row>
    <row r="36015" spans="14:14">
      <c r="N36015" s="10"/>
    </row>
    <row r="36016" spans="14:14">
      <c r="N36016" s="10"/>
    </row>
    <row r="36017" spans="14:14">
      <c r="N36017" s="10"/>
    </row>
    <row r="36018" spans="14:14">
      <c r="N36018" s="10"/>
    </row>
    <row r="36019" spans="14:14">
      <c r="N36019" s="10"/>
    </row>
    <row r="36020" spans="14:14">
      <c r="N36020" s="10"/>
    </row>
    <row r="36021" spans="14:14">
      <c r="N36021" s="10"/>
    </row>
    <row r="36022" spans="14:14">
      <c r="N36022" s="10"/>
    </row>
    <row r="36023" spans="14:14">
      <c r="N36023" s="10"/>
    </row>
    <row r="36024" spans="14:14">
      <c r="N36024" s="10"/>
    </row>
    <row r="36025" spans="14:14">
      <c r="N36025" s="10"/>
    </row>
    <row r="36026" spans="14:14">
      <c r="N36026" s="10"/>
    </row>
    <row r="36027" spans="14:14">
      <c r="N36027" s="10"/>
    </row>
    <row r="36028" spans="14:14">
      <c r="N36028" s="10"/>
    </row>
    <row r="36029" spans="14:14">
      <c r="N36029" s="10"/>
    </row>
    <row r="36030" spans="14:14">
      <c r="N36030" s="10"/>
    </row>
    <row r="36031" spans="14:14">
      <c r="N36031" s="10"/>
    </row>
    <row r="36032" spans="14:14">
      <c r="N36032" s="10"/>
    </row>
    <row r="36033" spans="14:14">
      <c r="N36033" s="10"/>
    </row>
    <row r="36034" spans="14:14">
      <c r="N36034" s="10"/>
    </row>
    <row r="36035" spans="14:14">
      <c r="N36035" s="10"/>
    </row>
    <row r="36036" spans="14:14">
      <c r="N36036" s="10"/>
    </row>
    <row r="36037" spans="14:14">
      <c r="N36037" s="10"/>
    </row>
    <row r="36038" spans="14:14">
      <c r="N36038" s="10"/>
    </row>
    <row r="36039" spans="14:14">
      <c r="N36039" s="10"/>
    </row>
    <row r="36040" spans="14:14">
      <c r="N36040" s="10"/>
    </row>
    <row r="36041" spans="14:14">
      <c r="N36041" s="10"/>
    </row>
    <row r="36042" spans="14:14">
      <c r="N36042" s="10"/>
    </row>
    <row r="36043" spans="14:14">
      <c r="N36043" s="10"/>
    </row>
    <row r="36044" spans="14:14">
      <c r="N36044" s="10"/>
    </row>
    <row r="36045" spans="14:14">
      <c r="N36045" s="10"/>
    </row>
    <row r="36046" spans="14:14">
      <c r="N36046" s="10"/>
    </row>
    <row r="36047" spans="14:14">
      <c r="N36047" s="10"/>
    </row>
    <row r="36048" spans="14:14">
      <c r="N36048" s="10"/>
    </row>
    <row r="36049" spans="14:14">
      <c r="N36049" s="10"/>
    </row>
    <row r="36050" spans="14:14">
      <c r="N36050" s="10"/>
    </row>
    <row r="36051" spans="14:14">
      <c r="N36051" s="10"/>
    </row>
    <row r="36052" spans="14:14">
      <c r="N36052" s="10"/>
    </row>
    <row r="36053" spans="14:14">
      <c r="N36053" s="10"/>
    </row>
    <row r="36054" spans="14:14">
      <c r="N36054" s="10"/>
    </row>
    <row r="36055" spans="14:14">
      <c r="N36055" s="10"/>
    </row>
    <row r="36056" spans="14:14">
      <c r="N36056" s="10"/>
    </row>
    <row r="36057" spans="14:14">
      <c r="N36057" s="10"/>
    </row>
    <row r="36058" spans="14:14">
      <c r="N36058" s="10"/>
    </row>
    <row r="36059" spans="14:14">
      <c r="N36059" s="10"/>
    </row>
    <row r="36060" spans="14:14">
      <c r="N36060" s="10"/>
    </row>
    <row r="36061" spans="14:14">
      <c r="N36061" s="10"/>
    </row>
    <row r="36062" spans="14:14">
      <c r="N36062" s="10"/>
    </row>
    <row r="36063" spans="14:14">
      <c r="N36063" s="10"/>
    </row>
    <row r="36064" spans="14:14">
      <c r="N36064" s="10"/>
    </row>
    <row r="36065" spans="14:14">
      <c r="N36065" s="10"/>
    </row>
    <row r="36066" spans="14:14">
      <c r="N36066" s="10"/>
    </row>
    <row r="36067" spans="14:14">
      <c r="N36067" s="10"/>
    </row>
    <row r="36068" spans="14:14">
      <c r="N36068" s="10"/>
    </row>
    <row r="36069" spans="14:14">
      <c r="N36069" s="10"/>
    </row>
    <row r="36070" spans="14:14">
      <c r="N36070" s="10"/>
    </row>
    <row r="36071" spans="14:14">
      <c r="N36071" s="10"/>
    </row>
    <row r="36072" spans="14:14">
      <c r="N36072" s="10"/>
    </row>
    <row r="36073" spans="14:14">
      <c r="N36073" s="10"/>
    </row>
    <row r="36074" spans="14:14">
      <c r="N36074" s="10"/>
    </row>
    <row r="36075" spans="14:14">
      <c r="N36075" s="10"/>
    </row>
    <row r="36076" spans="14:14">
      <c r="N36076" s="10"/>
    </row>
    <row r="36077" spans="14:14">
      <c r="N36077" s="10"/>
    </row>
    <row r="36078" spans="14:14">
      <c r="N36078" s="10"/>
    </row>
    <row r="36079" spans="14:14">
      <c r="N36079" s="10"/>
    </row>
    <row r="36080" spans="14:14">
      <c r="N36080" s="10"/>
    </row>
    <row r="36081" spans="14:14">
      <c r="N36081" s="10"/>
    </row>
    <row r="36082" spans="14:14">
      <c r="N36082" s="10"/>
    </row>
    <row r="36083" spans="14:14">
      <c r="N36083" s="10"/>
    </row>
    <row r="36084" spans="14:14">
      <c r="N36084" s="10"/>
    </row>
    <row r="36085" spans="14:14">
      <c r="N36085" s="10"/>
    </row>
    <row r="36086" spans="14:14">
      <c r="N36086" s="10"/>
    </row>
    <row r="36087" spans="14:14">
      <c r="N36087" s="10"/>
    </row>
    <row r="36088" spans="14:14">
      <c r="N36088" s="10"/>
    </row>
    <row r="36089" spans="14:14">
      <c r="N36089" s="10"/>
    </row>
    <row r="36090" spans="14:14">
      <c r="N36090" s="10"/>
    </row>
    <row r="36091" spans="14:14">
      <c r="N36091" s="10"/>
    </row>
    <row r="36092" spans="14:14">
      <c r="N36092" s="10"/>
    </row>
    <row r="36093" spans="14:14">
      <c r="N36093" s="10"/>
    </row>
    <row r="36094" spans="14:14">
      <c r="N36094" s="10"/>
    </row>
    <row r="36095" spans="14:14">
      <c r="N36095" s="10"/>
    </row>
    <row r="36096" spans="14:14">
      <c r="N36096" s="10"/>
    </row>
    <row r="36097" spans="14:14">
      <c r="N36097" s="10"/>
    </row>
    <row r="36098" spans="14:14">
      <c r="N36098" s="10"/>
    </row>
    <row r="36099" spans="14:14">
      <c r="N36099" s="10"/>
    </row>
    <row r="36100" spans="14:14">
      <c r="N36100" s="10"/>
    </row>
    <row r="36101" spans="14:14">
      <c r="N36101" s="10"/>
    </row>
    <row r="36102" spans="14:14">
      <c r="N36102" s="10"/>
    </row>
    <row r="36103" spans="14:14">
      <c r="N36103" s="10"/>
    </row>
    <row r="36104" spans="14:14">
      <c r="N36104" s="10"/>
    </row>
    <row r="36105" spans="14:14">
      <c r="N36105" s="10"/>
    </row>
    <row r="36106" spans="14:14">
      <c r="N36106" s="10"/>
    </row>
    <row r="36107" spans="14:14">
      <c r="N36107" s="10"/>
    </row>
    <row r="36108" spans="14:14">
      <c r="N36108" s="10"/>
    </row>
    <row r="36109" spans="14:14">
      <c r="N36109" s="10"/>
    </row>
    <row r="36110" spans="14:14">
      <c r="N36110" s="10"/>
    </row>
    <row r="36111" spans="14:14">
      <c r="N36111" s="10"/>
    </row>
    <row r="36112" spans="14:14">
      <c r="N36112" s="10"/>
    </row>
    <row r="36113" spans="14:14">
      <c r="N36113" s="10"/>
    </row>
    <row r="36114" spans="14:14">
      <c r="N36114" s="10"/>
    </row>
    <row r="36115" spans="14:14">
      <c r="N36115" s="10"/>
    </row>
    <row r="36116" spans="14:14">
      <c r="N36116" s="10"/>
    </row>
    <row r="36117" spans="14:14">
      <c r="N36117" s="10"/>
    </row>
    <row r="36118" spans="14:14">
      <c r="N36118" s="10"/>
    </row>
    <row r="36119" spans="14:14">
      <c r="N36119" s="10"/>
    </row>
    <row r="36120" spans="14:14">
      <c r="N36120" s="10"/>
    </row>
    <row r="36121" spans="14:14">
      <c r="N36121" s="10"/>
    </row>
    <row r="36122" spans="14:14">
      <c r="N36122" s="10"/>
    </row>
    <row r="36123" spans="14:14">
      <c r="N36123" s="10"/>
    </row>
    <row r="36124" spans="14:14">
      <c r="N36124" s="10"/>
    </row>
    <row r="36125" spans="14:14">
      <c r="N36125" s="10"/>
    </row>
    <row r="36126" spans="14:14">
      <c r="N36126" s="10"/>
    </row>
    <row r="36127" spans="14:14">
      <c r="N36127" s="10"/>
    </row>
    <row r="36128" spans="14:14">
      <c r="N36128" s="10"/>
    </row>
    <row r="36129" spans="14:14">
      <c r="N36129" s="10"/>
    </row>
    <row r="36130" spans="14:14">
      <c r="N36130" s="10"/>
    </row>
    <row r="36131" spans="14:14">
      <c r="N36131" s="10"/>
    </row>
    <row r="36132" spans="14:14">
      <c r="N36132" s="10"/>
    </row>
    <row r="36133" spans="14:14">
      <c r="N36133" s="10"/>
    </row>
    <row r="36134" spans="14:14">
      <c r="N36134" s="10"/>
    </row>
    <row r="36135" spans="14:14">
      <c r="N36135" s="10"/>
    </row>
    <row r="36136" spans="14:14">
      <c r="N36136" s="10"/>
    </row>
    <row r="36137" spans="14:14">
      <c r="N36137" s="10"/>
    </row>
    <row r="36138" spans="14:14">
      <c r="N36138" s="10"/>
    </row>
    <row r="36139" spans="14:14">
      <c r="N36139" s="10"/>
    </row>
    <row r="36140" spans="14:14">
      <c r="N36140" s="10"/>
    </row>
    <row r="36141" spans="14:14">
      <c r="N36141" s="10"/>
    </row>
    <row r="36142" spans="14:14">
      <c r="N36142" s="10"/>
    </row>
    <row r="36143" spans="14:14">
      <c r="N36143" s="10"/>
    </row>
    <row r="36144" spans="14:14">
      <c r="N36144" s="10"/>
    </row>
    <row r="36145" spans="14:14">
      <c r="N36145" s="10"/>
    </row>
    <row r="36146" spans="14:14">
      <c r="N36146" s="10"/>
    </row>
    <row r="36147" spans="14:14">
      <c r="N36147" s="10"/>
    </row>
    <row r="36148" spans="14:14">
      <c r="N36148" s="10"/>
    </row>
    <row r="36149" spans="14:14">
      <c r="N36149" s="10"/>
    </row>
    <row r="36150" spans="14:14">
      <c r="N36150" s="10"/>
    </row>
    <row r="36151" spans="14:14">
      <c r="N36151" s="10"/>
    </row>
    <row r="36152" spans="14:14">
      <c r="N36152" s="10"/>
    </row>
    <row r="36153" spans="14:14">
      <c r="N36153" s="10"/>
    </row>
    <row r="36154" spans="14:14">
      <c r="N36154" s="10"/>
    </row>
    <row r="36155" spans="14:14">
      <c r="N36155" s="10"/>
    </row>
    <row r="36156" spans="14:14">
      <c r="N36156" s="10"/>
    </row>
    <row r="36157" spans="14:14">
      <c r="N36157" s="10"/>
    </row>
    <row r="36158" spans="14:14">
      <c r="N36158" s="10"/>
    </row>
    <row r="36159" spans="14:14">
      <c r="N36159" s="10"/>
    </row>
    <row r="36160" spans="14:14">
      <c r="N36160" s="10"/>
    </row>
    <row r="36161" spans="14:14">
      <c r="N36161" s="10"/>
    </row>
    <row r="36162" spans="14:14">
      <c r="N36162" s="10"/>
    </row>
    <row r="36163" spans="14:14">
      <c r="N36163" s="10"/>
    </row>
    <row r="36164" spans="14:14">
      <c r="N36164" s="10"/>
    </row>
    <row r="36165" spans="14:14">
      <c r="N36165" s="10"/>
    </row>
    <row r="36166" spans="14:14">
      <c r="N36166" s="10"/>
    </row>
    <row r="36167" spans="14:14">
      <c r="N36167" s="10"/>
    </row>
    <row r="36168" spans="14:14">
      <c r="N36168" s="10"/>
    </row>
    <row r="36169" spans="14:14">
      <c r="N36169" s="10"/>
    </row>
    <row r="36170" spans="14:14">
      <c r="N36170" s="10"/>
    </row>
    <row r="36171" spans="14:14">
      <c r="N36171" s="10"/>
    </row>
    <row r="36172" spans="14:14">
      <c r="N36172" s="10"/>
    </row>
    <row r="36173" spans="14:14">
      <c r="N36173" s="10"/>
    </row>
    <row r="36174" spans="14:14">
      <c r="N36174" s="10"/>
    </row>
    <row r="36175" spans="14:14">
      <c r="N36175" s="10"/>
    </row>
    <row r="36176" spans="14:14">
      <c r="N36176" s="10"/>
    </row>
    <row r="36177" spans="14:14">
      <c r="N36177" s="10"/>
    </row>
    <row r="36178" spans="14:14">
      <c r="N36178" s="10"/>
    </row>
    <row r="36179" spans="14:14">
      <c r="N36179" s="10"/>
    </row>
    <row r="36180" spans="14:14">
      <c r="N36180" s="10"/>
    </row>
    <row r="36181" spans="14:14">
      <c r="N36181" s="10"/>
    </row>
    <row r="36182" spans="14:14">
      <c r="N36182" s="10"/>
    </row>
    <row r="36183" spans="14:14">
      <c r="N36183" s="10"/>
    </row>
    <row r="36184" spans="14:14">
      <c r="N36184" s="10"/>
    </row>
    <row r="36185" spans="14:14">
      <c r="N36185" s="10"/>
    </row>
    <row r="36186" spans="14:14">
      <c r="N36186" s="10"/>
    </row>
    <row r="36187" spans="14:14">
      <c r="N36187" s="10"/>
    </row>
    <row r="36188" spans="14:14">
      <c r="N36188" s="10"/>
    </row>
    <row r="36189" spans="14:14">
      <c r="N36189" s="10"/>
    </row>
    <row r="36190" spans="14:14">
      <c r="N36190" s="10"/>
    </row>
    <row r="36191" spans="14:14">
      <c r="N36191" s="10"/>
    </row>
    <row r="36192" spans="14:14">
      <c r="N36192" s="10"/>
    </row>
    <row r="36193" spans="14:14">
      <c r="N36193" s="10"/>
    </row>
    <row r="36194" spans="14:14">
      <c r="N36194" s="10"/>
    </row>
    <row r="36195" spans="14:14">
      <c r="N36195" s="10"/>
    </row>
    <row r="36196" spans="14:14">
      <c r="N36196" s="10"/>
    </row>
    <row r="36197" spans="14:14">
      <c r="N36197" s="10"/>
    </row>
    <row r="36198" spans="14:14">
      <c r="N36198" s="10"/>
    </row>
    <row r="36199" spans="14:14">
      <c r="N36199" s="10"/>
    </row>
    <row r="36200" spans="14:14">
      <c r="N36200" s="10"/>
    </row>
    <row r="36201" spans="14:14">
      <c r="N36201" s="10"/>
    </row>
    <row r="36202" spans="14:14">
      <c r="N36202" s="10"/>
    </row>
    <row r="36203" spans="14:14">
      <c r="N36203" s="10"/>
    </row>
    <row r="36204" spans="14:14">
      <c r="N36204" s="10"/>
    </row>
    <row r="36205" spans="14:14">
      <c r="N36205" s="10"/>
    </row>
    <row r="36206" spans="14:14">
      <c r="N36206" s="10"/>
    </row>
    <row r="36207" spans="14:14">
      <c r="N36207" s="10"/>
    </row>
    <row r="36208" spans="14:14">
      <c r="N36208" s="10"/>
    </row>
    <row r="36209" spans="14:14">
      <c r="N36209" s="10"/>
    </row>
    <row r="36210" spans="14:14">
      <c r="N36210" s="10"/>
    </row>
    <row r="36211" spans="14:14">
      <c r="N36211" s="10"/>
    </row>
    <row r="36212" spans="14:14">
      <c r="N36212" s="10"/>
    </row>
    <row r="36213" spans="14:14">
      <c r="N36213" s="10"/>
    </row>
    <row r="36214" spans="14:14">
      <c r="N36214" s="10"/>
    </row>
    <row r="36215" spans="14:14">
      <c r="N36215" s="10"/>
    </row>
    <row r="36216" spans="14:14">
      <c r="N36216" s="10"/>
    </row>
    <row r="36217" spans="14:14">
      <c r="N36217" s="10"/>
    </row>
    <row r="36218" spans="14:14">
      <c r="N36218" s="10"/>
    </row>
    <row r="36219" spans="14:14">
      <c r="N36219" s="10"/>
    </row>
    <row r="36220" spans="14:14">
      <c r="N36220" s="10"/>
    </row>
    <row r="36221" spans="14:14">
      <c r="N36221" s="10"/>
    </row>
    <row r="36222" spans="14:14">
      <c r="N36222" s="10"/>
    </row>
    <row r="36223" spans="14:14">
      <c r="N36223" s="10"/>
    </row>
    <row r="36224" spans="14:14">
      <c r="N36224" s="10"/>
    </row>
    <row r="36225" spans="14:14">
      <c r="N36225" s="10"/>
    </row>
    <row r="36226" spans="14:14">
      <c r="N36226" s="10"/>
    </row>
    <row r="36227" spans="14:14">
      <c r="N36227" s="10"/>
    </row>
    <row r="36228" spans="14:14">
      <c r="N36228" s="10"/>
    </row>
    <row r="36229" spans="14:14">
      <c r="N36229" s="10"/>
    </row>
    <row r="36230" spans="14:14">
      <c r="N36230" s="10"/>
    </row>
    <row r="36231" spans="14:14">
      <c r="N36231" s="10"/>
    </row>
    <row r="36232" spans="14:14">
      <c r="N36232" s="10"/>
    </row>
    <row r="36233" spans="14:14">
      <c r="N36233" s="10"/>
    </row>
    <row r="36234" spans="14:14">
      <c r="N36234" s="10"/>
    </row>
    <row r="36235" spans="14:14">
      <c r="N36235" s="10"/>
    </row>
    <row r="36236" spans="14:14">
      <c r="N36236" s="10"/>
    </row>
    <row r="36237" spans="14:14">
      <c r="N36237" s="10"/>
    </row>
    <row r="36238" spans="14:14">
      <c r="N36238" s="10"/>
    </row>
    <row r="36239" spans="14:14">
      <c r="N36239" s="10"/>
    </row>
    <row r="36240" spans="14:14">
      <c r="N36240" s="10"/>
    </row>
    <row r="36241" spans="14:14">
      <c r="N36241" s="10"/>
    </row>
    <row r="36242" spans="14:14">
      <c r="N36242" s="10"/>
    </row>
    <row r="36243" spans="14:14">
      <c r="N36243" s="10"/>
    </row>
    <row r="36244" spans="14:14">
      <c r="N36244" s="10"/>
    </row>
    <row r="36245" spans="14:14">
      <c r="N36245" s="10"/>
    </row>
    <row r="36246" spans="14:14">
      <c r="N36246" s="10"/>
    </row>
    <row r="36247" spans="14:14">
      <c r="N36247" s="10"/>
    </row>
    <row r="36248" spans="14:14">
      <c r="N36248" s="10"/>
    </row>
    <row r="36249" spans="14:14">
      <c r="N36249" s="10"/>
    </row>
    <row r="36250" spans="14:14">
      <c r="N36250" s="10"/>
    </row>
    <row r="36251" spans="14:14">
      <c r="N36251" s="10"/>
    </row>
    <row r="36252" spans="14:14">
      <c r="N36252" s="10"/>
    </row>
    <row r="36253" spans="14:14">
      <c r="N36253" s="10"/>
    </row>
    <row r="36254" spans="14:14">
      <c r="N36254" s="10"/>
    </row>
    <row r="36255" spans="14:14">
      <c r="N36255" s="10"/>
    </row>
    <row r="36256" spans="14:14">
      <c r="N36256" s="10"/>
    </row>
    <row r="36257" spans="14:14">
      <c r="N36257" s="10"/>
    </row>
    <row r="36258" spans="14:14">
      <c r="N36258" s="10"/>
    </row>
    <row r="36259" spans="14:14">
      <c r="N36259" s="10"/>
    </row>
    <row r="36260" spans="14:14">
      <c r="N36260" s="10"/>
    </row>
    <row r="36261" spans="14:14">
      <c r="N36261" s="10"/>
    </row>
    <row r="36262" spans="14:14">
      <c r="N36262" s="10"/>
    </row>
    <row r="36263" spans="14:14">
      <c r="N36263" s="10"/>
    </row>
    <row r="36264" spans="14:14">
      <c r="N36264" s="10"/>
    </row>
    <row r="36265" spans="14:14">
      <c r="N36265" s="10"/>
    </row>
    <row r="36266" spans="14:14">
      <c r="N36266" s="10"/>
    </row>
    <row r="36267" spans="14:14">
      <c r="N36267" s="10"/>
    </row>
    <row r="36268" spans="14:14">
      <c r="N36268" s="10"/>
    </row>
    <row r="36269" spans="14:14">
      <c r="N36269" s="10"/>
    </row>
    <row r="36270" spans="14:14">
      <c r="N36270" s="10"/>
    </row>
    <row r="36271" spans="14:14">
      <c r="N36271" s="10"/>
    </row>
    <row r="36272" spans="14:14">
      <c r="N36272" s="10"/>
    </row>
    <row r="36273" spans="14:14">
      <c r="N36273" s="10"/>
    </row>
    <row r="36274" spans="14:14">
      <c r="N36274" s="10"/>
    </row>
    <row r="36275" spans="14:14">
      <c r="N36275" s="10"/>
    </row>
    <row r="36276" spans="14:14">
      <c r="N36276" s="10"/>
    </row>
    <row r="36277" spans="14:14">
      <c r="N36277" s="10"/>
    </row>
    <row r="36278" spans="14:14">
      <c r="N36278" s="10"/>
    </row>
    <row r="36279" spans="14:14">
      <c r="N36279" s="10"/>
    </row>
    <row r="36280" spans="14:14">
      <c r="N36280" s="10"/>
    </row>
    <row r="36281" spans="14:14">
      <c r="N36281" s="10"/>
    </row>
    <row r="36282" spans="14:14">
      <c r="N36282" s="10"/>
    </row>
    <row r="36283" spans="14:14">
      <c r="N36283" s="10"/>
    </row>
    <row r="36284" spans="14:14">
      <c r="N36284" s="10"/>
    </row>
    <row r="36285" spans="14:14">
      <c r="N36285" s="10"/>
    </row>
    <row r="36286" spans="14:14">
      <c r="N36286" s="10"/>
    </row>
    <row r="36287" spans="14:14">
      <c r="N36287" s="10"/>
    </row>
    <row r="36288" spans="14:14">
      <c r="N36288" s="10"/>
    </row>
    <row r="36289" spans="14:14">
      <c r="N36289" s="10"/>
    </row>
    <row r="36290" spans="14:14">
      <c r="N36290" s="10"/>
    </row>
    <row r="36291" spans="14:14">
      <c r="N36291" s="10"/>
    </row>
    <row r="36292" spans="14:14">
      <c r="N36292" s="10"/>
    </row>
    <row r="36293" spans="14:14">
      <c r="N36293" s="10"/>
    </row>
    <row r="36294" spans="14:14">
      <c r="N36294" s="10"/>
    </row>
    <row r="36295" spans="14:14">
      <c r="N36295" s="10"/>
    </row>
    <row r="36296" spans="14:14">
      <c r="N36296" s="10"/>
    </row>
    <row r="36297" spans="14:14">
      <c r="N36297" s="10"/>
    </row>
    <row r="36298" spans="14:14">
      <c r="N36298" s="10"/>
    </row>
    <row r="36299" spans="14:14">
      <c r="N36299" s="10"/>
    </row>
    <row r="36300" spans="14:14">
      <c r="N36300" s="10"/>
    </row>
    <row r="36301" spans="14:14">
      <c r="N36301" s="10"/>
    </row>
    <row r="36302" spans="14:14">
      <c r="N36302" s="10"/>
    </row>
    <row r="36303" spans="14:14">
      <c r="N36303" s="10"/>
    </row>
    <row r="36304" spans="14:14">
      <c r="N36304" s="10"/>
    </row>
    <row r="36305" spans="14:14">
      <c r="N36305" s="10"/>
    </row>
    <row r="36306" spans="14:14">
      <c r="N36306" s="10"/>
    </row>
    <row r="36307" spans="14:14">
      <c r="N36307" s="10"/>
    </row>
    <row r="36308" spans="14:14">
      <c r="N36308" s="10"/>
    </row>
    <row r="36309" spans="14:14">
      <c r="N36309" s="10"/>
    </row>
    <row r="36310" spans="14:14">
      <c r="N36310" s="10"/>
    </row>
    <row r="36311" spans="14:14">
      <c r="N36311" s="10"/>
    </row>
    <row r="36312" spans="14:14">
      <c r="N36312" s="10"/>
    </row>
    <row r="36313" spans="14:14">
      <c r="N36313" s="10"/>
    </row>
    <row r="36314" spans="14:14">
      <c r="N36314" s="10"/>
    </row>
    <row r="36315" spans="14:14">
      <c r="N36315" s="10"/>
    </row>
    <row r="36316" spans="14:14">
      <c r="N36316" s="10"/>
    </row>
    <row r="36317" spans="14:14">
      <c r="N36317" s="10"/>
    </row>
    <row r="36318" spans="14:14">
      <c r="N36318" s="10"/>
    </row>
    <row r="36319" spans="14:14">
      <c r="N36319" s="10"/>
    </row>
    <row r="36320" spans="14:14">
      <c r="N36320" s="10"/>
    </row>
    <row r="36321" spans="14:14">
      <c r="N36321" s="10"/>
    </row>
    <row r="36322" spans="14:14">
      <c r="N36322" s="10"/>
    </row>
    <row r="36323" spans="14:14">
      <c r="N36323" s="10"/>
    </row>
    <row r="36324" spans="14:14">
      <c r="N36324" s="10"/>
    </row>
    <row r="36325" spans="14:14">
      <c r="N36325" s="10"/>
    </row>
    <row r="36326" spans="14:14">
      <c r="N36326" s="10"/>
    </row>
    <row r="36327" spans="14:14">
      <c r="N36327" s="10"/>
    </row>
    <row r="36328" spans="14:14">
      <c r="N36328" s="10"/>
    </row>
    <row r="36329" spans="14:14">
      <c r="N36329" s="10"/>
    </row>
    <row r="36330" spans="14:14">
      <c r="N36330" s="10"/>
    </row>
    <row r="36331" spans="14:14">
      <c r="N36331" s="10"/>
    </row>
    <row r="36332" spans="14:14">
      <c r="N36332" s="10"/>
    </row>
    <row r="36333" spans="14:14">
      <c r="N36333" s="10"/>
    </row>
    <row r="36334" spans="14:14">
      <c r="N36334" s="10"/>
    </row>
    <row r="36335" spans="14:14">
      <c r="N36335" s="10"/>
    </row>
    <row r="36336" spans="14:14">
      <c r="N36336" s="10"/>
    </row>
    <row r="36337" spans="14:14">
      <c r="N36337" s="10"/>
    </row>
    <row r="36338" spans="14:14">
      <c r="N36338" s="10"/>
    </row>
    <row r="36339" spans="14:14">
      <c r="N36339" s="10"/>
    </row>
    <row r="36340" spans="14:14">
      <c r="N36340" s="10"/>
    </row>
    <row r="36341" spans="14:14">
      <c r="N36341" s="10"/>
    </row>
    <row r="36342" spans="14:14">
      <c r="N36342" s="10"/>
    </row>
    <row r="36343" spans="14:14">
      <c r="N36343" s="10"/>
    </row>
    <row r="36344" spans="14:14">
      <c r="N36344" s="10"/>
    </row>
    <row r="36345" spans="14:14">
      <c r="N36345" s="10"/>
    </row>
    <row r="36346" spans="14:14">
      <c r="N36346" s="10"/>
    </row>
    <row r="36347" spans="14:14">
      <c r="N36347" s="10"/>
    </row>
    <row r="36348" spans="14:14">
      <c r="N36348" s="10"/>
    </row>
    <row r="36349" spans="14:14">
      <c r="N36349" s="10"/>
    </row>
    <row r="36350" spans="14:14">
      <c r="N36350" s="10"/>
    </row>
    <row r="36351" spans="14:14">
      <c r="N36351" s="10"/>
    </row>
    <row r="36352" spans="14:14">
      <c r="N36352" s="10"/>
    </row>
    <row r="36353" spans="14:14">
      <c r="N36353" s="10"/>
    </row>
    <row r="36354" spans="14:14">
      <c r="N36354" s="10"/>
    </row>
    <row r="36355" spans="14:14">
      <c r="N36355" s="10"/>
    </row>
    <row r="36356" spans="14:14">
      <c r="N36356" s="10"/>
    </row>
    <row r="36357" spans="14:14">
      <c r="N36357" s="10"/>
    </row>
    <row r="36358" spans="14:14">
      <c r="N36358" s="10"/>
    </row>
    <row r="36359" spans="14:14">
      <c r="N36359" s="10"/>
    </row>
    <row r="36360" spans="14:14">
      <c r="N36360" s="10"/>
    </row>
    <row r="36361" spans="14:14">
      <c r="N36361" s="10"/>
    </row>
    <row r="36362" spans="14:14">
      <c r="N36362" s="10"/>
    </row>
    <row r="36363" spans="14:14">
      <c r="N36363" s="10"/>
    </row>
    <row r="36364" spans="14:14">
      <c r="N36364" s="10"/>
    </row>
    <row r="36365" spans="14:14">
      <c r="N36365" s="10"/>
    </row>
    <row r="36366" spans="14:14">
      <c r="N36366" s="10"/>
    </row>
    <row r="36367" spans="14:14">
      <c r="N36367" s="10"/>
    </row>
    <row r="36368" spans="14:14">
      <c r="N36368" s="10"/>
    </row>
    <row r="36369" spans="14:14">
      <c r="N36369" s="10"/>
    </row>
    <row r="36370" spans="14:14">
      <c r="N36370" s="10"/>
    </row>
    <row r="36371" spans="14:14">
      <c r="N36371" s="10"/>
    </row>
    <row r="36372" spans="14:14">
      <c r="N36372" s="10"/>
    </row>
    <row r="36373" spans="14:14">
      <c r="N36373" s="10"/>
    </row>
    <row r="36374" spans="14:14">
      <c r="N36374" s="10"/>
    </row>
    <row r="36375" spans="14:14">
      <c r="N36375" s="10"/>
    </row>
    <row r="36376" spans="14:14">
      <c r="N36376" s="10"/>
    </row>
    <row r="36377" spans="14:14">
      <c r="N36377" s="10"/>
    </row>
    <row r="36378" spans="14:14">
      <c r="N36378" s="10"/>
    </row>
    <row r="36379" spans="14:14">
      <c r="N36379" s="10"/>
    </row>
    <row r="36380" spans="14:14">
      <c r="N36380" s="10"/>
    </row>
    <row r="36381" spans="14:14">
      <c r="N36381" s="10"/>
    </row>
    <row r="36382" spans="14:14">
      <c r="N36382" s="10"/>
    </row>
    <row r="36383" spans="14:14">
      <c r="N36383" s="10"/>
    </row>
    <row r="36384" spans="14:14">
      <c r="N36384" s="10"/>
    </row>
    <row r="36385" spans="14:14">
      <c r="N36385" s="10"/>
    </row>
    <row r="36386" spans="14:14">
      <c r="N36386" s="10"/>
    </row>
    <row r="36387" spans="14:14">
      <c r="N36387" s="10"/>
    </row>
    <row r="36388" spans="14:14">
      <c r="N36388" s="10"/>
    </row>
    <row r="36389" spans="14:14">
      <c r="N36389" s="10"/>
    </row>
    <row r="36390" spans="14:14">
      <c r="N36390" s="10"/>
    </row>
    <row r="36391" spans="14:14">
      <c r="N36391" s="10"/>
    </row>
    <row r="36392" spans="14:14">
      <c r="N36392" s="10"/>
    </row>
    <row r="36393" spans="14:14">
      <c r="N36393" s="10"/>
    </row>
    <row r="36394" spans="14:14">
      <c r="N36394" s="10"/>
    </row>
    <row r="36395" spans="14:14">
      <c r="N36395" s="10"/>
    </row>
    <row r="36396" spans="14:14">
      <c r="N36396" s="10"/>
    </row>
    <row r="36397" spans="14:14">
      <c r="N36397" s="10"/>
    </row>
    <row r="36398" spans="14:14">
      <c r="N36398" s="10"/>
    </row>
    <row r="36399" spans="14:14">
      <c r="N36399" s="10"/>
    </row>
    <row r="36400" spans="14:14">
      <c r="N36400" s="10"/>
    </row>
    <row r="36401" spans="14:14">
      <c r="N36401" s="10"/>
    </row>
    <row r="36402" spans="14:14">
      <c r="N36402" s="10"/>
    </row>
    <row r="36403" spans="14:14">
      <c r="N36403" s="10"/>
    </row>
    <row r="36404" spans="14:14">
      <c r="N36404" s="10"/>
    </row>
    <row r="36405" spans="14:14">
      <c r="N36405" s="10"/>
    </row>
    <row r="36406" spans="14:14">
      <c r="N36406" s="10"/>
    </row>
    <row r="36407" spans="14:14">
      <c r="N36407" s="10"/>
    </row>
    <row r="36408" spans="14:14">
      <c r="N36408" s="10"/>
    </row>
    <row r="36409" spans="14:14">
      <c r="N36409" s="10"/>
    </row>
    <row r="36410" spans="14:14">
      <c r="N36410" s="10"/>
    </row>
    <row r="36411" spans="14:14">
      <c r="N36411" s="10"/>
    </row>
    <row r="36412" spans="14:14">
      <c r="N36412" s="10"/>
    </row>
    <row r="36413" spans="14:14">
      <c r="N36413" s="10"/>
    </row>
    <row r="36414" spans="14:14">
      <c r="N36414" s="10"/>
    </row>
    <row r="36415" spans="14:14">
      <c r="N36415" s="10"/>
    </row>
    <row r="36416" spans="14:14">
      <c r="N36416" s="10"/>
    </row>
    <row r="36417" spans="14:14">
      <c r="N36417" s="10"/>
    </row>
    <row r="36418" spans="14:14">
      <c r="N36418" s="10"/>
    </row>
    <row r="36419" spans="14:14">
      <c r="N36419" s="10"/>
    </row>
    <row r="36420" spans="14:14">
      <c r="N36420" s="10"/>
    </row>
    <row r="36421" spans="14:14">
      <c r="N36421" s="10"/>
    </row>
    <row r="36422" spans="14:14">
      <c r="N36422" s="10"/>
    </row>
    <row r="36423" spans="14:14">
      <c r="N36423" s="10"/>
    </row>
    <row r="36424" spans="14:14">
      <c r="N36424" s="10"/>
    </row>
    <row r="36425" spans="14:14">
      <c r="N36425" s="10"/>
    </row>
    <row r="36426" spans="14:14">
      <c r="N36426" s="10"/>
    </row>
    <row r="36427" spans="14:14">
      <c r="N36427" s="10"/>
    </row>
    <row r="36428" spans="14:14">
      <c r="N36428" s="10"/>
    </row>
    <row r="36429" spans="14:14">
      <c r="N36429" s="10"/>
    </row>
    <row r="36430" spans="14:14">
      <c r="N36430" s="10"/>
    </row>
    <row r="36431" spans="14:14">
      <c r="N36431" s="10"/>
    </row>
    <row r="36432" spans="14:14">
      <c r="N36432" s="10"/>
    </row>
    <row r="36433" spans="14:14">
      <c r="N36433" s="10"/>
    </row>
    <row r="36434" spans="14:14">
      <c r="N36434" s="10"/>
    </row>
    <row r="36435" spans="14:14">
      <c r="N36435" s="10"/>
    </row>
    <row r="36436" spans="14:14">
      <c r="N36436" s="10"/>
    </row>
    <row r="36437" spans="14:14">
      <c r="N36437" s="10"/>
    </row>
    <row r="36438" spans="14:14">
      <c r="N36438" s="10"/>
    </row>
    <row r="36439" spans="14:14">
      <c r="N36439" s="10"/>
    </row>
    <row r="36440" spans="14:14">
      <c r="N36440" s="10"/>
    </row>
    <row r="36441" spans="14:14">
      <c r="N36441" s="10"/>
    </row>
    <row r="36442" spans="14:14">
      <c r="N36442" s="10"/>
    </row>
    <row r="36443" spans="14:14">
      <c r="N36443" s="10"/>
    </row>
    <row r="36444" spans="14:14">
      <c r="N36444" s="10"/>
    </row>
    <row r="36445" spans="14:14">
      <c r="N36445" s="10"/>
    </row>
    <row r="36446" spans="14:14">
      <c r="N36446" s="10"/>
    </row>
    <row r="36447" spans="14:14">
      <c r="N36447" s="10"/>
    </row>
    <row r="36448" spans="14:14">
      <c r="N36448" s="10"/>
    </row>
    <row r="36449" spans="14:14">
      <c r="N36449" s="10"/>
    </row>
    <row r="36450" spans="14:14">
      <c r="N36450" s="10"/>
    </row>
    <row r="36451" spans="14:14">
      <c r="N36451" s="10"/>
    </row>
    <row r="36452" spans="14:14">
      <c r="N36452" s="10"/>
    </row>
    <row r="36453" spans="14:14">
      <c r="N36453" s="10"/>
    </row>
    <row r="36454" spans="14:14">
      <c r="N36454" s="10"/>
    </row>
    <row r="36455" spans="14:14">
      <c r="N36455" s="10"/>
    </row>
    <row r="36456" spans="14:14">
      <c r="N36456" s="10"/>
    </row>
    <row r="36457" spans="14:14">
      <c r="N36457" s="10"/>
    </row>
    <row r="36458" spans="14:14">
      <c r="N36458" s="10"/>
    </row>
    <row r="36459" spans="14:14">
      <c r="N36459" s="10"/>
    </row>
    <row r="36460" spans="14:14">
      <c r="N36460" s="10"/>
    </row>
    <row r="36461" spans="14:14">
      <c r="N36461" s="10"/>
    </row>
    <row r="36462" spans="14:14">
      <c r="N36462" s="10"/>
    </row>
    <row r="36463" spans="14:14">
      <c r="N36463" s="10"/>
    </row>
    <row r="36464" spans="14:14">
      <c r="N36464" s="10"/>
    </row>
    <row r="36465" spans="14:14">
      <c r="N36465" s="10"/>
    </row>
    <row r="36466" spans="14:14">
      <c r="N36466" s="10"/>
    </row>
    <row r="36467" spans="14:14">
      <c r="N36467" s="10"/>
    </row>
    <row r="36468" spans="14:14">
      <c r="N36468" s="10"/>
    </row>
    <row r="36469" spans="14:14">
      <c r="N36469" s="10"/>
    </row>
    <row r="36470" spans="14:14">
      <c r="N36470" s="10"/>
    </row>
    <row r="36471" spans="14:14">
      <c r="N36471" s="10"/>
    </row>
    <row r="36472" spans="14:14">
      <c r="N36472" s="10"/>
    </row>
    <row r="36473" spans="14:14">
      <c r="N36473" s="10"/>
    </row>
    <row r="36474" spans="14:14">
      <c r="N36474" s="10"/>
    </row>
    <row r="36475" spans="14:14">
      <c r="N36475" s="10"/>
    </row>
    <row r="36476" spans="14:14">
      <c r="N36476" s="10"/>
    </row>
    <row r="36477" spans="14:14">
      <c r="N36477" s="10"/>
    </row>
    <row r="36478" spans="14:14">
      <c r="N36478" s="10"/>
    </row>
    <row r="36479" spans="14:14">
      <c r="N36479" s="10"/>
    </row>
    <row r="36480" spans="14:14">
      <c r="N36480" s="10"/>
    </row>
    <row r="36481" spans="14:14">
      <c r="N36481" s="10"/>
    </row>
    <row r="36482" spans="14:14">
      <c r="N36482" s="10"/>
    </row>
    <row r="36483" spans="14:14">
      <c r="N36483" s="10"/>
    </row>
    <row r="36484" spans="14:14">
      <c r="N36484" s="10"/>
    </row>
    <row r="36485" spans="14:14">
      <c r="N36485" s="10"/>
    </row>
    <row r="36486" spans="14:14">
      <c r="N36486" s="10"/>
    </row>
    <row r="36487" spans="14:14">
      <c r="N36487" s="10"/>
    </row>
    <row r="36488" spans="14:14">
      <c r="N36488" s="10"/>
    </row>
    <row r="36489" spans="14:14">
      <c r="N36489" s="10"/>
    </row>
    <row r="36490" spans="14:14">
      <c r="N36490" s="10"/>
    </row>
    <row r="36491" spans="14:14">
      <c r="N36491" s="10"/>
    </row>
    <row r="36492" spans="14:14">
      <c r="N36492" s="10"/>
    </row>
    <row r="36493" spans="14:14">
      <c r="N36493" s="10"/>
    </row>
    <row r="36494" spans="14:14">
      <c r="N36494" s="10"/>
    </row>
    <row r="36495" spans="14:14">
      <c r="N36495" s="10"/>
    </row>
    <row r="36496" spans="14:14">
      <c r="N36496" s="10"/>
    </row>
    <row r="36497" spans="14:14">
      <c r="N36497" s="10"/>
    </row>
    <row r="36498" spans="14:14">
      <c r="N36498" s="10"/>
    </row>
    <row r="36499" spans="14:14">
      <c r="N36499" s="10"/>
    </row>
    <row r="36500" spans="14:14">
      <c r="N36500" s="10"/>
    </row>
    <row r="36501" spans="14:14">
      <c r="N36501" s="10"/>
    </row>
    <row r="36502" spans="14:14">
      <c r="N36502" s="10"/>
    </row>
    <row r="36503" spans="14:14">
      <c r="N36503" s="10"/>
    </row>
    <row r="36504" spans="14:14">
      <c r="N36504" s="10"/>
    </row>
    <row r="36505" spans="14:14">
      <c r="N36505" s="10"/>
    </row>
    <row r="36506" spans="14:14">
      <c r="N36506" s="10"/>
    </row>
    <row r="36507" spans="14:14">
      <c r="N36507" s="10"/>
    </row>
    <row r="36508" spans="14:14">
      <c r="N36508" s="10"/>
    </row>
    <row r="36509" spans="14:14">
      <c r="N36509" s="10"/>
    </row>
    <row r="36510" spans="14:14">
      <c r="N36510" s="10"/>
    </row>
    <row r="36511" spans="14:14">
      <c r="N36511" s="10"/>
    </row>
    <row r="36512" spans="14:14">
      <c r="N36512" s="10"/>
    </row>
    <row r="36513" spans="14:14">
      <c r="N36513" s="10"/>
    </row>
    <row r="36514" spans="14:14">
      <c r="N36514" s="10"/>
    </row>
    <row r="36515" spans="14:14">
      <c r="N36515" s="10"/>
    </row>
    <row r="36516" spans="14:14">
      <c r="N36516" s="10"/>
    </row>
    <row r="36517" spans="14:14">
      <c r="N36517" s="10"/>
    </row>
    <row r="36518" spans="14:14">
      <c r="N36518" s="10"/>
    </row>
    <row r="36519" spans="14:14">
      <c r="N36519" s="10"/>
    </row>
    <row r="36520" spans="14:14">
      <c r="N36520" s="10"/>
    </row>
    <row r="36521" spans="14:14">
      <c r="N36521" s="10"/>
    </row>
    <row r="36522" spans="14:14">
      <c r="N36522" s="10"/>
    </row>
    <row r="36523" spans="14:14">
      <c r="N36523" s="10"/>
    </row>
    <row r="36524" spans="14:14">
      <c r="N36524" s="10"/>
    </row>
    <row r="36525" spans="14:14">
      <c r="N36525" s="10"/>
    </row>
    <row r="36526" spans="14:14">
      <c r="N36526" s="10"/>
    </row>
    <row r="36527" spans="14:14">
      <c r="N36527" s="10"/>
    </row>
    <row r="36528" spans="14:14">
      <c r="N36528" s="10"/>
    </row>
    <row r="36529" spans="14:14">
      <c r="N36529" s="10"/>
    </row>
    <row r="36530" spans="14:14">
      <c r="N36530" s="10"/>
    </row>
    <row r="36531" spans="14:14">
      <c r="N36531" s="10"/>
    </row>
    <row r="36532" spans="14:14">
      <c r="N36532" s="10"/>
    </row>
    <row r="36533" spans="14:14">
      <c r="N36533" s="10"/>
    </row>
    <row r="36534" spans="14:14">
      <c r="N36534" s="10"/>
    </row>
    <row r="36535" spans="14:14">
      <c r="N36535" s="10"/>
    </row>
    <row r="36536" spans="14:14">
      <c r="N36536" s="10"/>
    </row>
    <row r="36537" spans="14:14">
      <c r="N36537" s="10"/>
    </row>
    <row r="36538" spans="14:14">
      <c r="N36538" s="10"/>
    </row>
    <row r="36539" spans="14:14">
      <c r="N36539" s="10"/>
    </row>
    <row r="36540" spans="14:14">
      <c r="N36540" s="10"/>
    </row>
    <row r="36541" spans="14:14">
      <c r="N36541" s="10"/>
    </row>
    <row r="36542" spans="14:14">
      <c r="N36542" s="10"/>
    </row>
    <row r="36543" spans="14:14">
      <c r="N36543" s="10"/>
    </row>
    <row r="36544" spans="14:14">
      <c r="N36544" s="10"/>
    </row>
    <row r="36545" spans="14:14">
      <c r="N36545" s="10"/>
    </row>
    <row r="36546" spans="14:14">
      <c r="N36546" s="10"/>
    </row>
    <row r="36547" spans="14:14">
      <c r="N36547" s="10"/>
    </row>
    <row r="36548" spans="14:14">
      <c r="N36548" s="10"/>
    </row>
    <row r="36549" spans="14:14">
      <c r="N36549" s="10"/>
    </row>
    <row r="36550" spans="14:14">
      <c r="N36550" s="10"/>
    </row>
    <row r="36551" spans="14:14">
      <c r="N36551" s="10"/>
    </row>
    <row r="36552" spans="14:14">
      <c r="N36552" s="10"/>
    </row>
    <row r="36553" spans="14:14">
      <c r="N36553" s="10"/>
    </row>
    <row r="36554" spans="14:14">
      <c r="N36554" s="10"/>
    </row>
    <row r="36555" spans="14:14">
      <c r="N36555" s="10"/>
    </row>
    <row r="36556" spans="14:14">
      <c r="N36556" s="10"/>
    </row>
    <row r="36557" spans="14:14">
      <c r="N36557" s="10"/>
    </row>
    <row r="36558" spans="14:14">
      <c r="N36558" s="10"/>
    </row>
    <row r="36559" spans="14:14">
      <c r="N36559" s="10"/>
    </row>
    <row r="36560" spans="14:14">
      <c r="N36560" s="10"/>
    </row>
    <row r="36561" spans="14:14">
      <c r="N36561" s="10"/>
    </row>
    <row r="36562" spans="14:14">
      <c r="N36562" s="10"/>
    </row>
    <row r="36563" spans="14:14">
      <c r="N36563" s="10"/>
    </row>
    <row r="36564" spans="14:14">
      <c r="N36564" s="10"/>
    </row>
    <row r="36565" spans="14:14">
      <c r="N36565" s="10"/>
    </row>
    <row r="36566" spans="14:14">
      <c r="N36566" s="10"/>
    </row>
    <row r="36567" spans="14:14">
      <c r="N36567" s="10"/>
    </row>
    <row r="36568" spans="14:14">
      <c r="N36568" s="10"/>
    </row>
    <row r="36569" spans="14:14">
      <c r="N36569" s="10"/>
    </row>
    <row r="36570" spans="14:14">
      <c r="N36570" s="10"/>
    </row>
    <row r="36571" spans="14:14">
      <c r="N36571" s="10"/>
    </row>
    <row r="36572" spans="14:14">
      <c r="N36572" s="10"/>
    </row>
    <row r="36573" spans="14:14">
      <c r="N36573" s="10"/>
    </row>
    <row r="36574" spans="14:14">
      <c r="N36574" s="10"/>
    </row>
    <row r="36575" spans="14:14">
      <c r="N36575" s="10"/>
    </row>
    <row r="36576" spans="14:14">
      <c r="N36576" s="10"/>
    </row>
    <row r="36577" spans="14:14">
      <c r="N36577" s="10"/>
    </row>
    <row r="36578" spans="14:14">
      <c r="N36578" s="10"/>
    </row>
    <row r="36579" spans="14:14">
      <c r="N36579" s="10"/>
    </row>
    <row r="36580" spans="14:14">
      <c r="N36580" s="10"/>
    </row>
    <row r="36581" spans="14:14">
      <c r="N36581" s="10"/>
    </row>
    <row r="36582" spans="14:14">
      <c r="N36582" s="10"/>
    </row>
    <row r="36583" spans="14:14">
      <c r="N36583" s="10"/>
    </row>
    <row r="36584" spans="14:14">
      <c r="N36584" s="10"/>
    </row>
    <row r="36585" spans="14:14">
      <c r="N36585" s="10"/>
    </row>
    <row r="36586" spans="14:14">
      <c r="N36586" s="10"/>
    </row>
    <row r="36587" spans="14:14">
      <c r="N36587" s="10"/>
    </row>
    <row r="36588" spans="14:14">
      <c r="N36588" s="10"/>
    </row>
    <row r="36589" spans="14:14">
      <c r="N36589" s="10"/>
    </row>
    <row r="36590" spans="14:14">
      <c r="N36590" s="10"/>
    </row>
    <row r="36591" spans="14:14">
      <c r="N36591" s="10"/>
    </row>
    <row r="36592" spans="14:14">
      <c r="N36592" s="10"/>
    </row>
    <row r="36593" spans="14:14">
      <c r="N36593" s="10"/>
    </row>
    <row r="36594" spans="14:14">
      <c r="N36594" s="10"/>
    </row>
    <row r="36595" spans="14:14">
      <c r="N36595" s="10"/>
    </row>
    <row r="36596" spans="14:14">
      <c r="N36596" s="10"/>
    </row>
    <row r="36597" spans="14:14">
      <c r="N36597" s="10"/>
    </row>
    <row r="36598" spans="14:14">
      <c r="N36598" s="10"/>
    </row>
    <row r="36599" spans="14:14">
      <c r="N36599" s="10"/>
    </row>
    <row r="36600" spans="14:14">
      <c r="N36600" s="10"/>
    </row>
    <row r="36601" spans="14:14">
      <c r="N36601" s="10"/>
    </row>
    <row r="36602" spans="14:14">
      <c r="N36602" s="10"/>
    </row>
    <row r="36603" spans="14:14">
      <c r="N36603" s="10"/>
    </row>
    <row r="36604" spans="14:14">
      <c r="N36604" s="10"/>
    </row>
    <row r="36605" spans="14:14">
      <c r="N36605" s="10"/>
    </row>
    <row r="36606" spans="14:14">
      <c r="N36606" s="10"/>
    </row>
    <row r="36607" spans="14:14">
      <c r="N36607" s="10"/>
    </row>
    <row r="36608" spans="14:14">
      <c r="N36608" s="10"/>
    </row>
    <row r="36609" spans="14:14">
      <c r="N36609" s="10"/>
    </row>
    <row r="36610" spans="14:14">
      <c r="N36610" s="10"/>
    </row>
    <row r="36611" spans="14:14">
      <c r="N36611" s="10"/>
    </row>
    <row r="36612" spans="14:14">
      <c r="N36612" s="10"/>
    </row>
    <row r="36613" spans="14:14">
      <c r="N36613" s="10"/>
    </row>
    <row r="36614" spans="14:14">
      <c r="N36614" s="10"/>
    </row>
    <row r="36615" spans="14:14">
      <c r="N36615" s="10"/>
    </row>
    <row r="36616" spans="14:14">
      <c r="N36616" s="10"/>
    </row>
    <row r="36617" spans="14:14">
      <c r="N36617" s="10"/>
    </row>
    <row r="36618" spans="14:14">
      <c r="N36618" s="10"/>
    </row>
    <row r="36619" spans="14:14">
      <c r="N36619" s="10"/>
    </row>
    <row r="36620" spans="14:14">
      <c r="N36620" s="10"/>
    </row>
    <row r="36621" spans="14:14">
      <c r="N36621" s="10"/>
    </row>
    <row r="36622" spans="14:14">
      <c r="N36622" s="10"/>
    </row>
    <row r="36623" spans="14:14">
      <c r="N36623" s="10"/>
    </row>
    <row r="36624" spans="14:14">
      <c r="N36624" s="10"/>
    </row>
    <row r="36625" spans="14:14">
      <c r="N36625" s="10"/>
    </row>
    <row r="36626" spans="14:14">
      <c r="N36626" s="10"/>
    </row>
    <row r="36627" spans="14:14">
      <c r="N36627" s="10"/>
    </row>
    <row r="36628" spans="14:14">
      <c r="N36628" s="10"/>
    </row>
    <row r="36629" spans="14:14">
      <c r="N36629" s="10"/>
    </row>
    <row r="36630" spans="14:14">
      <c r="N36630" s="10"/>
    </row>
    <row r="36631" spans="14:14">
      <c r="N36631" s="10"/>
    </row>
    <row r="36632" spans="14:14">
      <c r="N36632" s="10"/>
    </row>
    <row r="36633" spans="14:14">
      <c r="N36633" s="10"/>
    </row>
    <row r="36634" spans="14:14">
      <c r="N36634" s="10"/>
    </row>
    <row r="36635" spans="14:14">
      <c r="N36635" s="10"/>
    </row>
    <row r="36636" spans="14:14">
      <c r="N36636" s="10"/>
    </row>
    <row r="36637" spans="14:14">
      <c r="N36637" s="10"/>
    </row>
    <row r="36638" spans="14:14">
      <c r="N36638" s="10"/>
    </row>
    <row r="36639" spans="14:14">
      <c r="N36639" s="10"/>
    </row>
    <row r="36640" spans="14:14">
      <c r="N36640" s="10"/>
    </row>
    <row r="36641" spans="14:14">
      <c r="N36641" s="10"/>
    </row>
    <row r="36642" spans="14:14">
      <c r="N36642" s="10"/>
    </row>
    <row r="36643" spans="14:14">
      <c r="N36643" s="10"/>
    </row>
    <row r="36644" spans="14:14">
      <c r="N36644" s="10"/>
    </row>
    <row r="36645" spans="14:14">
      <c r="N36645" s="10"/>
    </row>
    <row r="36646" spans="14:14">
      <c r="N36646" s="10"/>
    </row>
    <row r="36647" spans="14:14">
      <c r="N36647" s="10"/>
    </row>
    <row r="36648" spans="14:14">
      <c r="N36648" s="10"/>
    </row>
    <row r="36649" spans="14:14">
      <c r="N36649" s="10"/>
    </row>
    <row r="36650" spans="14:14">
      <c r="N36650" s="10"/>
    </row>
    <row r="36651" spans="14:14">
      <c r="N36651" s="10"/>
    </row>
    <row r="36652" spans="14:14">
      <c r="N36652" s="10"/>
    </row>
    <row r="36653" spans="14:14">
      <c r="N36653" s="10"/>
    </row>
    <row r="36654" spans="14:14">
      <c r="N36654" s="10"/>
    </row>
    <row r="36655" spans="14:14">
      <c r="N36655" s="10"/>
    </row>
    <row r="36656" spans="14:14">
      <c r="N36656" s="10"/>
    </row>
    <row r="36657" spans="14:14">
      <c r="N36657" s="10"/>
    </row>
    <row r="36658" spans="14:14">
      <c r="N36658" s="10"/>
    </row>
    <row r="36659" spans="14:14">
      <c r="N36659" s="10"/>
    </row>
    <row r="36660" spans="14:14">
      <c r="N36660" s="10"/>
    </row>
    <row r="36661" spans="14:14">
      <c r="N36661" s="10"/>
    </row>
    <row r="36662" spans="14:14">
      <c r="N36662" s="10"/>
    </row>
    <row r="36663" spans="14:14">
      <c r="N36663" s="10"/>
    </row>
    <row r="36664" spans="14:14">
      <c r="N36664" s="10"/>
    </row>
    <row r="36665" spans="14:14">
      <c r="N36665" s="10"/>
    </row>
    <row r="36666" spans="14:14">
      <c r="N36666" s="10"/>
    </row>
    <row r="36667" spans="14:14">
      <c r="N36667" s="10"/>
    </row>
    <row r="36668" spans="14:14">
      <c r="N36668" s="10"/>
    </row>
    <row r="36669" spans="14:14">
      <c r="N36669" s="10"/>
    </row>
    <row r="36670" spans="14:14">
      <c r="N36670" s="10"/>
    </row>
    <row r="36671" spans="14:14">
      <c r="N36671" s="10"/>
    </row>
    <row r="36672" spans="14:14">
      <c r="N36672" s="10"/>
    </row>
    <row r="36673" spans="14:14">
      <c r="N36673" s="10"/>
    </row>
    <row r="36674" spans="14:14">
      <c r="N36674" s="10"/>
    </row>
    <row r="36675" spans="14:14">
      <c r="N36675" s="10"/>
    </row>
    <row r="36676" spans="14:14">
      <c r="N36676" s="10"/>
    </row>
    <row r="36677" spans="14:14">
      <c r="N36677" s="10"/>
    </row>
    <row r="36678" spans="14:14">
      <c r="N36678" s="10"/>
    </row>
    <row r="36679" spans="14:14">
      <c r="N36679" s="10"/>
    </row>
    <row r="36680" spans="14:14">
      <c r="N36680" s="10"/>
    </row>
    <row r="36681" spans="14:14">
      <c r="N36681" s="10"/>
    </row>
    <row r="36682" spans="14:14">
      <c r="N36682" s="10"/>
    </row>
    <row r="36683" spans="14:14">
      <c r="N36683" s="10"/>
    </row>
    <row r="36684" spans="14:14">
      <c r="N36684" s="10"/>
    </row>
    <row r="36685" spans="14:14">
      <c r="N36685" s="10"/>
    </row>
    <row r="36686" spans="14:14">
      <c r="N36686" s="10"/>
    </row>
    <row r="36687" spans="14:14">
      <c r="N36687" s="10"/>
    </row>
    <row r="36688" spans="14:14">
      <c r="N36688" s="10"/>
    </row>
    <row r="36689" spans="14:14">
      <c r="N36689" s="10"/>
    </row>
    <row r="36690" spans="14:14">
      <c r="N36690" s="10"/>
    </row>
    <row r="36691" spans="14:14">
      <c r="N36691" s="10"/>
    </row>
    <row r="36692" spans="14:14">
      <c r="N36692" s="10"/>
    </row>
    <row r="36693" spans="14:14">
      <c r="N36693" s="10"/>
    </row>
    <row r="36694" spans="14:14">
      <c r="N36694" s="10"/>
    </row>
    <row r="36695" spans="14:14">
      <c r="N36695" s="10"/>
    </row>
    <row r="36696" spans="14:14">
      <c r="N36696" s="10"/>
    </row>
    <row r="36697" spans="14:14">
      <c r="N36697" s="10"/>
    </row>
    <row r="36698" spans="14:14">
      <c r="N36698" s="10"/>
    </row>
    <row r="36699" spans="14:14">
      <c r="N36699" s="10"/>
    </row>
    <row r="36700" spans="14:14">
      <c r="N36700" s="10"/>
    </row>
    <row r="36701" spans="14:14">
      <c r="N36701" s="10"/>
    </row>
    <row r="36702" spans="14:14">
      <c r="N36702" s="10"/>
    </row>
    <row r="36703" spans="14:14">
      <c r="N36703" s="10"/>
    </row>
    <row r="36704" spans="14:14">
      <c r="N36704" s="10"/>
    </row>
    <row r="36705" spans="14:14">
      <c r="N36705" s="10"/>
    </row>
    <row r="36706" spans="14:14">
      <c r="N36706" s="10"/>
    </row>
    <row r="36707" spans="14:14">
      <c r="N36707" s="10"/>
    </row>
    <row r="36708" spans="14:14">
      <c r="N36708" s="10"/>
    </row>
    <row r="36709" spans="14:14">
      <c r="N36709" s="10"/>
    </row>
    <row r="36710" spans="14:14">
      <c r="N36710" s="10"/>
    </row>
    <row r="36711" spans="14:14">
      <c r="N36711" s="10"/>
    </row>
    <row r="36712" spans="14:14">
      <c r="N36712" s="10"/>
    </row>
    <row r="36713" spans="14:14">
      <c r="N36713" s="10"/>
    </row>
    <row r="36714" spans="14:14">
      <c r="N36714" s="10"/>
    </row>
    <row r="36715" spans="14:14">
      <c r="N36715" s="10"/>
    </row>
    <row r="36716" spans="14:14">
      <c r="N36716" s="10"/>
    </row>
    <row r="36717" spans="14:14">
      <c r="N36717" s="10"/>
    </row>
    <row r="36718" spans="14:14">
      <c r="N36718" s="10"/>
    </row>
    <row r="36719" spans="14:14">
      <c r="N36719" s="10"/>
    </row>
    <row r="36720" spans="14:14">
      <c r="N36720" s="10"/>
    </row>
    <row r="36721" spans="14:14">
      <c r="N36721" s="10"/>
    </row>
    <row r="36722" spans="14:14">
      <c r="N36722" s="10"/>
    </row>
    <row r="36723" spans="14:14">
      <c r="N36723" s="10"/>
    </row>
    <row r="36724" spans="14:14">
      <c r="N36724" s="10"/>
    </row>
    <row r="36725" spans="14:14">
      <c r="N36725" s="10"/>
    </row>
    <row r="36726" spans="14:14">
      <c r="N36726" s="10"/>
    </row>
    <row r="36727" spans="14:14">
      <c r="N36727" s="10"/>
    </row>
    <row r="36728" spans="14:14">
      <c r="N36728" s="10"/>
    </row>
    <row r="36729" spans="14:14">
      <c r="N36729" s="10"/>
    </row>
    <row r="36730" spans="14:14">
      <c r="N36730" s="10"/>
    </row>
    <row r="36731" spans="14:14">
      <c r="N36731" s="10"/>
    </row>
    <row r="36732" spans="14:14">
      <c r="N36732" s="10"/>
    </row>
    <row r="36733" spans="14:14">
      <c r="N36733" s="10"/>
    </row>
    <row r="36734" spans="14:14">
      <c r="N36734" s="10"/>
    </row>
    <row r="36735" spans="14:14">
      <c r="N36735" s="10"/>
    </row>
    <row r="36736" spans="14:14">
      <c r="N36736" s="10"/>
    </row>
    <row r="36737" spans="14:14">
      <c r="N36737" s="10"/>
    </row>
    <row r="36738" spans="14:14">
      <c r="N36738" s="10"/>
    </row>
    <row r="36739" spans="14:14">
      <c r="N36739" s="10"/>
    </row>
    <row r="36740" spans="14:14">
      <c r="N36740" s="10"/>
    </row>
    <row r="36741" spans="14:14">
      <c r="N36741" s="10"/>
    </row>
    <row r="36742" spans="14:14">
      <c r="N36742" s="10"/>
    </row>
    <row r="36743" spans="14:14">
      <c r="N36743" s="10"/>
    </row>
    <row r="36744" spans="14:14">
      <c r="N36744" s="10"/>
    </row>
    <row r="36745" spans="14:14">
      <c r="N36745" s="10"/>
    </row>
    <row r="36746" spans="14:14">
      <c r="N36746" s="10"/>
    </row>
    <row r="36747" spans="14:14">
      <c r="N36747" s="10"/>
    </row>
    <row r="36748" spans="14:14">
      <c r="N36748" s="10"/>
    </row>
    <row r="36749" spans="14:14">
      <c r="N36749" s="10"/>
    </row>
    <row r="36750" spans="14:14">
      <c r="N36750" s="10"/>
    </row>
    <row r="36751" spans="14:14">
      <c r="N36751" s="10"/>
    </row>
    <row r="36752" spans="14:14">
      <c r="N36752" s="10"/>
    </row>
    <row r="36753" spans="14:14">
      <c r="N36753" s="10"/>
    </row>
    <row r="36754" spans="14:14">
      <c r="N36754" s="10"/>
    </row>
    <row r="36755" spans="14:14">
      <c r="N36755" s="10"/>
    </row>
    <row r="36756" spans="14:14">
      <c r="N36756" s="10"/>
    </row>
    <row r="36757" spans="14:14">
      <c r="N36757" s="10"/>
    </row>
    <row r="36758" spans="14:14">
      <c r="N36758" s="10"/>
    </row>
    <row r="36759" spans="14:14">
      <c r="N36759" s="10"/>
    </row>
    <row r="36760" spans="14:14">
      <c r="N36760" s="10"/>
    </row>
    <row r="36761" spans="14:14">
      <c r="N36761" s="10"/>
    </row>
    <row r="36762" spans="14:14">
      <c r="N36762" s="10"/>
    </row>
    <row r="36763" spans="14:14">
      <c r="N36763" s="10"/>
    </row>
    <row r="36764" spans="14:14">
      <c r="N36764" s="10"/>
    </row>
    <row r="36765" spans="14:14">
      <c r="N36765" s="10"/>
    </row>
    <row r="36766" spans="14:14">
      <c r="N36766" s="10"/>
    </row>
    <row r="36767" spans="14:14">
      <c r="N36767" s="10"/>
    </row>
    <row r="36768" spans="14:14">
      <c r="N36768" s="10"/>
    </row>
    <row r="36769" spans="14:14">
      <c r="N36769" s="10"/>
    </row>
    <row r="36770" spans="14:14">
      <c r="N36770" s="10"/>
    </row>
    <row r="36771" spans="14:14">
      <c r="N36771" s="10"/>
    </row>
    <row r="36772" spans="14:14">
      <c r="N36772" s="10"/>
    </row>
    <row r="36773" spans="14:14">
      <c r="N36773" s="10"/>
    </row>
    <row r="36774" spans="14:14">
      <c r="N36774" s="10"/>
    </row>
    <row r="36775" spans="14:14">
      <c r="N36775" s="10"/>
    </row>
    <row r="36776" spans="14:14">
      <c r="N36776" s="10"/>
    </row>
    <row r="36777" spans="14:14">
      <c r="N36777" s="10"/>
    </row>
    <row r="36778" spans="14:14">
      <c r="N36778" s="10"/>
    </row>
    <row r="36779" spans="14:14">
      <c r="N36779" s="10"/>
    </row>
    <row r="36780" spans="14:14">
      <c r="N36780" s="10"/>
    </row>
    <row r="36781" spans="14:14">
      <c r="N36781" s="10"/>
    </row>
    <row r="36782" spans="14:14">
      <c r="N36782" s="10"/>
    </row>
    <row r="36783" spans="14:14">
      <c r="N36783" s="10"/>
    </row>
    <row r="36784" spans="14:14">
      <c r="N36784" s="10"/>
    </row>
    <row r="36785" spans="14:14">
      <c r="N36785" s="10"/>
    </row>
    <row r="36786" spans="14:14">
      <c r="N36786" s="10"/>
    </row>
    <row r="36787" spans="14:14">
      <c r="N36787" s="10"/>
    </row>
    <row r="36788" spans="14:14">
      <c r="N36788" s="10"/>
    </row>
    <row r="36789" spans="14:14">
      <c r="N36789" s="10"/>
    </row>
    <row r="36790" spans="14:14">
      <c r="N36790" s="10"/>
    </row>
    <row r="36791" spans="14:14">
      <c r="N36791" s="10"/>
    </row>
    <row r="36792" spans="14:14">
      <c r="N36792" s="10"/>
    </row>
    <row r="36793" spans="14:14">
      <c r="N36793" s="10"/>
    </row>
    <row r="36794" spans="14:14">
      <c r="N36794" s="10"/>
    </row>
    <row r="36795" spans="14:14">
      <c r="N36795" s="10"/>
    </row>
    <row r="36796" spans="14:14">
      <c r="N36796" s="10"/>
    </row>
    <row r="36797" spans="14:14">
      <c r="N36797" s="10"/>
    </row>
    <row r="36798" spans="14:14">
      <c r="N36798" s="10"/>
    </row>
    <row r="36799" spans="14:14">
      <c r="N36799" s="10"/>
    </row>
    <row r="36800" spans="14:14">
      <c r="N36800" s="10"/>
    </row>
    <row r="36801" spans="14:14">
      <c r="N36801" s="10"/>
    </row>
    <row r="36802" spans="14:14">
      <c r="N36802" s="10"/>
    </row>
    <row r="36803" spans="14:14">
      <c r="N36803" s="10"/>
    </row>
    <row r="36804" spans="14:14">
      <c r="N36804" s="10"/>
    </row>
    <row r="36805" spans="14:14">
      <c r="N36805" s="10"/>
    </row>
    <row r="36806" spans="14:14">
      <c r="N36806" s="10"/>
    </row>
    <row r="36807" spans="14:14">
      <c r="N36807" s="10"/>
    </row>
    <row r="36808" spans="14:14">
      <c r="N36808" s="10"/>
    </row>
    <row r="36809" spans="14:14">
      <c r="N36809" s="10"/>
    </row>
    <row r="36810" spans="14:14">
      <c r="N36810" s="10"/>
    </row>
    <row r="36811" spans="14:14">
      <c r="N36811" s="10"/>
    </row>
    <row r="36812" spans="14:14">
      <c r="N36812" s="10"/>
    </row>
    <row r="36813" spans="14:14">
      <c r="N36813" s="10"/>
    </row>
    <row r="36814" spans="14:14">
      <c r="N36814" s="10"/>
    </row>
    <row r="36815" spans="14:14">
      <c r="N36815" s="10"/>
    </row>
    <row r="36816" spans="14:14">
      <c r="N36816" s="10"/>
    </row>
    <row r="36817" spans="14:14">
      <c r="N36817" s="10"/>
    </row>
    <row r="36818" spans="14:14">
      <c r="N36818" s="10"/>
    </row>
    <row r="36819" spans="14:14">
      <c r="N36819" s="10"/>
    </row>
    <row r="36820" spans="14:14">
      <c r="N36820" s="10"/>
    </row>
    <row r="36821" spans="14:14">
      <c r="N36821" s="10"/>
    </row>
    <row r="36822" spans="14:14">
      <c r="N36822" s="10"/>
    </row>
    <row r="36823" spans="14:14">
      <c r="N36823" s="10"/>
    </row>
    <row r="36824" spans="14:14">
      <c r="N36824" s="10"/>
    </row>
    <row r="36825" spans="14:14">
      <c r="N36825" s="10"/>
    </row>
    <row r="36826" spans="14:14">
      <c r="N36826" s="10"/>
    </row>
    <row r="36827" spans="14:14">
      <c r="N36827" s="10"/>
    </row>
    <row r="36828" spans="14:14">
      <c r="N36828" s="10"/>
    </row>
    <row r="36829" spans="14:14">
      <c r="N36829" s="10"/>
    </row>
    <row r="36830" spans="14:14">
      <c r="N36830" s="10"/>
    </row>
    <row r="36831" spans="14:14">
      <c r="N36831" s="10"/>
    </row>
    <row r="36832" spans="14:14">
      <c r="N36832" s="10"/>
    </row>
    <row r="36833" spans="14:14">
      <c r="N36833" s="10"/>
    </row>
    <row r="36834" spans="14:14">
      <c r="N36834" s="10"/>
    </row>
    <row r="36835" spans="14:14">
      <c r="N36835" s="10"/>
    </row>
    <row r="36836" spans="14:14">
      <c r="N36836" s="10"/>
    </row>
    <row r="36837" spans="14:14">
      <c r="N36837" s="10"/>
    </row>
    <row r="36838" spans="14:14">
      <c r="N36838" s="10"/>
    </row>
    <row r="36839" spans="14:14">
      <c r="N36839" s="10"/>
    </row>
    <row r="36840" spans="14:14">
      <c r="N36840" s="10"/>
    </row>
    <row r="36841" spans="14:14">
      <c r="N36841" s="10"/>
    </row>
    <row r="36842" spans="14:14">
      <c r="N36842" s="10"/>
    </row>
    <row r="36843" spans="14:14">
      <c r="N36843" s="10"/>
    </row>
    <row r="36844" spans="14:14">
      <c r="N36844" s="10"/>
    </row>
    <row r="36845" spans="14:14">
      <c r="N36845" s="10"/>
    </row>
    <row r="36846" spans="14:14">
      <c r="N36846" s="10"/>
    </row>
    <row r="36847" spans="14:14">
      <c r="N36847" s="10"/>
    </row>
    <row r="36848" spans="14:14">
      <c r="N36848" s="10"/>
    </row>
    <row r="36849" spans="14:14">
      <c r="N36849" s="10"/>
    </row>
    <row r="36850" spans="14:14">
      <c r="N36850" s="10"/>
    </row>
    <row r="36851" spans="14:14">
      <c r="N36851" s="10"/>
    </row>
    <row r="36852" spans="14:14">
      <c r="N36852" s="10"/>
    </row>
    <row r="36853" spans="14:14">
      <c r="N36853" s="10"/>
    </row>
    <row r="36854" spans="14:14">
      <c r="N36854" s="10"/>
    </row>
    <row r="36855" spans="14:14">
      <c r="N36855" s="10"/>
    </row>
    <row r="36856" spans="14:14">
      <c r="N36856" s="10"/>
    </row>
    <row r="36857" spans="14:14">
      <c r="N36857" s="10"/>
    </row>
    <row r="36858" spans="14:14">
      <c r="N36858" s="10"/>
    </row>
    <row r="36859" spans="14:14">
      <c r="N36859" s="10"/>
    </row>
    <row r="36860" spans="14:14">
      <c r="N36860" s="10"/>
    </row>
    <row r="36861" spans="14:14">
      <c r="N36861" s="10"/>
    </row>
    <row r="36862" spans="14:14">
      <c r="N36862" s="10"/>
    </row>
    <row r="36863" spans="14:14">
      <c r="N36863" s="10"/>
    </row>
    <row r="36864" spans="14:14">
      <c r="N36864" s="10"/>
    </row>
    <row r="36865" spans="14:14">
      <c r="N36865" s="10"/>
    </row>
    <row r="36866" spans="14:14">
      <c r="N36866" s="10"/>
    </row>
    <row r="36867" spans="14:14">
      <c r="N36867" s="10"/>
    </row>
    <row r="36868" spans="14:14">
      <c r="N36868" s="10"/>
    </row>
    <row r="36869" spans="14:14">
      <c r="N36869" s="10"/>
    </row>
    <row r="36870" spans="14:14">
      <c r="N36870" s="10"/>
    </row>
    <row r="36871" spans="14:14">
      <c r="N36871" s="10"/>
    </row>
    <row r="36872" spans="14:14">
      <c r="N36872" s="10"/>
    </row>
    <row r="36873" spans="14:14">
      <c r="N36873" s="10"/>
    </row>
    <row r="36874" spans="14:14">
      <c r="N36874" s="10"/>
    </row>
    <row r="36875" spans="14:14">
      <c r="N36875" s="10"/>
    </row>
    <row r="36876" spans="14:14">
      <c r="N36876" s="10"/>
    </row>
    <row r="36877" spans="14:14">
      <c r="N36877" s="10"/>
    </row>
    <row r="36878" spans="14:14">
      <c r="N36878" s="10"/>
    </row>
    <row r="36879" spans="14:14">
      <c r="N36879" s="10"/>
    </row>
    <row r="36880" spans="14:14">
      <c r="N36880" s="10"/>
    </row>
    <row r="36881" spans="14:14">
      <c r="N36881" s="10"/>
    </row>
    <row r="36882" spans="14:14">
      <c r="N36882" s="10"/>
    </row>
    <row r="36883" spans="14:14">
      <c r="N36883" s="10"/>
    </row>
    <row r="36884" spans="14:14">
      <c r="N36884" s="10"/>
    </row>
    <row r="36885" spans="14:14">
      <c r="N36885" s="10"/>
    </row>
    <row r="36886" spans="14:14">
      <c r="N36886" s="10"/>
    </row>
    <row r="36887" spans="14:14">
      <c r="N36887" s="10"/>
    </row>
    <row r="36888" spans="14:14">
      <c r="N36888" s="10"/>
    </row>
    <row r="36889" spans="14:14">
      <c r="N36889" s="10"/>
    </row>
    <row r="36890" spans="14:14">
      <c r="N36890" s="10"/>
    </row>
    <row r="36891" spans="14:14">
      <c r="N36891" s="10"/>
    </row>
    <row r="36892" spans="14:14">
      <c r="N36892" s="10"/>
    </row>
    <row r="36893" spans="14:14">
      <c r="N36893" s="10"/>
    </row>
    <row r="36894" spans="14:14">
      <c r="N36894" s="10"/>
    </row>
    <row r="36895" spans="14:14">
      <c r="N36895" s="10"/>
    </row>
    <row r="36896" spans="14:14">
      <c r="N36896" s="10"/>
    </row>
    <row r="36897" spans="14:14">
      <c r="N36897" s="10"/>
    </row>
    <row r="36898" spans="14:14">
      <c r="N36898" s="10"/>
    </row>
    <row r="36899" spans="14:14">
      <c r="N36899" s="10"/>
    </row>
    <row r="36900" spans="14:14">
      <c r="N36900" s="10"/>
    </row>
    <row r="36901" spans="14:14">
      <c r="N36901" s="10"/>
    </row>
    <row r="36902" spans="14:14">
      <c r="N36902" s="10"/>
    </row>
    <row r="36903" spans="14:14">
      <c r="N36903" s="10"/>
    </row>
    <row r="36904" spans="14:14">
      <c r="N36904" s="10"/>
    </row>
    <row r="36905" spans="14:14">
      <c r="N36905" s="10"/>
    </row>
    <row r="36906" spans="14:14">
      <c r="N36906" s="10"/>
    </row>
    <row r="36907" spans="14:14">
      <c r="N36907" s="10"/>
    </row>
    <row r="36908" spans="14:14">
      <c r="N36908" s="10"/>
    </row>
    <row r="36909" spans="14:14">
      <c r="N36909" s="10"/>
    </row>
    <row r="36910" spans="14:14">
      <c r="N36910" s="10"/>
    </row>
    <row r="36911" spans="14:14">
      <c r="N36911" s="10"/>
    </row>
    <row r="36912" spans="14:14">
      <c r="N36912" s="10"/>
    </row>
    <row r="36913" spans="14:14">
      <c r="N36913" s="10"/>
    </row>
    <row r="36914" spans="14:14">
      <c r="N36914" s="10"/>
    </row>
    <row r="36915" spans="14:14">
      <c r="N36915" s="10"/>
    </row>
    <row r="36916" spans="14:14">
      <c r="N36916" s="10"/>
    </row>
    <row r="36917" spans="14:14">
      <c r="N36917" s="10"/>
    </row>
    <row r="36918" spans="14:14">
      <c r="N36918" s="10"/>
    </row>
    <row r="36919" spans="14:14">
      <c r="N36919" s="10"/>
    </row>
    <row r="36920" spans="14:14">
      <c r="N36920" s="10"/>
    </row>
    <row r="36921" spans="14:14">
      <c r="N36921" s="10"/>
    </row>
    <row r="36922" spans="14:14">
      <c r="N36922" s="10"/>
    </row>
    <row r="36923" spans="14:14">
      <c r="N36923" s="10"/>
    </row>
    <row r="36924" spans="14:14">
      <c r="N36924" s="10"/>
    </row>
    <row r="36925" spans="14:14">
      <c r="N36925" s="10"/>
    </row>
    <row r="36926" spans="14:14">
      <c r="N36926" s="10"/>
    </row>
    <row r="36927" spans="14:14">
      <c r="N36927" s="10"/>
    </row>
    <row r="36928" spans="14:14">
      <c r="N36928" s="10"/>
    </row>
    <row r="36929" spans="14:14">
      <c r="N36929" s="10"/>
    </row>
    <row r="36930" spans="14:14">
      <c r="N36930" s="10"/>
    </row>
    <row r="36931" spans="14:14">
      <c r="N36931" s="10"/>
    </row>
    <row r="36932" spans="14:14">
      <c r="N36932" s="10"/>
    </row>
    <row r="36933" spans="14:14">
      <c r="N36933" s="10"/>
    </row>
    <row r="36934" spans="14:14">
      <c r="N36934" s="10"/>
    </row>
    <row r="36935" spans="14:14">
      <c r="N36935" s="10"/>
    </row>
    <row r="36936" spans="14:14">
      <c r="N36936" s="10"/>
    </row>
    <row r="36937" spans="14:14">
      <c r="N36937" s="10"/>
    </row>
    <row r="36938" spans="14:14">
      <c r="N36938" s="10"/>
    </row>
    <row r="36939" spans="14:14">
      <c r="N36939" s="10"/>
    </row>
    <row r="36940" spans="14:14">
      <c r="N36940" s="10"/>
    </row>
    <row r="36941" spans="14:14">
      <c r="N36941" s="10"/>
    </row>
    <row r="36942" spans="14:14">
      <c r="N36942" s="10"/>
    </row>
    <row r="36943" spans="14:14">
      <c r="N36943" s="10"/>
    </row>
    <row r="36944" spans="14:14">
      <c r="N36944" s="10"/>
    </row>
    <row r="36945" spans="14:14">
      <c r="N36945" s="10"/>
    </row>
    <row r="36946" spans="14:14">
      <c r="N36946" s="10"/>
    </row>
    <row r="36947" spans="14:14">
      <c r="N36947" s="10"/>
    </row>
    <row r="36948" spans="14:14">
      <c r="N36948" s="10"/>
    </row>
    <row r="36949" spans="14:14">
      <c r="N36949" s="10"/>
    </row>
    <row r="36950" spans="14:14">
      <c r="N36950" s="10"/>
    </row>
    <row r="36951" spans="14:14">
      <c r="N36951" s="10"/>
    </row>
    <row r="36952" spans="14:14">
      <c r="N36952" s="10"/>
    </row>
    <row r="36953" spans="14:14">
      <c r="N36953" s="10"/>
    </row>
    <row r="36954" spans="14:14">
      <c r="N36954" s="10"/>
    </row>
    <row r="36955" spans="14:14">
      <c r="N36955" s="10"/>
    </row>
    <row r="36956" spans="14:14">
      <c r="N36956" s="10"/>
    </row>
    <row r="36957" spans="14:14">
      <c r="N36957" s="10"/>
    </row>
    <row r="36958" spans="14:14">
      <c r="N36958" s="10"/>
    </row>
    <row r="36959" spans="14:14">
      <c r="N36959" s="10"/>
    </row>
    <row r="36960" spans="14:14">
      <c r="N36960" s="10"/>
    </row>
    <row r="36961" spans="14:14">
      <c r="N36961" s="10"/>
    </row>
    <row r="36962" spans="14:14">
      <c r="N36962" s="10"/>
    </row>
    <row r="36963" spans="14:14">
      <c r="N36963" s="10"/>
    </row>
    <row r="36964" spans="14:14">
      <c r="N36964" s="10"/>
    </row>
    <row r="36965" spans="14:14">
      <c r="N36965" s="10"/>
    </row>
    <row r="36966" spans="14:14">
      <c r="N36966" s="10"/>
    </row>
    <row r="36967" spans="14:14">
      <c r="N36967" s="10"/>
    </row>
    <row r="36968" spans="14:14">
      <c r="N36968" s="10"/>
    </row>
    <row r="36969" spans="14:14">
      <c r="N36969" s="10"/>
    </row>
    <row r="36970" spans="14:14">
      <c r="N36970" s="10"/>
    </row>
    <row r="36971" spans="14:14">
      <c r="N36971" s="10"/>
    </row>
    <row r="36972" spans="14:14">
      <c r="N36972" s="10"/>
    </row>
    <row r="36973" spans="14:14">
      <c r="N36973" s="10"/>
    </row>
    <row r="36974" spans="14:14">
      <c r="N36974" s="10"/>
    </row>
    <row r="36975" spans="14:14">
      <c r="N36975" s="10"/>
    </row>
    <row r="36976" spans="14:14">
      <c r="N36976" s="10"/>
    </row>
    <row r="36977" spans="14:14">
      <c r="N36977" s="10"/>
    </row>
    <row r="36978" spans="14:14">
      <c r="N36978" s="10"/>
    </row>
    <row r="36979" spans="14:14">
      <c r="N36979" s="10"/>
    </row>
    <row r="36980" spans="14:14">
      <c r="N36980" s="10"/>
    </row>
    <row r="36981" spans="14:14">
      <c r="N36981" s="10"/>
    </row>
    <row r="36982" spans="14:14">
      <c r="N36982" s="10"/>
    </row>
    <row r="36983" spans="14:14">
      <c r="N36983" s="10"/>
    </row>
    <row r="36984" spans="14:14">
      <c r="N36984" s="10"/>
    </row>
    <row r="36985" spans="14:14">
      <c r="N36985" s="10"/>
    </row>
    <row r="36986" spans="14:14">
      <c r="N36986" s="10"/>
    </row>
    <row r="36987" spans="14:14">
      <c r="N36987" s="10"/>
    </row>
    <row r="36988" spans="14:14">
      <c r="N36988" s="10"/>
    </row>
    <row r="36989" spans="14:14">
      <c r="N36989" s="10"/>
    </row>
    <row r="36990" spans="14:14">
      <c r="N36990" s="10"/>
    </row>
    <row r="36991" spans="14:14">
      <c r="N36991" s="10"/>
    </row>
    <row r="36992" spans="14:14">
      <c r="N36992" s="10"/>
    </row>
    <row r="36993" spans="14:14">
      <c r="N36993" s="10"/>
    </row>
    <row r="36994" spans="14:14">
      <c r="N36994" s="10"/>
    </row>
    <row r="36995" spans="14:14">
      <c r="N36995" s="10"/>
    </row>
    <row r="36996" spans="14:14">
      <c r="N36996" s="10"/>
    </row>
    <row r="36997" spans="14:14">
      <c r="N36997" s="10"/>
    </row>
    <row r="36998" spans="14:14">
      <c r="N36998" s="10"/>
    </row>
    <row r="36999" spans="14:14">
      <c r="N36999" s="10"/>
    </row>
    <row r="37000" spans="14:14">
      <c r="N37000" s="10"/>
    </row>
    <row r="37001" spans="14:14">
      <c r="N37001" s="10"/>
    </row>
    <row r="37002" spans="14:14">
      <c r="N37002" s="10"/>
    </row>
    <row r="37003" spans="14:14">
      <c r="N37003" s="10"/>
    </row>
    <row r="37004" spans="14:14">
      <c r="N37004" s="10"/>
    </row>
    <row r="37005" spans="14:14">
      <c r="N37005" s="10"/>
    </row>
    <row r="37006" spans="14:14">
      <c r="N37006" s="10"/>
    </row>
    <row r="37007" spans="14:14">
      <c r="N37007" s="10"/>
    </row>
    <row r="37008" spans="14:14">
      <c r="N37008" s="10"/>
    </row>
    <row r="37009" spans="14:14">
      <c r="N37009" s="10"/>
    </row>
    <row r="37010" spans="14:14">
      <c r="N37010" s="10"/>
    </row>
    <row r="37011" spans="14:14">
      <c r="N37011" s="10"/>
    </row>
    <row r="37012" spans="14:14">
      <c r="N37012" s="10"/>
    </row>
    <row r="37013" spans="14:14">
      <c r="N37013" s="10"/>
    </row>
    <row r="37014" spans="14:14">
      <c r="N37014" s="10"/>
    </row>
    <row r="37015" spans="14:14">
      <c r="N37015" s="10"/>
    </row>
    <row r="37016" spans="14:14">
      <c r="N37016" s="10"/>
    </row>
    <row r="37017" spans="14:14">
      <c r="N37017" s="10"/>
    </row>
    <row r="37018" spans="14:14">
      <c r="N37018" s="10"/>
    </row>
    <row r="37019" spans="14:14">
      <c r="N37019" s="10"/>
    </row>
    <row r="37020" spans="14:14">
      <c r="N37020" s="10"/>
    </row>
    <row r="37021" spans="14:14">
      <c r="N37021" s="10"/>
    </row>
    <row r="37022" spans="14:14">
      <c r="N37022" s="10"/>
    </row>
    <row r="37023" spans="14:14">
      <c r="N37023" s="10"/>
    </row>
    <row r="37024" spans="14:14">
      <c r="N37024" s="10"/>
    </row>
    <row r="37025" spans="14:14">
      <c r="N37025" s="10"/>
    </row>
    <row r="37026" spans="14:14">
      <c r="N37026" s="10"/>
    </row>
    <row r="37027" spans="14:14">
      <c r="N37027" s="10"/>
    </row>
    <row r="37028" spans="14:14">
      <c r="N37028" s="10"/>
    </row>
    <row r="37029" spans="14:14">
      <c r="N37029" s="10"/>
    </row>
    <row r="37030" spans="14:14">
      <c r="N37030" s="10"/>
    </row>
    <row r="37031" spans="14:14">
      <c r="N37031" s="10"/>
    </row>
    <row r="37032" spans="14:14">
      <c r="N37032" s="10"/>
    </row>
    <row r="37033" spans="14:14">
      <c r="N37033" s="10"/>
    </row>
    <row r="37034" spans="14:14">
      <c r="N37034" s="10"/>
    </row>
    <row r="37035" spans="14:14">
      <c r="N37035" s="10"/>
    </row>
    <row r="37036" spans="14:14">
      <c r="N37036" s="10"/>
    </row>
    <row r="37037" spans="14:14">
      <c r="N37037" s="10"/>
    </row>
    <row r="37038" spans="14:14">
      <c r="N37038" s="10"/>
    </row>
    <row r="37039" spans="14:14">
      <c r="N37039" s="10"/>
    </row>
    <row r="37040" spans="14:14">
      <c r="N37040" s="10"/>
    </row>
    <row r="37041" spans="14:14">
      <c r="N37041" s="10"/>
    </row>
    <row r="37042" spans="14:14">
      <c r="N37042" s="10"/>
    </row>
    <row r="37043" spans="14:14">
      <c r="N37043" s="10"/>
    </row>
    <row r="37044" spans="14:14">
      <c r="N37044" s="10"/>
    </row>
    <row r="37045" spans="14:14">
      <c r="N37045" s="10"/>
    </row>
    <row r="37046" spans="14:14">
      <c r="N37046" s="10"/>
    </row>
    <row r="37047" spans="14:14">
      <c r="N37047" s="10"/>
    </row>
    <row r="37048" spans="14:14">
      <c r="N37048" s="10"/>
    </row>
    <row r="37049" spans="14:14">
      <c r="N37049" s="10"/>
    </row>
    <row r="37050" spans="14:14">
      <c r="N37050" s="10"/>
    </row>
    <row r="37051" spans="14:14">
      <c r="N37051" s="10"/>
    </row>
    <row r="37052" spans="14:14">
      <c r="N37052" s="10"/>
    </row>
    <row r="37053" spans="14:14">
      <c r="N37053" s="10"/>
    </row>
    <row r="37054" spans="14:14">
      <c r="N37054" s="10"/>
    </row>
    <row r="37055" spans="14:14">
      <c r="N37055" s="10"/>
    </row>
    <row r="37056" spans="14:14">
      <c r="N37056" s="10"/>
    </row>
    <row r="37057" spans="14:14">
      <c r="N37057" s="10"/>
    </row>
    <row r="37058" spans="14:14">
      <c r="N37058" s="10"/>
    </row>
    <row r="37059" spans="14:14">
      <c r="N37059" s="10"/>
    </row>
    <row r="37060" spans="14:14">
      <c r="N37060" s="10"/>
    </row>
    <row r="37061" spans="14:14">
      <c r="N37061" s="10"/>
    </row>
    <row r="37062" spans="14:14">
      <c r="N37062" s="10"/>
    </row>
    <row r="37063" spans="14:14">
      <c r="N37063" s="10"/>
    </row>
    <row r="37064" spans="14:14">
      <c r="N37064" s="10"/>
    </row>
    <row r="37065" spans="14:14">
      <c r="N37065" s="10"/>
    </row>
    <row r="37066" spans="14:14">
      <c r="N37066" s="10"/>
    </row>
    <row r="37067" spans="14:14">
      <c r="N37067" s="10"/>
    </row>
    <row r="37068" spans="14:14">
      <c r="N37068" s="10"/>
    </row>
    <row r="37069" spans="14:14">
      <c r="N37069" s="10"/>
    </row>
    <row r="37070" spans="14:14">
      <c r="N37070" s="10"/>
    </row>
    <row r="37071" spans="14:14">
      <c r="N37071" s="10"/>
    </row>
    <row r="37072" spans="14:14">
      <c r="N37072" s="10"/>
    </row>
    <row r="37073" spans="14:14">
      <c r="N37073" s="10"/>
    </row>
    <row r="37074" spans="14:14">
      <c r="N37074" s="10"/>
    </row>
    <row r="37075" spans="14:14">
      <c r="N37075" s="10"/>
    </row>
    <row r="37076" spans="14:14">
      <c r="N37076" s="10"/>
    </row>
    <row r="37077" spans="14:14">
      <c r="N37077" s="10"/>
    </row>
    <row r="37078" spans="14:14">
      <c r="N37078" s="10"/>
    </row>
    <row r="37079" spans="14:14">
      <c r="N37079" s="10"/>
    </row>
    <row r="37080" spans="14:14">
      <c r="N37080" s="10"/>
    </row>
    <row r="37081" spans="14:14">
      <c r="N37081" s="10"/>
    </row>
    <row r="37082" spans="14:14">
      <c r="N37082" s="10"/>
    </row>
    <row r="37083" spans="14:14">
      <c r="N37083" s="10"/>
    </row>
    <row r="37084" spans="14:14">
      <c r="N37084" s="10"/>
    </row>
    <row r="37085" spans="14:14">
      <c r="N37085" s="10"/>
    </row>
    <row r="37086" spans="14:14">
      <c r="N37086" s="10"/>
    </row>
    <row r="37087" spans="14:14">
      <c r="N37087" s="10"/>
    </row>
    <row r="37088" spans="14:14">
      <c r="N37088" s="10"/>
    </row>
    <row r="37089" spans="14:14">
      <c r="N37089" s="10"/>
    </row>
    <row r="37090" spans="14:14">
      <c r="N37090" s="10"/>
    </row>
    <row r="37091" spans="14:14">
      <c r="N37091" s="10"/>
    </row>
    <row r="37092" spans="14:14">
      <c r="N37092" s="10"/>
    </row>
    <row r="37093" spans="14:14">
      <c r="N37093" s="10"/>
    </row>
    <row r="37094" spans="14:14">
      <c r="N37094" s="10"/>
    </row>
    <row r="37095" spans="14:14">
      <c r="N37095" s="10"/>
    </row>
    <row r="37096" spans="14:14">
      <c r="N37096" s="10"/>
    </row>
    <row r="37097" spans="14:14">
      <c r="N37097" s="10"/>
    </row>
    <row r="37098" spans="14:14">
      <c r="N37098" s="10"/>
    </row>
    <row r="37099" spans="14:14">
      <c r="N37099" s="10"/>
    </row>
    <row r="37100" spans="14:14">
      <c r="N37100" s="10"/>
    </row>
    <row r="37101" spans="14:14">
      <c r="N37101" s="10"/>
    </row>
    <row r="37102" spans="14:14">
      <c r="N37102" s="10"/>
    </row>
    <row r="37103" spans="14:14">
      <c r="N37103" s="10"/>
    </row>
    <row r="37104" spans="14:14">
      <c r="N37104" s="10"/>
    </row>
    <row r="37105" spans="14:14">
      <c r="N37105" s="10"/>
    </row>
    <row r="37106" spans="14:14">
      <c r="N37106" s="10"/>
    </row>
    <row r="37107" spans="14:14">
      <c r="N37107" s="10"/>
    </row>
    <row r="37108" spans="14:14">
      <c r="N37108" s="10"/>
    </row>
    <row r="37109" spans="14:14">
      <c r="N37109" s="10"/>
    </row>
    <row r="37110" spans="14:14">
      <c r="N37110" s="10"/>
    </row>
    <row r="37111" spans="14:14">
      <c r="N37111" s="10"/>
    </row>
    <row r="37112" spans="14:14">
      <c r="N37112" s="10"/>
    </row>
    <row r="37113" spans="14:14">
      <c r="N37113" s="10"/>
    </row>
    <row r="37114" spans="14:14">
      <c r="N37114" s="10"/>
    </row>
    <row r="37115" spans="14:14">
      <c r="N37115" s="10"/>
    </row>
    <row r="37116" spans="14:14">
      <c r="N37116" s="10"/>
    </row>
    <row r="37117" spans="14:14">
      <c r="N37117" s="10"/>
    </row>
    <row r="37118" spans="14:14">
      <c r="N37118" s="10"/>
    </row>
    <row r="37119" spans="14:14">
      <c r="N37119" s="10"/>
    </row>
    <row r="37120" spans="14:14">
      <c r="N37120" s="10"/>
    </row>
    <row r="37121" spans="14:14">
      <c r="N37121" s="10"/>
    </row>
    <row r="37122" spans="14:14">
      <c r="N37122" s="10"/>
    </row>
    <row r="37123" spans="14:14">
      <c r="N37123" s="10"/>
    </row>
    <row r="37124" spans="14:14">
      <c r="N37124" s="10"/>
    </row>
    <row r="37125" spans="14:14">
      <c r="N37125" s="10"/>
    </row>
    <row r="37126" spans="14:14">
      <c r="N37126" s="10"/>
    </row>
    <row r="37127" spans="14:14">
      <c r="N37127" s="10"/>
    </row>
    <row r="37128" spans="14:14">
      <c r="N37128" s="10"/>
    </row>
    <row r="37129" spans="14:14">
      <c r="N37129" s="10"/>
    </row>
    <row r="37130" spans="14:14">
      <c r="N37130" s="10"/>
    </row>
    <row r="37131" spans="14:14">
      <c r="N37131" s="10"/>
    </row>
    <row r="37132" spans="14:14">
      <c r="N37132" s="10"/>
    </row>
    <row r="37133" spans="14:14">
      <c r="N37133" s="10"/>
    </row>
    <row r="37134" spans="14:14">
      <c r="N37134" s="10"/>
    </row>
    <row r="37135" spans="14:14">
      <c r="N37135" s="10"/>
    </row>
    <row r="37136" spans="14:14">
      <c r="N37136" s="10"/>
    </row>
    <row r="37137" spans="14:14">
      <c r="N37137" s="10"/>
    </row>
    <row r="37138" spans="14:14">
      <c r="N37138" s="10"/>
    </row>
    <row r="37139" spans="14:14">
      <c r="N37139" s="10"/>
    </row>
    <row r="37140" spans="14:14">
      <c r="N37140" s="10"/>
    </row>
    <row r="37141" spans="14:14">
      <c r="N37141" s="10"/>
    </row>
    <row r="37142" spans="14:14">
      <c r="N37142" s="10"/>
    </row>
    <row r="37143" spans="14:14">
      <c r="N37143" s="10"/>
    </row>
    <row r="37144" spans="14:14">
      <c r="N37144" s="10"/>
    </row>
    <row r="37145" spans="14:14">
      <c r="N37145" s="10"/>
    </row>
    <row r="37146" spans="14:14">
      <c r="N37146" s="10"/>
    </row>
    <row r="37147" spans="14:14">
      <c r="N37147" s="10"/>
    </row>
    <row r="37148" spans="14:14">
      <c r="N37148" s="10"/>
    </row>
    <row r="37149" spans="14:14">
      <c r="N37149" s="10"/>
    </row>
    <row r="37150" spans="14:14">
      <c r="N37150" s="10"/>
    </row>
    <row r="37151" spans="14:14">
      <c r="N37151" s="10"/>
    </row>
    <row r="37152" spans="14:14">
      <c r="N37152" s="10"/>
    </row>
    <row r="37153" spans="14:14">
      <c r="N37153" s="10"/>
    </row>
    <row r="37154" spans="14:14">
      <c r="N37154" s="10"/>
    </row>
    <row r="37155" spans="14:14">
      <c r="N37155" s="10"/>
    </row>
    <row r="37156" spans="14:14">
      <c r="N37156" s="10"/>
    </row>
    <row r="37157" spans="14:14">
      <c r="N37157" s="10"/>
    </row>
    <row r="37158" spans="14:14">
      <c r="N37158" s="10"/>
    </row>
    <row r="37159" spans="14:14">
      <c r="N37159" s="10"/>
    </row>
    <row r="37160" spans="14:14">
      <c r="N37160" s="10"/>
    </row>
    <row r="37161" spans="14:14">
      <c r="N37161" s="10"/>
    </row>
    <row r="37162" spans="14:14">
      <c r="N37162" s="10"/>
    </row>
    <row r="37163" spans="14:14">
      <c r="N37163" s="10"/>
    </row>
    <row r="37164" spans="14:14">
      <c r="N37164" s="10"/>
    </row>
    <row r="37165" spans="14:14">
      <c r="N37165" s="10"/>
    </row>
    <row r="37166" spans="14:14">
      <c r="N37166" s="10"/>
    </row>
    <row r="37167" spans="14:14">
      <c r="N37167" s="10"/>
    </row>
    <row r="37168" spans="14:14">
      <c r="N37168" s="10"/>
    </row>
    <row r="37169" spans="14:14">
      <c r="N37169" s="10"/>
    </row>
    <row r="37170" spans="14:14">
      <c r="N37170" s="10"/>
    </row>
    <row r="37171" spans="14:14">
      <c r="N37171" s="10"/>
    </row>
    <row r="37172" spans="14:14">
      <c r="N37172" s="10"/>
    </row>
    <row r="37173" spans="14:14">
      <c r="N37173" s="10"/>
    </row>
    <row r="37174" spans="14:14">
      <c r="N37174" s="10"/>
    </row>
    <row r="37175" spans="14:14">
      <c r="N37175" s="10"/>
    </row>
    <row r="37176" spans="14:14">
      <c r="N37176" s="10"/>
    </row>
    <row r="37177" spans="14:14">
      <c r="N37177" s="10"/>
    </row>
    <row r="37178" spans="14:14">
      <c r="N37178" s="10"/>
    </row>
    <row r="37179" spans="14:14">
      <c r="N37179" s="10"/>
    </row>
    <row r="37180" spans="14:14">
      <c r="N37180" s="10"/>
    </row>
    <row r="37181" spans="14:14">
      <c r="N37181" s="10"/>
    </row>
    <row r="37182" spans="14:14">
      <c r="N37182" s="10"/>
    </row>
    <row r="37183" spans="14:14">
      <c r="N37183" s="10"/>
    </row>
    <row r="37184" spans="14:14">
      <c r="N37184" s="10"/>
    </row>
    <row r="37185" spans="14:14">
      <c r="N37185" s="10"/>
    </row>
    <row r="37186" spans="14:14">
      <c r="N37186" s="10"/>
    </row>
    <row r="37187" spans="14:14">
      <c r="N37187" s="10"/>
    </row>
    <row r="37188" spans="14:14">
      <c r="N37188" s="10"/>
    </row>
    <row r="37189" spans="14:14">
      <c r="N37189" s="10"/>
    </row>
    <row r="37190" spans="14:14">
      <c r="N37190" s="10"/>
    </row>
    <row r="37191" spans="14:14">
      <c r="N37191" s="10"/>
    </row>
    <row r="37192" spans="14:14">
      <c r="N37192" s="10"/>
    </row>
    <row r="37193" spans="14:14">
      <c r="N37193" s="10"/>
    </row>
    <row r="37194" spans="14:14">
      <c r="N37194" s="10"/>
    </row>
    <row r="37195" spans="14:14">
      <c r="N37195" s="10"/>
    </row>
    <row r="37196" spans="14:14">
      <c r="N37196" s="10"/>
    </row>
    <row r="37197" spans="14:14">
      <c r="N37197" s="10"/>
    </row>
    <row r="37198" spans="14:14">
      <c r="N37198" s="10"/>
    </row>
    <row r="37199" spans="14:14">
      <c r="N37199" s="10"/>
    </row>
    <row r="37200" spans="14:14">
      <c r="N37200" s="10"/>
    </row>
    <row r="37201" spans="14:14">
      <c r="N37201" s="10"/>
    </row>
    <row r="37202" spans="14:14">
      <c r="N37202" s="10"/>
    </row>
    <row r="37203" spans="14:14">
      <c r="N37203" s="10"/>
    </row>
    <row r="37204" spans="14:14">
      <c r="N37204" s="10"/>
    </row>
    <row r="37205" spans="14:14">
      <c r="N37205" s="10"/>
    </row>
    <row r="37206" spans="14:14">
      <c r="N37206" s="10"/>
    </row>
    <row r="37207" spans="14:14">
      <c r="N37207" s="10"/>
    </row>
    <row r="37208" spans="14:14">
      <c r="N37208" s="10"/>
    </row>
    <row r="37209" spans="14:14">
      <c r="N37209" s="10"/>
    </row>
    <row r="37210" spans="14:14">
      <c r="N37210" s="10"/>
    </row>
    <row r="37211" spans="14:14">
      <c r="N37211" s="10"/>
    </row>
    <row r="37212" spans="14:14">
      <c r="N37212" s="10"/>
    </row>
    <row r="37213" spans="14:14">
      <c r="N37213" s="10"/>
    </row>
    <row r="37214" spans="14:14">
      <c r="N37214" s="10"/>
    </row>
    <row r="37215" spans="14:14">
      <c r="N37215" s="10"/>
    </row>
    <row r="37216" spans="14:14">
      <c r="N37216" s="10"/>
    </row>
    <row r="37217" spans="14:14">
      <c r="N37217" s="10"/>
    </row>
    <row r="37218" spans="14:14">
      <c r="N37218" s="10"/>
    </row>
    <row r="37219" spans="14:14">
      <c r="N37219" s="10"/>
    </row>
    <row r="37220" spans="14:14">
      <c r="N37220" s="10"/>
    </row>
    <row r="37221" spans="14:14">
      <c r="N37221" s="10"/>
    </row>
    <row r="37222" spans="14:14">
      <c r="N37222" s="10"/>
    </row>
    <row r="37223" spans="14:14">
      <c r="N37223" s="10"/>
    </row>
    <row r="37224" spans="14:14">
      <c r="N37224" s="10"/>
    </row>
    <row r="37225" spans="14:14">
      <c r="N37225" s="10"/>
    </row>
    <row r="37226" spans="14:14">
      <c r="N37226" s="10"/>
    </row>
    <row r="37227" spans="14:14">
      <c r="N37227" s="10"/>
    </row>
    <row r="37228" spans="14:14">
      <c r="N37228" s="10"/>
    </row>
    <row r="37229" spans="14:14">
      <c r="N37229" s="10"/>
    </row>
    <row r="37230" spans="14:14">
      <c r="N37230" s="10"/>
    </row>
    <row r="37231" spans="14:14">
      <c r="N37231" s="10"/>
    </row>
    <row r="37232" spans="14:14">
      <c r="N37232" s="10"/>
    </row>
    <row r="37233" spans="14:14">
      <c r="N37233" s="10"/>
    </row>
    <row r="37234" spans="14:14">
      <c r="N37234" s="10"/>
    </row>
    <row r="37235" spans="14:14">
      <c r="N37235" s="10"/>
    </row>
    <row r="37236" spans="14:14">
      <c r="N37236" s="10"/>
    </row>
    <row r="37237" spans="14:14">
      <c r="N37237" s="10"/>
    </row>
    <row r="37238" spans="14:14">
      <c r="N37238" s="10"/>
    </row>
    <row r="37239" spans="14:14">
      <c r="N37239" s="10"/>
    </row>
    <row r="37240" spans="14:14">
      <c r="N37240" s="10"/>
    </row>
    <row r="37241" spans="14:14">
      <c r="N37241" s="10"/>
    </row>
    <row r="37242" spans="14:14">
      <c r="N37242" s="10"/>
    </row>
    <row r="37243" spans="14:14">
      <c r="N37243" s="10"/>
    </row>
    <row r="37244" spans="14:14">
      <c r="N37244" s="10"/>
    </row>
    <row r="37245" spans="14:14">
      <c r="N37245" s="10"/>
    </row>
    <row r="37246" spans="14:14">
      <c r="N37246" s="10"/>
    </row>
    <row r="37247" spans="14:14">
      <c r="N37247" s="10"/>
    </row>
    <row r="37248" spans="14:14">
      <c r="N37248" s="10"/>
    </row>
    <row r="37249" spans="14:14">
      <c r="N37249" s="10"/>
    </row>
    <row r="37250" spans="14:14">
      <c r="N37250" s="10"/>
    </row>
    <row r="37251" spans="14:14">
      <c r="N37251" s="10"/>
    </row>
    <row r="37252" spans="14:14">
      <c r="N37252" s="10"/>
    </row>
    <row r="37253" spans="14:14">
      <c r="N37253" s="10"/>
    </row>
    <row r="37254" spans="14:14">
      <c r="N37254" s="10"/>
    </row>
    <row r="37255" spans="14:14">
      <c r="N37255" s="10"/>
    </row>
    <row r="37256" spans="14:14">
      <c r="N37256" s="10"/>
    </row>
    <row r="37257" spans="14:14">
      <c r="N37257" s="10"/>
    </row>
    <row r="37258" spans="14:14">
      <c r="N37258" s="10"/>
    </row>
    <row r="37259" spans="14:14">
      <c r="N37259" s="10"/>
    </row>
    <row r="37260" spans="14:14">
      <c r="N37260" s="10"/>
    </row>
    <row r="37261" spans="14:14">
      <c r="N37261" s="10"/>
    </row>
    <row r="37262" spans="14:14">
      <c r="N37262" s="10"/>
    </row>
    <row r="37263" spans="14:14">
      <c r="N37263" s="10"/>
    </row>
    <row r="37264" spans="14:14">
      <c r="N37264" s="10"/>
    </row>
    <row r="37265" spans="14:14">
      <c r="N37265" s="10"/>
    </row>
    <row r="37266" spans="14:14">
      <c r="N37266" s="10"/>
    </row>
    <row r="37267" spans="14:14">
      <c r="N37267" s="10"/>
    </row>
    <row r="37268" spans="14:14">
      <c r="N37268" s="10"/>
    </row>
    <row r="37269" spans="14:14">
      <c r="N37269" s="10"/>
    </row>
    <row r="37270" spans="14:14">
      <c r="N37270" s="10"/>
    </row>
    <row r="37271" spans="14:14">
      <c r="N37271" s="10"/>
    </row>
    <row r="37272" spans="14:14">
      <c r="N37272" s="10"/>
    </row>
    <row r="37273" spans="14:14">
      <c r="N37273" s="10"/>
    </row>
    <row r="37274" spans="14:14">
      <c r="N37274" s="10"/>
    </row>
    <row r="37275" spans="14:14">
      <c r="N37275" s="10"/>
    </row>
    <row r="37276" spans="14:14">
      <c r="N37276" s="10"/>
    </row>
    <row r="37277" spans="14:14">
      <c r="N37277" s="10"/>
    </row>
    <row r="37278" spans="14:14">
      <c r="N37278" s="10"/>
    </row>
    <row r="37279" spans="14:14">
      <c r="N37279" s="10"/>
    </row>
    <row r="37280" spans="14:14">
      <c r="N37280" s="10"/>
    </row>
    <row r="37281" spans="14:14">
      <c r="N37281" s="10"/>
    </row>
    <row r="37282" spans="14:14">
      <c r="N37282" s="10"/>
    </row>
    <row r="37283" spans="14:14">
      <c r="N37283" s="10"/>
    </row>
    <row r="37284" spans="14:14">
      <c r="N37284" s="10"/>
    </row>
    <row r="37285" spans="14:14">
      <c r="N37285" s="10"/>
    </row>
    <row r="37286" spans="14:14">
      <c r="N37286" s="10"/>
    </row>
    <row r="37287" spans="14:14">
      <c r="N37287" s="10"/>
    </row>
    <row r="37288" spans="14:14">
      <c r="N37288" s="10"/>
    </row>
    <row r="37289" spans="14:14">
      <c r="N37289" s="10"/>
    </row>
    <row r="37290" spans="14:14">
      <c r="N37290" s="10"/>
    </row>
    <row r="37291" spans="14:14">
      <c r="N37291" s="10"/>
    </row>
    <row r="37292" spans="14:14">
      <c r="N37292" s="10"/>
    </row>
    <row r="37293" spans="14:14">
      <c r="N37293" s="10"/>
    </row>
    <row r="37294" spans="14:14">
      <c r="N37294" s="10"/>
    </row>
    <row r="37295" spans="14:14">
      <c r="N37295" s="10"/>
    </row>
    <row r="37296" spans="14:14">
      <c r="N37296" s="10"/>
    </row>
    <row r="37297" spans="14:14">
      <c r="N37297" s="10"/>
    </row>
    <row r="37298" spans="14:14">
      <c r="N37298" s="10"/>
    </row>
    <row r="37299" spans="14:14">
      <c r="N37299" s="10"/>
    </row>
    <row r="37300" spans="14:14">
      <c r="N37300" s="10"/>
    </row>
    <row r="37301" spans="14:14">
      <c r="N37301" s="10"/>
    </row>
    <row r="37302" spans="14:14">
      <c r="N37302" s="10"/>
    </row>
    <row r="37303" spans="14:14">
      <c r="N37303" s="10"/>
    </row>
    <row r="37304" spans="14:14">
      <c r="N37304" s="10"/>
    </row>
    <row r="37305" spans="14:14">
      <c r="N37305" s="10"/>
    </row>
    <row r="37306" spans="14:14">
      <c r="N37306" s="10"/>
    </row>
    <row r="37307" spans="14:14">
      <c r="N37307" s="10"/>
    </row>
    <row r="37308" spans="14:14">
      <c r="N37308" s="10"/>
    </row>
    <row r="37309" spans="14:14">
      <c r="N37309" s="10"/>
    </row>
    <row r="37310" spans="14:14">
      <c r="N37310" s="10"/>
    </row>
    <row r="37311" spans="14:14">
      <c r="N37311" s="10"/>
    </row>
    <row r="37312" spans="14:14">
      <c r="N37312" s="10"/>
    </row>
    <row r="37313" spans="14:14">
      <c r="N37313" s="10"/>
    </row>
    <row r="37314" spans="14:14">
      <c r="N37314" s="10"/>
    </row>
    <row r="37315" spans="14:14">
      <c r="N37315" s="10"/>
    </row>
    <row r="37316" spans="14:14">
      <c r="N37316" s="10"/>
    </row>
    <row r="37317" spans="14:14">
      <c r="N37317" s="10"/>
    </row>
    <row r="37318" spans="14:14">
      <c r="N37318" s="10"/>
    </row>
    <row r="37319" spans="14:14">
      <c r="N37319" s="10"/>
    </row>
    <row r="37320" spans="14:14">
      <c r="N37320" s="10"/>
    </row>
    <row r="37321" spans="14:14">
      <c r="N37321" s="10"/>
    </row>
    <row r="37322" spans="14:14">
      <c r="N37322" s="10"/>
    </row>
    <row r="37323" spans="14:14">
      <c r="N37323" s="10"/>
    </row>
    <row r="37324" spans="14:14">
      <c r="N37324" s="10"/>
    </row>
    <row r="37325" spans="14:14">
      <c r="N37325" s="10"/>
    </row>
    <row r="37326" spans="14:14">
      <c r="N37326" s="10"/>
    </row>
    <row r="37327" spans="14:14">
      <c r="N37327" s="10"/>
    </row>
    <row r="37328" spans="14:14">
      <c r="N37328" s="10"/>
    </row>
    <row r="37329" spans="14:14">
      <c r="N37329" s="10"/>
    </row>
    <row r="37330" spans="14:14">
      <c r="N37330" s="10"/>
    </row>
    <row r="37331" spans="14:14">
      <c r="N37331" s="10"/>
    </row>
    <row r="37332" spans="14:14">
      <c r="N37332" s="10"/>
    </row>
    <row r="37333" spans="14:14">
      <c r="N37333" s="10"/>
    </row>
    <row r="37334" spans="14:14">
      <c r="N37334" s="10"/>
    </row>
    <row r="37335" spans="14:14">
      <c r="N37335" s="10"/>
    </row>
    <row r="37336" spans="14:14">
      <c r="N37336" s="10"/>
    </row>
    <row r="37337" spans="14:14">
      <c r="N37337" s="10"/>
    </row>
    <row r="37338" spans="14:14">
      <c r="N37338" s="10"/>
    </row>
    <row r="37339" spans="14:14">
      <c r="N37339" s="10"/>
    </row>
    <row r="37340" spans="14:14">
      <c r="N37340" s="10"/>
    </row>
    <row r="37341" spans="14:14">
      <c r="N37341" s="10"/>
    </row>
    <row r="37342" spans="14:14">
      <c r="N37342" s="10"/>
    </row>
    <row r="37343" spans="14:14">
      <c r="N37343" s="10"/>
    </row>
    <row r="37344" spans="14:14">
      <c r="N37344" s="10"/>
    </row>
    <row r="37345" spans="14:14">
      <c r="N37345" s="10"/>
    </row>
    <row r="37346" spans="14:14">
      <c r="N37346" s="10"/>
    </row>
    <row r="37347" spans="14:14">
      <c r="N37347" s="10"/>
    </row>
    <row r="37348" spans="14:14">
      <c r="N37348" s="10"/>
    </row>
    <row r="37349" spans="14:14">
      <c r="N37349" s="10"/>
    </row>
    <row r="37350" spans="14:14">
      <c r="N37350" s="10"/>
    </row>
    <row r="37351" spans="14:14">
      <c r="N37351" s="10"/>
    </row>
    <row r="37352" spans="14:14">
      <c r="N37352" s="10"/>
    </row>
    <row r="37353" spans="14:14">
      <c r="N37353" s="10"/>
    </row>
    <row r="37354" spans="14:14">
      <c r="N37354" s="10"/>
    </row>
    <row r="37355" spans="14:14">
      <c r="N37355" s="10"/>
    </row>
    <row r="37356" spans="14:14">
      <c r="N37356" s="10"/>
    </row>
    <row r="37357" spans="14:14">
      <c r="N37357" s="10"/>
    </row>
    <row r="37358" spans="14:14">
      <c r="N37358" s="10"/>
    </row>
    <row r="37359" spans="14:14">
      <c r="N37359" s="10"/>
    </row>
    <row r="37360" spans="14:14">
      <c r="N37360" s="10"/>
    </row>
    <row r="37361" spans="14:14">
      <c r="N37361" s="10"/>
    </row>
    <row r="37362" spans="14:14">
      <c r="N37362" s="10"/>
    </row>
    <row r="37363" spans="14:14">
      <c r="N37363" s="10"/>
    </row>
    <row r="37364" spans="14:14">
      <c r="N37364" s="10"/>
    </row>
    <row r="37365" spans="14:14">
      <c r="N37365" s="10"/>
    </row>
    <row r="37366" spans="14:14">
      <c r="N37366" s="10"/>
    </row>
    <row r="37367" spans="14:14">
      <c r="N37367" s="10"/>
    </row>
    <row r="37368" spans="14:14">
      <c r="N37368" s="10"/>
    </row>
    <row r="37369" spans="14:14">
      <c r="N37369" s="10"/>
    </row>
    <row r="37370" spans="14:14">
      <c r="N37370" s="10"/>
    </row>
    <row r="37371" spans="14:14">
      <c r="N37371" s="10"/>
    </row>
    <row r="37372" spans="14:14">
      <c r="N37372" s="10"/>
    </row>
    <row r="37373" spans="14:14">
      <c r="N37373" s="10"/>
    </row>
    <row r="37374" spans="14:14">
      <c r="N37374" s="10"/>
    </row>
    <row r="37375" spans="14:14">
      <c r="N37375" s="10"/>
    </row>
    <row r="37376" spans="14:14">
      <c r="N37376" s="10"/>
    </row>
    <row r="37377" spans="14:14">
      <c r="N37377" s="10"/>
    </row>
    <row r="37378" spans="14:14">
      <c r="N37378" s="10"/>
    </row>
    <row r="37379" spans="14:14">
      <c r="N37379" s="10"/>
    </row>
    <row r="37380" spans="14:14">
      <c r="N37380" s="10"/>
    </row>
    <row r="37381" spans="14:14">
      <c r="N37381" s="10"/>
    </row>
    <row r="37382" spans="14:14">
      <c r="N37382" s="10"/>
    </row>
    <row r="37383" spans="14:14">
      <c r="N37383" s="10"/>
    </row>
    <row r="37384" spans="14:14">
      <c r="N37384" s="10"/>
    </row>
    <row r="37385" spans="14:14">
      <c r="N37385" s="10"/>
    </row>
    <row r="37386" spans="14:14">
      <c r="N37386" s="10"/>
    </row>
    <row r="37387" spans="14:14">
      <c r="N37387" s="10"/>
    </row>
    <row r="37388" spans="14:14">
      <c r="N37388" s="10"/>
    </row>
    <row r="37389" spans="14:14">
      <c r="N37389" s="10"/>
    </row>
    <row r="37390" spans="14:14">
      <c r="N37390" s="10"/>
    </row>
    <row r="37391" spans="14:14">
      <c r="N37391" s="10"/>
    </row>
    <row r="37392" spans="14:14">
      <c r="N37392" s="10"/>
    </row>
    <row r="37393" spans="14:14">
      <c r="N37393" s="10"/>
    </row>
    <row r="37394" spans="14:14">
      <c r="N37394" s="10"/>
    </row>
    <row r="37395" spans="14:14">
      <c r="N37395" s="10"/>
    </row>
    <row r="37396" spans="14:14">
      <c r="N37396" s="10"/>
    </row>
    <row r="37397" spans="14:14">
      <c r="N37397" s="10"/>
    </row>
    <row r="37398" spans="14:14">
      <c r="N37398" s="10"/>
    </row>
    <row r="37399" spans="14:14">
      <c r="N37399" s="10"/>
    </row>
    <row r="37400" spans="14:14">
      <c r="N37400" s="10"/>
    </row>
    <row r="37401" spans="14:14">
      <c r="N37401" s="10"/>
    </row>
    <row r="37402" spans="14:14">
      <c r="N37402" s="10"/>
    </row>
    <row r="37403" spans="14:14">
      <c r="N37403" s="10"/>
    </row>
    <row r="37404" spans="14:14">
      <c r="N37404" s="10"/>
    </row>
    <row r="37405" spans="14:14">
      <c r="N37405" s="10"/>
    </row>
    <row r="37406" spans="14:14">
      <c r="N37406" s="10"/>
    </row>
    <row r="37407" spans="14:14">
      <c r="N37407" s="10"/>
    </row>
    <row r="37408" spans="14:14">
      <c r="N37408" s="10"/>
    </row>
    <row r="37409" spans="14:14">
      <c r="N37409" s="10"/>
    </row>
    <row r="37410" spans="14:14">
      <c r="N37410" s="10"/>
    </row>
    <row r="37411" spans="14:14">
      <c r="N37411" s="10"/>
    </row>
    <row r="37412" spans="14:14">
      <c r="N37412" s="10"/>
    </row>
    <row r="37413" spans="14:14">
      <c r="N37413" s="10"/>
    </row>
    <row r="37414" spans="14:14">
      <c r="N37414" s="10"/>
    </row>
    <row r="37415" spans="14:14">
      <c r="N37415" s="10"/>
    </row>
    <row r="37416" spans="14:14">
      <c r="N37416" s="10"/>
    </row>
    <row r="37417" spans="14:14">
      <c r="N37417" s="10"/>
    </row>
    <row r="37418" spans="14:14">
      <c r="N37418" s="10"/>
    </row>
    <row r="37419" spans="14:14">
      <c r="N37419" s="10"/>
    </row>
    <row r="37420" spans="14:14">
      <c r="N37420" s="10"/>
    </row>
    <row r="37421" spans="14:14">
      <c r="N37421" s="10"/>
    </row>
    <row r="37422" spans="14:14">
      <c r="N37422" s="10"/>
    </row>
    <row r="37423" spans="14:14">
      <c r="N37423" s="10"/>
    </row>
    <row r="37424" spans="14:14">
      <c r="N37424" s="10"/>
    </row>
    <row r="37425" spans="14:14">
      <c r="N37425" s="10"/>
    </row>
    <row r="37426" spans="14:14">
      <c r="N37426" s="10"/>
    </row>
    <row r="37427" spans="14:14">
      <c r="N37427" s="10"/>
    </row>
    <row r="37428" spans="14:14">
      <c r="N37428" s="10"/>
    </row>
    <row r="37429" spans="14:14">
      <c r="N37429" s="10"/>
    </row>
    <row r="37430" spans="14:14">
      <c r="N37430" s="10"/>
    </row>
    <row r="37431" spans="14:14">
      <c r="N37431" s="10"/>
    </row>
    <row r="37432" spans="14:14">
      <c r="N37432" s="10"/>
    </row>
    <row r="37433" spans="14:14">
      <c r="N37433" s="10"/>
    </row>
    <row r="37434" spans="14:14">
      <c r="N37434" s="10"/>
    </row>
    <row r="37435" spans="14:14">
      <c r="N37435" s="10"/>
    </row>
    <row r="37436" spans="14:14">
      <c r="N37436" s="10"/>
    </row>
    <row r="37437" spans="14:14">
      <c r="N37437" s="10"/>
    </row>
    <row r="37438" spans="14:14">
      <c r="N37438" s="10"/>
    </row>
    <row r="37439" spans="14:14">
      <c r="N37439" s="10"/>
    </row>
    <row r="37440" spans="14:14">
      <c r="N37440" s="10"/>
    </row>
    <row r="37441" spans="14:14">
      <c r="N37441" s="10"/>
    </row>
    <row r="37442" spans="14:14">
      <c r="N37442" s="10"/>
    </row>
    <row r="37443" spans="14:14">
      <c r="N37443" s="10"/>
    </row>
    <row r="37444" spans="14:14">
      <c r="N37444" s="10"/>
    </row>
    <row r="37445" spans="14:14">
      <c r="N37445" s="10"/>
    </row>
    <row r="37446" spans="14:14">
      <c r="N37446" s="10"/>
    </row>
    <row r="37447" spans="14:14">
      <c r="N37447" s="10"/>
    </row>
    <row r="37448" spans="14:14">
      <c r="N37448" s="10"/>
    </row>
    <row r="37449" spans="14:14">
      <c r="N37449" s="10"/>
    </row>
    <row r="37450" spans="14:14">
      <c r="N37450" s="10"/>
    </row>
    <row r="37451" spans="14:14">
      <c r="N37451" s="10"/>
    </row>
    <row r="37452" spans="14:14">
      <c r="N37452" s="10"/>
    </row>
    <row r="37453" spans="14:14">
      <c r="N37453" s="10"/>
    </row>
    <row r="37454" spans="14:14">
      <c r="N37454" s="10"/>
    </row>
    <row r="37455" spans="14:14">
      <c r="N37455" s="10"/>
    </row>
    <row r="37456" spans="14:14">
      <c r="N37456" s="10"/>
    </row>
    <row r="37457" spans="14:14">
      <c r="N37457" s="10"/>
    </row>
    <row r="37458" spans="14:14">
      <c r="N37458" s="10"/>
    </row>
    <row r="37459" spans="14:14">
      <c r="N37459" s="10"/>
    </row>
    <row r="37460" spans="14:14">
      <c r="N37460" s="10"/>
    </row>
    <row r="37461" spans="14:14">
      <c r="N37461" s="10"/>
    </row>
    <row r="37462" spans="14:14">
      <c r="N37462" s="10"/>
    </row>
    <row r="37463" spans="14:14">
      <c r="N37463" s="10"/>
    </row>
    <row r="37464" spans="14:14">
      <c r="N37464" s="10"/>
    </row>
    <row r="37465" spans="14:14">
      <c r="N37465" s="10"/>
    </row>
    <row r="37466" spans="14:14">
      <c r="N37466" s="10"/>
    </row>
    <row r="37467" spans="14:14">
      <c r="N37467" s="10"/>
    </row>
    <row r="37468" spans="14:14">
      <c r="N37468" s="10"/>
    </row>
    <row r="37469" spans="14:14">
      <c r="N37469" s="10"/>
    </row>
    <row r="37470" spans="14:14">
      <c r="N37470" s="10"/>
    </row>
    <row r="37471" spans="14:14">
      <c r="N37471" s="10"/>
    </row>
    <row r="37472" spans="14:14">
      <c r="N37472" s="10"/>
    </row>
    <row r="37473" spans="14:14">
      <c r="N37473" s="10"/>
    </row>
    <row r="37474" spans="14:14">
      <c r="N37474" s="10"/>
    </row>
    <row r="37475" spans="14:14">
      <c r="N37475" s="10"/>
    </row>
    <row r="37476" spans="14:14">
      <c r="N37476" s="10"/>
    </row>
    <row r="37477" spans="14:14">
      <c r="N37477" s="10"/>
    </row>
    <row r="37478" spans="14:14">
      <c r="N37478" s="10"/>
    </row>
    <row r="37479" spans="14:14">
      <c r="N37479" s="10"/>
    </row>
    <row r="37480" spans="14:14">
      <c r="N37480" s="10"/>
    </row>
    <row r="37481" spans="14:14">
      <c r="N37481" s="10"/>
    </row>
    <row r="37482" spans="14:14">
      <c r="N37482" s="10"/>
    </row>
    <row r="37483" spans="14:14">
      <c r="N37483" s="10"/>
    </row>
    <row r="37484" spans="14:14">
      <c r="N37484" s="10"/>
    </row>
    <row r="37485" spans="14:14">
      <c r="N37485" s="10"/>
    </row>
    <row r="37486" spans="14:14">
      <c r="N37486" s="10"/>
    </row>
    <row r="37487" spans="14:14">
      <c r="N37487" s="10"/>
    </row>
    <row r="37488" spans="14:14">
      <c r="N37488" s="10"/>
    </row>
    <row r="37489" spans="14:14">
      <c r="N37489" s="10"/>
    </row>
    <row r="37490" spans="14:14">
      <c r="N37490" s="10"/>
    </row>
    <row r="37491" spans="14:14">
      <c r="N37491" s="10"/>
    </row>
    <row r="37492" spans="14:14">
      <c r="N37492" s="10"/>
    </row>
    <row r="37493" spans="14:14">
      <c r="N37493" s="10"/>
    </row>
    <row r="37494" spans="14:14">
      <c r="N37494" s="10"/>
    </row>
    <row r="37495" spans="14:14">
      <c r="N37495" s="10"/>
    </row>
    <row r="37496" spans="14:14">
      <c r="N37496" s="10"/>
    </row>
    <row r="37497" spans="14:14">
      <c r="N37497" s="10"/>
    </row>
    <row r="37498" spans="14:14">
      <c r="N37498" s="10"/>
    </row>
    <row r="37499" spans="14:14">
      <c r="N37499" s="10"/>
    </row>
    <row r="37500" spans="14:14">
      <c r="N37500" s="10"/>
    </row>
    <row r="37501" spans="14:14">
      <c r="N37501" s="10"/>
    </row>
    <row r="37502" spans="14:14">
      <c r="N37502" s="10"/>
    </row>
    <row r="37503" spans="14:14">
      <c r="N37503" s="10"/>
    </row>
    <row r="37504" spans="14:14">
      <c r="N37504" s="10"/>
    </row>
    <row r="37505" spans="14:14">
      <c r="N37505" s="10"/>
    </row>
    <row r="37506" spans="14:14">
      <c r="N37506" s="10"/>
    </row>
    <row r="37507" spans="14:14">
      <c r="N37507" s="10"/>
    </row>
    <row r="37508" spans="14:14">
      <c r="N37508" s="10"/>
    </row>
    <row r="37509" spans="14:14">
      <c r="N37509" s="10"/>
    </row>
    <row r="37510" spans="14:14">
      <c r="N37510" s="10"/>
    </row>
    <row r="37511" spans="14:14">
      <c r="N37511" s="10"/>
    </row>
    <row r="37512" spans="14:14">
      <c r="N37512" s="10"/>
    </row>
    <row r="37513" spans="14:14">
      <c r="N37513" s="10"/>
    </row>
    <row r="37514" spans="14:14">
      <c r="N37514" s="10"/>
    </row>
    <row r="37515" spans="14:14">
      <c r="N37515" s="10"/>
    </row>
    <row r="37516" spans="14:14">
      <c r="N37516" s="10"/>
    </row>
    <row r="37517" spans="14:14">
      <c r="N37517" s="10"/>
    </row>
    <row r="37518" spans="14:14">
      <c r="N37518" s="10"/>
    </row>
    <row r="37519" spans="14:14">
      <c r="N37519" s="10"/>
    </row>
    <row r="37520" spans="14:14">
      <c r="N37520" s="10"/>
    </row>
    <row r="37521" spans="14:14">
      <c r="N37521" s="10"/>
    </row>
    <row r="37522" spans="14:14">
      <c r="N37522" s="10"/>
    </row>
    <row r="37523" spans="14:14">
      <c r="N37523" s="10"/>
    </row>
    <row r="37524" spans="14:14">
      <c r="N37524" s="10"/>
    </row>
    <row r="37525" spans="14:14">
      <c r="N37525" s="10"/>
    </row>
    <row r="37526" spans="14:14">
      <c r="N37526" s="10"/>
    </row>
    <row r="37527" spans="14:14">
      <c r="N37527" s="10"/>
    </row>
    <row r="37528" spans="14:14">
      <c r="N37528" s="10"/>
    </row>
    <row r="37529" spans="14:14">
      <c r="N37529" s="10"/>
    </row>
    <row r="37530" spans="14:14">
      <c r="N37530" s="10"/>
    </row>
    <row r="37531" spans="14:14">
      <c r="N37531" s="10"/>
    </row>
    <row r="37532" spans="14:14">
      <c r="N37532" s="10"/>
    </row>
    <row r="37533" spans="14:14">
      <c r="N37533" s="10"/>
    </row>
    <row r="37534" spans="14:14">
      <c r="N37534" s="10"/>
    </row>
    <row r="37535" spans="14:14">
      <c r="N37535" s="10"/>
    </row>
    <row r="37536" spans="14:14">
      <c r="N37536" s="10"/>
    </row>
    <row r="37537" spans="14:14">
      <c r="N37537" s="10"/>
    </row>
    <row r="37538" spans="14:14">
      <c r="N37538" s="10"/>
    </row>
    <row r="37539" spans="14:14">
      <c r="N37539" s="10"/>
    </row>
    <row r="37540" spans="14:14">
      <c r="N37540" s="10"/>
    </row>
    <row r="37541" spans="14:14">
      <c r="N37541" s="10"/>
    </row>
    <row r="37542" spans="14:14">
      <c r="N37542" s="10"/>
    </row>
    <row r="37543" spans="14:14">
      <c r="N37543" s="10"/>
    </row>
    <row r="37544" spans="14:14">
      <c r="N37544" s="10"/>
    </row>
    <row r="37545" spans="14:14">
      <c r="N37545" s="10"/>
    </row>
    <row r="37546" spans="14:14">
      <c r="N37546" s="10"/>
    </row>
    <row r="37547" spans="14:14">
      <c r="N37547" s="10"/>
    </row>
    <row r="37548" spans="14:14">
      <c r="N37548" s="10"/>
    </row>
    <row r="37549" spans="14:14">
      <c r="N37549" s="10"/>
    </row>
    <row r="37550" spans="14:14">
      <c r="N37550" s="10"/>
    </row>
    <row r="37551" spans="14:14">
      <c r="N37551" s="10"/>
    </row>
    <row r="37552" spans="14:14">
      <c r="N37552" s="10"/>
    </row>
    <row r="37553" spans="14:14">
      <c r="N37553" s="10"/>
    </row>
    <row r="37554" spans="14:14">
      <c r="N37554" s="10"/>
    </row>
    <row r="37555" spans="14:14">
      <c r="N37555" s="10"/>
    </row>
    <row r="37556" spans="14:14">
      <c r="N37556" s="10"/>
    </row>
    <row r="37557" spans="14:14">
      <c r="N37557" s="10"/>
    </row>
    <row r="37558" spans="14:14">
      <c r="N37558" s="10"/>
    </row>
    <row r="37559" spans="14:14">
      <c r="N37559" s="10"/>
    </row>
    <row r="37560" spans="14:14">
      <c r="N37560" s="10"/>
    </row>
    <row r="37561" spans="14:14">
      <c r="N37561" s="10"/>
    </row>
    <row r="37562" spans="14:14">
      <c r="N37562" s="10"/>
    </row>
    <row r="37563" spans="14:14">
      <c r="N37563" s="10"/>
    </row>
    <row r="37564" spans="14:14">
      <c r="N37564" s="10"/>
    </row>
    <row r="37565" spans="14:14">
      <c r="N37565" s="10"/>
    </row>
    <row r="37566" spans="14:14">
      <c r="N37566" s="10"/>
    </row>
    <row r="37567" spans="14:14">
      <c r="N37567" s="10"/>
    </row>
    <row r="37568" spans="14:14">
      <c r="N37568" s="10"/>
    </row>
    <row r="37569" spans="14:14">
      <c r="N37569" s="10"/>
    </row>
    <row r="37570" spans="14:14">
      <c r="N37570" s="10"/>
    </row>
    <row r="37571" spans="14:14">
      <c r="N37571" s="10"/>
    </row>
    <row r="37572" spans="14:14">
      <c r="N37572" s="10"/>
    </row>
    <row r="37573" spans="14:14">
      <c r="N37573" s="10"/>
    </row>
    <row r="37574" spans="14:14">
      <c r="N37574" s="10"/>
    </row>
    <row r="37575" spans="14:14">
      <c r="N37575" s="10"/>
    </row>
    <row r="37576" spans="14:14">
      <c r="N37576" s="10"/>
    </row>
    <row r="37577" spans="14:14">
      <c r="N37577" s="10"/>
    </row>
    <row r="37578" spans="14:14">
      <c r="N37578" s="10"/>
    </row>
    <row r="37579" spans="14:14">
      <c r="N37579" s="10"/>
    </row>
    <row r="37580" spans="14:14">
      <c r="N37580" s="10"/>
    </row>
    <row r="37581" spans="14:14">
      <c r="N37581" s="10"/>
    </row>
    <row r="37582" spans="14:14">
      <c r="N37582" s="10"/>
    </row>
    <row r="37583" spans="14:14">
      <c r="N37583" s="10"/>
    </row>
    <row r="37584" spans="14:14">
      <c r="N37584" s="10"/>
    </row>
    <row r="37585" spans="14:14">
      <c r="N37585" s="10"/>
    </row>
    <row r="37586" spans="14:14">
      <c r="N37586" s="10"/>
    </row>
    <row r="37587" spans="14:14">
      <c r="N37587" s="10"/>
    </row>
    <row r="37588" spans="14:14">
      <c r="N37588" s="10"/>
    </row>
    <row r="37589" spans="14:14">
      <c r="N37589" s="10"/>
    </row>
    <row r="37590" spans="14:14">
      <c r="N37590" s="10"/>
    </row>
    <row r="37591" spans="14:14">
      <c r="N37591" s="10"/>
    </row>
    <row r="37592" spans="14:14">
      <c r="N37592" s="10"/>
    </row>
    <row r="37593" spans="14:14">
      <c r="N37593" s="10"/>
    </row>
    <row r="37594" spans="14:14">
      <c r="N37594" s="10"/>
    </row>
    <row r="37595" spans="14:14">
      <c r="N37595" s="10"/>
    </row>
    <row r="37596" spans="14:14">
      <c r="N37596" s="10"/>
    </row>
    <row r="37597" spans="14:14">
      <c r="N37597" s="10"/>
    </row>
    <row r="37598" spans="14:14">
      <c r="N37598" s="10"/>
    </row>
    <row r="37599" spans="14:14">
      <c r="N37599" s="10"/>
    </row>
    <row r="37600" spans="14:14">
      <c r="N37600" s="10"/>
    </row>
    <row r="37601" spans="14:14">
      <c r="N37601" s="10"/>
    </row>
    <row r="37602" spans="14:14">
      <c r="N37602" s="10"/>
    </row>
    <row r="37603" spans="14:14">
      <c r="N37603" s="10"/>
    </row>
    <row r="37604" spans="14:14">
      <c r="N37604" s="10"/>
    </row>
    <row r="37605" spans="14:14">
      <c r="N37605" s="10"/>
    </row>
    <row r="37606" spans="14:14">
      <c r="N37606" s="10"/>
    </row>
    <row r="37607" spans="14:14">
      <c r="N37607" s="10"/>
    </row>
    <row r="37608" spans="14:14">
      <c r="N37608" s="10"/>
    </row>
    <row r="37609" spans="14:14">
      <c r="N37609" s="10"/>
    </row>
    <row r="37610" spans="14:14">
      <c r="N37610" s="10"/>
    </row>
    <row r="37611" spans="14:14">
      <c r="N37611" s="10"/>
    </row>
    <row r="37612" spans="14:14">
      <c r="N37612" s="10"/>
    </row>
    <row r="37613" spans="14:14">
      <c r="N37613" s="10"/>
    </row>
    <row r="37614" spans="14:14">
      <c r="N37614" s="10"/>
    </row>
    <row r="37615" spans="14:14">
      <c r="N37615" s="10"/>
    </row>
    <row r="37616" spans="14:14">
      <c r="N37616" s="10"/>
    </row>
    <row r="37617" spans="14:14">
      <c r="N37617" s="10"/>
    </row>
    <row r="37618" spans="14:14">
      <c r="N37618" s="10"/>
    </row>
    <row r="37619" spans="14:14">
      <c r="N37619" s="10"/>
    </row>
    <row r="37620" spans="14:14">
      <c r="N37620" s="10"/>
    </row>
    <row r="37621" spans="14:14">
      <c r="N37621" s="10"/>
    </row>
    <row r="37622" spans="14:14">
      <c r="N37622" s="10"/>
    </row>
    <row r="37623" spans="14:14">
      <c r="N37623" s="10"/>
    </row>
    <row r="37624" spans="14:14">
      <c r="N37624" s="10"/>
    </row>
    <row r="37625" spans="14:14">
      <c r="N37625" s="10"/>
    </row>
    <row r="37626" spans="14:14">
      <c r="N37626" s="10"/>
    </row>
    <row r="37627" spans="14:14">
      <c r="N37627" s="10"/>
    </row>
    <row r="37628" spans="14:14">
      <c r="N37628" s="10"/>
    </row>
    <row r="37629" spans="14:14">
      <c r="N37629" s="10"/>
    </row>
    <row r="37630" spans="14:14">
      <c r="N37630" s="10"/>
    </row>
    <row r="37631" spans="14:14">
      <c r="N37631" s="10"/>
    </row>
    <row r="37632" spans="14:14">
      <c r="N37632" s="10"/>
    </row>
    <row r="37633" spans="14:14">
      <c r="N37633" s="10"/>
    </row>
    <row r="37634" spans="14:14">
      <c r="N37634" s="10"/>
    </row>
    <row r="37635" spans="14:14">
      <c r="N37635" s="10"/>
    </row>
    <row r="37636" spans="14:14">
      <c r="N37636" s="10"/>
    </row>
    <row r="37637" spans="14:14">
      <c r="N37637" s="10"/>
    </row>
    <row r="37638" spans="14:14">
      <c r="N37638" s="10"/>
    </row>
    <row r="37639" spans="14:14">
      <c r="N37639" s="10"/>
    </row>
    <row r="37640" spans="14:14">
      <c r="N37640" s="10"/>
    </row>
    <row r="37641" spans="14:14">
      <c r="N37641" s="10"/>
    </row>
    <row r="37642" spans="14:14">
      <c r="N37642" s="10"/>
    </row>
    <row r="37643" spans="14:14">
      <c r="N37643" s="10"/>
    </row>
    <row r="37644" spans="14:14">
      <c r="N37644" s="10"/>
    </row>
    <row r="37645" spans="14:14">
      <c r="N37645" s="10"/>
    </row>
    <row r="37646" spans="14:14">
      <c r="N37646" s="10"/>
    </row>
    <row r="37647" spans="14:14">
      <c r="N37647" s="10"/>
    </row>
    <row r="37648" spans="14:14">
      <c r="N37648" s="10"/>
    </row>
    <row r="37649" spans="14:14">
      <c r="N37649" s="10"/>
    </row>
    <row r="37650" spans="14:14">
      <c r="N37650" s="10"/>
    </row>
    <row r="37651" spans="14:14">
      <c r="N37651" s="10"/>
    </row>
    <row r="37652" spans="14:14">
      <c r="N37652" s="10"/>
    </row>
    <row r="37653" spans="14:14">
      <c r="N37653" s="10"/>
    </row>
    <row r="37654" spans="14:14">
      <c r="N37654" s="10"/>
    </row>
    <row r="37655" spans="14:14">
      <c r="N37655" s="10"/>
    </row>
    <row r="37656" spans="14:14">
      <c r="N37656" s="10"/>
    </row>
    <row r="37657" spans="14:14">
      <c r="N37657" s="10"/>
    </row>
    <row r="37658" spans="14:14">
      <c r="N37658" s="10"/>
    </row>
    <row r="37659" spans="14:14">
      <c r="N37659" s="10"/>
    </row>
    <row r="37660" spans="14:14">
      <c r="N37660" s="10"/>
    </row>
    <row r="37661" spans="14:14">
      <c r="N37661" s="10"/>
    </row>
    <row r="37662" spans="14:14">
      <c r="N37662" s="10"/>
    </row>
    <row r="37663" spans="14:14">
      <c r="N37663" s="10"/>
    </row>
    <row r="37664" spans="14:14">
      <c r="N37664" s="10"/>
    </row>
    <row r="37665" spans="14:14">
      <c r="N37665" s="10"/>
    </row>
    <row r="37666" spans="14:14">
      <c r="N37666" s="10"/>
    </row>
    <row r="37667" spans="14:14">
      <c r="N37667" s="10"/>
    </row>
    <row r="37668" spans="14:14">
      <c r="N37668" s="10"/>
    </row>
    <row r="37669" spans="14:14">
      <c r="N37669" s="10"/>
    </row>
    <row r="37670" spans="14:14">
      <c r="N37670" s="10"/>
    </row>
    <row r="37671" spans="14:14">
      <c r="N37671" s="10"/>
    </row>
    <row r="37672" spans="14:14">
      <c r="N37672" s="10"/>
    </row>
    <row r="37673" spans="14:14">
      <c r="N37673" s="10"/>
    </row>
    <row r="37674" spans="14:14">
      <c r="N37674" s="10"/>
    </row>
    <row r="37675" spans="14:14">
      <c r="N37675" s="10"/>
    </row>
    <row r="37676" spans="14:14">
      <c r="N37676" s="10"/>
    </row>
    <row r="37677" spans="14:14">
      <c r="N37677" s="10"/>
    </row>
    <row r="37678" spans="14:14">
      <c r="N37678" s="10"/>
    </row>
    <row r="37679" spans="14:14">
      <c r="N37679" s="10"/>
    </row>
    <row r="37680" spans="14:14">
      <c r="N37680" s="10"/>
    </row>
    <row r="37681" spans="14:14">
      <c r="N37681" s="10"/>
    </row>
    <row r="37682" spans="14:14">
      <c r="N37682" s="10"/>
    </row>
    <row r="37683" spans="14:14">
      <c r="N37683" s="10"/>
    </row>
    <row r="37684" spans="14:14">
      <c r="N37684" s="10"/>
    </row>
    <row r="37685" spans="14:14">
      <c r="N37685" s="10"/>
    </row>
    <row r="37686" spans="14:14">
      <c r="N37686" s="10"/>
    </row>
    <row r="37687" spans="14:14">
      <c r="N37687" s="10"/>
    </row>
    <row r="37688" spans="14:14">
      <c r="N37688" s="10"/>
    </row>
    <row r="37689" spans="14:14">
      <c r="N37689" s="10"/>
    </row>
    <row r="37690" spans="14:14">
      <c r="N37690" s="10"/>
    </row>
    <row r="37691" spans="14:14">
      <c r="N37691" s="10"/>
    </row>
    <row r="37692" spans="14:14">
      <c r="N37692" s="10"/>
    </row>
    <row r="37693" spans="14:14">
      <c r="N37693" s="10"/>
    </row>
    <row r="37694" spans="14:14">
      <c r="N37694" s="10"/>
    </row>
    <row r="37695" spans="14:14">
      <c r="N37695" s="10"/>
    </row>
    <row r="37696" spans="14:14">
      <c r="N37696" s="10"/>
    </row>
    <row r="37697" spans="14:14">
      <c r="N37697" s="10"/>
    </row>
    <row r="37698" spans="14:14">
      <c r="N37698" s="10"/>
    </row>
    <row r="37699" spans="14:14">
      <c r="N37699" s="10"/>
    </row>
    <row r="37700" spans="14:14">
      <c r="N37700" s="10"/>
    </row>
    <row r="37701" spans="14:14">
      <c r="N37701" s="10"/>
    </row>
    <row r="37702" spans="14:14">
      <c r="N37702" s="10"/>
    </row>
    <row r="37703" spans="14:14">
      <c r="N37703" s="10"/>
    </row>
    <row r="37704" spans="14:14">
      <c r="N37704" s="10"/>
    </row>
    <row r="37705" spans="14:14">
      <c r="N37705" s="10"/>
    </row>
    <row r="37706" spans="14:14">
      <c r="N37706" s="10"/>
    </row>
    <row r="37707" spans="14:14">
      <c r="N37707" s="10"/>
    </row>
    <row r="37708" spans="14:14">
      <c r="N37708" s="10"/>
    </row>
    <row r="37709" spans="14:14">
      <c r="N37709" s="10"/>
    </row>
    <row r="37710" spans="14:14">
      <c r="N37710" s="10"/>
    </row>
    <row r="37711" spans="14:14">
      <c r="N37711" s="10"/>
    </row>
    <row r="37712" spans="14:14">
      <c r="N37712" s="10"/>
    </row>
    <row r="37713" spans="14:14">
      <c r="N37713" s="10"/>
    </row>
    <row r="37714" spans="14:14">
      <c r="N37714" s="10"/>
    </row>
    <row r="37715" spans="14:14">
      <c r="N37715" s="10"/>
    </row>
    <row r="37716" spans="14:14">
      <c r="N37716" s="10"/>
    </row>
    <row r="37717" spans="14:14">
      <c r="N37717" s="10"/>
    </row>
    <row r="37718" spans="14:14">
      <c r="N37718" s="10"/>
    </row>
    <row r="37719" spans="14:14">
      <c r="N37719" s="10"/>
    </row>
    <row r="37720" spans="14:14">
      <c r="N37720" s="10"/>
    </row>
    <row r="37721" spans="14:14">
      <c r="N37721" s="10"/>
    </row>
    <row r="37722" spans="14:14">
      <c r="N37722" s="10"/>
    </row>
    <row r="37723" spans="14:14">
      <c r="N37723" s="10"/>
    </row>
    <row r="37724" spans="14:14">
      <c r="N37724" s="10"/>
    </row>
    <row r="37725" spans="14:14">
      <c r="N37725" s="10"/>
    </row>
    <row r="37726" spans="14:14">
      <c r="N37726" s="10"/>
    </row>
    <row r="37727" spans="14:14">
      <c r="N37727" s="10"/>
    </row>
    <row r="37728" spans="14:14">
      <c r="N37728" s="10"/>
    </row>
    <row r="37729" spans="14:14">
      <c r="N37729" s="10"/>
    </row>
    <row r="37730" spans="14:14">
      <c r="N37730" s="10"/>
    </row>
    <row r="37731" spans="14:14">
      <c r="N37731" s="10"/>
    </row>
    <row r="37732" spans="14:14">
      <c r="N37732" s="10"/>
    </row>
    <row r="37733" spans="14:14">
      <c r="N37733" s="10"/>
    </row>
    <row r="37734" spans="14:14">
      <c r="N37734" s="10"/>
    </row>
    <row r="37735" spans="14:14">
      <c r="N37735" s="10"/>
    </row>
    <row r="37736" spans="14:14">
      <c r="N37736" s="10"/>
    </row>
    <row r="37737" spans="14:14">
      <c r="N37737" s="10"/>
    </row>
    <row r="37738" spans="14:14">
      <c r="N37738" s="10"/>
    </row>
    <row r="37739" spans="14:14">
      <c r="N37739" s="10"/>
    </row>
    <row r="37740" spans="14:14">
      <c r="N37740" s="10"/>
    </row>
    <row r="37741" spans="14:14">
      <c r="N37741" s="10"/>
    </row>
    <row r="37742" spans="14:14">
      <c r="N37742" s="10"/>
    </row>
    <row r="37743" spans="14:14">
      <c r="N37743" s="10"/>
    </row>
    <row r="37744" spans="14:14">
      <c r="N37744" s="10"/>
    </row>
    <row r="37745" spans="14:14">
      <c r="N37745" s="10"/>
    </row>
    <row r="37746" spans="14:14">
      <c r="N37746" s="10"/>
    </row>
    <row r="37747" spans="14:14">
      <c r="N37747" s="10"/>
    </row>
    <row r="37748" spans="14:14">
      <c r="N37748" s="10"/>
    </row>
    <row r="37749" spans="14:14">
      <c r="N37749" s="10"/>
    </row>
    <row r="37750" spans="14:14">
      <c r="N37750" s="10"/>
    </row>
    <row r="37751" spans="14:14">
      <c r="N37751" s="10"/>
    </row>
    <row r="37752" spans="14:14">
      <c r="N37752" s="10"/>
    </row>
    <row r="37753" spans="14:14">
      <c r="N37753" s="10"/>
    </row>
    <row r="37754" spans="14:14">
      <c r="N37754" s="10"/>
    </row>
    <row r="37755" spans="14:14">
      <c r="N37755" s="10"/>
    </row>
    <row r="37756" spans="14:14">
      <c r="N37756" s="10"/>
    </row>
    <row r="37757" spans="14:14">
      <c r="N37757" s="10"/>
    </row>
    <row r="37758" spans="14:14">
      <c r="N37758" s="10"/>
    </row>
    <row r="37759" spans="14:14">
      <c r="N37759" s="10"/>
    </row>
    <row r="37760" spans="14:14">
      <c r="N37760" s="10"/>
    </row>
    <row r="37761" spans="14:14">
      <c r="N37761" s="10"/>
    </row>
    <row r="37762" spans="14:14">
      <c r="N37762" s="10"/>
    </row>
    <row r="37763" spans="14:14">
      <c r="N37763" s="10"/>
    </row>
    <row r="37764" spans="14:14">
      <c r="N37764" s="10"/>
    </row>
    <row r="37765" spans="14:14">
      <c r="N37765" s="10"/>
    </row>
    <row r="37766" spans="14:14">
      <c r="N37766" s="10"/>
    </row>
    <row r="37767" spans="14:14">
      <c r="N37767" s="10"/>
    </row>
    <row r="37768" spans="14:14">
      <c r="N37768" s="10"/>
    </row>
    <row r="37769" spans="14:14">
      <c r="N37769" s="10"/>
    </row>
    <row r="37770" spans="14:14">
      <c r="N37770" s="10"/>
    </row>
    <row r="37771" spans="14:14">
      <c r="N37771" s="10"/>
    </row>
    <row r="37772" spans="14:14">
      <c r="N37772" s="10"/>
    </row>
    <row r="37773" spans="14:14">
      <c r="N37773" s="10"/>
    </row>
    <row r="37774" spans="14:14">
      <c r="N37774" s="10"/>
    </row>
    <row r="37775" spans="14:14">
      <c r="N37775" s="10"/>
    </row>
    <row r="37776" spans="14:14">
      <c r="N37776" s="10"/>
    </row>
    <row r="37777" spans="14:14">
      <c r="N37777" s="10"/>
    </row>
    <row r="37778" spans="14:14">
      <c r="N37778" s="10"/>
    </row>
    <row r="37779" spans="14:14">
      <c r="N37779" s="10"/>
    </row>
    <row r="37780" spans="14:14">
      <c r="N37780" s="10"/>
    </row>
    <row r="37781" spans="14:14">
      <c r="N37781" s="10"/>
    </row>
    <row r="37782" spans="14:14">
      <c r="N37782" s="10"/>
    </row>
    <row r="37783" spans="14:14">
      <c r="N37783" s="10"/>
    </row>
    <row r="37784" spans="14:14">
      <c r="N37784" s="10"/>
    </row>
    <row r="37785" spans="14:14">
      <c r="N37785" s="10"/>
    </row>
    <row r="37786" spans="14:14">
      <c r="N37786" s="10"/>
    </row>
    <row r="37787" spans="14:14">
      <c r="N37787" s="10"/>
    </row>
    <row r="37788" spans="14:14">
      <c r="N37788" s="10"/>
    </row>
    <row r="37789" spans="14:14">
      <c r="N37789" s="10"/>
    </row>
    <row r="37790" spans="14:14">
      <c r="N37790" s="10"/>
    </row>
    <row r="37791" spans="14:14">
      <c r="N37791" s="10"/>
    </row>
    <row r="37792" spans="14:14">
      <c r="N37792" s="10"/>
    </row>
    <row r="37793" spans="14:14">
      <c r="N37793" s="10"/>
    </row>
    <row r="37794" spans="14:14">
      <c r="N37794" s="10"/>
    </row>
    <row r="37795" spans="14:14">
      <c r="N37795" s="10"/>
    </row>
    <row r="37796" spans="14:14">
      <c r="N37796" s="10"/>
    </row>
    <row r="37797" spans="14:14">
      <c r="N37797" s="10"/>
    </row>
    <row r="37798" spans="14:14">
      <c r="N37798" s="10"/>
    </row>
    <row r="37799" spans="14:14">
      <c r="N37799" s="10"/>
    </row>
    <row r="37800" spans="14:14">
      <c r="N37800" s="10"/>
    </row>
    <row r="37801" spans="14:14">
      <c r="N37801" s="10"/>
    </row>
    <row r="37802" spans="14:14">
      <c r="N37802" s="10"/>
    </row>
    <row r="37803" spans="14:14">
      <c r="N37803" s="10"/>
    </row>
    <row r="37804" spans="14:14">
      <c r="N37804" s="10"/>
    </row>
    <row r="37805" spans="14:14">
      <c r="N37805" s="10"/>
    </row>
    <row r="37806" spans="14:14">
      <c r="N37806" s="10"/>
    </row>
    <row r="37807" spans="14:14">
      <c r="N37807" s="10"/>
    </row>
    <row r="37808" spans="14:14">
      <c r="N37808" s="10"/>
    </row>
    <row r="37809" spans="14:14">
      <c r="N37809" s="10"/>
    </row>
    <row r="37810" spans="14:14">
      <c r="N37810" s="10"/>
    </row>
    <row r="37811" spans="14:14">
      <c r="N37811" s="10"/>
    </row>
    <row r="37812" spans="14:14">
      <c r="N37812" s="10"/>
    </row>
    <row r="37813" spans="14:14">
      <c r="N37813" s="10"/>
    </row>
    <row r="37814" spans="14:14">
      <c r="N37814" s="10"/>
    </row>
    <row r="37815" spans="14:14">
      <c r="N37815" s="10"/>
    </row>
    <row r="37816" spans="14:14">
      <c r="N37816" s="10"/>
    </row>
    <row r="37817" spans="14:14">
      <c r="N37817" s="10"/>
    </row>
    <row r="37818" spans="14:14">
      <c r="N37818" s="10"/>
    </row>
    <row r="37819" spans="14:14">
      <c r="N37819" s="10"/>
    </row>
    <row r="37820" spans="14:14">
      <c r="N37820" s="10"/>
    </row>
    <row r="37821" spans="14:14">
      <c r="N37821" s="10"/>
    </row>
    <row r="37822" spans="14:14">
      <c r="N37822" s="10"/>
    </row>
    <row r="37823" spans="14:14">
      <c r="N37823" s="10"/>
    </row>
    <row r="37824" spans="14:14">
      <c r="N37824" s="10"/>
    </row>
    <row r="37825" spans="14:14">
      <c r="N37825" s="10"/>
    </row>
    <row r="37826" spans="14:14">
      <c r="N37826" s="10"/>
    </row>
    <row r="37827" spans="14:14">
      <c r="N37827" s="10"/>
    </row>
    <row r="37828" spans="14:14">
      <c r="N37828" s="10"/>
    </row>
    <row r="37829" spans="14:14">
      <c r="N37829" s="10"/>
    </row>
    <row r="37830" spans="14:14">
      <c r="N37830" s="10"/>
    </row>
    <row r="37831" spans="14:14">
      <c r="N37831" s="10"/>
    </row>
    <row r="37832" spans="14:14">
      <c r="N37832" s="10"/>
    </row>
    <row r="37833" spans="14:14">
      <c r="N37833" s="10"/>
    </row>
    <row r="37834" spans="14:14">
      <c r="N37834" s="10"/>
    </row>
    <row r="37835" spans="14:14">
      <c r="N37835" s="10"/>
    </row>
    <row r="37836" spans="14:14">
      <c r="N37836" s="10"/>
    </row>
    <row r="37837" spans="14:14">
      <c r="N37837" s="10"/>
    </row>
    <row r="37838" spans="14:14">
      <c r="N37838" s="10"/>
    </row>
    <row r="37839" spans="14:14">
      <c r="N37839" s="10"/>
    </row>
    <row r="37840" spans="14:14">
      <c r="N37840" s="10"/>
    </row>
    <row r="37841" spans="14:14">
      <c r="N37841" s="10"/>
    </row>
    <row r="37842" spans="14:14">
      <c r="N37842" s="10"/>
    </row>
    <row r="37843" spans="14:14">
      <c r="N37843" s="10"/>
    </row>
    <row r="37844" spans="14:14">
      <c r="N37844" s="10"/>
    </row>
    <row r="37845" spans="14:14">
      <c r="N37845" s="10"/>
    </row>
    <row r="37846" spans="14:14">
      <c r="N37846" s="10"/>
    </row>
    <row r="37847" spans="14:14">
      <c r="N37847" s="10"/>
    </row>
    <row r="37848" spans="14:14">
      <c r="N37848" s="10"/>
    </row>
    <row r="37849" spans="14:14">
      <c r="N37849" s="10"/>
    </row>
    <row r="37850" spans="14:14">
      <c r="N37850" s="10"/>
    </row>
    <row r="37851" spans="14:14">
      <c r="N37851" s="10"/>
    </row>
    <row r="37852" spans="14:14">
      <c r="N37852" s="10"/>
    </row>
    <row r="37853" spans="14:14">
      <c r="N37853" s="10"/>
    </row>
    <row r="37854" spans="14:14">
      <c r="N37854" s="10"/>
    </row>
    <row r="37855" spans="14:14">
      <c r="N37855" s="10"/>
    </row>
    <row r="37856" spans="14:14">
      <c r="N37856" s="10"/>
    </row>
    <row r="37857" spans="14:14">
      <c r="N37857" s="10"/>
    </row>
    <row r="37858" spans="14:14">
      <c r="N37858" s="10"/>
    </row>
    <row r="37859" spans="14:14">
      <c r="N37859" s="10"/>
    </row>
    <row r="37860" spans="14:14">
      <c r="N37860" s="10"/>
    </row>
    <row r="37861" spans="14:14">
      <c r="N37861" s="10"/>
    </row>
    <row r="37862" spans="14:14">
      <c r="N37862" s="10"/>
    </row>
    <row r="37863" spans="14:14">
      <c r="N37863" s="10"/>
    </row>
    <row r="37864" spans="14:14">
      <c r="N37864" s="10"/>
    </row>
    <row r="37865" spans="14:14">
      <c r="N37865" s="10"/>
    </row>
    <row r="37866" spans="14:14">
      <c r="N37866" s="10"/>
    </row>
    <row r="37867" spans="14:14">
      <c r="N37867" s="10"/>
    </row>
    <row r="37868" spans="14:14">
      <c r="N37868" s="10"/>
    </row>
    <row r="37869" spans="14:14">
      <c r="N37869" s="10"/>
    </row>
    <row r="37870" spans="14:14">
      <c r="N37870" s="10"/>
    </row>
    <row r="37871" spans="14:14">
      <c r="N37871" s="10"/>
    </row>
    <row r="37872" spans="14:14">
      <c r="N37872" s="10"/>
    </row>
    <row r="37873" spans="14:14">
      <c r="N37873" s="10"/>
    </row>
    <row r="37874" spans="14:14">
      <c r="N37874" s="10"/>
    </row>
    <row r="37875" spans="14:14">
      <c r="N37875" s="10"/>
    </row>
    <row r="37876" spans="14:14">
      <c r="N37876" s="10"/>
    </row>
    <row r="37877" spans="14:14">
      <c r="N37877" s="10"/>
    </row>
    <row r="37878" spans="14:14">
      <c r="N37878" s="10"/>
    </row>
    <row r="37879" spans="14:14">
      <c r="N37879" s="10"/>
    </row>
    <row r="37880" spans="14:14">
      <c r="N37880" s="10"/>
    </row>
    <row r="37881" spans="14:14">
      <c r="N37881" s="10"/>
    </row>
    <row r="37882" spans="14:14">
      <c r="N37882" s="10"/>
    </row>
    <row r="37883" spans="14:14">
      <c r="N37883" s="10"/>
    </row>
    <row r="37884" spans="14:14">
      <c r="N37884" s="10"/>
    </row>
    <row r="37885" spans="14:14">
      <c r="N37885" s="10"/>
    </row>
    <row r="37886" spans="14:14">
      <c r="N37886" s="10"/>
    </row>
    <row r="37887" spans="14:14">
      <c r="N37887" s="10"/>
    </row>
    <row r="37888" spans="14:14">
      <c r="N37888" s="10"/>
    </row>
    <row r="37889" spans="14:14">
      <c r="N37889" s="10"/>
    </row>
    <row r="37890" spans="14:14">
      <c r="N37890" s="10"/>
    </row>
    <row r="37891" spans="14:14">
      <c r="N37891" s="10"/>
    </row>
    <row r="37892" spans="14:14">
      <c r="N37892" s="10"/>
    </row>
    <row r="37893" spans="14:14">
      <c r="N37893" s="10"/>
    </row>
    <row r="37894" spans="14:14">
      <c r="N37894" s="10"/>
    </row>
    <row r="37895" spans="14:14">
      <c r="N37895" s="10"/>
    </row>
    <row r="37896" spans="14:14">
      <c r="N37896" s="10"/>
    </row>
    <row r="37897" spans="14:14">
      <c r="N37897" s="10"/>
    </row>
    <row r="37898" spans="14:14">
      <c r="N37898" s="10"/>
    </row>
    <row r="37899" spans="14:14">
      <c r="N37899" s="10"/>
    </row>
    <row r="37900" spans="14:14">
      <c r="N37900" s="10"/>
    </row>
    <row r="37901" spans="14:14">
      <c r="N37901" s="10"/>
    </row>
    <row r="37902" spans="14:14">
      <c r="N37902" s="10"/>
    </row>
    <row r="37903" spans="14:14">
      <c r="N37903" s="10"/>
    </row>
    <row r="37904" spans="14:14">
      <c r="N37904" s="10"/>
    </row>
    <row r="37905" spans="14:14">
      <c r="N37905" s="10"/>
    </row>
    <row r="37906" spans="14:14">
      <c r="N37906" s="10"/>
    </row>
    <row r="37907" spans="14:14">
      <c r="N37907" s="10"/>
    </row>
    <row r="37908" spans="14:14">
      <c r="N37908" s="10"/>
    </row>
    <row r="37909" spans="14:14">
      <c r="N37909" s="10"/>
    </row>
    <row r="37910" spans="14:14">
      <c r="N37910" s="10"/>
    </row>
    <row r="37911" spans="14:14">
      <c r="N37911" s="10"/>
    </row>
    <row r="37912" spans="14:14">
      <c r="N37912" s="10"/>
    </row>
    <row r="37913" spans="14:14">
      <c r="N37913" s="10"/>
    </row>
    <row r="37914" spans="14:14">
      <c r="N37914" s="10"/>
    </row>
    <row r="37915" spans="14:14">
      <c r="N37915" s="10"/>
    </row>
    <row r="37916" spans="14:14">
      <c r="N37916" s="10"/>
    </row>
    <row r="37917" spans="14:14">
      <c r="N37917" s="10"/>
    </row>
    <row r="37918" spans="14:14">
      <c r="N37918" s="10"/>
    </row>
    <row r="37919" spans="14:14">
      <c r="N37919" s="10"/>
    </row>
    <row r="37920" spans="14:14">
      <c r="N37920" s="10"/>
    </row>
    <row r="37921" spans="14:14">
      <c r="N37921" s="10"/>
    </row>
    <row r="37922" spans="14:14">
      <c r="N37922" s="10"/>
    </row>
    <row r="37923" spans="14:14">
      <c r="N37923" s="10"/>
    </row>
    <row r="37924" spans="14:14">
      <c r="N37924" s="10"/>
    </row>
    <row r="37925" spans="14:14">
      <c r="N37925" s="10"/>
    </row>
    <row r="37926" spans="14:14">
      <c r="N37926" s="10"/>
    </row>
    <row r="37927" spans="14:14">
      <c r="N37927" s="10"/>
    </row>
    <row r="37928" spans="14:14">
      <c r="N37928" s="10"/>
    </row>
    <row r="37929" spans="14:14">
      <c r="N37929" s="10"/>
    </row>
    <row r="37930" spans="14:14">
      <c r="N37930" s="10"/>
    </row>
    <row r="37931" spans="14:14">
      <c r="N37931" s="10"/>
    </row>
    <row r="37932" spans="14:14">
      <c r="N37932" s="10"/>
    </row>
    <row r="37933" spans="14:14">
      <c r="N37933" s="10"/>
    </row>
    <row r="37934" spans="14:14">
      <c r="N37934" s="10"/>
    </row>
    <row r="37935" spans="14:14">
      <c r="N37935" s="10"/>
    </row>
    <row r="37936" spans="14:14">
      <c r="N37936" s="10"/>
    </row>
    <row r="37937" spans="14:14">
      <c r="N37937" s="10"/>
    </row>
    <row r="37938" spans="14:14">
      <c r="N37938" s="10"/>
    </row>
    <row r="37939" spans="14:14">
      <c r="N37939" s="10"/>
    </row>
    <row r="37940" spans="14:14">
      <c r="N37940" s="10"/>
    </row>
    <row r="37941" spans="14:14">
      <c r="N37941" s="10"/>
    </row>
    <row r="37942" spans="14:14">
      <c r="N37942" s="10"/>
    </row>
    <row r="37943" spans="14:14">
      <c r="N37943" s="10"/>
    </row>
    <row r="37944" spans="14:14">
      <c r="N37944" s="10"/>
    </row>
    <row r="37945" spans="14:14">
      <c r="N37945" s="10"/>
    </row>
    <row r="37946" spans="14:14">
      <c r="N37946" s="10"/>
    </row>
    <row r="37947" spans="14:14">
      <c r="N37947" s="10"/>
    </row>
    <row r="37948" spans="14:14">
      <c r="N37948" s="10"/>
    </row>
    <row r="37949" spans="14:14">
      <c r="N37949" s="10"/>
    </row>
    <row r="37950" spans="14:14">
      <c r="N37950" s="10"/>
    </row>
    <row r="37951" spans="14:14">
      <c r="N37951" s="10"/>
    </row>
    <row r="37952" spans="14:14">
      <c r="N37952" s="10"/>
    </row>
    <row r="37953" spans="14:14">
      <c r="N37953" s="10"/>
    </row>
    <row r="37954" spans="14:14">
      <c r="N37954" s="10"/>
    </row>
    <row r="37955" spans="14:14">
      <c r="N37955" s="10"/>
    </row>
    <row r="37956" spans="14:14">
      <c r="N37956" s="10"/>
    </row>
    <row r="37957" spans="14:14">
      <c r="N37957" s="10"/>
    </row>
    <row r="37958" spans="14:14">
      <c r="N37958" s="10"/>
    </row>
    <row r="37959" spans="14:14">
      <c r="N37959" s="10"/>
    </row>
    <row r="37960" spans="14:14">
      <c r="N37960" s="10"/>
    </row>
    <row r="37961" spans="14:14">
      <c r="N37961" s="10"/>
    </row>
    <row r="37962" spans="14:14">
      <c r="N37962" s="10"/>
    </row>
    <row r="37963" spans="14:14">
      <c r="N37963" s="10"/>
    </row>
    <row r="37964" spans="14:14">
      <c r="N37964" s="10"/>
    </row>
    <row r="37965" spans="14:14">
      <c r="N37965" s="10"/>
    </row>
    <row r="37966" spans="14:14">
      <c r="N37966" s="10"/>
    </row>
    <row r="37967" spans="14:14">
      <c r="N37967" s="10"/>
    </row>
    <row r="37968" spans="14:14">
      <c r="N37968" s="10"/>
    </row>
    <row r="37969" spans="14:14">
      <c r="N37969" s="10"/>
    </row>
    <row r="37970" spans="14:14">
      <c r="N37970" s="10"/>
    </row>
    <row r="37971" spans="14:14">
      <c r="N37971" s="10"/>
    </row>
    <row r="37972" spans="14:14">
      <c r="N37972" s="10"/>
    </row>
    <row r="37973" spans="14:14">
      <c r="N37973" s="10"/>
    </row>
    <row r="37974" spans="14:14">
      <c r="N37974" s="10"/>
    </row>
    <row r="37975" spans="14:14">
      <c r="N37975" s="10"/>
    </row>
    <row r="37976" spans="14:14">
      <c r="N37976" s="10"/>
    </row>
    <row r="37977" spans="14:14">
      <c r="N37977" s="10"/>
    </row>
    <row r="37978" spans="14:14">
      <c r="N37978" s="10"/>
    </row>
    <row r="37979" spans="14:14">
      <c r="N37979" s="10"/>
    </row>
    <row r="37980" spans="14:14">
      <c r="N37980" s="10"/>
    </row>
    <row r="37981" spans="14:14">
      <c r="N37981" s="10"/>
    </row>
    <row r="37982" spans="14:14">
      <c r="N37982" s="10"/>
    </row>
    <row r="37983" spans="14:14">
      <c r="N37983" s="10"/>
    </row>
    <row r="37984" spans="14:14">
      <c r="N37984" s="10"/>
    </row>
    <row r="37985" spans="14:14">
      <c r="N37985" s="10"/>
    </row>
    <row r="37986" spans="14:14">
      <c r="N37986" s="10"/>
    </row>
    <row r="37987" spans="14:14">
      <c r="N37987" s="10"/>
    </row>
    <row r="37988" spans="14:14">
      <c r="N37988" s="10"/>
    </row>
    <row r="37989" spans="14:14">
      <c r="N37989" s="10"/>
    </row>
    <row r="37990" spans="14:14">
      <c r="N37990" s="10"/>
    </row>
    <row r="37991" spans="14:14">
      <c r="N37991" s="10"/>
    </row>
    <row r="37992" spans="14:14">
      <c r="N37992" s="10"/>
    </row>
    <row r="37993" spans="14:14">
      <c r="N37993" s="10"/>
    </row>
    <row r="37994" spans="14:14">
      <c r="N37994" s="10"/>
    </row>
    <row r="37995" spans="14:14">
      <c r="N37995" s="10"/>
    </row>
    <row r="37996" spans="14:14">
      <c r="N37996" s="10"/>
    </row>
    <row r="37997" spans="14:14">
      <c r="N37997" s="10"/>
    </row>
    <row r="37998" spans="14:14">
      <c r="N37998" s="10"/>
    </row>
    <row r="37999" spans="14:14">
      <c r="N37999" s="10"/>
    </row>
    <row r="38000" spans="14:14">
      <c r="N38000" s="10"/>
    </row>
    <row r="38001" spans="14:14">
      <c r="N38001" s="10"/>
    </row>
    <row r="38002" spans="14:14">
      <c r="N38002" s="10"/>
    </row>
    <row r="38003" spans="14:14">
      <c r="N38003" s="10"/>
    </row>
    <row r="38004" spans="14:14">
      <c r="N38004" s="10"/>
    </row>
    <row r="38005" spans="14:14">
      <c r="N38005" s="10"/>
    </row>
    <row r="38006" spans="14:14">
      <c r="N38006" s="10"/>
    </row>
    <row r="38007" spans="14:14">
      <c r="N38007" s="10"/>
    </row>
    <row r="38008" spans="14:14">
      <c r="N38008" s="10"/>
    </row>
    <row r="38009" spans="14:14">
      <c r="N38009" s="10"/>
    </row>
    <row r="38010" spans="14:14">
      <c r="N38010" s="10"/>
    </row>
    <row r="38011" spans="14:14">
      <c r="N38011" s="10"/>
    </row>
    <row r="38012" spans="14:14">
      <c r="N38012" s="10"/>
    </row>
    <row r="38013" spans="14:14">
      <c r="N38013" s="10"/>
    </row>
    <row r="38014" spans="14:14">
      <c r="N38014" s="10"/>
    </row>
    <row r="38015" spans="14:14">
      <c r="N38015" s="10"/>
    </row>
    <row r="38016" spans="14:14">
      <c r="N38016" s="10"/>
    </row>
    <row r="38017" spans="14:14">
      <c r="N38017" s="10"/>
    </row>
    <row r="38018" spans="14:14">
      <c r="N38018" s="10"/>
    </row>
    <row r="38019" spans="14:14">
      <c r="N38019" s="10"/>
    </row>
    <row r="38020" spans="14:14">
      <c r="N38020" s="10"/>
    </row>
    <row r="38021" spans="14:14">
      <c r="N38021" s="10"/>
    </row>
    <row r="38022" spans="14:14">
      <c r="N38022" s="10"/>
    </row>
    <row r="38023" spans="14:14">
      <c r="N38023" s="10"/>
    </row>
    <row r="38024" spans="14:14">
      <c r="N38024" s="10"/>
    </row>
    <row r="38025" spans="14:14">
      <c r="N38025" s="10"/>
    </row>
    <row r="38026" spans="14:14">
      <c r="N38026" s="10"/>
    </row>
    <row r="38027" spans="14:14">
      <c r="N38027" s="10"/>
    </row>
    <row r="38028" spans="14:14">
      <c r="N38028" s="10"/>
    </row>
    <row r="38029" spans="14:14">
      <c r="N38029" s="10"/>
    </row>
    <row r="38030" spans="14:14">
      <c r="N38030" s="10"/>
    </row>
    <row r="38031" spans="14:14">
      <c r="N38031" s="10"/>
    </row>
    <row r="38032" spans="14:14">
      <c r="N38032" s="10"/>
    </row>
    <row r="38033" spans="14:14">
      <c r="N38033" s="10"/>
    </row>
    <row r="38034" spans="14:14">
      <c r="N38034" s="10"/>
    </row>
    <row r="38035" spans="14:14">
      <c r="N38035" s="10"/>
    </row>
    <row r="38036" spans="14:14">
      <c r="N38036" s="10"/>
    </row>
    <row r="38037" spans="14:14">
      <c r="N38037" s="10"/>
    </row>
    <row r="38038" spans="14:14">
      <c r="N38038" s="10"/>
    </row>
    <row r="38039" spans="14:14">
      <c r="N38039" s="10"/>
    </row>
    <row r="38040" spans="14:14">
      <c r="N38040" s="10"/>
    </row>
    <row r="38041" spans="14:14">
      <c r="N38041" s="10"/>
    </row>
    <row r="38042" spans="14:14">
      <c r="N38042" s="10"/>
    </row>
    <row r="38043" spans="14:14">
      <c r="N38043" s="10"/>
    </row>
    <row r="38044" spans="14:14">
      <c r="N38044" s="10"/>
    </row>
    <row r="38045" spans="14:14">
      <c r="N38045" s="10"/>
    </row>
    <row r="38046" spans="14:14">
      <c r="N38046" s="10"/>
    </row>
    <row r="38047" spans="14:14">
      <c r="N38047" s="10"/>
    </row>
    <row r="38048" spans="14:14">
      <c r="N38048" s="10"/>
    </row>
    <row r="38049" spans="14:14">
      <c r="N38049" s="10"/>
    </row>
    <row r="38050" spans="14:14">
      <c r="N38050" s="10"/>
    </row>
    <row r="38051" spans="14:14">
      <c r="N38051" s="10"/>
    </row>
    <row r="38052" spans="14:14">
      <c r="N38052" s="10"/>
    </row>
    <row r="38053" spans="14:14">
      <c r="N38053" s="10"/>
    </row>
    <row r="38054" spans="14:14">
      <c r="N38054" s="10"/>
    </row>
    <row r="38055" spans="14:14">
      <c r="N38055" s="10"/>
    </row>
    <row r="38056" spans="14:14">
      <c r="N38056" s="10"/>
    </row>
    <row r="38057" spans="14:14">
      <c r="N38057" s="10"/>
    </row>
    <row r="38058" spans="14:14">
      <c r="N38058" s="10"/>
    </row>
    <row r="38059" spans="14:14">
      <c r="N38059" s="10"/>
    </row>
    <row r="38060" spans="14:14">
      <c r="N38060" s="10"/>
    </row>
    <row r="38061" spans="14:14">
      <c r="N38061" s="10"/>
    </row>
    <row r="38062" spans="14:14">
      <c r="N38062" s="10"/>
    </row>
    <row r="38063" spans="14:14">
      <c r="N38063" s="10"/>
    </row>
    <row r="38064" spans="14:14">
      <c r="N38064" s="10"/>
    </row>
    <row r="38065" spans="14:14">
      <c r="N38065" s="10"/>
    </row>
    <row r="38066" spans="14:14">
      <c r="N38066" s="10"/>
    </row>
    <row r="38067" spans="14:14">
      <c r="N38067" s="10"/>
    </row>
    <row r="38068" spans="14:14">
      <c r="N38068" s="10"/>
    </row>
    <row r="38069" spans="14:14">
      <c r="N38069" s="10"/>
    </row>
    <row r="38070" spans="14:14">
      <c r="N38070" s="10"/>
    </row>
    <row r="38071" spans="14:14">
      <c r="N38071" s="10"/>
    </row>
    <row r="38072" spans="14:14">
      <c r="N38072" s="10"/>
    </row>
    <row r="38073" spans="14:14">
      <c r="N38073" s="10"/>
    </row>
    <row r="38074" spans="14:14">
      <c r="N38074" s="10"/>
    </row>
    <row r="38075" spans="14:14">
      <c r="N38075" s="10"/>
    </row>
    <row r="38076" spans="14:14">
      <c r="N38076" s="10"/>
    </row>
    <row r="38077" spans="14:14">
      <c r="N38077" s="10"/>
    </row>
    <row r="38078" spans="14:14">
      <c r="N38078" s="10"/>
    </row>
    <row r="38079" spans="14:14">
      <c r="N38079" s="10"/>
    </row>
    <row r="38080" spans="14:14">
      <c r="N38080" s="10"/>
    </row>
    <row r="38081" spans="14:14">
      <c r="N38081" s="10"/>
    </row>
    <row r="38082" spans="14:14">
      <c r="N38082" s="10"/>
    </row>
    <row r="38083" spans="14:14">
      <c r="N38083" s="10"/>
    </row>
    <row r="38084" spans="14:14">
      <c r="N38084" s="10"/>
    </row>
    <row r="38085" spans="14:14">
      <c r="N38085" s="10"/>
    </row>
    <row r="38086" spans="14:14">
      <c r="N38086" s="10"/>
    </row>
    <row r="38087" spans="14:14">
      <c r="N38087" s="10"/>
    </row>
    <row r="38088" spans="14:14">
      <c r="N38088" s="10"/>
    </row>
    <row r="38089" spans="14:14">
      <c r="N38089" s="10"/>
    </row>
    <row r="38090" spans="14:14">
      <c r="N38090" s="10"/>
    </row>
    <row r="38091" spans="14:14">
      <c r="N38091" s="10"/>
    </row>
    <row r="38092" spans="14:14">
      <c r="N38092" s="10"/>
    </row>
    <row r="38093" spans="14:14">
      <c r="N38093" s="10"/>
    </row>
    <row r="38094" spans="14:14">
      <c r="N38094" s="10"/>
    </row>
    <row r="38095" spans="14:14">
      <c r="N38095" s="10"/>
    </row>
    <row r="38096" spans="14:14">
      <c r="N38096" s="10"/>
    </row>
    <row r="38097" spans="14:14">
      <c r="N38097" s="10"/>
    </row>
    <row r="38098" spans="14:14">
      <c r="N38098" s="10"/>
    </row>
    <row r="38099" spans="14:14">
      <c r="N38099" s="10"/>
    </row>
    <row r="38100" spans="14:14">
      <c r="N38100" s="10"/>
    </row>
    <row r="38101" spans="14:14">
      <c r="N38101" s="10"/>
    </row>
    <row r="38102" spans="14:14">
      <c r="N38102" s="10"/>
    </row>
    <row r="38103" spans="14:14">
      <c r="N38103" s="10"/>
    </row>
    <row r="38104" spans="14:14">
      <c r="N38104" s="10"/>
    </row>
    <row r="38105" spans="14:14">
      <c r="N38105" s="10"/>
    </row>
    <row r="38106" spans="14:14">
      <c r="N38106" s="10"/>
    </row>
    <row r="38107" spans="14:14">
      <c r="N38107" s="10"/>
    </row>
    <row r="38108" spans="14:14">
      <c r="N38108" s="10"/>
    </row>
    <row r="38109" spans="14:14">
      <c r="N38109" s="10"/>
    </row>
    <row r="38110" spans="14:14">
      <c r="N38110" s="10"/>
    </row>
    <row r="38111" spans="14:14">
      <c r="N38111" s="10"/>
    </row>
    <row r="38112" spans="14:14">
      <c r="N38112" s="10"/>
    </row>
    <row r="38113" spans="14:14">
      <c r="N38113" s="10"/>
    </row>
    <row r="38114" spans="14:14">
      <c r="N38114" s="10"/>
    </row>
    <row r="38115" spans="14:14">
      <c r="N38115" s="10"/>
    </row>
    <row r="38116" spans="14:14">
      <c r="N38116" s="10"/>
    </row>
    <row r="38117" spans="14:14">
      <c r="N38117" s="10"/>
    </row>
    <row r="38118" spans="14:14">
      <c r="N38118" s="10"/>
    </row>
    <row r="38119" spans="14:14">
      <c r="N38119" s="10"/>
    </row>
    <row r="38120" spans="14:14">
      <c r="N38120" s="10"/>
    </row>
    <row r="38121" spans="14:14">
      <c r="N38121" s="10"/>
    </row>
    <row r="38122" spans="14:14">
      <c r="N38122" s="10"/>
    </row>
    <row r="38123" spans="14:14">
      <c r="N38123" s="10"/>
    </row>
    <row r="38124" spans="14:14">
      <c r="N38124" s="10"/>
    </row>
    <row r="38125" spans="14:14">
      <c r="N38125" s="10"/>
    </row>
    <row r="38126" spans="14:14">
      <c r="N38126" s="10"/>
    </row>
    <row r="38127" spans="14:14">
      <c r="N38127" s="10"/>
    </row>
    <row r="38128" spans="14:14">
      <c r="N38128" s="10"/>
    </row>
    <row r="38129" spans="14:14">
      <c r="N38129" s="10"/>
    </row>
    <row r="38130" spans="14:14">
      <c r="N38130" s="10"/>
    </row>
    <row r="38131" spans="14:14">
      <c r="N38131" s="10"/>
    </row>
    <row r="38132" spans="14:14">
      <c r="N38132" s="10"/>
    </row>
    <row r="38133" spans="14:14">
      <c r="N38133" s="10"/>
    </row>
    <row r="38134" spans="14:14">
      <c r="N38134" s="10"/>
    </row>
    <row r="38135" spans="14:14">
      <c r="N38135" s="10"/>
    </row>
    <row r="38136" spans="14:14">
      <c r="N38136" s="10"/>
    </row>
    <row r="38137" spans="14:14">
      <c r="N38137" s="10"/>
    </row>
    <row r="38138" spans="14:14">
      <c r="N38138" s="10"/>
    </row>
    <row r="38139" spans="14:14">
      <c r="N38139" s="10"/>
    </row>
    <row r="38140" spans="14:14">
      <c r="N38140" s="10"/>
    </row>
    <row r="38141" spans="14:14">
      <c r="N38141" s="10"/>
    </row>
    <row r="38142" spans="14:14">
      <c r="N38142" s="10"/>
    </row>
    <row r="38143" spans="14:14">
      <c r="N38143" s="10"/>
    </row>
    <row r="38144" spans="14:14">
      <c r="N38144" s="10"/>
    </row>
    <row r="38145" spans="14:14">
      <c r="N38145" s="10"/>
    </row>
    <row r="38146" spans="14:14">
      <c r="N38146" s="10"/>
    </row>
    <row r="38147" spans="14:14">
      <c r="N38147" s="10"/>
    </row>
    <row r="38148" spans="14:14">
      <c r="N38148" s="10"/>
    </row>
    <row r="38149" spans="14:14">
      <c r="N38149" s="10"/>
    </row>
    <row r="38150" spans="14:14">
      <c r="N38150" s="10"/>
    </row>
    <row r="38151" spans="14:14">
      <c r="N38151" s="10"/>
    </row>
    <row r="38152" spans="14:14">
      <c r="N38152" s="10"/>
    </row>
    <row r="38153" spans="14:14">
      <c r="N38153" s="10"/>
    </row>
    <row r="38154" spans="14:14">
      <c r="N38154" s="10"/>
    </row>
    <row r="38155" spans="14:14">
      <c r="N38155" s="10"/>
    </row>
    <row r="38156" spans="14:14">
      <c r="N38156" s="10"/>
    </row>
    <row r="38157" spans="14:14">
      <c r="N38157" s="10"/>
    </row>
    <row r="38158" spans="14:14">
      <c r="N38158" s="10"/>
    </row>
    <row r="38159" spans="14:14">
      <c r="N38159" s="10"/>
    </row>
    <row r="38160" spans="14:14">
      <c r="N38160" s="10"/>
    </row>
    <row r="38161" spans="14:14">
      <c r="N38161" s="10"/>
    </row>
    <row r="38162" spans="14:14">
      <c r="N38162" s="10"/>
    </row>
    <row r="38163" spans="14:14">
      <c r="N38163" s="10"/>
    </row>
    <row r="38164" spans="14:14">
      <c r="N38164" s="10"/>
    </row>
    <row r="38165" spans="14:14">
      <c r="N38165" s="10"/>
    </row>
    <row r="38166" spans="14:14">
      <c r="N38166" s="10"/>
    </row>
    <row r="38167" spans="14:14">
      <c r="N38167" s="10"/>
    </row>
    <row r="38168" spans="14:14">
      <c r="N38168" s="10"/>
    </row>
    <row r="38169" spans="14:14">
      <c r="N38169" s="10"/>
    </row>
    <row r="38170" spans="14:14">
      <c r="N38170" s="10"/>
    </row>
    <row r="38171" spans="14:14">
      <c r="N38171" s="10"/>
    </row>
    <row r="38172" spans="14:14">
      <c r="N38172" s="10"/>
    </row>
    <row r="38173" spans="14:14">
      <c r="N38173" s="10"/>
    </row>
    <row r="38174" spans="14:14">
      <c r="N38174" s="10"/>
    </row>
    <row r="38175" spans="14:14">
      <c r="N38175" s="10"/>
    </row>
    <row r="38176" spans="14:14">
      <c r="N38176" s="10"/>
    </row>
    <row r="38177" spans="14:14">
      <c r="N38177" s="10"/>
    </row>
    <row r="38178" spans="14:14">
      <c r="N38178" s="10"/>
    </row>
    <row r="38179" spans="14:14">
      <c r="N38179" s="10"/>
    </row>
    <row r="38180" spans="14:14">
      <c r="N38180" s="10"/>
    </row>
    <row r="38181" spans="14:14">
      <c r="N38181" s="10"/>
    </row>
    <row r="38182" spans="14:14">
      <c r="N38182" s="10"/>
    </row>
    <row r="38183" spans="14:14">
      <c r="N38183" s="10"/>
    </row>
    <row r="38184" spans="14:14">
      <c r="N38184" s="10"/>
    </row>
    <row r="38185" spans="14:14">
      <c r="N38185" s="10"/>
    </row>
    <row r="38186" spans="14:14">
      <c r="N38186" s="10"/>
    </row>
    <row r="38187" spans="14:14">
      <c r="N38187" s="10"/>
    </row>
    <row r="38188" spans="14:14">
      <c r="N38188" s="10"/>
    </row>
    <row r="38189" spans="14:14">
      <c r="N38189" s="10"/>
    </row>
    <row r="38190" spans="14:14">
      <c r="N38190" s="10"/>
    </row>
    <row r="38191" spans="14:14">
      <c r="N38191" s="10"/>
    </row>
    <row r="38192" spans="14:14">
      <c r="N38192" s="10"/>
    </row>
    <row r="38193" spans="14:14">
      <c r="N38193" s="10"/>
    </row>
    <row r="38194" spans="14:14">
      <c r="N38194" s="10"/>
    </row>
    <row r="38195" spans="14:14">
      <c r="N38195" s="10"/>
    </row>
    <row r="38196" spans="14:14">
      <c r="N38196" s="10"/>
    </row>
    <row r="38197" spans="14:14">
      <c r="N38197" s="10"/>
    </row>
    <row r="38198" spans="14:14">
      <c r="N38198" s="10"/>
    </row>
    <row r="38199" spans="14:14">
      <c r="N38199" s="10"/>
    </row>
    <row r="38200" spans="14:14">
      <c r="N38200" s="10"/>
    </row>
    <row r="38201" spans="14:14">
      <c r="N38201" s="10"/>
    </row>
    <row r="38202" spans="14:14">
      <c r="N38202" s="10"/>
    </row>
    <row r="38203" spans="14:14">
      <c r="N38203" s="10"/>
    </row>
    <row r="38204" spans="14:14">
      <c r="N38204" s="10"/>
    </row>
    <row r="38205" spans="14:14">
      <c r="N38205" s="10"/>
    </row>
    <row r="38206" spans="14:14">
      <c r="N38206" s="10"/>
    </row>
    <row r="38207" spans="14:14">
      <c r="N38207" s="10"/>
    </row>
    <row r="38208" spans="14:14">
      <c r="N38208" s="10"/>
    </row>
    <row r="38209" spans="14:14">
      <c r="N38209" s="10"/>
    </row>
    <row r="38210" spans="14:14">
      <c r="N38210" s="10"/>
    </row>
    <row r="38211" spans="14:14">
      <c r="N38211" s="10"/>
    </row>
    <row r="38212" spans="14:14">
      <c r="N38212" s="10"/>
    </row>
    <row r="38213" spans="14:14">
      <c r="N38213" s="10"/>
    </row>
    <row r="38214" spans="14:14">
      <c r="N38214" s="10"/>
    </row>
    <row r="38215" spans="14:14">
      <c r="N38215" s="10"/>
    </row>
    <row r="38216" spans="14:14">
      <c r="N38216" s="10"/>
    </row>
    <row r="38217" spans="14:14">
      <c r="N38217" s="10"/>
    </row>
    <row r="38218" spans="14:14">
      <c r="N38218" s="10"/>
    </row>
    <row r="38219" spans="14:14">
      <c r="N38219" s="10"/>
    </row>
    <row r="38220" spans="14:14">
      <c r="N38220" s="10"/>
    </row>
    <row r="38221" spans="14:14">
      <c r="N38221" s="10"/>
    </row>
    <row r="38222" spans="14:14">
      <c r="N38222" s="10"/>
    </row>
    <row r="38223" spans="14:14">
      <c r="N38223" s="10"/>
    </row>
    <row r="38224" spans="14:14">
      <c r="N38224" s="10"/>
    </row>
    <row r="38225" spans="14:14">
      <c r="N38225" s="10"/>
    </row>
    <row r="38226" spans="14:14">
      <c r="N38226" s="10"/>
    </row>
    <row r="38227" spans="14:14">
      <c r="N38227" s="10"/>
    </row>
    <row r="38228" spans="14:14">
      <c r="N38228" s="10"/>
    </row>
    <row r="38229" spans="14:14">
      <c r="N38229" s="10"/>
    </row>
    <row r="38230" spans="14:14">
      <c r="N38230" s="10"/>
    </row>
    <row r="38231" spans="14:14">
      <c r="N38231" s="10"/>
    </row>
    <row r="38232" spans="14:14">
      <c r="N38232" s="10"/>
    </row>
    <row r="38233" spans="14:14">
      <c r="N38233" s="10"/>
    </row>
    <row r="38234" spans="14:14">
      <c r="N38234" s="10"/>
    </row>
    <row r="38235" spans="14:14">
      <c r="N38235" s="10"/>
    </row>
    <row r="38236" spans="14:14">
      <c r="N38236" s="10"/>
    </row>
    <row r="38237" spans="14:14">
      <c r="N38237" s="10"/>
    </row>
    <row r="38238" spans="14:14">
      <c r="N38238" s="10"/>
    </row>
    <row r="38239" spans="14:14">
      <c r="N38239" s="10"/>
    </row>
    <row r="38240" spans="14:14">
      <c r="N38240" s="10"/>
    </row>
    <row r="38241" spans="14:14">
      <c r="N38241" s="10"/>
    </row>
    <row r="38242" spans="14:14">
      <c r="N38242" s="10"/>
    </row>
    <row r="38243" spans="14:14">
      <c r="N38243" s="10"/>
    </row>
    <row r="38244" spans="14:14">
      <c r="N38244" s="10"/>
    </row>
    <row r="38245" spans="14:14">
      <c r="N38245" s="10"/>
    </row>
    <row r="38246" spans="14:14">
      <c r="N38246" s="10"/>
    </row>
    <row r="38247" spans="14:14">
      <c r="N38247" s="10"/>
    </row>
    <row r="38248" spans="14:14">
      <c r="N38248" s="10"/>
    </row>
    <row r="38249" spans="14:14">
      <c r="N38249" s="10"/>
    </row>
    <row r="38250" spans="14:14">
      <c r="N38250" s="10"/>
    </row>
    <row r="38251" spans="14:14">
      <c r="N38251" s="10"/>
    </row>
    <row r="38252" spans="14:14">
      <c r="N38252" s="10"/>
    </row>
    <row r="38253" spans="14:14">
      <c r="N38253" s="10"/>
    </row>
    <row r="38254" spans="14:14">
      <c r="N38254" s="10"/>
    </row>
    <row r="38255" spans="14:14">
      <c r="N38255" s="10"/>
    </row>
    <row r="38256" spans="14:14">
      <c r="N38256" s="10"/>
    </row>
    <row r="38257" spans="14:14">
      <c r="N38257" s="10"/>
    </row>
    <row r="38258" spans="14:14">
      <c r="N38258" s="10"/>
    </row>
    <row r="38259" spans="14:14">
      <c r="N38259" s="10"/>
    </row>
    <row r="38260" spans="14:14">
      <c r="N38260" s="10"/>
    </row>
    <row r="38261" spans="14:14">
      <c r="N38261" s="10"/>
    </row>
    <row r="38262" spans="14:14">
      <c r="N38262" s="10"/>
    </row>
    <row r="38263" spans="14:14">
      <c r="N38263" s="10"/>
    </row>
    <row r="38264" spans="14:14">
      <c r="N38264" s="10"/>
    </row>
    <row r="38265" spans="14:14">
      <c r="N38265" s="10"/>
    </row>
    <row r="38266" spans="14:14">
      <c r="N38266" s="10"/>
    </row>
    <row r="38267" spans="14:14">
      <c r="N38267" s="10"/>
    </row>
    <row r="38268" spans="14:14">
      <c r="N38268" s="10"/>
    </row>
    <row r="38269" spans="14:14">
      <c r="N38269" s="10"/>
    </row>
    <row r="38270" spans="14:14">
      <c r="N38270" s="10"/>
    </row>
    <row r="38271" spans="14:14">
      <c r="N38271" s="10"/>
    </row>
    <row r="38272" spans="14:14">
      <c r="N38272" s="10"/>
    </row>
    <row r="38273" spans="14:14">
      <c r="N38273" s="10"/>
    </row>
    <row r="38274" spans="14:14">
      <c r="N38274" s="10"/>
    </row>
    <row r="38275" spans="14:14">
      <c r="N38275" s="10"/>
    </row>
    <row r="38276" spans="14:14">
      <c r="N38276" s="10"/>
    </row>
    <row r="38277" spans="14:14">
      <c r="N38277" s="10"/>
    </row>
    <row r="38278" spans="14:14">
      <c r="N38278" s="10"/>
    </row>
    <row r="38279" spans="14:14">
      <c r="N38279" s="10"/>
    </row>
    <row r="38280" spans="14:14">
      <c r="N38280" s="10"/>
    </row>
    <row r="38281" spans="14:14">
      <c r="N38281" s="10"/>
    </row>
    <row r="38282" spans="14:14">
      <c r="N38282" s="10"/>
    </row>
    <row r="38283" spans="14:14">
      <c r="N38283" s="10"/>
    </row>
    <row r="38284" spans="14:14">
      <c r="N38284" s="10"/>
    </row>
    <row r="38285" spans="14:14">
      <c r="N38285" s="10"/>
    </row>
    <row r="38286" spans="14:14">
      <c r="N38286" s="10"/>
    </row>
    <row r="38287" spans="14:14">
      <c r="N38287" s="10"/>
    </row>
    <row r="38288" spans="14:14">
      <c r="N38288" s="10"/>
    </row>
    <row r="38289" spans="14:14">
      <c r="N38289" s="10"/>
    </row>
    <row r="38290" spans="14:14">
      <c r="N38290" s="10"/>
    </row>
    <row r="38291" spans="14:14">
      <c r="N38291" s="10"/>
    </row>
    <row r="38292" spans="14:14">
      <c r="N38292" s="10"/>
    </row>
    <row r="38293" spans="14:14">
      <c r="N38293" s="10"/>
    </row>
    <row r="38294" spans="14:14">
      <c r="N38294" s="10"/>
    </row>
    <row r="38295" spans="14:14">
      <c r="N38295" s="10"/>
    </row>
    <row r="38296" spans="14:14">
      <c r="N38296" s="10"/>
    </row>
    <row r="38297" spans="14:14">
      <c r="N38297" s="10"/>
    </row>
    <row r="38298" spans="14:14">
      <c r="N38298" s="10"/>
    </row>
    <row r="38299" spans="14:14">
      <c r="N38299" s="10"/>
    </row>
    <row r="38300" spans="14:14">
      <c r="N38300" s="10"/>
    </row>
    <row r="38301" spans="14:14">
      <c r="N38301" s="10"/>
    </row>
    <row r="38302" spans="14:14">
      <c r="N38302" s="10"/>
    </row>
    <row r="38303" spans="14:14">
      <c r="N38303" s="10"/>
    </row>
    <row r="38304" spans="14:14">
      <c r="N38304" s="10"/>
    </row>
    <row r="38305" spans="14:14">
      <c r="N38305" s="10"/>
    </row>
    <row r="38306" spans="14:14">
      <c r="N38306" s="10"/>
    </row>
    <row r="38307" spans="14:14">
      <c r="N38307" s="10"/>
    </row>
    <row r="38308" spans="14:14">
      <c r="N38308" s="10"/>
    </row>
    <row r="38309" spans="14:14">
      <c r="N38309" s="10"/>
    </row>
    <row r="38310" spans="14:14">
      <c r="N38310" s="10"/>
    </row>
    <row r="38311" spans="14:14">
      <c r="N38311" s="10"/>
    </row>
    <row r="38312" spans="14:14">
      <c r="N38312" s="10"/>
    </row>
    <row r="38313" spans="14:14">
      <c r="N38313" s="10"/>
    </row>
    <row r="38314" spans="14:14">
      <c r="N38314" s="10"/>
    </row>
    <row r="38315" spans="14:14">
      <c r="N38315" s="10"/>
    </row>
    <row r="38316" spans="14:14">
      <c r="N38316" s="10"/>
    </row>
    <row r="38317" spans="14:14">
      <c r="N38317" s="10"/>
    </row>
    <row r="38318" spans="14:14">
      <c r="N38318" s="10"/>
    </row>
    <row r="38319" spans="14:14">
      <c r="N38319" s="10"/>
    </row>
    <row r="38320" spans="14:14">
      <c r="N38320" s="10"/>
    </row>
    <row r="38321" spans="14:14">
      <c r="N38321" s="10"/>
    </row>
    <row r="38322" spans="14:14">
      <c r="N38322" s="10"/>
    </row>
    <row r="38323" spans="14:14">
      <c r="N38323" s="10"/>
    </row>
    <row r="38324" spans="14:14">
      <c r="N38324" s="10"/>
    </row>
    <row r="38325" spans="14:14">
      <c r="N38325" s="10"/>
    </row>
    <row r="38326" spans="14:14">
      <c r="N38326" s="10"/>
    </row>
    <row r="38327" spans="14:14">
      <c r="N38327" s="10"/>
    </row>
    <row r="38328" spans="14:14">
      <c r="N38328" s="10"/>
    </row>
    <row r="38329" spans="14:14">
      <c r="N38329" s="10"/>
    </row>
    <row r="38330" spans="14:14">
      <c r="N38330" s="10"/>
    </row>
    <row r="38331" spans="14:14">
      <c r="N38331" s="10"/>
    </row>
    <row r="38332" spans="14:14">
      <c r="N38332" s="10"/>
    </row>
    <row r="38333" spans="14:14">
      <c r="N38333" s="10"/>
    </row>
    <row r="38334" spans="14:14">
      <c r="N38334" s="10"/>
    </row>
    <row r="38335" spans="14:14">
      <c r="N38335" s="10"/>
    </row>
    <row r="38336" spans="14:14">
      <c r="N38336" s="10"/>
    </row>
    <row r="38337" spans="14:14">
      <c r="N38337" s="10"/>
    </row>
    <row r="38338" spans="14:14">
      <c r="N38338" s="10"/>
    </row>
    <row r="38339" spans="14:14">
      <c r="N38339" s="10"/>
    </row>
    <row r="38340" spans="14:14">
      <c r="N38340" s="10"/>
    </row>
    <row r="38341" spans="14:14">
      <c r="N38341" s="10"/>
    </row>
    <row r="38342" spans="14:14">
      <c r="N38342" s="10"/>
    </row>
    <row r="38343" spans="14:14">
      <c r="N38343" s="10"/>
    </row>
    <row r="38344" spans="14:14">
      <c r="N38344" s="10"/>
    </row>
    <row r="38345" spans="14:14">
      <c r="N38345" s="10"/>
    </row>
    <row r="38346" spans="14:14">
      <c r="N38346" s="10"/>
    </row>
    <row r="38347" spans="14:14">
      <c r="N38347" s="10"/>
    </row>
    <row r="38348" spans="14:14">
      <c r="N38348" s="10"/>
    </row>
    <row r="38349" spans="14:14">
      <c r="N38349" s="10"/>
    </row>
    <row r="38350" spans="14:14">
      <c r="N38350" s="10"/>
    </row>
    <row r="38351" spans="14:14">
      <c r="N38351" s="10"/>
    </row>
    <row r="38352" spans="14:14">
      <c r="N38352" s="10"/>
    </row>
    <row r="38353" spans="14:14">
      <c r="N38353" s="10"/>
    </row>
    <row r="38354" spans="14:14">
      <c r="N38354" s="10"/>
    </row>
    <row r="38355" spans="14:14">
      <c r="N38355" s="10"/>
    </row>
    <row r="38356" spans="14:14">
      <c r="N38356" s="10"/>
    </row>
    <row r="38357" spans="14:14">
      <c r="N38357" s="10"/>
    </row>
    <row r="38358" spans="14:14">
      <c r="N38358" s="10"/>
    </row>
    <row r="38359" spans="14:14">
      <c r="N38359" s="10"/>
    </row>
    <row r="38360" spans="14:14">
      <c r="N38360" s="10"/>
    </row>
    <row r="38361" spans="14:14">
      <c r="N38361" s="10"/>
    </row>
    <row r="38362" spans="14:14">
      <c r="N38362" s="10"/>
    </row>
    <row r="38363" spans="14:14">
      <c r="N38363" s="10"/>
    </row>
    <row r="38364" spans="14:14">
      <c r="N38364" s="10"/>
    </row>
    <row r="38365" spans="14:14">
      <c r="N38365" s="10"/>
    </row>
    <row r="38366" spans="14:14">
      <c r="N38366" s="10"/>
    </row>
    <row r="38367" spans="14:14">
      <c r="N38367" s="10"/>
    </row>
    <row r="38368" spans="14:14">
      <c r="N38368" s="10"/>
    </row>
    <row r="38369" spans="14:14">
      <c r="N38369" s="10"/>
    </row>
    <row r="38370" spans="14:14">
      <c r="N38370" s="10"/>
    </row>
    <row r="38371" spans="14:14">
      <c r="N38371" s="10"/>
    </row>
    <row r="38372" spans="14:14">
      <c r="N38372" s="10"/>
    </row>
    <row r="38373" spans="14:14">
      <c r="N38373" s="10"/>
    </row>
    <row r="38374" spans="14:14">
      <c r="N38374" s="10"/>
    </row>
    <row r="38375" spans="14:14">
      <c r="N38375" s="10"/>
    </row>
    <row r="38376" spans="14:14">
      <c r="N38376" s="10"/>
    </row>
    <row r="38377" spans="14:14">
      <c r="N38377" s="10"/>
    </row>
    <row r="38378" spans="14:14">
      <c r="N38378" s="10"/>
    </row>
    <row r="38379" spans="14:14">
      <c r="N38379" s="10"/>
    </row>
    <row r="38380" spans="14:14">
      <c r="N38380" s="10"/>
    </row>
    <row r="38381" spans="14:14">
      <c r="N38381" s="10"/>
    </row>
    <row r="38382" spans="14:14">
      <c r="N38382" s="10"/>
    </row>
    <row r="38383" spans="14:14">
      <c r="N38383" s="10"/>
    </row>
    <row r="38384" spans="14:14">
      <c r="N38384" s="10"/>
    </row>
    <row r="38385" spans="14:14">
      <c r="N38385" s="10"/>
    </row>
    <row r="38386" spans="14:14">
      <c r="N38386" s="10"/>
    </row>
    <row r="38387" spans="14:14">
      <c r="N38387" s="10"/>
    </row>
    <row r="38388" spans="14:14">
      <c r="N38388" s="10"/>
    </row>
    <row r="38389" spans="14:14">
      <c r="N38389" s="10"/>
    </row>
    <row r="38390" spans="14:14">
      <c r="N38390" s="10"/>
    </row>
    <row r="38391" spans="14:14">
      <c r="N38391" s="10"/>
    </row>
    <row r="38392" spans="14:14">
      <c r="N38392" s="10"/>
    </row>
    <row r="38393" spans="14:14">
      <c r="N38393" s="10"/>
    </row>
    <row r="38394" spans="14:14">
      <c r="N38394" s="10"/>
    </row>
    <row r="38395" spans="14:14">
      <c r="N38395" s="10"/>
    </row>
    <row r="38396" spans="14:14">
      <c r="N38396" s="10"/>
    </row>
    <row r="38397" spans="14:14">
      <c r="N38397" s="10"/>
    </row>
    <row r="38398" spans="14:14">
      <c r="N38398" s="10"/>
    </row>
    <row r="38399" spans="14:14">
      <c r="N38399" s="10"/>
    </row>
    <row r="38400" spans="14:14">
      <c r="N38400" s="10"/>
    </row>
    <row r="38401" spans="14:14">
      <c r="N38401" s="10"/>
    </row>
    <row r="38402" spans="14:14">
      <c r="N38402" s="10"/>
    </row>
    <row r="38403" spans="14:14">
      <c r="N38403" s="10"/>
    </row>
    <row r="38404" spans="14:14">
      <c r="N38404" s="10"/>
    </row>
    <row r="38405" spans="14:14">
      <c r="N38405" s="10"/>
    </row>
    <row r="38406" spans="14:14">
      <c r="N38406" s="10"/>
    </row>
    <row r="38407" spans="14:14">
      <c r="N38407" s="10"/>
    </row>
    <row r="38408" spans="14:14">
      <c r="N38408" s="10"/>
    </row>
    <row r="38409" spans="14:14">
      <c r="N38409" s="10"/>
    </row>
    <row r="38410" spans="14:14">
      <c r="N38410" s="10"/>
    </row>
    <row r="38411" spans="14:14">
      <c r="N38411" s="10"/>
    </row>
    <row r="38412" spans="14:14">
      <c r="N38412" s="10"/>
    </row>
    <row r="38413" spans="14:14">
      <c r="N38413" s="10"/>
    </row>
    <row r="38414" spans="14:14">
      <c r="N38414" s="10"/>
    </row>
    <row r="38415" spans="14:14">
      <c r="N38415" s="10"/>
    </row>
    <row r="38416" spans="14:14">
      <c r="N38416" s="10"/>
    </row>
    <row r="38417" spans="14:14">
      <c r="N38417" s="10"/>
    </row>
    <row r="38418" spans="14:14">
      <c r="N38418" s="10"/>
    </row>
    <row r="38419" spans="14:14">
      <c r="N38419" s="10"/>
    </row>
    <row r="38420" spans="14:14">
      <c r="N38420" s="10"/>
    </row>
    <row r="38421" spans="14:14">
      <c r="N38421" s="10"/>
    </row>
    <row r="38422" spans="14:14">
      <c r="N38422" s="10"/>
    </row>
    <row r="38423" spans="14:14">
      <c r="N38423" s="10"/>
    </row>
    <row r="38424" spans="14:14">
      <c r="N38424" s="10"/>
    </row>
    <row r="38425" spans="14:14">
      <c r="N38425" s="10"/>
    </row>
    <row r="38426" spans="14:14">
      <c r="N38426" s="10"/>
    </row>
    <row r="38427" spans="14:14">
      <c r="N38427" s="10"/>
    </row>
    <row r="38428" spans="14:14">
      <c r="N38428" s="10"/>
    </row>
    <row r="38429" spans="14:14">
      <c r="N38429" s="10"/>
    </row>
    <row r="38430" spans="14:14">
      <c r="N38430" s="10"/>
    </row>
    <row r="38431" spans="14:14">
      <c r="N38431" s="10"/>
    </row>
    <row r="38432" spans="14:14">
      <c r="N38432" s="10"/>
    </row>
    <row r="38433" spans="14:14">
      <c r="N38433" s="10"/>
    </row>
    <row r="38434" spans="14:14">
      <c r="N38434" s="10"/>
    </row>
    <row r="38435" spans="14:14">
      <c r="N38435" s="10"/>
    </row>
    <row r="38436" spans="14:14">
      <c r="N38436" s="10"/>
    </row>
    <row r="38437" spans="14:14">
      <c r="N38437" s="10"/>
    </row>
    <row r="38438" spans="14:14">
      <c r="N38438" s="10"/>
    </row>
    <row r="38439" spans="14:14">
      <c r="N38439" s="10"/>
    </row>
    <row r="38440" spans="14:14">
      <c r="N38440" s="10"/>
    </row>
    <row r="38441" spans="14:14">
      <c r="N38441" s="10"/>
    </row>
    <row r="38442" spans="14:14">
      <c r="N38442" s="10"/>
    </row>
    <row r="38443" spans="14:14">
      <c r="N38443" s="10"/>
    </row>
    <row r="38444" spans="14:14">
      <c r="N38444" s="10"/>
    </row>
    <row r="38445" spans="14:14">
      <c r="N38445" s="10"/>
    </row>
    <row r="38446" spans="14:14">
      <c r="N38446" s="10"/>
    </row>
    <row r="38447" spans="14:14">
      <c r="N38447" s="10"/>
    </row>
    <row r="38448" spans="14:14">
      <c r="N38448" s="10"/>
    </row>
    <row r="38449" spans="14:14">
      <c r="N38449" s="10"/>
    </row>
    <row r="38450" spans="14:14">
      <c r="N38450" s="10"/>
    </row>
    <row r="38451" spans="14:14">
      <c r="N38451" s="10"/>
    </row>
    <row r="38452" spans="14:14">
      <c r="N38452" s="10"/>
    </row>
    <row r="38453" spans="14:14">
      <c r="N38453" s="10"/>
    </row>
    <row r="38454" spans="14:14">
      <c r="N38454" s="10"/>
    </row>
    <row r="38455" spans="14:14">
      <c r="N38455" s="10"/>
    </row>
    <row r="38456" spans="14:14">
      <c r="N38456" s="10"/>
    </row>
    <row r="38457" spans="14:14">
      <c r="N38457" s="10"/>
    </row>
    <row r="38458" spans="14:14">
      <c r="N38458" s="10"/>
    </row>
    <row r="38459" spans="14:14">
      <c r="N38459" s="10"/>
    </row>
    <row r="38460" spans="14:14">
      <c r="N38460" s="10"/>
    </row>
    <row r="38461" spans="14:14">
      <c r="N38461" s="10"/>
    </row>
    <row r="38462" spans="14:14">
      <c r="N38462" s="10"/>
    </row>
    <row r="38463" spans="14:14">
      <c r="N38463" s="10"/>
    </row>
    <row r="38464" spans="14:14">
      <c r="N38464" s="10"/>
    </row>
    <row r="38465" spans="14:14">
      <c r="N38465" s="10"/>
    </row>
    <row r="38466" spans="14:14">
      <c r="N38466" s="10"/>
    </row>
    <row r="38467" spans="14:14">
      <c r="N38467" s="10"/>
    </row>
    <row r="38468" spans="14:14">
      <c r="N38468" s="10"/>
    </row>
    <row r="38469" spans="14:14">
      <c r="N38469" s="10"/>
    </row>
    <row r="38470" spans="14:14">
      <c r="N38470" s="10"/>
    </row>
    <row r="38471" spans="14:14">
      <c r="N38471" s="10"/>
    </row>
    <row r="38472" spans="14:14">
      <c r="N38472" s="10"/>
    </row>
    <row r="38473" spans="14:14">
      <c r="N38473" s="10"/>
    </row>
    <row r="38474" spans="14:14">
      <c r="N38474" s="10"/>
    </row>
    <row r="38475" spans="14:14">
      <c r="N38475" s="10"/>
    </row>
    <row r="38476" spans="14:14">
      <c r="N38476" s="10"/>
    </row>
    <row r="38477" spans="14:14">
      <c r="N38477" s="10"/>
    </row>
    <row r="38478" spans="14:14">
      <c r="N38478" s="10"/>
    </row>
    <row r="38479" spans="14:14">
      <c r="N38479" s="10"/>
    </row>
    <row r="38480" spans="14:14">
      <c r="N38480" s="10"/>
    </row>
    <row r="38481" spans="14:14">
      <c r="N38481" s="10"/>
    </row>
    <row r="38482" spans="14:14">
      <c r="N38482" s="10"/>
    </row>
    <row r="38483" spans="14:14">
      <c r="N38483" s="10"/>
    </row>
    <row r="38484" spans="14:14">
      <c r="N38484" s="10"/>
    </row>
    <row r="38485" spans="14:14">
      <c r="N38485" s="10"/>
    </row>
    <row r="38486" spans="14:14">
      <c r="N38486" s="10"/>
    </row>
    <row r="38487" spans="14:14">
      <c r="N38487" s="10"/>
    </row>
    <row r="38488" spans="14:14">
      <c r="N38488" s="10"/>
    </row>
    <row r="38489" spans="14:14">
      <c r="N38489" s="10"/>
    </row>
    <row r="38490" spans="14:14">
      <c r="N38490" s="10"/>
    </row>
    <row r="38491" spans="14:14">
      <c r="N38491" s="10"/>
    </row>
    <row r="38492" spans="14:14">
      <c r="N38492" s="10"/>
    </row>
    <row r="38493" spans="14:14">
      <c r="N38493" s="10"/>
    </row>
    <row r="38494" spans="14:14">
      <c r="N38494" s="10"/>
    </row>
    <row r="38495" spans="14:14">
      <c r="N38495" s="10"/>
    </row>
    <row r="38496" spans="14:14">
      <c r="N38496" s="10"/>
    </row>
    <row r="38497" spans="14:14">
      <c r="N38497" s="10"/>
    </row>
    <row r="38498" spans="14:14">
      <c r="N38498" s="10"/>
    </row>
    <row r="38499" spans="14:14">
      <c r="N38499" s="10"/>
    </row>
    <row r="38500" spans="14:14">
      <c r="N38500" s="10"/>
    </row>
    <row r="38501" spans="14:14">
      <c r="N38501" s="10"/>
    </row>
    <row r="38502" spans="14:14">
      <c r="N38502" s="10"/>
    </row>
    <row r="38503" spans="14:14">
      <c r="N38503" s="10"/>
    </row>
    <row r="38504" spans="14:14">
      <c r="N38504" s="10"/>
    </row>
    <row r="38505" spans="14:14">
      <c r="N38505" s="10"/>
    </row>
    <row r="38506" spans="14:14">
      <c r="N38506" s="10"/>
    </row>
    <row r="38507" spans="14:14">
      <c r="N38507" s="10"/>
    </row>
    <row r="38508" spans="14:14">
      <c r="N38508" s="10"/>
    </row>
    <row r="38509" spans="14:14">
      <c r="N38509" s="10"/>
    </row>
    <row r="38510" spans="14:14">
      <c r="N38510" s="10"/>
    </row>
    <row r="38511" spans="14:14">
      <c r="N38511" s="10"/>
    </row>
    <row r="38512" spans="14:14">
      <c r="N38512" s="10"/>
    </row>
    <row r="38513" spans="14:14">
      <c r="N38513" s="10"/>
    </row>
    <row r="38514" spans="14:14">
      <c r="N38514" s="10"/>
    </row>
    <row r="38515" spans="14:14">
      <c r="N38515" s="10"/>
    </row>
    <row r="38516" spans="14:14">
      <c r="N38516" s="10"/>
    </row>
    <row r="38517" spans="14:14">
      <c r="N38517" s="10"/>
    </row>
    <row r="38518" spans="14:14">
      <c r="N38518" s="10"/>
    </row>
    <row r="38519" spans="14:14">
      <c r="N38519" s="10"/>
    </row>
    <row r="38520" spans="14:14">
      <c r="N38520" s="10"/>
    </row>
    <row r="38521" spans="14:14">
      <c r="N38521" s="10"/>
    </row>
    <row r="38522" spans="14:14">
      <c r="N38522" s="10"/>
    </row>
    <row r="38523" spans="14:14">
      <c r="N38523" s="10"/>
    </row>
    <row r="38524" spans="14:14">
      <c r="N38524" s="10"/>
    </row>
    <row r="38525" spans="14:14">
      <c r="N38525" s="10"/>
    </row>
    <row r="38526" spans="14:14">
      <c r="N38526" s="10"/>
    </row>
    <row r="38527" spans="14:14">
      <c r="N38527" s="10"/>
    </row>
    <row r="38528" spans="14:14">
      <c r="N38528" s="10"/>
    </row>
    <row r="38529" spans="14:14">
      <c r="N38529" s="10"/>
    </row>
    <row r="38530" spans="14:14">
      <c r="N38530" s="10"/>
    </row>
    <row r="38531" spans="14:14">
      <c r="N38531" s="10"/>
    </row>
    <row r="38532" spans="14:14">
      <c r="N38532" s="10"/>
    </row>
    <row r="38533" spans="14:14">
      <c r="N38533" s="10"/>
    </row>
    <row r="38534" spans="14:14">
      <c r="N38534" s="10"/>
    </row>
    <row r="38535" spans="14:14">
      <c r="N38535" s="10"/>
    </row>
    <row r="38536" spans="14:14">
      <c r="N38536" s="10"/>
    </row>
    <row r="38537" spans="14:14">
      <c r="N38537" s="10"/>
    </row>
    <row r="38538" spans="14:14">
      <c r="N38538" s="10"/>
    </row>
    <row r="38539" spans="14:14">
      <c r="N38539" s="10"/>
    </row>
    <row r="38540" spans="14:14">
      <c r="N38540" s="10"/>
    </row>
    <row r="38541" spans="14:14">
      <c r="N38541" s="10"/>
    </row>
    <row r="38542" spans="14:14">
      <c r="N38542" s="10"/>
    </row>
    <row r="38543" spans="14:14">
      <c r="N38543" s="10"/>
    </row>
    <row r="38544" spans="14:14">
      <c r="N38544" s="10"/>
    </row>
    <row r="38545" spans="14:14">
      <c r="N38545" s="10"/>
    </row>
    <row r="38546" spans="14:14">
      <c r="N38546" s="10"/>
    </row>
    <row r="38547" spans="14:14">
      <c r="N38547" s="10"/>
    </row>
    <row r="38548" spans="14:14">
      <c r="N38548" s="10"/>
    </row>
    <row r="38549" spans="14:14">
      <c r="N38549" s="10"/>
    </row>
    <row r="38550" spans="14:14">
      <c r="N38550" s="10"/>
    </row>
    <row r="38551" spans="14:14">
      <c r="N38551" s="10"/>
    </row>
    <row r="38552" spans="14:14">
      <c r="N38552" s="10"/>
    </row>
    <row r="38553" spans="14:14">
      <c r="N38553" s="10"/>
    </row>
    <row r="38554" spans="14:14">
      <c r="N38554" s="10"/>
    </row>
    <row r="38555" spans="14:14">
      <c r="N38555" s="10"/>
    </row>
    <row r="38556" spans="14:14">
      <c r="N38556" s="10"/>
    </row>
    <row r="38557" spans="14:14">
      <c r="N38557" s="10"/>
    </row>
    <row r="38558" spans="14:14">
      <c r="N38558" s="10"/>
    </row>
    <row r="38559" spans="14:14">
      <c r="N38559" s="10"/>
    </row>
    <row r="38560" spans="14:14">
      <c r="N38560" s="10"/>
    </row>
    <row r="38561" spans="14:14">
      <c r="N38561" s="10"/>
    </row>
    <row r="38562" spans="14:14">
      <c r="N38562" s="10"/>
    </row>
    <row r="38563" spans="14:14">
      <c r="N38563" s="10"/>
    </row>
    <row r="38564" spans="14:14">
      <c r="N38564" s="10"/>
    </row>
    <row r="38565" spans="14:14">
      <c r="N38565" s="10"/>
    </row>
    <row r="38566" spans="14:14">
      <c r="N38566" s="10"/>
    </row>
    <row r="38567" spans="14:14">
      <c r="N38567" s="10"/>
    </row>
    <row r="38568" spans="14:14">
      <c r="N38568" s="10"/>
    </row>
    <row r="38569" spans="14:14">
      <c r="N38569" s="10"/>
    </row>
    <row r="38570" spans="14:14">
      <c r="N38570" s="10"/>
    </row>
    <row r="38571" spans="14:14">
      <c r="N38571" s="10"/>
    </row>
    <row r="38572" spans="14:14">
      <c r="N38572" s="10"/>
    </row>
    <row r="38573" spans="14:14">
      <c r="N38573" s="10"/>
    </row>
    <row r="38574" spans="14:14">
      <c r="N38574" s="10"/>
    </row>
    <row r="38575" spans="14:14">
      <c r="N38575" s="10"/>
    </row>
    <row r="38576" spans="14:14">
      <c r="N38576" s="10"/>
    </row>
    <row r="38577" spans="14:14">
      <c r="N38577" s="10"/>
    </row>
    <row r="38578" spans="14:14">
      <c r="N38578" s="10"/>
    </row>
    <row r="38579" spans="14:14">
      <c r="N38579" s="10"/>
    </row>
    <row r="38580" spans="14:14">
      <c r="N38580" s="10"/>
    </row>
    <row r="38581" spans="14:14">
      <c r="N38581" s="10"/>
    </row>
    <row r="38582" spans="14:14">
      <c r="N38582" s="10"/>
    </row>
    <row r="38583" spans="14:14">
      <c r="N38583" s="10"/>
    </row>
    <row r="38584" spans="14:14">
      <c r="N38584" s="10"/>
    </row>
    <row r="38585" spans="14:14">
      <c r="N38585" s="10"/>
    </row>
    <row r="38586" spans="14:14">
      <c r="N38586" s="10"/>
    </row>
    <row r="38587" spans="14:14">
      <c r="N38587" s="10"/>
    </row>
    <row r="38588" spans="14:14">
      <c r="N38588" s="10"/>
    </row>
    <row r="38589" spans="14:14">
      <c r="N38589" s="10"/>
    </row>
    <row r="38590" spans="14:14">
      <c r="N38590" s="10"/>
    </row>
    <row r="38591" spans="14:14">
      <c r="N38591" s="10"/>
    </row>
    <row r="38592" spans="14:14">
      <c r="N38592" s="10"/>
    </row>
    <row r="38593" spans="14:14">
      <c r="N38593" s="10"/>
    </row>
    <row r="38594" spans="14:14">
      <c r="N38594" s="10"/>
    </row>
    <row r="38595" spans="14:14">
      <c r="N38595" s="10"/>
    </row>
    <row r="38596" spans="14:14">
      <c r="N38596" s="10"/>
    </row>
    <row r="38597" spans="14:14">
      <c r="N38597" s="10"/>
    </row>
    <row r="38598" spans="14:14">
      <c r="N38598" s="10"/>
    </row>
    <row r="38599" spans="14:14">
      <c r="N38599" s="10"/>
    </row>
    <row r="38600" spans="14:14">
      <c r="N38600" s="10"/>
    </row>
    <row r="38601" spans="14:14">
      <c r="N38601" s="10"/>
    </row>
    <row r="38602" spans="14:14">
      <c r="N38602" s="10"/>
    </row>
    <row r="38603" spans="14:14">
      <c r="N38603" s="10"/>
    </row>
    <row r="38604" spans="14:14">
      <c r="N38604" s="10"/>
    </row>
    <row r="38605" spans="14:14">
      <c r="N38605" s="10"/>
    </row>
    <row r="38606" spans="14:14">
      <c r="N38606" s="10"/>
    </row>
    <row r="38607" spans="14:14">
      <c r="N38607" s="10"/>
    </row>
    <row r="38608" spans="14:14">
      <c r="N38608" s="10"/>
    </row>
    <row r="38609" spans="14:14">
      <c r="N38609" s="10"/>
    </row>
    <row r="38610" spans="14:14">
      <c r="N38610" s="10"/>
    </row>
    <row r="38611" spans="14:14">
      <c r="N38611" s="10"/>
    </row>
    <row r="38612" spans="14:14">
      <c r="N38612" s="10"/>
    </row>
    <row r="38613" spans="14:14">
      <c r="N38613" s="10"/>
    </row>
    <row r="38614" spans="14:14">
      <c r="N38614" s="10"/>
    </row>
    <row r="38615" spans="14:14">
      <c r="N38615" s="10"/>
    </row>
    <row r="38616" spans="14:14">
      <c r="N38616" s="10"/>
    </row>
    <row r="38617" spans="14:14">
      <c r="N38617" s="10"/>
    </row>
    <row r="38618" spans="14:14">
      <c r="N38618" s="10"/>
    </row>
    <row r="38619" spans="14:14">
      <c r="N38619" s="10"/>
    </row>
    <row r="38620" spans="14:14">
      <c r="N38620" s="10"/>
    </row>
    <row r="38621" spans="14:14">
      <c r="N38621" s="10"/>
    </row>
    <row r="38622" spans="14:14">
      <c r="N38622" s="10"/>
    </row>
    <row r="38623" spans="14:14">
      <c r="N38623" s="10"/>
    </row>
    <row r="38624" spans="14:14">
      <c r="N38624" s="10"/>
    </row>
    <row r="38625" spans="14:14">
      <c r="N38625" s="10"/>
    </row>
    <row r="38626" spans="14:14">
      <c r="N38626" s="10"/>
    </row>
    <row r="38627" spans="14:14">
      <c r="N38627" s="10"/>
    </row>
    <row r="38628" spans="14:14">
      <c r="N38628" s="10"/>
    </row>
    <row r="38629" spans="14:14">
      <c r="N38629" s="10"/>
    </row>
    <row r="38630" spans="14:14">
      <c r="N38630" s="10"/>
    </row>
    <row r="38631" spans="14:14">
      <c r="N38631" s="10"/>
    </row>
    <row r="38632" spans="14:14">
      <c r="N38632" s="10"/>
    </row>
    <row r="38633" spans="14:14">
      <c r="N38633" s="10"/>
    </row>
    <row r="38634" spans="14:14">
      <c r="N38634" s="10"/>
    </row>
    <row r="38635" spans="14:14">
      <c r="N38635" s="10"/>
    </row>
    <row r="38636" spans="14:14">
      <c r="N38636" s="10"/>
    </row>
    <row r="38637" spans="14:14">
      <c r="N38637" s="10"/>
    </row>
    <row r="38638" spans="14:14">
      <c r="N38638" s="10"/>
    </row>
    <row r="38639" spans="14:14">
      <c r="N38639" s="10"/>
    </row>
    <row r="38640" spans="14:14">
      <c r="N38640" s="10"/>
    </row>
    <row r="38641" spans="14:14">
      <c r="N38641" s="10"/>
    </row>
    <row r="38642" spans="14:14">
      <c r="N38642" s="10"/>
    </row>
    <row r="38643" spans="14:14">
      <c r="N38643" s="10"/>
    </row>
    <row r="38644" spans="14:14">
      <c r="N38644" s="10"/>
    </row>
    <row r="38645" spans="14:14">
      <c r="N38645" s="10"/>
    </row>
    <row r="38646" spans="14:14">
      <c r="N38646" s="10"/>
    </row>
    <row r="38647" spans="14:14">
      <c r="N38647" s="10"/>
    </row>
    <row r="38648" spans="14:14">
      <c r="N38648" s="10"/>
    </row>
    <row r="38649" spans="14:14">
      <c r="N38649" s="10"/>
    </row>
    <row r="38650" spans="14:14">
      <c r="N38650" s="10"/>
    </row>
    <row r="38651" spans="14:14">
      <c r="N38651" s="10"/>
    </row>
    <row r="38652" spans="14:14">
      <c r="N38652" s="10"/>
    </row>
    <row r="38653" spans="14:14">
      <c r="N38653" s="10"/>
    </row>
    <row r="38654" spans="14:14">
      <c r="N38654" s="10"/>
    </row>
    <row r="38655" spans="14:14">
      <c r="N38655" s="10"/>
    </row>
    <row r="38656" spans="14:14">
      <c r="N38656" s="10"/>
    </row>
    <row r="38657" spans="14:14">
      <c r="N38657" s="10"/>
    </row>
    <row r="38658" spans="14:14">
      <c r="N38658" s="10"/>
    </row>
    <row r="38659" spans="14:14">
      <c r="N38659" s="10"/>
    </row>
    <row r="38660" spans="14:14">
      <c r="N38660" s="10"/>
    </row>
    <row r="38661" spans="14:14">
      <c r="N38661" s="10"/>
    </row>
    <row r="38662" spans="14:14">
      <c r="N38662" s="10"/>
    </row>
    <row r="38663" spans="14:14">
      <c r="N38663" s="10"/>
    </row>
    <row r="38664" spans="14:14">
      <c r="N38664" s="10"/>
    </row>
    <row r="38665" spans="14:14">
      <c r="N38665" s="10"/>
    </row>
    <row r="38666" spans="14:14">
      <c r="N38666" s="10"/>
    </row>
    <row r="38667" spans="14:14">
      <c r="N38667" s="10"/>
    </row>
    <row r="38668" spans="14:14">
      <c r="N38668" s="10"/>
    </row>
    <row r="38669" spans="14:14">
      <c r="N38669" s="10"/>
    </row>
    <row r="38670" spans="14:14">
      <c r="N38670" s="10"/>
    </row>
    <row r="38671" spans="14:14">
      <c r="N38671" s="10"/>
    </row>
    <row r="38672" spans="14:14">
      <c r="N38672" s="10"/>
    </row>
    <row r="38673" spans="14:14">
      <c r="N38673" s="10"/>
    </row>
    <row r="38674" spans="14:14">
      <c r="N38674" s="10"/>
    </row>
    <row r="38675" spans="14:14">
      <c r="N38675" s="10"/>
    </row>
    <row r="38676" spans="14:14">
      <c r="N38676" s="10"/>
    </row>
    <row r="38677" spans="14:14">
      <c r="N38677" s="10"/>
    </row>
    <row r="38678" spans="14:14">
      <c r="N38678" s="10"/>
    </row>
    <row r="38679" spans="14:14">
      <c r="N38679" s="10"/>
    </row>
    <row r="38680" spans="14:14">
      <c r="N38680" s="10"/>
    </row>
    <row r="38681" spans="14:14">
      <c r="N38681" s="10"/>
    </row>
    <row r="38682" spans="14:14">
      <c r="N38682" s="10"/>
    </row>
    <row r="38683" spans="14:14">
      <c r="N38683" s="10"/>
    </row>
    <row r="38684" spans="14:14">
      <c r="N38684" s="10"/>
    </row>
    <row r="38685" spans="14:14">
      <c r="N38685" s="10"/>
    </row>
    <row r="38686" spans="14:14">
      <c r="N38686" s="10"/>
    </row>
    <row r="38687" spans="14:14">
      <c r="N38687" s="10"/>
    </row>
    <row r="38688" spans="14:14">
      <c r="N38688" s="10"/>
    </row>
    <row r="38689" spans="14:14">
      <c r="N38689" s="10"/>
    </row>
    <row r="38690" spans="14:14">
      <c r="N38690" s="10"/>
    </row>
    <row r="38691" spans="14:14">
      <c r="N38691" s="10"/>
    </row>
    <row r="38692" spans="14:14">
      <c r="N38692" s="10"/>
    </row>
    <row r="38693" spans="14:14">
      <c r="N38693" s="10"/>
    </row>
    <row r="38694" spans="14:14">
      <c r="N38694" s="10"/>
    </row>
    <row r="38695" spans="14:14">
      <c r="N38695" s="10"/>
    </row>
    <row r="38696" spans="14:14">
      <c r="N38696" s="10"/>
    </row>
    <row r="38697" spans="14:14">
      <c r="N38697" s="10"/>
    </row>
    <row r="38698" spans="14:14">
      <c r="N38698" s="10"/>
    </row>
    <row r="38699" spans="14:14">
      <c r="N38699" s="10"/>
    </row>
    <row r="38700" spans="14:14">
      <c r="N38700" s="10"/>
    </row>
    <row r="38701" spans="14:14">
      <c r="N38701" s="10"/>
    </row>
    <row r="38702" spans="14:14">
      <c r="N38702" s="10"/>
    </row>
    <row r="38703" spans="14:14">
      <c r="N38703" s="10"/>
    </row>
    <row r="38704" spans="14:14">
      <c r="N38704" s="10"/>
    </row>
    <row r="38705" spans="14:14">
      <c r="N38705" s="10"/>
    </row>
    <row r="38706" spans="14:14">
      <c r="N38706" s="10"/>
    </row>
    <row r="38707" spans="14:14">
      <c r="N38707" s="10"/>
    </row>
    <row r="38708" spans="14:14">
      <c r="N38708" s="10"/>
    </row>
    <row r="38709" spans="14:14">
      <c r="N38709" s="10"/>
    </row>
    <row r="38710" spans="14:14">
      <c r="N38710" s="10"/>
    </row>
    <row r="38711" spans="14:14">
      <c r="N38711" s="10"/>
    </row>
    <row r="38712" spans="14:14">
      <c r="N38712" s="10"/>
    </row>
    <row r="38713" spans="14:14">
      <c r="N38713" s="10"/>
    </row>
    <row r="38714" spans="14:14">
      <c r="N38714" s="10"/>
    </row>
    <row r="38715" spans="14:14">
      <c r="N38715" s="10"/>
    </row>
    <row r="38716" spans="14:14">
      <c r="N38716" s="10"/>
    </row>
    <row r="38717" spans="14:14">
      <c r="N38717" s="10"/>
    </row>
    <row r="38718" spans="14:14">
      <c r="N38718" s="10"/>
    </row>
    <row r="38719" spans="14:14">
      <c r="N38719" s="10"/>
    </row>
    <row r="38720" spans="14:14">
      <c r="N38720" s="10"/>
    </row>
    <row r="38721" spans="14:14">
      <c r="N38721" s="10"/>
    </row>
    <row r="38722" spans="14:14">
      <c r="N38722" s="10"/>
    </row>
    <row r="38723" spans="14:14">
      <c r="N38723" s="10"/>
    </row>
    <row r="38724" spans="14:14">
      <c r="N38724" s="10"/>
    </row>
    <row r="38725" spans="14:14">
      <c r="N38725" s="10"/>
    </row>
    <row r="38726" spans="14:14">
      <c r="N38726" s="10"/>
    </row>
    <row r="38727" spans="14:14">
      <c r="N38727" s="10"/>
    </row>
    <row r="38728" spans="14:14">
      <c r="N38728" s="10"/>
    </row>
    <row r="38729" spans="14:14">
      <c r="N38729" s="10"/>
    </row>
    <row r="38730" spans="14:14">
      <c r="N38730" s="10"/>
    </row>
    <row r="38731" spans="14:14">
      <c r="N38731" s="10"/>
    </row>
    <row r="38732" spans="14:14">
      <c r="N38732" s="10"/>
    </row>
    <row r="38733" spans="14:14">
      <c r="N38733" s="10"/>
    </row>
    <row r="38734" spans="14:14">
      <c r="N38734" s="10"/>
    </row>
    <row r="38735" spans="14:14">
      <c r="N38735" s="10"/>
    </row>
    <row r="38736" spans="14:14">
      <c r="N38736" s="10"/>
    </row>
    <row r="38737" spans="14:14">
      <c r="N38737" s="10"/>
    </row>
    <row r="38738" spans="14:14">
      <c r="N38738" s="10"/>
    </row>
    <row r="38739" spans="14:14">
      <c r="N38739" s="10"/>
    </row>
    <row r="38740" spans="14:14">
      <c r="N38740" s="10"/>
    </row>
    <row r="38741" spans="14:14">
      <c r="N38741" s="10"/>
    </row>
    <row r="38742" spans="14:14">
      <c r="N38742" s="10"/>
    </row>
    <row r="38743" spans="14:14">
      <c r="N38743" s="10"/>
    </row>
    <row r="38744" spans="14:14">
      <c r="N38744" s="10"/>
    </row>
    <row r="38745" spans="14:14">
      <c r="N38745" s="10"/>
    </row>
    <row r="38746" spans="14:14">
      <c r="N38746" s="10"/>
    </row>
    <row r="38747" spans="14:14">
      <c r="N38747" s="10"/>
    </row>
    <row r="38748" spans="14:14">
      <c r="N38748" s="10"/>
    </row>
    <row r="38749" spans="14:14">
      <c r="N38749" s="10"/>
    </row>
    <row r="38750" spans="14:14">
      <c r="N38750" s="10"/>
    </row>
    <row r="38751" spans="14:14">
      <c r="N38751" s="10"/>
    </row>
    <row r="38752" spans="14:14">
      <c r="N38752" s="10"/>
    </row>
    <row r="38753" spans="14:14">
      <c r="N38753" s="10"/>
    </row>
    <row r="38754" spans="14:14">
      <c r="N38754" s="10"/>
    </row>
    <row r="38755" spans="14:14">
      <c r="N38755" s="10"/>
    </row>
    <row r="38756" spans="14:14">
      <c r="N38756" s="10"/>
    </row>
    <row r="38757" spans="14:14">
      <c r="N38757" s="10"/>
    </row>
    <row r="38758" spans="14:14">
      <c r="N38758" s="10"/>
    </row>
    <row r="38759" spans="14:14">
      <c r="N38759" s="10"/>
    </row>
    <row r="38760" spans="14:14">
      <c r="N38760" s="10"/>
    </row>
    <row r="38761" spans="14:14">
      <c r="N38761" s="10"/>
    </row>
    <row r="38762" spans="14:14">
      <c r="N38762" s="10"/>
    </row>
    <row r="38763" spans="14:14">
      <c r="N38763" s="10"/>
    </row>
    <row r="38764" spans="14:14">
      <c r="N38764" s="10"/>
    </row>
    <row r="38765" spans="14:14">
      <c r="N38765" s="10"/>
    </row>
    <row r="38766" spans="14:14">
      <c r="N38766" s="10"/>
    </row>
    <row r="38767" spans="14:14">
      <c r="N38767" s="10"/>
    </row>
    <row r="38768" spans="14:14">
      <c r="N38768" s="10"/>
    </row>
    <row r="38769" spans="14:14">
      <c r="N38769" s="10"/>
    </row>
    <row r="38770" spans="14:14">
      <c r="N38770" s="10"/>
    </row>
    <row r="38771" spans="14:14">
      <c r="N38771" s="10"/>
    </row>
    <row r="38772" spans="14:14">
      <c r="N38772" s="10"/>
    </row>
    <row r="38773" spans="14:14">
      <c r="N38773" s="10"/>
    </row>
    <row r="38774" spans="14:14">
      <c r="N38774" s="10"/>
    </row>
    <row r="38775" spans="14:14">
      <c r="N38775" s="10"/>
    </row>
    <row r="38776" spans="14:14">
      <c r="N38776" s="10"/>
    </row>
    <row r="38777" spans="14:14">
      <c r="N38777" s="10"/>
    </row>
    <row r="38778" spans="14:14">
      <c r="N38778" s="10"/>
    </row>
    <row r="38779" spans="14:14">
      <c r="N38779" s="10"/>
    </row>
    <row r="38780" spans="14:14">
      <c r="N38780" s="10"/>
    </row>
    <row r="38781" spans="14:14">
      <c r="N38781" s="10"/>
    </row>
    <row r="38782" spans="14:14">
      <c r="N38782" s="10"/>
    </row>
    <row r="38783" spans="14:14">
      <c r="N38783" s="10"/>
    </row>
    <row r="38784" spans="14:14">
      <c r="N38784" s="10"/>
    </row>
    <row r="38785" spans="14:14">
      <c r="N38785" s="10"/>
    </row>
    <row r="38786" spans="14:14">
      <c r="N38786" s="10"/>
    </row>
    <row r="38787" spans="14:14">
      <c r="N38787" s="10"/>
    </row>
    <row r="38788" spans="14:14">
      <c r="N38788" s="10"/>
    </row>
    <row r="38789" spans="14:14">
      <c r="N38789" s="10"/>
    </row>
    <row r="38790" spans="14:14">
      <c r="N38790" s="10"/>
    </row>
    <row r="38791" spans="14:14">
      <c r="N38791" s="10"/>
    </row>
    <row r="38792" spans="14:14">
      <c r="N38792" s="10"/>
    </row>
    <row r="38793" spans="14:14">
      <c r="N38793" s="10"/>
    </row>
    <row r="38794" spans="14:14">
      <c r="N38794" s="10"/>
    </row>
    <row r="38795" spans="14:14">
      <c r="N38795" s="10"/>
    </row>
    <row r="38796" spans="14:14">
      <c r="N38796" s="10"/>
    </row>
    <row r="38797" spans="14:14">
      <c r="N38797" s="10"/>
    </row>
    <row r="38798" spans="14:14">
      <c r="N38798" s="10"/>
    </row>
    <row r="38799" spans="14:14">
      <c r="N38799" s="10"/>
    </row>
    <row r="38800" spans="14:14">
      <c r="N38800" s="10"/>
    </row>
    <row r="38801" spans="14:14">
      <c r="N38801" s="10"/>
    </row>
    <row r="38802" spans="14:14">
      <c r="N38802" s="10"/>
    </row>
    <row r="38803" spans="14:14">
      <c r="N38803" s="10"/>
    </row>
    <row r="38804" spans="14:14">
      <c r="N38804" s="10"/>
    </row>
    <row r="38805" spans="14:14">
      <c r="N38805" s="10"/>
    </row>
    <row r="38806" spans="14:14">
      <c r="N38806" s="10"/>
    </row>
    <row r="38807" spans="14:14">
      <c r="N38807" s="10"/>
    </row>
    <row r="38808" spans="14:14">
      <c r="N38808" s="10"/>
    </row>
    <row r="38809" spans="14:14">
      <c r="N38809" s="10"/>
    </row>
    <row r="38810" spans="14:14">
      <c r="N38810" s="10"/>
    </row>
    <row r="38811" spans="14:14">
      <c r="N38811" s="10"/>
    </row>
    <row r="38812" spans="14:14">
      <c r="N38812" s="10"/>
    </row>
    <row r="38813" spans="14:14">
      <c r="N38813" s="10"/>
    </row>
    <row r="38814" spans="14:14">
      <c r="N38814" s="10"/>
    </row>
    <row r="38815" spans="14:14">
      <c r="N38815" s="10"/>
    </row>
    <row r="38816" spans="14:14">
      <c r="N38816" s="10"/>
    </row>
    <row r="38817" spans="14:14">
      <c r="N38817" s="10"/>
    </row>
    <row r="38818" spans="14:14">
      <c r="N38818" s="10"/>
    </row>
    <row r="38819" spans="14:14">
      <c r="N38819" s="10"/>
    </row>
    <row r="38820" spans="14:14">
      <c r="N38820" s="10"/>
    </row>
    <row r="38821" spans="14:14">
      <c r="N38821" s="10"/>
    </row>
    <row r="38822" spans="14:14">
      <c r="N38822" s="10"/>
    </row>
    <row r="38823" spans="14:14">
      <c r="N38823" s="10"/>
    </row>
    <row r="38824" spans="14:14">
      <c r="N38824" s="10"/>
    </row>
    <row r="38825" spans="14:14">
      <c r="N38825" s="10"/>
    </row>
    <row r="38826" spans="14:14">
      <c r="N38826" s="10"/>
    </row>
    <row r="38827" spans="14:14">
      <c r="N38827" s="10"/>
    </row>
    <row r="38828" spans="14:14">
      <c r="N38828" s="10"/>
    </row>
    <row r="38829" spans="14:14">
      <c r="N38829" s="10"/>
    </row>
    <row r="38830" spans="14:14">
      <c r="N38830" s="10"/>
    </row>
    <row r="38831" spans="14:14">
      <c r="N38831" s="10"/>
    </row>
    <row r="38832" spans="14:14">
      <c r="N38832" s="10"/>
    </row>
    <row r="38833" spans="14:14">
      <c r="N38833" s="10"/>
    </row>
    <row r="38834" spans="14:14">
      <c r="N38834" s="10"/>
    </row>
    <row r="38835" spans="14:14">
      <c r="N38835" s="10"/>
    </row>
    <row r="38836" spans="14:14">
      <c r="N38836" s="10"/>
    </row>
    <row r="38837" spans="14:14">
      <c r="N38837" s="10"/>
    </row>
    <row r="38838" spans="14:14">
      <c r="N38838" s="10"/>
    </row>
    <row r="38839" spans="14:14">
      <c r="N38839" s="10"/>
    </row>
    <row r="38840" spans="14:14">
      <c r="N38840" s="10"/>
    </row>
    <row r="38841" spans="14:14">
      <c r="N38841" s="10"/>
    </row>
    <row r="38842" spans="14:14">
      <c r="N38842" s="10"/>
    </row>
    <row r="38843" spans="14:14">
      <c r="N38843" s="10"/>
    </row>
    <row r="38844" spans="14:14">
      <c r="N38844" s="10"/>
    </row>
    <row r="38845" spans="14:14">
      <c r="N38845" s="10"/>
    </row>
    <row r="38846" spans="14:14">
      <c r="N38846" s="10"/>
    </row>
    <row r="38847" spans="14:14">
      <c r="N38847" s="10"/>
    </row>
    <row r="38848" spans="14:14">
      <c r="N38848" s="10"/>
    </row>
    <row r="38849" spans="14:14">
      <c r="N38849" s="10"/>
    </row>
    <row r="38850" spans="14:14">
      <c r="N38850" s="10"/>
    </row>
    <row r="38851" spans="14:14">
      <c r="N38851" s="10"/>
    </row>
    <row r="38852" spans="14:14">
      <c r="N38852" s="10"/>
    </row>
    <row r="38853" spans="14:14">
      <c r="N38853" s="10"/>
    </row>
    <row r="38854" spans="14:14">
      <c r="N38854" s="10"/>
    </row>
    <row r="38855" spans="14:14">
      <c r="N38855" s="10"/>
    </row>
    <row r="38856" spans="14:14">
      <c r="N38856" s="10"/>
    </row>
    <row r="38857" spans="14:14">
      <c r="N38857" s="10"/>
    </row>
    <row r="38858" spans="14:14">
      <c r="N38858" s="10"/>
    </row>
    <row r="38859" spans="14:14">
      <c r="N38859" s="10"/>
    </row>
    <row r="38860" spans="14:14">
      <c r="N38860" s="10"/>
    </row>
    <row r="38861" spans="14:14">
      <c r="N38861" s="10"/>
    </row>
    <row r="38862" spans="14:14">
      <c r="N38862" s="10"/>
    </row>
    <row r="38863" spans="14:14">
      <c r="N38863" s="10"/>
    </row>
    <row r="38864" spans="14:14">
      <c r="N38864" s="10"/>
    </row>
    <row r="38865" spans="14:14">
      <c r="N38865" s="10"/>
    </row>
    <row r="38866" spans="14:14">
      <c r="N38866" s="10"/>
    </row>
    <row r="38867" spans="14:14">
      <c r="N38867" s="10"/>
    </row>
    <row r="38868" spans="14:14">
      <c r="N38868" s="10"/>
    </row>
    <row r="38869" spans="14:14">
      <c r="N38869" s="10"/>
    </row>
    <row r="38870" spans="14:14">
      <c r="N38870" s="10"/>
    </row>
    <row r="38871" spans="14:14">
      <c r="N38871" s="10"/>
    </row>
    <row r="38872" spans="14:14">
      <c r="N38872" s="10"/>
    </row>
    <row r="38873" spans="14:14">
      <c r="N38873" s="10"/>
    </row>
    <row r="38874" spans="14:14">
      <c r="N38874" s="10"/>
    </row>
    <row r="38875" spans="14:14">
      <c r="N38875" s="10"/>
    </row>
    <row r="38876" spans="14:14">
      <c r="N38876" s="10"/>
    </row>
    <row r="38877" spans="14:14">
      <c r="N38877" s="10"/>
    </row>
    <row r="38878" spans="14:14">
      <c r="N38878" s="10"/>
    </row>
    <row r="38879" spans="14:14">
      <c r="N38879" s="10"/>
    </row>
    <row r="38880" spans="14:14">
      <c r="N38880" s="10"/>
    </row>
    <row r="38881" spans="14:14">
      <c r="N38881" s="10"/>
    </row>
    <row r="38882" spans="14:14">
      <c r="N38882" s="10"/>
    </row>
    <row r="38883" spans="14:14">
      <c r="N38883" s="10"/>
    </row>
    <row r="38884" spans="14:14">
      <c r="N38884" s="10"/>
    </row>
    <row r="38885" spans="14:14">
      <c r="N38885" s="10"/>
    </row>
    <row r="38886" spans="14:14">
      <c r="N38886" s="10"/>
    </row>
    <row r="38887" spans="14:14">
      <c r="N38887" s="10"/>
    </row>
    <row r="38888" spans="14:14">
      <c r="N38888" s="10"/>
    </row>
    <row r="38889" spans="14:14">
      <c r="N38889" s="10"/>
    </row>
    <row r="38890" spans="14:14">
      <c r="N38890" s="10"/>
    </row>
    <row r="38891" spans="14:14">
      <c r="N38891" s="10"/>
    </row>
    <row r="38892" spans="14:14">
      <c r="N38892" s="10"/>
    </row>
    <row r="38893" spans="14:14">
      <c r="N38893" s="10"/>
    </row>
    <row r="38894" spans="14:14">
      <c r="N38894" s="10"/>
    </row>
    <row r="38895" spans="14:14">
      <c r="N38895" s="10"/>
    </row>
    <row r="38896" spans="14:14">
      <c r="N38896" s="10"/>
    </row>
    <row r="38897" spans="14:14">
      <c r="N38897" s="10"/>
    </row>
    <row r="38898" spans="14:14">
      <c r="N38898" s="10"/>
    </row>
    <row r="38899" spans="14:14">
      <c r="N38899" s="10"/>
    </row>
    <row r="38900" spans="14:14">
      <c r="N38900" s="10"/>
    </row>
    <row r="38901" spans="14:14">
      <c r="N38901" s="10"/>
    </row>
    <row r="38902" spans="14:14">
      <c r="N38902" s="10"/>
    </row>
    <row r="38903" spans="14:14">
      <c r="N38903" s="10"/>
    </row>
    <row r="38904" spans="14:14">
      <c r="N38904" s="10"/>
    </row>
    <row r="38905" spans="14:14">
      <c r="N38905" s="10"/>
    </row>
    <row r="38906" spans="14:14">
      <c r="N38906" s="10"/>
    </row>
    <row r="38907" spans="14:14">
      <c r="N38907" s="10"/>
    </row>
    <row r="38908" spans="14:14">
      <c r="N38908" s="10"/>
    </row>
    <row r="38909" spans="14:14">
      <c r="N38909" s="10"/>
    </row>
    <row r="38910" spans="14:14">
      <c r="N38910" s="10"/>
    </row>
    <row r="38911" spans="14:14">
      <c r="N38911" s="10"/>
    </row>
    <row r="38912" spans="14:14">
      <c r="N38912" s="10"/>
    </row>
    <row r="38913" spans="14:14">
      <c r="N38913" s="10"/>
    </row>
    <row r="38914" spans="14:14">
      <c r="N38914" s="10"/>
    </row>
    <row r="38915" spans="14:14">
      <c r="N38915" s="10"/>
    </row>
    <row r="38916" spans="14:14">
      <c r="N38916" s="10"/>
    </row>
    <row r="38917" spans="14:14">
      <c r="N38917" s="10"/>
    </row>
    <row r="38918" spans="14:14">
      <c r="N38918" s="10"/>
    </row>
    <row r="38919" spans="14:14">
      <c r="N38919" s="10"/>
    </row>
    <row r="38920" spans="14:14">
      <c r="N38920" s="10"/>
    </row>
    <row r="38921" spans="14:14">
      <c r="N38921" s="10"/>
    </row>
    <row r="38922" spans="14:14">
      <c r="N38922" s="10"/>
    </row>
    <row r="38923" spans="14:14">
      <c r="N38923" s="10"/>
    </row>
    <row r="38924" spans="14:14">
      <c r="N38924" s="10"/>
    </row>
    <row r="38925" spans="14:14">
      <c r="N38925" s="10"/>
    </row>
    <row r="38926" spans="14:14">
      <c r="N38926" s="10"/>
    </row>
    <row r="38927" spans="14:14">
      <c r="N38927" s="10"/>
    </row>
    <row r="38928" spans="14:14">
      <c r="N38928" s="10"/>
    </row>
    <row r="38929" spans="14:14">
      <c r="N38929" s="10"/>
    </row>
    <row r="38930" spans="14:14">
      <c r="N38930" s="10"/>
    </row>
    <row r="38931" spans="14:14">
      <c r="N38931" s="10"/>
    </row>
    <row r="38932" spans="14:14">
      <c r="N38932" s="10"/>
    </row>
    <row r="38933" spans="14:14">
      <c r="N38933" s="10"/>
    </row>
    <row r="38934" spans="14:14">
      <c r="N38934" s="10"/>
    </row>
    <row r="38935" spans="14:14">
      <c r="N38935" s="10"/>
    </row>
    <row r="38936" spans="14:14">
      <c r="N38936" s="10"/>
    </row>
    <row r="38937" spans="14:14">
      <c r="N38937" s="10"/>
    </row>
    <row r="38938" spans="14:14">
      <c r="N38938" s="10"/>
    </row>
    <row r="38939" spans="14:14">
      <c r="N38939" s="10"/>
    </row>
    <row r="38940" spans="14:14">
      <c r="N38940" s="10"/>
    </row>
    <row r="38941" spans="14:14">
      <c r="N38941" s="10"/>
    </row>
    <row r="38942" spans="14:14">
      <c r="N38942" s="10"/>
    </row>
    <row r="38943" spans="14:14">
      <c r="N38943" s="10"/>
    </row>
    <row r="38944" spans="14:14">
      <c r="N38944" s="10"/>
    </row>
    <row r="38945" spans="14:14">
      <c r="N38945" s="10"/>
    </row>
    <row r="38946" spans="14:14">
      <c r="N38946" s="10"/>
    </row>
    <row r="38947" spans="14:14">
      <c r="N38947" s="10"/>
    </row>
    <row r="38948" spans="14:14">
      <c r="N38948" s="10"/>
    </row>
    <row r="38949" spans="14:14">
      <c r="N38949" s="10"/>
    </row>
    <row r="38950" spans="14:14">
      <c r="N38950" s="10"/>
    </row>
    <row r="38951" spans="14:14">
      <c r="N38951" s="10"/>
    </row>
    <row r="38952" spans="14:14">
      <c r="N38952" s="10"/>
    </row>
    <row r="38953" spans="14:14">
      <c r="N38953" s="10"/>
    </row>
    <row r="38954" spans="14:14">
      <c r="N38954" s="10"/>
    </row>
    <row r="38955" spans="14:14">
      <c r="N38955" s="10"/>
    </row>
    <row r="38956" spans="14:14">
      <c r="N38956" s="10"/>
    </row>
    <row r="38957" spans="14:14">
      <c r="N38957" s="10"/>
    </row>
    <row r="38958" spans="14:14">
      <c r="N38958" s="10"/>
    </row>
    <row r="38959" spans="14:14">
      <c r="N38959" s="10"/>
    </row>
    <row r="38960" spans="14:14">
      <c r="N38960" s="10"/>
    </row>
    <row r="38961" spans="14:14">
      <c r="N38961" s="10"/>
    </row>
    <row r="38962" spans="14:14">
      <c r="N38962" s="10"/>
    </row>
    <row r="38963" spans="14:14">
      <c r="N38963" s="10"/>
    </row>
    <row r="38964" spans="14:14">
      <c r="N38964" s="10"/>
    </row>
    <row r="38965" spans="14:14">
      <c r="N38965" s="10"/>
    </row>
    <row r="38966" spans="14:14">
      <c r="N38966" s="10"/>
    </row>
    <row r="38967" spans="14:14">
      <c r="N38967" s="10"/>
    </row>
    <row r="38968" spans="14:14">
      <c r="N38968" s="10"/>
    </row>
    <row r="38969" spans="14:14">
      <c r="N38969" s="10"/>
    </row>
    <row r="38970" spans="14:14">
      <c r="N38970" s="10"/>
    </row>
    <row r="38971" spans="14:14">
      <c r="N38971" s="10"/>
    </row>
    <row r="38972" spans="14:14">
      <c r="N38972" s="10"/>
    </row>
    <row r="38973" spans="14:14">
      <c r="N38973" s="10"/>
    </row>
    <row r="38974" spans="14:14">
      <c r="N38974" s="10"/>
    </row>
    <row r="38975" spans="14:14">
      <c r="N38975" s="10"/>
    </row>
    <row r="38976" spans="14:14">
      <c r="N38976" s="10"/>
    </row>
    <row r="38977" spans="14:14">
      <c r="N38977" s="10"/>
    </row>
    <row r="38978" spans="14:14">
      <c r="N38978" s="10"/>
    </row>
    <row r="38979" spans="14:14">
      <c r="N38979" s="10"/>
    </row>
    <row r="38980" spans="14:14">
      <c r="N38980" s="10"/>
    </row>
    <row r="38981" spans="14:14">
      <c r="N38981" s="10"/>
    </row>
    <row r="38982" spans="14:14">
      <c r="N38982" s="10"/>
    </row>
    <row r="38983" spans="14:14">
      <c r="N38983" s="10"/>
    </row>
    <row r="38984" spans="14:14">
      <c r="N38984" s="10"/>
    </row>
    <row r="38985" spans="14:14">
      <c r="N38985" s="10"/>
    </row>
    <row r="38986" spans="14:14">
      <c r="N38986" s="10"/>
    </row>
    <row r="38987" spans="14:14">
      <c r="N38987" s="10"/>
    </row>
    <row r="38988" spans="14:14">
      <c r="N38988" s="10"/>
    </row>
    <row r="38989" spans="14:14">
      <c r="N38989" s="10"/>
    </row>
    <row r="38990" spans="14:14">
      <c r="N38990" s="10"/>
    </row>
    <row r="38991" spans="14:14">
      <c r="N38991" s="10"/>
    </row>
    <row r="38992" spans="14:14">
      <c r="N38992" s="10"/>
    </row>
    <row r="38993" spans="14:14">
      <c r="N38993" s="10"/>
    </row>
    <row r="38994" spans="14:14">
      <c r="N38994" s="10"/>
    </row>
    <row r="38995" spans="14:14">
      <c r="N38995" s="10"/>
    </row>
    <row r="38996" spans="14:14">
      <c r="N38996" s="10"/>
    </row>
    <row r="38997" spans="14:14">
      <c r="N38997" s="10"/>
    </row>
    <row r="38998" spans="14:14">
      <c r="N38998" s="10"/>
    </row>
    <row r="38999" spans="14:14">
      <c r="N38999" s="10"/>
    </row>
    <row r="39000" spans="14:14">
      <c r="N39000" s="10"/>
    </row>
    <row r="39001" spans="14:14">
      <c r="N39001" s="10"/>
    </row>
    <row r="39002" spans="14:14">
      <c r="N39002" s="10"/>
    </row>
    <row r="39003" spans="14:14">
      <c r="N39003" s="10"/>
    </row>
    <row r="39004" spans="14:14">
      <c r="N39004" s="10"/>
    </row>
    <row r="39005" spans="14:14">
      <c r="N39005" s="10"/>
    </row>
    <row r="39006" spans="14:14">
      <c r="N39006" s="10"/>
    </row>
    <row r="39007" spans="14:14">
      <c r="N39007" s="10"/>
    </row>
    <row r="39008" spans="14:14">
      <c r="N39008" s="10"/>
    </row>
    <row r="39009" spans="14:14">
      <c r="N39009" s="10"/>
    </row>
    <row r="39010" spans="14:14">
      <c r="N39010" s="10"/>
    </row>
    <row r="39011" spans="14:14">
      <c r="N39011" s="10"/>
    </row>
    <row r="39012" spans="14:14">
      <c r="N39012" s="10"/>
    </row>
    <row r="39013" spans="14:14">
      <c r="N39013" s="10"/>
    </row>
    <row r="39014" spans="14:14">
      <c r="N39014" s="10"/>
    </row>
    <row r="39015" spans="14:14">
      <c r="N39015" s="10"/>
    </row>
    <row r="39016" spans="14:14">
      <c r="N39016" s="10"/>
    </row>
    <row r="39017" spans="14:14">
      <c r="N39017" s="10"/>
    </row>
    <row r="39018" spans="14:14">
      <c r="N39018" s="10"/>
    </row>
    <row r="39019" spans="14:14">
      <c r="N39019" s="10"/>
    </row>
    <row r="39020" spans="14:14">
      <c r="N39020" s="10"/>
    </row>
    <row r="39021" spans="14:14">
      <c r="N39021" s="10"/>
    </row>
    <row r="39022" spans="14:14">
      <c r="N39022" s="10"/>
    </row>
    <row r="39023" spans="14:14">
      <c r="N39023" s="10"/>
    </row>
    <row r="39024" spans="14:14">
      <c r="N39024" s="10"/>
    </row>
    <row r="39025" spans="14:14">
      <c r="N39025" s="10"/>
    </row>
    <row r="39026" spans="14:14">
      <c r="N39026" s="10"/>
    </row>
    <row r="39027" spans="14:14">
      <c r="N39027" s="10"/>
    </row>
    <row r="39028" spans="14:14">
      <c r="N39028" s="10"/>
    </row>
    <row r="39029" spans="14:14">
      <c r="N39029" s="10"/>
    </row>
    <row r="39030" spans="14:14">
      <c r="N39030" s="10"/>
    </row>
    <row r="39031" spans="14:14">
      <c r="N39031" s="10"/>
    </row>
    <row r="39032" spans="14:14">
      <c r="N39032" s="10"/>
    </row>
    <row r="39033" spans="14:14">
      <c r="N39033" s="10"/>
    </row>
    <row r="39034" spans="14:14">
      <c r="N39034" s="10"/>
    </row>
    <row r="39035" spans="14:14">
      <c r="N39035" s="10"/>
    </row>
    <row r="39036" spans="14:14">
      <c r="N39036" s="10"/>
    </row>
    <row r="39037" spans="14:14">
      <c r="N39037" s="10"/>
    </row>
    <row r="39038" spans="14:14">
      <c r="N39038" s="10"/>
    </row>
    <row r="39039" spans="14:14">
      <c r="N39039" s="10"/>
    </row>
    <row r="39040" spans="14:14">
      <c r="N39040" s="10"/>
    </row>
    <row r="39041" spans="14:14">
      <c r="N39041" s="10"/>
    </row>
    <row r="39042" spans="14:14">
      <c r="N39042" s="10"/>
    </row>
    <row r="39043" spans="14:14">
      <c r="N39043" s="10"/>
    </row>
    <row r="39044" spans="14:14">
      <c r="N39044" s="10"/>
    </row>
    <row r="39045" spans="14:14">
      <c r="N39045" s="10"/>
    </row>
    <row r="39046" spans="14:14">
      <c r="N39046" s="10"/>
    </row>
    <row r="39047" spans="14:14">
      <c r="N39047" s="10"/>
    </row>
    <row r="39048" spans="14:14">
      <c r="N39048" s="10"/>
    </row>
    <row r="39049" spans="14:14">
      <c r="N39049" s="10"/>
    </row>
    <row r="39050" spans="14:14">
      <c r="N39050" s="10"/>
    </row>
    <row r="39051" spans="14:14">
      <c r="N39051" s="10"/>
    </row>
    <row r="39052" spans="14:14">
      <c r="N39052" s="10"/>
    </row>
    <row r="39053" spans="14:14">
      <c r="N39053" s="10"/>
    </row>
    <row r="39054" spans="14:14">
      <c r="N39054" s="10"/>
    </row>
    <row r="39055" spans="14:14">
      <c r="N39055" s="10"/>
    </row>
    <row r="39056" spans="14:14">
      <c r="N39056" s="10"/>
    </row>
    <row r="39057" spans="14:14">
      <c r="N39057" s="10"/>
    </row>
    <row r="39058" spans="14:14">
      <c r="N39058" s="10"/>
    </row>
    <row r="39059" spans="14:14">
      <c r="N39059" s="10"/>
    </row>
    <row r="39060" spans="14:14">
      <c r="N39060" s="10"/>
    </row>
    <row r="39061" spans="14:14">
      <c r="N39061" s="10"/>
    </row>
    <row r="39062" spans="14:14">
      <c r="N39062" s="10"/>
    </row>
    <row r="39063" spans="14:14">
      <c r="N39063" s="10"/>
    </row>
    <row r="39064" spans="14:14">
      <c r="N39064" s="10"/>
    </row>
    <row r="39065" spans="14:14">
      <c r="N39065" s="10"/>
    </row>
    <row r="39066" spans="14:14">
      <c r="N39066" s="10"/>
    </row>
    <row r="39067" spans="14:14">
      <c r="N39067" s="10"/>
    </row>
    <row r="39068" spans="14:14">
      <c r="N39068" s="10"/>
    </row>
    <row r="39069" spans="14:14">
      <c r="N39069" s="10"/>
    </row>
    <row r="39070" spans="14:14">
      <c r="N39070" s="10"/>
    </row>
    <row r="39071" spans="14:14">
      <c r="N39071" s="10"/>
    </row>
    <row r="39072" spans="14:14">
      <c r="N39072" s="10"/>
    </row>
    <row r="39073" spans="14:14">
      <c r="N39073" s="10"/>
    </row>
    <row r="39074" spans="14:14">
      <c r="N39074" s="10"/>
    </row>
    <row r="39075" spans="14:14">
      <c r="N39075" s="10"/>
    </row>
    <row r="39076" spans="14:14">
      <c r="N39076" s="10"/>
    </row>
    <row r="39077" spans="14:14">
      <c r="N39077" s="10"/>
    </row>
    <row r="39078" spans="14:14">
      <c r="N39078" s="10"/>
    </row>
    <row r="39079" spans="14:14">
      <c r="N39079" s="10"/>
    </row>
    <row r="39080" spans="14:14">
      <c r="N39080" s="10"/>
    </row>
    <row r="39081" spans="14:14">
      <c r="N39081" s="10"/>
    </row>
    <row r="39082" spans="14:14">
      <c r="N39082" s="10"/>
    </row>
    <row r="39083" spans="14:14">
      <c r="N39083" s="10"/>
    </row>
    <row r="39084" spans="14:14">
      <c r="N39084" s="10"/>
    </row>
    <row r="39085" spans="14:14">
      <c r="N39085" s="10"/>
    </row>
    <row r="39086" spans="14:14">
      <c r="N39086" s="10"/>
    </row>
    <row r="39087" spans="14:14">
      <c r="N39087" s="10"/>
    </row>
    <row r="39088" spans="14:14">
      <c r="N39088" s="10"/>
    </row>
    <row r="39089" spans="14:14">
      <c r="N39089" s="10"/>
    </row>
    <row r="39090" spans="14:14">
      <c r="N39090" s="10"/>
    </row>
    <row r="39091" spans="14:14">
      <c r="N39091" s="10"/>
    </row>
    <row r="39092" spans="14:14">
      <c r="N39092" s="10"/>
    </row>
    <row r="39093" spans="14:14">
      <c r="N39093" s="10"/>
    </row>
    <row r="39094" spans="14:14">
      <c r="N39094" s="10"/>
    </row>
    <row r="39095" spans="14:14">
      <c r="N39095" s="10"/>
    </row>
    <row r="39096" spans="14:14">
      <c r="N39096" s="10"/>
    </row>
    <row r="39097" spans="14:14">
      <c r="N39097" s="10"/>
    </row>
    <row r="39098" spans="14:14">
      <c r="N39098" s="10"/>
    </row>
    <row r="39099" spans="14:14">
      <c r="N39099" s="10"/>
    </row>
    <row r="39100" spans="14:14">
      <c r="N39100" s="10"/>
    </row>
    <row r="39101" spans="14:14">
      <c r="N39101" s="10"/>
    </row>
    <row r="39102" spans="14:14">
      <c r="N39102" s="10"/>
    </row>
    <row r="39103" spans="14:14">
      <c r="N39103" s="10"/>
    </row>
    <row r="39104" spans="14:14">
      <c r="N39104" s="10"/>
    </row>
    <row r="39105" spans="14:14">
      <c r="N39105" s="10"/>
    </row>
    <row r="39106" spans="14:14">
      <c r="N39106" s="10"/>
    </row>
    <row r="39107" spans="14:14">
      <c r="N39107" s="10"/>
    </row>
    <row r="39108" spans="14:14">
      <c r="N39108" s="10"/>
    </row>
    <row r="39109" spans="14:14">
      <c r="N39109" s="10"/>
    </row>
    <row r="39110" spans="14:14">
      <c r="N39110" s="10"/>
    </row>
    <row r="39111" spans="14:14">
      <c r="N39111" s="10"/>
    </row>
    <row r="39112" spans="14:14">
      <c r="N39112" s="10"/>
    </row>
    <row r="39113" spans="14:14">
      <c r="N39113" s="10"/>
    </row>
    <row r="39114" spans="14:14">
      <c r="N39114" s="10"/>
    </row>
    <row r="39115" spans="14:14">
      <c r="N39115" s="10"/>
    </row>
    <row r="39116" spans="14:14">
      <c r="N39116" s="10"/>
    </row>
    <row r="39117" spans="14:14">
      <c r="N39117" s="10"/>
    </row>
    <row r="39118" spans="14:14">
      <c r="N39118" s="10"/>
    </row>
    <row r="39119" spans="14:14">
      <c r="N39119" s="10"/>
    </row>
    <row r="39120" spans="14:14">
      <c r="N39120" s="10"/>
    </row>
    <row r="39121" spans="14:14">
      <c r="N39121" s="10"/>
    </row>
    <row r="39122" spans="14:14">
      <c r="N39122" s="10"/>
    </row>
    <row r="39123" spans="14:14">
      <c r="N39123" s="10"/>
    </row>
    <row r="39124" spans="14:14">
      <c r="N39124" s="10"/>
    </row>
    <row r="39125" spans="14:14">
      <c r="N39125" s="10"/>
    </row>
    <row r="39126" spans="14:14">
      <c r="N39126" s="10"/>
    </row>
    <row r="39127" spans="14:14">
      <c r="N39127" s="10"/>
    </row>
    <row r="39128" spans="14:14">
      <c r="N39128" s="10"/>
    </row>
    <row r="39129" spans="14:14">
      <c r="N39129" s="10"/>
    </row>
    <row r="39130" spans="14:14">
      <c r="N39130" s="10"/>
    </row>
    <row r="39131" spans="14:14">
      <c r="N39131" s="10"/>
    </row>
    <row r="39132" spans="14:14">
      <c r="N39132" s="10"/>
    </row>
    <row r="39133" spans="14:14">
      <c r="N39133" s="10"/>
    </row>
    <row r="39134" spans="14:14">
      <c r="N39134" s="10"/>
    </row>
    <row r="39135" spans="14:14">
      <c r="N39135" s="10"/>
    </row>
    <row r="39136" spans="14:14">
      <c r="N39136" s="10"/>
    </row>
    <row r="39137" spans="14:14">
      <c r="N39137" s="10"/>
    </row>
    <row r="39138" spans="14:14">
      <c r="N39138" s="10"/>
    </row>
    <row r="39139" spans="14:14">
      <c r="N39139" s="10"/>
    </row>
    <row r="39140" spans="14:14">
      <c r="N39140" s="10"/>
    </row>
    <row r="39141" spans="14:14">
      <c r="N39141" s="10"/>
    </row>
    <row r="39142" spans="14:14">
      <c r="N39142" s="10"/>
    </row>
    <row r="39143" spans="14:14">
      <c r="N39143" s="10"/>
    </row>
    <row r="39144" spans="14:14">
      <c r="N39144" s="10"/>
    </row>
    <row r="39145" spans="14:14">
      <c r="N39145" s="10"/>
    </row>
    <row r="39146" spans="14:14">
      <c r="N39146" s="10"/>
    </row>
    <row r="39147" spans="14:14">
      <c r="N39147" s="10"/>
    </row>
    <row r="39148" spans="14:14">
      <c r="N39148" s="10"/>
    </row>
    <row r="39149" spans="14:14">
      <c r="N39149" s="10"/>
    </row>
    <row r="39150" spans="14:14">
      <c r="N39150" s="10"/>
    </row>
    <row r="39151" spans="14:14">
      <c r="N39151" s="10"/>
    </row>
    <row r="39152" spans="14:14">
      <c r="N39152" s="10"/>
    </row>
    <row r="39153" spans="14:14">
      <c r="N39153" s="10"/>
    </row>
    <row r="39154" spans="14:14">
      <c r="N39154" s="10"/>
    </row>
    <row r="39155" spans="14:14">
      <c r="N39155" s="10"/>
    </row>
    <row r="39156" spans="14:14">
      <c r="N39156" s="10"/>
    </row>
    <row r="39157" spans="14:14">
      <c r="N39157" s="10"/>
    </row>
    <row r="39158" spans="14:14">
      <c r="N39158" s="10"/>
    </row>
    <row r="39159" spans="14:14">
      <c r="N39159" s="10"/>
    </row>
    <row r="39160" spans="14:14">
      <c r="N39160" s="10"/>
    </row>
    <row r="39161" spans="14:14">
      <c r="N39161" s="10"/>
    </row>
    <row r="39162" spans="14:14">
      <c r="N39162" s="10"/>
    </row>
    <row r="39163" spans="14:14">
      <c r="N39163" s="10"/>
    </row>
    <row r="39164" spans="14:14">
      <c r="N39164" s="10"/>
    </row>
    <row r="39165" spans="14:14">
      <c r="N39165" s="10"/>
    </row>
    <row r="39166" spans="14:14">
      <c r="N39166" s="10"/>
    </row>
    <row r="39167" spans="14:14">
      <c r="N39167" s="10"/>
    </row>
    <row r="39168" spans="14:14">
      <c r="N39168" s="10"/>
    </row>
    <row r="39169" spans="14:14">
      <c r="N39169" s="10"/>
    </row>
    <row r="39170" spans="14:14">
      <c r="N39170" s="10"/>
    </row>
    <row r="39171" spans="14:14">
      <c r="N39171" s="10"/>
    </row>
    <row r="39172" spans="14:14">
      <c r="N39172" s="10"/>
    </row>
    <row r="39173" spans="14:14">
      <c r="N39173" s="10"/>
    </row>
    <row r="39174" spans="14:14">
      <c r="N39174" s="10"/>
    </row>
    <row r="39175" spans="14:14">
      <c r="N39175" s="10"/>
    </row>
    <row r="39176" spans="14:14">
      <c r="N39176" s="10"/>
    </row>
    <row r="39177" spans="14:14">
      <c r="N39177" s="10"/>
    </row>
    <row r="39178" spans="14:14">
      <c r="N39178" s="10"/>
    </row>
    <row r="39179" spans="14:14">
      <c r="N39179" s="10"/>
    </row>
    <row r="39180" spans="14:14">
      <c r="N39180" s="10"/>
    </row>
    <row r="39181" spans="14:14">
      <c r="N39181" s="10"/>
    </row>
    <row r="39182" spans="14:14">
      <c r="N39182" s="10"/>
    </row>
    <row r="39183" spans="14:14">
      <c r="N39183" s="10"/>
    </row>
    <row r="39184" spans="14:14">
      <c r="N39184" s="10"/>
    </row>
    <row r="39185" spans="14:14">
      <c r="N39185" s="10"/>
    </row>
    <row r="39186" spans="14:14">
      <c r="N39186" s="10"/>
    </row>
    <row r="39187" spans="14:14">
      <c r="N39187" s="10"/>
    </row>
    <row r="39188" spans="14:14">
      <c r="N39188" s="10"/>
    </row>
    <row r="39189" spans="14:14">
      <c r="N39189" s="10"/>
    </row>
    <row r="39190" spans="14:14">
      <c r="N39190" s="10"/>
    </row>
    <row r="39191" spans="14:14">
      <c r="N39191" s="10"/>
    </row>
    <row r="39192" spans="14:14">
      <c r="N39192" s="10"/>
    </row>
    <row r="39193" spans="14:14">
      <c r="N39193" s="10"/>
    </row>
    <row r="39194" spans="14:14">
      <c r="N39194" s="10"/>
    </row>
    <row r="39195" spans="14:14">
      <c r="N39195" s="10"/>
    </row>
    <row r="39196" spans="14:14">
      <c r="N39196" s="10"/>
    </row>
    <row r="39197" spans="14:14">
      <c r="N39197" s="10"/>
    </row>
    <row r="39198" spans="14:14">
      <c r="N39198" s="10"/>
    </row>
    <row r="39199" spans="14:14">
      <c r="N39199" s="10"/>
    </row>
    <row r="39200" spans="14:14">
      <c r="N39200" s="10"/>
    </row>
    <row r="39201" spans="14:14">
      <c r="N39201" s="10"/>
    </row>
    <row r="39202" spans="14:14">
      <c r="N39202" s="10"/>
    </row>
    <row r="39203" spans="14:14">
      <c r="N39203" s="10"/>
    </row>
    <row r="39204" spans="14:14">
      <c r="N39204" s="10"/>
    </row>
    <row r="39205" spans="14:14">
      <c r="N39205" s="10"/>
    </row>
    <row r="39206" spans="14:14">
      <c r="N39206" s="10"/>
    </row>
    <row r="39207" spans="14:14">
      <c r="N39207" s="10"/>
    </row>
    <row r="39208" spans="14:14">
      <c r="N39208" s="10"/>
    </row>
    <row r="39209" spans="14:14">
      <c r="N39209" s="10"/>
    </row>
    <row r="39210" spans="14:14">
      <c r="N39210" s="10"/>
    </row>
    <row r="39211" spans="14:14">
      <c r="N39211" s="10"/>
    </row>
    <row r="39212" spans="14:14">
      <c r="N39212" s="10"/>
    </row>
    <row r="39213" spans="14:14">
      <c r="N39213" s="10"/>
    </row>
    <row r="39214" spans="14:14">
      <c r="N39214" s="10"/>
    </row>
    <row r="39215" spans="14:14">
      <c r="N39215" s="10"/>
    </row>
    <row r="39216" spans="14:14">
      <c r="N39216" s="10"/>
    </row>
    <row r="39217" spans="14:14">
      <c r="N39217" s="10"/>
    </row>
    <row r="39218" spans="14:14">
      <c r="N39218" s="10"/>
    </row>
    <row r="39219" spans="14:14">
      <c r="N39219" s="10"/>
    </row>
    <row r="39220" spans="14:14">
      <c r="N39220" s="10"/>
    </row>
    <row r="39221" spans="14:14">
      <c r="N39221" s="10"/>
    </row>
    <row r="39222" spans="14:14">
      <c r="N39222" s="10"/>
    </row>
    <row r="39223" spans="14:14">
      <c r="N39223" s="10"/>
    </row>
    <row r="39224" spans="14:14">
      <c r="N39224" s="10"/>
    </row>
    <row r="39225" spans="14:14">
      <c r="N39225" s="10"/>
    </row>
    <row r="39226" spans="14:14">
      <c r="N39226" s="10"/>
    </row>
    <row r="39227" spans="14:14">
      <c r="N39227" s="10"/>
    </row>
    <row r="39228" spans="14:14">
      <c r="N39228" s="10"/>
    </row>
    <row r="39229" spans="14:14">
      <c r="N39229" s="10"/>
    </row>
    <row r="39230" spans="14:14">
      <c r="N39230" s="10"/>
    </row>
    <row r="39231" spans="14:14">
      <c r="N39231" s="10"/>
    </row>
    <row r="39232" spans="14:14">
      <c r="N39232" s="10"/>
    </row>
    <row r="39233" spans="14:14">
      <c r="N39233" s="10"/>
    </row>
    <row r="39234" spans="14:14">
      <c r="N39234" s="10"/>
    </row>
    <row r="39235" spans="14:14">
      <c r="N39235" s="10"/>
    </row>
    <row r="39236" spans="14:14">
      <c r="N39236" s="10"/>
    </row>
    <row r="39237" spans="14:14">
      <c r="N39237" s="10"/>
    </row>
    <row r="39238" spans="14:14">
      <c r="N39238" s="10"/>
    </row>
    <row r="39239" spans="14:14">
      <c r="N39239" s="10"/>
    </row>
    <row r="39240" spans="14:14">
      <c r="N39240" s="10"/>
    </row>
    <row r="39241" spans="14:14">
      <c r="N39241" s="10"/>
    </row>
    <row r="39242" spans="14:14">
      <c r="N39242" s="10"/>
    </row>
    <row r="39243" spans="14:14">
      <c r="N39243" s="10"/>
    </row>
    <row r="39244" spans="14:14">
      <c r="N39244" s="10"/>
    </row>
    <row r="39245" spans="14:14">
      <c r="N39245" s="10"/>
    </row>
    <row r="39246" spans="14:14">
      <c r="N39246" s="10"/>
    </row>
    <row r="39247" spans="14:14">
      <c r="N39247" s="10"/>
    </row>
    <row r="39248" spans="14:14">
      <c r="N39248" s="10"/>
    </row>
    <row r="39249" spans="14:14">
      <c r="N39249" s="10"/>
    </row>
    <row r="39250" spans="14:14">
      <c r="N39250" s="10"/>
    </row>
    <row r="39251" spans="14:14">
      <c r="N39251" s="10"/>
    </row>
    <row r="39252" spans="14:14">
      <c r="N39252" s="10"/>
    </row>
    <row r="39253" spans="14:14">
      <c r="N39253" s="10"/>
    </row>
    <row r="39254" spans="14:14">
      <c r="N39254" s="10"/>
    </row>
    <row r="39255" spans="14:14">
      <c r="N39255" s="10"/>
    </row>
    <row r="39256" spans="14:14">
      <c r="N39256" s="10"/>
    </row>
    <row r="39257" spans="14:14">
      <c r="N39257" s="10"/>
    </row>
    <row r="39258" spans="14:14">
      <c r="N39258" s="10"/>
    </row>
    <row r="39259" spans="14:14">
      <c r="N39259" s="10"/>
    </row>
    <row r="39260" spans="14:14">
      <c r="N39260" s="10"/>
    </row>
    <row r="39261" spans="14:14">
      <c r="N39261" s="10"/>
    </row>
    <row r="39262" spans="14:14">
      <c r="N39262" s="10"/>
    </row>
    <row r="39263" spans="14:14">
      <c r="N39263" s="10"/>
    </row>
    <row r="39264" spans="14:14">
      <c r="N39264" s="10"/>
    </row>
    <row r="39265" spans="14:14">
      <c r="N39265" s="10"/>
    </row>
    <row r="39266" spans="14:14">
      <c r="N39266" s="10"/>
    </row>
    <row r="39267" spans="14:14">
      <c r="N39267" s="10"/>
    </row>
    <row r="39268" spans="14:14">
      <c r="N39268" s="10"/>
    </row>
    <row r="39269" spans="14:14">
      <c r="N39269" s="10"/>
    </row>
    <row r="39270" spans="14:14">
      <c r="N39270" s="10"/>
    </row>
    <row r="39271" spans="14:14">
      <c r="N39271" s="10"/>
    </row>
    <row r="39272" spans="14:14">
      <c r="N39272" s="10"/>
    </row>
    <row r="39273" spans="14:14">
      <c r="N39273" s="10"/>
    </row>
    <row r="39274" spans="14:14">
      <c r="N39274" s="10"/>
    </row>
    <row r="39275" spans="14:14">
      <c r="N39275" s="10"/>
    </row>
    <row r="39276" spans="14:14">
      <c r="N39276" s="10"/>
    </row>
    <row r="39277" spans="14:14">
      <c r="N39277" s="10"/>
    </row>
    <row r="39278" spans="14:14">
      <c r="N39278" s="10"/>
    </row>
    <row r="39279" spans="14:14">
      <c r="N39279" s="10"/>
    </row>
    <row r="39280" spans="14:14">
      <c r="N39280" s="10"/>
    </row>
    <row r="39281" spans="14:14">
      <c r="N39281" s="10"/>
    </row>
    <row r="39282" spans="14:14">
      <c r="N39282" s="10"/>
    </row>
    <row r="39283" spans="14:14">
      <c r="N39283" s="10"/>
    </row>
    <row r="39284" spans="14:14">
      <c r="N39284" s="10"/>
    </row>
    <row r="39285" spans="14:14">
      <c r="N39285" s="10"/>
    </row>
    <row r="39286" spans="14:14">
      <c r="N39286" s="10"/>
    </row>
    <row r="39287" spans="14:14">
      <c r="N39287" s="10"/>
    </row>
    <row r="39288" spans="14:14">
      <c r="N39288" s="10"/>
    </row>
    <row r="39289" spans="14:14">
      <c r="N39289" s="10"/>
    </row>
    <row r="39290" spans="14:14">
      <c r="N39290" s="10"/>
    </row>
    <row r="39291" spans="14:14">
      <c r="N39291" s="10"/>
    </row>
    <row r="39292" spans="14:14">
      <c r="N39292" s="10"/>
    </row>
    <row r="39293" spans="14:14">
      <c r="N39293" s="10"/>
    </row>
    <row r="39294" spans="14:14">
      <c r="N39294" s="10"/>
    </row>
    <row r="39295" spans="14:14">
      <c r="N39295" s="10"/>
    </row>
    <row r="39296" spans="14:14">
      <c r="N39296" s="10"/>
    </row>
    <row r="39297" spans="14:14">
      <c r="N39297" s="10"/>
    </row>
    <row r="39298" spans="14:14">
      <c r="N39298" s="10"/>
    </row>
    <row r="39299" spans="14:14">
      <c r="N39299" s="10"/>
    </row>
    <row r="39300" spans="14:14">
      <c r="N39300" s="10"/>
    </row>
    <row r="39301" spans="14:14">
      <c r="N39301" s="10"/>
    </row>
    <row r="39302" spans="14:14">
      <c r="N39302" s="10"/>
    </row>
    <row r="39303" spans="14:14">
      <c r="N39303" s="10"/>
    </row>
    <row r="39304" spans="14:14">
      <c r="N39304" s="10"/>
    </row>
    <row r="39305" spans="14:14">
      <c r="N39305" s="10"/>
    </row>
    <row r="39306" spans="14:14">
      <c r="N39306" s="10"/>
    </row>
    <row r="39307" spans="14:14">
      <c r="N39307" s="10"/>
    </row>
    <row r="39308" spans="14:14">
      <c r="N39308" s="10"/>
    </row>
    <row r="39309" spans="14:14">
      <c r="N39309" s="10"/>
    </row>
    <row r="39310" spans="14:14">
      <c r="N39310" s="10"/>
    </row>
    <row r="39311" spans="14:14">
      <c r="N39311" s="10"/>
    </row>
    <row r="39312" spans="14:14">
      <c r="N39312" s="10"/>
    </row>
    <row r="39313" spans="14:14">
      <c r="N39313" s="10"/>
    </row>
    <row r="39314" spans="14:14">
      <c r="N39314" s="10"/>
    </row>
    <row r="39315" spans="14:14">
      <c r="N39315" s="10"/>
    </row>
    <row r="39316" spans="14:14">
      <c r="N39316" s="10"/>
    </row>
    <row r="39317" spans="14:14">
      <c r="N39317" s="10"/>
    </row>
    <row r="39318" spans="14:14">
      <c r="N39318" s="10"/>
    </row>
    <row r="39319" spans="14:14">
      <c r="N39319" s="10"/>
    </row>
    <row r="39320" spans="14:14">
      <c r="N39320" s="10"/>
    </row>
    <row r="39321" spans="14:14">
      <c r="N39321" s="10"/>
    </row>
    <row r="39322" spans="14:14">
      <c r="N39322" s="10"/>
    </row>
    <row r="39323" spans="14:14">
      <c r="N39323" s="10"/>
    </row>
    <row r="39324" spans="14:14">
      <c r="N39324" s="10"/>
    </row>
    <row r="39325" spans="14:14">
      <c r="N39325" s="10"/>
    </row>
    <row r="39326" spans="14:14">
      <c r="N39326" s="10"/>
    </row>
    <row r="39327" spans="14:14">
      <c r="N39327" s="10"/>
    </row>
    <row r="39328" spans="14:14">
      <c r="N39328" s="10"/>
    </row>
    <row r="39329" spans="14:14">
      <c r="N39329" s="10"/>
    </row>
    <row r="39330" spans="14:14">
      <c r="N39330" s="10"/>
    </row>
    <row r="39331" spans="14:14">
      <c r="N39331" s="10"/>
    </row>
    <row r="39332" spans="14:14">
      <c r="N39332" s="10"/>
    </row>
    <row r="39333" spans="14:14">
      <c r="N39333" s="10"/>
    </row>
    <row r="39334" spans="14:14">
      <c r="N39334" s="10"/>
    </row>
    <row r="39335" spans="14:14">
      <c r="N39335" s="10"/>
    </row>
    <row r="39336" spans="14:14">
      <c r="N39336" s="10"/>
    </row>
    <row r="39337" spans="14:14">
      <c r="N39337" s="10"/>
    </row>
    <row r="39338" spans="14:14">
      <c r="N39338" s="10"/>
    </row>
    <row r="39339" spans="14:14">
      <c r="N39339" s="10"/>
    </row>
    <row r="39340" spans="14:14">
      <c r="N39340" s="10"/>
    </row>
    <row r="39341" spans="14:14">
      <c r="N39341" s="10"/>
    </row>
    <row r="39342" spans="14:14">
      <c r="N39342" s="10"/>
    </row>
    <row r="39343" spans="14:14">
      <c r="N39343" s="10"/>
    </row>
    <row r="39344" spans="14:14">
      <c r="N39344" s="10"/>
    </row>
    <row r="39345" spans="14:14">
      <c r="N39345" s="10"/>
    </row>
    <row r="39346" spans="14:14">
      <c r="N39346" s="10"/>
    </row>
    <row r="39347" spans="14:14">
      <c r="N39347" s="10"/>
    </row>
    <row r="39348" spans="14:14">
      <c r="N39348" s="10"/>
    </row>
    <row r="39349" spans="14:14">
      <c r="N39349" s="10"/>
    </row>
    <row r="39350" spans="14:14">
      <c r="N39350" s="10"/>
    </row>
    <row r="39351" spans="14:14">
      <c r="N39351" s="10"/>
    </row>
    <row r="39352" spans="14:14">
      <c r="N39352" s="10"/>
    </row>
    <row r="39353" spans="14:14">
      <c r="N39353" s="10"/>
    </row>
    <row r="39354" spans="14:14">
      <c r="N39354" s="10"/>
    </row>
    <row r="39355" spans="14:14">
      <c r="N39355" s="10"/>
    </row>
    <row r="39356" spans="14:14">
      <c r="N39356" s="10"/>
    </row>
    <row r="39357" spans="14:14">
      <c r="N39357" s="10"/>
    </row>
    <row r="39358" spans="14:14">
      <c r="N39358" s="10"/>
    </row>
    <row r="39359" spans="14:14">
      <c r="N39359" s="10"/>
    </row>
    <row r="39360" spans="14:14">
      <c r="N39360" s="10"/>
    </row>
    <row r="39361" spans="14:14">
      <c r="N39361" s="10"/>
    </row>
    <row r="39362" spans="14:14">
      <c r="N39362" s="10"/>
    </row>
    <row r="39363" spans="14:14">
      <c r="N39363" s="10"/>
    </row>
    <row r="39364" spans="14:14">
      <c r="N39364" s="10"/>
    </row>
    <row r="39365" spans="14:14">
      <c r="N39365" s="10"/>
    </row>
    <row r="39366" spans="14:14">
      <c r="N39366" s="10"/>
    </row>
    <row r="39367" spans="14:14">
      <c r="N39367" s="10"/>
    </row>
    <row r="39368" spans="14:14">
      <c r="N39368" s="10"/>
    </row>
    <row r="39369" spans="14:14">
      <c r="N39369" s="10"/>
    </row>
    <row r="39370" spans="14:14">
      <c r="N39370" s="10"/>
    </row>
    <row r="39371" spans="14:14">
      <c r="N39371" s="10"/>
    </row>
    <row r="39372" spans="14:14">
      <c r="N39372" s="10"/>
    </row>
    <row r="39373" spans="14:14">
      <c r="N39373" s="10"/>
    </row>
    <row r="39374" spans="14:14">
      <c r="N39374" s="10"/>
    </row>
    <row r="39375" spans="14:14">
      <c r="N39375" s="10"/>
    </row>
    <row r="39376" spans="14:14">
      <c r="N39376" s="10"/>
    </row>
    <row r="39377" spans="14:14">
      <c r="N39377" s="10"/>
    </row>
    <row r="39378" spans="14:14">
      <c r="N39378" s="10"/>
    </row>
    <row r="39379" spans="14:14">
      <c r="N39379" s="10"/>
    </row>
    <row r="39380" spans="14:14">
      <c r="N39380" s="10"/>
    </row>
    <row r="39381" spans="14:14">
      <c r="N39381" s="10"/>
    </row>
    <row r="39382" spans="14:14">
      <c r="N39382" s="10"/>
    </row>
    <row r="39383" spans="14:14">
      <c r="N39383" s="10"/>
    </row>
    <row r="39384" spans="14:14">
      <c r="N39384" s="10"/>
    </row>
    <row r="39385" spans="14:14">
      <c r="N39385" s="10"/>
    </row>
    <row r="39386" spans="14:14">
      <c r="N39386" s="10"/>
    </row>
    <row r="39387" spans="14:14">
      <c r="N39387" s="10"/>
    </row>
    <row r="39388" spans="14:14">
      <c r="N39388" s="10"/>
    </row>
    <row r="39389" spans="14:14">
      <c r="N39389" s="10"/>
    </row>
    <row r="39390" spans="14:14">
      <c r="N39390" s="10"/>
    </row>
    <row r="39391" spans="14:14">
      <c r="N39391" s="10"/>
    </row>
    <row r="39392" spans="14:14">
      <c r="N39392" s="10"/>
    </row>
    <row r="39393" spans="14:14">
      <c r="N39393" s="10"/>
    </row>
    <row r="39394" spans="14:14">
      <c r="N39394" s="10"/>
    </row>
    <row r="39395" spans="14:14">
      <c r="N39395" s="10"/>
    </row>
    <row r="39396" spans="14:14">
      <c r="N39396" s="10"/>
    </row>
    <row r="39397" spans="14:14">
      <c r="N39397" s="10"/>
    </row>
    <row r="39398" spans="14:14">
      <c r="N39398" s="10"/>
    </row>
    <row r="39399" spans="14:14">
      <c r="N39399" s="10"/>
    </row>
    <row r="39400" spans="14:14">
      <c r="N39400" s="10"/>
    </row>
    <row r="39401" spans="14:14">
      <c r="N39401" s="10"/>
    </row>
    <row r="39402" spans="14:14">
      <c r="N39402" s="10"/>
    </row>
    <row r="39403" spans="14:14">
      <c r="N39403" s="10"/>
    </row>
    <row r="39404" spans="14:14">
      <c r="N39404" s="10"/>
    </row>
    <row r="39405" spans="14:14">
      <c r="N39405" s="10"/>
    </row>
    <row r="39406" spans="14:14">
      <c r="N39406" s="10"/>
    </row>
    <row r="39407" spans="14:14">
      <c r="N39407" s="10"/>
    </row>
    <row r="39408" spans="14:14">
      <c r="N39408" s="10"/>
    </row>
    <row r="39409" spans="14:14">
      <c r="N39409" s="10"/>
    </row>
    <row r="39410" spans="14:14">
      <c r="N39410" s="10"/>
    </row>
    <row r="39411" spans="14:14">
      <c r="N39411" s="10"/>
    </row>
    <row r="39412" spans="14:14">
      <c r="N39412" s="10"/>
    </row>
    <row r="39413" spans="14:14">
      <c r="N39413" s="10"/>
    </row>
    <row r="39414" spans="14:14">
      <c r="N39414" s="10"/>
    </row>
    <row r="39415" spans="14:14">
      <c r="N39415" s="10"/>
    </row>
    <row r="39416" spans="14:14">
      <c r="N39416" s="10"/>
    </row>
    <row r="39417" spans="14:14">
      <c r="N39417" s="10"/>
    </row>
    <row r="39418" spans="14:14">
      <c r="N39418" s="10"/>
    </row>
    <row r="39419" spans="14:14">
      <c r="N39419" s="10"/>
    </row>
    <row r="39420" spans="14:14">
      <c r="N39420" s="10"/>
    </row>
    <row r="39421" spans="14:14">
      <c r="N39421" s="10"/>
    </row>
    <row r="39422" spans="14:14">
      <c r="N39422" s="10"/>
    </row>
    <row r="39423" spans="14:14">
      <c r="N39423" s="10"/>
    </row>
    <row r="39424" spans="14:14">
      <c r="N39424" s="10"/>
    </row>
    <row r="39425" spans="14:14">
      <c r="N39425" s="10"/>
    </row>
    <row r="39426" spans="14:14">
      <c r="N39426" s="10"/>
    </row>
    <row r="39427" spans="14:14">
      <c r="N39427" s="10"/>
    </row>
    <row r="39428" spans="14:14">
      <c r="N39428" s="10"/>
    </row>
    <row r="39429" spans="14:14">
      <c r="N39429" s="10"/>
    </row>
    <row r="39430" spans="14:14">
      <c r="N39430" s="10"/>
    </row>
    <row r="39431" spans="14:14">
      <c r="N39431" s="10"/>
    </row>
    <row r="39432" spans="14:14">
      <c r="N39432" s="10"/>
    </row>
    <row r="39433" spans="14:14">
      <c r="N39433" s="10"/>
    </row>
    <row r="39434" spans="14:14">
      <c r="N39434" s="10"/>
    </row>
    <row r="39435" spans="14:14">
      <c r="N39435" s="10"/>
    </row>
    <row r="39436" spans="14:14">
      <c r="N39436" s="10"/>
    </row>
    <row r="39437" spans="14:14">
      <c r="N39437" s="10"/>
    </row>
    <row r="39438" spans="14:14">
      <c r="N39438" s="10"/>
    </row>
    <row r="39439" spans="14:14">
      <c r="N39439" s="10"/>
    </row>
    <row r="39440" spans="14:14">
      <c r="N39440" s="10"/>
    </row>
    <row r="39441" spans="14:14">
      <c r="N39441" s="10"/>
    </row>
    <row r="39442" spans="14:14">
      <c r="N39442" s="10"/>
    </row>
    <row r="39443" spans="14:14">
      <c r="N39443" s="10"/>
    </row>
    <row r="39444" spans="14:14">
      <c r="N39444" s="10"/>
    </row>
    <row r="39445" spans="14:14">
      <c r="N39445" s="10"/>
    </row>
    <row r="39446" spans="14:14">
      <c r="N39446" s="10"/>
    </row>
    <row r="39447" spans="14:14">
      <c r="N39447" s="10"/>
    </row>
    <row r="39448" spans="14:14">
      <c r="N39448" s="10"/>
    </row>
    <row r="39449" spans="14:14">
      <c r="N39449" s="10"/>
    </row>
    <row r="39450" spans="14:14">
      <c r="N39450" s="10"/>
    </row>
    <row r="39451" spans="14:14">
      <c r="N39451" s="10"/>
    </row>
    <row r="39452" spans="14:14">
      <c r="N39452" s="10"/>
    </row>
    <row r="39453" spans="14:14">
      <c r="N39453" s="10"/>
    </row>
    <row r="39454" spans="14:14">
      <c r="N39454" s="10"/>
    </row>
    <row r="39455" spans="14:14">
      <c r="N39455" s="10"/>
    </row>
    <row r="39456" spans="14:14">
      <c r="N39456" s="10"/>
    </row>
    <row r="39457" spans="14:14">
      <c r="N39457" s="10"/>
    </row>
    <row r="39458" spans="14:14">
      <c r="N39458" s="10"/>
    </row>
    <row r="39459" spans="14:14">
      <c r="N39459" s="10"/>
    </row>
    <row r="39460" spans="14:14">
      <c r="N39460" s="10"/>
    </row>
    <row r="39461" spans="14:14">
      <c r="N39461" s="10"/>
    </row>
    <row r="39462" spans="14:14">
      <c r="N39462" s="10"/>
    </row>
    <row r="39463" spans="14:14">
      <c r="N39463" s="10"/>
    </row>
    <row r="39464" spans="14:14">
      <c r="N39464" s="10"/>
    </row>
    <row r="39465" spans="14:14">
      <c r="N39465" s="10"/>
    </row>
    <row r="39466" spans="14:14">
      <c r="N39466" s="10"/>
    </row>
    <row r="39467" spans="14:14">
      <c r="N39467" s="10"/>
    </row>
    <row r="39468" spans="14:14">
      <c r="N39468" s="10"/>
    </row>
    <row r="39469" spans="14:14">
      <c r="N39469" s="10"/>
    </row>
    <row r="39470" spans="14:14">
      <c r="N39470" s="10"/>
    </row>
    <row r="39471" spans="14:14">
      <c r="N39471" s="10"/>
    </row>
    <row r="39472" spans="14:14">
      <c r="N39472" s="10"/>
    </row>
    <row r="39473" spans="14:14">
      <c r="N39473" s="10"/>
    </row>
    <row r="39474" spans="14:14">
      <c r="N39474" s="10"/>
    </row>
    <row r="39475" spans="14:14">
      <c r="N39475" s="10"/>
    </row>
    <row r="39476" spans="14:14">
      <c r="N39476" s="10"/>
    </row>
    <row r="39477" spans="14:14">
      <c r="N39477" s="10"/>
    </row>
    <row r="39478" spans="14:14">
      <c r="N39478" s="10"/>
    </row>
    <row r="39479" spans="14:14">
      <c r="N39479" s="10"/>
    </row>
    <row r="39480" spans="14:14">
      <c r="N39480" s="10"/>
    </row>
    <row r="39481" spans="14:14">
      <c r="N39481" s="10"/>
    </row>
    <row r="39482" spans="14:14">
      <c r="N39482" s="10"/>
    </row>
    <row r="39483" spans="14:14">
      <c r="N39483" s="10"/>
    </row>
    <row r="39484" spans="14:14">
      <c r="N39484" s="10"/>
    </row>
    <row r="39485" spans="14:14">
      <c r="N39485" s="10"/>
    </row>
    <row r="39486" spans="14:14">
      <c r="N39486" s="10"/>
    </row>
    <row r="39487" spans="14:14">
      <c r="N39487" s="10"/>
    </row>
    <row r="39488" spans="14:14">
      <c r="N39488" s="10"/>
    </row>
    <row r="39489" spans="14:14">
      <c r="N39489" s="10"/>
    </row>
    <row r="39490" spans="14:14">
      <c r="N39490" s="10"/>
    </row>
    <row r="39491" spans="14:14">
      <c r="N39491" s="10"/>
    </row>
    <row r="39492" spans="14:14">
      <c r="N39492" s="10"/>
    </row>
    <row r="39493" spans="14:14">
      <c r="N39493" s="10"/>
    </row>
    <row r="39494" spans="14:14">
      <c r="N39494" s="10"/>
    </row>
    <row r="39495" spans="14:14">
      <c r="N39495" s="10"/>
    </row>
    <row r="39496" spans="14:14">
      <c r="N39496" s="10"/>
    </row>
    <row r="39497" spans="14:14">
      <c r="N39497" s="10"/>
    </row>
    <row r="39498" spans="14:14">
      <c r="N39498" s="10"/>
    </row>
    <row r="39499" spans="14:14">
      <c r="N39499" s="10"/>
    </row>
    <row r="39500" spans="14:14">
      <c r="N39500" s="10"/>
    </row>
    <row r="39501" spans="14:14">
      <c r="N39501" s="10"/>
    </row>
    <row r="39502" spans="14:14">
      <c r="N39502" s="10"/>
    </row>
    <row r="39503" spans="14:14">
      <c r="N39503" s="10"/>
    </row>
    <row r="39504" spans="14:14">
      <c r="N39504" s="10"/>
    </row>
    <row r="39505" spans="14:14">
      <c r="N39505" s="10"/>
    </row>
    <row r="39506" spans="14:14">
      <c r="N39506" s="10"/>
    </row>
    <row r="39507" spans="14:14">
      <c r="N39507" s="10"/>
    </row>
    <row r="39508" spans="14:14">
      <c r="N39508" s="10"/>
    </row>
    <row r="39509" spans="14:14">
      <c r="N39509" s="10"/>
    </row>
    <row r="39510" spans="14:14">
      <c r="N39510" s="10"/>
    </row>
    <row r="39511" spans="14:14">
      <c r="N39511" s="10"/>
    </row>
    <row r="39512" spans="14:14">
      <c r="N39512" s="10"/>
    </row>
    <row r="39513" spans="14:14">
      <c r="N39513" s="10"/>
    </row>
    <row r="39514" spans="14:14">
      <c r="N39514" s="10"/>
    </row>
    <row r="39515" spans="14:14">
      <c r="N39515" s="10"/>
    </row>
    <row r="39516" spans="14:14">
      <c r="N39516" s="10"/>
    </row>
    <row r="39517" spans="14:14">
      <c r="N39517" s="10"/>
    </row>
    <row r="39518" spans="14:14">
      <c r="N39518" s="10"/>
    </row>
    <row r="39519" spans="14:14">
      <c r="N39519" s="10"/>
    </row>
    <row r="39520" spans="14:14">
      <c r="N39520" s="10"/>
    </row>
    <row r="39521" spans="14:14">
      <c r="N39521" s="10"/>
    </row>
    <row r="39522" spans="14:14">
      <c r="N39522" s="10"/>
    </row>
    <row r="39523" spans="14:14">
      <c r="N39523" s="10"/>
    </row>
    <row r="39524" spans="14:14">
      <c r="N39524" s="10"/>
    </row>
    <row r="39525" spans="14:14">
      <c r="N39525" s="10"/>
    </row>
    <row r="39526" spans="14:14">
      <c r="N39526" s="10"/>
    </row>
    <row r="39527" spans="14:14">
      <c r="N39527" s="10"/>
    </row>
    <row r="39528" spans="14:14">
      <c r="N39528" s="10"/>
    </row>
    <row r="39529" spans="14:14">
      <c r="N39529" s="10"/>
    </row>
    <row r="39530" spans="14:14">
      <c r="N39530" s="10"/>
    </row>
    <row r="39531" spans="14:14">
      <c r="N39531" s="10"/>
    </row>
    <row r="39532" spans="14:14">
      <c r="N39532" s="10"/>
    </row>
    <row r="39533" spans="14:14">
      <c r="N39533" s="10"/>
    </row>
    <row r="39534" spans="14:14">
      <c r="N39534" s="10"/>
    </row>
    <row r="39535" spans="14:14">
      <c r="N39535" s="10"/>
    </row>
    <row r="39536" spans="14:14">
      <c r="N39536" s="10"/>
    </row>
    <row r="39537" spans="14:14">
      <c r="N39537" s="10"/>
    </row>
    <row r="39538" spans="14:14">
      <c r="N39538" s="10"/>
    </row>
    <row r="39539" spans="14:14">
      <c r="N39539" s="10"/>
    </row>
    <row r="39540" spans="14:14">
      <c r="N39540" s="10"/>
    </row>
    <row r="39541" spans="14:14">
      <c r="N39541" s="10"/>
    </row>
    <row r="39542" spans="14:14">
      <c r="N39542" s="10"/>
    </row>
    <row r="39543" spans="14:14">
      <c r="N39543" s="10"/>
    </row>
    <row r="39544" spans="14:14">
      <c r="N39544" s="10"/>
    </row>
    <row r="39545" spans="14:14">
      <c r="N39545" s="10"/>
    </row>
    <row r="39546" spans="14:14">
      <c r="N39546" s="10"/>
    </row>
    <row r="39547" spans="14:14">
      <c r="N39547" s="10"/>
    </row>
    <row r="39548" spans="14:14">
      <c r="N39548" s="10"/>
    </row>
    <row r="39549" spans="14:14">
      <c r="N39549" s="10"/>
    </row>
    <row r="39550" spans="14:14">
      <c r="N39550" s="10"/>
    </row>
    <row r="39551" spans="14:14">
      <c r="N39551" s="10"/>
    </row>
    <row r="39552" spans="14:14">
      <c r="N39552" s="10"/>
    </row>
    <row r="39553" spans="14:14">
      <c r="N39553" s="10"/>
    </row>
    <row r="39554" spans="14:14">
      <c r="N39554" s="10"/>
    </row>
    <row r="39555" spans="14:14">
      <c r="N39555" s="10"/>
    </row>
    <row r="39556" spans="14:14">
      <c r="N39556" s="10"/>
    </row>
    <row r="39557" spans="14:14">
      <c r="N39557" s="10"/>
    </row>
    <row r="39558" spans="14:14">
      <c r="N39558" s="10"/>
    </row>
    <row r="39559" spans="14:14">
      <c r="N39559" s="10"/>
    </row>
    <row r="39560" spans="14:14">
      <c r="N39560" s="10"/>
    </row>
    <row r="39561" spans="14:14">
      <c r="N39561" s="10"/>
    </row>
    <row r="39562" spans="14:14">
      <c r="N39562" s="10"/>
    </row>
    <row r="39563" spans="14:14">
      <c r="N39563" s="10"/>
    </row>
    <row r="39564" spans="14:14">
      <c r="N39564" s="10"/>
    </row>
    <row r="39565" spans="14:14">
      <c r="N39565" s="10"/>
    </row>
    <row r="39566" spans="14:14">
      <c r="N39566" s="10"/>
    </row>
    <row r="39567" spans="14:14">
      <c r="N39567" s="10"/>
    </row>
    <row r="39568" spans="14:14">
      <c r="N39568" s="10"/>
    </row>
    <row r="39569" spans="14:14">
      <c r="N39569" s="10"/>
    </row>
    <row r="39570" spans="14:14">
      <c r="N39570" s="10"/>
    </row>
    <row r="39571" spans="14:14">
      <c r="N39571" s="10"/>
    </row>
    <row r="39572" spans="14:14">
      <c r="N39572" s="10"/>
    </row>
    <row r="39573" spans="14:14">
      <c r="N39573" s="10"/>
    </row>
    <row r="39574" spans="14:14">
      <c r="N39574" s="10"/>
    </row>
    <row r="39575" spans="14:14">
      <c r="N39575" s="10"/>
    </row>
    <row r="39576" spans="14:14">
      <c r="N39576" s="10"/>
    </row>
    <row r="39577" spans="14:14">
      <c r="N39577" s="10"/>
    </row>
    <row r="39578" spans="14:14">
      <c r="N39578" s="10"/>
    </row>
    <row r="39579" spans="14:14">
      <c r="N39579" s="10"/>
    </row>
    <row r="39580" spans="14:14">
      <c r="N39580" s="10"/>
    </row>
    <row r="39581" spans="14:14">
      <c r="N39581" s="10"/>
    </row>
    <row r="39582" spans="14:14">
      <c r="N39582" s="10"/>
    </row>
    <row r="39583" spans="14:14">
      <c r="N39583" s="10"/>
    </row>
    <row r="39584" spans="14:14">
      <c r="N39584" s="10"/>
    </row>
    <row r="39585" spans="14:14">
      <c r="N39585" s="10"/>
    </row>
    <row r="39586" spans="14:14">
      <c r="N39586" s="10"/>
    </row>
    <row r="39587" spans="14:14">
      <c r="N39587" s="10"/>
    </row>
    <row r="39588" spans="14:14">
      <c r="N39588" s="10"/>
    </row>
    <row r="39589" spans="14:14">
      <c r="N39589" s="10"/>
    </row>
    <row r="39590" spans="14:14">
      <c r="N39590" s="10"/>
    </row>
    <row r="39591" spans="14:14">
      <c r="N39591" s="10"/>
    </row>
    <row r="39592" spans="14:14">
      <c r="N39592" s="10"/>
    </row>
    <row r="39593" spans="14:14">
      <c r="N39593" s="10"/>
    </row>
    <row r="39594" spans="14:14">
      <c r="N39594" s="10"/>
    </row>
    <row r="39595" spans="14:14">
      <c r="N39595" s="10"/>
    </row>
    <row r="39596" spans="14:14">
      <c r="N39596" s="10"/>
    </row>
    <row r="39597" spans="14:14">
      <c r="N39597" s="10"/>
    </row>
    <row r="39598" spans="14:14">
      <c r="N39598" s="10"/>
    </row>
    <row r="39599" spans="14:14">
      <c r="N39599" s="10"/>
    </row>
    <row r="39600" spans="14:14">
      <c r="N39600" s="10"/>
    </row>
    <row r="39601" spans="14:14">
      <c r="N39601" s="10"/>
    </row>
    <row r="39602" spans="14:14">
      <c r="N39602" s="10"/>
    </row>
    <row r="39603" spans="14:14">
      <c r="N39603" s="10"/>
    </row>
    <row r="39604" spans="14:14">
      <c r="N39604" s="10"/>
    </row>
    <row r="39605" spans="14:14">
      <c r="N39605" s="10"/>
    </row>
    <row r="39606" spans="14:14">
      <c r="N39606" s="10"/>
    </row>
    <row r="39607" spans="14:14">
      <c r="N39607" s="10"/>
    </row>
    <row r="39608" spans="14:14">
      <c r="N39608" s="10"/>
    </row>
    <row r="39609" spans="14:14">
      <c r="N39609" s="10"/>
    </row>
    <row r="39610" spans="14:14">
      <c r="N39610" s="10"/>
    </row>
    <row r="39611" spans="14:14">
      <c r="N39611" s="10"/>
    </row>
    <row r="39612" spans="14:14">
      <c r="N39612" s="10"/>
    </row>
    <row r="39613" spans="14:14">
      <c r="N39613" s="10"/>
    </row>
    <row r="39614" spans="14:14">
      <c r="N39614" s="10"/>
    </row>
    <row r="39615" spans="14:14">
      <c r="N39615" s="10"/>
    </row>
    <row r="39616" spans="14:14">
      <c r="N39616" s="10"/>
    </row>
    <row r="39617" spans="14:14">
      <c r="N39617" s="10"/>
    </row>
    <row r="39618" spans="14:14">
      <c r="N39618" s="10"/>
    </row>
    <row r="39619" spans="14:14">
      <c r="N39619" s="10"/>
    </row>
    <row r="39620" spans="14:14">
      <c r="N39620" s="10"/>
    </row>
    <row r="39621" spans="14:14">
      <c r="N39621" s="10"/>
    </row>
    <row r="39622" spans="14:14">
      <c r="N39622" s="10"/>
    </row>
    <row r="39623" spans="14:14">
      <c r="N39623" s="10"/>
    </row>
    <row r="39624" spans="14:14">
      <c r="N39624" s="10"/>
    </row>
    <row r="39625" spans="14:14">
      <c r="N39625" s="10"/>
    </row>
    <row r="39626" spans="14:14">
      <c r="N39626" s="10"/>
    </row>
    <row r="39627" spans="14:14">
      <c r="N39627" s="10"/>
    </row>
    <row r="39628" spans="14:14">
      <c r="N39628" s="10"/>
    </row>
    <row r="39629" spans="14:14">
      <c r="N39629" s="10"/>
    </row>
    <row r="39630" spans="14:14">
      <c r="N39630" s="10"/>
    </row>
    <row r="39631" spans="14:14">
      <c r="N39631" s="10"/>
    </row>
    <row r="39632" spans="14:14">
      <c r="N39632" s="10"/>
    </row>
    <row r="39633" spans="14:14">
      <c r="N39633" s="10"/>
    </row>
    <row r="39634" spans="14:14">
      <c r="N39634" s="10"/>
    </row>
    <row r="39635" spans="14:14">
      <c r="N39635" s="10"/>
    </row>
    <row r="39636" spans="14:14">
      <c r="N39636" s="10"/>
    </row>
    <row r="39637" spans="14:14">
      <c r="N39637" s="10"/>
    </row>
    <row r="39638" spans="14:14">
      <c r="N39638" s="10"/>
    </row>
    <row r="39639" spans="14:14">
      <c r="N39639" s="10"/>
    </row>
    <row r="39640" spans="14:14">
      <c r="N39640" s="10"/>
    </row>
    <row r="39641" spans="14:14">
      <c r="N39641" s="10"/>
    </row>
    <row r="39642" spans="14:14">
      <c r="N39642" s="10"/>
    </row>
    <row r="39643" spans="14:14">
      <c r="N39643" s="10"/>
    </row>
    <row r="39644" spans="14:14">
      <c r="N39644" s="10"/>
    </row>
    <row r="39645" spans="14:14">
      <c r="N39645" s="10"/>
    </row>
    <row r="39646" spans="14:14">
      <c r="N39646" s="10"/>
    </row>
    <row r="39647" spans="14:14">
      <c r="N39647" s="10"/>
    </row>
    <row r="39648" spans="14:14">
      <c r="N39648" s="10"/>
    </row>
    <row r="39649" spans="14:14">
      <c r="N39649" s="10"/>
    </row>
    <row r="39650" spans="14:14">
      <c r="N39650" s="10"/>
    </row>
    <row r="39651" spans="14:14">
      <c r="N39651" s="10"/>
    </row>
    <row r="39652" spans="14:14">
      <c r="N39652" s="10"/>
    </row>
    <row r="39653" spans="14:14">
      <c r="N39653" s="10"/>
    </row>
    <row r="39654" spans="14:14">
      <c r="N39654" s="10"/>
    </row>
    <row r="39655" spans="14:14">
      <c r="N39655" s="10"/>
    </row>
    <row r="39656" spans="14:14">
      <c r="N39656" s="10"/>
    </row>
    <row r="39657" spans="14:14">
      <c r="N39657" s="10"/>
    </row>
    <row r="39658" spans="14:14">
      <c r="N39658" s="10"/>
    </row>
    <row r="39659" spans="14:14">
      <c r="N39659" s="10"/>
    </row>
    <row r="39660" spans="14:14">
      <c r="N39660" s="10"/>
    </row>
    <row r="39661" spans="14:14">
      <c r="N39661" s="10"/>
    </row>
    <row r="39662" spans="14:14">
      <c r="N39662" s="10"/>
    </row>
    <row r="39663" spans="14:14">
      <c r="N39663" s="10"/>
    </row>
    <row r="39664" spans="14:14">
      <c r="N39664" s="10"/>
    </row>
    <row r="39665" spans="14:14">
      <c r="N39665" s="10"/>
    </row>
    <row r="39666" spans="14:14">
      <c r="N39666" s="10"/>
    </row>
    <row r="39667" spans="14:14">
      <c r="N39667" s="10"/>
    </row>
    <row r="39668" spans="14:14">
      <c r="N39668" s="10"/>
    </row>
    <row r="39669" spans="14:14">
      <c r="N39669" s="10"/>
    </row>
    <row r="39670" spans="14:14">
      <c r="N39670" s="10"/>
    </row>
    <row r="39671" spans="14:14">
      <c r="N39671" s="10"/>
    </row>
    <row r="39672" spans="14:14">
      <c r="N39672" s="10"/>
    </row>
    <row r="39673" spans="14:14">
      <c r="N39673" s="10"/>
    </row>
    <row r="39674" spans="14:14">
      <c r="N39674" s="10"/>
    </row>
    <row r="39675" spans="14:14">
      <c r="N39675" s="10"/>
    </row>
    <row r="39676" spans="14:14">
      <c r="N39676" s="10"/>
    </row>
    <row r="39677" spans="14:14">
      <c r="N39677" s="10"/>
    </row>
    <row r="39678" spans="14:14">
      <c r="N39678" s="10"/>
    </row>
    <row r="39679" spans="14:14">
      <c r="N39679" s="10"/>
    </row>
    <row r="39680" spans="14:14">
      <c r="N39680" s="10"/>
    </row>
    <row r="39681" spans="14:14">
      <c r="N39681" s="10"/>
    </row>
    <row r="39682" spans="14:14">
      <c r="N39682" s="10"/>
    </row>
    <row r="39683" spans="14:14">
      <c r="N39683" s="10"/>
    </row>
    <row r="39684" spans="14:14">
      <c r="N39684" s="10"/>
    </row>
    <row r="39685" spans="14:14">
      <c r="N39685" s="10"/>
    </row>
    <row r="39686" spans="14:14">
      <c r="N39686" s="10"/>
    </row>
    <row r="39687" spans="14:14">
      <c r="N39687" s="10"/>
    </row>
    <row r="39688" spans="14:14">
      <c r="N39688" s="10"/>
    </row>
    <row r="39689" spans="14:14">
      <c r="N39689" s="10"/>
    </row>
    <row r="39690" spans="14:14">
      <c r="N39690" s="10"/>
    </row>
    <row r="39691" spans="14:14">
      <c r="N39691" s="10"/>
    </row>
    <row r="39692" spans="14:14">
      <c r="N39692" s="10"/>
    </row>
    <row r="39693" spans="14:14">
      <c r="N39693" s="10"/>
    </row>
    <row r="39694" spans="14:14">
      <c r="N39694" s="10"/>
    </row>
    <row r="39695" spans="14:14">
      <c r="N39695" s="10"/>
    </row>
    <row r="39696" spans="14:14">
      <c r="N39696" s="10"/>
    </row>
    <row r="39697" spans="14:14">
      <c r="N39697" s="10"/>
    </row>
    <row r="39698" spans="14:14">
      <c r="N39698" s="10"/>
    </row>
    <row r="39699" spans="14:14">
      <c r="N39699" s="10"/>
    </row>
    <row r="39700" spans="14:14">
      <c r="N39700" s="10"/>
    </row>
    <row r="39701" spans="14:14">
      <c r="N39701" s="10"/>
    </row>
    <row r="39702" spans="14:14">
      <c r="N39702" s="10"/>
    </row>
    <row r="39703" spans="14:14">
      <c r="N39703" s="10"/>
    </row>
    <row r="39704" spans="14:14">
      <c r="N39704" s="10"/>
    </row>
    <row r="39705" spans="14:14">
      <c r="N39705" s="10"/>
    </row>
    <row r="39706" spans="14:14">
      <c r="N39706" s="10"/>
    </row>
    <row r="39707" spans="14:14">
      <c r="N39707" s="10"/>
    </row>
    <row r="39708" spans="14:14">
      <c r="N39708" s="10"/>
    </row>
    <row r="39709" spans="14:14">
      <c r="N39709" s="10"/>
    </row>
    <row r="39710" spans="14:14">
      <c r="N39710" s="10"/>
    </row>
    <row r="39711" spans="14:14">
      <c r="N39711" s="10"/>
    </row>
    <row r="39712" spans="14:14">
      <c r="N39712" s="10"/>
    </row>
    <row r="39713" spans="14:14">
      <c r="N39713" s="10"/>
    </row>
    <row r="39714" spans="14:14">
      <c r="N39714" s="10"/>
    </row>
    <row r="39715" spans="14:14">
      <c r="N39715" s="10"/>
    </row>
    <row r="39716" spans="14:14">
      <c r="N39716" s="10"/>
    </row>
    <row r="39717" spans="14:14">
      <c r="N39717" s="10"/>
    </row>
    <row r="39718" spans="14:14">
      <c r="N39718" s="10"/>
    </row>
    <row r="39719" spans="14:14">
      <c r="N39719" s="10"/>
    </row>
    <row r="39720" spans="14:14">
      <c r="N39720" s="10"/>
    </row>
    <row r="39721" spans="14:14">
      <c r="N39721" s="10"/>
    </row>
    <row r="39722" spans="14:14">
      <c r="N39722" s="10"/>
    </row>
    <row r="39723" spans="14:14">
      <c r="N39723" s="10"/>
    </row>
    <row r="39724" spans="14:14">
      <c r="N39724" s="10"/>
    </row>
    <row r="39725" spans="14:14">
      <c r="N39725" s="10"/>
    </row>
    <row r="39726" spans="14:14">
      <c r="N39726" s="10"/>
    </row>
    <row r="39727" spans="14:14">
      <c r="N39727" s="10"/>
    </row>
    <row r="39728" spans="14:14">
      <c r="N39728" s="10"/>
    </row>
    <row r="39729" spans="14:14">
      <c r="N39729" s="10"/>
    </row>
    <row r="39730" spans="14:14">
      <c r="N39730" s="10"/>
    </row>
    <row r="39731" spans="14:14">
      <c r="N39731" s="10"/>
    </row>
    <row r="39732" spans="14:14">
      <c r="N39732" s="10"/>
    </row>
    <row r="39733" spans="14:14">
      <c r="N39733" s="10"/>
    </row>
    <row r="39734" spans="14:14">
      <c r="N39734" s="10"/>
    </row>
    <row r="39735" spans="14:14">
      <c r="N39735" s="10"/>
    </row>
    <row r="39736" spans="14:14">
      <c r="N39736" s="10"/>
    </row>
    <row r="39737" spans="14:14">
      <c r="N39737" s="10"/>
    </row>
    <row r="39738" spans="14:14">
      <c r="N39738" s="10"/>
    </row>
    <row r="39739" spans="14:14">
      <c r="N39739" s="10"/>
    </row>
    <row r="39740" spans="14:14">
      <c r="N39740" s="10"/>
    </row>
    <row r="39741" spans="14:14">
      <c r="N39741" s="10"/>
    </row>
    <row r="39742" spans="14:14">
      <c r="N39742" s="10"/>
    </row>
    <row r="39743" spans="14:14">
      <c r="N39743" s="10"/>
    </row>
    <row r="39744" spans="14:14">
      <c r="N39744" s="10"/>
    </row>
    <row r="39745" spans="14:14">
      <c r="N39745" s="10"/>
    </row>
    <row r="39746" spans="14:14">
      <c r="N39746" s="10"/>
    </row>
    <row r="39747" spans="14:14">
      <c r="N39747" s="10"/>
    </row>
    <row r="39748" spans="14:14">
      <c r="N39748" s="10"/>
    </row>
    <row r="39749" spans="14:14">
      <c r="N39749" s="10"/>
    </row>
    <row r="39750" spans="14:14">
      <c r="N39750" s="10"/>
    </row>
    <row r="39751" spans="14:14">
      <c r="N39751" s="10"/>
    </row>
    <row r="39752" spans="14:14">
      <c r="N39752" s="10"/>
    </row>
    <row r="39753" spans="14:14">
      <c r="N39753" s="10"/>
    </row>
    <row r="39754" spans="14:14">
      <c r="N39754" s="10"/>
    </row>
    <row r="39755" spans="14:14">
      <c r="N39755" s="10"/>
    </row>
    <row r="39756" spans="14:14">
      <c r="N39756" s="10"/>
    </row>
    <row r="39757" spans="14:14">
      <c r="N39757" s="10"/>
    </row>
    <row r="39758" spans="14:14">
      <c r="N39758" s="10"/>
    </row>
    <row r="39759" spans="14:14">
      <c r="N39759" s="10"/>
    </row>
    <row r="39760" spans="14:14">
      <c r="N39760" s="10"/>
    </row>
    <row r="39761" spans="14:14">
      <c r="N39761" s="10"/>
    </row>
    <row r="39762" spans="14:14">
      <c r="N39762" s="10"/>
    </row>
    <row r="39763" spans="14:14">
      <c r="N39763" s="10"/>
    </row>
    <row r="39764" spans="14:14">
      <c r="N39764" s="10"/>
    </row>
    <row r="39765" spans="14:14">
      <c r="N39765" s="10"/>
    </row>
    <row r="39766" spans="14:14">
      <c r="N39766" s="10"/>
    </row>
    <row r="39767" spans="14:14">
      <c r="N39767" s="10"/>
    </row>
    <row r="39768" spans="14:14">
      <c r="N39768" s="10"/>
    </row>
    <row r="39769" spans="14:14">
      <c r="N39769" s="10"/>
    </row>
    <row r="39770" spans="14:14">
      <c r="N39770" s="10"/>
    </row>
    <row r="39771" spans="14:14">
      <c r="N39771" s="10"/>
    </row>
    <row r="39772" spans="14:14">
      <c r="N39772" s="10"/>
    </row>
    <row r="39773" spans="14:14">
      <c r="N39773" s="10"/>
    </row>
    <row r="39774" spans="14:14">
      <c r="N39774" s="10"/>
    </row>
    <row r="39775" spans="14:14">
      <c r="N39775" s="10"/>
    </row>
    <row r="39776" spans="14:14">
      <c r="N39776" s="10"/>
    </row>
    <row r="39777" spans="14:14">
      <c r="N39777" s="10"/>
    </row>
    <row r="39778" spans="14:14">
      <c r="N39778" s="10"/>
    </row>
    <row r="39779" spans="14:14">
      <c r="N39779" s="10"/>
    </row>
    <row r="39780" spans="14:14">
      <c r="N39780" s="10"/>
    </row>
    <row r="39781" spans="14:14">
      <c r="N39781" s="10"/>
    </row>
    <row r="39782" spans="14:14">
      <c r="N39782" s="10"/>
    </row>
    <row r="39783" spans="14:14">
      <c r="N39783" s="10"/>
    </row>
    <row r="39784" spans="14:14">
      <c r="N39784" s="10"/>
    </row>
    <row r="39785" spans="14:14">
      <c r="N39785" s="10"/>
    </row>
    <row r="39786" spans="14:14">
      <c r="N39786" s="10"/>
    </row>
    <row r="39787" spans="14:14">
      <c r="N39787" s="10"/>
    </row>
    <row r="39788" spans="14:14">
      <c r="N39788" s="10"/>
    </row>
    <row r="39789" spans="14:14">
      <c r="N39789" s="10"/>
    </row>
    <row r="39790" spans="14:14">
      <c r="N39790" s="10"/>
    </row>
    <row r="39791" spans="14:14">
      <c r="N39791" s="10"/>
    </row>
    <row r="39792" spans="14:14">
      <c r="N39792" s="10"/>
    </row>
    <row r="39793" spans="14:14">
      <c r="N39793" s="10"/>
    </row>
    <row r="39794" spans="14:14">
      <c r="N39794" s="10"/>
    </row>
    <row r="39795" spans="14:14">
      <c r="N39795" s="10"/>
    </row>
    <row r="39796" spans="14:14">
      <c r="N39796" s="10"/>
    </row>
    <row r="39797" spans="14:14">
      <c r="N39797" s="10"/>
    </row>
    <row r="39798" spans="14:14">
      <c r="N39798" s="10"/>
    </row>
    <row r="39799" spans="14:14">
      <c r="N39799" s="10"/>
    </row>
    <row r="39800" spans="14:14">
      <c r="N39800" s="10"/>
    </row>
    <row r="39801" spans="14:14">
      <c r="N39801" s="10"/>
    </row>
    <row r="39802" spans="14:14">
      <c r="N39802" s="10"/>
    </row>
    <row r="39803" spans="14:14">
      <c r="N39803" s="10"/>
    </row>
    <row r="39804" spans="14:14">
      <c r="N39804" s="10"/>
    </row>
    <row r="39805" spans="14:14">
      <c r="N39805" s="10"/>
    </row>
    <row r="39806" spans="14:14">
      <c r="N39806" s="10"/>
    </row>
    <row r="39807" spans="14:14">
      <c r="N39807" s="10"/>
    </row>
    <row r="39808" spans="14:14">
      <c r="N39808" s="10"/>
    </row>
    <row r="39809" spans="14:14">
      <c r="N39809" s="10"/>
    </row>
    <row r="39810" spans="14:14">
      <c r="N39810" s="10"/>
    </row>
    <row r="39811" spans="14:14">
      <c r="N39811" s="10"/>
    </row>
    <row r="39812" spans="14:14">
      <c r="N39812" s="10"/>
    </row>
    <row r="39813" spans="14:14">
      <c r="N39813" s="10"/>
    </row>
    <row r="39814" spans="14:14">
      <c r="N39814" s="10"/>
    </row>
    <row r="39815" spans="14:14">
      <c r="N39815" s="10"/>
    </row>
    <row r="39816" spans="14:14">
      <c r="N39816" s="10"/>
    </row>
    <row r="39817" spans="14:14">
      <c r="N39817" s="10"/>
    </row>
    <row r="39818" spans="14:14">
      <c r="N39818" s="10"/>
    </row>
    <row r="39819" spans="14:14">
      <c r="N39819" s="10"/>
    </row>
    <row r="39820" spans="14:14">
      <c r="N39820" s="10"/>
    </row>
    <row r="39821" spans="14:14">
      <c r="N39821" s="10"/>
    </row>
    <row r="39822" spans="14:14">
      <c r="N39822" s="10"/>
    </row>
    <row r="39823" spans="14:14">
      <c r="N39823" s="10"/>
    </row>
    <row r="39824" spans="14:14">
      <c r="N39824" s="10"/>
    </row>
    <row r="39825" spans="14:14">
      <c r="N39825" s="10"/>
    </row>
    <row r="39826" spans="14:14">
      <c r="N39826" s="10"/>
    </row>
    <row r="39827" spans="14:14">
      <c r="N39827" s="10"/>
    </row>
    <row r="39828" spans="14:14">
      <c r="N39828" s="10"/>
    </row>
    <row r="39829" spans="14:14">
      <c r="N39829" s="10"/>
    </row>
    <row r="39830" spans="14:14">
      <c r="N39830" s="10"/>
    </row>
    <row r="39831" spans="14:14">
      <c r="N39831" s="10"/>
    </row>
    <row r="39832" spans="14:14">
      <c r="N39832" s="10"/>
    </row>
    <row r="39833" spans="14:14">
      <c r="N39833" s="10"/>
    </row>
    <row r="39834" spans="14:14">
      <c r="N39834" s="10"/>
    </row>
    <row r="39835" spans="14:14">
      <c r="N39835" s="10"/>
    </row>
    <row r="39836" spans="14:14">
      <c r="N39836" s="10"/>
    </row>
    <row r="39837" spans="14:14">
      <c r="N39837" s="10"/>
    </row>
    <row r="39838" spans="14:14">
      <c r="N39838" s="10"/>
    </row>
    <row r="39839" spans="14:14">
      <c r="N39839" s="10"/>
    </row>
    <row r="39840" spans="14:14">
      <c r="N39840" s="10"/>
    </row>
    <row r="39841" spans="14:14">
      <c r="N39841" s="10"/>
    </row>
    <row r="39842" spans="14:14">
      <c r="N39842" s="10"/>
    </row>
    <row r="39843" spans="14:14">
      <c r="N39843" s="10"/>
    </row>
    <row r="39844" spans="14:14">
      <c r="N39844" s="10"/>
    </row>
    <row r="39845" spans="14:14">
      <c r="N39845" s="10"/>
    </row>
    <row r="39846" spans="14:14">
      <c r="N39846" s="10"/>
    </row>
    <row r="39847" spans="14:14">
      <c r="N39847" s="10"/>
    </row>
    <row r="39848" spans="14:14">
      <c r="N39848" s="10"/>
    </row>
    <row r="39849" spans="14:14">
      <c r="N39849" s="10"/>
    </row>
    <row r="39850" spans="14:14">
      <c r="N39850" s="10"/>
    </row>
    <row r="39851" spans="14:14">
      <c r="N39851" s="10"/>
    </row>
    <row r="39852" spans="14:14">
      <c r="N39852" s="10"/>
    </row>
    <row r="39853" spans="14:14">
      <c r="N39853" s="10"/>
    </row>
    <row r="39854" spans="14:14">
      <c r="N39854" s="10"/>
    </row>
    <row r="39855" spans="14:14">
      <c r="N39855" s="10"/>
    </row>
    <row r="39856" spans="14:14">
      <c r="N39856" s="10"/>
    </row>
    <row r="39857" spans="14:14">
      <c r="N39857" s="10"/>
    </row>
    <row r="39858" spans="14:14">
      <c r="N39858" s="10"/>
    </row>
    <row r="39859" spans="14:14">
      <c r="N39859" s="10"/>
    </row>
    <row r="39860" spans="14:14">
      <c r="N39860" s="10"/>
    </row>
    <row r="39861" spans="14:14">
      <c r="N39861" s="10"/>
    </row>
    <row r="39862" spans="14:14">
      <c r="N39862" s="10"/>
    </row>
    <row r="39863" spans="14:14">
      <c r="N39863" s="10"/>
    </row>
    <row r="39864" spans="14:14">
      <c r="N39864" s="10"/>
    </row>
    <row r="39865" spans="14:14">
      <c r="N39865" s="10"/>
    </row>
    <row r="39866" spans="14:14">
      <c r="N39866" s="10"/>
    </row>
    <row r="39867" spans="14:14">
      <c r="N39867" s="10"/>
    </row>
    <row r="39868" spans="14:14">
      <c r="N39868" s="10"/>
    </row>
    <row r="39869" spans="14:14">
      <c r="N39869" s="10"/>
    </row>
    <row r="39870" spans="14:14">
      <c r="N39870" s="10"/>
    </row>
    <row r="39871" spans="14:14">
      <c r="N39871" s="10"/>
    </row>
    <row r="39872" spans="14:14">
      <c r="N39872" s="10"/>
    </row>
    <row r="39873" spans="14:14">
      <c r="N39873" s="10"/>
    </row>
    <row r="39874" spans="14:14">
      <c r="N39874" s="10"/>
    </row>
    <row r="39875" spans="14:14">
      <c r="N39875" s="10"/>
    </row>
    <row r="39876" spans="14:14">
      <c r="N39876" s="10"/>
    </row>
    <row r="39877" spans="14:14">
      <c r="N39877" s="10"/>
    </row>
    <row r="39878" spans="14:14">
      <c r="N39878" s="10"/>
    </row>
    <row r="39879" spans="14:14">
      <c r="N39879" s="10"/>
    </row>
    <row r="39880" spans="14:14">
      <c r="N39880" s="10"/>
    </row>
    <row r="39881" spans="14:14">
      <c r="N39881" s="10"/>
    </row>
    <row r="39882" spans="14:14">
      <c r="N39882" s="10"/>
    </row>
    <row r="39883" spans="14:14">
      <c r="N39883" s="10"/>
    </row>
    <row r="39884" spans="14:14">
      <c r="N39884" s="10"/>
    </row>
    <row r="39885" spans="14:14">
      <c r="N39885" s="10"/>
    </row>
    <row r="39886" spans="14:14">
      <c r="N39886" s="10"/>
    </row>
    <row r="39887" spans="14:14">
      <c r="N39887" s="10"/>
    </row>
    <row r="39888" spans="14:14">
      <c r="N39888" s="10"/>
    </row>
    <row r="39889" spans="14:14">
      <c r="N39889" s="10"/>
    </row>
    <row r="39890" spans="14:14">
      <c r="N39890" s="10"/>
    </row>
    <row r="39891" spans="14:14">
      <c r="N39891" s="10"/>
    </row>
    <row r="39892" spans="14:14">
      <c r="N39892" s="10"/>
    </row>
    <row r="39893" spans="14:14">
      <c r="N39893" s="10"/>
    </row>
    <row r="39894" spans="14:14">
      <c r="N39894" s="10"/>
    </row>
    <row r="39895" spans="14:14">
      <c r="N39895" s="10"/>
    </row>
    <row r="39896" spans="14:14">
      <c r="N39896" s="10"/>
    </row>
    <row r="39897" spans="14:14">
      <c r="N39897" s="10"/>
    </row>
    <row r="39898" spans="14:14">
      <c r="N39898" s="10"/>
    </row>
    <row r="39899" spans="14:14">
      <c r="N39899" s="10"/>
    </row>
    <row r="39900" spans="14:14">
      <c r="N39900" s="10"/>
    </row>
    <row r="39901" spans="14:14">
      <c r="N39901" s="10"/>
    </row>
    <row r="39902" spans="14:14">
      <c r="N39902" s="10"/>
    </row>
    <row r="39903" spans="14:14">
      <c r="N39903" s="10"/>
    </row>
    <row r="39904" spans="14:14">
      <c r="N39904" s="10"/>
    </row>
    <row r="39905" spans="14:14">
      <c r="N39905" s="10"/>
    </row>
    <row r="39906" spans="14:14">
      <c r="N39906" s="10"/>
    </row>
    <row r="39907" spans="14:14">
      <c r="N39907" s="10"/>
    </row>
    <row r="39908" spans="14:14">
      <c r="N39908" s="10"/>
    </row>
    <row r="39909" spans="14:14">
      <c r="N39909" s="10"/>
    </row>
    <row r="39910" spans="14:14">
      <c r="N39910" s="10"/>
    </row>
    <row r="39911" spans="14:14">
      <c r="N39911" s="10"/>
    </row>
    <row r="39912" spans="14:14">
      <c r="N39912" s="10"/>
    </row>
    <row r="39913" spans="14:14">
      <c r="N39913" s="10"/>
    </row>
    <row r="39914" spans="14:14">
      <c r="N39914" s="10"/>
    </row>
    <row r="39915" spans="14:14">
      <c r="N39915" s="10"/>
    </row>
    <row r="39916" spans="14:14">
      <c r="N39916" s="10"/>
    </row>
    <row r="39917" spans="14:14">
      <c r="N39917" s="10"/>
    </row>
    <row r="39918" spans="14:14">
      <c r="N39918" s="10"/>
    </row>
    <row r="39919" spans="14:14">
      <c r="N39919" s="10"/>
    </row>
    <row r="39920" spans="14:14">
      <c r="N39920" s="10"/>
    </row>
    <row r="39921" spans="14:14">
      <c r="N39921" s="10"/>
    </row>
    <row r="39922" spans="14:14">
      <c r="N39922" s="10"/>
    </row>
    <row r="39923" spans="14:14">
      <c r="N39923" s="10"/>
    </row>
    <row r="39924" spans="14:14">
      <c r="N39924" s="10"/>
    </row>
    <row r="39925" spans="14:14">
      <c r="N39925" s="10"/>
    </row>
    <row r="39926" spans="14:14">
      <c r="N39926" s="10"/>
    </row>
    <row r="39927" spans="14:14">
      <c r="N39927" s="10"/>
    </row>
    <row r="39928" spans="14:14">
      <c r="N39928" s="10"/>
    </row>
    <row r="39929" spans="14:14">
      <c r="N39929" s="10"/>
    </row>
    <row r="39930" spans="14:14">
      <c r="N39930" s="10"/>
    </row>
    <row r="39931" spans="14:14">
      <c r="N39931" s="10"/>
    </row>
    <row r="39932" spans="14:14">
      <c r="N39932" s="10"/>
    </row>
    <row r="39933" spans="14:14">
      <c r="N39933" s="10"/>
    </row>
    <row r="39934" spans="14:14">
      <c r="N39934" s="10"/>
    </row>
    <row r="39935" spans="14:14">
      <c r="N39935" s="10"/>
    </row>
    <row r="39936" spans="14:14">
      <c r="N39936" s="10"/>
    </row>
    <row r="39937" spans="14:14">
      <c r="N39937" s="10"/>
    </row>
    <row r="39938" spans="14:14">
      <c r="N39938" s="10"/>
    </row>
    <row r="39939" spans="14:14">
      <c r="N39939" s="10"/>
    </row>
    <row r="39940" spans="14:14">
      <c r="N39940" s="10"/>
    </row>
    <row r="39941" spans="14:14">
      <c r="N39941" s="10"/>
    </row>
    <row r="39942" spans="14:14">
      <c r="N39942" s="10"/>
    </row>
    <row r="39943" spans="14:14">
      <c r="N39943" s="10"/>
    </row>
    <row r="39944" spans="14:14">
      <c r="N39944" s="10"/>
    </row>
    <row r="39945" spans="14:14">
      <c r="N39945" s="10"/>
    </row>
    <row r="39946" spans="14:14">
      <c r="N39946" s="10"/>
    </row>
    <row r="39947" spans="14:14">
      <c r="N39947" s="10"/>
    </row>
    <row r="39948" spans="14:14">
      <c r="N39948" s="10"/>
    </row>
    <row r="39949" spans="14:14">
      <c r="N39949" s="10"/>
    </row>
    <row r="39950" spans="14:14">
      <c r="N39950" s="10"/>
    </row>
    <row r="39951" spans="14:14">
      <c r="N39951" s="10"/>
    </row>
    <row r="39952" spans="14:14">
      <c r="N39952" s="10"/>
    </row>
    <row r="39953" spans="14:14">
      <c r="N39953" s="10"/>
    </row>
    <row r="39954" spans="14:14">
      <c r="N39954" s="10"/>
    </row>
    <row r="39955" spans="14:14">
      <c r="N39955" s="10"/>
    </row>
    <row r="39956" spans="14:14">
      <c r="N39956" s="10"/>
    </row>
    <row r="39957" spans="14:14">
      <c r="N39957" s="10"/>
    </row>
    <row r="39958" spans="14:14">
      <c r="N39958" s="10"/>
    </row>
    <row r="39959" spans="14:14">
      <c r="N39959" s="10"/>
    </row>
    <row r="39960" spans="14:14">
      <c r="N39960" s="10"/>
    </row>
    <row r="39961" spans="14:14">
      <c r="N39961" s="10"/>
    </row>
    <row r="39962" spans="14:14">
      <c r="N39962" s="10"/>
    </row>
    <row r="39963" spans="14:14">
      <c r="N39963" s="10"/>
    </row>
    <row r="39964" spans="14:14">
      <c r="N39964" s="10"/>
    </row>
    <row r="39965" spans="14:14">
      <c r="N39965" s="10"/>
    </row>
    <row r="39966" spans="14:14">
      <c r="N39966" s="10"/>
    </row>
    <row r="39967" spans="14:14">
      <c r="N39967" s="10"/>
    </row>
    <row r="39968" spans="14:14">
      <c r="N39968" s="10"/>
    </row>
    <row r="39969" spans="14:14">
      <c r="N39969" s="10"/>
    </row>
    <row r="39970" spans="14:14">
      <c r="N39970" s="10"/>
    </row>
    <row r="39971" spans="14:14">
      <c r="N39971" s="10"/>
    </row>
    <row r="39972" spans="14:14">
      <c r="N39972" s="10"/>
    </row>
    <row r="39973" spans="14:14">
      <c r="N39973" s="10"/>
    </row>
    <row r="39974" spans="14:14">
      <c r="N39974" s="10"/>
    </row>
    <row r="39975" spans="14:14">
      <c r="N39975" s="10"/>
    </row>
    <row r="39976" spans="14:14">
      <c r="N39976" s="10"/>
    </row>
    <row r="39977" spans="14:14">
      <c r="N39977" s="10"/>
    </row>
    <row r="39978" spans="14:14">
      <c r="N39978" s="10"/>
    </row>
    <row r="39979" spans="14:14">
      <c r="N39979" s="10"/>
    </row>
    <row r="39980" spans="14:14">
      <c r="N39980" s="10"/>
    </row>
    <row r="39981" spans="14:14">
      <c r="N39981" s="10"/>
    </row>
    <row r="39982" spans="14:14">
      <c r="N39982" s="10"/>
    </row>
    <row r="39983" spans="14:14">
      <c r="N39983" s="10"/>
    </row>
    <row r="39984" spans="14:14">
      <c r="N39984" s="10"/>
    </row>
    <row r="39985" spans="14:14">
      <c r="N39985" s="10"/>
    </row>
    <row r="39986" spans="14:14">
      <c r="N39986" s="10"/>
    </row>
    <row r="39987" spans="14:14">
      <c r="N39987" s="10"/>
    </row>
    <row r="39988" spans="14:14">
      <c r="N39988" s="10"/>
    </row>
    <row r="39989" spans="14:14">
      <c r="N39989" s="10"/>
    </row>
    <row r="39990" spans="14:14">
      <c r="N39990" s="10"/>
    </row>
    <row r="39991" spans="14:14">
      <c r="N39991" s="10"/>
    </row>
    <row r="39992" spans="14:14">
      <c r="N39992" s="10"/>
    </row>
    <row r="39993" spans="14:14">
      <c r="N39993" s="10"/>
    </row>
    <row r="39994" spans="14:14">
      <c r="N39994" s="10"/>
    </row>
    <row r="39995" spans="14:14">
      <c r="N39995" s="10"/>
    </row>
    <row r="39996" spans="14:14">
      <c r="N39996" s="10"/>
    </row>
    <row r="39997" spans="14:14">
      <c r="N39997" s="10"/>
    </row>
    <row r="39998" spans="14:14">
      <c r="N39998" s="10"/>
    </row>
    <row r="39999" spans="14:14">
      <c r="N39999" s="10"/>
    </row>
    <row r="40000" spans="14:14">
      <c r="N40000" s="10"/>
    </row>
    <row r="40001" spans="14:14">
      <c r="N40001" s="10"/>
    </row>
    <row r="40002" spans="14:14">
      <c r="N40002" s="10"/>
    </row>
    <row r="40003" spans="14:14">
      <c r="N40003" s="10"/>
    </row>
    <row r="40004" spans="14:14">
      <c r="N40004" s="10"/>
    </row>
    <row r="40005" spans="14:14">
      <c r="N40005" s="10"/>
    </row>
    <row r="40006" spans="14:14">
      <c r="N40006" s="10"/>
    </row>
    <row r="40007" spans="14:14">
      <c r="N40007" s="10"/>
    </row>
    <row r="40008" spans="14:14">
      <c r="N40008" s="10"/>
    </row>
    <row r="40009" spans="14:14">
      <c r="N40009" s="10"/>
    </row>
    <row r="40010" spans="14:14">
      <c r="N40010" s="10"/>
    </row>
    <row r="40011" spans="14:14">
      <c r="N40011" s="10"/>
    </row>
    <row r="40012" spans="14:14">
      <c r="N40012" s="10"/>
    </row>
    <row r="40013" spans="14:14">
      <c r="N40013" s="10"/>
    </row>
    <row r="40014" spans="14:14">
      <c r="N40014" s="10"/>
    </row>
    <row r="40015" spans="14:14">
      <c r="N40015" s="10"/>
    </row>
    <row r="40016" spans="14:14">
      <c r="N40016" s="10"/>
    </row>
    <row r="40017" spans="14:14">
      <c r="N40017" s="10"/>
    </row>
    <row r="40018" spans="14:14">
      <c r="N40018" s="10"/>
    </row>
    <row r="40019" spans="14:14">
      <c r="N40019" s="10"/>
    </row>
    <row r="40020" spans="14:14">
      <c r="N40020" s="10"/>
    </row>
    <row r="40021" spans="14:14">
      <c r="N40021" s="10"/>
    </row>
    <row r="40022" spans="14:14">
      <c r="N40022" s="10"/>
    </row>
    <row r="40023" spans="14:14">
      <c r="N40023" s="10"/>
    </row>
    <row r="40024" spans="14:14">
      <c r="N40024" s="10"/>
    </row>
    <row r="40025" spans="14:14">
      <c r="N40025" s="10"/>
    </row>
    <row r="40026" spans="14:14">
      <c r="N40026" s="10"/>
    </row>
    <row r="40027" spans="14:14">
      <c r="N40027" s="10"/>
    </row>
    <row r="40028" spans="14:14">
      <c r="N40028" s="10"/>
    </row>
    <row r="40029" spans="14:14">
      <c r="N40029" s="10"/>
    </row>
    <row r="40030" spans="14:14">
      <c r="N40030" s="10"/>
    </row>
    <row r="40031" spans="14:14">
      <c r="N40031" s="10"/>
    </row>
    <row r="40032" spans="14:14">
      <c r="N40032" s="10"/>
    </row>
    <row r="40033" spans="14:14">
      <c r="N40033" s="10"/>
    </row>
    <row r="40034" spans="14:14">
      <c r="N40034" s="10"/>
    </row>
    <row r="40035" spans="14:14">
      <c r="N40035" s="10"/>
    </row>
    <row r="40036" spans="14:14">
      <c r="N40036" s="10"/>
    </row>
    <row r="40037" spans="14:14">
      <c r="N40037" s="10"/>
    </row>
    <row r="40038" spans="14:14">
      <c r="N40038" s="10"/>
    </row>
    <row r="40039" spans="14:14">
      <c r="N40039" s="10"/>
    </row>
    <row r="40040" spans="14:14">
      <c r="N40040" s="10"/>
    </row>
    <row r="40041" spans="14:14">
      <c r="N40041" s="10"/>
    </row>
    <row r="40042" spans="14:14">
      <c r="N40042" s="10"/>
    </row>
    <row r="40043" spans="14:14">
      <c r="N40043" s="10"/>
    </row>
    <row r="40044" spans="14:14">
      <c r="N40044" s="10"/>
    </row>
    <row r="40045" spans="14:14">
      <c r="N40045" s="10"/>
    </row>
    <row r="40046" spans="14:14">
      <c r="N40046" s="10"/>
    </row>
    <row r="40047" spans="14:14">
      <c r="N40047" s="10"/>
    </row>
    <row r="40048" spans="14:14">
      <c r="N40048" s="10"/>
    </row>
    <row r="40049" spans="14:14">
      <c r="N40049" s="10"/>
    </row>
    <row r="40050" spans="14:14">
      <c r="N40050" s="10"/>
    </row>
    <row r="40051" spans="14:14">
      <c r="N40051" s="10"/>
    </row>
    <row r="40052" spans="14:14">
      <c r="N40052" s="10"/>
    </row>
    <row r="40053" spans="14:14">
      <c r="N40053" s="10"/>
    </row>
    <row r="40054" spans="14:14">
      <c r="N40054" s="10"/>
    </row>
    <row r="40055" spans="14:14">
      <c r="N40055" s="10"/>
    </row>
    <row r="40056" spans="14:14">
      <c r="N40056" s="10"/>
    </row>
    <row r="40057" spans="14:14">
      <c r="N40057" s="10"/>
    </row>
    <row r="40058" spans="14:14">
      <c r="N40058" s="10"/>
    </row>
    <row r="40059" spans="14:14">
      <c r="N40059" s="10"/>
    </row>
    <row r="40060" spans="14:14">
      <c r="N40060" s="10"/>
    </row>
    <row r="40061" spans="14:14">
      <c r="N40061" s="10"/>
    </row>
    <row r="40062" spans="14:14">
      <c r="N40062" s="10"/>
    </row>
    <row r="40063" spans="14:14">
      <c r="N40063" s="10"/>
    </row>
    <row r="40064" spans="14:14">
      <c r="N40064" s="10"/>
    </row>
    <row r="40065" spans="14:14">
      <c r="N40065" s="10"/>
    </row>
    <row r="40066" spans="14:14">
      <c r="N40066" s="10"/>
    </row>
    <row r="40067" spans="14:14">
      <c r="N40067" s="10"/>
    </row>
    <row r="40068" spans="14:14">
      <c r="N40068" s="10"/>
    </row>
    <row r="40069" spans="14:14">
      <c r="N40069" s="10"/>
    </row>
    <row r="40070" spans="14:14">
      <c r="N40070" s="10"/>
    </row>
    <row r="40071" spans="14:14">
      <c r="N40071" s="10"/>
    </row>
    <row r="40072" spans="14:14">
      <c r="N40072" s="10"/>
    </row>
    <row r="40073" spans="14:14">
      <c r="N40073" s="10"/>
    </row>
    <row r="40074" spans="14:14">
      <c r="N40074" s="10"/>
    </row>
    <row r="40075" spans="14:14">
      <c r="N40075" s="10"/>
    </row>
    <row r="40076" spans="14:14">
      <c r="N40076" s="10"/>
    </row>
    <row r="40077" spans="14:14">
      <c r="N40077" s="10"/>
    </row>
    <row r="40078" spans="14:14">
      <c r="N40078" s="10"/>
    </row>
    <row r="40079" spans="14:14">
      <c r="N40079" s="10"/>
    </row>
    <row r="40080" spans="14:14">
      <c r="N40080" s="10"/>
    </row>
    <row r="40081" spans="14:14">
      <c r="N40081" s="10"/>
    </row>
    <row r="40082" spans="14:14">
      <c r="N40082" s="10"/>
    </row>
    <row r="40083" spans="14:14">
      <c r="N40083" s="10"/>
    </row>
    <row r="40084" spans="14:14">
      <c r="N40084" s="10"/>
    </row>
    <row r="40085" spans="14:14">
      <c r="N40085" s="10"/>
    </row>
    <row r="40086" spans="14:14">
      <c r="N40086" s="10"/>
    </row>
    <row r="40087" spans="14:14">
      <c r="N40087" s="10"/>
    </row>
    <row r="40088" spans="14:14">
      <c r="N40088" s="10"/>
    </row>
    <row r="40089" spans="14:14">
      <c r="N40089" s="10"/>
    </row>
    <row r="40090" spans="14:14">
      <c r="N40090" s="10"/>
    </row>
    <row r="40091" spans="14:14">
      <c r="N40091" s="10"/>
    </row>
    <row r="40092" spans="14:14">
      <c r="N40092" s="10"/>
    </row>
    <row r="40093" spans="14:14">
      <c r="N40093" s="10"/>
    </row>
    <row r="40094" spans="14:14">
      <c r="N40094" s="10"/>
    </row>
    <row r="40095" spans="14:14">
      <c r="N40095" s="10"/>
    </row>
    <row r="40096" spans="14:14">
      <c r="N40096" s="10"/>
    </row>
    <row r="40097" spans="14:14">
      <c r="N40097" s="10"/>
    </row>
    <row r="40098" spans="14:14">
      <c r="N40098" s="10"/>
    </row>
    <row r="40099" spans="14:14">
      <c r="N40099" s="10"/>
    </row>
    <row r="40100" spans="14:14">
      <c r="N40100" s="10"/>
    </row>
    <row r="40101" spans="14:14">
      <c r="N40101" s="10"/>
    </row>
    <row r="40102" spans="14:14">
      <c r="N40102" s="10"/>
    </row>
    <row r="40103" spans="14:14">
      <c r="N40103" s="10"/>
    </row>
    <row r="40104" spans="14:14">
      <c r="N40104" s="10"/>
    </row>
    <row r="40105" spans="14:14">
      <c r="N40105" s="10"/>
    </row>
    <row r="40106" spans="14:14">
      <c r="N40106" s="10"/>
    </row>
    <row r="40107" spans="14:14">
      <c r="N40107" s="10"/>
    </row>
    <row r="40108" spans="14:14">
      <c r="N40108" s="10"/>
    </row>
    <row r="40109" spans="14:14">
      <c r="N40109" s="10"/>
    </row>
    <row r="40110" spans="14:14">
      <c r="N40110" s="10"/>
    </row>
    <row r="40111" spans="14:14">
      <c r="N40111" s="10"/>
    </row>
    <row r="40112" spans="14:14">
      <c r="N40112" s="10"/>
    </row>
    <row r="40113" spans="14:14">
      <c r="N40113" s="10"/>
    </row>
    <row r="40114" spans="14:14">
      <c r="N40114" s="10"/>
    </row>
    <row r="40115" spans="14:14">
      <c r="N40115" s="10"/>
    </row>
    <row r="40116" spans="14:14">
      <c r="N40116" s="10"/>
    </row>
    <row r="40117" spans="14:14">
      <c r="N40117" s="10"/>
    </row>
    <row r="40118" spans="14:14">
      <c r="N40118" s="10"/>
    </row>
    <row r="40119" spans="14:14">
      <c r="N40119" s="10"/>
    </row>
    <row r="40120" spans="14:14">
      <c r="N40120" s="10"/>
    </row>
    <row r="40121" spans="14:14">
      <c r="N40121" s="10"/>
    </row>
    <row r="40122" spans="14:14">
      <c r="N40122" s="10"/>
    </row>
    <row r="40123" spans="14:14">
      <c r="N40123" s="10"/>
    </row>
    <row r="40124" spans="14:14">
      <c r="N40124" s="10"/>
    </row>
    <row r="40125" spans="14:14">
      <c r="N40125" s="10"/>
    </row>
    <row r="40126" spans="14:14">
      <c r="N40126" s="10"/>
    </row>
    <row r="40127" spans="14:14">
      <c r="N40127" s="10"/>
    </row>
    <row r="40128" spans="14:14">
      <c r="N40128" s="10"/>
    </row>
    <row r="40129" spans="14:14">
      <c r="N40129" s="10"/>
    </row>
    <row r="40130" spans="14:14">
      <c r="N40130" s="10"/>
    </row>
    <row r="40131" spans="14:14">
      <c r="N40131" s="10"/>
    </row>
    <row r="40132" spans="14:14">
      <c r="N40132" s="10"/>
    </row>
    <row r="40133" spans="14:14">
      <c r="N40133" s="10"/>
    </row>
    <row r="40134" spans="14:14">
      <c r="N40134" s="10"/>
    </row>
    <row r="40135" spans="14:14">
      <c r="N40135" s="10"/>
    </row>
    <row r="40136" spans="14:14">
      <c r="N40136" s="10"/>
    </row>
    <row r="40137" spans="14:14">
      <c r="N40137" s="10"/>
    </row>
    <row r="40138" spans="14:14">
      <c r="N40138" s="10"/>
    </row>
    <row r="40139" spans="14:14">
      <c r="N40139" s="10"/>
    </row>
    <row r="40140" spans="14:14">
      <c r="N40140" s="10"/>
    </row>
    <row r="40141" spans="14:14">
      <c r="N40141" s="10"/>
    </row>
    <row r="40142" spans="14:14">
      <c r="N40142" s="10"/>
    </row>
    <row r="40143" spans="14:14">
      <c r="N40143" s="10"/>
    </row>
    <row r="40144" spans="14:14">
      <c r="N40144" s="10"/>
    </row>
    <row r="40145" spans="14:14">
      <c r="N40145" s="10"/>
    </row>
    <row r="40146" spans="14:14">
      <c r="N40146" s="10"/>
    </row>
    <row r="40147" spans="14:14">
      <c r="N40147" s="10"/>
    </row>
    <row r="40148" spans="14:14">
      <c r="N40148" s="10"/>
    </row>
    <row r="40149" spans="14:14">
      <c r="N40149" s="10"/>
    </row>
    <row r="40150" spans="14:14">
      <c r="N40150" s="10"/>
    </row>
    <row r="40151" spans="14:14">
      <c r="N40151" s="10"/>
    </row>
    <row r="40152" spans="14:14">
      <c r="N40152" s="10"/>
    </row>
    <row r="40153" spans="14:14">
      <c r="N40153" s="10"/>
    </row>
    <row r="40154" spans="14:14">
      <c r="N40154" s="10"/>
    </row>
    <row r="40155" spans="14:14">
      <c r="N40155" s="10"/>
    </row>
    <row r="40156" spans="14:14">
      <c r="N40156" s="10"/>
    </row>
    <row r="40157" spans="14:14">
      <c r="N40157" s="10"/>
    </row>
    <row r="40158" spans="14:14">
      <c r="N40158" s="10"/>
    </row>
    <row r="40159" spans="14:14">
      <c r="N40159" s="10"/>
    </row>
    <row r="40160" spans="14:14">
      <c r="N40160" s="10"/>
    </row>
    <row r="40161" spans="14:14">
      <c r="N40161" s="10"/>
    </row>
    <row r="40162" spans="14:14">
      <c r="N40162" s="10"/>
    </row>
    <row r="40163" spans="14:14">
      <c r="N40163" s="10"/>
    </row>
    <row r="40164" spans="14:14">
      <c r="N40164" s="10"/>
    </row>
    <row r="40165" spans="14:14">
      <c r="N40165" s="10"/>
    </row>
    <row r="40166" spans="14:14">
      <c r="N40166" s="10"/>
    </row>
    <row r="40167" spans="14:14">
      <c r="N40167" s="10"/>
    </row>
    <row r="40168" spans="14:14">
      <c r="N40168" s="10"/>
    </row>
    <row r="40169" spans="14:14">
      <c r="N40169" s="10"/>
    </row>
    <row r="40170" spans="14:14">
      <c r="N40170" s="10"/>
    </row>
    <row r="40171" spans="14:14">
      <c r="N40171" s="10"/>
    </row>
    <row r="40172" spans="14:14">
      <c r="N40172" s="10"/>
    </row>
    <row r="40173" spans="14:14">
      <c r="N40173" s="10"/>
    </row>
    <row r="40174" spans="14:14">
      <c r="N40174" s="10"/>
    </row>
    <row r="40175" spans="14:14">
      <c r="N40175" s="10"/>
    </row>
    <row r="40176" spans="14:14">
      <c r="N40176" s="10"/>
    </row>
    <row r="40177" spans="14:14">
      <c r="N40177" s="10"/>
    </row>
    <row r="40178" spans="14:14">
      <c r="N40178" s="10"/>
    </row>
    <row r="40179" spans="14:14">
      <c r="N40179" s="10"/>
    </row>
    <row r="40180" spans="14:14">
      <c r="N40180" s="10"/>
    </row>
    <row r="40181" spans="14:14">
      <c r="N40181" s="10"/>
    </row>
    <row r="40182" spans="14:14">
      <c r="N40182" s="10"/>
    </row>
    <row r="40183" spans="14:14">
      <c r="N40183" s="10"/>
    </row>
    <row r="40184" spans="14:14">
      <c r="N40184" s="10"/>
    </row>
    <row r="40185" spans="14:14">
      <c r="N40185" s="10"/>
    </row>
    <row r="40186" spans="14:14">
      <c r="N40186" s="10"/>
    </row>
    <row r="40187" spans="14:14">
      <c r="N40187" s="10"/>
    </row>
    <row r="40188" spans="14:14">
      <c r="N40188" s="10"/>
    </row>
    <row r="40189" spans="14:14">
      <c r="N40189" s="10"/>
    </row>
    <row r="40190" spans="14:14">
      <c r="N40190" s="10"/>
    </row>
    <row r="40191" spans="14:14">
      <c r="N40191" s="10"/>
    </row>
    <row r="40192" spans="14:14">
      <c r="N40192" s="10"/>
    </row>
    <row r="40193" spans="14:14">
      <c r="N40193" s="10"/>
    </row>
    <row r="40194" spans="14:14">
      <c r="N40194" s="10"/>
    </row>
    <row r="40195" spans="14:14">
      <c r="N40195" s="10"/>
    </row>
    <row r="40196" spans="14:14">
      <c r="N40196" s="10"/>
    </row>
    <row r="40197" spans="14:14">
      <c r="N40197" s="10"/>
    </row>
    <row r="40198" spans="14:14">
      <c r="N40198" s="10"/>
    </row>
    <row r="40199" spans="14:14">
      <c r="N40199" s="10"/>
    </row>
    <row r="40200" spans="14:14">
      <c r="N40200" s="10"/>
    </row>
    <row r="40201" spans="14:14">
      <c r="N40201" s="10"/>
    </row>
    <row r="40202" spans="14:14">
      <c r="N40202" s="10"/>
    </row>
    <row r="40203" spans="14:14">
      <c r="N40203" s="10"/>
    </row>
    <row r="40204" spans="14:14">
      <c r="N40204" s="10"/>
    </row>
    <row r="40205" spans="14:14">
      <c r="N40205" s="10"/>
    </row>
    <row r="40206" spans="14:14">
      <c r="N40206" s="10"/>
    </row>
    <row r="40207" spans="14:14">
      <c r="N40207" s="10"/>
    </row>
    <row r="40208" spans="14:14">
      <c r="N40208" s="10"/>
    </row>
    <row r="40209" spans="14:14">
      <c r="N40209" s="10"/>
    </row>
    <row r="40210" spans="14:14">
      <c r="N40210" s="10"/>
    </row>
    <row r="40211" spans="14:14">
      <c r="N40211" s="10"/>
    </row>
    <row r="40212" spans="14:14">
      <c r="N40212" s="10"/>
    </row>
    <row r="40213" spans="14:14">
      <c r="N40213" s="10"/>
    </row>
    <row r="40214" spans="14:14">
      <c r="N40214" s="10"/>
    </row>
    <row r="40215" spans="14:14">
      <c r="N40215" s="10"/>
    </row>
    <row r="40216" spans="14:14">
      <c r="N40216" s="10"/>
    </row>
    <row r="40217" spans="14:14">
      <c r="N40217" s="10"/>
    </row>
    <row r="40218" spans="14:14">
      <c r="N40218" s="10"/>
    </row>
    <row r="40219" spans="14:14">
      <c r="N40219" s="10"/>
    </row>
    <row r="40220" spans="14:14">
      <c r="N40220" s="10"/>
    </row>
    <row r="40221" spans="14:14">
      <c r="N40221" s="10"/>
    </row>
    <row r="40222" spans="14:14">
      <c r="N40222" s="10"/>
    </row>
    <row r="40223" spans="14:14">
      <c r="N40223" s="10"/>
    </row>
    <row r="40224" spans="14:14">
      <c r="N40224" s="10"/>
    </row>
    <row r="40225" spans="14:14">
      <c r="N40225" s="10"/>
    </row>
    <row r="40226" spans="14:14">
      <c r="N40226" s="10"/>
    </row>
    <row r="40227" spans="14:14">
      <c r="N40227" s="10"/>
    </row>
    <row r="40228" spans="14:14">
      <c r="N40228" s="10"/>
    </row>
    <row r="40229" spans="14:14">
      <c r="N40229" s="10"/>
    </row>
    <row r="40230" spans="14:14">
      <c r="N40230" s="10"/>
    </row>
    <row r="40231" spans="14:14">
      <c r="N40231" s="10"/>
    </row>
    <row r="40232" spans="14:14">
      <c r="N40232" s="10"/>
    </row>
    <row r="40233" spans="14:14">
      <c r="N40233" s="10"/>
    </row>
    <row r="40234" spans="14:14">
      <c r="N40234" s="10"/>
    </row>
    <row r="40235" spans="14:14">
      <c r="N40235" s="10"/>
    </row>
    <row r="40236" spans="14:14">
      <c r="N40236" s="10"/>
    </row>
    <row r="40237" spans="14:14">
      <c r="N40237" s="10"/>
    </row>
    <row r="40238" spans="14:14">
      <c r="N40238" s="10"/>
    </row>
    <row r="40239" spans="14:14">
      <c r="N40239" s="10"/>
    </row>
    <row r="40240" spans="14:14">
      <c r="N40240" s="10"/>
    </row>
    <row r="40241" spans="14:14">
      <c r="N40241" s="10"/>
    </row>
    <row r="40242" spans="14:14">
      <c r="N40242" s="10"/>
    </row>
    <row r="40243" spans="14:14">
      <c r="N40243" s="10"/>
    </row>
    <row r="40244" spans="14:14">
      <c r="N40244" s="10"/>
    </row>
    <row r="40245" spans="14:14">
      <c r="N40245" s="10"/>
    </row>
    <row r="40246" spans="14:14">
      <c r="N40246" s="10"/>
    </row>
    <row r="40247" spans="14:14">
      <c r="N40247" s="10"/>
    </row>
    <row r="40248" spans="14:14">
      <c r="N40248" s="10"/>
    </row>
    <row r="40249" spans="14:14">
      <c r="N40249" s="10"/>
    </row>
    <row r="40250" spans="14:14">
      <c r="N40250" s="10"/>
    </row>
    <row r="40251" spans="14:14">
      <c r="N40251" s="10"/>
    </row>
    <row r="40252" spans="14:14">
      <c r="N40252" s="10"/>
    </row>
    <row r="40253" spans="14:14">
      <c r="N40253" s="10"/>
    </row>
    <row r="40254" spans="14:14">
      <c r="N40254" s="10"/>
    </row>
    <row r="40255" spans="14:14">
      <c r="N40255" s="10"/>
    </row>
    <row r="40256" spans="14:14">
      <c r="N40256" s="10"/>
    </row>
    <row r="40257" spans="14:14">
      <c r="N40257" s="10"/>
    </row>
    <row r="40258" spans="14:14">
      <c r="N40258" s="10"/>
    </row>
    <row r="40259" spans="14:14">
      <c r="N40259" s="10"/>
    </row>
    <row r="40260" spans="14:14">
      <c r="N40260" s="10"/>
    </row>
    <row r="40261" spans="14:14">
      <c r="N40261" s="10"/>
    </row>
    <row r="40262" spans="14:14">
      <c r="N40262" s="10"/>
    </row>
    <row r="40263" spans="14:14">
      <c r="N40263" s="10"/>
    </row>
    <row r="40264" spans="14:14">
      <c r="N40264" s="10"/>
    </row>
    <row r="40265" spans="14:14">
      <c r="N40265" s="10"/>
    </row>
    <row r="40266" spans="14:14">
      <c r="N40266" s="10"/>
    </row>
    <row r="40267" spans="14:14">
      <c r="N40267" s="10"/>
    </row>
    <row r="40268" spans="14:14">
      <c r="N40268" s="10"/>
    </row>
    <row r="40269" spans="14:14">
      <c r="N40269" s="10"/>
    </row>
    <row r="40270" spans="14:14">
      <c r="N40270" s="10"/>
    </row>
    <row r="40271" spans="14:14">
      <c r="N40271" s="10"/>
    </row>
    <row r="40272" spans="14:14">
      <c r="N40272" s="10"/>
    </row>
    <row r="40273" spans="14:14">
      <c r="N40273" s="10"/>
    </row>
    <row r="40274" spans="14:14">
      <c r="N40274" s="10"/>
    </row>
    <row r="40275" spans="14:14">
      <c r="N40275" s="10"/>
    </row>
    <row r="40276" spans="14:14">
      <c r="N40276" s="10"/>
    </row>
    <row r="40277" spans="14:14">
      <c r="N40277" s="10"/>
    </row>
    <row r="40278" spans="14:14">
      <c r="N40278" s="10"/>
    </row>
    <row r="40279" spans="14:14">
      <c r="N40279" s="10"/>
    </row>
    <row r="40280" spans="14:14">
      <c r="N40280" s="10"/>
    </row>
    <row r="40281" spans="14:14">
      <c r="N40281" s="10"/>
    </row>
    <row r="40282" spans="14:14">
      <c r="N40282" s="10"/>
    </row>
    <row r="40283" spans="14:14">
      <c r="N40283" s="10"/>
    </row>
    <row r="40284" spans="14:14">
      <c r="N40284" s="10"/>
    </row>
    <row r="40285" spans="14:14">
      <c r="N40285" s="10"/>
    </row>
    <row r="40286" spans="14:14">
      <c r="N40286" s="10"/>
    </row>
    <row r="40287" spans="14:14">
      <c r="N40287" s="10"/>
    </row>
    <row r="40288" spans="14:14">
      <c r="N40288" s="10"/>
    </row>
    <row r="40289" spans="14:14">
      <c r="N40289" s="10"/>
    </row>
    <row r="40290" spans="14:14">
      <c r="N40290" s="10"/>
    </row>
    <row r="40291" spans="14:14">
      <c r="N40291" s="10"/>
    </row>
    <row r="40292" spans="14:14">
      <c r="N40292" s="10"/>
    </row>
    <row r="40293" spans="14:14">
      <c r="N40293" s="10"/>
    </row>
    <row r="40294" spans="14:14">
      <c r="N40294" s="10"/>
    </row>
    <row r="40295" spans="14:14">
      <c r="N40295" s="10"/>
    </row>
    <row r="40296" spans="14:14">
      <c r="N40296" s="10"/>
    </row>
    <row r="40297" spans="14:14">
      <c r="N40297" s="10"/>
    </row>
    <row r="40298" spans="14:14">
      <c r="N40298" s="10"/>
    </row>
    <row r="40299" spans="14:14">
      <c r="N40299" s="10"/>
    </row>
    <row r="40300" spans="14:14">
      <c r="N40300" s="10"/>
    </row>
    <row r="40301" spans="14:14">
      <c r="N40301" s="10"/>
    </row>
    <row r="40302" spans="14:14">
      <c r="N40302" s="10"/>
    </row>
    <row r="40303" spans="14:14">
      <c r="N40303" s="10"/>
    </row>
    <row r="40304" spans="14:14">
      <c r="N40304" s="10"/>
    </row>
    <row r="40305" spans="14:14">
      <c r="N40305" s="10"/>
    </row>
    <row r="40306" spans="14:14">
      <c r="N40306" s="10"/>
    </row>
    <row r="40307" spans="14:14">
      <c r="N40307" s="10"/>
    </row>
    <row r="40308" spans="14:14">
      <c r="N40308" s="10"/>
    </row>
    <row r="40309" spans="14:14">
      <c r="N40309" s="10"/>
    </row>
    <row r="40310" spans="14:14">
      <c r="N40310" s="10"/>
    </row>
    <row r="40311" spans="14:14">
      <c r="N40311" s="10"/>
    </row>
    <row r="40312" spans="14:14">
      <c r="N40312" s="10"/>
    </row>
    <row r="40313" spans="14:14">
      <c r="N40313" s="10"/>
    </row>
    <row r="40314" spans="14:14">
      <c r="N40314" s="10"/>
    </row>
    <row r="40315" spans="14:14">
      <c r="N40315" s="10"/>
    </row>
    <row r="40316" spans="14:14">
      <c r="N40316" s="10"/>
    </row>
    <row r="40317" spans="14:14">
      <c r="N40317" s="10"/>
    </row>
    <row r="40318" spans="14:14">
      <c r="N40318" s="10"/>
    </row>
    <row r="40319" spans="14:14">
      <c r="N40319" s="10"/>
    </row>
    <row r="40320" spans="14:14">
      <c r="N40320" s="10"/>
    </row>
    <row r="40321" spans="14:14">
      <c r="N40321" s="10"/>
    </row>
    <row r="40322" spans="14:14">
      <c r="N40322" s="10"/>
    </row>
    <row r="40323" spans="14:14">
      <c r="N40323" s="10"/>
    </row>
    <row r="40324" spans="14:14">
      <c r="N40324" s="10"/>
    </row>
    <row r="40325" spans="14:14">
      <c r="N40325" s="10"/>
    </row>
    <row r="40326" spans="14:14">
      <c r="N40326" s="10"/>
    </row>
    <row r="40327" spans="14:14">
      <c r="N40327" s="10"/>
    </row>
    <row r="40328" spans="14:14">
      <c r="N40328" s="10"/>
    </row>
    <row r="40329" spans="14:14">
      <c r="N40329" s="10"/>
    </row>
    <row r="40330" spans="14:14">
      <c r="N40330" s="10"/>
    </row>
    <row r="40331" spans="14:14">
      <c r="N40331" s="10"/>
    </row>
    <row r="40332" spans="14:14">
      <c r="N40332" s="10"/>
    </row>
    <row r="40333" spans="14:14">
      <c r="N40333" s="10"/>
    </row>
    <row r="40334" spans="14:14">
      <c r="N40334" s="10"/>
    </row>
    <row r="40335" spans="14:14">
      <c r="N40335" s="10"/>
    </row>
    <row r="40336" spans="14:14">
      <c r="N40336" s="10"/>
    </row>
    <row r="40337" spans="14:14">
      <c r="N40337" s="10"/>
    </row>
    <row r="40338" spans="14:14">
      <c r="N40338" s="10"/>
    </row>
    <row r="40339" spans="14:14">
      <c r="N40339" s="10"/>
    </row>
    <row r="40340" spans="14:14">
      <c r="N40340" s="10"/>
    </row>
    <row r="40341" spans="14:14">
      <c r="N40341" s="10"/>
    </row>
    <row r="40342" spans="14:14">
      <c r="N40342" s="10"/>
    </row>
    <row r="40343" spans="14:14">
      <c r="N40343" s="10"/>
    </row>
    <row r="40344" spans="14:14">
      <c r="N40344" s="10"/>
    </row>
    <row r="40345" spans="14:14">
      <c r="N40345" s="10"/>
    </row>
    <row r="40346" spans="14:14">
      <c r="N40346" s="10"/>
    </row>
    <row r="40347" spans="14:14">
      <c r="N40347" s="10"/>
    </row>
    <row r="40348" spans="14:14">
      <c r="N40348" s="10"/>
    </row>
    <row r="40349" spans="14:14">
      <c r="N40349" s="10"/>
    </row>
    <row r="40350" spans="14:14">
      <c r="N40350" s="10"/>
    </row>
    <row r="40351" spans="14:14">
      <c r="N40351" s="10"/>
    </row>
    <row r="40352" spans="14:14">
      <c r="N40352" s="10"/>
    </row>
    <row r="40353" spans="14:14">
      <c r="N40353" s="10"/>
    </row>
    <row r="40354" spans="14:14">
      <c r="N40354" s="10"/>
    </row>
    <row r="40355" spans="14:14">
      <c r="N40355" s="10"/>
    </row>
    <row r="40356" spans="14:14">
      <c r="N40356" s="10"/>
    </row>
    <row r="40357" spans="14:14">
      <c r="N40357" s="10"/>
    </row>
    <row r="40358" spans="14:14">
      <c r="N40358" s="10"/>
    </row>
    <row r="40359" spans="14:14">
      <c r="N40359" s="10"/>
    </row>
    <row r="40360" spans="14:14">
      <c r="N40360" s="10"/>
    </row>
    <row r="40361" spans="14:14">
      <c r="N40361" s="10"/>
    </row>
    <row r="40362" spans="14:14">
      <c r="N40362" s="10"/>
    </row>
    <row r="40363" spans="14:14">
      <c r="N40363" s="10"/>
    </row>
    <row r="40364" spans="14:14">
      <c r="N40364" s="10"/>
    </row>
    <row r="40365" spans="14:14">
      <c r="N40365" s="10"/>
    </row>
    <row r="40366" spans="14:14">
      <c r="N40366" s="10"/>
    </row>
    <row r="40367" spans="14:14">
      <c r="N40367" s="10"/>
    </row>
    <row r="40368" spans="14:14">
      <c r="N40368" s="10"/>
    </row>
    <row r="40369" spans="14:14">
      <c r="N40369" s="10"/>
    </row>
    <row r="40370" spans="14:14">
      <c r="N40370" s="10"/>
    </row>
    <row r="40371" spans="14:14">
      <c r="N40371" s="10"/>
    </row>
    <row r="40372" spans="14:14">
      <c r="N40372" s="10"/>
    </row>
    <row r="40373" spans="14:14">
      <c r="N40373" s="10"/>
    </row>
    <row r="40374" spans="14:14">
      <c r="N40374" s="10"/>
    </row>
    <row r="40375" spans="14:14">
      <c r="N40375" s="10"/>
    </row>
    <row r="40376" spans="14:14">
      <c r="N40376" s="10"/>
    </row>
    <row r="40377" spans="14:14">
      <c r="N40377" s="10"/>
    </row>
    <row r="40378" spans="14:14">
      <c r="N40378" s="10"/>
    </row>
    <row r="40379" spans="14:14">
      <c r="N40379" s="10"/>
    </row>
    <row r="40380" spans="14:14">
      <c r="N40380" s="10"/>
    </row>
    <row r="40381" spans="14:14">
      <c r="N40381" s="10"/>
    </row>
    <row r="40382" spans="14:14">
      <c r="N40382" s="10"/>
    </row>
    <row r="40383" spans="14:14">
      <c r="N40383" s="10"/>
    </row>
    <row r="40384" spans="14:14">
      <c r="N40384" s="10"/>
    </row>
    <row r="40385" spans="14:14">
      <c r="N40385" s="10"/>
    </row>
    <row r="40386" spans="14:14">
      <c r="N40386" s="10"/>
    </row>
    <row r="40387" spans="14:14">
      <c r="N40387" s="10"/>
    </row>
    <row r="40388" spans="14:14">
      <c r="N40388" s="10"/>
    </row>
    <row r="40389" spans="14:14">
      <c r="N40389" s="10"/>
    </row>
    <row r="40390" spans="14:14">
      <c r="N40390" s="10"/>
    </row>
    <row r="40391" spans="14:14">
      <c r="N40391" s="10"/>
    </row>
    <row r="40392" spans="14:14">
      <c r="N40392" s="10"/>
    </row>
    <row r="40393" spans="14:14">
      <c r="N40393" s="10"/>
    </row>
    <row r="40394" spans="14:14">
      <c r="N40394" s="10"/>
    </row>
    <row r="40395" spans="14:14">
      <c r="N40395" s="10"/>
    </row>
    <row r="40396" spans="14:14">
      <c r="N40396" s="10"/>
    </row>
    <row r="40397" spans="14:14">
      <c r="N40397" s="10"/>
    </row>
    <row r="40398" spans="14:14">
      <c r="N40398" s="10"/>
    </row>
    <row r="40399" spans="14:14">
      <c r="N40399" s="10"/>
    </row>
    <row r="40400" spans="14:14">
      <c r="N40400" s="10"/>
    </row>
    <row r="40401" spans="14:14">
      <c r="N40401" s="10"/>
    </row>
    <row r="40402" spans="14:14">
      <c r="N40402" s="10"/>
    </row>
    <row r="40403" spans="14:14">
      <c r="N40403" s="10"/>
    </row>
    <row r="40404" spans="14:14">
      <c r="N40404" s="10"/>
    </row>
    <row r="40405" spans="14:14">
      <c r="N40405" s="10"/>
    </row>
    <row r="40406" spans="14:14">
      <c r="N40406" s="10"/>
    </row>
    <row r="40407" spans="14:14">
      <c r="N40407" s="10"/>
    </row>
    <row r="40408" spans="14:14">
      <c r="N40408" s="10"/>
    </row>
    <row r="40409" spans="14:14">
      <c r="N40409" s="10"/>
    </row>
    <row r="40410" spans="14:14">
      <c r="N40410" s="10"/>
    </row>
    <row r="40411" spans="14:14">
      <c r="N40411" s="10"/>
    </row>
    <row r="40412" spans="14:14">
      <c r="N40412" s="10"/>
    </row>
    <row r="40413" spans="14:14">
      <c r="N40413" s="10"/>
    </row>
    <row r="40414" spans="14:14">
      <c r="N40414" s="10"/>
    </row>
    <row r="40415" spans="14:14">
      <c r="N40415" s="10"/>
    </row>
    <row r="40416" spans="14:14">
      <c r="N40416" s="10"/>
    </row>
    <row r="40417" spans="14:14">
      <c r="N40417" s="10"/>
    </row>
    <row r="40418" spans="14:14">
      <c r="N40418" s="10"/>
    </row>
    <row r="40419" spans="14:14">
      <c r="N40419" s="10"/>
    </row>
    <row r="40420" spans="14:14">
      <c r="N40420" s="10"/>
    </row>
    <row r="40421" spans="14:14">
      <c r="N40421" s="10"/>
    </row>
    <row r="40422" spans="14:14">
      <c r="N40422" s="10"/>
    </row>
    <row r="40423" spans="14:14">
      <c r="N40423" s="10"/>
    </row>
    <row r="40424" spans="14:14">
      <c r="N40424" s="10"/>
    </row>
    <row r="40425" spans="14:14">
      <c r="N40425" s="10"/>
    </row>
    <row r="40426" spans="14:14">
      <c r="N40426" s="10"/>
    </row>
    <row r="40427" spans="14:14">
      <c r="N40427" s="10"/>
    </row>
    <row r="40428" spans="14:14">
      <c r="N40428" s="10"/>
    </row>
    <row r="40429" spans="14:14">
      <c r="N40429" s="10"/>
    </row>
    <row r="40430" spans="14:14">
      <c r="N40430" s="10"/>
    </row>
    <row r="40431" spans="14:14">
      <c r="N40431" s="10"/>
    </row>
    <row r="40432" spans="14:14">
      <c r="N40432" s="10"/>
    </row>
    <row r="40433" spans="14:14">
      <c r="N40433" s="10"/>
    </row>
    <row r="40434" spans="14:14">
      <c r="N40434" s="10"/>
    </row>
    <row r="40435" spans="14:14">
      <c r="N40435" s="10"/>
    </row>
    <row r="40436" spans="14:14">
      <c r="N40436" s="10"/>
    </row>
    <row r="40437" spans="14:14">
      <c r="N40437" s="10"/>
    </row>
    <row r="40438" spans="14:14">
      <c r="N40438" s="10"/>
    </row>
    <row r="40439" spans="14:14">
      <c r="N40439" s="10"/>
    </row>
    <row r="40440" spans="14:14">
      <c r="N40440" s="10"/>
    </row>
    <row r="40441" spans="14:14">
      <c r="N40441" s="10"/>
    </row>
    <row r="40442" spans="14:14">
      <c r="N40442" s="10"/>
    </row>
    <row r="40443" spans="14:14">
      <c r="N40443" s="10"/>
    </row>
    <row r="40444" spans="14:14">
      <c r="N40444" s="10"/>
    </row>
    <row r="40445" spans="14:14">
      <c r="N40445" s="10"/>
    </row>
    <row r="40446" spans="14:14">
      <c r="N40446" s="10"/>
    </row>
    <row r="40447" spans="14:14">
      <c r="N40447" s="10"/>
    </row>
    <row r="40448" spans="14:14">
      <c r="N40448" s="10"/>
    </row>
    <row r="40449" spans="14:14">
      <c r="N40449" s="10"/>
    </row>
    <row r="40450" spans="14:14">
      <c r="N40450" s="10"/>
    </row>
    <row r="40451" spans="14:14">
      <c r="N40451" s="10"/>
    </row>
    <row r="40452" spans="14:14">
      <c r="N40452" s="10"/>
    </row>
    <row r="40453" spans="14:14">
      <c r="N40453" s="10"/>
    </row>
    <row r="40454" spans="14:14">
      <c r="N40454" s="10"/>
    </row>
    <row r="40455" spans="14:14">
      <c r="N40455" s="10"/>
    </row>
    <row r="40456" spans="14:14">
      <c r="N40456" s="10"/>
    </row>
    <row r="40457" spans="14:14">
      <c r="N40457" s="10"/>
    </row>
    <row r="40458" spans="14:14">
      <c r="N40458" s="10"/>
    </row>
    <row r="40459" spans="14:14">
      <c r="N40459" s="10"/>
    </row>
    <row r="40460" spans="14:14">
      <c r="N40460" s="10"/>
    </row>
    <row r="40461" spans="14:14">
      <c r="N40461" s="10"/>
    </row>
    <row r="40462" spans="14:14">
      <c r="N40462" s="10"/>
    </row>
    <row r="40463" spans="14:14">
      <c r="N40463" s="10"/>
    </row>
    <row r="40464" spans="14:14">
      <c r="N40464" s="10"/>
    </row>
    <row r="40465" spans="14:14">
      <c r="N40465" s="10"/>
    </row>
    <row r="40466" spans="14:14">
      <c r="N40466" s="10"/>
    </row>
    <row r="40467" spans="14:14">
      <c r="N40467" s="10"/>
    </row>
    <row r="40468" spans="14:14">
      <c r="N40468" s="10"/>
    </row>
    <row r="40469" spans="14:14">
      <c r="N40469" s="10"/>
    </row>
    <row r="40470" spans="14:14">
      <c r="N40470" s="10"/>
    </row>
    <row r="40471" spans="14:14">
      <c r="N40471" s="10"/>
    </row>
    <row r="40472" spans="14:14">
      <c r="N40472" s="10"/>
    </row>
    <row r="40473" spans="14:14">
      <c r="N40473" s="10"/>
    </row>
    <row r="40474" spans="14:14">
      <c r="N40474" s="10"/>
    </row>
    <row r="40475" spans="14:14">
      <c r="N40475" s="10"/>
    </row>
    <row r="40476" spans="14:14">
      <c r="N40476" s="10"/>
    </row>
    <row r="40477" spans="14:14">
      <c r="N40477" s="10"/>
    </row>
    <row r="40478" spans="14:14">
      <c r="N40478" s="10"/>
    </row>
    <row r="40479" spans="14:14">
      <c r="N40479" s="10"/>
    </row>
    <row r="40480" spans="14:14">
      <c r="N40480" s="10"/>
    </row>
    <row r="40481" spans="14:14">
      <c r="N40481" s="10"/>
    </row>
    <row r="40482" spans="14:14">
      <c r="N40482" s="10"/>
    </row>
    <row r="40483" spans="14:14">
      <c r="N40483" s="10"/>
    </row>
    <row r="40484" spans="14:14">
      <c r="N40484" s="10"/>
    </row>
    <row r="40485" spans="14:14">
      <c r="N40485" s="10"/>
    </row>
    <row r="40486" spans="14:14">
      <c r="N40486" s="10"/>
    </row>
    <row r="40487" spans="14:14">
      <c r="N40487" s="10"/>
    </row>
    <row r="40488" spans="14:14">
      <c r="N40488" s="10"/>
    </row>
    <row r="40489" spans="14:14">
      <c r="N40489" s="10"/>
    </row>
    <row r="40490" spans="14:14">
      <c r="N40490" s="10"/>
    </row>
    <row r="40491" spans="14:14">
      <c r="N40491" s="10"/>
    </row>
    <row r="40492" spans="14:14">
      <c r="N40492" s="10"/>
    </row>
    <row r="40493" spans="14:14">
      <c r="N40493" s="10"/>
    </row>
    <row r="40494" spans="14:14">
      <c r="N40494" s="10"/>
    </row>
    <row r="40495" spans="14:14">
      <c r="N40495" s="10"/>
    </row>
    <row r="40496" spans="14:14">
      <c r="N40496" s="10"/>
    </row>
    <row r="40497" spans="14:14">
      <c r="N40497" s="10"/>
    </row>
    <row r="40498" spans="14:14">
      <c r="N40498" s="10"/>
    </row>
    <row r="40499" spans="14:14">
      <c r="N40499" s="10"/>
    </row>
    <row r="40500" spans="14:14">
      <c r="N40500" s="10"/>
    </row>
    <row r="40501" spans="14:14">
      <c r="N40501" s="10"/>
    </row>
    <row r="40502" spans="14:14">
      <c r="N40502" s="10"/>
    </row>
    <row r="40503" spans="14:14">
      <c r="N40503" s="10"/>
    </row>
    <row r="40504" spans="14:14">
      <c r="N40504" s="10"/>
    </row>
    <row r="40505" spans="14:14">
      <c r="N40505" s="10"/>
    </row>
    <row r="40506" spans="14:14">
      <c r="N40506" s="10"/>
    </row>
    <row r="40507" spans="14:14">
      <c r="N40507" s="10"/>
    </row>
    <row r="40508" spans="14:14">
      <c r="N40508" s="10"/>
    </row>
    <row r="40509" spans="14:14">
      <c r="N40509" s="10"/>
    </row>
    <row r="40510" spans="14:14">
      <c r="N40510" s="10"/>
    </row>
    <row r="40511" spans="14:14">
      <c r="N40511" s="10"/>
    </row>
    <row r="40512" spans="14:14">
      <c r="N40512" s="10"/>
    </row>
    <row r="40513" spans="14:14">
      <c r="N40513" s="10"/>
    </row>
    <row r="40514" spans="14:14">
      <c r="N40514" s="10"/>
    </row>
    <row r="40515" spans="14:14">
      <c r="N40515" s="10"/>
    </row>
    <row r="40516" spans="14:14">
      <c r="N40516" s="10"/>
    </row>
    <row r="40517" spans="14:14">
      <c r="N40517" s="10"/>
    </row>
    <row r="40518" spans="14:14">
      <c r="N40518" s="10"/>
    </row>
    <row r="40519" spans="14:14">
      <c r="N40519" s="10"/>
    </row>
    <row r="40520" spans="14:14">
      <c r="N40520" s="10"/>
    </row>
    <row r="40521" spans="14:14">
      <c r="N40521" s="10"/>
    </row>
    <row r="40522" spans="14:14">
      <c r="N40522" s="10"/>
    </row>
    <row r="40523" spans="14:14">
      <c r="N40523" s="10"/>
    </row>
    <row r="40524" spans="14:14">
      <c r="N40524" s="10"/>
    </row>
    <row r="40525" spans="14:14">
      <c r="N40525" s="10"/>
    </row>
    <row r="40526" spans="14:14">
      <c r="N40526" s="10"/>
    </row>
    <row r="40527" spans="14:14">
      <c r="N40527" s="10"/>
    </row>
    <row r="40528" spans="14:14">
      <c r="N40528" s="10"/>
    </row>
    <row r="40529" spans="14:14">
      <c r="N40529" s="10"/>
    </row>
    <row r="40530" spans="14:14">
      <c r="N40530" s="10"/>
    </row>
    <row r="40531" spans="14:14">
      <c r="N40531" s="10"/>
    </row>
    <row r="40532" spans="14:14">
      <c r="N40532" s="10"/>
    </row>
    <row r="40533" spans="14:14">
      <c r="N40533" s="10"/>
    </row>
    <row r="40534" spans="14:14">
      <c r="N40534" s="10"/>
    </row>
    <row r="40535" spans="14:14">
      <c r="N40535" s="10"/>
    </row>
    <row r="40536" spans="14:14">
      <c r="N40536" s="10"/>
    </row>
    <row r="40537" spans="14:14">
      <c r="N40537" s="10"/>
    </row>
    <row r="40538" spans="14:14">
      <c r="N40538" s="10"/>
    </row>
    <row r="40539" spans="14:14">
      <c r="N40539" s="10"/>
    </row>
    <row r="40540" spans="14:14">
      <c r="N40540" s="10"/>
    </row>
    <row r="40541" spans="14:14">
      <c r="N40541" s="10"/>
    </row>
    <row r="40542" spans="14:14">
      <c r="N40542" s="10"/>
    </row>
    <row r="40543" spans="14:14">
      <c r="N40543" s="10"/>
    </row>
    <row r="40544" spans="14:14">
      <c r="N40544" s="10"/>
    </row>
    <row r="40545" spans="14:14">
      <c r="N40545" s="10"/>
    </row>
    <row r="40546" spans="14:14">
      <c r="N40546" s="10"/>
    </row>
    <row r="40547" spans="14:14">
      <c r="N40547" s="10"/>
    </row>
    <row r="40548" spans="14:14">
      <c r="N40548" s="10"/>
    </row>
    <row r="40549" spans="14:14">
      <c r="N40549" s="10"/>
    </row>
    <row r="40550" spans="14:14">
      <c r="N40550" s="10"/>
    </row>
    <row r="40551" spans="14:14">
      <c r="N40551" s="10"/>
    </row>
    <row r="40552" spans="14:14">
      <c r="N40552" s="10"/>
    </row>
    <row r="40553" spans="14:14">
      <c r="N40553" s="10"/>
    </row>
    <row r="40554" spans="14:14">
      <c r="N40554" s="10"/>
    </row>
    <row r="40555" spans="14:14">
      <c r="N40555" s="10"/>
    </row>
    <row r="40556" spans="14:14">
      <c r="N40556" s="10"/>
    </row>
    <row r="40557" spans="14:14">
      <c r="N40557" s="10"/>
    </row>
    <row r="40558" spans="14:14">
      <c r="N40558" s="10"/>
    </row>
    <row r="40559" spans="14:14">
      <c r="N40559" s="10"/>
    </row>
    <row r="40560" spans="14:14">
      <c r="N40560" s="10"/>
    </row>
    <row r="40561" spans="14:14">
      <c r="N40561" s="10"/>
    </row>
    <row r="40562" spans="14:14">
      <c r="N40562" s="10"/>
    </row>
    <row r="40563" spans="14:14">
      <c r="N40563" s="10"/>
    </row>
    <row r="40564" spans="14:14">
      <c r="N40564" s="10"/>
    </row>
    <row r="40565" spans="14:14">
      <c r="N40565" s="10"/>
    </row>
    <row r="40566" spans="14:14">
      <c r="N40566" s="10"/>
    </row>
    <row r="40567" spans="14:14">
      <c r="N40567" s="10"/>
    </row>
    <row r="40568" spans="14:14">
      <c r="N40568" s="10"/>
    </row>
    <row r="40569" spans="14:14">
      <c r="N40569" s="10"/>
    </row>
    <row r="40570" spans="14:14">
      <c r="N40570" s="10"/>
    </row>
    <row r="40571" spans="14:14">
      <c r="N40571" s="10"/>
    </row>
    <row r="40572" spans="14:14">
      <c r="N40572" s="10"/>
    </row>
    <row r="40573" spans="14:14">
      <c r="N40573" s="10"/>
    </row>
    <row r="40574" spans="14:14">
      <c r="N40574" s="10"/>
    </row>
    <row r="40575" spans="14:14">
      <c r="N40575" s="10"/>
    </row>
    <row r="40576" spans="14:14">
      <c r="N40576" s="10"/>
    </row>
    <row r="40577" spans="14:14">
      <c r="N40577" s="10"/>
    </row>
    <row r="40578" spans="14:14">
      <c r="N40578" s="10"/>
    </row>
    <row r="40579" spans="14:14">
      <c r="N40579" s="10"/>
    </row>
    <row r="40580" spans="14:14">
      <c r="N40580" s="10"/>
    </row>
    <row r="40581" spans="14:14">
      <c r="N40581" s="10"/>
    </row>
    <row r="40582" spans="14:14">
      <c r="N40582" s="10"/>
    </row>
    <row r="40583" spans="14:14">
      <c r="N40583" s="10"/>
    </row>
    <row r="40584" spans="14:14">
      <c r="N40584" s="10"/>
    </row>
    <row r="40585" spans="14:14">
      <c r="N40585" s="10"/>
    </row>
    <row r="40586" spans="14:14">
      <c r="N40586" s="10"/>
    </row>
    <row r="40587" spans="14:14">
      <c r="N40587" s="10"/>
    </row>
    <row r="40588" spans="14:14">
      <c r="N40588" s="10"/>
    </row>
    <row r="40589" spans="14:14">
      <c r="N40589" s="10"/>
    </row>
    <row r="40590" spans="14:14">
      <c r="N40590" s="10"/>
    </row>
    <row r="40591" spans="14:14">
      <c r="N40591" s="10"/>
    </row>
    <row r="40592" spans="14:14">
      <c r="N40592" s="10"/>
    </row>
    <row r="40593" spans="14:14">
      <c r="N40593" s="10"/>
    </row>
    <row r="40594" spans="14:14">
      <c r="N40594" s="10"/>
    </row>
    <row r="40595" spans="14:14">
      <c r="N40595" s="10"/>
    </row>
    <row r="40596" spans="14:14">
      <c r="N40596" s="10"/>
    </row>
    <row r="40597" spans="14:14">
      <c r="N40597" s="10"/>
    </row>
    <row r="40598" spans="14:14">
      <c r="N40598" s="10"/>
    </row>
    <row r="40599" spans="14:14">
      <c r="N40599" s="10"/>
    </row>
    <row r="40600" spans="14:14">
      <c r="N40600" s="10"/>
    </row>
    <row r="40601" spans="14:14">
      <c r="N40601" s="10"/>
    </row>
    <row r="40602" spans="14:14">
      <c r="N40602" s="10"/>
    </row>
    <row r="40603" spans="14:14">
      <c r="N40603" s="10"/>
    </row>
    <row r="40604" spans="14:14">
      <c r="N40604" s="10"/>
    </row>
    <row r="40605" spans="14:14">
      <c r="N40605" s="10"/>
    </row>
    <row r="40606" spans="14:14">
      <c r="N40606" s="10"/>
    </row>
    <row r="40607" spans="14:14">
      <c r="N40607" s="10"/>
    </row>
    <row r="40608" spans="14:14">
      <c r="N40608" s="10"/>
    </row>
    <row r="40609" spans="14:14">
      <c r="N40609" s="10"/>
    </row>
    <row r="40610" spans="14:14">
      <c r="N40610" s="10"/>
    </row>
    <row r="40611" spans="14:14">
      <c r="N40611" s="10"/>
    </row>
    <row r="40612" spans="14:14">
      <c r="N40612" s="10"/>
    </row>
    <row r="40613" spans="14:14">
      <c r="N40613" s="10"/>
    </row>
    <row r="40614" spans="14:14">
      <c r="N40614" s="10"/>
    </row>
    <row r="40615" spans="14:14">
      <c r="N40615" s="10"/>
    </row>
    <row r="40616" spans="14:14">
      <c r="N40616" s="10"/>
    </row>
    <row r="40617" spans="14:14">
      <c r="N40617" s="10"/>
    </row>
    <row r="40618" spans="14:14">
      <c r="N40618" s="10"/>
    </row>
    <row r="40619" spans="14:14">
      <c r="N40619" s="10"/>
    </row>
    <row r="40620" spans="14:14">
      <c r="N40620" s="10"/>
    </row>
    <row r="40621" spans="14:14">
      <c r="N40621" s="10"/>
    </row>
    <row r="40622" spans="14:14">
      <c r="N40622" s="10"/>
    </row>
    <row r="40623" spans="14:14">
      <c r="N40623" s="10"/>
    </row>
    <row r="40624" spans="14:14">
      <c r="N40624" s="10"/>
    </row>
    <row r="40625" spans="14:14">
      <c r="N40625" s="10"/>
    </row>
    <row r="40626" spans="14:14">
      <c r="N40626" s="10"/>
    </row>
    <row r="40627" spans="14:14">
      <c r="N40627" s="10"/>
    </row>
    <row r="40628" spans="14:14">
      <c r="N40628" s="10"/>
    </row>
    <row r="40629" spans="14:14">
      <c r="N40629" s="10"/>
    </row>
    <row r="40630" spans="14:14">
      <c r="N40630" s="10"/>
    </row>
    <row r="40631" spans="14:14">
      <c r="N40631" s="10"/>
    </row>
    <row r="40632" spans="14:14">
      <c r="N40632" s="10"/>
    </row>
    <row r="40633" spans="14:14">
      <c r="N40633" s="10"/>
    </row>
    <row r="40634" spans="14:14">
      <c r="N40634" s="10"/>
    </row>
    <row r="40635" spans="14:14">
      <c r="N40635" s="10"/>
    </row>
    <row r="40636" spans="14:14">
      <c r="N40636" s="10"/>
    </row>
    <row r="40637" spans="14:14">
      <c r="N40637" s="10"/>
    </row>
    <row r="40638" spans="14:14">
      <c r="N40638" s="10"/>
    </row>
    <row r="40639" spans="14:14">
      <c r="N40639" s="10"/>
    </row>
    <row r="40640" spans="14:14">
      <c r="N40640" s="10"/>
    </row>
    <row r="40641" spans="14:14">
      <c r="N40641" s="10"/>
    </row>
    <row r="40642" spans="14:14">
      <c r="N40642" s="10"/>
    </row>
    <row r="40643" spans="14:14">
      <c r="N40643" s="10"/>
    </row>
    <row r="40644" spans="14:14">
      <c r="N40644" s="10"/>
    </row>
    <row r="40645" spans="14:14">
      <c r="N40645" s="10"/>
    </row>
    <row r="40646" spans="14:14">
      <c r="N40646" s="10"/>
    </row>
    <row r="40647" spans="14:14">
      <c r="N40647" s="10"/>
    </row>
    <row r="40648" spans="14:14">
      <c r="N40648" s="10"/>
    </row>
    <row r="40649" spans="14:14">
      <c r="N40649" s="10"/>
    </row>
    <row r="40650" spans="14:14">
      <c r="N40650" s="10"/>
    </row>
    <row r="40651" spans="14:14">
      <c r="N40651" s="10"/>
    </row>
    <row r="40652" spans="14:14">
      <c r="N40652" s="10"/>
    </row>
    <row r="40653" spans="14:14">
      <c r="N40653" s="10"/>
    </row>
    <row r="40654" spans="14:14">
      <c r="N40654" s="10"/>
    </row>
    <row r="40655" spans="14:14">
      <c r="N40655" s="10"/>
    </row>
    <row r="40656" spans="14:14">
      <c r="N40656" s="10"/>
    </row>
    <row r="40657" spans="14:14">
      <c r="N40657" s="10"/>
    </row>
    <row r="40658" spans="14:14">
      <c r="N40658" s="10"/>
    </row>
    <row r="40659" spans="14:14">
      <c r="N40659" s="10"/>
    </row>
    <row r="40660" spans="14:14">
      <c r="N40660" s="10"/>
    </row>
    <row r="40661" spans="14:14">
      <c r="N40661" s="10"/>
    </row>
    <row r="40662" spans="14:14">
      <c r="N40662" s="10"/>
    </row>
    <row r="40663" spans="14:14">
      <c r="N40663" s="10"/>
    </row>
    <row r="40664" spans="14:14">
      <c r="N40664" s="10"/>
    </row>
    <row r="40665" spans="14:14">
      <c r="N40665" s="10"/>
    </row>
    <row r="40666" spans="14:14">
      <c r="N40666" s="10"/>
    </row>
    <row r="40667" spans="14:14">
      <c r="N40667" s="10"/>
    </row>
    <row r="40668" spans="14:14">
      <c r="N40668" s="10"/>
    </row>
    <row r="40669" spans="14:14">
      <c r="N40669" s="10"/>
    </row>
    <row r="40670" spans="14:14">
      <c r="N40670" s="10"/>
    </row>
    <row r="40671" spans="14:14">
      <c r="N40671" s="10"/>
    </row>
    <row r="40672" spans="14:14">
      <c r="N40672" s="10"/>
    </row>
    <row r="40673" spans="14:14">
      <c r="N40673" s="10"/>
    </row>
    <row r="40674" spans="14:14">
      <c r="N40674" s="10"/>
    </row>
    <row r="40675" spans="14:14">
      <c r="N40675" s="10"/>
    </row>
    <row r="40676" spans="14:14">
      <c r="N40676" s="10"/>
    </row>
    <row r="40677" spans="14:14">
      <c r="N40677" s="10"/>
    </row>
    <row r="40678" spans="14:14">
      <c r="N40678" s="10"/>
    </row>
    <row r="40679" spans="14:14">
      <c r="N40679" s="10"/>
    </row>
    <row r="40680" spans="14:14">
      <c r="N40680" s="10"/>
    </row>
    <row r="40681" spans="14:14">
      <c r="N40681" s="10"/>
    </row>
    <row r="40682" spans="14:14">
      <c r="N40682" s="10"/>
    </row>
    <row r="40683" spans="14:14">
      <c r="N40683" s="10"/>
    </row>
    <row r="40684" spans="14:14">
      <c r="N40684" s="10"/>
    </row>
    <row r="40685" spans="14:14">
      <c r="N40685" s="10"/>
    </row>
    <row r="40686" spans="14:14">
      <c r="N40686" s="10"/>
    </row>
    <row r="40687" spans="14:14">
      <c r="N40687" s="10"/>
    </row>
    <row r="40688" spans="14:14">
      <c r="N40688" s="10"/>
    </row>
    <row r="40689" spans="14:14">
      <c r="N40689" s="10"/>
    </row>
    <row r="40690" spans="14:14">
      <c r="N40690" s="10"/>
    </row>
    <row r="40691" spans="14:14">
      <c r="N40691" s="10"/>
    </row>
    <row r="40692" spans="14:14">
      <c r="N40692" s="10"/>
    </row>
    <row r="40693" spans="14:14">
      <c r="N40693" s="10"/>
    </row>
    <row r="40694" spans="14:14">
      <c r="N40694" s="10"/>
    </row>
    <row r="40695" spans="14:14">
      <c r="N40695" s="10"/>
    </row>
    <row r="40696" spans="14:14">
      <c r="N40696" s="10"/>
    </row>
    <row r="40697" spans="14:14">
      <c r="N40697" s="10"/>
    </row>
    <row r="40698" spans="14:14">
      <c r="N40698" s="10"/>
    </row>
    <row r="40699" spans="14:14">
      <c r="N40699" s="10"/>
    </row>
    <row r="40700" spans="14:14">
      <c r="N40700" s="10"/>
    </row>
    <row r="40701" spans="14:14">
      <c r="N40701" s="10"/>
    </row>
    <row r="40702" spans="14:14">
      <c r="N40702" s="10"/>
    </row>
    <row r="40703" spans="14:14">
      <c r="N40703" s="10"/>
    </row>
    <row r="40704" spans="14:14">
      <c r="N40704" s="10"/>
    </row>
    <row r="40705" spans="14:14">
      <c r="N40705" s="10"/>
    </row>
    <row r="40706" spans="14:14">
      <c r="N40706" s="10"/>
    </row>
    <row r="40707" spans="14:14">
      <c r="N40707" s="10"/>
    </row>
    <row r="40708" spans="14:14">
      <c r="N40708" s="10"/>
    </row>
    <row r="40709" spans="14:14">
      <c r="N40709" s="10"/>
    </row>
    <row r="40710" spans="14:14">
      <c r="N40710" s="10"/>
    </row>
    <row r="40711" spans="14:14">
      <c r="N40711" s="10"/>
    </row>
    <row r="40712" spans="14:14">
      <c r="N40712" s="10"/>
    </row>
    <row r="40713" spans="14:14">
      <c r="N40713" s="10"/>
    </row>
    <row r="40714" spans="14:14">
      <c r="N40714" s="10"/>
    </row>
    <row r="40715" spans="14:14">
      <c r="N40715" s="10"/>
    </row>
    <row r="40716" spans="14:14">
      <c r="N40716" s="10"/>
    </row>
    <row r="40717" spans="14:14">
      <c r="N40717" s="10"/>
    </row>
    <row r="40718" spans="14:14">
      <c r="N40718" s="10"/>
    </row>
    <row r="40719" spans="14:14">
      <c r="N40719" s="10"/>
    </row>
    <row r="40720" spans="14:14">
      <c r="N40720" s="10"/>
    </row>
    <row r="40721" spans="14:14">
      <c r="N40721" s="10"/>
    </row>
    <row r="40722" spans="14:14">
      <c r="N40722" s="10"/>
    </row>
    <row r="40723" spans="14:14">
      <c r="N40723" s="10"/>
    </row>
    <row r="40724" spans="14:14">
      <c r="N40724" s="10"/>
    </row>
    <row r="40725" spans="14:14">
      <c r="N40725" s="10"/>
    </row>
    <row r="40726" spans="14:14">
      <c r="N40726" s="10"/>
    </row>
    <row r="40727" spans="14:14">
      <c r="N40727" s="10"/>
    </row>
    <row r="40728" spans="14:14">
      <c r="N40728" s="10"/>
    </row>
    <row r="40729" spans="14:14">
      <c r="N40729" s="10"/>
    </row>
    <row r="40730" spans="14:14">
      <c r="N40730" s="10"/>
    </row>
    <row r="40731" spans="14:14">
      <c r="N40731" s="10"/>
    </row>
    <row r="40732" spans="14:14">
      <c r="N40732" s="10"/>
    </row>
    <row r="40733" spans="14:14">
      <c r="N40733" s="10"/>
    </row>
    <row r="40734" spans="14:14">
      <c r="N40734" s="10"/>
    </row>
    <row r="40735" spans="14:14">
      <c r="N40735" s="10"/>
    </row>
    <row r="40736" spans="14:14">
      <c r="N40736" s="10"/>
    </row>
    <row r="40737" spans="14:14">
      <c r="N40737" s="10"/>
    </row>
    <row r="40738" spans="14:14">
      <c r="N40738" s="10"/>
    </row>
    <row r="40739" spans="14:14">
      <c r="N40739" s="10"/>
    </row>
    <row r="40740" spans="14:14">
      <c r="N40740" s="10"/>
    </row>
    <row r="40741" spans="14:14">
      <c r="N40741" s="10"/>
    </row>
    <row r="40742" spans="14:14">
      <c r="N40742" s="10"/>
    </row>
    <row r="40743" spans="14:14">
      <c r="N40743" s="10"/>
    </row>
    <row r="40744" spans="14:14">
      <c r="N40744" s="10"/>
    </row>
    <row r="40745" spans="14:14">
      <c r="N40745" s="10"/>
    </row>
    <row r="40746" spans="14:14">
      <c r="N40746" s="10"/>
    </row>
    <row r="40747" spans="14:14">
      <c r="N40747" s="10"/>
    </row>
    <row r="40748" spans="14:14">
      <c r="N40748" s="10"/>
    </row>
    <row r="40749" spans="14:14">
      <c r="N40749" s="10"/>
    </row>
    <row r="40750" spans="14:14">
      <c r="N40750" s="10"/>
    </row>
    <row r="40751" spans="14:14">
      <c r="N40751" s="10"/>
    </row>
    <row r="40752" spans="14:14">
      <c r="N40752" s="10"/>
    </row>
    <row r="40753" spans="14:14">
      <c r="N40753" s="10"/>
    </row>
    <row r="40754" spans="14:14">
      <c r="N40754" s="10"/>
    </row>
    <row r="40755" spans="14:14">
      <c r="N40755" s="10"/>
    </row>
    <row r="40756" spans="14:14">
      <c r="N40756" s="10"/>
    </row>
    <row r="40757" spans="14:14">
      <c r="N40757" s="10"/>
    </row>
    <row r="40758" spans="14:14">
      <c r="N40758" s="10"/>
    </row>
    <row r="40759" spans="14:14">
      <c r="N40759" s="10"/>
    </row>
    <row r="40760" spans="14:14">
      <c r="N40760" s="10"/>
    </row>
    <row r="40761" spans="14:14">
      <c r="N40761" s="10"/>
    </row>
    <row r="40762" spans="14:14">
      <c r="N40762" s="10"/>
    </row>
    <row r="40763" spans="14:14">
      <c r="N40763" s="10"/>
    </row>
    <row r="40764" spans="14:14">
      <c r="N40764" s="10"/>
    </row>
    <row r="40765" spans="14:14">
      <c r="N40765" s="10"/>
    </row>
    <row r="40766" spans="14:14">
      <c r="N40766" s="10"/>
    </row>
    <row r="40767" spans="14:14">
      <c r="N40767" s="10"/>
    </row>
    <row r="40768" spans="14:14">
      <c r="N40768" s="10"/>
    </row>
    <row r="40769" spans="14:14">
      <c r="N40769" s="10"/>
    </row>
    <row r="40770" spans="14:14">
      <c r="N40770" s="10"/>
    </row>
    <row r="40771" spans="14:14">
      <c r="N40771" s="10"/>
    </row>
    <row r="40772" spans="14:14">
      <c r="N40772" s="10"/>
    </row>
    <row r="40773" spans="14:14">
      <c r="N40773" s="10"/>
    </row>
    <row r="40774" spans="14:14">
      <c r="N40774" s="10"/>
    </row>
    <row r="40775" spans="14:14">
      <c r="N40775" s="10"/>
    </row>
    <row r="40776" spans="14:14">
      <c r="N40776" s="10"/>
    </row>
    <row r="40777" spans="14:14">
      <c r="N40777" s="10"/>
    </row>
    <row r="40778" spans="14:14">
      <c r="N40778" s="10"/>
    </row>
    <row r="40779" spans="14:14">
      <c r="N40779" s="10"/>
    </row>
    <row r="40780" spans="14:14">
      <c r="N40780" s="10"/>
    </row>
    <row r="40781" spans="14:14">
      <c r="N40781" s="10"/>
    </row>
    <row r="40782" spans="14:14">
      <c r="N40782" s="10"/>
    </row>
    <row r="40783" spans="14:14">
      <c r="N40783" s="10"/>
    </row>
    <row r="40784" spans="14:14">
      <c r="N40784" s="10"/>
    </row>
    <row r="40785" spans="14:14">
      <c r="N40785" s="10"/>
    </row>
    <row r="40786" spans="14:14">
      <c r="N40786" s="10"/>
    </row>
    <row r="40787" spans="14:14">
      <c r="N40787" s="10"/>
    </row>
    <row r="40788" spans="14:14">
      <c r="N40788" s="10"/>
    </row>
    <row r="40789" spans="14:14">
      <c r="N40789" s="10"/>
    </row>
    <row r="40790" spans="14:14">
      <c r="N40790" s="10"/>
    </row>
    <row r="40791" spans="14:14">
      <c r="N40791" s="10"/>
    </row>
    <row r="40792" spans="14:14">
      <c r="N40792" s="10"/>
    </row>
    <row r="40793" spans="14:14">
      <c r="N40793" s="10"/>
    </row>
    <row r="40794" spans="14:14">
      <c r="N40794" s="10"/>
    </row>
    <row r="40795" spans="14:14">
      <c r="N40795" s="10"/>
    </row>
    <row r="40796" spans="14:14">
      <c r="N40796" s="10"/>
    </row>
    <row r="40797" spans="14:14">
      <c r="N40797" s="10"/>
    </row>
    <row r="40798" spans="14:14">
      <c r="N40798" s="10"/>
    </row>
    <row r="40799" spans="14:14">
      <c r="N40799" s="10"/>
    </row>
    <row r="40800" spans="14:14">
      <c r="N40800" s="10"/>
    </row>
    <row r="40801" spans="14:14">
      <c r="N40801" s="10"/>
    </row>
    <row r="40802" spans="14:14">
      <c r="N40802" s="10"/>
    </row>
    <row r="40803" spans="14:14">
      <c r="N40803" s="10"/>
    </row>
    <row r="40804" spans="14:14">
      <c r="N40804" s="10"/>
    </row>
    <row r="40805" spans="14:14">
      <c r="N40805" s="10"/>
    </row>
    <row r="40806" spans="14:14">
      <c r="N40806" s="10"/>
    </row>
    <row r="40807" spans="14:14">
      <c r="N40807" s="10"/>
    </row>
    <row r="40808" spans="14:14">
      <c r="N40808" s="10"/>
    </row>
    <row r="40809" spans="14:14">
      <c r="N40809" s="10"/>
    </row>
    <row r="40810" spans="14:14">
      <c r="N40810" s="10"/>
    </row>
    <row r="40811" spans="14:14">
      <c r="N40811" s="10"/>
    </row>
    <row r="40812" spans="14:14">
      <c r="N40812" s="10"/>
    </row>
    <row r="40813" spans="14:14">
      <c r="N40813" s="10"/>
    </row>
    <row r="40814" spans="14:14">
      <c r="N40814" s="10"/>
    </row>
    <row r="40815" spans="14:14">
      <c r="N40815" s="10"/>
    </row>
    <row r="40816" spans="14:14">
      <c r="N40816" s="10"/>
    </row>
    <row r="40817" spans="14:14">
      <c r="N40817" s="10"/>
    </row>
    <row r="40818" spans="14:14">
      <c r="N40818" s="10"/>
    </row>
    <row r="40819" spans="14:14">
      <c r="N40819" s="10"/>
    </row>
    <row r="40820" spans="14:14">
      <c r="N40820" s="10"/>
    </row>
    <row r="40821" spans="14:14">
      <c r="N40821" s="10"/>
    </row>
    <row r="40822" spans="14:14">
      <c r="N40822" s="10"/>
    </row>
    <row r="40823" spans="14:14">
      <c r="N40823" s="10"/>
    </row>
    <row r="40824" spans="14:14">
      <c r="N40824" s="10"/>
    </row>
    <row r="40825" spans="14:14">
      <c r="N40825" s="10"/>
    </row>
    <row r="40826" spans="14:14">
      <c r="N40826" s="10"/>
    </row>
    <row r="40827" spans="14:14">
      <c r="N40827" s="10"/>
    </row>
    <row r="40828" spans="14:14">
      <c r="N40828" s="10"/>
    </row>
    <row r="40829" spans="14:14">
      <c r="N40829" s="10"/>
    </row>
    <row r="40830" spans="14:14">
      <c r="N40830" s="10"/>
    </row>
    <row r="40831" spans="14:14">
      <c r="N40831" s="10"/>
    </row>
    <row r="40832" spans="14:14">
      <c r="N40832" s="10"/>
    </row>
    <row r="40833" spans="14:14">
      <c r="N40833" s="10"/>
    </row>
    <row r="40834" spans="14:14">
      <c r="N40834" s="10"/>
    </row>
    <row r="40835" spans="14:14">
      <c r="N40835" s="10"/>
    </row>
    <row r="40836" spans="14:14">
      <c r="N40836" s="10"/>
    </row>
    <row r="40837" spans="14:14">
      <c r="N40837" s="10"/>
    </row>
    <row r="40838" spans="14:14">
      <c r="N40838" s="10"/>
    </row>
    <row r="40839" spans="14:14">
      <c r="N40839" s="10"/>
    </row>
    <row r="40840" spans="14:14">
      <c r="N40840" s="10"/>
    </row>
    <row r="40841" spans="14:14">
      <c r="N40841" s="10"/>
    </row>
    <row r="40842" spans="14:14">
      <c r="N40842" s="10"/>
    </row>
    <row r="40843" spans="14:14">
      <c r="N40843" s="10"/>
    </row>
    <row r="40844" spans="14:14">
      <c r="N40844" s="10"/>
    </row>
    <row r="40845" spans="14:14">
      <c r="N40845" s="10"/>
    </row>
    <row r="40846" spans="14:14">
      <c r="N40846" s="10"/>
    </row>
    <row r="40847" spans="14:14">
      <c r="N40847" s="10"/>
    </row>
    <row r="40848" spans="14:14">
      <c r="N40848" s="10"/>
    </row>
    <row r="40849" spans="14:14">
      <c r="N40849" s="10"/>
    </row>
    <row r="40850" spans="14:14">
      <c r="N40850" s="10"/>
    </row>
    <row r="40851" spans="14:14">
      <c r="N40851" s="10"/>
    </row>
    <row r="40852" spans="14:14">
      <c r="N40852" s="10"/>
    </row>
    <row r="40853" spans="14:14">
      <c r="N40853" s="10"/>
    </row>
    <row r="40854" spans="14:14">
      <c r="N40854" s="10"/>
    </row>
    <row r="40855" spans="14:14">
      <c r="N40855" s="10"/>
    </row>
    <row r="40856" spans="14:14">
      <c r="N40856" s="10"/>
    </row>
    <row r="40857" spans="14:14">
      <c r="N40857" s="10"/>
    </row>
    <row r="40858" spans="14:14">
      <c r="N40858" s="10"/>
    </row>
    <row r="40859" spans="14:14">
      <c r="N40859" s="10"/>
    </row>
    <row r="40860" spans="14:14">
      <c r="N40860" s="10"/>
    </row>
    <row r="40861" spans="14:14">
      <c r="N40861" s="10"/>
    </row>
    <row r="40862" spans="14:14">
      <c r="N40862" s="10"/>
    </row>
    <row r="40863" spans="14:14">
      <c r="N40863" s="10"/>
    </row>
    <row r="40864" spans="14:14">
      <c r="N40864" s="10"/>
    </row>
    <row r="40865" spans="14:14">
      <c r="N40865" s="10"/>
    </row>
    <row r="40866" spans="14:14">
      <c r="N40866" s="10"/>
    </row>
    <row r="40867" spans="14:14">
      <c r="N40867" s="10"/>
    </row>
    <row r="40868" spans="14:14">
      <c r="N40868" s="10"/>
    </row>
    <row r="40869" spans="14:14">
      <c r="N40869" s="10"/>
    </row>
    <row r="40870" spans="14:14">
      <c r="N40870" s="10"/>
    </row>
    <row r="40871" spans="14:14">
      <c r="N40871" s="10"/>
    </row>
    <row r="40872" spans="14:14">
      <c r="N40872" s="10"/>
    </row>
    <row r="40873" spans="14:14">
      <c r="N40873" s="10"/>
    </row>
    <row r="40874" spans="14:14">
      <c r="N40874" s="10"/>
    </row>
    <row r="40875" spans="14:14">
      <c r="N40875" s="10"/>
    </row>
    <row r="40876" spans="14:14">
      <c r="N40876" s="10"/>
    </row>
    <row r="40877" spans="14:14">
      <c r="N40877" s="10"/>
    </row>
    <row r="40878" spans="14:14">
      <c r="N40878" s="10"/>
    </row>
    <row r="40879" spans="14:14">
      <c r="N40879" s="10"/>
    </row>
    <row r="40880" spans="14:14">
      <c r="N40880" s="10"/>
    </row>
    <row r="40881" spans="14:14">
      <c r="N40881" s="10"/>
    </row>
    <row r="40882" spans="14:14">
      <c r="N40882" s="10"/>
    </row>
    <row r="40883" spans="14:14">
      <c r="N40883" s="10"/>
    </row>
    <row r="40884" spans="14:14">
      <c r="N40884" s="10"/>
    </row>
    <row r="40885" spans="14:14">
      <c r="N40885" s="10"/>
    </row>
    <row r="40886" spans="14:14">
      <c r="N40886" s="10"/>
    </row>
    <row r="40887" spans="14:14">
      <c r="N40887" s="10"/>
    </row>
    <row r="40888" spans="14:14">
      <c r="N40888" s="10"/>
    </row>
    <row r="40889" spans="14:14">
      <c r="N40889" s="10"/>
    </row>
    <row r="40890" spans="14:14">
      <c r="N40890" s="10"/>
    </row>
    <row r="40891" spans="14:14">
      <c r="N40891" s="10"/>
    </row>
    <row r="40892" spans="14:14">
      <c r="N40892" s="10"/>
    </row>
    <row r="40893" spans="14:14">
      <c r="N40893" s="10"/>
    </row>
    <row r="40894" spans="14:14">
      <c r="N40894" s="10"/>
    </row>
    <row r="40895" spans="14:14">
      <c r="N40895" s="10"/>
    </row>
    <row r="40896" spans="14:14">
      <c r="N40896" s="10"/>
    </row>
    <row r="40897" spans="14:14">
      <c r="N40897" s="10"/>
    </row>
    <row r="40898" spans="14:14">
      <c r="N40898" s="10"/>
    </row>
    <row r="40899" spans="14:14">
      <c r="N40899" s="10"/>
    </row>
    <row r="40900" spans="14:14">
      <c r="N40900" s="10"/>
    </row>
    <row r="40901" spans="14:14">
      <c r="N40901" s="10"/>
    </row>
    <row r="40902" spans="14:14">
      <c r="N40902" s="10"/>
    </row>
    <row r="40903" spans="14:14">
      <c r="N40903" s="10"/>
    </row>
    <row r="40904" spans="14:14">
      <c r="N40904" s="10"/>
    </row>
    <row r="40905" spans="14:14">
      <c r="N40905" s="10"/>
    </row>
    <row r="40906" spans="14:14">
      <c r="N40906" s="10"/>
    </row>
    <row r="40907" spans="14:14">
      <c r="N40907" s="10"/>
    </row>
    <row r="40908" spans="14:14">
      <c r="N40908" s="10"/>
    </row>
    <row r="40909" spans="14:14">
      <c r="N40909" s="10"/>
    </row>
    <row r="40910" spans="14:14">
      <c r="N40910" s="10"/>
    </row>
    <row r="40911" spans="14:14">
      <c r="N40911" s="10"/>
    </row>
    <row r="40912" spans="14:14">
      <c r="N40912" s="10"/>
    </row>
    <row r="40913" spans="14:14">
      <c r="N40913" s="10"/>
    </row>
    <row r="40914" spans="14:14">
      <c r="N40914" s="10"/>
    </row>
    <row r="40915" spans="14:14">
      <c r="N40915" s="10"/>
    </row>
    <row r="40916" spans="14:14">
      <c r="N40916" s="10"/>
    </row>
    <row r="40917" spans="14:14">
      <c r="N40917" s="10"/>
    </row>
    <row r="40918" spans="14:14">
      <c r="N40918" s="10"/>
    </row>
    <row r="40919" spans="14:14">
      <c r="N40919" s="10"/>
    </row>
    <row r="40920" spans="14:14">
      <c r="N40920" s="10"/>
    </row>
    <row r="40921" spans="14:14">
      <c r="N40921" s="10"/>
    </row>
    <row r="40922" spans="14:14">
      <c r="N40922" s="10"/>
    </row>
    <row r="40923" spans="14:14">
      <c r="N40923" s="10"/>
    </row>
    <row r="40924" spans="14:14">
      <c r="N40924" s="10"/>
    </row>
    <row r="40925" spans="14:14">
      <c r="N40925" s="10"/>
    </row>
    <row r="40926" spans="14:14">
      <c r="N40926" s="10"/>
    </row>
    <row r="40927" spans="14:14">
      <c r="N40927" s="10"/>
    </row>
    <row r="40928" spans="14:14">
      <c r="N40928" s="10"/>
    </row>
    <row r="40929" spans="14:14">
      <c r="N40929" s="10"/>
    </row>
    <row r="40930" spans="14:14">
      <c r="N40930" s="10"/>
    </row>
    <row r="40931" spans="14:14">
      <c r="N40931" s="10"/>
    </row>
    <row r="40932" spans="14:14">
      <c r="N40932" s="10"/>
    </row>
    <row r="40933" spans="14:14">
      <c r="N40933" s="10"/>
    </row>
    <row r="40934" spans="14:14">
      <c r="N40934" s="10"/>
    </row>
    <row r="40935" spans="14:14">
      <c r="N40935" s="10"/>
    </row>
    <row r="40936" spans="14:14">
      <c r="N40936" s="10"/>
    </row>
    <row r="40937" spans="14:14">
      <c r="N40937" s="10"/>
    </row>
    <row r="40938" spans="14:14">
      <c r="N40938" s="10"/>
    </row>
    <row r="40939" spans="14:14">
      <c r="N40939" s="10"/>
    </row>
    <row r="40940" spans="14:14">
      <c r="N40940" s="10"/>
    </row>
    <row r="40941" spans="14:14">
      <c r="N40941" s="10"/>
    </row>
    <row r="40942" spans="14:14">
      <c r="N40942" s="10"/>
    </row>
    <row r="40943" spans="14:14">
      <c r="N40943" s="10"/>
    </row>
    <row r="40944" spans="14:14">
      <c r="N40944" s="10"/>
    </row>
    <row r="40945" spans="14:14">
      <c r="N40945" s="10"/>
    </row>
    <row r="40946" spans="14:14">
      <c r="N40946" s="10"/>
    </row>
    <row r="40947" spans="14:14">
      <c r="N40947" s="10"/>
    </row>
    <row r="40948" spans="14:14">
      <c r="N40948" s="10"/>
    </row>
    <row r="40949" spans="14:14">
      <c r="N40949" s="10"/>
    </row>
    <row r="40950" spans="14:14">
      <c r="N40950" s="10"/>
    </row>
    <row r="40951" spans="14:14">
      <c r="N40951" s="10"/>
    </row>
    <row r="40952" spans="14:14">
      <c r="N40952" s="10"/>
    </row>
    <row r="40953" spans="14:14">
      <c r="N40953" s="10"/>
    </row>
    <row r="40954" spans="14:14">
      <c r="N40954" s="10"/>
    </row>
    <row r="40955" spans="14:14">
      <c r="N40955" s="10"/>
    </row>
    <row r="40956" spans="14:14">
      <c r="N40956" s="10"/>
    </row>
    <row r="40957" spans="14:14">
      <c r="N40957" s="10"/>
    </row>
    <row r="40958" spans="14:14">
      <c r="N40958" s="10"/>
    </row>
    <row r="40959" spans="14:14">
      <c r="N40959" s="10"/>
    </row>
    <row r="40960" spans="14:14">
      <c r="N40960" s="10"/>
    </row>
    <row r="40961" spans="14:14">
      <c r="N40961" s="10"/>
    </row>
    <row r="40962" spans="14:14">
      <c r="N40962" s="10"/>
    </row>
    <row r="40963" spans="14:14">
      <c r="N40963" s="10"/>
    </row>
    <row r="40964" spans="14:14">
      <c r="N40964" s="10"/>
    </row>
    <row r="40965" spans="14:14">
      <c r="N40965" s="10"/>
    </row>
    <row r="40966" spans="14:14">
      <c r="N40966" s="10"/>
    </row>
    <row r="40967" spans="14:14">
      <c r="N40967" s="10"/>
    </row>
    <row r="40968" spans="14:14">
      <c r="N40968" s="10"/>
    </row>
    <row r="40969" spans="14:14">
      <c r="N40969" s="10"/>
    </row>
    <row r="40970" spans="14:14">
      <c r="N40970" s="10"/>
    </row>
    <row r="40971" spans="14:14">
      <c r="N40971" s="10"/>
    </row>
    <row r="40972" spans="14:14">
      <c r="N40972" s="10"/>
    </row>
    <row r="40973" spans="14:14">
      <c r="N40973" s="10"/>
    </row>
    <row r="40974" spans="14:14">
      <c r="N40974" s="10"/>
    </row>
    <row r="40975" spans="14:14">
      <c r="N40975" s="10"/>
    </row>
    <row r="40976" spans="14:14">
      <c r="N40976" s="10"/>
    </row>
    <row r="40977" spans="14:14">
      <c r="N40977" s="10"/>
    </row>
    <row r="40978" spans="14:14">
      <c r="N40978" s="10"/>
    </row>
    <row r="40979" spans="14:14">
      <c r="N40979" s="10"/>
    </row>
    <row r="40980" spans="14:14">
      <c r="N40980" s="10"/>
    </row>
    <row r="40981" spans="14:14">
      <c r="N40981" s="10"/>
    </row>
    <row r="40982" spans="14:14">
      <c r="N40982" s="10"/>
    </row>
    <row r="40983" spans="14:14">
      <c r="N40983" s="10"/>
    </row>
    <row r="40984" spans="14:14">
      <c r="N40984" s="10"/>
    </row>
    <row r="40985" spans="14:14">
      <c r="N40985" s="10"/>
    </row>
    <row r="40986" spans="14:14">
      <c r="N40986" s="10"/>
    </row>
    <row r="40987" spans="14:14">
      <c r="N40987" s="10"/>
    </row>
    <row r="40988" spans="14:14">
      <c r="N40988" s="10"/>
    </row>
    <row r="40989" spans="14:14">
      <c r="N40989" s="10"/>
    </row>
    <row r="40990" spans="14:14">
      <c r="N40990" s="10"/>
    </row>
    <row r="40991" spans="14:14">
      <c r="N40991" s="10"/>
    </row>
    <row r="40992" spans="14:14">
      <c r="N40992" s="10"/>
    </row>
    <row r="40993" spans="14:14">
      <c r="N40993" s="10"/>
    </row>
    <row r="40994" spans="14:14">
      <c r="N40994" s="10"/>
    </row>
    <row r="40995" spans="14:14">
      <c r="N40995" s="10"/>
    </row>
    <row r="40996" spans="14:14">
      <c r="N40996" s="10"/>
    </row>
    <row r="40997" spans="14:14">
      <c r="N40997" s="10"/>
    </row>
    <row r="40998" spans="14:14">
      <c r="N40998" s="10"/>
    </row>
    <row r="40999" spans="14:14">
      <c r="N40999" s="10"/>
    </row>
    <row r="41000" spans="14:14">
      <c r="N41000" s="10"/>
    </row>
    <row r="41001" spans="14:14">
      <c r="N41001" s="10"/>
    </row>
    <row r="41002" spans="14:14">
      <c r="N41002" s="10"/>
    </row>
    <row r="41003" spans="14:14">
      <c r="N41003" s="10"/>
    </row>
    <row r="41004" spans="14:14">
      <c r="N41004" s="10"/>
    </row>
    <row r="41005" spans="14:14">
      <c r="N41005" s="10"/>
    </row>
    <row r="41006" spans="14:14">
      <c r="N41006" s="10"/>
    </row>
    <row r="41007" spans="14:14">
      <c r="N41007" s="10"/>
    </row>
    <row r="41008" spans="14:14">
      <c r="N41008" s="10"/>
    </row>
    <row r="41009" spans="14:14">
      <c r="N41009" s="10"/>
    </row>
    <row r="41010" spans="14:14">
      <c r="N41010" s="10"/>
    </row>
    <row r="41011" spans="14:14">
      <c r="N41011" s="10"/>
    </row>
    <row r="41012" spans="14:14">
      <c r="N41012" s="10"/>
    </row>
    <row r="41013" spans="14:14">
      <c r="N41013" s="10"/>
    </row>
    <row r="41014" spans="14:14">
      <c r="N41014" s="10"/>
    </row>
    <row r="41015" spans="14:14">
      <c r="N41015" s="10"/>
    </row>
    <row r="41016" spans="14:14">
      <c r="N41016" s="10"/>
    </row>
    <row r="41017" spans="14:14">
      <c r="N41017" s="10"/>
    </row>
    <row r="41018" spans="14:14">
      <c r="N41018" s="10"/>
    </row>
    <row r="41019" spans="14:14">
      <c r="N41019" s="10"/>
    </row>
    <row r="41020" spans="14:14">
      <c r="N41020" s="10"/>
    </row>
    <row r="41021" spans="14:14">
      <c r="N41021" s="10"/>
    </row>
    <row r="41022" spans="14:14">
      <c r="N41022" s="10"/>
    </row>
    <row r="41023" spans="14:14">
      <c r="N41023" s="10"/>
    </row>
    <row r="41024" spans="14:14">
      <c r="N41024" s="10"/>
    </row>
    <row r="41025" spans="14:14">
      <c r="N41025" s="10"/>
    </row>
    <row r="41026" spans="14:14">
      <c r="N41026" s="10"/>
    </row>
    <row r="41027" spans="14:14">
      <c r="N41027" s="10"/>
    </row>
    <row r="41028" spans="14:14">
      <c r="N41028" s="10"/>
    </row>
    <row r="41029" spans="14:14">
      <c r="N41029" s="10"/>
    </row>
    <row r="41030" spans="14:14">
      <c r="N41030" s="10"/>
    </row>
    <row r="41031" spans="14:14">
      <c r="N41031" s="10"/>
    </row>
    <row r="41032" spans="14:14">
      <c r="N41032" s="10"/>
    </row>
    <row r="41033" spans="14:14">
      <c r="N41033" s="10"/>
    </row>
    <row r="41034" spans="14:14">
      <c r="N41034" s="10"/>
    </row>
    <row r="41035" spans="14:14">
      <c r="N41035" s="10"/>
    </row>
    <row r="41036" spans="14:14">
      <c r="N41036" s="10"/>
    </row>
    <row r="41037" spans="14:14">
      <c r="N41037" s="10"/>
    </row>
    <row r="41038" spans="14:14">
      <c r="N41038" s="10"/>
    </row>
    <row r="41039" spans="14:14">
      <c r="N41039" s="10"/>
    </row>
    <row r="41040" spans="14:14">
      <c r="N41040" s="10"/>
    </row>
    <row r="41041" spans="14:14">
      <c r="N41041" s="10"/>
    </row>
    <row r="41042" spans="14:14">
      <c r="N41042" s="10"/>
    </row>
    <row r="41043" spans="14:14">
      <c r="N41043" s="10"/>
    </row>
    <row r="41044" spans="14:14">
      <c r="N41044" s="10"/>
    </row>
    <row r="41045" spans="14:14">
      <c r="N41045" s="10"/>
    </row>
    <row r="41046" spans="14:14">
      <c r="N41046" s="10"/>
    </row>
    <row r="41047" spans="14:14">
      <c r="N41047" s="10"/>
    </row>
    <row r="41048" spans="14:14">
      <c r="N41048" s="10"/>
    </row>
    <row r="41049" spans="14:14">
      <c r="N41049" s="10"/>
    </row>
    <row r="41050" spans="14:14">
      <c r="N41050" s="10"/>
    </row>
    <row r="41051" spans="14:14">
      <c r="N41051" s="10"/>
    </row>
    <row r="41052" spans="14:14">
      <c r="N41052" s="10"/>
    </row>
    <row r="41053" spans="14:14">
      <c r="N41053" s="10"/>
    </row>
    <row r="41054" spans="14:14">
      <c r="N41054" s="10"/>
    </row>
    <row r="41055" spans="14:14">
      <c r="N41055" s="10"/>
    </row>
    <row r="41056" spans="14:14">
      <c r="N41056" s="10"/>
    </row>
    <row r="41057" spans="14:14">
      <c r="N41057" s="10"/>
    </row>
    <row r="41058" spans="14:14">
      <c r="N41058" s="10"/>
    </row>
    <row r="41059" spans="14:14">
      <c r="N41059" s="10"/>
    </row>
    <row r="41060" spans="14:14">
      <c r="N41060" s="10"/>
    </row>
    <row r="41061" spans="14:14">
      <c r="N41061" s="10"/>
    </row>
    <row r="41062" spans="14:14">
      <c r="N41062" s="10"/>
    </row>
    <row r="41063" spans="14:14">
      <c r="N41063" s="10"/>
    </row>
    <row r="41064" spans="14:14">
      <c r="N41064" s="10"/>
    </row>
    <row r="41065" spans="14:14">
      <c r="N41065" s="10"/>
    </row>
    <row r="41066" spans="14:14">
      <c r="N41066" s="10"/>
    </row>
    <row r="41067" spans="14:14">
      <c r="N41067" s="10"/>
    </row>
    <row r="41068" spans="14:14">
      <c r="N41068" s="10"/>
    </row>
    <row r="41069" spans="14:14">
      <c r="N41069" s="10"/>
    </row>
    <row r="41070" spans="14:14">
      <c r="N41070" s="10"/>
    </row>
    <row r="41071" spans="14:14">
      <c r="N41071" s="10"/>
    </row>
    <row r="41072" spans="14:14">
      <c r="N41072" s="10"/>
    </row>
    <row r="41073" spans="14:14">
      <c r="N41073" s="10"/>
    </row>
    <row r="41074" spans="14:14">
      <c r="N41074" s="10"/>
    </row>
    <row r="41075" spans="14:14">
      <c r="N41075" s="10"/>
    </row>
    <row r="41076" spans="14:14">
      <c r="N41076" s="10"/>
    </row>
    <row r="41077" spans="14:14">
      <c r="N41077" s="10"/>
    </row>
    <row r="41078" spans="14:14">
      <c r="N41078" s="10"/>
    </row>
    <row r="41079" spans="14:14">
      <c r="N41079" s="10"/>
    </row>
    <row r="41080" spans="14:14">
      <c r="N41080" s="10"/>
    </row>
    <row r="41081" spans="14:14">
      <c r="N41081" s="10"/>
    </row>
    <row r="41082" spans="14:14">
      <c r="N41082" s="10"/>
    </row>
    <row r="41083" spans="14:14">
      <c r="N41083" s="10"/>
    </row>
    <row r="41084" spans="14:14">
      <c r="N41084" s="10"/>
    </row>
    <row r="41085" spans="14:14">
      <c r="N41085" s="10"/>
    </row>
    <row r="41086" spans="14:14">
      <c r="N41086" s="10"/>
    </row>
    <row r="41087" spans="14:14">
      <c r="N41087" s="10"/>
    </row>
    <row r="41088" spans="14:14">
      <c r="N41088" s="10"/>
    </row>
    <row r="41089" spans="14:14">
      <c r="N41089" s="10"/>
    </row>
    <row r="41090" spans="14:14">
      <c r="N41090" s="10"/>
    </row>
    <row r="41091" spans="14:14">
      <c r="N41091" s="10"/>
    </row>
    <row r="41092" spans="14:14">
      <c r="N41092" s="10"/>
    </row>
    <row r="41093" spans="14:14">
      <c r="N41093" s="10"/>
    </row>
    <row r="41094" spans="14:14">
      <c r="N41094" s="10"/>
    </row>
    <row r="41095" spans="14:14">
      <c r="N41095" s="10"/>
    </row>
    <row r="41096" spans="14:14">
      <c r="N41096" s="10"/>
    </row>
    <row r="41097" spans="14:14">
      <c r="N41097" s="10"/>
    </row>
    <row r="41098" spans="14:14">
      <c r="N41098" s="10"/>
    </row>
    <row r="41099" spans="14:14">
      <c r="N41099" s="10"/>
    </row>
    <row r="41100" spans="14:14">
      <c r="N41100" s="10"/>
    </row>
    <row r="41101" spans="14:14">
      <c r="N41101" s="10"/>
    </row>
    <row r="41102" spans="14:14">
      <c r="N41102" s="10"/>
    </row>
    <row r="41103" spans="14:14">
      <c r="N41103" s="10"/>
    </row>
    <row r="41104" spans="14:14">
      <c r="N41104" s="10"/>
    </row>
    <row r="41105" spans="14:14">
      <c r="N41105" s="10"/>
    </row>
    <row r="41106" spans="14:14">
      <c r="N41106" s="10"/>
    </row>
    <row r="41107" spans="14:14">
      <c r="N41107" s="10"/>
    </row>
    <row r="41108" spans="14:14">
      <c r="N41108" s="10"/>
    </row>
    <row r="41109" spans="14:14">
      <c r="N41109" s="10"/>
    </row>
    <row r="41110" spans="14:14">
      <c r="N41110" s="10"/>
    </row>
    <row r="41111" spans="14:14">
      <c r="N41111" s="10"/>
    </row>
    <row r="41112" spans="14:14">
      <c r="N41112" s="10"/>
    </row>
    <row r="41113" spans="14:14">
      <c r="N41113" s="10"/>
    </row>
    <row r="41114" spans="14:14">
      <c r="N41114" s="10"/>
    </row>
    <row r="41115" spans="14:14">
      <c r="N41115" s="10"/>
    </row>
    <row r="41116" spans="14:14">
      <c r="N41116" s="10"/>
    </row>
    <row r="41117" spans="14:14">
      <c r="N41117" s="10"/>
    </row>
    <row r="41118" spans="14:14">
      <c r="N41118" s="10"/>
    </row>
    <row r="41119" spans="14:14">
      <c r="N41119" s="10"/>
    </row>
    <row r="41120" spans="14:14">
      <c r="N41120" s="10"/>
    </row>
    <row r="41121" spans="14:14">
      <c r="N41121" s="10"/>
    </row>
    <row r="41122" spans="14:14">
      <c r="N41122" s="10"/>
    </row>
    <row r="41123" spans="14:14">
      <c r="N41123" s="10"/>
    </row>
    <row r="41124" spans="14:14">
      <c r="N41124" s="10"/>
    </row>
    <row r="41125" spans="14:14">
      <c r="N41125" s="10"/>
    </row>
    <row r="41126" spans="14:14">
      <c r="N41126" s="10"/>
    </row>
    <row r="41127" spans="14:14">
      <c r="N41127" s="10"/>
    </row>
    <row r="41128" spans="14:14">
      <c r="N41128" s="10"/>
    </row>
    <row r="41129" spans="14:14">
      <c r="N41129" s="10"/>
    </row>
    <row r="41130" spans="14:14">
      <c r="N41130" s="10"/>
    </row>
    <row r="41131" spans="14:14">
      <c r="N41131" s="10"/>
    </row>
    <row r="41132" spans="14:14">
      <c r="N41132" s="10"/>
    </row>
    <row r="41133" spans="14:14">
      <c r="N41133" s="10"/>
    </row>
    <row r="41134" spans="14:14">
      <c r="N41134" s="10"/>
    </row>
    <row r="41135" spans="14:14">
      <c r="N41135" s="10"/>
    </row>
    <row r="41136" spans="14:14">
      <c r="N41136" s="10"/>
    </row>
    <row r="41137" spans="14:14">
      <c r="N41137" s="10"/>
    </row>
    <row r="41138" spans="14:14">
      <c r="N41138" s="10"/>
    </row>
    <row r="41139" spans="14:14">
      <c r="N41139" s="10"/>
    </row>
    <row r="41140" spans="14:14">
      <c r="N41140" s="10"/>
    </row>
    <row r="41141" spans="14:14">
      <c r="N41141" s="10"/>
    </row>
    <row r="41142" spans="14:14">
      <c r="N41142" s="10"/>
    </row>
    <row r="41143" spans="14:14">
      <c r="N41143" s="10"/>
    </row>
    <row r="41144" spans="14:14">
      <c r="N41144" s="10"/>
    </row>
    <row r="41145" spans="14:14">
      <c r="N41145" s="10"/>
    </row>
    <row r="41146" spans="14:14">
      <c r="N41146" s="10"/>
    </row>
    <row r="41147" spans="14:14">
      <c r="N41147" s="10"/>
    </row>
    <row r="41148" spans="14:14">
      <c r="N41148" s="10"/>
    </row>
    <row r="41149" spans="14:14">
      <c r="N41149" s="10"/>
    </row>
    <row r="41150" spans="14:14">
      <c r="N41150" s="10"/>
    </row>
    <row r="41151" spans="14:14">
      <c r="N41151" s="10"/>
    </row>
    <row r="41152" spans="14:14">
      <c r="N41152" s="10"/>
    </row>
    <row r="41153" spans="14:14">
      <c r="N41153" s="10"/>
    </row>
    <row r="41154" spans="14:14">
      <c r="N41154" s="10"/>
    </row>
    <row r="41155" spans="14:14">
      <c r="N41155" s="10"/>
    </row>
    <row r="41156" spans="14:14">
      <c r="N41156" s="10"/>
    </row>
    <row r="41157" spans="14:14">
      <c r="N41157" s="10"/>
    </row>
    <row r="41158" spans="14:14">
      <c r="N41158" s="10"/>
    </row>
    <row r="41159" spans="14:14">
      <c r="N41159" s="10"/>
    </row>
    <row r="41160" spans="14:14">
      <c r="N41160" s="10"/>
    </row>
    <row r="41161" spans="14:14">
      <c r="N41161" s="10"/>
    </row>
    <row r="41162" spans="14:14">
      <c r="N41162" s="10"/>
    </row>
    <row r="41163" spans="14:14">
      <c r="N41163" s="10"/>
    </row>
    <row r="41164" spans="14:14">
      <c r="N41164" s="10"/>
    </row>
    <row r="41165" spans="14:14">
      <c r="N41165" s="10"/>
    </row>
    <row r="41166" spans="14:14">
      <c r="N41166" s="10"/>
    </row>
    <row r="41167" spans="14:14">
      <c r="N41167" s="10"/>
    </row>
    <row r="41168" spans="14:14">
      <c r="N41168" s="10"/>
    </row>
    <row r="41169" spans="14:14">
      <c r="N41169" s="10"/>
    </row>
    <row r="41170" spans="14:14">
      <c r="N41170" s="10"/>
    </row>
    <row r="41171" spans="14:14">
      <c r="N41171" s="10"/>
    </row>
    <row r="41172" spans="14:14">
      <c r="N41172" s="10"/>
    </row>
    <row r="41173" spans="14:14">
      <c r="N41173" s="10"/>
    </row>
    <row r="41174" spans="14:14">
      <c r="N41174" s="10"/>
    </row>
    <row r="41175" spans="14:14">
      <c r="N41175" s="10"/>
    </row>
    <row r="41176" spans="14:14">
      <c r="N41176" s="10"/>
    </row>
    <row r="41177" spans="14:14">
      <c r="N41177" s="10"/>
    </row>
    <row r="41178" spans="14:14">
      <c r="N41178" s="10"/>
    </row>
    <row r="41179" spans="14:14">
      <c r="N41179" s="10"/>
    </row>
    <row r="41180" spans="14:14">
      <c r="N41180" s="10"/>
    </row>
    <row r="41181" spans="14:14">
      <c r="N41181" s="10"/>
    </row>
    <row r="41182" spans="14:14">
      <c r="N41182" s="10"/>
    </row>
    <row r="41183" spans="14:14">
      <c r="N41183" s="10"/>
    </row>
    <row r="41184" spans="14:14">
      <c r="N41184" s="10"/>
    </row>
    <row r="41185" spans="14:14">
      <c r="N41185" s="10"/>
    </row>
    <row r="41186" spans="14:14">
      <c r="N41186" s="10"/>
    </row>
    <row r="41187" spans="14:14">
      <c r="N41187" s="10"/>
    </row>
    <row r="41188" spans="14:14">
      <c r="N41188" s="10"/>
    </row>
    <row r="41189" spans="14:14">
      <c r="N41189" s="10"/>
    </row>
    <row r="41190" spans="14:14">
      <c r="N41190" s="10"/>
    </row>
    <row r="41191" spans="14:14">
      <c r="N41191" s="10"/>
    </row>
    <row r="41192" spans="14:14">
      <c r="N41192" s="10"/>
    </row>
    <row r="41193" spans="14:14">
      <c r="N41193" s="10"/>
    </row>
    <row r="41194" spans="14:14">
      <c r="N41194" s="10"/>
    </row>
    <row r="41195" spans="14:14">
      <c r="N41195" s="10"/>
    </row>
    <row r="41196" spans="14:14">
      <c r="N41196" s="10"/>
    </row>
    <row r="41197" spans="14:14">
      <c r="N41197" s="10"/>
    </row>
    <row r="41198" spans="14:14">
      <c r="N41198" s="10"/>
    </row>
    <row r="41199" spans="14:14">
      <c r="N41199" s="10"/>
    </row>
    <row r="41200" spans="14:14">
      <c r="N41200" s="10"/>
    </row>
    <row r="41201" spans="14:14">
      <c r="N41201" s="10"/>
    </row>
    <row r="41202" spans="14:14">
      <c r="N41202" s="10"/>
    </row>
    <row r="41203" spans="14:14">
      <c r="N41203" s="10"/>
    </row>
    <row r="41204" spans="14:14">
      <c r="N41204" s="10"/>
    </row>
    <row r="41205" spans="14:14">
      <c r="N41205" s="10"/>
    </row>
    <row r="41206" spans="14:14">
      <c r="N41206" s="10"/>
    </row>
    <row r="41207" spans="14:14">
      <c r="N41207" s="10"/>
    </row>
    <row r="41208" spans="14:14">
      <c r="N41208" s="10"/>
    </row>
    <row r="41209" spans="14:14">
      <c r="N41209" s="10"/>
    </row>
    <row r="41210" spans="14:14">
      <c r="N41210" s="10"/>
    </row>
    <row r="41211" spans="14:14">
      <c r="N41211" s="10"/>
    </row>
    <row r="41212" spans="14:14">
      <c r="N41212" s="10"/>
    </row>
    <row r="41213" spans="14:14">
      <c r="N41213" s="10"/>
    </row>
    <row r="41214" spans="14:14">
      <c r="N41214" s="10"/>
    </row>
    <row r="41215" spans="14:14">
      <c r="N41215" s="10"/>
    </row>
    <row r="41216" spans="14:14">
      <c r="N41216" s="10"/>
    </row>
    <row r="41217" spans="14:14">
      <c r="N41217" s="10"/>
    </row>
    <row r="41218" spans="14:14">
      <c r="N41218" s="10"/>
    </row>
    <row r="41219" spans="14:14">
      <c r="N41219" s="10"/>
    </row>
    <row r="41220" spans="14:14">
      <c r="N41220" s="10"/>
    </row>
    <row r="41221" spans="14:14">
      <c r="N41221" s="10"/>
    </row>
    <row r="41222" spans="14:14">
      <c r="N41222" s="10"/>
    </row>
    <row r="41223" spans="14:14">
      <c r="N41223" s="10"/>
    </row>
    <row r="41224" spans="14:14">
      <c r="N41224" s="10"/>
    </row>
    <row r="41225" spans="14:14">
      <c r="N41225" s="10"/>
    </row>
    <row r="41226" spans="14:14">
      <c r="N41226" s="10"/>
    </row>
    <row r="41227" spans="14:14">
      <c r="N41227" s="10"/>
    </row>
    <row r="41228" spans="14:14">
      <c r="N41228" s="10"/>
    </row>
    <row r="41229" spans="14:14">
      <c r="N41229" s="10"/>
    </row>
    <row r="41230" spans="14:14">
      <c r="N41230" s="10"/>
    </row>
    <row r="41231" spans="14:14">
      <c r="N41231" s="10"/>
    </row>
    <row r="41232" spans="14:14">
      <c r="N41232" s="10"/>
    </row>
    <row r="41233" spans="14:14">
      <c r="N41233" s="10"/>
    </row>
    <row r="41234" spans="14:14">
      <c r="N41234" s="10"/>
    </row>
    <row r="41235" spans="14:14">
      <c r="N41235" s="10"/>
    </row>
    <row r="41236" spans="14:14">
      <c r="N41236" s="10"/>
    </row>
    <row r="41237" spans="14:14">
      <c r="N41237" s="10"/>
    </row>
    <row r="41238" spans="14:14">
      <c r="N41238" s="10"/>
    </row>
    <row r="41239" spans="14:14">
      <c r="N41239" s="10"/>
    </row>
    <row r="41240" spans="14:14">
      <c r="N41240" s="10"/>
    </row>
    <row r="41241" spans="14:14">
      <c r="N41241" s="10"/>
    </row>
    <row r="41242" spans="14:14">
      <c r="N41242" s="10"/>
    </row>
    <row r="41243" spans="14:14">
      <c r="N41243" s="10"/>
    </row>
    <row r="41244" spans="14:14">
      <c r="N41244" s="10"/>
    </row>
    <row r="41245" spans="14:14">
      <c r="N41245" s="10"/>
    </row>
    <row r="41246" spans="14:14">
      <c r="N41246" s="10"/>
    </row>
    <row r="41247" spans="14:14">
      <c r="N41247" s="10"/>
    </row>
    <row r="41248" spans="14:14">
      <c r="N41248" s="10"/>
    </row>
    <row r="41249" spans="14:14">
      <c r="N41249" s="10"/>
    </row>
    <row r="41250" spans="14:14">
      <c r="N41250" s="10"/>
    </row>
    <row r="41251" spans="14:14">
      <c r="N41251" s="10"/>
    </row>
    <row r="41252" spans="14:14">
      <c r="N41252" s="10"/>
    </row>
    <row r="41253" spans="14:14">
      <c r="N41253" s="10"/>
    </row>
    <row r="41254" spans="14:14">
      <c r="N41254" s="10"/>
    </row>
    <row r="41255" spans="14:14">
      <c r="N41255" s="10"/>
    </row>
    <row r="41256" spans="14:14">
      <c r="N41256" s="10"/>
    </row>
    <row r="41257" spans="14:14">
      <c r="N41257" s="10"/>
    </row>
    <row r="41258" spans="14:14">
      <c r="N41258" s="10"/>
    </row>
    <row r="41259" spans="14:14">
      <c r="N41259" s="10"/>
    </row>
    <row r="41260" spans="14:14">
      <c r="N41260" s="10"/>
    </row>
    <row r="41261" spans="14:14">
      <c r="N41261" s="10"/>
    </row>
    <row r="41262" spans="14:14">
      <c r="N41262" s="10"/>
    </row>
    <row r="41263" spans="14:14">
      <c r="N41263" s="10"/>
    </row>
    <row r="41264" spans="14:14">
      <c r="N41264" s="10"/>
    </row>
    <row r="41265" spans="14:14">
      <c r="N41265" s="10"/>
    </row>
    <row r="41266" spans="14:14">
      <c r="N41266" s="10"/>
    </row>
    <row r="41267" spans="14:14">
      <c r="N41267" s="10"/>
    </row>
    <row r="41268" spans="14:14">
      <c r="N41268" s="10"/>
    </row>
    <row r="41269" spans="14:14">
      <c r="N41269" s="10"/>
    </row>
    <row r="41270" spans="14:14">
      <c r="N41270" s="10"/>
    </row>
    <row r="41271" spans="14:14">
      <c r="N41271" s="10"/>
    </row>
    <row r="41272" spans="14:14">
      <c r="N41272" s="10"/>
    </row>
    <row r="41273" spans="14:14">
      <c r="N41273" s="10"/>
    </row>
    <row r="41274" spans="14:14">
      <c r="N41274" s="10"/>
    </row>
    <row r="41275" spans="14:14">
      <c r="N41275" s="10"/>
    </row>
    <row r="41276" spans="14:14">
      <c r="N41276" s="10"/>
    </row>
    <row r="41277" spans="14:14">
      <c r="N41277" s="10"/>
    </row>
    <row r="41278" spans="14:14">
      <c r="N41278" s="10"/>
    </row>
    <row r="41279" spans="14:14">
      <c r="N41279" s="10"/>
    </row>
    <row r="41280" spans="14:14">
      <c r="N41280" s="10"/>
    </row>
    <row r="41281" spans="14:14">
      <c r="N41281" s="10"/>
    </row>
    <row r="41282" spans="14:14">
      <c r="N41282" s="10"/>
    </row>
    <row r="41283" spans="14:14">
      <c r="N41283" s="10"/>
    </row>
    <row r="41284" spans="14:14">
      <c r="N41284" s="10"/>
    </row>
    <row r="41285" spans="14:14">
      <c r="N41285" s="10"/>
    </row>
    <row r="41286" spans="14:14">
      <c r="N41286" s="10"/>
    </row>
    <row r="41287" spans="14:14">
      <c r="N41287" s="10"/>
    </row>
    <row r="41288" spans="14:14">
      <c r="N41288" s="10"/>
    </row>
    <row r="41289" spans="14:14">
      <c r="N41289" s="10"/>
    </row>
    <row r="41290" spans="14:14">
      <c r="N41290" s="10"/>
    </row>
    <row r="41291" spans="14:14">
      <c r="N41291" s="10"/>
    </row>
    <row r="41292" spans="14:14">
      <c r="N41292" s="10"/>
    </row>
    <row r="41293" spans="14:14">
      <c r="N41293" s="10"/>
    </row>
    <row r="41294" spans="14:14">
      <c r="N41294" s="10"/>
    </row>
    <row r="41295" spans="14:14">
      <c r="N41295" s="10"/>
    </row>
    <row r="41296" spans="14:14">
      <c r="N41296" s="10"/>
    </row>
    <row r="41297" spans="14:14">
      <c r="N41297" s="10"/>
    </row>
    <row r="41298" spans="14:14">
      <c r="N41298" s="10"/>
    </row>
    <row r="41299" spans="14:14">
      <c r="N41299" s="10"/>
    </row>
    <row r="41300" spans="14:14">
      <c r="N41300" s="10"/>
    </row>
    <row r="41301" spans="14:14">
      <c r="N41301" s="10"/>
    </row>
    <row r="41302" spans="14:14">
      <c r="N41302" s="10"/>
    </row>
    <row r="41303" spans="14:14">
      <c r="N41303" s="10"/>
    </row>
    <row r="41304" spans="14:14">
      <c r="N41304" s="10"/>
    </row>
    <row r="41305" spans="14:14">
      <c r="N41305" s="10"/>
    </row>
    <row r="41306" spans="14:14">
      <c r="N41306" s="10"/>
    </row>
    <row r="41307" spans="14:14">
      <c r="N41307" s="10"/>
    </row>
    <row r="41308" spans="14:14">
      <c r="N41308" s="10"/>
    </row>
    <row r="41309" spans="14:14">
      <c r="N41309" s="10"/>
    </row>
    <row r="41310" spans="14:14">
      <c r="N41310" s="10"/>
    </row>
    <row r="41311" spans="14:14">
      <c r="N41311" s="10"/>
    </row>
    <row r="41312" spans="14:14">
      <c r="N41312" s="10"/>
    </row>
    <row r="41313" spans="14:14">
      <c r="N41313" s="10"/>
    </row>
    <row r="41314" spans="14:14">
      <c r="N41314" s="10"/>
    </row>
    <row r="41315" spans="14:14">
      <c r="N41315" s="10"/>
    </row>
    <row r="41316" spans="14:14">
      <c r="N41316" s="10"/>
    </row>
    <row r="41317" spans="14:14">
      <c r="N41317" s="10"/>
    </row>
    <row r="41318" spans="14:14">
      <c r="N41318" s="10"/>
    </row>
    <row r="41319" spans="14:14">
      <c r="N41319" s="10"/>
    </row>
    <row r="41320" spans="14:14">
      <c r="N41320" s="10"/>
    </row>
    <row r="41321" spans="14:14">
      <c r="N41321" s="10"/>
    </row>
    <row r="41322" spans="14:14">
      <c r="N41322" s="10"/>
    </row>
    <row r="41323" spans="14:14">
      <c r="N41323" s="10"/>
    </row>
    <row r="41324" spans="14:14">
      <c r="N41324" s="10"/>
    </row>
    <row r="41325" spans="14:14">
      <c r="N41325" s="10"/>
    </row>
    <row r="41326" spans="14:14">
      <c r="N41326" s="10"/>
    </row>
    <row r="41327" spans="14:14">
      <c r="N41327" s="10"/>
    </row>
    <row r="41328" spans="14:14">
      <c r="N41328" s="10"/>
    </row>
    <row r="41329" spans="14:14">
      <c r="N41329" s="10"/>
    </row>
    <row r="41330" spans="14:14">
      <c r="N41330" s="10"/>
    </row>
    <row r="41331" spans="14:14">
      <c r="N41331" s="10"/>
    </row>
    <row r="41332" spans="14:14">
      <c r="N41332" s="10"/>
    </row>
    <row r="41333" spans="14:14">
      <c r="N41333" s="10"/>
    </row>
    <row r="41334" spans="14:14">
      <c r="N41334" s="10"/>
    </row>
    <row r="41335" spans="14:14">
      <c r="N41335" s="10"/>
    </row>
    <row r="41336" spans="14:14">
      <c r="N41336" s="10"/>
    </row>
    <row r="41337" spans="14:14">
      <c r="N41337" s="10"/>
    </row>
    <row r="41338" spans="14:14">
      <c r="N41338" s="10"/>
    </row>
    <row r="41339" spans="14:14">
      <c r="N41339" s="10"/>
    </row>
    <row r="41340" spans="14:14">
      <c r="N41340" s="10"/>
    </row>
    <row r="41341" spans="14:14">
      <c r="N41341" s="10"/>
    </row>
    <row r="41342" spans="14:14">
      <c r="N41342" s="10"/>
    </row>
    <row r="41343" spans="14:14">
      <c r="N41343" s="10"/>
    </row>
    <row r="41344" spans="14:14">
      <c r="N41344" s="10"/>
    </row>
    <row r="41345" spans="14:14">
      <c r="N41345" s="10"/>
    </row>
    <row r="41346" spans="14:14">
      <c r="N41346" s="10"/>
    </row>
    <row r="41347" spans="14:14">
      <c r="N41347" s="10"/>
    </row>
    <row r="41348" spans="14:14">
      <c r="N41348" s="10"/>
    </row>
    <row r="41349" spans="14:14">
      <c r="N41349" s="10"/>
    </row>
    <row r="41350" spans="14:14">
      <c r="N41350" s="10"/>
    </row>
    <row r="41351" spans="14:14">
      <c r="N41351" s="10"/>
    </row>
    <row r="41352" spans="14:14">
      <c r="N41352" s="10"/>
    </row>
    <row r="41353" spans="14:14">
      <c r="N41353" s="10"/>
    </row>
    <row r="41354" spans="14:14">
      <c r="N41354" s="10"/>
    </row>
    <row r="41355" spans="14:14">
      <c r="N41355" s="10"/>
    </row>
    <row r="41356" spans="14:14">
      <c r="N41356" s="10"/>
    </row>
    <row r="41357" spans="14:14">
      <c r="N41357" s="10"/>
    </row>
    <row r="41358" spans="14:14">
      <c r="N41358" s="10"/>
    </row>
    <row r="41359" spans="14:14">
      <c r="N41359" s="10"/>
    </row>
    <row r="41360" spans="14:14">
      <c r="N41360" s="10"/>
    </row>
    <row r="41361" spans="14:14">
      <c r="N41361" s="10"/>
    </row>
    <row r="41362" spans="14:14">
      <c r="N41362" s="10"/>
    </row>
    <row r="41363" spans="14:14">
      <c r="N41363" s="10"/>
    </row>
    <row r="41364" spans="14:14">
      <c r="N41364" s="10"/>
    </row>
    <row r="41365" spans="14:14">
      <c r="N41365" s="10"/>
    </row>
    <row r="41366" spans="14:14">
      <c r="N41366" s="10"/>
    </row>
    <row r="41367" spans="14:14">
      <c r="N41367" s="10"/>
    </row>
    <row r="41368" spans="14:14">
      <c r="N41368" s="10"/>
    </row>
    <row r="41369" spans="14:14">
      <c r="N41369" s="10"/>
    </row>
    <row r="41370" spans="14:14">
      <c r="N41370" s="10"/>
    </row>
    <row r="41371" spans="14:14">
      <c r="N41371" s="10"/>
    </row>
    <row r="41372" spans="14:14">
      <c r="N41372" s="10"/>
    </row>
    <row r="41373" spans="14:14">
      <c r="N41373" s="10"/>
    </row>
    <row r="41374" spans="14:14">
      <c r="N41374" s="10"/>
    </row>
    <row r="41375" spans="14:14">
      <c r="N41375" s="10"/>
    </row>
    <row r="41376" spans="14:14">
      <c r="N41376" s="10"/>
    </row>
    <row r="41377" spans="14:14">
      <c r="N41377" s="10"/>
    </row>
    <row r="41378" spans="14:14">
      <c r="N41378" s="10"/>
    </row>
    <row r="41379" spans="14:14">
      <c r="N41379" s="10"/>
    </row>
    <row r="41380" spans="14:14">
      <c r="N41380" s="10"/>
    </row>
    <row r="41381" spans="14:14">
      <c r="N41381" s="10"/>
    </row>
    <row r="41382" spans="14:14">
      <c r="N41382" s="10"/>
    </row>
    <row r="41383" spans="14:14">
      <c r="N41383" s="10"/>
    </row>
    <row r="41384" spans="14:14">
      <c r="N41384" s="10"/>
    </row>
    <row r="41385" spans="14:14">
      <c r="N41385" s="10"/>
    </row>
    <row r="41386" spans="14:14">
      <c r="N41386" s="10"/>
    </row>
    <row r="41387" spans="14:14">
      <c r="N41387" s="10"/>
    </row>
    <row r="41388" spans="14:14">
      <c r="N41388" s="10"/>
    </row>
    <row r="41389" spans="14:14">
      <c r="N41389" s="10"/>
    </row>
    <row r="41390" spans="14:14">
      <c r="N41390" s="10"/>
    </row>
    <row r="41391" spans="14:14">
      <c r="N41391" s="10"/>
    </row>
    <row r="41392" spans="14:14">
      <c r="N41392" s="10"/>
    </row>
    <row r="41393" spans="14:14">
      <c r="N41393" s="10"/>
    </row>
    <row r="41394" spans="14:14">
      <c r="N41394" s="10"/>
    </row>
    <row r="41395" spans="14:14">
      <c r="N41395" s="10"/>
    </row>
    <row r="41396" spans="14:14">
      <c r="N41396" s="10"/>
    </row>
    <row r="41397" spans="14:14">
      <c r="N41397" s="10"/>
    </row>
    <row r="41398" spans="14:14">
      <c r="N41398" s="10"/>
    </row>
    <row r="41399" spans="14:14">
      <c r="N41399" s="10"/>
    </row>
    <row r="41400" spans="14:14">
      <c r="N41400" s="10"/>
    </row>
    <row r="41401" spans="14:14">
      <c r="N41401" s="10"/>
    </row>
    <row r="41402" spans="14:14">
      <c r="N41402" s="10"/>
    </row>
    <row r="41403" spans="14:14">
      <c r="N41403" s="10"/>
    </row>
    <row r="41404" spans="14:14">
      <c r="N41404" s="10"/>
    </row>
    <row r="41405" spans="14:14">
      <c r="N41405" s="10"/>
    </row>
    <row r="41406" spans="14:14">
      <c r="N41406" s="10"/>
    </row>
    <row r="41407" spans="14:14">
      <c r="N41407" s="10"/>
    </row>
    <row r="41408" spans="14:14">
      <c r="N41408" s="10"/>
    </row>
    <row r="41409" spans="14:14">
      <c r="N41409" s="10"/>
    </row>
    <row r="41410" spans="14:14">
      <c r="N41410" s="10"/>
    </row>
    <row r="41411" spans="14:14">
      <c r="N41411" s="10"/>
    </row>
    <row r="41412" spans="14:14">
      <c r="N41412" s="10"/>
    </row>
    <row r="41413" spans="14:14">
      <c r="N41413" s="10"/>
    </row>
    <row r="41414" spans="14:14">
      <c r="N41414" s="10"/>
    </row>
    <row r="41415" spans="14:14">
      <c r="N41415" s="10"/>
    </row>
    <row r="41416" spans="14:14">
      <c r="N41416" s="10"/>
    </row>
    <row r="41417" spans="14:14">
      <c r="N41417" s="10"/>
    </row>
    <row r="41418" spans="14:14">
      <c r="N41418" s="10"/>
    </row>
    <row r="41419" spans="14:14">
      <c r="N41419" s="10"/>
    </row>
    <row r="41420" spans="14:14">
      <c r="N41420" s="10"/>
    </row>
    <row r="41421" spans="14:14">
      <c r="N41421" s="10"/>
    </row>
    <row r="41422" spans="14:14">
      <c r="N41422" s="10"/>
    </row>
    <row r="41423" spans="14:14">
      <c r="N41423" s="10"/>
    </row>
    <row r="41424" spans="14:14">
      <c r="N41424" s="10"/>
    </row>
    <row r="41425" spans="14:14">
      <c r="N41425" s="10"/>
    </row>
    <row r="41426" spans="14:14">
      <c r="N41426" s="10"/>
    </row>
    <row r="41427" spans="14:14">
      <c r="N41427" s="10"/>
    </row>
    <row r="41428" spans="14:14">
      <c r="N41428" s="10"/>
    </row>
    <row r="41429" spans="14:14">
      <c r="N41429" s="10"/>
    </row>
    <row r="41430" spans="14:14">
      <c r="N41430" s="10"/>
    </row>
    <row r="41431" spans="14:14">
      <c r="N41431" s="10"/>
    </row>
    <row r="41432" spans="14:14">
      <c r="N41432" s="10"/>
    </row>
    <row r="41433" spans="14:14">
      <c r="N41433" s="10"/>
    </row>
    <row r="41434" spans="14:14">
      <c r="N41434" s="10"/>
    </row>
    <row r="41435" spans="14:14">
      <c r="N41435" s="10"/>
    </row>
    <row r="41436" spans="14:14">
      <c r="N41436" s="10"/>
    </row>
    <row r="41437" spans="14:14">
      <c r="N41437" s="10"/>
    </row>
    <row r="41438" spans="14:14">
      <c r="N41438" s="10"/>
    </row>
    <row r="41439" spans="14:14">
      <c r="N41439" s="10"/>
    </row>
    <row r="41440" spans="14:14">
      <c r="N41440" s="10"/>
    </row>
    <row r="41441" spans="14:14">
      <c r="N41441" s="10"/>
    </row>
    <row r="41442" spans="14:14">
      <c r="N41442" s="10"/>
    </row>
    <row r="41443" spans="14:14">
      <c r="N41443" s="10"/>
    </row>
    <row r="41444" spans="14:14">
      <c r="N41444" s="10"/>
    </row>
    <row r="41445" spans="14:14">
      <c r="N41445" s="10"/>
    </row>
    <row r="41446" spans="14:14">
      <c r="N41446" s="10"/>
    </row>
    <row r="41447" spans="14:14">
      <c r="N41447" s="10"/>
    </row>
    <row r="41448" spans="14:14">
      <c r="N41448" s="10"/>
    </row>
    <row r="41449" spans="14:14">
      <c r="N41449" s="10"/>
    </row>
    <row r="41450" spans="14:14">
      <c r="N41450" s="10"/>
    </row>
    <row r="41451" spans="14:14">
      <c r="N41451" s="10"/>
    </row>
    <row r="41452" spans="14:14">
      <c r="N41452" s="10"/>
    </row>
    <row r="41453" spans="14:14">
      <c r="N41453" s="10"/>
    </row>
    <row r="41454" spans="14:14">
      <c r="N41454" s="10"/>
    </row>
    <row r="41455" spans="14:14">
      <c r="N41455" s="10"/>
    </row>
    <row r="41456" spans="14:14">
      <c r="N41456" s="10"/>
    </row>
    <row r="41457" spans="14:14">
      <c r="N41457" s="10"/>
    </row>
    <row r="41458" spans="14:14">
      <c r="N41458" s="10"/>
    </row>
    <row r="41459" spans="14:14">
      <c r="N41459" s="10"/>
    </row>
    <row r="41460" spans="14:14">
      <c r="N41460" s="10"/>
    </row>
    <row r="41461" spans="14:14">
      <c r="N41461" s="10"/>
    </row>
    <row r="41462" spans="14:14">
      <c r="N41462" s="10"/>
    </row>
    <row r="41463" spans="14:14">
      <c r="N41463" s="10"/>
    </row>
    <row r="41464" spans="14:14">
      <c r="N41464" s="10"/>
    </row>
    <row r="41465" spans="14:14">
      <c r="N41465" s="10"/>
    </row>
    <row r="41466" spans="14:14">
      <c r="N41466" s="10"/>
    </row>
    <row r="41467" spans="14:14">
      <c r="N41467" s="10"/>
    </row>
    <row r="41468" spans="14:14">
      <c r="N41468" s="10"/>
    </row>
    <row r="41469" spans="14:14">
      <c r="N41469" s="10"/>
    </row>
    <row r="41470" spans="14:14">
      <c r="N41470" s="10"/>
    </row>
    <row r="41471" spans="14:14">
      <c r="N41471" s="10"/>
    </row>
    <row r="41472" spans="14:14">
      <c r="N41472" s="10"/>
    </row>
    <row r="41473" spans="14:14">
      <c r="N41473" s="10"/>
    </row>
    <row r="41474" spans="14:14">
      <c r="N41474" s="10"/>
    </row>
    <row r="41475" spans="14:14">
      <c r="N41475" s="10"/>
    </row>
    <row r="41476" spans="14:14">
      <c r="N41476" s="10"/>
    </row>
    <row r="41477" spans="14:14">
      <c r="N41477" s="10"/>
    </row>
    <row r="41478" spans="14:14">
      <c r="N41478" s="10"/>
    </row>
    <row r="41479" spans="14:14">
      <c r="N41479" s="10"/>
    </row>
    <row r="41480" spans="14:14">
      <c r="N41480" s="10"/>
    </row>
    <row r="41481" spans="14:14">
      <c r="N41481" s="10"/>
    </row>
    <row r="41482" spans="14:14">
      <c r="N41482" s="10"/>
    </row>
    <row r="41483" spans="14:14">
      <c r="N41483" s="10"/>
    </row>
    <row r="41484" spans="14:14">
      <c r="N41484" s="10"/>
    </row>
    <row r="41485" spans="14:14">
      <c r="N41485" s="10"/>
    </row>
    <row r="41486" spans="14:14">
      <c r="N41486" s="10"/>
    </row>
    <row r="41487" spans="14:14">
      <c r="N41487" s="10"/>
    </row>
    <row r="41488" spans="14:14">
      <c r="N41488" s="10"/>
    </row>
    <row r="41489" spans="14:14">
      <c r="N41489" s="10"/>
    </row>
    <row r="41490" spans="14:14">
      <c r="N41490" s="10"/>
    </row>
    <row r="41491" spans="14:14">
      <c r="N41491" s="10"/>
    </row>
    <row r="41492" spans="14:14">
      <c r="N41492" s="10"/>
    </row>
    <row r="41493" spans="14:14">
      <c r="N41493" s="10"/>
    </row>
    <row r="41494" spans="14:14">
      <c r="N41494" s="10"/>
    </row>
    <row r="41495" spans="14:14">
      <c r="N41495" s="10"/>
    </row>
    <row r="41496" spans="14:14">
      <c r="N41496" s="10"/>
    </row>
    <row r="41497" spans="14:14">
      <c r="N41497" s="10"/>
    </row>
    <row r="41498" spans="14:14">
      <c r="N41498" s="10"/>
    </row>
    <row r="41499" spans="14:14">
      <c r="N41499" s="10"/>
    </row>
    <row r="41500" spans="14:14">
      <c r="N41500" s="10"/>
    </row>
    <row r="41501" spans="14:14">
      <c r="N41501" s="10"/>
    </row>
    <row r="41502" spans="14:14">
      <c r="N41502" s="10"/>
    </row>
    <row r="41503" spans="14:14">
      <c r="N41503" s="10"/>
    </row>
    <row r="41504" spans="14:14">
      <c r="N41504" s="10"/>
    </row>
    <row r="41505" spans="14:14">
      <c r="N41505" s="10"/>
    </row>
    <row r="41506" spans="14:14">
      <c r="N41506" s="10"/>
    </row>
    <row r="41507" spans="14:14">
      <c r="N41507" s="10"/>
    </row>
    <row r="41508" spans="14:14">
      <c r="N41508" s="10"/>
    </row>
    <row r="41509" spans="14:14">
      <c r="N41509" s="10"/>
    </row>
    <row r="41510" spans="14:14">
      <c r="N41510" s="10"/>
    </row>
    <row r="41511" spans="14:14">
      <c r="N41511" s="10"/>
    </row>
    <row r="41512" spans="14:14">
      <c r="N41512" s="10"/>
    </row>
    <row r="41513" spans="14:14">
      <c r="N41513" s="10"/>
    </row>
    <row r="41514" spans="14:14">
      <c r="N41514" s="10"/>
    </row>
    <row r="41515" spans="14:14">
      <c r="N41515" s="10"/>
    </row>
    <row r="41516" spans="14:14">
      <c r="N41516" s="10"/>
    </row>
    <row r="41517" spans="14:14">
      <c r="N41517" s="10"/>
    </row>
    <row r="41518" spans="14:14">
      <c r="N41518" s="10"/>
    </row>
    <row r="41519" spans="14:14">
      <c r="N41519" s="10"/>
    </row>
    <row r="41520" spans="14:14">
      <c r="N41520" s="10"/>
    </row>
    <row r="41521" spans="14:14">
      <c r="N41521" s="10"/>
    </row>
    <row r="41522" spans="14:14">
      <c r="N41522" s="10"/>
    </row>
    <row r="41523" spans="14:14">
      <c r="N41523" s="10"/>
    </row>
    <row r="41524" spans="14:14">
      <c r="N41524" s="10"/>
    </row>
    <row r="41525" spans="14:14">
      <c r="N41525" s="10"/>
    </row>
    <row r="41526" spans="14:14">
      <c r="N41526" s="10"/>
    </row>
    <row r="41527" spans="14:14">
      <c r="N41527" s="10"/>
    </row>
    <row r="41528" spans="14:14">
      <c r="N41528" s="10"/>
    </row>
    <row r="41529" spans="14:14">
      <c r="N41529" s="10"/>
    </row>
    <row r="41530" spans="14:14">
      <c r="N41530" s="10"/>
    </row>
    <row r="41531" spans="14:14">
      <c r="N41531" s="10"/>
    </row>
    <row r="41532" spans="14:14">
      <c r="N41532" s="10"/>
    </row>
    <row r="41533" spans="14:14">
      <c r="N41533" s="10"/>
    </row>
    <row r="41534" spans="14:14">
      <c r="N41534" s="10"/>
    </row>
    <row r="41535" spans="14:14">
      <c r="N41535" s="10"/>
    </row>
    <row r="41536" spans="14:14">
      <c r="N41536" s="10"/>
    </row>
    <row r="41537" spans="14:14">
      <c r="N41537" s="10"/>
    </row>
    <row r="41538" spans="14:14">
      <c r="N41538" s="10"/>
    </row>
    <row r="41539" spans="14:14">
      <c r="N41539" s="10"/>
    </row>
    <row r="41540" spans="14:14">
      <c r="N41540" s="10"/>
    </row>
    <row r="41541" spans="14:14">
      <c r="N41541" s="10"/>
    </row>
    <row r="41542" spans="14:14">
      <c r="N41542" s="10"/>
    </row>
    <row r="41543" spans="14:14">
      <c r="N41543" s="10"/>
    </row>
    <row r="41544" spans="14:14">
      <c r="N41544" s="10"/>
    </row>
    <row r="41545" spans="14:14">
      <c r="N41545" s="10"/>
    </row>
    <row r="41546" spans="14:14">
      <c r="N41546" s="10"/>
    </row>
    <row r="41547" spans="14:14">
      <c r="N41547" s="10"/>
    </row>
    <row r="41548" spans="14:14">
      <c r="N41548" s="10"/>
    </row>
    <row r="41549" spans="14:14">
      <c r="N41549" s="10"/>
    </row>
    <row r="41550" spans="14:14">
      <c r="N41550" s="10"/>
    </row>
    <row r="41551" spans="14:14">
      <c r="N41551" s="10"/>
    </row>
    <row r="41552" spans="14:14">
      <c r="N41552" s="10"/>
    </row>
    <row r="41553" spans="14:14">
      <c r="N41553" s="10"/>
    </row>
    <row r="41554" spans="14:14">
      <c r="N41554" s="10"/>
    </row>
    <row r="41555" spans="14:14">
      <c r="N41555" s="10"/>
    </row>
    <row r="41556" spans="14:14">
      <c r="N41556" s="10"/>
    </row>
    <row r="41557" spans="14:14">
      <c r="N41557" s="10"/>
    </row>
    <row r="41558" spans="14:14">
      <c r="N41558" s="10"/>
    </row>
    <row r="41559" spans="14:14">
      <c r="N41559" s="10"/>
    </row>
    <row r="41560" spans="14:14">
      <c r="N41560" s="10"/>
    </row>
    <row r="41561" spans="14:14">
      <c r="N41561" s="10"/>
    </row>
    <row r="41562" spans="14:14">
      <c r="N41562" s="10"/>
    </row>
    <row r="41563" spans="14:14">
      <c r="N41563" s="10"/>
    </row>
    <row r="41564" spans="14:14">
      <c r="N41564" s="10"/>
    </row>
    <row r="41565" spans="14:14">
      <c r="N41565" s="10"/>
    </row>
    <row r="41566" spans="14:14">
      <c r="N41566" s="10"/>
    </row>
    <row r="41567" spans="14:14">
      <c r="N41567" s="10"/>
    </row>
    <row r="41568" spans="14:14">
      <c r="N41568" s="10"/>
    </row>
    <row r="41569" spans="14:14">
      <c r="N41569" s="10"/>
    </row>
    <row r="41570" spans="14:14">
      <c r="N41570" s="10"/>
    </row>
    <row r="41571" spans="14:14">
      <c r="N41571" s="10"/>
    </row>
    <row r="41572" spans="14:14">
      <c r="N41572" s="10"/>
    </row>
    <row r="41573" spans="14:14">
      <c r="N41573" s="10"/>
    </row>
    <row r="41574" spans="14:14">
      <c r="N41574" s="10"/>
    </row>
    <row r="41575" spans="14:14">
      <c r="N41575" s="10"/>
    </row>
    <row r="41576" spans="14:14">
      <c r="N41576" s="10"/>
    </row>
    <row r="41577" spans="14:14">
      <c r="N41577" s="10"/>
    </row>
    <row r="41578" spans="14:14">
      <c r="N41578" s="10"/>
    </row>
    <row r="41579" spans="14:14">
      <c r="N41579" s="10"/>
    </row>
    <row r="41580" spans="14:14">
      <c r="N41580" s="10"/>
    </row>
    <row r="41581" spans="14:14">
      <c r="N41581" s="10"/>
    </row>
    <row r="41582" spans="14:14">
      <c r="N41582" s="10"/>
    </row>
    <row r="41583" spans="14:14">
      <c r="N41583" s="10"/>
    </row>
    <row r="41584" spans="14:14">
      <c r="N41584" s="10"/>
    </row>
    <row r="41585" spans="14:14">
      <c r="N41585" s="10"/>
    </row>
    <row r="41586" spans="14:14">
      <c r="N41586" s="10"/>
    </row>
    <row r="41587" spans="14:14">
      <c r="N41587" s="10"/>
    </row>
    <row r="41588" spans="14:14">
      <c r="N41588" s="10"/>
    </row>
    <row r="41589" spans="14:14">
      <c r="N41589" s="10"/>
    </row>
    <row r="41590" spans="14:14">
      <c r="N41590" s="10"/>
    </row>
    <row r="41591" spans="14:14">
      <c r="N41591" s="10"/>
    </row>
    <row r="41592" spans="14:14">
      <c r="N41592" s="10"/>
    </row>
    <row r="41593" spans="14:14">
      <c r="N41593" s="10"/>
    </row>
    <row r="41594" spans="14:14">
      <c r="N41594" s="10"/>
    </row>
    <row r="41595" spans="14:14">
      <c r="N41595" s="10"/>
    </row>
    <row r="41596" spans="14:14">
      <c r="N41596" s="10"/>
    </row>
    <row r="41597" spans="14:14">
      <c r="N41597" s="10"/>
    </row>
    <row r="41598" spans="14:14">
      <c r="N41598" s="10"/>
    </row>
    <row r="41599" spans="14:14">
      <c r="N41599" s="10"/>
    </row>
    <row r="41600" spans="14:14">
      <c r="N41600" s="10"/>
    </row>
    <row r="41601" spans="14:14">
      <c r="N41601" s="10"/>
    </row>
    <row r="41602" spans="14:14">
      <c r="N41602" s="10"/>
    </row>
    <row r="41603" spans="14:14">
      <c r="N41603" s="10"/>
    </row>
    <row r="41604" spans="14:14">
      <c r="N41604" s="10"/>
    </row>
    <row r="41605" spans="14:14">
      <c r="N41605" s="10"/>
    </row>
    <row r="41606" spans="14:14">
      <c r="N41606" s="10"/>
    </row>
    <row r="41607" spans="14:14">
      <c r="N41607" s="10"/>
    </row>
    <row r="41608" spans="14:14">
      <c r="N41608" s="10"/>
    </row>
    <row r="41609" spans="14:14">
      <c r="N41609" s="10"/>
    </row>
    <row r="41610" spans="14:14">
      <c r="N41610" s="10"/>
    </row>
    <row r="41611" spans="14:14">
      <c r="N41611" s="10"/>
    </row>
    <row r="41612" spans="14:14">
      <c r="N41612" s="10"/>
    </row>
    <row r="41613" spans="14:14">
      <c r="N41613" s="10"/>
    </row>
    <row r="41614" spans="14:14">
      <c r="N41614" s="10"/>
    </row>
    <row r="41615" spans="14:14">
      <c r="N41615" s="10"/>
    </row>
    <row r="41616" spans="14:14">
      <c r="N41616" s="10"/>
    </row>
    <row r="41617" spans="14:14">
      <c r="N41617" s="10"/>
    </row>
    <row r="41618" spans="14:14">
      <c r="N41618" s="10"/>
    </row>
    <row r="41619" spans="14:14">
      <c r="N41619" s="10"/>
    </row>
    <row r="41620" spans="14:14">
      <c r="N41620" s="10"/>
    </row>
    <row r="41621" spans="14:14">
      <c r="N41621" s="10"/>
    </row>
    <row r="41622" spans="14:14">
      <c r="N41622" s="10"/>
    </row>
    <row r="41623" spans="14:14">
      <c r="N41623" s="10"/>
    </row>
    <row r="41624" spans="14:14">
      <c r="N41624" s="10"/>
    </row>
    <row r="41625" spans="14:14">
      <c r="N41625" s="10"/>
    </row>
    <row r="41626" spans="14:14">
      <c r="N41626" s="10"/>
    </row>
    <row r="41627" spans="14:14">
      <c r="N41627" s="10"/>
    </row>
    <row r="41628" spans="14:14">
      <c r="N41628" s="10"/>
    </row>
    <row r="41629" spans="14:14">
      <c r="N41629" s="10"/>
    </row>
    <row r="41630" spans="14:14">
      <c r="N41630" s="10"/>
    </row>
    <row r="41631" spans="14:14">
      <c r="N41631" s="10"/>
    </row>
    <row r="41632" spans="14:14">
      <c r="N41632" s="10"/>
    </row>
    <row r="41633" spans="14:14">
      <c r="N41633" s="10"/>
    </row>
    <row r="41634" spans="14:14">
      <c r="N41634" s="10"/>
    </row>
    <row r="41635" spans="14:14">
      <c r="N41635" s="10"/>
    </row>
    <row r="41636" spans="14:14">
      <c r="N41636" s="10"/>
    </row>
    <row r="41637" spans="14:14">
      <c r="N41637" s="10"/>
    </row>
    <row r="41638" spans="14:14">
      <c r="N41638" s="10"/>
    </row>
    <row r="41639" spans="14:14">
      <c r="N41639" s="10"/>
    </row>
    <row r="41640" spans="14:14">
      <c r="N41640" s="10"/>
    </row>
    <row r="41641" spans="14:14">
      <c r="N41641" s="10"/>
    </row>
    <row r="41642" spans="14:14">
      <c r="N41642" s="10"/>
    </row>
    <row r="41643" spans="14:14">
      <c r="N41643" s="10"/>
    </row>
    <row r="41644" spans="14:14">
      <c r="N41644" s="10"/>
    </row>
    <row r="41645" spans="14:14">
      <c r="N41645" s="10"/>
    </row>
    <row r="41646" spans="14:14">
      <c r="N41646" s="10"/>
    </row>
    <row r="41647" spans="14:14">
      <c r="N41647" s="10"/>
    </row>
    <row r="41648" spans="14:14">
      <c r="N41648" s="10"/>
    </row>
    <row r="41649" spans="14:14">
      <c r="N41649" s="10"/>
    </row>
    <row r="41650" spans="14:14">
      <c r="N41650" s="10"/>
    </row>
    <row r="41651" spans="14:14">
      <c r="N41651" s="10"/>
    </row>
    <row r="41652" spans="14:14">
      <c r="N41652" s="10"/>
    </row>
    <row r="41653" spans="14:14">
      <c r="N41653" s="10"/>
    </row>
    <row r="41654" spans="14:14">
      <c r="N41654" s="10"/>
    </row>
    <row r="41655" spans="14:14">
      <c r="N41655" s="10"/>
    </row>
    <row r="41656" spans="14:14">
      <c r="N41656" s="10"/>
    </row>
    <row r="41657" spans="14:14">
      <c r="N41657" s="10"/>
    </row>
    <row r="41658" spans="14:14">
      <c r="N41658" s="10"/>
    </row>
    <row r="41659" spans="14:14">
      <c r="N41659" s="10"/>
    </row>
    <row r="41660" spans="14:14">
      <c r="N41660" s="10"/>
    </row>
    <row r="41661" spans="14:14">
      <c r="N41661" s="10"/>
    </row>
    <row r="41662" spans="14:14">
      <c r="N41662" s="10"/>
    </row>
    <row r="41663" spans="14:14">
      <c r="N41663" s="10"/>
    </row>
    <row r="41664" spans="14:14">
      <c r="N41664" s="10"/>
    </row>
    <row r="41665" spans="14:14">
      <c r="N41665" s="10"/>
    </row>
    <row r="41666" spans="14:14">
      <c r="N41666" s="10"/>
    </row>
    <row r="41667" spans="14:14">
      <c r="N41667" s="10"/>
    </row>
    <row r="41668" spans="14:14">
      <c r="N41668" s="10"/>
    </row>
    <row r="41669" spans="14:14">
      <c r="N41669" s="10"/>
    </row>
    <row r="41670" spans="14:14">
      <c r="N41670" s="10"/>
    </row>
    <row r="41671" spans="14:14">
      <c r="N41671" s="10"/>
    </row>
    <row r="41672" spans="14:14">
      <c r="N41672" s="10"/>
    </row>
    <row r="41673" spans="14:14">
      <c r="N41673" s="10"/>
    </row>
    <row r="41674" spans="14:14">
      <c r="N41674" s="10"/>
    </row>
    <row r="41675" spans="14:14">
      <c r="N41675" s="10"/>
    </row>
    <row r="41676" spans="14:14">
      <c r="N41676" s="10"/>
    </row>
    <row r="41677" spans="14:14">
      <c r="N41677" s="10"/>
    </row>
    <row r="41678" spans="14:14">
      <c r="N41678" s="10"/>
    </row>
    <row r="41679" spans="14:14">
      <c r="N41679" s="10"/>
    </row>
    <row r="41680" spans="14:14">
      <c r="N41680" s="10"/>
    </row>
    <row r="41681" spans="14:14">
      <c r="N41681" s="10"/>
    </row>
    <row r="41682" spans="14:14">
      <c r="N41682" s="10"/>
    </row>
    <row r="41683" spans="14:14">
      <c r="N41683" s="10"/>
    </row>
    <row r="41684" spans="14:14">
      <c r="N41684" s="10"/>
    </row>
    <row r="41685" spans="14:14">
      <c r="N41685" s="10"/>
    </row>
    <row r="41686" spans="14:14">
      <c r="N41686" s="10"/>
    </row>
    <row r="41687" spans="14:14">
      <c r="N41687" s="10"/>
    </row>
    <row r="41688" spans="14:14">
      <c r="N41688" s="10"/>
    </row>
    <row r="41689" spans="14:14">
      <c r="N41689" s="10"/>
    </row>
    <row r="41690" spans="14:14">
      <c r="N41690" s="10"/>
    </row>
    <row r="41691" spans="14:14">
      <c r="N41691" s="10"/>
    </row>
    <row r="41692" spans="14:14">
      <c r="N41692" s="10"/>
    </row>
    <row r="41693" spans="14:14">
      <c r="N41693" s="10"/>
    </row>
    <row r="41694" spans="14:14">
      <c r="N41694" s="10"/>
    </row>
    <row r="41695" spans="14:14">
      <c r="N41695" s="10"/>
    </row>
    <row r="41696" spans="14:14">
      <c r="N41696" s="10"/>
    </row>
    <row r="41697" spans="14:14">
      <c r="N41697" s="10"/>
    </row>
    <row r="41698" spans="14:14">
      <c r="N41698" s="10"/>
    </row>
    <row r="41699" spans="14:14">
      <c r="N41699" s="10"/>
    </row>
    <row r="41700" spans="14:14">
      <c r="N41700" s="10"/>
    </row>
    <row r="41701" spans="14:14">
      <c r="N41701" s="10"/>
    </row>
    <row r="41702" spans="14:14">
      <c r="N41702" s="10"/>
    </row>
    <row r="41703" spans="14:14">
      <c r="N41703" s="10"/>
    </row>
    <row r="41704" spans="14:14">
      <c r="N41704" s="10"/>
    </row>
    <row r="41705" spans="14:14">
      <c r="N41705" s="10"/>
    </row>
    <row r="41706" spans="14:14">
      <c r="N41706" s="10"/>
    </row>
    <row r="41707" spans="14:14">
      <c r="N41707" s="10"/>
    </row>
    <row r="41708" spans="14:14">
      <c r="N41708" s="10"/>
    </row>
    <row r="41709" spans="14:14">
      <c r="N41709" s="10"/>
    </row>
    <row r="41710" spans="14:14">
      <c r="N41710" s="10"/>
    </row>
    <row r="41711" spans="14:14">
      <c r="N41711" s="10"/>
    </row>
    <row r="41712" spans="14:14">
      <c r="N41712" s="10"/>
    </row>
    <row r="41713" spans="14:14">
      <c r="N41713" s="10"/>
    </row>
    <row r="41714" spans="14:14">
      <c r="N41714" s="10"/>
    </row>
    <row r="41715" spans="14:14">
      <c r="N41715" s="10"/>
    </row>
    <row r="41716" spans="14:14">
      <c r="N41716" s="10"/>
    </row>
    <row r="41717" spans="14:14">
      <c r="N41717" s="10"/>
    </row>
    <row r="41718" spans="14:14">
      <c r="N41718" s="10"/>
    </row>
    <row r="41719" spans="14:14">
      <c r="N41719" s="10"/>
    </row>
    <row r="41720" spans="14:14">
      <c r="N41720" s="10"/>
    </row>
    <row r="41721" spans="14:14">
      <c r="N41721" s="10"/>
    </row>
    <row r="41722" spans="14:14">
      <c r="N41722" s="10"/>
    </row>
    <row r="41723" spans="14:14">
      <c r="N41723" s="10"/>
    </row>
    <row r="41724" spans="14:14">
      <c r="N41724" s="10"/>
    </row>
    <row r="41725" spans="14:14">
      <c r="N41725" s="10"/>
    </row>
    <row r="41726" spans="14:14">
      <c r="N41726" s="10"/>
    </row>
    <row r="41727" spans="14:14">
      <c r="N41727" s="10"/>
    </row>
    <row r="41728" spans="14:14">
      <c r="N41728" s="10"/>
    </row>
    <row r="41729" spans="14:14">
      <c r="N41729" s="10"/>
    </row>
    <row r="41730" spans="14:14">
      <c r="N41730" s="10"/>
    </row>
    <row r="41731" spans="14:14">
      <c r="N41731" s="10"/>
    </row>
    <row r="41732" spans="14:14">
      <c r="N41732" s="10"/>
    </row>
    <row r="41733" spans="14:14">
      <c r="N41733" s="10"/>
    </row>
    <row r="41734" spans="14:14">
      <c r="N41734" s="10"/>
    </row>
    <row r="41735" spans="14:14">
      <c r="N41735" s="10"/>
    </row>
    <row r="41736" spans="14:14">
      <c r="N41736" s="10"/>
    </row>
    <row r="41737" spans="14:14">
      <c r="N41737" s="10"/>
    </row>
    <row r="41738" spans="14:14">
      <c r="N41738" s="10"/>
    </row>
    <row r="41739" spans="14:14">
      <c r="N41739" s="10"/>
    </row>
    <row r="41740" spans="14:14">
      <c r="N41740" s="10"/>
    </row>
    <row r="41741" spans="14:14">
      <c r="N41741" s="10"/>
    </row>
    <row r="41742" spans="14:14">
      <c r="N41742" s="10"/>
    </row>
    <row r="41743" spans="14:14">
      <c r="N41743" s="10"/>
    </row>
    <row r="41744" spans="14:14">
      <c r="N41744" s="10"/>
    </row>
    <row r="41745" spans="14:14">
      <c r="N41745" s="10"/>
    </row>
    <row r="41746" spans="14:14">
      <c r="N41746" s="10"/>
    </row>
    <row r="41747" spans="14:14">
      <c r="N41747" s="10"/>
    </row>
    <row r="41748" spans="14:14">
      <c r="N41748" s="10"/>
    </row>
    <row r="41749" spans="14:14">
      <c r="N41749" s="10"/>
    </row>
    <row r="41750" spans="14:14">
      <c r="N41750" s="10"/>
    </row>
    <row r="41751" spans="14:14">
      <c r="N41751" s="10"/>
    </row>
    <row r="41752" spans="14:14">
      <c r="N41752" s="10"/>
    </row>
    <row r="41753" spans="14:14">
      <c r="N41753" s="10"/>
    </row>
    <row r="41754" spans="14:14">
      <c r="N41754" s="10"/>
    </row>
    <row r="41755" spans="14:14">
      <c r="N41755" s="10"/>
    </row>
    <row r="41756" spans="14:14">
      <c r="N41756" s="10"/>
    </row>
    <row r="41757" spans="14:14">
      <c r="N41757" s="10"/>
    </row>
    <row r="41758" spans="14:14">
      <c r="N41758" s="10"/>
    </row>
    <row r="41759" spans="14:14">
      <c r="N41759" s="10"/>
    </row>
    <row r="41760" spans="14:14">
      <c r="N41760" s="10"/>
    </row>
    <row r="41761" spans="14:14">
      <c r="N41761" s="10"/>
    </row>
    <row r="41762" spans="14:14">
      <c r="N41762" s="10"/>
    </row>
    <row r="41763" spans="14:14">
      <c r="N41763" s="10"/>
    </row>
    <row r="41764" spans="14:14">
      <c r="N41764" s="10"/>
    </row>
    <row r="41765" spans="14:14">
      <c r="N41765" s="10"/>
    </row>
    <row r="41766" spans="14:14">
      <c r="N41766" s="10"/>
    </row>
    <row r="41767" spans="14:14">
      <c r="N41767" s="10"/>
    </row>
    <row r="41768" spans="14:14">
      <c r="N41768" s="10"/>
    </row>
    <row r="41769" spans="14:14">
      <c r="N41769" s="10"/>
    </row>
    <row r="41770" spans="14:14">
      <c r="N41770" s="10"/>
    </row>
    <row r="41771" spans="14:14">
      <c r="N41771" s="10"/>
    </row>
    <row r="41772" spans="14:14">
      <c r="N41772" s="10"/>
    </row>
    <row r="41773" spans="14:14">
      <c r="N41773" s="10"/>
    </row>
    <row r="41774" spans="14:14">
      <c r="N41774" s="10"/>
    </row>
    <row r="41775" spans="14:14">
      <c r="N41775" s="10"/>
    </row>
    <row r="41776" spans="14:14">
      <c r="N41776" s="10"/>
    </row>
    <row r="41777" spans="14:14">
      <c r="N41777" s="10"/>
    </row>
    <row r="41778" spans="14:14">
      <c r="N41778" s="10"/>
    </row>
    <row r="41779" spans="14:14">
      <c r="N41779" s="10"/>
    </row>
    <row r="41780" spans="14:14">
      <c r="N41780" s="10"/>
    </row>
    <row r="41781" spans="14:14">
      <c r="N41781" s="10"/>
    </row>
    <row r="41782" spans="14:14">
      <c r="N41782" s="10"/>
    </row>
    <row r="41783" spans="14:14">
      <c r="N41783" s="10"/>
    </row>
    <row r="41784" spans="14:14">
      <c r="N41784" s="10"/>
    </row>
    <row r="41785" spans="14:14">
      <c r="N41785" s="10"/>
    </row>
    <row r="41786" spans="14:14">
      <c r="N41786" s="10"/>
    </row>
    <row r="41787" spans="14:14">
      <c r="N41787" s="10"/>
    </row>
    <row r="41788" spans="14:14">
      <c r="N41788" s="10"/>
    </row>
    <row r="41789" spans="14:14">
      <c r="N41789" s="10"/>
    </row>
    <row r="41790" spans="14:14">
      <c r="N41790" s="10"/>
    </row>
    <row r="41791" spans="14:14">
      <c r="N41791" s="10"/>
    </row>
    <row r="41792" spans="14:14">
      <c r="N41792" s="10"/>
    </row>
    <row r="41793" spans="14:14">
      <c r="N41793" s="10"/>
    </row>
    <row r="41794" spans="14:14">
      <c r="N41794" s="10"/>
    </row>
    <row r="41795" spans="14:14">
      <c r="N41795" s="10"/>
    </row>
    <row r="41796" spans="14:14">
      <c r="N41796" s="10"/>
    </row>
    <row r="41797" spans="14:14">
      <c r="N41797" s="10"/>
    </row>
    <row r="41798" spans="14:14">
      <c r="N41798" s="10"/>
    </row>
    <row r="41799" spans="14:14">
      <c r="N41799" s="10"/>
    </row>
    <row r="41800" spans="14:14">
      <c r="N41800" s="10"/>
    </row>
    <row r="41801" spans="14:14">
      <c r="N41801" s="10"/>
    </row>
    <row r="41802" spans="14:14">
      <c r="N41802" s="10"/>
    </row>
    <row r="41803" spans="14:14">
      <c r="N41803" s="10"/>
    </row>
    <row r="41804" spans="14:14">
      <c r="N41804" s="10"/>
    </row>
    <row r="41805" spans="14:14">
      <c r="N41805" s="10"/>
    </row>
    <row r="41806" spans="14:14">
      <c r="N41806" s="10"/>
    </row>
    <row r="41807" spans="14:14">
      <c r="N41807" s="10"/>
    </row>
    <row r="41808" spans="14:14">
      <c r="N41808" s="10"/>
    </row>
    <row r="41809" spans="14:14">
      <c r="N41809" s="10"/>
    </row>
    <row r="41810" spans="14:14">
      <c r="N41810" s="10"/>
    </row>
    <row r="41811" spans="14:14">
      <c r="N41811" s="10"/>
    </row>
    <row r="41812" spans="14:14">
      <c r="N41812" s="10"/>
    </row>
    <row r="41813" spans="14:14">
      <c r="N41813" s="10"/>
    </row>
    <row r="41814" spans="14:14">
      <c r="N41814" s="10"/>
    </row>
    <row r="41815" spans="14:14">
      <c r="N41815" s="10"/>
    </row>
    <row r="41816" spans="14:14">
      <c r="N41816" s="10"/>
    </row>
    <row r="41817" spans="14:14">
      <c r="N41817" s="10"/>
    </row>
    <row r="41818" spans="14:14">
      <c r="N41818" s="10"/>
    </row>
    <row r="41819" spans="14:14">
      <c r="N41819" s="10"/>
    </row>
    <row r="41820" spans="14:14">
      <c r="N41820" s="10"/>
    </row>
    <row r="41821" spans="14:14">
      <c r="N41821" s="10"/>
    </row>
    <row r="41822" spans="14:14">
      <c r="N41822" s="10"/>
    </row>
    <row r="41823" spans="14:14">
      <c r="N41823" s="10"/>
    </row>
    <row r="41824" spans="14:14">
      <c r="N41824" s="10"/>
    </row>
    <row r="41825" spans="14:14">
      <c r="N41825" s="10"/>
    </row>
    <row r="41826" spans="14:14">
      <c r="N41826" s="10"/>
    </row>
    <row r="41827" spans="14:14">
      <c r="N41827" s="10"/>
    </row>
    <row r="41828" spans="14:14">
      <c r="N41828" s="10"/>
    </row>
    <row r="41829" spans="14:14">
      <c r="N41829" s="10"/>
    </row>
    <row r="41830" spans="14:14">
      <c r="N41830" s="10"/>
    </row>
    <row r="41831" spans="14:14">
      <c r="N41831" s="10"/>
    </row>
    <row r="41832" spans="14:14">
      <c r="N41832" s="10"/>
    </row>
    <row r="41833" spans="14:14">
      <c r="N41833" s="10"/>
    </row>
    <row r="41834" spans="14:14">
      <c r="N41834" s="10"/>
    </row>
    <row r="41835" spans="14:14">
      <c r="N41835" s="10"/>
    </row>
    <row r="41836" spans="14:14">
      <c r="N41836" s="10"/>
    </row>
    <row r="41837" spans="14:14">
      <c r="N41837" s="10"/>
    </row>
    <row r="41838" spans="14:14">
      <c r="N41838" s="10"/>
    </row>
    <row r="41839" spans="14:14">
      <c r="N41839" s="10"/>
    </row>
    <row r="41840" spans="14:14">
      <c r="N41840" s="10"/>
    </row>
    <row r="41841" spans="14:14">
      <c r="N41841" s="10"/>
    </row>
    <row r="41842" spans="14:14">
      <c r="N41842" s="10"/>
    </row>
    <row r="41843" spans="14:14">
      <c r="N41843" s="10"/>
    </row>
    <row r="41844" spans="14:14">
      <c r="N41844" s="10"/>
    </row>
    <row r="41845" spans="14:14">
      <c r="N41845" s="10"/>
    </row>
    <row r="41846" spans="14:14">
      <c r="N41846" s="10"/>
    </row>
    <row r="41847" spans="14:14">
      <c r="N41847" s="10"/>
    </row>
    <row r="41848" spans="14:14">
      <c r="N41848" s="10"/>
    </row>
    <row r="41849" spans="14:14">
      <c r="N41849" s="10"/>
    </row>
    <row r="41850" spans="14:14">
      <c r="N41850" s="10"/>
    </row>
    <row r="41851" spans="14:14">
      <c r="N41851" s="10"/>
    </row>
    <row r="41852" spans="14:14">
      <c r="N41852" s="10"/>
    </row>
    <row r="41853" spans="14:14">
      <c r="N41853" s="10"/>
    </row>
    <row r="41854" spans="14:14">
      <c r="N41854" s="10"/>
    </row>
    <row r="41855" spans="14:14">
      <c r="N41855" s="10"/>
    </row>
    <row r="41856" spans="14:14">
      <c r="N41856" s="10"/>
    </row>
    <row r="41857" spans="14:14">
      <c r="N41857" s="10"/>
    </row>
    <row r="41858" spans="14:14">
      <c r="N41858" s="10"/>
    </row>
    <row r="41859" spans="14:14">
      <c r="N41859" s="10"/>
    </row>
    <row r="41860" spans="14:14">
      <c r="N41860" s="10"/>
    </row>
    <row r="41861" spans="14:14">
      <c r="N41861" s="10"/>
    </row>
    <row r="41862" spans="14:14">
      <c r="N41862" s="10"/>
    </row>
    <row r="41863" spans="14:14">
      <c r="N41863" s="10"/>
    </row>
    <row r="41864" spans="14:14">
      <c r="N41864" s="10"/>
    </row>
    <row r="41865" spans="14:14">
      <c r="N41865" s="10"/>
    </row>
    <row r="41866" spans="14:14">
      <c r="N41866" s="10"/>
    </row>
    <row r="41867" spans="14:14">
      <c r="N41867" s="10"/>
    </row>
    <row r="41868" spans="14:14">
      <c r="N41868" s="10"/>
    </row>
    <row r="41869" spans="14:14">
      <c r="N41869" s="10"/>
    </row>
    <row r="41870" spans="14:14">
      <c r="N41870" s="10"/>
    </row>
    <row r="41871" spans="14:14">
      <c r="N41871" s="10"/>
    </row>
    <row r="41872" spans="14:14">
      <c r="N41872" s="10"/>
    </row>
    <row r="41873" spans="14:14">
      <c r="N41873" s="10"/>
    </row>
    <row r="41874" spans="14:14">
      <c r="N41874" s="10"/>
    </row>
    <row r="41875" spans="14:14">
      <c r="N41875" s="10"/>
    </row>
    <row r="41876" spans="14:14">
      <c r="N41876" s="10"/>
    </row>
    <row r="41877" spans="14:14">
      <c r="N41877" s="10"/>
    </row>
    <row r="41878" spans="14:14">
      <c r="N41878" s="10"/>
    </row>
    <row r="41879" spans="14:14">
      <c r="N41879" s="10"/>
    </row>
    <row r="41880" spans="14:14">
      <c r="N41880" s="10"/>
    </row>
    <row r="41881" spans="14:14">
      <c r="N41881" s="10"/>
    </row>
    <row r="41882" spans="14:14">
      <c r="N41882" s="10"/>
    </row>
    <row r="41883" spans="14:14">
      <c r="N41883" s="10"/>
    </row>
    <row r="41884" spans="14:14">
      <c r="N41884" s="10"/>
    </row>
    <row r="41885" spans="14:14">
      <c r="N41885" s="10"/>
    </row>
    <row r="41886" spans="14:14">
      <c r="N41886" s="10"/>
    </row>
    <row r="41887" spans="14:14">
      <c r="N41887" s="10"/>
    </row>
    <row r="41888" spans="14:14">
      <c r="N41888" s="10"/>
    </row>
    <row r="41889" spans="14:14">
      <c r="N41889" s="10"/>
    </row>
    <row r="41890" spans="14:14">
      <c r="N41890" s="10"/>
    </row>
    <row r="41891" spans="14:14">
      <c r="N41891" s="10"/>
    </row>
    <row r="41892" spans="14:14">
      <c r="N41892" s="10"/>
    </row>
    <row r="41893" spans="14:14">
      <c r="N41893" s="10"/>
    </row>
    <row r="41894" spans="14:14">
      <c r="N41894" s="10"/>
    </row>
    <row r="41895" spans="14:14">
      <c r="N41895" s="10"/>
    </row>
    <row r="41896" spans="14:14">
      <c r="N41896" s="10"/>
    </row>
    <row r="41897" spans="14:14">
      <c r="N41897" s="10"/>
    </row>
    <row r="41898" spans="14:14">
      <c r="N41898" s="10"/>
    </row>
    <row r="41899" spans="14:14">
      <c r="N41899" s="10"/>
    </row>
    <row r="41900" spans="14:14">
      <c r="N41900" s="10"/>
    </row>
    <row r="41901" spans="14:14">
      <c r="N41901" s="10"/>
    </row>
    <row r="41902" spans="14:14">
      <c r="N41902" s="10"/>
    </row>
    <row r="41903" spans="14:14">
      <c r="N41903" s="10"/>
    </row>
    <row r="41904" spans="14:14">
      <c r="N41904" s="10"/>
    </row>
    <row r="41905" spans="14:14">
      <c r="N41905" s="10"/>
    </row>
    <row r="41906" spans="14:14">
      <c r="N41906" s="10"/>
    </row>
    <row r="41907" spans="14:14">
      <c r="N41907" s="10"/>
    </row>
    <row r="41908" spans="14:14">
      <c r="N41908" s="10"/>
    </row>
    <row r="41909" spans="14:14">
      <c r="N41909" s="10"/>
    </row>
    <row r="41910" spans="14:14">
      <c r="N41910" s="10"/>
    </row>
    <row r="41911" spans="14:14">
      <c r="N41911" s="10"/>
    </row>
    <row r="41912" spans="14:14">
      <c r="N41912" s="10"/>
    </row>
    <row r="41913" spans="14:14">
      <c r="N41913" s="10"/>
    </row>
    <row r="41914" spans="14:14">
      <c r="N41914" s="10"/>
    </row>
    <row r="41915" spans="14:14">
      <c r="N41915" s="10"/>
    </row>
    <row r="41916" spans="14:14">
      <c r="N41916" s="10"/>
    </row>
    <row r="41917" spans="14:14">
      <c r="N41917" s="10"/>
    </row>
    <row r="41918" spans="14:14">
      <c r="N41918" s="10"/>
    </row>
    <row r="41919" spans="14:14">
      <c r="N41919" s="10"/>
    </row>
    <row r="41920" spans="14:14">
      <c r="N41920" s="10"/>
    </row>
    <row r="41921" spans="14:14">
      <c r="N41921" s="10"/>
    </row>
    <row r="41922" spans="14:14">
      <c r="N41922" s="10"/>
    </row>
    <row r="41923" spans="14:14">
      <c r="N41923" s="10"/>
    </row>
    <row r="41924" spans="14:14">
      <c r="N41924" s="10"/>
    </row>
    <row r="41925" spans="14:14">
      <c r="N41925" s="10"/>
    </row>
    <row r="41926" spans="14:14">
      <c r="N41926" s="10"/>
    </row>
    <row r="41927" spans="14:14">
      <c r="N41927" s="10"/>
    </row>
    <row r="41928" spans="14:14">
      <c r="N41928" s="10"/>
    </row>
    <row r="41929" spans="14:14">
      <c r="N41929" s="10"/>
    </row>
    <row r="41930" spans="14:14">
      <c r="N41930" s="10"/>
    </row>
    <row r="41931" spans="14:14">
      <c r="N41931" s="10"/>
    </row>
    <row r="41932" spans="14:14">
      <c r="N41932" s="10"/>
    </row>
    <row r="41933" spans="14:14">
      <c r="N41933" s="10"/>
    </row>
    <row r="41934" spans="14:14">
      <c r="N41934" s="10"/>
    </row>
    <row r="41935" spans="14:14">
      <c r="N41935" s="10"/>
    </row>
    <row r="41936" spans="14:14">
      <c r="N41936" s="10"/>
    </row>
    <row r="41937" spans="14:14">
      <c r="N41937" s="10"/>
    </row>
    <row r="41938" spans="14:14">
      <c r="N41938" s="10"/>
    </row>
    <row r="41939" spans="14:14">
      <c r="N41939" s="10"/>
    </row>
    <row r="41940" spans="14:14">
      <c r="N41940" s="10"/>
    </row>
    <row r="41941" spans="14:14">
      <c r="N41941" s="10"/>
    </row>
    <row r="41942" spans="14:14">
      <c r="N41942" s="10"/>
    </row>
    <row r="41943" spans="14:14">
      <c r="N41943" s="10"/>
    </row>
    <row r="41944" spans="14:14">
      <c r="N41944" s="10"/>
    </row>
    <row r="41945" spans="14:14">
      <c r="N41945" s="10"/>
    </row>
    <row r="41946" spans="14:14">
      <c r="N41946" s="10"/>
    </row>
    <row r="41947" spans="14:14">
      <c r="N41947" s="10"/>
    </row>
    <row r="41948" spans="14:14">
      <c r="N41948" s="10"/>
    </row>
    <row r="41949" spans="14:14">
      <c r="N41949" s="10"/>
    </row>
    <row r="41950" spans="14:14">
      <c r="N41950" s="10"/>
    </row>
    <row r="41951" spans="14:14">
      <c r="N41951" s="10"/>
    </row>
    <row r="41952" spans="14:14">
      <c r="N41952" s="10"/>
    </row>
    <row r="41953" spans="14:14">
      <c r="N41953" s="10"/>
    </row>
    <row r="41954" spans="14:14">
      <c r="N41954" s="10"/>
    </row>
    <row r="41955" spans="14:14">
      <c r="N41955" s="10"/>
    </row>
    <row r="41956" spans="14:14">
      <c r="N41956" s="10"/>
    </row>
    <row r="41957" spans="14:14">
      <c r="N41957" s="10"/>
    </row>
    <row r="41958" spans="14:14">
      <c r="N41958" s="10"/>
    </row>
    <row r="41959" spans="14:14">
      <c r="N41959" s="10"/>
    </row>
    <row r="41960" spans="14:14">
      <c r="N41960" s="10"/>
    </row>
    <row r="41961" spans="14:14">
      <c r="N41961" s="10"/>
    </row>
    <row r="41962" spans="14:14">
      <c r="N41962" s="10"/>
    </row>
    <row r="41963" spans="14:14">
      <c r="N41963" s="10"/>
    </row>
    <row r="41964" spans="14:14">
      <c r="N41964" s="10"/>
    </row>
    <row r="41965" spans="14:14">
      <c r="N41965" s="10"/>
    </row>
    <row r="41966" spans="14:14">
      <c r="N41966" s="10"/>
    </row>
    <row r="41967" spans="14:14">
      <c r="N41967" s="10"/>
    </row>
    <row r="41968" spans="14:14">
      <c r="N41968" s="10"/>
    </row>
    <row r="41969" spans="14:14">
      <c r="N41969" s="10"/>
    </row>
    <row r="41970" spans="14:14">
      <c r="N41970" s="10"/>
    </row>
    <row r="41971" spans="14:14">
      <c r="N41971" s="10"/>
    </row>
    <row r="41972" spans="14:14">
      <c r="N41972" s="10"/>
    </row>
    <row r="41973" spans="14:14">
      <c r="N41973" s="10"/>
    </row>
    <row r="41974" spans="14:14">
      <c r="N41974" s="10"/>
    </row>
    <row r="41975" spans="14:14">
      <c r="N41975" s="10"/>
    </row>
    <row r="41976" spans="14:14">
      <c r="N41976" s="10"/>
    </row>
    <row r="41977" spans="14:14">
      <c r="N41977" s="10"/>
    </row>
    <row r="41978" spans="14:14">
      <c r="N41978" s="10"/>
    </row>
    <row r="41979" spans="14:14">
      <c r="N41979" s="10"/>
    </row>
    <row r="41980" spans="14:14">
      <c r="N41980" s="10"/>
    </row>
    <row r="41981" spans="14:14">
      <c r="N41981" s="10"/>
    </row>
    <row r="41982" spans="14:14">
      <c r="N41982" s="10"/>
    </row>
    <row r="41983" spans="14:14">
      <c r="N41983" s="10"/>
    </row>
    <row r="41984" spans="14:14">
      <c r="N41984" s="10"/>
    </row>
    <row r="41985" spans="14:14">
      <c r="N41985" s="10"/>
    </row>
    <row r="41986" spans="14:14">
      <c r="N41986" s="10"/>
    </row>
    <row r="41987" spans="14:14">
      <c r="N41987" s="10"/>
    </row>
    <row r="41988" spans="14:14">
      <c r="N41988" s="10"/>
    </row>
    <row r="41989" spans="14:14">
      <c r="N41989" s="10"/>
    </row>
    <row r="41990" spans="14:14">
      <c r="N41990" s="10"/>
    </row>
    <row r="41991" spans="14:14">
      <c r="N41991" s="10"/>
    </row>
    <row r="41992" spans="14:14">
      <c r="N41992" s="10"/>
    </row>
    <row r="41993" spans="14:14">
      <c r="N41993" s="10"/>
    </row>
    <row r="41994" spans="14:14">
      <c r="N41994" s="10"/>
    </row>
    <row r="41995" spans="14:14">
      <c r="N41995" s="10"/>
    </row>
    <row r="41996" spans="14:14">
      <c r="N41996" s="10"/>
    </row>
    <row r="41997" spans="14:14">
      <c r="N41997" s="10"/>
    </row>
    <row r="41998" spans="14:14">
      <c r="N41998" s="10"/>
    </row>
    <row r="41999" spans="14:14">
      <c r="N41999" s="10"/>
    </row>
    <row r="42000" spans="14:14">
      <c r="N42000" s="10"/>
    </row>
    <row r="42001" spans="14:14">
      <c r="N42001" s="10"/>
    </row>
    <row r="42002" spans="14:14">
      <c r="N42002" s="10"/>
    </row>
    <row r="42003" spans="14:14">
      <c r="N42003" s="10"/>
    </row>
    <row r="42004" spans="14:14">
      <c r="N42004" s="10"/>
    </row>
    <row r="42005" spans="14:14">
      <c r="N42005" s="10"/>
    </row>
    <row r="42006" spans="14:14">
      <c r="N42006" s="10"/>
    </row>
    <row r="42007" spans="14:14">
      <c r="N42007" s="10"/>
    </row>
    <row r="42008" spans="14:14">
      <c r="N42008" s="10"/>
    </row>
    <row r="42009" spans="14:14">
      <c r="N42009" s="10"/>
    </row>
    <row r="42010" spans="14:14">
      <c r="N42010" s="10"/>
    </row>
    <row r="42011" spans="14:14">
      <c r="N42011" s="10"/>
    </row>
    <row r="42012" spans="14:14">
      <c r="N42012" s="10"/>
    </row>
    <row r="42013" spans="14:14">
      <c r="N42013" s="10"/>
    </row>
    <row r="42014" spans="14:14">
      <c r="N42014" s="10"/>
    </row>
    <row r="42015" spans="14:14">
      <c r="N42015" s="10"/>
    </row>
    <row r="42016" spans="14:14">
      <c r="N42016" s="10"/>
    </row>
    <row r="42017" spans="14:14">
      <c r="N42017" s="10"/>
    </row>
    <row r="42018" spans="14:14">
      <c r="N42018" s="10"/>
    </row>
    <row r="42019" spans="14:14">
      <c r="N42019" s="10"/>
    </row>
    <row r="42020" spans="14:14">
      <c r="N42020" s="10"/>
    </row>
    <row r="42021" spans="14:14">
      <c r="N42021" s="10"/>
    </row>
    <row r="42022" spans="14:14">
      <c r="N42022" s="10"/>
    </row>
    <row r="42023" spans="14:14">
      <c r="N42023" s="10"/>
    </row>
    <row r="42024" spans="14:14">
      <c r="N42024" s="10"/>
    </row>
    <row r="42025" spans="14:14">
      <c r="N42025" s="10"/>
    </row>
    <row r="42026" spans="14:14">
      <c r="N42026" s="10"/>
    </row>
    <row r="42027" spans="14:14">
      <c r="N42027" s="10"/>
    </row>
    <row r="42028" spans="14:14">
      <c r="N42028" s="10"/>
    </row>
    <row r="42029" spans="14:14">
      <c r="N42029" s="10"/>
    </row>
    <row r="42030" spans="14:14">
      <c r="N42030" s="10"/>
    </row>
    <row r="42031" spans="14:14">
      <c r="N42031" s="10"/>
    </row>
    <row r="42032" spans="14:14">
      <c r="N42032" s="10"/>
    </row>
    <row r="42033" spans="14:14">
      <c r="N42033" s="10"/>
    </row>
    <row r="42034" spans="14:14">
      <c r="N42034" s="10"/>
    </row>
    <row r="42035" spans="14:14">
      <c r="N42035" s="10"/>
    </row>
    <row r="42036" spans="14:14">
      <c r="N42036" s="10"/>
    </row>
    <row r="42037" spans="14:14">
      <c r="N42037" s="10"/>
    </row>
    <row r="42038" spans="14:14">
      <c r="N42038" s="10"/>
    </row>
    <row r="42039" spans="14:14">
      <c r="N42039" s="10"/>
    </row>
    <row r="42040" spans="14:14">
      <c r="N42040" s="10"/>
    </row>
    <row r="42041" spans="14:14">
      <c r="N42041" s="10"/>
    </row>
    <row r="42042" spans="14:14">
      <c r="N42042" s="10"/>
    </row>
    <row r="42043" spans="14:14">
      <c r="N42043" s="10"/>
    </row>
    <row r="42044" spans="14:14">
      <c r="N42044" s="10"/>
    </row>
    <row r="42045" spans="14:14">
      <c r="N42045" s="10"/>
    </row>
    <row r="42046" spans="14:14">
      <c r="N42046" s="10"/>
    </row>
    <row r="42047" spans="14:14">
      <c r="N42047" s="10"/>
    </row>
    <row r="42048" spans="14:14">
      <c r="N42048" s="10"/>
    </row>
    <row r="42049" spans="14:14">
      <c r="N42049" s="10"/>
    </row>
    <row r="42050" spans="14:14">
      <c r="N42050" s="10"/>
    </row>
    <row r="42051" spans="14:14">
      <c r="N42051" s="10"/>
    </row>
    <row r="42052" spans="14:14">
      <c r="N42052" s="10"/>
    </row>
    <row r="42053" spans="14:14">
      <c r="N42053" s="10"/>
    </row>
    <row r="42054" spans="14:14">
      <c r="N42054" s="10"/>
    </row>
    <row r="42055" spans="14:14">
      <c r="N42055" s="10"/>
    </row>
    <row r="42056" spans="14:14">
      <c r="N42056" s="10"/>
    </row>
    <row r="42057" spans="14:14">
      <c r="N42057" s="10"/>
    </row>
    <row r="42058" spans="14:14">
      <c r="N42058" s="10"/>
    </row>
    <row r="42059" spans="14:14">
      <c r="N42059" s="10"/>
    </row>
    <row r="42060" spans="14:14">
      <c r="N42060" s="10"/>
    </row>
    <row r="42061" spans="14:14">
      <c r="N42061" s="10"/>
    </row>
    <row r="42062" spans="14:14">
      <c r="N42062" s="10"/>
    </row>
    <row r="42063" spans="14:14">
      <c r="N42063" s="10"/>
    </row>
    <row r="42064" spans="14:14">
      <c r="N42064" s="10"/>
    </row>
    <row r="42065" spans="14:14">
      <c r="N42065" s="10"/>
    </row>
    <row r="42066" spans="14:14">
      <c r="N42066" s="10"/>
    </row>
    <row r="42067" spans="14:14">
      <c r="N42067" s="10"/>
    </row>
    <row r="42068" spans="14:14">
      <c r="N42068" s="10"/>
    </row>
    <row r="42069" spans="14:14">
      <c r="N42069" s="10"/>
    </row>
    <row r="42070" spans="14:14">
      <c r="N42070" s="10"/>
    </row>
    <row r="42071" spans="14:14">
      <c r="N42071" s="10"/>
    </row>
    <row r="42072" spans="14:14">
      <c r="N42072" s="10"/>
    </row>
    <row r="42073" spans="14:14">
      <c r="N42073" s="10"/>
    </row>
    <row r="42074" spans="14:14">
      <c r="N42074" s="10"/>
    </row>
    <row r="42075" spans="14:14">
      <c r="N42075" s="10"/>
    </row>
    <row r="42076" spans="14:14">
      <c r="N42076" s="10"/>
    </row>
    <row r="42077" spans="14:14">
      <c r="N42077" s="10"/>
    </row>
    <row r="42078" spans="14:14">
      <c r="N42078" s="10"/>
    </row>
    <row r="42079" spans="14:14">
      <c r="N42079" s="10"/>
    </row>
    <row r="42080" spans="14:14">
      <c r="N42080" s="10"/>
    </row>
    <row r="42081" spans="14:14">
      <c r="N42081" s="10"/>
    </row>
    <row r="42082" spans="14:14">
      <c r="N42082" s="10"/>
    </row>
    <row r="42083" spans="14:14">
      <c r="N42083" s="10"/>
    </row>
    <row r="42084" spans="14:14">
      <c r="N42084" s="10"/>
    </row>
    <row r="42085" spans="14:14">
      <c r="N42085" s="10"/>
    </row>
    <row r="42086" spans="14:14">
      <c r="N42086" s="10"/>
    </row>
    <row r="42087" spans="14:14">
      <c r="N42087" s="10"/>
    </row>
    <row r="42088" spans="14:14">
      <c r="N42088" s="10"/>
    </row>
    <row r="42089" spans="14:14">
      <c r="N42089" s="10"/>
    </row>
    <row r="42090" spans="14:14">
      <c r="N42090" s="10"/>
    </row>
    <row r="42091" spans="14:14">
      <c r="N42091" s="10"/>
    </row>
    <row r="42092" spans="14:14">
      <c r="N42092" s="10"/>
    </row>
    <row r="42093" spans="14:14">
      <c r="N42093" s="10"/>
    </row>
    <row r="42094" spans="14:14">
      <c r="N42094" s="10"/>
    </row>
    <row r="42095" spans="14:14">
      <c r="N42095" s="10"/>
    </row>
    <row r="42096" spans="14:14">
      <c r="N42096" s="10"/>
    </row>
    <row r="42097" spans="14:14">
      <c r="N42097" s="10"/>
    </row>
    <row r="42098" spans="14:14">
      <c r="N42098" s="10"/>
    </row>
    <row r="42099" spans="14:14">
      <c r="N42099" s="10"/>
    </row>
    <row r="42100" spans="14:14">
      <c r="N42100" s="10"/>
    </row>
    <row r="42101" spans="14:14">
      <c r="N42101" s="10"/>
    </row>
    <row r="42102" spans="14:14">
      <c r="N42102" s="10"/>
    </row>
    <row r="42103" spans="14:14">
      <c r="N42103" s="10"/>
    </row>
    <row r="42104" spans="14:14">
      <c r="N42104" s="10"/>
    </row>
    <row r="42105" spans="14:14">
      <c r="N42105" s="10"/>
    </row>
    <row r="42106" spans="14:14">
      <c r="N42106" s="10"/>
    </row>
    <row r="42107" spans="14:14">
      <c r="N42107" s="10"/>
    </row>
    <row r="42108" spans="14:14">
      <c r="N42108" s="10"/>
    </row>
    <row r="42109" spans="14:14">
      <c r="N42109" s="10"/>
    </row>
    <row r="42110" spans="14:14">
      <c r="N42110" s="10"/>
    </row>
    <row r="42111" spans="14:14">
      <c r="N42111" s="10"/>
    </row>
    <row r="42112" spans="14:14">
      <c r="N42112" s="10"/>
    </row>
    <row r="42113" spans="14:14">
      <c r="N42113" s="10"/>
    </row>
    <row r="42114" spans="14:14">
      <c r="N42114" s="10"/>
    </row>
    <row r="42115" spans="14:14">
      <c r="N42115" s="10"/>
    </row>
    <row r="42116" spans="14:14">
      <c r="N42116" s="10"/>
    </row>
    <row r="42117" spans="14:14">
      <c r="N42117" s="10"/>
    </row>
    <row r="42118" spans="14:14">
      <c r="N42118" s="10"/>
    </row>
    <row r="42119" spans="14:14">
      <c r="N42119" s="10"/>
    </row>
    <row r="42120" spans="14:14">
      <c r="N42120" s="10"/>
    </row>
    <row r="42121" spans="14:14">
      <c r="N42121" s="10"/>
    </row>
    <row r="42122" spans="14:14">
      <c r="N42122" s="10"/>
    </row>
    <row r="42123" spans="14:14">
      <c r="N42123" s="10"/>
    </row>
    <row r="42124" spans="14:14">
      <c r="N42124" s="10"/>
    </row>
    <row r="42125" spans="14:14">
      <c r="N42125" s="10"/>
    </row>
    <row r="42126" spans="14:14">
      <c r="N42126" s="10"/>
    </row>
    <row r="42127" spans="14:14">
      <c r="N42127" s="10"/>
    </row>
    <row r="42128" spans="14:14">
      <c r="N42128" s="10"/>
    </row>
    <row r="42129" spans="14:14">
      <c r="N42129" s="10"/>
    </row>
    <row r="42130" spans="14:14">
      <c r="N42130" s="10"/>
    </row>
    <row r="42131" spans="14:14">
      <c r="N42131" s="10"/>
    </row>
    <row r="42132" spans="14:14">
      <c r="N42132" s="10"/>
    </row>
    <row r="42133" spans="14:14">
      <c r="N42133" s="10"/>
    </row>
    <row r="42134" spans="14:14">
      <c r="N42134" s="10"/>
    </row>
    <row r="42135" spans="14:14">
      <c r="N42135" s="10"/>
    </row>
    <row r="42136" spans="14:14">
      <c r="N42136" s="10"/>
    </row>
    <row r="42137" spans="14:14">
      <c r="N42137" s="10"/>
    </row>
    <row r="42138" spans="14:14">
      <c r="N42138" s="10"/>
    </row>
    <row r="42139" spans="14:14">
      <c r="N42139" s="10"/>
    </row>
    <row r="42140" spans="14:14">
      <c r="N42140" s="10"/>
    </row>
    <row r="42141" spans="14:14">
      <c r="N42141" s="10"/>
    </row>
    <row r="42142" spans="14:14">
      <c r="N42142" s="10"/>
    </row>
    <row r="42143" spans="14:14">
      <c r="N42143" s="10"/>
    </row>
    <row r="42144" spans="14:14">
      <c r="N42144" s="10"/>
    </row>
    <row r="42145" spans="14:14">
      <c r="N42145" s="10"/>
    </row>
    <row r="42146" spans="14:14">
      <c r="N42146" s="10"/>
    </row>
    <row r="42147" spans="14:14">
      <c r="N42147" s="10"/>
    </row>
    <row r="42148" spans="14:14">
      <c r="N42148" s="10"/>
    </row>
    <row r="42149" spans="14:14">
      <c r="N42149" s="10"/>
    </row>
    <row r="42150" spans="14:14">
      <c r="N42150" s="10"/>
    </row>
    <row r="42151" spans="14:14">
      <c r="N42151" s="10"/>
    </row>
    <row r="42152" spans="14:14">
      <c r="N42152" s="10"/>
    </row>
    <row r="42153" spans="14:14">
      <c r="N42153" s="10"/>
    </row>
    <row r="42154" spans="14:14">
      <c r="N42154" s="10"/>
    </row>
    <row r="42155" spans="14:14">
      <c r="N42155" s="10"/>
    </row>
    <row r="42156" spans="14:14">
      <c r="N42156" s="10"/>
    </row>
    <row r="42157" spans="14:14">
      <c r="N42157" s="10"/>
    </row>
    <row r="42158" spans="14:14">
      <c r="N42158" s="10"/>
    </row>
    <row r="42159" spans="14:14">
      <c r="N42159" s="10"/>
    </row>
    <row r="42160" spans="14:14">
      <c r="N42160" s="10"/>
    </row>
    <row r="42161" spans="14:14">
      <c r="N42161" s="10"/>
    </row>
    <row r="42162" spans="14:14">
      <c r="N42162" s="10"/>
    </row>
    <row r="42163" spans="14:14">
      <c r="N42163" s="10"/>
    </row>
    <row r="42164" spans="14:14">
      <c r="N42164" s="10"/>
    </row>
    <row r="42165" spans="14:14">
      <c r="N42165" s="10"/>
    </row>
    <row r="42166" spans="14:14">
      <c r="N42166" s="10"/>
    </row>
    <row r="42167" spans="14:14">
      <c r="N42167" s="10"/>
    </row>
    <row r="42168" spans="14:14">
      <c r="N42168" s="10"/>
    </row>
    <row r="42169" spans="14:14">
      <c r="N42169" s="10"/>
    </row>
    <row r="42170" spans="14:14">
      <c r="N42170" s="10"/>
    </row>
    <row r="42171" spans="14:14">
      <c r="N42171" s="10"/>
    </row>
    <row r="42172" spans="14:14">
      <c r="N42172" s="10"/>
    </row>
    <row r="42173" spans="14:14">
      <c r="N42173" s="10"/>
    </row>
    <row r="42174" spans="14:14">
      <c r="N42174" s="10"/>
    </row>
    <row r="42175" spans="14:14">
      <c r="N42175" s="10"/>
    </row>
    <row r="42176" spans="14:14">
      <c r="N42176" s="10"/>
    </row>
    <row r="42177" spans="14:14">
      <c r="N42177" s="10"/>
    </row>
    <row r="42178" spans="14:14">
      <c r="N42178" s="10"/>
    </row>
    <row r="42179" spans="14:14">
      <c r="N42179" s="10"/>
    </row>
    <row r="42180" spans="14:14">
      <c r="N42180" s="10"/>
    </row>
    <row r="42181" spans="14:14">
      <c r="N42181" s="10"/>
    </row>
    <row r="42182" spans="14:14">
      <c r="N42182" s="10"/>
    </row>
    <row r="42183" spans="14:14">
      <c r="N42183" s="10"/>
    </row>
    <row r="42184" spans="14:14">
      <c r="N42184" s="10"/>
    </row>
    <row r="42185" spans="14:14">
      <c r="N42185" s="10"/>
    </row>
    <row r="42186" spans="14:14">
      <c r="N42186" s="10"/>
    </row>
    <row r="42187" spans="14:14">
      <c r="N42187" s="10"/>
    </row>
    <row r="42188" spans="14:14">
      <c r="N42188" s="10"/>
    </row>
    <row r="42189" spans="14:14">
      <c r="N42189" s="10"/>
    </row>
    <row r="42190" spans="14:14">
      <c r="N42190" s="10"/>
    </row>
    <row r="42191" spans="14:14">
      <c r="N42191" s="10"/>
    </row>
    <row r="42192" spans="14:14">
      <c r="N42192" s="10"/>
    </row>
    <row r="42193" spans="14:14">
      <c r="N42193" s="10"/>
    </row>
    <row r="42194" spans="14:14">
      <c r="N42194" s="10"/>
    </row>
    <row r="42195" spans="14:14">
      <c r="N42195" s="10"/>
    </row>
    <row r="42196" spans="14:14">
      <c r="N42196" s="10"/>
    </row>
    <row r="42197" spans="14:14">
      <c r="N42197" s="10"/>
    </row>
    <row r="42198" spans="14:14">
      <c r="N42198" s="10"/>
    </row>
    <row r="42199" spans="14:14">
      <c r="N42199" s="10"/>
    </row>
    <row r="42200" spans="14:14">
      <c r="N42200" s="10"/>
    </row>
    <row r="42201" spans="14:14">
      <c r="N42201" s="10"/>
    </row>
    <row r="42202" spans="14:14">
      <c r="N42202" s="10"/>
    </row>
    <row r="42203" spans="14:14">
      <c r="N42203" s="10"/>
    </row>
    <row r="42204" spans="14:14">
      <c r="N42204" s="10"/>
    </row>
    <row r="42205" spans="14:14">
      <c r="N42205" s="10"/>
    </row>
    <row r="42206" spans="14:14">
      <c r="N42206" s="10"/>
    </row>
    <row r="42207" spans="14:14">
      <c r="N42207" s="10"/>
    </row>
    <row r="42208" spans="14:14">
      <c r="N42208" s="10"/>
    </row>
    <row r="42209" spans="14:14">
      <c r="N42209" s="10"/>
    </row>
    <row r="42210" spans="14:14">
      <c r="N42210" s="10"/>
    </row>
    <row r="42211" spans="14:14">
      <c r="N42211" s="10"/>
    </row>
    <row r="42212" spans="14:14">
      <c r="N42212" s="10"/>
    </row>
    <row r="42213" spans="14:14">
      <c r="N42213" s="10"/>
    </row>
    <row r="42214" spans="14:14">
      <c r="N42214" s="10"/>
    </row>
    <row r="42215" spans="14:14">
      <c r="N42215" s="10"/>
    </row>
    <row r="42216" spans="14:14">
      <c r="N42216" s="10"/>
    </row>
    <row r="42217" spans="14:14">
      <c r="N42217" s="10"/>
    </row>
    <row r="42218" spans="14:14">
      <c r="N42218" s="10"/>
    </row>
    <row r="42219" spans="14:14">
      <c r="N42219" s="10"/>
    </row>
    <row r="42220" spans="14:14">
      <c r="N42220" s="10"/>
    </row>
    <row r="42221" spans="14:14">
      <c r="N42221" s="10"/>
    </row>
    <row r="42222" spans="14:14">
      <c r="N42222" s="10"/>
    </row>
    <row r="42223" spans="14:14">
      <c r="N42223" s="10"/>
    </row>
    <row r="42224" spans="14:14">
      <c r="N42224" s="10"/>
    </row>
    <row r="42225" spans="14:14">
      <c r="N42225" s="10"/>
    </row>
    <row r="42226" spans="14:14">
      <c r="N42226" s="10"/>
    </row>
    <row r="42227" spans="14:14">
      <c r="N42227" s="10"/>
    </row>
    <row r="42228" spans="14:14">
      <c r="N42228" s="10"/>
    </row>
    <row r="42229" spans="14:14">
      <c r="N42229" s="10"/>
    </row>
    <row r="42230" spans="14:14">
      <c r="N42230" s="10"/>
    </row>
    <row r="42231" spans="14:14">
      <c r="N42231" s="10"/>
    </row>
    <row r="42232" spans="14:14">
      <c r="N42232" s="10"/>
    </row>
    <row r="42233" spans="14:14">
      <c r="N42233" s="10"/>
    </row>
    <row r="42234" spans="14:14">
      <c r="N42234" s="10"/>
    </row>
    <row r="42235" spans="14:14">
      <c r="N42235" s="10"/>
    </row>
    <row r="42236" spans="14:14">
      <c r="N42236" s="10"/>
    </row>
    <row r="42237" spans="14:14">
      <c r="N42237" s="10"/>
    </row>
    <row r="42238" spans="14:14">
      <c r="N42238" s="10"/>
    </row>
    <row r="42239" spans="14:14">
      <c r="N42239" s="10"/>
    </row>
    <row r="42240" spans="14:14">
      <c r="N42240" s="10"/>
    </row>
    <row r="42241" spans="14:14">
      <c r="N42241" s="10"/>
    </row>
    <row r="42242" spans="14:14">
      <c r="N42242" s="10"/>
    </row>
    <row r="42243" spans="14:14">
      <c r="N42243" s="10"/>
    </row>
    <row r="42244" spans="14:14">
      <c r="N42244" s="10"/>
    </row>
    <row r="42245" spans="14:14">
      <c r="N42245" s="10"/>
    </row>
    <row r="42246" spans="14:14">
      <c r="N42246" s="10"/>
    </row>
    <row r="42247" spans="14:14">
      <c r="N42247" s="10"/>
    </row>
    <row r="42248" spans="14:14">
      <c r="N42248" s="10"/>
    </row>
    <row r="42249" spans="14:14">
      <c r="N42249" s="10"/>
    </row>
    <row r="42250" spans="14:14">
      <c r="N42250" s="10"/>
    </row>
    <row r="42251" spans="14:14">
      <c r="N42251" s="10"/>
    </row>
    <row r="42252" spans="14:14">
      <c r="N42252" s="10"/>
    </row>
    <row r="42253" spans="14:14">
      <c r="N42253" s="10"/>
    </row>
    <row r="42254" spans="14:14">
      <c r="N42254" s="10"/>
    </row>
    <row r="42255" spans="14:14">
      <c r="N42255" s="10"/>
    </row>
    <row r="42256" spans="14:14">
      <c r="N42256" s="10"/>
    </row>
    <row r="42257" spans="14:14">
      <c r="N42257" s="10"/>
    </row>
    <row r="42258" spans="14:14">
      <c r="N42258" s="10"/>
    </row>
    <row r="42259" spans="14:14">
      <c r="N42259" s="10"/>
    </row>
    <row r="42260" spans="14:14">
      <c r="N42260" s="10"/>
    </row>
    <row r="42261" spans="14:14">
      <c r="N42261" s="10"/>
    </row>
    <row r="42262" spans="14:14">
      <c r="N42262" s="10"/>
    </row>
    <row r="42263" spans="14:14">
      <c r="N42263" s="10"/>
    </row>
    <row r="42264" spans="14:14">
      <c r="N42264" s="10"/>
    </row>
    <row r="42265" spans="14:14">
      <c r="N42265" s="10"/>
    </row>
    <row r="42266" spans="14:14">
      <c r="N42266" s="10"/>
    </row>
    <row r="42267" spans="14:14">
      <c r="N42267" s="10"/>
    </row>
    <row r="42268" spans="14:14">
      <c r="N42268" s="10"/>
    </row>
    <row r="42269" spans="14:14">
      <c r="N42269" s="10"/>
    </row>
    <row r="42270" spans="14:14">
      <c r="N42270" s="10"/>
    </row>
    <row r="42271" spans="14:14">
      <c r="N42271" s="10"/>
    </row>
    <row r="42272" spans="14:14">
      <c r="N42272" s="10"/>
    </row>
    <row r="42273" spans="14:14">
      <c r="N42273" s="10"/>
    </row>
    <row r="42274" spans="14:14">
      <c r="N42274" s="10"/>
    </row>
    <row r="42275" spans="14:14">
      <c r="N42275" s="10"/>
    </row>
    <row r="42276" spans="14:14">
      <c r="N42276" s="10"/>
    </row>
    <row r="42277" spans="14:14">
      <c r="N42277" s="10"/>
    </row>
    <row r="42278" spans="14:14">
      <c r="N42278" s="10"/>
    </row>
    <row r="42279" spans="14:14">
      <c r="N42279" s="10"/>
    </row>
    <row r="42280" spans="14:14">
      <c r="N42280" s="10"/>
    </row>
    <row r="42281" spans="14:14">
      <c r="N42281" s="10"/>
    </row>
    <row r="42282" spans="14:14">
      <c r="N42282" s="10"/>
    </row>
    <row r="42283" spans="14:14">
      <c r="N42283" s="10"/>
    </row>
    <row r="42284" spans="14:14">
      <c r="N42284" s="10"/>
    </row>
    <row r="42285" spans="14:14">
      <c r="N42285" s="10"/>
    </row>
    <row r="42286" spans="14:14">
      <c r="N42286" s="10"/>
    </row>
    <row r="42287" spans="14:14">
      <c r="N42287" s="10"/>
    </row>
    <row r="42288" spans="14:14">
      <c r="N42288" s="10"/>
    </row>
    <row r="42289" spans="14:14">
      <c r="N42289" s="10"/>
    </row>
    <row r="42290" spans="14:14">
      <c r="N42290" s="10"/>
    </row>
    <row r="42291" spans="14:14">
      <c r="N42291" s="10"/>
    </row>
    <row r="42292" spans="14:14">
      <c r="N42292" s="10"/>
    </row>
    <row r="42293" spans="14:14">
      <c r="N42293" s="10"/>
    </row>
    <row r="42294" spans="14:14">
      <c r="N42294" s="10"/>
    </row>
    <row r="42295" spans="14:14">
      <c r="N42295" s="10"/>
    </row>
    <row r="42296" spans="14:14">
      <c r="N42296" s="10"/>
    </row>
    <row r="42297" spans="14:14">
      <c r="N42297" s="10"/>
    </row>
    <row r="42298" spans="14:14">
      <c r="N42298" s="10"/>
    </row>
    <row r="42299" spans="14:14">
      <c r="N42299" s="10"/>
    </row>
    <row r="42300" spans="14:14">
      <c r="N42300" s="10"/>
    </row>
    <row r="42301" spans="14:14">
      <c r="N42301" s="10"/>
    </row>
    <row r="42302" spans="14:14">
      <c r="N42302" s="10"/>
    </row>
    <row r="42303" spans="14:14">
      <c r="N42303" s="10"/>
    </row>
    <row r="42304" spans="14:14">
      <c r="N42304" s="10"/>
    </row>
    <row r="42305" spans="14:14">
      <c r="N42305" s="10"/>
    </row>
    <row r="42306" spans="14:14">
      <c r="N42306" s="10"/>
    </row>
    <row r="42307" spans="14:14">
      <c r="N42307" s="10"/>
    </row>
    <row r="42308" spans="14:14">
      <c r="N42308" s="10"/>
    </row>
    <row r="42309" spans="14:14">
      <c r="N42309" s="10"/>
    </row>
    <row r="42310" spans="14:14">
      <c r="N42310" s="10"/>
    </row>
    <row r="42311" spans="14:14">
      <c r="N42311" s="10"/>
    </row>
    <row r="42312" spans="14:14">
      <c r="N42312" s="10"/>
    </row>
    <row r="42313" spans="14:14">
      <c r="N42313" s="10"/>
    </row>
    <row r="42314" spans="14:14">
      <c r="N42314" s="10"/>
    </row>
    <row r="42315" spans="14:14">
      <c r="N42315" s="10"/>
    </row>
    <row r="42316" spans="14:14">
      <c r="N42316" s="10"/>
    </row>
    <row r="42317" spans="14:14">
      <c r="N42317" s="10"/>
    </row>
    <row r="42318" spans="14:14">
      <c r="N42318" s="10"/>
    </row>
    <row r="42319" spans="14:14">
      <c r="N42319" s="10"/>
    </row>
    <row r="42320" spans="14:14">
      <c r="N42320" s="10"/>
    </row>
    <row r="42321" spans="14:14">
      <c r="N42321" s="10"/>
    </row>
    <row r="42322" spans="14:14">
      <c r="N42322" s="10"/>
    </row>
    <row r="42323" spans="14:14">
      <c r="N42323" s="10"/>
    </row>
    <row r="42324" spans="14:14">
      <c r="N42324" s="10"/>
    </row>
    <row r="42325" spans="14:14">
      <c r="N42325" s="10"/>
    </row>
    <row r="42326" spans="14:14">
      <c r="N42326" s="10"/>
    </row>
    <row r="42327" spans="14:14">
      <c r="N42327" s="10"/>
    </row>
    <row r="42328" spans="14:14">
      <c r="N42328" s="10"/>
    </row>
    <row r="42329" spans="14:14">
      <c r="N42329" s="10"/>
    </row>
    <row r="42330" spans="14:14">
      <c r="N42330" s="10"/>
    </row>
    <row r="42331" spans="14:14">
      <c r="N42331" s="10"/>
    </row>
    <row r="42332" spans="14:14">
      <c r="N42332" s="10"/>
    </row>
    <row r="42333" spans="14:14">
      <c r="N42333" s="10"/>
    </row>
    <row r="42334" spans="14:14">
      <c r="N42334" s="10"/>
    </row>
    <row r="42335" spans="14:14">
      <c r="N42335" s="10"/>
    </row>
    <row r="42336" spans="14:14">
      <c r="N42336" s="10"/>
    </row>
    <row r="42337" spans="14:14">
      <c r="N42337" s="10"/>
    </row>
    <row r="42338" spans="14:14">
      <c r="N42338" s="10"/>
    </row>
    <row r="42339" spans="14:14">
      <c r="N42339" s="10"/>
    </row>
    <row r="42340" spans="14:14">
      <c r="N42340" s="10"/>
    </row>
    <row r="42341" spans="14:14">
      <c r="N42341" s="10"/>
    </row>
    <row r="42342" spans="14:14">
      <c r="N42342" s="10"/>
    </row>
    <row r="42343" spans="14:14">
      <c r="N42343" s="10"/>
    </row>
    <row r="42344" spans="14:14">
      <c r="N42344" s="10"/>
    </row>
    <row r="42345" spans="14:14">
      <c r="N42345" s="10"/>
    </row>
    <row r="42346" spans="14:14">
      <c r="N42346" s="10"/>
    </row>
    <row r="42347" spans="14:14">
      <c r="N42347" s="10"/>
    </row>
    <row r="42348" spans="14:14">
      <c r="N42348" s="10"/>
    </row>
    <row r="42349" spans="14:14">
      <c r="N42349" s="10"/>
    </row>
    <row r="42350" spans="14:14">
      <c r="N42350" s="10"/>
    </row>
    <row r="42351" spans="14:14">
      <c r="N42351" s="10"/>
    </row>
    <row r="42352" spans="14:14">
      <c r="N42352" s="10"/>
    </row>
    <row r="42353" spans="14:14">
      <c r="N42353" s="10"/>
    </row>
    <row r="42354" spans="14:14">
      <c r="N42354" s="10"/>
    </row>
    <row r="42355" spans="14:14">
      <c r="N42355" s="10"/>
    </row>
    <row r="42356" spans="14:14">
      <c r="N42356" s="10"/>
    </row>
    <row r="42357" spans="14:14">
      <c r="N42357" s="10"/>
    </row>
    <row r="42358" spans="14:14">
      <c r="N42358" s="10"/>
    </row>
    <row r="42359" spans="14:14">
      <c r="N42359" s="10"/>
    </row>
    <row r="42360" spans="14:14">
      <c r="N42360" s="10"/>
    </row>
    <row r="42361" spans="14:14">
      <c r="N42361" s="10"/>
    </row>
    <row r="42362" spans="14:14">
      <c r="N42362" s="10"/>
    </row>
    <row r="42363" spans="14:14">
      <c r="N42363" s="10"/>
    </row>
    <row r="42364" spans="14:14">
      <c r="N42364" s="10"/>
    </row>
    <row r="42365" spans="14:14">
      <c r="N42365" s="10"/>
    </row>
    <row r="42366" spans="14:14">
      <c r="N42366" s="10"/>
    </row>
    <row r="42367" spans="14:14">
      <c r="N42367" s="10"/>
    </row>
    <row r="42368" spans="14:14">
      <c r="N42368" s="10"/>
    </row>
    <row r="42369" spans="14:14">
      <c r="N42369" s="10"/>
    </row>
    <row r="42370" spans="14:14">
      <c r="N42370" s="10"/>
    </row>
    <row r="42371" spans="14:14">
      <c r="N42371" s="10"/>
    </row>
    <row r="42372" spans="14:14">
      <c r="N42372" s="10"/>
    </row>
    <row r="42373" spans="14:14">
      <c r="N42373" s="10"/>
    </row>
    <row r="42374" spans="14:14">
      <c r="N42374" s="10"/>
    </row>
    <row r="42375" spans="14:14">
      <c r="N42375" s="10"/>
    </row>
    <row r="42376" spans="14:14">
      <c r="N42376" s="10"/>
    </row>
    <row r="42377" spans="14:14">
      <c r="N42377" s="10"/>
    </row>
    <row r="42378" spans="14:14">
      <c r="N42378" s="10"/>
    </row>
    <row r="42379" spans="14:14">
      <c r="N42379" s="10"/>
    </row>
    <row r="42380" spans="14:14">
      <c r="N42380" s="10"/>
    </row>
    <row r="42381" spans="14:14">
      <c r="N42381" s="10"/>
    </row>
    <row r="42382" spans="14:14">
      <c r="N42382" s="10"/>
    </row>
    <row r="42383" spans="14:14">
      <c r="N42383" s="10"/>
    </row>
    <row r="42384" spans="14:14">
      <c r="N42384" s="10"/>
    </row>
    <row r="42385" spans="14:14">
      <c r="N42385" s="10"/>
    </row>
    <row r="42386" spans="14:14">
      <c r="N42386" s="10"/>
    </row>
    <row r="42387" spans="14:14">
      <c r="N42387" s="10"/>
    </row>
    <row r="42388" spans="14:14">
      <c r="N42388" s="10"/>
    </row>
    <row r="42389" spans="14:14">
      <c r="N42389" s="10"/>
    </row>
    <row r="42390" spans="14:14">
      <c r="N42390" s="10"/>
    </row>
    <row r="42391" spans="14:14">
      <c r="N42391" s="10"/>
    </row>
    <row r="42392" spans="14:14">
      <c r="N42392" s="10"/>
    </row>
    <row r="42393" spans="14:14">
      <c r="N42393" s="10"/>
    </row>
    <row r="42394" spans="14:14">
      <c r="N42394" s="10"/>
    </row>
    <row r="42395" spans="14:14">
      <c r="N42395" s="10"/>
    </row>
    <row r="42396" spans="14:14">
      <c r="N42396" s="10"/>
    </row>
    <row r="42397" spans="14:14">
      <c r="N42397" s="10"/>
    </row>
    <row r="42398" spans="14:14">
      <c r="N42398" s="10"/>
    </row>
    <row r="42399" spans="14:14">
      <c r="N42399" s="10"/>
    </row>
    <row r="42400" spans="14:14">
      <c r="N42400" s="10"/>
    </row>
    <row r="42401" spans="14:14">
      <c r="N42401" s="10"/>
    </row>
    <row r="42402" spans="14:14">
      <c r="N42402" s="10"/>
    </row>
    <row r="42403" spans="14:14">
      <c r="N42403" s="10"/>
    </row>
    <row r="42404" spans="14:14">
      <c r="N42404" s="10"/>
    </row>
    <row r="42405" spans="14:14">
      <c r="N42405" s="10"/>
    </row>
    <row r="42406" spans="14:14">
      <c r="N42406" s="10"/>
    </row>
    <row r="42407" spans="14:14">
      <c r="N42407" s="10"/>
    </row>
    <row r="42408" spans="14:14">
      <c r="N42408" s="10"/>
    </row>
    <row r="42409" spans="14:14">
      <c r="N42409" s="10"/>
    </row>
    <row r="42410" spans="14:14">
      <c r="N42410" s="10"/>
    </row>
    <row r="42411" spans="14:14">
      <c r="N42411" s="10"/>
    </row>
    <row r="42412" spans="14:14">
      <c r="N42412" s="10"/>
    </row>
    <row r="42413" spans="14:14">
      <c r="N42413" s="10"/>
    </row>
    <row r="42414" spans="14:14">
      <c r="N42414" s="10"/>
    </row>
    <row r="42415" spans="14:14">
      <c r="N42415" s="10"/>
    </row>
    <row r="42416" spans="14:14">
      <c r="N42416" s="10"/>
    </row>
    <row r="42417" spans="14:14">
      <c r="N42417" s="10"/>
    </row>
    <row r="42418" spans="14:14">
      <c r="N42418" s="10"/>
    </row>
    <row r="42419" spans="14:14">
      <c r="N42419" s="10"/>
    </row>
    <row r="42420" spans="14:14">
      <c r="N42420" s="10"/>
    </row>
    <row r="42421" spans="14:14">
      <c r="N42421" s="10"/>
    </row>
    <row r="42422" spans="14:14">
      <c r="N42422" s="10"/>
    </row>
    <row r="42423" spans="14:14">
      <c r="N42423" s="10"/>
    </row>
    <row r="42424" spans="14:14">
      <c r="N42424" s="10"/>
    </row>
    <row r="42425" spans="14:14">
      <c r="N42425" s="10"/>
    </row>
    <row r="42426" spans="14:14">
      <c r="N42426" s="10"/>
    </row>
    <row r="42427" spans="14:14">
      <c r="N42427" s="10"/>
    </row>
    <row r="42428" spans="14:14">
      <c r="N42428" s="10"/>
    </row>
    <row r="42429" spans="14:14">
      <c r="N42429" s="10"/>
    </row>
    <row r="42430" spans="14:14">
      <c r="N42430" s="10"/>
    </row>
    <row r="42431" spans="14:14">
      <c r="N42431" s="10"/>
    </row>
    <row r="42432" spans="14:14">
      <c r="N42432" s="10"/>
    </row>
    <row r="42433" spans="14:14">
      <c r="N42433" s="10"/>
    </row>
    <row r="42434" spans="14:14">
      <c r="N42434" s="10"/>
    </row>
    <row r="42435" spans="14:14">
      <c r="N42435" s="10"/>
    </row>
    <row r="42436" spans="14:14">
      <c r="N42436" s="10"/>
    </row>
    <row r="42437" spans="14:14">
      <c r="N42437" s="10"/>
    </row>
    <row r="42438" spans="14:14">
      <c r="N42438" s="10"/>
    </row>
    <row r="42439" spans="14:14">
      <c r="N42439" s="10"/>
    </row>
    <row r="42440" spans="14:14">
      <c r="N42440" s="10"/>
    </row>
    <row r="42441" spans="14:14">
      <c r="N42441" s="10"/>
    </row>
    <row r="42442" spans="14:14">
      <c r="N42442" s="10"/>
    </row>
    <row r="42443" spans="14:14">
      <c r="N42443" s="10"/>
    </row>
    <row r="42444" spans="14:14">
      <c r="N42444" s="10"/>
    </row>
    <row r="42445" spans="14:14">
      <c r="N42445" s="10"/>
    </row>
    <row r="42446" spans="14:14">
      <c r="N42446" s="10"/>
    </row>
    <row r="42447" spans="14:14">
      <c r="N42447" s="10"/>
    </row>
    <row r="42448" spans="14:14">
      <c r="N42448" s="10"/>
    </row>
    <row r="42449" spans="14:14">
      <c r="N42449" s="10"/>
    </row>
    <row r="42450" spans="14:14">
      <c r="N42450" s="10"/>
    </row>
    <row r="42451" spans="14:14">
      <c r="N42451" s="10"/>
    </row>
    <row r="42452" spans="14:14">
      <c r="N42452" s="10"/>
    </row>
    <row r="42453" spans="14:14">
      <c r="N42453" s="10"/>
    </row>
    <row r="42454" spans="14:14">
      <c r="N42454" s="10"/>
    </row>
    <row r="42455" spans="14:14">
      <c r="N42455" s="10"/>
    </row>
    <row r="42456" spans="14:14">
      <c r="N42456" s="10"/>
    </row>
    <row r="42457" spans="14:14">
      <c r="N42457" s="10"/>
    </row>
    <row r="42458" spans="14:14">
      <c r="N42458" s="10"/>
    </row>
    <row r="42459" spans="14:14">
      <c r="N42459" s="10"/>
    </row>
    <row r="42460" spans="14:14">
      <c r="N42460" s="10"/>
    </row>
    <row r="42461" spans="14:14">
      <c r="N42461" s="10"/>
    </row>
    <row r="42462" spans="14:14">
      <c r="N42462" s="10"/>
    </row>
    <row r="42463" spans="14:14">
      <c r="N42463" s="10"/>
    </row>
    <row r="42464" spans="14:14">
      <c r="N42464" s="10"/>
    </row>
    <row r="42465" spans="14:14">
      <c r="N42465" s="10"/>
    </row>
    <row r="42466" spans="14:14">
      <c r="N42466" s="10"/>
    </row>
    <row r="42467" spans="14:14">
      <c r="N42467" s="10"/>
    </row>
    <row r="42468" spans="14:14">
      <c r="N42468" s="10"/>
    </row>
    <row r="42469" spans="14:14">
      <c r="N42469" s="10"/>
    </row>
    <row r="42470" spans="14:14">
      <c r="N42470" s="10"/>
    </row>
    <row r="42471" spans="14:14">
      <c r="N42471" s="10"/>
    </row>
    <row r="42472" spans="14:14">
      <c r="N42472" s="10"/>
    </row>
    <row r="42473" spans="14:14">
      <c r="N42473" s="10"/>
    </row>
    <row r="42474" spans="14:14">
      <c r="N42474" s="10"/>
    </row>
    <row r="42475" spans="14:14">
      <c r="N42475" s="10"/>
    </row>
    <row r="42476" spans="14:14">
      <c r="N42476" s="10"/>
    </row>
    <row r="42477" spans="14:14">
      <c r="N42477" s="10"/>
    </row>
    <row r="42478" spans="14:14">
      <c r="N42478" s="10"/>
    </row>
    <row r="42479" spans="14:14">
      <c r="N42479" s="10"/>
    </row>
    <row r="42480" spans="14:14">
      <c r="N42480" s="10"/>
    </row>
    <row r="42481" spans="14:14">
      <c r="N42481" s="10"/>
    </row>
    <row r="42482" spans="14:14">
      <c r="N42482" s="10"/>
    </row>
    <row r="42483" spans="14:14">
      <c r="N42483" s="10"/>
    </row>
    <row r="42484" spans="14:14">
      <c r="N42484" s="10"/>
    </row>
    <row r="42485" spans="14:14">
      <c r="N42485" s="10"/>
    </row>
    <row r="42486" spans="14:14">
      <c r="N42486" s="10"/>
    </row>
    <row r="42487" spans="14:14">
      <c r="N42487" s="10"/>
    </row>
    <row r="42488" spans="14:14">
      <c r="N42488" s="10"/>
    </row>
    <row r="42489" spans="14:14">
      <c r="N42489" s="10"/>
    </row>
    <row r="42490" spans="14:14">
      <c r="N42490" s="10"/>
    </row>
    <row r="42491" spans="14:14">
      <c r="N42491" s="10"/>
    </row>
    <row r="42492" spans="14:14">
      <c r="N42492" s="10"/>
    </row>
    <row r="42493" spans="14:14">
      <c r="N42493" s="10"/>
    </row>
    <row r="42494" spans="14:14">
      <c r="N42494" s="10"/>
    </row>
    <row r="42495" spans="14:14">
      <c r="N42495" s="10"/>
    </row>
    <row r="42496" spans="14:14">
      <c r="N42496" s="10"/>
    </row>
    <row r="42497" spans="14:14">
      <c r="N42497" s="10"/>
    </row>
    <row r="42498" spans="14:14">
      <c r="N42498" s="10"/>
    </row>
    <row r="42499" spans="14:14">
      <c r="N42499" s="10"/>
    </row>
    <row r="42500" spans="14:14">
      <c r="N42500" s="10"/>
    </row>
    <row r="42501" spans="14:14">
      <c r="N42501" s="10"/>
    </row>
    <row r="42502" spans="14:14">
      <c r="N42502" s="10"/>
    </row>
    <row r="42503" spans="14:14">
      <c r="N42503" s="10"/>
    </row>
    <row r="42504" spans="14:14">
      <c r="N42504" s="10"/>
    </row>
    <row r="42505" spans="14:14">
      <c r="N42505" s="10"/>
    </row>
    <row r="42506" spans="14:14">
      <c r="N42506" s="10"/>
    </row>
    <row r="42507" spans="14:14">
      <c r="N42507" s="10"/>
    </row>
    <row r="42508" spans="14:14">
      <c r="N42508" s="10"/>
    </row>
    <row r="42509" spans="14:14">
      <c r="N42509" s="10"/>
    </row>
    <row r="42510" spans="14:14">
      <c r="N42510" s="10"/>
    </row>
    <row r="42511" spans="14:14">
      <c r="N42511" s="10"/>
    </row>
    <row r="42512" spans="14:14">
      <c r="N42512" s="10"/>
    </row>
    <row r="42513" spans="14:14">
      <c r="N42513" s="10"/>
    </row>
    <row r="42514" spans="14:14">
      <c r="N42514" s="10"/>
    </row>
    <row r="42515" spans="14:14">
      <c r="N42515" s="10"/>
    </row>
    <row r="42516" spans="14:14">
      <c r="N42516" s="10"/>
    </row>
    <row r="42517" spans="14:14">
      <c r="N42517" s="10"/>
    </row>
    <row r="42518" spans="14:14">
      <c r="N42518" s="10"/>
    </row>
    <row r="42519" spans="14:14">
      <c r="N42519" s="10"/>
    </row>
    <row r="42520" spans="14:14">
      <c r="N42520" s="10"/>
    </row>
    <row r="42521" spans="14:14">
      <c r="N42521" s="10"/>
    </row>
    <row r="42522" spans="14:14">
      <c r="N42522" s="10"/>
    </row>
    <row r="42523" spans="14:14">
      <c r="N42523" s="10"/>
    </row>
    <row r="42524" spans="14:14">
      <c r="N42524" s="10"/>
    </row>
    <row r="42525" spans="14:14">
      <c r="N42525" s="10"/>
    </row>
    <row r="42526" spans="14:14">
      <c r="N42526" s="10"/>
    </row>
    <row r="42527" spans="14:14">
      <c r="N42527" s="10"/>
    </row>
    <row r="42528" spans="14:14">
      <c r="N42528" s="10"/>
    </row>
    <row r="42529" spans="14:14">
      <c r="N42529" s="10"/>
    </row>
    <row r="42530" spans="14:14">
      <c r="N42530" s="10"/>
    </row>
    <row r="42531" spans="14:14">
      <c r="N42531" s="10"/>
    </row>
    <row r="42532" spans="14:14">
      <c r="N42532" s="10"/>
    </row>
    <row r="42533" spans="14:14">
      <c r="N42533" s="10"/>
    </row>
    <row r="42534" spans="14:14">
      <c r="N42534" s="10"/>
    </row>
    <row r="42535" spans="14:14">
      <c r="N42535" s="10"/>
    </row>
    <row r="42536" spans="14:14">
      <c r="N42536" s="10"/>
    </row>
    <row r="42537" spans="14:14">
      <c r="N42537" s="10"/>
    </row>
    <row r="42538" spans="14:14">
      <c r="N42538" s="10"/>
    </row>
    <row r="42539" spans="14:14">
      <c r="N42539" s="10"/>
    </row>
    <row r="42540" spans="14:14">
      <c r="N42540" s="10"/>
    </row>
    <row r="42541" spans="14:14">
      <c r="N42541" s="10"/>
    </row>
    <row r="42542" spans="14:14">
      <c r="N42542" s="10"/>
    </row>
    <row r="42543" spans="14:14">
      <c r="N42543" s="10"/>
    </row>
    <row r="42544" spans="14:14">
      <c r="N42544" s="10"/>
    </row>
    <row r="42545" spans="14:14">
      <c r="N42545" s="10"/>
    </row>
    <row r="42546" spans="14:14">
      <c r="N42546" s="10"/>
    </row>
    <row r="42547" spans="14:14">
      <c r="N42547" s="10"/>
    </row>
    <row r="42548" spans="14:14">
      <c r="N42548" s="10"/>
    </row>
    <row r="42549" spans="14:14">
      <c r="N42549" s="10"/>
    </row>
    <row r="42550" spans="14:14">
      <c r="N42550" s="10"/>
    </row>
    <row r="42551" spans="14:14">
      <c r="N42551" s="10"/>
    </row>
    <row r="42552" spans="14:14">
      <c r="N42552" s="10"/>
    </row>
    <row r="42553" spans="14:14">
      <c r="N42553" s="10"/>
    </row>
    <row r="42554" spans="14:14">
      <c r="N42554" s="10"/>
    </row>
    <row r="42555" spans="14:14">
      <c r="N42555" s="10"/>
    </row>
    <row r="42556" spans="14:14">
      <c r="N42556" s="10"/>
    </row>
    <row r="42557" spans="14:14">
      <c r="N42557" s="10"/>
    </row>
    <row r="42558" spans="14:14">
      <c r="N42558" s="10"/>
    </row>
    <row r="42559" spans="14:14">
      <c r="N42559" s="10"/>
    </row>
    <row r="42560" spans="14:14">
      <c r="N42560" s="10"/>
    </row>
    <row r="42561" spans="14:14">
      <c r="N42561" s="10"/>
    </row>
    <row r="42562" spans="14:14">
      <c r="N42562" s="10"/>
    </row>
    <row r="42563" spans="14:14">
      <c r="N42563" s="10"/>
    </row>
    <row r="42564" spans="14:14">
      <c r="N42564" s="10"/>
    </row>
    <row r="42565" spans="14:14">
      <c r="N42565" s="10"/>
    </row>
    <row r="42566" spans="14:14">
      <c r="N42566" s="10"/>
    </row>
    <row r="42567" spans="14:14">
      <c r="N42567" s="10"/>
    </row>
    <row r="42568" spans="14:14">
      <c r="N42568" s="10"/>
    </row>
    <row r="42569" spans="14:14">
      <c r="N42569" s="10"/>
    </row>
    <row r="42570" spans="14:14">
      <c r="N42570" s="10"/>
    </row>
    <row r="42571" spans="14:14">
      <c r="N42571" s="10"/>
    </row>
    <row r="42572" spans="14:14">
      <c r="N42572" s="10"/>
    </row>
    <row r="42573" spans="14:14">
      <c r="N42573" s="10"/>
    </row>
    <row r="42574" spans="14:14">
      <c r="N42574" s="10"/>
    </row>
    <row r="42575" spans="14:14">
      <c r="N42575" s="10"/>
    </row>
    <row r="42576" spans="14:14">
      <c r="N42576" s="10"/>
    </row>
    <row r="42577" spans="14:14">
      <c r="N42577" s="10"/>
    </row>
    <row r="42578" spans="14:14">
      <c r="N42578" s="10"/>
    </row>
    <row r="42579" spans="14:14">
      <c r="N42579" s="10"/>
    </row>
    <row r="42580" spans="14:14">
      <c r="N42580" s="10"/>
    </row>
    <row r="42581" spans="14:14">
      <c r="N42581" s="10"/>
    </row>
    <row r="42582" spans="14:14">
      <c r="N42582" s="10"/>
    </row>
    <row r="42583" spans="14:14">
      <c r="N42583" s="10"/>
    </row>
    <row r="42584" spans="14:14">
      <c r="N42584" s="10"/>
    </row>
    <row r="42585" spans="14:14">
      <c r="N42585" s="10"/>
    </row>
    <row r="42586" spans="14:14">
      <c r="N42586" s="10"/>
    </row>
    <row r="42587" spans="14:14">
      <c r="N42587" s="10"/>
    </row>
    <row r="42588" spans="14:14">
      <c r="N42588" s="10"/>
    </row>
    <row r="42589" spans="14:14">
      <c r="N42589" s="10"/>
    </row>
    <row r="42590" spans="14:14">
      <c r="N42590" s="10"/>
    </row>
    <row r="42591" spans="14:14">
      <c r="N42591" s="10"/>
    </row>
    <row r="42592" spans="14:14">
      <c r="N42592" s="10"/>
    </row>
    <row r="42593" spans="14:14">
      <c r="N42593" s="10"/>
    </row>
    <row r="42594" spans="14:14">
      <c r="N42594" s="10"/>
    </row>
    <row r="42595" spans="14:14">
      <c r="N42595" s="10"/>
    </row>
    <row r="42596" spans="14:14">
      <c r="N42596" s="10"/>
    </row>
    <row r="42597" spans="14:14">
      <c r="N42597" s="10"/>
    </row>
    <row r="42598" spans="14:14">
      <c r="N42598" s="10"/>
    </row>
    <row r="42599" spans="14:14">
      <c r="N42599" s="10"/>
    </row>
    <row r="42600" spans="14:14">
      <c r="N42600" s="10"/>
    </row>
    <row r="42601" spans="14:14">
      <c r="N42601" s="10"/>
    </row>
    <row r="42602" spans="14:14">
      <c r="N42602" s="10"/>
    </row>
    <row r="42603" spans="14:14">
      <c r="N42603" s="10"/>
    </row>
    <row r="42604" spans="14:14">
      <c r="N42604" s="10"/>
    </row>
    <row r="42605" spans="14:14">
      <c r="N42605" s="10"/>
    </row>
    <row r="42606" spans="14:14">
      <c r="N42606" s="10"/>
    </row>
    <row r="42607" spans="14:14">
      <c r="N42607" s="10"/>
    </row>
    <row r="42608" spans="14:14">
      <c r="N42608" s="10"/>
    </row>
    <row r="42609" spans="14:14">
      <c r="N42609" s="10"/>
    </row>
    <row r="42610" spans="14:14">
      <c r="N42610" s="10"/>
    </row>
    <row r="42611" spans="14:14">
      <c r="N42611" s="10"/>
    </row>
    <row r="42612" spans="14:14">
      <c r="N42612" s="10"/>
    </row>
    <row r="42613" spans="14:14">
      <c r="N42613" s="10"/>
    </row>
    <row r="42614" spans="14:14">
      <c r="N42614" s="10"/>
    </row>
    <row r="42615" spans="14:14">
      <c r="N42615" s="10"/>
    </row>
    <row r="42616" spans="14:14">
      <c r="N42616" s="10"/>
    </row>
    <row r="42617" spans="14:14">
      <c r="N42617" s="10"/>
    </row>
    <row r="42618" spans="14:14">
      <c r="N42618" s="10"/>
    </row>
    <row r="42619" spans="14:14">
      <c r="N42619" s="10"/>
    </row>
    <row r="42620" spans="14:14">
      <c r="N42620" s="10"/>
    </row>
    <row r="42621" spans="14:14">
      <c r="N42621" s="10"/>
    </row>
    <row r="42622" spans="14:14">
      <c r="N42622" s="10"/>
    </row>
    <row r="42623" spans="14:14">
      <c r="N42623" s="10"/>
    </row>
    <row r="42624" spans="14:14">
      <c r="N42624" s="10"/>
    </row>
    <row r="42625" spans="14:14">
      <c r="N42625" s="10"/>
    </row>
    <row r="42626" spans="14:14">
      <c r="N42626" s="10"/>
    </row>
    <row r="42627" spans="14:14">
      <c r="N42627" s="10"/>
    </row>
    <row r="42628" spans="14:14">
      <c r="N42628" s="10"/>
    </row>
    <row r="42629" spans="14:14">
      <c r="N42629" s="10"/>
    </row>
    <row r="42630" spans="14:14">
      <c r="N42630" s="10"/>
    </row>
    <row r="42631" spans="14:14">
      <c r="N42631" s="10"/>
    </row>
    <row r="42632" spans="14:14">
      <c r="N42632" s="10"/>
    </row>
    <row r="42633" spans="14:14">
      <c r="N42633" s="10"/>
    </row>
    <row r="42634" spans="14:14">
      <c r="N42634" s="10"/>
    </row>
    <row r="42635" spans="14:14">
      <c r="N42635" s="10"/>
    </row>
    <row r="42636" spans="14:14">
      <c r="N42636" s="10"/>
    </row>
    <row r="42637" spans="14:14">
      <c r="N42637" s="10"/>
    </row>
    <row r="42638" spans="14:14">
      <c r="N42638" s="10"/>
    </row>
    <row r="42639" spans="14:14">
      <c r="N42639" s="10"/>
    </row>
    <row r="42640" spans="14:14">
      <c r="N42640" s="10"/>
    </row>
    <row r="42641" spans="14:14">
      <c r="N42641" s="10"/>
    </row>
    <row r="42642" spans="14:14">
      <c r="N42642" s="10"/>
    </row>
    <row r="42643" spans="14:14">
      <c r="N42643" s="10"/>
    </row>
    <row r="42644" spans="14:14">
      <c r="N42644" s="10"/>
    </row>
    <row r="42645" spans="14:14">
      <c r="N42645" s="10"/>
    </row>
    <row r="42646" spans="14:14">
      <c r="N42646" s="10"/>
    </row>
    <row r="42647" spans="14:14">
      <c r="N42647" s="10"/>
    </row>
    <row r="42648" spans="14:14">
      <c r="N42648" s="10"/>
    </row>
    <row r="42649" spans="14:14">
      <c r="N42649" s="10"/>
    </row>
    <row r="42650" spans="14:14">
      <c r="N42650" s="10"/>
    </row>
    <row r="42651" spans="14:14">
      <c r="N42651" s="10"/>
    </row>
    <row r="42652" spans="14:14">
      <c r="N42652" s="10"/>
    </row>
    <row r="42653" spans="14:14">
      <c r="N42653" s="10"/>
    </row>
    <row r="42654" spans="14:14">
      <c r="N42654" s="10"/>
    </row>
    <row r="42655" spans="14:14">
      <c r="N42655" s="10"/>
    </row>
    <row r="42656" spans="14:14">
      <c r="N42656" s="10"/>
    </row>
    <row r="42657" spans="14:14">
      <c r="N42657" s="10"/>
    </row>
    <row r="42658" spans="14:14">
      <c r="N42658" s="10"/>
    </row>
    <row r="42659" spans="14:14">
      <c r="N42659" s="10"/>
    </row>
    <row r="42660" spans="14:14">
      <c r="N42660" s="10"/>
    </row>
    <row r="42661" spans="14:14">
      <c r="N42661" s="10"/>
    </row>
    <row r="42662" spans="14:14">
      <c r="N42662" s="10"/>
    </row>
    <row r="42663" spans="14:14">
      <c r="N42663" s="10"/>
    </row>
    <row r="42664" spans="14:14">
      <c r="N42664" s="10"/>
    </row>
    <row r="42665" spans="14:14">
      <c r="N42665" s="10"/>
    </row>
    <row r="42666" spans="14:14">
      <c r="N42666" s="10"/>
    </row>
    <row r="42667" spans="14:14">
      <c r="N42667" s="10"/>
    </row>
    <row r="42668" spans="14:14">
      <c r="N42668" s="10"/>
    </row>
    <row r="42669" spans="14:14">
      <c r="N42669" s="10"/>
    </row>
    <row r="42670" spans="14:14">
      <c r="N42670" s="10"/>
    </row>
    <row r="42671" spans="14:14">
      <c r="N42671" s="10"/>
    </row>
    <row r="42672" spans="14:14">
      <c r="N42672" s="10"/>
    </row>
    <row r="42673" spans="14:14">
      <c r="N42673" s="10"/>
    </row>
    <row r="42674" spans="14:14">
      <c r="N42674" s="10"/>
    </row>
    <row r="42675" spans="14:14">
      <c r="N42675" s="10"/>
    </row>
    <row r="42676" spans="14:14">
      <c r="N42676" s="10"/>
    </row>
    <row r="42677" spans="14:14">
      <c r="N42677" s="10"/>
    </row>
    <row r="42678" spans="14:14">
      <c r="N42678" s="10"/>
    </row>
    <row r="42679" spans="14:14">
      <c r="N42679" s="10"/>
    </row>
    <row r="42680" spans="14:14">
      <c r="N42680" s="10"/>
    </row>
    <row r="42681" spans="14:14">
      <c r="N42681" s="10"/>
    </row>
    <row r="42682" spans="14:14">
      <c r="N42682" s="10"/>
    </row>
    <row r="42683" spans="14:14">
      <c r="N42683" s="10"/>
    </row>
    <row r="42684" spans="14:14">
      <c r="N42684" s="10"/>
    </row>
    <row r="42685" spans="14:14">
      <c r="N42685" s="10"/>
    </row>
    <row r="42686" spans="14:14">
      <c r="N42686" s="10"/>
    </row>
    <row r="42687" spans="14:14">
      <c r="N42687" s="10"/>
    </row>
    <row r="42688" spans="14:14">
      <c r="N42688" s="10"/>
    </row>
    <row r="42689" spans="14:14">
      <c r="N42689" s="10"/>
    </row>
    <row r="42690" spans="14:14">
      <c r="N42690" s="10"/>
    </row>
    <row r="42691" spans="14:14">
      <c r="N42691" s="10"/>
    </row>
    <row r="42692" spans="14:14">
      <c r="N42692" s="10"/>
    </row>
    <row r="42693" spans="14:14">
      <c r="N42693" s="10"/>
    </row>
    <row r="42694" spans="14:14">
      <c r="N42694" s="10"/>
    </row>
    <row r="42695" spans="14:14">
      <c r="N42695" s="10"/>
    </row>
    <row r="42696" spans="14:14">
      <c r="N42696" s="10"/>
    </row>
    <row r="42697" spans="14:14">
      <c r="N42697" s="10"/>
    </row>
    <row r="42698" spans="14:14">
      <c r="N42698" s="10"/>
    </row>
    <row r="42699" spans="14:14">
      <c r="N42699" s="10"/>
    </row>
    <row r="42700" spans="14:14">
      <c r="N42700" s="10"/>
    </row>
    <row r="42701" spans="14:14">
      <c r="N42701" s="10"/>
    </row>
    <row r="42702" spans="14:14">
      <c r="N42702" s="10"/>
    </row>
    <row r="42703" spans="14:14">
      <c r="N42703" s="10"/>
    </row>
    <row r="42704" spans="14:14">
      <c r="N42704" s="10"/>
    </row>
    <row r="42705" spans="14:14">
      <c r="N42705" s="10"/>
    </row>
    <row r="42706" spans="14:14">
      <c r="N42706" s="10"/>
    </row>
    <row r="42707" spans="14:14">
      <c r="N42707" s="10"/>
    </row>
    <row r="42708" spans="14:14">
      <c r="N42708" s="10"/>
    </row>
    <row r="42709" spans="14:14">
      <c r="N42709" s="10"/>
    </row>
    <row r="42710" spans="14:14">
      <c r="N42710" s="10"/>
    </row>
    <row r="42711" spans="14:14">
      <c r="N42711" s="10"/>
    </row>
    <row r="42712" spans="14:14">
      <c r="N42712" s="10"/>
    </row>
    <row r="42713" spans="14:14">
      <c r="N42713" s="10"/>
    </row>
    <row r="42714" spans="14:14">
      <c r="N42714" s="10"/>
    </row>
    <row r="42715" spans="14:14">
      <c r="N42715" s="10"/>
    </row>
    <row r="42716" spans="14:14">
      <c r="N42716" s="10"/>
    </row>
    <row r="42717" spans="14:14">
      <c r="N42717" s="10"/>
    </row>
    <row r="42718" spans="14:14">
      <c r="N42718" s="10"/>
    </row>
    <row r="42719" spans="14:14">
      <c r="N42719" s="10"/>
    </row>
    <row r="42720" spans="14:14">
      <c r="N42720" s="10"/>
    </row>
    <row r="42721" spans="14:14">
      <c r="N42721" s="10"/>
    </row>
    <row r="42722" spans="14:14">
      <c r="N42722" s="10"/>
    </row>
    <row r="42723" spans="14:14">
      <c r="N42723" s="10"/>
    </row>
    <row r="42724" spans="14:14">
      <c r="N42724" s="10"/>
    </row>
    <row r="42725" spans="14:14">
      <c r="N42725" s="10"/>
    </row>
    <row r="42726" spans="14:14">
      <c r="N42726" s="10"/>
    </row>
    <row r="42727" spans="14:14">
      <c r="N42727" s="10"/>
    </row>
    <row r="42728" spans="14:14">
      <c r="N42728" s="10"/>
    </row>
    <row r="42729" spans="14:14">
      <c r="N42729" s="10"/>
    </row>
    <row r="42730" spans="14:14">
      <c r="N42730" s="10"/>
    </row>
    <row r="42731" spans="14:14">
      <c r="N42731" s="10"/>
    </row>
    <row r="42732" spans="14:14">
      <c r="N42732" s="10"/>
    </row>
    <row r="42733" spans="14:14">
      <c r="N42733" s="10"/>
    </row>
    <row r="42734" spans="14:14">
      <c r="N42734" s="10"/>
    </row>
    <row r="42735" spans="14:14">
      <c r="N42735" s="10"/>
    </row>
    <row r="42736" spans="14:14">
      <c r="N42736" s="10"/>
    </row>
    <row r="42737" spans="14:14">
      <c r="N42737" s="10"/>
    </row>
    <row r="42738" spans="14:14">
      <c r="N42738" s="10"/>
    </row>
    <row r="42739" spans="14:14">
      <c r="N42739" s="10"/>
    </row>
    <row r="42740" spans="14:14">
      <c r="N42740" s="10"/>
    </row>
    <row r="42741" spans="14:14">
      <c r="N42741" s="10"/>
    </row>
    <row r="42742" spans="14:14">
      <c r="N42742" s="10"/>
    </row>
    <row r="42743" spans="14:14">
      <c r="N42743" s="10"/>
    </row>
    <row r="42744" spans="14:14">
      <c r="N42744" s="10"/>
    </row>
    <row r="42745" spans="14:14">
      <c r="N42745" s="10"/>
    </row>
    <row r="42746" spans="14:14">
      <c r="N42746" s="10"/>
    </row>
    <row r="42747" spans="14:14">
      <c r="N42747" s="10"/>
    </row>
    <row r="42748" spans="14:14">
      <c r="N42748" s="10"/>
    </row>
    <row r="42749" spans="14:14">
      <c r="N42749" s="10"/>
    </row>
    <row r="42750" spans="14:14">
      <c r="N42750" s="10"/>
    </row>
    <row r="42751" spans="14:14">
      <c r="N42751" s="10"/>
    </row>
    <row r="42752" spans="14:14">
      <c r="N42752" s="10"/>
    </row>
    <row r="42753" spans="14:14">
      <c r="N42753" s="10"/>
    </row>
    <row r="42754" spans="14:14">
      <c r="N42754" s="10"/>
    </row>
    <row r="42755" spans="14:14">
      <c r="N42755" s="10"/>
    </row>
    <row r="42756" spans="14:14">
      <c r="N42756" s="10"/>
    </row>
    <row r="42757" spans="14:14">
      <c r="N42757" s="10"/>
    </row>
    <row r="42758" spans="14:14">
      <c r="N42758" s="10"/>
    </row>
    <row r="42759" spans="14:14">
      <c r="N42759" s="10"/>
    </row>
    <row r="42760" spans="14:14">
      <c r="N42760" s="10"/>
    </row>
    <row r="42761" spans="14:14">
      <c r="N42761" s="10"/>
    </row>
    <row r="42762" spans="14:14">
      <c r="N42762" s="10"/>
    </row>
    <row r="42763" spans="14:14">
      <c r="N42763" s="10"/>
    </row>
    <row r="42764" spans="14:14">
      <c r="N42764" s="10"/>
    </row>
    <row r="42765" spans="14:14">
      <c r="N42765" s="10"/>
    </row>
    <row r="42766" spans="14:14">
      <c r="N42766" s="10"/>
    </row>
    <row r="42767" spans="14:14">
      <c r="N42767" s="10"/>
    </row>
    <row r="42768" spans="14:14">
      <c r="N42768" s="10"/>
    </row>
    <row r="42769" spans="14:14">
      <c r="N42769" s="10"/>
    </row>
    <row r="42770" spans="14:14">
      <c r="N42770" s="10"/>
    </row>
    <row r="42771" spans="14:14">
      <c r="N42771" s="10"/>
    </row>
    <row r="42772" spans="14:14">
      <c r="N42772" s="10"/>
    </row>
    <row r="42773" spans="14:14">
      <c r="N42773" s="10"/>
    </row>
    <row r="42774" spans="14:14">
      <c r="N42774" s="10"/>
    </row>
    <row r="42775" spans="14:14">
      <c r="N42775" s="10"/>
    </row>
    <row r="42776" spans="14:14">
      <c r="N42776" s="10"/>
    </row>
    <row r="42777" spans="14:14">
      <c r="N42777" s="10"/>
    </row>
    <row r="42778" spans="14:14">
      <c r="N42778" s="10"/>
    </row>
    <row r="42779" spans="14:14">
      <c r="N42779" s="10"/>
    </row>
    <row r="42780" spans="14:14">
      <c r="N42780" s="10"/>
    </row>
    <row r="42781" spans="14:14">
      <c r="N42781" s="10"/>
    </row>
    <row r="42782" spans="14:14">
      <c r="N42782" s="10"/>
    </row>
    <row r="42783" spans="14:14">
      <c r="N42783" s="10"/>
    </row>
    <row r="42784" spans="14:14">
      <c r="N42784" s="10"/>
    </row>
    <row r="42785" spans="14:14">
      <c r="N42785" s="10"/>
    </row>
    <row r="42786" spans="14:14">
      <c r="N42786" s="10"/>
    </row>
    <row r="42787" spans="14:14">
      <c r="N42787" s="10"/>
    </row>
    <row r="42788" spans="14:14">
      <c r="N42788" s="10"/>
    </row>
    <row r="42789" spans="14:14">
      <c r="N42789" s="10"/>
    </row>
    <row r="42790" spans="14:14">
      <c r="N42790" s="10"/>
    </row>
    <row r="42791" spans="14:14">
      <c r="N42791" s="10"/>
    </row>
    <row r="42792" spans="14:14">
      <c r="N42792" s="10"/>
    </row>
    <row r="42793" spans="14:14">
      <c r="N42793" s="10"/>
    </row>
    <row r="42794" spans="14:14">
      <c r="N42794" s="10"/>
    </row>
    <row r="42795" spans="14:14">
      <c r="N42795" s="10"/>
    </row>
    <row r="42796" spans="14:14">
      <c r="N42796" s="10"/>
    </row>
    <row r="42797" spans="14:14">
      <c r="N42797" s="10"/>
    </row>
    <row r="42798" spans="14:14">
      <c r="N42798" s="10"/>
    </row>
    <row r="42799" spans="14:14">
      <c r="N42799" s="10"/>
    </row>
    <row r="42800" spans="14:14">
      <c r="N42800" s="10"/>
    </row>
    <row r="42801" spans="14:14">
      <c r="N42801" s="10"/>
    </row>
    <row r="42802" spans="14:14">
      <c r="N42802" s="10"/>
    </row>
    <row r="42803" spans="14:14">
      <c r="N42803" s="10"/>
    </row>
    <row r="42804" spans="14:14">
      <c r="N42804" s="10"/>
    </row>
    <row r="42805" spans="14:14">
      <c r="N42805" s="10"/>
    </row>
    <row r="42806" spans="14:14">
      <c r="N42806" s="10"/>
    </row>
    <row r="42807" spans="14:14">
      <c r="N42807" s="10"/>
    </row>
    <row r="42808" spans="14:14">
      <c r="N42808" s="10"/>
    </row>
    <row r="42809" spans="14:14">
      <c r="N42809" s="10"/>
    </row>
    <row r="42810" spans="14:14">
      <c r="N42810" s="10"/>
    </row>
    <row r="42811" spans="14:14">
      <c r="N42811" s="10"/>
    </row>
    <row r="42812" spans="14:14">
      <c r="N42812" s="10"/>
    </row>
    <row r="42813" spans="14:14">
      <c r="N42813" s="10"/>
    </row>
    <row r="42814" spans="14:14">
      <c r="N42814" s="10"/>
    </row>
    <row r="42815" spans="14:14">
      <c r="N42815" s="10"/>
    </row>
    <row r="42816" spans="14:14">
      <c r="N42816" s="10"/>
    </row>
    <row r="42817" spans="14:14">
      <c r="N42817" s="10"/>
    </row>
    <row r="42818" spans="14:14">
      <c r="N42818" s="10"/>
    </row>
    <row r="42819" spans="14:14">
      <c r="N42819" s="10"/>
    </row>
    <row r="42820" spans="14:14">
      <c r="N42820" s="10"/>
    </row>
    <row r="42821" spans="14:14">
      <c r="N42821" s="10"/>
    </row>
    <row r="42822" spans="14:14">
      <c r="N42822" s="10"/>
    </row>
    <row r="42823" spans="14:14">
      <c r="N42823" s="10"/>
    </row>
    <row r="42824" spans="14:14">
      <c r="N42824" s="10"/>
    </row>
    <row r="42825" spans="14:14">
      <c r="N42825" s="10"/>
    </row>
    <row r="42826" spans="14:14">
      <c r="N42826" s="10"/>
    </row>
    <row r="42827" spans="14:14">
      <c r="N42827" s="10"/>
    </row>
    <row r="42828" spans="14:14">
      <c r="N42828" s="10"/>
    </row>
    <row r="42829" spans="14:14">
      <c r="N42829" s="10"/>
    </row>
    <row r="42830" spans="14:14">
      <c r="N42830" s="10"/>
    </row>
    <row r="42831" spans="14:14">
      <c r="N42831" s="10"/>
    </row>
    <row r="42832" spans="14:14">
      <c r="N42832" s="10"/>
    </row>
    <row r="42833" spans="14:14">
      <c r="N42833" s="10"/>
    </row>
    <row r="42834" spans="14:14">
      <c r="N42834" s="10"/>
    </row>
    <row r="42835" spans="14:14">
      <c r="N42835" s="10"/>
    </row>
    <row r="42836" spans="14:14">
      <c r="N42836" s="10"/>
    </row>
    <row r="42837" spans="14:14">
      <c r="N42837" s="10"/>
    </row>
    <row r="42838" spans="14:14">
      <c r="N42838" s="10"/>
    </row>
    <row r="42839" spans="14:14">
      <c r="N42839" s="10"/>
    </row>
    <row r="42840" spans="14:14">
      <c r="N42840" s="10"/>
    </row>
    <row r="42841" spans="14:14">
      <c r="N42841" s="10"/>
    </row>
    <row r="42842" spans="14:14">
      <c r="N42842" s="10"/>
    </row>
    <row r="42843" spans="14:14">
      <c r="N42843" s="10"/>
    </row>
    <row r="42844" spans="14:14">
      <c r="N42844" s="10"/>
    </row>
    <row r="42845" spans="14:14">
      <c r="N42845" s="10"/>
    </row>
    <row r="42846" spans="14:14">
      <c r="N42846" s="10"/>
    </row>
    <row r="42847" spans="14:14">
      <c r="N42847" s="10"/>
    </row>
    <row r="42848" spans="14:14">
      <c r="N42848" s="10"/>
    </row>
    <row r="42849" spans="14:14">
      <c r="N42849" s="10"/>
    </row>
    <row r="42850" spans="14:14">
      <c r="N42850" s="10"/>
    </row>
    <row r="42851" spans="14:14">
      <c r="N42851" s="10"/>
    </row>
    <row r="42852" spans="14:14">
      <c r="N42852" s="10"/>
    </row>
    <row r="42853" spans="14:14">
      <c r="N42853" s="10"/>
    </row>
    <row r="42854" spans="14:14">
      <c r="N42854" s="10"/>
    </row>
    <row r="42855" spans="14:14">
      <c r="N42855" s="10"/>
    </row>
    <row r="42856" spans="14:14">
      <c r="N42856" s="10"/>
    </row>
    <row r="42857" spans="14:14">
      <c r="N42857" s="10"/>
    </row>
    <row r="42858" spans="14:14">
      <c r="N42858" s="10"/>
    </row>
    <row r="42859" spans="14:14">
      <c r="N42859" s="10"/>
    </row>
    <row r="42860" spans="14:14">
      <c r="N42860" s="10"/>
    </row>
    <row r="42861" spans="14:14">
      <c r="N42861" s="10"/>
    </row>
    <row r="42862" spans="14:14">
      <c r="N42862" s="10"/>
    </row>
    <row r="42863" spans="14:14">
      <c r="N42863" s="10"/>
    </row>
    <row r="42864" spans="14:14">
      <c r="N42864" s="10"/>
    </row>
    <row r="42865" spans="14:14">
      <c r="N42865" s="10"/>
    </row>
    <row r="42866" spans="14:14">
      <c r="N42866" s="10"/>
    </row>
    <row r="42867" spans="14:14">
      <c r="N42867" s="10"/>
    </row>
    <row r="42868" spans="14:14">
      <c r="N42868" s="10"/>
    </row>
    <row r="42869" spans="14:14">
      <c r="N42869" s="10"/>
    </row>
    <row r="42870" spans="14:14">
      <c r="N42870" s="10"/>
    </row>
    <row r="42871" spans="14:14">
      <c r="N42871" s="10"/>
    </row>
    <row r="42872" spans="14:14">
      <c r="N42872" s="10"/>
    </row>
    <row r="42873" spans="14:14">
      <c r="N42873" s="10"/>
    </row>
    <row r="42874" spans="14:14">
      <c r="N42874" s="10"/>
    </row>
    <row r="42875" spans="14:14">
      <c r="N42875" s="10"/>
    </row>
    <row r="42876" spans="14:14">
      <c r="N42876" s="10"/>
    </row>
    <row r="42877" spans="14:14">
      <c r="N42877" s="10"/>
    </row>
    <row r="42878" spans="14:14">
      <c r="N42878" s="10"/>
    </row>
    <row r="42879" spans="14:14">
      <c r="N42879" s="10"/>
    </row>
    <row r="42880" spans="14:14">
      <c r="N42880" s="10"/>
    </row>
    <row r="42881" spans="14:14">
      <c r="N42881" s="10"/>
    </row>
    <row r="42882" spans="14:14">
      <c r="N42882" s="10"/>
    </row>
    <row r="42883" spans="14:14">
      <c r="N42883" s="10"/>
    </row>
    <row r="42884" spans="14:14">
      <c r="N42884" s="10"/>
    </row>
    <row r="42885" spans="14:14">
      <c r="N42885" s="10"/>
    </row>
    <row r="42886" spans="14:14">
      <c r="N42886" s="10"/>
    </row>
    <row r="42887" spans="14:14">
      <c r="N42887" s="10"/>
    </row>
    <row r="42888" spans="14:14">
      <c r="N42888" s="10"/>
    </row>
    <row r="42889" spans="14:14">
      <c r="N42889" s="10"/>
    </row>
    <row r="42890" spans="14:14">
      <c r="N42890" s="10"/>
    </row>
    <row r="42891" spans="14:14">
      <c r="N42891" s="10"/>
    </row>
    <row r="42892" spans="14:14">
      <c r="N42892" s="10"/>
    </row>
    <row r="42893" spans="14:14">
      <c r="N42893" s="10"/>
    </row>
    <row r="42894" spans="14:14">
      <c r="N42894" s="10"/>
    </row>
    <row r="42895" spans="14:14">
      <c r="N42895" s="10"/>
    </row>
    <row r="42896" spans="14:14">
      <c r="N42896" s="10"/>
    </row>
    <row r="42897" spans="14:14">
      <c r="N42897" s="10"/>
    </row>
    <row r="42898" spans="14:14">
      <c r="N42898" s="10"/>
    </row>
    <row r="42899" spans="14:14">
      <c r="N42899" s="10"/>
    </row>
    <row r="42900" spans="14:14">
      <c r="N42900" s="10"/>
    </row>
    <row r="42901" spans="14:14">
      <c r="N42901" s="10"/>
    </row>
    <row r="42902" spans="14:14">
      <c r="N42902" s="10"/>
    </row>
    <row r="42903" spans="14:14">
      <c r="N42903" s="10"/>
    </row>
    <row r="42904" spans="14:14">
      <c r="N42904" s="10"/>
    </row>
    <row r="42905" spans="14:14">
      <c r="N42905" s="10"/>
    </row>
    <row r="42906" spans="14:14">
      <c r="N42906" s="10"/>
    </row>
    <row r="42907" spans="14:14">
      <c r="N42907" s="10"/>
    </row>
    <row r="42908" spans="14:14">
      <c r="N42908" s="10"/>
    </row>
    <row r="42909" spans="14:14">
      <c r="N42909" s="10"/>
    </row>
    <row r="42910" spans="14:14">
      <c r="N42910" s="10"/>
    </row>
    <row r="42911" spans="14:14">
      <c r="N42911" s="10"/>
    </row>
    <row r="42912" spans="14:14">
      <c r="N42912" s="10"/>
    </row>
    <row r="42913" spans="14:14">
      <c r="N42913" s="10"/>
    </row>
    <row r="42914" spans="14:14">
      <c r="N42914" s="10"/>
    </row>
    <row r="42915" spans="14:14">
      <c r="N42915" s="10"/>
    </row>
    <row r="42916" spans="14:14">
      <c r="N42916" s="10"/>
    </row>
    <row r="42917" spans="14:14">
      <c r="N42917" s="10"/>
    </row>
    <row r="42918" spans="14:14">
      <c r="N42918" s="10"/>
    </row>
    <row r="42919" spans="14:14">
      <c r="N42919" s="10"/>
    </row>
    <row r="42920" spans="14:14">
      <c r="N42920" s="10"/>
    </row>
    <row r="42921" spans="14:14">
      <c r="N42921" s="10"/>
    </row>
    <row r="42922" spans="14:14">
      <c r="N42922" s="10"/>
    </row>
    <row r="42923" spans="14:14">
      <c r="N42923" s="10"/>
    </row>
    <row r="42924" spans="14:14">
      <c r="N42924" s="10"/>
    </row>
    <row r="42925" spans="14:14">
      <c r="N42925" s="10"/>
    </row>
    <row r="42926" spans="14:14">
      <c r="N42926" s="10"/>
    </row>
    <row r="42927" spans="14:14">
      <c r="N42927" s="10"/>
    </row>
    <row r="42928" spans="14:14">
      <c r="N42928" s="10"/>
    </row>
    <row r="42929" spans="14:14">
      <c r="N42929" s="10"/>
    </row>
    <row r="42930" spans="14:14">
      <c r="N42930" s="10"/>
    </row>
    <row r="42931" spans="14:14">
      <c r="N42931" s="10"/>
    </row>
    <row r="42932" spans="14:14">
      <c r="N42932" s="10"/>
    </row>
    <row r="42933" spans="14:14">
      <c r="N42933" s="10"/>
    </row>
    <row r="42934" spans="14:14">
      <c r="N42934" s="10"/>
    </row>
    <row r="42935" spans="14:14">
      <c r="N42935" s="10"/>
    </row>
    <row r="42936" spans="14:14">
      <c r="N42936" s="10"/>
    </row>
    <row r="42937" spans="14:14">
      <c r="N42937" s="10"/>
    </row>
    <row r="42938" spans="14:14">
      <c r="N42938" s="10"/>
    </row>
    <row r="42939" spans="14:14">
      <c r="N42939" s="10"/>
    </row>
    <row r="42940" spans="14:14">
      <c r="N42940" s="10"/>
    </row>
    <row r="42941" spans="14:14">
      <c r="N42941" s="10"/>
    </row>
    <row r="42942" spans="14:14">
      <c r="N42942" s="10"/>
    </row>
    <row r="42943" spans="14:14">
      <c r="N42943" s="10"/>
    </row>
    <row r="42944" spans="14:14">
      <c r="N42944" s="10"/>
    </row>
    <row r="42945" spans="14:14">
      <c r="N42945" s="10"/>
    </row>
    <row r="42946" spans="14:14">
      <c r="N42946" s="10"/>
    </row>
    <row r="42947" spans="14:14">
      <c r="N42947" s="10"/>
    </row>
    <row r="42948" spans="14:14">
      <c r="N42948" s="10"/>
    </row>
    <row r="42949" spans="14:14">
      <c r="N42949" s="10"/>
    </row>
    <row r="42950" spans="14:14">
      <c r="N42950" s="10"/>
    </row>
    <row r="42951" spans="14:14">
      <c r="N42951" s="10"/>
    </row>
    <row r="42952" spans="14:14">
      <c r="N42952" s="10"/>
    </row>
    <row r="42953" spans="14:14">
      <c r="N42953" s="10"/>
    </row>
    <row r="42954" spans="14:14">
      <c r="N42954" s="10"/>
    </row>
    <row r="42955" spans="14:14">
      <c r="N42955" s="10"/>
    </row>
    <row r="42956" spans="14:14">
      <c r="N42956" s="10"/>
    </row>
    <row r="42957" spans="14:14">
      <c r="N42957" s="10"/>
    </row>
    <row r="42958" spans="14:14">
      <c r="N42958" s="10"/>
    </row>
    <row r="42959" spans="14:14">
      <c r="N42959" s="10"/>
    </row>
    <row r="42960" spans="14:14">
      <c r="N42960" s="10"/>
    </row>
    <row r="42961" spans="14:14">
      <c r="N42961" s="10"/>
    </row>
    <row r="42962" spans="14:14">
      <c r="N42962" s="10"/>
    </row>
    <row r="42963" spans="14:14">
      <c r="N42963" s="10"/>
    </row>
    <row r="42964" spans="14:14">
      <c r="N42964" s="10"/>
    </row>
    <row r="42965" spans="14:14">
      <c r="N42965" s="10"/>
    </row>
    <row r="42966" spans="14:14">
      <c r="N42966" s="10"/>
    </row>
    <row r="42967" spans="14:14">
      <c r="N42967" s="10"/>
    </row>
    <row r="42968" spans="14:14">
      <c r="N42968" s="10"/>
    </row>
    <row r="42969" spans="14:14">
      <c r="N42969" s="10"/>
    </row>
    <row r="42970" spans="14:14">
      <c r="N42970" s="10"/>
    </row>
    <row r="42971" spans="14:14">
      <c r="N42971" s="10"/>
    </row>
    <row r="42972" spans="14:14">
      <c r="N42972" s="10"/>
    </row>
    <row r="42973" spans="14:14">
      <c r="N42973" s="10"/>
    </row>
    <row r="42974" spans="14:14">
      <c r="N42974" s="10"/>
    </row>
    <row r="42975" spans="14:14">
      <c r="N42975" s="10"/>
    </row>
    <row r="42976" spans="14:14">
      <c r="N42976" s="10"/>
    </row>
    <row r="42977" spans="14:14">
      <c r="N42977" s="10"/>
    </row>
    <row r="42978" spans="14:14">
      <c r="N42978" s="10"/>
    </row>
    <row r="42979" spans="14:14">
      <c r="N42979" s="10"/>
    </row>
    <row r="42980" spans="14:14">
      <c r="N42980" s="10"/>
    </row>
    <row r="42981" spans="14:14">
      <c r="N42981" s="10"/>
    </row>
    <row r="42982" spans="14:14">
      <c r="N42982" s="10"/>
    </row>
    <row r="42983" spans="14:14">
      <c r="N42983" s="10"/>
    </row>
    <row r="42984" spans="14:14">
      <c r="N42984" s="10"/>
    </row>
    <row r="42985" spans="14:14">
      <c r="N42985" s="10"/>
    </row>
    <row r="42986" spans="14:14">
      <c r="N42986" s="10"/>
    </row>
    <row r="42987" spans="14:14">
      <c r="N42987" s="10"/>
    </row>
    <row r="42988" spans="14:14">
      <c r="N42988" s="10"/>
    </row>
    <row r="42989" spans="14:14">
      <c r="N42989" s="10"/>
    </row>
    <row r="42990" spans="14:14">
      <c r="N42990" s="10"/>
    </row>
    <row r="42991" spans="14:14">
      <c r="N42991" s="10"/>
    </row>
    <row r="42992" spans="14:14">
      <c r="N42992" s="10"/>
    </row>
    <row r="42993" spans="14:14">
      <c r="N42993" s="10"/>
    </row>
    <row r="42994" spans="14:14">
      <c r="N42994" s="10"/>
    </row>
    <row r="42995" spans="14:14">
      <c r="N42995" s="10"/>
    </row>
    <row r="42996" spans="14:14">
      <c r="N42996" s="10"/>
    </row>
    <row r="42997" spans="14:14">
      <c r="N42997" s="10"/>
    </row>
    <row r="42998" spans="14:14">
      <c r="N42998" s="10"/>
    </row>
    <row r="42999" spans="14:14">
      <c r="N42999" s="10"/>
    </row>
    <row r="43000" spans="14:14">
      <c r="N43000" s="10"/>
    </row>
    <row r="43001" spans="14:14">
      <c r="N43001" s="10"/>
    </row>
    <row r="43002" spans="14:14">
      <c r="N43002" s="10"/>
    </row>
    <row r="43003" spans="14:14">
      <c r="N43003" s="10"/>
    </row>
    <row r="43004" spans="14:14">
      <c r="N43004" s="10"/>
    </row>
    <row r="43005" spans="14:14">
      <c r="N43005" s="10"/>
    </row>
    <row r="43006" spans="14:14">
      <c r="N43006" s="10"/>
    </row>
    <row r="43007" spans="14:14">
      <c r="N43007" s="10"/>
    </row>
    <row r="43008" spans="14:14">
      <c r="N43008" s="10"/>
    </row>
    <row r="43009" spans="14:14">
      <c r="N43009" s="10"/>
    </row>
    <row r="43010" spans="14:14">
      <c r="N43010" s="10"/>
    </row>
    <row r="43011" spans="14:14">
      <c r="N43011" s="10"/>
    </row>
    <row r="43012" spans="14:14">
      <c r="N43012" s="10"/>
    </row>
    <row r="43013" spans="14:14">
      <c r="N43013" s="10"/>
    </row>
    <row r="43014" spans="14:14">
      <c r="N43014" s="10"/>
    </row>
    <row r="43015" spans="14:14">
      <c r="N43015" s="10"/>
    </row>
    <row r="43016" spans="14:14">
      <c r="N43016" s="10"/>
    </row>
    <row r="43017" spans="14:14">
      <c r="N43017" s="10"/>
    </row>
    <row r="43018" spans="14:14">
      <c r="N43018" s="10"/>
    </row>
    <row r="43019" spans="14:14">
      <c r="N43019" s="10"/>
    </row>
    <row r="43020" spans="14:14">
      <c r="N43020" s="10"/>
    </row>
    <row r="43021" spans="14:14">
      <c r="N43021" s="10"/>
    </row>
    <row r="43022" spans="14:14">
      <c r="N43022" s="10"/>
    </row>
    <row r="43023" spans="14:14">
      <c r="N43023" s="10"/>
    </row>
    <row r="43024" spans="14:14">
      <c r="N43024" s="10"/>
    </row>
    <row r="43025" spans="14:14">
      <c r="N43025" s="10"/>
    </row>
    <row r="43026" spans="14:14">
      <c r="N43026" s="10"/>
    </row>
    <row r="43027" spans="14:14">
      <c r="N43027" s="10"/>
    </row>
    <row r="43028" spans="14:14">
      <c r="N43028" s="10"/>
    </row>
    <row r="43029" spans="14:14">
      <c r="N43029" s="10"/>
    </row>
    <row r="43030" spans="14:14">
      <c r="N43030" s="10"/>
    </row>
    <row r="43031" spans="14:14">
      <c r="N43031" s="10"/>
    </row>
    <row r="43032" spans="14:14">
      <c r="N43032" s="10"/>
    </row>
    <row r="43033" spans="14:14">
      <c r="N43033" s="10"/>
    </row>
    <row r="43034" spans="14:14">
      <c r="N43034" s="10"/>
    </row>
    <row r="43035" spans="14:14">
      <c r="N43035" s="10"/>
    </row>
    <row r="43036" spans="14:14">
      <c r="N43036" s="10"/>
    </row>
    <row r="43037" spans="14:14">
      <c r="N43037" s="10"/>
    </row>
    <row r="43038" spans="14:14">
      <c r="N43038" s="10"/>
    </row>
    <row r="43039" spans="14:14">
      <c r="N43039" s="10"/>
    </row>
    <row r="43040" spans="14:14">
      <c r="N43040" s="10"/>
    </row>
    <row r="43041" spans="14:14">
      <c r="N43041" s="10"/>
    </row>
    <row r="43042" spans="14:14">
      <c r="N43042" s="10"/>
    </row>
    <row r="43043" spans="14:14">
      <c r="N43043" s="10"/>
    </row>
    <row r="43044" spans="14:14">
      <c r="N43044" s="10"/>
    </row>
    <row r="43045" spans="14:14">
      <c r="N43045" s="10"/>
    </row>
    <row r="43046" spans="14:14">
      <c r="N43046" s="10"/>
    </row>
    <row r="43047" spans="14:14">
      <c r="N43047" s="10"/>
    </row>
    <row r="43048" spans="14:14">
      <c r="N43048" s="10"/>
    </row>
    <row r="43049" spans="14:14">
      <c r="N43049" s="10"/>
    </row>
    <row r="43050" spans="14:14">
      <c r="N43050" s="10"/>
    </row>
    <row r="43051" spans="14:14">
      <c r="N43051" s="10"/>
    </row>
    <row r="43052" spans="14:14">
      <c r="N43052" s="10"/>
    </row>
    <row r="43053" spans="14:14">
      <c r="N43053" s="10"/>
    </row>
    <row r="43054" spans="14:14">
      <c r="N43054" s="10"/>
    </row>
    <row r="43055" spans="14:14">
      <c r="N43055" s="10"/>
    </row>
    <row r="43056" spans="14:14">
      <c r="N43056" s="10"/>
    </row>
    <row r="43057" spans="14:14">
      <c r="N43057" s="10"/>
    </row>
    <row r="43058" spans="14:14">
      <c r="N43058" s="10"/>
    </row>
    <row r="43059" spans="14:14">
      <c r="N43059" s="10"/>
    </row>
    <row r="43060" spans="14:14">
      <c r="N43060" s="10"/>
    </row>
    <row r="43061" spans="14:14">
      <c r="N43061" s="10"/>
    </row>
    <row r="43062" spans="14:14">
      <c r="N43062" s="10"/>
    </row>
    <row r="43063" spans="14:14">
      <c r="N43063" s="10"/>
    </row>
    <row r="43064" spans="14:14">
      <c r="N43064" s="10"/>
    </row>
    <row r="43065" spans="14:14">
      <c r="N43065" s="10"/>
    </row>
    <row r="43066" spans="14:14">
      <c r="N43066" s="10"/>
    </row>
    <row r="43067" spans="14:14">
      <c r="N43067" s="10"/>
    </row>
    <row r="43068" spans="14:14">
      <c r="N43068" s="10"/>
    </row>
    <row r="43069" spans="14:14">
      <c r="N43069" s="10"/>
    </row>
    <row r="43070" spans="14:14">
      <c r="N43070" s="10"/>
    </row>
    <row r="43071" spans="14:14">
      <c r="N43071" s="10"/>
    </row>
    <row r="43072" spans="14:14">
      <c r="N43072" s="10"/>
    </row>
    <row r="43073" spans="14:14">
      <c r="N43073" s="10"/>
    </row>
    <row r="43074" spans="14:14">
      <c r="N43074" s="10"/>
    </row>
    <row r="43075" spans="14:14">
      <c r="N43075" s="10"/>
    </row>
    <row r="43076" spans="14:14">
      <c r="N43076" s="10"/>
    </row>
    <row r="43077" spans="14:14">
      <c r="N43077" s="10"/>
    </row>
    <row r="43078" spans="14:14">
      <c r="N43078" s="10"/>
    </row>
    <row r="43079" spans="14:14">
      <c r="N43079" s="10"/>
    </row>
    <row r="43080" spans="14:14">
      <c r="N43080" s="10"/>
    </row>
    <row r="43081" spans="14:14">
      <c r="N43081" s="10"/>
    </row>
    <row r="43082" spans="14:14">
      <c r="N43082" s="10"/>
    </row>
    <row r="43083" spans="14:14">
      <c r="N43083" s="10"/>
    </row>
    <row r="43084" spans="14:14">
      <c r="N43084" s="10"/>
    </row>
    <row r="43085" spans="14:14">
      <c r="N43085" s="10"/>
    </row>
    <row r="43086" spans="14:14">
      <c r="N43086" s="10"/>
    </row>
    <row r="43087" spans="14:14">
      <c r="N43087" s="10"/>
    </row>
    <row r="43088" spans="14:14">
      <c r="N43088" s="10"/>
    </row>
    <row r="43089" spans="14:14">
      <c r="N43089" s="10"/>
    </row>
    <row r="43090" spans="14:14">
      <c r="N43090" s="10"/>
    </row>
    <row r="43091" spans="14:14">
      <c r="N43091" s="10"/>
    </row>
    <row r="43092" spans="14:14">
      <c r="N43092" s="10"/>
    </row>
    <row r="43093" spans="14:14">
      <c r="N43093" s="10"/>
    </row>
    <row r="43094" spans="14:14">
      <c r="N43094" s="10"/>
    </row>
    <row r="43095" spans="14:14">
      <c r="N43095" s="10"/>
    </row>
    <row r="43096" spans="14:14">
      <c r="N43096" s="10"/>
    </row>
    <row r="43097" spans="14:14">
      <c r="N43097" s="10"/>
    </row>
    <row r="43098" spans="14:14">
      <c r="N43098" s="10"/>
    </row>
    <row r="43099" spans="14:14">
      <c r="N43099" s="10"/>
    </row>
    <row r="43100" spans="14:14">
      <c r="N43100" s="10"/>
    </row>
    <row r="43101" spans="14:14">
      <c r="N43101" s="10"/>
    </row>
    <row r="43102" spans="14:14">
      <c r="N43102" s="10"/>
    </row>
    <row r="43103" spans="14:14">
      <c r="N43103" s="10"/>
    </row>
    <row r="43104" spans="14:14">
      <c r="N43104" s="10"/>
    </row>
    <row r="43105" spans="14:14">
      <c r="N43105" s="10"/>
    </row>
    <row r="43106" spans="14:14">
      <c r="N43106" s="10"/>
    </row>
    <row r="43107" spans="14:14">
      <c r="N43107" s="10"/>
    </row>
    <row r="43108" spans="14:14">
      <c r="N43108" s="10"/>
    </row>
    <row r="43109" spans="14:14">
      <c r="N43109" s="10"/>
    </row>
    <row r="43110" spans="14:14">
      <c r="N43110" s="10"/>
    </row>
    <row r="43111" spans="14:14">
      <c r="N43111" s="10"/>
    </row>
    <row r="43112" spans="14:14">
      <c r="N43112" s="10"/>
    </row>
    <row r="43113" spans="14:14">
      <c r="N43113" s="10"/>
    </row>
    <row r="43114" spans="14:14">
      <c r="N43114" s="10"/>
    </row>
    <row r="43115" spans="14:14">
      <c r="N43115" s="10"/>
    </row>
    <row r="43116" spans="14:14">
      <c r="N43116" s="10"/>
    </row>
    <row r="43117" spans="14:14">
      <c r="N43117" s="10"/>
    </row>
    <row r="43118" spans="14:14">
      <c r="N43118" s="10"/>
    </row>
    <row r="43119" spans="14:14">
      <c r="N43119" s="10"/>
    </row>
    <row r="43120" spans="14:14">
      <c r="N43120" s="10"/>
    </row>
    <row r="43121" spans="14:14">
      <c r="N43121" s="10"/>
    </row>
    <row r="43122" spans="14:14">
      <c r="N43122" s="10"/>
    </row>
    <row r="43123" spans="14:14">
      <c r="N43123" s="10"/>
    </row>
    <row r="43124" spans="14:14">
      <c r="N43124" s="10"/>
    </row>
    <row r="43125" spans="14:14">
      <c r="N43125" s="10"/>
    </row>
    <row r="43126" spans="14:14">
      <c r="N43126" s="10"/>
    </row>
    <row r="43127" spans="14:14">
      <c r="N43127" s="10"/>
    </row>
    <row r="43128" spans="14:14">
      <c r="N43128" s="10"/>
    </row>
    <row r="43129" spans="14:14">
      <c r="N43129" s="10"/>
    </row>
    <row r="43130" spans="14:14">
      <c r="N43130" s="10"/>
    </row>
    <row r="43131" spans="14:14">
      <c r="N43131" s="10"/>
    </row>
    <row r="43132" spans="14:14">
      <c r="N43132" s="10"/>
    </row>
    <row r="43133" spans="14:14">
      <c r="N43133" s="10"/>
    </row>
    <row r="43134" spans="14:14">
      <c r="N43134" s="10"/>
    </row>
    <row r="43135" spans="14:14">
      <c r="N43135" s="10"/>
    </row>
    <row r="43136" spans="14:14">
      <c r="N43136" s="10"/>
    </row>
    <row r="43137" spans="14:14">
      <c r="N43137" s="10"/>
    </row>
    <row r="43138" spans="14:14">
      <c r="N43138" s="10"/>
    </row>
    <row r="43139" spans="14:14">
      <c r="N43139" s="10"/>
    </row>
    <row r="43140" spans="14:14">
      <c r="N43140" s="10"/>
    </row>
    <row r="43141" spans="14:14">
      <c r="N43141" s="10"/>
    </row>
    <row r="43142" spans="14:14">
      <c r="N43142" s="10"/>
    </row>
    <row r="43143" spans="14:14">
      <c r="N43143" s="10"/>
    </row>
    <row r="43144" spans="14:14">
      <c r="N43144" s="10"/>
    </row>
    <row r="43145" spans="14:14">
      <c r="N43145" s="10"/>
    </row>
    <row r="43146" spans="14:14">
      <c r="N43146" s="10"/>
    </row>
    <row r="43147" spans="14:14">
      <c r="N43147" s="10"/>
    </row>
    <row r="43148" spans="14:14">
      <c r="N43148" s="10"/>
    </row>
    <row r="43149" spans="14:14">
      <c r="N43149" s="10"/>
    </row>
    <row r="43150" spans="14:14">
      <c r="N43150" s="10"/>
    </row>
    <row r="43151" spans="14:14">
      <c r="N43151" s="10"/>
    </row>
    <row r="43152" spans="14:14">
      <c r="N43152" s="10"/>
    </row>
    <row r="43153" spans="14:14">
      <c r="N43153" s="10"/>
    </row>
    <row r="43154" spans="14:14">
      <c r="N43154" s="10"/>
    </row>
    <row r="43155" spans="14:14">
      <c r="N43155" s="10"/>
    </row>
    <row r="43156" spans="14:14">
      <c r="N43156" s="10"/>
    </row>
    <row r="43157" spans="14:14">
      <c r="N43157" s="10"/>
    </row>
    <row r="43158" spans="14:14">
      <c r="N43158" s="10"/>
    </row>
    <row r="43159" spans="14:14">
      <c r="N43159" s="10"/>
    </row>
    <row r="43160" spans="14:14">
      <c r="N43160" s="10"/>
    </row>
    <row r="43161" spans="14:14">
      <c r="N43161" s="10"/>
    </row>
    <row r="43162" spans="14:14">
      <c r="N43162" s="10"/>
    </row>
    <row r="43163" spans="14:14">
      <c r="N43163" s="10"/>
    </row>
    <row r="43164" spans="14:14">
      <c r="N43164" s="10"/>
    </row>
    <row r="43165" spans="14:14">
      <c r="N43165" s="10"/>
    </row>
    <row r="43166" spans="14:14">
      <c r="N43166" s="10"/>
    </row>
    <row r="43167" spans="14:14">
      <c r="N43167" s="10"/>
    </row>
    <row r="43168" spans="14:14">
      <c r="N43168" s="10"/>
    </row>
    <row r="43169" spans="14:14">
      <c r="N43169" s="10"/>
    </row>
    <row r="43170" spans="14:14">
      <c r="N43170" s="10"/>
    </row>
    <row r="43171" spans="14:14">
      <c r="N43171" s="10"/>
    </row>
    <row r="43172" spans="14:14">
      <c r="N43172" s="10"/>
    </row>
    <row r="43173" spans="14:14">
      <c r="N43173" s="10"/>
    </row>
    <row r="43174" spans="14:14">
      <c r="N43174" s="10"/>
    </row>
    <row r="43175" spans="14:14">
      <c r="N43175" s="10"/>
    </row>
    <row r="43176" spans="14:14">
      <c r="N43176" s="10"/>
    </row>
    <row r="43177" spans="14:14">
      <c r="N43177" s="10"/>
    </row>
    <row r="43178" spans="14:14">
      <c r="N43178" s="10"/>
    </row>
    <row r="43179" spans="14:14">
      <c r="N43179" s="10"/>
    </row>
    <row r="43180" spans="14:14">
      <c r="N43180" s="10"/>
    </row>
    <row r="43181" spans="14:14">
      <c r="N43181" s="10"/>
    </row>
    <row r="43182" spans="14:14">
      <c r="N43182" s="10"/>
    </row>
    <row r="43183" spans="14:14">
      <c r="N43183" s="10"/>
    </row>
    <row r="43184" spans="14:14">
      <c r="N43184" s="10"/>
    </row>
    <row r="43185" spans="14:14">
      <c r="N43185" s="10"/>
    </row>
    <row r="43186" spans="14:14">
      <c r="N43186" s="10"/>
    </row>
    <row r="43187" spans="14:14">
      <c r="N43187" s="10"/>
    </row>
    <row r="43188" spans="14:14">
      <c r="N43188" s="10"/>
    </row>
    <row r="43189" spans="14:14">
      <c r="N43189" s="10"/>
    </row>
    <row r="43190" spans="14:14">
      <c r="N43190" s="10"/>
    </row>
    <row r="43191" spans="14:14">
      <c r="N43191" s="10"/>
    </row>
    <row r="43192" spans="14:14">
      <c r="N43192" s="10"/>
    </row>
    <row r="43193" spans="14:14">
      <c r="N43193" s="10"/>
    </row>
    <row r="43194" spans="14:14">
      <c r="N43194" s="10"/>
    </row>
    <row r="43195" spans="14:14">
      <c r="N43195" s="10"/>
    </row>
    <row r="43196" spans="14:14">
      <c r="N43196" s="10"/>
    </row>
    <row r="43197" spans="14:14">
      <c r="N43197" s="10"/>
    </row>
    <row r="43198" spans="14:14">
      <c r="N43198" s="10"/>
    </row>
    <row r="43199" spans="14:14">
      <c r="N43199" s="10"/>
    </row>
    <row r="43200" spans="14:14">
      <c r="N43200" s="10"/>
    </row>
    <row r="43201" spans="14:14">
      <c r="N43201" s="10"/>
    </row>
    <row r="43202" spans="14:14">
      <c r="N43202" s="10"/>
    </row>
    <row r="43203" spans="14:14">
      <c r="N43203" s="10"/>
    </row>
    <row r="43204" spans="14:14">
      <c r="N43204" s="10"/>
    </row>
    <row r="43205" spans="14:14">
      <c r="N43205" s="10"/>
    </row>
    <row r="43206" spans="14:14">
      <c r="N43206" s="10"/>
    </row>
    <row r="43207" spans="14:14">
      <c r="N43207" s="10"/>
    </row>
    <row r="43208" spans="14:14">
      <c r="N43208" s="10"/>
    </row>
    <row r="43209" spans="14:14">
      <c r="N43209" s="10"/>
    </row>
    <row r="43210" spans="14:14">
      <c r="N43210" s="10"/>
    </row>
    <row r="43211" spans="14:14">
      <c r="N43211" s="10"/>
    </row>
    <row r="43212" spans="14:14">
      <c r="N43212" s="10"/>
    </row>
    <row r="43213" spans="14:14">
      <c r="N43213" s="10"/>
    </row>
    <row r="43214" spans="14:14">
      <c r="N43214" s="10"/>
    </row>
    <row r="43215" spans="14:14">
      <c r="N43215" s="10"/>
    </row>
    <row r="43216" spans="14:14">
      <c r="N43216" s="10"/>
    </row>
    <row r="43217" spans="14:14">
      <c r="N43217" s="10"/>
    </row>
    <row r="43218" spans="14:14">
      <c r="N43218" s="10"/>
    </row>
    <row r="43219" spans="14:14">
      <c r="N43219" s="10"/>
    </row>
    <row r="43220" spans="14:14">
      <c r="N43220" s="10"/>
    </row>
    <row r="43221" spans="14:14">
      <c r="N43221" s="10"/>
    </row>
    <row r="43222" spans="14:14">
      <c r="N43222" s="10"/>
    </row>
    <row r="43223" spans="14:14">
      <c r="N43223" s="10"/>
    </row>
    <row r="43224" spans="14:14">
      <c r="N43224" s="10"/>
    </row>
    <row r="43225" spans="14:14">
      <c r="N43225" s="10"/>
    </row>
    <row r="43226" spans="14:14">
      <c r="N43226" s="10"/>
    </row>
    <row r="43227" spans="14:14">
      <c r="N43227" s="10"/>
    </row>
    <row r="43228" spans="14:14">
      <c r="N43228" s="10"/>
    </row>
    <row r="43229" spans="14:14">
      <c r="N43229" s="10"/>
    </row>
    <row r="43230" spans="14:14">
      <c r="N43230" s="10"/>
    </row>
    <row r="43231" spans="14:14">
      <c r="N43231" s="10"/>
    </row>
    <row r="43232" spans="14:14">
      <c r="N43232" s="10"/>
    </row>
    <row r="43233" spans="14:14">
      <c r="N43233" s="10"/>
    </row>
    <row r="43234" spans="14:14">
      <c r="N43234" s="10"/>
    </row>
    <row r="43235" spans="14:14">
      <c r="N43235" s="10"/>
    </row>
    <row r="43236" spans="14:14">
      <c r="N43236" s="10"/>
    </row>
    <row r="43237" spans="14:14">
      <c r="N43237" s="10"/>
    </row>
    <row r="43238" spans="14:14">
      <c r="N43238" s="10"/>
    </row>
    <row r="43239" spans="14:14">
      <c r="N43239" s="10"/>
    </row>
    <row r="43240" spans="14:14">
      <c r="N43240" s="10"/>
    </row>
    <row r="43241" spans="14:14">
      <c r="N43241" s="10"/>
    </row>
    <row r="43242" spans="14:14">
      <c r="N43242" s="10"/>
    </row>
    <row r="43243" spans="14:14">
      <c r="N43243" s="10"/>
    </row>
    <row r="43244" spans="14:14">
      <c r="N43244" s="10"/>
    </row>
    <row r="43245" spans="14:14">
      <c r="N43245" s="10"/>
    </row>
    <row r="43246" spans="14:14">
      <c r="N43246" s="10"/>
    </row>
    <row r="43247" spans="14:14">
      <c r="N43247" s="10"/>
    </row>
    <row r="43248" spans="14:14">
      <c r="N43248" s="10"/>
    </row>
    <row r="43249" spans="14:14">
      <c r="N43249" s="10"/>
    </row>
    <row r="43250" spans="14:14">
      <c r="N43250" s="10"/>
    </row>
    <row r="43251" spans="14:14">
      <c r="N43251" s="10"/>
    </row>
    <row r="43252" spans="14:14">
      <c r="N43252" s="10"/>
    </row>
    <row r="43253" spans="14:14">
      <c r="N43253" s="10"/>
    </row>
    <row r="43254" spans="14:14">
      <c r="N43254" s="10"/>
    </row>
    <row r="43255" spans="14:14">
      <c r="N43255" s="10"/>
    </row>
    <row r="43256" spans="14:14">
      <c r="N43256" s="10"/>
    </row>
    <row r="43257" spans="14:14">
      <c r="N43257" s="10"/>
    </row>
    <row r="43258" spans="14:14">
      <c r="N43258" s="10"/>
    </row>
    <row r="43259" spans="14:14">
      <c r="N43259" s="10"/>
    </row>
    <row r="43260" spans="14:14">
      <c r="N43260" s="10"/>
    </row>
    <row r="43261" spans="14:14">
      <c r="N43261" s="10"/>
    </row>
    <row r="43262" spans="14:14">
      <c r="N43262" s="10"/>
    </row>
    <row r="43263" spans="14:14">
      <c r="N43263" s="10"/>
    </row>
    <row r="43264" spans="14:14">
      <c r="N43264" s="10"/>
    </row>
    <row r="43265" spans="14:14">
      <c r="N43265" s="10"/>
    </row>
    <row r="43266" spans="14:14">
      <c r="N43266" s="10"/>
    </row>
    <row r="43267" spans="14:14">
      <c r="N43267" s="10"/>
    </row>
    <row r="43268" spans="14:14">
      <c r="N43268" s="10"/>
    </row>
    <row r="43269" spans="14:14">
      <c r="N43269" s="10"/>
    </row>
    <row r="43270" spans="14:14">
      <c r="N43270" s="10"/>
    </row>
    <row r="43271" spans="14:14">
      <c r="N43271" s="10"/>
    </row>
    <row r="43272" spans="14:14">
      <c r="N43272" s="10"/>
    </row>
    <row r="43273" spans="14:14">
      <c r="N43273" s="10"/>
    </row>
    <row r="43274" spans="14:14">
      <c r="N43274" s="10"/>
    </row>
    <row r="43275" spans="14:14">
      <c r="N43275" s="10"/>
    </row>
    <row r="43276" spans="14:14">
      <c r="N43276" s="10"/>
    </row>
    <row r="43277" spans="14:14">
      <c r="N43277" s="10"/>
    </row>
    <row r="43278" spans="14:14">
      <c r="N43278" s="10"/>
    </row>
    <row r="43279" spans="14:14">
      <c r="N43279" s="10"/>
    </row>
    <row r="43280" spans="14:14">
      <c r="N43280" s="10"/>
    </row>
    <row r="43281" spans="14:14">
      <c r="N43281" s="10"/>
    </row>
    <row r="43282" spans="14:14">
      <c r="N43282" s="10"/>
    </row>
    <row r="43283" spans="14:14">
      <c r="N43283" s="10"/>
    </row>
    <row r="43284" spans="14:14">
      <c r="N43284" s="10"/>
    </row>
    <row r="43285" spans="14:14">
      <c r="N43285" s="10"/>
    </row>
    <row r="43286" spans="14:14">
      <c r="N43286" s="10"/>
    </row>
    <row r="43287" spans="14:14">
      <c r="N43287" s="10"/>
    </row>
    <row r="43288" spans="14:14">
      <c r="N43288" s="10"/>
    </row>
    <row r="43289" spans="14:14">
      <c r="N43289" s="10"/>
    </row>
    <row r="43290" spans="14:14">
      <c r="N43290" s="10"/>
    </row>
    <row r="43291" spans="14:14">
      <c r="N43291" s="10"/>
    </row>
    <row r="43292" spans="14:14">
      <c r="N43292" s="10"/>
    </row>
    <row r="43293" spans="14:14">
      <c r="N43293" s="10"/>
    </row>
    <row r="43294" spans="14:14">
      <c r="N43294" s="10"/>
    </row>
    <row r="43295" spans="14:14">
      <c r="N43295" s="10"/>
    </row>
    <row r="43296" spans="14:14">
      <c r="N43296" s="10"/>
    </row>
    <row r="43297" spans="14:14">
      <c r="N43297" s="10"/>
    </row>
    <row r="43298" spans="14:14">
      <c r="N43298" s="10"/>
    </row>
    <row r="43299" spans="14:14">
      <c r="N43299" s="10"/>
    </row>
    <row r="43300" spans="14:14">
      <c r="N43300" s="10"/>
    </row>
    <row r="43301" spans="14:14">
      <c r="N43301" s="10"/>
    </row>
    <row r="43302" spans="14:14">
      <c r="N43302" s="10"/>
    </row>
    <row r="43303" spans="14:14">
      <c r="N43303" s="10"/>
    </row>
    <row r="43304" spans="14:14">
      <c r="N43304" s="10"/>
    </row>
    <row r="43305" spans="14:14">
      <c r="N43305" s="10"/>
    </row>
    <row r="43306" spans="14:14">
      <c r="N43306" s="10"/>
    </row>
    <row r="43307" spans="14:14">
      <c r="N43307" s="10"/>
    </row>
    <row r="43308" spans="14:14">
      <c r="N43308" s="10"/>
    </row>
    <row r="43309" spans="14:14">
      <c r="N43309" s="10"/>
    </row>
    <row r="43310" spans="14:14">
      <c r="N43310" s="10"/>
    </row>
    <row r="43311" spans="14:14">
      <c r="N43311" s="10"/>
    </row>
    <row r="43312" spans="14:14">
      <c r="N43312" s="10"/>
    </row>
    <row r="43313" spans="14:14">
      <c r="N43313" s="10"/>
    </row>
    <row r="43314" spans="14:14">
      <c r="N43314" s="10"/>
    </row>
    <row r="43315" spans="14:14">
      <c r="N43315" s="10"/>
    </row>
    <row r="43316" spans="14:14">
      <c r="N43316" s="10"/>
    </row>
    <row r="43317" spans="14:14">
      <c r="N43317" s="10"/>
    </row>
    <row r="43318" spans="14:14">
      <c r="N43318" s="10"/>
    </row>
    <row r="43319" spans="14:14">
      <c r="N43319" s="10"/>
    </row>
    <row r="43320" spans="14:14">
      <c r="N43320" s="10"/>
    </row>
    <row r="43321" spans="14:14">
      <c r="N43321" s="10"/>
    </row>
    <row r="43322" spans="14:14">
      <c r="N43322" s="10"/>
    </row>
    <row r="43323" spans="14:14">
      <c r="N43323" s="10"/>
    </row>
    <row r="43324" spans="14:14">
      <c r="N43324" s="10"/>
    </row>
    <row r="43325" spans="14:14">
      <c r="N43325" s="10"/>
    </row>
    <row r="43326" spans="14:14">
      <c r="N43326" s="10"/>
    </row>
    <row r="43327" spans="14:14">
      <c r="N43327" s="10"/>
    </row>
    <row r="43328" spans="14:14">
      <c r="N43328" s="10"/>
    </row>
    <row r="43329" spans="14:14">
      <c r="N43329" s="10"/>
    </row>
    <row r="43330" spans="14:14">
      <c r="N43330" s="10"/>
    </row>
    <row r="43331" spans="14:14">
      <c r="N43331" s="10"/>
    </row>
    <row r="43332" spans="14:14">
      <c r="N43332" s="10"/>
    </row>
    <row r="43333" spans="14:14">
      <c r="N43333" s="10"/>
    </row>
    <row r="43334" spans="14:14">
      <c r="N43334" s="10"/>
    </row>
    <row r="43335" spans="14:14">
      <c r="N43335" s="10"/>
    </row>
    <row r="43336" spans="14:14">
      <c r="N43336" s="10"/>
    </row>
    <row r="43337" spans="14:14">
      <c r="N43337" s="10"/>
    </row>
    <row r="43338" spans="14:14">
      <c r="N43338" s="10"/>
    </row>
    <row r="43339" spans="14:14">
      <c r="N43339" s="10"/>
    </row>
    <row r="43340" spans="14:14">
      <c r="N43340" s="10"/>
    </row>
    <row r="43341" spans="14:14">
      <c r="N43341" s="10"/>
    </row>
    <row r="43342" spans="14:14">
      <c r="N43342" s="10"/>
    </row>
    <row r="43343" spans="14:14">
      <c r="N43343" s="10"/>
    </row>
    <row r="43344" spans="14:14">
      <c r="N43344" s="10"/>
    </row>
    <row r="43345" spans="14:14">
      <c r="N43345" s="10"/>
    </row>
    <row r="43346" spans="14:14">
      <c r="N43346" s="10"/>
    </row>
    <row r="43347" spans="14:14">
      <c r="N43347" s="10"/>
    </row>
    <row r="43348" spans="14:14">
      <c r="N43348" s="10"/>
    </row>
    <row r="43349" spans="14:14">
      <c r="N43349" s="10"/>
    </row>
    <row r="43350" spans="14:14">
      <c r="N43350" s="10"/>
    </row>
    <row r="43351" spans="14:14">
      <c r="N43351" s="10"/>
    </row>
    <row r="43352" spans="14:14">
      <c r="N43352" s="10"/>
    </row>
    <row r="43353" spans="14:14">
      <c r="N43353" s="10"/>
    </row>
    <row r="43354" spans="14:14">
      <c r="N43354" s="10"/>
    </row>
    <row r="43355" spans="14:14">
      <c r="N43355" s="10"/>
    </row>
    <row r="43356" spans="14:14">
      <c r="N43356" s="10"/>
    </row>
    <row r="43357" spans="14:14">
      <c r="N43357" s="10"/>
    </row>
    <row r="43358" spans="14:14">
      <c r="N43358" s="10"/>
    </row>
    <row r="43359" spans="14:14">
      <c r="N43359" s="10"/>
    </row>
    <row r="43360" spans="14:14">
      <c r="N43360" s="10"/>
    </row>
    <row r="43361" spans="14:14">
      <c r="N43361" s="10"/>
    </row>
    <row r="43362" spans="14:14">
      <c r="N43362" s="10"/>
    </row>
    <row r="43363" spans="14:14">
      <c r="N43363" s="10"/>
    </row>
    <row r="43364" spans="14:14">
      <c r="N43364" s="10"/>
    </row>
    <row r="43365" spans="14:14">
      <c r="N43365" s="10"/>
    </row>
    <row r="43366" spans="14:14">
      <c r="N43366" s="10"/>
    </row>
    <row r="43367" spans="14:14">
      <c r="N43367" s="10"/>
    </row>
    <row r="43368" spans="14:14">
      <c r="N43368" s="10"/>
    </row>
    <row r="43369" spans="14:14">
      <c r="N43369" s="10"/>
    </row>
    <row r="43370" spans="14:14">
      <c r="N43370" s="10"/>
    </row>
    <row r="43371" spans="14:14">
      <c r="N43371" s="10"/>
    </row>
    <row r="43372" spans="14:14">
      <c r="N43372" s="10"/>
    </row>
    <row r="43373" spans="14:14">
      <c r="N43373" s="10"/>
    </row>
    <row r="43374" spans="14:14">
      <c r="N43374" s="10"/>
    </row>
    <row r="43375" spans="14:14">
      <c r="N43375" s="10"/>
    </row>
    <row r="43376" spans="14:14">
      <c r="N43376" s="10"/>
    </row>
    <row r="43377" spans="14:14">
      <c r="N43377" s="10"/>
    </row>
    <row r="43378" spans="14:14">
      <c r="N43378" s="10"/>
    </row>
    <row r="43379" spans="14:14">
      <c r="N43379" s="10"/>
    </row>
    <row r="43380" spans="14:14">
      <c r="N43380" s="10"/>
    </row>
    <row r="43381" spans="14:14">
      <c r="N43381" s="10"/>
    </row>
    <row r="43382" spans="14:14">
      <c r="N43382" s="10"/>
    </row>
    <row r="43383" spans="14:14">
      <c r="N43383" s="10"/>
    </row>
    <row r="43384" spans="14:14">
      <c r="N43384" s="10"/>
    </row>
    <row r="43385" spans="14:14">
      <c r="N43385" s="10"/>
    </row>
    <row r="43386" spans="14:14">
      <c r="N43386" s="10"/>
    </row>
    <row r="43387" spans="14:14">
      <c r="N43387" s="10"/>
    </row>
    <row r="43388" spans="14:14">
      <c r="N43388" s="10"/>
    </row>
    <row r="43389" spans="14:14">
      <c r="N43389" s="10"/>
    </row>
    <row r="43390" spans="14:14">
      <c r="N43390" s="10"/>
    </row>
    <row r="43391" spans="14:14">
      <c r="N43391" s="10"/>
    </row>
    <row r="43392" spans="14:14">
      <c r="N43392" s="10"/>
    </row>
    <row r="43393" spans="14:14">
      <c r="N43393" s="10"/>
    </row>
    <row r="43394" spans="14:14">
      <c r="N43394" s="10"/>
    </row>
    <row r="43395" spans="14:14">
      <c r="N43395" s="10"/>
    </row>
    <row r="43396" spans="14:14">
      <c r="N43396" s="10"/>
    </row>
    <row r="43397" spans="14:14">
      <c r="N43397" s="10"/>
    </row>
    <row r="43398" spans="14:14">
      <c r="N43398" s="10"/>
    </row>
    <row r="43399" spans="14:14">
      <c r="N43399" s="10"/>
    </row>
    <row r="43400" spans="14:14">
      <c r="N43400" s="10"/>
    </row>
    <row r="43401" spans="14:14">
      <c r="N43401" s="10"/>
    </row>
    <row r="43402" spans="14:14">
      <c r="N43402" s="10"/>
    </row>
    <row r="43403" spans="14:14">
      <c r="N43403" s="10"/>
    </row>
    <row r="43404" spans="14:14">
      <c r="N43404" s="10"/>
    </row>
    <row r="43405" spans="14:14">
      <c r="N43405" s="10"/>
    </row>
    <row r="43406" spans="14:14">
      <c r="N43406" s="10"/>
    </row>
    <row r="43407" spans="14:14">
      <c r="N43407" s="10"/>
    </row>
    <row r="43408" spans="14:14">
      <c r="N43408" s="10"/>
    </row>
    <row r="43409" spans="14:14">
      <c r="N43409" s="10"/>
    </row>
    <row r="43410" spans="14:14">
      <c r="N43410" s="10"/>
    </row>
    <row r="43411" spans="14:14">
      <c r="N43411" s="10"/>
    </row>
    <row r="43412" spans="14:14">
      <c r="N43412" s="10"/>
    </row>
    <row r="43413" spans="14:14">
      <c r="N43413" s="10"/>
    </row>
    <row r="43414" spans="14:14">
      <c r="N43414" s="10"/>
    </row>
    <row r="43415" spans="14:14">
      <c r="N43415" s="10"/>
    </row>
    <row r="43416" spans="14:14">
      <c r="N43416" s="10"/>
    </row>
    <row r="43417" spans="14:14">
      <c r="N43417" s="10"/>
    </row>
    <row r="43418" spans="14:14">
      <c r="N43418" s="10"/>
    </row>
    <row r="43419" spans="14:14">
      <c r="N43419" s="10"/>
    </row>
    <row r="43420" spans="14:14">
      <c r="N43420" s="10"/>
    </row>
    <row r="43421" spans="14:14">
      <c r="N43421" s="10"/>
    </row>
    <row r="43422" spans="14:14">
      <c r="N43422" s="10"/>
    </row>
    <row r="43423" spans="14:14">
      <c r="N43423" s="10"/>
    </row>
    <row r="43424" spans="14:14">
      <c r="N43424" s="10"/>
    </row>
    <row r="43425" spans="14:14">
      <c r="N43425" s="10"/>
    </row>
    <row r="43426" spans="14:14">
      <c r="N43426" s="10"/>
    </row>
    <row r="43427" spans="14:14">
      <c r="N43427" s="10"/>
    </row>
    <row r="43428" spans="14:14">
      <c r="N43428" s="10"/>
    </row>
    <row r="43429" spans="14:14">
      <c r="N43429" s="10"/>
    </row>
    <row r="43430" spans="14:14">
      <c r="N43430" s="10"/>
    </row>
    <row r="43431" spans="14:14">
      <c r="N43431" s="10"/>
    </row>
    <row r="43432" spans="14:14">
      <c r="N43432" s="10"/>
    </row>
    <row r="43433" spans="14:14">
      <c r="N43433" s="10"/>
    </row>
    <row r="43434" spans="14:14">
      <c r="N43434" s="10"/>
    </row>
    <row r="43435" spans="14:14">
      <c r="N43435" s="10"/>
    </row>
    <row r="43436" spans="14:14">
      <c r="N43436" s="10"/>
    </row>
    <row r="43437" spans="14:14">
      <c r="N43437" s="10"/>
    </row>
    <row r="43438" spans="14:14">
      <c r="N43438" s="10"/>
    </row>
    <row r="43439" spans="14:14">
      <c r="N43439" s="10"/>
    </row>
    <row r="43440" spans="14:14">
      <c r="N43440" s="10"/>
    </row>
    <row r="43441" spans="14:14">
      <c r="N43441" s="10"/>
    </row>
    <row r="43442" spans="14:14">
      <c r="N43442" s="10"/>
    </row>
    <row r="43443" spans="14:14">
      <c r="N43443" s="10"/>
    </row>
    <row r="43444" spans="14:14">
      <c r="N43444" s="10"/>
    </row>
    <row r="43445" spans="14:14">
      <c r="N43445" s="10"/>
    </row>
    <row r="43446" spans="14:14">
      <c r="N43446" s="10"/>
    </row>
    <row r="43447" spans="14:14">
      <c r="N43447" s="10"/>
    </row>
    <row r="43448" spans="14:14">
      <c r="N43448" s="10"/>
    </row>
    <row r="43449" spans="14:14">
      <c r="N43449" s="10"/>
    </row>
    <row r="43450" spans="14:14">
      <c r="N43450" s="10"/>
    </row>
    <row r="43451" spans="14:14">
      <c r="N43451" s="10"/>
    </row>
    <row r="43452" spans="14:14">
      <c r="N43452" s="10"/>
    </row>
    <row r="43453" spans="14:14">
      <c r="N43453" s="10"/>
    </row>
    <row r="43454" spans="14:14">
      <c r="N43454" s="10"/>
    </row>
    <row r="43455" spans="14:14">
      <c r="N43455" s="10"/>
    </row>
    <row r="43456" spans="14:14">
      <c r="N43456" s="10"/>
    </row>
    <row r="43457" spans="14:14">
      <c r="N43457" s="10"/>
    </row>
    <row r="43458" spans="14:14">
      <c r="N43458" s="10"/>
    </row>
    <row r="43459" spans="14:14">
      <c r="N43459" s="10"/>
    </row>
    <row r="43460" spans="14:14">
      <c r="N43460" s="10"/>
    </row>
    <row r="43461" spans="14:14">
      <c r="N43461" s="10"/>
    </row>
    <row r="43462" spans="14:14">
      <c r="N43462" s="10"/>
    </row>
    <row r="43463" spans="14:14">
      <c r="N43463" s="10"/>
    </row>
    <row r="43464" spans="14:14">
      <c r="N43464" s="10"/>
    </row>
    <row r="43465" spans="14:14">
      <c r="N43465" s="10"/>
    </row>
    <row r="43466" spans="14:14">
      <c r="N43466" s="10"/>
    </row>
    <row r="43467" spans="14:14">
      <c r="N43467" s="10"/>
    </row>
    <row r="43468" spans="14:14">
      <c r="N43468" s="10"/>
    </row>
    <row r="43469" spans="14:14">
      <c r="N43469" s="10"/>
    </row>
    <row r="43470" spans="14:14">
      <c r="N43470" s="10"/>
    </row>
    <row r="43471" spans="14:14">
      <c r="N43471" s="10"/>
    </row>
    <row r="43472" spans="14:14">
      <c r="N43472" s="10"/>
    </row>
    <row r="43473" spans="14:14">
      <c r="N43473" s="10"/>
    </row>
    <row r="43474" spans="14:14">
      <c r="N43474" s="10"/>
    </row>
    <row r="43475" spans="14:14">
      <c r="N43475" s="10"/>
    </row>
    <row r="43476" spans="14:14">
      <c r="N43476" s="10"/>
    </row>
    <row r="43477" spans="14:14">
      <c r="N43477" s="10"/>
    </row>
    <row r="43478" spans="14:14">
      <c r="N43478" s="10"/>
    </row>
    <row r="43479" spans="14:14">
      <c r="N43479" s="10"/>
    </row>
    <row r="43480" spans="14:14">
      <c r="N43480" s="10"/>
    </row>
    <row r="43481" spans="14:14">
      <c r="N43481" s="10"/>
    </row>
    <row r="43482" spans="14:14">
      <c r="N43482" s="10"/>
    </row>
    <row r="43483" spans="14:14">
      <c r="N43483" s="10"/>
    </row>
    <row r="43484" spans="14:14">
      <c r="N43484" s="10"/>
    </row>
    <row r="43485" spans="14:14">
      <c r="N43485" s="10"/>
    </row>
    <row r="43486" spans="14:14">
      <c r="N43486" s="10"/>
    </row>
    <row r="43487" spans="14:14">
      <c r="N43487" s="10"/>
    </row>
    <row r="43488" spans="14:14">
      <c r="N43488" s="10"/>
    </row>
    <row r="43489" spans="14:14">
      <c r="N43489" s="10"/>
    </row>
    <row r="43490" spans="14:14">
      <c r="N43490" s="10"/>
    </row>
    <row r="43491" spans="14:14">
      <c r="N43491" s="10"/>
    </row>
    <row r="43492" spans="14:14">
      <c r="N43492" s="10"/>
    </row>
    <row r="43493" spans="14:14">
      <c r="N43493" s="10"/>
    </row>
    <row r="43494" spans="14:14">
      <c r="N43494" s="10"/>
    </row>
    <row r="43495" spans="14:14">
      <c r="N43495" s="10"/>
    </row>
    <row r="43496" spans="14:14">
      <c r="N43496" s="10"/>
    </row>
    <row r="43497" spans="14:14">
      <c r="N43497" s="10"/>
    </row>
    <row r="43498" spans="14:14">
      <c r="N43498" s="10"/>
    </row>
    <row r="43499" spans="14:14">
      <c r="N43499" s="10"/>
    </row>
    <row r="43500" spans="14:14">
      <c r="N43500" s="10"/>
    </row>
    <row r="43501" spans="14:14">
      <c r="N43501" s="10"/>
    </row>
    <row r="43502" spans="14:14">
      <c r="N43502" s="10"/>
    </row>
    <row r="43503" spans="14:14">
      <c r="N43503" s="10"/>
    </row>
    <row r="43504" spans="14:14">
      <c r="N43504" s="10"/>
    </row>
    <row r="43505" spans="14:14">
      <c r="N43505" s="10"/>
    </row>
    <row r="43506" spans="14:14">
      <c r="N43506" s="10"/>
    </row>
    <row r="43507" spans="14:14">
      <c r="N43507" s="10"/>
    </row>
    <row r="43508" spans="14:14">
      <c r="N43508" s="10"/>
    </row>
    <row r="43509" spans="14:14">
      <c r="N43509" s="10"/>
    </row>
    <row r="43510" spans="14:14">
      <c r="N43510" s="10"/>
    </row>
    <row r="43511" spans="14:14">
      <c r="N43511" s="10"/>
    </row>
    <row r="43512" spans="14:14">
      <c r="N43512" s="10"/>
    </row>
    <row r="43513" spans="14:14">
      <c r="N43513" s="10"/>
    </row>
    <row r="43514" spans="14:14">
      <c r="N43514" s="10"/>
    </row>
    <row r="43515" spans="14:14">
      <c r="N43515" s="10"/>
    </row>
    <row r="43516" spans="14:14">
      <c r="N43516" s="10"/>
    </row>
    <row r="43517" spans="14:14">
      <c r="N43517" s="10"/>
    </row>
    <row r="43518" spans="14:14">
      <c r="N43518" s="10"/>
    </row>
    <row r="43519" spans="14:14">
      <c r="N43519" s="10"/>
    </row>
    <row r="43520" spans="14:14">
      <c r="N43520" s="10"/>
    </row>
    <row r="43521" spans="14:14">
      <c r="N43521" s="10"/>
    </row>
    <row r="43522" spans="14:14">
      <c r="N43522" s="10"/>
    </row>
    <row r="43523" spans="14:14">
      <c r="N43523" s="10"/>
    </row>
    <row r="43524" spans="14:14">
      <c r="N43524" s="10"/>
    </row>
    <row r="43525" spans="14:14">
      <c r="N43525" s="10"/>
    </row>
    <row r="43526" spans="14:14">
      <c r="N43526" s="10"/>
    </row>
    <row r="43527" spans="14:14">
      <c r="N43527" s="10"/>
    </row>
    <row r="43528" spans="14:14">
      <c r="N43528" s="10"/>
    </row>
    <row r="43529" spans="14:14">
      <c r="N43529" s="10"/>
    </row>
    <row r="43530" spans="14:14">
      <c r="N43530" s="10"/>
    </row>
    <row r="43531" spans="14:14">
      <c r="N43531" s="10"/>
    </row>
    <row r="43532" spans="14:14">
      <c r="N43532" s="10"/>
    </row>
    <row r="43533" spans="14:14">
      <c r="N43533" s="10"/>
    </row>
    <row r="43534" spans="14:14">
      <c r="N43534" s="10"/>
    </row>
    <row r="43535" spans="14:14">
      <c r="N43535" s="10"/>
    </row>
    <row r="43536" spans="14:14">
      <c r="N43536" s="10"/>
    </row>
    <row r="43537" spans="14:14">
      <c r="N43537" s="10"/>
    </row>
    <row r="43538" spans="14:14">
      <c r="N43538" s="10"/>
    </row>
    <row r="43539" spans="14:14">
      <c r="N43539" s="10"/>
    </row>
    <row r="43540" spans="14:14">
      <c r="N43540" s="10"/>
    </row>
    <row r="43541" spans="14:14">
      <c r="N43541" s="10"/>
    </row>
    <row r="43542" spans="14:14">
      <c r="N43542" s="10"/>
    </row>
    <row r="43543" spans="14:14">
      <c r="N43543" s="10"/>
    </row>
    <row r="43544" spans="14:14">
      <c r="N43544" s="10"/>
    </row>
    <row r="43545" spans="14:14">
      <c r="N43545" s="10"/>
    </row>
    <row r="43546" spans="14:14">
      <c r="N43546" s="10"/>
    </row>
    <row r="43547" spans="14:14">
      <c r="N43547" s="10"/>
    </row>
    <row r="43548" spans="14:14">
      <c r="N43548" s="10"/>
    </row>
    <row r="43549" spans="14:14">
      <c r="N43549" s="10"/>
    </row>
    <row r="43550" spans="14:14">
      <c r="N43550" s="10"/>
    </row>
    <row r="43551" spans="14:14">
      <c r="N43551" s="10"/>
    </row>
    <row r="43552" spans="14:14">
      <c r="N43552" s="10"/>
    </row>
    <row r="43553" spans="14:14">
      <c r="N43553" s="10"/>
    </row>
    <row r="43554" spans="14:14">
      <c r="N43554" s="10"/>
    </row>
    <row r="43555" spans="14:14">
      <c r="N43555" s="10"/>
    </row>
    <row r="43556" spans="14:14">
      <c r="N43556" s="10"/>
    </row>
    <row r="43557" spans="14:14">
      <c r="N43557" s="10"/>
    </row>
    <row r="43558" spans="14:14">
      <c r="N43558" s="10"/>
    </row>
    <row r="43559" spans="14:14">
      <c r="N43559" s="10"/>
    </row>
    <row r="43560" spans="14:14">
      <c r="N43560" s="10"/>
    </row>
    <row r="43561" spans="14:14">
      <c r="N43561" s="10"/>
    </row>
    <row r="43562" spans="14:14">
      <c r="N43562" s="10"/>
    </row>
    <row r="43563" spans="14:14">
      <c r="N43563" s="10"/>
    </row>
    <row r="43564" spans="14:14">
      <c r="N43564" s="10"/>
    </row>
    <row r="43565" spans="14:14">
      <c r="N43565" s="10"/>
    </row>
    <row r="43566" spans="14:14">
      <c r="N43566" s="10"/>
    </row>
    <row r="43567" spans="14:14">
      <c r="N43567" s="10"/>
    </row>
    <row r="43568" spans="14:14">
      <c r="N43568" s="10"/>
    </row>
    <row r="43569" spans="14:14">
      <c r="N43569" s="10"/>
    </row>
    <row r="43570" spans="14:14">
      <c r="N43570" s="10"/>
    </row>
    <row r="43571" spans="14:14">
      <c r="N43571" s="10"/>
    </row>
    <row r="43572" spans="14:14">
      <c r="N43572" s="10"/>
    </row>
    <row r="43573" spans="14:14">
      <c r="N43573" s="10"/>
    </row>
    <row r="43574" spans="14:14">
      <c r="N43574" s="10"/>
    </row>
    <row r="43575" spans="14:14">
      <c r="N43575" s="10"/>
    </row>
    <row r="43576" spans="14:14">
      <c r="N43576" s="10"/>
    </row>
    <row r="43577" spans="14:14">
      <c r="N43577" s="10"/>
    </row>
    <row r="43578" spans="14:14">
      <c r="N43578" s="10"/>
    </row>
    <row r="43579" spans="14:14">
      <c r="N43579" s="10"/>
    </row>
    <row r="43580" spans="14:14">
      <c r="N43580" s="10"/>
    </row>
    <row r="43581" spans="14:14">
      <c r="N43581" s="10"/>
    </row>
    <row r="43582" spans="14:14">
      <c r="N43582" s="10"/>
    </row>
    <row r="43583" spans="14:14">
      <c r="N43583" s="10"/>
    </row>
    <row r="43584" spans="14:14">
      <c r="N43584" s="10"/>
    </row>
    <row r="43585" spans="14:14">
      <c r="N43585" s="10"/>
    </row>
    <row r="43586" spans="14:14">
      <c r="N43586" s="10"/>
    </row>
    <row r="43587" spans="14:14">
      <c r="N43587" s="10"/>
    </row>
    <row r="43588" spans="14:14">
      <c r="N43588" s="10"/>
    </row>
    <row r="43589" spans="14:14">
      <c r="N43589" s="10"/>
    </row>
    <row r="43590" spans="14:14">
      <c r="N43590" s="10"/>
    </row>
    <row r="43591" spans="14:14">
      <c r="N43591" s="10"/>
    </row>
    <row r="43592" spans="14:14">
      <c r="N43592" s="10"/>
    </row>
    <row r="43593" spans="14:14">
      <c r="N43593" s="10"/>
    </row>
    <row r="43594" spans="14:14">
      <c r="N43594" s="10"/>
    </row>
    <row r="43595" spans="14:14">
      <c r="N43595" s="10"/>
    </row>
    <row r="43596" spans="14:14">
      <c r="N43596" s="10"/>
    </row>
    <row r="43597" spans="14:14">
      <c r="N43597" s="10"/>
    </row>
    <row r="43598" spans="14:14">
      <c r="N43598" s="10"/>
    </row>
    <row r="43599" spans="14:14">
      <c r="N43599" s="10"/>
    </row>
    <row r="43600" spans="14:14">
      <c r="N43600" s="10"/>
    </row>
    <row r="43601" spans="14:14">
      <c r="N43601" s="10"/>
    </row>
    <row r="43602" spans="14:14">
      <c r="N43602" s="10"/>
    </row>
    <row r="43603" spans="14:14">
      <c r="N43603" s="10"/>
    </row>
    <row r="43604" spans="14:14">
      <c r="N43604" s="10"/>
    </row>
    <row r="43605" spans="14:14">
      <c r="N43605" s="10"/>
    </row>
    <row r="43606" spans="14:14">
      <c r="N43606" s="10"/>
    </row>
    <row r="43607" spans="14:14">
      <c r="N43607" s="10"/>
    </row>
    <row r="43608" spans="14:14">
      <c r="N43608" s="10"/>
    </row>
    <row r="43609" spans="14:14">
      <c r="N43609" s="10"/>
    </row>
    <row r="43610" spans="14:14">
      <c r="N43610" s="10"/>
    </row>
    <row r="43611" spans="14:14">
      <c r="N43611" s="10"/>
    </row>
    <row r="43612" spans="14:14">
      <c r="N43612" s="10"/>
    </row>
    <row r="43613" spans="14:14">
      <c r="N43613" s="10"/>
    </row>
    <row r="43614" spans="14:14">
      <c r="N43614" s="10"/>
    </row>
    <row r="43615" spans="14:14">
      <c r="N43615" s="10"/>
    </row>
    <row r="43616" spans="14:14">
      <c r="N43616" s="10"/>
    </row>
    <row r="43617" spans="14:14">
      <c r="N43617" s="10"/>
    </row>
    <row r="43618" spans="14:14">
      <c r="N43618" s="10"/>
    </row>
    <row r="43619" spans="14:14">
      <c r="N43619" s="10"/>
    </row>
    <row r="43620" spans="14:14">
      <c r="N43620" s="10"/>
    </row>
    <row r="43621" spans="14:14">
      <c r="N43621" s="10"/>
    </row>
    <row r="43622" spans="14:14">
      <c r="N43622" s="10"/>
    </row>
    <row r="43623" spans="14:14">
      <c r="N43623" s="10"/>
    </row>
    <row r="43624" spans="14:14">
      <c r="N43624" s="10"/>
    </row>
    <row r="43625" spans="14:14">
      <c r="N43625" s="10"/>
    </row>
    <row r="43626" spans="14:14">
      <c r="N43626" s="10"/>
    </row>
    <row r="43627" spans="14:14">
      <c r="N43627" s="10"/>
    </row>
    <row r="43628" spans="14:14">
      <c r="N43628" s="10"/>
    </row>
    <row r="43629" spans="14:14">
      <c r="N43629" s="10"/>
    </row>
    <row r="43630" spans="14:14">
      <c r="N43630" s="10"/>
    </row>
    <row r="43631" spans="14:14">
      <c r="N43631" s="10"/>
    </row>
    <row r="43632" spans="14:14">
      <c r="N43632" s="10"/>
    </row>
    <row r="43633" spans="14:14">
      <c r="N43633" s="10"/>
    </row>
    <row r="43634" spans="14:14">
      <c r="N43634" s="10"/>
    </row>
    <row r="43635" spans="14:14">
      <c r="N43635" s="10"/>
    </row>
    <row r="43636" spans="14:14">
      <c r="N43636" s="10"/>
    </row>
    <row r="43637" spans="14:14">
      <c r="N43637" s="10"/>
    </row>
    <row r="43638" spans="14:14">
      <c r="N43638" s="10"/>
    </row>
    <row r="43639" spans="14:14">
      <c r="N43639" s="10"/>
    </row>
    <row r="43640" spans="14:14">
      <c r="N43640" s="10"/>
    </row>
    <row r="43641" spans="14:14">
      <c r="N43641" s="10"/>
    </row>
    <row r="43642" spans="14:14">
      <c r="N43642" s="10"/>
    </row>
    <row r="43643" spans="14:14">
      <c r="N43643" s="10"/>
    </row>
    <row r="43644" spans="14:14">
      <c r="N43644" s="10"/>
    </row>
    <row r="43645" spans="14:14">
      <c r="N43645" s="10"/>
    </row>
    <row r="43646" spans="14:14">
      <c r="N43646" s="10"/>
    </row>
    <row r="43647" spans="14:14">
      <c r="N43647" s="10"/>
    </row>
    <row r="43648" spans="14:14">
      <c r="N43648" s="10"/>
    </row>
    <row r="43649" spans="14:14">
      <c r="N43649" s="10"/>
    </row>
    <row r="43650" spans="14:14">
      <c r="N43650" s="10"/>
    </row>
    <row r="43651" spans="14:14">
      <c r="N43651" s="10"/>
    </row>
    <row r="43652" spans="14:14">
      <c r="N43652" s="10"/>
    </row>
    <row r="43653" spans="14:14">
      <c r="N43653" s="10"/>
    </row>
    <row r="43654" spans="14:14">
      <c r="N43654" s="10"/>
    </row>
    <row r="43655" spans="14:14">
      <c r="N43655" s="10"/>
    </row>
    <row r="43656" spans="14:14">
      <c r="N43656" s="10"/>
    </row>
    <row r="43657" spans="14:14">
      <c r="N43657" s="10"/>
    </row>
    <row r="43658" spans="14:14">
      <c r="N43658" s="10"/>
    </row>
    <row r="43659" spans="14:14">
      <c r="N43659" s="10"/>
    </row>
    <row r="43660" spans="14:14">
      <c r="N43660" s="10"/>
    </row>
    <row r="43661" spans="14:14">
      <c r="N43661" s="10"/>
    </row>
    <row r="43662" spans="14:14">
      <c r="N43662" s="10"/>
    </row>
    <row r="43663" spans="14:14">
      <c r="N43663" s="10"/>
    </row>
    <row r="43664" spans="14:14">
      <c r="N43664" s="10"/>
    </row>
    <row r="43665" spans="14:14">
      <c r="N43665" s="10"/>
    </row>
    <row r="43666" spans="14:14">
      <c r="N43666" s="10"/>
    </row>
    <row r="43667" spans="14:14">
      <c r="N43667" s="10"/>
    </row>
    <row r="43668" spans="14:14">
      <c r="N43668" s="10"/>
    </row>
    <row r="43669" spans="14:14">
      <c r="N43669" s="10"/>
    </row>
    <row r="43670" spans="14:14">
      <c r="N43670" s="10"/>
    </row>
    <row r="43671" spans="14:14">
      <c r="N43671" s="10"/>
    </row>
    <row r="43672" spans="14:14">
      <c r="N43672" s="10"/>
    </row>
    <row r="43673" spans="14:14">
      <c r="N43673" s="10"/>
    </row>
    <row r="43674" spans="14:14">
      <c r="N43674" s="10"/>
    </row>
    <row r="43675" spans="14:14">
      <c r="N43675" s="10"/>
    </row>
    <row r="43676" spans="14:14">
      <c r="N43676" s="10"/>
    </row>
    <row r="43677" spans="14:14">
      <c r="N43677" s="10"/>
    </row>
    <row r="43678" spans="14:14">
      <c r="N43678" s="10"/>
    </row>
    <row r="43679" spans="14:14">
      <c r="N43679" s="10"/>
    </row>
    <row r="43680" spans="14:14">
      <c r="N43680" s="10"/>
    </row>
    <row r="43681" spans="14:14">
      <c r="N43681" s="10"/>
    </row>
    <row r="43682" spans="14:14">
      <c r="N43682" s="10"/>
    </row>
    <row r="43683" spans="14:14">
      <c r="N43683" s="10"/>
    </row>
    <row r="43684" spans="14:14">
      <c r="N43684" s="10"/>
    </row>
    <row r="43685" spans="14:14">
      <c r="N43685" s="10"/>
    </row>
    <row r="43686" spans="14:14">
      <c r="N43686" s="10"/>
    </row>
    <row r="43687" spans="14:14">
      <c r="N43687" s="10"/>
    </row>
    <row r="43688" spans="14:14">
      <c r="N43688" s="10"/>
    </row>
    <row r="43689" spans="14:14">
      <c r="N43689" s="10"/>
    </row>
    <row r="43690" spans="14:14">
      <c r="N43690" s="10"/>
    </row>
    <row r="43691" spans="14:14">
      <c r="N43691" s="10"/>
    </row>
    <row r="43692" spans="14:14">
      <c r="N43692" s="10"/>
    </row>
    <row r="43693" spans="14:14">
      <c r="N43693" s="10"/>
    </row>
    <row r="43694" spans="14:14">
      <c r="N43694" s="10"/>
    </row>
    <row r="43695" spans="14:14">
      <c r="N43695" s="10"/>
    </row>
    <row r="43696" spans="14:14">
      <c r="N43696" s="10"/>
    </row>
    <row r="43697" spans="14:14">
      <c r="N43697" s="10"/>
    </row>
    <row r="43698" spans="14:14">
      <c r="N43698" s="10"/>
    </row>
    <row r="43699" spans="14:14">
      <c r="N43699" s="10"/>
    </row>
    <row r="43700" spans="14:14">
      <c r="N43700" s="10"/>
    </row>
    <row r="43701" spans="14:14">
      <c r="N43701" s="10"/>
    </row>
    <row r="43702" spans="14:14">
      <c r="N43702" s="10"/>
    </row>
    <row r="43703" spans="14:14">
      <c r="N43703" s="10"/>
    </row>
    <row r="43704" spans="14:14">
      <c r="N43704" s="10"/>
    </row>
    <row r="43705" spans="14:14">
      <c r="N43705" s="10"/>
    </row>
    <row r="43706" spans="14:14">
      <c r="N43706" s="10"/>
    </row>
    <row r="43707" spans="14:14">
      <c r="N43707" s="10"/>
    </row>
    <row r="43708" spans="14:14">
      <c r="N43708" s="10"/>
    </row>
    <row r="43709" spans="14:14">
      <c r="N43709" s="10"/>
    </row>
    <row r="43710" spans="14:14">
      <c r="N43710" s="10"/>
    </row>
    <row r="43711" spans="14:14">
      <c r="N43711" s="10"/>
    </row>
    <row r="43712" spans="14:14">
      <c r="N43712" s="10"/>
    </row>
    <row r="43713" spans="14:14">
      <c r="N43713" s="10"/>
    </row>
    <row r="43714" spans="14:14">
      <c r="N43714" s="10"/>
    </row>
    <row r="43715" spans="14:14">
      <c r="N43715" s="10"/>
    </row>
    <row r="43716" spans="14:14">
      <c r="N43716" s="10"/>
    </row>
    <row r="43717" spans="14:14">
      <c r="N43717" s="10"/>
    </row>
    <row r="43718" spans="14:14">
      <c r="N43718" s="10"/>
    </row>
    <row r="43719" spans="14:14">
      <c r="N43719" s="10"/>
    </row>
    <row r="43720" spans="14:14">
      <c r="N43720" s="10"/>
    </row>
    <row r="43721" spans="14:14">
      <c r="N43721" s="10"/>
    </row>
    <row r="43722" spans="14:14">
      <c r="N43722" s="10"/>
    </row>
    <row r="43723" spans="14:14">
      <c r="N43723" s="10"/>
    </row>
    <row r="43724" spans="14:14">
      <c r="N43724" s="10"/>
    </row>
    <row r="43725" spans="14:14">
      <c r="N43725" s="10"/>
    </row>
    <row r="43726" spans="14:14">
      <c r="N43726" s="10"/>
    </row>
    <row r="43727" spans="14:14">
      <c r="N43727" s="10"/>
    </row>
    <row r="43728" spans="14:14">
      <c r="N43728" s="10"/>
    </row>
    <row r="43729" spans="14:14">
      <c r="N43729" s="10"/>
    </row>
    <row r="43730" spans="14:14">
      <c r="N43730" s="10"/>
    </row>
    <row r="43731" spans="14:14">
      <c r="N43731" s="10"/>
    </row>
    <row r="43732" spans="14:14">
      <c r="N43732" s="10"/>
    </row>
    <row r="43733" spans="14:14">
      <c r="N43733" s="10"/>
    </row>
    <row r="43734" spans="14:14">
      <c r="N43734" s="10"/>
    </row>
    <row r="43735" spans="14:14">
      <c r="N43735" s="10"/>
    </row>
    <row r="43736" spans="14:14">
      <c r="N43736" s="10"/>
    </row>
    <row r="43737" spans="14:14">
      <c r="N43737" s="10"/>
    </row>
    <row r="43738" spans="14:14">
      <c r="N43738" s="10"/>
    </row>
    <row r="43739" spans="14:14">
      <c r="N43739" s="10"/>
    </row>
    <row r="43740" spans="14:14">
      <c r="N43740" s="10"/>
    </row>
    <row r="43741" spans="14:14">
      <c r="N43741" s="10"/>
    </row>
    <row r="43742" spans="14:14">
      <c r="N43742" s="10"/>
    </row>
    <row r="43743" spans="14:14">
      <c r="N43743" s="10"/>
    </row>
    <row r="43744" spans="14:14">
      <c r="N43744" s="10"/>
    </row>
    <row r="43745" spans="14:14">
      <c r="N43745" s="10"/>
    </row>
    <row r="43746" spans="14:14">
      <c r="N43746" s="10"/>
    </row>
    <row r="43747" spans="14:14">
      <c r="N43747" s="10"/>
    </row>
    <row r="43748" spans="14:14">
      <c r="N43748" s="10"/>
    </row>
    <row r="43749" spans="14:14">
      <c r="N43749" s="10"/>
    </row>
    <row r="43750" spans="14:14">
      <c r="N43750" s="10"/>
    </row>
    <row r="43751" spans="14:14">
      <c r="N43751" s="10"/>
    </row>
    <row r="43752" spans="14:14">
      <c r="N43752" s="10"/>
    </row>
    <row r="43753" spans="14:14">
      <c r="N43753" s="10"/>
    </row>
    <row r="43754" spans="14:14">
      <c r="N43754" s="10"/>
    </row>
    <row r="43755" spans="14:14">
      <c r="N43755" s="10"/>
    </row>
    <row r="43756" spans="14:14">
      <c r="N43756" s="10"/>
    </row>
    <row r="43757" spans="14:14">
      <c r="N43757" s="10"/>
    </row>
    <row r="43758" spans="14:14">
      <c r="N43758" s="10"/>
    </row>
    <row r="43759" spans="14:14">
      <c r="N43759" s="10"/>
    </row>
    <row r="43760" spans="14:14">
      <c r="N43760" s="10"/>
    </row>
    <row r="43761" spans="14:14">
      <c r="N43761" s="10"/>
    </row>
    <row r="43762" spans="14:14">
      <c r="N43762" s="10"/>
    </row>
    <row r="43763" spans="14:14">
      <c r="N43763" s="10"/>
    </row>
    <row r="43764" spans="14:14">
      <c r="N43764" s="10"/>
    </row>
    <row r="43765" spans="14:14">
      <c r="N43765" s="10"/>
    </row>
    <row r="43766" spans="14:14">
      <c r="N43766" s="10"/>
    </row>
    <row r="43767" spans="14:14">
      <c r="N43767" s="10"/>
    </row>
    <row r="43768" spans="14:14">
      <c r="N43768" s="10"/>
    </row>
    <row r="43769" spans="14:14">
      <c r="N43769" s="10"/>
    </row>
    <row r="43770" spans="14:14">
      <c r="N43770" s="10"/>
    </row>
    <row r="43771" spans="14:14">
      <c r="N43771" s="10"/>
    </row>
    <row r="43772" spans="14:14">
      <c r="N43772" s="10"/>
    </row>
    <row r="43773" spans="14:14">
      <c r="N43773" s="10"/>
    </row>
    <row r="43774" spans="14:14">
      <c r="N43774" s="10"/>
    </row>
    <row r="43775" spans="14:14">
      <c r="N43775" s="10"/>
    </row>
    <row r="43776" spans="14:14">
      <c r="N43776" s="10"/>
    </row>
    <row r="43777" spans="14:14">
      <c r="N43777" s="10"/>
    </row>
    <row r="43778" spans="14:14">
      <c r="N43778" s="10"/>
    </row>
    <row r="43779" spans="14:14">
      <c r="N43779" s="10"/>
    </row>
    <row r="43780" spans="14:14">
      <c r="N43780" s="10"/>
    </row>
    <row r="43781" spans="14:14">
      <c r="N43781" s="10"/>
    </row>
    <row r="43782" spans="14:14">
      <c r="N43782" s="10"/>
    </row>
    <row r="43783" spans="14:14">
      <c r="N43783" s="10"/>
    </row>
    <row r="43784" spans="14:14">
      <c r="N43784" s="10"/>
    </row>
    <row r="43785" spans="14:14">
      <c r="N43785" s="10"/>
    </row>
    <row r="43786" spans="14:14">
      <c r="N43786" s="10"/>
    </row>
    <row r="43787" spans="14:14">
      <c r="N43787" s="10"/>
    </row>
    <row r="43788" spans="14:14">
      <c r="N43788" s="10"/>
    </row>
    <row r="43789" spans="14:14">
      <c r="N43789" s="10"/>
    </row>
    <row r="43790" spans="14:14">
      <c r="N43790" s="10"/>
    </row>
    <row r="43791" spans="14:14">
      <c r="N43791" s="10"/>
    </row>
    <row r="43792" spans="14:14">
      <c r="N43792" s="10"/>
    </row>
    <row r="43793" spans="14:14">
      <c r="N43793" s="10"/>
    </row>
    <row r="43794" spans="14:14">
      <c r="N43794" s="10"/>
    </row>
    <row r="43795" spans="14:14">
      <c r="N43795" s="10"/>
    </row>
    <row r="43796" spans="14:14">
      <c r="N43796" s="10"/>
    </row>
    <row r="43797" spans="14:14">
      <c r="N43797" s="10"/>
    </row>
    <row r="43798" spans="14:14">
      <c r="N43798" s="10"/>
    </row>
    <row r="43799" spans="14:14">
      <c r="N43799" s="10"/>
    </row>
    <row r="43800" spans="14:14">
      <c r="N43800" s="10"/>
    </row>
    <row r="43801" spans="14:14">
      <c r="N43801" s="10"/>
    </row>
    <row r="43802" spans="14:14">
      <c r="N43802" s="10"/>
    </row>
    <row r="43803" spans="14:14">
      <c r="N43803" s="10"/>
    </row>
    <row r="43804" spans="14:14">
      <c r="N43804" s="10"/>
    </row>
    <row r="43805" spans="14:14">
      <c r="N43805" s="10"/>
    </row>
    <row r="43806" spans="14:14">
      <c r="N43806" s="10"/>
    </row>
    <row r="43807" spans="14:14">
      <c r="N43807" s="10"/>
    </row>
    <row r="43808" spans="14:14">
      <c r="N43808" s="10"/>
    </row>
    <row r="43809" spans="14:14">
      <c r="N43809" s="10"/>
    </row>
    <row r="43810" spans="14:14">
      <c r="N43810" s="10"/>
    </row>
    <row r="43811" spans="14:14">
      <c r="N43811" s="10"/>
    </row>
    <row r="43812" spans="14:14">
      <c r="N43812" s="10"/>
    </row>
    <row r="43813" spans="14:14">
      <c r="N43813" s="10"/>
    </row>
    <row r="43814" spans="14:14">
      <c r="N43814" s="10"/>
    </row>
    <row r="43815" spans="14:14">
      <c r="N43815" s="10"/>
    </row>
    <row r="43816" spans="14:14">
      <c r="N43816" s="10"/>
    </row>
    <row r="43817" spans="14:14">
      <c r="N43817" s="10"/>
    </row>
    <row r="43818" spans="14:14">
      <c r="N43818" s="10"/>
    </row>
    <row r="43819" spans="14:14">
      <c r="N43819" s="10"/>
    </row>
    <row r="43820" spans="14:14">
      <c r="N43820" s="10"/>
    </row>
    <row r="43821" spans="14:14">
      <c r="N43821" s="10"/>
    </row>
    <row r="43822" spans="14:14">
      <c r="N43822" s="10"/>
    </row>
    <row r="43823" spans="14:14">
      <c r="N43823" s="10"/>
    </row>
    <row r="43824" spans="14:14">
      <c r="N43824" s="10"/>
    </row>
    <row r="43825" spans="14:14">
      <c r="N43825" s="10"/>
    </row>
    <row r="43826" spans="14:14">
      <c r="N43826" s="10"/>
    </row>
    <row r="43827" spans="14:14">
      <c r="N43827" s="10"/>
    </row>
    <row r="43828" spans="14:14">
      <c r="N43828" s="10"/>
    </row>
    <row r="43829" spans="14:14">
      <c r="N43829" s="10"/>
    </row>
    <row r="43830" spans="14:14">
      <c r="N43830" s="10"/>
    </row>
    <row r="43831" spans="14:14">
      <c r="N43831" s="10"/>
    </row>
    <row r="43832" spans="14:14">
      <c r="N43832" s="10"/>
    </row>
    <row r="43833" spans="14:14">
      <c r="N43833" s="10"/>
    </row>
    <row r="43834" spans="14:14">
      <c r="N43834" s="10"/>
    </row>
    <row r="43835" spans="14:14">
      <c r="N43835" s="10"/>
    </row>
    <row r="43836" spans="14:14">
      <c r="N43836" s="10"/>
    </row>
    <row r="43837" spans="14:14">
      <c r="N43837" s="10"/>
    </row>
    <row r="43838" spans="14:14">
      <c r="N43838" s="10"/>
    </row>
    <row r="43839" spans="14:14">
      <c r="N43839" s="10"/>
    </row>
    <row r="43840" spans="14:14">
      <c r="N43840" s="10"/>
    </row>
    <row r="43841" spans="14:14">
      <c r="N43841" s="10"/>
    </row>
    <row r="43842" spans="14:14">
      <c r="N43842" s="10"/>
    </row>
    <row r="43843" spans="14:14">
      <c r="N43843" s="10"/>
    </row>
    <row r="43844" spans="14:14">
      <c r="N43844" s="10"/>
    </row>
    <row r="43845" spans="14:14">
      <c r="N43845" s="10"/>
    </row>
    <row r="43846" spans="14:14">
      <c r="N43846" s="10"/>
    </row>
    <row r="43847" spans="14:14">
      <c r="N43847" s="10"/>
    </row>
    <row r="43848" spans="14:14">
      <c r="N43848" s="10"/>
    </row>
    <row r="43849" spans="14:14">
      <c r="N43849" s="10"/>
    </row>
    <row r="43850" spans="14:14">
      <c r="N43850" s="10"/>
    </row>
    <row r="43851" spans="14:14">
      <c r="N43851" s="10"/>
    </row>
    <row r="43852" spans="14:14">
      <c r="N43852" s="10"/>
    </row>
    <row r="43853" spans="14:14">
      <c r="N43853" s="10"/>
    </row>
    <row r="43854" spans="14:14">
      <c r="N43854" s="10"/>
    </row>
    <row r="43855" spans="14:14">
      <c r="N43855" s="10"/>
    </row>
    <row r="43856" spans="14:14">
      <c r="N43856" s="10"/>
    </row>
    <row r="43857" spans="14:14">
      <c r="N43857" s="10"/>
    </row>
    <row r="43858" spans="14:14">
      <c r="N43858" s="10"/>
    </row>
    <row r="43859" spans="14:14">
      <c r="N43859" s="10"/>
    </row>
    <row r="43860" spans="14:14">
      <c r="N43860" s="10"/>
    </row>
    <row r="43861" spans="14:14">
      <c r="N43861" s="10"/>
    </row>
    <row r="43862" spans="14:14">
      <c r="N43862" s="10"/>
    </row>
    <row r="43863" spans="14:14">
      <c r="N43863" s="10"/>
    </row>
    <row r="43864" spans="14:14">
      <c r="N43864" s="10"/>
    </row>
    <row r="43865" spans="14:14">
      <c r="N43865" s="10"/>
    </row>
    <row r="43866" spans="14:14">
      <c r="N43866" s="10"/>
    </row>
    <row r="43867" spans="14:14">
      <c r="N43867" s="10"/>
    </row>
    <row r="43868" spans="14:14">
      <c r="N43868" s="10"/>
    </row>
    <row r="43869" spans="14:14">
      <c r="N43869" s="10"/>
    </row>
    <row r="43870" spans="14:14">
      <c r="N43870" s="10"/>
    </row>
    <row r="43871" spans="14:14">
      <c r="N43871" s="10"/>
    </row>
    <row r="43872" spans="14:14">
      <c r="N43872" s="10"/>
    </row>
    <row r="43873" spans="14:14">
      <c r="N43873" s="10"/>
    </row>
    <row r="43874" spans="14:14">
      <c r="N43874" s="10"/>
    </row>
    <row r="43875" spans="14:14">
      <c r="N43875" s="10"/>
    </row>
    <row r="43876" spans="14:14">
      <c r="N43876" s="10"/>
    </row>
    <row r="43877" spans="14:14">
      <c r="N43877" s="10"/>
    </row>
    <row r="43878" spans="14:14">
      <c r="N43878" s="10"/>
    </row>
    <row r="43879" spans="14:14">
      <c r="N43879" s="10"/>
    </row>
    <row r="43880" spans="14:14">
      <c r="N43880" s="10"/>
    </row>
    <row r="43881" spans="14:14">
      <c r="N43881" s="10"/>
    </row>
    <row r="43882" spans="14:14">
      <c r="N43882" s="10"/>
    </row>
    <row r="43883" spans="14:14">
      <c r="N43883" s="10"/>
    </row>
    <row r="43884" spans="14:14">
      <c r="N43884" s="10"/>
    </row>
    <row r="43885" spans="14:14">
      <c r="N43885" s="10"/>
    </row>
    <row r="43886" spans="14:14">
      <c r="N43886" s="10"/>
    </row>
    <row r="43887" spans="14:14">
      <c r="N43887" s="10"/>
    </row>
    <row r="43888" spans="14:14">
      <c r="N43888" s="10"/>
    </row>
    <row r="43889" spans="14:14">
      <c r="N43889" s="10"/>
    </row>
    <row r="43890" spans="14:14">
      <c r="N43890" s="10"/>
    </row>
    <row r="43891" spans="14:14">
      <c r="N43891" s="10"/>
    </row>
    <row r="43892" spans="14:14">
      <c r="N43892" s="10"/>
    </row>
    <row r="43893" spans="14:14">
      <c r="N43893" s="10"/>
    </row>
    <row r="43894" spans="14:14">
      <c r="N43894" s="10"/>
    </row>
    <row r="43895" spans="14:14">
      <c r="N43895" s="10"/>
    </row>
    <row r="43896" spans="14:14">
      <c r="N43896" s="10"/>
    </row>
    <row r="43897" spans="14:14">
      <c r="N43897" s="10"/>
    </row>
    <row r="43898" spans="14:14">
      <c r="N43898" s="10"/>
    </row>
    <row r="43899" spans="14:14">
      <c r="N43899" s="10"/>
    </row>
    <row r="43900" spans="14:14">
      <c r="N43900" s="10"/>
    </row>
    <row r="43901" spans="14:14">
      <c r="N43901" s="10"/>
    </row>
    <row r="43902" spans="14:14">
      <c r="N43902" s="10"/>
    </row>
    <row r="43903" spans="14:14">
      <c r="N43903" s="10"/>
    </row>
    <row r="43904" spans="14:14">
      <c r="N43904" s="10"/>
    </row>
    <row r="43905" spans="14:14">
      <c r="N43905" s="10"/>
    </row>
    <row r="43906" spans="14:14">
      <c r="N43906" s="10"/>
    </row>
    <row r="43907" spans="14:14">
      <c r="N43907" s="10"/>
    </row>
    <row r="43908" spans="14:14">
      <c r="N43908" s="10"/>
    </row>
    <row r="43909" spans="14:14">
      <c r="N43909" s="10"/>
    </row>
    <row r="43910" spans="14:14">
      <c r="N43910" s="10"/>
    </row>
    <row r="43911" spans="14:14">
      <c r="N43911" s="10"/>
    </row>
    <row r="43912" spans="14:14">
      <c r="N43912" s="10"/>
    </row>
    <row r="43913" spans="14:14">
      <c r="N43913" s="10"/>
    </row>
    <row r="43914" spans="14:14">
      <c r="N43914" s="10"/>
    </row>
    <row r="43915" spans="14:14">
      <c r="N43915" s="10"/>
    </row>
    <row r="43916" spans="14:14">
      <c r="N43916" s="10"/>
    </row>
    <row r="43917" spans="14:14">
      <c r="N43917" s="10"/>
    </row>
    <row r="43918" spans="14:14">
      <c r="N43918" s="10"/>
    </row>
    <row r="43919" spans="14:14">
      <c r="N43919" s="10"/>
    </row>
    <row r="43920" spans="14:14">
      <c r="N43920" s="10"/>
    </row>
    <row r="43921" spans="14:14">
      <c r="N43921" s="10"/>
    </row>
    <row r="43922" spans="14:14">
      <c r="N43922" s="10"/>
    </row>
    <row r="43923" spans="14:14">
      <c r="N43923" s="10"/>
    </row>
    <row r="43924" spans="14:14">
      <c r="N43924" s="10"/>
    </row>
    <row r="43925" spans="14:14">
      <c r="N43925" s="10"/>
    </row>
    <row r="43926" spans="14:14">
      <c r="N43926" s="10"/>
    </row>
    <row r="43927" spans="14:14">
      <c r="N43927" s="10"/>
    </row>
    <row r="43928" spans="14:14">
      <c r="N43928" s="10"/>
    </row>
    <row r="43929" spans="14:14">
      <c r="N43929" s="10"/>
    </row>
    <row r="43930" spans="14:14">
      <c r="N43930" s="10"/>
    </row>
    <row r="43931" spans="14:14">
      <c r="N43931" s="10"/>
    </row>
    <row r="43932" spans="14:14">
      <c r="N43932" s="10"/>
    </row>
    <row r="43933" spans="14:14">
      <c r="N43933" s="10"/>
    </row>
    <row r="43934" spans="14:14">
      <c r="N43934" s="10"/>
    </row>
    <row r="43935" spans="14:14">
      <c r="N43935" s="10"/>
    </row>
    <row r="43936" spans="14:14">
      <c r="N43936" s="10"/>
    </row>
    <row r="43937" spans="14:14">
      <c r="N43937" s="10"/>
    </row>
    <row r="43938" spans="14:14">
      <c r="N43938" s="10"/>
    </row>
    <row r="43939" spans="14:14">
      <c r="N43939" s="10"/>
    </row>
    <row r="43940" spans="14:14">
      <c r="N43940" s="10"/>
    </row>
    <row r="43941" spans="14:14">
      <c r="N43941" s="10"/>
    </row>
    <row r="43942" spans="14:14">
      <c r="N43942" s="10"/>
    </row>
    <row r="43943" spans="14:14">
      <c r="N43943" s="10"/>
    </row>
    <row r="43944" spans="14:14">
      <c r="N43944" s="10"/>
    </row>
    <row r="43945" spans="14:14">
      <c r="N43945" s="10"/>
    </row>
    <row r="43946" spans="14:14">
      <c r="N43946" s="10"/>
    </row>
    <row r="43947" spans="14:14">
      <c r="N43947" s="10"/>
    </row>
    <row r="43948" spans="14:14">
      <c r="N43948" s="10"/>
    </row>
    <row r="43949" spans="14:14">
      <c r="N43949" s="10"/>
    </row>
    <row r="43950" spans="14:14">
      <c r="N43950" s="10"/>
    </row>
    <row r="43951" spans="14:14">
      <c r="N43951" s="10"/>
    </row>
    <row r="43952" spans="14:14">
      <c r="N43952" s="10"/>
    </row>
    <row r="43953" spans="14:14">
      <c r="N43953" s="10"/>
    </row>
    <row r="43954" spans="14:14">
      <c r="N43954" s="10"/>
    </row>
    <row r="43955" spans="14:14">
      <c r="N43955" s="10"/>
    </row>
    <row r="43956" spans="14:14">
      <c r="N43956" s="10"/>
    </row>
    <row r="43957" spans="14:14">
      <c r="N43957" s="10"/>
    </row>
    <row r="43958" spans="14:14">
      <c r="N43958" s="10"/>
    </row>
    <row r="43959" spans="14:14">
      <c r="N43959" s="10"/>
    </row>
    <row r="43960" spans="14:14">
      <c r="N43960" s="10"/>
    </row>
    <row r="43961" spans="14:14">
      <c r="N43961" s="10"/>
    </row>
    <row r="43962" spans="14:14">
      <c r="N43962" s="10"/>
    </row>
    <row r="43963" spans="14:14">
      <c r="N43963" s="10"/>
    </row>
    <row r="43964" spans="14:14">
      <c r="N43964" s="10"/>
    </row>
    <row r="43965" spans="14:14">
      <c r="N43965" s="10"/>
    </row>
    <row r="43966" spans="14:14">
      <c r="N43966" s="10"/>
    </row>
    <row r="43967" spans="14:14">
      <c r="N43967" s="10"/>
    </row>
    <row r="43968" spans="14:14">
      <c r="N43968" s="10"/>
    </row>
    <row r="43969" spans="14:14">
      <c r="N43969" s="10"/>
    </row>
    <row r="43970" spans="14:14">
      <c r="N43970" s="10"/>
    </row>
    <row r="43971" spans="14:14">
      <c r="N43971" s="10"/>
    </row>
    <row r="43972" spans="14:14">
      <c r="N43972" s="10"/>
    </row>
    <row r="43973" spans="14:14">
      <c r="N43973" s="10"/>
    </row>
    <row r="43974" spans="14:14">
      <c r="N43974" s="10"/>
    </row>
    <row r="43975" spans="14:14">
      <c r="N43975" s="10"/>
    </row>
    <row r="43976" spans="14:14">
      <c r="N43976" s="10"/>
    </row>
    <row r="43977" spans="14:14">
      <c r="N43977" s="10"/>
    </row>
    <row r="43978" spans="14:14">
      <c r="N43978" s="10"/>
    </row>
    <row r="43979" spans="14:14">
      <c r="N43979" s="10"/>
    </row>
    <row r="43980" spans="14:14">
      <c r="N43980" s="10"/>
    </row>
    <row r="43981" spans="14:14">
      <c r="N43981" s="10"/>
    </row>
    <row r="43982" spans="14:14">
      <c r="N43982" s="10"/>
    </row>
    <row r="43983" spans="14:14">
      <c r="N43983" s="10"/>
    </row>
    <row r="43984" spans="14:14">
      <c r="N43984" s="10"/>
    </row>
    <row r="43985" spans="14:14">
      <c r="N43985" s="10"/>
    </row>
    <row r="43986" spans="14:14">
      <c r="N43986" s="10"/>
    </row>
    <row r="43987" spans="14:14">
      <c r="N43987" s="10"/>
    </row>
    <row r="43988" spans="14:14">
      <c r="N43988" s="10"/>
    </row>
    <row r="43989" spans="14:14">
      <c r="N43989" s="10"/>
    </row>
    <row r="43990" spans="14:14">
      <c r="N43990" s="10"/>
    </row>
    <row r="43991" spans="14:14">
      <c r="N43991" s="10"/>
    </row>
    <row r="43992" spans="14:14">
      <c r="N43992" s="10"/>
    </row>
    <row r="43993" spans="14:14">
      <c r="N43993" s="10"/>
    </row>
    <row r="43994" spans="14:14">
      <c r="N43994" s="10"/>
    </row>
    <row r="43995" spans="14:14">
      <c r="N43995" s="10"/>
    </row>
    <row r="43996" spans="14:14">
      <c r="N43996" s="10"/>
    </row>
    <row r="43997" spans="14:14">
      <c r="N43997" s="10"/>
    </row>
    <row r="43998" spans="14:14">
      <c r="N43998" s="10"/>
    </row>
    <row r="43999" spans="14:14">
      <c r="N43999" s="10"/>
    </row>
    <row r="44000" spans="14:14">
      <c r="N44000" s="10"/>
    </row>
    <row r="44001" spans="14:14">
      <c r="N44001" s="10"/>
    </row>
    <row r="44002" spans="14:14">
      <c r="N44002" s="10"/>
    </row>
    <row r="44003" spans="14:14">
      <c r="N44003" s="10"/>
    </row>
    <row r="44004" spans="14:14">
      <c r="N44004" s="10"/>
    </row>
    <row r="44005" spans="14:14">
      <c r="N44005" s="10"/>
    </row>
    <row r="44006" spans="14:14">
      <c r="N44006" s="10"/>
    </row>
    <row r="44007" spans="14:14">
      <c r="N44007" s="10"/>
    </row>
    <row r="44008" spans="14:14">
      <c r="N44008" s="10"/>
    </row>
    <row r="44009" spans="14:14">
      <c r="N44009" s="10"/>
    </row>
    <row r="44010" spans="14:14">
      <c r="N44010" s="10"/>
    </row>
    <row r="44011" spans="14:14">
      <c r="N44011" s="10"/>
    </row>
    <row r="44012" spans="14:14">
      <c r="N44012" s="10"/>
    </row>
    <row r="44013" spans="14:14">
      <c r="N44013" s="10"/>
    </row>
    <row r="44014" spans="14:14">
      <c r="N44014" s="10"/>
    </row>
    <row r="44015" spans="14:14">
      <c r="N44015" s="10"/>
    </row>
    <row r="44016" spans="14:14">
      <c r="N44016" s="10"/>
    </row>
    <row r="44017" spans="14:14">
      <c r="N44017" s="10"/>
    </row>
    <row r="44018" spans="14:14">
      <c r="N44018" s="10"/>
    </row>
    <row r="44019" spans="14:14">
      <c r="N44019" s="10"/>
    </row>
    <row r="44020" spans="14:14">
      <c r="N44020" s="10"/>
    </row>
    <row r="44021" spans="14:14">
      <c r="N44021" s="10"/>
    </row>
    <row r="44022" spans="14:14">
      <c r="N44022" s="10"/>
    </row>
    <row r="44023" spans="14:14">
      <c r="N44023" s="10"/>
    </row>
    <row r="44024" spans="14:14">
      <c r="N44024" s="10"/>
    </row>
    <row r="44025" spans="14:14">
      <c r="N44025" s="10"/>
    </row>
    <row r="44026" spans="14:14">
      <c r="N44026" s="10"/>
    </row>
    <row r="44027" spans="14:14">
      <c r="N44027" s="10"/>
    </row>
    <row r="44028" spans="14:14">
      <c r="N44028" s="10"/>
    </row>
    <row r="44029" spans="14:14">
      <c r="N44029" s="10"/>
    </row>
    <row r="44030" spans="14:14">
      <c r="N44030" s="10"/>
    </row>
    <row r="44031" spans="14:14">
      <c r="N44031" s="10"/>
    </row>
    <row r="44032" spans="14:14">
      <c r="N44032" s="10"/>
    </row>
    <row r="44033" spans="14:14">
      <c r="N44033" s="10"/>
    </row>
    <row r="44034" spans="14:14">
      <c r="N44034" s="10"/>
    </row>
    <row r="44035" spans="14:14">
      <c r="N44035" s="10"/>
    </row>
    <row r="44036" spans="14:14">
      <c r="N44036" s="10"/>
    </row>
    <row r="44037" spans="14:14">
      <c r="N44037" s="10"/>
    </row>
    <row r="44038" spans="14:14">
      <c r="N44038" s="10"/>
    </row>
    <row r="44039" spans="14:14">
      <c r="N44039" s="10"/>
    </row>
    <row r="44040" spans="14:14">
      <c r="N44040" s="10"/>
    </row>
    <row r="44041" spans="14:14">
      <c r="N44041" s="10"/>
    </row>
    <row r="44042" spans="14:14">
      <c r="N44042" s="10"/>
    </row>
    <row r="44043" spans="14:14">
      <c r="N44043" s="10"/>
    </row>
    <row r="44044" spans="14:14">
      <c r="N44044" s="10"/>
    </row>
    <row r="44045" spans="14:14">
      <c r="N44045" s="10"/>
    </row>
    <row r="44046" spans="14:14">
      <c r="N44046" s="10"/>
    </row>
    <row r="44047" spans="14:14">
      <c r="N44047" s="10"/>
    </row>
    <row r="44048" spans="14:14">
      <c r="N44048" s="10"/>
    </row>
    <row r="44049" spans="14:14">
      <c r="N44049" s="10"/>
    </row>
    <row r="44050" spans="14:14">
      <c r="N44050" s="10"/>
    </row>
    <row r="44051" spans="14:14">
      <c r="N44051" s="10"/>
    </row>
    <row r="44052" spans="14:14">
      <c r="N44052" s="10"/>
    </row>
    <row r="44053" spans="14:14">
      <c r="N44053" s="10"/>
    </row>
    <row r="44054" spans="14:14">
      <c r="N44054" s="10"/>
    </row>
    <row r="44055" spans="14:14">
      <c r="N44055" s="10"/>
    </row>
    <row r="44056" spans="14:14">
      <c r="N44056" s="10"/>
    </row>
    <row r="44057" spans="14:14">
      <c r="N44057" s="10"/>
    </row>
    <row r="44058" spans="14:14">
      <c r="N44058" s="10"/>
    </row>
    <row r="44059" spans="14:14">
      <c r="N44059" s="10"/>
    </row>
    <row r="44060" spans="14:14">
      <c r="N44060" s="10"/>
    </row>
    <row r="44061" spans="14:14">
      <c r="N44061" s="10"/>
    </row>
    <row r="44062" spans="14:14">
      <c r="N44062" s="10"/>
    </row>
    <row r="44063" spans="14:14">
      <c r="N44063" s="10"/>
    </row>
    <row r="44064" spans="14:14">
      <c r="N44064" s="10"/>
    </row>
    <row r="44065" spans="14:14">
      <c r="N44065" s="10"/>
    </row>
    <row r="44066" spans="14:14">
      <c r="N44066" s="10"/>
    </row>
    <row r="44067" spans="14:14">
      <c r="N44067" s="10"/>
    </row>
    <row r="44068" spans="14:14">
      <c r="N44068" s="10"/>
    </row>
    <row r="44069" spans="14:14">
      <c r="N44069" s="10"/>
    </row>
    <row r="44070" spans="14:14">
      <c r="N44070" s="10"/>
    </row>
    <row r="44071" spans="14:14">
      <c r="N44071" s="10"/>
    </row>
    <row r="44072" spans="14:14">
      <c r="N44072" s="10"/>
    </row>
    <row r="44073" spans="14:14">
      <c r="N44073" s="10"/>
    </row>
    <row r="44074" spans="14:14">
      <c r="N44074" s="10"/>
    </row>
    <row r="44075" spans="14:14">
      <c r="N44075" s="10"/>
    </row>
    <row r="44076" spans="14:14">
      <c r="N44076" s="10"/>
    </row>
    <row r="44077" spans="14:14">
      <c r="N44077" s="10"/>
    </row>
    <row r="44078" spans="14:14">
      <c r="N44078" s="10"/>
    </row>
    <row r="44079" spans="14:14">
      <c r="N44079" s="10"/>
    </row>
    <row r="44080" spans="14:14">
      <c r="N44080" s="10"/>
    </row>
    <row r="44081" spans="14:14">
      <c r="N44081" s="10"/>
    </row>
    <row r="44082" spans="14:14">
      <c r="N44082" s="10"/>
    </row>
    <row r="44083" spans="14:14">
      <c r="N44083" s="10"/>
    </row>
    <row r="44084" spans="14:14">
      <c r="N44084" s="10"/>
    </row>
    <row r="44085" spans="14:14">
      <c r="N44085" s="10"/>
    </row>
    <row r="44086" spans="14:14">
      <c r="N44086" s="10"/>
    </row>
    <row r="44087" spans="14:14">
      <c r="N44087" s="10"/>
    </row>
    <row r="44088" spans="14:14">
      <c r="N44088" s="10"/>
    </row>
    <row r="44089" spans="14:14">
      <c r="N44089" s="10"/>
    </row>
    <row r="44090" spans="14:14">
      <c r="N44090" s="10"/>
    </row>
    <row r="44091" spans="14:14">
      <c r="N44091" s="10"/>
    </row>
    <row r="44092" spans="14:14">
      <c r="N44092" s="10"/>
    </row>
    <row r="44093" spans="14:14">
      <c r="N44093" s="10"/>
    </row>
    <row r="44094" spans="14:14">
      <c r="N44094" s="10"/>
    </row>
    <row r="44095" spans="14:14">
      <c r="N44095" s="10"/>
    </row>
    <row r="44096" spans="14:14">
      <c r="N44096" s="10"/>
    </row>
    <row r="44097" spans="14:14">
      <c r="N44097" s="10"/>
    </row>
    <row r="44098" spans="14:14">
      <c r="N44098" s="10"/>
    </row>
    <row r="44099" spans="14:14">
      <c r="N44099" s="10"/>
    </row>
    <row r="44100" spans="14:14">
      <c r="N44100" s="10"/>
    </row>
    <row r="44101" spans="14:14">
      <c r="N44101" s="10"/>
    </row>
    <row r="44102" spans="14:14">
      <c r="N44102" s="10"/>
    </row>
    <row r="44103" spans="14:14">
      <c r="N44103" s="10"/>
    </row>
    <row r="44104" spans="14:14">
      <c r="N44104" s="10"/>
    </row>
    <row r="44105" spans="14:14">
      <c r="N44105" s="10"/>
    </row>
    <row r="44106" spans="14:14">
      <c r="N44106" s="10"/>
    </row>
    <row r="44107" spans="14:14">
      <c r="N44107" s="10"/>
    </row>
    <row r="44108" spans="14:14">
      <c r="N44108" s="10"/>
    </row>
    <row r="44109" spans="14:14">
      <c r="N44109" s="10"/>
    </row>
    <row r="44110" spans="14:14">
      <c r="N44110" s="10"/>
    </row>
    <row r="44111" spans="14:14">
      <c r="N44111" s="10"/>
    </row>
    <row r="44112" spans="14:14">
      <c r="N44112" s="10"/>
    </row>
    <row r="44113" spans="14:14">
      <c r="N44113" s="10"/>
    </row>
    <row r="44114" spans="14:14">
      <c r="N44114" s="10"/>
    </row>
    <row r="44115" spans="14:14">
      <c r="N44115" s="10"/>
    </row>
    <row r="44116" spans="14:14">
      <c r="N44116" s="10"/>
    </row>
    <row r="44117" spans="14:14">
      <c r="N44117" s="10"/>
    </row>
    <row r="44118" spans="14:14">
      <c r="N44118" s="10"/>
    </row>
    <row r="44119" spans="14:14">
      <c r="N44119" s="10"/>
    </row>
    <row r="44120" spans="14:14">
      <c r="N44120" s="10"/>
    </row>
    <row r="44121" spans="14:14">
      <c r="N44121" s="10"/>
    </row>
    <row r="44122" spans="14:14">
      <c r="N44122" s="10"/>
    </row>
    <row r="44123" spans="14:14">
      <c r="N44123" s="10"/>
    </row>
    <row r="44124" spans="14:14">
      <c r="N44124" s="10"/>
    </row>
    <row r="44125" spans="14:14">
      <c r="N44125" s="10"/>
    </row>
    <row r="44126" spans="14:14">
      <c r="N44126" s="10"/>
    </row>
    <row r="44127" spans="14:14">
      <c r="N44127" s="10"/>
    </row>
    <row r="44128" spans="14:14">
      <c r="N44128" s="10"/>
    </row>
    <row r="44129" spans="14:14">
      <c r="N44129" s="10"/>
    </row>
    <row r="44130" spans="14:14">
      <c r="N44130" s="10"/>
    </row>
    <row r="44131" spans="14:14">
      <c r="N44131" s="10"/>
    </row>
    <row r="44132" spans="14:14">
      <c r="N44132" s="10"/>
    </row>
    <row r="44133" spans="14:14">
      <c r="N44133" s="10"/>
    </row>
    <row r="44134" spans="14:14">
      <c r="N44134" s="10"/>
    </row>
    <row r="44135" spans="14:14">
      <c r="N44135" s="10"/>
    </row>
    <row r="44136" spans="14:14">
      <c r="N44136" s="10"/>
    </row>
    <row r="44137" spans="14:14">
      <c r="N44137" s="10"/>
    </row>
    <row r="44138" spans="14:14">
      <c r="N44138" s="10"/>
    </row>
    <row r="44139" spans="14:14">
      <c r="N44139" s="10"/>
    </row>
    <row r="44140" spans="14:14">
      <c r="N44140" s="10"/>
    </row>
    <row r="44141" spans="14:14">
      <c r="N44141" s="10"/>
    </row>
    <row r="44142" spans="14:14">
      <c r="N44142" s="10"/>
    </row>
    <row r="44143" spans="14:14">
      <c r="N44143" s="10"/>
    </row>
    <row r="44144" spans="14:14">
      <c r="N44144" s="10"/>
    </row>
    <row r="44145" spans="14:14">
      <c r="N44145" s="10"/>
    </row>
    <row r="44146" spans="14:14">
      <c r="N44146" s="10"/>
    </row>
    <row r="44147" spans="14:14">
      <c r="N44147" s="10"/>
    </row>
    <row r="44148" spans="14:14">
      <c r="N44148" s="10"/>
    </row>
    <row r="44149" spans="14:14">
      <c r="N44149" s="10"/>
    </row>
    <row r="44150" spans="14:14">
      <c r="N44150" s="10"/>
    </row>
    <row r="44151" spans="14:14">
      <c r="N44151" s="10"/>
    </row>
    <row r="44152" spans="14:14">
      <c r="N44152" s="10"/>
    </row>
    <row r="44153" spans="14:14">
      <c r="N44153" s="10"/>
    </row>
    <row r="44154" spans="14:14">
      <c r="N44154" s="10"/>
    </row>
    <row r="44155" spans="14:14">
      <c r="N44155" s="10"/>
    </row>
    <row r="44156" spans="14:14">
      <c r="N44156" s="10"/>
    </row>
    <row r="44157" spans="14:14">
      <c r="N44157" s="10"/>
    </row>
    <row r="44158" spans="14:14">
      <c r="N44158" s="10"/>
    </row>
    <row r="44159" spans="14:14">
      <c r="N44159" s="10"/>
    </row>
    <row r="44160" spans="14:14">
      <c r="N44160" s="10"/>
    </row>
    <row r="44161" spans="14:14">
      <c r="N44161" s="10"/>
    </row>
    <row r="44162" spans="14:14">
      <c r="N44162" s="10"/>
    </row>
    <row r="44163" spans="14:14">
      <c r="N44163" s="10"/>
    </row>
    <row r="44164" spans="14:14">
      <c r="N44164" s="10"/>
    </row>
    <row r="44165" spans="14:14">
      <c r="N44165" s="10"/>
    </row>
    <row r="44166" spans="14:14">
      <c r="N44166" s="10"/>
    </row>
    <row r="44167" spans="14:14">
      <c r="N44167" s="10"/>
    </row>
    <row r="44168" spans="14:14">
      <c r="N44168" s="10"/>
    </row>
    <row r="44169" spans="14:14">
      <c r="N44169" s="10"/>
    </row>
    <row r="44170" spans="14:14">
      <c r="N44170" s="10"/>
    </row>
    <row r="44171" spans="14:14">
      <c r="N44171" s="10"/>
    </row>
    <row r="44172" spans="14:14">
      <c r="N44172" s="10"/>
    </row>
    <row r="44173" spans="14:14">
      <c r="N44173" s="10"/>
    </row>
    <row r="44174" spans="14:14">
      <c r="N44174" s="10"/>
    </row>
    <row r="44175" spans="14:14">
      <c r="N44175" s="10"/>
    </row>
    <row r="44176" spans="14:14">
      <c r="N44176" s="10"/>
    </row>
    <row r="44177" spans="14:14">
      <c r="N44177" s="10"/>
    </row>
    <row r="44178" spans="14:14">
      <c r="N44178" s="10"/>
    </row>
    <row r="44179" spans="14:14">
      <c r="N44179" s="10"/>
    </row>
    <row r="44180" spans="14:14">
      <c r="N44180" s="10"/>
    </row>
    <row r="44181" spans="14:14">
      <c r="N44181" s="10"/>
    </row>
    <row r="44182" spans="14:14">
      <c r="N44182" s="10"/>
    </row>
    <row r="44183" spans="14:14">
      <c r="N44183" s="10"/>
    </row>
    <row r="44184" spans="14:14">
      <c r="N44184" s="10"/>
    </row>
    <row r="44185" spans="14:14">
      <c r="N44185" s="10"/>
    </row>
    <row r="44186" spans="14:14">
      <c r="N44186" s="10"/>
    </row>
    <row r="44187" spans="14:14">
      <c r="N44187" s="10"/>
    </row>
    <row r="44188" spans="14:14">
      <c r="N44188" s="10"/>
    </row>
    <row r="44189" spans="14:14">
      <c r="N44189" s="10"/>
    </row>
    <row r="44190" spans="14:14">
      <c r="N44190" s="10"/>
    </row>
    <row r="44191" spans="14:14">
      <c r="N44191" s="10"/>
    </row>
    <row r="44192" spans="14:14">
      <c r="N44192" s="10"/>
    </row>
    <row r="44193" spans="14:14">
      <c r="N44193" s="10"/>
    </row>
    <row r="44194" spans="14:14">
      <c r="N44194" s="10"/>
    </row>
    <row r="44195" spans="14:14">
      <c r="N44195" s="10"/>
    </row>
    <row r="44196" spans="14:14">
      <c r="N44196" s="10"/>
    </row>
    <row r="44197" spans="14:14">
      <c r="N44197" s="10"/>
    </row>
    <row r="44198" spans="14:14">
      <c r="N44198" s="10"/>
    </row>
    <row r="44199" spans="14:14">
      <c r="N44199" s="10"/>
    </row>
    <row r="44200" spans="14:14">
      <c r="N44200" s="10"/>
    </row>
    <row r="44201" spans="14:14">
      <c r="N44201" s="10"/>
    </row>
    <row r="44202" spans="14:14">
      <c r="N44202" s="10"/>
    </row>
    <row r="44203" spans="14:14">
      <c r="N44203" s="10"/>
    </row>
    <row r="44204" spans="14:14">
      <c r="N44204" s="10"/>
    </row>
    <row r="44205" spans="14:14">
      <c r="N44205" s="10"/>
    </row>
    <row r="44206" spans="14:14">
      <c r="N44206" s="10"/>
    </row>
    <row r="44207" spans="14:14">
      <c r="N44207" s="10"/>
    </row>
    <row r="44208" spans="14:14">
      <c r="N44208" s="10"/>
    </row>
    <row r="44209" spans="14:14">
      <c r="N44209" s="10"/>
    </row>
    <row r="44210" spans="14:14">
      <c r="N44210" s="10"/>
    </row>
    <row r="44211" spans="14:14">
      <c r="N44211" s="10"/>
    </row>
    <row r="44212" spans="14:14">
      <c r="N44212" s="10"/>
    </row>
    <row r="44213" spans="14:14">
      <c r="N44213" s="10"/>
    </row>
    <row r="44214" spans="14:14">
      <c r="N44214" s="10"/>
    </row>
    <row r="44215" spans="14:14">
      <c r="N44215" s="10"/>
    </row>
    <row r="44216" spans="14:14">
      <c r="N44216" s="10"/>
    </row>
    <row r="44217" spans="14:14">
      <c r="N44217" s="10"/>
    </row>
    <row r="44218" spans="14:14">
      <c r="N44218" s="10"/>
    </row>
    <row r="44219" spans="14:14">
      <c r="N44219" s="10"/>
    </row>
    <row r="44220" spans="14:14">
      <c r="N44220" s="10"/>
    </row>
    <row r="44221" spans="14:14">
      <c r="N44221" s="10"/>
    </row>
    <row r="44222" spans="14:14">
      <c r="N44222" s="10"/>
    </row>
    <row r="44223" spans="14:14">
      <c r="N44223" s="10"/>
    </row>
    <row r="44224" spans="14:14">
      <c r="N44224" s="10"/>
    </row>
    <row r="44225" spans="14:14">
      <c r="N44225" s="10"/>
    </row>
    <row r="44226" spans="14:14">
      <c r="N44226" s="10"/>
    </row>
    <row r="44227" spans="14:14">
      <c r="N44227" s="10"/>
    </row>
    <row r="44228" spans="14:14">
      <c r="N44228" s="10"/>
    </row>
    <row r="44229" spans="14:14">
      <c r="N44229" s="10"/>
    </row>
    <row r="44230" spans="14:14">
      <c r="N44230" s="10"/>
    </row>
    <row r="44231" spans="14:14">
      <c r="N44231" s="10"/>
    </row>
    <row r="44232" spans="14:14">
      <c r="N44232" s="10"/>
    </row>
    <row r="44233" spans="14:14">
      <c r="N44233" s="10"/>
    </row>
    <row r="44234" spans="14:14">
      <c r="N44234" s="10"/>
    </row>
    <row r="44235" spans="14:14">
      <c r="N44235" s="10"/>
    </row>
    <row r="44236" spans="14:14">
      <c r="N44236" s="10"/>
    </row>
    <row r="44237" spans="14:14">
      <c r="N44237" s="10"/>
    </row>
    <row r="44238" spans="14:14">
      <c r="N44238" s="10"/>
    </row>
    <row r="44239" spans="14:14">
      <c r="N44239" s="10"/>
    </row>
    <row r="44240" spans="14:14">
      <c r="N44240" s="10"/>
    </row>
    <row r="44241" spans="14:14">
      <c r="N44241" s="10"/>
    </row>
    <row r="44242" spans="14:14">
      <c r="N44242" s="10"/>
    </row>
    <row r="44243" spans="14:14">
      <c r="N44243" s="10"/>
    </row>
    <row r="44244" spans="14:14">
      <c r="N44244" s="10"/>
    </row>
    <row r="44245" spans="14:14">
      <c r="N44245" s="10"/>
    </row>
    <row r="44246" spans="14:14">
      <c r="N44246" s="10"/>
    </row>
    <row r="44247" spans="14:14">
      <c r="N44247" s="10"/>
    </row>
    <row r="44248" spans="14:14">
      <c r="N44248" s="10"/>
    </row>
    <row r="44249" spans="14:14">
      <c r="N44249" s="10"/>
    </row>
    <row r="44250" spans="14:14">
      <c r="N44250" s="10"/>
    </row>
    <row r="44251" spans="14:14">
      <c r="N44251" s="10"/>
    </row>
    <row r="44252" spans="14:14">
      <c r="N44252" s="10"/>
    </row>
    <row r="44253" spans="14:14">
      <c r="N44253" s="10"/>
    </row>
    <row r="44254" spans="14:14">
      <c r="N44254" s="10"/>
    </row>
    <row r="44255" spans="14:14">
      <c r="N44255" s="10"/>
    </row>
    <row r="44256" spans="14:14">
      <c r="N44256" s="10"/>
    </row>
    <row r="44257" spans="14:14">
      <c r="N44257" s="10"/>
    </row>
    <row r="44258" spans="14:14">
      <c r="N44258" s="10"/>
    </row>
    <row r="44259" spans="14:14">
      <c r="N44259" s="10"/>
    </row>
    <row r="44260" spans="14:14">
      <c r="N44260" s="10"/>
    </row>
    <row r="44261" spans="14:14">
      <c r="N44261" s="10"/>
    </row>
    <row r="44262" spans="14:14">
      <c r="N44262" s="10"/>
    </row>
    <row r="44263" spans="14:14">
      <c r="N44263" s="10"/>
    </row>
    <row r="44264" spans="14:14">
      <c r="N44264" s="10"/>
    </row>
    <row r="44265" spans="14:14">
      <c r="N44265" s="10"/>
    </row>
    <row r="44266" spans="14:14">
      <c r="N44266" s="10"/>
    </row>
    <row r="44267" spans="14:14">
      <c r="N44267" s="10"/>
    </row>
    <row r="44268" spans="14:14">
      <c r="N44268" s="10"/>
    </row>
    <row r="44269" spans="14:14">
      <c r="N44269" s="10"/>
    </row>
    <row r="44270" spans="14:14">
      <c r="N44270" s="10"/>
    </row>
    <row r="44271" spans="14:14">
      <c r="N44271" s="10"/>
    </row>
    <row r="44272" spans="14:14">
      <c r="N44272" s="10"/>
    </row>
    <row r="44273" spans="14:14">
      <c r="N44273" s="10"/>
    </row>
    <row r="44274" spans="14:14">
      <c r="N44274" s="10"/>
    </row>
    <row r="44275" spans="14:14">
      <c r="N44275" s="10"/>
    </row>
    <row r="44276" spans="14:14">
      <c r="N44276" s="10"/>
    </row>
    <row r="44277" spans="14:14">
      <c r="N44277" s="10"/>
    </row>
    <row r="44278" spans="14:14">
      <c r="N44278" s="10"/>
    </row>
    <row r="44279" spans="14:14">
      <c r="N44279" s="10"/>
    </row>
    <row r="44280" spans="14:14">
      <c r="N44280" s="10"/>
    </row>
    <row r="44281" spans="14:14">
      <c r="N44281" s="10"/>
    </row>
    <row r="44282" spans="14:14">
      <c r="N44282" s="10"/>
    </row>
    <row r="44283" spans="14:14">
      <c r="N44283" s="10"/>
    </row>
    <row r="44284" spans="14:14">
      <c r="N44284" s="10"/>
    </row>
    <row r="44285" spans="14:14">
      <c r="N44285" s="10"/>
    </row>
    <row r="44286" spans="14:14">
      <c r="N44286" s="10"/>
    </row>
    <row r="44287" spans="14:14">
      <c r="N44287" s="10"/>
    </row>
    <row r="44288" spans="14:14">
      <c r="N44288" s="10"/>
    </row>
    <row r="44289" spans="14:14">
      <c r="N44289" s="10"/>
    </row>
    <row r="44290" spans="14:14">
      <c r="N44290" s="10"/>
    </row>
    <row r="44291" spans="14:14">
      <c r="N44291" s="10"/>
    </row>
    <row r="44292" spans="14:14">
      <c r="N44292" s="10"/>
    </row>
    <row r="44293" spans="14:14">
      <c r="N44293" s="10"/>
    </row>
    <row r="44294" spans="14:14">
      <c r="N44294" s="10"/>
    </row>
    <row r="44295" spans="14:14">
      <c r="N44295" s="10"/>
    </row>
    <row r="44296" spans="14:14">
      <c r="N44296" s="10"/>
    </row>
    <row r="44297" spans="14:14">
      <c r="N44297" s="10"/>
    </row>
    <row r="44298" spans="14:14">
      <c r="N44298" s="10"/>
    </row>
    <row r="44299" spans="14:14">
      <c r="N44299" s="10"/>
    </row>
    <row r="44300" spans="14:14">
      <c r="N44300" s="10"/>
    </row>
    <row r="44301" spans="14:14">
      <c r="N44301" s="10"/>
    </row>
    <row r="44302" spans="14:14">
      <c r="N44302" s="10"/>
    </row>
    <row r="44303" spans="14:14">
      <c r="N44303" s="10"/>
    </row>
    <row r="44304" spans="14:14">
      <c r="N44304" s="10"/>
    </row>
    <row r="44305" spans="14:14">
      <c r="N44305" s="10"/>
    </row>
    <row r="44306" spans="14:14">
      <c r="N44306" s="10"/>
    </row>
    <row r="44307" spans="14:14">
      <c r="N44307" s="10"/>
    </row>
    <row r="44308" spans="14:14">
      <c r="N44308" s="10"/>
    </row>
    <row r="44309" spans="14:14">
      <c r="N44309" s="10"/>
    </row>
    <row r="44310" spans="14:14">
      <c r="N44310" s="10"/>
    </row>
    <row r="44311" spans="14:14">
      <c r="N44311" s="10"/>
    </row>
    <row r="44312" spans="14:14">
      <c r="N44312" s="10"/>
    </row>
    <row r="44313" spans="14:14">
      <c r="N44313" s="10"/>
    </row>
    <row r="44314" spans="14:14">
      <c r="N44314" s="10"/>
    </row>
    <row r="44315" spans="14:14">
      <c r="N44315" s="10"/>
    </row>
    <row r="44316" spans="14:14">
      <c r="N44316" s="10"/>
    </row>
    <row r="44317" spans="14:14">
      <c r="N44317" s="10"/>
    </row>
    <row r="44318" spans="14:14">
      <c r="N44318" s="10"/>
    </row>
    <row r="44319" spans="14:14">
      <c r="N44319" s="10"/>
    </row>
    <row r="44320" spans="14:14">
      <c r="N44320" s="10"/>
    </row>
    <row r="44321" spans="14:14">
      <c r="N44321" s="10"/>
    </row>
    <row r="44322" spans="14:14">
      <c r="N44322" s="10"/>
    </row>
    <row r="44323" spans="14:14">
      <c r="N44323" s="10"/>
    </row>
    <row r="44324" spans="14:14">
      <c r="N44324" s="10"/>
    </row>
    <row r="44325" spans="14:14">
      <c r="N44325" s="10"/>
    </row>
    <row r="44326" spans="14:14">
      <c r="N44326" s="10"/>
    </row>
    <row r="44327" spans="14:14">
      <c r="N44327" s="10"/>
    </row>
    <row r="44328" spans="14:14">
      <c r="N44328" s="10"/>
    </row>
    <row r="44329" spans="14:14">
      <c r="N44329" s="10"/>
    </row>
    <row r="44330" spans="14:14">
      <c r="N44330" s="10"/>
    </row>
    <row r="44331" spans="14:14">
      <c r="N44331" s="10"/>
    </row>
    <row r="44332" spans="14:14">
      <c r="N44332" s="10"/>
    </row>
    <row r="44333" spans="14:14">
      <c r="N44333" s="10"/>
    </row>
    <row r="44334" spans="14:14">
      <c r="N44334" s="10"/>
    </row>
    <row r="44335" spans="14:14">
      <c r="N44335" s="10"/>
    </row>
    <row r="44336" spans="14:14">
      <c r="N44336" s="10"/>
    </row>
    <row r="44337" spans="14:14">
      <c r="N44337" s="10"/>
    </row>
    <row r="44338" spans="14:14">
      <c r="N44338" s="10"/>
    </row>
    <row r="44339" spans="14:14">
      <c r="N44339" s="10"/>
    </row>
    <row r="44340" spans="14:14">
      <c r="N44340" s="10"/>
    </row>
    <row r="44341" spans="14:14">
      <c r="N44341" s="10"/>
    </row>
    <row r="44342" spans="14:14">
      <c r="N44342" s="10"/>
    </row>
    <row r="44343" spans="14:14">
      <c r="N44343" s="10"/>
    </row>
    <row r="44344" spans="14:14">
      <c r="N44344" s="10"/>
    </row>
    <row r="44345" spans="14:14">
      <c r="N44345" s="10"/>
    </row>
    <row r="44346" spans="14:14">
      <c r="N44346" s="10"/>
    </row>
    <row r="44347" spans="14:14">
      <c r="N44347" s="10"/>
    </row>
    <row r="44348" spans="14:14">
      <c r="N44348" s="10"/>
    </row>
    <row r="44349" spans="14:14">
      <c r="N44349" s="10"/>
    </row>
    <row r="44350" spans="14:14">
      <c r="N44350" s="10"/>
    </row>
    <row r="44351" spans="14:14">
      <c r="N44351" s="10"/>
    </row>
    <row r="44352" spans="14:14">
      <c r="N44352" s="10"/>
    </row>
    <row r="44353" spans="14:14">
      <c r="N44353" s="10"/>
    </row>
    <row r="44354" spans="14:14">
      <c r="N44354" s="10"/>
    </row>
    <row r="44355" spans="14:14">
      <c r="N44355" s="10"/>
    </row>
    <row r="44356" spans="14:14">
      <c r="N44356" s="10"/>
    </row>
    <row r="44357" spans="14:14">
      <c r="N44357" s="10"/>
    </row>
    <row r="44358" spans="14:14">
      <c r="N44358" s="10"/>
    </row>
    <row r="44359" spans="14:14">
      <c r="N44359" s="10"/>
    </row>
    <row r="44360" spans="14:14">
      <c r="N44360" s="10"/>
    </row>
    <row r="44361" spans="14:14">
      <c r="N44361" s="10"/>
    </row>
    <row r="44362" spans="14:14">
      <c r="N44362" s="10"/>
    </row>
    <row r="44363" spans="14:14">
      <c r="N44363" s="10"/>
    </row>
    <row r="44364" spans="14:14">
      <c r="N44364" s="10"/>
    </row>
    <row r="44365" spans="14:14">
      <c r="N44365" s="10"/>
    </row>
    <row r="44366" spans="14:14">
      <c r="N44366" s="10"/>
    </row>
    <row r="44367" spans="14:14">
      <c r="N44367" s="10"/>
    </row>
    <row r="44368" spans="14:14">
      <c r="N44368" s="10"/>
    </row>
    <row r="44369" spans="14:14">
      <c r="N44369" s="10"/>
    </row>
    <row r="44370" spans="14:14">
      <c r="N44370" s="10"/>
    </row>
    <row r="44371" spans="14:14">
      <c r="N44371" s="10"/>
    </row>
    <row r="44372" spans="14:14">
      <c r="N44372" s="10"/>
    </row>
    <row r="44373" spans="14:14">
      <c r="N44373" s="10"/>
    </row>
    <row r="44374" spans="14:14">
      <c r="N44374" s="10"/>
    </row>
    <row r="44375" spans="14:14">
      <c r="N44375" s="10"/>
    </row>
    <row r="44376" spans="14:14">
      <c r="N44376" s="10"/>
    </row>
    <row r="44377" spans="14:14">
      <c r="N44377" s="10"/>
    </row>
    <row r="44378" spans="14:14">
      <c r="N44378" s="10"/>
    </row>
    <row r="44379" spans="14:14">
      <c r="N44379" s="10"/>
    </row>
    <row r="44380" spans="14:14">
      <c r="N44380" s="10"/>
    </row>
    <row r="44381" spans="14:14">
      <c r="N44381" s="10"/>
    </row>
    <row r="44382" spans="14:14">
      <c r="N44382" s="10"/>
    </row>
    <row r="44383" spans="14:14">
      <c r="N44383" s="10"/>
    </row>
    <row r="44384" spans="14:14">
      <c r="N44384" s="10"/>
    </row>
    <row r="44385" spans="14:14">
      <c r="N44385" s="10"/>
    </row>
    <row r="44386" spans="14:14">
      <c r="N44386" s="10"/>
    </row>
    <row r="44387" spans="14:14">
      <c r="N44387" s="10"/>
    </row>
    <row r="44388" spans="14:14">
      <c r="N44388" s="10"/>
    </row>
    <row r="44389" spans="14:14">
      <c r="N44389" s="10"/>
    </row>
    <row r="44390" spans="14:14">
      <c r="N44390" s="10"/>
    </row>
    <row r="44391" spans="14:14">
      <c r="N44391" s="10"/>
    </row>
    <row r="44392" spans="14:14">
      <c r="N44392" s="10"/>
    </row>
    <row r="44393" spans="14:14">
      <c r="N44393" s="10"/>
    </row>
    <row r="44394" spans="14:14">
      <c r="N44394" s="10"/>
    </row>
    <row r="44395" spans="14:14">
      <c r="N44395" s="10"/>
    </row>
    <row r="44396" spans="14:14">
      <c r="N44396" s="10"/>
    </row>
    <row r="44397" spans="14:14">
      <c r="N44397" s="10"/>
    </row>
    <row r="44398" spans="14:14">
      <c r="N44398" s="10"/>
    </row>
    <row r="44399" spans="14:14">
      <c r="N44399" s="10"/>
    </row>
    <row r="44400" spans="14:14">
      <c r="N44400" s="10"/>
    </row>
    <row r="44401" spans="14:14">
      <c r="N44401" s="10"/>
    </row>
    <row r="44402" spans="14:14">
      <c r="N44402" s="10"/>
    </row>
    <row r="44403" spans="14:14">
      <c r="N44403" s="10"/>
    </row>
    <row r="44404" spans="14:14">
      <c r="N44404" s="10"/>
    </row>
    <row r="44405" spans="14:14">
      <c r="N44405" s="10"/>
    </row>
    <row r="44406" spans="14:14">
      <c r="N44406" s="10"/>
    </row>
    <row r="44407" spans="14:14">
      <c r="N44407" s="10"/>
    </row>
    <row r="44408" spans="14:14">
      <c r="N44408" s="10"/>
    </row>
    <row r="44409" spans="14:14">
      <c r="N44409" s="10"/>
    </row>
    <row r="44410" spans="14:14">
      <c r="N44410" s="10"/>
    </row>
    <row r="44411" spans="14:14">
      <c r="N44411" s="10"/>
    </row>
    <row r="44412" spans="14:14">
      <c r="N44412" s="10"/>
    </row>
    <row r="44413" spans="14:14">
      <c r="N44413" s="10"/>
    </row>
    <row r="44414" spans="14:14">
      <c r="N44414" s="10"/>
    </row>
    <row r="44415" spans="14:14">
      <c r="N44415" s="10"/>
    </row>
    <row r="44416" spans="14:14">
      <c r="N44416" s="10"/>
    </row>
    <row r="44417" spans="14:14">
      <c r="N44417" s="10"/>
    </row>
    <row r="44418" spans="14:14">
      <c r="N44418" s="10"/>
    </row>
    <row r="44419" spans="14:14">
      <c r="N44419" s="10"/>
    </row>
    <row r="44420" spans="14:14">
      <c r="N44420" s="10"/>
    </row>
    <row r="44421" spans="14:14">
      <c r="N44421" s="10"/>
    </row>
    <row r="44422" spans="14:14">
      <c r="N44422" s="10"/>
    </row>
    <row r="44423" spans="14:14">
      <c r="N44423" s="10"/>
    </row>
    <row r="44424" spans="14:14">
      <c r="N44424" s="10"/>
    </row>
    <row r="44425" spans="14:14">
      <c r="N44425" s="10"/>
    </row>
    <row r="44426" spans="14:14">
      <c r="N44426" s="10"/>
    </row>
    <row r="44427" spans="14:14">
      <c r="N44427" s="10"/>
    </row>
    <row r="44428" spans="14:14">
      <c r="N44428" s="10"/>
    </row>
    <row r="44429" spans="14:14">
      <c r="N44429" s="10"/>
    </row>
    <row r="44430" spans="14:14">
      <c r="N44430" s="10"/>
    </row>
    <row r="44431" spans="14:14">
      <c r="N44431" s="10"/>
    </row>
    <row r="44432" spans="14:14">
      <c r="N44432" s="10"/>
    </row>
    <row r="44433" spans="14:14">
      <c r="N44433" s="10"/>
    </row>
    <row r="44434" spans="14:14">
      <c r="N44434" s="10"/>
    </row>
    <row r="44435" spans="14:14">
      <c r="N44435" s="10"/>
    </row>
    <row r="44436" spans="14:14">
      <c r="N44436" s="10"/>
    </row>
    <row r="44437" spans="14:14">
      <c r="N44437" s="10"/>
    </row>
    <row r="44438" spans="14:14">
      <c r="N44438" s="10"/>
    </row>
    <row r="44439" spans="14:14">
      <c r="N44439" s="10"/>
    </row>
    <row r="44440" spans="14:14">
      <c r="N44440" s="10"/>
    </row>
    <row r="44441" spans="14:14">
      <c r="N44441" s="10"/>
    </row>
    <row r="44442" spans="14:14">
      <c r="N44442" s="10"/>
    </row>
    <row r="44443" spans="14:14">
      <c r="N44443" s="10"/>
    </row>
    <row r="44444" spans="14:14">
      <c r="N44444" s="10"/>
    </row>
    <row r="44445" spans="14:14">
      <c r="N44445" s="10"/>
    </row>
    <row r="44446" spans="14:14">
      <c r="N44446" s="10"/>
    </row>
    <row r="44447" spans="14:14">
      <c r="N44447" s="10"/>
    </row>
    <row r="44448" spans="14:14">
      <c r="N44448" s="10"/>
    </row>
    <row r="44449" spans="14:14">
      <c r="N44449" s="10"/>
    </row>
    <row r="44450" spans="14:14">
      <c r="N44450" s="10"/>
    </row>
    <row r="44451" spans="14:14">
      <c r="N44451" s="10"/>
    </row>
    <row r="44452" spans="14:14">
      <c r="N44452" s="10"/>
    </row>
    <row r="44453" spans="14:14">
      <c r="N44453" s="10"/>
    </row>
    <row r="44454" spans="14:14">
      <c r="N44454" s="10"/>
    </row>
    <row r="44455" spans="14:14">
      <c r="N44455" s="10"/>
    </row>
    <row r="44456" spans="14:14">
      <c r="N44456" s="10"/>
    </row>
    <row r="44457" spans="14:14">
      <c r="N44457" s="10"/>
    </row>
    <row r="44458" spans="14:14">
      <c r="N44458" s="10"/>
    </row>
    <row r="44459" spans="14:14">
      <c r="N44459" s="10"/>
    </row>
    <row r="44460" spans="14:14">
      <c r="N44460" s="10"/>
    </row>
    <row r="44461" spans="14:14">
      <c r="N44461" s="10"/>
    </row>
    <row r="44462" spans="14:14">
      <c r="N44462" s="10"/>
    </row>
    <row r="44463" spans="14:14">
      <c r="N44463" s="10"/>
    </row>
    <row r="44464" spans="14:14">
      <c r="N44464" s="10"/>
    </row>
    <row r="44465" spans="14:14">
      <c r="N44465" s="10"/>
    </row>
    <row r="44466" spans="14:14">
      <c r="N44466" s="10"/>
    </row>
    <row r="44467" spans="14:14">
      <c r="N44467" s="10"/>
    </row>
    <row r="44468" spans="14:14">
      <c r="N44468" s="10"/>
    </row>
    <row r="44469" spans="14:14">
      <c r="N44469" s="10"/>
    </row>
    <row r="44470" spans="14:14">
      <c r="N44470" s="10"/>
    </row>
    <row r="44471" spans="14:14">
      <c r="N44471" s="10"/>
    </row>
    <row r="44472" spans="14:14">
      <c r="N44472" s="10"/>
    </row>
    <row r="44473" spans="14:14">
      <c r="N44473" s="10"/>
    </row>
    <row r="44474" spans="14:14">
      <c r="N44474" s="10"/>
    </row>
    <row r="44475" spans="14:14">
      <c r="N44475" s="10"/>
    </row>
    <row r="44476" spans="14:14">
      <c r="N44476" s="10"/>
    </row>
    <row r="44477" spans="14:14">
      <c r="N44477" s="10"/>
    </row>
    <row r="44478" spans="14:14">
      <c r="N44478" s="10"/>
    </row>
    <row r="44479" spans="14:14">
      <c r="N44479" s="10"/>
    </row>
    <row r="44480" spans="14:14">
      <c r="N44480" s="10"/>
    </row>
    <row r="44481" spans="14:14">
      <c r="N44481" s="10"/>
    </row>
    <row r="44482" spans="14:14">
      <c r="N44482" s="10"/>
    </row>
    <row r="44483" spans="14:14">
      <c r="N44483" s="10"/>
    </row>
    <row r="44484" spans="14:14">
      <c r="N44484" s="10"/>
    </row>
    <row r="44485" spans="14:14">
      <c r="N44485" s="10"/>
    </row>
    <row r="44486" spans="14:14">
      <c r="N44486" s="10"/>
    </row>
    <row r="44487" spans="14:14">
      <c r="N44487" s="10"/>
    </row>
    <row r="44488" spans="14:14">
      <c r="N44488" s="10"/>
    </row>
    <row r="44489" spans="14:14">
      <c r="N44489" s="10"/>
    </row>
    <row r="44490" spans="14:14">
      <c r="N44490" s="10"/>
    </row>
    <row r="44491" spans="14:14">
      <c r="N44491" s="10"/>
    </row>
    <row r="44492" spans="14:14">
      <c r="N44492" s="10"/>
    </row>
    <row r="44493" spans="14:14">
      <c r="N44493" s="10"/>
    </row>
    <row r="44494" spans="14:14">
      <c r="N44494" s="10"/>
    </row>
    <row r="44495" spans="14:14">
      <c r="N44495" s="10"/>
    </row>
    <row r="44496" spans="14:14">
      <c r="N44496" s="10"/>
    </row>
    <row r="44497" spans="14:14">
      <c r="N44497" s="10"/>
    </row>
    <row r="44498" spans="14:14">
      <c r="N44498" s="10"/>
    </row>
    <row r="44499" spans="14:14">
      <c r="N44499" s="10"/>
    </row>
    <row r="44500" spans="14:14">
      <c r="N44500" s="10"/>
    </row>
    <row r="44501" spans="14:14">
      <c r="N44501" s="10"/>
    </row>
    <row r="44502" spans="14:14">
      <c r="N44502" s="10"/>
    </row>
    <row r="44503" spans="14:14">
      <c r="N44503" s="10"/>
    </row>
    <row r="44504" spans="14:14">
      <c r="N44504" s="10"/>
    </row>
    <row r="44505" spans="14:14">
      <c r="N44505" s="10"/>
    </row>
    <row r="44506" spans="14:14">
      <c r="N44506" s="10"/>
    </row>
    <row r="44507" spans="14:14">
      <c r="N44507" s="10"/>
    </row>
    <row r="44508" spans="14:14">
      <c r="N44508" s="10"/>
    </row>
    <row r="44509" spans="14:14">
      <c r="N44509" s="10"/>
    </row>
    <row r="44510" spans="14:14">
      <c r="N44510" s="10"/>
    </row>
    <row r="44511" spans="14:14">
      <c r="N44511" s="10"/>
    </row>
    <row r="44512" spans="14:14">
      <c r="N44512" s="10"/>
    </row>
    <row r="44513" spans="14:14">
      <c r="N44513" s="10"/>
    </row>
    <row r="44514" spans="14:14">
      <c r="N44514" s="10"/>
    </row>
    <row r="44515" spans="14:14">
      <c r="N44515" s="10"/>
    </row>
    <row r="44516" spans="14:14">
      <c r="N44516" s="10"/>
    </row>
    <row r="44517" spans="14:14">
      <c r="N44517" s="10"/>
    </row>
    <row r="44518" spans="14:14">
      <c r="N44518" s="10"/>
    </row>
    <row r="44519" spans="14:14">
      <c r="N44519" s="10"/>
    </row>
    <row r="44520" spans="14:14">
      <c r="N44520" s="10"/>
    </row>
    <row r="44521" spans="14:14">
      <c r="N44521" s="10"/>
    </row>
    <row r="44522" spans="14:14">
      <c r="N44522" s="10"/>
    </row>
    <row r="44523" spans="14:14">
      <c r="N44523" s="10"/>
    </row>
    <row r="44524" spans="14:14">
      <c r="N44524" s="10"/>
    </row>
    <row r="44525" spans="14:14">
      <c r="N44525" s="10"/>
    </row>
    <row r="44526" spans="14:14">
      <c r="N44526" s="10"/>
    </row>
    <row r="44527" spans="14:14">
      <c r="N44527" s="10"/>
    </row>
    <row r="44528" spans="14:14">
      <c r="N44528" s="10"/>
    </row>
    <row r="44529" spans="14:14">
      <c r="N44529" s="10"/>
    </row>
    <row r="44530" spans="14:14">
      <c r="N44530" s="10"/>
    </row>
    <row r="44531" spans="14:14">
      <c r="N44531" s="10"/>
    </row>
    <row r="44532" spans="14:14">
      <c r="N44532" s="10"/>
    </row>
    <row r="44533" spans="14:14">
      <c r="N44533" s="10"/>
    </row>
    <row r="44534" spans="14:14">
      <c r="N44534" s="10"/>
    </row>
    <row r="44535" spans="14:14">
      <c r="N44535" s="10"/>
    </row>
    <row r="44536" spans="14:14">
      <c r="N44536" s="10"/>
    </row>
    <row r="44537" spans="14:14">
      <c r="N44537" s="10"/>
    </row>
    <row r="44538" spans="14:14">
      <c r="N44538" s="10"/>
    </row>
    <row r="44539" spans="14:14">
      <c r="N44539" s="10"/>
    </row>
    <row r="44540" spans="14:14">
      <c r="N44540" s="10"/>
    </row>
    <row r="44541" spans="14:14">
      <c r="N44541" s="10"/>
    </row>
    <row r="44542" spans="14:14">
      <c r="N44542" s="10"/>
    </row>
    <row r="44543" spans="14:14">
      <c r="N44543" s="10"/>
    </row>
    <row r="44544" spans="14:14">
      <c r="N44544" s="10"/>
    </row>
    <row r="44545" spans="14:14">
      <c r="N44545" s="10"/>
    </row>
    <row r="44546" spans="14:14">
      <c r="N44546" s="10"/>
    </row>
    <row r="44547" spans="14:14">
      <c r="N44547" s="10"/>
    </row>
    <row r="44548" spans="14:14">
      <c r="N44548" s="10"/>
    </row>
    <row r="44549" spans="14:14">
      <c r="N44549" s="10"/>
    </row>
    <row r="44550" spans="14:14">
      <c r="N44550" s="10"/>
    </row>
    <row r="44551" spans="14:14">
      <c r="N44551" s="10"/>
    </row>
    <row r="44552" spans="14:14">
      <c r="N44552" s="10"/>
    </row>
    <row r="44553" spans="14:14">
      <c r="N44553" s="10"/>
    </row>
    <row r="44554" spans="14:14">
      <c r="N44554" s="10"/>
    </row>
    <row r="44555" spans="14:14">
      <c r="N44555" s="10"/>
    </row>
    <row r="44556" spans="14:14">
      <c r="N44556" s="10"/>
    </row>
    <row r="44557" spans="14:14">
      <c r="N44557" s="10"/>
    </row>
    <row r="44558" spans="14:14">
      <c r="N44558" s="10"/>
    </row>
    <row r="44559" spans="14:14">
      <c r="N44559" s="10"/>
    </row>
    <row r="44560" spans="14:14">
      <c r="N44560" s="10"/>
    </row>
    <row r="44561" spans="14:14">
      <c r="N44561" s="10"/>
    </row>
    <row r="44562" spans="14:14">
      <c r="N44562" s="10"/>
    </row>
    <row r="44563" spans="14:14">
      <c r="N44563" s="10"/>
    </row>
    <row r="44564" spans="14:14">
      <c r="N44564" s="10"/>
    </row>
    <row r="44565" spans="14:14">
      <c r="N44565" s="10"/>
    </row>
    <row r="44566" spans="14:14">
      <c r="N44566" s="10"/>
    </row>
    <row r="44567" spans="14:14">
      <c r="N44567" s="10"/>
    </row>
    <row r="44568" spans="14:14">
      <c r="N44568" s="10"/>
    </row>
    <row r="44569" spans="14:14">
      <c r="N44569" s="10"/>
    </row>
    <row r="44570" spans="14:14">
      <c r="N44570" s="10"/>
    </row>
    <row r="44571" spans="14:14">
      <c r="N44571" s="10"/>
    </row>
    <row r="44572" spans="14:14">
      <c r="N44572" s="10"/>
    </row>
    <row r="44573" spans="14:14">
      <c r="N44573" s="10"/>
    </row>
    <row r="44574" spans="14:14">
      <c r="N44574" s="10"/>
    </row>
    <row r="44575" spans="14:14">
      <c r="N44575" s="10"/>
    </row>
    <row r="44576" spans="14:14">
      <c r="N44576" s="10"/>
    </row>
    <row r="44577" spans="14:14">
      <c r="N44577" s="10"/>
    </row>
    <row r="44578" spans="14:14">
      <c r="N44578" s="10"/>
    </row>
    <row r="44579" spans="14:14">
      <c r="N44579" s="10"/>
    </row>
    <row r="44580" spans="14:14">
      <c r="N44580" s="10"/>
    </row>
    <row r="44581" spans="14:14">
      <c r="N44581" s="10"/>
    </row>
    <row r="44582" spans="14:14">
      <c r="N44582" s="10"/>
    </row>
    <row r="44583" spans="14:14">
      <c r="N44583" s="10"/>
    </row>
    <row r="44584" spans="14:14">
      <c r="N44584" s="10"/>
    </row>
    <row r="44585" spans="14:14">
      <c r="N44585" s="10"/>
    </row>
    <row r="44586" spans="14:14">
      <c r="N44586" s="10"/>
    </row>
    <row r="44587" spans="14:14">
      <c r="N44587" s="10"/>
    </row>
    <row r="44588" spans="14:14">
      <c r="N44588" s="10"/>
    </row>
    <row r="44589" spans="14:14">
      <c r="N44589" s="10"/>
    </row>
    <row r="44590" spans="14:14">
      <c r="N44590" s="10"/>
    </row>
    <row r="44591" spans="14:14">
      <c r="N44591" s="10"/>
    </row>
    <row r="44592" spans="14:14">
      <c r="N44592" s="10"/>
    </row>
    <row r="44593" spans="14:14">
      <c r="N44593" s="10"/>
    </row>
    <row r="44594" spans="14:14">
      <c r="N44594" s="10"/>
    </row>
    <row r="44595" spans="14:14">
      <c r="N44595" s="10"/>
    </row>
    <row r="44596" spans="14:14">
      <c r="N44596" s="10"/>
    </row>
    <row r="44597" spans="14:14">
      <c r="N44597" s="10"/>
    </row>
    <row r="44598" spans="14:14">
      <c r="N44598" s="10"/>
    </row>
    <row r="44599" spans="14:14">
      <c r="N44599" s="10"/>
    </row>
    <row r="44600" spans="14:14">
      <c r="N44600" s="10"/>
    </row>
    <row r="44601" spans="14:14">
      <c r="N44601" s="10"/>
    </row>
    <row r="44602" spans="14:14">
      <c r="N44602" s="10"/>
    </row>
    <row r="44603" spans="14:14">
      <c r="N44603" s="10"/>
    </row>
    <row r="44604" spans="14:14">
      <c r="N44604" s="10"/>
    </row>
    <row r="44605" spans="14:14">
      <c r="N44605" s="10"/>
    </row>
    <row r="44606" spans="14:14">
      <c r="N44606" s="10"/>
    </row>
    <row r="44607" spans="14:14">
      <c r="N44607" s="10"/>
    </row>
    <row r="44608" spans="14:14">
      <c r="N44608" s="10"/>
    </row>
    <row r="44609" spans="14:14">
      <c r="N44609" s="10"/>
    </row>
    <row r="44610" spans="14:14">
      <c r="N44610" s="10"/>
    </row>
    <row r="44611" spans="14:14">
      <c r="N44611" s="10"/>
    </row>
    <row r="44612" spans="14:14">
      <c r="N44612" s="10"/>
    </row>
    <row r="44613" spans="14:14">
      <c r="N44613" s="10"/>
    </row>
    <row r="44614" spans="14:14">
      <c r="N44614" s="10"/>
    </row>
    <row r="44615" spans="14:14">
      <c r="N44615" s="10"/>
    </row>
    <row r="44616" spans="14:14">
      <c r="N44616" s="10"/>
    </row>
    <row r="44617" spans="14:14">
      <c r="N44617" s="10"/>
    </row>
    <row r="44618" spans="14:14">
      <c r="N44618" s="10"/>
    </row>
    <row r="44619" spans="14:14">
      <c r="N44619" s="10"/>
    </row>
    <row r="44620" spans="14:14">
      <c r="N44620" s="10"/>
    </row>
    <row r="44621" spans="14:14">
      <c r="N44621" s="10"/>
    </row>
    <row r="44622" spans="14:14">
      <c r="N44622" s="10"/>
    </row>
    <row r="44623" spans="14:14">
      <c r="N44623" s="10"/>
    </row>
    <row r="44624" spans="14:14">
      <c r="N44624" s="10"/>
    </row>
    <row r="44625" spans="14:14">
      <c r="N44625" s="10"/>
    </row>
    <row r="44626" spans="14:14">
      <c r="N44626" s="10"/>
    </row>
    <row r="44627" spans="14:14">
      <c r="N44627" s="10"/>
    </row>
    <row r="44628" spans="14:14">
      <c r="N44628" s="10"/>
    </row>
    <row r="44629" spans="14:14">
      <c r="N44629" s="10"/>
    </row>
    <row r="44630" spans="14:14">
      <c r="N44630" s="10"/>
    </row>
    <row r="44631" spans="14:14">
      <c r="N44631" s="10"/>
    </row>
    <row r="44632" spans="14:14">
      <c r="N44632" s="10"/>
    </row>
    <row r="44633" spans="14:14">
      <c r="N44633" s="10"/>
    </row>
    <row r="44634" spans="14:14">
      <c r="N44634" s="10"/>
    </row>
    <row r="44635" spans="14:14">
      <c r="N44635" s="10"/>
    </row>
    <row r="44636" spans="14:14">
      <c r="N44636" s="10"/>
    </row>
    <row r="44637" spans="14:14">
      <c r="N44637" s="10"/>
    </row>
    <row r="44638" spans="14:14">
      <c r="N44638" s="10"/>
    </row>
    <row r="44639" spans="14:14">
      <c r="N44639" s="10"/>
    </row>
    <row r="44640" spans="14:14">
      <c r="N44640" s="10"/>
    </row>
    <row r="44641" spans="14:14">
      <c r="N44641" s="10"/>
    </row>
    <row r="44642" spans="14:14">
      <c r="N44642" s="10"/>
    </row>
    <row r="44643" spans="14:14">
      <c r="N44643" s="10"/>
    </row>
    <row r="44644" spans="14:14">
      <c r="N44644" s="10"/>
    </row>
    <row r="44645" spans="14:14">
      <c r="N44645" s="10"/>
    </row>
    <row r="44646" spans="14:14">
      <c r="N44646" s="10"/>
    </row>
    <row r="44647" spans="14:14">
      <c r="N44647" s="10"/>
    </row>
    <row r="44648" spans="14:14">
      <c r="N44648" s="10"/>
    </row>
    <row r="44649" spans="14:14">
      <c r="N44649" s="10"/>
    </row>
    <row r="44650" spans="14:14">
      <c r="N44650" s="10"/>
    </row>
    <row r="44651" spans="14:14">
      <c r="N44651" s="10"/>
    </row>
    <row r="44652" spans="14:14">
      <c r="N44652" s="10"/>
    </row>
    <row r="44653" spans="14:14">
      <c r="N44653" s="10"/>
    </row>
    <row r="44654" spans="14:14">
      <c r="N44654" s="10"/>
    </row>
    <row r="44655" spans="14:14">
      <c r="N44655" s="10"/>
    </row>
    <row r="44656" spans="14:14">
      <c r="N44656" s="10"/>
    </row>
    <row r="44657" spans="14:14">
      <c r="N44657" s="10"/>
    </row>
    <row r="44658" spans="14:14">
      <c r="N44658" s="10"/>
    </row>
    <row r="44659" spans="14:14">
      <c r="N44659" s="10"/>
    </row>
    <row r="44660" spans="14:14">
      <c r="N44660" s="10"/>
    </row>
    <row r="44661" spans="14:14">
      <c r="N44661" s="10"/>
    </row>
    <row r="44662" spans="14:14">
      <c r="N44662" s="10"/>
    </row>
    <row r="44663" spans="14:14">
      <c r="N44663" s="10"/>
    </row>
    <row r="44664" spans="14:14">
      <c r="N44664" s="10"/>
    </row>
    <row r="44665" spans="14:14">
      <c r="N44665" s="10"/>
    </row>
    <row r="44666" spans="14:14">
      <c r="N44666" s="10"/>
    </row>
    <row r="44667" spans="14:14">
      <c r="N44667" s="10"/>
    </row>
    <row r="44668" spans="14:14">
      <c r="N44668" s="10"/>
    </row>
    <row r="44669" spans="14:14">
      <c r="N44669" s="10"/>
    </row>
    <row r="44670" spans="14:14">
      <c r="N44670" s="10"/>
    </row>
    <row r="44671" spans="14:14">
      <c r="N44671" s="10"/>
    </row>
    <row r="44672" spans="14:14">
      <c r="N44672" s="10"/>
    </row>
    <row r="44673" spans="14:14">
      <c r="N44673" s="10"/>
    </row>
    <row r="44674" spans="14:14">
      <c r="N44674" s="10"/>
    </row>
    <row r="44675" spans="14:14">
      <c r="N44675" s="10"/>
    </row>
    <row r="44676" spans="14:14">
      <c r="N44676" s="10"/>
    </row>
    <row r="44677" spans="14:14">
      <c r="N44677" s="10"/>
    </row>
    <row r="44678" spans="14:14">
      <c r="N44678" s="10"/>
    </row>
    <row r="44679" spans="14:14">
      <c r="N44679" s="10"/>
    </row>
    <row r="44680" spans="14:14">
      <c r="N44680" s="10"/>
    </row>
    <row r="44681" spans="14:14">
      <c r="N44681" s="10"/>
    </row>
    <row r="44682" spans="14:14">
      <c r="N44682" s="10"/>
    </row>
    <row r="44683" spans="14:14">
      <c r="N44683" s="10"/>
    </row>
    <row r="44684" spans="14:14">
      <c r="N44684" s="10"/>
    </row>
    <row r="44685" spans="14:14">
      <c r="N44685" s="10"/>
    </row>
    <row r="44686" spans="14:14">
      <c r="N44686" s="10"/>
    </row>
    <row r="44687" spans="14:14">
      <c r="N44687" s="10"/>
    </row>
    <row r="44688" spans="14:14">
      <c r="N44688" s="10"/>
    </row>
    <row r="44689" spans="14:14">
      <c r="N44689" s="10"/>
    </row>
    <row r="44690" spans="14:14">
      <c r="N44690" s="10"/>
    </row>
    <row r="44691" spans="14:14">
      <c r="N44691" s="10"/>
    </row>
    <row r="44692" spans="14:14">
      <c r="N44692" s="10"/>
    </row>
    <row r="44693" spans="14:14">
      <c r="N44693" s="10"/>
    </row>
    <row r="44694" spans="14:14">
      <c r="N44694" s="10"/>
    </row>
    <row r="44695" spans="14:14">
      <c r="N44695" s="10"/>
    </row>
    <row r="44696" spans="14:14">
      <c r="N44696" s="10"/>
    </row>
    <row r="44697" spans="14:14">
      <c r="N44697" s="10"/>
    </row>
    <row r="44698" spans="14:14">
      <c r="N44698" s="10"/>
    </row>
    <row r="44699" spans="14:14">
      <c r="N44699" s="10"/>
    </row>
    <row r="44700" spans="14:14">
      <c r="N44700" s="10"/>
    </row>
    <row r="44701" spans="14:14">
      <c r="N44701" s="10"/>
    </row>
    <row r="44702" spans="14:14">
      <c r="N44702" s="10"/>
    </row>
    <row r="44703" spans="14:14">
      <c r="N44703" s="10"/>
    </row>
    <row r="44704" spans="14:14">
      <c r="N44704" s="10"/>
    </row>
    <row r="44705" spans="14:14">
      <c r="N44705" s="10"/>
    </row>
    <row r="44706" spans="14:14">
      <c r="N44706" s="10"/>
    </row>
    <row r="44707" spans="14:14">
      <c r="N44707" s="10"/>
    </row>
    <row r="44708" spans="14:14">
      <c r="N44708" s="10"/>
    </row>
    <row r="44709" spans="14:14">
      <c r="N44709" s="10"/>
    </row>
    <row r="44710" spans="14:14">
      <c r="N44710" s="10"/>
    </row>
    <row r="44711" spans="14:14">
      <c r="N44711" s="10"/>
    </row>
    <row r="44712" spans="14:14">
      <c r="N44712" s="10"/>
    </row>
    <row r="44713" spans="14:14">
      <c r="N44713" s="10"/>
    </row>
    <row r="44714" spans="14:14">
      <c r="N44714" s="10"/>
    </row>
    <row r="44715" spans="14:14">
      <c r="N44715" s="10"/>
    </row>
    <row r="44716" spans="14:14">
      <c r="N44716" s="10"/>
    </row>
    <row r="44717" spans="14:14">
      <c r="N44717" s="10"/>
    </row>
    <row r="44718" spans="14:14">
      <c r="N44718" s="10"/>
    </row>
    <row r="44719" spans="14:14">
      <c r="N44719" s="10"/>
    </row>
    <row r="44720" spans="14:14">
      <c r="N44720" s="10"/>
    </row>
    <row r="44721" spans="14:14">
      <c r="N44721" s="10"/>
    </row>
    <row r="44722" spans="14:14">
      <c r="N44722" s="10"/>
    </row>
    <row r="44723" spans="14:14">
      <c r="N44723" s="10"/>
    </row>
    <row r="44724" spans="14:14">
      <c r="N44724" s="10"/>
    </row>
    <row r="44725" spans="14:14">
      <c r="N44725" s="10"/>
    </row>
    <row r="44726" spans="14:14">
      <c r="N44726" s="10"/>
    </row>
    <row r="44727" spans="14:14">
      <c r="N44727" s="10"/>
    </row>
    <row r="44728" spans="14:14">
      <c r="N44728" s="10"/>
    </row>
    <row r="44729" spans="14:14">
      <c r="N44729" s="10"/>
    </row>
    <row r="44730" spans="14:14">
      <c r="N44730" s="10"/>
    </row>
    <row r="44731" spans="14:14">
      <c r="N44731" s="10"/>
    </row>
    <row r="44732" spans="14:14">
      <c r="N44732" s="10"/>
    </row>
    <row r="44733" spans="14:14">
      <c r="N44733" s="10"/>
    </row>
    <row r="44734" spans="14:14">
      <c r="N44734" s="10"/>
    </row>
    <row r="44735" spans="14:14">
      <c r="N44735" s="10"/>
    </row>
    <row r="44736" spans="14:14">
      <c r="N44736" s="10"/>
    </row>
    <row r="44737" spans="14:14">
      <c r="N44737" s="10"/>
    </row>
    <row r="44738" spans="14:14">
      <c r="N44738" s="10"/>
    </row>
    <row r="44739" spans="14:14">
      <c r="N44739" s="10"/>
    </row>
    <row r="44740" spans="14:14">
      <c r="N44740" s="10"/>
    </row>
    <row r="44741" spans="14:14">
      <c r="N44741" s="10"/>
    </row>
    <row r="44742" spans="14:14">
      <c r="N44742" s="10"/>
    </row>
    <row r="44743" spans="14:14">
      <c r="N44743" s="10"/>
    </row>
    <row r="44744" spans="14:14">
      <c r="N44744" s="10"/>
    </row>
    <row r="44745" spans="14:14">
      <c r="N44745" s="10"/>
    </row>
    <row r="44746" spans="14:14">
      <c r="N44746" s="10"/>
    </row>
    <row r="44747" spans="14:14">
      <c r="N44747" s="10"/>
    </row>
    <row r="44748" spans="14:14">
      <c r="N44748" s="10"/>
    </row>
    <row r="44749" spans="14:14">
      <c r="N44749" s="10"/>
    </row>
    <row r="44750" spans="14:14">
      <c r="N44750" s="10"/>
    </row>
    <row r="44751" spans="14:14">
      <c r="N44751" s="10"/>
    </row>
    <row r="44752" spans="14:14">
      <c r="N44752" s="10"/>
    </row>
    <row r="44753" spans="14:14">
      <c r="N44753" s="10"/>
    </row>
    <row r="44754" spans="14:14">
      <c r="N44754" s="10"/>
    </row>
    <row r="44755" spans="14:14">
      <c r="N44755" s="10"/>
    </row>
    <row r="44756" spans="14:14">
      <c r="N44756" s="10"/>
    </row>
    <row r="44757" spans="14:14">
      <c r="N44757" s="10"/>
    </row>
    <row r="44758" spans="14:14">
      <c r="N44758" s="10"/>
    </row>
    <row r="44759" spans="14:14">
      <c r="N44759" s="10"/>
    </row>
    <row r="44760" spans="14:14">
      <c r="N44760" s="10"/>
    </row>
    <row r="44761" spans="14:14">
      <c r="N44761" s="10"/>
    </row>
    <row r="44762" spans="14:14">
      <c r="N44762" s="10"/>
    </row>
    <row r="44763" spans="14:14">
      <c r="N44763" s="10"/>
    </row>
    <row r="44764" spans="14:14">
      <c r="N44764" s="10"/>
    </row>
    <row r="44765" spans="14:14">
      <c r="N44765" s="10"/>
    </row>
    <row r="44766" spans="14:14">
      <c r="N44766" s="10"/>
    </row>
    <row r="44767" spans="14:14">
      <c r="N44767" s="10"/>
    </row>
    <row r="44768" spans="14:14">
      <c r="N44768" s="10"/>
    </row>
    <row r="44769" spans="14:14">
      <c r="N44769" s="10"/>
    </row>
    <row r="44770" spans="14:14">
      <c r="N44770" s="10"/>
    </row>
    <row r="44771" spans="14:14">
      <c r="N44771" s="10"/>
    </row>
    <row r="44772" spans="14:14">
      <c r="N44772" s="10"/>
    </row>
    <row r="44773" spans="14:14">
      <c r="N44773" s="10"/>
    </row>
    <row r="44774" spans="14:14">
      <c r="N44774" s="10"/>
    </row>
    <row r="44775" spans="14:14">
      <c r="N44775" s="10"/>
    </row>
    <row r="44776" spans="14:14">
      <c r="N44776" s="10"/>
    </row>
    <row r="44777" spans="14:14">
      <c r="N44777" s="10"/>
    </row>
    <row r="44778" spans="14:14">
      <c r="N44778" s="10"/>
    </row>
    <row r="44779" spans="14:14">
      <c r="N44779" s="10"/>
    </row>
    <row r="44780" spans="14:14">
      <c r="N44780" s="10"/>
    </row>
    <row r="44781" spans="14:14">
      <c r="N44781" s="10"/>
    </row>
    <row r="44782" spans="14:14">
      <c r="N44782" s="10"/>
    </row>
    <row r="44783" spans="14:14">
      <c r="N44783" s="10"/>
    </row>
    <row r="44784" spans="14:14">
      <c r="N44784" s="10"/>
    </row>
    <row r="44785" spans="14:14">
      <c r="N44785" s="10"/>
    </row>
    <row r="44786" spans="14:14">
      <c r="N44786" s="10"/>
    </row>
    <row r="44787" spans="14:14">
      <c r="N44787" s="10"/>
    </row>
    <row r="44788" spans="14:14">
      <c r="N44788" s="10"/>
    </row>
    <row r="44789" spans="14:14">
      <c r="N44789" s="10"/>
    </row>
    <row r="44790" spans="14:14">
      <c r="N44790" s="10"/>
    </row>
    <row r="44791" spans="14:14">
      <c r="N44791" s="10"/>
    </row>
    <row r="44792" spans="14:14">
      <c r="N44792" s="10"/>
    </row>
    <row r="44793" spans="14:14">
      <c r="N44793" s="10"/>
    </row>
    <row r="44794" spans="14:14">
      <c r="N44794" s="10"/>
    </row>
    <row r="44795" spans="14:14">
      <c r="N44795" s="10"/>
    </row>
    <row r="44796" spans="14:14">
      <c r="N44796" s="10"/>
    </row>
    <row r="44797" spans="14:14">
      <c r="N44797" s="10"/>
    </row>
    <row r="44798" spans="14:14">
      <c r="N44798" s="10"/>
    </row>
    <row r="44799" spans="14:14">
      <c r="N44799" s="10"/>
    </row>
    <row r="44800" spans="14:14">
      <c r="N44800" s="10"/>
    </row>
    <row r="44801" spans="14:14">
      <c r="N44801" s="10"/>
    </row>
    <row r="44802" spans="14:14">
      <c r="N44802" s="10"/>
    </row>
    <row r="44803" spans="14:14">
      <c r="N44803" s="10"/>
    </row>
    <row r="44804" spans="14:14">
      <c r="N44804" s="10"/>
    </row>
    <row r="44805" spans="14:14">
      <c r="N44805" s="10"/>
    </row>
    <row r="44806" spans="14:14">
      <c r="N44806" s="10"/>
    </row>
    <row r="44807" spans="14:14">
      <c r="N44807" s="10"/>
    </row>
    <row r="44808" spans="14:14">
      <c r="N44808" s="10"/>
    </row>
    <row r="44809" spans="14:14">
      <c r="N44809" s="10"/>
    </row>
    <row r="44810" spans="14:14">
      <c r="N44810" s="10"/>
    </row>
    <row r="44811" spans="14:14">
      <c r="N44811" s="10"/>
    </row>
    <row r="44812" spans="14:14">
      <c r="N44812" s="10"/>
    </row>
    <row r="44813" spans="14:14">
      <c r="N44813" s="10"/>
    </row>
    <row r="44814" spans="14:14">
      <c r="N44814" s="10"/>
    </row>
    <row r="44815" spans="14:14">
      <c r="N44815" s="10"/>
    </row>
    <row r="44816" spans="14:14">
      <c r="N44816" s="10"/>
    </row>
    <row r="44817" spans="14:14">
      <c r="N44817" s="10"/>
    </row>
    <row r="44818" spans="14:14">
      <c r="N44818" s="10"/>
    </row>
    <row r="44819" spans="14:14">
      <c r="N44819" s="10"/>
    </row>
    <row r="44820" spans="14:14">
      <c r="N44820" s="10"/>
    </row>
    <row r="44821" spans="14:14">
      <c r="N44821" s="10"/>
    </row>
    <row r="44822" spans="14:14">
      <c r="N44822" s="10"/>
    </row>
    <row r="44823" spans="14:14">
      <c r="N44823" s="10"/>
    </row>
    <row r="44824" spans="14:14">
      <c r="N44824" s="10"/>
    </row>
    <row r="44825" spans="14:14">
      <c r="N44825" s="10"/>
    </row>
    <row r="44826" spans="14:14">
      <c r="N44826" s="10"/>
    </row>
    <row r="44827" spans="14:14">
      <c r="N44827" s="10"/>
    </row>
    <row r="44828" spans="14:14">
      <c r="N44828" s="10"/>
    </row>
    <row r="44829" spans="14:14">
      <c r="N44829" s="10"/>
    </row>
    <row r="44830" spans="14:14">
      <c r="N44830" s="10"/>
    </row>
    <row r="44831" spans="14:14">
      <c r="N44831" s="10"/>
    </row>
    <row r="44832" spans="14:14">
      <c r="N44832" s="10"/>
    </row>
    <row r="44833" spans="14:14">
      <c r="N44833" s="10"/>
    </row>
    <row r="44834" spans="14:14">
      <c r="N44834" s="10"/>
    </row>
    <row r="44835" spans="14:14">
      <c r="N44835" s="10"/>
    </row>
    <row r="44836" spans="14:14">
      <c r="N44836" s="10"/>
    </row>
    <row r="44837" spans="14:14">
      <c r="N44837" s="10"/>
    </row>
    <row r="44838" spans="14:14">
      <c r="N44838" s="10"/>
    </row>
    <row r="44839" spans="14:14">
      <c r="N44839" s="10"/>
    </row>
    <row r="44840" spans="14:14">
      <c r="N44840" s="10"/>
    </row>
    <row r="44841" spans="14:14">
      <c r="N44841" s="10"/>
    </row>
    <row r="44842" spans="14:14">
      <c r="N44842" s="10"/>
    </row>
    <row r="44843" spans="14:14">
      <c r="N44843" s="10"/>
    </row>
    <row r="44844" spans="14:14">
      <c r="N44844" s="10"/>
    </row>
    <row r="44845" spans="14:14">
      <c r="N44845" s="10"/>
    </row>
    <row r="44846" spans="14:14">
      <c r="N44846" s="10"/>
    </row>
    <row r="44847" spans="14:14">
      <c r="N44847" s="10"/>
    </row>
    <row r="44848" spans="14:14">
      <c r="N44848" s="10"/>
    </row>
    <row r="44849" spans="14:14">
      <c r="N44849" s="10"/>
    </row>
    <row r="44850" spans="14:14">
      <c r="N44850" s="10"/>
    </row>
    <row r="44851" spans="14:14">
      <c r="N44851" s="10"/>
    </row>
    <row r="44852" spans="14:14">
      <c r="N44852" s="10"/>
    </row>
    <row r="44853" spans="14:14">
      <c r="N44853" s="10"/>
    </row>
    <row r="44854" spans="14:14">
      <c r="N44854" s="10"/>
    </row>
    <row r="44855" spans="14:14">
      <c r="N44855" s="10"/>
    </row>
    <row r="44856" spans="14:14">
      <c r="N44856" s="10"/>
    </row>
    <row r="44857" spans="14:14">
      <c r="N44857" s="10"/>
    </row>
    <row r="44858" spans="14:14">
      <c r="N44858" s="10"/>
    </row>
    <row r="44859" spans="14:14">
      <c r="N44859" s="10"/>
    </row>
    <row r="44860" spans="14:14">
      <c r="N44860" s="10"/>
    </row>
    <row r="44861" spans="14:14">
      <c r="N44861" s="10"/>
    </row>
    <row r="44862" spans="14:14">
      <c r="N44862" s="10"/>
    </row>
    <row r="44863" spans="14:14">
      <c r="N44863" s="10"/>
    </row>
    <row r="44864" spans="14:14">
      <c r="N44864" s="10"/>
    </row>
    <row r="44865" spans="14:14">
      <c r="N44865" s="10"/>
    </row>
    <row r="44866" spans="14:14">
      <c r="N44866" s="10"/>
    </row>
    <row r="44867" spans="14:14">
      <c r="N44867" s="10"/>
    </row>
    <row r="44868" spans="14:14">
      <c r="N44868" s="10"/>
    </row>
    <row r="44869" spans="14:14">
      <c r="N44869" s="10"/>
    </row>
    <row r="44870" spans="14:14">
      <c r="N44870" s="10"/>
    </row>
    <row r="44871" spans="14:14">
      <c r="N44871" s="10"/>
    </row>
    <row r="44872" spans="14:14">
      <c r="N44872" s="10"/>
    </row>
    <row r="44873" spans="14:14">
      <c r="N44873" s="10"/>
    </row>
    <row r="44874" spans="14:14">
      <c r="N44874" s="10"/>
    </row>
    <row r="44875" spans="14:14">
      <c r="N44875" s="10"/>
    </row>
    <row r="44876" spans="14:14">
      <c r="N44876" s="10"/>
    </row>
    <row r="44877" spans="14:14">
      <c r="N44877" s="10"/>
    </row>
    <row r="44878" spans="14:14">
      <c r="N44878" s="10"/>
    </row>
    <row r="44879" spans="14:14">
      <c r="N44879" s="10"/>
    </row>
    <row r="44880" spans="14:14">
      <c r="N44880" s="10"/>
    </row>
    <row r="44881" spans="14:14">
      <c r="N44881" s="10"/>
    </row>
    <row r="44882" spans="14:14">
      <c r="N44882" s="10"/>
    </row>
    <row r="44883" spans="14:14">
      <c r="N44883" s="10"/>
    </row>
    <row r="44884" spans="14:14">
      <c r="N44884" s="10"/>
    </row>
    <row r="44885" spans="14:14">
      <c r="N44885" s="10"/>
    </row>
    <row r="44886" spans="14:14">
      <c r="N44886" s="10"/>
    </row>
    <row r="44887" spans="14:14">
      <c r="N44887" s="10"/>
    </row>
    <row r="44888" spans="14:14">
      <c r="N44888" s="10"/>
    </row>
    <row r="44889" spans="14:14">
      <c r="N44889" s="10"/>
    </row>
    <row r="44890" spans="14:14">
      <c r="N44890" s="10"/>
    </row>
    <row r="44891" spans="14:14">
      <c r="N44891" s="10"/>
    </row>
    <row r="44892" spans="14:14">
      <c r="N44892" s="10"/>
    </row>
    <row r="44893" spans="14:14">
      <c r="N44893" s="10"/>
    </row>
    <row r="44894" spans="14:14">
      <c r="N44894" s="10"/>
    </row>
    <row r="44895" spans="14:14">
      <c r="N44895" s="10"/>
    </row>
    <row r="44896" spans="14:14">
      <c r="N44896" s="10"/>
    </row>
    <row r="44897" spans="14:14">
      <c r="N44897" s="10"/>
    </row>
    <row r="44898" spans="14:14">
      <c r="N44898" s="10"/>
    </row>
    <row r="44899" spans="14:14">
      <c r="N44899" s="10"/>
    </row>
    <row r="44900" spans="14:14">
      <c r="N44900" s="10"/>
    </row>
    <row r="44901" spans="14:14">
      <c r="N44901" s="10"/>
    </row>
    <row r="44902" spans="14:14">
      <c r="N44902" s="10"/>
    </row>
    <row r="44903" spans="14:14">
      <c r="N44903" s="10"/>
    </row>
    <row r="44904" spans="14:14">
      <c r="N44904" s="10"/>
    </row>
    <row r="44905" spans="14:14">
      <c r="N44905" s="10"/>
    </row>
    <row r="44906" spans="14:14">
      <c r="N44906" s="10"/>
    </row>
    <row r="44907" spans="14:14">
      <c r="N44907" s="10"/>
    </row>
    <row r="44908" spans="14:14">
      <c r="N44908" s="10"/>
    </row>
    <row r="44909" spans="14:14">
      <c r="N44909" s="10"/>
    </row>
    <row r="44910" spans="14:14">
      <c r="N44910" s="10"/>
    </row>
    <row r="44911" spans="14:14">
      <c r="N44911" s="10"/>
    </row>
    <row r="44912" spans="14:14">
      <c r="N44912" s="10"/>
    </row>
    <row r="44913" spans="14:14">
      <c r="N44913" s="10"/>
    </row>
    <row r="44914" spans="14:14">
      <c r="N44914" s="10"/>
    </row>
    <row r="44915" spans="14:14">
      <c r="N44915" s="10"/>
    </row>
    <row r="44916" spans="14:14">
      <c r="N44916" s="10"/>
    </row>
    <row r="44917" spans="14:14">
      <c r="N44917" s="10"/>
    </row>
    <row r="44918" spans="14:14">
      <c r="N44918" s="10"/>
    </row>
    <row r="44919" spans="14:14">
      <c r="N44919" s="10"/>
    </row>
    <row r="44920" spans="14:14">
      <c r="N44920" s="10"/>
    </row>
    <row r="44921" spans="14:14">
      <c r="N44921" s="10"/>
    </row>
    <row r="44922" spans="14:14">
      <c r="N44922" s="10"/>
    </row>
    <row r="44923" spans="14:14">
      <c r="N44923" s="10"/>
    </row>
    <row r="44924" spans="14:14">
      <c r="N44924" s="10"/>
    </row>
    <row r="44925" spans="14:14">
      <c r="N44925" s="10"/>
    </row>
    <row r="44926" spans="14:14">
      <c r="N44926" s="10"/>
    </row>
    <row r="44927" spans="14:14">
      <c r="N44927" s="10"/>
    </row>
    <row r="44928" spans="14:14">
      <c r="N44928" s="10"/>
    </row>
    <row r="44929" spans="14:14">
      <c r="N44929" s="10"/>
    </row>
    <row r="44930" spans="14:14">
      <c r="N44930" s="10"/>
    </row>
    <row r="44931" spans="14:14">
      <c r="N44931" s="10"/>
    </row>
    <row r="44932" spans="14:14">
      <c r="N44932" s="10"/>
    </row>
    <row r="44933" spans="14:14">
      <c r="N44933" s="10"/>
    </row>
    <row r="44934" spans="14:14">
      <c r="N44934" s="10"/>
    </row>
    <row r="44935" spans="14:14">
      <c r="N44935" s="10"/>
    </row>
    <row r="44936" spans="14:14">
      <c r="N44936" s="10"/>
    </row>
    <row r="44937" spans="14:14">
      <c r="N44937" s="10"/>
    </row>
    <row r="44938" spans="14:14">
      <c r="N44938" s="10"/>
    </row>
    <row r="44939" spans="14:14">
      <c r="N44939" s="10"/>
    </row>
    <row r="44940" spans="14:14">
      <c r="N44940" s="10"/>
    </row>
    <row r="44941" spans="14:14">
      <c r="N44941" s="10"/>
    </row>
    <row r="44942" spans="14:14">
      <c r="N44942" s="10"/>
    </row>
    <row r="44943" spans="14:14">
      <c r="N44943" s="10"/>
    </row>
    <row r="44944" spans="14:14">
      <c r="N44944" s="10"/>
    </row>
    <row r="44945" spans="14:14">
      <c r="N44945" s="10"/>
    </row>
    <row r="44946" spans="14:14">
      <c r="N44946" s="10"/>
    </row>
    <row r="44947" spans="14:14">
      <c r="N44947" s="10"/>
    </row>
    <row r="44948" spans="14:14">
      <c r="N44948" s="10"/>
    </row>
    <row r="44949" spans="14:14">
      <c r="N44949" s="10"/>
    </row>
    <row r="44950" spans="14:14">
      <c r="N44950" s="10"/>
    </row>
    <row r="44951" spans="14:14">
      <c r="N44951" s="10"/>
    </row>
    <row r="44952" spans="14:14">
      <c r="N44952" s="10"/>
    </row>
    <row r="44953" spans="14:14">
      <c r="N44953" s="10"/>
    </row>
    <row r="44954" spans="14:14">
      <c r="N44954" s="10"/>
    </row>
    <row r="44955" spans="14:14">
      <c r="N44955" s="10"/>
    </row>
    <row r="44956" spans="14:14">
      <c r="N44956" s="10"/>
    </row>
    <row r="44957" spans="14:14">
      <c r="N44957" s="10"/>
    </row>
    <row r="44958" spans="14:14">
      <c r="N44958" s="10"/>
    </row>
    <row r="44959" spans="14:14">
      <c r="N44959" s="10"/>
    </row>
    <row r="44960" spans="14:14">
      <c r="N44960" s="10"/>
    </row>
    <row r="44961" spans="14:14">
      <c r="N44961" s="10"/>
    </row>
    <row r="44962" spans="14:14">
      <c r="N44962" s="10"/>
    </row>
    <row r="44963" spans="14:14">
      <c r="N44963" s="10"/>
    </row>
    <row r="44964" spans="14:14">
      <c r="N44964" s="10"/>
    </row>
    <row r="44965" spans="14:14">
      <c r="N44965" s="10"/>
    </row>
    <row r="44966" spans="14:14">
      <c r="N44966" s="10"/>
    </row>
    <row r="44967" spans="14:14">
      <c r="N44967" s="10"/>
    </row>
    <row r="44968" spans="14:14">
      <c r="N44968" s="10"/>
    </row>
    <row r="44969" spans="14:14">
      <c r="N44969" s="10"/>
    </row>
    <row r="44970" spans="14:14">
      <c r="N44970" s="10"/>
    </row>
    <row r="44971" spans="14:14">
      <c r="N44971" s="10"/>
    </row>
    <row r="44972" spans="14:14">
      <c r="N44972" s="10"/>
    </row>
    <row r="44973" spans="14:14">
      <c r="N44973" s="10"/>
    </row>
    <row r="44974" spans="14:14">
      <c r="N44974" s="10"/>
    </row>
    <row r="44975" spans="14:14">
      <c r="N44975" s="10"/>
    </row>
    <row r="44976" spans="14:14">
      <c r="N44976" s="10"/>
    </row>
    <row r="44977" spans="14:14">
      <c r="N44977" s="10"/>
    </row>
    <row r="44978" spans="14:14">
      <c r="N44978" s="10"/>
    </row>
    <row r="44979" spans="14:14">
      <c r="N44979" s="10"/>
    </row>
    <row r="44980" spans="14:14">
      <c r="N44980" s="10"/>
    </row>
    <row r="44981" spans="14:14">
      <c r="N44981" s="10"/>
    </row>
    <row r="44982" spans="14:14">
      <c r="N44982" s="10"/>
    </row>
    <row r="44983" spans="14:14">
      <c r="N44983" s="10"/>
    </row>
    <row r="44984" spans="14:14">
      <c r="N44984" s="10"/>
    </row>
    <row r="44985" spans="14:14">
      <c r="N44985" s="10"/>
    </row>
    <row r="44986" spans="14:14">
      <c r="N44986" s="10"/>
    </row>
    <row r="44987" spans="14:14">
      <c r="N44987" s="10"/>
    </row>
    <row r="44988" spans="14:14">
      <c r="N44988" s="10"/>
    </row>
    <row r="44989" spans="14:14">
      <c r="N44989" s="10"/>
    </row>
    <row r="44990" spans="14:14">
      <c r="N44990" s="10"/>
    </row>
    <row r="44991" spans="14:14">
      <c r="N44991" s="10"/>
    </row>
    <row r="44992" spans="14:14">
      <c r="N44992" s="10"/>
    </row>
    <row r="44993" spans="14:14">
      <c r="N44993" s="10"/>
    </row>
    <row r="44994" spans="14:14">
      <c r="N44994" s="10"/>
    </row>
    <row r="44995" spans="14:14">
      <c r="N44995" s="10"/>
    </row>
    <row r="44996" spans="14:14">
      <c r="N44996" s="10"/>
    </row>
    <row r="44997" spans="14:14">
      <c r="N44997" s="10"/>
    </row>
    <row r="44998" spans="14:14">
      <c r="N44998" s="10"/>
    </row>
    <row r="44999" spans="14:14">
      <c r="N44999" s="10"/>
    </row>
    <row r="45000" spans="14:14">
      <c r="N45000" s="10"/>
    </row>
    <row r="45001" spans="14:14">
      <c r="N45001" s="10"/>
    </row>
    <row r="45002" spans="14:14">
      <c r="N45002" s="10"/>
    </row>
    <row r="45003" spans="14:14">
      <c r="N45003" s="10"/>
    </row>
    <row r="45004" spans="14:14">
      <c r="N45004" s="10"/>
    </row>
    <row r="45005" spans="14:14">
      <c r="N45005" s="10"/>
    </row>
    <row r="45006" spans="14:14">
      <c r="N45006" s="10"/>
    </row>
    <row r="45007" spans="14:14">
      <c r="N45007" s="10"/>
    </row>
    <row r="45008" spans="14:14">
      <c r="N45008" s="10"/>
    </row>
    <row r="45009" spans="14:14">
      <c r="N45009" s="10"/>
    </row>
    <row r="45010" spans="14:14">
      <c r="N45010" s="10"/>
    </row>
    <row r="45011" spans="14:14">
      <c r="N45011" s="10"/>
    </row>
    <row r="45012" spans="14:14">
      <c r="N45012" s="10"/>
    </row>
    <row r="45013" spans="14:14">
      <c r="N45013" s="10"/>
    </row>
    <row r="45014" spans="14:14">
      <c r="N45014" s="10"/>
    </row>
    <row r="45015" spans="14:14">
      <c r="N45015" s="10"/>
    </row>
    <row r="45016" spans="14:14">
      <c r="N45016" s="10"/>
    </row>
    <row r="45017" spans="14:14">
      <c r="N45017" s="10"/>
    </row>
    <row r="45018" spans="14:14">
      <c r="N45018" s="10"/>
    </row>
    <row r="45019" spans="14:14">
      <c r="N45019" s="10"/>
    </row>
    <row r="45020" spans="14:14">
      <c r="N45020" s="10"/>
    </row>
    <row r="45021" spans="14:14">
      <c r="N45021" s="10"/>
    </row>
    <row r="45022" spans="14:14">
      <c r="N45022" s="10"/>
    </row>
    <row r="45023" spans="14:14">
      <c r="N45023" s="10"/>
    </row>
    <row r="45024" spans="14:14">
      <c r="N45024" s="10"/>
    </row>
    <row r="45025" spans="14:14">
      <c r="N45025" s="10"/>
    </row>
    <row r="45026" spans="14:14">
      <c r="N45026" s="10"/>
    </row>
    <row r="45027" spans="14:14">
      <c r="N45027" s="10"/>
    </row>
    <row r="45028" spans="14:14">
      <c r="N45028" s="10"/>
    </row>
    <row r="45029" spans="14:14">
      <c r="N45029" s="10"/>
    </row>
    <row r="45030" spans="14:14">
      <c r="N45030" s="10"/>
    </row>
    <row r="45031" spans="14:14">
      <c r="N45031" s="10"/>
    </row>
    <row r="45032" spans="14:14">
      <c r="N45032" s="10"/>
    </row>
    <row r="45033" spans="14:14">
      <c r="N45033" s="10"/>
    </row>
    <row r="45034" spans="14:14">
      <c r="N45034" s="10"/>
    </row>
    <row r="45035" spans="14:14">
      <c r="N45035" s="10"/>
    </row>
    <row r="45036" spans="14:14">
      <c r="N45036" s="10"/>
    </row>
    <row r="45037" spans="14:14">
      <c r="N45037" s="10"/>
    </row>
    <row r="45038" spans="14:14">
      <c r="N45038" s="10"/>
    </row>
    <row r="45039" spans="14:14">
      <c r="N45039" s="10"/>
    </row>
    <row r="45040" spans="14:14">
      <c r="N45040" s="10"/>
    </row>
    <row r="45041" spans="14:14">
      <c r="N45041" s="10"/>
    </row>
    <row r="45042" spans="14:14">
      <c r="N45042" s="10"/>
    </row>
    <row r="45043" spans="14:14">
      <c r="N45043" s="10"/>
    </row>
    <row r="45044" spans="14:14">
      <c r="N45044" s="10"/>
    </row>
    <row r="45045" spans="14:14">
      <c r="N45045" s="10"/>
    </row>
    <row r="45046" spans="14:14">
      <c r="N45046" s="10"/>
    </row>
    <row r="45047" spans="14:14">
      <c r="N45047" s="10"/>
    </row>
    <row r="45048" spans="14:14">
      <c r="N45048" s="10"/>
    </row>
    <row r="45049" spans="14:14">
      <c r="N45049" s="10"/>
    </row>
    <row r="45050" spans="14:14">
      <c r="N45050" s="10"/>
    </row>
    <row r="45051" spans="14:14">
      <c r="N45051" s="10"/>
    </row>
    <row r="45052" spans="14:14">
      <c r="N45052" s="10"/>
    </row>
    <row r="45053" spans="14:14">
      <c r="N45053" s="10"/>
    </row>
    <row r="45054" spans="14:14">
      <c r="N45054" s="10"/>
    </row>
    <row r="45055" spans="14:14">
      <c r="N45055" s="10"/>
    </row>
    <row r="45056" spans="14:14">
      <c r="N45056" s="10"/>
    </row>
    <row r="45057" spans="14:14">
      <c r="N45057" s="10"/>
    </row>
    <row r="45058" spans="14:14">
      <c r="N45058" s="10"/>
    </row>
    <row r="45059" spans="14:14">
      <c r="N45059" s="10"/>
    </row>
    <row r="45060" spans="14:14">
      <c r="N45060" s="10"/>
    </row>
    <row r="45061" spans="14:14">
      <c r="N45061" s="10"/>
    </row>
    <row r="45062" spans="14:14">
      <c r="N45062" s="10"/>
    </row>
    <row r="45063" spans="14:14">
      <c r="N45063" s="10"/>
    </row>
    <row r="45064" spans="14:14">
      <c r="N45064" s="10"/>
    </row>
    <row r="45065" spans="14:14">
      <c r="N45065" s="10"/>
    </row>
    <row r="45066" spans="14:14">
      <c r="N45066" s="10"/>
    </row>
    <row r="45067" spans="14:14">
      <c r="N45067" s="10"/>
    </row>
    <row r="45068" spans="14:14">
      <c r="N45068" s="10"/>
    </row>
    <row r="45069" spans="14:14">
      <c r="N45069" s="10"/>
    </row>
    <row r="45070" spans="14:14">
      <c r="N45070" s="10"/>
    </row>
    <row r="45071" spans="14:14">
      <c r="N45071" s="10"/>
    </row>
    <row r="45072" spans="14:14">
      <c r="N45072" s="10"/>
    </row>
    <row r="45073" spans="14:14">
      <c r="N45073" s="10"/>
    </row>
    <row r="45074" spans="14:14">
      <c r="N45074" s="10"/>
    </row>
    <row r="45075" spans="14:14">
      <c r="N45075" s="10"/>
    </row>
    <row r="45076" spans="14:14">
      <c r="N45076" s="10"/>
    </row>
    <row r="45077" spans="14:14">
      <c r="N45077" s="10"/>
    </row>
    <row r="45078" spans="14:14">
      <c r="N45078" s="10"/>
    </row>
    <row r="45079" spans="14:14">
      <c r="N45079" s="10"/>
    </row>
    <row r="45080" spans="14:14">
      <c r="N45080" s="10"/>
    </row>
    <row r="45081" spans="14:14">
      <c r="N45081" s="10"/>
    </row>
    <row r="45082" spans="14:14">
      <c r="N45082" s="10"/>
    </row>
    <row r="45083" spans="14:14">
      <c r="N45083" s="10"/>
    </row>
    <row r="45084" spans="14:14">
      <c r="N45084" s="10"/>
    </row>
    <row r="45085" spans="14:14">
      <c r="N45085" s="10"/>
    </row>
    <row r="45086" spans="14:14">
      <c r="N45086" s="10"/>
    </row>
    <row r="45087" spans="14:14">
      <c r="N45087" s="10"/>
    </row>
    <row r="45088" spans="14:14">
      <c r="N45088" s="10"/>
    </row>
    <row r="45089" spans="14:14">
      <c r="N45089" s="10"/>
    </row>
    <row r="45090" spans="14:14">
      <c r="N45090" s="10"/>
    </row>
    <row r="45091" spans="14:14">
      <c r="N45091" s="10"/>
    </row>
    <row r="45092" spans="14:14">
      <c r="N45092" s="10"/>
    </row>
    <row r="45093" spans="14:14">
      <c r="N45093" s="10"/>
    </row>
    <row r="45094" spans="14:14">
      <c r="N45094" s="10"/>
    </row>
    <row r="45095" spans="14:14">
      <c r="N45095" s="10"/>
    </row>
    <row r="45096" spans="14:14">
      <c r="N45096" s="10"/>
    </row>
    <row r="45097" spans="14:14">
      <c r="N45097" s="10"/>
    </row>
    <row r="45098" spans="14:14">
      <c r="N45098" s="10"/>
    </row>
    <row r="45099" spans="14:14">
      <c r="N45099" s="10"/>
    </row>
    <row r="45100" spans="14:14">
      <c r="N45100" s="10"/>
    </row>
    <row r="45101" spans="14:14">
      <c r="N45101" s="10"/>
    </row>
    <row r="45102" spans="14:14">
      <c r="N45102" s="10"/>
    </row>
    <row r="45103" spans="14:14">
      <c r="N45103" s="10"/>
    </row>
    <row r="45104" spans="14:14">
      <c r="N45104" s="10"/>
    </row>
    <row r="45105" spans="14:14">
      <c r="N45105" s="10"/>
    </row>
    <row r="45106" spans="14:14">
      <c r="N45106" s="10"/>
    </row>
    <row r="45107" spans="14:14">
      <c r="N45107" s="10"/>
    </row>
    <row r="45108" spans="14:14">
      <c r="N45108" s="10"/>
    </row>
    <row r="45109" spans="14:14">
      <c r="N45109" s="10"/>
    </row>
    <row r="45110" spans="14:14">
      <c r="N45110" s="10"/>
    </row>
    <row r="45111" spans="14:14">
      <c r="N45111" s="10"/>
    </row>
    <row r="45112" spans="14:14">
      <c r="N45112" s="10"/>
    </row>
    <row r="45113" spans="14:14">
      <c r="N45113" s="10"/>
    </row>
    <row r="45114" spans="14:14">
      <c r="N45114" s="10"/>
    </row>
    <row r="45115" spans="14:14">
      <c r="N45115" s="10"/>
    </row>
    <row r="45116" spans="14:14">
      <c r="N45116" s="10"/>
    </row>
    <row r="45117" spans="14:14">
      <c r="N45117" s="10"/>
    </row>
    <row r="45118" spans="14:14">
      <c r="N45118" s="10"/>
    </row>
    <row r="45119" spans="14:14">
      <c r="N45119" s="10"/>
    </row>
    <row r="45120" spans="14:14">
      <c r="N45120" s="10"/>
    </row>
    <row r="45121" spans="14:14">
      <c r="N45121" s="10"/>
    </row>
    <row r="45122" spans="14:14">
      <c r="N45122" s="10"/>
    </row>
    <row r="45123" spans="14:14">
      <c r="N45123" s="10"/>
    </row>
    <row r="45124" spans="14:14">
      <c r="N45124" s="10"/>
    </row>
    <row r="45125" spans="14:14">
      <c r="N45125" s="10"/>
    </row>
    <row r="45126" spans="14:14">
      <c r="N45126" s="10"/>
    </row>
    <row r="45127" spans="14:14">
      <c r="N45127" s="10"/>
    </row>
    <row r="45128" spans="14:14">
      <c r="N45128" s="10"/>
    </row>
    <row r="45129" spans="14:14">
      <c r="N45129" s="10"/>
    </row>
    <row r="45130" spans="14:14">
      <c r="N45130" s="10"/>
    </row>
    <row r="45131" spans="14:14">
      <c r="N45131" s="10"/>
    </row>
    <row r="45132" spans="14:14">
      <c r="N45132" s="10"/>
    </row>
    <row r="45133" spans="14:14">
      <c r="N45133" s="10"/>
    </row>
    <row r="45134" spans="14:14">
      <c r="N45134" s="10"/>
    </row>
    <row r="45135" spans="14:14">
      <c r="N45135" s="10"/>
    </row>
    <row r="45136" spans="14:14">
      <c r="N45136" s="10"/>
    </row>
    <row r="45137" spans="14:14">
      <c r="N45137" s="10"/>
    </row>
    <row r="45138" spans="14:14">
      <c r="N45138" s="10"/>
    </row>
    <row r="45139" spans="14:14">
      <c r="N45139" s="10"/>
    </row>
    <row r="45140" spans="14:14">
      <c r="N45140" s="10"/>
    </row>
    <row r="45141" spans="14:14">
      <c r="N45141" s="10"/>
    </row>
    <row r="45142" spans="14:14">
      <c r="N45142" s="10"/>
    </row>
    <row r="45143" spans="14:14">
      <c r="N45143" s="10"/>
    </row>
    <row r="45144" spans="14:14">
      <c r="N45144" s="10"/>
    </row>
    <row r="45145" spans="14:14">
      <c r="N45145" s="10"/>
    </row>
    <row r="45146" spans="14:14">
      <c r="N45146" s="10"/>
    </row>
    <row r="45147" spans="14:14">
      <c r="N45147" s="10"/>
    </row>
    <row r="45148" spans="14:14">
      <c r="N45148" s="10"/>
    </row>
    <row r="45149" spans="14:14">
      <c r="N45149" s="10"/>
    </row>
    <row r="45150" spans="14:14">
      <c r="N45150" s="10"/>
    </row>
    <row r="45151" spans="14:14">
      <c r="N45151" s="10"/>
    </row>
    <row r="45152" spans="14:14">
      <c r="N45152" s="10"/>
    </row>
    <row r="45153" spans="14:14">
      <c r="N45153" s="10"/>
    </row>
    <row r="45154" spans="14:14">
      <c r="N45154" s="10"/>
    </row>
    <row r="45155" spans="14:14">
      <c r="N45155" s="10"/>
    </row>
    <row r="45156" spans="14:14">
      <c r="N45156" s="10"/>
    </row>
    <row r="45157" spans="14:14">
      <c r="N45157" s="10"/>
    </row>
    <row r="45158" spans="14:14">
      <c r="N45158" s="10"/>
    </row>
    <row r="45159" spans="14:14">
      <c r="N45159" s="10"/>
    </row>
    <row r="45160" spans="14:14">
      <c r="N45160" s="10"/>
    </row>
    <row r="45161" spans="14:14">
      <c r="N45161" s="10"/>
    </row>
    <row r="45162" spans="14:14">
      <c r="N45162" s="10"/>
    </row>
    <row r="45163" spans="14:14">
      <c r="N45163" s="10"/>
    </row>
    <row r="45164" spans="14:14">
      <c r="N45164" s="10"/>
    </row>
    <row r="45165" spans="14:14">
      <c r="N45165" s="10"/>
    </row>
    <row r="45166" spans="14:14">
      <c r="N45166" s="10"/>
    </row>
    <row r="45167" spans="14:14">
      <c r="N45167" s="10"/>
    </row>
    <row r="45168" spans="14:14">
      <c r="N45168" s="10"/>
    </row>
    <row r="45169" spans="14:14">
      <c r="N45169" s="10"/>
    </row>
    <row r="45170" spans="14:14">
      <c r="N45170" s="10"/>
    </row>
    <row r="45171" spans="14:14">
      <c r="N45171" s="10"/>
    </row>
    <row r="45172" spans="14:14">
      <c r="N45172" s="10"/>
    </row>
    <row r="45173" spans="14:14">
      <c r="N45173" s="10"/>
    </row>
    <row r="45174" spans="14:14">
      <c r="N45174" s="10"/>
    </row>
    <row r="45175" spans="14:14">
      <c r="N45175" s="10"/>
    </row>
    <row r="45176" spans="14:14">
      <c r="N45176" s="10"/>
    </row>
    <row r="45177" spans="14:14">
      <c r="N45177" s="10"/>
    </row>
    <row r="45178" spans="14:14">
      <c r="N45178" s="10"/>
    </row>
    <row r="45179" spans="14:14">
      <c r="N45179" s="10"/>
    </row>
    <row r="45180" spans="14:14">
      <c r="N45180" s="10"/>
    </row>
    <row r="45181" spans="14:14">
      <c r="N45181" s="10"/>
    </row>
    <row r="45182" spans="14:14">
      <c r="N45182" s="10"/>
    </row>
    <row r="45183" spans="14:14">
      <c r="N45183" s="10"/>
    </row>
    <row r="45184" spans="14:14">
      <c r="N45184" s="10"/>
    </row>
    <row r="45185" spans="14:14">
      <c r="N45185" s="10"/>
    </row>
    <row r="45186" spans="14:14">
      <c r="N45186" s="10"/>
    </row>
    <row r="45187" spans="14:14">
      <c r="N45187" s="10"/>
    </row>
    <row r="45188" spans="14:14">
      <c r="N45188" s="10"/>
    </row>
    <row r="45189" spans="14:14">
      <c r="N45189" s="10"/>
    </row>
    <row r="45190" spans="14:14">
      <c r="N45190" s="10"/>
    </row>
    <row r="45191" spans="14:14">
      <c r="N45191" s="10"/>
    </row>
    <row r="45192" spans="14:14">
      <c r="N45192" s="10"/>
    </row>
    <row r="45193" spans="14:14">
      <c r="N45193" s="10"/>
    </row>
    <row r="45194" spans="14:14">
      <c r="N45194" s="10"/>
    </row>
    <row r="45195" spans="14:14">
      <c r="N45195" s="10"/>
    </row>
    <row r="45196" spans="14:14">
      <c r="N45196" s="10"/>
    </row>
    <row r="45197" spans="14:14">
      <c r="N45197" s="10"/>
    </row>
    <row r="45198" spans="14:14">
      <c r="N45198" s="10"/>
    </row>
    <row r="45199" spans="14:14">
      <c r="N45199" s="10"/>
    </row>
    <row r="45200" spans="14:14">
      <c r="N45200" s="10"/>
    </row>
    <row r="45201" spans="14:14">
      <c r="N45201" s="10"/>
    </row>
    <row r="45202" spans="14:14">
      <c r="N45202" s="10"/>
    </row>
    <row r="45203" spans="14:14">
      <c r="N45203" s="10"/>
    </row>
    <row r="45204" spans="14:14">
      <c r="N45204" s="10"/>
    </row>
    <row r="45205" spans="14:14">
      <c r="N45205" s="10"/>
    </row>
    <row r="45206" spans="14:14">
      <c r="N45206" s="10"/>
    </row>
    <row r="45207" spans="14:14">
      <c r="N45207" s="10"/>
    </row>
    <row r="45208" spans="14:14">
      <c r="N45208" s="10"/>
    </row>
    <row r="45209" spans="14:14">
      <c r="N45209" s="10"/>
    </row>
    <row r="45210" spans="14:14">
      <c r="N45210" s="10"/>
    </row>
    <row r="45211" spans="14:14">
      <c r="N45211" s="10"/>
    </row>
    <row r="45212" spans="14:14">
      <c r="N45212" s="10"/>
    </row>
    <row r="45213" spans="14:14">
      <c r="N45213" s="10"/>
    </row>
    <row r="45214" spans="14:14">
      <c r="N45214" s="10"/>
    </row>
    <row r="45215" spans="14:14">
      <c r="N45215" s="10"/>
    </row>
    <row r="45216" spans="14:14">
      <c r="N45216" s="10"/>
    </row>
    <row r="45217" spans="14:14">
      <c r="N45217" s="10"/>
    </row>
    <row r="45218" spans="14:14">
      <c r="N45218" s="10"/>
    </row>
    <row r="45219" spans="14:14">
      <c r="N45219" s="10"/>
    </row>
    <row r="45220" spans="14:14">
      <c r="N45220" s="10"/>
    </row>
    <row r="45221" spans="14:14">
      <c r="N45221" s="10"/>
    </row>
    <row r="45222" spans="14:14">
      <c r="N45222" s="10"/>
    </row>
    <row r="45223" spans="14:14">
      <c r="N45223" s="10"/>
    </row>
    <row r="45224" spans="14:14">
      <c r="N45224" s="10"/>
    </row>
    <row r="45225" spans="14:14">
      <c r="N45225" s="10"/>
    </row>
    <row r="45226" spans="14:14">
      <c r="N45226" s="10"/>
    </row>
    <row r="45227" spans="14:14">
      <c r="N45227" s="10"/>
    </row>
    <row r="45228" spans="14:14">
      <c r="N45228" s="10"/>
    </row>
    <row r="45229" spans="14:14">
      <c r="N45229" s="10"/>
    </row>
    <row r="45230" spans="14:14">
      <c r="N45230" s="10"/>
    </row>
    <row r="45231" spans="14:14">
      <c r="N45231" s="10"/>
    </row>
    <row r="45232" spans="14:14">
      <c r="N45232" s="10"/>
    </row>
    <row r="45233" spans="14:14">
      <c r="N45233" s="10"/>
    </row>
    <row r="45234" spans="14:14">
      <c r="N45234" s="10"/>
    </row>
    <row r="45235" spans="14:14">
      <c r="N45235" s="10"/>
    </row>
    <row r="45236" spans="14:14">
      <c r="N45236" s="10"/>
    </row>
    <row r="45237" spans="14:14">
      <c r="N45237" s="10"/>
    </row>
    <row r="45238" spans="14:14">
      <c r="N45238" s="10"/>
    </row>
    <row r="45239" spans="14:14">
      <c r="N45239" s="10"/>
    </row>
    <row r="45240" spans="14:14">
      <c r="N45240" s="10"/>
    </row>
    <row r="45241" spans="14:14">
      <c r="N45241" s="10"/>
    </row>
    <row r="45242" spans="14:14">
      <c r="N45242" s="10"/>
    </row>
    <row r="45243" spans="14:14">
      <c r="N45243" s="10"/>
    </row>
    <row r="45244" spans="14:14">
      <c r="N45244" s="10"/>
    </row>
    <row r="45245" spans="14:14">
      <c r="N45245" s="10"/>
    </row>
    <row r="45246" spans="14:14">
      <c r="N45246" s="10"/>
    </row>
    <row r="45247" spans="14:14">
      <c r="N45247" s="10"/>
    </row>
    <row r="45248" spans="14:14">
      <c r="N45248" s="10"/>
    </row>
    <row r="45249" spans="14:14">
      <c r="N45249" s="10"/>
    </row>
    <row r="45250" spans="14:14">
      <c r="N45250" s="10"/>
    </row>
    <row r="45251" spans="14:14">
      <c r="N45251" s="10"/>
    </row>
    <row r="45252" spans="14:14">
      <c r="N45252" s="10"/>
    </row>
    <row r="45253" spans="14:14">
      <c r="N45253" s="10"/>
    </row>
    <row r="45254" spans="14:14">
      <c r="N45254" s="10"/>
    </row>
    <row r="45255" spans="14:14">
      <c r="N45255" s="10"/>
    </row>
    <row r="45256" spans="14:14">
      <c r="N45256" s="10"/>
    </row>
    <row r="45257" spans="14:14">
      <c r="N45257" s="10"/>
    </row>
    <row r="45258" spans="14:14">
      <c r="N45258" s="10"/>
    </row>
    <row r="45259" spans="14:14">
      <c r="N45259" s="10"/>
    </row>
    <row r="45260" spans="14:14">
      <c r="N45260" s="10"/>
    </row>
    <row r="45261" spans="14:14">
      <c r="N45261" s="10"/>
    </row>
    <row r="45262" spans="14:14">
      <c r="N45262" s="10"/>
    </row>
    <row r="45263" spans="14:14">
      <c r="N45263" s="10"/>
    </row>
    <row r="45264" spans="14:14">
      <c r="N45264" s="10"/>
    </row>
    <row r="45265" spans="14:14">
      <c r="N45265" s="10"/>
    </row>
    <row r="45266" spans="14:14">
      <c r="N45266" s="10"/>
    </row>
    <row r="45267" spans="14:14">
      <c r="N45267" s="10"/>
    </row>
    <row r="45268" spans="14:14">
      <c r="N45268" s="10"/>
    </row>
    <row r="45269" spans="14:14">
      <c r="N45269" s="10"/>
    </row>
    <row r="45270" spans="14:14">
      <c r="N45270" s="10"/>
    </row>
    <row r="45271" spans="14:14">
      <c r="N45271" s="10"/>
    </row>
    <row r="45272" spans="14:14">
      <c r="N45272" s="10"/>
    </row>
    <row r="45273" spans="14:14">
      <c r="N45273" s="10"/>
    </row>
    <row r="45274" spans="14:14">
      <c r="N45274" s="10"/>
    </row>
    <row r="45275" spans="14:14">
      <c r="N45275" s="10"/>
    </row>
    <row r="45276" spans="14:14">
      <c r="N45276" s="10"/>
    </row>
    <row r="45277" spans="14:14">
      <c r="N45277" s="10"/>
    </row>
    <row r="45278" spans="14:14">
      <c r="N45278" s="10"/>
    </row>
    <row r="45279" spans="14:14">
      <c r="N45279" s="10"/>
    </row>
    <row r="45280" spans="14:14">
      <c r="N45280" s="10"/>
    </row>
    <row r="45281" spans="14:14">
      <c r="N45281" s="10"/>
    </row>
    <row r="45282" spans="14:14">
      <c r="N45282" s="10"/>
    </row>
    <row r="45283" spans="14:14">
      <c r="N45283" s="10"/>
    </row>
    <row r="45284" spans="14:14">
      <c r="N45284" s="10"/>
    </row>
    <row r="45285" spans="14:14">
      <c r="N45285" s="10"/>
    </row>
    <row r="45286" spans="14:14">
      <c r="N45286" s="10"/>
    </row>
    <row r="45287" spans="14:14">
      <c r="N45287" s="10"/>
    </row>
    <row r="45288" spans="14:14">
      <c r="N45288" s="10"/>
    </row>
    <row r="45289" spans="14:14">
      <c r="N45289" s="10"/>
    </row>
    <row r="45290" spans="14:14">
      <c r="N45290" s="10"/>
    </row>
    <row r="45291" spans="14:14">
      <c r="N45291" s="10"/>
    </row>
    <row r="45292" spans="14:14">
      <c r="N45292" s="10"/>
    </row>
    <row r="45293" spans="14:14">
      <c r="N45293" s="10"/>
    </row>
    <row r="45294" spans="14:14">
      <c r="N45294" s="10"/>
    </row>
    <row r="45295" spans="14:14">
      <c r="N45295" s="10"/>
    </row>
    <row r="45296" spans="14:14">
      <c r="N45296" s="10"/>
    </row>
    <row r="45297" spans="14:14">
      <c r="N45297" s="10"/>
    </row>
    <row r="45298" spans="14:14">
      <c r="N45298" s="10"/>
    </row>
    <row r="45299" spans="14:14">
      <c r="N45299" s="10"/>
    </row>
    <row r="45300" spans="14:14">
      <c r="N45300" s="10"/>
    </row>
    <row r="45301" spans="14:14">
      <c r="N45301" s="10"/>
    </row>
    <row r="45302" spans="14:14">
      <c r="N45302" s="10"/>
    </row>
    <row r="45303" spans="14:14">
      <c r="N45303" s="10"/>
    </row>
    <row r="45304" spans="14:14">
      <c r="N45304" s="10"/>
    </row>
    <row r="45305" spans="14:14">
      <c r="N45305" s="10"/>
    </row>
    <row r="45306" spans="14:14">
      <c r="N45306" s="10"/>
    </row>
    <row r="45307" spans="14:14">
      <c r="N45307" s="10"/>
    </row>
    <row r="45308" spans="14:14">
      <c r="N45308" s="10"/>
    </row>
    <row r="45309" spans="14:14">
      <c r="N45309" s="10"/>
    </row>
    <row r="45310" spans="14:14">
      <c r="N45310" s="10"/>
    </row>
    <row r="45311" spans="14:14">
      <c r="N45311" s="10"/>
    </row>
    <row r="45312" spans="14:14">
      <c r="N45312" s="10"/>
    </row>
    <row r="45313" spans="14:14">
      <c r="N45313" s="10"/>
    </row>
    <row r="45314" spans="14:14">
      <c r="N45314" s="10"/>
    </row>
    <row r="45315" spans="14:14">
      <c r="N45315" s="10"/>
    </row>
    <row r="45316" spans="14:14">
      <c r="N45316" s="10"/>
    </row>
    <row r="45317" spans="14:14">
      <c r="N45317" s="10"/>
    </row>
    <row r="45318" spans="14:14">
      <c r="N45318" s="10"/>
    </row>
    <row r="45319" spans="14:14">
      <c r="N45319" s="10"/>
    </row>
    <row r="45320" spans="14:14">
      <c r="N45320" s="10"/>
    </row>
    <row r="45321" spans="14:14">
      <c r="N45321" s="10"/>
    </row>
    <row r="45322" spans="14:14">
      <c r="N45322" s="10"/>
    </row>
    <row r="45323" spans="14:14">
      <c r="N45323" s="10"/>
    </row>
    <row r="45324" spans="14:14">
      <c r="N45324" s="10"/>
    </row>
    <row r="45325" spans="14:14">
      <c r="N45325" s="10"/>
    </row>
    <row r="45326" spans="14:14">
      <c r="N45326" s="10"/>
    </row>
    <row r="45327" spans="14:14">
      <c r="N45327" s="10"/>
    </row>
    <row r="45328" spans="14:14">
      <c r="N45328" s="10"/>
    </row>
    <row r="45329" spans="14:14">
      <c r="N45329" s="10"/>
    </row>
    <row r="45330" spans="14:14">
      <c r="N45330" s="10"/>
    </row>
    <row r="45331" spans="14:14">
      <c r="N45331" s="10"/>
    </row>
    <row r="45332" spans="14:14">
      <c r="N45332" s="10"/>
    </row>
    <row r="45333" spans="14:14">
      <c r="N45333" s="10"/>
    </row>
    <row r="45334" spans="14:14">
      <c r="N45334" s="10"/>
    </row>
    <row r="45335" spans="14:14">
      <c r="N45335" s="10"/>
    </row>
    <row r="45336" spans="14:14">
      <c r="N45336" s="10"/>
    </row>
    <row r="45337" spans="14:14">
      <c r="N45337" s="10"/>
    </row>
    <row r="45338" spans="14:14">
      <c r="N45338" s="10"/>
    </row>
    <row r="45339" spans="14:14">
      <c r="N45339" s="10"/>
    </row>
    <row r="45340" spans="14:14">
      <c r="N45340" s="10"/>
    </row>
    <row r="45341" spans="14:14">
      <c r="N45341" s="10"/>
    </row>
    <row r="45342" spans="14:14">
      <c r="N45342" s="10"/>
    </row>
    <row r="45343" spans="14:14">
      <c r="N45343" s="10"/>
    </row>
    <row r="45344" spans="14:14">
      <c r="N45344" s="10"/>
    </row>
    <row r="45345" spans="14:14">
      <c r="N45345" s="10"/>
    </row>
    <row r="45346" spans="14:14">
      <c r="N45346" s="10"/>
    </row>
    <row r="45347" spans="14:14">
      <c r="N45347" s="10"/>
    </row>
    <row r="45348" spans="14:14">
      <c r="N45348" s="10"/>
    </row>
    <row r="45349" spans="14:14">
      <c r="N45349" s="10"/>
    </row>
    <row r="45350" spans="14:14">
      <c r="N45350" s="10"/>
    </row>
    <row r="45351" spans="14:14">
      <c r="N45351" s="10"/>
    </row>
    <row r="45352" spans="14:14">
      <c r="N45352" s="10"/>
    </row>
    <row r="45353" spans="14:14">
      <c r="N45353" s="10"/>
    </row>
    <row r="45354" spans="14:14">
      <c r="N45354" s="10"/>
    </row>
    <row r="45355" spans="14:14">
      <c r="N45355" s="10"/>
    </row>
    <row r="45356" spans="14:14">
      <c r="N45356" s="10"/>
    </row>
    <row r="45357" spans="14:14">
      <c r="N45357" s="10"/>
    </row>
    <row r="45358" spans="14:14">
      <c r="N45358" s="10"/>
    </row>
    <row r="45359" spans="14:14">
      <c r="N45359" s="10"/>
    </row>
    <row r="45360" spans="14:14">
      <c r="N45360" s="10"/>
    </row>
    <row r="45361" spans="14:14">
      <c r="N45361" s="10"/>
    </row>
    <row r="45362" spans="14:14">
      <c r="N45362" s="10"/>
    </row>
    <row r="45363" spans="14:14">
      <c r="N45363" s="10"/>
    </row>
    <row r="45364" spans="14:14">
      <c r="N45364" s="10"/>
    </row>
    <row r="45365" spans="14:14">
      <c r="N45365" s="10"/>
    </row>
    <row r="45366" spans="14:14">
      <c r="N45366" s="10"/>
    </row>
    <row r="45367" spans="14:14">
      <c r="N45367" s="10"/>
    </row>
    <row r="45368" spans="14:14">
      <c r="N45368" s="10"/>
    </row>
    <row r="45369" spans="14:14">
      <c r="N45369" s="10"/>
    </row>
    <row r="45370" spans="14:14">
      <c r="N45370" s="10"/>
    </row>
    <row r="45371" spans="14:14">
      <c r="N45371" s="10"/>
    </row>
    <row r="45372" spans="14:14">
      <c r="N45372" s="10"/>
    </row>
    <row r="45373" spans="14:14">
      <c r="N45373" s="10"/>
    </row>
    <row r="45374" spans="14:14">
      <c r="N45374" s="10"/>
    </row>
    <row r="45375" spans="14:14">
      <c r="N45375" s="10"/>
    </row>
    <row r="45376" spans="14:14">
      <c r="N45376" s="10"/>
    </row>
    <row r="45377" spans="14:14">
      <c r="N45377" s="10"/>
    </row>
    <row r="45378" spans="14:14">
      <c r="N45378" s="10"/>
    </row>
    <row r="45379" spans="14:14">
      <c r="N45379" s="10"/>
    </row>
    <row r="45380" spans="14:14">
      <c r="N45380" s="10"/>
    </row>
    <row r="45381" spans="14:14">
      <c r="N45381" s="10"/>
    </row>
    <row r="45382" spans="14:14">
      <c r="N45382" s="10"/>
    </row>
    <row r="45383" spans="14:14">
      <c r="N45383" s="10"/>
    </row>
    <row r="45384" spans="14:14">
      <c r="N45384" s="10"/>
    </row>
    <row r="45385" spans="14:14">
      <c r="N45385" s="10"/>
    </row>
    <row r="45386" spans="14:14">
      <c r="N45386" s="10"/>
    </row>
    <row r="45387" spans="14:14">
      <c r="N45387" s="10"/>
    </row>
    <row r="45388" spans="14:14">
      <c r="N45388" s="10"/>
    </row>
    <row r="45389" spans="14:14">
      <c r="N45389" s="10"/>
    </row>
    <row r="45390" spans="14:14">
      <c r="N45390" s="10"/>
    </row>
    <row r="45391" spans="14:14">
      <c r="N45391" s="10"/>
    </row>
    <row r="45392" spans="14:14">
      <c r="N45392" s="10"/>
    </row>
    <row r="45393" spans="14:14">
      <c r="N45393" s="10"/>
    </row>
    <row r="45394" spans="14:14">
      <c r="N45394" s="10"/>
    </row>
    <row r="45395" spans="14:14">
      <c r="N45395" s="10"/>
    </row>
    <row r="45396" spans="14:14">
      <c r="N45396" s="10"/>
    </row>
    <row r="45397" spans="14:14">
      <c r="N45397" s="10"/>
    </row>
    <row r="45398" spans="14:14">
      <c r="N45398" s="10"/>
    </row>
    <row r="45399" spans="14:14">
      <c r="N45399" s="10"/>
    </row>
    <row r="45400" spans="14:14">
      <c r="N45400" s="10"/>
    </row>
    <row r="45401" spans="14:14">
      <c r="N45401" s="10"/>
    </row>
    <row r="45402" spans="14:14">
      <c r="N45402" s="10"/>
    </row>
    <row r="45403" spans="14:14">
      <c r="N45403" s="10"/>
    </row>
    <row r="45404" spans="14:14">
      <c r="N45404" s="10"/>
    </row>
    <row r="45405" spans="14:14">
      <c r="N45405" s="10"/>
    </row>
    <row r="45406" spans="14:14">
      <c r="N45406" s="10"/>
    </row>
    <row r="45407" spans="14:14">
      <c r="N45407" s="10"/>
    </row>
    <row r="45408" spans="14:14">
      <c r="N45408" s="10"/>
    </row>
    <row r="45409" spans="14:14">
      <c r="N45409" s="10"/>
    </row>
    <row r="45410" spans="14:14">
      <c r="N45410" s="10"/>
    </row>
    <row r="45411" spans="14:14">
      <c r="N45411" s="10"/>
    </row>
    <row r="45412" spans="14:14">
      <c r="N45412" s="10"/>
    </row>
    <row r="45413" spans="14:14">
      <c r="N45413" s="10"/>
    </row>
    <row r="45414" spans="14:14">
      <c r="N45414" s="10"/>
    </row>
    <row r="45415" spans="14:14">
      <c r="N45415" s="10"/>
    </row>
    <row r="45416" spans="14:14">
      <c r="N45416" s="10"/>
    </row>
    <row r="45417" spans="14:14">
      <c r="N45417" s="10"/>
    </row>
    <row r="45418" spans="14:14">
      <c r="N45418" s="10"/>
    </row>
    <row r="45419" spans="14:14">
      <c r="N45419" s="10"/>
    </row>
    <row r="45420" spans="14:14">
      <c r="N45420" s="10"/>
    </row>
    <row r="45421" spans="14:14">
      <c r="N45421" s="10"/>
    </row>
    <row r="45422" spans="14:14">
      <c r="N45422" s="10"/>
    </row>
    <row r="45423" spans="14:14">
      <c r="N45423" s="10"/>
    </row>
    <row r="45424" spans="14:14">
      <c r="N45424" s="10"/>
    </row>
    <row r="45425" spans="14:14">
      <c r="N45425" s="10"/>
    </row>
    <row r="45426" spans="14:14">
      <c r="N45426" s="10"/>
    </row>
    <row r="45427" spans="14:14">
      <c r="N45427" s="10"/>
    </row>
    <row r="45428" spans="14:14">
      <c r="N45428" s="10"/>
    </row>
    <row r="45429" spans="14:14">
      <c r="N45429" s="10"/>
    </row>
    <row r="45430" spans="14:14">
      <c r="N45430" s="10"/>
    </row>
    <row r="45431" spans="14:14">
      <c r="N45431" s="10"/>
    </row>
    <row r="45432" spans="14:14">
      <c r="N45432" s="10"/>
    </row>
    <row r="45433" spans="14:14">
      <c r="N45433" s="10"/>
    </row>
    <row r="45434" spans="14:14">
      <c r="N45434" s="10"/>
    </row>
    <row r="45435" spans="14:14">
      <c r="N45435" s="10"/>
    </row>
    <row r="45436" spans="14:14">
      <c r="N45436" s="10"/>
    </row>
    <row r="45437" spans="14:14">
      <c r="N45437" s="10"/>
    </row>
    <row r="45438" spans="14:14">
      <c r="N45438" s="10"/>
    </row>
    <row r="45439" spans="14:14">
      <c r="N45439" s="10"/>
    </row>
    <row r="45440" spans="14:14">
      <c r="N45440" s="10"/>
    </row>
    <row r="45441" spans="14:14">
      <c r="N45441" s="10"/>
    </row>
    <row r="45442" spans="14:14">
      <c r="N45442" s="10"/>
    </row>
    <row r="45443" spans="14:14">
      <c r="N45443" s="10"/>
    </row>
    <row r="45444" spans="14:14">
      <c r="N45444" s="10"/>
    </row>
    <row r="45445" spans="14:14">
      <c r="N45445" s="10"/>
    </row>
    <row r="45446" spans="14:14">
      <c r="N45446" s="10"/>
    </row>
    <row r="45447" spans="14:14">
      <c r="N45447" s="10"/>
    </row>
    <row r="45448" spans="14:14">
      <c r="N45448" s="10"/>
    </row>
    <row r="45449" spans="14:14">
      <c r="N45449" s="10"/>
    </row>
    <row r="45450" spans="14:14">
      <c r="N45450" s="10"/>
    </row>
    <row r="45451" spans="14:14">
      <c r="N45451" s="10"/>
    </row>
    <row r="45452" spans="14:14">
      <c r="N45452" s="10"/>
    </row>
    <row r="45453" spans="14:14">
      <c r="N45453" s="10"/>
    </row>
    <row r="45454" spans="14:14">
      <c r="N45454" s="10"/>
    </row>
    <row r="45455" spans="14:14">
      <c r="N45455" s="10"/>
    </row>
    <row r="45456" spans="14:14">
      <c r="N45456" s="10"/>
    </row>
    <row r="45457" spans="14:14">
      <c r="N45457" s="10"/>
    </row>
    <row r="45458" spans="14:14">
      <c r="N45458" s="10"/>
    </row>
    <row r="45459" spans="14:14">
      <c r="N45459" s="10"/>
    </row>
    <row r="45460" spans="14:14">
      <c r="N45460" s="10"/>
    </row>
    <row r="45461" spans="14:14">
      <c r="N45461" s="10"/>
    </row>
    <row r="45462" spans="14:14">
      <c r="N45462" s="10"/>
    </row>
    <row r="45463" spans="14:14">
      <c r="N45463" s="10"/>
    </row>
    <row r="45464" spans="14:14">
      <c r="N45464" s="10"/>
    </row>
    <row r="45465" spans="14:14">
      <c r="N45465" s="10"/>
    </row>
    <row r="45466" spans="14:14">
      <c r="N45466" s="10"/>
    </row>
    <row r="45467" spans="14:14">
      <c r="N45467" s="10"/>
    </row>
    <row r="45468" spans="14:14">
      <c r="N45468" s="10"/>
    </row>
    <row r="45469" spans="14:14">
      <c r="N45469" s="10"/>
    </row>
    <row r="45470" spans="14:14">
      <c r="N45470" s="10"/>
    </row>
    <row r="45471" spans="14:14">
      <c r="N45471" s="10"/>
    </row>
    <row r="45472" spans="14:14">
      <c r="N45472" s="10"/>
    </row>
    <row r="45473" spans="14:14">
      <c r="N45473" s="10"/>
    </row>
    <row r="45474" spans="14:14">
      <c r="N45474" s="10"/>
    </row>
    <row r="45475" spans="14:14">
      <c r="N45475" s="10"/>
    </row>
    <row r="45476" spans="14:14">
      <c r="N45476" s="10"/>
    </row>
    <row r="45477" spans="14:14">
      <c r="N45477" s="10"/>
    </row>
    <row r="45478" spans="14:14">
      <c r="N45478" s="10"/>
    </row>
    <row r="45479" spans="14:14">
      <c r="N45479" s="10"/>
    </row>
    <row r="45480" spans="14:14">
      <c r="N45480" s="10"/>
    </row>
    <row r="45481" spans="14:14">
      <c r="N45481" s="10"/>
    </row>
    <row r="45482" spans="14:14">
      <c r="N45482" s="10"/>
    </row>
    <row r="45483" spans="14:14">
      <c r="N45483" s="10"/>
    </row>
    <row r="45484" spans="14:14">
      <c r="N45484" s="10"/>
    </row>
    <row r="45485" spans="14:14">
      <c r="N45485" s="10"/>
    </row>
    <row r="45486" spans="14:14">
      <c r="N45486" s="10"/>
    </row>
    <row r="45487" spans="14:14">
      <c r="N45487" s="10"/>
    </row>
    <row r="45488" spans="14:14">
      <c r="N45488" s="10"/>
    </row>
    <row r="45489" spans="14:14">
      <c r="N45489" s="10"/>
    </row>
    <row r="45490" spans="14:14">
      <c r="N45490" s="10"/>
    </row>
    <row r="45491" spans="14:14">
      <c r="N45491" s="10"/>
    </row>
    <row r="45492" spans="14:14">
      <c r="N45492" s="10"/>
    </row>
    <row r="45493" spans="14:14">
      <c r="N45493" s="10"/>
    </row>
    <row r="45494" spans="14:14">
      <c r="N45494" s="10"/>
    </row>
    <row r="45495" spans="14:14">
      <c r="N45495" s="10"/>
    </row>
    <row r="45496" spans="14:14">
      <c r="N45496" s="10"/>
    </row>
    <row r="45497" spans="14:14">
      <c r="N45497" s="10"/>
    </row>
    <row r="45498" spans="14:14">
      <c r="N45498" s="10"/>
    </row>
    <row r="45499" spans="14:14">
      <c r="N45499" s="10"/>
    </row>
    <row r="45500" spans="14:14">
      <c r="N45500" s="10"/>
    </row>
    <row r="45501" spans="14:14">
      <c r="N45501" s="10"/>
    </row>
    <row r="45502" spans="14:14">
      <c r="N45502" s="10"/>
    </row>
    <row r="45503" spans="14:14">
      <c r="N45503" s="10"/>
    </row>
    <row r="45504" spans="14:14">
      <c r="N45504" s="10"/>
    </row>
    <row r="45505" spans="14:14">
      <c r="N45505" s="10"/>
    </row>
    <row r="45506" spans="14:14">
      <c r="N45506" s="10"/>
    </row>
    <row r="45507" spans="14:14">
      <c r="N45507" s="10"/>
    </row>
    <row r="45508" spans="14:14">
      <c r="N45508" s="10"/>
    </row>
    <row r="45509" spans="14:14">
      <c r="N45509" s="10"/>
    </row>
    <row r="45510" spans="14:14">
      <c r="N45510" s="10"/>
    </row>
    <row r="45511" spans="14:14">
      <c r="N45511" s="10"/>
    </row>
    <row r="45512" spans="14:14">
      <c r="N45512" s="10"/>
    </row>
    <row r="45513" spans="14:14">
      <c r="N45513" s="10"/>
    </row>
    <row r="45514" spans="14:14">
      <c r="N45514" s="10"/>
    </row>
    <row r="45515" spans="14:14">
      <c r="N45515" s="10"/>
    </row>
    <row r="45516" spans="14:14">
      <c r="N45516" s="10"/>
    </row>
    <row r="45517" spans="14:14">
      <c r="N45517" s="10"/>
    </row>
    <row r="45518" spans="14:14">
      <c r="N45518" s="10"/>
    </row>
    <row r="45519" spans="14:14">
      <c r="N45519" s="10"/>
    </row>
    <row r="45520" spans="14:14">
      <c r="N45520" s="10"/>
    </row>
    <row r="45521" spans="14:14">
      <c r="N45521" s="10"/>
    </row>
    <row r="45522" spans="14:14">
      <c r="N45522" s="10"/>
    </row>
    <row r="45523" spans="14:14">
      <c r="N45523" s="10"/>
    </row>
    <row r="45524" spans="14:14">
      <c r="N45524" s="10"/>
    </row>
    <row r="45525" spans="14:14">
      <c r="N45525" s="10"/>
    </row>
    <row r="45526" spans="14:14">
      <c r="N45526" s="10"/>
    </row>
    <row r="45527" spans="14:14">
      <c r="N45527" s="10"/>
    </row>
    <row r="45528" spans="14:14">
      <c r="N45528" s="10"/>
    </row>
    <row r="45529" spans="14:14">
      <c r="N45529" s="10"/>
    </row>
    <row r="45530" spans="14:14">
      <c r="N45530" s="10"/>
    </row>
    <row r="45531" spans="14:14">
      <c r="N45531" s="10"/>
    </row>
    <row r="45532" spans="14:14">
      <c r="N45532" s="10"/>
    </row>
    <row r="45533" spans="14:14">
      <c r="N45533" s="10"/>
    </row>
    <row r="45534" spans="14:14">
      <c r="N45534" s="10"/>
    </row>
    <row r="45535" spans="14:14">
      <c r="N45535" s="10"/>
    </row>
    <row r="45536" spans="14:14">
      <c r="N45536" s="10"/>
    </row>
    <row r="45537" spans="14:14">
      <c r="N45537" s="10"/>
    </row>
    <row r="45538" spans="14:14">
      <c r="N45538" s="10"/>
    </row>
    <row r="45539" spans="14:14">
      <c r="N45539" s="10"/>
    </row>
    <row r="45540" spans="14:14">
      <c r="N45540" s="10"/>
    </row>
    <row r="45541" spans="14:14">
      <c r="N45541" s="10"/>
    </row>
    <row r="45542" spans="14:14">
      <c r="N45542" s="10"/>
    </row>
    <row r="45543" spans="14:14">
      <c r="N45543" s="10"/>
    </row>
    <row r="45544" spans="14:14">
      <c r="N45544" s="10"/>
    </row>
    <row r="45545" spans="14:14">
      <c r="N45545" s="10"/>
    </row>
    <row r="45546" spans="14:14">
      <c r="N45546" s="10"/>
    </row>
    <row r="45547" spans="14:14">
      <c r="N45547" s="10"/>
    </row>
    <row r="45548" spans="14:14">
      <c r="N45548" s="10"/>
    </row>
    <row r="45549" spans="14:14">
      <c r="N45549" s="10"/>
    </row>
    <row r="45550" spans="14:14">
      <c r="N45550" s="10"/>
    </row>
    <row r="45551" spans="14:14">
      <c r="N45551" s="10"/>
    </row>
    <row r="45552" spans="14:14">
      <c r="N45552" s="10"/>
    </row>
    <row r="45553" spans="14:14">
      <c r="N45553" s="10"/>
    </row>
    <row r="45554" spans="14:14">
      <c r="N45554" s="10"/>
    </row>
    <row r="45555" spans="14:14">
      <c r="N45555" s="10"/>
    </row>
    <row r="45556" spans="14:14">
      <c r="N45556" s="10"/>
    </row>
    <row r="45557" spans="14:14">
      <c r="N45557" s="10"/>
    </row>
    <row r="45558" spans="14:14">
      <c r="N45558" s="10"/>
    </row>
    <row r="45559" spans="14:14">
      <c r="N45559" s="10"/>
    </row>
    <row r="45560" spans="14:14">
      <c r="N45560" s="10"/>
    </row>
    <row r="45561" spans="14:14">
      <c r="N45561" s="10"/>
    </row>
    <row r="45562" spans="14:14">
      <c r="N45562" s="10"/>
    </row>
    <row r="45563" spans="14:14">
      <c r="N45563" s="10"/>
    </row>
    <row r="45564" spans="14:14">
      <c r="N45564" s="10"/>
    </row>
    <row r="45565" spans="14:14">
      <c r="N45565" s="10"/>
    </row>
    <row r="45566" spans="14:14">
      <c r="N45566" s="10"/>
    </row>
    <row r="45567" spans="14:14">
      <c r="N45567" s="10"/>
    </row>
    <row r="45568" spans="14:14">
      <c r="N45568" s="10"/>
    </row>
    <row r="45569" spans="14:14">
      <c r="N45569" s="10"/>
    </row>
    <row r="45570" spans="14:14">
      <c r="N45570" s="10"/>
    </row>
    <row r="45571" spans="14:14">
      <c r="N45571" s="10"/>
    </row>
    <row r="45572" spans="14:14">
      <c r="N45572" s="10"/>
    </row>
    <row r="45573" spans="14:14">
      <c r="N45573" s="10"/>
    </row>
    <row r="45574" spans="14:14">
      <c r="N45574" s="10"/>
    </row>
    <row r="45575" spans="14:14">
      <c r="N45575" s="10"/>
    </row>
    <row r="45576" spans="14:14">
      <c r="N45576" s="10"/>
    </row>
    <row r="45577" spans="14:14">
      <c r="N45577" s="10"/>
    </row>
    <row r="45578" spans="14:14">
      <c r="N45578" s="10"/>
    </row>
    <row r="45579" spans="14:14">
      <c r="N45579" s="10"/>
    </row>
    <row r="45580" spans="14:14">
      <c r="N45580" s="10"/>
    </row>
    <row r="45581" spans="14:14">
      <c r="N45581" s="10"/>
    </row>
    <row r="45582" spans="14:14">
      <c r="N45582" s="10"/>
    </row>
    <row r="45583" spans="14:14">
      <c r="N45583" s="10"/>
    </row>
    <row r="45584" spans="14:14">
      <c r="N45584" s="10"/>
    </row>
    <row r="45585" spans="14:14">
      <c r="N45585" s="10"/>
    </row>
    <row r="45586" spans="14:14">
      <c r="N45586" s="10"/>
    </row>
    <row r="45587" spans="14:14">
      <c r="N45587" s="10"/>
    </row>
    <row r="45588" spans="14:14">
      <c r="N45588" s="10"/>
    </row>
    <row r="45589" spans="14:14">
      <c r="N45589" s="10"/>
    </row>
    <row r="45590" spans="14:14">
      <c r="N45590" s="10"/>
    </row>
    <row r="45591" spans="14:14">
      <c r="N45591" s="10"/>
    </row>
    <row r="45592" spans="14:14">
      <c r="N45592" s="10"/>
    </row>
    <row r="45593" spans="14:14">
      <c r="N45593" s="10"/>
    </row>
    <row r="45594" spans="14:14">
      <c r="N45594" s="10"/>
    </row>
    <row r="45595" spans="14:14">
      <c r="N45595" s="10"/>
    </row>
    <row r="45596" spans="14:14">
      <c r="N45596" s="10"/>
    </row>
    <row r="45597" spans="14:14">
      <c r="N45597" s="10"/>
    </row>
    <row r="45598" spans="14:14">
      <c r="N45598" s="10"/>
    </row>
    <row r="45599" spans="14:14">
      <c r="N45599" s="10"/>
    </row>
    <row r="45600" spans="14:14">
      <c r="N45600" s="10"/>
    </row>
    <row r="45601" spans="14:14">
      <c r="N45601" s="10"/>
    </row>
    <row r="45602" spans="14:14">
      <c r="N45602" s="10"/>
    </row>
    <row r="45603" spans="14:14">
      <c r="N45603" s="10"/>
    </row>
    <row r="45604" spans="14:14">
      <c r="N45604" s="10"/>
    </row>
    <row r="45605" spans="14:14">
      <c r="N45605" s="10"/>
    </row>
    <row r="45606" spans="14:14">
      <c r="N45606" s="10"/>
    </row>
    <row r="45607" spans="14:14">
      <c r="N45607" s="10"/>
    </row>
    <row r="45608" spans="14:14">
      <c r="N45608" s="10"/>
    </row>
    <row r="45609" spans="14:14">
      <c r="N45609" s="10"/>
    </row>
    <row r="45610" spans="14:14">
      <c r="N45610" s="10"/>
    </row>
    <row r="45611" spans="14:14">
      <c r="N45611" s="10"/>
    </row>
    <row r="45612" spans="14:14">
      <c r="N45612" s="10"/>
    </row>
    <row r="45613" spans="14:14">
      <c r="N45613" s="10"/>
    </row>
    <row r="45614" spans="14:14">
      <c r="N45614" s="10"/>
    </row>
    <row r="45615" spans="14:14">
      <c r="N45615" s="10"/>
    </row>
    <row r="45616" spans="14:14">
      <c r="N45616" s="10"/>
    </row>
    <row r="45617" spans="14:14">
      <c r="N45617" s="10"/>
    </row>
    <row r="45618" spans="14:14">
      <c r="N45618" s="10"/>
    </row>
    <row r="45619" spans="14:14">
      <c r="N45619" s="10"/>
    </row>
    <row r="45620" spans="14:14">
      <c r="N45620" s="10"/>
    </row>
    <row r="45621" spans="14:14">
      <c r="N45621" s="10"/>
    </row>
    <row r="45622" spans="14:14">
      <c r="N45622" s="10"/>
    </row>
    <row r="45623" spans="14:14">
      <c r="N45623" s="10"/>
    </row>
    <row r="45624" spans="14:14">
      <c r="N45624" s="10"/>
    </row>
    <row r="45625" spans="14:14">
      <c r="N45625" s="10"/>
    </row>
    <row r="45626" spans="14:14">
      <c r="N45626" s="10"/>
    </row>
    <row r="45627" spans="14:14">
      <c r="N45627" s="10"/>
    </row>
    <row r="45628" spans="14:14">
      <c r="N45628" s="10"/>
    </row>
    <row r="45629" spans="14:14">
      <c r="N45629" s="10"/>
    </row>
    <row r="45630" spans="14:14">
      <c r="N45630" s="10"/>
    </row>
    <row r="45631" spans="14:14">
      <c r="N45631" s="10"/>
    </row>
    <row r="45632" spans="14:14">
      <c r="N45632" s="10"/>
    </row>
    <row r="45633" spans="14:14">
      <c r="N45633" s="10"/>
    </row>
    <row r="45634" spans="14:14">
      <c r="N45634" s="10"/>
    </row>
    <row r="45635" spans="14:14">
      <c r="N45635" s="10"/>
    </row>
    <row r="45636" spans="14:14">
      <c r="N45636" s="10"/>
    </row>
    <row r="45637" spans="14:14">
      <c r="N45637" s="10"/>
    </row>
    <row r="45638" spans="14:14">
      <c r="N45638" s="10"/>
    </row>
    <row r="45639" spans="14:14">
      <c r="N45639" s="10"/>
    </row>
    <row r="45640" spans="14:14">
      <c r="N45640" s="10"/>
    </row>
    <row r="45641" spans="14:14">
      <c r="N45641" s="10"/>
    </row>
    <row r="45642" spans="14:14">
      <c r="N45642" s="10"/>
    </row>
    <row r="45643" spans="14:14">
      <c r="N45643" s="10"/>
    </row>
    <row r="45644" spans="14:14">
      <c r="N45644" s="10"/>
    </row>
    <row r="45645" spans="14:14">
      <c r="N45645" s="10"/>
    </row>
    <row r="45646" spans="14:14">
      <c r="N45646" s="10"/>
    </row>
    <row r="45647" spans="14:14">
      <c r="N45647" s="10"/>
    </row>
    <row r="45648" spans="14:14">
      <c r="N45648" s="10"/>
    </row>
    <row r="45649" spans="14:14">
      <c r="N45649" s="10"/>
    </row>
    <row r="45650" spans="14:14">
      <c r="N45650" s="10"/>
    </row>
    <row r="45651" spans="14:14">
      <c r="N45651" s="10"/>
    </row>
    <row r="45652" spans="14:14">
      <c r="N45652" s="10"/>
    </row>
    <row r="45653" spans="14:14">
      <c r="N45653" s="10"/>
    </row>
    <row r="45654" spans="14:14">
      <c r="N45654" s="10"/>
    </row>
    <row r="45655" spans="14:14">
      <c r="N45655" s="10"/>
    </row>
    <row r="45656" spans="14:14">
      <c r="N45656" s="10"/>
    </row>
    <row r="45657" spans="14:14">
      <c r="N45657" s="10"/>
    </row>
    <row r="45658" spans="14:14">
      <c r="N45658" s="10"/>
    </row>
    <row r="45659" spans="14:14">
      <c r="N45659" s="10"/>
    </row>
    <row r="45660" spans="14:14">
      <c r="N45660" s="10"/>
    </row>
    <row r="45661" spans="14:14">
      <c r="N45661" s="10"/>
    </row>
    <row r="45662" spans="14:14">
      <c r="N45662" s="10"/>
    </row>
    <row r="45663" spans="14:14">
      <c r="N45663" s="10"/>
    </row>
    <row r="45664" spans="14:14">
      <c r="N45664" s="10"/>
    </row>
    <row r="45665" spans="14:14">
      <c r="N45665" s="10"/>
    </row>
    <row r="45666" spans="14:14">
      <c r="N45666" s="10"/>
    </row>
    <row r="45667" spans="14:14">
      <c r="N45667" s="10"/>
    </row>
    <row r="45668" spans="14:14">
      <c r="N45668" s="10"/>
    </row>
    <row r="45669" spans="14:14">
      <c r="N45669" s="10"/>
    </row>
    <row r="45670" spans="14:14">
      <c r="N45670" s="10"/>
    </row>
    <row r="45671" spans="14:14">
      <c r="N45671" s="10"/>
    </row>
    <row r="45672" spans="14:14">
      <c r="N45672" s="10"/>
    </row>
    <row r="45673" spans="14:14">
      <c r="N45673" s="10"/>
    </row>
    <row r="45674" spans="14:14">
      <c r="N45674" s="10"/>
    </row>
    <row r="45675" spans="14:14">
      <c r="N45675" s="10"/>
    </row>
    <row r="45676" spans="14:14">
      <c r="N45676" s="10"/>
    </row>
    <row r="45677" spans="14:14">
      <c r="N45677" s="10"/>
    </row>
    <row r="45678" spans="14:14">
      <c r="N45678" s="10"/>
    </row>
    <row r="45679" spans="14:14">
      <c r="N45679" s="10"/>
    </row>
    <row r="45680" spans="14:14">
      <c r="N45680" s="10"/>
    </row>
    <row r="45681" spans="14:14">
      <c r="N45681" s="10"/>
    </row>
    <row r="45682" spans="14:14">
      <c r="N45682" s="10"/>
    </row>
    <row r="45683" spans="14:14">
      <c r="N45683" s="10"/>
    </row>
    <row r="45684" spans="14:14">
      <c r="N45684" s="10"/>
    </row>
    <row r="45685" spans="14:14">
      <c r="N45685" s="10"/>
    </row>
    <row r="45686" spans="14:14">
      <c r="N45686" s="10"/>
    </row>
    <row r="45687" spans="14:14">
      <c r="N45687" s="10"/>
    </row>
    <row r="45688" spans="14:14">
      <c r="N45688" s="10"/>
    </row>
    <row r="45689" spans="14:14">
      <c r="N45689" s="10"/>
    </row>
    <row r="45690" spans="14:14">
      <c r="N45690" s="10"/>
    </row>
    <row r="45691" spans="14:14">
      <c r="N45691" s="10"/>
    </row>
    <row r="45692" spans="14:14">
      <c r="N45692" s="10"/>
    </row>
    <row r="45693" spans="14:14">
      <c r="N45693" s="10"/>
    </row>
    <row r="45694" spans="14:14">
      <c r="N45694" s="10"/>
    </row>
    <row r="45695" spans="14:14">
      <c r="N45695" s="10"/>
    </row>
    <row r="45696" spans="14:14">
      <c r="N45696" s="10"/>
    </row>
    <row r="45697" spans="14:14">
      <c r="N45697" s="10"/>
    </row>
    <row r="45698" spans="14:14">
      <c r="N45698" s="10"/>
    </row>
    <row r="45699" spans="14:14">
      <c r="N45699" s="10"/>
    </row>
    <row r="45700" spans="14:14">
      <c r="N45700" s="10"/>
    </row>
    <row r="45701" spans="14:14">
      <c r="N45701" s="10"/>
    </row>
    <row r="45702" spans="14:14">
      <c r="N45702" s="10"/>
    </row>
    <row r="45703" spans="14:14">
      <c r="N45703" s="10"/>
    </row>
    <row r="45704" spans="14:14">
      <c r="N45704" s="10"/>
    </row>
    <row r="45705" spans="14:14">
      <c r="N45705" s="10"/>
    </row>
    <row r="45706" spans="14:14">
      <c r="N45706" s="10"/>
    </row>
    <row r="45707" spans="14:14">
      <c r="N45707" s="10"/>
    </row>
    <row r="45708" spans="14:14">
      <c r="N45708" s="10"/>
    </row>
    <row r="45709" spans="14:14">
      <c r="N45709" s="10"/>
    </row>
    <row r="45710" spans="14:14">
      <c r="N45710" s="10"/>
    </row>
    <row r="45711" spans="14:14">
      <c r="N45711" s="10"/>
    </row>
    <row r="45712" spans="14:14">
      <c r="N45712" s="10"/>
    </row>
    <row r="45713" spans="14:14">
      <c r="N45713" s="10"/>
    </row>
    <row r="45714" spans="14:14">
      <c r="N45714" s="10"/>
    </row>
    <row r="45715" spans="14:14">
      <c r="N45715" s="10"/>
    </row>
    <row r="45716" spans="14:14">
      <c r="N45716" s="10"/>
    </row>
    <row r="45717" spans="14:14">
      <c r="N45717" s="10"/>
    </row>
    <row r="45718" spans="14:14">
      <c r="N45718" s="10"/>
    </row>
    <row r="45719" spans="14:14">
      <c r="N45719" s="10"/>
    </row>
    <row r="45720" spans="14:14">
      <c r="N45720" s="10"/>
    </row>
    <row r="45721" spans="14:14">
      <c r="N45721" s="10"/>
    </row>
    <row r="45722" spans="14:14">
      <c r="N45722" s="10"/>
    </row>
    <row r="45723" spans="14:14">
      <c r="N45723" s="10"/>
    </row>
    <row r="45724" spans="14:14">
      <c r="N45724" s="10"/>
    </row>
    <row r="45725" spans="14:14">
      <c r="N45725" s="10"/>
    </row>
    <row r="45726" spans="14:14">
      <c r="N45726" s="10"/>
    </row>
    <row r="45727" spans="14:14">
      <c r="N45727" s="10"/>
    </row>
    <row r="45728" spans="14:14">
      <c r="N45728" s="10"/>
    </row>
    <row r="45729" spans="14:14">
      <c r="N45729" s="10"/>
    </row>
    <row r="45730" spans="14:14">
      <c r="N45730" s="10"/>
    </row>
    <row r="45731" spans="14:14">
      <c r="N45731" s="10"/>
    </row>
    <row r="45732" spans="14:14">
      <c r="N45732" s="10"/>
    </row>
    <row r="45733" spans="14:14">
      <c r="N45733" s="10"/>
    </row>
    <row r="45734" spans="14:14">
      <c r="N45734" s="10"/>
    </row>
    <row r="45735" spans="14:14">
      <c r="N45735" s="10"/>
    </row>
    <row r="45736" spans="14:14">
      <c r="N45736" s="10"/>
    </row>
    <row r="45737" spans="14:14">
      <c r="N45737" s="10"/>
    </row>
    <row r="45738" spans="14:14">
      <c r="N45738" s="10"/>
    </row>
    <row r="45739" spans="14:14">
      <c r="N45739" s="10"/>
    </row>
    <row r="45740" spans="14:14">
      <c r="N45740" s="10"/>
    </row>
    <row r="45741" spans="14:14">
      <c r="N45741" s="10"/>
    </row>
    <row r="45742" spans="14:14">
      <c r="N45742" s="10"/>
    </row>
    <row r="45743" spans="14:14">
      <c r="N45743" s="10"/>
    </row>
    <row r="45744" spans="14:14">
      <c r="N45744" s="10"/>
    </row>
    <row r="45745" spans="14:14">
      <c r="N45745" s="10"/>
    </row>
    <row r="45746" spans="14:14">
      <c r="N45746" s="10"/>
    </row>
    <row r="45747" spans="14:14">
      <c r="N45747" s="10"/>
    </row>
    <row r="45748" spans="14:14">
      <c r="N45748" s="10"/>
    </row>
    <row r="45749" spans="14:14">
      <c r="N45749" s="10"/>
    </row>
    <row r="45750" spans="14:14">
      <c r="N45750" s="10"/>
    </row>
    <row r="45751" spans="14:14">
      <c r="N45751" s="10"/>
    </row>
    <row r="45752" spans="14:14">
      <c r="N45752" s="10"/>
    </row>
    <row r="45753" spans="14:14">
      <c r="N45753" s="10"/>
    </row>
    <row r="45754" spans="14:14">
      <c r="N45754" s="10"/>
    </row>
    <row r="45755" spans="14:14">
      <c r="N45755" s="10"/>
    </row>
    <row r="45756" spans="14:14">
      <c r="N45756" s="10"/>
    </row>
    <row r="45757" spans="14:14">
      <c r="N45757" s="10"/>
    </row>
    <row r="45758" spans="14:14">
      <c r="N45758" s="10"/>
    </row>
    <row r="45759" spans="14:14">
      <c r="N45759" s="10"/>
    </row>
    <row r="45760" spans="14:14">
      <c r="N45760" s="10"/>
    </row>
    <row r="45761" spans="14:14">
      <c r="N45761" s="10"/>
    </row>
    <row r="45762" spans="14:14">
      <c r="N45762" s="10"/>
    </row>
    <row r="45763" spans="14:14">
      <c r="N45763" s="10"/>
    </row>
    <row r="45764" spans="14:14">
      <c r="N45764" s="10"/>
    </row>
    <row r="45765" spans="14:14">
      <c r="N45765" s="10"/>
    </row>
    <row r="45766" spans="14:14">
      <c r="N45766" s="10"/>
    </row>
    <row r="45767" spans="14:14">
      <c r="N45767" s="10"/>
    </row>
    <row r="45768" spans="14:14">
      <c r="N45768" s="10"/>
    </row>
    <row r="45769" spans="14:14">
      <c r="N45769" s="10"/>
    </row>
    <row r="45770" spans="14:14">
      <c r="N45770" s="10"/>
    </row>
    <row r="45771" spans="14:14">
      <c r="N45771" s="10"/>
    </row>
    <row r="45772" spans="14:14">
      <c r="N45772" s="10"/>
    </row>
    <row r="45773" spans="14:14">
      <c r="N45773" s="10"/>
    </row>
    <row r="45774" spans="14:14">
      <c r="N45774" s="10"/>
    </row>
    <row r="45775" spans="14:14">
      <c r="N45775" s="10"/>
    </row>
    <row r="45776" spans="14:14">
      <c r="N45776" s="10"/>
    </row>
    <row r="45777" spans="14:14">
      <c r="N45777" s="10"/>
    </row>
    <row r="45778" spans="14:14">
      <c r="N45778" s="10"/>
    </row>
    <row r="45779" spans="14:14">
      <c r="N45779" s="10"/>
    </row>
    <row r="45780" spans="14:14">
      <c r="N45780" s="10"/>
    </row>
    <row r="45781" spans="14:14">
      <c r="N45781" s="10"/>
    </row>
    <row r="45782" spans="14:14">
      <c r="N45782" s="10"/>
    </row>
    <row r="45783" spans="14:14">
      <c r="N45783" s="10"/>
    </row>
    <row r="45784" spans="14:14">
      <c r="N45784" s="10"/>
    </row>
    <row r="45785" spans="14:14">
      <c r="N45785" s="10"/>
    </row>
    <row r="45786" spans="14:14">
      <c r="N45786" s="10"/>
    </row>
    <row r="45787" spans="14:14">
      <c r="N45787" s="10"/>
    </row>
    <row r="45788" spans="14:14">
      <c r="N45788" s="10"/>
    </row>
    <row r="45789" spans="14:14">
      <c r="N45789" s="10"/>
    </row>
    <row r="45790" spans="14:14">
      <c r="N45790" s="10"/>
    </row>
    <row r="45791" spans="14:14">
      <c r="N45791" s="10"/>
    </row>
    <row r="45792" spans="14:14">
      <c r="N45792" s="10"/>
    </row>
    <row r="45793" spans="14:14">
      <c r="N45793" s="10"/>
    </row>
    <row r="45794" spans="14:14">
      <c r="N45794" s="10"/>
    </row>
    <row r="45795" spans="14:14">
      <c r="N45795" s="10"/>
    </row>
    <row r="45796" spans="14:14">
      <c r="N45796" s="10"/>
    </row>
    <row r="45797" spans="14:14">
      <c r="N45797" s="10"/>
    </row>
    <row r="45798" spans="14:14">
      <c r="N45798" s="10"/>
    </row>
    <row r="45799" spans="14:14">
      <c r="N45799" s="10"/>
    </row>
    <row r="45800" spans="14:14">
      <c r="N45800" s="10"/>
    </row>
    <row r="45801" spans="14:14">
      <c r="N45801" s="10"/>
    </row>
    <row r="45802" spans="14:14">
      <c r="N45802" s="10"/>
    </row>
    <row r="45803" spans="14:14">
      <c r="N45803" s="10"/>
    </row>
    <row r="45804" spans="14:14">
      <c r="N45804" s="10"/>
    </row>
    <row r="45805" spans="14:14">
      <c r="N45805" s="10"/>
    </row>
    <row r="45806" spans="14:14">
      <c r="N45806" s="10"/>
    </row>
    <row r="45807" spans="14:14">
      <c r="N45807" s="10"/>
    </row>
    <row r="45808" spans="14:14">
      <c r="N45808" s="10"/>
    </row>
    <row r="45809" spans="14:14">
      <c r="N45809" s="10"/>
    </row>
    <row r="45810" spans="14:14">
      <c r="N45810" s="10"/>
    </row>
    <row r="45811" spans="14:14">
      <c r="N45811" s="10"/>
    </row>
    <row r="45812" spans="14:14">
      <c r="N45812" s="10"/>
    </row>
    <row r="45813" spans="14:14">
      <c r="N45813" s="10"/>
    </row>
    <row r="45814" spans="14:14">
      <c r="N45814" s="10"/>
    </row>
    <row r="45815" spans="14:14">
      <c r="N45815" s="10"/>
    </row>
    <row r="45816" spans="14:14">
      <c r="N45816" s="10"/>
    </row>
    <row r="45817" spans="14:14">
      <c r="N45817" s="10"/>
    </row>
    <row r="45818" spans="14:14">
      <c r="N45818" s="10"/>
    </row>
    <row r="45819" spans="14:14">
      <c r="N45819" s="10"/>
    </row>
    <row r="45820" spans="14:14">
      <c r="N45820" s="10"/>
    </row>
    <row r="45821" spans="14:14">
      <c r="N45821" s="10"/>
    </row>
    <row r="45822" spans="14:14">
      <c r="N45822" s="10"/>
    </row>
    <row r="45823" spans="14:14">
      <c r="N45823" s="10"/>
    </row>
    <row r="45824" spans="14:14">
      <c r="N45824" s="10"/>
    </row>
    <row r="45825" spans="14:14">
      <c r="N45825" s="10"/>
    </row>
    <row r="45826" spans="14:14">
      <c r="N45826" s="10"/>
    </row>
    <row r="45827" spans="14:14">
      <c r="N45827" s="10"/>
    </row>
    <row r="45828" spans="14:14">
      <c r="N45828" s="10"/>
    </row>
    <row r="45829" spans="14:14">
      <c r="N45829" s="10"/>
    </row>
    <row r="45830" spans="14:14">
      <c r="N45830" s="10"/>
    </row>
    <row r="45831" spans="14:14">
      <c r="N45831" s="10"/>
    </row>
    <row r="45832" spans="14:14">
      <c r="N45832" s="10"/>
    </row>
    <row r="45833" spans="14:14">
      <c r="N45833" s="10"/>
    </row>
    <row r="45834" spans="14:14">
      <c r="N45834" s="10"/>
    </row>
    <row r="45835" spans="14:14">
      <c r="N45835" s="10"/>
    </row>
    <row r="45836" spans="14:14">
      <c r="N45836" s="10"/>
    </row>
    <row r="45837" spans="14:14">
      <c r="N45837" s="10"/>
    </row>
    <row r="45838" spans="14:14">
      <c r="N45838" s="10"/>
    </row>
    <row r="45839" spans="14:14">
      <c r="N45839" s="10"/>
    </row>
    <row r="45840" spans="14:14">
      <c r="N45840" s="10"/>
    </row>
    <row r="45841" spans="14:14">
      <c r="N45841" s="10"/>
    </row>
    <row r="45842" spans="14:14">
      <c r="N45842" s="10"/>
    </row>
    <row r="45843" spans="14:14">
      <c r="N45843" s="10"/>
    </row>
    <row r="45844" spans="14:14">
      <c r="N45844" s="10"/>
    </row>
    <row r="45845" spans="14:14">
      <c r="N45845" s="10"/>
    </row>
    <row r="45846" spans="14:14">
      <c r="N45846" s="10"/>
    </row>
    <row r="45847" spans="14:14">
      <c r="N45847" s="10"/>
    </row>
    <row r="45848" spans="14:14">
      <c r="N45848" s="10"/>
    </row>
    <row r="45849" spans="14:14">
      <c r="N45849" s="10"/>
    </row>
    <row r="45850" spans="14:14">
      <c r="N45850" s="10"/>
    </row>
    <row r="45851" spans="14:14">
      <c r="N45851" s="10"/>
    </row>
    <row r="45852" spans="14:14">
      <c r="N45852" s="10"/>
    </row>
    <row r="45853" spans="14:14">
      <c r="N45853" s="10"/>
    </row>
    <row r="45854" spans="14:14">
      <c r="N45854" s="10"/>
    </row>
    <row r="45855" spans="14:14">
      <c r="N45855" s="10"/>
    </row>
    <row r="45856" spans="14:14">
      <c r="N45856" s="10"/>
    </row>
    <row r="45857" spans="14:14">
      <c r="N45857" s="10"/>
    </row>
    <row r="45858" spans="14:14">
      <c r="N45858" s="10"/>
    </row>
    <row r="45859" spans="14:14">
      <c r="N45859" s="10"/>
    </row>
    <row r="45860" spans="14:14">
      <c r="N45860" s="10"/>
    </row>
    <row r="45861" spans="14:14">
      <c r="N45861" s="10"/>
    </row>
    <row r="45862" spans="14:14">
      <c r="N45862" s="10"/>
    </row>
    <row r="45863" spans="14:14">
      <c r="N45863" s="10"/>
    </row>
    <row r="45864" spans="14:14">
      <c r="N45864" s="10"/>
    </row>
    <row r="45865" spans="14:14">
      <c r="N45865" s="10"/>
    </row>
    <row r="45866" spans="14:14">
      <c r="N45866" s="10"/>
    </row>
    <row r="45867" spans="14:14">
      <c r="N45867" s="10"/>
    </row>
    <row r="45868" spans="14:14">
      <c r="N45868" s="10"/>
    </row>
    <row r="45869" spans="14:14">
      <c r="N45869" s="10"/>
    </row>
    <row r="45870" spans="14:14">
      <c r="N45870" s="10"/>
    </row>
    <row r="45871" spans="14:14">
      <c r="N45871" s="10"/>
    </row>
    <row r="45872" spans="14:14">
      <c r="N45872" s="10"/>
    </row>
    <row r="45873" spans="14:14">
      <c r="N45873" s="10"/>
    </row>
    <row r="45874" spans="14:14">
      <c r="N45874" s="10"/>
    </row>
    <row r="45875" spans="14:14">
      <c r="N45875" s="10"/>
    </row>
    <row r="45876" spans="14:14">
      <c r="N45876" s="10"/>
    </row>
    <row r="45877" spans="14:14">
      <c r="N45877" s="10"/>
    </row>
    <row r="45878" spans="14:14">
      <c r="N45878" s="10"/>
    </row>
    <row r="45879" spans="14:14">
      <c r="N45879" s="10"/>
    </row>
    <row r="45880" spans="14:14">
      <c r="N45880" s="10"/>
    </row>
    <row r="45881" spans="14:14">
      <c r="N45881" s="10"/>
    </row>
    <row r="45882" spans="14:14">
      <c r="N45882" s="10"/>
    </row>
    <row r="45883" spans="14:14">
      <c r="N45883" s="10"/>
    </row>
    <row r="45884" spans="14:14">
      <c r="N45884" s="10"/>
    </row>
    <row r="45885" spans="14:14">
      <c r="N45885" s="10"/>
    </row>
    <row r="45886" spans="14:14">
      <c r="N45886" s="10"/>
    </row>
    <row r="45887" spans="14:14">
      <c r="N45887" s="10"/>
    </row>
    <row r="45888" spans="14:14">
      <c r="N45888" s="10"/>
    </row>
    <row r="45889" spans="14:14">
      <c r="N45889" s="10"/>
    </row>
    <row r="45890" spans="14:14">
      <c r="N45890" s="10"/>
    </row>
    <row r="45891" spans="14:14">
      <c r="N45891" s="10"/>
    </row>
    <row r="45892" spans="14:14">
      <c r="N45892" s="10"/>
    </row>
    <row r="45893" spans="14:14">
      <c r="N45893" s="10"/>
    </row>
    <row r="45894" spans="14:14">
      <c r="N45894" s="10"/>
    </row>
    <row r="45895" spans="14:14">
      <c r="N45895" s="10"/>
    </row>
    <row r="45896" spans="14:14">
      <c r="N45896" s="10"/>
    </row>
    <row r="45897" spans="14:14">
      <c r="N45897" s="10"/>
    </row>
    <row r="45898" spans="14:14">
      <c r="N45898" s="10"/>
    </row>
    <row r="45899" spans="14:14">
      <c r="N45899" s="10"/>
    </row>
    <row r="45900" spans="14:14">
      <c r="N45900" s="10"/>
    </row>
    <row r="45901" spans="14:14">
      <c r="N45901" s="10"/>
    </row>
    <row r="45902" spans="14:14">
      <c r="N45902" s="10"/>
    </row>
    <row r="45903" spans="14:14">
      <c r="N45903" s="10"/>
    </row>
    <row r="45904" spans="14:14">
      <c r="N45904" s="10"/>
    </row>
    <row r="45905" spans="14:14">
      <c r="N45905" s="10"/>
    </row>
    <row r="45906" spans="14:14">
      <c r="N45906" s="10"/>
    </row>
    <row r="45907" spans="14:14">
      <c r="N45907" s="10"/>
    </row>
    <row r="45908" spans="14:14">
      <c r="N45908" s="10"/>
    </row>
    <row r="45909" spans="14:14">
      <c r="N45909" s="10"/>
    </row>
    <row r="45910" spans="14:14">
      <c r="N45910" s="10"/>
    </row>
    <row r="45911" spans="14:14">
      <c r="N45911" s="10"/>
    </row>
    <row r="45912" spans="14:14">
      <c r="N45912" s="10"/>
    </row>
    <row r="45913" spans="14:14">
      <c r="N45913" s="10"/>
    </row>
    <row r="45914" spans="14:14">
      <c r="N45914" s="10"/>
    </row>
    <row r="45915" spans="14:14">
      <c r="N45915" s="10"/>
    </row>
    <row r="45916" spans="14:14">
      <c r="N45916" s="10"/>
    </row>
    <row r="45917" spans="14:14">
      <c r="N45917" s="10"/>
    </row>
    <row r="45918" spans="14:14">
      <c r="N45918" s="10"/>
    </row>
    <row r="45919" spans="14:14">
      <c r="N45919" s="10"/>
    </row>
    <row r="45920" spans="14:14">
      <c r="N45920" s="10"/>
    </row>
    <row r="45921" spans="14:14">
      <c r="N45921" s="10"/>
    </row>
    <row r="45922" spans="14:14">
      <c r="N45922" s="10"/>
    </row>
    <row r="45923" spans="14:14">
      <c r="N45923" s="10"/>
    </row>
    <row r="45924" spans="14:14">
      <c r="N45924" s="10"/>
    </row>
    <row r="45925" spans="14:14">
      <c r="N45925" s="10"/>
    </row>
    <row r="45926" spans="14:14">
      <c r="N45926" s="10"/>
    </row>
    <row r="45927" spans="14:14">
      <c r="N45927" s="10"/>
    </row>
    <row r="45928" spans="14:14">
      <c r="N45928" s="10"/>
    </row>
    <row r="45929" spans="14:14">
      <c r="N45929" s="10"/>
    </row>
    <row r="45930" spans="14:14">
      <c r="N45930" s="10"/>
    </row>
    <row r="45931" spans="14:14">
      <c r="N45931" s="10"/>
    </row>
    <row r="45932" spans="14:14">
      <c r="N45932" s="10"/>
    </row>
    <row r="45933" spans="14:14">
      <c r="N45933" s="10"/>
    </row>
    <row r="45934" spans="14:14">
      <c r="N45934" s="10"/>
    </row>
    <row r="45935" spans="14:14">
      <c r="N45935" s="10"/>
    </row>
    <row r="45936" spans="14:14">
      <c r="N45936" s="10"/>
    </row>
    <row r="45937" spans="14:14">
      <c r="N45937" s="10"/>
    </row>
    <row r="45938" spans="14:14">
      <c r="N45938" s="10"/>
    </row>
    <row r="45939" spans="14:14">
      <c r="N45939" s="10"/>
    </row>
    <row r="45940" spans="14:14">
      <c r="N45940" s="10"/>
    </row>
    <row r="45941" spans="14:14">
      <c r="N45941" s="10"/>
    </row>
    <row r="45942" spans="14:14">
      <c r="N45942" s="10"/>
    </row>
    <row r="45943" spans="14:14">
      <c r="N45943" s="10"/>
    </row>
    <row r="45944" spans="14:14">
      <c r="N45944" s="10"/>
    </row>
    <row r="45945" spans="14:14">
      <c r="N45945" s="10"/>
    </row>
    <row r="45946" spans="14:14">
      <c r="N45946" s="10"/>
    </row>
    <row r="45947" spans="14:14">
      <c r="N45947" s="10"/>
    </row>
    <row r="45948" spans="14:14">
      <c r="N45948" s="10"/>
    </row>
    <row r="45949" spans="14:14">
      <c r="N45949" s="10"/>
    </row>
    <row r="45950" spans="14:14">
      <c r="N45950" s="10"/>
    </row>
    <row r="45951" spans="14:14">
      <c r="N45951" s="10"/>
    </row>
    <row r="45952" spans="14:14">
      <c r="N45952" s="10"/>
    </row>
    <row r="45953" spans="14:14">
      <c r="N45953" s="10"/>
    </row>
    <row r="45954" spans="14:14">
      <c r="N45954" s="10"/>
    </row>
    <row r="45955" spans="14:14">
      <c r="N45955" s="10"/>
    </row>
    <row r="45956" spans="14:14">
      <c r="N45956" s="10"/>
    </row>
    <row r="45957" spans="14:14">
      <c r="N45957" s="10"/>
    </row>
    <row r="45958" spans="14:14">
      <c r="N45958" s="10"/>
    </row>
    <row r="45959" spans="14:14">
      <c r="N45959" s="10"/>
    </row>
    <row r="45960" spans="14:14">
      <c r="N45960" s="10"/>
    </row>
    <row r="45961" spans="14:14">
      <c r="N45961" s="10"/>
    </row>
    <row r="45962" spans="14:14">
      <c r="N45962" s="10"/>
    </row>
    <row r="45963" spans="14:14">
      <c r="N45963" s="10"/>
    </row>
    <row r="45964" spans="14:14">
      <c r="N45964" s="10"/>
    </row>
    <row r="45965" spans="14:14">
      <c r="N45965" s="10"/>
    </row>
    <row r="45966" spans="14:14">
      <c r="N45966" s="10"/>
    </row>
    <row r="45967" spans="14:14">
      <c r="N45967" s="10"/>
    </row>
    <row r="45968" spans="14:14">
      <c r="N45968" s="10"/>
    </row>
    <row r="45969" spans="14:14">
      <c r="N45969" s="10"/>
    </row>
    <row r="45970" spans="14:14">
      <c r="N45970" s="10"/>
    </row>
    <row r="45971" spans="14:14">
      <c r="N45971" s="10"/>
    </row>
    <row r="45972" spans="14:14">
      <c r="N45972" s="10"/>
    </row>
    <row r="45973" spans="14:14">
      <c r="N45973" s="10"/>
    </row>
    <row r="45974" spans="14:14">
      <c r="N45974" s="10"/>
    </row>
    <row r="45975" spans="14:14">
      <c r="N45975" s="10"/>
    </row>
    <row r="45976" spans="14:14">
      <c r="N45976" s="10"/>
    </row>
    <row r="45977" spans="14:14">
      <c r="N45977" s="10"/>
    </row>
    <row r="45978" spans="14:14">
      <c r="N45978" s="10"/>
    </row>
    <row r="45979" spans="14:14">
      <c r="N45979" s="10"/>
    </row>
    <row r="45980" spans="14:14">
      <c r="N45980" s="10"/>
    </row>
    <row r="45981" spans="14:14">
      <c r="N45981" s="10"/>
    </row>
    <row r="45982" spans="14:14">
      <c r="N45982" s="10"/>
    </row>
    <row r="45983" spans="14:14">
      <c r="N45983" s="10"/>
    </row>
    <row r="45984" spans="14:14">
      <c r="N45984" s="10"/>
    </row>
    <row r="45985" spans="14:14">
      <c r="N45985" s="10"/>
    </row>
    <row r="45986" spans="14:14">
      <c r="N45986" s="10"/>
    </row>
    <row r="45987" spans="14:14">
      <c r="N45987" s="10"/>
    </row>
    <row r="45988" spans="14:14">
      <c r="N45988" s="10"/>
    </row>
    <row r="45989" spans="14:14">
      <c r="N45989" s="10"/>
    </row>
    <row r="45990" spans="14:14">
      <c r="N45990" s="10"/>
    </row>
    <row r="45991" spans="14:14">
      <c r="N45991" s="10"/>
    </row>
    <row r="45992" spans="14:14">
      <c r="N45992" s="10"/>
    </row>
    <row r="45993" spans="14:14">
      <c r="N45993" s="10"/>
    </row>
    <row r="45994" spans="14:14">
      <c r="N45994" s="10"/>
    </row>
    <row r="45995" spans="14:14">
      <c r="N45995" s="10"/>
    </row>
    <row r="45996" spans="14:14">
      <c r="N45996" s="10"/>
    </row>
    <row r="45997" spans="14:14">
      <c r="N45997" s="10"/>
    </row>
    <row r="45998" spans="14:14">
      <c r="N45998" s="10"/>
    </row>
    <row r="45999" spans="14:14">
      <c r="N45999" s="10"/>
    </row>
    <row r="46000" spans="14:14">
      <c r="N46000" s="10"/>
    </row>
    <row r="46001" spans="14:14">
      <c r="N46001" s="10"/>
    </row>
    <row r="46002" spans="14:14">
      <c r="N46002" s="10"/>
    </row>
    <row r="46003" spans="14:14">
      <c r="N46003" s="10"/>
    </row>
    <row r="46004" spans="14:14">
      <c r="N46004" s="10"/>
    </row>
    <row r="46005" spans="14:14">
      <c r="N46005" s="10"/>
    </row>
    <row r="46006" spans="14:14">
      <c r="N46006" s="10"/>
    </row>
    <row r="46007" spans="14:14">
      <c r="N46007" s="10"/>
    </row>
    <row r="46008" spans="14:14">
      <c r="N46008" s="10"/>
    </row>
    <row r="46009" spans="14:14">
      <c r="N46009" s="10"/>
    </row>
    <row r="46010" spans="14:14">
      <c r="N46010" s="10"/>
    </row>
    <row r="46011" spans="14:14">
      <c r="N46011" s="10"/>
    </row>
    <row r="46012" spans="14:14">
      <c r="N46012" s="10"/>
    </row>
    <row r="46013" spans="14:14">
      <c r="N46013" s="10"/>
    </row>
    <row r="46014" spans="14:14">
      <c r="N46014" s="10"/>
    </row>
    <row r="46015" spans="14:14">
      <c r="N46015" s="10"/>
    </row>
    <row r="46016" spans="14:14">
      <c r="N46016" s="10"/>
    </row>
    <row r="46017" spans="14:14">
      <c r="N46017" s="10"/>
    </row>
    <row r="46018" spans="14:14">
      <c r="N46018" s="10"/>
    </row>
    <row r="46019" spans="14:14">
      <c r="N46019" s="10"/>
    </row>
    <row r="46020" spans="14:14">
      <c r="N46020" s="10"/>
    </row>
    <row r="46021" spans="14:14">
      <c r="N46021" s="10"/>
    </row>
    <row r="46022" spans="14:14">
      <c r="N46022" s="10"/>
    </row>
    <row r="46023" spans="14:14">
      <c r="N46023" s="10"/>
    </row>
    <row r="46024" spans="14:14">
      <c r="N46024" s="10"/>
    </row>
    <row r="46025" spans="14:14">
      <c r="N46025" s="10"/>
    </row>
    <row r="46026" spans="14:14">
      <c r="N46026" s="10"/>
    </row>
    <row r="46027" spans="14:14">
      <c r="N46027" s="10"/>
    </row>
    <row r="46028" spans="14:14">
      <c r="N46028" s="10"/>
    </row>
    <row r="46029" spans="14:14">
      <c r="N46029" s="10"/>
    </row>
    <row r="46030" spans="14:14">
      <c r="N46030" s="10"/>
    </row>
    <row r="46031" spans="14:14">
      <c r="N46031" s="10"/>
    </row>
    <row r="46032" spans="14:14">
      <c r="N46032" s="10"/>
    </row>
    <row r="46033" spans="14:14">
      <c r="N46033" s="10"/>
    </row>
    <row r="46034" spans="14:14">
      <c r="N46034" s="10"/>
    </row>
    <row r="46035" spans="14:14">
      <c r="N46035" s="10"/>
    </row>
    <row r="46036" spans="14:14">
      <c r="N46036" s="10"/>
    </row>
    <row r="46037" spans="14:14">
      <c r="N46037" s="10"/>
    </row>
    <row r="46038" spans="14:14">
      <c r="N46038" s="10"/>
    </row>
    <row r="46039" spans="14:14">
      <c r="N46039" s="10"/>
    </row>
    <row r="46040" spans="14:14">
      <c r="N46040" s="10"/>
    </row>
    <row r="46041" spans="14:14">
      <c r="N46041" s="10"/>
    </row>
    <row r="46042" spans="14:14">
      <c r="N46042" s="10"/>
    </row>
    <row r="46043" spans="14:14">
      <c r="N46043" s="10"/>
    </row>
    <row r="46044" spans="14:14">
      <c r="N46044" s="10"/>
    </row>
    <row r="46045" spans="14:14">
      <c r="N46045" s="10"/>
    </row>
    <row r="46046" spans="14:14">
      <c r="N46046" s="10"/>
    </row>
    <row r="46047" spans="14:14">
      <c r="N46047" s="10"/>
    </row>
    <row r="46048" spans="14:14">
      <c r="N46048" s="10"/>
    </row>
    <row r="46049" spans="14:14">
      <c r="N46049" s="10"/>
    </row>
    <row r="46050" spans="14:14">
      <c r="N46050" s="10"/>
    </row>
    <row r="46051" spans="14:14">
      <c r="N46051" s="10"/>
    </row>
    <row r="46052" spans="14:14">
      <c r="N46052" s="10"/>
    </row>
    <row r="46053" spans="14:14">
      <c r="N46053" s="10"/>
    </row>
    <row r="46054" spans="14:14">
      <c r="N46054" s="10"/>
    </row>
    <row r="46055" spans="14:14">
      <c r="N46055" s="10"/>
    </row>
    <row r="46056" spans="14:14">
      <c r="N46056" s="10"/>
    </row>
    <row r="46057" spans="14:14">
      <c r="N46057" s="10"/>
    </row>
    <row r="46058" spans="14:14">
      <c r="N46058" s="10"/>
    </row>
    <row r="46059" spans="14:14">
      <c r="N46059" s="10"/>
    </row>
    <row r="46060" spans="14:14">
      <c r="N46060" s="10"/>
    </row>
    <row r="46061" spans="14:14">
      <c r="N46061" s="10"/>
    </row>
    <row r="46062" spans="14:14">
      <c r="N46062" s="10"/>
    </row>
    <row r="46063" spans="14:14">
      <c r="N46063" s="10"/>
    </row>
    <row r="46064" spans="14:14">
      <c r="N46064" s="10"/>
    </row>
    <row r="46065" spans="14:14">
      <c r="N46065" s="10"/>
    </row>
    <row r="46066" spans="14:14">
      <c r="N46066" s="10"/>
    </row>
    <row r="46067" spans="14:14">
      <c r="N46067" s="10"/>
    </row>
    <row r="46068" spans="14:14">
      <c r="N46068" s="10"/>
    </row>
    <row r="46069" spans="14:14">
      <c r="N46069" s="10"/>
    </row>
    <row r="46070" spans="14:14">
      <c r="N46070" s="10"/>
    </row>
    <row r="46071" spans="14:14">
      <c r="N46071" s="10"/>
    </row>
    <row r="46072" spans="14:14">
      <c r="N46072" s="10"/>
    </row>
    <row r="46073" spans="14:14">
      <c r="N46073" s="10"/>
    </row>
    <row r="46074" spans="14:14">
      <c r="N46074" s="10"/>
    </row>
    <row r="46075" spans="14:14">
      <c r="N46075" s="10"/>
    </row>
    <row r="46076" spans="14:14">
      <c r="N46076" s="10"/>
    </row>
    <row r="46077" spans="14:14">
      <c r="N46077" s="10"/>
    </row>
    <row r="46078" spans="14:14">
      <c r="N46078" s="10"/>
    </row>
    <row r="46079" spans="14:14">
      <c r="N46079" s="10"/>
    </row>
    <row r="46080" spans="14:14">
      <c r="N46080" s="10"/>
    </row>
    <row r="46081" spans="14:14">
      <c r="N46081" s="10"/>
    </row>
    <row r="46082" spans="14:14">
      <c r="N46082" s="10"/>
    </row>
    <row r="46083" spans="14:14">
      <c r="N46083" s="10"/>
    </row>
    <row r="46084" spans="14:14">
      <c r="N46084" s="10"/>
    </row>
    <row r="46085" spans="14:14">
      <c r="N46085" s="10"/>
    </row>
    <row r="46086" spans="14:14">
      <c r="N46086" s="10"/>
    </row>
    <row r="46087" spans="14:14">
      <c r="N46087" s="10"/>
    </row>
    <row r="46088" spans="14:14">
      <c r="N46088" s="10"/>
    </row>
    <row r="46089" spans="14:14">
      <c r="N46089" s="10"/>
    </row>
    <row r="46090" spans="14:14">
      <c r="N46090" s="10"/>
    </row>
    <row r="46091" spans="14:14">
      <c r="N46091" s="10"/>
    </row>
    <row r="46092" spans="14:14">
      <c r="N46092" s="10"/>
    </row>
    <row r="46093" spans="14:14">
      <c r="N46093" s="10"/>
    </row>
    <row r="46094" spans="14:14">
      <c r="N46094" s="10"/>
    </row>
    <row r="46095" spans="14:14">
      <c r="N46095" s="10"/>
    </row>
    <row r="46096" spans="14:14">
      <c r="N46096" s="10"/>
    </row>
    <row r="46097" spans="14:14">
      <c r="N46097" s="10"/>
    </row>
    <row r="46098" spans="14:14">
      <c r="N46098" s="10"/>
    </row>
    <row r="46099" spans="14:14">
      <c r="N46099" s="10"/>
    </row>
    <row r="46100" spans="14:14">
      <c r="N46100" s="10"/>
    </row>
    <row r="46101" spans="14:14">
      <c r="N46101" s="10"/>
    </row>
    <row r="46102" spans="14:14">
      <c r="N46102" s="10"/>
    </row>
    <row r="46103" spans="14:14">
      <c r="N46103" s="10"/>
    </row>
    <row r="46104" spans="14:14">
      <c r="N46104" s="10"/>
    </row>
    <row r="46105" spans="14:14">
      <c r="N46105" s="10"/>
    </row>
    <row r="46106" spans="14:14">
      <c r="N46106" s="10"/>
    </row>
    <row r="46107" spans="14:14">
      <c r="N46107" s="10"/>
    </row>
    <row r="46108" spans="14:14">
      <c r="N46108" s="10"/>
    </row>
    <row r="46109" spans="14:14">
      <c r="N46109" s="10"/>
    </row>
    <row r="46110" spans="14:14">
      <c r="N46110" s="10"/>
    </row>
    <row r="46111" spans="14:14">
      <c r="N46111" s="10"/>
    </row>
    <row r="46112" spans="14:14">
      <c r="N46112" s="10"/>
    </row>
    <row r="46113" spans="14:14">
      <c r="N46113" s="10"/>
    </row>
    <row r="46114" spans="14:14">
      <c r="N46114" s="10"/>
    </row>
    <row r="46115" spans="14:14">
      <c r="N46115" s="10"/>
    </row>
    <row r="46116" spans="14:14">
      <c r="N46116" s="10"/>
    </row>
    <row r="46117" spans="14:14">
      <c r="N46117" s="10"/>
    </row>
    <row r="46118" spans="14:14">
      <c r="N46118" s="10"/>
    </row>
    <row r="46119" spans="14:14">
      <c r="N46119" s="10"/>
    </row>
    <row r="46120" spans="14:14">
      <c r="N46120" s="10"/>
    </row>
    <row r="46121" spans="14:14">
      <c r="N46121" s="10"/>
    </row>
    <row r="46122" spans="14:14">
      <c r="N46122" s="10"/>
    </row>
    <row r="46123" spans="14:14">
      <c r="N46123" s="10"/>
    </row>
    <row r="46124" spans="14:14">
      <c r="N46124" s="10"/>
    </row>
    <row r="46125" spans="14:14">
      <c r="N46125" s="10"/>
    </row>
    <row r="46126" spans="14:14">
      <c r="N46126" s="10"/>
    </row>
    <row r="46127" spans="14:14">
      <c r="N46127" s="10"/>
    </row>
    <row r="46128" spans="14:14">
      <c r="N46128" s="10"/>
    </row>
    <row r="46129" spans="14:14">
      <c r="N46129" s="10"/>
    </row>
    <row r="46130" spans="14:14">
      <c r="N46130" s="10"/>
    </row>
    <row r="46131" spans="14:14">
      <c r="N46131" s="10"/>
    </row>
    <row r="46132" spans="14:14">
      <c r="N46132" s="10"/>
    </row>
    <row r="46133" spans="14:14">
      <c r="N46133" s="10"/>
    </row>
    <row r="46134" spans="14:14">
      <c r="N46134" s="10"/>
    </row>
    <row r="46135" spans="14:14">
      <c r="N46135" s="10"/>
    </row>
    <row r="46136" spans="14:14">
      <c r="N46136" s="10"/>
    </row>
    <row r="46137" spans="14:14">
      <c r="N46137" s="10"/>
    </row>
    <row r="46138" spans="14:14">
      <c r="N46138" s="10"/>
    </row>
    <row r="46139" spans="14:14">
      <c r="N46139" s="10"/>
    </row>
    <row r="46140" spans="14:14">
      <c r="N46140" s="10"/>
    </row>
    <row r="46141" spans="14:14">
      <c r="N46141" s="10"/>
    </row>
    <row r="46142" spans="14:14">
      <c r="N46142" s="10"/>
    </row>
    <row r="46143" spans="14:14">
      <c r="N46143" s="10"/>
    </row>
    <row r="46144" spans="14:14">
      <c r="N46144" s="10"/>
    </row>
    <row r="46145" spans="14:14">
      <c r="N46145" s="10"/>
    </row>
    <row r="46146" spans="14:14">
      <c r="N46146" s="10"/>
    </row>
    <row r="46147" spans="14:14">
      <c r="N46147" s="10"/>
    </row>
    <row r="46148" spans="14:14">
      <c r="N46148" s="10"/>
    </row>
    <row r="46149" spans="14:14">
      <c r="N46149" s="10"/>
    </row>
    <row r="46150" spans="14:14">
      <c r="N46150" s="10"/>
    </row>
    <row r="46151" spans="14:14">
      <c r="N46151" s="10"/>
    </row>
    <row r="46152" spans="14:14">
      <c r="N46152" s="10"/>
    </row>
    <row r="46153" spans="14:14">
      <c r="N46153" s="10"/>
    </row>
    <row r="46154" spans="14:14">
      <c r="N46154" s="10"/>
    </row>
    <row r="46155" spans="14:14">
      <c r="N46155" s="10"/>
    </row>
    <row r="46156" spans="14:14">
      <c r="N46156" s="10"/>
    </row>
    <row r="46157" spans="14:14">
      <c r="N46157" s="10"/>
    </row>
    <row r="46158" spans="14:14">
      <c r="N46158" s="10"/>
    </row>
    <row r="46159" spans="14:14">
      <c r="N46159" s="10"/>
    </row>
    <row r="46160" spans="14:14">
      <c r="N46160" s="10"/>
    </row>
    <row r="46161" spans="14:14">
      <c r="N46161" s="10"/>
    </row>
    <row r="46162" spans="14:14">
      <c r="N46162" s="10"/>
    </row>
    <row r="46163" spans="14:14">
      <c r="N46163" s="10"/>
    </row>
    <row r="46164" spans="14:14">
      <c r="N46164" s="10"/>
    </row>
    <row r="46165" spans="14:14">
      <c r="N46165" s="10"/>
    </row>
    <row r="46166" spans="14:14">
      <c r="N46166" s="10"/>
    </row>
    <row r="46167" spans="14:14">
      <c r="N46167" s="10"/>
    </row>
    <row r="46168" spans="14:14">
      <c r="N46168" s="10"/>
    </row>
    <row r="46169" spans="14:14">
      <c r="N46169" s="10"/>
    </row>
    <row r="46170" spans="14:14">
      <c r="N46170" s="10"/>
    </row>
    <row r="46171" spans="14:14">
      <c r="N46171" s="10"/>
    </row>
    <row r="46172" spans="14:14">
      <c r="N46172" s="10"/>
    </row>
    <row r="46173" spans="14:14">
      <c r="N46173" s="10"/>
    </row>
    <row r="46174" spans="14:14">
      <c r="N46174" s="10"/>
    </row>
    <row r="46175" spans="14:14">
      <c r="N46175" s="10"/>
    </row>
    <row r="46176" spans="14:14">
      <c r="N46176" s="10"/>
    </row>
    <row r="46177" spans="14:14">
      <c r="N46177" s="10"/>
    </row>
    <row r="46178" spans="14:14">
      <c r="N46178" s="10"/>
    </row>
    <row r="46179" spans="14:14">
      <c r="N46179" s="10"/>
    </row>
    <row r="46180" spans="14:14">
      <c r="N46180" s="10"/>
    </row>
    <row r="46181" spans="14:14">
      <c r="N46181" s="10"/>
    </row>
    <row r="46182" spans="14:14">
      <c r="N46182" s="10"/>
    </row>
    <row r="46183" spans="14:14">
      <c r="N46183" s="10"/>
    </row>
    <row r="46184" spans="14:14">
      <c r="N46184" s="10"/>
    </row>
    <row r="46185" spans="14:14">
      <c r="N46185" s="10"/>
    </row>
    <row r="46186" spans="14:14">
      <c r="N46186" s="10"/>
    </row>
    <row r="46187" spans="14:14">
      <c r="N46187" s="10"/>
    </row>
    <row r="46188" spans="14:14">
      <c r="N46188" s="10"/>
    </row>
    <row r="46189" spans="14:14">
      <c r="N46189" s="10"/>
    </row>
    <row r="46190" spans="14:14">
      <c r="N46190" s="10"/>
    </row>
    <row r="46191" spans="14:14">
      <c r="N46191" s="10"/>
    </row>
    <row r="46192" spans="14:14">
      <c r="N46192" s="10"/>
    </row>
    <row r="46193" spans="14:14">
      <c r="N46193" s="10"/>
    </row>
    <row r="46194" spans="14:14">
      <c r="N46194" s="10"/>
    </row>
    <row r="46195" spans="14:14">
      <c r="N46195" s="10"/>
    </row>
    <row r="46196" spans="14:14">
      <c r="N46196" s="10"/>
    </row>
    <row r="46197" spans="14:14">
      <c r="N46197" s="10"/>
    </row>
    <row r="46198" spans="14:14">
      <c r="N46198" s="10"/>
    </row>
    <row r="46199" spans="14:14">
      <c r="N46199" s="10"/>
    </row>
    <row r="46200" spans="14:14">
      <c r="N46200" s="10"/>
    </row>
    <row r="46201" spans="14:14">
      <c r="N46201" s="10"/>
    </row>
    <row r="46202" spans="14:14">
      <c r="N46202" s="10"/>
    </row>
    <row r="46203" spans="14:14">
      <c r="N46203" s="10"/>
    </row>
    <row r="46204" spans="14:14">
      <c r="N46204" s="10"/>
    </row>
    <row r="46205" spans="14:14">
      <c r="N46205" s="10"/>
    </row>
    <row r="46206" spans="14:14">
      <c r="N46206" s="10"/>
    </row>
    <row r="46207" spans="14:14">
      <c r="N46207" s="10"/>
    </row>
    <row r="46208" spans="14:14">
      <c r="N46208" s="10"/>
    </row>
    <row r="46209" spans="14:14">
      <c r="N46209" s="10"/>
    </row>
    <row r="46210" spans="14:14">
      <c r="N46210" s="10"/>
    </row>
    <row r="46211" spans="14:14">
      <c r="N46211" s="10"/>
    </row>
    <row r="46212" spans="14:14">
      <c r="N46212" s="10"/>
    </row>
    <row r="46213" spans="14:14">
      <c r="N46213" s="10"/>
    </row>
    <row r="46214" spans="14:14">
      <c r="N46214" s="10"/>
    </row>
    <row r="46215" spans="14:14">
      <c r="N46215" s="10"/>
    </row>
    <row r="46216" spans="14:14">
      <c r="N46216" s="10"/>
    </row>
    <row r="46217" spans="14:14">
      <c r="N46217" s="10"/>
    </row>
    <row r="46218" spans="14:14">
      <c r="N46218" s="10"/>
    </row>
    <row r="46219" spans="14:14">
      <c r="N46219" s="10"/>
    </row>
    <row r="46220" spans="14:14">
      <c r="N46220" s="10"/>
    </row>
    <row r="46221" spans="14:14">
      <c r="N46221" s="10"/>
    </row>
    <row r="46222" spans="14:14">
      <c r="N46222" s="10"/>
    </row>
    <row r="46223" spans="14:14">
      <c r="N46223" s="10"/>
    </row>
    <row r="46224" spans="14:14">
      <c r="N46224" s="10"/>
    </row>
    <row r="46225" spans="14:14">
      <c r="N46225" s="10"/>
    </row>
    <row r="46226" spans="14:14">
      <c r="N46226" s="10"/>
    </row>
    <row r="46227" spans="14:14">
      <c r="N46227" s="10"/>
    </row>
    <row r="46228" spans="14:14">
      <c r="N46228" s="10"/>
    </row>
    <row r="46229" spans="14:14">
      <c r="N46229" s="10"/>
    </row>
    <row r="46230" spans="14:14">
      <c r="N46230" s="10"/>
    </row>
    <row r="46231" spans="14:14">
      <c r="N46231" s="10"/>
    </row>
    <row r="46232" spans="14:14">
      <c r="N46232" s="10"/>
    </row>
    <row r="46233" spans="14:14">
      <c r="N46233" s="10"/>
    </row>
    <row r="46234" spans="14:14">
      <c r="N46234" s="10"/>
    </row>
    <row r="46235" spans="14:14">
      <c r="N46235" s="10"/>
    </row>
    <row r="46236" spans="14:14">
      <c r="N46236" s="10"/>
    </row>
    <row r="46237" spans="14:14">
      <c r="N46237" s="10"/>
    </row>
    <row r="46238" spans="14:14">
      <c r="N46238" s="10"/>
    </row>
    <row r="46239" spans="14:14">
      <c r="N46239" s="10"/>
    </row>
    <row r="46240" spans="14:14">
      <c r="N46240" s="10"/>
    </row>
    <row r="46241" spans="14:14">
      <c r="N46241" s="10"/>
    </row>
    <row r="46242" spans="14:14">
      <c r="N46242" s="10"/>
    </row>
    <row r="46243" spans="14:14">
      <c r="N46243" s="10"/>
    </row>
    <row r="46244" spans="14:14">
      <c r="N46244" s="10"/>
    </row>
    <row r="46245" spans="14:14">
      <c r="N46245" s="10"/>
    </row>
    <row r="46246" spans="14:14">
      <c r="N46246" s="10"/>
    </row>
    <row r="46247" spans="14:14">
      <c r="N46247" s="10"/>
    </row>
    <row r="46248" spans="14:14">
      <c r="N46248" s="10"/>
    </row>
    <row r="46249" spans="14:14">
      <c r="N46249" s="10"/>
    </row>
    <row r="46250" spans="14:14">
      <c r="N46250" s="10"/>
    </row>
    <row r="46251" spans="14:14">
      <c r="N46251" s="10"/>
    </row>
    <row r="46252" spans="14:14">
      <c r="N46252" s="10"/>
    </row>
    <row r="46253" spans="14:14">
      <c r="N46253" s="10"/>
    </row>
    <row r="46254" spans="14:14">
      <c r="N46254" s="10"/>
    </row>
    <row r="46255" spans="14:14">
      <c r="N46255" s="10"/>
    </row>
    <row r="46256" spans="14:14">
      <c r="N46256" s="10"/>
    </row>
    <row r="46257" spans="14:14">
      <c r="N46257" s="10"/>
    </row>
    <row r="46258" spans="14:14">
      <c r="N46258" s="10"/>
    </row>
    <row r="46259" spans="14:14">
      <c r="N46259" s="10"/>
    </row>
    <row r="46260" spans="14:14">
      <c r="N46260" s="10"/>
    </row>
    <row r="46261" spans="14:14">
      <c r="N46261" s="10"/>
    </row>
    <row r="46262" spans="14:14">
      <c r="N46262" s="10"/>
    </row>
    <row r="46263" spans="14:14">
      <c r="N46263" s="10"/>
    </row>
    <row r="46264" spans="14:14">
      <c r="N46264" s="10"/>
    </row>
    <row r="46265" spans="14:14">
      <c r="N46265" s="10"/>
    </row>
    <row r="46266" spans="14:14">
      <c r="N46266" s="10"/>
    </row>
    <row r="46267" spans="14:14">
      <c r="N46267" s="10"/>
    </row>
    <row r="46268" spans="14:14">
      <c r="N46268" s="10"/>
    </row>
    <row r="46269" spans="14:14">
      <c r="N46269" s="10"/>
    </row>
    <row r="46270" spans="14:14">
      <c r="N46270" s="10"/>
    </row>
    <row r="46271" spans="14:14">
      <c r="N46271" s="10"/>
    </row>
    <row r="46272" spans="14:14">
      <c r="N46272" s="10"/>
    </row>
    <row r="46273" spans="14:14">
      <c r="N46273" s="10"/>
    </row>
    <row r="46274" spans="14:14">
      <c r="N46274" s="10"/>
    </row>
    <row r="46275" spans="14:14">
      <c r="N46275" s="10"/>
    </row>
    <row r="46276" spans="14:14">
      <c r="N46276" s="10"/>
    </row>
    <row r="46277" spans="14:14">
      <c r="N46277" s="10"/>
    </row>
    <row r="46278" spans="14:14">
      <c r="N46278" s="10"/>
    </row>
    <row r="46279" spans="14:14">
      <c r="N46279" s="10"/>
    </row>
    <row r="46280" spans="14:14">
      <c r="N46280" s="10"/>
    </row>
    <row r="46281" spans="14:14">
      <c r="N46281" s="10"/>
    </row>
    <row r="46282" spans="14:14">
      <c r="N46282" s="10"/>
    </row>
    <row r="46283" spans="14:14">
      <c r="N46283" s="10"/>
    </row>
    <row r="46284" spans="14:14">
      <c r="N46284" s="10"/>
    </row>
    <row r="46285" spans="14:14">
      <c r="N46285" s="10"/>
    </row>
    <row r="46286" spans="14:14">
      <c r="N46286" s="10"/>
    </row>
    <row r="46287" spans="14:14">
      <c r="N46287" s="10"/>
    </row>
    <row r="46288" spans="14:14">
      <c r="N46288" s="10"/>
    </row>
    <row r="46289" spans="14:14">
      <c r="N46289" s="10"/>
    </row>
    <row r="46290" spans="14:14">
      <c r="N46290" s="10"/>
    </row>
    <row r="46291" spans="14:14">
      <c r="N46291" s="10"/>
    </row>
    <row r="46292" spans="14:14">
      <c r="N46292" s="10"/>
    </row>
    <row r="46293" spans="14:14">
      <c r="N46293" s="10"/>
    </row>
    <row r="46294" spans="14:14">
      <c r="N46294" s="10"/>
    </row>
    <row r="46295" spans="14:14">
      <c r="N46295" s="10"/>
    </row>
    <row r="46296" spans="14:14">
      <c r="N46296" s="10"/>
    </row>
    <row r="46297" spans="14:14">
      <c r="N46297" s="10"/>
    </row>
    <row r="46298" spans="14:14">
      <c r="N46298" s="10"/>
    </row>
    <row r="46299" spans="14:14">
      <c r="N46299" s="10"/>
    </row>
    <row r="46300" spans="14:14">
      <c r="N46300" s="10"/>
    </row>
    <row r="46301" spans="14:14">
      <c r="N46301" s="10"/>
    </row>
    <row r="46302" spans="14:14">
      <c r="N46302" s="10"/>
    </row>
    <row r="46303" spans="14:14">
      <c r="N46303" s="10"/>
    </row>
    <row r="46304" spans="14:14">
      <c r="N46304" s="10"/>
    </row>
    <row r="46305" spans="14:14">
      <c r="N46305" s="10"/>
    </row>
    <row r="46306" spans="14:14">
      <c r="N46306" s="10"/>
    </row>
    <row r="46307" spans="14:14">
      <c r="N46307" s="10"/>
    </row>
    <row r="46308" spans="14:14">
      <c r="N46308" s="10"/>
    </row>
    <row r="46309" spans="14:14">
      <c r="N46309" s="10"/>
    </row>
    <row r="46310" spans="14:14">
      <c r="N46310" s="10"/>
    </row>
    <row r="46311" spans="14:14">
      <c r="N46311" s="10"/>
    </row>
    <row r="46312" spans="14:14">
      <c r="N46312" s="10"/>
    </row>
    <row r="46313" spans="14:14">
      <c r="N46313" s="10"/>
    </row>
    <row r="46314" spans="14:14">
      <c r="N46314" s="10"/>
    </row>
    <row r="46315" spans="14:14">
      <c r="N46315" s="10"/>
    </row>
    <row r="46316" spans="14:14">
      <c r="N46316" s="10"/>
    </row>
    <row r="46317" spans="14:14">
      <c r="N46317" s="10"/>
    </row>
    <row r="46318" spans="14:14">
      <c r="N46318" s="10"/>
    </row>
    <row r="46319" spans="14:14">
      <c r="N46319" s="10"/>
    </row>
    <row r="46320" spans="14:14">
      <c r="N46320" s="10"/>
    </row>
    <row r="46321" spans="14:14">
      <c r="N46321" s="10"/>
    </row>
    <row r="46322" spans="14:14">
      <c r="N46322" s="10"/>
    </row>
    <row r="46323" spans="14:14">
      <c r="N46323" s="10"/>
    </row>
    <row r="46324" spans="14:14">
      <c r="N46324" s="10"/>
    </row>
    <row r="46325" spans="14:14">
      <c r="N46325" s="10"/>
    </row>
    <row r="46326" spans="14:14">
      <c r="N46326" s="10"/>
    </row>
    <row r="46327" spans="14:14">
      <c r="N46327" s="10"/>
    </row>
    <row r="46328" spans="14:14">
      <c r="N46328" s="10"/>
    </row>
    <row r="46329" spans="14:14">
      <c r="N46329" s="10"/>
    </row>
    <row r="46330" spans="14:14">
      <c r="N46330" s="10"/>
    </row>
    <row r="46331" spans="14:14">
      <c r="N46331" s="10"/>
    </row>
    <row r="46332" spans="14:14">
      <c r="N46332" s="10"/>
    </row>
    <row r="46333" spans="14:14">
      <c r="N46333" s="10"/>
    </row>
    <row r="46334" spans="14:14">
      <c r="N46334" s="10"/>
    </row>
    <row r="46335" spans="14:14">
      <c r="N46335" s="10"/>
    </row>
    <row r="46336" spans="14:14">
      <c r="N46336" s="10"/>
    </row>
    <row r="46337" spans="14:14">
      <c r="N46337" s="10"/>
    </row>
    <row r="46338" spans="14:14">
      <c r="N46338" s="10"/>
    </row>
    <row r="46339" spans="14:14">
      <c r="N46339" s="10"/>
    </row>
    <row r="46340" spans="14:14">
      <c r="N46340" s="10"/>
    </row>
    <row r="46341" spans="14:14">
      <c r="N46341" s="10"/>
    </row>
    <row r="46342" spans="14:14">
      <c r="N46342" s="10"/>
    </row>
    <row r="46343" spans="14:14">
      <c r="N46343" s="10"/>
    </row>
    <row r="46344" spans="14:14">
      <c r="N46344" s="10"/>
    </row>
    <row r="46345" spans="14:14">
      <c r="N46345" s="10"/>
    </row>
    <row r="46346" spans="14:14">
      <c r="N46346" s="10"/>
    </row>
    <row r="46347" spans="14:14">
      <c r="N46347" s="10"/>
    </row>
    <row r="46348" spans="14:14">
      <c r="N46348" s="10"/>
    </row>
    <row r="46349" spans="14:14">
      <c r="N46349" s="10"/>
    </row>
    <row r="46350" spans="14:14">
      <c r="N46350" s="10"/>
    </row>
    <row r="46351" spans="14:14">
      <c r="N46351" s="10"/>
    </row>
    <row r="46352" spans="14:14">
      <c r="N46352" s="10"/>
    </row>
    <row r="46353" spans="14:14">
      <c r="N46353" s="10"/>
    </row>
    <row r="46354" spans="14:14">
      <c r="N46354" s="10"/>
    </row>
    <row r="46355" spans="14:14">
      <c r="N46355" s="10"/>
    </row>
    <row r="46356" spans="14:14">
      <c r="N46356" s="10"/>
    </row>
    <row r="46357" spans="14:14">
      <c r="N46357" s="10"/>
    </row>
    <row r="46358" spans="14:14">
      <c r="N46358" s="10"/>
    </row>
    <row r="46359" spans="14:14">
      <c r="N46359" s="10"/>
    </row>
    <row r="46360" spans="14:14">
      <c r="N46360" s="10"/>
    </row>
    <row r="46361" spans="14:14">
      <c r="N46361" s="10"/>
    </row>
    <row r="46362" spans="14:14">
      <c r="N46362" s="10"/>
    </row>
    <row r="46363" spans="14:14">
      <c r="N46363" s="10"/>
    </row>
    <row r="46364" spans="14:14">
      <c r="N46364" s="10"/>
    </row>
    <row r="46365" spans="14:14">
      <c r="N46365" s="10"/>
    </row>
    <row r="46366" spans="14:14">
      <c r="N46366" s="10"/>
    </row>
    <row r="46367" spans="14:14">
      <c r="N46367" s="10"/>
    </row>
    <row r="46368" spans="14:14">
      <c r="N46368" s="10"/>
    </row>
    <row r="46369" spans="14:14">
      <c r="N46369" s="10"/>
    </row>
    <row r="46370" spans="14:14">
      <c r="N46370" s="10"/>
    </row>
    <row r="46371" spans="14:14">
      <c r="N46371" s="10"/>
    </row>
    <row r="46372" spans="14:14">
      <c r="N46372" s="10"/>
    </row>
    <row r="46373" spans="14:14">
      <c r="N46373" s="10"/>
    </row>
    <row r="46374" spans="14:14">
      <c r="N46374" s="10"/>
    </row>
    <row r="46375" spans="14:14">
      <c r="N46375" s="10"/>
    </row>
    <row r="46376" spans="14:14">
      <c r="N46376" s="10"/>
    </row>
    <row r="46377" spans="14:14">
      <c r="N46377" s="10"/>
    </row>
    <row r="46378" spans="14:14">
      <c r="N46378" s="10"/>
    </row>
    <row r="46379" spans="14:14">
      <c r="N46379" s="10"/>
    </row>
    <row r="46380" spans="14:14">
      <c r="N46380" s="10"/>
    </row>
    <row r="46381" spans="14:14">
      <c r="N46381" s="10"/>
    </row>
    <row r="46382" spans="14:14">
      <c r="N46382" s="10"/>
    </row>
    <row r="46383" spans="14:14">
      <c r="N46383" s="10"/>
    </row>
    <row r="46384" spans="14:14">
      <c r="N46384" s="10"/>
    </row>
    <row r="46385" spans="14:14">
      <c r="N46385" s="10"/>
    </row>
    <row r="46386" spans="14:14">
      <c r="N46386" s="10"/>
    </row>
    <row r="46387" spans="14:14">
      <c r="N46387" s="10"/>
    </row>
    <row r="46388" spans="14:14">
      <c r="N46388" s="10"/>
    </row>
    <row r="46389" spans="14:14">
      <c r="N46389" s="10"/>
    </row>
    <row r="46390" spans="14:14">
      <c r="N46390" s="10"/>
    </row>
    <row r="46391" spans="14:14">
      <c r="N46391" s="10"/>
    </row>
    <row r="46392" spans="14:14">
      <c r="N46392" s="10"/>
    </row>
    <row r="46393" spans="14:14">
      <c r="N46393" s="10"/>
    </row>
    <row r="46394" spans="14:14">
      <c r="N46394" s="10"/>
    </row>
    <row r="46395" spans="14:14">
      <c r="N46395" s="10"/>
    </row>
    <row r="46396" spans="14:14">
      <c r="N46396" s="10"/>
    </row>
    <row r="46397" spans="14:14">
      <c r="N46397" s="10"/>
    </row>
    <row r="46398" spans="14:14">
      <c r="N46398" s="10"/>
    </row>
    <row r="46399" spans="14:14">
      <c r="N46399" s="10"/>
    </row>
    <row r="46400" spans="14:14">
      <c r="N46400" s="10"/>
    </row>
    <row r="46401" spans="14:14">
      <c r="N46401" s="10"/>
    </row>
    <row r="46402" spans="14:14">
      <c r="N46402" s="10"/>
    </row>
    <row r="46403" spans="14:14">
      <c r="N46403" s="10"/>
    </row>
    <row r="46404" spans="14:14">
      <c r="N46404" s="10"/>
    </row>
    <row r="46405" spans="14:14">
      <c r="N46405" s="10"/>
    </row>
    <row r="46406" spans="14:14">
      <c r="N46406" s="10"/>
    </row>
    <row r="46407" spans="14:14">
      <c r="N46407" s="10"/>
    </row>
    <row r="46408" spans="14:14">
      <c r="N46408" s="10"/>
    </row>
    <row r="46409" spans="14:14">
      <c r="N46409" s="10"/>
    </row>
    <row r="46410" spans="14:14">
      <c r="N46410" s="10"/>
    </row>
    <row r="46411" spans="14:14">
      <c r="N46411" s="10"/>
    </row>
    <row r="46412" spans="14:14">
      <c r="N46412" s="10"/>
    </row>
    <row r="46413" spans="14:14">
      <c r="N46413" s="10"/>
    </row>
    <row r="46414" spans="14:14">
      <c r="N46414" s="10"/>
    </row>
    <row r="46415" spans="14:14">
      <c r="N46415" s="10"/>
    </row>
    <row r="46416" spans="14:14">
      <c r="N46416" s="10"/>
    </row>
    <row r="46417" spans="14:14">
      <c r="N46417" s="10"/>
    </row>
    <row r="46418" spans="14:14">
      <c r="N46418" s="10"/>
    </row>
    <row r="46419" spans="14:14">
      <c r="N46419" s="10"/>
    </row>
    <row r="46420" spans="14:14">
      <c r="N46420" s="10"/>
    </row>
    <row r="46421" spans="14:14">
      <c r="N46421" s="10"/>
    </row>
    <row r="46422" spans="14:14">
      <c r="N46422" s="10"/>
    </row>
    <row r="46423" spans="14:14">
      <c r="N46423" s="10"/>
    </row>
    <row r="46424" spans="14:14">
      <c r="N46424" s="10"/>
    </row>
    <row r="46425" spans="14:14">
      <c r="N46425" s="10"/>
    </row>
    <row r="46426" spans="14:14">
      <c r="N46426" s="10"/>
    </row>
    <row r="46427" spans="14:14">
      <c r="N46427" s="10"/>
    </row>
    <row r="46428" spans="14:14">
      <c r="N46428" s="10"/>
    </row>
    <row r="46429" spans="14:14">
      <c r="N46429" s="10"/>
    </row>
    <row r="46430" spans="14:14">
      <c r="N46430" s="10"/>
    </row>
    <row r="46431" spans="14:14">
      <c r="N46431" s="10"/>
    </row>
    <row r="46432" spans="14:14">
      <c r="N46432" s="10"/>
    </row>
    <row r="46433" spans="14:14">
      <c r="N46433" s="10"/>
    </row>
    <row r="46434" spans="14:14">
      <c r="N46434" s="10"/>
    </row>
    <row r="46435" spans="14:14">
      <c r="N46435" s="10"/>
    </row>
    <row r="46436" spans="14:14">
      <c r="N46436" s="10"/>
    </row>
    <row r="46437" spans="14:14">
      <c r="N46437" s="10"/>
    </row>
    <row r="46438" spans="14:14">
      <c r="N46438" s="10"/>
    </row>
    <row r="46439" spans="14:14">
      <c r="N46439" s="10"/>
    </row>
    <row r="46440" spans="14:14">
      <c r="N46440" s="10"/>
    </row>
    <row r="46441" spans="14:14">
      <c r="N46441" s="10"/>
    </row>
    <row r="46442" spans="14:14">
      <c r="N46442" s="10"/>
    </row>
    <row r="46443" spans="14:14">
      <c r="N46443" s="10"/>
    </row>
    <row r="46444" spans="14:14">
      <c r="N46444" s="10"/>
    </row>
    <row r="46445" spans="14:14">
      <c r="N46445" s="10"/>
    </row>
    <row r="46446" spans="14:14">
      <c r="N46446" s="10"/>
    </row>
    <row r="46447" spans="14:14">
      <c r="N46447" s="10"/>
    </row>
    <row r="46448" spans="14:14">
      <c r="N46448" s="10"/>
    </row>
    <row r="46449" spans="14:14">
      <c r="N46449" s="10"/>
    </row>
    <row r="46450" spans="14:14">
      <c r="N46450" s="10"/>
    </row>
    <row r="46451" spans="14:14">
      <c r="N46451" s="10"/>
    </row>
    <row r="46452" spans="14:14">
      <c r="N46452" s="10"/>
    </row>
    <row r="46453" spans="14:14">
      <c r="N46453" s="10"/>
    </row>
    <row r="46454" spans="14:14">
      <c r="N46454" s="10"/>
    </row>
    <row r="46455" spans="14:14">
      <c r="N46455" s="10"/>
    </row>
    <row r="46456" spans="14:14">
      <c r="N46456" s="10"/>
    </row>
    <row r="46457" spans="14:14">
      <c r="N46457" s="10"/>
    </row>
    <row r="46458" spans="14:14">
      <c r="N46458" s="10"/>
    </row>
    <row r="46459" spans="14:14">
      <c r="N46459" s="10"/>
    </row>
    <row r="46460" spans="14:14">
      <c r="N46460" s="10"/>
    </row>
    <row r="46461" spans="14:14">
      <c r="N46461" s="10"/>
    </row>
    <row r="46462" spans="14:14">
      <c r="N46462" s="10"/>
    </row>
    <row r="46463" spans="14:14">
      <c r="N46463" s="10"/>
    </row>
    <row r="46464" spans="14:14">
      <c r="N46464" s="10"/>
    </row>
    <row r="46465" spans="14:14">
      <c r="N46465" s="10"/>
    </row>
    <row r="46466" spans="14:14">
      <c r="N46466" s="10"/>
    </row>
    <row r="46467" spans="14:14">
      <c r="N46467" s="10"/>
    </row>
    <row r="46468" spans="14:14">
      <c r="N46468" s="10"/>
    </row>
    <row r="46469" spans="14:14">
      <c r="N46469" s="10"/>
    </row>
    <row r="46470" spans="14:14">
      <c r="N46470" s="10"/>
    </row>
    <row r="46471" spans="14:14">
      <c r="N46471" s="10"/>
    </row>
    <row r="46472" spans="14:14">
      <c r="N46472" s="10"/>
    </row>
    <row r="46473" spans="14:14">
      <c r="N46473" s="10"/>
    </row>
    <row r="46474" spans="14:14">
      <c r="N46474" s="10"/>
    </row>
    <row r="46475" spans="14:14">
      <c r="N46475" s="10"/>
    </row>
    <row r="46476" spans="14:14">
      <c r="N46476" s="10"/>
    </row>
    <row r="46477" spans="14:14">
      <c r="N46477" s="10"/>
    </row>
    <row r="46478" spans="14:14">
      <c r="N46478" s="10"/>
    </row>
    <row r="46479" spans="14:14">
      <c r="N46479" s="10"/>
    </row>
    <row r="46480" spans="14:14">
      <c r="N46480" s="10"/>
    </row>
    <row r="46481" spans="14:14">
      <c r="N46481" s="10"/>
    </row>
    <row r="46482" spans="14:14">
      <c r="N46482" s="10"/>
    </row>
    <row r="46483" spans="14:14">
      <c r="N46483" s="10"/>
    </row>
    <row r="46484" spans="14:14">
      <c r="N46484" s="10"/>
    </row>
    <row r="46485" spans="14:14">
      <c r="N46485" s="10"/>
    </row>
    <row r="46486" spans="14:14">
      <c r="N46486" s="10"/>
    </row>
    <row r="46487" spans="14:14">
      <c r="N46487" s="10"/>
    </row>
    <row r="46488" spans="14:14">
      <c r="N46488" s="10"/>
    </row>
    <row r="46489" spans="14:14">
      <c r="N46489" s="10"/>
    </row>
    <row r="46490" spans="14:14">
      <c r="N46490" s="10"/>
    </row>
    <row r="46491" spans="14:14">
      <c r="N46491" s="10"/>
    </row>
    <row r="46492" spans="14:14">
      <c r="N46492" s="10"/>
    </row>
    <row r="46493" spans="14:14">
      <c r="N46493" s="10"/>
    </row>
    <row r="46494" spans="14:14">
      <c r="N46494" s="10"/>
    </row>
    <row r="46495" spans="14:14">
      <c r="N46495" s="10"/>
    </row>
    <row r="46496" spans="14:14">
      <c r="N46496" s="10"/>
    </row>
    <row r="46497" spans="14:14">
      <c r="N46497" s="10"/>
    </row>
    <row r="46498" spans="14:14">
      <c r="N46498" s="10"/>
    </row>
    <row r="46499" spans="14:14">
      <c r="N46499" s="10"/>
    </row>
    <row r="46500" spans="14:14">
      <c r="N46500" s="10"/>
    </row>
    <row r="46501" spans="14:14">
      <c r="N46501" s="10"/>
    </row>
    <row r="46502" spans="14:14">
      <c r="N46502" s="10"/>
    </row>
    <row r="46503" spans="14:14">
      <c r="N46503" s="10"/>
    </row>
    <row r="46504" spans="14:14">
      <c r="N46504" s="10"/>
    </row>
    <row r="46505" spans="14:14">
      <c r="N46505" s="10"/>
    </row>
    <row r="46506" spans="14:14">
      <c r="N46506" s="10"/>
    </row>
    <row r="46507" spans="14:14">
      <c r="N46507" s="10"/>
    </row>
    <row r="46508" spans="14:14">
      <c r="N46508" s="10"/>
    </row>
    <row r="46509" spans="14:14">
      <c r="N46509" s="10"/>
    </row>
    <row r="46510" spans="14:14">
      <c r="N46510" s="10"/>
    </row>
    <row r="46511" spans="14:14">
      <c r="N46511" s="10"/>
    </row>
    <row r="46512" spans="14:14">
      <c r="N46512" s="10"/>
    </row>
    <row r="46513" spans="14:14">
      <c r="N46513" s="10"/>
    </row>
    <row r="46514" spans="14:14">
      <c r="N46514" s="10"/>
    </row>
    <row r="46515" spans="14:14">
      <c r="N46515" s="10"/>
    </row>
    <row r="46516" spans="14:14">
      <c r="N46516" s="10"/>
    </row>
    <row r="46517" spans="14:14">
      <c r="N46517" s="10"/>
    </row>
    <row r="46518" spans="14:14">
      <c r="N46518" s="10"/>
    </row>
    <row r="46519" spans="14:14">
      <c r="N46519" s="10"/>
    </row>
    <row r="46520" spans="14:14">
      <c r="N46520" s="10"/>
    </row>
    <row r="46521" spans="14:14">
      <c r="N46521" s="10"/>
    </row>
    <row r="46522" spans="14:14">
      <c r="N46522" s="10"/>
    </row>
    <row r="46523" spans="14:14">
      <c r="N46523" s="10"/>
    </row>
    <row r="46524" spans="14:14">
      <c r="N46524" s="10"/>
    </row>
    <row r="46525" spans="14:14">
      <c r="N46525" s="10"/>
    </row>
    <row r="46526" spans="14:14">
      <c r="N46526" s="10"/>
    </row>
    <row r="46527" spans="14:14">
      <c r="N46527" s="10"/>
    </row>
    <row r="46528" spans="14:14">
      <c r="N46528" s="10"/>
    </row>
    <row r="46529" spans="14:14">
      <c r="N46529" s="10"/>
    </row>
    <row r="46530" spans="14:14">
      <c r="N46530" s="10"/>
    </row>
    <row r="46531" spans="14:14">
      <c r="N46531" s="10"/>
    </row>
    <row r="46532" spans="14:14">
      <c r="N46532" s="10"/>
    </row>
    <row r="46533" spans="14:14">
      <c r="N46533" s="10"/>
    </row>
    <row r="46534" spans="14:14">
      <c r="N46534" s="10"/>
    </row>
    <row r="46535" spans="14:14">
      <c r="N46535" s="10"/>
    </row>
    <row r="46536" spans="14:14">
      <c r="N46536" s="10"/>
    </row>
    <row r="46537" spans="14:14">
      <c r="N46537" s="10"/>
    </row>
    <row r="46538" spans="14:14">
      <c r="N46538" s="10"/>
    </row>
    <row r="46539" spans="14:14">
      <c r="N46539" s="10"/>
    </row>
    <row r="46540" spans="14:14">
      <c r="N46540" s="10"/>
    </row>
    <row r="46541" spans="14:14">
      <c r="N46541" s="10"/>
    </row>
    <row r="46542" spans="14:14">
      <c r="N46542" s="10"/>
    </row>
    <row r="46543" spans="14:14">
      <c r="N46543" s="10"/>
    </row>
    <row r="46544" spans="14:14">
      <c r="N46544" s="10"/>
    </row>
    <row r="46545" spans="14:14">
      <c r="N46545" s="10"/>
    </row>
    <row r="46546" spans="14:14">
      <c r="N46546" s="10"/>
    </row>
    <row r="46547" spans="14:14">
      <c r="N46547" s="10"/>
    </row>
    <row r="46548" spans="14:14">
      <c r="N46548" s="10"/>
    </row>
    <row r="46549" spans="14:14">
      <c r="N46549" s="10"/>
    </row>
    <row r="46550" spans="14:14">
      <c r="N46550" s="10"/>
    </row>
    <row r="46551" spans="14:14">
      <c r="N46551" s="10"/>
    </row>
    <row r="46552" spans="14:14">
      <c r="N46552" s="10"/>
    </row>
    <row r="46553" spans="14:14">
      <c r="N46553" s="10"/>
    </row>
    <row r="46554" spans="14:14">
      <c r="N46554" s="10"/>
    </row>
    <row r="46555" spans="14:14">
      <c r="N46555" s="10"/>
    </row>
    <row r="46556" spans="14:14">
      <c r="N46556" s="10"/>
    </row>
    <row r="46557" spans="14:14">
      <c r="N46557" s="10"/>
    </row>
    <row r="46558" spans="14:14">
      <c r="N46558" s="10"/>
    </row>
    <row r="46559" spans="14:14">
      <c r="N46559" s="10"/>
    </row>
    <row r="46560" spans="14:14">
      <c r="N46560" s="10"/>
    </row>
    <row r="46561" spans="14:14">
      <c r="N46561" s="10"/>
    </row>
    <row r="46562" spans="14:14">
      <c r="N46562" s="10"/>
    </row>
    <row r="46563" spans="14:14">
      <c r="N46563" s="10"/>
    </row>
    <row r="46564" spans="14:14">
      <c r="N46564" s="10"/>
    </row>
    <row r="46565" spans="14:14">
      <c r="N46565" s="10"/>
    </row>
    <row r="46566" spans="14:14">
      <c r="N46566" s="10"/>
    </row>
    <row r="46567" spans="14:14">
      <c r="N46567" s="10"/>
    </row>
    <row r="46568" spans="14:14">
      <c r="N46568" s="10"/>
    </row>
    <row r="46569" spans="14:14">
      <c r="N46569" s="10"/>
    </row>
    <row r="46570" spans="14:14">
      <c r="N46570" s="10"/>
    </row>
    <row r="46571" spans="14:14">
      <c r="N46571" s="10"/>
    </row>
    <row r="46572" spans="14:14">
      <c r="N46572" s="10"/>
    </row>
    <row r="46573" spans="14:14">
      <c r="N46573" s="10"/>
    </row>
    <row r="46574" spans="14:14">
      <c r="N46574" s="10"/>
    </row>
    <row r="46575" spans="14:14">
      <c r="N46575" s="10"/>
    </row>
    <row r="46576" spans="14:14">
      <c r="N46576" s="10"/>
    </row>
    <row r="46577" spans="14:14">
      <c r="N46577" s="10"/>
    </row>
    <row r="46578" spans="14:14">
      <c r="N46578" s="10"/>
    </row>
    <row r="46579" spans="14:14">
      <c r="N46579" s="10"/>
    </row>
    <row r="46580" spans="14:14">
      <c r="N46580" s="10"/>
    </row>
    <row r="46581" spans="14:14">
      <c r="N46581" s="10"/>
    </row>
    <row r="46582" spans="14:14">
      <c r="N46582" s="10"/>
    </row>
    <row r="46583" spans="14:14">
      <c r="N46583" s="10"/>
    </row>
    <row r="46584" spans="14:14">
      <c r="N46584" s="10"/>
    </row>
    <row r="46585" spans="14:14">
      <c r="N46585" s="10"/>
    </row>
    <row r="46586" spans="14:14">
      <c r="N46586" s="10"/>
    </row>
    <row r="46587" spans="14:14">
      <c r="N46587" s="10"/>
    </row>
    <row r="46588" spans="14:14">
      <c r="N46588" s="10"/>
    </row>
    <row r="46589" spans="14:14">
      <c r="N46589" s="10"/>
    </row>
    <row r="46590" spans="14:14">
      <c r="N46590" s="10"/>
    </row>
    <row r="46591" spans="14:14">
      <c r="N46591" s="10"/>
    </row>
    <row r="46592" spans="14:14">
      <c r="N46592" s="10"/>
    </row>
    <row r="46593" spans="14:14">
      <c r="N46593" s="10"/>
    </row>
    <row r="46594" spans="14:14">
      <c r="N46594" s="10"/>
    </row>
    <row r="46595" spans="14:14">
      <c r="N46595" s="10"/>
    </row>
    <row r="46596" spans="14:14">
      <c r="N46596" s="10"/>
    </row>
    <row r="46597" spans="14:14">
      <c r="N46597" s="10"/>
    </row>
    <row r="46598" spans="14:14">
      <c r="N46598" s="10"/>
    </row>
    <row r="46599" spans="14:14">
      <c r="N46599" s="10"/>
    </row>
    <row r="46600" spans="14:14">
      <c r="N46600" s="10"/>
    </row>
    <row r="46601" spans="14:14">
      <c r="N46601" s="10"/>
    </row>
    <row r="46602" spans="14:14">
      <c r="N46602" s="10"/>
    </row>
    <row r="46603" spans="14:14">
      <c r="N46603" s="10"/>
    </row>
    <row r="46604" spans="14:14">
      <c r="N46604" s="10"/>
    </row>
    <row r="46605" spans="14:14">
      <c r="N46605" s="10"/>
    </row>
    <row r="46606" spans="14:14">
      <c r="N46606" s="10"/>
    </row>
    <row r="46607" spans="14:14">
      <c r="N46607" s="10"/>
    </row>
    <row r="46608" spans="14:14">
      <c r="N46608" s="10"/>
    </row>
    <row r="46609" spans="14:14">
      <c r="N46609" s="10"/>
    </row>
    <row r="46610" spans="14:14">
      <c r="N46610" s="10"/>
    </row>
    <row r="46611" spans="14:14">
      <c r="N46611" s="10"/>
    </row>
    <row r="46612" spans="14:14">
      <c r="N46612" s="10"/>
    </row>
    <row r="46613" spans="14:14">
      <c r="N46613" s="10"/>
    </row>
    <row r="46614" spans="14:14">
      <c r="N46614" s="10"/>
    </row>
    <row r="46615" spans="14:14">
      <c r="N46615" s="10"/>
    </row>
    <row r="46616" spans="14:14">
      <c r="N46616" s="10"/>
    </row>
    <row r="46617" spans="14:14">
      <c r="N46617" s="10"/>
    </row>
    <row r="46618" spans="14:14">
      <c r="N46618" s="10"/>
    </row>
    <row r="46619" spans="14:14">
      <c r="N46619" s="10"/>
    </row>
    <row r="46620" spans="14:14">
      <c r="N46620" s="10"/>
    </row>
    <row r="46621" spans="14:14">
      <c r="N46621" s="10"/>
    </row>
    <row r="46622" spans="14:14">
      <c r="N46622" s="10"/>
    </row>
    <row r="46623" spans="14:14">
      <c r="N46623" s="10"/>
    </row>
    <row r="46624" spans="14:14">
      <c r="N46624" s="10"/>
    </row>
    <row r="46625" spans="14:14">
      <c r="N46625" s="10"/>
    </row>
    <row r="46626" spans="14:14">
      <c r="N46626" s="10"/>
    </row>
    <row r="46627" spans="14:14">
      <c r="N46627" s="10"/>
    </row>
    <row r="46628" spans="14:14">
      <c r="N46628" s="10"/>
    </row>
    <row r="46629" spans="14:14">
      <c r="N46629" s="10"/>
    </row>
    <row r="46630" spans="14:14">
      <c r="N46630" s="10"/>
    </row>
    <row r="46631" spans="14:14">
      <c r="N46631" s="10"/>
    </row>
    <row r="46632" spans="14:14">
      <c r="N46632" s="10"/>
    </row>
    <row r="46633" spans="14:14">
      <c r="N46633" s="10"/>
    </row>
    <row r="46634" spans="14:14">
      <c r="N46634" s="10"/>
    </row>
    <row r="46635" spans="14:14">
      <c r="N46635" s="10"/>
    </row>
    <row r="46636" spans="14:14">
      <c r="N46636" s="10"/>
    </row>
    <row r="46637" spans="14:14">
      <c r="N46637" s="10"/>
    </row>
    <row r="46638" spans="14:14">
      <c r="N46638" s="10"/>
    </row>
    <row r="46639" spans="14:14">
      <c r="N46639" s="10"/>
    </row>
    <row r="46640" spans="14:14">
      <c r="N46640" s="10"/>
    </row>
    <row r="46641" spans="14:14">
      <c r="N46641" s="10"/>
    </row>
    <row r="46642" spans="14:14">
      <c r="N46642" s="10"/>
    </row>
    <row r="46643" spans="14:14">
      <c r="N46643" s="10"/>
    </row>
    <row r="46644" spans="14:14">
      <c r="N46644" s="10"/>
    </row>
    <row r="46645" spans="14:14">
      <c r="N46645" s="10"/>
    </row>
    <row r="46646" spans="14:14">
      <c r="N46646" s="10"/>
    </row>
    <row r="46647" spans="14:14">
      <c r="N46647" s="10"/>
    </row>
    <row r="46648" spans="14:14">
      <c r="N46648" s="10"/>
    </row>
    <row r="46649" spans="14:14">
      <c r="N46649" s="10"/>
    </row>
    <row r="46650" spans="14:14">
      <c r="N46650" s="10"/>
    </row>
    <row r="46651" spans="14:14">
      <c r="N46651" s="10"/>
    </row>
    <row r="46652" spans="14:14">
      <c r="N46652" s="10"/>
    </row>
    <row r="46653" spans="14:14">
      <c r="N46653" s="10"/>
    </row>
    <row r="46654" spans="14:14">
      <c r="N46654" s="10"/>
    </row>
    <row r="46655" spans="14:14">
      <c r="N46655" s="10"/>
    </row>
    <row r="46656" spans="14:14">
      <c r="N46656" s="10"/>
    </row>
    <row r="46657" spans="14:14">
      <c r="N46657" s="10"/>
    </row>
    <row r="46658" spans="14:14">
      <c r="N46658" s="10"/>
    </row>
    <row r="46659" spans="14:14">
      <c r="N46659" s="10"/>
    </row>
    <row r="46660" spans="14:14">
      <c r="N46660" s="10"/>
    </row>
    <row r="46661" spans="14:14">
      <c r="N46661" s="10"/>
    </row>
    <row r="46662" spans="14:14">
      <c r="N46662" s="10"/>
    </row>
    <row r="46663" spans="14:14">
      <c r="N46663" s="10"/>
    </row>
    <row r="46664" spans="14:14">
      <c r="N46664" s="10"/>
    </row>
    <row r="46665" spans="14:14">
      <c r="N46665" s="10"/>
    </row>
    <row r="46666" spans="14:14">
      <c r="N46666" s="10"/>
    </row>
    <row r="46667" spans="14:14">
      <c r="N46667" s="10"/>
    </row>
    <row r="46668" spans="14:14">
      <c r="N46668" s="10"/>
    </row>
    <row r="46669" spans="14:14">
      <c r="N46669" s="10"/>
    </row>
    <row r="46670" spans="14:14">
      <c r="N46670" s="10"/>
    </row>
    <row r="46671" spans="14:14">
      <c r="N46671" s="10"/>
    </row>
    <row r="46672" spans="14:14">
      <c r="N46672" s="10"/>
    </row>
    <row r="46673" spans="14:14">
      <c r="N46673" s="10"/>
    </row>
    <row r="46674" spans="14:14">
      <c r="N46674" s="10"/>
    </row>
    <row r="46675" spans="14:14">
      <c r="N46675" s="10"/>
    </row>
    <row r="46676" spans="14:14">
      <c r="N46676" s="10"/>
    </row>
    <row r="46677" spans="14:14">
      <c r="N46677" s="10"/>
    </row>
    <row r="46678" spans="14:14">
      <c r="N46678" s="10"/>
    </row>
    <row r="46679" spans="14:14">
      <c r="N46679" s="10"/>
    </row>
    <row r="46680" spans="14:14">
      <c r="N46680" s="10"/>
    </row>
    <row r="46681" spans="14:14">
      <c r="N46681" s="10"/>
    </row>
    <row r="46682" spans="14:14">
      <c r="N46682" s="10"/>
    </row>
    <row r="46683" spans="14:14">
      <c r="N46683" s="10"/>
    </row>
    <row r="46684" spans="14:14">
      <c r="N46684" s="10"/>
    </row>
    <row r="46685" spans="14:14">
      <c r="N46685" s="10"/>
    </row>
    <row r="46686" spans="14:14">
      <c r="N46686" s="10"/>
    </row>
    <row r="46687" spans="14:14">
      <c r="N46687" s="10"/>
    </row>
    <row r="46688" spans="14:14">
      <c r="N46688" s="10"/>
    </row>
    <row r="46689" spans="14:14">
      <c r="N46689" s="10"/>
    </row>
    <row r="46690" spans="14:14">
      <c r="N46690" s="10"/>
    </row>
    <row r="46691" spans="14:14">
      <c r="N46691" s="10"/>
    </row>
    <row r="46692" spans="14:14">
      <c r="N46692" s="10"/>
    </row>
    <row r="46693" spans="14:14">
      <c r="N46693" s="10"/>
    </row>
    <row r="46694" spans="14:14">
      <c r="N46694" s="10"/>
    </row>
    <row r="46695" spans="14:14">
      <c r="N46695" s="10"/>
    </row>
    <row r="46696" spans="14:14">
      <c r="N46696" s="10"/>
    </row>
    <row r="46697" spans="14:14">
      <c r="N46697" s="10"/>
    </row>
    <row r="46698" spans="14:14">
      <c r="N46698" s="10"/>
    </row>
    <row r="46699" spans="14:14">
      <c r="N46699" s="10"/>
    </row>
    <row r="46700" spans="14:14">
      <c r="N46700" s="10"/>
    </row>
    <row r="46701" spans="14:14">
      <c r="N46701" s="10"/>
    </row>
    <row r="46702" spans="14:14">
      <c r="N46702" s="10"/>
    </row>
    <row r="46703" spans="14:14">
      <c r="N46703" s="10"/>
    </row>
    <row r="46704" spans="14:14">
      <c r="N46704" s="10"/>
    </row>
    <row r="46705" spans="14:14">
      <c r="N46705" s="10"/>
    </row>
    <row r="46706" spans="14:14">
      <c r="N46706" s="10"/>
    </row>
    <row r="46707" spans="14:14">
      <c r="N46707" s="10"/>
    </row>
    <row r="46708" spans="14:14">
      <c r="N46708" s="10"/>
    </row>
    <row r="46709" spans="14:14">
      <c r="N46709" s="10"/>
    </row>
    <row r="46710" spans="14:14">
      <c r="N46710" s="10"/>
    </row>
    <row r="46711" spans="14:14">
      <c r="N46711" s="10"/>
    </row>
    <row r="46712" spans="14:14">
      <c r="N46712" s="10"/>
    </row>
    <row r="46713" spans="14:14">
      <c r="N46713" s="10"/>
    </row>
    <row r="46714" spans="14:14">
      <c r="N46714" s="10"/>
    </row>
    <row r="46715" spans="14:14">
      <c r="N46715" s="10"/>
    </row>
    <row r="46716" spans="14:14">
      <c r="N46716" s="10"/>
    </row>
    <row r="46717" spans="14:14">
      <c r="N46717" s="10"/>
    </row>
    <row r="46718" spans="14:14">
      <c r="N46718" s="10"/>
    </row>
    <row r="46719" spans="14:14">
      <c r="N46719" s="10"/>
    </row>
    <row r="46720" spans="14:14">
      <c r="N46720" s="10"/>
    </row>
    <row r="46721" spans="14:14">
      <c r="N46721" s="10"/>
    </row>
    <row r="46722" spans="14:14">
      <c r="N46722" s="10"/>
    </row>
    <row r="46723" spans="14:14">
      <c r="N46723" s="10"/>
    </row>
    <row r="46724" spans="14:14">
      <c r="N46724" s="10"/>
    </row>
    <row r="46725" spans="14:14">
      <c r="N46725" s="10"/>
    </row>
    <row r="46726" spans="14:14">
      <c r="N46726" s="10"/>
    </row>
    <row r="46727" spans="14:14">
      <c r="N46727" s="10"/>
    </row>
    <row r="46728" spans="14:14">
      <c r="N46728" s="10"/>
    </row>
    <row r="46729" spans="14:14">
      <c r="N46729" s="10"/>
    </row>
    <row r="46730" spans="14:14">
      <c r="N46730" s="10"/>
    </row>
    <row r="46731" spans="14:14">
      <c r="N46731" s="10"/>
    </row>
    <row r="46732" spans="14:14">
      <c r="N46732" s="10"/>
    </row>
    <row r="46733" spans="14:14">
      <c r="N46733" s="10"/>
    </row>
    <row r="46734" spans="14:14">
      <c r="N46734" s="10"/>
    </row>
    <row r="46735" spans="14:14">
      <c r="N46735" s="10"/>
    </row>
    <row r="46736" spans="14:14">
      <c r="N46736" s="10"/>
    </row>
    <row r="46737" spans="14:14">
      <c r="N46737" s="10"/>
    </row>
    <row r="46738" spans="14:14">
      <c r="N46738" s="10"/>
    </row>
    <row r="46739" spans="14:14">
      <c r="N46739" s="10"/>
    </row>
    <row r="46740" spans="14:14">
      <c r="N46740" s="10"/>
    </row>
    <row r="46741" spans="14:14">
      <c r="N46741" s="10"/>
    </row>
    <row r="46742" spans="14:14">
      <c r="N46742" s="10"/>
    </row>
    <row r="46743" spans="14:14">
      <c r="N46743" s="10"/>
    </row>
    <row r="46744" spans="14:14">
      <c r="N46744" s="10"/>
    </row>
    <row r="46745" spans="14:14">
      <c r="N46745" s="10"/>
    </row>
    <row r="46746" spans="14:14">
      <c r="N46746" s="10"/>
    </row>
    <row r="46747" spans="14:14">
      <c r="N46747" s="10"/>
    </row>
    <row r="46748" spans="14:14">
      <c r="N46748" s="10"/>
    </row>
    <row r="46749" spans="14:14">
      <c r="N46749" s="10"/>
    </row>
    <row r="46750" spans="14:14">
      <c r="N46750" s="10"/>
    </row>
    <row r="46751" spans="14:14">
      <c r="N46751" s="10"/>
    </row>
    <row r="46752" spans="14:14">
      <c r="N46752" s="10"/>
    </row>
    <row r="46753" spans="14:14">
      <c r="N46753" s="10"/>
    </row>
    <row r="46754" spans="14:14">
      <c r="N46754" s="10"/>
    </row>
    <row r="46755" spans="14:14">
      <c r="N46755" s="10"/>
    </row>
    <row r="46756" spans="14:14">
      <c r="N46756" s="10"/>
    </row>
    <row r="46757" spans="14:14">
      <c r="N46757" s="10"/>
    </row>
    <row r="46758" spans="14:14">
      <c r="N46758" s="10"/>
    </row>
    <row r="46759" spans="14:14">
      <c r="N46759" s="10"/>
    </row>
    <row r="46760" spans="14:14">
      <c r="N46760" s="10"/>
    </row>
    <row r="46761" spans="14:14">
      <c r="N46761" s="10"/>
    </row>
    <row r="46762" spans="14:14">
      <c r="N46762" s="10"/>
    </row>
    <row r="46763" spans="14:14">
      <c r="N46763" s="10"/>
    </row>
    <row r="46764" spans="14:14">
      <c r="N46764" s="10"/>
    </row>
    <row r="46765" spans="14:14">
      <c r="N46765" s="10"/>
    </row>
    <row r="46766" spans="14:14">
      <c r="N46766" s="10"/>
    </row>
    <row r="46767" spans="14:14">
      <c r="N46767" s="10"/>
    </row>
    <row r="46768" spans="14:14">
      <c r="N46768" s="10"/>
    </row>
    <row r="46769" spans="14:14">
      <c r="N46769" s="10"/>
    </row>
    <row r="46770" spans="14:14">
      <c r="N46770" s="10"/>
    </row>
    <row r="46771" spans="14:14">
      <c r="N46771" s="10"/>
    </row>
    <row r="46772" spans="14:14">
      <c r="N46772" s="10"/>
    </row>
    <row r="46773" spans="14:14">
      <c r="N46773" s="10"/>
    </row>
    <row r="46774" spans="14:14">
      <c r="N46774" s="10"/>
    </row>
    <row r="46775" spans="14:14">
      <c r="N46775" s="10"/>
    </row>
    <row r="46776" spans="14:14">
      <c r="N46776" s="10"/>
    </row>
    <row r="46777" spans="14:14">
      <c r="N46777" s="10"/>
    </row>
    <row r="46778" spans="14:14">
      <c r="N46778" s="10"/>
    </row>
    <row r="46779" spans="14:14">
      <c r="N46779" s="10"/>
    </row>
    <row r="46780" spans="14:14">
      <c r="N46780" s="10"/>
    </row>
    <row r="46781" spans="14:14">
      <c r="N46781" s="10"/>
    </row>
    <row r="46782" spans="14:14">
      <c r="N46782" s="10"/>
    </row>
    <row r="46783" spans="14:14">
      <c r="N46783" s="10"/>
    </row>
    <row r="46784" spans="14:14">
      <c r="N46784" s="10"/>
    </row>
    <row r="46785" spans="14:14">
      <c r="N46785" s="10"/>
    </row>
    <row r="46786" spans="14:14">
      <c r="N46786" s="10"/>
    </row>
    <row r="46787" spans="14:14">
      <c r="N46787" s="10"/>
    </row>
    <row r="46788" spans="14:14">
      <c r="N46788" s="10"/>
    </row>
    <row r="46789" spans="14:14">
      <c r="N46789" s="10"/>
    </row>
    <row r="46790" spans="14:14">
      <c r="N46790" s="10"/>
    </row>
    <row r="46791" spans="14:14">
      <c r="N46791" s="10"/>
    </row>
    <row r="46792" spans="14:14">
      <c r="N46792" s="10"/>
    </row>
    <row r="46793" spans="14:14">
      <c r="N46793" s="10"/>
    </row>
    <row r="46794" spans="14:14">
      <c r="N46794" s="10"/>
    </row>
    <row r="46795" spans="14:14">
      <c r="N46795" s="10"/>
    </row>
    <row r="46796" spans="14:14">
      <c r="N46796" s="10"/>
    </row>
    <row r="46797" spans="14:14">
      <c r="N46797" s="10"/>
    </row>
    <row r="46798" spans="14:14">
      <c r="N46798" s="10"/>
    </row>
    <row r="46799" spans="14:14">
      <c r="N46799" s="10"/>
    </row>
    <row r="46800" spans="14:14">
      <c r="N46800" s="10"/>
    </row>
    <row r="46801" spans="14:14">
      <c r="N46801" s="10"/>
    </row>
    <row r="46802" spans="14:14">
      <c r="N46802" s="10"/>
    </row>
    <row r="46803" spans="14:14">
      <c r="N46803" s="10"/>
    </row>
    <row r="46804" spans="14:14">
      <c r="N46804" s="10"/>
    </row>
    <row r="46805" spans="14:14">
      <c r="N46805" s="10"/>
    </row>
    <row r="46806" spans="14:14">
      <c r="N46806" s="10"/>
    </row>
    <row r="46807" spans="14:14">
      <c r="N46807" s="10"/>
    </row>
    <row r="46808" spans="14:14">
      <c r="N46808" s="10"/>
    </row>
    <row r="46809" spans="14:14">
      <c r="N46809" s="10"/>
    </row>
    <row r="46810" spans="14:14">
      <c r="N46810" s="10"/>
    </row>
    <row r="46811" spans="14:14">
      <c r="N46811" s="10"/>
    </row>
    <row r="46812" spans="14:14">
      <c r="N46812" s="10"/>
    </row>
    <row r="46813" spans="14:14">
      <c r="N46813" s="10"/>
    </row>
    <row r="46814" spans="14:14">
      <c r="N46814" s="10"/>
    </row>
    <row r="46815" spans="14:14">
      <c r="N46815" s="10"/>
    </row>
    <row r="46816" spans="14:14">
      <c r="N46816" s="10"/>
    </row>
    <row r="46817" spans="14:14">
      <c r="N46817" s="10"/>
    </row>
    <row r="46818" spans="14:14">
      <c r="N46818" s="10"/>
    </row>
    <row r="46819" spans="14:14">
      <c r="N46819" s="10"/>
    </row>
    <row r="46820" spans="14:14">
      <c r="N46820" s="10"/>
    </row>
    <row r="46821" spans="14:14">
      <c r="N46821" s="10"/>
    </row>
    <row r="46822" spans="14:14">
      <c r="N46822" s="10"/>
    </row>
    <row r="46823" spans="14:14">
      <c r="N46823" s="10"/>
    </row>
    <row r="46824" spans="14:14">
      <c r="N46824" s="10"/>
    </row>
    <row r="46825" spans="14:14">
      <c r="N46825" s="10"/>
    </row>
    <row r="46826" spans="14:14">
      <c r="N46826" s="10"/>
    </row>
    <row r="46827" spans="14:14">
      <c r="N46827" s="10"/>
    </row>
    <row r="46828" spans="14:14">
      <c r="N46828" s="10"/>
    </row>
    <row r="46829" spans="14:14">
      <c r="N46829" s="10"/>
    </row>
    <row r="46830" spans="14:14">
      <c r="N46830" s="10"/>
    </row>
    <row r="46831" spans="14:14">
      <c r="N46831" s="10"/>
    </row>
    <row r="46832" spans="14:14">
      <c r="N46832" s="10"/>
    </row>
    <row r="46833" spans="14:14">
      <c r="N46833" s="10"/>
    </row>
    <row r="46834" spans="14:14">
      <c r="N46834" s="10"/>
    </row>
    <row r="46835" spans="14:14">
      <c r="N46835" s="10"/>
    </row>
    <row r="46836" spans="14:14">
      <c r="N46836" s="10"/>
    </row>
    <row r="46837" spans="14:14">
      <c r="N46837" s="10"/>
    </row>
    <row r="46838" spans="14:14">
      <c r="N46838" s="10"/>
    </row>
    <row r="46839" spans="14:14">
      <c r="N46839" s="10"/>
    </row>
    <row r="46840" spans="14:14">
      <c r="N46840" s="10"/>
    </row>
    <row r="46841" spans="14:14">
      <c r="N46841" s="10"/>
    </row>
    <row r="46842" spans="14:14">
      <c r="N46842" s="10"/>
    </row>
    <row r="46843" spans="14:14">
      <c r="N46843" s="10"/>
    </row>
    <row r="46844" spans="14:14">
      <c r="N46844" s="10"/>
    </row>
    <row r="46845" spans="14:14">
      <c r="N46845" s="10"/>
    </row>
    <row r="46846" spans="14:14">
      <c r="N46846" s="10"/>
    </row>
    <row r="46847" spans="14:14">
      <c r="N46847" s="10"/>
    </row>
    <row r="46848" spans="14:14">
      <c r="N46848" s="10"/>
    </row>
    <row r="46849" spans="14:14">
      <c r="N46849" s="10"/>
    </row>
    <row r="46850" spans="14:14">
      <c r="N46850" s="10"/>
    </row>
    <row r="46851" spans="14:14">
      <c r="N46851" s="10"/>
    </row>
    <row r="46852" spans="14:14">
      <c r="N46852" s="10"/>
    </row>
    <row r="46853" spans="14:14">
      <c r="N46853" s="10"/>
    </row>
    <row r="46854" spans="14:14">
      <c r="N46854" s="10"/>
    </row>
    <row r="46855" spans="14:14">
      <c r="N46855" s="10"/>
    </row>
    <row r="46856" spans="14:14">
      <c r="N46856" s="10"/>
    </row>
    <row r="46857" spans="14:14">
      <c r="N46857" s="10"/>
    </row>
    <row r="46858" spans="14:14">
      <c r="N46858" s="10"/>
    </row>
    <row r="46859" spans="14:14">
      <c r="N46859" s="10"/>
    </row>
    <row r="46860" spans="14:14">
      <c r="N46860" s="10"/>
    </row>
    <row r="46861" spans="14:14">
      <c r="N46861" s="10"/>
    </row>
    <row r="46862" spans="14:14">
      <c r="N46862" s="10"/>
    </row>
    <row r="46863" spans="14:14">
      <c r="N46863" s="10"/>
    </row>
    <row r="46864" spans="14:14">
      <c r="N46864" s="10"/>
    </row>
    <row r="46865" spans="14:14">
      <c r="N46865" s="10"/>
    </row>
    <row r="46866" spans="14:14">
      <c r="N46866" s="10"/>
    </row>
    <row r="46867" spans="14:14">
      <c r="N46867" s="10"/>
    </row>
    <row r="46868" spans="14:14">
      <c r="N46868" s="10"/>
    </row>
    <row r="46869" spans="14:14">
      <c r="N46869" s="10"/>
    </row>
    <row r="46870" spans="14:14">
      <c r="N46870" s="10"/>
    </row>
    <row r="46871" spans="14:14">
      <c r="N46871" s="10"/>
    </row>
    <row r="46872" spans="14:14">
      <c r="N46872" s="10"/>
    </row>
    <row r="46873" spans="14:14">
      <c r="N46873" s="10"/>
    </row>
    <row r="46874" spans="14:14">
      <c r="N46874" s="10"/>
    </row>
    <row r="46875" spans="14:14">
      <c r="N46875" s="10"/>
    </row>
    <row r="46876" spans="14:14">
      <c r="N46876" s="10"/>
    </row>
    <row r="46877" spans="14:14">
      <c r="N46877" s="10"/>
    </row>
    <row r="46878" spans="14:14">
      <c r="N46878" s="10"/>
    </row>
    <row r="46879" spans="14:14">
      <c r="N46879" s="10"/>
    </row>
    <row r="46880" spans="14:14">
      <c r="N46880" s="10"/>
    </row>
    <row r="46881" spans="14:14">
      <c r="N46881" s="10"/>
    </row>
    <row r="46882" spans="14:14">
      <c r="N46882" s="10"/>
    </row>
    <row r="46883" spans="14:14">
      <c r="N46883" s="10"/>
    </row>
    <row r="46884" spans="14:14">
      <c r="N46884" s="10"/>
    </row>
    <row r="46885" spans="14:14">
      <c r="N46885" s="10"/>
    </row>
    <row r="46886" spans="14:14">
      <c r="N46886" s="10"/>
    </row>
    <row r="46887" spans="14:14">
      <c r="N46887" s="10"/>
    </row>
    <row r="46888" spans="14:14">
      <c r="N46888" s="10"/>
    </row>
    <row r="46889" spans="14:14">
      <c r="N46889" s="10"/>
    </row>
    <row r="46890" spans="14:14">
      <c r="N46890" s="10"/>
    </row>
    <row r="46891" spans="14:14">
      <c r="N46891" s="10"/>
    </row>
    <row r="46892" spans="14:14">
      <c r="N46892" s="10"/>
    </row>
    <row r="46893" spans="14:14">
      <c r="N46893" s="10"/>
    </row>
    <row r="46894" spans="14:14">
      <c r="N46894" s="10"/>
    </row>
    <row r="46895" spans="14:14">
      <c r="N46895" s="10"/>
    </row>
    <row r="46896" spans="14:14">
      <c r="N46896" s="10"/>
    </row>
    <row r="46897" spans="14:14">
      <c r="N46897" s="10"/>
    </row>
    <row r="46898" spans="14:14">
      <c r="N46898" s="10"/>
    </row>
    <row r="46899" spans="14:14">
      <c r="N46899" s="10"/>
    </row>
    <row r="46900" spans="14:14">
      <c r="N46900" s="10"/>
    </row>
    <row r="46901" spans="14:14">
      <c r="N46901" s="10"/>
    </row>
    <row r="46902" spans="14:14">
      <c r="N46902" s="10"/>
    </row>
    <row r="46903" spans="14:14">
      <c r="N46903" s="10"/>
    </row>
    <row r="46904" spans="14:14">
      <c r="N46904" s="10"/>
    </row>
    <row r="46905" spans="14:14">
      <c r="N46905" s="10"/>
    </row>
    <row r="46906" spans="14:14">
      <c r="N46906" s="10"/>
    </row>
    <row r="46907" spans="14:14">
      <c r="N46907" s="10"/>
    </row>
    <row r="46908" spans="14:14">
      <c r="N46908" s="10"/>
    </row>
    <row r="46909" spans="14:14">
      <c r="N46909" s="10"/>
    </row>
    <row r="46910" spans="14:14">
      <c r="N46910" s="10"/>
    </row>
    <row r="46911" spans="14:14">
      <c r="N46911" s="10"/>
    </row>
    <row r="46912" spans="14:14">
      <c r="N46912" s="10"/>
    </row>
    <row r="46913" spans="14:14">
      <c r="N46913" s="10"/>
    </row>
    <row r="46914" spans="14:14">
      <c r="N46914" s="10"/>
    </row>
    <row r="46915" spans="14:14">
      <c r="N46915" s="10"/>
    </row>
    <row r="46916" spans="14:14">
      <c r="N46916" s="10"/>
    </row>
    <row r="46917" spans="14:14">
      <c r="N46917" s="10"/>
    </row>
    <row r="46918" spans="14:14">
      <c r="N46918" s="10"/>
    </row>
    <row r="46919" spans="14:14">
      <c r="N46919" s="10"/>
    </row>
    <row r="46920" spans="14:14">
      <c r="N46920" s="10"/>
    </row>
    <row r="46921" spans="14:14">
      <c r="N46921" s="10"/>
    </row>
    <row r="46922" spans="14:14">
      <c r="N46922" s="10"/>
    </row>
    <row r="46923" spans="14:14">
      <c r="N46923" s="10"/>
    </row>
    <row r="46924" spans="14:14">
      <c r="N46924" s="10"/>
    </row>
    <row r="46925" spans="14:14">
      <c r="N46925" s="10"/>
    </row>
    <row r="46926" spans="14:14">
      <c r="N46926" s="10"/>
    </row>
    <row r="46927" spans="14:14">
      <c r="N46927" s="10"/>
    </row>
    <row r="46928" spans="14:14">
      <c r="N46928" s="10"/>
    </row>
    <row r="46929" spans="14:14">
      <c r="N46929" s="10"/>
    </row>
    <row r="46930" spans="14:14">
      <c r="N46930" s="10"/>
    </row>
    <row r="46931" spans="14:14">
      <c r="N46931" s="10"/>
    </row>
    <row r="46932" spans="14:14">
      <c r="N46932" s="10"/>
    </row>
    <row r="46933" spans="14:14">
      <c r="N46933" s="10"/>
    </row>
    <row r="46934" spans="14:14">
      <c r="N46934" s="10"/>
    </row>
    <row r="46935" spans="14:14">
      <c r="N46935" s="10"/>
    </row>
    <row r="46936" spans="14:14">
      <c r="N46936" s="10"/>
    </row>
    <row r="46937" spans="14:14">
      <c r="N46937" s="10"/>
    </row>
    <row r="46938" spans="14:14">
      <c r="N46938" s="10"/>
    </row>
    <row r="46939" spans="14:14">
      <c r="N46939" s="10"/>
    </row>
    <row r="46940" spans="14:14">
      <c r="N46940" s="10"/>
    </row>
    <row r="46941" spans="14:14">
      <c r="N46941" s="10"/>
    </row>
    <row r="46942" spans="14:14">
      <c r="N46942" s="10"/>
    </row>
    <row r="46943" spans="14:14">
      <c r="N46943" s="10"/>
    </row>
    <row r="46944" spans="14:14">
      <c r="N46944" s="10"/>
    </row>
    <row r="46945" spans="14:14">
      <c r="N46945" s="10"/>
    </row>
    <row r="46946" spans="14:14">
      <c r="N46946" s="10"/>
    </row>
    <row r="46947" spans="14:14">
      <c r="N46947" s="10"/>
    </row>
    <row r="46948" spans="14:14">
      <c r="N46948" s="10"/>
    </row>
    <row r="46949" spans="14:14">
      <c r="N46949" s="10"/>
    </row>
    <row r="46950" spans="14:14">
      <c r="N46950" s="10"/>
    </row>
    <row r="46951" spans="14:14">
      <c r="N46951" s="10"/>
    </row>
    <row r="46952" spans="14:14">
      <c r="N46952" s="10"/>
    </row>
    <row r="46953" spans="14:14">
      <c r="N46953" s="10"/>
    </row>
    <row r="46954" spans="14:14">
      <c r="N46954" s="10"/>
    </row>
    <row r="46955" spans="14:14">
      <c r="N46955" s="10"/>
    </row>
    <row r="46956" spans="14:14">
      <c r="N46956" s="10"/>
    </row>
    <row r="46957" spans="14:14">
      <c r="N46957" s="10"/>
    </row>
    <row r="46958" spans="14:14">
      <c r="N46958" s="10"/>
    </row>
    <row r="46959" spans="14:14">
      <c r="N46959" s="10"/>
    </row>
    <row r="46960" spans="14:14">
      <c r="N46960" s="10"/>
    </row>
    <row r="46961" spans="14:14">
      <c r="N46961" s="10"/>
    </row>
    <row r="46962" spans="14:14">
      <c r="N46962" s="10"/>
    </row>
    <row r="46963" spans="14:14">
      <c r="N46963" s="10"/>
    </row>
    <row r="46964" spans="14:14">
      <c r="N46964" s="10"/>
    </row>
    <row r="46965" spans="14:14">
      <c r="N46965" s="10"/>
    </row>
    <row r="46966" spans="14:14">
      <c r="N46966" s="10"/>
    </row>
    <row r="46967" spans="14:14">
      <c r="N46967" s="10"/>
    </row>
    <row r="46968" spans="14:14">
      <c r="N46968" s="10"/>
    </row>
    <row r="46969" spans="14:14">
      <c r="N46969" s="10"/>
    </row>
    <row r="46970" spans="14:14">
      <c r="N46970" s="10"/>
    </row>
    <row r="46971" spans="14:14">
      <c r="N46971" s="10"/>
    </row>
    <row r="46972" spans="14:14">
      <c r="N46972" s="10"/>
    </row>
    <row r="46973" spans="14:14">
      <c r="N46973" s="10"/>
    </row>
    <row r="46974" spans="14:14">
      <c r="N46974" s="10"/>
    </row>
    <row r="46975" spans="14:14">
      <c r="N46975" s="10"/>
    </row>
    <row r="46976" spans="14:14">
      <c r="N46976" s="10"/>
    </row>
    <row r="46977" spans="14:14">
      <c r="N46977" s="10"/>
    </row>
    <row r="46978" spans="14:14">
      <c r="N46978" s="10"/>
    </row>
    <row r="46979" spans="14:14">
      <c r="N46979" s="10"/>
    </row>
    <row r="46980" spans="14:14">
      <c r="N46980" s="10"/>
    </row>
    <row r="46981" spans="14:14">
      <c r="N46981" s="10"/>
    </row>
    <row r="46982" spans="14:14">
      <c r="N46982" s="10"/>
    </row>
    <row r="46983" spans="14:14">
      <c r="N46983" s="10"/>
    </row>
    <row r="46984" spans="14:14">
      <c r="N46984" s="10"/>
    </row>
    <row r="46985" spans="14:14">
      <c r="N46985" s="10"/>
    </row>
    <row r="46986" spans="14:14">
      <c r="N46986" s="10"/>
    </row>
    <row r="46987" spans="14:14">
      <c r="N46987" s="10"/>
    </row>
    <row r="46988" spans="14:14">
      <c r="N46988" s="10"/>
    </row>
    <row r="46989" spans="14:14">
      <c r="N46989" s="10"/>
    </row>
    <row r="46990" spans="14:14">
      <c r="N46990" s="10"/>
    </row>
    <row r="46991" spans="14:14">
      <c r="N46991" s="10"/>
    </row>
    <row r="46992" spans="14:14">
      <c r="N46992" s="10"/>
    </row>
    <row r="46993" spans="14:14">
      <c r="N46993" s="10"/>
    </row>
    <row r="46994" spans="14:14">
      <c r="N46994" s="10"/>
    </row>
    <row r="46995" spans="14:14">
      <c r="N46995" s="10"/>
    </row>
    <row r="46996" spans="14:14">
      <c r="N46996" s="10"/>
    </row>
    <row r="46997" spans="14:14">
      <c r="N46997" s="10"/>
    </row>
    <row r="46998" spans="14:14">
      <c r="N46998" s="10"/>
    </row>
    <row r="46999" spans="14:14">
      <c r="N46999" s="10"/>
    </row>
    <row r="47000" spans="14:14">
      <c r="N47000" s="10"/>
    </row>
    <row r="47001" spans="14:14">
      <c r="N47001" s="10"/>
    </row>
    <row r="47002" spans="14:14">
      <c r="N47002" s="10"/>
    </row>
    <row r="47003" spans="14:14">
      <c r="N47003" s="10"/>
    </row>
    <row r="47004" spans="14:14">
      <c r="N47004" s="10"/>
    </row>
    <row r="47005" spans="14:14">
      <c r="N47005" s="10"/>
    </row>
    <row r="47006" spans="14:14">
      <c r="N47006" s="10"/>
    </row>
    <row r="47007" spans="14:14">
      <c r="N47007" s="10"/>
    </row>
    <row r="47008" spans="14:14">
      <c r="N47008" s="10"/>
    </row>
    <row r="47009" spans="14:14">
      <c r="N47009" s="10"/>
    </row>
    <row r="47010" spans="14:14">
      <c r="N47010" s="10"/>
    </row>
    <row r="47011" spans="14:14">
      <c r="N47011" s="10"/>
    </row>
    <row r="47012" spans="14:14">
      <c r="N47012" s="10"/>
    </row>
    <row r="47013" spans="14:14">
      <c r="N47013" s="10"/>
    </row>
    <row r="47014" spans="14:14">
      <c r="N47014" s="10"/>
    </row>
    <row r="47015" spans="14:14">
      <c r="N47015" s="10"/>
    </row>
    <row r="47016" spans="14:14">
      <c r="N47016" s="10"/>
    </row>
    <row r="47017" spans="14:14">
      <c r="N47017" s="10"/>
    </row>
    <row r="47018" spans="14:14">
      <c r="N47018" s="10"/>
    </row>
    <row r="47019" spans="14:14">
      <c r="N47019" s="10"/>
    </row>
    <row r="47020" spans="14:14">
      <c r="N47020" s="10"/>
    </row>
    <row r="47021" spans="14:14">
      <c r="N47021" s="10"/>
    </row>
    <row r="47022" spans="14:14">
      <c r="N47022" s="10"/>
    </row>
    <row r="47023" spans="14:14">
      <c r="N47023" s="10"/>
    </row>
    <row r="47024" spans="14:14">
      <c r="N47024" s="10"/>
    </row>
    <row r="47025" spans="14:14">
      <c r="N47025" s="10"/>
    </row>
    <row r="47026" spans="14:14">
      <c r="N47026" s="10"/>
    </row>
    <row r="47027" spans="14:14">
      <c r="N47027" s="10"/>
    </row>
    <row r="47028" spans="14:14">
      <c r="N47028" s="10"/>
    </row>
    <row r="47029" spans="14:14">
      <c r="N47029" s="10"/>
    </row>
    <row r="47030" spans="14:14">
      <c r="N47030" s="10"/>
    </row>
    <row r="47031" spans="14:14">
      <c r="N47031" s="10"/>
    </row>
    <row r="47032" spans="14:14">
      <c r="N47032" s="10"/>
    </row>
    <row r="47033" spans="14:14">
      <c r="N47033" s="10"/>
    </row>
    <row r="47034" spans="14:14">
      <c r="N47034" s="10"/>
    </row>
    <row r="47035" spans="14:14">
      <c r="N47035" s="10"/>
    </row>
    <row r="47036" spans="14:14">
      <c r="N47036" s="10"/>
    </row>
    <row r="47037" spans="14:14">
      <c r="N47037" s="10"/>
    </row>
    <row r="47038" spans="14:14">
      <c r="N47038" s="10"/>
    </row>
    <row r="47039" spans="14:14">
      <c r="N47039" s="10"/>
    </row>
    <row r="47040" spans="14:14">
      <c r="N47040" s="10"/>
    </row>
    <row r="47041" spans="14:14">
      <c r="N47041" s="10"/>
    </row>
    <row r="47042" spans="14:14">
      <c r="N47042" s="10"/>
    </row>
    <row r="47043" spans="14:14">
      <c r="N47043" s="10"/>
    </row>
    <row r="47044" spans="14:14">
      <c r="N47044" s="10"/>
    </row>
    <row r="47045" spans="14:14">
      <c r="N47045" s="10"/>
    </row>
    <row r="47046" spans="14:14">
      <c r="N47046" s="10"/>
    </row>
    <row r="47047" spans="14:14">
      <c r="N47047" s="10"/>
    </row>
    <row r="47048" spans="14:14">
      <c r="N47048" s="10"/>
    </row>
    <row r="47049" spans="14:14">
      <c r="N47049" s="10"/>
    </row>
    <row r="47050" spans="14:14">
      <c r="N47050" s="10"/>
    </row>
    <row r="47051" spans="14:14">
      <c r="N47051" s="10"/>
    </row>
    <row r="47052" spans="14:14">
      <c r="N47052" s="10"/>
    </row>
    <row r="47053" spans="14:14">
      <c r="N47053" s="10"/>
    </row>
    <row r="47054" spans="14:14">
      <c r="N47054" s="10"/>
    </row>
    <row r="47055" spans="14:14">
      <c r="N47055" s="10"/>
    </row>
    <row r="47056" spans="14:14">
      <c r="N47056" s="10"/>
    </row>
    <row r="47057" spans="14:14">
      <c r="N47057" s="10"/>
    </row>
    <row r="47058" spans="14:14">
      <c r="N47058" s="10"/>
    </row>
    <row r="47059" spans="14:14">
      <c r="N47059" s="10"/>
    </row>
    <row r="47060" spans="14:14">
      <c r="N47060" s="10"/>
    </row>
    <row r="47061" spans="14:14">
      <c r="N47061" s="10"/>
    </row>
    <row r="47062" spans="14:14">
      <c r="N47062" s="10"/>
    </row>
    <row r="47063" spans="14:14">
      <c r="N47063" s="10"/>
    </row>
    <row r="47064" spans="14:14">
      <c r="N47064" s="10"/>
    </row>
    <row r="47065" spans="14:14">
      <c r="N47065" s="10"/>
    </row>
    <row r="47066" spans="14:14">
      <c r="N47066" s="10"/>
    </row>
    <row r="47067" spans="14:14">
      <c r="N47067" s="10"/>
    </row>
    <row r="47068" spans="14:14">
      <c r="N47068" s="10"/>
    </row>
    <row r="47069" spans="14:14">
      <c r="N47069" s="10"/>
    </row>
    <row r="47070" spans="14:14">
      <c r="N47070" s="10"/>
    </row>
    <row r="47071" spans="14:14">
      <c r="N47071" s="10"/>
    </row>
    <row r="47072" spans="14:14">
      <c r="N47072" s="10"/>
    </row>
    <row r="47073" spans="14:14">
      <c r="N47073" s="10"/>
    </row>
    <row r="47074" spans="14:14">
      <c r="N47074" s="10"/>
    </row>
    <row r="47075" spans="14:14">
      <c r="N47075" s="10"/>
    </row>
    <row r="47076" spans="14:14">
      <c r="N47076" s="10"/>
    </row>
    <row r="47077" spans="14:14">
      <c r="N47077" s="10"/>
    </row>
    <row r="47078" spans="14:14">
      <c r="N47078" s="10"/>
    </row>
    <row r="47079" spans="14:14">
      <c r="N47079" s="10"/>
    </row>
    <row r="47080" spans="14:14">
      <c r="N47080" s="10"/>
    </row>
    <row r="47081" spans="14:14">
      <c r="N47081" s="10"/>
    </row>
    <row r="47082" spans="14:14">
      <c r="N47082" s="10"/>
    </row>
    <row r="47083" spans="14:14">
      <c r="N47083" s="10"/>
    </row>
    <row r="47084" spans="14:14">
      <c r="N47084" s="10"/>
    </row>
    <row r="47085" spans="14:14">
      <c r="N47085" s="10"/>
    </row>
    <row r="47086" spans="14:14">
      <c r="N47086" s="10"/>
    </row>
    <row r="47087" spans="14:14">
      <c r="N47087" s="10"/>
    </row>
    <row r="47088" spans="14:14">
      <c r="N47088" s="10"/>
    </row>
    <row r="47089" spans="14:14">
      <c r="N47089" s="10"/>
    </row>
    <row r="47090" spans="14:14">
      <c r="N47090" s="10"/>
    </row>
    <row r="47091" spans="14:14">
      <c r="N47091" s="10"/>
    </row>
    <row r="47092" spans="14:14">
      <c r="N47092" s="10"/>
    </row>
    <row r="47093" spans="14:14">
      <c r="N47093" s="10"/>
    </row>
    <row r="47094" spans="14:14">
      <c r="N47094" s="10"/>
    </row>
    <row r="47095" spans="14:14">
      <c r="N47095" s="10"/>
    </row>
    <row r="47096" spans="14:14">
      <c r="N47096" s="10"/>
    </row>
    <row r="47097" spans="14:14">
      <c r="N47097" s="10"/>
    </row>
    <row r="47098" spans="14:14">
      <c r="N47098" s="10"/>
    </row>
    <row r="47099" spans="14:14">
      <c r="N47099" s="10"/>
    </row>
    <row r="47100" spans="14:14">
      <c r="N47100" s="10"/>
    </row>
    <row r="47101" spans="14:14">
      <c r="N47101" s="10"/>
    </row>
    <row r="47102" spans="14:14">
      <c r="N47102" s="10"/>
    </row>
    <row r="47103" spans="14:14">
      <c r="N47103" s="10"/>
    </row>
    <row r="47104" spans="14:14">
      <c r="N47104" s="10"/>
    </row>
    <row r="47105" spans="14:14">
      <c r="N47105" s="10"/>
    </row>
    <row r="47106" spans="14:14">
      <c r="N47106" s="10"/>
    </row>
    <row r="47107" spans="14:14">
      <c r="N47107" s="10"/>
    </row>
    <row r="47108" spans="14:14">
      <c r="N47108" s="10"/>
    </row>
    <row r="47109" spans="14:14">
      <c r="N47109" s="10"/>
    </row>
    <row r="47110" spans="14:14">
      <c r="N47110" s="10"/>
    </row>
    <row r="47111" spans="14:14">
      <c r="N47111" s="10"/>
    </row>
    <row r="47112" spans="14:14">
      <c r="N47112" s="10"/>
    </row>
    <row r="47113" spans="14:14">
      <c r="N47113" s="10"/>
    </row>
    <row r="47114" spans="14:14">
      <c r="N47114" s="10"/>
    </row>
    <row r="47115" spans="14:14">
      <c r="N47115" s="10"/>
    </row>
    <row r="47116" spans="14:14">
      <c r="N47116" s="10"/>
    </row>
    <row r="47117" spans="14:14">
      <c r="N47117" s="10"/>
    </row>
    <row r="47118" spans="14:14">
      <c r="N47118" s="10"/>
    </row>
    <row r="47119" spans="14:14">
      <c r="N47119" s="10"/>
    </row>
    <row r="47120" spans="14:14">
      <c r="N47120" s="10"/>
    </row>
    <row r="47121" spans="14:14">
      <c r="N47121" s="10"/>
    </row>
    <row r="47122" spans="14:14">
      <c r="N47122" s="10"/>
    </row>
    <row r="47123" spans="14:14">
      <c r="N47123" s="10"/>
    </row>
    <row r="47124" spans="14:14">
      <c r="N47124" s="10"/>
    </row>
    <row r="47125" spans="14:14">
      <c r="N47125" s="10"/>
    </row>
    <row r="47126" spans="14:14">
      <c r="N47126" s="10"/>
    </row>
    <row r="47127" spans="14:14">
      <c r="N47127" s="10"/>
    </row>
    <row r="47128" spans="14:14">
      <c r="N47128" s="10"/>
    </row>
    <row r="47129" spans="14:14">
      <c r="N47129" s="10"/>
    </row>
    <row r="47130" spans="14:14">
      <c r="N47130" s="10"/>
    </row>
    <row r="47131" spans="14:14">
      <c r="N47131" s="10"/>
    </row>
    <row r="47132" spans="14:14">
      <c r="N47132" s="10"/>
    </row>
    <row r="47133" spans="14:14">
      <c r="N47133" s="10"/>
    </row>
    <row r="47134" spans="14:14">
      <c r="N47134" s="10"/>
    </row>
    <row r="47135" spans="14:14">
      <c r="N47135" s="10"/>
    </row>
    <row r="47136" spans="14:14">
      <c r="N47136" s="10"/>
    </row>
    <row r="47137" spans="14:14">
      <c r="N47137" s="10"/>
    </row>
    <row r="47138" spans="14:14">
      <c r="N47138" s="10"/>
    </row>
    <row r="47139" spans="14:14">
      <c r="N47139" s="10"/>
    </row>
    <row r="47140" spans="14:14">
      <c r="N47140" s="10"/>
    </row>
    <row r="47141" spans="14:14">
      <c r="N47141" s="10"/>
    </row>
    <row r="47142" spans="14:14">
      <c r="N47142" s="10"/>
    </row>
    <row r="47143" spans="14:14">
      <c r="N47143" s="10"/>
    </row>
    <row r="47144" spans="14:14">
      <c r="N47144" s="10"/>
    </row>
    <row r="47145" spans="14:14">
      <c r="N47145" s="10"/>
    </row>
    <row r="47146" spans="14:14">
      <c r="N47146" s="10"/>
    </row>
    <row r="47147" spans="14:14">
      <c r="N47147" s="10"/>
    </row>
    <row r="47148" spans="14:14">
      <c r="N47148" s="10"/>
    </row>
    <row r="47149" spans="14:14">
      <c r="N47149" s="10"/>
    </row>
    <row r="47150" spans="14:14">
      <c r="N47150" s="10"/>
    </row>
    <row r="47151" spans="14:14">
      <c r="N47151" s="10"/>
    </row>
    <row r="47152" spans="14:14">
      <c r="N47152" s="10"/>
    </row>
    <row r="47153" spans="14:14">
      <c r="N47153" s="10"/>
    </row>
    <row r="47154" spans="14:14">
      <c r="N47154" s="10"/>
    </row>
    <row r="47155" spans="14:14">
      <c r="N47155" s="10"/>
    </row>
    <row r="47156" spans="14:14">
      <c r="N47156" s="10"/>
    </row>
    <row r="47157" spans="14:14">
      <c r="N47157" s="10"/>
    </row>
    <row r="47158" spans="14:14">
      <c r="N47158" s="10"/>
    </row>
    <row r="47159" spans="14:14">
      <c r="N47159" s="10"/>
    </row>
    <row r="47160" spans="14:14">
      <c r="N47160" s="10"/>
    </row>
    <row r="47161" spans="14:14">
      <c r="N47161" s="10"/>
    </row>
    <row r="47162" spans="14:14">
      <c r="N47162" s="10"/>
    </row>
    <row r="47163" spans="14:14">
      <c r="N47163" s="10"/>
    </row>
    <row r="47164" spans="14:14">
      <c r="N47164" s="10"/>
    </row>
    <row r="47165" spans="14:14">
      <c r="N47165" s="10"/>
    </row>
    <row r="47166" spans="14:14">
      <c r="N47166" s="10"/>
    </row>
    <row r="47167" spans="14:14">
      <c r="N47167" s="10"/>
    </row>
    <row r="47168" spans="14:14">
      <c r="N47168" s="10"/>
    </row>
    <row r="47169" spans="14:14">
      <c r="N47169" s="10"/>
    </row>
    <row r="47170" spans="14:14">
      <c r="N47170" s="10"/>
    </row>
    <row r="47171" spans="14:14">
      <c r="N47171" s="10"/>
    </row>
    <row r="47172" spans="14:14">
      <c r="N47172" s="10"/>
    </row>
    <row r="47173" spans="14:14">
      <c r="N47173" s="10"/>
    </row>
    <row r="47174" spans="14:14">
      <c r="N47174" s="10"/>
    </row>
    <row r="47175" spans="14:14">
      <c r="N47175" s="10"/>
    </row>
    <row r="47176" spans="14:14">
      <c r="N47176" s="10"/>
    </row>
    <row r="47177" spans="14:14">
      <c r="N47177" s="10"/>
    </row>
    <row r="47178" spans="14:14">
      <c r="N47178" s="10"/>
    </row>
    <row r="47179" spans="14:14">
      <c r="N47179" s="10"/>
    </row>
    <row r="47180" spans="14:14">
      <c r="N47180" s="10"/>
    </row>
    <row r="47181" spans="14:14">
      <c r="N47181" s="10"/>
    </row>
    <row r="47182" spans="14:14">
      <c r="N47182" s="10"/>
    </row>
    <row r="47183" spans="14:14">
      <c r="N47183" s="10"/>
    </row>
    <row r="47184" spans="14:14">
      <c r="N47184" s="10"/>
    </row>
    <row r="47185" spans="14:14">
      <c r="N47185" s="10"/>
    </row>
    <row r="47186" spans="14:14">
      <c r="N47186" s="10"/>
    </row>
    <row r="47187" spans="14:14">
      <c r="N47187" s="10"/>
    </row>
    <row r="47188" spans="14:14">
      <c r="N47188" s="10"/>
    </row>
    <row r="47189" spans="14:14">
      <c r="N47189" s="10"/>
    </row>
    <row r="47190" spans="14:14">
      <c r="N47190" s="10"/>
    </row>
    <row r="47191" spans="14:14">
      <c r="N47191" s="10"/>
    </row>
    <row r="47192" spans="14:14">
      <c r="N47192" s="10"/>
    </row>
    <row r="47193" spans="14:14">
      <c r="N47193" s="10"/>
    </row>
    <row r="47194" spans="14:14">
      <c r="N47194" s="10"/>
    </row>
    <row r="47195" spans="14:14">
      <c r="N47195" s="10"/>
    </row>
    <row r="47196" spans="14:14">
      <c r="N47196" s="10"/>
    </row>
    <row r="47197" spans="14:14">
      <c r="N47197" s="10"/>
    </row>
    <row r="47198" spans="14:14">
      <c r="N47198" s="10"/>
    </row>
    <row r="47199" spans="14:14">
      <c r="N47199" s="10"/>
    </row>
    <row r="47200" spans="14:14">
      <c r="N47200" s="10"/>
    </row>
    <row r="47201" spans="14:14">
      <c r="N47201" s="10"/>
    </row>
    <row r="47202" spans="14:14">
      <c r="N47202" s="10"/>
    </row>
    <row r="47203" spans="14:14">
      <c r="N47203" s="10"/>
    </row>
    <row r="47204" spans="14:14">
      <c r="N47204" s="10"/>
    </row>
    <row r="47205" spans="14:14">
      <c r="N47205" s="10"/>
    </row>
    <row r="47206" spans="14:14">
      <c r="N47206" s="10"/>
    </row>
    <row r="47207" spans="14:14">
      <c r="N47207" s="10"/>
    </row>
    <row r="47208" spans="14:14">
      <c r="N47208" s="10"/>
    </row>
    <row r="47209" spans="14:14">
      <c r="N47209" s="10"/>
    </row>
    <row r="47210" spans="14:14">
      <c r="N47210" s="10"/>
    </row>
    <row r="47211" spans="14:14">
      <c r="N47211" s="10"/>
    </row>
    <row r="47212" spans="14:14">
      <c r="N47212" s="10"/>
    </row>
    <row r="47213" spans="14:14">
      <c r="N47213" s="10"/>
    </row>
    <row r="47214" spans="14:14">
      <c r="N47214" s="10"/>
    </row>
    <row r="47215" spans="14:14">
      <c r="N47215" s="10"/>
    </row>
    <row r="47216" spans="14:14">
      <c r="N47216" s="10"/>
    </row>
    <row r="47217" spans="14:14">
      <c r="N47217" s="10"/>
    </row>
    <row r="47218" spans="14:14">
      <c r="N47218" s="10"/>
    </row>
    <row r="47219" spans="14:14">
      <c r="N47219" s="10"/>
    </row>
    <row r="47220" spans="14:14">
      <c r="N47220" s="10"/>
    </row>
    <row r="47221" spans="14:14">
      <c r="N47221" s="10"/>
    </row>
    <row r="47222" spans="14:14">
      <c r="N47222" s="10"/>
    </row>
    <row r="47223" spans="14:14">
      <c r="N47223" s="10"/>
    </row>
    <row r="47224" spans="14:14">
      <c r="N47224" s="10"/>
    </row>
    <row r="47225" spans="14:14">
      <c r="N47225" s="10"/>
    </row>
    <row r="47226" spans="14:14">
      <c r="N47226" s="10"/>
    </row>
    <row r="47227" spans="14:14">
      <c r="N47227" s="10"/>
    </row>
    <row r="47228" spans="14:14">
      <c r="N47228" s="10"/>
    </row>
    <row r="47229" spans="14:14">
      <c r="N47229" s="10"/>
    </row>
    <row r="47230" spans="14:14">
      <c r="N47230" s="10"/>
    </row>
    <row r="47231" spans="14:14">
      <c r="N47231" s="10"/>
    </row>
    <row r="47232" spans="14:14">
      <c r="N47232" s="10"/>
    </row>
    <row r="47233" spans="14:14">
      <c r="N47233" s="10"/>
    </row>
    <row r="47234" spans="14:14">
      <c r="N47234" s="10"/>
    </row>
    <row r="47235" spans="14:14">
      <c r="N47235" s="10"/>
    </row>
    <row r="47236" spans="14:14">
      <c r="N47236" s="10"/>
    </row>
    <row r="47237" spans="14:14">
      <c r="N47237" s="10"/>
    </row>
    <row r="47238" spans="14:14">
      <c r="N47238" s="10"/>
    </row>
    <row r="47239" spans="14:14">
      <c r="N47239" s="10"/>
    </row>
    <row r="47240" spans="14:14">
      <c r="N47240" s="10"/>
    </row>
    <row r="47241" spans="14:14">
      <c r="N47241" s="10"/>
    </row>
    <row r="47242" spans="14:14">
      <c r="N47242" s="10"/>
    </row>
    <row r="47243" spans="14:14">
      <c r="N47243" s="10"/>
    </row>
    <row r="47244" spans="14:14">
      <c r="N47244" s="10"/>
    </row>
    <row r="47245" spans="14:14">
      <c r="N47245" s="10"/>
    </row>
    <row r="47246" spans="14:14">
      <c r="N47246" s="10"/>
    </row>
    <row r="47247" spans="14:14">
      <c r="N47247" s="10"/>
    </row>
    <row r="47248" spans="14:14">
      <c r="N47248" s="10"/>
    </row>
    <row r="47249" spans="14:14">
      <c r="N47249" s="10"/>
    </row>
    <row r="47250" spans="14:14">
      <c r="N47250" s="10"/>
    </row>
    <row r="47251" spans="14:14">
      <c r="N47251" s="10"/>
    </row>
    <row r="47252" spans="14:14">
      <c r="N47252" s="10"/>
    </row>
    <row r="47253" spans="14:14">
      <c r="N47253" s="10"/>
    </row>
    <row r="47254" spans="14:14">
      <c r="N47254" s="10"/>
    </row>
    <row r="47255" spans="14:14">
      <c r="N47255" s="10"/>
    </row>
    <row r="47256" spans="14:14">
      <c r="N47256" s="10"/>
    </row>
    <row r="47257" spans="14:14">
      <c r="N47257" s="10"/>
    </row>
    <row r="47258" spans="14:14">
      <c r="N47258" s="10"/>
    </row>
    <row r="47259" spans="14:14">
      <c r="N47259" s="10"/>
    </row>
    <row r="47260" spans="14:14">
      <c r="N47260" s="10"/>
    </row>
    <row r="47261" spans="14:14">
      <c r="N47261" s="10"/>
    </row>
    <row r="47262" spans="14:14">
      <c r="N47262" s="10"/>
    </row>
    <row r="47263" spans="14:14">
      <c r="N47263" s="10"/>
    </row>
    <row r="47264" spans="14:14">
      <c r="N47264" s="10"/>
    </row>
    <row r="47265" spans="14:14">
      <c r="N47265" s="10"/>
    </row>
    <row r="47266" spans="14:14">
      <c r="N47266" s="10"/>
    </row>
    <row r="47267" spans="14:14">
      <c r="N47267" s="10"/>
    </row>
    <row r="47268" spans="14:14">
      <c r="N47268" s="10"/>
    </row>
    <row r="47269" spans="14:14">
      <c r="N47269" s="10"/>
    </row>
    <row r="47270" spans="14:14">
      <c r="N47270" s="10"/>
    </row>
    <row r="47271" spans="14:14">
      <c r="N47271" s="10"/>
    </row>
    <row r="47272" spans="14:14">
      <c r="N47272" s="10"/>
    </row>
    <row r="47273" spans="14:14">
      <c r="N47273" s="10"/>
    </row>
    <row r="47274" spans="14:14">
      <c r="N47274" s="10"/>
    </row>
    <row r="47275" spans="14:14">
      <c r="N47275" s="10"/>
    </row>
    <row r="47276" spans="14:14">
      <c r="N47276" s="10"/>
    </row>
    <row r="47277" spans="14:14">
      <c r="N47277" s="10"/>
    </row>
    <row r="47278" spans="14:14">
      <c r="N47278" s="10"/>
    </row>
    <row r="47279" spans="14:14">
      <c r="N47279" s="10"/>
    </row>
    <row r="47280" spans="14:14">
      <c r="N47280" s="10"/>
    </row>
    <row r="47281" spans="14:14">
      <c r="N47281" s="10"/>
    </row>
    <row r="47282" spans="14:14">
      <c r="N47282" s="10"/>
    </row>
    <row r="47283" spans="14:14">
      <c r="N47283" s="10"/>
    </row>
    <row r="47284" spans="14:14">
      <c r="N47284" s="10"/>
    </row>
    <row r="47285" spans="14:14">
      <c r="N47285" s="10"/>
    </row>
    <row r="47286" spans="14:14">
      <c r="N47286" s="10"/>
    </row>
    <row r="47287" spans="14:14">
      <c r="N47287" s="10"/>
    </row>
    <row r="47288" spans="14:14">
      <c r="N47288" s="10"/>
    </row>
    <row r="47289" spans="14:14">
      <c r="N47289" s="10"/>
    </row>
    <row r="47290" spans="14:14">
      <c r="N47290" s="10"/>
    </row>
    <row r="47291" spans="14:14">
      <c r="N47291" s="10"/>
    </row>
    <row r="47292" spans="14:14">
      <c r="N47292" s="10"/>
    </row>
    <row r="47293" spans="14:14">
      <c r="N47293" s="10"/>
    </row>
    <row r="47294" spans="14:14">
      <c r="N47294" s="10"/>
    </row>
    <row r="47295" spans="14:14">
      <c r="N47295" s="10"/>
    </row>
    <row r="47296" spans="14:14">
      <c r="N47296" s="10"/>
    </row>
    <row r="47297" spans="14:14">
      <c r="N47297" s="10"/>
    </row>
    <row r="47298" spans="14:14">
      <c r="N47298" s="10"/>
    </row>
    <row r="47299" spans="14:14">
      <c r="N47299" s="10"/>
    </row>
    <row r="47300" spans="14:14">
      <c r="N47300" s="10"/>
    </row>
    <row r="47301" spans="14:14">
      <c r="N47301" s="10"/>
    </row>
    <row r="47302" spans="14:14">
      <c r="N47302" s="10"/>
    </row>
    <row r="47303" spans="14:14">
      <c r="N47303" s="10"/>
    </row>
    <row r="47304" spans="14:14">
      <c r="N47304" s="10"/>
    </row>
    <row r="47305" spans="14:14">
      <c r="N47305" s="10"/>
    </row>
    <row r="47306" spans="14:14">
      <c r="N47306" s="10"/>
    </row>
    <row r="47307" spans="14:14">
      <c r="N47307" s="10"/>
    </row>
    <row r="47308" spans="14:14">
      <c r="N47308" s="10"/>
    </row>
    <row r="47309" spans="14:14">
      <c r="N47309" s="10"/>
    </row>
    <row r="47310" spans="14:14">
      <c r="N47310" s="10"/>
    </row>
    <row r="47311" spans="14:14">
      <c r="N47311" s="10"/>
    </row>
    <row r="47312" spans="14:14">
      <c r="N47312" s="10"/>
    </row>
    <row r="47313" spans="14:14">
      <c r="N47313" s="10"/>
    </row>
    <row r="47314" spans="14:14">
      <c r="N47314" s="10"/>
    </row>
    <row r="47315" spans="14:14">
      <c r="N47315" s="10"/>
    </row>
    <row r="47316" spans="14:14">
      <c r="N47316" s="10"/>
    </row>
    <row r="47317" spans="14:14">
      <c r="N47317" s="10"/>
    </row>
    <row r="47318" spans="14:14">
      <c r="N47318" s="10"/>
    </row>
    <row r="47319" spans="14:14">
      <c r="N47319" s="10"/>
    </row>
    <row r="47320" spans="14:14">
      <c r="N47320" s="10"/>
    </row>
    <row r="47321" spans="14:14">
      <c r="N47321" s="10"/>
    </row>
    <row r="47322" spans="14:14">
      <c r="N47322" s="10"/>
    </row>
    <row r="47323" spans="14:14">
      <c r="N47323" s="10"/>
    </row>
    <row r="47324" spans="14:14">
      <c r="N47324" s="10"/>
    </row>
    <row r="47325" spans="14:14">
      <c r="N47325" s="10"/>
    </row>
    <row r="47326" spans="14:14">
      <c r="N47326" s="10"/>
    </row>
    <row r="47327" spans="14:14">
      <c r="N47327" s="10"/>
    </row>
    <row r="47328" spans="14:14">
      <c r="N47328" s="10"/>
    </row>
    <row r="47329" spans="14:14">
      <c r="N47329" s="10"/>
    </row>
    <row r="47330" spans="14:14">
      <c r="N47330" s="10"/>
    </row>
    <row r="47331" spans="14:14">
      <c r="N47331" s="10"/>
    </row>
    <row r="47332" spans="14:14">
      <c r="N47332" s="10"/>
    </row>
    <row r="47333" spans="14:14">
      <c r="N47333" s="10"/>
    </row>
    <row r="47334" spans="14:14">
      <c r="N47334" s="10"/>
    </row>
    <row r="47335" spans="14:14">
      <c r="N47335" s="10"/>
    </row>
    <row r="47336" spans="14:14">
      <c r="N47336" s="10"/>
    </row>
    <row r="47337" spans="14:14">
      <c r="N47337" s="10"/>
    </row>
    <row r="47338" spans="14:14">
      <c r="N47338" s="10"/>
    </row>
    <row r="47339" spans="14:14">
      <c r="N47339" s="10"/>
    </row>
    <row r="47340" spans="14:14">
      <c r="N47340" s="10"/>
    </row>
    <row r="47341" spans="14:14">
      <c r="N47341" s="10"/>
    </row>
    <row r="47342" spans="14:14">
      <c r="N47342" s="10"/>
    </row>
    <row r="47343" spans="14:14">
      <c r="N47343" s="10"/>
    </row>
    <row r="47344" spans="14:14">
      <c r="N47344" s="10"/>
    </row>
    <row r="47345" spans="14:14">
      <c r="N47345" s="10"/>
    </row>
    <row r="47346" spans="14:14">
      <c r="N47346" s="10"/>
    </row>
    <row r="47347" spans="14:14">
      <c r="N47347" s="10"/>
    </row>
    <row r="47348" spans="14:14">
      <c r="N47348" s="10"/>
    </row>
    <row r="47349" spans="14:14">
      <c r="N47349" s="10"/>
    </row>
    <row r="47350" spans="14:14">
      <c r="N47350" s="10"/>
    </row>
    <row r="47351" spans="14:14">
      <c r="N47351" s="10"/>
    </row>
    <row r="47352" spans="14:14">
      <c r="N47352" s="10"/>
    </row>
    <row r="47353" spans="14:14">
      <c r="N47353" s="10"/>
    </row>
    <row r="47354" spans="14:14">
      <c r="N47354" s="10"/>
    </row>
    <row r="47355" spans="14:14">
      <c r="N47355" s="10"/>
    </row>
    <row r="47356" spans="14:14">
      <c r="N47356" s="10"/>
    </row>
    <row r="47357" spans="14:14">
      <c r="N47357" s="10"/>
    </row>
    <row r="47358" spans="14:14">
      <c r="N47358" s="10"/>
    </row>
    <row r="47359" spans="14:14">
      <c r="N47359" s="10"/>
    </row>
    <row r="47360" spans="14:14">
      <c r="N47360" s="10"/>
    </row>
    <row r="47361" spans="14:14">
      <c r="N47361" s="10"/>
    </row>
    <row r="47362" spans="14:14">
      <c r="N47362" s="10"/>
    </row>
    <row r="47363" spans="14:14">
      <c r="N47363" s="10"/>
    </row>
    <row r="47364" spans="14:14">
      <c r="N47364" s="10"/>
    </row>
    <row r="47365" spans="14:14">
      <c r="N47365" s="10"/>
    </row>
    <row r="47366" spans="14:14">
      <c r="N47366" s="10"/>
    </row>
    <row r="47367" spans="14:14">
      <c r="N47367" s="10"/>
    </row>
    <row r="47368" spans="14:14">
      <c r="N47368" s="10"/>
    </row>
    <row r="47369" spans="14:14">
      <c r="N47369" s="10"/>
    </row>
    <row r="47370" spans="14:14">
      <c r="N47370" s="10"/>
    </row>
    <row r="47371" spans="14:14">
      <c r="N47371" s="10"/>
    </row>
    <row r="47372" spans="14:14">
      <c r="N47372" s="10"/>
    </row>
    <row r="47373" spans="14:14">
      <c r="N47373" s="10"/>
    </row>
    <row r="47374" spans="14:14">
      <c r="N47374" s="10"/>
    </row>
    <row r="47375" spans="14:14">
      <c r="N47375" s="10"/>
    </row>
    <row r="47376" spans="14:14">
      <c r="N47376" s="10"/>
    </row>
    <row r="47377" spans="14:14">
      <c r="N47377" s="10"/>
    </row>
    <row r="47378" spans="14:14">
      <c r="N47378" s="10"/>
    </row>
    <row r="47379" spans="14:14">
      <c r="N47379" s="10"/>
    </row>
    <row r="47380" spans="14:14">
      <c r="N47380" s="10"/>
    </row>
    <row r="47381" spans="14:14">
      <c r="N47381" s="10"/>
    </row>
    <row r="47382" spans="14:14">
      <c r="N47382" s="10"/>
    </row>
    <row r="47383" spans="14:14">
      <c r="N47383" s="10"/>
    </row>
    <row r="47384" spans="14:14">
      <c r="N47384" s="10"/>
    </row>
    <row r="47385" spans="14:14">
      <c r="N47385" s="10"/>
    </row>
    <row r="47386" spans="14:14">
      <c r="N47386" s="10"/>
    </row>
    <row r="47387" spans="14:14">
      <c r="N47387" s="10"/>
    </row>
    <row r="47388" spans="14:14">
      <c r="N47388" s="10"/>
    </row>
    <row r="47389" spans="14:14">
      <c r="N47389" s="10"/>
    </row>
    <row r="47390" spans="14:14">
      <c r="N47390" s="10"/>
    </row>
    <row r="47391" spans="14:14">
      <c r="N47391" s="10"/>
    </row>
    <row r="47392" spans="14:14">
      <c r="N47392" s="10"/>
    </row>
    <row r="47393" spans="14:14">
      <c r="N47393" s="10"/>
    </row>
    <row r="47394" spans="14:14">
      <c r="N47394" s="10"/>
    </row>
    <row r="47395" spans="14:14">
      <c r="N47395" s="10"/>
    </row>
    <row r="47396" spans="14:14">
      <c r="N47396" s="10"/>
    </row>
    <row r="47397" spans="14:14">
      <c r="N47397" s="10"/>
    </row>
    <row r="47398" spans="14:14">
      <c r="N47398" s="10"/>
    </row>
    <row r="47399" spans="14:14">
      <c r="N47399" s="10"/>
    </row>
    <row r="47400" spans="14:14">
      <c r="N47400" s="10"/>
    </row>
    <row r="47401" spans="14:14">
      <c r="N47401" s="10"/>
    </row>
    <row r="47402" spans="14:14">
      <c r="N47402" s="10"/>
    </row>
    <row r="47403" spans="14:14">
      <c r="N47403" s="10"/>
    </row>
    <row r="47404" spans="14:14">
      <c r="N47404" s="10"/>
    </row>
    <row r="47405" spans="14:14">
      <c r="N47405" s="10"/>
    </row>
    <row r="47406" spans="14:14">
      <c r="N47406" s="10"/>
    </row>
    <row r="47407" spans="14:14">
      <c r="N47407" s="10"/>
    </row>
    <row r="47408" spans="14:14">
      <c r="N47408" s="10"/>
    </row>
    <row r="47409" spans="14:14">
      <c r="N47409" s="10"/>
    </row>
    <row r="47410" spans="14:14">
      <c r="N47410" s="10"/>
    </row>
    <row r="47411" spans="14:14">
      <c r="N47411" s="10"/>
    </row>
    <row r="47412" spans="14:14">
      <c r="N47412" s="10"/>
    </row>
    <row r="47413" spans="14:14">
      <c r="N47413" s="10"/>
    </row>
    <row r="47414" spans="14:14">
      <c r="N47414" s="10"/>
    </row>
    <row r="47415" spans="14:14">
      <c r="N47415" s="10"/>
    </row>
    <row r="47416" spans="14:14">
      <c r="N47416" s="10"/>
    </row>
    <row r="47417" spans="14:14">
      <c r="N47417" s="10"/>
    </row>
    <row r="47418" spans="14:14">
      <c r="N47418" s="10"/>
    </row>
    <row r="47419" spans="14:14">
      <c r="N47419" s="10"/>
    </row>
    <row r="47420" spans="14:14">
      <c r="N47420" s="10"/>
    </row>
    <row r="47421" spans="14:14">
      <c r="N47421" s="10"/>
    </row>
    <row r="47422" spans="14:14">
      <c r="N47422" s="10"/>
    </row>
    <row r="47423" spans="14:14">
      <c r="N47423" s="10"/>
    </row>
    <row r="47424" spans="14:14">
      <c r="N47424" s="10"/>
    </row>
    <row r="47425" spans="14:14">
      <c r="N47425" s="10"/>
    </row>
    <row r="47426" spans="14:14">
      <c r="N47426" s="10"/>
    </row>
    <row r="47427" spans="14:14">
      <c r="N47427" s="10"/>
    </row>
    <row r="47428" spans="14:14">
      <c r="N47428" s="10"/>
    </row>
    <row r="47429" spans="14:14">
      <c r="N47429" s="10"/>
    </row>
    <row r="47430" spans="14:14">
      <c r="N47430" s="10"/>
    </row>
    <row r="47431" spans="14:14">
      <c r="N47431" s="10"/>
    </row>
    <row r="47432" spans="14:14">
      <c r="N47432" s="10"/>
    </row>
    <row r="47433" spans="14:14">
      <c r="N47433" s="10"/>
    </row>
    <row r="47434" spans="14:14">
      <c r="N47434" s="10"/>
    </row>
    <row r="47435" spans="14:14">
      <c r="N47435" s="10"/>
    </row>
    <row r="47436" spans="14:14">
      <c r="N47436" s="10"/>
    </row>
    <row r="47437" spans="14:14">
      <c r="N47437" s="10"/>
    </row>
    <row r="47438" spans="14:14">
      <c r="N47438" s="10"/>
    </row>
    <row r="47439" spans="14:14">
      <c r="N47439" s="10"/>
    </row>
    <row r="47440" spans="14:14">
      <c r="N47440" s="10"/>
    </row>
    <row r="47441" spans="14:14">
      <c r="N47441" s="10"/>
    </row>
    <row r="47442" spans="14:14">
      <c r="N47442" s="10"/>
    </row>
    <row r="47443" spans="14:14">
      <c r="N47443" s="10"/>
    </row>
    <row r="47444" spans="14:14">
      <c r="N47444" s="10"/>
    </row>
    <row r="47445" spans="14:14">
      <c r="N47445" s="10"/>
    </row>
    <row r="47446" spans="14:14">
      <c r="N47446" s="10"/>
    </row>
    <row r="47447" spans="14:14">
      <c r="N47447" s="10"/>
    </row>
    <row r="47448" spans="14:14">
      <c r="N47448" s="10"/>
    </row>
    <row r="47449" spans="14:14">
      <c r="N47449" s="10"/>
    </row>
    <row r="47450" spans="14:14">
      <c r="N47450" s="10"/>
    </row>
    <row r="47451" spans="14:14">
      <c r="N47451" s="10"/>
    </row>
    <row r="47452" spans="14:14">
      <c r="N47452" s="10"/>
    </row>
    <row r="47453" spans="14:14">
      <c r="N47453" s="10"/>
    </row>
    <row r="47454" spans="14:14">
      <c r="N47454" s="10"/>
    </row>
    <row r="47455" spans="14:14">
      <c r="N47455" s="10"/>
    </row>
    <row r="47456" spans="14:14">
      <c r="N47456" s="10"/>
    </row>
    <row r="47457" spans="14:14">
      <c r="N47457" s="10"/>
    </row>
    <row r="47458" spans="14:14">
      <c r="N47458" s="10"/>
    </row>
    <row r="47459" spans="14:14">
      <c r="N47459" s="10"/>
    </row>
    <row r="47460" spans="14:14">
      <c r="N47460" s="10"/>
    </row>
    <row r="47461" spans="14:14">
      <c r="N47461" s="10"/>
    </row>
    <row r="47462" spans="14:14">
      <c r="N47462" s="10"/>
    </row>
    <row r="47463" spans="14:14">
      <c r="N47463" s="10"/>
    </row>
    <row r="47464" spans="14:14">
      <c r="N47464" s="10"/>
    </row>
    <row r="47465" spans="14:14">
      <c r="N47465" s="10"/>
    </row>
    <row r="47466" spans="14:14">
      <c r="N47466" s="10"/>
    </row>
    <row r="47467" spans="14:14">
      <c r="N47467" s="10"/>
    </row>
    <row r="47468" spans="14:14">
      <c r="N47468" s="10"/>
    </row>
    <row r="47469" spans="14:14">
      <c r="N47469" s="10"/>
    </row>
    <row r="47470" spans="14:14">
      <c r="N47470" s="10"/>
    </row>
    <row r="47471" spans="14:14">
      <c r="N47471" s="10"/>
    </row>
    <row r="47472" spans="14:14">
      <c r="N47472" s="10"/>
    </row>
    <row r="47473" spans="14:14">
      <c r="N47473" s="10"/>
    </row>
    <row r="47474" spans="14:14">
      <c r="N47474" s="10"/>
    </row>
    <row r="47475" spans="14:14">
      <c r="N47475" s="10"/>
    </row>
    <row r="47476" spans="14:14">
      <c r="N47476" s="10"/>
    </row>
    <row r="47477" spans="14:14">
      <c r="N47477" s="10"/>
    </row>
    <row r="47478" spans="14:14">
      <c r="N47478" s="10"/>
    </row>
    <row r="47479" spans="14:14">
      <c r="N47479" s="10"/>
    </row>
    <row r="47480" spans="14:14">
      <c r="N47480" s="10"/>
    </row>
    <row r="47481" spans="14:14">
      <c r="N47481" s="10"/>
    </row>
    <row r="47482" spans="14:14">
      <c r="N47482" s="10"/>
    </row>
    <row r="47483" spans="14:14">
      <c r="N47483" s="10"/>
    </row>
    <row r="47484" spans="14:14">
      <c r="N47484" s="10"/>
    </row>
    <row r="47485" spans="14:14">
      <c r="N47485" s="10"/>
    </row>
    <row r="47486" spans="14:14">
      <c r="N47486" s="10"/>
    </row>
    <row r="47487" spans="14:14">
      <c r="N47487" s="10"/>
    </row>
    <row r="47488" spans="14:14">
      <c r="N47488" s="10"/>
    </row>
    <row r="47489" spans="14:14">
      <c r="N47489" s="10"/>
    </row>
    <row r="47490" spans="14:14">
      <c r="N47490" s="10"/>
    </row>
    <row r="47491" spans="14:14">
      <c r="N47491" s="10"/>
    </row>
    <row r="47492" spans="14:14">
      <c r="N47492" s="10"/>
    </row>
    <row r="47493" spans="14:14">
      <c r="N47493" s="10"/>
    </row>
    <row r="47494" spans="14:14">
      <c r="N47494" s="10"/>
    </row>
    <row r="47495" spans="14:14">
      <c r="N47495" s="10"/>
    </row>
    <row r="47496" spans="14:14">
      <c r="N47496" s="10"/>
    </row>
    <row r="47497" spans="14:14">
      <c r="N47497" s="10"/>
    </row>
    <row r="47498" spans="14:14">
      <c r="N47498" s="10"/>
    </row>
    <row r="47499" spans="14:14">
      <c r="N47499" s="10"/>
    </row>
    <row r="47500" spans="14:14">
      <c r="N47500" s="10"/>
    </row>
    <row r="47501" spans="14:14">
      <c r="N47501" s="10"/>
    </row>
    <row r="47502" spans="14:14">
      <c r="N47502" s="10"/>
    </row>
    <row r="47503" spans="14:14">
      <c r="N47503" s="10"/>
    </row>
    <row r="47504" spans="14:14">
      <c r="N47504" s="10"/>
    </row>
    <row r="47505" spans="14:14">
      <c r="N47505" s="10"/>
    </row>
    <row r="47506" spans="14:14">
      <c r="N47506" s="10"/>
    </row>
    <row r="47507" spans="14:14">
      <c r="N47507" s="10"/>
    </row>
    <row r="47508" spans="14:14">
      <c r="N47508" s="10"/>
    </row>
    <row r="47509" spans="14:14">
      <c r="N47509" s="10"/>
    </row>
    <row r="47510" spans="14:14">
      <c r="N47510" s="10"/>
    </row>
    <row r="47511" spans="14:14">
      <c r="N47511" s="10"/>
    </row>
    <row r="47512" spans="14:14">
      <c r="N47512" s="10"/>
    </row>
    <row r="47513" spans="14:14">
      <c r="N47513" s="10"/>
    </row>
    <row r="47514" spans="14:14">
      <c r="N47514" s="10"/>
    </row>
    <row r="47515" spans="14:14">
      <c r="N47515" s="10"/>
    </row>
    <row r="47516" spans="14:14">
      <c r="N47516" s="10"/>
    </row>
    <row r="47517" spans="14:14">
      <c r="N47517" s="10"/>
    </row>
    <row r="47518" spans="14:14">
      <c r="N47518" s="10"/>
    </row>
    <row r="47519" spans="14:14">
      <c r="N47519" s="10"/>
    </row>
    <row r="47520" spans="14:14">
      <c r="N47520" s="10"/>
    </row>
    <row r="47521" spans="14:14">
      <c r="N47521" s="10"/>
    </row>
    <row r="47522" spans="14:14">
      <c r="N47522" s="10"/>
    </row>
    <row r="47523" spans="14:14">
      <c r="N47523" s="10"/>
    </row>
    <row r="47524" spans="14:14">
      <c r="N47524" s="10"/>
    </row>
    <row r="47525" spans="14:14">
      <c r="N47525" s="10"/>
    </row>
    <row r="47526" spans="14:14">
      <c r="N47526" s="10"/>
    </row>
    <row r="47527" spans="14:14">
      <c r="N47527" s="10"/>
    </row>
    <row r="47528" spans="14:14">
      <c r="N47528" s="10"/>
    </row>
    <row r="47529" spans="14:14">
      <c r="N47529" s="10"/>
    </row>
    <row r="47530" spans="14:14">
      <c r="N47530" s="10"/>
    </row>
    <row r="47531" spans="14:14">
      <c r="N47531" s="10"/>
    </row>
    <row r="47532" spans="14:14">
      <c r="N47532" s="10"/>
    </row>
    <row r="47533" spans="14:14">
      <c r="N47533" s="10"/>
    </row>
    <row r="47534" spans="14:14">
      <c r="N47534" s="10"/>
    </row>
    <row r="47535" spans="14:14">
      <c r="N47535" s="10"/>
    </row>
    <row r="47536" spans="14:14">
      <c r="N47536" s="10"/>
    </row>
    <row r="47537" spans="14:14">
      <c r="N47537" s="10"/>
    </row>
    <row r="47538" spans="14:14">
      <c r="N47538" s="10"/>
    </row>
    <row r="47539" spans="14:14">
      <c r="N47539" s="10"/>
    </row>
    <row r="47540" spans="14:14">
      <c r="N47540" s="10"/>
    </row>
    <row r="47541" spans="14:14">
      <c r="N47541" s="10"/>
    </row>
    <row r="47542" spans="14:14">
      <c r="N47542" s="10"/>
    </row>
    <row r="47543" spans="14:14">
      <c r="N47543" s="10"/>
    </row>
    <row r="47544" spans="14:14">
      <c r="N47544" s="10"/>
    </row>
    <row r="47545" spans="14:14">
      <c r="N47545" s="10"/>
    </row>
    <row r="47546" spans="14:14">
      <c r="N47546" s="10"/>
    </row>
    <row r="47547" spans="14:14">
      <c r="N47547" s="10"/>
    </row>
    <row r="47548" spans="14:14">
      <c r="N47548" s="10"/>
    </row>
    <row r="47549" spans="14:14">
      <c r="N47549" s="10"/>
    </row>
    <row r="47550" spans="14:14">
      <c r="N47550" s="10"/>
    </row>
    <row r="47551" spans="14:14">
      <c r="N47551" s="10"/>
    </row>
    <row r="47552" spans="14:14">
      <c r="N47552" s="10"/>
    </row>
    <row r="47553" spans="14:14">
      <c r="N47553" s="10"/>
    </row>
    <row r="47554" spans="14:14">
      <c r="N47554" s="10"/>
    </row>
    <row r="47555" spans="14:14">
      <c r="N47555" s="10"/>
    </row>
    <row r="47556" spans="14:14">
      <c r="N47556" s="10"/>
    </row>
    <row r="47557" spans="14:14">
      <c r="N47557" s="10"/>
    </row>
    <row r="47558" spans="14:14">
      <c r="N47558" s="10"/>
    </row>
    <row r="47559" spans="14:14">
      <c r="N47559" s="10"/>
    </row>
    <row r="47560" spans="14:14">
      <c r="N47560" s="10"/>
    </row>
    <row r="47561" spans="14:14">
      <c r="N47561" s="10"/>
    </row>
    <row r="47562" spans="14:14">
      <c r="N47562" s="10"/>
    </row>
    <row r="47563" spans="14:14">
      <c r="N47563" s="10"/>
    </row>
    <row r="47564" spans="14:14">
      <c r="N47564" s="10"/>
    </row>
    <row r="47565" spans="14:14">
      <c r="N47565" s="10"/>
    </row>
    <row r="47566" spans="14:14">
      <c r="N47566" s="10"/>
    </row>
    <row r="47567" spans="14:14">
      <c r="N47567" s="10"/>
    </row>
    <row r="47568" spans="14:14">
      <c r="N47568" s="10"/>
    </row>
    <row r="47569" spans="14:14">
      <c r="N47569" s="10"/>
    </row>
    <row r="47570" spans="14:14">
      <c r="N47570" s="10"/>
    </row>
    <row r="47571" spans="14:14">
      <c r="N47571" s="10"/>
    </row>
    <row r="47572" spans="14:14">
      <c r="N47572" s="10"/>
    </row>
    <row r="47573" spans="14:14">
      <c r="N47573" s="10"/>
    </row>
    <row r="47574" spans="14:14">
      <c r="N47574" s="10"/>
    </row>
    <row r="47575" spans="14:14">
      <c r="N47575" s="10"/>
    </row>
    <row r="47576" spans="14:14">
      <c r="N47576" s="10"/>
    </row>
    <row r="47577" spans="14:14">
      <c r="N47577" s="10"/>
    </row>
    <row r="47578" spans="14:14">
      <c r="N47578" s="10"/>
    </row>
    <row r="47579" spans="14:14">
      <c r="N47579" s="10"/>
    </row>
    <row r="47580" spans="14:14">
      <c r="N47580" s="10"/>
    </row>
    <row r="47581" spans="14:14">
      <c r="N47581" s="10"/>
    </row>
    <row r="47582" spans="14:14">
      <c r="N47582" s="10"/>
    </row>
    <row r="47583" spans="14:14">
      <c r="N47583" s="10"/>
    </row>
    <row r="47584" spans="14:14">
      <c r="N47584" s="10"/>
    </row>
    <row r="47585" spans="14:14">
      <c r="N47585" s="10"/>
    </row>
    <row r="47586" spans="14:14">
      <c r="N47586" s="10"/>
    </row>
    <row r="47587" spans="14:14">
      <c r="N47587" s="10"/>
    </row>
    <row r="47588" spans="14:14">
      <c r="N47588" s="10"/>
    </row>
    <row r="47589" spans="14:14">
      <c r="N47589" s="10"/>
    </row>
    <row r="47590" spans="14:14">
      <c r="N47590" s="10"/>
    </row>
    <row r="47591" spans="14:14">
      <c r="N47591" s="10"/>
    </row>
    <row r="47592" spans="14:14">
      <c r="N47592" s="10"/>
    </row>
    <row r="47593" spans="14:14">
      <c r="N47593" s="10"/>
    </row>
    <row r="47594" spans="14:14">
      <c r="N47594" s="10"/>
    </row>
    <row r="47595" spans="14:14">
      <c r="N47595" s="10"/>
    </row>
    <row r="47596" spans="14:14">
      <c r="N47596" s="10"/>
    </row>
    <row r="47597" spans="14:14">
      <c r="N47597" s="10"/>
    </row>
    <row r="47598" spans="14:14">
      <c r="N47598" s="10"/>
    </row>
    <row r="47599" spans="14:14">
      <c r="N47599" s="10"/>
    </row>
    <row r="47600" spans="14:14">
      <c r="N47600" s="10"/>
    </row>
    <row r="47601" spans="14:14">
      <c r="N47601" s="10"/>
    </row>
    <row r="47602" spans="14:14">
      <c r="N47602" s="10"/>
    </row>
    <row r="47603" spans="14:14">
      <c r="N47603" s="10"/>
    </row>
    <row r="47604" spans="14:14">
      <c r="N47604" s="10"/>
    </row>
    <row r="47605" spans="14:14">
      <c r="N47605" s="10"/>
    </row>
    <row r="47606" spans="14:14">
      <c r="N47606" s="10"/>
    </row>
    <row r="47607" spans="14:14">
      <c r="N47607" s="10"/>
    </row>
    <row r="47608" spans="14:14">
      <c r="N47608" s="10"/>
    </row>
    <row r="47609" spans="14:14">
      <c r="N47609" s="10"/>
    </row>
    <row r="47610" spans="14:14">
      <c r="N47610" s="10"/>
    </row>
    <row r="47611" spans="14:14">
      <c r="N47611" s="10"/>
    </row>
    <row r="47612" spans="14:14">
      <c r="N47612" s="10"/>
    </row>
    <row r="47613" spans="14:14">
      <c r="N47613" s="10"/>
    </row>
    <row r="47614" spans="14:14">
      <c r="N47614" s="10"/>
    </row>
    <row r="47615" spans="14:14">
      <c r="N47615" s="10"/>
    </row>
    <row r="47616" spans="14:14">
      <c r="N47616" s="10"/>
    </row>
    <row r="47617" spans="14:14">
      <c r="N47617" s="10"/>
    </row>
    <row r="47618" spans="14:14">
      <c r="N47618" s="10"/>
    </row>
    <row r="47619" spans="14:14">
      <c r="N47619" s="10"/>
    </row>
    <row r="47620" spans="14:14">
      <c r="N47620" s="10"/>
    </row>
    <row r="47621" spans="14:14">
      <c r="N47621" s="10"/>
    </row>
    <row r="47622" spans="14:14">
      <c r="N47622" s="10"/>
    </row>
    <row r="47623" spans="14:14">
      <c r="N47623" s="10"/>
    </row>
    <row r="47624" spans="14:14">
      <c r="N47624" s="10"/>
    </row>
    <row r="47625" spans="14:14">
      <c r="N47625" s="10"/>
    </row>
    <row r="47626" spans="14:14">
      <c r="N47626" s="10"/>
    </row>
    <row r="47627" spans="14:14">
      <c r="N47627" s="10"/>
    </row>
    <row r="47628" spans="14:14">
      <c r="N47628" s="10"/>
    </row>
    <row r="47629" spans="14:14">
      <c r="N47629" s="10"/>
    </row>
    <row r="47630" spans="14:14">
      <c r="N47630" s="10"/>
    </row>
    <row r="47631" spans="14:14">
      <c r="N47631" s="10"/>
    </row>
    <row r="47632" spans="14:14">
      <c r="N47632" s="10"/>
    </row>
    <row r="47633" spans="14:14">
      <c r="N47633" s="10"/>
    </row>
    <row r="47634" spans="14:14">
      <c r="N47634" s="10"/>
    </row>
    <row r="47635" spans="14:14">
      <c r="N47635" s="10"/>
    </row>
    <row r="47636" spans="14:14">
      <c r="N47636" s="10"/>
    </row>
    <row r="47637" spans="14:14">
      <c r="N47637" s="10"/>
    </row>
    <row r="47638" spans="14:14">
      <c r="N47638" s="10"/>
    </row>
    <row r="47639" spans="14:14">
      <c r="N47639" s="10"/>
    </row>
    <row r="47640" spans="14:14">
      <c r="N47640" s="10"/>
    </row>
    <row r="47641" spans="14:14">
      <c r="N47641" s="10"/>
    </row>
    <row r="47642" spans="14:14">
      <c r="N47642" s="10"/>
    </row>
    <row r="47643" spans="14:14">
      <c r="N47643" s="10"/>
    </row>
    <row r="47644" spans="14:14">
      <c r="N47644" s="10"/>
    </row>
    <row r="47645" spans="14:14">
      <c r="N47645" s="10"/>
    </row>
    <row r="47646" spans="14:14">
      <c r="N47646" s="10"/>
    </row>
    <row r="47647" spans="14:14">
      <c r="N47647" s="10"/>
    </row>
    <row r="47648" spans="14:14">
      <c r="N47648" s="10"/>
    </row>
    <row r="47649" spans="14:14">
      <c r="N47649" s="10"/>
    </row>
    <row r="47650" spans="14:14">
      <c r="N47650" s="10"/>
    </row>
    <row r="47651" spans="14:14">
      <c r="N47651" s="10"/>
    </row>
    <row r="47652" spans="14:14">
      <c r="N47652" s="10"/>
    </row>
    <row r="47653" spans="14:14">
      <c r="N47653" s="10"/>
    </row>
    <row r="47654" spans="14:14">
      <c r="N47654" s="10"/>
    </row>
    <row r="47655" spans="14:14">
      <c r="N47655" s="10"/>
    </row>
    <row r="47656" spans="14:14">
      <c r="N47656" s="10"/>
    </row>
    <row r="47657" spans="14:14">
      <c r="N47657" s="10"/>
    </row>
    <row r="47658" spans="14:14">
      <c r="N47658" s="10"/>
    </row>
    <row r="47659" spans="14:14">
      <c r="N47659" s="10"/>
    </row>
    <row r="47660" spans="14:14">
      <c r="N47660" s="10"/>
    </row>
    <row r="47661" spans="14:14">
      <c r="N47661" s="10"/>
    </row>
    <row r="47662" spans="14:14">
      <c r="N47662" s="10"/>
    </row>
    <row r="47663" spans="14:14">
      <c r="N47663" s="10"/>
    </row>
    <row r="47664" spans="14:14">
      <c r="N47664" s="10"/>
    </row>
    <row r="47665" spans="14:14">
      <c r="N47665" s="10"/>
    </row>
    <row r="47666" spans="14:14">
      <c r="N47666" s="10"/>
    </row>
    <row r="47667" spans="14:14">
      <c r="N47667" s="10"/>
    </row>
    <row r="47668" spans="14:14">
      <c r="N47668" s="10"/>
    </row>
    <row r="47669" spans="14:14">
      <c r="N47669" s="10"/>
    </row>
    <row r="47670" spans="14:14">
      <c r="N47670" s="10"/>
    </row>
    <row r="47671" spans="14:14">
      <c r="N47671" s="10"/>
    </row>
    <row r="47672" spans="14:14">
      <c r="N47672" s="10"/>
    </row>
    <row r="47673" spans="14:14">
      <c r="N47673" s="10"/>
    </row>
    <row r="47674" spans="14:14">
      <c r="N47674" s="10"/>
    </row>
    <row r="47675" spans="14:14">
      <c r="N47675" s="10"/>
    </row>
    <row r="47676" spans="14:14">
      <c r="N47676" s="10"/>
    </row>
    <row r="47677" spans="14:14">
      <c r="N47677" s="10"/>
    </row>
    <row r="47678" spans="14:14">
      <c r="N47678" s="10"/>
    </row>
    <row r="47679" spans="14:14">
      <c r="N47679" s="10"/>
    </row>
    <row r="47680" spans="14:14">
      <c r="N47680" s="10"/>
    </row>
    <row r="47681" spans="14:14">
      <c r="N47681" s="10"/>
    </row>
    <row r="47682" spans="14:14">
      <c r="N47682" s="10"/>
    </row>
    <row r="47683" spans="14:14">
      <c r="N47683" s="10"/>
    </row>
    <row r="47684" spans="14:14">
      <c r="N47684" s="10"/>
    </row>
    <row r="47685" spans="14:14">
      <c r="N47685" s="10"/>
    </row>
    <row r="47686" spans="14:14">
      <c r="N47686" s="10"/>
    </row>
    <row r="47687" spans="14:14">
      <c r="N47687" s="10"/>
    </row>
    <row r="47688" spans="14:14">
      <c r="N47688" s="10"/>
    </row>
    <row r="47689" spans="14:14">
      <c r="N47689" s="10"/>
    </row>
    <row r="47690" spans="14:14">
      <c r="N47690" s="10"/>
    </row>
    <row r="47691" spans="14:14">
      <c r="N47691" s="10"/>
    </row>
    <row r="47692" spans="14:14">
      <c r="N47692" s="10"/>
    </row>
    <row r="47693" spans="14:14">
      <c r="N47693" s="10"/>
    </row>
    <row r="47694" spans="14:14">
      <c r="N47694" s="10"/>
    </row>
    <row r="47695" spans="14:14">
      <c r="N47695" s="10"/>
    </row>
    <row r="47696" spans="14:14">
      <c r="N47696" s="10"/>
    </row>
    <row r="47697" spans="14:14">
      <c r="N47697" s="10"/>
    </row>
    <row r="47698" spans="14:14">
      <c r="N47698" s="10"/>
    </row>
    <row r="47699" spans="14:14">
      <c r="N47699" s="10"/>
    </row>
    <row r="47700" spans="14:14">
      <c r="N47700" s="10"/>
    </row>
    <row r="47701" spans="14:14">
      <c r="N47701" s="10"/>
    </row>
    <row r="47702" spans="14:14">
      <c r="N47702" s="10"/>
    </row>
    <row r="47703" spans="14:14">
      <c r="N47703" s="10"/>
    </row>
    <row r="47704" spans="14:14">
      <c r="N47704" s="10"/>
    </row>
    <row r="47705" spans="14:14">
      <c r="N47705" s="10"/>
    </row>
    <row r="47706" spans="14:14">
      <c r="N47706" s="10"/>
    </row>
    <row r="47707" spans="14:14">
      <c r="N47707" s="10"/>
    </row>
    <row r="47708" spans="14:14">
      <c r="N47708" s="10"/>
    </row>
    <row r="47709" spans="14:14">
      <c r="N47709" s="10"/>
    </row>
    <row r="47710" spans="14:14">
      <c r="N47710" s="10"/>
    </row>
    <row r="47711" spans="14:14">
      <c r="N47711" s="10"/>
    </row>
    <row r="47712" spans="14:14">
      <c r="N47712" s="10"/>
    </row>
    <row r="47713" spans="14:14">
      <c r="N47713" s="10"/>
    </row>
    <row r="47714" spans="14:14">
      <c r="N47714" s="10"/>
    </row>
    <row r="47715" spans="14:14">
      <c r="N47715" s="10"/>
    </row>
    <row r="47716" spans="14:14">
      <c r="N47716" s="10"/>
    </row>
    <row r="47717" spans="14:14">
      <c r="N47717" s="10"/>
    </row>
    <row r="47718" spans="14:14">
      <c r="N47718" s="10"/>
    </row>
    <row r="47719" spans="14:14">
      <c r="N47719" s="10"/>
    </row>
    <row r="47720" spans="14:14">
      <c r="N47720" s="10"/>
    </row>
    <row r="47721" spans="14:14">
      <c r="N47721" s="10"/>
    </row>
    <row r="47722" spans="14:14">
      <c r="N47722" s="10"/>
    </row>
    <row r="47723" spans="14:14">
      <c r="N47723" s="10"/>
    </row>
    <row r="47724" spans="14:14">
      <c r="N47724" s="10"/>
    </row>
    <row r="47725" spans="14:14">
      <c r="N47725" s="10"/>
    </row>
    <row r="47726" spans="14:14">
      <c r="N47726" s="10"/>
    </row>
    <row r="47727" spans="14:14">
      <c r="N47727" s="10"/>
    </row>
    <row r="47728" spans="14:14">
      <c r="N47728" s="10"/>
    </row>
    <row r="47729" spans="14:14">
      <c r="N47729" s="10"/>
    </row>
    <row r="47730" spans="14:14">
      <c r="N47730" s="10"/>
    </row>
    <row r="47731" spans="14:14">
      <c r="N47731" s="10"/>
    </row>
    <row r="47732" spans="14:14">
      <c r="N47732" s="10"/>
    </row>
    <row r="47733" spans="14:14">
      <c r="N47733" s="10"/>
    </row>
    <row r="47734" spans="14:14">
      <c r="N47734" s="10"/>
    </row>
    <row r="47735" spans="14:14">
      <c r="N47735" s="10"/>
    </row>
    <row r="47736" spans="14:14">
      <c r="N47736" s="10"/>
    </row>
    <row r="47737" spans="14:14">
      <c r="N47737" s="10"/>
    </row>
    <row r="47738" spans="14:14">
      <c r="N47738" s="10"/>
    </row>
    <row r="47739" spans="14:14">
      <c r="N47739" s="10"/>
    </row>
    <row r="47740" spans="14:14">
      <c r="N47740" s="10"/>
    </row>
    <row r="47741" spans="14:14">
      <c r="N47741" s="10"/>
    </row>
    <row r="47742" spans="14:14">
      <c r="N47742" s="10"/>
    </row>
    <row r="47743" spans="14:14">
      <c r="N47743" s="10"/>
    </row>
    <row r="47744" spans="14:14">
      <c r="N47744" s="10"/>
    </row>
    <row r="47745" spans="14:14">
      <c r="N47745" s="10"/>
    </row>
    <row r="47746" spans="14:14">
      <c r="N47746" s="10"/>
    </row>
    <row r="47747" spans="14:14">
      <c r="N47747" s="10"/>
    </row>
    <row r="47748" spans="14:14">
      <c r="N47748" s="10"/>
    </row>
    <row r="47749" spans="14:14">
      <c r="N47749" s="10"/>
    </row>
    <row r="47750" spans="14:14">
      <c r="N47750" s="10"/>
    </row>
    <row r="47751" spans="14:14">
      <c r="N47751" s="10"/>
    </row>
    <row r="47752" spans="14:14">
      <c r="N47752" s="10"/>
    </row>
    <row r="47753" spans="14:14">
      <c r="N47753" s="10"/>
    </row>
    <row r="47754" spans="14:14">
      <c r="N47754" s="10"/>
    </row>
    <row r="47755" spans="14:14">
      <c r="N47755" s="10"/>
    </row>
    <row r="47756" spans="14:14">
      <c r="N47756" s="10"/>
    </row>
    <row r="47757" spans="14:14">
      <c r="N47757" s="10"/>
    </row>
    <row r="47758" spans="14:14">
      <c r="N47758" s="10"/>
    </row>
    <row r="47759" spans="14:14">
      <c r="N47759" s="10"/>
    </row>
    <row r="47760" spans="14:14">
      <c r="N47760" s="10"/>
    </row>
    <row r="47761" spans="14:14">
      <c r="N47761" s="10"/>
    </row>
    <row r="47762" spans="14:14">
      <c r="N47762" s="10"/>
    </row>
    <row r="47763" spans="14:14">
      <c r="N47763" s="10"/>
    </row>
    <row r="47764" spans="14:14">
      <c r="N47764" s="10"/>
    </row>
    <row r="47765" spans="14:14">
      <c r="N47765" s="10"/>
    </row>
    <row r="47766" spans="14:14">
      <c r="N47766" s="10"/>
    </row>
    <row r="47767" spans="14:14">
      <c r="N47767" s="10"/>
    </row>
    <row r="47768" spans="14:14">
      <c r="N47768" s="10"/>
    </row>
    <row r="47769" spans="14:14">
      <c r="N47769" s="10"/>
    </row>
    <row r="47770" spans="14:14">
      <c r="N47770" s="10"/>
    </row>
    <row r="47771" spans="14:14">
      <c r="N47771" s="10"/>
    </row>
    <row r="47772" spans="14:14">
      <c r="N47772" s="10"/>
    </row>
    <row r="47773" spans="14:14">
      <c r="N47773" s="10"/>
    </row>
    <row r="47774" spans="14:14">
      <c r="N47774" s="10"/>
    </row>
    <row r="47775" spans="14:14">
      <c r="N47775" s="10"/>
    </row>
    <row r="47776" spans="14:14">
      <c r="N47776" s="10"/>
    </row>
    <row r="47777" spans="14:14">
      <c r="N47777" s="10"/>
    </row>
    <row r="47778" spans="14:14">
      <c r="N47778" s="10"/>
    </row>
    <row r="47779" spans="14:14">
      <c r="N47779" s="10"/>
    </row>
    <row r="47780" spans="14:14">
      <c r="N47780" s="10"/>
    </row>
    <row r="47781" spans="14:14">
      <c r="N47781" s="10"/>
    </row>
    <row r="47782" spans="14:14">
      <c r="N47782" s="10"/>
    </row>
    <row r="47783" spans="14:14">
      <c r="N47783" s="10"/>
    </row>
    <row r="47784" spans="14:14">
      <c r="N47784" s="10"/>
    </row>
    <row r="47785" spans="14:14">
      <c r="N47785" s="10"/>
    </row>
    <row r="47786" spans="14:14">
      <c r="N47786" s="10"/>
    </row>
    <row r="47787" spans="14:14">
      <c r="N47787" s="10"/>
    </row>
    <row r="47788" spans="14:14">
      <c r="N47788" s="10"/>
    </row>
    <row r="47789" spans="14:14">
      <c r="N47789" s="10"/>
    </row>
    <row r="47790" spans="14:14">
      <c r="N47790" s="10"/>
    </row>
    <row r="47791" spans="14:14">
      <c r="N47791" s="10"/>
    </row>
    <row r="47792" spans="14:14">
      <c r="N47792" s="10"/>
    </row>
    <row r="47793" spans="14:14">
      <c r="N47793" s="10"/>
    </row>
    <row r="47794" spans="14:14">
      <c r="N47794" s="10"/>
    </row>
    <row r="47795" spans="14:14">
      <c r="N47795" s="10"/>
    </row>
    <row r="47796" spans="14:14">
      <c r="N47796" s="10"/>
    </row>
    <row r="47797" spans="14:14">
      <c r="N47797" s="10"/>
    </row>
    <row r="47798" spans="14:14">
      <c r="N47798" s="10"/>
    </row>
    <row r="47799" spans="14:14">
      <c r="N47799" s="10"/>
    </row>
    <row r="47800" spans="14:14">
      <c r="N47800" s="10"/>
    </row>
    <row r="47801" spans="14:14">
      <c r="N47801" s="10"/>
    </row>
    <row r="47802" spans="14:14">
      <c r="N47802" s="10"/>
    </row>
    <row r="47803" spans="14:14">
      <c r="N47803" s="10"/>
    </row>
    <row r="47804" spans="14:14">
      <c r="N47804" s="10"/>
    </row>
    <row r="47805" spans="14:14">
      <c r="N47805" s="10"/>
    </row>
    <row r="47806" spans="14:14">
      <c r="N47806" s="10"/>
    </row>
    <row r="47807" spans="14:14">
      <c r="N47807" s="10"/>
    </row>
    <row r="47808" spans="14:14">
      <c r="N47808" s="10"/>
    </row>
    <row r="47809" spans="14:14">
      <c r="N47809" s="10"/>
    </row>
    <row r="47810" spans="14:14">
      <c r="N47810" s="10"/>
    </row>
    <row r="47811" spans="14:14">
      <c r="N47811" s="10"/>
    </row>
    <row r="47812" spans="14:14">
      <c r="N47812" s="10"/>
    </row>
    <row r="47813" spans="14:14">
      <c r="N47813" s="10"/>
    </row>
    <row r="47814" spans="14:14">
      <c r="N47814" s="10"/>
    </row>
    <row r="47815" spans="14:14">
      <c r="N47815" s="10"/>
    </row>
    <row r="47816" spans="14:14">
      <c r="N47816" s="10"/>
    </row>
    <row r="47817" spans="14:14">
      <c r="N47817" s="10"/>
    </row>
    <row r="47818" spans="14:14">
      <c r="N47818" s="10"/>
    </row>
    <row r="47819" spans="14:14">
      <c r="N47819" s="10"/>
    </row>
    <row r="47820" spans="14:14">
      <c r="N47820" s="10"/>
    </row>
    <row r="47821" spans="14:14">
      <c r="N47821" s="10"/>
    </row>
    <row r="47822" spans="14:14">
      <c r="N47822" s="10"/>
    </row>
    <row r="47823" spans="14:14">
      <c r="N47823" s="10"/>
    </row>
    <row r="47824" spans="14:14">
      <c r="N47824" s="10"/>
    </row>
    <row r="47825" spans="14:14">
      <c r="N47825" s="10"/>
    </row>
    <row r="47826" spans="14:14">
      <c r="N47826" s="10"/>
    </row>
    <row r="47827" spans="14:14">
      <c r="N47827" s="10"/>
    </row>
    <row r="47828" spans="14:14">
      <c r="N47828" s="10"/>
    </row>
    <row r="47829" spans="14:14">
      <c r="N47829" s="10"/>
    </row>
    <row r="47830" spans="14:14">
      <c r="N47830" s="10"/>
    </row>
    <row r="47831" spans="14:14">
      <c r="N47831" s="10"/>
    </row>
    <row r="47832" spans="14:14">
      <c r="N47832" s="10"/>
    </row>
    <row r="47833" spans="14:14">
      <c r="N47833" s="10"/>
    </row>
    <row r="47834" spans="14:14">
      <c r="N47834" s="10"/>
    </row>
    <row r="47835" spans="14:14">
      <c r="N47835" s="10"/>
    </row>
    <row r="47836" spans="14:14">
      <c r="N47836" s="10"/>
    </row>
    <row r="47837" spans="14:14">
      <c r="N47837" s="10"/>
    </row>
    <row r="47838" spans="14:14">
      <c r="N47838" s="10"/>
    </row>
    <row r="47839" spans="14:14">
      <c r="N47839" s="10"/>
    </row>
    <row r="47840" spans="14:14">
      <c r="N47840" s="10"/>
    </row>
    <row r="47841" spans="14:14">
      <c r="N47841" s="10"/>
    </row>
    <row r="47842" spans="14:14">
      <c r="N47842" s="10"/>
    </row>
    <row r="47843" spans="14:14">
      <c r="N47843" s="10"/>
    </row>
    <row r="47844" spans="14:14">
      <c r="N47844" s="10"/>
    </row>
    <row r="47845" spans="14:14">
      <c r="N47845" s="10"/>
    </row>
    <row r="47846" spans="14:14">
      <c r="N47846" s="10"/>
    </row>
    <row r="47847" spans="14:14">
      <c r="N47847" s="10"/>
    </row>
    <row r="47848" spans="14:14">
      <c r="N47848" s="10"/>
    </row>
    <row r="47849" spans="14:14">
      <c r="N47849" s="10"/>
    </row>
    <row r="47850" spans="14:14">
      <c r="N47850" s="10"/>
    </row>
    <row r="47851" spans="14:14">
      <c r="N47851" s="10"/>
    </row>
    <row r="47852" spans="14:14">
      <c r="N47852" s="10"/>
    </row>
    <row r="47853" spans="14:14">
      <c r="N47853" s="10"/>
    </row>
    <row r="47854" spans="14:14">
      <c r="N47854" s="10"/>
    </row>
    <row r="47855" spans="14:14">
      <c r="N47855" s="10"/>
    </row>
    <row r="47856" spans="14:14">
      <c r="N47856" s="10"/>
    </row>
    <row r="47857" spans="14:14">
      <c r="N47857" s="10"/>
    </row>
    <row r="47858" spans="14:14">
      <c r="N47858" s="10"/>
    </row>
    <row r="47859" spans="14:14">
      <c r="N47859" s="10"/>
    </row>
    <row r="47860" spans="14:14">
      <c r="N47860" s="10"/>
    </row>
    <row r="47861" spans="14:14">
      <c r="N47861" s="10"/>
    </row>
    <row r="47862" spans="14:14">
      <c r="N47862" s="10"/>
    </row>
    <row r="47863" spans="14:14">
      <c r="N47863" s="10"/>
    </row>
    <row r="47864" spans="14:14">
      <c r="N47864" s="10"/>
    </row>
    <row r="47865" spans="14:14">
      <c r="N47865" s="10"/>
    </row>
    <row r="47866" spans="14:14">
      <c r="N47866" s="10"/>
    </row>
    <row r="47867" spans="14:14">
      <c r="N47867" s="10"/>
    </row>
    <row r="47868" spans="14:14">
      <c r="N47868" s="10"/>
    </row>
    <row r="47869" spans="14:14">
      <c r="N47869" s="10"/>
    </row>
    <row r="47870" spans="14:14">
      <c r="N47870" s="10"/>
    </row>
    <row r="47871" spans="14:14">
      <c r="N47871" s="10"/>
    </row>
    <row r="47872" spans="14:14">
      <c r="N47872" s="10"/>
    </row>
    <row r="47873" spans="14:14">
      <c r="N47873" s="10"/>
    </row>
    <row r="47874" spans="14:14">
      <c r="N47874" s="10"/>
    </row>
    <row r="47875" spans="14:14">
      <c r="N47875" s="10"/>
    </row>
    <row r="47876" spans="14:14">
      <c r="N47876" s="10"/>
    </row>
    <row r="47877" spans="14:14">
      <c r="N47877" s="10"/>
    </row>
    <row r="47878" spans="14:14">
      <c r="N47878" s="10"/>
    </row>
    <row r="47879" spans="14:14">
      <c r="N47879" s="10"/>
    </row>
    <row r="47880" spans="14:14">
      <c r="N47880" s="10"/>
    </row>
    <row r="47881" spans="14:14">
      <c r="N47881" s="10"/>
    </row>
    <row r="47882" spans="14:14">
      <c r="N47882" s="10"/>
    </row>
    <row r="47883" spans="14:14">
      <c r="N47883" s="10"/>
    </row>
    <row r="47884" spans="14:14">
      <c r="N47884" s="10"/>
    </row>
    <row r="47885" spans="14:14">
      <c r="N47885" s="10"/>
    </row>
    <row r="47886" spans="14:14">
      <c r="N47886" s="10"/>
    </row>
    <row r="47887" spans="14:14">
      <c r="N47887" s="10"/>
    </row>
    <row r="47888" spans="14:14">
      <c r="N47888" s="10"/>
    </row>
    <row r="47889" spans="14:14">
      <c r="N47889" s="10"/>
    </row>
    <row r="47890" spans="14:14">
      <c r="N47890" s="10"/>
    </row>
    <row r="47891" spans="14:14">
      <c r="N47891" s="10"/>
    </row>
    <row r="47892" spans="14:14">
      <c r="N47892" s="10"/>
    </row>
    <row r="47893" spans="14:14">
      <c r="N47893" s="10"/>
    </row>
    <row r="47894" spans="14:14">
      <c r="N47894" s="10"/>
    </row>
    <row r="47895" spans="14:14">
      <c r="N47895" s="10"/>
    </row>
    <row r="47896" spans="14:14">
      <c r="N47896" s="10"/>
    </row>
    <row r="47897" spans="14:14">
      <c r="N47897" s="10"/>
    </row>
    <row r="47898" spans="14:14">
      <c r="N47898" s="10"/>
    </row>
    <row r="47899" spans="14:14">
      <c r="N47899" s="10"/>
    </row>
    <row r="47900" spans="14:14">
      <c r="N47900" s="10"/>
    </row>
    <row r="47901" spans="14:14">
      <c r="N47901" s="10"/>
    </row>
    <row r="47902" spans="14:14">
      <c r="N47902" s="10"/>
    </row>
    <row r="47903" spans="14:14">
      <c r="N47903" s="10"/>
    </row>
    <row r="47904" spans="14:14">
      <c r="N47904" s="10"/>
    </row>
    <row r="47905" spans="14:14">
      <c r="N47905" s="10"/>
    </row>
    <row r="47906" spans="14:14">
      <c r="N47906" s="10"/>
    </row>
    <row r="47907" spans="14:14">
      <c r="N47907" s="10"/>
    </row>
    <row r="47908" spans="14:14">
      <c r="N47908" s="10"/>
    </row>
    <row r="47909" spans="14:14">
      <c r="N47909" s="10"/>
    </row>
    <row r="47910" spans="14:14">
      <c r="N47910" s="10"/>
    </row>
    <row r="47911" spans="14:14">
      <c r="N47911" s="10"/>
    </row>
    <row r="47912" spans="14:14">
      <c r="N47912" s="10"/>
    </row>
    <row r="47913" spans="14:14">
      <c r="N47913" s="10"/>
    </row>
    <row r="47914" spans="14:14">
      <c r="N47914" s="10"/>
    </row>
    <row r="47915" spans="14:14">
      <c r="N47915" s="10"/>
    </row>
    <row r="47916" spans="14:14">
      <c r="N47916" s="10"/>
    </row>
    <row r="47917" spans="14:14">
      <c r="N47917" s="10"/>
    </row>
    <row r="47918" spans="14:14">
      <c r="N47918" s="10"/>
    </row>
    <row r="47919" spans="14:14">
      <c r="N47919" s="10"/>
    </row>
    <row r="47920" spans="14:14">
      <c r="N47920" s="10"/>
    </row>
    <row r="47921" spans="14:14">
      <c r="N47921" s="10"/>
    </row>
    <row r="47922" spans="14:14">
      <c r="N47922" s="10"/>
    </row>
    <row r="47923" spans="14:14">
      <c r="N47923" s="10"/>
    </row>
    <row r="47924" spans="14:14">
      <c r="N47924" s="10"/>
    </row>
    <row r="47925" spans="14:14">
      <c r="N47925" s="10"/>
    </row>
    <row r="47926" spans="14:14">
      <c r="N47926" s="10"/>
    </row>
    <row r="47927" spans="14:14">
      <c r="N47927" s="10"/>
    </row>
    <row r="47928" spans="14:14">
      <c r="N47928" s="10"/>
    </row>
    <row r="47929" spans="14:14">
      <c r="N47929" s="10"/>
    </row>
    <row r="47930" spans="14:14">
      <c r="N47930" s="10"/>
    </row>
    <row r="47931" spans="14:14">
      <c r="N47931" s="10"/>
    </row>
    <row r="47932" spans="14:14">
      <c r="N47932" s="10"/>
    </row>
    <row r="47933" spans="14:14">
      <c r="N47933" s="10"/>
    </row>
    <row r="47934" spans="14:14">
      <c r="N47934" s="10"/>
    </row>
    <row r="47935" spans="14:14">
      <c r="N47935" s="10"/>
    </row>
    <row r="47936" spans="14:14">
      <c r="N47936" s="10"/>
    </row>
    <row r="47937" spans="14:14">
      <c r="N47937" s="10"/>
    </row>
    <row r="47938" spans="14:14">
      <c r="N47938" s="10"/>
    </row>
    <row r="47939" spans="14:14">
      <c r="N47939" s="10"/>
    </row>
    <row r="47940" spans="14:14">
      <c r="N47940" s="10"/>
    </row>
    <row r="47941" spans="14:14">
      <c r="N47941" s="10"/>
    </row>
    <row r="47942" spans="14:14">
      <c r="N47942" s="10"/>
    </row>
    <row r="47943" spans="14:14">
      <c r="N47943" s="10"/>
    </row>
    <row r="47944" spans="14:14">
      <c r="N47944" s="10"/>
    </row>
    <row r="47945" spans="14:14">
      <c r="N47945" s="10"/>
    </row>
    <row r="47946" spans="14:14">
      <c r="N47946" s="10"/>
    </row>
    <row r="47947" spans="14:14">
      <c r="N47947" s="10"/>
    </row>
    <row r="47948" spans="14:14">
      <c r="N47948" s="10"/>
    </row>
    <row r="47949" spans="14:14">
      <c r="N47949" s="10"/>
    </row>
    <row r="47950" spans="14:14">
      <c r="N47950" s="10"/>
    </row>
    <row r="47951" spans="14:14">
      <c r="N47951" s="10"/>
    </row>
    <row r="47952" spans="14:14">
      <c r="N47952" s="10"/>
    </row>
    <row r="47953" spans="14:14">
      <c r="N47953" s="10"/>
    </row>
    <row r="47954" spans="14:14">
      <c r="N47954" s="10"/>
    </row>
    <row r="47955" spans="14:14">
      <c r="N47955" s="10"/>
    </row>
    <row r="47956" spans="14:14">
      <c r="N47956" s="10"/>
    </row>
    <row r="47957" spans="14:14">
      <c r="N47957" s="10"/>
    </row>
    <row r="47958" spans="14:14">
      <c r="N47958" s="10"/>
    </row>
    <row r="47959" spans="14:14">
      <c r="N47959" s="10"/>
    </row>
    <row r="47960" spans="14:14">
      <c r="N47960" s="10"/>
    </row>
    <row r="47961" spans="14:14">
      <c r="N47961" s="10"/>
    </row>
    <row r="47962" spans="14:14">
      <c r="N47962" s="10"/>
    </row>
    <row r="47963" spans="14:14">
      <c r="N47963" s="10"/>
    </row>
    <row r="47964" spans="14:14">
      <c r="N47964" s="10"/>
    </row>
    <row r="47965" spans="14:14">
      <c r="N47965" s="10"/>
    </row>
    <row r="47966" spans="14:14">
      <c r="N47966" s="10"/>
    </row>
    <row r="47967" spans="14:14">
      <c r="N47967" s="10"/>
    </row>
    <row r="47968" spans="14:14">
      <c r="N47968" s="10"/>
    </row>
    <row r="47969" spans="14:14">
      <c r="N47969" s="10"/>
    </row>
    <row r="47970" spans="14:14">
      <c r="N47970" s="10"/>
    </row>
    <row r="47971" spans="14:14">
      <c r="N47971" s="10"/>
    </row>
    <row r="47972" spans="14:14">
      <c r="N47972" s="10"/>
    </row>
    <row r="47973" spans="14:14">
      <c r="N47973" s="10"/>
    </row>
    <row r="47974" spans="14:14">
      <c r="N47974" s="10"/>
    </row>
    <row r="47975" spans="14:14">
      <c r="N47975" s="10"/>
    </row>
    <row r="47976" spans="14:14">
      <c r="N47976" s="10"/>
    </row>
    <row r="47977" spans="14:14">
      <c r="N47977" s="10"/>
    </row>
    <row r="47978" spans="14:14">
      <c r="N47978" s="10"/>
    </row>
    <row r="47979" spans="14:14">
      <c r="N47979" s="10"/>
    </row>
    <row r="47980" spans="14:14">
      <c r="N47980" s="10"/>
    </row>
    <row r="47981" spans="14:14">
      <c r="N47981" s="10"/>
    </row>
    <row r="47982" spans="14:14">
      <c r="N47982" s="10"/>
    </row>
    <row r="47983" spans="14:14">
      <c r="N47983" s="10"/>
    </row>
    <row r="47984" spans="14:14">
      <c r="N47984" s="10"/>
    </row>
    <row r="47985" spans="14:14">
      <c r="N47985" s="10"/>
    </row>
    <row r="47986" spans="14:14">
      <c r="N47986" s="10"/>
    </row>
    <row r="47987" spans="14:14">
      <c r="N47987" s="10"/>
    </row>
    <row r="47988" spans="14:14">
      <c r="N47988" s="10"/>
    </row>
    <row r="47989" spans="14:14">
      <c r="N47989" s="10"/>
    </row>
    <row r="47990" spans="14:14">
      <c r="N47990" s="10"/>
    </row>
    <row r="47991" spans="14:14">
      <c r="N47991" s="10"/>
    </row>
    <row r="47992" spans="14:14">
      <c r="N47992" s="10"/>
    </row>
    <row r="47993" spans="14:14">
      <c r="N47993" s="10"/>
    </row>
    <row r="47994" spans="14:14">
      <c r="N47994" s="10"/>
    </row>
    <row r="47995" spans="14:14">
      <c r="N47995" s="10"/>
    </row>
    <row r="47996" spans="14:14">
      <c r="N47996" s="10"/>
    </row>
    <row r="47997" spans="14:14">
      <c r="N47997" s="10"/>
    </row>
    <row r="47998" spans="14:14">
      <c r="N47998" s="10"/>
    </row>
    <row r="47999" spans="14:14">
      <c r="N47999" s="10"/>
    </row>
    <row r="48000" spans="14:14">
      <c r="N48000" s="10"/>
    </row>
    <row r="48001" spans="14:14">
      <c r="N48001" s="10"/>
    </row>
    <row r="48002" spans="14:14">
      <c r="N48002" s="10"/>
    </row>
    <row r="48003" spans="14:14">
      <c r="N48003" s="10"/>
    </row>
    <row r="48004" spans="14:14">
      <c r="N48004" s="10"/>
    </row>
    <row r="48005" spans="14:14">
      <c r="N48005" s="10"/>
    </row>
    <row r="48006" spans="14:14">
      <c r="N48006" s="10"/>
    </row>
    <row r="48007" spans="14:14">
      <c r="N48007" s="10"/>
    </row>
    <row r="48008" spans="14:14">
      <c r="N48008" s="10"/>
    </row>
    <row r="48009" spans="14:14">
      <c r="N48009" s="10"/>
    </row>
    <row r="48010" spans="14:14">
      <c r="N48010" s="10"/>
    </row>
    <row r="48011" spans="14:14">
      <c r="N48011" s="10"/>
    </row>
    <row r="48012" spans="14:14">
      <c r="N48012" s="10"/>
    </row>
    <row r="48013" spans="14:14">
      <c r="N48013" s="10"/>
    </row>
    <row r="48014" spans="14:14">
      <c r="N48014" s="10"/>
    </row>
    <row r="48015" spans="14:14">
      <c r="N48015" s="10"/>
    </row>
    <row r="48016" spans="14:14">
      <c r="N48016" s="10"/>
    </row>
    <row r="48017" spans="14:14">
      <c r="N48017" s="10"/>
    </row>
    <row r="48018" spans="14:14">
      <c r="N48018" s="10"/>
    </row>
    <row r="48019" spans="14:14">
      <c r="N48019" s="10"/>
    </row>
    <row r="48020" spans="14:14">
      <c r="N48020" s="10"/>
    </row>
    <row r="48021" spans="14:14">
      <c r="N48021" s="10"/>
    </row>
    <row r="48022" spans="14:14">
      <c r="N48022" s="10"/>
    </row>
    <row r="48023" spans="14:14">
      <c r="N48023" s="10"/>
    </row>
    <row r="48024" spans="14:14">
      <c r="N48024" s="10"/>
    </row>
    <row r="48025" spans="14:14">
      <c r="N48025" s="10"/>
    </row>
    <row r="48026" spans="14:14">
      <c r="N48026" s="10"/>
    </row>
    <row r="48027" spans="14:14">
      <c r="N48027" s="10"/>
    </row>
    <row r="48028" spans="14:14">
      <c r="N48028" s="10"/>
    </row>
    <row r="48029" spans="14:14">
      <c r="N48029" s="10"/>
    </row>
    <row r="48030" spans="14:14">
      <c r="N48030" s="10"/>
    </row>
    <row r="48031" spans="14:14">
      <c r="N48031" s="10"/>
    </row>
    <row r="48032" spans="14:14">
      <c r="N48032" s="10"/>
    </row>
    <row r="48033" spans="14:14">
      <c r="N48033" s="10"/>
    </row>
    <row r="48034" spans="14:14">
      <c r="N48034" s="10"/>
    </row>
    <row r="48035" spans="14:14">
      <c r="N48035" s="10"/>
    </row>
    <row r="48036" spans="14:14">
      <c r="N48036" s="10"/>
    </row>
    <row r="48037" spans="14:14">
      <c r="N48037" s="10"/>
    </row>
    <row r="48038" spans="14:14">
      <c r="N48038" s="10"/>
    </row>
    <row r="48039" spans="14:14">
      <c r="N48039" s="10"/>
    </row>
    <row r="48040" spans="14:14">
      <c r="N48040" s="10"/>
    </row>
    <row r="48041" spans="14:14">
      <c r="N48041" s="10"/>
    </row>
    <row r="48042" spans="14:14">
      <c r="N48042" s="10"/>
    </row>
    <row r="48043" spans="14:14">
      <c r="N48043" s="10"/>
    </row>
    <row r="48044" spans="14:14">
      <c r="N48044" s="10"/>
    </row>
    <row r="48045" spans="14:14">
      <c r="N48045" s="10"/>
    </row>
    <row r="48046" spans="14:14">
      <c r="N48046" s="10"/>
    </row>
    <row r="48047" spans="14:14">
      <c r="N48047" s="10"/>
    </row>
    <row r="48048" spans="14:14">
      <c r="N48048" s="10"/>
    </row>
    <row r="48049" spans="14:14">
      <c r="N48049" s="10"/>
    </row>
    <row r="48050" spans="14:14">
      <c r="N48050" s="10"/>
    </row>
    <row r="48051" spans="14:14">
      <c r="N48051" s="10"/>
    </row>
    <row r="48052" spans="14:14">
      <c r="N48052" s="10"/>
    </row>
    <row r="48053" spans="14:14">
      <c r="N48053" s="10"/>
    </row>
    <row r="48054" spans="14:14">
      <c r="N48054" s="10"/>
    </row>
    <row r="48055" spans="14:14">
      <c r="N48055" s="10"/>
    </row>
    <row r="48056" spans="14:14">
      <c r="N48056" s="10"/>
    </row>
    <row r="48057" spans="14:14">
      <c r="N48057" s="10"/>
    </row>
    <row r="48058" spans="14:14">
      <c r="N48058" s="10"/>
    </row>
    <row r="48059" spans="14:14">
      <c r="N48059" s="10"/>
    </row>
    <row r="48060" spans="14:14">
      <c r="N48060" s="10"/>
    </row>
    <row r="48061" spans="14:14">
      <c r="N48061" s="10"/>
    </row>
    <row r="48062" spans="14:14">
      <c r="N48062" s="10"/>
    </row>
    <row r="48063" spans="14:14">
      <c r="N48063" s="10"/>
    </row>
    <row r="48064" spans="14:14">
      <c r="N48064" s="10"/>
    </row>
    <row r="48065" spans="14:14">
      <c r="N48065" s="10"/>
    </row>
    <row r="48066" spans="14:14">
      <c r="N48066" s="10"/>
    </row>
    <row r="48067" spans="14:14">
      <c r="N48067" s="10"/>
    </row>
    <row r="48068" spans="14:14">
      <c r="N48068" s="10"/>
    </row>
    <row r="48069" spans="14:14">
      <c r="N48069" s="10"/>
    </row>
    <row r="48070" spans="14:14">
      <c r="N48070" s="10"/>
    </row>
    <row r="48071" spans="14:14">
      <c r="N48071" s="10"/>
    </row>
    <row r="48072" spans="14:14">
      <c r="N48072" s="10"/>
    </row>
    <row r="48073" spans="14:14">
      <c r="N48073" s="10"/>
    </row>
    <row r="48074" spans="14:14">
      <c r="N48074" s="10"/>
    </row>
    <row r="48075" spans="14:14">
      <c r="N48075" s="10"/>
    </row>
    <row r="48076" spans="14:14">
      <c r="N48076" s="10"/>
    </row>
    <row r="48077" spans="14:14">
      <c r="N48077" s="10"/>
    </row>
    <row r="48078" spans="14:14">
      <c r="N48078" s="10"/>
    </row>
    <row r="48079" spans="14:14">
      <c r="N48079" s="10"/>
    </row>
    <row r="48080" spans="14:14">
      <c r="N48080" s="10"/>
    </row>
    <row r="48081" spans="14:14">
      <c r="N48081" s="10"/>
    </row>
    <row r="48082" spans="14:14">
      <c r="N48082" s="10"/>
    </row>
    <row r="48083" spans="14:14">
      <c r="N48083" s="10"/>
    </row>
    <row r="48084" spans="14:14">
      <c r="N48084" s="10"/>
    </row>
    <row r="48085" spans="14:14">
      <c r="N48085" s="10"/>
    </row>
    <row r="48086" spans="14:14">
      <c r="N48086" s="10"/>
    </row>
    <row r="48087" spans="14:14">
      <c r="N48087" s="10"/>
    </row>
    <row r="48088" spans="14:14">
      <c r="N48088" s="10"/>
    </row>
    <row r="48089" spans="14:14">
      <c r="N48089" s="10"/>
    </row>
    <row r="48090" spans="14:14">
      <c r="N48090" s="10"/>
    </row>
    <row r="48091" spans="14:14">
      <c r="N48091" s="10"/>
    </row>
    <row r="48092" spans="14:14">
      <c r="N48092" s="10"/>
    </row>
    <row r="48093" spans="14:14">
      <c r="N48093" s="10"/>
    </row>
    <row r="48094" spans="14:14">
      <c r="N48094" s="10"/>
    </row>
    <row r="48095" spans="14:14">
      <c r="N48095" s="10"/>
    </row>
    <row r="48096" spans="14:14">
      <c r="N48096" s="10"/>
    </row>
    <row r="48097" spans="14:14">
      <c r="N48097" s="10"/>
    </row>
    <row r="48098" spans="14:14">
      <c r="N48098" s="10"/>
    </row>
    <row r="48099" spans="14:14">
      <c r="N48099" s="10"/>
    </row>
    <row r="48100" spans="14:14">
      <c r="N48100" s="10"/>
    </row>
    <row r="48101" spans="14:14">
      <c r="N48101" s="10"/>
    </row>
    <row r="48102" spans="14:14">
      <c r="N48102" s="10"/>
    </row>
    <row r="48103" spans="14:14">
      <c r="N48103" s="10"/>
    </row>
    <row r="48104" spans="14:14">
      <c r="N48104" s="10"/>
    </row>
    <row r="48105" spans="14:14">
      <c r="N48105" s="10"/>
    </row>
    <row r="48106" spans="14:14">
      <c r="N48106" s="10"/>
    </row>
    <row r="48107" spans="14:14">
      <c r="N48107" s="10"/>
    </row>
    <row r="48108" spans="14:14">
      <c r="N48108" s="10"/>
    </row>
    <row r="48109" spans="14:14">
      <c r="N48109" s="10"/>
    </row>
    <row r="48110" spans="14:14">
      <c r="N48110" s="10"/>
    </row>
    <row r="48111" spans="14:14">
      <c r="N48111" s="10"/>
    </row>
    <row r="48112" spans="14:14">
      <c r="N48112" s="10"/>
    </row>
    <row r="48113" spans="14:14">
      <c r="N48113" s="10"/>
    </row>
    <row r="48114" spans="14:14">
      <c r="N48114" s="10"/>
    </row>
    <row r="48115" spans="14:14">
      <c r="N48115" s="10"/>
    </row>
    <row r="48116" spans="14:14">
      <c r="N48116" s="10"/>
    </row>
    <row r="48117" spans="14:14">
      <c r="N48117" s="10"/>
    </row>
    <row r="48118" spans="14:14">
      <c r="N48118" s="10"/>
    </row>
    <row r="48119" spans="14:14">
      <c r="N48119" s="10"/>
    </row>
    <row r="48120" spans="14:14">
      <c r="N48120" s="10"/>
    </row>
    <row r="48121" spans="14:14">
      <c r="N48121" s="10"/>
    </row>
    <row r="48122" spans="14:14">
      <c r="N48122" s="10"/>
    </row>
    <row r="48123" spans="14:14">
      <c r="N48123" s="10"/>
    </row>
    <row r="48124" spans="14:14">
      <c r="N48124" s="10"/>
    </row>
    <row r="48125" spans="14:14">
      <c r="N48125" s="10"/>
    </row>
    <row r="48126" spans="14:14">
      <c r="N48126" s="10"/>
    </row>
    <row r="48127" spans="14:14">
      <c r="N48127" s="10"/>
    </row>
    <row r="48128" spans="14:14">
      <c r="N48128" s="10"/>
    </row>
    <row r="48129" spans="14:14">
      <c r="N48129" s="10"/>
    </row>
    <row r="48130" spans="14:14">
      <c r="N48130" s="10"/>
    </row>
    <row r="48131" spans="14:14">
      <c r="N48131" s="10"/>
    </row>
    <row r="48132" spans="14:14">
      <c r="N48132" s="10"/>
    </row>
    <row r="48133" spans="14:14">
      <c r="N48133" s="10"/>
    </row>
    <row r="48134" spans="14:14">
      <c r="N48134" s="10"/>
    </row>
    <row r="48135" spans="14:14">
      <c r="N48135" s="10"/>
    </row>
    <row r="48136" spans="14:14">
      <c r="N48136" s="10"/>
    </row>
    <row r="48137" spans="14:14">
      <c r="N48137" s="10"/>
    </row>
    <row r="48138" spans="14:14">
      <c r="N48138" s="10"/>
    </row>
    <row r="48139" spans="14:14">
      <c r="N48139" s="10"/>
    </row>
    <row r="48140" spans="14:14">
      <c r="N48140" s="10"/>
    </row>
    <row r="48141" spans="14:14">
      <c r="N48141" s="10"/>
    </row>
    <row r="48142" spans="14:14">
      <c r="N48142" s="10"/>
    </row>
    <row r="48143" spans="14:14">
      <c r="N48143" s="10"/>
    </row>
    <row r="48144" spans="14:14">
      <c r="N48144" s="10"/>
    </row>
    <row r="48145" spans="14:14">
      <c r="N48145" s="10"/>
    </row>
    <row r="48146" spans="14:14">
      <c r="N48146" s="10"/>
    </row>
    <row r="48147" spans="14:14">
      <c r="N48147" s="10"/>
    </row>
    <row r="48148" spans="14:14">
      <c r="N48148" s="10"/>
    </row>
    <row r="48149" spans="14:14">
      <c r="N48149" s="10"/>
    </row>
    <row r="48150" spans="14:14">
      <c r="N48150" s="10"/>
    </row>
    <row r="48151" spans="14:14">
      <c r="N48151" s="10"/>
    </row>
    <row r="48152" spans="14:14">
      <c r="N48152" s="10"/>
    </row>
    <row r="48153" spans="14:14">
      <c r="N48153" s="10"/>
    </row>
    <row r="48154" spans="14:14">
      <c r="N48154" s="10"/>
    </row>
    <row r="48155" spans="14:14">
      <c r="N48155" s="10"/>
    </row>
    <row r="48156" spans="14:14">
      <c r="N48156" s="10"/>
    </row>
    <row r="48157" spans="14:14">
      <c r="N48157" s="10"/>
    </row>
    <row r="48158" spans="14:14">
      <c r="N48158" s="10"/>
    </row>
    <row r="48159" spans="14:14">
      <c r="N48159" s="10"/>
    </row>
    <row r="48160" spans="14:14">
      <c r="N48160" s="10"/>
    </row>
    <row r="48161" spans="14:14">
      <c r="N48161" s="10"/>
    </row>
    <row r="48162" spans="14:14">
      <c r="N48162" s="10"/>
    </row>
    <row r="48163" spans="14:14">
      <c r="N48163" s="10"/>
    </row>
    <row r="48164" spans="14:14">
      <c r="N48164" s="10"/>
    </row>
    <row r="48165" spans="14:14">
      <c r="N48165" s="10"/>
    </row>
    <row r="48166" spans="14:14">
      <c r="N48166" s="10"/>
    </row>
    <row r="48167" spans="14:14">
      <c r="N48167" s="10"/>
    </row>
    <row r="48168" spans="14:14">
      <c r="N48168" s="10"/>
    </row>
    <row r="48169" spans="14:14">
      <c r="N48169" s="10"/>
    </row>
    <row r="48170" spans="14:14">
      <c r="N48170" s="10"/>
    </row>
    <row r="48171" spans="14:14">
      <c r="N48171" s="10"/>
    </row>
    <row r="48172" spans="14:14">
      <c r="N48172" s="10"/>
    </row>
    <row r="48173" spans="14:14">
      <c r="N48173" s="10"/>
    </row>
    <row r="48174" spans="14:14">
      <c r="N48174" s="10"/>
    </row>
    <row r="48175" spans="14:14">
      <c r="N48175" s="10"/>
    </row>
    <row r="48176" spans="14:14">
      <c r="N48176" s="10"/>
    </row>
    <row r="48177" spans="14:14">
      <c r="N48177" s="10"/>
    </row>
    <row r="48178" spans="14:14">
      <c r="N48178" s="10"/>
    </row>
    <row r="48179" spans="14:14">
      <c r="N48179" s="10"/>
    </row>
    <row r="48180" spans="14:14">
      <c r="N48180" s="10"/>
    </row>
    <row r="48181" spans="14:14">
      <c r="N48181" s="10"/>
    </row>
    <row r="48182" spans="14:14">
      <c r="N48182" s="10"/>
    </row>
    <row r="48183" spans="14:14">
      <c r="N48183" s="10"/>
    </row>
    <row r="48184" spans="14:14">
      <c r="N48184" s="10"/>
    </row>
    <row r="48185" spans="14:14">
      <c r="N48185" s="10"/>
    </row>
    <row r="48186" spans="14:14">
      <c r="N48186" s="10"/>
    </row>
    <row r="48187" spans="14:14">
      <c r="N48187" s="10"/>
    </row>
    <row r="48188" spans="14:14">
      <c r="N48188" s="10"/>
    </row>
    <row r="48189" spans="14:14">
      <c r="N48189" s="10"/>
    </row>
    <row r="48190" spans="14:14">
      <c r="N48190" s="10"/>
    </row>
    <row r="48191" spans="14:14">
      <c r="N48191" s="10"/>
    </row>
    <row r="48192" spans="14:14">
      <c r="N48192" s="10"/>
    </row>
    <row r="48193" spans="14:14">
      <c r="N48193" s="10"/>
    </row>
    <row r="48194" spans="14:14">
      <c r="N48194" s="10"/>
    </row>
    <row r="48195" spans="14:14">
      <c r="N48195" s="10"/>
    </row>
    <row r="48196" spans="14:14">
      <c r="N48196" s="10"/>
    </row>
    <row r="48197" spans="14:14">
      <c r="N48197" s="10"/>
    </row>
    <row r="48198" spans="14:14">
      <c r="N48198" s="10"/>
    </row>
    <row r="48199" spans="14:14">
      <c r="N48199" s="10"/>
    </row>
    <row r="48200" spans="14:14">
      <c r="N48200" s="10"/>
    </row>
    <row r="48201" spans="14:14">
      <c r="N48201" s="10"/>
    </row>
    <row r="48202" spans="14:14">
      <c r="N48202" s="10"/>
    </row>
    <row r="48203" spans="14:14">
      <c r="N48203" s="10"/>
    </row>
    <row r="48204" spans="14:14">
      <c r="N48204" s="10"/>
    </row>
    <row r="48205" spans="14:14">
      <c r="N48205" s="10"/>
    </row>
    <row r="48206" spans="14:14">
      <c r="N48206" s="10"/>
    </row>
    <row r="48207" spans="14:14">
      <c r="N48207" s="10"/>
    </row>
    <row r="48208" spans="14:14">
      <c r="N48208" s="10"/>
    </row>
    <row r="48209" spans="14:14">
      <c r="N48209" s="10"/>
    </row>
    <row r="48210" spans="14:14">
      <c r="N48210" s="10"/>
    </row>
    <row r="48211" spans="14:14">
      <c r="N48211" s="10"/>
    </row>
    <row r="48212" spans="14:14">
      <c r="N48212" s="10"/>
    </row>
    <row r="48213" spans="14:14">
      <c r="N48213" s="10"/>
    </row>
    <row r="48214" spans="14:14">
      <c r="N48214" s="10"/>
    </row>
    <row r="48215" spans="14:14">
      <c r="N48215" s="10"/>
    </row>
    <row r="48216" spans="14:14">
      <c r="N48216" s="10"/>
    </row>
    <row r="48217" spans="14:14">
      <c r="N48217" s="10"/>
    </row>
    <row r="48218" spans="14:14">
      <c r="N48218" s="10"/>
    </row>
    <row r="48219" spans="14:14">
      <c r="N48219" s="10"/>
    </row>
    <row r="48220" spans="14:14">
      <c r="N48220" s="10"/>
    </row>
    <row r="48221" spans="14:14">
      <c r="N48221" s="10"/>
    </row>
    <row r="48222" spans="14:14">
      <c r="N48222" s="10"/>
    </row>
    <row r="48223" spans="14:14">
      <c r="N48223" s="10"/>
    </row>
    <row r="48224" spans="14:14">
      <c r="N48224" s="10"/>
    </row>
    <row r="48225" spans="14:14">
      <c r="N48225" s="10"/>
    </row>
    <row r="48226" spans="14:14">
      <c r="N48226" s="10"/>
    </row>
    <row r="48227" spans="14:14">
      <c r="N48227" s="10"/>
    </row>
    <row r="48228" spans="14:14">
      <c r="N48228" s="10"/>
    </row>
    <row r="48229" spans="14:14">
      <c r="N48229" s="10"/>
    </row>
    <row r="48230" spans="14:14">
      <c r="N48230" s="10"/>
    </row>
    <row r="48231" spans="14:14">
      <c r="N48231" s="10"/>
    </row>
    <row r="48232" spans="14:14">
      <c r="N48232" s="10"/>
    </row>
    <row r="48233" spans="14:14">
      <c r="N48233" s="10"/>
    </row>
    <row r="48234" spans="14:14">
      <c r="N48234" s="10"/>
    </row>
    <row r="48235" spans="14:14">
      <c r="N48235" s="10"/>
    </row>
    <row r="48236" spans="14:14">
      <c r="N48236" s="10"/>
    </row>
    <row r="48237" spans="14:14">
      <c r="N48237" s="10"/>
    </row>
    <row r="48238" spans="14:14">
      <c r="N48238" s="10"/>
    </row>
    <row r="48239" spans="14:14">
      <c r="N48239" s="10"/>
    </row>
    <row r="48240" spans="14:14">
      <c r="N48240" s="10"/>
    </row>
    <row r="48241" spans="14:14">
      <c r="N48241" s="10"/>
    </row>
    <row r="48242" spans="14:14">
      <c r="N48242" s="10"/>
    </row>
    <row r="48243" spans="14:14">
      <c r="N48243" s="10"/>
    </row>
    <row r="48244" spans="14:14">
      <c r="N48244" s="10"/>
    </row>
    <row r="48245" spans="14:14">
      <c r="N48245" s="10"/>
    </row>
    <row r="48246" spans="14:14">
      <c r="N48246" s="10"/>
    </row>
    <row r="48247" spans="14:14">
      <c r="N48247" s="10"/>
    </row>
    <row r="48248" spans="14:14">
      <c r="N48248" s="10"/>
    </row>
    <row r="48249" spans="14:14">
      <c r="N48249" s="10"/>
    </row>
    <row r="48250" spans="14:14">
      <c r="N48250" s="10"/>
    </row>
    <row r="48251" spans="14:14">
      <c r="N48251" s="10"/>
    </row>
    <row r="48252" spans="14:14">
      <c r="N48252" s="10"/>
    </row>
    <row r="48253" spans="14:14">
      <c r="N48253" s="10"/>
    </row>
    <row r="48254" spans="14:14">
      <c r="N48254" s="10"/>
    </row>
    <row r="48255" spans="14:14">
      <c r="N48255" s="10"/>
    </row>
    <row r="48256" spans="14:14">
      <c r="N48256" s="10"/>
    </row>
    <row r="48257" spans="14:14">
      <c r="N48257" s="10"/>
    </row>
    <row r="48258" spans="14:14">
      <c r="N48258" s="10"/>
    </row>
    <row r="48259" spans="14:14">
      <c r="N48259" s="10"/>
    </row>
    <row r="48260" spans="14:14">
      <c r="N48260" s="10"/>
    </row>
    <row r="48261" spans="14:14">
      <c r="N48261" s="10"/>
    </row>
    <row r="48262" spans="14:14">
      <c r="N48262" s="10"/>
    </row>
    <row r="48263" spans="14:14">
      <c r="N48263" s="10"/>
    </row>
    <row r="48264" spans="14:14">
      <c r="N48264" s="10"/>
    </row>
    <row r="48265" spans="14:14">
      <c r="N48265" s="10"/>
    </row>
    <row r="48266" spans="14:14">
      <c r="N48266" s="10"/>
    </row>
    <row r="48267" spans="14:14">
      <c r="N48267" s="10"/>
    </row>
    <row r="48268" spans="14:14">
      <c r="N48268" s="10"/>
    </row>
    <row r="48269" spans="14:14">
      <c r="N48269" s="10"/>
    </row>
    <row r="48270" spans="14:14">
      <c r="N48270" s="10"/>
    </row>
    <row r="48271" spans="14:14">
      <c r="N48271" s="10"/>
    </row>
    <row r="48272" spans="14:14">
      <c r="N48272" s="10"/>
    </row>
    <row r="48273" spans="14:14">
      <c r="N48273" s="10"/>
    </row>
    <row r="48274" spans="14:14">
      <c r="N48274" s="10"/>
    </row>
    <row r="48275" spans="14:14">
      <c r="N48275" s="10"/>
    </row>
    <row r="48276" spans="14:14">
      <c r="N48276" s="10"/>
    </row>
    <row r="48277" spans="14:14">
      <c r="N48277" s="10"/>
    </row>
    <row r="48278" spans="14:14">
      <c r="N48278" s="10"/>
    </row>
    <row r="48279" spans="14:14">
      <c r="N48279" s="10"/>
    </row>
    <row r="48280" spans="14:14">
      <c r="N48280" s="10"/>
    </row>
    <row r="48281" spans="14:14">
      <c r="N48281" s="10"/>
    </row>
    <row r="48282" spans="14:14">
      <c r="N48282" s="10"/>
    </row>
    <row r="48283" spans="14:14">
      <c r="N48283" s="10"/>
    </row>
    <row r="48284" spans="14:14">
      <c r="N48284" s="10"/>
    </row>
    <row r="48285" spans="14:14">
      <c r="N48285" s="10"/>
    </row>
    <row r="48286" spans="14:14">
      <c r="N48286" s="10"/>
    </row>
    <row r="48287" spans="14:14">
      <c r="N48287" s="10"/>
    </row>
    <row r="48288" spans="14:14">
      <c r="N48288" s="10"/>
    </row>
    <row r="48289" spans="14:14">
      <c r="N48289" s="10"/>
    </row>
    <row r="48290" spans="14:14">
      <c r="N48290" s="10"/>
    </row>
    <row r="48291" spans="14:14">
      <c r="N48291" s="10"/>
    </row>
    <row r="48292" spans="14:14">
      <c r="N48292" s="10"/>
    </row>
    <row r="48293" spans="14:14">
      <c r="N48293" s="10"/>
    </row>
    <row r="48294" spans="14:14">
      <c r="N48294" s="10"/>
    </row>
    <row r="48295" spans="14:14">
      <c r="N48295" s="10"/>
    </row>
    <row r="48296" spans="14:14">
      <c r="N48296" s="10"/>
    </row>
    <row r="48297" spans="14:14">
      <c r="N48297" s="10"/>
    </row>
    <row r="48298" spans="14:14">
      <c r="N48298" s="10"/>
    </row>
    <row r="48299" spans="14:14">
      <c r="N48299" s="10"/>
    </row>
    <row r="48300" spans="14:14">
      <c r="N48300" s="10"/>
    </row>
    <row r="48301" spans="14:14">
      <c r="N48301" s="10"/>
    </row>
    <row r="48302" spans="14:14">
      <c r="N48302" s="10"/>
    </row>
    <row r="48303" spans="14:14">
      <c r="N48303" s="10"/>
    </row>
    <row r="48304" spans="14:14">
      <c r="N48304" s="10"/>
    </row>
    <row r="48305" spans="14:14">
      <c r="N48305" s="10"/>
    </row>
    <row r="48306" spans="14:14">
      <c r="N48306" s="10"/>
    </row>
    <row r="48307" spans="14:14">
      <c r="N48307" s="10"/>
    </row>
    <row r="48308" spans="14:14">
      <c r="N48308" s="10"/>
    </row>
    <row r="48309" spans="14:14">
      <c r="N48309" s="10"/>
    </row>
    <row r="48310" spans="14:14">
      <c r="N48310" s="10"/>
    </row>
    <row r="48311" spans="14:14">
      <c r="N48311" s="10"/>
    </row>
    <row r="48312" spans="14:14">
      <c r="N48312" s="10"/>
    </row>
    <row r="48313" spans="14:14">
      <c r="N48313" s="10"/>
    </row>
    <row r="48314" spans="14:14">
      <c r="N48314" s="10"/>
    </row>
    <row r="48315" spans="14:14">
      <c r="N48315" s="10"/>
    </row>
    <row r="48316" spans="14:14">
      <c r="N48316" s="10"/>
    </row>
    <row r="48317" spans="14:14">
      <c r="N48317" s="10"/>
    </row>
    <row r="48318" spans="14:14">
      <c r="N48318" s="10"/>
    </row>
    <row r="48319" spans="14:14">
      <c r="N48319" s="10"/>
    </row>
    <row r="48320" spans="14:14">
      <c r="N48320" s="10"/>
    </row>
    <row r="48321" spans="14:14">
      <c r="N48321" s="10"/>
    </row>
    <row r="48322" spans="14:14">
      <c r="N48322" s="10"/>
    </row>
    <row r="48323" spans="14:14">
      <c r="N48323" s="10"/>
    </row>
    <row r="48324" spans="14:14">
      <c r="N48324" s="10"/>
    </row>
    <row r="48325" spans="14:14">
      <c r="N48325" s="10"/>
    </row>
    <row r="48326" spans="14:14">
      <c r="N48326" s="10"/>
    </row>
    <row r="48327" spans="14:14">
      <c r="N48327" s="10"/>
    </row>
    <row r="48328" spans="14:14">
      <c r="N48328" s="10"/>
    </row>
    <row r="48329" spans="14:14">
      <c r="N48329" s="10"/>
    </row>
    <row r="48330" spans="14:14">
      <c r="N48330" s="10"/>
    </row>
    <row r="48331" spans="14:14">
      <c r="N48331" s="10"/>
    </row>
    <row r="48332" spans="14:14">
      <c r="N48332" s="10"/>
    </row>
    <row r="48333" spans="14:14">
      <c r="N48333" s="10"/>
    </row>
    <row r="48334" spans="14:14">
      <c r="N48334" s="10"/>
    </row>
    <row r="48335" spans="14:14">
      <c r="N48335" s="10"/>
    </row>
    <row r="48336" spans="14:14">
      <c r="N48336" s="10"/>
    </row>
    <row r="48337" spans="14:14">
      <c r="N48337" s="10"/>
    </row>
    <row r="48338" spans="14:14">
      <c r="N48338" s="10"/>
    </row>
    <row r="48339" spans="14:14">
      <c r="N48339" s="10"/>
    </row>
    <row r="48340" spans="14:14">
      <c r="N48340" s="10"/>
    </row>
    <row r="48341" spans="14:14">
      <c r="N48341" s="10"/>
    </row>
    <row r="48342" spans="14:14">
      <c r="N48342" s="10"/>
    </row>
    <row r="48343" spans="14:14">
      <c r="N48343" s="10"/>
    </row>
    <row r="48344" spans="14:14">
      <c r="N48344" s="10"/>
    </row>
    <row r="48345" spans="14:14">
      <c r="N48345" s="10"/>
    </row>
    <row r="48346" spans="14:14">
      <c r="N48346" s="10"/>
    </row>
    <row r="48347" spans="14:14">
      <c r="N48347" s="10"/>
    </row>
    <row r="48348" spans="14:14">
      <c r="N48348" s="10"/>
    </row>
    <row r="48349" spans="14:14">
      <c r="N48349" s="10"/>
    </row>
    <row r="48350" spans="14:14">
      <c r="N48350" s="10"/>
    </row>
    <row r="48351" spans="14:14">
      <c r="N48351" s="10"/>
    </row>
    <row r="48352" spans="14:14">
      <c r="N48352" s="10"/>
    </row>
    <row r="48353" spans="14:14">
      <c r="N48353" s="10"/>
    </row>
    <row r="48354" spans="14:14">
      <c r="N48354" s="10"/>
    </row>
    <row r="48355" spans="14:14">
      <c r="N48355" s="10"/>
    </row>
    <row r="48356" spans="14:14">
      <c r="N48356" s="10"/>
    </row>
    <row r="48357" spans="14:14">
      <c r="N48357" s="10"/>
    </row>
    <row r="48358" spans="14:14">
      <c r="N48358" s="10"/>
    </row>
    <row r="48359" spans="14:14">
      <c r="N48359" s="10"/>
    </row>
    <row r="48360" spans="14:14">
      <c r="N48360" s="10"/>
    </row>
    <row r="48361" spans="14:14">
      <c r="N48361" s="10"/>
    </row>
    <row r="48362" spans="14:14">
      <c r="N48362" s="10"/>
    </row>
    <row r="48363" spans="14:14">
      <c r="N48363" s="10"/>
    </row>
    <row r="48364" spans="14:14">
      <c r="N48364" s="10"/>
    </row>
    <row r="48365" spans="14:14">
      <c r="N48365" s="10"/>
    </row>
    <row r="48366" spans="14:14">
      <c r="N48366" s="10"/>
    </row>
    <row r="48367" spans="14:14">
      <c r="N48367" s="10"/>
    </row>
    <row r="48368" spans="14:14">
      <c r="N48368" s="10"/>
    </row>
    <row r="48369" spans="14:14">
      <c r="N48369" s="10"/>
    </row>
    <row r="48370" spans="14:14">
      <c r="N48370" s="10"/>
    </row>
    <row r="48371" spans="14:14">
      <c r="N48371" s="10"/>
    </row>
    <row r="48372" spans="14:14">
      <c r="N48372" s="10"/>
    </row>
    <row r="48373" spans="14:14">
      <c r="N48373" s="10"/>
    </row>
    <row r="48374" spans="14:14">
      <c r="N48374" s="10"/>
    </row>
    <row r="48375" spans="14:14">
      <c r="N48375" s="10"/>
    </row>
    <row r="48376" spans="14:14">
      <c r="N48376" s="10"/>
    </row>
    <row r="48377" spans="14:14">
      <c r="N48377" s="10"/>
    </row>
    <row r="48378" spans="14:14">
      <c r="N48378" s="10"/>
    </row>
    <row r="48379" spans="14:14">
      <c r="N48379" s="10"/>
    </row>
    <row r="48380" spans="14:14">
      <c r="N48380" s="10"/>
    </row>
    <row r="48381" spans="14:14">
      <c r="N48381" s="10"/>
    </row>
    <row r="48382" spans="14:14">
      <c r="N48382" s="10"/>
    </row>
    <row r="48383" spans="14:14">
      <c r="N48383" s="10"/>
    </row>
    <row r="48384" spans="14:14">
      <c r="N48384" s="10"/>
    </row>
    <row r="48385" spans="14:14">
      <c r="N48385" s="10"/>
    </row>
    <row r="48386" spans="14:14">
      <c r="N48386" s="10"/>
    </row>
    <row r="48387" spans="14:14">
      <c r="N48387" s="10"/>
    </row>
    <row r="48388" spans="14:14">
      <c r="N48388" s="10"/>
    </row>
    <row r="48389" spans="14:14">
      <c r="N48389" s="10"/>
    </row>
    <row r="48390" spans="14:14">
      <c r="N48390" s="10"/>
    </row>
    <row r="48391" spans="14:14">
      <c r="N48391" s="10"/>
    </row>
    <row r="48392" spans="14:14">
      <c r="N48392" s="10"/>
    </row>
    <row r="48393" spans="14:14">
      <c r="N48393" s="10"/>
    </row>
    <row r="48394" spans="14:14">
      <c r="N48394" s="10"/>
    </row>
    <row r="48395" spans="14:14">
      <c r="N48395" s="10"/>
    </row>
    <row r="48396" spans="14:14">
      <c r="N48396" s="10"/>
    </row>
    <row r="48397" spans="14:14">
      <c r="N48397" s="10"/>
    </row>
    <row r="48398" spans="14:14">
      <c r="N48398" s="10"/>
    </row>
    <row r="48399" spans="14:14">
      <c r="N48399" s="10"/>
    </row>
    <row r="48400" spans="14:14">
      <c r="N48400" s="10"/>
    </row>
    <row r="48401" spans="14:14">
      <c r="N48401" s="10"/>
    </row>
    <row r="48402" spans="14:14">
      <c r="N48402" s="10"/>
    </row>
    <row r="48403" spans="14:14">
      <c r="N48403" s="10"/>
    </row>
    <row r="48404" spans="14:14">
      <c r="N48404" s="10"/>
    </row>
    <row r="48405" spans="14:14">
      <c r="N48405" s="10"/>
    </row>
    <row r="48406" spans="14:14">
      <c r="N48406" s="10"/>
    </row>
    <row r="48407" spans="14:14">
      <c r="N48407" s="10"/>
    </row>
    <row r="48408" spans="14:14">
      <c r="N48408" s="10"/>
    </row>
    <row r="48409" spans="14:14">
      <c r="N48409" s="10"/>
    </row>
    <row r="48410" spans="14:14">
      <c r="N48410" s="10"/>
    </row>
    <row r="48411" spans="14:14">
      <c r="N48411" s="10"/>
    </row>
    <row r="48412" spans="14:14">
      <c r="N48412" s="10"/>
    </row>
    <row r="48413" spans="14:14">
      <c r="N48413" s="10"/>
    </row>
    <row r="48414" spans="14:14">
      <c r="N48414" s="10"/>
    </row>
    <row r="48415" spans="14:14">
      <c r="N48415" s="10"/>
    </row>
    <row r="48416" spans="14:14">
      <c r="N48416" s="10"/>
    </row>
    <row r="48417" spans="14:14">
      <c r="N48417" s="10"/>
    </row>
    <row r="48418" spans="14:14">
      <c r="N48418" s="10"/>
    </row>
    <row r="48419" spans="14:14">
      <c r="N48419" s="10"/>
    </row>
    <row r="48420" spans="14:14">
      <c r="N48420" s="10"/>
    </row>
    <row r="48421" spans="14:14">
      <c r="N48421" s="10"/>
    </row>
    <row r="48422" spans="14:14">
      <c r="N48422" s="10"/>
    </row>
    <row r="48423" spans="14:14">
      <c r="N48423" s="10"/>
    </row>
    <row r="48424" spans="14:14">
      <c r="N48424" s="10"/>
    </row>
    <row r="48425" spans="14:14">
      <c r="N48425" s="10"/>
    </row>
    <row r="48426" spans="14:14">
      <c r="N48426" s="10"/>
    </row>
    <row r="48427" spans="14:14">
      <c r="N48427" s="10"/>
    </row>
    <row r="48428" spans="14:14">
      <c r="N48428" s="10"/>
    </row>
    <row r="48429" spans="14:14">
      <c r="N48429" s="10"/>
    </row>
    <row r="48430" spans="14:14">
      <c r="N48430" s="10"/>
    </row>
    <row r="48431" spans="14:14">
      <c r="N48431" s="10"/>
    </row>
    <row r="48432" spans="14:14">
      <c r="N48432" s="10"/>
    </row>
    <row r="48433" spans="14:14">
      <c r="N48433" s="10"/>
    </row>
    <row r="48434" spans="14:14">
      <c r="N48434" s="10"/>
    </row>
    <row r="48435" spans="14:14">
      <c r="N48435" s="10"/>
    </row>
    <row r="48436" spans="14:14">
      <c r="N48436" s="10"/>
    </row>
    <row r="48437" spans="14:14">
      <c r="N48437" s="10"/>
    </row>
    <row r="48438" spans="14:14">
      <c r="N48438" s="10"/>
    </row>
    <row r="48439" spans="14:14">
      <c r="N48439" s="10"/>
    </row>
    <row r="48440" spans="14:14">
      <c r="N48440" s="10"/>
    </row>
    <row r="48441" spans="14:14">
      <c r="N48441" s="10"/>
    </row>
    <row r="48442" spans="14:14">
      <c r="N48442" s="10"/>
    </row>
    <row r="48443" spans="14:14">
      <c r="N48443" s="10"/>
    </row>
    <row r="48444" spans="14:14">
      <c r="N48444" s="10"/>
    </row>
    <row r="48445" spans="14:14">
      <c r="N48445" s="10"/>
    </row>
    <row r="48446" spans="14:14">
      <c r="N48446" s="10"/>
    </row>
    <row r="48447" spans="14:14">
      <c r="N48447" s="10"/>
    </row>
    <row r="48448" spans="14:14">
      <c r="N48448" s="10"/>
    </row>
    <row r="48449" spans="14:14">
      <c r="N48449" s="10"/>
    </row>
    <row r="48450" spans="14:14">
      <c r="N48450" s="10"/>
    </row>
    <row r="48451" spans="14:14">
      <c r="N48451" s="10"/>
    </row>
    <row r="48452" spans="14:14">
      <c r="N48452" s="10"/>
    </row>
    <row r="48453" spans="14:14">
      <c r="N48453" s="10"/>
    </row>
    <row r="48454" spans="14:14">
      <c r="N48454" s="10"/>
    </row>
    <row r="48455" spans="14:14">
      <c r="N48455" s="10"/>
    </row>
    <row r="48456" spans="14:14">
      <c r="N48456" s="10"/>
    </row>
    <row r="48457" spans="14:14">
      <c r="N48457" s="10"/>
    </row>
    <row r="48458" spans="14:14">
      <c r="N48458" s="10"/>
    </row>
    <row r="48459" spans="14:14">
      <c r="N48459" s="10"/>
    </row>
    <row r="48460" spans="14:14">
      <c r="N48460" s="10"/>
    </row>
    <row r="48461" spans="14:14">
      <c r="N48461" s="10"/>
    </row>
    <row r="48462" spans="14:14">
      <c r="N48462" s="10"/>
    </row>
    <row r="48463" spans="14:14">
      <c r="N48463" s="10"/>
    </row>
    <row r="48464" spans="14:14">
      <c r="N48464" s="10"/>
    </row>
    <row r="48465" spans="14:14">
      <c r="N48465" s="10"/>
    </row>
    <row r="48466" spans="14:14">
      <c r="N48466" s="10"/>
    </row>
    <row r="48467" spans="14:14">
      <c r="N48467" s="10"/>
    </row>
    <row r="48468" spans="14:14">
      <c r="N48468" s="10"/>
    </row>
    <row r="48469" spans="14:14">
      <c r="N48469" s="10"/>
    </row>
    <row r="48470" spans="14:14">
      <c r="N48470" s="10"/>
    </row>
    <row r="48471" spans="14:14">
      <c r="N48471" s="10"/>
    </row>
    <row r="48472" spans="14:14">
      <c r="N48472" s="10"/>
    </row>
    <row r="48473" spans="14:14">
      <c r="N48473" s="10"/>
    </row>
    <row r="48474" spans="14:14">
      <c r="N48474" s="10"/>
    </row>
    <row r="48475" spans="14:14">
      <c r="N48475" s="10"/>
    </row>
    <row r="48476" spans="14:14">
      <c r="N48476" s="10"/>
    </row>
    <row r="48477" spans="14:14">
      <c r="N48477" s="10"/>
    </row>
    <row r="48478" spans="14:14">
      <c r="N48478" s="10"/>
    </row>
    <row r="48479" spans="14:14">
      <c r="N48479" s="10"/>
    </row>
    <row r="48480" spans="14:14">
      <c r="N48480" s="10"/>
    </row>
    <row r="48481" spans="14:14">
      <c r="N48481" s="10"/>
    </row>
    <row r="48482" spans="14:14">
      <c r="N48482" s="10"/>
    </row>
    <row r="48483" spans="14:14">
      <c r="N48483" s="10"/>
    </row>
    <row r="48484" spans="14:14">
      <c r="N48484" s="10"/>
    </row>
    <row r="48485" spans="14:14">
      <c r="N48485" s="10"/>
    </row>
    <row r="48486" spans="14:14">
      <c r="N48486" s="10"/>
    </row>
    <row r="48487" spans="14:14">
      <c r="N48487" s="10"/>
    </row>
    <row r="48488" spans="14:14">
      <c r="N48488" s="10"/>
    </row>
    <row r="48489" spans="14:14">
      <c r="N48489" s="10"/>
    </row>
    <row r="48490" spans="14:14">
      <c r="N48490" s="10"/>
    </row>
    <row r="48491" spans="14:14">
      <c r="N48491" s="10"/>
    </row>
    <row r="48492" spans="14:14">
      <c r="N48492" s="10"/>
    </row>
    <row r="48493" spans="14:14">
      <c r="N48493" s="10"/>
    </row>
    <row r="48494" spans="14:14">
      <c r="N48494" s="10"/>
    </row>
    <row r="48495" spans="14:14">
      <c r="N48495" s="10"/>
    </row>
    <row r="48496" spans="14:14">
      <c r="N48496" s="10"/>
    </row>
    <row r="48497" spans="14:14">
      <c r="N48497" s="10"/>
    </row>
    <row r="48498" spans="14:14">
      <c r="N48498" s="10"/>
    </row>
    <row r="48499" spans="14:14">
      <c r="N48499" s="10"/>
    </row>
    <row r="48500" spans="14:14">
      <c r="N48500" s="10"/>
    </row>
    <row r="48501" spans="14:14">
      <c r="N48501" s="10"/>
    </row>
    <row r="48502" spans="14:14">
      <c r="N48502" s="10"/>
    </row>
    <row r="48503" spans="14:14">
      <c r="N48503" s="10"/>
    </row>
    <row r="48504" spans="14:14">
      <c r="N48504" s="10"/>
    </row>
    <row r="48505" spans="14:14">
      <c r="N48505" s="10"/>
    </row>
    <row r="48506" spans="14:14">
      <c r="N48506" s="10"/>
    </row>
    <row r="48507" spans="14:14">
      <c r="N48507" s="10"/>
    </row>
    <row r="48508" spans="14:14">
      <c r="N48508" s="10"/>
    </row>
    <row r="48509" spans="14:14">
      <c r="N48509" s="10"/>
    </row>
    <row r="48510" spans="14:14">
      <c r="N48510" s="10"/>
    </row>
    <row r="48511" spans="14:14">
      <c r="N48511" s="10"/>
    </row>
    <row r="48512" spans="14:14">
      <c r="N48512" s="10"/>
    </row>
    <row r="48513" spans="14:14">
      <c r="N48513" s="10"/>
    </row>
    <row r="48514" spans="14:14">
      <c r="N48514" s="10"/>
    </row>
    <row r="48515" spans="14:14">
      <c r="N48515" s="10"/>
    </row>
    <row r="48516" spans="14:14">
      <c r="N48516" s="10"/>
    </row>
    <row r="48517" spans="14:14">
      <c r="N48517" s="10"/>
    </row>
    <row r="48518" spans="14:14">
      <c r="N48518" s="10"/>
    </row>
    <row r="48519" spans="14:14">
      <c r="N48519" s="10"/>
    </row>
    <row r="48520" spans="14:14">
      <c r="N48520" s="10"/>
    </row>
    <row r="48521" spans="14:14">
      <c r="N48521" s="10"/>
    </row>
    <row r="48522" spans="14:14">
      <c r="N48522" s="10"/>
    </row>
    <row r="48523" spans="14:14">
      <c r="N48523" s="10"/>
    </row>
    <row r="48524" spans="14:14">
      <c r="N48524" s="10"/>
    </row>
    <row r="48525" spans="14:14">
      <c r="N48525" s="10"/>
    </row>
    <row r="48526" spans="14:14">
      <c r="N48526" s="10"/>
    </row>
    <row r="48527" spans="14:14">
      <c r="N48527" s="10"/>
    </row>
    <row r="48528" spans="14:14">
      <c r="N48528" s="10"/>
    </row>
    <row r="48529" spans="14:14">
      <c r="N48529" s="10"/>
    </row>
    <row r="48530" spans="14:14">
      <c r="N48530" s="10"/>
    </row>
    <row r="48531" spans="14:14">
      <c r="N48531" s="10"/>
    </row>
    <row r="48532" spans="14:14">
      <c r="N48532" s="10"/>
    </row>
    <row r="48533" spans="14:14">
      <c r="N48533" s="10"/>
    </row>
    <row r="48534" spans="14:14">
      <c r="N48534" s="10"/>
    </row>
    <row r="48535" spans="14:14">
      <c r="N48535" s="10"/>
    </row>
    <row r="48536" spans="14:14">
      <c r="N48536" s="10"/>
    </row>
    <row r="48537" spans="14:14">
      <c r="N48537" s="10"/>
    </row>
    <row r="48538" spans="14:14">
      <c r="N48538" s="10"/>
    </row>
    <row r="48539" spans="14:14">
      <c r="N48539" s="10"/>
    </row>
    <row r="48540" spans="14:14">
      <c r="N48540" s="10"/>
    </row>
    <row r="48541" spans="14:14">
      <c r="N48541" s="10"/>
    </row>
    <row r="48542" spans="14:14">
      <c r="N48542" s="10"/>
    </row>
    <row r="48543" spans="14:14">
      <c r="N48543" s="10"/>
    </row>
    <row r="48544" spans="14:14">
      <c r="N48544" s="10"/>
    </row>
    <row r="48545" spans="14:14">
      <c r="N48545" s="10"/>
    </row>
    <row r="48546" spans="14:14">
      <c r="N48546" s="10"/>
    </row>
    <row r="48547" spans="14:14">
      <c r="N48547" s="10"/>
    </row>
    <row r="48548" spans="14:14">
      <c r="N48548" s="10"/>
    </row>
    <row r="48549" spans="14:14">
      <c r="N48549" s="10"/>
    </row>
    <row r="48550" spans="14:14">
      <c r="N48550" s="10"/>
    </row>
    <row r="48551" spans="14:14">
      <c r="N48551" s="10"/>
    </row>
    <row r="48552" spans="14:14">
      <c r="N48552" s="10"/>
    </row>
    <row r="48553" spans="14:14">
      <c r="N48553" s="10"/>
    </row>
    <row r="48554" spans="14:14">
      <c r="N48554" s="10"/>
    </row>
    <row r="48555" spans="14:14">
      <c r="N48555" s="10"/>
    </row>
    <row r="48556" spans="14:14">
      <c r="N48556" s="10"/>
    </row>
    <row r="48557" spans="14:14">
      <c r="N48557" s="10"/>
    </row>
    <row r="48558" spans="14:14">
      <c r="N48558" s="10"/>
    </row>
    <row r="48559" spans="14:14">
      <c r="N48559" s="10"/>
    </row>
    <row r="48560" spans="14:14">
      <c r="N48560" s="10"/>
    </row>
    <row r="48561" spans="14:14">
      <c r="N48561" s="10"/>
    </row>
    <row r="48562" spans="14:14">
      <c r="N48562" s="10"/>
    </row>
    <row r="48563" spans="14:14">
      <c r="N48563" s="10"/>
    </row>
    <row r="48564" spans="14:14">
      <c r="N48564" s="10"/>
    </row>
    <row r="48565" spans="14:14">
      <c r="N48565" s="10"/>
    </row>
    <row r="48566" spans="14:14">
      <c r="N48566" s="10"/>
    </row>
    <row r="48567" spans="14:14">
      <c r="N48567" s="10"/>
    </row>
    <row r="48568" spans="14:14">
      <c r="N48568" s="10"/>
    </row>
    <row r="48569" spans="14:14">
      <c r="N48569" s="10"/>
    </row>
    <row r="48570" spans="14:14">
      <c r="N48570" s="10"/>
    </row>
    <row r="48571" spans="14:14">
      <c r="N48571" s="10"/>
    </row>
    <row r="48572" spans="14:14">
      <c r="N48572" s="10"/>
    </row>
    <row r="48573" spans="14:14">
      <c r="N48573" s="10"/>
    </row>
    <row r="48574" spans="14:14">
      <c r="N48574" s="10"/>
    </row>
    <row r="48575" spans="14:14">
      <c r="N48575" s="10"/>
    </row>
    <row r="48576" spans="14:14">
      <c r="N48576" s="10"/>
    </row>
    <row r="48577" spans="14:14">
      <c r="N48577" s="10"/>
    </row>
    <row r="48578" spans="14:14">
      <c r="N48578" s="10"/>
    </row>
    <row r="48579" spans="14:14">
      <c r="N48579" s="10"/>
    </row>
    <row r="48580" spans="14:14">
      <c r="N48580" s="10"/>
    </row>
    <row r="48581" spans="14:14">
      <c r="N48581" s="10"/>
    </row>
    <row r="48582" spans="14:14">
      <c r="N48582" s="10"/>
    </row>
    <row r="48583" spans="14:14">
      <c r="N48583" s="10"/>
    </row>
    <row r="48584" spans="14:14">
      <c r="N48584" s="10"/>
    </row>
    <row r="48585" spans="14:14">
      <c r="N48585" s="10"/>
    </row>
    <row r="48586" spans="14:14">
      <c r="N48586" s="10"/>
    </row>
    <row r="48587" spans="14:14">
      <c r="N48587" s="10"/>
    </row>
    <row r="48588" spans="14:14">
      <c r="N48588" s="10"/>
    </row>
    <row r="48589" spans="14:14">
      <c r="N48589" s="10"/>
    </row>
    <row r="48590" spans="14:14">
      <c r="N48590" s="10"/>
    </row>
    <row r="48591" spans="14:14">
      <c r="N48591" s="10"/>
    </row>
    <row r="48592" spans="14:14">
      <c r="N48592" s="10"/>
    </row>
    <row r="48593" spans="14:14">
      <c r="N48593" s="10"/>
    </row>
    <row r="48594" spans="14:14">
      <c r="N48594" s="10"/>
    </row>
    <row r="48595" spans="14:14">
      <c r="N48595" s="10"/>
    </row>
    <row r="48596" spans="14:14">
      <c r="N48596" s="10"/>
    </row>
    <row r="48597" spans="14:14">
      <c r="N48597" s="10"/>
    </row>
    <row r="48598" spans="14:14">
      <c r="N48598" s="10"/>
    </row>
    <row r="48599" spans="14:14">
      <c r="N48599" s="10"/>
    </row>
    <row r="48600" spans="14:14">
      <c r="N48600" s="10"/>
    </row>
    <row r="48601" spans="14:14">
      <c r="N48601" s="10"/>
    </row>
    <row r="48602" spans="14:14">
      <c r="N48602" s="10"/>
    </row>
    <row r="48603" spans="14:14">
      <c r="N48603" s="10"/>
    </row>
    <row r="48604" spans="14:14">
      <c r="N48604" s="10"/>
    </row>
    <row r="48605" spans="14:14">
      <c r="N48605" s="10"/>
    </row>
    <row r="48606" spans="14:14">
      <c r="N48606" s="10"/>
    </row>
    <row r="48607" spans="14:14">
      <c r="N48607" s="10"/>
    </row>
    <row r="48608" spans="14:14">
      <c r="N48608" s="10"/>
    </row>
    <row r="48609" spans="14:14">
      <c r="N48609" s="10"/>
    </row>
    <row r="48610" spans="14:14">
      <c r="N48610" s="10"/>
    </row>
    <row r="48611" spans="14:14">
      <c r="N48611" s="10"/>
    </row>
    <row r="48612" spans="14:14">
      <c r="N48612" s="10"/>
    </row>
    <row r="48613" spans="14:14">
      <c r="N48613" s="10"/>
    </row>
    <row r="48614" spans="14:14">
      <c r="N48614" s="10"/>
    </row>
    <row r="48615" spans="14:14">
      <c r="N48615" s="10"/>
    </row>
    <row r="48616" spans="14:14">
      <c r="N48616" s="10"/>
    </row>
    <row r="48617" spans="14:14">
      <c r="N48617" s="10"/>
    </row>
    <row r="48618" spans="14:14">
      <c r="N48618" s="10"/>
    </row>
    <row r="48619" spans="14:14">
      <c r="N48619" s="10"/>
    </row>
    <row r="48620" spans="14:14">
      <c r="N48620" s="10"/>
    </row>
    <row r="48621" spans="14:14">
      <c r="N48621" s="10"/>
    </row>
    <row r="48622" spans="14:14">
      <c r="N48622" s="10"/>
    </row>
    <row r="48623" spans="14:14">
      <c r="N48623" s="10"/>
    </row>
    <row r="48624" spans="14:14">
      <c r="N48624" s="10"/>
    </row>
    <row r="48625" spans="14:14">
      <c r="N48625" s="10"/>
    </row>
    <row r="48626" spans="14:14">
      <c r="N48626" s="10"/>
    </row>
    <row r="48627" spans="14:14">
      <c r="N48627" s="10"/>
    </row>
    <row r="48628" spans="14:14">
      <c r="N48628" s="10"/>
    </row>
    <row r="48629" spans="14:14">
      <c r="N48629" s="10"/>
    </row>
    <row r="48630" spans="14:14">
      <c r="N48630" s="10"/>
    </row>
    <row r="48631" spans="14:14">
      <c r="N48631" s="10"/>
    </row>
    <row r="48632" spans="14:14">
      <c r="N48632" s="10"/>
    </row>
    <row r="48633" spans="14:14">
      <c r="N48633" s="10"/>
    </row>
    <row r="48634" spans="14:14">
      <c r="N48634" s="10"/>
    </row>
    <row r="48635" spans="14:14">
      <c r="N48635" s="10"/>
    </row>
    <row r="48636" spans="14:14">
      <c r="N48636" s="10"/>
    </row>
    <row r="48637" spans="14:14">
      <c r="N48637" s="10"/>
    </row>
    <row r="48638" spans="14:14">
      <c r="N48638" s="10"/>
    </row>
    <row r="48639" spans="14:14">
      <c r="N48639" s="10"/>
    </row>
    <row r="48640" spans="14:14">
      <c r="N48640" s="10"/>
    </row>
    <row r="48641" spans="14:14">
      <c r="N48641" s="10"/>
    </row>
    <row r="48642" spans="14:14">
      <c r="N48642" s="10"/>
    </row>
    <row r="48643" spans="14:14">
      <c r="N48643" s="10"/>
    </row>
    <row r="48644" spans="14:14">
      <c r="N48644" s="10"/>
    </row>
    <row r="48645" spans="14:14">
      <c r="N48645" s="10"/>
    </row>
    <row r="48646" spans="14:14">
      <c r="N48646" s="10"/>
    </row>
    <row r="48647" spans="14:14">
      <c r="N48647" s="10"/>
    </row>
    <row r="48648" spans="14:14">
      <c r="N48648" s="10"/>
    </row>
    <row r="48649" spans="14:14">
      <c r="N48649" s="10"/>
    </row>
    <row r="48650" spans="14:14">
      <c r="N48650" s="10"/>
    </row>
    <row r="48651" spans="14:14">
      <c r="N48651" s="10"/>
    </row>
    <row r="48652" spans="14:14">
      <c r="N48652" s="10"/>
    </row>
    <row r="48653" spans="14:14">
      <c r="N48653" s="10"/>
    </row>
    <row r="48654" spans="14:14">
      <c r="N48654" s="10"/>
    </row>
    <row r="48655" spans="14:14">
      <c r="N48655" s="10"/>
    </row>
    <row r="48656" spans="14:14">
      <c r="N48656" s="10"/>
    </row>
    <row r="48657" spans="14:14">
      <c r="N48657" s="10"/>
    </row>
    <row r="48658" spans="14:14">
      <c r="N48658" s="10"/>
    </row>
    <row r="48659" spans="14:14">
      <c r="N48659" s="10"/>
    </row>
    <row r="48660" spans="14:14">
      <c r="N48660" s="10"/>
    </row>
    <row r="48661" spans="14:14">
      <c r="N48661" s="10"/>
    </row>
    <row r="48662" spans="14:14">
      <c r="N48662" s="10"/>
    </row>
    <row r="48663" spans="14:14">
      <c r="N48663" s="10"/>
    </row>
    <row r="48664" spans="14:14">
      <c r="N48664" s="10"/>
    </row>
    <row r="48665" spans="14:14">
      <c r="N48665" s="10"/>
    </row>
    <row r="48666" spans="14:14">
      <c r="N48666" s="10"/>
    </row>
    <row r="48667" spans="14:14">
      <c r="N48667" s="10"/>
    </row>
    <row r="48668" spans="14:14">
      <c r="N48668" s="10"/>
    </row>
    <row r="48669" spans="14:14">
      <c r="N48669" s="10"/>
    </row>
    <row r="48670" spans="14:14">
      <c r="N48670" s="10"/>
    </row>
    <row r="48671" spans="14:14">
      <c r="N48671" s="10"/>
    </row>
    <row r="48672" spans="14:14">
      <c r="N48672" s="10"/>
    </row>
    <row r="48673" spans="14:14">
      <c r="N48673" s="10"/>
    </row>
    <row r="48674" spans="14:14">
      <c r="N48674" s="10"/>
    </row>
    <row r="48675" spans="14:14">
      <c r="N48675" s="10"/>
    </row>
    <row r="48676" spans="14:14">
      <c r="N48676" s="10"/>
    </row>
    <row r="48677" spans="14:14">
      <c r="N48677" s="10"/>
    </row>
    <row r="48678" spans="14:14">
      <c r="N48678" s="10"/>
    </row>
    <row r="48679" spans="14:14">
      <c r="N48679" s="10"/>
    </row>
    <row r="48680" spans="14:14">
      <c r="N48680" s="10"/>
    </row>
    <row r="48681" spans="14:14">
      <c r="N48681" s="10"/>
    </row>
    <row r="48682" spans="14:14">
      <c r="N48682" s="10"/>
    </row>
    <row r="48683" spans="14:14">
      <c r="N48683" s="10"/>
    </row>
    <row r="48684" spans="14:14">
      <c r="N48684" s="10"/>
    </row>
    <row r="48685" spans="14:14">
      <c r="N48685" s="10"/>
    </row>
    <row r="48686" spans="14:14">
      <c r="N48686" s="10"/>
    </row>
    <row r="48687" spans="14:14">
      <c r="N48687" s="10"/>
    </row>
    <row r="48688" spans="14:14">
      <c r="N48688" s="10"/>
    </row>
    <row r="48689" spans="14:14">
      <c r="N48689" s="10"/>
    </row>
    <row r="48690" spans="14:14">
      <c r="N48690" s="10"/>
    </row>
    <row r="48691" spans="14:14">
      <c r="N48691" s="10"/>
    </row>
    <row r="48692" spans="14:14">
      <c r="N48692" s="10"/>
    </row>
    <row r="48693" spans="14:14">
      <c r="N48693" s="10"/>
    </row>
    <row r="48694" spans="14:14">
      <c r="N48694" s="10"/>
    </row>
    <row r="48695" spans="14:14">
      <c r="N48695" s="10"/>
    </row>
    <row r="48696" spans="14:14">
      <c r="N48696" s="10"/>
    </row>
    <row r="48697" spans="14:14">
      <c r="N48697" s="10"/>
    </row>
    <row r="48698" spans="14:14">
      <c r="N48698" s="10"/>
    </row>
    <row r="48699" spans="14:14">
      <c r="N48699" s="10"/>
    </row>
    <row r="48700" spans="14:14">
      <c r="N48700" s="10"/>
    </row>
    <row r="48701" spans="14:14">
      <c r="N48701" s="10"/>
    </row>
    <row r="48702" spans="14:14">
      <c r="N48702" s="10"/>
    </row>
    <row r="48703" spans="14:14">
      <c r="N48703" s="10"/>
    </row>
    <row r="48704" spans="14:14">
      <c r="N48704" s="10"/>
    </row>
    <row r="48705" spans="14:14">
      <c r="N48705" s="10"/>
    </row>
    <row r="48706" spans="14:14">
      <c r="N48706" s="10"/>
    </row>
    <row r="48707" spans="14:14">
      <c r="N48707" s="10"/>
    </row>
    <row r="48708" spans="14:14">
      <c r="N48708" s="10"/>
    </row>
    <row r="48709" spans="14:14">
      <c r="N48709" s="10"/>
    </row>
    <row r="48710" spans="14:14">
      <c r="N48710" s="10"/>
    </row>
    <row r="48711" spans="14:14">
      <c r="N48711" s="10"/>
    </row>
    <row r="48712" spans="14:14">
      <c r="N48712" s="10"/>
    </row>
    <row r="48713" spans="14:14">
      <c r="N48713" s="10"/>
    </row>
    <row r="48714" spans="14:14">
      <c r="N48714" s="10"/>
    </row>
    <row r="48715" spans="14:14">
      <c r="N48715" s="10"/>
    </row>
    <row r="48716" spans="14:14">
      <c r="N48716" s="10"/>
    </row>
    <row r="48717" spans="14:14">
      <c r="N48717" s="10"/>
    </row>
    <row r="48718" spans="14:14">
      <c r="N48718" s="10"/>
    </row>
    <row r="48719" spans="14:14">
      <c r="N48719" s="10"/>
    </row>
    <row r="48720" spans="14:14">
      <c r="N48720" s="10"/>
    </row>
    <row r="48721" spans="14:14">
      <c r="N48721" s="10"/>
    </row>
    <row r="48722" spans="14:14">
      <c r="N48722" s="10"/>
    </row>
    <row r="48723" spans="14:14">
      <c r="N48723" s="10"/>
    </row>
    <row r="48724" spans="14:14">
      <c r="N48724" s="10"/>
    </row>
    <row r="48725" spans="14:14">
      <c r="N48725" s="10"/>
    </row>
    <row r="48726" spans="14:14">
      <c r="N48726" s="10"/>
    </row>
    <row r="48727" spans="14:14">
      <c r="N48727" s="10"/>
    </row>
    <row r="48728" spans="14:14">
      <c r="N48728" s="10"/>
    </row>
    <row r="48729" spans="14:14">
      <c r="N48729" s="10"/>
    </row>
    <row r="48730" spans="14:14">
      <c r="N48730" s="10"/>
    </row>
    <row r="48731" spans="14:14">
      <c r="N48731" s="10"/>
    </row>
    <row r="48732" spans="14:14">
      <c r="N48732" s="10"/>
    </row>
    <row r="48733" spans="14:14">
      <c r="N48733" s="10"/>
    </row>
    <row r="48734" spans="14:14">
      <c r="N48734" s="10"/>
    </row>
    <row r="48735" spans="14:14">
      <c r="N48735" s="10"/>
    </row>
    <row r="48736" spans="14:14">
      <c r="N48736" s="10"/>
    </row>
    <row r="48737" spans="14:14">
      <c r="N48737" s="10"/>
    </row>
    <row r="48738" spans="14:14">
      <c r="N48738" s="10"/>
    </row>
    <row r="48739" spans="14:14">
      <c r="N48739" s="10"/>
    </row>
    <row r="48740" spans="14:14">
      <c r="N48740" s="10"/>
    </row>
    <row r="48741" spans="14:14">
      <c r="N48741" s="10"/>
    </row>
    <row r="48742" spans="14:14">
      <c r="N48742" s="10"/>
    </row>
    <row r="48743" spans="14:14">
      <c r="N48743" s="10"/>
    </row>
    <row r="48744" spans="14:14">
      <c r="N48744" s="10"/>
    </row>
    <row r="48745" spans="14:14">
      <c r="N48745" s="10"/>
    </row>
    <row r="48746" spans="14:14">
      <c r="N48746" s="10"/>
    </row>
    <row r="48747" spans="14:14">
      <c r="N48747" s="10"/>
    </row>
    <row r="48748" spans="14:14">
      <c r="N48748" s="10"/>
    </row>
    <row r="48749" spans="14:14">
      <c r="N48749" s="10"/>
    </row>
    <row r="48750" spans="14:14">
      <c r="N48750" s="10"/>
    </row>
    <row r="48751" spans="14:14">
      <c r="N48751" s="10"/>
    </row>
    <row r="48752" spans="14:14">
      <c r="N48752" s="10"/>
    </row>
    <row r="48753" spans="14:14">
      <c r="N48753" s="10"/>
    </row>
    <row r="48754" spans="14:14">
      <c r="N48754" s="10"/>
    </row>
    <row r="48755" spans="14:14">
      <c r="N48755" s="10"/>
    </row>
    <row r="48756" spans="14:14">
      <c r="N48756" s="10"/>
    </row>
    <row r="48757" spans="14:14">
      <c r="N48757" s="10"/>
    </row>
    <row r="48758" spans="14:14">
      <c r="N48758" s="10"/>
    </row>
    <row r="48759" spans="14:14">
      <c r="N48759" s="10"/>
    </row>
    <row r="48760" spans="14:14">
      <c r="N48760" s="10"/>
    </row>
    <row r="48761" spans="14:14">
      <c r="N48761" s="10"/>
    </row>
    <row r="48762" spans="14:14">
      <c r="N48762" s="10"/>
    </row>
    <row r="48763" spans="14:14">
      <c r="N48763" s="10"/>
    </row>
    <row r="48764" spans="14:14">
      <c r="N48764" s="10"/>
    </row>
    <row r="48765" spans="14:14">
      <c r="N48765" s="10"/>
    </row>
    <row r="48766" spans="14:14">
      <c r="N48766" s="10"/>
    </row>
    <row r="48767" spans="14:14">
      <c r="N48767" s="10"/>
    </row>
    <row r="48768" spans="14:14">
      <c r="N48768" s="10"/>
    </row>
    <row r="48769" spans="14:14">
      <c r="N48769" s="10"/>
    </row>
    <row r="48770" spans="14:14">
      <c r="N48770" s="10"/>
    </row>
    <row r="48771" spans="14:14">
      <c r="N48771" s="10"/>
    </row>
    <row r="48772" spans="14:14">
      <c r="N48772" s="10"/>
    </row>
    <row r="48773" spans="14:14">
      <c r="N48773" s="10"/>
    </row>
    <row r="48774" spans="14:14">
      <c r="N48774" s="10"/>
    </row>
    <row r="48775" spans="14:14">
      <c r="N48775" s="10"/>
    </row>
    <row r="48776" spans="14:14">
      <c r="N48776" s="10"/>
    </row>
    <row r="48777" spans="14:14">
      <c r="N48777" s="10"/>
    </row>
    <row r="48778" spans="14:14">
      <c r="N48778" s="10"/>
    </row>
    <row r="48779" spans="14:14">
      <c r="N48779" s="10"/>
    </row>
    <row r="48780" spans="14:14">
      <c r="N48780" s="10"/>
    </row>
    <row r="48781" spans="14:14">
      <c r="N48781" s="10"/>
    </row>
    <row r="48782" spans="14:14">
      <c r="N48782" s="10"/>
    </row>
    <row r="48783" spans="14:14">
      <c r="N48783" s="10"/>
    </row>
    <row r="48784" spans="14:14">
      <c r="N48784" s="10"/>
    </row>
    <row r="48785" spans="14:14">
      <c r="N48785" s="10"/>
    </row>
    <row r="48786" spans="14:14">
      <c r="N48786" s="10"/>
    </row>
    <row r="48787" spans="14:14">
      <c r="N48787" s="10"/>
    </row>
    <row r="48788" spans="14:14">
      <c r="N48788" s="10"/>
    </row>
    <row r="48789" spans="14:14">
      <c r="N48789" s="10"/>
    </row>
    <row r="48790" spans="14:14">
      <c r="N48790" s="10"/>
    </row>
    <row r="48791" spans="14:14">
      <c r="N48791" s="10"/>
    </row>
    <row r="48792" spans="14:14">
      <c r="N48792" s="10"/>
    </row>
    <row r="48793" spans="14:14">
      <c r="N48793" s="10"/>
    </row>
    <row r="48794" spans="14:14">
      <c r="N48794" s="10"/>
    </row>
    <row r="48795" spans="14:14">
      <c r="N48795" s="10"/>
    </row>
    <row r="48796" spans="14:14">
      <c r="N48796" s="10"/>
    </row>
    <row r="48797" spans="14:14">
      <c r="N48797" s="10"/>
    </row>
    <row r="48798" spans="14:14">
      <c r="N48798" s="10"/>
    </row>
    <row r="48799" spans="14:14">
      <c r="N48799" s="10"/>
    </row>
    <row r="48800" spans="14:14">
      <c r="N48800" s="10"/>
    </row>
    <row r="48801" spans="14:14">
      <c r="N48801" s="10"/>
    </row>
    <row r="48802" spans="14:14">
      <c r="N48802" s="10"/>
    </row>
    <row r="48803" spans="14:14">
      <c r="N48803" s="10"/>
    </row>
    <row r="48804" spans="14:14">
      <c r="N48804" s="10"/>
    </row>
    <row r="48805" spans="14:14">
      <c r="N48805" s="10"/>
    </row>
    <row r="48806" spans="14:14">
      <c r="N48806" s="10"/>
    </row>
    <row r="48807" spans="14:14">
      <c r="N48807" s="10"/>
    </row>
    <row r="48808" spans="14:14">
      <c r="N48808" s="10"/>
    </row>
    <row r="48809" spans="14:14">
      <c r="N48809" s="10"/>
    </row>
    <row r="48810" spans="14:14">
      <c r="N48810" s="10"/>
    </row>
    <row r="48811" spans="14:14">
      <c r="N48811" s="10"/>
    </row>
    <row r="48812" spans="14:14">
      <c r="N48812" s="10"/>
    </row>
    <row r="48813" spans="14:14">
      <c r="N48813" s="10"/>
    </row>
    <row r="48814" spans="14:14">
      <c r="N48814" s="10"/>
    </row>
    <row r="48815" spans="14:14">
      <c r="N48815" s="10"/>
    </row>
    <row r="48816" spans="14:14">
      <c r="N48816" s="10"/>
    </row>
    <row r="48817" spans="14:14">
      <c r="N48817" s="10"/>
    </row>
    <row r="48818" spans="14:14">
      <c r="N48818" s="10"/>
    </row>
    <row r="48819" spans="14:14">
      <c r="N48819" s="10"/>
    </row>
    <row r="48820" spans="14:14">
      <c r="N48820" s="10"/>
    </row>
    <row r="48821" spans="14:14">
      <c r="N48821" s="10"/>
    </row>
    <row r="48822" spans="14:14">
      <c r="N48822" s="10"/>
    </row>
    <row r="48823" spans="14:14">
      <c r="N48823" s="10"/>
    </row>
    <row r="48824" spans="14:14">
      <c r="N48824" s="10"/>
    </row>
    <row r="48825" spans="14:14">
      <c r="N48825" s="10"/>
    </row>
    <row r="48826" spans="14:14">
      <c r="N48826" s="10"/>
    </row>
    <row r="48827" spans="14:14">
      <c r="N48827" s="10"/>
    </row>
    <row r="48828" spans="14:14">
      <c r="N48828" s="10"/>
    </row>
    <row r="48829" spans="14:14">
      <c r="N48829" s="10"/>
    </row>
    <row r="48830" spans="14:14">
      <c r="N48830" s="10"/>
    </row>
    <row r="48831" spans="14:14">
      <c r="N48831" s="10"/>
    </row>
    <row r="48832" spans="14:14">
      <c r="N48832" s="10"/>
    </row>
    <row r="48833" spans="14:14">
      <c r="N48833" s="10"/>
    </row>
    <row r="48834" spans="14:14">
      <c r="N48834" s="10"/>
    </row>
    <row r="48835" spans="14:14">
      <c r="N48835" s="10"/>
    </row>
    <row r="48836" spans="14:14">
      <c r="N48836" s="10"/>
    </row>
    <row r="48837" spans="14:14">
      <c r="N48837" s="10"/>
    </row>
    <row r="48838" spans="14:14">
      <c r="N48838" s="10"/>
    </row>
    <row r="48839" spans="14:14">
      <c r="N48839" s="10"/>
    </row>
    <row r="48840" spans="14:14">
      <c r="N48840" s="10"/>
    </row>
    <row r="48841" spans="14:14">
      <c r="N48841" s="10"/>
    </row>
    <row r="48842" spans="14:14">
      <c r="N48842" s="10"/>
    </row>
    <row r="48843" spans="14:14">
      <c r="N48843" s="10"/>
    </row>
    <row r="48844" spans="14:14">
      <c r="N48844" s="10"/>
    </row>
    <row r="48845" spans="14:14">
      <c r="N48845" s="10"/>
    </row>
    <row r="48846" spans="14:14">
      <c r="N48846" s="10"/>
    </row>
    <row r="48847" spans="14:14">
      <c r="N48847" s="10"/>
    </row>
    <row r="48848" spans="14:14">
      <c r="N48848" s="10"/>
    </row>
    <row r="48849" spans="14:14">
      <c r="N48849" s="10"/>
    </row>
    <row r="48850" spans="14:14">
      <c r="N48850" s="10"/>
    </row>
    <row r="48851" spans="14:14">
      <c r="N48851" s="10"/>
    </row>
    <row r="48852" spans="14:14">
      <c r="N48852" s="10"/>
    </row>
    <row r="48853" spans="14:14">
      <c r="N48853" s="10"/>
    </row>
    <row r="48854" spans="14:14">
      <c r="N48854" s="10"/>
    </row>
    <row r="48855" spans="14:14">
      <c r="N48855" s="10"/>
    </row>
    <row r="48856" spans="14:14">
      <c r="N48856" s="10"/>
    </row>
    <row r="48857" spans="14:14">
      <c r="N48857" s="10"/>
    </row>
    <row r="48858" spans="14:14">
      <c r="N48858" s="10"/>
    </row>
    <row r="48859" spans="14:14">
      <c r="N48859" s="10"/>
    </row>
    <row r="48860" spans="14:14">
      <c r="N48860" s="10"/>
    </row>
    <row r="48861" spans="14:14">
      <c r="N48861" s="10"/>
    </row>
    <row r="48862" spans="14:14">
      <c r="N48862" s="10"/>
    </row>
    <row r="48863" spans="14:14">
      <c r="N48863" s="10"/>
    </row>
    <row r="48864" spans="14:14">
      <c r="N48864" s="10"/>
    </row>
    <row r="48865" spans="14:14">
      <c r="N48865" s="10"/>
    </row>
    <row r="48866" spans="14:14">
      <c r="N48866" s="10"/>
    </row>
    <row r="48867" spans="14:14">
      <c r="N48867" s="10"/>
    </row>
    <row r="48868" spans="14:14">
      <c r="N48868" s="10"/>
    </row>
    <row r="48869" spans="14:14">
      <c r="N48869" s="10"/>
    </row>
    <row r="48870" spans="14:14">
      <c r="N48870" s="10"/>
    </row>
    <row r="48871" spans="14:14">
      <c r="N48871" s="10"/>
    </row>
    <row r="48872" spans="14:14">
      <c r="N48872" s="10"/>
    </row>
    <row r="48873" spans="14:14">
      <c r="N48873" s="10"/>
    </row>
    <row r="48874" spans="14:14">
      <c r="N48874" s="10"/>
    </row>
    <row r="48875" spans="14:14">
      <c r="N48875" s="10"/>
    </row>
    <row r="48876" spans="14:14">
      <c r="N48876" s="10"/>
    </row>
    <row r="48877" spans="14:14">
      <c r="N48877" s="10"/>
    </row>
    <row r="48878" spans="14:14">
      <c r="N48878" s="10"/>
    </row>
    <row r="48879" spans="14:14">
      <c r="N48879" s="10"/>
    </row>
    <row r="48880" spans="14:14">
      <c r="N48880" s="10"/>
    </row>
    <row r="48881" spans="14:14">
      <c r="N48881" s="10"/>
    </row>
    <row r="48882" spans="14:14">
      <c r="N48882" s="10"/>
    </row>
    <row r="48883" spans="14:14">
      <c r="N48883" s="10"/>
    </row>
    <row r="48884" spans="14:14">
      <c r="N48884" s="10"/>
    </row>
    <row r="48885" spans="14:14">
      <c r="N48885" s="10"/>
    </row>
    <row r="48886" spans="14:14">
      <c r="N48886" s="10"/>
    </row>
    <row r="48887" spans="14:14">
      <c r="N48887" s="10"/>
    </row>
    <row r="48888" spans="14:14">
      <c r="N48888" s="10"/>
    </row>
    <row r="48889" spans="14:14">
      <c r="N48889" s="10"/>
    </row>
    <row r="48890" spans="14:14">
      <c r="N48890" s="10"/>
    </row>
    <row r="48891" spans="14:14">
      <c r="N48891" s="10"/>
    </row>
    <row r="48892" spans="14:14">
      <c r="N48892" s="10"/>
    </row>
    <row r="48893" spans="14:14">
      <c r="N48893" s="10"/>
    </row>
    <row r="48894" spans="14:14">
      <c r="N48894" s="10"/>
    </row>
    <row r="48895" spans="14:14">
      <c r="N48895" s="10"/>
    </row>
    <row r="48896" spans="14:14">
      <c r="N48896" s="10"/>
    </row>
    <row r="48897" spans="14:14">
      <c r="N48897" s="10"/>
    </row>
    <row r="48898" spans="14:14">
      <c r="N48898" s="10"/>
    </row>
    <row r="48899" spans="14:14">
      <c r="N48899" s="10"/>
    </row>
    <row r="48900" spans="14:14">
      <c r="N48900" s="10"/>
    </row>
    <row r="48901" spans="14:14">
      <c r="N48901" s="10"/>
    </row>
    <row r="48902" spans="14:14">
      <c r="N48902" s="10"/>
    </row>
    <row r="48903" spans="14:14">
      <c r="N48903" s="10"/>
    </row>
    <row r="48904" spans="14:14">
      <c r="N48904" s="10"/>
    </row>
    <row r="48905" spans="14:14">
      <c r="N48905" s="10"/>
    </row>
    <row r="48906" spans="14:14">
      <c r="N48906" s="10"/>
    </row>
    <row r="48907" spans="14:14">
      <c r="N48907" s="10"/>
    </row>
    <row r="48908" spans="14:14">
      <c r="N48908" s="10"/>
    </row>
    <row r="48909" spans="14:14">
      <c r="N48909" s="10"/>
    </row>
    <row r="48910" spans="14:14">
      <c r="N48910" s="10"/>
    </row>
    <row r="48911" spans="14:14">
      <c r="N48911" s="10"/>
    </row>
    <row r="48912" spans="14:14">
      <c r="N48912" s="10"/>
    </row>
    <row r="48913" spans="14:14">
      <c r="N48913" s="10"/>
    </row>
    <row r="48914" spans="14:14">
      <c r="N48914" s="10"/>
    </row>
    <row r="48915" spans="14:14">
      <c r="N48915" s="10"/>
    </row>
    <row r="48916" spans="14:14">
      <c r="N48916" s="10"/>
    </row>
    <row r="48917" spans="14:14">
      <c r="N48917" s="10"/>
    </row>
    <row r="48918" spans="14:14">
      <c r="N48918" s="10"/>
    </row>
    <row r="48919" spans="14:14">
      <c r="N48919" s="10"/>
    </row>
    <row r="48920" spans="14:14">
      <c r="N48920" s="10"/>
    </row>
    <row r="48921" spans="14:14">
      <c r="N48921" s="10"/>
    </row>
    <row r="48922" spans="14:14">
      <c r="N48922" s="10"/>
    </row>
    <row r="48923" spans="14:14">
      <c r="N48923" s="10"/>
    </row>
    <row r="48924" spans="14:14">
      <c r="N48924" s="10"/>
    </row>
    <row r="48925" spans="14:14">
      <c r="N48925" s="10"/>
    </row>
    <row r="48926" spans="14:14">
      <c r="N48926" s="10"/>
    </row>
    <row r="48927" spans="14:14">
      <c r="N48927" s="10"/>
    </row>
    <row r="48928" spans="14:14">
      <c r="N48928" s="10"/>
    </row>
    <row r="48929" spans="14:14">
      <c r="N48929" s="10"/>
    </row>
    <row r="48930" spans="14:14">
      <c r="N48930" s="10"/>
    </row>
    <row r="48931" spans="14:14">
      <c r="N48931" s="10"/>
    </row>
    <row r="48932" spans="14:14">
      <c r="N48932" s="10"/>
    </row>
    <row r="48933" spans="14:14">
      <c r="N48933" s="10"/>
    </row>
    <row r="48934" spans="14:14">
      <c r="N48934" s="10"/>
    </row>
    <row r="48935" spans="14:14">
      <c r="N48935" s="10"/>
    </row>
    <row r="48936" spans="14:14">
      <c r="N48936" s="10"/>
    </row>
    <row r="48937" spans="14:14">
      <c r="N48937" s="10"/>
    </row>
    <row r="48938" spans="14:14">
      <c r="N48938" s="10"/>
    </row>
    <row r="48939" spans="14:14">
      <c r="N48939" s="10"/>
    </row>
    <row r="48940" spans="14:14">
      <c r="N48940" s="10"/>
    </row>
    <row r="48941" spans="14:14">
      <c r="N48941" s="10"/>
    </row>
    <row r="48942" spans="14:14">
      <c r="N48942" s="10"/>
    </row>
    <row r="48943" spans="14:14">
      <c r="N48943" s="10"/>
    </row>
    <row r="48944" spans="14:14">
      <c r="N48944" s="10"/>
    </row>
    <row r="48945" spans="14:14">
      <c r="N48945" s="10"/>
    </row>
    <row r="48946" spans="14:14">
      <c r="N48946" s="10"/>
    </row>
    <row r="48947" spans="14:14">
      <c r="N48947" s="10"/>
    </row>
    <row r="48948" spans="14:14">
      <c r="N48948" s="10"/>
    </row>
    <row r="48949" spans="14:14">
      <c r="N48949" s="10"/>
    </row>
    <row r="48950" spans="14:14">
      <c r="N48950" s="10"/>
    </row>
    <row r="48951" spans="14:14">
      <c r="N48951" s="10"/>
    </row>
    <row r="48952" spans="14:14">
      <c r="N48952" s="10"/>
    </row>
    <row r="48953" spans="14:14">
      <c r="N48953" s="10"/>
    </row>
    <row r="48954" spans="14:14">
      <c r="N48954" s="10"/>
    </row>
    <row r="48955" spans="14:14">
      <c r="N48955" s="10"/>
    </row>
    <row r="48956" spans="14:14">
      <c r="N48956" s="10"/>
    </row>
    <row r="48957" spans="14:14">
      <c r="N48957" s="10"/>
    </row>
    <row r="48958" spans="14:14">
      <c r="N48958" s="10"/>
    </row>
    <row r="48959" spans="14:14">
      <c r="N48959" s="10"/>
    </row>
    <row r="48960" spans="14:14">
      <c r="N48960" s="10"/>
    </row>
    <row r="48961" spans="14:14">
      <c r="N48961" s="10"/>
    </row>
    <row r="48962" spans="14:14">
      <c r="N48962" s="10"/>
    </row>
    <row r="48963" spans="14:14">
      <c r="N48963" s="10"/>
    </row>
    <row r="48964" spans="14:14">
      <c r="N48964" s="10"/>
    </row>
    <row r="48965" spans="14:14">
      <c r="N48965" s="10"/>
    </row>
    <row r="48966" spans="14:14">
      <c r="N48966" s="10"/>
    </row>
    <row r="48967" spans="14:14">
      <c r="N48967" s="10"/>
    </row>
    <row r="48968" spans="14:14">
      <c r="N48968" s="10"/>
    </row>
    <row r="48969" spans="14:14">
      <c r="N48969" s="10"/>
    </row>
    <row r="48970" spans="14:14">
      <c r="N48970" s="10"/>
    </row>
    <row r="48971" spans="14:14">
      <c r="N48971" s="10"/>
    </row>
    <row r="48972" spans="14:14">
      <c r="N48972" s="10"/>
    </row>
    <row r="48973" spans="14:14">
      <c r="N48973" s="10"/>
    </row>
    <row r="48974" spans="14:14">
      <c r="N48974" s="10"/>
    </row>
    <row r="48975" spans="14:14">
      <c r="N48975" s="10"/>
    </row>
    <row r="48976" spans="14:14">
      <c r="N48976" s="10"/>
    </row>
    <row r="48977" spans="14:14">
      <c r="N48977" s="10"/>
    </row>
    <row r="48978" spans="14:14">
      <c r="N48978" s="10"/>
    </row>
    <row r="48979" spans="14:14">
      <c r="N48979" s="10"/>
    </row>
    <row r="48980" spans="14:14">
      <c r="N48980" s="10"/>
    </row>
    <row r="48981" spans="14:14">
      <c r="N48981" s="10"/>
    </row>
    <row r="48982" spans="14:14">
      <c r="N48982" s="10"/>
    </row>
    <row r="48983" spans="14:14">
      <c r="N48983" s="10"/>
    </row>
    <row r="48984" spans="14:14">
      <c r="N48984" s="10"/>
    </row>
    <row r="48985" spans="14:14">
      <c r="N48985" s="10"/>
    </row>
    <row r="48986" spans="14:14">
      <c r="N48986" s="10"/>
    </row>
    <row r="48987" spans="14:14">
      <c r="N48987" s="10"/>
    </row>
    <row r="48988" spans="14:14">
      <c r="N48988" s="10"/>
    </row>
    <row r="48989" spans="14:14">
      <c r="N48989" s="10"/>
    </row>
    <row r="48990" spans="14:14">
      <c r="N48990" s="10"/>
    </row>
    <row r="48991" spans="14:14">
      <c r="N48991" s="10"/>
    </row>
    <row r="48992" spans="14:14">
      <c r="N48992" s="10"/>
    </row>
    <row r="48993" spans="14:14">
      <c r="N48993" s="10"/>
    </row>
    <row r="48994" spans="14:14">
      <c r="N48994" s="10"/>
    </row>
    <row r="48995" spans="14:14">
      <c r="N48995" s="10"/>
    </row>
    <row r="48996" spans="14:14">
      <c r="N48996" s="10"/>
    </row>
    <row r="48997" spans="14:14">
      <c r="N48997" s="10"/>
    </row>
    <row r="48998" spans="14:14">
      <c r="N48998" s="10"/>
    </row>
    <row r="48999" spans="14:14">
      <c r="N48999" s="10"/>
    </row>
    <row r="49000" spans="14:14">
      <c r="N49000" s="10"/>
    </row>
    <row r="49001" spans="14:14">
      <c r="N49001" s="10"/>
    </row>
    <row r="49002" spans="14:14">
      <c r="N49002" s="10"/>
    </row>
    <row r="49003" spans="14:14">
      <c r="N49003" s="10"/>
    </row>
    <row r="49004" spans="14:14">
      <c r="N49004" s="10"/>
    </row>
    <row r="49005" spans="14:14">
      <c r="N49005" s="10"/>
    </row>
    <row r="49006" spans="14:14">
      <c r="N49006" s="10"/>
    </row>
    <row r="49007" spans="14:14">
      <c r="N49007" s="10"/>
    </row>
    <row r="49008" spans="14:14">
      <c r="N49008" s="10"/>
    </row>
    <row r="49009" spans="14:14">
      <c r="N49009" s="10"/>
    </row>
    <row r="49010" spans="14:14">
      <c r="N49010" s="10"/>
    </row>
    <row r="49011" spans="14:14">
      <c r="N49011" s="10"/>
    </row>
    <row r="49012" spans="14:14">
      <c r="N49012" s="10"/>
    </row>
    <row r="49013" spans="14:14">
      <c r="N49013" s="10"/>
    </row>
    <row r="49014" spans="14:14">
      <c r="N49014" s="10"/>
    </row>
    <row r="49015" spans="14:14">
      <c r="N49015" s="10"/>
    </row>
    <row r="49016" spans="14:14">
      <c r="N49016" s="10"/>
    </row>
    <row r="49017" spans="14:14">
      <c r="N49017" s="10"/>
    </row>
    <row r="49018" spans="14:14">
      <c r="N49018" s="10"/>
    </row>
    <row r="49019" spans="14:14">
      <c r="N49019" s="10"/>
    </row>
    <row r="49020" spans="14:14">
      <c r="N49020" s="10"/>
    </row>
    <row r="49021" spans="14:14">
      <c r="N49021" s="10"/>
    </row>
    <row r="49022" spans="14:14">
      <c r="N49022" s="10"/>
    </row>
    <row r="49023" spans="14:14">
      <c r="N49023" s="10"/>
    </row>
    <row r="49024" spans="14:14">
      <c r="N49024" s="10"/>
    </row>
    <row r="49025" spans="14:14">
      <c r="N49025" s="10"/>
    </row>
    <row r="49026" spans="14:14">
      <c r="N49026" s="10"/>
    </row>
    <row r="49027" spans="14:14">
      <c r="N49027" s="10"/>
    </row>
    <row r="49028" spans="14:14">
      <c r="N49028" s="10"/>
    </row>
    <row r="49029" spans="14:14">
      <c r="N49029" s="10"/>
    </row>
    <row r="49030" spans="14:14">
      <c r="N49030" s="10"/>
    </row>
    <row r="49031" spans="14:14">
      <c r="N49031" s="10"/>
    </row>
    <row r="49032" spans="14:14">
      <c r="N49032" s="10"/>
    </row>
    <row r="49033" spans="14:14">
      <c r="N49033" s="10"/>
    </row>
    <row r="49034" spans="14:14">
      <c r="N49034" s="10"/>
    </row>
    <row r="49035" spans="14:14">
      <c r="N49035" s="10"/>
    </row>
    <row r="49036" spans="14:14">
      <c r="N49036" s="10"/>
    </row>
    <row r="49037" spans="14:14">
      <c r="N49037" s="10"/>
    </row>
    <row r="49038" spans="14:14">
      <c r="N49038" s="10"/>
    </row>
    <row r="49039" spans="14:14">
      <c r="N49039" s="10"/>
    </row>
    <row r="49040" spans="14:14">
      <c r="N49040" s="10"/>
    </row>
    <row r="49041" spans="14:14">
      <c r="N49041" s="10"/>
    </row>
    <row r="49042" spans="14:14">
      <c r="N49042" s="10"/>
    </row>
    <row r="49043" spans="14:14">
      <c r="N49043" s="10"/>
    </row>
    <row r="49044" spans="14:14">
      <c r="N49044" s="10"/>
    </row>
    <row r="49045" spans="14:14">
      <c r="N49045" s="10"/>
    </row>
    <row r="49046" spans="14:14">
      <c r="N49046" s="10"/>
    </row>
    <row r="49047" spans="14:14">
      <c r="N49047" s="10"/>
    </row>
    <row r="49048" spans="14:14">
      <c r="N49048" s="10"/>
    </row>
    <row r="49049" spans="14:14">
      <c r="N49049" s="10"/>
    </row>
    <row r="49050" spans="14:14">
      <c r="N49050" s="10"/>
    </row>
    <row r="49051" spans="14:14">
      <c r="N49051" s="10"/>
    </row>
    <row r="49052" spans="14:14">
      <c r="N49052" s="10"/>
    </row>
    <row r="49053" spans="14:14">
      <c r="N49053" s="10"/>
    </row>
    <row r="49054" spans="14:14">
      <c r="N49054" s="10"/>
    </row>
    <row r="49055" spans="14:14">
      <c r="N49055" s="10"/>
    </row>
    <row r="49056" spans="14:14">
      <c r="N49056" s="10"/>
    </row>
    <row r="49057" spans="14:14">
      <c r="N49057" s="10"/>
    </row>
    <row r="49058" spans="14:14">
      <c r="N49058" s="10"/>
    </row>
    <row r="49059" spans="14:14">
      <c r="N49059" s="10"/>
    </row>
    <row r="49060" spans="14:14">
      <c r="N49060" s="10"/>
    </row>
    <row r="49061" spans="14:14">
      <c r="N49061" s="10"/>
    </row>
    <row r="49062" spans="14:14">
      <c r="N49062" s="10"/>
    </row>
    <row r="49063" spans="14:14">
      <c r="N49063" s="10"/>
    </row>
    <row r="49064" spans="14:14">
      <c r="N49064" s="10"/>
    </row>
    <row r="49065" spans="14:14">
      <c r="N49065" s="10"/>
    </row>
    <row r="49066" spans="14:14">
      <c r="N49066" s="10"/>
    </row>
    <row r="49067" spans="14:14">
      <c r="N49067" s="10"/>
    </row>
    <row r="49068" spans="14:14">
      <c r="N49068" s="10"/>
    </row>
    <row r="49069" spans="14:14">
      <c r="N49069" s="10"/>
    </row>
    <row r="49070" spans="14:14">
      <c r="N49070" s="10"/>
    </row>
    <row r="49071" spans="14:14">
      <c r="N49071" s="10"/>
    </row>
    <row r="49072" spans="14:14">
      <c r="N49072" s="10"/>
    </row>
    <row r="49073" spans="14:14">
      <c r="N49073" s="10"/>
    </row>
    <row r="49074" spans="14:14">
      <c r="N49074" s="10"/>
    </row>
    <row r="49075" spans="14:14">
      <c r="N49075" s="10"/>
    </row>
    <row r="49076" spans="14:14">
      <c r="N49076" s="10"/>
    </row>
    <row r="49077" spans="14:14">
      <c r="N49077" s="10"/>
    </row>
    <row r="49078" spans="14:14">
      <c r="N49078" s="10"/>
    </row>
    <row r="49079" spans="14:14">
      <c r="N49079" s="10"/>
    </row>
    <row r="49080" spans="14:14">
      <c r="N49080" s="10"/>
    </row>
    <row r="49081" spans="14:14">
      <c r="N49081" s="10"/>
    </row>
    <row r="49082" spans="14:14">
      <c r="N49082" s="10"/>
    </row>
    <row r="49083" spans="14:14">
      <c r="N49083" s="10"/>
    </row>
    <row r="49084" spans="14:14">
      <c r="N49084" s="10"/>
    </row>
    <row r="49085" spans="14:14">
      <c r="N49085" s="10"/>
    </row>
    <row r="49086" spans="14:14">
      <c r="N49086" s="10"/>
    </row>
    <row r="49087" spans="14:14">
      <c r="N49087" s="10"/>
    </row>
    <row r="49088" spans="14:14">
      <c r="N49088" s="10"/>
    </row>
    <row r="49089" spans="14:14">
      <c r="N49089" s="10"/>
    </row>
    <row r="49090" spans="14:14">
      <c r="N49090" s="10"/>
    </row>
    <row r="49091" spans="14:14">
      <c r="N49091" s="10"/>
    </row>
    <row r="49092" spans="14:14">
      <c r="N49092" s="10"/>
    </row>
    <row r="49093" spans="14:14">
      <c r="N49093" s="10"/>
    </row>
    <row r="49094" spans="14:14">
      <c r="N49094" s="10"/>
    </row>
    <row r="49095" spans="14:14">
      <c r="N49095" s="10"/>
    </row>
    <row r="49096" spans="14:14">
      <c r="N49096" s="10"/>
    </row>
    <row r="49097" spans="14:14">
      <c r="N49097" s="10"/>
    </row>
    <row r="49098" spans="14:14">
      <c r="N49098" s="10"/>
    </row>
    <row r="49099" spans="14:14">
      <c r="N49099" s="10"/>
    </row>
    <row r="49100" spans="14:14">
      <c r="N49100" s="10"/>
    </row>
    <row r="49101" spans="14:14">
      <c r="N49101" s="10"/>
    </row>
    <row r="49102" spans="14:14">
      <c r="N49102" s="10"/>
    </row>
    <row r="49103" spans="14:14">
      <c r="N49103" s="10"/>
    </row>
    <row r="49104" spans="14:14">
      <c r="N49104" s="10"/>
    </row>
    <row r="49105" spans="14:14">
      <c r="N49105" s="10"/>
    </row>
    <row r="49106" spans="14:14">
      <c r="N49106" s="10"/>
    </row>
    <row r="49107" spans="14:14">
      <c r="N49107" s="10"/>
    </row>
    <row r="49108" spans="14:14">
      <c r="N49108" s="10"/>
    </row>
    <row r="49109" spans="14:14">
      <c r="N49109" s="10"/>
    </row>
    <row r="49110" spans="14:14">
      <c r="N49110" s="10"/>
    </row>
    <row r="49111" spans="14:14">
      <c r="N49111" s="10"/>
    </row>
    <row r="49112" spans="14:14">
      <c r="N49112" s="10"/>
    </row>
    <row r="49113" spans="14:14">
      <c r="N49113" s="10"/>
    </row>
    <row r="49114" spans="14:14">
      <c r="N49114" s="10"/>
    </row>
    <row r="49115" spans="14:14">
      <c r="N49115" s="10"/>
    </row>
    <row r="49116" spans="14:14">
      <c r="N49116" s="10"/>
    </row>
    <row r="49117" spans="14:14">
      <c r="N49117" s="10"/>
    </row>
    <row r="49118" spans="14:14">
      <c r="N49118" s="10"/>
    </row>
    <row r="49119" spans="14:14">
      <c r="N49119" s="10"/>
    </row>
    <row r="49120" spans="14:14">
      <c r="N49120" s="10"/>
    </row>
    <row r="49121" spans="14:14">
      <c r="N49121" s="10"/>
    </row>
    <row r="49122" spans="14:14">
      <c r="N49122" s="10"/>
    </row>
    <row r="49123" spans="14:14">
      <c r="N49123" s="10"/>
    </row>
    <row r="49124" spans="14:14">
      <c r="N49124" s="10"/>
    </row>
    <row r="49125" spans="14:14">
      <c r="N49125" s="10"/>
    </row>
    <row r="49126" spans="14:14">
      <c r="N49126" s="10"/>
    </row>
    <row r="49127" spans="14:14">
      <c r="N49127" s="10"/>
    </row>
    <row r="49128" spans="14:14">
      <c r="N49128" s="10"/>
    </row>
    <row r="49129" spans="14:14">
      <c r="N49129" s="10"/>
    </row>
    <row r="49130" spans="14:14">
      <c r="N49130" s="10"/>
    </row>
    <row r="49131" spans="14:14">
      <c r="N49131" s="10"/>
    </row>
    <row r="49132" spans="14:14">
      <c r="N49132" s="10"/>
    </row>
    <row r="49133" spans="14:14">
      <c r="N49133" s="10"/>
    </row>
    <row r="49134" spans="14:14">
      <c r="N49134" s="10"/>
    </row>
    <row r="49135" spans="14:14">
      <c r="N49135" s="10"/>
    </row>
    <row r="49136" spans="14:14">
      <c r="N49136" s="10"/>
    </row>
    <row r="49137" spans="14:14">
      <c r="N49137" s="10"/>
    </row>
    <row r="49138" spans="14:14">
      <c r="N49138" s="10"/>
    </row>
    <row r="49139" spans="14:14">
      <c r="N49139" s="10"/>
    </row>
    <row r="49140" spans="14:14">
      <c r="N49140" s="10"/>
    </row>
    <row r="49141" spans="14:14">
      <c r="N49141" s="10"/>
    </row>
    <row r="49142" spans="14:14">
      <c r="N49142" s="10"/>
    </row>
    <row r="49143" spans="14:14">
      <c r="N49143" s="10"/>
    </row>
    <row r="49144" spans="14:14">
      <c r="N49144" s="10"/>
    </row>
    <row r="49145" spans="14:14">
      <c r="N49145" s="10"/>
    </row>
    <row r="49146" spans="14:14">
      <c r="N49146" s="10"/>
    </row>
    <row r="49147" spans="14:14">
      <c r="N49147" s="10"/>
    </row>
    <row r="49148" spans="14:14">
      <c r="N49148" s="10"/>
    </row>
    <row r="49149" spans="14:14">
      <c r="N49149" s="10"/>
    </row>
    <row r="49150" spans="14:14">
      <c r="N49150" s="10"/>
    </row>
    <row r="49151" spans="14:14">
      <c r="N49151" s="10"/>
    </row>
    <row r="49152" spans="14:14">
      <c r="N49152" s="10"/>
    </row>
    <row r="49153" spans="14:14">
      <c r="N49153" s="10"/>
    </row>
    <row r="49154" spans="14:14">
      <c r="N49154" s="10"/>
    </row>
    <row r="49155" spans="14:14">
      <c r="N49155" s="10"/>
    </row>
    <row r="49156" spans="14:14">
      <c r="N49156" s="10"/>
    </row>
    <row r="49157" spans="14:14">
      <c r="N49157" s="10"/>
    </row>
    <row r="49158" spans="14:14">
      <c r="N49158" s="10"/>
    </row>
    <row r="49159" spans="14:14">
      <c r="N49159" s="10"/>
    </row>
    <row r="49160" spans="14:14">
      <c r="N49160" s="10"/>
    </row>
    <row r="49161" spans="14:14">
      <c r="N49161" s="10"/>
    </row>
    <row r="49162" spans="14:14">
      <c r="N49162" s="10"/>
    </row>
    <row r="49163" spans="14:14">
      <c r="N49163" s="10"/>
    </row>
    <row r="49164" spans="14:14">
      <c r="N49164" s="10"/>
    </row>
    <row r="49165" spans="14:14">
      <c r="N49165" s="10"/>
    </row>
    <row r="49166" spans="14:14">
      <c r="N49166" s="10"/>
    </row>
    <row r="49167" spans="14:14">
      <c r="N49167" s="10"/>
    </row>
    <row r="49168" spans="14:14">
      <c r="N49168" s="10"/>
    </row>
    <row r="49169" spans="14:14">
      <c r="N49169" s="10"/>
    </row>
    <row r="49170" spans="14:14">
      <c r="N49170" s="10"/>
    </row>
    <row r="49171" spans="14:14">
      <c r="N49171" s="10"/>
    </row>
    <row r="49172" spans="14:14">
      <c r="N49172" s="10"/>
    </row>
    <row r="49173" spans="14:14">
      <c r="N49173" s="10"/>
    </row>
    <row r="49174" spans="14:14">
      <c r="N49174" s="10"/>
    </row>
    <row r="49175" spans="14:14">
      <c r="N49175" s="10"/>
    </row>
    <row r="49176" spans="14:14">
      <c r="N49176" s="10"/>
    </row>
    <row r="49177" spans="14:14">
      <c r="N49177" s="10"/>
    </row>
    <row r="49178" spans="14:14">
      <c r="N49178" s="10"/>
    </row>
    <row r="49179" spans="14:14">
      <c r="N49179" s="10"/>
    </row>
    <row r="49180" spans="14:14">
      <c r="N49180" s="10"/>
    </row>
    <row r="49181" spans="14:14">
      <c r="N49181" s="10"/>
    </row>
    <row r="49182" spans="14:14">
      <c r="N49182" s="10"/>
    </row>
    <row r="49183" spans="14:14">
      <c r="N49183" s="10"/>
    </row>
    <row r="49184" spans="14:14">
      <c r="N49184" s="10"/>
    </row>
    <row r="49185" spans="14:14">
      <c r="N49185" s="10"/>
    </row>
    <row r="49186" spans="14:14">
      <c r="N49186" s="10"/>
    </row>
    <row r="49187" spans="14:14">
      <c r="N49187" s="10"/>
    </row>
    <row r="49188" spans="14:14">
      <c r="N49188" s="10"/>
    </row>
    <row r="49189" spans="14:14">
      <c r="N49189" s="10"/>
    </row>
    <row r="49190" spans="14:14">
      <c r="N49190" s="10"/>
    </row>
    <row r="49191" spans="14:14">
      <c r="N49191" s="10"/>
    </row>
    <row r="49192" spans="14:14">
      <c r="N49192" s="10"/>
    </row>
    <row r="49193" spans="14:14">
      <c r="N49193" s="10"/>
    </row>
    <row r="49194" spans="14:14">
      <c r="N49194" s="10"/>
    </row>
    <row r="49195" spans="14:14">
      <c r="N49195" s="10"/>
    </row>
    <row r="49196" spans="14:14">
      <c r="N49196" s="10"/>
    </row>
    <row r="49197" spans="14:14">
      <c r="N49197" s="10"/>
    </row>
    <row r="49198" spans="14:14">
      <c r="N49198" s="10"/>
    </row>
    <row r="49199" spans="14:14">
      <c r="N49199" s="10"/>
    </row>
    <row r="49200" spans="14:14">
      <c r="N49200" s="10"/>
    </row>
    <row r="49201" spans="14:14">
      <c r="N49201" s="10"/>
    </row>
    <row r="49202" spans="14:14">
      <c r="N49202" s="10"/>
    </row>
    <row r="49203" spans="14:14">
      <c r="N49203" s="10"/>
    </row>
    <row r="49204" spans="14:14">
      <c r="N49204" s="10"/>
    </row>
    <row r="49205" spans="14:14">
      <c r="N49205" s="10"/>
    </row>
    <row r="49206" spans="14:14">
      <c r="N49206" s="10"/>
    </row>
    <row r="49207" spans="14:14">
      <c r="N49207" s="10"/>
    </row>
    <row r="49208" spans="14:14">
      <c r="N49208" s="10"/>
    </row>
    <row r="49209" spans="14:14">
      <c r="N49209" s="10"/>
    </row>
    <row r="49210" spans="14:14">
      <c r="N49210" s="10"/>
    </row>
    <row r="49211" spans="14:14">
      <c r="N49211" s="10"/>
    </row>
    <row r="49212" spans="14:14">
      <c r="N49212" s="10"/>
    </row>
    <row r="49213" spans="14:14">
      <c r="N49213" s="10"/>
    </row>
    <row r="49214" spans="14:14">
      <c r="N49214" s="10"/>
    </row>
    <row r="49215" spans="14:14">
      <c r="N49215" s="10"/>
    </row>
    <row r="49216" spans="14:14">
      <c r="N49216" s="10"/>
    </row>
    <row r="49217" spans="14:14">
      <c r="N49217" s="10"/>
    </row>
    <row r="49218" spans="14:14">
      <c r="N49218" s="10"/>
    </row>
    <row r="49219" spans="14:14">
      <c r="N49219" s="10"/>
    </row>
    <row r="49220" spans="14:14">
      <c r="N49220" s="10"/>
    </row>
    <row r="49221" spans="14:14">
      <c r="N49221" s="10"/>
    </row>
    <row r="49222" spans="14:14">
      <c r="N49222" s="10"/>
    </row>
    <row r="49223" spans="14:14">
      <c r="N49223" s="10"/>
    </row>
    <row r="49224" spans="14:14">
      <c r="N49224" s="10"/>
    </row>
    <row r="49225" spans="14:14">
      <c r="N49225" s="10"/>
    </row>
    <row r="49226" spans="14:14">
      <c r="N49226" s="10"/>
    </row>
    <row r="49227" spans="14:14">
      <c r="N49227" s="10"/>
    </row>
    <row r="49228" spans="14:14">
      <c r="N49228" s="10"/>
    </row>
    <row r="49229" spans="14:14">
      <c r="N49229" s="10"/>
    </row>
    <row r="49230" spans="14:14">
      <c r="N49230" s="10"/>
    </row>
    <row r="49231" spans="14:14">
      <c r="N49231" s="10"/>
    </row>
    <row r="49232" spans="14:14">
      <c r="N49232" s="10"/>
    </row>
    <row r="49233" spans="14:14">
      <c r="N49233" s="10"/>
    </row>
    <row r="49234" spans="14:14">
      <c r="N49234" s="10"/>
    </row>
    <row r="49235" spans="14:14">
      <c r="N49235" s="10"/>
    </row>
    <row r="49236" spans="14:14">
      <c r="N49236" s="10"/>
    </row>
    <row r="49237" spans="14:14">
      <c r="N49237" s="10"/>
    </row>
    <row r="49238" spans="14:14">
      <c r="N49238" s="10"/>
    </row>
    <row r="49239" spans="14:14">
      <c r="N49239" s="10"/>
    </row>
    <row r="49240" spans="14:14">
      <c r="N49240" s="10"/>
    </row>
    <row r="49241" spans="14:14">
      <c r="N49241" s="10"/>
    </row>
    <row r="49242" spans="14:14">
      <c r="N49242" s="10"/>
    </row>
    <row r="49243" spans="14:14">
      <c r="N49243" s="10"/>
    </row>
    <row r="49244" spans="14:14">
      <c r="N49244" s="10"/>
    </row>
    <row r="49245" spans="14:14">
      <c r="N49245" s="10"/>
    </row>
    <row r="49246" spans="14:14">
      <c r="N49246" s="10"/>
    </row>
    <row r="49247" spans="14:14">
      <c r="N49247" s="10"/>
    </row>
    <row r="49248" spans="14:14">
      <c r="N49248" s="10"/>
    </row>
    <row r="49249" spans="14:14">
      <c r="N49249" s="10"/>
    </row>
    <row r="49250" spans="14:14">
      <c r="N49250" s="10"/>
    </row>
    <row r="49251" spans="14:14">
      <c r="N49251" s="10"/>
    </row>
    <row r="49252" spans="14:14">
      <c r="N49252" s="10"/>
    </row>
    <row r="49253" spans="14:14">
      <c r="N49253" s="10"/>
    </row>
    <row r="49254" spans="14:14">
      <c r="N49254" s="10"/>
    </row>
    <row r="49255" spans="14:14">
      <c r="N49255" s="10"/>
    </row>
    <row r="49256" spans="14:14">
      <c r="N49256" s="10"/>
    </row>
    <row r="49257" spans="14:14">
      <c r="N49257" s="10"/>
    </row>
    <row r="49258" spans="14:14">
      <c r="N49258" s="10"/>
    </row>
    <row r="49259" spans="14:14">
      <c r="N49259" s="10"/>
    </row>
    <row r="49260" spans="14:14">
      <c r="N49260" s="10"/>
    </row>
    <row r="49261" spans="14:14">
      <c r="N49261" s="10"/>
    </row>
    <row r="49262" spans="14:14">
      <c r="N49262" s="10"/>
    </row>
    <row r="49263" spans="14:14">
      <c r="N49263" s="10"/>
    </row>
    <row r="49264" spans="14:14">
      <c r="N49264" s="10"/>
    </row>
    <row r="49265" spans="14:14">
      <c r="N49265" s="10"/>
    </row>
    <row r="49266" spans="14:14">
      <c r="N49266" s="10"/>
    </row>
    <row r="49267" spans="14:14">
      <c r="N49267" s="10"/>
    </row>
    <row r="49268" spans="14:14">
      <c r="N49268" s="10"/>
    </row>
    <row r="49269" spans="14:14">
      <c r="N49269" s="10"/>
    </row>
    <row r="49270" spans="14:14">
      <c r="N49270" s="10"/>
    </row>
    <row r="49271" spans="14:14">
      <c r="N49271" s="10"/>
    </row>
    <row r="49272" spans="14:14">
      <c r="N49272" s="10"/>
    </row>
    <row r="49273" spans="14:14">
      <c r="N49273" s="10"/>
    </row>
    <row r="49274" spans="14:14">
      <c r="N49274" s="10"/>
    </row>
    <row r="49275" spans="14:14">
      <c r="N49275" s="10"/>
    </row>
    <row r="49276" spans="14:14">
      <c r="N49276" s="10"/>
    </row>
    <row r="49277" spans="14:14">
      <c r="N49277" s="10"/>
    </row>
    <row r="49278" spans="14:14">
      <c r="N49278" s="10"/>
    </row>
    <row r="49279" spans="14:14">
      <c r="N49279" s="10"/>
    </row>
    <row r="49280" spans="14:14">
      <c r="N49280" s="10"/>
    </row>
    <row r="49281" spans="14:14">
      <c r="N49281" s="10"/>
    </row>
    <row r="49282" spans="14:14">
      <c r="N49282" s="10"/>
    </row>
    <row r="49283" spans="14:14">
      <c r="N49283" s="10"/>
    </row>
    <row r="49284" spans="14:14">
      <c r="N49284" s="10"/>
    </row>
    <row r="49285" spans="14:14">
      <c r="N49285" s="10"/>
    </row>
    <row r="49286" spans="14:14">
      <c r="N49286" s="10"/>
    </row>
    <row r="49287" spans="14:14">
      <c r="N49287" s="10"/>
    </row>
    <row r="49288" spans="14:14">
      <c r="N49288" s="10"/>
    </row>
    <row r="49289" spans="14:14">
      <c r="N49289" s="10"/>
    </row>
    <row r="49290" spans="14:14">
      <c r="N49290" s="10"/>
    </row>
    <row r="49291" spans="14:14">
      <c r="N49291" s="10"/>
    </row>
    <row r="49292" spans="14:14">
      <c r="N49292" s="10"/>
    </row>
    <row r="49293" spans="14:14">
      <c r="N49293" s="10"/>
    </row>
    <row r="49294" spans="14:14">
      <c r="N49294" s="10"/>
    </row>
    <row r="49295" spans="14:14">
      <c r="N49295" s="10"/>
    </row>
    <row r="49296" spans="14:14">
      <c r="N49296" s="10"/>
    </row>
    <row r="49297" spans="14:14">
      <c r="N49297" s="10"/>
    </row>
    <row r="49298" spans="14:14">
      <c r="N49298" s="10"/>
    </row>
    <row r="49299" spans="14:14">
      <c r="N49299" s="10"/>
    </row>
    <row r="49300" spans="14:14">
      <c r="N49300" s="10"/>
    </row>
    <row r="49301" spans="14:14">
      <c r="N49301" s="10"/>
    </row>
    <row r="49302" spans="14:14">
      <c r="N49302" s="10"/>
    </row>
    <row r="49303" spans="14:14">
      <c r="N49303" s="10"/>
    </row>
    <row r="49304" spans="14:14">
      <c r="N49304" s="10"/>
    </row>
    <row r="49305" spans="14:14">
      <c r="N49305" s="10"/>
    </row>
    <row r="49306" spans="14:14">
      <c r="N49306" s="10"/>
    </row>
    <row r="49307" spans="14:14">
      <c r="N49307" s="10"/>
    </row>
    <row r="49308" spans="14:14">
      <c r="N49308" s="10"/>
    </row>
    <row r="49309" spans="14:14">
      <c r="N49309" s="10"/>
    </row>
    <row r="49310" spans="14:14">
      <c r="N49310" s="10"/>
    </row>
    <row r="49311" spans="14:14">
      <c r="N49311" s="10"/>
    </row>
    <row r="49312" spans="14:14">
      <c r="N49312" s="10"/>
    </row>
    <row r="49313" spans="14:14">
      <c r="N49313" s="10"/>
    </row>
    <row r="49314" spans="14:14">
      <c r="N49314" s="10"/>
    </row>
    <row r="49315" spans="14:14">
      <c r="N49315" s="10"/>
    </row>
    <row r="49316" spans="14:14">
      <c r="N49316" s="10"/>
    </row>
    <row r="49317" spans="14:14">
      <c r="N49317" s="10"/>
    </row>
    <row r="49318" spans="14:14">
      <c r="N49318" s="10"/>
    </row>
    <row r="49319" spans="14:14">
      <c r="N49319" s="10"/>
    </row>
    <row r="49320" spans="14:14">
      <c r="N49320" s="10"/>
    </row>
    <row r="49321" spans="14:14">
      <c r="N49321" s="10"/>
    </row>
    <row r="49322" spans="14:14">
      <c r="N49322" s="10"/>
    </row>
    <row r="49323" spans="14:14">
      <c r="N49323" s="10"/>
    </row>
    <row r="49324" spans="14:14">
      <c r="N49324" s="10"/>
    </row>
    <row r="49325" spans="14:14">
      <c r="N49325" s="10"/>
    </row>
    <row r="49326" spans="14:14">
      <c r="N49326" s="10"/>
    </row>
    <row r="49327" spans="14:14">
      <c r="N49327" s="10"/>
    </row>
    <row r="49328" spans="14:14">
      <c r="N49328" s="10"/>
    </row>
    <row r="49329" spans="14:14">
      <c r="N49329" s="10"/>
    </row>
    <row r="49330" spans="14:14">
      <c r="N49330" s="10"/>
    </row>
    <row r="49331" spans="14:14">
      <c r="N49331" s="10"/>
    </row>
    <row r="49332" spans="14:14">
      <c r="N49332" s="10"/>
    </row>
    <row r="49333" spans="14:14">
      <c r="N49333" s="10"/>
    </row>
    <row r="49334" spans="14:14">
      <c r="N49334" s="10"/>
    </row>
    <row r="49335" spans="14:14">
      <c r="N49335" s="10"/>
    </row>
    <row r="49336" spans="14:14">
      <c r="N49336" s="10"/>
    </row>
    <row r="49337" spans="14:14">
      <c r="N49337" s="10"/>
    </row>
    <row r="49338" spans="14:14">
      <c r="N49338" s="10"/>
    </row>
    <row r="49339" spans="14:14">
      <c r="N49339" s="10"/>
    </row>
    <row r="49340" spans="14:14">
      <c r="N49340" s="10"/>
    </row>
    <row r="49341" spans="14:14">
      <c r="N49341" s="10"/>
    </row>
    <row r="49342" spans="14:14">
      <c r="N49342" s="10"/>
    </row>
    <row r="49343" spans="14:14">
      <c r="N49343" s="10"/>
    </row>
    <row r="49344" spans="14:14">
      <c r="N49344" s="10"/>
    </row>
    <row r="49345" spans="14:14">
      <c r="N49345" s="10"/>
    </row>
    <row r="49346" spans="14:14">
      <c r="N49346" s="10"/>
    </row>
    <row r="49347" spans="14:14">
      <c r="N49347" s="10"/>
    </row>
    <row r="49348" spans="14:14">
      <c r="N49348" s="10"/>
    </row>
    <row r="49349" spans="14:14">
      <c r="N49349" s="10"/>
    </row>
    <row r="49350" spans="14:14">
      <c r="N49350" s="10"/>
    </row>
    <row r="49351" spans="14:14">
      <c r="N49351" s="10"/>
    </row>
    <row r="49352" spans="14:14">
      <c r="N49352" s="10"/>
    </row>
    <row r="49353" spans="14:14">
      <c r="N49353" s="10"/>
    </row>
    <row r="49354" spans="14:14">
      <c r="N49354" s="10"/>
    </row>
    <row r="49355" spans="14:14">
      <c r="N49355" s="10"/>
    </row>
    <row r="49356" spans="14:14">
      <c r="N49356" s="10"/>
    </row>
    <row r="49357" spans="14:14">
      <c r="N49357" s="10"/>
    </row>
    <row r="49358" spans="14:14">
      <c r="N49358" s="10"/>
    </row>
    <row r="49359" spans="14:14">
      <c r="N49359" s="10"/>
    </row>
    <row r="49360" spans="14:14">
      <c r="N49360" s="10"/>
    </row>
    <row r="49361" spans="14:14">
      <c r="N49361" s="10"/>
    </row>
    <row r="49362" spans="14:14">
      <c r="N49362" s="10"/>
    </row>
    <row r="49363" spans="14:14">
      <c r="N49363" s="10"/>
    </row>
    <row r="49364" spans="14:14">
      <c r="N49364" s="10"/>
    </row>
    <row r="49365" spans="14:14">
      <c r="N49365" s="10"/>
    </row>
    <row r="49366" spans="14:14">
      <c r="N49366" s="10"/>
    </row>
    <row r="49367" spans="14:14">
      <c r="N49367" s="10"/>
    </row>
    <row r="49368" spans="14:14">
      <c r="N49368" s="10"/>
    </row>
    <row r="49369" spans="14:14">
      <c r="N49369" s="10"/>
    </row>
    <row r="49370" spans="14:14">
      <c r="N49370" s="10"/>
    </row>
    <row r="49371" spans="14:14">
      <c r="N49371" s="10"/>
    </row>
    <row r="49372" spans="14:14">
      <c r="N49372" s="10"/>
    </row>
    <row r="49373" spans="14:14">
      <c r="N49373" s="10"/>
    </row>
    <row r="49374" spans="14:14">
      <c r="N49374" s="10"/>
    </row>
    <row r="49375" spans="14:14">
      <c r="N49375" s="10"/>
    </row>
    <row r="49376" spans="14:14">
      <c r="N49376" s="10"/>
    </row>
    <row r="49377" spans="14:14">
      <c r="N49377" s="10"/>
    </row>
    <row r="49378" spans="14:14">
      <c r="N49378" s="10"/>
    </row>
    <row r="49379" spans="14:14">
      <c r="N49379" s="10"/>
    </row>
    <row r="49380" spans="14:14">
      <c r="N49380" s="10"/>
    </row>
    <row r="49381" spans="14:14">
      <c r="N49381" s="10"/>
    </row>
    <row r="49382" spans="14:14">
      <c r="N49382" s="10"/>
    </row>
    <row r="49383" spans="14:14">
      <c r="N49383" s="10"/>
    </row>
    <row r="49384" spans="14:14">
      <c r="N49384" s="10"/>
    </row>
    <row r="49385" spans="14:14">
      <c r="N49385" s="10"/>
    </row>
    <row r="49386" spans="14:14">
      <c r="N49386" s="10"/>
    </row>
    <row r="49387" spans="14:14">
      <c r="N49387" s="10"/>
    </row>
    <row r="49388" spans="14:14">
      <c r="N49388" s="10"/>
    </row>
    <row r="49389" spans="14:14">
      <c r="N49389" s="10"/>
    </row>
    <row r="49390" spans="14:14">
      <c r="N49390" s="10"/>
    </row>
    <row r="49391" spans="14:14">
      <c r="N49391" s="10"/>
    </row>
    <row r="49392" spans="14:14">
      <c r="N49392" s="10"/>
    </row>
    <row r="49393" spans="14:14">
      <c r="N49393" s="10"/>
    </row>
    <row r="49394" spans="14:14">
      <c r="N49394" s="10"/>
    </row>
    <row r="49395" spans="14:14">
      <c r="N49395" s="10"/>
    </row>
    <row r="49396" spans="14:14">
      <c r="N49396" s="10"/>
    </row>
    <row r="49397" spans="14:14">
      <c r="N49397" s="10"/>
    </row>
    <row r="49398" spans="14:14">
      <c r="N49398" s="10"/>
    </row>
    <row r="49399" spans="14:14">
      <c r="N49399" s="10"/>
    </row>
    <row r="49400" spans="14:14">
      <c r="N49400" s="10"/>
    </row>
    <row r="49401" spans="14:14">
      <c r="N49401" s="10"/>
    </row>
    <row r="49402" spans="14:14">
      <c r="N49402" s="10"/>
    </row>
    <row r="49403" spans="14:14">
      <c r="N49403" s="10"/>
    </row>
    <row r="49404" spans="14:14">
      <c r="N49404" s="10"/>
    </row>
    <row r="49405" spans="14:14">
      <c r="N49405" s="10"/>
    </row>
    <row r="49406" spans="14:14">
      <c r="N49406" s="10"/>
    </row>
    <row r="49407" spans="14:14">
      <c r="N49407" s="10"/>
    </row>
    <row r="49408" spans="14:14">
      <c r="N49408" s="10"/>
    </row>
    <row r="49409" spans="14:14">
      <c r="N49409" s="10"/>
    </row>
    <row r="49410" spans="14:14">
      <c r="N49410" s="10"/>
    </row>
    <row r="49411" spans="14:14">
      <c r="N49411" s="10"/>
    </row>
    <row r="49412" spans="14:14">
      <c r="N49412" s="10"/>
    </row>
    <row r="49413" spans="14:14">
      <c r="N49413" s="10"/>
    </row>
    <row r="49414" spans="14:14">
      <c r="N49414" s="10"/>
    </row>
    <row r="49415" spans="14:14">
      <c r="N49415" s="10"/>
    </row>
    <row r="49416" spans="14:14">
      <c r="N49416" s="10"/>
    </row>
    <row r="49417" spans="14:14">
      <c r="N49417" s="10"/>
    </row>
    <row r="49418" spans="14:14">
      <c r="N49418" s="10"/>
    </row>
    <row r="49419" spans="14:14">
      <c r="N49419" s="10"/>
    </row>
    <row r="49420" spans="14:14">
      <c r="N49420" s="10"/>
    </row>
    <row r="49421" spans="14:14">
      <c r="N49421" s="10"/>
    </row>
    <row r="49422" spans="14:14">
      <c r="N49422" s="10"/>
    </row>
    <row r="49423" spans="14:14">
      <c r="N49423" s="10"/>
    </row>
    <row r="49424" spans="14:14">
      <c r="N49424" s="10"/>
    </row>
    <row r="49425" spans="14:14">
      <c r="N49425" s="10"/>
    </row>
    <row r="49426" spans="14:14">
      <c r="N49426" s="10"/>
    </row>
    <row r="49427" spans="14:14">
      <c r="N49427" s="10"/>
    </row>
    <row r="49428" spans="14:14">
      <c r="N49428" s="10"/>
    </row>
    <row r="49429" spans="14:14">
      <c r="N49429" s="10"/>
    </row>
    <row r="49430" spans="14:14">
      <c r="N49430" s="10"/>
    </row>
    <row r="49431" spans="14:14">
      <c r="N49431" s="10"/>
    </row>
    <row r="49432" spans="14:14">
      <c r="N49432" s="10"/>
    </row>
    <row r="49433" spans="14:14">
      <c r="N49433" s="10"/>
    </row>
    <row r="49434" spans="14:14">
      <c r="N49434" s="10"/>
    </row>
    <row r="49435" spans="14:14">
      <c r="N49435" s="10"/>
    </row>
    <row r="49436" spans="14:14">
      <c r="N49436" s="10"/>
    </row>
    <row r="49437" spans="14:14">
      <c r="N49437" s="10"/>
    </row>
    <row r="49438" spans="14:14">
      <c r="N49438" s="10"/>
    </row>
    <row r="49439" spans="14:14">
      <c r="N49439" s="10"/>
    </row>
    <row r="49440" spans="14:14">
      <c r="N49440" s="10"/>
    </row>
    <row r="49441" spans="14:14">
      <c r="N49441" s="10"/>
    </row>
    <row r="49442" spans="14:14">
      <c r="N49442" s="10"/>
    </row>
    <row r="49443" spans="14:14">
      <c r="N49443" s="10"/>
    </row>
    <row r="49444" spans="14:14">
      <c r="N49444" s="10"/>
    </row>
    <row r="49445" spans="14:14">
      <c r="N49445" s="10"/>
    </row>
    <row r="49446" spans="14:14">
      <c r="N49446" s="10"/>
    </row>
    <row r="49447" spans="14:14">
      <c r="N49447" s="10"/>
    </row>
    <row r="49448" spans="14:14">
      <c r="N49448" s="10"/>
    </row>
    <row r="49449" spans="14:14">
      <c r="N49449" s="10"/>
    </row>
    <row r="49450" spans="14:14">
      <c r="N49450" s="10"/>
    </row>
    <row r="49451" spans="14:14">
      <c r="N49451" s="10"/>
    </row>
    <row r="49452" spans="14:14">
      <c r="N49452" s="10"/>
    </row>
    <row r="49453" spans="14:14">
      <c r="N49453" s="10"/>
    </row>
    <row r="49454" spans="14:14">
      <c r="N49454" s="10"/>
    </row>
    <row r="49455" spans="14:14">
      <c r="N49455" s="10"/>
    </row>
    <row r="49456" spans="14:14">
      <c r="N49456" s="10"/>
    </row>
    <row r="49457" spans="14:14">
      <c r="N49457" s="10"/>
    </row>
    <row r="49458" spans="14:14">
      <c r="N49458" s="10"/>
    </row>
    <row r="49459" spans="14:14">
      <c r="N49459" s="10"/>
    </row>
    <row r="49460" spans="14:14">
      <c r="N49460" s="10"/>
    </row>
    <row r="49461" spans="14:14">
      <c r="N49461" s="10"/>
    </row>
    <row r="49462" spans="14:14">
      <c r="N49462" s="10"/>
    </row>
    <row r="49463" spans="14:14">
      <c r="N49463" s="10"/>
    </row>
    <row r="49464" spans="14:14">
      <c r="N49464" s="10"/>
    </row>
    <row r="49465" spans="14:14">
      <c r="N49465" s="10"/>
    </row>
    <row r="49466" spans="14:14">
      <c r="N49466" s="10"/>
    </row>
    <row r="49467" spans="14:14">
      <c r="N49467" s="10"/>
    </row>
    <row r="49468" spans="14:14">
      <c r="N49468" s="10"/>
    </row>
    <row r="49469" spans="14:14">
      <c r="N49469" s="10"/>
    </row>
    <row r="49470" spans="14:14">
      <c r="N49470" s="10"/>
    </row>
    <row r="49471" spans="14:14">
      <c r="N49471" s="10"/>
    </row>
    <row r="49472" spans="14:14">
      <c r="N49472" s="10"/>
    </row>
    <row r="49473" spans="14:14">
      <c r="N49473" s="10"/>
    </row>
    <row r="49474" spans="14:14">
      <c r="N49474" s="10"/>
    </row>
    <row r="49475" spans="14:14">
      <c r="N49475" s="10"/>
    </row>
    <row r="49476" spans="14:14">
      <c r="N49476" s="10"/>
    </row>
    <row r="49477" spans="14:14">
      <c r="N49477" s="10"/>
    </row>
    <row r="49478" spans="14:14">
      <c r="N49478" s="10"/>
    </row>
    <row r="49479" spans="14:14">
      <c r="N49479" s="10"/>
    </row>
    <row r="49480" spans="14:14">
      <c r="N49480" s="10"/>
    </row>
    <row r="49481" spans="14:14">
      <c r="N49481" s="10"/>
    </row>
    <row r="49482" spans="14:14">
      <c r="N49482" s="10"/>
    </row>
    <row r="49483" spans="14:14">
      <c r="N49483" s="10"/>
    </row>
    <row r="49484" spans="14:14">
      <c r="N49484" s="10"/>
    </row>
    <row r="49485" spans="14:14">
      <c r="N49485" s="10"/>
    </row>
    <row r="49486" spans="14:14">
      <c r="N49486" s="10"/>
    </row>
    <row r="49487" spans="14:14">
      <c r="N49487" s="10"/>
    </row>
    <row r="49488" spans="14:14">
      <c r="N49488" s="10"/>
    </row>
    <row r="49489" spans="14:14">
      <c r="N49489" s="10"/>
    </row>
    <row r="49490" spans="14:14">
      <c r="N49490" s="10"/>
    </row>
    <row r="49491" spans="14:14">
      <c r="N49491" s="10"/>
    </row>
    <row r="49492" spans="14:14">
      <c r="N49492" s="10"/>
    </row>
    <row r="49493" spans="14:14">
      <c r="N49493" s="10"/>
    </row>
    <row r="49494" spans="14:14">
      <c r="N49494" s="10"/>
    </row>
    <row r="49495" spans="14:14">
      <c r="N49495" s="10"/>
    </row>
    <row r="49496" spans="14:14">
      <c r="N49496" s="10"/>
    </row>
    <row r="49497" spans="14:14">
      <c r="N49497" s="10"/>
    </row>
    <row r="49498" spans="14:14">
      <c r="N49498" s="10"/>
    </row>
    <row r="49499" spans="14:14">
      <c r="N49499" s="10"/>
    </row>
    <row r="49500" spans="14:14">
      <c r="N49500" s="10"/>
    </row>
    <row r="49501" spans="14:14">
      <c r="N49501" s="10"/>
    </row>
    <row r="49502" spans="14:14">
      <c r="N49502" s="10"/>
    </row>
    <row r="49503" spans="14:14">
      <c r="N49503" s="10"/>
    </row>
    <row r="49504" spans="14:14">
      <c r="N49504" s="10"/>
    </row>
    <row r="49505" spans="14:14">
      <c r="N49505" s="10"/>
    </row>
    <row r="49506" spans="14:14">
      <c r="N49506" s="10"/>
    </row>
    <row r="49507" spans="14:14">
      <c r="N49507" s="10"/>
    </row>
    <row r="49508" spans="14:14">
      <c r="N49508" s="10"/>
    </row>
    <row r="49509" spans="14:14">
      <c r="N49509" s="10"/>
    </row>
    <row r="49510" spans="14:14">
      <c r="N49510" s="10"/>
    </row>
    <row r="49511" spans="14:14">
      <c r="N49511" s="10"/>
    </row>
    <row r="49512" spans="14:14">
      <c r="N49512" s="10"/>
    </row>
    <row r="49513" spans="14:14">
      <c r="N49513" s="10"/>
    </row>
    <row r="49514" spans="14:14">
      <c r="N49514" s="10"/>
    </row>
    <row r="49515" spans="14:14">
      <c r="N49515" s="10"/>
    </row>
    <row r="49516" spans="14:14">
      <c r="N49516" s="10"/>
    </row>
    <row r="49517" spans="14:14">
      <c r="N49517" s="10"/>
    </row>
    <row r="49518" spans="14:14">
      <c r="N49518" s="10"/>
    </row>
    <row r="49519" spans="14:14">
      <c r="N49519" s="10"/>
    </row>
    <row r="49520" spans="14:14">
      <c r="N49520" s="10"/>
    </row>
    <row r="49521" spans="14:14">
      <c r="N49521" s="10"/>
    </row>
    <row r="49522" spans="14:14">
      <c r="N49522" s="10"/>
    </row>
    <row r="49523" spans="14:14">
      <c r="N49523" s="10"/>
    </row>
    <row r="49524" spans="14:14">
      <c r="N49524" s="10"/>
    </row>
    <row r="49525" spans="14:14">
      <c r="N49525" s="10"/>
    </row>
    <row r="49526" spans="14:14">
      <c r="N49526" s="10"/>
    </row>
    <row r="49527" spans="14:14">
      <c r="N49527" s="10"/>
    </row>
    <row r="49528" spans="14:14">
      <c r="N49528" s="10"/>
    </row>
    <row r="49529" spans="14:14">
      <c r="N49529" s="10"/>
    </row>
    <row r="49530" spans="14:14">
      <c r="N49530" s="10"/>
    </row>
    <row r="49531" spans="14:14">
      <c r="N49531" s="10"/>
    </row>
    <row r="49532" spans="14:14">
      <c r="N49532" s="10"/>
    </row>
    <row r="49533" spans="14:14">
      <c r="N49533" s="10"/>
    </row>
    <row r="49534" spans="14:14">
      <c r="N49534" s="10"/>
    </row>
    <row r="49535" spans="14:14">
      <c r="N49535" s="10"/>
    </row>
    <row r="49536" spans="14:14">
      <c r="N49536" s="10"/>
    </row>
    <row r="49537" spans="14:14">
      <c r="N49537" s="10"/>
    </row>
    <row r="49538" spans="14:14">
      <c r="N49538" s="10"/>
    </row>
    <row r="49539" spans="14:14">
      <c r="N49539" s="10"/>
    </row>
    <row r="49540" spans="14:14">
      <c r="N49540" s="10"/>
    </row>
    <row r="49541" spans="14:14">
      <c r="N49541" s="10"/>
    </row>
    <row r="49542" spans="14:14">
      <c r="N49542" s="10"/>
    </row>
    <row r="49543" spans="14:14">
      <c r="N49543" s="10"/>
    </row>
    <row r="49544" spans="14:14">
      <c r="N49544" s="10"/>
    </row>
    <row r="49545" spans="14:14">
      <c r="N49545" s="10"/>
    </row>
    <row r="49546" spans="14:14">
      <c r="N49546" s="10"/>
    </row>
    <row r="49547" spans="14:14">
      <c r="N49547" s="10"/>
    </row>
    <row r="49548" spans="14:14">
      <c r="N49548" s="10"/>
    </row>
    <row r="49549" spans="14:14">
      <c r="N49549" s="10"/>
    </row>
    <row r="49550" spans="14:14">
      <c r="N49550" s="10"/>
    </row>
    <row r="49551" spans="14:14">
      <c r="N49551" s="10"/>
    </row>
    <row r="49552" spans="14:14">
      <c r="N49552" s="10"/>
    </row>
    <row r="49553" spans="14:14">
      <c r="N49553" s="10"/>
    </row>
    <row r="49554" spans="14:14">
      <c r="N49554" s="10"/>
    </row>
    <row r="49555" spans="14:14">
      <c r="N49555" s="10"/>
    </row>
    <row r="49556" spans="14:14">
      <c r="N49556" s="10"/>
    </row>
    <row r="49557" spans="14:14">
      <c r="N49557" s="10"/>
    </row>
    <row r="49558" spans="14:14">
      <c r="N49558" s="10"/>
    </row>
    <row r="49559" spans="14:14">
      <c r="N49559" s="10"/>
    </row>
    <row r="49560" spans="14:14">
      <c r="N49560" s="10"/>
    </row>
    <row r="49561" spans="14:14">
      <c r="N49561" s="10"/>
    </row>
    <row r="49562" spans="14:14">
      <c r="N49562" s="10"/>
    </row>
    <row r="49563" spans="14:14">
      <c r="N49563" s="10"/>
    </row>
    <row r="49564" spans="14:14">
      <c r="N49564" s="10"/>
    </row>
    <row r="49565" spans="14:14">
      <c r="N49565" s="10"/>
    </row>
    <row r="49566" spans="14:14">
      <c r="N49566" s="10"/>
    </row>
    <row r="49567" spans="14:14">
      <c r="N49567" s="10"/>
    </row>
    <row r="49568" spans="14:14">
      <c r="N49568" s="10"/>
    </row>
    <row r="49569" spans="14:14">
      <c r="N49569" s="10"/>
    </row>
    <row r="49570" spans="14:14">
      <c r="N49570" s="10"/>
    </row>
    <row r="49571" spans="14:14">
      <c r="N49571" s="10"/>
    </row>
    <row r="49572" spans="14:14">
      <c r="N49572" s="10"/>
    </row>
    <row r="49573" spans="14:14">
      <c r="N49573" s="10"/>
    </row>
    <row r="49574" spans="14:14">
      <c r="N49574" s="10"/>
    </row>
    <row r="49575" spans="14:14">
      <c r="N49575" s="10"/>
    </row>
    <row r="49576" spans="14:14">
      <c r="N49576" s="10"/>
    </row>
    <row r="49577" spans="14:14">
      <c r="N49577" s="10"/>
    </row>
    <row r="49578" spans="14:14">
      <c r="N49578" s="10"/>
    </row>
    <row r="49579" spans="14:14">
      <c r="N49579" s="10"/>
    </row>
    <row r="49580" spans="14:14">
      <c r="N49580" s="10"/>
    </row>
    <row r="49581" spans="14:14">
      <c r="N49581" s="10"/>
    </row>
    <row r="49582" spans="14:14">
      <c r="N49582" s="10"/>
    </row>
    <row r="49583" spans="14:14">
      <c r="N49583" s="10"/>
    </row>
    <row r="49584" spans="14:14">
      <c r="N49584" s="10"/>
    </row>
    <row r="49585" spans="14:14">
      <c r="N49585" s="10"/>
    </row>
    <row r="49586" spans="14:14">
      <c r="N49586" s="10"/>
    </row>
    <row r="49587" spans="14:14">
      <c r="N49587" s="10"/>
    </row>
    <row r="49588" spans="14:14">
      <c r="N49588" s="10"/>
    </row>
    <row r="49589" spans="14:14">
      <c r="N49589" s="10"/>
    </row>
    <row r="49590" spans="14:14">
      <c r="N49590" s="10"/>
    </row>
    <row r="49591" spans="14:14">
      <c r="N49591" s="10"/>
    </row>
    <row r="49592" spans="14:14">
      <c r="N49592" s="10"/>
    </row>
    <row r="49593" spans="14:14">
      <c r="N49593" s="10"/>
    </row>
    <row r="49594" spans="14:14">
      <c r="N49594" s="10"/>
    </row>
    <row r="49595" spans="14:14">
      <c r="N49595" s="10"/>
    </row>
    <row r="49596" spans="14:14">
      <c r="N49596" s="10"/>
    </row>
    <row r="49597" spans="14:14">
      <c r="N49597" s="10"/>
    </row>
    <row r="49598" spans="14:14">
      <c r="N49598" s="10"/>
    </row>
    <row r="49599" spans="14:14">
      <c r="N49599" s="10"/>
    </row>
    <row r="49600" spans="14:14">
      <c r="N49600" s="10"/>
    </row>
    <row r="49601" spans="14:14">
      <c r="N49601" s="10"/>
    </row>
    <row r="49602" spans="14:14">
      <c r="N49602" s="10"/>
    </row>
    <row r="49603" spans="14:14">
      <c r="N49603" s="10"/>
    </row>
    <row r="49604" spans="14:14">
      <c r="N49604" s="10"/>
    </row>
    <row r="49605" spans="14:14">
      <c r="N49605" s="10"/>
    </row>
    <row r="49606" spans="14:14">
      <c r="N49606" s="10"/>
    </row>
    <row r="49607" spans="14:14">
      <c r="N49607" s="10"/>
    </row>
    <row r="49608" spans="14:14">
      <c r="N49608" s="10"/>
    </row>
    <row r="49609" spans="14:14">
      <c r="N49609" s="10"/>
    </row>
    <row r="49610" spans="14:14">
      <c r="N49610" s="10"/>
    </row>
    <row r="49611" spans="14:14">
      <c r="N49611" s="10"/>
    </row>
    <row r="49612" spans="14:14">
      <c r="N49612" s="10"/>
    </row>
    <row r="49613" spans="14:14">
      <c r="N49613" s="10"/>
    </row>
    <row r="49614" spans="14:14">
      <c r="N49614" s="10"/>
    </row>
    <row r="49615" spans="14:14">
      <c r="N49615" s="10"/>
    </row>
    <row r="49616" spans="14:14">
      <c r="N49616" s="10"/>
    </row>
    <row r="49617" spans="14:14">
      <c r="N49617" s="10"/>
    </row>
    <row r="49618" spans="14:14">
      <c r="N49618" s="10"/>
    </row>
    <row r="49619" spans="14:14">
      <c r="N49619" s="10"/>
    </row>
    <row r="49620" spans="14:14">
      <c r="N49620" s="10"/>
    </row>
    <row r="49621" spans="14:14">
      <c r="N49621" s="10"/>
    </row>
    <row r="49622" spans="14:14">
      <c r="N49622" s="10"/>
    </row>
    <row r="49623" spans="14:14">
      <c r="N49623" s="10"/>
    </row>
    <row r="49624" spans="14:14">
      <c r="N49624" s="10"/>
    </row>
    <row r="49625" spans="14:14">
      <c r="N49625" s="10"/>
    </row>
    <row r="49626" spans="14:14">
      <c r="N49626" s="10"/>
    </row>
    <row r="49627" spans="14:14">
      <c r="N49627" s="10"/>
    </row>
    <row r="49628" spans="14:14">
      <c r="N49628" s="10"/>
    </row>
    <row r="49629" spans="14:14">
      <c r="N49629" s="10"/>
    </row>
    <row r="49630" spans="14:14">
      <c r="N49630" s="10"/>
    </row>
    <row r="49631" spans="14:14">
      <c r="N49631" s="10"/>
    </row>
    <row r="49632" spans="14:14">
      <c r="N49632" s="10"/>
    </row>
    <row r="49633" spans="14:14">
      <c r="N49633" s="10"/>
    </row>
    <row r="49634" spans="14:14">
      <c r="N49634" s="10"/>
    </row>
    <row r="49635" spans="14:14">
      <c r="N49635" s="10"/>
    </row>
    <row r="49636" spans="14:14">
      <c r="N49636" s="10"/>
    </row>
    <row r="49637" spans="14:14">
      <c r="N49637" s="10"/>
    </row>
    <row r="49638" spans="14:14">
      <c r="N49638" s="10"/>
    </row>
    <row r="49639" spans="14:14">
      <c r="N49639" s="10"/>
    </row>
    <row r="49640" spans="14:14">
      <c r="N49640" s="10"/>
    </row>
    <row r="49641" spans="14:14">
      <c r="N49641" s="10"/>
    </row>
    <row r="49642" spans="14:14">
      <c r="N49642" s="10"/>
    </row>
    <row r="49643" spans="14:14">
      <c r="N49643" s="10"/>
    </row>
    <row r="49644" spans="14:14">
      <c r="N49644" s="10"/>
    </row>
    <row r="49645" spans="14:14">
      <c r="N49645" s="10"/>
    </row>
    <row r="49646" spans="14:14">
      <c r="N49646" s="10"/>
    </row>
    <row r="49647" spans="14:14">
      <c r="N49647" s="10"/>
    </row>
    <row r="49648" spans="14:14">
      <c r="N49648" s="10"/>
    </row>
    <row r="49649" spans="14:14">
      <c r="N49649" s="10"/>
    </row>
    <row r="49650" spans="14:14">
      <c r="N49650" s="10"/>
    </row>
    <row r="49651" spans="14:14">
      <c r="N49651" s="10"/>
    </row>
    <row r="49652" spans="14:14">
      <c r="N49652" s="10"/>
    </row>
    <row r="49653" spans="14:14">
      <c r="N49653" s="10"/>
    </row>
    <row r="49654" spans="14:14">
      <c r="N49654" s="10"/>
    </row>
    <row r="49655" spans="14:14">
      <c r="N49655" s="10"/>
    </row>
    <row r="49656" spans="14:14">
      <c r="N49656" s="10"/>
    </row>
    <row r="49657" spans="14:14">
      <c r="N49657" s="10"/>
    </row>
    <row r="49658" spans="14:14">
      <c r="N49658" s="10"/>
    </row>
    <row r="49659" spans="14:14">
      <c r="N49659" s="10"/>
    </row>
    <row r="49660" spans="14:14">
      <c r="N49660" s="10"/>
    </row>
    <row r="49661" spans="14:14">
      <c r="N49661" s="10"/>
    </row>
    <row r="49662" spans="14:14">
      <c r="N49662" s="10"/>
    </row>
    <row r="49663" spans="14:14">
      <c r="N49663" s="10"/>
    </row>
    <row r="49664" spans="14:14">
      <c r="N49664" s="10"/>
    </row>
    <row r="49665" spans="14:14">
      <c r="N49665" s="10"/>
    </row>
    <row r="49666" spans="14:14">
      <c r="N49666" s="10"/>
    </row>
    <row r="49667" spans="14:14">
      <c r="N49667" s="10"/>
    </row>
    <row r="49668" spans="14:14">
      <c r="N49668" s="10"/>
    </row>
    <row r="49669" spans="14:14">
      <c r="N49669" s="10"/>
    </row>
    <row r="49670" spans="14:14">
      <c r="N49670" s="10"/>
    </row>
    <row r="49671" spans="14:14">
      <c r="N49671" s="10"/>
    </row>
    <row r="49672" spans="14:14">
      <c r="N49672" s="10"/>
    </row>
    <row r="49673" spans="14:14">
      <c r="N49673" s="10"/>
    </row>
    <row r="49674" spans="14:14">
      <c r="N49674" s="10"/>
    </row>
    <row r="49675" spans="14:14">
      <c r="N49675" s="10"/>
    </row>
    <row r="49676" spans="14:14">
      <c r="N49676" s="10"/>
    </row>
    <row r="49677" spans="14:14">
      <c r="N49677" s="10"/>
    </row>
    <row r="49678" spans="14:14">
      <c r="N49678" s="10"/>
    </row>
    <row r="49679" spans="14:14">
      <c r="N49679" s="10"/>
    </row>
    <row r="49680" spans="14:14">
      <c r="N49680" s="10"/>
    </row>
    <row r="49681" spans="14:14">
      <c r="N49681" s="10"/>
    </row>
    <row r="49682" spans="14:14">
      <c r="N49682" s="10"/>
    </row>
    <row r="49683" spans="14:14">
      <c r="N49683" s="10"/>
    </row>
    <row r="49684" spans="14:14">
      <c r="N49684" s="10"/>
    </row>
    <row r="49685" spans="14:14">
      <c r="N49685" s="10"/>
    </row>
    <row r="49686" spans="14:14">
      <c r="N49686" s="10"/>
    </row>
    <row r="49687" spans="14:14">
      <c r="N49687" s="10"/>
    </row>
    <row r="49688" spans="14:14">
      <c r="N49688" s="10"/>
    </row>
    <row r="49689" spans="14:14">
      <c r="N49689" s="10"/>
    </row>
    <row r="49690" spans="14:14">
      <c r="N49690" s="10"/>
    </row>
    <row r="49691" spans="14:14">
      <c r="N49691" s="10"/>
    </row>
    <row r="49692" spans="14:14">
      <c r="N49692" s="10"/>
    </row>
    <row r="49693" spans="14:14">
      <c r="N49693" s="10"/>
    </row>
    <row r="49694" spans="14:14">
      <c r="N49694" s="10"/>
    </row>
    <row r="49695" spans="14:14">
      <c r="N49695" s="10"/>
    </row>
    <row r="49696" spans="14:14">
      <c r="N49696" s="10"/>
    </row>
    <row r="49697" spans="14:14">
      <c r="N49697" s="10"/>
    </row>
    <row r="49698" spans="14:14">
      <c r="N49698" s="10"/>
    </row>
    <row r="49699" spans="14:14">
      <c r="N49699" s="10"/>
    </row>
    <row r="49700" spans="14:14">
      <c r="N49700" s="10"/>
    </row>
    <row r="49701" spans="14:14">
      <c r="N49701" s="10"/>
    </row>
    <row r="49702" spans="14:14">
      <c r="N49702" s="10"/>
    </row>
    <row r="49703" spans="14:14">
      <c r="N49703" s="10"/>
    </row>
    <row r="49704" spans="14:14">
      <c r="N49704" s="10"/>
    </row>
    <row r="49705" spans="14:14">
      <c r="N49705" s="10"/>
    </row>
    <row r="49706" spans="14:14">
      <c r="N49706" s="10"/>
    </row>
    <row r="49707" spans="14:14">
      <c r="N49707" s="10"/>
    </row>
    <row r="49708" spans="14:14">
      <c r="N49708" s="10"/>
    </row>
    <row r="49709" spans="14:14">
      <c r="N49709" s="10"/>
    </row>
    <row r="49710" spans="14:14">
      <c r="N49710" s="10"/>
    </row>
    <row r="49711" spans="14:14">
      <c r="N49711" s="10"/>
    </row>
    <row r="49712" spans="14:14">
      <c r="N49712" s="10"/>
    </row>
    <row r="49713" spans="14:14">
      <c r="N49713" s="10"/>
    </row>
    <row r="49714" spans="14:14">
      <c r="N49714" s="10"/>
    </row>
    <row r="49715" spans="14:14">
      <c r="N49715" s="10"/>
    </row>
    <row r="49716" spans="14:14">
      <c r="N49716" s="10"/>
    </row>
    <row r="49717" spans="14:14">
      <c r="N49717" s="10"/>
    </row>
    <row r="49718" spans="14:14">
      <c r="N49718" s="10"/>
    </row>
    <row r="49719" spans="14:14">
      <c r="N49719" s="10"/>
    </row>
    <row r="49720" spans="14:14">
      <c r="N49720" s="10"/>
    </row>
    <row r="49721" spans="14:14">
      <c r="N49721" s="10"/>
    </row>
    <row r="49722" spans="14:14">
      <c r="N49722" s="10"/>
    </row>
    <row r="49723" spans="14:14">
      <c r="N49723" s="10"/>
    </row>
    <row r="49724" spans="14:14">
      <c r="N49724" s="10"/>
    </row>
    <row r="49725" spans="14:14">
      <c r="N49725" s="10"/>
    </row>
    <row r="49726" spans="14:14">
      <c r="N49726" s="10"/>
    </row>
    <row r="49727" spans="14:14">
      <c r="N49727" s="10"/>
    </row>
    <row r="49728" spans="14:14">
      <c r="N49728" s="10"/>
    </row>
    <row r="49729" spans="14:14">
      <c r="N49729" s="10"/>
    </row>
    <row r="49730" spans="14:14">
      <c r="N49730" s="10"/>
    </row>
    <row r="49731" spans="14:14">
      <c r="N49731" s="10"/>
    </row>
    <row r="49732" spans="14:14">
      <c r="N49732" s="10"/>
    </row>
    <row r="49733" spans="14:14">
      <c r="N49733" s="10"/>
    </row>
    <row r="49734" spans="14:14">
      <c r="N49734" s="10"/>
    </row>
    <row r="49735" spans="14:14">
      <c r="N49735" s="10"/>
    </row>
    <row r="49736" spans="14:14">
      <c r="N49736" s="10"/>
    </row>
    <row r="49737" spans="14:14">
      <c r="N49737" s="10"/>
    </row>
    <row r="49738" spans="14:14">
      <c r="N49738" s="10"/>
    </row>
    <row r="49739" spans="14:14">
      <c r="N49739" s="10"/>
    </row>
    <row r="49740" spans="14:14">
      <c r="N49740" s="10"/>
    </row>
    <row r="49741" spans="14:14">
      <c r="N49741" s="10"/>
    </row>
    <row r="49742" spans="14:14">
      <c r="N49742" s="10"/>
    </row>
    <row r="49743" spans="14:14">
      <c r="N49743" s="10"/>
    </row>
    <row r="49744" spans="14:14">
      <c r="N49744" s="10"/>
    </row>
    <row r="49745" spans="14:14">
      <c r="N49745" s="10"/>
    </row>
    <row r="49746" spans="14:14">
      <c r="N49746" s="10"/>
    </row>
    <row r="49747" spans="14:14">
      <c r="N49747" s="10"/>
    </row>
    <row r="49748" spans="14:14">
      <c r="N49748" s="10"/>
    </row>
    <row r="49749" spans="14:14">
      <c r="N49749" s="10"/>
    </row>
    <row r="49750" spans="14:14">
      <c r="N49750" s="10"/>
    </row>
    <row r="49751" spans="14:14">
      <c r="N49751" s="10"/>
    </row>
    <row r="49752" spans="14:14">
      <c r="N49752" s="10"/>
    </row>
    <row r="49753" spans="14:14">
      <c r="N49753" s="10"/>
    </row>
    <row r="49754" spans="14:14">
      <c r="N49754" s="10"/>
    </row>
    <row r="49755" spans="14:14">
      <c r="N49755" s="10"/>
    </row>
    <row r="49756" spans="14:14">
      <c r="N49756" s="10"/>
    </row>
    <row r="49757" spans="14:14">
      <c r="N49757" s="10"/>
    </row>
    <row r="49758" spans="14:14">
      <c r="N49758" s="10"/>
    </row>
    <row r="49759" spans="14:14">
      <c r="N49759" s="10"/>
    </row>
    <row r="49760" spans="14:14">
      <c r="N49760" s="10"/>
    </row>
    <row r="49761" spans="14:14">
      <c r="N49761" s="10"/>
    </row>
    <row r="49762" spans="14:14">
      <c r="N49762" s="10"/>
    </row>
    <row r="49763" spans="14:14">
      <c r="N49763" s="10"/>
    </row>
    <row r="49764" spans="14:14">
      <c r="N49764" s="10"/>
    </row>
    <row r="49765" spans="14:14">
      <c r="N49765" s="10"/>
    </row>
    <row r="49766" spans="14:14">
      <c r="N49766" s="10"/>
    </row>
    <row r="49767" spans="14:14">
      <c r="N49767" s="10"/>
    </row>
    <row r="49768" spans="14:14">
      <c r="N49768" s="10"/>
    </row>
    <row r="49769" spans="14:14">
      <c r="N49769" s="10"/>
    </row>
    <row r="49770" spans="14:14">
      <c r="N49770" s="10"/>
    </row>
    <row r="49771" spans="14:14">
      <c r="N49771" s="10"/>
    </row>
    <row r="49772" spans="14:14">
      <c r="N49772" s="10"/>
    </row>
    <row r="49773" spans="14:14">
      <c r="N49773" s="10"/>
    </row>
    <row r="49774" spans="14:14">
      <c r="N49774" s="10"/>
    </row>
    <row r="49775" spans="14:14">
      <c r="N49775" s="10"/>
    </row>
    <row r="49776" spans="14:14">
      <c r="N49776" s="10"/>
    </row>
    <row r="49777" spans="14:14">
      <c r="N49777" s="10"/>
    </row>
    <row r="49778" spans="14:14">
      <c r="N49778" s="10"/>
    </row>
    <row r="49779" spans="14:14">
      <c r="N49779" s="10"/>
    </row>
    <row r="49780" spans="14:14">
      <c r="N49780" s="10"/>
    </row>
    <row r="49781" spans="14:14">
      <c r="N49781" s="10"/>
    </row>
    <row r="49782" spans="14:14">
      <c r="N49782" s="10"/>
    </row>
    <row r="49783" spans="14:14">
      <c r="N49783" s="10"/>
    </row>
    <row r="49784" spans="14:14">
      <c r="N49784" s="10"/>
    </row>
    <row r="49785" spans="14:14">
      <c r="N49785" s="10"/>
    </row>
    <row r="49786" spans="14:14">
      <c r="N49786" s="10"/>
    </row>
    <row r="49787" spans="14:14">
      <c r="N49787" s="10"/>
    </row>
    <row r="49788" spans="14:14">
      <c r="N49788" s="10"/>
    </row>
    <row r="49789" spans="14:14">
      <c r="N49789" s="10"/>
    </row>
    <row r="49790" spans="14:14">
      <c r="N49790" s="10"/>
    </row>
    <row r="49791" spans="14:14">
      <c r="N49791" s="10"/>
    </row>
    <row r="49792" spans="14:14">
      <c r="N49792" s="10"/>
    </row>
    <row r="49793" spans="14:14">
      <c r="N49793" s="10"/>
    </row>
    <row r="49794" spans="14:14">
      <c r="N49794" s="10"/>
    </row>
    <row r="49795" spans="14:14">
      <c r="N49795" s="10"/>
    </row>
    <row r="49796" spans="14:14">
      <c r="N49796" s="10"/>
    </row>
    <row r="49797" spans="14:14">
      <c r="N49797" s="10"/>
    </row>
    <row r="49798" spans="14:14">
      <c r="N49798" s="10"/>
    </row>
    <row r="49799" spans="14:14">
      <c r="N49799" s="10"/>
    </row>
    <row r="49800" spans="14:14">
      <c r="N49800" s="10"/>
    </row>
    <row r="49801" spans="14:14">
      <c r="N49801" s="10"/>
    </row>
    <row r="49802" spans="14:14">
      <c r="N49802" s="10"/>
    </row>
    <row r="49803" spans="14:14">
      <c r="N49803" s="10"/>
    </row>
    <row r="49804" spans="14:14">
      <c r="N49804" s="10"/>
    </row>
    <row r="49805" spans="14:14">
      <c r="N49805" s="10"/>
    </row>
    <row r="49806" spans="14:14">
      <c r="N49806" s="10"/>
    </row>
    <row r="49807" spans="14:14">
      <c r="N49807" s="10"/>
    </row>
    <row r="49808" spans="14:14">
      <c r="N49808" s="10"/>
    </row>
    <row r="49809" spans="14:14">
      <c r="N49809" s="10"/>
    </row>
    <row r="49810" spans="14:14">
      <c r="N49810" s="10"/>
    </row>
    <row r="49811" spans="14:14">
      <c r="N49811" s="10"/>
    </row>
    <row r="49812" spans="14:14">
      <c r="N49812" s="10"/>
    </row>
    <row r="49813" spans="14:14">
      <c r="N49813" s="10"/>
    </row>
    <row r="49814" spans="14:14">
      <c r="N49814" s="10"/>
    </row>
    <row r="49815" spans="14:14">
      <c r="N49815" s="10"/>
    </row>
    <row r="49816" spans="14:14">
      <c r="N49816" s="10"/>
    </row>
    <row r="49817" spans="14:14">
      <c r="N49817" s="10"/>
    </row>
    <row r="49818" spans="14:14">
      <c r="N49818" s="10"/>
    </row>
    <row r="49819" spans="14:14">
      <c r="N49819" s="10"/>
    </row>
    <row r="49820" spans="14:14">
      <c r="N49820" s="10"/>
    </row>
    <row r="49821" spans="14:14">
      <c r="N49821" s="10"/>
    </row>
    <row r="49822" spans="14:14">
      <c r="N49822" s="10"/>
    </row>
    <row r="49823" spans="14:14">
      <c r="N49823" s="10"/>
    </row>
    <row r="49824" spans="14:14">
      <c r="N49824" s="10"/>
    </row>
    <row r="49825" spans="14:14">
      <c r="N49825" s="10"/>
    </row>
    <row r="49826" spans="14:14">
      <c r="N49826" s="10"/>
    </row>
    <row r="49827" spans="14:14">
      <c r="N49827" s="10"/>
    </row>
    <row r="49828" spans="14:14">
      <c r="N49828" s="10"/>
    </row>
    <row r="49829" spans="14:14">
      <c r="N49829" s="10"/>
    </row>
    <row r="49830" spans="14:14">
      <c r="N49830" s="10"/>
    </row>
    <row r="49831" spans="14:14">
      <c r="N49831" s="10"/>
    </row>
    <row r="49832" spans="14:14">
      <c r="N49832" s="10"/>
    </row>
    <row r="49833" spans="14:14">
      <c r="N49833" s="10"/>
    </row>
    <row r="49834" spans="14:14">
      <c r="N49834" s="10"/>
    </row>
    <row r="49835" spans="14:14">
      <c r="N49835" s="10"/>
    </row>
    <row r="49836" spans="14:14">
      <c r="N49836" s="10"/>
    </row>
    <row r="49837" spans="14:14">
      <c r="N49837" s="10"/>
    </row>
    <row r="49838" spans="14:14">
      <c r="N49838" s="10"/>
    </row>
    <row r="49839" spans="14:14">
      <c r="N49839" s="10"/>
    </row>
    <row r="49840" spans="14:14">
      <c r="N49840" s="10"/>
    </row>
    <row r="49841" spans="14:14">
      <c r="N49841" s="10"/>
    </row>
    <row r="49842" spans="14:14">
      <c r="N49842" s="10"/>
    </row>
    <row r="49843" spans="14:14">
      <c r="N49843" s="10"/>
    </row>
    <row r="49844" spans="14:14">
      <c r="N49844" s="10"/>
    </row>
    <row r="49845" spans="14:14">
      <c r="N49845" s="10"/>
    </row>
    <row r="49846" spans="14:14">
      <c r="N49846" s="10"/>
    </row>
    <row r="49847" spans="14:14">
      <c r="N49847" s="10"/>
    </row>
    <row r="49848" spans="14:14">
      <c r="N49848" s="10"/>
    </row>
    <row r="49849" spans="14:14">
      <c r="N49849" s="10"/>
    </row>
    <row r="49850" spans="14:14">
      <c r="N49850" s="10"/>
    </row>
    <row r="49851" spans="14:14">
      <c r="N49851" s="10"/>
    </row>
    <row r="49852" spans="14:14">
      <c r="N49852" s="10"/>
    </row>
    <row r="49853" spans="14:14">
      <c r="N49853" s="10"/>
    </row>
    <row r="49854" spans="14:14">
      <c r="N49854" s="10"/>
    </row>
    <row r="49855" spans="14:14">
      <c r="N49855" s="10"/>
    </row>
    <row r="49856" spans="14:14">
      <c r="N49856" s="10"/>
    </row>
    <row r="49857" spans="14:14">
      <c r="N49857" s="10"/>
    </row>
    <row r="49858" spans="14:14">
      <c r="N49858" s="10"/>
    </row>
    <row r="49859" spans="14:14">
      <c r="N49859" s="10"/>
    </row>
    <row r="49860" spans="14:14">
      <c r="N49860" s="10"/>
    </row>
    <row r="49861" spans="14:14">
      <c r="N49861" s="10"/>
    </row>
    <row r="49862" spans="14:14">
      <c r="N49862" s="10"/>
    </row>
    <row r="49863" spans="14:14">
      <c r="N49863" s="10"/>
    </row>
    <row r="49864" spans="14:14">
      <c r="N49864" s="10"/>
    </row>
    <row r="49865" spans="14:14">
      <c r="N49865" s="10"/>
    </row>
    <row r="49866" spans="14:14">
      <c r="N49866" s="10"/>
    </row>
    <row r="49867" spans="14:14">
      <c r="N49867" s="10"/>
    </row>
    <row r="49868" spans="14:14">
      <c r="N49868" s="10"/>
    </row>
    <row r="49869" spans="14:14">
      <c r="N49869" s="10"/>
    </row>
    <row r="49870" spans="14:14">
      <c r="N49870" s="10"/>
    </row>
    <row r="49871" spans="14:14">
      <c r="N49871" s="10"/>
    </row>
    <row r="49872" spans="14:14">
      <c r="N49872" s="10"/>
    </row>
    <row r="49873" spans="14:14">
      <c r="N49873" s="10"/>
    </row>
    <row r="49874" spans="14:14">
      <c r="N49874" s="10"/>
    </row>
    <row r="49875" spans="14:14">
      <c r="N49875" s="10"/>
    </row>
    <row r="49876" spans="14:14">
      <c r="N49876" s="10"/>
    </row>
    <row r="49877" spans="14:14">
      <c r="N49877" s="10"/>
    </row>
    <row r="49878" spans="14:14">
      <c r="N49878" s="10"/>
    </row>
    <row r="49879" spans="14:14">
      <c r="N49879" s="10"/>
    </row>
    <row r="49880" spans="14:14">
      <c r="N49880" s="10"/>
    </row>
    <row r="49881" spans="14:14">
      <c r="N49881" s="10"/>
    </row>
    <row r="49882" spans="14:14">
      <c r="N49882" s="10"/>
    </row>
    <row r="49883" spans="14:14">
      <c r="N49883" s="10"/>
    </row>
    <row r="49884" spans="14:14">
      <c r="N49884" s="10"/>
    </row>
    <row r="49885" spans="14:14">
      <c r="N49885" s="10"/>
    </row>
    <row r="49886" spans="14:14">
      <c r="N49886" s="10"/>
    </row>
    <row r="49887" spans="14:14">
      <c r="N49887" s="10"/>
    </row>
    <row r="49888" spans="14:14">
      <c r="N49888" s="10"/>
    </row>
    <row r="49889" spans="14:14">
      <c r="N49889" s="10"/>
    </row>
    <row r="49890" spans="14:14">
      <c r="N49890" s="10"/>
    </row>
    <row r="49891" spans="14:14">
      <c r="N49891" s="10"/>
    </row>
    <row r="49892" spans="14:14">
      <c r="N49892" s="10"/>
    </row>
    <row r="49893" spans="14:14">
      <c r="N49893" s="10"/>
    </row>
    <row r="49894" spans="14:14">
      <c r="N49894" s="10"/>
    </row>
    <row r="49895" spans="14:14">
      <c r="N49895" s="10"/>
    </row>
    <row r="49896" spans="14:14">
      <c r="N49896" s="10"/>
    </row>
    <row r="49897" spans="14:14">
      <c r="N49897" s="10"/>
    </row>
    <row r="49898" spans="14:14">
      <c r="N49898" s="10"/>
    </row>
    <row r="49899" spans="14:14">
      <c r="N49899" s="10"/>
    </row>
    <row r="49900" spans="14:14">
      <c r="N49900" s="10"/>
    </row>
    <row r="49901" spans="14:14">
      <c r="N49901" s="10"/>
    </row>
    <row r="49902" spans="14:14">
      <c r="N49902" s="10"/>
    </row>
    <row r="49903" spans="14:14">
      <c r="N49903" s="10"/>
    </row>
    <row r="49904" spans="14:14">
      <c r="N49904" s="10"/>
    </row>
    <row r="49905" spans="14:14">
      <c r="N49905" s="10"/>
    </row>
    <row r="49906" spans="14:14">
      <c r="N49906" s="10"/>
    </row>
    <row r="49907" spans="14:14">
      <c r="N49907" s="10"/>
    </row>
    <row r="49908" spans="14:14">
      <c r="N49908" s="10"/>
    </row>
    <row r="49909" spans="14:14">
      <c r="N49909" s="10"/>
    </row>
    <row r="49910" spans="14:14">
      <c r="N49910" s="10"/>
    </row>
    <row r="49911" spans="14:14">
      <c r="N49911" s="10"/>
    </row>
    <row r="49912" spans="14:14">
      <c r="N49912" s="10"/>
    </row>
    <row r="49913" spans="14:14">
      <c r="N49913" s="10"/>
    </row>
    <row r="49914" spans="14:14">
      <c r="N49914" s="10"/>
    </row>
    <row r="49915" spans="14:14">
      <c r="N49915" s="10"/>
    </row>
    <row r="49916" spans="14:14">
      <c r="N49916" s="10"/>
    </row>
    <row r="49917" spans="14:14">
      <c r="N49917" s="10"/>
    </row>
    <row r="49918" spans="14:14">
      <c r="N49918" s="10"/>
    </row>
    <row r="49919" spans="14:14">
      <c r="N49919" s="10"/>
    </row>
    <row r="49920" spans="14:14">
      <c r="N49920" s="10"/>
    </row>
    <row r="49921" spans="14:14">
      <c r="N49921" s="10"/>
    </row>
    <row r="49922" spans="14:14">
      <c r="N49922" s="10"/>
    </row>
    <row r="49923" spans="14:14">
      <c r="N49923" s="10"/>
    </row>
    <row r="49924" spans="14:14">
      <c r="N49924" s="10"/>
    </row>
    <row r="49925" spans="14:14">
      <c r="N49925" s="10"/>
    </row>
    <row r="49926" spans="14:14">
      <c r="N49926" s="10"/>
    </row>
    <row r="49927" spans="14:14">
      <c r="N49927" s="10"/>
    </row>
    <row r="49928" spans="14:14">
      <c r="N49928" s="10"/>
    </row>
    <row r="49929" spans="14:14">
      <c r="N49929" s="10"/>
    </row>
    <row r="49930" spans="14:14">
      <c r="N49930" s="10"/>
    </row>
    <row r="49931" spans="14:14">
      <c r="N49931" s="10"/>
    </row>
    <row r="49932" spans="14:14">
      <c r="N49932" s="10"/>
    </row>
    <row r="49933" spans="14:14">
      <c r="N49933" s="10"/>
    </row>
    <row r="49934" spans="14:14">
      <c r="N49934" s="10"/>
    </row>
    <row r="49935" spans="14:14">
      <c r="N49935" s="10"/>
    </row>
    <row r="49936" spans="14:14">
      <c r="N49936" s="10"/>
    </row>
    <row r="49937" spans="14:14">
      <c r="N49937" s="10"/>
    </row>
    <row r="49938" spans="14:14">
      <c r="N49938" s="10"/>
    </row>
    <row r="49939" spans="14:14">
      <c r="N49939" s="10"/>
    </row>
    <row r="49940" spans="14:14">
      <c r="N49940" s="10"/>
    </row>
    <row r="49941" spans="14:14">
      <c r="N49941" s="10"/>
    </row>
    <row r="49942" spans="14:14">
      <c r="N49942" s="10"/>
    </row>
    <row r="49943" spans="14:14">
      <c r="N49943" s="10"/>
    </row>
    <row r="49944" spans="14:14">
      <c r="N49944" s="10"/>
    </row>
    <row r="49945" spans="14:14">
      <c r="N49945" s="10"/>
    </row>
    <row r="49946" spans="14:14">
      <c r="N49946" s="10"/>
    </row>
    <row r="49947" spans="14:14">
      <c r="N49947" s="10"/>
    </row>
    <row r="49948" spans="14:14">
      <c r="N49948" s="10"/>
    </row>
    <row r="49949" spans="14:14">
      <c r="N49949" s="10"/>
    </row>
    <row r="49950" spans="14:14">
      <c r="N49950" s="10"/>
    </row>
    <row r="49951" spans="14:14">
      <c r="N49951" s="10"/>
    </row>
    <row r="49952" spans="14:14">
      <c r="N49952" s="10"/>
    </row>
    <row r="49953" spans="14:14">
      <c r="N49953" s="10"/>
    </row>
    <row r="49954" spans="14:14">
      <c r="N49954" s="10"/>
    </row>
    <row r="49955" spans="14:14">
      <c r="N49955" s="10"/>
    </row>
    <row r="49956" spans="14:14">
      <c r="N49956" s="10"/>
    </row>
    <row r="49957" spans="14:14">
      <c r="N49957" s="10"/>
    </row>
    <row r="49958" spans="14:14">
      <c r="N49958" s="10"/>
    </row>
    <row r="49959" spans="14:14">
      <c r="N49959" s="10"/>
    </row>
    <row r="49960" spans="14:14">
      <c r="N49960" s="10"/>
    </row>
    <row r="49961" spans="14:14">
      <c r="N49961" s="10"/>
    </row>
    <row r="49962" spans="14:14">
      <c r="N49962" s="10"/>
    </row>
    <row r="49963" spans="14:14">
      <c r="N49963" s="10"/>
    </row>
    <row r="49964" spans="14:14">
      <c r="N49964" s="10"/>
    </row>
    <row r="49965" spans="14:14">
      <c r="N49965" s="10"/>
    </row>
    <row r="49966" spans="14:14">
      <c r="N49966" s="10"/>
    </row>
    <row r="49967" spans="14:14">
      <c r="N49967" s="10"/>
    </row>
    <row r="49968" spans="14:14">
      <c r="N49968" s="10"/>
    </row>
    <row r="49969" spans="14:14">
      <c r="N49969" s="10"/>
    </row>
    <row r="49970" spans="14:14">
      <c r="N49970" s="10"/>
    </row>
    <row r="49971" spans="14:14">
      <c r="N49971" s="10"/>
    </row>
    <row r="49972" spans="14:14">
      <c r="N49972" s="10"/>
    </row>
    <row r="49973" spans="14:14">
      <c r="N49973" s="10"/>
    </row>
    <row r="49974" spans="14:14">
      <c r="N49974" s="10"/>
    </row>
    <row r="49975" spans="14:14">
      <c r="N49975" s="10"/>
    </row>
    <row r="49976" spans="14:14">
      <c r="N49976" s="10"/>
    </row>
    <row r="49977" spans="14:14">
      <c r="N49977" s="10"/>
    </row>
    <row r="49978" spans="14:14">
      <c r="N49978" s="10"/>
    </row>
    <row r="49979" spans="14:14">
      <c r="N49979" s="10"/>
    </row>
    <row r="49980" spans="14:14">
      <c r="N49980" s="10"/>
    </row>
    <row r="49981" spans="14:14">
      <c r="N49981" s="10"/>
    </row>
    <row r="49982" spans="14:14">
      <c r="N49982" s="10"/>
    </row>
    <row r="49983" spans="14:14">
      <c r="N49983" s="10"/>
    </row>
    <row r="49984" spans="14:14">
      <c r="N49984" s="10"/>
    </row>
    <row r="49985" spans="14:14">
      <c r="N49985" s="10"/>
    </row>
    <row r="49986" spans="14:14">
      <c r="N49986" s="10"/>
    </row>
    <row r="49987" spans="14:14">
      <c r="N49987" s="10"/>
    </row>
    <row r="49988" spans="14:14">
      <c r="N49988" s="10"/>
    </row>
    <row r="49989" spans="14:14">
      <c r="N49989" s="10"/>
    </row>
    <row r="49990" spans="14:14">
      <c r="N49990" s="10"/>
    </row>
    <row r="49991" spans="14:14">
      <c r="N49991" s="10"/>
    </row>
    <row r="49992" spans="14:14">
      <c r="N49992" s="10"/>
    </row>
    <row r="49993" spans="14:14">
      <c r="N49993" s="10"/>
    </row>
    <row r="49994" spans="14:14">
      <c r="N49994" s="10"/>
    </row>
    <row r="49995" spans="14:14">
      <c r="N49995" s="10"/>
    </row>
    <row r="49996" spans="14:14">
      <c r="N49996" s="10"/>
    </row>
    <row r="49997" spans="14:14">
      <c r="N49997" s="10"/>
    </row>
    <row r="49998" spans="14:14">
      <c r="N49998" s="10"/>
    </row>
    <row r="49999" spans="14:14">
      <c r="N49999" s="10"/>
    </row>
    <row r="50000" spans="14:14">
      <c r="N50000" s="10"/>
    </row>
    <row r="50001" spans="14:14">
      <c r="N50001" s="10"/>
    </row>
    <row r="50002" spans="14:14">
      <c r="N50002" s="10"/>
    </row>
    <row r="50003" spans="14:14">
      <c r="N50003" s="10"/>
    </row>
    <row r="50004" spans="14:14">
      <c r="N50004" s="10"/>
    </row>
    <row r="50005" spans="14:14">
      <c r="N50005" s="10"/>
    </row>
    <row r="50006" spans="14:14">
      <c r="N50006" s="10"/>
    </row>
    <row r="50007" spans="14:14">
      <c r="N50007" s="10"/>
    </row>
    <row r="50008" spans="14:14">
      <c r="N50008" s="10"/>
    </row>
    <row r="50009" spans="14:14">
      <c r="N50009" s="10"/>
    </row>
    <row r="50010" spans="14:14">
      <c r="N50010" s="10"/>
    </row>
    <row r="50011" spans="14:14">
      <c r="N50011" s="10"/>
    </row>
    <row r="50012" spans="14:14">
      <c r="N50012" s="10"/>
    </row>
    <row r="50013" spans="14:14">
      <c r="N50013" s="10"/>
    </row>
    <row r="50014" spans="14:14">
      <c r="N50014" s="10"/>
    </row>
    <row r="50015" spans="14:14">
      <c r="N50015" s="10"/>
    </row>
    <row r="50016" spans="14:14">
      <c r="N50016" s="10"/>
    </row>
    <row r="50017" spans="14:14">
      <c r="N50017" s="10"/>
    </row>
    <row r="50018" spans="14:14">
      <c r="N50018" s="10"/>
    </row>
    <row r="50019" spans="14:14">
      <c r="N50019" s="10"/>
    </row>
    <row r="50020" spans="14:14">
      <c r="N50020" s="10"/>
    </row>
    <row r="50021" spans="14:14">
      <c r="N50021" s="10"/>
    </row>
    <row r="50022" spans="14:14">
      <c r="N50022" s="10"/>
    </row>
    <row r="50023" spans="14:14">
      <c r="N50023" s="10"/>
    </row>
    <row r="50024" spans="14:14">
      <c r="N50024" s="10"/>
    </row>
    <row r="50025" spans="14:14">
      <c r="N50025" s="10"/>
    </row>
    <row r="50026" spans="14:14">
      <c r="N50026" s="10"/>
    </row>
    <row r="50027" spans="14:14">
      <c r="N50027" s="10"/>
    </row>
    <row r="50028" spans="14:14">
      <c r="N50028" s="10"/>
    </row>
    <row r="50029" spans="14:14">
      <c r="N50029" s="10"/>
    </row>
    <row r="50030" spans="14:14">
      <c r="N50030" s="10"/>
    </row>
    <row r="50031" spans="14:14">
      <c r="N50031" s="10"/>
    </row>
    <row r="50032" spans="14:14">
      <c r="N50032" s="10"/>
    </row>
    <row r="50033" spans="14:14">
      <c r="N50033" s="10"/>
    </row>
    <row r="50034" spans="14:14">
      <c r="N50034" s="10"/>
    </row>
    <row r="50035" spans="14:14">
      <c r="N50035" s="10"/>
    </row>
    <row r="50036" spans="14:14">
      <c r="N50036" s="10"/>
    </row>
    <row r="50037" spans="14:14">
      <c r="N50037" s="10"/>
    </row>
    <row r="50038" spans="14:14">
      <c r="N50038" s="10"/>
    </row>
    <row r="50039" spans="14:14">
      <c r="N50039" s="10"/>
    </row>
    <row r="50040" spans="14:14">
      <c r="N50040" s="10"/>
    </row>
    <row r="50041" spans="14:14">
      <c r="N50041" s="10"/>
    </row>
    <row r="50042" spans="14:14">
      <c r="N50042" s="10"/>
    </row>
    <row r="50043" spans="14:14">
      <c r="N50043" s="10"/>
    </row>
    <row r="50044" spans="14:14">
      <c r="N50044" s="10"/>
    </row>
    <row r="50045" spans="14:14">
      <c r="N50045" s="10"/>
    </row>
    <row r="50046" spans="14:14">
      <c r="N50046" s="10"/>
    </row>
    <row r="50047" spans="14:14">
      <c r="N50047" s="10"/>
    </row>
    <row r="50048" spans="14:14">
      <c r="N50048" s="10"/>
    </row>
    <row r="50049" spans="14:14">
      <c r="N50049" s="10"/>
    </row>
    <row r="50050" spans="14:14">
      <c r="N50050" s="10"/>
    </row>
    <row r="50051" spans="14:14">
      <c r="N50051" s="10"/>
    </row>
    <row r="50052" spans="14:14">
      <c r="N50052" s="10"/>
    </row>
    <row r="50053" spans="14:14">
      <c r="N50053" s="10"/>
    </row>
    <row r="50054" spans="14:14">
      <c r="N50054" s="10"/>
    </row>
    <row r="50055" spans="14:14">
      <c r="N50055" s="10"/>
    </row>
    <row r="50056" spans="14:14">
      <c r="N50056" s="10"/>
    </row>
    <row r="50057" spans="14:14">
      <c r="N50057" s="10"/>
    </row>
    <row r="50058" spans="14:14">
      <c r="N50058" s="10"/>
    </row>
    <row r="50059" spans="14:14">
      <c r="N50059" s="10"/>
    </row>
    <row r="50060" spans="14:14">
      <c r="N50060" s="10"/>
    </row>
    <row r="50061" spans="14:14">
      <c r="N50061" s="10"/>
    </row>
    <row r="50062" spans="14:14">
      <c r="N50062" s="10"/>
    </row>
    <row r="50063" spans="14:14">
      <c r="N50063" s="10"/>
    </row>
    <row r="50064" spans="14:14">
      <c r="N50064" s="10"/>
    </row>
    <row r="50065" spans="14:14">
      <c r="N50065" s="10"/>
    </row>
    <row r="50066" spans="14:14">
      <c r="N50066" s="10"/>
    </row>
    <row r="50067" spans="14:14">
      <c r="N50067" s="10"/>
    </row>
    <row r="50068" spans="14:14">
      <c r="N50068" s="10"/>
    </row>
    <row r="50069" spans="14:14">
      <c r="N50069" s="10"/>
    </row>
    <row r="50070" spans="14:14">
      <c r="N50070" s="10"/>
    </row>
    <row r="50071" spans="14:14">
      <c r="N50071" s="10"/>
    </row>
    <row r="50072" spans="14:14">
      <c r="N50072" s="10"/>
    </row>
    <row r="50073" spans="14:14">
      <c r="N50073" s="10"/>
    </row>
    <row r="50074" spans="14:14">
      <c r="N50074" s="10"/>
    </row>
    <row r="50075" spans="14:14">
      <c r="N50075" s="10"/>
    </row>
    <row r="50076" spans="14:14">
      <c r="N50076" s="10"/>
    </row>
    <row r="50077" spans="14:14">
      <c r="N50077" s="10"/>
    </row>
    <row r="50078" spans="14:14">
      <c r="N50078" s="10"/>
    </row>
    <row r="50079" spans="14:14">
      <c r="N50079" s="10"/>
    </row>
    <row r="50080" spans="14:14">
      <c r="N50080" s="10"/>
    </row>
    <row r="50081" spans="14:14">
      <c r="N50081" s="10"/>
    </row>
    <row r="50082" spans="14:14">
      <c r="N50082" s="10"/>
    </row>
    <row r="50083" spans="14:14">
      <c r="N50083" s="10"/>
    </row>
    <row r="50084" spans="14:14">
      <c r="N50084" s="10"/>
    </row>
    <row r="50085" spans="14:14">
      <c r="N50085" s="10"/>
    </row>
    <row r="50086" spans="14:14">
      <c r="N50086" s="10"/>
    </row>
    <row r="50087" spans="14:14">
      <c r="N50087" s="10"/>
    </row>
    <row r="50088" spans="14:14">
      <c r="N50088" s="10"/>
    </row>
    <row r="50089" spans="14:14">
      <c r="N50089" s="10"/>
    </row>
    <row r="50090" spans="14:14">
      <c r="N50090" s="10"/>
    </row>
    <row r="50091" spans="14:14">
      <c r="N50091" s="10"/>
    </row>
    <row r="50092" spans="14:14">
      <c r="N50092" s="10"/>
    </row>
    <row r="50093" spans="14:14">
      <c r="N50093" s="10"/>
    </row>
    <row r="50094" spans="14:14">
      <c r="N50094" s="10"/>
    </row>
    <row r="50095" spans="14:14">
      <c r="N50095" s="10"/>
    </row>
    <row r="50096" spans="14:14">
      <c r="N50096" s="10"/>
    </row>
    <row r="50097" spans="14:14">
      <c r="N50097" s="10"/>
    </row>
    <row r="50098" spans="14:14">
      <c r="N50098" s="10"/>
    </row>
    <row r="50099" spans="14:14">
      <c r="N50099" s="10"/>
    </row>
    <row r="50100" spans="14:14">
      <c r="N50100" s="10"/>
    </row>
    <row r="50101" spans="14:14">
      <c r="N50101" s="10"/>
    </row>
    <row r="50102" spans="14:14">
      <c r="N50102" s="10"/>
    </row>
    <row r="50103" spans="14:14">
      <c r="N50103" s="10"/>
    </row>
    <row r="50104" spans="14:14">
      <c r="N50104" s="10"/>
    </row>
    <row r="50105" spans="14:14">
      <c r="N50105" s="10"/>
    </row>
    <row r="50106" spans="14:14">
      <c r="N50106" s="10"/>
    </row>
    <row r="50107" spans="14:14">
      <c r="N50107" s="10"/>
    </row>
    <row r="50108" spans="14:14">
      <c r="N50108" s="10"/>
    </row>
    <row r="50109" spans="14:14">
      <c r="N50109" s="10"/>
    </row>
    <row r="50110" spans="14:14">
      <c r="N50110" s="10"/>
    </row>
    <row r="50111" spans="14:14">
      <c r="N50111" s="10"/>
    </row>
    <row r="50112" spans="14:14">
      <c r="N50112" s="10"/>
    </row>
    <row r="50113" spans="14:14">
      <c r="N50113" s="10"/>
    </row>
    <row r="50114" spans="14:14">
      <c r="N50114" s="10"/>
    </row>
    <row r="50115" spans="14:14">
      <c r="N50115" s="10"/>
    </row>
    <row r="50116" spans="14:14">
      <c r="N50116" s="10"/>
    </row>
    <row r="50117" spans="14:14">
      <c r="N50117" s="10"/>
    </row>
    <row r="50118" spans="14:14">
      <c r="N50118" s="10"/>
    </row>
    <row r="50119" spans="14:14">
      <c r="N50119" s="10"/>
    </row>
    <row r="50120" spans="14:14">
      <c r="N50120" s="10"/>
    </row>
    <row r="50121" spans="14:14">
      <c r="N50121" s="10"/>
    </row>
    <row r="50122" spans="14:14">
      <c r="N50122" s="10"/>
    </row>
    <row r="50123" spans="14:14">
      <c r="N50123" s="10"/>
    </row>
    <row r="50124" spans="14:14">
      <c r="N50124" s="10"/>
    </row>
    <row r="50125" spans="14:14">
      <c r="N50125" s="10"/>
    </row>
    <row r="50126" spans="14:14">
      <c r="N50126" s="10"/>
    </row>
    <row r="50127" spans="14:14">
      <c r="N50127" s="10"/>
    </row>
    <row r="50128" spans="14:14">
      <c r="N50128" s="10"/>
    </row>
    <row r="50129" spans="14:14">
      <c r="N50129" s="10"/>
    </row>
    <row r="50130" spans="14:14">
      <c r="N50130" s="10"/>
    </row>
    <row r="50131" spans="14:14">
      <c r="N50131" s="10"/>
    </row>
    <row r="50132" spans="14:14">
      <c r="N50132" s="10"/>
    </row>
    <row r="50133" spans="14:14">
      <c r="N50133" s="10"/>
    </row>
    <row r="50134" spans="14:14">
      <c r="N50134" s="10"/>
    </row>
    <row r="50135" spans="14:14">
      <c r="N50135" s="10"/>
    </row>
    <row r="50136" spans="14:14">
      <c r="N50136" s="10"/>
    </row>
    <row r="50137" spans="14:14">
      <c r="N50137" s="10"/>
    </row>
    <row r="50138" spans="14:14">
      <c r="N50138" s="10"/>
    </row>
    <row r="50139" spans="14:14">
      <c r="N50139" s="10"/>
    </row>
    <row r="50140" spans="14:14">
      <c r="N50140" s="10"/>
    </row>
    <row r="50141" spans="14:14">
      <c r="N50141" s="10"/>
    </row>
    <row r="50142" spans="14:14">
      <c r="N50142" s="10"/>
    </row>
    <row r="50143" spans="14:14">
      <c r="N50143" s="10"/>
    </row>
    <row r="50144" spans="14:14">
      <c r="N50144" s="10"/>
    </row>
    <row r="50145" spans="14:14">
      <c r="N50145" s="10"/>
    </row>
    <row r="50146" spans="14:14">
      <c r="N50146" s="10"/>
    </row>
    <row r="50147" spans="14:14">
      <c r="N50147" s="10"/>
    </row>
    <row r="50148" spans="14:14">
      <c r="N50148" s="10"/>
    </row>
    <row r="50149" spans="14:14">
      <c r="N50149" s="10"/>
    </row>
    <row r="50150" spans="14:14">
      <c r="N50150" s="10"/>
    </row>
    <row r="50151" spans="14:14">
      <c r="N50151" s="10"/>
    </row>
    <row r="50152" spans="14:14">
      <c r="N50152" s="10"/>
    </row>
    <row r="50153" spans="14:14">
      <c r="N50153" s="10"/>
    </row>
    <row r="50154" spans="14:14">
      <c r="N50154" s="10"/>
    </row>
    <row r="50155" spans="14:14">
      <c r="N50155" s="10"/>
    </row>
    <row r="50156" spans="14:14">
      <c r="N50156" s="10"/>
    </row>
    <row r="50157" spans="14:14">
      <c r="N50157" s="10"/>
    </row>
    <row r="50158" spans="14:14">
      <c r="N50158" s="10"/>
    </row>
    <row r="50159" spans="14:14">
      <c r="N50159" s="10"/>
    </row>
    <row r="50160" spans="14:14">
      <c r="N50160" s="10"/>
    </row>
    <row r="50161" spans="14:14">
      <c r="N50161" s="10"/>
    </row>
    <row r="50162" spans="14:14">
      <c r="N50162" s="10"/>
    </row>
    <row r="50163" spans="14:14">
      <c r="N50163" s="10"/>
    </row>
    <row r="50164" spans="14:14">
      <c r="N50164" s="10"/>
    </row>
    <row r="50165" spans="14:14">
      <c r="N50165" s="10"/>
    </row>
    <row r="50166" spans="14:14">
      <c r="N50166" s="10"/>
    </row>
    <row r="50167" spans="14:14">
      <c r="N50167" s="10"/>
    </row>
    <row r="50168" spans="14:14">
      <c r="N50168" s="10"/>
    </row>
    <row r="50169" spans="14:14">
      <c r="N50169" s="10"/>
    </row>
    <row r="50170" spans="14:14">
      <c r="N50170" s="10"/>
    </row>
    <row r="50171" spans="14:14">
      <c r="N50171" s="10"/>
    </row>
    <row r="50172" spans="14:14">
      <c r="N50172" s="10"/>
    </row>
    <row r="50173" spans="14:14">
      <c r="N50173" s="10"/>
    </row>
    <row r="50174" spans="14:14">
      <c r="N50174" s="10"/>
    </row>
    <row r="50175" spans="14:14">
      <c r="N50175" s="10"/>
    </row>
    <row r="50176" spans="14:14">
      <c r="N50176" s="10"/>
    </row>
    <row r="50177" spans="14:14">
      <c r="N50177" s="10"/>
    </row>
    <row r="50178" spans="14:14">
      <c r="N50178" s="10"/>
    </row>
    <row r="50179" spans="14:14">
      <c r="N50179" s="10"/>
    </row>
    <row r="50180" spans="14:14">
      <c r="N50180" s="10"/>
    </row>
    <row r="50181" spans="14:14">
      <c r="N50181" s="10"/>
    </row>
    <row r="50182" spans="14:14">
      <c r="N50182" s="10"/>
    </row>
    <row r="50183" spans="14:14">
      <c r="N50183" s="10"/>
    </row>
    <row r="50184" spans="14:14">
      <c r="N50184" s="10"/>
    </row>
    <row r="50185" spans="14:14">
      <c r="N50185" s="10"/>
    </row>
    <row r="50186" spans="14:14">
      <c r="N50186" s="10"/>
    </row>
    <row r="50187" spans="14:14">
      <c r="N50187" s="10"/>
    </row>
    <row r="50188" spans="14:14">
      <c r="N50188" s="10"/>
    </row>
    <row r="50189" spans="14:14">
      <c r="N50189" s="10"/>
    </row>
    <row r="50190" spans="14:14">
      <c r="N50190" s="10"/>
    </row>
    <row r="50191" spans="14:14">
      <c r="N50191" s="10"/>
    </row>
    <row r="50192" spans="14:14">
      <c r="N50192" s="10"/>
    </row>
    <row r="50193" spans="14:14">
      <c r="N50193" s="10"/>
    </row>
    <row r="50194" spans="14:14">
      <c r="N50194" s="10"/>
    </row>
    <row r="50195" spans="14:14">
      <c r="N50195" s="10"/>
    </row>
    <row r="50196" spans="14:14">
      <c r="N50196" s="10"/>
    </row>
    <row r="50197" spans="14:14">
      <c r="N50197" s="10"/>
    </row>
    <row r="50198" spans="14:14">
      <c r="N50198" s="10"/>
    </row>
    <row r="50199" spans="14:14">
      <c r="N50199" s="10"/>
    </row>
    <row r="50200" spans="14:14">
      <c r="N50200" s="10"/>
    </row>
    <row r="50201" spans="14:14">
      <c r="N50201" s="10"/>
    </row>
    <row r="50202" spans="14:14">
      <c r="N50202" s="10"/>
    </row>
    <row r="50203" spans="14:14">
      <c r="N50203" s="10"/>
    </row>
    <row r="50204" spans="14:14">
      <c r="N50204" s="10"/>
    </row>
    <row r="50205" spans="14:14">
      <c r="N50205" s="10"/>
    </row>
    <row r="50206" spans="14:14">
      <c r="N50206" s="10"/>
    </row>
    <row r="50207" spans="14:14">
      <c r="N50207" s="10"/>
    </row>
    <row r="50208" spans="14:14">
      <c r="N50208" s="10"/>
    </row>
    <row r="50209" spans="14:14">
      <c r="N50209" s="10"/>
    </row>
    <row r="50210" spans="14:14">
      <c r="N50210" s="10"/>
    </row>
    <row r="50211" spans="14:14">
      <c r="N50211" s="10"/>
    </row>
    <row r="50212" spans="14:14">
      <c r="N50212" s="10"/>
    </row>
    <row r="50213" spans="14:14">
      <c r="N50213" s="10"/>
    </row>
    <row r="50214" spans="14:14">
      <c r="N50214" s="10"/>
    </row>
    <row r="50215" spans="14:14">
      <c r="N50215" s="10"/>
    </row>
    <row r="50216" spans="14:14">
      <c r="N50216" s="10"/>
    </row>
    <row r="50217" spans="14:14">
      <c r="N50217" s="10"/>
    </row>
    <row r="50218" spans="14:14">
      <c r="N50218" s="10"/>
    </row>
    <row r="50219" spans="14:14">
      <c r="N50219" s="10"/>
    </row>
    <row r="50220" spans="14:14">
      <c r="N50220" s="10"/>
    </row>
    <row r="50221" spans="14:14">
      <c r="N50221" s="10"/>
    </row>
    <row r="50222" spans="14:14">
      <c r="N50222" s="10"/>
    </row>
    <row r="50223" spans="14:14">
      <c r="N50223" s="10"/>
    </row>
    <row r="50224" spans="14:14">
      <c r="N50224" s="10"/>
    </row>
    <row r="50225" spans="14:14">
      <c r="N50225" s="10"/>
    </row>
    <row r="50226" spans="14:14">
      <c r="N50226" s="10"/>
    </row>
    <row r="50227" spans="14:14">
      <c r="N50227" s="10"/>
    </row>
    <row r="50228" spans="14:14">
      <c r="N50228" s="10"/>
    </row>
    <row r="50229" spans="14:14">
      <c r="N50229" s="10"/>
    </row>
    <row r="50230" spans="14:14">
      <c r="N50230" s="10"/>
    </row>
    <row r="50231" spans="14:14">
      <c r="N50231" s="10"/>
    </row>
    <row r="50232" spans="14:14">
      <c r="N50232" s="10"/>
    </row>
    <row r="50233" spans="14:14">
      <c r="N50233" s="10"/>
    </row>
    <row r="50234" spans="14:14">
      <c r="N50234" s="10"/>
    </row>
    <row r="50235" spans="14:14">
      <c r="N50235" s="10"/>
    </row>
    <row r="50236" spans="14:14">
      <c r="N50236" s="10"/>
    </row>
    <row r="50237" spans="14:14">
      <c r="N50237" s="10"/>
    </row>
    <row r="50238" spans="14:14">
      <c r="N50238" s="10"/>
    </row>
    <row r="50239" spans="14:14">
      <c r="N50239" s="10"/>
    </row>
    <row r="50240" spans="14:14">
      <c r="N50240" s="10"/>
    </row>
    <row r="50241" spans="14:14">
      <c r="N50241" s="10"/>
    </row>
    <row r="50242" spans="14:14">
      <c r="N50242" s="10"/>
    </row>
    <row r="50243" spans="14:14">
      <c r="N50243" s="10"/>
    </row>
    <row r="50244" spans="14:14">
      <c r="N50244" s="10"/>
    </row>
    <row r="50245" spans="14:14">
      <c r="N50245" s="10"/>
    </row>
    <row r="50246" spans="14:14">
      <c r="N50246" s="10"/>
    </row>
    <row r="50247" spans="14:14">
      <c r="N50247" s="10"/>
    </row>
    <row r="50248" spans="14:14">
      <c r="N50248" s="10"/>
    </row>
    <row r="50249" spans="14:14">
      <c r="N50249" s="10"/>
    </row>
    <row r="50250" spans="14:14">
      <c r="N50250" s="10"/>
    </row>
    <row r="50251" spans="14:14">
      <c r="N50251" s="10"/>
    </row>
    <row r="50252" spans="14:14">
      <c r="N50252" s="10"/>
    </row>
    <row r="50253" spans="14:14">
      <c r="N50253" s="10"/>
    </row>
    <row r="50254" spans="14:14">
      <c r="N50254" s="10"/>
    </row>
    <row r="50255" spans="14:14">
      <c r="N50255" s="10"/>
    </row>
    <row r="50256" spans="14:14">
      <c r="N50256" s="10"/>
    </row>
    <row r="50257" spans="14:14">
      <c r="N50257" s="10"/>
    </row>
    <row r="50258" spans="14:14">
      <c r="N50258" s="10"/>
    </row>
    <row r="50259" spans="14:14">
      <c r="N50259" s="10"/>
    </row>
    <row r="50260" spans="14:14">
      <c r="N50260" s="10"/>
    </row>
    <row r="50261" spans="14:14">
      <c r="N50261" s="10"/>
    </row>
    <row r="50262" spans="14:14">
      <c r="N50262" s="10"/>
    </row>
    <row r="50263" spans="14:14">
      <c r="N50263" s="10"/>
    </row>
    <row r="50264" spans="14:14">
      <c r="N50264" s="10"/>
    </row>
    <row r="50265" spans="14:14">
      <c r="N50265" s="10"/>
    </row>
    <row r="50266" spans="14:14">
      <c r="N50266" s="10"/>
    </row>
    <row r="50267" spans="14:14">
      <c r="N50267" s="10"/>
    </row>
    <row r="50268" spans="14:14">
      <c r="N50268" s="10"/>
    </row>
    <row r="50269" spans="14:14">
      <c r="N50269" s="10"/>
    </row>
    <row r="50270" spans="14:14">
      <c r="N50270" s="10"/>
    </row>
    <row r="50271" spans="14:14">
      <c r="N50271" s="10"/>
    </row>
    <row r="50272" spans="14:14">
      <c r="N50272" s="10"/>
    </row>
    <row r="50273" spans="14:14">
      <c r="N50273" s="10"/>
    </row>
    <row r="50274" spans="14:14">
      <c r="N50274" s="10"/>
    </row>
    <row r="50275" spans="14:14">
      <c r="N50275" s="10"/>
    </row>
    <row r="50276" spans="14:14">
      <c r="N50276" s="10"/>
    </row>
    <row r="50277" spans="14:14">
      <c r="N50277" s="10"/>
    </row>
    <row r="50278" spans="14:14">
      <c r="N50278" s="10"/>
    </row>
    <row r="50279" spans="14:14">
      <c r="N50279" s="10"/>
    </row>
    <row r="50280" spans="14:14">
      <c r="N50280" s="10"/>
    </row>
    <row r="50281" spans="14:14">
      <c r="N50281" s="10"/>
    </row>
    <row r="50282" spans="14:14">
      <c r="N50282" s="10"/>
    </row>
    <row r="50283" spans="14:14">
      <c r="N50283" s="10"/>
    </row>
    <row r="50284" spans="14:14">
      <c r="N50284" s="10"/>
    </row>
    <row r="50285" spans="14:14">
      <c r="N50285" s="10"/>
    </row>
    <row r="50286" spans="14:14">
      <c r="N50286" s="10"/>
    </row>
    <row r="50287" spans="14:14">
      <c r="N50287" s="10"/>
    </row>
    <row r="50288" spans="14:14">
      <c r="N50288" s="10"/>
    </row>
    <row r="50289" spans="14:14">
      <c r="N50289" s="10"/>
    </row>
    <row r="50290" spans="14:14">
      <c r="N50290" s="10"/>
    </row>
    <row r="50291" spans="14:14">
      <c r="N50291" s="10"/>
    </row>
    <row r="50292" spans="14:14">
      <c r="N50292" s="10"/>
    </row>
    <row r="50293" spans="14:14">
      <c r="N50293" s="10"/>
    </row>
    <row r="50294" spans="14:14">
      <c r="N50294" s="10"/>
    </row>
    <row r="50295" spans="14:14">
      <c r="N50295" s="10"/>
    </row>
    <row r="50296" spans="14:14">
      <c r="N50296" s="10"/>
    </row>
    <row r="50297" spans="14:14">
      <c r="N50297" s="10"/>
    </row>
    <row r="50298" spans="14:14">
      <c r="N50298" s="10"/>
    </row>
    <row r="50299" spans="14:14">
      <c r="N50299" s="10"/>
    </row>
    <row r="50300" spans="14:14">
      <c r="N50300" s="10"/>
    </row>
    <row r="50301" spans="14:14">
      <c r="N50301" s="10"/>
    </row>
    <row r="50302" spans="14:14">
      <c r="N50302" s="10"/>
    </row>
    <row r="50303" spans="14:14">
      <c r="N50303" s="10"/>
    </row>
    <row r="50304" spans="14:14">
      <c r="N50304" s="10"/>
    </row>
    <row r="50305" spans="14:14">
      <c r="N50305" s="10"/>
    </row>
    <row r="50306" spans="14:14">
      <c r="N50306" s="10"/>
    </row>
    <row r="50307" spans="14:14">
      <c r="N50307" s="10"/>
    </row>
    <row r="50308" spans="14:14">
      <c r="N50308" s="10"/>
    </row>
    <row r="50309" spans="14:14">
      <c r="N50309" s="10"/>
    </row>
    <row r="50310" spans="14:14">
      <c r="N50310" s="10"/>
    </row>
    <row r="50311" spans="14:14">
      <c r="N50311" s="10"/>
    </row>
    <row r="50312" spans="14:14">
      <c r="N50312" s="10"/>
    </row>
    <row r="50313" spans="14:14">
      <c r="N50313" s="10"/>
    </row>
    <row r="50314" spans="14:14">
      <c r="N50314" s="10"/>
    </row>
    <row r="50315" spans="14:14">
      <c r="N50315" s="10"/>
    </row>
    <row r="50316" spans="14:14">
      <c r="N50316" s="10"/>
    </row>
    <row r="50317" spans="14:14">
      <c r="N50317" s="10"/>
    </row>
    <row r="50318" spans="14:14">
      <c r="N50318" s="10"/>
    </row>
    <row r="50319" spans="14:14">
      <c r="N50319" s="10"/>
    </row>
    <row r="50320" spans="14:14">
      <c r="N50320" s="10"/>
    </row>
    <row r="50321" spans="14:14">
      <c r="N50321" s="10"/>
    </row>
    <row r="50322" spans="14:14">
      <c r="N50322" s="10"/>
    </row>
    <row r="50323" spans="14:14">
      <c r="N50323" s="10"/>
    </row>
    <row r="50324" spans="14:14">
      <c r="N50324" s="10"/>
    </row>
    <row r="50325" spans="14:14">
      <c r="N50325" s="10"/>
    </row>
    <row r="50326" spans="14:14">
      <c r="N50326" s="10"/>
    </row>
    <row r="50327" spans="14:14">
      <c r="N50327" s="10"/>
    </row>
    <row r="50328" spans="14:14">
      <c r="N50328" s="10"/>
    </row>
    <row r="50329" spans="14:14">
      <c r="N50329" s="10"/>
    </row>
    <row r="50330" spans="14:14">
      <c r="N50330" s="10"/>
    </row>
    <row r="50331" spans="14:14">
      <c r="N50331" s="10"/>
    </row>
    <row r="50332" spans="14:14">
      <c r="N50332" s="10"/>
    </row>
    <row r="50333" spans="14:14">
      <c r="N50333" s="10"/>
    </row>
    <row r="50334" spans="14:14">
      <c r="N50334" s="10"/>
    </row>
    <row r="50335" spans="14:14">
      <c r="N50335" s="10"/>
    </row>
    <row r="50336" spans="14:14">
      <c r="N50336" s="10"/>
    </row>
    <row r="50337" spans="14:14">
      <c r="N50337" s="10"/>
    </row>
    <row r="50338" spans="14:14">
      <c r="N50338" s="10"/>
    </row>
    <row r="50339" spans="14:14">
      <c r="N50339" s="10"/>
    </row>
    <row r="50340" spans="14:14">
      <c r="N50340" s="10"/>
    </row>
    <row r="50341" spans="14:14">
      <c r="N50341" s="10"/>
    </row>
    <row r="50342" spans="14:14">
      <c r="N50342" s="10"/>
    </row>
    <row r="50343" spans="14:14">
      <c r="N50343" s="10"/>
    </row>
    <row r="50344" spans="14:14">
      <c r="N50344" s="10"/>
    </row>
    <row r="50345" spans="14:14">
      <c r="N50345" s="10"/>
    </row>
    <row r="50346" spans="14:14">
      <c r="N50346" s="10"/>
    </row>
    <row r="50347" spans="14:14">
      <c r="N50347" s="10"/>
    </row>
    <row r="50348" spans="14:14">
      <c r="N50348" s="10"/>
    </row>
    <row r="50349" spans="14:14">
      <c r="N50349" s="10"/>
    </row>
    <row r="50350" spans="14:14">
      <c r="N50350" s="10"/>
    </row>
    <row r="50351" spans="14:14">
      <c r="N50351" s="10"/>
    </row>
    <row r="50352" spans="14:14">
      <c r="N50352" s="10"/>
    </row>
    <row r="50353" spans="14:14">
      <c r="N50353" s="10"/>
    </row>
    <row r="50354" spans="14:14">
      <c r="N50354" s="10"/>
    </row>
    <row r="50355" spans="14:14">
      <c r="N50355" s="10"/>
    </row>
    <row r="50356" spans="14:14">
      <c r="N50356" s="10"/>
    </row>
    <row r="50357" spans="14:14">
      <c r="N50357" s="10"/>
    </row>
    <row r="50358" spans="14:14">
      <c r="N50358" s="10"/>
    </row>
    <row r="50359" spans="14:14">
      <c r="N50359" s="10"/>
    </row>
    <row r="50360" spans="14:14">
      <c r="N50360" s="10"/>
    </row>
    <row r="50361" spans="14:14">
      <c r="N50361" s="10"/>
    </row>
    <row r="50362" spans="14:14">
      <c r="N50362" s="10"/>
    </row>
    <row r="50363" spans="14:14">
      <c r="N50363" s="10"/>
    </row>
    <row r="50364" spans="14:14">
      <c r="N50364" s="10"/>
    </row>
    <row r="50365" spans="14:14">
      <c r="N50365" s="10"/>
    </row>
    <row r="50366" spans="14:14">
      <c r="N50366" s="10"/>
    </row>
    <row r="50367" spans="14:14">
      <c r="N50367" s="10"/>
    </row>
    <row r="50368" spans="14:14">
      <c r="N50368" s="10"/>
    </row>
    <row r="50369" spans="14:14">
      <c r="N50369" s="10"/>
    </row>
    <row r="50370" spans="14:14">
      <c r="N50370" s="10"/>
    </row>
    <row r="50371" spans="14:14">
      <c r="N50371" s="10"/>
    </row>
    <row r="50372" spans="14:14">
      <c r="N50372" s="10"/>
    </row>
    <row r="50373" spans="14:14">
      <c r="N50373" s="10"/>
    </row>
    <row r="50374" spans="14:14">
      <c r="N50374" s="10"/>
    </row>
    <row r="50375" spans="14:14">
      <c r="N50375" s="10"/>
    </row>
    <row r="50376" spans="14:14">
      <c r="N50376" s="10"/>
    </row>
    <row r="50377" spans="14:14">
      <c r="N50377" s="10"/>
    </row>
    <row r="50378" spans="14:14">
      <c r="N50378" s="10"/>
    </row>
    <row r="50379" spans="14:14">
      <c r="N50379" s="10"/>
    </row>
    <row r="50380" spans="14:14">
      <c r="N50380" s="10"/>
    </row>
    <row r="50381" spans="14:14">
      <c r="N50381" s="10"/>
    </row>
    <row r="50382" spans="14:14">
      <c r="N50382" s="10"/>
    </row>
    <row r="50383" spans="14:14">
      <c r="N50383" s="10"/>
    </row>
    <row r="50384" spans="14:14">
      <c r="N50384" s="10"/>
    </row>
    <row r="50385" spans="14:14">
      <c r="N50385" s="10"/>
    </row>
    <row r="50386" spans="14:14">
      <c r="N50386" s="10"/>
    </row>
    <row r="50387" spans="14:14">
      <c r="N50387" s="10"/>
    </row>
    <row r="50388" spans="14:14">
      <c r="N50388" s="10"/>
    </row>
    <row r="50389" spans="14:14">
      <c r="N50389" s="10"/>
    </row>
    <row r="50390" spans="14:14">
      <c r="N50390" s="10"/>
    </row>
    <row r="50391" spans="14:14">
      <c r="N50391" s="10"/>
    </row>
    <row r="50392" spans="14:14">
      <c r="N50392" s="10"/>
    </row>
    <row r="50393" spans="14:14">
      <c r="N50393" s="10"/>
    </row>
    <row r="50394" spans="14:14">
      <c r="N50394" s="10"/>
    </row>
    <row r="50395" spans="14:14">
      <c r="N50395" s="10"/>
    </row>
    <row r="50396" spans="14:14">
      <c r="N50396" s="10"/>
    </row>
    <row r="50397" spans="14:14">
      <c r="N50397" s="10"/>
    </row>
    <row r="50398" spans="14:14">
      <c r="N50398" s="10"/>
    </row>
    <row r="50399" spans="14:14">
      <c r="N50399" s="10"/>
    </row>
    <row r="50400" spans="14:14">
      <c r="N50400" s="10"/>
    </row>
    <row r="50401" spans="14:14">
      <c r="N50401" s="10"/>
    </row>
    <row r="50402" spans="14:14">
      <c r="N50402" s="10"/>
    </row>
    <row r="50403" spans="14:14">
      <c r="N50403" s="10"/>
    </row>
    <row r="50404" spans="14:14">
      <c r="N50404" s="10"/>
    </row>
    <row r="50405" spans="14:14">
      <c r="N50405" s="10"/>
    </row>
    <row r="50406" spans="14:14">
      <c r="N50406" s="10"/>
    </row>
    <row r="50407" spans="14:14">
      <c r="N50407" s="10"/>
    </row>
    <row r="50408" spans="14:14">
      <c r="N50408" s="10"/>
    </row>
    <row r="50409" spans="14:14">
      <c r="N50409" s="10"/>
    </row>
    <row r="50410" spans="14:14">
      <c r="N50410" s="10"/>
    </row>
    <row r="50411" spans="14:14">
      <c r="N50411" s="10"/>
    </row>
    <row r="50412" spans="14:14">
      <c r="N50412" s="10"/>
    </row>
    <row r="50413" spans="14:14">
      <c r="N50413" s="10"/>
    </row>
    <row r="50414" spans="14:14">
      <c r="N50414" s="10"/>
    </row>
    <row r="50415" spans="14:14">
      <c r="N50415" s="10"/>
    </row>
    <row r="50416" spans="14:14">
      <c r="N50416" s="10"/>
    </row>
    <row r="50417" spans="14:14">
      <c r="N50417" s="10"/>
    </row>
    <row r="50418" spans="14:14">
      <c r="N50418" s="10"/>
    </row>
    <row r="50419" spans="14:14">
      <c r="N50419" s="10"/>
    </row>
    <row r="50420" spans="14:14">
      <c r="N50420" s="10"/>
    </row>
    <row r="50421" spans="14:14">
      <c r="N50421" s="10"/>
    </row>
    <row r="50422" spans="14:14">
      <c r="N50422" s="10"/>
    </row>
    <row r="50423" spans="14:14">
      <c r="N50423" s="10"/>
    </row>
    <row r="50424" spans="14:14">
      <c r="N50424" s="10"/>
    </row>
    <row r="50425" spans="14:14">
      <c r="N50425" s="10"/>
    </row>
    <row r="50426" spans="14:14">
      <c r="N50426" s="10"/>
    </row>
    <row r="50427" spans="14:14">
      <c r="N50427" s="10"/>
    </row>
    <row r="50428" spans="14:14">
      <c r="N50428" s="10"/>
    </row>
    <row r="50429" spans="14:14">
      <c r="N50429" s="10"/>
    </row>
    <row r="50430" spans="14:14">
      <c r="N50430" s="10"/>
    </row>
    <row r="50431" spans="14:14">
      <c r="N50431" s="10"/>
    </row>
    <row r="50432" spans="14:14">
      <c r="N50432" s="10"/>
    </row>
    <row r="50433" spans="14:14">
      <c r="N50433" s="10"/>
    </row>
    <row r="50434" spans="14:14">
      <c r="N50434" s="10"/>
    </row>
    <row r="50435" spans="14:14">
      <c r="N50435" s="10"/>
    </row>
    <row r="50436" spans="14:14">
      <c r="N50436" s="10"/>
    </row>
    <row r="50437" spans="14:14">
      <c r="N50437" s="10"/>
    </row>
    <row r="50438" spans="14:14">
      <c r="N50438" s="10"/>
    </row>
    <row r="50439" spans="14:14">
      <c r="N50439" s="10"/>
    </row>
    <row r="50440" spans="14:14">
      <c r="N50440" s="10"/>
    </row>
    <row r="50441" spans="14:14">
      <c r="N50441" s="10"/>
    </row>
    <row r="50442" spans="14:14">
      <c r="N50442" s="10"/>
    </row>
    <row r="50443" spans="14:14">
      <c r="N50443" s="10"/>
    </row>
    <row r="50444" spans="14:14">
      <c r="N50444" s="10"/>
    </row>
    <row r="50445" spans="14:14">
      <c r="N50445" s="10"/>
    </row>
    <row r="50446" spans="14:14">
      <c r="N50446" s="10"/>
    </row>
    <row r="50447" spans="14:14">
      <c r="N50447" s="10"/>
    </row>
    <row r="50448" spans="14:14">
      <c r="N50448" s="10"/>
    </row>
    <row r="50449" spans="14:14">
      <c r="N50449" s="10"/>
    </row>
    <row r="50450" spans="14:14">
      <c r="N50450" s="10"/>
    </row>
    <row r="50451" spans="14:14">
      <c r="N50451" s="10"/>
    </row>
    <row r="50452" spans="14:14">
      <c r="N50452" s="10"/>
    </row>
    <row r="50453" spans="14:14">
      <c r="N50453" s="10"/>
    </row>
    <row r="50454" spans="14:14">
      <c r="N50454" s="10"/>
    </row>
    <row r="50455" spans="14:14">
      <c r="N50455" s="10"/>
    </row>
    <row r="50456" spans="14:14">
      <c r="N50456" s="10"/>
    </row>
    <row r="50457" spans="14:14">
      <c r="N50457" s="10"/>
    </row>
    <row r="50458" spans="14:14">
      <c r="N50458" s="10"/>
    </row>
    <row r="50459" spans="14:14">
      <c r="N50459" s="10"/>
    </row>
    <row r="50460" spans="14:14">
      <c r="N50460" s="10"/>
    </row>
    <row r="50461" spans="14:14">
      <c r="N50461" s="10"/>
    </row>
    <row r="50462" spans="14:14">
      <c r="N50462" s="10"/>
    </row>
    <row r="50463" spans="14:14">
      <c r="N50463" s="10"/>
    </row>
    <row r="50464" spans="14:14">
      <c r="N50464" s="10"/>
    </row>
    <row r="50465" spans="14:14">
      <c r="N50465" s="10"/>
    </row>
    <row r="50466" spans="14:14">
      <c r="N50466" s="10"/>
    </row>
    <row r="50467" spans="14:14">
      <c r="N50467" s="10"/>
    </row>
    <row r="50468" spans="14:14">
      <c r="N50468" s="10"/>
    </row>
    <row r="50469" spans="14:14">
      <c r="N50469" s="10"/>
    </row>
    <row r="50470" spans="14:14">
      <c r="N50470" s="10"/>
    </row>
    <row r="50471" spans="14:14">
      <c r="N50471" s="10"/>
    </row>
    <row r="50472" spans="14:14">
      <c r="N50472" s="10"/>
    </row>
    <row r="50473" spans="14:14">
      <c r="N50473" s="10"/>
    </row>
    <row r="50474" spans="14:14">
      <c r="N50474" s="10"/>
    </row>
    <row r="50475" spans="14:14">
      <c r="N50475" s="10"/>
    </row>
    <row r="50476" spans="14:14">
      <c r="N50476" s="10"/>
    </row>
    <row r="50477" spans="14:14">
      <c r="N50477" s="10"/>
    </row>
    <row r="50478" spans="14:14">
      <c r="N50478" s="10"/>
    </row>
    <row r="50479" spans="14:14">
      <c r="N50479" s="10"/>
    </row>
    <row r="50480" spans="14:14">
      <c r="N50480" s="10"/>
    </row>
    <row r="50481" spans="14:14">
      <c r="N50481" s="10"/>
    </row>
    <row r="50482" spans="14:14">
      <c r="N50482" s="10"/>
    </row>
    <row r="50483" spans="14:14">
      <c r="N50483" s="10"/>
    </row>
    <row r="50484" spans="14:14">
      <c r="N50484" s="10"/>
    </row>
    <row r="50485" spans="14:14">
      <c r="N50485" s="10"/>
    </row>
    <row r="50486" spans="14:14">
      <c r="N50486" s="10"/>
    </row>
    <row r="50487" spans="14:14">
      <c r="N50487" s="10"/>
    </row>
    <row r="50488" spans="14:14">
      <c r="N50488" s="10"/>
    </row>
    <row r="50489" spans="14:14">
      <c r="N50489" s="10"/>
    </row>
    <row r="50490" spans="14:14">
      <c r="N50490" s="10"/>
    </row>
    <row r="50491" spans="14:14">
      <c r="N50491" s="10"/>
    </row>
    <row r="50492" spans="14:14">
      <c r="N50492" s="10"/>
    </row>
    <row r="50493" spans="14:14">
      <c r="N50493" s="10"/>
    </row>
    <row r="50494" spans="14:14">
      <c r="N50494" s="10"/>
    </row>
    <row r="50495" spans="14:14">
      <c r="N50495" s="10"/>
    </row>
    <row r="50496" spans="14:14">
      <c r="N50496" s="10"/>
    </row>
    <row r="50497" spans="14:14">
      <c r="N50497" s="10"/>
    </row>
    <row r="50498" spans="14:14">
      <c r="N50498" s="10"/>
    </row>
    <row r="50499" spans="14:14">
      <c r="N50499" s="10"/>
    </row>
    <row r="50500" spans="14:14">
      <c r="N50500" s="10"/>
    </row>
    <row r="50501" spans="14:14">
      <c r="N50501" s="10"/>
    </row>
    <row r="50502" spans="14:14">
      <c r="N50502" s="10"/>
    </row>
    <row r="50503" spans="14:14">
      <c r="N50503" s="10"/>
    </row>
    <row r="50504" spans="14:14">
      <c r="N50504" s="10"/>
    </row>
    <row r="50505" spans="14:14">
      <c r="N50505" s="10"/>
    </row>
    <row r="50506" spans="14:14">
      <c r="N50506" s="10"/>
    </row>
    <row r="50507" spans="14:14">
      <c r="N50507" s="10"/>
    </row>
    <row r="50508" spans="14:14">
      <c r="N50508" s="10"/>
    </row>
    <row r="50509" spans="14:14">
      <c r="N50509" s="10"/>
    </row>
    <row r="50510" spans="14:14">
      <c r="N50510" s="10"/>
    </row>
    <row r="50511" spans="14:14">
      <c r="N50511" s="10"/>
    </row>
    <row r="50512" spans="14:14">
      <c r="N50512" s="10"/>
    </row>
    <row r="50513" spans="14:14">
      <c r="N50513" s="10"/>
    </row>
    <row r="50514" spans="14:14">
      <c r="N50514" s="10"/>
    </row>
    <row r="50515" spans="14:14">
      <c r="N50515" s="10"/>
    </row>
    <row r="50516" spans="14:14">
      <c r="N50516" s="10"/>
    </row>
    <row r="50517" spans="14:14">
      <c r="N50517" s="10"/>
    </row>
    <row r="50518" spans="14:14">
      <c r="N50518" s="10"/>
    </row>
    <row r="50519" spans="14:14">
      <c r="N50519" s="10"/>
    </row>
    <row r="50520" spans="14:14">
      <c r="N50520" s="10"/>
    </row>
    <row r="50521" spans="14:14">
      <c r="N50521" s="10"/>
    </row>
    <row r="50522" spans="14:14">
      <c r="N50522" s="10"/>
    </row>
    <row r="50523" spans="14:14">
      <c r="N50523" s="10"/>
    </row>
    <row r="50524" spans="14:14">
      <c r="N50524" s="10"/>
    </row>
    <row r="50525" spans="14:14">
      <c r="N50525" s="10"/>
    </row>
    <row r="50526" spans="14:14">
      <c r="N50526" s="10"/>
    </row>
    <row r="50527" spans="14:14">
      <c r="N50527" s="10"/>
    </row>
    <row r="50528" spans="14:14">
      <c r="N50528" s="10"/>
    </row>
    <row r="50529" spans="14:14">
      <c r="N50529" s="10"/>
    </row>
    <row r="50530" spans="14:14">
      <c r="N50530" s="10"/>
    </row>
    <row r="50531" spans="14:14">
      <c r="N50531" s="10"/>
    </row>
    <row r="50532" spans="14:14">
      <c r="N50532" s="10"/>
    </row>
    <row r="50533" spans="14:14">
      <c r="N50533" s="10"/>
    </row>
    <row r="50534" spans="14:14">
      <c r="N50534" s="10"/>
    </row>
    <row r="50535" spans="14:14">
      <c r="N50535" s="10"/>
    </row>
    <row r="50536" spans="14:14">
      <c r="N50536" s="10"/>
    </row>
    <row r="50537" spans="14:14">
      <c r="N50537" s="10"/>
    </row>
    <row r="50538" spans="14:14">
      <c r="N50538" s="10"/>
    </row>
    <row r="50539" spans="14:14">
      <c r="N50539" s="10"/>
    </row>
    <row r="50540" spans="14:14">
      <c r="N50540" s="10"/>
    </row>
    <row r="50541" spans="14:14">
      <c r="N50541" s="10"/>
    </row>
    <row r="50542" spans="14:14">
      <c r="N50542" s="10"/>
    </row>
    <row r="50543" spans="14:14">
      <c r="N50543" s="10"/>
    </row>
    <row r="50544" spans="14:14">
      <c r="N50544" s="10"/>
    </row>
    <row r="50545" spans="14:14">
      <c r="N50545" s="10"/>
    </row>
    <row r="50546" spans="14:14">
      <c r="N50546" s="10"/>
    </row>
    <row r="50547" spans="14:14">
      <c r="N50547" s="10"/>
    </row>
    <row r="50548" spans="14:14">
      <c r="N50548" s="10"/>
    </row>
    <row r="50549" spans="14:14">
      <c r="N50549" s="10"/>
    </row>
    <row r="50550" spans="14:14">
      <c r="N50550" s="10"/>
    </row>
    <row r="50551" spans="14:14">
      <c r="N50551" s="10"/>
    </row>
    <row r="50552" spans="14:14">
      <c r="N50552" s="10"/>
    </row>
    <row r="50553" spans="14:14">
      <c r="N50553" s="10"/>
    </row>
    <row r="50554" spans="14:14">
      <c r="N50554" s="10"/>
    </row>
    <row r="50555" spans="14:14">
      <c r="N50555" s="10"/>
    </row>
    <row r="50556" spans="14:14">
      <c r="N50556" s="10"/>
    </row>
    <row r="50557" spans="14:14">
      <c r="N50557" s="10"/>
    </row>
    <row r="50558" spans="14:14">
      <c r="N50558" s="10"/>
    </row>
    <row r="50559" spans="14:14">
      <c r="N50559" s="10"/>
    </row>
    <row r="50560" spans="14:14">
      <c r="N50560" s="10"/>
    </row>
    <row r="50561" spans="14:14">
      <c r="N50561" s="10"/>
    </row>
    <row r="50562" spans="14:14">
      <c r="N50562" s="10"/>
    </row>
    <row r="50563" spans="14:14">
      <c r="N50563" s="10"/>
    </row>
    <row r="50564" spans="14:14">
      <c r="N50564" s="10"/>
    </row>
    <row r="50565" spans="14:14">
      <c r="N50565" s="10"/>
    </row>
    <row r="50566" spans="14:14">
      <c r="N50566" s="10"/>
    </row>
    <row r="50567" spans="14:14">
      <c r="N50567" s="10"/>
    </row>
    <row r="50568" spans="14:14">
      <c r="N50568" s="10"/>
    </row>
    <row r="50569" spans="14:14">
      <c r="N50569" s="10"/>
    </row>
    <row r="50570" spans="14:14">
      <c r="N50570" s="10"/>
    </row>
    <row r="50571" spans="14:14">
      <c r="N50571" s="10"/>
    </row>
    <row r="50572" spans="14:14">
      <c r="N50572" s="10"/>
    </row>
    <row r="50573" spans="14:14">
      <c r="N50573" s="10"/>
    </row>
    <row r="50574" spans="14:14">
      <c r="N50574" s="10"/>
    </row>
    <row r="50575" spans="14:14">
      <c r="N50575" s="10"/>
    </row>
    <row r="50576" spans="14:14">
      <c r="N50576" s="10"/>
    </row>
    <row r="50577" spans="14:14">
      <c r="N50577" s="10"/>
    </row>
    <row r="50578" spans="14:14">
      <c r="N50578" s="10"/>
    </row>
    <row r="50579" spans="14:14">
      <c r="N50579" s="10"/>
    </row>
    <row r="50580" spans="14:14">
      <c r="N50580" s="10"/>
    </row>
    <row r="50581" spans="14:14">
      <c r="N50581" s="10"/>
    </row>
    <row r="50582" spans="14:14">
      <c r="N50582" s="10"/>
    </row>
    <row r="50583" spans="14:14">
      <c r="N50583" s="10"/>
    </row>
    <row r="50584" spans="14:14">
      <c r="N50584" s="10"/>
    </row>
    <row r="50585" spans="14:14">
      <c r="N50585" s="10"/>
    </row>
    <row r="50586" spans="14:14">
      <c r="N50586" s="10"/>
    </row>
    <row r="50587" spans="14:14">
      <c r="N50587" s="10"/>
    </row>
    <row r="50588" spans="14:14">
      <c r="N50588" s="10"/>
    </row>
    <row r="50589" spans="14:14">
      <c r="N50589" s="10"/>
    </row>
    <row r="50590" spans="14:14">
      <c r="N50590" s="10"/>
    </row>
    <row r="50591" spans="14:14">
      <c r="N50591" s="10"/>
    </row>
    <row r="50592" spans="14:14">
      <c r="N50592" s="10"/>
    </row>
    <row r="50593" spans="14:14">
      <c r="N50593" s="10"/>
    </row>
    <row r="50594" spans="14:14">
      <c r="N50594" s="10"/>
    </row>
    <row r="50595" spans="14:14">
      <c r="N50595" s="10"/>
    </row>
    <row r="50596" spans="14:14">
      <c r="N50596" s="10"/>
    </row>
    <row r="50597" spans="14:14">
      <c r="N50597" s="10"/>
    </row>
    <row r="50598" spans="14:14">
      <c r="N50598" s="10"/>
    </row>
    <row r="50599" spans="14:14">
      <c r="N50599" s="10"/>
    </row>
    <row r="50600" spans="14:14">
      <c r="N50600" s="10"/>
    </row>
    <row r="50601" spans="14:14">
      <c r="N50601" s="10"/>
    </row>
    <row r="50602" spans="14:14">
      <c r="N50602" s="10"/>
    </row>
    <row r="50603" spans="14:14">
      <c r="N50603" s="10"/>
    </row>
    <row r="50604" spans="14:14">
      <c r="N50604" s="10"/>
    </row>
    <row r="50605" spans="14:14">
      <c r="N50605" s="10"/>
    </row>
    <row r="50606" spans="14:14">
      <c r="N50606" s="10"/>
    </row>
    <row r="50607" spans="14:14">
      <c r="N50607" s="10"/>
    </row>
    <row r="50608" spans="14:14">
      <c r="N50608" s="10"/>
    </row>
    <row r="50609" spans="14:14">
      <c r="N50609" s="10"/>
    </row>
    <row r="50610" spans="14:14">
      <c r="N50610" s="10"/>
    </row>
    <row r="50611" spans="14:14">
      <c r="N50611" s="10"/>
    </row>
    <row r="50612" spans="14:14">
      <c r="N50612" s="10"/>
    </row>
    <row r="50613" spans="14:14">
      <c r="N50613" s="10"/>
    </row>
    <row r="50614" spans="14:14">
      <c r="N50614" s="10"/>
    </row>
    <row r="50615" spans="14:14">
      <c r="N50615" s="10"/>
    </row>
    <row r="50616" spans="14:14">
      <c r="N50616" s="10"/>
    </row>
    <row r="50617" spans="14:14">
      <c r="N50617" s="10"/>
    </row>
    <row r="50618" spans="14:14">
      <c r="N50618" s="10"/>
    </row>
    <row r="50619" spans="14:14">
      <c r="N50619" s="10"/>
    </row>
    <row r="50620" spans="14:14">
      <c r="N50620" s="10"/>
    </row>
    <row r="50621" spans="14:14">
      <c r="N50621" s="10"/>
    </row>
    <row r="50622" spans="14:14">
      <c r="N50622" s="10"/>
    </row>
    <row r="50623" spans="14:14">
      <c r="N50623" s="10"/>
    </row>
    <row r="50624" spans="14:14">
      <c r="N50624" s="10"/>
    </row>
    <row r="50625" spans="14:14">
      <c r="N50625" s="10"/>
    </row>
    <row r="50626" spans="14:14">
      <c r="N50626" s="10"/>
    </row>
    <row r="50627" spans="14:14">
      <c r="N50627" s="10"/>
    </row>
    <row r="50628" spans="14:14">
      <c r="N50628" s="10"/>
    </row>
    <row r="50629" spans="14:14">
      <c r="N50629" s="10"/>
    </row>
    <row r="50630" spans="14:14">
      <c r="N50630" s="10"/>
    </row>
    <row r="50631" spans="14:14">
      <c r="N50631" s="10"/>
    </row>
    <row r="50632" spans="14:14">
      <c r="N50632" s="10"/>
    </row>
    <row r="50633" spans="14:14">
      <c r="N50633" s="10"/>
    </row>
    <row r="50634" spans="14:14">
      <c r="N50634" s="10"/>
    </row>
    <row r="50635" spans="14:14">
      <c r="N50635" s="10"/>
    </row>
    <row r="50636" spans="14:14">
      <c r="N50636" s="10"/>
    </row>
    <row r="50637" spans="14:14">
      <c r="N50637" s="10"/>
    </row>
    <row r="50638" spans="14:14">
      <c r="N50638" s="10"/>
    </row>
    <row r="50639" spans="14:14">
      <c r="N50639" s="10"/>
    </row>
    <row r="50640" spans="14:14">
      <c r="N50640" s="10"/>
    </row>
    <row r="50641" spans="14:14">
      <c r="N50641" s="10"/>
    </row>
    <row r="50642" spans="14:14">
      <c r="N50642" s="10"/>
    </row>
    <row r="50643" spans="14:14">
      <c r="N50643" s="10"/>
    </row>
    <row r="50644" spans="14:14">
      <c r="N50644" s="10"/>
    </row>
    <row r="50645" spans="14:14">
      <c r="N50645" s="10"/>
    </row>
    <row r="50646" spans="14:14">
      <c r="N50646" s="10"/>
    </row>
    <row r="50647" spans="14:14">
      <c r="N50647" s="10"/>
    </row>
    <row r="50648" spans="14:14">
      <c r="N50648" s="10"/>
    </row>
    <row r="50649" spans="14:14">
      <c r="N50649" s="10"/>
    </row>
    <row r="50650" spans="14:14">
      <c r="N50650" s="10"/>
    </row>
    <row r="50651" spans="14:14">
      <c r="N50651" s="10"/>
    </row>
    <row r="50652" spans="14:14">
      <c r="N50652" s="10"/>
    </row>
    <row r="50653" spans="14:14">
      <c r="N50653" s="10"/>
    </row>
    <row r="50654" spans="14:14">
      <c r="N50654" s="10"/>
    </row>
    <row r="50655" spans="14:14">
      <c r="N50655" s="10"/>
    </row>
    <row r="50656" spans="14:14">
      <c r="N50656" s="10"/>
    </row>
    <row r="50657" spans="14:14">
      <c r="N50657" s="10"/>
    </row>
    <row r="50658" spans="14:14">
      <c r="N50658" s="10"/>
    </row>
    <row r="50659" spans="14:14">
      <c r="N50659" s="10"/>
    </row>
    <row r="50660" spans="14:14">
      <c r="N50660" s="10"/>
    </row>
    <row r="50661" spans="14:14">
      <c r="N50661" s="10"/>
    </row>
    <row r="50662" spans="14:14">
      <c r="N50662" s="10"/>
    </row>
    <row r="50663" spans="14:14">
      <c r="N50663" s="10"/>
    </row>
    <row r="50664" spans="14:14">
      <c r="N50664" s="10"/>
    </row>
    <row r="50665" spans="14:14">
      <c r="N50665" s="10"/>
    </row>
    <row r="50666" spans="14:14">
      <c r="N50666" s="10"/>
    </row>
    <row r="50667" spans="14:14">
      <c r="N50667" s="10"/>
    </row>
    <row r="50668" spans="14:14">
      <c r="N50668" s="10"/>
    </row>
    <row r="50669" spans="14:14">
      <c r="N50669" s="10"/>
    </row>
    <row r="50670" spans="14:14">
      <c r="N50670" s="10"/>
    </row>
    <row r="50671" spans="14:14">
      <c r="N50671" s="10"/>
    </row>
    <row r="50672" spans="14:14">
      <c r="N50672" s="10"/>
    </row>
    <row r="50673" spans="14:14">
      <c r="N50673" s="10"/>
    </row>
    <row r="50674" spans="14:14">
      <c r="N50674" s="10"/>
    </row>
    <row r="50675" spans="14:14">
      <c r="N50675" s="10"/>
    </row>
    <row r="50676" spans="14:14">
      <c r="N50676" s="10"/>
    </row>
    <row r="50677" spans="14:14">
      <c r="N50677" s="10"/>
    </row>
    <row r="50678" spans="14:14">
      <c r="N50678" s="10"/>
    </row>
    <row r="50679" spans="14:14">
      <c r="N50679" s="10"/>
    </row>
    <row r="50680" spans="14:14">
      <c r="N50680" s="10"/>
    </row>
    <row r="50681" spans="14:14">
      <c r="N50681" s="10"/>
    </row>
    <row r="50682" spans="14:14">
      <c r="N50682" s="10"/>
    </row>
    <row r="50683" spans="14:14">
      <c r="N50683" s="10"/>
    </row>
    <row r="50684" spans="14:14">
      <c r="N50684" s="10"/>
    </row>
    <row r="50685" spans="14:14">
      <c r="N50685" s="10"/>
    </row>
    <row r="50686" spans="14:14">
      <c r="N50686" s="10"/>
    </row>
    <row r="50687" spans="14:14">
      <c r="N50687" s="10"/>
    </row>
    <row r="50688" spans="14:14">
      <c r="N50688" s="10"/>
    </row>
    <row r="50689" spans="14:14">
      <c r="N50689" s="10"/>
    </row>
    <row r="50690" spans="14:14">
      <c r="N50690" s="10"/>
    </row>
    <row r="50691" spans="14:14">
      <c r="N50691" s="10"/>
    </row>
    <row r="50692" spans="14:14">
      <c r="N50692" s="10"/>
    </row>
    <row r="50693" spans="14:14">
      <c r="N50693" s="10"/>
    </row>
    <row r="50694" spans="14:14">
      <c r="N50694" s="10"/>
    </row>
    <row r="50695" spans="14:14">
      <c r="N50695" s="10"/>
    </row>
    <row r="50696" spans="14:14">
      <c r="N50696" s="10"/>
    </row>
    <row r="50697" spans="14:14">
      <c r="N50697" s="10"/>
    </row>
    <row r="50698" spans="14:14">
      <c r="N50698" s="10"/>
    </row>
    <row r="50699" spans="14:14">
      <c r="N50699" s="10"/>
    </row>
    <row r="50700" spans="14:14">
      <c r="N50700" s="10"/>
    </row>
    <row r="50701" spans="14:14">
      <c r="N50701" s="10"/>
    </row>
    <row r="50702" spans="14:14">
      <c r="N50702" s="10"/>
    </row>
    <row r="50703" spans="14:14">
      <c r="N50703" s="10"/>
    </row>
    <row r="50704" spans="14:14">
      <c r="N50704" s="10"/>
    </row>
    <row r="50705" spans="14:14">
      <c r="N50705" s="10"/>
    </row>
    <row r="50706" spans="14:14">
      <c r="N50706" s="10"/>
    </row>
    <row r="50707" spans="14:14">
      <c r="N50707" s="10"/>
    </row>
    <row r="50708" spans="14:14">
      <c r="N50708" s="10"/>
    </row>
    <row r="50709" spans="14:14">
      <c r="N50709" s="10"/>
    </row>
    <row r="50710" spans="14:14">
      <c r="N50710" s="10"/>
    </row>
    <row r="50711" spans="14:14">
      <c r="N50711" s="10"/>
    </row>
    <row r="50712" spans="14:14">
      <c r="N50712" s="10"/>
    </row>
    <row r="50713" spans="14:14">
      <c r="N50713" s="10"/>
    </row>
    <row r="50714" spans="14:14">
      <c r="N50714" s="10"/>
    </row>
    <row r="50715" spans="14:14">
      <c r="N50715" s="10"/>
    </row>
    <row r="50716" spans="14:14">
      <c r="N50716" s="10"/>
    </row>
    <row r="50717" spans="14:14">
      <c r="N50717" s="10"/>
    </row>
    <row r="50718" spans="14:14">
      <c r="N50718" s="10"/>
    </row>
    <row r="50719" spans="14:14">
      <c r="N50719" s="10"/>
    </row>
    <row r="50720" spans="14:14">
      <c r="N50720" s="10"/>
    </row>
    <row r="50721" spans="14:14">
      <c r="N50721" s="10"/>
    </row>
    <row r="50722" spans="14:14">
      <c r="N50722" s="10"/>
    </row>
    <row r="50723" spans="14:14">
      <c r="N50723" s="10"/>
    </row>
    <row r="50724" spans="14:14">
      <c r="N50724" s="10"/>
    </row>
    <row r="50725" spans="14:14">
      <c r="N50725" s="10"/>
    </row>
    <row r="50726" spans="14:14">
      <c r="N50726" s="10"/>
    </row>
    <row r="50727" spans="14:14">
      <c r="N50727" s="10"/>
    </row>
    <row r="50728" spans="14:14">
      <c r="N50728" s="10"/>
    </row>
    <row r="50729" spans="14:14">
      <c r="N50729" s="10"/>
    </row>
    <row r="50730" spans="14:14">
      <c r="N50730" s="10"/>
    </row>
    <row r="50731" spans="14:14">
      <c r="N50731" s="10"/>
    </row>
    <row r="50732" spans="14:14">
      <c r="N50732" s="10"/>
    </row>
    <row r="50733" spans="14:14">
      <c r="N50733" s="10"/>
    </row>
    <row r="50734" spans="14:14">
      <c r="N50734" s="10"/>
    </row>
    <row r="50735" spans="14:14">
      <c r="N50735" s="10"/>
    </row>
    <row r="50736" spans="14:14">
      <c r="N50736" s="10"/>
    </row>
    <row r="50737" spans="14:14">
      <c r="N50737" s="10"/>
    </row>
    <row r="50738" spans="14:14">
      <c r="N50738" s="10"/>
    </row>
    <row r="50739" spans="14:14">
      <c r="N50739" s="10"/>
    </row>
    <row r="50740" spans="14:14">
      <c r="N50740" s="10"/>
    </row>
    <row r="50741" spans="14:14">
      <c r="N50741" s="10"/>
    </row>
    <row r="50742" spans="14:14">
      <c r="N50742" s="10"/>
    </row>
    <row r="50743" spans="14:14">
      <c r="N50743" s="10"/>
    </row>
    <row r="50744" spans="14:14">
      <c r="N50744" s="10"/>
    </row>
    <row r="50745" spans="14:14">
      <c r="N50745" s="10"/>
    </row>
    <row r="50746" spans="14:14">
      <c r="N50746" s="10"/>
    </row>
    <row r="50747" spans="14:14">
      <c r="N50747" s="10"/>
    </row>
    <row r="50748" spans="14:14">
      <c r="N50748" s="10"/>
    </row>
    <row r="50749" spans="14:14">
      <c r="N50749" s="10"/>
    </row>
    <row r="50750" spans="14:14">
      <c r="N50750" s="10"/>
    </row>
    <row r="50751" spans="14:14">
      <c r="N50751" s="10"/>
    </row>
    <row r="50752" spans="14:14">
      <c r="N50752" s="10"/>
    </row>
    <row r="50753" spans="14:14">
      <c r="N50753" s="10"/>
    </row>
    <row r="50754" spans="14:14">
      <c r="N50754" s="10"/>
    </row>
    <row r="50755" spans="14:14">
      <c r="N50755" s="10"/>
    </row>
    <row r="50756" spans="14:14">
      <c r="N50756" s="10"/>
    </row>
    <row r="50757" spans="14:14">
      <c r="N50757" s="10"/>
    </row>
    <row r="50758" spans="14:14">
      <c r="N50758" s="10"/>
    </row>
    <row r="50759" spans="14:14">
      <c r="N50759" s="10"/>
    </row>
    <row r="50760" spans="14:14">
      <c r="N50760" s="10"/>
    </row>
    <row r="50761" spans="14:14">
      <c r="N50761" s="10"/>
    </row>
    <row r="50762" spans="14:14">
      <c r="N50762" s="10"/>
    </row>
    <row r="50763" spans="14:14">
      <c r="N50763" s="10"/>
    </row>
    <row r="50764" spans="14:14">
      <c r="N50764" s="10"/>
    </row>
    <row r="50765" spans="14:14">
      <c r="N50765" s="10"/>
    </row>
    <row r="50766" spans="14:14">
      <c r="N50766" s="10"/>
    </row>
    <row r="50767" spans="14:14">
      <c r="N50767" s="10"/>
    </row>
    <row r="50768" spans="14:14">
      <c r="N50768" s="10"/>
    </row>
    <row r="50769" spans="14:14">
      <c r="N50769" s="10"/>
    </row>
    <row r="50770" spans="14:14">
      <c r="N50770" s="10"/>
    </row>
    <row r="50771" spans="14:14">
      <c r="N50771" s="10"/>
    </row>
    <row r="50772" spans="14:14">
      <c r="N50772" s="10"/>
    </row>
    <row r="50773" spans="14:14">
      <c r="N50773" s="10"/>
    </row>
    <row r="50774" spans="14:14">
      <c r="N50774" s="10"/>
    </row>
    <row r="50775" spans="14:14">
      <c r="N50775" s="10"/>
    </row>
    <row r="50776" spans="14:14">
      <c r="N50776" s="10"/>
    </row>
    <row r="50777" spans="14:14">
      <c r="N50777" s="10"/>
    </row>
    <row r="50778" spans="14:14">
      <c r="N50778" s="10"/>
    </row>
    <row r="50779" spans="14:14">
      <c r="N50779" s="10"/>
    </row>
    <row r="50780" spans="14:14">
      <c r="N50780" s="10"/>
    </row>
    <row r="50781" spans="14:14">
      <c r="N50781" s="10"/>
    </row>
    <row r="50782" spans="14:14">
      <c r="N50782" s="10"/>
    </row>
    <row r="50783" spans="14:14">
      <c r="N50783" s="10"/>
    </row>
    <row r="50784" spans="14:14">
      <c r="N50784" s="10"/>
    </row>
    <row r="50785" spans="14:14">
      <c r="N50785" s="10"/>
    </row>
    <row r="50786" spans="14:14">
      <c r="N50786" s="10"/>
    </row>
    <row r="50787" spans="14:14">
      <c r="N50787" s="10"/>
    </row>
    <row r="50788" spans="14:14">
      <c r="N50788" s="10"/>
    </row>
    <row r="50789" spans="14:14">
      <c r="N50789" s="10"/>
    </row>
    <row r="50790" spans="14:14">
      <c r="N50790" s="10"/>
    </row>
    <row r="50791" spans="14:14">
      <c r="N50791" s="10"/>
    </row>
    <row r="50792" spans="14:14">
      <c r="N50792" s="10"/>
    </row>
    <row r="50793" spans="14:14">
      <c r="N50793" s="10"/>
    </row>
    <row r="50794" spans="14:14">
      <c r="N50794" s="10"/>
    </row>
    <row r="50795" spans="14:14">
      <c r="N50795" s="10"/>
    </row>
    <row r="50796" spans="14:14">
      <c r="N50796" s="10"/>
    </row>
    <row r="50797" spans="14:14">
      <c r="N50797" s="10"/>
    </row>
    <row r="50798" spans="14:14">
      <c r="N50798" s="10"/>
    </row>
    <row r="50799" spans="14:14">
      <c r="N50799" s="10"/>
    </row>
    <row r="50800" spans="14:14">
      <c r="N50800" s="10"/>
    </row>
    <row r="50801" spans="14:14">
      <c r="N50801" s="10"/>
    </row>
    <row r="50802" spans="14:14">
      <c r="N50802" s="10"/>
    </row>
    <row r="50803" spans="14:14">
      <c r="N50803" s="10"/>
    </row>
    <row r="50804" spans="14:14">
      <c r="N50804" s="10"/>
    </row>
    <row r="50805" spans="14:14">
      <c r="N50805" s="10"/>
    </row>
    <row r="50806" spans="14:14">
      <c r="N50806" s="10"/>
    </row>
    <row r="50807" spans="14:14">
      <c r="N50807" s="10"/>
    </row>
    <row r="50808" spans="14:14">
      <c r="N50808" s="10"/>
    </row>
    <row r="50809" spans="14:14">
      <c r="N50809" s="10"/>
    </row>
    <row r="50810" spans="14:14">
      <c r="N50810" s="10"/>
    </row>
    <row r="50811" spans="14:14">
      <c r="N50811" s="10"/>
    </row>
    <row r="50812" spans="14:14">
      <c r="N50812" s="10"/>
    </row>
    <row r="50813" spans="14:14">
      <c r="N50813" s="10"/>
    </row>
    <row r="50814" spans="14:14">
      <c r="N50814" s="10"/>
    </row>
    <row r="50815" spans="14:14">
      <c r="N50815" s="10"/>
    </row>
    <row r="50816" spans="14:14">
      <c r="N50816" s="10"/>
    </row>
    <row r="50817" spans="14:14">
      <c r="N50817" s="10"/>
    </row>
    <row r="50818" spans="14:14">
      <c r="N50818" s="10"/>
    </row>
    <row r="50819" spans="14:14">
      <c r="N50819" s="10"/>
    </row>
    <row r="50820" spans="14:14">
      <c r="N50820" s="10"/>
    </row>
    <row r="50821" spans="14:14">
      <c r="N50821" s="10"/>
    </row>
    <row r="50822" spans="14:14">
      <c r="N50822" s="10"/>
    </row>
    <row r="50823" spans="14:14">
      <c r="N50823" s="10"/>
    </row>
    <row r="50824" spans="14:14">
      <c r="N50824" s="10"/>
    </row>
    <row r="50825" spans="14:14">
      <c r="N50825" s="10"/>
    </row>
    <row r="50826" spans="14:14">
      <c r="N50826" s="10"/>
    </row>
    <row r="50827" spans="14:14">
      <c r="N50827" s="10"/>
    </row>
    <row r="50828" spans="14:14">
      <c r="N50828" s="10"/>
    </row>
    <row r="50829" spans="14:14">
      <c r="N50829" s="10"/>
    </row>
    <row r="50830" spans="14:14">
      <c r="N50830" s="10"/>
    </row>
    <row r="50831" spans="14:14">
      <c r="N50831" s="10"/>
    </row>
    <row r="50832" spans="14:14">
      <c r="N50832" s="10"/>
    </row>
    <row r="50833" spans="14:14">
      <c r="N50833" s="10"/>
    </row>
    <row r="50834" spans="14:14">
      <c r="N50834" s="10"/>
    </row>
    <row r="50835" spans="14:14">
      <c r="N50835" s="10"/>
    </row>
    <row r="50836" spans="14:14">
      <c r="N50836" s="10"/>
    </row>
    <row r="50837" spans="14:14">
      <c r="N50837" s="10"/>
    </row>
    <row r="50838" spans="14:14">
      <c r="N50838" s="10"/>
    </row>
    <row r="50839" spans="14:14">
      <c r="N50839" s="10"/>
    </row>
    <row r="50840" spans="14:14">
      <c r="N50840" s="10"/>
    </row>
    <row r="50841" spans="14:14">
      <c r="N50841" s="10"/>
    </row>
    <row r="50842" spans="14:14">
      <c r="N50842" s="10"/>
    </row>
    <row r="50843" spans="14:14">
      <c r="N50843" s="10"/>
    </row>
    <row r="50844" spans="14:14">
      <c r="N50844" s="10"/>
    </row>
    <row r="50845" spans="14:14">
      <c r="N50845" s="10"/>
    </row>
    <row r="50846" spans="14:14">
      <c r="N50846" s="10"/>
    </row>
    <row r="50847" spans="14:14">
      <c r="N50847" s="10"/>
    </row>
    <row r="50848" spans="14:14">
      <c r="N50848" s="10"/>
    </row>
    <row r="50849" spans="14:14">
      <c r="N50849" s="10"/>
    </row>
    <row r="50850" spans="14:14">
      <c r="N50850" s="10"/>
    </row>
    <row r="50851" spans="14:14">
      <c r="N50851" s="10"/>
    </row>
    <row r="50852" spans="14:14">
      <c r="N50852" s="10"/>
    </row>
    <row r="50853" spans="14:14">
      <c r="N50853" s="10"/>
    </row>
    <row r="50854" spans="14:14">
      <c r="N50854" s="10"/>
    </row>
    <row r="50855" spans="14:14">
      <c r="N50855" s="10"/>
    </row>
    <row r="50856" spans="14:14">
      <c r="N50856" s="10"/>
    </row>
    <row r="50857" spans="14:14">
      <c r="N50857" s="10"/>
    </row>
    <row r="50858" spans="14:14">
      <c r="N50858" s="10"/>
    </row>
    <row r="50859" spans="14:14">
      <c r="N50859" s="10"/>
    </row>
    <row r="50860" spans="14:14">
      <c r="N50860" s="10"/>
    </row>
    <row r="50861" spans="14:14">
      <c r="N50861" s="10"/>
    </row>
    <row r="50862" spans="14:14">
      <c r="N50862" s="10"/>
    </row>
    <row r="50863" spans="14:14">
      <c r="N50863" s="10"/>
    </row>
    <row r="50864" spans="14:14">
      <c r="N50864" s="10"/>
    </row>
    <row r="50865" spans="14:14">
      <c r="N50865" s="10"/>
    </row>
    <row r="50866" spans="14:14">
      <c r="N50866" s="10"/>
    </row>
    <row r="50867" spans="14:14">
      <c r="N50867" s="10"/>
    </row>
    <row r="50868" spans="14:14">
      <c r="N50868" s="10"/>
    </row>
    <row r="50869" spans="14:14">
      <c r="N50869" s="10"/>
    </row>
    <row r="50870" spans="14:14">
      <c r="N50870" s="10"/>
    </row>
    <row r="50871" spans="14:14">
      <c r="N50871" s="10"/>
    </row>
    <row r="50872" spans="14:14">
      <c r="N50872" s="10"/>
    </row>
    <row r="50873" spans="14:14">
      <c r="N50873" s="10"/>
    </row>
    <row r="50874" spans="14:14">
      <c r="N50874" s="10"/>
    </row>
    <row r="50875" spans="14:14">
      <c r="N50875" s="10"/>
    </row>
    <row r="50876" spans="14:14">
      <c r="N50876" s="10"/>
    </row>
    <row r="50877" spans="14:14">
      <c r="N50877" s="10"/>
    </row>
    <row r="50878" spans="14:14">
      <c r="N50878" s="10"/>
    </row>
    <row r="50879" spans="14:14">
      <c r="N50879" s="10"/>
    </row>
    <row r="50880" spans="14:14">
      <c r="N50880" s="10"/>
    </row>
    <row r="50881" spans="14:14">
      <c r="N50881" s="10"/>
    </row>
    <row r="50882" spans="14:14">
      <c r="N50882" s="10"/>
    </row>
    <row r="50883" spans="14:14">
      <c r="N50883" s="10"/>
    </row>
    <row r="50884" spans="14:14">
      <c r="N50884" s="10"/>
    </row>
    <row r="50885" spans="14:14">
      <c r="N50885" s="10"/>
    </row>
    <row r="50886" spans="14:14">
      <c r="N50886" s="10"/>
    </row>
    <row r="50887" spans="14:14">
      <c r="N50887" s="10"/>
    </row>
    <row r="50888" spans="14:14">
      <c r="N50888" s="10"/>
    </row>
    <row r="50889" spans="14:14">
      <c r="N50889" s="10"/>
    </row>
    <row r="50890" spans="14:14">
      <c r="N50890" s="10"/>
    </row>
    <row r="50891" spans="14:14">
      <c r="N50891" s="10"/>
    </row>
    <row r="50892" spans="14:14">
      <c r="N50892" s="10"/>
    </row>
    <row r="50893" spans="14:14">
      <c r="N50893" s="10"/>
    </row>
    <row r="50894" spans="14:14">
      <c r="N50894" s="10"/>
    </row>
    <row r="50895" spans="14:14">
      <c r="N50895" s="10"/>
    </row>
    <row r="50896" spans="14:14">
      <c r="N50896" s="10"/>
    </row>
    <row r="50897" spans="14:14">
      <c r="N50897" s="10"/>
    </row>
    <row r="50898" spans="14:14">
      <c r="N50898" s="10"/>
    </row>
    <row r="50899" spans="14:14">
      <c r="N50899" s="10"/>
    </row>
    <row r="50900" spans="14:14">
      <c r="N50900" s="10"/>
    </row>
    <row r="50901" spans="14:14">
      <c r="N50901" s="10"/>
    </row>
    <row r="50902" spans="14:14">
      <c r="N50902" s="10"/>
    </row>
    <row r="50903" spans="14:14">
      <c r="N50903" s="10"/>
    </row>
    <row r="50904" spans="14:14">
      <c r="N50904" s="10"/>
    </row>
    <row r="50905" spans="14:14">
      <c r="N50905" s="10"/>
    </row>
    <row r="50906" spans="14:14">
      <c r="N50906" s="10"/>
    </row>
    <row r="50907" spans="14:14">
      <c r="N50907" s="10"/>
    </row>
    <row r="50908" spans="14:14">
      <c r="N50908" s="10"/>
    </row>
    <row r="50909" spans="14:14">
      <c r="N50909" s="10"/>
    </row>
    <row r="50910" spans="14:14">
      <c r="N50910" s="10"/>
    </row>
    <row r="50911" spans="14:14">
      <c r="N50911" s="10"/>
    </row>
    <row r="50912" spans="14:14">
      <c r="N50912" s="10"/>
    </row>
    <row r="50913" spans="14:14">
      <c r="N50913" s="10"/>
    </row>
    <row r="50914" spans="14:14">
      <c r="N50914" s="10"/>
    </row>
    <row r="50915" spans="14:14">
      <c r="N50915" s="10"/>
    </row>
    <row r="50916" spans="14:14">
      <c r="N50916" s="10"/>
    </row>
    <row r="50917" spans="14:14">
      <c r="N50917" s="10"/>
    </row>
    <row r="50918" spans="14:14">
      <c r="N50918" s="10"/>
    </row>
    <row r="50919" spans="14:14">
      <c r="N50919" s="10"/>
    </row>
    <row r="50920" spans="14:14">
      <c r="N50920" s="10"/>
    </row>
    <row r="50921" spans="14:14">
      <c r="N50921" s="10"/>
    </row>
    <row r="50922" spans="14:14">
      <c r="N50922" s="10"/>
    </row>
    <row r="50923" spans="14:14">
      <c r="N50923" s="10"/>
    </row>
    <row r="50924" spans="14:14">
      <c r="N50924" s="10"/>
    </row>
    <row r="50925" spans="14:14">
      <c r="N50925" s="10"/>
    </row>
    <row r="50926" spans="14:14">
      <c r="N50926" s="10"/>
    </row>
    <row r="50927" spans="14:14">
      <c r="N50927" s="10"/>
    </row>
    <row r="50928" spans="14:14">
      <c r="N50928" s="10"/>
    </row>
    <row r="50929" spans="14:14">
      <c r="N50929" s="10"/>
    </row>
    <row r="50930" spans="14:14">
      <c r="N50930" s="10"/>
    </row>
    <row r="50931" spans="14:14">
      <c r="N50931" s="10"/>
    </row>
    <row r="50932" spans="14:14">
      <c r="N50932" s="10"/>
    </row>
    <row r="50933" spans="14:14">
      <c r="N50933" s="10"/>
    </row>
    <row r="50934" spans="14:14">
      <c r="N50934" s="10"/>
    </row>
    <row r="50935" spans="14:14">
      <c r="N50935" s="10"/>
    </row>
    <row r="50936" spans="14:14">
      <c r="N50936" s="10"/>
    </row>
    <row r="50937" spans="14:14">
      <c r="N50937" s="10"/>
    </row>
    <row r="50938" spans="14:14">
      <c r="N50938" s="10"/>
    </row>
    <row r="50939" spans="14:14">
      <c r="N50939" s="10"/>
    </row>
    <row r="50940" spans="14:14">
      <c r="N50940" s="10"/>
    </row>
    <row r="50941" spans="14:14">
      <c r="N50941" s="10"/>
    </row>
    <row r="50942" spans="14:14">
      <c r="N50942" s="10"/>
    </row>
    <row r="50943" spans="14:14">
      <c r="N50943" s="10"/>
    </row>
    <row r="50944" spans="14:14">
      <c r="N50944" s="10"/>
    </row>
    <row r="50945" spans="14:14">
      <c r="N50945" s="10"/>
    </row>
    <row r="50946" spans="14:14">
      <c r="N50946" s="10"/>
    </row>
    <row r="50947" spans="14:14">
      <c r="N50947" s="10"/>
    </row>
    <row r="50948" spans="14:14">
      <c r="N50948" s="10"/>
    </row>
    <row r="50949" spans="14:14">
      <c r="N50949" s="10"/>
    </row>
    <row r="50950" spans="14:14">
      <c r="N50950" s="10"/>
    </row>
    <row r="50951" spans="14:14">
      <c r="N50951" s="10"/>
    </row>
    <row r="50952" spans="14:14">
      <c r="N50952" s="10"/>
    </row>
    <row r="50953" spans="14:14">
      <c r="N50953" s="10"/>
    </row>
    <row r="50954" spans="14:14">
      <c r="N50954" s="10"/>
    </row>
    <row r="50955" spans="14:14">
      <c r="N50955" s="10"/>
    </row>
    <row r="50956" spans="14:14">
      <c r="N50956" s="10"/>
    </row>
    <row r="50957" spans="14:14">
      <c r="N50957" s="10"/>
    </row>
    <row r="50958" spans="14:14">
      <c r="N50958" s="10"/>
    </row>
    <row r="50959" spans="14:14">
      <c r="N50959" s="10"/>
    </row>
    <row r="50960" spans="14:14">
      <c r="N50960" s="10"/>
    </row>
    <row r="50961" spans="14:14">
      <c r="N50961" s="10"/>
    </row>
    <row r="50962" spans="14:14">
      <c r="N50962" s="10"/>
    </row>
    <row r="50963" spans="14:14">
      <c r="N50963" s="10"/>
    </row>
    <row r="50964" spans="14:14">
      <c r="N50964" s="10"/>
    </row>
    <row r="50965" spans="14:14">
      <c r="N50965" s="10"/>
    </row>
    <row r="50966" spans="14:14">
      <c r="N50966" s="10"/>
    </row>
    <row r="50967" spans="14:14">
      <c r="N50967" s="10"/>
    </row>
    <row r="50968" spans="14:14">
      <c r="N50968" s="10"/>
    </row>
    <row r="50969" spans="14:14">
      <c r="N50969" s="10"/>
    </row>
    <row r="50970" spans="14:14">
      <c r="N50970" s="10"/>
    </row>
    <row r="50971" spans="14:14">
      <c r="N50971" s="10"/>
    </row>
    <row r="50972" spans="14:14">
      <c r="N50972" s="10"/>
    </row>
    <row r="50973" spans="14:14">
      <c r="N50973" s="10"/>
    </row>
    <row r="50974" spans="14:14">
      <c r="N50974" s="10"/>
    </row>
    <row r="50975" spans="14:14">
      <c r="N50975" s="10"/>
    </row>
    <row r="50976" spans="14:14">
      <c r="N50976" s="10"/>
    </row>
    <row r="50977" spans="14:14">
      <c r="N50977" s="10"/>
    </row>
    <row r="50978" spans="14:14">
      <c r="N50978" s="10"/>
    </row>
    <row r="50979" spans="14:14">
      <c r="N50979" s="10"/>
    </row>
    <row r="50980" spans="14:14">
      <c r="N50980" s="10"/>
    </row>
    <row r="50981" spans="14:14">
      <c r="N50981" s="10"/>
    </row>
    <row r="50982" spans="14:14">
      <c r="N50982" s="10"/>
    </row>
    <row r="50983" spans="14:14">
      <c r="N50983" s="10"/>
    </row>
    <row r="50984" spans="14:14">
      <c r="N50984" s="10"/>
    </row>
    <row r="50985" spans="14:14">
      <c r="N50985" s="10"/>
    </row>
    <row r="50986" spans="14:14">
      <c r="N50986" s="10"/>
    </row>
    <row r="50987" spans="14:14">
      <c r="N50987" s="10"/>
    </row>
    <row r="50988" spans="14:14">
      <c r="N50988" s="10"/>
    </row>
    <row r="50989" spans="14:14">
      <c r="N50989" s="10"/>
    </row>
    <row r="50990" spans="14:14">
      <c r="N50990" s="10"/>
    </row>
    <row r="50991" spans="14:14">
      <c r="N50991" s="10"/>
    </row>
    <row r="50992" spans="14:14">
      <c r="N50992" s="10"/>
    </row>
    <row r="50993" spans="14:14">
      <c r="N50993" s="10"/>
    </row>
    <row r="50994" spans="14:14">
      <c r="N50994" s="10"/>
    </row>
    <row r="50995" spans="14:14">
      <c r="N50995" s="10"/>
    </row>
    <row r="50996" spans="14:14">
      <c r="N50996" s="10"/>
    </row>
    <row r="50997" spans="14:14">
      <c r="N50997" s="10"/>
    </row>
    <row r="50998" spans="14:14">
      <c r="N50998" s="10"/>
    </row>
    <row r="50999" spans="14:14">
      <c r="N50999" s="10"/>
    </row>
    <row r="51000" spans="14:14">
      <c r="N51000" s="10"/>
    </row>
    <row r="51001" spans="14:14">
      <c r="N51001" s="10"/>
    </row>
    <row r="51002" spans="14:14">
      <c r="N51002" s="10"/>
    </row>
    <row r="51003" spans="14:14">
      <c r="N51003" s="10"/>
    </row>
    <row r="51004" spans="14:14">
      <c r="N51004" s="10"/>
    </row>
    <row r="51005" spans="14:14">
      <c r="N51005" s="10"/>
    </row>
    <row r="51006" spans="14:14">
      <c r="N51006" s="10"/>
    </row>
    <row r="51007" spans="14:14">
      <c r="N51007" s="10"/>
    </row>
    <row r="51008" spans="14:14">
      <c r="N51008" s="10"/>
    </row>
    <row r="51009" spans="14:14">
      <c r="N51009" s="10"/>
    </row>
    <row r="51010" spans="14:14">
      <c r="N51010" s="10"/>
    </row>
    <row r="51011" spans="14:14">
      <c r="N51011" s="10"/>
    </row>
    <row r="51012" spans="14:14">
      <c r="N51012" s="10"/>
    </row>
    <row r="51013" spans="14:14">
      <c r="N51013" s="10"/>
    </row>
    <row r="51014" spans="14:14">
      <c r="N51014" s="10"/>
    </row>
    <row r="51015" spans="14:14">
      <c r="N51015" s="10"/>
    </row>
    <row r="51016" spans="14:14">
      <c r="N51016" s="10"/>
    </row>
    <row r="51017" spans="14:14">
      <c r="N51017" s="10"/>
    </row>
    <row r="51018" spans="14:14">
      <c r="N51018" s="10"/>
    </row>
    <row r="51019" spans="14:14">
      <c r="N51019" s="10"/>
    </row>
    <row r="51020" spans="14:14">
      <c r="N51020" s="10"/>
    </row>
    <row r="51021" spans="14:14">
      <c r="N51021" s="10"/>
    </row>
    <row r="51022" spans="14:14">
      <c r="N51022" s="10"/>
    </row>
    <row r="51023" spans="14:14">
      <c r="N51023" s="10"/>
    </row>
    <row r="51024" spans="14:14">
      <c r="N51024" s="10"/>
    </row>
    <row r="51025" spans="14:14">
      <c r="N51025" s="10"/>
    </row>
    <row r="51026" spans="14:14">
      <c r="N51026" s="10"/>
    </row>
    <row r="51027" spans="14:14">
      <c r="N51027" s="10"/>
    </row>
    <row r="51028" spans="14:14">
      <c r="N51028" s="10"/>
    </row>
    <row r="51029" spans="14:14">
      <c r="N51029" s="10"/>
    </row>
    <row r="51030" spans="14:14">
      <c r="N51030" s="10"/>
    </row>
    <row r="51031" spans="14:14">
      <c r="N51031" s="10"/>
    </row>
    <row r="51032" spans="14:14">
      <c r="N51032" s="10"/>
    </row>
    <row r="51033" spans="14:14">
      <c r="N51033" s="10"/>
    </row>
    <row r="51034" spans="14:14">
      <c r="N51034" s="10"/>
    </row>
    <row r="51035" spans="14:14">
      <c r="N51035" s="10"/>
    </row>
    <row r="51036" spans="14:14">
      <c r="N51036" s="10"/>
    </row>
    <row r="51037" spans="14:14">
      <c r="N51037" s="10"/>
    </row>
    <row r="51038" spans="14:14">
      <c r="N51038" s="10"/>
    </row>
    <row r="51039" spans="14:14">
      <c r="N51039" s="10"/>
    </row>
    <row r="51040" spans="14:14">
      <c r="N51040" s="10"/>
    </row>
    <row r="51041" spans="14:14">
      <c r="N51041" s="10"/>
    </row>
    <row r="51042" spans="14:14">
      <c r="N51042" s="10"/>
    </row>
    <row r="51043" spans="14:14">
      <c r="N51043" s="10"/>
    </row>
    <row r="51044" spans="14:14">
      <c r="N51044" s="10"/>
    </row>
    <row r="51045" spans="14:14">
      <c r="N51045" s="10"/>
    </row>
    <row r="51046" spans="14:14">
      <c r="N51046" s="10"/>
    </row>
    <row r="51047" spans="14:14">
      <c r="N51047" s="10"/>
    </row>
    <row r="51048" spans="14:14">
      <c r="N51048" s="10"/>
    </row>
    <row r="51049" spans="14:14">
      <c r="N51049" s="10"/>
    </row>
    <row r="51050" spans="14:14">
      <c r="N51050" s="10"/>
    </row>
    <row r="51051" spans="14:14">
      <c r="N51051" s="10"/>
    </row>
    <row r="51052" spans="14:14">
      <c r="N51052" s="10"/>
    </row>
    <row r="51053" spans="14:14">
      <c r="N51053" s="10"/>
    </row>
    <row r="51054" spans="14:14">
      <c r="N51054" s="10"/>
    </row>
    <row r="51055" spans="14:14">
      <c r="N51055" s="10"/>
    </row>
    <row r="51056" spans="14:14">
      <c r="N51056" s="10"/>
    </row>
    <row r="51057" spans="14:14">
      <c r="N51057" s="10"/>
    </row>
    <row r="51058" spans="14:14">
      <c r="N51058" s="10"/>
    </row>
    <row r="51059" spans="14:14">
      <c r="N51059" s="10"/>
    </row>
    <row r="51060" spans="14:14">
      <c r="N51060" s="10"/>
    </row>
    <row r="51061" spans="14:14">
      <c r="N51061" s="10"/>
    </row>
    <row r="51062" spans="14:14">
      <c r="N51062" s="10"/>
    </row>
    <row r="51063" spans="14:14">
      <c r="N51063" s="10"/>
    </row>
    <row r="51064" spans="14:14">
      <c r="N51064" s="10"/>
    </row>
    <row r="51065" spans="14:14">
      <c r="N51065" s="10"/>
    </row>
    <row r="51066" spans="14:14">
      <c r="N51066" s="10"/>
    </row>
    <row r="51067" spans="14:14">
      <c r="N51067" s="10"/>
    </row>
    <row r="51068" spans="14:14">
      <c r="N51068" s="10"/>
    </row>
    <row r="51069" spans="14:14">
      <c r="N51069" s="10"/>
    </row>
    <row r="51070" spans="14:14">
      <c r="N51070" s="10"/>
    </row>
    <row r="51071" spans="14:14">
      <c r="N51071" s="10"/>
    </row>
    <row r="51072" spans="14:14">
      <c r="N51072" s="10"/>
    </row>
    <row r="51073" spans="14:14">
      <c r="N51073" s="10"/>
    </row>
    <row r="51074" spans="14:14">
      <c r="N51074" s="10"/>
    </row>
    <row r="51075" spans="14:14">
      <c r="N51075" s="10"/>
    </row>
    <row r="51076" spans="14:14">
      <c r="N51076" s="10"/>
    </row>
    <row r="51077" spans="14:14">
      <c r="N51077" s="10"/>
    </row>
    <row r="51078" spans="14:14">
      <c r="N51078" s="10"/>
    </row>
    <row r="51079" spans="14:14">
      <c r="N51079" s="10"/>
    </row>
    <row r="51080" spans="14:14">
      <c r="N51080" s="10"/>
    </row>
    <row r="51081" spans="14:14">
      <c r="N51081" s="10"/>
    </row>
    <row r="51082" spans="14:14">
      <c r="N51082" s="10"/>
    </row>
    <row r="51083" spans="14:14">
      <c r="N51083" s="10"/>
    </row>
    <row r="51084" spans="14:14">
      <c r="N51084" s="10"/>
    </row>
    <row r="51085" spans="14:14">
      <c r="N51085" s="10"/>
    </row>
    <row r="51086" spans="14:14">
      <c r="N51086" s="10"/>
    </row>
    <row r="51087" spans="14:14">
      <c r="N51087" s="10"/>
    </row>
    <row r="51088" spans="14:14">
      <c r="N51088" s="10"/>
    </row>
    <row r="51089" spans="14:14">
      <c r="N51089" s="10"/>
    </row>
    <row r="51090" spans="14:14">
      <c r="N51090" s="10"/>
    </row>
    <row r="51091" spans="14:14">
      <c r="N51091" s="10"/>
    </row>
    <row r="51092" spans="14:14">
      <c r="N51092" s="10"/>
    </row>
    <row r="51093" spans="14:14">
      <c r="N51093" s="10"/>
    </row>
    <row r="51094" spans="14:14">
      <c r="N51094" s="10"/>
    </row>
    <row r="51095" spans="14:14">
      <c r="N51095" s="10"/>
    </row>
    <row r="51096" spans="14:14">
      <c r="N51096" s="10"/>
    </row>
    <row r="51097" spans="14:14">
      <c r="N51097" s="10"/>
    </row>
    <row r="51098" spans="14:14">
      <c r="N51098" s="10"/>
    </row>
    <row r="51099" spans="14:14">
      <c r="N51099" s="10"/>
    </row>
    <row r="51100" spans="14:14">
      <c r="N51100" s="10"/>
    </row>
    <row r="51101" spans="14:14">
      <c r="N51101" s="10"/>
    </row>
    <row r="51102" spans="14:14">
      <c r="N51102" s="10"/>
    </row>
    <row r="51103" spans="14:14">
      <c r="N51103" s="10"/>
    </row>
    <row r="51104" spans="14:14">
      <c r="N51104" s="10"/>
    </row>
    <row r="51105" spans="14:14">
      <c r="N51105" s="10"/>
    </row>
    <row r="51106" spans="14:14">
      <c r="N51106" s="10"/>
    </row>
    <row r="51107" spans="14:14">
      <c r="N51107" s="10"/>
    </row>
    <row r="51108" spans="14:14">
      <c r="N51108" s="10"/>
    </row>
    <row r="51109" spans="14:14">
      <c r="N51109" s="10"/>
    </row>
    <row r="51110" spans="14:14">
      <c r="N51110" s="10"/>
    </row>
    <row r="51111" spans="14:14">
      <c r="N51111" s="10"/>
    </row>
    <row r="51112" spans="14:14">
      <c r="N51112" s="10"/>
    </row>
    <row r="51113" spans="14:14">
      <c r="N51113" s="10"/>
    </row>
    <row r="51114" spans="14:14">
      <c r="N51114" s="10"/>
    </row>
    <row r="51115" spans="14:14">
      <c r="N51115" s="10"/>
    </row>
    <row r="51116" spans="14:14">
      <c r="N51116" s="10"/>
    </row>
    <row r="51117" spans="14:14">
      <c r="N51117" s="10"/>
    </row>
    <row r="51118" spans="14:14">
      <c r="N51118" s="10"/>
    </row>
    <row r="51119" spans="14:14">
      <c r="N51119" s="10"/>
    </row>
    <row r="51120" spans="14:14">
      <c r="N51120" s="10"/>
    </row>
    <row r="51121" spans="14:14">
      <c r="N51121" s="10"/>
    </row>
    <row r="51122" spans="14:14">
      <c r="N51122" s="10"/>
    </row>
    <row r="51123" spans="14:14">
      <c r="N51123" s="10"/>
    </row>
    <row r="51124" spans="14:14">
      <c r="N51124" s="10"/>
    </row>
    <row r="51125" spans="14:14">
      <c r="N51125" s="10"/>
    </row>
    <row r="51126" spans="14:14">
      <c r="N51126" s="10"/>
    </row>
    <row r="51127" spans="14:14">
      <c r="N51127" s="10"/>
    </row>
    <row r="51128" spans="14:14">
      <c r="N51128" s="10"/>
    </row>
    <row r="51129" spans="14:14">
      <c r="N51129" s="10"/>
    </row>
    <row r="51130" spans="14:14">
      <c r="N51130" s="10"/>
    </row>
    <row r="51131" spans="14:14">
      <c r="N51131" s="10"/>
    </row>
    <row r="51132" spans="14:14">
      <c r="N51132" s="10"/>
    </row>
    <row r="51133" spans="14:14">
      <c r="N51133" s="10"/>
    </row>
    <row r="51134" spans="14:14">
      <c r="N51134" s="10"/>
    </row>
    <row r="51135" spans="14:14">
      <c r="N51135" s="10"/>
    </row>
    <row r="51136" spans="14:14">
      <c r="N51136" s="10"/>
    </row>
    <row r="51137" spans="14:14">
      <c r="N51137" s="10"/>
    </row>
    <row r="51138" spans="14:14">
      <c r="N51138" s="10"/>
    </row>
    <row r="51139" spans="14:14">
      <c r="N51139" s="10"/>
    </row>
    <row r="51140" spans="14:14">
      <c r="N51140" s="10"/>
    </row>
    <row r="51141" spans="14:14">
      <c r="N51141" s="10"/>
    </row>
    <row r="51142" spans="14:14">
      <c r="N51142" s="10"/>
    </row>
    <row r="51143" spans="14:14">
      <c r="N51143" s="10"/>
    </row>
    <row r="51144" spans="14:14">
      <c r="N51144" s="10"/>
    </row>
    <row r="51145" spans="14:14">
      <c r="N51145" s="10"/>
    </row>
    <row r="51146" spans="14:14">
      <c r="N51146" s="10"/>
    </row>
    <row r="51147" spans="14:14">
      <c r="N51147" s="10"/>
    </row>
    <row r="51148" spans="14:14">
      <c r="N51148" s="10"/>
    </row>
    <row r="51149" spans="14:14">
      <c r="N51149" s="10"/>
    </row>
    <row r="51150" spans="14:14">
      <c r="N51150" s="10"/>
    </row>
    <row r="51151" spans="14:14">
      <c r="N51151" s="10"/>
    </row>
    <row r="51152" spans="14:14">
      <c r="N51152" s="10"/>
    </row>
    <row r="51153" spans="14:14">
      <c r="N51153" s="10"/>
    </row>
    <row r="51154" spans="14:14">
      <c r="N51154" s="10"/>
    </row>
    <row r="51155" spans="14:14">
      <c r="N51155" s="10"/>
    </row>
    <row r="51156" spans="14:14">
      <c r="N51156" s="10"/>
    </row>
    <row r="51157" spans="14:14">
      <c r="N51157" s="10"/>
    </row>
    <row r="51158" spans="14:14">
      <c r="N51158" s="10"/>
    </row>
    <row r="51159" spans="14:14">
      <c r="N51159" s="10"/>
    </row>
    <row r="51160" spans="14:14">
      <c r="N51160" s="10"/>
    </row>
    <row r="51161" spans="14:14">
      <c r="N51161" s="10"/>
    </row>
    <row r="51162" spans="14:14">
      <c r="N51162" s="10"/>
    </row>
    <row r="51163" spans="14:14">
      <c r="N51163" s="10"/>
    </row>
    <row r="51164" spans="14:14">
      <c r="N51164" s="10"/>
    </row>
    <row r="51165" spans="14:14">
      <c r="N51165" s="10"/>
    </row>
    <row r="51166" spans="14:14">
      <c r="N51166" s="10"/>
    </row>
    <row r="51167" spans="14:14">
      <c r="N51167" s="10"/>
    </row>
    <row r="51168" spans="14:14">
      <c r="N51168" s="10"/>
    </row>
    <row r="51169" spans="14:14">
      <c r="N51169" s="10"/>
    </row>
    <row r="51170" spans="14:14">
      <c r="N51170" s="10"/>
    </row>
    <row r="51171" spans="14:14">
      <c r="N51171" s="10"/>
    </row>
    <row r="51172" spans="14:14">
      <c r="N51172" s="10"/>
    </row>
    <row r="51173" spans="14:14">
      <c r="N51173" s="10"/>
    </row>
    <row r="51174" spans="14:14">
      <c r="N51174" s="10"/>
    </row>
    <row r="51175" spans="14:14">
      <c r="N51175" s="10"/>
    </row>
    <row r="51176" spans="14:14">
      <c r="N51176" s="10"/>
    </row>
    <row r="51177" spans="14:14">
      <c r="N51177" s="10"/>
    </row>
    <row r="51178" spans="14:14">
      <c r="N51178" s="10"/>
    </row>
    <row r="51179" spans="14:14">
      <c r="N51179" s="10"/>
    </row>
    <row r="51180" spans="14:14">
      <c r="N51180" s="10"/>
    </row>
    <row r="51181" spans="14:14">
      <c r="N51181" s="10"/>
    </row>
    <row r="51182" spans="14:14">
      <c r="N51182" s="10"/>
    </row>
    <row r="51183" spans="14:14">
      <c r="N51183" s="10"/>
    </row>
    <row r="51184" spans="14:14">
      <c r="N51184" s="10"/>
    </row>
    <row r="51185" spans="14:14">
      <c r="N51185" s="10"/>
    </row>
    <row r="51186" spans="14:14">
      <c r="N51186" s="10"/>
    </row>
    <row r="51187" spans="14:14">
      <c r="N51187" s="10"/>
    </row>
    <row r="51188" spans="14:14">
      <c r="N51188" s="10"/>
    </row>
    <row r="51189" spans="14:14">
      <c r="N51189" s="10"/>
    </row>
    <row r="51190" spans="14:14">
      <c r="N51190" s="10"/>
    </row>
    <row r="51191" spans="14:14">
      <c r="N51191" s="10"/>
    </row>
    <row r="51192" spans="14:14">
      <c r="N51192" s="10"/>
    </row>
    <row r="51193" spans="14:14">
      <c r="N51193" s="10"/>
    </row>
    <row r="51194" spans="14:14">
      <c r="N51194" s="10"/>
    </row>
    <row r="51195" spans="14:14">
      <c r="N51195" s="10"/>
    </row>
    <row r="51196" spans="14:14">
      <c r="N51196" s="10"/>
    </row>
    <row r="51197" spans="14:14">
      <c r="N51197" s="10"/>
    </row>
    <row r="51198" spans="14:14">
      <c r="N51198" s="10"/>
    </row>
    <row r="51199" spans="14:14">
      <c r="N51199" s="10"/>
    </row>
    <row r="51200" spans="14:14">
      <c r="N51200" s="10"/>
    </row>
    <row r="51201" spans="14:14">
      <c r="N51201" s="10"/>
    </row>
    <row r="51202" spans="14:14">
      <c r="N51202" s="10"/>
    </row>
    <row r="51203" spans="14:14">
      <c r="N51203" s="10"/>
    </row>
    <row r="51204" spans="14:14">
      <c r="N51204" s="10"/>
    </row>
    <row r="51205" spans="14:14">
      <c r="N51205" s="10"/>
    </row>
    <row r="51206" spans="14:14">
      <c r="N51206" s="10"/>
    </row>
    <row r="51207" spans="14:14">
      <c r="N51207" s="10"/>
    </row>
    <row r="51208" spans="14:14">
      <c r="N51208" s="10"/>
    </row>
    <row r="51209" spans="14:14">
      <c r="N51209" s="10"/>
    </row>
    <row r="51210" spans="14:14">
      <c r="N51210" s="10"/>
    </row>
    <row r="51211" spans="14:14">
      <c r="N51211" s="10"/>
    </row>
    <row r="51212" spans="14:14">
      <c r="N51212" s="10"/>
    </row>
    <row r="51213" spans="14:14">
      <c r="N51213" s="10"/>
    </row>
    <row r="51214" spans="14:14">
      <c r="N51214" s="10"/>
    </row>
    <row r="51215" spans="14:14">
      <c r="N51215" s="10"/>
    </row>
    <row r="51216" spans="14:14">
      <c r="N51216" s="10"/>
    </row>
    <row r="51217" spans="14:14">
      <c r="N51217" s="10"/>
    </row>
    <row r="51218" spans="14:14">
      <c r="N51218" s="10"/>
    </row>
    <row r="51219" spans="14:14">
      <c r="N51219" s="10"/>
    </row>
    <row r="51220" spans="14:14">
      <c r="N51220" s="10"/>
    </row>
    <row r="51221" spans="14:14">
      <c r="N51221" s="10"/>
    </row>
    <row r="51222" spans="14:14">
      <c r="N51222" s="10"/>
    </row>
    <row r="51223" spans="14:14">
      <c r="N51223" s="10"/>
    </row>
    <row r="51224" spans="14:14">
      <c r="N51224" s="10"/>
    </row>
    <row r="51225" spans="14:14">
      <c r="N51225" s="10"/>
    </row>
    <row r="51226" spans="14:14">
      <c r="N51226" s="10"/>
    </row>
    <row r="51227" spans="14:14">
      <c r="N51227" s="10"/>
    </row>
    <row r="51228" spans="14:14">
      <c r="N51228" s="10"/>
    </row>
    <row r="51229" spans="14:14">
      <c r="N51229" s="10"/>
    </row>
    <row r="51230" spans="14:14">
      <c r="N51230" s="10"/>
    </row>
    <row r="51231" spans="14:14">
      <c r="N51231" s="10"/>
    </row>
    <row r="51232" spans="14:14">
      <c r="N51232" s="10"/>
    </row>
    <row r="51233" spans="14:14">
      <c r="N51233" s="10"/>
    </row>
    <row r="51234" spans="14:14">
      <c r="N51234" s="10"/>
    </row>
    <row r="51235" spans="14:14">
      <c r="N51235" s="10"/>
    </row>
    <row r="51236" spans="14:14">
      <c r="N51236" s="10"/>
    </row>
    <row r="51237" spans="14:14">
      <c r="N51237" s="10"/>
    </row>
    <row r="51238" spans="14:14">
      <c r="N51238" s="10"/>
    </row>
    <row r="51239" spans="14:14">
      <c r="N51239" s="10"/>
    </row>
    <row r="51240" spans="14:14">
      <c r="N51240" s="10"/>
    </row>
    <row r="51241" spans="14:14">
      <c r="N51241" s="10"/>
    </row>
    <row r="51242" spans="14:14">
      <c r="N51242" s="10"/>
    </row>
    <row r="51243" spans="14:14">
      <c r="N51243" s="10"/>
    </row>
    <row r="51244" spans="14:14">
      <c r="N51244" s="10"/>
    </row>
    <row r="51245" spans="14:14">
      <c r="N51245" s="10"/>
    </row>
    <row r="51246" spans="14:14">
      <c r="N51246" s="10"/>
    </row>
    <row r="51247" spans="14:14">
      <c r="N51247" s="10"/>
    </row>
    <row r="51248" spans="14:14">
      <c r="N51248" s="10"/>
    </row>
    <row r="51249" spans="14:14">
      <c r="N51249" s="10"/>
    </row>
    <row r="51250" spans="14:14">
      <c r="N51250" s="10"/>
    </row>
    <row r="51251" spans="14:14">
      <c r="N51251" s="10"/>
    </row>
    <row r="51252" spans="14:14">
      <c r="N51252" s="10"/>
    </row>
    <row r="51253" spans="14:14">
      <c r="N51253" s="10"/>
    </row>
    <row r="51254" spans="14:14">
      <c r="N51254" s="10"/>
    </row>
    <row r="51255" spans="14:14">
      <c r="N51255" s="10"/>
    </row>
    <row r="51256" spans="14:14">
      <c r="N51256" s="10"/>
    </row>
    <row r="51257" spans="14:14">
      <c r="N51257" s="10"/>
    </row>
    <row r="51258" spans="14:14">
      <c r="N51258" s="10"/>
    </row>
    <row r="51259" spans="14:14">
      <c r="N51259" s="10"/>
    </row>
    <row r="51260" spans="14:14">
      <c r="N51260" s="10"/>
    </row>
    <row r="51261" spans="14:14">
      <c r="N51261" s="10"/>
    </row>
    <row r="51262" spans="14:14">
      <c r="N51262" s="10"/>
    </row>
    <row r="51263" spans="14:14">
      <c r="N51263" s="10"/>
    </row>
    <row r="51264" spans="14:14">
      <c r="N51264" s="10"/>
    </row>
    <row r="51265" spans="14:14">
      <c r="N51265" s="10"/>
    </row>
    <row r="51266" spans="14:14">
      <c r="N51266" s="10"/>
    </row>
    <row r="51267" spans="14:14">
      <c r="N51267" s="10"/>
    </row>
    <row r="51268" spans="14:14">
      <c r="N51268" s="10"/>
    </row>
    <row r="51269" spans="14:14">
      <c r="N51269" s="10"/>
    </row>
    <row r="51270" spans="14:14">
      <c r="N51270" s="10"/>
    </row>
    <row r="51271" spans="14:14">
      <c r="N51271" s="10"/>
    </row>
    <row r="51272" spans="14:14">
      <c r="N51272" s="10"/>
    </row>
    <row r="51273" spans="14:14">
      <c r="N51273" s="10"/>
    </row>
    <row r="51274" spans="14:14">
      <c r="N51274" s="10"/>
    </row>
    <row r="51275" spans="14:14">
      <c r="N51275" s="10"/>
    </row>
    <row r="51276" spans="14:14">
      <c r="N51276" s="10"/>
    </row>
    <row r="51277" spans="14:14">
      <c r="N51277" s="10"/>
    </row>
    <row r="51278" spans="14:14">
      <c r="N51278" s="10"/>
    </row>
    <row r="51279" spans="14:14">
      <c r="N51279" s="10"/>
    </row>
    <row r="51280" spans="14:14">
      <c r="N51280" s="10"/>
    </row>
    <row r="51281" spans="14:14">
      <c r="N51281" s="10"/>
    </row>
    <row r="51282" spans="14:14">
      <c r="N51282" s="10"/>
    </row>
    <row r="51283" spans="14:14">
      <c r="N51283" s="10"/>
    </row>
    <row r="51284" spans="14:14">
      <c r="N51284" s="10"/>
    </row>
    <row r="51285" spans="14:14">
      <c r="N51285" s="10"/>
    </row>
    <row r="51286" spans="14:14">
      <c r="N51286" s="10"/>
    </row>
    <row r="51287" spans="14:14">
      <c r="N51287" s="10"/>
    </row>
    <row r="51288" spans="14:14">
      <c r="N51288" s="10"/>
    </row>
    <row r="51289" spans="14:14">
      <c r="N51289" s="10"/>
    </row>
    <row r="51290" spans="14:14">
      <c r="N51290" s="10"/>
    </row>
    <row r="51291" spans="14:14">
      <c r="N51291" s="10"/>
    </row>
    <row r="51292" spans="14:14">
      <c r="N51292" s="10"/>
    </row>
    <row r="51293" spans="14:14">
      <c r="N51293" s="10"/>
    </row>
    <row r="51294" spans="14:14">
      <c r="N51294" s="10"/>
    </row>
    <row r="51295" spans="14:14">
      <c r="N51295" s="10"/>
    </row>
    <row r="51296" spans="14:14">
      <c r="N51296" s="10"/>
    </row>
    <row r="51297" spans="14:14">
      <c r="N51297" s="10"/>
    </row>
    <row r="51298" spans="14:14">
      <c r="N51298" s="10"/>
    </row>
    <row r="51299" spans="14:14">
      <c r="N51299" s="10"/>
    </row>
    <row r="51300" spans="14:14">
      <c r="N51300" s="10"/>
    </row>
    <row r="51301" spans="14:14">
      <c r="N51301" s="10"/>
    </row>
    <row r="51302" spans="14:14">
      <c r="N51302" s="10"/>
    </row>
    <row r="51303" spans="14:14">
      <c r="N51303" s="10"/>
    </row>
    <row r="51304" spans="14:14">
      <c r="N51304" s="10"/>
    </row>
    <row r="51305" spans="14:14">
      <c r="N51305" s="10"/>
    </row>
    <row r="51306" spans="14:14">
      <c r="N51306" s="10"/>
    </row>
    <row r="51307" spans="14:14">
      <c r="N51307" s="10"/>
    </row>
    <row r="51308" spans="14:14">
      <c r="N51308" s="10"/>
    </row>
    <row r="51309" spans="14:14">
      <c r="N51309" s="10"/>
    </row>
    <row r="51310" spans="14:14">
      <c r="N51310" s="10"/>
    </row>
    <row r="51311" spans="14:14">
      <c r="N51311" s="10"/>
    </row>
    <row r="51312" spans="14:14">
      <c r="N51312" s="10"/>
    </row>
    <row r="51313" spans="14:14">
      <c r="N51313" s="10"/>
    </row>
    <row r="51314" spans="14:14">
      <c r="N51314" s="10"/>
    </row>
    <row r="51315" spans="14:14">
      <c r="N51315" s="10"/>
    </row>
    <row r="51316" spans="14:14">
      <c r="N51316" s="10"/>
    </row>
    <row r="51317" spans="14:14">
      <c r="N51317" s="10"/>
    </row>
    <row r="51318" spans="14:14">
      <c r="N51318" s="10"/>
    </row>
    <row r="51319" spans="14:14">
      <c r="N51319" s="10"/>
    </row>
    <row r="51320" spans="14:14">
      <c r="N51320" s="10"/>
    </row>
    <row r="51321" spans="14:14">
      <c r="N51321" s="10"/>
    </row>
    <row r="51322" spans="14:14">
      <c r="N51322" s="10"/>
    </row>
    <row r="51323" spans="14:14">
      <c r="N51323" s="10"/>
    </row>
    <row r="51324" spans="14:14">
      <c r="N51324" s="10"/>
    </row>
    <row r="51325" spans="14:14">
      <c r="N51325" s="10"/>
    </row>
    <row r="51326" spans="14:14">
      <c r="N51326" s="10"/>
    </row>
    <row r="51327" spans="14:14">
      <c r="N51327" s="10"/>
    </row>
    <row r="51328" spans="14:14">
      <c r="N51328" s="10"/>
    </row>
    <row r="51329" spans="14:14">
      <c r="N51329" s="10"/>
    </row>
    <row r="51330" spans="14:14">
      <c r="N51330" s="10"/>
    </row>
    <row r="51331" spans="14:14">
      <c r="N51331" s="10"/>
    </row>
    <row r="51332" spans="14:14">
      <c r="N51332" s="10"/>
    </row>
    <row r="51333" spans="14:14">
      <c r="N51333" s="10"/>
    </row>
    <row r="51334" spans="14:14">
      <c r="N51334" s="10"/>
    </row>
    <row r="51335" spans="14:14">
      <c r="N51335" s="10"/>
    </row>
    <row r="51336" spans="14:14">
      <c r="N51336" s="10"/>
    </row>
    <row r="51337" spans="14:14">
      <c r="N51337" s="10"/>
    </row>
    <row r="51338" spans="14:14">
      <c r="N51338" s="10"/>
    </row>
    <row r="51339" spans="14:14">
      <c r="N51339" s="10"/>
    </row>
    <row r="51340" spans="14:14">
      <c r="N51340" s="10"/>
    </row>
    <row r="51341" spans="14:14">
      <c r="N51341" s="10"/>
    </row>
    <row r="51342" spans="14:14">
      <c r="N51342" s="10"/>
    </row>
    <row r="51343" spans="14:14">
      <c r="N51343" s="10"/>
    </row>
    <row r="51344" spans="14:14">
      <c r="N51344" s="10"/>
    </row>
    <row r="51345" spans="14:14">
      <c r="N51345" s="10"/>
    </row>
    <row r="51346" spans="14:14">
      <c r="N51346" s="10"/>
    </row>
    <row r="51347" spans="14:14">
      <c r="N51347" s="10"/>
    </row>
    <row r="51348" spans="14:14">
      <c r="N51348" s="10"/>
    </row>
    <row r="51349" spans="14:14">
      <c r="N51349" s="10"/>
    </row>
    <row r="51350" spans="14:14">
      <c r="N51350" s="10"/>
    </row>
    <row r="51351" spans="14:14">
      <c r="N51351" s="10"/>
    </row>
    <row r="51352" spans="14:14">
      <c r="N51352" s="10"/>
    </row>
    <row r="51353" spans="14:14">
      <c r="N51353" s="10"/>
    </row>
    <row r="51354" spans="14:14">
      <c r="N51354" s="10"/>
    </row>
    <row r="51355" spans="14:14">
      <c r="N51355" s="10"/>
    </row>
    <row r="51356" spans="14:14">
      <c r="N51356" s="10"/>
    </row>
    <row r="51357" spans="14:14">
      <c r="N51357" s="10"/>
    </row>
    <row r="51358" spans="14:14">
      <c r="N51358" s="10"/>
    </row>
    <row r="51359" spans="14:14">
      <c r="N51359" s="10"/>
    </row>
    <row r="51360" spans="14:14">
      <c r="N51360" s="10"/>
    </row>
    <row r="51361" spans="14:14">
      <c r="N51361" s="10"/>
    </row>
    <row r="51362" spans="14:14">
      <c r="N51362" s="10"/>
    </row>
    <row r="51363" spans="14:14">
      <c r="N51363" s="10"/>
    </row>
    <row r="51364" spans="14:14">
      <c r="N51364" s="10"/>
    </row>
    <row r="51365" spans="14:14">
      <c r="N51365" s="10"/>
    </row>
    <row r="51366" spans="14:14">
      <c r="N51366" s="10"/>
    </row>
    <row r="51367" spans="14:14">
      <c r="N51367" s="10"/>
    </row>
    <row r="51368" spans="14:14">
      <c r="N51368" s="10"/>
    </row>
    <row r="51369" spans="14:14">
      <c r="N51369" s="10"/>
    </row>
    <row r="51370" spans="14:14">
      <c r="N51370" s="10"/>
    </row>
    <row r="51371" spans="14:14">
      <c r="N51371" s="10"/>
    </row>
    <row r="51372" spans="14:14">
      <c r="N51372" s="10"/>
    </row>
    <row r="51373" spans="14:14">
      <c r="N51373" s="10"/>
    </row>
    <row r="51374" spans="14:14">
      <c r="N51374" s="10"/>
    </row>
    <row r="51375" spans="14:14">
      <c r="N51375" s="10"/>
    </row>
    <row r="51376" spans="14:14">
      <c r="N51376" s="10"/>
    </row>
    <row r="51377" spans="14:14">
      <c r="N51377" s="10"/>
    </row>
    <row r="51378" spans="14:14">
      <c r="N51378" s="10"/>
    </row>
    <row r="51379" spans="14:14">
      <c r="N51379" s="10"/>
    </row>
    <row r="51380" spans="14:14">
      <c r="N51380" s="10"/>
    </row>
    <row r="51381" spans="14:14">
      <c r="N51381" s="10"/>
    </row>
    <row r="51382" spans="14:14">
      <c r="N51382" s="10"/>
    </row>
    <row r="51383" spans="14:14">
      <c r="N51383" s="10"/>
    </row>
    <row r="51384" spans="14:14">
      <c r="N51384" s="10"/>
    </row>
    <row r="51385" spans="14:14">
      <c r="N51385" s="10"/>
    </row>
    <row r="51386" spans="14:14">
      <c r="N51386" s="10"/>
    </row>
    <row r="51387" spans="14:14">
      <c r="N51387" s="10"/>
    </row>
    <row r="51388" spans="14:14">
      <c r="N51388" s="10"/>
    </row>
    <row r="51389" spans="14:14">
      <c r="N51389" s="10"/>
    </row>
    <row r="51390" spans="14:14">
      <c r="N51390" s="10"/>
    </row>
    <row r="51391" spans="14:14">
      <c r="N51391" s="10"/>
    </row>
    <row r="51392" spans="14:14">
      <c r="N51392" s="10"/>
    </row>
    <row r="51393" spans="14:14">
      <c r="N51393" s="10"/>
    </row>
    <row r="51394" spans="14:14">
      <c r="N51394" s="10"/>
    </row>
    <row r="51395" spans="14:14">
      <c r="N51395" s="10"/>
    </row>
    <row r="51396" spans="14:14">
      <c r="N51396" s="10"/>
    </row>
    <row r="51397" spans="14:14">
      <c r="N51397" s="10"/>
    </row>
    <row r="51398" spans="14:14">
      <c r="N51398" s="10"/>
    </row>
    <row r="51399" spans="14:14">
      <c r="N51399" s="10"/>
    </row>
    <row r="51400" spans="14:14">
      <c r="N51400" s="10"/>
    </row>
    <row r="51401" spans="14:14">
      <c r="N51401" s="10"/>
    </row>
    <row r="51402" spans="14:14">
      <c r="N51402" s="10"/>
    </row>
    <row r="51403" spans="14:14">
      <c r="N51403" s="10"/>
    </row>
    <row r="51404" spans="14:14">
      <c r="N51404" s="10"/>
    </row>
    <row r="51405" spans="14:14">
      <c r="N51405" s="10"/>
    </row>
    <row r="51406" spans="14:14">
      <c r="N51406" s="10"/>
    </row>
    <row r="51407" spans="14:14">
      <c r="N51407" s="10"/>
    </row>
    <row r="51408" spans="14:14">
      <c r="N51408" s="10"/>
    </row>
    <row r="51409" spans="14:14">
      <c r="N51409" s="10"/>
    </row>
    <row r="51410" spans="14:14">
      <c r="N51410" s="10"/>
    </row>
    <row r="51411" spans="14:14">
      <c r="N51411" s="10"/>
    </row>
    <row r="51412" spans="14:14">
      <c r="N51412" s="10"/>
    </row>
    <row r="51413" spans="14:14">
      <c r="N51413" s="10"/>
    </row>
    <row r="51414" spans="14:14">
      <c r="N51414" s="10"/>
    </row>
    <row r="51415" spans="14:14">
      <c r="N51415" s="10"/>
    </row>
    <row r="51416" spans="14:14">
      <c r="N51416" s="10"/>
    </row>
    <row r="51417" spans="14:14">
      <c r="N51417" s="10"/>
    </row>
    <row r="51418" spans="14:14">
      <c r="N51418" s="10"/>
    </row>
    <row r="51419" spans="14:14">
      <c r="N51419" s="10"/>
    </row>
    <row r="51420" spans="14:14">
      <c r="N51420" s="10"/>
    </row>
    <row r="51421" spans="14:14">
      <c r="N51421" s="10"/>
    </row>
    <row r="51422" spans="14:14">
      <c r="N51422" s="10"/>
    </row>
    <row r="51423" spans="14:14">
      <c r="N51423" s="10"/>
    </row>
    <row r="51424" spans="14:14">
      <c r="N51424" s="10"/>
    </row>
    <row r="51425" spans="14:14">
      <c r="N51425" s="10"/>
    </row>
    <row r="51426" spans="14:14">
      <c r="N51426" s="10"/>
    </row>
    <row r="51427" spans="14:14">
      <c r="N51427" s="10"/>
    </row>
    <row r="51428" spans="14:14">
      <c r="N51428" s="10"/>
    </row>
    <row r="51429" spans="14:14">
      <c r="N51429" s="10"/>
    </row>
    <row r="51430" spans="14:14">
      <c r="N51430" s="10"/>
    </row>
    <row r="51431" spans="14:14">
      <c r="N51431" s="10"/>
    </row>
    <row r="51432" spans="14:14">
      <c r="N51432" s="10"/>
    </row>
    <row r="51433" spans="14:14">
      <c r="N51433" s="10"/>
    </row>
    <row r="51434" spans="14:14">
      <c r="N51434" s="10"/>
    </row>
    <row r="51435" spans="14:14">
      <c r="N51435" s="10"/>
    </row>
    <row r="51436" spans="14:14">
      <c r="N51436" s="10"/>
    </row>
    <row r="51437" spans="14:14">
      <c r="N51437" s="10"/>
    </row>
    <row r="51438" spans="14:14">
      <c r="N51438" s="10"/>
    </row>
    <row r="51439" spans="14:14">
      <c r="N51439" s="10"/>
    </row>
    <row r="51440" spans="14:14">
      <c r="N51440" s="10"/>
    </row>
    <row r="51441" spans="14:14">
      <c r="N51441" s="10"/>
    </row>
    <row r="51442" spans="14:14">
      <c r="N51442" s="10"/>
    </row>
    <row r="51443" spans="14:14">
      <c r="N51443" s="10"/>
    </row>
    <row r="51444" spans="14:14">
      <c r="N51444" s="10"/>
    </row>
    <row r="51445" spans="14:14">
      <c r="N51445" s="10"/>
    </row>
    <row r="51446" spans="14:14">
      <c r="N51446" s="10"/>
    </row>
    <row r="51447" spans="14:14">
      <c r="N51447" s="10"/>
    </row>
    <row r="51448" spans="14:14">
      <c r="N51448" s="10"/>
    </row>
    <row r="51449" spans="14:14">
      <c r="N51449" s="10"/>
    </row>
    <row r="51450" spans="14:14">
      <c r="N51450" s="10"/>
    </row>
    <row r="51451" spans="14:14">
      <c r="N51451" s="10"/>
    </row>
    <row r="51452" spans="14:14">
      <c r="N51452" s="10"/>
    </row>
    <row r="51453" spans="14:14">
      <c r="N51453" s="10"/>
    </row>
    <row r="51454" spans="14:14">
      <c r="N51454" s="10"/>
    </row>
    <row r="51455" spans="14:14">
      <c r="N51455" s="10"/>
    </row>
    <row r="51456" spans="14:14">
      <c r="N51456" s="10"/>
    </row>
    <row r="51457" spans="14:14">
      <c r="N51457" s="10"/>
    </row>
    <row r="51458" spans="14:14">
      <c r="N51458" s="10"/>
    </row>
    <row r="51459" spans="14:14">
      <c r="N51459" s="10"/>
    </row>
    <row r="51460" spans="14:14">
      <c r="N51460" s="10"/>
    </row>
    <row r="51461" spans="14:14">
      <c r="N51461" s="10"/>
    </row>
    <row r="51462" spans="14:14">
      <c r="N51462" s="10"/>
    </row>
    <row r="51463" spans="14:14">
      <c r="N51463" s="10"/>
    </row>
    <row r="51464" spans="14:14">
      <c r="N51464" s="10"/>
    </row>
    <row r="51465" spans="14:14">
      <c r="N51465" s="10"/>
    </row>
    <row r="51466" spans="14:14">
      <c r="N51466" s="10"/>
    </row>
    <row r="51467" spans="14:14">
      <c r="N51467" s="10"/>
    </row>
    <row r="51468" spans="14:14">
      <c r="N51468" s="10"/>
    </row>
    <row r="51469" spans="14:14">
      <c r="N51469" s="10"/>
    </row>
    <row r="51470" spans="14:14">
      <c r="N51470" s="10"/>
    </row>
    <row r="51471" spans="14:14">
      <c r="N51471" s="10"/>
    </row>
    <row r="51472" spans="14:14">
      <c r="N51472" s="10"/>
    </row>
    <row r="51473" spans="14:14">
      <c r="N51473" s="10"/>
    </row>
    <row r="51474" spans="14:14">
      <c r="N51474" s="10"/>
    </row>
    <row r="51475" spans="14:14">
      <c r="N51475" s="10"/>
    </row>
    <row r="51476" spans="14:14">
      <c r="N51476" s="10"/>
    </row>
    <row r="51477" spans="14:14">
      <c r="N51477" s="10"/>
    </row>
    <row r="51478" spans="14:14">
      <c r="N51478" s="10"/>
    </row>
    <row r="51479" spans="14:14">
      <c r="N51479" s="10"/>
    </row>
    <row r="51480" spans="14:14">
      <c r="N51480" s="10"/>
    </row>
    <row r="51481" spans="14:14">
      <c r="N51481" s="10"/>
    </row>
    <row r="51482" spans="14:14">
      <c r="N51482" s="10"/>
    </row>
    <row r="51483" spans="14:14">
      <c r="N51483" s="10"/>
    </row>
    <row r="51484" spans="14:14">
      <c r="N51484" s="10"/>
    </row>
    <row r="51485" spans="14:14">
      <c r="N51485" s="10"/>
    </row>
    <row r="51486" spans="14:14">
      <c r="N51486" s="10"/>
    </row>
    <row r="51487" spans="14:14">
      <c r="N51487" s="10"/>
    </row>
    <row r="51488" spans="14:14">
      <c r="N51488" s="10"/>
    </row>
    <row r="51489" spans="14:14">
      <c r="N51489" s="10"/>
    </row>
    <row r="51490" spans="14:14">
      <c r="N51490" s="10"/>
    </row>
    <row r="51491" spans="14:14">
      <c r="N51491" s="10"/>
    </row>
    <row r="51492" spans="14:14">
      <c r="N51492" s="10"/>
    </row>
    <row r="51493" spans="14:14">
      <c r="N51493" s="10"/>
    </row>
    <row r="51494" spans="14:14">
      <c r="N51494" s="10"/>
    </row>
    <row r="51495" spans="14:14">
      <c r="N51495" s="10"/>
    </row>
    <row r="51496" spans="14:14">
      <c r="N51496" s="10"/>
    </row>
    <row r="51497" spans="14:14">
      <c r="N51497" s="10"/>
    </row>
    <row r="51498" spans="14:14">
      <c r="N51498" s="10"/>
    </row>
    <row r="51499" spans="14:14">
      <c r="N51499" s="10"/>
    </row>
    <row r="51500" spans="14:14">
      <c r="N51500" s="10"/>
    </row>
    <row r="51501" spans="14:14">
      <c r="N51501" s="10"/>
    </row>
    <row r="51502" spans="14:14">
      <c r="N51502" s="10"/>
    </row>
    <row r="51503" spans="14:14">
      <c r="N51503" s="10"/>
    </row>
    <row r="51504" spans="14:14">
      <c r="N51504" s="10"/>
    </row>
    <row r="51505" spans="14:14">
      <c r="N51505" s="10"/>
    </row>
    <row r="51506" spans="14:14">
      <c r="N51506" s="10"/>
    </row>
    <row r="51507" spans="14:14">
      <c r="N51507" s="10"/>
    </row>
    <row r="51508" spans="14:14">
      <c r="N51508" s="10"/>
    </row>
    <row r="51509" spans="14:14">
      <c r="N51509" s="10"/>
    </row>
    <row r="51510" spans="14:14">
      <c r="N51510" s="10"/>
    </row>
    <row r="51511" spans="14:14">
      <c r="N51511" s="10"/>
    </row>
    <row r="51512" spans="14:14">
      <c r="N51512" s="10"/>
    </row>
    <row r="51513" spans="14:14">
      <c r="N51513" s="10"/>
    </row>
    <row r="51514" spans="14:14">
      <c r="N51514" s="10"/>
    </row>
    <row r="51515" spans="14:14">
      <c r="N51515" s="10"/>
    </row>
    <row r="51516" spans="14:14">
      <c r="N51516" s="10"/>
    </row>
    <row r="51517" spans="14:14">
      <c r="N51517" s="10"/>
    </row>
    <row r="51518" spans="14:14">
      <c r="N51518" s="10"/>
    </row>
    <row r="51519" spans="14:14">
      <c r="N51519" s="10"/>
    </row>
    <row r="51520" spans="14:14">
      <c r="N51520" s="10"/>
    </row>
    <row r="51521" spans="14:14">
      <c r="N51521" s="10"/>
    </row>
    <row r="51522" spans="14:14">
      <c r="N51522" s="10"/>
    </row>
    <row r="51523" spans="14:14">
      <c r="N51523" s="10"/>
    </row>
    <row r="51524" spans="14:14">
      <c r="N51524" s="10"/>
    </row>
    <row r="51525" spans="14:14">
      <c r="N51525" s="10"/>
    </row>
    <row r="51526" spans="14:14">
      <c r="N51526" s="10"/>
    </row>
    <row r="51527" spans="14:14">
      <c r="N51527" s="10"/>
    </row>
    <row r="51528" spans="14:14">
      <c r="N51528" s="10"/>
    </row>
    <row r="51529" spans="14:14">
      <c r="N51529" s="10"/>
    </row>
    <row r="51530" spans="14:14">
      <c r="N51530" s="10"/>
    </row>
    <row r="51531" spans="14:14">
      <c r="N51531" s="10"/>
    </row>
    <row r="51532" spans="14:14">
      <c r="N51532" s="10"/>
    </row>
    <row r="51533" spans="14:14">
      <c r="N51533" s="10"/>
    </row>
    <row r="51534" spans="14:14">
      <c r="N51534" s="10"/>
    </row>
    <row r="51535" spans="14:14">
      <c r="N51535" s="10"/>
    </row>
    <row r="51536" spans="14:14">
      <c r="N51536" s="10"/>
    </row>
    <row r="51537" spans="14:14">
      <c r="N51537" s="10"/>
    </row>
    <row r="51538" spans="14:14">
      <c r="N51538" s="10"/>
    </row>
    <row r="51539" spans="14:14">
      <c r="N51539" s="10"/>
    </row>
    <row r="51540" spans="14:14">
      <c r="N51540" s="10"/>
    </row>
    <row r="51541" spans="14:14">
      <c r="N51541" s="10"/>
    </row>
    <row r="51542" spans="14:14">
      <c r="N51542" s="10"/>
    </row>
    <row r="51543" spans="14:14">
      <c r="N51543" s="10"/>
    </row>
    <row r="51544" spans="14:14">
      <c r="N51544" s="10"/>
    </row>
    <row r="51545" spans="14:14">
      <c r="N51545" s="10"/>
    </row>
    <row r="51546" spans="14:14">
      <c r="N51546" s="10"/>
    </row>
    <row r="51547" spans="14:14">
      <c r="N51547" s="10"/>
    </row>
    <row r="51548" spans="14:14">
      <c r="N51548" s="10"/>
    </row>
    <row r="51549" spans="14:14">
      <c r="N51549" s="10"/>
    </row>
    <row r="51550" spans="14:14">
      <c r="N51550" s="10"/>
    </row>
    <row r="51551" spans="14:14">
      <c r="N51551" s="10"/>
    </row>
    <row r="51552" spans="14:14">
      <c r="N51552" s="10"/>
    </row>
    <row r="51553" spans="14:14">
      <c r="N51553" s="10"/>
    </row>
    <row r="51554" spans="14:14">
      <c r="N51554" s="10"/>
    </row>
    <row r="51555" spans="14:14">
      <c r="N51555" s="10"/>
    </row>
    <row r="51556" spans="14:14">
      <c r="N51556" s="10"/>
    </row>
    <row r="51557" spans="14:14">
      <c r="N51557" s="10"/>
    </row>
    <row r="51558" spans="14:14">
      <c r="N51558" s="10"/>
    </row>
    <row r="51559" spans="14:14">
      <c r="N51559" s="10"/>
    </row>
    <row r="51560" spans="14:14">
      <c r="N51560" s="10"/>
    </row>
    <row r="51561" spans="14:14">
      <c r="N51561" s="10"/>
    </row>
    <row r="51562" spans="14:14">
      <c r="N51562" s="10"/>
    </row>
    <row r="51563" spans="14:14">
      <c r="N51563" s="10"/>
    </row>
    <row r="51564" spans="14:14">
      <c r="N51564" s="10"/>
    </row>
    <row r="51565" spans="14:14">
      <c r="N51565" s="10"/>
    </row>
    <row r="51566" spans="14:14">
      <c r="N51566" s="10"/>
    </row>
    <row r="51567" spans="14:14">
      <c r="N51567" s="10"/>
    </row>
    <row r="51568" spans="14:14">
      <c r="N51568" s="10"/>
    </row>
    <row r="51569" spans="14:14">
      <c r="N51569" s="10"/>
    </row>
    <row r="51570" spans="14:14">
      <c r="N51570" s="10"/>
    </row>
    <row r="51571" spans="14:14">
      <c r="N51571" s="10"/>
    </row>
    <row r="51572" spans="14:14">
      <c r="N51572" s="10"/>
    </row>
    <row r="51573" spans="14:14">
      <c r="N51573" s="10"/>
    </row>
    <row r="51574" spans="14:14">
      <c r="N51574" s="10"/>
    </row>
    <row r="51575" spans="14:14">
      <c r="N51575" s="10"/>
    </row>
    <row r="51576" spans="14:14">
      <c r="N51576" s="10"/>
    </row>
    <row r="51577" spans="14:14">
      <c r="N51577" s="10"/>
    </row>
    <row r="51578" spans="14:14">
      <c r="N51578" s="10"/>
    </row>
    <row r="51579" spans="14:14">
      <c r="N51579" s="10"/>
    </row>
    <row r="51580" spans="14:14">
      <c r="N51580" s="10"/>
    </row>
    <row r="51581" spans="14:14">
      <c r="N51581" s="10"/>
    </row>
    <row r="51582" spans="14:14">
      <c r="N51582" s="10"/>
    </row>
    <row r="51583" spans="14:14">
      <c r="N51583" s="10"/>
    </row>
    <row r="51584" spans="14:14">
      <c r="N51584" s="10"/>
    </row>
    <row r="51585" spans="14:14">
      <c r="N51585" s="10"/>
    </row>
    <row r="51586" spans="14:14">
      <c r="N51586" s="10"/>
    </row>
    <row r="51587" spans="14:14">
      <c r="N51587" s="10"/>
    </row>
    <row r="51588" spans="14:14">
      <c r="N51588" s="10"/>
    </row>
    <row r="51589" spans="14:14">
      <c r="N51589" s="10"/>
    </row>
    <row r="51590" spans="14:14">
      <c r="N51590" s="10"/>
    </row>
    <row r="51591" spans="14:14">
      <c r="N51591" s="10"/>
    </row>
    <row r="51592" spans="14:14">
      <c r="N51592" s="10"/>
    </row>
    <row r="51593" spans="14:14">
      <c r="N51593" s="10"/>
    </row>
    <row r="51594" spans="14:14">
      <c r="N51594" s="10"/>
    </row>
    <row r="51595" spans="14:14">
      <c r="N51595" s="10"/>
    </row>
    <row r="51596" spans="14:14">
      <c r="N51596" s="10"/>
    </row>
    <row r="51597" spans="14:14">
      <c r="N51597" s="10"/>
    </row>
    <row r="51598" spans="14:14">
      <c r="N51598" s="10"/>
    </row>
    <row r="51599" spans="14:14">
      <c r="N51599" s="10"/>
    </row>
    <row r="51600" spans="14:14">
      <c r="N51600" s="10"/>
    </row>
    <row r="51601" spans="14:14">
      <c r="N51601" s="10"/>
    </row>
    <row r="51602" spans="14:14">
      <c r="N51602" s="10"/>
    </row>
    <row r="51603" spans="14:14">
      <c r="N51603" s="10"/>
    </row>
    <row r="51604" spans="14:14">
      <c r="N51604" s="10"/>
    </row>
    <row r="51605" spans="14:14">
      <c r="N51605" s="10"/>
    </row>
    <row r="51606" spans="14:14">
      <c r="N51606" s="10"/>
    </row>
    <row r="51607" spans="14:14">
      <c r="N51607" s="10"/>
    </row>
    <row r="51608" spans="14:14">
      <c r="N51608" s="10"/>
    </row>
    <row r="51609" spans="14:14">
      <c r="N51609" s="10"/>
    </row>
    <row r="51610" spans="14:14">
      <c r="N51610" s="10"/>
    </row>
    <row r="51611" spans="14:14">
      <c r="N51611" s="10"/>
    </row>
    <row r="51612" spans="14:14">
      <c r="N51612" s="10"/>
    </row>
    <row r="51613" spans="14:14">
      <c r="N51613" s="10"/>
    </row>
    <row r="51614" spans="14:14">
      <c r="N51614" s="10"/>
    </row>
    <row r="51615" spans="14:14">
      <c r="N51615" s="10"/>
    </row>
    <row r="51616" spans="14:14">
      <c r="N51616" s="10"/>
    </row>
    <row r="51617" spans="14:14">
      <c r="N51617" s="10"/>
    </row>
    <row r="51618" spans="14:14">
      <c r="N51618" s="10"/>
    </row>
    <row r="51619" spans="14:14">
      <c r="N51619" s="10"/>
    </row>
    <row r="51620" spans="14:14">
      <c r="N51620" s="10"/>
    </row>
    <row r="51621" spans="14:14">
      <c r="N51621" s="10"/>
    </row>
    <row r="51622" spans="14:14">
      <c r="N51622" s="10"/>
    </row>
    <row r="51623" spans="14:14">
      <c r="N51623" s="10"/>
    </row>
    <row r="51624" spans="14:14">
      <c r="N51624" s="10"/>
    </row>
    <row r="51625" spans="14:14">
      <c r="N51625" s="10"/>
    </row>
    <row r="51626" spans="14:14">
      <c r="N51626" s="10"/>
    </row>
    <row r="51627" spans="14:14">
      <c r="N51627" s="10"/>
    </row>
    <row r="51628" spans="14:14">
      <c r="N51628" s="10"/>
    </row>
    <row r="51629" spans="14:14">
      <c r="N51629" s="10"/>
    </row>
    <row r="51630" spans="14:14">
      <c r="N51630" s="10"/>
    </row>
    <row r="51631" spans="14:14">
      <c r="N51631" s="10"/>
    </row>
    <row r="51632" spans="14:14">
      <c r="N51632" s="10"/>
    </row>
    <row r="51633" spans="14:14">
      <c r="N51633" s="10"/>
    </row>
    <row r="51634" spans="14:14">
      <c r="N51634" s="10"/>
    </row>
    <row r="51635" spans="14:14">
      <c r="N51635" s="10"/>
    </row>
    <row r="51636" spans="14:14">
      <c r="N51636" s="10"/>
    </row>
    <row r="51637" spans="14:14">
      <c r="N51637" s="10"/>
    </row>
    <row r="51638" spans="14:14">
      <c r="N51638" s="10"/>
    </row>
    <row r="51639" spans="14:14">
      <c r="N51639" s="10"/>
    </row>
    <row r="51640" spans="14:14">
      <c r="N51640" s="10"/>
    </row>
    <row r="51641" spans="14:14">
      <c r="N51641" s="10"/>
    </row>
    <row r="51642" spans="14:14">
      <c r="N51642" s="10"/>
    </row>
    <row r="51643" spans="14:14">
      <c r="N51643" s="10"/>
    </row>
    <row r="51644" spans="14:14">
      <c r="N51644" s="10"/>
    </row>
    <row r="51645" spans="14:14">
      <c r="N51645" s="10"/>
    </row>
    <row r="51646" spans="14:14">
      <c r="N51646" s="10"/>
    </row>
    <row r="51647" spans="14:14">
      <c r="N51647" s="10"/>
    </row>
    <row r="51648" spans="14:14">
      <c r="N51648" s="10"/>
    </row>
    <row r="51649" spans="14:14">
      <c r="N51649" s="10"/>
    </row>
    <row r="51650" spans="14:14">
      <c r="N51650" s="10"/>
    </row>
    <row r="51651" spans="14:14">
      <c r="N51651" s="10"/>
    </row>
    <row r="51652" spans="14:14">
      <c r="N51652" s="10"/>
    </row>
    <row r="51653" spans="14:14">
      <c r="N51653" s="10"/>
    </row>
    <row r="51654" spans="14:14">
      <c r="N51654" s="10"/>
    </row>
    <row r="51655" spans="14:14">
      <c r="N51655" s="10"/>
    </row>
    <row r="51656" spans="14:14">
      <c r="N51656" s="10"/>
    </row>
    <row r="51657" spans="14:14">
      <c r="N51657" s="10"/>
    </row>
    <row r="51658" spans="14:14">
      <c r="N51658" s="10"/>
    </row>
    <row r="51659" spans="14:14">
      <c r="N51659" s="10"/>
    </row>
    <row r="51660" spans="14:14">
      <c r="N51660" s="10"/>
    </row>
    <row r="51661" spans="14:14">
      <c r="N51661" s="10"/>
    </row>
    <row r="51662" spans="14:14">
      <c r="N51662" s="10"/>
    </row>
    <row r="51663" spans="14:14">
      <c r="N51663" s="10"/>
    </row>
    <row r="51664" spans="14:14">
      <c r="N51664" s="10"/>
    </row>
    <row r="51665" spans="14:14">
      <c r="N51665" s="10"/>
    </row>
    <row r="51666" spans="14:14">
      <c r="N51666" s="10"/>
    </row>
    <row r="51667" spans="14:14">
      <c r="N51667" s="10"/>
    </row>
    <row r="51668" spans="14:14">
      <c r="N51668" s="10"/>
    </row>
    <row r="51669" spans="14:14">
      <c r="N51669" s="10"/>
    </row>
    <row r="51670" spans="14:14">
      <c r="N51670" s="10"/>
    </row>
    <row r="51671" spans="14:14">
      <c r="N51671" s="10"/>
    </row>
    <row r="51672" spans="14:14">
      <c r="N51672" s="10"/>
    </row>
    <row r="51673" spans="14:14">
      <c r="N51673" s="10"/>
    </row>
    <row r="51674" spans="14:14">
      <c r="N51674" s="10"/>
    </row>
    <row r="51675" spans="14:14">
      <c r="N51675" s="10"/>
    </row>
    <row r="51676" spans="14:14">
      <c r="N51676" s="10"/>
    </row>
    <row r="51677" spans="14:14">
      <c r="N51677" s="10"/>
    </row>
    <row r="51678" spans="14:14">
      <c r="N51678" s="10"/>
    </row>
    <row r="51679" spans="14:14">
      <c r="N51679" s="10"/>
    </row>
    <row r="51680" spans="14:14">
      <c r="N51680" s="10"/>
    </row>
    <row r="51681" spans="14:14">
      <c r="N51681" s="10"/>
    </row>
    <row r="51682" spans="14:14">
      <c r="N51682" s="10"/>
    </row>
    <row r="51683" spans="14:14">
      <c r="N51683" s="10"/>
    </row>
    <row r="51684" spans="14:14">
      <c r="N51684" s="10"/>
    </row>
    <row r="51685" spans="14:14">
      <c r="N51685" s="10"/>
    </row>
    <row r="51686" spans="14:14">
      <c r="N51686" s="10"/>
    </row>
    <row r="51687" spans="14:14">
      <c r="N51687" s="10"/>
    </row>
    <row r="51688" spans="14:14">
      <c r="N51688" s="10"/>
    </row>
    <row r="51689" spans="14:14">
      <c r="N51689" s="10"/>
    </row>
    <row r="51690" spans="14:14">
      <c r="N51690" s="10"/>
    </row>
    <row r="51691" spans="14:14">
      <c r="N51691" s="10"/>
    </row>
    <row r="51692" spans="14:14">
      <c r="N51692" s="10"/>
    </row>
    <row r="51693" spans="14:14">
      <c r="N51693" s="10"/>
    </row>
    <row r="51694" spans="14:14">
      <c r="N51694" s="10"/>
    </row>
    <row r="51695" spans="14:14">
      <c r="N51695" s="10"/>
    </row>
    <row r="51696" spans="14:14">
      <c r="N51696" s="10"/>
    </row>
    <row r="51697" spans="14:14">
      <c r="N51697" s="10"/>
    </row>
    <row r="51698" spans="14:14">
      <c r="N51698" s="10"/>
    </row>
    <row r="51699" spans="14:14">
      <c r="N51699" s="10"/>
    </row>
    <row r="51700" spans="14:14">
      <c r="N51700" s="10"/>
    </row>
    <row r="51701" spans="14:14">
      <c r="N51701" s="10"/>
    </row>
    <row r="51702" spans="14:14">
      <c r="N51702" s="10"/>
    </row>
    <row r="51703" spans="14:14">
      <c r="N51703" s="10"/>
    </row>
    <row r="51704" spans="14:14">
      <c r="N51704" s="10"/>
    </row>
    <row r="51705" spans="14:14">
      <c r="N51705" s="10"/>
    </row>
    <row r="51706" spans="14:14">
      <c r="N51706" s="10"/>
    </row>
    <row r="51707" spans="14:14">
      <c r="N51707" s="10"/>
    </row>
    <row r="51708" spans="14:14">
      <c r="N51708" s="10"/>
    </row>
    <row r="51709" spans="14:14">
      <c r="N51709" s="10"/>
    </row>
    <row r="51710" spans="14:14">
      <c r="N51710" s="10"/>
    </row>
    <row r="51711" spans="14:14">
      <c r="N51711" s="10"/>
    </row>
    <row r="51712" spans="14:14">
      <c r="N51712" s="10"/>
    </row>
    <row r="51713" spans="14:14">
      <c r="N51713" s="10"/>
    </row>
    <row r="51714" spans="14:14">
      <c r="N51714" s="10"/>
    </row>
    <row r="51715" spans="14:14">
      <c r="N51715" s="10"/>
    </row>
    <row r="51716" spans="14:14">
      <c r="N51716" s="10"/>
    </row>
    <row r="51717" spans="14:14">
      <c r="N51717" s="10"/>
    </row>
    <row r="51718" spans="14:14">
      <c r="N51718" s="10"/>
    </row>
    <row r="51719" spans="14:14">
      <c r="N51719" s="10"/>
    </row>
    <row r="51720" spans="14:14">
      <c r="N51720" s="10"/>
    </row>
    <row r="51721" spans="14:14">
      <c r="N51721" s="10"/>
    </row>
    <row r="51722" spans="14:14">
      <c r="N51722" s="10"/>
    </row>
    <row r="51723" spans="14:14">
      <c r="N51723" s="10"/>
    </row>
    <row r="51724" spans="14:14">
      <c r="N51724" s="10"/>
    </row>
    <row r="51725" spans="14:14">
      <c r="N51725" s="10"/>
    </row>
    <row r="51726" spans="14:14">
      <c r="N51726" s="10"/>
    </row>
    <row r="51727" spans="14:14">
      <c r="N51727" s="10"/>
    </row>
    <row r="51728" spans="14:14">
      <c r="N51728" s="10"/>
    </row>
    <row r="51729" spans="14:14">
      <c r="N51729" s="10"/>
    </row>
    <row r="51730" spans="14:14">
      <c r="N51730" s="10"/>
    </row>
    <row r="51731" spans="14:14">
      <c r="N51731" s="10"/>
    </row>
    <row r="51732" spans="14:14">
      <c r="N51732" s="10"/>
    </row>
    <row r="51733" spans="14:14">
      <c r="N51733" s="10"/>
    </row>
    <row r="51734" spans="14:14">
      <c r="N51734" s="10"/>
    </row>
    <row r="51735" spans="14:14">
      <c r="N51735" s="10"/>
    </row>
    <row r="51736" spans="14:14">
      <c r="N51736" s="10"/>
    </row>
    <row r="51737" spans="14:14">
      <c r="N51737" s="10"/>
    </row>
    <row r="51738" spans="14:14">
      <c r="N51738" s="10"/>
    </row>
    <row r="51739" spans="14:14">
      <c r="N51739" s="10"/>
    </row>
    <row r="51740" spans="14:14">
      <c r="N51740" s="10"/>
    </row>
    <row r="51741" spans="14:14">
      <c r="N51741" s="10"/>
    </row>
    <row r="51742" spans="14:14">
      <c r="N51742" s="10"/>
    </row>
    <row r="51743" spans="14:14">
      <c r="N51743" s="10"/>
    </row>
    <row r="51744" spans="14:14">
      <c r="N51744" s="10"/>
    </row>
    <row r="51745" spans="14:14">
      <c r="N51745" s="10"/>
    </row>
    <row r="51746" spans="14:14">
      <c r="N51746" s="10"/>
    </row>
    <row r="51747" spans="14:14">
      <c r="N51747" s="10"/>
    </row>
    <row r="51748" spans="14:14">
      <c r="N51748" s="10"/>
    </row>
    <row r="51749" spans="14:14">
      <c r="N51749" s="10"/>
    </row>
    <row r="51750" spans="14:14">
      <c r="N51750" s="10"/>
    </row>
    <row r="51751" spans="14:14">
      <c r="N51751" s="10"/>
    </row>
    <row r="51752" spans="14:14">
      <c r="N51752" s="10"/>
    </row>
    <row r="51753" spans="14:14">
      <c r="N51753" s="10"/>
    </row>
    <row r="51754" spans="14:14">
      <c r="N51754" s="10"/>
    </row>
    <row r="51755" spans="14:14">
      <c r="N51755" s="10"/>
    </row>
    <row r="51756" spans="14:14">
      <c r="N51756" s="10"/>
    </row>
    <row r="51757" spans="14:14">
      <c r="N51757" s="10"/>
    </row>
    <row r="51758" spans="14:14">
      <c r="N51758" s="10"/>
    </row>
    <row r="51759" spans="14:14">
      <c r="N51759" s="10"/>
    </row>
    <row r="51760" spans="14:14">
      <c r="N51760" s="10"/>
    </row>
    <row r="51761" spans="14:14">
      <c r="N51761" s="10"/>
    </row>
    <row r="51762" spans="14:14">
      <c r="N51762" s="10"/>
    </row>
    <row r="51763" spans="14:14">
      <c r="N51763" s="10"/>
    </row>
    <row r="51764" spans="14:14">
      <c r="N51764" s="10"/>
    </row>
    <row r="51765" spans="14:14">
      <c r="N51765" s="10"/>
    </row>
    <row r="51766" spans="14:14">
      <c r="N51766" s="10"/>
    </row>
    <row r="51767" spans="14:14">
      <c r="N51767" s="10"/>
    </row>
    <row r="51768" spans="14:14">
      <c r="N51768" s="10"/>
    </row>
    <row r="51769" spans="14:14">
      <c r="N51769" s="10"/>
    </row>
    <row r="51770" spans="14:14">
      <c r="N51770" s="10"/>
    </row>
    <row r="51771" spans="14:14">
      <c r="N51771" s="10"/>
    </row>
    <row r="51772" spans="14:14">
      <c r="N51772" s="10"/>
    </row>
    <row r="51773" spans="14:14">
      <c r="N51773" s="10"/>
    </row>
    <row r="51774" spans="14:14">
      <c r="N51774" s="10"/>
    </row>
    <row r="51775" spans="14:14">
      <c r="N51775" s="10"/>
    </row>
    <row r="51776" spans="14:14">
      <c r="N51776" s="10"/>
    </row>
    <row r="51777" spans="14:14">
      <c r="N51777" s="10"/>
    </row>
    <row r="51778" spans="14:14">
      <c r="N51778" s="10"/>
    </row>
    <row r="51779" spans="14:14">
      <c r="N51779" s="10"/>
    </row>
    <row r="51780" spans="14:14">
      <c r="N51780" s="10"/>
    </row>
    <row r="51781" spans="14:14">
      <c r="N51781" s="10"/>
    </row>
    <row r="51782" spans="14:14">
      <c r="N51782" s="10"/>
    </row>
    <row r="51783" spans="14:14">
      <c r="N51783" s="10"/>
    </row>
    <row r="51784" spans="14:14">
      <c r="N51784" s="10"/>
    </row>
    <row r="51785" spans="14:14">
      <c r="N51785" s="10"/>
    </row>
    <row r="51786" spans="14:14">
      <c r="N51786" s="10"/>
    </row>
    <row r="51787" spans="14:14">
      <c r="N51787" s="10"/>
    </row>
    <row r="51788" spans="14:14">
      <c r="N51788" s="10"/>
    </row>
    <row r="51789" spans="14:14">
      <c r="N51789" s="10"/>
    </row>
    <row r="51790" spans="14:14">
      <c r="N51790" s="10"/>
    </row>
    <row r="51791" spans="14:14">
      <c r="N51791" s="10"/>
    </row>
    <row r="51792" spans="14:14">
      <c r="N51792" s="10"/>
    </row>
    <row r="51793" spans="14:14">
      <c r="N51793" s="10"/>
    </row>
    <row r="51794" spans="14:14">
      <c r="N51794" s="10"/>
    </row>
    <row r="51795" spans="14:14">
      <c r="N51795" s="10"/>
    </row>
    <row r="51796" spans="14:14">
      <c r="N51796" s="10"/>
    </row>
    <row r="51797" spans="14:14">
      <c r="N51797" s="10"/>
    </row>
    <row r="51798" spans="14:14">
      <c r="N51798" s="10"/>
    </row>
    <row r="51799" spans="14:14">
      <c r="N51799" s="10"/>
    </row>
    <row r="51800" spans="14:14">
      <c r="N51800" s="10"/>
    </row>
    <row r="51801" spans="14:14">
      <c r="N51801" s="10"/>
    </row>
    <row r="51802" spans="14:14">
      <c r="N51802" s="10"/>
    </row>
    <row r="51803" spans="14:14">
      <c r="N51803" s="10"/>
    </row>
    <row r="51804" spans="14:14">
      <c r="N51804" s="10"/>
    </row>
    <row r="51805" spans="14:14">
      <c r="N51805" s="10"/>
    </row>
    <row r="51806" spans="14:14">
      <c r="N51806" s="10"/>
    </row>
    <row r="51807" spans="14:14">
      <c r="N51807" s="10"/>
    </row>
    <row r="51808" spans="14:14">
      <c r="N51808" s="10"/>
    </row>
    <row r="51809" spans="14:14">
      <c r="N51809" s="10"/>
    </row>
    <row r="51810" spans="14:14">
      <c r="N51810" s="10"/>
    </row>
    <row r="51811" spans="14:14">
      <c r="N51811" s="10"/>
    </row>
    <row r="51812" spans="14:14">
      <c r="N51812" s="10"/>
    </row>
    <row r="51813" spans="14:14">
      <c r="N51813" s="10"/>
    </row>
    <row r="51814" spans="14:14">
      <c r="N51814" s="10"/>
    </row>
    <row r="51815" spans="14:14">
      <c r="N51815" s="10"/>
    </row>
    <row r="51816" spans="14:14">
      <c r="N51816" s="10"/>
    </row>
    <row r="51817" spans="14:14">
      <c r="N51817" s="10"/>
    </row>
    <row r="51818" spans="14:14">
      <c r="N51818" s="10"/>
    </row>
    <row r="51819" spans="14:14">
      <c r="N51819" s="10"/>
    </row>
    <row r="51820" spans="14:14">
      <c r="N51820" s="10"/>
    </row>
    <row r="51821" spans="14:14">
      <c r="N51821" s="10"/>
    </row>
    <row r="51822" spans="14:14">
      <c r="N51822" s="10"/>
    </row>
    <row r="51823" spans="14:14">
      <c r="N51823" s="10"/>
    </row>
    <row r="51824" spans="14:14">
      <c r="N51824" s="10"/>
    </row>
    <row r="51825" spans="14:14">
      <c r="N51825" s="10"/>
    </row>
    <row r="51826" spans="14:14">
      <c r="N51826" s="10"/>
    </row>
    <row r="51827" spans="14:14">
      <c r="N51827" s="10"/>
    </row>
    <row r="51828" spans="14:14">
      <c r="N51828" s="10"/>
    </row>
    <row r="51829" spans="14:14">
      <c r="N51829" s="10"/>
    </row>
    <row r="51830" spans="14:14">
      <c r="N51830" s="10"/>
    </row>
    <row r="51831" spans="14:14">
      <c r="N51831" s="10"/>
    </row>
    <row r="51832" spans="14:14">
      <c r="N51832" s="10"/>
    </row>
    <row r="51833" spans="14:14">
      <c r="N51833" s="10"/>
    </row>
    <row r="51834" spans="14:14">
      <c r="N51834" s="10"/>
    </row>
    <row r="51835" spans="14:14">
      <c r="N51835" s="10"/>
    </row>
    <row r="51836" spans="14:14">
      <c r="N51836" s="10"/>
    </row>
    <row r="51837" spans="14:14">
      <c r="N51837" s="10"/>
    </row>
    <row r="51838" spans="14:14">
      <c r="N51838" s="10"/>
    </row>
    <row r="51839" spans="14:14">
      <c r="N51839" s="10"/>
    </row>
    <row r="51840" spans="14:14">
      <c r="N51840" s="10"/>
    </row>
    <row r="51841" spans="14:14">
      <c r="N51841" s="10"/>
    </row>
    <row r="51842" spans="14:14">
      <c r="N51842" s="10"/>
    </row>
    <row r="51843" spans="14:14">
      <c r="N51843" s="10"/>
    </row>
    <row r="51844" spans="14:14">
      <c r="N51844" s="10"/>
    </row>
    <row r="51845" spans="14:14">
      <c r="N51845" s="10"/>
    </row>
    <row r="51846" spans="14:14">
      <c r="N51846" s="10"/>
    </row>
    <row r="51847" spans="14:14">
      <c r="N51847" s="10"/>
    </row>
    <row r="51848" spans="14:14">
      <c r="N51848" s="10"/>
    </row>
    <row r="51849" spans="14:14">
      <c r="N51849" s="10"/>
    </row>
    <row r="51850" spans="14:14">
      <c r="N51850" s="10"/>
    </row>
    <row r="51851" spans="14:14">
      <c r="N51851" s="10"/>
    </row>
    <row r="51852" spans="14:14">
      <c r="N51852" s="10"/>
    </row>
    <row r="51853" spans="14:14">
      <c r="N51853" s="10"/>
    </row>
    <row r="51854" spans="14:14">
      <c r="N51854" s="10"/>
    </row>
    <row r="51855" spans="14:14">
      <c r="N51855" s="10"/>
    </row>
    <row r="51856" spans="14:14">
      <c r="N51856" s="10"/>
    </row>
    <row r="51857" spans="14:14">
      <c r="N51857" s="10"/>
    </row>
    <row r="51858" spans="14:14">
      <c r="N51858" s="10"/>
    </row>
    <row r="51859" spans="14:14">
      <c r="N51859" s="10"/>
    </row>
    <row r="51860" spans="14:14">
      <c r="N51860" s="10"/>
    </row>
    <row r="51861" spans="14:14">
      <c r="N51861" s="10"/>
    </row>
    <row r="51862" spans="14:14">
      <c r="N51862" s="10"/>
    </row>
    <row r="51863" spans="14:14">
      <c r="N51863" s="10"/>
    </row>
    <row r="51864" spans="14:14">
      <c r="N51864" s="10"/>
    </row>
    <row r="51865" spans="14:14">
      <c r="N51865" s="10"/>
    </row>
    <row r="51866" spans="14:14">
      <c r="N51866" s="10"/>
    </row>
    <row r="51867" spans="14:14">
      <c r="N51867" s="10"/>
    </row>
    <row r="51868" spans="14:14">
      <c r="N51868" s="10"/>
    </row>
    <row r="51869" spans="14:14">
      <c r="N51869" s="10"/>
    </row>
    <row r="51870" spans="14:14">
      <c r="N51870" s="10"/>
    </row>
    <row r="51871" spans="14:14">
      <c r="N51871" s="10"/>
    </row>
    <row r="51872" spans="14:14">
      <c r="N51872" s="10"/>
    </row>
    <row r="51873" spans="14:14">
      <c r="N51873" s="10"/>
    </row>
    <row r="51874" spans="14:14">
      <c r="N51874" s="10"/>
    </row>
    <row r="51875" spans="14:14">
      <c r="N51875" s="10"/>
    </row>
    <row r="51876" spans="14:14">
      <c r="N51876" s="10"/>
    </row>
    <row r="51877" spans="14:14">
      <c r="N51877" s="10"/>
    </row>
    <row r="51878" spans="14:14">
      <c r="N51878" s="10"/>
    </row>
    <row r="51879" spans="14:14">
      <c r="N51879" s="10"/>
    </row>
    <row r="51880" spans="14:14">
      <c r="N51880" s="10"/>
    </row>
    <row r="51881" spans="14:14">
      <c r="N51881" s="10"/>
    </row>
    <row r="51882" spans="14:14">
      <c r="N51882" s="10"/>
    </row>
    <row r="51883" spans="14:14">
      <c r="N51883" s="10"/>
    </row>
    <row r="51884" spans="14:14">
      <c r="N51884" s="10"/>
    </row>
    <row r="51885" spans="14:14">
      <c r="N51885" s="10"/>
    </row>
    <row r="51886" spans="14:14">
      <c r="N51886" s="10"/>
    </row>
    <row r="51887" spans="14:14">
      <c r="N51887" s="10"/>
    </row>
    <row r="51888" spans="14:14">
      <c r="N51888" s="10"/>
    </row>
    <row r="51889" spans="14:14">
      <c r="N51889" s="10"/>
    </row>
    <row r="51890" spans="14:14">
      <c r="N51890" s="10"/>
    </row>
    <row r="51891" spans="14:14">
      <c r="N51891" s="10"/>
    </row>
    <row r="51892" spans="14:14">
      <c r="N51892" s="10"/>
    </row>
    <row r="51893" spans="14:14">
      <c r="N51893" s="10"/>
    </row>
    <row r="51894" spans="14:14">
      <c r="N51894" s="10"/>
    </row>
    <row r="51895" spans="14:14">
      <c r="N51895" s="10"/>
    </row>
    <row r="51896" spans="14:14">
      <c r="N51896" s="10"/>
    </row>
    <row r="51897" spans="14:14">
      <c r="N51897" s="10"/>
    </row>
    <row r="51898" spans="14:14">
      <c r="N51898" s="10"/>
    </row>
    <row r="51899" spans="14:14">
      <c r="N51899" s="10"/>
    </row>
    <row r="51900" spans="14:14">
      <c r="N51900" s="10"/>
    </row>
    <row r="51901" spans="14:14">
      <c r="N51901" s="10"/>
    </row>
    <row r="51902" spans="14:14">
      <c r="N51902" s="10"/>
    </row>
    <row r="51903" spans="14:14">
      <c r="N51903" s="10"/>
    </row>
    <row r="51904" spans="14:14">
      <c r="N51904" s="10"/>
    </row>
    <row r="51905" spans="14:14">
      <c r="N51905" s="10"/>
    </row>
    <row r="51906" spans="14:14">
      <c r="N51906" s="10"/>
    </row>
    <row r="51907" spans="14:14">
      <c r="N51907" s="10"/>
    </row>
    <row r="51908" spans="14:14">
      <c r="N51908" s="10"/>
    </row>
    <row r="51909" spans="14:14">
      <c r="N51909" s="10"/>
    </row>
    <row r="51910" spans="14:14">
      <c r="N51910" s="10"/>
    </row>
    <row r="51911" spans="14:14">
      <c r="N51911" s="10"/>
    </row>
    <row r="51912" spans="14:14">
      <c r="N51912" s="10"/>
    </row>
    <row r="51913" spans="14:14">
      <c r="N51913" s="10"/>
    </row>
    <row r="51914" spans="14:14">
      <c r="N51914" s="10"/>
    </row>
    <row r="51915" spans="14:14">
      <c r="N51915" s="10"/>
    </row>
    <row r="51916" spans="14:14">
      <c r="N51916" s="10"/>
    </row>
    <row r="51917" spans="14:14">
      <c r="N51917" s="10"/>
    </row>
    <row r="51918" spans="14:14">
      <c r="N51918" s="10"/>
    </row>
    <row r="51919" spans="14:14">
      <c r="N51919" s="10"/>
    </row>
    <row r="51920" spans="14:14">
      <c r="N51920" s="10"/>
    </row>
    <row r="51921" spans="14:14">
      <c r="N51921" s="10"/>
    </row>
    <row r="51922" spans="14:14">
      <c r="N51922" s="10"/>
    </row>
    <row r="51923" spans="14:14">
      <c r="N51923" s="10"/>
    </row>
    <row r="51924" spans="14:14">
      <c r="N51924" s="10"/>
    </row>
    <row r="51925" spans="14:14">
      <c r="N51925" s="10"/>
    </row>
    <row r="51926" spans="14:14">
      <c r="N51926" s="10"/>
    </row>
    <row r="51927" spans="14:14">
      <c r="N51927" s="10"/>
    </row>
    <row r="51928" spans="14:14">
      <c r="N51928" s="10"/>
    </row>
    <row r="51929" spans="14:14">
      <c r="N51929" s="10"/>
    </row>
    <row r="51930" spans="14:14">
      <c r="N51930" s="10"/>
    </row>
    <row r="51931" spans="14:14">
      <c r="N51931" s="10"/>
    </row>
    <row r="51932" spans="14:14">
      <c r="N51932" s="10"/>
    </row>
    <row r="51933" spans="14:14">
      <c r="N51933" s="10"/>
    </row>
    <row r="51934" spans="14:14">
      <c r="N51934" s="10"/>
    </row>
    <row r="51935" spans="14:14">
      <c r="N51935" s="10"/>
    </row>
    <row r="51936" spans="14:14">
      <c r="N51936" s="10"/>
    </row>
    <row r="51937" spans="14:14">
      <c r="N51937" s="10"/>
    </row>
    <row r="51938" spans="14:14">
      <c r="N51938" s="10"/>
    </row>
    <row r="51939" spans="14:14">
      <c r="N51939" s="10"/>
    </row>
    <row r="51940" spans="14:14">
      <c r="N51940" s="10"/>
    </row>
    <row r="51941" spans="14:14">
      <c r="N51941" s="10"/>
    </row>
    <row r="51942" spans="14:14">
      <c r="N51942" s="10"/>
    </row>
    <row r="51943" spans="14:14">
      <c r="N51943" s="10"/>
    </row>
    <row r="51944" spans="14:14">
      <c r="N51944" s="10"/>
    </row>
    <row r="51945" spans="14:14">
      <c r="N51945" s="10"/>
    </row>
    <row r="51946" spans="14:14">
      <c r="N51946" s="10"/>
    </row>
    <row r="51947" spans="14:14">
      <c r="N51947" s="10"/>
    </row>
    <row r="51948" spans="14:14">
      <c r="N51948" s="10"/>
    </row>
    <row r="51949" spans="14:14">
      <c r="N51949" s="10"/>
    </row>
    <row r="51950" spans="14:14">
      <c r="N51950" s="10"/>
    </row>
    <row r="51951" spans="14:14">
      <c r="N51951" s="10"/>
    </row>
    <row r="51952" spans="14:14">
      <c r="N51952" s="10"/>
    </row>
    <row r="51953" spans="14:14">
      <c r="N51953" s="10"/>
    </row>
    <row r="51954" spans="14:14">
      <c r="N51954" s="10"/>
    </row>
    <row r="51955" spans="14:14">
      <c r="N51955" s="10"/>
    </row>
    <row r="51956" spans="14:14">
      <c r="N51956" s="10"/>
    </row>
    <row r="51957" spans="14:14">
      <c r="N51957" s="10"/>
    </row>
    <row r="51958" spans="14:14">
      <c r="N51958" s="10"/>
    </row>
    <row r="51959" spans="14:14">
      <c r="N51959" s="10"/>
    </row>
    <row r="51960" spans="14:14">
      <c r="N51960" s="10"/>
    </row>
    <row r="51961" spans="14:14">
      <c r="N51961" s="10"/>
    </row>
    <row r="51962" spans="14:14">
      <c r="N51962" s="10"/>
    </row>
    <row r="51963" spans="14:14">
      <c r="N51963" s="10"/>
    </row>
    <row r="51964" spans="14:14">
      <c r="N51964" s="10"/>
    </row>
    <row r="51965" spans="14:14">
      <c r="N51965" s="10"/>
    </row>
    <row r="51966" spans="14:14">
      <c r="N51966" s="10"/>
    </row>
    <row r="51967" spans="14:14">
      <c r="N51967" s="10"/>
    </row>
    <row r="51968" spans="14:14">
      <c r="N51968" s="10"/>
    </row>
    <row r="51969" spans="14:14">
      <c r="N51969" s="10"/>
    </row>
    <row r="51970" spans="14:14">
      <c r="N51970" s="10"/>
    </row>
    <row r="51971" spans="14:14">
      <c r="N51971" s="10"/>
    </row>
    <row r="51972" spans="14:14">
      <c r="N51972" s="10"/>
    </row>
    <row r="51973" spans="14:14">
      <c r="N51973" s="10"/>
    </row>
    <row r="51974" spans="14:14">
      <c r="N51974" s="10"/>
    </row>
    <row r="51975" spans="14:14">
      <c r="N51975" s="10"/>
    </row>
    <row r="51976" spans="14:14">
      <c r="N51976" s="10"/>
    </row>
    <row r="51977" spans="14:14">
      <c r="N51977" s="10"/>
    </row>
    <row r="51978" spans="14:14">
      <c r="N51978" s="10"/>
    </row>
    <row r="51979" spans="14:14">
      <c r="N51979" s="10"/>
    </row>
    <row r="51980" spans="14:14">
      <c r="N51980" s="10"/>
    </row>
    <row r="51981" spans="14:14">
      <c r="N51981" s="10"/>
    </row>
    <row r="51982" spans="14:14">
      <c r="N51982" s="10"/>
    </row>
    <row r="51983" spans="14:14">
      <c r="N51983" s="10"/>
    </row>
    <row r="51984" spans="14:14">
      <c r="N51984" s="10"/>
    </row>
    <row r="51985" spans="14:14">
      <c r="N51985" s="10"/>
    </row>
    <row r="51986" spans="14:14">
      <c r="N51986" s="10"/>
    </row>
    <row r="51987" spans="14:14">
      <c r="N51987" s="10"/>
    </row>
    <row r="51988" spans="14:14">
      <c r="N51988" s="10"/>
    </row>
    <row r="51989" spans="14:14">
      <c r="N51989" s="10"/>
    </row>
    <row r="51990" spans="14:14">
      <c r="N51990" s="10"/>
    </row>
    <row r="51991" spans="14:14">
      <c r="N51991" s="10"/>
    </row>
    <row r="51992" spans="14:14">
      <c r="N51992" s="10"/>
    </row>
    <row r="51993" spans="14:14">
      <c r="N51993" s="10"/>
    </row>
    <row r="51994" spans="14:14">
      <c r="N51994" s="10"/>
    </row>
    <row r="51995" spans="14:14">
      <c r="N51995" s="10"/>
    </row>
    <row r="51996" spans="14:14">
      <c r="N51996" s="10"/>
    </row>
    <row r="51997" spans="14:14">
      <c r="N51997" s="10"/>
    </row>
    <row r="51998" spans="14:14">
      <c r="N51998" s="10"/>
    </row>
    <row r="51999" spans="14:14">
      <c r="N51999" s="10"/>
    </row>
    <row r="52000" spans="14:14">
      <c r="N52000" s="10"/>
    </row>
    <row r="52001" spans="14:14">
      <c r="N52001" s="10"/>
    </row>
    <row r="52002" spans="14:14">
      <c r="N52002" s="10"/>
    </row>
    <row r="52003" spans="14:14">
      <c r="N52003" s="10"/>
    </row>
    <row r="52004" spans="14:14">
      <c r="N52004" s="10"/>
    </row>
    <row r="52005" spans="14:14">
      <c r="N52005" s="10"/>
    </row>
    <row r="52006" spans="14:14">
      <c r="N52006" s="10"/>
    </row>
    <row r="52007" spans="14:14">
      <c r="N52007" s="10"/>
    </row>
    <row r="52008" spans="14:14">
      <c r="N52008" s="10"/>
    </row>
    <row r="52009" spans="14:14">
      <c r="N52009" s="10"/>
    </row>
    <row r="52010" spans="14:14">
      <c r="N52010" s="10"/>
    </row>
    <row r="52011" spans="14:14">
      <c r="N52011" s="10"/>
    </row>
    <row r="52012" spans="14:14">
      <c r="N52012" s="10"/>
    </row>
    <row r="52013" spans="14:14">
      <c r="N52013" s="10"/>
    </row>
    <row r="52014" spans="14:14">
      <c r="N52014" s="10"/>
    </row>
    <row r="52015" spans="14:14">
      <c r="N52015" s="10"/>
    </row>
    <row r="52016" spans="14:14">
      <c r="N52016" s="10"/>
    </row>
    <row r="52017" spans="14:14">
      <c r="N52017" s="10"/>
    </row>
    <row r="52018" spans="14:14">
      <c r="N52018" s="10"/>
    </row>
    <row r="52019" spans="14:14">
      <c r="N52019" s="10"/>
    </row>
    <row r="52020" spans="14:14">
      <c r="N52020" s="10"/>
    </row>
    <row r="52021" spans="14:14">
      <c r="N52021" s="10"/>
    </row>
    <row r="52022" spans="14:14">
      <c r="N52022" s="10"/>
    </row>
    <row r="52023" spans="14:14">
      <c r="N52023" s="10"/>
    </row>
    <row r="52024" spans="14:14">
      <c r="N52024" s="10"/>
    </row>
    <row r="52025" spans="14:14">
      <c r="N52025" s="10"/>
    </row>
    <row r="52026" spans="14:14">
      <c r="N52026" s="10"/>
    </row>
    <row r="52027" spans="14:14">
      <c r="N52027" s="10"/>
    </row>
    <row r="52028" spans="14:14">
      <c r="N52028" s="10"/>
    </row>
    <row r="52029" spans="14:14">
      <c r="N52029" s="10"/>
    </row>
    <row r="52030" spans="14:14">
      <c r="N52030" s="10"/>
    </row>
    <row r="52031" spans="14:14">
      <c r="N52031" s="10"/>
    </row>
    <row r="52032" spans="14:14">
      <c r="N52032" s="10"/>
    </row>
    <row r="52033" spans="14:14">
      <c r="N52033" s="10"/>
    </row>
    <row r="52034" spans="14:14">
      <c r="N52034" s="10"/>
    </row>
    <row r="52035" spans="14:14">
      <c r="N52035" s="10"/>
    </row>
    <row r="52036" spans="14:14">
      <c r="N52036" s="10"/>
    </row>
    <row r="52037" spans="14:14">
      <c r="N52037" s="10"/>
    </row>
    <row r="52038" spans="14:14">
      <c r="N52038" s="10"/>
    </row>
    <row r="52039" spans="14:14">
      <c r="N52039" s="10"/>
    </row>
    <row r="52040" spans="14:14">
      <c r="N52040" s="10"/>
    </row>
    <row r="52041" spans="14:14">
      <c r="N52041" s="10"/>
    </row>
    <row r="52042" spans="14:14">
      <c r="N52042" s="10"/>
    </row>
    <row r="52043" spans="14:14">
      <c r="N52043" s="10"/>
    </row>
    <row r="52044" spans="14:14">
      <c r="N52044" s="10"/>
    </row>
    <row r="52045" spans="14:14">
      <c r="N52045" s="10"/>
    </row>
    <row r="52046" spans="14:14">
      <c r="N52046" s="10"/>
    </row>
    <row r="52047" spans="14:14">
      <c r="N52047" s="10"/>
    </row>
    <row r="52048" spans="14:14">
      <c r="N52048" s="10"/>
    </row>
    <row r="52049" spans="14:14">
      <c r="N52049" s="10"/>
    </row>
    <row r="52050" spans="14:14">
      <c r="N52050" s="10"/>
    </row>
    <row r="52051" spans="14:14">
      <c r="N52051" s="10"/>
    </row>
    <row r="52052" spans="14:14">
      <c r="N52052" s="10"/>
    </row>
    <row r="52053" spans="14:14">
      <c r="N52053" s="10"/>
    </row>
    <row r="52054" spans="14:14">
      <c r="N52054" s="10"/>
    </row>
    <row r="52055" spans="14:14">
      <c r="N52055" s="10"/>
    </row>
    <row r="52056" spans="14:14">
      <c r="N52056" s="10"/>
    </row>
    <row r="52057" spans="14:14">
      <c r="N52057" s="10"/>
    </row>
    <row r="52058" spans="14:14">
      <c r="N52058" s="10"/>
    </row>
    <row r="52059" spans="14:14">
      <c r="N52059" s="10"/>
    </row>
    <row r="52060" spans="14:14">
      <c r="N52060" s="10"/>
    </row>
    <row r="52061" spans="14:14">
      <c r="N52061" s="10"/>
    </row>
    <row r="52062" spans="14:14">
      <c r="N52062" s="10"/>
    </row>
    <row r="52063" spans="14:14">
      <c r="N52063" s="10"/>
    </row>
    <row r="52064" spans="14:14">
      <c r="N52064" s="10"/>
    </row>
    <row r="52065" spans="14:14">
      <c r="N52065" s="10"/>
    </row>
    <row r="52066" spans="14:14">
      <c r="N52066" s="10"/>
    </row>
    <row r="52067" spans="14:14">
      <c r="N52067" s="10"/>
    </row>
    <row r="52068" spans="14:14">
      <c r="N52068" s="10"/>
    </row>
    <row r="52069" spans="14:14">
      <c r="N52069" s="10"/>
    </row>
    <row r="52070" spans="14:14">
      <c r="N52070" s="10"/>
    </row>
    <row r="52071" spans="14:14">
      <c r="N52071" s="10"/>
    </row>
    <row r="52072" spans="14:14">
      <c r="N52072" s="10"/>
    </row>
    <row r="52073" spans="14:14">
      <c r="N52073" s="10"/>
    </row>
    <row r="52074" spans="14:14">
      <c r="N52074" s="10"/>
    </row>
    <row r="52075" spans="14:14">
      <c r="N52075" s="10"/>
    </row>
    <row r="52076" spans="14:14">
      <c r="N52076" s="10"/>
    </row>
    <row r="52077" spans="14:14">
      <c r="N52077" s="10"/>
    </row>
    <row r="52078" spans="14:14">
      <c r="N52078" s="10"/>
    </row>
    <row r="52079" spans="14:14">
      <c r="N52079" s="10"/>
    </row>
    <row r="52080" spans="14:14">
      <c r="N52080" s="10"/>
    </row>
    <row r="52081" spans="14:14">
      <c r="N52081" s="10"/>
    </row>
    <row r="52082" spans="14:14">
      <c r="N52082" s="10"/>
    </row>
    <row r="52083" spans="14:14">
      <c r="N52083" s="10"/>
    </row>
    <row r="52084" spans="14:14">
      <c r="N52084" s="10"/>
    </row>
    <row r="52085" spans="14:14">
      <c r="N52085" s="10"/>
    </row>
    <row r="52086" spans="14:14">
      <c r="N52086" s="10"/>
    </row>
    <row r="52087" spans="14:14">
      <c r="N52087" s="10"/>
    </row>
    <row r="52088" spans="14:14">
      <c r="N52088" s="10"/>
    </row>
    <row r="52089" spans="14:14">
      <c r="N52089" s="10"/>
    </row>
    <row r="52090" spans="14:14">
      <c r="N52090" s="10"/>
    </row>
    <row r="52091" spans="14:14">
      <c r="N52091" s="10"/>
    </row>
    <row r="52092" spans="14:14">
      <c r="N52092" s="10"/>
    </row>
    <row r="52093" spans="14:14">
      <c r="N52093" s="10"/>
    </row>
    <row r="52094" spans="14:14">
      <c r="N52094" s="10"/>
    </row>
    <row r="52095" spans="14:14">
      <c r="N52095" s="10"/>
    </row>
    <row r="52096" spans="14:14">
      <c r="N52096" s="10"/>
    </row>
    <row r="52097" spans="14:14">
      <c r="N52097" s="10"/>
    </row>
    <row r="52098" spans="14:14">
      <c r="N52098" s="10"/>
    </row>
    <row r="52099" spans="14:14">
      <c r="N52099" s="10"/>
    </row>
    <row r="52100" spans="14:14">
      <c r="N52100" s="10"/>
    </row>
    <row r="52101" spans="14:14">
      <c r="N52101" s="10"/>
    </row>
    <row r="52102" spans="14:14">
      <c r="N52102" s="10"/>
    </row>
    <row r="52103" spans="14:14">
      <c r="N52103" s="10"/>
    </row>
    <row r="52104" spans="14:14">
      <c r="N52104" s="10"/>
    </row>
    <row r="52105" spans="14:14">
      <c r="N52105" s="10"/>
    </row>
    <row r="52106" spans="14:14">
      <c r="N52106" s="10"/>
    </row>
    <row r="52107" spans="14:14">
      <c r="N52107" s="10"/>
    </row>
    <row r="52108" spans="14:14">
      <c r="N52108" s="10"/>
    </row>
    <row r="52109" spans="14:14">
      <c r="N52109" s="10"/>
    </row>
    <row r="52110" spans="14:14">
      <c r="N52110" s="10"/>
    </row>
    <row r="52111" spans="14:14">
      <c r="N52111" s="10"/>
    </row>
    <row r="52112" spans="14:14">
      <c r="N52112" s="10"/>
    </row>
    <row r="52113" spans="14:14">
      <c r="N52113" s="10"/>
    </row>
    <row r="52114" spans="14:14">
      <c r="N52114" s="10"/>
    </row>
    <row r="52115" spans="14:14">
      <c r="N52115" s="10"/>
    </row>
    <row r="52116" spans="14:14">
      <c r="N52116" s="10"/>
    </row>
    <row r="52117" spans="14:14">
      <c r="N52117" s="10"/>
    </row>
    <row r="52118" spans="14:14">
      <c r="N52118" s="10"/>
    </row>
    <row r="52119" spans="14:14">
      <c r="N52119" s="10"/>
    </row>
    <row r="52120" spans="14:14">
      <c r="N52120" s="10"/>
    </row>
    <row r="52121" spans="14:14">
      <c r="N52121" s="10"/>
    </row>
    <row r="52122" spans="14:14">
      <c r="N52122" s="10"/>
    </row>
    <row r="52123" spans="14:14">
      <c r="N52123" s="10"/>
    </row>
    <row r="52124" spans="14:14">
      <c r="N52124" s="10"/>
    </row>
    <row r="52125" spans="14:14">
      <c r="N52125" s="10"/>
    </row>
    <row r="52126" spans="14:14">
      <c r="N52126" s="10"/>
    </row>
    <row r="52127" spans="14:14">
      <c r="N52127" s="10"/>
    </row>
    <row r="52128" spans="14:14">
      <c r="N52128" s="10"/>
    </row>
    <row r="52129" spans="14:14">
      <c r="N52129" s="10"/>
    </row>
    <row r="52130" spans="14:14">
      <c r="N52130" s="10"/>
    </row>
    <row r="52131" spans="14:14">
      <c r="N52131" s="10"/>
    </row>
    <row r="52132" spans="14:14">
      <c r="N52132" s="10"/>
    </row>
    <row r="52133" spans="14:14">
      <c r="N52133" s="10"/>
    </row>
    <row r="52134" spans="14:14">
      <c r="N52134" s="10"/>
    </row>
    <row r="52135" spans="14:14">
      <c r="N52135" s="10"/>
    </row>
    <row r="52136" spans="14:14">
      <c r="N52136" s="10"/>
    </row>
    <row r="52137" spans="14:14">
      <c r="N52137" s="10"/>
    </row>
    <row r="52138" spans="14:14">
      <c r="N52138" s="10"/>
    </row>
    <row r="52139" spans="14:14">
      <c r="N52139" s="10"/>
    </row>
    <row r="52140" spans="14:14">
      <c r="N52140" s="10"/>
    </row>
    <row r="52141" spans="14:14">
      <c r="N52141" s="10"/>
    </row>
    <row r="52142" spans="14:14">
      <c r="N52142" s="10"/>
    </row>
    <row r="52143" spans="14:14">
      <c r="N52143" s="10"/>
    </row>
    <row r="52144" spans="14:14">
      <c r="N52144" s="10"/>
    </row>
    <row r="52145" spans="14:14">
      <c r="N52145" s="10"/>
    </row>
    <row r="52146" spans="14:14">
      <c r="N52146" s="10"/>
    </row>
    <row r="52147" spans="14:14">
      <c r="N52147" s="10"/>
    </row>
    <row r="52148" spans="14:14">
      <c r="N52148" s="10"/>
    </row>
    <row r="52149" spans="14:14">
      <c r="N52149" s="10"/>
    </row>
    <row r="52150" spans="14:14">
      <c r="N52150" s="10"/>
    </row>
    <row r="52151" spans="14:14">
      <c r="N52151" s="10"/>
    </row>
    <row r="52152" spans="14:14">
      <c r="N52152" s="10"/>
    </row>
    <row r="52153" spans="14:14">
      <c r="N52153" s="10"/>
    </row>
    <row r="52154" spans="14:14">
      <c r="N52154" s="10"/>
    </row>
    <row r="52155" spans="14:14">
      <c r="N52155" s="10"/>
    </row>
    <row r="52156" spans="14:14">
      <c r="N52156" s="10"/>
    </row>
    <row r="52157" spans="14:14">
      <c r="N52157" s="10"/>
    </row>
    <row r="52158" spans="14:14">
      <c r="N52158" s="10"/>
    </row>
    <row r="52159" spans="14:14">
      <c r="N52159" s="10"/>
    </row>
    <row r="52160" spans="14:14">
      <c r="N52160" s="10"/>
    </row>
    <row r="52161" spans="14:14">
      <c r="N52161" s="10"/>
    </row>
    <row r="52162" spans="14:14">
      <c r="N52162" s="10"/>
    </row>
    <row r="52163" spans="14:14">
      <c r="N52163" s="10"/>
    </row>
    <row r="52164" spans="14:14">
      <c r="N52164" s="10"/>
    </row>
    <row r="52165" spans="14:14">
      <c r="N52165" s="10"/>
    </row>
    <row r="52166" spans="14:14">
      <c r="N52166" s="10"/>
    </row>
    <row r="52167" spans="14:14">
      <c r="N52167" s="10"/>
    </row>
    <row r="52168" spans="14:14">
      <c r="N52168" s="10"/>
    </row>
    <row r="52169" spans="14:14">
      <c r="N52169" s="10"/>
    </row>
    <row r="52170" spans="14:14">
      <c r="N52170" s="10"/>
    </row>
    <row r="52171" spans="14:14">
      <c r="N52171" s="10"/>
    </row>
    <row r="52172" spans="14:14">
      <c r="N52172" s="10"/>
    </row>
    <row r="52173" spans="14:14">
      <c r="N52173" s="10"/>
    </row>
    <row r="52174" spans="14:14">
      <c r="N52174" s="10"/>
    </row>
    <row r="52175" spans="14:14">
      <c r="N52175" s="10"/>
    </row>
    <row r="52176" spans="14:14">
      <c r="N52176" s="10"/>
    </row>
    <row r="52177" spans="14:14">
      <c r="N52177" s="10"/>
    </row>
    <row r="52178" spans="14:14">
      <c r="N52178" s="10"/>
    </row>
    <row r="52179" spans="14:14">
      <c r="N52179" s="10"/>
    </row>
    <row r="52180" spans="14:14">
      <c r="N52180" s="10"/>
    </row>
    <row r="52181" spans="14:14">
      <c r="N52181" s="10"/>
    </row>
    <row r="52182" spans="14:14">
      <c r="N52182" s="10"/>
    </row>
    <row r="52183" spans="14:14">
      <c r="N52183" s="10"/>
    </row>
    <row r="52184" spans="14:14">
      <c r="N52184" s="10"/>
    </row>
    <row r="52185" spans="14:14">
      <c r="N52185" s="10"/>
    </row>
    <row r="52186" spans="14:14">
      <c r="N52186" s="10"/>
    </row>
    <row r="52187" spans="14:14">
      <c r="N52187" s="10"/>
    </row>
    <row r="52188" spans="14:14">
      <c r="N52188" s="10"/>
    </row>
    <row r="52189" spans="14:14">
      <c r="N52189" s="10"/>
    </row>
    <row r="52190" spans="14:14">
      <c r="N52190" s="10"/>
    </row>
    <row r="52191" spans="14:14">
      <c r="N52191" s="10"/>
    </row>
    <row r="52192" spans="14:14">
      <c r="N52192" s="10"/>
    </row>
    <row r="52193" spans="14:14">
      <c r="N52193" s="10"/>
    </row>
    <row r="52194" spans="14:14">
      <c r="N52194" s="10"/>
    </row>
    <row r="52195" spans="14:14">
      <c r="N52195" s="10"/>
    </row>
    <row r="52196" spans="14:14">
      <c r="N52196" s="10"/>
    </row>
    <row r="52197" spans="14:14">
      <c r="N52197" s="10"/>
    </row>
    <row r="52198" spans="14:14">
      <c r="N52198" s="10"/>
    </row>
    <row r="52199" spans="14:14">
      <c r="N52199" s="10"/>
    </row>
    <row r="52200" spans="14:14">
      <c r="N52200" s="10"/>
    </row>
    <row r="52201" spans="14:14">
      <c r="N52201" s="10"/>
    </row>
    <row r="52202" spans="14:14">
      <c r="N52202" s="10"/>
    </row>
    <row r="52203" spans="14:14">
      <c r="N52203" s="10"/>
    </row>
    <row r="52204" spans="14:14">
      <c r="N52204" s="10"/>
    </row>
    <row r="52205" spans="14:14">
      <c r="N52205" s="10"/>
    </row>
    <row r="52206" spans="14:14">
      <c r="N52206" s="10"/>
    </row>
    <row r="52207" spans="14:14">
      <c r="N52207" s="10"/>
    </row>
    <row r="52208" spans="14:14">
      <c r="N52208" s="10"/>
    </row>
    <row r="52209" spans="14:14">
      <c r="N52209" s="10"/>
    </row>
    <row r="52210" spans="14:14">
      <c r="N52210" s="10"/>
    </row>
    <row r="52211" spans="14:14">
      <c r="N52211" s="10"/>
    </row>
    <row r="52212" spans="14:14">
      <c r="N52212" s="10"/>
    </row>
    <row r="52213" spans="14:14">
      <c r="N52213" s="10"/>
    </row>
    <row r="52214" spans="14:14">
      <c r="N52214" s="10"/>
    </row>
    <row r="52215" spans="14:14">
      <c r="N52215" s="10"/>
    </row>
    <row r="52216" spans="14:14">
      <c r="N52216" s="10"/>
    </row>
    <row r="52217" spans="14:14">
      <c r="N52217" s="10"/>
    </row>
    <row r="52218" spans="14:14">
      <c r="N52218" s="10"/>
    </row>
    <row r="52219" spans="14:14">
      <c r="N52219" s="10"/>
    </row>
    <row r="52220" spans="14:14">
      <c r="N52220" s="10"/>
    </row>
    <row r="52221" spans="14:14">
      <c r="N52221" s="10"/>
    </row>
    <row r="52222" spans="14:14">
      <c r="N52222" s="10"/>
    </row>
    <row r="52223" spans="14:14">
      <c r="N52223" s="10"/>
    </row>
    <row r="52224" spans="14:14">
      <c r="N52224" s="10"/>
    </row>
    <row r="52225" spans="14:14">
      <c r="N52225" s="10"/>
    </row>
    <row r="52226" spans="14:14">
      <c r="N52226" s="10"/>
    </row>
    <row r="52227" spans="14:14">
      <c r="N52227" s="10"/>
    </row>
    <row r="52228" spans="14:14">
      <c r="N52228" s="10"/>
    </row>
    <row r="52229" spans="14:14">
      <c r="N52229" s="10"/>
    </row>
    <row r="52230" spans="14:14">
      <c r="N52230" s="10"/>
    </row>
    <row r="52231" spans="14:14">
      <c r="N52231" s="10"/>
    </row>
    <row r="52232" spans="14:14">
      <c r="N52232" s="10"/>
    </row>
    <row r="52233" spans="14:14">
      <c r="N52233" s="10"/>
    </row>
    <row r="52234" spans="14:14">
      <c r="N52234" s="10"/>
    </row>
    <row r="52235" spans="14:14">
      <c r="N52235" s="10"/>
    </row>
    <row r="52236" spans="14:14">
      <c r="N52236" s="10"/>
    </row>
    <row r="52237" spans="14:14">
      <c r="N52237" s="10"/>
    </row>
    <row r="52238" spans="14:14">
      <c r="N52238" s="10"/>
    </row>
    <row r="52239" spans="14:14">
      <c r="N52239" s="10"/>
    </row>
    <row r="52240" spans="14:14">
      <c r="N52240" s="10"/>
    </row>
    <row r="52241" spans="14:14">
      <c r="N52241" s="10"/>
    </row>
    <row r="52242" spans="14:14">
      <c r="N52242" s="10"/>
    </row>
    <row r="52243" spans="14:14">
      <c r="N52243" s="10"/>
    </row>
    <row r="52244" spans="14:14">
      <c r="N52244" s="10"/>
    </row>
    <row r="52245" spans="14:14">
      <c r="N52245" s="10"/>
    </row>
    <row r="52246" spans="14:14">
      <c r="N52246" s="10"/>
    </row>
    <row r="52247" spans="14:14">
      <c r="N52247" s="10"/>
    </row>
    <row r="52248" spans="14:14">
      <c r="N52248" s="10"/>
    </row>
    <row r="52249" spans="14:14">
      <c r="N52249" s="10"/>
    </row>
    <row r="52250" spans="14:14">
      <c r="N52250" s="10"/>
    </row>
    <row r="52251" spans="14:14">
      <c r="N52251" s="10"/>
    </row>
    <row r="52252" spans="14:14">
      <c r="N52252" s="10"/>
    </row>
    <row r="52253" spans="14:14">
      <c r="N52253" s="10"/>
    </row>
    <row r="52254" spans="14:14">
      <c r="N52254" s="10"/>
    </row>
    <row r="52255" spans="14:14">
      <c r="N52255" s="10"/>
    </row>
    <row r="52256" spans="14:14">
      <c r="N52256" s="10"/>
    </row>
    <row r="52257" spans="14:14">
      <c r="N52257" s="10"/>
    </row>
    <row r="52258" spans="14:14">
      <c r="N52258" s="10"/>
    </row>
    <row r="52259" spans="14:14">
      <c r="N52259" s="10"/>
    </row>
    <row r="52260" spans="14:14">
      <c r="N52260" s="10"/>
    </row>
    <row r="52261" spans="14:14">
      <c r="N52261" s="10"/>
    </row>
    <row r="52262" spans="14:14">
      <c r="N52262" s="10"/>
    </row>
    <row r="52263" spans="14:14">
      <c r="N52263" s="10"/>
    </row>
    <row r="52264" spans="14:14">
      <c r="N52264" s="10"/>
    </row>
    <row r="52265" spans="14:14">
      <c r="N52265" s="10"/>
    </row>
    <row r="52266" spans="14:14">
      <c r="N52266" s="10"/>
    </row>
    <row r="52267" spans="14:14">
      <c r="N52267" s="10"/>
    </row>
    <row r="52268" spans="14:14">
      <c r="N52268" s="10"/>
    </row>
    <row r="52269" spans="14:14">
      <c r="N52269" s="10"/>
    </row>
    <row r="52270" spans="14:14">
      <c r="N52270" s="10"/>
    </row>
    <row r="52271" spans="14:14">
      <c r="N52271" s="10"/>
    </row>
    <row r="52272" spans="14:14">
      <c r="N52272" s="10"/>
    </row>
    <row r="52273" spans="14:14">
      <c r="N52273" s="10"/>
    </row>
    <row r="52274" spans="14:14">
      <c r="N52274" s="10"/>
    </row>
    <row r="52275" spans="14:14">
      <c r="N52275" s="10"/>
    </row>
    <row r="52276" spans="14:14">
      <c r="N52276" s="10"/>
    </row>
    <row r="52277" spans="14:14">
      <c r="N52277" s="10"/>
    </row>
    <row r="52278" spans="14:14">
      <c r="N52278" s="10"/>
    </row>
    <row r="52279" spans="14:14">
      <c r="N52279" s="10"/>
    </row>
    <row r="52280" spans="14:14">
      <c r="N52280" s="10"/>
    </row>
    <row r="52281" spans="14:14">
      <c r="N52281" s="10"/>
    </row>
    <row r="52282" spans="14:14">
      <c r="N52282" s="10"/>
    </row>
    <row r="52283" spans="14:14">
      <c r="N52283" s="10"/>
    </row>
    <row r="52284" spans="14:14">
      <c r="N52284" s="10"/>
    </row>
    <row r="52285" spans="14:14">
      <c r="N52285" s="10"/>
    </row>
    <row r="52286" spans="14:14">
      <c r="N52286" s="10"/>
    </row>
    <row r="52287" spans="14:14">
      <c r="N52287" s="10"/>
    </row>
    <row r="52288" spans="14:14">
      <c r="N52288" s="10"/>
    </row>
    <row r="52289" spans="14:14">
      <c r="N52289" s="10"/>
    </row>
    <row r="52290" spans="14:14">
      <c r="N52290" s="10"/>
    </row>
    <row r="52291" spans="14:14">
      <c r="N52291" s="10"/>
    </row>
    <row r="52292" spans="14:14">
      <c r="N52292" s="10"/>
    </row>
    <row r="52293" spans="14:14">
      <c r="N52293" s="10"/>
    </row>
    <row r="52294" spans="14:14">
      <c r="N52294" s="10"/>
    </row>
    <row r="52295" spans="14:14">
      <c r="N52295" s="10"/>
    </row>
    <row r="52296" spans="14:14">
      <c r="N52296" s="10"/>
    </row>
    <row r="52297" spans="14:14">
      <c r="N52297" s="10"/>
    </row>
    <row r="52298" spans="14:14">
      <c r="N52298" s="10"/>
    </row>
    <row r="52299" spans="14:14">
      <c r="N52299" s="10"/>
    </row>
    <row r="52300" spans="14:14">
      <c r="N52300" s="10"/>
    </row>
    <row r="52301" spans="14:14">
      <c r="N52301" s="10"/>
    </row>
    <row r="52302" spans="14:14">
      <c r="N52302" s="10"/>
    </row>
    <row r="52303" spans="14:14">
      <c r="N52303" s="10"/>
    </row>
    <row r="52304" spans="14:14">
      <c r="N52304" s="10"/>
    </row>
    <row r="52305" spans="14:14">
      <c r="N52305" s="10"/>
    </row>
    <row r="52306" spans="14:14">
      <c r="N52306" s="10"/>
    </row>
    <row r="52307" spans="14:14">
      <c r="N52307" s="10"/>
    </row>
    <row r="52308" spans="14:14">
      <c r="N52308" s="10"/>
    </row>
    <row r="52309" spans="14:14">
      <c r="N52309" s="10"/>
    </row>
    <row r="52310" spans="14:14">
      <c r="N52310" s="10"/>
    </row>
    <row r="52311" spans="14:14">
      <c r="N52311" s="10"/>
    </row>
    <row r="52312" spans="14:14">
      <c r="N52312" s="10"/>
    </row>
    <row r="52313" spans="14:14">
      <c r="N52313" s="10"/>
    </row>
    <row r="52314" spans="14:14">
      <c r="N52314" s="10"/>
    </row>
    <row r="52315" spans="14:14">
      <c r="N52315" s="10"/>
    </row>
    <row r="52316" spans="14:14">
      <c r="N52316" s="10"/>
    </row>
    <row r="52317" spans="14:14">
      <c r="N52317" s="10"/>
    </row>
    <row r="52318" spans="14:14">
      <c r="N52318" s="10"/>
    </row>
    <row r="52319" spans="14:14">
      <c r="N52319" s="10"/>
    </row>
    <row r="52320" spans="14:14">
      <c r="N52320" s="10"/>
    </row>
    <row r="52321" spans="14:14">
      <c r="N52321" s="10"/>
    </row>
    <row r="52322" spans="14:14">
      <c r="N52322" s="10"/>
    </row>
    <row r="52323" spans="14:14">
      <c r="N52323" s="10"/>
    </row>
    <row r="52324" spans="14:14">
      <c r="N52324" s="10"/>
    </row>
    <row r="52325" spans="14:14">
      <c r="N52325" s="10"/>
    </row>
    <row r="52326" spans="14:14">
      <c r="N52326" s="10"/>
    </row>
    <row r="52327" spans="14:14">
      <c r="N52327" s="10"/>
    </row>
    <row r="52328" spans="14:14">
      <c r="N52328" s="10"/>
    </row>
    <row r="52329" spans="14:14">
      <c r="N52329" s="10"/>
    </row>
    <row r="52330" spans="14:14">
      <c r="N52330" s="10"/>
    </row>
    <row r="52331" spans="14:14">
      <c r="N52331" s="10"/>
    </row>
    <row r="52332" spans="14:14">
      <c r="N52332" s="10"/>
    </row>
    <row r="52333" spans="14:14">
      <c r="N52333" s="10"/>
    </row>
    <row r="52334" spans="14:14">
      <c r="N52334" s="10"/>
    </row>
    <row r="52335" spans="14:14">
      <c r="N52335" s="10"/>
    </row>
    <row r="52336" spans="14:14">
      <c r="N52336" s="10"/>
    </row>
    <row r="52337" spans="14:14">
      <c r="N52337" s="10"/>
    </row>
    <row r="52338" spans="14:14">
      <c r="N52338" s="10"/>
    </row>
    <row r="52339" spans="14:14">
      <c r="N52339" s="10"/>
    </row>
    <row r="52340" spans="14:14">
      <c r="N52340" s="10"/>
    </row>
    <row r="52341" spans="14:14">
      <c r="N52341" s="10"/>
    </row>
    <row r="52342" spans="14:14">
      <c r="N52342" s="10"/>
    </row>
    <row r="52343" spans="14:14">
      <c r="N52343" s="10"/>
    </row>
    <row r="52344" spans="14:14">
      <c r="N52344" s="10"/>
    </row>
    <row r="52345" spans="14:14">
      <c r="N52345" s="10"/>
    </row>
    <row r="52346" spans="14:14">
      <c r="N52346" s="10"/>
    </row>
    <row r="52347" spans="14:14">
      <c r="N52347" s="10"/>
    </row>
    <row r="52348" spans="14:14">
      <c r="N52348" s="10"/>
    </row>
    <row r="52349" spans="14:14">
      <c r="N52349" s="10"/>
    </row>
    <row r="52350" spans="14:14">
      <c r="N52350" s="10"/>
    </row>
    <row r="52351" spans="14:14">
      <c r="N52351" s="10"/>
    </row>
    <row r="52352" spans="14:14">
      <c r="N52352" s="10"/>
    </row>
    <row r="52353" spans="14:14">
      <c r="N52353" s="10"/>
    </row>
    <row r="52354" spans="14:14">
      <c r="N52354" s="10"/>
    </row>
    <row r="52355" spans="14:14">
      <c r="N52355" s="10"/>
    </row>
    <row r="52356" spans="14:14">
      <c r="N52356" s="10"/>
    </row>
    <row r="52357" spans="14:14">
      <c r="N52357" s="10"/>
    </row>
    <row r="52358" spans="14:14">
      <c r="N52358" s="10"/>
    </row>
    <row r="52359" spans="14:14">
      <c r="N52359" s="10"/>
    </row>
    <row r="52360" spans="14:14">
      <c r="N52360" s="10"/>
    </row>
    <row r="52361" spans="14:14">
      <c r="N52361" s="10"/>
    </row>
    <row r="52362" spans="14:14">
      <c r="N52362" s="10"/>
    </row>
    <row r="52363" spans="14:14">
      <c r="N52363" s="10"/>
    </row>
    <row r="52364" spans="14:14">
      <c r="N52364" s="10"/>
    </row>
    <row r="52365" spans="14:14">
      <c r="N52365" s="10"/>
    </row>
    <row r="52366" spans="14:14">
      <c r="N52366" s="10"/>
    </row>
    <row r="52367" spans="14:14">
      <c r="N52367" s="10"/>
    </row>
    <row r="52368" spans="14:14">
      <c r="N52368" s="10"/>
    </row>
    <row r="52369" spans="14:14">
      <c r="N52369" s="10"/>
    </row>
    <row r="52370" spans="14:14">
      <c r="N52370" s="10"/>
    </row>
    <row r="52371" spans="14:14">
      <c r="N52371" s="10"/>
    </row>
    <row r="52372" spans="14:14">
      <c r="N52372" s="10"/>
    </row>
    <row r="52373" spans="14:14">
      <c r="N52373" s="10"/>
    </row>
    <row r="52374" spans="14:14">
      <c r="N52374" s="10"/>
    </row>
    <row r="52375" spans="14:14">
      <c r="N52375" s="10"/>
    </row>
    <row r="52376" spans="14:14">
      <c r="N52376" s="10"/>
    </row>
    <row r="52377" spans="14:14">
      <c r="N52377" s="10"/>
    </row>
    <row r="52378" spans="14:14">
      <c r="N52378" s="10"/>
    </row>
    <row r="52379" spans="14:14">
      <c r="N52379" s="10"/>
    </row>
    <row r="52380" spans="14:14">
      <c r="N52380" s="10"/>
    </row>
    <row r="52381" spans="14:14">
      <c r="N52381" s="10"/>
    </row>
    <row r="52382" spans="14:14">
      <c r="N52382" s="10"/>
    </row>
    <row r="52383" spans="14:14">
      <c r="N52383" s="10"/>
    </row>
    <row r="52384" spans="14:14">
      <c r="N52384" s="10"/>
    </row>
    <row r="52385" spans="14:14">
      <c r="N52385" s="10"/>
    </row>
    <row r="52386" spans="14:14">
      <c r="N52386" s="10"/>
    </row>
    <row r="52387" spans="14:14">
      <c r="N52387" s="10"/>
    </row>
    <row r="52388" spans="14:14">
      <c r="N52388" s="10"/>
    </row>
    <row r="52389" spans="14:14">
      <c r="N52389" s="10"/>
    </row>
    <row r="52390" spans="14:14">
      <c r="N52390" s="10"/>
    </row>
    <row r="52391" spans="14:14">
      <c r="N52391" s="10"/>
    </row>
    <row r="52392" spans="14:14">
      <c r="N52392" s="10"/>
    </row>
    <row r="52393" spans="14:14">
      <c r="N52393" s="10"/>
    </row>
    <row r="52394" spans="14:14">
      <c r="N52394" s="10"/>
    </row>
    <row r="52395" spans="14:14">
      <c r="N52395" s="10"/>
    </row>
    <row r="52396" spans="14:14">
      <c r="N52396" s="10"/>
    </row>
    <row r="52397" spans="14:14">
      <c r="N52397" s="10"/>
    </row>
    <row r="52398" spans="14:14">
      <c r="N52398" s="10"/>
    </row>
    <row r="52399" spans="14:14">
      <c r="N52399" s="10"/>
    </row>
    <row r="52400" spans="14:14">
      <c r="N52400" s="10"/>
    </row>
    <row r="52401" spans="14:14">
      <c r="N52401" s="10"/>
    </row>
    <row r="52402" spans="14:14">
      <c r="N52402" s="10"/>
    </row>
    <row r="52403" spans="14:14">
      <c r="N52403" s="10"/>
    </row>
    <row r="52404" spans="14:14">
      <c r="N52404" s="10"/>
    </row>
    <row r="52405" spans="14:14">
      <c r="N52405" s="10"/>
    </row>
    <row r="52406" spans="14:14">
      <c r="N52406" s="10"/>
    </row>
    <row r="52407" spans="14:14">
      <c r="N52407" s="10"/>
    </row>
    <row r="52408" spans="14:14">
      <c r="N52408" s="10"/>
    </row>
    <row r="52409" spans="14:14">
      <c r="N52409" s="10"/>
    </row>
    <row r="52410" spans="14:14">
      <c r="N52410" s="10"/>
    </row>
    <row r="52411" spans="14:14">
      <c r="N52411" s="10"/>
    </row>
    <row r="52412" spans="14:14">
      <c r="N52412" s="10"/>
    </row>
    <row r="52413" spans="14:14">
      <c r="N52413" s="10"/>
    </row>
    <row r="52414" spans="14:14">
      <c r="N52414" s="10"/>
    </row>
    <row r="52415" spans="14:14">
      <c r="N52415" s="10"/>
    </row>
    <row r="52416" spans="14:14">
      <c r="N52416" s="10"/>
    </row>
    <row r="52417" spans="14:14">
      <c r="N52417" s="10"/>
    </row>
    <row r="52418" spans="14:14">
      <c r="N52418" s="10"/>
    </row>
    <row r="52419" spans="14:14">
      <c r="N52419" s="10"/>
    </row>
    <row r="52420" spans="14:14">
      <c r="N52420" s="10"/>
    </row>
    <row r="52421" spans="14:14">
      <c r="N52421" s="10"/>
    </row>
    <row r="52422" spans="14:14">
      <c r="N52422" s="10"/>
    </row>
    <row r="52423" spans="14:14">
      <c r="N52423" s="10"/>
    </row>
    <row r="52424" spans="14:14">
      <c r="N52424" s="10"/>
    </row>
    <row r="52425" spans="14:14">
      <c r="N52425" s="10"/>
    </row>
    <row r="52426" spans="14:14">
      <c r="N52426" s="10"/>
    </row>
    <row r="52427" spans="14:14">
      <c r="N52427" s="10"/>
    </row>
    <row r="52428" spans="14:14">
      <c r="N52428" s="10"/>
    </row>
    <row r="52429" spans="14:14">
      <c r="N52429" s="10"/>
    </row>
    <row r="52430" spans="14:14">
      <c r="N52430" s="10"/>
    </row>
    <row r="52431" spans="14:14">
      <c r="N52431" s="10"/>
    </row>
    <row r="52432" spans="14:14">
      <c r="N52432" s="10"/>
    </row>
    <row r="52433" spans="14:14">
      <c r="N52433" s="10"/>
    </row>
    <row r="52434" spans="14:14">
      <c r="N52434" s="10"/>
    </row>
    <row r="52435" spans="14:14">
      <c r="N52435" s="10"/>
    </row>
    <row r="52436" spans="14:14">
      <c r="N52436" s="10"/>
    </row>
    <row r="52437" spans="14:14">
      <c r="N52437" s="10"/>
    </row>
    <row r="52438" spans="14:14">
      <c r="N52438" s="10"/>
    </row>
    <row r="52439" spans="14:14">
      <c r="N52439" s="10"/>
    </row>
    <row r="52440" spans="14:14">
      <c r="N52440" s="10"/>
    </row>
    <row r="52441" spans="14:14">
      <c r="N52441" s="10"/>
    </row>
    <row r="52442" spans="14:14">
      <c r="N52442" s="10"/>
    </row>
    <row r="52443" spans="14:14">
      <c r="N52443" s="10"/>
    </row>
    <row r="52444" spans="14:14">
      <c r="N52444" s="10"/>
    </row>
    <row r="52445" spans="14:14">
      <c r="N52445" s="10"/>
    </row>
    <row r="52446" spans="14:14">
      <c r="N52446" s="10"/>
    </row>
    <row r="52447" spans="14:14">
      <c r="N52447" s="10"/>
    </row>
    <row r="52448" spans="14:14">
      <c r="N52448" s="10"/>
    </row>
    <row r="52449" spans="14:14">
      <c r="N52449" s="10"/>
    </row>
    <row r="52450" spans="14:14">
      <c r="N52450" s="10"/>
    </row>
    <row r="52451" spans="14:14">
      <c r="N52451" s="10"/>
    </row>
    <row r="52452" spans="14:14">
      <c r="N52452" s="10"/>
    </row>
    <row r="52453" spans="14:14">
      <c r="N52453" s="10"/>
    </row>
    <row r="52454" spans="14:14">
      <c r="N52454" s="10"/>
    </row>
    <row r="52455" spans="14:14">
      <c r="N52455" s="10"/>
    </row>
    <row r="52456" spans="14:14">
      <c r="N52456" s="10"/>
    </row>
    <row r="52457" spans="14:14">
      <c r="N52457" s="10"/>
    </row>
    <row r="52458" spans="14:14">
      <c r="N52458" s="10"/>
    </row>
    <row r="52459" spans="14:14">
      <c r="N52459" s="10"/>
    </row>
    <row r="52460" spans="14:14">
      <c r="N52460" s="10"/>
    </row>
    <row r="52461" spans="14:14">
      <c r="N52461" s="10"/>
    </row>
    <row r="52462" spans="14:14">
      <c r="N52462" s="10"/>
    </row>
    <row r="52463" spans="14:14">
      <c r="N52463" s="10"/>
    </row>
    <row r="52464" spans="14:14">
      <c r="N52464" s="10"/>
    </row>
    <row r="52465" spans="14:14">
      <c r="N52465" s="10"/>
    </row>
    <row r="52466" spans="14:14">
      <c r="N52466" s="10"/>
    </row>
    <row r="52467" spans="14:14">
      <c r="N52467" s="10"/>
    </row>
    <row r="52468" spans="14:14">
      <c r="N52468" s="10"/>
    </row>
    <row r="52469" spans="14:14">
      <c r="N52469" s="10"/>
    </row>
    <row r="52470" spans="14:14">
      <c r="N52470" s="10"/>
    </row>
    <row r="52471" spans="14:14">
      <c r="N52471" s="10"/>
    </row>
    <row r="52472" spans="14:14">
      <c r="N52472" s="10"/>
    </row>
    <row r="52473" spans="14:14">
      <c r="N52473" s="10"/>
    </row>
    <row r="52474" spans="14:14">
      <c r="N52474" s="10"/>
    </row>
    <row r="52475" spans="14:14">
      <c r="N52475" s="10"/>
    </row>
    <row r="52476" spans="14:14">
      <c r="N52476" s="10"/>
    </row>
    <row r="52477" spans="14:14">
      <c r="N52477" s="10"/>
    </row>
    <row r="52478" spans="14:14">
      <c r="N52478" s="10"/>
    </row>
    <row r="52479" spans="14:14">
      <c r="N52479" s="10"/>
    </row>
    <row r="52480" spans="14:14">
      <c r="N52480" s="10"/>
    </row>
    <row r="52481" spans="14:14">
      <c r="N52481" s="10"/>
    </row>
    <row r="52482" spans="14:14">
      <c r="N52482" s="10"/>
    </row>
    <row r="52483" spans="14:14">
      <c r="N52483" s="10"/>
    </row>
    <row r="52484" spans="14:14">
      <c r="N52484" s="10"/>
    </row>
    <row r="52485" spans="14:14">
      <c r="N52485" s="10"/>
    </row>
    <row r="52486" spans="14:14">
      <c r="N52486" s="10"/>
    </row>
    <row r="52487" spans="14:14">
      <c r="N52487" s="10"/>
    </row>
    <row r="52488" spans="14:14">
      <c r="N52488" s="10"/>
    </row>
    <row r="52489" spans="14:14">
      <c r="N52489" s="10"/>
    </row>
    <row r="52490" spans="14:14">
      <c r="N52490" s="10"/>
    </row>
    <row r="52491" spans="14:14">
      <c r="N52491" s="10"/>
    </row>
    <row r="52492" spans="14:14">
      <c r="N52492" s="10"/>
    </row>
    <row r="52493" spans="14:14">
      <c r="N52493" s="10"/>
    </row>
    <row r="52494" spans="14:14">
      <c r="N52494" s="10"/>
    </row>
    <row r="52495" spans="14:14">
      <c r="N52495" s="10"/>
    </row>
    <row r="52496" spans="14:14">
      <c r="N52496" s="10"/>
    </row>
    <row r="52497" spans="14:14">
      <c r="N52497" s="10"/>
    </row>
    <row r="52498" spans="14:14">
      <c r="N52498" s="10"/>
    </row>
    <row r="52499" spans="14:14">
      <c r="N52499" s="10"/>
    </row>
    <row r="52500" spans="14:14">
      <c r="N52500" s="10"/>
    </row>
    <row r="52501" spans="14:14">
      <c r="N52501" s="10"/>
    </row>
    <row r="52502" spans="14:14">
      <c r="N52502" s="10"/>
    </row>
    <row r="52503" spans="14:14">
      <c r="N52503" s="10"/>
    </row>
    <row r="52504" spans="14:14">
      <c r="N52504" s="10"/>
    </row>
    <row r="52505" spans="14:14">
      <c r="N52505" s="10"/>
    </row>
    <row r="52506" spans="14:14">
      <c r="N52506" s="10"/>
    </row>
    <row r="52507" spans="14:14">
      <c r="N52507" s="10"/>
    </row>
    <row r="52508" spans="14:14">
      <c r="N52508" s="10"/>
    </row>
    <row r="52509" spans="14:14">
      <c r="N52509" s="10"/>
    </row>
    <row r="52510" spans="14:14">
      <c r="N52510" s="10"/>
    </row>
    <row r="52511" spans="14:14">
      <c r="N52511" s="10"/>
    </row>
    <row r="52512" spans="14:14">
      <c r="N52512" s="10"/>
    </row>
    <row r="52513" spans="14:14">
      <c r="N52513" s="10"/>
    </row>
    <row r="52514" spans="14:14">
      <c r="N52514" s="10"/>
    </row>
    <row r="52515" spans="14:14">
      <c r="N52515" s="10"/>
    </row>
    <row r="52516" spans="14:14">
      <c r="N52516" s="10"/>
    </row>
    <row r="52517" spans="14:14">
      <c r="N52517" s="10"/>
    </row>
    <row r="52518" spans="14:14">
      <c r="N52518" s="10"/>
    </row>
    <row r="52519" spans="14:14">
      <c r="N52519" s="10"/>
    </row>
    <row r="52520" spans="14:14">
      <c r="N52520" s="10"/>
    </row>
    <row r="52521" spans="14:14">
      <c r="N52521" s="10"/>
    </row>
    <row r="52522" spans="14:14">
      <c r="N52522" s="10"/>
    </row>
    <row r="52523" spans="14:14">
      <c r="N52523" s="10"/>
    </row>
    <row r="52524" spans="14:14">
      <c r="N52524" s="10"/>
    </row>
    <row r="52525" spans="14:14">
      <c r="N52525" s="10"/>
    </row>
    <row r="52526" spans="14:14">
      <c r="N52526" s="10"/>
    </row>
    <row r="52527" spans="14:14">
      <c r="N52527" s="10"/>
    </row>
    <row r="52528" spans="14:14">
      <c r="N52528" s="10"/>
    </row>
    <row r="52529" spans="14:14">
      <c r="N52529" s="10"/>
    </row>
    <row r="52530" spans="14:14">
      <c r="N52530" s="10"/>
    </row>
    <row r="52531" spans="14:14">
      <c r="N52531" s="10"/>
    </row>
    <row r="52532" spans="14:14">
      <c r="N52532" s="10"/>
    </row>
    <row r="52533" spans="14:14">
      <c r="N52533" s="10"/>
    </row>
    <row r="52534" spans="14:14">
      <c r="N52534" s="10"/>
    </row>
    <row r="52535" spans="14:14">
      <c r="N52535" s="10"/>
    </row>
    <row r="52536" spans="14:14">
      <c r="N52536" s="10"/>
    </row>
    <row r="52537" spans="14:14">
      <c r="N52537" s="10"/>
    </row>
    <row r="52538" spans="14:14">
      <c r="N52538" s="10"/>
    </row>
    <row r="52539" spans="14:14">
      <c r="N52539" s="10"/>
    </row>
    <row r="52540" spans="14:14">
      <c r="N52540" s="10"/>
    </row>
    <row r="52541" spans="14:14">
      <c r="N52541" s="10"/>
    </row>
    <row r="52542" spans="14:14">
      <c r="N52542" s="10"/>
    </row>
    <row r="52543" spans="14:14">
      <c r="N52543" s="10"/>
    </row>
    <row r="52544" spans="14:14">
      <c r="N52544" s="10"/>
    </row>
    <row r="52545" spans="14:14">
      <c r="N52545" s="10"/>
    </row>
    <row r="52546" spans="14:14">
      <c r="N52546" s="10"/>
    </row>
    <row r="52547" spans="14:14">
      <c r="N52547" s="10"/>
    </row>
    <row r="52548" spans="14:14">
      <c r="N52548" s="10"/>
    </row>
    <row r="52549" spans="14:14">
      <c r="N52549" s="10"/>
    </row>
    <row r="52550" spans="14:14">
      <c r="N52550" s="10"/>
    </row>
    <row r="52551" spans="14:14">
      <c r="N52551" s="10"/>
    </row>
    <row r="52552" spans="14:14">
      <c r="N52552" s="10"/>
    </row>
    <row r="52553" spans="14:14">
      <c r="N52553" s="10"/>
    </row>
    <row r="52554" spans="14:14">
      <c r="N52554" s="10"/>
    </row>
    <row r="52555" spans="14:14">
      <c r="N52555" s="10"/>
    </row>
    <row r="52556" spans="14:14">
      <c r="N52556" s="10"/>
    </row>
    <row r="52557" spans="14:14">
      <c r="N52557" s="10"/>
    </row>
    <row r="52558" spans="14:14">
      <c r="N52558" s="10"/>
    </row>
    <row r="52559" spans="14:14">
      <c r="N52559" s="10"/>
    </row>
    <row r="52560" spans="14:14">
      <c r="N52560" s="10"/>
    </row>
    <row r="52561" spans="14:14">
      <c r="N52561" s="10"/>
    </row>
    <row r="52562" spans="14:14">
      <c r="N52562" s="10"/>
    </row>
    <row r="52563" spans="14:14">
      <c r="N52563" s="10"/>
    </row>
    <row r="52564" spans="14:14">
      <c r="N52564" s="10"/>
    </row>
    <row r="52565" spans="14:14">
      <c r="N52565" s="10"/>
    </row>
    <row r="52566" spans="14:14">
      <c r="N52566" s="10"/>
    </row>
    <row r="52567" spans="14:14">
      <c r="N52567" s="10"/>
    </row>
    <row r="52568" spans="14:14">
      <c r="N52568" s="10"/>
    </row>
    <row r="52569" spans="14:14">
      <c r="N52569" s="10"/>
    </row>
    <row r="52570" spans="14:14">
      <c r="N52570" s="10"/>
    </row>
    <row r="52571" spans="14:14">
      <c r="N52571" s="10"/>
    </row>
    <row r="52572" spans="14:14">
      <c r="N52572" s="10"/>
    </row>
    <row r="52573" spans="14:14">
      <c r="N52573" s="10"/>
    </row>
    <row r="52574" spans="14:14">
      <c r="N52574" s="10"/>
    </row>
    <row r="52575" spans="14:14">
      <c r="N52575" s="10"/>
    </row>
    <row r="52576" spans="14:14">
      <c r="N52576" s="10"/>
    </row>
    <row r="52577" spans="14:14">
      <c r="N52577" s="10"/>
    </row>
    <row r="52578" spans="14:14">
      <c r="N52578" s="10"/>
    </row>
    <row r="52579" spans="14:14">
      <c r="N52579" s="10"/>
    </row>
    <row r="52580" spans="14:14">
      <c r="N52580" s="10"/>
    </row>
    <row r="52581" spans="14:14">
      <c r="N52581" s="10"/>
    </row>
    <row r="52582" spans="14:14">
      <c r="N52582" s="10"/>
    </row>
    <row r="52583" spans="14:14">
      <c r="N52583" s="10"/>
    </row>
    <row r="52584" spans="14:14">
      <c r="N52584" s="10"/>
    </row>
    <row r="52585" spans="14:14">
      <c r="N52585" s="10"/>
    </row>
    <row r="52586" spans="14:14">
      <c r="N52586" s="10"/>
    </row>
    <row r="52587" spans="14:14">
      <c r="N52587" s="10"/>
    </row>
    <row r="52588" spans="14:14">
      <c r="N52588" s="10"/>
    </row>
    <row r="52589" spans="14:14">
      <c r="N52589" s="10"/>
    </row>
    <row r="52590" spans="14:14">
      <c r="N52590" s="10"/>
    </row>
    <row r="52591" spans="14:14">
      <c r="N52591" s="10"/>
    </row>
    <row r="52592" spans="14:14">
      <c r="N52592" s="10"/>
    </row>
    <row r="52593" spans="14:14">
      <c r="N52593" s="10"/>
    </row>
    <row r="52594" spans="14:14">
      <c r="N52594" s="10"/>
    </row>
    <row r="52595" spans="14:14">
      <c r="N52595" s="10"/>
    </row>
    <row r="52596" spans="14:14">
      <c r="N52596" s="10"/>
    </row>
    <row r="52597" spans="14:14">
      <c r="N52597" s="10"/>
    </row>
    <row r="52598" spans="14:14">
      <c r="N52598" s="10"/>
    </row>
    <row r="52599" spans="14:14">
      <c r="N52599" s="10"/>
    </row>
    <row r="52600" spans="14:14">
      <c r="N52600" s="10"/>
    </row>
    <row r="52601" spans="14:14">
      <c r="N52601" s="10"/>
    </row>
    <row r="52602" spans="14:14">
      <c r="N52602" s="10"/>
    </row>
    <row r="52603" spans="14:14">
      <c r="N52603" s="10"/>
    </row>
    <row r="52604" spans="14:14">
      <c r="N52604" s="10"/>
    </row>
    <row r="52605" spans="14:14">
      <c r="N52605" s="10"/>
    </row>
    <row r="52606" spans="14:14">
      <c r="N52606" s="10"/>
    </row>
    <row r="52607" spans="14:14">
      <c r="N52607" s="10"/>
    </row>
    <row r="52608" spans="14:14">
      <c r="N52608" s="10"/>
    </row>
    <row r="52609" spans="14:14">
      <c r="N52609" s="10"/>
    </row>
    <row r="52610" spans="14:14">
      <c r="N52610" s="10"/>
    </row>
    <row r="52611" spans="14:14">
      <c r="N52611" s="10"/>
    </row>
    <row r="52612" spans="14:14">
      <c r="N52612" s="10"/>
    </row>
    <row r="52613" spans="14:14">
      <c r="N52613" s="10"/>
    </row>
    <row r="52614" spans="14:14">
      <c r="N52614" s="10"/>
    </row>
    <row r="52615" spans="14:14">
      <c r="N52615" s="10"/>
    </row>
    <row r="52616" spans="14:14">
      <c r="N52616" s="10"/>
    </row>
    <row r="52617" spans="14:14">
      <c r="N52617" s="10"/>
    </row>
    <row r="52618" spans="14:14">
      <c r="N52618" s="10"/>
    </row>
    <row r="52619" spans="14:14">
      <c r="N52619" s="10"/>
    </row>
    <row r="52620" spans="14:14">
      <c r="N52620" s="10"/>
    </row>
    <row r="52621" spans="14:14">
      <c r="N52621" s="10"/>
    </row>
    <row r="52622" spans="14:14">
      <c r="N52622" s="10"/>
    </row>
    <row r="52623" spans="14:14">
      <c r="N52623" s="10"/>
    </row>
    <row r="52624" spans="14:14">
      <c r="N52624" s="10"/>
    </row>
    <row r="52625" spans="14:14">
      <c r="N52625" s="10"/>
    </row>
    <row r="52626" spans="14:14">
      <c r="N52626" s="10"/>
    </row>
    <row r="52627" spans="14:14">
      <c r="N52627" s="10"/>
    </row>
    <row r="52628" spans="14:14">
      <c r="N52628" s="10"/>
    </row>
    <row r="52629" spans="14:14">
      <c r="N52629" s="10"/>
    </row>
    <row r="52630" spans="14:14">
      <c r="N52630" s="10"/>
    </row>
    <row r="52631" spans="14:14">
      <c r="N52631" s="10"/>
    </row>
    <row r="52632" spans="14:14">
      <c r="N52632" s="10"/>
    </row>
    <row r="52633" spans="14:14">
      <c r="N52633" s="10"/>
    </row>
    <row r="52634" spans="14:14">
      <c r="N52634" s="10"/>
    </row>
    <row r="52635" spans="14:14">
      <c r="N52635" s="10"/>
    </row>
    <row r="52636" spans="14:14">
      <c r="N52636" s="10"/>
    </row>
    <row r="52637" spans="14:14">
      <c r="N52637" s="10"/>
    </row>
    <row r="52638" spans="14:14">
      <c r="N52638" s="10"/>
    </row>
    <row r="52639" spans="14:14">
      <c r="N52639" s="10"/>
    </row>
    <row r="52640" spans="14:14">
      <c r="N52640" s="10"/>
    </row>
    <row r="52641" spans="14:14">
      <c r="N52641" s="10"/>
    </row>
    <row r="52642" spans="14:14">
      <c r="N52642" s="10"/>
    </row>
    <row r="52643" spans="14:14">
      <c r="N52643" s="10"/>
    </row>
    <row r="52644" spans="14:14">
      <c r="N52644" s="10"/>
    </row>
    <row r="52645" spans="14:14">
      <c r="N52645" s="10"/>
    </row>
    <row r="52646" spans="14:14">
      <c r="N52646" s="10"/>
    </row>
    <row r="52647" spans="14:14">
      <c r="N52647" s="10"/>
    </row>
    <row r="52648" spans="14:14">
      <c r="N52648" s="10"/>
    </row>
    <row r="52649" spans="14:14">
      <c r="N52649" s="10"/>
    </row>
    <row r="52650" spans="14:14">
      <c r="N52650" s="10"/>
    </row>
    <row r="52651" spans="14:14">
      <c r="N52651" s="10"/>
    </row>
    <row r="52652" spans="14:14">
      <c r="N52652" s="10"/>
    </row>
    <row r="52653" spans="14:14">
      <c r="N52653" s="10"/>
    </row>
    <row r="52654" spans="14:14">
      <c r="N52654" s="10"/>
    </row>
    <row r="52655" spans="14:14">
      <c r="N52655" s="10"/>
    </row>
    <row r="52656" spans="14:14">
      <c r="N52656" s="10"/>
    </row>
    <row r="52657" spans="14:14">
      <c r="N52657" s="10"/>
    </row>
    <row r="52658" spans="14:14">
      <c r="N52658" s="10"/>
    </row>
    <row r="52659" spans="14:14">
      <c r="N52659" s="10"/>
    </row>
    <row r="52660" spans="14:14">
      <c r="N52660" s="10"/>
    </row>
    <row r="52661" spans="14:14">
      <c r="N52661" s="10"/>
    </row>
    <row r="52662" spans="14:14">
      <c r="N52662" s="10"/>
    </row>
    <row r="52663" spans="14:14">
      <c r="N52663" s="10"/>
    </row>
    <row r="52664" spans="14:14">
      <c r="N52664" s="10"/>
    </row>
    <row r="52665" spans="14:14">
      <c r="N52665" s="10"/>
    </row>
    <row r="52666" spans="14:14">
      <c r="N52666" s="10"/>
    </row>
    <row r="52667" spans="14:14">
      <c r="N52667" s="10"/>
    </row>
    <row r="52668" spans="14:14">
      <c r="N52668" s="10"/>
    </row>
    <row r="52669" spans="14:14">
      <c r="N52669" s="10"/>
    </row>
    <row r="52670" spans="14:14">
      <c r="N52670" s="10"/>
    </row>
    <row r="52671" spans="14:14">
      <c r="N52671" s="10"/>
    </row>
    <row r="52672" spans="14:14">
      <c r="N52672" s="10"/>
    </row>
    <row r="52673" spans="14:14">
      <c r="N52673" s="10"/>
    </row>
    <row r="52674" spans="14:14">
      <c r="N52674" s="10"/>
    </row>
    <row r="52675" spans="14:14">
      <c r="N52675" s="10"/>
    </row>
    <row r="52676" spans="14:14">
      <c r="N52676" s="10"/>
    </row>
    <row r="52677" spans="14:14">
      <c r="N52677" s="10"/>
    </row>
    <row r="52678" spans="14:14">
      <c r="N52678" s="10"/>
    </row>
    <row r="52679" spans="14:14">
      <c r="N52679" s="10"/>
    </row>
    <row r="52680" spans="14:14">
      <c r="N52680" s="10"/>
    </row>
    <row r="52681" spans="14:14">
      <c r="N52681" s="10"/>
    </row>
    <row r="52682" spans="14:14">
      <c r="N52682" s="10"/>
    </row>
    <row r="52683" spans="14:14">
      <c r="N52683" s="10"/>
    </row>
    <row r="52684" spans="14:14">
      <c r="N52684" s="10"/>
    </row>
    <row r="52685" spans="14:14">
      <c r="N52685" s="10"/>
    </row>
    <row r="52686" spans="14:14">
      <c r="N52686" s="10"/>
    </row>
    <row r="52687" spans="14:14">
      <c r="N52687" s="10"/>
    </row>
    <row r="52688" spans="14:14">
      <c r="N52688" s="10"/>
    </row>
    <row r="52689" spans="14:14">
      <c r="N52689" s="10"/>
    </row>
    <row r="52690" spans="14:14">
      <c r="N52690" s="10"/>
    </row>
    <row r="52691" spans="14:14">
      <c r="N52691" s="10"/>
    </row>
    <row r="52692" spans="14:14">
      <c r="N52692" s="10"/>
    </row>
    <row r="52693" spans="14:14">
      <c r="N52693" s="10"/>
    </row>
    <row r="52694" spans="14:14">
      <c r="N52694" s="10"/>
    </row>
    <row r="52695" spans="14:14">
      <c r="N52695" s="10"/>
    </row>
    <row r="52696" spans="14:14">
      <c r="N52696" s="10"/>
    </row>
    <row r="52697" spans="14:14">
      <c r="N52697" s="10"/>
    </row>
    <row r="52698" spans="14:14">
      <c r="N52698" s="10"/>
    </row>
    <row r="52699" spans="14:14">
      <c r="N52699" s="10"/>
    </row>
    <row r="52700" spans="14:14">
      <c r="N52700" s="10"/>
    </row>
    <row r="52701" spans="14:14">
      <c r="N52701" s="10"/>
    </row>
    <row r="52702" spans="14:14">
      <c r="N52702" s="10"/>
    </row>
    <row r="52703" spans="14:14">
      <c r="N52703" s="10"/>
    </row>
    <row r="52704" spans="14:14">
      <c r="N52704" s="10"/>
    </row>
    <row r="52705" spans="14:14">
      <c r="N52705" s="10"/>
    </row>
    <row r="52706" spans="14:14">
      <c r="N52706" s="10"/>
    </row>
    <row r="52707" spans="14:14">
      <c r="N52707" s="10"/>
    </row>
    <row r="52708" spans="14:14">
      <c r="N52708" s="10"/>
    </row>
    <row r="52709" spans="14:14">
      <c r="N52709" s="10"/>
    </row>
    <row r="52710" spans="14:14">
      <c r="N52710" s="10"/>
    </row>
    <row r="52711" spans="14:14">
      <c r="N52711" s="10"/>
    </row>
    <row r="52712" spans="14:14">
      <c r="N52712" s="10"/>
    </row>
    <row r="52713" spans="14:14">
      <c r="N52713" s="10"/>
    </row>
    <row r="52714" spans="14:14">
      <c r="N52714" s="10"/>
    </row>
    <row r="52715" spans="14:14">
      <c r="N52715" s="10"/>
    </row>
    <row r="52716" spans="14:14">
      <c r="N52716" s="10"/>
    </row>
    <row r="52717" spans="14:14">
      <c r="N52717" s="10"/>
    </row>
    <row r="52718" spans="14:14">
      <c r="N52718" s="10"/>
    </row>
    <row r="52719" spans="14:14">
      <c r="N52719" s="10"/>
    </row>
    <row r="52720" spans="14:14">
      <c r="N52720" s="10"/>
    </row>
    <row r="52721" spans="14:14">
      <c r="N52721" s="10"/>
    </row>
    <row r="52722" spans="14:14">
      <c r="N52722" s="10"/>
    </row>
    <row r="52723" spans="14:14">
      <c r="N52723" s="10"/>
    </row>
    <row r="52724" spans="14:14">
      <c r="N52724" s="10"/>
    </row>
    <row r="52725" spans="14:14">
      <c r="N52725" s="10"/>
    </row>
    <row r="52726" spans="14:14">
      <c r="N52726" s="10"/>
    </row>
    <row r="52727" spans="14:14">
      <c r="N52727" s="10"/>
    </row>
    <row r="52728" spans="14:14">
      <c r="N52728" s="10"/>
    </row>
    <row r="52729" spans="14:14">
      <c r="N52729" s="10"/>
    </row>
    <row r="52730" spans="14:14">
      <c r="N52730" s="10"/>
    </row>
    <row r="52731" spans="14:14">
      <c r="N52731" s="10"/>
    </row>
    <row r="52732" spans="14:14">
      <c r="N52732" s="10"/>
    </row>
    <row r="52733" spans="14:14">
      <c r="N52733" s="10"/>
    </row>
    <row r="52734" spans="14:14">
      <c r="N52734" s="10"/>
    </row>
    <row r="52735" spans="14:14">
      <c r="N52735" s="10"/>
    </row>
    <row r="52736" spans="14:14">
      <c r="N52736" s="10"/>
    </row>
    <row r="52737" spans="14:14">
      <c r="N52737" s="10"/>
    </row>
    <row r="52738" spans="14:14">
      <c r="N52738" s="10"/>
    </row>
    <row r="52739" spans="14:14">
      <c r="N52739" s="10"/>
    </row>
    <row r="52740" spans="14:14">
      <c r="N52740" s="10"/>
    </row>
    <row r="52741" spans="14:14">
      <c r="N52741" s="10"/>
    </row>
    <row r="52742" spans="14:14">
      <c r="N52742" s="10"/>
    </row>
    <row r="52743" spans="14:14">
      <c r="N52743" s="10"/>
    </row>
    <row r="52744" spans="14:14">
      <c r="N52744" s="10"/>
    </row>
    <row r="52745" spans="14:14">
      <c r="N52745" s="10"/>
    </row>
    <row r="52746" spans="14:14">
      <c r="N52746" s="10"/>
    </row>
    <row r="52747" spans="14:14">
      <c r="N52747" s="10"/>
    </row>
    <row r="52748" spans="14:14">
      <c r="N52748" s="10"/>
    </row>
    <row r="52749" spans="14:14">
      <c r="N52749" s="10"/>
    </row>
    <row r="52750" spans="14:14">
      <c r="N52750" s="10"/>
    </row>
    <row r="52751" spans="14:14">
      <c r="N52751" s="10"/>
    </row>
    <row r="52752" spans="14:14">
      <c r="N52752" s="10"/>
    </row>
    <row r="52753" spans="14:14">
      <c r="N52753" s="10"/>
    </row>
    <row r="52754" spans="14:14">
      <c r="N52754" s="10"/>
    </row>
    <row r="52755" spans="14:14">
      <c r="N52755" s="10"/>
    </row>
    <row r="52756" spans="14:14">
      <c r="N52756" s="10"/>
    </row>
    <row r="52757" spans="14:14">
      <c r="N52757" s="10"/>
    </row>
    <row r="52758" spans="14:14">
      <c r="N52758" s="10"/>
    </row>
    <row r="52759" spans="14:14">
      <c r="N52759" s="10"/>
    </row>
    <row r="52760" spans="14:14">
      <c r="N52760" s="10"/>
    </row>
    <row r="52761" spans="14:14">
      <c r="N52761" s="10"/>
    </row>
    <row r="52762" spans="14:14">
      <c r="N52762" s="10"/>
    </row>
    <row r="52763" spans="14:14">
      <c r="N52763" s="10"/>
    </row>
    <row r="52764" spans="14:14">
      <c r="N52764" s="10"/>
    </row>
    <row r="52765" spans="14:14">
      <c r="N52765" s="10"/>
    </row>
    <row r="52766" spans="14:14">
      <c r="N52766" s="10"/>
    </row>
    <row r="52767" spans="14:14">
      <c r="N52767" s="10"/>
    </row>
    <row r="52768" spans="14:14">
      <c r="N52768" s="10"/>
    </row>
    <row r="52769" spans="14:14">
      <c r="N52769" s="10"/>
    </row>
    <row r="52770" spans="14:14">
      <c r="N52770" s="10"/>
    </row>
    <row r="52771" spans="14:14">
      <c r="N52771" s="10"/>
    </row>
    <row r="52772" spans="14:14">
      <c r="N52772" s="10"/>
    </row>
    <row r="52773" spans="14:14">
      <c r="N52773" s="10"/>
    </row>
    <row r="52774" spans="14:14">
      <c r="N52774" s="10"/>
    </row>
    <row r="52775" spans="14:14">
      <c r="N52775" s="10"/>
    </row>
    <row r="52776" spans="14:14">
      <c r="N52776" s="10"/>
    </row>
    <row r="52777" spans="14:14">
      <c r="N52777" s="10"/>
    </row>
    <row r="52778" spans="14:14">
      <c r="N52778" s="10"/>
    </row>
    <row r="52779" spans="14:14">
      <c r="N52779" s="10"/>
    </row>
    <row r="52780" spans="14:14">
      <c r="N52780" s="10"/>
    </row>
    <row r="52781" spans="14:14">
      <c r="N52781" s="10"/>
    </row>
    <row r="52782" spans="14:14">
      <c r="N52782" s="10"/>
    </row>
    <row r="52783" spans="14:14">
      <c r="N52783" s="10"/>
    </row>
    <row r="52784" spans="14:14">
      <c r="N52784" s="10"/>
    </row>
    <row r="52785" spans="14:14">
      <c r="N52785" s="10"/>
    </row>
    <row r="52786" spans="14:14">
      <c r="N52786" s="10"/>
    </row>
    <row r="52787" spans="14:14">
      <c r="N52787" s="10"/>
    </row>
    <row r="52788" spans="14:14">
      <c r="N52788" s="10"/>
    </row>
    <row r="52789" spans="14:14">
      <c r="N52789" s="10"/>
    </row>
    <row r="52790" spans="14:14">
      <c r="N52790" s="10"/>
    </row>
    <row r="52791" spans="14:14">
      <c r="N52791" s="10"/>
    </row>
    <row r="52792" spans="14:14">
      <c r="N52792" s="10"/>
    </row>
    <row r="52793" spans="14:14">
      <c r="N52793" s="10"/>
    </row>
    <row r="52794" spans="14:14">
      <c r="N52794" s="10"/>
    </row>
    <row r="52795" spans="14:14">
      <c r="N52795" s="10"/>
    </row>
    <row r="52796" spans="14:14">
      <c r="N52796" s="10"/>
    </row>
    <row r="52797" spans="14:14">
      <c r="N52797" s="10"/>
    </row>
    <row r="52798" spans="14:14">
      <c r="N52798" s="10"/>
    </row>
    <row r="52799" spans="14:14">
      <c r="N52799" s="10"/>
    </row>
    <row r="52800" spans="14:14">
      <c r="N52800" s="10"/>
    </row>
    <row r="52801" spans="14:14">
      <c r="N52801" s="10"/>
    </row>
    <row r="52802" spans="14:14">
      <c r="N52802" s="10"/>
    </row>
    <row r="52803" spans="14:14">
      <c r="N52803" s="10"/>
    </row>
    <row r="52804" spans="14:14">
      <c r="N52804" s="10"/>
    </row>
    <row r="52805" spans="14:14">
      <c r="N52805" s="10"/>
    </row>
    <row r="52806" spans="14:14">
      <c r="N52806" s="10"/>
    </row>
    <row r="52807" spans="14:14">
      <c r="N52807" s="10"/>
    </row>
    <row r="52808" spans="14:14">
      <c r="N52808" s="10"/>
    </row>
    <row r="52809" spans="14:14">
      <c r="N52809" s="10"/>
    </row>
    <row r="52810" spans="14:14">
      <c r="N52810" s="10"/>
    </row>
    <row r="52811" spans="14:14">
      <c r="N52811" s="10"/>
    </row>
    <row r="52812" spans="14:14">
      <c r="N52812" s="10"/>
    </row>
    <row r="52813" spans="14:14">
      <c r="N52813" s="10"/>
    </row>
    <row r="52814" spans="14:14">
      <c r="N52814" s="10"/>
    </row>
    <row r="52815" spans="14:14">
      <c r="N52815" s="10"/>
    </row>
    <row r="52816" spans="14:14">
      <c r="N52816" s="10"/>
    </row>
    <row r="52817" spans="14:14">
      <c r="N52817" s="10"/>
    </row>
    <row r="52818" spans="14:14">
      <c r="N52818" s="10"/>
    </row>
    <row r="52819" spans="14:14">
      <c r="N52819" s="10"/>
    </row>
    <row r="52820" spans="14:14">
      <c r="N52820" s="10"/>
    </row>
    <row r="52821" spans="14:14">
      <c r="N52821" s="10"/>
    </row>
    <row r="52822" spans="14:14">
      <c r="N52822" s="10"/>
    </row>
    <row r="52823" spans="14:14">
      <c r="N52823" s="10"/>
    </row>
    <row r="52824" spans="14:14">
      <c r="N52824" s="10"/>
    </row>
    <row r="52825" spans="14:14">
      <c r="N52825" s="10"/>
    </row>
    <row r="52826" spans="14:14">
      <c r="N52826" s="10"/>
    </row>
    <row r="52827" spans="14:14">
      <c r="N52827" s="10"/>
    </row>
    <row r="52828" spans="14:14">
      <c r="N52828" s="10"/>
    </row>
    <row r="52829" spans="14:14">
      <c r="N52829" s="10"/>
    </row>
    <row r="52830" spans="14:14">
      <c r="N52830" s="10"/>
    </row>
    <row r="52831" spans="14:14">
      <c r="N52831" s="10"/>
    </row>
    <row r="52832" spans="14:14">
      <c r="N52832" s="10"/>
    </row>
    <row r="52833" spans="14:14">
      <c r="N52833" s="10"/>
    </row>
    <row r="52834" spans="14:14">
      <c r="N52834" s="10"/>
    </row>
    <row r="52835" spans="14:14">
      <c r="N52835" s="10"/>
    </row>
    <row r="52836" spans="14:14">
      <c r="N52836" s="10"/>
    </row>
    <row r="52837" spans="14:14">
      <c r="N52837" s="10"/>
    </row>
    <row r="52838" spans="14:14">
      <c r="N52838" s="10"/>
    </row>
    <row r="52839" spans="14:14">
      <c r="N52839" s="10"/>
    </row>
    <row r="52840" spans="14:14">
      <c r="N52840" s="10"/>
    </row>
    <row r="52841" spans="14:14">
      <c r="N52841" s="10"/>
    </row>
    <row r="52842" spans="14:14">
      <c r="N52842" s="10"/>
    </row>
    <row r="52843" spans="14:14">
      <c r="N52843" s="10"/>
    </row>
    <row r="52844" spans="14:14">
      <c r="N52844" s="10"/>
    </row>
    <row r="52845" spans="14:14">
      <c r="N52845" s="10"/>
    </row>
    <row r="52846" spans="14:14">
      <c r="N52846" s="10"/>
    </row>
    <row r="52847" spans="14:14">
      <c r="N52847" s="10"/>
    </row>
    <row r="52848" spans="14:14">
      <c r="N52848" s="10"/>
    </row>
    <row r="52849" spans="14:14">
      <c r="N52849" s="10"/>
    </row>
    <row r="52850" spans="14:14">
      <c r="N52850" s="10"/>
    </row>
    <row r="52851" spans="14:14">
      <c r="N52851" s="10"/>
    </row>
    <row r="52852" spans="14:14">
      <c r="N52852" s="10"/>
    </row>
    <row r="52853" spans="14:14">
      <c r="N52853" s="10"/>
    </row>
    <row r="52854" spans="14:14">
      <c r="N52854" s="10"/>
    </row>
    <row r="52855" spans="14:14">
      <c r="N52855" s="10"/>
    </row>
    <row r="52856" spans="14:14">
      <c r="N52856" s="10"/>
    </row>
    <row r="52857" spans="14:14">
      <c r="N52857" s="10"/>
    </row>
    <row r="52858" spans="14:14">
      <c r="N52858" s="10"/>
    </row>
    <row r="52859" spans="14:14">
      <c r="N52859" s="10"/>
    </row>
    <row r="52860" spans="14:14">
      <c r="N52860" s="10"/>
    </row>
    <row r="52861" spans="14:14">
      <c r="N52861" s="10"/>
    </row>
    <row r="52862" spans="14:14">
      <c r="N52862" s="10"/>
    </row>
    <row r="52863" spans="14:14">
      <c r="N52863" s="10"/>
    </row>
    <row r="52864" spans="14:14">
      <c r="N52864" s="10"/>
    </row>
    <row r="52865" spans="14:14">
      <c r="N52865" s="10"/>
    </row>
    <row r="52866" spans="14:14">
      <c r="N52866" s="10"/>
    </row>
    <row r="52867" spans="14:14">
      <c r="N52867" s="10"/>
    </row>
    <row r="52868" spans="14:14">
      <c r="N52868" s="10"/>
    </row>
    <row r="52869" spans="14:14">
      <c r="N52869" s="10"/>
    </row>
    <row r="52870" spans="14:14">
      <c r="N52870" s="10"/>
    </row>
    <row r="52871" spans="14:14">
      <c r="N52871" s="10"/>
    </row>
    <row r="52872" spans="14:14">
      <c r="N52872" s="10"/>
    </row>
    <row r="52873" spans="14:14">
      <c r="N52873" s="10"/>
    </row>
    <row r="52874" spans="14:14">
      <c r="N52874" s="10"/>
    </row>
    <row r="52875" spans="14:14">
      <c r="N52875" s="10"/>
    </row>
    <row r="52876" spans="14:14">
      <c r="N52876" s="10"/>
    </row>
    <row r="52877" spans="14:14">
      <c r="N52877" s="10"/>
    </row>
    <row r="52878" spans="14:14">
      <c r="N52878" s="10"/>
    </row>
    <row r="52879" spans="14:14">
      <c r="N52879" s="10"/>
    </row>
    <row r="52880" spans="14:14">
      <c r="N52880" s="10"/>
    </row>
    <row r="52881" spans="14:14">
      <c r="N52881" s="10"/>
    </row>
    <row r="52882" spans="14:14">
      <c r="N52882" s="10"/>
    </row>
    <row r="52883" spans="14:14">
      <c r="N52883" s="10"/>
    </row>
    <row r="52884" spans="14:14">
      <c r="N52884" s="10"/>
    </row>
    <row r="52885" spans="14:14">
      <c r="N52885" s="10"/>
    </row>
    <row r="52886" spans="14:14">
      <c r="N52886" s="10"/>
    </row>
    <row r="52887" spans="14:14">
      <c r="N52887" s="10"/>
    </row>
    <row r="52888" spans="14:14">
      <c r="N52888" s="10"/>
    </row>
    <row r="52889" spans="14:14">
      <c r="N52889" s="10"/>
    </row>
    <row r="52890" spans="14:14">
      <c r="N52890" s="10"/>
    </row>
    <row r="52891" spans="14:14">
      <c r="N52891" s="10"/>
    </row>
    <row r="52892" spans="14:14">
      <c r="N52892" s="10"/>
    </row>
    <row r="52893" spans="14:14">
      <c r="N52893" s="10"/>
    </row>
    <row r="52894" spans="14:14">
      <c r="N52894" s="10"/>
    </row>
    <row r="52895" spans="14:14">
      <c r="N52895" s="10"/>
    </row>
    <row r="52896" spans="14:14">
      <c r="N52896" s="10"/>
    </row>
    <row r="52897" spans="14:14">
      <c r="N52897" s="10"/>
    </row>
    <row r="52898" spans="14:14">
      <c r="N52898" s="10"/>
    </row>
    <row r="52899" spans="14:14">
      <c r="N52899" s="10"/>
    </row>
    <row r="52900" spans="14:14">
      <c r="N52900" s="10"/>
    </row>
    <row r="52901" spans="14:14">
      <c r="N52901" s="10"/>
    </row>
    <row r="52902" spans="14:14">
      <c r="N52902" s="10"/>
    </row>
    <row r="52903" spans="14:14">
      <c r="N52903" s="10"/>
    </row>
    <row r="52904" spans="14:14">
      <c r="N52904" s="10"/>
    </row>
    <row r="52905" spans="14:14">
      <c r="N52905" s="10"/>
    </row>
    <row r="52906" spans="14:14">
      <c r="N52906" s="10"/>
    </row>
    <row r="52907" spans="14:14">
      <c r="N52907" s="10"/>
    </row>
    <row r="52908" spans="14:14">
      <c r="N52908" s="10"/>
    </row>
    <row r="52909" spans="14:14">
      <c r="N52909" s="10"/>
    </row>
    <row r="52910" spans="14:14">
      <c r="N52910" s="10"/>
    </row>
    <row r="52911" spans="14:14">
      <c r="N52911" s="10"/>
    </row>
    <row r="52912" spans="14:14">
      <c r="N52912" s="10"/>
    </row>
    <row r="52913" spans="14:14">
      <c r="N52913" s="10"/>
    </row>
    <row r="52914" spans="14:14">
      <c r="N52914" s="10"/>
    </row>
    <row r="52915" spans="14:14">
      <c r="N52915" s="10"/>
    </row>
    <row r="52916" spans="14:14">
      <c r="N52916" s="10"/>
    </row>
    <row r="52917" spans="14:14">
      <c r="N52917" s="10"/>
    </row>
    <row r="52918" spans="14:14">
      <c r="N52918" s="10"/>
    </row>
    <row r="52919" spans="14:14">
      <c r="N52919" s="10"/>
    </row>
    <row r="52920" spans="14:14">
      <c r="N52920" s="10"/>
    </row>
    <row r="52921" spans="14:14">
      <c r="N52921" s="10"/>
    </row>
    <row r="52922" spans="14:14">
      <c r="N52922" s="10"/>
    </row>
    <row r="52923" spans="14:14">
      <c r="N52923" s="10"/>
    </row>
    <row r="52924" spans="14:14">
      <c r="N52924" s="10"/>
    </row>
    <row r="52925" spans="14:14">
      <c r="N52925" s="10"/>
    </row>
    <row r="52926" spans="14:14">
      <c r="N52926" s="10"/>
    </row>
    <row r="52927" spans="14:14">
      <c r="N52927" s="10"/>
    </row>
    <row r="52928" spans="14:14">
      <c r="N52928" s="10"/>
    </row>
    <row r="52929" spans="14:14">
      <c r="N52929" s="10"/>
    </row>
    <row r="52930" spans="14:14">
      <c r="N52930" s="10"/>
    </row>
    <row r="52931" spans="14:14">
      <c r="N52931" s="10"/>
    </row>
    <row r="52932" spans="14:14">
      <c r="N52932" s="10"/>
    </row>
    <row r="52933" spans="14:14">
      <c r="N52933" s="10"/>
    </row>
    <row r="52934" spans="14:14">
      <c r="N52934" s="10"/>
    </row>
    <row r="52935" spans="14:14">
      <c r="N52935" s="10"/>
    </row>
    <row r="52936" spans="14:14">
      <c r="N52936" s="10"/>
    </row>
    <row r="52937" spans="14:14">
      <c r="N52937" s="10"/>
    </row>
    <row r="52938" spans="14:14">
      <c r="N52938" s="10"/>
    </row>
    <row r="52939" spans="14:14">
      <c r="N52939" s="10"/>
    </row>
    <row r="52940" spans="14:14">
      <c r="N52940" s="10"/>
    </row>
    <row r="52941" spans="14:14">
      <c r="N52941" s="10"/>
    </row>
    <row r="52942" spans="14:14">
      <c r="N52942" s="10"/>
    </row>
    <row r="52943" spans="14:14">
      <c r="N52943" s="10"/>
    </row>
    <row r="52944" spans="14:14">
      <c r="N52944" s="10"/>
    </row>
    <row r="52945" spans="14:14">
      <c r="N52945" s="10"/>
    </row>
    <row r="52946" spans="14:14">
      <c r="N52946" s="10"/>
    </row>
    <row r="52947" spans="14:14">
      <c r="N52947" s="10"/>
    </row>
    <row r="52948" spans="14:14">
      <c r="N52948" s="10"/>
    </row>
    <row r="52949" spans="14:14">
      <c r="N52949" s="10"/>
    </row>
    <row r="52950" spans="14:14">
      <c r="N52950" s="10"/>
    </row>
    <row r="52951" spans="14:14">
      <c r="N52951" s="10"/>
    </row>
    <row r="52952" spans="14:14">
      <c r="N52952" s="10"/>
    </row>
    <row r="52953" spans="14:14">
      <c r="N52953" s="10"/>
    </row>
    <row r="52954" spans="14:14">
      <c r="N52954" s="10"/>
    </row>
    <row r="52955" spans="14:14">
      <c r="N52955" s="10"/>
    </row>
    <row r="52956" spans="14:14">
      <c r="N52956" s="10"/>
    </row>
    <row r="52957" spans="14:14">
      <c r="N52957" s="10"/>
    </row>
    <row r="52958" spans="14:14">
      <c r="N52958" s="10"/>
    </row>
    <row r="52959" spans="14:14">
      <c r="N52959" s="10"/>
    </row>
    <row r="52960" spans="14:14">
      <c r="N52960" s="10"/>
    </row>
    <row r="52961" spans="14:14">
      <c r="N52961" s="10"/>
    </row>
    <row r="52962" spans="14:14">
      <c r="N52962" s="10"/>
    </row>
    <row r="52963" spans="14:14">
      <c r="N52963" s="10"/>
    </row>
    <row r="52964" spans="14:14">
      <c r="N52964" s="10"/>
    </row>
    <row r="52965" spans="14:14">
      <c r="N52965" s="10"/>
    </row>
    <row r="52966" spans="14:14">
      <c r="N52966" s="10"/>
    </row>
    <row r="52967" spans="14:14">
      <c r="N52967" s="10"/>
    </row>
    <row r="52968" spans="14:14">
      <c r="N52968" s="10"/>
    </row>
    <row r="52969" spans="14:14">
      <c r="N52969" s="10"/>
    </row>
    <row r="52970" spans="14:14">
      <c r="N52970" s="10"/>
    </row>
    <row r="52971" spans="14:14">
      <c r="N52971" s="10"/>
    </row>
    <row r="52972" spans="14:14">
      <c r="N52972" s="10"/>
    </row>
    <row r="52973" spans="14:14">
      <c r="N52973" s="10"/>
    </row>
    <row r="52974" spans="14:14">
      <c r="N52974" s="10"/>
    </row>
    <row r="52975" spans="14:14">
      <c r="N52975" s="10"/>
    </row>
    <row r="52976" spans="14:14">
      <c r="N52976" s="10"/>
    </row>
    <row r="52977" spans="14:14">
      <c r="N52977" s="10"/>
    </row>
    <row r="52978" spans="14:14">
      <c r="N52978" s="10"/>
    </row>
    <row r="52979" spans="14:14">
      <c r="N52979" s="10"/>
    </row>
    <row r="52980" spans="14:14">
      <c r="N52980" s="10"/>
    </row>
    <row r="52981" spans="14:14">
      <c r="N52981" s="10"/>
    </row>
    <row r="52982" spans="14:14">
      <c r="N52982" s="10"/>
    </row>
    <row r="52983" spans="14:14">
      <c r="N52983" s="10"/>
    </row>
    <row r="52984" spans="14:14">
      <c r="N52984" s="10"/>
    </row>
    <row r="52985" spans="14:14">
      <c r="N52985" s="10"/>
    </row>
    <row r="52986" spans="14:14">
      <c r="N52986" s="10"/>
    </row>
    <row r="52987" spans="14:14">
      <c r="N52987" s="10"/>
    </row>
    <row r="52988" spans="14:14">
      <c r="N52988" s="10"/>
    </row>
    <row r="52989" spans="14:14">
      <c r="N52989" s="10"/>
    </row>
    <row r="52990" spans="14:14">
      <c r="N52990" s="10"/>
    </row>
    <row r="52991" spans="14:14">
      <c r="N52991" s="10"/>
    </row>
    <row r="52992" spans="14:14">
      <c r="N52992" s="10"/>
    </row>
    <row r="52993" spans="14:14">
      <c r="N52993" s="10"/>
    </row>
    <row r="52994" spans="14:14">
      <c r="N52994" s="10"/>
    </row>
    <row r="52995" spans="14:14">
      <c r="N52995" s="10"/>
    </row>
    <row r="52996" spans="14:14">
      <c r="N52996" s="10"/>
    </row>
    <row r="52997" spans="14:14">
      <c r="N52997" s="10"/>
    </row>
    <row r="52998" spans="14:14">
      <c r="N52998" s="10"/>
    </row>
    <row r="52999" spans="14:14">
      <c r="N52999" s="10"/>
    </row>
    <row r="53000" spans="14:14">
      <c r="N53000" s="10"/>
    </row>
    <row r="53001" spans="14:14">
      <c r="N53001" s="10"/>
    </row>
    <row r="53002" spans="14:14">
      <c r="N53002" s="10"/>
    </row>
    <row r="53003" spans="14:14">
      <c r="N53003" s="10"/>
    </row>
    <row r="53004" spans="14:14">
      <c r="N53004" s="10"/>
    </row>
    <row r="53005" spans="14:14">
      <c r="N53005" s="10"/>
    </row>
    <row r="53006" spans="14:14">
      <c r="N53006" s="10"/>
    </row>
    <row r="53007" spans="14:14">
      <c r="N53007" s="10"/>
    </row>
    <row r="53008" spans="14:14">
      <c r="N53008" s="10"/>
    </row>
    <row r="53009" spans="14:14">
      <c r="N53009" s="10"/>
    </row>
    <row r="53010" spans="14:14">
      <c r="N53010" s="10"/>
    </row>
    <row r="53011" spans="14:14">
      <c r="N53011" s="10"/>
    </row>
    <row r="53012" spans="14:14">
      <c r="N53012" s="10"/>
    </row>
    <row r="53013" spans="14:14">
      <c r="N53013" s="10"/>
    </row>
    <row r="53014" spans="14:14">
      <c r="N53014" s="10"/>
    </row>
    <row r="53015" spans="14:14">
      <c r="N53015" s="10"/>
    </row>
    <row r="53016" spans="14:14">
      <c r="N53016" s="10"/>
    </row>
    <row r="53017" spans="14:14">
      <c r="N53017" s="10"/>
    </row>
    <row r="53018" spans="14:14">
      <c r="N53018" s="10"/>
    </row>
    <row r="53019" spans="14:14">
      <c r="N53019" s="10"/>
    </row>
    <row r="53020" spans="14:14">
      <c r="N53020" s="10"/>
    </row>
    <row r="53021" spans="14:14">
      <c r="N53021" s="10"/>
    </row>
    <row r="53022" spans="14:14">
      <c r="N53022" s="10"/>
    </row>
    <row r="53023" spans="14:14">
      <c r="N53023" s="10"/>
    </row>
    <row r="53024" spans="14:14">
      <c r="N53024" s="10"/>
    </row>
    <row r="53025" spans="14:14">
      <c r="N53025" s="10"/>
    </row>
    <row r="53026" spans="14:14">
      <c r="N53026" s="10"/>
    </row>
    <row r="53027" spans="14:14">
      <c r="N53027" s="10"/>
    </row>
    <row r="53028" spans="14:14">
      <c r="N53028" s="10"/>
    </row>
    <row r="53029" spans="14:14">
      <c r="N53029" s="10"/>
    </row>
    <row r="53030" spans="14:14">
      <c r="N53030" s="10"/>
    </row>
    <row r="53031" spans="14:14">
      <c r="N53031" s="10"/>
    </row>
    <row r="53032" spans="14:14">
      <c r="N53032" s="10"/>
    </row>
    <row r="53033" spans="14:14">
      <c r="N53033" s="10"/>
    </row>
    <row r="53034" spans="14:14">
      <c r="N53034" s="10"/>
    </row>
    <row r="53035" spans="14:14">
      <c r="N53035" s="10"/>
    </row>
    <row r="53036" spans="14:14">
      <c r="N53036" s="10"/>
    </row>
    <row r="53037" spans="14:14">
      <c r="N53037" s="10"/>
    </row>
    <row r="53038" spans="14:14">
      <c r="N53038" s="10"/>
    </row>
    <row r="53039" spans="14:14">
      <c r="N53039" s="10"/>
    </row>
    <row r="53040" spans="14:14">
      <c r="N53040" s="10"/>
    </row>
    <row r="53041" spans="14:14">
      <c r="N53041" s="10"/>
    </row>
    <row r="53042" spans="14:14">
      <c r="N53042" s="10"/>
    </row>
    <row r="53043" spans="14:14">
      <c r="N53043" s="10"/>
    </row>
    <row r="53044" spans="14:14">
      <c r="N53044" s="10"/>
    </row>
    <row r="53045" spans="14:14">
      <c r="N53045" s="10"/>
    </row>
    <row r="53046" spans="14:14">
      <c r="N53046" s="10"/>
    </row>
    <row r="53047" spans="14:14">
      <c r="N53047" s="10"/>
    </row>
    <row r="53048" spans="14:14">
      <c r="N53048" s="10"/>
    </row>
    <row r="53049" spans="14:14">
      <c r="N53049" s="10"/>
    </row>
    <row r="53050" spans="14:14">
      <c r="N53050" s="10"/>
    </row>
    <row r="53051" spans="14:14">
      <c r="N53051" s="10"/>
    </row>
    <row r="53052" spans="14:14">
      <c r="N53052" s="10"/>
    </row>
    <row r="53053" spans="14:14">
      <c r="N53053" s="10"/>
    </row>
    <row r="53054" spans="14:14">
      <c r="N53054" s="10"/>
    </row>
    <row r="53055" spans="14:14">
      <c r="N53055" s="10"/>
    </row>
    <row r="53056" spans="14:14">
      <c r="N53056" s="10"/>
    </row>
    <row r="53057" spans="14:14">
      <c r="N53057" s="10"/>
    </row>
    <row r="53058" spans="14:14">
      <c r="N53058" s="10"/>
    </row>
    <row r="53059" spans="14:14">
      <c r="N53059" s="10"/>
    </row>
    <row r="53060" spans="14:14">
      <c r="N53060" s="10"/>
    </row>
    <row r="53061" spans="14:14">
      <c r="N53061" s="10"/>
    </row>
    <row r="53062" spans="14:14">
      <c r="N53062" s="10"/>
    </row>
    <row r="53063" spans="14:14">
      <c r="N53063" s="10"/>
    </row>
    <row r="53064" spans="14:14">
      <c r="N53064" s="10"/>
    </row>
    <row r="53065" spans="14:14">
      <c r="N53065" s="10"/>
    </row>
    <row r="53066" spans="14:14">
      <c r="N53066" s="10"/>
    </row>
    <row r="53067" spans="14:14">
      <c r="N53067" s="10"/>
    </row>
    <row r="53068" spans="14:14">
      <c r="N53068" s="10"/>
    </row>
    <row r="53069" spans="14:14">
      <c r="N53069" s="10"/>
    </row>
    <row r="53070" spans="14:14">
      <c r="N53070" s="10"/>
    </row>
    <row r="53071" spans="14:14">
      <c r="N53071" s="10"/>
    </row>
    <row r="53072" spans="14:14">
      <c r="N53072" s="10"/>
    </row>
    <row r="53073" spans="14:14">
      <c r="N53073" s="10"/>
    </row>
    <row r="53074" spans="14:14">
      <c r="N53074" s="10"/>
    </row>
    <row r="53075" spans="14:14">
      <c r="N53075" s="10"/>
    </row>
    <row r="53076" spans="14:14">
      <c r="N53076" s="10"/>
    </row>
    <row r="53077" spans="14:14">
      <c r="N53077" s="10"/>
    </row>
    <row r="53078" spans="14:14">
      <c r="N53078" s="10"/>
    </row>
    <row r="53079" spans="14:14">
      <c r="N53079" s="10"/>
    </row>
    <row r="53080" spans="14:14">
      <c r="N53080" s="10"/>
    </row>
    <row r="53081" spans="14:14">
      <c r="N53081" s="10"/>
    </row>
    <row r="53082" spans="14:14">
      <c r="N53082" s="10"/>
    </row>
    <row r="53083" spans="14:14">
      <c r="N53083" s="10"/>
    </row>
    <row r="53084" spans="14:14">
      <c r="N53084" s="10"/>
    </row>
    <row r="53085" spans="14:14">
      <c r="N53085" s="10"/>
    </row>
    <row r="53086" spans="14:14">
      <c r="N53086" s="10"/>
    </row>
    <row r="53087" spans="14:14">
      <c r="N53087" s="10"/>
    </row>
    <row r="53088" spans="14:14">
      <c r="N53088" s="10"/>
    </row>
    <row r="53089" spans="14:14">
      <c r="N53089" s="10"/>
    </row>
    <row r="53090" spans="14:14">
      <c r="N53090" s="10"/>
    </row>
    <row r="53091" spans="14:14">
      <c r="N53091" s="10"/>
    </row>
    <row r="53092" spans="14:14">
      <c r="N53092" s="10"/>
    </row>
    <row r="53093" spans="14:14">
      <c r="N53093" s="10"/>
    </row>
    <row r="53094" spans="14:14">
      <c r="N53094" s="10"/>
    </row>
    <row r="53095" spans="14:14">
      <c r="N53095" s="10"/>
    </row>
    <row r="53096" spans="14:14">
      <c r="N53096" s="10"/>
    </row>
    <row r="53097" spans="14:14">
      <c r="N53097" s="10"/>
    </row>
    <row r="53098" spans="14:14">
      <c r="N53098" s="10"/>
    </row>
    <row r="53099" spans="14:14">
      <c r="N53099" s="10"/>
    </row>
    <row r="53100" spans="14:14">
      <c r="N53100" s="10"/>
    </row>
    <row r="53101" spans="14:14">
      <c r="N53101" s="10"/>
    </row>
    <row r="53102" spans="14:14">
      <c r="N53102" s="10"/>
    </row>
    <row r="53103" spans="14:14">
      <c r="N53103" s="10"/>
    </row>
    <row r="53104" spans="14:14">
      <c r="N53104" s="10"/>
    </row>
    <row r="53105" spans="14:14">
      <c r="N53105" s="10"/>
    </row>
    <row r="53106" spans="14:14">
      <c r="N53106" s="10"/>
    </row>
    <row r="53107" spans="14:14">
      <c r="N53107" s="10"/>
    </row>
    <row r="53108" spans="14:14">
      <c r="N53108" s="10"/>
    </row>
    <row r="53109" spans="14:14">
      <c r="N53109" s="10"/>
    </row>
    <row r="53110" spans="14:14">
      <c r="N53110" s="10"/>
    </row>
    <row r="53111" spans="14:14">
      <c r="N53111" s="10"/>
    </row>
    <row r="53112" spans="14:14">
      <c r="N53112" s="10"/>
    </row>
    <row r="53113" spans="14:14">
      <c r="N53113" s="10"/>
    </row>
    <row r="53114" spans="14:14">
      <c r="N53114" s="10"/>
    </row>
    <row r="53115" spans="14:14">
      <c r="N53115" s="10"/>
    </row>
    <row r="53116" spans="14:14">
      <c r="N53116" s="10"/>
    </row>
    <row r="53117" spans="14:14">
      <c r="N53117" s="10"/>
    </row>
    <row r="53118" spans="14:14">
      <c r="N53118" s="10"/>
    </row>
    <row r="53119" spans="14:14">
      <c r="N53119" s="10"/>
    </row>
    <row r="53120" spans="14:14">
      <c r="N53120" s="10"/>
    </row>
    <row r="53121" spans="14:14">
      <c r="N53121" s="10"/>
    </row>
    <row r="53122" spans="14:14">
      <c r="N53122" s="10"/>
    </row>
    <row r="53123" spans="14:14">
      <c r="N53123" s="10"/>
    </row>
    <row r="53124" spans="14:14">
      <c r="N53124" s="10"/>
    </row>
    <row r="53125" spans="14:14">
      <c r="N53125" s="10"/>
    </row>
    <row r="53126" spans="14:14">
      <c r="N53126" s="10"/>
    </row>
    <row r="53127" spans="14:14">
      <c r="N53127" s="10"/>
    </row>
    <row r="53128" spans="14:14">
      <c r="N53128" s="10"/>
    </row>
    <row r="53129" spans="14:14">
      <c r="N53129" s="10"/>
    </row>
    <row r="53130" spans="14:14">
      <c r="N53130" s="10"/>
    </row>
    <row r="53131" spans="14:14">
      <c r="N53131" s="10"/>
    </row>
    <row r="53132" spans="14:14">
      <c r="N53132" s="10"/>
    </row>
    <row r="53133" spans="14:14">
      <c r="N53133" s="10"/>
    </row>
    <row r="53134" spans="14:14">
      <c r="N53134" s="10"/>
    </row>
    <row r="53135" spans="14:14">
      <c r="N53135" s="10"/>
    </row>
    <row r="53136" spans="14:14">
      <c r="N53136" s="10"/>
    </row>
    <row r="53137" spans="14:14">
      <c r="N53137" s="10"/>
    </row>
    <row r="53138" spans="14:14">
      <c r="N53138" s="10"/>
    </row>
    <row r="53139" spans="14:14">
      <c r="N53139" s="10"/>
    </row>
    <row r="53140" spans="14:14">
      <c r="N53140" s="10"/>
    </row>
    <row r="53141" spans="14:14">
      <c r="N53141" s="10"/>
    </row>
    <row r="53142" spans="14:14">
      <c r="N53142" s="10"/>
    </row>
    <row r="53143" spans="14:14">
      <c r="N53143" s="10"/>
    </row>
    <row r="53144" spans="14:14">
      <c r="N53144" s="10"/>
    </row>
    <row r="53145" spans="14:14">
      <c r="N53145" s="10"/>
    </row>
    <row r="53146" spans="14:14">
      <c r="N53146" s="10"/>
    </row>
    <row r="53147" spans="14:14">
      <c r="N53147" s="10"/>
    </row>
    <row r="53148" spans="14:14">
      <c r="N53148" s="10"/>
    </row>
    <row r="53149" spans="14:14">
      <c r="N53149" s="10"/>
    </row>
    <row r="53150" spans="14:14">
      <c r="N53150" s="10"/>
    </row>
    <row r="53151" spans="14:14">
      <c r="N53151" s="10"/>
    </row>
    <row r="53152" spans="14:14">
      <c r="N53152" s="10"/>
    </row>
    <row r="53153" spans="14:14">
      <c r="N53153" s="10"/>
    </row>
    <row r="53154" spans="14:14">
      <c r="N53154" s="10"/>
    </row>
    <row r="53155" spans="14:14">
      <c r="N53155" s="10"/>
    </row>
    <row r="53156" spans="14:14">
      <c r="N53156" s="10"/>
    </row>
    <row r="53157" spans="14:14">
      <c r="N53157" s="10"/>
    </row>
    <row r="53158" spans="14:14">
      <c r="N53158" s="10"/>
    </row>
    <row r="53159" spans="14:14">
      <c r="N53159" s="10"/>
    </row>
    <row r="53160" spans="14:14">
      <c r="N53160" s="10"/>
    </row>
    <row r="53161" spans="14:14">
      <c r="N53161" s="10"/>
    </row>
    <row r="53162" spans="14:14">
      <c r="N53162" s="10"/>
    </row>
    <row r="53163" spans="14:14">
      <c r="N53163" s="10"/>
    </row>
    <row r="53164" spans="14:14">
      <c r="N53164" s="10"/>
    </row>
    <row r="53165" spans="14:14">
      <c r="N53165" s="10"/>
    </row>
    <row r="53166" spans="14:14">
      <c r="N53166" s="10"/>
    </row>
    <row r="53167" spans="14:14">
      <c r="N53167" s="10"/>
    </row>
    <row r="53168" spans="14:14">
      <c r="N53168" s="10"/>
    </row>
    <row r="53169" spans="14:14">
      <c r="N53169" s="10"/>
    </row>
    <row r="53170" spans="14:14">
      <c r="N53170" s="10"/>
    </row>
    <row r="53171" spans="14:14">
      <c r="N53171" s="10"/>
    </row>
    <row r="53172" spans="14:14">
      <c r="N53172" s="10"/>
    </row>
    <row r="53173" spans="14:14">
      <c r="N53173" s="10"/>
    </row>
    <row r="53174" spans="14:14">
      <c r="N53174" s="10"/>
    </row>
    <row r="53175" spans="14:14">
      <c r="N53175" s="10"/>
    </row>
    <row r="53176" spans="14:14">
      <c r="N53176" s="10"/>
    </row>
    <row r="53177" spans="14:14">
      <c r="N53177" s="10"/>
    </row>
    <row r="53178" spans="14:14">
      <c r="N53178" s="10"/>
    </row>
    <row r="53179" spans="14:14">
      <c r="N53179" s="10"/>
    </row>
    <row r="53180" spans="14:14">
      <c r="N53180" s="10"/>
    </row>
    <row r="53181" spans="14:14">
      <c r="N53181" s="10"/>
    </row>
    <row r="53182" spans="14:14">
      <c r="N53182" s="10"/>
    </row>
    <row r="53183" spans="14:14">
      <c r="N53183" s="10"/>
    </row>
    <row r="53184" spans="14:14">
      <c r="N53184" s="10"/>
    </row>
    <row r="53185" spans="14:14">
      <c r="N53185" s="10"/>
    </row>
    <row r="53186" spans="14:14">
      <c r="N53186" s="10"/>
    </row>
    <row r="53187" spans="14:14">
      <c r="N53187" s="10"/>
    </row>
    <row r="53188" spans="14:14">
      <c r="N53188" s="10"/>
    </row>
    <row r="53189" spans="14:14">
      <c r="N53189" s="10"/>
    </row>
    <row r="53190" spans="14:14">
      <c r="N53190" s="10"/>
    </row>
    <row r="53191" spans="14:14">
      <c r="N53191" s="10"/>
    </row>
    <row r="53192" spans="14:14">
      <c r="N53192" s="10"/>
    </row>
    <row r="53193" spans="14:14">
      <c r="N53193" s="10"/>
    </row>
    <row r="53194" spans="14:14">
      <c r="N53194" s="10"/>
    </row>
    <row r="53195" spans="14:14">
      <c r="N53195" s="10"/>
    </row>
    <row r="53196" spans="14:14">
      <c r="N53196" s="10"/>
    </row>
    <row r="53197" spans="14:14">
      <c r="N53197" s="10"/>
    </row>
    <row r="53198" spans="14:14">
      <c r="N53198" s="10"/>
    </row>
    <row r="53199" spans="14:14">
      <c r="N53199" s="10"/>
    </row>
    <row r="53200" spans="14:14">
      <c r="N53200" s="10"/>
    </row>
    <row r="53201" spans="14:14">
      <c r="N53201" s="10"/>
    </row>
    <row r="53202" spans="14:14">
      <c r="N53202" s="10"/>
    </row>
    <row r="53203" spans="14:14">
      <c r="N53203" s="10"/>
    </row>
    <row r="53204" spans="14:14">
      <c r="N53204" s="10"/>
    </row>
    <row r="53205" spans="14:14">
      <c r="N53205" s="10"/>
    </row>
    <row r="53206" spans="14:14">
      <c r="N53206" s="10"/>
    </row>
    <row r="53207" spans="14:14">
      <c r="N53207" s="10"/>
    </row>
    <row r="53208" spans="14:14">
      <c r="N53208" s="10"/>
    </row>
    <row r="53209" spans="14:14">
      <c r="N53209" s="10"/>
    </row>
    <row r="53210" spans="14:14">
      <c r="N53210" s="10"/>
    </row>
    <row r="53211" spans="14:14">
      <c r="N53211" s="10"/>
    </row>
    <row r="53212" spans="14:14">
      <c r="N53212" s="10"/>
    </row>
    <row r="53213" spans="14:14">
      <c r="N53213" s="10"/>
    </row>
    <row r="53214" spans="14:14">
      <c r="N53214" s="10"/>
    </row>
    <row r="53215" spans="14:14">
      <c r="N53215" s="10"/>
    </row>
    <row r="53216" spans="14:14">
      <c r="N53216" s="10"/>
    </row>
    <row r="53217" spans="14:14">
      <c r="N53217" s="10"/>
    </row>
    <row r="53218" spans="14:14">
      <c r="N53218" s="10"/>
    </row>
    <row r="53219" spans="14:14">
      <c r="N53219" s="10"/>
    </row>
    <row r="53220" spans="14:14">
      <c r="N53220" s="10"/>
    </row>
    <row r="53221" spans="14:14">
      <c r="N53221" s="10"/>
    </row>
    <row r="53222" spans="14:14">
      <c r="N53222" s="10"/>
    </row>
    <row r="53223" spans="14:14">
      <c r="N53223" s="10"/>
    </row>
    <row r="53224" spans="14:14">
      <c r="N53224" s="10"/>
    </row>
    <row r="53225" spans="14:14">
      <c r="N53225" s="10"/>
    </row>
    <row r="53226" spans="14:14">
      <c r="N53226" s="10"/>
    </row>
    <row r="53227" spans="14:14">
      <c r="N53227" s="10"/>
    </row>
    <row r="53228" spans="14:14">
      <c r="N53228" s="10"/>
    </row>
    <row r="53229" spans="14:14">
      <c r="N53229" s="10"/>
    </row>
    <row r="53230" spans="14:14">
      <c r="N53230" s="10"/>
    </row>
    <row r="53231" spans="14:14">
      <c r="N53231" s="10"/>
    </row>
    <row r="53232" spans="14:14">
      <c r="N53232" s="10"/>
    </row>
    <row r="53233" spans="14:14">
      <c r="N53233" s="10"/>
    </row>
    <row r="53234" spans="14:14">
      <c r="N53234" s="10"/>
    </row>
    <row r="53235" spans="14:14">
      <c r="N53235" s="10"/>
    </row>
    <row r="53236" spans="14:14">
      <c r="N53236" s="10"/>
    </row>
    <row r="53237" spans="14:14">
      <c r="N53237" s="10"/>
    </row>
    <row r="53238" spans="14:14">
      <c r="N53238" s="10"/>
    </row>
    <row r="53239" spans="14:14">
      <c r="N53239" s="10"/>
    </row>
    <row r="53240" spans="14:14">
      <c r="N53240" s="10"/>
    </row>
    <row r="53241" spans="14:14">
      <c r="N53241" s="10"/>
    </row>
    <row r="53242" spans="14:14">
      <c r="N53242" s="10"/>
    </row>
    <row r="53243" spans="14:14">
      <c r="N53243" s="10"/>
    </row>
    <row r="53244" spans="14:14">
      <c r="N53244" s="10"/>
    </row>
    <row r="53245" spans="14:14">
      <c r="N53245" s="10"/>
    </row>
    <row r="53246" spans="14:14">
      <c r="N53246" s="10"/>
    </row>
    <row r="53247" spans="14:14">
      <c r="N53247" s="10"/>
    </row>
    <row r="53248" spans="14:14">
      <c r="N53248" s="10"/>
    </row>
    <row r="53249" spans="14:14">
      <c r="N53249" s="10"/>
    </row>
    <row r="53250" spans="14:14">
      <c r="N53250" s="10"/>
    </row>
    <row r="53251" spans="14:14">
      <c r="N53251" s="10"/>
    </row>
    <row r="53252" spans="14:14">
      <c r="N53252" s="10"/>
    </row>
    <row r="53253" spans="14:14">
      <c r="N53253" s="10"/>
    </row>
    <row r="53254" spans="14:14">
      <c r="N53254" s="10"/>
    </row>
    <row r="53255" spans="14:14">
      <c r="N53255" s="10"/>
    </row>
    <row r="53256" spans="14:14">
      <c r="N53256" s="10"/>
    </row>
    <row r="53257" spans="14:14">
      <c r="N53257" s="10"/>
    </row>
    <row r="53258" spans="14:14">
      <c r="N53258" s="10"/>
    </row>
    <row r="53259" spans="14:14">
      <c r="N53259" s="10"/>
    </row>
    <row r="53260" spans="14:14">
      <c r="N53260" s="10"/>
    </row>
    <row r="53261" spans="14:14">
      <c r="N53261" s="10"/>
    </row>
    <row r="53262" spans="14:14">
      <c r="N53262" s="10"/>
    </row>
    <row r="53263" spans="14:14">
      <c r="N53263" s="10"/>
    </row>
    <row r="53264" spans="14:14">
      <c r="N53264" s="10"/>
    </row>
    <row r="53265" spans="14:14">
      <c r="N53265" s="10"/>
    </row>
    <row r="53266" spans="14:14">
      <c r="N53266" s="10"/>
    </row>
    <row r="53267" spans="14:14">
      <c r="N53267" s="10"/>
    </row>
    <row r="53268" spans="14:14">
      <c r="N53268" s="10"/>
    </row>
    <row r="53269" spans="14:14">
      <c r="N53269" s="10"/>
    </row>
    <row r="53270" spans="14:14">
      <c r="N53270" s="10"/>
    </row>
    <row r="53271" spans="14:14">
      <c r="N53271" s="10"/>
    </row>
    <row r="53272" spans="14:14">
      <c r="N53272" s="10"/>
    </row>
    <row r="53273" spans="14:14">
      <c r="N53273" s="10"/>
    </row>
    <row r="53274" spans="14:14">
      <c r="N53274" s="10"/>
    </row>
    <row r="53275" spans="14:14">
      <c r="N53275" s="10"/>
    </row>
    <row r="53276" spans="14:14">
      <c r="N53276" s="10"/>
    </row>
    <row r="53277" spans="14:14">
      <c r="N53277" s="10"/>
    </row>
    <row r="53278" spans="14:14">
      <c r="N53278" s="10"/>
    </row>
    <row r="53279" spans="14:14">
      <c r="N53279" s="10"/>
    </row>
    <row r="53280" spans="14:14">
      <c r="N53280" s="10"/>
    </row>
    <row r="53281" spans="14:14">
      <c r="N53281" s="10"/>
    </row>
    <row r="53282" spans="14:14">
      <c r="N53282" s="10"/>
    </row>
    <row r="53283" spans="14:14">
      <c r="N53283" s="10"/>
    </row>
    <row r="53284" spans="14:14">
      <c r="N53284" s="10"/>
    </row>
    <row r="53285" spans="14:14">
      <c r="N53285" s="10"/>
    </row>
    <row r="53286" spans="14:14">
      <c r="N53286" s="10"/>
    </row>
    <row r="53287" spans="14:14">
      <c r="N53287" s="10"/>
    </row>
    <row r="53288" spans="14:14">
      <c r="N53288" s="10"/>
    </row>
    <row r="53289" spans="14:14">
      <c r="N53289" s="10"/>
    </row>
    <row r="53290" spans="14:14">
      <c r="N53290" s="10"/>
    </row>
    <row r="53291" spans="14:14">
      <c r="N53291" s="10"/>
    </row>
    <row r="53292" spans="14:14">
      <c r="N53292" s="10"/>
    </row>
    <row r="53293" spans="14:14">
      <c r="N53293" s="10"/>
    </row>
    <row r="53294" spans="14:14">
      <c r="N53294" s="10"/>
    </row>
    <row r="53295" spans="14:14">
      <c r="N53295" s="10"/>
    </row>
    <row r="53296" spans="14:14">
      <c r="N53296" s="10"/>
    </row>
    <row r="53297" spans="14:14">
      <c r="N53297" s="10"/>
    </row>
    <row r="53298" spans="14:14">
      <c r="N53298" s="10"/>
    </row>
    <row r="53299" spans="14:14">
      <c r="N53299" s="10"/>
    </row>
    <row r="53300" spans="14:14">
      <c r="N53300" s="10"/>
    </row>
    <row r="53301" spans="14:14">
      <c r="N53301" s="10"/>
    </row>
    <row r="53302" spans="14:14">
      <c r="N53302" s="10"/>
    </row>
    <row r="53303" spans="14:14">
      <c r="N53303" s="10"/>
    </row>
    <row r="53304" spans="14:14">
      <c r="N53304" s="10"/>
    </row>
    <row r="53305" spans="14:14">
      <c r="N53305" s="10"/>
    </row>
    <row r="53306" spans="14:14">
      <c r="N53306" s="10"/>
    </row>
    <row r="53307" spans="14:14">
      <c r="N53307" s="10"/>
    </row>
    <row r="53308" spans="14:14">
      <c r="N53308" s="10"/>
    </row>
    <row r="53309" spans="14:14">
      <c r="N53309" s="10"/>
    </row>
    <row r="53310" spans="14:14">
      <c r="N53310" s="10"/>
    </row>
    <row r="53311" spans="14:14">
      <c r="N53311" s="10"/>
    </row>
    <row r="53312" spans="14:14">
      <c r="N53312" s="10"/>
    </row>
    <row r="53313" spans="14:14">
      <c r="N53313" s="10"/>
    </row>
    <row r="53314" spans="14:14">
      <c r="N53314" s="10"/>
    </row>
    <row r="53315" spans="14:14">
      <c r="N53315" s="10"/>
    </row>
    <row r="53316" spans="14:14">
      <c r="N53316" s="10"/>
    </row>
    <row r="53317" spans="14:14">
      <c r="N53317" s="10"/>
    </row>
    <row r="53318" spans="14:14">
      <c r="N53318" s="10"/>
    </row>
    <row r="53319" spans="14:14">
      <c r="N53319" s="10"/>
    </row>
    <row r="53320" spans="14:14">
      <c r="N53320" s="10"/>
    </row>
    <row r="53321" spans="14:14">
      <c r="N53321" s="10"/>
    </row>
    <row r="53322" spans="14:14">
      <c r="N53322" s="10"/>
    </row>
    <row r="53323" spans="14:14">
      <c r="N53323" s="10"/>
    </row>
    <row r="53324" spans="14:14">
      <c r="N53324" s="10"/>
    </row>
    <row r="53325" spans="14:14">
      <c r="N53325" s="10"/>
    </row>
    <row r="53326" spans="14:14">
      <c r="N53326" s="10"/>
    </row>
    <row r="53327" spans="14:14">
      <c r="N53327" s="10"/>
    </row>
    <row r="53328" spans="14:14">
      <c r="N53328" s="10"/>
    </row>
    <row r="53329" spans="14:14">
      <c r="N53329" s="10"/>
    </row>
    <row r="53330" spans="14:14">
      <c r="N53330" s="10"/>
    </row>
    <row r="53331" spans="14:14">
      <c r="N53331" s="10"/>
    </row>
    <row r="53332" spans="14:14">
      <c r="N53332" s="10"/>
    </row>
    <row r="53333" spans="14:14">
      <c r="N53333" s="10"/>
    </row>
    <row r="53334" spans="14:14">
      <c r="N53334" s="10"/>
    </row>
    <row r="53335" spans="14:14">
      <c r="N53335" s="10"/>
    </row>
    <row r="53336" spans="14:14">
      <c r="N53336" s="10"/>
    </row>
    <row r="53337" spans="14:14">
      <c r="N53337" s="10"/>
    </row>
    <row r="53338" spans="14:14">
      <c r="N53338" s="10"/>
    </row>
    <row r="53339" spans="14:14">
      <c r="N53339" s="10"/>
    </row>
    <row r="53340" spans="14:14">
      <c r="N53340" s="10"/>
    </row>
    <row r="53341" spans="14:14">
      <c r="N53341" s="10"/>
    </row>
    <row r="53342" spans="14:14">
      <c r="N53342" s="10"/>
    </row>
    <row r="53343" spans="14:14">
      <c r="N53343" s="10"/>
    </row>
    <row r="53344" spans="14:14">
      <c r="N53344" s="10"/>
    </row>
    <row r="53345" spans="14:14">
      <c r="N53345" s="10"/>
    </row>
    <row r="53346" spans="14:14">
      <c r="N53346" s="10"/>
    </row>
    <row r="53347" spans="14:14">
      <c r="N53347" s="10"/>
    </row>
    <row r="53348" spans="14:14">
      <c r="N53348" s="10"/>
    </row>
    <row r="53349" spans="14:14">
      <c r="N53349" s="10"/>
    </row>
    <row r="53350" spans="14:14">
      <c r="N53350" s="10"/>
    </row>
    <row r="53351" spans="14:14">
      <c r="N53351" s="10"/>
    </row>
    <row r="53352" spans="14:14">
      <c r="N53352" s="10"/>
    </row>
    <row r="53353" spans="14:14">
      <c r="N53353" s="10"/>
    </row>
    <row r="53354" spans="14:14">
      <c r="N53354" s="10"/>
    </row>
    <row r="53355" spans="14:14">
      <c r="N53355" s="10"/>
    </row>
    <row r="53356" spans="14:14">
      <c r="N53356" s="10"/>
    </row>
    <row r="53357" spans="14:14">
      <c r="N53357" s="10"/>
    </row>
    <row r="53358" spans="14:14">
      <c r="N53358" s="10"/>
    </row>
    <row r="53359" spans="14:14">
      <c r="N53359" s="10"/>
    </row>
    <row r="53360" spans="14:14">
      <c r="N53360" s="10"/>
    </row>
    <row r="53361" spans="14:14">
      <c r="N53361" s="10"/>
    </row>
    <row r="53362" spans="14:14">
      <c r="N53362" s="10"/>
    </row>
    <row r="53363" spans="14:14">
      <c r="N53363" s="10"/>
    </row>
    <row r="53364" spans="14:14">
      <c r="N53364" s="10"/>
    </row>
    <row r="53365" spans="14:14">
      <c r="N53365" s="10"/>
    </row>
    <row r="53366" spans="14:14">
      <c r="N53366" s="10"/>
    </row>
    <row r="53367" spans="14:14">
      <c r="N53367" s="10"/>
    </row>
    <row r="53368" spans="14:14">
      <c r="N53368" s="10"/>
    </row>
    <row r="53369" spans="14:14">
      <c r="N53369" s="10"/>
    </row>
    <row r="53370" spans="14:14">
      <c r="N53370" s="10"/>
    </row>
    <row r="53371" spans="14:14">
      <c r="N53371" s="10"/>
    </row>
    <row r="53372" spans="14:14">
      <c r="N53372" s="10"/>
    </row>
    <row r="53373" spans="14:14">
      <c r="N53373" s="10"/>
    </row>
    <row r="53374" spans="14:14">
      <c r="N53374" s="10"/>
    </row>
    <row r="53375" spans="14:14">
      <c r="N53375" s="10"/>
    </row>
    <row r="53376" spans="14:14">
      <c r="N53376" s="10"/>
    </row>
    <row r="53377" spans="14:14">
      <c r="N53377" s="10"/>
    </row>
    <row r="53378" spans="14:14">
      <c r="N53378" s="10"/>
    </row>
    <row r="53379" spans="14:14">
      <c r="N53379" s="10"/>
    </row>
    <row r="53380" spans="14:14">
      <c r="N53380" s="10"/>
    </row>
    <row r="53381" spans="14:14">
      <c r="N53381" s="10"/>
    </row>
    <row r="53382" spans="14:14">
      <c r="N53382" s="10"/>
    </row>
    <row r="53383" spans="14:14">
      <c r="N53383" s="10"/>
    </row>
    <row r="53384" spans="14:14">
      <c r="N53384" s="10"/>
    </row>
    <row r="53385" spans="14:14">
      <c r="N53385" s="10"/>
    </row>
    <row r="53386" spans="14:14">
      <c r="N53386" s="10"/>
    </row>
    <row r="53387" spans="14:14">
      <c r="N53387" s="10"/>
    </row>
    <row r="53388" spans="14:14">
      <c r="N53388" s="10"/>
    </row>
    <row r="53389" spans="14:14">
      <c r="N53389" s="10"/>
    </row>
    <row r="53390" spans="14:14">
      <c r="N53390" s="10"/>
    </row>
    <row r="53391" spans="14:14">
      <c r="N53391" s="10"/>
    </row>
    <row r="53392" spans="14:14">
      <c r="N53392" s="10"/>
    </row>
    <row r="53393" spans="14:14">
      <c r="N53393" s="10"/>
    </row>
    <row r="53394" spans="14:14">
      <c r="N53394" s="10"/>
    </row>
    <row r="53395" spans="14:14">
      <c r="N53395" s="10"/>
    </row>
    <row r="53396" spans="14:14">
      <c r="N53396" s="10"/>
    </row>
    <row r="53397" spans="14:14">
      <c r="N53397" s="10"/>
    </row>
    <row r="53398" spans="14:14">
      <c r="N53398" s="10"/>
    </row>
    <row r="53399" spans="14:14">
      <c r="N53399" s="10"/>
    </row>
    <row r="53400" spans="14:14">
      <c r="N53400" s="10"/>
    </row>
    <row r="53401" spans="14:14">
      <c r="N53401" s="10"/>
    </row>
    <row r="53402" spans="14:14">
      <c r="N53402" s="10"/>
    </row>
    <row r="53403" spans="14:14">
      <c r="N53403" s="10"/>
    </row>
    <row r="53404" spans="14:14">
      <c r="N53404" s="10"/>
    </row>
    <row r="53405" spans="14:14">
      <c r="N53405" s="10"/>
    </row>
    <row r="53406" spans="14:14">
      <c r="N53406" s="10"/>
    </row>
    <row r="53407" spans="14:14">
      <c r="N53407" s="10"/>
    </row>
    <row r="53408" spans="14:14">
      <c r="N53408" s="10"/>
    </row>
    <row r="53409" spans="14:14">
      <c r="N53409" s="10"/>
    </row>
    <row r="53410" spans="14:14">
      <c r="N53410" s="10"/>
    </row>
    <row r="53411" spans="14:14">
      <c r="N53411" s="10"/>
    </row>
    <row r="53412" spans="14:14">
      <c r="N53412" s="10"/>
    </row>
    <row r="53413" spans="14:14">
      <c r="N53413" s="10"/>
    </row>
    <row r="53414" spans="14:14">
      <c r="N53414" s="10"/>
    </row>
    <row r="53415" spans="14:14">
      <c r="N53415" s="10"/>
    </row>
    <row r="53416" spans="14:14">
      <c r="N53416" s="10"/>
    </row>
    <row r="53417" spans="14:14">
      <c r="N53417" s="10"/>
    </row>
    <row r="53418" spans="14:14">
      <c r="N53418" s="10"/>
    </row>
    <row r="53419" spans="14:14">
      <c r="N53419" s="10"/>
    </row>
    <row r="53420" spans="14:14">
      <c r="N53420" s="10"/>
    </row>
    <row r="53421" spans="14:14">
      <c r="N53421" s="10"/>
    </row>
    <row r="53422" spans="14:14">
      <c r="N53422" s="10"/>
    </row>
    <row r="53423" spans="14:14">
      <c r="N53423" s="10"/>
    </row>
    <row r="53424" spans="14:14">
      <c r="N53424" s="10"/>
    </row>
    <row r="53425" spans="14:14">
      <c r="N53425" s="10"/>
    </row>
    <row r="53426" spans="14:14">
      <c r="N53426" s="10"/>
    </row>
    <row r="53427" spans="14:14">
      <c r="N53427" s="10"/>
    </row>
    <row r="53428" spans="14:14">
      <c r="N53428" s="10"/>
    </row>
    <row r="53429" spans="14:14">
      <c r="N53429" s="10"/>
    </row>
    <row r="53430" spans="14:14">
      <c r="N53430" s="10"/>
    </row>
    <row r="53431" spans="14:14">
      <c r="N53431" s="10"/>
    </row>
    <row r="53432" spans="14:14">
      <c r="N53432" s="10"/>
    </row>
    <row r="53433" spans="14:14">
      <c r="N53433" s="10"/>
    </row>
    <row r="53434" spans="14:14">
      <c r="N53434" s="10"/>
    </row>
    <row r="53435" spans="14:14">
      <c r="N53435" s="10"/>
    </row>
    <row r="53436" spans="14:14">
      <c r="N53436" s="10"/>
    </row>
    <row r="53437" spans="14:14">
      <c r="N53437" s="10"/>
    </row>
    <row r="53438" spans="14:14">
      <c r="N53438" s="10"/>
    </row>
    <row r="53439" spans="14:14">
      <c r="N53439" s="10"/>
    </row>
    <row r="53440" spans="14:14">
      <c r="N53440" s="10"/>
    </row>
    <row r="53441" spans="14:14">
      <c r="N53441" s="10"/>
    </row>
    <row r="53442" spans="14:14">
      <c r="N53442" s="10"/>
    </row>
    <row r="53443" spans="14:14">
      <c r="N53443" s="10"/>
    </row>
    <row r="53444" spans="14:14">
      <c r="N53444" s="10"/>
    </row>
    <row r="53445" spans="14:14">
      <c r="N53445" s="10"/>
    </row>
    <row r="53446" spans="14:14">
      <c r="N53446" s="10"/>
    </row>
    <row r="53447" spans="14:14">
      <c r="N53447" s="10"/>
    </row>
    <row r="53448" spans="14:14">
      <c r="N53448" s="10"/>
    </row>
    <row r="53449" spans="14:14">
      <c r="N53449" s="10"/>
    </row>
    <row r="53450" spans="14:14">
      <c r="N53450" s="10"/>
    </row>
    <row r="53451" spans="14:14">
      <c r="N53451" s="10"/>
    </row>
    <row r="53452" spans="14:14">
      <c r="N53452" s="10"/>
    </row>
    <row r="53453" spans="14:14">
      <c r="N53453" s="10"/>
    </row>
    <row r="53454" spans="14:14">
      <c r="N53454" s="10"/>
    </row>
    <row r="53455" spans="14:14">
      <c r="N53455" s="10"/>
    </row>
    <row r="53456" spans="14:14">
      <c r="N53456" s="10"/>
    </row>
    <row r="53457" spans="14:14">
      <c r="N53457" s="10"/>
    </row>
    <row r="53458" spans="14:14">
      <c r="N53458" s="10"/>
    </row>
    <row r="53459" spans="14:14">
      <c r="N53459" s="10"/>
    </row>
    <row r="53460" spans="14:14">
      <c r="N53460" s="10"/>
    </row>
    <row r="53461" spans="14:14">
      <c r="N53461" s="10"/>
    </row>
    <row r="53462" spans="14:14">
      <c r="N53462" s="10"/>
    </row>
    <row r="53463" spans="14:14">
      <c r="N53463" s="10"/>
    </row>
    <row r="53464" spans="14:14">
      <c r="N53464" s="10"/>
    </row>
    <row r="53465" spans="14:14">
      <c r="N53465" s="10"/>
    </row>
    <row r="53466" spans="14:14">
      <c r="N53466" s="10"/>
    </row>
    <row r="53467" spans="14:14">
      <c r="N53467" s="10"/>
    </row>
    <row r="53468" spans="14:14">
      <c r="N53468" s="10"/>
    </row>
    <row r="53469" spans="14:14">
      <c r="N53469" s="10"/>
    </row>
    <row r="53470" spans="14:14">
      <c r="N53470" s="10"/>
    </row>
    <row r="53471" spans="14:14">
      <c r="N53471" s="10"/>
    </row>
    <row r="53472" spans="14:14">
      <c r="N53472" s="10"/>
    </row>
    <row r="53473" spans="14:14">
      <c r="N53473" s="10"/>
    </row>
    <row r="53474" spans="14:14">
      <c r="N53474" s="10"/>
    </row>
    <row r="53475" spans="14:14">
      <c r="N53475" s="10"/>
    </row>
    <row r="53476" spans="14:14">
      <c r="N53476" s="10"/>
    </row>
    <row r="53477" spans="14:14">
      <c r="N53477" s="10"/>
    </row>
    <row r="53478" spans="14:14">
      <c r="N53478" s="10"/>
    </row>
    <row r="53479" spans="14:14">
      <c r="N53479" s="10"/>
    </row>
    <row r="53480" spans="14:14">
      <c r="N53480" s="10"/>
    </row>
    <row r="53481" spans="14:14">
      <c r="N53481" s="10"/>
    </row>
    <row r="53482" spans="14:14">
      <c r="N53482" s="10"/>
    </row>
    <row r="53483" spans="14:14">
      <c r="N53483" s="10"/>
    </row>
    <row r="53484" spans="14:14">
      <c r="N53484" s="10"/>
    </row>
    <row r="53485" spans="14:14">
      <c r="N53485" s="10"/>
    </row>
    <row r="53486" spans="14:14">
      <c r="N53486" s="10"/>
    </row>
    <row r="53487" spans="14:14">
      <c r="N53487" s="10"/>
    </row>
    <row r="53488" spans="14:14">
      <c r="N53488" s="10"/>
    </row>
    <row r="53489" spans="14:14">
      <c r="N53489" s="10"/>
    </row>
    <row r="53490" spans="14:14">
      <c r="N53490" s="10"/>
    </row>
    <row r="53491" spans="14:14">
      <c r="N53491" s="10"/>
    </row>
    <row r="53492" spans="14:14">
      <c r="N53492" s="10"/>
    </row>
    <row r="53493" spans="14:14">
      <c r="N53493" s="10"/>
    </row>
    <row r="53494" spans="14:14">
      <c r="N53494" s="10"/>
    </row>
    <row r="53495" spans="14:14">
      <c r="N53495" s="10"/>
    </row>
    <row r="53496" spans="14:14">
      <c r="N53496" s="10"/>
    </row>
    <row r="53497" spans="14:14">
      <c r="N53497" s="10"/>
    </row>
    <row r="53498" spans="14:14">
      <c r="N53498" s="10"/>
    </row>
    <row r="53499" spans="14:14">
      <c r="N53499" s="10"/>
    </row>
    <row r="53500" spans="14:14">
      <c r="N53500" s="10"/>
    </row>
    <row r="53501" spans="14:14">
      <c r="N53501" s="10"/>
    </row>
    <row r="53502" spans="14:14">
      <c r="N53502" s="10"/>
    </row>
    <row r="53503" spans="14:14">
      <c r="N53503" s="10"/>
    </row>
    <row r="53504" spans="14:14">
      <c r="N53504" s="10"/>
    </row>
    <row r="53505" spans="14:14">
      <c r="N53505" s="10"/>
    </row>
    <row r="53506" spans="14:14">
      <c r="N53506" s="10"/>
    </row>
    <row r="53507" spans="14:14">
      <c r="N53507" s="10"/>
    </row>
    <row r="53508" spans="14:14">
      <c r="N53508" s="10"/>
    </row>
    <row r="53509" spans="14:14">
      <c r="N53509" s="10"/>
    </row>
    <row r="53510" spans="14:14">
      <c r="N53510" s="10"/>
    </row>
    <row r="53511" spans="14:14">
      <c r="N53511" s="10"/>
    </row>
    <row r="53512" spans="14:14">
      <c r="N53512" s="10"/>
    </row>
    <row r="53513" spans="14:14">
      <c r="N53513" s="10"/>
    </row>
    <row r="53514" spans="14:14">
      <c r="N53514" s="10"/>
    </row>
    <row r="53515" spans="14:14">
      <c r="N53515" s="10"/>
    </row>
    <row r="53516" spans="14:14">
      <c r="N53516" s="10"/>
    </row>
    <row r="53517" spans="14:14">
      <c r="N53517" s="10"/>
    </row>
    <row r="53518" spans="14:14">
      <c r="N53518" s="10"/>
    </row>
    <row r="53519" spans="14:14">
      <c r="N53519" s="10"/>
    </row>
    <row r="53520" spans="14:14">
      <c r="N53520" s="10"/>
    </row>
    <row r="53521" spans="14:14">
      <c r="N53521" s="10"/>
    </row>
    <row r="53522" spans="14:14">
      <c r="N53522" s="10"/>
    </row>
    <row r="53523" spans="14:14">
      <c r="N53523" s="10"/>
    </row>
    <row r="53524" spans="14:14">
      <c r="N53524" s="10"/>
    </row>
    <row r="53525" spans="14:14">
      <c r="N53525" s="10"/>
    </row>
    <row r="53526" spans="14:14">
      <c r="N53526" s="10"/>
    </row>
    <row r="53527" spans="14:14">
      <c r="N53527" s="10"/>
    </row>
    <row r="53528" spans="14:14">
      <c r="N53528" s="10"/>
    </row>
    <row r="53529" spans="14:14">
      <c r="N53529" s="10"/>
    </row>
    <row r="53530" spans="14:14">
      <c r="N53530" s="10"/>
    </row>
    <row r="53531" spans="14:14">
      <c r="N53531" s="10"/>
    </row>
    <row r="53532" spans="14:14">
      <c r="N53532" s="10"/>
    </row>
    <row r="53533" spans="14:14">
      <c r="N53533" s="10"/>
    </row>
    <row r="53534" spans="14:14">
      <c r="N53534" s="10"/>
    </row>
    <row r="53535" spans="14:14">
      <c r="N53535" s="10"/>
    </row>
    <row r="53536" spans="14:14">
      <c r="N53536" s="10"/>
    </row>
    <row r="53537" spans="14:14">
      <c r="N53537" s="10"/>
    </row>
    <row r="53538" spans="14:14">
      <c r="N53538" s="10"/>
    </row>
    <row r="53539" spans="14:14">
      <c r="N53539" s="10"/>
    </row>
    <row r="53540" spans="14:14">
      <c r="N53540" s="10"/>
    </row>
    <row r="53541" spans="14:14">
      <c r="N53541" s="10"/>
    </row>
    <row r="53542" spans="14:14">
      <c r="N53542" s="10"/>
    </row>
    <row r="53543" spans="14:14">
      <c r="N53543" s="10"/>
    </row>
    <row r="53544" spans="14:14">
      <c r="N53544" s="10"/>
    </row>
    <row r="53545" spans="14:14">
      <c r="N53545" s="10"/>
    </row>
    <row r="53546" spans="14:14">
      <c r="N53546" s="10"/>
    </row>
    <row r="53547" spans="14:14">
      <c r="N53547" s="10"/>
    </row>
    <row r="53548" spans="14:14">
      <c r="N53548" s="10"/>
    </row>
    <row r="53549" spans="14:14">
      <c r="N53549" s="10"/>
    </row>
    <row r="53550" spans="14:14">
      <c r="N53550" s="10"/>
    </row>
    <row r="53551" spans="14:14">
      <c r="N53551" s="10"/>
    </row>
    <row r="53552" spans="14:14">
      <c r="N53552" s="10"/>
    </row>
    <row r="53553" spans="14:14">
      <c r="N53553" s="10"/>
    </row>
    <row r="53554" spans="14:14">
      <c r="N53554" s="10"/>
    </row>
    <row r="53555" spans="14:14">
      <c r="N53555" s="10"/>
    </row>
    <row r="53556" spans="14:14">
      <c r="N53556" s="10"/>
    </row>
    <row r="53557" spans="14:14">
      <c r="N53557" s="10"/>
    </row>
    <row r="53558" spans="14:14">
      <c r="N53558" s="10"/>
    </row>
    <row r="53559" spans="14:14">
      <c r="N53559" s="10"/>
    </row>
    <row r="53560" spans="14:14">
      <c r="N53560" s="10"/>
    </row>
    <row r="53561" spans="14:14">
      <c r="N53561" s="10"/>
    </row>
    <row r="53562" spans="14:14">
      <c r="N53562" s="10"/>
    </row>
    <row r="53563" spans="14:14">
      <c r="N53563" s="10"/>
    </row>
    <row r="53564" spans="14:14">
      <c r="N53564" s="10"/>
    </row>
    <row r="53565" spans="14:14">
      <c r="N53565" s="10"/>
    </row>
    <row r="53566" spans="14:14">
      <c r="N53566" s="10"/>
    </row>
    <row r="53567" spans="14:14">
      <c r="N53567" s="10"/>
    </row>
    <row r="53568" spans="14:14">
      <c r="N53568" s="10"/>
    </row>
    <row r="53569" spans="14:14">
      <c r="N53569" s="10"/>
    </row>
    <row r="53570" spans="14:14">
      <c r="N53570" s="10"/>
    </row>
    <row r="53571" spans="14:14">
      <c r="N53571" s="10"/>
    </row>
    <row r="53572" spans="14:14">
      <c r="N53572" s="10"/>
    </row>
    <row r="53573" spans="14:14">
      <c r="N53573" s="10"/>
    </row>
    <row r="53574" spans="14:14">
      <c r="N53574" s="10"/>
    </row>
    <row r="53575" spans="14:14">
      <c r="N53575" s="10"/>
    </row>
    <row r="53576" spans="14:14">
      <c r="N53576" s="10"/>
    </row>
    <row r="53577" spans="14:14">
      <c r="N53577" s="10"/>
    </row>
    <row r="53578" spans="14:14">
      <c r="N53578" s="10"/>
    </row>
    <row r="53579" spans="14:14">
      <c r="N53579" s="10"/>
    </row>
    <row r="53580" spans="14:14">
      <c r="N53580" s="10"/>
    </row>
    <row r="53581" spans="14:14">
      <c r="N53581" s="10"/>
    </row>
    <row r="53582" spans="14:14">
      <c r="N53582" s="10"/>
    </row>
    <row r="53583" spans="14:14">
      <c r="N53583" s="10"/>
    </row>
    <row r="53584" spans="14:14">
      <c r="N53584" s="10"/>
    </row>
    <row r="53585" spans="14:14">
      <c r="N53585" s="10"/>
    </row>
    <row r="53586" spans="14:14">
      <c r="N53586" s="10"/>
    </row>
    <row r="53587" spans="14:14">
      <c r="N53587" s="10"/>
    </row>
    <row r="53588" spans="14:14">
      <c r="N53588" s="10"/>
    </row>
    <row r="53589" spans="14:14">
      <c r="N53589" s="10"/>
    </row>
    <row r="53590" spans="14:14">
      <c r="N53590" s="10"/>
    </row>
    <row r="53591" spans="14:14">
      <c r="N53591" s="10"/>
    </row>
    <row r="53592" spans="14:14">
      <c r="N53592" s="10"/>
    </row>
    <row r="53593" spans="14:14">
      <c r="N53593" s="10"/>
    </row>
    <row r="53594" spans="14:14">
      <c r="N53594" s="10"/>
    </row>
    <row r="53595" spans="14:14">
      <c r="N53595" s="10"/>
    </row>
    <row r="53596" spans="14:14">
      <c r="N53596" s="10"/>
    </row>
    <row r="53597" spans="14:14">
      <c r="N53597" s="10"/>
    </row>
    <row r="53598" spans="14:14">
      <c r="N53598" s="10"/>
    </row>
    <row r="53599" spans="14:14">
      <c r="N53599" s="10"/>
    </row>
    <row r="53600" spans="14:14">
      <c r="N53600" s="10"/>
    </row>
    <row r="53601" spans="14:14">
      <c r="N53601" s="10"/>
    </row>
    <row r="53602" spans="14:14">
      <c r="N53602" s="10"/>
    </row>
    <row r="53603" spans="14:14">
      <c r="N53603" s="10"/>
    </row>
    <row r="53604" spans="14:14">
      <c r="N53604" s="10"/>
    </row>
    <row r="53605" spans="14:14">
      <c r="N53605" s="10"/>
    </row>
    <row r="53606" spans="14:14">
      <c r="N53606" s="10"/>
    </row>
    <row r="53607" spans="14:14">
      <c r="N53607" s="10"/>
    </row>
    <row r="53608" spans="14:14">
      <c r="N53608" s="10"/>
    </row>
    <row r="53609" spans="14:14">
      <c r="N53609" s="10"/>
    </row>
    <row r="53610" spans="14:14">
      <c r="N53610" s="10"/>
    </row>
    <row r="53611" spans="14:14">
      <c r="N53611" s="10"/>
    </row>
    <row r="53612" spans="14:14">
      <c r="N53612" s="10"/>
    </row>
    <row r="53613" spans="14:14">
      <c r="N53613" s="10"/>
    </row>
    <row r="53614" spans="14:14">
      <c r="N53614" s="10"/>
    </row>
    <row r="53615" spans="14:14">
      <c r="N53615" s="10"/>
    </row>
    <row r="53616" spans="14:14">
      <c r="N53616" s="10"/>
    </row>
    <row r="53617" spans="14:14">
      <c r="N53617" s="10"/>
    </row>
    <row r="53618" spans="14:14">
      <c r="N53618" s="10"/>
    </row>
    <row r="53619" spans="14:14">
      <c r="N53619" s="10"/>
    </row>
    <row r="53620" spans="14:14">
      <c r="N53620" s="10"/>
    </row>
    <row r="53621" spans="14:14">
      <c r="N53621" s="10"/>
    </row>
    <row r="53622" spans="14:14">
      <c r="N53622" s="10"/>
    </row>
    <row r="53623" spans="14:14">
      <c r="N53623" s="10"/>
    </row>
    <row r="53624" spans="14:14">
      <c r="N53624" s="10"/>
    </row>
    <row r="53625" spans="14:14">
      <c r="N53625" s="10"/>
    </row>
    <row r="53626" spans="14:14">
      <c r="N53626" s="10"/>
    </row>
    <row r="53627" spans="14:14">
      <c r="N53627" s="10"/>
    </row>
    <row r="53628" spans="14:14">
      <c r="N53628" s="10"/>
    </row>
    <row r="53629" spans="14:14">
      <c r="N53629" s="10"/>
    </row>
    <row r="53630" spans="14:14">
      <c r="N53630" s="10"/>
    </row>
    <row r="53631" spans="14:14">
      <c r="N53631" s="10"/>
    </row>
    <row r="53632" spans="14:14">
      <c r="N53632" s="10"/>
    </row>
    <row r="53633" spans="14:14">
      <c r="N53633" s="10"/>
    </row>
    <row r="53634" spans="14:14">
      <c r="N53634" s="10"/>
    </row>
    <row r="53635" spans="14:14">
      <c r="N53635" s="10"/>
    </row>
    <row r="53636" spans="14:14">
      <c r="N53636" s="10"/>
    </row>
    <row r="53637" spans="14:14">
      <c r="N53637" s="10"/>
    </row>
    <row r="53638" spans="14:14">
      <c r="N53638" s="10"/>
    </row>
    <row r="53639" spans="14:14">
      <c r="N53639" s="10"/>
    </row>
    <row r="53640" spans="14:14">
      <c r="N53640" s="10"/>
    </row>
    <row r="53641" spans="14:14">
      <c r="N53641" s="10"/>
    </row>
    <row r="53642" spans="14:14">
      <c r="N53642" s="10"/>
    </row>
    <row r="53643" spans="14:14">
      <c r="N53643" s="10"/>
    </row>
    <row r="53644" spans="14:14">
      <c r="N53644" s="10"/>
    </row>
    <row r="53645" spans="14:14">
      <c r="N53645" s="10"/>
    </row>
    <row r="53646" spans="14:14">
      <c r="N53646" s="10"/>
    </row>
    <row r="53647" spans="14:14">
      <c r="N53647" s="10"/>
    </row>
    <row r="53648" spans="14:14">
      <c r="N53648" s="10"/>
    </row>
    <row r="53649" spans="14:14">
      <c r="N53649" s="10"/>
    </row>
    <row r="53650" spans="14:14">
      <c r="N53650" s="10"/>
    </row>
    <row r="53651" spans="14:14">
      <c r="N53651" s="10"/>
    </row>
    <row r="53652" spans="14:14">
      <c r="N53652" s="10"/>
    </row>
    <row r="53653" spans="14:14">
      <c r="N53653" s="10"/>
    </row>
    <row r="53654" spans="14:14">
      <c r="N53654" s="10"/>
    </row>
    <row r="53655" spans="14:14">
      <c r="N53655" s="10"/>
    </row>
    <row r="53656" spans="14:14">
      <c r="N53656" s="10"/>
    </row>
    <row r="53657" spans="14:14">
      <c r="N53657" s="10"/>
    </row>
    <row r="53658" spans="14:14">
      <c r="N53658" s="10"/>
    </row>
    <row r="53659" spans="14:14">
      <c r="N53659" s="10"/>
    </row>
    <row r="53660" spans="14:14">
      <c r="N53660" s="10"/>
    </row>
    <row r="53661" spans="14:14">
      <c r="N53661" s="10"/>
    </row>
    <row r="53662" spans="14:14">
      <c r="N53662" s="10"/>
    </row>
    <row r="53663" spans="14:14">
      <c r="N53663" s="10"/>
    </row>
    <row r="53664" spans="14:14">
      <c r="N53664" s="10"/>
    </row>
    <row r="53665" spans="14:14">
      <c r="N53665" s="10"/>
    </row>
    <row r="53666" spans="14:14">
      <c r="N53666" s="10"/>
    </row>
    <row r="53667" spans="14:14">
      <c r="N53667" s="10"/>
    </row>
    <row r="53668" spans="14:14">
      <c r="N53668" s="10"/>
    </row>
    <row r="53669" spans="14:14">
      <c r="N53669" s="10"/>
    </row>
    <row r="53670" spans="14:14">
      <c r="N53670" s="10"/>
    </row>
    <row r="53671" spans="14:14">
      <c r="N53671" s="10"/>
    </row>
    <row r="53672" spans="14:14">
      <c r="N53672" s="10"/>
    </row>
    <row r="53673" spans="14:14">
      <c r="N53673" s="10"/>
    </row>
    <row r="53674" spans="14:14">
      <c r="N53674" s="10"/>
    </row>
    <row r="53675" spans="14:14">
      <c r="N53675" s="10"/>
    </row>
    <row r="53676" spans="14:14">
      <c r="N53676" s="10"/>
    </row>
    <row r="53677" spans="14:14">
      <c r="N53677" s="10"/>
    </row>
    <row r="53678" spans="14:14">
      <c r="N53678" s="10"/>
    </row>
    <row r="53679" spans="14:14">
      <c r="N53679" s="10"/>
    </row>
    <row r="53680" spans="14:14">
      <c r="N53680" s="10"/>
    </row>
    <row r="53681" spans="14:14">
      <c r="N53681" s="10"/>
    </row>
    <row r="53682" spans="14:14">
      <c r="N53682" s="10"/>
    </row>
    <row r="53683" spans="14:14">
      <c r="N53683" s="10"/>
    </row>
    <row r="53684" spans="14:14">
      <c r="N53684" s="10"/>
    </row>
    <row r="53685" spans="14:14">
      <c r="N53685" s="10"/>
    </row>
    <row r="53686" spans="14:14">
      <c r="N53686" s="10"/>
    </row>
    <row r="53687" spans="14:14">
      <c r="N53687" s="10"/>
    </row>
    <row r="53688" spans="14:14">
      <c r="N53688" s="10"/>
    </row>
    <row r="53689" spans="14:14">
      <c r="N53689" s="10"/>
    </row>
    <row r="53690" spans="14:14">
      <c r="N53690" s="10"/>
    </row>
    <row r="53691" spans="14:14">
      <c r="N53691" s="10"/>
    </row>
    <row r="53692" spans="14:14">
      <c r="N53692" s="10"/>
    </row>
    <row r="53693" spans="14:14">
      <c r="N53693" s="10"/>
    </row>
    <row r="53694" spans="14:14">
      <c r="N53694" s="10"/>
    </row>
    <row r="53695" spans="14:14">
      <c r="N53695" s="10"/>
    </row>
    <row r="53696" spans="14:14">
      <c r="N53696" s="10"/>
    </row>
    <row r="53697" spans="14:14">
      <c r="N53697" s="10"/>
    </row>
    <row r="53698" spans="14:14">
      <c r="N53698" s="10"/>
    </row>
    <row r="53699" spans="14:14">
      <c r="N53699" s="10"/>
    </row>
    <row r="53700" spans="14:14">
      <c r="N53700" s="10"/>
    </row>
    <row r="53701" spans="14:14">
      <c r="N53701" s="10"/>
    </row>
    <row r="53702" spans="14:14">
      <c r="N53702" s="10"/>
    </row>
    <row r="53703" spans="14:14">
      <c r="N53703" s="10"/>
    </row>
    <row r="53704" spans="14:14">
      <c r="N53704" s="10"/>
    </row>
    <row r="53705" spans="14:14">
      <c r="N53705" s="10"/>
    </row>
    <row r="53706" spans="14:14">
      <c r="N53706" s="10"/>
    </row>
    <row r="53707" spans="14:14">
      <c r="N53707" s="10"/>
    </row>
    <row r="53708" spans="14:14">
      <c r="N53708" s="10"/>
    </row>
    <row r="53709" spans="14:14">
      <c r="N53709" s="10"/>
    </row>
    <row r="53710" spans="14:14">
      <c r="N53710" s="10"/>
    </row>
    <row r="53711" spans="14:14">
      <c r="N53711" s="10"/>
    </row>
    <row r="53712" spans="14:14">
      <c r="N53712" s="10"/>
    </row>
    <row r="53713" spans="14:14">
      <c r="N53713" s="10"/>
    </row>
    <row r="53714" spans="14:14">
      <c r="N53714" s="10"/>
    </row>
    <row r="53715" spans="14:14">
      <c r="N53715" s="10"/>
    </row>
    <row r="53716" spans="14:14">
      <c r="N53716" s="10"/>
    </row>
    <row r="53717" spans="14:14">
      <c r="N53717" s="10"/>
    </row>
    <row r="53718" spans="14:14">
      <c r="N53718" s="10"/>
    </row>
    <row r="53719" spans="14:14">
      <c r="N53719" s="10"/>
    </row>
    <row r="53720" spans="14:14">
      <c r="N53720" s="10"/>
    </row>
    <row r="53721" spans="14:14">
      <c r="N53721" s="10"/>
    </row>
    <row r="53722" spans="14:14">
      <c r="N53722" s="10"/>
    </row>
    <row r="53723" spans="14:14">
      <c r="N53723" s="10"/>
    </row>
    <row r="53724" spans="14:14">
      <c r="N53724" s="10"/>
    </row>
    <row r="53725" spans="14:14">
      <c r="N53725" s="10"/>
    </row>
    <row r="53726" spans="14:14">
      <c r="N53726" s="10"/>
    </row>
    <row r="53727" spans="14:14">
      <c r="N53727" s="10"/>
    </row>
    <row r="53728" spans="14:14">
      <c r="N53728" s="10"/>
    </row>
    <row r="53729" spans="14:14">
      <c r="N53729" s="10"/>
    </row>
    <row r="53730" spans="14:14">
      <c r="N53730" s="10"/>
    </row>
    <row r="53731" spans="14:14">
      <c r="N53731" s="10"/>
    </row>
    <row r="53732" spans="14:14">
      <c r="N53732" s="10"/>
    </row>
    <row r="53733" spans="14:14">
      <c r="N53733" s="10"/>
    </row>
    <row r="53734" spans="14:14">
      <c r="N53734" s="10"/>
    </row>
    <row r="53735" spans="14:14">
      <c r="N53735" s="10"/>
    </row>
    <row r="53736" spans="14:14">
      <c r="N53736" s="10"/>
    </row>
    <row r="53737" spans="14:14">
      <c r="N53737" s="10"/>
    </row>
    <row r="53738" spans="14:14">
      <c r="N53738" s="10"/>
    </row>
    <row r="53739" spans="14:14">
      <c r="N53739" s="10"/>
    </row>
    <row r="53740" spans="14:14">
      <c r="N53740" s="10"/>
    </row>
    <row r="53741" spans="14:14">
      <c r="N53741" s="10"/>
    </row>
    <row r="53742" spans="14:14">
      <c r="N53742" s="10"/>
    </row>
    <row r="53743" spans="14:14">
      <c r="N53743" s="10"/>
    </row>
    <row r="53744" spans="14:14">
      <c r="N53744" s="10"/>
    </row>
    <row r="53745" spans="14:14">
      <c r="N53745" s="10"/>
    </row>
    <row r="53746" spans="14:14">
      <c r="N53746" s="10"/>
    </row>
    <row r="53747" spans="14:14">
      <c r="N53747" s="10"/>
    </row>
    <row r="53748" spans="14:14">
      <c r="N53748" s="10"/>
    </row>
    <row r="53749" spans="14:14">
      <c r="N53749" s="10"/>
    </row>
    <row r="53750" spans="14:14">
      <c r="N53750" s="10"/>
    </row>
    <row r="53751" spans="14:14">
      <c r="N53751" s="10"/>
    </row>
    <row r="53752" spans="14:14">
      <c r="N53752" s="10"/>
    </row>
    <row r="53753" spans="14:14">
      <c r="N53753" s="10"/>
    </row>
    <row r="53754" spans="14:14">
      <c r="N53754" s="10"/>
    </row>
    <row r="53755" spans="14:14">
      <c r="N53755" s="10"/>
    </row>
    <row r="53756" spans="14:14">
      <c r="N53756" s="10"/>
    </row>
    <row r="53757" spans="14:14">
      <c r="N53757" s="10"/>
    </row>
    <row r="53758" spans="14:14">
      <c r="N53758" s="10"/>
    </row>
    <row r="53759" spans="14:14">
      <c r="N53759" s="10"/>
    </row>
    <row r="53760" spans="14:14">
      <c r="N53760" s="10"/>
    </row>
    <row r="53761" spans="14:14">
      <c r="N53761" s="10"/>
    </row>
    <row r="53762" spans="14:14">
      <c r="N53762" s="10"/>
    </row>
    <row r="53763" spans="14:14">
      <c r="N53763" s="10"/>
    </row>
    <row r="53764" spans="14:14">
      <c r="N53764" s="10"/>
    </row>
    <row r="53765" spans="14:14">
      <c r="N53765" s="10"/>
    </row>
    <row r="53766" spans="14:14">
      <c r="N53766" s="10"/>
    </row>
    <row r="53767" spans="14:14">
      <c r="N53767" s="10"/>
    </row>
    <row r="53768" spans="14:14">
      <c r="N53768" s="10"/>
    </row>
    <row r="53769" spans="14:14">
      <c r="N53769" s="10"/>
    </row>
    <row r="53770" spans="14:14">
      <c r="N53770" s="10"/>
    </row>
    <row r="53771" spans="14:14">
      <c r="N53771" s="10"/>
    </row>
    <row r="53772" spans="14:14">
      <c r="N53772" s="10"/>
    </row>
    <row r="53773" spans="14:14">
      <c r="N53773" s="10"/>
    </row>
    <row r="53774" spans="14:14">
      <c r="N53774" s="10"/>
    </row>
    <row r="53775" spans="14:14">
      <c r="N53775" s="10"/>
    </row>
    <row r="53776" spans="14:14">
      <c r="N53776" s="10"/>
    </row>
    <row r="53777" spans="14:14">
      <c r="N53777" s="10"/>
    </row>
    <row r="53778" spans="14:14">
      <c r="N53778" s="10"/>
    </row>
    <row r="53779" spans="14:14">
      <c r="N53779" s="10"/>
    </row>
    <row r="53780" spans="14:14">
      <c r="N53780" s="10"/>
    </row>
    <row r="53781" spans="14:14">
      <c r="N53781" s="10"/>
    </row>
    <row r="53782" spans="14:14">
      <c r="N53782" s="10"/>
    </row>
    <row r="53783" spans="14:14">
      <c r="N53783" s="10"/>
    </row>
    <row r="53784" spans="14:14">
      <c r="N53784" s="10"/>
    </row>
    <row r="53785" spans="14:14">
      <c r="N53785" s="10"/>
    </row>
    <row r="53786" spans="14:14">
      <c r="N53786" s="10"/>
    </row>
    <row r="53787" spans="14:14">
      <c r="N53787" s="10"/>
    </row>
    <row r="53788" spans="14:14">
      <c r="N53788" s="10"/>
    </row>
    <row r="53789" spans="14:14">
      <c r="N53789" s="10"/>
    </row>
    <row r="53790" spans="14:14">
      <c r="N53790" s="10"/>
    </row>
    <row r="53791" spans="14:14">
      <c r="N53791" s="10"/>
    </row>
    <row r="53792" spans="14:14">
      <c r="N53792" s="10"/>
    </row>
    <row r="53793" spans="14:14">
      <c r="N53793" s="10"/>
    </row>
    <row r="53794" spans="14:14">
      <c r="N53794" s="10"/>
    </row>
    <row r="53795" spans="14:14">
      <c r="N53795" s="10"/>
    </row>
    <row r="53796" spans="14:14">
      <c r="N53796" s="10"/>
    </row>
    <row r="53797" spans="14:14">
      <c r="N53797" s="10"/>
    </row>
    <row r="53798" spans="14:14">
      <c r="N53798" s="10"/>
    </row>
    <row r="53799" spans="14:14">
      <c r="N53799" s="10"/>
    </row>
    <row r="53800" spans="14:14">
      <c r="N53800" s="10"/>
    </row>
    <row r="53801" spans="14:14">
      <c r="N53801" s="10"/>
    </row>
    <row r="53802" spans="14:14">
      <c r="N53802" s="10"/>
    </row>
    <row r="53803" spans="14:14">
      <c r="N53803" s="10"/>
    </row>
    <row r="53804" spans="14:14">
      <c r="N53804" s="10"/>
    </row>
    <row r="53805" spans="14:14">
      <c r="N53805" s="10"/>
    </row>
    <row r="53806" spans="14:14">
      <c r="N53806" s="10"/>
    </row>
    <row r="53807" spans="14:14">
      <c r="N53807" s="10"/>
    </row>
    <row r="53808" spans="14:14">
      <c r="N53808" s="10"/>
    </row>
    <row r="53809" spans="14:14">
      <c r="N53809" s="10"/>
    </row>
    <row r="53810" spans="14:14">
      <c r="N53810" s="10"/>
    </row>
    <row r="53811" spans="14:14">
      <c r="N53811" s="10"/>
    </row>
    <row r="53812" spans="14:14">
      <c r="N53812" s="10"/>
    </row>
    <row r="53813" spans="14:14">
      <c r="N53813" s="10"/>
    </row>
    <row r="53814" spans="14:14">
      <c r="N53814" s="10"/>
    </row>
    <row r="53815" spans="14:14">
      <c r="N53815" s="10"/>
    </row>
    <row r="53816" spans="14:14">
      <c r="N53816" s="10"/>
    </row>
    <row r="53817" spans="14:14">
      <c r="N53817" s="10"/>
    </row>
    <row r="53818" spans="14:14">
      <c r="N53818" s="10"/>
    </row>
    <row r="53819" spans="14:14">
      <c r="N53819" s="10"/>
    </row>
    <row r="53820" spans="14:14">
      <c r="N53820" s="10"/>
    </row>
    <row r="53821" spans="14:14">
      <c r="N53821" s="10"/>
    </row>
    <row r="53822" spans="14:14">
      <c r="N53822" s="10"/>
    </row>
    <row r="53823" spans="14:14">
      <c r="N53823" s="10"/>
    </row>
    <row r="53824" spans="14:14">
      <c r="N53824" s="10"/>
    </row>
    <row r="53825" spans="14:14">
      <c r="N53825" s="10"/>
    </row>
    <row r="53826" spans="14:14">
      <c r="N53826" s="10"/>
    </row>
    <row r="53827" spans="14:14">
      <c r="N53827" s="10"/>
    </row>
    <row r="53828" spans="14:14">
      <c r="N53828" s="10"/>
    </row>
    <row r="53829" spans="14:14">
      <c r="N53829" s="10"/>
    </row>
    <row r="53830" spans="14:14">
      <c r="N53830" s="10"/>
    </row>
    <row r="53831" spans="14:14">
      <c r="N53831" s="10"/>
    </row>
    <row r="53832" spans="14:14">
      <c r="N53832" s="10"/>
    </row>
    <row r="53833" spans="14:14">
      <c r="N53833" s="10"/>
    </row>
    <row r="53834" spans="14:14">
      <c r="N53834" s="10"/>
    </row>
    <row r="53835" spans="14:14">
      <c r="N53835" s="10"/>
    </row>
    <row r="53836" spans="14:14">
      <c r="N53836" s="10"/>
    </row>
    <row r="53837" spans="14:14">
      <c r="N53837" s="10"/>
    </row>
    <row r="53838" spans="14:14">
      <c r="N53838" s="10"/>
    </row>
    <row r="53839" spans="14:14">
      <c r="N53839" s="10"/>
    </row>
    <row r="53840" spans="14:14">
      <c r="N53840" s="10"/>
    </row>
    <row r="53841" spans="14:14">
      <c r="N53841" s="10"/>
    </row>
    <row r="53842" spans="14:14">
      <c r="N53842" s="10"/>
    </row>
    <row r="53843" spans="14:14">
      <c r="N53843" s="10"/>
    </row>
    <row r="53844" spans="14:14">
      <c r="N53844" s="10"/>
    </row>
    <row r="53845" spans="14:14">
      <c r="N53845" s="10"/>
    </row>
    <row r="53846" spans="14:14">
      <c r="N53846" s="10"/>
    </row>
    <row r="53847" spans="14:14">
      <c r="N53847" s="10"/>
    </row>
    <row r="53848" spans="14:14">
      <c r="N53848" s="10"/>
    </row>
    <row r="53849" spans="14:14">
      <c r="N53849" s="10"/>
    </row>
    <row r="53850" spans="14:14">
      <c r="N53850" s="10"/>
    </row>
    <row r="53851" spans="14:14">
      <c r="N53851" s="10"/>
    </row>
    <row r="53852" spans="14:14">
      <c r="N53852" s="10"/>
    </row>
    <row r="53853" spans="14:14">
      <c r="N53853" s="10"/>
    </row>
    <row r="53854" spans="14:14">
      <c r="N53854" s="10"/>
    </row>
    <row r="53855" spans="14:14">
      <c r="N53855" s="10"/>
    </row>
    <row r="53856" spans="14:14">
      <c r="N53856" s="10"/>
    </row>
    <row r="53857" spans="14:14">
      <c r="N53857" s="10"/>
    </row>
    <row r="53858" spans="14:14">
      <c r="N53858" s="10"/>
    </row>
    <row r="53859" spans="14:14">
      <c r="N53859" s="10"/>
    </row>
    <row r="53860" spans="14:14">
      <c r="N53860" s="10"/>
    </row>
    <row r="53861" spans="14:14">
      <c r="N53861" s="10"/>
    </row>
    <row r="53862" spans="14:14">
      <c r="N53862" s="10"/>
    </row>
    <row r="53863" spans="14:14">
      <c r="N53863" s="10"/>
    </row>
    <row r="53864" spans="14:14">
      <c r="N53864" s="10"/>
    </row>
    <row r="53865" spans="14:14">
      <c r="N53865" s="10"/>
    </row>
    <row r="53866" spans="14:14">
      <c r="N53866" s="10"/>
    </row>
    <row r="53867" spans="14:14">
      <c r="N53867" s="10"/>
    </row>
    <row r="53868" spans="14:14">
      <c r="N53868" s="10"/>
    </row>
    <row r="53869" spans="14:14">
      <c r="N53869" s="10"/>
    </row>
    <row r="53870" spans="14:14">
      <c r="N53870" s="10"/>
    </row>
    <row r="53871" spans="14:14">
      <c r="N53871" s="10"/>
    </row>
    <row r="53872" spans="14:14">
      <c r="N53872" s="10"/>
    </row>
    <row r="53873" spans="14:14">
      <c r="N53873" s="10"/>
    </row>
    <row r="53874" spans="14:14">
      <c r="N53874" s="10"/>
    </row>
    <row r="53875" spans="14:14">
      <c r="N53875" s="10"/>
    </row>
    <row r="53876" spans="14:14">
      <c r="N53876" s="10"/>
    </row>
    <row r="53877" spans="14:14">
      <c r="N53877" s="10"/>
    </row>
    <row r="53878" spans="14:14">
      <c r="N53878" s="10"/>
    </row>
    <row r="53879" spans="14:14">
      <c r="N53879" s="10"/>
    </row>
    <row r="53880" spans="14:14">
      <c r="N53880" s="10"/>
    </row>
    <row r="53881" spans="14:14">
      <c r="N53881" s="10"/>
    </row>
    <row r="53882" spans="14:14">
      <c r="N53882" s="10"/>
    </row>
    <row r="53883" spans="14:14">
      <c r="N53883" s="10"/>
    </row>
    <row r="53884" spans="14:14">
      <c r="N53884" s="10"/>
    </row>
    <row r="53885" spans="14:14">
      <c r="N53885" s="10"/>
    </row>
    <row r="53886" spans="14:14">
      <c r="N53886" s="10"/>
    </row>
    <row r="53887" spans="14:14">
      <c r="N53887" s="10"/>
    </row>
    <row r="53888" spans="14:14">
      <c r="N53888" s="10"/>
    </row>
    <row r="53889" spans="14:14">
      <c r="N53889" s="10"/>
    </row>
    <row r="53890" spans="14:14">
      <c r="N53890" s="10"/>
    </row>
    <row r="53891" spans="14:14">
      <c r="N53891" s="10"/>
    </row>
    <row r="53892" spans="14:14">
      <c r="N53892" s="10"/>
    </row>
    <row r="53893" spans="14:14">
      <c r="N53893" s="10"/>
    </row>
    <row r="53894" spans="14:14">
      <c r="N53894" s="10"/>
    </row>
    <row r="53895" spans="14:14">
      <c r="N53895" s="10"/>
    </row>
    <row r="53896" spans="14:14">
      <c r="N53896" s="10"/>
    </row>
    <row r="53897" spans="14:14">
      <c r="N53897" s="10"/>
    </row>
    <row r="53898" spans="14:14">
      <c r="N53898" s="10"/>
    </row>
    <row r="53899" spans="14:14">
      <c r="N53899" s="10"/>
    </row>
    <row r="53900" spans="14:14">
      <c r="N53900" s="10"/>
    </row>
    <row r="53901" spans="14:14">
      <c r="N53901" s="10"/>
    </row>
    <row r="53902" spans="14:14">
      <c r="N53902" s="10"/>
    </row>
    <row r="53903" spans="14:14">
      <c r="N53903" s="10"/>
    </row>
    <row r="53904" spans="14:14">
      <c r="N53904" s="10"/>
    </row>
    <row r="53905" spans="14:14">
      <c r="N53905" s="10"/>
    </row>
    <row r="53906" spans="14:14">
      <c r="N53906" s="10"/>
    </row>
    <row r="53907" spans="14:14">
      <c r="N53907" s="10"/>
    </row>
    <row r="53908" spans="14:14">
      <c r="N53908" s="10"/>
    </row>
    <row r="53909" spans="14:14">
      <c r="N53909" s="10"/>
    </row>
    <row r="53910" spans="14:14">
      <c r="N53910" s="10"/>
    </row>
    <row r="53911" spans="14:14">
      <c r="N53911" s="10"/>
    </row>
    <row r="53912" spans="14:14">
      <c r="N53912" s="10"/>
    </row>
    <row r="53913" spans="14:14">
      <c r="N53913" s="10"/>
    </row>
    <row r="53914" spans="14:14">
      <c r="N53914" s="10"/>
    </row>
    <row r="53915" spans="14:14">
      <c r="N53915" s="10"/>
    </row>
    <row r="53916" spans="14:14">
      <c r="N53916" s="10"/>
    </row>
    <row r="53917" spans="14:14">
      <c r="N53917" s="10"/>
    </row>
    <row r="53918" spans="14:14">
      <c r="N53918" s="10"/>
    </row>
    <row r="53919" spans="14:14">
      <c r="N53919" s="10"/>
    </row>
    <row r="53920" spans="14:14">
      <c r="N53920" s="10"/>
    </row>
    <row r="53921" spans="14:14">
      <c r="N53921" s="10"/>
    </row>
    <row r="53922" spans="14:14">
      <c r="N53922" s="10"/>
    </row>
    <row r="53923" spans="14:14">
      <c r="N53923" s="10"/>
    </row>
    <row r="53924" spans="14:14">
      <c r="N53924" s="10"/>
    </row>
    <row r="53925" spans="14:14">
      <c r="N53925" s="10"/>
    </row>
    <row r="53926" spans="14:14">
      <c r="N53926" s="10"/>
    </row>
    <row r="53927" spans="14:14">
      <c r="N53927" s="10"/>
    </row>
    <row r="53928" spans="14:14">
      <c r="N53928" s="10"/>
    </row>
    <row r="53929" spans="14:14">
      <c r="N53929" s="10"/>
    </row>
    <row r="53930" spans="14:14">
      <c r="N53930" s="10"/>
    </row>
    <row r="53931" spans="14:14">
      <c r="N53931" s="10"/>
    </row>
    <row r="53932" spans="14:14">
      <c r="N53932" s="10"/>
    </row>
    <row r="53933" spans="14:14">
      <c r="N53933" s="10"/>
    </row>
    <row r="53934" spans="14:14">
      <c r="N53934" s="10"/>
    </row>
    <row r="53935" spans="14:14">
      <c r="N53935" s="10"/>
    </row>
    <row r="53936" spans="14:14">
      <c r="N53936" s="10"/>
    </row>
    <row r="53937" spans="14:14">
      <c r="N53937" s="10"/>
    </row>
    <row r="53938" spans="14:14">
      <c r="N53938" s="10"/>
    </row>
    <row r="53939" spans="14:14">
      <c r="N53939" s="10"/>
    </row>
    <row r="53940" spans="14:14">
      <c r="N53940" s="10"/>
    </row>
    <row r="53941" spans="14:14">
      <c r="N53941" s="10"/>
    </row>
    <row r="53942" spans="14:14">
      <c r="N53942" s="10"/>
    </row>
    <row r="53943" spans="14:14">
      <c r="N53943" s="10"/>
    </row>
    <row r="53944" spans="14:14">
      <c r="N53944" s="10"/>
    </row>
    <row r="53945" spans="14:14">
      <c r="N53945" s="10"/>
    </row>
    <row r="53946" spans="14:14">
      <c r="N53946" s="10"/>
    </row>
    <row r="53947" spans="14:14">
      <c r="N53947" s="10"/>
    </row>
    <row r="53948" spans="14:14">
      <c r="N53948" s="10"/>
    </row>
    <row r="53949" spans="14:14">
      <c r="N53949" s="10"/>
    </row>
    <row r="53950" spans="14:14">
      <c r="N53950" s="10"/>
    </row>
    <row r="53951" spans="14:14">
      <c r="N53951" s="10"/>
    </row>
    <row r="53952" spans="14:14">
      <c r="N53952" s="10"/>
    </row>
    <row r="53953" spans="14:14">
      <c r="N53953" s="10"/>
    </row>
    <row r="53954" spans="14:14">
      <c r="N53954" s="10"/>
    </row>
    <row r="53955" spans="14:14">
      <c r="N53955" s="10"/>
    </row>
    <row r="53956" spans="14:14">
      <c r="N53956" s="10"/>
    </row>
    <row r="53957" spans="14:14">
      <c r="N53957" s="10"/>
    </row>
    <row r="53958" spans="14:14">
      <c r="N53958" s="10"/>
    </row>
    <row r="53959" spans="14:14">
      <c r="N53959" s="10"/>
    </row>
    <row r="53960" spans="14:14">
      <c r="N53960" s="10"/>
    </row>
    <row r="53961" spans="14:14">
      <c r="N53961" s="10"/>
    </row>
    <row r="53962" spans="14:14">
      <c r="N53962" s="10"/>
    </row>
    <row r="53963" spans="14:14">
      <c r="N53963" s="10"/>
    </row>
    <row r="53964" spans="14:14">
      <c r="N53964" s="10"/>
    </row>
    <row r="53965" spans="14:14">
      <c r="N53965" s="10"/>
    </row>
    <row r="53966" spans="14:14">
      <c r="N53966" s="10"/>
    </row>
    <row r="53967" spans="14:14">
      <c r="N53967" s="10"/>
    </row>
    <row r="53968" spans="14:14">
      <c r="N53968" s="10"/>
    </row>
    <row r="53969" spans="14:14">
      <c r="N53969" s="10"/>
    </row>
    <row r="53970" spans="14:14">
      <c r="N53970" s="10"/>
    </row>
    <row r="53971" spans="14:14">
      <c r="N53971" s="10"/>
    </row>
    <row r="53972" spans="14:14">
      <c r="N53972" s="10"/>
    </row>
    <row r="53973" spans="14:14">
      <c r="N53973" s="10"/>
    </row>
    <row r="53974" spans="14:14">
      <c r="N53974" s="10"/>
    </row>
    <row r="53975" spans="14:14">
      <c r="N53975" s="10"/>
    </row>
    <row r="53976" spans="14:14">
      <c r="N53976" s="10"/>
    </row>
    <row r="53977" spans="14:14">
      <c r="N53977" s="10"/>
    </row>
    <row r="53978" spans="14:14">
      <c r="N53978" s="10"/>
    </row>
    <row r="53979" spans="14:14">
      <c r="N53979" s="10"/>
    </row>
    <row r="53980" spans="14:14">
      <c r="N53980" s="10"/>
    </row>
    <row r="53981" spans="14:14">
      <c r="N53981" s="10"/>
    </row>
    <row r="53982" spans="14:14">
      <c r="N53982" s="10"/>
    </row>
    <row r="53983" spans="14:14">
      <c r="N53983" s="10"/>
    </row>
    <row r="53984" spans="14:14">
      <c r="N53984" s="10"/>
    </row>
    <row r="53985" spans="14:14">
      <c r="N53985" s="10"/>
    </row>
    <row r="53986" spans="14:14">
      <c r="N53986" s="10"/>
    </row>
    <row r="53987" spans="14:14">
      <c r="N53987" s="10"/>
    </row>
    <row r="53988" spans="14:14">
      <c r="N53988" s="10"/>
    </row>
    <row r="53989" spans="14:14">
      <c r="N53989" s="10"/>
    </row>
    <row r="53990" spans="14:14">
      <c r="N53990" s="10"/>
    </row>
    <row r="53991" spans="14:14">
      <c r="N53991" s="10"/>
    </row>
    <row r="53992" spans="14:14">
      <c r="N53992" s="10"/>
    </row>
    <row r="53993" spans="14:14">
      <c r="N53993" s="10"/>
    </row>
    <row r="53994" spans="14:14">
      <c r="N53994" s="10"/>
    </row>
    <row r="53995" spans="14:14">
      <c r="N53995" s="10"/>
    </row>
    <row r="53996" spans="14:14">
      <c r="N53996" s="10"/>
    </row>
    <row r="53997" spans="14:14">
      <c r="N53997" s="10"/>
    </row>
    <row r="53998" spans="14:14">
      <c r="N53998" s="10"/>
    </row>
    <row r="53999" spans="14:14">
      <c r="N53999" s="10"/>
    </row>
    <row r="54000" spans="14:14">
      <c r="N54000" s="10"/>
    </row>
    <row r="54001" spans="14:14">
      <c r="N54001" s="10"/>
    </row>
    <row r="54002" spans="14:14">
      <c r="N54002" s="10"/>
    </row>
    <row r="54003" spans="14:14">
      <c r="N54003" s="10"/>
    </row>
    <row r="54004" spans="14:14">
      <c r="N54004" s="10"/>
    </row>
    <row r="54005" spans="14:14">
      <c r="N54005" s="10"/>
    </row>
    <row r="54006" spans="14:14">
      <c r="N54006" s="10"/>
    </row>
    <row r="54007" spans="14:14">
      <c r="N54007" s="10"/>
    </row>
    <row r="54008" spans="14:14">
      <c r="N54008" s="10"/>
    </row>
    <row r="54009" spans="14:14">
      <c r="N54009" s="10"/>
    </row>
    <row r="54010" spans="14:14">
      <c r="N54010" s="10"/>
    </row>
    <row r="54011" spans="14:14">
      <c r="N54011" s="10"/>
    </row>
    <row r="54012" spans="14:14">
      <c r="N54012" s="10"/>
    </row>
    <row r="54013" spans="14:14">
      <c r="N54013" s="10"/>
    </row>
    <row r="54014" spans="14:14">
      <c r="N54014" s="10"/>
    </row>
    <row r="54015" spans="14:14">
      <c r="N54015" s="10"/>
    </row>
    <row r="54016" spans="14:14">
      <c r="N54016" s="10"/>
    </row>
    <row r="54017" spans="14:14">
      <c r="N54017" s="10"/>
    </row>
    <row r="54018" spans="14:14">
      <c r="N54018" s="10"/>
    </row>
    <row r="54019" spans="14:14">
      <c r="N54019" s="10"/>
    </row>
    <row r="54020" spans="14:14">
      <c r="N54020" s="10"/>
    </row>
    <row r="54021" spans="14:14">
      <c r="N54021" s="10"/>
    </row>
    <row r="54022" spans="14:14">
      <c r="N54022" s="10"/>
    </row>
    <row r="54023" spans="14:14">
      <c r="N54023" s="10"/>
    </row>
    <row r="54024" spans="14:14">
      <c r="N54024" s="10"/>
    </row>
    <row r="54025" spans="14:14">
      <c r="N54025" s="10"/>
    </row>
    <row r="54026" spans="14:14">
      <c r="N54026" s="10"/>
    </row>
    <row r="54027" spans="14:14">
      <c r="N54027" s="10"/>
    </row>
    <row r="54028" spans="14:14">
      <c r="N54028" s="10"/>
    </row>
    <row r="54029" spans="14:14">
      <c r="N54029" s="10"/>
    </row>
    <row r="54030" spans="14:14">
      <c r="N54030" s="10"/>
    </row>
    <row r="54031" spans="14:14">
      <c r="N54031" s="10"/>
    </row>
    <row r="54032" spans="14:14">
      <c r="N54032" s="10"/>
    </row>
    <row r="54033" spans="14:14">
      <c r="N54033" s="10"/>
    </row>
    <row r="54034" spans="14:14">
      <c r="N54034" s="10"/>
    </row>
    <row r="54035" spans="14:14">
      <c r="N54035" s="10"/>
    </row>
    <row r="54036" spans="14:14">
      <c r="N54036" s="10"/>
    </row>
    <row r="54037" spans="14:14">
      <c r="N54037" s="10"/>
    </row>
    <row r="54038" spans="14:14">
      <c r="N54038" s="10"/>
    </row>
    <row r="54039" spans="14:14">
      <c r="N54039" s="10"/>
    </row>
    <row r="54040" spans="14:14">
      <c r="N54040" s="10"/>
    </row>
    <row r="54041" spans="14:14">
      <c r="N54041" s="10"/>
    </row>
    <row r="54042" spans="14:14">
      <c r="N54042" s="10"/>
    </row>
    <row r="54043" spans="14:14">
      <c r="N54043" s="10"/>
    </row>
    <row r="54044" spans="14:14">
      <c r="N54044" s="10"/>
    </row>
    <row r="54045" spans="14:14">
      <c r="N54045" s="10"/>
    </row>
    <row r="54046" spans="14:14">
      <c r="N54046" s="10"/>
    </row>
    <row r="54047" spans="14:14">
      <c r="N54047" s="10"/>
    </row>
    <row r="54048" spans="14:14">
      <c r="N54048" s="10"/>
    </row>
    <row r="54049" spans="14:14">
      <c r="N54049" s="10"/>
    </row>
    <row r="54050" spans="14:14">
      <c r="N54050" s="10"/>
    </row>
    <row r="54051" spans="14:14">
      <c r="N54051" s="10"/>
    </row>
    <row r="54052" spans="14:14">
      <c r="N54052" s="10"/>
    </row>
    <row r="54053" spans="14:14">
      <c r="N54053" s="10"/>
    </row>
    <row r="54054" spans="14:14">
      <c r="N54054" s="10"/>
    </row>
    <row r="54055" spans="14:14">
      <c r="N54055" s="10"/>
    </row>
    <row r="54056" spans="14:14">
      <c r="N54056" s="10"/>
    </row>
    <row r="54057" spans="14:14">
      <c r="N54057" s="10"/>
    </row>
    <row r="54058" spans="14:14">
      <c r="N54058" s="10"/>
    </row>
    <row r="54059" spans="14:14">
      <c r="N54059" s="10"/>
    </row>
    <row r="54060" spans="14:14">
      <c r="N54060" s="10"/>
    </row>
    <row r="54061" spans="14:14">
      <c r="N54061" s="10"/>
    </row>
    <row r="54062" spans="14:14">
      <c r="N54062" s="10"/>
    </row>
    <row r="54063" spans="14:14">
      <c r="N54063" s="10"/>
    </row>
    <row r="54064" spans="14:14">
      <c r="N54064" s="10"/>
    </row>
    <row r="54065" spans="14:14">
      <c r="N54065" s="10"/>
    </row>
    <row r="54066" spans="14:14">
      <c r="N54066" s="10"/>
    </row>
    <row r="54067" spans="14:14">
      <c r="N54067" s="10"/>
    </row>
    <row r="54068" spans="14:14">
      <c r="N54068" s="10"/>
    </row>
    <row r="54069" spans="14:14">
      <c r="N54069" s="10"/>
    </row>
    <row r="54070" spans="14:14">
      <c r="N54070" s="10"/>
    </row>
    <row r="54071" spans="14:14">
      <c r="N54071" s="10"/>
    </row>
    <row r="54072" spans="14:14">
      <c r="N54072" s="10"/>
    </row>
    <row r="54073" spans="14:14">
      <c r="N54073" s="10"/>
    </row>
    <row r="54074" spans="14:14">
      <c r="N54074" s="10"/>
    </row>
    <row r="54075" spans="14:14">
      <c r="N54075" s="10"/>
    </row>
    <row r="54076" spans="14:14">
      <c r="N54076" s="10"/>
    </row>
    <row r="54077" spans="14:14">
      <c r="N54077" s="10"/>
    </row>
    <row r="54078" spans="14:14">
      <c r="N54078" s="10"/>
    </row>
    <row r="54079" spans="14:14">
      <c r="N54079" s="10"/>
    </row>
    <row r="54080" spans="14:14">
      <c r="N54080" s="10"/>
    </row>
    <row r="54081" spans="14:14">
      <c r="N54081" s="10"/>
    </row>
    <row r="54082" spans="14:14">
      <c r="N54082" s="10"/>
    </row>
    <row r="54083" spans="14:14">
      <c r="N54083" s="10"/>
    </row>
    <row r="54084" spans="14:14">
      <c r="N54084" s="10"/>
    </row>
    <row r="54085" spans="14:14">
      <c r="N54085" s="10"/>
    </row>
    <row r="54086" spans="14:14">
      <c r="N54086" s="10"/>
    </row>
    <row r="54087" spans="14:14">
      <c r="N54087" s="10"/>
    </row>
    <row r="54088" spans="14:14">
      <c r="N54088" s="10"/>
    </row>
    <row r="54089" spans="14:14">
      <c r="N54089" s="10"/>
    </row>
    <row r="54090" spans="14:14">
      <c r="N54090" s="10"/>
    </row>
    <row r="54091" spans="14:14">
      <c r="N54091" s="10"/>
    </row>
    <row r="54092" spans="14:14">
      <c r="N54092" s="10"/>
    </row>
    <row r="54093" spans="14:14">
      <c r="N54093" s="10"/>
    </row>
    <row r="54094" spans="14:14">
      <c r="N54094" s="10"/>
    </row>
    <row r="54095" spans="14:14">
      <c r="N54095" s="10"/>
    </row>
    <row r="54096" spans="14:14">
      <c r="N54096" s="10"/>
    </row>
    <row r="54097" spans="14:14">
      <c r="N54097" s="10"/>
    </row>
    <row r="54098" spans="14:14">
      <c r="N54098" s="10"/>
    </row>
    <row r="54099" spans="14:14">
      <c r="N54099" s="10"/>
    </row>
    <row r="54100" spans="14:14">
      <c r="N54100" s="10"/>
    </row>
    <row r="54101" spans="14:14">
      <c r="N54101" s="10"/>
    </row>
    <row r="54102" spans="14:14">
      <c r="N54102" s="10"/>
    </row>
    <row r="54103" spans="14:14">
      <c r="N54103" s="10"/>
    </row>
    <row r="54104" spans="14:14">
      <c r="N54104" s="10"/>
    </row>
    <row r="54105" spans="14:14">
      <c r="N54105" s="10"/>
    </row>
    <row r="54106" spans="14:14">
      <c r="N54106" s="10"/>
    </row>
    <row r="54107" spans="14:14">
      <c r="N54107" s="10"/>
    </row>
    <row r="54108" spans="14:14">
      <c r="N54108" s="10"/>
    </row>
    <row r="54109" spans="14:14">
      <c r="N54109" s="10"/>
    </row>
    <row r="54110" spans="14:14">
      <c r="N54110" s="10"/>
    </row>
    <row r="54111" spans="14:14">
      <c r="N54111" s="10"/>
    </row>
    <row r="54112" spans="14:14">
      <c r="N54112" s="10"/>
    </row>
    <row r="54113" spans="14:14">
      <c r="N54113" s="10"/>
    </row>
    <row r="54114" spans="14:14">
      <c r="N54114" s="10"/>
    </row>
    <row r="54115" spans="14:14">
      <c r="N54115" s="10"/>
    </row>
    <row r="54116" spans="14:14">
      <c r="N54116" s="10"/>
    </row>
    <row r="54117" spans="14:14">
      <c r="N54117" s="10"/>
    </row>
    <row r="54118" spans="14:14">
      <c r="N54118" s="10"/>
    </row>
    <row r="54119" spans="14:14">
      <c r="N54119" s="10"/>
    </row>
    <row r="54120" spans="14:14">
      <c r="N54120" s="10"/>
    </row>
    <row r="54121" spans="14:14">
      <c r="N54121" s="10"/>
    </row>
    <row r="54122" spans="14:14">
      <c r="N54122" s="10"/>
    </row>
    <row r="54123" spans="14:14">
      <c r="N54123" s="10"/>
    </row>
    <row r="54124" spans="14:14">
      <c r="N54124" s="10"/>
    </row>
    <row r="54125" spans="14:14">
      <c r="N54125" s="10"/>
    </row>
    <row r="54126" spans="14:14">
      <c r="N54126" s="10"/>
    </row>
    <row r="54127" spans="14:14">
      <c r="N54127" s="10"/>
    </row>
    <row r="54128" spans="14:14">
      <c r="N54128" s="10"/>
    </row>
    <row r="54129" spans="14:14">
      <c r="N54129" s="10"/>
    </row>
    <row r="54130" spans="14:14">
      <c r="N54130" s="10"/>
    </row>
    <row r="54131" spans="14:14">
      <c r="N54131" s="10"/>
    </row>
    <row r="54132" spans="14:14">
      <c r="N54132" s="10"/>
    </row>
    <row r="54133" spans="14:14">
      <c r="N54133" s="10"/>
    </row>
    <row r="54134" spans="14:14">
      <c r="N54134" s="10"/>
    </row>
    <row r="54135" spans="14:14">
      <c r="N54135" s="10"/>
    </row>
    <row r="54136" spans="14:14">
      <c r="N54136" s="10"/>
    </row>
    <row r="54137" spans="14:14">
      <c r="N54137" s="10"/>
    </row>
    <row r="54138" spans="14:14">
      <c r="N54138" s="10"/>
    </row>
    <row r="54139" spans="14:14">
      <c r="N54139" s="10"/>
    </row>
    <row r="54140" spans="14:14">
      <c r="N54140" s="10"/>
    </row>
    <row r="54141" spans="14:14">
      <c r="N54141" s="10"/>
    </row>
    <row r="54142" spans="14:14">
      <c r="N54142" s="10"/>
    </row>
    <row r="54143" spans="14:14">
      <c r="N54143" s="10"/>
    </row>
    <row r="54144" spans="14:14">
      <c r="N54144" s="10"/>
    </row>
    <row r="54145" spans="14:14">
      <c r="N54145" s="10"/>
    </row>
    <row r="54146" spans="14:14">
      <c r="N54146" s="10"/>
    </row>
    <row r="54147" spans="14:14">
      <c r="N54147" s="10"/>
    </row>
    <row r="54148" spans="14:14">
      <c r="N54148" s="10"/>
    </row>
    <row r="54149" spans="14:14">
      <c r="N54149" s="10"/>
    </row>
    <row r="54150" spans="14:14">
      <c r="N54150" s="10"/>
    </row>
    <row r="54151" spans="14:14">
      <c r="N54151" s="10"/>
    </row>
    <row r="54152" spans="14:14">
      <c r="N54152" s="10"/>
    </row>
    <row r="54153" spans="14:14">
      <c r="N54153" s="10"/>
    </row>
    <row r="54154" spans="14:14">
      <c r="N54154" s="10"/>
    </row>
    <row r="54155" spans="14:14">
      <c r="N54155" s="10"/>
    </row>
    <row r="54156" spans="14:14">
      <c r="N54156" s="10"/>
    </row>
    <row r="54157" spans="14:14">
      <c r="N54157" s="10"/>
    </row>
    <row r="54158" spans="14:14">
      <c r="N54158" s="10"/>
    </row>
    <row r="54159" spans="14:14">
      <c r="N54159" s="10"/>
    </row>
    <row r="54160" spans="14:14">
      <c r="N54160" s="10"/>
    </row>
    <row r="54161" spans="14:14">
      <c r="N54161" s="10"/>
    </row>
    <row r="54162" spans="14:14">
      <c r="N54162" s="10"/>
    </row>
    <row r="54163" spans="14:14">
      <c r="N54163" s="10"/>
    </row>
    <row r="54164" spans="14:14">
      <c r="N54164" s="10"/>
    </row>
    <row r="54165" spans="14:14">
      <c r="N54165" s="10"/>
    </row>
    <row r="54166" spans="14:14">
      <c r="N54166" s="10"/>
    </row>
    <row r="54167" spans="14:14">
      <c r="N54167" s="10"/>
    </row>
    <row r="54168" spans="14:14">
      <c r="N54168" s="10"/>
    </row>
    <row r="54169" spans="14:14">
      <c r="N54169" s="10"/>
    </row>
    <row r="54170" spans="14:14">
      <c r="N54170" s="10"/>
    </row>
    <row r="54171" spans="14:14">
      <c r="N54171" s="10"/>
    </row>
    <row r="54172" spans="14:14">
      <c r="N54172" s="10"/>
    </row>
    <row r="54173" spans="14:14">
      <c r="N54173" s="10"/>
    </row>
    <row r="54174" spans="14:14">
      <c r="N54174" s="10"/>
    </row>
    <row r="54175" spans="14:14">
      <c r="N54175" s="10"/>
    </row>
    <row r="54176" spans="14:14">
      <c r="N54176" s="10"/>
    </row>
    <row r="54177" spans="14:14">
      <c r="N54177" s="10"/>
    </row>
    <row r="54178" spans="14:14">
      <c r="N54178" s="10"/>
    </row>
    <row r="54179" spans="14:14">
      <c r="N54179" s="10"/>
    </row>
    <row r="54180" spans="14:14">
      <c r="N54180" s="10"/>
    </row>
    <row r="54181" spans="14:14">
      <c r="N54181" s="10"/>
    </row>
    <row r="54182" spans="14:14">
      <c r="N54182" s="10"/>
    </row>
    <row r="54183" spans="14:14">
      <c r="N54183" s="10"/>
    </row>
    <row r="54184" spans="14:14">
      <c r="N54184" s="10"/>
    </row>
    <row r="54185" spans="14:14">
      <c r="N54185" s="10"/>
    </row>
    <row r="54186" spans="14:14">
      <c r="N54186" s="10"/>
    </row>
    <row r="54187" spans="14:14">
      <c r="N54187" s="10"/>
    </row>
    <row r="54188" spans="14:14">
      <c r="N54188" s="10"/>
    </row>
    <row r="54189" spans="14:14">
      <c r="N54189" s="10"/>
    </row>
    <row r="54190" spans="14:14">
      <c r="N54190" s="10"/>
    </row>
    <row r="54191" spans="14:14">
      <c r="N54191" s="10"/>
    </row>
    <row r="54192" spans="14:14">
      <c r="N54192" s="10"/>
    </row>
    <row r="54193" spans="14:14">
      <c r="N54193" s="10"/>
    </row>
    <row r="54194" spans="14:14">
      <c r="N54194" s="10"/>
    </row>
    <row r="54195" spans="14:14">
      <c r="N54195" s="10"/>
    </row>
    <row r="54196" spans="14:14">
      <c r="N54196" s="10"/>
    </row>
    <row r="54197" spans="14:14">
      <c r="N54197" s="10"/>
    </row>
    <row r="54198" spans="14:14">
      <c r="N54198" s="10"/>
    </row>
    <row r="54199" spans="14:14">
      <c r="N54199" s="10"/>
    </row>
    <row r="54200" spans="14:14">
      <c r="N54200" s="10"/>
    </row>
    <row r="54201" spans="14:14">
      <c r="N54201" s="10"/>
    </row>
    <row r="54202" spans="14:14">
      <c r="N54202" s="10"/>
    </row>
    <row r="54203" spans="14:14">
      <c r="N54203" s="10"/>
    </row>
    <row r="54204" spans="14:14">
      <c r="N54204" s="10"/>
    </row>
    <row r="54205" spans="14:14">
      <c r="N54205" s="10"/>
    </row>
    <row r="54206" spans="14:14">
      <c r="N54206" s="10"/>
    </row>
    <row r="54207" spans="14:14">
      <c r="N54207" s="10"/>
    </row>
    <row r="54208" spans="14:14">
      <c r="N54208" s="10"/>
    </row>
    <row r="54209" spans="14:14">
      <c r="N54209" s="10"/>
    </row>
    <row r="54210" spans="14:14">
      <c r="N54210" s="10"/>
    </row>
    <row r="54211" spans="14:14">
      <c r="N54211" s="10"/>
    </row>
    <row r="54212" spans="14:14">
      <c r="N54212" s="10"/>
    </row>
    <row r="54213" spans="14:14">
      <c r="N54213" s="10"/>
    </row>
    <row r="54214" spans="14:14">
      <c r="N54214" s="10"/>
    </row>
    <row r="54215" spans="14:14">
      <c r="N54215" s="10"/>
    </row>
    <row r="54216" spans="14:14">
      <c r="N54216" s="10"/>
    </row>
    <row r="54217" spans="14:14">
      <c r="N54217" s="10"/>
    </row>
    <row r="54218" spans="14:14">
      <c r="N54218" s="10"/>
    </row>
    <row r="54219" spans="14:14">
      <c r="N54219" s="10"/>
    </row>
    <row r="54220" spans="14:14">
      <c r="N54220" s="10"/>
    </row>
    <row r="54221" spans="14:14">
      <c r="N54221" s="10"/>
    </row>
    <row r="54222" spans="14:14">
      <c r="N54222" s="10"/>
    </row>
    <row r="54223" spans="14:14">
      <c r="N54223" s="10"/>
    </row>
    <row r="54224" spans="14:14">
      <c r="N54224" s="10"/>
    </row>
    <row r="54225" spans="14:14">
      <c r="N54225" s="10"/>
    </row>
    <row r="54226" spans="14:14">
      <c r="N54226" s="10"/>
    </row>
    <row r="54227" spans="14:14">
      <c r="N54227" s="10"/>
    </row>
    <row r="54228" spans="14:14">
      <c r="N54228" s="10"/>
    </row>
    <row r="54229" spans="14:14">
      <c r="N54229" s="10"/>
    </row>
    <row r="54230" spans="14:14">
      <c r="N54230" s="10"/>
    </row>
    <row r="54231" spans="14:14">
      <c r="N54231" s="10"/>
    </row>
    <row r="54232" spans="14:14">
      <c r="N54232" s="10"/>
    </row>
    <row r="54233" spans="14:14">
      <c r="N54233" s="10"/>
    </row>
    <row r="54234" spans="14:14">
      <c r="N54234" s="10"/>
    </row>
    <row r="54235" spans="14:14">
      <c r="N54235" s="10"/>
    </row>
    <row r="54236" spans="14:14">
      <c r="N54236" s="10"/>
    </row>
    <row r="54237" spans="14:14">
      <c r="N54237" s="10"/>
    </row>
    <row r="54238" spans="14:14">
      <c r="N54238" s="10"/>
    </row>
    <row r="54239" spans="14:14">
      <c r="N54239" s="10"/>
    </row>
    <row r="54240" spans="14:14">
      <c r="N54240" s="10"/>
    </row>
    <row r="54241" spans="14:14">
      <c r="N54241" s="10"/>
    </row>
    <row r="54242" spans="14:14">
      <c r="N54242" s="10"/>
    </row>
    <row r="54243" spans="14:14">
      <c r="N54243" s="10"/>
    </row>
    <row r="54244" spans="14:14">
      <c r="N54244" s="10"/>
    </row>
    <row r="54245" spans="14:14">
      <c r="N54245" s="10"/>
    </row>
    <row r="54246" spans="14:14">
      <c r="N54246" s="10"/>
    </row>
    <row r="54247" spans="14:14">
      <c r="N54247" s="10"/>
    </row>
    <row r="54248" spans="14:14">
      <c r="N54248" s="10"/>
    </row>
    <row r="54249" spans="14:14">
      <c r="N54249" s="10"/>
    </row>
    <row r="54250" spans="14:14">
      <c r="N54250" s="10"/>
    </row>
    <row r="54251" spans="14:14">
      <c r="N54251" s="10"/>
    </row>
    <row r="54252" spans="14:14">
      <c r="N54252" s="10"/>
    </row>
    <row r="54253" spans="14:14">
      <c r="N54253" s="10"/>
    </row>
    <row r="54254" spans="14:14">
      <c r="N54254" s="10"/>
    </row>
    <row r="54255" spans="14:14">
      <c r="N54255" s="10"/>
    </row>
    <row r="54256" spans="14:14">
      <c r="N54256" s="10"/>
    </row>
    <row r="54257" spans="14:14">
      <c r="N54257" s="10"/>
    </row>
    <row r="54258" spans="14:14">
      <c r="N54258" s="10"/>
    </row>
    <row r="54259" spans="14:14">
      <c r="N54259" s="10"/>
    </row>
    <row r="54260" spans="14:14">
      <c r="N54260" s="10"/>
    </row>
    <row r="54261" spans="14:14">
      <c r="N54261" s="10"/>
    </row>
    <row r="54262" spans="14:14">
      <c r="N54262" s="10"/>
    </row>
    <row r="54263" spans="14:14">
      <c r="N54263" s="10"/>
    </row>
    <row r="54264" spans="14:14">
      <c r="N54264" s="10"/>
    </row>
    <row r="54265" spans="14:14">
      <c r="N54265" s="10"/>
    </row>
    <row r="54266" spans="14:14">
      <c r="N54266" s="10"/>
    </row>
    <row r="54267" spans="14:14">
      <c r="N54267" s="10"/>
    </row>
    <row r="54268" spans="14:14">
      <c r="N54268" s="10"/>
    </row>
    <row r="54269" spans="14:14">
      <c r="N54269" s="10"/>
    </row>
    <row r="54270" spans="14:14">
      <c r="N54270" s="10"/>
    </row>
    <row r="54271" spans="14:14">
      <c r="N54271" s="10"/>
    </row>
    <row r="54272" spans="14:14">
      <c r="N54272" s="10"/>
    </row>
    <row r="54273" spans="14:14">
      <c r="N54273" s="10"/>
    </row>
    <row r="54274" spans="14:14">
      <c r="N54274" s="10"/>
    </row>
    <row r="54275" spans="14:14">
      <c r="N54275" s="10"/>
    </row>
    <row r="54276" spans="14:14">
      <c r="N54276" s="10"/>
    </row>
    <row r="54277" spans="14:14">
      <c r="N54277" s="10"/>
    </row>
    <row r="54278" spans="14:14">
      <c r="N54278" s="10"/>
    </row>
    <row r="54279" spans="14:14">
      <c r="N54279" s="10"/>
    </row>
    <row r="54280" spans="14:14">
      <c r="N54280" s="10"/>
    </row>
    <row r="54281" spans="14:14">
      <c r="N54281" s="10"/>
    </row>
    <row r="54282" spans="14:14">
      <c r="N54282" s="10"/>
    </row>
    <row r="54283" spans="14:14">
      <c r="N54283" s="10"/>
    </row>
    <row r="54284" spans="14:14">
      <c r="N54284" s="10"/>
    </row>
    <row r="54285" spans="14:14">
      <c r="N54285" s="10"/>
    </row>
    <row r="54286" spans="14:14">
      <c r="N54286" s="10"/>
    </row>
    <row r="54287" spans="14:14">
      <c r="N54287" s="10"/>
    </row>
    <row r="54288" spans="14:14">
      <c r="N54288" s="10"/>
    </row>
    <row r="54289" spans="14:14">
      <c r="N54289" s="10"/>
    </row>
    <row r="54290" spans="14:14">
      <c r="N54290" s="10"/>
    </row>
    <row r="54291" spans="14:14">
      <c r="N54291" s="10"/>
    </row>
    <row r="54292" spans="14:14">
      <c r="N54292" s="10"/>
    </row>
    <row r="54293" spans="14:14">
      <c r="N54293" s="10"/>
    </row>
    <row r="54294" spans="14:14">
      <c r="N54294" s="10"/>
    </row>
    <row r="54295" spans="14:14">
      <c r="N54295" s="10"/>
    </row>
    <row r="54296" spans="14:14">
      <c r="N54296" s="10"/>
    </row>
    <row r="54297" spans="14:14">
      <c r="N54297" s="10"/>
    </row>
    <row r="54298" spans="14:14">
      <c r="N54298" s="10"/>
    </row>
    <row r="54299" spans="14:14">
      <c r="N54299" s="10"/>
    </row>
    <row r="54300" spans="14:14">
      <c r="N54300" s="10"/>
    </row>
    <row r="54301" spans="14:14">
      <c r="N54301" s="10"/>
    </row>
    <row r="54302" spans="14:14">
      <c r="N54302" s="10"/>
    </row>
    <row r="54303" spans="14:14">
      <c r="N54303" s="10"/>
    </row>
    <row r="54304" spans="14:14">
      <c r="N54304" s="10"/>
    </row>
    <row r="54305" spans="14:14">
      <c r="N54305" s="10"/>
    </row>
    <row r="54306" spans="14:14">
      <c r="N54306" s="10"/>
    </row>
    <row r="54307" spans="14:14">
      <c r="N54307" s="10"/>
    </row>
    <row r="54308" spans="14:14">
      <c r="N54308" s="10"/>
    </row>
    <row r="54309" spans="14:14">
      <c r="N54309" s="10"/>
    </row>
    <row r="54310" spans="14:14">
      <c r="N54310" s="10"/>
    </row>
    <row r="54311" spans="14:14">
      <c r="N54311" s="10"/>
    </row>
    <row r="54312" spans="14:14">
      <c r="N54312" s="10"/>
    </row>
    <row r="54313" spans="14:14">
      <c r="N54313" s="10"/>
    </row>
    <row r="54314" spans="14:14">
      <c r="N54314" s="10"/>
    </row>
    <row r="54315" spans="14:14">
      <c r="N54315" s="10"/>
    </row>
    <row r="54316" spans="14:14">
      <c r="N54316" s="10"/>
    </row>
    <row r="54317" spans="14:14">
      <c r="N54317" s="10"/>
    </row>
    <row r="54318" spans="14:14">
      <c r="N54318" s="10"/>
    </row>
    <row r="54319" spans="14:14">
      <c r="N54319" s="10"/>
    </row>
    <row r="54320" spans="14:14">
      <c r="N54320" s="10"/>
    </row>
    <row r="54321" spans="14:14">
      <c r="N54321" s="10"/>
    </row>
    <row r="54322" spans="14:14">
      <c r="N54322" s="10"/>
    </row>
    <row r="54323" spans="14:14">
      <c r="N54323" s="10"/>
    </row>
    <row r="54324" spans="14:14">
      <c r="N54324" s="10"/>
    </row>
    <row r="54325" spans="14:14">
      <c r="N54325" s="10"/>
    </row>
    <row r="54326" spans="14:14">
      <c r="N54326" s="10"/>
    </row>
    <row r="54327" spans="14:14">
      <c r="N54327" s="10"/>
    </row>
    <row r="54328" spans="14:14">
      <c r="N54328" s="10"/>
    </row>
    <row r="54329" spans="14:14">
      <c r="N54329" s="10"/>
    </row>
    <row r="54330" spans="14:14">
      <c r="N54330" s="10"/>
    </row>
    <row r="54331" spans="14:14">
      <c r="N54331" s="10"/>
    </row>
    <row r="54332" spans="14:14">
      <c r="N54332" s="10"/>
    </row>
    <row r="54333" spans="14:14">
      <c r="N54333" s="10"/>
    </row>
    <row r="54334" spans="14:14">
      <c r="N54334" s="10"/>
    </row>
    <row r="54335" spans="14:14">
      <c r="N54335" s="10"/>
    </row>
    <row r="54336" spans="14:14">
      <c r="N54336" s="10"/>
    </row>
    <row r="54337" spans="14:14">
      <c r="N54337" s="10"/>
    </row>
    <row r="54338" spans="14:14">
      <c r="N54338" s="10"/>
    </row>
    <row r="54339" spans="14:14">
      <c r="N54339" s="10"/>
    </row>
    <row r="54340" spans="14:14">
      <c r="N54340" s="10"/>
    </row>
    <row r="54341" spans="14:14">
      <c r="N54341" s="10"/>
    </row>
    <row r="54342" spans="14:14">
      <c r="N54342" s="10"/>
    </row>
    <row r="54343" spans="14:14">
      <c r="N54343" s="10"/>
    </row>
    <row r="54344" spans="14:14">
      <c r="N54344" s="10"/>
    </row>
    <row r="54345" spans="14:14">
      <c r="N54345" s="10"/>
    </row>
    <row r="54346" spans="14:14">
      <c r="N54346" s="10"/>
    </row>
    <row r="54347" spans="14:14">
      <c r="N54347" s="10"/>
    </row>
    <row r="54348" spans="14:14">
      <c r="N54348" s="10"/>
    </row>
    <row r="54349" spans="14:14">
      <c r="N54349" s="10"/>
    </row>
    <row r="54350" spans="14:14">
      <c r="N54350" s="10"/>
    </row>
    <row r="54351" spans="14:14">
      <c r="N54351" s="10"/>
    </row>
    <row r="54352" spans="14:14">
      <c r="N54352" s="10"/>
    </row>
    <row r="54353" spans="14:14">
      <c r="N54353" s="10"/>
    </row>
    <row r="54354" spans="14:14">
      <c r="N54354" s="10"/>
    </row>
    <row r="54355" spans="14:14">
      <c r="N54355" s="10"/>
    </row>
    <row r="54356" spans="14:14">
      <c r="N54356" s="10"/>
    </row>
    <row r="54357" spans="14:14">
      <c r="N54357" s="10"/>
    </row>
    <row r="54358" spans="14:14">
      <c r="N54358" s="10"/>
    </row>
    <row r="54359" spans="14:14">
      <c r="N54359" s="10"/>
    </row>
    <row r="54360" spans="14:14">
      <c r="N54360" s="10"/>
    </row>
    <row r="54361" spans="14:14">
      <c r="N54361" s="10"/>
    </row>
    <row r="54362" spans="14:14">
      <c r="N54362" s="10"/>
    </row>
    <row r="54363" spans="14:14">
      <c r="N54363" s="10"/>
    </row>
    <row r="54364" spans="14:14">
      <c r="N54364" s="10"/>
    </row>
    <row r="54365" spans="14:14">
      <c r="N54365" s="10"/>
    </row>
    <row r="54366" spans="14:14">
      <c r="N54366" s="10"/>
    </row>
    <row r="54367" spans="14:14">
      <c r="N54367" s="10"/>
    </row>
    <row r="54368" spans="14:14">
      <c r="N54368" s="10"/>
    </row>
    <row r="54369" spans="14:14">
      <c r="N54369" s="10"/>
    </row>
    <row r="54370" spans="14:14">
      <c r="N54370" s="10"/>
    </row>
    <row r="54371" spans="14:14">
      <c r="N54371" s="10"/>
    </row>
    <row r="54372" spans="14:14">
      <c r="N54372" s="10"/>
    </row>
    <row r="54373" spans="14:14">
      <c r="N54373" s="10"/>
    </row>
    <row r="54374" spans="14:14">
      <c r="N54374" s="10"/>
    </row>
    <row r="54375" spans="14:14">
      <c r="N54375" s="10"/>
    </row>
    <row r="54376" spans="14:14">
      <c r="N54376" s="10"/>
    </row>
    <row r="54377" spans="14:14">
      <c r="N54377" s="10"/>
    </row>
    <row r="54378" spans="14:14">
      <c r="N54378" s="10"/>
    </row>
    <row r="54379" spans="14:14">
      <c r="N54379" s="10"/>
    </row>
    <row r="54380" spans="14:14">
      <c r="N54380" s="10"/>
    </row>
    <row r="54381" spans="14:14">
      <c r="N54381" s="10"/>
    </row>
    <row r="54382" spans="14:14">
      <c r="N54382" s="10"/>
    </row>
    <row r="54383" spans="14:14">
      <c r="N54383" s="10"/>
    </row>
    <row r="54384" spans="14:14">
      <c r="N54384" s="10"/>
    </row>
    <row r="54385" spans="14:14">
      <c r="N54385" s="10"/>
    </row>
    <row r="54386" spans="14:14">
      <c r="N54386" s="10"/>
    </row>
    <row r="54387" spans="14:14">
      <c r="N54387" s="10"/>
    </row>
    <row r="54388" spans="14:14">
      <c r="N54388" s="10"/>
    </row>
    <row r="54389" spans="14:14">
      <c r="N54389" s="10"/>
    </row>
    <row r="54390" spans="14:14">
      <c r="N54390" s="10"/>
    </row>
    <row r="54391" spans="14:14">
      <c r="N54391" s="10"/>
    </row>
    <row r="54392" spans="14:14">
      <c r="N54392" s="10"/>
    </row>
    <row r="54393" spans="14:14">
      <c r="N54393" s="10"/>
    </row>
    <row r="54394" spans="14:14">
      <c r="N54394" s="10"/>
    </row>
    <row r="54395" spans="14:14">
      <c r="N54395" s="10"/>
    </row>
    <row r="54396" spans="14:14">
      <c r="N54396" s="10"/>
    </row>
    <row r="54397" spans="14:14">
      <c r="N54397" s="10"/>
    </row>
    <row r="54398" spans="14:14">
      <c r="N54398" s="10"/>
    </row>
    <row r="54399" spans="14:14">
      <c r="N54399" s="10"/>
    </row>
    <row r="54400" spans="14:14">
      <c r="N54400" s="10"/>
    </row>
    <row r="54401" spans="14:14">
      <c r="N54401" s="10"/>
    </row>
    <row r="54402" spans="14:14">
      <c r="N54402" s="10"/>
    </row>
    <row r="54403" spans="14:14">
      <c r="N54403" s="10"/>
    </row>
    <row r="54404" spans="14:14">
      <c r="N54404" s="10"/>
    </row>
    <row r="54405" spans="14:14">
      <c r="N54405" s="10"/>
    </row>
    <row r="54406" spans="14:14">
      <c r="N54406" s="10"/>
    </row>
    <row r="54407" spans="14:14">
      <c r="N54407" s="10"/>
    </row>
    <row r="54408" spans="14:14">
      <c r="N54408" s="10"/>
    </row>
    <row r="54409" spans="14:14">
      <c r="N54409" s="10"/>
    </row>
    <row r="54410" spans="14:14">
      <c r="N54410" s="10"/>
    </row>
    <row r="54411" spans="14:14">
      <c r="N54411" s="10"/>
    </row>
    <row r="54412" spans="14:14">
      <c r="N54412" s="10"/>
    </row>
    <row r="54413" spans="14:14">
      <c r="N54413" s="10"/>
    </row>
    <row r="54414" spans="14:14">
      <c r="N54414" s="10"/>
    </row>
    <row r="54415" spans="14:14">
      <c r="N54415" s="10"/>
    </row>
    <row r="54416" spans="14:14">
      <c r="N54416" s="10"/>
    </row>
    <row r="54417" spans="14:14">
      <c r="N54417" s="10"/>
    </row>
    <row r="54418" spans="14:14">
      <c r="N54418" s="10"/>
    </row>
    <row r="54419" spans="14:14">
      <c r="N54419" s="10"/>
    </row>
    <row r="54420" spans="14:14">
      <c r="N54420" s="10"/>
    </row>
    <row r="54421" spans="14:14">
      <c r="N54421" s="10"/>
    </row>
    <row r="54422" spans="14:14">
      <c r="N54422" s="10"/>
    </row>
    <row r="54423" spans="14:14">
      <c r="N54423" s="10"/>
    </row>
    <row r="54424" spans="14:14">
      <c r="N54424" s="10"/>
    </row>
    <row r="54425" spans="14:14">
      <c r="N54425" s="10"/>
    </row>
    <row r="54426" spans="14:14">
      <c r="N54426" s="10"/>
    </row>
    <row r="54427" spans="14:14">
      <c r="N54427" s="10"/>
    </row>
    <row r="54428" spans="14:14">
      <c r="N54428" s="10"/>
    </row>
    <row r="54429" spans="14:14">
      <c r="N54429" s="10"/>
    </row>
    <row r="54430" spans="14:14">
      <c r="N54430" s="10"/>
    </row>
    <row r="54431" spans="14:14">
      <c r="N54431" s="10"/>
    </row>
    <row r="54432" spans="14:14">
      <c r="N54432" s="10"/>
    </row>
    <row r="54433" spans="14:14">
      <c r="N54433" s="10"/>
    </row>
    <row r="54434" spans="14:14">
      <c r="N54434" s="10"/>
    </row>
    <row r="54435" spans="14:14">
      <c r="N54435" s="10"/>
    </row>
    <row r="54436" spans="14:14">
      <c r="N54436" s="10"/>
    </row>
    <row r="54437" spans="14:14">
      <c r="N54437" s="10"/>
    </row>
    <row r="54438" spans="14:14">
      <c r="N54438" s="10"/>
    </row>
    <row r="54439" spans="14:14">
      <c r="N54439" s="10"/>
    </row>
    <row r="54440" spans="14:14">
      <c r="N54440" s="10"/>
    </row>
    <row r="54441" spans="14:14">
      <c r="N54441" s="10"/>
    </row>
    <row r="54442" spans="14:14">
      <c r="N54442" s="10"/>
    </row>
    <row r="54443" spans="14:14">
      <c r="N54443" s="10"/>
    </row>
    <row r="54444" spans="14:14">
      <c r="N54444" s="10"/>
    </row>
    <row r="54445" spans="14:14">
      <c r="N54445" s="10"/>
    </row>
    <row r="54446" spans="14:14">
      <c r="N54446" s="10"/>
    </row>
    <row r="54447" spans="14:14">
      <c r="N54447" s="10"/>
    </row>
    <row r="54448" spans="14:14">
      <c r="N54448" s="10"/>
    </row>
    <row r="54449" spans="14:14">
      <c r="N54449" s="10"/>
    </row>
    <row r="54450" spans="14:14">
      <c r="N54450" s="10"/>
    </row>
    <row r="54451" spans="14:14">
      <c r="N54451" s="10"/>
    </row>
    <row r="54452" spans="14:14">
      <c r="N54452" s="10"/>
    </row>
    <row r="54453" spans="14:14">
      <c r="N54453" s="10"/>
    </row>
    <row r="54454" spans="14:14">
      <c r="N54454" s="10"/>
    </row>
    <row r="54455" spans="14:14">
      <c r="N54455" s="10"/>
    </row>
    <row r="54456" spans="14:14">
      <c r="N54456" s="10"/>
    </row>
    <row r="54457" spans="14:14">
      <c r="N54457" s="10"/>
    </row>
    <row r="54458" spans="14:14">
      <c r="N54458" s="10"/>
    </row>
    <row r="54459" spans="14:14">
      <c r="N54459" s="10"/>
    </row>
    <row r="54460" spans="14:14">
      <c r="N54460" s="10"/>
    </row>
    <row r="54461" spans="14:14">
      <c r="N54461" s="10"/>
    </row>
    <row r="54462" spans="14:14">
      <c r="N54462" s="10"/>
    </row>
    <row r="54463" spans="14:14">
      <c r="N54463" s="10"/>
    </row>
    <row r="54464" spans="14:14">
      <c r="N54464" s="10"/>
    </row>
    <row r="54465" spans="14:14">
      <c r="N54465" s="10"/>
    </row>
    <row r="54466" spans="14:14">
      <c r="N54466" s="10"/>
    </row>
    <row r="54467" spans="14:14">
      <c r="N54467" s="10"/>
    </row>
    <row r="54468" spans="14:14">
      <c r="N54468" s="10"/>
    </row>
    <row r="54469" spans="14:14">
      <c r="N54469" s="10"/>
    </row>
    <row r="54470" spans="14:14">
      <c r="N54470" s="10"/>
    </row>
    <row r="54471" spans="14:14">
      <c r="N54471" s="10"/>
    </row>
    <row r="54472" spans="14:14">
      <c r="N54472" s="10"/>
    </row>
    <row r="54473" spans="14:14">
      <c r="N54473" s="10"/>
    </row>
    <row r="54474" spans="14:14">
      <c r="N54474" s="10"/>
    </row>
    <row r="54475" spans="14:14">
      <c r="N54475" s="10"/>
    </row>
    <row r="54476" spans="14:14">
      <c r="N54476" s="10"/>
    </row>
    <row r="54477" spans="14:14">
      <c r="N54477" s="10"/>
    </row>
    <row r="54478" spans="14:14">
      <c r="N54478" s="10"/>
    </row>
    <row r="54479" spans="14:14">
      <c r="N54479" s="10"/>
    </row>
    <row r="54480" spans="14:14">
      <c r="N54480" s="10"/>
    </row>
    <row r="54481" spans="14:14">
      <c r="N54481" s="10"/>
    </row>
    <row r="54482" spans="14:14">
      <c r="N54482" s="10"/>
    </row>
    <row r="54483" spans="14:14">
      <c r="N54483" s="10"/>
    </row>
    <row r="54484" spans="14:14">
      <c r="N54484" s="10"/>
    </row>
    <row r="54485" spans="14:14">
      <c r="N54485" s="10"/>
    </row>
    <row r="54486" spans="14:14">
      <c r="N54486" s="10"/>
    </row>
    <row r="54487" spans="14:14">
      <c r="N54487" s="10"/>
    </row>
    <row r="54488" spans="14:14">
      <c r="N54488" s="10"/>
    </row>
    <row r="54489" spans="14:14">
      <c r="N54489" s="10"/>
    </row>
    <row r="54490" spans="14:14">
      <c r="N54490" s="10"/>
    </row>
    <row r="54491" spans="14:14">
      <c r="N54491" s="10"/>
    </row>
    <row r="54492" spans="14:14">
      <c r="N54492" s="10"/>
    </row>
    <row r="54493" spans="14:14">
      <c r="N54493" s="10"/>
    </row>
    <row r="54494" spans="14:14">
      <c r="N54494" s="10"/>
    </row>
    <row r="54495" spans="14:14">
      <c r="N54495" s="10"/>
    </row>
    <row r="54496" spans="14:14">
      <c r="N54496" s="10"/>
    </row>
    <row r="54497" spans="14:14">
      <c r="N54497" s="10"/>
    </row>
    <row r="54498" spans="14:14">
      <c r="N54498" s="10"/>
    </row>
    <row r="54499" spans="14:14">
      <c r="N54499" s="10"/>
    </row>
    <row r="54500" spans="14:14">
      <c r="N54500" s="10"/>
    </row>
    <row r="54501" spans="14:14">
      <c r="N54501" s="10"/>
    </row>
    <row r="54502" spans="14:14">
      <c r="N54502" s="10"/>
    </row>
    <row r="54503" spans="14:14">
      <c r="N54503" s="10"/>
    </row>
    <row r="54504" spans="14:14">
      <c r="N54504" s="10"/>
    </row>
    <row r="54505" spans="14:14">
      <c r="N54505" s="10"/>
    </row>
    <row r="54506" spans="14:14">
      <c r="N54506" s="10"/>
    </row>
    <row r="54507" spans="14:14">
      <c r="N54507" s="10"/>
    </row>
    <row r="54508" spans="14:14">
      <c r="N54508" s="10"/>
    </row>
    <row r="54509" spans="14:14">
      <c r="N54509" s="10"/>
    </row>
    <row r="54510" spans="14:14">
      <c r="N54510" s="10"/>
    </row>
    <row r="54511" spans="14:14">
      <c r="N54511" s="10"/>
    </row>
    <row r="54512" spans="14:14">
      <c r="N54512" s="10"/>
    </row>
    <row r="54513" spans="14:14">
      <c r="N54513" s="10"/>
    </row>
    <row r="54514" spans="14:14">
      <c r="N54514" s="10"/>
    </row>
    <row r="54515" spans="14:14">
      <c r="N54515" s="10"/>
    </row>
    <row r="54516" spans="14:14">
      <c r="N54516" s="10"/>
    </row>
    <row r="54517" spans="14:14">
      <c r="N54517" s="10"/>
    </row>
    <row r="54518" spans="14:14">
      <c r="N54518" s="10"/>
    </row>
    <row r="54519" spans="14:14">
      <c r="N54519" s="10"/>
    </row>
    <row r="54520" spans="14:14">
      <c r="N54520" s="10"/>
    </row>
    <row r="54521" spans="14:14">
      <c r="N54521" s="10"/>
    </row>
    <row r="54522" spans="14:14">
      <c r="N54522" s="10"/>
    </row>
    <row r="54523" spans="14:14">
      <c r="N54523" s="10"/>
    </row>
    <row r="54524" spans="14:14">
      <c r="N54524" s="10"/>
    </row>
    <row r="54525" spans="14:14">
      <c r="N54525" s="10"/>
    </row>
    <row r="54526" spans="14:14">
      <c r="N54526" s="10"/>
    </row>
    <row r="54527" spans="14:14">
      <c r="N54527" s="10"/>
    </row>
    <row r="54528" spans="14:14">
      <c r="N54528" s="10"/>
    </row>
    <row r="54529" spans="14:14">
      <c r="N54529" s="10"/>
    </row>
    <row r="54530" spans="14:14">
      <c r="N54530" s="10"/>
    </row>
    <row r="54531" spans="14:14">
      <c r="N54531" s="10"/>
    </row>
    <row r="54532" spans="14:14">
      <c r="N54532" s="10"/>
    </row>
    <row r="54533" spans="14:14">
      <c r="N54533" s="10"/>
    </row>
    <row r="54534" spans="14:14">
      <c r="N54534" s="10"/>
    </row>
    <row r="54535" spans="14:14">
      <c r="N54535" s="10"/>
    </row>
    <row r="54536" spans="14:14">
      <c r="N54536" s="10"/>
    </row>
    <row r="54537" spans="14:14">
      <c r="N54537" s="10"/>
    </row>
    <row r="54538" spans="14:14">
      <c r="N54538" s="10"/>
    </row>
    <row r="54539" spans="14:14">
      <c r="N54539" s="10"/>
    </row>
    <row r="54540" spans="14:14">
      <c r="N54540" s="10"/>
    </row>
    <row r="54541" spans="14:14">
      <c r="N54541" s="10"/>
    </row>
    <row r="54542" spans="14:14">
      <c r="N54542" s="10"/>
    </row>
    <row r="54543" spans="14:14">
      <c r="N54543" s="10"/>
    </row>
    <row r="54544" spans="14:14">
      <c r="N54544" s="10"/>
    </row>
    <row r="54545" spans="14:14">
      <c r="N54545" s="10"/>
    </row>
    <row r="54546" spans="14:14">
      <c r="N54546" s="10"/>
    </row>
    <row r="54547" spans="14:14">
      <c r="N54547" s="10"/>
    </row>
    <row r="54548" spans="14:14">
      <c r="N54548" s="10"/>
    </row>
    <row r="54549" spans="14:14">
      <c r="N54549" s="10"/>
    </row>
    <row r="54550" spans="14:14">
      <c r="N54550" s="10"/>
    </row>
    <row r="54551" spans="14:14">
      <c r="N54551" s="10"/>
    </row>
    <row r="54552" spans="14:14">
      <c r="N54552" s="10"/>
    </row>
    <row r="54553" spans="14:14">
      <c r="N54553" s="10"/>
    </row>
    <row r="54554" spans="14:14">
      <c r="N54554" s="10"/>
    </row>
    <row r="54555" spans="14:14">
      <c r="N54555" s="10"/>
    </row>
    <row r="54556" spans="14:14">
      <c r="N54556" s="10"/>
    </row>
    <row r="54557" spans="14:14">
      <c r="N54557" s="10"/>
    </row>
    <row r="54558" spans="14:14">
      <c r="N54558" s="10"/>
    </row>
    <row r="54559" spans="14:14">
      <c r="N54559" s="10"/>
    </row>
    <row r="54560" spans="14:14">
      <c r="N54560" s="10"/>
    </row>
    <row r="54561" spans="14:14">
      <c r="N54561" s="10"/>
    </row>
    <row r="54562" spans="14:14">
      <c r="N54562" s="10"/>
    </row>
    <row r="54563" spans="14:14">
      <c r="N54563" s="10"/>
    </row>
    <row r="54564" spans="14:14">
      <c r="N54564" s="10"/>
    </row>
    <row r="54565" spans="14:14">
      <c r="N54565" s="10"/>
    </row>
    <row r="54566" spans="14:14">
      <c r="N54566" s="10"/>
    </row>
    <row r="54567" spans="14:14">
      <c r="N54567" s="10"/>
    </row>
    <row r="54568" spans="14:14">
      <c r="N54568" s="10"/>
    </row>
    <row r="54569" spans="14:14">
      <c r="N54569" s="10"/>
    </row>
    <row r="54570" spans="14:14">
      <c r="N54570" s="10"/>
    </row>
    <row r="54571" spans="14:14">
      <c r="N54571" s="10"/>
    </row>
    <row r="54572" spans="14:14">
      <c r="N54572" s="10"/>
    </row>
    <row r="54573" spans="14:14">
      <c r="N54573" s="10"/>
    </row>
    <row r="54574" spans="14:14">
      <c r="N54574" s="10"/>
    </row>
    <row r="54575" spans="14:14">
      <c r="N54575" s="10"/>
    </row>
    <row r="54576" spans="14:14">
      <c r="N54576" s="10"/>
    </row>
    <row r="54577" spans="14:14">
      <c r="N54577" s="10"/>
    </row>
    <row r="54578" spans="14:14">
      <c r="N54578" s="10"/>
    </row>
    <row r="54579" spans="14:14">
      <c r="N54579" s="10"/>
    </row>
    <row r="54580" spans="14:14">
      <c r="N54580" s="10"/>
    </row>
    <row r="54581" spans="14:14">
      <c r="N54581" s="10"/>
    </row>
    <row r="54582" spans="14:14">
      <c r="N54582" s="10"/>
    </row>
    <row r="54583" spans="14:14">
      <c r="N54583" s="10"/>
    </row>
    <row r="54584" spans="14:14">
      <c r="N54584" s="10"/>
    </row>
    <row r="54585" spans="14:14">
      <c r="N54585" s="10"/>
    </row>
    <row r="54586" spans="14:14">
      <c r="N54586" s="10"/>
    </row>
    <row r="54587" spans="14:14">
      <c r="N54587" s="10"/>
    </row>
    <row r="54588" spans="14:14">
      <c r="N54588" s="10"/>
    </row>
    <row r="54589" spans="14:14">
      <c r="N54589" s="10"/>
    </row>
    <row r="54590" spans="14:14">
      <c r="N54590" s="10"/>
    </row>
    <row r="54591" spans="14:14">
      <c r="N54591" s="10"/>
    </row>
    <row r="54592" spans="14:14">
      <c r="N54592" s="10"/>
    </row>
    <row r="54593" spans="14:14">
      <c r="N54593" s="10"/>
    </row>
    <row r="54594" spans="14:14">
      <c r="N54594" s="10"/>
    </row>
    <row r="54595" spans="14:14">
      <c r="N54595" s="10"/>
    </row>
    <row r="54596" spans="14:14">
      <c r="N54596" s="10"/>
    </row>
    <row r="54597" spans="14:14">
      <c r="N54597" s="10"/>
    </row>
    <row r="54598" spans="14:14">
      <c r="N54598" s="10"/>
    </row>
    <row r="54599" spans="14:14">
      <c r="N54599" s="10"/>
    </row>
    <row r="54600" spans="14:14">
      <c r="N54600" s="10"/>
    </row>
    <row r="54601" spans="14:14">
      <c r="N54601" s="10"/>
    </row>
    <row r="54602" spans="14:14">
      <c r="N54602" s="10"/>
    </row>
    <row r="54603" spans="14:14">
      <c r="N54603" s="10"/>
    </row>
    <row r="54604" spans="14:14">
      <c r="N54604" s="10"/>
    </row>
    <row r="54605" spans="14:14">
      <c r="N54605" s="10"/>
    </row>
    <row r="54606" spans="14:14">
      <c r="N54606" s="10"/>
    </row>
    <row r="54607" spans="14:14">
      <c r="N54607" s="10"/>
    </row>
    <row r="54608" spans="14:14">
      <c r="N54608" s="10"/>
    </row>
    <row r="54609" spans="14:14">
      <c r="N54609" s="10"/>
    </row>
    <row r="54610" spans="14:14">
      <c r="N54610" s="10"/>
    </row>
    <row r="54611" spans="14:14">
      <c r="N54611" s="10"/>
    </row>
    <row r="54612" spans="14:14">
      <c r="N54612" s="10"/>
    </row>
    <row r="54613" spans="14:14">
      <c r="N54613" s="10"/>
    </row>
    <row r="54614" spans="14:14">
      <c r="N54614" s="10"/>
    </row>
    <row r="54615" spans="14:14">
      <c r="N54615" s="10"/>
    </row>
    <row r="54616" spans="14:14">
      <c r="N54616" s="10"/>
    </row>
    <row r="54617" spans="14:14">
      <c r="N54617" s="10"/>
    </row>
    <row r="54618" spans="14:14">
      <c r="N54618" s="10"/>
    </row>
    <row r="54619" spans="14:14">
      <c r="N54619" s="10"/>
    </row>
    <row r="54620" spans="14:14">
      <c r="N54620" s="10"/>
    </row>
    <row r="54621" spans="14:14">
      <c r="N54621" s="10"/>
    </row>
    <row r="54622" spans="14:14">
      <c r="N54622" s="10"/>
    </row>
    <row r="54623" spans="14:14">
      <c r="N54623" s="10"/>
    </row>
    <row r="54624" spans="14:14">
      <c r="N54624" s="10"/>
    </row>
    <row r="54625" spans="14:14">
      <c r="N54625" s="10"/>
    </row>
    <row r="54626" spans="14:14">
      <c r="N54626" s="10"/>
    </row>
    <row r="54627" spans="14:14">
      <c r="N54627" s="10"/>
    </row>
    <row r="54628" spans="14:14">
      <c r="N54628" s="10"/>
    </row>
    <row r="54629" spans="14:14">
      <c r="N54629" s="10"/>
    </row>
    <row r="54630" spans="14:14">
      <c r="N54630" s="10"/>
    </row>
    <row r="54631" spans="14:14">
      <c r="N54631" s="10"/>
    </row>
    <row r="54632" spans="14:14">
      <c r="N54632" s="10"/>
    </row>
    <row r="54633" spans="14:14">
      <c r="N54633" s="10"/>
    </row>
    <row r="54634" spans="14:14">
      <c r="N54634" s="10"/>
    </row>
    <row r="54635" spans="14:14">
      <c r="N54635" s="10"/>
    </row>
    <row r="54636" spans="14:14">
      <c r="N54636" s="10"/>
    </row>
    <row r="54637" spans="14:14">
      <c r="N54637" s="10"/>
    </row>
    <row r="54638" spans="14:14">
      <c r="N54638" s="10"/>
    </row>
    <row r="54639" spans="14:14">
      <c r="N54639" s="10"/>
    </row>
    <row r="54640" spans="14:14">
      <c r="N54640" s="10"/>
    </row>
    <row r="54641" spans="14:14">
      <c r="N54641" s="10"/>
    </row>
    <row r="54642" spans="14:14">
      <c r="N54642" s="10"/>
    </row>
    <row r="54643" spans="14:14">
      <c r="N54643" s="10"/>
    </row>
    <row r="54644" spans="14:14">
      <c r="N54644" s="10"/>
    </row>
    <row r="54645" spans="14:14">
      <c r="N54645" s="10"/>
    </row>
    <row r="54646" spans="14:14">
      <c r="N54646" s="10"/>
    </row>
    <row r="54647" spans="14:14">
      <c r="N54647" s="10"/>
    </row>
    <row r="54648" spans="14:14">
      <c r="N54648" s="10"/>
    </row>
    <row r="54649" spans="14:14">
      <c r="N54649" s="10"/>
    </row>
    <row r="54650" spans="14:14">
      <c r="N54650" s="10"/>
    </row>
    <row r="54651" spans="14:14">
      <c r="N54651" s="10"/>
    </row>
    <row r="54652" spans="14:14">
      <c r="N54652" s="10"/>
    </row>
    <row r="54653" spans="14:14">
      <c r="N54653" s="10"/>
    </row>
    <row r="54654" spans="14:14">
      <c r="N54654" s="10"/>
    </row>
    <row r="54655" spans="14:14">
      <c r="N54655" s="10"/>
    </row>
    <row r="54656" spans="14:14">
      <c r="N54656" s="10"/>
    </row>
    <row r="54657" spans="14:14">
      <c r="N54657" s="10"/>
    </row>
    <row r="54658" spans="14:14">
      <c r="N54658" s="10"/>
    </row>
    <row r="54659" spans="14:14">
      <c r="N54659" s="10"/>
    </row>
    <row r="54660" spans="14:14">
      <c r="N54660" s="10"/>
    </row>
    <row r="54661" spans="14:14">
      <c r="N54661" s="10"/>
    </row>
    <row r="54662" spans="14:14">
      <c r="N54662" s="10"/>
    </row>
    <row r="54663" spans="14:14">
      <c r="N54663" s="10"/>
    </row>
    <row r="54664" spans="14:14">
      <c r="N54664" s="10"/>
    </row>
    <row r="54665" spans="14:14">
      <c r="N54665" s="10"/>
    </row>
    <row r="54666" spans="14:14">
      <c r="N54666" s="10"/>
    </row>
    <row r="54667" spans="14:14">
      <c r="N54667" s="10"/>
    </row>
    <row r="54668" spans="14:14">
      <c r="N54668" s="10"/>
    </row>
    <row r="54669" spans="14:14">
      <c r="N54669" s="10"/>
    </row>
    <row r="54670" spans="14:14">
      <c r="N54670" s="10"/>
    </row>
    <row r="54671" spans="14:14">
      <c r="N54671" s="10"/>
    </row>
    <row r="54672" spans="14:14">
      <c r="N54672" s="10"/>
    </row>
    <row r="54673" spans="14:14">
      <c r="N54673" s="10"/>
    </row>
    <row r="54674" spans="14:14">
      <c r="N54674" s="10"/>
    </row>
    <row r="54675" spans="14:14">
      <c r="N54675" s="10"/>
    </row>
    <row r="54676" spans="14:14">
      <c r="N54676" s="10"/>
    </row>
    <row r="54677" spans="14:14">
      <c r="N54677" s="10"/>
    </row>
    <row r="54678" spans="14:14">
      <c r="N54678" s="10"/>
    </row>
    <row r="54679" spans="14:14">
      <c r="N54679" s="10"/>
    </row>
    <row r="54680" spans="14:14">
      <c r="N54680" s="10"/>
    </row>
    <row r="54681" spans="14:14">
      <c r="N54681" s="10"/>
    </row>
    <row r="54682" spans="14:14">
      <c r="N54682" s="10"/>
    </row>
    <row r="54683" spans="14:14">
      <c r="N54683" s="10"/>
    </row>
    <row r="54684" spans="14:14">
      <c r="N54684" s="10"/>
    </row>
    <row r="54685" spans="14:14">
      <c r="N54685" s="10"/>
    </row>
    <row r="54686" spans="14:14">
      <c r="N54686" s="10"/>
    </row>
    <row r="54687" spans="14:14">
      <c r="N54687" s="10"/>
    </row>
    <row r="54688" spans="14:14">
      <c r="N54688" s="10"/>
    </row>
    <row r="54689" spans="14:14">
      <c r="N54689" s="10"/>
    </row>
    <row r="54690" spans="14:14">
      <c r="N54690" s="10"/>
    </row>
    <row r="54691" spans="14:14">
      <c r="N54691" s="10"/>
    </row>
    <row r="54692" spans="14:14">
      <c r="N54692" s="10"/>
    </row>
    <row r="54693" spans="14:14">
      <c r="N54693" s="10"/>
    </row>
    <row r="54694" spans="14:14">
      <c r="N54694" s="10"/>
    </row>
    <row r="54695" spans="14:14">
      <c r="N54695" s="10"/>
    </row>
    <row r="54696" spans="14:14">
      <c r="N54696" s="10"/>
    </row>
    <row r="54697" spans="14:14">
      <c r="N54697" s="10"/>
    </row>
    <row r="54698" spans="14:14">
      <c r="N54698" s="10"/>
    </row>
    <row r="54699" spans="14:14">
      <c r="N54699" s="10"/>
    </row>
    <row r="54700" spans="14:14">
      <c r="N54700" s="10"/>
    </row>
    <row r="54701" spans="14:14">
      <c r="N54701" s="10"/>
    </row>
    <row r="54702" spans="14:14">
      <c r="N54702" s="10"/>
    </row>
    <row r="54703" spans="14:14">
      <c r="N54703" s="10"/>
    </row>
    <row r="54704" spans="14:14">
      <c r="N54704" s="10"/>
    </row>
    <row r="54705" spans="14:14">
      <c r="N54705" s="10"/>
    </row>
    <row r="54706" spans="14:14">
      <c r="N54706" s="10"/>
    </row>
    <row r="54707" spans="14:14">
      <c r="N54707" s="10"/>
    </row>
    <row r="54708" spans="14:14">
      <c r="N54708" s="10"/>
    </row>
    <row r="54709" spans="14:14">
      <c r="N54709" s="10"/>
    </row>
    <row r="54710" spans="14:14">
      <c r="N54710" s="10"/>
    </row>
    <row r="54711" spans="14:14">
      <c r="N54711" s="10"/>
    </row>
    <row r="54712" spans="14:14">
      <c r="N54712" s="10"/>
    </row>
    <row r="54713" spans="14:14">
      <c r="N54713" s="10"/>
    </row>
    <row r="54714" spans="14:14">
      <c r="N54714" s="10"/>
    </row>
    <row r="54715" spans="14:14">
      <c r="N54715" s="10"/>
    </row>
    <row r="54716" spans="14:14">
      <c r="N54716" s="10"/>
    </row>
    <row r="54717" spans="14:14">
      <c r="N54717" s="10"/>
    </row>
    <row r="54718" spans="14:14">
      <c r="N54718" s="10"/>
    </row>
    <row r="54719" spans="14:14">
      <c r="N54719" s="10"/>
    </row>
    <row r="54720" spans="14:14">
      <c r="N54720" s="10"/>
    </row>
    <row r="54721" spans="14:14">
      <c r="N54721" s="10"/>
    </row>
    <row r="54722" spans="14:14">
      <c r="N54722" s="10"/>
    </row>
    <row r="54723" spans="14:14">
      <c r="N54723" s="10"/>
    </row>
    <row r="54724" spans="14:14">
      <c r="N54724" s="10"/>
    </row>
    <row r="54725" spans="14:14">
      <c r="N54725" s="10"/>
    </row>
    <row r="54726" spans="14:14">
      <c r="N54726" s="10"/>
    </row>
    <row r="54727" spans="14:14">
      <c r="N54727" s="10"/>
    </row>
    <row r="54728" spans="14:14">
      <c r="N54728" s="10"/>
    </row>
    <row r="54729" spans="14:14">
      <c r="N54729" s="10"/>
    </row>
    <row r="54730" spans="14:14">
      <c r="N54730" s="10"/>
    </row>
    <row r="54731" spans="14:14">
      <c r="N54731" s="10"/>
    </row>
    <row r="54732" spans="14:14">
      <c r="N54732" s="10"/>
    </row>
    <row r="54733" spans="14:14">
      <c r="N54733" s="10"/>
    </row>
    <row r="54734" spans="14:14">
      <c r="N54734" s="10"/>
    </row>
    <row r="54735" spans="14:14">
      <c r="N54735" s="10"/>
    </row>
    <row r="54736" spans="14:14">
      <c r="N54736" s="10"/>
    </row>
    <row r="54737" spans="14:14">
      <c r="N54737" s="10"/>
    </row>
    <row r="54738" spans="14:14">
      <c r="N54738" s="10"/>
    </row>
    <row r="54739" spans="14:14">
      <c r="N54739" s="10"/>
    </row>
    <row r="54740" spans="14:14">
      <c r="N54740" s="10"/>
    </row>
    <row r="54741" spans="14:14">
      <c r="N54741" s="10"/>
    </row>
    <row r="54742" spans="14:14">
      <c r="N54742" s="10"/>
    </row>
    <row r="54743" spans="14:14">
      <c r="N54743" s="10"/>
    </row>
    <row r="54744" spans="14:14">
      <c r="N54744" s="10"/>
    </row>
    <row r="54745" spans="14:14">
      <c r="N54745" s="10"/>
    </row>
    <row r="54746" spans="14:14">
      <c r="N54746" s="10"/>
    </row>
    <row r="54747" spans="14:14">
      <c r="N54747" s="10"/>
    </row>
    <row r="54748" spans="14:14">
      <c r="N54748" s="10"/>
    </row>
    <row r="54749" spans="14:14">
      <c r="N54749" s="10"/>
    </row>
    <row r="54750" spans="14:14">
      <c r="N54750" s="10"/>
    </row>
    <row r="54751" spans="14:14">
      <c r="N54751" s="10"/>
    </row>
    <row r="54752" spans="14:14">
      <c r="N54752" s="10"/>
    </row>
    <row r="54753" spans="14:14">
      <c r="N54753" s="10"/>
    </row>
    <row r="54754" spans="14:14">
      <c r="N54754" s="10"/>
    </row>
    <row r="54755" spans="14:14">
      <c r="N54755" s="10"/>
    </row>
    <row r="54756" spans="14:14">
      <c r="N54756" s="10"/>
    </row>
    <row r="54757" spans="14:14">
      <c r="N54757" s="10"/>
    </row>
    <row r="54758" spans="14:14">
      <c r="N54758" s="10"/>
    </row>
    <row r="54759" spans="14:14">
      <c r="N54759" s="10"/>
    </row>
    <row r="54760" spans="14:14">
      <c r="N54760" s="10"/>
    </row>
    <row r="54761" spans="14:14">
      <c r="N54761" s="10"/>
    </row>
    <row r="54762" spans="14:14">
      <c r="N54762" s="10"/>
    </row>
    <row r="54763" spans="14:14">
      <c r="N54763" s="10"/>
    </row>
    <row r="54764" spans="14:14">
      <c r="N54764" s="10"/>
    </row>
    <row r="54765" spans="14:14">
      <c r="N54765" s="10"/>
    </row>
    <row r="54766" spans="14:14">
      <c r="N54766" s="10"/>
    </row>
    <row r="54767" spans="14:14">
      <c r="N54767" s="10"/>
    </row>
    <row r="54768" spans="14:14">
      <c r="N54768" s="10"/>
    </row>
    <row r="54769" spans="14:14">
      <c r="N54769" s="10"/>
    </row>
    <row r="54770" spans="14:14">
      <c r="N54770" s="10"/>
    </row>
    <row r="54771" spans="14:14">
      <c r="N54771" s="10"/>
    </row>
    <row r="54772" spans="14:14">
      <c r="N54772" s="10"/>
    </row>
    <row r="54773" spans="14:14">
      <c r="N54773" s="10"/>
    </row>
    <row r="54774" spans="14:14">
      <c r="N54774" s="10"/>
    </row>
    <row r="54775" spans="14:14">
      <c r="N54775" s="10"/>
    </row>
    <row r="54776" spans="14:14">
      <c r="N54776" s="10"/>
    </row>
    <row r="54777" spans="14:14">
      <c r="N54777" s="10"/>
    </row>
    <row r="54778" spans="14:14">
      <c r="N54778" s="10"/>
    </row>
    <row r="54779" spans="14:14">
      <c r="N54779" s="10"/>
    </row>
    <row r="54780" spans="14:14">
      <c r="N54780" s="10"/>
    </row>
    <row r="54781" spans="14:14">
      <c r="N54781" s="10"/>
    </row>
    <row r="54782" spans="14:14">
      <c r="N54782" s="10"/>
    </row>
    <row r="54783" spans="14:14">
      <c r="N54783" s="10"/>
    </row>
    <row r="54784" spans="14:14">
      <c r="N54784" s="10"/>
    </row>
    <row r="54785" spans="14:14">
      <c r="N54785" s="10"/>
    </row>
    <row r="54786" spans="14:14">
      <c r="N54786" s="10"/>
    </row>
    <row r="54787" spans="14:14">
      <c r="N54787" s="10"/>
    </row>
    <row r="54788" spans="14:14">
      <c r="N54788" s="10"/>
    </row>
    <row r="54789" spans="14:14">
      <c r="N54789" s="10"/>
    </row>
    <row r="54790" spans="14:14">
      <c r="N54790" s="10"/>
    </row>
    <row r="54791" spans="14:14">
      <c r="N54791" s="10"/>
    </row>
    <row r="54792" spans="14:14">
      <c r="N54792" s="10"/>
    </row>
    <row r="54793" spans="14:14">
      <c r="N54793" s="10"/>
    </row>
    <row r="54794" spans="14:14">
      <c r="N54794" s="10"/>
    </row>
    <row r="54795" spans="14:14">
      <c r="N54795" s="10"/>
    </row>
    <row r="54796" spans="14:14">
      <c r="N54796" s="10"/>
    </row>
    <row r="54797" spans="14:14">
      <c r="N54797" s="10"/>
    </row>
    <row r="54798" spans="14:14">
      <c r="N54798" s="10"/>
    </row>
    <row r="54799" spans="14:14">
      <c r="N54799" s="10"/>
    </row>
    <row r="54800" spans="14:14">
      <c r="N54800" s="10"/>
    </row>
    <row r="54801" spans="14:14">
      <c r="N54801" s="10"/>
    </row>
    <row r="54802" spans="14:14">
      <c r="N54802" s="10"/>
    </row>
    <row r="54803" spans="14:14">
      <c r="N54803" s="10"/>
    </row>
    <row r="54804" spans="14:14">
      <c r="N54804" s="10"/>
    </row>
    <row r="54805" spans="14:14">
      <c r="N54805" s="10"/>
    </row>
    <row r="54806" spans="14:14">
      <c r="N54806" s="10"/>
    </row>
    <row r="54807" spans="14:14">
      <c r="N54807" s="10"/>
    </row>
    <row r="54808" spans="14:14">
      <c r="N54808" s="10"/>
    </row>
    <row r="54809" spans="14:14">
      <c r="N54809" s="10"/>
    </row>
    <row r="54810" spans="14:14">
      <c r="N54810" s="10"/>
    </row>
    <row r="54811" spans="14:14">
      <c r="N54811" s="10"/>
    </row>
    <row r="54812" spans="14:14">
      <c r="N54812" s="10"/>
    </row>
    <row r="54813" spans="14:14">
      <c r="N54813" s="10"/>
    </row>
    <row r="54814" spans="14:14">
      <c r="N54814" s="10"/>
    </row>
    <row r="54815" spans="14:14">
      <c r="N54815" s="10"/>
    </row>
    <row r="54816" spans="14:14">
      <c r="N54816" s="10"/>
    </row>
    <row r="54817" spans="14:14">
      <c r="N54817" s="10"/>
    </row>
    <row r="54818" spans="14:14">
      <c r="N54818" s="10"/>
    </row>
    <row r="54819" spans="14:14">
      <c r="N54819" s="10"/>
    </row>
    <row r="54820" spans="14:14">
      <c r="N54820" s="10"/>
    </row>
    <row r="54821" spans="14:14">
      <c r="N54821" s="10"/>
    </row>
    <row r="54822" spans="14:14">
      <c r="N54822" s="10"/>
    </row>
    <row r="54823" spans="14:14">
      <c r="N54823" s="10"/>
    </row>
    <row r="54824" spans="14:14">
      <c r="N54824" s="10"/>
    </row>
    <row r="54825" spans="14:14">
      <c r="N54825" s="10"/>
    </row>
    <row r="54826" spans="14:14">
      <c r="N54826" s="10"/>
    </row>
    <row r="54827" spans="14:14">
      <c r="N54827" s="10"/>
    </row>
    <row r="54828" spans="14:14">
      <c r="N54828" s="10"/>
    </row>
    <row r="54829" spans="14:14">
      <c r="N54829" s="10"/>
    </row>
    <row r="54830" spans="14:14">
      <c r="N54830" s="10"/>
    </row>
    <row r="54831" spans="14:14">
      <c r="N54831" s="10"/>
    </row>
    <row r="54832" spans="14:14">
      <c r="N54832" s="10"/>
    </row>
    <row r="54833" spans="14:14">
      <c r="N54833" s="10"/>
    </row>
    <row r="54834" spans="14:14">
      <c r="N54834" s="10"/>
    </row>
    <row r="54835" spans="14:14">
      <c r="N54835" s="10"/>
    </row>
    <row r="54836" spans="14:14">
      <c r="N54836" s="10"/>
    </row>
    <row r="54837" spans="14:14">
      <c r="N54837" s="10"/>
    </row>
    <row r="54838" spans="14:14">
      <c r="N54838" s="10"/>
    </row>
    <row r="54839" spans="14:14">
      <c r="N54839" s="10"/>
    </row>
    <row r="54840" spans="14:14">
      <c r="N54840" s="10"/>
    </row>
    <row r="54841" spans="14:14">
      <c r="N54841" s="10"/>
    </row>
    <row r="54842" spans="14:14">
      <c r="N54842" s="10"/>
    </row>
    <row r="54843" spans="14:14">
      <c r="N54843" s="10"/>
    </row>
    <row r="54844" spans="14:14">
      <c r="N54844" s="10"/>
    </row>
    <row r="54845" spans="14:14">
      <c r="N54845" s="10"/>
    </row>
    <row r="54846" spans="14:14">
      <c r="N54846" s="10"/>
    </row>
    <row r="54847" spans="14:14">
      <c r="N54847" s="10"/>
    </row>
    <row r="54848" spans="14:14">
      <c r="N54848" s="10"/>
    </row>
    <row r="54849" spans="14:14">
      <c r="N54849" s="10"/>
    </row>
    <row r="54850" spans="14:14">
      <c r="N54850" s="10"/>
    </row>
    <row r="54851" spans="14:14">
      <c r="N54851" s="10"/>
    </row>
    <row r="54852" spans="14:14">
      <c r="N54852" s="10"/>
    </row>
    <row r="54853" spans="14:14">
      <c r="N54853" s="10"/>
    </row>
    <row r="54854" spans="14:14">
      <c r="N54854" s="10"/>
    </row>
    <row r="54855" spans="14:14">
      <c r="N54855" s="10"/>
    </row>
    <row r="54856" spans="14:14">
      <c r="N54856" s="10"/>
    </row>
    <row r="54857" spans="14:14">
      <c r="N54857" s="10"/>
    </row>
    <row r="54858" spans="14:14">
      <c r="N54858" s="10"/>
    </row>
    <row r="54859" spans="14:14">
      <c r="N54859" s="10"/>
    </row>
    <row r="54860" spans="14:14">
      <c r="N54860" s="10"/>
    </row>
    <row r="54861" spans="14:14">
      <c r="N54861" s="10"/>
    </row>
    <row r="54862" spans="14:14">
      <c r="N54862" s="10"/>
    </row>
    <row r="54863" spans="14:14">
      <c r="N54863" s="10"/>
    </row>
    <row r="54864" spans="14:14">
      <c r="N54864" s="10"/>
    </row>
    <row r="54865" spans="14:14">
      <c r="N54865" s="10"/>
    </row>
    <row r="54866" spans="14:14">
      <c r="N54866" s="10"/>
    </row>
    <row r="54867" spans="14:14">
      <c r="N54867" s="10"/>
    </row>
    <row r="54868" spans="14:14">
      <c r="N54868" s="10"/>
    </row>
    <row r="54869" spans="14:14">
      <c r="N54869" s="10"/>
    </row>
    <row r="54870" spans="14:14">
      <c r="N54870" s="10"/>
    </row>
    <row r="54871" spans="14:14">
      <c r="N54871" s="10"/>
    </row>
    <row r="54872" spans="14:14">
      <c r="N54872" s="10"/>
    </row>
    <row r="54873" spans="14:14">
      <c r="N54873" s="10"/>
    </row>
    <row r="54874" spans="14:14">
      <c r="N54874" s="10"/>
    </row>
    <row r="54875" spans="14:14">
      <c r="N54875" s="10"/>
    </row>
    <row r="54876" spans="14:14">
      <c r="N54876" s="10"/>
    </row>
    <row r="54877" spans="14:14">
      <c r="N54877" s="10"/>
    </row>
    <row r="54878" spans="14:14">
      <c r="N54878" s="10"/>
    </row>
    <row r="54879" spans="14:14">
      <c r="N54879" s="10"/>
    </row>
    <row r="54880" spans="14:14">
      <c r="N54880" s="10"/>
    </row>
    <row r="54881" spans="14:14">
      <c r="N54881" s="10"/>
    </row>
    <row r="54882" spans="14:14">
      <c r="N54882" s="10"/>
    </row>
    <row r="54883" spans="14:14">
      <c r="N54883" s="10"/>
    </row>
    <row r="54884" spans="14:14">
      <c r="N54884" s="10"/>
    </row>
    <row r="54885" spans="14:14">
      <c r="N54885" s="10"/>
    </row>
    <row r="54886" spans="14:14">
      <c r="N54886" s="10"/>
    </row>
    <row r="54887" spans="14:14">
      <c r="N54887" s="10"/>
    </row>
    <row r="54888" spans="14:14">
      <c r="N54888" s="10"/>
    </row>
    <row r="54889" spans="14:14">
      <c r="N54889" s="10"/>
    </row>
    <row r="54890" spans="14:14">
      <c r="N54890" s="10"/>
    </row>
    <row r="54891" spans="14:14">
      <c r="N54891" s="10"/>
    </row>
    <row r="54892" spans="14:14">
      <c r="N54892" s="10"/>
    </row>
    <row r="54893" spans="14:14">
      <c r="N54893" s="10"/>
    </row>
    <row r="54894" spans="14:14">
      <c r="N54894" s="10"/>
    </row>
    <row r="54895" spans="14:14">
      <c r="N54895" s="10"/>
    </row>
    <row r="54896" spans="14:14">
      <c r="N54896" s="10"/>
    </row>
    <row r="54897" spans="14:14">
      <c r="N54897" s="10"/>
    </row>
    <row r="54898" spans="14:14">
      <c r="N54898" s="10"/>
    </row>
    <row r="54899" spans="14:14">
      <c r="N54899" s="10"/>
    </row>
    <row r="54900" spans="14:14">
      <c r="N54900" s="10"/>
    </row>
    <row r="54901" spans="14:14">
      <c r="N54901" s="10"/>
    </row>
    <row r="54902" spans="14:14">
      <c r="N54902" s="10"/>
    </row>
    <row r="54903" spans="14:14">
      <c r="N54903" s="10"/>
    </row>
    <row r="54904" spans="14:14">
      <c r="N54904" s="10"/>
    </row>
    <row r="54905" spans="14:14">
      <c r="N54905" s="10"/>
    </row>
    <row r="54906" spans="14:14">
      <c r="N54906" s="10"/>
    </row>
    <row r="54907" spans="14:14">
      <c r="N54907" s="10"/>
    </row>
    <row r="54908" spans="14:14">
      <c r="N54908" s="10"/>
    </row>
    <row r="54909" spans="14:14">
      <c r="N54909" s="10"/>
    </row>
    <row r="54910" spans="14:14">
      <c r="N54910" s="10"/>
    </row>
    <row r="54911" spans="14:14">
      <c r="N54911" s="10"/>
    </row>
    <row r="54912" spans="14:14">
      <c r="N54912" s="10"/>
    </row>
    <row r="54913" spans="14:14">
      <c r="N54913" s="10"/>
    </row>
    <row r="54914" spans="14:14">
      <c r="N54914" s="10"/>
    </row>
    <row r="54915" spans="14:14">
      <c r="N54915" s="10"/>
    </row>
    <row r="54916" spans="14:14">
      <c r="N54916" s="10"/>
    </row>
    <row r="54917" spans="14:14">
      <c r="N54917" s="10"/>
    </row>
    <row r="54918" spans="14:14">
      <c r="N54918" s="10"/>
    </row>
    <row r="54919" spans="14:14">
      <c r="N54919" s="10"/>
    </row>
    <row r="54920" spans="14:14">
      <c r="N54920" s="10"/>
    </row>
    <row r="54921" spans="14:14">
      <c r="N54921" s="10"/>
    </row>
    <row r="54922" spans="14:14">
      <c r="N54922" s="10"/>
    </row>
    <row r="54923" spans="14:14">
      <c r="N54923" s="10"/>
    </row>
    <row r="54924" spans="14:14">
      <c r="N54924" s="10"/>
    </row>
    <row r="54925" spans="14:14">
      <c r="N54925" s="10"/>
    </row>
    <row r="54926" spans="14:14">
      <c r="N54926" s="10"/>
    </row>
    <row r="54927" spans="14:14">
      <c r="N54927" s="10"/>
    </row>
    <row r="54928" spans="14:14">
      <c r="N54928" s="10"/>
    </row>
    <row r="54929" spans="14:14">
      <c r="N54929" s="10"/>
    </row>
    <row r="54930" spans="14:14">
      <c r="N54930" s="10"/>
    </row>
    <row r="54931" spans="14:14">
      <c r="N54931" s="10"/>
    </row>
    <row r="54932" spans="14:14">
      <c r="N54932" s="10"/>
    </row>
    <row r="54933" spans="14:14">
      <c r="N54933" s="10"/>
    </row>
    <row r="54934" spans="14:14">
      <c r="N54934" s="10"/>
    </row>
    <row r="54935" spans="14:14">
      <c r="N54935" s="10"/>
    </row>
    <row r="54936" spans="14:14">
      <c r="N54936" s="10"/>
    </row>
    <row r="54937" spans="14:14">
      <c r="N54937" s="10"/>
    </row>
    <row r="54938" spans="14:14">
      <c r="N54938" s="10"/>
    </row>
    <row r="54939" spans="14:14">
      <c r="N54939" s="10"/>
    </row>
    <row r="54940" spans="14:14">
      <c r="N54940" s="10"/>
    </row>
    <row r="54941" spans="14:14">
      <c r="N54941" s="10"/>
    </row>
    <row r="54942" spans="14:14">
      <c r="N54942" s="10"/>
    </row>
    <row r="54943" spans="14:14">
      <c r="N54943" s="10"/>
    </row>
    <row r="54944" spans="14:14">
      <c r="N54944" s="10"/>
    </row>
    <row r="54945" spans="14:14">
      <c r="N54945" s="10"/>
    </row>
    <row r="54946" spans="14:14">
      <c r="N54946" s="10"/>
    </row>
    <row r="54947" spans="14:14">
      <c r="N54947" s="10"/>
    </row>
    <row r="54948" spans="14:14">
      <c r="N54948" s="10"/>
    </row>
    <row r="54949" spans="14:14">
      <c r="N54949" s="10"/>
    </row>
    <row r="54950" spans="14:14">
      <c r="N54950" s="10"/>
    </row>
    <row r="54951" spans="14:14">
      <c r="N54951" s="10"/>
    </row>
    <row r="54952" spans="14:14">
      <c r="N54952" s="10"/>
    </row>
    <row r="54953" spans="14:14">
      <c r="N54953" s="10"/>
    </row>
    <row r="54954" spans="14:14">
      <c r="N54954" s="10"/>
    </row>
    <row r="54955" spans="14:14">
      <c r="N54955" s="10"/>
    </row>
    <row r="54956" spans="14:14">
      <c r="N54956" s="10"/>
    </row>
    <row r="54957" spans="14:14">
      <c r="N54957" s="10"/>
    </row>
    <row r="54958" spans="14:14">
      <c r="N54958" s="10"/>
    </row>
    <row r="54959" spans="14:14">
      <c r="N54959" s="10"/>
    </row>
    <row r="54960" spans="14:14">
      <c r="N54960" s="10"/>
    </row>
    <row r="54961" spans="14:14">
      <c r="N54961" s="10"/>
    </row>
    <row r="54962" spans="14:14">
      <c r="N54962" s="10"/>
    </row>
    <row r="54963" spans="14:14">
      <c r="N54963" s="10"/>
    </row>
    <row r="54964" spans="14:14">
      <c r="N54964" s="10"/>
    </row>
    <row r="54965" spans="14:14">
      <c r="N54965" s="10"/>
    </row>
    <row r="54966" spans="14:14">
      <c r="N54966" s="10"/>
    </row>
    <row r="54967" spans="14:14">
      <c r="N54967" s="10"/>
    </row>
    <row r="54968" spans="14:14">
      <c r="N54968" s="10"/>
    </row>
    <row r="54969" spans="14:14">
      <c r="N54969" s="10"/>
    </row>
    <row r="54970" spans="14:14">
      <c r="N54970" s="10"/>
    </row>
    <row r="54971" spans="14:14">
      <c r="N54971" s="10"/>
    </row>
    <row r="54972" spans="14:14">
      <c r="N54972" s="10"/>
    </row>
    <row r="54973" spans="14:14">
      <c r="N54973" s="10"/>
    </row>
    <row r="54974" spans="14:14">
      <c r="N54974" s="10"/>
    </row>
    <row r="54975" spans="14:14">
      <c r="N54975" s="10"/>
    </row>
    <row r="54976" spans="14:14">
      <c r="N54976" s="10"/>
    </row>
    <row r="54977" spans="14:14">
      <c r="N54977" s="10"/>
    </row>
    <row r="54978" spans="14:14">
      <c r="N54978" s="10"/>
    </row>
    <row r="54979" spans="14:14">
      <c r="N54979" s="10"/>
    </row>
    <row r="54980" spans="14:14">
      <c r="N54980" s="10"/>
    </row>
    <row r="54981" spans="14:14">
      <c r="N54981" s="10"/>
    </row>
    <row r="54982" spans="14:14">
      <c r="N54982" s="10"/>
    </row>
    <row r="54983" spans="14:14">
      <c r="N54983" s="10"/>
    </row>
    <row r="54984" spans="14:14">
      <c r="N54984" s="10"/>
    </row>
    <row r="54985" spans="14:14">
      <c r="N54985" s="10"/>
    </row>
    <row r="54986" spans="14:14">
      <c r="N54986" s="10"/>
    </row>
    <row r="54987" spans="14:14">
      <c r="N54987" s="10"/>
    </row>
    <row r="54988" spans="14:14">
      <c r="N54988" s="10"/>
    </row>
    <row r="54989" spans="14:14">
      <c r="N54989" s="10"/>
    </row>
    <row r="54990" spans="14:14">
      <c r="N54990" s="10"/>
    </row>
    <row r="54991" spans="14:14">
      <c r="N54991" s="10"/>
    </row>
    <row r="54992" spans="14:14">
      <c r="N54992" s="10"/>
    </row>
    <row r="54993" spans="14:14">
      <c r="N54993" s="10"/>
    </row>
    <row r="54994" spans="14:14">
      <c r="N54994" s="10"/>
    </row>
    <row r="54995" spans="14:14">
      <c r="N54995" s="10"/>
    </row>
    <row r="54996" spans="14:14">
      <c r="N54996" s="10"/>
    </row>
    <row r="54997" spans="14:14">
      <c r="N54997" s="10"/>
    </row>
    <row r="54998" spans="14:14">
      <c r="N54998" s="10"/>
    </row>
    <row r="54999" spans="14:14">
      <c r="N54999" s="10"/>
    </row>
    <row r="55000" spans="14:14">
      <c r="N55000" s="10"/>
    </row>
    <row r="55001" spans="14:14">
      <c r="N55001" s="10"/>
    </row>
    <row r="55002" spans="14:14">
      <c r="N55002" s="10"/>
    </row>
    <row r="55003" spans="14:14">
      <c r="N55003" s="10"/>
    </row>
    <row r="55004" spans="14:14">
      <c r="N55004" s="10"/>
    </row>
    <row r="55005" spans="14:14">
      <c r="N55005" s="10"/>
    </row>
    <row r="55006" spans="14:14">
      <c r="N55006" s="10"/>
    </row>
    <row r="55007" spans="14:14">
      <c r="N55007" s="10"/>
    </row>
    <row r="55008" spans="14:14">
      <c r="N55008" s="10"/>
    </row>
    <row r="55009" spans="14:14">
      <c r="N55009" s="10"/>
    </row>
    <row r="55010" spans="14:14">
      <c r="N55010" s="10"/>
    </row>
    <row r="55011" spans="14:14">
      <c r="N55011" s="10"/>
    </row>
    <row r="55012" spans="14:14">
      <c r="N55012" s="10"/>
    </row>
    <row r="55013" spans="14:14">
      <c r="N55013" s="10"/>
    </row>
    <row r="55014" spans="14:14">
      <c r="N55014" s="10"/>
    </row>
    <row r="55015" spans="14:14">
      <c r="N55015" s="10"/>
    </row>
    <row r="55016" spans="14:14">
      <c r="N55016" s="10"/>
    </row>
    <row r="55017" spans="14:14">
      <c r="N55017" s="10"/>
    </row>
    <row r="55018" spans="14:14">
      <c r="N55018" s="10"/>
    </row>
    <row r="55019" spans="14:14">
      <c r="N55019" s="10"/>
    </row>
    <row r="55020" spans="14:14">
      <c r="N55020" s="10"/>
    </row>
    <row r="55021" spans="14:14">
      <c r="N55021" s="10"/>
    </row>
    <row r="55022" spans="14:14">
      <c r="N55022" s="10"/>
    </row>
    <row r="55023" spans="14:14">
      <c r="N55023" s="10"/>
    </row>
    <row r="55024" spans="14:14">
      <c r="N55024" s="10"/>
    </row>
    <row r="55025" spans="14:14">
      <c r="N55025" s="10"/>
    </row>
    <row r="55026" spans="14:14">
      <c r="N55026" s="10"/>
    </row>
    <row r="55027" spans="14:14">
      <c r="N55027" s="10"/>
    </row>
    <row r="55028" spans="14:14">
      <c r="N55028" s="10"/>
    </row>
    <row r="55029" spans="14:14">
      <c r="N55029" s="10"/>
    </row>
    <row r="55030" spans="14:14">
      <c r="N55030" s="10"/>
    </row>
    <row r="55031" spans="14:14">
      <c r="N55031" s="10"/>
    </row>
    <row r="55032" spans="14:14">
      <c r="N55032" s="10"/>
    </row>
    <row r="55033" spans="14:14">
      <c r="N55033" s="10"/>
    </row>
    <row r="55034" spans="14:14">
      <c r="N55034" s="10"/>
    </row>
    <row r="55035" spans="14:14">
      <c r="N55035" s="10"/>
    </row>
    <row r="55036" spans="14:14">
      <c r="N55036" s="10"/>
    </row>
    <row r="55037" spans="14:14">
      <c r="N55037" s="10"/>
    </row>
    <row r="55038" spans="14:14">
      <c r="N55038" s="10"/>
    </row>
    <row r="55039" spans="14:14">
      <c r="N55039" s="10"/>
    </row>
    <row r="55040" spans="14:14">
      <c r="N55040" s="10"/>
    </row>
    <row r="55041" spans="14:14">
      <c r="N55041" s="10"/>
    </row>
    <row r="55042" spans="14:14">
      <c r="N55042" s="10"/>
    </row>
    <row r="55043" spans="14:14">
      <c r="N55043" s="10"/>
    </row>
    <row r="55044" spans="14:14">
      <c r="N55044" s="10"/>
    </row>
    <row r="55045" spans="14:14">
      <c r="N55045" s="10"/>
    </row>
    <row r="55046" spans="14:14">
      <c r="N55046" s="10"/>
    </row>
    <row r="55047" spans="14:14">
      <c r="N55047" s="10"/>
    </row>
    <row r="55048" spans="14:14">
      <c r="N55048" s="10"/>
    </row>
    <row r="55049" spans="14:14">
      <c r="N55049" s="10"/>
    </row>
    <row r="55050" spans="14:14">
      <c r="N55050" s="10"/>
    </row>
    <row r="55051" spans="14:14">
      <c r="N55051" s="10"/>
    </row>
    <row r="55052" spans="14:14">
      <c r="N55052" s="10"/>
    </row>
    <row r="55053" spans="14:14">
      <c r="N55053" s="10"/>
    </row>
    <row r="55054" spans="14:14">
      <c r="N55054" s="10"/>
    </row>
    <row r="55055" spans="14:14">
      <c r="N55055" s="10"/>
    </row>
    <row r="55056" spans="14:14">
      <c r="N55056" s="10"/>
    </row>
    <row r="55057" spans="14:14">
      <c r="N55057" s="10"/>
    </row>
    <row r="55058" spans="14:14">
      <c r="N55058" s="10"/>
    </row>
    <row r="55059" spans="14:14">
      <c r="N55059" s="10"/>
    </row>
    <row r="55060" spans="14:14">
      <c r="N55060" s="10"/>
    </row>
    <row r="55061" spans="14:14">
      <c r="N55061" s="10"/>
    </row>
    <row r="55062" spans="14:14">
      <c r="N55062" s="10"/>
    </row>
    <row r="55063" spans="14:14">
      <c r="N55063" s="10"/>
    </row>
    <row r="55064" spans="14:14">
      <c r="N55064" s="10"/>
    </row>
    <row r="55065" spans="14:14">
      <c r="N55065" s="10"/>
    </row>
    <row r="55066" spans="14:14">
      <c r="N55066" s="10"/>
    </row>
    <row r="55067" spans="14:14">
      <c r="N55067" s="10"/>
    </row>
    <row r="55068" spans="14:14">
      <c r="N55068" s="10"/>
    </row>
    <row r="55069" spans="14:14">
      <c r="N55069" s="10"/>
    </row>
    <row r="55070" spans="14:14">
      <c r="N55070" s="10"/>
    </row>
    <row r="55071" spans="14:14">
      <c r="N55071" s="10"/>
    </row>
    <row r="55072" spans="14:14">
      <c r="N55072" s="10"/>
    </row>
    <row r="55073" spans="14:14">
      <c r="N55073" s="10"/>
    </row>
    <row r="55074" spans="14:14">
      <c r="N55074" s="10"/>
    </row>
    <row r="55075" spans="14:14">
      <c r="N55075" s="10"/>
    </row>
    <row r="55076" spans="14:14">
      <c r="N55076" s="10"/>
    </row>
    <row r="55077" spans="14:14">
      <c r="N55077" s="10"/>
    </row>
    <row r="55078" spans="14:14">
      <c r="N55078" s="10"/>
    </row>
    <row r="55079" spans="14:14">
      <c r="N55079" s="10"/>
    </row>
    <row r="55080" spans="14:14">
      <c r="N55080" s="10"/>
    </row>
    <row r="55081" spans="14:14">
      <c r="N55081" s="10"/>
    </row>
    <row r="55082" spans="14:14">
      <c r="N55082" s="10"/>
    </row>
    <row r="55083" spans="14:14">
      <c r="N55083" s="10"/>
    </row>
    <row r="55084" spans="14:14">
      <c r="N55084" s="10"/>
    </row>
    <row r="55085" spans="14:14">
      <c r="N55085" s="10"/>
    </row>
    <row r="55086" spans="14:14">
      <c r="N55086" s="10"/>
    </row>
    <row r="55087" spans="14:14">
      <c r="N55087" s="10"/>
    </row>
    <row r="55088" spans="14:14">
      <c r="N55088" s="10"/>
    </row>
    <row r="55089" spans="14:14">
      <c r="N55089" s="10"/>
    </row>
    <row r="55090" spans="14:14">
      <c r="N55090" s="10"/>
    </row>
    <row r="55091" spans="14:14">
      <c r="N55091" s="10"/>
    </row>
    <row r="55092" spans="14:14">
      <c r="N55092" s="10"/>
    </row>
    <row r="55093" spans="14:14">
      <c r="N55093" s="10"/>
    </row>
    <row r="55094" spans="14:14">
      <c r="N55094" s="10"/>
    </row>
    <row r="55095" spans="14:14">
      <c r="N55095" s="10"/>
    </row>
    <row r="55096" spans="14:14">
      <c r="N55096" s="10"/>
    </row>
    <row r="55097" spans="14:14">
      <c r="N55097" s="10"/>
    </row>
    <row r="55098" spans="14:14">
      <c r="N55098" s="10"/>
    </row>
    <row r="55099" spans="14:14">
      <c r="N55099" s="10"/>
    </row>
    <row r="55100" spans="14:14">
      <c r="N55100" s="10"/>
    </row>
    <row r="55101" spans="14:14">
      <c r="N55101" s="10"/>
    </row>
    <row r="55102" spans="14:14">
      <c r="N55102" s="10"/>
    </row>
    <row r="55103" spans="14:14">
      <c r="N55103" s="10"/>
    </row>
    <row r="55104" spans="14:14">
      <c r="N55104" s="10"/>
    </row>
    <row r="55105" spans="14:14">
      <c r="N55105" s="10"/>
    </row>
    <row r="55106" spans="14:14">
      <c r="N55106" s="10"/>
    </row>
    <row r="55107" spans="14:14">
      <c r="N55107" s="10"/>
    </row>
    <row r="55108" spans="14:14">
      <c r="N55108" s="10"/>
    </row>
    <row r="55109" spans="14:14">
      <c r="N55109" s="10"/>
    </row>
    <row r="55110" spans="14:14">
      <c r="N55110" s="10"/>
    </row>
    <row r="55111" spans="14:14">
      <c r="N55111" s="10"/>
    </row>
    <row r="55112" spans="14:14">
      <c r="N55112" s="10"/>
    </row>
    <row r="55113" spans="14:14">
      <c r="N55113" s="10"/>
    </row>
    <row r="55114" spans="14:14">
      <c r="N55114" s="10"/>
    </row>
    <row r="55115" spans="14:14">
      <c r="N55115" s="10"/>
    </row>
    <row r="55116" spans="14:14">
      <c r="N55116" s="10"/>
    </row>
    <row r="55117" spans="14:14">
      <c r="N55117" s="10"/>
    </row>
    <row r="55118" spans="14:14">
      <c r="N55118" s="10"/>
    </row>
    <row r="55119" spans="14:14">
      <c r="N55119" s="10"/>
    </row>
    <row r="55120" spans="14:14">
      <c r="N55120" s="10"/>
    </row>
    <row r="55121" spans="14:14">
      <c r="N55121" s="10"/>
    </row>
    <row r="55122" spans="14:14">
      <c r="N55122" s="10"/>
    </row>
    <row r="55123" spans="14:14">
      <c r="N55123" s="10"/>
    </row>
    <row r="55124" spans="14:14">
      <c r="N55124" s="10"/>
    </row>
    <row r="55125" spans="14:14">
      <c r="N55125" s="10"/>
    </row>
    <row r="55126" spans="14:14">
      <c r="N55126" s="10"/>
    </row>
    <row r="55127" spans="14:14">
      <c r="N55127" s="10"/>
    </row>
    <row r="55128" spans="14:14">
      <c r="N55128" s="10"/>
    </row>
    <row r="55129" spans="14:14">
      <c r="N55129" s="10"/>
    </row>
    <row r="55130" spans="14:14">
      <c r="N55130" s="10"/>
    </row>
    <row r="55131" spans="14:14">
      <c r="N55131" s="10"/>
    </row>
    <row r="55132" spans="14:14">
      <c r="N55132" s="10"/>
    </row>
    <row r="55133" spans="14:14">
      <c r="N55133" s="10"/>
    </row>
    <row r="55134" spans="14:14">
      <c r="N55134" s="10"/>
    </row>
    <row r="55135" spans="14:14">
      <c r="N55135" s="10"/>
    </row>
    <row r="55136" spans="14:14">
      <c r="N55136" s="10"/>
    </row>
    <row r="55137" spans="14:14">
      <c r="N55137" s="10"/>
    </row>
    <row r="55138" spans="14:14">
      <c r="N55138" s="10"/>
    </row>
    <row r="55139" spans="14:14">
      <c r="N55139" s="10"/>
    </row>
    <row r="55140" spans="14:14">
      <c r="N55140" s="10"/>
    </row>
    <row r="55141" spans="14:14">
      <c r="N55141" s="10"/>
    </row>
    <row r="55142" spans="14:14">
      <c r="N55142" s="10"/>
    </row>
    <row r="55143" spans="14:14">
      <c r="N55143" s="10"/>
    </row>
    <row r="55144" spans="14:14">
      <c r="N55144" s="10"/>
    </row>
    <row r="55145" spans="14:14">
      <c r="N55145" s="10"/>
    </row>
    <row r="55146" spans="14:14">
      <c r="N55146" s="10"/>
    </row>
    <row r="55147" spans="14:14">
      <c r="N55147" s="10"/>
    </row>
    <row r="55148" spans="14:14">
      <c r="N55148" s="10"/>
    </row>
    <row r="55149" spans="14:14">
      <c r="N55149" s="10"/>
    </row>
    <row r="55150" spans="14:14">
      <c r="N55150" s="10"/>
    </row>
    <row r="55151" spans="14:14">
      <c r="N55151" s="10"/>
    </row>
    <row r="55152" spans="14:14">
      <c r="N55152" s="10"/>
    </row>
    <row r="55153" spans="14:14">
      <c r="N55153" s="10"/>
    </row>
    <row r="55154" spans="14:14">
      <c r="N55154" s="10"/>
    </row>
    <row r="55155" spans="14:14">
      <c r="N55155" s="10"/>
    </row>
    <row r="55156" spans="14:14">
      <c r="N55156" s="10"/>
    </row>
    <row r="55157" spans="14:14">
      <c r="N55157" s="10"/>
    </row>
    <row r="55158" spans="14:14">
      <c r="N55158" s="10"/>
    </row>
    <row r="55159" spans="14:14">
      <c r="N55159" s="10"/>
    </row>
    <row r="55160" spans="14:14">
      <c r="N55160" s="10"/>
    </row>
    <row r="55161" spans="14:14">
      <c r="N55161" s="10"/>
    </row>
    <row r="55162" spans="14:14">
      <c r="N55162" s="10"/>
    </row>
    <row r="55163" spans="14:14">
      <c r="N55163" s="10"/>
    </row>
    <row r="55164" spans="14:14">
      <c r="N55164" s="10"/>
    </row>
    <row r="55165" spans="14:14">
      <c r="N55165" s="10"/>
    </row>
    <row r="55166" spans="14:14">
      <c r="N55166" s="10"/>
    </row>
    <row r="55167" spans="14:14">
      <c r="N55167" s="10"/>
    </row>
    <row r="55168" spans="14:14">
      <c r="N55168" s="10"/>
    </row>
    <row r="55169" spans="14:14">
      <c r="N55169" s="10"/>
    </row>
    <row r="55170" spans="14:14">
      <c r="N55170" s="10"/>
    </row>
    <row r="55171" spans="14:14">
      <c r="N55171" s="10"/>
    </row>
    <row r="55172" spans="14:14">
      <c r="N55172" s="10"/>
    </row>
    <row r="55173" spans="14:14">
      <c r="N55173" s="10"/>
    </row>
    <row r="55174" spans="14:14">
      <c r="N55174" s="10"/>
    </row>
    <row r="55175" spans="14:14">
      <c r="N55175" s="10"/>
    </row>
    <row r="55176" spans="14:14">
      <c r="N55176" s="10"/>
    </row>
    <row r="55177" spans="14:14">
      <c r="N55177" s="10"/>
    </row>
    <row r="55178" spans="14:14">
      <c r="N55178" s="10"/>
    </row>
    <row r="55179" spans="14:14">
      <c r="N55179" s="10"/>
    </row>
    <row r="55180" spans="14:14">
      <c r="N55180" s="10"/>
    </row>
    <row r="55181" spans="14:14">
      <c r="N55181" s="10"/>
    </row>
    <row r="55182" spans="14:14">
      <c r="N55182" s="10"/>
    </row>
    <row r="55183" spans="14:14">
      <c r="N55183" s="10"/>
    </row>
    <row r="55184" spans="14:14">
      <c r="N55184" s="10"/>
    </row>
    <row r="55185" spans="14:14">
      <c r="N55185" s="10"/>
    </row>
    <row r="55186" spans="14:14">
      <c r="N55186" s="10"/>
    </row>
    <row r="55187" spans="14:14">
      <c r="N55187" s="10"/>
    </row>
    <row r="55188" spans="14:14">
      <c r="N55188" s="10"/>
    </row>
    <row r="55189" spans="14:14">
      <c r="N55189" s="10"/>
    </row>
    <row r="55190" spans="14:14">
      <c r="N55190" s="10"/>
    </row>
    <row r="55191" spans="14:14">
      <c r="N55191" s="10"/>
    </row>
    <row r="55192" spans="14:14">
      <c r="N55192" s="10"/>
    </row>
    <row r="55193" spans="14:14">
      <c r="N55193" s="10"/>
    </row>
    <row r="55194" spans="14:14">
      <c r="N55194" s="10"/>
    </row>
    <row r="55195" spans="14:14">
      <c r="N55195" s="10"/>
    </row>
    <row r="55196" spans="14:14">
      <c r="N55196" s="10"/>
    </row>
    <row r="55197" spans="14:14">
      <c r="N55197" s="10"/>
    </row>
    <row r="55198" spans="14:14">
      <c r="N55198" s="10"/>
    </row>
    <row r="55199" spans="14:14">
      <c r="N55199" s="10"/>
    </row>
    <row r="55200" spans="14:14">
      <c r="N55200" s="10"/>
    </row>
    <row r="55201" spans="14:14">
      <c r="N55201" s="10"/>
    </row>
    <row r="55202" spans="14:14">
      <c r="N55202" s="10"/>
    </row>
    <row r="55203" spans="14:14">
      <c r="N55203" s="10"/>
    </row>
    <row r="55204" spans="14:14">
      <c r="N55204" s="10"/>
    </row>
    <row r="55205" spans="14:14">
      <c r="N55205" s="10"/>
    </row>
    <row r="55206" spans="14:14">
      <c r="N55206" s="10"/>
    </row>
    <row r="55207" spans="14:14">
      <c r="N55207" s="10"/>
    </row>
    <row r="55208" spans="14:14">
      <c r="N55208" s="10"/>
    </row>
    <row r="55209" spans="14:14">
      <c r="N55209" s="10"/>
    </row>
    <row r="55210" spans="14:14">
      <c r="N55210" s="10"/>
    </row>
    <row r="55211" spans="14:14">
      <c r="N55211" s="10"/>
    </row>
    <row r="55212" spans="14:14">
      <c r="N55212" s="10"/>
    </row>
    <row r="55213" spans="14:14">
      <c r="N55213" s="10"/>
    </row>
    <row r="55214" spans="14:14">
      <c r="N55214" s="10"/>
    </row>
    <row r="55215" spans="14:14">
      <c r="N55215" s="10"/>
    </row>
    <row r="55216" spans="14:14">
      <c r="N55216" s="10"/>
    </row>
    <row r="55217" spans="14:14">
      <c r="N55217" s="10"/>
    </row>
    <row r="55218" spans="14:14">
      <c r="N55218" s="10"/>
    </row>
    <row r="55219" spans="14:14">
      <c r="N55219" s="10"/>
    </row>
    <row r="55220" spans="14:14">
      <c r="N55220" s="10"/>
    </row>
    <row r="55221" spans="14:14">
      <c r="N55221" s="10"/>
    </row>
    <row r="55222" spans="14:14">
      <c r="N55222" s="10"/>
    </row>
    <row r="55223" spans="14:14">
      <c r="N55223" s="10"/>
    </row>
    <row r="55224" spans="14:14">
      <c r="N55224" s="10"/>
    </row>
    <row r="55225" spans="14:14">
      <c r="N55225" s="10"/>
    </row>
    <row r="55226" spans="14:14">
      <c r="N55226" s="10"/>
    </row>
    <row r="55227" spans="14:14">
      <c r="N55227" s="10"/>
    </row>
    <row r="55228" spans="14:14">
      <c r="N55228" s="10"/>
    </row>
    <row r="55229" spans="14:14">
      <c r="N55229" s="10"/>
    </row>
    <row r="55230" spans="14:14">
      <c r="N55230" s="10"/>
    </row>
    <row r="55231" spans="14:14">
      <c r="N55231" s="10"/>
    </row>
    <row r="55232" spans="14:14">
      <c r="N55232" s="10"/>
    </row>
    <row r="55233" spans="14:14">
      <c r="N55233" s="10"/>
    </row>
    <row r="55234" spans="14:14">
      <c r="N55234" s="10"/>
    </row>
    <row r="55235" spans="14:14">
      <c r="N55235" s="10"/>
    </row>
    <row r="55236" spans="14:14">
      <c r="N55236" s="10"/>
    </row>
    <row r="55237" spans="14:14">
      <c r="N55237" s="10"/>
    </row>
    <row r="55238" spans="14:14">
      <c r="N55238" s="10"/>
    </row>
    <row r="55239" spans="14:14">
      <c r="N55239" s="10"/>
    </row>
    <row r="55240" spans="14:14">
      <c r="N55240" s="10"/>
    </row>
    <row r="55241" spans="14:14">
      <c r="N55241" s="10"/>
    </row>
    <row r="55242" spans="14:14">
      <c r="N55242" s="10"/>
    </row>
    <row r="55243" spans="14:14">
      <c r="N55243" s="10"/>
    </row>
    <row r="55244" spans="14:14">
      <c r="N55244" s="10"/>
    </row>
    <row r="55245" spans="14:14">
      <c r="N55245" s="10"/>
    </row>
    <row r="55246" spans="14:14">
      <c r="N55246" s="10"/>
    </row>
    <row r="55247" spans="14:14">
      <c r="N55247" s="10"/>
    </row>
    <row r="55248" spans="14:14">
      <c r="N55248" s="10"/>
    </row>
    <row r="55249" spans="14:14">
      <c r="N55249" s="10"/>
    </row>
    <row r="55250" spans="14:14">
      <c r="N55250" s="10"/>
    </row>
    <row r="55251" spans="14:14">
      <c r="N55251" s="10"/>
    </row>
    <row r="55252" spans="14:14">
      <c r="N55252" s="10"/>
    </row>
    <row r="55253" spans="14:14">
      <c r="N55253" s="10"/>
    </row>
    <row r="55254" spans="14:14">
      <c r="N55254" s="10"/>
    </row>
    <row r="55255" spans="14:14">
      <c r="N55255" s="10"/>
    </row>
    <row r="55256" spans="14:14">
      <c r="N55256" s="10"/>
    </row>
    <row r="55257" spans="14:14">
      <c r="N55257" s="10"/>
    </row>
    <row r="55258" spans="14:14">
      <c r="N55258" s="10"/>
    </row>
    <row r="55259" spans="14:14">
      <c r="N55259" s="10"/>
    </row>
    <row r="55260" spans="14:14">
      <c r="N55260" s="10"/>
    </row>
    <row r="55261" spans="14:14">
      <c r="N55261" s="10"/>
    </row>
    <row r="55262" spans="14:14">
      <c r="N55262" s="10"/>
    </row>
    <row r="55263" spans="14:14">
      <c r="N55263" s="10"/>
    </row>
    <row r="55264" spans="14:14">
      <c r="N55264" s="10"/>
    </row>
    <row r="55265" spans="14:14">
      <c r="N55265" s="10"/>
    </row>
    <row r="55266" spans="14:14">
      <c r="N55266" s="10"/>
    </row>
    <row r="55267" spans="14:14">
      <c r="N55267" s="10"/>
    </row>
    <row r="55268" spans="14:14">
      <c r="N55268" s="10"/>
    </row>
    <row r="55269" spans="14:14">
      <c r="N55269" s="10"/>
    </row>
    <row r="55270" spans="14:14">
      <c r="N55270" s="10"/>
    </row>
    <row r="55271" spans="14:14">
      <c r="N55271" s="10"/>
    </row>
    <row r="55272" spans="14:14">
      <c r="N55272" s="10"/>
    </row>
    <row r="55273" spans="14:14">
      <c r="N55273" s="10"/>
    </row>
    <row r="55274" spans="14:14">
      <c r="N55274" s="10"/>
    </row>
    <row r="55275" spans="14:14">
      <c r="N55275" s="10"/>
    </row>
    <row r="55276" spans="14:14">
      <c r="N55276" s="10"/>
    </row>
    <row r="55277" spans="14:14">
      <c r="N55277" s="10"/>
    </row>
    <row r="55278" spans="14:14">
      <c r="N55278" s="10"/>
    </row>
    <row r="55279" spans="14:14">
      <c r="N55279" s="10"/>
    </row>
    <row r="55280" spans="14:14">
      <c r="N55280" s="10"/>
    </row>
    <row r="55281" spans="14:14">
      <c r="N55281" s="10"/>
    </row>
    <row r="55282" spans="14:14">
      <c r="N55282" s="10"/>
    </row>
    <row r="55283" spans="14:14">
      <c r="N55283" s="10"/>
    </row>
    <row r="55284" spans="14:14">
      <c r="N55284" s="10"/>
    </row>
    <row r="55285" spans="14:14">
      <c r="N55285" s="10"/>
    </row>
    <row r="55286" spans="14:14">
      <c r="N55286" s="10"/>
    </row>
    <row r="55287" spans="14:14">
      <c r="N55287" s="10"/>
    </row>
    <row r="55288" spans="14:14">
      <c r="N55288" s="10"/>
    </row>
    <row r="55289" spans="14:14">
      <c r="N55289" s="10"/>
    </row>
    <row r="55290" spans="14:14">
      <c r="N55290" s="10"/>
    </row>
    <row r="55291" spans="14:14">
      <c r="N55291" s="10"/>
    </row>
    <row r="55292" spans="14:14">
      <c r="N55292" s="10"/>
    </row>
    <row r="55293" spans="14:14">
      <c r="N55293" s="10"/>
    </row>
    <row r="55294" spans="14:14">
      <c r="N55294" s="10"/>
    </row>
    <row r="55295" spans="14:14">
      <c r="N55295" s="10"/>
    </row>
    <row r="55296" spans="14:14">
      <c r="N55296" s="10"/>
    </row>
    <row r="55297" spans="14:14">
      <c r="N55297" s="10"/>
    </row>
    <row r="55298" spans="14:14">
      <c r="N55298" s="10"/>
    </row>
    <row r="55299" spans="14:14">
      <c r="N55299" s="10"/>
    </row>
    <row r="55300" spans="14:14">
      <c r="N55300" s="10"/>
    </row>
    <row r="55301" spans="14:14">
      <c r="N55301" s="10"/>
    </row>
    <row r="55302" spans="14:14">
      <c r="N55302" s="10"/>
    </row>
    <row r="55303" spans="14:14">
      <c r="N55303" s="10"/>
    </row>
    <row r="55304" spans="14:14">
      <c r="N55304" s="10"/>
    </row>
    <row r="55305" spans="14:14">
      <c r="N55305" s="10"/>
    </row>
    <row r="55306" spans="14:14">
      <c r="N55306" s="10"/>
    </row>
    <row r="55307" spans="14:14">
      <c r="N55307" s="10"/>
    </row>
    <row r="55308" spans="14:14">
      <c r="N55308" s="10"/>
    </row>
    <row r="55309" spans="14:14">
      <c r="N55309" s="10"/>
    </row>
    <row r="55310" spans="14:14">
      <c r="N55310" s="10"/>
    </row>
    <row r="55311" spans="14:14">
      <c r="N55311" s="10"/>
    </row>
    <row r="55312" spans="14:14">
      <c r="N55312" s="10"/>
    </row>
    <row r="55313" spans="14:14">
      <c r="N55313" s="10"/>
    </row>
    <row r="55314" spans="14:14">
      <c r="N55314" s="10"/>
    </row>
    <row r="55315" spans="14:14">
      <c r="N55315" s="10"/>
    </row>
    <row r="55316" spans="14:14">
      <c r="N55316" s="10"/>
    </row>
    <row r="55317" spans="14:14">
      <c r="N55317" s="10"/>
    </row>
    <row r="55318" spans="14:14">
      <c r="N55318" s="10"/>
    </row>
    <row r="55319" spans="14:14">
      <c r="N55319" s="10"/>
    </row>
    <row r="55320" spans="14:14">
      <c r="N55320" s="10"/>
    </row>
    <row r="55321" spans="14:14">
      <c r="N55321" s="10"/>
    </row>
    <row r="55322" spans="14:14">
      <c r="N55322" s="10"/>
    </row>
    <row r="55323" spans="14:14">
      <c r="N55323" s="10"/>
    </row>
    <row r="55324" spans="14:14">
      <c r="N55324" s="10"/>
    </row>
    <row r="55325" spans="14:14">
      <c r="N55325" s="10"/>
    </row>
    <row r="55326" spans="14:14">
      <c r="N55326" s="10"/>
    </row>
    <row r="55327" spans="14:14">
      <c r="N55327" s="10"/>
    </row>
    <row r="55328" spans="14:14">
      <c r="N55328" s="10"/>
    </row>
    <row r="55329" spans="14:14">
      <c r="N55329" s="10"/>
    </row>
    <row r="55330" spans="14:14">
      <c r="N55330" s="10"/>
    </row>
    <row r="55331" spans="14:14">
      <c r="N55331" s="10"/>
    </row>
    <row r="55332" spans="14:14">
      <c r="N55332" s="10"/>
    </row>
    <row r="55333" spans="14:14">
      <c r="N55333" s="10"/>
    </row>
    <row r="55334" spans="14:14">
      <c r="N55334" s="10"/>
    </row>
    <row r="55335" spans="14:14">
      <c r="N55335" s="10"/>
    </row>
    <row r="55336" spans="14:14">
      <c r="N55336" s="10"/>
    </row>
    <row r="55337" spans="14:14">
      <c r="N55337" s="10"/>
    </row>
    <row r="55338" spans="14:14">
      <c r="N55338" s="10"/>
    </row>
    <row r="55339" spans="14:14">
      <c r="N55339" s="10"/>
    </row>
    <row r="55340" spans="14:14">
      <c r="N55340" s="10"/>
    </row>
    <row r="55341" spans="14:14">
      <c r="N55341" s="10"/>
    </row>
    <row r="55342" spans="14:14">
      <c r="N55342" s="10"/>
    </row>
    <row r="55343" spans="14:14">
      <c r="N55343" s="10"/>
    </row>
    <row r="55344" spans="14:14">
      <c r="N55344" s="10"/>
    </row>
    <row r="55345" spans="14:14">
      <c r="N55345" s="10"/>
    </row>
    <row r="55346" spans="14:14">
      <c r="N55346" s="10"/>
    </row>
    <row r="55347" spans="14:14">
      <c r="N55347" s="10"/>
    </row>
    <row r="55348" spans="14:14">
      <c r="N55348" s="10"/>
    </row>
    <row r="55349" spans="14:14">
      <c r="N55349" s="10"/>
    </row>
    <row r="55350" spans="14:14">
      <c r="N55350" s="10"/>
    </row>
    <row r="55351" spans="14:14">
      <c r="N55351" s="10"/>
    </row>
    <row r="55352" spans="14:14">
      <c r="N55352" s="10"/>
    </row>
    <row r="55353" spans="14:14">
      <c r="N55353" s="10"/>
    </row>
    <row r="55354" spans="14:14">
      <c r="N55354" s="10"/>
    </row>
    <row r="55355" spans="14:14">
      <c r="N55355" s="10"/>
    </row>
    <row r="55356" spans="14:14">
      <c r="N55356" s="10"/>
    </row>
    <row r="55357" spans="14:14">
      <c r="N55357" s="10"/>
    </row>
    <row r="55358" spans="14:14">
      <c r="N55358" s="10"/>
    </row>
    <row r="55359" spans="14:14">
      <c r="N55359" s="10"/>
    </row>
    <row r="55360" spans="14:14">
      <c r="N55360" s="10"/>
    </row>
    <row r="55361" spans="14:14">
      <c r="N55361" s="10"/>
    </row>
    <row r="55362" spans="14:14">
      <c r="N55362" s="10"/>
    </row>
    <row r="55363" spans="14:14">
      <c r="N55363" s="10"/>
    </row>
    <row r="55364" spans="14:14">
      <c r="N55364" s="10"/>
    </row>
    <row r="55365" spans="14:14">
      <c r="N55365" s="10"/>
    </row>
    <row r="55366" spans="14:14">
      <c r="N55366" s="10"/>
    </row>
    <row r="55367" spans="14:14">
      <c r="N55367" s="10"/>
    </row>
    <row r="55368" spans="14:14">
      <c r="N55368" s="10"/>
    </row>
    <row r="55369" spans="14:14">
      <c r="N55369" s="10"/>
    </row>
    <row r="55370" spans="14:14">
      <c r="N55370" s="10"/>
    </row>
    <row r="55371" spans="14:14">
      <c r="N55371" s="10"/>
    </row>
    <row r="55372" spans="14:14">
      <c r="N55372" s="10"/>
    </row>
    <row r="55373" spans="14:14">
      <c r="N55373" s="10"/>
    </row>
    <row r="55374" spans="14:14">
      <c r="N55374" s="10"/>
    </row>
    <row r="55375" spans="14:14">
      <c r="N55375" s="10"/>
    </row>
    <row r="55376" spans="14:14">
      <c r="N55376" s="10"/>
    </row>
    <row r="55377" spans="14:14">
      <c r="N55377" s="10"/>
    </row>
    <row r="55378" spans="14:14">
      <c r="N55378" s="10"/>
    </row>
    <row r="55379" spans="14:14">
      <c r="N55379" s="10"/>
    </row>
    <row r="55380" spans="14:14">
      <c r="N55380" s="10"/>
    </row>
    <row r="55381" spans="14:14">
      <c r="N55381" s="10"/>
    </row>
    <row r="55382" spans="14:14">
      <c r="N55382" s="10"/>
    </row>
    <row r="55383" spans="14:14">
      <c r="N55383" s="10"/>
    </row>
    <row r="55384" spans="14:14">
      <c r="N55384" s="10"/>
    </row>
    <row r="55385" spans="14:14">
      <c r="N55385" s="10"/>
    </row>
    <row r="55386" spans="14:14">
      <c r="N55386" s="10"/>
    </row>
    <row r="55387" spans="14:14">
      <c r="N55387" s="10"/>
    </row>
    <row r="55388" spans="14:14">
      <c r="N55388" s="10"/>
    </row>
    <row r="55389" spans="14:14">
      <c r="N55389" s="10"/>
    </row>
    <row r="55390" spans="14:14">
      <c r="N55390" s="10"/>
    </row>
    <row r="55391" spans="14:14">
      <c r="N55391" s="10"/>
    </row>
    <row r="55392" spans="14:14">
      <c r="N55392" s="10"/>
    </row>
    <row r="55393" spans="14:14">
      <c r="N55393" s="10"/>
    </row>
    <row r="55394" spans="14:14">
      <c r="N55394" s="10"/>
    </row>
    <row r="55395" spans="14:14">
      <c r="N55395" s="10"/>
    </row>
    <row r="55396" spans="14:14">
      <c r="N55396" s="10"/>
    </row>
    <row r="55397" spans="14:14">
      <c r="N55397" s="10"/>
    </row>
    <row r="55398" spans="14:14">
      <c r="N55398" s="10"/>
    </row>
    <row r="55399" spans="14:14">
      <c r="N55399" s="10"/>
    </row>
    <row r="55400" spans="14:14">
      <c r="N55400" s="10"/>
    </row>
    <row r="55401" spans="14:14">
      <c r="N55401" s="10"/>
    </row>
    <row r="55402" spans="14:14">
      <c r="N55402" s="10"/>
    </row>
    <row r="55403" spans="14:14">
      <c r="N55403" s="10"/>
    </row>
    <row r="55404" spans="14:14">
      <c r="N55404" s="10"/>
    </row>
    <row r="55405" spans="14:14">
      <c r="N55405" s="10"/>
    </row>
    <row r="55406" spans="14:14">
      <c r="N55406" s="10"/>
    </row>
    <row r="55407" spans="14:14">
      <c r="N55407" s="10"/>
    </row>
    <row r="55408" spans="14:14">
      <c r="N55408" s="10"/>
    </row>
    <row r="55409" spans="14:14">
      <c r="N55409" s="10"/>
    </row>
    <row r="55410" spans="14:14">
      <c r="N55410" s="10"/>
    </row>
    <row r="55411" spans="14:14">
      <c r="N55411" s="10"/>
    </row>
    <row r="55412" spans="14:14">
      <c r="N55412" s="10"/>
    </row>
    <row r="55413" spans="14:14">
      <c r="N55413" s="10"/>
    </row>
    <row r="55414" spans="14:14">
      <c r="N55414" s="10"/>
    </row>
    <row r="55415" spans="14:14">
      <c r="N55415" s="10"/>
    </row>
    <row r="55416" spans="14:14">
      <c r="N55416" s="10"/>
    </row>
    <row r="55417" spans="14:14">
      <c r="N55417" s="10"/>
    </row>
    <row r="55418" spans="14:14">
      <c r="N55418" s="10"/>
    </row>
    <row r="55419" spans="14:14">
      <c r="N55419" s="10"/>
    </row>
    <row r="55420" spans="14:14">
      <c r="N55420" s="10"/>
    </row>
    <row r="55421" spans="14:14">
      <c r="N55421" s="10"/>
    </row>
    <row r="55422" spans="14:14">
      <c r="N55422" s="10"/>
    </row>
    <row r="55423" spans="14:14">
      <c r="N55423" s="10"/>
    </row>
    <row r="55424" spans="14:14">
      <c r="N55424" s="10"/>
    </row>
    <row r="55425" spans="14:14">
      <c r="N55425" s="10"/>
    </row>
    <row r="55426" spans="14:14">
      <c r="N55426" s="10"/>
    </row>
    <row r="55427" spans="14:14">
      <c r="N55427" s="10"/>
    </row>
    <row r="55428" spans="14:14">
      <c r="N55428" s="10"/>
    </row>
    <row r="55429" spans="14:14">
      <c r="N55429" s="10"/>
    </row>
    <row r="55430" spans="14:14">
      <c r="N55430" s="10"/>
    </row>
    <row r="55431" spans="14:14">
      <c r="N55431" s="10"/>
    </row>
    <row r="55432" spans="14:14">
      <c r="N55432" s="10"/>
    </row>
    <row r="55433" spans="14:14">
      <c r="N55433" s="10"/>
    </row>
    <row r="55434" spans="14:14">
      <c r="N55434" s="10"/>
    </row>
    <row r="55435" spans="14:14">
      <c r="N55435" s="10"/>
    </row>
    <row r="55436" spans="14:14">
      <c r="N55436" s="10"/>
    </row>
    <row r="55437" spans="14:14">
      <c r="N55437" s="10"/>
    </row>
    <row r="55438" spans="14:14">
      <c r="N55438" s="10"/>
    </row>
    <row r="55439" spans="14:14">
      <c r="N55439" s="10"/>
    </row>
    <row r="55440" spans="14:14">
      <c r="N55440" s="10"/>
    </row>
    <row r="55441" spans="14:14">
      <c r="N55441" s="10"/>
    </row>
    <row r="55442" spans="14:14">
      <c r="N55442" s="10"/>
    </row>
    <row r="55443" spans="14:14">
      <c r="N55443" s="10"/>
    </row>
    <row r="55444" spans="14:14">
      <c r="N55444" s="10"/>
    </row>
    <row r="55445" spans="14:14">
      <c r="N55445" s="10"/>
    </row>
    <row r="55446" spans="14:14">
      <c r="N55446" s="10"/>
    </row>
    <row r="55447" spans="14:14">
      <c r="N55447" s="10"/>
    </row>
    <row r="55448" spans="14:14">
      <c r="N55448" s="10"/>
    </row>
    <row r="55449" spans="14:14">
      <c r="N55449" s="10"/>
    </row>
    <row r="55450" spans="14:14">
      <c r="N55450" s="10"/>
    </row>
    <row r="55451" spans="14:14">
      <c r="N55451" s="10"/>
    </row>
    <row r="55452" spans="14:14">
      <c r="N55452" s="10"/>
    </row>
    <row r="55453" spans="14:14">
      <c r="N55453" s="10"/>
    </row>
    <row r="55454" spans="14:14">
      <c r="N55454" s="10"/>
    </row>
    <row r="55455" spans="14:14">
      <c r="N55455" s="10"/>
    </row>
    <row r="55456" spans="14:14">
      <c r="N55456" s="10"/>
    </row>
    <row r="55457" spans="14:14">
      <c r="N55457" s="10"/>
    </row>
    <row r="55458" spans="14:14">
      <c r="N55458" s="10"/>
    </row>
    <row r="55459" spans="14:14">
      <c r="N55459" s="10"/>
    </row>
    <row r="55460" spans="14:14">
      <c r="N55460" s="10"/>
    </row>
    <row r="55461" spans="14:14">
      <c r="N55461" s="10"/>
    </row>
    <row r="55462" spans="14:14">
      <c r="N55462" s="10"/>
    </row>
    <row r="55463" spans="14:14">
      <c r="N55463" s="10"/>
    </row>
    <row r="55464" spans="14:14">
      <c r="N55464" s="10"/>
    </row>
    <row r="55465" spans="14:14">
      <c r="N55465" s="10"/>
    </row>
    <row r="55466" spans="14:14">
      <c r="N55466" s="10"/>
    </row>
    <row r="55467" spans="14:14">
      <c r="N55467" s="10"/>
    </row>
    <row r="55468" spans="14:14">
      <c r="N55468" s="10"/>
    </row>
    <row r="55469" spans="14:14">
      <c r="N55469" s="10"/>
    </row>
    <row r="55470" spans="14:14">
      <c r="N55470" s="10"/>
    </row>
    <row r="55471" spans="14:14">
      <c r="N55471" s="10"/>
    </row>
    <row r="55472" spans="14:14">
      <c r="N55472" s="10"/>
    </row>
    <row r="55473" spans="14:14">
      <c r="N55473" s="10"/>
    </row>
    <row r="55474" spans="14:14">
      <c r="N55474" s="10"/>
    </row>
    <row r="55475" spans="14:14">
      <c r="N55475" s="10"/>
    </row>
    <row r="55476" spans="14:14">
      <c r="N55476" s="10"/>
    </row>
    <row r="55477" spans="14:14">
      <c r="N55477" s="10"/>
    </row>
    <row r="55478" spans="14:14">
      <c r="N55478" s="10"/>
    </row>
    <row r="55479" spans="14:14">
      <c r="N55479" s="10"/>
    </row>
    <row r="55480" spans="14:14">
      <c r="N55480" s="10"/>
    </row>
    <row r="55481" spans="14:14">
      <c r="N55481" s="10"/>
    </row>
    <row r="55482" spans="14:14">
      <c r="N55482" s="10"/>
    </row>
    <row r="55483" spans="14:14">
      <c r="N55483" s="10"/>
    </row>
    <row r="55484" spans="14:14">
      <c r="N55484" s="10"/>
    </row>
    <row r="55485" spans="14:14">
      <c r="N55485" s="10"/>
    </row>
    <row r="55486" spans="14:14">
      <c r="N55486" s="10"/>
    </row>
    <row r="55487" spans="14:14">
      <c r="N55487" s="10"/>
    </row>
    <row r="55488" spans="14:14">
      <c r="N55488" s="10"/>
    </row>
    <row r="55489" spans="14:14">
      <c r="N55489" s="10"/>
    </row>
    <row r="55490" spans="14:14">
      <c r="N55490" s="10"/>
    </row>
    <row r="55491" spans="14:14">
      <c r="N55491" s="10"/>
    </row>
    <row r="55492" spans="14:14">
      <c r="N55492" s="10"/>
    </row>
    <row r="55493" spans="14:14">
      <c r="N55493" s="10"/>
    </row>
    <row r="55494" spans="14:14">
      <c r="N55494" s="10"/>
    </row>
    <row r="55495" spans="14:14">
      <c r="N55495" s="10"/>
    </row>
    <row r="55496" spans="14:14">
      <c r="N55496" s="10"/>
    </row>
    <row r="55497" spans="14:14">
      <c r="N55497" s="10"/>
    </row>
    <row r="55498" spans="14:14">
      <c r="N55498" s="10"/>
    </row>
    <row r="55499" spans="14:14">
      <c r="N55499" s="10"/>
    </row>
    <row r="55500" spans="14:14">
      <c r="N55500" s="10"/>
    </row>
    <row r="55501" spans="14:14">
      <c r="N55501" s="10"/>
    </row>
    <row r="55502" spans="14:14">
      <c r="N55502" s="10"/>
    </row>
    <row r="55503" spans="14:14">
      <c r="N55503" s="10"/>
    </row>
    <row r="55504" spans="14:14">
      <c r="N55504" s="10"/>
    </row>
    <row r="55505" spans="14:14">
      <c r="N55505" s="10"/>
    </row>
    <row r="55506" spans="14:14">
      <c r="N55506" s="10"/>
    </row>
    <row r="55507" spans="14:14">
      <c r="N55507" s="10"/>
    </row>
    <row r="55508" spans="14:14">
      <c r="N55508" s="10"/>
    </row>
    <row r="55509" spans="14:14">
      <c r="N55509" s="10"/>
    </row>
    <row r="55510" spans="14:14">
      <c r="N55510" s="10"/>
    </row>
    <row r="55511" spans="14:14">
      <c r="N55511" s="10"/>
    </row>
    <row r="55512" spans="14:14">
      <c r="N55512" s="10"/>
    </row>
    <row r="55513" spans="14:14">
      <c r="N55513" s="10"/>
    </row>
    <row r="55514" spans="14:14">
      <c r="N55514" s="10"/>
    </row>
    <row r="55515" spans="14:14">
      <c r="N55515" s="10"/>
    </row>
    <row r="55516" spans="14:14">
      <c r="N55516" s="10"/>
    </row>
    <row r="55517" spans="14:14">
      <c r="N55517" s="10"/>
    </row>
    <row r="55518" spans="14:14">
      <c r="N55518" s="10"/>
    </row>
    <row r="55519" spans="14:14">
      <c r="N55519" s="10"/>
    </row>
    <row r="55520" spans="14:14">
      <c r="N55520" s="10"/>
    </row>
    <row r="55521" spans="14:14">
      <c r="N55521" s="10"/>
    </row>
    <row r="55522" spans="14:14">
      <c r="N55522" s="10"/>
    </row>
    <row r="55523" spans="14:14">
      <c r="N55523" s="10"/>
    </row>
    <row r="55524" spans="14:14">
      <c r="N55524" s="10"/>
    </row>
    <row r="55525" spans="14:14">
      <c r="N55525" s="10"/>
    </row>
    <row r="55526" spans="14:14">
      <c r="N55526" s="10"/>
    </row>
    <row r="55527" spans="14:14">
      <c r="N55527" s="10"/>
    </row>
    <row r="55528" spans="14:14">
      <c r="N55528" s="10"/>
    </row>
    <row r="55529" spans="14:14">
      <c r="N55529" s="10"/>
    </row>
    <row r="55530" spans="14:14">
      <c r="N55530" s="10"/>
    </row>
    <row r="55531" spans="14:14">
      <c r="N55531" s="10"/>
    </row>
    <row r="55532" spans="14:14">
      <c r="N55532" s="10"/>
    </row>
    <row r="55533" spans="14:14">
      <c r="N55533" s="10"/>
    </row>
    <row r="55534" spans="14:14">
      <c r="N55534" s="10"/>
    </row>
    <row r="55535" spans="14:14">
      <c r="N55535" s="10"/>
    </row>
    <row r="55536" spans="14:14">
      <c r="N55536" s="10"/>
    </row>
    <row r="55537" spans="14:14">
      <c r="N55537" s="10"/>
    </row>
    <row r="55538" spans="14:14">
      <c r="N55538" s="10"/>
    </row>
    <row r="55539" spans="14:14">
      <c r="N55539" s="10"/>
    </row>
    <row r="55540" spans="14:14">
      <c r="N55540" s="10"/>
    </row>
    <row r="55541" spans="14:14">
      <c r="N55541" s="10"/>
    </row>
    <row r="55542" spans="14:14">
      <c r="N55542" s="10"/>
    </row>
    <row r="55543" spans="14:14">
      <c r="N55543" s="10"/>
    </row>
    <row r="55544" spans="14:14">
      <c r="N55544" s="10"/>
    </row>
    <row r="55545" spans="14:14">
      <c r="N55545" s="10"/>
    </row>
    <row r="55546" spans="14:14">
      <c r="N55546" s="10"/>
    </row>
    <row r="55547" spans="14:14">
      <c r="N55547" s="10"/>
    </row>
    <row r="55548" spans="14:14">
      <c r="N55548" s="10"/>
    </row>
    <row r="55549" spans="14:14">
      <c r="N55549" s="10"/>
    </row>
    <row r="55550" spans="14:14">
      <c r="N55550" s="10"/>
    </row>
    <row r="55551" spans="14:14">
      <c r="N55551" s="10"/>
    </row>
    <row r="55552" spans="14:14">
      <c r="N55552" s="10"/>
    </row>
    <row r="55553" spans="14:14">
      <c r="N55553" s="10"/>
    </row>
    <row r="55554" spans="14:14">
      <c r="N55554" s="10"/>
    </row>
    <row r="55555" spans="14:14">
      <c r="N55555" s="10"/>
    </row>
    <row r="55556" spans="14:14">
      <c r="N55556" s="10"/>
    </row>
    <row r="55557" spans="14:14">
      <c r="N55557" s="10"/>
    </row>
    <row r="55558" spans="14:14">
      <c r="N55558" s="10"/>
    </row>
    <row r="55559" spans="14:14">
      <c r="N55559" s="10"/>
    </row>
    <row r="55560" spans="14:14">
      <c r="N55560" s="10"/>
    </row>
    <row r="55561" spans="14:14">
      <c r="N55561" s="10"/>
    </row>
    <row r="55562" spans="14:14">
      <c r="N55562" s="10"/>
    </row>
    <row r="55563" spans="14:14">
      <c r="N55563" s="10"/>
    </row>
    <row r="55564" spans="14:14">
      <c r="N55564" s="10"/>
    </row>
    <row r="55565" spans="14:14">
      <c r="N55565" s="10"/>
    </row>
    <row r="55566" spans="14:14">
      <c r="N55566" s="10"/>
    </row>
    <row r="55567" spans="14:14">
      <c r="N55567" s="10"/>
    </row>
    <row r="55568" spans="14:14">
      <c r="N55568" s="10"/>
    </row>
    <row r="55569" spans="14:14">
      <c r="N55569" s="10"/>
    </row>
    <row r="55570" spans="14:14">
      <c r="N55570" s="10"/>
    </row>
    <row r="55571" spans="14:14">
      <c r="N55571" s="10"/>
    </row>
    <row r="55572" spans="14:14">
      <c r="N55572" s="10"/>
    </row>
    <row r="55573" spans="14:14">
      <c r="N55573" s="10"/>
    </row>
    <row r="55574" spans="14:14">
      <c r="N55574" s="10"/>
    </row>
    <row r="55575" spans="14:14">
      <c r="N55575" s="10"/>
    </row>
    <row r="55576" spans="14:14">
      <c r="N55576" s="10"/>
    </row>
    <row r="55577" spans="14:14">
      <c r="N55577" s="10"/>
    </row>
    <row r="55578" spans="14:14">
      <c r="N55578" s="10"/>
    </row>
    <row r="55579" spans="14:14">
      <c r="N55579" s="10"/>
    </row>
    <row r="55580" spans="14:14">
      <c r="N55580" s="10"/>
    </row>
    <row r="55581" spans="14:14">
      <c r="N55581" s="10"/>
    </row>
    <row r="55582" spans="14:14">
      <c r="N55582" s="10"/>
    </row>
    <row r="55583" spans="14:14">
      <c r="N55583" s="10"/>
    </row>
    <row r="55584" spans="14:14">
      <c r="N55584" s="10"/>
    </row>
    <row r="55585" spans="14:14">
      <c r="N55585" s="10"/>
    </row>
    <row r="55586" spans="14:14">
      <c r="N55586" s="10"/>
    </row>
    <row r="55587" spans="14:14">
      <c r="N55587" s="10"/>
    </row>
    <row r="55588" spans="14:14">
      <c r="N55588" s="10"/>
    </row>
    <row r="55589" spans="14:14">
      <c r="N55589" s="10"/>
    </row>
    <row r="55590" spans="14:14">
      <c r="N55590" s="10"/>
    </row>
    <row r="55591" spans="14:14">
      <c r="N55591" s="10"/>
    </row>
    <row r="55592" spans="14:14">
      <c r="N55592" s="10"/>
    </row>
    <row r="55593" spans="14:14">
      <c r="N55593" s="10"/>
    </row>
    <row r="55594" spans="14:14">
      <c r="N55594" s="10"/>
    </row>
    <row r="55595" spans="14:14">
      <c r="N55595" s="10"/>
    </row>
    <row r="55596" spans="14:14">
      <c r="N55596" s="10"/>
    </row>
    <row r="55597" spans="14:14">
      <c r="N55597" s="10"/>
    </row>
    <row r="55598" spans="14:14">
      <c r="N55598" s="10"/>
    </row>
    <row r="55599" spans="14:14">
      <c r="N55599" s="10"/>
    </row>
    <row r="55600" spans="14:14">
      <c r="N55600" s="10"/>
    </row>
    <row r="55601" spans="14:14">
      <c r="N55601" s="10"/>
    </row>
    <row r="55602" spans="14:14">
      <c r="N55602" s="10"/>
    </row>
    <row r="55603" spans="14:14">
      <c r="N55603" s="10"/>
    </row>
    <row r="55604" spans="14:14">
      <c r="N55604" s="10"/>
    </row>
    <row r="55605" spans="14:14">
      <c r="N55605" s="10"/>
    </row>
    <row r="55606" spans="14:14">
      <c r="N55606" s="10"/>
    </row>
    <row r="55607" spans="14:14">
      <c r="N55607" s="10"/>
    </row>
    <row r="55608" spans="14:14">
      <c r="N55608" s="10"/>
    </row>
    <row r="55609" spans="14:14">
      <c r="N55609" s="10"/>
    </row>
    <row r="55610" spans="14:14">
      <c r="N55610" s="10"/>
    </row>
    <row r="55611" spans="14:14">
      <c r="N55611" s="10"/>
    </row>
    <row r="55612" spans="14:14">
      <c r="N55612" s="10"/>
    </row>
    <row r="55613" spans="14:14">
      <c r="N55613" s="10"/>
    </row>
    <row r="55614" spans="14:14">
      <c r="N55614" s="10"/>
    </row>
    <row r="55615" spans="14:14">
      <c r="N55615" s="10"/>
    </row>
    <row r="55616" spans="14:14">
      <c r="N55616" s="10"/>
    </row>
    <row r="55617" spans="14:14">
      <c r="N55617" s="10"/>
    </row>
    <row r="55618" spans="14:14">
      <c r="N55618" s="10"/>
    </row>
    <row r="55619" spans="14:14">
      <c r="N55619" s="10"/>
    </row>
    <row r="55620" spans="14:14">
      <c r="N55620" s="10"/>
    </row>
    <row r="55621" spans="14:14">
      <c r="N55621" s="10"/>
    </row>
    <row r="55622" spans="14:14">
      <c r="N55622" s="10"/>
    </row>
    <row r="55623" spans="14:14">
      <c r="N55623" s="10"/>
    </row>
    <row r="55624" spans="14:14">
      <c r="N55624" s="10"/>
    </row>
    <row r="55625" spans="14:14">
      <c r="N55625" s="10"/>
    </row>
    <row r="55626" spans="14:14">
      <c r="N55626" s="10"/>
    </row>
    <row r="55627" spans="14:14">
      <c r="N55627" s="10"/>
    </row>
    <row r="55628" spans="14:14">
      <c r="N55628" s="10"/>
    </row>
    <row r="55629" spans="14:14">
      <c r="N55629" s="10"/>
    </row>
    <row r="55630" spans="14:14">
      <c r="N55630" s="10"/>
    </row>
    <row r="55631" spans="14:14">
      <c r="N55631" s="10"/>
    </row>
    <row r="55632" spans="14:14">
      <c r="N55632" s="10"/>
    </row>
    <row r="55633" spans="14:14">
      <c r="N55633" s="10"/>
    </row>
    <row r="55634" spans="14:14">
      <c r="N55634" s="10"/>
    </row>
    <row r="55635" spans="14:14">
      <c r="N55635" s="10"/>
    </row>
    <row r="55636" spans="14:14">
      <c r="N55636" s="10"/>
    </row>
    <row r="55637" spans="14:14">
      <c r="N55637" s="10"/>
    </row>
    <row r="55638" spans="14:14">
      <c r="N55638" s="10"/>
    </row>
    <row r="55639" spans="14:14">
      <c r="N55639" s="10"/>
    </row>
    <row r="55640" spans="14:14">
      <c r="N55640" s="10"/>
    </row>
    <row r="55641" spans="14:14">
      <c r="N55641" s="10"/>
    </row>
    <row r="55642" spans="14:14">
      <c r="N55642" s="10"/>
    </row>
    <row r="55643" spans="14:14">
      <c r="N55643" s="10"/>
    </row>
    <row r="55644" spans="14:14">
      <c r="N55644" s="10"/>
    </row>
    <row r="55645" spans="14:14">
      <c r="N55645" s="10"/>
    </row>
    <row r="55646" spans="14:14">
      <c r="N55646" s="10"/>
    </row>
    <row r="55647" spans="14:14">
      <c r="N55647" s="10"/>
    </row>
    <row r="55648" spans="14:14">
      <c r="N55648" s="10"/>
    </row>
    <row r="55649" spans="14:14">
      <c r="N55649" s="10"/>
    </row>
    <row r="55650" spans="14:14">
      <c r="N55650" s="10"/>
    </row>
    <row r="55651" spans="14:14">
      <c r="N55651" s="10"/>
    </row>
    <row r="55652" spans="14:14">
      <c r="N55652" s="10"/>
    </row>
    <row r="55653" spans="14:14">
      <c r="N55653" s="10"/>
    </row>
    <row r="55654" spans="14:14">
      <c r="N55654" s="10"/>
    </row>
    <row r="55655" spans="14:14">
      <c r="N55655" s="10"/>
    </row>
    <row r="55656" spans="14:14">
      <c r="N55656" s="10"/>
    </row>
    <row r="55657" spans="14:14">
      <c r="N55657" s="10"/>
    </row>
    <row r="55658" spans="14:14">
      <c r="N55658" s="10"/>
    </row>
    <row r="55659" spans="14:14">
      <c r="N55659" s="10"/>
    </row>
    <row r="55660" spans="14:14">
      <c r="N55660" s="10"/>
    </row>
    <row r="55661" spans="14:14">
      <c r="N55661" s="10"/>
    </row>
    <row r="55662" spans="14:14">
      <c r="N55662" s="10"/>
    </row>
    <row r="55663" spans="14:14">
      <c r="N55663" s="10"/>
    </row>
    <row r="55664" spans="14:14">
      <c r="N55664" s="10"/>
    </row>
    <row r="55665" spans="14:14">
      <c r="N55665" s="10"/>
    </row>
    <row r="55666" spans="14:14">
      <c r="N55666" s="10"/>
    </row>
    <row r="55667" spans="14:14">
      <c r="N55667" s="10"/>
    </row>
    <row r="55668" spans="14:14">
      <c r="N55668" s="10"/>
    </row>
    <row r="55669" spans="14:14">
      <c r="N55669" s="10"/>
    </row>
    <row r="55670" spans="14:14">
      <c r="N55670" s="10"/>
    </row>
    <row r="55671" spans="14:14">
      <c r="N55671" s="10"/>
    </row>
    <row r="55672" spans="14:14">
      <c r="N55672" s="10"/>
    </row>
    <row r="55673" spans="14:14">
      <c r="N55673" s="10"/>
    </row>
    <row r="55674" spans="14:14">
      <c r="N55674" s="10"/>
    </row>
    <row r="55675" spans="14:14">
      <c r="N55675" s="10"/>
    </row>
    <row r="55676" spans="14:14">
      <c r="N55676" s="10"/>
    </row>
    <row r="55677" spans="14:14">
      <c r="N55677" s="10"/>
    </row>
    <row r="55678" spans="14:14">
      <c r="N55678" s="10"/>
    </row>
    <row r="55679" spans="14:14">
      <c r="N55679" s="10"/>
    </row>
    <row r="55680" spans="14:14">
      <c r="N55680" s="10"/>
    </row>
    <row r="55681" spans="14:14">
      <c r="N55681" s="10"/>
    </row>
    <row r="55682" spans="14:14">
      <c r="N55682" s="10"/>
    </row>
    <row r="55683" spans="14:14">
      <c r="N55683" s="10"/>
    </row>
    <row r="55684" spans="14:14">
      <c r="N55684" s="10"/>
    </row>
    <row r="55685" spans="14:14">
      <c r="N55685" s="10"/>
    </row>
    <row r="55686" spans="14:14">
      <c r="N55686" s="10"/>
    </row>
    <row r="55687" spans="14:14">
      <c r="N55687" s="10"/>
    </row>
    <row r="55688" spans="14:14">
      <c r="N55688" s="10"/>
    </row>
    <row r="55689" spans="14:14">
      <c r="N55689" s="10"/>
    </row>
    <row r="55690" spans="14:14">
      <c r="N55690" s="10"/>
    </row>
    <row r="55691" spans="14:14">
      <c r="N55691" s="10"/>
    </row>
    <row r="55692" spans="14:14">
      <c r="N55692" s="10"/>
    </row>
    <row r="55693" spans="14:14">
      <c r="N55693" s="10"/>
    </row>
    <row r="55694" spans="14:14">
      <c r="N55694" s="10"/>
    </row>
    <row r="55695" spans="14:14">
      <c r="N55695" s="10"/>
    </row>
    <row r="55696" spans="14:14">
      <c r="N55696" s="10"/>
    </row>
    <row r="55697" spans="14:14">
      <c r="N55697" s="10"/>
    </row>
    <row r="55698" spans="14:14">
      <c r="N55698" s="10"/>
    </row>
    <row r="55699" spans="14:14">
      <c r="N55699" s="10"/>
    </row>
    <row r="55700" spans="14:14">
      <c r="N55700" s="10"/>
    </row>
    <row r="55701" spans="14:14">
      <c r="N55701" s="10"/>
    </row>
    <row r="55702" spans="14:14">
      <c r="N55702" s="10"/>
    </row>
    <row r="55703" spans="14:14">
      <c r="N55703" s="10"/>
    </row>
    <row r="55704" spans="14:14">
      <c r="N55704" s="10"/>
    </row>
    <row r="55705" spans="14:14">
      <c r="N55705" s="10"/>
    </row>
    <row r="55706" spans="14:14">
      <c r="N55706" s="10"/>
    </row>
    <row r="55707" spans="14:14">
      <c r="N55707" s="10"/>
    </row>
    <row r="55708" spans="14:14">
      <c r="N55708" s="10"/>
    </row>
    <row r="55709" spans="14:14">
      <c r="N55709" s="10"/>
    </row>
    <row r="55710" spans="14:14">
      <c r="N55710" s="10"/>
    </row>
    <row r="55711" spans="14:14">
      <c r="N55711" s="10"/>
    </row>
    <row r="55712" spans="14:14">
      <c r="N55712" s="10"/>
    </row>
    <row r="55713" spans="14:14">
      <c r="N55713" s="10"/>
    </row>
    <row r="55714" spans="14:14">
      <c r="N55714" s="10"/>
    </row>
    <row r="55715" spans="14:14">
      <c r="N55715" s="10"/>
    </row>
    <row r="55716" spans="14:14">
      <c r="N55716" s="10"/>
    </row>
    <row r="55717" spans="14:14">
      <c r="N55717" s="10"/>
    </row>
    <row r="55718" spans="14:14">
      <c r="N55718" s="10"/>
    </row>
    <row r="55719" spans="14:14">
      <c r="N55719" s="10"/>
    </row>
    <row r="55720" spans="14:14">
      <c r="N55720" s="10"/>
    </row>
    <row r="55721" spans="14:14">
      <c r="N55721" s="10"/>
    </row>
    <row r="55722" spans="14:14">
      <c r="N55722" s="10"/>
    </row>
    <row r="55723" spans="14:14">
      <c r="N55723" s="10"/>
    </row>
    <row r="55724" spans="14:14">
      <c r="N55724" s="10"/>
    </row>
    <row r="55725" spans="14:14">
      <c r="N55725" s="10"/>
    </row>
    <row r="55726" spans="14:14">
      <c r="N55726" s="10"/>
    </row>
    <row r="55727" spans="14:14">
      <c r="N55727" s="10"/>
    </row>
    <row r="55728" spans="14:14">
      <c r="N55728" s="10"/>
    </row>
    <row r="55729" spans="14:14">
      <c r="N55729" s="10"/>
    </row>
    <row r="55730" spans="14:14">
      <c r="N55730" s="10"/>
    </row>
    <row r="55731" spans="14:14">
      <c r="N55731" s="10"/>
    </row>
    <row r="55732" spans="14:14">
      <c r="N55732" s="10"/>
    </row>
    <row r="55733" spans="14:14">
      <c r="N55733" s="10"/>
    </row>
    <row r="55734" spans="14:14">
      <c r="N55734" s="10"/>
    </row>
    <row r="55735" spans="14:14">
      <c r="N55735" s="10"/>
    </row>
    <row r="55736" spans="14:14">
      <c r="N55736" s="10"/>
    </row>
    <row r="55737" spans="14:14">
      <c r="N55737" s="10"/>
    </row>
    <row r="55738" spans="14:14">
      <c r="N55738" s="10"/>
    </row>
    <row r="55739" spans="14:14">
      <c r="N55739" s="10"/>
    </row>
    <row r="55740" spans="14:14">
      <c r="N55740" s="10"/>
    </row>
    <row r="55741" spans="14:14">
      <c r="N55741" s="10"/>
    </row>
    <row r="55742" spans="14:14">
      <c r="N55742" s="10"/>
    </row>
    <row r="55743" spans="14:14">
      <c r="N55743" s="10"/>
    </row>
    <row r="55744" spans="14:14">
      <c r="N55744" s="10"/>
    </row>
    <row r="55745" spans="14:14">
      <c r="N55745" s="10"/>
    </row>
    <row r="55746" spans="14:14">
      <c r="N55746" s="10"/>
    </row>
    <row r="55747" spans="14:14">
      <c r="N55747" s="10"/>
    </row>
    <row r="55748" spans="14:14">
      <c r="N55748" s="10"/>
    </row>
    <row r="55749" spans="14:14">
      <c r="N55749" s="10"/>
    </row>
    <row r="55750" spans="14:14">
      <c r="N55750" s="10"/>
    </row>
    <row r="55751" spans="14:14">
      <c r="N55751" s="10"/>
    </row>
    <row r="55752" spans="14:14">
      <c r="N55752" s="10"/>
    </row>
    <row r="55753" spans="14:14">
      <c r="N55753" s="10"/>
    </row>
    <row r="55754" spans="14:14">
      <c r="N55754" s="10"/>
    </row>
    <row r="55755" spans="14:14">
      <c r="N55755" s="10"/>
    </row>
    <row r="55756" spans="14:14">
      <c r="N55756" s="10"/>
    </row>
    <row r="55757" spans="14:14">
      <c r="N55757" s="10"/>
    </row>
    <row r="55758" spans="14:14">
      <c r="N55758" s="10"/>
    </row>
    <row r="55759" spans="14:14">
      <c r="N55759" s="10"/>
    </row>
    <row r="55760" spans="14:14">
      <c r="N55760" s="10"/>
    </row>
    <row r="55761" spans="14:14">
      <c r="N55761" s="10"/>
    </row>
    <row r="55762" spans="14:14">
      <c r="N55762" s="10"/>
    </row>
    <row r="55763" spans="14:14">
      <c r="N55763" s="10"/>
    </row>
    <row r="55764" spans="14:14">
      <c r="N55764" s="10"/>
    </row>
    <row r="55765" spans="14:14">
      <c r="N55765" s="10"/>
    </row>
    <row r="55766" spans="14:14">
      <c r="N55766" s="10"/>
    </row>
    <row r="55767" spans="14:14">
      <c r="N55767" s="10"/>
    </row>
    <row r="55768" spans="14:14">
      <c r="N55768" s="10"/>
    </row>
    <row r="55769" spans="14:14">
      <c r="N55769" s="10"/>
    </row>
    <row r="55770" spans="14:14">
      <c r="N55770" s="10"/>
    </row>
    <row r="55771" spans="14:14">
      <c r="N55771" s="10"/>
    </row>
    <row r="55772" spans="14:14">
      <c r="N55772" s="10"/>
    </row>
    <row r="55773" spans="14:14">
      <c r="N55773" s="10"/>
    </row>
    <row r="55774" spans="14:14">
      <c r="N55774" s="10"/>
    </row>
    <row r="55775" spans="14:14">
      <c r="N55775" s="10"/>
    </row>
    <row r="55776" spans="14:14">
      <c r="N55776" s="10"/>
    </row>
    <row r="55777" spans="14:14">
      <c r="N55777" s="10"/>
    </row>
    <row r="55778" spans="14:14">
      <c r="N55778" s="10"/>
    </row>
    <row r="55779" spans="14:14">
      <c r="N55779" s="10"/>
    </row>
    <row r="55780" spans="14:14">
      <c r="N55780" s="10"/>
    </row>
    <row r="55781" spans="14:14">
      <c r="N55781" s="10"/>
    </row>
    <row r="55782" spans="14:14">
      <c r="N55782" s="10"/>
    </row>
    <row r="55783" spans="14:14">
      <c r="N55783" s="10"/>
    </row>
    <row r="55784" spans="14:14">
      <c r="N55784" s="10"/>
    </row>
    <row r="55785" spans="14:14">
      <c r="N55785" s="10"/>
    </row>
    <row r="55786" spans="14:14">
      <c r="N55786" s="10"/>
    </row>
    <row r="55787" spans="14:14">
      <c r="N55787" s="10"/>
    </row>
    <row r="55788" spans="14:14">
      <c r="N55788" s="10"/>
    </row>
    <row r="55789" spans="14:14">
      <c r="N55789" s="10"/>
    </row>
    <row r="55790" spans="14:14">
      <c r="N55790" s="10"/>
    </row>
    <row r="55791" spans="14:14">
      <c r="N55791" s="10"/>
    </row>
    <row r="55792" spans="14:14">
      <c r="N55792" s="10"/>
    </row>
    <row r="55793" spans="14:14">
      <c r="N55793" s="10"/>
    </row>
    <row r="55794" spans="14:14">
      <c r="N55794" s="10"/>
    </row>
    <row r="55795" spans="14:14">
      <c r="N55795" s="10"/>
    </row>
    <row r="55796" spans="14:14">
      <c r="N55796" s="10"/>
    </row>
    <row r="55797" spans="14:14">
      <c r="N55797" s="10"/>
    </row>
    <row r="55798" spans="14:14">
      <c r="N55798" s="10"/>
    </row>
    <row r="55799" spans="14:14">
      <c r="N55799" s="10"/>
    </row>
    <row r="55800" spans="14:14">
      <c r="N55800" s="10"/>
    </row>
    <row r="55801" spans="14:14">
      <c r="N55801" s="10"/>
    </row>
    <row r="55802" spans="14:14">
      <c r="N55802" s="10"/>
    </row>
    <row r="55803" spans="14:14">
      <c r="N55803" s="10"/>
    </row>
    <row r="55804" spans="14:14">
      <c r="N55804" s="10"/>
    </row>
    <row r="55805" spans="14:14">
      <c r="N55805" s="10"/>
    </row>
    <row r="55806" spans="14:14">
      <c r="N55806" s="10"/>
    </row>
    <row r="55807" spans="14:14">
      <c r="N55807" s="10"/>
    </row>
    <row r="55808" spans="14:14">
      <c r="N55808" s="10"/>
    </row>
    <row r="55809" spans="14:14">
      <c r="N55809" s="10"/>
    </row>
    <row r="55810" spans="14:14">
      <c r="N55810" s="10"/>
    </row>
    <row r="55811" spans="14:14">
      <c r="N55811" s="10"/>
    </row>
    <row r="55812" spans="14:14">
      <c r="N55812" s="10"/>
    </row>
    <row r="55813" spans="14:14">
      <c r="N55813" s="10"/>
    </row>
    <row r="55814" spans="14:14">
      <c r="N55814" s="10"/>
    </row>
    <row r="55815" spans="14:14">
      <c r="N55815" s="10"/>
    </row>
    <row r="55816" spans="14:14">
      <c r="N55816" s="10"/>
    </row>
    <row r="55817" spans="14:14">
      <c r="N55817" s="10"/>
    </row>
    <row r="55818" spans="14:14">
      <c r="N55818" s="10"/>
    </row>
    <row r="55819" spans="14:14">
      <c r="N55819" s="10"/>
    </row>
    <row r="55820" spans="14:14">
      <c r="N55820" s="10"/>
    </row>
    <row r="55821" spans="14:14">
      <c r="N55821" s="10"/>
    </row>
    <row r="55822" spans="14:14">
      <c r="N55822" s="10"/>
    </row>
    <row r="55823" spans="14:14">
      <c r="N55823" s="10"/>
    </row>
    <row r="55824" spans="14:14">
      <c r="N55824" s="10"/>
    </row>
    <row r="55825" spans="14:14">
      <c r="N55825" s="10"/>
    </row>
    <row r="55826" spans="14:14">
      <c r="N55826" s="10"/>
    </row>
    <row r="55827" spans="14:14">
      <c r="N55827" s="10"/>
    </row>
    <row r="55828" spans="14:14">
      <c r="N55828" s="10"/>
    </row>
    <row r="55829" spans="14:14">
      <c r="N55829" s="10"/>
    </row>
    <row r="55830" spans="14:14">
      <c r="N55830" s="10"/>
    </row>
    <row r="55831" spans="14:14">
      <c r="N55831" s="10"/>
    </row>
    <row r="55832" spans="14:14">
      <c r="N55832" s="10"/>
    </row>
    <row r="55833" spans="14:14">
      <c r="N55833" s="10"/>
    </row>
    <row r="55834" spans="14:14">
      <c r="N55834" s="10"/>
    </row>
    <row r="55835" spans="14:14">
      <c r="N55835" s="10"/>
    </row>
    <row r="55836" spans="14:14">
      <c r="N55836" s="10"/>
    </row>
    <row r="55837" spans="14:14">
      <c r="N55837" s="10"/>
    </row>
    <row r="55838" spans="14:14">
      <c r="N55838" s="10"/>
    </row>
    <row r="55839" spans="14:14">
      <c r="N55839" s="10"/>
    </row>
    <row r="55840" spans="14:14">
      <c r="N55840" s="10"/>
    </row>
    <row r="55841" spans="14:14">
      <c r="N55841" s="10"/>
    </row>
    <row r="55842" spans="14:14">
      <c r="N55842" s="10"/>
    </row>
    <row r="55843" spans="14:14">
      <c r="N55843" s="10"/>
    </row>
    <row r="55844" spans="14:14">
      <c r="N55844" s="10"/>
    </row>
    <row r="55845" spans="14:14">
      <c r="N55845" s="10"/>
    </row>
    <row r="55846" spans="14:14">
      <c r="N55846" s="10"/>
    </row>
    <row r="55847" spans="14:14">
      <c r="N55847" s="10"/>
    </row>
    <row r="55848" spans="14:14">
      <c r="N55848" s="10"/>
    </row>
    <row r="55849" spans="14:14">
      <c r="N55849" s="10"/>
    </row>
    <row r="55850" spans="14:14">
      <c r="N55850" s="10"/>
    </row>
    <row r="55851" spans="14:14">
      <c r="N55851" s="10"/>
    </row>
    <row r="55852" spans="14:14">
      <c r="N55852" s="10"/>
    </row>
    <row r="55853" spans="14:14">
      <c r="N55853" s="10"/>
    </row>
    <row r="55854" spans="14:14">
      <c r="N55854" s="10"/>
    </row>
    <row r="55855" spans="14:14">
      <c r="N55855" s="10"/>
    </row>
    <row r="55856" spans="14:14">
      <c r="N55856" s="10"/>
    </row>
    <row r="55857" spans="14:14">
      <c r="N55857" s="10"/>
    </row>
    <row r="55858" spans="14:14">
      <c r="N55858" s="10"/>
    </row>
    <row r="55859" spans="14:14">
      <c r="N55859" s="10"/>
    </row>
    <row r="55860" spans="14:14">
      <c r="N55860" s="10"/>
    </row>
    <row r="55861" spans="14:14">
      <c r="N55861" s="10"/>
    </row>
    <row r="55862" spans="14:14">
      <c r="N55862" s="10"/>
    </row>
    <row r="55863" spans="14:14">
      <c r="N55863" s="10"/>
    </row>
    <row r="55864" spans="14:14">
      <c r="N55864" s="10"/>
    </row>
    <row r="55865" spans="14:14">
      <c r="N55865" s="10"/>
    </row>
    <row r="55866" spans="14:14">
      <c r="N55866" s="10"/>
    </row>
    <row r="55867" spans="14:14">
      <c r="N55867" s="10"/>
    </row>
    <row r="55868" spans="14:14">
      <c r="N55868" s="10"/>
    </row>
    <row r="55869" spans="14:14">
      <c r="N55869" s="10"/>
    </row>
    <row r="55870" spans="14:14">
      <c r="N55870" s="10"/>
    </row>
    <row r="55871" spans="14:14">
      <c r="N55871" s="10"/>
    </row>
    <row r="55872" spans="14:14">
      <c r="N55872" s="10"/>
    </row>
    <row r="55873" spans="14:14">
      <c r="N55873" s="10"/>
    </row>
    <row r="55874" spans="14:14">
      <c r="N55874" s="10"/>
    </row>
    <row r="55875" spans="14:14">
      <c r="N55875" s="10"/>
    </row>
    <row r="55876" spans="14:14">
      <c r="N55876" s="10"/>
    </row>
    <row r="55877" spans="14:14">
      <c r="N55877" s="10"/>
    </row>
    <row r="55878" spans="14:14">
      <c r="N55878" s="10"/>
    </row>
    <row r="55879" spans="14:14">
      <c r="N55879" s="10"/>
    </row>
    <row r="55880" spans="14:14">
      <c r="N55880" s="10"/>
    </row>
    <row r="55881" spans="14:14">
      <c r="N55881" s="10"/>
    </row>
    <row r="55882" spans="14:14">
      <c r="N55882" s="10"/>
    </row>
    <row r="55883" spans="14:14">
      <c r="N55883" s="10"/>
    </row>
    <row r="55884" spans="14:14">
      <c r="N55884" s="10"/>
    </row>
    <row r="55885" spans="14:14">
      <c r="N55885" s="10"/>
    </row>
    <row r="55886" spans="14:14">
      <c r="N55886" s="10"/>
    </row>
    <row r="55887" spans="14:14">
      <c r="N55887" s="10"/>
    </row>
    <row r="55888" spans="14:14">
      <c r="N55888" s="10"/>
    </row>
    <row r="55889" spans="14:14">
      <c r="N55889" s="10"/>
    </row>
    <row r="55890" spans="14:14">
      <c r="N55890" s="10"/>
    </row>
    <row r="55891" spans="14:14">
      <c r="N55891" s="10"/>
    </row>
    <row r="55892" spans="14:14">
      <c r="N55892" s="10"/>
    </row>
    <row r="55893" spans="14:14">
      <c r="N55893" s="10"/>
    </row>
    <row r="55894" spans="14:14">
      <c r="N55894" s="10"/>
    </row>
    <row r="55895" spans="14:14">
      <c r="N55895" s="10"/>
    </row>
    <row r="55896" spans="14:14">
      <c r="N55896" s="10"/>
    </row>
    <row r="55897" spans="14:14">
      <c r="N55897" s="10"/>
    </row>
    <row r="55898" spans="14:14">
      <c r="N55898" s="10"/>
    </row>
    <row r="55899" spans="14:14">
      <c r="N55899" s="10"/>
    </row>
    <row r="55900" spans="14:14">
      <c r="N55900" s="10"/>
    </row>
    <row r="55901" spans="14:14">
      <c r="N55901" s="10"/>
    </row>
    <row r="55902" spans="14:14">
      <c r="N55902" s="10"/>
    </row>
    <row r="55903" spans="14:14">
      <c r="N55903" s="10"/>
    </row>
    <row r="55904" spans="14:14">
      <c r="N55904" s="10"/>
    </row>
    <row r="55905" spans="14:14">
      <c r="N55905" s="10"/>
    </row>
    <row r="55906" spans="14:14">
      <c r="N55906" s="10"/>
    </row>
    <row r="55907" spans="14:14">
      <c r="N55907" s="10"/>
    </row>
    <row r="55908" spans="14:14">
      <c r="N55908" s="10"/>
    </row>
    <row r="55909" spans="14:14">
      <c r="N55909" s="10"/>
    </row>
    <row r="55910" spans="14:14">
      <c r="N55910" s="10"/>
    </row>
    <row r="55911" spans="14:14">
      <c r="N55911" s="10"/>
    </row>
    <row r="55912" spans="14:14">
      <c r="N55912" s="10"/>
    </row>
    <row r="55913" spans="14:14">
      <c r="N55913" s="10"/>
    </row>
    <row r="55914" spans="14:14">
      <c r="N55914" s="10"/>
    </row>
    <row r="55915" spans="14:14">
      <c r="N55915" s="10"/>
    </row>
    <row r="55916" spans="14:14">
      <c r="N55916" s="10"/>
    </row>
    <row r="55917" spans="14:14">
      <c r="N55917" s="10"/>
    </row>
    <row r="55918" spans="14:14">
      <c r="N55918" s="10"/>
    </row>
    <row r="55919" spans="14:14">
      <c r="N55919" s="10"/>
    </row>
    <row r="55920" spans="14:14">
      <c r="N55920" s="10"/>
    </row>
    <row r="55921" spans="14:14">
      <c r="N55921" s="10"/>
    </row>
    <row r="55922" spans="14:14">
      <c r="N55922" s="10"/>
    </row>
    <row r="55923" spans="14:14">
      <c r="N55923" s="10"/>
    </row>
    <row r="55924" spans="14:14">
      <c r="N55924" s="10"/>
    </row>
    <row r="55925" spans="14:14">
      <c r="N55925" s="10"/>
    </row>
    <row r="55926" spans="14:14">
      <c r="N55926" s="10"/>
    </row>
    <row r="55927" spans="14:14">
      <c r="N55927" s="10"/>
    </row>
    <row r="55928" spans="14:14">
      <c r="N55928" s="10"/>
    </row>
    <row r="55929" spans="14:14">
      <c r="N55929" s="10"/>
    </row>
    <row r="55930" spans="14:14">
      <c r="N55930" s="10"/>
    </row>
    <row r="55931" spans="14:14">
      <c r="N55931" s="10"/>
    </row>
    <row r="55932" spans="14:14">
      <c r="N55932" s="10"/>
    </row>
    <row r="55933" spans="14:14">
      <c r="N55933" s="10"/>
    </row>
    <row r="55934" spans="14:14">
      <c r="N55934" s="10"/>
    </row>
    <row r="55935" spans="14:14">
      <c r="N55935" s="10"/>
    </row>
    <row r="55936" spans="14:14">
      <c r="N55936" s="10"/>
    </row>
    <row r="55937" spans="14:14">
      <c r="N55937" s="10"/>
    </row>
    <row r="55938" spans="14:14">
      <c r="N55938" s="10"/>
    </row>
    <row r="55939" spans="14:14">
      <c r="N55939" s="10"/>
    </row>
    <row r="55940" spans="14:14">
      <c r="N55940" s="10"/>
    </row>
    <row r="55941" spans="14:14">
      <c r="N55941" s="10"/>
    </row>
    <row r="55942" spans="14:14">
      <c r="N55942" s="10"/>
    </row>
    <row r="55943" spans="14:14">
      <c r="N55943" s="10"/>
    </row>
    <row r="55944" spans="14:14">
      <c r="N55944" s="10"/>
    </row>
    <row r="55945" spans="14:14">
      <c r="N55945" s="10"/>
    </row>
    <row r="55946" spans="14:14">
      <c r="N55946" s="10"/>
    </row>
    <row r="55947" spans="14:14">
      <c r="N55947" s="10"/>
    </row>
    <row r="55948" spans="14:14">
      <c r="N55948" s="10"/>
    </row>
    <row r="55949" spans="14:14">
      <c r="N55949" s="10"/>
    </row>
    <row r="55950" spans="14:14">
      <c r="N55950" s="10"/>
    </row>
    <row r="55951" spans="14:14">
      <c r="N55951" s="10"/>
    </row>
    <row r="55952" spans="14:14">
      <c r="N55952" s="10"/>
    </row>
    <row r="55953" spans="14:14">
      <c r="N55953" s="10"/>
    </row>
    <row r="55954" spans="14:14">
      <c r="N55954" s="10"/>
    </row>
    <row r="55955" spans="14:14">
      <c r="N55955" s="10"/>
    </row>
    <row r="55956" spans="14:14">
      <c r="N55956" s="10"/>
    </row>
    <row r="55957" spans="14:14">
      <c r="N55957" s="10"/>
    </row>
    <row r="55958" spans="14:14">
      <c r="N55958" s="10"/>
    </row>
    <row r="55959" spans="14:14">
      <c r="N55959" s="10"/>
    </row>
    <row r="55960" spans="14:14">
      <c r="N55960" s="10"/>
    </row>
    <row r="55961" spans="14:14">
      <c r="N55961" s="10"/>
    </row>
    <row r="55962" spans="14:14">
      <c r="N55962" s="10"/>
    </row>
    <row r="55963" spans="14:14">
      <c r="N55963" s="10"/>
    </row>
    <row r="55964" spans="14:14">
      <c r="N55964" s="10"/>
    </row>
    <row r="55965" spans="14:14">
      <c r="N55965" s="10"/>
    </row>
    <row r="55966" spans="14:14">
      <c r="N55966" s="10"/>
    </row>
    <row r="55967" spans="14:14">
      <c r="N55967" s="10"/>
    </row>
    <row r="55968" spans="14:14">
      <c r="N55968" s="10"/>
    </row>
    <row r="55969" spans="14:14">
      <c r="N55969" s="10"/>
    </row>
    <row r="55970" spans="14:14">
      <c r="N55970" s="10"/>
    </row>
    <row r="55971" spans="14:14">
      <c r="N55971" s="10"/>
    </row>
    <row r="55972" spans="14:14">
      <c r="N55972" s="10"/>
    </row>
    <row r="55973" spans="14:14">
      <c r="N55973" s="10"/>
    </row>
    <row r="55974" spans="14:14">
      <c r="N55974" s="10"/>
    </row>
    <row r="55975" spans="14:14">
      <c r="N55975" s="10"/>
    </row>
    <row r="55976" spans="14:14">
      <c r="N55976" s="10"/>
    </row>
    <row r="55977" spans="14:14">
      <c r="N55977" s="10"/>
    </row>
    <row r="55978" spans="14:14">
      <c r="N55978" s="10"/>
    </row>
    <row r="55979" spans="14:14">
      <c r="N55979" s="10"/>
    </row>
    <row r="55980" spans="14:14">
      <c r="N55980" s="10"/>
    </row>
    <row r="55981" spans="14:14">
      <c r="N55981" s="10"/>
    </row>
    <row r="55982" spans="14:14">
      <c r="N55982" s="10"/>
    </row>
    <row r="55983" spans="14:14">
      <c r="N55983" s="10"/>
    </row>
    <row r="55984" spans="14:14">
      <c r="N55984" s="10"/>
    </row>
    <row r="55985" spans="14:14">
      <c r="N55985" s="10"/>
    </row>
    <row r="55986" spans="14:14">
      <c r="N55986" s="10"/>
    </row>
    <row r="55987" spans="14:14">
      <c r="N55987" s="10"/>
    </row>
    <row r="55988" spans="14:14">
      <c r="N55988" s="10"/>
    </row>
    <row r="55989" spans="14:14">
      <c r="N55989" s="10"/>
    </row>
    <row r="55990" spans="14:14">
      <c r="N55990" s="10"/>
    </row>
    <row r="55991" spans="14:14">
      <c r="N55991" s="10"/>
    </row>
    <row r="55992" spans="14:14">
      <c r="N55992" s="10"/>
    </row>
    <row r="55993" spans="14:14">
      <c r="N55993" s="10"/>
    </row>
    <row r="55994" spans="14:14">
      <c r="N55994" s="10"/>
    </row>
    <row r="55995" spans="14:14">
      <c r="N55995" s="10"/>
    </row>
    <row r="55996" spans="14:14">
      <c r="N55996" s="10"/>
    </row>
    <row r="55997" spans="14:14">
      <c r="N55997" s="10"/>
    </row>
    <row r="55998" spans="14:14">
      <c r="N55998" s="10"/>
    </row>
    <row r="55999" spans="14:14">
      <c r="N55999" s="10"/>
    </row>
    <row r="56000" spans="14:14">
      <c r="N56000" s="10"/>
    </row>
    <row r="56001" spans="14:14">
      <c r="N56001" s="10"/>
    </row>
    <row r="56002" spans="14:14">
      <c r="N56002" s="10"/>
    </row>
    <row r="56003" spans="14:14">
      <c r="N56003" s="10"/>
    </row>
    <row r="56004" spans="14:14">
      <c r="N56004" s="10"/>
    </row>
    <row r="56005" spans="14:14">
      <c r="N56005" s="10"/>
    </row>
    <row r="56006" spans="14:14">
      <c r="N56006" s="10"/>
    </row>
    <row r="56007" spans="14:14">
      <c r="N56007" s="10"/>
    </row>
    <row r="56008" spans="14:14">
      <c r="N56008" s="10"/>
    </row>
    <row r="56009" spans="14:14">
      <c r="N56009" s="10"/>
    </row>
    <row r="56010" spans="14:14">
      <c r="N56010" s="10"/>
    </row>
    <row r="56011" spans="14:14">
      <c r="N56011" s="10"/>
    </row>
    <row r="56012" spans="14:14">
      <c r="N56012" s="10"/>
    </row>
    <row r="56013" spans="14:14">
      <c r="N56013" s="10"/>
    </row>
    <row r="56014" spans="14:14">
      <c r="N56014" s="10"/>
    </row>
    <row r="56015" spans="14:14">
      <c r="N56015" s="10"/>
    </row>
    <row r="56016" spans="14:14">
      <c r="N56016" s="10"/>
    </row>
    <row r="56017" spans="14:14">
      <c r="N56017" s="10"/>
    </row>
    <row r="56018" spans="14:14">
      <c r="N56018" s="10"/>
    </row>
    <row r="56019" spans="14:14">
      <c r="N56019" s="10"/>
    </row>
    <row r="56020" spans="14:14">
      <c r="N56020" s="10"/>
    </row>
    <row r="56021" spans="14:14">
      <c r="N56021" s="10"/>
    </row>
    <row r="56022" spans="14:14">
      <c r="N56022" s="10"/>
    </row>
    <row r="56023" spans="14:14">
      <c r="N56023" s="10"/>
    </row>
    <row r="56024" spans="14:14">
      <c r="N56024" s="10"/>
    </row>
    <row r="56025" spans="14:14">
      <c r="N56025" s="10"/>
    </row>
    <row r="56026" spans="14:14">
      <c r="N56026" s="10"/>
    </row>
    <row r="56027" spans="14:14">
      <c r="N56027" s="10"/>
    </row>
    <row r="56028" spans="14:14">
      <c r="N56028" s="10"/>
    </row>
    <row r="56029" spans="14:14">
      <c r="N56029" s="10"/>
    </row>
    <row r="56030" spans="14:14">
      <c r="N56030" s="10"/>
    </row>
    <row r="56031" spans="14:14">
      <c r="N56031" s="10"/>
    </row>
    <row r="56032" spans="14:14">
      <c r="N56032" s="10"/>
    </row>
    <row r="56033" spans="14:14">
      <c r="N56033" s="10"/>
    </row>
    <row r="56034" spans="14:14">
      <c r="N56034" s="10"/>
    </row>
    <row r="56035" spans="14:14">
      <c r="N56035" s="10"/>
    </row>
    <row r="56036" spans="14:14">
      <c r="N56036" s="10"/>
    </row>
    <row r="56037" spans="14:14">
      <c r="N56037" s="10"/>
    </row>
    <row r="56038" spans="14:14">
      <c r="N56038" s="10"/>
    </row>
    <row r="56039" spans="14:14">
      <c r="N56039" s="10"/>
    </row>
    <row r="56040" spans="14:14">
      <c r="N56040" s="10"/>
    </row>
    <row r="56041" spans="14:14">
      <c r="N56041" s="10"/>
    </row>
    <row r="56042" spans="14:14">
      <c r="N56042" s="10"/>
    </row>
    <row r="56043" spans="14:14">
      <c r="N56043" s="10"/>
    </row>
    <row r="56044" spans="14:14">
      <c r="N56044" s="10"/>
    </row>
    <row r="56045" spans="14:14">
      <c r="N56045" s="10"/>
    </row>
    <row r="56046" spans="14:14">
      <c r="N56046" s="10"/>
    </row>
    <row r="56047" spans="14:14">
      <c r="N56047" s="10"/>
    </row>
    <row r="56048" spans="14:14">
      <c r="N56048" s="10"/>
    </row>
    <row r="56049" spans="14:14">
      <c r="N56049" s="10"/>
    </row>
    <row r="56050" spans="14:14">
      <c r="N56050" s="10"/>
    </row>
    <row r="56051" spans="14:14">
      <c r="N56051" s="10"/>
    </row>
    <row r="56052" spans="14:14">
      <c r="N56052" s="10"/>
    </row>
    <row r="56053" spans="14:14">
      <c r="N56053" s="10"/>
    </row>
    <row r="56054" spans="14:14">
      <c r="N56054" s="10"/>
    </row>
    <row r="56055" spans="14:14">
      <c r="N56055" s="10"/>
    </row>
    <row r="56056" spans="14:14">
      <c r="N56056" s="10"/>
    </row>
    <row r="56057" spans="14:14">
      <c r="N56057" s="10"/>
    </row>
    <row r="56058" spans="14:14">
      <c r="N56058" s="10"/>
    </row>
    <row r="56059" spans="14:14">
      <c r="N56059" s="10"/>
    </row>
    <row r="56060" spans="14:14">
      <c r="N56060" s="10"/>
    </row>
    <row r="56061" spans="14:14">
      <c r="N56061" s="10"/>
    </row>
    <row r="56062" spans="14:14">
      <c r="N56062" s="10"/>
    </row>
    <row r="56063" spans="14:14">
      <c r="N56063" s="10"/>
    </row>
    <row r="56064" spans="14:14">
      <c r="N56064" s="10"/>
    </row>
    <row r="56065" spans="14:14">
      <c r="N56065" s="10"/>
    </row>
    <row r="56066" spans="14:14">
      <c r="N56066" s="10"/>
    </row>
    <row r="56067" spans="14:14">
      <c r="N56067" s="10"/>
    </row>
    <row r="56068" spans="14:14">
      <c r="N56068" s="10"/>
    </row>
    <row r="56069" spans="14:14">
      <c r="N56069" s="10"/>
    </row>
    <row r="56070" spans="14:14">
      <c r="N56070" s="10"/>
    </row>
    <row r="56071" spans="14:14">
      <c r="N56071" s="10"/>
    </row>
    <row r="56072" spans="14:14">
      <c r="N56072" s="10"/>
    </row>
    <row r="56073" spans="14:14">
      <c r="N56073" s="10"/>
    </row>
    <row r="56074" spans="14:14">
      <c r="N56074" s="10"/>
    </row>
    <row r="56075" spans="14:14">
      <c r="N56075" s="10"/>
    </row>
    <row r="56076" spans="14:14">
      <c r="N56076" s="10"/>
    </row>
    <row r="56077" spans="14:14">
      <c r="N56077" s="10"/>
    </row>
    <row r="56078" spans="14:14">
      <c r="N56078" s="10"/>
    </row>
    <row r="56079" spans="14:14">
      <c r="N56079" s="10"/>
    </row>
    <row r="56080" spans="14:14">
      <c r="N56080" s="10"/>
    </row>
    <row r="56081" spans="14:14">
      <c r="N56081" s="10"/>
    </row>
    <row r="56082" spans="14:14">
      <c r="N56082" s="10"/>
    </row>
    <row r="56083" spans="14:14">
      <c r="N56083" s="10"/>
    </row>
    <row r="56084" spans="14:14">
      <c r="N56084" s="10"/>
    </row>
    <row r="56085" spans="14:14">
      <c r="N56085" s="10"/>
    </row>
    <row r="56086" spans="14:14">
      <c r="N56086" s="10"/>
    </row>
    <row r="56087" spans="14:14">
      <c r="N56087" s="10"/>
    </row>
    <row r="56088" spans="14:14">
      <c r="N56088" s="10"/>
    </row>
    <row r="56089" spans="14:14">
      <c r="N56089" s="10"/>
    </row>
    <row r="56090" spans="14:14">
      <c r="N56090" s="10"/>
    </row>
    <row r="56091" spans="14:14">
      <c r="N56091" s="10"/>
    </row>
    <row r="56092" spans="14:14">
      <c r="N56092" s="10"/>
    </row>
    <row r="56093" spans="14:14">
      <c r="N56093" s="10"/>
    </row>
    <row r="56094" spans="14:14">
      <c r="N56094" s="10"/>
    </row>
    <row r="56095" spans="14:14">
      <c r="N56095" s="10"/>
    </row>
    <row r="56096" spans="14:14">
      <c r="N56096" s="10"/>
    </row>
    <row r="56097" spans="14:14">
      <c r="N56097" s="10"/>
    </row>
    <row r="56098" spans="14:14">
      <c r="N56098" s="10"/>
    </row>
    <row r="56099" spans="14:14">
      <c r="N56099" s="10"/>
    </row>
    <row r="56100" spans="14:14">
      <c r="N56100" s="10"/>
    </row>
    <row r="56101" spans="14:14">
      <c r="N56101" s="10"/>
    </row>
    <row r="56102" spans="14:14">
      <c r="N56102" s="10"/>
    </row>
    <row r="56103" spans="14:14">
      <c r="N56103" s="10"/>
    </row>
    <row r="56104" spans="14:14">
      <c r="N56104" s="10"/>
    </row>
    <row r="56105" spans="14:14">
      <c r="N56105" s="10"/>
    </row>
    <row r="56106" spans="14:14">
      <c r="N56106" s="10"/>
    </row>
    <row r="56107" spans="14:14">
      <c r="N56107" s="10"/>
    </row>
    <row r="56108" spans="14:14">
      <c r="N56108" s="10"/>
    </row>
    <row r="56109" spans="14:14">
      <c r="N56109" s="10"/>
    </row>
    <row r="56110" spans="14:14">
      <c r="N56110" s="10"/>
    </row>
    <row r="56111" spans="14:14">
      <c r="N56111" s="10"/>
    </row>
    <row r="56112" spans="14:14">
      <c r="N56112" s="10"/>
    </row>
    <row r="56113" spans="14:14">
      <c r="N56113" s="10"/>
    </row>
    <row r="56114" spans="14:14">
      <c r="N56114" s="10"/>
    </row>
    <row r="56115" spans="14:14">
      <c r="N56115" s="10"/>
    </row>
    <row r="56116" spans="14:14">
      <c r="N56116" s="10"/>
    </row>
    <row r="56117" spans="14:14">
      <c r="N56117" s="10"/>
    </row>
    <row r="56118" spans="14:14">
      <c r="N56118" s="10"/>
    </row>
    <row r="56119" spans="14:14">
      <c r="N56119" s="10"/>
    </row>
    <row r="56120" spans="14:14">
      <c r="N56120" s="10"/>
    </row>
    <row r="56121" spans="14:14">
      <c r="N56121" s="10"/>
    </row>
    <row r="56122" spans="14:14">
      <c r="N56122" s="10"/>
    </row>
    <row r="56123" spans="14:14">
      <c r="N56123" s="10"/>
    </row>
    <row r="56124" spans="14:14">
      <c r="N56124" s="10"/>
    </row>
    <row r="56125" spans="14:14">
      <c r="N56125" s="10"/>
    </row>
    <row r="56126" spans="14:14">
      <c r="N56126" s="10"/>
    </row>
    <row r="56127" spans="14:14">
      <c r="N56127" s="10"/>
    </row>
    <row r="56128" spans="14:14">
      <c r="N56128" s="10"/>
    </row>
    <row r="56129" spans="14:14">
      <c r="N56129" s="10"/>
    </row>
    <row r="56130" spans="14:14">
      <c r="N56130" s="10"/>
    </row>
    <row r="56131" spans="14:14">
      <c r="N56131" s="10"/>
    </row>
    <row r="56132" spans="14:14">
      <c r="N56132" s="10"/>
    </row>
    <row r="56133" spans="14:14">
      <c r="N56133" s="10"/>
    </row>
    <row r="56134" spans="14:14">
      <c r="N56134" s="10"/>
    </row>
    <row r="56135" spans="14:14">
      <c r="N56135" s="10"/>
    </row>
    <row r="56136" spans="14:14">
      <c r="N56136" s="10"/>
    </row>
    <row r="56137" spans="14:14">
      <c r="N56137" s="10"/>
    </row>
    <row r="56138" spans="14:14">
      <c r="N56138" s="10"/>
    </row>
    <row r="56139" spans="14:14">
      <c r="N56139" s="10"/>
    </row>
    <row r="56140" spans="14:14">
      <c r="N56140" s="10"/>
    </row>
    <row r="56141" spans="14:14">
      <c r="N56141" s="10"/>
    </row>
    <row r="56142" spans="14:14">
      <c r="N56142" s="10"/>
    </row>
    <row r="56143" spans="14:14">
      <c r="N56143" s="10"/>
    </row>
    <row r="56144" spans="14:14">
      <c r="N56144" s="10"/>
    </row>
    <row r="56145" spans="14:14">
      <c r="N56145" s="10"/>
    </row>
    <row r="56146" spans="14:14">
      <c r="N56146" s="10"/>
    </row>
    <row r="56147" spans="14:14">
      <c r="N56147" s="10"/>
    </row>
    <row r="56148" spans="14:14">
      <c r="N56148" s="10"/>
    </row>
    <row r="56149" spans="14:14">
      <c r="N56149" s="10"/>
    </row>
    <row r="56150" spans="14:14">
      <c r="N56150" s="10"/>
    </row>
    <row r="56151" spans="14:14">
      <c r="N56151" s="10"/>
    </row>
    <row r="56152" spans="14:14">
      <c r="N56152" s="10"/>
    </row>
    <row r="56153" spans="14:14">
      <c r="N56153" s="10"/>
    </row>
    <row r="56154" spans="14:14">
      <c r="N56154" s="10"/>
    </row>
    <row r="56155" spans="14:14">
      <c r="N56155" s="10"/>
    </row>
    <row r="56156" spans="14:14">
      <c r="N56156" s="10"/>
    </row>
    <row r="56157" spans="14:14">
      <c r="N56157" s="10"/>
    </row>
    <row r="56158" spans="14:14">
      <c r="N56158" s="10"/>
    </row>
    <row r="56159" spans="14:14">
      <c r="N56159" s="10"/>
    </row>
    <row r="56160" spans="14:14">
      <c r="N56160" s="10"/>
    </row>
    <row r="56161" spans="14:14">
      <c r="N56161" s="10"/>
    </row>
    <row r="56162" spans="14:14">
      <c r="N56162" s="10"/>
    </row>
    <row r="56163" spans="14:14">
      <c r="N56163" s="10"/>
    </row>
    <row r="56164" spans="14:14">
      <c r="N56164" s="10"/>
    </row>
    <row r="56165" spans="14:14">
      <c r="N56165" s="10"/>
    </row>
    <row r="56166" spans="14:14">
      <c r="N56166" s="10"/>
    </row>
    <row r="56167" spans="14:14">
      <c r="N56167" s="10"/>
    </row>
    <row r="56168" spans="14:14">
      <c r="N56168" s="10"/>
    </row>
    <row r="56169" spans="14:14">
      <c r="N56169" s="10"/>
    </row>
    <row r="56170" spans="14:14">
      <c r="N56170" s="10"/>
    </row>
    <row r="56171" spans="14:14">
      <c r="N56171" s="10"/>
    </row>
    <row r="56172" spans="14:14">
      <c r="N56172" s="10"/>
    </row>
    <row r="56173" spans="14:14">
      <c r="N56173" s="10"/>
    </row>
    <row r="56174" spans="14:14">
      <c r="N56174" s="10"/>
    </row>
    <row r="56175" spans="14:14">
      <c r="N56175" s="10"/>
    </row>
    <row r="56176" spans="14:14">
      <c r="N56176" s="10"/>
    </row>
    <row r="56177" spans="14:14">
      <c r="N56177" s="10"/>
    </row>
    <row r="56178" spans="14:14">
      <c r="N56178" s="10"/>
    </row>
    <row r="56179" spans="14:14">
      <c r="N56179" s="10"/>
    </row>
    <row r="56180" spans="14:14">
      <c r="N56180" s="10"/>
    </row>
    <row r="56181" spans="14:14">
      <c r="N56181" s="10"/>
    </row>
    <row r="56182" spans="14:14">
      <c r="N56182" s="10"/>
    </row>
    <row r="56183" spans="14:14">
      <c r="N56183" s="10"/>
    </row>
    <row r="56184" spans="14:14">
      <c r="N56184" s="10"/>
    </row>
    <row r="56185" spans="14:14">
      <c r="N56185" s="10"/>
    </row>
    <row r="56186" spans="14:14">
      <c r="N56186" s="10"/>
    </row>
    <row r="56187" spans="14:14">
      <c r="N56187" s="10"/>
    </row>
    <row r="56188" spans="14:14">
      <c r="N56188" s="10"/>
    </row>
    <row r="56189" spans="14:14">
      <c r="N56189" s="10"/>
    </row>
    <row r="56190" spans="14:14">
      <c r="N56190" s="10"/>
    </row>
    <row r="56191" spans="14:14">
      <c r="N56191" s="10"/>
    </row>
    <row r="56192" spans="14:14">
      <c r="N56192" s="10"/>
    </row>
    <row r="56193" spans="14:14">
      <c r="N56193" s="10"/>
    </row>
    <row r="56194" spans="14:14">
      <c r="N56194" s="10"/>
    </row>
    <row r="56195" spans="14:14">
      <c r="N56195" s="10"/>
    </row>
    <row r="56196" spans="14:14">
      <c r="N56196" s="10"/>
    </row>
    <row r="56197" spans="14:14">
      <c r="N56197" s="10"/>
    </row>
    <row r="56198" spans="14:14">
      <c r="N56198" s="10"/>
    </row>
    <row r="56199" spans="14:14">
      <c r="N56199" s="10"/>
    </row>
    <row r="56200" spans="14:14">
      <c r="N56200" s="10"/>
    </row>
    <row r="56201" spans="14:14">
      <c r="N56201" s="10"/>
    </row>
    <row r="56202" spans="14:14">
      <c r="N56202" s="10"/>
    </row>
    <row r="56203" spans="14:14">
      <c r="N56203" s="10"/>
    </row>
    <row r="56204" spans="14:14">
      <c r="N56204" s="10"/>
    </row>
    <row r="56205" spans="14:14">
      <c r="N56205" s="10"/>
    </row>
    <row r="56206" spans="14:14">
      <c r="N56206" s="10"/>
    </row>
    <row r="56207" spans="14:14">
      <c r="N56207" s="10"/>
    </row>
    <row r="56208" spans="14:14">
      <c r="N56208" s="10"/>
    </row>
    <row r="56209" spans="14:14">
      <c r="N56209" s="10"/>
    </row>
    <row r="56210" spans="14:14">
      <c r="N56210" s="10"/>
    </row>
    <row r="56211" spans="14:14">
      <c r="N56211" s="10"/>
    </row>
    <row r="56212" spans="14:14">
      <c r="N56212" s="10"/>
    </row>
    <row r="56213" spans="14:14">
      <c r="N56213" s="10"/>
    </row>
    <row r="56214" spans="14:14">
      <c r="N56214" s="10"/>
    </row>
    <row r="56215" spans="14:14">
      <c r="N56215" s="10"/>
    </row>
    <row r="56216" spans="14:14">
      <c r="N56216" s="10"/>
    </row>
    <row r="56217" spans="14:14">
      <c r="N56217" s="10"/>
    </row>
    <row r="56218" spans="14:14">
      <c r="N56218" s="10"/>
    </row>
    <row r="56219" spans="14:14">
      <c r="N56219" s="10"/>
    </row>
    <row r="56220" spans="14:14">
      <c r="N56220" s="10"/>
    </row>
    <row r="56221" spans="14:14">
      <c r="N56221" s="10"/>
    </row>
    <row r="56222" spans="14:14">
      <c r="N56222" s="10"/>
    </row>
    <row r="56223" spans="14:14">
      <c r="N56223" s="10"/>
    </row>
    <row r="56224" spans="14:14">
      <c r="N56224" s="10"/>
    </row>
    <row r="56225" spans="14:14">
      <c r="N56225" s="10"/>
    </row>
    <row r="56226" spans="14:14">
      <c r="N56226" s="10"/>
    </row>
    <row r="56227" spans="14:14">
      <c r="N56227" s="10"/>
    </row>
    <row r="56228" spans="14:14">
      <c r="N56228" s="10"/>
    </row>
    <row r="56229" spans="14:14">
      <c r="N56229" s="10"/>
    </row>
    <row r="56230" spans="14:14">
      <c r="N56230" s="10"/>
    </row>
    <row r="56231" spans="14:14">
      <c r="N56231" s="10"/>
    </row>
    <row r="56232" spans="14:14">
      <c r="N56232" s="10"/>
    </row>
    <row r="56233" spans="14:14">
      <c r="N56233" s="10"/>
    </row>
    <row r="56234" spans="14:14">
      <c r="N56234" s="10"/>
    </row>
    <row r="56235" spans="14:14">
      <c r="N56235" s="10"/>
    </row>
    <row r="56236" spans="14:14">
      <c r="N56236" s="10"/>
    </row>
    <row r="56237" spans="14:14">
      <c r="N56237" s="10"/>
    </row>
    <row r="56238" spans="14:14">
      <c r="N56238" s="10"/>
    </row>
    <row r="56239" spans="14:14">
      <c r="N56239" s="10"/>
    </row>
    <row r="56240" spans="14:14">
      <c r="N56240" s="10"/>
    </row>
    <row r="56241" spans="14:14">
      <c r="N56241" s="10"/>
    </row>
    <row r="56242" spans="14:14">
      <c r="N56242" s="10"/>
    </row>
    <row r="56243" spans="14:14">
      <c r="N56243" s="10"/>
    </row>
    <row r="56244" spans="14:14">
      <c r="N56244" s="10"/>
    </row>
    <row r="56245" spans="14:14">
      <c r="N56245" s="10"/>
    </row>
    <row r="56246" spans="14:14">
      <c r="N56246" s="10"/>
    </row>
    <row r="56247" spans="14:14">
      <c r="N56247" s="10"/>
    </row>
    <row r="56248" spans="14:14">
      <c r="N56248" s="10"/>
    </row>
    <row r="56249" spans="14:14">
      <c r="N56249" s="10"/>
    </row>
    <row r="56250" spans="14:14">
      <c r="N56250" s="10"/>
    </row>
    <row r="56251" spans="14:14">
      <c r="N56251" s="10"/>
    </row>
    <row r="56252" spans="14:14">
      <c r="N56252" s="10"/>
    </row>
    <row r="56253" spans="14:14">
      <c r="N56253" s="10"/>
    </row>
    <row r="56254" spans="14:14">
      <c r="N56254" s="10"/>
    </row>
    <row r="56255" spans="14:14">
      <c r="N56255" s="10"/>
    </row>
    <row r="56256" spans="14:14">
      <c r="N56256" s="10"/>
    </row>
    <row r="56257" spans="14:14">
      <c r="N56257" s="10"/>
    </row>
    <row r="56258" spans="14:14">
      <c r="N56258" s="10"/>
    </row>
    <row r="56259" spans="14:14">
      <c r="N56259" s="10"/>
    </row>
    <row r="56260" spans="14:14">
      <c r="N56260" s="10"/>
    </row>
    <row r="56261" spans="14:14">
      <c r="N56261" s="10"/>
    </row>
    <row r="56262" spans="14:14">
      <c r="N56262" s="10"/>
    </row>
    <row r="56263" spans="14:14">
      <c r="N56263" s="10"/>
    </row>
    <row r="56264" spans="14:14">
      <c r="N56264" s="10"/>
    </row>
    <row r="56265" spans="14:14">
      <c r="N56265" s="10"/>
    </row>
    <row r="56266" spans="14:14">
      <c r="N56266" s="10"/>
    </row>
    <row r="56267" spans="14:14">
      <c r="N56267" s="10"/>
    </row>
    <row r="56268" spans="14:14">
      <c r="N56268" s="10"/>
    </row>
    <row r="56269" spans="14:14">
      <c r="N56269" s="10"/>
    </row>
    <row r="56270" spans="14:14">
      <c r="N56270" s="10"/>
    </row>
    <row r="56271" spans="14:14">
      <c r="N56271" s="10"/>
    </row>
    <row r="56272" spans="14:14">
      <c r="N56272" s="10"/>
    </row>
    <row r="56273" spans="14:14">
      <c r="N56273" s="10"/>
    </row>
    <row r="56274" spans="14:14">
      <c r="N56274" s="10"/>
    </row>
    <row r="56275" spans="14:14">
      <c r="N56275" s="10"/>
    </row>
    <row r="56276" spans="14:14">
      <c r="N56276" s="10"/>
    </row>
    <row r="56277" spans="14:14">
      <c r="N56277" s="10"/>
    </row>
    <row r="56278" spans="14:14">
      <c r="N56278" s="10"/>
    </row>
    <row r="56279" spans="14:14">
      <c r="N56279" s="10"/>
    </row>
    <row r="56280" spans="14:14">
      <c r="N56280" s="10"/>
    </row>
    <row r="56281" spans="14:14">
      <c r="N56281" s="10"/>
    </row>
    <row r="56282" spans="14:14">
      <c r="N56282" s="10"/>
    </row>
    <row r="56283" spans="14:14">
      <c r="N56283" s="10"/>
    </row>
    <row r="56284" spans="14:14">
      <c r="N56284" s="10"/>
    </row>
    <row r="56285" spans="14:14">
      <c r="N56285" s="10"/>
    </row>
    <row r="56286" spans="14:14">
      <c r="N56286" s="10"/>
    </row>
    <row r="56287" spans="14:14">
      <c r="N56287" s="10"/>
    </row>
    <row r="56288" spans="14:14">
      <c r="N56288" s="10"/>
    </row>
    <row r="56289" spans="14:14">
      <c r="N56289" s="10"/>
    </row>
    <row r="56290" spans="14:14">
      <c r="N56290" s="10"/>
    </row>
    <row r="56291" spans="14:14">
      <c r="N56291" s="10"/>
    </row>
    <row r="56292" spans="14:14">
      <c r="N56292" s="10"/>
    </row>
    <row r="56293" spans="14:14">
      <c r="N56293" s="10"/>
    </row>
    <row r="56294" spans="14:14">
      <c r="N56294" s="10"/>
    </row>
    <row r="56295" spans="14:14">
      <c r="N56295" s="10"/>
    </row>
    <row r="56296" spans="14:14">
      <c r="N56296" s="10"/>
    </row>
    <row r="56297" spans="14:14">
      <c r="N56297" s="10"/>
    </row>
    <row r="56298" spans="14:14">
      <c r="N56298" s="10"/>
    </row>
    <row r="56299" spans="14:14">
      <c r="N56299" s="10"/>
    </row>
    <row r="56300" spans="14:14">
      <c r="N56300" s="10"/>
    </row>
    <row r="56301" spans="14:14">
      <c r="N56301" s="10"/>
    </row>
    <row r="56302" spans="14:14">
      <c r="N56302" s="10"/>
    </row>
    <row r="56303" spans="14:14">
      <c r="N56303" s="10"/>
    </row>
    <row r="56304" spans="14:14">
      <c r="N56304" s="10"/>
    </row>
    <row r="56305" spans="14:14">
      <c r="N56305" s="10"/>
    </row>
    <row r="56306" spans="14:14">
      <c r="N56306" s="10"/>
    </row>
    <row r="56307" spans="14:14">
      <c r="N56307" s="10"/>
    </row>
    <row r="56308" spans="14:14">
      <c r="N56308" s="10"/>
    </row>
    <row r="56309" spans="14:14">
      <c r="N56309" s="10"/>
    </row>
    <row r="56310" spans="14:14">
      <c r="N56310" s="10"/>
    </row>
    <row r="56311" spans="14:14">
      <c r="N56311" s="10"/>
    </row>
    <row r="56312" spans="14:14">
      <c r="N56312" s="10"/>
    </row>
    <row r="56313" spans="14:14">
      <c r="N56313" s="10"/>
    </row>
    <row r="56314" spans="14:14">
      <c r="N56314" s="10"/>
    </row>
    <row r="56315" spans="14:14">
      <c r="N56315" s="10"/>
    </row>
    <row r="56316" spans="14:14">
      <c r="N56316" s="10"/>
    </row>
    <row r="56317" spans="14:14">
      <c r="N56317" s="10"/>
    </row>
    <row r="56318" spans="14:14">
      <c r="N56318" s="10"/>
    </row>
    <row r="56319" spans="14:14">
      <c r="N56319" s="10"/>
    </row>
    <row r="56320" spans="14:14">
      <c r="N56320" s="10"/>
    </row>
    <row r="56321" spans="14:14">
      <c r="N56321" s="10"/>
    </row>
    <row r="56322" spans="14:14">
      <c r="N56322" s="10"/>
    </row>
    <row r="56323" spans="14:14">
      <c r="N56323" s="10"/>
    </row>
    <row r="56324" spans="14:14">
      <c r="N56324" s="10"/>
    </row>
    <row r="56325" spans="14:14">
      <c r="N56325" s="10"/>
    </row>
    <row r="56326" spans="14:14">
      <c r="N56326" s="10"/>
    </row>
    <row r="56327" spans="14:14">
      <c r="N56327" s="10"/>
    </row>
    <row r="56328" spans="14:14">
      <c r="N56328" s="10"/>
    </row>
    <row r="56329" spans="14:14">
      <c r="N56329" s="10"/>
    </row>
    <row r="56330" spans="14:14">
      <c r="N56330" s="10"/>
    </row>
    <row r="56331" spans="14:14">
      <c r="N56331" s="10"/>
    </row>
    <row r="56332" spans="14:14">
      <c r="N56332" s="10"/>
    </row>
    <row r="56333" spans="14:14">
      <c r="N56333" s="10"/>
    </row>
    <row r="56334" spans="14:14">
      <c r="N56334" s="10"/>
    </row>
    <row r="56335" spans="14:14">
      <c r="N56335" s="10"/>
    </row>
    <row r="56336" spans="14:14">
      <c r="N56336" s="10"/>
    </row>
    <row r="56337" spans="14:14">
      <c r="N56337" s="10"/>
    </row>
    <row r="56338" spans="14:14">
      <c r="N56338" s="10"/>
    </row>
    <row r="56339" spans="14:14">
      <c r="N56339" s="10"/>
    </row>
    <row r="56340" spans="14:14">
      <c r="N56340" s="10"/>
    </row>
    <row r="56341" spans="14:14">
      <c r="N56341" s="10"/>
    </row>
    <row r="56342" spans="14:14">
      <c r="N56342" s="10"/>
    </row>
    <row r="56343" spans="14:14">
      <c r="N56343" s="10"/>
    </row>
    <row r="56344" spans="14:14">
      <c r="N56344" s="10"/>
    </row>
    <row r="56345" spans="14:14">
      <c r="N56345" s="10"/>
    </row>
    <row r="56346" spans="14:14">
      <c r="N56346" s="10"/>
    </row>
    <row r="56347" spans="14:14">
      <c r="N56347" s="10"/>
    </row>
    <row r="56348" spans="14:14">
      <c r="N56348" s="10"/>
    </row>
    <row r="56349" spans="14:14">
      <c r="N56349" s="10"/>
    </row>
    <row r="56350" spans="14:14">
      <c r="N56350" s="10"/>
    </row>
    <row r="56351" spans="14:14">
      <c r="N56351" s="10"/>
    </row>
    <row r="56352" spans="14:14">
      <c r="N56352" s="10"/>
    </row>
    <row r="56353" spans="14:14">
      <c r="N56353" s="10"/>
    </row>
    <row r="56354" spans="14:14">
      <c r="N56354" s="10"/>
    </row>
    <row r="56355" spans="14:14">
      <c r="N56355" s="10"/>
    </row>
    <row r="56356" spans="14:14">
      <c r="N56356" s="10"/>
    </row>
    <row r="56357" spans="14:14">
      <c r="N56357" s="10"/>
    </row>
    <row r="56358" spans="14:14">
      <c r="N56358" s="10"/>
    </row>
    <row r="56359" spans="14:14">
      <c r="N56359" s="10"/>
    </row>
    <row r="56360" spans="14:14">
      <c r="N56360" s="10"/>
    </row>
    <row r="56361" spans="14:14">
      <c r="N56361" s="10"/>
    </row>
    <row r="56362" spans="14:14">
      <c r="N56362" s="10"/>
    </row>
    <row r="56363" spans="14:14">
      <c r="N56363" s="10"/>
    </row>
    <row r="56364" spans="14:14">
      <c r="N56364" s="10"/>
    </row>
    <row r="56365" spans="14:14">
      <c r="N56365" s="10"/>
    </row>
    <row r="56366" spans="14:14">
      <c r="N56366" s="10"/>
    </row>
    <row r="56367" spans="14:14">
      <c r="N56367" s="10"/>
    </row>
    <row r="56368" spans="14:14">
      <c r="N56368" s="10"/>
    </row>
    <row r="56369" spans="14:14">
      <c r="N56369" s="10"/>
    </row>
    <row r="56370" spans="14:14">
      <c r="N56370" s="10"/>
    </row>
    <row r="56371" spans="14:14">
      <c r="N56371" s="10"/>
    </row>
    <row r="56372" spans="14:14">
      <c r="N56372" s="10"/>
    </row>
    <row r="56373" spans="14:14">
      <c r="N56373" s="10"/>
    </row>
    <row r="56374" spans="14:14">
      <c r="N56374" s="10"/>
    </row>
    <row r="56375" spans="14:14">
      <c r="N56375" s="10"/>
    </row>
    <row r="56376" spans="14:14">
      <c r="N56376" s="10"/>
    </row>
    <row r="56377" spans="14:14">
      <c r="N56377" s="10"/>
    </row>
    <row r="56378" spans="14:14">
      <c r="N56378" s="10"/>
    </row>
    <row r="56379" spans="14:14">
      <c r="N56379" s="10"/>
    </row>
    <row r="56380" spans="14:14">
      <c r="N56380" s="10"/>
    </row>
    <row r="56381" spans="14:14">
      <c r="N56381" s="10"/>
    </row>
    <row r="56382" spans="14:14">
      <c r="N56382" s="10"/>
    </row>
    <row r="56383" spans="14:14">
      <c r="N56383" s="10"/>
    </row>
    <row r="56384" spans="14:14">
      <c r="N56384" s="10"/>
    </row>
    <row r="56385" spans="14:14">
      <c r="N56385" s="10"/>
    </row>
    <row r="56386" spans="14:14">
      <c r="N56386" s="10"/>
    </row>
    <row r="56387" spans="14:14">
      <c r="N56387" s="10"/>
    </row>
    <row r="56388" spans="14:14">
      <c r="N56388" s="10"/>
    </row>
    <row r="56389" spans="14:14">
      <c r="N56389" s="10"/>
    </row>
    <row r="56390" spans="14:14">
      <c r="N56390" s="10"/>
    </row>
    <row r="56391" spans="14:14">
      <c r="N56391" s="10"/>
    </row>
    <row r="56392" spans="14:14">
      <c r="N56392" s="10"/>
    </row>
    <row r="56393" spans="14:14">
      <c r="N56393" s="10"/>
    </row>
    <row r="56394" spans="14:14">
      <c r="N56394" s="10"/>
    </row>
    <row r="56395" spans="14:14">
      <c r="N56395" s="10"/>
    </row>
    <row r="56396" spans="14:14">
      <c r="N56396" s="10"/>
    </row>
    <row r="56397" spans="14:14">
      <c r="N56397" s="10"/>
    </row>
    <row r="56398" spans="14:14">
      <c r="N56398" s="10"/>
    </row>
    <row r="56399" spans="14:14">
      <c r="N56399" s="10"/>
    </row>
    <row r="56400" spans="14:14">
      <c r="N56400" s="10"/>
    </row>
    <row r="56401" spans="14:14">
      <c r="N56401" s="10"/>
    </row>
    <row r="56402" spans="14:14">
      <c r="N56402" s="10"/>
    </row>
    <row r="56403" spans="14:14">
      <c r="N56403" s="10"/>
    </row>
    <row r="56404" spans="14:14">
      <c r="N56404" s="10"/>
    </row>
    <row r="56405" spans="14:14">
      <c r="N56405" s="10"/>
    </row>
    <row r="56406" spans="14:14">
      <c r="N56406" s="10"/>
    </row>
    <row r="56407" spans="14:14">
      <c r="N56407" s="10"/>
    </row>
    <row r="56408" spans="14:14">
      <c r="N56408" s="10"/>
    </row>
    <row r="56409" spans="14:14">
      <c r="N56409" s="10"/>
    </row>
    <row r="56410" spans="14:14">
      <c r="N56410" s="10"/>
    </row>
    <row r="56411" spans="14:14">
      <c r="N56411" s="10"/>
    </row>
    <row r="56412" spans="14:14">
      <c r="N56412" s="10"/>
    </row>
    <row r="56413" spans="14:14">
      <c r="N56413" s="10"/>
    </row>
    <row r="56414" spans="14:14">
      <c r="N56414" s="10"/>
    </row>
    <row r="56415" spans="14:14">
      <c r="N56415" s="10"/>
    </row>
    <row r="56416" spans="14:14">
      <c r="N56416" s="10"/>
    </row>
    <row r="56417" spans="14:14">
      <c r="N56417" s="10"/>
    </row>
    <row r="56418" spans="14:14">
      <c r="N56418" s="10"/>
    </row>
    <row r="56419" spans="14:14">
      <c r="N56419" s="10"/>
    </row>
    <row r="56420" spans="14:14">
      <c r="N56420" s="10"/>
    </row>
    <row r="56421" spans="14:14">
      <c r="N56421" s="10"/>
    </row>
    <row r="56422" spans="14:14">
      <c r="N56422" s="10"/>
    </row>
    <row r="56423" spans="14:14">
      <c r="N56423" s="10"/>
    </row>
    <row r="56424" spans="14:14">
      <c r="N56424" s="10"/>
    </row>
    <row r="56425" spans="14:14">
      <c r="N56425" s="10"/>
    </row>
    <row r="56426" spans="14:14">
      <c r="N56426" s="10"/>
    </row>
    <row r="56427" spans="14:14">
      <c r="N56427" s="10"/>
    </row>
    <row r="56428" spans="14:14">
      <c r="N56428" s="10"/>
    </row>
    <row r="56429" spans="14:14">
      <c r="N56429" s="10"/>
    </row>
    <row r="56430" spans="14:14">
      <c r="N56430" s="10"/>
    </row>
    <row r="56431" spans="14:14">
      <c r="N56431" s="10"/>
    </row>
    <row r="56432" spans="14:14">
      <c r="N56432" s="10"/>
    </row>
    <row r="56433" spans="14:14">
      <c r="N56433" s="10"/>
    </row>
    <row r="56434" spans="14:14">
      <c r="N56434" s="10"/>
    </row>
    <row r="56435" spans="14:14">
      <c r="N56435" s="10"/>
    </row>
    <row r="56436" spans="14:14">
      <c r="N56436" s="10"/>
    </row>
    <row r="56437" spans="14:14">
      <c r="N56437" s="10"/>
    </row>
    <row r="56438" spans="14:14">
      <c r="N56438" s="10"/>
    </row>
    <row r="56439" spans="14:14">
      <c r="N56439" s="10"/>
    </row>
    <row r="56440" spans="14:14">
      <c r="N56440" s="10"/>
    </row>
    <row r="56441" spans="14:14">
      <c r="N56441" s="10"/>
    </row>
    <row r="56442" spans="14:14">
      <c r="N56442" s="10"/>
    </row>
    <row r="56443" spans="14:14">
      <c r="N56443" s="10"/>
    </row>
    <row r="56444" spans="14:14">
      <c r="N56444" s="10"/>
    </row>
    <row r="56445" spans="14:14">
      <c r="N56445" s="10"/>
    </row>
    <row r="56446" spans="14:14">
      <c r="N56446" s="10"/>
    </row>
    <row r="56447" spans="14:14">
      <c r="N56447" s="10"/>
    </row>
    <row r="56448" spans="14:14">
      <c r="N56448" s="10"/>
    </row>
    <row r="56449" spans="14:14">
      <c r="N56449" s="10"/>
    </row>
    <row r="56450" spans="14:14">
      <c r="N56450" s="10"/>
    </row>
    <row r="56451" spans="14:14">
      <c r="N56451" s="10"/>
    </row>
    <row r="56452" spans="14:14">
      <c r="N56452" s="10"/>
    </row>
    <row r="56453" spans="14:14">
      <c r="N56453" s="10"/>
    </row>
    <row r="56454" spans="14:14">
      <c r="N56454" s="10"/>
    </row>
    <row r="56455" spans="14:14">
      <c r="N56455" s="10"/>
    </row>
    <row r="56456" spans="14:14">
      <c r="N56456" s="10"/>
    </row>
    <row r="56457" spans="14:14">
      <c r="N56457" s="10"/>
    </row>
    <row r="56458" spans="14:14">
      <c r="N56458" s="10"/>
    </row>
    <row r="56459" spans="14:14">
      <c r="N56459" s="10"/>
    </row>
    <row r="56460" spans="14:14">
      <c r="N56460" s="10"/>
    </row>
    <row r="56461" spans="14:14">
      <c r="N56461" s="10"/>
    </row>
    <row r="56462" spans="14:14">
      <c r="N56462" s="10"/>
    </row>
    <row r="56463" spans="14:14">
      <c r="N56463" s="10"/>
    </row>
    <row r="56464" spans="14:14">
      <c r="N56464" s="10"/>
    </row>
    <row r="56465" spans="14:14">
      <c r="N56465" s="10"/>
    </row>
    <row r="56466" spans="14:14">
      <c r="N56466" s="10"/>
    </row>
    <row r="56467" spans="14:14">
      <c r="N56467" s="10"/>
    </row>
    <row r="56468" spans="14:14">
      <c r="N56468" s="10"/>
    </row>
    <row r="56469" spans="14:14">
      <c r="N56469" s="10"/>
    </row>
    <row r="56470" spans="14:14">
      <c r="N56470" s="10"/>
    </row>
    <row r="56471" spans="14:14">
      <c r="N56471" s="10"/>
    </row>
    <row r="56472" spans="14:14">
      <c r="N56472" s="10"/>
    </row>
    <row r="56473" spans="14:14">
      <c r="N56473" s="10"/>
    </row>
    <row r="56474" spans="14:14">
      <c r="N56474" s="10"/>
    </row>
    <row r="56475" spans="14:14">
      <c r="N56475" s="10"/>
    </row>
    <row r="56476" spans="14:14">
      <c r="N56476" s="10"/>
    </row>
    <row r="56477" spans="14:14">
      <c r="N56477" s="10"/>
    </row>
    <row r="56478" spans="14:14">
      <c r="N56478" s="10"/>
    </row>
    <row r="56479" spans="14:14">
      <c r="N56479" s="10"/>
    </row>
    <row r="56480" spans="14:14">
      <c r="N56480" s="10"/>
    </row>
    <row r="56481" spans="14:14">
      <c r="N56481" s="10"/>
    </row>
    <row r="56482" spans="14:14">
      <c r="N56482" s="10"/>
    </row>
    <row r="56483" spans="14:14">
      <c r="N56483" s="10"/>
    </row>
    <row r="56484" spans="14:14">
      <c r="N56484" s="10"/>
    </row>
    <row r="56485" spans="14:14">
      <c r="N56485" s="10"/>
    </row>
    <row r="56486" spans="14:14">
      <c r="N56486" s="10"/>
    </row>
    <row r="56487" spans="14:14">
      <c r="N56487" s="10"/>
    </row>
    <row r="56488" spans="14:14">
      <c r="N56488" s="10"/>
    </row>
    <row r="56489" spans="14:14">
      <c r="N56489" s="10"/>
    </row>
    <row r="56490" spans="14:14">
      <c r="N56490" s="10"/>
    </row>
    <row r="56491" spans="14:14">
      <c r="N56491" s="10"/>
    </row>
    <row r="56492" spans="14:14">
      <c r="N56492" s="10"/>
    </row>
    <row r="56493" spans="14:14">
      <c r="N56493" s="10"/>
    </row>
    <row r="56494" spans="14:14">
      <c r="N56494" s="10"/>
    </row>
    <row r="56495" spans="14:14">
      <c r="N56495" s="10"/>
    </row>
    <row r="56496" spans="14:14">
      <c r="N56496" s="10"/>
    </row>
    <row r="56497" spans="14:14">
      <c r="N56497" s="10"/>
    </row>
    <row r="56498" spans="14:14">
      <c r="N56498" s="10"/>
    </row>
    <row r="56499" spans="14:14">
      <c r="N56499" s="10"/>
    </row>
    <row r="56500" spans="14:14">
      <c r="N56500" s="10"/>
    </row>
    <row r="56501" spans="14:14">
      <c r="N56501" s="10"/>
    </row>
    <row r="56502" spans="14:14">
      <c r="N56502" s="10"/>
    </row>
    <row r="56503" spans="14:14">
      <c r="N56503" s="10"/>
    </row>
    <row r="56504" spans="14:14">
      <c r="N56504" s="10"/>
    </row>
    <row r="56505" spans="14:14">
      <c r="N56505" s="10"/>
    </row>
    <row r="56506" spans="14:14">
      <c r="N56506" s="10"/>
    </row>
    <row r="56507" spans="14:14">
      <c r="N56507" s="10"/>
    </row>
    <row r="56508" spans="14:14">
      <c r="N56508" s="10"/>
    </row>
    <row r="56509" spans="14:14">
      <c r="N56509" s="10"/>
    </row>
    <row r="56510" spans="14:14">
      <c r="N56510" s="10"/>
    </row>
    <row r="56511" spans="14:14">
      <c r="N56511" s="10"/>
    </row>
    <row r="56512" spans="14:14">
      <c r="N56512" s="10"/>
    </row>
    <row r="56513" spans="14:14">
      <c r="N56513" s="10"/>
    </row>
    <row r="56514" spans="14:14">
      <c r="N56514" s="10"/>
    </row>
    <row r="56515" spans="14:14">
      <c r="N56515" s="10"/>
    </row>
    <row r="56516" spans="14:14">
      <c r="N56516" s="10"/>
    </row>
    <row r="56517" spans="14:14">
      <c r="N56517" s="10"/>
    </row>
    <row r="56518" spans="14:14">
      <c r="N56518" s="10"/>
    </row>
    <row r="56519" spans="14:14">
      <c r="N56519" s="10"/>
    </row>
    <row r="56520" spans="14:14">
      <c r="N56520" s="10"/>
    </row>
    <row r="56521" spans="14:14">
      <c r="N56521" s="10"/>
    </row>
    <row r="56522" spans="14:14">
      <c r="N56522" s="10"/>
    </row>
    <row r="56523" spans="14:14">
      <c r="N56523" s="10"/>
    </row>
    <row r="56524" spans="14:14">
      <c r="N56524" s="10"/>
    </row>
    <row r="56525" spans="14:14">
      <c r="N56525" s="10"/>
    </row>
    <row r="56526" spans="14:14">
      <c r="N56526" s="10"/>
    </row>
    <row r="56527" spans="14:14">
      <c r="N56527" s="10"/>
    </row>
    <row r="56528" spans="14:14">
      <c r="N56528" s="10"/>
    </row>
    <row r="56529" spans="14:14">
      <c r="N56529" s="10"/>
    </row>
    <row r="56530" spans="14:14">
      <c r="N56530" s="10"/>
    </row>
    <row r="56531" spans="14:14">
      <c r="N56531" s="10"/>
    </row>
    <row r="56532" spans="14:14">
      <c r="N56532" s="10"/>
    </row>
    <row r="56533" spans="14:14">
      <c r="N56533" s="10"/>
    </row>
    <row r="56534" spans="14:14">
      <c r="N56534" s="10"/>
    </row>
    <row r="56535" spans="14:14">
      <c r="N56535" s="10"/>
    </row>
    <row r="56536" spans="14:14">
      <c r="N56536" s="10"/>
    </row>
    <row r="56537" spans="14:14">
      <c r="N56537" s="10"/>
    </row>
    <row r="56538" spans="14:14">
      <c r="N56538" s="10"/>
    </row>
    <row r="56539" spans="14:14">
      <c r="N56539" s="10"/>
    </row>
    <row r="56540" spans="14:14">
      <c r="N56540" s="10"/>
    </row>
    <row r="56541" spans="14:14">
      <c r="N56541" s="10"/>
    </row>
    <row r="56542" spans="14:14">
      <c r="N56542" s="10"/>
    </row>
    <row r="56543" spans="14:14">
      <c r="N56543" s="10"/>
    </row>
    <row r="56544" spans="14:14">
      <c r="N56544" s="10"/>
    </row>
    <row r="56545" spans="14:14">
      <c r="N56545" s="10"/>
    </row>
    <row r="56546" spans="14:14">
      <c r="N56546" s="10"/>
    </row>
    <row r="56547" spans="14:14">
      <c r="N56547" s="10"/>
    </row>
    <row r="56548" spans="14:14">
      <c r="N56548" s="10"/>
    </row>
    <row r="56549" spans="14:14">
      <c r="N56549" s="10"/>
    </row>
    <row r="56550" spans="14:14">
      <c r="N56550" s="10"/>
    </row>
    <row r="56551" spans="14:14">
      <c r="N56551" s="10"/>
    </row>
    <row r="56552" spans="14:14">
      <c r="N56552" s="10"/>
    </row>
    <row r="56553" spans="14:14">
      <c r="N56553" s="10"/>
    </row>
    <row r="56554" spans="14:14">
      <c r="N56554" s="10"/>
    </row>
    <row r="56555" spans="14:14">
      <c r="N56555" s="10"/>
    </row>
    <row r="56556" spans="14:14">
      <c r="N56556" s="10"/>
    </row>
    <row r="56557" spans="14:14">
      <c r="N56557" s="10"/>
    </row>
    <row r="56558" spans="14:14">
      <c r="N56558" s="10"/>
    </row>
    <row r="56559" spans="14:14">
      <c r="N56559" s="10"/>
    </row>
    <row r="56560" spans="14:14">
      <c r="N56560" s="10"/>
    </row>
    <row r="56561" spans="14:14">
      <c r="N56561" s="10"/>
    </row>
    <row r="56562" spans="14:14">
      <c r="N56562" s="10"/>
    </row>
    <row r="56563" spans="14:14">
      <c r="N56563" s="10"/>
    </row>
    <row r="56564" spans="14:14">
      <c r="N56564" s="10"/>
    </row>
    <row r="56565" spans="14:14">
      <c r="N56565" s="10"/>
    </row>
    <row r="56566" spans="14:14">
      <c r="N56566" s="10"/>
    </row>
    <row r="56567" spans="14:14">
      <c r="N56567" s="10"/>
    </row>
    <row r="56568" spans="14:14">
      <c r="N56568" s="10"/>
    </row>
    <row r="56569" spans="14:14">
      <c r="N56569" s="10"/>
    </row>
    <row r="56570" spans="14:14">
      <c r="N56570" s="10"/>
    </row>
    <row r="56571" spans="14:14">
      <c r="N56571" s="10"/>
    </row>
    <row r="56572" spans="14:14">
      <c r="N56572" s="10"/>
    </row>
    <row r="56573" spans="14:14">
      <c r="N56573" s="10"/>
    </row>
    <row r="56574" spans="14:14">
      <c r="N56574" s="10"/>
    </row>
    <row r="56575" spans="14:14">
      <c r="N56575" s="10"/>
    </row>
    <row r="56576" spans="14:14">
      <c r="N56576" s="10"/>
    </row>
    <row r="56577" spans="14:14">
      <c r="N56577" s="10"/>
    </row>
    <row r="56578" spans="14:14">
      <c r="N56578" s="10"/>
    </row>
    <row r="56579" spans="14:14">
      <c r="N56579" s="10"/>
    </row>
    <row r="56580" spans="14:14">
      <c r="N56580" s="10"/>
    </row>
    <row r="56581" spans="14:14">
      <c r="N56581" s="10"/>
    </row>
    <row r="56582" spans="14:14">
      <c r="N56582" s="10"/>
    </row>
    <row r="56583" spans="14:14">
      <c r="N56583" s="10"/>
    </row>
    <row r="56584" spans="14:14">
      <c r="N56584" s="10"/>
    </row>
    <row r="56585" spans="14:14">
      <c r="N56585" s="10"/>
    </row>
    <row r="56586" spans="14:14">
      <c r="N56586" s="10"/>
    </row>
    <row r="56587" spans="14:14">
      <c r="N56587" s="10"/>
    </row>
    <row r="56588" spans="14:14">
      <c r="N56588" s="10"/>
    </row>
    <row r="56589" spans="14:14">
      <c r="N56589" s="10"/>
    </row>
    <row r="56590" spans="14:14">
      <c r="N56590" s="10"/>
    </row>
    <row r="56591" spans="14:14">
      <c r="N56591" s="10"/>
    </row>
    <row r="56592" spans="14:14">
      <c r="N56592" s="10"/>
    </row>
    <row r="56593" spans="14:14">
      <c r="N56593" s="10"/>
    </row>
    <row r="56594" spans="14:14">
      <c r="N56594" s="10"/>
    </row>
    <row r="56595" spans="14:14">
      <c r="N56595" s="10"/>
    </row>
    <row r="56596" spans="14:14">
      <c r="N56596" s="10"/>
    </row>
    <row r="56597" spans="14:14">
      <c r="N56597" s="10"/>
    </row>
    <row r="56598" spans="14:14">
      <c r="N56598" s="10"/>
    </row>
    <row r="56599" spans="14:14">
      <c r="N56599" s="10"/>
    </row>
    <row r="56600" spans="14:14">
      <c r="N56600" s="10"/>
    </row>
    <row r="56601" spans="14:14">
      <c r="N56601" s="10"/>
    </row>
    <row r="56602" spans="14:14">
      <c r="N56602" s="10"/>
    </row>
    <row r="56603" spans="14:14">
      <c r="N56603" s="10"/>
    </row>
    <row r="56604" spans="14:14">
      <c r="N56604" s="10"/>
    </row>
    <row r="56605" spans="14:14">
      <c r="N56605" s="10"/>
    </row>
    <row r="56606" spans="14:14">
      <c r="N56606" s="10"/>
    </row>
    <row r="56607" spans="14:14">
      <c r="N56607" s="10"/>
    </row>
    <row r="56608" spans="14:14">
      <c r="N56608" s="10"/>
    </row>
    <row r="56609" spans="14:14">
      <c r="N56609" s="10"/>
    </row>
    <row r="56610" spans="14:14">
      <c r="N56610" s="10"/>
    </row>
    <row r="56611" spans="14:14">
      <c r="N56611" s="10"/>
    </row>
    <row r="56612" spans="14:14">
      <c r="N56612" s="10"/>
    </row>
    <row r="56613" spans="14:14">
      <c r="N56613" s="10"/>
    </row>
    <row r="56614" spans="14:14">
      <c r="N56614" s="10"/>
    </row>
    <row r="56615" spans="14:14">
      <c r="N56615" s="10"/>
    </row>
    <row r="56616" spans="14:14">
      <c r="N56616" s="10"/>
    </row>
    <row r="56617" spans="14:14">
      <c r="N56617" s="10"/>
    </row>
    <row r="56618" spans="14:14">
      <c r="N56618" s="10"/>
    </row>
    <row r="56619" spans="14:14">
      <c r="N56619" s="10"/>
    </row>
    <row r="56620" spans="14:14">
      <c r="N56620" s="10"/>
    </row>
    <row r="56621" spans="14:14">
      <c r="N56621" s="10"/>
    </row>
    <row r="56622" spans="14:14">
      <c r="N56622" s="10"/>
    </row>
    <row r="56623" spans="14:14">
      <c r="N56623" s="10"/>
    </row>
    <row r="56624" spans="14:14">
      <c r="N56624" s="10"/>
    </row>
    <row r="56625" spans="14:14">
      <c r="N56625" s="10"/>
    </row>
    <row r="56626" spans="14:14">
      <c r="N56626" s="10"/>
    </row>
    <row r="56627" spans="14:14">
      <c r="N56627" s="10"/>
    </row>
    <row r="56628" spans="14:14">
      <c r="N56628" s="10"/>
    </row>
    <row r="56629" spans="14:14">
      <c r="N56629" s="10"/>
    </row>
    <row r="56630" spans="14:14">
      <c r="N56630" s="10"/>
    </row>
    <row r="56631" spans="14:14">
      <c r="N56631" s="10"/>
    </row>
    <row r="56632" spans="14:14">
      <c r="N56632" s="10"/>
    </row>
    <row r="56633" spans="14:14">
      <c r="N56633" s="10"/>
    </row>
    <row r="56634" spans="14:14">
      <c r="N56634" s="10"/>
    </row>
    <row r="56635" spans="14:14">
      <c r="N56635" s="10"/>
    </row>
    <row r="56636" spans="14:14">
      <c r="N56636" s="10"/>
    </row>
    <row r="56637" spans="14:14">
      <c r="N56637" s="10"/>
    </row>
    <row r="56638" spans="14:14">
      <c r="N56638" s="10"/>
    </row>
    <row r="56639" spans="14:14">
      <c r="N56639" s="10"/>
    </row>
    <row r="56640" spans="14:14">
      <c r="N56640" s="10"/>
    </row>
    <row r="56641" spans="14:14">
      <c r="N56641" s="10"/>
    </row>
    <row r="56642" spans="14:14">
      <c r="N56642" s="10"/>
    </row>
    <row r="56643" spans="14:14">
      <c r="N56643" s="10"/>
    </row>
    <row r="56644" spans="14:14">
      <c r="N56644" s="10"/>
    </row>
    <row r="56645" spans="14:14">
      <c r="N56645" s="10"/>
    </row>
    <row r="56646" spans="14:14">
      <c r="N56646" s="10"/>
    </row>
    <row r="56647" spans="14:14">
      <c r="N56647" s="10"/>
    </row>
    <row r="56648" spans="14:14">
      <c r="N56648" s="10"/>
    </row>
    <row r="56649" spans="14:14">
      <c r="N56649" s="10"/>
    </row>
    <row r="56650" spans="14:14">
      <c r="N56650" s="10"/>
    </row>
    <row r="56651" spans="14:14">
      <c r="N56651" s="10"/>
    </row>
    <row r="56652" spans="14:14">
      <c r="N56652" s="10"/>
    </row>
    <row r="56653" spans="14:14">
      <c r="N56653" s="10"/>
    </row>
    <row r="56654" spans="14:14">
      <c r="N56654" s="10"/>
    </row>
    <row r="56655" spans="14:14">
      <c r="N56655" s="10"/>
    </row>
    <row r="56656" spans="14:14">
      <c r="N56656" s="10"/>
    </row>
    <row r="56657" spans="14:14">
      <c r="N56657" s="10"/>
    </row>
    <row r="56658" spans="14:14">
      <c r="N56658" s="10"/>
    </row>
    <row r="56659" spans="14:14">
      <c r="N56659" s="10"/>
    </row>
    <row r="56660" spans="14:14">
      <c r="N56660" s="10"/>
    </row>
    <row r="56661" spans="14:14">
      <c r="N56661" s="10"/>
    </row>
    <row r="56662" spans="14:14">
      <c r="N56662" s="10"/>
    </row>
    <row r="56663" spans="14:14">
      <c r="N56663" s="10"/>
    </row>
    <row r="56664" spans="14:14">
      <c r="N56664" s="10"/>
    </row>
    <row r="56665" spans="14:14">
      <c r="N56665" s="10"/>
    </row>
    <row r="56666" spans="14:14">
      <c r="N56666" s="10"/>
    </row>
    <row r="56667" spans="14:14">
      <c r="N56667" s="10"/>
    </row>
    <row r="56668" spans="14:14">
      <c r="N56668" s="10"/>
    </row>
    <row r="56669" spans="14:14">
      <c r="N56669" s="10"/>
    </row>
    <row r="56670" spans="14:14">
      <c r="N56670" s="10"/>
    </row>
    <row r="56671" spans="14:14">
      <c r="N56671" s="10"/>
    </row>
    <row r="56672" spans="14:14">
      <c r="N56672" s="10"/>
    </row>
    <row r="56673" spans="14:14">
      <c r="N56673" s="10"/>
    </row>
    <row r="56674" spans="14:14">
      <c r="N56674" s="10"/>
    </row>
    <row r="56675" spans="14:14">
      <c r="N56675" s="10"/>
    </row>
    <row r="56676" spans="14:14">
      <c r="N56676" s="10"/>
    </row>
    <row r="56677" spans="14:14">
      <c r="N56677" s="10"/>
    </row>
    <row r="56678" spans="14:14">
      <c r="N56678" s="10"/>
    </row>
    <row r="56679" spans="14:14">
      <c r="N56679" s="10"/>
    </row>
    <row r="56680" spans="14:14">
      <c r="N56680" s="10"/>
    </row>
    <row r="56681" spans="14:14">
      <c r="N56681" s="10"/>
    </row>
    <row r="56682" spans="14:14">
      <c r="N56682" s="10"/>
    </row>
    <row r="56683" spans="14:14">
      <c r="N56683" s="10"/>
    </row>
    <row r="56684" spans="14:14">
      <c r="N56684" s="10"/>
    </row>
    <row r="56685" spans="14:14">
      <c r="N56685" s="10"/>
    </row>
    <row r="56686" spans="14:14">
      <c r="N56686" s="10"/>
    </row>
    <row r="56687" spans="14:14">
      <c r="N56687" s="10"/>
    </row>
    <row r="56688" spans="14:14">
      <c r="N56688" s="10"/>
    </row>
    <row r="56689" spans="14:14">
      <c r="N56689" s="10"/>
    </row>
    <row r="56690" spans="14:14">
      <c r="N56690" s="10"/>
    </row>
    <row r="56691" spans="14:14">
      <c r="N56691" s="10"/>
    </row>
    <row r="56692" spans="14:14">
      <c r="N56692" s="10"/>
    </row>
    <row r="56693" spans="14:14">
      <c r="N56693" s="10"/>
    </row>
    <row r="56694" spans="14:14">
      <c r="N56694" s="10"/>
    </row>
    <row r="56695" spans="14:14">
      <c r="N56695" s="10"/>
    </row>
    <row r="56696" spans="14:14">
      <c r="N56696" s="10"/>
    </row>
    <row r="56697" spans="14:14">
      <c r="N56697" s="10"/>
    </row>
    <row r="56698" spans="14:14">
      <c r="N56698" s="10"/>
    </row>
    <row r="56699" spans="14:14">
      <c r="N56699" s="10"/>
    </row>
    <row r="56700" spans="14:14">
      <c r="N56700" s="10"/>
    </row>
    <row r="56701" spans="14:14">
      <c r="N56701" s="10"/>
    </row>
    <row r="56702" spans="14:14">
      <c r="N56702" s="10"/>
    </row>
    <row r="56703" spans="14:14">
      <c r="N56703" s="10"/>
    </row>
    <row r="56704" spans="14:14">
      <c r="N56704" s="10"/>
    </row>
    <row r="56705" spans="14:14">
      <c r="N56705" s="10"/>
    </row>
    <row r="56706" spans="14:14">
      <c r="N56706" s="10"/>
    </row>
    <row r="56707" spans="14:14">
      <c r="N56707" s="10"/>
    </row>
    <row r="56708" spans="14:14">
      <c r="N56708" s="10"/>
    </row>
    <row r="56709" spans="14:14">
      <c r="N56709" s="10"/>
    </row>
    <row r="56710" spans="14:14">
      <c r="N56710" s="10"/>
    </row>
    <row r="56711" spans="14:14">
      <c r="N56711" s="10"/>
    </row>
    <row r="56712" spans="14:14">
      <c r="N56712" s="10"/>
    </row>
    <row r="56713" spans="14:14">
      <c r="N56713" s="10"/>
    </row>
    <row r="56714" spans="14:14">
      <c r="N56714" s="10"/>
    </row>
    <row r="56715" spans="14:14">
      <c r="N56715" s="10"/>
    </row>
    <row r="56716" spans="14:14">
      <c r="N56716" s="10"/>
    </row>
    <row r="56717" spans="14:14">
      <c r="N56717" s="10"/>
    </row>
    <row r="56718" spans="14:14">
      <c r="N56718" s="10"/>
    </row>
    <row r="56719" spans="14:14">
      <c r="N56719" s="10"/>
    </row>
    <row r="56720" spans="14:14">
      <c r="N56720" s="10"/>
    </row>
    <row r="56721" spans="14:14">
      <c r="N56721" s="10"/>
    </row>
    <row r="56722" spans="14:14">
      <c r="N56722" s="10"/>
    </row>
    <row r="56723" spans="14:14">
      <c r="N56723" s="10"/>
    </row>
    <row r="56724" spans="14:14">
      <c r="N56724" s="10"/>
    </row>
    <row r="56725" spans="14:14">
      <c r="N56725" s="10"/>
    </row>
    <row r="56726" spans="14:14">
      <c r="N56726" s="10"/>
    </row>
    <row r="56727" spans="14:14">
      <c r="N56727" s="10"/>
    </row>
    <row r="56728" spans="14:14">
      <c r="N56728" s="10"/>
    </row>
    <row r="56729" spans="14:14">
      <c r="N56729" s="10"/>
    </row>
    <row r="56730" spans="14:14">
      <c r="N56730" s="10"/>
    </row>
    <row r="56731" spans="14:14">
      <c r="N56731" s="10"/>
    </row>
    <row r="56732" spans="14:14">
      <c r="N56732" s="10"/>
    </row>
    <row r="56733" spans="14:14">
      <c r="N56733" s="10"/>
    </row>
    <row r="56734" spans="14:14">
      <c r="N56734" s="10"/>
    </row>
    <row r="56735" spans="14:14">
      <c r="N56735" s="10"/>
    </row>
    <row r="56736" spans="14:14">
      <c r="N56736" s="10"/>
    </row>
    <row r="56737" spans="14:14">
      <c r="N56737" s="10"/>
    </row>
    <row r="56738" spans="14:14">
      <c r="N56738" s="10"/>
    </row>
    <row r="56739" spans="14:14">
      <c r="N56739" s="10"/>
    </row>
    <row r="56740" spans="14:14">
      <c r="N56740" s="10"/>
    </row>
    <row r="56741" spans="14:14">
      <c r="N56741" s="10"/>
    </row>
    <row r="56742" spans="14:14">
      <c r="N56742" s="10"/>
    </row>
    <row r="56743" spans="14:14">
      <c r="N56743" s="10"/>
    </row>
    <row r="56744" spans="14:14">
      <c r="N56744" s="10"/>
    </row>
    <row r="56745" spans="14:14">
      <c r="N56745" s="10"/>
    </row>
    <row r="56746" spans="14:14">
      <c r="N56746" s="10"/>
    </row>
    <row r="56747" spans="14:14">
      <c r="N56747" s="10"/>
    </row>
    <row r="56748" spans="14:14">
      <c r="N56748" s="10"/>
    </row>
    <row r="56749" spans="14:14">
      <c r="N56749" s="10"/>
    </row>
    <row r="56750" spans="14:14">
      <c r="N56750" s="10"/>
    </row>
    <row r="56751" spans="14:14">
      <c r="N56751" s="10"/>
    </row>
    <row r="56752" spans="14:14">
      <c r="N56752" s="10"/>
    </row>
    <row r="56753" spans="14:14">
      <c r="N56753" s="10"/>
    </row>
    <row r="56754" spans="14:14">
      <c r="N56754" s="10"/>
    </row>
    <row r="56755" spans="14:14">
      <c r="N56755" s="10"/>
    </row>
    <row r="56756" spans="14:14">
      <c r="N56756" s="10"/>
    </row>
    <row r="56757" spans="14:14">
      <c r="N56757" s="10"/>
    </row>
    <row r="56758" spans="14:14">
      <c r="N56758" s="10"/>
    </row>
    <row r="56759" spans="14:14">
      <c r="N56759" s="10"/>
    </row>
    <row r="56760" spans="14:14">
      <c r="N56760" s="10"/>
    </row>
    <row r="56761" spans="14:14">
      <c r="N56761" s="10"/>
    </row>
    <row r="56762" spans="14:14">
      <c r="N56762" s="10"/>
    </row>
    <row r="56763" spans="14:14">
      <c r="N56763" s="10"/>
    </row>
    <row r="56764" spans="14:14">
      <c r="N56764" s="10"/>
    </row>
    <row r="56765" spans="14:14">
      <c r="N56765" s="10"/>
    </row>
    <row r="56766" spans="14:14">
      <c r="N56766" s="10"/>
    </row>
    <row r="56767" spans="14:14">
      <c r="N56767" s="10"/>
    </row>
    <row r="56768" spans="14:14">
      <c r="N56768" s="10"/>
    </row>
    <row r="56769" spans="14:14">
      <c r="N56769" s="10"/>
    </row>
    <row r="56770" spans="14:14">
      <c r="N56770" s="10"/>
    </row>
    <row r="56771" spans="14:14">
      <c r="N56771" s="10"/>
    </row>
    <row r="56772" spans="14:14">
      <c r="N56772" s="10"/>
    </row>
    <row r="56773" spans="14:14">
      <c r="N56773" s="10"/>
    </row>
    <row r="56774" spans="14:14">
      <c r="N56774" s="10"/>
    </row>
    <row r="56775" spans="14:14">
      <c r="N56775" s="10"/>
    </row>
    <row r="56776" spans="14:14">
      <c r="N56776" s="10"/>
    </row>
    <row r="56777" spans="14:14">
      <c r="N56777" s="10"/>
    </row>
    <row r="56778" spans="14:14">
      <c r="N56778" s="10"/>
    </row>
    <row r="56779" spans="14:14">
      <c r="N56779" s="10"/>
    </row>
    <row r="56780" spans="14:14">
      <c r="N56780" s="10"/>
    </row>
    <row r="56781" spans="14:14">
      <c r="N56781" s="10"/>
    </row>
    <row r="56782" spans="14:14">
      <c r="N56782" s="10"/>
    </row>
    <row r="56783" spans="14:14">
      <c r="N56783" s="10"/>
    </row>
    <row r="56784" spans="14:14">
      <c r="N56784" s="10"/>
    </row>
    <row r="56785" spans="14:14">
      <c r="N56785" s="10"/>
    </row>
    <row r="56786" spans="14:14">
      <c r="N56786" s="10"/>
    </row>
    <row r="56787" spans="14:14">
      <c r="N56787" s="10"/>
    </row>
    <row r="56788" spans="14:14">
      <c r="N56788" s="10"/>
    </row>
    <row r="56789" spans="14:14">
      <c r="N56789" s="10"/>
    </row>
    <row r="56790" spans="14:14">
      <c r="N56790" s="10"/>
    </row>
    <row r="56791" spans="14:14">
      <c r="N56791" s="10"/>
    </row>
    <row r="56792" spans="14:14">
      <c r="N56792" s="10"/>
    </row>
    <row r="56793" spans="14:14">
      <c r="N56793" s="10"/>
    </row>
    <row r="56794" spans="14:14">
      <c r="N56794" s="10"/>
    </row>
    <row r="56795" spans="14:14">
      <c r="N56795" s="10"/>
    </row>
    <row r="56796" spans="14:14">
      <c r="N56796" s="10"/>
    </row>
    <row r="56797" spans="14:14">
      <c r="N56797" s="10"/>
    </row>
    <row r="56798" spans="14:14">
      <c r="N56798" s="10"/>
    </row>
    <row r="56799" spans="14:14">
      <c r="N56799" s="10"/>
    </row>
    <row r="56800" spans="14:14">
      <c r="N56800" s="10"/>
    </row>
    <row r="56801" spans="14:14">
      <c r="N56801" s="10"/>
    </row>
    <row r="56802" spans="14:14">
      <c r="N56802" s="10"/>
    </row>
    <row r="56803" spans="14:14">
      <c r="N56803" s="10"/>
    </row>
    <row r="56804" spans="14:14">
      <c r="N56804" s="10"/>
    </row>
    <row r="56805" spans="14:14">
      <c r="N56805" s="10"/>
    </row>
    <row r="56806" spans="14:14">
      <c r="N56806" s="10"/>
    </row>
    <row r="56807" spans="14:14">
      <c r="N56807" s="10"/>
    </row>
    <row r="56808" spans="14:14">
      <c r="N56808" s="10"/>
    </row>
    <row r="56809" spans="14:14">
      <c r="N56809" s="10"/>
    </row>
    <row r="56810" spans="14:14">
      <c r="N56810" s="10"/>
    </row>
    <row r="56811" spans="14:14">
      <c r="N56811" s="10"/>
    </row>
    <row r="56812" spans="14:14">
      <c r="N56812" s="10"/>
    </row>
    <row r="56813" spans="14:14">
      <c r="N56813" s="10"/>
    </row>
    <row r="56814" spans="14:14">
      <c r="N56814" s="10"/>
    </row>
    <row r="56815" spans="14:14">
      <c r="N56815" s="10"/>
    </row>
    <row r="56816" spans="14:14">
      <c r="N56816" s="10"/>
    </row>
    <row r="56817" spans="14:14">
      <c r="N56817" s="10"/>
    </row>
    <row r="56818" spans="14:14">
      <c r="N56818" s="10"/>
    </row>
    <row r="56819" spans="14:14">
      <c r="N56819" s="10"/>
    </row>
    <row r="56820" spans="14:14">
      <c r="N56820" s="10"/>
    </row>
    <row r="56821" spans="14:14">
      <c r="N56821" s="10"/>
    </row>
    <row r="56822" spans="14:14">
      <c r="N56822" s="10"/>
    </row>
    <row r="56823" spans="14:14">
      <c r="N56823" s="10"/>
    </row>
    <row r="56824" spans="14:14">
      <c r="N56824" s="10"/>
    </row>
    <row r="56825" spans="14:14">
      <c r="N56825" s="10"/>
    </row>
    <row r="56826" spans="14:14">
      <c r="N56826" s="10"/>
    </row>
    <row r="56827" spans="14:14">
      <c r="N56827" s="10"/>
    </row>
    <row r="56828" spans="14:14">
      <c r="N56828" s="10"/>
    </row>
    <row r="56829" spans="14:14">
      <c r="N56829" s="10"/>
    </row>
    <row r="56830" spans="14:14">
      <c r="N56830" s="10"/>
    </row>
    <row r="56831" spans="14:14">
      <c r="N56831" s="10"/>
    </row>
    <row r="56832" spans="14:14">
      <c r="N56832" s="10"/>
    </row>
    <row r="56833" spans="14:14">
      <c r="N56833" s="10"/>
    </row>
    <row r="56834" spans="14:14">
      <c r="N56834" s="10"/>
    </row>
    <row r="56835" spans="14:14">
      <c r="N56835" s="10"/>
    </row>
    <row r="56836" spans="14:14">
      <c r="N56836" s="10"/>
    </row>
    <row r="56837" spans="14:14">
      <c r="N56837" s="10"/>
    </row>
    <row r="56838" spans="14:14">
      <c r="N56838" s="10"/>
    </row>
    <row r="56839" spans="14:14">
      <c r="N56839" s="10"/>
    </row>
    <row r="56840" spans="14:14">
      <c r="N56840" s="10"/>
    </row>
    <row r="56841" spans="14:14">
      <c r="N56841" s="10"/>
    </row>
    <row r="56842" spans="14:14">
      <c r="N56842" s="10"/>
    </row>
    <row r="56843" spans="14:14">
      <c r="N56843" s="10"/>
    </row>
    <row r="56844" spans="14:14">
      <c r="N56844" s="10"/>
    </row>
    <row r="56845" spans="14:14">
      <c r="N56845" s="10"/>
    </row>
    <row r="56846" spans="14:14">
      <c r="N56846" s="10"/>
    </row>
    <row r="56847" spans="14:14">
      <c r="N56847" s="10"/>
    </row>
    <row r="56848" spans="14:14">
      <c r="N56848" s="10"/>
    </row>
    <row r="56849" spans="14:14">
      <c r="N56849" s="10"/>
    </row>
    <row r="56850" spans="14:14">
      <c r="N56850" s="10"/>
    </row>
    <row r="56851" spans="14:14">
      <c r="N56851" s="10"/>
    </row>
    <row r="56852" spans="14:14">
      <c r="N56852" s="10"/>
    </row>
    <row r="56853" spans="14:14">
      <c r="N56853" s="10"/>
    </row>
    <row r="56854" spans="14:14">
      <c r="N56854" s="10"/>
    </row>
    <row r="56855" spans="14:14">
      <c r="N56855" s="10"/>
    </row>
    <row r="56856" spans="14:14">
      <c r="N56856" s="10"/>
    </row>
    <row r="56857" spans="14:14">
      <c r="N56857" s="10"/>
    </row>
    <row r="56858" spans="14:14">
      <c r="N56858" s="10"/>
    </row>
    <row r="56859" spans="14:14">
      <c r="N56859" s="10"/>
    </row>
    <row r="56860" spans="14:14">
      <c r="N56860" s="10"/>
    </row>
    <row r="56861" spans="14:14">
      <c r="N56861" s="10"/>
    </row>
    <row r="56862" spans="14:14">
      <c r="N56862" s="10"/>
    </row>
    <row r="56863" spans="14:14">
      <c r="N56863" s="10"/>
    </row>
    <row r="56864" spans="14:14">
      <c r="N56864" s="10"/>
    </row>
    <row r="56865" spans="14:14">
      <c r="N56865" s="10"/>
    </row>
    <row r="56866" spans="14:14">
      <c r="N56866" s="10"/>
    </row>
    <row r="56867" spans="14:14">
      <c r="N56867" s="10"/>
    </row>
    <row r="56868" spans="14:14">
      <c r="N56868" s="10"/>
    </row>
    <row r="56869" spans="14:14">
      <c r="N56869" s="10"/>
    </row>
    <row r="56870" spans="14:14">
      <c r="N56870" s="10"/>
    </row>
    <row r="56871" spans="14:14">
      <c r="N56871" s="10"/>
    </row>
    <row r="56872" spans="14:14">
      <c r="N56872" s="10"/>
    </row>
    <row r="56873" spans="14:14">
      <c r="N56873" s="10"/>
    </row>
    <row r="56874" spans="14:14">
      <c r="N56874" s="10"/>
    </row>
    <row r="56875" spans="14:14">
      <c r="N56875" s="10"/>
    </row>
    <row r="56876" spans="14:14">
      <c r="N56876" s="10"/>
    </row>
    <row r="56877" spans="14:14">
      <c r="N56877" s="10"/>
    </row>
    <row r="56878" spans="14:14">
      <c r="N56878" s="10"/>
    </row>
    <row r="56879" spans="14:14">
      <c r="N56879" s="10"/>
    </row>
    <row r="56880" spans="14:14">
      <c r="N56880" s="10"/>
    </row>
    <row r="56881" spans="14:14">
      <c r="N56881" s="10"/>
    </row>
    <row r="56882" spans="14:14">
      <c r="N56882" s="10"/>
    </row>
    <row r="56883" spans="14:14">
      <c r="N56883" s="10"/>
    </row>
    <row r="56884" spans="14:14">
      <c r="N56884" s="10"/>
    </row>
    <row r="56885" spans="14:14">
      <c r="N56885" s="10"/>
    </row>
    <row r="56886" spans="14:14">
      <c r="N56886" s="10"/>
    </row>
    <row r="56887" spans="14:14">
      <c r="N56887" s="10"/>
    </row>
    <row r="56888" spans="14:14">
      <c r="N56888" s="10"/>
    </row>
    <row r="56889" spans="14:14">
      <c r="N56889" s="10"/>
    </row>
    <row r="56890" spans="14:14">
      <c r="N56890" s="10"/>
    </row>
    <row r="56891" spans="14:14">
      <c r="N56891" s="10"/>
    </row>
    <row r="56892" spans="14:14">
      <c r="N56892" s="10"/>
    </row>
    <row r="56893" spans="14:14">
      <c r="N56893" s="10"/>
    </row>
    <row r="56894" spans="14:14">
      <c r="N56894" s="10"/>
    </row>
    <row r="56895" spans="14:14">
      <c r="N56895" s="10"/>
    </row>
    <row r="56896" spans="14:14">
      <c r="N56896" s="10"/>
    </row>
    <row r="56897" spans="14:14">
      <c r="N56897" s="10"/>
    </row>
    <row r="56898" spans="14:14">
      <c r="N56898" s="10"/>
    </row>
    <row r="56899" spans="14:14">
      <c r="N56899" s="10"/>
    </row>
    <row r="56900" spans="14:14">
      <c r="N56900" s="10"/>
    </row>
    <row r="56901" spans="14:14">
      <c r="N56901" s="10"/>
    </row>
    <row r="56902" spans="14:14">
      <c r="N56902" s="10"/>
    </row>
    <row r="56903" spans="14:14">
      <c r="N56903" s="10"/>
    </row>
    <row r="56904" spans="14:14">
      <c r="N56904" s="10"/>
    </row>
    <row r="56905" spans="14:14">
      <c r="N56905" s="10"/>
    </row>
    <row r="56906" spans="14:14">
      <c r="N56906" s="10"/>
    </row>
    <row r="56907" spans="14:14">
      <c r="N56907" s="10"/>
    </row>
    <row r="56908" spans="14:14">
      <c r="N56908" s="10"/>
    </row>
    <row r="56909" spans="14:14">
      <c r="N56909" s="10"/>
    </row>
    <row r="56910" spans="14:14">
      <c r="N56910" s="10"/>
    </row>
    <row r="56911" spans="14:14">
      <c r="N56911" s="10"/>
    </row>
    <row r="56912" spans="14:14">
      <c r="N56912" s="10"/>
    </row>
    <row r="56913" spans="14:14">
      <c r="N56913" s="10"/>
    </row>
    <row r="56914" spans="14:14">
      <c r="N56914" s="10"/>
    </row>
    <row r="56915" spans="14:14">
      <c r="N56915" s="10"/>
    </row>
    <row r="56916" spans="14:14">
      <c r="N56916" s="10"/>
    </row>
    <row r="56917" spans="14:14">
      <c r="N56917" s="10"/>
    </row>
    <row r="56918" spans="14:14">
      <c r="N56918" s="10"/>
    </row>
    <row r="56919" spans="14:14">
      <c r="N56919" s="10"/>
    </row>
    <row r="56920" spans="14:14">
      <c r="N56920" s="10"/>
    </row>
    <row r="56921" spans="14:14">
      <c r="N56921" s="10"/>
    </row>
    <row r="56922" spans="14:14">
      <c r="N56922" s="10"/>
    </row>
    <row r="56923" spans="14:14">
      <c r="N56923" s="10"/>
    </row>
    <row r="56924" spans="14:14">
      <c r="N56924" s="10"/>
    </row>
    <row r="56925" spans="14:14">
      <c r="N56925" s="10"/>
    </row>
    <row r="56926" spans="14:14">
      <c r="N56926" s="10"/>
    </row>
    <row r="56927" spans="14:14">
      <c r="N56927" s="10"/>
    </row>
    <row r="56928" spans="14:14">
      <c r="N56928" s="10"/>
    </row>
    <row r="56929" spans="14:14">
      <c r="N56929" s="10"/>
    </row>
    <row r="56930" spans="14:14">
      <c r="N56930" s="10"/>
    </row>
    <row r="56931" spans="14:14">
      <c r="N56931" s="10"/>
    </row>
    <row r="56932" spans="14:14">
      <c r="N56932" s="10"/>
    </row>
    <row r="56933" spans="14:14">
      <c r="N56933" s="10"/>
    </row>
    <row r="56934" spans="14:14">
      <c r="N56934" s="10"/>
    </row>
    <row r="56935" spans="14:14">
      <c r="N56935" s="10"/>
    </row>
    <row r="56936" spans="14:14">
      <c r="N56936" s="10"/>
    </row>
    <row r="56937" spans="14:14">
      <c r="N56937" s="10"/>
    </row>
    <row r="56938" spans="14:14">
      <c r="N56938" s="10"/>
    </row>
    <row r="56939" spans="14:14">
      <c r="N56939" s="10"/>
    </row>
    <row r="56940" spans="14:14">
      <c r="N56940" s="10"/>
    </row>
    <row r="56941" spans="14:14">
      <c r="N56941" s="10"/>
    </row>
    <row r="56942" spans="14:14">
      <c r="N56942" s="10"/>
    </row>
    <row r="56943" spans="14:14">
      <c r="N56943" s="10"/>
    </row>
    <row r="56944" spans="14:14">
      <c r="N56944" s="10"/>
    </row>
    <row r="56945" spans="14:14">
      <c r="N56945" s="10"/>
    </row>
    <row r="56946" spans="14:14">
      <c r="N56946" s="10"/>
    </row>
    <row r="56947" spans="14:14">
      <c r="N56947" s="10"/>
    </row>
    <row r="56948" spans="14:14">
      <c r="N56948" s="10"/>
    </row>
    <row r="56949" spans="14:14">
      <c r="N56949" s="10"/>
    </row>
    <row r="56950" spans="14:14">
      <c r="N56950" s="10"/>
    </row>
    <row r="56951" spans="14:14">
      <c r="N56951" s="10"/>
    </row>
    <row r="56952" spans="14:14">
      <c r="N56952" s="10"/>
    </row>
    <row r="56953" spans="14:14">
      <c r="N56953" s="10"/>
    </row>
    <row r="56954" spans="14:14">
      <c r="N56954" s="10"/>
    </row>
    <row r="56955" spans="14:14">
      <c r="N56955" s="10"/>
    </row>
    <row r="56956" spans="14:14">
      <c r="N56956" s="10"/>
    </row>
    <row r="56957" spans="14:14">
      <c r="N56957" s="10"/>
    </row>
    <row r="56958" spans="14:14">
      <c r="N56958" s="10"/>
    </row>
    <row r="56959" spans="14:14">
      <c r="N56959" s="10"/>
    </row>
    <row r="56960" spans="14:14">
      <c r="N56960" s="10"/>
    </row>
    <row r="56961" spans="14:14">
      <c r="N56961" s="10"/>
    </row>
    <row r="56962" spans="14:14">
      <c r="N56962" s="10"/>
    </row>
    <row r="56963" spans="14:14">
      <c r="N56963" s="10"/>
    </row>
    <row r="56964" spans="14:14">
      <c r="N56964" s="10"/>
    </row>
    <row r="56965" spans="14:14">
      <c r="N56965" s="10"/>
    </row>
    <row r="56966" spans="14:14">
      <c r="N56966" s="10"/>
    </row>
    <row r="56967" spans="14:14">
      <c r="N56967" s="10"/>
    </row>
    <row r="56968" spans="14:14">
      <c r="N56968" s="10"/>
    </row>
    <row r="56969" spans="14:14">
      <c r="N56969" s="10"/>
    </row>
    <row r="56970" spans="14:14">
      <c r="N56970" s="10"/>
    </row>
    <row r="56971" spans="14:14">
      <c r="N56971" s="10"/>
    </row>
    <row r="56972" spans="14:14">
      <c r="N56972" s="10"/>
    </row>
    <row r="56973" spans="14:14">
      <c r="N56973" s="10"/>
    </row>
    <row r="56974" spans="14:14">
      <c r="N56974" s="10"/>
    </row>
    <row r="56975" spans="14:14">
      <c r="N56975" s="10"/>
    </row>
    <row r="56976" spans="14:14">
      <c r="N56976" s="10"/>
    </row>
    <row r="56977" spans="14:14">
      <c r="N56977" s="10"/>
    </row>
    <row r="56978" spans="14:14">
      <c r="N56978" s="10"/>
    </row>
    <row r="56979" spans="14:14">
      <c r="N56979" s="10"/>
    </row>
    <row r="56980" spans="14:14">
      <c r="N56980" s="10"/>
    </row>
    <row r="56981" spans="14:14">
      <c r="N56981" s="10"/>
    </row>
    <row r="56982" spans="14:14">
      <c r="N56982" s="10"/>
    </row>
    <row r="56983" spans="14:14">
      <c r="N56983" s="10"/>
    </row>
    <row r="56984" spans="14:14">
      <c r="N56984" s="10"/>
    </row>
    <row r="56985" spans="14:14">
      <c r="N56985" s="10"/>
    </row>
    <row r="56986" spans="14:14">
      <c r="N56986" s="10"/>
    </row>
    <row r="56987" spans="14:14">
      <c r="N56987" s="10"/>
    </row>
    <row r="56988" spans="14:14">
      <c r="N56988" s="10"/>
    </row>
    <row r="56989" spans="14:14">
      <c r="N56989" s="10"/>
    </row>
    <row r="56990" spans="14:14">
      <c r="N56990" s="10"/>
    </row>
    <row r="56991" spans="14:14">
      <c r="N56991" s="10"/>
    </row>
    <row r="56992" spans="14:14">
      <c r="N56992" s="10"/>
    </row>
    <row r="56993" spans="14:14">
      <c r="N56993" s="10"/>
    </row>
    <row r="56994" spans="14:14">
      <c r="N56994" s="10"/>
    </row>
    <row r="56995" spans="14:14">
      <c r="N56995" s="10"/>
    </row>
    <row r="56996" spans="14:14">
      <c r="N56996" s="10"/>
    </row>
    <row r="56997" spans="14:14">
      <c r="N56997" s="10"/>
    </row>
    <row r="56998" spans="14:14">
      <c r="N56998" s="10"/>
    </row>
    <row r="56999" spans="14:14">
      <c r="N56999" s="10"/>
    </row>
    <row r="57000" spans="14:14">
      <c r="N57000" s="10"/>
    </row>
    <row r="57001" spans="14:14">
      <c r="N57001" s="10"/>
    </row>
    <row r="57002" spans="14:14">
      <c r="N57002" s="10"/>
    </row>
    <row r="57003" spans="14:14">
      <c r="N57003" s="10"/>
    </row>
    <row r="57004" spans="14:14">
      <c r="N57004" s="10"/>
    </row>
    <row r="57005" spans="14:14">
      <c r="N57005" s="10"/>
    </row>
    <row r="57006" spans="14:14">
      <c r="N57006" s="10"/>
    </row>
    <row r="57007" spans="14:14">
      <c r="N57007" s="10"/>
    </row>
    <row r="57008" spans="14:14">
      <c r="N57008" s="10"/>
    </row>
    <row r="57009" spans="14:14">
      <c r="N57009" s="10"/>
    </row>
    <row r="57010" spans="14:14">
      <c r="N57010" s="10"/>
    </row>
    <row r="57011" spans="14:14">
      <c r="N57011" s="10"/>
    </row>
    <row r="57012" spans="14:14">
      <c r="N57012" s="10"/>
    </row>
    <row r="57013" spans="14:14">
      <c r="N57013" s="10"/>
    </row>
    <row r="57014" spans="14:14">
      <c r="N57014" s="10"/>
    </row>
    <row r="57015" spans="14:14">
      <c r="N57015" s="10"/>
    </row>
    <row r="57016" spans="14:14">
      <c r="N57016" s="10"/>
    </row>
    <row r="57017" spans="14:14">
      <c r="N57017" s="10"/>
    </row>
    <row r="57018" spans="14:14">
      <c r="N57018" s="10"/>
    </row>
    <row r="57019" spans="14:14">
      <c r="N57019" s="10"/>
    </row>
    <row r="57020" spans="14:14">
      <c r="N57020" s="10"/>
    </row>
    <row r="57021" spans="14:14">
      <c r="N57021" s="10"/>
    </row>
    <row r="57022" spans="14:14">
      <c r="N57022" s="10"/>
    </row>
    <row r="57023" spans="14:14">
      <c r="N57023" s="10"/>
    </row>
    <row r="57024" spans="14:14">
      <c r="N57024" s="10"/>
    </row>
    <row r="57025" spans="14:14">
      <c r="N57025" s="10"/>
    </row>
    <row r="57026" spans="14:14">
      <c r="N57026" s="10"/>
    </row>
    <row r="57027" spans="14:14">
      <c r="N57027" s="10"/>
    </row>
    <row r="57028" spans="14:14">
      <c r="N57028" s="10"/>
    </row>
    <row r="57029" spans="14:14">
      <c r="N57029" s="10"/>
    </row>
    <row r="57030" spans="14:14">
      <c r="N57030" s="10"/>
    </row>
    <row r="57031" spans="14:14">
      <c r="N57031" s="10"/>
    </row>
    <row r="57032" spans="14:14">
      <c r="N57032" s="10"/>
    </row>
    <row r="57033" spans="14:14">
      <c r="N57033" s="10"/>
    </row>
    <row r="57034" spans="14:14">
      <c r="N57034" s="10"/>
    </row>
    <row r="57035" spans="14:14">
      <c r="N57035" s="10"/>
    </row>
    <row r="57036" spans="14:14">
      <c r="N57036" s="10"/>
    </row>
    <row r="57037" spans="14:14">
      <c r="N57037" s="10"/>
    </row>
    <row r="57038" spans="14:14">
      <c r="N57038" s="10"/>
    </row>
    <row r="57039" spans="14:14">
      <c r="N57039" s="10"/>
    </row>
    <row r="57040" spans="14:14">
      <c r="N57040" s="10"/>
    </row>
    <row r="57041" spans="14:14">
      <c r="N57041" s="10"/>
    </row>
    <row r="57042" spans="14:14">
      <c r="N57042" s="10"/>
    </row>
    <row r="57043" spans="14:14">
      <c r="N57043" s="10"/>
    </row>
    <row r="57044" spans="14:14">
      <c r="N57044" s="10"/>
    </row>
    <row r="57045" spans="14:14">
      <c r="N57045" s="10"/>
    </row>
    <row r="57046" spans="14:14">
      <c r="N57046" s="10"/>
    </row>
    <row r="57047" spans="14:14">
      <c r="N57047" s="10"/>
    </row>
    <row r="57048" spans="14:14">
      <c r="N57048" s="10"/>
    </row>
    <row r="57049" spans="14:14">
      <c r="N57049" s="10"/>
    </row>
    <row r="57050" spans="14:14">
      <c r="N57050" s="10"/>
    </row>
    <row r="57051" spans="14:14">
      <c r="N57051" s="10"/>
    </row>
    <row r="57052" spans="14:14">
      <c r="N57052" s="10"/>
    </row>
    <row r="57053" spans="14:14">
      <c r="N57053" s="10"/>
    </row>
    <row r="57054" spans="14:14">
      <c r="N57054" s="10"/>
    </row>
    <row r="57055" spans="14:14">
      <c r="N57055" s="10"/>
    </row>
    <row r="57056" spans="14:14">
      <c r="N57056" s="10"/>
    </row>
    <row r="57057" spans="14:14">
      <c r="N57057" s="10"/>
    </row>
    <row r="57058" spans="14:14">
      <c r="N57058" s="10"/>
    </row>
    <row r="57059" spans="14:14">
      <c r="N57059" s="10"/>
    </row>
    <row r="57060" spans="14:14">
      <c r="N57060" s="10"/>
    </row>
    <row r="57061" spans="14:14">
      <c r="N57061" s="10"/>
    </row>
    <row r="57062" spans="14:14">
      <c r="N57062" s="10"/>
    </row>
    <row r="57063" spans="14:14">
      <c r="N57063" s="10"/>
    </row>
    <row r="57064" spans="14:14">
      <c r="N57064" s="10"/>
    </row>
    <row r="57065" spans="14:14">
      <c r="N57065" s="10"/>
    </row>
    <row r="57066" spans="14:14">
      <c r="N57066" s="10"/>
    </row>
    <row r="57067" spans="14:14">
      <c r="N57067" s="10"/>
    </row>
    <row r="57068" spans="14:14">
      <c r="N57068" s="10"/>
    </row>
    <row r="57069" spans="14:14">
      <c r="N57069" s="10"/>
    </row>
    <row r="57070" spans="14:14">
      <c r="N57070" s="10"/>
    </row>
    <row r="57071" spans="14:14">
      <c r="N57071" s="10"/>
    </row>
    <row r="57072" spans="14:14">
      <c r="N57072" s="10"/>
    </row>
    <row r="57073" spans="14:14">
      <c r="N57073" s="10"/>
    </row>
    <row r="57074" spans="14:14">
      <c r="N57074" s="10"/>
    </row>
    <row r="57075" spans="14:14">
      <c r="N57075" s="10"/>
    </row>
    <row r="57076" spans="14:14">
      <c r="N57076" s="10"/>
    </row>
    <row r="57077" spans="14:14">
      <c r="N57077" s="10"/>
    </row>
    <row r="57078" spans="14:14">
      <c r="N57078" s="10"/>
    </row>
    <row r="57079" spans="14:14">
      <c r="N57079" s="10"/>
    </row>
    <row r="57080" spans="14:14">
      <c r="N57080" s="10"/>
    </row>
    <row r="57081" spans="14:14">
      <c r="N57081" s="10"/>
    </row>
    <row r="57082" spans="14:14">
      <c r="N57082" s="10"/>
    </row>
    <row r="57083" spans="14:14">
      <c r="N57083" s="10"/>
    </row>
    <row r="57084" spans="14:14">
      <c r="N57084" s="10"/>
    </row>
    <row r="57085" spans="14:14">
      <c r="N57085" s="10"/>
    </row>
    <row r="57086" spans="14:14">
      <c r="N57086" s="10"/>
    </row>
    <row r="57087" spans="14:14">
      <c r="N57087" s="10"/>
    </row>
    <row r="57088" spans="14:14">
      <c r="N57088" s="10"/>
    </row>
    <row r="57089" spans="14:14">
      <c r="N57089" s="10"/>
    </row>
    <row r="57090" spans="14:14">
      <c r="N57090" s="10"/>
    </row>
    <row r="57091" spans="14:14">
      <c r="N57091" s="10"/>
    </row>
    <row r="57092" spans="14:14">
      <c r="N57092" s="10"/>
    </row>
    <row r="57093" spans="14:14">
      <c r="N57093" s="10"/>
    </row>
    <row r="57094" spans="14:14">
      <c r="N57094" s="10"/>
    </row>
    <row r="57095" spans="14:14">
      <c r="N57095" s="10"/>
    </row>
    <row r="57096" spans="14:14">
      <c r="N57096" s="10"/>
    </row>
    <row r="57097" spans="14:14">
      <c r="N57097" s="10"/>
    </row>
    <row r="57098" spans="14:14">
      <c r="N57098" s="10"/>
    </row>
    <row r="57099" spans="14:14">
      <c r="N57099" s="10"/>
    </row>
    <row r="57100" spans="14:14">
      <c r="N57100" s="10"/>
    </row>
    <row r="57101" spans="14:14">
      <c r="N57101" s="10"/>
    </row>
    <row r="57102" spans="14:14">
      <c r="N57102" s="10"/>
    </row>
    <row r="57103" spans="14:14">
      <c r="N57103" s="10"/>
    </row>
    <row r="57104" spans="14:14">
      <c r="N57104" s="10"/>
    </row>
    <row r="57105" spans="14:14">
      <c r="N57105" s="10"/>
    </row>
    <row r="57106" spans="14:14">
      <c r="N57106" s="10"/>
    </row>
    <row r="57107" spans="14:14">
      <c r="N57107" s="10"/>
    </row>
    <row r="57108" spans="14:14">
      <c r="N57108" s="10"/>
    </row>
    <row r="57109" spans="14:14">
      <c r="N57109" s="10"/>
    </row>
    <row r="57110" spans="14:14">
      <c r="N57110" s="10"/>
    </row>
    <row r="57111" spans="14:14">
      <c r="N57111" s="10"/>
    </row>
    <row r="57112" spans="14:14">
      <c r="N57112" s="10"/>
    </row>
    <row r="57113" spans="14:14">
      <c r="N57113" s="10"/>
    </row>
    <row r="57114" spans="14:14">
      <c r="N57114" s="10"/>
    </row>
    <row r="57115" spans="14:14">
      <c r="N57115" s="10"/>
    </row>
    <row r="57116" spans="14:14">
      <c r="N57116" s="10"/>
    </row>
    <row r="57117" spans="14:14">
      <c r="N57117" s="10"/>
    </row>
    <row r="57118" spans="14:14">
      <c r="N57118" s="10"/>
    </row>
    <row r="57119" spans="14:14">
      <c r="N57119" s="10"/>
    </row>
    <row r="57120" spans="14:14">
      <c r="N57120" s="10"/>
    </row>
    <row r="57121" spans="14:14">
      <c r="N57121" s="10"/>
    </row>
    <row r="57122" spans="14:14">
      <c r="N57122" s="10"/>
    </row>
    <row r="57123" spans="14:14">
      <c r="N57123" s="10"/>
    </row>
    <row r="57124" spans="14:14">
      <c r="N57124" s="10"/>
    </row>
    <row r="57125" spans="14:14">
      <c r="N57125" s="10"/>
    </row>
    <row r="57126" spans="14:14">
      <c r="N57126" s="10"/>
    </row>
    <row r="57127" spans="14:14">
      <c r="N57127" s="10"/>
    </row>
    <row r="57128" spans="14:14">
      <c r="N57128" s="10"/>
    </row>
    <row r="57129" spans="14:14">
      <c r="N57129" s="10"/>
    </row>
    <row r="57130" spans="14:14">
      <c r="N57130" s="10"/>
    </row>
    <row r="57131" spans="14:14">
      <c r="N57131" s="10"/>
    </row>
    <row r="57132" spans="14:14">
      <c r="N57132" s="10"/>
    </row>
    <row r="57133" spans="14:14">
      <c r="N57133" s="10"/>
    </row>
    <row r="57134" spans="14:14">
      <c r="N57134" s="10"/>
    </row>
    <row r="57135" spans="14:14">
      <c r="N57135" s="10"/>
    </row>
    <row r="57136" spans="14:14">
      <c r="N57136" s="10"/>
    </row>
    <row r="57137" spans="14:14">
      <c r="N57137" s="10"/>
    </row>
    <row r="57138" spans="14:14">
      <c r="N57138" s="10"/>
    </row>
    <row r="57139" spans="14:14">
      <c r="N57139" s="10"/>
    </row>
    <row r="57140" spans="14:14">
      <c r="N57140" s="10"/>
    </row>
    <row r="57141" spans="14:14">
      <c r="N57141" s="10"/>
    </row>
    <row r="57142" spans="14:14">
      <c r="N57142" s="10"/>
    </row>
    <row r="57143" spans="14:14">
      <c r="N57143" s="10"/>
    </row>
    <row r="57144" spans="14:14">
      <c r="N57144" s="10"/>
    </row>
    <row r="57145" spans="14:14">
      <c r="N57145" s="10"/>
    </row>
    <row r="57146" spans="14:14">
      <c r="N57146" s="10"/>
    </row>
    <row r="57147" spans="14:14">
      <c r="N57147" s="10"/>
    </row>
    <row r="57148" spans="14:14">
      <c r="N57148" s="10"/>
    </row>
    <row r="57149" spans="14:14">
      <c r="N57149" s="10"/>
    </row>
    <row r="57150" spans="14:14">
      <c r="N57150" s="10"/>
    </row>
    <row r="57151" spans="14:14">
      <c r="N57151" s="10"/>
    </row>
    <row r="57152" spans="14:14">
      <c r="N57152" s="10"/>
    </row>
    <row r="57153" spans="14:14">
      <c r="N57153" s="10"/>
    </row>
    <row r="57154" spans="14:14">
      <c r="N57154" s="10"/>
    </row>
    <row r="57155" spans="14:14">
      <c r="N57155" s="10"/>
    </row>
    <row r="57156" spans="14:14">
      <c r="N57156" s="10"/>
    </row>
    <row r="57157" spans="14:14">
      <c r="N57157" s="10"/>
    </row>
    <row r="57158" spans="14:14">
      <c r="N57158" s="10"/>
    </row>
    <row r="57159" spans="14:14">
      <c r="N57159" s="10"/>
    </row>
    <row r="57160" spans="14:14">
      <c r="N57160" s="10"/>
    </row>
    <row r="57161" spans="14:14">
      <c r="N57161" s="10"/>
    </row>
    <row r="57162" spans="14:14">
      <c r="N57162" s="10"/>
    </row>
    <row r="57163" spans="14:14">
      <c r="N57163" s="10"/>
    </row>
    <row r="57164" spans="14:14">
      <c r="N57164" s="10"/>
    </row>
    <row r="57165" spans="14:14">
      <c r="N57165" s="10"/>
    </row>
    <row r="57166" spans="14:14">
      <c r="N57166" s="10"/>
    </row>
    <row r="57167" spans="14:14">
      <c r="N57167" s="10"/>
    </row>
    <row r="57168" spans="14:14">
      <c r="N57168" s="10"/>
    </row>
    <row r="57169" spans="14:14">
      <c r="N57169" s="10"/>
    </row>
    <row r="57170" spans="14:14">
      <c r="N57170" s="10"/>
    </row>
    <row r="57171" spans="14:14">
      <c r="N57171" s="10"/>
    </row>
    <row r="57172" spans="14:14">
      <c r="N57172" s="10"/>
    </row>
    <row r="57173" spans="14:14">
      <c r="N57173" s="10"/>
    </row>
    <row r="57174" spans="14:14">
      <c r="N57174" s="10"/>
    </row>
    <row r="57175" spans="14:14">
      <c r="N57175" s="10"/>
    </row>
    <row r="57176" spans="14:14">
      <c r="N57176" s="10"/>
    </row>
    <row r="57177" spans="14:14">
      <c r="N57177" s="10"/>
    </row>
    <row r="57178" spans="14:14">
      <c r="N57178" s="10"/>
    </row>
    <row r="57179" spans="14:14">
      <c r="N57179" s="10"/>
    </row>
    <row r="57180" spans="14:14">
      <c r="N57180" s="10"/>
    </row>
    <row r="57181" spans="14:14">
      <c r="N57181" s="10"/>
    </row>
    <row r="57182" spans="14:14">
      <c r="N57182" s="10"/>
    </row>
    <row r="57183" spans="14:14">
      <c r="N57183" s="10"/>
    </row>
    <row r="57184" spans="14:14">
      <c r="N57184" s="10"/>
    </row>
    <row r="57185" spans="14:14">
      <c r="N57185" s="10"/>
    </row>
    <row r="57186" spans="14:14">
      <c r="N57186" s="10"/>
    </row>
    <row r="57187" spans="14:14">
      <c r="N57187" s="10"/>
    </row>
    <row r="57188" spans="14:14">
      <c r="N57188" s="10"/>
    </row>
    <row r="57189" spans="14:14">
      <c r="N57189" s="10"/>
    </row>
    <row r="57190" spans="14:14">
      <c r="N57190" s="10"/>
    </row>
    <row r="57191" spans="14:14">
      <c r="N57191" s="10"/>
    </row>
    <row r="57192" spans="14:14">
      <c r="N57192" s="10"/>
    </row>
    <row r="57193" spans="14:14">
      <c r="N57193" s="10"/>
    </row>
    <row r="57194" spans="14:14">
      <c r="N57194" s="10"/>
    </row>
    <row r="57195" spans="14:14">
      <c r="N57195" s="10"/>
    </row>
    <row r="57196" spans="14:14">
      <c r="N57196" s="10"/>
    </row>
    <row r="57197" spans="14:14">
      <c r="N57197" s="10"/>
    </row>
    <row r="57198" spans="14:14">
      <c r="N57198" s="10"/>
    </row>
    <row r="57199" spans="14:14">
      <c r="N57199" s="10"/>
    </row>
    <row r="57200" spans="14:14">
      <c r="N57200" s="10"/>
    </row>
    <row r="57201" spans="14:14">
      <c r="N57201" s="10"/>
    </row>
    <row r="57202" spans="14:14">
      <c r="N57202" s="10"/>
    </row>
    <row r="57203" spans="14:14">
      <c r="N57203" s="10"/>
    </row>
    <row r="57204" spans="14:14">
      <c r="N57204" s="10"/>
    </row>
    <row r="57205" spans="14:14">
      <c r="N57205" s="10"/>
    </row>
    <row r="57206" spans="14:14">
      <c r="N57206" s="10"/>
    </row>
    <row r="57207" spans="14:14">
      <c r="N57207" s="10"/>
    </row>
    <row r="57208" spans="14:14">
      <c r="N57208" s="10"/>
    </row>
    <row r="57209" spans="14:14">
      <c r="N57209" s="10"/>
    </row>
    <row r="57210" spans="14:14">
      <c r="N57210" s="10"/>
    </row>
    <row r="57211" spans="14:14">
      <c r="N57211" s="10"/>
    </row>
    <row r="57212" spans="14:14">
      <c r="N57212" s="10"/>
    </row>
    <row r="57213" spans="14:14">
      <c r="N57213" s="10"/>
    </row>
    <row r="57214" spans="14:14">
      <c r="N57214" s="10"/>
    </row>
    <row r="57215" spans="14:14">
      <c r="N57215" s="10"/>
    </row>
    <row r="57216" spans="14:14">
      <c r="N57216" s="10"/>
    </row>
    <row r="57217" spans="14:14">
      <c r="N57217" s="10"/>
    </row>
    <row r="57218" spans="14:14">
      <c r="N57218" s="10"/>
    </row>
    <row r="57219" spans="14:14">
      <c r="N57219" s="10"/>
    </row>
    <row r="57220" spans="14:14">
      <c r="N57220" s="10"/>
    </row>
    <row r="57221" spans="14:14">
      <c r="N57221" s="10"/>
    </row>
    <row r="57222" spans="14:14">
      <c r="N57222" s="10"/>
    </row>
    <row r="57223" spans="14:14">
      <c r="N57223" s="10"/>
    </row>
    <row r="57224" spans="14:14">
      <c r="N57224" s="10"/>
    </row>
    <row r="57225" spans="14:14">
      <c r="N57225" s="10"/>
    </row>
    <row r="57226" spans="14:14">
      <c r="N57226" s="10"/>
    </row>
    <row r="57227" spans="14:14">
      <c r="N57227" s="10"/>
    </row>
    <row r="57228" spans="14:14">
      <c r="N57228" s="10"/>
    </row>
    <row r="57229" spans="14:14">
      <c r="N57229" s="10"/>
    </row>
    <row r="57230" spans="14:14">
      <c r="N57230" s="10"/>
    </row>
    <row r="57231" spans="14:14">
      <c r="N57231" s="10"/>
    </row>
    <row r="57232" spans="14:14">
      <c r="N57232" s="10"/>
    </row>
    <row r="57233" spans="14:14">
      <c r="N57233" s="10"/>
    </row>
    <row r="57234" spans="14:14">
      <c r="N57234" s="10"/>
    </row>
    <row r="57235" spans="14:14">
      <c r="N57235" s="10"/>
    </row>
    <row r="57236" spans="14:14">
      <c r="N57236" s="10"/>
    </row>
    <row r="57237" spans="14:14">
      <c r="N57237" s="10"/>
    </row>
    <row r="57238" spans="14:14">
      <c r="N57238" s="10"/>
    </row>
    <row r="57239" spans="14:14">
      <c r="N57239" s="10"/>
    </row>
    <row r="57240" spans="14:14">
      <c r="N57240" s="10"/>
    </row>
    <row r="57241" spans="14:14">
      <c r="N57241" s="10"/>
    </row>
    <row r="57242" spans="14:14">
      <c r="N57242" s="10"/>
    </row>
    <row r="57243" spans="14:14">
      <c r="N57243" s="10"/>
    </row>
    <row r="57244" spans="14:14">
      <c r="N57244" s="10"/>
    </row>
    <row r="57245" spans="14:14">
      <c r="N57245" s="10"/>
    </row>
    <row r="57246" spans="14:14">
      <c r="N57246" s="10"/>
    </row>
    <row r="57247" spans="14:14">
      <c r="N57247" s="10"/>
    </row>
    <row r="57248" spans="14:14">
      <c r="N57248" s="10"/>
    </row>
    <row r="57249" spans="14:14">
      <c r="N57249" s="10"/>
    </row>
    <row r="57250" spans="14:14">
      <c r="N57250" s="10"/>
    </row>
    <row r="57251" spans="14:14">
      <c r="N57251" s="10"/>
    </row>
    <row r="57252" spans="14:14">
      <c r="N57252" s="10"/>
    </row>
    <row r="57253" spans="14:14">
      <c r="N57253" s="10"/>
    </row>
    <row r="57254" spans="14:14">
      <c r="N57254" s="10"/>
    </row>
    <row r="57255" spans="14:14">
      <c r="N57255" s="10"/>
    </row>
    <row r="57256" spans="14:14">
      <c r="N57256" s="10"/>
    </row>
    <row r="57257" spans="14:14">
      <c r="N57257" s="10"/>
    </row>
    <row r="57258" spans="14:14">
      <c r="N57258" s="10"/>
    </row>
    <row r="57259" spans="14:14">
      <c r="N57259" s="10"/>
    </row>
    <row r="57260" spans="14:14">
      <c r="N57260" s="10"/>
    </row>
    <row r="57261" spans="14:14">
      <c r="N57261" s="10"/>
    </row>
    <row r="57262" spans="14:14">
      <c r="N57262" s="10"/>
    </row>
    <row r="57263" spans="14:14">
      <c r="N57263" s="10"/>
    </row>
    <row r="57264" spans="14:14">
      <c r="N57264" s="10"/>
    </row>
    <row r="57265" spans="14:14">
      <c r="N57265" s="10"/>
    </row>
    <row r="57266" spans="14:14">
      <c r="N57266" s="10"/>
    </row>
    <row r="57267" spans="14:14">
      <c r="N57267" s="10"/>
    </row>
    <row r="57268" spans="14:14">
      <c r="N57268" s="10"/>
    </row>
    <row r="57269" spans="14:14">
      <c r="N57269" s="10"/>
    </row>
    <row r="57270" spans="14:14">
      <c r="N57270" s="10"/>
    </row>
    <row r="57271" spans="14:14">
      <c r="N57271" s="10"/>
    </row>
    <row r="57272" spans="14:14">
      <c r="N57272" s="10"/>
    </row>
    <row r="57273" spans="14:14">
      <c r="N57273" s="10"/>
    </row>
    <row r="57274" spans="14:14">
      <c r="N57274" s="10"/>
    </row>
    <row r="57275" spans="14:14">
      <c r="N57275" s="10"/>
    </row>
    <row r="57276" spans="14:14">
      <c r="N57276" s="10"/>
    </row>
    <row r="57277" spans="14:14">
      <c r="N57277" s="10"/>
    </row>
    <row r="57278" spans="14:14">
      <c r="N57278" s="10"/>
    </row>
    <row r="57279" spans="14:14">
      <c r="N57279" s="10"/>
    </row>
    <row r="57280" spans="14:14">
      <c r="N57280" s="10"/>
    </row>
    <row r="57281" spans="14:14">
      <c r="N57281" s="10"/>
    </row>
    <row r="57282" spans="14:14">
      <c r="N57282" s="10"/>
    </row>
    <row r="57283" spans="14:14">
      <c r="N57283" s="10"/>
    </row>
    <row r="57284" spans="14:14">
      <c r="N57284" s="10"/>
    </row>
    <row r="57285" spans="14:14">
      <c r="N57285" s="10"/>
    </row>
    <row r="57286" spans="14:14">
      <c r="N57286" s="10"/>
    </row>
    <row r="57287" spans="14:14">
      <c r="N57287" s="10"/>
    </row>
    <row r="57288" spans="14:14">
      <c r="N57288" s="10"/>
    </row>
    <row r="57289" spans="14:14">
      <c r="N57289" s="10"/>
    </row>
    <row r="57290" spans="14:14">
      <c r="N57290" s="10"/>
    </row>
    <row r="57291" spans="14:14">
      <c r="N57291" s="10"/>
    </row>
    <row r="57292" spans="14:14">
      <c r="N57292" s="10"/>
    </row>
    <row r="57293" spans="14:14">
      <c r="N57293" s="10"/>
    </row>
    <row r="57294" spans="14:14">
      <c r="N57294" s="10"/>
    </row>
    <row r="57295" spans="14:14">
      <c r="N57295" s="10"/>
    </row>
    <row r="57296" spans="14:14">
      <c r="N57296" s="10"/>
    </row>
    <row r="57297" spans="14:14">
      <c r="N57297" s="10"/>
    </row>
    <row r="57298" spans="14:14">
      <c r="N57298" s="10"/>
    </row>
    <row r="57299" spans="14:14">
      <c r="N57299" s="10"/>
    </row>
    <row r="57300" spans="14:14">
      <c r="N57300" s="10"/>
    </row>
    <row r="57301" spans="14:14">
      <c r="N57301" s="10"/>
    </row>
    <row r="57302" spans="14:14">
      <c r="N57302" s="10"/>
    </row>
    <row r="57303" spans="14:14">
      <c r="N57303" s="10"/>
    </row>
    <row r="57304" spans="14:14">
      <c r="N57304" s="10"/>
    </row>
    <row r="57305" spans="14:14">
      <c r="N57305" s="10"/>
    </row>
    <row r="57306" spans="14:14">
      <c r="N57306" s="10"/>
    </row>
    <row r="57307" spans="14:14">
      <c r="N57307" s="10"/>
    </row>
    <row r="57308" spans="14:14">
      <c r="N57308" s="10"/>
    </row>
    <row r="57309" spans="14:14">
      <c r="N57309" s="10"/>
    </row>
    <row r="57310" spans="14:14">
      <c r="N57310" s="10"/>
    </row>
    <row r="57311" spans="14:14">
      <c r="N57311" s="10"/>
    </row>
    <row r="57312" spans="14:14">
      <c r="N57312" s="10"/>
    </row>
    <row r="57313" spans="14:14">
      <c r="N57313" s="10"/>
    </row>
    <row r="57314" spans="14:14">
      <c r="N57314" s="10"/>
    </row>
    <row r="57315" spans="14:14">
      <c r="N57315" s="10"/>
    </row>
    <row r="57316" spans="14:14">
      <c r="N57316" s="10"/>
    </row>
    <row r="57317" spans="14:14">
      <c r="N57317" s="10"/>
    </row>
    <row r="57318" spans="14:14">
      <c r="N57318" s="10"/>
    </row>
    <row r="57319" spans="14:14">
      <c r="N57319" s="10"/>
    </row>
    <row r="57320" spans="14:14">
      <c r="N57320" s="10"/>
    </row>
    <row r="57321" spans="14:14">
      <c r="N57321" s="10"/>
    </row>
    <row r="57322" spans="14:14">
      <c r="N57322" s="10"/>
    </row>
    <row r="57323" spans="14:14">
      <c r="N57323" s="10"/>
    </row>
    <row r="57324" spans="14:14">
      <c r="N57324" s="10"/>
    </row>
    <row r="57325" spans="14:14">
      <c r="N57325" s="10"/>
    </row>
    <row r="57326" spans="14:14">
      <c r="N57326" s="10"/>
    </row>
    <row r="57327" spans="14:14">
      <c r="N57327" s="10"/>
    </row>
    <row r="57328" spans="14:14">
      <c r="N57328" s="10"/>
    </row>
    <row r="57329" spans="14:14">
      <c r="N57329" s="10"/>
    </row>
    <row r="57330" spans="14:14">
      <c r="N57330" s="10"/>
    </row>
    <row r="57331" spans="14:14">
      <c r="N57331" s="10"/>
    </row>
    <row r="57332" spans="14:14">
      <c r="N57332" s="10"/>
    </row>
    <row r="57333" spans="14:14">
      <c r="N57333" s="10"/>
    </row>
    <row r="57334" spans="14:14">
      <c r="N57334" s="10"/>
    </row>
    <row r="57335" spans="14:14">
      <c r="N57335" s="10"/>
    </row>
    <row r="57336" spans="14:14">
      <c r="N57336" s="10"/>
    </row>
    <row r="57337" spans="14:14">
      <c r="N57337" s="10"/>
    </row>
    <row r="57338" spans="14:14">
      <c r="N57338" s="10"/>
    </row>
    <row r="57339" spans="14:14">
      <c r="N57339" s="10"/>
    </row>
    <row r="57340" spans="14:14">
      <c r="N57340" s="10"/>
    </row>
    <row r="57341" spans="14:14">
      <c r="N57341" s="10"/>
    </row>
    <row r="57342" spans="14:14">
      <c r="N57342" s="10"/>
    </row>
    <row r="57343" spans="14:14">
      <c r="N57343" s="10"/>
    </row>
    <row r="57344" spans="14:14">
      <c r="N57344" s="10"/>
    </row>
    <row r="57345" spans="14:14">
      <c r="N57345" s="10"/>
    </row>
    <row r="57346" spans="14:14">
      <c r="N57346" s="10"/>
    </row>
    <row r="57347" spans="14:14">
      <c r="N57347" s="10"/>
    </row>
    <row r="57348" spans="14:14">
      <c r="N57348" s="10"/>
    </row>
    <row r="57349" spans="14:14">
      <c r="N57349" s="10"/>
    </row>
    <row r="57350" spans="14:14">
      <c r="N57350" s="10"/>
    </row>
    <row r="57351" spans="14:14">
      <c r="N57351" s="10"/>
    </row>
    <row r="57352" spans="14:14">
      <c r="N57352" s="10"/>
    </row>
    <row r="57353" spans="14:14">
      <c r="N57353" s="10"/>
    </row>
    <row r="57354" spans="14:14">
      <c r="N57354" s="10"/>
    </row>
    <row r="57355" spans="14:14">
      <c r="N57355" s="10"/>
    </row>
    <row r="57356" spans="14:14">
      <c r="N57356" s="10"/>
    </row>
    <row r="57357" spans="14:14">
      <c r="N57357" s="10"/>
    </row>
    <row r="57358" spans="14:14">
      <c r="N57358" s="10"/>
    </row>
    <row r="57359" spans="14:14">
      <c r="N57359" s="10"/>
    </row>
    <row r="57360" spans="14:14">
      <c r="N57360" s="10"/>
    </row>
    <row r="57361" spans="14:14">
      <c r="N57361" s="10"/>
    </row>
    <row r="57362" spans="14:14">
      <c r="N57362" s="10"/>
    </row>
    <row r="57363" spans="14:14">
      <c r="N57363" s="10"/>
    </row>
    <row r="57364" spans="14:14">
      <c r="N57364" s="10"/>
    </row>
    <row r="57365" spans="14:14">
      <c r="N57365" s="10"/>
    </row>
    <row r="57366" spans="14:14">
      <c r="N57366" s="10"/>
    </row>
    <row r="57367" spans="14:14">
      <c r="N57367" s="10"/>
    </row>
    <row r="57368" spans="14:14">
      <c r="N57368" s="10"/>
    </row>
    <row r="57369" spans="14:14">
      <c r="N57369" s="10"/>
    </row>
    <row r="57370" spans="14:14">
      <c r="N57370" s="10"/>
    </row>
    <row r="57371" spans="14:14">
      <c r="N57371" s="10"/>
    </row>
    <row r="57372" spans="14:14">
      <c r="N57372" s="10"/>
    </row>
    <row r="57373" spans="14:14">
      <c r="N57373" s="10"/>
    </row>
    <row r="57374" spans="14:14">
      <c r="N57374" s="10"/>
    </row>
    <row r="57375" spans="14:14">
      <c r="N57375" s="10"/>
    </row>
    <row r="57376" spans="14:14">
      <c r="N57376" s="10"/>
    </row>
    <row r="57377" spans="14:14">
      <c r="N57377" s="10"/>
    </row>
    <row r="57378" spans="14:14">
      <c r="N57378" s="10"/>
    </row>
    <row r="57379" spans="14:14">
      <c r="N57379" s="10"/>
    </row>
    <row r="57380" spans="14:14">
      <c r="N57380" s="10"/>
    </row>
    <row r="57381" spans="14:14">
      <c r="N57381" s="10"/>
    </row>
    <row r="57382" spans="14:14">
      <c r="N57382" s="10"/>
    </row>
    <row r="57383" spans="14:14">
      <c r="N57383" s="10"/>
    </row>
    <row r="57384" spans="14:14">
      <c r="N57384" s="10"/>
    </row>
    <row r="57385" spans="14:14">
      <c r="N57385" s="10"/>
    </row>
    <row r="57386" spans="14:14">
      <c r="N57386" s="10"/>
    </row>
    <row r="57387" spans="14:14">
      <c r="N57387" s="10"/>
    </row>
    <row r="57388" spans="14:14">
      <c r="N57388" s="10"/>
    </row>
    <row r="57389" spans="14:14">
      <c r="N57389" s="10"/>
    </row>
    <row r="57390" spans="14:14">
      <c r="N57390" s="10"/>
    </row>
    <row r="57391" spans="14:14">
      <c r="N57391" s="10"/>
    </row>
    <row r="57392" spans="14:14">
      <c r="N57392" s="10"/>
    </row>
    <row r="57393" spans="14:14">
      <c r="N57393" s="10"/>
    </row>
    <row r="57394" spans="14:14">
      <c r="N57394" s="10"/>
    </row>
    <row r="57395" spans="14:14">
      <c r="N57395" s="10"/>
    </row>
    <row r="57396" spans="14:14">
      <c r="N57396" s="10"/>
    </row>
    <row r="57397" spans="14:14">
      <c r="N57397" s="10"/>
    </row>
    <row r="57398" spans="14:14">
      <c r="N57398" s="10"/>
    </row>
    <row r="57399" spans="14:14">
      <c r="N57399" s="10"/>
    </row>
    <row r="57400" spans="14:14">
      <c r="N57400" s="10"/>
    </row>
    <row r="57401" spans="14:14">
      <c r="N57401" s="10"/>
    </row>
    <row r="57402" spans="14:14">
      <c r="N57402" s="10"/>
    </row>
    <row r="57403" spans="14:14">
      <c r="N57403" s="10"/>
    </row>
    <row r="57404" spans="14:14">
      <c r="N57404" s="10"/>
    </row>
    <row r="57405" spans="14:14">
      <c r="N57405" s="10"/>
    </row>
    <row r="57406" spans="14:14">
      <c r="N57406" s="10"/>
    </row>
    <row r="57407" spans="14:14">
      <c r="N57407" s="10"/>
    </row>
    <row r="57408" spans="14:14">
      <c r="N57408" s="10"/>
    </row>
    <row r="57409" spans="14:14">
      <c r="N57409" s="10"/>
    </row>
    <row r="57410" spans="14:14">
      <c r="N57410" s="10"/>
    </row>
    <row r="57411" spans="14:14">
      <c r="N57411" s="10"/>
    </row>
    <row r="57412" spans="14:14">
      <c r="N57412" s="10"/>
    </row>
    <row r="57413" spans="14:14">
      <c r="N57413" s="10"/>
    </row>
    <row r="57414" spans="14:14">
      <c r="N57414" s="10"/>
    </row>
    <row r="57415" spans="14:14">
      <c r="N57415" s="10"/>
    </row>
    <row r="57416" spans="14:14">
      <c r="N57416" s="10"/>
    </row>
    <row r="57417" spans="14:14">
      <c r="N57417" s="10"/>
    </row>
    <row r="57418" spans="14:14">
      <c r="N57418" s="10"/>
    </row>
    <row r="57419" spans="14:14">
      <c r="N57419" s="10"/>
    </row>
    <row r="57420" spans="14:14">
      <c r="N57420" s="10"/>
    </row>
    <row r="57421" spans="14:14">
      <c r="N57421" s="10"/>
    </row>
    <row r="57422" spans="14:14">
      <c r="N57422" s="10"/>
    </row>
    <row r="57423" spans="14:14">
      <c r="N57423" s="10"/>
    </row>
    <row r="57424" spans="14:14">
      <c r="N57424" s="10"/>
    </row>
    <row r="57425" spans="14:14">
      <c r="N57425" s="10"/>
    </row>
    <row r="57426" spans="14:14">
      <c r="N57426" s="10"/>
    </row>
    <row r="57427" spans="14:14">
      <c r="N57427" s="10"/>
    </row>
    <row r="57428" spans="14:14">
      <c r="N57428" s="10"/>
    </row>
    <row r="57429" spans="14:14">
      <c r="N57429" s="10"/>
    </row>
    <row r="57430" spans="14:14">
      <c r="N57430" s="10"/>
    </row>
    <row r="57431" spans="14:14">
      <c r="N57431" s="10"/>
    </row>
    <row r="57432" spans="14:14">
      <c r="N57432" s="10"/>
    </row>
    <row r="57433" spans="14:14">
      <c r="N57433" s="10"/>
    </row>
    <row r="57434" spans="14:14">
      <c r="N57434" s="10"/>
    </row>
    <row r="57435" spans="14:14">
      <c r="N57435" s="10"/>
    </row>
    <row r="57436" spans="14:14">
      <c r="N57436" s="10"/>
    </row>
    <row r="57437" spans="14:14">
      <c r="N57437" s="10"/>
    </row>
    <row r="57438" spans="14:14">
      <c r="N57438" s="10"/>
    </row>
    <row r="57439" spans="14:14">
      <c r="N57439" s="10"/>
    </row>
    <row r="57440" spans="14:14">
      <c r="N57440" s="10"/>
    </row>
    <row r="57441" spans="14:14">
      <c r="N57441" s="10"/>
    </row>
    <row r="57442" spans="14:14">
      <c r="N57442" s="10"/>
    </row>
    <row r="57443" spans="14:14">
      <c r="N57443" s="10"/>
    </row>
    <row r="57444" spans="14:14">
      <c r="N57444" s="10"/>
    </row>
    <row r="57445" spans="14:14">
      <c r="N57445" s="10"/>
    </row>
    <row r="57446" spans="14:14">
      <c r="N57446" s="10"/>
    </row>
    <row r="57447" spans="14:14">
      <c r="N57447" s="10"/>
    </row>
    <row r="57448" spans="14:14">
      <c r="N57448" s="10"/>
    </row>
    <row r="57449" spans="14:14">
      <c r="N57449" s="10"/>
    </row>
    <row r="57450" spans="14:14">
      <c r="N57450" s="10"/>
    </row>
    <row r="57451" spans="14:14">
      <c r="N57451" s="10"/>
    </row>
    <row r="57452" spans="14:14">
      <c r="N57452" s="10"/>
    </row>
    <row r="57453" spans="14:14">
      <c r="N57453" s="10"/>
    </row>
    <row r="57454" spans="14:14">
      <c r="N57454" s="10"/>
    </row>
    <row r="57455" spans="14:14">
      <c r="N57455" s="10"/>
    </row>
    <row r="57456" spans="14:14">
      <c r="N57456" s="10"/>
    </row>
    <row r="57457" spans="14:14">
      <c r="N57457" s="10"/>
    </row>
    <row r="57458" spans="14:14">
      <c r="N57458" s="10"/>
    </row>
    <row r="57459" spans="14:14">
      <c r="N57459" s="10"/>
    </row>
    <row r="57460" spans="14:14">
      <c r="N57460" s="10"/>
    </row>
    <row r="57461" spans="14:14">
      <c r="N57461" s="10"/>
    </row>
    <row r="57462" spans="14:14">
      <c r="N57462" s="10"/>
    </row>
    <row r="57463" spans="14:14">
      <c r="N57463" s="10"/>
    </row>
    <row r="57464" spans="14:14">
      <c r="N57464" s="10"/>
    </row>
    <row r="57465" spans="14:14">
      <c r="N57465" s="10"/>
    </row>
    <row r="57466" spans="14:14">
      <c r="N57466" s="10"/>
    </row>
    <row r="57467" spans="14:14">
      <c r="N57467" s="10"/>
    </row>
    <row r="57468" spans="14:14">
      <c r="N57468" s="10"/>
    </row>
    <row r="57469" spans="14:14">
      <c r="N57469" s="10"/>
    </row>
    <row r="57470" spans="14:14">
      <c r="N57470" s="10"/>
    </row>
    <row r="57471" spans="14:14">
      <c r="N57471" s="10"/>
    </row>
    <row r="57472" spans="14:14">
      <c r="N57472" s="10"/>
    </row>
    <row r="57473" spans="14:14">
      <c r="N57473" s="10"/>
    </row>
    <row r="57474" spans="14:14">
      <c r="N57474" s="10"/>
    </row>
    <row r="57475" spans="14:14">
      <c r="N57475" s="10"/>
    </row>
    <row r="57476" spans="14:14">
      <c r="N57476" s="10"/>
    </row>
    <row r="57477" spans="14:14">
      <c r="N57477" s="10"/>
    </row>
    <row r="57478" spans="14:14">
      <c r="N57478" s="10"/>
    </row>
    <row r="57479" spans="14:14">
      <c r="N57479" s="10"/>
    </row>
    <row r="57480" spans="14:14">
      <c r="N57480" s="10"/>
    </row>
    <row r="57481" spans="14:14">
      <c r="N57481" s="10"/>
    </row>
    <row r="57482" spans="14:14">
      <c r="N57482" s="10"/>
    </row>
    <row r="57483" spans="14:14">
      <c r="N57483" s="10"/>
    </row>
    <row r="57484" spans="14:14">
      <c r="N57484" s="10"/>
    </row>
    <row r="57485" spans="14:14">
      <c r="N57485" s="10"/>
    </row>
    <row r="57486" spans="14:14">
      <c r="N57486" s="10"/>
    </row>
    <row r="57487" spans="14:14">
      <c r="N57487" s="10"/>
    </row>
    <row r="57488" spans="14:14">
      <c r="N57488" s="10"/>
    </row>
    <row r="57489" spans="14:14">
      <c r="N57489" s="10"/>
    </row>
    <row r="57490" spans="14:14">
      <c r="N57490" s="10"/>
    </row>
    <row r="57491" spans="14:14">
      <c r="N57491" s="10"/>
    </row>
    <row r="57492" spans="14:14">
      <c r="N57492" s="10"/>
    </row>
    <row r="57493" spans="14:14">
      <c r="N57493" s="10"/>
    </row>
    <row r="57494" spans="14:14">
      <c r="N57494" s="10"/>
    </row>
    <row r="57495" spans="14:14">
      <c r="N57495" s="10"/>
    </row>
    <row r="57496" spans="14:14">
      <c r="N57496" s="10"/>
    </row>
    <row r="57497" spans="14:14">
      <c r="N57497" s="10"/>
    </row>
    <row r="57498" spans="14:14">
      <c r="N57498" s="10"/>
    </row>
    <row r="57499" spans="14:14">
      <c r="N57499" s="10"/>
    </row>
    <row r="57500" spans="14:14">
      <c r="N57500" s="10"/>
    </row>
    <row r="57501" spans="14:14">
      <c r="N57501" s="10"/>
    </row>
    <row r="57502" spans="14:14">
      <c r="N57502" s="10"/>
    </row>
    <row r="57503" spans="14:14">
      <c r="N57503" s="10"/>
    </row>
    <row r="57504" spans="14:14">
      <c r="N57504" s="10"/>
    </row>
    <row r="57505" spans="14:14">
      <c r="N57505" s="10"/>
    </row>
    <row r="57506" spans="14:14">
      <c r="N57506" s="10"/>
    </row>
    <row r="57507" spans="14:14">
      <c r="N57507" s="10"/>
    </row>
    <row r="57508" spans="14:14">
      <c r="N57508" s="10"/>
    </row>
    <row r="57509" spans="14:14">
      <c r="N57509" s="10"/>
    </row>
    <row r="57510" spans="14:14">
      <c r="N57510" s="10"/>
    </row>
    <row r="57511" spans="14:14">
      <c r="N57511" s="10"/>
    </row>
    <row r="57512" spans="14:14">
      <c r="N57512" s="10"/>
    </row>
    <row r="57513" spans="14:14">
      <c r="N57513" s="10"/>
    </row>
    <row r="57514" spans="14:14">
      <c r="N57514" s="10"/>
    </row>
    <row r="57515" spans="14:14">
      <c r="N57515" s="10"/>
    </row>
    <row r="57516" spans="14:14">
      <c r="N57516" s="10"/>
    </row>
    <row r="57517" spans="14:14">
      <c r="N57517" s="10"/>
    </row>
    <row r="57518" spans="14:14">
      <c r="N57518" s="10"/>
    </row>
    <row r="57519" spans="14:14">
      <c r="N57519" s="10"/>
    </row>
    <row r="57520" spans="14:14">
      <c r="N57520" s="10"/>
    </row>
    <row r="57521" spans="14:14">
      <c r="N57521" s="10"/>
    </row>
    <row r="57522" spans="14:14">
      <c r="N57522" s="10"/>
    </row>
    <row r="57523" spans="14:14">
      <c r="N57523" s="10"/>
    </row>
    <row r="57524" spans="14:14">
      <c r="N57524" s="10"/>
    </row>
    <row r="57525" spans="14:14">
      <c r="N57525" s="10"/>
    </row>
    <row r="57526" spans="14:14">
      <c r="N57526" s="10"/>
    </row>
    <row r="57527" spans="14:14">
      <c r="N57527" s="10"/>
    </row>
    <row r="57528" spans="14:14">
      <c r="N57528" s="10"/>
    </row>
    <row r="57529" spans="14:14">
      <c r="N57529" s="10"/>
    </row>
    <row r="57530" spans="14:14">
      <c r="N57530" s="10"/>
    </row>
    <row r="57531" spans="14:14">
      <c r="N57531" s="10"/>
    </row>
    <row r="57532" spans="14:14">
      <c r="N57532" s="10"/>
    </row>
    <row r="57533" spans="14:14">
      <c r="N57533" s="10"/>
    </row>
    <row r="57534" spans="14:14">
      <c r="N57534" s="10"/>
    </row>
    <row r="57535" spans="14:14">
      <c r="N57535" s="10"/>
    </row>
    <row r="57536" spans="14:14">
      <c r="N57536" s="10"/>
    </row>
    <row r="57537" spans="14:14">
      <c r="N57537" s="10"/>
    </row>
    <row r="57538" spans="14:14">
      <c r="N57538" s="10"/>
    </row>
    <row r="57539" spans="14:14">
      <c r="N57539" s="10"/>
    </row>
    <row r="57540" spans="14:14">
      <c r="N57540" s="10"/>
    </row>
    <row r="57541" spans="14:14">
      <c r="N57541" s="10"/>
    </row>
    <row r="57542" spans="14:14">
      <c r="N57542" s="10"/>
    </row>
    <row r="57543" spans="14:14">
      <c r="N57543" s="10"/>
    </row>
    <row r="57544" spans="14:14">
      <c r="N57544" s="10"/>
    </row>
    <row r="57545" spans="14:14">
      <c r="N57545" s="10"/>
    </row>
    <row r="57546" spans="14:14">
      <c r="N57546" s="10"/>
    </row>
    <row r="57547" spans="14:14">
      <c r="N57547" s="10"/>
    </row>
    <row r="57548" spans="14:14">
      <c r="N57548" s="10"/>
    </row>
    <row r="57549" spans="14:14">
      <c r="N57549" s="10"/>
    </row>
    <row r="57550" spans="14:14">
      <c r="N57550" s="10"/>
    </row>
    <row r="57551" spans="14:14">
      <c r="N57551" s="10"/>
    </row>
    <row r="57552" spans="14:14">
      <c r="N57552" s="10"/>
    </row>
    <row r="57553" spans="14:14">
      <c r="N57553" s="10"/>
    </row>
    <row r="57554" spans="14:14">
      <c r="N57554" s="10"/>
    </row>
    <row r="57555" spans="14:14">
      <c r="N57555" s="10"/>
    </row>
    <row r="57556" spans="14:14">
      <c r="N57556" s="10"/>
    </row>
    <row r="57557" spans="14:14">
      <c r="N57557" s="10"/>
    </row>
    <row r="57558" spans="14:14">
      <c r="N57558" s="10"/>
    </row>
    <row r="57559" spans="14:14">
      <c r="N57559" s="10"/>
    </row>
    <row r="57560" spans="14:14">
      <c r="N57560" s="10"/>
    </row>
    <row r="57561" spans="14:14">
      <c r="N57561" s="10"/>
    </row>
    <row r="57562" spans="14:14">
      <c r="N57562" s="10"/>
    </row>
    <row r="57563" spans="14:14">
      <c r="N57563" s="10"/>
    </row>
    <row r="57564" spans="14:14">
      <c r="N57564" s="10"/>
    </row>
    <row r="57565" spans="14:14">
      <c r="N57565" s="10"/>
    </row>
    <row r="57566" spans="14:14">
      <c r="N57566" s="10"/>
    </row>
    <row r="57567" spans="14:14">
      <c r="N57567" s="10"/>
    </row>
    <row r="57568" spans="14:14">
      <c r="N57568" s="10"/>
    </row>
    <row r="57569" spans="14:14">
      <c r="N57569" s="10"/>
    </row>
    <row r="57570" spans="14:14">
      <c r="N57570" s="10"/>
    </row>
    <row r="57571" spans="14:14">
      <c r="N57571" s="10"/>
    </row>
    <row r="57572" spans="14:14">
      <c r="N57572" s="10"/>
    </row>
    <row r="57573" spans="14:14">
      <c r="N57573" s="10"/>
    </row>
    <row r="57574" spans="14:14">
      <c r="N57574" s="10"/>
    </row>
    <row r="57575" spans="14:14">
      <c r="N57575" s="10"/>
    </row>
    <row r="57576" spans="14:14">
      <c r="N57576" s="10"/>
    </row>
    <row r="57577" spans="14:14">
      <c r="N57577" s="10"/>
    </row>
    <row r="57578" spans="14:14">
      <c r="N57578" s="10"/>
    </row>
    <row r="57579" spans="14:14">
      <c r="N57579" s="10"/>
    </row>
    <row r="57580" spans="14:14">
      <c r="N57580" s="10"/>
    </row>
    <row r="57581" spans="14:14">
      <c r="N57581" s="10"/>
    </row>
    <row r="57582" spans="14:14">
      <c r="N57582" s="10"/>
    </row>
    <row r="57583" spans="14:14">
      <c r="N57583" s="10"/>
    </row>
    <row r="57584" spans="14:14">
      <c r="N57584" s="10"/>
    </row>
    <row r="57585" spans="14:14">
      <c r="N57585" s="10"/>
    </row>
    <row r="57586" spans="14:14">
      <c r="N57586" s="10"/>
    </row>
    <row r="57587" spans="14:14">
      <c r="N57587" s="10"/>
    </row>
    <row r="57588" spans="14:14">
      <c r="N57588" s="10"/>
    </row>
    <row r="57589" spans="14:14">
      <c r="N57589" s="10"/>
    </row>
    <row r="57590" spans="14:14">
      <c r="N57590" s="10"/>
    </row>
    <row r="57591" spans="14:14">
      <c r="N57591" s="10"/>
    </row>
    <row r="57592" spans="14:14">
      <c r="N57592" s="10"/>
    </row>
    <row r="57593" spans="14:14">
      <c r="N57593" s="10"/>
    </row>
    <row r="57594" spans="14:14">
      <c r="N57594" s="10"/>
    </row>
    <row r="57595" spans="14:14">
      <c r="N57595" s="10"/>
    </row>
    <row r="57596" spans="14:14">
      <c r="N57596" s="10"/>
    </row>
    <row r="57597" spans="14:14">
      <c r="N57597" s="10"/>
    </row>
    <row r="57598" spans="14:14">
      <c r="N57598" s="10"/>
    </row>
    <row r="57599" spans="14:14">
      <c r="N57599" s="10"/>
    </row>
    <row r="57600" spans="14:14">
      <c r="N57600" s="10"/>
    </row>
    <row r="57601" spans="14:14">
      <c r="N57601" s="10"/>
    </row>
    <row r="57602" spans="14:14">
      <c r="N57602" s="10"/>
    </row>
    <row r="57603" spans="14:14">
      <c r="N57603" s="10"/>
    </row>
    <row r="57604" spans="14:14">
      <c r="N57604" s="10"/>
    </row>
    <row r="57605" spans="14:14">
      <c r="N57605" s="10"/>
    </row>
    <row r="57606" spans="14:14">
      <c r="N57606" s="10"/>
    </row>
    <row r="57607" spans="14:14">
      <c r="N57607" s="10"/>
    </row>
    <row r="57608" spans="14:14">
      <c r="N57608" s="10"/>
    </row>
    <row r="57609" spans="14:14">
      <c r="N57609" s="10"/>
    </row>
    <row r="57610" spans="14:14">
      <c r="N57610" s="10"/>
    </row>
    <row r="57611" spans="14:14">
      <c r="N57611" s="10"/>
    </row>
    <row r="57612" spans="14:14">
      <c r="N57612" s="10"/>
    </row>
    <row r="57613" spans="14:14">
      <c r="N57613" s="10"/>
    </row>
    <row r="57614" spans="14:14">
      <c r="N57614" s="10"/>
    </row>
    <row r="57615" spans="14:14">
      <c r="N57615" s="10"/>
    </row>
    <row r="57616" spans="14:14">
      <c r="N57616" s="10"/>
    </row>
    <row r="57617" spans="14:14">
      <c r="N57617" s="10"/>
    </row>
    <row r="57618" spans="14:14">
      <c r="N57618" s="10"/>
    </row>
    <row r="57619" spans="14:14">
      <c r="N57619" s="10"/>
    </row>
    <row r="57620" spans="14:14">
      <c r="N57620" s="10"/>
    </row>
    <row r="57621" spans="14:14">
      <c r="N57621" s="10"/>
    </row>
    <row r="57622" spans="14:14">
      <c r="N57622" s="10"/>
    </row>
    <row r="57623" spans="14:14">
      <c r="N57623" s="10"/>
    </row>
    <row r="57624" spans="14:14">
      <c r="N57624" s="10"/>
    </row>
    <row r="57625" spans="14:14">
      <c r="N57625" s="10"/>
    </row>
    <row r="57626" spans="14:14">
      <c r="N57626" s="10"/>
    </row>
    <row r="57627" spans="14:14">
      <c r="N57627" s="10"/>
    </row>
    <row r="57628" spans="14:14">
      <c r="N57628" s="10"/>
    </row>
    <row r="57629" spans="14:14">
      <c r="N57629" s="10"/>
    </row>
    <row r="57630" spans="14:14">
      <c r="N57630" s="10"/>
    </row>
    <row r="57631" spans="14:14">
      <c r="N57631" s="10"/>
    </row>
    <row r="57632" spans="14:14">
      <c r="N57632" s="10"/>
    </row>
    <row r="57633" spans="14:14">
      <c r="N57633" s="10"/>
    </row>
    <row r="57634" spans="14:14">
      <c r="N57634" s="10"/>
    </row>
    <row r="57635" spans="14:14">
      <c r="N57635" s="10"/>
    </row>
    <row r="57636" spans="14:14">
      <c r="N57636" s="10"/>
    </row>
    <row r="57637" spans="14:14">
      <c r="N57637" s="10"/>
    </row>
    <row r="57638" spans="14:14">
      <c r="N57638" s="10"/>
    </row>
    <row r="57639" spans="14:14">
      <c r="N57639" s="10"/>
    </row>
    <row r="57640" spans="14:14">
      <c r="N57640" s="10"/>
    </row>
    <row r="57641" spans="14:14">
      <c r="N57641" s="10"/>
    </row>
    <row r="57642" spans="14:14">
      <c r="N57642" s="10"/>
    </row>
    <row r="57643" spans="14:14">
      <c r="N57643" s="10"/>
    </row>
    <row r="57644" spans="14:14">
      <c r="N57644" s="10"/>
    </row>
    <row r="57645" spans="14:14">
      <c r="N57645" s="10"/>
    </row>
    <row r="57646" spans="14:14">
      <c r="N57646" s="10"/>
    </row>
    <row r="57647" spans="14:14">
      <c r="N57647" s="10"/>
    </row>
    <row r="57648" spans="14:14">
      <c r="N57648" s="10"/>
    </row>
    <row r="57649" spans="14:14">
      <c r="N57649" s="10"/>
    </row>
    <row r="57650" spans="14:14">
      <c r="N57650" s="10"/>
    </row>
    <row r="57651" spans="14:14">
      <c r="N57651" s="10"/>
    </row>
    <row r="57652" spans="14:14">
      <c r="N57652" s="10"/>
    </row>
    <row r="57653" spans="14:14">
      <c r="N57653" s="10"/>
    </row>
    <row r="57654" spans="14:14">
      <c r="N57654" s="10"/>
    </row>
    <row r="57655" spans="14:14">
      <c r="N57655" s="10"/>
    </row>
    <row r="57656" spans="14:14">
      <c r="N57656" s="10"/>
    </row>
    <row r="57657" spans="14:14">
      <c r="N57657" s="10"/>
    </row>
    <row r="57658" spans="14:14">
      <c r="N57658" s="10"/>
    </row>
    <row r="57659" spans="14:14">
      <c r="N57659" s="10"/>
    </row>
    <row r="57660" spans="14:14">
      <c r="N57660" s="10"/>
    </row>
    <row r="57661" spans="14:14">
      <c r="N57661" s="10"/>
    </row>
    <row r="57662" spans="14:14">
      <c r="N57662" s="10"/>
    </row>
    <row r="57663" spans="14:14">
      <c r="N57663" s="10"/>
    </row>
    <row r="57664" spans="14:14">
      <c r="N57664" s="10"/>
    </row>
    <row r="57665" spans="14:14">
      <c r="N57665" s="10"/>
    </row>
    <row r="57666" spans="14:14">
      <c r="N57666" s="10"/>
    </row>
    <row r="57667" spans="14:14">
      <c r="N57667" s="10"/>
    </row>
    <row r="57668" spans="14:14">
      <c r="N57668" s="10"/>
    </row>
    <row r="57669" spans="14:14">
      <c r="N57669" s="10"/>
    </row>
    <row r="57670" spans="14:14">
      <c r="N57670" s="10"/>
    </row>
    <row r="57671" spans="14:14">
      <c r="N57671" s="10"/>
    </row>
    <row r="57672" spans="14:14">
      <c r="N57672" s="10"/>
    </row>
    <row r="57673" spans="14:14">
      <c r="N57673" s="10"/>
    </row>
    <row r="57674" spans="14:14">
      <c r="N57674" s="10"/>
    </row>
    <row r="57675" spans="14:14">
      <c r="N57675" s="10"/>
    </row>
    <row r="57676" spans="14:14">
      <c r="N57676" s="10"/>
    </row>
    <row r="57677" spans="14:14">
      <c r="N57677" s="10"/>
    </row>
    <row r="57678" spans="14:14">
      <c r="N57678" s="10"/>
    </row>
    <row r="57679" spans="14:14">
      <c r="N57679" s="10"/>
    </row>
    <row r="57680" spans="14:14">
      <c r="N57680" s="10"/>
    </row>
    <row r="57681" spans="14:14">
      <c r="N57681" s="10"/>
    </row>
    <row r="57682" spans="14:14">
      <c r="N57682" s="10"/>
    </row>
    <row r="57683" spans="14:14">
      <c r="N57683" s="10"/>
    </row>
    <row r="57684" spans="14:14">
      <c r="N57684" s="10"/>
    </row>
    <row r="57685" spans="14:14">
      <c r="N57685" s="10"/>
    </row>
    <row r="57686" spans="14:14">
      <c r="N57686" s="10"/>
    </row>
    <row r="57687" spans="14:14">
      <c r="N57687" s="10"/>
    </row>
    <row r="57688" spans="14:14">
      <c r="N57688" s="10"/>
    </row>
    <row r="57689" spans="14:14">
      <c r="N57689" s="10"/>
    </row>
    <row r="57690" spans="14:14">
      <c r="N57690" s="10"/>
    </row>
    <row r="57691" spans="14:14">
      <c r="N57691" s="10"/>
    </row>
    <row r="57692" spans="14:14">
      <c r="N57692" s="10"/>
    </row>
    <row r="57693" spans="14:14">
      <c r="N57693" s="10"/>
    </row>
    <row r="57694" spans="14:14">
      <c r="N57694" s="10"/>
    </row>
    <row r="57695" spans="14:14">
      <c r="N57695" s="10"/>
    </row>
    <row r="57696" spans="14:14">
      <c r="N57696" s="10"/>
    </row>
    <row r="57697" spans="14:14">
      <c r="N57697" s="10"/>
    </row>
    <row r="57698" spans="14:14">
      <c r="N57698" s="10"/>
    </row>
    <row r="57699" spans="14:14">
      <c r="N57699" s="10"/>
    </row>
    <row r="57700" spans="14:14">
      <c r="N57700" s="10"/>
    </row>
    <row r="57701" spans="14:14">
      <c r="N57701" s="10"/>
    </row>
    <row r="57702" spans="14:14">
      <c r="N57702" s="10"/>
    </row>
    <row r="57703" spans="14:14">
      <c r="N57703" s="10"/>
    </row>
    <row r="57704" spans="14:14">
      <c r="N57704" s="10"/>
    </row>
    <row r="57705" spans="14:14">
      <c r="N57705" s="10"/>
    </row>
    <row r="57706" spans="14:14">
      <c r="N57706" s="10"/>
    </row>
    <row r="57707" spans="14:14">
      <c r="N57707" s="10"/>
    </row>
    <row r="57708" spans="14:14">
      <c r="N57708" s="10"/>
    </row>
    <row r="57709" spans="14:14">
      <c r="N57709" s="10"/>
    </row>
    <row r="57710" spans="14:14">
      <c r="N57710" s="10"/>
    </row>
    <row r="57711" spans="14:14">
      <c r="N57711" s="10"/>
    </row>
    <row r="57712" spans="14:14">
      <c r="N57712" s="10"/>
    </row>
    <row r="57713" spans="14:14">
      <c r="N57713" s="10"/>
    </row>
    <row r="57714" spans="14:14">
      <c r="N57714" s="10"/>
    </row>
    <row r="57715" spans="14:14">
      <c r="N57715" s="10"/>
    </row>
    <row r="57716" spans="14:14">
      <c r="N57716" s="10"/>
    </row>
    <row r="57717" spans="14:14">
      <c r="N57717" s="10"/>
    </row>
    <row r="57718" spans="14:14">
      <c r="N57718" s="10"/>
    </row>
    <row r="57719" spans="14:14">
      <c r="N57719" s="10"/>
    </row>
    <row r="57720" spans="14:14">
      <c r="N57720" s="10"/>
    </row>
    <row r="57721" spans="14:14">
      <c r="N57721" s="10"/>
    </row>
    <row r="57722" spans="14:14">
      <c r="N57722" s="10"/>
    </row>
    <row r="57723" spans="14:14">
      <c r="N57723" s="10"/>
    </row>
    <row r="57724" spans="14:14">
      <c r="N57724" s="10"/>
    </row>
    <row r="57725" spans="14:14">
      <c r="N57725" s="10"/>
    </row>
    <row r="57726" spans="14:14">
      <c r="N57726" s="10"/>
    </row>
    <row r="57727" spans="14:14">
      <c r="N57727" s="10"/>
    </row>
    <row r="57728" spans="14:14">
      <c r="N57728" s="10"/>
    </row>
    <row r="57729" spans="14:14">
      <c r="N57729" s="10"/>
    </row>
    <row r="57730" spans="14:14">
      <c r="N57730" s="10"/>
    </row>
    <row r="57731" spans="14:14">
      <c r="N57731" s="10"/>
    </row>
    <row r="57732" spans="14:14">
      <c r="N57732" s="10"/>
    </row>
    <row r="57733" spans="14:14">
      <c r="N57733" s="10"/>
    </row>
    <row r="57734" spans="14:14">
      <c r="N57734" s="10"/>
    </row>
    <row r="57735" spans="14:14">
      <c r="N57735" s="10"/>
    </row>
    <row r="57736" spans="14:14">
      <c r="N57736" s="10"/>
    </row>
    <row r="57737" spans="14:14">
      <c r="N57737" s="10"/>
    </row>
    <row r="57738" spans="14:14">
      <c r="N57738" s="10"/>
    </row>
    <row r="57739" spans="14:14">
      <c r="N57739" s="10"/>
    </row>
    <row r="57740" spans="14:14">
      <c r="N57740" s="10"/>
    </row>
    <row r="57741" spans="14:14">
      <c r="N57741" s="10"/>
    </row>
    <row r="57742" spans="14:14">
      <c r="N57742" s="10"/>
    </row>
    <row r="57743" spans="14:14">
      <c r="N57743" s="10"/>
    </row>
    <row r="57744" spans="14:14">
      <c r="N57744" s="10"/>
    </row>
    <row r="57745" spans="14:14">
      <c r="N57745" s="10"/>
    </row>
    <row r="57746" spans="14:14">
      <c r="N57746" s="10"/>
    </row>
    <row r="57747" spans="14:14">
      <c r="N57747" s="10"/>
    </row>
    <row r="57748" spans="14:14">
      <c r="N57748" s="10"/>
    </row>
    <row r="57749" spans="14:14">
      <c r="N57749" s="10"/>
    </row>
    <row r="57750" spans="14:14">
      <c r="N57750" s="10"/>
    </row>
    <row r="57751" spans="14:14">
      <c r="N57751" s="10"/>
    </row>
    <row r="57752" spans="14:14">
      <c r="N57752" s="10"/>
    </row>
    <row r="57753" spans="14:14">
      <c r="N57753" s="10"/>
    </row>
    <row r="57754" spans="14:14">
      <c r="N57754" s="10"/>
    </row>
    <row r="57755" spans="14:14">
      <c r="N57755" s="10"/>
    </row>
    <row r="57756" spans="14:14">
      <c r="N57756" s="10"/>
    </row>
    <row r="57757" spans="14:14">
      <c r="N57757" s="10"/>
    </row>
    <row r="57758" spans="14:14">
      <c r="N57758" s="10"/>
    </row>
    <row r="57759" spans="14:14">
      <c r="N57759" s="10"/>
    </row>
    <row r="57760" spans="14:14">
      <c r="N57760" s="10"/>
    </row>
    <row r="57761" spans="14:14">
      <c r="N57761" s="10"/>
    </row>
    <row r="57762" spans="14:14">
      <c r="N57762" s="10"/>
    </row>
    <row r="57763" spans="14:14">
      <c r="N57763" s="10"/>
    </row>
    <row r="57764" spans="14:14">
      <c r="N57764" s="10"/>
    </row>
    <row r="57765" spans="14:14">
      <c r="N57765" s="10"/>
    </row>
    <row r="57766" spans="14:14">
      <c r="N57766" s="10"/>
    </row>
    <row r="57767" spans="14:14">
      <c r="N57767" s="10"/>
    </row>
    <row r="57768" spans="14:14">
      <c r="N57768" s="10"/>
    </row>
    <row r="57769" spans="14:14">
      <c r="N57769" s="10"/>
    </row>
    <row r="57770" spans="14:14">
      <c r="N57770" s="10"/>
    </row>
    <row r="57771" spans="14:14">
      <c r="N57771" s="10"/>
    </row>
    <row r="57772" spans="14:14">
      <c r="N57772" s="10"/>
    </row>
    <row r="57773" spans="14:14">
      <c r="N57773" s="10"/>
    </row>
    <row r="57774" spans="14:14">
      <c r="N57774" s="10"/>
    </row>
    <row r="57775" spans="14:14">
      <c r="N57775" s="10"/>
    </row>
    <row r="57776" spans="14:14">
      <c r="N57776" s="10"/>
    </row>
    <row r="57777" spans="14:14">
      <c r="N57777" s="10"/>
    </row>
    <row r="57778" spans="14:14">
      <c r="N57778" s="10"/>
    </row>
    <row r="57779" spans="14:14">
      <c r="N57779" s="10"/>
    </row>
    <row r="57780" spans="14:14">
      <c r="N57780" s="10"/>
    </row>
    <row r="57781" spans="14:14">
      <c r="N57781" s="10"/>
    </row>
    <row r="57782" spans="14:14">
      <c r="N57782" s="10"/>
    </row>
    <row r="57783" spans="14:14">
      <c r="N57783" s="10"/>
    </row>
    <row r="57784" spans="14:14">
      <c r="N57784" s="10"/>
    </row>
    <row r="57785" spans="14:14">
      <c r="N57785" s="10"/>
    </row>
    <row r="57786" spans="14:14">
      <c r="N57786" s="10"/>
    </row>
    <row r="57787" spans="14:14">
      <c r="N57787" s="10"/>
    </row>
    <row r="57788" spans="14:14">
      <c r="N57788" s="10"/>
    </row>
    <row r="57789" spans="14:14">
      <c r="N57789" s="10"/>
    </row>
    <row r="57790" spans="14:14">
      <c r="N57790" s="10"/>
    </row>
    <row r="57791" spans="14:14">
      <c r="N57791" s="10"/>
    </row>
    <row r="57792" spans="14:14">
      <c r="N57792" s="10"/>
    </row>
    <row r="57793" spans="14:14">
      <c r="N57793" s="10"/>
    </row>
    <row r="57794" spans="14:14">
      <c r="N57794" s="10"/>
    </row>
    <row r="57795" spans="14:14">
      <c r="N57795" s="10"/>
    </row>
    <row r="57796" spans="14:14">
      <c r="N57796" s="10"/>
    </row>
    <row r="57797" spans="14:14">
      <c r="N57797" s="10"/>
    </row>
    <row r="57798" spans="14:14">
      <c r="N57798" s="10"/>
    </row>
    <row r="57799" spans="14:14">
      <c r="N57799" s="10"/>
    </row>
    <row r="57800" spans="14:14">
      <c r="N57800" s="10"/>
    </row>
    <row r="57801" spans="14:14">
      <c r="N57801" s="10"/>
    </row>
    <row r="57802" spans="14:14">
      <c r="N57802" s="10"/>
    </row>
    <row r="57803" spans="14:14">
      <c r="N57803" s="10"/>
    </row>
    <row r="57804" spans="14:14">
      <c r="N57804" s="10"/>
    </row>
    <row r="57805" spans="14:14">
      <c r="N57805" s="10"/>
    </row>
    <row r="57806" spans="14:14">
      <c r="N57806" s="10"/>
    </row>
    <row r="57807" spans="14:14">
      <c r="N57807" s="10"/>
    </row>
    <row r="57808" spans="14:14">
      <c r="N57808" s="10"/>
    </row>
    <row r="57809" spans="14:14">
      <c r="N57809" s="10"/>
    </row>
    <row r="57810" spans="14:14">
      <c r="N57810" s="10"/>
    </row>
    <row r="57811" spans="14:14">
      <c r="N57811" s="10"/>
    </row>
    <row r="57812" spans="14:14">
      <c r="N57812" s="10"/>
    </row>
    <row r="57813" spans="14:14">
      <c r="N57813" s="10"/>
    </row>
    <row r="57814" spans="14:14">
      <c r="N57814" s="10"/>
    </row>
    <row r="57815" spans="14:14">
      <c r="N57815" s="10"/>
    </row>
    <row r="57816" spans="14:14">
      <c r="N57816" s="10"/>
    </row>
    <row r="57817" spans="14:14">
      <c r="N57817" s="10"/>
    </row>
    <row r="57818" spans="14:14">
      <c r="N57818" s="10"/>
    </row>
    <row r="57819" spans="14:14">
      <c r="N57819" s="10"/>
    </row>
    <row r="57820" spans="14:14">
      <c r="N57820" s="10"/>
    </row>
    <row r="57821" spans="14:14">
      <c r="N57821" s="10"/>
    </row>
    <row r="57822" spans="14:14">
      <c r="N57822" s="10"/>
    </row>
    <row r="57823" spans="14:14">
      <c r="N57823" s="10"/>
    </row>
    <row r="57824" spans="14:14">
      <c r="N57824" s="10"/>
    </row>
    <row r="57825" spans="14:14">
      <c r="N57825" s="10"/>
    </row>
    <row r="57826" spans="14:14">
      <c r="N57826" s="10"/>
    </row>
    <row r="57827" spans="14:14">
      <c r="N57827" s="10"/>
    </row>
    <row r="57828" spans="14:14">
      <c r="N57828" s="10"/>
    </row>
    <row r="57829" spans="14:14">
      <c r="N57829" s="10"/>
    </row>
    <row r="57830" spans="14:14">
      <c r="N57830" s="10"/>
    </row>
    <row r="57831" spans="14:14">
      <c r="N57831" s="10"/>
    </row>
    <row r="57832" spans="14:14">
      <c r="N57832" s="10"/>
    </row>
    <row r="57833" spans="14:14">
      <c r="N57833" s="10"/>
    </row>
    <row r="57834" spans="14:14">
      <c r="N57834" s="10"/>
    </row>
    <row r="57835" spans="14:14">
      <c r="N57835" s="10"/>
    </row>
    <row r="57836" spans="14:14">
      <c r="N57836" s="10"/>
    </row>
    <row r="57837" spans="14:14">
      <c r="N57837" s="10"/>
    </row>
    <row r="57838" spans="14:14">
      <c r="N57838" s="10"/>
    </row>
    <row r="57839" spans="14:14">
      <c r="N57839" s="10"/>
    </row>
    <row r="57840" spans="14:14">
      <c r="N57840" s="10"/>
    </row>
    <row r="57841" spans="14:14">
      <c r="N57841" s="10"/>
    </row>
    <row r="57842" spans="14:14">
      <c r="N57842" s="10"/>
    </row>
    <row r="57843" spans="14:14">
      <c r="N57843" s="10"/>
    </row>
    <row r="57844" spans="14:14">
      <c r="N57844" s="10"/>
    </row>
    <row r="57845" spans="14:14">
      <c r="N57845" s="10"/>
    </row>
    <row r="57846" spans="14:14">
      <c r="N57846" s="10"/>
    </row>
    <row r="57847" spans="14:14">
      <c r="N57847" s="10"/>
    </row>
    <row r="57848" spans="14:14">
      <c r="N57848" s="10"/>
    </row>
    <row r="57849" spans="14:14">
      <c r="N57849" s="10"/>
    </row>
    <row r="57850" spans="14:14">
      <c r="N57850" s="10"/>
    </row>
    <row r="57851" spans="14:14">
      <c r="N57851" s="10"/>
    </row>
    <row r="57852" spans="14:14">
      <c r="N57852" s="10"/>
    </row>
    <row r="57853" spans="14:14">
      <c r="N57853" s="10"/>
    </row>
    <row r="57854" spans="14:14">
      <c r="N57854" s="10"/>
    </row>
    <row r="57855" spans="14:14">
      <c r="N57855" s="10"/>
    </row>
    <row r="57856" spans="14:14">
      <c r="N57856" s="10"/>
    </row>
    <row r="57857" spans="14:14">
      <c r="N57857" s="10"/>
    </row>
    <row r="57858" spans="14:14">
      <c r="N57858" s="10"/>
    </row>
    <row r="57859" spans="14:14">
      <c r="N57859" s="10"/>
    </row>
    <row r="57860" spans="14:14">
      <c r="N57860" s="10"/>
    </row>
    <row r="57861" spans="14:14">
      <c r="N57861" s="10"/>
    </row>
    <row r="57862" spans="14:14">
      <c r="N57862" s="10"/>
    </row>
    <row r="57863" spans="14:14">
      <c r="N57863" s="10"/>
    </row>
    <row r="57864" spans="14:14">
      <c r="N57864" s="10"/>
    </row>
    <row r="57865" spans="14:14">
      <c r="N57865" s="10"/>
    </row>
    <row r="57866" spans="14:14">
      <c r="N57866" s="10"/>
    </row>
    <row r="57867" spans="14:14">
      <c r="N57867" s="10"/>
    </row>
    <row r="57868" spans="14:14">
      <c r="N57868" s="10"/>
    </row>
    <row r="57869" spans="14:14">
      <c r="N57869" s="10"/>
    </row>
    <row r="57870" spans="14:14">
      <c r="N57870" s="10"/>
    </row>
    <row r="57871" spans="14:14">
      <c r="N57871" s="10"/>
    </row>
    <row r="57872" spans="14:14">
      <c r="N57872" s="10"/>
    </row>
    <row r="57873" spans="14:14">
      <c r="N57873" s="10"/>
    </row>
    <row r="57874" spans="14:14">
      <c r="N57874" s="10"/>
    </row>
    <row r="57875" spans="14:14">
      <c r="N57875" s="10"/>
    </row>
    <row r="57876" spans="14:14">
      <c r="N57876" s="10"/>
    </row>
    <row r="57877" spans="14:14">
      <c r="N57877" s="10"/>
    </row>
    <row r="57878" spans="14:14">
      <c r="N57878" s="10"/>
    </row>
    <row r="57879" spans="14:14">
      <c r="N57879" s="10"/>
    </row>
    <row r="57880" spans="14:14">
      <c r="N57880" s="10"/>
    </row>
    <row r="57881" spans="14:14">
      <c r="N57881" s="10"/>
    </row>
    <row r="57882" spans="14:14">
      <c r="N57882" s="10"/>
    </row>
    <row r="57883" spans="14:14">
      <c r="N57883" s="10"/>
    </row>
    <row r="57884" spans="14:14">
      <c r="N57884" s="10"/>
    </row>
    <row r="57885" spans="14:14">
      <c r="N57885" s="10"/>
    </row>
    <row r="57886" spans="14:14">
      <c r="N57886" s="10"/>
    </row>
    <row r="57887" spans="14:14">
      <c r="N57887" s="10"/>
    </row>
    <row r="57888" spans="14:14">
      <c r="N57888" s="10"/>
    </row>
    <row r="57889" spans="14:14">
      <c r="N57889" s="10"/>
    </row>
    <row r="57890" spans="14:14">
      <c r="N57890" s="10"/>
    </row>
    <row r="57891" spans="14:14">
      <c r="N57891" s="10"/>
    </row>
    <row r="57892" spans="14:14">
      <c r="N57892" s="10"/>
    </row>
    <row r="57893" spans="14:14">
      <c r="N57893" s="10"/>
    </row>
    <row r="57894" spans="14:14">
      <c r="N57894" s="10"/>
    </row>
    <row r="57895" spans="14:14">
      <c r="N57895" s="10"/>
    </row>
    <row r="57896" spans="14:14">
      <c r="N57896" s="10"/>
    </row>
    <row r="57897" spans="14:14">
      <c r="N57897" s="10"/>
    </row>
    <row r="57898" spans="14:14">
      <c r="N57898" s="10"/>
    </row>
    <row r="57899" spans="14:14">
      <c r="N57899" s="10"/>
    </row>
    <row r="57900" spans="14:14">
      <c r="N57900" s="10"/>
    </row>
    <row r="57901" spans="14:14">
      <c r="N57901" s="10"/>
    </row>
    <row r="57902" spans="14:14">
      <c r="N57902" s="10"/>
    </row>
    <row r="57903" spans="14:14">
      <c r="N57903" s="10"/>
    </row>
    <row r="57904" spans="14:14">
      <c r="N57904" s="10"/>
    </row>
    <row r="57905" spans="14:14">
      <c r="N57905" s="10"/>
    </row>
    <row r="57906" spans="14:14">
      <c r="N57906" s="10"/>
    </row>
    <row r="57907" spans="14:14">
      <c r="N57907" s="10"/>
    </row>
    <row r="57908" spans="14:14">
      <c r="N57908" s="10"/>
    </row>
    <row r="57909" spans="14:14">
      <c r="N57909" s="10"/>
    </row>
    <row r="57910" spans="14:14">
      <c r="N57910" s="10"/>
    </row>
    <row r="57911" spans="14:14">
      <c r="N57911" s="10"/>
    </row>
    <row r="57912" spans="14:14">
      <c r="N57912" s="10"/>
    </row>
    <row r="57913" spans="14:14">
      <c r="N57913" s="10"/>
    </row>
    <row r="57914" spans="14:14">
      <c r="N57914" s="10"/>
    </row>
    <row r="57915" spans="14:14">
      <c r="N57915" s="10"/>
    </row>
    <row r="57916" spans="14:14">
      <c r="N57916" s="10"/>
    </row>
    <row r="57917" spans="14:14">
      <c r="N57917" s="10"/>
    </row>
    <row r="57918" spans="14:14">
      <c r="N57918" s="10"/>
    </row>
    <row r="57919" spans="14:14">
      <c r="N57919" s="10"/>
    </row>
    <row r="57920" spans="14:14">
      <c r="N57920" s="10"/>
    </row>
    <row r="57921" spans="14:14">
      <c r="N57921" s="10"/>
    </row>
    <row r="57922" spans="14:14">
      <c r="N57922" s="10"/>
    </row>
    <row r="57923" spans="14:14">
      <c r="N57923" s="10"/>
    </row>
    <row r="57924" spans="14:14">
      <c r="N57924" s="10"/>
    </row>
    <row r="57925" spans="14:14">
      <c r="N57925" s="10"/>
    </row>
    <row r="57926" spans="14:14">
      <c r="N57926" s="10"/>
    </row>
    <row r="57927" spans="14:14">
      <c r="N57927" s="10"/>
    </row>
    <row r="57928" spans="14:14">
      <c r="N57928" s="10"/>
    </row>
    <row r="57929" spans="14:14">
      <c r="N57929" s="10"/>
    </row>
    <row r="57930" spans="14:14">
      <c r="N57930" s="10"/>
    </row>
    <row r="57931" spans="14:14">
      <c r="N57931" s="10"/>
    </row>
    <row r="57932" spans="14:14">
      <c r="N57932" s="10"/>
    </row>
    <row r="57933" spans="14:14">
      <c r="N57933" s="10"/>
    </row>
    <row r="57934" spans="14:14">
      <c r="N57934" s="10"/>
    </row>
    <row r="57935" spans="14:14">
      <c r="N57935" s="10"/>
    </row>
    <row r="57936" spans="14:14">
      <c r="N57936" s="10"/>
    </row>
    <row r="57937" spans="14:14">
      <c r="N57937" s="10"/>
    </row>
    <row r="57938" spans="14:14">
      <c r="N57938" s="10"/>
    </row>
    <row r="57939" spans="14:14">
      <c r="N57939" s="10"/>
    </row>
    <row r="57940" spans="14:14">
      <c r="N57940" s="10"/>
    </row>
    <row r="57941" spans="14:14">
      <c r="N57941" s="10"/>
    </row>
    <row r="57942" spans="14:14">
      <c r="N57942" s="10"/>
    </row>
    <row r="57943" spans="14:14">
      <c r="N57943" s="10"/>
    </row>
    <row r="57944" spans="14:14">
      <c r="N57944" s="10"/>
    </row>
    <row r="57945" spans="14:14">
      <c r="N57945" s="10"/>
    </row>
    <row r="57946" spans="14:14">
      <c r="N57946" s="10"/>
    </row>
    <row r="57947" spans="14:14">
      <c r="N57947" s="10"/>
    </row>
    <row r="57948" spans="14:14">
      <c r="N57948" s="10"/>
    </row>
    <row r="57949" spans="14:14">
      <c r="N57949" s="10"/>
    </row>
    <row r="57950" spans="14:14">
      <c r="N57950" s="10"/>
    </row>
    <row r="57951" spans="14:14">
      <c r="N57951" s="10"/>
    </row>
    <row r="57952" spans="14:14">
      <c r="N57952" s="10"/>
    </row>
    <row r="57953" spans="14:14">
      <c r="N57953" s="10"/>
    </row>
    <row r="57954" spans="14:14">
      <c r="N57954" s="10"/>
    </row>
    <row r="57955" spans="14:14">
      <c r="N57955" s="10"/>
    </row>
    <row r="57956" spans="14:14">
      <c r="N57956" s="10"/>
    </row>
    <row r="57957" spans="14:14">
      <c r="N57957" s="10"/>
    </row>
    <row r="57958" spans="14:14">
      <c r="N57958" s="10"/>
    </row>
    <row r="57959" spans="14:14">
      <c r="N57959" s="10"/>
    </row>
    <row r="57960" spans="14:14">
      <c r="N57960" s="10"/>
    </row>
    <row r="57961" spans="14:14">
      <c r="N57961" s="10"/>
    </row>
    <row r="57962" spans="14:14">
      <c r="N57962" s="10"/>
    </row>
    <row r="57963" spans="14:14">
      <c r="N57963" s="10"/>
    </row>
    <row r="57964" spans="14:14">
      <c r="N57964" s="10"/>
    </row>
    <row r="57965" spans="14:14">
      <c r="N57965" s="10"/>
    </row>
    <row r="57966" spans="14:14">
      <c r="N57966" s="10"/>
    </row>
    <row r="57967" spans="14:14">
      <c r="N57967" s="10"/>
    </row>
    <row r="57968" spans="14:14">
      <c r="N57968" s="10"/>
    </row>
    <row r="57969" spans="14:14">
      <c r="N57969" s="10"/>
    </row>
    <row r="57970" spans="14:14">
      <c r="N57970" s="10"/>
    </row>
    <row r="57971" spans="14:14">
      <c r="N57971" s="10"/>
    </row>
    <row r="57972" spans="14:14">
      <c r="N57972" s="10"/>
    </row>
    <row r="57973" spans="14:14">
      <c r="N57973" s="10"/>
    </row>
    <row r="57974" spans="14:14">
      <c r="N57974" s="10"/>
    </row>
    <row r="57975" spans="14:14">
      <c r="N57975" s="10"/>
    </row>
    <row r="57976" spans="14:14">
      <c r="N57976" s="10"/>
    </row>
    <row r="57977" spans="14:14">
      <c r="N57977" s="10"/>
    </row>
    <row r="57978" spans="14:14">
      <c r="N57978" s="10"/>
    </row>
    <row r="57979" spans="14:14">
      <c r="N57979" s="10"/>
    </row>
    <row r="57980" spans="14:14">
      <c r="N57980" s="10"/>
    </row>
    <row r="57981" spans="14:14">
      <c r="N57981" s="10"/>
    </row>
    <row r="57982" spans="14:14">
      <c r="N57982" s="10"/>
    </row>
    <row r="57983" spans="14:14">
      <c r="N57983" s="10"/>
    </row>
    <row r="57984" spans="14:14">
      <c r="N57984" s="10"/>
    </row>
    <row r="57985" spans="14:14">
      <c r="N57985" s="10"/>
    </row>
    <row r="57986" spans="14:14">
      <c r="N57986" s="10"/>
    </row>
    <row r="57987" spans="14:14">
      <c r="N57987" s="10"/>
    </row>
    <row r="57988" spans="14:14">
      <c r="N57988" s="10"/>
    </row>
    <row r="57989" spans="14:14">
      <c r="N57989" s="10"/>
    </row>
    <row r="57990" spans="14:14">
      <c r="N57990" s="10"/>
    </row>
    <row r="57991" spans="14:14">
      <c r="N57991" s="10"/>
    </row>
    <row r="57992" spans="14:14">
      <c r="N57992" s="10"/>
    </row>
    <row r="57993" spans="14:14">
      <c r="N57993" s="10"/>
    </row>
    <row r="57994" spans="14:14">
      <c r="N57994" s="10"/>
    </row>
    <row r="57995" spans="14:14">
      <c r="N57995" s="10"/>
    </row>
    <row r="57996" spans="14:14">
      <c r="N57996" s="10"/>
    </row>
    <row r="57997" spans="14:14">
      <c r="N57997" s="10"/>
    </row>
    <row r="57998" spans="14:14">
      <c r="N57998" s="10"/>
    </row>
    <row r="57999" spans="14:14">
      <c r="N57999" s="10"/>
    </row>
    <row r="58000" spans="14:14">
      <c r="N58000" s="10"/>
    </row>
    <row r="58001" spans="14:14">
      <c r="N58001" s="10"/>
    </row>
    <row r="58002" spans="14:14">
      <c r="N58002" s="10"/>
    </row>
    <row r="58003" spans="14:14">
      <c r="N58003" s="10"/>
    </row>
    <row r="58004" spans="14:14">
      <c r="N58004" s="10"/>
    </row>
    <row r="58005" spans="14:14">
      <c r="N58005" s="10"/>
    </row>
    <row r="58006" spans="14:14">
      <c r="N58006" s="10"/>
    </row>
    <row r="58007" spans="14:14">
      <c r="N58007" s="10"/>
    </row>
    <row r="58008" spans="14:14">
      <c r="N58008" s="10"/>
    </row>
    <row r="58009" spans="14:14">
      <c r="N58009" s="10"/>
    </row>
    <row r="58010" spans="14:14">
      <c r="N58010" s="10"/>
    </row>
    <row r="58011" spans="14:14">
      <c r="N58011" s="10"/>
    </row>
    <row r="58012" spans="14:14">
      <c r="N58012" s="10"/>
    </row>
    <row r="58013" spans="14:14">
      <c r="N58013" s="10"/>
    </row>
    <row r="58014" spans="14:14">
      <c r="N58014" s="10"/>
    </row>
    <row r="58015" spans="14:14">
      <c r="N58015" s="10"/>
    </row>
    <row r="58016" spans="14:14">
      <c r="N58016" s="10"/>
    </row>
    <row r="58017" spans="14:14">
      <c r="N58017" s="10"/>
    </row>
    <row r="58018" spans="14:14">
      <c r="N58018" s="10"/>
    </row>
    <row r="58019" spans="14:14">
      <c r="N58019" s="10"/>
    </row>
    <row r="58020" spans="14:14">
      <c r="N58020" s="10"/>
    </row>
    <row r="58021" spans="14:14">
      <c r="N58021" s="10"/>
    </row>
    <row r="58022" spans="14:14">
      <c r="N58022" s="10"/>
    </row>
    <row r="58023" spans="14:14">
      <c r="N58023" s="10"/>
    </row>
    <row r="58024" spans="14:14">
      <c r="N58024" s="10"/>
    </row>
    <row r="58025" spans="14:14">
      <c r="N58025" s="10"/>
    </row>
    <row r="58026" spans="14:14">
      <c r="N58026" s="10"/>
    </row>
    <row r="58027" spans="14:14">
      <c r="N58027" s="10"/>
    </row>
    <row r="58028" spans="14:14">
      <c r="N58028" s="10"/>
    </row>
    <row r="58029" spans="14:14">
      <c r="N58029" s="10"/>
    </row>
    <row r="58030" spans="14:14">
      <c r="N58030" s="10"/>
    </row>
    <row r="58031" spans="14:14">
      <c r="N58031" s="10"/>
    </row>
    <row r="58032" spans="14:14">
      <c r="N58032" s="10"/>
    </row>
    <row r="58033" spans="14:14">
      <c r="N58033" s="10"/>
    </row>
    <row r="58034" spans="14:14">
      <c r="N58034" s="10"/>
    </row>
    <row r="58035" spans="14:14">
      <c r="N58035" s="10"/>
    </row>
    <row r="58036" spans="14:14">
      <c r="N58036" s="10"/>
    </row>
    <row r="58037" spans="14:14">
      <c r="N58037" s="10"/>
    </row>
    <row r="58038" spans="14:14">
      <c r="N58038" s="10"/>
    </row>
    <row r="58039" spans="14:14">
      <c r="N58039" s="10"/>
    </row>
    <row r="58040" spans="14:14">
      <c r="N58040" s="10"/>
    </row>
    <row r="58041" spans="14:14">
      <c r="N58041" s="10"/>
    </row>
    <row r="58042" spans="14:14">
      <c r="N58042" s="10"/>
    </row>
    <row r="58043" spans="14:14">
      <c r="N58043" s="10"/>
    </row>
    <row r="58044" spans="14:14">
      <c r="N58044" s="10"/>
    </row>
    <row r="58045" spans="14:14">
      <c r="N58045" s="10"/>
    </row>
    <row r="58046" spans="14:14">
      <c r="N58046" s="10"/>
    </row>
    <row r="58047" spans="14:14">
      <c r="N58047" s="10"/>
    </row>
    <row r="58048" spans="14:14">
      <c r="N58048" s="10"/>
    </row>
    <row r="58049" spans="14:14">
      <c r="N58049" s="10"/>
    </row>
    <row r="58050" spans="14:14">
      <c r="N58050" s="10"/>
    </row>
    <row r="58051" spans="14:14">
      <c r="N58051" s="10"/>
    </row>
    <row r="58052" spans="14:14">
      <c r="N58052" s="10"/>
    </row>
    <row r="58053" spans="14:14">
      <c r="N58053" s="10"/>
    </row>
    <row r="58054" spans="14:14">
      <c r="N58054" s="10"/>
    </row>
    <row r="58055" spans="14:14">
      <c r="N58055" s="10"/>
    </row>
    <row r="58056" spans="14:14">
      <c r="N58056" s="10"/>
    </row>
    <row r="58057" spans="14:14">
      <c r="N58057" s="10"/>
    </row>
    <row r="58058" spans="14:14">
      <c r="N58058" s="10"/>
    </row>
    <row r="58059" spans="14:14">
      <c r="N58059" s="10"/>
    </row>
    <row r="58060" spans="14:14">
      <c r="N58060" s="10"/>
    </row>
    <row r="58061" spans="14:14">
      <c r="N58061" s="10"/>
    </row>
    <row r="58062" spans="14:14">
      <c r="N58062" s="10"/>
    </row>
    <row r="58063" spans="14:14">
      <c r="N58063" s="10"/>
    </row>
    <row r="58064" spans="14:14">
      <c r="N58064" s="10"/>
    </row>
    <row r="58065" spans="14:14">
      <c r="N58065" s="10"/>
    </row>
    <row r="58066" spans="14:14">
      <c r="N58066" s="10"/>
    </row>
    <row r="58067" spans="14:14">
      <c r="N58067" s="10"/>
    </row>
    <row r="58068" spans="14:14">
      <c r="N58068" s="10"/>
    </row>
    <row r="58069" spans="14:14">
      <c r="N58069" s="10"/>
    </row>
    <row r="58070" spans="14:14">
      <c r="N58070" s="10"/>
    </row>
    <row r="58071" spans="14:14">
      <c r="N58071" s="10"/>
    </row>
    <row r="58072" spans="14:14">
      <c r="N58072" s="10"/>
    </row>
    <row r="58073" spans="14:14">
      <c r="N58073" s="10"/>
    </row>
    <row r="58074" spans="14:14">
      <c r="N58074" s="10"/>
    </row>
    <row r="58075" spans="14:14">
      <c r="N58075" s="10"/>
    </row>
    <row r="58076" spans="14:14">
      <c r="N58076" s="10"/>
    </row>
    <row r="58077" spans="14:14">
      <c r="N58077" s="10"/>
    </row>
    <row r="58078" spans="14:14">
      <c r="N58078" s="10"/>
    </row>
    <row r="58079" spans="14:14">
      <c r="N58079" s="10"/>
    </row>
    <row r="58080" spans="14:14">
      <c r="N58080" s="10"/>
    </row>
    <row r="58081" spans="14:14">
      <c r="N58081" s="10"/>
    </row>
    <row r="58082" spans="14:14">
      <c r="N58082" s="10"/>
    </row>
    <row r="58083" spans="14:14">
      <c r="N58083" s="10"/>
    </row>
    <row r="58084" spans="14:14">
      <c r="N58084" s="10"/>
    </row>
    <row r="58085" spans="14:14">
      <c r="N58085" s="10"/>
    </row>
    <row r="58086" spans="14:14">
      <c r="N58086" s="10"/>
    </row>
    <row r="58087" spans="14:14">
      <c r="N58087" s="10"/>
    </row>
    <row r="58088" spans="14:14">
      <c r="N58088" s="10"/>
    </row>
    <row r="58089" spans="14:14">
      <c r="N58089" s="10"/>
    </row>
    <row r="58090" spans="14:14">
      <c r="N58090" s="10"/>
    </row>
    <row r="58091" spans="14:14">
      <c r="N58091" s="10"/>
    </row>
    <row r="58092" spans="14:14">
      <c r="N58092" s="10"/>
    </row>
    <row r="58093" spans="14:14">
      <c r="N58093" s="10"/>
    </row>
    <row r="58094" spans="14:14">
      <c r="N58094" s="10"/>
    </row>
    <row r="58095" spans="14:14">
      <c r="N58095" s="10"/>
    </row>
    <row r="58096" spans="14:14">
      <c r="N58096" s="10"/>
    </row>
    <row r="58097" spans="14:14">
      <c r="N58097" s="10"/>
    </row>
    <row r="58098" spans="14:14">
      <c r="N58098" s="10"/>
    </row>
    <row r="58099" spans="14:14">
      <c r="N58099" s="10"/>
    </row>
    <row r="58100" spans="14:14">
      <c r="N58100" s="10"/>
    </row>
    <row r="58101" spans="14:14">
      <c r="N58101" s="10"/>
    </row>
    <row r="58102" spans="14:14">
      <c r="N58102" s="10"/>
    </row>
    <row r="58103" spans="14:14">
      <c r="N58103" s="10"/>
    </row>
    <row r="58104" spans="14:14">
      <c r="N58104" s="10"/>
    </row>
    <row r="58105" spans="14:14">
      <c r="N58105" s="10"/>
    </row>
    <row r="58106" spans="14:14">
      <c r="N58106" s="10"/>
    </row>
    <row r="58107" spans="14:14">
      <c r="N58107" s="10"/>
    </row>
    <row r="58108" spans="14:14">
      <c r="N58108" s="10"/>
    </row>
    <row r="58109" spans="14:14">
      <c r="N58109" s="10"/>
    </row>
    <row r="58110" spans="14:14">
      <c r="N58110" s="10"/>
    </row>
    <row r="58111" spans="14:14">
      <c r="N58111" s="10"/>
    </row>
    <row r="58112" spans="14:14">
      <c r="N58112" s="10"/>
    </row>
    <row r="58113" spans="14:14">
      <c r="N58113" s="10"/>
    </row>
    <row r="58114" spans="14:14">
      <c r="N58114" s="10"/>
    </row>
    <row r="58115" spans="14:14">
      <c r="N58115" s="10"/>
    </row>
    <row r="58116" spans="14:14">
      <c r="N58116" s="10"/>
    </row>
    <row r="58117" spans="14:14">
      <c r="N58117" s="10"/>
    </row>
    <row r="58118" spans="14:14">
      <c r="N58118" s="10"/>
    </row>
    <row r="58119" spans="14:14">
      <c r="N58119" s="10"/>
    </row>
    <row r="58120" spans="14:14">
      <c r="N58120" s="10"/>
    </row>
    <row r="58121" spans="14:14">
      <c r="N58121" s="10"/>
    </row>
    <row r="58122" spans="14:14">
      <c r="N58122" s="10"/>
    </row>
    <row r="58123" spans="14:14">
      <c r="N58123" s="10"/>
    </row>
    <row r="58124" spans="14:14">
      <c r="N58124" s="10"/>
    </row>
    <row r="58125" spans="14:14">
      <c r="N58125" s="10"/>
    </row>
    <row r="58126" spans="14:14">
      <c r="N58126" s="10"/>
    </row>
    <row r="58127" spans="14:14">
      <c r="N58127" s="10"/>
    </row>
    <row r="58128" spans="14:14">
      <c r="N58128" s="10"/>
    </row>
    <row r="58129" spans="14:14">
      <c r="N58129" s="10"/>
    </row>
    <row r="58130" spans="14:14">
      <c r="N58130" s="10"/>
    </row>
    <row r="58131" spans="14:14">
      <c r="N58131" s="10"/>
    </row>
    <row r="58132" spans="14:14">
      <c r="N58132" s="10"/>
    </row>
    <row r="58133" spans="14:14">
      <c r="N58133" s="10"/>
    </row>
    <row r="58134" spans="14:14">
      <c r="N58134" s="10"/>
    </row>
    <row r="58135" spans="14:14">
      <c r="N58135" s="10"/>
    </row>
    <row r="58136" spans="14:14">
      <c r="N58136" s="10"/>
    </row>
    <row r="58137" spans="14:14">
      <c r="N58137" s="10"/>
    </row>
    <row r="58138" spans="14:14">
      <c r="N58138" s="10"/>
    </row>
    <row r="58139" spans="14:14">
      <c r="N58139" s="10"/>
    </row>
    <row r="58140" spans="14:14">
      <c r="N58140" s="10"/>
    </row>
    <row r="58141" spans="14:14">
      <c r="N58141" s="10"/>
    </row>
    <row r="58142" spans="14:14">
      <c r="N58142" s="10"/>
    </row>
    <row r="58143" spans="14:14">
      <c r="N58143" s="10"/>
    </row>
    <row r="58144" spans="14:14">
      <c r="N58144" s="10"/>
    </row>
    <row r="58145" spans="14:14">
      <c r="N58145" s="10"/>
    </row>
    <row r="58146" spans="14:14">
      <c r="N58146" s="10"/>
    </row>
    <row r="58147" spans="14:14">
      <c r="N58147" s="10"/>
    </row>
    <row r="58148" spans="14:14">
      <c r="N58148" s="10"/>
    </row>
    <row r="58149" spans="14:14">
      <c r="N58149" s="10"/>
    </row>
    <row r="58150" spans="14:14">
      <c r="N58150" s="10"/>
    </row>
    <row r="58151" spans="14:14">
      <c r="N58151" s="10"/>
    </row>
    <row r="58152" spans="14:14">
      <c r="N58152" s="10"/>
    </row>
    <row r="58153" spans="14:14">
      <c r="N58153" s="10"/>
    </row>
    <row r="58154" spans="14:14">
      <c r="N58154" s="10"/>
    </row>
    <row r="58155" spans="14:14">
      <c r="N58155" s="10"/>
    </row>
    <row r="58156" spans="14:14">
      <c r="N58156" s="10"/>
    </row>
    <row r="58157" spans="14:14">
      <c r="N58157" s="10"/>
    </row>
    <row r="58158" spans="14:14">
      <c r="N58158" s="10"/>
    </row>
    <row r="58159" spans="14:14">
      <c r="N58159" s="10"/>
    </row>
    <row r="58160" spans="14:14">
      <c r="N58160" s="10"/>
    </row>
    <row r="58161" spans="14:14">
      <c r="N58161" s="10"/>
    </row>
    <row r="58162" spans="14:14">
      <c r="N58162" s="10"/>
    </row>
    <row r="58163" spans="14:14">
      <c r="N58163" s="10"/>
    </row>
    <row r="58164" spans="14:14">
      <c r="N58164" s="10"/>
    </row>
    <row r="58165" spans="14:14">
      <c r="N58165" s="10"/>
    </row>
    <row r="58166" spans="14:14">
      <c r="N58166" s="10"/>
    </row>
    <row r="58167" spans="14:14">
      <c r="N58167" s="10"/>
    </row>
    <row r="58168" spans="14:14">
      <c r="N58168" s="10"/>
    </row>
    <row r="58169" spans="14:14">
      <c r="N58169" s="10"/>
    </row>
    <row r="58170" spans="14:14">
      <c r="N58170" s="10"/>
    </row>
    <row r="58171" spans="14:14">
      <c r="N58171" s="10"/>
    </row>
    <row r="58172" spans="14:14">
      <c r="N58172" s="10"/>
    </row>
    <row r="58173" spans="14:14">
      <c r="N58173" s="10"/>
    </row>
    <row r="58174" spans="14:14">
      <c r="N58174" s="10"/>
    </row>
    <row r="58175" spans="14:14">
      <c r="N58175" s="10"/>
    </row>
    <row r="58176" spans="14:14">
      <c r="N58176" s="10"/>
    </row>
    <row r="58177" spans="14:14">
      <c r="N58177" s="10"/>
    </row>
    <row r="58178" spans="14:14">
      <c r="N58178" s="10"/>
    </row>
    <row r="58179" spans="14:14">
      <c r="N58179" s="10"/>
    </row>
    <row r="58180" spans="14:14">
      <c r="N58180" s="10"/>
    </row>
    <row r="58181" spans="14:14">
      <c r="N58181" s="10"/>
    </row>
    <row r="58182" spans="14:14">
      <c r="N58182" s="10"/>
    </row>
    <row r="58183" spans="14:14">
      <c r="N58183" s="10"/>
    </row>
    <row r="58184" spans="14:14">
      <c r="N58184" s="10"/>
    </row>
    <row r="58185" spans="14:14">
      <c r="N58185" s="10"/>
    </row>
    <row r="58186" spans="14:14">
      <c r="N58186" s="10"/>
    </row>
    <row r="58187" spans="14:14">
      <c r="N58187" s="10"/>
    </row>
    <row r="58188" spans="14:14">
      <c r="N58188" s="10"/>
    </row>
    <row r="58189" spans="14:14">
      <c r="N58189" s="10"/>
    </row>
    <row r="58190" spans="14:14">
      <c r="N58190" s="10"/>
    </row>
    <row r="58191" spans="14:14">
      <c r="N58191" s="10"/>
    </row>
    <row r="58192" spans="14:14">
      <c r="N58192" s="10"/>
    </row>
    <row r="58193" spans="14:14">
      <c r="N58193" s="10"/>
    </row>
    <row r="58194" spans="14:14">
      <c r="N58194" s="10"/>
    </row>
    <row r="58195" spans="14:14">
      <c r="N58195" s="10"/>
    </row>
    <row r="58196" spans="14:14">
      <c r="N58196" s="10"/>
    </row>
    <row r="58197" spans="14:14">
      <c r="N58197" s="10"/>
    </row>
    <row r="58198" spans="14:14">
      <c r="N58198" s="10"/>
    </row>
    <row r="58199" spans="14:14">
      <c r="N58199" s="10"/>
    </row>
    <row r="58200" spans="14:14">
      <c r="N58200" s="10"/>
    </row>
    <row r="58201" spans="14:14">
      <c r="N58201" s="10"/>
    </row>
    <row r="58202" spans="14:14">
      <c r="N58202" s="10"/>
    </row>
    <row r="58203" spans="14:14">
      <c r="N58203" s="10"/>
    </row>
    <row r="58204" spans="14:14">
      <c r="N58204" s="10"/>
    </row>
    <row r="58205" spans="14:14">
      <c r="N58205" s="10"/>
    </row>
    <row r="58206" spans="14:14">
      <c r="N58206" s="10"/>
    </row>
    <row r="58207" spans="14:14">
      <c r="N58207" s="10"/>
    </row>
    <row r="58208" spans="14:14">
      <c r="N58208" s="10"/>
    </row>
    <row r="58209" spans="14:14">
      <c r="N58209" s="10"/>
    </row>
    <row r="58210" spans="14:14">
      <c r="N58210" s="10"/>
    </row>
    <row r="58211" spans="14:14">
      <c r="N58211" s="10"/>
    </row>
    <row r="58212" spans="14:14">
      <c r="N58212" s="10"/>
    </row>
    <row r="58213" spans="14:14">
      <c r="N58213" s="10"/>
    </row>
    <row r="58214" spans="14:14">
      <c r="N58214" s="10"/>
    </row>
    <row r="58215" spans="14:14">
      <c r="N58215" s="10"/>
    </row>
    <row r="58216" spans="14:14">
      <c r="N58216" s="10"/>
    </row>
    <row r="58217" spans="14:14">
      <c r="N58217" s="10"/>
    </row>
    <row r="58218" spans="14:14">
      <c r="N58218" s="10"/>
    </row>
    <row r="58219" spans="14:14">
      <c r="N58219" s="10"/>
    </row>
    <row r="58220" spans="14:14">
      <c r="N58220" s="10"/>
    </row>
    <row r="58221" spans="14:14">
      <c r="N58221" s="10"/>
    </row>
    <row r="58222" spans="14:14">
      <c r="N58222" s="10"/>
    </row>
    <row r="58223" spans="14:14">
      <c r="N58223" s="10"/>
    </row>
    <row r="58224" spans="14:14">
      <c r="N58224" s="10"/>
    </row>
    <row r="58225" spans="14:14">
      <c r="N58225" s="10"/>
    </row>
    <row r="58226" spans="14:14">
      <c r="N58226" s="10"/>
    </row>
    <row r="58227" spans="14:14">
      <c r="N58227" s="10"/>
    </row>
    <row r="58228" spans="14:14">
      <c r="N58228" s="10"/>
    </row>
    <row r="58229" spans="14:14">
      <c r="N58229" s="10"/>
    </row>
    <row r="58230" spans="14:14">
      <c r="N58230" s="10"/>
    </row>
    <row r="58231" spans="14:14">
      <c r="N58231" s="10"/>
    </row>
    <row r="58232" spans="14:14">
      <c r="N58232" s="10"/>
    </row>
    <row r="58233" spans="14:14">
      <c r="N58233" s="10"/>
    </row>
    <row r="58234" spans="14:14">
      <c r="N58234" s="10"/>
    </row>
    <row r="58235" spans="14:14">
      <c r="N58235" s="10"/>
    </row>
    <row r="58236" spans="14:14">
      <c r="N58236" s="10"/>
    </row>
    <row r="58237" spans="14:14">
      <c r="N58237" s="10"/>
    </row>
    <row r="58238" spans="14:14">
      <c r="N58238" s="10"/>
    </row>
    <row r="58239" spans="14:14">
      <c r="N58239" s="10"/>
    </row>
    <row r="58240" spans="14:14">
      <c r="N58240" s="10"/>
    </row>
    <row r="58241" spans="14:14">
      <c r="N58241" s="10"/>
    </row>
    <row r="58242" spans="14:14">
      <c r="N58242" s="10"/>
    </row>
    <row r="58243" spans="14:14">
      <c r="N58243" s="10"/>
    </row>
    <row r="58244" spans="14:14">
      <c r="N58244" s="10"/>
    </row>
    <row r="58245" spans="14:14">
      <c r="N58245" s="10"/>
    </row>
    <row r="58246" spans="14:14">
      <c r="N58246" s="10"/>
    </row>
    <row r="58247" spans="14:14">
      <c r="N58247" s="10"/>
    </row>
    <row r="58248" spans="14:14">
      <c r="N58248" s="10"/>
    </row>
    <row r="58249" spans="14:14">
      <c r="N58249" s="10"/>
    </row>
    <row r="58250" spans="14:14">
      <c r="N58250" s="10"/>
    </row>
    <row r="58251" spans="14:14">
      <c r="N58251" s="10"/>
    </row>
    <row r="58252" spans="14:14">
      <c r="N58252" s="10"/>
    </row>
    <row r="58253" spans="14:14">
      <c r="N58253" s="10"/>
    </row>
    <row r="58254" spans="14:14">
      <c r="N58254" s="10"/>
    </row>
    <row r="58255" spans="14:14">
      <c r="N58255" s="10"/>
    </row>
    <row r="58256" spans="14:14">
      <c r="N58256" s="10"/>
    </row>
    <row r="58257" spans="14:14">
      <c r="N58257" s="10"/>
    </row>
    <row r="58258" spans="14:14">
      <c r="N58258" s="10"/>
    </row>
    <row r="58259" spans="14:14">
      <c r="N58259" s="10"/>
    </row>
    <row r="58260" spans="14:14">
      <c r="N58260" s="10"/>
    </row>
    <row r="58261" spans="14:14">
      <c r="N58261" s="10"/>
    </row>
    <row r="58262" spans="14:14">
      <c r="N58262" s="10"/>
    </row>
    <row r="58263" spans="14:14">
      <c r="N58263" s="10"/>
    </row>
    <row r="58264" spans="14:14">
      <c r="N58264" s="10"/>
    </row>
    <row r="58265" spans="14:14">
      <c r="N58265" s="10"/>
    </row>
    <row r="58266" spans="14:14">
      <c r="N58266" s="10"/>
    </row>
    <row r="58267" spans="14:14">
      <c r="N58267" s="10"/>
    </row>
    <row r="58268" spans="14:14">
      <c r="N58268" s="10"/>
    </row>
    <row r="58269" spans="14:14">
      <c r="N58269" s="10"/>
    </row>
    <row r="58270" spans="14:14">
      <c r="N58270" s="10"/>
    </row>
    <row r="58271" spans="14:14">
      <c r="N58271" s="10"/>
    </row>
    <row r="58272" spans="14:14">
      <c r="N58272" s="10"/>
    </row>
    <row r="58273" spans="14:14">
      <c r="N58273" s="10"/>
    </row>
    <row r="58274" spans="14:14">
      <c r="N58274" s="10"/>
    </row>
    <row r="58275" spans="14:14">
      <c r="N58275" s="10"/>
    </row>
    <row r="58276" spans="14:14">
      <c r="N58276" s="10"/>
    </row>
    <row r="58277" spans="14:14">
      <c r="N58277" s="10"/>
    </row>
    <row r="58278" spans="14:14">
      <c r="N58278" s="10"/>
    </row>
    <row r="58279" spans="14:14">
      <c r="N58279" s="10"/>
    </row>
    <row r="58280" spans="14:14">
      <c r="N58280" s="10"/>
    </row>
    <row r="58281" spans="14:14">
      <c r="N58281" s="10"/>
    </row>
    <row r="58282" spans="14:14">
      <c r="N58282" s="10"/>
    </row>
    <row r="58283" spans="14:14">
      <c r="N58283" s="10"/>
    </row>
    <row r="58284" spans="14:14">
      <c r="N58284" s="10"/>
    </row>
    <row r="58285" spans="14:14">
      <c r="N58285" s="10"/>
    </row>
    <row r="58286" spans="14:14">
      <c r="N58286" s="10"/>
    </row>
    <row r="58287" spans="14:14">
      <c r="N58287" s="10"/>
    </row>
    <row r="58288" spans="14:14">
      <c r="N58288" s="10"/>
    </row>
    <row r="58289" spans="14:14">
      <c r="N58289" s="10"/>
    </row>
    <row r="58290" spans="14:14">
      <c r="N58290" s="10"/>
    </row>
    <row r="58291" spans="14:14">
      <c r="N58291" s="10"/>
    </row>
    <row r="58292" spans="14:14">
      <c r="N58292" s="10"/>
    </row>
    <row r="58293" spans="14:14">
      <c r="N58293" s="10"/>
    </row>
    <row r="58294" spans="14:14">
      <c r="N58294" s="10"/>
    </row>
    <row r="58295" spans="14:14">
      <c r="N58295" s="10"/>
    </row>
    <row r="58296" spans="14:14">
      <c r="N58296" s="10"/>
    </row>
    <row r="58297" spans="14:14">
      <c r="N58297" s="10"/>
    </row>
    <row r="58298" spans="14:14">
      <c r="N58298" s="10"/>
    </row>
    <row r="58299" spans="14:14">
      <c r="N58299" s="10"/>
    </row>
    <row r="58300" spans="14:14">
      <c r="N58300" s="10"/>
    </row>
    <row r="58301" spans="14:14">
      <c r="N58301" s="10"/>
    </row>
    <row r="58302" spans="14:14">
      <c r="N58302" s="10"/>
    </row>
    <row r="58303" spans="14:14">
      <c r="N58303" s="10"/>
    </row>
    <row r="58304" spans="14:14">
      <c r="N58304" s="10"/>
    </row>
    <row r="58305" spans="14:14">
      <c r="N58305" s="10"/>
    </row>
    <row r="58306" spans="14:14">
      <c r="N58306" s="10"/>
    </row>
    <row r="58307" spans="14:14">
      <c r="N58307" s="10"/>
    </row>
    <row r="58308" spans="14:14">
      <c r="N58308" s="10"/>
    </row>
    <row r="58309" spans="14:14">
      <c r="N58309" s="10"/>
    </row>
    <row r="58310" spans="14:14">
      <c r="N58310" s="10"/>
    </row>
    <row r="58311" spans="14:14">
      <c r="N58311" s="10"/>
    </row>
    <row r="58312" spans="14:14">
      <c r="N58312" s="10"/>
    </row>
    <row r="58313" spans="14:14">
      <c r="N58313" s="10"/>
    </row>
    <row r="58314" spans="14:14">
      <c r="N58314" s="10"/>
    </row>
    <row r="58315" spans="14:14">
      <c r="N58315" s="10"/>
    </row>
    <row r="58316" spans="14:14">
      <c r="N58316" s="10"/>
    </row>
    <row r="58317" spans="14:14">
      <c r="N58317" s="10"/>
    </row>
    <row r="58318" spans="14:14">
      <c r="N58318" s="10"/>
    </row>
    <row r="58319" spans="14:14">
      <c r="N58319" s="10"/>
    </row>
    <row r="58320" spans="14:14">
      <c r="N58320" s="10"/>
    </row>
    <row r="58321" spans="14:14">
      <c r="N58321" s="10"/>
    </row>
    <row r="58322" spans="14:14">
      <c r="N58322" s="10"/>
    </row>
    <row r="58323" spans="14:14">
      <c r="N58323" s="10"/>
    </row>
    <row r="58324" spans="14:14">
      <c r="N58324" s="10"/>
    </row>
    <row r="58325" spans="14:14">
      <c r="N58325" s="10"/>
    </row>
    <row r="58326" spans="14:14">
      <c r="N58326" s="10"/>
    </row>
    <row r="58327" spans="14:14">
      <c r="N58327" s="10"/>
    </row>
    <row r="58328" spans="14:14">
      <c r="N58328" s="10"/>
    </row>
    <row r="58329" spans="14:14">
      <c r="N58329" s="10"/>
    </row>
    <row r="58330" spans="14:14">
      <c r="N58330" s="10"/>
    </row>
    <row r="58331" spans="14:14">
      <c r="N58331" s="10"/>
    </row>
    <row r="58332" spans="14:14">
      <c r="N58332" s="10"/>
    </row>
    <row r="58333" spans="14:14">
      <c r="N58333" s="10"/>
    </row>
    <row r="58334" spans="14:14">
      <c r="N58334" s="10"/>
    </row>
    <row r="58335" spans="14:14">
      <c r="N58335" s="10"/>
    </row>
    <row r="58336" spans="14:14">
      <c r="N58336" s="10"/>
    </row>
    <row r="58337" spans="14:14">
      <c r="N58337" s="10"/>
    </row>
    <row r="58338" spans="14:14">
      <c r="N58338" s="10"/>
    </row>
    <row r="58339" spans="14:14">
      <c r="N58339" s="10"/>
    </row>
    <row r="58340" spans="14:14">
      <c r="N58340" s="10"/>
    </row>
    <row r="58341" spans="14:14">
      <c r="N58341" s="10"/>
    </row>
    <row r="58342" spans="14:14">
      <c r="N58342" s="10"/>
    </row>
    <row r="58343" spans="14:14">
      <c r="N58343" s="10"/>
    </row>
    <row r="58344" spans="14:14">
      <c r="N58344" s="10"/>
    </row>
    <row r="58345" spans="14:14">
      <c r="N58345" s="10"/>
    </row>
    <row r="58346" spans="14:14">
      <c r="N58346" s="10"/>
    </row>
    <row r="58347" spans="14:14">
      <c r="N58347" s="10"/>
    </row>
    <row r="58348" spans="14:14">
      <c r="N58348" s="10"/>
    </row>
    <row r="58349" spans="14:14">
      <c r="N58349" s="10"/>
    </row>
    <row r="58350" spans="14:14">
      <c r="N58350" s="10"/>
    </row>
    <row r="58351" spans="14:14">
      <c r="N58351" s="10"/>
    </row>
    <row r="58352" spans="14:14">
      <c r="N58352" s="10"/>
    </row>
    <row r="58353" spans="14:14">
      <c r="N58353" s="10"/>
    </row>
    <row r="58354" spans="14:14">
      <c r="N58354" s="10"/>
    </row>
    <row r="58355" spans="14:14">
      <c r="N58355" s="10"/>
    </row>
    <row r="58356" spans="14:14">
      <c r="N58356" s="10"/>
    </row>
    <row r="58357" spans="14:14">
      <c r="N58357" s="10"/>
    </row>
    <row r="58358" spans="14:14">
      <c r="N58358" s="10"/>
    </row>
    <row r="58359" spans="14:14">
      <c r="N58359" s="10"/>
    </row>
    <row r="58360" spans="14:14">
      <c r="N58360" s="10"/>
    </row>
    <row r="58361" spans="14:14">
      <c r="N58361" s="10"/>
    </row>
    <row r="58362" spans="14:14">
      <c r="N58362" s="10"/>
    </row>
    <row r="58363" spans="14:14">
      <c r="N58363" s="10"/>
    </row>
    <row r="58364" spans="14:14">
      <c r="N58364" s="10"/>
    </row>
    <row r="58365" spans="14:14">
      <c r="N58365" s="10"/>
    </row>
    <row r="58366" spans="14:14">
      <c r="N58366" s="10"/>
    </row>
    <row r="58367" spans="14:14">
      <c r="N58367" s="10"/>
    </row>
    <row r="58368" spans="14:14">
      <c r="N58368" s="10"/>
    </row>
    <row r="58369" spans="14:14">
      <c r="N58369" s="10"/>
    </row>
    <row r="58370" spans="14:14">
      <c r="N58370" s="10"/>
    </row>
    <row r="58371" spans="14:14">
      <c r="N58371" s="10"/>
    </row>
    <row r="58372" spans="14:14">
      <c r="N58372" s="10"/>
    </row>
    <row r="58373" spans="14:14">
      <c r="N58373" s="10"/>
    </row>
    <row r="58374" spans="14:14">
      <c r="N58374" s="10"/>
    </row>
    <row r="58375" spans="14:14">
      <c r="N58375" s="10"/>
    </row>
    <row r="58376" spans="14:14">
      <c r="N58376" s="10"/>
    </row>
    <row r="58377" spans="14:14">
      <c r="N58377" s="10"/>
    </row>
    <row r="58378" spans="14:14">
      <c r="N58378" s="10"/>
    </row>
    <row r="58379" spans="14:14">
      <c r="N58379" s="10"/>
    </row>
    <row r="58380" spans="14:14">
      <c r="N58380" s="10"/>
    </row>
    <row r="58381" spans="14:14">
      <c r="N58381" s="10"/>
    </row>
    <row r="58382" spans="14:14">
      <c r="N58382" s="10"/>
    </row>
    <row r="58383" spans="14:14">
      <c r="N58383" s="10"/>
    </row>
    <row r="58384" spans="14:14">
      <c r="N58384" s="10"/>
    </row>
    <row r="58385" spans="14:14">
      <c r="N58385" s="10"/>
    </row>
    <row r="58386" spans="14:14">
      <c r="N58386" s="10"/>
    </row>
    <row r="58387" spans="14:14">
      <c r="N58387" s="10"/>
    </row>
    <row r="58388" spans="14:14">
      <c r="N58388" s="10"/>
    </row>
    <row r="58389" spans="14:14">
      <c r="N58389" s="10"/>
    </row>
    <row r="58390" spans="14:14">
      <c r="N58390" s="10"/>
    </row>
    <row r="58391" spans="14:14">
      <c r="N58391" s="10"/>
    </row>
    <row r="58392" spans="14:14">
      <c r="N58392" s="10"/>
    </row>
    <row r="58393" spans="14:14">
      <c r="N58393" s="10"/>
    </row>
    <row r="58394" spans="14:14">
      <c r="N58394" s="10"/>
    </row>
    <row r="58395" spans="14:14">
      <c r="N58395" s="10"/>
    </row>
    <row r="58396" spans="14:14">
      <c r="N58396" s="10"/>
    </row>
    <row r="58397" spans="14:14">
      <c r="N58397" s="10"/>
    </row>
    <row r="58398" spans="14:14">
      <c r="N58398" s="10"/>
    </row>
    <row r="58399" spans="14:14">
      <c r="N58399" s="10"/>
    </row>
    <row r="58400" spans="14:14">
      <c r="N58400" s="10"/>
    </row>
    <row r="58401" spans="14:14">
      <c r="N58401" s="10"/>
    </row>
    <row r="58402" spans="14:14">
      <c r="N58402" s="10"/>
    </row>
    <row r="58403" spans="14:14">
      <c r="N58403" s="10"/>
    </row>
    <row r="58404" spans="14:14">
      <c r="N58404" s="10"/>
    </row>
    <row r="58405" spans="14:14">
      <c r="N58405" s="10"/>
    </row>
    <row r="58406" spans="14:14">
      <c r="N58406" s="10"/>
    </row>
    <row r="58407" spans="14:14">
      <c r="N58407" s="10"/>
    </row>
    <row r="58408" spans="14:14">
      <c r="N58408" s="10"/>
    </row>
    <row r="58409" spans="14:14">
      <c r="N58409" s="10"/>
    </row>
    <row r="58410" spans="14:14">
      <c r="N58410" s="10"/>
    </row>
    <row r="58411" spans="14:14">
      <c r="N58411" s="10"/>
    </row>
    <row r="58412" spans="14:14">
      <c r="N58412" s="10"/>
    </row>
    <row r="58413" spans="14:14">
      <c r="N58413" s="10"/>
    </row>
    <row r="58414" spans="14:14">
      <c r="N58414" s="10"/>
    </row>
    <row r="58415" spans="14:14">
      <c r="N58415" s="10"/>
    </row>
    <row r="58416" spans="14:14">
      <c r="N58416" s="10"/>
    </row>
    <row r="58417" spans="14:14">
      <c r="N58417" s="10"/>
    </row>
    <row r="58418" spans="14:14">
      <c r="N58418" s="10"/>
    </row>
    <row r="58419" spans="14:14">
      <c r="N58419" s="10"/>
    </row>
    <row r="58420" spans="14:14">
      <c r="N58420" s="10"/>
    </row>
    <row r="58421" spans="14:14">
      <c r="N58421" s="10"/>
    </row>
    <row r="58422" spans="14:14">
      <c r="N58422" s="10"/>
    </row>
    <row r="58423" spans="14:14">
      <c r="N58423" s="10"/>
    </row>
    <row r="58424" spans="14:14">
      <c r="N58424" s="10"/>
    </row>
    <row r="58425" spans="14:14">
      <c r="N58425" s="10"/>
    </row>
    <row r="58426" spans="14:14">
      <c r="N58426" s="10"/>
    </row>
    <row r="58427" spans="14:14">
      <c r="N58427" s="10"/>
    </row>
    <row r="58428" spans="14:14">
      <c r="N58428" s="10"/>
    </row>
    <row r="58429" spans="14:14">
      <c r="N58429" s="10"/>
    </row>
    <row r="58430" spans="14:14">
      <c r="N58430" s="10"/>
    </row>
    <row r="58431" spans="14:14">
      <c r="N58431" s="10"/>
    </row>
    <row r="58432" spans="14:14">
      <c r="N58432" s="10"/>
    </row>
    <row r="58433" spans="14:14">
      <c r="N58433" s="10"/>
    </row>
    <row r="58434" spans="14:14">
      <c r="N58434" s="10"/>
    </row>
    <row r="58435" spans="14:14">
      <c r="N58435" s="10"/>
    </row>
    <row r="58436" spans="14:14">
      <c r="N58436" s="10"/>
    </row>
    <row r="58437" spans="14:14">
      <c r="N58437" s="10"/>
    </row>
    <row r="58438" spans="14:14">
      <c r="N58438" s="10"/>
    </row>
    <row r="58439" spans="14:14">
      <c r="N58439" s="10"/>
    </row>
    <row r="58440" spans="14:14">
      <c r="N58440" s="10"/>
    </row>
    <row r="58441" spans="14:14">
      <c r="N58441" s="10"/>
    </row>
    <row r="58442" spans="14:14">
      <c r="N58442" s="10"/>
    </row>
    <row r="58443" spans="14:14">
      <c r="N58443" s="10"/>
    </row>
    <row r="58444" spans="14:14">
      <c r="N58444" s="10"/>
    </row>
    <row r="58445" spans="14:14">
      <c r="N58445" s="10"/>
    </row>
    <row r="58446" spans="14:14">
      <c r="N58446" s="10"/>
    </row>
    <row r="58447" spans="14:14">
      <c r="N58447" s="10"/>
    </row>
    <row r="58448" spans="14:14">
      <c r="N58448" s="10"/>
    </row>
    <row r="58449" spans="14:14">
      <c r="N58449" s="10"/>
    </row>
    <row r="58450" spans="14:14">
      <c r="N58450" s="10"/>
    </row>
    <row r="58451" spans="14:14">
      <c r="N58451" s="10"/>
    </row>
    <row r="58452" spans="14:14">
      <c r="N58452" s="10"/>
    </row>
    <row r="58453" spans="14:14">
      <c r="N58453" s="10"/>
    </row>
    <row r="58454" spans="14:14">
      <c r="N58454" s="10"/>
    </row>
    <row r="58455" spans="14:14">
      <c r="N58455" s="10"/>
    </row>
    <row r="58456" spans="14:14">
      <c r="N58456" s="10"/>
    </row>
    <row r="58457" spans="14:14">
      <c r="N58457" s="10"/>
    </row>
    <row r="58458" spans="14:14">
      <c r="N58458" s="10"/>
    </row>
    <row r="58459" spans="14:14">
      <c r="N58459" s="10"/>
    </row>
    <row r="58460" spans="14:14">
      <c r="N58460" s="10"/>
    </row>
    <row r="58461" spans="14:14">
      <c r="N58461" s="10"/>
    </row>
    <row r="58462" spans="14:14">
      <c r="N58462" s="10"/>
    </row>
    <row r="58463" spans="14:14">
      <c r="N58463" s="10"/>
    </row>
    <row r="58464" spans="14:14">
      <c r="N58464" s="10"/>
    </row>
    <row r="58465" spans="14:14">
      <c r="N58465" s="10"/>
    </row>
    <row r="58466" spans="14:14">
      <c r="N58466" s="10"/>
    </row>
    <row r="58467" spans="14:14">
      <c r="N58467" s="10"/>
    </row>
    <row r="58468" spans="14:14">
      <c r="N58468" s="10"/>
    </row>
    <row r="58469" spans="14:14">
      <c r="N58469" s="10"/>
    </row>
    <row r="58470" spans="14:14">
      <c r="N58470" s="10"/>
    </row>
    <row r="58471" spans="14:14">
      <c r="N58471" s="10"/>
    </row>
    <row r="58472" spans="14:14">
      <c r="N58472" s="10"/>
    </row>
    <row r="58473" spans="14:14">
      <c r="N58473" s="10"/>
    </row>
    <row r="58474" spans="14:14">
      <c r="N58474" s="10"/>
    </row>
    <row r="58475" spans="14:14">
      <c r="N58475" s="10"/>
    </row>
    <row r="58476" spans="14:14">
      <c r="N58476" s="10"/>
    </row>
    <row r="58477" spans="14:14">
      <c r="N58477" s="10"/>
    </row>
    <row r="58478" spans="14:14">
      <c r="N58478" s="10"/>
    </row>
    <row r="58479" spans="14:14">
      <c r="N58479" s="10"/>
    </row>
    <row r="58480" spans="14:14">
      <c r="N58480" s="10"/>
    </row>
    <row r="58481" spans="14:14">
      <c r="N58481" s="10"/>
    </row>
    <row r="58482" spans="14:14">
      <c r="N58482" s="10"/>
    </row>
    <row r="58483" spans="14:14">
      <c r="N58483" s="10"/>
    </row>
    <row r="58484" spans="14:14">
      <c r="N58484" s="10"/>
    </row>
    <row r="58485" spans="14:14">
      <c r="N58485" s="10"/>
    </row>
    <row r="58486" spans="14:14">
      <c r="N58486" s="10"/>
    </row>
    <row r="58487" spans="14:14">
      <c r="N58487" s="10"/>
    </row>
    <row r="58488" spans="14:14">
      <c r="N58488" s="10"/>
    </row>
    <row r="58489" spans="14:14">
      <c r="N58489" s="10"/>
    </row>
    <row r="58490" spans="14:14">
      <c r="N58490" s="10"/>
    </row>
    <row r="58491" spans="14:14">
      <c r="N58491" s="10"/>
    </row>
    <row r="58492" spans="14:14">
      <c r="N58492" s="10"/>
    </row>
    <row r="58493" spans="14:14">
      <c r="N58493" s="10"/>
    </row>
    <row r="58494" spans="14:14">
      <c r="N58494" s="10"/>
    </row>
    <row r="58495" spans="14:14">
      <c r="N58495" s="10"/>
    </row>
    <row r="58496" spans="14:14">
      <c r="N58496" s="10"/>
    </row>
    <row r="58497" spans="14:14">
      <c r="N58497" s="10"/>
    </row>
    <row r="58498" spans="14:14">
      <c r="N58498" s="10"/>
    </row>
    <row r="58499" spans="14:14">
      <c r="N58499" s="10"/>
    </row>
    <row r="58500" spans="14:14">
      <c r="N58500" s="10"/>
    </row>
    <row r="58501" spans="14:14">
      <c r="N58501" s="10"/>
    </row>
    <row r="58502" spans="14:14">
      <c r="N58502" s="10"/>
    </row>
    <row r="58503" spans="14:14">
      <c r="N58503" s="10"/>
    </row>
    <row r="58504" spans="14:14">
      <c r="N58504" s="10"/>
    </row>
    <row r="58505" spans="14:14">
      <c r="N58505" s="10"/>
    </row>
    <row r="58506" spans="14:14">
      <c r="N58506" s="10"/>
    </row>
    <row r="58507" spans="14:14">
      <c r="N58507" s="10"/>
    </row>
    <row r="58508" spans="14:14">
      <c r="N58508" s="10"/>
    </row>
    <row r="58509" spans="14:14">
      <c r="N58509" s="10"/>
    </row>
    <row r="58510" spans="14:14">
      <c r="N58510" s="10"/>
    </row>
    <row r="58511" spans="14:14">
      <c r="N58511" s="10"/>
    </row>
    <row r="58512" spans="14:14">
      <c r="N58512" s="10"/>
    </row>
    <row r="58513" spans="14:14">
      <c r="N58513" s="10"/>
    </row>
    <row r="58514" spans="14:14">
      <c r="N58514" s="10"/>
    </row>
    <row r="58515" spans="14:14">
      <c r="N58515" s="10"/>
    </row>
    <row r="58516" spans="14:14">
      <c r="N58516" s="10"/>
    </row>
    <row r="58517" spans="14:14">
      <c r="N58517" s="10"/>
    </row>
    <row r="58518" spans="14:14">
      <c r="N58518" s="10"/>
    </row>
    <row r="58519" spans="14:14">
      <c r="N58519" s="10"/>
    </row>
    <row r="58520" spans="14:14">
      <c r="N58520" s="10"/>
    </row>
    <row r="58521" spans="14:14">
      <c r="N58521" s="10"/>
    </row>
    <row r="58522" spans="14:14">
      <c r="N58522" s="10"/>
    </row>
    <row r="58523" spans="14:14">
      <c r="N58523" s="10"/>
    </row>
    <row r="58524" spans="14:14">
      <c r="N58524" s="10"/>
    </row>
    <row r="58525" spans="14:14">
      <c r="N58525" s="10"/>
    </row>
    <row r="58526" spans="14:14">
      <c r="N58526" s="10"/>
    </row>
    <row r="58527" spans="14:14">
      <c r="N58527" s="10"/>
    </row>
    <row r="58528" spans="14:14">
      <c r="N58528" s="10"/>
    </row>
    <row r="58529" spans="14:14">
      <c r="N58529" s="10"/>
    </row>
    <row r="58530" spans="14:14">
      <c r="N58530" s="10"/>
    </row>
    <row r="58531" spans="14:14">
      <c r="N58531" s="10"/>
    </row>
    <row r="58532" spans="14:14">
      <c r="N58532" s="10"/>
    </row>
    <row r="58533" spans="14:14">
      <c r="N58533" s="10"/>
    </row>
    <row r="58534" spans="14:14">
      <c r="N58534" s="10"/>
    </row>
    <row r="58535" spans="14:14">
      <c r="N58535" s="10"/>
    </row>
    <row r="58536" spans="14:14">
      <c r="N58536" s="10"/>
    </row>
    <row r="58537" spans="14:14">
      <c r="N58537" s="10"/>
    </row>
    <row r="58538" spans="14:14">
      <c r="N58538" s="10"/>
    </row>
    <row r="58539" spans="14:14">
      <c r="N58539" s="10"/>
    </row>
    <row r="58540" spans="14:14">
      <c r="N58540" s="10"/>
    </row>
    <row r="58541" spans="14:14">
      <c r="N58541" s="10"/>
    </row>
    <row r="58542" spans="14:14">
      <c r="N58542" s="10"/>
    </row>
    <row r="58543" spans="14:14">
      <c r="N58543" s="10"/>
    </row>
    <row r="58544" spans="14:14">
      <c r="N58544" s="10"/>
    </row>
    <row r="58545" spans="14:14">
      <c r="N58545" s="10"/>
    </row>
    <row r="58546" spans="14:14">
      <c r="N58546" s="10"/>
    </row>
    <row r="58547" spans="14:14">
      <c r="N58547" s="10"/>
    </row>
    <row r="58548" spans="14:14">
      <c r="N58548" s="10"/>
    </row>
    <row r="58549" spans="14:14">
      <c r="N58549" s="10"/>
    </row>
    <row r="58550" spans="14:14">
      <c r="N58550" s="10"/>
    </row>
    <row r="58551" spans="14:14">
      <c r="N58551" s="10"/>
    </row>
    <row r="58552" spans="14:14">
      <c r="N58552" s="10"/>
    </row>
    <row r="58553" spans="14:14">
      <c r="N58553" s="10"/>
    </row>
    <row r="58554" spans="14:14">
      <c r="N58554" s="10"/>
    </row>
    <row r="58555" spans="14:14">
      <c r="N58555" s="10"/>
    </row>
    <row r="58556" spans="14:14">
      <c r="N58556" s="10"/>
    </row>
    <row r="58557" spans="14:14">
      <c r="N58557" s="10"/>
    </row>
    <row r="58558" spans="14:14">
      <c r="N58558" s="10"/>
    </row>
    <row r="58559" spans="14:14">
      <c r="N58559" s="10"/>
    </row>
    <row r="58560" spans="14:14">
      <c r="N58560" s="10"/>
    </row>
    <row r="58561" spans="14:14">
      <c r="N58561" s="10"/>
    </row>
    <row r="58562" spans="14:14">
      <c r="N58562" s="10"/>
    </row>
    <row r="58563" spans="14:14">
      <c r="N58563" s="10"/>
    </row>
    <row r="58564" spans="14:14">
      <c r="N58564" s="10"/>
    </row>
    <row r="58565" spans="14:14">
      <c r="N58565" s="10"/>
    </row>
    <row r="58566" spans="14:14">
      <c r="N58566" s="10"/>
    </row>
    <row r="58567" spans="14:14">
      <c r="N58567" s="10"/>
    </row>
    <row r="58568" spans="14:14">
      <c r="N58568" s="10"/>
    </row>
    <row r="58569" spans="14:14">
      <c r="N58569" s="10"/>
    </row>
    <row r="58570" spans="14:14">
      <c r="N58570" s="10"/>
    </row>
    <row r="58571" spans="14:14">
      <c r="N58571" s="10"/>
    </row>
    <row r="58572" spans="14:14">
      <c r="N58572" s="10"/>
    </row>
    <row r="58573" spans="14:14">
      <c r="N58573" s="10"/>
    </row>
    <row r="58574" spans="14:14">
      <c r="N58574" s="10"/>
    </row>
    <row r="58575" spans="14:14">
      <c r="N58575" s="10"/>
    </row>
    <row r="58576" spans="14:14">
      <c r="N58576" s="10"/>
    </row>
    <row r="58577" spans="14:14">
      <c r="N58577" s="10"/>
    </row>
    <row r="58578" spans="14:14">
      <c r="N58578" s="10"/>
    </row>
    <row r="58579" spans="14:14">
      <c r="N58579" s="10"/>
    </row>
    <row r="58580" spans="14:14">
      <c r="N58580" s="10"/>
    </row>
    <row r="58581" spans="14:14">
      <c r="N58581" s="10"/>
    </row>
    <row r="58582" spans="14:14">
      <c r="N58582" s="10"/>
    </row>
    <row r="58583" spans="14:14">
      <c r="N58583" s="10"/>
    </row>
    <row r="58584" spans="14:14">
      <c r="N58584" s="10"/>
    </row>
    <row r="58585" spans="14:14">
      <c r="N58585" s="10"/>
    </row>
    <row r="58586" spans="14:14">
      <c r="N58586" s="10"/>
    </row>
    <row r="58587" spans="14:14">
      <c r="N58587" s="10"/>
    </row>
    <row r="58588" spans="14:14">
      <c r="N58588" s="10"/>
    </row>
    <row r="58589" spans="14:14">
      <c r="N58589" s="10"/>
    </row>
    <row r="58590" spans="14:14">
      <c r="N58590" s="10"/>
    </row>
    <row r="58591" spans="14:14">
      <c r="N58591" s="10"/>
    </row>
    <row r="58592" spans="14:14">
      <c r="N58592" s="10"/>
    </row>
    <row r="58593" spans="14:14">
      <c r="N58593" s="10"/>
    </row>
    <row r="58594" spans="14:14">
      <c r="N58594" s="10"/>
    </row>
    <row r="58595" spans="14:14">
      <c r="N58595" s="10"/>
    </row>
    <row r="58596" spans="14:14">
      <c r="N58596" s="10"/>
    </row>
    <row r="58597" spans="14:14">
      <c r="N58597" s="10"/>
    </row>
    <row r="58598" spans="14:14">
      <c r="N58598" s="10"/>
    </row>
    <row r="58599" spans="14:14">
      <c r="N58599" s="10"/>
    </row>
    <row r="58600" spans="14:14">
      <c r="N58600" s="10"/>
    </row>
    <row r="58601" spans="14:14">
      <c r="N58601" s="10"/>
    </row>
    <row r="58602" spans="14:14">
      <c r="N58602" s="10"/>
    </row>
    <row r="58603" spans="14:14">
      <c r="N58603" s="10"/>
    </row>
    <row r="58604" spans="14:14">
      <c r="N58604" s="10"/>
    </row>
    <row r="58605" spans="14:14">
      <c r="N58605" s="10"/>
    </row>
    <row r="58606" spans="14:14">
      <c r="N58606" s="10"/>
    </row>
    <row r="58607" spans="14:14">
      <c r="N58607" s="10"/>
    </row>
    <row r="58608" spans="14:14">
      <c r="N58608" s="10"/>
    </row>
    <row r="58609" spans="14:14">
      <c r="N58609" s="10"/>
    </row>
    <row r="58610" spans="14:14">
      <c r="N58610" s="10"/>
    </row>
    <row r="58611" spans="14:14">
      <c r="N58611" s="10"/>
    </row>
    <row r="58612" spans="14:14">
      <c r="N58612" s="10"/>
    </row>
    <row r="58613" spans="14:14">
      <c r="N58613" s="10"/>
    </row>
    <row r="58614" spans="14:14">
      <c r="N58614" s="10"/>
    </row>
    <row r="58615" spans="14:14">
      <c r="N58615" s="10"/>
    </row>
    <row r="58616" spans="14:14">
      <c r="N58616" s="10"/>
    </row>
    <row r="58617" spans="14:14">
      <c r="N58617" s="10"/>
    </row>
    <row r="58618" spans="14:14">
      <c r="N58618" s="10"/>
    </row>
    <row r="58619" spans="14:14">
      <c r="N58619" s="10"/>
    </row>
    <row r="58620" spans="14:14">
      <c r="N58620" s="10"/>
    </row>
    <row r="58621" spans="14:14">
      <c r="N58621" s="10"/>
    </row>
    <row r="58622" spans="14:14">
      <c r="N58622" s="10"/>
    </row>
    <row r="58623" spans="14:14">
      <c r="N58623" s="10"/>
    </row>
    <row r="58624" spans="14:14">
      <c r="N58624" s="10"/>
    </row>
    <row r="58625" spans="14:14">
      <c r="N58625" s="10"/>
    </row>
    <row r="58626" spans="14:14">
      <c r="N58626" s="10"/>
    </row>
    <row r="58627" spans="14:14">
      <c r="N58627" s="10"/>
    </row>
    <row r="58628" spans="14:14">
      <c r="N58628" s="10"/>
    </row>
    <row r="58629" spans="14:14">
      <c r="N58629" s="10"/>
    </row>
    <row r="58630" spans="14:14">
      <c r="N58630" s="10"/>
    </row>
    <row r="58631" spans="14:14">
      <c r="N58631" s="10"/>
    </row>
    <row r="58632" spans="14:14">
      <c r="N58632" s="10"/>
    </row>
    <row r="58633" spans="14:14">
      <c r="N58633" s="10"/>
    </row>
    <row r="58634" spans="14:14">
      <c r="N58634" s="10"/>
    </row>
    <row r="58635" spans="14:14">
      <c r="N58635" s="10"/>
    </row>
    <row r="58636" spans="14:14">
      <c r="N58636" s="10"/>
    </row>
    <row r="58637" spans="14:14">
      <c r="N58637" s="10"/>
    </row>
    <row r="58638" spans="14:14">
      <c r="N58638" s="10"/>
    </row>
    <row r="58639" spans="14:14">
      <c r="N58639" s="10"/>
    </row>
    <row r="58640" spans="14:14">
      <c r="N58640" s="10"/>
    </row>
    <row r="58641" spans="14:14">
      <c r="N58641" s="10"/>
    </row>
    <row r="58642" spans="14:14">
      <c r="N58642" s="10"/>
    </row>
    <row r="58643" spans="14:14">
      <c r="N58643" s="10"/>
    </row>
    <row r="58644" spans="14:14">
      <c r="N58644" s="10"/>
    </row>
    <row r="58645" spans="14:14">
      <c r="N58645" s="10"/>
    </row>
    <row r="58646" spans="14:14">
      <c r="N58646" s="10"/>
    </row>
    <row r="58647" spans="14:14">
      <c r="N58647" s="10"/>
    </row>
    <row r="58648" spans="14:14">
      <c r="N58648" s="10"/>
    </row>
    <row r="58649" spans="14:14">
      <c r="N58649" s="10"/>
    </row>
    <row r="58650" spans="14:14">
      <c r="N58650" s="10"/>
    </row>
    <row r="58651" spans="14:14">
      <c r="N58651" s="10"/>
    </row>
    <row r="58652" spans="14:14">
      <c r="N58652" s="10"/>
    </row>
    <row r="58653" spans="14:14">
      <c r="N58653" s="10"/>
    </row>
    <row r="58654" spans="14:14">
      <c r="N58654" s="10"/>
    </row>
    <row r="58655" spans="14:14">
      <c r="N58655" s="10"/>
    </row>
    <row r="58656" spans="14:14">
      <c r="N58656" s="10"/>
    </row>
    <row r="58657" spans="14:14">
      <c r="N58657" s="10"/>
    </row>
    <row r="58658" spans="14:14">
      <c r="N58658" s="10"/>
    </row>
    <row r="58659" spans="14:14">
      <c r="N58659" s="10"/>
    </row>
    <row r="58660" spans="14:14">
      <c r="N58660" s="10"/>
    </row>
    <row r="58661" spans="14:14">
      <c r="N58661" s="10"/>
    </row>
    <row r="58662" spans="14:14">
      <c r="N58662" s="10"/>
    </row>
    <row r="58663" spans="14:14">
      <c r="N58663" s="10"/>
    </row>
    <row r="58664" spans="14:14">
      <c r="N58664" s="10"/>
    </row>
    <row r="58665" spans="14:14">
      <c r="N58665" s="10"/>
    </row>
    <row r="58666" spans="14:14">
      <c r="N58666" s="10"/>
    </row>
    <row r="58667" spans="14:14">
      <c r="N58667" s="10"/>
    </row>
    <row r="58668" spans="14:14">
      <c r="N58668" s="10"/>
    </row>
    <row r="58669" spans="14:14">
      <c r="N58669" s="10"/>
    </row>
    <row r="58670" spans="14:14">
      <c r="N58670" s="10"/>
    </row>
    <row r="58671" spans="14:14">
      <c r="N58671" s="10"/>
    </row>
    <row r="58672" spans="14:14">
      <c r="N58672" s="10"/>
    </row>
    <row r="58673" spans="14:14">
      <c r="N58673" s="10"/>
    </row>
    <row r="58674" spans="14:14">
      <c r="N58674" s="10"/>
    </row>
    <row r="58675" spans="14:14">
      <c r="N58675" s="10"/>
    </row>
    <row r="58676" spans="14:14">
      <c r="N58676" s="10"/>
    </row>
    <row r="58677" spans="14:14">
      <c r="N58677" s="10"/>
    </row>
    <row r="58678" spans="14:14">
      <c r="N58678" s="10"/>
    </row>
    <row r="58679" spans="14:14">
      <c r="N58679" s="10"/>
    </row>
    <row r="58680" spans="14:14">
      <c r="N58680" s="10"/>
    </row>
    <row r="58681" spans="14:14">
      <c r="N58681" s="10"/>
    </row>
    <row r="58682" spans="14:14">
      <c r="N58682" s="10"/>
    </row>
    <row r="58683" spans="14:14">
      <c r="N58683" s="10"/>
    </row>
    <row r="58684" spans="14:14">
      <c r="N58684" s="10"/>
    </row>
    <row r="58685" spans="14:14">
      <c r="N58685" s="10"/>
    </row>
    <row r="58686" spans="14:14">
      <c r="N58686" s="10"/>
    </row>
    <row r="58687" spans="14:14">
      <c r="N58687" s="10"/>
    </row>
    <row r="58688" spans="14:14">
      <c r="N58688" s="10"/>
    </row>
    <row r="58689" spans="14:14">
      <c r="N58689" s="10"/>
    </row>
    <row r="58690" spans="14:14">
      <c r="N58690" s="10"/>
    </row>
    <row r="58691" spans="14:14">
      <c r="N58691" s="10"/>
    </row>
    <row r="58692" spans="14:14">
      <c r="N58692" s="10"/>
    </row>
    <row r="58693" spans="14:14">
      <c r="N58693" s="10"/>
    </row>
    <row r="58694" spans="14:14">
      <c r="N58694" s="10"/>
    </row>
    <row r="58695" spans="14:14">
      <c r="N58695" s="10"/>
    </row>
    <row r="58696" spans="14:14">
      <c r="N58696" s="10"/>
    </row>
    <row r="58697" spans="14:14">
      <c r="N58697" s="10"/>
    </row>
    <row r="58698" spans="14:14">
      <c r="N58698" s="10"/>
    </row>
    <row r="58699" spans="14:14">
      <c r="N58699" s="10"/>
    </row>
    <row r="58700" spans="14:14">
      <c r="N58700" s="10"/>
    </row>
    <row r="58701" spans="14:14">
      <c r="N58701" s="10"/>
    </row>
    <row r="58702" spans="14:14">
      <c r="N58702" s="10"/>
    </row>
    <row r="58703" spans="14:14">
      <c r="N58703" s="10"/>
    </row>
    <row r="58704" spans="14:14">
      <c r="N58704" s="10"/>
    </row>
    <row r="58705" spans="14:14">
      <c r="N58705" s="10"/>
    </row>
    <row r="58706" spans="14:14">
      <c r="N58706" s="10"/>
    </row>
    <row r="58707" spans="14:14">
      <c r="N58707" s="10"/>
    </row>
    <row r="58708" spans="14:14">
      <c r="N58708" s="10"/>
    </row>
    <row r="58709" spans="14:14">
      <c r="N58709" s="10"/>
    </row>
    <row r="58710" spans="14:14">
      <c r="N58710" s="10"/>
    </row>
    <row r="58711" spans="14:14">
      <c r="N58711" s="10"/>
    </row>
    <row r="58712" spans="14:14">
      <c r="N58712" s="10"/>
    </row>
    <row r="58713" spans="14:14">
      <c r="N58713" s="10"/>
    </row>
    <row r="58714" spans="14:14">
      <c r="N58714" s="10"/>
    </row>
    <row r="58715" spans="14:14">
      <c r="N58715" s="10"/>
    </row>
    <row r="58716" spans="14:14">
      <c r="N58716" s="10"/>
    </row>
    <row r="58717" spans="14:14">
      <c r="N58717" s="10"/>
    </row>
    <row r="58718" spans="14:14">
      <c r="N58718" s="10"/>
    </row>
    <row r="58719" spans="14:14">
      <c r="N58719" s="10"/>
    </row>
    <row r="58720" spans="14:14">
      <c r="N58720" s="10"/>
    </row>
    <row r="58721" spans="14:14">
      <c r="N58721" s="10"/>
    </row>
    <row r="58722" spans="14:14">
      <c r="N58722" s="10"/>
    </row>
    <row r="58723" spans="14:14">
      <c r="N58723" s="10"/>
    </row>
    <row r="58724" spans="14:14">
      <c r="N58724" s="10"/>
    </row>
    <row r="58725" spans="14:14">
      <c r="N58725" s="10"/>
    </row>
    <row r="58726" spans="14:14">
      <c r="N58726" s="10"/>
    </row>
    <row r="58727" spans="14:14">
      <c r="N58727" s="10"/>
    </row>
    <row r="58728" spans="14:14">
      <c r="N58728" s="10"/>
    </row>
    <row r="58729" spans="14:14">
      <c r="N58729" s="10"/>
    </row>
    <row r="58730" spans="14:14">
      <c r="N58730" s="10"/>
    </row>
    <row r="58731" spans="14:14">
      <c r="N58731" s="10"/>
    </row>
    <row r="58732" spans="14:14">
      <c r="N58732" s="10"/>
    </row>
    <row r="58733" spans="14:14">
      <c r="N58733" s="10"/>
    </row>
    <row r="58734" spans="14:14">
      <c r="N58734" s="10"/>
    </row>
    <row r="58735" spans="14:14">
      <c r="N58735" s="10"/>
    </row>
    <row r="58736" spans="14:14">
      <c r="N58736" s="10"/>
    </row>
    <row r="58737" spans="14:14">
      <c r="N58737" s="10"/>
    </row>
    <row r="58738" spans="14:14">
      <c r="N58738" s="10"/>
    </row>
    <row r="58739" spans="14:14">
      <c r="N58739" s="10"/>
    </row>
    <row r="58740" spans="14:14">
      <c r="N58740" s="10"/>
    </row>
    <row r="58741" spans="14:14">
      <c r="N58741" s="10"/>
    </row>
    <row r="58742" spans="14:14">
      <c r="N58742" s="10"/>
    </row>
    <row r="58743" spans="14:14">
      <c r="N58743" s="10"/>
    </row>
    <row r="58744" spans="14:14">
      <c r="N58744" s="10"/>
    </row>
    <row r="58745" spans="14:14">
      <c r="N58745" s="10"/>
    </row>
    <row r="58746" spans="14:14">
      <c r="N58746" s="10"/>
    </row>
    <row r="58747" spans="14:14">
      <c r="N58747" s="10"/>
    </row>
    <row r="58748" spans="14:14">
      <c r="N58748" s="10"/>
    </row>
    <row r="58749" spans="14:14">
      <c r="N58749" s="10"/>
    </row>
    <row r="58750" spans="14:14">
      <c r="N58750" s="10"/>
    </row>
    <row r="58751" spans="14:14">
      <c r="N58751" s="10"/>
    </row>
    <row r="58752" spans="14:14">
      <c r="N58752" s="10"/>
    </row>
    <row r="58753" spans="14:14">
      <c r="N58753" s="10"/>
    </row>
    <row r="58754" spans="14:14">
      <c r="N58754" s="10"/>
    </row>
    <row r="58755" spans="14:14">
      <c r="N58755" s="10"/>
    </row>
    <row r="58756" spans="14:14">
      <c r="N58756" s="10"/>
    </row>
    <row r="58757" spans="14:14">
      <c r="N58757" s="10"/>
    </row>
    <row r="58758" spans="14:14">
      <c r="N58758" s="10"/>
    </row>
    <row r="58759" spans="14:14">
      <c r="N58759" s="10"/>
    </row>
    <row r="58760" spans="14:14">
      <c r="N58760" s="10"/>
    </row>
    <row r="58761" spans="14:14">
      <c r="N58761" s="10"/>
    </row>
    <row r="58762" spans="14:14">
      <c r="N58762" s="10"/>
    </row>
    <row r="58763" spans="14:14">
      <c r="N58763" s="10"/>
    </row>
    <row r="58764" spans="14:14">
      <c r="N58764" s="10"/>
    </row>
    <row r="58765" spans="14:14">
      <c r="N58765" s="10"/>
    </row>
    <row r="58766" spans="14:14">
      <c r="N58766" s="10"/>
    </row>
    <row r="58767" spans="14:14">
      <c r="N58767" s="10"/>
    </row>
    <row r="58768" spans="14:14">
      <c r="N58768" s="10"/>
    </row>
    <row r="58769" spans="14:14">
      <c r="N58769" s="10"/>
    </row>
    <row r="58770" spans="14:14">
      <c r="N58770" s="10"/>
    </row>
    <row r="58771" spans="14:14">
      <c r="N58771" s="10"/>
    </row>
    <row r="58772" spans="14:14">
      <c r="N58772" s="10"/>
    </row>
    <row r="58773" spans="14:14">
      <c r="N58773" s="10"/>
    </row>
    <row r="58774" spans="14:14">
      <c r="N58774" s="10"/>
    </row>
    <row r="58775" spans="14:14">
      <c r="N58775" s="10"/>
    </row>
    <row r="58776" spans="14:14">
      <c r="N58776" s="10"/>
    </row>
    <row r="58777" spans="14:14">
      <c r="N58777" s="10"/>
    </row>
    <row r="58778" spans="14:14">
      <c r="N58778" s="10"/>
    </row>
    <row r="58779" spans="14:14">
      <c r="N58779" s="10"/>
    </row>
    <row r="58780" spans="14:14">
      <c r="N58780" s="10"/>
    </row>
    <row r="58781" spans="14:14">
      <c r="N58781" s="10"/>
    </row>
    <row r="58782" spans="14:14">
      <c r="N58782" s="10"/>
    </row>
    <row r="58783" spans="14:14">
      <c r="N58783" s="10"/>
    </row>
    <row r="58784" spans="14:14">
      <c r="N58784" s="10"/>
    </row>
    <row r="58785" spans="14:14">
      <c r="N58785" s="10"/>
    </row>
    <row r="58786" spans="14:14">
      <c r="N58786" s="10"/>
    </row>
    <row r="58787" spans="14:14">
      <c r="N58787" s="10"/>
    </row>
    <row r="58788" spans="14:14">
      <c r="N58788" s="10"/>
    </row>
    <row r="58789" spans="14:14">
      <c r="N58789" s="10"/>
    </row>
    <row r="58790" spans="14:14">
      <c r="N58790" s="10"/>
    </row>
    <row r="58791" spans="14:14">
      <c r="N58791" s="10"/>
    </row>
    <row r="58792" spans="14:14">
      <c r="N58792" s="10"/>
    </row>
    <row r="58793" spans="14:14">
      <c r="N58793" s="10"/>
    </row>
    <row r="58794" spans="14:14">
      <c r="N58794" s="10"/>
    </row>
    <row r="58795" spans="14:14">
      <c r="N58795" s="10"/>
    </row>
    <row r="58796" spans="14:14">
      <c r="N58796" s="10"/>
    </row>
    <row r="58797" spans="14:14">
      <c r="N58797" s="10"/>
    </row>
    <row r="58798" spans="14:14">
      <c r="N58798" s="10"/>
    </row>
    <row r="58799" spans="14:14">
      <c r="N58799" s="10"/>
    </row>
    <row r="58800" spans="14:14">
      <c r="N58800" s="10"/>
    </row>
    <row r="58801" spans="14:14">
      <c r="N58801" s="10"/>
    </row>
    <row r="58802" spans="14:14">
      <c r="N58802" s="10"/>
    </row>
    <row r="58803" spans="14:14">
      <c r="N58803" s="10"/>
    </row>
    <row r="58804" spans="14:14">
      <c r="N58804" s="10"/>
    </row>
    <row r="58805" spans="14:14">
      <c r="N58805" s="10"/>
    </row>
    <row r="58806" spans="14:14">
      <c r="N58806" s="10"/>
    </row>
    <row r="58807" spans="14:14">
      <c r="N58807" s="10"/>
    </row>
    <row r="58808" spans="14:14">
      <c r="N58808" s="10"/>
    </row>
    <row r="58809" spans="14:14">
      <c r="N58809" s="10"/>
    </row>
    <row r="58810" spans="14:14">
      <c r="N58810" s="10"/>
    </row>
    <row r="58811" spans="14:14">
      <c r="N58811" s="10"/>
    </row>
    <row r="58812" spans="14:14">
      <c r="N58812" s="10"/>
    </row>
    <row r="58813" spans="14:14">
      <c r="N58813" s="10"/>
    </row>
    <row r="58814" spans="14:14">
      <c r="N58814" s="10"/>
    </row>
    <row r="58815" spans="14:14">
      <c r="N58815" s="10"/>
    </row>
    <row r="58816" spans="14:14">
      <c r="N58816" s="10"/>
    </row>
    <row r="58817" spans="14:14">
      <c r="N58817" s="10"/>
    </row>
    <row r="58818" spans="14:14">
      <c r="N58818" s="10"/>
    </row>
    <row r="58819" spans="14:14">
      <c r="N58819" s="10"/>
    </row>
    <row r="58820" spans="14:14">
      <c r="N58820" s="10"/>
    </row>
    <row r="58821" spans="14:14">
      <c r="N58821" s="10"/>
    </row>
    <row r="58822" spans="14:14">
      <c r="N58822" s="10"/>
    </row>
    <row r="58823" spans="14:14">
      <c r="N58823" s="10"/>
    </row>
    <row r="58824" spans="14:14">
      <c r="N58824" s="10"/>
    </row>
    <row r="58825" spans="14:14">
      <c r="N58825" s="10"/>
    </row>
    <row r="58826" spans="14:14">
      <c r="N58826" s="10"/>
    </row>
    <row r="58827" spans="14:14">
      <c r="N58827" s="10"/>
    </row>
    <row r="58828" spans="14:14">
      <c r="N58828" s="10"/>
    </row>
    <row r="58829" spans="14:14">
      <c r="N58829" s="10"/>
    </row>
    <row r="58830" spans="14:14">
      <c r="N58830" s="10"/>
    </row>
    <row r="58831" spans="14:14">
      <c r="N58831" s="10"/>
    </row>
    <row r="58832" spans="14:14">
      <c r="N58832" s="10"/>
    </row>
    <row r="58833" spans="14:14">
      <c r="N58833" s="10"/>
    </row>
    <row r="58834" spans="14:14">
      <c r="N58834" s="10"/>
    </row>
    <row r="58835" spans="14:14">
      <c r="N58835" s="10"/>
    </row>
    <row r="58836" spans="14:14">
      <c r="N58836" s="10"/>
    </row>
    <row r="58837" spans="14:14">
      <c r="N58837" s="10"/>
    </row>
    <row r="58838" spans="14:14">
      <c r="N58838" s="10"/>
    </row>
    <row r="58839" spans="14:14">
      <c r="N58839" s="10"/>
    </row>
    <row r="58840" spans="14:14">
      <c r="N58840" s="10"/>
    </row>
    <row r="58841" spans="14:14">
      <c r="N58841" s="10"/>
    </row>
    <row r="58842" spans="14:14">
      <c r="N58842" s="10"/>
    </row>
    <row r="58843" spans="14:14">
      <c r="N58843" s="10"/>
    </row>
    <row r="58844" spans="14:14">
      <c r="N58844" s="10"/>
    </row>
    <row r="58845" spans="14:14">
      <c r="N58845" s="10"/>
    </row>
    <row r="58846" spans="14:14">
      <c r="N58846" s="10"/>
    </row>
    <row r="58847" spans="14:14">
      <c r="N58847" s="10"/>
    </row>
    <row r="58848" spans="14:14">
      <c r="N58848" s="10"/>
    </row>
    <row r="58849" spans="14:14">
      <c r="N58849" s="10"/>
    </row>
    <row r="58850" spans="14:14">
      <c r="N58850" s="10"/>
    </row>
    <row r="58851" spans="14:14">
      <c r="N58851" s="10"/>
    </row>
    <row r="58852" spans="14:14">
      <c r="N58852" s="10"/>
    </row>
    <row r="58853" spans="14:14">
      <c r="N58853" s="10"/>
    </row>
    <row r="58854" spans="14:14">
      <c r="N58854" s="10"/>
    </row>
    <row r="58855" spans="14:14">
      <c r="N58855" s="10"/>
    </row>
    <row r="58856" spans="14:14">
      <c r="N58856" s="10"/>
    </row>
    <row r="58857" spans="14:14">
      <c r="N58857" s="10"/>
    </row>
    <row r="58858" spans="14:14">
      <c r="N58858" s="10"/>
    </row>
    <row r="58859" spans="14:14">
      <c r="N58859" s="10"/>
    </row>
    <row r="58860" spans="14:14">
      <c r="N58860" s="10"/>
    </row>
    <row r="58861" spans="14:14">
      <c r="N58861" s="10"/>
    </row>
    <row r="58862" spans="14:14">
      <c r="N58862" s="10"/>
    </row>
    <row r="58863" spans="14:14">
      <c r="N58863" s="10"/>
    </row>
    <row r="58864" spans="14:14">
      <c r="N58864" s="10"/>
    </row>
    <row r="58865" spans="14:14">
      <c r="N58865" s="10"/>
    </row>
    <row r="58866" spans="14:14">
      <c r="N58866" s="10"/>
    </row>
    <row r="58867" spans="14:14">
      <c r="N58867" s="10"/>
    </row>
    <row r="58868" spans="14:14">
      <c r="N58868" s="10"/>
    </row>
    <row r="58869" spans="14:14">
      <c r="N58869" s="10"/>
    </row>
    <row r="58870" spans="14:14">
      <c r="N58870" s="10"/>
    </row>
    <row r="58871" spans="14:14">
      <c r="N58871" s="10"/>
    </row>
    <row r="58872" spans="14:14">
      <c r="N58872" s="10"/>
    </row>
    <row r="58873" spans="14:14">
      <c r="N58873" s="10"/>
    </row>
    <row r="58874" spans="14:14">
      <c r="N58874" s="10"/>
    </row>
    <row r="58875" spans="14:14">
      <c r="N58875" s="10"/>
    </row>
    <row r="58876" spans="14:14">
      <c r="N58876" s="10"/>
    </row>
    <row r="58877" spans="14:14">
      <c r="N58877" s="10"/>
    </row>
    <row r="58878" spans="14:14">
      <c r="N58878" s="10"/>
    </row>
    <row r="58879" spans="14:14">
      <c r="N58879" s="10"/>
    </row>
    <row r="58880" spans="14:14">
      <c r="N58880" s="10"/>
    </row>
    <row r="58881" spans="14:14">
      <c r="N58881" s="10"/>
    </row>
    <row r="58882" spans="14:14">
      <c r="N58882" s="10"/>
    </row>
    <row r="58883" spans="14:14">
      <c r="N58883" s="10"/>
    </row>
    <row r="58884" spans="14:14">
      <c r="N58884" s="10"/>
    </row>
    <row r="58885" spans="14:14">
      <c r="N58885" s="10"/>
    </row>
    <row r="58886" spans="14:14">
      <c r="N58886" s="10"/>
    </row>
    <row r="58887" spans="14:14">
      <c r="N58887" s="10"/>
    </row>
    <row r="58888" spans="14:14">
      <c r="N58888" s="10"/>
    </row>
    <row r="58889" spans="14:14">
      <c r="N58889" s="10"/>
    </row>
    <row r="58890" spans="14:14">
      <c r="N58890" s="10"/>
    </row>
    <row r="58891" spans="14:14">
      <c r="N58891" s="10"/>
    </row>
    <row r="58892" spans="14:14">
      <c r="N58892" s="10"/>
    </row>
    <row r="58893" spans="14:14">
      <c r="N58893" s="10"/>
    </row>
    <row r="58894" spans="14:14">
      <c r="N58894" s="10"/>
    </row>
    <row r="58895" spans="14:14">
      <c r="N58895" s="10"/>
    </row>
    <row r="58896" spans="14:14">
      <c r="N58896" s="10"/>
    </row>
    <row r="58897" spans="14:14">
      <c r="N58897" s="10"/>
    </row>
    <row r="58898" spans="14:14">
      <c r="N58898" s="10"/>
    </row>
    <row r="58899" spans="14:14">
      <c r="N58899" s="10"/>
    </row>
    <row r="58900" spans="14:14">
      <c r="N58900" s="10"/>
    </row>
    <row r="58901" spans="14:14">
      <c r="N58901" s="10"/>
    </row>
    <row r="58902" spans="14:14">
      <c r="N58902" s="10"/>
    </row>
    <row r="58903" spans="14:14">
      <c r="N58903" s="10"/>
    </row>
    <row r="58904" spans="14:14">
      <c r="N58904" s="10"/>
    </row>
    <row r="58905" spans="14:14">
      <c r="N58905" s="10"/>
    </row>
    <row r="58906" spans="14:14">
      <c r="N58906" s="10"/>
    </row>
    <row r="58907" spans="14:14">
      <c r="N58907" s="10"/>
    </row>
    <row r="58908" spans="14:14">
      <c r="N58908" s="10"/>
    </row>
    <row r="58909" spans="14:14">
      <c r="N58909" s="10"/>
    </row>
    <row r="58910" spans="14:14">
      <c r="N58910" s="10"/>
    </row>
    <row r="58911" spans="14:14">
      <c r="N58911" s="10"/>
    </row>
    <row r="58912" spans="14:14">
      <c r="N58912" s="10"/>
    </row>
    <row r="58913" spans="14:14">
      <c r="N58913" s="10"/>
    </row>
    <row r="58914" spans="14:14">
      <c r="N58914" s="10"/>
    </row>
    <row r="58915" spans="14:14">
      <c r="N58915" s="10"/>
    </row>
    <row r="58916" spans="14:14">
      <c r="N58916" s="10"/>
    </row>
    <row r="58917" spans="14:14">
      <c r="N58917" s="10"/>
    </row>
    <row r="58918" spans="14:14">
      <c r="N58918" s="10"/>
    </row>
    <row r="58919" spans="14:14">
      <c r="N58919" s="10"/>
    </row>
    <row r="58920" spans="14:14">
      <c r="N58920" s="10"/>
    </row>
    <row r="58921" spans="14:14">
      <c r="N58921" s="10"/>
    </row>
    <row r="58922" spans="14:14">
      <c r="N58922" s="10"/>
    </row>
    <row r="58923" spans="14:14">
      <c r="N58923" s="10"/>
    </row>
    <row r="58924" spans="14:14">
      <c r="N58924" s="10"/>
    </row>
    <row r="58925" spans="14:14">
      <c r="N58925" s="10"/>
    </row>
    <row r="58926" spans="14:14">
      <c r="N58926" s="10"/>
    </row>
    <row r="58927" spans="14:14">
      <c r="N58927" s="10"/>
    </row>
    <row r="58928" spans="14:14">
      <c r="N58928" s="10"/>
    </row>
    <row r="58929" spans="14:14">
      <c r="N58929" s="10"/>
    </row>
    <row r="58930" spans="14:14">
      <c r="N58930" s="10"/>
    </row>
    <row r="58931" spans="14:14">
      <c r="N58931" s="10"/>
    </row>
    <row r="58932" spans="14:14">
      <c r="N58932" s="10"/>
    </row>
    <row r="58933" spans="14:14">
      <c r="N58933" s="10"/>
    </row>
    <row r="58934" spans="14:14">
      <c r="N58934" s="10"/>
    </row>
    <row r="58935" spans="14:14">
      <c r="N58935" s="10"/>
    </row>
    <row r="58936" spans="14:14">
      <c r="N58936" s="10"/>
    </row>
    <row r="58937" spans="14:14">
      <c r="N58937" s="10"/>
    </row>
    <row r="58938" spans="14:14">
      <c r="N58938" s="10"/>
    </row>
    <row r="58939" spans="14:14">
      <c r="N58939" s="10"/>
    </row>
    <row r="58940" spans="14:14">
      <c r="N58940" s="10"/>
    </row>
    <row r="58941" spans="14:14">
      <c r="N58941" s="10"/>
    </row>
    <row r="58942" spans="14:14">
      <c r="N58942" s="10"/>
    </row>
    <row r="58943" spans="14:14">
      <c r="N58943" s="10"/>
    </row>
    <row r="58944" spans="14:14">
      <c r="N58944" s="10"/>
    </row>
    <row r="58945" spans="14:14">
      <c r="N58945" s="10"/>
    </row>
    <row r="58946" spans="14:14">
      <c r="N58946" s="10"/>
    </row>
    <row r="58947" spans="14:14">
      <c r="N58947" s="10"/>
    </row>
    <row r="58948" spans="14:14">
      <c r="N58948" s="10"/>
    </row>
    <row r="58949" spans="14:14">
      <c r="N58949" s="10"/>
    </row>
    <row r="58950" spans="14:14">
      <c r="N58950" s="10"/>
    </row>
    <row r="58951" spans="14:14">
      <c r="N58951" s="10"/>
    </row>
    <row r="58952" spans="14:14">
      <c r="N58952" s="10"/>
    </row>
    <row r="58953" spans="14:14">
      <c r="N58953" s="10"/>
    </row>
    <row r="58954" spans="14:14">
      <c r="N58954" s="10"/>
    </row>
    <row r="58955" spans="14:14">
      <c r="N58955" s="10"/>
    </row>
    <row r="58956" spans="14:14">
      <c r="N58956" s="10"/>
    </row>
    <row r="58957" spans="14:14">
      <c r="N58957" s="10"/>
    </row>
    <row r="58958" spans="14:14">
      <c r="N58958" s="10"/>
    </row>
    <row r="58959" spans="14:14">
      <c r="N58959" s="10"/>
    </row>
    <row r="58960" spans="14:14">
      <c r="N58960" s="10"/>
    </row>
    <row r="58961" spans="14:14">
      <c r="N58961" s="10"/>
    </row>
    <row r="58962" spans="14:14">
      <c r="N58962" s="10"/>
    </row>
    <row r="58963" spans="14:14">
      <c r="N58963" s="10"/>
    </row>
    <row r="58964" spans="14:14">
      <c r="N58964" s="10"/>
    </row>
    <row r="58965" spans="14:14">
      <c r="N58965" s="10"/>
    </row>
    <row r="58966" spans="14:14">
      <c r="N58966" s="10"/>
    </row>
    <row r="58967" spans="14:14">
      <c r="N58967" s="10"/>
    </row>
    <row r="58968" spans="14:14">
      <c r="N58968" s="10"/>
    </row>
    <row r="58969" spans="14:14">
      <c r="N58969" s="10"/>
    </row>
    <row r="58970" spans="14:14">
      <c r="N58970" s="10"/>
    </row>
    <row r="58971" spans="14:14">
      <c r="N58971" s="10"/>
    </row>
    <row r="58972" spans="14:14">
      <c r="N58972" s="10"/>
    </row>
    <row r="58973" spans="14:14">
      <c r="N58973" s="10"/>
    </row>
    <row r="58974" spans="14:14">
      <c r="N58974" s="10"/>
    </row>
    <row r="58975" spans="14:14">
      <c r="N58975" s="10"/>
    </row>
    <row r="58976" spans="14:14">
      <c r="N58976" s="10"/>
    </row>
    <row r="58977" spans="14:14">
      <c r="N58977" s="10"/>
    </row>
    <row r="58978" spans="14:14">
      <c r="N58978" s="10"/>
    </row>
    <row r="58979" spans="14:14">
      <c r="N58979" s="10"/>
    </row>
    <row r="58980" spans="14:14">
      <c r="N58980" s="10"/>
    </row>
    <row r="58981" spans="14:14">
      <c r="N58981" s="10"/>
    </row>
    <row r="58982" spans="14:14">
      <c r="N58982" s="10"/>
    </row>
    <row r="58983" spans="14:14">
      <c r="N58983" s="10"/>
    </row>
    <row r="58984" spans="14:14">
      <c r="N58984" s="10"/>
    </row>
    <row r="58985" spans="14:14">
      <c r="N58985" s="10"/>
    </row>
    <row r="58986" spans="14:14">
      <c r="N58986" s="10"/>
    </row>
    <row r="58987" spans="14:14">
      <c r="N58987" s="10"/>
    </row>
    <row r="58988" spans="14:14">
      <c r="N58988" s="10"/>
    </row>
    <row r="58989" spans="14:14">
      <c r="N58989" s="10"/>
    </row>
    <row r="58990" spans="14:14">
      <c r="N58990" s="10"/>
    </row>
    <row r="58991" spans="14:14">
      <c r="N58991" s="10"/>
    </row>
    <row r="58992" spans="14:14">
      <c r="N58992" s="10"/>
    </row>
    <row r="58993" spans="14:14">
      <c r="N58993" s="10"/>
    </row>
    <row r="58994" spans="14:14">
      <c r="N58994" s="10"/>
    </row>
    <row r="58995" spans="14:14">
      <c r="N58995" s="10"/>
    </row>
    <row r="58996" spans="14:14">
      <c r="N58996" s="10"/>
    </row>
    <row r="58997" spans="14:14">
      <c r="N58997" s="10"/>
    </row>
    <row r="58998" spans="14:14">
      <c r="N58998" s="10"/>
    </row>
    <row r="58999" spans="14:14">
      <c r="N58999" s="10"/>
    </row>
    <row r="59000" spans="14:14">
      <c r="N59000" s="10"/>
    </row>
    <row r="59001" spans="14:14">
      <c r="N59001" s="10"/>
    </row>
    <row r="59002" spans="14:14">
      <c r="N59002" s="10"/>
    </row>
    <row r="59003" spans="14:14">
      <c r="N59003" s="10"/>
    </row>
    <row r="59004" spans="14:14">
      <c r="N59004" s="10"/>
    </row>
    <row r="59005" spans="14:14">
      <c r="N59005" s="10"/>
    </row>
    <row r="59006" spans="14:14">
      <c r="N59006" s="10"/>
    </row>
    <row r="59007" spans="14:14">
      <c r="N59007" s="10"/>
    </row>
    <row r="59008" spans="14:14">
      <c r="N59008" s="10"/>
    </row>
    <row r="59009" spans="14:14">
      <c r="N59009" s="10"/>
    </row>
    <row r="59010" spans="14:14">
      <c r="N59010" s="10"/>
    </row>
    <row r="59011" spans="14:14">
      <c r="N59011" s="10"/>
    </row>
    <row r="59012" spans="14:14">
      <c r="N59012" s="10"/>
    </row>
    <row r="59013" spans="14:14">
      <c r="N59013" s="10"/>
    </row>
    <row r="59014" spans="14:14">
      <c r="N59014" s="10"/>
    </row>
    <row r="59015" spans="14:14">
      <c r="N59015" s="10"/>
    </row>
    <row r="59016" spans="14:14">
      <c r="N59016" s="10"/>
    </row>
    <row r="59017" spans="14:14">
      <c r="N59017" s="10"/>
    </row>
    <row r="59018" spans="14:14">
      <c r="N59018" s="10"/>
    </row>
    <row r="59019" spans="14:14">
      <c r="N59019" s="10"/>
    </row>
    <row r="59020" spans="14:14">
      <c r="N59020" s="10"/>
    </row>
    <row r="59021" spans="14:14">
      <c r="N59021" s="10"/>
    </row>
    <row r="59022" spans="14:14">
      <c r="N59022" s="10"/>
    </row>
    <row r="59023" spans="14:14">
      <c r="N59023" s="10"/>
    </row>
    <row r="59024" spans="14:14">
      <c r="N59024" s="10"/>
    </row>
    <row r="59025" spans="14:14">
      <c r="N59025" s="10"/>
    </row>
    <row r="59026" spans="14:14">
      <c r="N59026" s="10"/>
    </row>
    <row r="59027" spans="14:14">
      <c r="N59027" s="10"/>
    </row>
    <row r="59028" spans="14:14">
      <c r="N59028" s="10"/>
    </row>
    <row r="59029" spans="14:14">
      <c r="N59029" s="10"/>
    </row>
    <row r="59030" spans="14:14">
      <c r="N59030" s="10"/>
    </row>
    <row r="59031" spans="14:14">
      <c r="N59031" s="10"/>
    </row>
    <row r="59032" spans="14:14">
      <c r="N59032" s="10"/>
    </row>
    <row r="59033" spans="14:14">
      <c r="N59033" s="10"/>
    </row>
    <row r="59034" spans="14:14">
      <c r="N59034" s="10"/>
    </row>
    <row r="59035" spans="14:14">
      <c r="N59035" s="10"/>
    </row>
    <row r="59036" spans="14:14">
      <c r="N59036" s="10"/>
    </row>
    <row r="59037" spans="14:14">
      <c r="N59037" s="10"/>
    </row>
    <row r="59038" spans="14:14">
      <c r="N59038" s="10"/>
    </row>
    <row r="59039" spans="14:14">
      <c r="N59039" s="10"/>
    </row>
    <row r="59040" spans="14:14">
      <c r="N59040" s="10"/>
    </row>
    <row r="59041" spans="14:14">
      <c r="N59041" s="10"/>
    </row>
    <row r="59042" spans="14:14">
      <c r="N59042" s="10"/>
    </row>
    <row r="59043" spans="14:14">
      <c r="N59043" s="10"/>
    </row>
    <row r="59044" spans="14:14">
      <c r="N59044" s="10"/>
    </row>
    <row r="59045" spans="14:14">
      <c r="N59045" s="10"/>
    </row>
    <row r="59046" spans="14:14">
      <c r="N59046" s="10"/>
    </row>
    <row r="59047" spans="14:14">
      <c r="N59047" s="10"/>
    </row>
    <row r="59048" spans="14:14">
      <c r="N59048" s="10"/>
    </row>
    <row r="59049" spans="14:14">
      <c r="N59049" s="10"/>
    </row>
    <row r="59050" spans="14:14">
      <c r="N59050" s="10"/>
    </row>
    <row r="59051" spans="14:14">
      <c r="N59051" s="10"/>
    </row>
    <row r="59052" spans="14:14">
      <c r="N59052" s="10"/>
    </row>
    <row r="59053" spans="14:14">
      <c r="N59053" s="10"/>
    </row>
    <row r="59054" spans="14:14">
      <c r="N59054" s="10"/>
    </row>
    <row r="59055" spans="14:14">
      <c r="N59055" s="10"/>
    </row>
    <row r="59056" spans="14:14">
      <c r="N59056" s="10"/>
    </row>
    <row r="59057" spans="14:14">
      <c r="N59057" s="10"/>
    </row>
    <row r="59058" spans="14:14">
      <c r="N59058" s="10"/>
    </row>
    <row r="59059" spans="14:14">
      <c r="N59059" s="10"/>
    </row>
    <row r="59060" spans="14:14">
      <c r="N59060" s="10"/>
    </row>
    <row r="59061" spans="14:14">
      <c r="N59061" s="10"/>
    </row>
    <row r="59062" spans="14:14">
      <c r="N59062" s="10"/>
    </row>
    <row r="59063" spans="14:14">
      <c r="N59063" s="10"/>
    </row>
    <row r="59064" spans="14:14">
      <c r="N59064" s="10"/>
    </row>
    <row r="59065" spans="14:14">
      <c r="N59065" s="10"/>
    </row>
    <row r="59066" spans="14:14">
      <c r="N59066" s="10"/>
    </row>
    <row r="59067" spans="14:14">
      <c r="N59067" s="10"/>
    </row>
    <row r="59068" spans="14:14">
      <c r="N59068" s="10"/>
    </row>
    <row r="59069" spans="14:14">
      <c r="N59069" s="10"/>
    </row>
    <row r="59070" spans="14:14">
      <c r="N59070" s="10"/>
    </row>
    <row r="59071" spans="14:14">
      <c r="N59071" s="10"/>
    </row>
    <row r="59072" spans="14:14">
      <c r="N59072" s="10"/>
    </row>
    <row r="59073" spans="14:14">
      <c r="N59073" s="10"/>
    </row>
    <row r="59074" spans="14:14">
      <c r="N59074" s="10"/>
    </row>
    <row r="59075" spans="14:14">
      <c r="N59075" s="10"/>
    </row>
    <row r="59076" spans="14:14">
      <c r="N59076" s="10"/>
    </row>
    <row r="59077" spans="14:14">
      <c r="N59077" s="10"/>
    </row>
    <row r="59078" spans="14:14">
      <c r="N59078" s="10"/>
    </row>
    <row r="59079" spans="14:14">
      <c r="N59079" s="10"/>
    </row>
    <row r="59080" spans="14:14">
      <c r="N59080" s="10"/>
    </row>
    <row r="59081" spans="14:14">
      <c r="N59081" s="10"/>
    </row>
    <row r="59082" spans="14:14">
      <c r="N59082" s="10"/>
    </row>
    <row r="59083" spans="14:14">
      <c r="N59083" s="10"/>
    </row>
    <row r="59084" spans="14:14">
      <c r="N59084" s="10"/>
    </row>
    <row r="59085" spans="14:14">
      <c r="N59085" s="10"/>
    </row>
    <row r="59086" spans="14:14">
      <c r="N59086" s="10"/>
    </row>
    <row r="59087" spans="14:14">
      <c r="N59087" s="10"/>
    </row>
    <row r="59088" spans="14:14">
      <c r="N59088" s="10"/>
    </row>
    <row r="59089" spans="14:14">
      <c r="N59089" s="10"/>
    </row>
    <row r="59090" spans="14:14">
      <c r="N59090" s="10"/>
    </row>
    <row r="59091" spans="14:14">
      <c r="N59091" s="10"/>
    </row>
    <row r="59092" spans="14:14">
      <c r="N59092" s="10"/>
    </row>
    <row r="59093" spans="14:14">
      <c r="N59093" s="10"/>
    </row>
    <row r="59094" spans="14:14">
      <c r="N59094" s="10"/>
    </row>
    <row r="59095" spans="14:14">
      <c r="N59095" s="10"/>
    </row>
    <row r="59096" spans="14:14">
      <c r="N59096" s="10"/>
    </row>
    <row r="59097" spans="14:14">
      <c r="N59097" s="10"/>
    </row>
    <row r="59098" spans="14:14">
      <c r="N59098" s="10"/>
    </row>
    <row r="59099" spans="14:14">
      <c r="N59099" s="10"/>
    </row>
    <row r="59100" spans="14:14">
      <c r="N59100" s="10"/>
    </row>
    <row r="59101" spans="14:14">
      <c r="N59101" s="10"/>
    </row>
    <row r="59102" spans="14:14">
      <c r="N59102" s="10"/>
    </row>
    <row r="59103" spans="14:14">
      <c r="N59103" s="10"/>
    </row>
    <row r="59104" spans="14:14">
      <c r="N59104" s="10"/>
    </row>
    <row r="59105" spans="14:14">
      <c r="N59105" s="10"/>
    </row>
    <row r="59106" spans="14:14">
      <c r="N59106" s="10"/>
    </row>
    <row r="59107" spans="14:14">
      <c r="N59107" s="10"/>
    </row>
    <row r="59108" spans="14:14">
      <c r="N59108" s="10"/>
    </row>
    <row r="59109" spans="14:14">
      <c r="N59109" s="10"/>
    </row>
    <row r="59110" spans="14:14">
      <c r="N59110" s="10"/>
    </row>
    <row r="59111" spans="14:14">
      <c r="N59111" s="10"/>
    </row>
    <row r="59112" spans="14:14">
      <c r="N59112" s="10"/>
    </row>
    <row r="59113" spans="14:14">
      <c r="N59113" s="10"/>
    </row>
    <row r="59114" spans="14:14">
      <c r="N59114" s="10"/>
    </row>
    <row r="59115" spans="14:14">
      <c r="N59115" s="10"/>
    </row>
    <row r="59116" spans="14:14">
      <c r="N59116" s="10"/>
    </row>
    <row r="59117" spans="14:14">
      <c r="N59117" s="10"/>
    </row>
    <row r="59118" spans="14:14">
      <c r="N59118" s="10"/>
    </row>
    <row r="59119" spans="14:14">
      <c r="N59119" s="10"/>
    </row>
    <row r="59120" spans="14:14">
      <c r="N59120" s="10"/>
    </row>
    <row r="59121" spans="14:14">
      <c r="N59121" s="10"/>
    </row>
    <row r="59122" spans="14:14">
      <c r="N59122" s="10"/>
    </row>
    <row r="59123" spans="14:14">
      <c r="N59123" s="10"/>
    </row>
    <row r="59124" spans="14:14">
      <c r="N59124" s="10"/>
    </row>
    <row r="59125" spans="14:14">
      <c r="N59125" s="10"/>
    </row>
    <row r="59126" spans="14:14">
      <c r="N59126" s="10"/>
    </row>
    <row r="59127" spans="14:14">
      <c r="N59127" s="10"/>
    </row>
    <row r="59128" spans="14:14">
      <c r="N59128" s="10"/>
    </row>
    <row r="59129" spans="14:14">
      <c r="N59129" s="10"/>
    </row>
    <row r="59130" spans="14:14">
      <c r="N59130" s="10"/>
    </row>
    <row r="59131" spans="14:14">
      <c r="N59131" s="10"/>
    </row>
    <row r="59132" spans="14:14">
      <c r="N59132" s="10"/>
    </row>
    <row r="59133" spans="14:14">
      <c r="N59133" s="10"/>
    </row>
    <row r="59134" spans="14:14">
      <c r="N59134" s="10"/>
    </row>
    <row r="59135" spans="14:14">
      <c r="N59135" s="10"/>
    </row>
    <row r="59136" spans="14:14">
      <c r="N59136" s="10"/>
    </row>
    <row r="59137" spans="14:14">
      <c r="N59137" s="10"/>
    </row>
    <row r="59138" spans="14:14">
      <c r="N59138" s="10"/>
    </row>
    <row r="59139" spans="14:14">
      <c r="N59139" s="10"/>
    </row>
    <row r="59140" spans="14:14">
      <c r="N59140" s="10"/>
    </row>
    <row r="59141" spans="14:14">
      <c r="N59141" s="10"/>
    </row>
    <row r="59142" spans="14:14">
      <c r="N59142" s="10"/>
    </row>
    <row r="59143" spans="14:14">
      <c r="N59143" s="10"/>
    </row>
    <row r="59144" spans="14:14">
      <c r="N59144" s="10"/>
    </row>
    <row r="59145" spans="14:14">
      <c r="N59145" s="10"/>
    </row>
    <row r="59146" spans="14:14">
      <c r="N59146" s="10"/>
    </row>
    <row r="59147" spans="14:14">
      <c r="N59147" s="10"/>
    </row>
    <row r="59148" spans="14:14">
      <c r="N59148" s="10"/>
    </row>
    <row r="59149" spans="14:14">
      <c r="N59149" s="10"/>
    </row>
    <row r="59150" spans="14:14">
      <c r="N59150" s="10"/>
    </row>
    <row r="59151" spans="14:14">
      <c r="N59151" s="10"/>
    </row>
    <row r="59152" spans="14:14">
      <c r="N59152" s="10"/>
    </row>
    <row r="59153" spans="14:14">
      <c r="N59153" s="10"/>
    </row>
    <row r="59154" spans="14:14">
      <c r="N59154" s="10"/>
    </row>
    <row r="59155" spans="14:14">
      <c r="N59155" s="10"/>
    </row>
    <row r="59156" spans="14:14">
      <c r="N59156" s="10"/>
    </row>
    <row r="59157" spans="14:14">
      <c r="N59157" s="10"/>
    </row>
    <row r="59158" spans="14:14">
      <c r="N59158" s="10"/>
    </row>
    <row r="59159" spans="14:14">
      <c r="N59159" s="10"/>
    </row>
    <row r="59160" spans="14:14">
      <c r="N59160" s="10"/>
    </row>
    <row r="59161" spans="14:14">
      <c r="N59161" s="10"/>
    </row>
    <row r="59162" spans="14:14">
      <c r="N59162" s="10"/>
    </row>
    <row r="59163" spans="14:14">
      <c r="N59163" s="10"/>
    </row>
    <row r="59164" spans="14:14">
      <c r="N59164" s="10"/>
    </row>
    <row r="59165" spans="14:14">
      <c r="N59165" s="10"/>
    </row>
    <row r="59166" spans="14:14">
      <c r="N59166" s="10"/>
    </row>
    <row r="59167" spans="14:14">
      <c r="N59167" s="10"/>
    </row>
    <row r="59168" spans="14:14">
      <c r="N59168" s="10"/>
    </row>
    <row r="59169" spans="14:14">
      <c r="N59169" s="10"/>
    </row>
    <row r="59170" spans="14:14">
      <c r="N59170" s="10"/>
    </row>
    <row r="59171" spans="14:14">
      <c r="N59171" s="10"/>
    </row>
    <row r="59172" spans="14:14">
      <c r="N59172" s="10"/>
    </row>
    <row r="59173" spans="14:14">
      <c r="N59173" s="10"/>
    </row>
    <row r="59174" spans="14:14">
      <c r="N59174" s="10"/>
    </row>
    <row r="59175" spans="14:14">
      <c r="N59175" s="10"/>
    </row>
    <row r="59176" spans="14:14">
      <c r="N59176" s="10"/>
    </row>
    <row r="59177" spans="14:14">
      <c r="N59177" s="10"/>
    </row>
    <row r="59178" spans="14:14">
      <c r="N59178" s="10"/>
    </row>
    <row r="59179" spans="14:14">
      <c r="N59179" s="10"/>
    </row>
    <row r="59180" spans="14:14">
      <c r="N59180" s="10"/>
    </row>
    <row r="59181" spans="14:14">
      <c r="N59181" s="10"/>
    </row>
    <row r="59182" spans="14:14">
      <c r="N59182" s="10"/>
    </row>
    <row r="59183" spans="14:14">
      <c r="N59183" s="10"/>
    </row>
    <row r="59184" spans="14:14">
      <c r="N59184" s="10"/>
    </row>
    <row r="59185" spans="14:14">
      <c r="N59185" s="10"/>
    </row>
    <row r="59186" spans="14:14">
      <c r="N59186" s="10"/>
    </row>
    <row r="59187" spans="14:14">
      <c r="N59187" s="10"/>
    </row>
    <row r="59188" spans="14:14">
      <c r="N59188" s="10"/>
    </row>
    <row r="59189" spans="14:14">
      <c r="N59189" s="10"/>
    </row>
    <row r="59190" spans="14:14">
      <c r="N59190" s="10"/>
    </row>
    <row r="59191" spans="14:14">
      <c r="N59191" s="10"/>
    </row>
    <row r="59192" spans="14:14">
      <c r="N59192" s="10"/>
    </row>
    <row r="59193" spans="14:14">
      <c r="N59193" s="10"/>
    </row>
    <row r="59194" spans="14:14">
      <c r="N59194" s="10"/>
    </row>
    <row r="59195" spans="14:14">
      <c r="N59195" s="10"/>
    </row>
    <row r="59196" spans="14:14">
      <c r="N59196" s="10"/>
    </row>
    <row r="59197" spans="14:14">
      <c r="N59197" s="10"/>
    </row>
    <row r="59198" spans="14:14">
      <c r="N59198" s="10"/>
    </row>
    <row r="59199" spans="14:14">
      <c r="N59199" s="10"/>
    </row>
    <row r="59200" spans="14:14">
      <c r="N59200" s="10"/>
    </row>
    <row r="59201" spans="14:14">
      <c r="N59201" s="10"/>
    </row>
    <row r="59202" spans="14:14">
      <c r="N59202" s="10"/>
    </row>
    <row r="59203" spans="14:14">
      <c r="N59203" s="10"/>
    </row>
    <row r="59204" spans="14:14">
      <c r="N59204" s="10"/>
    </row>
    <row r="59205" spans="14:14">
      <c r="N59205" s="10"/>
    </row>
    <row r="59206" spans="14:14">
      <c r="N59206" s="10"/>
    </row>
    <row r="59207" spans="14:14">
      <c r="N59207" s="10"/>
    </row>
    <row r="59208" spans="14:14">
      <c r="N59208" s="10"/>
    </row>
    <row r="59209" spans="14:14">
      <c r="N59209" s="10"/>
    </row>
    <row r="59210" spans="14:14">
      <c r="N59210" s="10"/>
    </row>
    <row r="59211" spans="14:14">
      <c r="N59211" s="10"/>
    </row>
    <row r="59212" spans="14:14">
      <c r="N59212" s="10"/>
    </row>
    <row r="59213" spans="14:14">
      <c r="N59213" s="10"/>
    </row>
    <row r="59214" spans="14:14">
      <c r="N59214" s="10"/>
    </row>
    <row r="59215" spans="14:14">
      <c r="N59215" s="10"/>
    </row>
    <row r="59216" spans="14:14">
      <c r="N59216" s="10"/>
    </row>
    <row r="59217" spans="14:14">
      <c r="N59217" s="10"/>
    </row>
    <row r="59218" spans="14:14">
      <c r="N59218" s="10"/>
    </row>
    <row r="59219" spans="14:14">
      <c r="N59219" s="10"/>
    </row>
    <row r="59220" spans="14:14">
      <c r="N59220" s="10"/>
    </row>
    <row r="59221" spans="14:14">
      <c r="N59221" s="10"/>
    </row>
    <row r="59222" spans="14:14">
      <c r="N59222" s="10"/>
    </row>
    <row r="59223" spans="14:14">
      <c r="N59223" s="10"/>
    </row>
    <row r="59224" spans="14:14">
      <c r="N59224" s="10"/>
    </row>
    <row r="59225" spans="14:14">
      <c r="N59225" s="10"/>
    </row>
    <row r="59226" spans="14:14">
      <c r="N59226" s="10"/>
    </row>
    <row r="59227" spans="14:14">
      <c r="N59227" s="10"/>
    </row>
    <row r="59228" spans="14:14">
      <c r="N59228" s="10"/>
    </row>
    <row r="59229" spans="14:14">
      <c r="N59229" s="10"/>
    </row>
    <row r="59230" spans="14:14">
      <c r="N59230" s="10"/>
    </row>
    <row r="59231" spans="14:14">
      <c r="N59231" s="10"/>
    </row>
    <row r="59232" spans="14:14">
      <c r="N59232" s="10"/>
    </row>
    <row r="59233" spans="14:14">
      <c r="N59233" s="10"/>
    </row>
    <row r="59234" spans="14:14">
      <c r="N59234" s="10"/>
    </row>
    <row r="59235" spans="14:14">
      <c r="N59235" s="10"/>
    </row>
    <row r="59236" spans="14:14">
      <c r="N59236" s="10"/>
    </row>
    <row r="59237" spans="14:14">
      <c r="N59237" s="10"/>
    </row>
    <row r="59238" spans="14:14">
      <c r="N59238" s="10"/>
    </row>
    <row r="59239" spans="14:14">
      <c r="N59239" s="10"/>
    </row>
    <row r="59240" spans="14:14">
      <c r="N59240" s="10"/>
    </row>
    <row r="59241" spans="14:14">
      <c r="N59241" s="10"/>
    </row>
    <row r="59242" spans="14:14">
      <c r="N59242" s="10"/>
    </row>
    <row r="59243" spans="14:14">
      <c r="N59243" s="10"/>
    </row>
    <row r="59244" spans="14:14">
      <c r="N59244" s="10"/>
    </row>
    <row r="59245" spans="14:14">
      <c r="N59245" s="10"/>
    </row>
    <row r="59246" spans="14:14">
      <c r="N59246" s="10"/>
    </row>
    <row r="59247" spans="14:14">
      <c r="N59247" s="10"/>
    </row>
    <row r="59248" spans="14:14">
      <c r="N59248" s="10"/>
    </row>
    <row r="59249" spans="14:14">
      <c r="N59249" s="10"/>
    </row>
    <row r="59250" spans="14:14">
      <c r="N59250" s="10"/>
    </row>
    <row r="59251" spans="14:14">
      <c r="N59251" s="10"/>
    </row>
    <row r="59252" spans="14:14">
      <c r="N59252" s="10"/>
    </row>
    <row r="59253" spans="14:14">
      <c r="N59253" s="10"/>
    </row>
    <row r="59254" spans="14:14">
      <c r="N59254" s="10"/>
    </row>
    <row r="59255" spans="14:14">
      <c r="N59255" s="10"/>
    </row>
    <row r="59256" spans="14:14">
      <c r="N59256" s="10"/>
    </row>
    <row r="59257" spans="14:14">
      <c r="N59257" s="10"/>
    </row>
    <row r="59258" spans="14:14">
      <c r="N59258" s="10"/>
    </row>
    <row r="59259" spans="14:14">
      <c r="N59259" s="10"/>
    </row>
    <row r="59260" spans="14:14">
      <c r="N59260" s="10"/>
    </row>
    <row r="59261" spans="14:14">
      <c r="N59261" s="10"/>
    </row>
    <row r="59262" spans="14:14">
      <c r="N59262" s="10"/>
    </row>
    <row r="59263" spans="14:14">
      <c r="N59263" s="10"/>
    </row>
    <row r="59264" spans="14:14">
      <c r="N59264" s="10"/>
    </row>
    <row r="59265" spans="14:14">
      <c r="N59265" s="10"/>
    </row>
    <row r="59266" spans="14:14">
      <c r="N59266" s="10"/>
    </row>
    <row r="59267" spans="14:14">
      <c r="N59267" s="10"/>
    </row>
    <row r="59268" spans="14:14">
      <c r="N59268" s="10"/>
    </row>
    <row r="59269" spans="14:14">
      <c r="N59269" s="10"/>
    </row>
    <row r="59270" spans="14:14">
      <c r="N59270" s="10"/>
    </row>
    <row r="59271" spans="14:14">
      <c r="N59271" s="10"/>
    </row>
    <row r="59272" spans="14:14">
      <c r="N59272" s="10"/>
    </row>
    <row r="59273" spans="14:14">
      <c r="N59273" s="10"/>
    </row>
    <row r="59274" spans="14:14">
      <c r="N59274" s="10"/>
    </row>
    <row r="59275" spans="14:14">
      <c r="N59275" s="10"/>
    </row>
    <row r="59276" spans="14:14">
      <c r="N59276" s="10"/>
    </row>
    <row r="59277" spans="14:14">
      <c r="N59277" s="10"/>
    </row>
    <row r="59278" spans="14:14">
      <c r="N59278" s="10"/>
    </row>
    <row r="59279" spans="14:14">
      <c r="N59279" s="10"/>
    </row>
    <row r="59280" spans="14:14">
      <c r="N59280" s="10"/>
    </row>
    <row r="59281" spans="14:14">
      <c r="N59281" s="10"/>
    </row>
    <row r="59282" spans="14:14">
      <c r="N59282" s="10"/>
    </row>
    <row r="59283" spans="14:14">
      <c r="N59283" s="10"/>
    </row>
    <row r="59284" spans="14:14">
      <c r="N59284" s="10"/>
    </row>
    <row r="59285" spans="14:14">
      <c r="N59285" s="10"/>
    </row>
    <row r="59286" spans="14:14">
      <c r="N59286" s="10"/>
    </row>
    <row r="59287" spans="14:14">
      <c r="N59287" s="10"/>
    </row>
    <row r="59288" spans="14:14">
      <c r="N59288" s="10"/>
    </row>
    <row r="59289" spans="14:14">
      <c r="N59289" s="10"/>
    </row>
    <row r="59290" spans="14:14">
      <c r="N59290" s="10"/>
    </row>
    <row r="59291" spans="14:14">
      <c r="N59291" s="10"/>
    </row>
    <row r="59292" spans="14:14">
      <c r="N59292" s="10"/>
    </row>
    <row r="59293" spans="14:14">
      <c r="N59293" s="10"/>
    </row>
    <row r="59294" spans="14:14">
      <c r="N59294" s="10"/>
    </row>
    <row r="59295" spans="14:14">
      <c r="N59295" s="10"/>
    </row>
    <row r="59296" spans="14:14">
      <c r="N59296" s="10"/>
    </row>
    <row r="59297" spans="14:14">
      <c r="N59297" s="10"/>
    </row>
    <row r="59298" spans="14:14">
      <c r="N59298" s="10"/>
    </row>
    <row r="59299" spans="14:14">
      <c r="N59299" s="10"/>
    </row>
    <row r="59300" spans="14:14">
      <c r="N59300" s="10"/>
    </row>
    <row r="59301" spans="14:14">
      <c r="N59301" s="10"/>
    </row>
    <row r="59302" spans="14:14">
      <c r="N59302" s="10"/>
    </row>
    <row r="59303" spans="14:14">
      <c r="N59303" s="10"/>
    </row>
    <row r="59304" spans="14:14">
      <c r="N59304" s="10"/>
    </row>
    <row r="59305" spans="14:14">
      <c r="N59305" s="10"/>
    </row>
    <row r="59306" spans="14:14">
      <c r="N59306" s="10"/>
    </row>
    <row r="59307" spans="14:14">
      <c r="N59307" s="10"/>
    </row>
    <row r="59308" spans="14:14">
      <c r="N59308" s="10"/>
    </row>
    <row r="59309" spans="14:14">
      <c r="N59309" s="10"/>
    </row>
    <row r="59310" spans="14:14">
      <c r="N59310" s="10"/>
    </row>
    <row r="59311" spans="14:14">
      <c r="N59311" s="10"/>
    </row>
    <row r="59312" spans="14:14">
      <c r="N59312" s="10"/>
    </row>
    <row r="59313" spans="14:14">
      <c r="N59313" s="10"/>
    </row>
    <row r="59314" spans="14:14">
      <c r="N59314" s="10"/>
    </row>
    <row r="59315" spans="14:14">
      <c r="N59315" s="10"/>
    </row>
    <row r="59316" spans="14:14">
      <c r="N59316" s="10"/>
    </row>
    <row r="59317" spans="14:14">
      <c r="N59317" s="10"/>
    </row>
    <row r="59318" spans="14:14">
      <c r="N59318" s="10"/>
    </row>
    <row r="59319" spans="14:14">
      <c r="N59319" s="10"/>
    </row>
    <row r="59320" spans="14:14">
      <c r="N59320" s="10"/>
    </row>
    <row r="59321" spans="14:14">
      <c r="N59321" s="10"/>
    </row>
    <row r="59322" spans="14:14">
      <c r="N59322" s="10"/>
    </row>
    <row r="59323" spans="14:14">
      <c r="N59323" s="10"/>
    </row>
    <row r="59324" spans="14:14">
      <c r="N59324" s="10"/>
    </row>
    <row r="59325" spans="14:14">
      <c r="N59325" s="10"/>
    </row>
    <row r="59326" spans="14:14">
      <c r="N59326" s="10"/>
    </row>
    <row r="59327" spans="14:14">
      <c r="N59327" s="10"/>
    </row>
    <row r="59328" spans="14:14">
      <c r="N59328" s="10"/>
    </row>
    <row r="59329" spans="14:14">
      <c r="N59329" s="10"/>
    </row>
    <row r="59330" spans="14:14">
      <c r="N59330" s="10"/>
    </row>
    <row r="59331" spans="14:14">
      <c r="N59331" s="10"/>
    </row>
    <row r="59332" spans="14:14">
      <c r="N59332" s="10"/>
    </row>
    <row r="59333" spans="14:14">
      <c r="N59333" s="10"/>
    </row>
    <row r="59334" spans="14:14">
      <c r="N59334" s="10"/>
    </row>
    <row r="59335" spans="14:14">
      <c r="N59335" s="10"/>
    </row>
    <row r="59336" spans="14:14">
      <c r="N59336" s="10"/>
    </row>
    <row r="59337" spans="14:14">
      <c r="N59337" s="10"/>
    </row>
    <row r="59338" spans="14:14">
      <c r="N59338" s="10"/>
    </row>
    <row r="59339" spans="14:14">
      <c r="N59339" s="10"/>
    </row>
    <row r="59340" spans="14:14">
      <c r="N59340" s="10"/>
    </row>
    <row r="59341" spans="14:14">
      <c r="N59341" s="10"/>
    </row>
    <row r="59342" spans="14:14">
      <c r="N59342" s="10"/>
    </row>
    <row r="59343" spans="14:14">
      <c r="N59343" s="10"/>
    </row>
    <row r="59344" spans="14:14">
      <c r="N59344" s="10"/>
    </row>
    <row r="59345" spans="14:14">
      <c r="N59345" s="10"/>
    </row>
    <row r="59346" spans="14:14">
      <c r="N59346" s="10"/>
    </row>
    <row r="59347" spans="14:14">
      <c r="N59347" s="10"/>
    </row>
    <row r="59348" spans="14:14">
      <c r="N59348" s="10"/>
    </row>
    <row r="59349" spans="14:14">
      <c r="N59349" s="10"/>
    </row>
    <row r="59350" spans="14:14">
      <c r="N59350" s="10"/>
    </row>
    <row r="59351" spans="14:14">
      <c r="N59351" s="10"/>
    </row>
    <row r="59352" spans="14:14">
      <c r="N59352" s="10"/>
    </row>
    <row r="59353" spans="14:14">
      <c r="N59353" s="10"/>
    </row>
    <row r="59354" spans="14:14">
      <c r="N59354" s="10"/>
    </row>
    <row r="59355" spans="14:14">
      <c r="N59355" s="10"/>
    </row>
    <row r="59356" spans="14:14">
      <c r="N59356" s="10"/>
    </row>
    <row r="59357" spans="14:14">
      <c r="N59357" s="10"/>
    </row>
    <row r="59358" spans="14:14">
      <c r="N59358" s="10"/>
    </row>
    <row r="59359" spans="14:14">
      <c r="N59359" s="10"/>
    </row>
    <row r="59360" spans="14:14">
      <c r="N59360" s="10"/>
    </row>
    <row r="59361" spans="14:14">
      <c r="N59361" s="10"/>
    </row>
    <row r="59362" spans="14:14">
      <c r="N59362" s="10"/>
    </row>
    <row r="59363" spans="14:14">
      <c r="N59363" s="10"/>
    </row>
    <row r="59364" spans="14:14">
      <c r="N59364" s="10"/>
    </row>
    <row r="59365" spans="14:14">
      <c r="N59365" s="10"/>
    </row>
    <row r="59366" spans="14:14">
      <c r="N59366" s="10"/>
    </row>
    <row r="59367" spans="14:14">
      <c r="N59367" s="10"/>
    </row>
    <row r="59368" spans="14:14">
      <c r="N59368" s="10"/>
    </row>
    <row r="59369" spans="14:14">
      <c r="N59369" s="10"/>
    </row>
    <row r="59370" spans="14:14">
      <c r="N59370" s="10"/>
    </row>
    <row r="59371" spans="14:14">
      <c r="N59371" s="10"/>
    </row>
    <row r="59372" spans="14:14">
      <c r="N59372" s="10"/>
    </row>
    <row r="59373" spans="14:14">
      <c r="N59373" s="10"/>
    </row>
    <row r="59374" spans="14:14">
      <c r="N59374" s="10"/>
    </row>
    <row r="59375" spans="14:14">
      <c r="N59375" s="10"/>
    </row>
    <row r="59376" spans="14:14">
      <c r="N59376" s="10"/>
    </row>
    <row r="59377" spans="14:14">
      <c r="N59377" s="10"/>
    </row>
    <row r="59378" spans="14:14">
      <c r="N59378" s="10"/>
    </row>
    <row r="59379" spans="14:14">
      <c r="N59379" s="10"/>
    </row>
    <row r="59380" spans="14:14">
      <c r="N59380" s="10"/>
    </row>
    <row r="59381" spans="14:14">
      <c r="N59381" s="10"/>
    </row>
    <row r="59382" spans="14:14">
      <c r="N59382" s="10"/>
    </row>
    <row r="59383" spans="14:14">
      <c r="N59383" s="10"/>
    </row>
    <row r="59384" spans="14:14">
      <c r="N59384" s="10"/>
    </row>
    <row r="59385" spans="14:14">
      <c r="N59385" s="10"/>
    </row>
    <row r="59386" spans="14:14">
      <c r="N59386" s="10"/>
    </row>
    <row r="59387" spans="14:14">
      <c r="N59387" s="10"/>
    </row>
    <row r="59388" spans="14:14">
      <c r="N59388" s="10"/>
    </row>
    <row r="59389" spans="14:14">
      <c r="N59389" s="10"/>
    </row>
    <row r="59390" spans="14:14">
      <c r="N59390" s="10"/>
    </row>
    <row r="59391" spans="14:14">
      <c r="N59391" s="10"/>
    </row>
    <row r="59392" spans="14:14">
      <c r="N59392" s="10"/>
    </row>
    <row r="59393" spans="14:14">
      <c r="N59393" s="10"/>
    </row>
    <row r="59394" spans="14:14">
      <c r="N59394" s="10"/>
    </row>
    <row r="59395" spans="14:14">
      <c r="N59395" s="10"/>
    </row>
    <row r="59396" spans="14:14">
      <c r="N59396" s="10"/>
    </row>
    <row r="59397" spans="14:14">
      <c r="N59397" s="10"/>
    </row>
    <row r="59398" spans="14:14">
      <c r="N59398" s="10"/>
    </row>
    <row r="59399" spans="14:14">
      <c r="N59399" s="10"/>
    </row>
    <row r="59400" spans="14:14">
      <c r="N59400" s="10"/>
    </row>
    <row r="59401" spans="14:14">
      <c r="N59401" s="10"/>
    </row>
    <row r="59402" spans="14:14">
      <c r="N59402" s="10"/>
    </row>
    <row r="59403" spans="14:14">
      <c r="N59403" s="10"/>
    </row>
    <row r="59404" spans="14:14">
      <c r="N59404" s="10"/>
    </row>
    <row r="59405" spans="14:14">
      <c r="N59405" s="10"/>
    </row>
    <row r="59406" spans="14:14">
      <c r="N59406" s="10"/>
    </row>
    <row r="59407" spans="14:14">
      <c r="N59407" s="10"/>
    </row>
    <row r="59408" spans="14:14">
      <c r="N59408" s="10"/>
    </row>
    <row r="59409" spans="14:14">
      <c r="N59409" s="10"/>
    </row>
    <row r="59410" spans="14:14">
      <c r="N59410" s="10"/>
    </row>
    <row r="59411" spans="14:14">
      <c r="N59411" s="10"/>
    </row>
    <row r="59412" spans="14:14">
      <c r="N59412" s="10"/>
    </row>
    <row r="59413" spans="14:14">
      <c r="N59413" s="10"/>
    </row>
    <row r="59414" spans="14:14">
      <c r="N59414" s="10"/>
    </row>
    <row r="59415" spans="14:14">
      <c r="N59415" s="10"/>
    </row>
    <row r="59416" spans="14:14">
      <c r="N59416" s="10"/>
    </row>
    <row r="59417" spans="14:14">
      <c r="N59417" s="10"/>
    </row>
    <row r="59418" spans="14:14">
      <c r="N59418" s="10"/>
    </row>
    <row r="59419" spans="14:14">
      <c r="N59419" s="10"/>
    </row>
    <row r="59420" spans="14:14">
      <c r="N59420" s="10"/>
    </row>
    <row r="59421" spans="14:14">
      <c r="N59421" s="10"/>
    </row>
    <row r="59422" spans="14:14">
      <c r="N59422" s="10"/>
    </row>
    <row r="59423" spans="14:14">
      <c r="N59423" s="10"/>
    </row>
    <row r="59424" spans="14:14">
      <c r="N59424" s="10"/>
    </row>
    <row r="59425" spans="14:14">
      <c r="N59425" s="10"/>
    </row>
    <row r="59426" spans="14:14">
      <c r="N59426" s="10"/>
    </row>
    <row r="59427" spans="14:14">
      <c r="N59427" s="10"/>
    </row>
    <row r="59428" spans="14:14">
      <c r="N59428" s="10"/>
    </row>
    <row r="59429" spans="14:14">
      <c r="N59429" s="10"/>
    </row>
    <row r="59430" spans="14:14">
      <c r="N59430" s="10"/>
    </row>
    <row r="59431" spans="14:14">
      <c r="N59431" s="10"/>
    </row>
    <row r="59432" spans="14:14">
      <c r="N59432" s="10"/>
    </row>
    <row r="59433" spans="14:14">
      <c r="N59433" s="10"/>
    </row>
    <row r="59434" spans="14:14">
      <c r="N59434" s="10"/>
    </row>
    <row r="59435" spans="14:14">
      <c r="N59435" s="10"/>
    </row>
    <row r="59436" spans="14:14">
      <c r="N59436" s="10"/>
    </row>
    <row r="59437" spans="14:14">
      <c r="N59437" s="10"/>
    </row>
    <row r="59438" spans="14:14">
      <c r="N59438" s="10"/>
    </row>
    <row r="59439" spans="14:14">
      <c r="N59439" s="10"/>
    </row>
    <row r="59440" spans="14:14">
      <c r="N59440" s="10"/>
    </row>
    <row r="59441" spans="14:14">
      <c r="N59441" s="10"/>
    </row>
    <row r="59442" spans="14:14">
      <c r="N59442" s="10"/>
    </row>
    <row r="59443" spans="14:14">
      <c r="N59443" s="10"/>
    </row>
    <row r="59444" spans="14:14">
      <c r="N59444" s="10"/>
    </row>
    <row r="59445" spans="14:14">
      <c r="N59445" s="10"/>
    </row>
    <row r="59446" spans="14:14">
      <c r="N59446" s="10"/>
    </row>
    <row r="59447" spans="14:14">
      <c r="N59447" s="10"/>
    </row>
    <row r="59448" spans="14:14">
      <c r="N59448" s="10"/>
    </row>
    <row r="59449" spans="14:14">
      <c r="N59449" s="10"/>
    </row>
    <row r="59450" spans="14:14">
      <c r="N59450" s="10"/>
    </row>
    <row r="59451" spans="14:14">
      <c r="N59451" s="10"/>
    </row>
    <row r="59452" spans="14:14">
      <c r="N59452" s="10"/>
    </row>
    <row r="59453" spans="14:14">
      <c r="N59453" s="10"/>
    </row>
    <row r="59454" spans="14:14">
      <c r="N59454" s="10"/>
    </row>
    <row r="59455" spans="14:14">
      <c r="N59455" s="10"/>
    </row>
    <row r="59456" spans="14:14">
      <c r="N59456" s="10"/>
    </row>
    <row r="59457" spans="14:14">
      <c r="N59457" s="10"/>
    </row>
    <row r="59458" spans="14:14">
      <c r="N59458" s="10"/>
    </row>
    <row r="59459" spans="14:14">
      <c r="N59459" s="10"/>
    </row>
    <row r="59460" spans="14:14">
      <c r="N59460" s="10"/>
    </row>
    <row r="59461" spans="14:14">
      <c r="N59461" s="10"/>
    </row>
    <row r="59462" spans="14:14">
      <c r="N59462" s="10"/>
    </row>
    <row r="59463" spans="14:14">
      <c r="N59463" s="10"/>
    </row>
    <row r="59464" spans="14:14">
      <c r="N59464" s="10"/>
    </row>
    <row r="59465" spans="14:14">
      <c r="N59465" s="10"/>
    </row>
    <row r="59466" spans="14:14">
      <c r="N59466" s="10"/>
    </row>
    <row r="59467" spans="14:14">
      <c r="N59467" s="10"/>
    </row>
    <row r="59468" spans="14:14">
      <c r="N59468" s="10"/>
    </row>
    <row r="59469" spans="14:14">
      <c r="N59469" s="10"/>
    </row>
    <row r="59470" spans="14:14">
      <c r="N59470" s="10"/>
    </row>
    <row r="59471" spans="14:14">
      <c r="N59471" s="10"/>
    </row>
    <row r="59472" spans="14:14">
      <c r="N59472" s="10"/>
    </row>
    <row r="59473" spans="14:14">
      <c r="N59473" s="10"/>
    </row>
    <row r="59474" spans="14:14">
      <c r="N59474" s="10"/>
    </row>
    <row r="59475" spans="14:14">
      <c r="N59475" s="10"/>
    </row>
    <row r="59476" spans="14:14">
      <c r="N59476" s="10"/>
    </row>
    <row r="59477" spans="14:14">
      <c r="N59477" s="10"/>
    </row>
    <row r="59478" spans="14:14">
      <c r="N59478" s="10"/>
    </row>
    <row r="59479" spans="14:14">
      <c r="N59479" s="10"/>
    </row>
    <row r="59480" spans="14:14">
      <c r="N59480" s="10"/>
    </row>
    <row r="59481" spans="14:14">
      <c r="N59481" s="10"/>
    </row>
    <row r="59482" spans="14:14">
      <c r="N59482" s="10"/>
    </row>
    <row r="59483" spans="14:14">
      <c r="N59483" s="10"/>
    </row>
    <row r="59484" spans="14:14">
      <c r="N59484" s="10"/>
    </row>
    <row r="59485" spans="14:14">
      <c r="N59485" s="10"/>
    </row>
    <row r="59486" spans="14:14">
      <c r="N59486" s="10"/>
    </row>
    <row r="59487" spans="14:14">
      <c r="N59487" s="10"/>
    </row>
    <row r="59488" spans="14:14">
      <c r="N59488" s="10"/>
    </row>
    <row r="59489" spans="14:14">
      <c r="N59489" s="10"/>
    </row>
    <row r="59490" spans="14:14">
      <c r="N59490" s="10"/>
    </row>
    <row r="59491" spans="14:14">
      <c r="N59491" s="10"/>
    </row>
    <row r="59492" spans="14:14">
      <c r="N59492" s="10"/>
    </row>
    <row r="59493" spans="14:14">
      <c r="N59493" s="10"/>
    </row>
    <row r="59494" spans="14:14">
      <c r="N59494" s="10"/>
    </row>
    <row r="59495" spans="14:14">
      <c r="N59495" s="10"/>
    </row>
    <row r="59496" spans="14:14">
      <c r="N59496" s="10"/>
    </row>
    <row r="59497" spans="14:14">
      <c r="N59497" s="10"/>
    </row>
    <row r="59498" spans="14:14">
      <c r="N59498" s="10"/>
    </row>
    <row r="59499" spans="14:14">
      <c r="N59499" s="10"/>
    </row>
    <row r="59500" spans="14:14">
      <c r="N59500" s="10"/>
    </row>
    <row r="59501" spans="14:14">
      <c r="N59501" s="10"/>
    </row>
    <row r="59502" spans="14:14">
      <c r="N59502" s="10"/>
    </row>
    <row r="59503" spans="14:14">
      <c r="N59503" s="10"/>
    </row>
    <row r="59504" spans="14:14">
      <c r="N59504" s="10"/>
    </row>
    <row r="59505" spans="14:14">
      <c r="N59505" s="10"/>
    </row>
    <row r="59506" spans="14:14">
      <c r="N59506" s="10"/>
    </row>
    <row r="59507" spans="14:14">
      <c r="N59507" s="10"/>
    </row>
    <row r="59508" spans="14:14">
      <c r="N59508" s="10"/>
    </row>
    <row r="59509" spans="14:14">
      <c r="N59509" s="10"/>
    </row>
    <row r="59510" spans="14:14">
      <c r="N59510" s="10"/>
    </row>
    <row r="59511" spans="14:14">
      <c r="N59511" s="10"/>
    </row>
    <row r="59512" spans="14:14">
      <c r="N59512" s="10"/>
    </row>
    <row r="59513" spans="14:14">
      <c r="N59513" s="10"/>
    </row>
    <row r="59514" spans="14:14">
      <c r="N59514" s="10"/>
    </row>
    <row r="59515" spans="14:14">
      <c r="N59515" s="10"/>
    </row>
    <row r="59516" spans="14:14">
      <c r="N59516" s="10"/>
    </row>
    <row r="59517" spans="14:14">
      <c r="N59517" s="10"/>
    </row>
    <row r="59518" spans="14:14">
      <c r="N59518" s="10"/>
    </row>
    <row r="59519" spans="14:14">
      <c r="N59519" s="10"/>
    </row>
    <row r="59520" spans="14:14">
      <c r="N59520" s="10"/>
    </row>
    <row r="59521" spans="14:14">
      <c r="N59521" s="10"/>
    </row>
    <row r="59522" spans="14:14">
      <c r="N59522" s="10"/>
    </row>
    <row r="59523" spans="14:14">
      <c r="N59523" s="10"/>
    </row>
    <row r="59524" spans="14:14">
      <c r="N59524" s="10"/>
    </row>
    <row r="59525" spans="14:14">
      <c r="N59525" s="10"/>
    </row>
    <row r="59526" spans="14:14">
      <c r="N59526" s="10"/>
    </row>
    <row r="59527" spans="14:14">
      <c r="N59527" s="10"/>
    </row>
    <row r="59528" spans="14:14">
      <c r="N59528" s="10"/>
    </row>
    <row r="59529" spans="14:14">
      <c r="N59529" s="10"/>
    </row>
    <row r="59530" spans="14:14">
      <c r="N59530" s="10"/>
    </row>
    <row r="59531" spans="14:14">
      <c r="N59531" s="10"/>
    </row>
    <row r="59532" spans="14:14">
      <c r="N59532" s="10"/>
    </row>
    <row r="59533" spans="14:14">
      <c r="N59533" s="10"/>
    </row>
    <row r="59534" spans="14:14">
      <c r="N59534" s="10"/>
    </row>
    <row r="59535" spans="14:14">
      <c r="N59535" s="10"/>
    </row>
    <row r="59536" spans="14:14">
      <c r="N59536" s="10"/>
    </row>
    <row r="59537" spans="14:14">
      <c r="N59537" s="10"/>
    </row>
    <row r="59538" spans="14:14">
      <c r="N59538" s="10"/>
    </row>
    <row r="59539" spans="14:14">
      <c r="N59539" s="10"/>
    </row>
    <row r="59540" spans="14:14">
      <c r="N59540" s="10"/>
    </row>
    <row r="59541" spans="14:14">
      <c r="N59541" s="10"/>
    </row>
    <row r="59542" spans="14:14">
      <c r="N59542" s="10"/>
    </row>
    <row r="59543" spans="14:14">
      <c r="N59543" s="10"/>
    </row>
    <row r="59544" spans="14:14">
      <c r="N59544" s="10"/>
    </row>
    <row r="59545" spans="14:14">
      <c r="N59545" s="10"/>
    </row>
    <row r="59546" spans="14:14">
      <c r="N59546" s="10"/>
    </row>
    <row r="59547" spans="14:14">
      <c r="N59547" s="10"/>
    </row>
    <row r="59548" spans="14:14">
      <c r="N59548" s="10"/>
    </row>
    <row r="59549" spans="14:14">
      <c r="N59549" s="10"/>
    </row>
    <row r="59550" spans="14:14">
      <c r="N59550" s="10"/>
    </row>
    <row r="59551" spans="14:14">
      <c r="N59551" s="10"/>
    </row>
    <row r="59552" spans="14:14">
      <c r="N59552" s="10"/>
    </row>
    <row r="59553" spans="14:14">
      <c r="N59553" s="10"/>
    </row>
    <row r="59554" spans="14:14">
      <c r="N59554" s="10"/>
    </row>
    <row r="59555" spans="14:14">
      <c r="N59555" s="10"/>
    </row>
    <row r="59556" spans="14:14">
      <c r="N59556" s="10"/>
    </row>
    <row r="59557" spans="14:14">
      <c r="N59557" s="10"/>
    </row>
    <row r="59558" spans="14:14">
      <c r="N59558" s="10"/>
    </row>
    <row r="59559" spans="14:14">
      <c r="N59559" s="10"/>
    </row>
    <row r="59560" spans="14:14">
      <c r="N59560" s="10"/>
    </row>
    <row r="59561" spans="14:14">
      <c r="N59561" s="10"/>
    </row>
    <row r="59562" spans="14:14">
      <c r="N59562" s="10"/>
    </row>
    <row r="59563" spans="14:14">
      <c r="N59563" s="10"/>
    </row>
    <row r="59564" spans="14:14">
      <c r="N59564" s="10"/>
    </row>
    <row r="59565" spans="14:14">
      <c r="N59565" s="10"/>
    </row>
    <row r="59566" spans="14:14">
      <c r="N59566" s="10"/>
    </row>
    <row r="59567" spans="14:14">
      <c r="N59567" s="10"/>
    </row>
    <row r="59568" spans="14:14">
      <c r="N59568" s="10"/>
    </row>
    <row r="59569" spans="14:14">
      <c r="N59569" s="10"/>
    </row>
    <row r="59570" spans="14:14">
      <c r="N59570" s="10"/>
    </row>
    <row r="59571" spans="14:14">
      <c r="N59571" s="10"/>
    </row>
    <row r="59572" spans="14:14">
      <c r="N59572" s="10"/>
    </row>
    <row r="59573" spans="14:14">
      <c r="N59573" s="10"/>
    </row>
    <row r="59574" spans="14:14">
      <c r="N59574" s="10"/>
    </row>
    <row r="59575" spans="14:14">
      <c r="N59575" s="10"/>
    </row>
    <row r="59576" spans="14:14">
      <c r="N59576" s="10"/>
    </row>
    <row r="59577" spans="14:14">
      <c r="N59577" s="10"/>
    </row>
    <row r="59578" spans="14:14">
      <c r="N59578" s="10"/>
    </row>
    <row r="59579" spans="14:14">
      <c r="N59579" s="10"/>
    </row>
    <row r="59580" spans="14:14">
      <c r="N59580" s="10"/>
    </row>
    <row r="59581" spans="14:14">
      <c r="N59581" s="10"/>
    </row>
    <row r="59582" spans="14:14">
      <c r="N59582" s="10"/>
    </row>
    <row r="59583" spans="14:14">
      <c r="N59583" s="10"/>
    </row>
    <row r="59584" spans="14:14">
      <c r="N59584" s="10"/>
    </row>
    <row r="59585" spans="14:14">
      <c r="N59585" s="10"/>
    </row>
    <row r="59586" spans="14:14">
      <c r="N59586" s="10"/>
    </row>
    <row r="59587" spans="14:14">
      <c r="N59587" s="10"/>
    </row>
    <row r="59588" spans="14:14">
      <c r="N59588" s="10"/>
    </row>
    <row r="59589" spans="14:14">
      <c r="N59589" s="10"/>
    </row>
    <row r="59590" spans="14:14">
      <c r="N59590" s="10"/>
    </row>
    <row r="59591" spans="14:14">
      <c r="N59591" s="10"/>
    </row>
    <row r="59592" spans="14:14">
      <c r="N59592" s="10"/>
    </row>
    <row r="59593" spans="14:14">
      <c r="N59593" s="10"/>
    </row>
    <row r="59594" spans="14:14">
      <c r="N59594" s="10"/>
    </row>
    <row r="59595" spans="14:14">
      <c r="N59595" s="10"/>
    </row>
    <row r="59596" spans="14:14">
      <c r="N59596" s="10"/>
    </row>
    <row r="59597" spans="14:14">
      <c r="N59597" s="10"/>
    </row>
    <row r="59598" spans="14:14">
      <c r="N59598" s="10"/>
    </row>
    <row r="59599" spans="14:14">
      <c r="N59599" s="10"/>
    </row>
    <row r="59600" spans="14:14">
      <c r="N59600" s="10"/>
    </row>
    <row r="59601" spans="14:14">
      <c r="N59601" s="10"/>
    </row>
    <row r="59602" spans="14:14">
      <c r="N59602" s="10"/>
    </row>
    <row r="59603" spans="14:14">
      <c r="N59603" s="10"/>
    </row>
    <row r="59604" spans="14:14">
      <c r="N59604" s="10"/>
    </row>
    <row r="59605" spans="14:14">
      <c r="N59605" s="10"/>
    </row>
    <row r="59606" spans="14:14">
      <c r="N59606" s="10"/>
    </row>
    <row r="59607" spans="14:14">
      <c r="N59607" s="10"/>
    </row>
    <row r="59608" spans="14:14">
      <c r="N59608" s="10"/>
    </row>
    <row r="59609" spans="14:14">
      <c r="N59609" s="10"/>
    </row>
    <row r="59610" spans="14:14">
      <c r="N59610" s="10"/>
    </row>
    <row r="59611" spans="14:14">
      <c r="N59611" s="10"/>
    </row>
    <row r="59612" spans="14:14">
      <c r="N59612" s="10"/>
    </row>
    <row r="59613" spans="14:14">
      <c r="N59613" s="10"/>
    </row>
    <row r="59614" spans="14:14">
      <c r="N59614" s="10"/>
    </row>
    <row r="59615" spans="14:14">
      <c r="N59615" s="10"/>
    </row>
    <row r="59616" spans="14:14">
      <c r="N59616" s="10"/>
    </row>
    <row r="59617" spans="14:14">
      <c r="N59617" s="10"/>
    </row>
    <row r="59618" spans="14:14">
      <c r="N59618" s="10"/>
    </row>
    <row r="59619" spans="14:14">
      <c r="N59619" s="10"/>
    </row>
    <row r="59620" spans="14:14">
      <c r="N59620" s="10"/>
    </row>
    <row r="59621" spans="14:14">
      <c r="N59621" s="10"/>
    </row>
    <row r="59622" spans="14:14">
      <c r="N59622" s="10"/>
    </row>
    <row r="59623" spans="14:14">
      <c r="N59623" s="10"/>
    </row>
    <row r="59624" spans="14:14">
      <c r="N59624" s="10"/>
    </row>
    <row r="59625" spans="14:14">
      <c r="N59625" s="10"/>
    </row>
    <row r="59626" spans="14:14">
      <c r="N59626" s="10"/>
    </row>
    <row r="59627" spans="14:14">
      <c r="N59627" s="10"/>
    </row>
    <row r="59628" spans="14:14">
      <c r="N59628" s="10"/>
    </row>
    <row r="59629" spans="14:14">
      <c r="N59629" s="10"/>
    </row>
    <row r="59630" spans="14:14">
      <c r="N59630" s="10"/>
    </row>
    <row r="59631" spans="14:14">
      <c r="N59631" s="10"/>
    </row>
    <row r="59632" spans="14:14">
      <c r="N59632" s="10"/>
    </row>
    <row r="59633" spans="14:14">
      <c r="N59633" s="10"/>
    </row>
    <row r="59634" spans="14:14">
      <c r="N59634" s="10"/>
    </row>
    <row r="59635" spans="14:14">
      <c r="N59635" s="10"/>
    </row>
    <row r="59636" spans="14:14">
      <c r="N59636" s="10"/>
    </row>
    <row r="59637" spans="14:14">
      <c r="N59637" s="10"/>
    </row>
    <row r="59638" spans="14:14">
      <c r="N59638" s="10"/>
    </row>
    <row r="59639" spans="14:14">
      <c r="N59639" s="10"/>
    </row>
    <row r="59640" spans="14:14">
      <c r="N59640" s="10"/>
    </row>
    <row r="59641" spans="14:14">
      <c r="N59641" s="10"/>
    </row>
    <row r="59642" spans="14:14">
      <c r="N59642" s="10"/>
    </row>
    <row r="59643" spans="14:14">
      <c r="N59643" s="10"/>
    </row>
    <row r="59644" spans="14:14">
      <c r="N59644" s="10"/>
    </row>
    <row r="59645" spans="14:14">
      <c r="N59645" s="10"/>
    </row>
    <row r="59646" spans="14:14">
      <c r="N59646" s="10"/>
    </row>
    <row r="59647" spans="14:14">
      <c r="N59647" s="10"/>
    </row>
    <row r="59648" spans="14:14">
      <c r="N59648" s="10"/>
    </row>
    <row r="59649" spans="14:14">
      <c r="N59649" s="10"/>
    </row>
    <row r="59650" spans="14:14">
      <c r="N59650" s="10"/>
    </row>
    <row r="59651" spans="14:14">
      <c r="N59651" s="10"/>
    </row>
    <row r="59652" spans="14:14">
      <c r="N59652" s="10"/>
    </row>
    <row r="59653" spans="14:14">
      <c r="N59653" s="10"/>
    </row>
    <row r="59654" spans="14:14">
      <c r="N59654" s="10"/>
    </row>
    <row r="59655" spans="14:14">
      <c r="N59655" s="10"/>
    </row>
    <row r="59656" spans="14:14">
      <c r="N59656" s="10"/>
    </row>
    <row r="59657" spans="14:14">
      <c r="N59657" s="10"/>
    </row>
    <row r="59658" spans="14:14">
      <c r="N59658" s="10"/>
    </row>
    <row r="59659" spans="14:14">
      <c r="N59659" s="10"/>
    </row>
    <row r="59660" spans="14:14">
      <c r="N59660" s="10"/>
    </row>
    <row r="59661" spans="14:14">
      <c r="N59661" s="10"/>
    </row>
    <row r="59662" spans="14:14">
      <c r="N59662" s="10"/>
    </row>
    <row r="59663" spans="14:14">
      <c r="N59663" s="10"/>
    </row>
    <row r="59664" spans="14:14">
      <c r="N59664" s="10"/>
    </row>
    <row r="59665" spans="14:14">
      <c r="N59665" s="10"/>
    </row>
    <row r="59666" spans="14:14">
      <c r="N59666" s="10"/>
    </row>
    <row r="59667" spans="14:14">
      <c r="N59667" s="10"/>
    </row>
    <row r="59668" spans="14:14">
      <c r="N59668" s="10"/>
    </row>
    <row r="59669" spans="14:14">
      <c r="N59669" s="10"/>
    </row>
    <row r="59670" spans="14:14">
      <c r="N59670" s="10"/>
    </row>
    <row r="59671" spans="14:14">
      <c r="N59671" s="10"/>
    </row>
    <row r="59672" spans="14:14">
      <c r="N59672" s="10"/>
    </row>
    <row r="59673" spans="14:14">
      <c r="N59673" s="10"/>
    </row>
    <row r="59674" spans="14:14">
      <c r="N59674" s="10"/>
    </row>
    <row r="59675" spans="14:14">
      <c r="N59675" s="10"/>
    </row>
    <row r="59676" spans="14:14">
      <c r="N59676" s="10"/>
    </row>
    <row r="59677" spans="14:14">
      <c r="N59677" s="10"/>
    </row>
    <row r="59678" spans="14:14">
      <c r="N59678" s="10"/>
    </row>
    <row r="59679" spans="14:14">
      <c r="N59679" s="10"/>
    </row>
    <row r="59680" spans="14:14">
      <c r="N59680" s="10"/>
    </row>
    <row r="59681" spans="14:14">
      <c r="N59681" s="10"/>
    </row>
    <row r="59682" spans="14:14">
      <c r="N59682" s="10"/>
    </row>
    <row r="59683" spans="14:14">
      <c r="N59683" s="10"/>
    </row>
    <row r="59684" spans="14:14">
      <c r="N59684" s="10"/>
    </row>
    <row r="59685" spans="14:14">
      <c r="N59685" s="10"/>
    </row>
    <row r="59686" spans="14:14">
      <c r="N59686" s="10"/>
    </row>
    <row r="59687" spans="14:14">
      <c r="N59687" s="10"/>
    </row>
    <row r="59688" spans="14:14">
      <c r="N59688" s="10"/>
    </row>
    <row r="59689" spans="14:14">
      <c r="N59689" s="10"/>
    </row>
    <row r="59690" spans="14:14">
      <c r="N59690" s="10"/>
    </row>
    <row r="59691" spans="14:14">
      <c r="N59691" s="10"/>
    </row>
    <row r="59692" spans="14:14">
      <c r="N59692" s="10"/>
    </row>
    <row r="59693" spans="14:14">
      <c r="N59693" s="10"/>
    </row>
    <row r="59694" spans="14:14">
      <c r="N59694" s="10"/>
    </row>
    <row r="59695" spans="14:14">
      <c r="N59695" s="10"/>
    </row>
    <row r="59696" spans="14:14">
      <c r="N59696" s="10"/>
    </row>
    <row r="59697" spans="14:14">
      <c r="N59697" s="10"/>
    </row>
    <row r="59698" spans="14:14">
      <c r="N59698" s="10"/>
    </row>
    <row r="59699" spans="14:14">
      <c r="N59699" s="10"/>
    </row>
    <row r="59700" spans="14:14">
      <c r="N59700" s="10"/>
    </row>
    <row r="59701" spans="14:14">
      <c r="N59701" s="10"/>
    </row>
    <row r="59702" spans="14:14">
      <c r="N59702" s="10"/>
    </row>
    <row r="59703" spans="14:14">
      <c r="N59703" s="10"/>
    </row>
    <row r="59704" spans="14:14">
      <c r="N59704" s="10"/>
    </row>
    <row r="59705" spans="14:14">
      <c r="N59705" s="10"/>
    </row>
    <row r="59706" spans="14:14">
      <c r="N59706" s="10"/>
    </row>
    <row r="59707" spans="14:14">
      <c r="N59707" s="10"/>
    </row>
    <row r="59708" spans="14:14">
      <c r="N59708" s="10"/>
    </row>
    <row r="59709" spans="14:14">
      <c r="N59709" s="10"/>
    </row>
    <row r="59710" spans="14:14">
      <c r="N59710" s="10"/>
    </row>
    <row r="59711" spans="14:14">
      <c r="N59711" s="10"/>
    </row>
    <row r="59712" spans="14:14">
      <c r="N59712" s="10"/>
    </row>
    <row r="59713" spans="14:14">
      <c r="N59713" s="10"/>
    </row>
    <row r="59714" spans="14:14">
      <c r="N59714" s="10"/>
    </row>
    <row r="59715" spans="14:14">
      <c r="N59715" s="10"/>
    </row>
    <row r="59716" spans="14:14">
      <c r="N59716" s="10"/>
    </row>
    <row r="59717" spans="14:14">
      <c r="N59717" s="10"/>
    </row>
    <row r="59718" spans="14:14">
      <c r="N59718" s="10"/>
    </row>
    <row r="59719" spans="14:14">
      <c r="N59719" s="10"/>
    </row>
    <row r="59720" spans="14:14">
      <c r="N59720" s="10"/>
    </row>
    <row r="59721" spans="14:14">
      <c r="N59721" s="10"/>
    </row>
    <row r="59722" spans="14:14">
      <c r="N59722" s="10"/>
    </row>
    <row r="59723" spans="14:14">
      <c r="N59723" s="10"/>
    </row>
    <row r="59724" spans="14:14">
      <c r="N59724" s="10"/>
    </row>
    <row r="59725" spans="14:14">
      <c r="N59725" s="10"/>
    </row>
    <row r="59726" spans="14:14">
      <c r="N59726" s="10"/>
    </row>
    <row r="59727" spans="14:14">
      <c r="N59727" s="10"/>
    </row>
    <row r="59728" spans="14:14">
      <c r="N59728" s="10"/>
    </row>
    <row r="59729" spans="14:14">
      <c r="N59729" s="10"/>
    </row>
    <row r="59730" spans="14:14">
      <c r="N59730" s="10"/>
    </row>
    <row r="59731" spans="14:14">
      <c r="N59731" s="10"/>
    </row>
    <row r="59732" spans="14:14">
      <c r="N59732" s="10"/>
    </row>
    <row r="59733" spans="14:14">
      <c r="N59733" s="10"/>
    </row>
    <row r="59734" spans="14:14">
      <c r="N59734" s="10"/>
    </row>
    <row r="59735" spans="14:14">
      <c r="N59735" s="10"/>
    </row>
    <row r="59736" spans="14:14">
      <c r="N59736" s="10"/>
    </row>
    <row r="59737" spans="14:14">
      <c r="N59737" s="10"/>
    </row>
    <row r="59738" spans="14:14">
      <c r="N59738" s="10"/>
    </row>
    <row r="59739" spans="14:14">
      <c r="N59739" s="10"/>
    </row>
    <row r="59740" spans="14:14">
      <c r="N59740" s="10"/>
    </row>
    <row r="59741" spans="14:14">
      <c r="N59741" s="10"/>
    </row>
    <row r="59742" spans="14:14">
      <c r="N59742" s="10"/>
    </row>
    <row r="59743" spans="14:14">
      <c r="N59743" s="10"/>
    </row>
    <row r="59744" spans="14:14">
      <c r="N59744" s="10"/>
    </row>
    <row r="59745" spans="14:14">
      <c r="N59745" s="10"/>
    </row>
    <row r="59746" spans="14:14">
      <c r="N59746" s="10"/>
    </row>
    <row r="59747" spans="14:14">
      <c r="N59747" s="10"/>
    </row>
    <row r="59748" spans="14:14">
      <c r="N59748" s="10"/>
    </row>
    <row r="59749" spans="14:14">
      <c r="N59749" s="10"/>
    </row>
    <row r="59750" spans="14:14">
      <c r="N59750" s="10"/>
    </row>
    <row r="59751" spans="14:14">
      <c r="N59751" s="10"/>
    </row>
    <row r="59752" spans="14:14">
      <c r="N59752" s="10"/>
    </row>
    <row r="59753" spans="14:14">
      <c r="N59753" s="10"/>
    </row>
    <row r="59754" spans="14:14">
      <c r="N59754" s="10"/>
    </row>
    <row r="59755" spans="14:14">
      <c r="N59755" s="10"/>
    </row>
    <row r="59756" spans="14:14">
      <c r="N59756" s="10"/>
    </row>
    <row r="59757" spans="14:14">
      <c r="N59757" s="10"/>
    </row>
    <row r="59758" spans="14:14">
      <c r="N59758" s="10"/>
    </row>
    <row r="59759" spans="14:14">
      <c r="N59759" s="10"/>
    </row>
    <row r="59760" spans="14:14">
      <c r="N59760" s="10"/>
    </row>
    <row r="59761" spans="14:14">
      <c r="N59761" s="10"/>
    </row>
    <row r="59762" spans="14:14">
      <c r="N59762" s="10"/>
    </row>
    <row r="59763" spans="14:14">
      <c r="N59763" s="10"/>
    </row>
    <row r="59764" spans="14:14">
      <c r="N59764" s="10"/>
    </row>
    <row r="59765" spans="14:14">
      <c r="N59765" s="10"/>
    </row>
    <row r="59766" spans="14:14">
      <c r="N59766" s="10"/>
    </row>
    <row r="59767" spans="14:14">
      <c r="N59767" s="10"/>
    </row>
    <row r="59768" spans="14:14">
      <c r="N59768" s="10"/>
    </row>
    <row r="59769" spans="14:14">
      <c r="N59769" s="10"/>
    </row>
    <row r="59770" spans="14:14">
      <c r="N59770" s="10"/>
    </row>
    <row r="59771" spans="14:14">
      <c r="N59771" s="10"/>
    </row>
    <row r="59772" spans="14:14">
      <c r="N59772" s="10"/>
    </row>
    <row r="59773" spans="14:14">
      <c r="N59773" s="10"/>
    </row>
    <row r="59774" spans="14:14">
      <c r="N59774" s="10"/>
    </row>
    <row r="59775" spans="14:14">
      <c r="N59775" s="10"/>
    </row>
    <row r="59776" spans="14:14">
      <c r="N59776" s="10"/>
    </row>
    <row r="59777" spans="14:14">
      <c r="N59777" s="10"/>
    </row>
    <row r="59778" spans="14:14">
      <c r="N59778" s="10"/>
    </row>
    <row r="59779" spans="14:14">
      <c r="N59779" s="10"/>
    </row>
    <row r="59780" spans="14:14">
      <c r="N59780" s="10"/>
    </row>
    <row r="59781" spans="14:14">
      <c r="N59781" s="10"/>
    </row>
    <row r="59782" spans="14:14">
      <c r="N59782" s="10"/>
    </row>
    <row r="59783" spans="14:14">
      <c r="N59783" s="10"/>
    </row>
    <row r="59784" spans="14:14">
      <c r="N59784" s="10"/>
    </row>
    <row r="59785" spans="14:14">
      <c r="N59785" s="10"/>
    </row>
    <row r="59786" spans="14:14">
      <c r="N59786" s="10"/>
    </row>
    <row r="59787" spans="14:14">
      <c r="N59787" s="10"/>
    </row>
    <row r="59788" spans="14:14">
      <c r="N59788" s="10"/>
    </row>
    <row r="59789" spans="14:14">
      <c r="N59789" s="10"/>
    </row>
    <row r="59790" spans="14:14">
      <c r="N59790" s="10"/>
    </row>
    <row r="59791" spans="14:14">
      <c r="N59791" s="10"/>
    </row>
    <row r="59792" spans="14:14">
      <c r="N59792" s="10"/>
    </row>
    <row r="59793" spans="14:14">
      <c r="N59793" s="10"/>
    </row>
    <row r="59794" spans="14:14">
      <c r="N59794" s="10"/>
    </row>
    <row r="59795" spans="14:14">
      <c r="N59795" s="10"/>
    </row>
    <row r="59796" spans="14:14">
      <c r="N59796" s="10"/>
    </row>
    <row r="59797" spans="14:14">
      <c r="N59797" s="10"/>
    </row>
    <row r="59798" spans="14:14">
      <c r="N59798" s="10"/>
    </row>
    <row r="59799" spans="14:14">
      <c r="N59799" s="10"/>
    </row>
    <row r="59800" spans="14:14">
      <c r="N59800" s="10"/>
    </row>
    <row r="59801" spans="14:14">
      <c r="N59801" s="10"/>
    </row>
    <row r="59802" spans="14:14">
      <c r="N59802" s="10"/>
    </row>
    <row r="59803" spans="14:14">
      <c r="N59803" s="10"/>
    </row>
    <row r="59804" spans="14:14">
      <c r="N59804" s="10"/>
    </row>
    <row r="59805" spans="14:14">
      <c r="N59805" s="10"/>
    </row>
    <row r="59806" spans="14:14">
      <c r="N59806" s="10"/>
    </row>
    <row r="59807" spans="14:14">
      <c r="N59807" s="10"/>
    </row>
    <row r="59808" spans="14:14">
      <c r="N59808" s="10"/>
    </row>
    <row r="59809" spans="14:14">
      <c r="N59809" s="10"/>
    </row>
    <row r="59810" spans="14:14">
      <c r="N59810" s="10"/>
    </row>
    <row r="59811" spans="14:14">
      <c r="N59811" s="10"/>
    </row>
    <row r="59812" spans="14:14">
      <c r="N59812" s="10"/>
    </row>
    <row r="59813" spans="14:14">
      <c r="N59813" s="10"/>
    </row>
    <row r="59814" spans="14:14">
      <c r="N59814" s="10"/>
    </row>
    <row r="59815" spans="14:14">
      <c r="N59815" s="10"/>
    </row>
    <row r="59816" spans="14:14">
      <c r="N59816" s="10"/>
    </row>
    <row r="59817" spans="14:14">
      <c r="N59817" s="10"/>
    </row>
    <row r="59818" spans="14:14">
      <c r="N59818" s="10"/>
    </row>
    <row r="59819" spans="14:14">
      <c r="N59819" s="10"/>
    </row>
    <row r="59820" spans="14:14">
      <c r="N59820" s="10"/>
    </row>
    <row r="59821" spans="14:14">
      <c r="N59821" s="10"/>
    </row>
    <row r="59822" spans="14:14">
      <c r="N59822" s="10"/>
    </row>
    <row r="59823" spans="14:14">
      <c r="N59823" s="10"/>
    </row>
    <row r="59824" spans="14:14">
      <c r="N59824" s="10"/>
    </row>
    <row r="59825" spans="14:14">
      <c r="N59825" s="10"/>
    </row>
    <row r="59826" spans="14:14">
      <c r="N59826" s="10"/>
    </row>
    <row r="59827" spans="14:14">
      <c r="N59827" s="10"/>
    </row>
    <row r="59828" spans="14:14">
      <c r="N59828" s="10"/>
    </row>
    <row r="59829" spans="14:14">
      <c r="N59829" s="10"/>
    </row>
    <row r="59830" spans="14:14">
      <c r="N59830" s="10"/>
    </row>
    <row r="59831" spans="14:14">
      <c r="N59831" s="10"/>
    </row>
    <row r="59832" spans="14:14">
      <c r="N59832" s="10"/>
    </row>
    <row r="59833" spans="14:14">
      <c r="N59833" s="10"/>
    </row>
    <row r="59834" spans="14:14">
      <c r="N59834" s="10"/>
    </row>
    <row r="59835" spans="14:14">
      <c r="N59835" s="10"/>
    </row>
    <row r="59836" spans="14:14">
      <c r="N59836" s="10"/>
    </row>
    <row r="59837" spans="14:14">
      <c r="N59837" s="10"/>
    </row>
    <row r="59838" spans="14:14">
      <c r="N59838" s="10"/>
    </row>
    <row r="59839" spans="14:14">
      <c r="N59839" s="10"/>
    </row>
    <row r="59840" spans="14:14">
      <c r="N59840" s="10"/>
    </row>
    <row r="59841" spans="14:14">
      <c r="N59841" s="10"/>
    </row>
    <row r="59842" spans="14:14">
      <c r="N59842" s="10"/>
    </row>
    <row r="59843" spans="14:14">
      <c r="N59843" s="10"/>
    </row>
    <row r="59844" spans="14:14">
      <c r="N59844" s="10"/>
    </row>
    <row r="59845" spans="14:14">
      <c r="N59845" s="10"/>
    </row>
    <row r="59846" spans="14:14">
      <c r="N59846" s="10"/>
    </row>
    <row r="59847" spans="14:14">
      <c r="N59847" s="10"/>
    </row>
    <row r="59848" spans="14:14">
      <c r="N59848" s="10"/>
    </row>
    <row r="59849" spans="14:14">
      <c r="N59849" s="10"/>
    </row>
    <row r="59850" spans="14:14">
      <c r="N59850" s="10"/>
    </row>
    <row r="59851" spans="14:14">
      <c r="N59851" s="10"/>
    </row>
    <row r="59852" spans="14:14">
      <c r="N59852" s="10"/>
    </row>
    <row r="59853" spans="14:14">
      <c r="N59853" s="10"/>
    </row>
    <row r="59854" spans="14:14">
      <c r="N59854" s="10"/>
    </row>
    <row r="59855" spans="14:14">
      <c r="N59855" s="10"/>
    </row>
    <row r="59856" spans="14:14">
      <c r="N59856" s="10"/>
    </row>
    <row r="59857" spans="14:14">
      <c r="N59857" s="10"/>
    </row>
    <row r="59858" spans="14:14">
      <c r="N59858" s="10"/>
    </row>
    <row r="59859" spans="14:14">
      <c r="N59859" s="10"/>
    </row>
    <row r="59860" spans="14:14">
      <c r="N59860" s="10"/>
    </row>
    <row r="59861" spans="14:14">
      <c r="N59861" s="10"/>
    </row>
    <row r="59862" spans="14:14">
      <c r="N59862" s="10"/>
    </row>
    <row r="59863" spans="14:14">
      <c r="N59863" s="10"/>
    </row>
    <row r="59864" spans="14:14">
      <c r="N59864" s="10"/>
    </row>
    <row r="59865" spans="14:14">
      <c r="N59865" s="10"/>
    </row>
    <row r="59866" spans="14:14">
      <c r="N59866" s="10"/>
    </row>
    <row r="59867" spans="14:14">
      <c r="N59867" s="10"/>
    </row>
    <row r="59868" spans="14:14">
      <c r="N59868" s="10"/>
    </row>
    <row r="59869" spans="14:14">
      <c r="N59869" s="10"/>
    </row>
    <row r="59870" spans="14:14">
      <c r="N59870" s="10"/>
    </row>
    <row r="59871" spans="14:14">
      <c r="N59871" s="10"/>
    </row>
    <row r="59872" spans="14:14">
      <c r="N59872" s="10"/>
    </row>
    <row r="59873" spans="14:14">
      <c r="N59873" s="10"/>
    </row>
    <row r="59874" spans="14:14">
      <c r="N59874" s="10"/>
    </row>
    <row r="59875" spans="14:14">
      <c r="N59875" s="10"/>
    </row>
    <row r="59876" spans="14:14">
      <c r="N59876" s="10"/>
    </row>
    <row r="59877" spans="14:14">
      <c r="N59877" s="10"/>
    </row>
    <row r="59878" spans="14:14">
      <c r="N59878" s="10"/>
    </row>
    <row r="59879" spans="14:14">
      <c r="N59879" s="10"/>
    </row>
    <row r="59880" spans="14:14">
      <c r="N59880" s="10"/>
    </row>
    <row r="59881" spans="14:14">
      <c r="N59881" s="10"/>
    </row>
    <row r="59882" spans="14:14">
      <c r="N59882" s="10"/>
    </row>
    <row r="59883" spans="14:14">
      <c r="N59883" s="10"/>
    </row>
    <row r="59884" spans="14:14">
      <c r="N59884" s="10"/>
    </row>
    <row r="59885" spans="14:14">
      <c r="N59885" s="10"/>
    </row>
    <row r="59886" spans="14:14">
      <c r="N59886" s="10"/>
    </row>
    <row r="59887" spans="14:14">
      <c r="N59887" s="10"/>
    </row>
    <row r="59888" spans="14:14">
      <c r="N59888" s="10"/>
    </row>
    <row r="59889" spans="14:14">
      <c r="N59889" s="10"/>
    </row>
    <row r="59890" spans="14:14">
      <c r="N59890" s="10"/>
    </row>
    <row r="59891" spans="14:14">
      <c r="N59891" s="10"/>
    </row>
    <row r="59892" spans="14:14">
      <c r="N59892" s="10"/>
    </row>
    <row r="59893" spans="14:14">
      <c r="N59893" s="10"/>
    </row>
    <row r="59894" spans="14:14">
      <c r="N59894" s="10"/>
    </row>
    <row r="59895" spans="14:14">
      <c r="N59895" s="10"/>
    </row>
    <row r="59896" spans="14:14">
      <c r="N59896" s="10"/>
    </row>
    <row r="59897" spans="14:14">
      <c r="N59897" s="10"/>
    </row>
    <row r="59898" spans="14:14">
      <c r="N59898" s="10"/>
    </row>
    <row r="59899" spans="14:14">
      <c r="N59899" s="10"/>
    </row>
    <row r="59900" spans="14:14">
      <c r="N59900" s="10"/>
    </row>
    <row r="59901" spans="14:14">
      <c r="N59901" s="10"/>
    </row>
    <row r="59902" spans="14:14">
      <c r="N59902" s="10"/>
    </row>
    <row r="59903" spans="14:14">
      <c r="N59903" s="10"/>
    </row>
    <row r="59904" spans="14:14">
      <c r="N59904" s="10"/>
    </row>
    <row r="59905" spans="14:14">
      <c r="N59905" s="10"/>
    </row>
    <row r="59906" spans="14:14">
      <c r="N59906" s="10"/>
    </row>
    <row r="59907" spans="14:14">
      <c r="N59907" s="10"/>
    </row>
    <row r="59908" spans="14:14">
      <c r="N59908" s="10"/>
    </row>
    <row r="59909" spans="14:14">
      <c r="N59909" s="10"/>
    </row>
    <row r="59910" spans="14:14">
      <c r="N59910" s="10"/>
    </row>
    <row r="59911" spans="14:14">
      <c r="N59911" s="10"/>
    </row>
    <row r="59912" spans="14:14">
      <c r="N59912" s="10"/>
    </row>
    <row r="59913" spans="14:14">
      <c r="N59913" s="10"/>
    </row>
    <row r="59914" spans="14:14">
      <c r="N59914" s="10"/>
    </row>
    <row r="59915" spans="14:14">
      <c r="N59915" s="10"/>
    </row>
    <row r="59916" spans="14:14">
      <c r="N59916" s="10"/>
    </row>
    <row r="59917" spans="14:14">
      <c r="N59917" s="10"/>
    </row>
    <row r="59918" spans="14:14">
      <c r="N59918" s="10"/>
    </row>
    <row r="59919" spans="14:14">
      <c r="N59919" s="10"/>
    </row>
    <row r="59920" spans="14:14">
      <c r="N59920" s="10"/>
    </row>
    <row r="59921" spans="14:14">
      <c r="N59921" s="10"/>
    </row>
    <row r="59922" spans="14:14">
      <c r="N59922" s="10"/>
    </row>
    <row r="59923" spans="14:14">
      <c r="N59923" s="10"/>
    </row>
    <row r="59924" spans="14:14">
      <c r="N59924" s="10"/>
    </row>
    <row r="59925" spans="14:14">
      <c r="N59925" s="10"/>
    </row>
    <row r="59926" spans="14:14">
      <c r="N59926" s="10"/>
    </row>
    <row r="59927" spans="14:14">
      <c r="N59927" s="10"/>
    </row>
    <row r="59928" spans="14:14">
      <c r="N59928" s="10"/>
    </row>
    <row r="59929" spans="14:14">
      <c r="N59929" s="10"/>
    </row>
    <row r="59930" spans="14:14">
      <c r="N59930" s="10"/>
    </row>
    <row r="59931" spans="14:14">
      <c r="N59931" s="10"/>
    </row>
    <row r="59932" spans="14:14">
      <c r="N59932" s="10"/>
    </row>
    <row r="59933" spans="14:14">
      <c r="N59933" s="10"/>
    </row>
    <row r="59934" spans="14:14">
      <c r="N59934" s="10"/>
    </row>
    <row r="59935" spans="14:14">
      <c r="N59935" s="10"/>
    </row>
    <row r="59936" spans="14:14">
      <c r="N59936" s="10"/>
    </row>
    <row r="59937" spans="14:14">
      <c r="N59937" s="10"/>
    </row>
    <row r="59938" spans="14:14">
      <c r="N59938" s="10"/>
    </row>
    <row r="59939" spans="14:14">
      <c r="N59939" s="10"/>
    </row>
    <row r="59940" spans="14:14">
      <c r="N59940" s="10"/>
    </row>
    <row r="59941" spans="14:14">
      <c r="N59941" s="10"/>
    </row>
    <row r="59942" spans="14:14">
      <c r="N59942" s="10"/>
    </row>
    <row r="59943" spans="14:14">
      <c r="N59943" s="10"/>
    </row>
    <row r="59944" spans="14:14">
      <c r="N59944" s="10"/>
    </row>
    <row r="59945" spans="14:14">
      <c r="N59945" s="10"/>
    </row>
    <row r="59946" spans="14:14">
      <c r="N59946" s="10"/>
    </row>
    <row r="59947" spans="14:14">
      <c r="N59947" s="10"/>
    </row>
    <row r="59948" spans="14:14">
      <c r="N59948" s="10"/>
    </row>
    <row r="59949" spans="14:14">
      <c r="N59949" s="10"/>
    </row>
    <row r="59950" spans="14:14">
      <c r="N59950" s="10"/>
    </row>
    <row r="59951" spans="14:14">
      <c r="N59951" s="10"/>
    </row>
    <row r="59952" spans="14:14">
      <c r="N59952" s="10"/>
    </row>
    <row r="59953" spans="14:14">
      <c r="N59953" s="10"/>
    </row>
    <row r="59954" spans="14:14">
      <c r="N59954" s="10"/>
    </row>
    <row r="59955" spans="14:14">
      <c r="N59955" s="10"/>
    </row>
    <row r="59956" spans="14:14">
      <c r="N59956" s="10"/>
    </row>
    <row r="59957" spans="14:14">
      <c r="N59957" s="10"/>
    </row>
    <row r="59958" spans="14:14">
      <c r="N59958" s="10"/>
    </row>
    <row r="59959" spans="14:14">
      <c r="N59959" s="10"/>
    </row>
    <row r="59960" spans="14:14">
      <c r="N59960" s="10"/>
    </row>
    <row r="59961" spans="14:14">
      <c r="N59961" s="10"/>
    </row>
    <row r="59962" spans="14:14">
      <c r="N59962" s="10"/>
    </row>
    <row r="59963" spans="14:14">
      <c r="N59963" s="10"/>
    </row>
    <row r="59964" spans="14:14">
      <c r="N59964" s="10"/>
    </row>
    <row r="59965" spans="14:14">
      <c r="N59965" s="10"/>
    </row>
    <row r="59966" spans="14:14">
      <c r="N59966" s="10"/>
    </row>
    <row r="59967" spans="14:14">
      <c r="N59967" s="10"/>
    </row>
    <row r="59968" spans="14:14">
      <c r="N59968" s="10"/>
    </row>
    <row r="59969" spans="14:14">
      <c r="N59969" s="10"/>
    </row>
    <row r="59970" spans="14:14">
      <c r="N59970" s="10"/>
    </row>
    <row r="59971" spans="14:14">
      <c r="N59971" s="10"/>
    </row>
    <row r="59972" spans="14:14">
      <c r="N59972" s="10"/>
    </row>
    <row r="59973" spans="14:14">
      <c r="N59973" s="10"/>
    </row>
    <row r="59974" spans="14:14">
      <c r="N59974" s="10"/>
    </row>
    <row r="59975" spans="14:14">
      <c r="N59975" s="10"/>
    </row>
    <row r="59976" spans="14:14">
      <c r="N59976" s="10"/>
    </row>
    <row r="59977" spans="14:14">
      <c r="N59977" s="10"/>
    </row>
    <row r="59978" spans="14:14">
      <c r="N59978" s="10"/>
    </row>
    <row r="59979" spans="14:14">
      <c r="N59979" s="10"/>
    </row>
    <row r="59980" spans="14:14">
      <c r="N59980" s="10"/>
    </row>
    <row r="59981" spans="14:14">
      <c r="N59981" s="10"/>
    </row>
    <row r="59982" spans="14:14">
      <c r="N59982" s="10"/>
    </row>
    <row r="59983" spans="14:14">
      <c r="N59983" s="10"/>
    </row>
    <row r="59984" spans="14:14">
      <c r="N59984" s="10"/>
    </row>
    <row r="59985" spans="14:14">
      <c r="N59985" s="10"/>
    </row>
    <row r="59986" spans="14:14">
      <c r="N59986" s="10"/>
    </row>
    <row r="59987" spans="14:14">
      <c r="N59987" s="10"/>
    </row>
    <row r="59988" spans="14:14">
      <c r="N59988" s="10"/>
    </row>
    <row r="59989" spans="14:14">
      <c r="N59989" s="10"/>
    </row>
    <row r="59990" spans="14:14">
      <c r="N59990" s="10"/>
    </row>
    <row r="59991" spans="14:14">
      <c r="N59991" s="10"/>
    </row>
    <row r="59992" spans="14:14">
      <c r="N59992" s="10"/>
    </row>
    <row r="59993" spans="14:14">
      <c r="N59993" s="10"/>
    </row>
    <row r="59994" spans="14:14">
      <c r="N59994" s="10"/>
    </row>
    <row r="59995" spans="14:14">
      <c r="N59995" s="10"/>
    </row>
    <row r="59996" spans="14:14">
      <c r="N59996" s="10"/>
    </row>
    <row r="59997" spans="14:14">
      <c r="N59997" s="10"/>
    </row>
    <row r="59998" spans="14:14">
      <c r="N59998" s="10"/>
    </row>
    <row r="59999" spans="14:14">
      <c r="N59999" s="10"/>
    </row>
    <row r="60000" spans="14:14">
      <c r="N60000" s="10"/>
    </row>
    <row r="60001" spans="14:14">
      <c r="N60001" s="10"/>
    </row>
    <row r="60002" spans="14:14">
      <c r="N60002" s="10"/>
    </row>
    <row r="60003" spans="14:14">
      <c r="N60003" s="10"/>
    </row>
    <row r="60004" spans="14:14">
      <c r="N60004" s="10"/>
    </row>
    <row r="60005" spans="14:14">
      <c r="N60005" s="10"/>
    </row>
    <row r="60006" spans="14:14">
      <c r="N60006" s="10"/>
    </row>
    <row r="60007" spans="14:14">
      <c r="N60007" s="10"/>
    </row>
    <row r="60008" spans="14:14">
      <c r="N60008" s="10"/>
    </row>
    <row r="60009" spans="14:14">
      <c r="N60009" s="10"/>
    </row>
    <row r="60010" spans="14:14">
      <c r="N60010" s="10"/>
    </row>
    <row r="60011" spans="14:14">
      <c r="N60011" s="10"/>
    </row>
    <row r="60012" spans="14:14">
      <c r="N60012" s="10"/>
    </row>
    <row r="60013" spans="14:14">
      <c r="N60013" s="10"/>
    </row>
    <row r="60014" spans="14:14">
      <c r="N60014" s="10"/>
    </row>
    <row r="60015" spans="14:14">
      <c r="N60015" s="10"/>
    </row>
    <row r="60016" spans="14:14">
      <c r="N60016" s="10"/>
    </row>
    <row r="60017" spans="14:14">
      <c r="N60017" s="10"/>
    </row>
    <row r="60018" spans="14:14">
      <c r="N60018" s="10"/>
    </row>
    <row r="60019" spans="14:14">
      <c r="N60019" s="10"/>
    </row>
    <row r="60020" spans="14:14">
      <c r="N60020" s="10"/>
    </row>
    <row r="60021" spans="14:14">
      <c r="N60021" s="10"/>
    </row>
    <row r="60022" spans="14:14">
      <c r="N60022" s="10"/>
    </row>
    <row r="60023" spans="14:14">
      <c r="N60023" s="10"/>
    </row>
    <row r="60024" spans="14:14">
      <c r="N60024" s="10"/>
    </row>
    <row r="60025" spans="14:14">
      <c r="N60025" s="10"/>
    </row>
    <row r="60026" spans="14:14">
      <c r="N60026" s="10"/>
    </row>
    <row r="60027" spans="14:14">
      <c r="N60027" s="10"/>
    </row>
    <row r="60028" spans="14:14">
      <c r="N60028" s="10"/>
    </row>
    <row r="60029" spans="14:14">
      <c r="N60029" s="10"/>
    </row>
    <row r="60030" spans="14:14">
      <c r="N60030" s="10"/>
    </row>
    <row r="60031" spans="14:14">
      <c r="N60031" s="10"/>
    </row>
    <row r="60032" spans="14:14">
      <c r="N60032" s="10"/>
    </row>
    <row r="60033" spans="14:14">
      <c r="N60033" s="10"/>
    </row>
    <row r="60034" spans="14:14">
      <c r="N60034" s="10"/>
    </row>
    <row r="60035" spans="14:14">
      <c r="N60035" s="10"/>
    </row>
    <row r="60036" spans="14:14">
      <c r="N60036" s="10"/>
    </row>
    <row r="60037" spans="14:14">
      <c r="N60037" s="10"/>
    </row>
    <row r="60038" spans="14:14">
      <c r="N60038" s="10"/>
    </row>
    <row r="60039" spans="14:14">
      <c r="N60039" s="10"/>
    </row>
    <row r="60040" spans="14:14">
      <c r="N60040" s="10"/>
    </row>
    <row r="60041" spans="14:14">
      <c r="N60041" s="10"/>
    </row>
    <row r="60042" spans="14:14">
      <c r="N60042" s="10"/>
    </row>
    <row r="60043" spans="14:14">
      <c r="N60043" s="10"/>
    </row>
    <row r="60044" spans="14:14">
      <c r="N60044" s="10"/>
    </row>
    <row r="60045" spans="14:14">
      <c r="N60045" s="10"/>
    </row>
    <row r="60046" spans="14:14">
      <c r="N60046" s="10"/>
    </row>
    <row r="60047" spans="14:14">
      <c r="N60047" s="10"/>
    </row>
    <row r="60048" spans="14:14">
      <c r="N60048" s="10"/>
    </row>
    <row r="60049" spans="14:14">
      <c r="N60049" s="10"/>
    </row>
    <row r="60050" spans="14:14">
      <c r="N60050" s="10"/>
    </row>
    <row r="60051" spans="14:14">
      <c r="N60051" s="10"/>
    </row>
    <row r="60052" spans="14:14">
      <c r="N60052" s="10"/>
    </row>
    <row r="60053" spans="14:14">
      <c r="N60053" s="10"/>
    </row>
    <row r="60054" spans="14:14">
      <c r="N60054" s="10"/>
    </row>
    <row r="60055" spans="14:14">
      <c r="N60055" s="10"/>
    </row>
    <row r="60056" spans="14:14">
      <c r="N60056" s="10"/>
    </row>
    <row r="60057" spans="14:14">
      <c r="N60057" s="10"/>
    </row>
    <row r="60058" spans="14:14">
      <c r="N60058" s="10"/>
    </row>
    <row r="60059" spans="14:14">
      <c r="N60059" s="10"/>
    </row>
    <row r="60060" spans="14:14">
      <c r="N60060" s="10"/>
    </row>
    <row r="60061" spans="14:14">
      <c r="N60061" s="10"/>
    </row>
    <row r="60062" spans="14:14">
      <c r="N60062" s="10"/>
    </row>
    <row r="60063" spans="14:14">
      <c r="N60063" s="10"/>
    </row>
    <row r="60064" spans="14:14">
      <c r="N60064" s="10"/>
    </row>
    <row r="60065" spans="14:14">
      <c r="N60065" s="10"/>
    </row>
    <row r="60066" spans="14:14">
      <c r="N60066" s="10"/>
    </row>
    <row r="60067" spans="14:14">
      <c r="N60067" s="10"/>
    </row>
    <row r="60068" spans="14:14">
      <c r="N60068" s="10"/>
    </row>
    <row r="60069" spans="14:14">
      <c r="N60069" s="10"/>
    </row>
    <row r="60070" spans="14:14">
      <c r="N60070" s="10"/>
    </row>
    <row r="60071" spans="14:14">
      <c r="N60071" s="10"/>
    </row>
    <row r="60072" spans="14:14">
      <c r="N60072" s="10"/>
    </row>
    <row r="60073" spans="14:14">
      <c r="N60073" s="10"/>
    </row>
    <row r="60074" spans="14:14">
      <c r="N60074" s="10"/>
    </row>
    <row r="60075" spans="14:14">
      <c r="N60075" s="10"/>
    </row>
    <row r="60076" spans="14:14">
      <c r="N60076" s="10"/>
    </row>
    <row r="60077" spans="14:14">
      <c r="N60077" s="10"/>
    </row>
    <row r="60078" spans="14:14">
      <c r="N60078" s="10"/>
    </row>
    <row r="60079" spans="14:14">
      <c r="N60079" s="10"/>
    </row>
    <row r="60080" spans="14:14">
      <c r="N60080" s="10"/>
    </row>
    <row r="60081" spans="14:14">
      <c r="N60081" s="10"/>
    </row>
    <row r="60082" spans="14:14">
      <c r="N60082" s="10"/>
    </row>
    <row r="60083" spans="14:14">
      <c r="N60083" s="10"/>
    </row>
    <row r="60084" spans="14:14">
      <c r="N60084" s="10"/>
    </row>
    <row r="60085" spans="14:14">
      <c r="N60085" s="10"/>
    </row>
    <row r="60086" spans="14:14">
      <c r="N60086" s="10"/>
    </row>
    <row r="60087" spans="14:14">
      <c r="N60087" s="10"/>
    </row>
    <row r="60088" spans="14:14">
      <c r="N60088" s="10"/>
    </row>
    <row r="60089" spans="14:14">
      <c r="N60089" s="10"/>
    </row>
    <row r="60090" spans="14:14">
      <c r="N60090" s="10"/>
    </row>
    <row r="60091" spans="14:14">
      <c r="N60091" s="10"/>
    </row>
    <row r="60092" spans="14:14">
      <c r="N60092" s="10"/>
    </row>
    <row r="60093" spans="14:14">
      <c r="N60093" s="10"/>
    </row>
    <row r="60094" spans="14:14">
      <c r="N60094" s="10"/>
    </row>
    <row r="60095" spans="14:14">
      <c r="N60095" s="10"/>
    </row>
    <row r="60096" spans="14:14">
      <c r="N60096" s="10"/>
    </row>
    <row r="60097" spans="14:14">
      <c r="N60097" s="10"/>
    </row>
    <row r="60098" spans="14:14">
      <c r="N60098" s="10"/>
    </row>
    <row r="60099" spans="14:14">
      <c r="N60099" s="10"/>
    </row>
    <row r="60100" spans="14:14">
      <c r="N60100" s="10"/>
    </row>
    <row r="60101" spans="14:14">
      <c r="N60101" s="10"/>
    </row>
    <row r="60102" spans="14:14">
      <c r="N60102" s="10"/>
    </row>
    <row r="60103" spans="14:14">
      <c r="N60103" s="10"/>
    </row>
    <row r="60104" spans="14:14">
      <c r="N60104" s="10"/>
    </row>
    <row r="60105" spans="14:14">
      <c r="N60105" s="10"/>
    </row>
    <row r="60106" spans="14:14">
      <c r="N60106" s="10"/>
    </row>
    <row r="60107" spans="14:14">
      <c r="N60107" s="10"/>
    </row>
    <row r="60108" spans="14:14">
      <c r="N60108" s="10"/>
    </row>
    <row r="60109" spans="14:14">
      <c r="N60109" s="10"/>
    </row>
    <row r="60110" spans="14:14">
      <c r="N60110" s="10"/>
    </row>
    <row r="60111" spans="14:14">
      <c r="N60111" s="10"/>
    </row>
    <row r="60112" spans="14:14">
      <c r="N60112" s="10"/>
    </row>
    <row r="60113" spans="14:14">
      <c r="N60113" s="10"/>
    </row>
    <row r="60114" spans="14:14">
      <c r="N60114" s="10"/>
    </row>
    <row r="60115" spans="14:14">
      <c r="N60115" s="10"/>
    </row>
    <row r="60116" spans="14:14">
      <c r="N60116" s="10"/>
    </row>
    <row r="60117" spans="14:14">
      <c r="N60117" s="10"/>
    </row>
    <row r="60118" spans="14:14">
      <c r="N60118" s="10"/>
    </row>
    <row r="60119" spans="14:14">
      <c r="N60119" s="10"/>
    </row>
    <row r="60120" spans="14:14">
      <c r="N60120" s="10"/>
    </row>
    <row r="60121" spans="14:14">
      <c r="N60121" s="10"/>
    </row>
    <row r="60122" spans="14:14">
      <c r="N60122" s="10"/>
    </row>
    <row r="60123" spans="14:14">
      <c r="N60123" s="10"/>
    </row>
    <row r="60124" spans="14:14">
      <c r="N60124" s="10"/>
    </row>
    <row r="60125" spans="14:14">
      <c r="N60125" s="10"/>
    </row>
    <row r="60126" spans="14:14">
      <c r="N60126" s="10"/>
    </row>
    <row r="60127" spans="14:14">
      <c r="N60127" s="10"/>
    </row>
    <row r="60128" spans="14:14">
      <c r="N60128" s="10"/>
    </row>
    <row r="60129" spans="14:14">
      <c r="N60129" s="10"/>
    </row>
    <row r="60130" spans="14:14">
      <c r="N60130" s="10"/>
    </row>
    <row r="60131" spans="14:14">
      <c r="N60131" s="10"/>
    </row>
    <row r="60132" spans="14:14">
      <c r="N60132" s="10"/>
    </row>
    <row r="60133" spans="14:14">
      <c r="N60133" s="10"/>
    </row>
    <row r="60134" spans="14:14">
      <c r="N60134" s="10"/>
    </row>
    <row r="60135" spans="14:14">
      <c r="N60135" s="10"/>
    </row>
    <row r="60136" spans="14:14">
      <c r="N60136" s="10"/>
    </row>
    <row r="60137" spans="14:14">
      <c r="N60137" s="10"/>
    </row>
    <row r="60138" spans="14:14">
      <c r="N60138" s="10"/>
    </row>
    <row r="60139" spans="14:14">
      <c r="N60139" s="10"/>
    </row>
    <row r="60140" spans="14:14">
      <c r="N60140" s="10"/>
    </row>
    <row r="60141" spans="14:14">
      <c r="N60141" s="10"/>
    </row>
    <row r="60142" spans="14:14">
      <c r="N60142" s="10"/>
    </row>
    <row r="60143" spans="14:14">
      <c r="N60143" s="10"/>
    </row>
    <row r="60144" spans="14:14">
      <c r="N60144" s="10"/>
    </row>
    <row r="60145" spans="14:14">
      <c r="N60145" s="10"/>
    </row>
    <row r="60146" spans="14:14">
      <c r="N60146" s="10"/>
    </row>
    <row r="60147" spans="14:14">
      <c r="N60147" s="10"/>
    </row>
    <row r="60148" spans="14:14">
      <c r="N60148" s="10"/>
    </row>
    <row r="60149" spans="14:14">
      <c r="N60149" s="10"/>
    </row>
    <row r="60150" spans="14:14">
      <c r="N60150" s="10"/>
    </row>
    <row r="60151" spans="14:14">
      <c r="N60151" s="10"/>
    </row>
    <row r="60152" spans="14:14">
      <c r="N60152" s="10"/>
    </row>
    <row r="60153" spans="14:14">
      <c r="N60153" s="10"/>
    </row>
    <row r="60154" spans="14:14">
      <c r="N60154" s="10"/>
    </row>
    <row r="60155" spans="14:14">
      <c r="N60155" s="10"/>
    </row>
    <row r="60156" spans="14:14">
      <c r="N60156" s="10"/>
    </row>
    <row r="60157" spans="14:14">
      <c r="N60157" s="10"/>
    </row>
    <row r="60158" spans="14:14">
      <c r="N60158" s="10"/>
    </row>
    <row r="60159" spans="14:14">
      <c r="N60159" s="10"/>
    </row>
    <row r="60160" spans="14:14">
      <c r="N60160" s="10"/>
    </row>
    <row r="60161" spans="14:14">
      <c r="N60161" s="10"/>
    </row>
    <row r="60162" spans="14:14">
      <c r="N60162" s="10"/>
    </row>
    <row r="60163" spans="14:14">
      <c r="N60163" s="10"/>
    </row>
    <row r="60164" spans="14:14">
      <c r="N60164" s="10"/>
    </row>
    <row r="60165" spans="14:14">
      <c r="N60165" s="10"/>
    </row>
    <row r="60166" spans="14:14">
      <c r="N60166" s="10"/>
    </row>
    <row r="60167" spans="14:14">
      <c r="N60167" s="10"/>
    </row>
    <row r="60168" spans="14:14">
      <c r="N60168" s="10"/>
    </row>
    <row r="60169" spans="14:14">
      <c r="N60169" s="10"/>
    </row>
    <row r="60170" spans="14:14">
      <c r="N60170" s="10"/>
    </row>
    <row r="60171" spans="14:14">
      <c r="N60171" s="10"/>
    </row>
    <row r="60172" spans="14:14">
      <c r="N60172" s="10"/>
    </row>
    <row r="60173" spans="14:14">
      <c r="N60173" s="10"/>
    </row>
    <row r="60174" spans="14:14">
      <c r="N60174" s="10"/>
    </row>
    <row r="60175" spans="14:14">
      <c r="N60175" s="10"/>
    </row>
    <row r="60176" spans="14:14">
      <c r="N60176" s="10"/>
    </row>
    <row r="60177" spans="14:14">
      <c r="N60177" s="10"/>
    </row>
    <row r="60178" spans="14:14">
      <c r="N60178" s="10"/>
    </row>
    <row r="60179" spans="14:14">
      <c r="N60179" s="10"/>
    </row>
    <row r="60180" spans="14:14">
      <c r="N60180" s="10"/>
    </row>
    <row r="60181" spans="14:14">
      <c r="N60181" s="10"/>
    </row>
    <row r="60182" spans="14:14">
      <c r="N60182" s="10"/>
    </row>
    <row r="60183" spans="14:14">
      <c r="N60183" s="10"/>
    </row>
    <row r="60184" spans="14:14">
      <c r="N60184" s="10"/>
    </row>
    <row r="60185" spans="14:14">
      <c r="N60185" s="10"/>
    </row>
    <row r="60186" spans="14:14">
      <c r="N60186" s="10"/>
    </row>
    <row r="60187" spans="14:14">
      <c r="N60187" s="10"/>
    </row>
    <row r="60188" spans="14:14">
      <c r="N60188" s="10"/>
    </row>
    <row r="60189" spans="14:14">
      <c r="N60189" s="10"/>
    </row>
    <row r="60190" spans="14:14">
      <c r="N60190" s="10"/>
    </row>
    <row r="60191" spans="14:14">
      <c r="N60191" s="10"/>
    </row>
    <row r="60192" spans="14:14">
      <c r="N60192" s="10"/>
    </row>
    <row r="60193" spans="14:14">
      <c r="N60193" s="10"/>
    </row>
    <row r="60194" spans="14:14">
      <c r="N60194" s="10"/>
    </row>
    <row r="60195" spans="14:14">
      <c r="N60195" s="10"/>
    </row>
    <row r="60196" spans="14:14">
      <c r="N60196" s="10"/>
    </row>
    <row r="60197" spans="14:14">
      <c r="N60197" s="10"/>
    </row>
    <row r="60198" spans="14:14">
      <c r="N60198" s="10"/>
    </row>
    <row r="60199" spans="14:14">
      <c r="N60199" s="10"/>
    </row>
    <row r="60200" spans="14:14">
      <c r="N60200" s="10"/>
    </row>
    <row r="60201" spans="14:14">
      <c r="N60201" s="10"/>
    </row>
    <row r="60202" spans="14:14">
      <c r="N60202" s="10"/>
    </row>
    <row r="60203" spans="14:14">
      <c r="N60203" s="10"/>
    </row>
    <row r="60204" spans="14:14">
      <c r="N60204" s="10"/>
    </row>
    <row r="60205" spans="14:14">
      <c r="N60205" s="10"/>
    </row>
    <row r="60206" spans="14:14">
      <c r="N60206" s="10"/>
    </row>
    <row r="60207" spans="14:14">
      <c r="N60207" s="10"/>
    </row>
    <row r="60208" spans="14:14">
      <c r="N60208" s="10"/>
    </row>
    <row r="60209" spans="14:14">
      <c r="N60209" s="10"/>
    </row>
    <row r="60210" spans="14:14">
      <c r="N60210" s="10"/>
    </row>
    <row r="60211" spans="14:14">
      <c r="N60211" s="10"/>
    </row>
    <row r="60212" spans="14:14">
      <c r="N60212" s="10"/>
    </row>
    <row r="60213" spans="14:14">
      <c r="N60213" s="10"/>
    </row>
    <row r="60214" spans="14:14">
      <c r="N60214" s="10"/>
    </row>
    <row r="60215" spans="14:14">
      <c r="N60215" s="10"/>
    </row>
    <row r="60216" spans="14:14">
      <c r="N60216" s="10"/>
    </row>
    <row r="60217" spans="14:14">
      <c r="N60217" s="10"/>
    </row>
    <row r="60218" spans="14:14">
      <c r="N60218" s="10"/>
    </row>
    <row r="60219" spans="14:14">
      <c r="N60219" s="10"/>
    </row>
    <row r="60220" spans="14:14">
      <c r="N60220" s="10"/>
    </row>
    <row r="60221" spans="14:14">
      <c r="N60221" s="10"/>
    </row>
    <row r="60222" spans="14:14">
      <c r="N60222" s="10"/>
    </row>
    <row r="60223" spans="14:14">
      <c r="N60223" s="10"/>
    </row>
    <row r="60224" spans="14:14">
      <c r="N60224" s="10"/>
    </row>
    <row r="60225" spans="14:14">
      <c r="N60225" s="10"/>
    </row>
    <row r="60226" spans="14:14">
      <c r="N60226" s="10"/>
    </row>
    <row r="60227" spans="14:14">
      <c r="N60227" s="10"/>
    </row>
    <row r="60228" spans="14:14">
      <c r="N60228" s="10"/>
    </row>
    <row r="60229" spans="14:14">
      <c r="N60229" s="10"/>
    </row>
    <row r="60230" spans="14:14">
      <c r="N60230" s="10"/>
    </row>
    <row r="60231" spans="14:14">
      <c r="N60231" s="10"/>
    </row>
    <row r="60232" spans="14:14">
      <c r="N60232" s="10"/>
    </row>
    <row r="60233" spans="14:14">
      <c r="N60233" s="10"/>
    </row>
    <row r="60234" spans="14:14">
      <c r="N60234" s="10"/>
    </row>
    <row r="60235" spans="14:14">
      <c r="N60235" s="10"/>
    </row>
    <row r="60236" spans="14:14">
      <c r="N60236" s="10"/>
    </row>
    <row r="60237" spans="14:14">
      <c r="N60237" s="10"/>
    </row>
    <row r="60238" spans="14:14">
      <c r="N60238" s="10"/>
    </row>
    <row r="60239" spans="14:14">
      <c r="N60239" s="10"/>
    </row>
    <row r="60240" spans="14:14">
      <c r="N60240" s="10"/>
    </row>
    <row r="60241" spans="14:14">
      <c r="N60241" s="10"/>
    </row>
    <row r="60242" spans="14:14">
      <c r="N60242" s="10"/>
    </row>
    <row r="60243" spans="14:14">
      <c r="N60243" s="10"/>
    </row>
    <row r="60244" spans="14:14">
      <c r="N60244" s="10"/>
    </row>
    <row r="60245" spans="14:14">
      <c r="N60245" s="10"/>
    </row>
    <row r="60246" spans="14:14">
      <c r="N60246" s="10"/>
    </row>
    <row r="60247" spans="14:14">
      <c r="N60247" s="10"/>
    </row>
    <row r="60248" spans="14:14">
      <c r="N60248" s="10"/>
    </row>
    <row r="60249" spans="14:14">
      <c r="N60249" s="10"/>
    </row>
    <row r="60250" spans="14:14">
      <c r="N60250" s="10"/>
    </row>
    <row r="60251" spans="14:14">
      <c r="N60251" s="10"/>
    </row>
    <row r="60252" spans="14:14">
      <c r="N60252" s="10"/>
    </row>
    <row r="60253" spans="14:14">
      <c r="N60253" s="10"/>
    </row>
    <row r="60254" spans="14:14">
      <c r="N60254" s="10"/>
    </row>
    <row r="60255" spans="14:14">
      <c r="N60255" s="10"/>
    </row>
    <row r="60256" spans="14:14">
      <c r="N60256" s="10"/>
    </row>
    <row r="60257" spans="14:14">
      <c r="N60257" s="10"/>
    </row>
    <row r="60258" spans="14:14">
      <c r="N60258" s="10"/>
    </row>
    <row r="60259" spans="14:14">
      <c r="N60259" s="10"/>
    </row>
    <row r="60260" spans="14:14">
      <c r="N60260" s="10"/>
    </row>
    <row r="60261" spans="14:14">
      <c r="N60261" s="10"/>
    </row>
    <row r="60262" spans="14:14">
      <c r="N60262" s="10"/>
    </row>
    <row r="60263" spans="14:14">
      <c r="N60263" s="10"/>
    </row>
    <row r="60264" spans="14:14">
      <c r="N60264" s="10"/>
    </row>
    <row r="60265" spans="14:14">
      <c r="N60265" s="10"/>
    </row>
    <row r="60266" spans="14:14">
      <c r="N60266" s="10"/>
    </row>
    <row r="60267" spans="14:14">
      <c r="N60267" s="10"/>
    </row>
    <row r="60268" spans="14:14">
      <c r="N60268" s="10"/>
    </row>
    <row r="60269" spans="14:14">
      <c r="N60269" s="10"/>
    </row>
    <row r="60270" spans="14:14">
      <c r="N60270" s="10"/>
    </row>
    <row r="60271" spans="14:14">
      <c r="N60271" s="10"/>
    </row>
    <row r="60272" spans="14:14">
      <c r="N60272" s="10"/>
    </row>
    <row r="60273" spans="14:14">
      <c r="N60273" s="10"/>
    </row>
    <row r="60274" spans="14:14">
      <c r="N60274" s="10"/>
    </row>
    <row r="60275" spans="14:14">
      <c r="N60275" s="10"/>
    </row>
    <row r="60276" spans="14:14">
      <c r="N60276" s="10"/>
    </row>
    <row r="60277" spans="14:14">
      <c r="N60277" s="10"/>
    </row>
    <row r="60278" spans="14:14">
      <c r="N60278" s="10"/>
    </row>
    <row r="60279" spans="14:14">
      <c r="N60279" s="10"/>
    </row>
    <row r="60280" spans="14:14">
      <c r="N60280" s="10"/>
    </row>
    <row r="60281" spans="14:14">
      <c r="N60281" s="10"/>
    </row>
    <row r="60282" spans="14:14">
      <c r="N60282" s="10"/>
    </row>
    <row r="60283" spans="14:14">
      <c r="N60283" s="10"/>
    </row>
    <row r="60284" spans="14:14">
      <c r="N60284" s="10"/>
    </row>
    <row r="60285" spans="14:14">
      <c r="N60285" s="10"/>
    </row>
    <row r="60286" spans="14:14">
      <c r="N60286" s="10"/>
    </row>
    <row r="60287" spans="14:14">
      <c r="N60287" s="10"/>
    </row>
    <row r="60288" spans="14:14">
      <c r="N60288" s="10"/>
    </row>
    <row r="60289" spans="14:14">
      <c r="N60289" s="10"/>
    </row>
    <row r="60290" spans="14:14">
      <c r="N60290" s="10"/>
    </row>
    <row r="60291" spans="14:14">
      <c r="N60291" s="10"/>
    </row>
    <row r="60292" spans="14:14">
      <c r="N60292" s="10"/>
    </row>
    <row r="60293" spans="14:14">
      <c r="N60293" s="10"/>
    </row>
    <row r="60294" spans="14:14">
      <c r="N60294" s="10"/>
    </row>
    <row r="60295" spans="14:14">
      <c r="N60295" s="10"/>
    </row>
    <row r="60296" spans="14:14">
      <c r="N60296" s="10"/>
    </row>
    <row r="60297" spans="14:14">
      <c r="N60297" s="10"/>
    </row>
    <row r="60298" spans="14:14">
      <c r="N60298" s="10"/>
    </row>
    <row r="60299" spans="14:14">
      <c r="N60299" s="10"/>
    </row>
    <row r="60300" spans="14:14">
      <c r="N60300" s="10"/>
    </row>
    <row r="60301" spans="14:14">
      <c r="N60301" s="10"/>
    </row>
    <row r="60302" spans="14:14">
      <c r="N60302" s="10"/>
    </row>
    <row r="60303" spans="14:14">
      <c r="N60303" s="10"/>
    </row>
    <row r="60304" spans="14:14">
      <c r="N60304" s="10"/>
    </row>
    <row r="60305" spans="14:14">
      <c r="N60305" s="10"/>
    </row>
    <row r="60306" spans="14:14">
      <c r="N60306" s="10"/>
    </row>
    <row r="60307" spans="14:14">
      <c r="N60307" s="10"/>
    </row>
    <row r="60308" spans="14:14">
      <c r="N60308" s="10"/>
    </row>
    <row r="60309" spans="14:14">
      <c r="N60309" s="10"/>
    </row>
    <row r="60310" spans="14:14">
      <c r="N60310" s="10"/>
    </row>
    <row r="60311" spans="14:14">
      <c r="N60311" s="10"/>
    </row>
    <row r="60312" spans="14:14">
      <c r="N60312" s="10"/>
    </row>
    <row r="60313" spans="14:14">
      <c r="N60313" s="10"/>
    </row>
    <row r="60314" spans="14:14">
      <c r="N60314" s="10"/>
    </row>
    <row r="60315" spans="14:14">
      <c r="N60315" s="10"/>
    </row>
    <row r="60316" spans="14:14">
      <c r="N60316" s="10"/>
    </row>
    <row r="60317" spans="14:14">
      <c r="N60317" s="10"/>
    </row>
    <row r="60318" spans="14:14">
      <c r="N60318" s="10"/>
    </row>
    <row r="60319" spans="14:14">
      <c r="N60319" s="10"/>
    </row>
    <row r="60320" spans="14:14">
      <c r="N60320" s="10"/>
    </row>
    <row r="60321" spans="14:14">
      <c r="N60321" s="10"/>
    </row>
    <row r="60322" spans="14:14">
      <c r="N60322" s="10"/>
    </row>
    <row r="60323" spans="14:14">
      <c r="N60323" s="10"/>
    </row>
    <row r="60324" spans="14:14">
      <c r="N60324" s="10"/>
    </row>
    <row r="60325" spans="14:14">
      <c r="N60325" s="10"/>
    </row>
    <row r="60326" spans="14:14">
      <c r="N60326" s="10"/>
    </row>
    <row r="60327" spans="14:14">
      <c r="N60327" s="10"/>
    </row>
    <row r="60328" spans="14:14">
      <c r="N60328" s="10"/>
    </row>
    <row r="60329" spans="14:14">
      <c r="N60329" s="10"/>
    </row>
    <row r="60330" spans="14:14">
      <c r="N60330" s="10"/>
    </row>
    <row r="60331" spans="14:14">
      <c r="N60331" s="10"/>
    </row>
    <row r="60332" spans="14:14">
      <c r="N60332" s="10"/>
    </row>
    <row r="60333" spans="14:14">
      <c r="N60333" s="10"/>
    </row>
    <row r="60334" spans="14:14">
      <c r="N60334" s="10"/>
    </row>
    <row r="60335" spans="14:14">
      <c r="N60335" s="10"/>
    </row>
    <row r="60336" spans="14:14">
      <c r="N60336" s="10"/>
    </row>
    <row r="60337" spans="14:14">
      <c r="N60337" s="10"/>
    </row>
    <row r="60338" spans="14:14">
      <c r="N60338" s="10"/>
    </row>
    <row r="60339" spans="14:14">
      <c r="N60339" s="10"/>
    </row>
    <row r="60340" spans="14:14">
      <c r="N60340" s="10"/>
    </row>
    <row r="60341" spans="14:14">
      <c r="N60341" s="10"/>
    </row>
    <row r="60342" spans="14:14">
      <c r="N60342" s="10"/>
    </row>
    <row r="60343" spans="14:14">
      <c r="N60343" s="10"/>
    </row>
    <row r="60344" spans="14:14">
      <c r="N60344" s="10"/>
    </row>
    <row r="60345" spans="14:14">
      <c r="N60345" s="10"/>
    </row>
    <row r="60346" spans="14:14">
      <c r="N60346" s="10"/>
    </row>
    <row r="60347" spans="14:14">
      <c r="N60347" s="10"/>
    </row>
    <row r="60348" spans="14:14">
      <c r="N60348" s="10"/>
    </row>
    <row r="60349" spans="14:14">
      <c r="N60349" s="10"/>
    </row>
    <row r="60350" spans="14:14">
      <c r="N60350" s="10"/>
    </row>
    <row r="60351" spans="14:14">
      <c r="N60351" s="10"/>
    </row>
    <row r="60352" spans="14:14">
      <c r="N60352" s="10"/>
    </row>
    <row r="60353" spans="14:14">
      <c r="N60353" s="10"/>
    </row>
    <row r="60354" spans="14:14">
      <c r="N60354" s="10"/>
    </row>
    <row r="60355" spans="14:14">
      <c r="N60355" s="10"/>
    </row>
    <row r="60356" spans="14:14">
      <c r="N60356" s="10"/>
    </row>
    <row r="60357" spans="14:14">
      <c r="N60357" s="10"/>
    </row>
    <row r="60358" spans="14:14">
      <c r="N60358" s="10"/>
    </row>
    <row r="60359" spans="14:14">
      <c r="N60359" s="10"/>
    </row>
    <row r="60360" spans="14:14">
      <c r="N60360" s="10"/>
    </row>
    <row r="60361" spans="14:14">
      <c r="N60361" s="10"/>
    </row>
    <row r="60362" spans="14:14">
      <c r="N60362" s="10"/>
    </row>
    <row r="60363" spans="14:14">
      <c r="N60363" s="10"/>
    </row>
    <row r="60364" spans="14:14">
      <c r="N60364" s="10"/>
    </row>
    <row r="60365" spans="14:14">
      <c r="N60365" s="10"/>
    </row>
    <row r="60366" spans="14:14">
      <c r="N60366" s="10"/>
    </row>
    <row r="60367" spans="14:14">
      <c r="N60367" s="10"/>
    </row>
    <row r="60368" spans="14:14">
      <c r="N60368" s="10"/>
    </row>
    <row r="60369" spans="14:14">
      <c r="N60369" s="10"/>
    </row>
    <row r="60370" spans="14:14">
      <c r="N60370" s="10"/>
    </row>
    <row r="60371" spans="14:14">
      <c r="N60371" s="10"/>
    </row>
    <row r="60372" spans="14:14">
      <c r="N60372" s="10"/>
    </row>
    <row r="60373" spans="14:14">
      <c r="N60373" s="10"/>
    </row>
    <row r="60374" spans="14:14">
      <c r="N60374" s="10"/>
    </row>
    <row r="60375" spans="14:14">
      <c r="N60375" s="10"/>
    </row>
    <row r="60376" spans="14:14">
      <c r="N60376" s="10"/>
    </row>
    <row r="60377" spans="14:14">
      <c r="N60377" s="10"/>
    </row>
    <row r="60378" spans="14:14">
      <c r="N60378" s="10"/>
    </row>
    <row r="60379" spans="14:14">
      <c r="N60379" s="10"/>
    </row>
    <row r="60380" spans="14:14">
      <c r="N60380" s="10"/>
    </row>
    <row r="60381" spans="14:14">
      <c r="N60381" s="10"/>
    </row>
    <row r="60382" spans="14:14">
      <c r="N60382" s="10"/>
    </row>
    <row r="60383" spans="14:14">
      <c r="N60383" s="10"/>
    </row>
    <row r="60384" spans="14:14">
      <c r="N60384" s="10"/>
    </row>
    <row r="60385" spans="14:14">
      <c r="N60385" s="10"/>
    </row>
    <row r="60386" spans="14:14">
      <c r="N60386" s="10"/>
    </row>
    <row r="60387" spans="14:14">
      <c r="N60387" s="10"/>
    </row>
    <row r="60388" spans="14:14">
      <c r="N60388" s="10"/>
    </row>
    <row r="60389" spans="14:14">
      <c r="N60389" s="10"/>
    </row>
    <row r="60390" spans="14:14">
      <c r="N60390" s="10"/>
    </row>
    <row r="60391" spans="14:14">
      <c r="N60391" s="10"/>
    </row>
    <row r="60392" spans="14:14">
      <c r="N60392" s="10"/>
    </row>
    <row r="60393" spans="14:14">
      <c r="N60393" s="10"/>
    </row>
    <row r="60394" spans="14:14">
      <c r="N60394" s="10"/>
    </row>
    <row r="60395" spans="14:14">
      <c r="N60395" s="10"/>
    </row>
    <row r="60396" spans="14:14">
      <c r="N60396" s="10"/>
    </row>
    <row r="60397" spans="14:14">
      <c r="N60397" s="10"/>
    </row>
    <row r="60398" spans="14:14">
      <c r="N60398" s="10"/>
    </row>
    <row r="60399" spans="14:14">
      <c r="N60399" s="10"/>
    </row>
    <row r="60400" spans="14:14">
      <c r="N60400" s="10"/>
    </row>
    <row r="60401" spans="14:14">
      <c r="N60401" s="10"/>
    </row>
    <row r="60402" spans="14:14">
      <c r="N60402" s="10"/>
    </row>
    <row r="60403" spans="14:14">
      <c r="N60403" s="10"/>
    </row>
    <row r="60404" spans="14:14">
      <c r="N60404" s="10"/>
    </row>
    <row r="60405" spans="14:14">
      <c r="N60405" s="10"/>
    </row>
    <row r="60406" spans="14:14">
      <c r="N60406" s="10"/>
    </row>
    <row r="60407" spans="14:14">
      <c r="N60407" s="10"/>
    </row>
    <row r="60408" spans="14:14">
      <c r="N60408" s="10"/>
    </row>
    <row r="60409" spans="14:14">
      <c r="N60409" s="10"/>
    </row>
    <row r="60410" spans="14:14">
      <c r="N60410" s="10"/>
    </row>
    <row r="60411" spans="14:14">
      <c r="N60411" s="10"/>
    </row>
    <row r="60412" spans="14:14">
      <c r="N60412" s="10"/>
    </row>
    <row r="60413" spans="14:14">
      <c r="N60413" s="10"/>
    </row>
    <row r="60414" spans="14:14">
      <c r="N60414" s="10"/>
    </row>
    <row r="60415" spans="14:14">
      <c r="N60415" s="10"/>
    </row>
    <row r="60416" spans="14:14">
      <c r="N60416" s="10"/>
    </row>
    <row r="60417" spans="14:14">
      <c r="N60417" s="10"/>
    </row>
    <row r="60418" spans="14:14">
      <c r="N60418" s="10"/>
    </row>
    <row r="60419" spans="14:14">
      <c r="N60419" s="10"/>
    </row>
    <row r="60420" spans="14:14">
      <c r="N60420" s="10"/>
    </row>
    <row r="60421" spans="14:14">
      <c r="N60421" s="10"/>
    </row>
    <row r="60422" spans="14:14">
      <c r="N60422" s="10"/>
    </row>
    <row r="60423" spans="14:14">
      <c r="N60423" s="10"/>
    </row>
    <row r="60424" spans="14:14">
      <c r="N60424" s="10"/>
    </row>
    <row r="60425" spans="14:14">
      <c r="N60425" s="10"/>
    </row>
    <row r="60426" spans="14:14">
      <c r="N60426" s="10"/>
    </row>
    <row r="60427" spans="14:14">
      <c r="N60427" s="10"/>
    </row>
    <row r="60428" spans="14:14">
      <c r="N60428" s="10"/>
    </row>
    <row r="60429" spans="14:14">
      <c r="N60429" s="10"/>
    </row>
    <row r="60430" spans="14:14">
      <c r="N60430" s="10"/>
    </row>
    <row r="60431" spans="14:14">
      <c r="N60431" s="10"/>
    </row>
    <row r="60432" spans="14:14">
      <c r="N60432" s="10"/>
    </row>
    <row r="60433" spans="14:14">
      <c r="N60433" s="10"/>
    </row>
    <row r="60434" spans="14:14">
      <c r="N60434" s="10"/>
    </row>
    <row r="60435" spans="14:14">
      <c r="N60435" s="10"/>
    </row>
    <row r="60436" spans="14:14">
      <c r="N60436" s="10"/>
    </row>
    <row r="60437" spans="14:14">
      <c r="N60437" s="10"/>
    </row>
    <row r="60438" spans="14:14">
      <c r="N60438" s="10"/>
    </row>
    <row r="60439" spans="14:14">
      <c r="N60439" s="10"/>
    </row>
    <row r="60440" spans="14:14">
      <c r="N60440" s="10"/>
    </row>
    <row r="60441" spans="14:14">
      <c r="N60441" s="10"/>
    </row>
    <row r="60442" spans="14:14">
      <c r="N60442" s="10"/>
    </row>
    <row r="60443" spans="14:14">
      <c r="N60443" s="10"/>
    </row>
    <row r="60444" spans="14:14">
      <c r="N60444" s="10"/>
    </row>
    <row r="60445" spans="14:14">
      <c r="N60445" s="10"/>
    </row>
    <row r="60446" spans="14:14">
      <c r="N60446" s="10"/>
    </row>
    <row r="60447" spans="14:14">
      <c r="N60447" s="10"/>
    </row>
    <row r="60448" spans="14:14">
      <c r="N60448" s="10"/>
    </row>
    <row r="60449" spans="14:14">
      <c r="N60449" s="10"/>
    </row>
    <row r="60450" spans="14:14">
      <c r="N60450" s="10"/>
    </row>
    <row r="60451" spans="14:14">
      <c r="N60451" s="10"/>
    </row>
    <row r="60452" spans="14:14">
      <c r="N60452" s="10"/>
    </row>
    <row r="60453" spans="14:14">
      <c r="N60453" s="10"/>
    </row>
    <row r="60454" spans="14:14">
      <c r="N60454" s="10"/>
    </row>
    <row r="60455" spans="14:14">
      <c r="N60455" s="10"/>
    </row>
    <row r="60456" spans="14:14">
      <c r="N60456" s="10"/>
    </row>
    <row r="60457" spans="14:14">
      <c r="N60457" s="10"/>
    </row>
    <row r="60458" spans="14:14">
      <c r="N60458" s="10"/>
    </row>
    <row r="60459" spans="14:14">
      <c r="N60459" s="10"/>
    </row>
    <row r="60460" spans="14:14">
      <c r="N60460" s="10"/>
    </row>
    <row r="60461" spans="14:14">
      <c r="N60461" s="10"/>
    </row>
    <row r="60462" spans="14:14">
      <c r="N60462" s="10"/>
    </row>
    <row r="60463" spans="14:14">
      <c r="N60463" s="10"/>
    </row>
    <row r="60464" spans="14:14">
      <c r="N60464" s="10"/>
    </row>
    <row r="60465" spans="14:14">
      <c r="N60465" s="10"/>
    </row>
    <row r="60466" spans="14:14">
      <c r="N60466" s="10"/>
    </row>
    <row r="60467" spans="14:14">
      <c r="N60467" s="10"/>
    </row>
    <row r="60468" spans="14:14">
      <c r="N60468" s="10"/>
    </row>
    <row r="60469" spans="14:14">
      <c r="N60469" s="10"/>
    </row>
    <row r="60470" spans="14:14">
      <c r="N60470" s="10"/>
    </row>
    <row r="60471" spans="14:14">
      <c r="N60471" s="10"/>
    </row>
    <row r="60472" spans="14:14">
      <c r="N60472" s="10"/>
    </row>
    <row r="60473" spans="14:14">
      <c r="N60473" s="10"/>
    </row>
    <row r="60474" spans="14:14">
      <c r="N60474" s="10"/>
    </row>
    <row r="60475" spans="14:14">
      <c r="N60475" s="10"/>
    </row>
    <row r="60476" spans="14:14">
      <c r="N60476" s="10"/>
    </row>
    <row r="60477" spans="14:14">
      <c r="N60477" s="10"/>
    </row>
    <row r="60478" spans="14:14">
      <c r="N60478" s="10"/>
    </row>
    <row r="60479" spans="14:14">
      <c r="N60479" s="10"/>
    </row>
    <row r="60480" spans="14:14">
      <c r="N60480" s="10"/>
    </row>
    <row r="60481" spans="14:14">
      <c r="N60481" s="10"/>
    </row>
    <row r="60482" spans="14:14">
      <c r="N60482" s="10"/>
    </row>
    <row r="60483" spans="14:14">
      <c r="N60483" s="10"/>
    </row>
    <row r="60484" spans="14:14">
      <c r="N60484" s="10"/>
    </row>
    <row r="60485" spans="14:14">
      <c r="N60485" s="10"/>
    </row>
    <row r="60486" spans="14:14">
      <c r="N60486" s="10"/>
    </row>
    <row r="60487" spans="14:14">
      <c r="N60487" s="10"/>
    </row>
    <row r="60488" spans="14:14">
      <c r="N60488" s="10"/>
    </row>
    <row r="60489" spans="14:14">
      <c r="N60489" s="10"/>
    </row>
    <row r="60490" spans="14:14">
      <c r="N60490" s="10"/>
    </row>
    <row r="60491" spans="14:14">
      <c r="N60491" s="10"/>
    </row>
    <row r="60492" spans="14:14">
      <c r="N60492" s="10"/>
    </row>
    <row r="60493" spans="14:14">
      <c r="N60493" s="10"/>
    </row>
    <row r="60494" spans="14:14">
      <c r="N60494" s="10"/>
    </row>
    <row r="60495" spans="14:14">
      <c r="N60495" s="10"/>
    </row>
    <row r="60496" spans="14:14">
      <c r="N60496" s="10"/>
    </row>
    <row r="60497" spans="14:14">
      <c r="N60497" s="10"/>
    </row>
    <row r="60498" spans="14:14">
      <c r="N60498" s="10"/>
    </row>
    <row r="60499" spans="14:14">
      <c r="N60499" s="10"/>
    </row>
    <row r="60500" spans="14:14">
      <c r="N60500" s="10"/>
    </row>
    <row r="60501" spans="14:14">
      <c r="N60501" s="10"/>
    </row>
    <row r="60502" spans="14:14">
      <c r="N60502" s="10"/>
    </row>
    <row r="60503" spans="14:14">
      <c r="N60503" s="10"/>
    </row>
    <row r="60504" spans="14:14">
      <c r="N60504" s="10"/>
    </row>
    <row r="60505" spans="14:14">
      <c r="N60505" s="10"/>
    </row>
    <row r="60506" spans="14:14">
      <c r="N60506" s="10"/>
    </row>
    <row r="60507" spans="14:14">
      <c r="N60507" s="10"/>
    </row>
    <row r="60508" spans="14:14">
      <c r="N60508" s="10"/>
    </row>
    <row r="60509" spans="14:14">
      <c r="N60509" s="10"/>
    </row>
    <row r="60510" spans="14:14">
      <c r="N60510" s="10"/>
    </row>
    <row r="60511" spans="14:14">
      <c r="N60511" s="10"/>
    </row>
    <row r="60512" spans="14:14">
      <c r="N60512" s="10"/>
    </row>
    <row r="60513" spans="14:14">
      <c r="N60513" s="10"/>
    </row>
    <row r="60514" spans="14:14">
      <c r="N60514" s="10"/>
    </row>
    <row r="60515" spans="14:14">
      <c r="N60515" s="10"/>
    </row>
    <row r="60516" spans="14:14">
      <c r="N60516" s="10"/>
    </row>
    <row r="60517" spans="14:14">
      <c r="N60517" s="10"/>
    </row>
    <row r="60518" spans="14:14">
      <c r="N60518" s="10"/>
    </row>
    <row r="60519" spans="14:14">
      <c r="N60519" s="10"/>
    </row>
    <row r="60520" spans="14:14">
      <c r="N60520" s="10"/>
    </row>
    <row r="60521" spans="14:14">
      <c r="N60521" s="10"/>
    </row>
    <row r="60522" spans="14:14">
      <c r="N60522" s="10"/>
    </row>
    <row r="60523" spans="14:14">
      <c r="N60523" s="10"/>
    </row>
    <row r="60524" spans="14:14">
      <c r="N60524" s="10"/>
    </row>
    <row r="60525" spans="14:14">
      <c r="N60525" s="10"/>
    </row>
    <row r="60526" spans="14:14">
      <c r="N60526" s="10"/>
    </row>
    <row r="60527" spans="14:14">
      <c r="N60527" s="10"/>
    </row>
    <row r="60528" spans="14:14">
      <c r="N60528" s="10"/>
    </row>
    <row r="60529" spans="14:14">
      <c r="N60529" s="10"/>
    </row>
    <row r="60530" spans="14:14">
      <c r="N60530" s="10"/>
    </row>
    <row r="60531" spans="14:14">
      <c r="N60531" s="10"/>
    </row>
    <row r="60532" spans="14:14">
      <c r="N60532" s="10"/>
    </row>
    <row r="60533" spans="14:14">
      <c r="N60533" s="10"/>
    </row>
    <row r="60534" spans="14:14">
      <c r="N60534" s="10"/>
    </row>
    <row r="60535" spans="14:14">
      <c r="N60535" s="10"/>
    </row>
    <row r="60536" spans="14:14">
      <c r="N60536" s="10"/>
    </row>
    <row r="60537" spans="14:14">
      <c r="N60537" s="10"/>
    </row>
    <row r="60538" spans="14:14">
      <c r="N60538" s="10"/>
    </row>
    <row r="60539" spans="14:14">
      <c r="N60539" s="10"/>
    </row>
    <row r="60540" spans="14:14">
      <c r="N60540" s="10"/>
    </row>
    <row r="60541" spans="14:14">
      <c r="N60541" s="10"/>
    </row>
    <row r="60542" spans="14:14">
      <c r="N60542" s="10"/>
    </row>
    <row r="60543" spans="14:14">
      <c r="N60543" s="10"/>
    </row>
    <row r="60544" spans="14:14">
      <c r="N60544" s="10"/>
    </row>
    <row r="60545" spans="14:14">
      <c r="N60545" s="10"/>
    </row>
    <row r="60546" spans="14:14">
      <c r="N60546" s="10"/>
    </row>
    <row r="60547" spans="14:14">
      <c r="N60547" s="10"/>
    </row>
    <row r="60548" spans="14:14">
      <c r="N60548" s="10"/>
    </row>
    <row r="60549" spans="14:14">
      <c r="N60549" s="10"/>
    </row>
    <row r="60550" spans="14:14">
      <c r="N60550" s="10"/>
    </row>
    <row r="60551" spans="14:14">
      <c r="N60551" s="10"/>
    </row>
    <row r="60552" spans="14:14">
      <c r="N60552" s="10"/>
    </row>
    <row r="60553" spans="14:14">
      <c r="N60553" s="10"/>
    </row>
    <row r="60554" spans="14:14">
      <c r="N60554" s="10"/>
    </row>
    <row r="60555" spans="14:14">
      <c r="N60555" s="10"/>
    </row>
    <row r="60556" spans="14:14">
      <c r="N60556" s="10"/>
    </row>
    <row r="60557" spans="14:14">
      <c r="N60557" s="10"/>
    </row>
    <row r="60558" spans="14:14">
      <c r="N60558" s="10"/>
    </row>
    <row r="60559" spans="14:14">
      <c r="N60559" s="10"/>
    </row>
    <row r="60560" spans="14:14">
      <c r="N60560" s="10"/>
    </row>
    <row r="60561" spans="14:14">
      <c r="N60561" s="10"/>
    </row>
    <row r="60562" spans="14:14">
      <c r="N60562" s="10"/>
    </row>
    <row r="60563" spans="14:14">
      <c r="N60563" s="10"/>
    </row>
    <row r="60564" spans="14:14">
      <c r="N60564" s="10"/>
    </row>
    <row r="60565" spans="14:14">
      <c r="N60565" s="10"/>
    </row>
    <row r="60566" spans="14:14">
      <c r="N60566" s="10"/>
    </row>
    <row r="60567" spans="14:14">
      <c r="N60567" s="10"/>
    </row>
    <row r="60568" spans="14:14">
      <c r="N60568" s="10"/>
    </row>
    <row r="60569" spans="14:14">
      <c r="N60569" s="10"/>
    </row>
    <row r="60570" spans="14:14">
      <c r="N60570" s="10"/>
    </row>
    <row r="60571" spans="14:14">
      <c r="N60571" s="10"/>
    </row>
    <row r="60572" spans="14:14">
      <c r="N60572" s="10"/>
    </row>
    <row r="60573" spans="14:14">
      <c r="N60573" s="10"/>
    </row>
    <row r="60574" spans="14:14">
      <c r="N60574" s="10"/>
    </row>
    <row r="60575" spans="14:14">
      <c r="N60575" s="10"/>
    </row>
    <row r="60576" spans="14:14">
      <c r="N60576" s="10"/>
    </row>
    <row r="60577" spans="14:14">
      <c r="N60577" s="10"/>
    </row>
    <row r="60578" spans="14:14">
      <c r="N60578" s="10"/>
    </row>
    <row r="60579" spans="14:14">
      <c r="N60579" s="10"/>
    </row>
    <row r="60580" spans="14:14">
      <c r="N60580" s="10"/>
    </row>
    <row r="60581" spans="14:14">
      <c r="N60581" s="10"/>
    </row>
    <row r="60582" spans="14:14">
      <c r="N60582" s="10"/>
    </row>
    <row r="60583" spans="14:14">
      <c r="N60583" s="10"/>
    </row>
    <row r="60584" spans="14:14">
      <c r="N60584" s="10"/>
    </row>
    <row r="60585" spans="14:14">
      <c r="N60585" s="10"/>
    </row>
    <row r="60586" spans="14:14">
      <c r="N60586" s="10"/>
    </row>
    <row r="60587" spans="14:14">
      <c r="N60587" s="10"/>
    </row>
    <row r="60588" spans="14:14">
      <c r="N60588" s="10"/>
    </row>
    <row r="60589" spans="14:14">
      <c r="N60589" s="10"/>
    </row>
    <row r="60590" spans="14:14">
      <c r="N60590" s="10"/>
    </row>
    <row r="60591" spans="14:14">
      <c r="N60591" s="10"/>
    </row>
    <row r="60592" spans="14:14">
      <c r="N60592" s="10"/>
    </row>
    <row r="60593" spans="14:14">
      <c r="N60593" s="10"/>
    </row>
    <row r="60594" spans="14:14">
      <c r="N60594" s="10"/>
    </row>
    <row r="60595" spans="14:14">
      <c r="N60595" s="10"/>
    </row>
    <row r="60596" spans="14:14">
      <c r="N60596" s="10"/>
    </row>
    <row r="60597" spans="14:14">
      <c r="N60597" s="10"/>
    </row>
    <row r="60598" spans="14:14">
      <c r="N60598" s="10"/>
    </row>
    <row r="60599" spans="14:14">
      <c r="N60599" s="10"/>
    </row>
    <row r="60600" spans="14:14">
      <c r="N60600" s="10"/>
    </row>
    <row r="60601" spans="14:14">
      <c r="N60601" s="10"/>
    </row>
    <row r="60602" spans="14:14">
      <c r="N60602" s="10"/>
    </row>
    <row r="60603" spans="14:14">
      <c r="N60603" s="10"/>
    </row>
    <row r="60604" spans="14:14">
      <c r="N60604" s="10"/>
    </row>
    <row r="60605" spans="14:14">
      <c r="N60605" s="10"/>
    </row>
    <row r="60606" spans="14:14">
      <c r="N60606" s="10"/>
    </row>
    <row r="60607" spans="14:14">
      <c r="N60607" s="10"/>
    </row>
    <row r="60608" spans="14:14">
      <c r="N60608" s="10"/>
    </row>
    <row r="60609" spans="14:14">
      <c r="N60609" s="10"/>
    </row>
    <row r="60610" spans="14:14">
      <c r="N60610" s="10"/>
    </row>
    <row r="60611" spans="14:14">
      <c r="N60611" s="10"/>
    </row>
    <row r="60612" spans="14:14">
      <c r="N60612" s="10"/>
    </row>
    <row r="60613" spans="14:14">
      <c r="N60613" s="10"/>
    </row>
    <row r="60614" spans="14:14">
      <c r="N60614" s="10"/>
    </row>
    <row r="60615" spans="14:14">
      <c r="N60615" s="10"/>
    </row>
    <row r="60616" spans="14:14">
      <c r="N60616" s="10"/>
    </row>
    <row r="60617" spans="14:14">
      <c r="N60617" s="10"/>
    </row>
    <row r="60618" spans="14:14">
      <c r="N60618" s="10"/>
    </row>
    <row r="60619" spans="14:14">
      <c r="N60619" s="10"/>
    </row>
    <row r="60620" spans="14:14">
      <c r="N60620" s="10"/>
    </row>
    <row r="60621" spans="14:14">
      <c r="N60621" s="10"/>
    </row>
    <row r="60622" spans="14:14">
      <c r="N60622" s="10"/>
    </row>
    <row r="60623" spans="14:14">
      <c r="N60623" s="10"/>
    </row>
    <row r="60624" spans="14:14">
      <c r="N60624" s="10"/>
    </row>
    <row r="60625" spans="14:14">
      <c r="N60625" s="10"/>
    </row>
    <row r="60626" spans="14:14">
      <c r="N60626" s="10"/>
    </row>
    <row r="60627" spans="14:14">
      <c r="N60627" s="10"/>
    </row>
    <row r="60628" spans="14:14">
      <c r="N60628" s="10"/>
    </row>
    <row r="60629" spans="14:14">
      <c r="N60629" s="10"/>
    </row>
    <row r="60630" spans="14:14">
      <c r="N60630" s="10"/>
    </row>
    <row r="60631" spans="14:14">
      <c r="N60631" s="10"/>
    </row>
    <row r="60632" spans="14:14">
      <c r="N60632" s="10"/>
    </row>
    <row r="60633" spans="14:14">
      <c r="N60633" s="10"/>
    </row>
    <row r="60634" spans="14:14">
      <c r="N60634" s="10"/>
    </row>
    <row r="60635" spans="14:14">
      <c r="N60635" s="10"/>
    </row>
    <row r="60636" spans="14:14">
      <c r="N60636" s="10"/>
    </row>
    <row r="60637" spans="14:14">
      <c r="N60637" s="10"/>
    </row>
    <row r="60638" spans="14:14">
      <c r="N60638" s="10"/>
    </row>
    <row r="60639" spans="14:14">
      <c r="N60639" s="10"/>
    </row>
    <row r="60640" spans="14:14">
      <c r="N60640" s="10"/>
    </row>
    <row r="60641" spans="14:14">
      <c r="N60641" s="10"/>
    </row>
    <row r="60642" spans="14:14">
      <c r="N60642" s="10"/>
    </row>
    <row r="60643" spans="14:14">
      <c r="N60643" s="10"/>
    </row>
    <row r="60644" spans="14:14">
      <c r="N60644" s="10"/>
    </row>
    <row r="60645" spans="14:14">
      <c r="N60645" s="10"/>
    </row>
    <row r="60646" spans="14:14">
      <c r="N60646" s="10"/>
    </row>
    <row r="60647" spans="14:14">
      <c r="N60647" s="10"/>
    </row>
    <row r="60648" spans="14:14">
      <c r="N60648" s="10"/>
    </row>
    <row r="60649" spans="14:14">
      <c r="N60649" s="10"/>
    </row>
    <row r="60650" spans="14:14">
      <c r="N60650" s="10"/>
    </row>
    <row r="60651" spans="14:14">
      <c r="N60651" s="10"/>
    </row>
    <row r="60652" spans="14:14">
      <c r="N60652" s="10"/>
    </row>
    <row r="60653" spans="14:14">
      <c r="N60653" s="10"/>
    </row>
    <row r="60654" spans="14:14">
      <c r="N60654" s="10"/>
    </row>
    <row r="60655" spans="14:14">
      <c r="N60655" s="10"/>
    </row>
    <row r="60656" spans="14:14">
      <c r="N60656" s="10"/>
    </row>
    <row r="60657" spans="14:14">
      <c r="N60657" s="10"/>
    </row>
    <row r="60658" spans="14:14">
      <c r="N60658" s="10"/>
    </row>
    <row r="60659" spans="14:14">
      <c r="N60659" s="10"/>
    </row>
    <row r="60660" spans="14:14">
      <c r="N60660" s="10"/>
    </row>
    <row r="60661" spans="14:14">
      <c r="N60661" s="10"/>
    </row>
    <row r="60662" spans="14:14">
      <c r="N60662" s="10"/>
    </row>
    <row r="60663" spans="14:14">
      <c r="N60663" s="10"/>
    </row>
    <row r="60664" spans="14:14">
      <c r="N60664" s="10"/>
    </row>
    <row r="60665" spans="14:14">
      <c r="N60665" s="10"/>
    </row>
    <row r="60666" spans="14:14">
      <c r="N60666" s="10"/>
    </row>
    <row r="60667" spans="14:14">
      <c r="N60667" s="10"/>
    </row>
    <row r="60668" spans="14:14">
      <c r="N60668" s="10"/>
    </row>
    <row r="60669" spans="14:14">
      <c r="N60669" s="10"/>
    </row>
    <row r="60670" spans="14:14">
      <c r="N60670" s="10"/>
    </row>
    <row r="60671" spans="14:14">
      <c r="N60671" s="10"/>
    </row>
    <row r="60672" spans="14:14">
      <c r="N60672" s="10"/>
    </row>
    <row r="60673" spans="14:14">
      <c r="N60673" s="10"/>
    </row>
    <row r="60674" spans="14:14">
      <c r="N60674" s="10"/>
    </row>
    <row r="60675" spans="14:14">
      <c r="N60675" s="10"/>
    </row>
    <row r="60676" spans="14:14">
      <c r="N60676" s="10"/>
    </row>
    <row r="60677" spans="14:14">
      <c r="N60677" s="10"/>
    </row>
    <row r="60678" spans="14:14">
      <c r="N60678" s="10"/>
    </row>
    <row r="60679" spans="14:14">
      <c r="N60679" s="10"/>
    </row>
    <row r="60680" spans="14:14">
      <c r="N60680" s="10"/>
    </row>
    <row r="60681" spans="14:14">
      <c r="N60681" s="10"/>
    </row>
    <row r="60682" spans="14:14">
      <c r="N60682" s="10"/>
    </row>
    <row r="60683" spans="14:14">
      <c r="N60683" s="10"/>
    </row>
    <row r="60684" spans="14:14">
      <c r="N60684" s="10"/>
    </row>
    <row r="60685" spans="14:14">
      <c r="N60685" s="10"/>
    </row>
    <row r="60686" spans="14:14">
      <c r="N60686" s="10"/>
    </row>
    <row r="60687" spans="14:14">
      <c r="N60687" s="10"/>
    </row>
    <row r="60688" spans="14:14">
      <c r="N60688" s="10"/>
    </row>
    <row r="60689" spans="14:14">
      <c r="N60689" s="10"/>
    </row>
    <row r="60690" spans="14:14">
      <c r="N60690" s="10"/>
    </row>
    <row r="60691" spans="14:14">
      <c r="N60691" s="10"/>
    </row>
    <row r="60692" spans="14:14">
      <c r="N60692" s="10"/>
    </row>
    <row r="60693" spans="14:14">
      <c r="N60693" s="10"/>
    </row>
    <row r="60694" spans="14:14">
      <c r="N60694" s="10"/>
    </row>
    <row r="60695" spans="14:14">
      <c r="N60695" s="10"/>
    </row>
    <row r="60696" spans="14:14">
      <c r="N60696" s="10"/>
    </row>
    <row r="60697" spans="14:14">
      <c r="N60697" s="10"/>
    </row>
    <row r="60698" spans="14:14">
      <c r="N60698" s="10"/>
    </row>
    <row r="60699" spans="14:14">
      <c r="N60699" s="10"/>
    </row>
    <row r="60700" spans="14:14">
      <c r="N60700" s="10"/>
    </row>
    <row r="60701" spans="14:14">
      <c r="N60701" s="10"/>
    </row>
    <row r="60702" spans="14:14">
      <c r="N60702" s="10"/>
    </row>
    <row r="60703" spans="14:14">
      <c r="N60703" s="10"/>
    </row>
    <row r="60704" spans="14:14">
      <c r="N60704" s="10"/>
    </row>
    <row r="60705" spans="14:14">
      <c r="N60705" s="10"/>
    </row>
    <row r="60706" spans="14:14">
      <c r="N60706" s="10"/>
    </row>
    <row r="60707" spans="14:14">
      <c r="N60707" s="10"/>
    </row>
    <row r="60708" spans="14:14">
      <c r="N60708" s="10"/>
    </row>
    <row r="60709" spans="14:14">
      <c r="N60709" s="10"/>
    </row>
    <row r="60710" spans="14:14">
      <c r="N60710" s="10"/>
    </row>
    <row r="60711" spans="14:14">
      <c r="N60711" s="10"/>
    </row>
    <row r="60712" spans="14:14">
      <c r="N60712" s="10"/>
    </row>
    <row r="60713" spans="14:14">
      <c r="N60713" s="10"/>
    </row>
    <row r="60714" spans="14:14">
      <c r="N60714" s="10"/>
    </row>
    <row r="60715" spans="14:14">
      <c r="N60715" s="10"/>
    </row>
    <row r="60716" spans="14:14">
      <c r="N60716" s="10"/>
    </row>
    <row r="60717" spans="14:14">
      <c r="N60717" s="10"/>
    </row>
    <row r="60718" spans="14:14">
      <c r="N60718" s="10"/>
    </row>
    <row r="60719" spans="14:14">
      <c r="N60719" s="10"/>
    </row>
    <row r="60720" spans="14:14">
      <c r="N60720" s="10"/>
    </row>
    <row r="60721" spans="14:14">
      <c r="N60721" s="10"/>
    </row>
    <row r="60722" spans="14:14">
      <c r="N60722" s="10"/>
    </row>
    <row r="60723" spans="14:14">
      <c r="N60723" s="10"/>
    </row>
    <row r="60724" spans="14:14">
      <c r="N60724" s="10"/>
    </row>
    <row r="60725" spans="14:14">
      <c r="N60725" s="10"/>
    </row>
    <row r="60726" spans="14:14">
      <c r="N60726" s="10"/>
    </row>
    <row r="60727" spans="14:14">
      <c r="N60727" s="10"/>
    </row>
    <row r="60728" spans="14:14">
      <c r="N60728" s="10"/>
    </row>
    <row r="60729" spans="14:14">
      <c r="N60729" s="10"/>
    </row>
    <row r="60730" spans="14:14">
      <c r="N60730" s="10"/>
    </row>
    <row r="60731" spans="14:14">
      <c r="N60731" s="10"/>
    </row>
    <row r="60732" spans="14:14">
      <c r="N60732" s="10"/>
    </row>
    <row r="60733" spans="14:14">
      <c r="N60733" s="10"/>
    </row>
    <row r="60734" spans="14:14">
      <c r="N60734" s="10"/>
    </row>
    <row r="60735" spans="14:14">
      <c r="N60735" s="10"/>
    </row>
    <row r="60736" spans="14:14">
      <c r="N60736" s="10"/>
    </row>
    <row r="60737" spans="14:14">
      <c r="N60737" s="10"/>
    </row>
    <row r="60738" spans="14:14">
      <c r="N60738" s="10"/>
    </row>
    <row r="60739" spans="14:14">
      <c r="N60739" s="10"/>
    </row>
    <row r="60740" spans="14:14">
      <c r="N60740" s="10"/>
    </row>
    <row r="60741" spans="14:14">
      <c r="N60741" s="10"/>
    </row>
    <row r="60742" spans="14:14">
      <c r="N60742" s="10"/>
    </row>
    <row r="60743" spans="14:14">
      <c r="N60743" s="10"/>
    </row>
    <row r="60744" spans="14:14">
      <c r="N60744" s="10"/>
    </row>
    <row r="60745" spans="14:14">
      <c r="N60745" s="10"/>
    </row>
    <row r="60746" spans="14:14">
      <c r="N60746" s="10"/>
    </row>
    <row r="60747" spans="14:14">
      <c r="N60747" s="10"/>
    </row>
    <row r="60748" spans="14:14">
      <c r="N60748" s="10"/>
    </row>
    <row r="60749" spans="14:14">
      <c r="N60749" s="10"/>
    </row>
    <row r="60750" spans="14:14">
      <c r="N60750" s="10"/>
    </row>
    <row r="60751" spans="14:14">
      <c r="N60751" s="10"/>
    </row>
    <row r="60752" spans="14:14">
      <c r="N60752" s="10"/>
    </row>
    <row r="60753" spans="14:14">
      <c r="N60753" s="10"/>
    </row>
    <row r="60754" spans="14:14">
      <c r="N60754" s="10"/>
    </row>
    <row r="60755" spans="14:14">
      <c r="N60755" s="10"/>
    </row>
    <row r="60756" spans="14:14">
      <c r="N60756" s="10"/>
    </row>
    <row r="60757" spans="14:14">
      <c r="N60757" s="10"/>
    </row>
    <row r="60758" spans="14:14">
      <c r="N60758" s="10"/>
    </row>
    <row r="60759" spans="14:14">
      <c r="N60759" s="10"/>
    </row>
    <row r="60760" spans="14:14">
      <c r="N60760" s="10"/>
    </row>
    <row r="60761" spans="14:14">
      <c r="N60761" s="10"/>
    </row>
    <row r="60762" spans="14:14">
      <c r="N60762" s="10"/>
    </row>
    <row r="60763" spans="14:14">
      <c r="N60763" s="10"/>
    </row>
    <row r="60764" spans="14:14">
      <c r="N60764" s="10"/>
    </row>
    <row r="60765" spans="14:14">
      <c r="N60765" s="10"/>
    </row>
    <row r="60766" spans="14:14">
      <c r="N60766" s="10"/>
    </row>
    <row r="60767" spans="14:14">
      <c r="N60767" s="10"/>
    </row>
    <row r="60768" spans="14:14">
      <c r="N60768" s="10"/>
    </row>
    <row r="60769" spans="14:14">
      <c r="N60769" s="10"/>
    </row>
    <row r="60770" spans="14:14">
      <c r="N60770" s="10"/>
    </row>
    <row r="60771" spans="14:14">
      <c r="N60771" s="10"/>
    </row>
    <row r="60772" spans="14:14">
      <c r="N60772" s="10"/>
    </row>
    <row r="60773" spans="14:14">
      <c r="N60773" s="10"/>
    </row>
    <row r="60774" spans="14:14">
      <c r="N60774" s="10"/>
    </row>
    <row r="60775" spans="14:14">
      <c r="N60775" s="10"/>
    </row>
    <row r="60776" spans="14:14">
      <c r="N60776" s="10"/>
    </row>
    <row r="60777" spans="14:14">
      <c r="N60777" s="10"/>
    </row>
    <row r="60778" spans="14:14">
      <c r="N60778" s="10"/>
    </row>
    <row r="60779" spans="14:14">
      <c r="N60779" s="10"/>
    </row>
    <row r="60780" spans="14:14">
      <c r="N60780" s="10"/>
    </row>
    <row r="60781" spans="14:14">
      <c r="N60781" s="10"/>
    </row>
    <row r="60782" spans="14:14">
      <c r="N60782" s="10"/>
    </row>
    <row r="60783" spans="14:14">
      <c r="N60783" s="10"/>
    </row>
    <row r="60784" spans="14:14">
      <c r="N60784" s="10"/>
    </row>
    <row r="60785" spans="14:14">
      <c r="N60785" s="10"/>
    </row>
    <row r="60786" spans="14:14">
      <c r="N60786" s="10"/>
    </row>
    <row r="60787" spans="14:14">
      <c r="N60787" s="10"/>
    </row>
    <row r="60788" spans="14:14">
      <c r="N60788" s="10"/>
    </row>
    <row r="60789" spans="14:14">
      <c r="N60789" s="10"/>
    </row>
    <row r="60790" spans="14:14">
      <c r="N60790" s="10"/>
    </row>
    <row r="60791" spans="14:14">
      <c r="N60791" s="10"/>
    </row>
    <row r="60792" spans="14:14">
      <c r="N60792" s="10"/>
    </row>
    <row r="60793" spans="14:14">
      <c r="N60793" s="10"/>
    </row>
    <row r="60794" spans="14:14">
      <c r="N60794" s="10"/>
    </row>
    <row r="60795" spans="14:14">
      <c r="N60795" s="10"/>
    </row>
    <row r="60796" spans="14:14">
      <c r="N60796" s="10"/>
    </row>
    <row r="60797" spans="14:14">
      <c r="N60797" s="10"/>
    </row>
    <row r="60798" spans="14:14">
      <c r="N60798" s="10"/>
    </row>
    <row r="60799" spans="14:14">
      <c r="N60799" s="10"/>
    </row>
    <row r="60800" spans="14:14">
      <c r="N60800" s="10"/>
    </row>
    <row r="60801" spans="14:14">
      <c r="N60801" s="10"/>
    </row>
    <row r="60802" spans="14:14">
      <c r="N60802" s="10"/>
    </row>
    <row r="60803" spans="14:14">
      <c r="N60803" s="10"/>
    </row>
    <row r="60804" spans="14:14">
      <c r="N60804" s="10"/>
    </row>
    <row r="60805" spans="14:14">
      <c r="N60805" s="10"/>
    </row>
    <row r="60806" spans="14:14">
      <c r="N60806" s="10"/>
    </row>
    <row r="60807" spans="14:14">
      <c r="N60807" s="10"/>
    </row>
    <row r="60808" spans="14:14">
      <c r="N60808" s="10"/>
    </row>
    <row r="60809" spans="14:14">
      <c r="N60809" s="10"/>
    </row>
    <row r="60810" spans="14:14">
      <c r="N60810" s="10"/>
    </row>
    <row r="60811" spans="14:14">
      <c r="N60811" s="10"/>
    </row>
    <row r="60812" spans="14:14">
      <c r="N60812" s="10"/>
    </row>
    <row r="60813" spans="14:14">
      <c r="N60813" s="10"/>
    </row>
    <row r="60814" spans="14:14">
      <c r="N60814" s="10"/>
    </row>
    <row r="60815" spans="14:14">
      <c r="N60815" s="10"/>
    </row>
    <row r="60816" spans="14:14">
      <c r="N60816" s="10"/>
    </row>
    <row r="60817" spans="14:14">
      <c r="N60817" s="10"/>
    </row>
    <row r="60818" spans="14:14">
      <c r="N60818" s="10"/>
    </row>
    <row r="60819" spans="14:14">
      <c r="N60819" s="10"/>
    </row>
    <row r="60820" spans="14:14">
      <c r="N60820" s="10"/>
    </row>
    <row r="60821" spans="14:14">
      <c r="N60821" s="10"/>
    </row>
    <row r="60822" spans="14:14">
      <c r="N60822" s="10"/>
    </row>
    <row r="60823" spans="14:14">
      <c r="N60823" s="10"/>
    </row>
    <row r="60824" spans="14:14">
      <c r="N60824" s="10"/>
    </row>
    <row r="60825" spans="14:14">
      <c r="N60825" s="10"/>
    </row>
    <row r="60826" spans="14:14">
      <c r="N60826" s="10"/>
    </row>
    <row r="60827" spans="14:14">
      <c r="N60827" s="10"/>
    </row>
    <row r="60828" spans="14:14">
      <c r="N60828" s="10"/>
    </row>
    <row r="60829" spans="14:14">
      <c r="N60829" s="10"/>
    </row>
    <row r="60830" spans="14:14">
      <c r="N60830" s="10"/>
    </row>
    <row r="60831" spans="14:14">
      <c r="N60831" s="10"/>
    </row>
    <row r="60832" spans="14:14">
      <c r="N60832" s="10"/>
    </row>
    <row r="60833" spans="14:14">
      <c r="N60833" s="10"/>
    </row>
    <row r="60834" spans="14:14">
      <c r="N60834" s="10"/>
    </row>
    <row r="60835" spans="14:14">
      <c r="N60835" s="10"/>
    </row>
    <row r="60836" spans="14:14">
      <c r="N60836" s="10"/>
    </row>
    <row r="60837" spans="14:14">
      <c r="N60837" s="10"/>
    </row>
    <row r="60838" spans="14:14">
      <c r="N60838" s="10"/>
    </row>
    <row r="60839" spans="14:14">
      <c r="N60839" s="10"/>
    </row>
    <row r="60840" spans="14:14">
      <c r="N60840" s="10"/>
    </row>
    <row r="60841" spans="14:14">
      <c r="N60841" s="10"/>
    </row>
    <row r="60842" spans="14:14">
      <c r="N60842" s="10"/>
    </row>
    <row r="60843" spans="14:14">
      <c r="N60843" s="10"/>
    </row>
    <row r="60844" spans="14:14">
      <c r="N60844" s="10"/>
    </row>
    <row r="60845" spans="14:14">
      <c r="N60845" s="10"/>
    </row>
    <row r="60846" spans="14:14">
      <c r="N60846" s="10"/>
    </row>
    <row r="60847" spans="14:14">
      <c r="N60847" s="10"/>
    </row>
    <row r="60848" spans="14:14">
      <c r="N60848" s="10"/>
    </row>
    <row r="60849" spans="14:14">
      <c r="N60849" s="10"/>
    </row>
    <row r="60850" spans="14:14">
      <c r="N60850" s="10"/>
    </row>
    <row r="60851" spans="14:14">
      <c r="N60851" s="10"/>
    </row>
    <row r="60852" spans="14:14">
      <c r="N60852" s="10"/>
    </row>
    <row r="60853" spans="14:14">
      <c r="N60853" s="10"/>
    </row>
    <row r="60854" spans="14:14">
      <c r="N60854" s="10"/>
    </row>
    <row r="60855" spans="14:14">
      <c r="N60855" s="10"/>
    </row>
    <row r="60856" spans="14:14">
      <c r="N60856" s="10"/>
    </row>
    <row r="60857" spans="14:14">
      <c r="N60857" s="10"/>
    </row>
    <row r="60858" spans="14:14">
      <c r="N60858" s="10"/>
    </row>
    <row r="60859" spans="14:14">
      <c r="N60859" s="10"/>
    </row>
    <row r="60860" spans="14:14">
      <c r="N60860" s="10"/>
    </row>
    <row r="60861" spans="14:14">
      <c r="N60861" s="10"/>
    </row>
    <row r="60862" spans="14:14">
      <c r="N60862" s="10"/>
    </row>
    <row r="60863" spans="14:14">
      <c r="N60863" s="10"/>
    </row>
    <row r="60864" spans="14:14">
      <c r="N60864" s="10"/>
    </row>
    <row r="60865" spans="14:14">
      <c r="N60865" s="10"/>
    </row>
    <row r="60866" spans="14:14">
      <c r="N60866" s="10"/>
    </row>
    <row r="60867" spans="14:14">
      <c r="N60867" s="10"/>
    </row>
    <row r="60868" spans="14:14">
      <c r="N60868" s="10"/>
    </row>
    <row r="60869" spans="14:14">
      <c r="N60869" s="10"/>
    </row>
    <row r="60870" spans="14:14">
      <c r="N60870" s="10"/>
    </row>
    <row r="60871" spans="14:14">
      <c r="N60871" s="10"/>
    </row>
    <row r="60872" spans="14:14">
      <c r="N60872" s="10"/>
    </row>
    <row r="60873" spans="14:14">
      <c r="N60873" s="10"/>
    </row>
    <row r="60874" spans="14:14">
      <c r="N60874" s="10"/>
    </row>
    <row r="60875" spans="14:14">
      <c r="N60875" s="10"/>
    </row>
    <row r="60876" spans="14:14">
      <c r="N60876" s="10"/>
    </row>
    <row r="60877" spans="14:14">
      <c r="N60877" s="10"/>
    </row>
    <row r="60878" spans="14:14">
      <c r="N60878" s="10"/>
    </row>
    <row r="60879" spans="14:14">
      <c r="N60879" s="10"/>
    </row>
    <row r="60880" spans="14:14">
      <c r="N60880" s="10"/>
    </row>
    <row r="60881" spans="14:14">
      <c r="N60881" s="10"/>
    </row>
    <row r="60882" spans="14:14">
      <c r="N60882" s="10"/>
    </row>
    <row r="60883" spans="14:14">
      <c r="N60883" s="10"/>
    </row>
    <row r="60884" spans="14:14">
      <c r="N60884" s="10"/>
    </row>
    <row r="60885" spans="14:14">
      <c r="N60885" s="10"/>
    </row>
    <row r="60886" spans="14:14">
      <c r="N60886" s="10"/>
    </row>
    <row r="60887" spans="14:14">
      <c r="N60887" s="10"/>
    </row>
    <row r="60888" spans="14:14">
      <c r="N60888" s="10"/>
    </row>
    <row r="60889" spans="14:14">
      <c r="N60889" s="10"/>
    </row>
    <row r="60890" spans="14:14">
      <c r="N60890" s="10"/>
    </row>
    <row r="60891" spans="14:14">
      <c r="N60891" s="10"/>
    </row>
    <row r="60892" spans="14:14">
      <c r="N60892" s="10"/>
    </row>
    <row r="60893" spans="14:14">
      <c r="N60893" s="10"/>
    </row>
    <row r="60894" spans="14:14">
      <c r="N60894" s="10"/>
    </row>
    <row r="60895" spans="14:14">
      <c r="N60895" s="10"/>
    </row>
    <row r="60896" spans="14:14">
      <c r="N60896" s="10"/>
    </row>
    <row r="60897" spans="14:14">
      <c r="N60897" s="10"/>
    </row>
    <row r="60898" spans="14:14">
      <c r="N60898" s="10"/>
    </row>
    <row r="60899" spans="14:14">
      <c r="N60899" s="10"/>
    </row>
    <row r="60900" spans="14:14">
      <c r="N60900" s="10"/>
    </row>
    <row r="60901" spans="14:14">
      <c r="N60901" s="10"/>
    </row>
    <row r="60902" spans="14:14">
      <c r="N60902" s="10"/>
    </row>
    <row r="60903" spans="14:14">
      <c r="N60903" s="10"/>
    </row>
    <row r="60904" spans="14:14">
      <c r="N60904" s="10"/>
    </row>
    <row r="60905" spans="14:14">
      <c r="N60905" s="10"/>
    </row>
    <row r="60906" spans="14:14">
      <c r="N60906" s="10"/>
    </row>
    <row r="60907" spans="14:14">
      <c r="N60907" s="10"/>
    </row>
    <row r="60908" spans="14:14">
      <c r="N60908" s="10"/>
    </row>
    <row r="60909" spans="14:14">
      <c r="N60909" s="10"/>
    </row>
    <row r="60910" spans="14:14">
      <c r="N60910" s="10"/>
    </row>
    <row r="60911" spans="14:14">
      <c r="N60911" s="10"/>
    </row>
    <row r="60912" spans="14:14">
      <c r="N60912" s="10"/>
    </row>
    <row r="60913" spans="14:14">
      <c r="N60913" s="10"/>
    </row>
    <row r="60914" spans="14:14">
      <c r="N60914" s="10"/>
    </row>
    <row r="60915" spans="14:14">
      <c r="N60915" s="10"/>
    </row>
    <row r="60916" spans="14:14">
      <c r="N60916" s="10"/>
    </row>
    <row r="60917" spans="14:14">
      <c r="N60917" s="10"/>
    </row>
    <row r="60918" spans="14:14">
      <c r="N60918" s="10"/>
    </row>
    <row r="60919" spans="14:14">
      <c r="N60919" s="10"/>
    </row>
    <row r="60920" spans="14:14">
      <c r="N60920" s="10"/>
    </row>
    <row r="60921" spans="14:14">
      <c r="N60921" s="10"/>
    </row>
    <row r="60922" spans="14:14">
      <c r="N60922" s="10"/>
    </row>
    <row r="60923" spans="14:14">
      <c r="N60923" s="10"/>
    </row>
    <row r="60924" spans="14:14">
      <c r="N60924" s="10"/>
    </row>
    <row r="60925" spans="14:14">
      <c r="N60925" s="10"/>
    </row>
    <row r="60926" spans="14:14">
      <c r="N60926" s="10"/>
    </row>
    <row r="60927" spans="14:14">
      <c r="N60927" s="10"/>
    </row>
    <row r="60928" spans="14:14">
      <c r="N60928" s="10"/>
    </row>
    <row r="60929" spans="14:14">
      <c r="N60929" s="10"/>
    </row>
    <row r="60930" spans="14:14">
      <c r="N60930" s="10"/>
    </row>
    <row r="60931" spans="14:14">
      <c r="N60931" s="10"/>
    </row>
    <row r="60932" spans="14:14">
      <c r="N60932" s="10"/>
    </row>
    <row r="60933" spans="14:14">
      <c r="N60933" s="10"/>
    </row>
    <row r="60934" spans="14:14">
      <c r="N60934" s="10"/>
    </row>
    <row r="60935" spans="14:14">
      <c r="N60935" s="10"/>
    </row>
    <row r="60936" spans="14:14">
      <c r="N60936" s="10"/>
    </row>
    <row r="60937" spans="14:14">
      <c r="N60937" s="10"/>
    </row>
    <row r="60938" spans="14:14">
      <c r="N60938" s="10"/>
    </row>
    <row r="60939" spans="14:14">
      <c r="N60939" s="10"/>
    </row>
    <row r="60940" spans="14:14">
      <c r="N60940" s="10"/>
    </row>
    <row r="60941" spans="14:14">
      <c r="N60941" s="10"/>
    </row>
    <row r="60942" spans="14:14">
      <c r="N60942" s="10"/>
    </row>
    <row r="60943" spans="14:14">
      <c r="N60943" s="10"/>
    </row>
    <row r="60944" spans="14:14">
      <c r="N60944" s="10"/>
    </row>
    <row r="60945" spans="14:14">
      <c r="N60945" s="10"/>
    </row>
    <row r="60946" spans="14:14">
      <c r="N60946" s="10"/>
    </row>
    <row r="60947" spans="14:14">
      <c r="N60947" s="10"/>
    </row>
    <row r="60948" spans="14:14">
      <c r="N60948" s="10"/>
    </row>
    <row r="60949" spans="14:14">
      <c r="N60949" s="10"/>
    </row>
    <row r="60950" spans="14:14">
      <c r="N60950" s="10"/>
    </row>
    <row r="60951" spans="14:14">
      <c r="N60951" s="10"/>
    </row>
    <row r="60952" spans="14:14">
      <c r="N60952" s="10"/>
    </row>
    <row r="60953" spans="14:14">
      <c r="N60953" s="10"/>
    </row>
    <row r="60954" spans="14:14">
      <c r="N60954" s="10"/>
    </row>
    <row r="60955" spans="14:14">
      <c r="N60955" s="10"/>
    </row>
    <row r="60956" spans="14:14">
      <c r="N60956" s="10"/>
    </row>
    <row r="60957" spans="14:14">
      <c r="N60957" s="10"/>
    </row>
    <row r="60958" spans="14:14">
      <c r="N60958" s="10"/>
    </row>
    <row r="60959" spans="14:14">
      <c r="N60959" s="10"/>
    </row>
    <row r="60960" spans="14:14">
      <c r="N60960" s="10"/>
    </row>
    <row r="60961" spans="14:14">
      <c r="N60961" s="10"/>
    </row>
    <row r="60962" spans="14:14">
      <c r="N60962" s="10"/>
    </row>
    <row r="60963" spans="14:14">
      <c r="N60963" s="10"/>
    </row>
    <row r="60964" spans="14:14">
      <c r="N60964" s="10"/>
    </row>
    <row r="60965" spans="14:14">
      <c r="N60965" s="10"/>
    </row>
    <row r="60966" spans="14:14">
      <c r="N60966" s="10"/>
    </row>
    <row r="60967" spans="14:14">
      <c r="N60967" s="10"/>
    </row>
    <row r="60968" spans="14:14">
      <c r="N60968" s="10"/>
    </row>
    <row r="60969" spans="14:14">
      <c r="N60969" s="10"/>
    </row>
    <row r="60970" spans="14:14">
      <c r="N60970" s="10"/>
    </row>
    <row r="60971" spans="14:14">
      <c r="N60971" s="10"/>
    </row>
    <row r="60972" spans="14:14">
      <c r="N60972" s="10"/>
    </row>
    <row r="60973" spans="14:14">
      <c r="N60973" s="10"/>
    </row>
    <row r="60974" spans="14:14">
      <c r="N60974" s="10"/>
    </row>
    <row r="60975" spans="14:14">
      <c r="N60975" s="10"/>
    </row>
    <row r="60976" spans="14:14">
      <c r="N60976" s="10"/>
    </row>
    <row r="60977" spans="14:14">
      <c r="N60977" s="10"/>
    </row>
    <row r="60978" spans="14:14">
      <c r="N60978" s="10"/>
    </row>
    <row r="60979" spans="14:14">
      <c r="N60979" s="10"/>
    </row>
    <row r="60980" spans="14:14">
      <c r="N60980" s="10"/>
    </row>
    <row r="60981" spans="14:14">
      <c r="N60981" s="10"/>
    </row>
    <row r="60982" spans="14:14">
      <c r="N60982" s="10"/>
    </row>
    <row r="60983" spans="14:14">
      <c r="N60983" s="10"/>
    </row>
    <row r="60984" spans="14:14">
      <c r="N60984" s="10"/>
    </row>
    <row r="60985" spans="14:14">
      <c r="N60985" s="10"/>
    </row>
    <row r="60986" spans="14:14">
      <c r="N60986" s="10"/>
    </row>
    <row r="60987" spans="14:14">
      <c r="N60987" s="10"/>
    </row>
    <row r="60988" spans="14:14">
      <c r="N60988" s="10"/>
    </row>
    <row r="60989" spans="14:14">
      <c r="N60989" s="10"/>
    </row>
    <row r="60990" spans="14:14">
      <c r="N60990" s="10"/>
    </row>
    <row r="60991" spans="14:14">
      <c r="N60991" s="10"/>
    </row>
    <row r="60992" spans="14:14">
      <c r="N60992" s="10"/>
    </row>
    <row r="60993" spans="14:14">
      <c r="N60993" s="10"/>
    </row>
    <row r="60994" spans="14:14">
      <c r="N60994" s="10"/>
    </row>
    <row r="60995" spans="14:14">
      <c r="N60995" s="10"/>
    </row>
    <row r="60996" spans="14:14">
      <c r="N60996" s="10"/>
    </row>
    <row r="60997" spans="14:14">
      <c r="N60997" s="10"/>
    </row>
    <row r="60998" spans="14:14">
      <c r="N60998" s="10"/>
    </row>
    <row r="60999" spans="14:14">
      <c r="N60999" s="10"/>
    </row>
    <row r="61000" spans="14:14">
      <c r="N61000" s="10"/>
    </row>
    <row r="61001" spans="14:14">
      <c r="N61001" s="10"/>
    </row>
    <row r="61002" spans="14:14">
      <c r="N61002" s="10"/>
    </row>
    <row r="61003" spans="14:14">
      <c r="N61003" s="10"/>
    </row>
    <row r="61004" spans="14:14">
      <c r="N61004" s="10"/>
    </row>
    <row r="61005" spans="14:14">
      <c r="N61005" s="10"/>
    </row>
    <row r="61006" spans="14:14">
      <c r="N61006" s="10"/>
    </row>
    <row r="61007" spans="14:14">
      <c r="N61007" s="10"/>
    </row>
    <row r="61008" spans="14:14">
      <c r="N61008" s="10"/>
    </row>
    <row r="61009" spans="14:14">
      <c r="N61009" s="10"/>
    </row>
    <row r="61010" spans="14:14">
      <c r="N61010" s="10"/>
    </row>
    <row r="61011" spans="14:14">
      <c r="N61011" s="10"/>
    </row>
    <row r="61012" spans="14:14">
      <c r="N61012" s="10"/>
    </row>
    <row r="61013" spans="14:14">
      <c r="N61013" s="10"/>
    </row>
    <row r="61014" spans="14:14">
      <c r="N61014" s="10"/>
    </row>
    <row r="61015" spans="14:14">
      <c r="N61015" s="10"/>
    </row>
    <row r="61016" spans="14:14">
      <c r="N61016" s="10"/>
    </row>
    <row r="61017" spans="14:14">
      <c r="N61017" s="10"/>
    </row>
    <row r="61018" spans="14:14">
      <c r="N61018" s="10"/>
    </row>
    <row r="61019" spans="14:14">
      <c r="N61019" s="10"/>
    </row>
    <row r="61020" spans="14:14">
      <c r="N61020" s="10"/>
    </row>
    <row r="61021" spans="14:14">
      <c r="N61021" s="10"/>
    </row>
    <row r="61022" spans="14:14">
      <c r="N61022" s="10"/>
    </row>
    <row r="61023" spans="14:14">
      <c r="N61023" s="10"/>
    </row>
    <row r="61024" spans="14:14">
      <c r="N61024" s="10"/>
    </row>
    <row r="61025" spans="14:14">
      <c r="N61025" s="10"/>
    </row>
    <row r="61026" spans="14:14">
      <c r="N61026" s="10"/>
    </row>
    <row r="61027" spans="14:14">
      <c r="N61027" s="10"/>
    </row>
    <row r="61028" spans="14:14">
      <c r="N61028" s="10"/>
    </row>
    <row r="61029" spans="14:14">
      <c r="N61029" s="10"/>
    </row>
    <row r="61030" spans="14:14">
      <c r="N61030" s="10"/>
    </row>
    <row r="61031" spans="14:14">
      <c r="N61031" s="10"/>
    </row>
    <row r="61032" spans="14:14">
      <c r="N61032" s="10"/>
    </row>
    <row r="61033" spans="14:14">
      <c r="N61033" s="10"/>
    </row>
    <row r="61034" spans="14:14">
      <c r="N61034" s="10"/>
    </row>
    <row r="61035" spans="14:14">
      <c r="N61035" s="10"/>
    </row>
    <row r="61036" spans="14:14">
      <c r="N61036" s="10"/>
    </row>
    <row r="61037" spans="14:14">
      <c r="N61037" s="10"/>
    </row>
    <row r="61038" spans="14:14">
      <c r="N61038" s="10"/>
    </row>
    <row r="61039" spans="14:14">
      <c r="N61039" s="10"/>
    </row>
    <row r="61040" spans="14:14">
      <c r="N61040" s="10"/>
    </row>
    <row r="61041" spans="14:14">
      <c r="N61041" s="10"/>
    </row>
    <row r="61042" spans="14:14">
      <c r="N61042" s="10"/>
    </row>
    <row r="61043" spans="14:14">
      <c r="N61043" s="10"/>
    </row>
    <row r="61044" spans="14:14">
      <c r="N61044" s="10"/>
    </row>
    <row r="61045" spans="14:14">
      <c r="N61045" s="10"/>
    </row>
    <row r="61046" spans="14:14">
      <c r="N61046" s="10"/>
    </row>
    <row r="61047" spans="14:14">
      <c r="N61047" s="10"/>
    </row>
    <row r="61048" spans="14:14">
      <c r="N61048" s="10"/>
    </row>
    <row r="61049" spans="14:14">
      <c r="N61049" s="10"/>
    </row>
    <row r="61050" spans="14:14">
      <c r="N61050" s="10"/>
    </row>
    <row r="61051" spans="14:14">
      <c r="N61051" s="10"/>
    </row>
    <row r="61052" spans="14:14">
      <c r="N61052" s="10"/>
    </row>
    <row r="61053" spans="14:14">
      <c r="N61053" s="10"/>
    </row>
    <row r="61054" spans="14:14">
      <c r="N61054" s="10"/>
    </row>
    <row r="61055" spans="14:14">
      <c r="N61055" s="10"/>
    </row>
    <row r="61056" spans="14:14">
      <c r="N61056" s="10"/>
    </row>
    <row r="61057" spans="14:14">
      <c r="N61057" s="10"/>
    </row>
    <row r="61058" spans="14:14">
      <c r="N61058" s="10"/>
    </row>
    <row r="61059" spans="14:14">
      <c r="N61059" s="10"/>
    </row>
    <row r="61060" spans="14:14">
      <c r="N61060" s="10"/>
    </row>
    <row r="61061" spans="14:14">
      <c r="N61061" s="10"/>
    </row>
    <row r="61062" spans="14:14">
      <c r="N61062" s="10"/>
    </row>
    <row r="61063" spans="14:14">
      <c r="N61063" s="10"/>
    </row>
    <row r="61064" spans="14:14">
      <c r="N61064" s="10"/>
    </row>
    <row r="61065" spans="14:14">
      <c r="N61065" s="10"/>
    </row>
    <row r="61066" spans="14:14">
      <c r="N61066" s="10"/>
    </row>
    <row r="61067" spans="14:14">
      <c r="N61067" s="10"/>
    </row>
    <row r="61068" spans="14:14">
      <c r="N61068" s="10"/>
    </row>
    <row r="61069" spans="14:14">
      <c r="N61069" s="10"/>
    </row>
    <row r="61070" spans="14:14">
      <c r="N61070" s="10"/>
    </row>
    <row r="61071" spans="14:14">
      <c r="N61071" s="10"/>
    </row>
    <row r="61072" spans="14:14">
      <c r="N61072" s="10"/>
    </row>
    <row r="61073" spans="14:14">
      <c r="N61073" s="10"/>
    </row>
    <row r="61074" spans="14:14">
      <c r="N61074" s="10"/>
    </row>
    <row r="61075" spans="14:14">
      <c r="N61075" s="10"/>
    </row>
    <row r="61076" spans="14:14">
      <c r="N61076" s="10"/>
    </row>
    <row r="61077" spans="14:14">
      <c r="N61077" s="10"/>
    </row>
    <row r="61078" spans="14:14">
      <c r="N61078" s="10"/>
    </row>
    <row r="61079" spans="14:14">
      <c r="N61079" s="10"/>
    </row>
    <row r="61080" spans="14:14">
      <c r="N61080" s="10"/>
    </row>
    <row r="61081" spans="14:14">
      <c r="N61081" s="10"/>
    </row>
    <row r="61082" spans="14:14">
      <c r="N61082" s="10"/>
    </row>
    <row r="61083" spans="14:14">
      <c r="N61083" s="10"/>
    </row>
    <row r="61084" spans="14:14">
      <c r="N61084" s="10"/>
    </row>
    <row r="61085" spans="14:14">
      <c r="N61085" s="10"/>
    </row>
    <row r="61086" spans="14:14">
      <c r="N61086" s="10"/>
    </row>
    <row r="61087" spans="14:14">
      <c r="N61087" s="10"/>
    </row>
    <row r="61088" spans="14:14">
      <c r="N61088" s="10"/>
    </row>
    <row r="61089" spans="14:14">
      <c r="N61089" s="10"/>
    </row>
    <row r="61090" spans="14:14">
      <c r="N61090" s="10"/>
    </row>
    <row r="61091" spans="14:14">
      <c r="N61091" s="10"/>
    </row>
    <row r="61092" spans="14:14">
      <c r="N61092" s="10"/>
    </row>
    <row r="61093" spans="14:14">
      <c r="N61093" s="10"/>
    </row>
    <row r="61094" spans="14:14">
      <c r="N61094" s="10"/>
    </row>
    <row r="61095" spans="14:14">
      <c r="N61095" s="10"/>
    </row>
    <row r="61096" spans="14:14">
      <c r="N61096" s="10"/>
    </row>
    <row r="61097" spans="14:14">
      <c r="N61097" s="10"/>
    </row>
    <row r="61098" spans="14:14">
      <c r="N61098" s="10"/>
    </row>
    <row r="61099" spans="14:14">
      <c r="N61099" s="10"/>
    </row>
    <row r="61100" spans="14:14">
      <c r="N61100" s="10"/>
    </row>
    <row r="61101" spans="14:14">
      <c r="N61101" s="10"/>
    </row>
    <row r="61102" spans="14:14">
      <c r="N61102" s="10"/>
    </row>
    <row r="61103" spans="14:14">
      <c r="N61103" s="10"/>
    </row>
    <row r="61104" spans="14:14">
      <c r="N61104" s="10"/>
    </row>
    <row r="61105" spans="14:14">
      <c r="N61105" s="10"/>
    </row>
    <row r="61106" spans="14:14">
      <c r="N61106" s="10"/>
    </row>
    <row r="61107" spans="14:14">
      <c r="N61107" s="10"/>
    </row>
    <row r="61108" spans="14:14">
      <c r="N61108" s="10"/>
    </row>
    <row r="61109" spans="14:14">
      <c r="N61109" s="10"/>
    </row>
    <row r="61110" spans="14:14">
      <c r="N61110" s="10"/>
    </row>
    <row r="61111" spans="14:14">
      <c r="N61111" s="10"/>
    </row>
    <row r="61112" spans="14:14">
      <c r="N61112" s="10"/>
    </row>
    <row r="61113" spans="14:14">
      <c r="N61113" s="10"/>
    </row>
    <row r="61114" spans="14:14">
      <c r="N61114" s="10"/>
    </row>
    <row r="61115" spans="14:14">
      <c r="N61115" s="10"/>
    </row>
    <row r="61116" spans="14:14">
      <c r="N61116" s="10"/>
    </row>
    <row r="61117" spans="14:14">
      <c r="N61117" s="10"/>
    </row>
    <row r="61118" spans="14:14">
      <c r="N61118" s="10"/>
    </row>
    <row r="61119" spans="14:14">
      <c r="N61119" s="10"/>
    </row>
    <row r="61120" spans="14:14">
      <c r="N61120" s="10"/>
    </row>
    <row r="61121" spans="14:14">
      <c r="N61121" s="10"/>
    </row>
    <row r="61122" spans="14:14">
      <c r="N61122" s="10"/>
    </row>
    <row r="61123" spans="14:14">
      <c r="N61123" s="10"/>
    </row>
    <row r="61124" spans="14:14">
      <c r="N61124" s="10"/>
    </row>
    <row r="61125" spans="14:14">
      <c r="N61125" s="10"/>
    </row>
    <row r="61126" spans="14:14">
      <c r="N61126" s="10"/>
    </row>
    <row r="61127" spans="14:14">
      <c r="N61127" s="10"/>
    </row>
    <row r="61128" spans="14:14">
      <c r="N61128" s="10"/>
    </row>
    <row r="61129" spans="14:14">
      <c r="N61129" s="10"/>
    </row>
    <row r="61130" spans="14:14">
      <c r="N61130" s="10"/>
    </row>
    <row r="61131" spans="14:14">
      <c r="N61131" s="10"/>
    </row>
    <row r="61132" spans="14:14">
      <c r="N61132" s="10"/>
    </row>
    <row r="61133" spans="14:14">
      <c r="N61133" s="10"/>
    </row>
    <row r="61134" spans="14:14">
      <c r="N61134" s="10"/>
    </row>
    <row r="61135" spans="14:14">
      <c r="N61135" s="10"/>
    </row>
    <row r="61136" spans="14:14">
      <c r="N61136" s="10"/>
    </row>
    <row r="61137" spans="14:14">
      <c r="N61137" s="10"/>
    </row>
    <row r="61138" spans="14:14">
      <c r="N61138" s="10"/>
    </row>
    <row r="61139" spans="14:14">
      <c r="N61139" s="10"/>
    </row>
    <row r="61140" spans="14:14">
      <c r="N61140" s="10"/>
    </row>
    <row r="61141" spans="14:14">
      <c r="N61141" s="10"/>
    </row>
    <row r="61142" spans="14:14">
      <c r="N61142" s="10"/>
    </row>
    <row r="61143" spans="14:14">
      <c r="N61143" s="10"/>
    </row>
    <row r="61144" spans="14:14">
      <c r="N61144" s="10"/>
    </row>
    <row r="61145" spans="14:14">
      <c r="N61145" s="10"/>
    </row>
    <row r="61146" spans="14:14">
      <c r="N61146" s="10"/>
    </row>
    <row r="61147" spans="14:14">
      <c r="N61147" s="10"/>
    </row>
    <row r="61148" spans="14:14">
      <c r="N61148" s="10"/>
    </row>
    <row r="61149" spans="14:14">
      <c r="N61149" s="10"/>
    </row>
    <row r="61150" spans="14:14">
      <c r="N61150" s="10"/>
    </row>
    <row r="61151" spans="14:14">
      <c r="N61151" s="10"/>
    </row>
    <row r="61152" spans="14:14">
      <c r="N61152" s="10"/>
    </row>
    <row r="61153" spans="14:14">
      <c r="N61153" s="10"/>
    </row>
    <row r="61154" spans="14:14">
      <c r="N61154" s="10"/>
    </row>
    <row r="61155" spans="14:14">
      <c r="N61155" s="10"/>
    </row>
    <row r="61156" spans="14:14">
      <c r="N61156" s="10"/>
    </row>
    <row r="61157" spans="14:14">
      <c r="N61157" s="10"/>
    </row>
    <row r="61158" spans="14:14">
      <c r="N61158" s="10"/>
    </row>
    <row r="61159" spans="14:14">
      <c r="N61159" s="10"/>
    </row>
    <row r="61160" spans="14:14">
      <c r="N61160" s="10"/>
    </row>
    <row r="61161" spans="14:14">
      <c r="N61161" s="10"/>
    </row>
    <row r="61162" spans="14:14">
      <c r="N61162" s="10"/>
    </row>
    <row r="61163" spans="14:14">
      <c r="N61163" s="10"/>
    </row>
    <row r="61164" spans="14:14">
      <c r="N61164" s="10"/>
    </row>
    <row r="61165" spans="14:14">
      <c r="N61165" s="10"/>
    </row>
    <row r="61166" spans="14:14">
      <c r="N61166" s="10"/>
    </row>
    <row r="61167" spans="14:14">
      <c r="N61167" s="10"/>
    </row>
    <row r="61168" spans="14:14">
      <c r="N61168" s="10"/>
    </row>
    <row r="61169" spans="14:14">
      <c r="N61169" s="10"/>
    </row>
    <row r="61170" spans="14:14">
      <c r="N61170" s="10"/>
    </row>
    <row r="61171" spans="14:14">
      <c r="N61171" s="10"/>
    </row>
    <row r="61172" spans="14:14">
      <c r="N61172" s="10"/>
    </row>
    <row r="61173" spans="14:14">
      <c r="N61173" s="10"/>
    </row>
    <row r="61174" spans="14:14">
      <c r="N61174" s="10"/>
    </row>
    <row r="61175" spans="14:14">
      <c r="N61175" s="10"/>
    </row>
    <row r="61176" spans="14:14">
      <c r="N61176" s="10"/>
    </row>
    <row r="61177" spans="14:14">
      <c r="N61177" s="10"/>
    </row>
    <row r="61178" spans="14:14">
      <c r="N61178" s="10"/>
    </row>
    <row r="61179" spans="14:14">
      <c r="N61179" s="10"/>
    </row>
    <row r="61180" spans="14:14">
      <c r="N61180" s="10"/>
    </row>
    <row r="61181" spans="14:14">
      <c r="N61181" s="10"/>
    </row>
    <row r="61182" spans="14:14">
      <c r="N61182" s="10"/>
    </row>
    <row r="61183" spans="14:14">
      <c r="N61183" s="10"/>
    </row>
    <row r="61184" spans="14:14">
      <c r="N61184" s="10"/>
    </row>
    <row r="61185" spans="14:14">
      <c r="N61185" s="10"/>
    </row>
    <row r="61186" spans="14:14">
      <c r="N61186" s="10"/>
    </row>
    <row r="61187" spans="14:14">
      <c r="N61187" s="10"/>
    </row>
    <row r="61188" spans="14:14">
      <c r="N61188" s="10"/>
    </row>
    <row r="61189" spans="14:14">
      <c r="N61189" s="10"/>
    </row>
    <row r="61190" spans="14:14">
      <c r="N61190" s="10"/>
    </row>
    <row r="61191" spans="14:14">
      <c r="N61191" s="10"/>
    </row>
    <row r="61192" spans="14:14">
      <c r="N61192" s="10"/>
    </row>
    <row r="61193" spans="14:14">
      <c r="N61193" s="10"/>
    </row>
    <row r="61194" spans="14:14">
      <c r="N61194" s="10"/>
    </row>
    <row r="61195" spans="14:14">
      <c r="N61195" s="10"/>
    </row>
    <row r="61196" spans="14:14">
      <c r="N61196" s="10"/>
    </row>
    <row r="61197" spans="14:14">
      <c r="N61197" s="10"/>
    </row>
    <row r="61198" spans="14:14">
      <c r="N61198" s="10"/>
    </row>
    <row r="61199" spans="14:14">
      <c r="N61199" s="10"/>
    </row>
    <row r="61200" spans="14:14">
      <c r="N61200" s="10"/>
    </row>
    <row r="61201" spans="14:14">
      <c r="N61201" s="10"/>
    </row>
    <row r="61202" spans="14:14">
      <c r="N61202" s="10"/>
    </row>
    <row r="61203" spans="14:14">
      <c r="N61203" s="10"/>
    </row>
    <row r="61204" spans="14:14">
      <c r="N61204" s="10"/>
    </row>
    <row r="61205" spans="14:14">
      <c r="N61205" s="10"/>
    </row>
    <row r="61206" spans="14:14">
      <c r="N61206" s="10"/>
    </row>
    <row r="61207" spans="14:14">
      <c r="N61207" s="10"/>
    </row>
    <row r="61208" spans="14:14">
      <c r="N61208" s="10"/>
    </row>
    <row r="61209" spans="14:14">
      <c r="N61209" s="10"/>
    </row>
    <row r="61210" spans="14:14">
      <c r="N61210" s="10"/>
    </row>
    <row r="61211" spans="14:14">
      <c r="N61211" s="10"/>
    </row>
    <row r="61212" spans="14:14">
      <c r="N61212" s="10"/>
    </row>
    <row r="61213" spans="14:14">
      <c r="N61213" s="10"/>
    </row>
    <row r="61214" spans="14:14">
      <c r="N61214" s="10"/>
    </row>
    <row r="61215" spans="14:14">
      <c r="N61215" s="10"/>
    </row>
    <row r="61216" spans="14:14">
      <c r="N61216" s="10"/>
    </row>
    <row r="61217" spans="14:14">
      <c r="N61217" s="10"/>
    </row>
    <row r="61218" spans="14:14">
      <c r="N61218" s="10"/>
    </row>
    <row r="61219" spans="14:14">
      <c r="N61219" s="10"/>
    </row>
    <row r="61220" spans="14:14">
      <c r="N61220" s="10"/>
    </row>
    <row r="61221" spans="14:14">
      <c r="N61221" s="10"/>
    </row>
    <row r="61222" spans="14:14">
      <c r="N61222" s="10"/>
    </row>
    <row r="61223" spans="14:14">
      <c r="N61223" s="10"/>
    </row>
    <row r="61224" spans="14:14">
      <c r="N61224" s="10"/>
    </row>
    <row r="61225" spans="14:14">
      <c r="N61225" s="10"/>
    </row>
    <row r="61226" spans="14:14">
      <c r="N61226" s="10"/>
    </row>
    <row r="61227" spans="14:14">
      <c r="N61227" s="10"/>
    </row>
    <row r="61228" spans="14:14">
      <c r="N61228" s="10"/>
    </row>
    <row r="61229" spans="14:14">
      <c r="N61229" s="10"/>
    </row>
    <row r="61230" spans="14:14">
      <c r="N61230" s="10"/>
    </row>
    <row r="61231" spans="14:14">
      <c r="N61231" s="10"/>
    </row>
    <row r="61232" spans="14:14">
      <c r="N61232" s="10"/>
    </row>
    <row r="61233" spans="14:14">
      <c r="N61233" s="10"/>
    </row>
    <row r="61234" spans="14:14">
      <c r="N61234" s="10"/>
    </row>
    <row r="61235" spans="14:14">
      <c r="N61235" s="10"/>
    </row>
    <row r="61236" spans="14:14">
      <c r="N61236" s="10"/>
    </row>
    <row r="61237" spans="14:14">
      <c r="N61237" s="10"/>
    </row>
    <row r="61238" spans="14:14">
      <c r="N61238" s="10"/>
    </row>
    <row r="61239" spans="14:14">
      <c r="N61239" s="10"/>
    </row>
    <row r="61240" spans="14:14">
      <c r="N61240" s="10"/>
    </row>
    <row r="61241" spans="14:14">
      <c r="N61241" s="10"/>
    </row>
    <row r="61242" spans="14:14">
      <c r="N61242" s="10"/>
    </row>
    <row r="61243" spans="14:14">
      <c r="N61243" s="10"/>
    </row>
    <row r="61244" spans="14:14">
      <c r="N61244" s="10"/>
    </row>
    <row r="61245" spans="14:14">
      <c r="N61245" s="10"/>
    </row>
    <row r="61246" spans="14:14">
      <c r="N61246" s="10"/>
    </row>
    <row r="61247" spans="14:14">
      <c r="N61247" s="10"/>
    </row>
    <row r="61248" spans="14:14">
      <c r="N61248" s="10"/>
    </row>
    <row r="61249" spans="14:14">
      <c r="N61249" s="10"/>
    </row>
    <row r="61250" spans="14:14">
      <c r="N61250" s="10"/>
    </row>
    <row r="61251" spans="14:14">
      <c r="N61251" s="10"/>
    </row>
    <row r="61252" spans="14:14">
      <c r="N61252" s="10"/>
    </row>
    <row r="61253" spans="14:14">
      <c r="N61253" s="10"/>
    </row>
    <row r="61254" spans="14:14">
      <c r="N61254" s="10"/>
    </row>
    <row r="61255" spans="14:14">
      <c r="N61255" s="10"/>
    </row>
    <row r="61256" spans="14:14">
      <c r="N61256" s="10"/>
    </row>
    <row r="61257" spans="14:14">
      <c r="N61257" s="10"/>
    </row>
    <row r="61258" spans="14:14">
      <c r="N61258" s="10"/>
    </row>
    <row r="61259" spans="14:14">
      <c r="N61259" s="10"/>
    </row>
    <row r="61260" spans="14:14">
      <c r="N61260" s="10"/>
    </row>
    <row r="61261" spans="14:14">
      <c r="N61261" s="10"/>
    </row>
    <row r="61262" spans="14:14">
      <c r="N61262" s="10"/>
    </row>
    <row r="61263" spans="14:14">
      <c r="N61263" s="10"/>
    </row>
    <row r="61264" spans="14:14">
      <c r="N61264" s="10"/>
    </row>
    <row r="61265" spans="14:14">
      <c r="N61265" s="10"/>
    </row>
    <row r="61266" spans="14:14">
      <c r="N61266" s="10"/>
    </row>
    <row r="61267" spans="14:14">
      <c r="N61267" s="10"/>
    </row>
    <row r="61268" spans="14:14">
      <c r="N61268" s="10"/>
    </row>
    <row r="61269" spans="14:14">
      <c r="N61269" s="10"/>
    </row>
    <row r="61270" spans="14:14">
      <c r="N61270" s="10"/>
    </row>
    <row r="61271" spans="14:14">
      <c r="N61271" s="10"/>
    </row>
    <row r="61272" spans="14:14">
      <c r="N61272" s="10"/>
    </row>
    <row r="61273" spans="14:14">
      <c r="N61273" s="10"/>
    </row>
    <row r="61274" spans="14:14">
      <c r="N61274" s="10"/>
    </row>
    <row r="61275" spans="14:14">
      <c r="N61275" s="10"/>
    </row>
    <row r="61276" spans="14:14">
      <c r="N61276" s="10"/>
    </row>
    <row r="61277" spans="14:14">
      <c r="N61277" s="10"/>
    </row>
    <row r="61278" spans="14:14">
      <c r="N61278" s="10"/>
    </row>
    <row r="61279" spans="14:14">
      <c r="N61279" s="10"/>
    </row>
    <row r="61280" spans="14:14">
      <c r="N61280" s="10"/>
    </row>
    <row r="61281" spans="14:14">
      <c r="N61281" s="10"/>
    </row>
    <row r="61282" spans="14:14">
      <c r="N61282" s="10"/>
    </row>
    <row r="61283" spans="14:14">
      <c r="N61283" s="10"/>
    </row>
    <row r="61284" spans="14:14">
      <c r="N61284" s="10"/>
    </row>
    <row r="61285" spans="14:14">
      <c r="N61285" s="10"/>
    </row>
    <row r="61286" spans="14:14">
      <c r="N61286" s="10"/>
    </row>
    <row r="61287" spans="14:14">
      <c r="N61287" s="10"/>
    </row>
    <row r="61288" spans="14:14">
      <c r="N61288" s="10"/>
    </row>
    <row r="61289" spans="14:14">
      <c r="N61289" s="10"/>
    </row>
    <row r="61290" spans="14:14">
      <c r="N61290" s="10"/>
    </row>
    <row r="61291" spans="14:14">
      <c r="N61291" s="10"/>
    </row>
    <row r="61292" spans="14:14">
      <c r="N61292" s="10"/>
    </row>
    <row r="61293" spans="14:14">
      <c r="N61293" s="10"/>
    </row>
    <row r="61294" spans="14:14">
      <c r="N61294" s="10"/>
    </row>
    <row r="61295" spans="14:14">
      <c r="N61295" s="10"/>
    </row>
    <row r="61296" spans="14:14">
      <c r="N61296" s="10"/>
    </row>
    <row r="61297" spans="14:14">
      <c r="N61297" s="10"/>
    </row>
    <row r="61298" spans="14:14">
      <c r="N61298" s="10"/>
    </row>
    <row r="61299" spans="14:14">
      <c r="N61299" s="10"/>
    </row>
    <row r="61300" spans="14:14">
      <c r="N61300" s="10"/>
    </row>
    <row r="61301" spans="14:14">
      <c r="N61301" s="10"/>
    </row>
    <row r="61302" spans="14:14">
      <c r="N61302" s="10"/>
    </row>
    <row r="61303" spans="14:14">
      <c r="N61303" s="10"/>
    </row>
    <row r="61304" spans="14:14">
      <c r="N61304" s="10"/>
    </row>
    <row r="61305" spans="14:14">
      <c r="N61305" s="10"/>
    </row>
    <row r="61306" spans="14:14">
      <c r="N61306" s="10"/>
    </row>
    <row r="61307" spans="14:14">
      <c r="N61307" s="10"/>
    </row>
    <row r="61308" spans="14:14">
      <c r="N61308" s="10"/>
    </row>
    <row r="61309" spans="14:14">
      <c r="N61309" s="10"/>
    </row>
    <row r="61310" spans="14:14">
      <c r="N61310" s="10"/>
    </row>
    <row r="61311" spans="14:14">
      <c r="N61311" s="10"/>
    </row>
    <row r="61312" spans="14:14">
      <c r="N61312" s="10"/>
    </row>
    <row r="61313" spans="14:14">
      <c r="N61313" s="10"/>
    </row>
    <row r="61314" spans="14:14">
      <c r="N61314" s="10"/>
    </row>
    <row r="61315" spans="14:14">
      <c r="N61315" s="10"/>
    </row>
    <row r="61316" spans="14:14">
      <c r="N61316" s="10"/>
    </row>
    <row r="61317" spans="14:14">
      <c r="N61317" s="10"/>
    </row>
    <row r="61318" spans="14:14">
      <c r="N61318" s="10"/>
    </row>
    <row r="61319" spans="14:14">
      <c r="N61319" s="10"/>
    </row>
    <row r="61320" spans="14:14">
      <c r="N61320" s="10"/>
    </row>
    <row r="61321" spans="14:14">
      <c r="N61321" s="10"/>
    </row>
    <row r="61322" spans="14:14">
      <c r="N61322" s="10"/>
    </row>
    <row r="61323" spans="14:14">
      <c r="N61323" s="10"/>
    </row>
    <row r="61324" spans="14:14">
      <c r="N61324" s="10"/>
    </row>
    <row r="61325" spans="14:14">
      <c r="N61325" s="10"/>
    </row>
    <row r="61326" spans="14:14">
      <c r="N61326" s="10"/>
    </row>
    <row r="61327" spans="14:14">
      <c r="N61327" s="10"/>
    </row>
    <row r="61328" spans="14:14">
      <c r="N61328" s="10"/>
    </row>
    <row r="61329" spans="14:14">
      <c r="N61329" s="10"/>
    </row>
    <row r="61330" spans="14:14">
      <c r="N61330" s="10"/>
    </row>
    <row r="61331" spans="14:14">
      <c r="N61331" s="10"/>
    </row>
    <row r="61332" spans="14:14">
      <c r="N61332" s="10"/>
    </row>
    <row r="61333" spans="14:14">
      <c r="N61333" s="10"/>
    </row>
    <row r="61334" spans="14:14">
      <c r="N61334" s="10"/>
    </row>
    <row r="61335" spans="14:14">
      <c r="N61335" s="10"/>
    </row>
    <row r="61336" spans="14:14">
      <c r="N61336" s="10"/>
    </row>
    <row r="61337" spans="14:14">
      <c r="N61337" s="10"/>
    </row>
    <row r="61338" spans="14:14">
      <c r="N61338" s="10"/>
    </row>
    <row r="61339" spans="14:14">
      <c r="N61339" s="10"/>
    </row>
    <row r="61340" spans="14:14">
      <c r="N61340" s="10"/>
    </row>
    <row r="61341" spans="14:14">
      <c r="N61341" s="10"/>
    </row>
    <row r="61342" spans="14:14">
      <c r="N61342" s="10"/>
    </row>
    <row r="61343" spans="14:14">
      <c r="N61343" s="10"/>
    </row>
    <row r="61344" spans="14:14">
      <c r="N61344" s="10"/>
    </row>
    <row r="61345" spans="14:14">
      <c r="N61345" s="10"/>
    </row>
    <row r="61346" spans="14:14">
      <c r="N61346" s="10"/>
    </row>
    <row r="61347" spans="14:14">
      <c r="N61347" s="10"/>
    </row>
    <row r="61348" spans="14:14">
      <c r="N61348" s="10"/>
    </row>
    <row r="61349" spans="14:14">
      <c r="N61349" s="10"/>
    </row>
    <row r="61350" spans="14:14">
      <c r="N61350" s="10"/>
    </row>
    <row r="61351" spans="14:14">
      <c r="N61351" s="10"/>
    </row>
    <row r="61352" spans="14:14">
      <c r="N61352" s="10"/>
    </row>
    <row r="61353" spans="14:14">
      <c r="N61353" s="10"/>
    </row>
    <row r="61354" spans="14:14">
      <c r="N61354" s="10"/>
    </row>
    <row r="61355" spans="14:14">
      <c r="N61355" s="10"/>
    </row>
    <row r="61356" spans="14:14">
      <c r="N61356" s="10"/>
    </row>
    <row r="61357" spans="14:14">
      <c r="N61357" s="10"/>
    </row>
    <row r="61358" spans="14:14">
      <c r="N61358" s="10"/>
    </row>
    <row r="61359" spans="14:14">
      <c r="N61359" s="10"/>
    </row>
    <row r="61360" spans="14:14">
      <c r="N61360" s="10"/>
    </row>
    <row r="61361" spans="14:14">
      <c r="N61361" s="10"/>
    </row>
    <row r="61362" spans="14:14">
      <c r="N61362" s="10"/>
    </row>
    <row r="61363" spans="14:14">
      <c r="N61363" s="10"/>
    </row>
    <row r="61364" spans="14:14">
      <c r="N61364" s="10"/>
    </row>
    <row r="61365" spans="14:14">
      <c r="N61365" s="10"/>
    </row>
    <row r="61366" spans="14:14">
      <c r="N61366" s="10"/>
    </row>
    <row r="61367" spans="14:14">
      <c r="N61367" s="10"/>
    </row>
    <row r="61368" spans="14:14">
      <c r="N61368" s="10"/>
    </row>
    <row r="61369" spans="14:14">
      <c r="N61369" s="10"/>
    </row>
    <row r="61370" spans="14:14">
      <c r="N61370" s="10"/>
    </row>
    <row r="61371" spans="14:14">
      <c r="N61371" s="10"/>
    </row>
    <row r="61372" spans="14:14">
      <c r="N61372" s="10"/>
    </row>
    <row r="61373" spans="14:14">
      <c r="N61373" s="10"/>
    </row>
    <row r="61374" spans="14:14">
      <c r="N61374" s="10"/>
    </row>
    <row r="61375" spans="14:14">
      <c r="N61375" s="10"/>
    </row>
    <row r="61376" spans="14:14">
      <c r="N61376" s="10"/>
    </row>
    <row r="61377" spans="14:14">
      <c r="N61377" s="10"/>
    </row>
    <row r="61378" spans="14:14">
      <c r="N61378" s="10"/>
    </row>
    <row r="61379" spans="14:14">
      <c r="N61379" s="10"/>
    </row>
    <row r="61380" spans="14:14">
      <c r="N61380" s="10"/>
    </row>
    <row r="61381" spans="14:14">
      <c r="N61381" s="10"/>
    </row>
    <row r="61382" spans="14:14">
      <c r="N61382" s="10"/>
    </row>
    <row r="61383" spans="14:14">
      <c r="N61383" s="10"/>
    </row>
    <row r="61384" spans="14:14">
      <c r="N61384" s="10"/>
    </row>
    <row r="61385" spans="14:14">
      <c r="N61385" s="10"/>
    </row>
    <row r="61386" spans="14:14">
      <c r="N61386" s="10"/>
    </row>
    <row r="61387" spans="14:14">
      <c r="N61387" s="10"/>
    </row>
    <row r="61388" spans="14:14">
      <c r="N61388" s="10"/>
    </row>
    <row r="61389" spans="14:14">
      <c r="N61389" s="10"/>
    </row>
    <row r="61390" spans="14:14">
      <c r="N61390" s="10"/>
    </row>
    <row r="61391" spans="14:14">
      <c r="N61391" s="10"/>
    </row>
    <row r="61392" spans="14:14">
      <c r="N61392" s="10"/>
    </row>
    <row r="61393" spans="14:14">
      <c r="N61393" s="10"/>
    </row>
    <row r="61394" spans="14:14">
      <c r="N61394" s="10"/>
    </row>
    <row r="61395" spans="14:14">
      <c r="N61395" s="10"/>
    </row>
    <row r="61396" spans="14:14">
      <c r="N61396" s="10"/>
    </row>
    <row r="61397" spans="14:14">
      <c r="N61397" s="10"/>
    </row>
    <row r="61398" spans="14:14">
      <c r="N61398" s="10"/>
    </row>
    <row r="61399" spans="14:14">
      <c r="N61399" s="10"/>
    </row>
    <row r="61400" spans="14:14">
      <c r="N61400" s="10"/>
    </row>
    <row r="61401" spans="14:14">
      <c r="N61401" s="10"/>
    </row>
    <row r="61402" spans="14:14">
      <c r="N61402" s="10"/>
    </row>
    <row r="61403" spans="14:14">
      <c r="N61403" s="10"/>
    </row>
    <row r="61404" spans="14:14">
      <c r="N61404" s="10"/>
    </row>
    <row r="61405" spans="14:14">
      <c r="N61405" s="10"/>
    </row>
    <row r="61406" spans="14:14">
      <c r="N61406" s="10"/>
    </row>
    <row r="61407" spans="14:14">
      <c r="N61407" s="10"/>
    </row>
    <row r="61408" spans="14:14">
      <c r="N61408" s="10"/>
    </row>
    <row r="61409" spans="14:14">
      <c r="N61409" s="10"/>
    </row>
    <row r="61410" spans="14:14">
      <c r="N61410" s="10"/>
    </row>
    <row r="61411" spans="14:14">
      <c r="N61411" s="10"/>
    </row>
    <row r="61412" spans="14:14">
      <c r="N61412" s="10"/>
    </row>
    <row r="61413" spans="14:14">
      <c r="N61413" s="10"/>
    </row>
    <row r="61414" spans="14:14">
      <c r="N61414" s="10"/>
    </row>
    <row r="61415" spans="14:14">
      <c r="N61415" s="10"/>
    </row>
    <row r="61416" spans="14:14">
      <c r="N61416" s="10"/>
    </row>
    <row r="61417" spans="14:14">
      <c r="N61417" s="10"/>
    </row>
    <row r="61418" spans="14:14">
      <c r="N61418" s="10"/>
    </row>
    <row r="61419" spans="14:14">
      <c r="N61419" s="10"/>
    </row>
    <row r="61420" spans="14:14">
      <c r="N61420" s="10"/>
    </row>
    <row r="61421" spans="14:14">
      <c r="N61421" s="10"/>
    </row>
    <row r="61422" spans="14:14">
      <c r="N61422" s="10"/>
    </row>
    <row r="61423" spans="14:14">
      <c r="N61423" s="10"/>
    </row>
    <row r="61424" spans="14:14">
      <c r="N61424" s="10"/>
    </row>
    <row r="61425" spans="14:14">
      <c r="N61425" s="10"/>
    </row>
    <row r="61426" spans="14:14">
      <c r="N61426" s="10"/>
    </row>
    <row r="61427" spans="14:14">
      <c r="N61427" s="10"/>
    </row>
    <row r="61428" spans="14:14">
      <c r="N61428" s="10"/>
    </row>
    <row r="61429" spans="14:14">
      <c r="N61429" s="10"/>
    </row>
    <row r="61430" spans="14:14">
      <c r="N61430" s="10"/>
    </row>
    <row r="61431" spans="14:14">
      <c r="N61431" s="10"/>
    </row>
    <row r="61432" spans="14:14">
      <c r="N61432" s="10"/>
    </row>
    <row r="61433" spans="14:14">
      <c r="N61433" s="10"/>
    </row>
    <row r="61434" spans="14:14">
      <c r="N61434" s="10"/>
    </row>
    <row r="61435" spans="14:14">
      <c r="N61435" s="10"/>
    </row>
    <row r="61436" spans="14:14">
      <c r="N61436" s="10"/>
    </row>
    <row r="61437" spans="14:14">
      <c r="N61437" s="10"/>
    </row>
    <row r="61438" spans="14:14">
      <c r="N61438" s="10"/>
    </row>
    <row r="61439" spans="14:14">
      <c r="N61439" s="10"/>
    </row>
    <row r="61440" spans="14:14">
      <c r="N61440" s="10"/>
    </row>
    <row r="61441" spans="14:14">
      <c r="N61441" s="10"/>
    </row>
    <row r="61442" spans="14:14">
      <c r="N61442" s="10"/>
    </row>
    <row r="61443" spans="14:14">
      <c r="N61443" s="10"/>
    </row>
    <row r="61444" spans="14:14">
      <c r="N61444" s="10"/>
    </row>
    <row r="61445" spans="14:14">
      <c r="N61445" s="10"/>
    </row>
    <row r="61446" spans="14:14">
      <c r="N61446" s="10"/>
    </row>
    <row r="61447" spans="14:14">
      <c r="N61447" s="10"/>
    </row>
    <row r="61448" spans="14:14">
      <c r="N61448" s="10"/>
    </row>
    <row r="61449" spans="14:14">
      <c r="N61449" s="10"/>
    </row>
    <row r="61450" spans="14:14">
      <c r="N61450" s="10"/>
    </row>
    <row r="61451" spans="14:14">
      <c r="N61451" s="10"/>
    </row>
    <row r="61452" spans="14:14">
      <c r="N61452" s="10"/>
    </row>
    <row r="61453" spans="14:14">
      <c r="N61453" s="10"/>
    </row>
    <row r="61454" spans="14:14">
      <c r="N61454" s="10"/>
    </row>
    <row r="61455" spans="14:14">
      <c r="N61455" s="10"/>
    </row>
    <row r="61456" spans="14:14">
      <c r="N61456" s="10"/>
    </row>
    <row r="61457" spans="14:14">
      <c r="N61457" s="10"/>
    </row>
    <row r="61458" spans="14:14">
      <c r="N61458" s="10"/>
    </row>
    <row r="61459" spans="14:14">
      <c r="N61459" s="10"/>
    </row>
    <row r="61460" spans="14:14">
      <c r="N61460" s="10"/>
    </row>
    <row r="61461" spans="14:14">
      <c r="N61461" s="10"/>
    </row>
    <row r="61462" spans="14:14">
      <c r="N61462" s="10"/>
    </row>
    <row r="61463" spans="14:14">
      <c r="N61463" s="10"/>
    </row>
    <row r="61464" spans="14:14">
      <c r="N61464" s="10"/>
    </row>
    <row r="61465" spans="14:14">
      <c r="N61465" s="10"/>
    </row>
    <row r="61466" spans="14:14">
      <c r="N61466" s="10"/>
    </row>
    <row r="61467" spans="14:14">
      <c r="N61467" s="10"/>
    </row>
    <row r="61468" spans="14:14">
      <c r="N61468" s="10"/>
    </row>
    <row r="61469" spans="14:14">
      <c r="N61469" s="10"/>
    </row>
    <row r="61470" spans="14:14">
      <c r="N61470" s="10"/>
    </row>
    <row r="61471" spans="14:14">
      <c r="N61471" s="10"/>
    </row>
    <row r="61472" spans="14:14">
      <c r="N61472" s="10"/>
    </row>
    <row r="61473" spans="14:14">
      <c r="N61473" s="10"/>
    </row>
    <row r="61474" spans="14:14">
      <c r="N61474" s="10"/>
    </row>
    <row r="61475" spans="14:14">
      <c r="N61475" s="10"/>
    </row>
    <row r="61476" spans="14:14">
      <c r="N61476" s="10"/>
    </row>
    <row r="61477" spans="14:14">
      <c r="N61477" s="10"/>
    </row>
    <row r="61478" spans="14:14">
      <c r="N61478" s="10"/>
    </row>
    <row r="61479" spans="14:14">
      <c r="N61479" s="10"/>
    </row>
    <row r="61480" spans="14:14">
      <c r="N61480" s="10"/>
    </row>
    <row r="61481" spans="14:14">
      <c r="N61481" s="10"/>
    </row>
    <row r="61482" spans="14:14">
      <c r="N61482" s="10"/>
    </row>
    <row r="61483" spans="14:14">
      <c r="N61483" s="10"/>
    </row>
    <row r="61484" spans="14:14">
      <c r="N61484" s="10"/>
    </row>
    <row r="61485" spans="14:14">
      <c r="N61485" s="10"/>
    </row>
    <row r="61486" spans="14:14">
      <c r="N61486" s="10"/>
    </row>
    <row r="61487" spans="14:14">
      <c r="N61487" s="10"/>
    </row>
    <row r="61488" spans="14:14">
      <c r="N61488" s="10"/>
    </row>
    <row r="61489" spans="14:14">
      <c r="N61489" s="10"/>
    </row>
    <row r="61490" spans="14:14">
      <c r="N61490" s="10"/>
    </row>
    <row r="61491" spans="14:14">
      <c r="N61491" s="10"/>
    </row>
    <row r="61492" spans="14:14">
      <c r="N61492" s="10"/>
    </row>
    <row r="61493" spans="14:14">
      <c r="N61493" s="10"/>
    </row>
    <row r="61494" spans="14:14">
      <c r="N61494" s="10"/>
    </row>
    <row r="61495" spans="14:14">
      <c r="N61495" s="10"/>
    </row>
    <row r="61496" spans="14:14">
      <c r="N61496" s="10"/>
    </row>
    <row r="61497" spans="14:14">
      <c r="N61497" s="10"/>
    </row>
    <row r="61498" spans="14:14">
      <c r="N61498" s="10"/>
    </row>
    <row r="61499" spans="14:14">
      <c r="N61499" s="10"/>
    </row>
    <row r="61500" spans="14:14">
      <c r="N61500" s="10"/>
    </row>
    <row r="61501" spans="14:14">
      <c r="N61501" s="10"/>
    </row>
    <row r="61502" spans="14:14">
      <c r="N61502" s="10"/>
    </row>
    <row r="61503" spans="14:14">
      <c r="N61503" s="10"/>
    </row>
    <row r="61504" spans="14:14">
      <c r="N61504" s="10"/>
    </row>
    <row r="61505" spans="14:14">
      <c r="N61505" s="10"/>
    </row>
    <row r="61506" spans="14:14">
      <c r="N61506" s="10"/>
    </row>
    <row r="61507" spans="14:14">
      <c r="N61507" s="10"/>
    </row>
    <row r="61508" spans="14:14">
      <c r="N61508" s="10"/>
    </row>
    <row r="61509" spans="14:14">
      <c r="N61509" s="10"/>
    </row>
    <row r="61510" spans="14:14">
      <c r="N61510" s="10"/>
    </row>
    <row r="61511" spans="14:14">
      <c r="N61511" s="10"/>
    </row>
    <row r="61512" spans="14:14">
      <c r="N61512" s="10"/>
    </row>
    <row r="61513" spans="14:14">
      <c r="N61513" s="10"/>
    </row>
    <row r="61514" spans="14:14">
      <c r="N61514" s="10"/>
    </row>
    <row r="61515" spans="14:14">
      <c r="N61515" s="10"/>
    </row>
    <row r="61516" spans="14:14">
      <c r="N61516" s="10"/>
    </row>
    <row r="61517" spans="14:14">
      <c r="N61517" s="10"/>
    </row>
    <row r="61518" spans="14:14">
      <c r="N61518" s="10"/>
    </row>
    <row r="61519" spans="14:14">
      <c r="N61519" s="10"/>
    </row>
    <row r="61520" spans="14:14">
      <c r="N61520" s="10"/>
    </row>
    <row r="61521" spans="14:14">
      <c r="N61521" s="10"/>
    </row>
    <row r="61522" spans="14:14">
      <c r="N61522" s="10"/>
    </row>
    <row r="61523" spans="14:14">
      <c r="N61523" s="10"/>
    </row>
    <row r="61524" spans="14:14">
      <c r="N61524" s="10"/>
    </row>
    <row r="61525" spans="14:14">
      <c r="N61525" s="10"/>
    </row>
    <row r="61526" spans="14:14">
      <c r="N61526" s="10"/>
    </row>
    <row r="61527" spans="14:14">
      <c r="N61527" s="10"/>
    </row>
    <row r="61528" spans="14:14">
      <c r="N61528" s="10"/>
    </row>
    <row r="61529" spans="14:14">
      <c r="N61529" s="10"/>
    </row>
    <row r="61530" spans="14:14">
      <c r="N61530" s="10"/>
    </row>
    <row r="61531" spans="14:14">
      <c r="N61531" s="10"/>
    </row>
    <row r="61532" spans="14:14">
      <c r="N61532" s="10"/>
    </row>
    <row r="61533" spans="14:14">
      <c r="N61533" s="10"/>
    </row>
    <row r="61534" spans="14:14">
      <c r="N61534" s="10"/>
    </row>
    <row r="61535" spans="14:14">
      <c r="N61535" s="10"/>
    </row>
    <row r="61536" spans="14:14">
      <c r="N61536" s="10"/>
    </row>
    <row r="61537" spans="14:14">
      <c r="N61537" s="10"/>
    </row>
    <row r="61538" spans="14:14">
      <c r="N61538" s="10"/>
    </row>
    <row r="61539" spans="14:14">
      <c r="N61539" s="10"/>
    </row>
    <row r="61540" spans="14:14">
      <c r="N61540" s="10"/>
    </row>
    <row r="61541" spans="14:14">
      <c r="N61541" s="10"/>
    </row>
    <row r="61542" spans="14:14">
      <c r="N61542" s="10"/>
    </row>
    <row r="61543" spans="14:14">
      <c r="N61543" s="10"/>
    </row>
    <row r="61544" spans="14:14">
      <c r="N61544" s="10"/>
    </row>
    <row r="61545" spans="14:14">
      <c r="N61545" s="10"/>
    </row>
    <row r="61546" spans="14:14">
      <c r="N61546" s="10"/>
    </row>
    <row r="61547" spans="14:14">
      <c r="N61547" s="10"/>
    </row>
    <row r="61548" spans="14:14">
      <c r="N61548" s="10"/>
    </row>
    <row r="61549" spans="14:14">
      <c r="N61549" s="10"/>
    </row>
    <row r="61550" spans="14:14">
      <c r="N61550" s="10"/>
    </row>
    <row r="61551" spans="14:14">
      <c r="N61551" s="10"/>
    </row>
    <row r="61552" spans="14:14">
      <c r="N61552" s="10"/>
    </row>
    <row r="61553" spans="14:14">
      <c r="N61553" s="10"/>
    </row>
    <row r="61554" spans="14:14">
      <c r="N61554" s="10"/>
    </row>
    <row r="61555" spans="14:14">
      <c r="N61555" s="10"/>
    </row>
    <row r="61556" spans="14:14">
      <c r="N61556" s="10"/>
    </row>
    <row r="61557" spans="14:14">
      <c r="N61557" s="10"/>
    </row>
    <row r="61558" spans="14:14">
      <c r="N61558" s="10"/>
    </row>
    <row r="61559" spans="14:14">
      <c r="N61559" s="10"/>
    </row>
    <row r="61560" spans="14:14">
      <c r="N61560" s="10"/>
    </row>
    <row r="61561" spans="14:14">
      <c r="N61561" s="10"/>
    </row>
    <row r="61562" spans="14:14">
      <c r="N61562" s="10"/>
    </row>
    <row r="61563" spans="14:14">
      <c r="N61563" s="10"/>
    </row>
    <row r="61564" spans="14:14">
      <c r="N61564" s="10"/>
    </row>
    <row r="61565" spans="14:14">
      <c r="N61565" s="10"/>
    </row>
    <row r="61566" spans="14:14">
      <c r="N61566" s="10"/>
    </row>
    <row r="61567" spans="14:14">
      <c r="N61567" s="10"/>
    </row>
    <row r="61568" spans="14:14">
      <c r="N61568" s="10"/>
    </row>
    <row r="61569" spans="14:14">
      <c r="N61569" s="10"/>
    </row>
    <row r="61570" spans="14:14">
      <c r="N61570" s="10"/>
    </row>
    <row r="61571" spans="14:14">
      <c r="N61571" s="10"/>
    </row>
    <row r="61572" spans="14:14">
      <c r="N61572" s="10"/>
    </row>
    <row r="61573" spans="14:14">
      <c r="N61573" s="10"/>
    </row>
    <row r="61574" spans="14:14">
      <c r="N61574" s="10"/>
    </row>
    <row r="61575" spans="14:14">
      <c r="N61575" s="10"/>
    </row>
    <row r="61576" spans="14:14">
      <c r="N61576" s="10"/>
    </row>
    <row r="61577" spans="14:14">
      <c r="N61577" s="10"/>
    </row>
    <row r="61578" spans="14:14">
      <c r="N61578" s="10"/>
    </row>
    <row r="61579" spans="14:14">
      <c r="N61579" s="10"/>
    </row>
    <row r="61580" spans="14:14">
      <c r="N61580" s="10"/>
    </row>
    <row r="61581" spans="14:14">
      <c r="N61581" s="10"/>
    </row>
    <row r="61582" spans="14:14">
      <c r="N61582" s="10"/>
    </row>
    <row r="61583" spans="14:14">
      <c r="N61583" s="10"/>
    </row>
    <row r="61584" spans="14:14">
      <c r="N61584" s="10"/>
    </row>
    <row r="61585" spans="14:14">
      <c r="N61585" s="10"/>
    </row>
    <row r="61586" spans="14:14">
      <c r="N61586" s="10"/>
    </row>
    <row r="61587" spans="14:14">
      <c r="N61587" s="10"/>
    </row>
    <row r="61588" spans="14:14">
      <c r="N61588" s="10"/>
    </row>
    <row r="61589" spans="14:14">
      <c r="N61589" s="10"/>
    </row>
    <row r="61590" spans="14:14">
      <c r="N61590" s="10"/>
    </row>
    <row r="61591" spans="14:14">
      <c r="N61591" s="10"/>
    </row>
    <row r="61592" spans="14:14">
      <c r="N61592" s="10"/>
    </row>
    <row r="61593" spans="14:14">
      <c r="N61593" s="10"/>
    </row>
    <row r="61594" spans="14:14">
      <c r="N61594" s="10"/>
    </row>
    <row r="61595" spans="14:14">
      <c r="N61595" s="10"/>
    </row>
    <row r="61596" spans="14:14">
      <c r="N61596" s="10"/>
    </row>
    <row r="61597" spans="14:14">
      <c r="N61597" s="10"/>
    </row>
    <row r="61598" spans="14:14">
      <c r="N61598" s="10"/>
    </row>
    <row r="61599" spans="14:14">
      <c r="N61599" s="10"/>
    </row>
    <row r="61600" spans="14:14">
      <c r="N61600" s="10"/>
    </row>
    <row r="61601" spans="14:14">
      <c r="N61601" s="10"/>
    </row>
    <row r="61602" spans="14:14">
      <c r="N61602" s="10"/>
    </row>
    <row r="61603" spans="14:14">
      <c r="N61603" s="10"/>
    </row>
    <row r="61604" spans="14:14">
      <c r="N61604" s="10"/>
    </row>
    <row r="61605" spans="14:14">
      <c r="N61605" s="10"/>
    </row>
    <row r="61606" spans="14:14">
      <c r="N61606" s="10"/>
    </row>
    <row r="61607" spans="14:14">
      <c r="N61607" s="10"/>
    </row>
    <row r="61608" spans="14:14">
      <c r="N61608" s="10"/>
    </row>
    <row r="61609" spans="14:14">
      <c r="N61609" s="10"/>
    </row>
    <row r="61610" spans="14:14">
      <c r="N61610" s="10"/>
    </row>
    <row r="61611" spans="14:14">
      <c r="N61611" s="10"/>
    </row>
    <row r="61612" spans="14:14">
      <c r="N61612" s="10"/>
    </row>
    <row r="61613" spans="14:14">
      <c r="N61613" s="10"/>
    </row>
    <row r="61614" spans="14:14">
      <c r="N61614" s="10"/>
    </row>
    <row r="61615" spans="14:14">
      <c r="N61615" s="10"/>
    </row>
    <row r="61616" spans="14:14">
      <c r="N61616" s="10"/>
    </row>
    <row r="61617" spans="14:14">
      <c r="N61617" s="10"/>
    </row>
    <row r="61618" spans="14:14">
      <c r="N61618" s="10"/>
    </row>
    <row r="61619" spans="14:14">
      <c r="N61619" s="10"/>
    </row>
    <row r="61620" spans="14:14">
      <c r="N61620" s="10"/>
    </row>
    <row r="61621" spans="14:14">
      <c r="N61621" s="10"/>
    </row>
    <row r="61622" spans="14:14">
      <c r="N61622" s="10"/>
    </row>
    <row r="61623" spans="14:14">
      <c r="N61623" s="10"/>
    </row>
    <row r="61624" spans="14:14">
      <c r="N61624" s="10"/>
    </row>
    <row r="61625" spans="14:14">
      <c r="N61625" s="10"/>
    </row>
    <row r="61626" spans="14:14">
      <c r="N61626" s="10"/>
    </row>
    <row r="61627" spans="14:14">
      <c r="N61627" s="10"/>
    </row>
    <row r="61628" spans="14:14">
      <c r="N61628" s="10"/>
    </row>
    <row r="61629" spans="14:14">
      <c r="N61629" s="10"/>
    </row>
    <row r="61630" spans="14:14">
      <c r="N61630" s="10"/>
    </row>
    <row r="61631" spans="14:14">
      <c r="N61631" s="10"/>
    </row>
    <row r="61632" spans="14:14">
      <c r="N61632" s="10"/>
    </row>
    <row r="61633" spans="14:14">
      <c r="N61633" s="10"/>
    </row>
    <row r="61634" spans="14:14">
      <c r="N61634" s="10"/>
    </row>
    <row r="61635" spans="14:14">
      <c r="N61635" s="10"/>
    </row>
    <row r="61636" spans="14:14">
      <c r="N61636" s="10"/>
    </row>
    <row r="61637" spans="14:14">
      <c r="N61637" s="10"/>
    </row>
    <row r="61638" spans="14:14">
      <c r="N61638" s="10"/>
    </row>
    <row r="61639" spans="14:14">
      <c r="N61639" s="10"/>
    </row>
    <row r="61640" spans="14:14">
      <c r="N61640" s="10"/>
    </row>
    <row r="61641" spans="14:14">
      <c r="N61641" s="10"/>
    </row>
    <row r="61642" spans="14:14">
      <c r="N61642" s="10"/>
    </row>
    <row r="61643" spans="14:14">
      <c r="N61643" s="10"/>
    </row>
    <row r="61644" spans="14:14">
      <c r="N61644" s="10"/>
    </row>
    <row r="61645" spans="14:14">
      <c r="N61645" s="10"/>
    </row>
    <row r="61646" spans="14:14">
      <c r="N61646" s="10"/>
    </row>
    <row r="61647" spans="14:14">
      <c r="N61647" s="10"/>
    </row>
    <row r="61648" spans="14:14">
      <c r="N61648" s="10"/>
    </row>
    <row r="61649" spans="14:14">
      <c r="N61649" s="10"/>
    </row>
    <row r="61650" spans="14:14">
      <c r="N61650" s="10"/>
    </row>
    <row r="61651" spans="14:14">
      <c r="N61651" s="10"/>
    </row>
    <row r="61652" spans="14:14">
      <c r="N61652" s="10"/>
    </row>
    <row r="61653" spans="14:14">
      <c r="N61653" s="10"/>
    </row>
    <row r="61654" spans="14:14">
      <c r="N61654" s="10"/>
    </row>
    <row r="61655" spans="14:14">
      <c r="N61655" s="10"/>
    </row>
    <row r="61656" spans="14:14">
      <c r="N61656" s="10"/>
    </row>
    <row r="61657" spans="14:14">
      <c r="N61657" s="10"/>
    </row>
    <row r="61658" spans="14:14">
      <c r="N61658" s="10"/>
    </row>
    <row r="61659" spans="14:14">
      <c r="N61659" s="10"/>
    </row>
    <row r="61660" spans="14:14">
      <c r="N61660" s="10"/>
    </row>
    <row r="61661" spans="14:14">
      <c r="N61661" s="10"/>
    </row>
    <row r="61662" spans="14:14">
      <c r="N61662" s="10"/>
    </row>
    <row r="61663" spans="14:14">
      <c r="N61663" s="10"/>
    </row>
    <row r="61664" spans="14:14">
      <c r="N61664" s="10"/>
    </row>
    <row r="61665" spans="14:14">
      <c r="N61665" s="10"/>
    </row>
    <row r="61666" spans="14:14">
      <c r="N61666" s="10"/>
    </row>
    <row r="61667" spans="14:14">
      <c r="N61667" s="10"/>
    </row>
    <row r="61668" spans="14:14">
      <c r="N61668" s="10"/>
    </row>
    <row r="61669" spans="14:14">
      <c r="N61669" s="10"/>
    </row>
    <row r="61670" spans="14:14">
      <c r="N61670" s="10"/>
    </row>
    <row r="61671" spans="14:14">
      <c r="N61671" s="10"/>
    </row>
    <row r="61672" spans="14:14">
      <c r="N61672" s="10"/>
    </row>
    <row r="61673" spans="14:14">
      <c r="N61673" s="10"/>
    </row>
    <row r="61674" spans="14:14">
      <c r="N61674" s="10"/>
    </row>
    <row r="61675" spans="14:14">
      <c r="N61675" s="10"/>
    </row>
    <row r="61676" spans="14:14">
      <c r="N61676" s="10"/>
    </row>
    <row r="61677" spans="14:14">
      <c r="N61677" s="10"/>
    </row>
    <row r="61678" spans="14:14">
      <c r="N61678" s="10"/>
    </row>
    <row r="61679" spans="14:14">
      <c r="N61679" s="10"/>
    </row>
    <row r="61680" spans="14:14">
      <c r="N61680" s="10"/>
    </row>
    <row r="61681" spans="14:14">
      <c r="N61681" s="10"/>
    </row>
    <row r="61682" spans="14:14">
      <c r="N61682" s="10"/>
    </row>
    <row r="61683" spans="14:14">
      <c r="N61683" s="10"/>
    </row>
    <row r="61684" spans="14:14">
      <c r="N61684" s="10"/>
    </row>
    <row r="61685" spans="14:14">
      <c r="N61685" s="10"/>
    </row>
    <row r="61686" spans="14:14">
      <c r="N61686" s="10"/>
    </row>
    <row r="61687" spans="14:14">
      <c r="N61687" s="10"/>
    </row>
    <row r="61688" spans="14:14">
      <c r="N61688" s="10"/>
    </row>
    <row r="61689" spans="14:14">
      <c r="N61689" s="10"/>
    </row>
    <row r="61690" spans="14:14">
      <c r="N61690" s="10"/>
    </row>
    <row r="61691" spans="14:14">
      <c r="N61691" s="10"/>
    </row>
    <row r="61692" spans="14:14">
      <c r="N61692" s="10"/>
    </row>
    <row r="61693" spans="14:14">
      <c r="N61693" s="10"/>
    </row>
    <row r="61694" spans="14:14">
      <c r="N61694" s="10"/>
    </row>
    <row r="61695" spans="14:14">
      <c r="N61695" s="10"/>
    </row>
    <row r="61696" spans="14:14">
      <c r="N61696" s="10"/>
    </row>
    <row r="61697" spans="14:14">
      <c r="N61697" s="10"/>
    </row>
    <row r="61698" spans="14:14">
      <c r="N61698" s="10"/>
    </row>
    <row r="61699" spans="14:14">
      <c r="N61699" s="10"/>
    </row>
    <row r="61700" spans="14:14">
      <c r="N61700" s="10"/>
    </row>
    <row r="61701" spans="14:14">
      <c r="N61701" s="10"/>
    </row>
    <row r="61702" spans="14:14">
      <c r="N61702" s="10"/>
    </row>
    <row r="61703" spans="14:14">
      <c r="N61703" s="10"/>
    </row>
    <row r="61704" spans="14:14">
      <c r="N61704" s="10"/>
    </row>
    <row r="61705" spans="14:14">
      <c r="N61705" s="10"/>
    </row>
    <row r="61706" spans="14:14">
      <c r="N61706" s="10"/>
    </row>
    <row r="61707" spans="14:14">
      <c r="N61707" s="10"/>
    </row>
    <row r="61708" spans="14:14">
      <c r="N61708" s="10"/>
    </row>
    <row r="61709" spans="14:14">
      <c r="N61709" s="10"/>
    </row>
    <row r="61710" spans="14:14">
      <c r="N61710" s="10"/>
    </row>
    <row r="61711" spans="14:14">
      <c r="N61711" s="10"/>
    </row>
    <row r="61712" spans="14:14">
      <c r="N61712" s="10"/>
    </row>
    <row r="61713" spans="14:14">
      <c r="N61713" s="10"/>
    </row>
    <row r="61714" spans="14:14">
      <c r="N61714" s="10"/>
    </row>
    <row r="61715" spans="14:14">
      <c r="N61715" s="10"/>
    </row>
    <row r="61716" spans="14:14">
      <c r="N61716" s="10"/>
    </row>
    <row r="61717" spans="14:14">
      <c r="N61717" s="10"/>
    </row>
    <row r="61718" spans="14:14">
      <c r="N61718" s="10"/>
    </row>
    <row r="61719" spans="14:14">
      <c r="N61719" s="10"/>
    </row>
    <row r="61720" spans="14:14">
      <c r="N61720" s="10"/>
    </row>
    <row r="61721" spans="14:14">
      <c r="N61721" s="10"/>
    </row>
    <row r="61722" spans="14:14">
      <c r="N61722" s="10"/>
    </row>
    <row r="61723" spans="14:14">
      <c r="N61723" s="10"/>
    </row>
    <row r="61724" spans="14:14">
      <c r="N61724" s="10"/>
    </row>
    <row r="61725" spans="14:14">
      <c r="N61725" s="10"/>
    </row>
    <row r="61726" spans="14:14">
      <c r="N61726" s="10"/>
    </row>
    <row r="61727" spans="14:14">
      <c r="N61727" s="10"/>
    </row>
    <row r="61728" spans="14:14">
      <c r="N61728" s="10"/>
    </row>
    <row r="61729" spans="14:14">
      <c r="N61729" s="10"/>
    </row>
    <row r="61730" spans="14:14">
      <c r="N61730" s="10"/>
    </row>
    <row r="61731" spans="14:14">
      <c r="N61731" s="10"/>
    </row>
    <row r="61732" spans="14:14">
      <c r="N61732" s="10"/>
    </row>
    <row r="61733" spans="14:14">
      <c r="N61733" s="10"/>
    </row>
    <row r="61734" spans="14:14">
      <c r="N61734" s="10"/>
    </row>
    <row r="61735" spans="14:14">
      <c r="N61735" s="10"/>
    </row>
    <row r="61736" spans="14:14">
      <c r="N61736" s="10"/>
    </row>
    <row r="61737" spans="14:14">
      <c r="N61737" s="10"/>
    </row>
    <row r="61738" spans="14:14">
      <c r="N61738" s="10"/>
    </row>
    <row r="61739" spans="14:14">
      <c r="N61739" s="10"/>
    </row>
    <row r="61740" spans="14:14">
      <c r="N61740" s="10"/>
    </row>
    <row r="61741" spans="14:14">
      <c r="N61741" s="10"/>
    </row>
    <row r="61742" spans="14:14">
      <c r="N61742" s="10"/>
    </row>
    <row r="61743" spans="14:14">
      <c r="N61743" s="10"/>
    </row>
    <row r="61744" spans="14:14">
      <c r="N61744" s="10"/>
    </row>
    <row r="61745" spans="14:14">
      <c r="N61745" s="10"/>
    </row>
    <row r="61746" spans="14:14">
      <c r="N61746" s="10"/>
    </row>
    <row r="61747" spans="14:14">
      <c r="N61747" s="10"/>
    </row>
    <row r="61748" spans="14:14">
      <c r="N61748" s="10"/>
    </row>
    <row r="61749" spans="14:14">
      <c r="N61749" s="10"/>
    </row>
    <row r="61750" spans="14:14">
      <c r="N61750" s="10"/>
    </row>
    <row r="61751" spans="14:14">
      <c r="N61751" s="10"/>
    </row>
    <row r="61752" spans="14:14">
      <c r="N61752" s="10"/>
    </row>
    <row r="61753" spans="14:14">
      <c r="N61753" s="10"/>
    </row>
    <row r="61754" spans="14:14">
      <c r="N61754" s="10"/>
    </row>
    <row r="61755" spans="14:14">
      <c r="N61755" s="10"/>
    </row>
    <row r="61756" spans="14:14">
      <c r="N61756" s="10"/>
    </row>
    <row r="61757" spans="14:14">
      <c r="N61757" s="10"/>
    </row>
    <row r="61758" spans="14:14">
      <c r="N61758" s="10"/>
    </row>
    <row r="61759" spans="14:14">
      <c r="N61759" s="10"/>
    </row>
    <row r="61760" spans="14:14">
      <c r="N61760" s="10"/>
    </row>
    <row r="61761" spans="14:14">
      <c r="N61761" s="10"/>
    </row>
    <row r="61762" spans="14:14">
      <c r="N61762" s="10"/>
    </row>
    <row r="61763" spans="14:14">
      <c r="N61763" s="10"/>
    </row>
    <row r="61764" spans="14:14">
      <c r="N61764" s="10"/>
    </row>
    <row r="61765" spans="14:14">
      <c r="N61765" s="10"/>
    </row>
    <row r="61766" spans="14:14">
      <c r="N61766" s="10"/>
    </row>
    <row r="61767" spans="14:14">
      <c r="N61767" s="10"/>
    </row>
    <row r="61768" spans="14:14">
      <c r="N61768" s="10"/>
    </row>
    <row r="61769" spans="14:14">
      <c r="N61769" s="10"/>
    </row>
    <row r="61770" spans="14:14">
      <c r="N61770" s="10"/>
    </row>
    <row r="61771" spans="14:14">
      <c r="N61771" s="10"/>
    </row>
    <row r="61772" spans="14:14">
      <c r="N61772" s="10"/>
    </row>
    <row r="61773" spans="14:14">
      <c r="N61773" s="10"/>
    </row>
    <row r="61774" spans="14:14">
      <c r="N61774" s="10"/>
    </row>
    <row r="61775" spans="14:14">
      <c r="N61775" s="10"/>
    </row>
    <row r="61776" spans="14:14">
      <c r="N61776" s="10"/>
    </row>
    <row r="61777" spans="14:14">
      <c r="N61777" s="10"/>
    </row>
    <row r="61778" spans="14:14">
      <c r="N61778" s="10"/>
    </row>
    <row r="61779" spans="14:14">
      <c r="N61779" s="10"/>
    </row>
    <row r="61780" spans="14:14">
      <c r="N61780" s="10"/>
    </row>
    <row r="61781" spans="14:14">
      <c r="N61781" s="10"/>
    </row>
    <row r="61782" spans="14:14">
      <c r="N61782" s="10"/>
    </row>
    <row r="61783" spans="14:14">
      <c r="N61783" s="10"/>
    </row>
    <row r="61784" spans="14:14">
      <c r="N61784" s="10"/>
    </row>
    <row r="61785" spans="14:14">
      <c r="N61785" s="10"/>
    </row>
    <row r="61786" spans="14:14">
      <c r="N61786" s="10"/>
    </row>
    <row r="61787" spans="14:14">
      <c r="N61787" s="10"/>
    </row>
    <row r="61788" spans="14:14">
      <c r="N61788" s="10"/>
    </row>
    <row r="61789" spans="14:14">
      <c r="N61789" s="10"/>
    </row>
    <row r="61790" spans="14:14">
      <c r="N61790" s="10"/>
    </row>
    <row r="61791" spans="14:14">
      <c r="N61791" s="10"/>
    </row>
    <row r="61792" spans="14:14">
      <c r="N61792" s="10"/>
    </row>
    <row r="61793" spans="14:14">
      <c r="N61793" s="10"/>
    </row>
    <row r="61794" spans="14:14">
      <c r="N61794" s="10"/>
    </row>
    <row r="61795" spans="14:14">
      <c r="N61795" s="10"/>
    </row>
    <row r="61796" spans="14:14">
      <c r="N61796" s="10"/>
    </row>
    <row r="61797" spans="14:14">
      <c r="N61797" s="10"/>
    </row>
    <row r="61798" spans="14:14">
      <c r="N61798" s="10"/>
    </row>
    <row r="61799" spans="14:14">
      <c r="N61799" s="10"/>
    </row>
    <row r="61800" spans="14:14">
      <c r="N61800" s="10"/>
    </row>
    <row r="61801" spans="14:14">
      <c r="N61801" s="10"/>
    </row>
    <row r="61802" spans="14:14">
      <c r="N61802" s="10"/>
    </row>
    <row r="61803" spans="14:14">
      <c r="N61803" s="10"/>
    </row>
    <row r="61804" spans="14:14">
      <c r="N61804" s="10"/>
    </row>
    <row r="61805" spans="14:14">
      <c r="N61805" s="10"/>
    </row>
    <row r="61806" spans="14:14">
      <c r="N61806" s="10"/>
    </row>
    <row r="61807" spans="14:14">
      <c r="N61807" s="10"/>
    </row>
    <row r="61808" spans="14:14">
      <c r="N61808" s="10"/>
    </row>
    <row r="61809" spans="14:14">
      <c r="N61809" s="10"/>
    </row>
    <row r="61810" spans="14:14">
      <c r="N61810" s="10"/>
    </row>
    <row r="61811" spans="14:14">
      <c r="N61811" s="10"/>
    </row>
    <row r="61812" spans="14:14">
      <c r="N61812" s="10"/>
    </row>
    <row r="61813" spans="14:14">
      <c r="N61813" s="10"/>
    </row>
    <row r="61814" spans="14:14">
      <c r="N61814" s="10"/>
    </row>
    <row r="61815" spans="14:14">
      <c r="N61815" s="10"/>
    </row>
    <row r="61816" spans="14:14">
      <c r="N61816" s="10"/>
    </row>
    <row r="61817" spans="14:14">
      <c r="N61817" s="10"/>
    </row>
    <row r="61818" spans="14:14">
      <c r="N61818" s="10"/>
    </row>
    <row r="61819" spans="14:14">
      <c r="N61819" s="10"/>
    </row>
    <row r="61820" spans="14:14">
      <c r="N61820" s="10"/>
    </row>
    <row r="61821" spans="14:14">
      <c r="N61821" s="10"/>
    </row>
    <row r="61822" spans="14:14">
      <c r="N61822" s="10"/>
    </row>
    <row r="61823" spans="14:14">
      <c r="N61823" s="10"/>
    </row>
    <row r="61824" spans="14:14">
      <c r="N61824" s="10"/>
    </row>
    <row r="61825" spans="14:14">
      <c r="N61825" s="10"/>
    </row>
    <row r="61826" spans="14:14">
      <c r="N61826" s="10"/>
    </row>
    <row r="61827" spans="14:14">
      <c r="N61827" s="10"/>
    </row>
    <row r="61828" spans="14:14">
      <c r="N61828" s="10"/>
    </row>
    <row r="61829" spans="14:14">
      <c r="N61829" s="10"/>
    </row>
    <row r="61830" spans="14:14">
      <c r="N61830" s="10"/>
    </row>
    <row r="61831" spans="14:14">
      <c r="N61831" s="10"/>
    </row>
    <row r="61832" spans="14:14">
      <c r="N61832" s="10"/>
    </row>
    <row r="61833" spans="14:14">
      <c r="N61833" s="10"/>
    </row>
    <row r="61834" spans="14:14">
      <c r="N61834" s="10"/>
    </row>
    <row r="61835" spans="14:14">
      <c r="N61835" s="10"/>
    </row>
    <row r="61836" spans="14:14">
      <c r="N61836" s="10"/>
    </row>
    <row r="61837" spans="14:14">
      <c r="N61837" s="10"/>
    </row>
    <row r="61838" spans="14:14">
      <c r="N61838" s="10"/>
    </row>
    <row r="61839" spans="14:14">
      <c r="N61839" s="10"/>
    </row>
    <row r="61840" spans="14:14">
      <c r="N61840" s="10"/>
    </row>
    <row r="61841" spans="14:14">
      <c r="N61841" s="10"/>
    </row>
    <row r="61842" spans="14:14">
      <c r="N61842" s="10"/>
    </row>
    <row r="61843" spans="14:14">
      <c r="N61843" s="10"/>
    </row>
    <row r="61844" spans="14:14">
      <c r="N61844" s="10"/>
    </row>
    <row r="61845" spans="14:14">
      <c r="N61845" s="10"/>
    </row>
    <row r="61846" spans="14:14">
      <c r="N61846" s="10"/>
    </row>
    <row r="61847" spans="14:14">
      <c r="N61847" s="10"/>
    </row>
    <row r="61848" spans="14:14">
      <c r="N61848" s="10"/>
    </row>
    <row r="61849" spans="14:14">
      <c r="N61849" s="10"/>
    </row>
    <row r="61850" spans="14:14">
      <c r="N61850" s="10"/>
    </row>
    <row r="61851" spans="14:14">
      <c r="N61851" s="10"/>
    </row>
    <row r="61852" spans="14:14">
      <c r="N61852" s="10"/>
    </row>
    <row r="61853" spans="14:14">
      <c r="N61853" s="10"/>
    </row>
    <row r="61854" spans="14:14">
      <c r="N61854" s="10"/>
    </row>
    <row r="61855" spans="14:14">
      <c r="N61855" s="10"/>
    </row>
    <row r="61856" spans="14:14">
      <c r="N61856" s="10"/>
    </row>
    <row r="61857" spans="14:14">
      <c r="N61857" s="10"/>
    </row>
    <row r="61858" spans="14:14">
      <c r="N61858" s="10"/>
    </row>
    <row r="61859" spans="14:14">
      <c r="N61859" s="10"/>
    </row>
    <row r="61860" spans="14:14">
      <c r="N61860" s="10"/>
    </row>
    <row r="61861" spans="14:14">
      <c r="N61861" s="10"/>
    </row>
    <row r="61862" spans="14:14">
      <c r="N61862" s="10"/>
    </row>
    <row r="61863" spans="14:14">
      <c r="N61863" s="10"/>
    </row>
    <row r="61864" spans="14:14">
      <c r="N61864" s="10"/>
    </row>
    <row r="61865" spans="14:14">
      <c r="N61865" s="10"/>
    </row>
    <row r="61866" spans="14:14">
      <c r="N61866" s="10"/>
    </row>
    <row r="61867" spans="14:14">
      <c r="N61867" s="10"/>
    </row>
    <row r="61868" spans="14:14">
      <c r="N61868" s="10"/>
    </row>
    <row r="61869" spans="14:14">
      <c r="N61869" s="10"/>
    </row>
    <row r="61870" spans="14:14">
      <c r="N61870" s="10"/>
    </row>
    <row r="61871" spans="14:14">
      <c r="N61871" s="10"/>
    </row>
    <row r="61872" spans="14:14">
      <c r="N61872" s="10"/>
    </row>
    <row r="61873" spans="14:14">
      <c r="N61873" s="10"/>
    </row>
    <row r="61874" spans="14:14">
      <c r="N61874" s="10"/>
    </row>
    <row r="61875" spans="14:14">
      <c r="N61875" s="10"/>
    </row>
    <row r="61876" spans="14:14">
      <c r="N61876" s="10"/>
    </row>
    <row r="61877" spans="14:14">
      <c r="N61877" s="10"/>
    </row>
    <row r="61878" spans="14:14">
      <c r="N61878" s="10"/>
    </row>
    <row r="61879" spans="14:14">
      <c r="N61879" s="10"/>
    </row>
    <row r="61880" spans="14:14">
      <c r="N61880" s="10"/>
    </row>
    <row r="61881" spans="14:14">
      <c r="N61881" s="10"/>
    </row>
    <row r="61882" spans="14:14">
      <c r="N61882" s="10"/>
    </row>
    <row r="61883" spans="14:14">
      <c r="N61883" s="10"/>
    </row>
    <row r="61884" spans="14:14">
      <c r="N61884" s="10"/>
    </row>
    <row r="61885" spans="14:14">
      <c r="N61885" s="10"/>
    </row>
    <row r="61886" spans="14:14">
      <c r="N61886" s="10"/>
    </row>
    <row r="61887" spans="14:14">
      <c r="N61887" s="10"/>
    </row>
    <row r="61888" spans="14:14">
      <c r="N61888" s="10"/>
    </row>
    <row r="61889" spans="14:14">
      <c r="N61889" s="10"/>
    </row>
    <row r="61890" spans="14:14">
      <c r="N61890" s="10"/>
    </row>
    <row r="61891" spans="14:14">
      <c r="N61891" s="10"/>
    </row>
    <row r="61892" spans="14:14">
      <c r="N61892" s="10"/>
    </row>
    <row r="61893" spans="14:14">
      <c r="N61893" s="10"/>
    </row>
    <row r="61894" spans="14:14">
      <c r="N61894" s="10"/>
    </row>
    <row r="61895" spans="14:14">
      <c r="N61895" s="10"/>
    </row>
    <row r="61896" spans="14:14">
      <c r="N61896" s="10"/>
    </row>
    <row r="61897" spans="14:14">
      <c r="N61897" s="10"/>
    </row>
    <row r="61898" spans="14:14">
      <c r="N61898" s="10"/>
    </row>
    <row r="61899" spans="14:14">
      <c r="N61899" s="10"/>
    </row>
    <row r="61900" spans="14:14">
      <c r="N61900" s="10"/>
    </row>
    <row r="61901" spans="14:14">
      <c r="N61901" s="10"/>
    </row>
    <row r="61902" spans="14:14">
      <c r="N61902" s="10"/>
    </row>
    <row r="61903" spans="14:14">
      <c r="N61903" s="10"/>
    </row>
    <row r="61904" spans="14:14">
      <c r="N61904" s="10"/>
    </row>
    <row r="61905" spans="14:14">
      <c r="N61905" s="10"/>
    </row>
    <row r="61906" spans="14:14">
      <c r="N61906" s="10"/>
    </row>
    <row r="61907" spans="14:14">
      <c r="N61907" s="10"/>
    </row>
    <row r="61908" spans="14:14">
      <c r="N61908" s="10"/>
    </row>
    <row r="61909" spans="14:14">
      <c r="N61909" s="10"/>
    </row>
    <row r="61910" spans="14:14">
      <c r="N61910" s="10"/>
    </row>
    <row r="61911" spans="14:14">
      <c r="N61911" s="10"/>
    </row>
    <row r="61912" spans="14:14">
      <c r="N61912" s="10"/>
    </row>
    <row r="61913" spans="14:14">
      <c r="N61913" s="10"/>
    </row>
    <row r="61914" spans="14:14">
      <c r="N61914" s="10"/>
    </row>
    <row r="61915" spans="14:14">
      <c r="N61915" s="10"/>
    </row>
    <row r="61916" spans="14:14">
      <c r="N61916" s="10"/>
    </row>
    <row r="61917" spans="14:14">
      <c r="N61917" s="10"/>
    </row>
    <row r="61918" spans="14:14">
      <c r="N61918" s="10"/>
    </row>
    <row r="61919" spans="14:14">
      <c r="N61919" s="10"/>
    </row>
    <row r="61920" spans="14:14">
      <c r="N61920" s="10"/>
    </row>
    <row r="61921" spans="14:14">
      <c r="N61921" s="10"/>
    </row>
    <row r="61922" spans="14:14">
      <c r="N61922" s="10"/>
    </row>
    <row r="61923" spans="14:14">
      <c r="N61923" s="10"/>
    </row>
    <row r="61924" spans="14:14">
      <c r="N61924" s="10"/>
    </row>
    <row r="61925" spans="14:14">
      <c r="N61925" s="10"/>
    </row>
    <row r="61926" spans="14:14">
      <c r="N61926" s="10"/>
    </row>
    <row r="61927" spans="14:14">
      <c r="N61927" s="10"/>
    </row>
    <row r="61928" spans="14:14">
      <c r="N61928" s="10"/>
    </row>
    <row r="61929" spans="14:14">
      <c r="N61929" s="10"/>
    </row>
    <row r="61930" spans="14:14">
      <c r="N61930" s="10"/>
    </row>
    <row r="61931" spans="14:14">
      <c r="N61931" s="10"/>
    </row>
    <row r="61932" spans="14:14">
      <c r="N61932" s="10"/>
    </row>
    <row r="61933" spans="14:14">
      <c r="N61933" s="10"/>
    </row>
    <row r="61934" spans="14:14">
      <c r="N61934" s="10"/>
    </row>
    <row r="61935" spans="14:14">
      <c r="N61935" s="10"/>
    </row>
    <row r="61936" spans="14:14">
      <c r="N61936" s="10"/>
    </row>
    <row r="61937" spans="14:14">
      <c r="N61937" s="10"/>
    </row>
    <row r="61938" spans="14:14">
      <c r="N61938" s="10"/>
    </row>
    <row r="61939" spans="14:14">
      <c r="N61939" s="10"/>
    </row>
    <row r="61940" spans="14:14">
      <c r="N61940" s="10"/>
    </row>
    <row r="61941" spans="14:14">
      <c r="N61941" s="10"/>
    </row>
    <row r="61942" spans="14:14">
      <c r="N61942" s="10"/>
    </row>
    <row r="61943" spans="14:14">
      <c r="N61943" s="10"/>
    </row>
    <row r="61944" spans="14:14">
      <c r="N61944" s="10"/>
    </row>
    <row r="61945" spans="14:14">
      <c r="N61945" s="10"/>
    </row>
    <row r="61946" spans="14:14">
      <c r="N61946" s="10"/>
    </row>
    <row r="61947" spans="14:14">
      <c r="N61947" s="10"/>
    </row>
    <row r="61948" spans="14:14">
      <c r="N61948" s="10"/>
    </row>
    <row r="61949" spans="14:14">
      <c r="N61949" s="10"/>
    </row>
    <row r="61950" spans="14:14">
      <c r="N61950" s="10"/>
    </row>
    <row r="61951" spans="14:14">
      <c r="N61951" s="10"/>
    </row>
    <row r="61952" spans="14:14">
      <c r="N61952" s="10"/>
    </row>
    <row r="61953" spans="14:14">
      <c r="N61953" s="10"/>
    </row>
    <row r="61954" spans="14:14">
      <c r="N61954" s="10"/>
    </row>
    <row r="61955" spans="14:14">
      <c r="N61955" s="10"/>
    </row>
    <row r="61956" spans="14:14">
      <c r="N61956" s="10"/>
    </row>
    <row r="61957" spans="14:14">
      <c r="N61957" s="10"/>
    </row>
    <row r="61958" spans="14:14">
      <c r="N61958" s="10"/>
    </row>
    <row r="61959" spans="14:14">
      <c r="N61959" s="10"/>
    </row>
    <row r="61960" spans="14:14">
      <c r="N61960" s="10"/>
    </row>
    <row r="61961" spans="14:14">
      <c r="N61961" s="10"/>
    </row>
    <row r="61962" spans="14:14">
      <c r="N61962" s="10"/>
    </row>
    <row r="61963" spans="14:14">
      <c r="N61963" s="10"/>
    </row>
    <row r="61964" spans="14:14">
      <c r="N61964" s="10"/>
    </row>
    <row r="61965" spans="14:14">
      <c r="N61965" s="10"/>
    </row>
    <row r="61966" spans="14:14">
      <c r="N61966" s="10"/>
    </row>
    <row r="61967" spans="14:14">
      <c r="N61967" s="10"/>
    </row>
    <row r="61968" spans="14:14">
      <c r="N61968" s="10"/>
    </row>
    <row r="61969" spans="14:14">
      <c r="N61969" s="10"/>
    </row>
    <row r="61970" spans="14:14">
      <c r="N61970" s="10"/>
    </row>
    <row r="61971" spans="14:14">
      <c r="N61971" s="10"/>
    </row>
    <row r="61972" spans="14:14">
      <c r="N61972" s="10"/>
    </row>
    <row r="61973" spans="14:14">
      <c r="N61973" s="10"/>
    </row>
    <row r="61974" spans="14:14">
      <c r="N61974" s="10"/>
    </row>
    <row r="61975" spans="14:14">
      <c r="N61975" s="10"/>
    </row>
    <row r="61976" spans="14:14">
      <c r="N61976" s="10"/>
    </row>
    <row r="61977" spans="14:14">
      <c r="N61977" s="10"/>
    </row>
    <row r="61978" spans="14:14">
      <c r="N61978" s="10"/>
    </row>
    <row r="61979" spans="14:14">
      <c r="N61979" s="10"/>
    </row>
    <row r="61980" spans="14:14">
      <c r="N61980" s="10"/>
    </row>
    <row r="61981" spans="14:14">
      <c r="N61981" s="10"/>
    </row>
    <row r="61982" spans="14:14">
      <c r="N61982" s="10"/>
    </row>
    <row r="61983" spans="14:14">
      <c r="N61983" s="10"/>
    </row>
    <row r="61984" spans="14:14">
      <c r="N61984" s="10"/>
    </row>
    <row r="61985" spans="14:14">
      <c r="N61985" s="10"/>
    </row>
    <row r="61986" spans="14:14">
      <c r="N61986" s="10"/>
    </row>
    <row r="61987" spans="14:14">
      <c r="N61987" s="10"/>
    </row>
    <row r="61988" spans="14:14">
      <c r="N61988" s="10"/>
    </row>
    <row r="61989" spans="14:14">
      <c r="N61989" s="10"/>
    </row>
    <row r="61990" spans="14:14">
      <c r="N61990" s="10"/>
    </row>
    <row r="61991" spans="14:14">
      <c r="N61991" s="10"/>
    </row>
    <row r="61992" spans="14:14">
      <c r="N61992" s="10"/>
    </row>
    <row r="61993" spans="14:14">
      <c r="N61993" s="10"/>
    </row>
    <row r="61994" spans="14:14">
      <c r="N61994" s="10"/>
    </row>
    <row r="61995" spans="14:14">
      <c r="N61995" s="10"/>
    </row>
    <row r="61996" spans="14:14">
      <c r="N61996" s="10"/>
    </row>
    <row r="61997" spans="14:14">
      <c r="N61997" s="10"/>
    </row>
    <row r="61998" spans="14:14">
      <c r="N61998" s="10"/>
    </row>
    <row r="61999" spans="14:14">
      <c r="N61999" s="10"/>
    </row>
    <row r="62000" spans="14:14">
      <c r="N62000" s="10"/>
    </row>
    <row r="62001" spans="14:14">
      <c r="N62001" s="10"/>
    </row>
    <row r="62002" spans="14:14">
      <c r="N62002" s="10"/>
    </row>
    <row r="62003" spans="14:14">
      <c r="N62003" s="10"/>
    </row>
    <row r="62004" spans="14:14">
      <c r="N62004" s="10"/>
    </row>
    <row r="62005" spans="14:14">
      <c r="N62005" s="10"/>
    </row>
    <row r="62006" spans="14:14">
      <c r="N62006" s="10"/>
    </row>
    <row r="62007" spans="14:14">
      <c r="N62007" s="10"/>
    </row>
    <row r="62008" spans="14:14">
      <c r="N62008" s="10"/>
    </row>
    <row r="62009" spans="14:14">
      <c r="N62009" s="10"/>
    </row>
    <row r="62010" spans="14:14">
      <c r="N62010" s="10"/>
    </row>
    <row r="62011" spans="14:14">
      <c r="N62011" s="10"/>
    </row>
    <row r="62012" spans="14:14">
      <c r="N62012" s="10"/>
    </row>
    <row r="62013" spans="14:14">
      <c r="N62013" s="10"/>
    </row>
    <row r="62014" spans="14:14">
      <c r="N62014" s="10"/>
    </row>
    <row r="62015" spans="14:14">
      <c r="N62015" s="10"/>
    </row>
    <row r="62016" spans="14:14">
      <c r="N62016" s="10"/>
    </row>
    <row r="62017" spans="14:14">
      <c r="N62017" s="10"/>
    </row>
    <row r="62018" spans="14:14">
      <c r="N62018" s="10"/>
    </row>
    <row r="62019" spans="14:14">
      <c r="N62019" s="10"/>
    </row>
    <row r="62020" spans="14:14">
      <c r="N62020" s="10"/>
    </row>
    <row r="62021" spans="14:14">
      <c r="N62021" s="10"/>
    </row>
    <row r="62022" spans="14:14">
      <c r="N62022" s="10"/>
    </row>
    <row r="62023" spans="14:14">
      <c r="N62023" s="10"/>
    </row>
    <row r="62024" spans="14:14">
      <c r="N62024" s="10"/>
    </row>
    <row r="62025" spans="14:14">
      <c r="N62025" s="10"/>
    </row>
    <row r="62026" spans="14:14">
      <c r="N62026" s="10"/>
    </row>
    <row r="62027" spans="14:14">
      <c r="N62027" s="10"/>
    </row>
    <row r="62028" spans="14:14">
      <c r="N62028" s="10"/>
    </row>
    <row r="62029" spans="14:14">
      <c r="N62029" s="10"/>
    </row>
    <row r="62030" spans="14:14">
      <c r="N62030" s="10"/>
    </row>
    <row r="62031" spans="14:14">
      <c r="N62031" s="10"/>
    </row>
    <row r="62032" spans="14:14">
      <c r="N62032" s="10"/>
    </row>
    <row r="62033" spans="14:14">
      <c r="N62033" s="10"/>
    </row>
    <row r="62034" spans="14:14">
      <c r="N62034" s="10"/>
    </row>
    <row r="62035" spans="14:14">
      <c r="N62035" s="10"/>
    </row>
    <row r="62036" spans="14:14">
      <c r="N62036" s="10"/>
    </row>
    <row r="62037" spans="14:14">
      <c r="N62037" s="10"/>
    </row>
    <row r="62038" spans="14:14">
      <c r="N62038" s="10"/>
    </row>
    <row r="62039" spans="14:14">
      <c r="N62039" s="10"/>
    </row>
    <row r="62040" spans="14:14">
      <c r="N62040" s="10"/>
    </row>
    <row r="62041" spans="14:14">
      <c r="N62041" s="10"/>
    </row>
    <row r="62042" spans="14:14">
      <c r="N62042" s="10"/>
    </row>
    <row r="62043" spans="14:14">
      <c r="N62043" s="10"/>
    </row>
    <row r="62044" spans="14:14">
      <c r="N62044" s="10"/>
    </row>
    <row r="62045" spans="14:14">
      <c r="N62045" s="10"/>
    </row>
    <row r="62046" spans="14:14">
      <c r="N62046" s="10"/>
    </row>
    <row r="62047" spans="14:14">
      <c r="N62047" s="10"/>
    </row>
    <row r="62048" spans="14:14">
      <c r="N62048" s="10"/>
    </row>
    <row r="62049" spans="14:14">
      <c r="N62049" s="10"/>
    </row>
    <row r="62050" spans="14:14">
      <c r="N62050" s="10"/>
    </row>
    <row r="62051" spans="14:14">
      <c r="N62051" s="10"/>
    </row>
    <row r="62052" spans="14:14">
      <c r="N62052" s="10"/>
    </row>
    <row r="62053" spans="14:14">
      <c r="N62053" s="10"/>
    </row>
    <row r="62054" spans="14:14">
      <c r="N62054" s="10"/>
    </row>
    <row r="62055" spans="14:14">
      <c r="N62055" s="10"/>
    </row>
    <row r="62056" spans="14:14">
      <c r="N62056" s="10"/>
    </row>
    <row r="62057" spans="14:14">
      <c r="N62057" s="10"/>
    </row>
    <row r="62058" spans="14:14">
      <c r="N62058" s="10"/>
    </row>
    <row r="62059" spans="14:14">
      <c r="N62059" s="10"/>
    </row>
    <row r="62060" spans="14:14">
      <c r="N62060" s="10"/>
    </row>
    <row r="62061" spans="14:14">
      <c r="N62061" s="10"/>
    </row>
    <row r="62062" spans="14:14">
      <c r="N62062" s="10"/>
    </row>
    <row r="62063" spans="14:14">
      <c r="N62063" s="10"/>
    </row>
    <row r="62064" spans="14:14">
      <c r="N62064" s="10"/>
    </row>
    <row r="62065" spans="14:14">
      <c r="N62065" s="10"/>
    </row>
    <row r="62066" spans="14:14">
      <c r="N62066" s="10"/>
    </row>
    <row r="62067" spans="14:14">
      <c r="N62067" s="10"/>
    </row>
    <row r="62068" spans="14:14">
      <c r="N62068" s="10"/>
    </row>
    <row r="62069" spans="14:14">
      <c r="N62069" s="10"/>
    </row>
    <row r="62070" spans="14:14">
      <c r="N62070" s="10"/>
    </row>
    <row r="62071" spans="14:14">
      <c r="N62071" s="10"/>
    </row>
    <row r="62072" spans="14:14">
      <c r="N62072" s="10"/>
    </row>
    <row r="62073" spans="14:14">
      <c r="N62073" s="10"/>
    </row>
    <row r="62074" spans="14:14">
      <c r="N62074" s="10"/>
    </row>
    <row r="62075" spans="14:14">
      <c r="N62075" s="10"/>
    </row>
    <row r="62076" spans="14:14">
      <c r="N62076" s="10"/>
    </row>
    <row r="62077" spans="14:14">
      <c r="N62077" s="10"/>
    </row>
    <row r="62078" spans="14:14">
      <c r="N62078" s="10"/>
    </row>
    <row r="62079" spans="14:14">
      <c r="N62079" s="10"/>
    </row>
    <row r="62080" spans="14:14">
      <c r="N62080" s="10"/>
    </row>
    <row r="62081" spans="14:14">
      <c r="N62081" s="10"/>
    </row>
    <row r="62082" spans="14:14">
      <c r="N62082" s="10"/>
    </row>
    <row r="62083" spans="14:14">
      <c r="N62083" s="10"/>
    </row>
    <row r="62084" spans="14:14">
      <c r="N62084" s="10"/>
    </row>
    <row r="62085" spans="14:14">
      <c r="N62085" s="10"/>
    </row>
    <row r="62086" spans="14:14">
      <c r="N62086" s="10"/>
    </row>
    <row r="62087" spans="14:14">
      <c r="N62087" s="10"/>
    </row>
    <row r="62088" spans="14:14">
      <c r="N62088" s="10"/>
    </row>
    <row r="62089" spans="14:14">
      <c r="N62089" s="10"/>
    </row>
    <row r="62090" spans="14:14">
      <c r="N62090" s="10"/>
    </row>
    <row r="62091" spans="14:14">
      <c r="N62091" s="10"/>
    </row>
    <row r="62092" spans="14:14">
      <c r="N62092" s="10"/>
    </row>
    <row r="62093" spans="14:14">
      <c r="N62093" s="10"/>
    </row>
    <row r="62094" spans="14:14">
      <c r="N62094" s="10"/>
    </row>
    <row r="62095" spans="14:14">
      <c r="N62095" s="10"/>
    </row>
    <row r="62096" spans="14:14">
      <c r="N62096" s="10"/>
    </row>
    <row r="62097" spans="14:14">
      <c r="N62097" s="10"/>
    </row>
    <row r="62098" spans="14:14">
      <c r="N62098" s="10"/>
    </row>
    <row r="62099" spans="14:14">
      <c r="N62099" s="10"/>
    </row>
    <row r="62100" spans="14:14">
      <c r="N62100" s="10"/>
    </row>
    <row r="62101" spans="14:14">
      <c r="N62101" s="10"/>
    </row>
    <row r="62102" spans="14:14">
      <c r="N62102" s="10"/>
    </row>
    <row r="62103" spans="14:14">
      <c r="N62103" s="10"/>
    </row>
    <row r="62104" spans="14:14">
      <c r="N62104" s="10"/>
    </row>
    <row r="62105" spans="14:14">
      <c r="N62105" s="10"/>
    </row>
    <row r="62106" spans="14:14">
      <c r="N62106" s="10"/>
    </row>
    <row r="62107" spans="14:14">
      <c r="N62107" s="10"/>
    </row>
    <row r="62108" spans="14:14">
      <c r="N62108" s="10"/>
    </row>
    <row r="62109" spans="14:14">
      <c r="N62109" s="10"/>
    </row>
    <row r="62110" spans="14:14">
      <c r="N62110" s="10"/>
    </row>
    <row r="62111" spans="14:14">
      <c r="N62111" s="10"/>
    </row>
    <row r="62112" spans="14:14">
      <c r="N62112" s="10"/>
    </row>
    <row r="62113" spans="14:14">
      <c r="N62113" s="10"/>
    </row>
    <row r="62114" spans="14:14">
      <c r="N62114" s="10"/>
    </row>
    <row r="62115" spans="14:14">
      <c r="N62115" s="10"/>
    </row>
    <row r="62116" spans="14:14">
      <c r="N62116" s="10"/>
    </row>
    <row r="62117" spans="14:14">
      <c r="N62117" s="10"/>
    </row>
    <row r="62118" spans="14:14">
      <c r="N62118" s="10"/>
    </row>
    <row r="62119" spans="14:14">
      <c r="N62119" s="10"/>
    </row>
    <row r="62120" spans="14:14">
      <c r="N62120" s="10"/>
    </row>
    <row r="62121" spans="14:14">
      <c r="N62121" s="10"/>
    </row>
    <row r="62122" spans="14:14">
      <c r="N62122" s="10"/>
    </row>
    <row r="62123" spans="14:14">
      <c r="N62123" s="10"/>
    </row>
    <row r="62124" spans="14:14">
      <c r="N62124" s="10"/>
    </row>
    <row r="62125" spans="14:14">
      <c r="N62125" s="10"/>
    </row>
    <row r="62126" spans="14:14">
      <c r="N62126" s="10"/>
    </row>
    <row r="62127" spans="14:14">
      <c r="N62127" s="10"/>
    </row>
    <row r="62128" spans="14:14">
      <c r="N62128" s="10"/>
    </row>
    <row r="62129" spans="14:14">
      <c r="N62129" s="10"/>
    </row>
    <row r="62130" spans="14:14">
      <c r="N62130" s="10"/>
    </row>
    <row r="62131" spans="14:14">
      <c r="N62131" s="10"/>
    </row>
    <row r="62132" spans="14:14">
      <c r="N62132" s="10"/>
    </row>
    <row r="62133" spans="14:14">
      <c r="N62133" s="10"/>
    </row>
    <row r="62134" spans="14:14">
      <c r="N62134" s="10"/>
    </row>
    <row r="62135" spans="14:14">
      <c r="N62135" s="10"/>
    </row>
    <row r="62136" spans="14:14">
      <c r="N62136" s="10"/>
    </row>
    <row r="62137" spans="14:14">
      <c r="N62137" s="10"/>
    </row>
    <row r="62138" spans="14:14">
      <c r="N62138" s="10"/>
    </row>
    <row r="62139" spans="14:14">
      <c r="N62139" s="10"/>
    </row>
    <row r="62140" spans="14:14">
      <c r="N62140" s="10"/>
    </row>
    <row r="62141" spans="14:14">
      <c r="N62141" s="10"/>
    </row>
    <row r="62142" spans="14:14">
      <c r="N62142" s="10"/>
    </row>
    <row r="62143" spans="14:14">
      <c r="N62143" s="10"/>
    </row>
    <row r="62144" spans="14:14">
      <c r="N62144" s="10"/>
    </row>
    <row r="62145" spans="14:14">
      <c r="N62145" s="10"/>
    </row>
    <row r="62146" spans="14:14">
      <c r="N62146" s="10"/>
    </row>
    <row r="62147" spans="14:14">
      <c r="N62147" s="10"/>
    </row>
    <row r="62148" spans="14:14">
      <c r="N62148" s="10"/>
    </row>
    <row r="62149" spans="14:14">
      <c r="N62149" s="10"/>
    </row>
    <row r="62150" spans="14:14">
      <c r="N62150" s="10"/>
    </row>
    <row r="62151" spans="14:14">
      <c r="N62151" s="10"/>
    </row>
    <row r="62152" spans="14:14">
      <c r="N62152" s="10"/>
    </row>
    <row r="62153" spans="14:14">
      <c r="N62153" s="10"/>
    </row>
    <row r="62154" spans="14:14">
      <c r="N62154" s="10"/>
    </row>
    <row r="62155" spans="14:14">
      <c r="N62155" s="10"/>
    </row>
    <row r="62156" spans="14:14">
      <c r="N62156" s="10"/>
    </row>
    <row r="62157" spans="14:14">
      <c r="N62157" s="10"/>
    </row>
    <row r="62158" spans="14:14">
      <c r="N62158" s="10"/>
    </row>
    <row r="62159" spans="14:14">
      <c r="N62159" s="10"/>
    </row>
    <row r="62160" spans="14:14">
      <c r="N62160" s="10"/>
    </row>
    <row r="62161" spans="14:14">
      <c r="N62161" s="10"/>
    </row>
    <row r="62162" spans="14:14">
      <c r="N62162" s="10"/>
    </row>
    <row r="62163" spans="14:14">
      <c r="N62163" s="10"/>
    </row>
    <row r="62164" spans="14:14">
      <c r="N62164" s="10"/>
    </row>
    <row r="62165" spans="14:14">
      <c r="N62165" s="10"/>
    </row>
    <row r="62166" spans="14:14">
      <c r="N62166" s="10"/>
    </row>
    <row r="62167" spans="14:14">
      <c r="N62167" s="10"/>
    </row>
    <row r="62168" spans="14:14">
      <c r="N62168" s="10"/>
    </row>
    <row r="62169" spans="14:14">
      <c r="N62169" s="10"/>
    </row>
    <row r="62170" spans="14:14">
      <c r="N62170" s="10"/>
    </row>
    <row r="62171" spans="14:14">
      <c r="N62171" s="10"/>
    </row>
    <row r="62172" spans="14:14">
      <c r="N62172" s="10"/>
    </row>
    <row r="62173" spans="14:14">
      <c r="N62173" s="10"/>
    </row>
    <row r="62174" spans="14:14">
      <c r="N62174" s="10"/>
    </row>
    <row r="62175" spans="14:14">
      <c r="N62175" s="10"/>
    </row>
    <row r="62176" spans="14:14">
      <c r="N62176" s="10"/>
    </row>
    <row r="62177" spans="14:14">
      <c r="N62177" s="10"/>
    </row>
    <row r="62178" spans="14:14">
      <c r="N62178" s="10"/>
    </row>
    <row r="62179" spans="14:14">
      <c r="N62179" s="10"/>
    </row>
    <row r="62180" spans="14:14">
      <c r="N62180" s="10"/>
    </row>
    <row r="62181" spans="14:14">
      <c r="N62181" s="10"/>
    </row>
    <row r="62182" spans="14:14">
      <c r="N62182" s="10"/>
    </row>
    <row r="62183" spans="14:14">
      <c r="N62183" s="10"/>
    </row>
    <row r="62184" spans="14:14">
      <c r="N62184" s="10"/>
    </row>
    <row r="62185" spans="14:14">
      <c r="N62185" s="10"/>
    </row>
    <row r="62186" spans="14:14">
      <c r="N62186" s="10"/>
    </row>
    <row r="62187" spans="14:14">
      <c r="N62187" s="10"/>
    </row>
    <row r="62188" spans="14:14">
      <c r="N62188" s="10"/>
    </row>
    <row r="62189" spans="14:14">
      <c r="N62189" s="10"/>
    </row>
    <row r="62190" spans="14:14">
      <c r="N62190" s="10"/>
    </row>
    <row r="62191" spans="14:14">
      <c r="N62191" s="10"/>
    </row>
    <row r="62192" spans="14:14">
      <c r="N62192" s="10"/>
    </row>
    <row r="62193" spans="14:14">
      <c r="N62193" s="10"/>
    </row>
    <row r="62194" spans="14:14">
      <c r="N62194" s="10"/>
    </row>
    <row r="62195" spans="14:14">
      <c r="N62195" s="10"/>
    </row>
    <row r="62196" spans="14:14">
      <c r="N62196" s="10"/>
    </row>
    <row r="62197" spans="14:14">
      <c r="N62197" s="10"/>
    </row>
    <row r="62198" spans="14:14">
      <c r="N62198" s="10"/>
    </row>
    <row r="62199" spans="14:14">
      <c r="N62199" s="10"/>
    </row>
    <row r="62200" spans="14:14">
      <c r="N62200" s="10"/>
    </row>
    <row r="62201" spans="14:14">
      <c r="N62201" s="10"/>
    </row>
    <row r="62202" spans="14:14">
      <c r="N62202" s="10"/>
    </row>
    <row r="62203" spans="14:14">
      <c r="N62203" s="10"/>
    </row>
    <row r="62204" spans="14:14">
      <c r="N62204" s="10"/>
    </row>
    <row r="62205" spans="14:14">
      <c r="N62205" s="10"/>
    </row>
    <row r="62206" spans="14:14">
      <c r="N62206" s="10"/>
    </row>
    <row r="62207" spans="14:14">
      <c r="N62207" s="10"/>
    </row>
    <row r="62208" spans="14:14">
      <c r="N62208" s="10"/>
    </row>
    <row r="62209" spans="14:14">
      <c r="N62209" s="10"/>
    </row>
    <row r="62210" spans="14:14">
      <c r="N62210" s="10"/>
    </row>
    <row r="62211" spans="14:14">
      <c r="N62211" s="10"/>
    </row>
    <row r="62212" spans="14:14">
      <c r="N62212" s="10"/>
    </row>
    <row r="62213" spans="14:14">
      <c r="N62213" s="10"/>
    </row>
    <row r="62214" spans="14:14">
      <c r="N62214" s="10"/>
    </row>
    <row r="62215" spans="14:14">
      <c r="N62215" s="10"/>
    </row>
    <row r="62216" spans="14:14">
      <c r="N62216" s="10"/>
    </row>
    <row r="62217" spans="14:14">
      <c r="N62217" s="10"/>
    </row>
    <row r="62218" spans="14:14">
      <c r="N62218" s="10"/>
    </row>
    <row r="62219" spans="14:14">
      <c r="N62219" s="10"/>
    </row>
    <row r="62220" spans="14:14">
      <c r="N62220" s="10"/>
    </row>
    <row r="62221" spans="14:14">
      <c r="N62221" s="10"/>
    </row>
    <row r="62222" spans="14:14">
      <c r="N62222" s="10"/>
    </row>
    <row r="62223" spans="14:14">
      <c r="N62223" s="10"/>
    </row>
    <row r="62224" spans="14:14">
      <c r="N62224" s="10"/>
    </row>
    <row r="62225" spans="14:14">
      <c r="N62225" s="10"/>
    </row>
    <row r="62226" spans="14:14">
      <c r="N62226" s="10"/>
    </row>
    <row r="62227" spans="14:14">
      <c r="N62227" s="10"/>
    </row>
    <row r="62228" spans="14:14">
      <c r="N62228" s="10"/>
    </row>
    <row r="62229" spans="14:14">
      <c r="N62229" s="10"/>
    </row>
    <row r="62230" spans="14:14">
      <c r="N62230" s="10"/>
    </row>
    <row r="62231" spans="14:14">
      <c r="N62231" s="10"/>
    </row>
    <row r="62232" spans="14:14">
      <c r="N62232" s="10"/>
    </row>
    <row r="62233" spans="14:14">
      <c r="N62233" s="10"/>
    </row>
    <row r="62234" spans="14:14">
      <c r="N62234" s="10"/>
    </row>
    <row r="62235" spans="14:14">
      <c r="N62235" s="10"/>
    </row>
    <row r="62236" spans="14:14">
      <c r="N62236" s="10"/>
    </row>
    <row r="62237" spans="14:14">
      <c r="N62237" s="10"/>
    </row>
    <row r="62238" spans="14:14">
      <c r="N62238" s="10"/>
    </row>
    <row r="62239" spans="14:14">
      <c r="N62239" s="10"/>
    </row>
    <row r="62240" spans="14:14">
      <c r="N62240" s="10"/>
    </row>
    <row r="62241" spans="14:14">
      <c r="N62241" s="10"/>
    </row>
    <row r="62242" spans="14:14">
      <c r="N62242" s="10"/>
    </row>
    <row r="62243" spans="14:14">
      <c r="N62243" s="10"/>
    </row>
    <row r="62244" spans="14:14">
      <c r="N62244" s="10"/>
    </row>
    <row r="62245" spans="14:14">
      <c r="N62245" s="10"/>
    </row>
    <row r="62246" spans="14:14">
      <c r="N62246" s="10"/>
    </row>
    <row r="62247" spans="14:14">
      <c r="N62247" s="10"/>
    </row>
    <row r="62248" spans="14:14">
      <c r="N62248" s="10"/>
    </row>
    <row r="62249" spans="14:14">
      <c r="N62249" s="10"/>
    </row>
    <row r="62250" spans="14:14">
      <c r="N62250" s="10"/>
    </row>
    <row r="62251" spans="14:14">
      <c r="N62251" s="10"/>
    </row>
    <row r="62252" spans="14:14">
      <c r="N62252" s="10"/>
    </row>
    <row r="62253" spans="14:14">
      <c r="N62253" s="10"/>
    </row>
    <row r="62254" spans="14:14">
      <c r="N62254" s="10"/>
    </row>
    <row r="62255" spans="14:14">
      <c r="N62255" s="10"/>
    </row>
    <row r="62256" spans="14:14">
      <c r="N62256" s="10"/>
    </row>
    <row r="62257" spans="14:14">
      <c r="N62257" s="10"/>
    </row>
    <row r="62258" spans="14:14">
      <c r="N62258" s="10"/>
    </row>
    <row r="62259" spans="14:14">
      <c r="N62259" s="10"/>
    </row>
    <row r="62260" spans="14:14">
      <c r="N62260" s="10"/>
    </row>
    <row r="62261" spans="14:14">
      <c r="N62261" s="10"/>
    </row>
    <row r="62262" spans="14:14">
      <c r="N62262" s="10"/>
    </row>
    <row r="62263" spans="14:14">
      <c r="N62263" s="10"/>
    </row>
    <row r="62264" spans="14:14">
      <c r="N62264" s="10"/>
    </row>
    <row r="62265" spans="14:14">
      <c r="N62265" s="10"/>
    </row>
    <row r="62266" spans="14:14">
      <c r="N62266" s="10"/>
    </row>
    <row r="62267" spans="14:14">
      <c r="N62267" s="10"/>
    </row>
    <row r="62268" spans="14:14">
      <c r="N62268" s="10"/>
    </row>
    <row r="62269" spans="14:14">
      <c r="N62269" s="10"/>
    </row>
    <row r="62270" spans="14:14">
      <c r="N62270" s="10"/>
    </row>
    <row r="62271" spans="14:14">
      <c r="N62271" s="10"/>
    </row>
    <row r="62272" spans="14:14">
      <c r="N62272" s="10"/>
    </row>
    <row r="62273" spans="14:14">
      <c r="N62273" s="10"/>
    </row>
    <row r="62274" spans="14:14">
      <c r="N62274" s="10"/>
    </row>
    <row r="62275" spans="14:14">
      <c r="N62275" s="10"/>
    </row>
    <row r="62276" spans="14:14">
      <c r="N62276" s="10"/>
    </row>
    <row r="62277" spans="14:14">
      <c r="N62277" s="10"/>
    </row>
    <row r="62278" spans="14:14">
      <c r="N62278" s="10"/>
    </row>
    <row r="62279" spans="14:14">
      <c r="N62279" s="10"/>
    </row>
    <row r="62280" spans="14:14">
      <c r="N62280" s="10"/>
    </row>
    <row r="62281" spans="14:14">
      <c r="N62281" s="10"/>
    </row>
    <row r="62282" spans="14:14">
      <c r="N62282" s="10"/>
    </row>
    <row r="62283" spans="14:14">
      <c r="N62283" s="10"/>
    </row>
    <row r="62284" spans="14:14">
      <c r="N62284" s="10"/>
    </row>
    <row r="62285" spans="14:14">
      <c r="N62285" s="10"/>
    </row>
    <row r="62286" spans="14:14">
      <c r="N62286" s="10"/>
    </row>
    <row r="62287" spans="14:14">
      <c r="N62287" s="10"/>
    </row>
    <row r="62288" spans="14:14">
      <c r="N62288" s="10"/>
    </row>
    <row r="62289" spans="14:14">
      <c r="N62289" s="10"/>
    </row>
    <row r="62290" spans="14:14">
      <c r="N62290" s="10"/>
    </row>
    <row r="62291" spans="14:14">
      <c r="N62291" s="10"/>
    </row>
    <row r="62292" spans="14:14">
      <c r="N62292" s="10"/>
    </row>
    <row r="62293" spans="14:14">
      <c r="N62293" s="10"/>
    </row>
    <row r="62294" spans="14:14">
      <c r="N62294" s="10"/>
    </row>
    <row r="62295" spans="14:14">
      <c r="N62295" s="10"/>
    </row>
    <row r="62296" spans="14:14">
      <c r="N62296" s="10"/>
    </row>
    <row r="62297" spans="14:14">
      <c r="N62297" s="10"/>
    </row>
    <row r="62298" spans="14:14">
      <c r="N62298" s="10"/>
    </row>
    <row r="62299" spans="14:14">
      <c r="N62299" s="10"/>
    </row>
    <row r="62300" spans="14:14">
      <c r="N62300" s="10"/>
    </row>
    <row r="62301" spans="14:14">
      <c r="N62301" s="10"/>
    </row>
    <row r="62302" spans="14:14">
      <c r="N62302" s="10"/>
    </row>
    <row r="62303" spans="14:14">
      <c r="N62303" s="10"/>
    </row>
    <row r="62304" spans="14:14">
      <c r="N62304" s="10"/>
    </row>
    <row r="62305" spans="14:14">
      <c r="N62305" s="10"/>
    </row>
    <row r="62306" spans="14:14">
      <c r="N62306" s="10"/>
    </row>
    <row r="62307" spans="14:14">
      <c r="N62307" s="10"/>
    </row>
    <row r="62308" spans="14:14">
      <c r="N62308" s="10"/>
    </row>
    <row r="62309" spans="14:14">
      <c r="N62309" s="10"/>
    </row>
    <row r="62310" spans="14:14">
      <c r="N62310" s="10"/>
    </row>
    <row r="62311" spans="14:14">
      <c r="N62311" s="10"/>
    </row>
    <row r="62312" spans="14:14">
      <c r="N62312" s="10"/>
    </row>
    <row r="62313" spans="14:14">
      <c r="N62313" s="10"/>
    </row>
    <row r="62314" spans="14:14">
      <c r="N62314" s="10"/>
    </row>
    <row r="62315" spans="14:14">
      <c r="N62315" s="10"/>
    </row>
    <row r="62316" spans="14:14">
      <c r="N62316" s="10"/>
    </row>
    <row r="62317" spans="14:14">
      <c r="N62317" s="10"/>
    </row>
    <row r="62318" spans="14:14">
      <c r="N62318" s="10"/>
    </row>
    <row r="62319" spans="14:14">
      <c r="N62319" s="10"/>
    </row>
    <row r="62320" spans="14:14">
      <c r="N62320" s="10"/>
    </row>
    <row r="62321" spans="14:14">
      <c r="N62321" s="10"/>
    </row>
    <row r="62322" spans="14:14">
      <c r="N62322" s="10"/>
    </row>
    <row r="62323" spans="14:14">
      <c r="N62323" s="10"/>
    </row>
    <row r="62324" spans="14:14">
      <c r="N62324" s="10"/>
    </row>
    <row r="62325" spans="14:14">
      <c r="N62325" s="10"/>
    </row>
    <row r="62326" spans="14:14">
      <c r="N62326" s="10"/>
    </row>
    <row r="62327" spans="14:14">
      <c r="N62327" s="10"/>
    </row>
    <row r="62328" spans="14:14">
      <c r="N62328" s="10"/>
    </row>
    <row r="62329" spans="14:14">
      <c r="N62329" s="10"/>
    </row>
    <row r="62330" spans="14:14">
      <c r="N62330" s="10"/>
    </row>
    <row r="62331" spans="14:14">
      <c r="N62331" s="10"/>
    </row>
    <row r="62332" spans="14:14">
      <c r="N62332" s="10"/>
    </row>
    <row r="62333" spans="14:14">
      <c r="N62333" s="10"/>
    </row>
    <row r="62334" spans="14:14">
      <c r="N62334" s="10"/>
    </row>
    <row r="62335" spans="14:14">
      <c r="N62335" s="10"/>
    </row>
    <row r="62336" spans="14:14">
      <c r="N62336" s="10"/>
    </row>
    <row r="62337" spans="14:14">
      <c r="N62337" s="10"/>
    </row>
    <row r="62338" spans="14:14">
      <c r="N62338" s="10"/>
    </row>
    <row r="62339" spans="14:14">
      <c r="N62339" s="10"/>
    </row>
    <row r="62340" spans="14:14">
      <c r="N62340" s="10"/>
    </row>
    <row r="62341" spans="14:14">
      <c r="N62341" s="10"/>
    </row>
    <row r="62342" spans="14:14">
      <c r="N62342" s="10"/>
    </row>
    <row r="62343" spans="14:14">
      <c r="N62343" s="10"/>
    </row>
    <row r="62344" spans="14:14">
      <c r="N62344" s="10"/>
    </row>
    <row r="62345" spans="14:14">
      <c r="N62345" s="10"/>
    </row>
    <row r="62346" spans="14:14">
      <c r="N62346" s="10"/>
    </row>
    <row r="62347" spans="14:14">
      <c r="N62347" s="10"/>
    </row>
    <row r="62348" spans="14:14">
      <c r="N62348" s="10"/>
    </row>
    <row r="62349" spans="14:14">
      <c r="N62349" s="10"/>
    </row>
    <row r="62350" spans="14:14">
      <c r="N62350" s="10"/>
    </row>
    <row r="62351" spans="14:14">
      <c r="N62351" s="10"/>
    </row>
    <row r="62352" spans="14:14">
      <c r="N62352" s="10"/>
    </row>
    <row r="62353" spans="14:14">
      <c r="N62353" s="10"/>
    </row>
    <row r="62354" spans="14:14">
      <c r="N62354" s="10"/>
    </row>
    <row r="62355" spans="14:14">
      <c r="N62355" s="10"/>
    </row>
    <row r="62356" spans="14:14">
      <c r="N62356" s="10"/>
    </row>
    <row r="62357" spans="14:14">
      <c r="N62357" s="10"/>
    </row>
    <row r="62358" spans="14:14">
      <c r="N62358" s="10"/>
    </row>
    <row r="62359" spans="14:14">
      <c r="N62359" s="10"/>
    </row>
    <row r="62360" spans="14:14">
      <c r="N62360" s="10"/>
    </row>
    <row r="62361" spans="14:14">
      <c r="N62361" s="10"/>
    </row>
    <row r="62362" spans="14:14">
      <c r="N62362" s="10"/>
    </row>
    <row r="62363" spans="14:14">
      <c r="N62363" s="10"/>
    </row>
    <row r="62364" spans="14:14">
      <c r="N62364" s="10"/>
    </row>
    <row r="62365" spans="14:14">
      <c r="N62365" s="10"/>
    </row>
    <row r="62366" spans="14:14">
      <c r="N62366" s="10"/>
    </row>
    <row r="62367" spans="14:14">
      <c r="N62367" s="10"/>
    </row>
    <row r="62368" spans="14:14">
      <c r="N62368" s="10"/>
    </row>
    <row r="62369" spans="14:14">
      <c r="N62369" s="10"/>
    </row>
    <row r="62370" spans="14:14">
      <c r="N62370" s="10"/>
    </row>
    <row r="62371" spans="14:14">
      <c r="N62371" s="10"/>
    </row>
    <row r="62372" spans="14:14">
      <c r="N62372" s="10"/>
    </row>
    <row r="62373" spans="14:14">
      <c r="N62373" s="10"/>
    </row>
    <row r="62374" spans="14:14">
      <c r="N62374" s="10"/>
    </row>
    <row r="62375" spans="14:14">
      <c r="N62375" s="10"/>
    </row>
    <row r="62376" spans="14:14">
      <c r="N62376" s="10"/>
    </row>
    <row r="62377" spans="14:14">
      <c r="N62377" s="10"/>
    </row>
    <row r="62378" spans="14:14">
      <c r="N62378" s="10"/>
    </row>
    <row r="62379" spans="14:14">
      <c r="N62379" s="10"/>
    </row>
    <row r="62380" spans="14:14">
      <c r="N62380" s="10"/>
    </row>
    <row r="62381" spans="14:14">
      <c r="N62381" s="10"/>
    </row>
    <row r="62382" spans="14:14">
      <c r="N62382" s="10"/>
    </row>
    <row r="62383" spans="14:14">
      <c r="N62383" s="10"/>
    </row>
    <row r="62384" spans="14:14">
      <c r="N62384" s="10"/>
    </row>
    <row r="62385" spans="14:14">
      <c r="N62385" s="10"/>
    </row>
    <row r="62386" spans="14:14">
      <c r="N62386" s="10"/>
    </row>
    <row r="62387" spans="14:14">
      <c r="N62387" s="10"/>
    </row>
    <row r="62388" spans="14:14">
      <c r="N62388" s="10"/>
    </row>
    <row r="62389" spans="14:14">
      <c r="N62389" s="10"/>
    </row>
    <row r="62390" spans="14:14">
      <c r="N62390" s="10"/>
    </row>
    <row r="62391" spans="14:14">
      <c r="N62391" s="10"/>
    </row>
    <row r="62392" spans="14:14">
      <c r="N62392" s="10"/>
    </row>
    <row r="62393" spans="14:14">
      <c r="N62393" s="10"/>
    </row>
    <row r="62394" spans="14:14">
      <c r="N62394" s="10"/>
    </row>
    <row r="62395" spans="14:14">
      <c r="N62395" s="10"/>
    </row>
    <row r="62396" spans="14:14">
      <c r="N62396" s="10"/>
    </row>
    <row r="62397" spans="14:14">
      <c r="N62397" s="10"/>
    </row>
    <row r="62398" spans="14:14">
      <c r="N62398" s="10"/>
    </row>
    <row r="62399" spans="14:14">
      <c r="N62399" s="10"/>
    </row>
    <row r="62400" spans="14:14">
      <c r="N62400" s="10"/>
    </row>
    <row r="62401" spans="14:14">
      <c r="N62401" s="10"/>
    </row>
    <row r="62402" spans="14:14">
      <c r="N62402" s="10"/>
    </row>
    <row r="62403" spans="14:14">
      <c r="N62403" s="10"/>
    </row>
    <row r="62404" spans="14:14">
      <c r="N62404" s="10"/>
    </row>
    <row r="62405" spans="14:14">
      <c r="N62405" s="10"/>
    </row>
    <row r="62406" spans="14:14">
      <c r="N62406" s="10"/>
    </row>
    <row r="62407" spans="14:14">
      <c r="N62407" s="10"/>
    </row>
    <row r="62408" spans="14:14">
      <c r="N62408" s="10"/>
    </row>
    <row r="62409" spans="14:14">
      <c r="N62409" s="10"/>
    </row>
    <row r="62410" spans="14:14">
      <c r="N62410" s="10"/>
    </row>
    <row r="62411" spans="14:14">
      <c r="N62411" s="10"/>
    </row>
    <row r="62412" spans="14:14">
      <c r="N62412" s="10"/>
    </row>
    <row r="62413" spans="14:14">
      <c r="N62413" s="10"/>
    </row>
    <row r="62414" spans="14:14">
      <c r="N62414" s="10"/>
    </row>
    <row r="62415" spans="14:14">
      <c r="N62415" s="10"/>
    </row>
    <row r="62416" spans="14:14">
      <c r="N62416" s="10"/>
    </row>
    <row r="62417" spans="14:14">
      <c r="N62417" s="10"/>
    </row>
    <row r="62418" spans="14:14">
      <c r="N62418" s="10"/>
    </row>
    <row r="62419" spans="14:14">
      <c r="N62419" s="10"/>
    </row>
    <row r="62420" spans="14:14">
      <c r="N62420" s="10"/>
    </row>
    <row r="62421" spans="14:14">
      <c r="N62421" s="10"/>
    </row>
    <row r="62422" spans="14:14">
      <c r="N62422" s="10"/>
    </row>
    <row r="62423" spans="14:14">
      <c r="N62423" s="10"/>
    </row>
    <row r="62424" spans="14:14">
      <c r="N62424" s="10"/>
    </row>
    <row r="62425" spans="14:14">
      <c r="N62425" s="10"/>
    </row>
    <row r="62426" spans="14:14">
      <c r="N62426" s="10"/>
    </row>
    <row r="62427" spans="14:14">
      <c r="N62427" s="10"/>
    </row>
    <row r="62428" spans="14:14">
      <c r="N62428" s="10"/>
    </row>
    <row r="62429" spans="14:14">
      <c r="N62429" s="10"/>
    </row>
    <row r="62430" spans="14:14">
      <c r="N62430" s="10"/>
    </row>
    <row r="62431" spans="14:14">
      <c r="N62431" s="10"/>
    </row>
    <row r="62432" spans="14:14">
      <c r="N62432" s="10"/>
    </row>
    <row r="62433" spans="14:14">
      <c r="N62433" s="10"/>
    </row>
    <row r="62434" spans="14:14">
      <c r="N62434" s="10"/>
    </row>
    <row r="62435" spans="14:14">
      <c r="N62435" s="10"/>
    </row>
    <row r="62436" spans="14:14">
      <c r="N62436" s="10"/>
    </row>
    <row r="62437" spans="14:14">
      <c r="N62437" s="10"/>
    </row>
    <row r="62438" spans="14:14">
      <c r="N62438" s="10"/>
    </row>
    <row r="62439" spans="14:14">
      <c r="N62439" s="10"/>
    </row>
    <row r="62440" spans="14:14">
      <c r="N62440" s="10"/>
    </row>
    <row r="62441" spans="14:14">
      <c r="N62441" s="10"/>
    </row>
    <row r="62442" spans="14:14">
      <c r="N62442" s="10"/>
    </row>
    <row r="62443" spans="14:14">
      <c r="N62443" s="10"/>
    </row>
    <row r="62444" spans="14:14">
      <c r="N62444" s="10"/>
    </row>
    <row r="62445" spans="14:14">
      <c r="N62445" s="10"/>
    </row>
    <row r="62446" spans="14:14">
      <c r="N62446" s="10"/>
    </row>
    <row r="62447" spans="14:14">
      <c r="N62447" s="10"/>
    </row>
    <row r="62448" spans="14:14">
      <c r="N62448" s="10"/>
    </row>
    <row r="62449" spans="14:14">
      <c r="N62449" s="10"/>
    </row>
    <row r="62450" spans="14:14">
      <c r="N62450" s="10"/>
    </row>
    <row r="62451" spans="14:14">
      <c r="N62451" s="10"/>
    </row>
    <row r="62452" spans="14:14">
      <c r="N62452" s="10"/>
    </row>
    <row r="62453" spans="14:14">
      <c r="N62453" s="10"/>
    </row>
    <row r="62454" spans="14:14">
      <c r="N62454" s="10"/>
    </row>
    <row r="62455" spans="14:14">
      <c r="N62455" s="10"/>
    </row>
    <row r="62456" spans="14:14">
      <c r="N62456" s="10"/>
    </row>
    <row r="62457" spans="14:14">
      <c r="N62457" s="10"/>
    </row>
    <row r="62458" spans="14:14">
      <c r="N62458" s="10"/>
    </row>
    <row r="62459" spans="14:14">
      <c r="N62459" s="10"/>
    </row>
    <row r="62460" spans="14:14">
      <c r="N62460" s="10"/>
    </row>
    <row r="62461" spans="14:14">
      <c r="N62461" s="10"/>
    </row>
    <row r="62462" spans="14:14">
      <c r="N62462" s="10"/>
    </row>
    <row r="62463" spans="14:14">
      <c r="N62463" s="10"/>
    </row>
    <row r="62464" spans="14:14">
      <c r="N62464" s="10"/>
    </row>
    <row r="62465" spans="14:14">
      <c r="N62465" s="10"/>
    </row>
    <row r="62466" spans="14:14">
      <c r="N62466" s="10"/>
    </row>
    <row r="62467" spans="14:14">
      <c r="N62467" s="10"/>
    </row>
    <row r="62468" spans="14:14">
      <c r="N62468" s="10"/>
    </row>
    <row r="62469" spans="14:14">
      <c r="N62469" s="10"/>
    </row>
    <row r="62470" spans="14:14">
      <c r="N62470" s="10"/>
    </row>
    <row r="62471" spans="14:14">
      <c r="N62471" s="10"/>
    </row>
    <row r="62472" spans="14:14">
      <c r="N62472" s="10"/>
    </row>
    <row r="62473" spans="14:14">
      <c r="N62473" s="10"/>
    </row>
    <row r="62474" spans="14:14">
      <c r="N62474" s="10"/>
    </row>
    <row r="62475" spans="14:14">
      <c r="N62475" s="10"/>
    </row>
    <row r="62476" spans="14:14">
      <c r="N62476" s="10"/>
    </row>
    <row r="62477" spans="14:14">
      <c r="N62477" s="10"/>
    </row>
    <row r="62478" spans="14:14">
      <c r="N62478" s="10"/>
    </row>
    <row r="62479" spans="14:14">
      <c r="N62479" s="10"/>
    </row>
    <row r="62480" spans="14:14">
      <c r="N62480" s="10"/>
    </row>
    <row r="62481" spans="14:14">
      <c r="N62481" s="10"/>
    </row>
    <row r="62482" spans="14:14">
      <c r="N62482" s="10"/>
    </row>
    <row r="62483" spans="14:14">
      <c r="N62483" s="10"/>
    </row>
    <row r="62484" spans="14:14">
      <c r="N62484" s="10"/>
    </row>
    <row r="62485" spans="14:14">
      <c r="N62485" s="10"/>
    </row>
    <row r="62486" spans="14:14">
      <c r="N62486" s="10"/>
    </row>
    <row r="62487" spans="14:14">
      <c r="N62487" s="10"/>
    </row>
    <row r="62488" spans="14:14">
      <c r="N62488" s="10"/>
    </row>
    <row r="62489" spans="14:14">
      <c r="N62489" s="10"/>
    </row>
    <row r="62490" spans="14:14">
      <c r="N62490" s="10"/>
    </row>
    <row r="62491" spans="14:14">
      <c r="N62491" s="10"/>
    </row>
    <row r="62492" spans="14:14">
      <c r="N62492" s="10"/>
    </row>
    <row r="62493" spans="14:14">
      <c r="N62493" s="10"/>
    </row>
    <row r="62494" spans="14:14">
      <c r="N62494" s="10"/>
    </row>
    <row r="62495" spans="14:14">
      <c r="N62495" s="10"/>
    </row>
    <row r="62496" spans="14:14">
      <c r="N62496" s="10"/>
    </row>
    <row r="62497" spans="14:14">
      <c r="N62497" s="10"/>
    </row>
    <row r="62498" spans="14:14">
      <c r="N62498" s="10"/>
    </row>
    <row r="62499" spans="14:14">
      <c r="N62499" s="10"/>
    </row>
    <row r="62500" spans="14:14">
      <c r="N62500" s="10"/>
    </row>
    <row r="62501" spans="14:14">
      <c r="N62501" s="10"/>
    </row>
    <row r="62502" spans="14:14">
      <c r="N62502" s="10"/>
    </row>
    <row r="62503" spans="14:14">
      <c r="N62503" s="10"/>
    </row>
    <row r="62504" spans="14:14">
      <c r="N62504" s="10"/>
    </row>
    <row r="62505" spans="14:14">
      <c r="N62505" s="10"/>
    </row>
    <row r="62506" spans="14:14">
      <c r="N62506" s="10"/>
    </row>
    <row r="62507" spans="14:14">
      <c r="N62507" s="10"/>
    </row>
    <row r="62508" spans="14:14">
      <c r="N62508" s="10"/>
    </row>
    <row r="62509" spans="14:14">
      <c r="N62509" s="10"/>
    </row>
    <row r="62510" spans="14:14">
      <c r="N62510" s="10"/>
    </row>
    <row r="62511" spans="14:14">
      <c r="N62511" s="10"/>
    </row>
    <row r="62512" spans="14:14">
      <c r="N62512" s="10"/>
    </row>
    <row r="62513" spans="14:14">
      <c r="N62513" s="10"/>
    </row>
    <row r="62514" spans="14:14">
      <c r="N62514" s="10"/>
    </row>
    <row r="62515" spans="14:14">
      <c r="N62515" s="10"/>
    </row>
    <row r="62516" spans="14:14">
      <c r="N62516" s="10"/>
    </row>
    <row r="62517" spans="14:14">
      <c r="N62517" s="10"/>
    </row>
    <row r="62518" spans="14:14">
      <c r="N62518" s="10"/>
    </row>
    <row r="62519" spans="14:14">
      <c r="N62519" s="10"/>
    </row>
    <row r="62520" spans="14:14">
      <c r="N62520" s="10"/>
    </row>
    <row r="62521" spans="14:14">
      <c r="N62521" s="10"/>
    </row>
    <row r="62522" spans="14:14">
      <c r="N62522" s="10"/>
    </row>
    <row r="62523" spans="14:14">
      <c r="N62523" s="10"/>
    </row>
    <row r="62524" spans="14:14">
      <c r="N62524" s="10"/>
    </row>
    <row r="62525" spans="14:14">
      <c r="N62525" s="10"/>
    </row>
    <row r="62526" spans="14:14">
      <c r="N62526" s="10"/>
    </row>
    <row r="62527" spans="14:14">
      <c r="N62527" s="10"/>
    </row>
    <row r="62528" spans="14:14">
      <c r="N62528" s="10"/>
    </row>
    <row r="62529" spans="14:14">
      <c r="N62529" s="10"/>
    </row>
    <row r="62530" spans="14:14">
      <c r="N62530" s="10"/>
    </row>
    <row r="62531" spans="14:14">
      <c r="N62531" s="10"/>
    </row>
    <row r="62532" spans="14:14">
      <c r="N62532" s="10"/>
    </row>
    <row r="62533" spans="14:14">
      <c r="N62533" s="10"/>
    </row>
    <row r="62534" spans="14:14">
      <c r="N62534" s="10"/>
    </row>
    <row r="62535" spans="14:14">
      <c r="N62535" s="10"/>
    </row>
    <row r="62536" spans="14:14">
      <c r="N62536" s="10"/>
    </row>
    <row r="62537" spans="14:14">
      <c r="N62537" s="10"/>
    </row>
    <row r="62538" spans="14:14">
      <c r="N62538" s="10"/>
    </row>
    <row r="62539" spans="14:14">
      <c r="N62539" s="10"/>
    </row>
    <row r="62540" spans="14:14">
      <c r="N62540" s="10"/>
    </row>
    <row r="62541" spans="14:14">
      <c r="N62541" s="10"/>
    </row>
    <row r="62542" spans="14:14">
      <c r="N62542" s="10"/>
    </row>
    <row r="62543" spans="14:14">
      <c r="N62543" s="10"/>
    </row>
    <row r="62544" spans="14:14">
      <c r="N62544" s="10"/>
    </row>
    <row r="62545" spans="14:14">
      <c r="N62545" s="10"/>
    </row>
    <row r="62546" spans="14:14">
      <c r="N62546" s="10"/>
    </row>
    <row r="62547" spans="14:14">
      <c r="N62547" s="10"/>
    </row>
    <row r="62548" spans="14:14">
      <c r="N62548" s="10"/>
    </row>
    <row r="62549" spans="14:14">
      <c r="N62549" s="10"/>
    </row>
    <row r="62550" spans="14:14">
      <c r="N62550" s="10"/>
    </row>
    <row r="62551" spans="14:14">
      <c r="N62551" s="10"/>
    </row>
    <row r="62552" spans="14:14">
      <c r="N62552" s="10"/>
    </row>
    <row r="62553" spans="14:14">
      <c r="N62553" s="10"/>
    </row>
    <row r="62554" spans="14:14">
      <c r="N62554" s="10"/>
    </row>
    <row r="62555" spans="14:14">
      <c r="N62555" s="10"/>
    </row>
    <row r="62556" spans="14:14">
      <c r="N62556" s="10"/>
    </row>
    <row r="62557" spans="14:14">
      <c r="N62557" s="10"/>
    </row>
    <row r="62558" spans="14:14">
      <c r="N62558" s="10"/>
    </row>
    <row r="62559" spans="14:14">
      <c r="N62559" s="10"/>
    </row>
    <row r="62560" spans="14:14">
      <c r="N62560" s="10"/>
    </row>
    <row r="62561" spans="14:14">
      <c r="N62561" s="10"/>
    </row>
    <row r="62562" spans="14:14">
      <c r="N62562" s="10"/>
    </row>
    <row r="62563" spans="14:14">
      <c r="N62563" s="10"/>
    </row>
    <row r="62564" spans="14:14">
      <c r="N62564" s="10"/>
    </row>
    <row r="62565" spans="14:14">
      <c r="N62565" s="10"/>
    </row>
    <row r="62566" spans="14:14">
      <c r="N62566" s="10"/>
    </row>
    <row r="62567" spans="14:14">
      <c r="N62567" s="10"/>
    </row>
    <row r="62568" spans="14:14">
      <c r="N62568" s="10"/>
    </row>
    <row r="62569" spans="14:14">
      <c r="N62569" s="10"/>
    </row>
    <row r="62570" spans="14:14">
      <c r="N62570" s="10"/>
    </row>
    <row r="62571" spans="14:14">
      <c r="N62571" s="10"/>
    </row>
    <row r="62572" spans="14:14">
      <c r="N62572" s="10"/>
    </row>
    <row r="62573" spans="14:14">
      <c r="N62573" s="10"/>
    </row>
    <row r="62574" spans="14:14">
      <c r="N62574" s="10"/>
    </row>
    <row r="62575" spans="14:14">
      <c r="N62575" s="10"/>
    </row>
    <row r="62576" spans="14:14">
      <c r="N62576" s="10"/>
    </row>
    <row r="62577" spans="14:14">
      <c r="N62577" s="10"/>
    </row>
    <row r="62578" spans="14:14">
      <c r="N62578" s="10"/>
    </row>
    <row r="62579" spans="14:14">
      <c r="N62579" s="10"/>
    </row>
    <row r="62580" spans="14:14">
      <c r="N62580" s="10"/>
    </row>
    <row r="62581" spans="14:14">
      <c r="N62581" s="10"/>
    </row>
    <row r="62582" spans="14:14">
      <c r="N62582" s="10"/>
    </row>
    <row r="62583" spans="14:14">
      <c r="N62583" s="10"/>
    </row>
    <row r="62584" spans="14:14">
      <c r="N62584" s="10"/>
    </row>
    <row r="62585" spans="14:14">
      <c r="N62585" s="10"/>
    </row>
    <row r="62586" spans="14:14">
      <c r="N62586" s="10"/>
    </row>
    <row r="62587" spans="14:14">
      <c r="N62587" s="10"/>
    </row>
    <row r="62588" spans="14:14">
      <c r="N62588" s="10"/>
    </row>
    <row r="62589" spans="14:14">
      <c r="N62589" s="10"/>
    </row>
    <row r="62590" spans="14:14">
      <c r="N62590" s="10"/>
    </row>
    <row r="62591" spans="14:14">
      <c r="N62591" s="10"/>
    </row>
    <row r="62592" spans="14:14">
      <c r="N62592" s="10"/>
    </row>
    <row r="62593" spans="14:14">
      <c r="N62593" s="10"/>
    </row>
    <row r="62594" spans="14:14">
      <c r="N62594" s="10"/>
    </row>
    <row r="62595" spans="14:14">
      <c r="N62595" s="10"/>
    </row>
    <row r="62596" spans="14:14">
      <c r="N62596" s="10"/>
    </row>
    <row r="62597" spans="14:14">
      <c r="N62597" s="10"/>
    </row>
    <row r="62598" spans="14:14">
      <c r="N62598" s="10"/>
    </row>
    <row r="62599" spans="14:14">
      <c r="N62599" s="10"/>
    </row>
    <row r="62600" spans="14:14">
      <c r="N62600" s="10"/>
    </row>
    <row r="62601" spans="14:14">
      <c r="N62601" s="10"/>
    </row>
    <row r="62602" spans="14:14">
      <c r="N62602" s="10"/>
    </row>
    <row r="62603" spans="14:14">
      <c r="N62603" s="10"/>
    </row>
    <row r="62604" spans="14:14">
      <c r="N62604" s="10"/>
    </row>
    <row r="62605" spans="14:14">
      <c r="N62605" s="10"/>
    </row>
    <row r="62606" spans="14:14">
      <c r="N62606" s="10"/>
    </row>
    <row r="62607" spans="14:14">
      <c r="N62607" s="10"/>
    </row>
    <row r="62608" spans="14:14">
      <c r="N62608" s="10"/>
    </row>
    <row r="62609" spans="14:14">
      <c r="N62609" s="10"/>
    </row>
    <row r="62610" spans="14:14">
      <c r="N62610" s="10"/>
    </row>
    <row r="62611" spans="14:14">
      <c r="N62611" s="10"/>
    </row>
    <row r="62612" spans="14:14">
      <c r="N62612" s="10"/>
    </row>
    <row r="62613" spans="14:14">
      <c r="N62613" s="10"/>
    </row>
    <row r="62614" spans="14:14">
      <c r="N62614" s="10"/>
    </row>
    <row r="62615" spans="14:14">
      <c r="N62615" s="10"/>
    </row>
    <row r="62616" spans="14:14">
      <c r="N62616" s="10"/>
    </row>
    <row r="62617" spans="14:14">
      <c r="N62617" s="10"/>
    </row>
    <row r="62618" spans="14:14">
      <c r="N62618" s="10"/>
    </row>
    <row r="62619" spans="14:14">
      <c r="N62619" s="10"/>
    </row>
    <row r="62620" spans="14:14">
      <c r="N62620" s="10"/>
    </row>
    <row r="62621" spans="14:14">
      <c r="N62621" s="10"/>
    </row>
    <row r="62622" spans="14:14">
      <c r="N62622" s="10"/>
    </row>
    <row r="62623" spans="14:14">
      <c r="N62623" s="10"/>
    </row>
    <row r="62624" spans="14:14">
      <c r="N62624" s="10"/>
    </row>
    <row r="62625" spans="14:14">
      <c r="N62625" s="10"/>
    </row>
    <row r="62626" spans="14:14">
      <c r="N62626" s="10"/>
    </row>
    <row r="62627" spans="14:14">
      <c r="N62627" s="10"/>
    </row>
    <row r="62628" spans="14:14">
      <c r="N62628" s="10"/>
    </row>
    <row r="62629" spans="14:14">
      <c r="N62629" s="10"/>
    </row>
    <row r="62630" spans="14:14">
      <c r="N62630" s="10"/>
    </row>
    <row r="62631" spans="14:14">
      <c r="N62631" s="10"/>
    </row>
    <row r="62632" spans="14:14">
      <c r="N62632" s="10"/>
    </row>
    <row r="62633" spans="14:14">
      <c r="N62633" s="10"/>
    </row>
    <row r="62634" spans="14:14">
      <c r="N62634" s="10"/>
    </row>
    <row r="62635" spans="14:14">
      <c r="N62635" s="10"/>
    </row>
    <row r="62636" spans="14:14">
      <c r="N62636" s="10"/>
    </row>
    <row r="62637" spans="14:14">
      <c r="N62637" s="10"/>
    </row>
    <row r="62638" spans="14:14">
      <c r="N62638" s="10"/>
    </row>
    <row r="62639" spans="14:14">
      <c r="N62639" s="10"/>
    </row>
    <row r="62640" spans="14:14">
      <c r="N62640" s="10"/>
    </row>
    <row r="62641" spans="14:14">
      <c r="N62641" s="10"/>
    </row>
    <row r="62642" spans="14:14">
      <c r="N62642" s="10"/>
    </row>
    <row r="62643" spans="14:14">
      <c r="N62643" s="10"/>
    </row>
    <row r="62644" spans="14:14">
      <c r="N62644" s="10"/>
    </row>
    <row r="62645" spans="14:14">
      <c r="N62645" s="10"/>
    </row>
    <row r="62646" spans="14:14">
      <c r="N62646" s="10"/>
    </row>
    <row r="62647" spans="14:14">
      <c r="N62647" s="10"/>
    </row>
    <row r="62648" spans="14:14">
      <c r="N62648" s="10"/>
    </row>
    <row r="62649" spans="14:14">
      <c r="N62649" s="10"/>
    </row>
    <row r="62650" spans="14:14">
      <c r="N62650" s="10"/>
    </row>
    <row r="62651" spans="14:14">
      <c r="N62651" s="10"/>
    </row>
    <row r="62652" spans="14:14">
      <c r="N62652" s="10"/>
    </row>
    <row r="62653" spans="14:14">
      <c r="N62653" s="10"/>
    </row>
    <row r="62654" spans="14:14">
      <c r="N62654" s="10"/>
    </row>
    <row r="62655" spans="14:14">
      <c r="N62655" s="10"/>
    </row>
    <row r="62656" spans="14:14">
      <c r="N62656" s="10"/>
    </row>
    <row r="62657" spans="14:14">
      <c r="N62657" s="10"/>
    </row>
    <row r="62658" spans="14:14">
      <c r="N62658" s="10"/>
    </row>
    <row r="62659" spans="14:14">
      <c r="N62659" s="10"/>
    </row>
    <row r="62660" spans="14:14">
      <c r="N62660" s="10"/>
    </row>
    <row r="62661" spans="14:14">
      <c r="N62661" s="10"/>
    </row>
    <row r="62662" spans="14:14">
      <c r="N62662" s="10"/>
    </row>
    <row r="62663" spans="14:14">
      <c r="N62663" s="10"/>
    </row>
    <row r="62664" spans="14:14">
      <c r="N62664" s="10"/>
    </row>
    <row r="62665" spans="14:14">
      <c r="N62665" s="10"/>
    </row>
    <row r="62666" spans="14:14">
      <c r="N62666" s="10"/>
    </row>
    <row r="62667" spans="14:14">
      <c r="N62667" s="10"/>
    </row>
    <row r="62668" spans="14:14">
      <c r="N62668" s="10"/>
    </row>
    <row r="62669" spans="14:14">
      <c r="N62669" s="10"/>
    </row>
    <row r="62670" spans="14:14">
      <c r="N62670" s="10"/>
    </row>
    <row r="62671" spans="14:14">
      <c r="N62671" s="10"/>
    </row>
    <row r="62672" spans="14:14">
      <c r="N62672" s="10"/>
    </row>
    <row r="62673" spans="14:14">
      <c r="N62673" s="10"/>
    </row>
    <row r="62674" spans="14:14">
      <c r="N62674" s="10"/>
    </row>
    <row r="62675" spans="14:14">
      <c r="N62675" s="10"/>
    </row>
    <row r="62676" spans="14:14">
      <c r="N62676" s="10"/>
    </row>
    <row r="62677" spans="14:14">
      <c r="N62677" s="10"/>
    </row>
    <row r="62678" spans="14:14">
      <c r="N62678" s="10"/>
    </row>
    <row r="62679" spans="14:14">
      <c r="N62679" s="10"/>
    </row>
    <row r="62680" spans="14:14">
      <c r="N62680" s="10"/>
    </row>
    <row r="62681" spans="14:14">
      <c r="N62681" s="10"/>
    </row>
    <row r="62682" spans="14:14">
      <c r="N62682" s="10"/>
    </row>
    <row r="62683" spans="14:14">
      <c r="N62683" s="10"/>
    </row>
    <row r="62684" spans="14:14">
      <c r="N62684" s="10"/>
    </row>
    <row r="62685" spans="14:14">
      <c r="N62685" s="10"/>
    </row>
    <row r="62686" spans="14:14">
      <c r="N62686" s="10"/>
    </row>
    <row r="62687" spans="14:14">
      <c r="N62687" s="10"/>
    </row>
    <row r="62688" spans="14:14">
      <c r="N62688" s="10"/>
    </row>
    <row r="62689" spans="14:14">
      <c r="N62689" s="10"/>
    </row>
    <row r="62690" spans="14:14">
      <c r="N62690" s="10"/>
    </row>
    <row r="62691" spans="14:14">
      <c r="N62691" s="10"/>
    </row>
    <row r="62692" spans="14:14">
      <c r="N62692" s="10"/>
    </row>
    <row r="62693" spans="14:14">
      <c r="N62693" s="10"/>
    </row>
    <row r="62694" spans="14:14">
      <c r="N62694" s="10"/>
    </row>
    <row r="62695" spans="14:14">
      <c r="N62695" s="10"/>
    </row>
    <row r="62696" spans="14:14">
      <c r="N62696" s="10"/>
    </row>
    <row r="62697" spans="14:14">
      <c r="N62697" s="10"/>
    </row>
    <row r="62698" spans="14:14">
      <c r="N62698" s="10"/>
    </row>
    <row r="62699" spans="14:14">
      <c r="N62699" s="10"/>
    </row>
    <row r="62700" spans="14:14">
      <c r="N62700" s="10"/>
    </row>
    <row r="62701" spans="14:14">
      <c r="N62701" s="10"/>
    </row>
    <row r="62702" spans="14:14">
      <c r="N62702" s="10"/>
    </row>
    <row r="62703" spans="14:14">
      <c r="N62703" s="10"/>
    </row>
    <row r="62704" spans="14:14">
      <c r="N62704" s="10"/>
    </row>
    <row r="62705" spans="14:14">
      <c r="N62705" s="10"/>
    </row>
    <row r="62706" spans="14:14">
      <c r="N62706" s="10"/>
    </row>
    <row r="62707" spans="14:14">
      <c r="N62707" s="10"/>
    </row>
    <row r="62708" spans="14:14">
      <c r="N62708" s="10"/>
    </row>
    <row r="62709" spans="14:14">
      <c r="N62709" s="10"/>
    </row>
    <row r="62710" spans="14:14">
      <c r="N62710" s="10"/>
    </row>
    <row r="62711" spans="14:14">
      <c r="N62711" s="10"/>
    </row>
    <row r="62712" spans="14:14">
      <c r="N62712" s="10"/>
    </row>
    <row r="62713" spans="14:14">
      <c r="N62713" s="10"/>
    </row>
    <row r="62714" spans="14:14">
      <c r="N62714" s="10"/>
    </row>
    <row r="62715" spans="14:14">
      <c r="N62715" s="10"/>
    </row>
    <row r="62716" spans="14:14">
      <c r="N62716" s="10"/>
    </row>
    <row r="62717" spans="14:14">
      <c r="N62717" s="10"/>
    </row>
    <row r="62718" spans="14:14">
      <c r="N62718" s="10"/>
    </row>
    <row r="62719" spans="14:14">
      <c r="N62719" s="10"/>
    </row>
    <row r="62720" spans="14:14">
      <c r="N62720" s="10"/>
    </row>
    <row r="62721" spans="14:14">
      <c r="N62721" s="10"/>
    </row>
    <row r="62722" spans="14:14">
      <c r="N62722" s="10"/>
    </row>
    <row r="62723" spans="14:14">
      <c r="N62723" s="10"/>
    </row>
    <row r="62724" spans="14:14">
      <c r="N62724" s="10"/>
    </row>
    <row r="62725" spans="14:14">
      <c r="N62725" s="10"/>
    </row>
    <row r="62726" spans="14:14">
      <c r="N62726" s="10"/>
    </row>
    <row r="62727" spans="14:14">
      <c r="N62727" s="10"/>
    </row>
    <row r="62728" spans="14:14">
      <c r="N62728" s="10"/>
    </row>
    <row r="62729" spans="14:14">
      <c r="N62729" s="10"/>
    </row>
    <row r="62730" spans="14:14">
      <c r="N62730" s="10"/>
    </row>
    <row r="62731" spans="14:14">
      <c r="N62731" s="10"/>
    </row>
    <row r="62732" spans="14:14">
      <c r="N62732" s="10"/>
    </row>
    <row r="62733" spans="14:14">
      <c r="N62733" s="10"/>
    </row>
    <row r="62734" spans="14:14">
      <c r="N62734" s="10"/>
    </row>
    <row r="62735" spans="14:14">
      <c r="N62735" s="10"/>
    </row>
    <row r="62736" spans="14:14">
      <c r="N62736" s="10"/>
    </row>
    <row r="62737" spans="14:14">
      <c r="N62737" s="10"/>
    </row>
    <row r="62738" spans="14:14">
      <c r="N62738" s="10"/>
    </row>
    <row r="62739" spans="14:14">
      <c r="N62739" s="10"/>
    </row>
    <row r="62740" spans="14:14">
      <c r="N62740" s="10"/>
    </row>
    <row r="62741" spans="14:14">
      <c r="N62741" s="10"/>
    </row>
    <row r="62742" spans="14:14">
      <c r="N62742" s="10"/>
    </row>
    <row r="62743" spans="14:14">
      <c r="N62743" s="10"/>
    </row>
    <row r="62744" spans="14:14">
      <c r="N62744" s="10"/>
    </row>
    <row r="62745" spans="14:14">
      <c r="N62745" s="10"/>
    </row>
    <row r="62746" spans="14:14">
      <c r="N62746" s="10"/>
    </row>
    <row r="62747" spans="14:14">
      <c r="N62747" s="10"/>
    </row>
    <row r="62748" spans="14:14">
      <c r="N62748" s="10"/>
    </row>
    <row r="62749" spans="14:14">
      <c r="N62749" s="10"/>
    </row>
    <row r="62750" spans="14:14">
      <c r="N62750" s="10"/>
    </row>
    <row r="62751" spans="14:14">
      <c r="N62751" s="10"/>
    </row>
    <row r="62752" spans="14:14">
      <c r="N62752" s="10"/>
    </row>
    <row r="62753" spans="14:14">
      <c r="N62753" s="10"/>
    </row>
    <row r="62754" spans="14:14">
      <c r="N62754" s="10"/>
    </row>
    <row r="62755" spans="14:14">
      <c r="N62755" s="10"/>
    </row>
    <row r="62756" spans="14:14">
      <c r="N62756" s="10"/>
    </row>
    <row r="62757" spans="14:14">
      <c r="N62757" s="10"/>
    </row>
    <row r="62758" spans="14:14">
      <c r="N62758" s="10"/>
    </row>
    <row r="62759" spans="14:14">
      <c r="N62759" s="10"/>
    </row>
    <row r="62760" spans="14:14">
      <c r="N62760" s="10"/>
    </row>
    <row r="62761" spans="14:14">
      <c r="N62761" s="10"/>
    </row>
    <row r="62762" spans="14:14">
      <c r="N62762" s="10"/>
    </row>
    <row r="62763" spans="14:14">
      <c r="N62763" s="10"/>
    </row>
    <row r="62764" spans="14:14">
      <c r="N62764" s="10"/>
    </row>
    <row r="62765" spans="14:14">
      <c r="N62765" s="10"/>
    </row>
    <row r="62766" spans="14:14">
      <c r="N62766" s="10"/>
    </row>
    <row r="62767" spans="14:14">
      <c r="N62767" s="10"/>
    </row>
    <row r="62768" spans="14:14">
      <c r="N62768" s="10"/>
    </row>
    <row r="62769" spans="14:14">
      <c r="N62769" s="10"/>
    </row>
    <row r="62770" spans="14:14">
      <c r="N62770" s="10"/>
    </row>
    <row r="62771" spans="14:14">
      <c r="N62771" s="10"/>
    </row>
    <row r="62772" spans="14:14">
      <c r="N62772" s="10"/>
    </row>
    <row r="62773" spans="14:14">
      <c r="N62773" s="10"/>
    </row>
    <row r="62774" spans="14:14">
      <c r="N62774" s="10"/>
    </row>
    <row r="62775" spans="14:14">
      <c r="N62775" s="10"/>
    </row>
    <row r="62776" spans="14:14">
      <c r="N62776" s="10"/>
    </row>
    <row r="62777" spans="14:14">
      <c r="N62777" s="10"/>
    </row>
    <row r="62778" spans="14:14">
      <c r="N62778" s="10"/>
    </row>
    <row r="62779" spans="14:14">
      <c r="N62779" s="10"/>
    </row>
    <row r="62780" spans="14:14">
      <c r="N62780" s="10"/>
    </row>
    <row r="62781" spans="14:14">
      <c r="N62781" s="10"/>
    </row>
    <row r="62782" spans="14:14">
      <c r="N62782" s="10"/>
    </row>
    <row r="62783" spans="14:14">
      <c r="N62783" s="10"/>
    </row>
    <row r="62784" spans="14:14">
      <c r="N62784" s="10"/>
    </row>
    <row r="62785" spans="14:14">
      <c r="N62785" s="10"/>
    </row>
    <row r="62786" spans="14:14">
      <c r="N62786" s="10"/>
    </row>
    <row r="62787" spans="14:14">
      <c r="N62787" s="10"/>
    </row>
    <row r="62788" spans="14:14">
      <c r="N62788" s="10"/>
    </row>
    <row r="62789" spans="14:14">
      <c r="N62789" s="10"/>
    </row>
    <row r="62790" spans="14:14">
      <c r="N62790" s="10"/>
    </row>
    <row r="62791" spans="14:14">
      <c r="N62791" s="10"/>
    </row>
    <row r="62792" spans="14:14">
      <c r="N62792" s="10"/>
    </row>
    <row r="62793" spans="14:14">
      <c r="N62793" s="10"/>
    </row>
    <row r="62794" spans="14:14">
      <c r="N62794" s="10"/>
    </row>
    <row r="62795" spans="14:14">
      <c r="N62795" s="10"/>
    </row>
    <row r="62796" spans="14:14">
      <c r="N62796" s="10"/>
    </row>
    <row r="62797" spans="14:14">
      <c r="N62797" s="10"/>
    </row>
    <row r="62798" spans="14:14">
      <c r="N62798" s="10"/>
    </row>
    <row r="62799" spans="14:14">
      <c r="N62799" s="10"/>
    </row>
    <row r="62800" spans="14:14">
      <c r="N62800" s="10"/>
    </row>
    <row r="62801" spans="14:14">
      <c r="N62801" s="10"/>
    </row>
    <row r="62802" spans="14:14">
      <c r="N62802" s="10"/>
    </row>
    <row r="62803" spans="14:14">
      <c r="N62803" s="10"/>
    </row>
    <row r="62804" spans="14:14">
      <c r="N62804" s="10"/>
    </row>
    <row r="62805" spans="14:14">
      <c r="N62805" s="10"/>
    </row>
    <row r="62806" spans="14:14">
      <c r="N62806" s="10"/>
    </row>
    <row r="62807" spans="14:14">
      <c r="N62807" s="10"/>
    </row>
    <row r="62808" spans="14:14">
      <c r="N62808" s="10"/>
    </row>
    <row r="62809" spans="14:14">
      <c r="N62809" s="10"/>
    </row>
    <row r="62810" spans="14:14">
      <c r="N62810" s="10"/>
    </row>
    <row r="62811" spans="14:14">
      <c r="N62811" s="10"/>
    </row>
    <row r="62812" spans="14:14">
      <c r="N62812" s="10"/>
    </row>
    <row r="62813" spans="14:14">
      <c r="N62813" s="10"/>
    </row>
    <row r="62814" spans="14:14">
      <c r="N62814" s="10"/>
    </row>
    <row r="62815" spans="14:14">
      <c r="N62815" s="10"/>
    </row>
    <row r="62816" spans="14:14">
      <c r="N62816" s="10"/>
    </row>
    <row r="62817" spans="14:14">
      <c r="N62817" s="10"/>
    </row>
    <row r="62818" spans="14:14">
      <c r="N62818" s="10"/>
    </row>
    <row r="62819" spans="14:14">
      <c r="N62819" s="10"/>
    </row>
    <row r="62820" spans="14:14">
      <c r="N62820" s="10"/>
    </row>
    <row r="62821" spans="14:14">
      <c r="N62821" s="10"/>
    </row>
    <row r="62822" spans="14:14">
      <c r="N62822" s="10"/>
    </row>
    <row r="62823" spans="14:14">
      <c r="N62823" s="10"/>
    </row>
    <row r="62824" spans="14:14">
      <c r="N62824" s="10"/>
    </row>
    <row r="62825" spans="14:14">
      <c r="N62825" s="10"/>
    </row>
    <row r="62826" spans="14:14">
      <c r="N62826" s="10"/>
    </row>
    <row r="62827" spans="14:14">
      <c r="N62827" s="10"/>
    </row>
    <row r="62828" spans="14:14">
      <c r="N62828" s="10"/>
    </row>
    <row r="62829" spans="14:14">
      <c r="N62829" s="10"/>
    </row>
    <row r="62830" spans="14:14">
      <c r="N62830" s="10"/>
    </row>
    <row r="62831" spans="14:14">
      <c r="N62831" s="10"/>
    </row>
    <row r="62832" spans="14:14">
      <c r="N62832" s="10"/>
    </row>
    <row r="62833" spans="14:14">
      <c r="N62833" s="10"/>
    </row>
    <row r="62834" spans="14:14">
      <c r="N62834" s="10"/>
    </row>
    <row r="62835" spans="14:14">
      <c r="N62835" s="10"/>
    </row>
    <row r="62836" spans="14:14">
      <c r="N62836" s="10"/>
    </row>
    <row r="62837" spans="14:14">
      <c r="N62837" s="10"/>
    </row>
    <row r="62838" spans="14:14">
      <c r="N62838" s="10"/>
    </row>
    <row r="62839" spans="14:14">
      <c r="N62839" s="10"/>
    </row>
    <row r="62840" spans="14:14">
      <c r="N62840" s="10"/>
    </row>
    <row r="62841" spans="14:14">
      <c r="N62841" s="10"/>
    </row>
    <row r="62842" spans="14:14">
      <c r="N62842" s="10"/>
    </row>
    <row r="62843" spans="14:14">
      <c r="N62843" s="10"/>
    </row>
    <row r="62844" spans="14:14">
      <c r="N62844" s="10"/>
    </row>
    <row r="62845" spans="14:14">
      <c r="N62845" s="10"/>
    </row>
    <row r="62846" spans="14:14">
      <c r="N62846" s="10"/>
    </row>
    <row r="62847" spans="14:14">
      <c r="N62847" s="10"/>
    </row>
    <row r="62848" spans="14:14">
      <c r="N62848" s="10"/>
    </row>
    <row r="62849" spans="14:14">
      <c r="N62849" s="10"/>
    </row>
    <row r="62850" spans="14:14">
      <c r="N62850" s="10"/>
    </row>
    <row r="62851" spans="14:14">
      <c r="N62851" s="10"/>
    </row>
    <row r="62852" spans="14:14">
      <c r="N62852" s="10"/>
    </row>
    <row r="62853" spans="14:14">
      <c r="N62853" s="10"/>
    </row>
    <row r="62854" spans="14:14">
      <c r="N62854" s="10"/>
    </row>
    <row r="62855" spans="14:14">
      <c r="N62855" s="10"/>
    </row>
    <row r="62856" spans="14:14">
      <c r="N62856" s="10"/>
    </row>
    <row r="62857" spans="14:14">
      <c r="N62857" s="10"/>
    </row>
    <row r="62858" spans="14:14">
      <c r="N62858" s="10"/>
    </row>
    <row r="62859" spans="14:14">
      <c r="N62859" s="10"/>
    </row>
    <row r="62860" spans="14:14">
      <c r="N62860" s="10"/>
    </row>
    <row r="62861" spans="14:14">
      <c r="N62861" s="10"/>
    </row>
    <row r="62862" spans="14:14">
      <c r="N62862" s="10"/>
    </row>
    <row r="62863" spans="14:14">
      <c r="N62863" s="10"/>
    </row>
    <row r="62864" spans="14:14">
      <c r="N62864" s="10"/>
    </row>
    <row r="62865" spans="14:14">
      <c r="N62865" s="10"/>
    </row>
    <row r="62866" spans="14:14">
      <c r="N62866" s="10"/>
    </row>
    <row r="62867" spans="14:14">
      <c r="N62867" s="10"/>
    </row>
    <row r="62868" spans="14:14">
      <c r="N62868" s="10"/>
    </row>
    <row r="62869" spans="14:14">
      <c r="N62869" s="10"/>
    </row>
    <row r="62870" spans="14:14">
      <c r="N62870" s="10"/>
    </row>
    <row r="62871" spans="14:14">
      <c r="N62871" s="10"/>
    </row>
    <row r="62872" spans="14:14">
      <c r="N62872" s="10"/>
    </row>
    <row r="62873" spans="14:14">
      <c r="N62873" s="10"/>
    </row>
    <row r="62874" spans="14:14">
      <c r="N62874" s="10"/>
    </row>
    <row r="62875" spans="14:14">
      <c r="N62875" s="10"/>
    </row>
    <row r="62876" spans="14:14">
      <c r="N62876" s="10"/>
    </row>
    <row r="62877" spans="14:14">
      <c r="N62877" s="10"/>
    </row>
    <row r="62878" spans="14:14">
      <c r="N62878" s="10"/>
    </row>
    <row r="62879" spans="14:14">
      <c r="N62879" s="10"/>
    </row>
    <row r="62880" spans="14:14">
      <c r="N62880" s="10"/>
    </row>
    <row r="62881" spans="14:14">
      <c r="N62881" s="10"/>
    </row>
    <row r="62882" spans="14:14">
      <c r="N62882" s="10"/>
    </row>
    <row r="62883" spans="14:14">
      <c r="N62883" s="10"/>
    </row>
    <row r="62884" spans="14:14">
      <c r="N62884" s="10"/>
    </row>
    <row r="62885" spans="14:14">
      <c r="N62885" s="10"/>
    </row>
    <row r="62886" spans="14:14">
      <c r="N62886" s="10"/>
    </row>
    <row r="62887" spans="14:14">
      <c r="N62887" s="10"/>
    </row>
    <row r="62888" spans="14:14">
      <c r="N62888" s="10"/>
    </row>
    <row r="62889" spans="14:14">
      <c r="N62889" s="10"/>
    </row>
    <row r="62890" spans="14:14">
      <c r="N62890" s="10"/>
    </row>
    <row r="62891" spans="14:14">
      <c r="N62891" s="10"/>
    </row>
    <row r="62892" spans="14:14">
      <c r="N62892" s="10"/>
    </row>
    <row r="62893" spans="14:14">
      <c r="N62893" s="10"/>
    </row>
    <row r="62894" spans="14:14">
      <c r="N62894" s="10"/>
    </row>
    <row r="62895" spans="14:14">
      <c r="N62895" s="10"/>
    </row>
    <row r="62896" spans="14:14">
      <c r="N62896" s="10"/>
    </row>
    <row r="62897" spans="14:14">
      <c r="N62897" s="10"/>
    </row>
    <row r="62898" spans="14:14">
      <c r="N62898" s="10"/>
    </row>
    <row r="62899" spans="14:14">
      <c r="N62899" s="10"/>
    </row>
    <row r="62900" spans="14:14">
      <c r="N62900" s="10"/>
    </row>
    <row r="62901" spans="14:14">
      <c r="N62901" s="10"/>
    </row>
    <row r="62902" spans="14:14">
      <c r="N62902" s="10"/>
    </row>
    <row r="62903" spans="14:14">
      <c r="N62903" s="10"/>
    </row>
    <row r="62904" spans="14:14">
      <c r="N62904" s="10"/>
    </row>
    <row r="62905" spans="14:14">
      <c r="N62905" s="10"/>
    </row>
    <row r="62906" spans="14:14">
      <c r="N62906" s="10"/>
    </row>
    <row r="62907" spans="14:14">
      <c r="N62907" s="10"/>
    </row>
    <row r="62908" spans="14:14">
      <c r="N62908" s="10"/>
    </row>
    <row r="62909" spans="14:14">
      <c r="N62909" s="10"/>
    </row>
    <row r="62910" spans="14:14">
      <c r="N62910" s="10"/>
    </row>
    <row r="62911" spans="14:14">
      <c r="N62911" s="10"/>
    </row>
    <row r="62912" spans="14:14">
      <c r="N62912" s="10"/>
    </row>
    <row r="62913" spans="14:14">
      <c r="N62913" s="10"/>
    </row>
    <row r="62914" spans="14:14">
      <c r="N62914" s="10"/>
    </row>
    <row r="62915" spans="14:14">
      <c r="N62915" s="10"/>
    </row>
    <row r="62916" spans="14:14">
      <c r="N62916" s="10"/>
    </row>
    <row r="62917" spans="14:14">
      <c r="N62917" s="10"/>
    </row>
    <row r="62918" spans="14:14">
      <c r="N62918" s="10"/>
    </row>
    <row r="62919" spans="14:14">
      <c r="N62919" s="10"/>
    </row>
    <row r="62920" spans="14:14">
      <c r="N62920" s="10"/>
    </row>
    <row r="62921" spans="14:14">
      <c r="N62921" s="10"/>
    </row>
    <row r="62922" spans="14:14">
      <c r="N62922" s="10"/>
    </row>
    <row r="62923" spans="14:14">
      <c r="N62923" s="10"/>
    </row>
    <row r="62924" spans="14:14">
      <c r="N62924" s="10"/>
    </row>
    <row r="62925" spans="14:14">
      <c r="N62925" s="10"/>
    </row>
    <row r="62926" spans="14:14">
      <c r="N62926" s="10"/>
    </row>
    <row r="62927" spans="14:14">
      <c r="N62927" s="10"/>
    </row>
    <row r="62928" spans="14:14">
      <c r="N62928" s="10"/>
    </row>
    <row r="62929" spans="14:14">
      <c r="N62929" s="10"/>
    </row>
    <row r="62930" spans="14:14">
      <c r="N62930" s="10"/>
    </row>
    <row r="62931" spans="14:14">
      <c r="N62931" s="10"/>
    </row>
    <row r="62932" spans="14:14">
      <c r="N62932" s="10"/>
    </row>
    <row r="62933" spans="14:14">
      <c r="N62933" s="10"/>
    </row>
    <row r="62934" spans="14:14">
      <c r="N62934" s="10"/>
    </row>
    <row r="62935" spans="14:14">
      <c r="N62935" s="10"/>
    </row>
    <row r="62936" spans="14:14">
      <c r="N62936" s="10"/>
    </row>
    <row r="62937" spans="14:14">
      <c r="N62937" s="10"/>
    </row>
    <row r="62938" spans="14:14">
      <c r="N62938" s="10"/>
    </row>
    <row r="62939" spans="14:14">
      <c r="N62939" s="10"/>
    </row>
    <row r="62940" spans="14:14">
      <c r="N62940" s="10"/>
    </row>
    <row r="62941" spans="14:14">
      <c r="N62941" s="10"/>
    </row>
    <row r="62942" spans="14:14">
      <c r="N62942" s="10"/>
    </row>
    <row r="62943" spans="14:14">
      <c r="N62943" s="10"/>
    </row>
    <row r="62944" spans="14:14">
      <c r="N62944" s="10"/>
    </row>
    <row r="62945" spans="14:14">
      <c r="N62945" s="10"/>
    </row>
    <row r="62946" spans="14:14">
      <c r="N62946" s="10"/>
    </row>
    <row r="62947" spans="14:14">
      <c r="N62947" s="10"/>
    </row>
    <row r="62948" spans="14:14">
      <c r="N62948" s="10"/>
    </row>
    <row r="62949" spans="14:14">
      <c r="N62949" s="10"/>
    </row>
    <row r="62950" spans="14:14">
      <c r="N62950" s="10"/>
    </row>
    <row r="62951" spans="14:14">
      <c r="N62951" s="10"/>
    </row>
    <row r="62952" spans="14:14">
      <c r="N62952" s="10"/>
    </row>
    <row r="62953" spans="14:14">
      <c r="N62953" s="10"/>
    </row>
    <row r="62954" spans="14:14">
      <c r="N62954" s="10"/>
    </row>
    <row r="62955" spans="14:14">
      <c r="N62955" s="10"/>
    </row>
    <row r="62956" spans="14:14">
      <c r="N62956" s="10"/>
    </row>
    <row r="62957" spans="14:14">
      <c r="N62957" s="10"/>
    </row>
    <row r="62958" spans="14:14">
      <c r="N62958" s="10"/>
    </row>
    <row r="62959" spans="14:14">
      <c r="N62959" s="10"/>
    </row>
    <row r="62960" spans="14:14">
      <c r="N62960" s="10"/>
    </row>
    <row r="62961" spans="14:14">
      <c r="N62961" s="10"/>
    </row>
    <row r="62962" spans="14:14">
      <c r="N62962" s="10"/>
    </row>
    <row r="62963" spans="14:14">
      <c r="N62963" s="10"/>
    </row>
    <row r="62964" spans="14:14">
      <c r="N62964" s="10"/>
    </row>
    <row r="62965" spans="14:14">
      <c r="N62965" s="10"/>
    </row>
    <row r="62966" spans="14:14">
      <c r="N62966" s="10"/>
    </row>
    <row r="62967" spans="14:14">
      <c r="N62967" s="10"/>
    </row>
    <row r="62968" spans="14:14">
      <c r="N62968" s="10"/>
    </row>
    <row r="62969" spans="14:14">
      <c r="N62969" s="10"/>
    </row>
    <row r="62970" spans="14:14">
      <c r="N62970" s="10"/>
    </row>
    <row r="62971" spans="14:14">
      <c r="N62971" s="10"/>
    </row>
    <row r="62972" spans="14:14">
      <c r="N62972" s="10"/>
    </row>
    <row r="62973" spans="14:14">
      <c r="N62973" s="10"/>
    </row>
    <row r="62974" spans="14:14">
      <c r="N62974" s="10"/>
    </row>
    <row r="62975" spans="14:14">
      <c r="N62975" s="10"/>
    </row>
    <row r="62976" spans="14:14">
      <c r="N62976" s="10"/>
    </row>
    <row r="62977" spans="14:14">
      <c r="N62977" s="10"/>
    </row>
    <row r="62978" spans="14:14">
      <c r="N62978" s="10"/>
    </row>
    <row r="62979" spans="14:14">
      <c r="N62979" s="10"/>
    </row>
    <row r="62980" spans="14:14">
      <c r="N62980" s="10"/>
    </row>
    <row r="62981" spans="14:14">
      <c r="N62981" s="10"/>
    </row>
    <row r="62982" spans="14:14">
      <c r="N62982" s="10"/>
    </row>
    <row r="62983" spans="14:14">
      <c r="N62983" s="10"/>
    </row>
    <row r="62984" spans="14:14">
      <c r="N62984" s="10"/>
    </row>
    <row r="62985" spans="14:14">
      <c r="N62985" s="10"/>
    </row>
    <row r="62986" spans="14:14">
      <c r="N62986" s="10"/>
    </row>
    <row r="62987" spans="14:14">
      <c r="N62987" s="10"/>
    </row>
    <row r="62988" spans="14:14">
      <c r="N62988" s="10"/>
    </row>
    <row r="62989" spans="14:14">
      <c r="N62989" s="10"/>
    </row>
    <row r="62990" spans="14:14">
      <c r="N62990" s="10"/>
    </row>
    <row r="62991" spans="14:14">
      <c r="N62991" s="10"/>
    </row>
    <row r="62992" spans="14:14">
      <c r="N62992" s="10"/>
    </row>
    <row r="62993" spans="14:14">
      <c r="N62993" s="10"/>
    </row>
    <row r="62994" spans="14:14">
      <c r="N62994" s="10"/>
    </row>
    <row r="62995" spans="14:14">
      <c r="N62995" s="10"/>
    </row>
    <row r="62996" spans="14:14">
      <c r="N62996" s="10"/>
    </row>
    <row r="62997" spans="14:14">
      <c r="N62997" s="10"/>
    </row>
    <row r="62998" spans="14:14">
      <c r="N62998" s="10"/>
    </row>
    <row r="62999" spans="14:14">
      <c r="N62999" s="10"/>
    </row>
    <row r="63000" spans="14:14">
      <c r="N63000" s="10"/>
    </row>
    <row r="63001" spans="14:14">
      <c r="N63001" s="10"/>
    </row>
    <row r="63002" spans="14:14">
      <c r="N63002" s="10"/>
    </row>
    <row r="63003" spans="14:14">
      <c r="N63003" s="10"/>
    </row>
    <row r="63004" spans="14:14">
      <c r="N63004" s="10"/>
    </row>
    <row r="63005" spans="14:14">
      <c r="N63005" s="10"/>
    </row>
    <row r="63006" spans="14:14">
      <c r="N63006" s="10"/>
    </row>
    <row r="63007" spans="14:14">
      <c r="N63007" s="10"/>
    </row>
    <row r="63008" spans="14:14">
      <c r="N63008" s="10"/>
    </row>
    <row r="63009" spans="14:14">
      <c r="N63009" s="10"/>
    </row>
    <row r="63010" spans="14:14">
      <c r="N63010" s="10"/>
    </row>
    <row r="63011" spans="14:14">
      <c r="N63011" s="10"/>
    </row>
    <row r="63012" spans="14:14">
      <c r="N63012" s="10"/>
    </row>
    <row r="63013" spans="14:14">
      <c r="N63013" s="10"/>
    </row>
    <row r="63014" spans="14:14">
      <c r="N63014" s="10"/>
    </row>
    <row r="63015" spans="14:14">
      <c r="N63015" s="10"/>
    </row>
    <row r="63016" spans="14:14">
      <c r="N63016" s="10"/>
    </row>
    <row r="63017" spans="14:14">
      <c r="N63017" s="10"/>
    </row>
    <row r="63018" spans="14:14">
      <c r="N63018" s="10"/>
    </row>
    <row r="63019" spans="14:14">
      <c r="N63019" s="10"/>
    </row>
    <row r="63020" spans="14:14">
      <c r="N63020" s="10"/>
    </row>
    <row r="63021" spans="14:14">
      <c r="N63021" s="10"/>
    </row>
    <row r="63022" spans="14:14">
      <c r="N63022" s="10"/>
    </row>
    <row r="63023" spans="14:14">
      <c r="N63023" s="10"/>
    </row>
    <row r="63024" spans="14:14">
      <c r="N63024" s="10"/>
    </row>
    <row r="63025" spans="14:14">
      <c r="N63025" s="10"/>
    </row>
    <row r="63026" spans="14:14">
      <c r="N63026" s="10"/>
    </row>
    <row r="63027" spans="14:14">
      <c r="N63027" s="10"/>
    </row>
    <row r="63028" spans="14:14">
      <c r="N63028" s="10"/>
    </row>
    <row r="63029" spans="14:14">
      <c r="N63029" s="10"/>
    </row>
    <row r="63030" spans="14:14">
      <c r="N63030" s="10"/>
    </row>
    <row r="63031" spans="14:14">
      <c r="N63031" s="10"/>
    </row>
    <row r="63032" spans="14:14">
      <c r="N63032" s="10"/>
    </row>
    <row r="63033" spans="14:14">
      <c r="N63033" s="10"/>
    </row>
    <row r="63034" spans="14:14">
      <c r="N63034" s="10"/>
    </row>
    <row r="63035" spans="14:14">
      <c r="N63035" s="10"/>
    </row>
    <row r="63036" spans="14:14">
      <c r="N63036" s="10"/>
    </row>
    <row r="63037" spans="14:14">
      <c r="N63037" s="10"/>
    </row>
    <row r="63038" spans="14:14">
      <c r="N63038" s="10"/>
    </row>
    <row r="63039" spans="14:14">
      <c r="N63039" s="10"/>
    </row>
    <row r="63040" spans="14:14">
      <c r="N63040" s="10"/>
    </row>
    <row r="63041" spans="14:14">
      <c r="N63041" s="10"/>
    </row>
    <row r="63042" spans="14:14">
      <c r="N63042" s="10"/>
    </row>
    <row r="63043" spans="14:14">
      <c r="N63043" s="10"/>
    </row>
    <row r="63044" spans="14:14">
      <c r="N63044" s="10"/>
    </row>
    <row r="63045" spans="14:14">
      <c r="N63045" s="10"/>
    </row>
    <row r="63046" spans="14:14">
      <c r="N63046" s="10"/>
    </row>
    <row r="63047" spans="14:14">
      <c r="N63047" s="10"/>
    </row>
    <row r="63048" spans="14:14">
      <c r="N63048" s="10"/>
    </row>
    <row r="63049" spans="14:14">
      <c r="N63049" s="10"/>
    </row>
    <row r="63050" spans="14:14">
      <c r="N63050" s="10"/>
    </row>
    <row r="63051" spans="14:14">
      <c r="N63051" s="10"/>
    </row>
    <row r="63052" spans="14:14">
      <c r="N63052" s="10"/>
    </row>
    <row r="63053" spans="14:14">
      <c r="N63053" s="10"/>
    </row>
    <row r="63054" spans="14:14">
      <c r="N63054" s="10"/>
    </row>
    <row r="63055" spans="14:14">
      <c r="N63055" s="10"/>
    </row>
    <row r="63056" spans="14:14">
      <c r="N63056" s="10"/>
    </row>
    <row r="63057" spans="14:14">
      <c r="N63057" s="10"/>
    </row>
    <row r="63058" spans="14:14">
      <c r="N63058" s="10"/>
    </row>
    <row r="63059" spans="14:14">
      <c r="N63059" s="10"/>
    </row>
    <row r="63060" spans="14:14">
      <c r="N63060" s="10"/>
    </row>
    <row r="63061" spans="14:14">
      <c r="N63061" s="10"/>
    </row>
    <row r="63062" spans="14:14">
      <c r="N63062" s="10"/>
    </row>
    <row r="63063" spans="14:14">
      <c r="N63063" s="10"/>
    </row>
    <row r="63064" spans="14:14">
      <c r="N63064" s="10"/>
    </row>
    <row r="63065" spans="14:14">
      <c r="N63065" s="10"/>
    </row>
    <row r="63066" spans="14:14">
      <c r="N63066" s="10"/>
    </row>
    <row r="63067" spans="14:14">
      <c r="N63067" s="10"/>
    </row>
    <row r="63068" spans="14:14">
      <c r="N63068" s="10"/>
    </row>
    <row r="63069" spans="14:14">
      <c r="N63069" s="10"/>
    </row>
    <row r="63070" spans="14:14">
      <c r="N63070" s="10"/>
    </row>
    <row r="63071" spans="14:14">
      <c r="N63071" s="10"/>
    </row>
    <row r="63072" spans="14:14">
      <c r="N63072" s="10"/>
    </row>
    <row r="63073" spans="14:14">
      <c r="N63073" s="10"/>
    </row>
    <row r="63074" spans="14:14">
      <c r="N63074" s="10"/>
    </row>
    <row r="63075" spans="14:14">
      <c r="N63075" s="10"/>
    </row>
    <row r="63076" spans="14:14">
      <c r="N63076" s="10"/>
    </row>
    <row r="63077" spans="14:14">
      <c r="N63077" s="10"/>
    </row>
    <row r="63078" spans="14:14">
      <c r="N63078" s="10"/>
    </row>
    <row r="63079" spans="14:14">
      <c r="N63079" s="10"/>
    </row>
    <row r="63080" spans="14:14">
      <c r="N63080" s="10"/>
    </row>
    <row r="63081" spans="14:14">
      <c r="N63081" s="10"/>
    </row>
    <row r="63082" spans="14:14">
      <c r="N63082" s="10"/>
    </row>
    <row r="63083" spans="14:14">
      <c r="N63083" s="10"/>
    </row>
    <row r="63084" spans="14:14">
      <c r="N63084" s="10"/>
    </row>
    <row r="63085" spans="14:14">
      <c r="N63085" s="10"/>
    </row>
    <row r="63086" spans="14:14">
      <c r="N63086" s="10"/>
    </row>
    <row r="63087" spans="14:14">
      <c r="N63087" s="10"/>
    </row>
    <row r="63088" spans="14:14">
      <c r="N63088" s="10"/>
    </row>
    <row r="63089" spans="14:14">
      <c r="N63089" s="10"/>
    </row>
    <row r="63090" spans="14:14">
      <c r="N63090" s="10"/>
    </row>
    <row r="63091" spans="14:14">
      <c r="N63091" s="10"/>
    </row>
    <row r="63092" spans="14:14">
      <c r="N63092" s="10"/>
    </row>
    <row r="63093" spans="14:14">
      <c r="N63093" s="10"/>
    </row>
    <row r="63094" spans="14:14">
      <c r="N63094" s="10"/>
    </row>
    <row r="63095" spans="14:14">
      <c r="N63095" s="10"/>
    </row>
    <row r="63096" spans="14:14">
      <c r="N63096" s="10"/>
    </row>
    <row r="63097" spans="14:14">
      <c r="N63097" s="10"/>
    </row>
    <row r="63098" spans="14:14">
      <c r="N63098" s="10"/>
    </row>
    <row r="63099" spans="14:14">
      <c r="N63099" s="10"/>
    </row>
    <row r="63100" spans="14:14">
      <c r="N63100" s="10"/>
    </row>
    <row r="63101" spans="14:14">
      <c r="N63101" s="10"/>
    </row>
    <row r="63102" spans="14:14">
      <c r="N63102" s="10"/>
    </row>
    <row r="63103" spans="14:14">
      <c r="N63103" s="10"/>
    </row>
    <row r="63104" spans="14:14">
      <c r="N63104" s="10"/>
    </row>
    <row r="63105" spans="14:14">
      <c r="N63105" s="10"/>
    </row>
    <row r="63106" spans="14:14">
      <c r="N63106" s="10"/>
    </row>
    <row r="63107" spans="14:14">
      <c r="N63107" s="10"/>
    </row>
    <row r="63108" spans="14:14">
      <c r="N63108" s="10"/>
    </row>
    <row r="63109" spans="14:14">
      <c r="N63109" s="10"/>
    </row>
    <row r="63110" spans="14:14">
      <c r="N63110" s="10"/>
    </row>
    <row r="63111" spans="14:14">
      <c r="N63111" s="10"/>
    </row>
    <row r="63112" spans="14:14">
      <c r="N63112" s="10"/>
    </row>
    <row r="63113" spans="14:14">
      <c r="N63113" s="10"/>
    </row>
    <row r="63114" spans="14:14">
      <c r="N63114" s="10"/>
    </row>
    <row r="63115" spans="14:14">
      <c r="N63115" s="10"/>
    </row>
    <row r="63116" spans="14:14">
      <c r="N63116" s="10"/>
    </row>
    <row r="63117" spans="14:14">
      <c r="N63117" s="10"/>
    </row>
    <row r="63118" spans="14:14">
      <c r="N63118" s="10"/>
    </row>
    <row r="63119" spans="14:14">
      <c r="N63119" s="10"/>
    </row>
    <row r="63120" spans="14:14">
      <c r="N63120" s="10"/>
    </row>
    <row r="63121" spans="14:14">
      <c r="N63121" s="10"/>
    </row>
    <row r="63122" spans="14:14">
      <c r="N63122" s="10"/>
    </row>
    <row r="63123" spans="14:14">
      <c r="N63123" s="10"/>
    </row>
    <row r="63124" spans="14:14">
      <c r="N63124" s="10"/>
    </row>
    <row r="63125" spans="14:14">
      <c r="N63125" s="10"/>
    </row>
    <row r="63126" spans="14:14">
      <c r="N63126" s="10"/>
    </row>
    <row r="63127" spans="14:14">
      <c r="N63127" s="10"/>
    </row>
    <row r="63128" spans="14:14">
      <c r="N63128" s="10"/>
    </row>
    <row r="63129" spans="14:14">
      <c r="N63129" s="10"/>
    </row>
    <row r="63130" spans="14:14">
      <c r="N63130" s="10"/>
    </row>
    <row r="63131" spans="14:14">
      <c r="N63131" s="10"/>
    </row>
    <row r="63132" spans="14:14">
      <c r="N63132" s="10"/>
    </row>
    <row r="63133" spans="14:14">
      <c r="N63133" s="10"/>
    </row>
    <row r="63134" spans="14:14">
      <c r="N63134" s="10"/>
    </row>
    <row r="63135" spans="14:14">
      <c r="N63135" s="10"/>
    </row>
    <row r="63136" spans="14:14">
      <c r="N63136" s="10"/>
    </row>
    <row r="63137" spans="14:14">
      <c r="N63137" s="10"/>
    </row>
    <row r="63138" spans="14:14">
      <c r="N63138" s="10"/>
    </row>
    <row r="63139" spans="14:14">
      <c r="N63139" s="10"/>
    </row>
    <row r="63140" spans="14:14">
      <c r="N63140" s="10"/>
    </row>
    <row r="63141" spans="14:14">
      <c r="N63141" s="10"/>
    </row>
    <row r="63142" spans="14:14">
      <c r="N63142" s="10"/>
    </row>
    <row r="63143" spans="14:14">
      <c r="N63143" s="10"/>
    </row>
    <row r="63144" spans="14:14">
      <c r="N63144" s="10"/>
    </row>
    <row r="63145" spans="14:14">
      <c r="N63145" s="10"/>
    </row>
    <row r="63146" spans="14:14">
      <c r="N63146" s="10"/>
    </row>
    <row r="63147" spans="14:14">
      <c r="N63147" s="10"/>
    </row>
    <row r="63148" spans="14:14">
      <c r="N63148" s="10"/>
    </row>
    <row r="63149" spans="14:14">
      <c r="N63149" s="10"/>
    </row>
    <row r="63150" spans="14:14">
      <c r="N63150" s="10"/>
    </row>
    <row r="63151" spans="14:14">
      <c r="N63151" s="10"/>
    </row>
    <row r="63152" spans="14:14">
      <c r="N63152" s="10"/>
    </row>
    <row r="63153" spans="14:14">
      <c r="N63153" s="10"/>
    </row>
    <row r="63154" spans="14:14">
      <c r="N63154" s="10"/>
    </row>
    <row r="63155" spans="14:14">
      <c r="N63155" s="10"/>
    </row>
    <row r="63156" spans="14:14">
      <c r="N63156" s="10"/>
    </row>
    <row r="63157" spans="14:14">
      <c r="N63157" s="10"/>
    </row>
    <row r="63158" spans="14:14">
      <c r="N63158" s="10"/>
    </row>
    <row r="63159" spans="14:14">
      <c r="N63159" s="10"/>
    </row>
    <row r="63160" spans="14:14">
      <c r="N63160" s="10"/>
    </row>
    <row r="63161" spans="14:14">
      <c r="N63161" s="10"/>
    </row>
    <row r="63162" spans="14:14">
      <c r="N63162" s="10"/>
    </row>
    <row r="63163" spans="14:14">
      <c r="N63163" s="10"/>
    </row>
    <row r="63164" spans="14:14">
      <c r="N63164" s="10"/>
    </row>
    <row r="63165" spans="14:14">
      <c r="N63165" s="10"/>
    </row>
    <row r="63166" spans="14:14">
      <c r="N63166" s="10"/>
    </row>
    <row r="63167" spans="14:14">
      <c r="N63167" s="10"/>
    </row>
    <row r="63168" spans="14:14">
      <c r="N63168" s="10"/>
    </row>
    <row r="63169" spans="14:14">
      <c r="N63169" s="10"/>
    </row>
    <row r="63170" spans="14:14">
      <c r="N63170" s="10"/>
    </row>
    <row r="63171" spans="14:14">
      <c r="N63171" s="10"/>
    </row>
    <row r="63172" spans="14:14">
      <c r="N63172" s="10"/>
    </row>
    <row r="63173" spans="14:14">
      <c r="N63173" s="10"/>
    </row>
    <row r="63174" spans="14:14">
      <c r="N63174" s="10"/>
    </row>
    <row r="63175" spans="14:14">
      <c r="N63175" s="10"/>
    </row>
    <row r="63176" spans="14:14">
      <c r="N63176" s="10"/>
    </row>
    <row r="63177" spans="14:14">
      <c r="N63177" s="10"/>
    </row>
    <row r="63178" spans="14:14">
      <c r="N63178" s="10"/>
    </row>
    <row r="63179" spans="14:14">
      <c r="N63179" s="10"/>
    </row>
    <row r="63180" spans="14:14">
      <c r="N63180" s="10"/>
    </row>
    <row r="63181" spans="14:14">
      <c r="N63181" s="10"/>
    </row>
    <row r="63182" spans="14:14">
      <c r="N63182" s="10"/>
    </row>
    <row r="63183" spans="14:14">
      <c r="N63183" s="10"/>
    </row>
    <row r="63184" spans="14:14">
      <c r="N63184" s="10"/>
    </row>
    <row r="63185" spans="14:14">
      <c r="N63185" s="10"/>
    </row>
    <row r="63186" spans="14:14">
      <c r="N63186" s="10"/>
    </row>
    <row r="63187" spans="14:14">
      <c r="N63187" s="10"/>
    </row>
    <row r="63188" spans="14:14">
      <c r="N63188" s="10"/>
    </row>
    <row r="63189" spans="14:14">
      <c r="N63189" s="10"/>
    </row>
    <row r="63190" spans="14:14">
      <c r="N63190" s="10"/>
    </row>
    <row r="63191" spans="14:14">
      <c r="N63191" s="10"/>
    </row>
    <row r="63192" spans="14:14">
      <c r="N63192" s="10"/>
    </row>
    <row r="63193" spans="14:14">
      <c r="N63193" s="10"/>
    </row>
    <row r="63194" spans="14:14">
      <c r="N63194" s="10"/>
    </row>
    <row r="63195" spans="14:14">
      <c r="N63195" s="10"/>
    </row>
    <row r="63196" spans="14:14">
      <c r="N63196" s="10"/>
    </row>
    <row r="63197" spans="14:14">
      <c r="N63197" s="10"/>
    </row>
    <row r="63198" spans="14:14">
      <c r="N63198" s="10"/>
    </row>
    <row r="63199" spans="14:14">
      <c r="N63199" s="10"/>
    </row>
    <row r="63200" spans="14:14">
      <c r="N63200" s="10"/>
    </row>
    <row r="63201" spans="14:14">
      <c r="N63201" s="10"/>
    </row>
    <row r="63202" spans="14:14">
      <c r="N63202" s="10"/>
    </row>
    <row r="63203" spans="14:14">
      <c r="N63203" s="10"/>
    </row>
    <row r="63204" spans="14:14">
      <c r="N63204" s="10"/>
    </row>
    <row r="63205" spans="14:14">
      <c r="N63205" s="10"/>
    </row>
    <row r="63206" spans="14:14">
      <c r="N63206" s="10"/>
    </row>
    <row r="63207" spans="14:14">
      <c r="N63207" s="10"/>
    </row>
    <row r="63208" spans="14:14">
      <c r="N63208" s="10"/>
    </row>
    <row r="63209" spans="14:14">
      <c r="N63209" s="10"/>
    </row>
    <row r="63210" spans="14:14">
      <c r="N63210" s="10"/>
    </row>
    <row r="63211" spans="14:14">
      <c r="N63211" s="10"/>
    </row>
    <row r="63212" spans="14:14">
      <c r="N63212" s="10"/>
    </row>
    <row r="63213" spans="14:14">
      <c r="N63213" s="10"/>
    </row>
    <row r="63214" spans="14:14">
      <c r="N63214" s="10"/>
    </row>
    <row r="63215" spans="14:14">
      <c r="N63215" s="10"/>
    </row>
    <row r="63216" spans="14:14">
      <c r="N63216" s="10"/>
    </row>
    <row r="63217" spans="14:14">
      <c r="N63217" s="10"/>
    </row>
    <row r="63218" spans="14:14">
      <c r="N63218" s="10"/>
    </row>
    <row r="63219" spans="14:14">
      <c r="N63219" s="10"/>
    </row>
    <row r="63220" spans="14:14">
      <c r="N63220" s="10"/>
    </row>
    <row r="63221" spans="14:14">
      <c r="N63221" s="10"/>
    </row>
    <row r="63222" spans="14:14">
      <c r="N63222" s="10"/>
    </row>
    <row r="63223" spans="14:14">
      <c r="N63223" s="10"/>
    </row>
    <row r="63224" spans="14:14">
      <c r="N63224" s="10"/>
    </row>
    <row r="63225" spans="14:14">
      <c r="N63225" s="10"/>
    </row>
    <row r="63226" spans="14:14">
      <c r="N63226" s="10"/>
    </row>
    <row r="63227" spans="14:14">
      <c r="N63227" s="10"/>
    </row>
    <row r="63228" spans="14:14">
      <c r="N63228" s="10"/>
    </row>
    <row r="63229" spans="14:14">
      <c r="N63229" s="10"/>
    </row>
    <row r="63230" spans="14:14">
      <c r="N63230" s="10"/>
    </row>
    <row r="63231" spans="14:14">
      <c r="N63231" s="10"/>
    </row>
    <row r="63232" spans="14:14">
      <c r="N63232" s="10"/>
    </row>
    <row r="63233" spans="14:14">
      <c r="N63233" s="10"/>
    </row>
    <row r="63234" spans="14:14">
      <c r="N63234" s="10"/>
    </row>
    <row r="63235" spans="14:14">
      <c r="N63235" s="10"/>
    </row>
    <row r="63236" spans="14:14">
      <c r="N63236" s="10"/>
    </row>
    <row r="63237" spans="14:14">
      <c r="N63237" s="10"/>
    </row>
    <row r="63238" spans="14:14">
      <c r="N63238" s="10"/>
    </row>
    <row r="63239" spans="14:14">
      <c r="N63239" s="10"/>
    </row>
    <row r="63240" spans="14:14">
      <c r="N63240" s="10"/>
    </row>
    <row r="63241" spans="14:14">
      <c r="N63241" s="10"/>
    </row>
    <row r="63242" spans="14:14">
      <c r="N63242" s="10"/>
    </row>
    <row r="63243" spans="14:14">
      <c r="N63243" s="10"/>
    </row>
    <row r="63244" spans="14:14">
      <c r="N63244" s="10"/>
    </row>
    <row r="63245" spans="14:14">
      <c r="N63245" s="10"/>
    </row>
    <row r="63246" spans="14:14">
      <c r="N63246" s="10"/>
    </row>
    <row r="63247" spans="14:14">
      <c r="N63247" s="10"/>
    </row>
    <row r="63248" spans="14:14">
      <c r="N63248" s="10"/>
    </row>
    <row r="63249" spans="14:14">
      <c r="N63249" s="10"/>
    </row>
    <row r="63250" spans="14:14">
      <c r="N63250" s="10"/>
    </row>
    <row r="63251" spans="14:14">
      <c r="N63251" s="10"/>
    </row>
    <row r="63252" spans="14:14">
      <c r="N63252" s="10"/>
    </row>
    <row r="63253" spans="14:14">
      <c r="N63253" s="10"/>
    </row>
    <row r="63254" spans="14:14">
      <c r="N63254" s="10"/>
    </row>
    <row r="63255" spans="14:14">
      <c r="N63255" s="10"/>
    </row>
    <row r="63256" spans="14:14">
      <c r="N63256" s="10"/>
    </row>
    <row r="63257" spans="14:14">
      <c r="N63257" s="10"/>
    </row>
    <row r="63258" spans="14:14">
      <c r="N63258" s="10"/>
    </row>
    <row r="63259" spans="14:14">
      <c r="N63259" s="10"/>
    </row>
    <row r="63260" spans="14:14">
      <c r="N63260" s="10"/>
    </row>
    <row r="63261" spans="14:14">
      <c r="N63261" s="10"/>
    </row>
    <row r="63262" spans="14:14">
      <c r="N63262" s="10"/>
    </row>
    <row r="63263" spans="14:14">
      <c r="N63263" s="10"/>
    </row>
    <row r="63264" spans="14:14">
      <c r="N63264" s="10"/>
    </row>
    <row r="63265" spans="14:14">
      <c r="N63265" s="10"/>
    </row>
    <row r="63266" spans="14:14">
      <c r="N63266" s="10"/>
    </row>
    <row r="63267" spans="14:14">
      <c r="N63267" s="10"/>
    </row>
    <row r="63268" spans="14:14">
      <c r="N63268" s="10"/>
    </row>
    <row r="63269" spans="14:14">
      <c r="N63269" s="10"/>
    </row>
    <row r="63270" spans="14:14">
      <c r="N63270" s="10"/>
    </row>
    <row r="63271" spans="14:14">
      <c r="N63271" s="10"/>
    </row>
    <row r="63272" spans="14:14">
      <c r="N63272" s="10"/>
    </row>
    <row r="63273" spans="14:14">
      <c r="N63273" s="10"/>
    </row>
    <row r="63274" spans="14:14">
      <c r="N63274" s="10"/>
    </row>
    <row r="63275" spans="14:14">
      <c r="N63275" s="10"/>
    </row>
    <row r="63276" spans="14:14">
      <c r="N63276" s="10"/>
    </row>
    <row r="63277" spans="14:14">
      <c r="N63277" s="10"/>
    </row>
    <row r="63278" spans="14:14">
      <c r="N63278" s="10"/>
    </row>
    <row r="63279" spans="14:14">
      <c r="N63279" s="10"/>
    </row>
    <row r="63280" spans="14:14">
      <c r="N63280" s="10"/>
    </row>
    <row r="63281" spans="14:14">
      <c r="N63281" s="10"/>
    </row>
    <row r="63282" spans="14:14">
      <c r="N63282" s="10"/>
    </row>
    <row r="63283" spans="14:14">
      <c r="N63283" s="10"/>
    </row>
    <row r="63284" spans="14:14">
      <c r="N63284" s="10"/>
    </row>
    <row r="63285" spans="14:14">
      <c r="N63285" s="10"/>
    </row>
    <row r="63286" spans="14:14">
      <c r="N63286" s="10"/>
    </row>
    <row r="63287" spans="14:14">
      <c r="N63287" s="10"/>
    </row>
    <row r="63288" spans="14:14">
      <c r="N63288" s="10"/>
    </row>
    <row r="63289" spans="14:14">
      <c r="N63289" s="10"/>
    </row>
    <row r="63290" spans="14:14">
      <c r="N63290" s="10"/>
    </row>
    <row r="63291" spans="14:14">
      <c r="N63291" s="10"/>
    </row>
    <row r="63292" spans="14:14">
      <c r="N63292" s="10"/>
    </row>
    <row r="63293" spans="14:14">
      <c r="N63293" s="10"/>
    </row>
    <row r="63294" spans="14:14">
      <c r="N63294" s="10"/>
    </row>
    <row r="63295" spans="14:14">
      <c r="N63295" s="10"/>
    </row>
    <row r="63296" spans="14:14">
      <c r="N63296" s="10"/>
    </row>
    <row r="63297" spans="14:14">
      <c r="N63297" s="10"/>
    </row>
    <row r="63298" spans="14:14">
      <c r="N63298" s="10"/>
    </row>
    <row r="63299" spans="14:14">
      <c r="N63299" s="10"/>
    </row>
    <row r="63300" spans="14:14">
      <c r="N63300" s="10"/>
    </row>
    <row r="63301" spans="14:14">
      <c r="N63301" s="10"/>
    </row>
    <row r="63302" spans="14:14">
      <c r="N63302" s="10"/>
    </row>
    <row r="63303" spans="14:14">
      <c r="N63303" s="10"/>
    </row>
    <row r="63304" spans="14:14">
      <c r="N63304" s="10"/>
    </row>
    <row r="63305" spans="14:14">
      <c r="N63305" s="10"/>
    </row>
    <row r="63306" spans="14:14">
      <c r="N63306" s="10"/>
    </row>
    <row r="63307" spans="14:14">
      <c r="N63307" s="10"/>
    </row>
    <row r="63308" spans="14:14">
      <c r="N63308" s="10"/>
    </row>
    <row r="63309" spans="14:14">
      <c r="N63309" s="10"/>
    </row>
    <row r="63310" spans="14:14">
      <c r="N63310" s="10"/>
    </row>
    <row r="63311" spans="14:14">
      <c r="N63311" s="10"/>
    </row>
    <row r="63312" spans="14:14">
      <c r="N63312" s="10"/>
    </row>
    <row r="63313" spans="14:14">
      <c r="N63313" s="10"/>
    </row>
    <row r="63314" spans="14:14">
      <c r="N63314" s="10"/>
    </row>
    <row r="63315" spans="14:14">
      <c r="N63315" s="10"/>
    </row>
    <row r="63316" spans="14:14">
      <c r="N63316" s="10"/>
    </row>
    <row r="63317" spans="14:14">
      <c r="N63317" s="10"/>
    </row>
    <row r="63318" spans="14:14">
      <c r="N63318" s="10"/>
    </row>
    <row r="63319" spans="14:14">
      <c r="N63319" s="10"/>
    </row>
    <row r="63320" spans="14:14">
      <c r="N63320" s="10"/>
    </row>
    <row r="63321" spans="14:14">
      <c r="N63321" s="10"/>
    </row>
    <row r="63322" spans="14:14">
      <c r="N63322" s="10"/>
    </row>
    <row r="63323" spans="14:14">
      <c r="N63323" s="10"/>
    </row>
    <row r="63324" spans="14:14">
      <c r="N63324" s="10"/>
    </row>
    <row r="63325" spans="14:14">
      <c r="N63325" s="10"/>
    </row>
    <row r="63326" spans="14:14">
      <c r="N63326" s="10"/>
    </row>
    <row r="63327" spans="14:14">
      <c r="N63327" s="10"/>
    </row>
    <row r="63328" spans="14:14">
      <c r="N63328" s="10"/>
    </row>
    <row r="63329" spans="14:14">
      <c r="N63329" s="10"/>
    </row>
    <row r="63330" spans="14:14">
      <c r="N63330" s="10"/>
    </row>
    <row r="63331" spans="14:14">
      <c r="N63331" s="10"/>
    </row>
    <row r="63332" spans="14:14">
      <c r="N63332" s="10"/>
    </row>
    <row r="63333" spans="14:14">
      <c r="N63333" s="10"/>
    </row>
    <row r="63334" spans="14:14">
      <c r="N63334" s="10"/>
    </row>
    <row r="63335" spans="14:14">
      <c r="N63335" s="10"/>
    </row>
    <row r="63336" spans="14:14">
      <c r="N63336" s="10"/>
    </row>
    <row r="63337" spans="14:14">
      <c r="N63337" s="10"/>
    </row>
    <row r="63338" spans="14:14">
      <c r="N63338" s="10"/>
    </row>
    <row r="63339" spans="14:14">
      <c r="N63339" s="10"/>
    </row>
    <row r="63340" spans="14:14">
      <c r="N63340" s="10"/>
    </row>
    <row r="63341" spans="14:14">
      <c r="N63341" s="10"/>
    </row>
    <row r="63342" spans="14:14">
      <c r="N63342" s="10"/>
    </row>
    <row r="63343" spans="14:14">
      <c r="N63343" s="10"/>
    </row>
    <row r="63344" spans="14:14">
      <c r="N63344" s="10"/>
    </row>
    <row r="63345" spans="14:14">
      <c r="N63345" s="10"/>
    </row>
    <row r="63346" spans="14:14">
      <c r="N63346" s="10"/>
    </row>
    <row r="63347" spans="14:14">
      <c r="N63347" s="10"/>
    </row>
    <row r="63348" spans="14:14">
      <c r="N63348" s="10"/>
    </row>
    <row r="63349" spans="14:14">
      <c r="N63349" s="10"/>
    </row>
    <row r="63350" spans="14:14">
      <c r="N63350" s="10"/>
    </row>
    <row r="63351" spans="14:14">
      <c r="N63351" s="10"/>
    </row>
    <row r="63352" spans="14:14">
      <c r="N63352" s="10"/>
    </row>
    <row r="63353" spans="14:14">
      <c r="N63353" s="10"/>
    </row>
    <row r="63354" spans="14:14">
      <c r="N63354" s="10"/>
    </row>
    <row r="63355" spans="14:14">
      <c r="N63355" s="10"/>
    </row>
    <row r="63356" spans="14:14">
      <c r="N63356" s="10"/>
    </row>
    <row r="63357" spans="14:14">
      <c r="N63357" s="10"/>
    </row>
    <row r="63358" spans="14:14">
      <c r="N63358" s="10"/>
    </row>
    <row r="63359" spans="14:14">
      <c r="N63359" s="10"/>
    </row>
    <row r="63360" spans="14:14">
      <c r="N63360" s="10"/>
    </row>
    <row r="63361" spans="14:14">
      <c r="N63361" s="10"/>
    </row>
    <row r="63362" spans="14:14">
      <c r="N63362" s="10"/>
    </row>
    <row r="63363" spans="14:14">
      <c r="N63363" s="10"/>
    </row>
    <row r="63364" spans="14:14">
      <c r="N63364" s="10"/>
    </row>
    <row r="63365" spans="14:14">
      <c r="N63365" s="10"/>
    </row>
    <row r="63366" spans="14:14">
      <c r="N63366" s="10"/>
    </row>
    <row r="63367" spans="14:14">
      <c r="N63367" s="10"/>
    </row>
    <row r="63368" spans="14:14">
      <c r="N63368" s="10"/>
    </row>
    <row r="63369" spans="14:14">
      <c r="N63369" s="10"/>
    </row>
    <row r="63370" spans="14:14">
      <c r="N63370" s="10"/>
    </row>
    <row r="63371" spans="14:14">
      <c r="N63371" s="10"/>
    </row>
    <row r="63372" spans="14:14">
      <c r="N63372" s="10"/>
    </row>
    <row r="63373" spans="14:14">
      <c r="N63373" s="10"/>
    </row>
    <row r="63374" spans="14:14">
      <c r="N63374" s="10"/>
    </row>
    <row r="63375" spans="14:14">
      <c r="N63375" s="10"/>
    </row>
    <row r="63376" spans="14:14">
      <c r="N63376" s="10"/>
    </row>
    <row r="63377" spans="14:14">
      <c r="N63377" s="10"/>
    </row>
    <row r="63378" spans="14:14">
      <c r="N63378" s="10"/>
    </row>
    <row r="63379" spans="14:14">
      <c r="N63379" s="10"/>
    </row>
    <row r="63380" spans="14:14">
      <c r="N63380" s="10"/>
    </row>
    <row r="63381" spans="14:14">
      <c r="N63381" s="10"/>
    </row>
    <row r="63382" spans="14:14">
      <c r="N63382" s="10"/>
    </row>
    <row r="63383" spans="14:14">
      <c r="N63383" s="10"/>
    </row>
    <row r="63384" spans="14:14">
      <c r="N63384" s="10"/>
    </row>
    <row r="63385" spans="14:14">
      <c r="N63385" s="10"/>
    </row>
    <row r="63386" spans="14:14">
      <c r="N63386" s="10"/>
    </row>
    <row r="63387" spans="14:14">
      <c r="N63387" s="10"/>
    </row>
    <row r="63388" spans="14:14">
      <c r="N63388" s="10"/>
    </row>
    <row r="63389" spans="14:14">
      <c r="N63389" s="10"/>
    </row>
    <row r="63390" spans="14:14">
      <c r="N63390" s="10"/>
    </row>
    <row r="63391" spans="14:14">
      <c r="N63391" s="10"/>
    </row>
    <row r="63392" spans="14:14">
      <c r="N63392" s="10"/>
    </row>
    <row r="63393" spans="14:14">
      <c r="N63393" s="10"/>
    </row>
    <row r="63394" spans="14:14">
      <c r="N63394" s="10"/>
    </row>
    <row r="63395" spans="14:14">
      <c r="N63395" s="10"/>
    </row>
    <row r="63396" spans="14:14">
      <c r="N63396" s="10"/>
    </row>
    <row r="63397" spans="14:14">
      <c r="N63397" s="10"/>
    </row>
    <row r="63398" spans="14:14">
      <c r="N63398" s="10"/>
    </row>
    <row r="63399" spans="14:14">
      <c r="N63399" s="10"/>
    </row>
    <row r="63400" spans="14:14">
      <c r="N63400" s="10"/>
    </row>
    <row r="63401" spans="14:14">
      <c r="N63401" s="10"/>
    </row>
    <row r="63402" spans="14:14">
      <c r="N63402" s="10"/>
    </row>
    <row r="63403" spans="14:14">
      <c r="N63403" s="10"/>
    </row>
    <row r="63404" spans="14:14">
      <c r="N63404" s="10"/>
    </row>
    <row r="63405" spans="14:14">
      <c r="N63405" s="10"/>
    </row>
    <row r="63406" spans="14:14">
      <c r="N63406" s="10"/>
    </row>
    <row r="63407" spans="14:14">
      <c r="N63407" s="10"/>
    </row>
    <row r="63408" spans="14:14">
      <c r="N63408" s="10"/>
    </row>
    <row r="63409" spans="14:14">
      <c r="N63409" s="10"/>
    </row>
    <row r="63410" spans="14:14">
      <c r="N63410" s="10"/>
    </row>
    <row r="63411" spans="14:14">
      <c r="N63411" s="10"/>
    </row>
    <row r="63412" spans="14:14">
      <c r="N63412" s="10"/>
    </row>
    <row r="63413" spans="14:14">
      <c r="N63413" s="10"/>
    </row>
    <row r="63414" spans="14:14">
      <c r="N63414" s="10"/>
    </row>
    <row r="63415" spans="14:14">
      <c r="N63415" s="10"/>
    </row>
    <row r="63416" spans="14:14">
      <c r="N63416" s="10"/>
    </row>
    <row r="63417" spans="14:14">
      <c r="N63417" s="10"/>
    </row>
    <row r="63418" spans="14:14">
      <c r="N63418" s="10"/>
    </row>
    <row r="63419" spans="14:14">
      <c r="N63419" s="10"/>
    </row>
    <row r="63420" spans="14:14">
      <c r="N63420" s="10"/>
    </row>
    <row r="63421" spans="14:14">
      <c r="N63421" s="10"/>
    </row>
    <row r="63422" spans="14:14">
      <c r="N63422" s="10"/>
    </row>
    <row r="63423" spans="14:14">
      <c r="N63423" s="10"/>
    </row>
    <row r="63424" spans="14:14">
      <c r="N63424" s="10"/>
    </row>
    <row r="63425" spans="14:14">
      <c r="N63425" s="10"/>
    </row>
    <row r="63426" spans="14:14">
      <c r="N63426" s="10"/>
    </row>
    <row r="63427" spans="14:14">
      <c r="N63427" s="10"/>
    </row>
    <row r="63428" spans="14:14">
      <c r="N63428" s="10"/>
    </row>
    <row r="63429" spans="14:14">
      <c r="N63429" s="10"/>
    </row>
    <row r="63430" spans="14:14">
      <c r="N63430" s="10"/>
    </row>
    <row r="63431" spans="14:14">
      <c r="N63431" s="10"/>
    </row>
    <row r="63432" spans="14:14">
      <c r="N63432" s="10"/>
    </row>
    <row r="63433" spans="14:14">
      <c r="N63433" s="10"/>
    </row>
    <row r="63434" spans="14:14">
      <c r="N63434" s="10"/>
    </row>
    <row r="63435" spans="14:14">
      <c r="N63435" s="10"/>
    </row>
    <row r="63436" spans="14:14">
      <c r="N63436" s="10"/>
    </row>
    <row r="63437" spans="14:14">
      <c r="N63437" s="10"/>
    </row>
    <row r="63438" spans="14:14">
      <c r="N63438" s="10"/>
    </row>
    <row r="63439" spans="14:14">
      <c r="N63439" s="10"/>
    </row>
    <row r="63440" spans="14:14">
      <c r="N63440" s="10"/>
    </row>
    <row r="63441" spans="14:14">
      <c r="N63441" s="10"/>
    </row>
    <row r="63442" spans="14:14">
      <c r="N63442" s="10"/>
    </row>
    <row r="63443" spans="14:14">
      <c r="N63443" s="10"/>
    </row>
    <row r="63444" spans="14:14">
      <c r="N63444" s="10"/>
    </row>
    <row r="63445" spans="14:14">
      <c r="N63445" s="10"/>
    </row>
    <row r="63446" spans="14:14">
      <c r="N63446" s="10"/>
    </row>
    <row r="63447" spans="14:14">
      <c r="N63447" s="10"/>
    </row>
    <row r="63448" spans="14:14">
      <c r="N63448" s="10"/>
    </row>
    <row r="63449" spans="14:14">
      <c r="N63449" s="10"/>
    </row>
    <row r="63450" spans="14:14">
      <c r="N63450" s="10"/>
    </row>
    <row r="63451" spans="14:14">
      <c r="N63451" s="10"/>
    </row>
    <row r="63452" spans="14:14">
      <c r="N63452" s="10"/>
    </row>
    <row r="63453" spans="14:14">
      <c r="N63453" s="10"/>
    </row>
    <row r="63454" spans="14:14">
      <c r="N63454" s="10"/>
    </row>
    <row r="63455" spans="14:14">
      <c r="N63455" s="10"/>
    </row>
    <row r="63456" spans="14:14">
      <c r="N63456" s="10"/>
    </row>
    <row r="63457" spans="14:14">
      <c r="N63457" s="10"/>
    </row>
    <row r="63458" spans="14:14">
      <c r="N63458" s="10"/>
    </row>
    <row r="63459" spans="14:14">
      <c r="N63459" s="10"/>
    </row>
    <row r="63460" spans="14:14">
      <c r="N63460" s="10"/>
    </row>
    <row r="63461" spans="14:14">
      <c r="N63461" s="10"/>
    </row>
    <row r="63462" spans="14:14">
      <c r="N63462" s="10"/>
    </row>
    <row r="63463" spans="14:14">
      <c r="N63463" s="10"/>
    </row>
    <row r="63464" spans="14:14">
      <c r="N63464" s="10"/>
    </row>
    <row r="63465" spans="14:14">
      <c r="N63465" s="10"/>
    </row>
    <row r="63466" spans="14:14">
      <c r="N63466" s="10"/>
    </row>
    <row r="63467" spans="14:14">
      <c r="N63467" s="10"/>
    </row>
    <row r="63468" spans="14:14">
      <c r="N63468" s="10"/>
    </row>
    <row r="63469" spans="14:14">
      <c r="N63469" s="10"/>
    </row>
    <row r="63470" spans="14:14">
      <c r="N63470" s="10"/>
    </row>
    <row r="63471" spans="14:14">
      <c r="N63471" s="10"/>
    </row>
    <row r="63472" spans="14:14">
      <c r="N63472" s="10"/>
    </row>
    <row r="63473" spans="14:14">
      <c r="N63473" s="10"/>
    </row>
    <row r="63474" spans="14:14">
      <c r="N63474" s="10"/>
    </row>
    <row r="63475" spans="14:14">
      <c r="N63475" s="10"/>
    </row>
    <row r="63476" spans="14:14">
      <c r="N63476" s="10"/>
    </row>
    <row r="63477" spans="14:14">
      <c r="N63477" s="10"/>
    </row>
    <row r="63478" spans="14:14">
      <c r="N63478" s="10"/>
    </row>
    <row r="63479" spans="14:14">
      <c r="N63479" s="10"/>
    </row>
    <row r="63480" spans="14:14">
      <c r="N63480" s="10"/>
    </row>
    <row r="63481" spans="14:14">
      <c r="N63481" s="10"/>
    </row>
    <row r="63482" spans="14:14">
      <c r="N63482" s="10"/>
    </row>
    <row r="63483" spans="14:14">
      <c r="N63483" s="10"/>
    </row>
    <row r="63484" spans="14:14">
      <c r="N63484" s="10"/>
    </row>
    <row r="63485" spans="14:14">
      <c r="N63485" s="10"/>
    </row>
    <row r="63486" spans="14:14">
      <c r="N63486" s="10"/>
    </row>
    <row r="63487" spans="14:14">
      <c r="N63487" s="10"/>
    </row>
    <row r="63488" spans="14:14">
      <c r="N63488" s="10"/>
    </row>
    <row r="63489" spans="14:14">
      <c r="N63489" s="10"/>
    </row>
    <row r="63490" spans="14:14">
      <c r="N63490" s="10"/>
    </row>
    <row r="63491" spans="14:14">
      <c r="N63491" s="10"/>
    </row>
    <row r="63492" spans="14:14">
      <c r="N63492" s="10"/>
    </row>
    <row r="63493" spans="14:14">
      <c r="N63493" s="10"/>
    </row>
    <row r="63494" spans="14:14">
      <c r="N63494" s="10"/>
    </row>
    <row r="63495" spans="14:14">
      <c r="N63495" s="10"/>
    </row>
    <row r="63496" spans="14:14">
      <c r="N63496" s="10"/>
    </row>
    <row r="63497" spans="14:14">
      <c r="N63497" s="10"/>
    </row>
    <row r="63498" spans="14:14">
      <c r="N63498" s="10"/>
    </row>
    <row r="63499" spans="14:14">
      <c r="N63499" s="10"/>
    </row>
    <row r="63500" spans="14:14">
      <c r="N63500" s="10"/>
    </row>
    <row r="63501" spans="14:14">
      <c r="N63501" s="10"/>
    </row>
    <row r="63502" spans="14:14">
      <c r="N63502" s="10"/>
    </row>
    <row r="63503" spans="14:14">
      <c r="N63503" s="10"/>
    </row>
    <row r="63504" spans="14:14">
      <c r="N63504" s="10"/>
    </row>
    <row r="63505" spans="14:14">
      <c r="N63505" s="10"/>
    </row>
    <row r="63506" spans="14:14">
      <c r="N63506" s="10"/>
    </row>
    <row r="63507" spans="14:14">
      <c r="N63507" s="10"/>
    </row>
    <row r="63508" spans="14:14">
      <c r="N63508" s="10"/>
    </row>
    <row r="63509" spans="14:14">
      <c r="N63509" s="10"/>
    </row>
    <row r="63510" spans="14:14">
      <c r="N63510" s="10"/>
    </row>
    <row r="63511" spans="14:14">
      <c r="N63511" s="10"/>
    </row>
    <row r="63512" spans="14:14">
      <c r="N63512" s="10"/>
    </row>
    <row r="63513" spans="14:14">
      <c r="N63513" s="10"/>
    </row>
    <row r="63514" spans="14:14">
      <c r="N63514" s="10"/>
    </row>
    <row r="63515" spans="14:14">
      <c r="N63515" s="10"/>
    </row>
    <row r="63516" spans="14:14">
      <c r="N63516" s="10"/>
    </row>
    <row r="63517" spans="14:14">
      <c r="N63517" s="10"/>
    </row>
    <row r="63518" spans="14:14">
      <c r="N63518" s="10"/>
    </row>
    <row r="63519" spans="14:14">
      <c r="N63519" s="10"/>
    </row>
    <row r="63520" spans="14:14">
      <c r="N63520" s="10"/>
    </row>
    <row r="63521" spans="14:14">
      <c r="N63521" s="10"/>
    </row>
    <row r="63522" spans="14:14">
      <c r="N63522" s="10"/>
    </row>
    <row r="63523" spans="14:14">
      <c r="N63523" s="10"/>
    </row>
    <row r="63524" spans="14:14">
      <c r="N63524" s="10"/>
    </row>
    <row r="63525" spans="14:14">
      <c r="N63525" s="10"/>
    </row>
    <row r="63526" spans="14:14">
      <c r="N63526" s="10"/>
    </row>
    <row r="63527" spans="14:14">
      <c r="N63527" s="10"/>
    </row>
    <row r="63528" spans="14:14">
      <c r="N63528" s="10"/>
    </row>
    <row r="63529" spans="14:14">
      <c r="N63529" s="10"/>
    </row>
    <row r="63530" spans="14:14">
      <c r="N63530" s="10"/>
    </row>
    <row r="63531" spans="14:14">
      <c r="N63531" s="10"/>
    </row>
    <row r="63532" spans="14:14">
      <c r="N63532" s="10"/>
    </row>
    <row r="63533" spans="14:14">
      <c r="N63533" s="10"/>
    </row>
    <row r="63534" spans="14:14">
      <c r="N63534" s="10"/>
    </row>
    <row r="63535" spans="14:14">
      <c r="N63535" s="10"/>
    </row>
    <row r="63536" spans="14:14">
      <c r="N63536" s="10"/>
    </row>
    <row r="63537" spans="14:14">
      <c r="N63537" s="10"/>
    </row>
    <row r="63538" spans="14:14">
      <c r="N63538" s="10"/>
    </row>
    <row r="63539" spans="14:14">
      <c r="N63539" s="10"/>
    </row>
    <row r="63540" spans="14:14">
      <c r="N63540" s="10"/>
    </row>
    <row r="63541" spans="14:14">
      <c r="N63541" s="10"/>
    </row>
    <row r="63542" spans="14:14">
      <c r="N63542" s="10"/>
    </row>
    <row r="63543" spans="14:14">
      <c r="N63543" s="10"/>
    </row>
    <row r="63544" spans="14:14">
      <c r="N63544" s="10"/>
    </row>
    <row r="63545" spans="14:14">
      <c r="N63545" s="10"/>
    </row>
    <row r="63546" spans="14:14">
      <c r="N63546" s="10"/>
    </row>
    <row r="63547" spans="14:14">
      <c r="N63547" s="10"/>
    </row>
    <row r="63548" spans="14:14">
      <c r="N63548" s="10"/>
    </row>
    <row r="63549" spans="14:14">
      <c r="N63549" s="10"/>
    </row>
    <row r="63550" spans="14:14">
      <c r="N63550" s="10"/>
    </row>
    <row r="63551" spans="14:14">
      <c r="N63551" s="10"/>
    </row>
    <row r="63552" spans="14:14">
      <c r="N63552" s="10"/>
    </row>
    <row r="63553" spans="14:14">
      <c r="N63553" s="10"/>
    </row>
    <row r="63554" spans="14:14">
      <c r="N63554" s="10"/>
    </row>
    <row r="63555" spans="14:14">
      <c r="N63555" s="10"/>
    </row>
    <row r="63556" spans="14:14">
      <c r="N63556" s="10"/>
    </row>
    <row r="63557" spans="14:14">
      <c r="N63557" s="10"/>
    </row>
    <row r="63558" spans="14:14">
      <c r="N63558" s="10"/>
    </row>
    <row r="63559" spans="14:14">
      <c r="N63559" s="10"/>
    </row>
    <row r="63560" spans="14:14">
      <c r="N63560" s="10"/>
    </row>
    <row r="63561" spans="14:14">
      <c r="N63561" s="10"/>
    </row>
    <row r="63562" spans="14:14">
      <c r="N63562" s="10"/>
    </row>
    <row r="63563" spans="14:14">
      <c r="N63563" s="10"/>
    </row>
    <row r="63564" spans="14:14">
      <c r="N63564" s="10"/>
    </row>
    <row r="63565" spans="14:14">
      <c r="N63565" s="10"/>
    </row>
    <row r="63566" spans="14:14">
      <c r="N63566" s="10"/>
    </row>
    <row r="63567" spans="14:14">
      <c r="N63567" s="10"/>
    </row>
    <row r="63568" spans="14:14">
      <c r="N63568" s="10"/>
    </row>
    <row r="63569" spans="14:14">
      <c r="N63569" s="10"/>
    </row>
    <row r="63570" spans="14:14">
      <c r="N63570" s="10"/>
    </row>
    <row r="63571" spans="14:14">
      <c r="N63571" s="10"/>
    </row>
    <row r="63572" spans="14:14">
      <c r="N63572" s="10"/>
    </row>
    <row r="63573" spans="14:14">
      <c r="N63573" s="10"/>
    </row>
    <row r="63574" spans="14:14">
      <c r="N63574" s="10"/>
    </row>
    <row r="63575" spans="14:14">
      <c r="N63575" s="10"/>
    </row>
    <row r="63576" spans="14:14">
      <c r="N63576" s="10"/>
    </row>
    <row r="63577" spans="14:14">
      <c r="N63577" s="10"/>
    </row>
    <row r="63578" spans="14:14">
      <c r="N63578" s="10"/>
    </row>
    <row r="63579" spans="14:14">
      <c r="N63579" s="10"/>
    </row>
    <row r="63580" spans="14:14">
      <c r="N63580" s="10"/>
    </row>
    <row r="63581" spans="14:14">
      <c r="N63581" s="10"/>
    </row>
    <row r="63582" spans="14:14">
      <c r="N63582" s="10"/>
    </row>
    <row r="63583" spans="14:14">
      <c r="N63583" s="10"/>
    </row>
    <row r="63584" spans="14:14">
      <c r="N63584" s="10"/>
    </row>
    <row r="63585" spans="14:14">
      <c r="N63585" s="10"/>
    </row>
    <row r="63586" spans="14:14">
      <c r="N63586" s="10"/>
    </row>
    <row r="63587" spans="14:14">
      <c r="N63587" s="10"/>
    </row>
    <row r="63588" spans="14:14">
      <c r="N63588" s="10"/>
    </row>
    <row r="63589" spans="14:14">
      <c r="N63589" s="10"/>
    </row>
    <row r="63590" spans="14:14">
      <c r="N63590" s="10"/>
    </row>
    <row r="63591" spans="14:14">
      <c r="N63591" s="10"/>
    </row>
    <row r="63592" spans="14:14">
      <c r="N63592" s="10"/>
    </row>
    <row r="63593" spans="14:14">
      <c r="N63593" s="10"/>
    </row>
    <row r="63594" spans="14:14">
      <c r="N63594" s="10"/>
    </row>
    <row r="63595" spans="14:14">
      <c r="N63595" s="10"/>
    </row>
    <row r="63596" spans="14:14">
      <c r="N63596" s="10"/>
    </row>
    <row r="63597" spans="14:14">
      <c r="N63597" s="10"/>
    </row>
    <row r="63598" spans="14:14">
      <c r="N63598" s="10"/>
    </row>
    <row r="63599" spans="14:14">
      <c r="N63599" s="10"/>
    </row>
    <row r="63600" spans="14:14">
      <c r="N63600" s="10"/>
    </row>
    <row r="63601" spans="14:14">
      <c r="N63601" s="10"/>
    </row>
    <row r="63602" spans="14:14">
      <c r="N63602" s="10"/>
    </row>
    <row r="63603" spans="14:14">
      <c r="N63603" s="10"/>
    </row>
    <row r="63604" spans="14:14">
      <c r="N63604" s="10"/>
    </row>
    <row r="63605" spans="14:14">
      <c r="N63605" s="10"/>
    </row>
    <row r="63606" spans="14:14">
      <c r="N63606" s="10"/>
    </row>
    <row r="63607" spans="14:14">
      <c r="N63607" s="10"/>
    </row>
    <row r="63608" spans="14:14">
      <c r="N63608" s="10"/>
    </row>
    <row r="63609" spans="14:14">
      <c r="N63609" s="10"/>
    </row>
    <row r="63610" spans="14:14">
      <c r="N63610" s="10"/>
    </row>
    <row r="63611" spans="14:14">
      <c r="N63611" s="10"/>
    </row>
    <row r="63612" spans="14:14">
      <c r="N63612" s="10"/>
    </row>
    <row r="63613" spans="14:14">
      <c r="N63613" s="10"/>
    </row>
    <row r="63614" spans="14:14">
      <c r="N63614" s="10"/>
    </row>
    <row r="63615" spans="14:14">
      <c r="N63615" s="10"/>
    </row>
    <row r="63616" spans="14:14">
      <c r="N63616" s="10"/>
    </row>
    <row r="63617" spans="14:14">
      <c r="N63617" s="10"/>
    </row>
    <row r="63618" spans="14:14">
      <c r="N63618" s="10"/>
    </row>
    <row r="63619" spans="14:14">
      <c r="N63619" s="10"/>
    </row>
    <row r="63620" spans="14:14">
      <c r="N63620" s="10"/>
    </row>
    <row r="63621" spans="14:14">
      <c r="N63621" s="10"/>
    </row>
    <row r="63622" spans="14:14">
      <c r="N63622" s="10"/>
    </row>
    <row r="63623" spans="14:14">
      <c r="N63623" s="10"/>
    </row>
    <row r="63624" spans="14:14">
      <c r="N63624" s="10"/>
    </row>
    <row r="63625" spans="14:14">
      <c r="N63625" s="10"/>
    </row>
    <row r="63626" spans="14:14">
      <c r="N63626" s="10"/>
    </row>
    <row r="63627" spans="14:14">
      <c r="N63627" s="10"/>
    </row>
    <row r="63628" spans="14:14">
      <c r="N63628" s="10"/>
    </row>
    <row r="63629" spans="14:14">
      <c r="N63629" s="10"/>
    </row>
    <row r="63630" spans="14:14">
      <c r="N63630" s="10"/>
    </row>
    <row r="63631" spans="14:14">
      <c r="N63631" s="10"/>
    </row>
    <row r="63632" spans="14:14">
      <c r="N63632" s="10"/>
    </row>
    <row r="63633" spans="14:14">
      <c r="N63633" s="10"/>
    </row>
    <row r="63634" spans="14:14">
      <c r="N63634" s="10"/>
    </row>
    <row r="63635" spans="14:14">
      <c r="N63635" s="10"/>
    </row>
    <row r="63636" spans="14:14">
      <c r="N63636" s="10"/>
    </row>
    <row r="63637" spans="14:14">
      <c r="N63637" s="10"/>
    </row>
    <row r="63638" spans="14:14">
      <c r="N63638" s="10"/>
    </row>
    <row r="63639" spans="14:14">
      <c r="N63639" s="10"/>
    </row>
    <row r="63640" spans="14:14">
      <c r="N63640" s="10"/>
    </row>
    <row r="63641" spans="14:14">
      <c r="N63641" s="10"/>
    </row>
    <row r="63642" spans="14:14">
      <c r="N63642" s="10"/>
    </row>
    <row r="63643" spans="14:14">
      <c r="N63643" s="10"/>
    </row>
    <row r="63644" spans="14:14">
      <c r="N63644" s="10"/>
    </row>
    <row r="63645" spans="14:14">
      <c r="N63645" s="10"/>
    </row>
    <row r="63646" spans="14:14">
      <c r="N63646" s="10"/>
    </row>
    <row r="63647" spans="14:14">
      <c r="N63647" s="10"/>
    </row>
    <row r="63648" spans="14:14">
      <c r="N63648" s="10"/>
    </row>
    <row r="63649" spans="14:14">
      <c r="N63649" s="10"/>
    </row>
    <row r="63650" spans="14:14">
      <c r="N63650" s="10"/>
    </row>
    <row r="63651" spans="14:14">
      <c r="N63651" s="10"/>
    </row>
    <row r="63652" spans="14:14">
      <c r="N63652" s="10"/>
    </row>
    <row r="63653" spans="14:14">
      <c r="N63653" s="10"/>
    </row>
    <row r="63654" spans="14:14">
      <c r="N63654" s="10"/>
    </row>
    <row r="63655" spans="14:14">
      <c r="N63655" s="10"/>
    </row>
    <row r="63656" spans="14:14">
      <c r="N63656" s="10"/>
    </row>
    <row r="63657" spans="14:14">
      <c r="N63657" s="10"/>
    </row>
    <row r="63658" spans="14:14">
      <c r="N63658" s="10"/>
    </row>
    <row r="63659" spans="14:14">
      <c r="N63659" s="10"/>
    </row>
    <row r="63660" spans="14:14">
      <c r="N63660" s="10"/>
    </row>
    <row r="63661" spans="14:14">
      <c r="N63661" s="10"/>
    </row>
    <row r="63662" spans="14:14">
      <c r="N63662" s="10"/>
    </row>
    <row r="63663" spans="14:14">
      <c r="N63663" s="10"/>
    </row>
    <row r="63664" spans="14:14">
      <c r="N63664" s="10"/>
    </row>
    <row r="63665" spans="14:14">
      <c r="N63665" s="10"/>
    </row>
    <row r="63666" spans="14:14">
      <c r="N63666" s="10"/>
    </row>
    <row r="63667" spans="14:14">
      <c r="N63667" s="10"/>
    </row>
    <row r="63668" spans="14:14">
      <c r="N63668" s="10"/>
    </row>
    <row r="63669" spans="14:14">
      <c r="N63669" s="10"/>
    </row>
    <row r="63670" spans="14:14">
      <c r="N63670" s="10"/>
    </row>
    <row r="63671" spans="14:14">
      <c r="N63671" s="10"/>
    </row>
    <row r="63672" spans="14:14">
      <c r="N63672" s="10"/>
    </row>
    <row r="63673" spans="14:14">
      <c r="N63673" s="10"/>
    </row>
    <row r="63674" spans="14:14">
      <c r="N63674" s="10"/>
    </row>
    <row r="63675" spans="14:14">
      <c r="N63675" s="10"/>
    </row>
    <row r="63676" spans="14:14">
      <c r="N63676" s="10"/>
    </row>
    <row r="63677" spans="14:14">
      <c r="N63677" s="10"/>
    </row>
    <row r="63678" spans="14:14">
      <c r="N63678" s="10"/>
    </row>
    <row r="63679" spans="14:14">
      <c r="N63679" s="10"/>
    </row>
    <row r="63680" spans="14:14">
      <c r="N63680" s="10"/>
    </row>
    <row r="63681" spans="14:14">
      <c r="N63681" s="10"/>
    </row>
    <row r="63682" spans="14:14">
      <c r="N63682" s="10"/>
    </row>
    <row r="63683" spans="14:14">
      <c r="N63683" s="10"/>
    </row>
    <row r="63684" spans="14:14">
      <c r="N63684" s="10"/>
    </row>
    <row r="63685" spans="14:14">
      <c r="N63685" s="10"/>
    </row>
    <row r="63686" spans="14:14">
      <c r="N63686" s="10"/>
    </row>
    <row r="63687" spans="14:14">
      <c r="N63687" s="10"/>
    </row>
    <row r="63688" spans="14:14">
      <c r="N63688" s="10"/>
    </row>
    <row r="63689" spans="14:14">
      <c r="N63689" s="10"/>
    </row>
    <row r="63690" spans="14:14">
      <c r="N63690" s="10"/>
    </row>
    <row r="63691" spans="14:14">
      <c r="N63691" s="10"/>
    </row>
    <row r="63692" spans="14:14">
      <c r="N63692" s="10"/>
    </row>
    <row r="63693" spans="14:14">
      <c r="N63693" s="10"/>
    </row>
    <row r="63694" spans="14:14">
      <c r="N63694" s="10"/>
    </row>
    <row r="63695" spans="14:14">
      <c r="N63695" s="10"/>
    </row>
    <row r="63696" spans="14:14">
      <c r="N63696" s="10"/>
    </row>
    <row r="63697" spans="14:14">
      <c r="N63697" s="10"/>
    </row>
    <row r="63698" spans="14:14">
      <c r="N63698" s="10"/>
    </row>
    <row r="63699" spans="14:14">
      <c r="N63699" s="10"/>
    </row>
    <row r="63700" spans="14:14">
      <c r="N63700" s="10"/>
    </row>
    <row r="63701" spans="14:14">
      <c r="N63701" s="10"/>
    </row>
    <row r="63702" spans="14:14">
      <c r="N63702" s="10"/>
    </row>
    <row r="63703" spans="14:14">
      <c r="N63703" s="10"/>
    </row>
    <row r="63704" spans="14:14">
      <c r="N63704" s="10"/>
    </row>
    <row r="63705" spans="14:14">
      <c r="N63705" s="10"/>
    </row>
    <row r="63706" spans="14:14">
      <c r="N63706" s="10"/>
    </row>
    <row r="63707" spans="14:14">
      <c r="N63707" s="10"/>
    </row>
    <row r="63708" spans="14:14">
      <c r="N63708" s="10"/>
    </row>
    <row r="63709" spans="14:14">
      <c r="N63709" s="10"/>
    </row>
    <row r="63710" spans="14:14">
      <c r="N63710" s="10"/>
    </row>
    <row r="63711" spans="14:14">
      <c r="N63711" s="10"/>
    </row>
    <row r="63712" spans="14:14">
      <c r="N63712" s="10"/>
    </row>
    <row r="63713" spans="14:14">
      <c r="N63713" s="10"/>
    </row>
    <row r="63714" spans="14:14">
      <c r="N63714" s="10"/>
    </row>
    <row r="63715" spans="14:14">
      <c r="N63715" s="10"/>
    </row>
    <row r="63716" spans="14:14">
      <c r="N63716" s="10"/>
    </row>
    <row r="63717" spans="14:14">
      <c r="N63717" s="10"/>
    </row>
    <row r="63718" spans="14:14">
      <c r="N63718" s="10"/>
    </row>
    <row r="63719" spans="14:14">
      <c r="N63719" s="10"/>
    </row>
    <row r="63720" spans="14:14">
      <c r="N63720" s="10"/>
    </row>
    <row r="63721" spans="14:14">
      <c r="N63721" s="10"/>
    </row>
    <row r="63722" spans="14:14">
      <c r="N63722" s="10"/>
    </row>
    <row r="63723" spans="14:14">
      <c r="N63723" s="10"/>
    </row>
    <row r="63724" spans="14:14">
      <c r="N63724" s="10"/>
    </row>
    <row r="63725" spans="14:14">
      <c r="N63725" s="10"/>
    </row>
    <row r="63726" spans="14:14">
      <c r="N63726" s="10"/>
    </row>
    <row r="63727" spans="14:14">
      <c r="N63727" s="10"/>
    </row>
    <row r="63728" spans="14:14">
      <c r="N63728" s="10"/>
    </row>
    <row r="63729" spans="14:14">
      <c r="N63729" s="10"/>
    </row>
    <row r="63730" spans="14:14">
      <c r="N63730" s="10"/>
    </row>
    <row r="63731" spans="14:14">
      <c r="N63731" s="10"/>
    </row>
    <row r="63732" spans="14:14">
      <c r="N63732" s="10"/>
    </row>
    <row r="63733" spans="14:14">
      <c r="N63733" s="10"/>
    </row>
    <row r="63734" spans="14:14">
      <c r="N63734" s="10"/>
    </row>
    <row r="63735" spans="14:14">
      <c r="N63735" s="10"/>
    </row>
    <row r="63736" spans="14:14">
      <c r="N63736" s="10"/>
    </row>
    <row r="63737" spans="14:14">
      <c r="N63737" s="10"/>
    </row>
    <row r="63738" spans="14:14">
      <c r="N63738" s="10"/>
    </row>
    <row r="63739" spans="14:14">
      <c r="N63739" s="10"/>
    </row>
    <row r="63740" spans="14:14">
      <c r="N63740" s="10"/>
    </row>
    <row r="63741" spans="14:14">
      <c r="N63741" s="10"/>
    </row>
    <row r="63742" spans="14:14">
      <c r="N63742" s="10"/>
    </row>
    <row r="63743" spans="14:14">
      <c r="N63743" s="10"/>
    </row>
    <row r="63744" spans="14:14">
      <c r="N63744" s="10"/>
    </row>
    <row r="63745" spans="14:14">
      <c r="N63745" s="10"/>
    </row>
    <row r="63746" spans="14:14">
      <c r="N63746" s="10"/>
    </row>
    <row r="63747" spans="14:14">
      <c r="N63747" s="10"/>
    </row>
    <row r="63748" spans="14:14">
      <c r="N63748" s="10"/>
    </row>
    <row r="63749" spans="14:14">
      <c r="N63749" s="10"/>
    </row>
    <row r="63750" spans="14:14">
      <c r="N63750" s="10"/>
    </row>
    <row r="63751" spans="14:14">
      <c r="N63751" s="10"/>
    </row>
    <row r="63752" spans="14:14">
      <c r="N63752" s="10"/>
    </row>
    <row r="63753" spans="14:14">
      <c r="N63753" s="10"/>
    </row>
    <row r="63754" spans="14:14">
      <c r="N63754" s="10"/>
    </row>
    <row r="63755" spans="14:14">
      <c r="N63755" s="10"/>
    </row>
    <row r="63756" spans="14:14">
      <c r="N63756" s="10"/>
    </row>
    <row r="63757" spans="14:14">
      <c r="N63757" s="10"/>
    </row>
    <row r="63758" spans="14:14">
      <c r="N63758" s="10"/>
    </row>
    <row r="63759" spans="14:14">
      <c r="N63759" s="10"/>
    </row>
    <row r="63760" spans="14:14">
      <c r="N63760" s="10"/>
    </row>
    <row r="63761" spans="14:14">
      <c r="N63761" s="10"/>
    </row>
    <row r="63762" spans="14:14">
      <c r="N63762" s="10"/>
    </row>
    <row r="63763" spans="14:14">
      <c r="N63763" s="10"/>
    </row>
    <row r="63764" spans="14:14">
      <c r="N63764" s="10"/>
    </row>
    <row r="63765" spans="14:14">
      <c r="N63765" s="10"/>
    </row>
    <row r="63766" spans="14:14">
      <c r="N63766" s="10"/>
    </row>
    <row r="63767" spans="14:14">
      <c r="N63767" s="10"/>
    </row>
    <row r="63768" spans="14:14">
      <c r="N63768" s="10"/>
    </row>
    <row r="63769" spans="14:14">
      <c r="N63769" s="10"/>
    </row>
    <row r="63770" spans="14:14">
      <c r="N63770" s="10"/>
    </row>
    <row r="63771" spans="14:14">
      <c r="N63771" s="10"/>
    </row>
    <row r="63772" spans="14:14">
      <c r="N63772" s="10"/>
    </row>
    <row r="63773" spans="14:14">
      <c r="N63773" s="10"/>
    </row>
    <row r="63774" spans="14:14">
      <c r="N63774" s="10"/>
    </row>
    <row r="63775" spans="14:14">
      <c r="N63775" s="10"/>
    </row>
    <row r="63776" spans="14:14">
      <c r="N63776" s="10"/>
    </row>
    <row r="63777" spans="14:14">
      <c r="N63777" s="10"/>
    </row>
    <row r="63778" spans="14:14">
      <c r="N63778" s="10"/>
    </row>
    <row r="63779" spans="14:14">
      <c r="N63779" s="10"/>
    </row>
    <row r="63780" spans="14:14">
      <c r="N63780" s="10"/>
    </row>
    <row r="63781" spans="14:14">
      <c r="N63781" s="10"/>
    </row>
    <row r="63782" spans="14:14">
      <c r="N63782" s="10"/>
    </row>
    <row r="63783" spans="14:14">
      <c r="N63783" s="10"/>
    </row>
    <row r="63784" spans="14:14">
      <c r="N63784" s="10"/>
    </row>
    <row r="63785" spans="14:14">
      <c r="N63785" s="10"/>
    </row>
    <row r="63786" spans="14:14">
      <c r="N63786" s="10"/>
    </row>
    <row r="63787" spans="14:14">
      <c r="N63787" s="10"/>
    </row>
    <row r="63788" spans="14:14">
      <c r="N63788" s="10"/>
    </row>
    <row r="63789" spans="14:14">
      <c r="N63789" s="10"/>
    </row>
    <row r="63790" spans="14:14">
      <c r="N63790" s="10"/>
    </row>
    <row r="63791" spans="14:14">
      <c r="N63791" s="10"/>
    </row>
    <row r="63792" spans="14:14">
      <c r="N63792" s="10"/>
    </row>
    <row r="63793" spans="14:14">
      <c r="N63793" s="10"/>
    </row>
    <row r="63794" spans="14:14">
      <c r="N63794" s="10"/>
    </row>
    <row r="63795" spans="14:14">
      <c r="N63795" s="10"/>
    </row>
    <row r="63796" spans="14:14">
      <c r="N63796" s="10"/>
    </row>
    <row r="63797" spans="14:14">
      <c r="N63797" s="10"/>
    </row>
    <row r="63798" spans="14:14">
      <c r="N63798" s="10"/>
    </row>
    <row r="63799" spans="14:14">
      <c r="N63799" s="10"/>
    </row>
    <row r="63800" spans="14:14">
      <c r="N63800" s="10"/>
    </row>
    <row r="63801" spans="14:14">
      <c r="N63801" s="10"/>
    </row>
    <row r="63802" spans="14:14">
      <c r="N63802" s="10"/>
    </row>
    <row r="63803" spans="14:14">
      <c r="N63803" s="10"/>
    </row>
    <row r="63804" spans="14:14">
      <c r="N63804" s="10"/>
    </row>
    <row r="63805" spans="14:14">
      <c r="N63805" s="10"/>
    </row>
    <row r="63806" spans="14:14">
      <c r="N63806" s="10"/>
    </row>
    <row r="63807" spans="14:14">
      <c r="N63807" s="10"/>
    </row>
    <row r="63808" spans="14:14">
      <c r="N63808" s="10"/>
    </row>
    <row r="63809" spans="14:14">
      <c r="N63809" s="10"/>
    </row>
    <row r="63810" spans="14:14">
      <c r="N63810" s="10"/>
    </row>
    <row r="63811" spans="14:14">
      <c r="N63811" s="10"/>
    </row>
    <row r="63812" spans="14:14">
      <c r="N63812" s="10"/>
    </row>
    <row r="63813" spans="14:14">
      <c r="N63813" s="10"/>
    </row>
    <row r="63814" spans="14:14">
      <c r="N63814" s="10"/>
    </row>
    <row r="63815" spans="14:14">
      <c r="N63815" s="10"/>
    </row>
    <row r="63816" spans="14:14">
      <c r="N63816" s="10"/>
    </row>
    <row r="63817" spans="14:14">
      <c r="N63817" s="10"/>
    </row>
    <row r="63818" spans="14:14">
      <c r="N63818" s="10"/>
    </row>
    <row r="63819" spans="14:14">
      <c r="N63819" s="10"/>
    </row>
    <row r="63820" spans="14:14">
      <c r="N63820" s="10"/>
    </row>
    <row r="63821" spans="14:14">
      <c r="N63821" s="10"/>
    </row>
    <row r="63822" spans="14:14">
      <c r="N63822" s="10"/>
    </row>
    <row r="63823" spans="14:14">
      <c r="N63823" s="10"/>
    </row>
    <row r="63824" spans="14:14">
      <c r="N63824" s="10"/>
    </row>
    <row r="63825" spans="14:14">
      <c r="N63825" s="10"/>
    </row>
    <row r="63826" spans="14:14">
      <c r="N63826" s="10"/>
    </row>
    <row r="63827" spans="14:14">
      <c r="N63827" s="10"/>
    </row>
    <row r="63828" spans="14:14">
      <c r="N63828" s="10"/>
    </row>
    <row r="63829" spans="14:14">
      <c r="N63829" s="10"/>
    </row>
    <row r="63830" spans="14:14">
      <c r="N63830" s="10"/>
    </row>
    <row r="63831" spans="14:14">
      <c r="N63831" s="10"/>
    </row>
    <row r="63832" spans="14:14">
      <c r="N63832" s="10"/>
    </row>
    <row r="63833" spans="14:14">
      <c r="N63833" s="10"/>
    </row>
    <row r="63834" spans="14:14">
      <c r="N63834" s="10"/>
    </row>
    <row r="63835" spans="14:14">
      <c r="N63835" s="10"/>
    </row>
    <row r="63836" spans="14:14">
      <c r="N63836" s="10"/>
    </row>
    <row r="63837" spans="14:14">
      <c r="N63837" s="10"/>
    </row>
    <row r="63838" spans="14:14">
      <c r="N63838" s="10"/>
    </row>
    <row r="63839" spans="14:14">
      <c r="N63839" s="10"/>
    </row>
    <row r="63840" spans="14:14">
      <c r="N63840" s="10"/>
    </row>
    <row r="63841" spans="14:14">
      <c r="N63841" s="10"/>
    </row>
    <row r="63842" spans="14:14">
      <c r="N63842" s="10"/>
    </row>
    <row r="63843" spans="14:14">
      <c r="N63843" s="10"/>
    </row>
    <row r="63844" spans="14:14">
      <c r="N63844" s="10"/>
    </row>
    <row r="63845" spans="14:14">
      <c r="N63845" s="10"/>
    </row>
    <row r="63846" spans="14:14">
      <c r="N63846" s="10"/>
    </row>
    <row r="63847" spans="14:14">
      <c r="N63847" s="10"/>
    </row>
    <row r="63848" spans="14:14">
      <c r="N63848" s="10"/>
    </row>
    <row r="63849" spans="14:14">
      <c r="N63849" s="10"/>
    </row>
    <row r="63850" spans="14:14">
      <c r="N63850" s="10"/>
    </row>
    <row r="63851" spans="14:14">
      <c r="N63851" s="10"/>
    </row>
    <row r="63852" spans="14:14">
      <c r="N63852" s="10"/>
    </row>
    <row r="63853" spans="14:14">
      <c r="N63853" s="10"/>
    </row>
    <row r="63854" spans="14:14">
      <c r="N63854" s="10"/>
    </row>
    <row r="63855" spans="14:14">
      <c r="N63855" s="10"/>
    </row>
    <row r="63856" spans="14:14">
      <c r="N63856" s="10"/>
    </row>
    <row r="63857" spans="14:14">
      <c r="N63857" s="10"/>
    </row>
    <row r="63858" spans="14:14">
      <c r="N63858" s="10"/>
    </row>
    <row r="63859" spans="14:14">
      <c r="N63859" s="10"/>
    </row>
    <row r="63860" spans="14:14">
      <c r="N63860" s="10"/>
    </row>
    <row r="63861" spans="14:14">
      <c r="N63861" s="10"/>
    </row>
    <row r="63862" spans="14:14">
      <c r="N63862" s="10"/>
    </row>
    <row r="63863" spans="14:14">
      <c r="N63863" s="10"/>
    </row>
    <row r="63864" spans="14:14">
      <c r="N63864" s="10"/>
    </row>
    <row r="63865" spans="14:14">
      <c r="N63865" s="10"/>
    </row>
    <row r="63866" spans="14:14">
      <c r="N63866" s="10"/>
    </row>
    <row r="63867" spans="14:14">
      <c r="N63867" s="10"/>
    </row>
    <row r="63868" spans="14:14">
      <c r="N63868" s="10"/>
    </row>
    <row r="63869" spans="14:14">
      <c r="N63869" s="10"/>
    </row>
    <row r="63870" spans="14:14">
      <c r="N63870" s="10"/>
    </row>
    <row r="63871" spans="14:14">
      <c r="N63871" s="10"/>
    </row>
    <row r="63872" spans="14:14">
      <c r="N63872" s="10"/>
    </row>
    <row r="63873" spans="14:14">
      <c r="N63873" s="10"/>
    </row>
    <row r="63874" spans="14:14">
      <c r="N63874" s="10"/>
    </row>
    <row r="63875" spans="14:14">
      <c r="N63875" s="10"/>
    </row>
    <row r="63876" spans="14:14">
      <c r="N63876" s="10"/>
    </row>
    <row r="63877" spans="14:14">
      <c r="N63877" s="10"/>
    </row>
    <row r="63878" spans="14:14">
      <c r="N63878" s="10"/>
    </row>
    <row r="63879" spans="14:14">
      <c r="N63879" s="10"/>
    </row>
    <row r="63880" spans="14:14">
      <c r="N63880" s="10"/>
    </row>
    <row r="63881" spans="14:14">
      <c r="N63881" s="10"/>
    </row>
    <row r="63882" spans="14:14">
      <c r="N63882" s="10"/>
    </row>
    <row r="63883" spans="14:14">
      <c r="N63883" s="10"/>
    </row>
    <row r="63884" spans="14:14">
      <c r="N63884" s="10"/>
    </row>
    <row r="63885" spans="14:14">
      <c r="N63885" s="10"/>
    </row>
    <row r="63886" spans="14:14">
      <c r="N63886" s="10"/>
    </row>
    <row r="63887" spans="14:14">
      <c r="N63887" s="10"/>
    </row>
    <row r="63888" spans="14:14">
      <c r="N63888" s="10"/>
    </row>
    <row r="63889" spans="14:14">
      <c r="N63889" s="10"/>
    </row>
    <row r="63890" spans="14:14">
      <c r="N63890" s="10"/>
    </row>
    <row r="63891" spans="14:14">
      <c r="N63891" s="10"/>
    </row>
    <row r="63892" spans="14:14">
      <c r="N63892" s="10"/>
    </row>
    <row r="63893" spans="14:14">
      <c r="N63893" s="10"/>
    </row>
    <row r="63894" spans="14:14">
      <c r="N63894" s="10"/>
    </row>
    <row r="63895" spans="14:14">
      <c r="N63895" s="10"/>
    </row>
    <row r="63896" spans="14:14">
      <c r="N63896" s="10"/>
    </row>
    <row r="63897" spans="14:14">
      <c r="N63897" s="10"/>
    </row>
    <row r="63898" spans="14:14">
      <c r="N63898" s="10"/>
    </row>
    <row r="63899" spans="14:14">
      <c r="N63899" s="10"/>
    </row>
    <row r="63900" spans="14:14">
      <c r="N63900" s="10"/>
    </row>
    <row r="63901" spans="14:14">
      <c r="N63901" s="10"/>
    </row>
    <row r="63902" spans="14:14">
      <c r="N63902" s="10"/>
    </row>
    <row r="63903" spans="14:14">
      <c r="N63903" s="10"/>
    </row>
    <row r="63904" spans="14:14">
      <c r="N63904" s="10"/>
    </row>
    <row r="63905" spans="14:14">
      <c r="N63905" s="10"/>
    </row>
    <row r="63906" spans="14:14">
      <c r="N63906" s="10"/>
    </row>
    <row r="63907" spans="14:14">
      <c r="N63907" s="10"/>
    </row>
    <row r="63908" spans="14:14">
      <c r="N63908" s="10"/>
    </row>
    <row r="63909" spans="14:14">
      <c r="N63909" s="10"/>
    </row>
    <row r="63910" spans="14:14">
      <c r="N63910" s="10"/>
    </row>
    <row r="63911" spans="14:14">
      <c r="N63911" s="10"/>
    </row>
    <row r="63912" spans="14:14">
      <c r="N63912" s="10"/>
    </row>
    <row r="63913" spans="14:14">
      <c r="N63913" s="10"/>
    </row>
    <row r="63914" spans="14:14">
      <c r="N63914" s="10"/>
    </row>
    <row r="63915" spans="14:14">
      <c r="N63915" s="10"/>
    </row>
    <row r="63916" spans="14:14">
      <c r="N63916" s="10"/>
    </row>
    <row r="63917" spans="14:14">
      <c r="N63917" s="10"/>
    </row>
    <row r="63918" spans="14:14">
      <c r="N63918" s="10"/>
    </row>
    <row r="63919" spans="14:14">
      <c r="N63919" s="10"/>
    </row>
    <row r="63920" spans="14:14">
      <c r="N63920" s="10"/>
    </row>
    <row r="63921" spans="14:14">
      <c r="N63921" s="10"/>
    </row>
    <row r="63922" spans="14:14">
      <c r="N63922" s="10"/>
    </row>
    <row r="63923" spans="14:14">
      <c r="N63923" s="10"/>
    </row>
    <row r="63924" spans="14:14">
      <c r="N63924" s="10"/>
    </row>
    <row r="63925" spans="14:14">
      <c r="N63925" s="10"/>
    </row>
    <row r="63926" spans="14:14">
      <c r="N63926" s="10"/>
    </row>
    <row r="63927" spans="14:14">
      <c r="N63927" s="10"/>
    </row>
    <row r="63928" spans="14:14">
      <c r="N63928" s="10"/>
    </row>
    <row r="63929" spans="14:14">
      <c r="N63929" s="10"/>
    </row>
    <row r="63930" spans="14:14">
      <c r="N63930" s="10"/>
    </row>
    <row r="63931" spans="14:14">
      <c r="N63931" s="10"/>
    </row>
    <row r="63932" spans="14:14">
      <c r="N63932" s="10"/>
    </row>
    <row r="63933" spans="14:14">
      <c r="N63933" s="10"/>
    </row>
    <row r="63934" spans="14:14">
      <c r="N63934" s="10"/>
    </row>
    <row r="63935" spans="14:14">
      <c r="N63935" s="10"/>
    </row>
    <row r="63936" spans="14:14">
      <c r="N63936" s="10"/>
    </row>
    <row r="63937" spans="14:14">
      <c r="N63937" s="10"/>
    </row>
    <row r="63938" spans="14:14">
      <c r="N63938" s="10"/>
    </row>
    <row r="63939" spans="14:14">
      <c r="N63939" s="10"/>
    </row>
    <row r="63940" spans="14:14">
      <c r="N63940" s="10"/>
    </row>
    <row r="63941" spans="14:14">
      <c r="N63941" s="10"/>
    </row>
    <row r="63942" spans="14:14">
      <c r="N63942" s="10"/>
    </row>
    <row r="63943" spans="14:14">
      <c r="N63943" s="10"/>
    </row>
    <row r="63944" spans="14:14">
      <c r="N63944" s="10"/>
    </row>
    <row r="63945" spans="14:14">
      <c r="N63945" s="10"/>
    </row>
    <row r="63946" spans="14:14">
      <c r="N63946" s="10"/>
    </row>
    <row r="63947" spans="14:14">
      <c r="N63947" s="10"/>
    </row>
    <row r="63948" spans="14:14">
      <c r="N63948" s="10"/>
    </row>
    <row r="63949" spans="14:14">
      <c r="N63949" s="10"/>
    </row>
    <row r="63950" spans="14:14">
      <c r="N63950" s="10"/>
    </row>
    <row r="63951" spans="14:14">
      <c r="N63951" s="10"/>
    </row>
    <row r="63952" spans="14:14">
      <c r="N63952" s="10"/>
    </row>
    <row r="63953" spans="14:14">
      <c r="N63953" s="10"/>
    </row>
    <row r="63954" spans="14:14">
      <c r="N63954" s="10"/>
    </row>
    <row r="63955" spans="14:14">
      <c r="N63955" s="10"/>
    </row>
    <row r="63956" spans="14:14">
      <c r="N63956" s="10"/>
    </row>
    <row r="63957" spans="14:14">
      <c r="N63957" s="10"/>
    </row>
    <row r="63958" spans="14:14">
      <c r="N63958" s="10"/>
    </row>
    <row r="63959" spans="14:14">
      <c r="N63959" s="10"/>
    </row>
    <row r="63960" spans="14:14">
      <c r="N63960" s="10"/>
    </row>
    <row r="63961" spans="14:14">
      <c r="N63961" s="10"/>
    </row>
    <row r="63962" spans="14:14">
      <c r="N63962" s="10"/>
    </row>
    <row r="63963" spans="14:14">
      <c r="N63963" s="10"/>
    </row>
    <row r="63964" spans="14:14">
      <c r="N63964" s="10"/>
    </row>
    <row r="63965" spans="14:14">
      <c r="N63965" s="10"/>
    </row>
    <row r="63966" spans="14:14">
      <c r="N63966" s="10"/>
    </row>
    <row r="63967" spans="14:14">
      <c r="N63967" s="10"/>
    </row>
    <row r="63968" spans="14:14">
      <c r="N63968" s="10"/>
    </row>
    <row r="63969" spans="14:14">
      <c r="N63969" s="10"/>
    </row>
    <row r="63970" spans="14:14">
      <c r="N63970" s="10"/>
    </row>
    <row r="63971" spans="14:14">
      <c r="N63971" s="10"/>
    </row>
    <row r="63972" spans="14:14">
      <c r="N63972" s="10"/>
    </row>
    <row r="63973" spans="14:14">
      <c r="N63973" s="10"/>
    </row>
    <row r="63974" spans="14:14">
      <c r="N63974" s="10"/>
    </row>
    <row r="63975" spans="14:14">
      <c r="N63975" s="10"/>
    </row>
    <row r="63976" spans="14:14">
      <c r="N63976" s="10"/>
    </row>
    <row r="63977" spans="14:14">
      <c r="N63977" s="10"/>
    </row>
    <row r="63978" spans="14:14">
      <c r="N63978" s="10"/>
    </row>
    <row r="63979" spans="14:14">
      <c r="N63979" s="10"/>
    </row>
    <row r="63980" spans="14:14">
      <c r="N63980" s="10"/>
    </row>
    <row r="63981" spans="14:14">
      <c r="N63981" s="10"/>
    </row>
    <row r="63982" spans="14:14">
      <c r="N63982" s="10"/>
    </row>
    <row r="63983" spans="14:14">
      <c r="N63983" s="10"/>
    </row>
    <row r="63984" spans="14:14">
      <c r="N63984" s="10"/>
    </row>
    <row r="63985" spans="14:14">
      <c r="N63985" s="10"/>
    </row>
    <row r="63986" spans="14:14">
      <c r="N63986" s="10"/>
    </row>
    <row r="63987" spans="14:14">
      <c r="N63987" s="10"/>
    </row>
    <row r="63988" spans="14:14">
      <c r="N63988" s="10"/>
    </row>
    <row r="63989" spans="14:14">
      <c r="N63989" s="10"/>
    </row>
    <row r="63990" spans="14:14">
      <c r="N63990" s="10"/>
    </row>
    <row r="63991" spans="14:14">
      <c r="N63991" s="10"/>
    </row>
    <row r="63992" spans="14:14">
      <c r="N63992" s="10"/>
    </row>
    <row r="63993" spans="14:14">
      <c r="N63993" s="10"/>
    </row>
    <row r="63994" spans="14:14">
      <c r="N63994" s="10"/>
    </row>
    <row r="63995" spans="14:14">
      <c r="N63995" s="10"/>
    </row>
    <row r="63996" spans="14:14">
      <c r="N63996" s="10"/>
    </row>
    <row r="63997" spans="14:14">
      <c r="N63997" s="10"/>
    </row>
    <row r="63998" spans="14:14">
      <c r="N63998" s="10"/>
    </row>
    <row r="63999" spans="14:14">
      <c r="N63999" s="10"/>
    </row>
    <row r="64000" spans="14:14">
      <c r="N64000" s="10"/>
    </row>
    <row r="64001" spans="14:14">
      <c r="N64001" s="10"/>
    </row>
    <row r="64002" spans="14:14">
      <c r="N64002" s="10"/>
    </row>
    <row r="64003" spans="14:14">
      <c r="N64003" s="10"/>
    </row>
    <row r="64004" spans="14:14">
      <c r="N64004" s="10"/>
    </row>
    <row r="64005" spans="14:14">
      <c r="N64005" s="10"/>
    </row>
    <row r="64006" spans="14:14">
      <c r="N64006" s="10"/>
    </row>
    <row r="64007" spans="14:14">
      <c r="N64007" s="10"/>
    </row>
    <row r="64008" spans="14:14">
      <c r="N64008" s="10"/>
    </row>
    <row r="64009" spans="14:14">
      <c r="N64009" s="10"/>
    </row>
    <row r="64010" spans="14:14">
      <c r="N64010" s="10"/>
    </row>
    <row r="64011" spans="14:14">
      <c r="N64011" s="10"/>
    </row>
    <row r="64012" spans="14:14">
      <c r="N64012" s="10"/>
    </row>
    <row r="64013" spans="14:14">
      <c r="N64013" s="10"/>
    </row>
    <row r="64014" spans="14:14">
      <c r="N64014" s="10"/>
    </row>
    <row r="64015" spans="14:14">
      <c r="N64015" s="10"/>
    </row>
    <row r="64016" spans="14:14">
      <c r="N64016" s="10"/>
    </row>
    <row r="64017" spans="14:14">
      <c r="N64017" s="10"/>
    </row>
    <row r="64018" spans="14:14">
      <c r="N64018" s="10"/>
    </row>
    <row r="64019" spans="14:14">
      <c r="N64019" s="10"/>
    </row>
    <row r="64020" spans="14:14">
      <c r="N64020" s="10"/>
    </row>
    <row r="64021" spans="14:14">
      <c r="N64021" s="10"/>
    </row>
    <row r="64022" spans="14:14">
      <c r="N64022" s="10"/>
    </row>
    <row r="64023" spans="14:14">
      <c r="N64023" s="10"/>
    </row>
    <row r="64024" spans="14:14">
      <c r="N64024" s="10"/>
    </row>
    <row r="64025" spans="14:14">
      <c r="N64025" s="10"/>
    </row>
    <row r="64026" spans="14:14">
      <c r="N64026" s="10"/>
    </row>
    <row r="64027" spans="14:14">
      <c r="N64027" s="10"/>
    </row>
    <row r="64028" spans="14:14">
      <c r="N64028" s="10"/>
    </row>
    <row r="64029" spans="14:14">
      <c r="N64029" s="10"/>
    </row>
    <row r="64030" spans="14:14">
      <c r="N64030" s="10"/>
    </row>
    <row r="64031" spans="14:14">
      <c r="N64031" s="10"/>
    </row>
    <row r="64032" spans="14:14">
      <c r="N64032" s="10"/>
    </row>
    <row r="64033" spans="14:14">
      <c r="N64033" s="10"/>
    </row>
    <row r="64034" spans="14:14">
      <c r="N64034" s="10"/>
    </row>
    <row r="64035" spans="14:14">
      <c r="N64035" s="10"/>
    </row>
    <row r="64036" spans="14:14">
      <c r="N64036" s="10"/>
    </row>
    <row r="64037" spans="14:14">
      <c r="N64037" s="10"/>
    </row>
    <row r="64038" spans="14:14">
      <c r="N64038" s="10"/>
    </row>
    <row r="64039" spans="14:14">
      <c r="N64039" s="10"/>
    </row>
    <row r="64040" spans="14:14">
      <c r="N64040" s="10"/>
    </row>
    <row r="64041" spans="14:14">
      <c r="N64041" s="10"/>
    </row>
    <row r="64042" spans="14:14">
      <c r="N64042" s="10"/>
    </row>
    <row r="64043" spans="14:14">
      <c r="N64043" s="10"/>
    </row>
    <row r="64044" spans="14:14">
      <c r="N64044" s="10"/>
    </row>
    <row r="64045" spans="14:14">
      <c r="N64045" s="10"/>
    </row>
    <row r="64046" spans="14:14">
      <c r="N64046" s="10"/>
    </row>
    <row r="64047" spans="14:14">
      <c r="N64047" s="10"/>
    </row>
    <row r="64048" spans="14:14">
      <c r="N64048" s="10"/>
    </row>
    <row r="64049" spans="14:14">
      <c r="N64049" s="10"/>
    </row>
    <row r="64050" spans="14:14">
      <c r="N64050" s="10"/>
    </row>
    <row r="64051" spans="14:14">
      <c r="N64051" s="10"/>
    </row>
    <row r="64052" spans="14:14">
      <c r="N64052" s="10"/>
    </row>
    <row r="64053" spans="14:14">
      <c r="N64053" s="10"/>
    </row>
    <row r="64054" spans="14:14">
      <c r="N64054" s="10"/>
    </row>
    <row r="64055" spans="14:14">
      <c r="N64055" s="10"/>
    </row>
    <row r="64056" spans="14:14">
      <c r="N64056" s="10"/>
    </row>
    <row r="64057" spans="14:14">
      <c r="N64057" s="10"/>
    </row>
    <row r="64058" spans="14:14">
      <c r="N64058" s="10"/>
    </row>
    <row r="64059" spans="14:14">
      <c r="N64059" s="10"/>
    </row>
    <row r="64060" spans="14:14">
      <c r="N64060" s="10"/>
    </row>
    <row r="64061" spans="14:14">
      <c r="N64061" s="10"/>
    </row>
    <row r="64062" spans="14:14">
      <c r="N64062" s="10"/>
    </row>
    <row r="64063" spans="14:14">
      <c r="N64063" s="10"/>
    </row>
    <row r="64064" spans="14:14">
      <c r="N64064" s="10"/>
    </row>
    <row r="64065" spans="14:14">
      <c r="N64065" s="10"/>
    </row>
    <row r="64066" spans="14:14">
      <c r="N64066" s="10"/>
    </row>
    <row r="64067" spans="14:14">
      <c r="N64067" s="10"/>
    </row>
    <row r="64068" spans="14:14">
      <c r="N64068" s="10"/>
    </row>
    <row r="64069" spans="14:14">
      <c r="N64069" s="10"/>
    </row>
    <row r="64070" spans="14:14">
      <c r="N64070" s="10"/>
    </row>
    <row r="64071" spans="14:14">
      <c r="N64071" s="10"/>
    </row>
    <row r="64072" spans="14:14">
      <c r="N64072" s="10"/>
    </row>
    <row r="64073" spans="14:14">
      <c r="N64073" s="10"/>
    </row>
    <row r="64074" spans="14:14">
      <c r="N64074" s="10"/>
    </row>
    <row r="64075" spans="14:14">
      <c r="N64075" s="10"/>
    </row>
    <row r="64076" spans="14:14">
      <c r="N64076" s="10"/>
    </row>
    <row r="64077" spans="14:14">
      <c r="N64077" s="10"/>
    </row>
    <row r="64078" spans="14:14">
      <c r="N64078" s="10"/>
    </row>
    <row r="64079" spans="14:14">
      <c r="N64079" s="10"/>
    </row>
    <row r="64080" spans="14:14">
      <c r="N64080" s="10"/>
    </row>
    <row r="64081" spans="14:14">
      <c r="N64081" s="10"/>
    </row>
    <row r="64082" spans="14:14">
      <c r="N64082" s="10"/>
    </row>
    <row r="64083" spans="14:14">
      <c r="N64083" s="10"/>
    </row>
    <row r="64084" spans="14:14">
      <c r="N64084" s="10"/>
    </row>
    <row r="64085" spans="14:14">
      <c r="N64085" s="10"/>
    </row>
    <row r="64086" spans="14:14">
      <c r="N64086" s="10"/>
    </row>
    <row r="64087" spans="14:14">
      <c r="N64087" s="10"/>
    </row>
    <row r="64088" spans="14:14">
      <c r="N64088" s="10"/>
    </row>
    <row r="64089" spans="14:14">
      <c r="N64089" s="10"/>
    </row>
    <row r="64090" spans="14:14">
      <c r="N64090" s="10"/>
    </row>
    <row r="64091" spans="14:14">
      <c r="N64091" s="10"/>
    </row>
    <row r="64092" spans="14:14">
      <c r="N64092" s="10"/>
    </row>
    <row r="64093" spans="14:14">
      <c r="N64093" s="10"/>
    </row>
    <row r="64094" spans="14:14">
      <c r="N64094" s="10"/>
    </row>
    <row r="64095" spans="14:14">
      <c r="N64095" s="10"/>
    </row>
    <row r="64096" spans="14:14">
      <c r="N64096" s="10"/>
    </row>
    <row r="64097" spans="14:14">
      <c r="N64097" s="10"/>
    </row>
    <row r="64098" spans="14:14">
      <c r="N64098" s="10"/>
    </row>
    <row r="64099" spans="14:14">
      <c r="N64099" s="10"/>
    </row>
    <row r="64100" spans="14:14">
      <c r="N64100" s="10"/>
    </row>
    <row r="64101" spans="14:14">
      <c r="N64101" s="10"/>
    </row>
    <row r="64102" spans="14:14">
      <c r="N64102" s="10"/>
    </row>
    <row r="64103" spans="14:14">
      <c r="N64103" s="10"/>
    </row>
    <row r="64104" spans="14:14">
      <c r="N64104" s="10"/>
    </row>
    <row r="64105" spans="14:14">
      <c r="N64105" s="10"/>
    </row>
    <row r="64106" spans="14:14">
      <c r="N64106" s="10"/>
    </row>
    <row r="64107" spans="14:14">
      <c r="N64107" s="10"/>
    </row>
    <row r="64108" spans="14:14">
      <c r="N64108" s="10"/>
    </row>
    <row r="64109" spans="14:14">
      <c r="N64109" s="10"/>
    </row>
    <row r="64110" spans="14:14">
      <c r="N64110" s="10"/>
    </row>
    <row r="64111" spans="14:14">
      <c r="N64111" s="10"/>
    </row>
    <row r="64112" spans="14:14">
      <c r="N64112" s="10"/>
    </row>
    <row r="64113" spans="14:14">
      <c r="N64113" s="10"/>
    </row>
    <row r="64114" spans="14:14">
      <c r="N64114" s="10"/>
    </row>
    <row r="64115" spans="14:14">
      <c r="N64115" s="10"/>
    </row>
    <row r="64116" spans="14:14">
      <c r="N64116" s="10"/>
    </row>
    <row r="64117" spans="14:14">
      <c r="N64117" s="10"/>
    </row>
    <row r="64118" spans="14:14">
      <c r="N64118" s="10"/>
    </row>
    <row r="64119" spans="14:14">
      <c r="N64119" s="10"/>
    </row>
    <row r="64120" spans="14:14">
      <c r="N64120" s="10"/>
    </row>
    <row r="64121" spans="14:14">
      <c r="N64121" s="10"/>
    </row>
    <row r="64122" spans="14:14">
      <c r="N64122" s="10"/>
    </row>
    <row r="64123" spans="14:14">
      <c r="N64123" s="10"/>
    </row>
    <row r="64124" spans="14:14">
      <c r="N64124" s="10"/>
    </row>
    <row r="64125" spans="14:14">
      <c r="N64125" s="10"/>
    </row>
    <row r="64126" spans="14:14">
      <c r="N64126" s="10"/>
    </row>
    <row r="64127" spans="14:14">
      <c r="N64127" s="10"/>
    </row>
    <row r="64128" spans="14:14">
      <c r="N64128" s="10"/>
    </row>
    <row r="64129" spans="14:14">
      <c r="N64129" s="10"/>
    </row>
    <row r="64130" spans="14:14">
      <c r="N64130" s="10"/>
    </row>
    <row r="64131" spans="14:14">
      <c r="N64131" s="10"/>
    </row>
    <row r="64132" spans="14:14">
      <c r="N64132" s="10"/>
    </row>
    <row r="64133" spans="14:14">
      <c r="N64133" s="10"/>
    </row>
    <row r="64134" spans="14:14">
      <c r="N64134" s="10"/>
    </row>
    <row r="64135" spans="14:14">
      <c r="N64135" s="10"/>
    </row>
    <row r="64136" spans="14:14">
      <c r="N64136" s="10"/>
    </row>
    <row r="64137" spans="14:14">
      <c r="N64137" s="10"/>
    </row>
    <row r="64138" spans="14:14">
      <c r="N64138" s="10"/>
    </row>
    <row r="64139" spans="14:14">
      <c r="N64139" s="10"/>
    </row>
    <row r="64140" spans="14:14">
      <c r="N64140" s="10"/>
    </row>
    <row r="64141" spans="14:14">
      <c r="N64141" s="10"/>
    </row>
    <row r="64142" spans="14:14">
      <c r="N64142" s="10"/>
    </row>
    <row r="64143" spans="14:14">
      <c r="N64143" s="10"/>
    </row>
    <row r="64144" spans="14:14">
      <c r="N64144" s="10"/>
    </row>
    <row r="64145" spans="14:14">
      <c r="N64145" s="10"/>
    </row>
    <row r="64146" spans="14:14">
      <c r="N64146" s="10"/>
    </row>
    <row r="64147" spans="14:14">
      <c r="N64147" s="10"/>
    </row>
    <row r="64148" spans="14:14">
      <c r="N64148" s="10"/>
    </row>
    <row r="64149" spans="14:14">
      <c r="N64149" s="10"/>
    </row>
    <row r="64150" spans="14:14">
      <c r="N64150" s="10"/>
    </row>
    <row r="64151" spans="14:14">
      <c r="N64151" s="10"/>
    </row>
    <row r="64152" spans="14:14">
      <c r="N64152" s="10"/>
    </row>
    <row r="64153" spans="14:14">
      <c r="N64153" s="10"/>
    </row>
    <row r="64154" spans="14:14">
      <c r="N64154" s="10"/>
    </row>
    <row r="64155" spans="14:14">
      <c r="N64155" s="10"/>
    </row>
    <row r="64156" spans="14:14">
      <c r="N64156" s="10"/>
    </row>
    <row r="64157" spans="14:14">
      <c r="N64157" s="10"/>
    </row>
    <row r="64158" spans="14:14">
      <c r="N64158" s="10"/>
    </row>
    <row r="64159" spans="14:14">
      <c r="N64159" s="10"/>
    </row>
    <row r="64160" spans="14:14">
      <c r="N64160" s="10"/>
    </row>
    <row r="64161" spans="14:14">
      <c r="N64161" s="10"/>
    </row>
    <row r="64162" spans="14:14">
      <c r="N64162" s="10"/>
    </row>
    <row r="64163" spans="14:14">
      <c r="N64163" s="10"/>
    </row>
    <row r="64164" spans="14:14">
      <c r="N64164" s="10"/>
    </row>
    <row r="64165" spans="14:14">
      <c r="N64165" s="10"/>
    </row>
    <row r="64166" spans="14:14">
      <c r="N64166" s="10"/>
    </row>
    <row r="64167" spans="14:14">
      <c r="N64167" s="10"/>
    </row>
    <row r="64168" spans="14:14">
      <c r="N64168" s="10"/>
    </row>
    <row r="64169" spans="14:14">
      <c r="N64169" s="10"/>
    </row>
    <row r="64170" spans="14:14">
      <c r="N64170" s="10"/>
    </row>
    <row r="64171" spans="14:14">
      <c r="N64171" s="10"/>
    </row>
    <row r="64172" spans="14:14">
      <c r="N64172" s="10"/>
    </row>
    <row r="64173" spans="14:14">
      <c r="N64173" s="10"/>
    </row>
    <row r="64174" spans="14:14">
      <c r="N64174" s="10"/>
    </row>
    <row r="64175" spans="14:14">
      <c r="N64175" s="10"/>
    </row>
    <row r="64176" spans="14:14">
      <c r="N64176" s="10"/>
    </row>
    <row r="64177" spans="14:14">
      <c r="N64177" s="10"/>
    </row>
    <row r="64178" spans="14:14">
      <c r="N64178" s="10"/>
    </row>
    <row r="64179" spans="14:14">
      <c r="N64179" s="10"/>
    </row>
    <row r="64180" spans="14:14">
      <c r="N64180" s="10"/>
    </row>
    <row r="64181" spans="14:14">
      <c r="N64181" s="10"/>
    </row>
    <row r="64182" spans="14:14">
      <c r="N64182" s="10"/>
    </row>
    <row r="64183" spans="14:14">
      <c r="N64183" s="10"/>
    </row>
    <row r="64184" spans="14:14">
      <c r="N64184" s="10"/>
    </row>
    <row r="64185" spans="14:14">
      <c r="N64185" s="10"/>
    </row>
    <row r="64186" spans="14:14">
      <c r="N64186" s="10"/>
    </row>
    <row r="64187" spans="14:14">
      <c r="N64187" s="10"/>
    </row>
    <row r="64188" spans="14:14">
      <c r="N64188" s="10"/>
    </row>
    <row r="64189" spans="14:14">
      <c r="N64189" s="10"/>
    </row>
    <row r="64190" spans="14:14">
      <c r="N64190" s="10"/>
    </row>
    <row r="64191" spans="14:14">
      <c r="N64191" s="10"/>
    </row>
    <row r="64192" spans="14:14">
      <c r="N64192" s="10"/>
    </row>
    <row r="64193" spans="14:14">
      <c r="N64193" s="10"/>
    </row>
    <row r="64194" spans="14:14">
      <c r="N64194" s="10"/>
    </row>
    <row r="64195" spans="14:14">
      <c r="N64195" s="10"/>
    </row>
    <row r="64196" spans="14:14">
      <c r="N64196" s="10"/>
    </row>
    <row r="64197" spans="14:14">
      <c r="N64197" s="10"/>
    </row>
    <row r="64198" spans="14:14">
      <c r="N64198" s="10"/>
    </row>
    <row r="64199" spans="14:14">
      <c r="N64199" s="10"/>
    </row>
    <row r="64200" spans="14:14">
      <c r="N64200" s="10"/>
    </row>
    <row r="64201" spans="14:14">
      <c r="N64201" s="10"/>
    </row>
    <row r="64202" spans="14:14">
      <c r="N64202" s="10"/>
    </row>
    <row r="64203" spans="14:14">
      <c r="N64203" s="10"/>
    </row>
    <row r="64204" spans="14:14">
      <c r="N64204" s="10"/>
    </row>
    <row r="64205" spans="14:14">
      <c r="N64205" s="10"/>
    </row>
    <row r="64206" spans="14:14">
      <c r="N64206" s="10"/>
    </row>
    <row r="64207" spans="14:14">
      <c r="N64207" s="10"/>
    </row>
    <row r="64208" spans="14:14">
      <c r="N64208" s="10"/>
    </row>
    <row r="64209" spans="14:14">
      <c r="N64209" s="10"/>
    </row>
    <row r="64210" spans="14:14">
      <c r="N64210" s="10"/>
    </row>
    <row r="64211" spans="14:14">
      <c r="N64211" s="10"/>
    </row>
    <row r="64212" spans="14:14">
      <c r="N64212" s="10"/>
    </row>
    <row r="64213" spans="14:14">
      <c r="N64213" s="10"/>
    </row>
    <row r="64214" spans="14:14">
      <c r="N64214" s="10"/>
    </row>
    <row r="64215" spans="14:14">
      <c r="N64215" s="10"/>
    </row>
    <row r="64216" spans="14:14">
      <c r="N64216" s="10"/>
    </row>
    <row r="64217" spans="14:14">
      <c r="N64217" s="10"/>
    </row>
    <row r="64218" spans="14:14">
      <c r="N64218" s="10"/>
    </row>
    <row r="64219" spans="14:14">
      <c r="N64219" s="10"/>
    </row>
    <row r="64220" spans="14:14">
      <c r="N64220" s="10"/>
    </row>
    <row r="64221" spans="14:14">
      <c r="N64221" s="10"/>
    </row>
    <row r="64222" spans="14:14">
      <c r="N64222" s="10"/>
    </row>
    <row r="64223" spans="14:14">
      <c r="N64223" s="10"/>
    </row>
    <row r="64224" spans="14:14">
      <c r="N64224" s="10"/>
    </row>
    <row r="64225" spans="14:14">
      <c r="N64225" s="10"/>
    </row>
    <row r="64226" spans="14:14">
      <c r="N64226" s="10"/>
    </row>
    <row r="64227" spans="14:14">
      <c r="N64227" s="10"/>
    </row>
    <row r="64228" spans="14:14">
      <c r="N64228" s="10"/>
    </row>
    <row r="64229" spans="14:14">
      <c r="N64229" s="10"/>
    </row>
    <row r="64230" spans="14:14">
      <c r="N64230" s="10"/>
    </row>
    <row r="64231" spans="14:14">
      <c r="N64231" s="10"/>
    </row>
    <row r="64232" spans="14:14">
      <c r="N64232" s="10"/>
    </row>
    <row r="64233" spans="14:14">
      <c r="N64233" s="10"/>
    </row>
    <row r="64234" spans="14:14">
      <c r="N64234" s="10"/>
    </row>
    <row r="64235" spans="14:14">
      <c r="N64235" s="10"/>
    </row>
    <row r="64236" spans="14:14">
      <c r="N64236" s="10"/>
    </row>
    <row r="64237" spans="14:14">
      <c r="N64237" s="10"/>
    </row>
    <row r="64238" spans="14:14">
      <c r="N64238" s="10"/>
    </row>
    <row r="64239" spans="14:14">
      <c r="N64239" s="10"/>
    </row>
    <row r="64240" spans="14:14">
      <c r="N64240" s="10"/>
    </row>
    <row r="64241" spans="14:14">
      <c r="N64241" s="10"/>
    </row>
    <row r="64242" spans="14:14">
      <c r="N64242" s="10"/>
    </row>
    <row r="64243" spans="14:14">
      <c r="N64243" s="10"/>
    </row>
    <row r="64244" spans="14:14">
      <c r="N64244" s="10"/>
    </row>
    <row r="64245" spans="14:14">
      <c r="N64245" s="10"/>
    </row>
    <row r="64246" spans="14:14">
      <c r="N64246" s="10"/>
    </row>
    <row r="64247" spans="14:14">
      <c r="N64247" s="10"/>
    </row>
    <row r="64248" spans="14:14">
      <c r="N64248" s="10"/>
    </row>
    <row r="64249" spans="14:14">
      <c r="N64249" s="10"/>
    </row>
    <row r="64250" spans="14:14">
      <c r="N64250" s="10"/>
    </row>
    <row r="64251" spans="14:14">
      <c r="N64251" s="10"/>
    </row>
    <row r="64252" spans="14:14">
      <c r="N64252" s="10"/>
    </row>
    <row r="64253" spans="14:14">
      <c r="N64253" s="10"/>
    </row>
    <row r="64254" spans="14:14">
      <c r="N64254" s="10"/>
    </row>
    <row r="64255" spans="14:14">
      <c r="N64255" s="10"/>
    </row>
    <row r="64256" spans="14:14">
      <c r="N64256" s="10"/>
    </row>
    <row r="64257" spans="14:14">
      <c r="N64257" s="10"/>
    </row>
    <row r="64258" spans="14:14">
      <c r="N64258" s="10"/>
    </row>
    <row r="64259" spans="14:14">
      <c r="N64259" s="10"/>
    </row>
    <row r="64260" spans="14:14">
      <c r="N64260" s="10"/>
    </row>
    <row r="64261" spans="14:14">
      <c r="N64261" s="10"/>
    </row>
    <row r="64262" spans="14:14">
      <c r="N64262" s="10"/>
    </row>
    <row r="64263" spans="14:14">
      <c r="N64263" s="10"/>
    </row>
    <row r="64264" spans="14:14">
      <c r="N64264" s="10"/>
    </row>
    <row r="64265" spans="14:14">
      <c r="N64265" s="10"/>
    </row>
    <row r="64266" spans="14:14">
      <c r="N64266" s="10"/>
    </row>
    <row r="64267" spans="14:14">
      <c r="N64267" s="10"/>
    </row>
    <row r="64268" spans="14:14">
      <c r="N64268" s="10"/>
    </row>
    <row r="64269" spans="14:14">
      <c r="N64269" s="10"/>
    </row>
    <row r="64270" spans="14:14">
      <c r="N64270" s="10"/>
    </row>
    <row r="64271" spans="14:14">
      <c r="N64271" s="10"/>
    </row>
    <row r="64272" spans="14:14">
      <c r="N64272" s="10"/>
    </row>
    <row r="64273" spans="14:14">
      <c r="N64273" s="10"/>
    </row>
    <row r="64274" spans="14:14">
      <c r="N64274" s="10"/>
    </row>
    <row r="64275" spans="14:14">
      <c r="N64275" s="10"/>
    </row>
    <row r="64276" spans="14:14">
      <c r="N64276" s="10"/>
    </row>
    <row r="64277" spans="14:14">
      <c r="N64277" s="10"/>
    </row>
    <row r="64278" spans="14:14">
      <c r="N64278" s="10"/>
    </row>
    <row r="64279" spans="14:14">
      <c r="N64279" s="10"/>
    </row>
    <row r="64280" spans="14:14">
      <c r="N64280" s="10"/>
    </row>
    <row r="64281" spans="14:14">
      <c r="N64281" s="10"/>
    </row>
    <row r="64282" spans="14:14">
      <c r="N64282" s="10"/>
    </row>
    <row r="64283" spans="14:14">
      <c r="N64283" s="10"/>
    </row>
    <row r="64284" spans="14:14">
      <c r="N64284" s="10"/>
    </row>
    <row r="64285" spans="14:14">
      <c r="N64285" s="10"/>
    </row>
    <row r="64286" spans="14:14">
      <c r="N64286" s="10"/>
    </row>
    <row r="64287" spans="14:14">
      <c r="N64287" s="10"/>
    </row>
    <row r="64288" spans="14:14">
      <c r="N64288" s="10"/>
    </row>
    <row r="64289" spans="14:14">
      <c r="N64289" s="10"/>
    </row>
    <row r="64290" spans="14:14">
      <c r="N64290" s="10"/>
    </row>
    <row r="64291" spans="14:14">
      <c r="N64291" s="10"/>
    </row>
    <row r="64292" spans="14:14">
      <c r="N64292" s="10"/>
    </row>
    <row r="64293" spans="14:14">
      <c r="N64293" s="10"/>
    </row>
    <row r="64294" spans="14:14">
      <c r="N64294" s="10"/>
    </row>
    <row r="64295" spans="14:14">
      <c r="N64295" s="10"/>
    </row>
    <row r="64296" spans="14:14">
      <c r="N64296" s="10"/>
    </row>
    <row r="64297" spans="14:14">
      <c r="N64297" s="10"/>
    </row>
    <row r="64298" spans="14:14">
      <c r="N64298" s="10"/>
    </row>
    <row r="64299" spans="14:14">
      <c r="N64299" s="10"/>
    </row>
    <row r="64300" spans="14:14">
      <c r="N64300" s="10"/>
    </row>
    <row r="64301" spans="14:14">
      <c r="N64301" s="10"/>
    </row>
    <row r="64302" spans="14:14">
      <c r="N64302" s="10"/>
    </row>
    <row r="64303" spans="14:14">
      <c r="N64303" s="10"/>
    </row>
    <row r="64304" spans="14:14">
      <c r="N64304" s="10"/>
    </row>
    <row r="64305" spans="14:14">
      <c r="N64305" s="10"/>
    </row>
    <row r="64306" spans="14:14">
      <c r="N64306" s="10"/>
    </row>
    <row r="64307" spans="14:14">
      <c r="N64307" s="10"/>
    </row>
    <row r="64308" spans="14:14">
      <c r="N64308" s="10"/>
    </row>
    <row r="64309" spans="14:14">
      <c r="N64309" s="10"/>
    </row>
    <row r="64310" spans="14:14">
      <c r="N64310" s="10"/>
    </row>
    <row r="64311" spans="14:14">
      <c r="N64311" s="10"/>
    </row>
    <row r="64312" spans="14:14">
      <c r="N64312" s="10"/>
    </row>
    <row r="64313" spans="14:14">
      <c r="N64313" s="10"/>
    </row>
    <row r="64314" spans="14:14">
      <c r="N64314" s="10"/>
    </row>
    <row r="64315" spans="14:14">
      <c r="N64315" s="10"/>
    </row>
    <row r="64316" spans="14:14">
      <c r="N64316" s="10"/>
    </row>
    <row r="64317" spans="14:14">
      <c r="N64317" s="10"/>
    </row>
    <row r="64318" spans="14:14">
      <c r="N64318" s="10"/>
    </row>
    <row r="64319" spans="14:14">
      <c r="N64319" s="10"/>
    </row>
    <row r="64320" spans="14:14">
      <c r="N64320" s="10"/>
    </row>
    <row r="64321" spans="14:14">
      <c r="N64321" s="10"/>
    </row>
    <row r="64322" spans="14:14">
      <c r="N64322" s="10"/>
    </row>
    <row r="64323" spans="14:14">
      <c r="N64323" s="10"/>
    </row>
    <row r="64324" spans="14:14">
      <c r="N64324" s="10"/>
    </row>
    <row r="64325" spans="14:14">
      <c r="N64325" s="10"/>
    </row>
    <row r="64326" spans="14:14">
      <c r="N64326" s="10"/>
    </row>
    <row r="64327" spans="14:14">
      <c r="N64327" s="10"/>
    </row>
    <row r="64328" spans="14:14">
      <c r="N64328" s="10"/>
    </row>
    <row r="64329" spans="14:14">
      <c r="N64329" s="10"/>
    </row>
    <row r="64330" spans="14:14">
      <c r="N64330" s="10"/>
    </row>
    <row r="64331" spans="14:14">
      <c r="N64331" s="10"/>
    </row>
    <row r="64332" spans="14:14">
      <c r="N64332" s="10"/>
    </row>
    <row r="64333" spans="14:14">
      <c r="N64333" s="10"/>
    </row>
    <row r="64334" spans="14:14">
      <c r="N64334" s="10"/>
    </row>
    <row r="64335" spans="14:14">
      <c r="N64335" s="10"/>
    </row>
    <row r="64336" spans="14:14">
      <c r="N64336" s="10"/>
    </row>
    <row r="64337" spans="14:14">
      <c r="N64337" s="10"/>
    </row>
    <row r="64338" spans="14:14">
      <c r="N64338" s="10"/>
    </row>
    <row r="64339" spans="14:14">
      <c r="N64339" s="10"/>
    </row>
    <row r="64340" spans="14:14">
      <c r="N64340" s="10"/>
    </row>
    <row r="64341" spans="14:14">
      <c r="N64341" s="10"/>
    </row>
    <row r="64342" spans="14:14">
      <c r="N64342" s="10"/>
    </row>
    <row r="64343" spans="14:14">
      <c r="N64343" s="10"/>
    </row>
    <row r="64344" spans="14:14">
      <c r="N64344" s="10"/>
    </row>
    <row r="64345" spans="14:14">
      <c r="N64345" s="10"/>
    </row>
    <row r="64346" spans="14:14">
      <c r="N64346" s="10"/>
    </row>
    <row r="64347" spans="14:14">
      <c r="N64347" s="10"/>
    </row>
    <row r="64348" spans="14:14">
      <c r="N64348" s="10"/>
    </row>
    <row r="64349" spans="14:14">
      <c r="N64349" s="10"/>
    </row>
    <row r="64350" spans="14:14">
      <c r="N64350" s="10"/>
    </row>
    <row r="64351" spans="14:14">
      <c r="N64351" s="10"/>
    </row>
    <row r="64352" spans="14:14">
      <c r="N64352" s="10"/>
    </row>
    <row r="64353" spans="14:14">
      <c r="N64353" s="10"/>
    </row>
    <row r="64354" spans="14:14">
      <c r="N64354" s="10"/>
    </row>
    <row r="64355" spans="14:14">
      <c r="N64355" s="10"/>
    </row>
    <row r="64356" spans="14:14">
      <c r="N64356" s="10"/>
    </row>
    <row r="64357" spans="14:14">
      <c r="N64357" s="10"/>
    </row>
    <row r="64358" spans="14:14">
      <c r="N64358" s="10"/>
    </row>
    <row r="64359" spans="14:14">
      <c r="N64359" s="10"/>
    </row>
    <row r="64360" spans="14:14">
      <c r="N64360" s="10"/>
    </row>
    <row r="64361" spans="14:14">
      <c r="N64361" s="10"/>
    </row>
    <row r="64362" spans="14:14">
      <c r="N64362" s="10"/>
    </row>
    <row r="64363" spans="14:14">
      <c r="N64363" s="10"/>
    </row>
    <row r="64364" spans="14:14">
      <c r="N64364" s="10"/>
    </row>
    <row r="64365" spans="14:14">
      <c r="N64365" s="10"/>
    </row>
    <row r="64366" spans="14:14">
      <c r="N64366" s="10"/>
    </row>
    <row r="64367" spans="14:14">
      <c r="N64367" s="10"/>
    </row>
    <row r="64368" spans="14:14">
      <c r="N64368" s="10"/>
    </row>
    <row r="64369" spans="14:14">
      <c r="N64369" s="10"/>
    </row>
    <row r="64370" spans="14:14">
      <c r="N64370" s="10"/>
    </row>
    <row r="64371" spans="14:14">
      <c r="N64371" s="10"/>
    </row>
    <row r="64372" spans="14:14">
      <c r="N64372" s="10"/>
    </row>
    <row r="64373" spans="14:14">
      <c r="N64373" s="10"/>
    </row>
    <row r="64374" spans="14:14">
      <c r="N64374" s="10"/>
    </row>
    <row r="64375" spans="14:14">
      <c r="N64375" s="10"/>
    </row>
    <row r="64376" spans="14:14">
      <c r="N64376" s="10"/>
    </row>
    <row r="64377" spans="14:14">
      <c r="N64377" s="10"/>
    </row>
    <row r="64378" spans="14:14">
      <c r="N64378" s="10"/>
    </row>
    <row r="64379" spans="14:14">
      <c r="N64379" s="10"/>
    </row>
    <row r="64380" spans="14:14">
      <c r="N64380" s="10"/>
    </row>
    <row r="64381" spans="14:14">
      <c r="N64381" s="10"/>
    </row>
    <row r="64382" spans="14:14">
      <c r="N64382" s="10"/>
    </row>
    <row r="64383" spans="14:14">
      <c r="N64383" s="10"/>
    </row>
    <row r="64384" spans="14:14">
      <c r="N64384" s="10"/>
    </row>
    <row r="64385" spans="14:14">
      <c r="N64385" s="10"/>
    </row>
    <row r="64386" spans="14:14">
      <c r="N64386" s="10"/>
    </row>
    <row r="64387" spans="14:14">
      <c r="N64387" s="10"/>
    </row>
    <row r="64388" spans="14:14">
      <c r="N64388" s="10"/>
    </row>
    <row r="64389" spans="14:14">
      <c r="N64389" s="10"/>
    </row>
    <row r="64390" spans="14:14">
      <c r="N64390" s="10"/>
    </row>
    <row r="64391" spans="14:14">
      <c r="N64391" s="10"/>
    </row>
    <row r="64392" spans="14:14">
      <c r="N64392" s="10"/>
    </row>
    <row r="64393" spans="14:14">
      <c r="N64393" s="10"/>
    </row>
    <row r="64394" spans="14:14">
      <c r="N64394" s="10"/>
    </row>
    <row r="64395" spans="14:14">
      <c r="N64395" s="10"/>
    </row>
    <row r="64396" spans="14:14">
      <c r="N64396" s="10"/>
    </row>
    <row r="64397" spans="14:14">
      <c r="N64397" s="10"/>
    </row>
    <row r="64398" spans="14:14">
      <c r="N64398" s="10"/>
    </row>
    <row r="64399" spans="14:14">
      <c r="N64399" s="10"/>
    </row>
    <row r="64400" spans="14:14">
      <c r="N64400" s="10"/>
    </row>
    <row r="64401" spans="14:14">
      <c r="N64401" s="10"/>
    </row>
    <row r="64402" spans="14:14">
      <c r="N64402" s="10"/>
    </row>
    <row r="64403" spans="14:14">
      <c r="N64403" s="10"/>
    </row>
    <row r="64404" spans="14:14">
      <c r="N64404" s="10"/>
    </row>
    <row r="64405" spans="14:14">
      <c r="N64405" s="10"/>
    </row>
    <row r="64406" spans="14:14">
      <c r="N64406" s="10"/>
    </row>
    <row r="64407" spans="14:14">
      <c r="N64407" s="10"/>
    </row>
    <row r="64408" spans="14:14">
      <c r="N64408" s="10"/>
    </row>
    <row r="64409" spans="14:14">
      <c r="N64409" s="10"/>
    </row>
    <row r="64410" spans="14:14">
      <c r="N64410" s="10"/>
    </row>
    <row r="64411" spans="14:14">
      <c r="N64411" s="10"/>
    </row>
    <row r="64412" spans="14:14">
      <c r="N64412" s="10"/>
    </row>
    <row r="64413" spans="14:14">
      <c r="N64413" s="10"/>
    </row>
    <row r="64414" spans="14:14">
      <c r="N64414" s="10"/>
    </row>
    <row r="64415" spans="14:14">
      <c r="N64415" s="10"/>
    </row>
    <row r="64416" spans="14:14">
      <c r="N64416" s="10"/>
    </row>
    <row r="64417" spans="14:14">
      <c r="N64417" s="10"/>
    </row>
    <row r="64418" spans="14:14">
      <c r="N64418" s="10"/>
    </row>
    <row r="64419" spans="14:14">
      <c r="N64419" s="10"/>
    </row>
    <row r="64420" spans="14:14">
      <c r="N64420" s="10"/>
    </row>
    <row r="64421" spans="14:14">
      <c r="N64421" s="10"/>
    </row>
    <row r="64422" spans="14:14">
      <c r="N64422" s="10"/>
    </row>
    <row r="64423" spans="14:14">
      <c r="N64423" s="10"/>
    </row>
    <row r="64424" spans="14:14">
      <c r="N64424" s="10"/>
    </row>
    <row r="64425" spans="14:14">
      <c r="N64425" s="10"/>
    </row>
    <row r="64426" spans="14:14">
      <c r="N64426" s="10"/>
    </row>
    <row r="64427" spans="14:14">
      <c r="N64427" s="10"/>
    </row>
    <row r="64428" spans="14:14">
      <c r="N64428" s="10"/>
    </row>
    <row r="64429" spans="14:14">
      <c r="N64429" s="10"/>
    </row>
    <row r="64430" spans="14:14">
      <c r="N64430" s="10"/>
    </row>
    <row r="64431" spans="14:14">
      <c r="N64431" s="10"/>
    </row>
    <row r="64432" spans="14:14">
      <c r="N64432" s="10"/>
    </row>
    <row r="64433" spans="14:14">
      <c r="N64433" s="10"/>
    </row>
    <row r="64434" spans="14:14">
      <c r="N64434" s="10"/>
    </row>
    <row r="64435" spans="14:14">
      <c r="N64435" s="10"/>
    </row>
    <row r="64436" spans="14:14">
      <c r="N64436" s="10"/>
    </row>
    <row r="64437" spans="14:14">
      <c r="N64437" s="10"/>
    </row>
    <row r="64438" spans="14:14">
      <c r="N64438" s="10"/>
    </row>
    <row r="64439" spans="14:14">
      <c r="N64439" s="10"/>
    </row>
    <row r="64440" spans="14:14">
      <c r="N64440" s="10"/>
    </row>
    <row r="64441" spans="14:14">
      <c r="N64441" s="10"/>
    </row>
    <row r="64442" spans="14:14">
      <c r="N64442" s="10"/>
    </row>
    <row r="64443" spans="14:14">
      <c r="N64443" s="10"/>
    </row>
    <row r="64444" spans="14:14">
      <c r="N64444" s="10"/>
    </row>
    <row r="64445" spans="14:14">
      <c r="N64445" s="10"/>
    </row>
    <row r="64446" spans="14:14">
      <c r="N64446" s="10"/>
    </row>
    <row r="64447" spans="14:14">
      <c r="N64447" s="10"/>
    </row>
    <row r="64448" spans="14:14">
      <c r="N64448" s="10"/>
    </row>
    <row r="64449" spans="14:14">
      <c r="N64449" s="10"/>
    </row>
    <row r="64450" spans="14:14">
      <c r="N64450" s="10"/>
    </row>
    <row r="64451" spans="14:14">
      <c r="N64451" s="10"/>
    </row>
    <row r="64452" spans="14:14">
      <c r="N64452" s="10"/>
    </row>
    <row r="64453" spans="14:14">
      <c r="N64453" s="10"/>
    </row>
    <row r="64454" spans="14:14">
      <c r="N64454" s="10"/>
    </row>
    <row r="64455" spans="14:14">
      <c r="N64455" s="10"/>
    </row>
    <row r="64456" spans="14:14">
      <c r="N64456" s="10"/>
    </row>
    <row r="64457" spans="14:14">
      <c r="N64457" s="10"/>
    </row>
    <row r="64458" spans="14:14">
      <c r="N64458" s="10"/>
    </row>
    <row r="64459" spans="14:14">
      <c r="N64459" s="10"/>
    </row>
    <row r="64460" spans="14:14">
      <c r="N64460" s="10"/>
    </row>
    <row r="64461" spans="14:14">
      <c r="N64461" s="10"/>
    </row>
    <row r="64462" spans="14:14">
      <c r="N64462" s="10"/>
    </row>
    <row r="64463" spans="14:14">
      <c r="N64463" s="10"/>
    </row>
    <row r="64464" spans="14:14">
      <c r="N64464" s="10"/>
    </row>
    <row r="64465" spans="14:14">
      <c r="N64465" s="10"/>
    </row>
    <row r="64466" spans="14:14">
      <c r="N64466" s="10"/>
    </row>
    <row r="64467" spans="14:14">
      <c r="N64467" s="10"/>
    </row>
    <row r="64468" spans="14:14">
      <c r="N64468" s="10"/>
    </row>
    <row r="64469" spans="14:14">
      <c r="N64469" s="10"/>
    </row>
    <row r="64470" spans="14:14">
      <c r="N64470" s="10"/>
    </row>
    <row r="64471" spans="14:14">
      <c r="N64471" s="10"/>
    </row>
    <row r="64472" spans="14:14">
      <c r="N64472" s="10"/>
    </row>
    <row r="64473" spans="14:14">
      <c r="N64473" s="10"/>
    </row>
    <row r="64474" spans="14:14">
      <c r="N64474" s="10"/>
    </row>
    <row r="64475" spans="14:14">
      <c r="N64475" s="10"/>
    </row>
    <row r="64476" spans="14:14">
      <c r="N64476" s="10"/>
    </row>
    <row r="64477" spans="14:14">
      <c r="N64477" s="10"/>
    </row>
    <row r="64478" spans="14:14">
      <c r="N64478" s="10"/>
    </row>
    <row r="64479" spans="14:14">
      <c r="N64479" s="10"/>
    </row>
    <row r="64480" spans="14:14">
      <c r="N64480" s="10"/>
    </row>
    <row r="64481" spans="14:14">
      <c r="N64481" s="10"/>
    </row>
    <row r="64482" spans="14:14">
      <c r="N64482" s="10"/>
    </row>
    <row r="64483" spans="14:14">
      <c r="N64483" s="10"/>
    </row>
    <row r="64484" spans="14:14">
      <c r="N64484" s="10"/>
    </row>
    <row r="64485" spans="14:14">
      <c r="N64485" s="10"/>
    </row>
    <row r="64486" spans="14:14">
      <c r="N64486" s="10"/>
    </row>
    <row r="64487" spans="14:14">
      <c r="N64487" s="10"/>
    </row>
    <row r="64488" spans="14:14">
      <c r="N64488" s="10"/>
    </row>
    <row r="64489" spans="14:14">
      <c r="N64489" s="10"/>
    </row>
    <row r="64490" spans="14:14">
      <c r="N64490" s="10"/>
    </row>
    <row r="64491" spans="14:14">
      <c r="N64491" s="10"/>
    </row>
    <row r="64492" spans="14:14">
      <c r="N64492" s="10"/>
    </row>
    <row r="64493" spans="14:14">
      <c r="N64493" s="10"/>
    </row>
    <row r="64494" spans="14:14">
      <c r="N64494" s="10"/>
    </row>
    <row r="64495" spans="14:14">
      <c r="N64495" s="10"/>
    </row>
    <row r="64496" spans="14:14">
      <c r="N64496" s="10"/>
    </row>
    <row r="64497" spans="14:14">
      <c r="N64497" s="10"/>
    </row>
    <row r="64498" spans="14:14">
      <c r="N64498" s="10"/>
    </row>
    <row r="64499" spans="14:14">
      <c r="N64499" s="10"/>
    </row>
    <row r="64500" spans="14:14">
      <c r="N64500" s="10"/>
    </row>
    <row r="64501" spans="14:14">
      <c r="N64501" s="10"/>
    </row>
    <row r="64502" spans="14:14">
      <c r="N64502" s="10"/>
    </row>
    <row r="64503" spans="14:14">
      <c r="N64503" s="10"/>
    </row>
    <row r="64504" spans="14:14">
      <c r="N64504" s="10"/>
    </row>
    <row r="64505" spans="14:14">
      <c r="N64505" s="10"/>
    </row>
    <row r="64506" spans="14:14">
      <c r="N64506" s="10"/>
    </row>
    <row r="64507" spans="14:14">
      <c r="N64507" s="10"/>
    </row>
    <row r="64508" spans="14:14">
      <c r="N64508" s="10"/>
    </row>
    <row r="64509" spans="14:14">
      <c r="N64509" s="10"/>
    </row>
    <row r="64510" spans="14:14">
      <c r="N64510" s="10"/>
    </row>
    <row r="64511" spans="14:14">
      <c r="N64511" s="10"/>
    </row>
    <row r="64512" spans="14:14">
      <c r="N64512" s="10"/>
    </row>
    <row r="64513" spans="14:14">
      <c r="N64513" s="10"/>
    </row>
    <row r="64514" spans="14:14">
      <c r="N64514" s="10"/>
    </row>
    <row r="64515" spans="14:14">
      <c r="N64515" s="10"/>
    </row>
    <row r="64516" spans="14:14">
      <c r="N64516" s="10"/>
    </row>
    <row r="64517" spans="14:14">
      <c r="N64517" s="10"/>
    </row>
    <row r="64518" spans="14:14">
      <c r="N64518" s="10"/>
    </row>
    <row r="64519" spans="14:14">
      <c r="N64519" s="10"/>
    </row>
    <row r="64520" spans="14:14">
      <c r="N64520" s="10"/>
    </row>
    <row r="64521" spans="14:14">
      <c r="N64521" s="10"/>
    </row>
    <row r="64522" spans="14:14">
      <c r="N64522" s="10"/>
    </row>
    <row r="64523" spans="14:14">
      <c r="N64523" s="10"/>
    </row>
    <row r="64524" spans="14:14">
      <c r="N64524" s="10"/>
    </row>
    <row r="64525" spans="14:14">
      <c r="N64525" s="10"/>
    </row>
    <row r="64526" spans="14:14">
      <c r="N64526" s="10"/>
    </row>
    <row r="64527" spans="14:14">
      <c r="N64527" s="10"/>
    </row>
    <row r="64528" spans="14:14">
      <c r="N64528" s="10"/>
    </row>
    <row r="64529" spans="14:14">
      <c r="N64529" s="10"/>
    </row>
    <row r="64530" spans="14:14">
      <c r="N64530" s="10"/>
    </row>
    <row r="64531" spans="14:14">
      <c r="N64531" s="10"/>
    </row>
    <row r="64532" spans="14:14">
      <c r="N64532" s="10"/>
    </row>
    <row r="64533" spans="14:14">
      <c r="N64533" s="10"/>
    </row>
    <row r="64534" spans="14:14">
      <c r="N64534" s="10"/>
    </row>
    <row r="64535" spans="14:14">
      <c r="N64535" s="10"/>
    </row>
    <row r="64536" spans="14:14">
      <c r="N64536" s="10"/>
    </row>
    <row r="64537" spans="14:14">
      <c r="N64537" s="10"/>
    </row>
    <row r="64538" spans="14:14">
      <c r="N64538" s="10"/>
    </row>
    <row r="64539" spans="14:14">
      <c r="N64539" s="10"/>
    </row>
    <row r="64540" spans="14:14">
      <c r="N64540" s="10"/>
    </row>
    <row r="64541" spans="14:14">
      <c r="N64541" s="10"/>
    </row>
    <row r="64542" spans="14:14">
      <c r="N64542" s="10"/>
    </row>
    <row r="64543" spans="14:14">
      <c r="N64543" s="10"/>
    </row>
    <row r="64544" spans="14:14">
      <c r="N64544" s="10"/>
    </row>
    <row r="64545" spans="14:14">
      <c r="N64545" s="10"/>
    </row>
    <row r="64546" spans="14:14">
      <c r="N64546" s="10"/>
    </row>
    <row r="64547" spans="14:14">
      <c r="N64547" s="10"/>
    </row>
    <row r="64548" spans="14:14">
      <c r="N64548" s="10"/>
    </row>
    <row r="64549" spans="14:14">
      <c r="N64549" s="10"/>
    </row>
    <row r="64550" spans="14:14">
      <c r="N64550" s="10"/>
    </row>
    <row r="64551" spans="14:14">
      <c r="N64551" s="10"/>
    </row>
    <row r="64552" spans="14:14">
      <c r="N64552" s="10"/>
    </row>
    <row r="64553" spans="14:14">
      <c r="N64553" s="10"/>
    </row>
    <row r="64554" spans="14:14">
      <c r="N64554" s="10"/>
    </row>
    <row r="64555" spans="14:14">
      <c r="N64555" s="10"/>
    </row>
    <row r="64556" spans="14:14">
      <c r="N64556" s="10"/>
    </row>
    <row r="64557" spans="14:14">
      <c r="N64557" s="10"/>
    </row>
    <row r="64558" spans="14:14">
      <c r="N64558" s="10"/>
    </row>
    <row r="64559" spans="14:14">
      <c r="N64559" s="10"/>
    </row>
    <row r="64560" spans="14:14">
      <c r="N64560" s="10"/>
    </row>
    <row r="64561" spans="14:14">
      <c r="N64561" s="10"/>
    </row>
    <row r="64562" spans="14:14">
      <c r="N64562" s="10"/>
    </row>
    <row r="64563" spans="14:14">
      <c r="N64563" s="10"/>
    </row>
    <row r="64564" spans="14:14">
      <c r="N64564" s="10"/>
    </row>
    <row r="64565" spans="14:14">
      <c r="N64565" s="10"/>
    </row>
    <row r="64566" spans="14:14">
      <c r="N64566" s="10"/>
    </row>
    <row r="64567" spans="14:14">
      <c r="N64567" s="10"/>
    </row>
    <row r="64568" spans="14:14">
      <c r="N64568" s="10"/>
    </row>
    <row r="64569" spans="14:14">
      <c r="N64569" s="10"/>
    </row>
    <row r="64570" spans="14:14">
      <c r="N64570" s="10"/>
    </row>
    <row r="64571" spans="14:14">
      <c r="N64571" s="10"/>
    </row>
    <row r="64572" spans="14:14">
      <c r="N64572" s="10"/>
    </row>
    <row r="64573" spans="14:14">
      <c r="N64573" s="10"/>
    </row>
    <row r="64574" spans="14:14">
      <c r="N64574" s="10"/>
    </row>
    <row r="64575" spans="14:14">
      <c r="N64575" s="10"/>
    </row>
    <row r="64576" spans="14:14">
      <c r="N64576" s="10"/>
    </row>
    <row r="64577" spans="14:14">
      <c r="N64577" s="10"/>
    </row>
    <row r="64578" spans="14:14">
      <c r="N64578" s="10"/>
    </row>
    <row r="64579" spans="14:14">
      <c r="N64579" s="10"/>
    </row>
    <row r="64580" spans="14:14">
      <c r="N64580" s="10"/>
    </row>
    <row r="64581" spans="14:14">
      <c r="N64581" s="10"/>
    </row>
    <row r="64582" spans="14:14">
      <c r="N64582" s="10"/>
    </row>
    <row r="64583" spans="14:14">
      <c r="N64583" s="10"/>
    </row>
    <row r="64584" spans="14:14">
      <c r="N64584" s="10"/>
    </row>
    <row r="64585" spans="14:14">
      <c r="N64585" s="10"/>
    </row>
    <row r="64586" spans="14:14">
      <c r="N64586" s="10"/>
    </row>
    <row r="64587" spans="14:14">
      <c r="N64587" s="10"/>
    </row>
    <row r="64588" spans="14:14">
      <c r="N64588" s="10"/>
    </row>
    <row r="64589" spans="14:14">
      <c r="N64589" s="10"/>
    </row>
    <row r="64590" spans="14:14">
      <c r="N64590" s="10"/>
    </row>
    <row r="64591" spans="14:14">
      <c r="N64591" s="10"/>
    </row>
    <row r="64592" spans="14:14">
      <c r="N64592" s="10"/>
    </row>
    <row r="64593" spans="14:14">
      <c r="N64593" s="10"/>
    </row>
    <row r="64594" spans="14:14">
      <c r="N64594" s="10"/>
    </row>
    <row r="64595" spans="14:14">
      <c r="N64595" s="10"/>
    </row>
    <row r="64596" spans="14:14">
      <c r="N64596" s="10"/>
    </row>
    <row r="64597" spans="14:14">
      <c r="N64597" s="10"/>
    </row>
    <row r="64598" spans="14:14">
      <c r="N64598" s="10"/>
    </row>
    <row r="64599" spans="14:14">
      <c r="N64599" s="10"/>
    </row>
    <row r="64600" spans="14:14">
      <c r="N64600" s="10"/>
    </row>
    <row r="64601" spans="14:14">
      <c r="N64601" s="10"/>
    </row>
    <row r="64602" spans="14:14">
      <c r="N64602" s="10"/>
    </row>
    <row r="64603" spans="14:14">
      <c r="N64603" s="10"/>
    </row>
    <row r="64604" spans="14:14">
      <c r="N64604" s="10"/>
    </row>
    <row r="64605" spans="14:14">
      <c r="N64605" s="10"/>
    </row>
    <row r="64606" spans="14:14">
      <c r="N64606" s="10"/>
    </row>
    <row r="64607" spans="14:14">
      <c r="N64607" s="10"/>
    </row>
    <row r="64608" spans="14:14">
      <c r="N64608" s="10"/>
    </row>
    <row r="64609" spans="14:14">
      <c r="N64609" s="10"/>
    </row>
    <row r="64610" spans="14:14">
      <c r="N64610" s="10"/>
    </row>
    <row r="64611" spans="14:14">
      <c r="N64611" s="10"/>
    </row>
    <row r="64612" spans="14:14">
      <c r="N64612" s="10"/>
    </row>
    <row r="64613" spans="14:14">
      <c r="N64613" s="10"/>
    </row>
    <row r="64614" spans="14:14">
      <c r="N64614" s="10"/>
    </row>
    <row r="64615" spans="14:14">
      <c r="N64615" s="10"/>
    </row>
    <row r="64616" spans="14:14">
      <c r="N64616" s="10"/>
    </row>
    <row r="64617" spans="14:14">
      <c r="N64617" s="10"/>
    </row>
    <row r="64618" spans="14:14">
      <c r="N64618" s="10"/>
    </row>
    <row r="64619" spans="14:14">
      <c r="N64619" s="10"/>
    </row>
    <row r="64620" spans="14:14">
      <c r="N64620" s="10"/>
    </row>
    <row r="64621" spans="14:14">
      <c r="N64621" s="10"/>
    </row>
    <row r="64622" spans="14:14">
      <c r="N64622" s="10"/>
    </row>
    <row r="64623" spans="14:14">
      <c r="N64623" s="10"/>
    </row>
    <row r="64624" spans="14:14">
      <c r="N64624" s="10"/>
    </row>
    <row r="64625" spans="14:14">
      <c r="N64625" s="10"/>
    </row>
    <row r="64626" spans="14:14">
      <c r="N64626" s="10"/>
    </row>
    <row r="64627" spans="14:14">
      <c r="N64627" s="10"/>
    </row>
    <row r="64628" spans="14:14">
      <c r="N64628" s="10"/>
    </row>
    <row r="64629" spans="14:14">
      <c r="N64629" s="10"/>
    </row>
    <row r="64630" spans="14:14">
      <c r="N64630" s="10"/>
    </row>
    <row r="64631" spans="14:14">
      <c r="N64631" s="10"/>
    </row>
    <row r="64632" spans="14:14">
      <c r="N64632" s="10"/>
    </row>
    <row r="64633" spans="14:14">
      <c r="N64633" s="10"/>
    </row>
    <row r="64634" spans="14:14">
      <c r="N64634" s="10"/>
    </row>
    <row r="64635" spans="14:14">
      <c r="N64635" s="10"/>
    </row>
    <row r="64636" spans="14:14">
      <c r="N64636" s="10"/>
    </row>
    <row r="64637" spans="14:14">
      <c r="N64637" s="10"/>
    </row>
    <row r="64638" spans="14:14">
      <c r="N64638" s="10"/>
    </row>
    <row r="64639" spans="14:14">
      <c r="N64639" s="10"/>
    </row>
    <row r="64640" spans="14:14">
      <c r="N64640" s="10"/>
    </row>
    <row r="64641" spans="14:14">
      <c r="N64641" s="10"/>
    </row>
    <row r="64642" spans="14:14">
      <c r="N64642" s="10"/>
    </row>
    <row r="64643" spans="14:14">
      <c r="N64643" s="10"/>
    </row>
    <row r="64644" spans="14:14">
      <c r="N64644" s="10"/>
    </row>
    <row r="64645" spans="14:14">
      <c r="N64645" s="10"/>
    </row>
    <row r="64646" spans="14:14">
      <c r="N64646" s="10"/>
    </row>
    <row r="64647" spans="14:14">
      <c r="N64647" s="10"/>
    </row>
    <row r="64648" spans="14:14">
      <c r="N64648" s="10"/>
    </row>
    <row r="64649" spans="14:14">
      <c r="N64649" s="10"/>
    </row>
    <row r="64650" spans="14:14">
      <c r="N64650" s="10"/>
    </row>
    <row r="64651" spans="14:14">
      <c r="N64651" s="10"/>
    </row>
    <row r="64652" spans="14:14">
      <c r="N64652" s="10"/>
    </row>
    <row r="64653" spans="14:14">
      <c r="N64653" s="10"/>
    </row>
    <row r="64654" spans="14:14">
      <c r="N64654" s="10"/>
    </row>
    <row r="64655" spans="14:14">
      <c r="N64655" s="10"/>
    </row>
    <row r="64656" spans="14:14">
      <c r="N64656" s="10"/>
    </row>
    <row r="64657" spans="14:14">
      <c r="N64657" s="10"/>
    </row>
    <row r="64658" spans="14:14">
      <c r="N64658" s="10"/>
    </row>
    <row r="64659" spans="14:14">
      <c r="N64659" s="10"/>
    </row>
    <row r="64660" spans="14:14">
      <c r="N64660" s="10"/>
    </row>
    <row r="64661" spans="14:14">
      <c r="N64661" s="10"/>
    </row>
    <row r="64662" spans="14:14">
      <c r="N64662" s="10"/>
    </row>
    <row r="64663" spans="14:14">
      <c r="N64663" s="10"/>
    </row>
    <row r="64664" spans="14:14">
      <c r="N64664" s="10"/>
    </row>
    <row r="64665" spans="14:14">
      <c r="N64665" s="10"/>
    </row>
    <row r="64666" spans="14:14">
      <c r="N64666" s="10"/>
    </row>
    <row r="64667" spans="14:14">
      <c r="N64667" s="10"/>
    </row>
    <row r="64668" spans="14:14">
      <c r="N64668" s="10"/>
    </row>
    <row r="64669" spans="14:14">
      <c r="N64669" s="10"/>
    </row>
    <row r="64670" spans="14:14">
      <c r="N64670" s="10"/>
    </row>
    <row r="64671" spans="14:14">
      <c r="N64671" s="10"/>
    </row>
    <row r="64672" spans="14:14">
      <c r="N64672" s="10"/>
    </row>
    <row r="64673" spans="14:14">
      <c r="N64673" s="10"/>
    </row>
    <row r="64674" spans="14:14">
      <c r="N64674" s="10"/>
    </row>
    <row r="64675" spans="14:14">
      <c r="N64675" s="10"/>
    </row>
    <row r="64676" spans="14:14">
      <c r="N64676" s="10"/>
    </row>
    <row r="64677" spans="14:14">
      <c r="N64677" s="10"/>
    </row>
    <row r="64678" spans="14:14">
      <c r="N64678" s="10"/>
    </row>
    <row r="64679" spans="14:14">
      <c r="N64679" s="10"/>
    </row>
    <row r="64680" spans="14:14">
      <c r="N64680" s="10"/>
    </row>
    <row r="64681" spans="14:14">
      <c r="N64681" s="10"/>
    </row>
    <row r="64682" spans="14:14">
      <c r="N64682" s="10"/>
    </row>
    <row r="64683" spans="14:14">
      <c r="N64683" s="10"/>
    </row>
    <row r="64684" spans="14:14">
      <c r="N64684" s="10"/>
    </row>
    <row r="64685" spans="14:14">
      <c r="N64685" s="10"/>
    </row>
    <row r="64686" spans="14:14">
      <c r="N64686" s="10"/>
    </row>
    <row r="64687" spans="14:14">
      <c r="N64687" s="10"/>
    </row>
    <row r="64688" spans="14:14">
      <c r="N64688" s="10"/>
    </row>
    <row r="64689" spans="14:14">
      <c r="N64689" s="10"/>
    </row>
    <row r="64690" spans="14:14">
      <c r="N64690" s="10"/>
    </row>
    <row r="64691" spans="14:14">
      <c r="N64691" s="10"/>
    </row>
    <row r="64692" spans="14:14">
      <c r="N64692" s="10"/>
    </row>
    <row r="64693" spans="14:14">
      <c r="N64693" s="10"/>
    </row>
    <row r="64694" spans="14:14">
      <c r="N64694" s="10"/>
    </row>
    <row r="64695" spans="14:14">
      <c r="N64695" s="10"/>
    </row>
    <row r="64696" spans="14:14">
      <c r="N64696" s="10"/>
    </row>
    <row r="64697" spans="14:14">
      <c r="N64697" s="10"/>
    </row>
    <row r="64698" spans="14:14">
      <c r="N64698" s="10"/>
    </row>
    <row r="64699" spans="14:14">
      <c r="N64699" s="10"/>
    </row>
    <row r="64700" spans="14:14">
      <c r="N64700" s="10"/>
    </row>
    <row r="64701" spans="14:14">
      <c r="N64701" s="10"/>
    </row>
    <row r="64702" spans="14:14">
      <c r="N64702" s="10"/>
    </row>
    <row r="64703" spans="14:14">
      <c r="N64703" s="10"/>
    </row>
    <row r="64704" spans="14:14">
      <c r="N64704" s="10"/>
    </row>
    <row r="64705" spans="14:14">
      <c r="N64705" s="10"/>
    </row>
    <row r="64706" spans="14:14">
      <c r="N64706" s="10"/>
    </row>
    <row r="64707" spans="14:14">
      <c r="N64707" s="10"/>
    </row>
    <row r="64708" spans="14:14">
      <c r="N64708" s="10"/>
    </row>
    <row r="64709" spans="14:14">
      <c r="N64709" s="10"/>
    </row>
    <row r="64710" spans="14:14">
      <c r="N64710" s="10"/>
    </row>
    <row r="64711" spans="14:14">
      <c r="N64711" s="10"/>
    </row>
    <row r="64712" spans="14:14">
      <c r="N64712" s="10"/>
    </row>
    <row r="64713" spans="14:14">
      <c r="N64713" s="10"/>
    </row>
    <row r="64714" spans="14:14">
      <c r="N64714" s="10"/>
    </row>
    <row r="64715" spans="14:14">
      <c r="N64715" s="10"/>
    </row>
    <row r="64716" spans="14:14">
      <c r="N64716" s="10"/>
    </row>
    <row r="64717" spans="14:14">
      <c r="N64717" s="10"/>
    </row>
    <row r="64718" spans="14:14">
      <c r="N64718" s="10"/>
    </row>
    <row r="64719" spans="14:14">
      <c r="N64719" s="10"/>
    </row>
    <row r="64720" spans="14:14">
      <c r="N64720" s="10"/>
    </row>
    <row r="64721" spans="14:14">
      <c r="N64721" s="10"/>
    </row>
    <row r="64722" spans="14:14">
      <c r="N64722" s="10"/>
    </row>
    <row r="64723" spans="14:14">
      <c r="N64723" s="10"/>
    </row>
    <row r="64724" spans="14:14">
      <c r="N64724" s="10"/>
    </row>
    <row r="64725" spans="14:14">
      <c r="N64725" s="10"/>
    </row>
    <row r="64726" spans="14:14">
      <c r="N64726" s="10"/>
    </row>
    <row r="64727" spans="14:14">
      <c r="N64727" s="10"/>
    </row>
    <row r="64728" spans="14:14">
      <c r="N64728" s="10"/>
    </row>
    <row r="64729" spans="14:14">
      <c r="N64729" s="10"/>
    </row>
    <row r="64730" spans="14:14">
      <c r="N64730" s="10"/>
    </row>
    <row r="64731" spans="14:14">
      <c r="N64731" s="10"/>
    </row>
    <row r="64732" spans="14:14">
      <c r="N64732" s="10"/>
    </row>
    <row r="64733" spans="14:14">
      <c r="N64733" s="10"/>
    </row>
    <row r="64734" spans="14:14">
      <c r="N64734" s="10"/>
    </row>
    <row r="64735" spans="14:14">
      <c r="N64735" s="10"/>
    </row>
    <row r="64736" spans="14:14">
      <c r="N64736" s="10"/>
    </row>
    <row r="64737" spans="14:14">
      <c r="N64737" s="10"/>
    </row>
    <row r="64738" spans="14:14">
      <c r="N64738" s="10"/>
    </row>
    <row r="64739" spans="14:14">
      <c r="N64739" s="10"/>
    </row>
    <row r="64740" spans="14:14">
      <c r="N64740" s="10"/>
    </row>
    <row r="64741" spans="14:14">
      <c r="N64741" s="10"/>
    </row>
    <row r="64742" spans="14:14">
      <c r="N64742" s="10"/>
    </row>
    <row r="64743" spans="14:14">
      <c r="N64743" s="10"/>
    </row>
    <row r="64744" spans="14:14">
      <c r="N64744" s="10"/>
    </row>
    <row r="64745" spans="14:14">
      <c r="N64745" s="10"/>
    </row>
    <row r="64746" spans="14:14">
      <c r="N64746" s="10"/>
    </row>
    <row r="64747" spans="14:14">
      <c r="N64747" s="10"/>
    </row>
    <row r="64748" spans="14:14">
      <c r="N64748" s="10"/>
    </row>
    <row r="64749" spans="14:14">
      <c r="N64749" s="10"/>
    </row>
    <row r="64750" spans="14:14">
      <c r="N64750" s="10"/>
    </row>
    <row r="64751" spans="14:14">
      <c r="N64751" s="10"/>
    </row>
    <row r="64752" spans="14:14">
      <c r="N64752" s="10"/>
    </row>
    <row r="64753" spans="14:14">
      <c r="N64753" s="10"/>
    </row>
    <row r="64754" spans="14:14">
      <c r="N64754" s="10"/>
    </row>
    <row r="64755" spans="14:14">
      <c r="N64755" s="10"/>
    </row>
    <row r="64756" spans="14:14">
      <c r="N64756" s="10"/>
    </row>
    <row r="64757" spans="14:14">
      <c r="N64757" s="10"/>
    </row>
    <row r="64758" spans="14:14">
      <c r="N64758" s="10"/>
    </row>
    <row r="64759" spans="14:14">
      <c r="N64759" s="10"/>
    </row>
    <row r="64760" spans="14:14">
      <c r="N64760" s="10"/>
    </row>
    <row r="64761" spans="14:14">
      <c r="N64761" s="10"/>
    </row>
    <row r="64762" spans="14:14">
      <c r="N64762" s="10"/>
    </row>
    <row r="64763" spans="14:14">
      <c r="N64763" s="10"/>
    </row>
    <row r="64764" spans="14:14">
      <c r="N64764" s="10"/>
    </row>
    <row r="64765" spans="14:14">
      <c r="N64765" s="10"/>
    </row>
    <row r="64766" spans="14:14">
      <c r="N64766" s="10"/>
    </row>
    <row r="64767" spans="14:14">
      <c r="N64767" s="10"/>
    </row>
    <row r="64768" spans="14:14">
      <c r="N64768" s="10"/>
    </row>
    <row r="64769" spans="14:14">
      <c r="N64769" s="10"/>
    </row>
    <row r="64770" spans="14:14">
      <c r="N64770" s="10"/>
    </row>
    <row r="64771" spans="14:14">
      <c r="N64771" s="10"/>
    </row>
    <row r="64772" spans="14:14">
      <c r="N64772" s="10"/>
    </row>
    <row r="64773" spans="14:14">
      <c r="N64773" s="10"/>
    </row>
    <row r="64774" spans="14:14">
      <c r="N64774" s="10"/>
    </row>
    <row r="64775" spans="14:14">
      <c r="N64775" s="10"/>
    </row>
    <row r="64776" spans="14:14">
      <c r="N64776" s="10"/>
    </row>
    <row r="64777" spans="14:14">
      <c r="N64777" s="10"/>
    </row>
    <row r="64778" spans="14:14">
      <c r="N64778" s="10"/>
    </row>
    <row r="64779" spans="14:14">
      <c r="N64779" s="10"/>
    </row>
    <row r="64780" spans="14:14">
      <c r="N64780" s="10"/>
    </row>
    <row r="64781" spans="14:14">
      <c r="N64781" s="10"/>
    </row>
    <row r="64782" spans="14:14">
      <c r="N64782" s="10"/>
    </row>
    <row r="64783" spans="14:14">
      <c r="N64783" s="10"/>
    </row>
    <row r="64784" spans="14:14">
      <c r="N64784" s="10"/>
    </row>
    <row r="64785" spans="14:14">
      <c r="N64785" s="10"/>
    </row>
    <row r="64786" spans="14:14">
      <c r="N64786" s="10"/>
    </row>
    <row r="64787" spans="14:14">
      <c r="N64787" s="10"/>
    </row>
    <row r="64788" spans="14:14">
      <c r="N64788" s="10"/>
    </row>
    <row r="64789" spans="14:14">
      <c r="N64789" s="10"/>
    </row>
    <row r="64790" spans="14:14">
      <c r="N64790" s="10"/>
    </row>
    <row r="64791" spans="14:14">
      <c r="N64791" s="10"/>
    </row>
    <row r="64792" spans="14:14">
      <c r="N64792" s="10"/>
    </row>
    <row r="64793" spans="14:14">
      <c r="N64793" s="10"/>
    </row>
    <row r="64794" spans="14:14">
      <c r="N64794" s="10"/>
    </row>
    <row r="64795" spans="14:14">
      <c r="N64795" s="10"/>
    </row>
    <row r="64796" spans="14:14">
      <c r="N64796" s="10"/>
    </row>
    <row r="64797" spans="14:14">
      <c r="N64797" s="10"/>
    </row>
    <row r="64798" spans="14:14">
      <c r="N64798" s="10"/>
    </row>
    <row r="64799" spans="14:14">
      <c r="N64799" s="10"/>
    </row>
    <row r="64800" spans="14:14">
      <c r="N64800" s="10"/>
    </row>
    <row r="64801" spans="14:14">
      <c r="N64801" s="10"/>
    </row>
    <row r="64802" spans="14:14">
      <c r="N64802" s="10"/>
    </row>
    <row r="64803" spans="14:14">
      <c r="N64803" s="10"/>
    </row>
    <row r="64804" spans="14:14">
      <c r="N64804" s="10"/>
    </row>
    <row r="64805" spans="14:14">
      <c r="N64805" s="10"/>
    </row>
    <row r="64806" spans="14:14">
      <c r="N64806" s="10"/>
    </row>
    <row r="64807" spans="14:14">
      <c r="N64807" s="10"/>
    </row>
    <row r="64808" spans="14:14">
      <c r="N64808" s="10"/>
    </row>
    <row r="64809" spans="14:14">
      <c r="N64809" s="10"/>
    </row>
    <row r="64810" spans="14:14">
      <c r="N64810" s="10"/>
    </row>
    <row r="64811" spans="14:14">
      <c r="N64811" s="10"/>
    </row>
    <row r="64812" spans="14:14">
      <c r="N64812" s="10"/>
    </row>
    <row r="64813" spans="14:14">
      <c r="N64813" s="10"/>
    </row>
    <row r="64814" spans="14:14">
      <c r="N64814" s="10"/>
    </row>
    <row r="64815" spans="14:14">
      <c r="N64815" s="10"/>
    </row>
    <row r="64816" spans="14:14">
      <c r="N64816" s="10"/>
    </row>
    <row r="64817" spans="14:14">
      <c r="N64817" s="10"/>
    </row>
    <row r="64818" spans="14:14">
      <c r="N64818" s="10"/>
    </row>
    <row r="64819" spans="14:14">
      <c r="N64819" s="10"/>
    </row>
    <row r="64820" spans="14:14">
      <c r="N64820" s="10"/>
    </row>
    <row r="64821" spans="14:14">
      <c r="N64821" s="10"/>
    </row>
    <row r="64822" spans="14:14">
      <c r="N64822" s="10"/>
    </row>
    <row r="64823" spans="14:14">
      <c r="N64823" s="10"/>
    </row>
    <row r="64824" spans="14:14">
      <c r="N64824" s="10"/>
    </row>
    <row r="64825" spans="14:14">
      <c r="N64825" s="10"/>
    </row>
    <row r="64826" spans="14:14">
      <c r="N64826" s="10"/>
    </row>
    <row r="64827" spans="14:14">
      <c r="N64827" s="10"/>
    </row>
    <row r="64828" spans="14:14">
      <c r="N64828" s="10"/>
    </row>
    <row r="64829" spans="14:14">
      <c r="N64829" s="10"/>
    </row>
    <row r="64830" spans="14:14">
      <c r="N64830" s="10"/>
    </row>
    <row r="64831" spans="14:14">
      <c r="N64831" s="10"/>
    </row>
    <row r="64832" spans="14:14">
      <c r="N64832" s="10"/>
    </row>
    <row r="64833" spans="14:14">
      <c r="N64833" s="10"/>
    </row>
    <row r="64834" spans="14:14">
      <c r="N64834" s="10"/>
    </row>
    <row r="64835" spans="14:14">
      <c r="N64835" s="10"/>
    </row>
    <row r="64836" spans="14:14">
      <c r="N64836" s="10"/>
    </row>
    <row r="64837" spans="14:14">
      <c r="N64837" s="10"/>
    </row>
    <row r="64838" spans="14:14">
      <c r="N64838" s="10"/>
    </row>
    <row r="64839" spans="14:14">
      <c r="N64839" s="10"/>
    </row>
    <row r="64840" spans="14:14">
      <c r="N64840" s="10"/>
    </row>
    <row r="64841" spans="14:14">
      <c r="N64841" s="10"/>
    </row>
    <row r="64842" spans="14:14">
      <c r="N64842" s="10"/>
    </row>
    <row r="64843" spans="14:14">
      <c r="N64843" s="10"/>
    </row>
    <row r="64844" spans="14:14">
      <c r="N64844" s="10"/>
    </row>
    <row r="64845" spans="14:14">
      <c r="N64845" s="10"/>
    </row>
    <row r="64846" spans="14:14">
      <c r="N64846" s="10"/>
    </row>
    <row r="64847" spans="14:14">
      <c r="N64847" s="10"/>
    </row>
    <row r="64848" spans="14:14">
      <c r="N64848" s="10"/>
    </row>
    <row r="64849" spans="14:14">
      <c r="N64849" s="10"/>
    </row>
    <row r="64850" spans="14:14">
      <c r="N64850" s="10"/>
    </row>
    <row r="64851" spans="14:14">
      <c r="N64851" s="10"/>
    </row>
    <row r="64852" spans="14:14">
      <c r="N64852" s="10"/>
    </row>
    <row r="64853" spans="14:14">
      <c r="N64853" s="10"/>
    </row>
    <row r="64854" spans="14:14">
      <c r="N64854" s="10"/>
    </row>
    <row r="64855" spans="14:14">
      <c r="N64855" s="10"/>
    </row>
    <row r="64856" spans="14:14">
      <c r="N64856" s="10"/>
    </row>
    <row r="64857" spans="14:14">
      <c r="N64857" s="10"/>
    </row>
    <row r="64858" spans="14:14">
      <c r="N64858" s="10"/>
    </row>
    <row r="64859" spans="14:14">
      <c r="N64859" s="10"/>
    </row>
    <row r="64860" spans="14:14">
      <c r="N64860" s="10"/>
    </row>
    <row r="64861" spans="14:14">
      <c r="N64861" s="10"/>
    </row>
    <row r="64862" spans="14:14">
      <c r="N64862" s="10"/>
    </row>
    <row r="64863" spans="14:14">
      <c r="N64863" s="10"/>
    </row>
    <row r="64864" spans="14:14">
      <c r="N64864" s="10"/>
    </row>
    <row r="64865" spans="14:14">
      <c r="N64865" s="10"/>
    </row>
    <row r="64866" spans="14:14">
      <c r="N64866" s="10"/>
    </row>
    <row r="64867" spans="14:14">
      <c r="N64867" s="10"/>
    </row>
    <row r="64868" spans="14:14">
      <c r="N64868" s="10"/>
    </row>
    <row r="64869" spans="14:14">
      <c r="N64869" s="10"/>
    </row>
    <row r="64870" spans="14:14">
      <c r="N64870" s="10"/>
    </row>
    <row r="64871" spans="14:14">
      <c r="N64871" s="10"/>
    </row>
    <row r="64872" spans="14:14">
      <c r="N64872" s="10"/>
    </row>
    <row r="64873" spans="14:14">
      <c r="N64873" s="10"/>
    </row>
    <row r="64874" spans="14:14">
      <c r="N64874" s="10"/>
    </row>
    <row r="64875" spans="14:14">
      <c r="N64875" s="10"/>
    </row>
    <row r="64876" spans="14:14">
      <c r="N64876" s="10"/>
    </row>
    <row r="64877" spans="14:14">
      <c r="N64877" s="10"/>
    </row>
    <row r="64878" spans="14:14">
      <c r="N64878" s="10"/>
    </row>
    <row r="64879" spans="14:14">
      <c r="N64879" s="10"/>
    </row>
    <row r="64880" spans="14:14">
      <c r="N64880" s="10"/>
    </row>
    <row r="64881" spans="14:14">
      <c r="N64881" s="10"/>
    </row>
    <row r="64882" spans="14:14">
      <c r="N64882" s="10"/>
    </row>
    <row r="64883" spans="14:14">
      <c r="N64883" s="10"/>
    </row>
    <row r="64884" spans="14:14">
      <c r="N64884" s="10"/>
    </row>
    <row r="64885" spans="14:14">
      <c r="N64885" s="10"/>
    </row>
    <row r="64886" spans="14:14">
      <c r="N64886" s="10"/>
    </row>
    <row r="64887" spans="14:14">
      <c r="N64887" s="10"/>
    </row>
    <row r="64888" spans="14:14">
      <c r="N64888" s="10"/>
    </row>
    <row r="64889" spans="14:14">
      <c r="N64889" s="10"/>
    </row>
    <row r="64890" spans="14:14">
      <c r="N64890" s="10"/>
    </row>
    <row r="64891" spans="14:14">
      <c r="N64891" s="10"/>
    </row>
    <row r="64892" spans="14:14">
      <c r="N64892" s="10"/>
    </row>
    <row r="64893" spans="14:14">
      <c r="N64893" s="10"/>
    </row>
    <row r="64894" spans="14:14">
      <c r="N64894" s="10"/>
    </row>
    <row r="64895" spans="14:14">
      <c r="N64895" s="10"/>
    </row>
    <row r="64896" spans="14:14">
      <c r="N64896" s="10"/>
    </row>
    <row r="64897" spans="14:14">
      <c r="N64897" s="10"/>
    </row>
    <row r="64898" spans="14:14">
      <c r="N64898" s="10"/>
    </row>
    <row r="64899" spans="14:14">
      <c r="N64899" s="10"/>
    </row>
    <row r="64900" spans="14:14">
      <c r="N64900" s="10"/>
    </row>
    <row r="64901" spans="14:14">
      <c r="N64901" s="10"/>
    </row>
    <row r="64902" spans="14:14">
      <c r="N64902" s="10"/>
    </row>
    <row r="64903" spans="14:14">
      <c r="N64903" s="10"/>
    </row>
    <row r="64904" spans="14:14">
      <c r="N64904" s="10"/>
    </row>
    <row r="64905" spans="14:14">
      <c r="N64905" s="10"/>
    </row>
    <row r="64906" spans="14:14">
      <c r="N64906" s="10"/>
    </row>
    <row r="64907" spans="14:14">
      <c r="N64907" s="10"/>
    </row>
    <row r="64908" spans="14:14">
      <c r="N64908" s="10"/>
    </row>
    <row r="64909" spans="14:14">
      <c r="N64909" s="10"/>
    </row>
    <row r="64910" spans="14:14">
      <c r="N64910" s="10"/>
    </row>
    <row r="64911" spans="14:14">
      <c r="N64911" s="10"/>
    </row>
    <row r="64912" spans="14:14">
      <c r="N64912" s="10"/>
    </row>
    <row r="64913" spans="14:14">
      <c r="N64913" s="10"/>
    </row>
    <row r="64914" spans="14:14">
      <c r="N64914" s="10"/>
    </row>
    <row r="64915" spans="14:14">
      <c r="N64915" s="10"/>
    </row>
    <row r="64916" spans="14:14">
      <c r="N64916" s="10"/>
    </row>
    <row r="64917" spans="14:14">
      <c r="N64917" s="10"/>
    </row>
    <row r="64918" spans="14:14">
      <c r="N64918" s="10"/>
    </row>
    <row r="64919" spans="14:14">
      <c r="N64919" s="10"/>
    </row>
    <row r="64920" spans="14:14">
      <c r="N64920" s="10"/>
    </row>
    <row r="64921" spans="14:14">
      <c r="N64921" s="10"/>
    </row>
    <row r="64922" spans="14:14">
      <c r="N64922" s="10"/>
    </row>
    <row r="64923" spans="14:14">
      <c r="N64923" s="10"/>
    </row>
    <row r="64924" spans="14:14">
      <c r="N64924" s="10"/>
    </row>
    <row r="64925" spans="14:14">
      <c r="N64925" s="10"/>
    </row>
    <row r="64926" spans="14:14">
      <c r="N64926" s="10"/>
    </row>
    <row r="64927" spans="14:14">
      <c r="N64927" s="10"/>
    </row>
    <row r="64928" spans="14:14">
      <c r="N64928" s="10"/>
    </row>
    <row r="64929" spans="14:14">
      <c r="N64929" s="10"/>
    </row>
    <row r="64930" spans="14:14">
      <c r="N64930" s="10"/>
    </row>
    <row r="64931" spans="14:14">
      <c r="N64931" s="10"/>
    </row>
    <row r="64932" spans="14:14">
      <c r="N64932" s="10"/>
    </row>
    <row r="64933" spans="14:14">
      <c r="N64933" s="10"/>
    </row>
    <row r="64934" spans="14:14">
      <c r="N64934" s="10"/>
    </row>
    <row r="64935" spans="14:14">
      <c r="N64935" s="10"/>
    </row>
    <row r="64936" spans="14:14">
      <c r="N64936" s="10"/>
    </row>
    <row r="64937" spans="14:14">
      <c r="N64937" s="10"/>
    </row>
    <row r="64938" spans="14:14">
      <c r="N64938" s="10"/>
    </row>
    <row r="64939" spans="14:14">
      <c r="N64939" s="10"/>
    </row>
    <row r="64940" spans="14:14">
      <c r="N64940" s="10"/>
    </row>
    <row r="64941" spans="14:14">
      <c r="N64941" s="10"/>
    </row>
    <row r="64942" spans="14:14">
      <c r="N64942" s="10"/>
    </row>
    <row r="64943" spans="14:14">
      <c r="N64943" s="10"/>
    </row>
    <row r="64944" spans="14:14">
      <c r="N64944" s="10"/>
    </row>
    <row r="64945" spans="14:14">
      <c r="N64945" s="10"/>
    </row>
    <row r="64946" spans="14:14">
      <c r="N64946" s="10"/>
    </row>
    <row r="64947" spans="14:14">
      <c r="N64947" s="10"/>
    </row>
    <row r="64948" spans="14:14">
      <c r="N64948" s="10"/>
    </row>
    <row r="64949" spans="14:14">
      <c r="N64949" s="10"/>
    </row>
    <row r="64950" spans="14:14">
      <c r="N64950" s="10"/>
    </row>
    <row r="64951" spans="14:14">
      <c r="N64951" s="10"/>
    </row>
    <row r="64952" spans="14:14">
      <c r="N64952" s="10"/>
    </row>
    <row r="64953" spans="14:14">
      <c r="N64953" s="10"/>
    </row>
    <row r="64954" spans="14:14">
      <c r="N64954" s="10"/>
    </row>
    <row r="64955" spans="14:14">
      <c r="N64955" s="10"/>
    </row>
    <row r="64956" spans="14:14">
      <c r="N64956" s="10"/>
    </row>
    <row r="64957" spans="14:14">
      <c r="N64957" s="10"/>
    </row>
    <row r="64958" spans="14:14">
      <c r="N64958" s="10"/>
    </row>
    <row r="64959" spans="14:14">
      <c r="N64959" s="10"/>
    </row>
    <row r="64960" spans="14:14">
      <c r="N64960" s="10"/>
    </row>
    <row r="64961" spans="14:14">
      <c r="N64961" s="10"/>
    </row>
    <row r="64962" spans="14:14">
      <c r="N64962" s="10"/>
    </row>
    <row r="64963" spans="14:14">
      <c r="N64963" s="10"/>
    </row>
    <row r="64964" spans="14:14">
      <c r="N64964" s="10"/>
    </row>
    <row r="64965" spans="14:14">
      <c r="N64965" s="10"/>
    </row>
    <row r="64966" spans="14:14">
      <c r="N64966" s="10"/>
    </row>
    <row r="64967" spans="14:14">
      <c r="N64967" s="10"/>
    </row>
    <row r="64968" spans="14:14">
      <c r="N64968" s="10"/>
    </row>
    <row r="64969" spans="14:14">
      <c r="N64969" s="10"/>
    </row>
    <row r="64970" spans="14:14">
      <c r="N64970" s="10"/>
    </row>
    <row r="64971" spans="14:14">
      <c r="N64971" s="10"/>
    </row>
    <row r="64972" spans="14:14">
      <c r="N64972" s="10"/>
    </row>
    <row r="64973" spans="14:14">
      <c r="N64973" s="10"/>
    </row>
    <row r="64974" spans="14:14">
      <c r="N64974" s="10"/>
    </row>
    <row r="64975" spans="14:14">
      <c r="N64975" s="10"/>
    </row>
    <row r="64976" spans="14:14">
      <c r="N64976" s="10"/>
    </row>
    <row r="64977" spans="14:14">
      <c r="N64977" s="10"/>
    </row>
    <row r="64978" spans="14:14">
      <c r="N64978" s="10"/>
    </row>
    <row r="64979" spans="14:14">
      <c r="N64979" s="10"/>
    </row>
    <row r="64980" spans="14:14">
      <c r="N64980" s="10"/>
    </row>
    <row r="64981" spans="14:14">
      <c r="N64981" s="10"/>
    </row>
    <row r="64982" spans="14:14">
      <c r="N64982" s="10"/>
    </row>
    <row r="64983" spans="14:14">
      <c r="N64983" s="10"/>
    </row>
    <row r="64984" spans="14:14">
      <c r="N64984" s="10"/>
    </row>
    <row r="64985" spans="14:14">
      <c r="N64985" s="10"/>
    </row>
    <row r="64986" spans="14:14">
      <c r="N64986" s="10"/>
    </row>
    <row r="64987" spans="14:14">
      <c r="N64987" s="10"/>
    </row>
    <row r="64988" spans="14:14">
      <c r="N64988" s="10"/>
    </row>
    <row r="64989" spans="14:14">
      <c r="N64989" s="10"/>
    </row>
    <row r="64990" spans="14:14">
      <c r="N64990" s="10"/>
    </row>
    <row r="64991" spans="14:14">
      <c r="N64991" s="10"/>
    </row>
    <row r="64992" spans="14:14">
      <c r="N64992" s="10"/>
    </row>
    <row r="64993" spans="14:14">
      <c r="N64993" s="10"/>
    </row>
    <row r="64994" spans="14:14">
      <c r="N64994" s="10"/>
    </row>
    <row r="64995" spans="14:14">
      <c r="N64995" s="10"/>
    </row>
    <row r="64996" spans="14:14">
      <c r="N64996" s="10"/>
    </row>
    <row r="64997" spans="14:14">
      <c r="N64997" s="10"/>
    </row>
    <row r="64998" spans="14:14">
      <c r="N64998" s="10"/>
    </row>
    <row r="64999" spans="14:14">
      <c r="N64999" s="10"/>
    </row>
    <row r="65000" spans="14:14">
      <c r="N65000" s="10"/>
    </row>
    <row r="65001" spans="14:14">
      <c r="N65001" s="10"/>
    </row>
    <row r="65002" spans="14:14">
      <c r="N65002" s="10"/>
    </row>
    <row r="65003" spans="14:14">
      <c r="N65003" s="10"/>
    </row>
    <row r="65004" spans="14:14">
      <c r="N65004" s="10"/>
    </row>
    <row r="65005" spans="14:14">
      <c r="N65005" s="10"/>
    </row>
    <row r="65006" spans="14:14">
      <c r="N65006" s="10"/>
    </row>
    <row r="65007" spans="14:14">
      <c r="N65007" s="10"/>
    </row>
    <row r="65008" spans="14:14">
      <c r="N65008" s="10"/>
    </row>
    <row r="65009" spans="14:14">
      <c r="N65009" s="10"/>
    </row>
    <row r="65010" spans="14:14">
      <c r="N65010" s="10"/>
    </row>
    <row r="65011" spans="14:14">
      <c r="N65011" s="10"/>
    </row>
    <row r="65012" spans="14:14">
      <c r="N65012" s="10"/>
    </row>
    <row r="65013" spans="14:14">
      <c r="N65013" s="10"/>
    </row>
    <row r="65014" spans="14:14">
      <c r="N65014" s="10"/>
    </row>
    <row r="65015" spans="14:14">
      <c r="N65015" s="10"/>
    </row>
    <row r="65016" spans="14:14">
      <c r="N65016" s="10"/>
    </row>
    <row r="65017" spans="14:14">
      <c r="N65017" s="10"/>
    </row>
    <row r="65018" spans="14:14">
      <c r="N65018" s="10"/>
    </row>
    <row r="65019" spans="14:14">
      <c r="N65019" s="10"/>
    </row>
    <row r="65020" spans="14:14">
      <c r="N65020" s="10"/>
    </row>
    <row r="65021" spans="14:14">
      <c r="N65021" s="10"/>
    </row>
    <row r="65022" spans="14:14">
      <c r="N65022" s="10"/>
    </row>
    <row r="65023" spans="14:14">
      <c r="N65023" s="10"/>
    </row>
    <row r="65024" spans="14:14">
      <c r="N65024" s="10"/>
    </row>
    <row r="65025" spans="14:14">
      <c r="N65025" s="10"/>
    </row>
    <row r="65026" spans="14:14">
      <c r="N65026" s="10"/>
    </row>
    <row r="65027" spans="14:14">
      <c r="N65027" s="10"/>
    </row>
    <row r="65028" spans="14:14">
      <c r="N65028" s="10"/>
    </row>
    <row r="65029" spans="14:14">
      <c r="N65029" s="10"/>
    </row>
    <row r="65030" spans="14:14">
      <c r="N65030" s="10"/>
    </row>
    <row r="65031" spans="14:14">
      <c r="N65031" s="10"/>
    </row>
    <row r="65032" spans="14:14">
      <c r="N65032" s="10"/>
    </row>
    <row r="65033" spans="14:14">
      <c r="N65033" s="10"/>
    </row>
    <row r="65034" spans="14:14">
      <c r="N65034" s="10"/>
    </row>
    <row r="65035" spans="14:14">
      <c r="N65035" s="10"/>
    </row>
    <row r="65036" spans="14:14">
      <c r="N65036" s="10"/>
    </row>
    <row r="65037" spans="14:14">
      <c r="N65037" s="10"/>
    </row>
    <row r="65038" spans="14:14">
      <c r="N65038" s="10"/>
    </row>
    <row r="65039" spans="14:14">
      <c r="N65039" s="10"/>
    </row>
    <row r="65040" spans="14:14">
      <c r="N65040" s="10"/>
    </row>
    <row r="65041" spans="14:14">
      <c r="N65041" s="10"/>
    </row>
    <row r="65042" spans="14:14">
      <c r="N65042" s="10"/>
    </row>
    <row r="65043" spans="14:14">
      <c r="N65043" s="10"/>
    </row>
    <row r="65044" spans="14:14">
      <c r="N65044" s="10"/>
    </row>
    <row r="65045" spans="14:14">
      <c r="N65045" s="10"/>
    </row>
    <row r="65046" spans="14:14">
      <c r="N65046" s="10"/>
    </row>
    <row r="65047" spans="14:14">
      <c r="N65047" s="10"/>
    </row>
    <row r="65048" spans="14:14">
      <c r="N65048" s="10"/>
    </row>
    <row r="65049" spans="14:14">
      <c r="N65049" s="10"/>
    </row>
    <row r="65050" spans="14:14">
      <c r="N65050" s="10"/>
    </row>
    <row r="65051" spans="14:14">
      <c r="N65051" s="10"/>
    </row>
    <row r="65052" spans="14:14">
      <c r="N65052" s="10"/>
    </row>
    <row r="65053" spans="14:14">
      <c r="N65053" s="10"/>
    </row>
    <row r="65054" spans="14:14">
      <c r="N65054" s="10"/>
    </row>
    <row r="65055" spans="14:14">
      <c r="N65055" s="10"/>
    </row>
    <row r="65056" spans="14:14">
      <c r="N65056" s="10"/>
    </row>
    <row r="65057" spans="14:14">
      <c r="N65057" s="10"/>
    </row>
    <row r="65058" spans="14:14">
      <c r="N65058" s="10"/>
    </row>
    <row r="65059" spans="14:14">
      <c r="N65059" s="10"/>
    </row>
    <row r="65060" spans="14:14">
      <c r="N65060" s="10"/>
    </row>
    <row r="65061" spans="14:14">
      <c r="N65061" s="10"/>
    </row>
    <row r="65062" spans="14:14">
      <c r="N65062" s="10"/>
    </row>
    <row r="65063" spans="14:14">
      <c r="N65063" s="10"/>
    </row>
    <row r="65064" spans="14:14">
      <c r="N65064" s="10"/>
    </row>
    <row r="65065" spans="14:14">
      <c r="N65065" s="10"/>
    </row>
    <row r="65066" spans="14:14">
      <c r="N65066" s="10"/>
    </row>
    <row r="65067" spans="14:14">
      <c r="N65067" s="10"/>
    </row>
    <row r="65068" spans="14:14">
      <c r="N65068" s="10"/>
    </row>
    <row r="65069" spans="14:14">
      <c r="N65069" s="10"/>
    </row>
    <row r="65070" spans="14:14">
      <c r="N65070" s="10"/>
    </row>
    <row r="65071" spans="14:14">
      <c r="N65071" s="10"/>
    </row>
    <row r="65072" spans="14:14">
      <c r="N65072" s="10"/>
    </row>
    <row r="65073" spans="14:14">
      <c r="N65073" s="10"/>
    </row>
    <row r="65074" spans="14:14">
      <c r="N65074" s="10"/>
    </row>
    <row r="65075" spans="14:14">
      <c r="N65075" s="10"/>
    </row>
    <row r="65076" spans="14:14">
      <c r="N65076" s="10"/>
    </row>
    <row r="65077" spans="14:14">
      <c r="N65077" s="10"/>
    </row>
    <row r="65078" spans="14:14">
      <c r="N65078" s="10"/>
    </row>
    <row r="65079" spans="14:14">
      <c r="N65079" s="10"/>
    </row>
    <row r="65080" spans="14:14">
      <c r="N65080" s="10"/>
    </row>
    <row r="65081" spans="14:14">
      <c r="N65081" s="10"/>
    </row>
    <row r="65082" spans="14:14">
      <c r="N65082" s="10"/>
    </row>
    <row r="65083" spans="14:14">
      <c r="N65083" s="10"/>
    </row>
    <row r="65084" spans="14:14">
      <c r="N65084" s="10"/>
    </row>
    <row r="65085" spans="14:14">
      <c r="N65085" s="10"/>
    </row>
    <row r="65086" spans="14:14">
      <c r="N65086" s="10"/>
    </row>
    <row r="65087" spans="14:14">
      <c r="N65087" s="10"/>
    </row>
    <row r="65088" spans="14:14">
      <c r="N65088" s="10"/>
    </row>
    <row r="65089" spans="14:14">
      <c r="N65089" s="10"/>
    </row>
    <row r="65090" spans="14:14">
      <c r="N65090" s="10"/>
    </row>
    <row r="65091" spans="14:14">
      <c r="N65091" s="10"/>
    </row>
    <row r="65092" spans="14:14">
      <c r="N65092" s="10"/>
    </row>
    <row r="65093" spans="14:14">
      <c r="N65093" s="10"/>
    </row>
    <row r="65094" spans="14:14">
      <c r="N65094" s="10"/>
    </row>
    <row r="65095" spans="14:14">
      <c r="N65095" s="10"/>
    </row>
    <row r="65096" spans="14:14">
      <c r="N65096" s="10"/>
    </row>
    <row r="65097" spans="14:14">
      <c r="N65097" s="10"/>
    </row>
    <row r="65098" spans="14:14">
      <c r="N65098" s="10"/>
    </row>
    <row r="65099" spans="14:14">
      <c r="N65099" s="10"/>
    </row>
    <row r="65100" spans="14:14">
      <c r="N65100" s="10"/>
    </row>
    <row r="65101" spans="14:14">
      <c r="N65101" s="10"/>
    </row>
    <row r="65102" spans="14:14">
      <c r="N65102" s="10"/>
    </row>
    <row r="65103" spans="14:14">
      <c r="N65103" s="10"/>
    </row>
    <row r="65104" spans="14:14">
      <c r="N65104" s="10"/>
    </row>
    <row r="65105" spans="14:14">
      <c r="N65105" s="10"/>
    </row>
    <row r="65106" spans="14:14">
      <c r="N65106" s="10"/>
    </row>
    <row r="65107" spans="14:14">
      <c r="N65107" s="10"/>
    </row>
    <row r="65108" spans="14:14">
      <c r="N65108" s="10"/>
    </row>
    <row r="65109" spans="14:14">
      <c r="N65109" s="10"/>
    </row>
    <row r="65110" spans="14:14">
      <c r="N65110" s="10"/>
    </row>
    <row r="65111" spans="14:14">
      <c r="N65111" s="10"/>
    </row>
    <row r="65112" spans="14:14">
      <c r="N65112" s="10"/>
    </row>
    <row r="65113" spans="14:14">
      <c r="N65113" s="10"/>
    </row>
    <row r="65114" spans="14:14">
      <c r="N65114" s="10"/>
    </row>
    <row r="65115" spans="14:14">
      <c r="N65115" s="10"/>
    </row>
    <row r="65116" spans="14:14">
      <c r="N65116" s="10"/>
    </row>
    <row r="65117" spans="14:14">
      <c r="N65117" s="10"/>
    </row>
    <row r="65118" spans="14:14">
      <c r="N65118" s="10"/>
    </row>
    <row r="65119" spans="14:14">
      <c r="N65119" s="10"/>
    </row>
    <row r="65120" spans="14:14">
      <c r="N65120" s="10"/>
    </row>
    <row r="65121" spans="14:14">
      <c r="N65121" s="10"/>
    </row>
    <row r="65122" spans="14:14">
      <c r="N65122" s="10"/>
    </row>
    <row r="65123" spans="14:14">
      <c r="N65123" s="10"/>
    </row>
    <row r="65124" spans="14:14">
      <c r="N65124" s="10"/>
    </row>
    <row r="65125" spans="14:14">
      <c r="N65125" s="10"/>
    </row>
    <row r="65126" spans="14:14">
      <c r="N65126" s="10"/>
    </row>
    <row r="65127" spans="14:14">
      <c r="N65127" s="10"/>
    </row>
    <row r="65128" spans="14:14">
      <c r="N65128" s="10"/>
    </row>
    <row r="65129" spans="14:14">
      <c r="N65129" s="10"/>
    </row>
    <row r="65130" spans="14:14">
      <c r="N65130" s="10"/>
    </row>
    <row r="65131" spans="14:14">
      <c r="N65131" s="10"/>
    </row>
    <row r="65132" spans="14:14">
      <c r="N65132" s="10"/>
    </row>
    <row r="65133" spans="14:14">
      <c r="N65133" s="10"/>
    </row>
    <row r="65134" spans="14:14">
      <c r="N65134" s="10"/>
    </row>
    <row r="65135" spans="14:14">
      <c r="N65135" s="10"/>
    </row>
    <row r="65136" spans="14:14">
      <c r="N65136" s="10"/>
    </row>
    <row r="65137" spans="14:14">
      <c r="N65137" s="10"/>
    </row>
    <row r="65138" spans="14:14">
      <c r="N65138" s="10"/>
    </row>
    <row r="65139" spans="14:14">
      <c r="N65139" s="10"/>
    </row>
    <row r="65140" spans="14:14">
      <c r="N65140" s="10"/>
    </row>
    <row r="65141" spans="14:14">
      <c r="N65141" s="10"/>
    </row>
    <row r="65142" spans="14:14">
      <c r="N65142" s="10"/>
    </row>
    <row r="65143" spans="14:14">
      <c r="N65143" s="10"/>
    </row>
    <row r="65144" spans="14:14">
      <c r="N65144" s="10"/>
    </row>
    <row r="65145" spans="14:14">
      <c r="N65145" s="10"/>
    </row>
    <row r="65146" spans="14:14">
      <c r="N65146" s="10"/>
    </row>
    <row r="65147" spans="14:14">
      <c r="N65147" s="10"/>
    </row>
    <row r="65148" spans="14:14">
      <c r="N65148" s="10"/>
    </row>
    <row r="65149" spans="14:14">
      <c r="N65149" s="10"/>
    </row>
    <row r="65150" spans="14:14">
      <c r="N65150" s="10"/>
    </row>
    <row r="65151" spans="14:14">
      <c r="N65151" s="10"/>
    </row>
    <row r="65152" spans="14:14">
      <c r="N65152" s="10"/>
    </row>
    <row r="65153" spans="14:14">
      <c r="N65153" s="10"/>
    </row>
    <row r="65154" spans="14:14">
      <c r="N65154" s="10"/>
    </row>
    <row r="65155" spans="14:14">
      <c r="N65155" s="10"/>
    </row>
    <row r="65156" spans="14:14">
      <c r="N65156" s="10"/>
    </row>
    <row r="65157" spans="14:14">
      <c r="N65157" s="10"/>
    </row>
    <row r="65158" spans="14:14">
      <c r="N65158" s="10"/>
    </row>
    <row r="65159" spans="14:14">
      <c r="N65159" s="10"/>
    </row>
    <row r="65160" spans="14:14">
      <c r="N65160" s="10"/>
    </row>
    <row r="65161" spans="14:14">
      <c r="N65161" s="10"/>
    </row>
    <row r="65162" spans="14:14">
      <c r="N65162" s="10"/>
    </row>
    <row r="65163" spans="14:14">
      <c r="N65163" s="10"/>
    </row>
    <row r="65164" spans="14:14">
      <c r="N65164" s="10"/>
    </row>
    <row r="65165" spans="14:14">
      <c r="N65165" s="10"/>
    </row>
    <row r="65166" spans="14:14">
      <c r="N65166" s="10"/>
    </row>
    <row r="65167" spans="14:14">
      <c r="N65167" s="10"/>
    </row>
    <row r="65168" spans="14:14">
      <c r="N65168" s="10"/>
    </row>
    <row r="65169" spans="14:14">
      <c r="N65169" s="10"/>
    </row>
    <row r="65170" spans="14:14">
      <c r="N65170" s="10"/>
    </row>
    <row r="65171" spans="14:14">
      <c r="N65171" s="10"/>
    </row>
    <row r="65172" spans="14:14">
      <c r="N65172" s="10"/>
    </row>
    <row r="65173" spans="14:14">
      <c r="N65173" s="10"/>
    </row>
    <row r="65174" spans="14:14">
      <c r="N65174" s="10"/>
    </row>
    <row r="65175" spans="14:14">
      <c r="N65175" s="10"/>
    </row>
    <row r="65176" spans="14:14">
      <c r="N65176" s="10"/>
    </row>
    <row r="65177" spans="14:14">
      <c r="N65177" s="10"/>
    </row>
    <row r="65178" spans="14:14">
      <c r="N65178" s="10"/>
    </row>
    <row r="65179" spans="14:14">
      <c r="N65179" s="10"/>
    </row>
    <row r="65180" spans="14:14">
      <c r="N65180" s="10"/>
    </row>
    <row r="65181" spans="14:14">
      <c r="N65181" s="10"/>
    </row>
    <row r="65182" spans="14:14">
      <c r="N65182" s="10"/>
    </row>
    <row r="65183" spans="14:14">
      <c r="N65183" s="10"/>
    </row>
    <row r="65184" spans="14:14">
      <c r="N65184" s="10"/>
    </row>
    <row r="65185" spans="14:14">
      <c r="N65185" s="10"/>
    </row>
    <row r="65186" spans="14:14">
      <c r="N65186" s="10"/>
    </row>
    <row r="65187" spans="14:14">
      <c r="N65187" s="10"/>
    </row>
    <row r="65188" spans="14:14">
      <c r="N65188" s="10"/>
    </row>
    <row r="65189" spans="14:14">
      <c r="N65189" s="10"/>
    </row>
    <row r="65190" spans="14:14">
      <c r="N65190" s="10"/>
    </row>
    <row r="65191" spans="14:14">
      <c r="N65191" s="10"/>
    </row>
    <row r="65192" spans="14:14">
      <c r="N65192" s="10"/>
    </row>
    <row r="65193" spans="14:14">
      <c r="N65193" s="10"/>
    </row>
    <row r="65194" spans="14:14">
      <c r="N65194" s="10"/>
    </row>
    <row r="65195" spans="14:14">
      <c r="N65195" s="10"/>
    </row>
    <row r="65196" spans="14:14">
      <c r="N65196" s="10"/>
    </row>
    <row r="65197" spans="14:14">
      <c r="N65197" s="10"/>
    </row>
    <row r="65198" spans="14:14">
      <c r="N65198" s="10"/>
    </row>
    <row r="65199" spans="14:14">
      <c r="N65199" s="10"/>
    </row>
    <row r="65200" spans="14:14">
      <c r="N65200" s="10"/>
    </row>
    <row r="65201" spans="14:14">
      <c r="N65201" s="10"/>
    </row>
    <row r="65202" spans="14:14">
      <c r="N65202" s="10"/>
    </row>
    <row r="65203" spans="14:14">
      <c r="N65203" s="10"/>
    </row>
    <row r="65204" spans="14:14">
      <c r="N65204" s="10"/>
    </row>
    <row r="65205" spans="14:14">
      <c r="N65205" s="10"/>
    </row>
    <row r="65206" spans="14:14">
      <c r="N65206" s="10"/>
    </row>
    <row r="65207" spans="14:14">
      <c r="N65207" s="10"/>
    </row>
    <row r="65208" spans="14:14">
      <c r="N65208" s="10"/>
    </row>
    <row r="65209" spans="14:14">
      <c r="N65209" s="10"/>
    </row>
    <row r="65210" spans="14:14">
      <c r="N65210" s="10"/>
    </row>
    <row r="65211" spans="14:14">
      <c r="N65211" s="10"/>
    </row>
    <row r="65212" spans="14:14">
      <c r="N65212" s="10"/>
    </row>
    <row r="65213" spans="14:14">
      <c r="N65213" s="10"/>
    </row>
    <row r="65214" spans="14:14">
      <c r="N65214" s="10"/>
    </row>
    <row r="65215" spans="14:14">
      <c r="N65215" s="10"/>
    </row>
    <row r="65216" spans="14:14">
      <c r="N65216" s="10"/>
    </row>
    <row r="65217" spans="14:14">
      <c r="N65217" s="10"/>
    </row>
    <row r="65218" spans="14:14">
      <c r="N65218" s="10"/>
    </row>
    <row r="65219" spans="14:14">
      <c r="N65219" s="10"/>
    </row>
    <row r="65220" spans="14:14">
      <c r="N65220" s="10"/>
    </row>
    <row r="65221" spans="14:14">
      <c r="N65221" s="10"/>
    </row>
    <row r="65222" spans="14:14">
      <c r="N65222" s="10"/>
    </row>
    <row r="65223" spans="14:14">
      <c r="N65223" s="10"/>
    </row>
    <row r="65224" spans="14:14">
      <c r="N65224" s="10"/>
    </row>
    <row r="65225" spans="14:14">
      <c r="N65225" s="10"/>
    </row>
    <row r="65226" spans="14:14">
      <c r="N65226" s="10"/>
    </row>
    <row r="65227" spans="14:14">
      <c r="N65227" s="10"/>
    </row>
    <row r="65228" spans="14:14">
      <c r="N65228" s="10"/>
    </row>
    <row r="65229" spans="14:14">
      <c r="N65229" s="10"/>
    </row>
    <row r="65230" spans="14:14">
      <c r="N65230" s="10"/>
    </row>
    <row r="65231" spans="14:14">
      <c r="N65231" s="10"/>
    </row>
    <row r="65232" spans="14:14">
      <c r="N65232" s="10"/>
    </row>
    <row r="65233" spans="14:14">
      <c r="N65233" s="10"/>
    </row>
    <row r="65234" spans="14:14">
      <c r="N65234" s="10"/>
    </row>
    <row r="65235" spans="14:14">
      <c r="N65235" s="10"/>
    </row>
    <row r="65236" spans="14:14">
      <c r="N65236" s="10"/>
    </row>
    <row r="65237" spans="14:14">
      <c r="N65237" s="10"/>
    </row>
    <row r="65238" spans="14:14">
      <c r="N65238" s="10"/>
    </row>
    <row r="65239" spans="14:14">
      <c r="N65239" s="10"/>
    </row>
    <row r="65240" spans="14:14">
      <c r="N65240" s="10"/>
    </row>
    <row r="65241" spans="14:14">
      <c r="N65241" s="10"/>
    </row>
    <row r="65242" spans="14:14">
      <c r="N65242" s="10"/>
    </row>
    <row r="65243" spans="14:14">
      <c r="N65243" s="10"/>
    </row>
    <row r="65244" spans="14:14">
      <c r="N65244" s="10"/>
    </row>
    <row r="65245" spans="14:14">
      <c r="N65245" s="10"/>
    </row>
    <row r="65246" spans="14:14">
      <c r="N65246" s="10"/>
    </row>
    <row r="65247" spans="14:14">
      <c r="N65247" s="10"/>
    </row>
    <row r="65248" spans="14:14">
      <c r="N65248" s="10"/>
    </row>
    <row r="65249" spans="14:14">
      <c r="N65249" s="10"/>
    </row>
    <row r="65250" spans="14:14">
      <c r="N65250" s="10"/>
    </row>
    <row r="65251" spans="14:14">
      <c r="N65251" s="10"/>
    </row>
    <row r="65252" spans="14:14">
      <c r="N65252" s="10"/>
    </row>
    <row r="65253" spans="14:14">
      <c r="N65253" s="10"/>
    </row>
    <row r="65254" spans="14:14">
      <c r="N65254" s="10"/>
    </row>
    <row r="65255" spans="14:14">
      <c r="N65255" s="10"/>
    </row>
    <row r="65256" spans="14:14">
      <c r="N65256" s="10"/>
    </row>
    <row r="65257" spans="14:14">
      <c r="N65257" s="10"/>
    </row>
    <row r="65258" spans="14:14">
      <c r="N65258" s="10"/>
    </row>
    <row r="65259" spans="14:14">
      <c r="N65259" s="10"/>
    </row>
    <row r="65260" spans="14:14">
      <c r="N65260" s="10"/>
    </row>
    <row r="65261" spans="14:14">
      <c r="N65261" s="10"/>
    </row>
    <row r="65262" spans="14:14">
      <c r="N65262" s="10"/>
    </row>
    <row r="65263" spans="14:14">
      <c r="N65263" s="10"/>
    </row>
    <row r="65264" spans="14:14">
      <c r="N65264" s="10"/>
    </row>
    <row r="65265" spans="14:14">
      <c r="N65265" s="10"/>
    </row>
    <row r="65266" spans="14:14">
      <c r="N65266" s="10"/>
    </row>
    <row r="65267" spans="14:14">
      <c r="N65267" s="10"/>
    </row>
    <row r="65268" spans="14:14">
      <c r="N65268" s="10"/>
    </row>
    <row r="65269" spans="14:14">
      <c r="N65269" s="10"/>
    </row>
    <row r="65270" spans="14:14">
      <c r="N65270" s="10"/>
    </row>
    <row r="65271" spans="14:14">
      <c r="N65271" s="10"/>
    </row>
    <row r="65272" spans="14:14">
      <c r="N65272" s="10"/>
    </row>
    <row r="65273" spans="14:14">
      <c r="N65273" s="10"/>
    </row>
    <row r="65274" spans="14:14">
      <c r="N65274" s="10"/>
    </row>
    <row r="65275" spans="14:14">
      <c r="N65275" s="10"/>
    </row>
    <row r="65276" spans="14:14">
      <c r="N65276" s="10"/>
    </row>
    <row r="65277" spans="14:14">
      <c r="N65277" s="10"/>
    </row>
    <row r="65278" spans="14:14">
      <c r="N65278" s="10"/>
    </row>
    <row r="65279" spans="14:14">
      <c r="N65279" s="10"/>
    </row>
    <row r="65280" spans="14:14">
      <c r="N65280" s="10"/>
    </row>
    <row r="65281" spans="14:14">
      <c r="N65281" s="10"/>
    </row>
    <row r="65282" spans="14:14">
      <c r="N65282" s="10"/>
    </row>
    <row r="65283" spans="14:14">
      <c r="N65283" s="10"/>
    </row>
    <row r="65284" spans="14:14">
      <c r="N65284" s="10"/>
    </row>
    <row r="65285" spans="14:14">
      <c r="N65285" s="10"/>
    </row>
    <row r="65286" spans="14:14">
      <c r="N65286" s="10"/>
    </row>
    <row r="65287" spans="14:14">
      <c r="N65287" s="10"/>
    </row>
    <row r="65288" spans="14:14">
      <c r="N65288" s="10"/>
    </row>
    <row r="65289" spans="14:14">
      <c r="N65289" s="10"/>
    </row>
    <row r="65290" spans="14:14">
      <c r="N65290" s="10"/>
    </row>
    <row r="65291" spans="14:14">
      <c r="N65291" s="10"/>
    </row>
    <row r="65292" spans="14:14">
      <c r="N65292" s="10"/>
    </row>
    <row r="65293" spans="14:14">
      <c r="N65293" s="10"/>
    </row>
    <row r="65294" spans="14:14">
      <c r="N65294" s="10"/>
    </row>
    <row r="65295" spans="14:14">
      <c r="N65295" s="10"/>
    </row>
    <row r="65296" spans="14:14">
      <c r="N65296" s="10"/>
    </row>
    <row r="65297" spans="14:14">
      <c r="N65297" s="10"/>
    </row>
    <row r="65298" spans="14:14">
      <c r="N65298" s="10"/>
    </row>
    <row r="65299" spans="14:14">
      <c r="N65299" s="10"/>
    </row>
    <row r="65300" spans="14:14">
      <c r="N65300" s="10"/>
    </row>
    <row r="65301" spans="14:14">
      <c r="N65301" s="10"/>
    </row>
    <row r="65302" spans="14:14">
      <c r="N65302" s="10"/>
    </row>
    <row r="65303" spans="14:14">
      <c r="N65303" s="10"/>
    </row>
    <row r="65304" spans="14:14">
      <c r="N65304" s="10"/>
    </row>
    <row r="65305" spans="14:14">
      <c r="N65305" s="10"/>
    </row>
    <row r="65306" spans="14:14">
      <c r="N65306" s="10"/>
    </row>
    <row r="65307" spans="14:14">
      <c r="N65307" s="10"/>
    </row>
    <row r="65308" spans="14:14">
      <c r="N65308" s="10"/>
    </row>
    <row r="65309" spans="14:14">
      <c r="N65309" s="10"/>
    </row>
    <row r="65310" spans="14:14">
      <c r="N65310" s="10"/>
    </row>
    <row r="65311" spans="14:14">
      <c r="N65311" s="10"/>
    </row>
    <row r="65312" spans="14:14">
      <c r="N65312" s="10"/>
    </row>
    <row r="65313" spans="14:14">
      <c r="N65313" s="10"/>
    </row>
    <row r="65314" spans="14:14">
      <c r="N65314" s="10"/>
    </row>
    <row r="65315" spans="14:14">
      <c r="N65315" s="10"/>
    </row>
    <row r="65316" spans="14:14">
      <c r="N65316" s="10"/>
    </row>
    <row r="65317" spans="14:14">
      <c r="N65317" s="10"/>
    </row>
    <row r="65318" spans="14:14">
      <c r="N65318" s="10"/>
    </row>
    <row r="65319" spans="14:14">
      <c r="N65319" s="10"/>
    </row>
    <row r="65320" spans="14:14">
      <c r="N65320" s="10"/>
    </row>
    <row r="65321" spans="14:14">
      <c r="N65321" s="10"/>
    </row>
    <row r="65322" spans="14:14">
      <c r="N65322" s="10"/>
    </row>
    <row r="65323" spans="14:14">
      <c r="N65323" s="10"/>
    </row>
    <row r="65324" spans="14:14">
      <c r="N65324" s="10"/>
    </row>
    <row r="65325" spans="14:14">
      <c r="N65325" s="10"/>
    </row>
    <row r="65326" spans="14:14">
      <c r="N65326" s="10"/>
    </row>
    <row r="65327" spans="14:14">
      <c r="N65327" s="10"/>
    </row>
    <row r="65328" spans="14:14">
      <c r="N65328" s="10"/>
    </row>
    <row r="65329" spans="14:14">
      <c r="N65329" s="10"/>
    </row>
    <row r="65330" spans="14:14">
      <c r="N65330" s="10"/>
    </row>
    <row r="65331" spans="14:14">
      <c r="N65331" s="10"/>
    </row>
    <row r="65332" spans="14:14">
      <c r="N65332" s="10"/>
    </row>
    <row r="65333" spans="14:14">
      <c r="N65333" s="10"/>
    </row>
    <row r="65334" spans="14:14">
      <c r="N65334" s="10"/>
    </row>
    <row r="65335" spans="14:14">
      <c r="N65335" s="10"/>
    </row>
    <row r="65336" spans="14:14">
      <c r="N65336" s="10"/>
    </row>
    <row r="65337" spans="14:14">
      <c r="N65337" s="10"/>
    </row>
    <row r="65338" spans="14:14">
      <c r="N65338" s="10"/>
    </row>
    <row r="65339" spans="14:14">
      <c r="N65339" s="10"/>
    </row>
    <row r="65340" spans="14:14">
      <c r="N65340" s="10"/>
    </row>
    <row r="65341" spans="14:14">
      <c r="N65341" s="10"/>
    </row>
    <row r="65342" spans="14:14">
      <c r="N65342" s="10"/>
    </row>
    <row r="65343" spans="14:14">
      <c r="N65343" s="10"/>
    </row>
    <row r="65344" spans="14:14">
      <c r="N65344" s="10"/>
    </row>
    <row r="65345" spans="14:14">
      <c r="N65345" s="10"/>
    </row>
    <row r="65346" spans="14:14">
      <c r="N65346" s="10"/>
    </row>
    <row r="65347" spans="14:14">
      <c r="N65347" s="10"/>
    </row>
    <row r="65348" spans="14:14">
      <c r="N65348" s="10"/>
    </row>
    <row r="65349" spans="14:14">
      <c r="N65349" s="10"/>
    </row>
    <row r="65350" spans="14:14">
      <c r="N65350" s="10"/>
    </row>
    <row r="65351" spans="14:14">
      <c r="N65351" s="10"/>
    </row>
    <row r="65352" spans="14:14">
      <c r="N65352" s="10"/>
    </row>
    <row r="65353" spans="14:14">
      <c r="N65353" s="10"/>
    </row>
    <row r="65354" spans="14:14">
      <c r="N65354" s="10"/>
    </row>
    <row r="65355" spans="14:14">
      <c r="N65355" s="10"/>
    </row>
    <row r="65356" spans="14:14">
      <c r="N65356" s="10"/>
    </row>
    <row r="65357" spans="14:14">
      <c r="N65357" s="10"/>
    </row>
    <row r="65358" spans="14:14">
      <c r="N65358" s="10"/>
    </row>
    <row r="65359" spans="14:14">
      <c r="N65359" s="10"/>
    </row>
    <row r="65360" spans="14:14">
      <c r="N65360" s="10"/>
    </row>
    <row r="65361" spans="14:14">
      <c r="N65361" s="10"/>
    </row>
    <row r="65362" spans="14:14">
      <c r="N65362" s="10"/>
    </row>
    <row r="65363" spans="14:14">
      <c r="N65363" s="10"/>
    </row>
    <row r="65364" spans="14:14">
      <c r="N65364" s="10"/>
    </row>
    <row r="65365" spans="14:14">
      <c r="N65365" s="10"/>
    </row>
    <row r="65366" spans="14:14">
      <c r="N65366" s="10"/>
    </row>
    <row r="65367" spans="14:14">
      <c r="N65367" s="10"/>
    </row>
    <row r="65368" spans="14:14">
      <c r="N65368" s="10"/>
    </row>
    <row r="65369" spans="14:14">
      <c r="N65369" s="10"/>
    </row>
    <row r="65370" spans="14:14">
      <c r="N65370" s="10"/>
    </row>
    <row r="65371" spans="14:14">
      <c r="N65371" s="10"/>
    </row>
    <row r="65372" spans="14:14">
      <c r="N65372" s="10"/>
    </row>
    <row r="65373" spans="14:14">
      <c r="N65373" s="10"/>
    </row>
    <row r="65374" spans="14:14">
      <c r="N65374" s="10"/>
    </row>
    <row r="65375" spans="14:14">
      <c r="N65375" s="10"/>
    </row>
    <row r="65376" spans="14:14">
      <c r="N65376" s="10"/>
    </row>
    <row r="65377" spans="14:14">
      <c r="N65377" s="10"/>
    </row>
    <row r="65378" spans="14:14">
      <c r="N65378" s="10"/>
    </row>
    <row r="65379" spans="14:14">
      <c r="N65379" s="10"/>
    </row>
    <row r="65380" spans="14:14">
      <c r="N65380" s="10"/>
    </row>
    <row r="65381" spans="14:14">
      <c r="N65381" s="10"/>
    </row>
    <row r="65382" spans="14:14">
      <c r="N65382" s="10"/>
    </row>
    <row r="65383" spans="14:14">
      <c r="N65383" s="10"/>
    </row>
    <row r="65384" spans="14:14">
      <c r="N65384" s="10"/>
    </row>
    <row r="65385" spans="14:14">
      <c r="N65385" s="10"/>
    </row>
    <row r="65386" spans="14:14">
      <c r="N65386" s="10"/>
    </row>
    <row r="65387" spans="14:14">
      <c r="N65387" s="10"/>
    </row>
    <row r="65388" spans="14:14">
      <c r="N65388" s="10"/>
    </row>
    <row r="65389" spans="14:14">
      <c r="N65389" s="10"/>
    </row>
    <row r="65390" spans="14:14">
      <c r="N65390" s="10"/>
    </row>
    <row r="65391" spans="14:14">
      <c r="N65391" s="10"/>
    </row>
    <row r="65392" spans="14:14">
      <c r="N65392" s="10"/>
    </row>
    <row r="65393" spans="14:14">
      <c r="N65393" s="10"/>
    </row>
    <row r="65394" spans="14:14">
      <c r="N65394" s="10"/>
    </row>
    <row r="65395" spans="14:14">
      <c r="N65395" s="10"/>
    </row>
    <row r="65396" spans="14:14">
      <c r="N65396" s="10"/>
    </row>
    <row r="65397" spans="14:14">
      <c r="N65397" s="10"/>
    </row>
    <row r="65398" spans="14:14">
      <c r="N65398" s="10"/>
    </row>
    <row r="65399" spans="14:14">
      <c r="N65399" s="10"/>
    </row>
    <row r="65400" spans="14:14">
      <c r="N65400" s="10"/>
    </row>
    <row r="65401" spans="14:14">
      <c r="N65401" s="10"/>
    </row>
    <row r="65402" spans="14:14">
      <c r="N65402" s="10"/>
    </row>
    <row r="65403" spans="14:14">
      <c r="N65403" s="10"/>
    </row>
    <row r="65404" spans="14:14">
      <c r="N65404" s="10"/>
    </row>
    <row r="65405" spans="14:14">
      <c r="N65405" s="10"/>
    </row>
    <row r="65406" spans="14:14">
      <c r="N65406" s="10"/>
    </row>
    <row r="65407" spans="14:14">
      <c r="N65407" s="10"/>
    </row>
    <row r="65408" spans="14:14">
      <c r="N65408" s="10"/>
    </row>
    <row r="65409" spans="14:14">
      <c r="N65409" s="10"/>
    </row>
    <row r="65410" spans="14:14">
      <c r="N65410" s="10"/>
    </row>
    <row r="65411" spans="14:14">
      <c r="N65411" s="10"/>
    </row>
    <row r="65412" spans="14:14">
      <c r="N65412" s="10"/>
    </row>
    <row r="65413" spans="14:14">
      <c r="N65413" s="10"/>
    </row>
    <row r="65414" spans="14:14">
      <c r="N65414" s="10"/>
    </row>
    <row r="65415" spans="14:14">
      <c r="N65415" s="10"/>
    </row>
    <row r="65416" spans="14:14">
      <c r="N65416" s="10"/>
    </row>
    <row r="65417" spans="14:14">
      <c r="N65417" s="10"/>
    </row>
    <row r="65418" spans="14:14">
      <c r="N65418" s="10"/>
    </row>
    <row r="65419" spans="14:14">
      <c r="N65419" s="10"/>
    </row>
    <row r="65420" spans="14:14">
      <c r="N65420" s="10"/>
    </row>
    <row r="65421" spans="14:14">
      <c r="N65421" s="10"/>
    </row>
    <row r="65422" spans="14:14">
      <c r="N65422" s="10"/>
    </row>
    <row r="65423" spans="14:14">
      <c r="N65423" s="10"/>
    </row>
    <row r="65424" spans="14:14">
      <c r="N65424" s="10"/>
    </row>
    <row r="65425" spans="14:14">
      <c r="N65425" s="10"/>
    </row>
    <row r="65426" spans="14:14">
      <c r="N65426" s="10"/>
    </row>
    <row r="65427" spans="14:14">
      <c r="N65427" s="10"/>
    </row>
    <row r="65428" spans="14:14">
      <c r="N65428" s="10"/>
    </row>
    <row r="65429" spans="14:14">
      <c r="N65429" s="10"/>
    </row>
    <row r="65430" spans="14:14">
      <c r="N65430" s="10"/>
    </row>
    <row r="65431" spans="14:14">
      <c r="N65431" s="10"/>
    </row>
    <row r="65432" spans="14:14">
      <c r="N65432" s="10"/>
    </row>
    <row r="65433" spans="14:14">
      <c r="N65433" s="10"/>
    </row>
    <row r="65434" spans="14:14">
      <c r="N65434" s="10"/>
    </row>
    <row r="65435" spans="14:14">
      <c r="N65435" s="10"/>
    </row>
    <row r="65436" spans="14:14">
      <c r="N65436" s="10"/>
    </row>
    <row r="65437" spans="14:14">
      <c r="N65437" s="10"/>
    </row>
    <row r="65438" spans="14:14">
      <c r="N65438" s="10"/>
    </row>
    <row r="65439" spans="14:14">
      <c r="N65439" s="10"/>
    </row>
    <row r="65440" spans="14:14">
      <c r="N65440" s="10"/>
    </row>
    <row r="65441" spans="14:14">
      <c r="N65441" s="10"/>
    </row>
    <row r="65442" spans="14:14">
      <c r="N65442" s="10"/>
    </row>
    <row r="65443" spans="14:14">
      <c r="N65443" s="10"/>
    </row>
    <row r="65444" spans="14:14">
      <c r="N65444" s="10"/>
    </row>
    <row r="65445" spans="14:14">
      <c r="N65445" s="10"/>
    </row>
    <row r="65446" spans="14:14">
      <c r="N65446" s="10"/>
    </row>
    <row r="65447" spans="14:14">
      <c r="N65447" s="10"/>
    </row>
    <row r="65448" spans="14:14">
      <c r="N65448" s="10"/>
    </row>
    <row r="65449" spans="14:14">
      <c r="N65449" s="10"/>
    </row>
    <row r="65450" spans="14:14">
      <c r="N65450" s="10"/>
    </row>
    <row r="65451" spans="14:14">
      <c r="N65451" s="10"/>
    </row>
    <row r="65452" spans="14:14">
      <c r="N65452" s="10"/>
    </row>
    <row r="65453" spans="14:14">
      <c r="N65453" s="10"/>
    </row>
    <row r="65454" spans="14:14">
      <c r="N65454" s="10"/>
    </row>
    <row r="65455" spans="14:14">
      <c r="N65455" s="10"/>
    </row>
    <row r="65456" spans="14:14">
      <c r="N65456" s="10"/>
    </row>
    <row r="65457" spans="14:14">
      <c r="N65457" s="10"/>
    </row>
    <row r="65458" spans="14:14">
      <c r="N65458" s="10"/>
    </row>
    <row r="65459" spans="14:14">
      <c r="N65459" s="10"/>
    </row>
    <row r="65460" spans="14:14">
      <c r="N65460" s="10"/>
    </row>
    <row r="65461" spans="14:14">
      <c r="N65461" s="10"/>
    </row>
    <row r="65462" spans="14:14">
      <c r="N65462" s="10"/>
    </row>
    <row r="65463" spans="14:14">
      <c r="N65463" s="10"/>
    </row>
    <row r="65464" spans="14:14">
      <c r="N65464" s="10"/>
    </row>
    <row r="65465" spans="14:14">
      <c r="N65465" s="10"/>
    </row>
    <row r="65466" spans="14:14">
      <c r="N65466" s="10"/>
    </row>
    <row r="65467" spans="14:14">
      <c r="N65467" s="10"/>
    </row>
    <row r="65468" spans="14:14">
      <c r="N65468" s="10"/>
    </row>
    <row r="65469" spans="14:14">
      <c r="N65469" s="10"/>
    </row>
    <row r="65470" spans="14:14">
      <c r="N65470" s="10"/>
    </row>
    <row r="65471" spans="14:14">
      <c r="N65471" s="10"/>
    </row>
    <row r="65472" spans="14:14">
      <c r="N65472" s="10"/>
    </row>
    <row r="65473" spans="14:14">
      <c r="N65473" s="10"/>
    </row>
    <row r="65474" spans="14:14">
      <c r="N65474" s="10"/>
    </row>
    <row r="65475" spans="14:14">
      <c r="N65475" s="10"/>
    </row>
    <row r="65476" spans="14:14">
      <c r="N65476" s="10"/>
    </row>
    <row r="65477" spans="14:14">
      <c r="N65477" s="10"/>
    </row>
    <row r="65478" spans="14:14">
      <c r="N65478" s="10"/>
    </row>
    <row r="65479" spans="14:14">
      <c r="N65479" s="10"/>
    </row>
    <row r="65480" spans="14:14">
      <c r="N65480" s="10"/>
    </row>
    <row r="65481" spans="14:14">
      <c r="N65481" s="10"/>
    </row>
    <row r="65482" spans="14:14">
      <c r="N65482" s="10"/>
    </row>
    <row r="65483" spans="14:14">
      <c r="N65483" s="10"/>
    </row>
    <row r="65484" spans="14:14">
      <c r="N65484" s="10"/>
    </row>
    <row r="65485" spans="14:14">
      <c r="N65485" s="10"/>
    </row>
    <row r="65486" spans="14:14">
      <c r="N65486" s="10"/>
    </row>
    <row r="65487" spans="14:14">
      <c r="N65487" s="10"/>
    </row>
    <row r="65488" spans="14:14">
      <c r="N65488" s="10"/>
    </row>
    <row r="65489" spans="14:14">
      <c r="N65489" s="10"/>
    </row>
    <row r="65490" spans="14:14">
      <c r="N65490" s="10"/>
    </row>
    <row r="65491" spans="14:14">
      <c r="N65491" s="10"/>
    </row>
    <row r="65492" spans="14:14">
      <c r="N65492" s="10"/>
    </row>
    <row r="65493" spans="14:14">
      <c r="N65493" s="10"/>
    </row>
    <row r="65494" spans="14:14">
      <c r="N65494" s="10"/>
    </row>
    <row r="65495" spans="14:14">
      <c r="N65495" s="10"/>
    </row>
    <row r="65496" spans="14:14">
      <c r="N65496" s="10"/>
    </row>
    <row r="65497" spans="14:14">
      <c r="N65497" s="10"/>
    </row>
    <row r="65498" spans="14:14">
      <c r="N65498" s="10"/>
    </row>
    <row r="65499" spans="14:14">
      <c r="N65499" s="10"/>
    </row>
    <row r="65500" spans="14:14">
      <c r="N65500" s="10"/>
    </row>
    <row r="65501" spans="14:14">
      <c r="N65501" s="10"/>
    </row>
    <row r="65502" spans="14:14">
      <c r="N65502" s="10"/>
    </row>
    <row r="65503" spans="14:14">
      <c r="N65503" s="10"/>
    </row>
    <row r="65504" spans="14:14">
      <c r="N65504" s="10"/>
    </row>
    <row r="65505" spans="14:14">
      <c r="N65505" s="10"/>
    </row>
    <row r="65506" spans="14:14">
      <c r="N65506" s="10"/>
    </row>
    <row r="65507" spans="14:14">
      <c r="N65507" s="10"/>
    </row>
    <row r="65508" spans="14:14">
      <c r="N65508" s="10"/>
    </row>
    <row r="65509" spans="14:14">
      <c r="N65509" s="10"/>
    </row>
    <row r="65510" spans="14:14">
      <c r="N65510" s="10"/>
    </row>
    <row r="65511" spans="14:14">
      <c r="N65511" s="10"/>
    </row>
    <row r="65512" spans="14:14">
      <c r="N65512" s="10"/>
    </row>
    <row r="65513" spans="14:14">
      <c r="N65513" s="10"/>
    </row>
    <row r="65514" spans="14:14">
      <c r="N65514" s="10"/>
    </row>
    <row r="65515" spans="14:14">
      <c r="N65515" s="10"/>
    </row>
    <row r="65516" spans="14:14">
      <c r="N65516" s="10"/>
    </row>
    <row r="65517" spans="14:14">
      <c r="N65517" s="10"/>
    </row>
    <row r="65518" spans="14:14">
      <c r="N65518" s="10"/>
    </row>
    <row r="65519" spans="14:14">
      <c r="N65519" s="10"/>
    </row>
    <row r="65520" spans="14:14">
      <c r="N65520" s="10"/>
    </row>
    <row r="65521" spans="14:14">
      <c r="N65521" s="10"/>
    </row>
    <row r="65522" spans="14:14">
      <c r="N65522" s="10"/>
    </row>
    <row r="65523" spans="14:14">
      <c r="N65523" s="10"/>
    </row>
    <row r="65524" spans="14:14">
      <c r="N65524" s="10"/>
    </row>
    <row r="65525" spans="14:14">
      <c r="N65525" s="10"/>
    </row>
    <row r="65526" spans="14:14">
      <c r="N65526" s="10"/>
    </row>
    <row r="65527" spans="14:14">
      <c r="N65527" s="10"/>
    </row>
    <row r="65528" spans="14:14">
      <c r="N65528" s="10"/>
    </row>
    <row r="65529" spans="14:14">
      <c r="N65529" s="10"/>
    </row>
    <row r="65530" spans="14:14">
      <c r="N65530" s="10"/>
    </row>
    <row r="65531" spans="14:14">
      <c r="N65531" s="10"/>
    </row>
    <row r="65532" spans="14:14">
      <c r="N65532" s="10"/>
    </row>
    <row r="65533" spans="14:14">
      <c r="N65533" s="10"/>
    </row>
    <row r="65534" spans="14:14">
      <c r="N65534" s="10"/>
    </row>
    <row r="65535" spans="14:14">
      <c r="N65535" s="10"/>
    </row>
    <row r="65536" spans="14:14">
      <c r="N65536" s="10"/>
    </row>
    <row r="65537" spans="14:14">
      <c r="N65537" s="10"/>
    </row>
    <row r="65538" spans="14:14">
      <c r="N65538" s="10"/>
    </row>
    <row r="65539" spans="14:14">
      <c r="N65539" s="10"/>
    </row>
    <row r="65540" spans="14:14">
      <c r="N65540" s="10"/>
    </row>
    <row r="65541" spans="14:14">
      <c r="N65541" s="10"/>
    </row>
    <row r="65542" spans="14:14">
      <c r="N65542" s="10"/>
    </row>
    <row r="65543" spans="14:14">
      <c r="N65543" s="10"/>
    </row>
    <row r="65544" spans="14:14">
      <c r="N65544" s="10"/>
    </row>
    <row r="65545" spans="14:14">
      <c r="N65545" s="10"/>
    </row>
    <row r="65546" spans="14:14">
      <c r="N65546" s="10"/>
    </row>
    <row r="65547" spans="14:14">
      <c r="N65547" s="10"/>
    </row>
    <row r="65548" spans="14:14">
      <c r="N65548" s="10"/>
    </row>
    <row r="65549" spans="14:14">
      <c r="N65549" s="10"/>
    </row>
    <row r="65550" spans="14:14">
      <c r="N65550" s="10"/>
    </row>
    <row r="65551" spans="14:14">
      <c r="N65551" s="10"/>
    </row>
    <row r="65552" spans="14:14">
      <c r="N65552" s="10"/>
    </row>
    <row r="65553" spans="14:14">
      <c r="N65553" s="10"/>
    </row>
    <row r="65554" spans="14:14">
      <c r="N65554" s="10"/>
    </row>
    <row r="65555" spans="14:14">
      <c r="N65555" s="10"/>
    </row>
    <row r="65556" spans="14:14">
      <c r="N65556" s="10"/>
    </row>
    <row r="65557" spans="14:14">
      <c r="N65557" s="10"/>
    </row>
    <row r="65558" spans="14:14">
      <c r="N65558" s="10"/>
    </row>
    <row r="65559" spans="14:14">
      <c r="N65559" s="10"/>
    </row>
    <row r="65560" spans="14:14">
      <c r="N65560" s="10"/>
    </row>
    <row r="65561" spans="14:14">
      <c r="N65561" s="10"/>
    </row>
    <row r="65562" spans="14:14">
      <c r="N65562" s="10"/>
    </row>
    <row r="65563" spans="14:14">
      <c r="N65563" s="10"/>
    </row>
    <row r="65564" spans="14:14">
      <c r="N65564" s="10"/>
    </row>
    <row r="65565" spans="14:14">
      <c r="N65565" s="10"/>
    </row>
    <row r="65566" spans="14:14">
      <c r="N65566" s="10"/>
    </row>
    <row r="65567" spans="14:14">
      <c r="N65567" s="10"/>
    </row>
    <row r="65568" spans="14:14">
      <c r="N65568" s="10"/>
    </row>
    <row r="65569" spans="14:14">
      <c r="N65569" s="10"/>
    </row>
    <row r="65570" spans="14:14">
      <c r="N65570" s="10"/>
    </row>
    <row r="65571" spans="14:14">
      <c r="N65571" s="10"/>
    </row>
    <row r="65572" spans="14:14">
      <c r="N65572" s="10"/>
    </row>
    <row r="65573" spans="14:14">
      <c r="N65573" s="10"/>
    </row>
    <row r="65574" spans="14:14">
      <c r="N65574" s="10"/>
    </row>
    <row r="65575" spans="14:14">
      <c r="N65575" s="10"/>
    </row>
    <row r="65576" spans="14:14">
      <c r="N65576" s="10"/>
    </row>
    <row r="65577" spans="14:14">
      <c r="N65577" s="10"/>
    </row>
    <row r="65578" spans="14:14">
      <c r="N65578" s="10"/>
    </row>
    <row r="65579" spans="14:14">
      <c r="N65579" s="10"/>
    </row>
    <row r="65580" spans="14:14">
      <c r="N65580" s="10"/>
    </row>
    <row r="65581" spans="14:14">
      <c r="N65581" s="10"/>
    </row>
    <row r="65582" spans="14:14">
      <c r="N65582" s="10"/>
    </row>
    <row r="65583" spans="14:14">
      <c r="N65583" s="10"/>
    </row>
    <row r="65584" spans="14:14">
      <c r="N65584" s="10"/>
    </row>
    <row r="65585" spans="14:14">
      <c r="N65585" s="10"/>
    </row>
    <row r="65586" spans="14:14">
      <c r="N65586" s="10"/>
    </row>
    <row r="65587" spans="14:14">
      <c r="N65587" s="10"/>
    </row>
    <row r="65588" spans="14:14">
      <c r="N65588" s="10"/>
    </row>
    <row r="65589" spans="14:14">
      <c r="N65589" s="10"/>
    </row>
    <row r="65590" spans="14:14">
      <c r="N65590" s="10"/>
    </row>
    <row r="65591" spans="14:14">
      <c r="N65591" s="10"/>
    </row>
    <row r="65592" spans="14:14">
      <c r="N65592" s="10"/>
    </row>
    <row r="65593" spans="14:14">
      <c r="N65593" s="10"/>
    </row>
    <row r="65594" spans="14:14">
      <c r="N65594" s="10"/>
    </row>
    <row r="65595" spans="14:14">
      <c r="N65595" s="10"/>
    </row>
    <row r="65596" spans="14:14">
      <c r="N65596" s="10"/>
    </row>
    <row r="65597" spans="14:14">
      <c r="N65597" s="10"/>
    </row>
    <row r="65598" spans="14:14">
      <c r="N65598" s="10"/>
    </row>
    <row r="65599" spans="14:14">
      <c r="N65599" s="10"/>
    </row>
    <row r="65600" spans="14:14">
      <c r="N65600" s="10"/>
    </row>
    <row r="65601" spans="14:14">
      <c r="N65601" s="10"/>
    </row>
    <row r="65602" spans="14:14">
      <c r="N65602" s="10"/>
    </row>
    <row r="65603" spans="14:14">
      <c r="N65603" s="10"/>
    </row>
    <row r="65604" spans="14:14">
      <c r="N65604" s="10"/>
    </row>
    <row r="65605" spans="14:14">
      <c r="N65605" s="10"/>
    </row>
    <row r="65606" spans="14:14">
      <c r="N65606" s="10"/>
    </row>
    <row r="65607" spans="14:14">
      <c r="N65607" s="10"/>
    </row>
    <row r="65608" spans="14:14">
      <c r="N65608" s="10"/>
    </row>
    <row r="65609" spans="14:14">
      <c r="N65609" s="10"/>
    </row>
    <row r="65610" spans="14:14">
      <c r="N65610" s="10"/>
    </row>
    <row r="65611" spans="14:14">
      <c r="N65611" s="10"/>
    </row>
    <row r="65612" spans="14:14">
      <c r="N65612" s="10"/>
    </row>
    <row r="65613" spans="14:14">
      <c r="N65613" s="10"/>
    </row>
    <row r="65614" spans="14:14">
      <c r="N65614" s="10"/>
    </row>
    <row r="65615" spans="14:14">
      <c r="N65615" s="10"/>
    </row>
    <row r="65616" spans="14:14">
      <c r="N65616" s="10"/>
    </row>
    <row r="65617" spans="14:14">
      <c r="N65617" s="10"/>
    </row>
    <row r="65618" spans="14:14">
      <c r="N65618" s="10"/>
    </row>
    <row r="65619" spans="14:14">
      <c r="N65619" s="10"/>
    </row>
    <row r="65620" spans="14:14">
      <c r="N65620" s="10"/>
    </row>
    <row r="65621" spans="14:14">
      <c r="N65621" s="10"/>
    </row>
    <row r="65622" spans="14:14">
      <c r="N65622" s="10"/>
    </row>
    <row r="65623" spans="14:14">
      <c r="N65623" s="10"/>
    </row>
    <row r="65624" spans="14:14">
      <c r="N65624" s="10"/>
    </row>
    <row r="65625" spans="14:14">
      <c r="N65625" s="10"/>
    </row>
    <row r="65626" spans="14:14">
      <c r="N65626" s="10"/>
    </row>
    <row r="65627" spans="14:14">
      <c r="N65627" s="10"/>
    </row>
    <row r="65628" spans="14:14">
      <c r="N65628" s="10"/>
    </row>
    <row r="65629" spans="14:14">
      <c r="N65629" s="10"/>
    </row>
    <row r="65630" spans="14:14">
      <c r="N65630" s="10"/>
    </row>
    <row r="65631" spans="14:14">
      <c r="N65631" s="10"/>
    </row>
    <row r="65632" spans="14:14">
      <c r="N65632" s="10"/>
    </row>
    <row r="65633" spans="14:14">
      <c r="N65633" s="10"/>
    </row>
    <row r="65634" spans="14:14">
      <c r="N65634" s="10"/>
    </row>
    <row r="65635" spans="14:14">
      <c r="N65635" s="10"/>
    </row>
    <row r="65636" spans="14:14">
      <c r="N65636" s="10"/>
    </row>
    <row r="65637" spans="14:14">
      <c r="N65637" s="10"/>
    </row>
    <row r="65638" spans="14:14">
      <c r="N65638" s="10"/>
    </row>
    <row r="65639" spans="14:14">
      <c r="N65639" s="10"/>
    </row>
    <row r="65640" spans="14:14">
      <c r="N65640" s="10"/>
    </row>
    <row r="65641" spans="14:14">
      <c r="N65641" s="10"/>
    </row>
    <row r="65642" spans="14:14">
      <c r="N65642" s="10"/>
    </row>
    <row r="65643" spans="14:14">
      <c r="N65643" s="10"/>
    </row>
    <row r="65644" spans="14:14">
      <c r="N65644" s="10"/>
    </row>
    <row r="65645" spans="14:14">
      <c r="N65645" s="10"/>
    </row>
    <row r="65646" spans="14:14">
      <c r="N65646" s="10"/>
    </row>
    <row r="65647" spans="14:14">
      <c r="N65647" s="10"/>
    </row>
    <row r="65648" spans="14:14">
      <c r="N65648" s="10"/>
    </row>
    <row r="65649" spans="14:14">
      <c r="N65649" s="10"/>
    </row>
    <row r="65650" spans="14:14">
      <c r="N65650" s="10"/>
    </row>
    <row r="65651" spans="14:14">
      <c r="N65651" s="10"/>
    </row>
    <row r="65652" spans="14:14">
      <c r="N65652" s="10"/>
    </row>
    <row r="65653" spans="14:14">
      <c r="N65653" s="10"/>
    </row>
    <row r="65654" spans="14:14">
      <c r="N65654" s="10"/>
    </row>
    <row r="65655" spans="14:14">
      <c r="N65655" s="10"/>
    </row>
    <row r="65656" spans="14:14">
      <c r="N65656" s="10"/>
    </row>
    <row r="65657" spans="14:14">
      <c r="N65657" s="10"/>
    </row>
    <row r="65658" spans="14:14">
      <c r="N65658" s="10"/>
    </row>
    <row r="65659" spans="14:14">
      <c r="N65659" s="10"/>
    </row>
    <row r="65660" spans="14:14">
      <c r="N65660" s="10"/>
    </row>
    <row r="65661" spans="14:14">
      <c r="N65661" s="10"/>
    </row>
    <row r="65662" spans="14:14">
      <c r="N65662" s="10"/>
    </row>
    <row r="65663" spans="14:14">
      <c r="N65663" s="10"/>
    </row>
    <row r="65664" spans="14:14">
      <c r="N65664" s="10"/>
    </row>
    <row r="65665" spans="14:14">
      <c r="N65665" s="10"/>
    </row>
    <row r="65666" spans="14:14">
      <c r="N65666" s="10"/>
    </row>
    <row r="65667" spans="14:14">
      <c r="N65667" s="10"/>
    </row>
    <row r="65668" spans="14:14">
      <c r="N65668" s="10"/>
    </row>
    <row r="65669" spans="14:14">
      <c r="N65669" s="10"/>
    </row>
    <row r="65670" spans="14:14">
      <c r="N65670" s="10"/>
    </row>
    <row r="65671" spans="14:14">
      <c r="N65671" s="10"/>
    </row>
    <row r="65672" spans="14:14">
      <c r="N65672" s="10"/>
    </row>
    <row r="65673" spans="14:14">
      <c r="N65673" s="10"/>
    </row>
    <row r="65674" spans="14:14">
      <c r="N65674" s="10"/>
    </row>
    <row r="65675" spans="14:14">
      <c r="N65675" s="10"/>
    </row>
    <row r="65676" spans="14:14">
      <c r="N65676" s="10"/>
    </row>
    <row r="65677" spans="14:14">
      <c r="N65677" s="10"/>
    </row>
    <row r="65678" spans="14:14">
      <c r="N65678" s="10"/>
    </row>
    <row r="65679" spans="14:14">
      <c r="N65679" s="10"/>
    </row>
    <row r="65680" spans="14:14">
      <c r="N65680" s="10"/>
    </row>
    <row r="65681" spans="14:14">
      <c r="N65681" s="10"/>
    </row>
    <row r="65682" spans="14:14">
      <c r="N65682" s="10"/>
    </row>
    <row r="65683" spans="14:14">
      <c r="N65683" s="10"/>
    </row>
    <row r="65684" spans="14:14">
      <c r="N65684" s="10"/>
    </row>
    <row r="65685" spans="14:14">
      <c r="N65685" s="10"/>
    </row>
    <row r="65686" spans="14:14">
      <c r="N65686" s="10"/>
    </row>
    <row r="65687" spans="14:14">
      <c r="N65687" s="10"/>
    </row>
    <row r="65688" spans="14:14">
      <c r="N65688" s="10"/>
    </row>
    <row r="65689" spans="14:14">
      <c r="N65689" s="10"/>
    </row>
    <row r="65690" spans="14:14">
      <c r="N65690" s="10"/>
    </row>
    <row r="65691" spans="14:14">
      <c r="N65691" s="10"/>
    </row>
    <row r="65692" spans="14:14">
      <c r="N65692" s="10"/>
    </row>
    <row r="65693" spans="14:14">
      <c r="N65693" s="10"/>
    </row>
    <row r="65694" spans="14:14">
      <c r="N65694" s="10"/>
    </row>
    <row r="65695" spans="14:14">
      <c r="N65695" s="10"/>
    </row>
    <row r="65696" spans="14:14">
      <c r="N65696" s="10"/>
    </row>
    <row r="65697" spans="14:14">
      <c r="N65697" s="10"/>
    </row>
    <row r="65698" spans="14:14">
      <c r="N65698" s="10"/>
    </row>
    <row r="65699" spans="14:14">
      <c r="N65699" s="10"/>
    </row>
    <row r="65700" spans="14:14">
      <c r="N65700" s="10"/>
    </row>
    <row r="65701" spans="14:14">
      <c r="N65701" s="10"/>
    </row>
    <row r="65702" spans="14:14">
      <c r="N65702" s="10"/>
    </row>
    <row r="65703" spans="14:14">
      <c r="N65703" s="10"/>
    </row>
    <row r="65704" spans="14:14">
      <c r="N65704" s="10"/>
    </row>
    <row r="65705" spans="14:14">
      <c r="N65705" s="10"/>
    </row>
    <row r="65706" spans="14:14">
      <c r="N65706" s="10"/>
    </row>
    <row r="65707" spans="14:14">
      <c r="N65707" s="10"/>
    </row>
    <row r="65708" spans="14:14">
      <c r="N65708" s="10"/>
    </row>
    <row r="65709" spans="14:14">
      <c r="N65709" s="10"/>
    </row>
    <row r="65710" spans="14:14">
      <c r="N65710" s="10"/>
    </row>
    <row r="65711" spans="14:14">
      <c r="N65711" s="10"/>
    </row>
    <row r="65712" spans="14:14">
      <c r="N65712" s="10"/>
    </row>
    <row r="65713" spans="14:14">
      <c r="N65713" s="10"/>
    </row>
    <row r="65714" spans="14:14">
      <c r="N65714" s="10"/>
    </row>
    <row r="65715" spans="14:14">
      <c r="N65715" s="10"/>
    </row>
    <row r="65716" spans="14:14">
      <c r="N65716" s="10"/>
    </row>
    <row r="65717" spans="14:14">
      <c r="N65717" s="10"/>
    </row>
    <row r="65718" spans="14:14">
      <c r="N65718" s="10"/>
    </row>
    <row r="65719" spans="14:14">
      <c r="N65719" s="10"/>
    </row>
    <row r="65720" spans="14:14">
      <c r="N65720" s="10"/>
    </row>
    <row r="65721" spans="14:14">
      <c r="N65721" s="10"/>
    </row>
    <row r="65722" spans="14:14">
      <c r="N65722" s="10"/>
    </row>
    <row r="65723" spans="14:14">
      <c r="N65723" s="10"/>
    </row>
    <row r="65724" spans="14:14">
      <c r="N65724" s="10"/>
    </row>
    <row r="65725" spans="14:14">
      <c r="N65725" s="10"/>
    </row>
    <row r="65726" spans="14:14">
      <c r="N65726" s="10"/>
    </row>
    <row r="65727" spans="14:14">
      <c r="N65727" s="10"/>
    </row>
    <row r="65728" spans="14:14">
      <c r="N65728" s="10"/>
    </row>
    <row r="65729" spans="14:14">
      <c r="N65729" s="10"/>
    </row>
    <row r="65730" spans="14:14">
      <c r="N65730" s="10"/>
    </row>
    <row r="65731" spans="14:14">
      <c r="N65731" s="10"/>
    </row>
    <row r="65732" spans="14:14">
      <c r="N65732" s="10"/>
    </row>
    <row r="65733" spans="14:14">
      <c r="N65733" s="10"/>
    </row>
    <row r="65734" spans="14:14">
      <c r="N65734" s="10"/>
    </row>
    <row r="65735" spans="14:14">
      <c r="N65735" s="10"/>
    </row>
    <row r="65736" spans="14:14">
      <c r="N65736" s="10"/>
    </row>
    <row r="65737" spans="14:14">
      <c r="N65737" s="10"/>
    </row>
    <row r="65738" spans="14:14">
      <c r="N65738" s="10"/>
    </row>
    <row r="65739" spans="14:14">
      <c r="N65739" s="10"/>
    </row>
    <row r="65740" spans="14:14">
      <c r="N65740" s="10"/>
    </row>
    <row r="65741" spans="14:14">
      <c r="N65741" s="10"/>
    </row>
    <row r="65742" spans="14:14">
      <c r="N65742" s="10"/>
    </row>
    <row r="65743" spans="14:14">
      <c r="N65743" s="10"/>
    </row>
    <row r="65744" spans="14:14">
      <c r="N65744" s="10"/>
    </row>
    <row r="65745" spans="14:14">
      <c r="N65745" s="10"/>
    </row>
    <row r="65746" spans="14:14">
      <c r="N65746" s="10"/>
    </row>
    <row r="65747" spans="14:14">
      <c r="N65747" s="10"/>
    </row>
    <row r="65748" spans="14:14">
      <c r="N65748" s="10"/>
    </row>
    <row r="65749" spans="14:14">
      <c r="N65749" s="10"/>
    </row>
    <row r="65750" spans="14:14">
      <c r="N65750" s="10"/>
    </row>
    <row r="65751" spans="14:14">
      <c r="N65751" s="10"/>
    </row>
    <row r="65752" spans="14:14">
      <c r="N65752" s="10"/>
    </row>
    <row r="65753" spans="14:14">
      <c r="N65753" s="10"/>
    </row>
    <row r="65754" spans="14:14">
      <c r="N65754" s="10"/>
    </row>
    <row r="65755" spans="14:14">
      <c r="N65755" s="10"/>
    </row>
    <row r="65756" spans="14:14">
      <c r="N65756" s="10"/>
    </row>
    <row r="65757" spans="14:14">
      <c r="N65757" s="10"/>
    </row>
    <row r="65758" spans="14:14">
      <c r="N65758" s="10"/>
    </row>
    <row r="65759" spans="14:14">
      <c r="N65759" s="10"/>
    </row>
    <row r="65760" spans="14:14">
      <c r="N65760" s="10"/>
    </row>
    <row r="65761" spans="14:14">
      <c r="N65761" s="10"/>
    </row>
    <row r="65762" spans="14:14">
      <c r="N65762" s="10"/>
    </row>
    <row r="65763" spans="14:14">
      <c r="N65763" s="10"/>
    </row>
    <row r="65764" spans="14:14">
      <c r="N65764" s="10"/>
    </row>
    <row r="65765" spans="14:14">
      <c r="N65765" s="10"/>
    </row>
    <row r="65766" spans="14:14">
      <c r="N65766" s="10"/>
    </row>
    <row r="65767" spans="14:14">
      <c r="N65767" s="10"/>
    </row>
    <row r="65768" spans="14:14">
      <c r="N65768" s="10"/>
    </row>
    <row r="65769" spans="14:14">
      <c r="N65769" s="10"/>
    </row>
    <row r="65770" spans="14:14">
      <c r="N65770" s="10"/>
    </row>
    <row r="65771" spans="14:14">
      <c r="N65771" s="10"/>
    </row>
    <row r="65772" spans="14:14">
      <c r="N65772" s="10"/>
    </row>
    <row r="65773" spans="14:14">
      <c r="N65773" s="10"/>
    </row>
    <row r="65774" spans="14:14">
      <c r="N65774" s="10"/>
    </row>
    <row r="65775" spans="14:14">
      <c r="N65775" s="10"/>
    </row>
    <row r="65776" spans="14:14">
      <c r="N65776" s="10"/>
    </row>
    <row r="65777" spans="14:14">
      <c r="N65777" s="10"/>
    </row>
    <row r="65778" spans="14:14">
      <c r="N65778" s="10"/>
    </row>
    <row r="65779" spans="14:14">
      <c r="N65779" s="10"/>
    </row>
    <row r="65780" spans="14:14">
      <c r="N65780" s="10"/>
    </row>
    <row r="65781" spans="14:14">
      <c r="N65781" s="10"/>
    </row>
    <row r="65782" spans="14:14">
      <c r="N65782" s="10"/>
    </row>
    <row r="65783" spans="14:14">
      <c r="N65783" s="10"/>
    </row>
    <row r="65784" spans="14:14">
      <c r="N65784" s="10"/>
    </row>
    <row r="65785" spans="14:14">
      <c r="N65785" s="10"/>
    </row>
    <row r="65786" spans="14:14">
      <c r="N65786" s="10"/>
    </row>
    <row r="65787" spans="14:14">
      <c r="N65787" s="10"/>
    </row>
    <row r="65788" spans="14:14">
      <c r="N65788" s="10"/>
    </row>
    <row r="65789" spans="14:14">
      <c r="N65789" s="10"/>
    </row>
    <row r="65790" spans="14:14">
      <c r="N65790" s="10"/>
    </row>
    <row r="65791" spans="14:14">
      <c r="N65791" s="10"/>
    </row>
    <row r="65792" spans="14:14">
      <c r="N65792" s="10"/>
    </row>
    <row r="65793" spans="14:14">
      <c r="N65793" s="10"/>
    </row>
    <row r="65794" spans="14:14">
      <c r="N65794" s="10"/>
    </row>
    <row r="65795" spans="14:14">
      <c r="N65795" s="10"/>
    </row>
    <row r="65796" spans="14:14">
      <c r="N65796" s="10"/>
    </row>
    <row r="65797" spans="14:14">
      <c r="N65797" s="10"/>
    </row>
    <row r="65798" spans="14:14">
      <c r="N65798" s="10"/>
    </row>
    <row r="65799" spans="14:14">
      <c r="N65799" s="10"/>
    </row>
    <row r="65800" spans="14:14">
      <c r="N65800" s="10"/>
    </row>
    <row r="65801" spans="14:14">
      <c r="N65801" s="10"/>
    </row>
    <row r="65802" spans="14:14">
      <c r="N65802" s="10"/>
    </row>
    <row r="65803" spans="14:14">
      <c r="N65803" s="10"/>
    </row>
    <row r="65804" spans="14:14">
      <c r="N65804" s="10"/>
    </row>
    <row r="65805" spans="14:14">
      <c r="N65805" s="10"/>
    </row>
    <row r="65806" spans="14:14">
      <c r="N65806" s="10"/>
    </row>
    <row r="65807" spans="14:14">
      <c r="N65807" s="10"/>
    </row>
    <row r="65808" spans="14:14">
      <c r="N65808" s="10"/>
    </row>
    <row r="65809" spans="14:14">
      <c r="N65809" s="10"/>
    </row>
    <row r="65810" spans="14:14">
      <c r="N65810" s="10"/>
    </row>
    <row r="65811" spans="14:14">
      <c r="N65811" s="10"/>
    </row>
    <row r="65812" spans="14:14">
      <c r="N65812" s="10"/>
    </row>
    <row r="65813" spans="14:14">
      <c r="N65813" s="10"/>
    </row>
    <row r="65814" spans="14:14">
      <c r="N65814" s="10"/>
    </row>
    <row r="65815" spans="14:14">
      <c r="N65815" s="10"/>
    </row>
    <row r="65816" spans="14:14">
      <c r="N65816" s="10"/>
    </row>
    <row r="65817" spans="14:14">
      <c r="N65817" s="10"/>
    </row>
    <row r="65818" spans="14:14">
      <c r="N65818" s="10"/>
    </row>
    <row r="65819" spans="14:14">
      <c r="N65819" s="10"/>
    </row>
    <row r="65820" spans="14:14">
      <c r="N65820" s="10"/>
    </row>
    <row r="65821" spans="14:14">
      <c r="N65821" s="10"/>
    </row>
    <row r="65822" spans="14:14">
      <c r="N65822" s="10"/>
    </row>
    <row r="65823" spans="14:14">
      <c r="N65823" s="10"/>
    </row>
    <row r="65824" spans="14:14">
      <c r="N65824" s="10"/>
    </row>
    <row r="65825" spans="14:14">
      <c r="N65825" s="10"/>
    </row>
    <row r="65826" spans="14:14">
      <c r="N65826" s="10"/>
    </row>
    <row r="65827" spans="14:14">
      <c r="N65827" s="10"/>
    </row>
    <row r="65828" spans="14:14">
      <c r="N65828" s="10"/>
    </row>
    <row r="65829" spans="14:14">
      <c r="N65829" s="10"/>
    </row>
    <row r="65830" spans="14:14">
      <c r="N65830" s="10"/>
    </row>
    <row r="65831" spans="14:14">
      <c r="N65831" s="10"/>
    </row>
    <row r="65832" spans="14:14">
      <c r="N65832" s="10"/>
    </row>
    <row r="65833" spans="14:14">
      <c r="N65833" s="10"/>
    </row>
    <row r="65834" spans="14:14">
      <c r="N65834" s="10"/>
    </row>
    <row r="65835" spans="14:14">
      <c r="N65835" s="10"/>
    </row>
    <row r="65836" spans="14:14">
      <c r="N65836" s="10"/>
    </row>
    <row r="65837" spans="14:14">
      <c r="N65837" s="10"/>
    </row>
    <row r="65838" spans="14:14">
      <c r="N65838" s="10"/>
    </row>
    <row r="65839" spans="14:14">
      <c r="N65839" s="10"/>
    </row>
    <row r="65840" spans="14:14">
      <c r="N65840" s="10"/>
    </row>
    <row r="65841" spans="14:14">
      <c r="N65841" s="10"/>
    </row>
    <row r="65842" spans="14:14">
      <c r="N65842" s="10"/>
    </row>
    <row r="65843" spans="14:14">
      <c r="N65843" s="10"/>
    </row>
    <row r="65844" spans="14:14">
      <c r="N65844" s="10"/>
    </row>
    <row r="65845" spans="14:14">
      <c r="N65845" s="10"/>
    </row>
    <row r="65846" spans="14:14">
      <c r="N65846" s="10"/>
    </row>
    <row r="65847" spans="14:14">
      <c r="N65847" s="10"/>
    </row>
    <row r="65848" spans="14:14">
      <c r="N65848" s="10"/>
    </row>
    <row r="65849" spans="14:14">
      <c r="N65849" s="10"/>
    </row>
    <row r="65850" spans="14:14">
      <c r="N65850" s="10"/>
    </row>
    <row r="65851" spans="14:14">
      <c r="N65851" s="10"/>
    </row>
    <row r="65852" spans="14:14">
      <c r="N65852" s="10"/>
    </row>
    <row r="65853" spans="14:14">
      <c r="N65853" s="10"/>
    </row>
    <row r="65854" spans="14:14">
      <c r="N65854" s="10"/>
    </row>
    <row r="65855" spans="14:14">
      <c r="N65855" s="10"/>
    </row>
    <row r="65856" spans="14:14">
      <c r="N65856" s="10"/>
    </row>
    <row r="65857" spans="14:14">
      <c r="N65857" s="10"/>
    </row>
    <row r="65858" spans="14:14">
      <c r="N65858" s="10"/>
    </row>
    <row r="65859" spans="14:14">
      <c r="N65859" s="10"/>
    </row>
    <row r="65860" spans="14:14">
      <c r="N65860" s="10"/>
    </row>
    <row r="65861" spans="14:14">
      <c r="N65861" s="10"/>
    </row>
    <row r="65862" spans="14:14">
      <c r="N65862" s="10"/>
    </row>
    <row r="65863" spans="14:14">
      <c r="N65863" s="10"/>
    </row>
    <row r="65864" spans="14:14">
      <c r="N65864" s="10"/>
    </row>
    <row r="65865" spans="14:14">
      <c r="N65865" s="10"/>
    </row>
    <row r="65866" spans="14:14">
      <c r="N65866" s="10"/>
    </row>
    <row r="65867" spans="14:14">
      <c r="N65867" s="10"/>
    </row>
    <row r="65868" spans="14:14">
      <c r="N65868" s="10"/>
    </row>
    <row r="65869" spans="14:14">
      <c r="N65869" s="10"/>
    </row>
    <row r="65870" spans="14:14">
      <c r="N65870" s="10"/>
    </row>
    <row r="65871" spans="14:14">
      <c r="N65871" s="10"/>
    </row>
    <row r="65872" spans="14:14">
      <c r="N65872" s="10"/>
    </row>
    <row r="65873" spans="14:14">
      <c r="N65873" s="10"/>
    </row>
    <row r="65874" spans="14:14">
      <c r="N65874" s="10"/>
    </row>
    <row r="65875" spans="14:14">
      <c r="N65875" s="10"/>
    </row>
    <row r="65876" spans="14:14">
      <c r="N65876" s="10"/>
    </row>
    <row r="65877" spans="14:14">
      <c r="N65877" s="10"/>
    </row>
    <row r="65878" spans="14:14">
      <c r="N65878" s="10"/>
    </row>
    <row r="65879" spans="14:14">
      <c r="N65879" s="10"/>
    </row>
    <row r="65880" spans="14:14">
      <c r="N65880" s="10"/>
    </row>
    <row r="65881" spans="14:14">
      <c r="N65881" s="10"/>
    </row>
    <row r="65882" spans="14:14">
      <c r="N65882" s="10"/>
    </row>
    <row r="65883" spans="14:14">
      <c r="N65883" s="10"/>
    </row>
    <row r="65884" spans="14:14">
      <c r="N65884" s="10"/>
    </row>
    <row r="65885" spans="14:14">
      <c r="N65885" s="10"/>
    </row>
    <row r="65886" spans="14:14">
      <c r="N65886" s="10"/>
    </row>
    <row r="65887" spans="14:14">
      <c r="N65887" s="10"/>
    </row>
    <row r="65888" spans="14:14">
      <c r="N65888" s="10"/>
    </row>
    <row r="65889" spans="14:14">
      <c r="N65889" s="10"/>
    </row>
    <row r="65890" spans="14:14">
      <c r="N65890" s="10"/>
    </row>
    <row r="65891" spans="14:14">
      <c r="N65891" s="10"/>
    </row>
    <row r="65892" spans="14:14">
      <c r="N65892" s="10"/>
    </row>
    <row r="65893" spans="14:14">
      <c r="N65893" s="10"/>
    </row>
    <row r="65894" spans="14:14">
      <c r="N65894" s="10"/>
    </row>
    <row r="65895" spans="14:14">
      <c r="N65895" s="10"/>
    </row>
    <row r="65896" spans="14:14">
      <c r="N65896" s="10"/>
    </row>
    <row r="65897" spans="14:14">
      <c r="N65897" s="10"/>
    </row>
    <row r="65898" spans="14:14">
      <c r="N65898" s="10"/>
    </row>
    <row r="65899" spans="14:14">
      <c r="N65899" s="10"/>
    </row>
    <row r="65900" spans="14:14">
      <c r="N65900" s="10"/>
    </row>
    <row r="65901" spans="14:14">
      <c r="N65901" s="10"/>
    </row>
    <row r="65902" spans="14:14">
      <c r="N65902" s="10"/>
    </row>
    <row r="65903" spans="14:14">
      <c r="N65903" s="10"/>
    </row>
    <row r="65904" spans="14:14">
      <c r="N65904" s="10"/>
    </row>
    <row r="65905" spans="14:14">
      <c r="N65905" s="10"/>
    </row>
    <row r="65906" spans="14:14">
      <c r="N65906" s="10"/>
    </row>
    <row r="65907" spans="14:14">
      <c r="N65907" s="10"/>
    </row>
    <row r="65908" spans="14:14">
      <c r="N65908" s="10"/>
    </row>
    <row r="65909" spans="14:14">
      <c r="N65909" s="10"/>
    </row>
    <row r="65910" spans="14:14">
      <c r="N65910" s="10"/>
    </row>
    <row r="65911" spans="14:14">
      <c r="N65911" s="10"/>
    </row>
    <row r="65912" spans="14:14">
      <c r="N65912" s="10"/>
    </row>
    <row r="65913" spans="14:14">
      <c r="N65913" s="10"/>
    </row>
    <row r="65914" spans="14:14">
      <c r="N65914" s="10"/>
    </row>
    <row r="65915" spans="14:14">
      <c r="N65915" s="10"/>
    </row>
    <row r="65916" spans="14:14">
      <c r="N65916" s="10"/>
    </row>
    <row r="65917" spans="14:14">
      <c r="N65917" s="10"/>
    </row>
    <row r="65918" spans="14:14">
      <c r="N65918" s="10"/>
    </row>
    <row r="65919" spans="14:14">
      <c r="N65919" s="10"/>
    </row>
    <row r="65920" spans="14:14">
      <c r="N65920" s="10"/>
    </row>
    <row r="65921" spans="14:14">
      <c r="N65921" s="10"/>
    </row>
    <row r="65922" spans="14:14">
      <c r="N65922" s="10"/>
    </row>
    <row r="65923" spans="14:14">
      <c r="N65923" s="10"/>
    </row>
    <row r="65924" spans="14:14">
      <c r="N65924" s="10"/>
    </row>
    <row r="65925" spans="14:14">
      <c r="N65925" s="10"/>
    </row>
    <row r="65926" spans="14:14">
      <c r="N65926" s="10"/>
    </row>
    <row r="65927" spans="14:14">
      <c r="N65927" s="10"/>
    </row>
    <row r="65928" spans="14:14">
      <c r="N65928" s="10"/>
    </row>
    <row r="65929" spans="14:14">
      <c r="N65929" s="10"/>
    </row>
    <row r="65930" spans="14:14">
      <c r="N65930" s="10"/>
    </row>
    <row r="65931" spans="14:14">
      <c r="N65931" s="10"/>
    </row>
    <row r="65932" spans="14:14">
      <c r="N65932" s="10"/>
    </row>
    <row r="65933" spans="14:14">
      <c r="N65933" s="10"/>
    </row>
    <row r="65934" spans="14:14">
      <c r="N65934" s="10"/>
    </row>
    <row r="65935" spans="14:14">
      <c r="N65935" s="10"/>
    </row>
    <row r="65936" spans="14:14">
      <c r="N65936" s="10"/>
    </row>
    <row r="65937" spans="14:14">
      <c r="N65937" s="10"/>
    </row>
    <row r="65938" spans="14:14">
      <c r="N65938" s="10"/>
    </row>
    <row r="65939" spans="14:14">
      <c r="N65939" s="10"/>
    </row>
    <row r="65940" spans="14:14">
      <c r="N65940" s="10"/>
    </row>
    <row r="65941" spans="14:14">
      <c r="N65941" s="10"/>
    </row>
    <row r="65942" spans="14:14">
      <c r="N65942" s="10"/>
    </row>
    <row r="65943" spans="14:14">
      <c r="N65943" s="10"/>
    </row>
    <row r="65944" spans="14:14">
      <c r="N65944" s="10"/>
    </row>
    <row r="65945" spans="14:14">
      <c r="N65945" s="10"/>
    </row>
    <row r="65946" spans="14:14">
      <c r="N65946" s="10"/>
    </row>
    <row r="65947" spans="14:14">
      <c r="N65947" s="10"/>
    </row>
    <row r="65948" spans="14:14">
      <c r="N65948" s="10"/>
    </row>
    <row r="65949" spans="14:14">
      <c r="N65949" s="10"/>
    </row>
    <row r="65950" spans="14:14">
      <c r="N65950" s="10"/>
    </row>
    <row r="65951" spans="14:14">
      <c r="N65951" s="10"/>
    </row>
    <row r="65952" spans="14:14">
      <c r="N65952" s="10"/>
    </row>
    <row r="65953" spans="14:14">
      <c r="N65953" s="10"/>
    </row>
    <row r="65954" spans="14:14">
      <c r="N65954" s="10"/>
    </row>
    <row r="65955" spans="14:14">
      <c r="N65955" s="10"/>
    </row>
    <row r="65956" spans="14:14">
      <c r="N65956" s="10"/>
    </row>
    <row r="65957" spans="14:14">
      <c r="N65957" s="10"/>
    </row>
    <row r="65958" spans="14:14">
      <c r="N65958" s="10"/>
    </row>
    <row r="65959" spans="14:14">
      <c r="N65959" s="10"/>
    </row>
    <row r="65960" spans="14:14">
      <c r="N65960" s="10"/>
    </row>
    <row r="65961" spans="14:14">
      <c r="N65961" s="10"/>
    </row>
    <row r="65962" spans="14:14">
      <c r="N65962" s="10"/>
    </row>
    <row r="65963" spans="14:14">
      <c r="N65963" s="10"/>
    </row>
    <row r="65964" spans="14:14">
      <c r="N65964" s="10"/>
    </row>
    <row r="65965" spans="14:14">
      <c r="N65965" s="10"/>
    </row>
    <row r="65966" spans="14:14">
      <c r="N65966" s="10"/>
    </row>
    <row r="65967" spans="14:14">
      <c r="N65967" s="10"/>
    </row>
    <row r="65968" spans="14:14">
      <c r="N65968" s="10"/>
    </row>
    <row r="65969" spans="14:14">
      <c r="N65969" s="10"/>
    </row>
    <row r="65970" spans="14:14">
      <c r="N65970" s="10"/>
    </row>
    <row r="65971" spans="14:14">
      <c r="N65971" s="10"/>
    </row>
    <row r="65972" spans="14:14">
      <c r="N65972" s="10"/>
    </row>
    <row r="65973" spans="14:14">
      <c r="N65973" s="10"/>
    </row>
    <row r="65974" spans="14:14">
      <c r="N65974" s="10"/>
    </row>
    <row r="65975" spans="14:14">
      <c r="N65975" s="10"/>
    </row>
    <row r="65976" spans="14:14">
      <c r="N65976" s="10"/>
    </row>
    <row r="65977" spans="14:14">
      <c r="N65977" s="10"/>
    </row>
    <row r="65978" spans="14:14">
      <c r="N65978" s="10"/>
    </row>
    <row r="65979" spans="14:14">
      <c r="N65979" s="10"/>
    </row>
    <row r="65980" spans="14:14">
      <c r="N65980" s="10"/>
    </row>
    <row r="65981" spans="14:14">
      <c r="N65981" s="10"/>
    </row>
    <row r="65982" spans="14:14">
      <c r="N65982" s="10"/>
    </row>
    <row r="65983" spans="14:14">
      <c r="N65983" s="10"/>
    </row>
    <row r="65984" spans="14:14">
      <c r="N65984" s="10"/>
    </row>
    <row r="65985" spans="14:14">
      <c r="N65985" s="10"/>
    </row>
    <row r="65986" spans="14:14">
      <c r="N65986" s="10"/>
    </row>
    <row r="65987" spans="14:14">
      <c r="N65987" s="10"/>
    </row>
    <row r="65988" spans="14:14">
      <c r="N65988" s="10"/>
    </row>
    <row r="65989" spans="14:14">
      <c r="N65989" s="10"/>
    </row>
    <row r="65990" spans="14:14">
      <c r="N65990" s="10"/>
    </row>
    <row r="65991" spans="14:14">
      <c r="N65991" s="10"/>
    </row>
    <row r="65992" spans="14:14">
      <c r="N65992" s="10"/>
    </row>
    <row r="65993" spans="14:14">
      <c r="N65993" s="10"/>
    </row>
    <row r="65994" spans="14:14">
      <c r="N65994" s="10"/>
    </row>
    <row r="65995" spans="14:14">
      <c r="N65995" s="10"/>
    </row>
    <row r="65996" spans="14:14">
      <c r="N65996" s="10"/>
    </row>
    <row r="65997" spans="14:14">
      <c r="N65997" s="10"/>
    </row>
    <row r="65998" spans="14:14">
      <c r="N65998" s="10"/>
    </row>
    <row r="65999" spans="14:14">
      <c r="N65999" s="10"/>
    </row>
    <row r="66000" spans="14:14">
      <c r="N66000" s="10"/>
    </row>
    <row r="66001" spans="14:14">
      <c r="N66001" s="10"/>
    </row>
    <row r="66002" spans="14:14">
      <c r="N66002" s="10"/>
    </row>
    <row r="66003" spans="14:14">
      <c r="N66003" s="10"/>
    </row>
    <row r="66004" spans="14:14">
      <c r="N66004" s="10"/>
    </row>
    <row r="66005" spans="14:14">
      <c r="N66005" s="10"/>
    </row>
    <row r="66006" spans="14:14">
      <c r="N66006" s="10"/>
    </row>
    <row r="66007" spans="14:14">
      <c r="N66007" s="10"/>
    </row>
    <row r="66008" spans="14:14">
      <c r="N66008" s="10"/>
    </row>
    <row r="66009" spans="14:14">
      <c r="N66009" s="10"/>
    </row>
    <row r="66010" spans="14:14">
      <c r="N66010" s="10"/>
    </row>
    <row r="66011" spans="14:14">
      <c r="N66011" s="10"/>
    </row>
    <row r="66012" spans="14:14">
      <c r="N66012" s="10"/>
    </row>
    <row r="66013" spans="14:14">
      <c r="N66013" s="10"/>
    </row>
    <row r="66014" spans="14:14">
      <c r="N66014" s="10"/>
    </row>
    <row r="66015" spans="14:14">
      <c r="N66015" s="10"/>
    </row>
    <row r="66016" spans="14:14">
      <c r="N66016" s="10"/>
    </row>
    <row r="66017" spans="14:14">
      <c r="N66017" s="10"/>
    </row>
    <row r="66018" spans="14:14">
      <c r="N66018" s="10"/>
    </row>
    <row r="66019" spans="14:14">
      <c r="N66019" s="10"/>
    </row>
    <row r="66020" spans="14:14">
      <c r="N66020" s="10"/>
    </row>
    <row r="66021" spans="14:14">
      <c r="N66021" s="10"/>
    </row>
    <row r="66022" spans="14:14">
      <c r="N66022" s="10"/>
    </row>
    <row r="66023" spans="14:14">
      <c r="N66023" s="10"/>
    </row>
    <row r="66024" spans="14:14">
      <c r="N66024" s="10"/>
    </row>
    <row r="66025" spans="14:14">
      <c r="N66025" s="10"/>
    </row>
    <row r="66026" spans="14:14">
      <c r="N66026" s="10"/>
    </row>
    <row r="66027" spans="14:14">
      <c r="N66027" s="10"/>
    </row>
    <row r="66028" spans="14:14">
      <c r="N66028" s="10"/>
    </row>
    <row r="66029" spans="14:14">
      <c r="N66029" s="10"/>
    </row>
    <row r="66030" spans="14:14">
      <c r="N66030" s="10"/>
    </row>
    <row r="66031" spans="14:14">
      <c r="N66031" s="10"/>
    </row>
    <row r="66032" spans="14:14">
      <c r="N66032" s="10"/>
    </row>
    <row r="66033" spans="14:14">
      <c r="N66033" s="10"/>
    </row>
    <row r="66034" spans="14:14">
      <c r="N66034" s="10"/>
    </row>
    <row r="66035" spans="14:14">
      <c r="N66035" s="10"/>
    </row>
    <row r="66036" spans="14:14">
      <c r="N66036" s="10"/>
    </row>
    <row r="66037" spans="14:14">
      <c r="N66037" s="10"/>
    </row>
    <row r="66038" spans="14:14">
      <c r="N66038" s="10"/>
    </row>
    <row r="66039" spans="14:14">
      <c r="N66039" s="10"/>
    </row>
    <row r="66040" spans="14:14">
      <c r="N66040" s="10"/>
    </row>
    <row r="66041" spans="14:14">
      <c r="N66041" s="10"/>
    </row>
    <row r="66042" spans="14:14">
      <c r="N66042" s="10"/>
    </row>
    <row r="66043" spans="14:14">
      <c r="N66043" s="10"/>
    </row>
    <row r="66044" spans="14:14">
      <c r="N66044" s="10"/>
    </row>
    <row r="66045" spans="14:14">
      <c r="N66045" s="10"/>
    </row>
    <row r="66046" spans="14:14">
      <c r="N66046" s="10"/>
    </row>
    <row r="66047" spans="14:14">
      <c r="N66047" s="10"/>
    </row>
    <row r="66048" spans="14:14">
      <c r="N66048" s="10"/>
    </row>
    <row r="66049" spans="14:14">
      <c r="N66049" s="10"/>
    </row>
    <row r="66050" spans="14:14">
      <c r="N66050" s="10"/>
    </row>
    <row r="66051" spans="14:14">
      <c r="N66051" s="10"/>
    </row>
    <row r="66052" spans="14:14">
      <c r="N66052" s="10"/>
    </row>
    <row r="66053" spans="14:14">
      <c r="N66053" s="10"/>
    </row>
    <row r="66054" spans="14:14">
      <c r="N66054" s="10"/>
    </row>
    <row r="66055" spans="14:14">
      <c r="N66055" s="10"/>
    </row>
    <row r="66056" spans="14:14">
      <c r="N66056" s="10"/>
    </row>
    <row r="66057" spans="14:14">
      <c r="N66057" s="10"/>
    </row>
    <row r="66058" spans="14:14">
      <c r="N66058" s="10"/>
    </row>
    <row r="66059" spans="14:14">
      <c r="N66059" s="10"/>
    </row>
    <row r="66060" spans="14:14">
      <c r="N66060" s="10"/>
    </row>
    <row r="66061" spans="14:14">
      <c r="N66061" s="10"/>
    </row>
    <row r="66062" spans="14:14">
      <c r="N66062" s="10"/>
    </row>
    <row r="66063" spans="14:14">
      <c r="N66063" s="10"/>
    </row>
    <row r="66064" spans="14:14">
      <c r="N66064" s="10"/>
    </row>
    <row r="66065" spans="14:14">
      <c r="N66065" s="10"/>
    </row>
    <row r="66066" spans="14:14">
      <c r="N66066" s="10"/>
    </row>
    <row r="66067" spans="14:14">
      <c r="N66067" s="10"/>
    </row>
    <row r="66068" spans="14:14">
      <c r="N66068" s="10"/>
    </row>
    <row r="66069" spans="14:14">
      <c r="N66069" s="10"/>
    </row>
    <row r="66070" spans="14:14">
      <c r="N66070" s="10"/>
    </row>
    <row r="66071" spans="14:14">
      <c r="N66071" s="10"/>
    </row>
    <row r="66072" spans="14:14">
      <c r="N66072" s="10"/>
    </row>
    <row r="66073" spans="14:14">
      <c r="N66073" s="10"/>
    </row>
    <row r="66074" spans="14:14">
      <c r="N66074" s="10"/>
    </row>
    <row r="66075" spans="14:14">
      <c r="N66075" s="10"/>
    </row>
    <row r="66076" spans="14:14">
      <c r="N66076" s="10"/>
    </row>
    <row r="66077" spans="14:14">
      <c r="N66077" s="10"/>
    </row>
    <row r="66078" spans="14:14">
      <c r="N66078" s="10"/>
    </row>
    <row r="66079" spans="14:14">
      <c r="N66079" s="10"/>
    </row>
    <row r="66080" spans="14:14">
      <c r="N66080" s="10"/>
    </row>
    <row r="66081" spans="14:14">
      <c r="N66081" s="10"/>
    </row>
    <row r="66082" spans="14:14">
      <c r="N66082" s="10"/>
    </row>
    <row r="66083" spans="14:14">
      <c r="N66083" s="10"/>
    </row>
    <row r="66084" spans="14:14">
      <c r="N66084" s="10"/>
    </row>
    <row r="66085" spans="14:14">
      <c r="N66085" s="10"/>
    </row>
    <row r="66086" spans="14:14">
      <c r="N66086" s="10"/>
    </row>
    <row r="66087" spans="14:14">
      <c r="N66087" s="10"/>
    </row>
    <row r="66088" spans="14:14">
      <c r="N66088" s="10"/>
    </row>
    <row r="66089" spans="14:14">
      <c r="N66089" s="10"/>
    </row>
    <row r="66090" spans="14:14">
      <c r="N66090" s="10"/>
    </row>
    <row r="66091" spans="14:14">
      <c r="N66091" s="10"/>
    </row>
    <row r="66092" spans="14:14">
      <c r="N66092" s="10"/>
    </row>
    <row r="66093" spans="14:14">
      <c r="N66093" s="10"/>
    </row>
    <row r="66094" spans="14:14">
      <c r="N66094" s="10"/>
    </row>
    <row r="66095" spans="14:14">
      <c r="N66095" s="10"/>
    </row>
    <row r="66096" spans="14:14">
      <c r="N66096" s="10"/>
    </row>
    <row r="66097" spans="14:14">
      <c r="N66097" s="10"/>
    </row>
    <row r="66098" spans="14:14">
      <c r="N66098" s="10"/>
    </row>
    <row r="66099" spans="14:14">
      <c r="N66099" s="10"/>
    </row>
    <row r="66100" spans="14:14">
      <c r="N66100" s="10"/>
    </row>
    <row r="66101" spans="14:14">
      <c r="N66101" s="10"/>
    </row>
    <row r="66102" spans="14:14">
      <c r="N66102" s="10"/>
    </row>
    <row r="66103" spans="14:14">
      <c r="N66103" s="10"/>
    </row>
    <row r="66104" spans="14:14">
      <c r="N66104" s="10"/>
    </row>
    <row r="66105" spans="14:14">
      <c r="N66105" s="10"/>
    </row>
    <row r="66106" spans="14:14">
      <c r="N66106" s="10"/>
    </row>
    <row r="66107" spans="14:14">
      <c r="N66107" s="10"/>
    </row>
    <row r="66108" spans="14:14">
      <c r="N66108" s="10"/>
    </row>
    <row r="66109" spans="14:14">
      <c r="N66109" s="10"/>
    </row>
    <row r="66110" spans="14:14">
      <c r="N66110" s="10"/>
    </row>
    <row r="66111" spans="14:14">
      <c r="N66111" s="10"/>
    </row>
    <row r="66112" spans="14:14">
      <c r="N66112" s="10"/>
    </row>
    <row r="66113" spans="14:14">
      <c r="N66113" s="10"/>
    </row>
    <row r="66114" spans="14:14">
      <c r="N66114" s="10"/>
    </row>
    <row r="66115" spans="14:14">
      <c r="N66115" s="10"/>
    </row>
    <row r="66116" spans="14:14">
      <c r="N66116" s="10"/>
    </row>
    <row r="66117" spans="14:14">
      <c r="N66117" s="10"/>
    </row>
    <row r="66118" spans="14:14">
      <c r="N66118" s="10"/>
    </row>
    <row r="66119" spans="14:14">
      <c r="N66119" s="10"/>
    </row>
    <row r="66120" spans="14:14">
      <c r="N66120" s="10"/>
    </row>
    <row r="66121" spans="14:14">
      <c r="N66121" s="10"/>
    </row>
    <row r="66122" spans="14:14">
      <c r="N66122" s="10"/>
    </row>
    <row r="66123" spans="14:14">
      <c r="N66123" s="10"/>
    </row>
    <row r="66124" spans="14:14">
      <c r="N66124" s="10"/>
    </row>
    <row r="66125" spans="14:14">
      <c r="N66125" s="10"/>
    </row>
    <row r="66126" spans="14:14">
      <c r="N66126" s="10"/>
    </row>
    <row r="66127" spans="14:14">
      <c r="N66127" s="10"/>
    </row>
    <row r="66128" spans="14:14">
      <c r="N66128" s="10"/>
    </row>
    <row r="66129" spans="14:14">
      <c r="N66129" s="10"/>
    </row>
    <row r="66130" spans="14:14">
      <c r="N66130" s="10"/>
    </row>
    <row r="66131" spans="14:14">
      <c r="N66131" s="10"/>
    </row>
    <row r="66132" spans="14:14">
      <c r="N66132" s="10"/>
    </row>
    <row r="66133" spans="14:14">
      <c r="N66133" s="10"/>
    </row>
    <row r="66134" spans="14:14">
      <c r="N66134" s="10"/>
    </row>
    <row r="66135" spans="14:14">
      <c r="N66135" s="10"/>
    </row>
    <row r="66136" spans="14:14">
      <c r="N66136" s="10"/>
    </row>
    <row r="66137" spans="14:14">
      <c r="N66137" s="10"/>
    </row>
    <row r="66138" spans="14:14">
      <c r="N66138" s="10"/>
    </row>
    <row r="66139" spans="14:14">
      <c r="N66139" s="10"/>
    </row>
    <row r="66140" spans="14:14">
      <c r="N66140" s="10"/>
    </row>
    <row r="66141" spans="14:14">
      <c r="N66141" s="10"/>
    </row>
    <row r="66142" spans="14:14">
      <c r="N66142" s="10"/>
    </row>
    <row r="66143" spans="14:14">
      <c r="N66143" s="10"/>
    </row>
    <row r="66144" spans="14:14">
      <c r="N66144" s="10"/>
    </row>
    <row r="66145" spans="14:14">
      <c r="N66145" s="10"/>
    </row>
    <row r="66146" spans="14:14">
      <c r="N66146" s="10"/>
    </row>
    <row r="66147" spans="14:14">
      <c r="N66147" s="10"/>
    </row>
    <row r="66148" spans="14:14">
      <c r="N66148" s="10"/>
    </row>
    <row r="66149" spans="14:14">
      <c r="N66149" s="10"/>
    </row>
    <row r="66150" spans="14:14">
      <c r="N66150" s="10"/>
    </row>
    <row r="66151" spans="14:14">
      <c r="N66151" s="10"/>
    </row>
    <row r="66152" spans="14:14">
      <c r="N66152" s="10"/>
    </row>
    <row r="66153" spans="14:14">
      <c r="N66153" s="10"/>
    </row>
    <row r="66154" spans="14:14">
      <c r="N66154" s="10"/>
    </row>
    <row r="66155" spans="14:14">
      <c r="N66155" s="10"/>
    </row>
    <row r="66156" spans="14:14">
      <c r="N66156" s="10"/>
    </row>
    <row r="66157" spans="14:14">
      <c r="N66157" s="10"/>
    </row>
    <row r="66158" spans="14:14">
      <c r="N66158" s="10"/>
    </row>
    <row r="66159" spans="14:14">
      <c r="N66159" s="10"/>
    </row>
    <row r="66160" spans="14:14">
      <c r="N66160" s="10"/>
    </row>
    <row r="66161" spans="14:14">
      <c r="N66161" s="10"/>
    </row>
    <row r="66162" spans="14:14">
      <c r="N66162" s="10"/>
    </row>
    <row r="66163" spans="14:14">
      <c r="N66163" s="10"/>
    </row>
    <row r="66164" spans="14:14">
      <c r="N66164" s="10"/>
    </row>
    <row r="66165" spans="14:14">
      <c r="N66165" s="10"/>
    </row>
    <row r="66166" spans="14:14">
      <c r="N66166" s="10"/>
    </row>
    <row r="66167" spans="14:14">
      <c r="N66167" s="10"/>
    </row>
    <row r="66168" spans="14:14">
      <c r="N66168" s="10"/>
    </row>
    <row r="66169" spans="14:14">
      <c r="N66169" s="10"/>
    </row>
    <row r="66170" spans="14:14">
      <c r="N66170" s="10"/>
    </row>
    <row r="66171" spans="14:14">
      <c r="N66171" s="10"/>
    </row>
    <row r="66172" spans="14:14">
      <c r="N66172" s="10"/>
    </row>
    <row r="66173" spans="14:14">
      <c r="N66173" s="10"/>
    </row>
    <row r="66174" spans="14:14">
      <c r="N66174" s="10"/>
    </row>
    <row r="66175" spans="14:14">
      <c r="N66175" s="10"/>
    </row>
    <row r="66176" spans="14:14">
      <c r="N66176" s="10"/>
    </row>
    <row r="66177" spans="14:14">
      <c r="N66177" s="10"/>
    </row>
    <row r="66178" spans="14:14">
      <c r="N66178" s="10"/>
    </row>
    <row r="66179" spans="14:14">
      <c r="N66179" s="10"/>
    </row>
    <row r="66180" spans="14:14">
      <c r="N66180" s="10"/>
    </row>
    <row r="66181" spans="14:14">
      <c r="N66181" s="10"/>
    </row>
    <row r="66182" spans="14:14">
      <c r="N66182" s="10"/>
    </row>
    <row r="66183" spans="14:14">
      <c r="N66183" s="10"/>
    </row>
    <row r="66184" spans="14:14">
      <c r="N66184" s="10"/>
    </row>
    <row r="66185" spans="14:14">
      <c r="N66185" s="10"/>
    </row>
    <row r="66186" spans="14:14">
      <c r="N66186" s="10"/>
    </row>
    <row r="66187" spans="14:14">
      <c r="N66187" s="10"/>
    </row>
    <row r="66188" spans="14:14">
      <c r="N66188" s="10"/>
    </row>
    <row r="66189" spans="14:14">
      <c r="N66189" s="10"/>
    </row>
    <row r="66190" spans="14:14">
      <c r="N66190" s="10"/>
    </row>
    <row r="66191" spans="14:14">
      <c r="N66191" s="10"/>
    </row>
    <row r="66192" spans="14:14">
      <c r="N66192" s="10"/>
    </row>
    <row r="66193" spans="14:14">
      <c r="N66193" s="10"/>
    </row>
    <row r="66194" spans="14:14">
      <c r="N66194" s="10"/>
    </row>
    <row r="66195" spans="14:14">
      <c r="N66195" s="10"/>
    </row>
    <row r="66196" spans="14:14">
      <c r="N66196" s="10"/>
    </row>
    <row r="66197" spans="14:14">
      <c r="N66197" s="10"/>
    </row>
    <row r="66198" spans="14:14">
      <c r="N66198" s="10"/>
    </row>
    <row r="66199" spans="14:14">
      <c r="N66199" s="10"/>
    </row>
    <row r="66200" spans="14:14">
      <c r="N66200" s="10"/>
    </row>
    <row r="66201" spans="14:14">
      <c r="N66201" s="10"/>
    </row>
    <row r="66202" spans="14:14">
      <c r="N66202" s="10"/>
    </row>
    <row r="66203" spans="14:14">
      <c r="N66203" s="10"/>
    </row>
    <row r="66204" spans="14:14">
      <c r="N66204" s="10"/>
    </row>
    <row r="66205" spans="14:14">
      <c r="N66205" s="10"/>
    </row>
    <row r="66206" spans="14:14">
      <c r="N66206" s="10"/>
    </row>
    <row r="66207" spans="14:14">
      <c r="N66207" s="10"/>
    </row>
    <row r="66208" spans="14:14">
      <c r="N66208" s="10"/>
    </row>
    <row r="66209" spans="14:14">
      <c r="N66209" s="10"/>
    </row>
    <row r="66210" spans="14:14">
      <c r="N66210" s="10"/>
    </row>
    <row r="66211" spans="14:14">
      <c r="N66211" s="10"/>
    </row>
    <row r="66212" spans="14:14">
      <c r="N66212" s="10"/>
    </row>
    <row r="66213" spans="14:14">
      <c r="N66213" s="10"/>
    </row>
    <row r="66214" spans="14:14">
      <c r="N66214" s="10"/>
    </row>
    <row r="66215" spans="14:14">
      <c r="N66215" s="10"/>
    </row>
    <row r="66216" spans="14:14">
      <c r="N66216" s="10"/>
    </row>
    <row r="66217" spans="14:14">
      <c r="N66217" s="10"/>
    </row>
    <row r="66218" spans="14:14">
      <c r="N66218" s="10"/>
    </row>
    <row r="66219" spans="14:14">
      <c r="N66219" s="10"/>
    </row>
    <row r="66220" spans="14:14">
      <c r="N66220" s="10"/>
    </row>
    <row r="66221" spans="14:14">
      <c r="N66221" s="10"/>
    </row>
    <row r="66222" spans="14:14">
      <c r="N66222" s="10"/>
    </row>
    <row r="66223" spans="14:14">
      <c r="N66223" s="10"/>
    </row>
    <row r="66224" spans="14:14">
      <c r="N66224" s="10"/>
    </row>
    <row r="66225" spans="14:14">
      <c r="N66225" s="10"/>
    </row>
    <row r="66226" spans="14:14">
      <c r="N66226" s="10"/>
    </row>
    <row r="66227" spans="14:14">
      <c r="N66227" s="10"/>
    </row>
    <row r="66228" spans="14:14">
      <c r="N66228" s="10"/>
    </row>
    <row r="66229" spans="14:14">
      <c r="N66229" s="10"/>
    </row>
    <row r="66230" spans="14:14">
      <c r="N66230" s="10"/>
    </row>
    <row r="66231" spans="14:14">
      <c r="N66231" s="10"/>
    </row>
    <row r="66232" spans="14:14">
      <c r="N66232" s="10"/>
    </row>
    <row r="66233" spans="14:14">
      <c r="N66233" s="10"/>
    </row>
    <row r="66234" spans="14:14">
      <c r="N66234" s="10"/>
    </row>
    <row r="66235" spans="14:14">
      <c r="N66235" s="10"/>
    </row>
    <row r="66236" spans="14:14">
      <c r="N66236" s="10"/>
    </row>
    <row r="66237" spans="14:14">
      <c r="N66237" s="10"/>
    </row>
    <row r="66238" spans="14:14">
      <c r="N66238" s="10"/>
    </row>
    <row r="66239" spans="14:14">
      <c r="N66239" s="10"/>
    </row>
    <row r="66240" spans="14:14">
      <c r="N66240" s="10"/>
    </row>
    <row r="66241" spans="14:14">
      <c r="N66241" s="10"/>
    </row>
    <row r="66242" spans="14:14">
      <c r="N66242" s="10"/>
    </row>
    <row r="66243" spans="14:14">
      <c r="N66243" s="10"/>
    </row>
    <row r="66244" spans="14:14">
      <c r="N66244" s="10"/>
    </row>
    <row r="66245" spans="14:14">
      <c r="N66245" s="10"/>
    </row>
    <row r="66246" spans="14:14">
      <c r="N66246" s="10"/>
    </row>
    <row r="66247" spans="14:14">
      <c r="N66247" s="10"/>
    </row>
    <row r="66248" spans="14:14">
      <c r="N66248" s="10"/>
    </row>
    <row r="66249" spans="14:14">
      <c r="N66249" s="10"/>
    </row>
    <row r="66250" spans="14:14">
      <c r="N66250" s="10"/>
    </row>
    <row r="66251" spans="14:14">
      <c r="N66251" s="10"/>
    </row>
    <row r="66252" spans="14:14">
      <c r="N66252" s="10"/>
    </row>
    <row r="66253" spans="14:14">
      <c r="N66253" s="10"/>
    </row>
    <row r="66254" spans="14:14">
      <c r="N66254" s="10"/>
    </row>
    <row r="66255" spans="14:14">
      <c r="N66255" s="10"/>
    </row>
    <row r="66256" spans="14:14">
      <c r="N66256" s="10"/>
    </row>
    <row r="66257" spans="14:14">
      <c r="N66257" s="10"/>
    </row>
    <row r="66258" spans="14:14">
      <c r="N66258" s="10"/>
    </row>
    <row r="66259" spans="14:14">
      <c r="N66259" s="10"/>
    </row>
    <row r="66260" spans="14:14">
      <c r="N66260" s="10"/>
    </row>
    <row r="66261" spans="14:14">
      <c r="N66261" s="10"/>
    </row>
    <row r="66262" spans="14:14">
      <c r="N66262" s="10"/>
    </row>
    <row r="66263" spans="14:14">
      <c r="N66263" s="10"/>
    </row>
    <row r="66264" spans="14:14">
      <c r="N66264" s="10"/>
    </row>
    <row r="66265" spans="14:14">
      <c r="N66265" s="10"/>
    </row>
    <row r="66266" spans="14:14">
      <c r="N66266" s="10"/>
    </row>
    <row r="66267" spans="14:14">
      <c r="N66267" s="10"/>
    </row>
    <row r="66268" spans="14:14">
      <c r="N66268" s="10"/>
    </row>
    <row r="66269" spans="14:14">
      <c r="N66269" s="10"/>
    </row>
    <row r="66270" spans="14:14">
      <c r="N66270" s="10"/>
    </row>
    <row r="66271" spans="14:14">
      <c r="N66271" s="10"/>
    </row>
    <row r="66272" spans="14:14">
      <c r="N66272" s="10"/>
    </row>
    <row r="66273" spans="14:14">
      <c r="N66273" s="10"/>
    </row>
    <row r="66274" spans="14:14">
      <c r="N66274" s="10"/>
    </row>
    <row r="66275" spans="14:14">
      <c r="N66275" s="10"/>
    </row>
    <row r="66276" spans="14:14">
      <c r="N66276" s="10"/>
    </row>
    <row r="66277" spans="14:14">
      <c r="N66277" s="10"/>
    </row>
    <row r="66278" spans="14:14">
      <c r="N66278" s="10"/>
    </row>
    <row r="66279" spans="14:14">
      <c r="N66279" s="10"/>
    </row>
    <row r="66280" spans="14:14">
      <c r="N66280" s="10"/>
    </row>
    <row r="66281" spans="14:14">
      <c r="N66281" s="10"/>
    </row>
    <row r="66282" spans="14:14">
      <c r="N66282" s="10"/>
    </row>
    <row r="66283" spans="14:14">
      <c r="N66283" s="10"/>
    </row>
    <row r="66284" spans="14:14">
      <c r="N66284" s="10"/>
    </row>
    <row r="66285" spans="14:14">
      <c r="N66285" s="10"/>
    </row>
    <row r="66286" spans="14:14">
      <c r="N66286" s="10"/>
    </row>
    <row r="66287" spans="14:14">
      <c r="N66287" s="10"/>
    </row>
    <row r="66288" spans="14:14">
      <c r="N66288" s="10"/>
    </row>
    <row r="66289" spans="14:14">
      <c r="N66289" s="10"/>
    </row>
    <row r="66290" spans="14:14">
      <c r="N66290" s="10"/>
    </row>
    <row r="66291" spans="14:14">
      <c r="N66291" s="10"/>
    </row>
    <row r="66292" spans="14:14">
      <c r="N66292" s="10"/>
    </row>
    <row r="66293" spans="14:14">
      <c r="N66293" s="10"/>
    </row>
    <row r="66294" spans="14:14">
      <c r="N66294" s="10"/>
    </row>
    <row r="66295" spans="14:14">
      <c r="N66295" s="10"/>
    </row>
    <row r="66296" spans="14:14">
      <c r="N66296" s="10"/>
    </row>
    <row r="66297" spans="14:14">
      <c r="N66297" s="10"/>
    </row>
    <row r="66298" spans="14:14">
      <c r="N66298" s="10"/>
    </row>
    <row r="66299" spans="14:14">
      <c r="N66299" s="10"/>
    </row>
    <row r="66300" spans="14:14">
      <c r="N66300" s="10"/>
    </row>
    <row r="66301" spans="14:14">
      <c r="N66301" s="10"/>
    </row>
    <row r="66302" spans="14:14">
      <c r="N66302" s="10"/>
    </row>
    <row r="66303" spans="14:14">
      <c r="N66303" s="10"/>
    </row>
    <row r="66304" spans="14:14">
      <c r="N66304" s="10"/>
    </row>
    <row r="66305" spans="14:14">
      <c r="N66305" s="10"/>
    </row>
    <row r="66306" spans="14:14">
      <c r="N66306" s="10"/>
    </row>
    <row r="66307" spans="14:14">
      <c r="N66307" s="10"/>
    </row>
    <row r="66308" spans="14:14">
      <c r="N66308" s="10"/>
    </row>
    <row r="66309" spans="14:14">
      <c r="N66309" s="10"/>
    </row>
    <row r="66310" spans="14:14">
      <c r="N66310" s="10"/>
    </row>
    <row r="66311" spans="14:14">
      <c r="N66311" s="10"/>
    </row>
    <row r="66312" spans="14:14">
      <c r="N66312" s="10"/>
    </row>
    <row r="66313" spans="14:14">
      <c r="N66313" s="10"/>
    </row>
    <row r="66314" spans="14:14">
      <c r="N66314" s="10"/>
    </row>
    <row r="66315" spans="14:14">
      <c r="N66315" s="10"/>
    </row>
    <row r="66316" spans="14:14">
      <c r="N66316" s="10"/>
    </row>
    <row r="66317" spans="14:14">
      <c r="N66317" s="10"/>
    </row>
    <row r="66318" spans="14:14">
      <c r="N66318" s="10"/>
    </row>
    <row r="66319" spans="14:14">
      <c r="N66319" s="10"/>
    </row>
    <row r="66320" spans="14:14">
      <c r="N66320" s="10"/>
    </row>
    <row r="66321" spans="14:14">
      <c r="N66321" s="10"/>
    </row>
    <row r="66322" spans="14:14">
      <c r="N66322" s="10"/>
    </row>
    <row r="66323" spans="14:14">
      <c r="N66323" s="10"/>
    </row>
    <row r="66324" spans="14:14">
      <c r="N66324" s="10"/>
    </row>
    <row r="66325" spans="14:14">
      <c r="N66325" s="10"/>
    </row>
    <row r="66326" spans="14:14">
      <c r="N66326" s="10"/>
    </row>
    <row r="66327" spans="14:14">
      <c r="N66327" s="10"/>
    </row>
    <row r="66328" spans="14:14">
      <c r="N66328" s="10"/>
    </row>
    <row r="66329" spans="14:14">
      <c r="N66329" s="10"/>
    </row>
    <row r="66330" spans="14:14">
      <c r="N66330" s="10"/>
    </row>
    <row r="66331" spans="14:14">
      <c r="N66331" s="10"/>
    </row>
    <row r="66332" spans="14:14">
      <c r="N66332" s="10"/>
    </row>
    <row r="66333" spans="14:14">
      <c r="N66333" s="10"/>
    </row>
    <row r="66334" spans="14:14">
      <c r="N66334" s="10"/>
    </row>
    <row r="66335" spans="14:14">
      <c r="N66335" s="10"/>
    </row>
    <row r="66336" spans="14:14">
      <c r="N66336" s="10"/>
    </row>
    <row r="66337" spans="14:14">
      <c r="N66337" s="10"/>
    </row>
    <row r="66338" spans="14:14">
      <c r="N66338" s="10"/>
    </row>
    <row r="66339" spans="14:14">
      <c r="N66339" s="10"/>
    </row>
    <row r="66340" spans="14:14">
      <c r="N66340" s="10"/>
    </row>
    <row r="66341" spans="14:14">
      <c r="N66341" s="10"/>
    </row>
    <row r="66342" spans="14:14">
      <c r="N66342" s="10"/>
    </row>
    <row r="66343" spans="14:14">
      <c r="N66343" s="10"/>
    </row>
    <row r="66344" spans="14:14">
      <c r="N66344" s="10"/>
    </row>
    <row r="66345" spans="14:14">
      <c r="N66345" s="10"/>
    </row>
    <row r="66346" spans="14:14">
      <c r="N66346" s="10"/>
    </row>
    <row r="66347" spans="14:14">
      <c r="N66347" s="10"/>
    </row>
    <row r="66348" spans="14:14">
      <c r="N66348" s="10"/>
    </row>
    <row r="66349" spans="14:14">
      <c r="N66349" s="10"/>
    </row>
    <row r="66350" spans="14:14">
      <c r="N66350" s="10"/>
    </row>
    <row r="66351" spans="14:14">
      <c r="N66351" s="10"/>
    </row>
    <row r="66352" spans="14:14">
      <c r="N66352" s="10"/>
    </row>
    <row r="66353" spans="14:14">
      <c r="N66353" s="10"/>
    </row>
    <row r="66354" spans="14:14">
      <c r="N66354" s="10"/>
    </row>
    <row r="66355" spans="14:14">
      <c r="N66355" s="10"/>
    </row>
    <row r="66356" spans="14:14">
      <c r="N66356" s="10"/>
    </row>
    <row r="66357" spans="14:14">
      <c r="N66357" s="10"/>
    </row>
    <row r="66358" spans="14:14">
      <c r="N66358" s="10"/>
    </row>
    <row r="66359" spans="14:14">
      <c r="N66359" s="10"/>
    </row>
    <row r="66360" spans="14:14">
      <c r="N66360" s="10"/>
    </row>
    <row r="66361" spans="14:14">
      <c r="N66361" s="10"/>
    </row>
    <row r="66362" spans="14:14">
      <c r="N66362" s="10"/>
    </row>
    <row r="66363" spans="14:14">
      <c r="N66363" s="10"/>
    </row>
    <row r="66364" spans="14:14">
      <c r="N66364" s="10"/>
    </row>
    <row r="66365" spans="14:14">
      <c r="N66365" s="10"/>
    </row>
    <row r="66366" spans="14:14">
      <c r="N66366" s="10"/>
    </row>
    <row r="66367" spans="14:14">
      <c r="N66367" s="10"/>
    </row>
    <row r="66368" spans="14:14">
      <c r="N66368" s="10"/>
    </row>
    <row r="66369" spans="14:14">
      <c r="N66369" s="10"/>
    </row>
    <row r="66370" spans="14:14">
      <c r="N66370" s="10"/>
    </row>
    <row r="66371" spans="14:14">
      <c r="N66371" s="10"/>
    </row>
    <row r="66372" spans="14:14">
      <c r="N66372" s="10"/>
    </row>
    <row r="66373" spans="14:14">
      <c r="N66373" s="10"/>
    </row>
    <row r="66374" spans="14:14">
      <c r="N66374" s="10"/>
    </row>
    <row r="66375" spans="14:14">
      <c r="N66375" s="10"/>
    </row>
    <row r="66376" spans="14:14">
      <c r="N66376" s="10"/>
    </row>
    <row r="66377" spans="14:14">
      <c r="N66377" s="10"/>
    </row>
    <row r="66378" spans="14:14">
      <c r="N66378" s="10"/>
    </row>
    <row r="66379" spans="14:14">
      <c r="N66379" s="10"/>
    </row>
    <row r="66380" spans="14:14">
      <c r="N66380" s="10"/>
    </row>
    <row r="66381" spans="14:14">
      <c r="N66381" s="10"/>
    </row>
    <row r="66382" spans="14:14">
      <c r="N66382" s="10"/>
    </row>
    <row r="66383" spans="14:14">
      <c r="N66383" s="10"/>
    </row>
    <row r="66384" spans="14:14">
      <c r="N66384" s="10"/>
    </row>
    <row r="66385" spans="14:14">
      <c r="N66385" s="10"/>
    </row>
    <row r="66386" spans="14:14">
      <c r="N66386" s="10"/>
    </row>
    <row r="66387" spans="14:14">
      <c r="N66387" s="10"/>
    </row>
    <row r="66388" spans="14:14">
      <c r="N66388" s="10"/>
    </row>
    <row r="66389" spans="14:14">
      <c r="N66389" s="10"/>
    </row>
    <row r="66390" spans="14:14">
      <c r="N66390" s="10"/>
    </row>
    <row r="66391" spans="14:14">
      <c r="N66391" s="10"/>
    </row>
    <row r="66392" spans="14:14">
      <c r="N66392" s="10"/>
    </row>
    <row r="66393" spans="14:14">
      <c r="N66393" s="10"/>
    </row>
    <row r="66394" spans="14:14">
      <c r="N66394" s="10"/>
    </row>
    <row r="66395" spans="14:14">
      <c r="N66395" s="10"/>
    </row>
    <row r="66396" spans="14:14">
      <c r="N66396" s="10"/>
    </row>
    <row r="66397" spans="14:14">
      <c r="N66397" s="10"/>
    </row>
    <row r="66398" spans="14:14">
      <c r="N66398" s="10"/>
    </row>
    <row r="66399" spans="14:14">
      <c r="N66399" s="10"/>
    </row>
    <row r="66400" spans="14:14">
      <c r="N66400" s="10"/>
    </row>
    <row r="66401" spans="14:14">
      <c r="N66401" s="10"/>
    </row>
    <row r="66402" spans="14:14">
      <c r="N66402" s="10"/>
    </row>
    <row r="66403" spans="14:14">
      <c r="N66403" s="10"/>
    </row>
    <row r="66404" spans="14:14">
      <c r="N66404" s="10"/>
    </row>
    <row r="66405" spans="14:14">
      <c r="N66405" s="10"/>
    </row>
    <row r="66406" spans="14:14">
      <c r="N66406" s="10"/>
    </row>
    <row r="66407" spans="14:14">
      <c r="N66407" s="10"/>
    </row>
    <row r="66408" spans="14:14">
      <c r="N66408" s="10"/>
    </row>
    <row r="66409" spans="14:14">
      <c r="N66409" s="10"/>
    </row>
    <row r="66410" spans="14:14">
      <c r="N66410" s="10"/>
    </row>
    <row r="66411" spans="14:14">
      <c r="N66411" s="10"/>
    </row>
    <row r="66412" spans="14:14">
      <c r="N66412" s="10"/>
    </row>
    <row r="66413" spans="14:14">
      <c r="N66413" s="10"/>
    </row>
    <row r="66414" spans="14:14">
      <c r="N66414" s="10"/>
    </row>
    <row r="66415" spans="14:14">
      <c r="N66415" s="10"/>
    </row>
    <row r="66416" spans="14:14">
      <c r="N66416" s="10"/>
    </row>
    <row r="66417" spans="14:14">
      <c r="N66417" s="10"/>
    </row>
    <row r="66418" spans="14:14">
      <c r="N66418" s="10"/>
    </row>
    <row r="66419" spans="14:14">
      <c r="N66419" s="10"/>
    </row>
    <row r="66420" spans="14:14">
      <c r="N66420" s="10"/>
    </row>
    <row r="66421" spans="14:14">
      <c r="N66421" s="10"/>
    </row>
    <row r="66422" spans="14:14">
      <c r="N66422" s="10"/>
    </row>
    <row r="66423" spans="14:14">
      <c r="N66423" s="10"/>
    </row>
    <row r="66424" spans="14:14">
      <c r="N66424" s="10"/>
    </row>
    <row r="66425" spans="14:14">
      <c r="N66425" s="10"/>
    </row>
    <row r="66426" spans="14:14">
      <c r="N66426" s="10"/>
    </row>
    <row r="66427" spans="14:14">
      <c r="N66427" s="10"/>
    </row>
    <row r="66428" spans="14:14">
      <c r="N66428" s="10"/>
    </row>
    <row r="66429" spans="14:14">
      <c r="N66429" s="10"/>
    </row>
    <row r="66430" spans="14:14">
      <c r="N66430" s="10"/>
    </row>
    <row r="66431" spans="14:14">
      <c r="N66431" s="10"/>
    </row>
    <row r="66432" spans="14:14">
      <c r="N66432" s="10"/>
    </row>
    <row r="66433" spans="14:14">
      <c r="N66433" s="10"/>
    </row>
    <row r="66434" spans="14:14">
      <c r="N66434" s="10"/>
    </row>
    <row r="66435" spans="14:14">
      <c r="N66435" s="10"/>
    </row>
    <row r="66436" spans="14:14">
      <c r="N66436" s="10"/>
    </row>
    <row r="66437" spans="14:14">
      <c r="N66437" s="10"/>
    </row>
    <row r="66438" spans="14:14">
      <c r="N66438" s="10"/>
    </row>
    <row r="66439" spans="14:14">
      <c r="N66439" s="10"/>
    </row>
    <row r="66440" spans="14:14">
      <c r="N66440" s="10"/>
    </row>
    <row r="66441" spans="14:14">
      <c r="N66441" s="10"/>
    </row>
    <row r="66442" spans="14:14">
      <c r="N66442" s="10"/>
    </row>
    <row r="66443" spans="14:14">
      <c r="N66443" s="10"/>
    </row>
    <row r="66444" spans="14:14">
      <c r="N66444" s="10"/>
    </row>
    <row r="66445" spans="14:14">
      <c r="N66445" s="10"/>
    </row>
    <row r="66446" spans="14:14">
      <c r="N66446" s="10"/>
    </row>
    <row r="66447" spans="14:14">
      <c r="N66447" s="10"/>
    </row>
    <row r="66448" spans="14:14">
      <c r="N66448" s="10"/>
    </row>
    <row r="66449" spans="14:14">
      <c r="N66449" s="10"/>
    </row>
    <row r="66450" spans="14:14">
      <c r="N66450" s="10"/>
    </row>
    <row r="66451" spans="14:14">
      <c r="N66451" s="10"/>
    </row>
    <row r="66452" spans="14:14">
      <c r="N66452" s="10"/>
    </row>
    <row r="66453" spans="14:14">
      <c r="N66453" s="10"/>
    </row>
    <row r="66454" spans="14:14">
      <c r="N66454" s="10"/>
    </row>
    <row r="66455" spans="14:14">
      <c r="N66455" s="10"/>
    </row>
    <row r="66456" spans="14:14">
      <c r="N66456" s="10"/>
    </row>
    <row r="66457" spans="14:14">
      <c r="N66457" s="10"/>
    </row>
    <row r="66458" spans="14:14">
      <c r="N66458" s="10"/>
    </row>
    <row r="66459" spans="14:14">
      <c r="N66459" s="10"/>
    </row>
    <row r="66460" spans="14:14">
      <c r="N66460" s="10"/>
    </row>
    <row r="66461" spans="14:14">
      <c r="N66461" s="10"/>
    </row>
    <row r="66462" spans="14:14">
      <c r="N66462" s="10"/>
    </row>
    <row r="66463" spans="14:14">
      <c r="N66463" s="10"/>
    </row>
    <row r="66464" spans="14:14">
      <c r="N66464" s="10"/>
    </row>
    <row r="66465" spans="14:14">
      <c r="N66465" s="10"/>
    </row>
    <row r="66466" spans="14:14">
      <c r="N66466" s="10"/>
    </row>
    <row r="66467" spans="14:14">
      <c r="N66467" s="10"/>
    </row>
    <row r="66468" spans="14:14">
      <c r="N66468" s="10"/>
    </row>
    <row r="66469" spans="14:14">
      <c r="N66469" s="10"/>
    </row>
    <row r="66470" spans="14:14">
      <c r="N66470" s="10"/>
    </row>
    <row r="66471" spans="14:14">
      <c r="N66471" s="10"/>
    </row>
    <row r="66472" spans="14:14">
      <c r="N66472" s="10"/>
    </row>
    <row r="66473" spans="14:14">
      <c r="N66473" s="10"/>
    </row>
    <row r="66474" spans="14:14">
      <c r="N66474" s="10"/>
    </row>
    <row r="66475" spans="14:14">
      <c r="N66475" s="10"/>
    </row>
    <row r="66476" spans="14:14">
      <c r="N66476" s="10"/>
    </row>
    <row r="66477" spans="14:14">
      <c r="N66477" s="10"/>
    </row>
    <row r="66478" spans="14:14">
      <c r="N66478" s="10"/>
    </row>
    <row r="66479" spans="14:14">
      <c r="N66479" s="10"/>
    </row>
    <row r="66480" spans="14:14">
      <c r="N66480" s="10"/>
    </row>
    <row r="66481" spans="14:14">
      <c r="N66481" s="10"/>
    </row>
    <row r="66482" spans="14:14">
      <c r="N66482" s="10"/>
    </row>
    <row r="66483" spans="14:14">
      <c r="N66483" s="10"/>
    </row>
    <row r="66484" spans="14:14">
      <c r="N66484" s="10"/>
    </row>
    <row r="66485" spans="14:14">
      <c r="N66485" s="10"/>
    </row>
    <row r="66486" spans="14:14">
      <c r="N66486" s="10"/>
    </row>
    <row r="66487" spans="14:14">
      <c r="N66487" s="10"/>
    </row>
    <row r="66488" spans="14:14">
      <c r="N66488" s="10"/>
    </row>
    <row r="66489" spans="14:14">
      <c r="N66489" s="10"/>
    </row>
    <row r="66490" spans="14:14">
      <c r="N66490" s="10"/>
    </row>
    <row r="66491" spans="14:14">
      <c r="N66491" s="10"/>
    </row>
    <row r="66492" spans="14:14">
      <c r="N66492" s="10"/>
    </row>
    <row r="66493" spans="14:14">
      <c r="N66493" s="10"/>
    </row>
    <row r="66494" spans="14:14">
      <c r="N66494" s="10"/>
    </row>
    <row r="66495" spans="14:14">
      <c r="N66495" s="10"/>
    </row>
    <row r="66496" spans="14:14">
      <c r="N66496" s="10"/>
    </row>
    <row r="66497" spans="14:14">
      <c r="N66497" s="10"/>
    </row>
    <row r="66498" spans="14:14">
      <c r="N66498" s="10"/>
    </row>
    <row r="66499" spans="14:14">
      <c r="N66499" s="10"/>
    </row>
    <row r="66500" spans="14:14">
      <c r="N66500" s="10"/>
    </row>
    <row r="66501" spans="14:14">
      <c r="N66501" s="10"/>
    </row>
    <row r="66502" spans="14:14">
      <c r="N66502" s="10"/>
    </row>
    <row r="66503" spans="14:14">
      <c r="N66503" s="10"/>
    </row>
    <row r="66504" spans="14:14">
      <c r="N66504" s="10"/>
    </row>
    <row r="66505" spans="14:14">
      <c r="N66505" s="10"/>
    </row>
    <row r="66506" spans="14:14">
      <c r="N66506" s="10"/>
    </row>
    <row r="66507" spans="14:14">
      <c r="N66507" s="10"/>
    </row>
    <row r="66508" spans="14:14">
      <c r="N66508" s="10"/>
    </row>
    <row r="66509" spans="14:14">
      <c r="N66509" s="10"/>
    </row>
    <row r="66510" spans="14:14">
      <c r="N66510" s="10"/>
    </row>
    <row r="66511" spans="14:14">
      <c r="N66511" s="10"/>
    </row>
    <row r="66512" spans="14:14">
      <c r="N66512" s="10"/>
    </row>
    <row r="66513" spans="14:14">
      <c r="N66513" s="10"/>
    </row>
    <row r="66514" spans="14:14">
      <c r="N66514" s="10"/>
    </row>
    <row r="66515" spans="14:14">
      <c r="N66515" s="10"/>
    </row>
    <row r="66516" spans="14:14">
      <c r="N66516" s="10"/>
    </row>
    <row r="66517" spans="14:14">
      <c r="N66517" s="10"/>
    </row>
    <row r="66518" spans="14:14">
      <c r="N66518" s="10"/>
    </row>
    <row r="66519" spans="14:14">
      <c r="N66519" s="10"/>
    </row>
    <row r="66520" spans="14:14">
      <c r="N66520" s="10"/>
    </row>
    <row r="66521" spans="14:14">
      <c r="N66521" s="10"/>
    </row>
    <row r="66522" spans="14:14">
      <c r="N66522" s="10"/>
    </row>
    <row r="66523" spans="14:14">
      <c r="N66523" s="10"/>
    </row>
    <row r="66524" spans="14:14">
      <c r="N66524" s="10"/>
    </row>
    <row r="66525" spans="14:14">
      <c r="N66525" s="10"/>
    </row>
    <row r="66526" spans="14:14">
      <c r="N66526" s="10"/>
    </row>
    <row r="66527" spans="14:14">
      <c r="N66527" s="10"/>
    </row>
    <row r="66528" spans="14:14">
      <c r="N66528" s="10"/>
    </row>
    <row r="66529" spans="14:14">
      <c r="N66529" s="10"/>
    </row>
    <row r="66530" spans="14:14">
      <c r="N66530" s="10"/>
    </row>
    <row r="66531" spans="14:14">
      <c r="N66531" s="10"/>
    </row>
    <row r="66532" spans="14:14">
      <c r="N66532" s="10"/>
    </row>
    <row r="66533" spans="14:14">
      <c r="N66533" s="10"/>
    </row>
    <row r="66534" spans="14:14">
      <c r="N66534" s="10"/>
    </row>
    <row r="66535" spans="14:14">
      <c r="N66535" s="10"/>
    </row>
    <row r="66536" spans="14:14">
      <c r="N66536" s="10"/>
    </row>
    <row r="66537" spans="14:14">
      <c r="N66537" s="10"/>
    </row>
    <row r="66538" spans="14:14">
      <c r="N66538" s="10"/>
    </row>
    <row r="66539" spans="14:14">
      <c r="N66539" s="10"/>
    </row>
    <row r="66540" spans="14:14">
      <c r="N66540" s="10"/>
    </row>
    <row r="66541" spans="14:14">
      <c r="N66541" s="10"/>
    </row>
    <row r="66542" spans="14:14">
      <c r="N66542" s="10"/>
    </row>
    <row r="66543" spans="14:14">
      <c r="N66543" s="10"/>
    </row>
    <row r="66544" spans="14:14">
      <c r="N66544" s="10"/>
    </row>
    <row r="66545" spans="14:14">
      <c r="N66545" s="10"/>
    </row>
    <row r="66546" spans="14:14">
      <c r="N66546" s="10"/>
    </row>
    <row r="66547" spans="14:14">
      <c r="N66547" s="10"/>
    </row>
    <row r="66548" spans="14:14">
      <c r="N66548" s="10"/>
    </row>
    <row r="66549" spans="14:14">
      <c r="N66549" s="10"/>
    </row>
    <row r="66550" spans="14:14">
      <c r="N66550" s="10"/>
    </row>
    <row r="66551" spans="14:14">
      <c r="N66551" s="10"/>
    </row>
    <row r="66552" spans="14:14">
      <c r="N66552" s="10"/>
    </row>
    <row r="66553" spans="14:14">
      <c r="N66553" s="10"/>
    </row>
    <row r="66554" spans="14:14">
      <c r="N66554" s="10"/>
    </row>
    <row r="66555" spans="14:14">
      <c r="N66555" s="10"/>
    </row>
    <row r="66556" spans="14:14">
      <c r="N66556" s="10"/>
    </row>
    <row r="66557" spans="14:14">
      <c r="N66557" s="10"/>
    </row>
    <row r="66558" spans="14:14">
      <c r="N66558" s="10"/>
    </row>
    <row r="66559" spans="14:14">
      <c r="N66559" s="10"/>
    </row>
    <row r="66560" spans="14:14">
      <c r="N66560" s="10"/>
    </row>
    <row r="66561" spans="14:14">
      <c r="N66561" s="10"/>
    </row>
    <row r="66562" spans="14:14">
      <c r="N66562" s="10"/>
    </row>
    <row r="66563" spans="14:14">
      <c r="N66563" s="10"/>
    </row>
    <row r="66564" spans="14:14">
      <c r="N66564" s="10"/>
    </row>
    <row r="66565" spans="14:14">
      <c r="N66565" s="10"/>
    </row>
    <row r="66566" spans="14:14">
      <c r="N66566" s="10"/>
    </row>
    <row r="66567" spans="14:14">
      <c r="N66567" s="10"/>
    </row>
    <row r="66568" spans="14:14">
      <c r="N66568" s="10"/>
    </row>
    <row r="66569" spans="14:14">
      <c r="N66569" s="10"/>
    </row>
    <row r="66570" spans="14:14">
      <c r="N66570" s="10"/>
    </row>
    <row r="66571" spans="14:14">
      <c r="N66571" s="10"/>
    </row>
    <row r="66572" spans="14:14">
      <c r="N66572" s="10"/>
    </row>
    <row r="66573" spans="14:14">
      <c r="N66573" s="10"/>
    </row>
    <row r="66574" spans="14:14">
      <c r="N66574" s="10"/>
    </row>
    <row r="66575" spans="14:14">
      <c r="N66575" s="10"/>
    </row>
    <row r="66576" spans="14:14">
      <c r="N66576" s="10"/>
    </row>
    <row r="66577" spans="14:14">
      <c r="N66577" s="10"/>
    </row>
    <row r="66578" spans="14:14">
      <c r="N66578" s="10"/>
    </row>
    <row r="66579" spans="14:14">
      <c r="N66579" s="10"/>
    </row>
    <row r="66580" spans="14:14">
      <c r="N66580" s="10"/>
    </row>
    <row r="66581" spans="14:14">
      <c r="N66581" s="10"/>
    </row>
    <row r="66582" spans="14:14">
      <c r="N66582" s="10"/>
    </row>
    <row r="66583" spans="14:14">
      <c r="N66583" s="10"/>
    </row>
    <row r="66584" spans="14:14">
      <c r="N66584" s="10"/>
    </row>
    <row r="66585" spans="14:14">
      <c r="N66585" s="10"/>
    </row>
    <row r="66586" spans="14:14">
      <c r="N66586" s="10"/>
    </row>
    <row r="66587" spans="14:14">
      <c r="N66587" s="10"/>
    </row>
    <row r="66588" spans="14:14">
      <c r="N66588" s="10"/>
    </row>
    <row r="66589" spans="14:14">
      <c r="N66589" s="10"/>
    </row>
    <row r="66590" spans="14:14">
      <c r="N66590" s="10"/>
    </row>
    <row r="66591" spans="14:14">
      <c r="N66591" s="10"/>
    </row>
    <row r="66592" spans="14:14">
      <c r="N66592" s="10"/>
    </row>
    <row r="66593" spans="14:14">
      <c r="N66593" s="10"/>
    </row>
    <row r="66594" spans="14:14">
      <c r="N66594" s="10"/>
    </row>
    <row r="66595" spans="14:14">
      <c r="N66595" s="10"/>
    </row>
    <row r="66596" spans="14:14">
      <c r="N66596" s="10"/>
    </row>
    <row r="66597" spans="14:14">
      <c r="N66597" s="10"/>
    </row>
    <row r="66598" spans="14:14">
      <c r="N66598" s="10"/>
    </row>
    <row r="66599" spans="14:14">
      <c r="N66599" s="10"/>
    </row>
    <row r="66600" spans="14:14">
      <c r="N66600" s="10"/>
    </row>
    <row r="66601" spans="14:14">
      <c r="N66601" s="10"/>
    </row>
    <row r="66602" spans="14:14">
      <c r="N66602" s="10"/>
    </row>
    <row r="66603" spans="14:14">
      <c r="N66603" s="10"/>
    </row>
    <row r="66604" spans="14:14">
      <c r="N66604" s="10"/>
    </row>
    <row r="66605" spans="14:14">
      <c r="N66605" s="10"/>
    </row>
    <row r="66606" spans="14:14">
      <c r="N66606" s="10"/>
    </row>
    <row r="66607" spans="14:14">
      <c r="N66607" s="10"/>
    </row>
    <row r="66608" spans="14:14">
      <c r="N66608" s="10"/>
    </row>
    <row r="66609" spans="14:14">
      <c r="N66609" s="10"/>
    </row>
    <row r="66610" spans="14:14">
      <c r="N66610" s="10"/>
    </row>
    <row r="66611" spans="14:14">
      <c r="N66611" s="10"/>
    </row>
    <row r="66612" spans="14:14">
      <c r="N66612" s="10"/>
    </row>
    <row r="66613" spans="14:14">
      <c r="N66613" s="10"/>
    </row>
    <row r="66614" spans="14:14">
      <c r="N66614" s="10"/>
    </row>
    <row r="66615" spans="14:14">
      <c r="N66615" s="10"/>
    </row>
    <row r="66616" spans="14:14">
      <c r="N66616" s="10"/>
    </row>
    <row r="66617" spans="14:14">
      <c r="N66617" s="10"/>
    </row>
    <row r="66618" spans="14:14">
      <c r="N66618" s="10"/>
    </row>
    <row r="66619" spans="14:14">
      <c r="N66619" s="10"/>
    </row>
    <row r="66620" spans="14:14">
      <c r="N66620" s="10"/>
    </row>
    <row r="66621" spans="14:14">
      <c r="N66621" s="10"/>
    </row>
    <row r="66622" spans="14:14">
      <c r="N66622" s="10"/>
    </row>
    <row r="66623" spans="14:14">
      <c r="N66623" s="10"/>
    </row>
    <row r="66624" spans="14:14">
      <c r="N66624" s="10"/>
    </row>
    <row r="66625" spans="14:14">
      <c r="N66625" s="10"/>
    </row>
    <row r="66626" spans="14:14">
      <c r="N66626" s="10"/>
    </row>
    <row r="66627" spans="14:14">
      <c r="N66627" s="10"/>
    </row>
    <row r="66628" spans="14:14">
      <c r="N66628" s="10"/>
    </row>
    <row r="66629" spans="14:14">
      <c r="N66629" s="10"/>
    </row>
    <row r="66630" spans="14:14">
      <c r="N66630" s="10"/>
    </row>
    <row r="66631" spans="14:14">
      <c r="N66631" s="10"/>
    </row>
    <row r="66632" spans="14:14">
      <c r="N66632" s="10"/>
    </row>
    <row r="66633" spans="14:14">
      <c r="N66633" s="10"/>
    </row>
    <row r="66634" spans="14:14">
      <c r="N66634" s="10"/>
    </row>
    <row r="66635" spans="14:14">
      <c r="N66635" s="10"/>
    </row>
    <row r="66636" spans="14:14">
      <c r="N66636" s="10"/>
    </row>
    <row r="66637" spans="14:14">
      <c r="N66637" s="10"/>
    </row>
    <row r="66638" spans="14:14">
      <c r="N66638" s="10"/>
    </row>
    <row r="66639" spans="14:14">
      <c r="N66639" s="10"/>
    </row>
    <row r="66640" spans="14:14">
      <c r="N66640" s="10"/>
    </row>
    <row r="66641" spans="14:14">
      <c r="N66641" s="10"/>
    </row>
    <row r="66642" spans="14:14">
      <c r="N66642" s="10"/>
    </row>
    <row r="66643" spans="14:14">
      <c r="N66643" s="10"/>
    </row>
    <row r="66644" spans="14:14">
      <c r="N66644" s="10"/>
    </row>
    <row r="66645" spans="14:14">
      <c r="N66645" s="10"/>
    </row>
    <row r="66646" spans="14:14">
      <c r="N66646" s="10"/>
    </row>
    <row r="66647" spans="14:14">
      <c r="N66647" s="10"/>
    </row>
    <row r="66648" spans="14:14">
      <c r="N66648" s="10"/>
    </row>
    <row r="66649" spans="14:14">
      <c r="N66649" s="10"/>
    </row>
    <row r="66650" spans="14:14">
      <c r="N66650" s="10"/>
    </row>
    <row r="66651" spans="14:14">
      <c r="N66651" s="10"/>
    </row>
    <row r="66652" spans="14:14">
      <c r="N66652" s="10"/>
    </row>
    <row r="66653" spans="14:14">
      <c r="N66653" s="10"/>
    </row>
    <row r="66654" spans="14:14">
      <c r="N66654" s="10"/>
    </row>
    <row r="66655" spans="14:14">
      <c r="N66655" s="10"/>
    </row>
    <row r="66656" spans="14:14">
      <c r="N66656" s="10"/>
    </row>
    <row r="66657" spans="14:14">
      <c r="N66657" s="10"/>
    </row>
    <row r="66658" spans="14:14">
      <c r="N66658" s="10"/>
    </row>
    <row r="66659" spans="14:14">
      <c r="N66659" s="10"/>
    </row>
    <row r="66660" spans="14:14">
      <c r="N66660" s="10"/>
    </row>
    <row r="66661" spans="14:14">
      <c r="N66661" s="10"/>
    </row>
    <row r="66662" spans="14:14">
      <c r="N66662" s="10"/>
    </row>
    <row r="66663" spans="14:14">
      <c r="N66663" s="10"/>
    </row>
    <row r="66664" spans="14:14">
      <c r="N66664" s="10"/>
    </row>
    <row r="66665" spans="14:14">
      <c r="N66665" s="10"/>
    </row>
    <row r="66666" spans="14:14">
      <c r="N66666" s="10"/>
    </row>
    <row r="66667" spans="14:14">
      <c r="N66667" s="10"/>
    </row>
    <row r="66668" spans="14:14">
      <c r="N66668" s="10"/>
    </row>
    <row r="66669" spans="14:14">
      <c r="N66669" s="10"/>
    </row>
    <row r="66670" spans="14:14">
      <c r="N66670" s="10"/>
    </row>
    <row r="66671" spans="14:14">
      <c r="N66671" s="10"/>
    </row>
    <row r="66672" spans="14:14">
      <c r="N66672" s="10"/>
    </row>
    <row r="66673" spans="14:14">
      <c r="N66673" s="10"/>
    </row>
    <row r="66674" spans="14:14">
      <c r="N66674" s="10"/>
    </row>
    <row r="66675" spans="14:14">
      <c r="N66675" s="10"/>
    </row>
    <row r="66676" spans="14:14">
      <c r="N66676" s="10"/>
    </row>
    <row r="66677" spans="14:14">
      <c r="N66677" s="10"/>
    </row>
    <row r="66678" spans="14:14">
      <c r="N66678" s="10"/>
    </row>
    <row r="66679" spans="14:14">
      <c r="N66679" s="10"/>
    </row>
    <row r="66680" spans="14:14">
      <c r="N66680" s="10"/>
    </row>
    <row r="66681" spans="14:14">
      <c r="N66681" s="10"/>
    </row>
    <row r="66682" spans="14:14">
      <c r="N66682" s="10"/>
    </row>
    <row r="66683" spans="14:14">
      <c r="N66683" s="10"/>
    </row>
    <row r="66684" spans="14:14">
      <c r="N66684" s="10"/>
    </row>
    <row r="66685" spans="14:14">
      <c r="N66685" s="10"/>
    </row>
    <row r="66686" spans="14:14">
      <c r="N66686" s="10"/>
    </row>
    <row r="66687" spans="14:14">
      <c r="N66687" s="10"/>
    </row>
    <row r="66688" spans="14:14">
      <c r="N66688" s="10"/>
    </row>
    <row r="66689" spans="14:14">
      <c r="N66689" s="10"/>
    </row>
    <row r="66690" spans="14:14">
      <c r="N66690" s="10"/>
    </row>
    <row r="66691" spans="14:14">
      <c r="N66691" s="10"/>
    </row>
    <row r="66692" spans="14:14">
      <c r="N66692" s="10"/>
    </row>
    <row r="66693" spans="14:14">
      <c r="N66693" s="10"/>
    </row>
    <row r="66694" spans="14:14">
      <c r="N66694" s="10"/>
    </row>
    <row r="66695" spans="14:14">
      <c r="N66695" s="10"/>
    </row>
    <row r="66696" spans="14:14">
      <c r="N66696" s="10"/>
    </row>
    <row r="66697" spans="14:14">
      <c r="N66697" s="10"/>
    </row>
    <row r="66698" spans="14:14">
      <c r="N66698" s="10"/>
    </row>
    <row r="66699" spans="14:14">
      <c r="N66699" s="10"/>
    </row>
    <row r="66700" spans="14:14">
      <c r="N66700" s="10"/>
    </row>
    <row r="66701" spans="14:14">
      <c r="N66701" s="10"/>
    </row>
    <row r="66702" spans="14:14">
      <c r="N66702" s="10"/>
    </row>
    <row r="66703" spans="14:14">
      <c r="N66703" s="10"/>
    </row>
    <row r="66704" spans="14:14">
      <c r="N66704" s="10"/>
    </row>
    <row r="66705" spans="14:14">
      <c r="N66705" s="10"/>
    </row>
    <row r="66706" spans="14:14">
      <c r="N66706" s="10"/>
    </row>
    <row r="66707" spans="14:14">
      <c r="N66707" s="10"/>
    </row>
    <row r="66708" spans="14:14">
      <c r="N66708" s="10"/>
    </row>
    <row r="66709" spans="14:14">
      <c r="N66709" s="10"/>
    </row>
    <row r="66710" spans="14:14">
      <c r="N66710" s="10"/>
    </row>
    <row r="66711" spans="14:14">
      <c r="N66711" s="10"/>
    </row>
    <row r="66712" spans="14:14">
      <c r="N66712" s="10"/>
    </row>
    <row r="66713" spans="14:14">
      <c r="N66713" s="10"/>
    </row>
    <row r="66714" spans="14:14">
      <c r="N66714" s="10"/>
    </row>
    <row r="66715" spans="14:14">
      <c r="N66715" s="10"/>
    </row>
    <row r="66716" spans="14:14">
      <c r="N66716" s="10"/>
    </row>
    <row r="66717" spans="14:14">
      <c r="N66717" s="10"/>
    </row>
    <row r="66718" spans="14:14">
      <c r="N66718" s="10"/>
    </row>
    <row r="66719" spans="14:14">
      <c r="N66719" s="10"/>
    </row>
    <row r="66720" spans="14:14">
      <c r="N66720" s="10"/>
    </row>
    <row r="66721" spans="14:14">
      <c r="N66721" s="10"/>
    </row>
    <row r="66722" spans="14:14">
      <c r="N66722" s="10"/>
    </row>
    <row r="66723" spans="14:14">
      <c r="N66723" s="10"/>
    </row>
    <row r="66724" spans="14:14">
      <c r="N66724" s="10"/>
    </row>
    <row r="66725" spans="14:14">
      <c r="N66725" s="10"/>
    </row>
    <row r="66726" spans="14:14">
      <c r="N66726" s="10"/>
    </row>
    <row r="66727" spans="14:14">
      <c r="N66727" s="10"/>
    </row>
    <row r="66728" spans="14:14">
      <c r="N66728" s="10"/>
    </row>
    <row r="66729" spans="14:14">
      <c r="N66729" s="10"/>
    </row>
    <row r="66730" spans="14:14">
      <c r="N66730" s="10"/>
    </row>
    <row r="66731" spans="14:14">
      <c r="N66731" s="10"/>
    </row>
    <row r="66732" spans="14:14">
      <c r="N66732" s="10"/>
    </row>
    <row r="66733" spans="14:14">
      <c r="N66733" s="10"/>
    </row>
    <row r="66734" spans="14:14">
      <c r="N66734" s="10"/>
    </row>
    <row r="66735" spans="14:14">
      <c r="N66735" s="10"/>
    </row>
    <row r="66736" spans="14:14">
      <c r="N66736" s="10"/>
    </row>
    <row r="66737" spans="14:14">
      <c r="N66737" s="10"/>
    </row>
    <row r="66738" spans="14:14">
      <c r="N66738" s="10"/>
    </row>
    <row r="66739" spans="14:14">
      <c r="N66739" s="10"/>
    </row>
    <row r="66740" spans="14:14">
      <c r="N66740" s="10"/>
    </row>
    <row r="66741" spans="14:14">
      <c r="N66741" s="10"/>
    </row>
    <row r="66742" spans="14:14">
      <c r="N66742" s="10"/>
    </row>
    <row r="66743" spans="14:14">
      <c r="N66743" s="10"/>
    </row>
    <row r="66744" spans="14:14">
      <c r="N66744" s="10"/>
    </row>
    <row r="66745" spans="14:14">
      <c r="N66745" s="10"/>
    </row>
    <row r="66746" spans="14:14">
      <c r="N66746" s="10"/>
    </row>
    <row r="66747" spans="14:14">
      <c r="N66747" s="10"/>
    </row>
    <row r="66748" spans="14:14">
      <c r="N66748" s="10"/>
    </row>
    <row r="66749" spans="14:14">
      <c r="N66749" s="10"/>
    </row>
    <row r="66750" spans="14:14">
      <c r="N66750" s="10"/>
    </row>
    <row r="66751" spans="14:14">
      <c r="N66751" s="10"/>
    </row>
    <row r="66752" spans="14:14">
      <c r="N66752" s="10"/>
    </row>
    <row r="66753" spans="14:14">
      <c r="N66753" s="10"/>
    </row>
    <row r="66754" spans="14:14">
      <c r="N66754" s="10"/>
    </row>
    <row r="66755" spans="14:14">
      <c r="N66755" s="10"/>
    </row>
    <row r="66756" spans="14:14">
      <c r="N66756" s="10"/>
    </row>
    <row r="66757" spans="14:14">
      <c r="N66757" s="10"/>
    </row>
    <row r="66758" spans="14:14">
      <c r="N66758" s="10"/>
    </row>
    <row r="66759" spans="14:14">
      <c r="N66759" s="10"/>
    </row>
    <row r="66760" spans="14:14">
      <c r="N66760" s="10"/>
    </row>
    <row r="66761" spans="14:14">
      <c r="N66761" s="10"/>
    </row>
    <row r="66762" spans="14:14">
      <c r="N66762" s="10"/>
    </row>
    <row r="66763" spans="14:14">
      <c r="N66763" s="10"/>
    </row>
    <row r="66764" spans="14:14">
      <c r="N66764" s="10"/>
    </row>
    <row r="66765" spans="14:14">
      <c r="N66765" s="10"/>
    </row>
    <row r="66766" spans="14:14">
      <c r="N66766" s="10"/>
    </row>
    <row r="66767" spans="14:14">
      <c r="N66767" s="10"/>
    </row>
    <row r="66768" spans="14:14">
      <c r="N66768" s="10"/>
    </row>
    <row r="66769" spans="14:14">
      <c r="N66769" s="10"/>
    </row>
    <row r="66770" spans="14:14">
      <c r="N66770" s="10"/>
    </row>
    <row r="66771" spans="14:14">
      <c r="N66771" s="10"/>
    </row>
    <row r="66772" spans="14:14">
      <c r="N66772" s="10"/>
    </row>
    <row r="66773" spans="14:14">
      <c r="N66773" s="10"/>
    </row>
    <row r="66774" spans="14:14">
      <c r="N66774" s="10"/>
    </row>
    <row r="66775" spans="14:14">
      <c r="N66775" s="10"/>
    </row>
    <row r="66776" spans="14:14">
      <c r="N66776" s="10"/>
    </row>
    <row r="66777" spans="14:14">
      <c r="N66777" s="10"/>
    </row>
    <row r="66778" spans="14:14">
      <c r="N66778" s="10"/>
    </row>
    <row r="66779" spans="14:14">
      <c r="N66779" s="10"/>
    </row>
    <row r="66780" spans="14:14">
      <c r="N66780" s="10"/>
    </row>
    <row r="66781" spans="14:14">
      <c r="N66781" s="10"/>
    </row>
    <row r="66782" spans="14:14">
      <c r="N66782" s="10"/>
    </row>
    <row r="66783" spans="14:14">
      <c r="N66783" s="10"/>
    </row>
    <row r="66784" spans="14:14">
      <c r="N66784" s="10"/>
    </row>
    <row r="66785" spans="14:14">
      <c r="N66785" s="10"/>
    </row>
    <row r="66786" spans="14:14">
      <c r="N66786" s="10"/>
    </row>
    <row r="66787" spans="14:14">
      <c r="N66787" s="10"/>
    </row>
    <row r="66788" spans="14:14">
      <c r="N66788" s="10"/>
    </row>
    <row r="66789" spans="14:14">
      <c r="N66789" s="10"/>
    </row>
    <row r="66790" spans="14:14">
      <c r="N66790" s="10"/>
    </row>
    <row r="66791" spans="14:14">
      <c r="N66791" s="10"/>
    </row>
    <row r="66792" spans="14:14">
      <c r="N66792" s="10"/>
    </row>
    <row r="66793" spans="14:14">
      <c r="N66793" s="10"/>
    </row>
    <row r="66794" spans="14:14">
      <c r="N66794" s="10"/>
    </row>
    <row r="66795" spans="14:14">
      <c r="N66795" s="10"/>
    </row>
    <row r="66796" spans="14:14">
      <c r="N66796" s="10"/>
    </row>
    <row r="66797" spans="14:14">
      <c r="N66797" s="10"/>
    </row>
    <row r="66798" spans="14:14">
      <c r="N66798" s="10"/>
    </row>
    <row r="66799" spans="14:14">
      <c r="N66799" s="10"/>
    </row>
    <row r="66800" spans="14:14">
      <c r="N66800" s="10"/>
    </row>
    <row r="66801" spans="14:14">
      <c r="N66801" s="10"/>
    </row>
    <row r="66802" spans="14:14">
      <c r="N66802" s="10"/>
    </row>
    <row r="66803" spans="14:14">
      <c r="N66803" s="10"/>
    </row>
    <row r="66804" spans="14:14">
      <c r="N66804" s="10"/>
    </row>
    <row r="66805" spans="14:14">
      <c r="N66805" s="10"/>
    </row>
    <row r="66806" spans="14:14">
      <c r="N66806" s="10"/>
    </row>
    <row r="66807" spans="14:14">
      <c r="N66807" s="10"/>
    </row>
    <row r="66808" spans="14:14">
      <c r="N66808" s="10"/>
    </row>
    <row r="66809" spans="14:14">
      <c r="N66809" s="10"/>
    </row>
    <row r="66810" spans="14:14">
      <c r="N66810" s="10"/>
    </row>
    <row r="66811" spans="14:14">
      <c r="N66811" s="10"/>
    </row>
    <row r="66812" spans="14:14">
      <c r="N66812" s="10"/>
    </row>
    <row r="66813" spans="14:14">
      <c r="N66813" s="10"/>
    </row>
    <row r="66814" spans="14:14">
      <c r="N66814" s="10"/>
    </row>
    <row r="66815" spans="14:14">
      <c r="N66815" s="10"/>
    </row>
    <row r="66816" spans="14:14">
      <c r="N66816" s="10"/>
    </row>
    <row r="66817" spans="14:14">
      <c r="N66817" s="10"/>
    </row>
    <row r="66818" spans="14:14">
      <c r="N66818" s="10"/>
    </row>
    <row r="66819" spans="14:14">
      <c r="N66819" s="10"/>
    </row>
    <row r="66820" spans="14:14">
      <c r="N66820" s="10"/>
    </row>
    <row r="66821" spans="14:14">
      <c r="N66821" s="10"/>
    </row>
    <row r="66822" spans="14:14">
      <c r="N66822" s="10"/>
    </row>
    <row r="66823" spans="14:14">
      <c r="N66823" s="10"/>
    </row>
    <row r="66824" spans="14:14">
      <c r="N66824" s="10"/>
    </row>
    <row r="66825" spans="14:14">
      <c r="N66825" s="10"/>
    </row>
    <row r="66826" spans="14:14">
      <c r="N66826" s="10"/>
    </row>
    <row r="66827" spans="14:14">
      <c r="N66827" s="10"/>
    </row>
    <row r="66828" spans="14:14">
      <c r="N66828" s="10"/>
    </row>
    <row r="66829" spans="14:14">
      <c r="N66829" s="10"/>
    </row>
    <row r="66830" spans="14:14">
      <c r="N66830" s="10"/>
    </row>
    <row r="66831" spans="14:14">
      <c r="N66831" s="10"/>
    </row>
    <row r="66832" spans="14:14">
      <c r="N66832" s="10"/>
    </row>
    <row r="66833" spans="14:14">
      <c r="N66833" s="10"/>
    </row>
    <row r="66834" spans="14:14">
      <c r="N66834" s="10"/>
    </row>
    <row r="66835" spans="14:14">
      <c r="N66835" s="10"/>
    </row>
    <row r="66836" spans="14:14">
      <c r="N66836" s="10"/>
    </row>
    <row r="66837" spans="14:14">
      <c r="N66837" s="10"/>
    </row>
    <row r="66838" spans="14:14">
      <c r="N66838" s="10"/>
    </row>
    <row r="66839" spans="14:14">
      <c r="N66839" s="10"/>
    </row>
    <row r="66840" spans="14:14">
      <c r="N66840" s="10"/>
    </row>
    <row r="66841" spans="14:14">
      <c r="N66841" s="10"/>
    </row>
    <row r="66842" spans="14:14">
      <c r="N66842" s="10"/>
    </row>
    <row r="66843" spans="14:14">
      <c r="N66843" s="10"/>
    </row>
    <row r="66844" spans="14:14">
      <c r="N66844" s="10"/>
    </row>
    <row r="66845" spans="14:14">
      <c r="N66845" s="10"/>
    </row>
    <row r="66846" spans="14:14">
      <c r="N66846" s="10"/>
    </row>
    <row r="66847" spans="14:14">
      <c r="N66847" s="10"/>
    </row>
    <row r="66848" spans="14:14">
      <c r="N66848" s="10"/>
    </row>
    <row r="66849" spans="14:14">
      <c r="N66849" s="10"/>
    </row>
    <row r="66850" spans="14:14">
      <c r="N66850" s="10"/>
    </row>
    <row r="66851" spans="14:14">
      <c r="N66851" s="10"/>
    </row>
    <row r="66852" spans="14:14">
      <c r="N66852" s="10"/>
    </row>
    <row r="66853" spans="14:14">
      <c r="N66853" s="10"/>
    </row>
    <row r="66854" spans="14:14">
      <c r="N66854" s="10"/>
    </row>
    <row r="66855" spans="14:14">
      <c r="N66855" s="10"/>
    </row>
    <row r="66856" spans="14:14">
      <c r="N66856" s="10"/>
    </row>
    <row r="66857" spans="14:14">
      <c r="N66857" s="10"/>
    </row>
    <row r="66858" spans="14:14">
      <c r="N66858" s="10"/>
    </row>
    <row r="66859" spans="14:14">
      <c r="N66859" s="10"/>
    </row>
    <row r="66860" spans="14:14">
      <c r="N66860" s="10"/>
    </row>
    <row r="66861" spans="14:14">
      <c r="N66861" s="10"/>
    </row>
    <row r="66862" spans="14:14">
      <c r="N66862" s="10"/>
    </row>
    <row r="66863" spans="14:14">
      <c r="N66863" s="10"/>
    </row>
    <row r="66864" spans="14:14">
      <c r="N66864" s="10"/>
    </row>
    <row r="66865" spans="14:14">
      <c r="N66865" s="10"/>
    </row>
    <row r="66866" spans="14:14">
      <c r="N66866" s="10"/>
    </row>
    <row r="66867" spans="14:14">
      <c r="N66867" s="10"/>
    </row>
    <row r="66868" spans="14:14">
      <c r="N66868" s="10"/>
    </row>
    <row r="66869" spans="14:14">
      <c r="N66869" s="10"/>
    </row>
    <row r="66870" spans="14:14">
      <c r="N66870" s="10"/>
    </row>
    <row r="66871" spans="14:14">
      <c r="N66871" s="10"/>
    </row>
    <row r="66872" spans="14:14">
      <c r="N66872" s="10"/>
    </row>
    <row r="66873" spans="14:14">
      <c r="N66873" s="10"/>
    </row>
    <row r="66874" spans="14:14">
      <c r="N66874" s="10"/>
    </row>
    <row r="66875" spans="14:14">
      <c r="N66875" s="10"/>
    </row>
    <row r="66876" spans="14:14">
      <c r="N66876" s="10"/>
    </row>
    <row r="66877" spans="14:14">
      <c r="N66877" s="10"/>
    </row>
    <row r="66878" spans="14:14">
      <c r="N66878" s="10"/>
    </row>
    <row r="66879" spans="14:14">
      <c r="N66879" s="10"/>
    </row>
    <row r="66880" spans="14:14">
      <c r="N66880" s="10"/>
    </row>
    <row r="66881" spans="14:14">
      <c r="N66881" s="10"/>
    </row>
    <row r="66882" spans="14:14">
      <c r="N66882" s="10"/>
    </row>
    <row r="66883" spans="14:14">
      <c r="N66883" s="10"/>
    </row>
    <row r="66884" spans="14:14">
      <c r="N66884" s="10"/>
    </row>
    <row r="66885" spans="14:14">
      <c r="N66885" s="10"/>
    </row>
    <row r="66886" spans="14:14">
      <c r="N66886" s="10"/>
    </row>
    <row r="66887" spans="14:14">
      <c r="N66887" s="10"/>
    </row>
    <row r="66888" spans="14:14">
      <c r="N66888" s="10"/>
    </row>
    <row r="66889" spans="14:14">
      <c r="N66889" s="10"/>
    </row>
    <row r="66890" spans="14:14">
      <c r="N66890" s="10"/>
    </row>
    <row r="66891" spans="14:14">
      <c r="N66891" s="10"/>
    </row>
    <row r="66892" spans="14:14">
      <c r="N66892" s="10"/>
    </row>
    <row r="66893" spans="14:14">
      <c r="N66893" s="10"/>
    </row>
    <row r="66894" spans="14:14">
      <c r="N66894" s="10"/>
    </row>
    <row r="66895" spans="14:14">
      <c r="N66895" s="10"/>
    </row>
    <row r="66896" spans="14:14">
      <c r="N66896" s="10"/>
    </row>
    <row r="66897" spans="14:14">
      <c r="N66897" s="10"/>
    </row>
    <row r="66898" spans="14:14">
      <c r="N66898" s="10"/>
    </row>
    <row r="66899" spans="14:14">
      <c r="N66899" s="10"/>
    </row>
    <row r="66900" spans="14:14">
      <c r="N66900" s="10"/>
    </row>
    <row r="66901" spans="14:14">
      <c r="N66901" s="10"/>
    </row>
    <row r="66902" spans="14:14">
      <c r="N66902" s="10"/>
    </row>
    <row r="66903" spans="14:14">
      <c r="N66903" s="10"/>
    </row>
    <row r="66904" spans="14:14">
      <c r="N66904" s="10"/>
    </row>
    <row r="66905" spans="14:14">
      <c r="N66905" s="10"/>
    </row>
    <row r="66906" spans="14:14">
      <c r="N66906" s="10"/>
    </row>
    <row r="66907" spans="14:14">
      <c r="N66907" s="10"/>
    </row>
    <row r="66908" spans="14:14">
      <c r="N66908" s="10"/>
    </row>
    <row r="66909" spans="14:14">
      <c r="N66909" s="10"/>
    </row>
    <row r="66910" spans="14:14">
      <c r="N66910" s="10"/>
    </row>
    <row r="66911" spans="14:14">
      <c r="N66911" s="10"/>
    </row>
    <row r="66912" spans="14:14">
      <c r="N66912" s="10"/>
    </row>
    <row r="66913" spans="14:14">
      <c r="N66913" s="10"/>
    </row>
    <row r="66914" spans="14:14">
      <c r="N66914" s="10"/>
    </row>
    <row r="66915" spans="14:14">
      <c r="N66915" s="10"/>
    </row>
    <row r="66916" spans="14:14">
      <c r="N66916" s="10"/>
    </row>
    <row r="66917" spans="14:14">
      <c r="N66917" s="10"/>
    </row>
    <row r="66918" spans="14:14">
      <c r="N66918" s="10"/>
    </row>
    <row r="66919" spans="14:14">
      <c r="N66919" s="10"/>
    </row>
    <row r="66920" spans="14:14">
      <c r="N66920" s="10"/>
    </row>
    <row r="66921" spans="14:14">
      <c r="N66921" s="10"/>
    </row>
    <row r="66922" spans="14:14">
      <c r="N66922" s="10"/>
    </row>
    <row r="66923" spans="14:14">
      <c r="N66923" s="10"/>
    </row>
    <row r="66924" spans="14:14">
      <c r="N66924" s="10"/>
    </row>
    <row r="66925" spans="14:14">
      <c r="N66925" s="10"/>
    </row>
    <row r="66926" spans="14:14">
      <c r="N66926" s="10"/>
    </row>
    <row r="66927" spans="14:14">
      <c r="N66927" s="10"/>
    </row>
    <row r="66928" spans="14:14">
      <c r="N66928" s="10"/>
    </row>
    <row r="66929" spans="14:14">
      <c r="N66929" s="10"/>
    </row>
    <row r="66930" spans="14:14">
      <c r="N66930" s="10"/>
    </row>
    <row r="66931" spans="14:14">
      <c r="N66931" s="10"/>
    </row>
    <row r="66932" spans="14:14">
      <c r="N66932" s="10"/>
    </row>
    <row r="66933" spans="14:14">
      <c r="N66933" s="10"/>
    </row>
    <row r="66934" spans="14:14">
      <c r="N66934" s="10"/>
    </row>
    <row r="66935" spans="14:14">
      <c r="N66935" s="10"/>
    </row>
    <row r="66936" spans="14:14">
      <c r="N66936" s="10"/>
    </row>
    <row r="66937" spans="14:14">
      <c r="N66937" s="10"/>
    </row>
    <row r="66938" spans="14:14">
      <c r="N66938" s="10"/>
    </row>
    <row r="66939" spans="14:14">
      <c r="N66939" s="10"/>
    </row>
    <row r="66940" spans="14:14">
      <c r="N66940" s="10"/>
    </row>
    <row r="66941" spans="14:14">
      <c r="N66941" s="10"/>
    </row>
    <row r="66942" spans="14:14">
      <c r="N66942" s="10"/>
    </row>
    <row r="66943" spans="14:14">
      <c r="N66943" s="10"/>
    </row>
    <row r="66944" spans="14:14">
      <c r="N66944" s="10"/>
    </row>
    <row r="66945" spans="14:14">
      <c r="N66945" s="10"/>
    </row>
    <row r="66946" spans="14:14">
      <c r="N66946" s="10"/>
    </row>
    <row r="66947" spans="14:14">
      <c r="N66947" s="10"/>
    </row>
    <row r="66948" spans="14:14">
      <c r="N66948" s="10"/>
    </row>
    <row r="66949" spans="14:14">
      <c r="N66949" s="10"/>
    </row>
    <row r="66950" spans="14:14">
      <c r="N66950" s="10"/>
    </row>
    <row r="66951" spans="14:14">
      <c r="N66951" s="10"/>
    </row>
    <row r="66952" spans="14:14">
      <c r="N66952" s="10"/>
    </row>
    <row r="66953" spans="14:14">
      <c r="N66953" s="10"/>
    </row>
    <row r="66954" spans="14:14">
      <c r="N66954" s="10"/>
    </row>
    <row r="66955" spans="14:14">
      <c r="N66955" s="10"/>
    </row>
    <row r="66956" spans="14:14">
      <c r="N66956" s="10"/>
    </row>
    <row r="66957" spans="14:14">
      <c r="N66957" s="10"/>
    </row>
    <row r="66958" spans="14:14">
      <c r="N66958" s="10"/>
    </row>
    <row r="66959" spans="14:14">
      <c r="N66959" s="10"/>
    </row>
    <row r="66960" spans="14:14">
      <c r="N66960" s="10"/>
    </row>
    <row r="66961" spans="14:14">
      <c r="N66961" s="10"/>
    </row>
    <row r="66962" spans="14:14">
      <c r="N66962" s="10"/>
    </row>
    <row r="66963" spans="14:14">
      <c r="N66963" s="10"/>
    </row>
    <row r="66964" spans="14:14">
      <c r="N66964" s="10"/>
    </row>
    <row r="66965" spans="14:14">
      <c r="N66965" s="10"/>
    </row>
    <row r="66966" spans="14:14">
      <c r="N66966" s="10"/>
    </row>
    <row r="66967" spans="14:14">
      <c r="N66967" s="10"/>
    </row>
    <row r="66968" spans="14:14">
      <c r="N66968" s="10"/>
    </row>
    <row r="66969" spans="14:14">
      <c r="N66969" s="10"/>
    </row>
    <row r="66970" spans="14:14">
      <c r="N66970" s="10"/>
    </row>
    <row r="66971" spans="14:14">
      <c r="N66971" s="10"/>
    </row>
    <row r="66972" spans="14:14">
      <c r="N66972" s="10"/>
    </row>
    <row r="66973" spans="14:14">
      <c r="N66973" s="10"/>
    </row>
    <row r="66974" spans="14:14">
      <c r="N66974" s="10"/>
    </row>
    <row r="66975" spans="14:14">
      <c r="N66975" s="10"/>
    </row>
    <row r="66976" spans="14:14">
      <c r="N66976" s="10"/>
    </row>
    <row r="66977" spans="14:14">
      <c r="N66977" s="10"/>
    </row>
    <row r="66978" spans="14:14">
      <c r="N66978" s="10"/>
    </row>
    <row r="66979" spans="14:14">
      <c r="N66979" s="10"/>
    </row>
    <row r="66980" spans="14:14">
      <c r="N66980" s="10"/>
    </row>
    <row r="66981" spans="14:14">
      <c r="N66981" s="10"/>
    </row>
    <row r="66982" spans="14:14">
      <c r="N66982" s="10"/>
    </row>
    <row r="66983" spans="14:14">
      <c r="N66983" s="10"/>
    </row>
    <row r="66984" spans="14:14">
      <c r="N66984" s="10"/>
    </row>
    <row r="66985" spans="14:14">
      <c r="N66985" s="10"/>
    </row>
    <row r="66986" spans="14:14">
      <c r="N66986" s="10"/>
    </row>
    <row r="66987" spans="14:14">
      <c r="N66987" s="10"/>
    </row>
    <row r="66988" spans="14:14">
      <c r="N66988" s="10"/>
    </row>
    <row r="66989" spans="14:14">
      <c r="N66989" s="10"/>
    </row>
    <row r="66990" spans="14:14">
      <c r="N66990" s="10"/>
    </row>
    <row r="66991" spans="14:14">
      <c r="N66991" s="10"/>
    </row>
    <row r="66992" spans="14:14">
      <c r="N66992" s="10"/>
    </row>
    <row r="66993" spans="14:14">
      <c r="N66993" s="10"/>
    </row>
    <row r="66994" spans="14:14">
      <c r="N66994" s="10"/>
    </row>
    <row r="66995" spans="14:14">
      <c r="N66995" s="10"/>
    </row>
    <row r="66996" spans="14:14">
      <c r="N66996" s="10"/>
    </row>
    <row r="66997" spans="14:14">
      <c r="N66997" s="10"/>
    </row>
    <row r="66998" spans="14:14">
      <c r="N66998" s="10"/>
    </row>
    <row r="66999" spans="14:14">
      <c r="N66999" s="10"/>
    </row>
    <row r="67000" spans="14:14">
      <c r="N67000" s="10"/>
    </row>
    <row r="67001" spans="14:14">
      <c r="N67001" s="10"/>
    </row>
    <row r="67002" spans="14:14">
      <c r="N67002" s="10"/>
    </row>
    <row r="67003" spans="14:14">
      <c r="N67003" s="10"/>
    </row>
    <row r="67004" spans="14:14">
      <c r="N67004" s="10"/>
    </row>
    <row r="67005" spans="14:14">
      <c r="N67005" s="10"/>
    </row>
    <row r="67006" spans="14:14">
      <c r="N67006" s="10"/>
    </row>
    <row r="67007" spans="14:14">
      <c r="N67007" s="10"/>
    </row>
    <row r="67008" spans="14:14">
      <c r="N67008" s="10"/>
    </row>
    <row r="67009" spans="14:14">
      <c r="N67009" s="10"/>
    </row>
    <row r="67010" spans="14:14">
      <c r="N67010" s="10"/>
    </row>
    <row r="67011" spans="14:14">
      <c r="N67011" s="10"/>
    </row>
    <row r="67012" spans="14:14">
      <c r="N67012" s="10"/>
    </row>
    <row r="67013" spans="14:14">
      <c r="N67013" s="10"/>
    </row>
    <row r="67014" spans="14:14">
      <c r="N67014" s="10"/>
    </row>
    <row r="67015" spans="14:14">
      <c r="N67015" s="10"/>
    </row>
    <row r="67016" spans="14:14">
      <c r="N67016" s="10"/>
    </row>
    <row r="67017" spans="14:14">
      <c r="N67017" s="10"/>
    </row>
    <row r="67018" spans="14:14">
      <c r="N67018" s="10"/>
    </row>
    <row r="67019" spans="14:14">
      <c r="N67019" s="10"/>
    </row>
    <row r="67020" spans="14:14">
      <c r="N67020" s="10"/>
    </row>
    <row r="67021" spans="14:14">
      <c r="N67021" s="10"/>
    </row>
    <row r="67022" spans="14:14">
      <c r="N67022" s="10"/>
    </row>
    <row r="67023" spans="14:14">
      <c r="N67023" s="10"/>
    </row>
    <row r="67024" spans="14:14">
      <c r="N67024" s="10"/>
    </row>
    <row r="67025" spans="14:14">
      <c r="N67025" s="10"/>
    </row>
    <row r="67026" spans="14:14">
      <c r="N67026" s="10"/>
    </row>
    <row r="67027" spans="14:14">
      <c r="N67027" s="10"/>
    </row>
    <row r="67028" spans="14:14">
      <c r="N67028" s="10"/>
    </row>
    <row r="67029" spans="14:14">
      <c r="N67029" s="10"/>
    </row>
    <row r="67030" spans="14:14">
      <c r="N67030" s="10"/>
    </row>
    <row r="67031" spans="14:14">
      <c r="N67031" s="10"/>
    </row>
    <row r="67032" spans="14:14">
      <c r="N67032" s="10"/>
    </row>
    <row r="67033" spans="14:14">
      <c r="N67033" s="10"/>
    </row>
    <row r="67034" spans="14:14">
      <c r="N67034" s="10"/>
    </row>
    <row r="67035" spans="14:14">
      <c r="N67035" s="10"/>
    </row>
    <row r="67036" spans="14:14">
      <c r="N67036" s="10"/>
    </row>
    <row r="67037" spans="14:14">
      <c r="N67037" s="10"/>
    </row>
    <row r="67038" spans="14:14">
      <c r="N67038" s="10"/>
    </row>
    <row r="67039" spans="14:14">
      <c r="N67039" s="10"/>
    </row>
    <row r="67040" spans="14:14">
      <c r="N67040" s="10"/>
    </row>
    <row r="67041" spans="14:14">
      <c r="N67041" s="10"/>
    </row>
    <row r="67042" spans="14:14">
      <c r="N67042" s="10"/>
    </row>
    <row r="67043" spans="14:14">
      <c r="N67043" s="10"/>
    </row>
    <row r="67044" spans="14:14">
      <c r="N67044" s="10"/>
    </row>
    <row r="67045" spans="14:14">
      <c r="N67045" s="10"/>
    </row>
    <row r="67046" spans="14:14">
      <c r="N67046" s="10"/>
    </row>
    <row r="67047" spans="14:14">
      <c r="N67047" s="10"/>
    </row>
    <row r="67048" spans="14:14">
      <c r="N67048" s="10"/>
    </row>
    <row r="67049" spans="14:14">
      <c r="N67049" s="10"/>
    </row>
    <row r="67050" spans="14:14">
      <c r="N67050" s="10"/>
    </row>
    <row r="67051" spans="14:14">
      <c r="N67051" s="10"/>
    </row>
    <row r="67052" spans="14:14">
      <c r="N67052" s="10"/>
    </row>
    <row r="67053" spans="14:14">
      <c r="N67053" s="10"/>
    </row>
    <row r="67054" spans="14:14">
      <c r="N67054" s="10"/>
    </row>
    <row r="67055" spans="14:14">
      <c r="N67055" s="10"/>
    </row>
    <row r="67056" spans="14:14">
      <c r="N67056" s="10"/>
    </row>
    <row r="67057" spans="14:14">
      <c r="N67057" s="10"/>
    </row>
    <row r="67058" spans="14:14">
      <c r="N67058" s="10"/>
    </row>
    <row r="67059" spans="14:14">
      <c r="N67059" s="10"/>
    </row>
    <row r="67060" spans="14:14">
      <c r="N67060" s="10"/>
    </row>
    <row r="67061" spans="14:14">
      <c r="N67061" s="10"/>
    </row>
    <row r="67062" spans="14:14">
      <c r="N67062" s="10"/>
    </row>
    <row r="67063" spans="14:14">
      <c r="N67063" s="10"/>
    </row>
    <row r="67064" spans="14:14">
      <c r="N67064" s="10"/>
    </row>
    <row r="67065" spans="14:14">
      <c r="N67065" s="10"/>
    </row>
    <row r="67066" spans="14:14">
      <c r="N67066" s="10"/>
    </row>
    <row r="67067" spans="14:14">
      <c r="N67067" s="10"/>
    </row>
    <row r="67068" spans="14:14">
      <c r="N67068" s="10"/>
    </row>
    <row r="67069" spans="14:14">
      <c r="N67069" s="10"/>
    </row>
    <row r="67070" spans="14:14">
      <c r="N67070" s="10"/>
    </row>
    <row r="67071" spans="14:14">
      <c r="N67071" s="10"/>
    </row>
    <row r="67072" spans="14:14">
      <c r="N67072" s="10"/>
    </row>
    <row r="67073" spans="14:14">
      <c r="N67073" s="10"/>
    </row>
    <row r="67074" spans="14:14">
      <c r="N67074" s="10"/>
    </row>
    <row r="67075" spans="14:14">
      <c r="N67075" s="10"/>
    </row>
    <row r="67076" spans="14:14">
      <c r="N67076" s="10"/>
    </row>
    <row r="67077" spans="14:14">
      <c r="N67077" s="10"/>
    </row>
    <row r="67078" spans="14:14">
      <c r="N67078" s="10"/>
    </row>
    <row r="67079" spans="14:14">
      <c r="N67079" s="10"/>
    </row>
    <row r="67080" spans="14:14">
      <c r="N67080" s="10"/>
    </row>
    <row r="67081" spans="14:14">
      <c r="N67081" s="10"/>
    </row>
    <row r="67082" spans="14:14">
      <c r="N67082" s="10"/>
    </row>
    <row r="67083" spans="14:14">
      <c r="N67083" s="10"/>
    </row>
    <row r="67084" spans="14:14">
      <c r="N67084" s="10"/>
    </row>
    <row r="67085" spans="14:14">
      <c r="N67085" s="10"/>
    </row>
    <row r="67086" spans="14:14">
      <c r="N67086" s="10"/>
    </row>
    <row r="67087" spans="14:14">
      <c r="N67087" s="10"/>
    </row>
    <row r="67088" spans="14:14">
      <c r="N67088" s="10"/>
    </row>
    <row r="67089" spans="14:14">
      <c r="N67089" s="10"/>
    </row>
    <row r="67090" spans="14:14">
      <c r="N67090" s="10"/>
    </row>
    <row r="67091" spans="14:14">
      <c r="N67091" s="10"/>
    </row>
    <row r="67092" spans="14:14">
      <c r="N67092" s="10"/>
    </row>
    <row r="67093" spans="14:14">
      <c r="N67093" s="10"/>
    </row>
    <row r="67094" spans="14:14">
      <c r="N67094" s="10"/>
    </row>
    <row r="67095" spans="14:14">
      <c r="N67095" s="10"/>
    </row>
    <row r="67096" spans="14:14">
      <c r="N67096" s="10"/>
    </row>
    <row r="67097" spans="14:14">
      <c r="N67097" s="10"/>
    </row>
    <row r="67098" spans="14:14">
      <c r="N67098" s="10"/>
    </row>
    <row r="67099" spans="14:14">
      <c r="N67099" s="10"/>
    </row>
    <row r="67100" spans="14:14">
      <c r="N67100" s="10"/>
    </row>
    <row r="67101" spans="14:14">
      <c r="N67101" s="10"/>
    </row>
    <row r="67102" spans="14:14">
      <c r="N67102" s="10"/>
    </row>
    <row r="67103" spans="14:14">
      <c r="N67103" s="10"/>
    </row>
    <row r="67104" spans="14:14">
      <c r="N67104" s="10"/>
    </row>
    <row r="67105" spans="14:14">
      <c r="N67105" s="10"/>
    </row>
    <row r="67106" spans="14:14">
      <c r="N67106" s="10"/>
    </row>
    <row r="67107" spans="14:14">
      <c r="N67107" s="10"/>
    </row>
    <row r="67108" spans="14:14">
      <c r="N67108" s="10"/>
    </row>
    <row r="67109" spans="14:14">
      <c r="N67109" s="10"/>
    </row>
    <row r="67110" spans="14:14">
      <c r="N67110" s="10"/>
    </row>
    <row r="67111" spans="14:14">
      <c r="N67111" s="10"/>
    </row>
    <row r="67112" spans="14:14">
      <c r="N67112" s="10"/>
    </row>
    <row r="67113" spans="14:14">
      <c r="N67113" s="10"/>
    </row>
    <row r="67114" spans="14:14">
      <c r="N67114" s="10"/>
    </row>
    <row r="67115" spans="14:14">
      <c r="N67115" s="10"/>
    </row>
    <row r="67116" spans="14:14">
      <c r="N67116" s="10"/>
    </row>
    <row r="67117" spans="14:14">
      <c r="N67117" s="10"/>
    </row>
    <row r="67118" spans="14:14">
      <c r="N67118" s="10"/>
    </row>
    <row r="67119" spans="14:14">
      <c r="N67119" s="10"/>
    </row>
    <row r="67120" spans="14:14">
      <c r="N67120" s="10"/>
    </row>
    <row r="67121" spans="14:14">
      <c r="N67121" s="10"/>
    </row>
    <row r="67122" spans="14:14">
      <c r="N67122" s="10"/>
    </row>
    <row r="67123" spans="14:14">
      <c r="N67123" s="10"/>
    </row>
    <row r="67124" spans="14:14">
      <c r="N67124" s="10"/>
    </row>
    <row r="67125" spans="14:14">
      <c r="N67125" s="10"/>
    </row>
    <row r="67126" spans="14:14">
      <c r="N67126" s="10"/>
    </row>
    <row r="67127" spans="14:14">
      <c r="N67127" s="10"/>
    </row>
    <row r="67128" spans="14:14">
      <c r="N67128" s="10"/>
    </row>
    <row r="67129" spans="14:14">
      <c r="N67129" s="10"/>
    </row>
    <row r="67130" spans="14:14">
      <c r="N67130" s="10"/>
    </row>
    <row r="67131" spans="14:14">
      <c r="N67131" s="10"/>
    </row>
    <row r="67132" spans="14:14">
      <c r="N67132" s="10"/>
    </row>
    <row r="67133" spans="14:14">
      <c r="N67133" s="10"/>
    </row>
    <row r="67134" spans="14:14">
      <c r="N67134" s="10"/>
    </row>
    <row r="67135" spans="14:14">
      <c r="N67135" s="10"/>
    </row>
    <row r="67136" spans="14:14">
      <c r="N67136" s="10"/>
    </row>
    <row r="67137" spans="14:14">
      <c r="N67137" s="10"/>
    </row>
    <row r="67138" spans="14:14">
      <c r="N67138" s="10"/>
    </row>
    <row r="67139" spans="14:14">
      <c r="N67139" s="10"/>
    </row>
    <row r="67140" spans="14:14">
      <c r="N67140" s="10"/>
    </row>
    <row r="67141" spans="14:14">
      <c r="N67141" s="10"/>
    </row>
    <row r="67142" spans="14:14">
      <c r="N67142" s="10"/>
    </row>
    <row r="67143" spans="14:14">
      <c r="N67143" s="10"/>
    </row>
    <row r="67144" spans="14:14">
      <c r="N67144" s="10"/>
    </row>
    <row r="67145" spans="14:14">
      <c r="N67145" s="10"/>
    </row>
    <row r="67146" spans="14:14">
      <c r="N67146" s="10"/>
    </row>
    <row r="67147" spans="14:14">
      <c r="N67147" s="10"/>
    </row>
    <row r="67148" spans="14:14">
      <c r="N67148" s="10"/>
    </row>
    <row r="67149" spans="14:14">
      <c r="N67149" s="10"/>
    </row>
    <row r="67150" spans="14:14">
      <c r="N67150" s="10"/>
    </row>
    <row r="67151" spans="14:14">
      <c r="N67151" s="10"/>
    </row>
    <row r="67152" spans="14:14">
      <c r="N67152" s="10"/>
    </row>
    <row r="67153" spans="14:14">
      <c r="N67153" s="10"/>
    </row>
    <row r="67154" spans="14:14">
      <c r="N67154" s="10"/>
    </row>
    <row r="67155" spans="14:14">
      <c r="N67155" s="10"/>
    </row>
    <row r="67156" spans="14:14">
      <c r="N67156" s="10"/>
    </row>
    <row r="67157" spans="14:14">
      <c r="N67157" s="10"/>
    </row>
    <row r="67158" spans="14:14">
      <c r="N67158" s="10"/>
    </row>
    <row r="67159" spans="14:14">
      <c r="N67159" s="10"/>
    </row>
    <row r="67160" spans="14:14">
      <c r="N67160" s="10"/>
    </row>
    <row r="67161" spans="14:14">
      <c r="N67161" s="10"/>
    </row>
    <row r="67162" spans="14:14">
      <c r="N67162" s="10"/>
    </row>
    <row r="67163" spans="14:14">
      <c r="N67163" s="10"/>
    </row>
    <row r="67164" spans="14:14">
      <c r="N67164" s="10"/>
    </row>
    <row r="67165" spans="14:14">
      <c r="N67165" s="10"/>
    </row>
    <row r="67166" spans="14:14">
      <c r="N67166" s="10"/>
    </row>
    <row r="67167" spans="14:14">
      <c r="N67167" s="10"/>
    </row>
    <row r="67168" spans="14:14">
      <c r="N67168" s="10"/>
    </row>
    <row r="67169" spans="14:14">
      <c r="N67169" s="10"/>
    </row>
    <row r="67170" spans="14:14">
      <c r="N67170" s="10"/>
    </row>
    <row r="67171" spans="14:14">
      <c r="N67171" s="10"/>
    </row>
    <row r="67172" spans="14:14">
      <c r="N67172" s="10"/>
    </row>
    <row r="67173" spans="14:14">
      <c r="N67173" s="10"/>
    </row>
    <row r="67174" spans="14:14">
      <c r="N67174" s="10"/>
    </row>
    <row r="67175" spans="14:14">
      <c r="N67175" s="10"/>
    </row>
    <row r="67176" spans="14:14">
      <c r="N67176" s="10"/>
    </row>
    <row r="67177" spans="14:14">
      <c r="N67177" s="10"/>
    </row>
    <row r="67178" spans="14:14">
      <c r="N67178" s="10"/>
    </row>
    <row r="67179" spans="14:14">
      <c r="N67179" s="10"/>
    </row>
    <row r="67180" spans="14:14">
      <c r="N67180" s="10"/>
    </row>
    <row r="67181" spans="14:14">
      <c r="N67181" s="10"/>
    </row>
    <row r="67182" spans="14:14">
      <c r="N67182" s="10"/>
    </row>
    <row r="67183" spans="14:14">
      <c r="N67183" s="10"/>
    </row>
    <row r="67184" spans="14:14">
      <c r="N67184" s="10"/>
    </row>
    <row r="67185" spans="14:14">
      <c r="N67185" s="10"/>
    </row>
    <row r="67186" spans="14:14">
      <c r="N67186" s="10"/>
    </row>
    <row r="67187" spans="14:14">
      <c r="N67187" s="10"/>
    </row>
    <row r="67188" spans="14:14">
      <c r="N67188" s="10"/>
    </row>
    <row r="67189" spans="14:14">
      <c r="N67189" s="10"/>
    </row>
    <row r="67190" spans="14:14">
      <c r="N67190" s="10"/>
    </row>
    <row r="67191" spans="14:14">
      <c r="N67191" s="10"/>
    </row>
    <row r="67192" spans="14:14">
      <c r="N67192" s="10"/>
    </row>
    <row r="67193" spans="14:14">
      <c r="N67193" s="10"/>
    </row>
    <row r="67194" spans="14:14">
      <c r="N67194" s="10"/>
    </row>
    <row r="67195" spans="14:14">
      <c r="N67195" s="10"/>
    </row>
    <row r="67196" spans="14:14">
      <c r="N67196" s="10"/>
    </row>
    <row r="67197" spans="14:14">
      <c r="N67197" s="10"/>
    </row>
    <row r="67198" spans="14:14">
      <c r="N67198" s="10"/>
    </row>
    <row r="67199" spans="14:14">
      <c r="N67199" s="10"/>
    </row>
    <row r="67200" spans="14:14">
      <c r="N67200" s="10"/>
    </row>
    <row r="67201" spans="14:14">
      <c r="N67201" s="10"/>
    </row>
    <row r="67202" spans="14:14">
      <c r="N67202" s="10"/>
    </row>
    <row r="67203" spans="14:14">
      <c r="N67203" s="10"/>
    </row>
    <row r="67204" spans="14:14">
      <c r="N67204" s="10"/>
    </row>
    <row r="67205" spans="14:14">
      <c r="N67205" s="10"/>
    </row>
    <row r="67206" spans="14:14">
      <c r="N67206" s="10"/>
    </row>
    <row r="67207" spans="14:14">
      <c r="N67207" s="10"/>
    </row>
    <row r="67208" spans="14:14">
      <c r="N67208" s="10"/>
    </row>
    <row r="67209" spans="14:14">
      <c r="N67209" s="10"/>
    </row>
    <row r="67210" spans="14:14">
      <c r="N67210" s="10"/>
    </row>
    <row r="67211" spans="14:14">
      <c r="N67211" s="10"/>
    </row>
    <row r="67212" spans="14:14">
      <c r="N67212" s="10"/>
    </row>
    <row r="67213" spans="14:14">
      <c r="N67213" s="10"/>
    </row>
    <row r="67214" spans="14:14">
      <c r="N67214" s="10"/>
    </row>
    <row r="67215" spans="14:14">
      <c r="N67215" s="10"/>
    </row>
    <row r="67216" spans="14:14">
      <c r="N67216" s="10"/>
    </row>
    <row r="67217" spans="14:14">
      <c r="N67217" s="10"/>
    </row>
    <row r="67218" spans="14:14">
      <c r="N67218" s="10"/>
    </row>
    <row r="67219" spans="14:14">
      <c r="N67219" s="10"/>
    </row>
    <row r="67220" spans="14:14">
      <c r="N67220" s="10"/>
    </row>
    <row r="67221" spans="14:14">
      <c r="N67221" s="10"/>
    </row>
    <row r="67222" spans="14:14">
      <c r="N67222" s="10"/>
    </row>
    <row r="67223" spans="14:14">
      <c r="N67223" s="10"/>
    </row>
    <row r="67224" spans="14:14">
      <c r="N67224" s="10"/>
    </row>
    <row r="67225" spans="14:14">
      <c r="N67225" s="10"/>
    </row>
    <row r="67226" spans="14:14">
      <c r="N67226" s="10"/>
    </row>
    <row r="67227" spans="14:14">
      <c r="N67227" s="10"/>
    </row>
    <row r="67228" spans="14:14">
      <c r="N67228" s="10"/>
    </row>
    <row r="67229" spans="14:14">
      <c r="N67229" s="10"/>
    </row>
    <row r="67230" spans="14:14">
      <c r="N67230" s="10"/>
    </row>
    <row r="67231" spans="14:14">
      <c r="N67231" s="10"/>
    </row>
    <row r="67232" spans="14:14">
      <c r="N67232" s="10"/>
    </row>
    <row r="67233" spans="14:14">
      <c r="N67233" s="10"/>
    </row>
    <row r="67234" spans="14:14">
      <c r="N67234" s="10"/>
    </row>
    <row r="67235" spans="14:14">
      <c r="N67235" s="10"/>
    </row>
    <row r="67236" spans="14:14">
      <c r="N67236" s="10"/>
    </row>
    <row r="67237" spans="14:14">
      <c r="N67237" s="10"/>
    </row>
    <row r="67238" spans="14:14">
      <c r="N67238" s="10"/>
    </row>
    <row r="67239" spans="14:14">
      <c r="N67239" s="10"/>
    </row>
    <row r="67240" spans="14:14">
      <c r="N67240" s="10"/>
    </row>
    <row r="67241" spans="14:14">
      <c r="N67241" s="10"/>
    </row>
    <row r="67242" spans="14:14">
      <c r="N67242" s="10"/>
    </row>
    <row r="67243" spans="14:14">
      <c r="N67243" s="10"/>
    </row>
    <row r="67244" spans="14:14">
      <c r="N67244" s="10"/>
    </row>
    <row r="67245" spans="14:14">
      <c r="N67245" s="10"/>
    </row>
    <row r="67246" spans="14:14">
      <c r="N67246" s="10"/>
    </row>
    <row r="67247" spans="14:14">
      <c r="N67247" s="10"/>
    </row>
    <row r="67248" spans="14:14">
      <c r="N67248" s="10"/>
    </row>
    <row r="67249" spans="14:14">
      <c r="N67249" s="10"/>
    </row>
    <row r="67250" spans="14:14">
      <c r="N67250" s="10"/>
    </row>
    <row r="67251" spans="14:14">
      <c r="N67251" s="10"/>
    </row>
    <row r="67252" spans="14:14">
      <c r="N67252" s="10"/>
    </row>
    <row r="67253" spans="14:14">
      <c r="N67253" s="10"/>
    </row>
    <row r="67254" spans="14:14">
      <c r="N67254" s="10"/>
    </row>
    <row r="67255" spans="14:14">
      <c r="N67255" s="10"/>
    </row>
    <row r="67256" spans="14:14">
      <c r="N67256" s="10"/>
    </row>
    <row r="67257" spans="14:14">
      <c r="N67257" s="10"/>
    </row>
    <row r="67258" spans="14:14">
      <c r="N67258" s="10"/>
    </row>
    <row r="67259" spans="14:14">
      <c r="N67259" s="10"/>
    </row>
    <row r="67260" spans="14:14">
      <c r="N67260" s="10"/>
    </row>
    <row r="67261" spans="14:14">
      <c r="N67261" s="10"/>
    </row>
    <row r="67262" spans="14:14">
      <c r="N67262" s="10"/>
    </row>
    <row r="67263" spans="14:14">
      <c r="N67263" s="10"/>
    </row>
    <row r="67264" spans="14:14">
      <c r="N67264" s="10"/>
    </row>
    <row r="67265" spans="14:14">
      <c r="N67265" s="10"/>
    </row>
    <row r="67266" spans="14:14">
      <c r="N67266" s="10"/>
    </row>
    <row r="67267" spans="14:14">
      <c r="N67267" s="10"/>
    </row>
    <row r="67268" spans="14:14">
      <c r="N67268" s="10"/>
    </row>
    <row r="67269" spans="14:14">
      <c r="N67269" s="10"/>
    </row>
    <row r="67270" spans="14:14">
      <c r="N67270" s="10"/>
    </row>
    <row r="67271" spans="14:14">
      <c r="N67271" s="10"/>
    </row>
    <row r="67272" spans="14:14">
      <c r="N67272" s="10"/>
    </row>
    <row r="67273" spans="14:14">
      <c r="N67273" s="10"/>
    </row>
    <row r="67274" spans="14:14">
      <c r="N67274" s="10"/>
    </row>
    <row r="67275" spans="14:14">
      <c r="N67275" s="10"/>
    </row>
    <row r="67276" spans="14:14">
      <c r="N67276" s="10"/>
    </row>
    <row r="67277" spans="14:14">
      <c r="N67277" s="10"/>
    </row>
    <row r="67278" spans="14:14">
      <c r="N67278" s="10"/>
    </row>
    <row r="67279" spans="14:14">
      <c r="N67279" s="10"/>
    </row>
    <row r="67280" spans="14:14">
      <c r="N67280" s="10"/>
    </row>
    <row r="67281" spans="14:14">
      <c r="N67281" s="10"/>
    </row>
    <row r="67282" spans="14:14">
      <c r="N67282" s="10"/>
    </row>
    <row r="67283" spans="14:14">
      <c r="N67283" s="10"/>
    </row>
    <row r="67284" spans="14:14">
      <c r="N67284" s="10"/>
    </row>
    <row r="67285" spans="14:14">
      <c r="N67285" s="10"/>
    </row>
    <row r="67286" spans="14:14">
      <c r="N67286" s="10"/>
    </row>
    <row r="67287" spans="14:14">
      <c r="N67287" s="10"/>
    </row>
    <row r="67288" spans="14:14">
      <c r="N67288" s="10"/>
    </row>
    <row r="67289" spans="14:14">
      <c r="N67289" s="10"/>
    </row>
    <row r="67290" spans="14:14">
      <c r="N67290" s="10"/>
    </row>
    <row r="67291" spans="14:14">
      <c r="N67291" s="10"/>
    </row>
    <row r="67292" spans="14:14">
      <c r="N67292" s="10"/>
    </row>
    <row r="67293" spans="14:14">
      <c r="N67293" s="10"/>
    </row>
    <row r="67294" spans="14:14">
      <c r="N67294" s="10"/>
    </row>
    <row r="67295" spans="14:14">
      <c r="N67295" s="10"/>
    </row>
    <row r="67296" spans="14:14">
      <c r="N67296" s="10"/>
    </row>
    <row r="67297" spans="14:14">
      <c r="N67297" s="10"/>
    </row>
    <row r="67298" spans="14:14">
      <c r="N67298" s="10"/>
    </row>
    <row r="67299" spans="14:14">
      <c r="N67299" s="10"/>
    </row>
    <row r="67300" spans="14:14">
      <c r="N67300" s="10"/>
    </row>
    <row r="67301" spans="14:14">
      <c r="N67301" s="10"/>
    </row>
    <row r="67302" spans="14:14">
      <c r="N67302" s="10"/>
    </row>
    <row r="67303" spans="14:14">
      <c r="N67303" s="10"/>
    </row>
    <row r="67304" spans="14:14">
      <c r="N67304" s="10"/>
    </row>
    <row r="67305" spans="14:14">
      <c r="N67305" s="10"/>
    </row>
    <row r="67306" spans="14:14">
      <c r="N67306" s="10"/>
    </row>
    <row r="67307" spans="14:14">
      <c r="N67307" s="10"/>
    </row>
    <row r="67308" spans="14:14">
      <c r="N67308" s="10"/>
    </row>
    <row r="67309" spans="14:14">
      <c r="N67309" s="10"/>
    </row>
    <row r="67310" spans="14:14">
      <c r="N67310" s="10"/>
    </row>
    <row r="67311" spans="14:14">
      <c r="N67311" s="10"/>
    </row>
    <row r="67312" spans="14:14">
      <c r="N67312" s="10"/>
    </row>
    <row r="67313" spans="14:14">
      <c r="N67313" s="10"/>
    </row>
    <row r="67314" spans="14:14">
      <c r="N67314" s="10"/>
    </row>
    <row r="67315" spans="14:14">
      <c r="N67315" s="10"/>
    </row>
    <row r="67316" spans="14:14">
      <c r="N67316" s="10"/>
    </row>
    <row r="67317" spans="14:14">
      <c r="N67317" s="10"/>
    </row>
    <row r="67318" spans="14:14">
      <c r="N67318" s="10"/>
    </row>
    <row r="67319" spans="14:14">
      <c r="N67319" s="10"/>
    </row>
    <row r="67320" spans="14:14">
      <c r="N67320" s="10"/>
    </row>
    <row r="67321" spans="14:14">
      <c r="N67321" s="10"/>
    </row>
    <row r="67322" spans="14:14">
      <c r="N67322" s="10"/>
    </row>
    <row r="67323" spans="14:14">
      <c r="N67323" s="10"/>
    </row>
    <row r="67324" spans="14:14">
      <c r="N67324" s="10"/>
    </row>
    <row r="67325" spans="14:14">
      <c r="N67325" s="10"/>
    </row>
    <row r="67326" spans="14:14">
      <c r="N67326" s="10"/>
    </row>
    <row r="67327" spans="14:14">
      <c r="N67327" s="10"/>
    </row>
    <row r="67328" spans="14:14">
      <c r="N67328" s="10"/>
    </row>
    <row r="67329" spans="14:14">
      <c r="N67329" s="10"/>
    </row>
    <row r="67330" spans="14:14">
      <c r="N67330" s="10"/>
    </row>
    <row r="67331" spans="14:14">
      <c r="N67331" s="10"/>
    </row>
    <row r="67332" spans="14:14">
      <c r="N67332" s="10"/>
    </row>
    <row r="67333" spans="14:14">
      <c r="N67333" s="10"/>
    </row>
    <row r="67334" spans="14:14">
      <c r="N67334" s="10"/>
    </row>
    <row r="67335" spans="14:14">
      <c r="N67335" s="10"/>
    </row>
    <row r="67336" spans="14:14">
      <c r="N67336" s="10"/>
    </row>
    <row r="67337" spans="14:14">
      <c r="N67337" s="10"/>
    </row>
    <row r="67338" spans="14:14">
      <c r="N67338" s="10"/>
    </row>
    <row r="67339" spans="14:14">
      <c r="N67339" s="10"/>
    </row>
    <row r="67340" spans="14:14">
      <c r="N67340" s="10"/>
    </row>
    <row r="67341" spans="14:14">
      <c r="N67341" s="10"/>
    </row>
    <row r="67342" spans="14:14">
      <c r="N67342" s="10"/>
    </row>
    <row r="67343" spans="14:14">
      <c r="N67343" s="10"/>
    </row>
    <row r="67344" spans="14:14">
      <c r="N67344" s="10"/>
    </row>
    <row r="67345" spans="14:14">
      <c r="N67345" s="10"/>
    </row>
    <row r="67346" spans="14:14">
      <c r="N67346" s="10"/>
    </row>
    <row r="67347" spans="14:14">
      <c r="N67347" s="10"/>
    </row>
    <row r="67348" spans="14:14">
      <c r="N67348" s="10"/>
    </row>
    <row r="67349" spans="14:14">
      <c r="N67349" s="10"/>
    </row>
    <row r="67350" spans="14:14">
      <c r="N67350" s="10"/>
    </row>
    <row r="67351" spans="14:14">
      <c r="N67351" s="10"/>
    </row>
    <row r="67352" spans="14:14">
      <c r="N67352" s="10"/>
    </row>
    <row r="67353" spans="14:14">
      <c r="N67353" s="10"/>
    </row>
    <row r="67354" spans="14:14">
      <c r="N67354" s="10"/>
    </row>
    <row r="67355" spans="14:14">
      <c r="N67355" s="10"/>
    </row>
    <row r="67356" spans="14:14">
      <c r="N67356" s="10"/>
    </row>
    <row r="67357" spans="14:14">
      <c r="N67357" s="10"/>
    </row>
    <row r="67358" spans="14:14">
      <c r="N67358" s="10"/>
    </row>
    <row r="67359" spans="14:14">
      <c r="N67359" s="10"/>
    </row>
    <row r="67360" spans="14:14">
      <c r="N67360" s="10"/>
    </row>
    <row r="67361" spans="14:14">
      <c r="N67361" s="10"/>
    </row>
    <row r="67362" spans="14:14">
      <c r="N67362" s="10"/>
    </row>
    <row r="67363" spans="14:14">
      <c r="N67363" s="10"/>
    </row>
    <row r="67364" spans="14:14">
      <c r="N67364" s="10"/>
    </row>
    <row r="67365" spans="14:14">
      <c r="N67365" s="10"/>
    </row>
    <row r="67366" spans="14:14">
      <c r="N67366" s="10"/>
    </row>
    <row r="67367" spans="14:14">
      <c r="N67367" s="10"/>
    </row>
    <row r="67368" spans="14:14">
      <c r="N67368" s="10"/>
    </row>
    <row r="67369" spans="14:14">
      <c r="N67369" s="10"/>
    </row>
    <row r="67370" spans="14:14">
      <c r="N67370" s="10"/>
    </row>
    <row r="67371" spans="14:14">
      <c r="N67371" s="10"/>
    </row>
    <row r="67372" spans="14:14">
      <c r="N67372" s="10"/>
    </row>
    <row r="67373" spans="14:14">
      <c r="N67373" s="10"/>
    </row>
    <row r="67374" spans="14:14">
      <c r="N67374" s="10"/>
    </row>
    <row r="67375" spans="14:14">
      <c r="N67375" s="10"/>
    </row>
    <row r="67376" spans="14:14">
      <c r="N67376" s="10"/>
    </row>
    <row r="67377" spans="14:14">
      <c r="N67377" s="10"/>
    </row>
    <row r="67378" spans="14:14">
      <c r="N67378" s="10"/>
    </row>
    <row r="67379" spans="14:14">
      <c r="N67379" s="10"/>
    </row>
    <row r="67380" spans="14:14">
      <c r="N67380" s="10"/>
    </row>
    <row r="67381" spans="14:14">
      <c r="N67381" s="10"/>
    </row>
    <row r="67382" spans="14:14">
      <c r="N67382" s="10"/>
    </row>
    <row r="67383" spans="14:14">
      <c r="N67383" s="10"/>
    </row>
    <row r="67384" spans="14:14">
      <c r="N67384" s="10"/>
    </row>
    <row r="67385" spans="14:14">
      <c r="N67385" s="10"/>
    </row>
    <row r="67386" spans="14:14">
      <c r="N67386" s="10"/>
    </row>
    <row r="67387" spans="14:14">
      <c r="N67387" s="10"/>
    </row>
    <row r="67388" spans="14:14">
      <c r="N67388" s="10"/>
    </row>
    <row r="67389" spans="14:14">
      <c r="N67389" s="10"/>
    </row>
    <row r="67390" spans="14:14">
      <c r="N67390" s="10"/>
    </row>
    <row r="67391" spans="14:14">
      <c r="N67391" s="10"/>
    </row>
    <row r="67392" spans="14:14">
      <c r="N67392" s="10"/>
    </row>
    <row r="67393" spans="14:14">
      <c r="N67393" s="10"/>
    </row>
    <row r="67394" spans="14:14">
      <c r="N67394" s="10"/>
    </row>
    <row r="67395" spans="14:14">
      <c r="N67395" s="10"/>
    </row>
    <row r="67396" spans="14:14">
      <c r="N67396" s="10"/>
    </row>
    <row r="67397" spans="14:14">
      <c r="N67397" s="10"/>
    </row>
    <row r="67398" spans="14:14">
      <c r="N67398" s="10"/>
    </row>
    <row r="67399" spans="14:14">
      <c r="N67399" s="10"/>
    </row>
    <row r="67400" spans="14:14">
      <c r="N67400" s="10"/>
    </row>
    <row r="67401" spans="14:14">
      <c r="N67401" s="10"/>
    </row>
    <row r="67402" spans="14:14">
      <c r="N67402" s="10"/>
    </row>
    <row r="67403" spans="14:14">
      <c r="N67403" s="10"/>
    </row>
    <row r="67404" spans="14:14">
      <c r="N67404" s="10"/>
    </row>
    <row r="67405" spans="14:14">
      <c r="N67405" s="10"/>
    </row>
    <row r="67406" spans="14:14">
      <c r="N67406" s="10"/>
    </row>
    <row r="67407" spans="14:14">
      <c r="N67407" s="10"/>
    </row>
    <row r="67408" spans="14:14">
      <c r="N67408" s="10"/>
    </row>
    <row r="67409" spans="14:14">
      <c r="N67409" s="10"/>
    </row>
    <row r="67410" spans="14:14">
      <c r="N67410" s="10"/>
    </row>
    <row r="67411" spans="14:14">
      <c r="N67411" s="10"/>
    </row>
    <row r="67412" spans="14:14">
      <c r="N67412" s="10"/>
    </row>
    <row r="67413" spans="14:14">
      <c r="N67413" s="10"/>
    </row>
    <row r="67414" spans="14:14">
      <c r="N67414" s="10"/>
    </row>
    <row r="67415" spans="14:14">
      <c r="N67415" s="10"/>
    </row>
    <row r="67416" spans="14:14">
      <c r="N67416" s="10"/>
    </row>
    <row r="67417" spans="14:14">
      <c r="N67417" s="10"/>
    </row>
    <row r="67418" spans="14:14">
      <c r="N67418" s="10"/>
    </row>
    <row r="67419" spans="14:14">
      <c r="N67419" s="10"/>
    </row>
    <row r="67420" spans="14:14">
      <c r="N67420" s="10"/>
    </row>
    <row r="67421" spans="14:14">
      <c r="N67421" s="10"/>
    </row>
    <row r="67422" spans="14:14">
      <c r="N67422" s="10"/>
    </row>
    <row r="67423" spans="14:14">
      <c r="N67423" s="10"/>
    </row>
    <row r="67424" spans="14:14">
      <c r="N67424" s="10"/>
    </row>
    <row r="67425" spans="14:14">
      <c r="N67425" s="10"/>
    </row>
    <row r="67426" spans="14:14">
      <c r="N67426" s="10"/>
    </row>
    <row r="67427" spans="14:14">
      <c r="N67427" s="10"/>
    </row>
    <row r="67428" spans="14:14">
      <c r="N67428" s="10"/>
    </row>
    <row r="67429" spans="14:14">
      <c r="N67429" s="10"/>
    </row>
    <row r="67430" spans="14:14">
      <c r="N67430" s="10"/>
    </row>
    <row r="67431" spans="14:14">
      <c r="N67431" s="10"/>
    </row>
    <row r="67432" spans="14:14">
      <c r="N67432" s="10"/>
    </row>
    <row r="67433" spans="14:14">
      <c r="N67433" s="10"/>
    </row>
    <row r="67434" spans="14:14">
      <c r="N67434" s="10"/>
    </row>
    <row r="67435" spans="14:14">
      <c r="N67435" s="10"/>
    </row>
    <row r="67436" spans="14:14">
      <c r="N67436" s="10"/>
    </row>
    <row r="67437" spans="14:14">
      <c r="N67437" s="10"/>
    </row>
    <row r="67438" spans="14:14">
      <c r="N67438" s="10"/>
    </row>
    <row r="67439" spans="14:14">
      <c r="N67439" s="10"/>
    </row>
    <row r="67440" spans="14:14">
      <c r="N67440" s="10"/>
    </row>
    <row r="67441" spans="14:14">
      <c r="N67441" s="10"/>
    </row>
    <row r="67442" spans="14:14">
      <c r="N67442" s="10"/>
    </row>
    <row r="67443" spans="14:14">
      <c r="N67443" s="10"/>
    </row>
    <row r="67444" spans="14:14">
      <c r="N67444" s="10"/>
    </row>
    <row r="67445" spans="14:14">
      <c r="N67445" s="10"/>
    </row>
    <row r="67446" spans="14:14">
      <c r="N67446" s="10"/>
    </row>
    <row r="67447" spans="14:14">
      <c r="N67447" s="10"/>
    </row>
    <row r="67448" spans="14:14">
      <c r="N67448" s="10"/>
    </row>
    <row r="67449" spans="14:14">
      <c r="N67449" s="10"/>
    </row>
    <row r="67450" spans="14:14">
      <c r="N67450" s="10"/>
    </row>
    <row r="67451" spans="14:14">
      <c r="N67451" s="10"/>
    </row>
    <row r="67452" spans="14:14">
      <c r="N67452" s="10"/>
    </row>
    <row r="67453" spans="14:14">
      <c r="N67453" s="10"/>
    </row>
    <row r="67454" spans="14:14">
      <c r="N67454" s="10"/>
    </row>
    <row r="67455" spans="14:14">
      <c r="N67455" s="10"/>
    </row>
    <row r="67456" spans="14:14">
      <c r="N67456" s="10"/>
    </row>
    <row r="67457" spans="14:14">
      <c r="N67457" s="10"/>
    </row>
    <row r="67458" spans="14:14">
      <c r="N67458" s="10"/>
    </row>
    <row r="67459" spans="14:14">
      <c r="N67459" s="10"/>
    </row>
    <row r="67460" spans="14:14">
      <c r="N67460" s="10"/>
    </row>
    <row r="67461" spans="14:14">
      <c r="N67461" s="10"/>
    </row>
    <row r="67462" spans="14:14">
      <c r="N67462" s="10"/>
    </row>
    <row r="67463" spans="14:14">
      <c r="N67463" s="10"/>
    </row>
    <row r="67464" spans="14:14">
      <c r="N67464" s="10"/>
    </row>
    <row r="67465" spans="14:14">
      <c r="N67465" s="10"/>
    </row>
    <row r="67466" spans="14:14">
      <c r="N67466" s="10"/>
    </row>
    <row r="67467" spans="14:14">
      <c r="N67467" s="10"/>
    </row>
    <row r="67468" spans="14:14">
      <c r="N67468" s="10"/>
    </row>
    <row r="67469" spans="14:14">
      <c r="N67469" s="10"/>
    </row>
    <row r="67470" spans="14:14">
      <c r="N67470" s="10"/>
    </row>
    <row r="67471" spans="14:14">
      <c r="N67471" s="10"/>
    </row>
    <row r="67472" spans="14:14">
      <c r="N67472" s="10"/>
    </row>
    <row r="67473" spans="14:14">
      <c r="N67473" s="10"/>
    </row>
    <row r="67474" spans="14:14">
      <c r="N67474" s="10"/>
    </row>
    <row r="67475" spans="14:14">
      <c r="N67475" s="10"/>
    </row>
    <row r="67476" spans="14:14">
      <c r="N67476" s="10"/>
    </row>
    <row r="67477" spans="14:14">
      <c r="N67477" s="10"/>
    </row>
    <row r="67478" spans="14:14">
      <c r="N67478" s="10"/>
    </row>
    <row r="67479" spans="14:14">
      <c r="N67479" s="10"/>
    </row>
    <row r="67480" spans="14:14">
      <c r="N67480" s="10"/>
    </row>
    <row r="67481" spans="14:14">
      <c r="N67481" s="10"/>
    </row>
    <row r="67482" spans="14:14">
      <c r="N67482" s="10"/>
    </row>
    <row r="67483" spans="14:14">
      <c r="N67483" s="10"/>
    </row>
    <row r="67484" spans="14:14">
      <c r="N67484" s="10"/>
    </row>
    <row r="67485" spans="14:14">
      <c r="N67485" s="10"/>
    </row>
    <row r="67486" spans="14:14">
      <c r="N67486" s="10"/>
    </row>
    <row r="67487" spans="14:14">
      <c r="N67487" s="10"/>
    </row>
    <row r="67488" spans="14:14">
      <c r="N67488" s="10"/>
    </row>
    <row r="67489" spans="14:14">
      <c r="N67489" s="10"/>
    </row>
    <row r="67490" spans="14:14">
      <c r="N67490" s="10"/>
    </row>
    <row r="67491" spans="14:14">
      <c r="N67491" s="10"/>
    </row>
    <row r="67492" spans="14:14">
      <c r="N67492" s="10"/>
    </row>
    <row r="67493" spans="14:14">
      <c r="N67493" s="10"/>
    </row>
    <row r="67494" spans="14:14">
      <c r="N67494" s="10"/>
    </row>
    <row r="67495" spans="14:14">
      <c r="N67495" s="10"/>
    </row>
    <row r="67496" spans="14:14">
      <c r="N67496" s="10"/>
    </row>
    <row r="67497" spans="14:14">
      <c r="N67497" s="10"/>
    </row>
    <row r="67498" spans="14:14">
      <c r="N67498" s="10"/>
    </row>
    <row r="67499" spans="14:14">
      <c r="N67499" s="10"/>
    </row>
    <row r="67500" spans="14:14">
      <c r="N67500" s="10"/>
    </row>
    <row r="67501" spans="14:14">
      <c r="N67501" s="10"/>
    </row>
    <row r="67502" spans="14:14">
      <c r="N67502" s="10"/>
    </row>
    <row r="67503" spans="14:14">
      <c r="N67503" s="10"/>
    </row>
    <row r="67504" spans="14:14">
      <c r="N67504" s="10"/>
    </row>
    <row r="67505" spans="14:14">
      <c r="N67505" s="10"/>
    </row>
    <row r="67506" spans="14:14">
      <c r="N67506" s="10"/>
    </row>
    <row r="67507" spans="14:14">
      <c r="N67507" s="10"/>
    </row>
    <row r="67508" spans="14:14">
      <c r="N67508" s="10"/>
    </row>
    <row r="67509" spans="14:14">
      <c r="N67509" s="10"/>
    </row>
    <row r="67510" spans="14:14">
      <c r="N67510" s="10"/>
    </row>
    <row r="67511" spans="14:14">
      <c r="N67511" s="10"/>
    </row>
    <row r="67512" spans="14:14">
      <c r="N67512" s="10"/>
    </row>
    <row r="67513" spans="14:14">
      <c r="N67513" s="10"/>
    </row>
    <row r="67514" spans="14:14">
      <c r="N67514" s="10"/>
    </row>
    <row r="67515" spans="14:14">
      <c r="N67515" s="10"/>
    </row>
    <row r="67516" spans="14:14">
      <c r="N67516" s="10"/>
    </row>
    <row r="67517" spans="14:14">
      <c r="N67517" s="10"/>
    </row>
    <row r="67518" spans="14:14">
      <c r="N67518" s="10"/>
    </row>
    <row r="67519" spans="14:14">
      <c r="N67519" s="10"/>
    </row>
    <row r="67520" spans="14:14">
      <c r="N67520" s="10"/>
    </row>
    <row r="67521" spans="14:14">
      <c r="N67521" s="10"/>
    </row>
    <row r="67522" spans="14:14">
      <c r="N67522" s="10"/>
    </row>
    <row r="67523" spans="14:14">
      <c r="N67523" s="10"/>
    </row>
    <row r="67524" spans="14:14">
      <c r="N67524" s="10"/>
    </row>
    <row r="67525" spans="14:14">
      <c r="N67525" s="10"/>
    </row>
    <row r="67526" spans="14:14">
      <c r="N67526" s="10"/>
    </row>
    <row r="67527" spans="14:14">
      <c r="N67527" s="10"/>
    </row>
    <row r="67528" spans="14:14">
      <c r="N67528" s="10"/>
    </row>
    <row r="67529" spans="14:14">
      <c r="N67529" s="10"/>
    </row>
    <row r="67530" spans="14:14">
      <c r="N67530" s="10"/>
    </row>
    <row r="67531" spans="14:14">
      <c r="N67531" s="10"/>
    </row>
    <row r="67532" spans="14:14">
      <c r="N67532" s="10"/>
    </row>
    <row r="67533" spans="14:14">
      <c r="N67533" s="10"/>
    </row>
    <row r="67534" spans="14:14">
      <c r="N67534" s="10"/>
    </row>
    <row r="67535" spans="14:14">
      <c r="N67535" s="10"/>
    </row>
    <row r="67536" spans="14:14">
      <c r="N67536" s="10"/>
    </row>
    <row r="67537" spans="14:14">
      <c r="N67537" s="10"/>
    </row>
    <row r="67538" spans="14:14">
      <c r="N67538" s="10"/>
    </row>
    <row r="67539" spans="14:14">
      <c r="N67539" s="10"/>
    </row>
    <row r="67540" spans="14:14">
      <c r="N67540" s="10"/>
    </row>
    <row r="67541" spans="14:14">
      <c r="N67541" s="10"/>
    </row>
    <row r="67542" spans="14:14">
      <c r="N67542" s="10"/>
    </row>
    <row r="67543" spans="14:14">
      <c r="N67543" s="10"/>
    </row>
    <row r="67544" spans="14:14">
      <c r="N67544" s="10"/>
    </row>
    <row r="67545" spans="14:14">
      <c r="N67545" s="10"/>
    </row>
    <row r="67546" spans="14:14">
      <c r="N67546" s="10"/>
    </row>
    <row r="67547" spans="14:14">
      <c r="N67547" s="10"/>
    </row>
    <row r="67548" spans="14:14">
      <c r="N67548" s="10"/>
    </row>
    <row r="67549" spans="14:14">
      <c r="N67549" s="10"/>
    </row>
    <row r="67550" spans="14:14">
      <c r="N67550" s="10"/>
    </row>
    <row r="67551" spans="14:14">
      <c r="N67551" s="10"/>
    </row>
    <row r="67552" spans="14:14">
      <c r="N67552" s="10"/>
    </row>
    <row r="67553" spans="14:14">
      <c r="N67553" s="10"/>
    </row>
    <row r="67554" spans="14:14">
      <c r="N67554" s="10"/>
    </row>
    <row r="67555" spans="14:14">
      <c r="N67555" s="10"/>
    </row>
    <row r="67556" spans="14:14">
      <c r="N67556" s="10"/>
    </row>
    <row r="67557" spans="14:14">
      <c r="N67557" s="10"/>
    </row>
    <row r="67558" spans="14:14">
      <c r="N67558" s="10"/>
    </row>
    <row r="67559" spans="14:14">
      <c r="N67559" s="10"/>
    </row>
    <row r="67560" spans="14:14">
      <c r="N67560" s="10"/>
    </row>
    <row r="67561" spans="14:14">
      <c r="N67561" s="10"/>
    </row>
    <row r="67562" spans="14:14">
      <c r="N67562" s="10"/>
    </row>
    <row r="67563" spans="14:14">
      <c r="N67563" s="10"/>
    </row>
    <row r="67564" spans="14:14">
      <c r="N67564" s="10"/>
    </row>
    <row r="67565" spans="14:14">
      <c r="N67565" s="10"/>
    </row>
    <row r="67566" spans="14:14">
      <c r="N67566" s="10"/>
    </row>
    <row r="67567" spans="14:14">
      <c r="N67567" s="10"/>
    </row>
    <row r="67568" spans="14:14">
      <c r="N67568" s="10"/>
    </row>
    <row r="67569" spans="14:14">
      <c r="N67569" s="10"/>
    </row>
    <row r="67570" spans="14:14">
      <c r="N67570" s="10"/>
    </row>
    <row r="67571" spans="14:14">
      <c r="N67571" s="10"/>
    </row>
    <row r="67572" spans="14:14">
      <c r="N67572" s="10"/>
    </row>
    <row r="67573" spans="14:14">
      <c r="N67573" s="10"/>
    </row>
    <row r="67574" spans="14:14">
      <c r="N67574" s="10"/>
    </row>
    <row r="67575" spans="14:14">
      <c r="N67575" s="10"/>
    </row>
    <row r="67576" spans="14:14">
      <c r="N67576" s="10"/>
    </row>
    <row r="67577" spans="14:14">
      <c r="N67577" s="10"/>
    </row>
    <row r="67578" spans="14:14">
      <c r="N67578" s="10"/>
    </row>
    <row r="67579" spans="14:14">
      <c r="N67579" s="10"/>
    </row>
    <row r="67580" spans="14:14">
      <c r="N67580" s="10"/>
    </row>
    <row r="67581" spans="14:14">
      <c r="N67581" s="10"/>
    </row>
    <row r="67582" spans="14:14">
      <c r="N67582" s="10"/>
    </row>
    <row r="67583" spans="14:14">
      <c r="N67583" s="10"/>
    </row>
    <row r="67584" spans="14:14">
      <c r="N67584" s="10"/>
    </row>
    <row r="67585" spans="14:14">
      <c r="N67585" s="10"/>
    </row>
    <row r="67586" spans="14:14">
      <c r="N67586" s="10"/>
    </row>
    <row r="67587" spans="14:14">
      <c r="N67587" s="10"/>
    </row>
    <row r="67588" spans="14:14">
      <c r="N67588" s="10"/>
    </row>
    <row r="67589" spans="14:14">
      <c r="N67589" s="10"/>
    </row>
    <row r="67590" spans="14:14">
      <c r="N67590" s="10"/>
    </row>
    <row r="67591" spans="14:14">
      <c r="N67591" s="10"/>
    </row>
    <row r="67592" spans="14:14">
      <c r="N67592" s="10"/>
    </row>
    <row r="67593" spans="14:14">
      <c r="N67593" s="10"/>
    </row>
    <row r="67594" spans="14:14">
      <c r="N67594" s="10"/>
    </row>
    <row r="67595" spans="14:14">
      <c r="N67595" s="10"/>
    </row>
    <row r="67596" spans="14:14">
      <c r="N67596" s="10"/>
    </row>
    <row r="67597" spans="14:14">
      <c r="N67597" s="10"/>
    </row>
    <row r="67598" spans="14:14">
      <c r="N67598" s="10"/>
    </row>
    <row r="67599" spans="14:14">
      <c r="N67599" s="10"/>
    </row>
    <row r="67600" spans="14:14">
      <c r="N67600" s="10"/>
    </row>
    <row r="67601" spans="14:14">
      <c r="N67601" s="10"/>
    </row>
    <row r="67602" spans="14:14">
      <c r="N67602" s="10"/>
    </row>
    <row r="67603" spans="14:14">
      <c r="N67603" s="10"/>
    </row>
    <row r="67604" spans="14:14">
      <c r="N67604" s="10"/>
    </row>
    <row r="67605" spans="14:14">
      <c r="N67605" s="10"/>
    </row>
    <row r="67606" spans="14:14">
      <c r="N67606" s="10"/>
    </row>
    <row r="67607" spans="14:14">
      <c r="N67607" s="10"/>
    </row>
    <row r="67608" spans="14:14">
      <c r="N67608" s="10"/>
    </row>
    <row r="67609" spans="14:14">
      <c r="N67609" s="10"/>
    </row>
    <row r="67610" spans="14:14">
      <c r="N67610" s="10"/>
    </row>
    <row r="67611" spans="14:14">
      <c r="N67611" s="10"/>
    </row>
    <row r="67612" spans="14:14">
      <c r="N67612" s="10"/>
    </row>
    <row r="67613" spans="14:14">
      <c r="N67613" s="10"/>
    </row>
    <row r="67614" spans="14:14">
      <c r="N67614" s="10"/>
    </row>
    <row r="67615" spans="14:14">
      <c r="N67615" s="10"/>
    </row>
    <row r="67616" spans="14:14">
      <c r="N67616" s="10"/>
    </row>
    <row r="67617" spans="14:14">
      <c r="N67617" s="10"/>
    </row>
    <row r="67618" spans="14:14">
      <c r="N67618" s="10"/>
    </row>
    <row r="67619" spans="14:14">
      <c r="N67619" s="10"/>
    </row>
    <row r="67620" spans="14:14">
      <c r="N67620" s="10"/>
    </row>
    <row r="67621" spans="14:14">
      <c r="N67621" s="10"/>
    </row>
    <row r="67622" spans="14:14">
      <c r="N67622" s="10"/>
    </row>
    <row r="67623" spans="14:14">
      <c r="N67623" s="10"/>
    </row>
    <row r="67624" spans="14:14">
      <c r="N67624" s="10"/>
    </row>
    <row r="67625" spans="14:14">
      <c r="N67625" s="10"/>
    </row>
    <row r="67626" spans="14:14">
      <c r="N67626" s="10"/>
    </row>
    <row r="67627" spans="14:14">
      <c r="N67627" s="10"/>
    </row>
    <row r="67628" spans="14:14">
      <c r="N67628" s="10"/>
    </row>
    <row r="67629" spans="14:14">
      <c r="N67629" s="10"/>
    </row>
    <row r="67630" spans="14:14">
      <c r="N67630" s="10"/>
    </row>
    <row r="67631" spans="14:14">
      <c r="N67631" s="10"/>
    </row>
    <row r="67632" spans="14:14">
      <c r="N67632" s="10"/>
    </row>
    <row r="67633" spans="14:14">
      <c r="N67633" s="10"/>
    </row>
    <row r="67634" spans="14:14">
      <c r="N67634" s="10"/>
    </row>
    <row r="67635" spans="14:14">
      <c r="N67635" s="10"/>
    </row>
    <row r="67636" spans="14:14">
      <c r="N67636" s="10"/>
    </row>
    <row r="67637" spans="14:14">
      <c r="N67637" s="10"/>
    </row>
    <row r="67638" spans="14:14">
      <c r="N67638" s="10"/>
    </row>
    <row r="67639" spans="14:14">
      <c r="N67639" s="10"/>
    </row>
    <row r="67640" spans="14:14">
      <c r="N67640" s="10"/>
    </row>
    <row r="67641" spans="14:14">
      <c r="N67641" s="10"/>
    </row>
    <row r="67642" spans="14:14">
      <c r="N67642" s="10"/>
    </row>
    <row r="67643" spans="14:14">
      <c r="N67643" s="10"/>
    </row>
    <row r="67644" spans="14:14">
      <c r="N67644" s="10"/>
    </row>
    <row r="67645" spans="14:14">
      <c r="N67645" s="10"/>
    </row>
    <row r="67646" spans="14:14">
      <c r="N67646" s="10"/>
    </row>
    <row r="67647" spans="14:14">
      <c r="N67647" s="10"/>
    </row>
    <row r="67648" spans="14:14">
      <c r="N67648" s="10"/>
    </row>
    <row r="67649" spans="14:14">
      <c r="N67649" s="10"/>
    </row>
    <row r="67650" spans="14:14">
      <c r="N67650" s="10"/>
    </row>
    <row r="67651" spans="14:14">
      <c r="N67651" s="10"/>
    </row>
    <row r="67652" spans="14:14">
      <c r="N67652" s="10"/>
    </row>
    <row r="67653" spans="14:14">
      <c r="N67653" s="10"/>
    </row>
    <row r="67654" spans="14:14">
      <c r="N67654" s="10"/>
    </row>
    <row r="67655" spans="14:14">
      <c r="N67655" s="10"/>
    </row>
    <row r="67656" spans="14:14">
      <c r="N67656" s="10"/>
    </row>
    <row r="67657" spans="14:14">
      <c r="N67657" s="10"/>
    </row>
    <row r="67658" spans="14:14">
      <c r="N67658" s="10"/>
    </row>
    <row r="67659" spans="14:14">
      <c r="N67659" s="10"/>
    </row>
    <row r="67660" spans="14:14">
      <c r="N67660" s="10"/>
    </row>
    <row r="67661" spans="14:14">
      <c r="N67661" s="10"/>
    </row>
    <row r="67662" spans="14:14">
      <c r="N67662" s="10"/>
    </row>
    <row r="67663" spans="14:14">
      <c r="N67663" s="10"/>
    </row>
    <row r="67664" spans="14:14">
      <c r="N67664" s="10"/>
    </row>
    <row r="67665" spans="14:14">
      <c r="N67665" s="10"/>
    </row>
    <row r="67666" spans="14:14">
      <c r="N67666" s="10"/>
    </row>
    <row r="67667" spans="14:14">
      <c r="N67667" s="10"/>
    </row>
    <row r="67668" spans="14:14">
      <c r="N67668" s="10"/>
    </row>
    <row r="67669" spans="14:14">
      <c r="N67669" s="10"/>
    </row>
    <row r="67670" spans="14:14">
      <c r="N67670" s="10"/>
    </row>
    <row r="67671" spans="14:14">
      <c r="N67671" s="10"/>
    </row>
    <row r="67672" spans="14:14">
      <c r="N67672" s="10"/>
    </row>
    <row r="67673" spans="14:14">
      <c r="N67673" s="10"/>
    </row>
    <row r="67674" spans="14:14">
      <c r="N67674" s="10"/>
    </row>
    <row r="67675" spans="14:14">
      <c r="N67675" s="10"/>
    </row>
    <row r="67676" spans="14:14">
      <c r="N67676" s="10"/>
    </row>
    <row r="67677" spans="14:14">
      <c r="N67677" s="10"/>
    </row>
    <row r="67678" spans="14:14">
      <c r="N67678" s="10"/>
    </row>
    <row r="67679" spans="14:14">
      <c r="N67679" s="10"/>
    </row>
    <row r="67680" spans="14:14">
      <c r="N67680" s="10"/>
    </row>
    <row r="67681" spans="14:14">
      <c r="N67681" s="10"/>
    </row>
    <row r="67682" spans="14:14">
      <c r="N67682" s="10"/>
    </row>
    <row r="67683" spans="14:14">
      <c r="N67683" s="10"/>
    </row>
    <row r="67684" spans="14:14">
      <c r="N67684" s="10"/>
    </row>
    <row r="67685" spans="14:14">
      <c r="N67685" s="10"/>
    </row>
    <row r="67686" spans="14:14">
      <c r="N67686" s="10"/>
    </row>
    <row r="67687" spans="14:14">
      <c r="N67687" s="10"/>
    </row>
    <row r="67688" spans="14:14">
      <c r="N67688" s="10"/>
    </row>
    <row r="67689" spans="14:14">
      <c r="N67689" s="10"/>
    </row>
    <row r="67690" spans="14:14">
      <c r="N67690" s="10"/>
    </row>
    <row r="67691" spans="14:14">
      <c r="N67691" s="10"/>
    </row>
    <row r="67692" spans="14:14">
      <c r="N67692" s="10"/>
    </row>
    <row r="67693" spans="14:14">
      <c r="N67693" s="10"/>
    </row>
    <row r="67694" spans="14:14">
      <c r="N67694" s="10"/>
    </row>
    <row r="67695" spans="14:14">
      <c r="N67695" s="10"/>
    </row>
    <row r="67696" spans="14:14">
      <c r="N67696" s="10"/>
    </row>
    <row r="67697" spans="14:14">
      <c r="N67697" s="10"/>
    </row>
    <row r="67698" spans="14:14">
      <c r="N67698" s="10"/>
    </row>
    <row r="67699" spans="14:14">
      <c r="N67699" s="10"/>
    </row>
    <row r="67700" spans="14:14">
      <c r="N67700" s="10"/>
    </row>
    <row r="67701" spans="14:14">
      <c r="N67701" s="10"/>
    </row>
    <row r="67702" spans="14:14">
      <c r="N67702" s="10"/>
    </row>
    <row r="67703" spans="14:14">
      <c r="N67703" s="10"/>
    </row>
    <row r="67704" spans="14:14">
      <c r="N67704" s="10"/>
    </row>
    <row r="67705" spans="14:14">
      <c r="N67705" s="10"/>
    </row>
    <row r="67706" spans="14:14">
      <c r="N67706" s="10"/>
    </row>
    <row r="67707" spans="14:14">
      <c r="N67707" s="10"/>
    </row>
    <row r="67708" spans="14:14">
      <c r="N67708" s="10"/>
    </row>
    <row r="67709" spans="14:14">
      <c r="N67709" s="10"/>
    </row>
    <row r="67710" spans="14:14">
      <c r="N67710" s="10"/>
    </row>
    <row r="67711" spans="14:14">
      <c r="N67711" s="10"/>
    </row>
    <row r="67712" spans="14:14">
      <c r="N67712" s="10"/>
    </row>
    <row r="67713" spans="14:14">
      <c r="N67713" s="10"/>
    </row>
    <row r="67714" spans="14:14">
      <c r="N67714" s="10"/>
    </row>
    <row r="67715" spans="14:14">
      <c r="N67715" s="10"/>
    </row>
    <row r="67716" spans="14:14">
      <c r="N67716" s="10"/>
    </row>
    <row r="67717" spans="14:14">
      <c r="N67717" s="10"/>
    </row>
    <row r="67718" spans="14:14">
      <c r="N67718" s="10"/>
    </row>
    <row r="67719" spans="14:14">
      <c r="N67719" s="10"/>
    </row>
    <row r="67720" spans="14:14">
      <c r="N67720" s="10"/>
    </row>
    <row r="67721" spans="14:14">
      <c r="N67721" s="10"/>
    </row>
    <row r="67722" spans="14:14">
      <c r="N67722" s="10"/>
    </row>
    <row r="67723" spans="14:14">
      <c r="N67723" s="10"/>
    </row>
    <row r="67724" spans="14:14">
      <c r="N67724" s="10"/>
    </row>
    <row r="67725" spans="14:14">
      <c r="N67725" s="10"/>
    </row>
    <row r="67726" spans="14:14">
      <c r="N67726" s="10"/>
    </row>
    <row r="67727" spans="14:14">
      <c r="N67727" s="10"/>
    </row>
    <row r="67728" spans="14:14">
      <c r="N67728" s="10"/>
    </row>
    <row r="67729" spans="14:14">
      <c r="N67729" s="10"/>
    </row>
    <row r="67730" spans="14:14">
      <c r="N67730" s="10"/>
    </row>
    <row r="67731" spans="14:14">
      <c r="N67731" s="10"/>
    </row>
    <row r="67732" spans="14:14">
      <c r="N67732" s="10"/>
    </row>
    <row r="67733" spans="14:14">
      <c r="N67733" s="10"/>
    </row>
    <row r="67734" spans="14:14">
      <c r="N67734" s="10"/>
    </row>
    <row r="67735" spans="14:14">
      <c r="N67735" s="10"/>
    </row>
    <row r="67736" spans="14:14">
      <c r="N67736" s="10"/>
    </row>
    <row r="67737" spans="14:14">
      <c r="N67737" s="10"/>
    </row>
    <row r="67738" spans="14:14">
      <c r="N67738" s="10"/>
    </row>
    <row r="67739" spans="14:14">
      <c r="N67739" s="10"/>
    </row>
    <row r="67740" spans="14:14">
      <c r="N67740" s="10"/>
    </row>
    <row r="67741" spans="14:14">
      <c r="N67741" s="10"/>
    </row>
    <row r="67742" spans="14:14">
      <c r="N67742" s="10"/>
    </row>
    <row r="67743" spans="14:14">
      <c r="N67743" s="10"/>
    </row>
    <row r="67744" spans="14:14">
      <c r="N67744" s="10"/>
    </row>
    <row r="67745" spans="14:14">
      <c r="N67745" s="10"/>
    </row>
    <row r="67746" spans="14:14">
      <c r="N67746" s="10"/>
    </row>
    <row r="67747" spans="14:14">
      <c r="N67747" s="10"/>
    </row>
    <row r="67748" spans="14:14">
      <c r="N67748" s="10"/>
    </row>
    <row r="67749" spans="14:14">
      <c r="N67749" s="10"/>
    </row>
    <row r="67750" spans="14:14">
      <c r="N67750" s="10"/>
    </row>
    <row r="67751" spans="14:14">
      <c r="N67751" s="10"/>
    </row>
    <row r="67752" spans="14:14">
      <c r="N67752" s="10"/>
    </row>
    <row r="67753" spans="14:14">
      <c r="N67753" s="10"/>
    </row>
    <row r="67754" spans="14:14">
      <c r="N67754" s="10"/>
    </row>
    <row r="67755" spans="14:14">
      <c r="N67755" s="10"/>
    </row>
    <row r="67756" spans="14:14">
      <c r="N67756" s="10"/>
    </row>
    <row r="67757" spans="14:14">
      <c r="N67757" s="10"/>
    </row>
    <row r="67758" spans="14:14">
      <c r="N67758" s="10"/>
    </row>
    <row r="67759" spans="14:14">
      <c r="N67759" s="10"/>
    </row>
    <row r="67760" spans="14:14">
      <c r="N67760" s="10"/>
    </row>
    <row r="67761" spans="14:14">
      <c r="N67761" s="10"/>
    </row>
    <row r="67762" spans="14:14">
      <c r="N67762" s="10"/>
    </row>
    <row r="67763" spans="14:14">
      <c r="N67763" s="10"/>
    </row>
    <row r="67764" spans="14:14">
      <c r="N67764" s="10"/>
    </row>
    <row r="67765" spans="14:14">
      <c r="N67765" s="10"/>
    </row>
    <row r="67766" spans="14:14">
      <c r="N67766" s="10"/>
    </row>
    <row r="67767" spans="14:14">
      <c r="N67767" s="10"/>
    </row>
    <row r="67768" spans="14:14">
      <c r="N67768" s="10"/>
    </row>
    <row r="67769" spans="14:14">
      <c r="N67769" s="10"/>
    </row>
    <row r="67770" spans="14:14">
      <c r="N67770" s="10"/>
    </row>
    <row r="67771" spans="14:14">
      <c r="N67771" s="10"/>
    </row>
    <row r="67772" spans="14:14">
      <c r="N67772" s="10"/>
    </row>
    <row r="67773" spans="14:14">
      <c r="N67773" s="10"/>
    </row>
    <row r="67774" spans="14:14">
      <c r="N67774" s="10"/>
    </row>
    <row r="67775" spans="14:14">
      <c r="N67775" s="10"/>
    </row>
    <row r="67776" spans="14:14">
      <c r="N67776" s="10"/>
    </row>
    <row r="67777" spans="14:14">
      <c r="N67777" s="10"/>
    </row>
    <row r="67778" spans="14:14">
      <c r="N67778" s="10"/>
    </row>
    <row r="67779" spans="14:14">
      <c r="N67779" s="10"/>
    </row>
    <row r="67780" spans="14:14">
      <c r="N67780" s="10"/>
    </row>
    <row r="67781" spans="14:14">
      <c r="N67781" s="10"/>
    </row>
    <row r="67782" spans="14:14">
      <c r="N67782" s="10"/>
    </row>
    <row r="67783" spans="14:14">
      <c r="N67783" s="10"/>
    </row>
    <row r="67784" spans="14:14">
      <c r="N67784" s="10"/>
    </row>
    <row r="67785" spans="14:14">
      <c r="N67785" s="10"/>
    </row>
    <row r="67786" spans="14:14">
      <c r="N67786" s="10"/>
    </row>
    <row r="67787" spans="14:14">
      <c r="N67787" s="10"/>
    </row>
    <row r="67788" spans="14:14">
      <c r="N67788" s="10"/>
    </row>
    <row r="67789" spans="14:14">
      <c r="N67789" s="10"/>
    </row>
    <row r="67790" spans="14:14">
      <c r="N67790" s="10"/>
    </row>
    <row r="67791" spans="14:14">
      <c r="N67791" s="10"/>
    </row>
    <row r="67792" spans="14:14">
      <c r="N67792" s="10"/>
    </row>
    <row r="67793" spans="14:14">
      <c r="N67793" s="10"/>
    </row>
    <row r="67794" spans="14:14">
      <c r="N67794" s="10"/>
    </row>
    <row r="67795" spans="14:14">
      <c r="N67795" s="10"/>
    </row>
    <row r="67796" spans="14:14">
      <c r="N67796" s="10"/>
    </row>
    <row r="67797" spans="14:14">
      <c r="N67797" s="10"/>
    </row>
    <row r="67798" spans="14:14">
      <c r="N67798" s="10"/>
    </row>
    <row r="67799" spans="14:14">
      <c r="N67799" s="10"/>
    </row>
    <row r="67800" spans="14:14">
      <c r="N67800" s="10"/>
    </row>
    <row r="67801" spans="14:14">
      <c r="N67801" s="10"/>
    </row>
    <row r="67802" spans="14:14">
      <c r="N67802" s="10"/>
    </row>
    <row r="67803" spans="14:14">
      <c r="N67803" s="10"/>
    </row>
    <row r="67804" spans="14:14">
      <c r="N67804" s="10"/>
    </row>
    <row r="67805" spans="14:14">
      <c r="N67805" s="10"/>
    </row>
    <row r="67806" spans="14:14">
      <c r="N67806" s="10"/>
    </row>
    <row r="67807" spans="14:14">
      <c r="N67807" s="10"/>
    </row>
    <row r="67808" spans="14:14">
      <c r="N67808" s="10"/>
    </row>
    <row r="67809" spans="14:14">
      <c r="N67809" s="10"/>
    </row>
    <row r="67810" spans="14:14">
      <c r="N67810" s="10"/>
    </row>
    <row r="67811" spans="14:14">
      <c r="N67811" s="10"/>
    </row>
    <row r="67812" spans="14:14">
      <c r="N67812" s="10"/>
    </row>
    <row r="67813" spans="14:14">
      <c r="N67813" s="10"/>
    </row>
    <row r="67814" spans="14:14">
      <c r="N67814" s="10"/>
    </row>
    <row r="67815" spans="14:14">
      <c r="N67815" s="10"/>
    </row>
    <row r="67816" spans="14:14">
      <c r="N67816" s="10"/>
    </row>
    <row r="67817" spans="14:14">
      <c r="N67817" s="10"/>
    </row>
    <row r="67818" spans="14:14">
      <c r="N67818" s="10"/>
    </row>
    <row r="67819" spans="14:14">
      <c r="N67819" s="10"/>
    </row>
    <row r="67820" spans="14:14">
      <c r="N67820" s="10"/>
    </row>
    <row r="67821" spans="14:14">
      <c r="N67821" s="10"/>
    </row>
    <row r="67822" spans="14:14">
      <c r="N67822" s="10"/>
    </row>
    <row r="67823" spans="14:14">
      <c r="N67823" s="10"/>
    </row>
    <row r="67824" spans="14:14">
      <c r="N67824" s="10"/>
    </row>
    <row r="67825" spans="14:14">
      <c r="N67825" s="10"/>
    </row>
    <row r="67826" spans="14:14">
      <c r="N67826" s="10"/>
    </row>
    <row r="67827" spans="14:14">
      <c r="N67827" s="10"/>
    </row>
    <row r="67828" spans="14:14">
      <c r="N67828" s="10"/>
    </row>
    <row r="67829" spans="14:14">
      <c r="N67829" s="10"/>
    </row>
    <row r="67830" spans="14:14">
      <c r="N67830" s="10"/>
    </row>
    <row r="67831" spans="14:14">
      <c r="N67831" s="10"/>
    </row>
    <row r="67832" spans="14:14">
      <c r="N67832" s="10"/>
    </row>
    <row r="67833" spans="14:14">
      <c r="N67833" s="10"/>
    </row>
    <row r="67834" spans="14:14">
      <c r="N67834" s="10"/>
    </row>
    <row r="67835" spans="14:14">
      <c r="N67835" s="10"/>
    </row>
    <row r="67836" spans="14:14">
      <c r="N67836" s="10"/>
    </row>
    <row r="67837" spans="14:14">
      <c r="N67837" s="10"/>
    </row>
    <row r="67838" spans="14:14">
      <c r="N67838" s="10"/>
    </row>
    <row r="67839" spans="14:14">
      <c r="N67839" s="10"/>
    </row>
    <row r="67840" spans="14:14">
      <c r="N67840" s="10"/>
    </row>
    <row r="67841" spans="14:14">
      <c r="N67841" s="10"/>
    </row>
    <row r="67842" spans="14:14">
      <c r="N67842" s="10"/>
    </row>
    <row r="67843" spans="14:14">
      <c r="N67843" s="10"/>
    </row>
    <row r="67844" spans="14:14">
      <c r="N67844" s="10"/>
    </row>
    <row r="67845" spans="14:14">
      <c r="N67845" s="10"/>
    </row>
    <row r="67846" spans="14:14">
      <c r="N67846" s="10"/>
    </row>
    <row r="67847" spans="14:14">
      <c r="N67847" s="10"/>
    </row>
    <row r="67848" spans="14:14">
      <c r="N67848" s="10"/>
    </row>
    <row r="67849" spans="14:14">
      <c r="N67849" s="10"/>
    </row>
    <row r="67850" spans="14:14">
      <c r="N67850" s="10"/>
    </row>
    <row r="67851" spans="14:14">
      <c r="N67851" s="10"/>
    </row>
    <row r="67852" spans="14:14">
      <c r="N67852" s="10"/>
    </row>
    <row r="67853" spans="14:14">
      <c r="N67853" s="10"/>
    </row>
    <row r="67854" spans="14:14">
      <c r="N67854" s="10"/>
    </row>
    <row r="67855" spans="14:14">
      <c r="N67855" s="10"/>
    </row>
    <row r="67856" spans="14:14">
      <c r="N67856" s="10"/>
    </row>
    <row r="67857" spans="14:14">
      <c r="N67857" s="10"/>
    </row>
    <row r="67858" spans="14:14">
      <c r="N67858" s="10"/>
    </row>
    <row r="67859" spans="14:14">
      <c r="N67859" s="10"/>
    </row>
    <row r="67860" spans="14:14">
      <c r="N67860" s="10"/>
    </row>
    <row r="67861" spans="14:14">
      <c r="N67861" s="10"/>
    </row>
    <row r="67862" spans="14:14">
      <c r="N67862" s="10"/>
    </row>
    <row r="67863" spans="14:14">
      <c r="N67863" s="10"/>
    </row>
    <row r="67864" spans="14:14">
      <c r="N67864" s="10"/>
    </row>
    <row r="67865" spans="14:14">
      <c r="N67865" s="10"/>
    </row>
    <row r="67866" spans="14:14">
      <c r="N67866" s="10"/>
    </row>
    <row r="67867" spans="14:14">
      <c r="N67867" s="10"/>
    </row>
    <row r="67868" spans="14:14">
      <c r="N67868" s="10"/>
    </row>
    <row r="67869" spans="14:14">
      <c r="N67869" s="10"/>
    </row>
    <row r="67870" spans="14:14">
      <c r="N67870" s="10"/>
    </row>
    <row r="67871" spans="14:14">
      <c r="N67871" s="10"/>
    </row>
    <row r="67872" spans="14:14">
      <c r="N67872" s="10"/>
    </row>
    <row r="67873" spans="14:14">
      <c r="N67873" s="10"/>
    </row>
    <row r="67874" spans="14:14">
      <c r="N67874" s="10"/>
    </row>
    <row r="67875" spans="14:14">
      <c r="N67875" s="10"/>
    </row>
    <row r="67876" spans="14:14">
      <c r="N67876" s="10"/>
    </row>
    <row r="67877" spans="14:14">
      <c r="N67877" s="10"/>
    </row>
    <row r="67878" spans="14:14">
      <c r="N67878" s="10"/>
    </row>
    <row r="67879" spans="14:14">
      <c r="N67879" s="10"/>
    </row>
    <row r="67880" spans="14:14">
      <c r="N67880" s="10"/>
    </row>
    <row r="67881" spans="14:14">
      <c r="N67881" s="10"/>
    </row>
    <row r="67882" spans="14:14">
      <c r="N67882" s="10"/>
    </row>
    <row r="67883" spans="14:14">
      <c r="N67883" s="10"/>
    </row>
    <row r="67884" spans="14:14">
      <c r="N67884" s="10"/>
    </row>
    <row r="67885" spans="14:14">
      <c r="N67885" s="10"/>
    </row>
    <row r="67886" spans="14:14">
      <c r="N67886" s="10"/>
    </row>
    <row r="67887" spans="14:14">
      <c r="N67887" s="10"/>
    </row>
    <row r="67888" spans="14:14">
      <c r="N67888" s="10"/>
    </row>
    <row r="67889" spans="14:14">
      <c r="N67889" s="10"/>
    </row>
    <row r="67890" spans="14:14">
      <c r="N67890" s="10"/>
    </row>
    <row r="67891" spans="14:14">
      <c r="N67891" s="10"/>
    </row>
    <row r="67892" spans="14:14">
      <c r="N67892" s="10"/>
    </row>
    <row r="67893" spans="14:14">
      <c r="N67893" s="10"/>
    </row>
    <row r="67894" spans="14:14">
      <c r="N67894" s="10"/>
    </row>
    <row r="67895" spans="14:14">
      <c r="N67895" s="10"/>
    </row>
    <row r="67896" spans="14:14">
      <c r="N67896" s="10"/>
    </row>
    <row r="67897" spans="14:14">
      <c r="N67897" s="10"/>
    </row>
    <row r="67898" spans="14:14">
      <c r="N67898" s="10"/>
    </row>
    <row r="67899" spans="14:14">
      <c r="N67899" s="10"/>
    </row>
    <row r="67900" spans="14:14">
      <c r="N67900" s="10"/>
    </row>
    <row r="67901" spans="14:14">
      <c r="N67901" s="10"/>
    </row>
    <row r="67902" spans="14:14">
      <c r="N67902" s="10"/>
    </row>
    <row r="67903" spans="14:14">
      <c r="N67903" s="10"/>
    </row>
    <row r="67904" spans="14:14">
      <c r="N67904" s="10"/>
    </row>
    <row r="67905" spans="14:14">
      <c r="N67905" s="10"/>
    </row>
    <row r="67906" spans="14:14">
      <c r="N67906" s="10"/>
    </row>
    <row r="67907" spans="14:14">
      <c r="N67907" s="10"/>
    </row>
    <row r="67908" spans="14:14">
      <c r="N67908" s="10"/>
    </row>
    <row r="67909" spans="14:14">
      <c r="N67909" s="10"/>
    </row>
    <row r="67910" spans="14:14">
      <c r="N67910" s="10"/>
    </row>
    <row r="67911" spans="14:14">
      <c r="N67911" s="10"/>
    </row>
    <row r="67912" spans="14:14">
      <c r="N67912" s="10"/>
    </row>
    <row r="67913" spans="14:14">
      <c r="N67913" s="10"/>
    </row>
    <row r="67914" spans="14:14">
      <c r="N67914" s="10"/>
    </row>
    <row r="67915" spans="14:14">
      <c r="N67915" s="10"/>
    </row>
    <row r="67916" spans="14:14">
      <c r="N67916" s="10"/>
    </row>
    <row r="67917" spans="14:14">
      <c r="N67917" s="10"/>
    </row>
    <row r="67918" spans="14:14">
      <c r="N67918" s="10"/>
    </row>
    <row r="67919" spans="14:14">
      <c r="N67919" s="10"/>
    </row>
    <row r="67920" spans="14:14">
      <c r="N67920" s="10"/>
    </row>
    <row r="67921" spans="14:14">
      <c r="N67921" s="10"/>
    </row>
    <row r="67922" spans="14:14">
      <c r="N67922" s="10"/>
    </row>
    <row r="67923" spans="14:14">
      <c r="N67923" s="10"/>
    </row>
    <row r="67924" spans="14:14">
      <c r="N67924" s="10"/>
    </row>
    <row r="67925" spans="14:14">
      <c r="N67925" s="10"/>
    </row>
    <row r="67926" spans="14:14">
      <c r="N67926" s="10"/>
    </row>
    <row r="67927" spans="14:14">
      <c r="N67927" s="10"/>
    </row>
    <row r="67928" spans="14:14">
      <c r="N67928" s="10"/>
    </row>
    <row r="67929" spans="14:14">
      <c r="N67929" s="10"/>
    </row>
    <row r="67930" spans="14:14">
      <c r="N67930" s="10"/>
    </row>
    <row r="67931" spans="14:14">
      <c r="N67931" s="10"/>
    </row>
    <row r="67932" spans="14:14">
      <c r="N67932" s="10"/>
    </row>
    <row r="67933" spans="14:14">
      <c r="N67933" s="10"/>
    </row>
    <row r="67934" spans="14:14">
      <c r="N67934" s="10"/>
    </row>
    <row r="67935" spans="14:14">
      <c r="N67935" s="10"/>
    </row>
    <row r="67936" spans="14:14">
      <c r="N67936" s="10"/>
    </row>
    <row r="67937" spans="14:14">
      <c r="N67937" s="10"/>
    </row>
    <row r="67938" spans="14:14">
      <c r="N67938" s="10"/>
    </row>
    <row r="67939" spans="14:14">
      <c r="N67939" s="10"/>
    </row>
    <row r="67940" spans="14:14">
      <c r="N67940" s="10"/>
    </row>
    <row r="67941" spans="14:14">
      <c r="N67941" s="10"/>
    </row>
    <row r="67942" spans="14:14">
      <c r="N67942" s="10"/>
    </row>
    <row r="67943" spans="14:14">
      <c r="N67943" s="10"/>
    </row>
    <row r="67944" spans="14:14">
      <c r="N67944" s="10"/>
    </row>
    <row r="67945" spans="14:14">
      <c r="N67945" s="10"/>
    </row>
    <row r="67946" spans="14:14">
      <c r="N67946" s="10"/>
    </row>
    <row r="67947" spans="14:14">
      <c r="N67947" s="10"/>
    </row>
    <row r="67948" spans="14:14">
      <c r="N67948" s="10"/>
    </row>
    <row r="67949" spans="14:14">
      <c r="N67949" s="10"/>
    </row>
    <row r="67950" spans="14:14">
      <c r="N67950" s="10"/>
    </row>
    <row r="67951" spans="14:14">
      <c r="N67951" s="10"/>
    </row>
    <row r="67952" spans="14:14">
      <c r="N67952" s="10"/>
    </row>
    <row r="67953" spans="14:14">
      <c r="N67953" s="10"/>
    </row>
    <row r="67954" spans="14:14">
      <c r="N67954" s="10"/>
    </row>
    <row r="67955" spans="14:14">
      <c r="N67955" s="10"/>
    </row>
    <row r="67956" spans="14:14">
      <c r="N67956" s="10"/>
    </row>
    <row r="67957" spans="14:14">
      <c r="N67957" s="10"/>
    </row>
    <row r="67958" spans="14:14">
      <c r="N67958" s="10"/>
    </row>
    <row r="67959" spans="14:14">
      <c r="N67959" s="10"/>
    </row>
    <row r="67960" spans="14:14">
      <c r="N67960" s="10"/>
    </row>
    <row r="67961" spans="14:14">
      <c r="N67961" s="10"/>
    </row>
    <row r="67962" spans="14:14">
      <c r="N67962" s="10"/>
    </row>
    <row r="67963" spans="14:14">
      <c r="N67963" s="10"/>
    </row>
    <row r="67964" spans="14:14">
      <c r="N67964" s="10"/>
    </row>
    <row r="67965" spans="14:14">
      <c r="N67965" s="10"/>
    </row>
    <row r="67966" spans="14:14">
      <c r="N67966" s="10"/>
    </row>
    <row r="67967" spans="14:14">
      <c r="N67967" s="10"/>
    </row>
    <row r="67968" spans="14:14">
      <c r="N67968" s="10"/>
    </row>
    <row r="67969" spans="14:14">
      <c r="N67969" s="10"/>
    </row>
    <row r="67970" spans="14:14">
      <c r="N67970" s="10"/>
    </row>
    <row r="67971" spans="14:14">
      <c r="N67971" s="10"/>
    </row>
    <row r="67972" spans="14:14">
      <c r="N67972" s="10"/>
    </row>
    <row r="67973" spans="14:14">
      <c r="N67973" s="10"/>
    </row>
    <row r="67974" spans="14:14">
      <c r="N67974" s="10"/>
    </row>
    <row r="67975" spans="14:14">
      <c r="N67975" s="10"/>
    </row>
    <row r="67976" spans="14:14">
      <c r="N67976" s="10"/>
    </row>
    <row r="67977" spans="14:14">
      <c r="N67977" s="10"/>
    </row>
    <row r="67978" spans="14:14">
      <c r="N67978" s="10"/>
    </row>
    <row r="67979" spans="14:14">
      <c r="N67979" s="10"/>
    </row>
    <row r="67980" spans="14:14">
      <c r="N67980" s="10"/>
    </row>
    <row r="67981" spans="14:14">
      <c r="N67981" s="10"/>
    </row>
    <row r="67982" spans="14:14">
      <c r="N67982" s="10"/>
    </row>
    <row r="67983" spans="14:14">
      <c r="N67983" s="10"/>
    </row>
    <row r="67984" spans="14:14">
      <c r="N67984" s="10"/>
    </row>
    <row r="67985" spans="14:14">
      <c r="N67985" s="10"/>
    </row>
    <row r="67986" spans="14:14">
      <c r="N67986" s="10"/>
    </row>
    <row r="67987" spans="14:14">
      <c r="N67987" s="10"/>
    </row>
    <row r="67988" spans="14:14">
      <c r="N67988" s="10"/>
    </row>
    <row r="67989" spans="14:14">
      <c r="N67989" s="10"/>
    </row>
    <row r="67990" spans="14:14">
      <c r="N67990" s="10"/>
    </row>
    <row r="67991" spans="14:14">
      <c r="N67991" s="10"/>
    </row>
    <row r="67992" spans="14:14">
      <c r="N67992" s="10"/>
    </row>
    <row r="67993" spans="14:14">
      <c r="N67993" s="10"/>
    </row>
    <row r="67994" spans="14:14">
      <c r="N67994" s="10"/>
    </row>
    <row r="67995" spans="14:14">
      <c r="N67995" s="10"/>
    </row>
    <row r="67996" spans="14:14">
      <c r="N67996" s="10"/>
    </row>
    <row r="67997" spans="14:14">
      <c r="N67997" s="10"/>
    </row>
    <row r="67998" spans="14:14">
      <c r="N67998" s="10"/>
    </row>
    <row r="67999" spans="14:14">
      <c r="N67999" s="10"/>
    </row>
    <row r="68000" spans="14:14">
      <c r="N68000" s="10"/>
    </row>
    <row r="68001" spans="14:14">
      <c r="N68001" s="10"/>
    </row>
    <row r="68002" spans="14:14">
      <c r="N68002" s="10"/>
    </row>
    <row r="68003" spans="14:14">
      <c r="N68003" s="10"/>
    </row>
    <row r="68004" spans="14:14">
      <c r="N68004" s="10"/>
    </row>
    <row r="68005" spans="14:14">
      <c r="N68005" s="10"/>
    </row>
    <row r="68006" spans="14:14">
      <c r="N68006" s="10"/>
    </row>
    <row r="68007" spans="14:14">
      <c r="N68007" s="10"/>
    </row>
    <row r="68008" spans="14:14">
      <c r="N68008" s="10"/>
    </row>
    <row r="68009" spans="14:14">
      <c r="N68009" s="10"/>
    </row>
    <row r="68010" spans="14:14">
      <c r="N68010" s="10"/>
    </row>
    <row r="68011" spans="14:14">
      <c r="N68011" s="10"/>
    </row>
    <row r="68012" spans="14:14">
      <c r="N68012" s="10"/>
    </row>
    <row r="68013" spans="14:14">
      <c r="N68013" s="10"/>
    </row>
    <row r="68014" spans="14:14">
      <c r="N68014" s="10"/>
    </row>
    <row r="68015" spans="14:14">
      <c r="N68015" s="10"/>
    </row>
    <row r="68016" spans="14:14">
      <c r="N68016" s="10"/>
    </row>
    <row r="68017" spans="14:14">
      <c r="N68017" s="10"/>
    </row>
    <row r="68018" spans="14:14">
      <c r="N68018" s="10"/>
    </row>
    <row r="68019" spans="14:14">
      <c r="N68019" s="10"/>
    </row>
    <row r="68020" spans="14:14">
      <c r="N68020" s="10"/>
    </row>
    <row r="68021" spans="14:14">
      <c r="N68021" s="10"/>
    </row>
    <row r="68022" spans="14:14">
      <c r="N68022" s="10"/>
    </row>
    <row r="68023" spans="14:14">
      <c r="N68023" s="10"/>
    </row>
    <row r="68024" spans="14:14">
      <c r="N68024" s="10"/>
    </row>
    <row r="68025" spans="14:14">
      <c r="N68025" s="10"/>
    </row>
    <row r="68026" spans="14:14">
      <c r="N68026" s="10"/>
    </row>
    <row r="68027" spans="14:14">
      <c r="N68027" s="10"/>
    </row>
    <row r="68028" spans="14:14">
      <c r="N68028" s="10"/>
    </row>
    <row r="68029" spans="14:14">
      <c r="N68029" s="10"/>
    </row>
    <row r="68030" spans="14:14">
      <c r="N68030" s="10"/>
    </row>
    <row r="68031" spans="14:14">
      <c r="N68031" s="10"/>
    </row>
    <row r="68032" spans="14:14">
      <c r="N68032" s="10"/>
    </row>
    <row r="68033" spans="14:14">
      <c r="N68033" s="10"/>
    </row>
    <row r="68034" spans="14:14">
      <c r="N68034" s="10"/>
    </row>
    <row r="68035" spans="14:14">
      <c r="N68035" s="10"/>
    </row>
    <row r="68036" spans="14:14">
      <c r="N68036" s="10"/>
    </row>
    <row r="68037" spans="14:14">
      <c r="N68037" s="10"/>
    </row>
    <row r="68038" spans="14:14">
      <c r="N68038" s="10"/>
    </row>
    <row r="68039" spans="14:14">
      <c r="N68039" s="10"/>
    </row>
    <row r="68040" spans="14:14">
      <c r="N68040" s="10"/>
    </row>
    <row r="68041" spans="14:14">
      <c r="N68041" s="10"/>
    </row>
    <row r="68042" spans="14:14">
      <c r="N68042" s="10"/>
    </row>
    <row r="68043" spans="14:14">
      <c r="N68043" s="10"/>
    </row>
    <row r="68044" spans="14:14">
      <c r="N68044" s="10"/>
    </row>
    <row r="68045" spans="14:14">
      <c r="N68045" s="10"/>
    </row>
    <row r="68046" spans="14:14">
      <c r="N68046" s="10"/>
    </row>
    <row r="68047" spans="14:14">
      <c r="N68047" s="10"/>
    </row>
    <row r="68048" spans="14:14">
      <c r="N68048" s="10"/>
    </row>
    <row r="68049" spans="14:14">
      <c r="N68049" s="10"/>
    </row>
    <row r="68050" spans="14:14">
      <c r="N68050" s="10"/>
    </row>
    <row r="68051" spans="14:14">
      <c r="N68051" s="10"/>
    </row>
    <row r="68052" spans="14:14">
      <c r="N68052" s="10"/>
    </row>
    <row r="68053" spans="14:14">
      <c r="N68053" s="10"/>
    </row>
    <row r="68054" spans="14:14">
      <c r="N68054" s="10"/>
    </row>
    <row r="68055" spans="14:14">
      <c r="N68055" s="10"/>
    </row>
    <row r="68056" spans="14:14">
      <c r="N68056" s="10"/>
    </row>
    <row r="68057" spans="14:14">
      <c r="N68057" s="10"/>
    </row>
    <row r="68058" spans="14:14">
      <c r="N68058" s="10"/>
    </row>
    <row r="68059" spans="14:14">
      <c r="N68059" s="10"/>
    </row>
    <row r="68060" spans="14:14">
      <c r="N68060" s="10"/>
    </row>
    <row r="68061" spans="14:14">
      <c r="N68061" s="10"/>
    </row>
    <row r="68062" spans="14:14">
      <c r="N68062" s="10"/>
    </row>
    <row r="68063" spans="14:14">
      <c r="N68063" s="10"/>
    </row>
    <row r="68064" spans="14:14">
      <c r="N68064" s="10"/>
    </row>
    <row r="68065" spans="14:14">
      <c r="N68065" s="10"/>
    </row>
    <row r="68066" spans="14:14">
      <c r="N68066" s="10"/>
    </row>
    <row r="68067" spans="14:14">
      <c r="N68067" s="10"/>
    </row>
    <row r="68068" spans="14:14">
      <c r="N68068" s="10"/>
    </row>
    <row r="68069" spans="14:14">
      <c r="N68069" s="10"/>
    </row>
    <row r="68070" spans="14:14">
      <c r="N68070" s="10"/>
    </row>
    <row r="68071" spans="14:14">
      <c r="N68071" s="10"/>
    </row>
    <row r="68072" spans="14:14">
      <c r="N68072" s="10"/>
    </row>
    <row r="68073" spans="14:14">
      <c r="N68073" s="10"/>
    </row>
    <row r="68074" spans="14:14">
      <c r="N68074" s="10"/>
    </row>
    <row r="68075" spans="14:14">
      <c r="N68075" s="10"/>
    </row>
    <row r="68076" spans="14:14">
      <c r="N68076" s="10"/>
    </row>
    <row r="68077" spans="14:14">
      <c r="N68077" s="10"/>
    </row>
    <row r="68078" spans="14:14">
      <c r="N68078" s="10"/>
    </row>
    <row r="68079" spans="14:14">
      <c r="N68079" s="10"/>
    </row>
    <row r="68080" spans="14:14">
      <c r="N68080" s="10"/>
    </row>
    <row r="68081" spans="14:14">
      <c r="N68081" s="10"/>
    </row>
    <row r="68082" spans="14:14">
      <c r="N68082" s="10"/>
    </row>
    <row r="68083" spans="14:14">
      <c r="N68083" s="10"/>
    </row>
    <row r="68084" spans="14:14">
      <c r="N68084" s="10"/>
    </row>
    <row r="68085" spans="14:14">
      <c r="N68085" s="10"/>
    </row>
    <row r="68086" spans="14:14">
      <c r="N68086" s="10"/>
    </row>
    <row r="68087" spans="14:14">
      <c r="N68087" s="10"/>
    </row>
    <row r="68088" spans="14:14">
      <c r="N68088" s="10"/>
    </row>
    <row r="68089" spans="14:14">
      <c r="N68089" s="10"/>
    </row>
    <row r="68090" spans="14:14">
      <c r="N68090" s="10"/>
    </row>
    <row r="68091" spans="14:14">
      <c r="N68091" s="10"/>
    </row>
    <row r="68092" spans="14:14">
      <c r="N68092" s="10"/>
    </row>
    <row r="68093" spans="14:14">
      <c r="N68093" s="10"/>
    </row>
    <row r="68094" spans="14:14">
      <c r="N68094" s="10"/>
    </row>
    <row r="68095" spans="14:14">
      <c r="N68095" s="10"/>
    </row>
    <row r="68096" spans="14:14">
      <c r="N68096" s="10"/>
    </row>
    <row r="68097" spans="14:14">
      <c r="N68097" s="10"/>
    </row>
    <row r="68098" spans="14:14">
      <c r="N68098" s="10"/>
    </row>
    <row r="68099" spans="14:14">
      <c r="N68099" s="10"/>
    </row>
    <row r="68100" spans="14:14">
      <c r="N68100" s="10"/>
    </row>
    <row r="68101" spans="14:14">
      <c r="N68101" s="10"/>
    </row>
    <row r="68102" spans="14:14">
      <c r="N68102" s="10"/>
    </row>
    <row r="68103" spans="14:14">
      <c r="N68103" s="10"/>
    </row>
    <row r="68104" spans="14:14">
      <c r="N68104" s="10"/>
    </row>
    <row r="68105" spans="14:14">
      <c r="N68105" s="10"/>
    </row>
    <row r="68106" spans="14:14">
      <c r="N68106" s="10"/>
    </row>
    <row r="68107" spans="14:14">
      <c r="N68107" s="10"/>
    </row>
    <row r="68108" spans="14:14">
      <c r="N68108" s="10"/>
    </row>
    <row r="68109" spans="14:14">
      <c r="N68109" s="10"/>
    </row>
    <row r="68110" spans="14:14">
      <c r="N68110" s="10"/>
    </row>
    <row r="68111" spans="14:14">
      <c r="N68111" s="10"/>
    </row>
    <row r="68112" spans="14:14">
      <c r="N68112" s="10"/>
    </row>
    <row r="68113" spans="14:14">
      <c r="N68113" s="10"/>
    </row>
    <row r="68114" spans="14:14">
      <c r="N68114" s="10"/>
    </row>
    <row r="68115" spans="14:14">
      <c r="N68115" s="10"/>
    </row>
    <row r="68116" spans="14:14">
      <c r="N68116" s="10"/>
    </row>
    <row r="68117" spans="14:14">
      <c r="N68117" s="10"/>
    </row>
    <row r="68118" spans="14:14">
      <c r="N68118" s="10"/>
    </row>
    <row r="68119" spans="14:14">
      <c r="N68119" s="10"/>
    </row>
    <row r="68120" spans="14:14">
      <c r="N68120" s="10"/>
    </row>
    <row r="68121" spans="14:14">
      <c r="N68121" s="10"/>
    </row>
    <row r="68122" spans="14:14">
      <c r="N68122" s="10"/>
    </row>
    <row r="68123" spans="14:14">
      <c r="N68123" s="10"/>
    </row>
    <row r="68124" spans="14:14">
      <c r="N68124" s="10"/>
    </row>
    <row r="68125" spans="14:14">
      <c r="N68125" s="10"/>
    </row>
    <row r="68126" spans="14:14">
      <c r="N68126" s="10"/>
    </row>
    <row r="68127" spans="14:14">
      <c r="N68127" s="10"/>
    </row>
    <row r="68128" spans="14:14">
      <c r="N68128" s="10"/>
    </row>
    <row r="68129" spans="14:14">
      <c r="N68129" s="10"/>
    </row>
    <row r="68130" spans="14:14">
      <c r="N68130" s="10"/>
    </row>
    <row r="68131" spans="14:14">
      <c r="N68131" s="10"/>
    </row>
    <row r="68132" spans="14:14">
      <c r="N68132" s="10"/>
    </row>
    <row r="68133" spans="14:14">
      <c r="N68133" s="10"/>
    </row>
    <row r="68134" spans="14:14">
      <c r="N68134" s="10"/>
    </row>
    <row r="68135" spans="14:14">
      <c r="N68135" s="10"/>
    </row>
    <row r="68136" spans="14:14">
      <c r="N68136" s="10"/>
    </row>
    <row r="68137" spans="14:14">
      <c r="N68137" s="10"/>
    </row>
    <row r="68138" spans="14:14">
      <c r="N68138" s="10"/>
    </row>
    <row r="68139" spans="14:14">
      <c r="N68139" s="10"/>
    </row>
    <row r="68140" spans="14:14">
      <c r="N68140" s="10"/>
    </row>
    <row r="68141" spans="14:14">
      <c r="N68141" s="10"/>
    </row>
    <row r="68142" spans="14:14">
      <c r="N68142" s="10"/>
    </row>
    <row r="68143" spans="14:14">
      <c r="N68143" s="10"/>
    </row>
    <row r="68144" spans="14:14">
      <c r="N68144" s="10"/>
    </row>
    <row r="68145" spans="14:14">
      <c r="N68145" s="10"/>
    </row>
    <row r="68146" spans="14:14">
      <c r="N68146" s="10"/>
    </row>
    <row r="68147" spans="14:14">
      <c r="N68147" s="10"/>
    </row>
    <row r="68148" spans="14:14">
      <c r="N68148" s="10"/>
    </row>
    <row r="68149" spans="14:14">
      <c r="N68149" s="10"/>
    </row>
    <row r="68150" spans="14:14">
      <c r="N68150" s="10"/>
    </row>
    <row r="68151" spans="14:14">
      <c r="N68151" s="10"/>
    </row>
    <row r="68152" spans="14:14">
      <c r="N68152" s="10"/>
    </row>
    <row r="68153" spans="14:14">
      <c r="N68153" s="10"/>
    </row>
    <row r="68154" spans="14:14">
      <c r="N68154" s="10"/>
    </row>
    <row r="68155" spans="14:14">
      <c r="N68155" s="10"/>
    </row>
    <row r="68156" spans="14:14">
      <c r="N68156" s="10"/>
    </row>
    <row r="68157" spans="14:14">
      <c r="N68157" s="10"/>
    </row>
    <row r="68158" spans="14:14">
      <c r="N68158" s="10"/>
    </row>
    <row r="68159" spans="14:14">
      <c r="N68159" s="10"/>
    </row>
    <row r="68160" spans="14:14">
      <c r="N68160" s="10"/>
    </row>
    <row r="68161" spans="14:14">
      <c r="N68161" s="10"/>
    </row>
    <row r="68162" spans="14:14">
      <c r="N68162" s="10"/>
    </row>
    <row r="68163" spans="14:14">
      <c r="N68163" s="10"/>
    </row>
    <row r="68164" spans="14:14">
      <c r="N68164" s="10"/>
    </row>
    <row r="68165" spans="14:14">
      <c r="N68165" s="10"/>
    </row>
    <row r="68166" spans="14:14">
      <c r="N68166" s="10"/>
    </row>
    <row r="68167" spans="14:14">
      <c r="N68167" s="10"/>
    </row>
    <row r="68168" spans="14:14">
      <c r="N68168" s="10"/>
    </row>
    <row r="68169" spans="14:14">
      <c r="N68169" s="10"/>
    </row>
    <row r="68170" spans="14:14">
      <c r="N68170" s="10"/>
    </row>
    <row r="68171" spans="14:14">
      <c r="N68171" s="10"/>
    </row>
    <row r="68172" spans="14:14">
      <c r="N68172" s="10"/>
    </row>
    <row r="68173" spans="14:14">
      <c r="N68173" s="10"/>
    </row>
    <row r="68174" spans="14:14">
      <c r="N68174" s="10"/>
    </row>
    <row r="68175" spans="14:14">
      <c r="N68175" s="10"/>
    </row>
    <row r="68176" spans="14:14">
      <c r="N68176" s="10"/>
    </row>
    <row r="68177" spans="14:14">
      <c r="N68177" s="10"/>
    </row>
    <row r="68178" spans="14:14">
      <c r="N68178" s="10"/>
    </row>
    <row r="68179" spans="14:14">
      <c r="N68179" s="10"/>
    </row>
    <row r="68180" spans="14:14">
      <c r="N68180" s="10"/>
    </row>
    <row r="68181" spans="14:14">
      <c r="N68181" s="10"/>
    </row>
    <row r="68182" spans="14:14">
      <c r="N68182" s="10"/>
    </row>
    <row r="68183" spans="14:14">
      <c r="N68183" s="10"/>
    </row>
    <row r="68184" spans="14:14">
      <c r="N68184" s="10"/>
    </row>
    <row r="68185" spans="14:14">
      <c r="N68185" s="10"/>
    </row>
    <row r="68186" spans="14:14">
      <c r="N68186" s="10"/>
    </row>
    <row r="68187" spans="14:14">
      <c r="N68187" s="10"/>
    </row>
    <row r="68188" spans="14:14">
      <c r="N68188" s="10"/>
    </row>
    <row r="68189" spans="14:14">
      <c r="N68189" s="10"/>
    </row>
    <row r="68190" spans="14:14">
      <c r="N68190" s="10"/>
    </row>
    <row r="68191" spans="14:14">
      <c r="N68191" s="10"/>
    </row>
    <row r="68192" spans="14:14">
      <c r="N68192" s="10"/>
    </row>
    <row r="68193" spans="14:14">
      <c r="N68193" s="10"/>
    </row>
    <row r="68194" spans="14:14">
      <c r="N68194" s="10"/>
    </row>
    <row r="68195" spans="14:14">
      <c r="N68195" s="10"/>
    </row>
    <row r="68196" spans="14:14">
      <c r="N68196" s="10"/>
    </row>
    <row r="68197" spans="14:14">
      <c r="N68197" s="10"/>
    </row>
    <row r="68198" spans="14:14">
      <c r="N68198" s="10"/>
    </row>
    <row r="68199" spans="14:14">
      <c r="N68199" s="10"/>
    </row>
    <row r="68200" spans="14:14">
      <c r="N68200" s="10"/>
    </row>
    <row r="68201" spans="14:14">
      <c r="N68201" s="10"/>
    </row>
    <row r="68202" spans="14:14">
      <c r="N68202" s="10"/>
    </row>
    <row r="68203" spans="14:14">
      <c r="N68203" s="10"/>
    </row>
    <row r="68204" spans="14:14">
      <c r="N68204" s="10"/>
    </row>
    <row r="68205" spans="14:14">
      <c r="N68205" s="10"/>
    </row>
    <row r="68206" spans="14:14">
      <c r="N68206" s="10"/>
    </row>
    <row r="68207" spans="14:14">
      <c r="N68207" s="10"/>
    </row>
    <row r="68208" spans="14:14">
      <c r="N68208" s="10"/>
    </row>
    <row r="68209" spans="14:14">
      <c r="N68209" s="10"/>
    </row>
    <row r="68210" spans="14:14">
      <c r="N68210" s="10"/>
    </row>
    <row r="68211" spans="14:14">
      <c r="N68211" s="10"/>
    </row>
    <row r="68212" spans="14:14">
      <c r="N68212" s="10"/>
    </row>
    <row r="68213" spans="14:14">
      <c r="N68213" s="10"/>
    </row>
    <row r="68214" spans="14:14">
      <c r="N68214" s="10"/>
    </row>
    <row r="68215" spans="14:14">
      <c r="N68215" s="10"/>
    </row>
    <row r="68216" spans="14:14">
      <c r="N68216" s="10"/>
    </row>
    <row r="68217" spans="14:14">
      <c r="N68217" s="10"/>
    </row>
    <row r="68218" spans="14:14">
      <c r="N68218" s="10"/>
    </row>
    <row r="68219" spans="14:14">
      <c r="N68219" s="10"/>
    </row>
    <row r="68220" spans="14:14">
      <c r="N68220" s="10"/>
    </row>
    <row r="68221" spans="14:14">
      <c r="N68221" s="10"/>
    </row>
    <row r="68222" spans="14:14">
      <c r="N68222" s="10"/>
    </row>
    <row r="68223" spans="14:14">
      <c r="N68223" s="10"/>
    </row>
    <row r="68224" spans="14:14">
      <c r="N68224" s="10"/>
    </row>
    <row r="68225" spans="14:14">
      <c r="N68225" s="10"/>
    </row>
    <row r="68226" spans="14:14">
      <c r="N68226" s="10"/>
    </row>
    <row r="68227" spans="14:14">
      <c r="N68227" s="10"/>
    </row>
    <row r="68228" spans="14:14">
      <c r="N68228" s="10"/>
    </row>
    <row r="68229" spans="14:14">
      <c r="N68229" s="10"/>
    </row>
    <row r="68230" spans="14:14">
      <c r="N68230" s="10"/>
    </row>
    <row r="68231" spans="14:14">
      <c r="N68231" s="10"/>
    </row>
    <row r="68232" spans="14:14">
      <c r="N68232" s="10"/>
    </row>
    <row r="68233" spans="14:14">
      <c r="N68233" s="10"/>
    </row>
    <row r="68234" spans="14:14">
      <c r="N68234" s="10"/>
    </row>
    <row r="68235" spans="14:14">
      <c r="N68235" s="10"/>
    </row>
    <row r="68236" spans="14:14">
      <c r="N68236" s="10"/>
    </row>
    <row r="68237" spans="14:14">
      <c r="N68237" s="10"/>
    </row>
    <row r="68238" spans="14:14">
      <c r="N68238" s="10"/>
    </row>
    <row r="68239" spans="14:14">
      <c r="N68239" s="10"/>
    </row>
    <row r="68240" spans="14:14">
      <c r="N68240" s="10"/>
    </row>
    <row r="68241" spans="14:14">
      <c r="N68241" s="10"/>
    </row>
    <row r="68242" spans="14:14">
      <c r="N68242" s="10"/>
    </row>
    <row r="68243" spans="14:14">
      <c r="N68243" s="10"/>
    </row>
    <row r="68244" spans="14:14">
      <c r="N68244" s="10"/>
    </row>
    <row r="68245" spans="14:14">
      <c r="N68245" s="10"/>
    </row>
    <row r="68246" spans="14:14">
      <c r="N68246" s="10"/>
    </row>
    <row r="68247" spans="14:14">
      <c r="N68247" s="10"/>
    </row>
    <row r="68248" spans="14:14">
      <c r="N68248" s="10"/>
    </row>
    <row r="68249" spans="14:14">
      <c r="N68249" s="10"/>
    </row>
    <row r="68250" spans="14:14">
      <c r="N68250" s="10"/>
    </row>
    <row r="68251" spans="14:14">
      <c r="N68251" s="10"/>
    </row>
    <row r="68252" spans="14:14">
      <c r="N68252" s="10"/>
    </row>
    <row r="68253" spans="14:14">
      <c r="N68253" s="10"/>
    </row>
    <row r="68254" spans="14:14">
      <c r="N68254" s="10"/>
    </row>
    <row r="68255" spans="14:14">
      <c r="N68255" s="10"/>
    </row>
    <row r="68256" spans="14:14">
      <c r="N68256" s="10"/>
    </row>
    <row r="68257" spans="14:14">
      <c r="N68257" s="10"/>
    </row>
    <row r="68258" spans="14:14">
      <c r="N68258" s="10"/>
    </row>
    <row r="68259" spans="14:14">
      <c r="N68259" s="10"/>
    </row>
    <row r="68260" spans="14:14">
      <c r="N68260" s="10"/>
    </row>
    <row r="68261" spans="14:14">
      <c r="N68261" s="10"/>
    </row>
    <row r="68262" spans="14:14">
      <c r="N68262" s="10"/>
    </row>
    <row r="68263" spans="14:14">
      <c r="N68263" s="10"/>
    </row>
    <row r="68264" spans="14:14">
      <c r="N68264" s="10"/>
    </row>
    <row r="68265" spans="14:14">
      <c r="N68265" s="10"/>
    </row>
    <row r="68266" spans="14:14">
      <c r="N68266" s="10"/>
    </row>
    <row r="68267" spans="14:14">
      <c r="N68267" s="10"/>
    </row>
    <row r="68268" spans="14:14">
      <c r="N68268" s="10"/>
    </row>
    <row r="68269" spans="14:14">
      <c r="N68269" s="10"/>
    </row>
    <row r="68270" spans="14:14">
      <c r="N68270" s="10"/>
    </row>
    <row r="68271" spans="14:14">
      <c r="N68271" s="10"/>
    </row>
    <row r="68272" spans="14:14">
      <c r="N68272" s="10"/>
    </row>
    <row r="68273" spans="14:14">
      <c r="N68273" s="10"/>
    </row>
    <row r="68274" spans="14:14">
      <c r="N68274" s="10"/>
    </row>
    <row r="68275" spans="14:14">
      <c r="N68275" s="10"/>
    </row>
    <row r="68276" spans="14:14">
      <c r="N68276" s="10"/>
    </row>
    <row r="68277" spans="14:14">
      <c r="N68277" s="10"/>
    </row>
    <row r="68278" spans="14:14">
      <c r="N68278" s="10"/>
    </row>
    <row r="68279" spans="14:14">
      <c r="N68279" s="10"/>
    </row>
    <row r="68280" spans="14:14">
      <c r="N68280" s="10"/>
    </row>
    <row r="68281" spans="14:14">
      <c r="N68281" s="10"/>
    </row>
    <row r="68282" spans="14:14">
      <c r="N68282" s="10"/>
    </row>
    <row r="68283" spans="14:14">
      <c r="N68283" s="10"/>
    </row>
    <row r="68284" spans="14:14">
      <c r="N68284" s="10"/>
    </row>
    <row r="68285" spans="14:14">
      <c r="N68285" s="10"/>
    </row>
    <row r="68286" spans="14:14">
      <c r="N68286" s="10"/>
    </row>
    <row r="68287" spans="14:14">
      <c r="N68287" s="10"/>
    </row>
    <row r="68288" spans="14:14">
      <c r="N68288" s="10"/>
    </row>
    <row r="68289" spans="14:14">
      <c r="N68289" s="10"/>
    </row>
    <row r="68290" spans="14:14">
      <c r="N68290" s="10"/>
    </row>
    <row r="68291" spans="14:14">
      <c r="N68291" s="10"/>
    </row>
    <row r="68292" spans="14:14">
      <c r="N68292" s="10"/>
    </row>
    <row r="68293" spans="14:14">
      <c r="N68293" s="10"/>
    </row>
    <row r="68294" spans="14:14">
      <c r="N68294" s="10"/>
    </row>
    <row r="68295" spans="14:14">
      <c r="N68295" s="10"/>
    </row>
    <row r="68296" spans="14:14">
      <c r="N68296" s="10"/>
    </row>
    <row r="68297" spans="14:14">
      <c r="N68297" s="10"/>
    </row>
    <row r="68298" spans="14:14">
      <c r="N68298" s="10"/>
    </row>
    <row r="68299" spans="14:14">
      <c r="N68299" s="10"/>
    </row>
    <row r="68300" spans="14:14">
      <c r="N68300" s="10"/>
    </row>
    <row r="68301" spans="14:14">
      <c r="N68301" s="10"/>
    </row>
    <row r="68302" spans="14:14">
      <c r="N68302" s="10"/>
    </row>
    <row r="68303" spans="14:14">
      <c r="N68303" s="10"/>
    </row>
    <row r="68304" spans="14:14">
      <c r="N68304" s="10"/>
    </row>
    <row r="68305" spans="14:14">
      <c r="N68305" s="10"/>
    </row>
    <row r="68306" spans="14:14">
      <c r="N68306" s="10"/>
    </row>
    <row r="68307" spans="14:14">
      <c r="N68307" s="10"/>
    </row>
    <row r="68308" spans="14:14">
      <c r="N68308" s="10"/>
    </row>
    <row r="68309" spans="14:14">
      <c r="N68309" s="10"/>
    </row>
    <row r="68310" spans="14:14">
      <c r="N68310" s="10"/>
    </row>
    <row r="68311" spans="14:14">
      <c r="N68311" s="10"/>
    </row>
    <row r="68312" spans="14:14">
      <c r="N68312" s="10"/>
    </row>
    <row r="68313" spans="14:14">
      <c r="N68313" s="10"/>
    </row>
    <row r="68314" spans="14:14">
      <c r="N68314" s="10"/>
    </row>
    <row r="68315" spans="14:14">
      <c r="N68315" s="10"/>
    </row>
    <row r="68316" spans="14:14">
      <c r="N68316" s="10"/>
    </row>
    <row r="68317" spans="14:14">
      <c r="N68317" s="10"/>
    </row>
    <row r="68318" spans="14:14">
      <c r="N68318" s="10"/>
    </row>
    <row r="68319" spans="14:14">
      <c r="N68319" s="10"/>
    </row>
    <row r="68320" spans="14:14">
      <c r="N68320" s="10"/>
    </row>
    <row r="68321" spans="14:14">
      <c r="N68321" s="10"/>
    </row>
    <row r="68322" spans="14:14">
      <c r="N68322" s="10"/>
    </row>
    <row r="68323" spans="14:14">
      <c r="N68323" s="10"/>
    </row>
    <row r="68324" spans="14:14">
      <c r="N68324" s="10"/>
    </row>
    <row r="68325" spans="14:14">
      <c r="N68325" s="10"/>
    </row>
    <row r="68326" spans="14:14">
      <c r="N68326" s="10"/>
    </row>
    <row r="68327" spans="14:14">
      <c r="N68327" s="10"/>
    </row>
    <row r="68328" spans="14:14">
      <c r="N68328" s="10"/>
    </row>
    <row r="68329" spans="14:14">
      <c r="N68329" s="10"/>
    </row>
    <row r="68330" spans="14:14">
      <c r="N68330" s="10"/>
    </row>
    <row r="68331" spans="14:14">
      <c r="N68331" s="10"/>
    </row>
    <row r="68332" spans="14:14">
      <c r="N68332" s="10"/>
    </row>
    <row r="68333" spans="14:14">
      <c r="N68333" s="10"/>
    </row>
    <row r="68334" spans="14:14">
      <c r="N68334" s="10"/>
    </row>
    <row r="68335" spans="14:14">
      <c r="N68335" s="10"/>
    </row>
    <row r="68336" spans="14:14">
      <c r="N68336" s="10"/>
    </row>
    <row r="68337" spans="14:14">
      <c r="N68337" s="10"/>
    </row>
    <row r="68338" spans="14:14">
      <c r="N68338" s="10"/>
    </row>
    <row r="68339" spans="14:14">
      <c r="N68339" s="10"/>
    </row>
    <row r="68340" spans="14:14">
      <c r="N68340" s="10"/>
    </row>
    <row r="68341" spans="14:14">
      <c r="N68341" s="10"/>
    </row>
    <row r="68342" spans="14:14">
      <c r="N68342" s="10"/>
    </row>
    <row r="68343" spans="14:14">
      <c r="N68343" s="10"/>
    </row>
    <row r="68344" spans="14:14">
      <c r="N68344" s="10"/>
    </row>
    <row r="68345" spans="14:14">
      <c r="N68345" s="10"/>
    </row>
    <row r="68346" spans="14:14">
      <c r="N68346" s="10"/>
    </row>
    <row r="68347" spans="14:14">
      <c r="N68347" s="10"/>
    </row>
    <row r="68348" spans="14:14">
      <c r="N68348" s="10"/>
    </row>
    <row r="68349" spans="14:14">
      <c r="N68349" s="10"/>
    </row>
    <row r="68350" spans="14:14">
      <c r="N68350" s="10"/>
    </row>
    <row r="68351" spans="14:14">
      <c r="N68351" s="10"/>
    </row>
    <row r="68352" spans="14:14">
      <c r="N68352" s="10"/>
    </row>
    <row r="68353" spans="14:14">
      <c r="N68353" s="10"/>
    </row>
    <row r="68354" spans="14:14">
      <c r="N68354" s="10"/>
    </row>
    <row r="68355" spans="14:14">
      <c r="N68355" s="10"/>
    </row>
    <row r="68356" spans="14:14">
      <c r="N68356" s="10"/>
    </row>
    <row r="68357" spans="14:14">
      <c r="N68357" s="10"/>
    </row>
    <row r="68358" spans="14:14">
      <c r="N68358" s="10"/>
    </row>
    <row r="68359" spans="14:14">
      <c r="N68359" s="10"/>
    </row>
    <row r="68360" spans="14:14">
      <c r="N68360" s="10"/>
    </row>
    <row r="68361" spans="14:14">
      <c r="N68361" s="10"/>
    </row>
    <row r="68362" spans="14:14">
      <c r="N68362" s="10"/>
    </row>
    <row r="68363" spans="14:14">
      <c r="N68363" s="10"/>
    </row>
    <row r="68364" spans="14:14">
      <c r="N68364" s="10"/>
    </row>
    <row r="68365" spans="14:14">
      <c r="N68365" s="10"/>
    </row>
    <row r="68366" spans="14:14">
      <c r="N68366" s="10"/>
    </row>
    <row r="68367" spans="14:14">
      <c r="N68367" s="10"/>
    </row>
    <row r="68368" spans="14:14">
      <c r="N68368" s="10"/>
    </row>
    <row r="68369" spans="14:14">
      <c r="N68369" s="10"/>
    </row>
    <row r="68370" spans="14:14">
      <c r="N68370" s="10"/>
    </row>
    <row r="68371" spans="14:14">
      <c r="N68371" s="10"/>
    </row>
    <row r="68372" spans="14:14">
      <c r="N68372" s="10"/>
    </row>
    <row r="68373" spans="14:14">
      <c r="N68373" s="10"/>
    </row>
    <row r="68374" spans="14:14">
      <c r="N68374" s="10"/>
    </row>
    <row r="68375" spans="14:14">
      <c r="N68375" s="10"/>
    </row>
    <row r="68376" spans="14:14">
      <c r="N68376" s="10"/>
    </row>
    <row r="68377" spans="14:14">
      <c r="N68377" s="10"/>
    </row>
    <row r="68378" spans="14:14">
      <c r="N68378" s="10"/>
    </row>
    <row r="68379" spans="14:14">
      <c r="N68379" s="10"/>
    </row>
    <row r="68380" spans="14:14">
      <c r="N68380" s="10"/>
    </row>
    <row r="68381" spans="14:14">
      <c r="N68381" s="10"/>
    </row>
    <row r="68382" spans="14:14">
      <c r="N68382" s="10"/>
    </row>
    <row r="68383" spans="14:14">
      <c r="N68383" s="10"/>
    </row>
    <row r="68384" spans="14:14">
      <c r="N68384" s="10"/>
    </row>
    <row r="68385" spans="14:14">
      <c r="N68385" s="10"/>
    </row>
    <row r="68386" spans="14:14">
      <c r="N68386" s="10"/>
    </row>
    <row r="68387" spans="14:14">
      <c r="N68387" s="10"/>
    </row>
    <row r="68388" spans="14:14">
      <c r="N68388" s="10"/>
    </row>
    <row r="68389" spans="14:14">
      <c r="N68389" s="10"/>
    </row>
    <row r="68390" spans="14:14">
      <c r="N68390" s="10"/>
    </row>
    <row r="68391" spans="14:14">
      <c r="N68391" s="10"/>
    </row>
    <row r="68392" spans="14:14">
      <c r="N68392" s="10"/>
    </row>
    <row r="68393" spans="14:14">
      <c r="N68393" s="10"/>
    </row>
    <row r="68394" spans="14:14">
      <c r="N68394" s="10"/>
    </row>
    <row r="68395" spans="14:14">
      <c r="N68395" s="10"/>
    </row>
    <row r="68396" spans="14:14">
      <c r="N68396" s="10"/>
    </row>
    <row r="68397" spans="14:14">
      <c r="N68397" s="10"/>
    </row>
    <row r="68398" spans="14:14">
      <c r="N68398" s="10"/>
    </row>
    <row r="68399" spans="14:14">
      <c r="N68399" s="10"/>
    </row>
    <row r="68400" spans="14:14">
      <c r="N68400" s="10"/>
    </row>
    <row r="68401" spans="14:14">
      <c r="N68401" s="10"/>
    </row>
    <row r="68402" spans="14:14">
      <c r="N68402" s="10"/>
    </row>
    <row r="68403" spans="14:14">
      <c r="N68403" s="10"/>
    </row>
    <row r="68404" spans="14:14">
      <c r="N68404" s="10"/>
    </row>
    <row r="68405" spans="14:14">
      <c r="N68405" s="10"/>
    </row>
    <row r="68406" spans="14:14">
      <c r="N68406" s="10"/>
    </row>
    <row r="68407" spans="14:14">
      <c r="N68407" s="10"/>
    </row>
    <row r="68408" spans="14:14">
      <c r="N68408" s="10"/>
    </row>
    <row r="68409" spans="14:14">
      <c r="N68409" s="10"/>
    </row>
    <row r="68410" spans="14:14">
      <c r="N68410" s="10"/>
    </row>
    <row r="68411" spans="14:14">
      <c r="N68411" s="10"/>
    </row>
    <row r="68412" spans="14:14">
      <c r="N68412" s="10"/>
    </row>
    <row r="68413" spans="14:14">
      <c r="N68413" s="10"/>
    </row>
    <row r="68414" spans="14:14">
      <c r="N68414" s="10"/>
    </row>
    <row r="68415" spans="14:14">
      <c r="N68415" s="10"/>
    </row>
    <row r="68416" spans="14:14">
      <c r="N68416" s="10"/>
    </row>
    <row r="68417" spans="14:14">
      <c r="N68417" s="10"/>
    </row>
    <row r="68418" spans="14:14">
      <c r="N68418" s="10"/>
    </row>
    <row r="68419" spans="14:14">
      <c r="N68419" s="10"/>
    </row>
    <row r="68420" spans="14:14">
      <c r="N68420" s="10"/>
    </row>
    <row r="68421" spans="14:14">
      <c r="N68421" s="10"/>
    </row>
    <row r="68422" spans="14:14">
      <c r="N68422" s="10"/>
    </row>
    <row r="68423" spans="14:14">
      <c r="N68423" s="10"/>
    </row>
    <row r="68424" spans="14:14">
      <c r="N68424" s="10"/>
    </row>
    <row r="68425" spans="14:14">
      <c r="N68425" s="10"/>
    </row>
    <row r="68426" spans="14:14">
      <c r="N68426" s="10"/>
    </row>
    <row r="68427" spans="14:14">
      <c r="N68427" s="10"/>
    </row>
    <row r="68428" spans="14:14">
      <c r="N68428" s="10"/>
    </row>
    <row r="68429" spans="14:14">
      <c r="N68429" s="10"/>
    </row>
    <row r="68430" spans="14:14">
      <c r="N68430" s="10"/>
    </row>
    <row r="68431" spans="14:14">
      <c r="N68431" s="10"/>
    </row>
    <row r="68432" spans="14:14">
      <c r="N68432" s="10"/>
    </row>
    <row r="68433" spans="14:14">
      <c r="N68433" s="10"/>
    </row>
    <row r="68434" spans="14:14">
      <c r="N68434" s="10"/>
    </row>
    <row r="68435" spans="14:14">
      <c r="N68435" s="10"/>
    </row>
    <row r="68436" spans="14:14">
      <c r="N68436" s="10"/>
    </row>
    <row r="68437" spans="14:14">
      <c r="N68437" s="10"/>
    </row>
    <row r="68438" spans="14:14">
      <c r="N68438" s="10"/>
    </row>
    <row r="68439" spans="14:14">
      <c r="N68439" s="10"/>
    </row>
    <row r="68440" spans="14:14">
      <c r="N68440" s="10"/>
    </row>
    <row r="68441" spans="14:14">
      <c r="N68441" s="10"/>
    </row>
    <row r="68442" spans="14:14">
      <c r="N68442" s="10"/>
    </row>
    <row r="68443" spans="14:14">
      <c r="N68443" s="10"/>
    </row>
    <row r="68444" spans="14:14">
      <c r="N68444" s="10"/>
    </row>
    <row r="68445" spans="14:14">
      <c r="N68445" s="10"/>
    </row>
    <row r="68446" spans="14:14">
      <c r="N68446" s="10"/>
    </row>
    <row r="68447" spans="14:14">
      <c r="N68447" s="10"/>
    </row>
    <row r="68448" spans="14:14">
      <c r="N68448" s="10"/>
    </row>
    <row r="68449" spans="14:14">
      <c r="N68449" s="10"/>
    </row>
    <row r="68450" spans="14:14">
      <c r="N68450" s="10"/>
    </row>
    <row r="68451" spans="14:14">
      <c r="N68451" s="10"/>
    </row>
    <row r="68452" spans="14:14">
      <c r="N68452" s="10"/>
    </row>
    <row r="68453" spans="14:14">
      <c r="N68453" s="10"/>
    </row>
    <row r="68454" spans="14:14">
      <c r="N68454" s="10"/>
    </row>
    <row r="68455" spans="14:14">
      <c r="N68455" s="10"/>
    </row>
    <row r="68456" spans="14:14">
      <c r="N68456" s="10"/>
    </row>
    <row r="68457" spans="14:14">
      <c r="N68457" s="10"/>
    </row>
    <row r="68458" spans="14:14">
      <c r="N68458" s="10"/>
    </row>
    <row r="68459" spans="14:14">
      <c r="N68459" s="10"/>
    </row>
    <row r="68460" spans="14:14">
      <c r="N68460" s="10"/>
    </row>
    <row r="68461" spans="14:14">
      <c r="N68461" s="10"/>
    </row>
    <row r="68462" spans="14:14">
      <c r="N68462" s="10"/>
    </row>
    <row r="68463" spans="14:14">
      <c r="N68463" s="10"/>
    </row>
    <row r="68464" spans="14:14">
      <c r="N68464" s="10"/>
    </row>
    <row r="68465" spans="14:14">
      <c r="N68465" s="10"/>
    </row>
    <row r="68466" spans="14:14">
      <c r="N68466" s="10"/>
    </row>
    <row r="68467" spans="14:14">
      <c r="N68467" s="10"/>
    </row>
    <row r="68468" spans="14:14">
      <c r="N68468" s="10"/>
    </row>
    <row r="68469" spans="14:14">
      <c r="N68469" s="10"/>
    </row>
    <row r="68470" spans="14:14">
      <c r="N68470" s="10"/>
    </row>
    <row r="68471" spans="14:14">
      <c r="N68471" s="10"/>
    </row>
    <row r="68472" spans="14:14">
      <c r="N68472" s="10"/>
    </row>
    <row r="68473" spans="14:14">
      <c r="N68473" s="10"/>
    </row>
    <row r="68474" spans="14:14">
      <c r="N68474" s="10"/>
    </row>
    <row r="68475" spans="14:14">
      <c r="N68475" s="10"/>
    </row>
    <row r="68476" spans="14:14">
      <c r="N68476" s="10"/>
    </row>
    <row r="68477" spans="14:14">
      <c r="N68477" s="10"/>
    </row>
    <row r="68478" spans="14:14">
      <c r="N68478" s="10"/>
    </row>
    <row r="68479" spans="14:14">
      <c r="N68479" s="10"/>
    </row>
    <row r="68480" spans="14:14">
      <c r="N68480" s="10"/>
    </row>
    <row r="68481" spans="14:14">
      <c r="N68481" s="10"/>
    </row>
    <row r="68482" spans="14:14">
      <c r="N68482" s="10"/>
    </row>
    <row r="68483" spans="14:14">
      <c r="N68483" s="10"/>
    </row>
    <row r="68484" spans="14:14">
      <c r="N68484" s="10"/>
    </row>
    <row r="68485" spans="14:14">
      <c r="N68485" s="10"/>
    </row>
    <row r="68486" spans="14:14">
      <c r="N68486" s="10"/>
    </row>
    <row r="68487" spans="14:14">
      <c r="N68487" s="10"/>
    </row>
    <row r="68488" spans="14:14">
      <c r="N68488" s="10"/>
    </row>
    <row r="68489" spans="14:14">
      <c r="N68489" s="10"/>
    </row>
    <row r="68490" spans="14:14">
      <c r="N68490" s="10"/>
    </row>
    <row r="68491" spans="14:14">
      <c r="N68491" s="10"/>
    </row>
    <row r="68492" spans="14:14">
      <c r="N68492" s="10"/>
    </row>
    <row r="68493" spans="14:14">
      <c r="N68493" s="10"/>
    </row>
    <row r="68494" spans="14:14">
      <c r="N68494" s="10"/>
    </row>
    <row r="68495" spans="14:14">
      <c r="N68495" s="10"/>
    </row>
    <row r="68496" spans="14:14">
      <c r="N68496" s="10"/>
    </row>
    <row r="68497" spans="14:14">
      <c r="N68497" s="10"/>
    </row>
    <row r="68498" spans="14:14">
      <c r="N68498" s="10"/>
    </row>
    <row r="68499" spans="14:14">
      <c r="N68499" s="10"/>
    </row>
    <row r="68500" spans="14:14">
      <c r="N68500" s="10"/>
    </row>
    <row r="68501" spans="14:14">
      <c r="N68501" s="10"/>
    </row>
    <row r="68502" spans="14:14">
      <c r="N68502" s="10"/>
    </row>
    <row r="68503" spans="14:14">
      <c r="N68503" s="10"/>
    </row>
    <row r="68504" spans="14:14">
      <c r="N68504" s="10"/>
    </row>
    <row r="68505" spans="14:14">
      <c r="N68505" s="10"/>
    </row>
    <row r="68506" spans="14:14">
      <c r="N68506" s="10"/>
    </row>
    <row r="68507" spans="14:14">
      <c r="N68507" s="10"/>
    </row>
    <row r="68508" spans="14:14">
      <c r="N68508" s="10"/>
    </row>
    <row r="68509" spans="14:14">
      <c r="N68509" s="10"/>
    </row>
    <row r="68510" spans="14:14">
      <c r="N68510" s="10"/>
    </row>
    <row r="68511" spans="14:14">
      <c r="N68511" s="10"/>
    </row>
    <row r="68512" spans="14:14">
      <c r="N68512" s="10"/>
    </row>
    <row r="68513" spans="14:14">
      <c r="N68513" s="10"/>
    </row>
    <row r="68514" spans="14:14">
      <c r="N68514" s="10"/>
    </row>
    <row r="68515" spans="14:14">
      <c r="N68515" s="10"/>
    </row>
    <row r="68516" spans="14:14">
      <c r="N68516" s="10"/>
    </row>
    <row r="68517" spans="14:14">
      <c r="N68517" s="10"/>
    </row>
    <row r="68518" spans="14:14">
      <c r="N68518" s="10"/>
    </row>
    <row r="68519" spans="14:14">
      <c r="N68519" s="10"/>
    </row>
    <row r="68520" spans="14:14">
      <c r="N68520" s="10"/>
    </row>
    <row r="68521" spans="14:14">
      <c r="N68521" s="10"/>
    </row>
    <row r="68522" spans="14:14">
      <c r="N68522" s="10"/>
    </row>
    <row r="68523" spans="14:14">
      <c r="N68523" s="10"/>
    </row>
    <row r="68524" spans="14:14">
      <c r="N68524" s="10"/>
    </row>
    <row r="68525" spans="14:14">
      <c r="N68525" s="10"/>
    </row>
    <row r="68526" spans="14:14">
      <c r="N68526" s="10"/>
    </row>
    <row r="68527" spans="14:14">
      <c r="N68527" s="10"/>
    </row>
    <row r="68528" spans="14:14">
      <c r="N68528" s="10"/>
    </row>
    <row r="68529" spans="14:14">
      <c r="N68529" s="10"/>
    </row>
    <row r="68530" spans="14:14">
      <c r="N68530" s="10"/>
    </row>
    <row r="68531" spans="14:14">
      <c r="N68531" s="10"/>
    </row>
    <row r="68532" spans="14:14">
      <c r="N68532" s="10"/>
    </row>
    <row r="68533" spans="14:14">
      <c r="N68533" s="10"/>
    </row>
    <row r="68534" spans="14:14">
      <c r="N68534" s="10"/>
    </row>
    <row r="68535" spans="14:14">
      <c r="N68535" s="10"/>
    </row>
    <row r="68536" spans="14:14">
      <c r="N68536" s="10"/>
    </row>
    <row r="68537" spans="14:14">
      <c r="N68537" s="10"/>
    </row>
    <row r="68538" spans="14:14">
      <c r="N68538" s="10"/>
    </row>
    <row r="68539" spans="14:14">
      <c r="N68539" s="10"/>
    </row>
    <row r="68540" spans="14:14">
      <c r="N68540" s="10"/>
    </row>
    <row r="68541" spans="14:14">
      <c r="N68541" s="10"/>
    </row>
    <row r="68542" spans="14:14">
      <c r="N68542" s="10"/>
    </row>
    <row r="68543" spans="14:14">
      <c r="N68543" s="10"/>
    </row>
    <row r="68544" spans="14:14">
      <c r="N68544" s="10"/>
    </row>
    <row r="68545" spans="14:14">
      <c r="N68545" s="10"/>
    </row>
    <row r="68546" spans="14:14">
      <c r="N68546" s="10"/>
    </row>
    <row r="68547" spans="14:14">
      <c r="N68547" s="10"/>
    </row>
    <row r="68548" spans="14:14">
      <c r="N68548" s="10"/>
    </row>
    <row r="68549" spans="14:14">
      <c r="N68549" s="10"/>
    </row>
    <row r="68550" spans="14:14">
      <c r="N68550" s="10"/>
    </row>
    <row r="68551" spans="14:14">
      <c r="N68551" s="10"/>
    </row>
    <row r="68552" spans="14:14">
      <c r="N68552" s="10"/>
    </row>
    <row r="68553" spans="14:14">
      <c r="N68553" s="10"/>
    </row>
    <row r="68554" spans="14:14">
      <c r="N68554" s="10"/>
    </row>
    <row r="68555" spans="14:14">
      <c r="N68555" s="10"/>
    </row>
    <row r="68556" spans="14:14">
      <c r="N68556" s="10"/>
    </row>
    <row r="68557" spans="14:14">
      <c r="N68557" s="10"/>
    </row>
    <row r="68558" spans="14:14">
      <c r="N68558" s="10"/>
    </row>
    <row r="68559" spans="14:14">
      <c r="N68559" s="10"/>
    </row>
    <row r="68560" spans="14:14">
      <c r="N68560" s="10"/>
    </row>
    <row r="68561" spans="14:14">
      <c r="N68561" s="10"/>
    </row>
    <row r="68562" spans="14:14">
      <c r="N68562" s="10"/>
    </row>
    <row r="68563" spans="14:14">
      <c r="N68563" s="10"/>
    </row>
    <row r="68564" spans="14:14">
      <c r="N68564" s="10"/>
    </row>
    <row r="68565" spans="14:14">
      <c r="N68565" s="10"/>
    </row>
    <row r="68566" spans="14:14">
      <c r="N68566" s="10"/>
    </row>
    <row r="68567" spans="14:14">
      <c r="N68567" s="10"/>
    </row>
    <row r="68568" spans="14:14">
      <c r="N68568" s="10"/>
    </row>
    <row r="68569" spans="14:14">
      <c r="N68569" s="10"/>
    </row>
    <row r="68570" spans="14:14">
      <c r="N68570" s="10"/>
    </row>
    <row r="68571" spans="14:14">
      <c r="N68571" s="10"/>
    </row>
    <row r="68572" spans="14:14">
      <c r="N68572" s="10"/>
    </row>
    <row r="68573" spans="14:14">
      <c r="N68573" s="10"/>
    </row>
    <row r="68574" spans="14:14">
      <c r="N68574" s="10"/>
    </row>
    <row r="68575" spans="14:14">
      <c r="N68575" s="10"/>
    </row>
    <row r="68576" spans="14:14">
      <c r="N68576" s="10"/>
    </row>
    <row r="68577" spans="14:14">
      <c r="N68577" s="10"/>
    </row>
    <row r="68578" spans="14:14">
      <c r="N68578" s="10"/>
    </row>
    <row r="68579" spans="14:14">
      <c r="N68579" s="10"/>
    </row>
    <row r="68580" spans="14:14">
      <c r="N68580" s="10"/>
    </row>
    <row r="68581" spans="14:14">
      <c r="N68581" s="10"/>
    </row>
    <row r="68582" spans="14:14">
      <c r="N68582" s="10"/>
    </row>
    <row r="68583" spans="14:14">
      <c r="N68583" s="10"/>
    </row>
    <row r="68584" spans="14:14">
      <c r="N68584" s="10"/>
    </row>
    <row r="68585" spans="14:14">
      <c r="N68585" s="10"/>
    </row>
    <row r="68586" spans="14:14">
      <c r="N68586" s="10"/>
    </row>
    <row r="68587" spans="14:14">
      <c r="N68587" s="10"/>
    </row>
    <row r="68588" spans="14:14">
      <c r="N68588" s="10"/>
    </row>
    <row r="68589" spans="14:14">
      <c r="N68589" s="10"/>
    </row>
    <row r="68590" spans="14:14">
      <c r="N68590" s="10"/>
    </row>
    <row r="68591" spans="14:14">
      <c r="N68591" s="10"/>
    </row>
    <row r="68592" spans="14:14">
      <c r="N68592" s="10"/>
    </row>
    <row r="68593" spans="14:14">
      <c r="N68593" s="10"/>
    </row>
    <row r="68594" spans="14:14">
      <c r="N68594" s="10"/>
    </row>
    <row r="68595" spans="14:14">
      <c r="N68595" s="10"/>
    </row>
    <row r="68596" spans="14:14">
      <c r="N68596" s="10"/>
    </row>
    <row r="68597" spans="14:14">
      <c r="N68597" s="10"/>
    </row>
    <row r="68598" spans="14:14">
      <c r="N68598" s="10"/>
    </row>
    <row r="68599" spans="14:14">
      <c r="N68599" s="10"/>
    </row>
    <row r="68600" spans="14:14">
      <c r="N68600" s="10"/>
    </row>
    <row r="68601" spans="14:14">
      <c r="N68601" s="10"/>
    </row>
    <row r="68602" spans="14:14">
      <c r="N68602" s="10"/>
    </row>
    <row r="68603" spans="14:14">
      <c r="N68603" s="10"/>
    </row>
    <row r="68604" spans="14:14">
      <c r="N68604" s="10"/>
    </row>
    <row r="68605" spans="14:14">
      <c r="N68605" s="10"/>
    </row>
    <row r="68606" spans="14:14">
      <c r="N68606" s="10"/>
    </row>
    <row r="68607" spans="14:14">
      <c r="N68607" s="10"/>
    </row>
    <row r="68608" spans="14:14">
      <c r="N68608" s="10"/>
    </row>
    <row r="68609" spans="14:14">
      <c r="N68609" s="10"/>
    </row>
    <row r="68610" spans="14:14">
      <c r="N68610" s="10"/>
    </row>
    <row r="68611" spans="14:14">
      <c r="N68611" s="10"/>
    </row>
    <row r="68612" spans="14:14">
      <c r="N68612" s="10"/>
    </row>
    <row r="68613" spans="14:14">
      <c r="N68613" s="10"/>
    </row>
    <row r="68614" spans="14:14">
      <c r="N68614" s="10"/>
    </row>
    <row r="68615" spans="14:14">
      <c r="N68615" s="10"/>
    </row>
    <row r="68616" spans="14:14">
      <c r="N68616" s="10"/>
    </row>
    <row r="68617" spans="14:14">
      <c r="N68617" s="10"/>
    </row>
    <row r="68618" spans="14:14">
      <c r="N68618" s="10"/>
    </row>
    <row r="68619" spans="14:14">
      <c r="N68619" s="10"/>
    </row>
    <row r="68620" spans="14:14">
      <c r="N68620" s="10"/>
    </row>
    <row r="68621" spans="14:14">
      <c r="N68621" s="10"/>
    </row>
    <row r="68622" spans="14:14">
      <c r="N68622" s="10"/>
    </row>
    <row r="68623" spans="14:14">
      <c r="N68623" s="10"/>
    </row>
    <row r="68624" spans="14:14">
      <c r="N68624" s="10"/>
    </row>
    <row r="68625" spans="14:14">
      <c r="N68625" s="10"/>
    </row>
    <row r="68626" spans="14:14">
      <c r="N68626" s="10"/>
    </row>
    <row r="68627" spans="14:14">
      <c r="N68627" s="10"/>
    </row>
    <row r="68628" spans="14:14">
      <c r="N68628" s="10"/>
    </row>
    <row r="68629" spans="14:14">
      <c r="N68629" s="10"/>
    </row>
    <row r="68630" spans="14:14">
      <c r="N68630" s="10"/>
    </row>
    <row r="68631" spans="14:14">
      <c r="N68631" s="10"/>
    </row>
    <row r="68632" spans="14:14">
      <c r="N68632" s="10"/>
    </row>
    <row r="68633" spans="14:14">
      <c r="N68633" s="10"/>
    </row>
    <row r="68634" spans="14:14">
      <c r="N68634" s="10"/>
    </row>
    <row r="68635" spans="14:14">
      <c r="N68635" s="10"/>
    </row>
    <row r="68636" spans="14:14">
      <c r="N68636" s="10"/>
    </row>
    <row r="68637" spans="14:14">
      <c r="N68637" s="10"/>
    </row>
    <row r="68638" spans="14:14">
      <c r="N68638" s="10"/>
    </row>
    <row r="68639" spans="14:14">
      <c r="N68639" s="10"/>
    </row>
    <row r="68640" spans="14:14">
      <c r="N68640" s="10"/>
    </row>
    <row r="68641" spans="14:14">
      <c r="N68641" s="10"/>
    </row>
    <row r="68642" spans="14:14">
      <c r="N68642" s="10"/>
    </row>
    <row r="68643" spans="14:14">
      <c r="N68643" s="10"/>
    </row>
    <row r="68644" spans="14:14">
      <c r="N68644" s="10"/>
    </row>
    <row r="68645" spans="14:14">
      <c r="N68645" s="10"/>
    </row>
    <row r="68646" spans="14:14">
      <c r="N68646" s="10"/>
    </row>
    <row r="68647" spans="14:14">
      <c r="N68647" s="10"/>
    </row>
    <row r="68648" spans="14:14">
      <c r="N68648" s="10"/>
    </row>
    <row r="68649" spans="14:14">
      <c r="N68649" s="10"/>
    </row>
    <row r="68650" spans="14:14">
      <c r="N68650" s="10"/>
    </row>
    <row r="68651" spans="14:14">
      <c r="N68651" s="10"/>
    </row>
    <row r="68652" spans="14:14">
      <c r="N68652" s="10"/>
    </row>
    <row r="68653" spans="14:14">
      <c r="N68653" s="10"/>
    </row>
    <row r="68654" spans="14:14">
      <c r="N68654" s="10"/>
    </row>
    <row r="68655" spans="14:14">
      <c r="N68655" s="10"/>
    </row>
    <row r="68656" spans="14:14">
      <c r="N68656" s="10"/>
    </row>
    <row r="68657" spans="14:14">
      <c r="N68657" s="10"/>
    </row>
    <row r="68658" spans="14:14">
      <c r="N68658" s="10"/>
    </row>
    <row r="68659" spans="14:14">
      <c r="N68659" s="10"/>
    </row>
    <row r="68660" spans="14:14">
      <c r="N68660" s="10"/>
    </row>
    <row r="68661" spans="14:14">
      <c r="N68661" s="10"/>
    </row>
    <row r="68662" spans="14:14">
      <c r="N68662" s="10"/>
    </row>
    <row r="68663" spans="14:14">
      <c r="N68663" s="10"/>
    </row>
    <row r="68664" spans="14:14">
      <c r="N68664" s="10"/>
    </row>
    <row r="68665" spans="14:14">
      <c r="N68665" s="10"/>
    </row>
    <row r="68666" spans="14:14">
      <c r="N68666" s="10"/>
    </row>
    <row r="68667" spans="14:14">
      <c r="N68667" s="10"/>
    </row>
    <row r="68668" spans="14:14">
      <c r="N68668" s="10"/>
    </row>
    <row r="68669" spans="14:14">
      <c r="N68669" s="10"/>
    </row>
    <row r="68670" spans="14:14">
      <c r="N68670" s="10"/>
    </row>
    <row r="68671" spans="14:14">
      <c r="N68671" s="10"/>
    </row>
    <row r="68672" spans="14:14">
      <c r="N68672" s="10"/>
    </row>
    <row r="68673" spans="14:14">
      <c r="N68673" s="10"/>
    </row>
    <row r="68674" spans="14:14">
      <c r="N68674" s="10"/>
    </row>
    <row r="68675" spans="14:14">
      <c r="N68675" s="10"/>
    </row>
    <row r="68676" spans="14:14">
      <c r="N68676" s="10"/>
    </row>
    <row r="68677" spans="14:14">
      <c r="N68677" s="10"/>
    </row>
    <row r="68678" spans="14:14">
      <c r="N68678" s="10"/>
    </row>
    <row r="68679" spans="14:14">
      <c r="N68679" s="10"/>
    </row>
    <row r="68680" spans="14:14">
      <c r="N68680" s="10"/>
    </row>
    <row r="68681" spans="14:14">
      <c r="N68681" s="10"/>
    </row>
    <row r="68682" spans="14:14">
      <c r="N68682" s="10"/>
    </row>
    <row r="68683" spans="14:14">
      <c r="N68683" s="10"/>
    </row>
    <row r="68684" spans="14:14">
      <c r="N68684" s="10"/>
    </row>
    <row r="68685" spans="14:14">
      <c r="N68685" s="10"/>
    </row>
    <row r="68686" spans="14:14">
      <c r="N68686" s="10"/>
    </row>
    <row r="68687" spans="14:14">
      <c r="N68687" s="10"/>
    </row>
    <row r="68688" spans="14:14">
      <c r="N68688" s="10"/>
    </row>
    <row r="68689" spans="14:14">
      <c r="N68689" s="10"/>
    </row>
    <row r="68690" spans="14:14">
      <c r="N68690" s="10"/>
    </row>
    <row r="68691" spans="14:14">
      <c r="N68691" s="10"/>
    </row>
    <row r="68692" spans="14:14">
      <c r="N68692" s="10"/>
    </row>
    <row r="68693" spans="14:14">
      <c r="N68693" s="10"/>
    </row>
    <row r="68694" spans="14:14">
      <c r="N68694" s="10"/>
    </row>
    <row r="68695" spans="14:14">
      <c r="N68695" s="10"/>
    </row>
    <row r="68696" spans="14:14">
      <c r="N68696" s="10"/>
    </row>
    <row r="68697" spans="14:14">
      <c r="N68697" s="10"/>
    </row>
    <row r="68698" spans="14:14">
      <c r="N68698" s="10"/>
    </row>
    <row r="68699" spans="14:14">
      <c r="N68699" s="10"/>
    </row>
    <row r="68700" spans="14:14">
      <c r="N68700" s="10"/>
    </row>
    <row r="68701" spans="14:14">
      <c r="N68701" s="10"/>
    </row>
    <row r="68702" spans="14:14">
      <c r="N68702" s="10"/>
    </row>
    <row r="68703" spans="14:14">
      <c r="N68703" s="10"/>
    </row>
    <row r="68704" spans="14:14">
      <c r="N68704" s="10"/>
    </row>
    <row r="68705" spans="14:14">
      <c r="N68705" s="10"/>
    </row>
    <row r="68706" spans="14:14">
      <c r="N68706" s="10"/>
    </row>
    <row r="68707" spans="14:14">
      <c r="N68707" s="10"/>
    </row>
    <row r="68708" spans="14:14">
      <c r="N68708" s="10"/>
    </row>
    <row r="68709" spans="14:14">
      <c r="N68709" s="10"/>
    </row>
    <row r="68710" spans="14:14">
      <c r="N68710" s="10"/>
    </row>
    <row r="68711" spans="14:14">
      <c r="N68711" s="10"/>
    </row>
    <row r="68712" spans="14:14">
      <c r="N68712" s="10"/>
    </row>
    <row r="68713" spans="14:14">
      <c r="N68713" s="10"/>
    </row>
    <row r="68714" spans="14:14">
      <c r="N68714" s="10"/>
    </row>
    <row r="68715" spans="14:14">
      <c r="N68715" s="10"/>
    </row>
    <row r="68716" spans="14:14">
      <c r="N68716" s="10"/>
    </row>
    <row r="68717" spans="14:14">
      <c r="N68717" s="10"/>
    </row>
    <row r="68718" spans="14:14">
      <c r="N68718" s="10"/>
    </row>
    <row r="68719" spans="14:14">
      <c r="N68719" s="10"/>
    </row>
    <row r="68720" spans="14:14">
      <c r="N68720" s="10"/>
    </row>
    <row r="68721" spans="14:14">
      <c r="N68721" s="10"/>
    </row>
    <row r="68722" spans="14:14">
      <c r="N68722" s="10"/>
    </row>
    <row r="68723" spans="14:14">
      <c r="N68723" s="10"/>
    </row>
    <row r="68724" spans="14:14">
      <c r="N68724" s="10"/>
    </row>
    <row r="68725" spans="14:14">
      <c r="N68725" s="10"/>
    </row>
    <row r="68726" spans="14:14">
      <c r="N68726" s="10"/>
    </row>
    <row r="68727" spans="14:14">
      <c r="N68727" s="10"/>
    </row>
    <row r="68728" spans="14:14">
      <c r="N68728" s="10"/>
    </row>
    <row r="68729" spans="14:14">
      <c r="N68729" s="10"/>
    </row>
    <row r="68730" spans="14:14">
      <c r="N68730" s="10"/>
    </row>
    <row r="68731" spans="14:14">
      <c r="N68731" s="10"/>
    </row>
    <row r="68732" spans="14:14">
      <c r="N68732" s="10"/>
    </row>
    <row r="68733" spans="14:14">
      <c r="N68733" s="10"/>
    </row>
    <row r="68734" spans="14:14">
      <c r="N68734" s="10"/>
    </row>
    <row r="68735" spans="14:14">
      <c r="N68735" s="10"/>
    </row>
    <row r="68736" spans="14:14">
      <c r="N68736" s="10"/>
    </row>
    <row r="68737" spans="14:14">
      <c r="N68737" s="10"/>
    </row>
    <row r="68738" spans="14:14">
      <c r="N68738" s="10"/>
    </row>
    <row r="68739" spans="14:14">
      <c r="N68739" s="10"/>
    </row>
    <row r="68740" spans="14:14">
      <c r="N68740" s="10"/>
    </row>
    <row r="68741" spans="14:14">
      <c r="N68741" s="10"/>
    </row>
    <row r="68742" spans="14:14">
      <c r="N68742" s="10"/>
    </row>
    <row r="68743" spans="14:14">
      <c r="N68743" s="10"/>
    </row>
    <row r="68744" spans="14:14">
      <c r="N68744" s="10"/>
    </row>
    <row r="68745" spans="14:14">
      <c r="N68745" s="10"/>
    </row>
    <row r="68746" spans="14:14">
      <c r="N68746" s="10"/>
    </row>
    <row r="68747" spans="14:14">
      <c r="N68747" s="10"/>
    </row>
    <row r="68748" spans="14:14">
      <c r="N68748" s="10"/>
    </row>
    <row r="68749" spans="14:14">
      <c r="N68749" s="10"/>
    </row>
    <row r="68750" spans="14:14">
      <c r="N68750" s="10"/>
    </row>
    <row r="68751" spans="14:14">
      <c r="N68751" s="10"/>
    </row>
    <row r="68752" spans="14:14">
      <c r="N68752" s="10"/>
    </row>
    <row r="68753" spans="14:14">
      <c r="N68753" s="10"/>
    </row>
    <row r="68754" spans="14:14">
      <c r="N68754" s="10"/>
    </row>
    <row r="68755" spans="14:14">
      <c r="N68755" s="10"/>
    </row>
    <row r="68756" spans="14:14">
      <c r="N68756" s="10"/>
    </row>
    <row r="68757" spans="14:14">
      <c r="N68757" s="10"/>
    </row>
    <row r="68758" spans="14:14">
      <c r="N68758" s="10"/>
    </row>
    <row r="68759" spans="14:14">
      <c r="N68759" s="10"/>
    </row>
    <row r="68760" spans="14:14">
      <c r="N68760" s="10"/>
    </row>
    <row r="68761" spans="14:14">
      <c r="N68761" s="10"/>
    </row>
    <row r="68762" spans="14:14">
      <c r="N68762" s="10"/>
    </row>
    <row r="68763" spans="14:14">
      <c r="N68763" s="10"/>
    </row>
    <row r="68764" spans="14:14">
      <c r="N68764" s="10"/>
    </row>
    <row r="68765" spans="14:14">
      <c r="N68765" s="10"/>
    </row>
    <row r="68766" spans="14:14">
      <c r="N68766" s="10"/>
    </row>
    <row r="68767" spans="14:14">
      <c r="N68767" s="10"/>
    </row>
    <row r="68768" spans="14:14">
      <c r="N68768" s="10"/>
    </row>
    <row r="68769" spans="14:14">
      <c r="N68769" s="10"/>
    </row>
    <row r="68770" spans="14:14">
      <c r="N68770" s="10"/>
    </row>
    <row r="68771" spans="14:14">
      <c r="N68771" s="10"/>
    </row>
    <row r="68772" spans="14:14">
      <c r="N68772" s="10"/>
    </row>
    <row r="68773" spans="14:14">
      <c r="N68773" s="10"/>
    </row>
    <row r="68774" spans="14:14">
      <c r="N68774" s="10"/>
    </row>
    <row r="68775" spans="14:14">
      <c r="N68775" s="10"/>
    </row>
    <row r="68776" spans="14:14">
      <c r="N68776" s="10"/>
    </row>
    <row r="68777" spans="14:14">
      <c r="N68777" s="10"/>
    </row>
    <row r="68778" spans="14:14">
      <c r="N68778" s="10"/>
    </row>
    <row r="68779" spans="14:14">
      <c r="N68779" s="10"/>
    </row>
    <row r="68780" spans="14:14">
      <c r="N68780" s="10"/>
    </row>
    <row r="68781" spans="14:14">
      <c r="N68781" s="10"/>
    </row>
    <row r="68782" spans="14:14">
      <c r="N68782" s="10"/>
    </row>
    <row r="68783" spans="14:14">
      <c r="N68783" s="10"/>
    </row>
    <row r="68784" spans="14:14">
      <c r="N68784" s="10"/>
    </row>
    <row r="68785" spans="14:14">
      <c r="N68785" s="10"/>
    </row>
    <row r="68786" spans="14:14">
      <c r="N68786" s="10"/>
    </row>
    <row r="68787" spans="14:14">
      <c r="N68787" s="10"/>
    </row>
    <row r="68788" spans="14:14">
      <c r="N68788" s="10"/>
    </row>
    <row r="68789" spans="14:14">
      <c r="N68789" s="10"/>
    </row>
    <row r="68790" spans="14:14">
      <c r="N68790" s="10"/>
    </row>
    <row r="68791" spans="14:14">
      <c r="N68791" s="10"/>
    </row>
    <row r="68792" spans="14:14">
      <c r="N68792" s="10"/>
    </row>
    <row r="68793" spans="14:14">
      <c r="N68793" s="10"/>
    </row>
    <row r="68794" spans="14:14">
      <c r="N68794" s="10"/>
    </row>
    <row r="68795" spans="14:14">
      <c r="N68795" s="10"/>
    </row>
    <row r="68796" spans="14:14">
      <c r="N68796" s="10"/>
    </row>
    <row r="68797" spans="14:14">
      <c r="N68797" s="10"/>
    </row>
    <row r="68798" spans="14:14">
      <c r="N68798" s="10"/>
    </row>
    <row r="68799" spans="14:14">
      <c r="N68799" s="10"/>
    </row>
    <row r="68800" spans="14:14">
      <c r="N68800" s="10"/>
    </row>
    <row r="68801" spans="14:14">
      <c r="N68801" s="10"/>
    </row>
    <row r="68802" spans="14:14">
      <c r="N68802" s="10"/>
    </row>
    <row r="68803" spans="14:14">
      <c r="N68803" s="10"/>
    </row>
    <row r="68804" spans="14:14">
      <c r="N68804" s="10"/>
    </row>
    <row r="68805" spans="14:14">
      <c r="N68805" s="10"/>
    </row>
    <row r="68806" spans="14:14">
      <c r="N68806" s="10"/>
    </row>
    <row r="68807" spans="14:14">
      <c r="N68807" s="10"/>
    </row>
    <row r="68808" spans="14:14">
      <c r="N68808" s="10"/>
    </row>
    <row r="68809" spans="14:14">
      <c r="N68809" s="10"/>
    </row>
    <row r="68810" spans="14:14">
      <c r="N68810" s="10"/>
    </row>
    <row r="68811" spans="14:14">
      <c r="N68811" s="10"/>
    </row>
    <row r="68812" spans="14:14">
      <c r="N68812" s="10"/>
    </row>
    <row r="68813" spans="14:14">
      <c r="N68813" s="10"/>
    </row>
    <row r="68814" spans="14:14">
      <c r="N68814" s="10"/>
    </row>
    <row r="68815" spans="14:14">
      <c r="N68815" s="10"/>
    </row>
    <row r="68816" spans="14:14">
      <c r="N68816" s="10"/>
    </row>
    <row r="68817" spans="14:14">
      <c r="N68817" s="10"/>
    </row>
    <row r="68818" spans="14:14">
      <c r="N68818" s="10"/>
    </row>
    <row r="68819" spans="14:14">
      <c r="N68819" s="10"/>
    </row>
    <row r="68820" spans="14:14">
      <c r="N68820" s="10"/>
    </row>
    <row r="68821" spans="14:14">
      <c r="N68821" s="10"/>
    </row>
    <row r="68822" spans="14:14">
      <c r="N68822" s="10"/>
    </row>
    <row r="68823" spans="14:14">
      <c r="N68823" s="10"/>
    </row>
    <row r="68824" spans="14:14">
      <c r="N68824" s="10"/>
    </row>
    <row r="68825" spans="14:14">
      <c r="N68825" s="10"/>
    </row>
    <row r="68826" spans="14:14">
      <c r="N68826" s="10"/>
    </row>
    <row r="68827" spans="14:14">
      <c r="N68827" s="10"/>
    </row>
    <row r="68828" spans="14:14">
      <c r="N68828" s="10"/>
    </row>
    <row r="68829" spans="14:14">
      <c r="N68829" s="10"/>
    </row>
    <row r="68830" spans="14:14">
      <c r="N68830" s="10"/>
    </row>
    <row r="68831" spans="14:14">
      <c r="N68831" s="10"/>
    </row>
    <row r="68832" spans="14:14">
      <c r="N68832" s="10"/>
    </row>
    <row r="68833" spans="14:14">
      <c r="N68833" s="10"/>
    </row>
    <row r="68834" spans="14:14">
      <c r="N68834" s="10"/>
    </row>
    <row r="68835" spans="14:14">
      <c r="N68835" s="10"/>
    </row>
    <row r="68836" spans="14:14">
      <c r="N68836" s="10"/>
    </row>
    <row r="68837" spans="14:14">
      <c r="N68837" s="10"/>
    </row>
    <row r="68838" spans="14:14">
      <c r="N68838" s="10"/>
    </row>
    <row r="68839" spans="14:14">
      <c r="N68839" s="10"/>
    </row>
    <row r="68840" spans="14:14">
      <c r="N68840" s="10"/>
    </row>
    <row r="68841" spans="14:14">
      <c r="N68841" s="10"/>
    </row>
    <row r="68842" spans="14:14">
      <c r="N68842" s="10"/>
    </row>
    <row r="68843" spans="14:14">
      <c r="N68843" s="10"/>
    </row>
    <row r="68844" spans="14:14">
      <c r="N68844" s="10"/>
    </row>
    <row r="68845" spans="14:14">
      <c r="N68845" s="10"/>
    </row>
    <row r="68846" spans="14:14">
      <c r="N68846" s="10"/>
    </row>
    <row r="68847" spans="14:14">
      <c r="N68847" s="10"/>
    </row>
    <row r="68848" spans="14:14">
      <c r="N68848" s="10"/>
    </row>
    <row r="68849" spans="14:14">
      <c r="N68849" s="10"/>
    </row>
    <row r="68850" spans="14:14">
      <c r="N68850" s="10"/>
    </row>
    <row r="68851" spans="14:14">
      <c r="N68851" s="10"/>
    </row>
    <row r="68852" spans="14:14">
      <c r="N68852" s="10"/>
    </row>
    <row r="68853" spans="14:14">
      <c r="N68853" s="10"/>
    </row>
    <row r="68854" spans="14:14">
      <c r="N68854" s="10"/>
    </row>
    <row r="68855" spans="14:14">
      <c r="N68855" s="10"/>
    </row>
    <row r="68856" spans="14:14">
      <c r="N68856" s="10"/>
    </row>
    <row r="68857" spans="14:14">
      <c r="N68857" s="10"/>
    </row>
    <row r="68858" spans="14:14">
      <c r="N68858" s="10"/>
    </row>
    <row r="68859" spans="14:14">
      <c r="N68859" s="10"/>
    </row>
    <row r="68860" spans="14:14">
      <c r="N68860" s="10"/>
    </row>
    <row r="68861" spans="14:14">
      <c r="N68861" s="10"/>
    </row>
    <row r="68862" spans="14:14">
      <c r="N68862" s="10"/>
    </row>
    <row r="68863" spans="14:14">
      <c r="N68863" s="10"/>
    </row>
    <row r="68864" spans="14:14">
      <c r="N68864" s="10"/>
    </row>
    <row r="68865" spans="14:14">
      <c r="N68865" s="10"/>
    </row>
    <row r="68866" spans="14:14">
      <c r="N68866" s="10"/>
    </row>
    <row r="68867" spans="14:14">
      <c r="N68867" s="10"/>
    </row>
    <row r="68868" spans="14:14">
      <c r="N68868" s="10"/>
    </row>
    <row r="68869" spans="14:14">
      <c r="N68869" s="10"/>
    </row>
    <row r="68870" spans="14:14">
      <c r="N68870" s="10"/>
    </row>
    <row r="68871" spans="14:14">
      <c r="N68871" s="10"/>
    </row>
    <row r="68872" spans="14:14">
      <c r="N68872" s="10"/>
    </row>
    <row r="68873" spans="14:14">
      <c r="N68873" s="10"/>
    </row>
    <row r="68874" spans="14:14">
      <c r="N68874" s="10"/>
    </row>
    <row r="68875" spans="14:14">
      <c r="N68875" s="10"/>
    </row>
    <row r="68876" spans="14:14">
      <c r="N68876" s="10"/>
    </row>
    <row r="68877" spans="14:14">
      <c r="N68877" s="10"/>
    </row>
    <row r="68878" spans="14:14">
      <c r="N68878" s="10"/>
    </row>
    <row r="68879" spans="14:14">
      <c r="N68879" s="10"/>
    </row>
    <row r="68880" spans="14:14">
      <c r="N68880" s="10"/>
    </row>
    <row r="68881" spans="14:14">
      <c r="N68881" s="10"/>
    </row>
    <row r="68882" spans="14:14">
      <c r="N68882" s="10"/>
    </row>
    <row r="68883" spans="14:14">
      <c r="N68883" s="10"/>
    </row>
    <row r="68884" spans="14:14">
      <c r="N68884" s="10"/>
    </row>
    <row r="68885" spans="14:14">
      <c r="N68885" s="10"/>
    </row>
    <row r="68886" spans="14:14">
      <c r="N68886" s="10"/>
    </row>
    <row r="68887" spans="14:14">
      <c r="N68887" s="10"/>
    </row>
    <row r="68888" spans="14:14">
      <c r="N68888" s="10"/>
    </row>
    <row r="68889" spans="14:14">
      <c r="N68889" s="10"/>
    </row>
    <row r="68890" spans="14:14">
      <c r="N68890" s="10"/>
    </row>
    <row r="68891" spans="14:14">
      <c r="N68891" s="10"/>
    </row>
    <row r="68892" spans="14:14">
      <c r="N68892" s="10"/>
    </row>
    <row r="68893" spans="14:14">
      <c r="N68893" s="10"/>
    </row>
    <row r="68894" spans="14:14">
      <c r="N68894" s="10"/>
    </row>
    <row r="68895" spans="14:14">
      <c r="N68895" s="10"/>
    </row>
    <row r="68896" spans="14:14">
      <c r="N68896" s="10"/>
    </row>
    <row r="68897" spans="14:14">
      <c r="N68897" s="10"/>
    </row>
    <row r="68898" spans="14:14">
      <c r="N68898" s="10"/>
    </row>
    <row r="68899" spans="14:14">
      <c r="N68899" s="10"/>
    </row>
    <row r="68900" spans="14:14">
      <c r="N68900" s="10"/>
    </row>
    <row r="68901" spans="14:14">
      <c r="N68901" s="10"/>
    </row>
    <row r="68902" spans="14:14">
      <c r="N68902" s="10"/>
    </row>
    <row r="68903" spans="14:14">
      <c r="N68903" s="10"/>
    </row>
    <row r="68904" spans="14:14">
      <c r="N68904" s="10"/>
    </row>
    <row r="68905" spans="14:14">
      <c r="N68905" s="10"/>
    </row>
    <row r="68906" spans="14:14">
      <c r="N68906" s="10"/>
    </row>
    <row r="68907" spans="14:14">
      <c r="N68907" s="10"/>
    </row>
    <row r="68908" spans="14:14">
      <c r="N68908" s="10"/>
    </row>
    <row r="68909" spans="14:14">
      <c r="N68909" s="10"/>
    </row>
    <row r="68910" spans="14:14">
      <c r="N68910" s="10"/>
    </row>
    <row r="68911" spans="14:14">
      <c r="N68911" s="10"/>
    </row>
    <row r="68912" spans="14:14">
      <c r="N68912" s="10"/>
    </row>
    <row r="68913" spans="14:14">
      <c r="N68913" s="10"/>
    </row>
    <row r="68914" spans="14:14">
      <c r="N68914" s="10"/>
    </row>
    <row r="68915" spans="14:14">
      <c r="N68915" s="10"/>
    </row>
    <row r="68916" spans="14:14">
      <c r="N68916" s="10"/>
    </row>
    <row r="68917" spans="14:14">
      <c r="N68917" s="10"/>
    </row>
    <row r="68918" spans="14:14">
      <c r="N68918" s="10"/>
    </row>
    <row r="68919" spans="14:14">
      <c r="N68919" s="10"/>
    </row>
    <row r="68920" spans="14:14">
      <c r="N68920" s="10"/>
    </row>
    <row r="68921" spans="14:14">
      <c r="N68921" s="10"/>
    </row>
    <row r="68922" spans="14:14">
      <c r="N68922" s="10"/>
    </row>
    <row r="68923" spans="14:14">
      <c r="N68923" s="10"/>
    </row>
    <row r="68924" spans="14:14">
      <c r="N68924" s="10"/>
    </row>
    <row r="68925" spans="14:14">
      <c r="N68925" s="10"/>
    </row>
    <row r="68926" spans="14:14">
      <c r="N68926" s="10"/>
    </row>
    <row r="68927" spans="14:14">
      <c r="N68927" s="10"/>
    </row>
    <row r="68928" spans="14:14">
      <c r="N68928" s="10"/>
    </row>
    <row r="68929" spans="14:14">
      <c r="N68929" s="10"/>
    </row>
    <row r="68930" spans="14:14">
      <c r="N68930" s="10"/>
    </row>
    <row r="68931" spans="14:14">
      <c r="N68931" s="10"/>
    </row>
    <row r="68932" spans="14:14">
      <c r="N68932" s="10"/>
    </row>
    <row r="68933" spans="14:14">
      <c r="N68933" s="10"/>
    </row>
    <row r="68934" spans="14:14">
      <c r="N68934" s="10"/>
    </row>
    <row r="68935" spans="14:14">
      <c r="N68935" s="10"/>
    </row>
    <row r="68936" spans="14:14">
      <c r="N68936" s="10"/>
    </row>
    <row r="68937" spans="14:14">
      <c r="N68937" s="10"/>
    </row>
    <row r="68938" spans="14:14">
      <c r="N68938" s="10"/>
    </row>
    <row r="68939" spans="14:14">
      <c r="N68939" s="10"/>
    </row>
    <row r="68940" spans="14:14">
      <c r="N68940" s="10"/>
    </row>
    <row r="68941" spans="14:14">
      <c r="N68941" s="10"/>
    </row>
    <row r="68942" spans="14:14">
      <c r="N68942" s="10"/>
    </row>
    <row r="68943" spans="14:14">
      <c r="N68943" s="10"/>
    </row>
    <row r="68944" spans="14:14">
      <c r="N68944" s="10"/>
    </row>
    <row r="68945" spans="14:14">
      <c r="N68945" s="10"/>
    </row>
    <row r="68946" spans="14:14">
      <c r="N68946" s="10"/>
    </row>
    <row r="68947" spans="14:14">
      <c r="N68947" s="10"/>
    </row>
    <row r="68948" spans="14:14">
      <c r="N68948" s="10"/>
    </row>
    <row r="68949" spans="14:14">
      <c r="N68949" s="10"/>
    </row>
    <row r="68950" spans="14:14">
      <c r="N68950" s="10"/>
    </row>
    <row r="68951" spans="14:14">
      <c r="N68951" s="10"/>
    </row>
    <row r="68952" spans="14:14">
      <c r="N68952" s="10"/>
    </row>
    <row r="68953" spans="14:14">
      <c r="N68953" s="10"/>
    </row>
    <row r="68954" spans="14:14">
      <c r="N68954" s="10"/>
    </row>
    <row r="68955" spans="14:14">
      <c r="N68955" s="10"/>
    </row>
    <row r="68956" spans="14:14">
      <c r="N68956" s="10"/>
    </row>
    <row r="68957" spans="14:14">
      <c r="N68957" s="10"/>
    </row>
    <row r="68958" spans="14:14">
      <c r="N68958" s="10"/>
    </row>
    <row r="68959" spans="14:14">
      <c r="N68959" s="10"/>
    </row>
    <row r="68960" spans="14:14">
      <c r="N68960" s="10"/>
    </row>
    <row r="68961" spans="14:14">
      <c r="N68961" s="10"/>
    </row>
    <row r="68962" spans="14:14">
      <c r="N68962" s="10"/>
    </row>
    <row r="68963" spans="14:14">
      <c r="N68963" s="10"/>
    </row>
    <row r="68964" spans="14:14">
      <c r="N68964" s="10"/>
    </row>
    <row r="68965" spans="14:14">
      <c r="N68965" s="10"/>
    </row>
    <row r="68966" spans="14:14">
      <c r="N68966" s="10"/>
    </row>
    <row r="68967" spans="14:14">
      <c r="N68967" s="10"/>
    </row>
    <row r="68968" spans="14:14">
      <c r="N68968" s="10"/>
    </row>
    <row r="68969" spans="14:14">
      <c r="N68969" s="10"/>
    </row>
    <row r="68970" spans="14:14">
      <c r="N68970" s="10"/>
    </row>
    <row r="68971" spans="14:14">
      <c r="N68971" s="10"/>
    </row>
    <row r="68972" spans="14:14">
      <c r="N68972" s="10"/>
    </row>
    <row r="68973" spans="14:14">
      <c r="N68973" s="10"/>
    </row>
    <row r="68974" spans="14:14">
      <c r="N68974" s="10"/>
    </row>
    <row r="68975" spans="14:14">
      <c r="N68975" s="10"/>
    </row>
    <row r="68976" spans="14:14">
      <c r="N68976" s="10"/>
    </row>
    <row r="68977" spans="14:14">
      <c r="N68977" s="10"/>
    </row>
    <row r="68978" spans="14:14">
      <c r="N68978" s="10"/>
    </row>
    <row r="68979" spans="14:14">
      <c r="N68979" s="10"/>
    </row>
    <row r="68980" spans="14:14">
      <c r="N68980" s="10"/>
    </row>
    <row r="68981" spans="14:14">
      <c r="N68981" s="10"/>
    </row>
    <row r="68982" spans="14:14">
      <c r="N68982" s="10"/>
    </row>
    <row r="68983" spans="14:14">
      <c r="N68983" s="10"/>
    </row>
    <row r="68984" spans="14:14">
      <c r="N68984" s="10"/>
    </row>
    <row r="68985" spans="14:14">
      <c r="N68985" s="10"/>
    </row>
    <row r="68986" spans="14:14">
      <c r="N68986" s="10"/>
    </row>
    <row r="68987" spans="14:14">
      <c r="N68987" s="10"/>
    </row>
    <row r="68988" spans="14:14">
      <c r="N68988" s="10"/>
    </row>
    <row r="68989" spans="14:14">
      <c r="N68989" s="10"/>
    </row>
    <row r="68990" spans="14:14">
      <c r="N68990" s="10"/>
    </row>
    <row r="68991" spans="14:14">
      <c r="N68991" s="10"/>
    </row>
    <row r="68992" spans="14:14">
      <c r="N68992" s="10"/>
    </row>
    <row r="68993" spans="14:14">
      <c r="N68993" s="10"/>
    </row>
    <row r="68994" spans="14:14">
      <c r="N68994" s="10"/>
    </row>
    <row r="68995" spans="14:14">
      <c r="N68995" s="10"/>
    </row>
    <row r="68996" spans="14:14">
      <c r="N68996" s="10"/>
    </row>
    <row r="68997" spans="14:14">
      <c r="N68997" s="10"/>
    </row>
    <row r="68998" spans="14:14">
      <c r="N68998" s="10"/>
    </row>
    <row r="68999" spans="14:14">
      <c r="N68999" s="10"/>
    </row>
    <row r="69000" spans="14:14">
      <c r="N69000" s="10"/>
    </row>
    <row r="69001" spans="14:14">
      <c r="N69001" s="10"/>
    </row>
    <row r="69002" spans="14:14">
      <c r="N69002" s="10"/>
    </row>
    <row r="69003" spans="14:14">
      <c r="N69003" s="10"/>
    </row>
    <row r="69004" spans="14:14">
      <c r="N69004" s="10"/>
    </row>
    <row r="69005" spans="14:14">
      <c r="N69005" s="10"/>
    </row>
    <row r="69006" spans="14:14">
      <c r="N69006" s="10"/>
    </row>
    <row r="69007" spans="14:14">
      <c r="N69007" s="10"/>
    </row>
    <row r="69008" spans="14:14">
      <c r="N69008" s="10"/>
    </row>
    <row r="69009" spans="14:14">
      <c r="N69009" s="10"/>
    </row>
    <row r="69010" spans="14:14">
      <c r="N69010" s="10"/>
    </row>
    <row r="69011" spans="14:14">
      <c r="N69011" s="10"/>
    </row>
    <row r="69012" spans="14:14">
      <c r="N69012" s="10"/>
    </row>
    <row r="69013" spans="14:14">
      <c r="N69013" s="10"/>
    </row>
    <row r="69014" spans="14:14">
      <c r="N69014" s="10"/>
    </row>
    <row r="69015" spans="14:14">
      <c r="N69015" s="10"/>
    </row>
    <row r="69016" spans="14:14">
      <c r="N69016" s="10"/>
    </row>
    <row r="69017" spans="14:14">
      <c r="N69017" s="10"/>
    </row>
    <row r="69018" spans="14:14">
      <c r="N69018" s="10"/>
    </row>
    <row r="69019" spans="14:14">
      <c r="N69019" s="10"/>
    </row>
    <row r="69020" spans="14:14">
      <c r="N69020" s="10"/>
    </row>
    <row r="69021" spans="14:14">
      <c r="N69021" s="10"/>
    </row>
    <row r="69022" spans="14:14">
      <c r="N69022" s="10"/>
    </row>
    <row r="69023" spans="14:14">
      <c r="N69023" s="10"/>
    </row>
    <row r="69024" spans="14:14">
      <c r="N69024" s="10"/>
    </row>
    <row r="69025" spans="14:14">
      <c r="N69025" s="10"/>
    </row>
    <row r="69026" spans="14:14">
      <c r="N69026" s="10"/>
    </row>
    <row r="69027" spans="14:14">
      <c r="N69027" s="10"/>
    </row>
    <row r="69028" spans="14:14">
      <c r="N69028" s="10"/>
    </row>
    <row r="69029" spans="14:14">
      <c r="N69029" s="10"/>
    </row>
    <row r="69030" spans="14:14">
      <c r="N69030" s="10"/>
    </row>
    <row r="69031" spans="14:14">
      <c r="N69031" s="10"/>
    </row>
    <row r="69032" spans="14:14">
      <c r="N69032" s="10"/>
    </row>
    <row r="69033" spans="14:14">
      <c r="N69033" s="10"/>
    </row>
    <row r="69034" spans="14:14">
      <c r="N69034" s="10"/>
    </row>
    <row r="69035" spans="14:14">
      <c r="N69035" s="10"/>
    </row>
    <row r="69036" spans="14:14">
      <c r="N69036" s="10"/>
    </row>
    <row r="69037" spans="14:14">
      <c r="N69037" s="10"/>
    </row>
    <row r="69038" spans="14:14">
      <c r="N69038" s="10"/>
    </row>
    <row r="69039" spans="14:14">
      <c r="N69039" s="10"/>
    </row>
    <row r="69040" spans="14:14">
      <c r="N69040" s="10"/>
    </row>
    <row r="69041" spans="14:14">
      <c r="N69041" s="10"/>
    </row>
    <row r="69042" spans="14:14">
      <c r="N69042" s="10"/>
    </row>
    <row r="69043" spans="14:14">
      <c r="N69043" s="10"/>
    </row>
    <row r="69044" spans="14:14">
      <c r="N69044" s="10"/>
    </row>
    <row r="69045" spans="14:14">
      <c r="N69045" s="10"/>
    </row>
    <row r="69046" spans="14:14">
      <c r="N69046" s="10"/>
    </row>
    <row r="69047" spans="14:14">
      <c r="N69047" s="10"/>
    </row>
    <row r="69048" spans="14:14">
      <c r="N69048" s="10"/>
    </row>
    <row r="69049" spans="14:14">
      <c r="N69049" s="10"/>
    </row>
    <row r="69050" spans="14:14">
      <c r="N69050" s="10"/>
    </row>
    <row r="69051" spans="14:14">
      <c r="N69051" s="10"/>
    </row>
    <row r="69052" spans="14:14">
      <c r="N69052" s="10"/>
    </row>
    <row r="69053" spans="14:14">
      <c r="N69053" s="10"/>
    </row>
    <row r="69054" spans="14:14">
      <c r="N69054" s="10"/>
    </row>
    <row r="69055" spans="14:14">
      <c r="N69055" s="10"/>
    </row>
    <row r="69056" spans="14:14">
      <c r="N69056" s="10"/>
    </row>
    <row r="69057" spans="14:14">
      <c r="N69057" s="10"/>
    </row>
    <row r="69058" spans="14:14">
      <c r="N69058" s="10"/>
    </row>
    <row r="69059" spans="14:14">
      <c r="N69059" s="10"/>
    </row>
    <row r="69060" spans="14:14">
      <c r="N69060" s="10"/>
    </row>
    <row r="69061" spans="14:14">
      <c r="N69061" s="10"/>
    </row>
    <row r="69062" spans="14:14">
      <c r="N69062" s="10"/>
    </row>
    <row r="69063" spans="14:14">
      <c r="N69063" s="10"/>
    </row>
    <row r="69064" spans="14:14">
      <c r="N69064" s="10"/>
    </row>
    <row r="69065" spans="14:14">
      <c r="N69065" s="10"/>
    </row>
    <row r="69066" spans="14:14">
      <c r="N69066" s="10"/>
    </row>
    <row r="69067" spans="14:14">
      <c r="N69067" s="10"/>
    </row>
    <row r="69068" spans="14:14">
      <c r="N69068" s="10"/>
    </row>
    <row r="69069" spans="14:14">
      <c r="N69069" s="10"/>
    </row>
    <row r="69070" spans="14:14">
      <c r="N69070" s="10"/>
    </row>
    <row r="69071" spans="14:14">
      <c r="N69071" s="10"/>
    </row>
    <row r="69072" spans="14:14">
      <c r="N69072" s="10"/>
    </row>
    <row r="69073" spans="14:14">
      <c r="N69073" s="10"/>
    </row>
    <row r="69074" spans="14:14">
      <c r="N69074" s="10"/>
    </row>
    <row r="69075" spans="14:14">
      <c r="N69075" s="10"/>
    </row>
    <row r="69076" spans="14:14">
      <c r="N69076" s="10"/>
    </row>
    <row r="69077" spans="14:14">
      <c r="N69077" s="10"/>
    </row>
    <row r="69078" spans="14:14">
      <c r="N69078" s="10"/>
    </row>
    <row r="69079" spans="14:14">
      <c r="N69079" s="10"/>
    </row>
    <row r="69080" spans="14:14">
      <c r="N69080" s="10"/>
    </row>
    <row r="69081" spans="14:14">
      <c r="N69081" s="10"/>
    </row>
    <row r="69082" spans="14:14">
      <c r="N69082" s="10"/>
    </row>
    <row r="69083" spans="14:14">
      <c r="N69083" s="10"/>
    </row>
    <row r="69084" spans="14:14">
      <c r="N69084" s="10"/>
    </row>
    <row r="69085" spans="14:14">
      <c r="N69085" s="10"/>
    </row>
    <row r="69086" spans="14:14">
      <c r="N69086" s="10"/>
    </row>
    <row r="69087" spans="14:14">
      <c r="N69087" s="10"/>
    </row>
    <row r="69088" spans="14:14">
      <c r="N69088" s="10"/>
    </row>
    <row r="69089" spans="14:14">
      <c r="N69089" s="10"/>
    </row>
    <row r="69090" spans="14:14">
      <c r="N69090" s="10"/>
    </row>
    <row r="69091" spans="14:14">
      <c r="N69091" s="10"/>
    </row>
    <row r="69092" spans="14:14">
      <c r="N69092" s="10"/>
    </row>
    <row r="69093" spans="14:14">
      <c r="N69093" s="10"/>
    </row>
    <row r="69094" spans="14:14">
      <c r="N69094" s="10"/>
    </row>
    <row r="69095" spans="14:14">
      <c r="N69095" s="10"/>
    </row>
    <row r="69096" spans="14:14">
      <c r="N69096" s="10"/>
    </row>
    <row r="69097" spans="14:14">
      <c r="N69097" s="10"/>
    </row>
    <row r="69098" spans="14:14">
      <c r="N69098" s="10"/>
    </row>
    <row r="69099" spans="14:14">
      <c r="N69099" s="10"/>
    </row>
    <row r="69100" spans="14:14">
      <c r="N69100" s="10"/>
    </row>
    <row r="69101" spans="14:14">
      <c r="N69101" s="10"/>
    </row>
    <row r="69102" spans="14:14">
      <c r="N69102" s="10"/>
    </row>
    <row r="69103" spans="14:14">
      <c r="N69103" s="10"/>
    </row>
    <row r="69104" spans="14:14">
      <c r="N69104" s="10"/>
    </row>
    <row r="69105" spans="14:14">
      <c r="N69105" s="10"/>
    </row>
    <row r="69106" spans="14:14">
      <c r="N69106" s="10"/>
    </row>
    <row r="69107" spans="14:14">
      <c r="N69107" s="10"/>
    </row>
    <row r="69108" spans="14:14">
      <c r="N69108" s="10"/>
    </row>
    <row r="69109" spans="14:14">
      <c r="N69109" s="10"/>
    </row>
    <row r="69110" spans="14:14">
      <c r="N69110" s="10"/>
    </row>
    <row r="69111" spans="14:14">
      <c r="N69111" s="10"/>
    </row>
    <row r="69112" spans="14:14">
      <c r="N69112" s="10"/>
    </row>
    <row r="69113" spans="14:14">
      <c r="N69113" s="10"/>
    </row>
    <row r="69114" spans="14:14">
      <c r="N69114" s="10"/>
    </row>
    <row r="69115" spans="14:14">
      <c r="N69115" s="10"/>
    </row>
    <row r="69116" spans="14:14">
      <c r="N69116" s="10"/>
    </row>
    <row r="69117" spans="14:14">
      <c r="N69117" s="10"/>
    </row>
    <row r="69118" spans="14:14">
      <c r="N69118" s="10"/>
    </row>
    <row r="69119" spans="14:14">
      <c r="N69119" s="10"/>
    </row>
    <row r="69120" spans="14:14">
      <c r="N69120" s="10"/>
    </row>
    <row r="69121" spans="14:14">
      <c r="N69121" s="10"/>
    </row>
    <row r="69122" spans="14:14">
      <c r="N69122" s="10"/>
    </row>
    <row r="69123" spans="14:14">
      <c r="N69123" s="10"/>
    </row>
    <row r="69124" spans="14:14">
      <c r="N69124" s="10"/>
    </row>
    <row r="69125" spans="14:14">
      <c r="N69125" s="10"/>
    </row>
    <row r="69126" spans="14:14">
      <c r="N69126" s="10"/>
    </row>
    <row r="69127" spans="14:14">
      <c r="N69127" s="10"/>
    </row>
    <row r="69128" spans="14:14">
      <c r="N69128" s="10"/>
    </row>
    <row r="69129" spans="14:14">
      <c r="N69129" s="10"/>
    </row>
    <row r="69130" spans="14:14">
      <c r="N69130" s="10"/>
    </row>
    <row r="69131" spans="14:14">
      <c r="N69131" s="10"/>
    </row>
    <row r="69132" spans="14:14">
      <c r="N69132" s="10"/>
    </row>
    <row r="69133" spans="14:14">
      <c r="N69133" s="10"/>
    </row>
    <row r="69134" spans="14:14">
      <c r="N69134" s="10"/>
    </row>
    <row r="69135" spans="14:14">
      <c r="N69135" s="10"/>
    </row>
    <row r="69136" spans="14:14">
      <c r="N69136" s="10"/>
    </row>
    <row r="69137" spans="14:14">
      <c r="N69137" s="10"/>
    </row>
    <row r="69138" spans="14:14">
      <c r="N69138" s="10"/>
    </row>
    <row r="69139" spans="14:14">
      <c r="N69139" s="10"/>
    </row>
    <row r="69140" spans="14:14">
      <c r="N69140" s="10"/>
    </row>
    <row r="69141" spans="14:14">
      <c r="N69141" s="10"/>
    </row>
    <row r="69142" spans="14:14">
      <c r="N69142" s="10"/>
    </row>
    <row r="69143" spans="14:14">
      <c r="N69143" s="10"/>
    </row>
    <row r="69144" spans="14:14">
      <c r="N69144" s="10"/>
    </row>
    <row r="69145" spans="14:14">
      <c r="N69145" s="10"/>
    </row>
    <row r="69146" spans="14:14">
      <c r="N69146" s="10"/>
    </row>
    <row r="69147" spans="14:14">
      <c r="N69147" s="10"/>
    </row>
    <row r="69148" spans="14:14">
      <c r="N69148" s="10"/>
    </row>
    <row r="69149" spans="14:14">
      <c r="N69149" s="10"/>
    </row>
    <row r="69150" spans="14:14">
      <c r="N69150" s="10"/>
    </row>
    <row r="69151" spans="14:14">
      <c r="N69151" s="10"/>
    </row>
    <row r="69152" spans="14:14">
      <c r="N69152" s="10"/>
    </row>
    <row r="69153" spans="14:14">
      <c r="N69153" s="10"/>
    </row>
    <row r="69154" spans="14:14">
      <c r="N69154" s="10"/>
    </row>
    <row r="69155" spans="14:14">
      <c r="N69155" s="10"/>
    </row>
    <row r="69156" spans="14:14">
      <c r="N69156" s="10"/>
    </row>
    <row r="69157" spans="14:14">
      <c r="N69157" s="10"/>
    </row>
    <row r="69158" spans="14:14">
      <c r="N69158" s="10"/>
    </row>
    <row r="69159" spans="14:14">
      <c r="N69159" s="10"/>
    </row>
    <row r="69160" spans="14:14">
      <c r="N69160" s="10"/>
    </row>
    <row r="69161" spans="14:14">
      <c r="N69161" s="10"/>
    </row>
    <row r="69162" spans="14:14">
      <c r="N69162" s="10"/>
    </row>
    <row r="69163" spans="14:14">
      <c r="N69163" s="10"/>
    </row>
    <row r="69164" spans="14:14">
      <c r="N69164" s="10"/>
    </row>
    <row r="69165" spans="14:14">
      <c r="N69165" s="10"/>
    </row>
    <row r="69166" spans="14:14">
      <c r="N69166" s="10"/>
    </row>
    <row r="69167" spans="14:14">
      <c r="N69167" s="10"/>
    </row>
    <row r="69168" spans="14:14">
      <c r="N69168" s="10"/>
    </row>
    <row r="69169" spans="14:14">
      <c r="N69169" s="10"/>
    </row>
    <row r="69170" spans="14:14">
      <c r="N69170" s="10"/>
    </row>
    <row r="69171" spans="14:14">
      <c r="N69171" s="10"/>
    </row>
    <row r="69172" spans="14:14">
      <c r="N69172" s="10"/>
    </row>
    <row r="69173" spans="14:14">
      <c r="N69173" s="10"/>
    </row>
    <row r="69174" spans="14:14">
      <c r="N69174" s="10"/>
    </row>
    <row r="69175" spans="14:14">
      <c r="N69175" s="10"/>
    </row>
    <row r="69176" spans="14:14">
      <c r="N69176" s="10"/>
    </row>
    <row r="69177" spans="14:14">
      <c r="N69177" s="10"/>
    </row>
    <row r="69178" spans="14:14">
      <c r="N69178" s="10"/>
    </row>
    <row r="69179" spans="14:14">
      <c r="N69179" s="10"/>
    </row>
    <row r="69180" spans="14:14">
      <c r="N69180" s="10"/>
    </row>
    <row r="69181" spans="14:14">
      <c r="N69181" s="10"/>
    </row>
    <row r="69182" spans="14:14">
      <c r="N69182" s="10"/>
    </row>
    <row r="69183" spans="14:14">
      <c r="N69183" s="10"/>
    </row>
    <row r="69184" spans="14:14">
      <c r="N69184" s="10"/>
    </row>
    <row r="69185" spans="14:14">
      <c r="N69185" s="10"/>
    </row>
    <row r="69186" spans="14:14">
      <c r="N69186" s="10"/>
    </row>
    <row r="69187" spans="14:14">
      <c r="N69187" s="10"/>
    </row>
    <row r="69188" spans="14:14">
      <c r="N69188" s="10"/>
    </row>
    <row r="69189" spans="14:14">
      <c r="N69189" s="10"/>
    </row>
    <row r="69190" spans="14:14">
      <c r="N69190" s="10"/>
    </row>
    <row r="69191" spans="14:14">
      <c r="N69191" s="10"/>
    </row>
    <row r="69192" spans="14:14">
      <c r="N69192" s="10"/>
    </row>
    <row r="69193" spans="14:14">
      <c r="N69193" s="10"/>
    </row>
    <row r="69194" spans="14:14">
      <c r="N69194" s="10"/>
    </row>
    <row r="69195" spans="14:14">
      <c r="N69195" s="10"/>
    </row>
    <row r="69196" spans="14:14">
      <c r="N69196" s="10"/>
    </row>
    <row r="69197" spans="14:14">
      <c r="N69197" s="10"/>
    </row>
    <row r="69198" spans="14:14">
      <c r="N69198" s="10"/>
    </row>
    <row r="69199" spans="14:14">
      <c r="N69199" s="10"/>
    </row>
    <row r="69200" spans="14:14">
      <c r="N69200" s="10"/>
    </row>
    <row r="69201" spans="14:14">
      <c r="N69201" s="10"/>
    </row>
    <row r="69202" spans="14:14">
      <c r="N69202" s="10"/>
    </row>
    <row r="69203" spans="14:14">
      <c r="N69203" s="10"/>
    </row>
    <row r="69204" spans="14:14">
      <c r="N69204" s="10"/>
    </row>
    <row r="69205" spans="14:14">
      <c r="N69205" s="10"/>
    </row>
    <row r="69206" spans="14:14">
      <c r="N69206" s="10"/>
    </row>
    <row r="69207" spans="14:14">
      <c r="N69207" s="10"/>
    </row>
    <row r="69208" spans="14:14">
      <c r="N69208" s="10"/>
    </row>
    <row r="69209" spans="14:14">
      <c r="N69209" s="10"/>
    </row>
    <row r="69210" spans="14:14">
      <c r="N69210" s="10"/>
    </row>
    <row r="69211" spans="14:14">
      <c r="N69211" s="10"/>
    </row>
    <row r="69212" spans="14:14">
      <c r="N69212" s="10"/>
    </row>
    <row r="69213" spans="14:14">
      <c r="N69213" s="10"/>
    </row>
    <row r="69214" spans="14:14">
      <c r="N69214" s="10"/>
    </row>
    <row r="69215" spans="14:14">
      <c r="N69215" s="10"/>
    </row>
    <row r="69216" spans="14:14">
      <c r="N69216" s="10"/>
    </row>
    <row r="69217" spans="14:14">
      <c r="N69217" s="10"/>
    </row>
    <row r="69218" spans="14:14">
      <c r="N69218" s="10"/>
    </row>
    <row r="69219" spans="14:14">
      <c r="N69219" s="10"/>
    </row>
    <row r="69220" spans="14:14">
      <c r="N69220" s="10"/>
    </row>
    <row r="69221" spans="14:14">
      <c r="N69221" s="10"/>
    </row>
    <row r="69222" spans="14:14">
      <c r="N69222" s="10"/>
    </row>
    <row r="69223" spans="14:14">
      <c r="N69223" s="10"/>
    </row>
    <row r="69224" spans="14:14">
      <c r="N69224" s="10"/>
    </row>
    <row r="69225" spans="14:14">
      <c r="N69225" s="10"/>
    </row>
    <row r="69226" spans="14:14">
      <c r="N69226" s="10"/>
    </row>
    <row r="69227" spans="14:14">
      <c r="N69227" s="10"/>
    </row>
    <row r="69228" spans="14:14">
      <c r="N69228" s="10"/>
    </row>
    <row r="69229" spans="14:14">
      <c r="N69229" s="10"/>
    </row>
    <row r="69230" spans="14:14">
      <c r="N69230" s="10"/>
    </row>
    <row r="69231" spans="14:14">
      <c r="N69231" s="10"/>
    </row>
    <row r="69232" spans="14:14">
      <c r="N69232" s="10"/>
    </row>
    <row r="69233" spans="14:14">
      <c r="N69233" s="10"/>
    </row>
    <row r="69234" spans="14:14">
      <c r="N69234" s="10"/>
    </row>
    <row r="69235" spans="14:14">
      <c r="N69235" s="10"/>
    </row>
    <row r="69236" spans="14:14">
      <c r="N69236" s="10"/>
    </row>
    <row r="69237" spans="14:14">
      <c r="N69237" s="10"/>
    </row>
    <row r="69238" spans="14:14">
      <c r="N69238" s="10"/>
    </row>
    <row r="69239" spans="14:14">
      <c r="N69239" s="10"/>
    </row>
    <row r="69240" spans="14:14">
      <c r="N69240" s="10"/>
    </row>
    <row r="69241" spans="14:14">
      <c r="N69241" s="10"/>
    </row>
    <row r="69242" spans="14:14">
      <c r="N69242" s="10"/>
    </row>
    <row r="69243" spans="14:14">
      <c r="N69243" s="10"/>
    </row>
    <row r="69244" spans="14:14">
      <c r="N69244" s="10"/>
    </row>
    <row r="69245" spans="14:14">
      <c r="N69245" s="10"/>
    </row>
    <row r="69246" spans="14:14">
      <c r="N69246" s="10"/>
    </row>
    <row r="69247" spans="14:14">
      <c r="N69247" s="10"/>
    </row>
    <row r="69248" spans="14:14">
      <c r="N69248" s="10"/>
    </row>
    <row r="69249" spans="14:14">
      <c r="N69249" s="10"/>
    </row>
    <row r="69250" spans="14:14">
      <c r="N69250" s="10"/>
    </row>
    <row r="69251" spans="14:14">
      <c r="N69251" s="10"/>
    </row>
    <row r="69252" spans="14:14">
      <c r="N69252" s="10"/>
    </row>
    <row r="69253" spans="14:14">
      <c r="N69253" s="10"/>
    </row>
    <row r="69254" spans="14:14">
      <c r="N69254" s="10"/>
    </row>
    <row r="69255" spans="14:14">
      <c r="N69255" s="10"/>
    </row>
    <row r="69256" spans="14:14">
      <c r="N69256" s="10"/>
    </row>
    <row r="69257" spans="14:14">
      <c r="N69257" s="10"/>
    </row>
    <row r="69258" spans="14:14">
      <c r="N69258" s="10"/>
    </row>
    <row r="69259" spans="14:14">
      <c r="N69259" s="10"/>
    </row>
    <row r="69260" spans="14:14">
      <c r="N69260" s="10"/>
    </row>
    <row r="69261" spans="14:14">
      <c r="N69261" s="10"/>
    </row>
    <row r="69262" spans="14:14">
      <c r="N69262" s="10"/>
    </row>
    <row r="69263" spans="14:14">
      <c r="N69263" s="10"/>
    </row>
    <row r="69264" spans="14:14">
      <c r="N69264" s="10"/>
    </row>
    <row r="69265" spans="14:14">
      <c r="N69265" s="10"/>
    </row>
    <row r="69266" spans="14:14">
      <c r="N69266" s="10"/>
    </row>
    <row r="69267" spans="14:14">
      <c r="N69267" s="10"/>
    </row>
    <row r="69268" spans="14:14">
      <c r="N69268" s="10"/>
    </row>
    <row r="69269" spans="14:14">
      <c r="N69269" s="10"/>
    </row>
    <row r="69270" spans="14:14">
      <c r="N69270" s="10"/>
    </row>
    <row r="69271" spans="14:14">
      <c r="N69271" s="10"/>
    </row>
    <row r="69272" spans="14:14">
      <c r="N69272" s="10"/>
    </row>
    <row r="69273" spans="14:14">
      <c r="N69273" s="10"/>
    </row>
    <row r="69274" spans="14:14">
      <c r="N69274" s="10"/>
    </row>
    <row r="69275" spans="14:14">
      <c r="N69275" s="10"/>
    </row>
    <row r="69276" spans="14:14">
      <c r="N69276" s="10"/>
    </row>
    <row r="69277" spans="14:14">
      <c r="N69277" s="10"/>
    </row>
    <row r="69278" spans="14:14">
      <c r="N69278" s="10"/>
    </row>
    <row r="69279" spans="14:14">
      <c r="N69279" s="10"/>
    </row>
    <row r="69280" spans="14:14">
      <c r="N69280" s="10"/>
    </row>
    <row r="69281" spans="14:14">
      <c r="N69281" s="10"/>
    </row>
    <row r="69282" spans="14:14">
      <c r="N69282" s="10"/>
    </row>
    <row r="69283" spans="14:14">
      <c r="N69283" s="10"/>
    </row>
    <row r="69284" spans="14:14">
      <c r="N69284" s="10"/>
    </row>
    <row r="69285" spans="14:14">
      <c r="N69285" s="10"/>
    </row>
    <row r="69286" spans="14:14">
      <c r="N69286" s="10"/>
    </row>
    <row r="69287" spans="14:14">
      <c r="N69287" s="10"/>
    </row>
    <row r="69288" spans="14:14">
      <c r="N69288" s="10"/>
    </row>
    <row r="69289" spans="14:14">
      <c r="N69289" s="10"/>
    </row>
    <row r="69290" spans="14:14">
      <c r="N69290" s="10"/>
    </row>
    <row r="69291" spans="14:14">
      <c r="N69291" s="10"/>
    </row>
    <row r="69292" spans="14:14">
      <c r="N69292" s="10"/>
    </row>
    <row r="69293" spans="14:14">
      <c r="N69293" s="10"/>
    </row>
    <row r="69294" spans="14:14">
      <c r="N69294" s="10"/>
    </row>
    <row r="69295" spans="14:14">
      <c r="N69295" s="10"/>
    </row>
    <row r="69296" spans="14:14">
      <c r="N69296" s="10"/>
    </row>
    <row r="69297" spans="14:14">
      <c r="N69297" s="10"/>
    </row>
    <row r="69298" spans="14:14">
      <c r="N69298" s="10"/>
    </row>
    <row r="69299" spans="14:14">
      <c r="N69299" s="10"/>
    </row>
    <row r="69300" spans="14:14">
      <c r="N69300" s="10"/>
    </row>
    <row r="69301" spans="14:14">
      <c r="N69301" s="10"/>
    </row>
    <row r="69302" spans="14:14">
      <c r="N69302" s="10"/>
    </row>
    <row r="69303" spans="14:14">
      <c r="N69303" s="10"/>
    </row>
    <row r="69304" spans="14:14">
      <c r="N69304" s="10"/>
    </row>
    <row r="69305" spans="14:14">
      <c r="N69305" s="10"/>
    </row>
    <row r="69306" spans="14:14">
      <c r="N69306" s="10"/>
    </row>
    <row r="69307" spans="14:14">
      <c r="N69307" s="10"/>
    </row>
    <row r="69308" spans="14:14">
      <c r="N69308" s="10"/>
    </row>
    <row r="69309" spans="14:14">
      <c r="N69309" s="10"/>
    </row>
    <row r="69310" spans="14:14">
      <c r="N69310" s="10"/>
    </row>
    <row r="69311" spans="14:14">
      <c r="N69311" s="10"/>
    </row>
    <row r="69312" spans="14:14">
      <c r="N69312" s="10"/>
    </row>
    <row r="69313" spans="14:14">
      <c r="N69313" s="10"/>
    </row>
    <row r="69314" spans="14:14">
      <c r="N69314" s="10"/>
    </row>
    <row r="69315" spans="14:14">
      <c r="N69315" s="10"/>
    </row>
    <row r="69316" spans="14:14">
      <c r="N69316" s="10"/>
    </row>
    <row r="69317" spans="14:14">
      <c r="N69317" s="10"/>
    </row>
    <row r="69318" spans="14:14">
      <c r="N69318" s="10"/>
    </row>
    <row r="69319" spans="14:14">
      <c r="N69319" s="10"/>
    </row>
    <row r="69320" spans="14:14">
      <c r="N69320" s="10"/>
    </row>
    <row r="69321" spans="14:14">
      <c r="N69321" s="10"/>
    </row>
    <row r="69322" spans="14:14">
      <c r="N69322" s="10"/>
    </row>
    <row r="69323" spans="14:14">
      <c r="N69323" s="10"/>
    </row>
    <row r="69324" spans="14:14">
      <c r="N69324" s="10"/>
    </row>
    <row r="69325" spans="14:14">
      <c r="N69325" s="10"/>
    </row>
    <row r="69326" spans="14:14">
      <c r="N69326" s="10"/>
    </row>
    <row r="69327" spans="14:14">
      <c r="N69327" s="10"/>
    </row>
    <row r="69328" spans="14:14">
      <c r="N69328" s="10"/>
    </row>
    <row r="69329" spans="14:14">
      <c r="N69329" s="10"/>
    </row>
    <row r="69330" spans="14:14">
      <c r="N69330" s="10"/>
    </row>
    <row r="69331" spans="14:14">
      <c r="N69331" s="10"/>
    </row>
    <row r="69332" spans="14:14">
      <c r="N69332" s="10"/>
    </row>
    <row r="69333" spans="14:14">
      <c r="N69333" s="10"/>
    </row>
    <row r="69334" spans="14:14">
      <c r="N69334" s="10"/>
    </row>
    <row r="69335" spans="14:14">
      <c r="N69335" s="10"/>
    </row>
    <row r="69336" spans="14:14">
      <c r="N69336" s="10"/>
    </row>
    <row r="69337" spans="14:14">
      <c r="N69337" s="10"/>
    </row>
    <row r="69338" spans="14:14">
      <c r="N69338" s="10"/>
    </row>
    <row r="69339" spans="14:14">
      <c r="N69339" s="10"/>
    </row>
    <row r="69340" spans="14:14">
      <c r="N69340" s="10"/>
    </row>
    <row r="69341" spans="14:14">
      <c r="N69341" s="10"/>
    </row>
    <row r="69342" spans="14:14">
      <c r="N69342" s="10"/>
    </row>
    <row r="69343" spans="14:14">
      <c r="N69343" s="10"/>
    </row>
    <row r="69344" spans="14:14">
      <c r="N69344" s="10"/>
    </row>
    <row r="69345" spans="14:14">
      <c r="N69345" s="10"/>
    </row>
    <row r="69346" spans="14:14">
      <c r="N69346" s="10"/>
    </row>
    <row r="69347" spans="14:14">
      <c r="N69347" s="10"/>
    </row>
    <row r="69348" spans="14:14">
      <c r="N69348" s="10"/>
    </row>
    <row r="69349" spans="14:14">
      <c r="N69349" s="10"/>
    </row>
    <row r="69350" spans="14:14">
      <c r="N69350" s="10"/>
    </row>
    <row r="69351" spans="14:14">
      <c r="N69351" s="10"/>
    </row>
    <row r="69352" spans="14:14">
      <c r="N69352" s="10"/>
    </row>
    <row r="69353" spans="14:14">
      <c r="N69353" s="10"/>
    </row>
    <row r="69354" spans="14:14">
      <c r="N69354" s="10"/>
    </row>
    <row r="69355" spans="14:14">
      <c r="N69355" s="10"/>
    </row>
    <row r="69356" spans="14:14">
      <c r="N69356" s="10"/>
    </row>
    <row r="69357" spans="14:14">
      <c r="N69357" s="10"/>
    </row>
    <row r="69358" spans="14:14">
      <c r="N69358" s="10"/>
    </row>
    <row r="69359" spans="14:14">
      <c r="N69359" s="10"/>
    </row>
    <row r="69360" spans="14:14">
      <c r="N69360" s="10"/>
    </row>
    <row r="69361" spans="14:14">
      <c r="N69361" s="10"/>
    </row>
    <row r="69362" spans="14:14">
      <c r="N69362" s="10"/>
    </row>
    <row r="69363" spans="14:14">
      <c r="N69363" s="10"/>
    </row>
    <row r="69364" spans="14:14">
      <c r="N69364" s="10"/>
    </row>
    <row r="69365" spans="14:14">
      <c r="N69365" s="10"/>
    </row>
    <row r="69366" spans="14:14">
      <c r="N69366" s="10"/>
    </row>
    <row r="69367" spans="14:14">
      <c r="N69367" s="10"/>
    </row>
    <row r="69368" spans="14:14">
      <c r="N69368" s="10"/>
    </row>
    <row r="69369" spans="14:14">
      <c r="N69369" s="10"/>
    </row>
    <row r="69370" spans="14:14">
      <c r="N69370" s="10"/>
    </row>
    <row r="69371" spans="14:14">
      <c r="N69371" s="10"/>
    </row>
    <row r="69372" spans="14:14">
      <c r="N69372" s="10"/>
    </row>
    <row r="69373" spans="14:14">
      <c r="N69373" s="10"/>
    </row>
    <row r="69374" spans="14:14">
      <c r="N69374" s="10"/>
    </row>
    <row r="69375" spans="14:14">
      <c r="N69375" s="10"/>
    </row>
    <row r="69376" spans="14:14">
      <c r="N69376" s="10"/>
    </row>
    <row r="69377" spans="14:14">
      <c r="N69377" s="10"/>
    </row>
    <row r="69378" spans="14:14">
      <c r="N69378" s="10"/>
    </row>
    <row r="69379" spans="14:14">
      <c r="N69379" s="10"/>
    </row>
    <row r="69380" spans="14:14">
      <c r="N69380" s="10"/>
    </row>
    <row r="69381" spans="14:14">
      <c r="N69381" s="10"/>
    </row>
    <row r="69382" spans="14:14">
      <c r="N69382" s="10"/>
    </row>
    <row r="69383" spans="14:14">
      <c r="N69383" s="10"/>
    </row>
    <row r="69384" spans="14:14">
      <c r="N69384" s="10"/>
    </row>
    <row r="69385" spans="14:14">
      <c r="N69385" s="10"/>
    </row>
    <row r="69386" spans="14:14">
      <c r="N69386" s="10"/>
    </row>
    <row r="69387" spans="14:14">
      <c r="N69387" s="10"/>
    </row>
    <row r="69388" spans="14:14">
      <c r="N69388" s="10"/>
    </row>
    <row r="69389" spans="14:14">
      <c r="N69389" s="10"/>
    </row>
    <row r="69390" spans="14:14">
      <c r="N69390" s="10"/>
    </row>
    <row r="69391" spans="14:14">
      <c r="N69391" s="10"/>
    </row>
    <row r="69392" spans="14:14">
      <c r="N69392" s="10"/>
    </row>
    <row r="69393" spans="14:14">
      <c r="N69393" s="10"/>
    </row>
    <row r="69394" spans="14:14">
      <c r="N69394" s="10"/>
    </row>
    <row r="69395" spans="14:14">
      <c r="N69395" s="10"/>
    </row>
    <row r="69396" spans="14:14">
      <c r="N69396" s="10"/>
    </row>
    <row r="69397" spans="14:14">
      <c r="N69397" s="10"/>
    </row>
    <row r="69398" spans="14:14">
      <c r="N69398" s="10"/>
    </row>
    <row r="69399" spans="14:14">
      <c r="N69399" s="10"/>
    </row>
    <row r="69400" spans="14:14">
      <c r="N69400" s="10"/>
    </row>
    <row r="69401" spans="14:14">
      <c r="N69401" s="10"/>
    </row>
    <row r="69402" spans="14:14">
      <c r="N69402" s="10"/>
    </row>
    <row r="69403" spans="14:14">
      <c r="N69403" s="10"/>
    </row>
    <row r="69404" spans="14:14">
      <c r="N69404" s="10"/>
    </row>
    <row r="69405" spans="14:14">
      <c r="N69405" s="10"/>
    </row>
    <row r="69406" spans="14:14">
      <c r="N69406" s="10"/>
    </row>
    <row r="69407" spans="14:14">
      <c r="N69407" s="10"/>
    </row>
    <row r="69408" spans="14:14">
      <c r="N69408" s="10"/>
    </row>
    <row r="69409" spans="14:14">
      <c r="N69409" s="10"/>
    </row>
    <row r="69410" spans="14:14">
      <c r="N69410" s="10"/>
    </row>
    <row r="69411" spans="14:14">
      <c r="N69411" s="10"/>
    </row>
    <row r="69412" spans="14:14">
      <c r="N69412" s="10"/>
    </row>
    <row r="69413" spans="14:14">
      <c r="N69413" s="10"/>
    </row>
    <row r="69414" spans="14:14">
      <c r="N69414" s="10"/>
    </row>
    <row r="69415" spans="14:14">
      <c r="N69415" s="10"/>
    </row>
    <row r="69416" spans="14:14">
      <c r="N69416" s="10"/>
    </row>
    <row r="69417" spans="14:14">
      <c r="N69417" s="10"/>
    </row>
    <row r="69418" spans="14:14">
      <c r="N69418" s="10"/>
    </row>
    <row r="69419" spans="14:14">
      <c r="N69419" s="10"/>
    </row>
    <row r="69420" spans="14:14">
      <c r="N69420" s="10"/>
    </row>
    <row r="69421" spans="14:14">
      <c r="N69421" s="10"/>
    </row>
    <row r="69422" spans="14:14">
      <c r="N69422" s="10"/>
    </row>
    <row r="69423" spans="14:14">
      <c r="N69423" s="10"/>
    </row>
    <row r="69424" spans="14:14">
      <c r="N69424" s="10"/>
    </row>
    <row r="69425" spans="14:14">
      <c r="N69425" s="10"/>
    </row>
    <row r="69426" spans="14:14">
      <c r="N69426" s="10"/>
    </row>
    <row r="69427" spans="14:14">
      <c r="N69427" s="10"/>
    </row>
    <row r="69428" spans="14:14">
      <c r="N69428" s="10"/>
    </row>
    <row r="69429" spans="14:14">
      <c r="N69429" s="10"/>
    </row>
    <row r="69430" spans="14:14">
      <c r="N69430" s="10"/>
    </row>
    <row r="69431" spans="14:14">
      <c r="N69431" s="10"/>
    </row>
    <row r="69432" spans="14:14">
      <c r="N69432" s="10"/>
    </row>
    <row r="69433" spans="14:14">
      <c r="N69433" s="10"/>
    </row>
    <row r="69434" spans="14:14">
      <c r="N69434" s="10"/>
    </row>
    <row r="69435" spans="14:14">
      <c r="N69435" s="10"/>
    </row>
    <row r="69436" spans="14:14">
      <c r="N69436" s="10"/>
    </row>
    <row r="69437" spans="14:14">
      <c r="N69437" s="10"/>
    </row>
    <row r="69438" spans="14:14">
      <c r="N69438" s="10"/>
    </row>
    <row r="69439" spans="14:14">
      <c r="N69439" s="10"/>
    </row>
    <row r="69440" spans="14:14">
      <c r="N69440" s="10"/>
    </row>
    <row r="69441" spans="14:14">
      <c r="N69441" s="10"/>
    </row>
    <row r="69442" spans="14:14">
      <c r="N69442" s="10"/>
    </row>
    <row r="69443" spans="14:14">
      <c r="N69443" s="10"/>
    </row>
    <row r="69444" spans="14:14">
      <c r="N69444" s="10"/>
    </row>
    <row r="69445" spans="14:14">
      <c r="N69445" s="10"/>
    </row>
    <row r="69446" spans="14:14">
      <c r="N69446" s="10"/>
    </row>
    <row r="69447" spans="14:14">
      <c r="N69447" s="10"/>
    </row>
    <row r="69448" spans="14:14">
      <c r="N69448" s="10"/>
    </row>
    <row r="69449" spans="14:14">
      <c r="N69449" s="10"/>
    </row>
    <row r="69450" spans="14:14">
      <c r="N69450" s="10"/>
    </row>
    <row r="69451" spans="14:14">
      <c r="N69451" s="10"/>
    </row>
    <row r="69452" spans="14:14">
      <c r="N69452" s="10"/>
    </row>
    <row r="69453" spans="14:14">
      <c r="N69453" s="10"/>
    </row>
    <row r="69454" spans="14:14">
      <c r="N69454" s="10"/>
    </row>
    <row r="69455" spans="14:14">
      <c r="N69455" s="10"/>
    </row>
    <row r="69456" spans="14:14">
      <c r="N69456" s="10"/>
    </row>
    <row r="69457" spans="14:14">
      <c r="N69457" s="10"/>
    </row>
    <row r="69458" spans="14:14">
      <c r="N69458" s="10"/>
    </row>
    <row r="69459" spans="14:14">
      <c r="N69459" s="10"/>
    </row>
    <row r="69460" spans="14:14">
      <c r="N69460" s="10"/>
    </row>
    <row r="69461" spans="14:14">
      <c r="N69461" s="10"/>
    </row>
    <row r="69462" spans="14:14">
      <c r="N69462" s="10"/>
    </row>
    <row r="69463" spans="14:14">
      <c r="N69463" s="10"/>
    </row>
    <row r="69464" spans="14:14">
      <c r="N69464" s="10"/>
    </row>
    <row r="69465" spans="14:14">
      <c r="N69465" s="10"/>
    </row>
    <row r="69466" spans="14:14">
      <c r="N69466" s="10"/>
    </row>
    <row r="69467" spans="14:14">
      <c r="N69467" s="10"/>
    </row>
    <row r="69468" spans="14:14">
      <c r="N69468" s="10"/>
    </row>
    <row r="69469" spans="14:14">
      <c r="N69469" s="10"/>
    </row>
    <row r="69470" spans="14:14">
      <c r="N69470" s="10"/>
    </row>
    <row r="69471" spans="14:14">
      <c r="N69471" s="10"/>
    </row>
    <row r="69472" spans="14:14">
      <c r="N69472" s="10"/>
    </row>
    <row r="69473" spans="14:14">
      <c r="N69473" s="10"/>
    </row>
    <row r="69474" spans="14:14">
      <c r="N69474" s="10"/>
    </row>
    <row r="69475" spans="14:14">
      <c r="N69475" s="10"/>
    </row>
    <row r="69476" spans="14:14">
      <c r="N69476" s="10"/>
    </row>
    <row r="69477" spans="14:14">
      <c r="N69477" s="10"/>
    </row>
    <row r="69478" spans="14:14">
      <c r="N69478" s="10"/>
    </row>
    <row r="69479" spans="14:14">
      <c r="N69479" s="10"/>
    </row>
    <row r="69480" spans="14:14">
      <c r="N69480" s="10"/>
    </row>
    <row r="69481" spans="14:14">
      <c r="N69481" s="10"/>
    </row>
    <row r="69482" spans="14:14">
      <c r="N69482" s="10"/>
    </row>
    <row r="69483" spans="14:14">
      <c r="N69483" s="10"/>
    </row>
    <row r="69484" spans="14:14">
      <c r="N69484" s="10"/>
    </row>
    <row r="69485" spans="14:14">
      <c r="N69485" s="10"/>
    </row>
    <row r="69486" spans="14:14">
      <c r="N69486" s="10"/>
    </row>
    <row r="69487" spans="14:14">
      <c r="N69487" s="10"/>
    </row>
    <row r="69488" spans="14:14">
      <c r="N69488" s="10"/>
    </row>
    <row r="69489" spans="14:14">
      <c r="N69489" s="10"/>
    </row>
    <row r="69490" spans="14:14">
      <c r="N69490" s="10"/>
    </row>
    <row r="69491" spans="14:14">
      <c r="N69491" s="10"/>
    </row>
    <row r="69492" spans="14:14">
      <c r="N69492" s="10"/>
    </row>
    <row r="69493" spans="14:14">
      <c r="N69493" s="10"/>
    </row>
    <row r="69494" spans="14:14">
      <c r="N69494" s="10"/>
    </row>
    <row r="69495" spans="14:14">
      <c r="N69495" s="10"/>
    </row>
    <row r="69496" spans="14:14">
      <c r="N69496" s="10"/>
    </row>
    <row r="69497" spans="14:14">
      <c r="N69497" s="10"/>
    </row>
    <row r="69498" spans="14:14">
      <c r="N69498" s="10"/>
    </row>
    <row r="69499" spans="14:14">
      <c r="N69499" s="10"/>
    </row>
    <row r="69500" spans="14:14">
      <c r="N69500" s="10"/>
    </row>
    <row r="69501" spans="14:14">
      <c r="N69501" s="10"/>
    </row>
    <row r="69502" spans="14:14">
      <c r="N69502" s="10"/>
    </row>
    <row r="69503" spans="14:14">
      <c r="N69503" s="10"/>
    </row>
    <row r="69504" spans="14:14">
      <c r="N69504" s="10"/>
    </row>
    <row r="69505" spans="14:14">
      <c r="N69505" s="10"/>
    </row>
    <row r="69506" spans="14:14">
      <c r="N69506" s="10"/>
    </row>
    <row r="69507" spans="14:14">
      <c r="N69507" s="10"/>
    </row>
    <row r="69508" spans="14:14">
      <c r="N69508" s="10"/>
    </row>
    <row r="69509" spans="14:14">
      <c r="N69509" s="10"/>
    </row>
    <row r="69510" spans="14:14">
      <c r="N69510" s="10"/>
    </row>
    <row r="69511" spans="14:14">
      <c r="N69511" s="10"/>
    </row>
    <row r="69512" spans="14:14">
      <c r="N69512" s="10"/>
    </row>
    <row r="69513" spans="14:14">
      <c r="N69513" s="10"/>
    </row>
    <row r="69514" spans="14:14">
      <c r="N69514" s="10"/>
    </row>
    <row r="69515" spans="14:14">
      <c r="N69515" s="10"/>
    </row>
    <row r="69516" spans="14:14">
      <c r="N69516" s="10"/>
    </row>
    <row r="69517" spans="14:14">
      <c r="N69517" s="10"/>
    </row>
    <row r="69518" spans="14:14">
      <c r="N69518" s="10"/>
    </row>
    <row r="69519" spans="14:14">
      <c r="N69519" s="10"/>
    </row>
    <row r="69520" spans="14:14">
      <c r="N69520" s="10"/>
    </row>
    <row r="69521" spans="14:14">
      <c r="N69521" s="10"/>
    </row>
    <row r="69522" spans="14:14">
      <c r="N69522" s="10"/>
    </row>
    <row r="69523" spans="14:14">
      <c r="N69523" s="10"/>
    </row>
    <row r="69524" spans="14:14">
      <c r="N69524" s="10"/>
    </row>
    <row r="69525" spans="14:14">
      <c r="N69525" s="10"/>
    </row>
    <row r="69526" spans="14:14">
      <c r="N69526" s="10"/>
    </row>
    <row r="69527" spans="14:14">
      <c r="N69527" s="10"/>
    </row>
    <row r="69528" spans="14:14">
      <c r="N69528" s="10"/>
    </row>
    <row r="69529" spans="14:14">
      <c r="N69529" s="10"/>
    </row>
    <row r="69530" spans="14:14">
      <c r="N69530" s="10"/>
    </row>
    <row r="69531" spans="14:14">
      <c r="N69531" s="10"/>
    </row>
    <row r="69532" spans="14:14">
      <c r="N69532" s="10"/>
    </row>
    <row r="69533" spans="14:14">
      <c r="N69533" s="10"/>
    </row>
    <row r="69534" spans="14:14">
      <c r="N69534" s="10"/>
    </row>
    <row r="69535" spans="14:14">
      <c r="N69535" s="10"/>
    </row>
    <row r="69536" spans="14:14">
      <c r="N69536" s="10"/>
    </row>
    <row r="69537" spans="14:14">
      <c r="N69537" s="10"/>
    </row>
    <row r="69538" spans="14:14">
      <c r="N69538" s="10"/>
    </row>
    <row r="69539" spans="14:14">
      <c r="N69539" s="10"/>
    </row>
    <row r="69540" spans="14:14">
      <c r="N69540" s="10"/>
    </row>
    <row r="69541" spans="14:14">
      <c r="N69541" s="10"/>
    </row>
    <row r="69542" spans="14:14">
      <c r="N69542" s="10"/>
    </row>
    <row r="69543" spans="14:14">
      <c r="N69543" s="10"/>
    </row>
    <row r="69544" spans="14:14">
      <c r="N69544" s="10"/>
    </row>
    <row r="69545" spans="14:14">
      <c r="N69545" s="10"/>
    </row>
    <row r="69546" spans="14:14">
      <c r="N69546" s="10"/>
    </row>
    <row r="69547" spans="14:14">
      <c r="N69547" s="10"/>
    </row>
    <row r="69548" spans="14:14">
      <c r="N69548" s="10"/>
    </row>
    <row r="69549" spans="14:14">
      <c r="N69549" s="10"/>
    </row>
    <row r="69550" spans="14:14">
      <c r="N69550" s="10"/>
    </row>
    <row r="69551" spans="14:14">
      <c r="N69551" s="10"/>
    </row>
    <row r="69552" spans="14:14">
      <c r="N69552" s="10"/>
    </row>
    <row r="69553" spans="14:14">
      <c r="N69553" s="10"/>
    </row>
    <row r="69554" spans="14:14">
      <c r="N69554" s="10"/>
    </row>
    <row r="69555" spans="14:14">
      <c r="N69555" s="10"/>
    </row>
    <row r="69556" spans="14:14">
      <c r="N69556" s="10"/>
    </row>
    <row r="69557" spans="14:14">
      <c r="N69557" s="10"/>
    </row>
    <row r="69558" spans="14:14">
      <c r="N69558" s="10"/>
    </row>
    <row r="69559" spans="14:14">
      <c r="N69559" s="10"/>
    </row>
    <row r="69560" spans="14:14">
      <c r="N69560" s="10"/>
    </row>
    <row r="69561" spans="14:14">
      <c r="N69561" s="10"/>
    </row>
    <row r="69562" spans="14:14">
      <c r="N69562" s="10"/>
    </row>
    <row r="69563" spans="14:14">
      <c r="N69563" s="10"/>
    </row>
    <row r="69564" spans="14:14">
      <c r="N69564" s="10"/>
    </row>
    <row r="69565" spans="14:14">
      <c r="N69565" s="10"/>
    </row>
    <row r="69566" spans="14:14">
      <c r="N69566" s="10"/>
    </row>
    <row r="69567" spans="14:14">
      <c r="N69567" s="10"/>
    </row>
    <row r="69568" spans="14:14">
      <c r="N69568" s="10"/>
    </row>
    <row r="69569" spans="14:14">
      <c r="N69569" s="10"/>
    </row>
    <row r="69570" spans="14:14">
      <c r="N69570" s="10"/>
    </row>
    <row r="69571" spans="14:14">
      <c r="N69571" s="10"/>
    </row>
    <row r="69572" spans="14:14">
      <c r="N69572" s="10"/>
    </row>
    <row r="69573" spans="14:14">
      <c r="N69573" s="10"/>
    </row>
    <row r="69574" spans="14:14">
      <c r="N69574" s="10"/>
    </row>
    <row r="69575" spans="14:14">
      <c r="N69575" s="10"/>
    </row>
    <row r="69576" spans="14:14">
      <c r="N69576" s="10"/>
    </row>
    <row r="69577" spans="14:14">
      <c r="N69577" s="10"/>
    </row>
    <row r="69578" spans="14:14">
      <c r="N69578" s="10"/>
    </row>
    <row r="69579" spans="14:14">
      <c r="N69579" s="10"/>
    </row>
    <row r="69580" spans="14:14">
      <c r="N69580" s="10"/>
    </row>
    <row r="69581" spans="14:14">
      <c r="N69581" s="10"/>
    </row>
    <row r="69582" spans="14:14">
      <c r="N69582" s="10"/>
    </row>
    <row r="69583" spans="14:14">
      <c r="N69583" s="10"/>
    </row>
    <row r="69584" spans="14:14">
      <c r="N69584" s="10"/>
    </row>
    <row r="69585" spans="14:14">
      <c r="N69585" s="10"/>
    </row>
    <row r="69586" spans="14:14">
      <c r="N69586" s="10"/>
    </row>
    <row r="69587" spans="14:14">
      <c r="N69587" s="10"/>
    </row>
    <row r="69588" spans="14:14">
      <c r="N69588" s="10"/>
    </row>
    <row r="69589" spans="14:14">
      <c r="N69589" s="10"/>
    </row>
    <row r="69590" spans="14:14">
      <c r="N69590" s="10"/>
    </row>
    <row r="69591" spans="14:14">
      <c r="N69591" s="10"/>
    </row>
    <row r="69592" spans="14:14">
      <c r="N69592" s="10"/>
    </row>
    <row r="69593" spans="14:14">
      <c r="N69593" s="10"/>
    </row>
    <row r="69594" spans="14:14">
      <c r="N69594" s="10"/>
    </row>
    <row r="69595" spans="14:14">
      <c r="N69595" s="10"/>
    </row>
    <row r="69596" spans="14:14">
      <c r="N69596" s="10"/>
    </row>
    <row r="69597" spans="14:14">
      <c r="N69597" s="10"/>
    </row>
    <row r="69598" spans="14:14">
      <c r="N69598" s="10"/>
    </row>
    <row r="69599" spans="14:14">
      <c r="N69599" s="10"/>
    </row>
    <row r="69600" spans="14:14">
      <c r="N69600" s="10"/>
    </row>
    <row r="69601" spans="14:14">
      <c r="N69601" s="10"/>
    </row>
    <row r="69602" spans="14:14">
      <c r="N69602" s="10"/>
    </row>
    <row r="69603" spans="14:14">
      <c r="N69603" s="10"/>
    </row>
    <row r="69604" spans="14:14">
      <c r="N69604" s="10"/>
    </row>
    <row r="69605" spans="14:14">
      <c r="N69605" s="10"/>
    </row>
    <row r="69606" spans="14:14">
      <c r="N69606" s="10"/>
    </row>
    <row r="69607" spans="14:14">
      <c r="N69607" s="10"/>
    </row>
    <row r="69608" spans="14:14">
      <c r="N69608" s="10"/>
    </row>
    <row r="69609" spans="14:14">
      <c r="N69609" s="10"/>
    </row>
    <row r="69610" spans="14:14">
      <c r="N69610" s="10"/>
    </row>
    <row r="69611" spans="14:14">
      <c r="N69611" s="10"/>
    </row>
    <row r="69612" spans="14:14">
      <c r="N69612" s="10"/>
    </row>
    <row r="69613" spans="14:14">
      <c r="N69613" s="10"/>
    </row>
    <row r="69614" spans="14:14">
      <c r="N69614" s="10"/>
    </row>
    <row r="69615" spans="14:14">
      <c r="N69615" s="10"/>
    </row>
    <row r="69616" spans="14:14">
      <c r="N69616" s="10"/>
    </row>
    <row r="69617" spans="14:14">
      <c r="N69617" s="10"/>
    </row>
    <row r="69618" spans="14:14">
      <c r="N69618" s="10"/>
    </row>
    <row r="69619" spans="14:14">
      <c r="N69619" s="10"/>
    </row>
    <row r="69620" spans="14:14">
      <c r="N69620" s="10"/>
    </row>
    <row r="69621" spans="14:14">
      <c r="N69621" s="10"/>
    </row>
    <row r="69622" spans="14:14">
      <c r="N69622" s="10"/>
    </row>
    <row r="69623" spans="14:14">
      <c r="N69623" s="10"/>
    </row>
    <row r="69624" spans="14:14">
      <c r="N69624" s="10"/>
    </row>
    <row r="69625" spans="14:14">
      <c r="N69625" s="10"/>
    </row>
    <row r="69626" spans="14:14">
      <c r="N69626" s="10"/>
    </row>
    <row r="69627" spans="14:14">
      <c r="N69627" s="10"/>
    </row>
    <row r="69628" spans="14:14">
      <c r="N69628" s="10"/>
    </row>
    <row r="69629" spans="14:14">
      <c r="N69629" s="10"/>
    </row>
    <row r="69630" spans="14:14">
      <c r="N69630" s="10"/>
    </row>
    <row r="69631" spans="14:14">
      <c r="N69631" s="10"/>
    </row>
    <row r="69632" spans="14:14">
      <c r="N69632" s="10"/>
    </row>
    <row r="69633" spans="14:14">
      <c r="N69633" s="10"/>
    </row>
    <row r="69634" spans="14:14">
      <c r="N69634" s="10"/>
    </row>
    <row r="69635" spans="14:14">
      <c r="N69635" s="10"/>
    </row>
    <row r="69636" spans="14:14">
      <c r="N69636" s="10"/>
    </row>
    <row r="69637" spans="14:14">
      <c r="N69637" s="10"/>
    </row>
    <row r="69638" spans="14:14">
      <c r="N69638" s="10"/>
    </row>
    <row r="69639" spans="14:14">
      <c r="N69639" s="10"/>
    </row>
    <row r="69640" spans="14:14">
      <c r="N69640" s="10"/>
    </row>
    <row r="69641" spans="14:14">
      <c r="N69641" s="10"/>
    </row>
    <row r="69642" spans="14:14">
      <c r="N69642" s="10"/>
    </row>
    <row r="69643" spans="14:14">
      <c r="N69643" s="10"/>
    </row>
    <row r="69644" spans="14:14">
      <c r="N69644" s="10"/>
    </row>
    <row r="69645" spans="14:14">
      <c r="N69645" s="10"/>
    </row>
    <row r="69646" spans="14:14">
      <c r="N69646" s="10"/>
    </row>
    <row r="69647" spans="14:14">
      <c r="N69647" s="10"/>
    </row>
    <row r="69648" spans="14:14">
      <c r="N69648" s="10"/>
    </row>
    <row r="69649" spans="14:14">
      <c r="N69649" s="10"/>
    </row>
    <row r="69650" spans="14:14">
      <c r="N69650" s="10"/>
    </row>
    <row r="69651" spans="14:14">
      <c r="N69651" s="10"/>
    </row>
    <row r="69652" spans="14:14">
      <c r="N69652" s="10"/>
    </row>
    <row r="69653" spans="14:14">
      <c r="N69653" s="10"/>
    </row>
    <row r="69654" spans="14:14">
      <c r="N69654" s="10"/>
    </row>
    <row r="69655" spans="14:14">
      <c r="N69655" s="10"/>
    </row>
    <row r="69656" spans="14:14">
      <c r="N69656" s="10"/>
    </row>
    <row r="69657" spans="14:14">
      <c r="N69657" s="10"/>
    </row>
    <row r="69658" spans="14:14">
      <c r="N69658" s="10"/>
    </row>
    <row r="69659" spans="14:14">
      <c r="N69659" s="10"/>
    </row>
    <row r="69660" spans="14:14">
      <c r="N69660" s="10"/>
    </row>
    <row r="69661" spans="14:14">
      <c r="N69661" s="10"/>
    </row>
    <row r="69662" spans="14:14">
      <c r="N69662" s="10"/>
    </row>
    <row r="69663" spans="14:14">
      <c r="N69663" s="10"/>
    </row>
    <row r="69664" spans="14:14">
      <c r="N69664" s="10"/>
    </row>
    <row r="69665" spans="14:14">
      <c r="N69665" s="10"/>
    </row>
    <row r="69666" spans="14:14">
      <c r="N69666" s="10"/>
    </row>
    <row r="69667" spans="14:14">
      <c r="N69667" s="10"/>
    </row>
    <row r="69668" spans="14:14">
      <c r="N69668" s="10"/>
    </row>
    <row r="69669" spans="14:14">
      <c r="N69669" s="10"/>
    </row>
    <row r="69670" spans="14:14">
      <c r="N69670" s="10"/>
    </row>
    <row r="69671" spans="14:14">
      <c r="N69671" s="10"/>
    </row>
    <row r="69672" spans="14:14">
      <c r="N69672" s="10"/>
    </row>
    <row r="69673" spans="14:14">
      <c r="N69673" s="10"/>
    </row>
    <row r="69674" spans="14:14">
      <c r="N69674" s="10"/>
    </row>
    <row r="69675" spans="14:14">
      <c r="N69675" s="10"/>
    </row>
    <row r="69676" spans="14:14">
      <c r="N69676" s="10"/>
    </row>
    <row r="69677" spans="14:14">
      <c r="N69677" s="10"/>
    </row>
    <row r="69678" spans="14:14">
      <c r="N69678" s="10"/>
    </row>
    <row r="69679" spans="14:14">
      <c r="N69679" s="10"/>
    </row>
    <row r="69680" spans="14:14">
      <c r="N69680" s="10"/>
    </row>
    <row r="69681" spans="14:14">
      <c r="N69681" s="10"/>
    </row>
    <row r="69682" spans="14:14">
      <c r="N69682" s="10"/>
    </row>
    <row r="69683" spans="14:14">
      <c r="N69683" s="10"/>
    </row>
    <row r="69684" spans="14:14">
      <c r="N69684" s="10"/>
    </row>
    <row r="69685" spans="14:14">
      <c r="N69685" s="10"/>
    </row>
    <row r="69686" spans="14:14">
      <c r="N69686" s="10"/>
    </row>
    <row r="69687" spans="14:14">
      <c r="N69687" s="10"/>
    </row>
    <row r="69688" spans="14:14">
      <c r="N69688" s="10"/>
    </row>
    <row r="69689" spans="14:14">
      <c r="N69689" s="10"/>
    </row>
    <row r="69690" spans="14:14">
      <c r="N69690" s="10"/>
    </row>
    <row r="69691" spans="14:14">
      <c r="N69691" s="10"/>
    </row>
    <row r="69692" spans="14:14">
      <c r="N69692" s="10"/>
    </row>
    <row r="69693" spans="14:14">
      <c r="N69693" s="10"/>
    </row>
    <row r="69694" spans="14:14">
      <c r="N69694" s="10"/>
    </row>
    <row r="69695" spans="14:14">
      <c r="N69695" s="10"/>
    </row>
    <row r="69696" spans="14:14">
      <c r="N69696" s="10"/>
    </row>
    <row r="69697" spans="14:14">
      <c r="N69697" s="10"/>
    </row>
    <row r="69698" spans="14:14">
      <c r="N69698" s="10"/>
    </row>
    <row r="69699" spans="14:14">
      <c r="N69699" s="10"/>
    </row>
    <row r="69700" spans="14:14">
      <c r="N69700" s="10"/>
    </row>
    <row r="69701" spans="14:14">
      <c r="N69701" s="10"/>
    </row>
    <row r="69702" spans="14:14">
      <c r="N69702" s="10"/>
    </row>
    <row r="69703" spans="14:14">
      <c r="N69703" s="10"/>
    </row>
    <row r="69704" spans="14:14">
      <c r="N69704" s="10"/>
    </row>
    <row r="69705" spans="14:14">
      <c r="N69705" s="10"/>
    </row>
    <row r="69706" spans="14:14">
      <c r="N69706" s="10"/>
    </row>
    <row r="69707" spans="14:14">
      <c r="N69707" s="10"/>
    </row>
    <row r="69708" spans="14:14">
      <c r="N69708" s="10"/>
    </row>
    <row r="69709" spans="14:14">
      <c r="N69709" s="10"/>
    </row>
    <row r="69710" spans="14:14">
      <c r="N69710" s="10"/>
    </row>
    <row r="69711" spans="14:14">
      <c r="N69711" s="10"/>
    </row>
    <row r="69712" spans="14:14">
      <c r="N69712" s="10"/>
    </row>
    <row r="69713" spans="14:14">
      <c r="N69713" s="10"/>
    </row>
    <row r="69714" spans="14:14">
      <c r="N69714" s="10"/>
    </row>
    <row r="69715" spans="14:14">
      <c r="N69715" s="10"/>
    </row>
    <row r="69716" spans="14:14">
      <c r="N69716" s="10"/>
    </row>
    <row r="69717" spans="14:14">
      <c r="N69717" s="10"/>
    </row>
    <row r="69718" spans="14:14">
      <c r="N69718" s="10"/>
    </row>
    <row r="69719" spans="14:14">
      <c r="N69719" s="10"/>
    </row>
    <row r="69720" spans="14:14">
      <c r="N69720" s="10"/>
    </row>
    <row r="69721" spans="14:14">
      <c r="N69721" s="10"/>
    </row>
    <row r="69722" spans="14:14">
      <c r="N69722" s="10"/>
    </row>
    <row r="69723" spans="14:14">
      <c r="N69723" s="10"/>
    </row>
    <row r="69724" spans="14:14">
      <c r="N69724" s="10"/>
    </row>
    <row r="69725" spans="14:14">
      <c r="N69725" s="10"/>
    </row>
    <row r="69726" spans="14:14">
      <c r="N69726" s="10"/>
    </row>
    <row r="69727" spans="14:14">
      <c r="N69727" s="10"/>
    </row>
    <row r="69728" spans="14:14">
      <c r="N69728" s="10"/>
    </row>
    <row r="69729" spans="14:14">
      <c r="N69729" s="10"/>
    </row>
    <row r="69730" spans="14:14">
      <c r="N69730" s="10"/>
    </row>
    <row r="69731" spans="14:14">
      <c r="N69731" s="10"/>
    </row>
    <row r="69732" spans="14:14">
      <c r="N69732" s="10"/>
    </row>
    <row r="69733" spans="14:14">
      <c r="N69733" s="10"/>
    </row>
    <row r="69734" spans="14:14">
      <c r="N69734" s="10"/>
    </row>
    <row r="69735" spans="14:14">
      <c r="N69735" s="10"/>
    </row>
    <row r="69736" spans="14:14">
      <c r="N69736" s="10"/>
    </row>
    <row r="69737" spans="14:14">
      <c r="N69737" s="10"/>
    </row>
    <row r="69738" spans="14:14">
      <c r="N69738" s="10"/>
    </row>
    <row r="69739" spans="14:14">
      <c r="N69739" s="10"/>
    </row>
    <row r="69740" spans="14:14">
      <c r="N69740" s="10"/>
    </row>
    <row r="69741" spans="14:14">
      <c r="N69741" s="10"/>
    </row>
    <row r="69742" spans="14:14">
      <c r="N69742" s="10"/>
    </row>
    <row r="69743" spans="14:14">
      <c r="N69743" s="10"/>
    </row>
    <row r="69744" spans="14:14">
      <c r="N69744" s="10"/>
    </row>
    <row r="69745" spans="14:14">
      <c r="N69745" s="10"/>
    </row>
    <row r="69746" spans="14:14">
      <c r="N69746" s="10"/>
    </row>
    <row r="69747" spans="14:14">
      <c r="N69747" s="10"/>
    </row>
    <row r="69748" spans="14:14">
      <c r="N69748" s="10"/>
    </row>
    <row r="69749" spans="14:14">
      <c r="N69749" s="10"/>
    </row>
    <row r="69750" spans="14:14">
      <c r="N69750" s="10"/>
    </row>
    <row r="69751" spans="14:14">
      <c r="N69751" s="10"/>
    </row>
    <row r="69752" spans="14:14">
      <c r="N69752" s="10"/>
    </row>
    <row r="69753" spans="14:14">
      <c r="N69753" s="10"/>
    </row>
    <row r="69754" spans="14:14">
      <c r="N69754" s="10"/>
    </row>
    <row r="69755" spans="14:14">
      <c r="N69755" s="10"/>
    </row>
    <row r="69756" spans="14:14">
      <c r="N69756" s="10"/>
    </row>
    <row r="69757" spans="14:14">
      <c r="N69757" s="10"/>
    </row>
    <row r="69758" spans="14:14">
      <c r="N69758" s="10"/>
    </row>
    <row r="69759" spans="14:14">
      <c r="N69759" s="10"/>
    </row>
    <row r="69760" spans="14:14">
      <c r="N69760" s="10"/>
    </row>
    <row r="69761" spans="14:14">
      <c r="N69761" s="10"/>
    </row>
    <row r="69762" spans="14:14">
      <c r="N69762" s="10"/>
    </row>
    <row r="69763" spans="14:14">
      <c r="N69763" s="10"/>
    </row>
    <row r="69764" spans="14:14">
      <c r="N69764" s="10"/>
    </row>
    <row r="69765" spans="14:14">
      <c r="N69765" s="10"/>
    </row>
    <row r="69766" spans="14:14">
      <c r="N69766" s="10"/>
    </row>
    <row r="69767" spans="14:14">
      <c r="N69767" s="10"/>
    </row>
    <row r="69768" spans="14:14">
      <c r="N69768" s="10"/>
    </row>
    <row r="69769" spans="14:14">
      <c r="N69769" s="10"/>
    </row>
    <row r="69770" spans="14:14">
      <c r="N69770" s="10"/>
    </row>
    <row r="69771" spans="14:14">
      <c r="N69771" s="10"/>
    </row>
    <row r="69772" spans="14:14">
      <c r="N69772" s="10"/>
    </row>
    <row r="69773" spans="14:14">
      <c r="N69773" s="10"/>
    </row>
    <row r="69774" spans="14:14">
      <c r="N69774" s="10"/>
    </row>
    <row r="69775" spans="14:14">
      <c r="N69775" s="10"/>
    </row>
    <row r="69776" spans="14:14">
      <c r="N69776" s="10"/>
    </row>
    <row r="69777" spans="14:14">
      <c r="N69777" s="10"/>
    </row>
    <row r="69778" spans="14:14">
      <c r="N69778" s="10"/>
    </row>
    <row r="69779" spans="14:14">
      <c r="N69779" s="10"/>
    </row>
    <row r="69780" spans="14:14">
      <c r="N69780" s="10"/>
    </row>
    <row r="69781" spans="14:14">
      <c r="N69781" s="10"/>
    </row>
    <row r="69782" spans="14:14">
      <c r="N69782" s="10"/>
    </row>
    <row r="69783" spans="14:14">
      <c r="N69783" s="10"/>
    </row>
    <row r="69784" spans="14:14">
      <c r="N69784" s="10"/>
    </row>
    <row r="69785" spans="14:14">
      <c r="N69785" s="10"/>
    </row>
    <row r="69786" spans="14:14">
      <c r="N69786" s="10"/>
    </row>
    <row r="69787" spans="14:14">
      <c r="N69787" s="10"/>
    </row>
    <row r="69788" spans="14:14">
      <c r="N69788" s="10"/>
    </row>
    <row r="69789" spans="14:14">
      <c r="N69789" s="10"/>
    </row>
    <row r="69790" spans="14:14">
      <c r="N69790" s="10"/>
    </row>
    <row r="69791" spans="14:14">
      <c r="N69791" s="10"/>
    </row>
    <row r="69792" spans="14:14">
      <c r="N69792" s="10"/>
    </row>
    <row r="69793" spans="14:14">
      <c r="N69793" s="10"/>
    </row>
    <row r="69794" spans="14:14">
      <c r="N69794" s="10"/>
    </row>
    <row r="69795" spans="14:14">
      <c r="N69795" s="10"/>
    </row>
    <row r="69796" spans="14:14">
      <c r="N69796" s="10"/>
    </row>
    <row r="69797" spans="14:14">
      <c r="N69797" s="10"/>
    </row>
    <row r="69798" spans="14:14">
      <c r="N69798" s="10"/>
    </row>
    <row r="69799" spans="14:14">
      <c r="N69799" s="10"/>
    </row>
    <row r="69800" spans="14:14">
      <c r="N69800" s="10"/>
    </row>
    <row r="69801" spans="14:14">
      <c r="N69801" s="10"/>
    </row>
    <row r="69802" spans="14:14">
      <c r="N69802" s="10"/>
    </row>
    <row r="69803" spans="14:14">
      <c r="N69803" s="10"/>
    </row>
    <row r="69804" spans="14:14">
      <c r="N69804" s="10"/>
    </row>
    <row r="69805" spans="14:14">
      <c r="N69805" s="10"/>
    </row>
    <row r="69806" spans="14:14">
      <c r="N69806" s="10"/>
    </row>
    <row r="69807" spans="14:14">
      <c r="N69807" s="10"/>
    </row>
    <row r="69808" spans="14:14">
      <c r="N69808" s="10"/>
    </row>
    <row r="69809" spans="14:14">
      <c r="N69809" s="10"/>
    </row>
    <row r="69810" spans="14:14">
      <c r="N69810" s="10"/>
    </row>
    <row r="69811" spans="14:14">
      <c r="N69811" s="10"/>
    </row>
    <row r="69812" spans="14:14">
      <c r="N69812" s="10"/>
    </row>
    <row r="69813" spans="14:14">
      <c r="N69813" s="10"/>
    </row>
    <row r="69814" spans="14:14">
      <c r="N69814" s="10"/>
    </row>
    <row r="69815" spans="14:14">
      <c r="N69815" s="10"/>
    </row>
    <row r="69816" spans="14:14">
      <c r="N69816" s="10"/>
    </row>
    <row r="69817" spans="14:14">
      <c r="N69817" s="10"/>
    </row>
    <row r="69818" spans="14:14">
      <c r="N69818" s="10"/>
    </row>
    <row r="69819" spans="14:14">
      <c r="N69819" s="10"/>
    </row>
    <row r="69820" spans="14:14">
      <c r="N69820" s="10"/>
    </row>
    <row r="69821" spans="14:14">
      <c r="N69821" s="10"/>
    </row>
    <row r="69822" spans="14:14">
      <c r="N69822" s="10"/>
    </row>
    <row r="69823" spans="14:14">
      <c r="N69823" s="10"/>
    </row>
    <row r="69824" spans="14:14">
      <c r="N69824" s="10"/>
    </row>
    <row r="69825" spans="14:14">
      <c r="N69825" s="10"/>
    </row>
    <row r="69826" spans="14:14">
      <c r="N69826" s="10"/>
    </row>
    <row r="69827" spans="14:14">
      <c r="N69827" s="10"/>
    </row>
    <row r="69828" spans="14:14">
      <c r="N69828" s="10"/>
    </row>
    <row r="69829" spans="14:14">
      <c r="N69829" s="10"/>
    </row>
    <row r="69830" spans="14:14">
      <c r="N69830" s="10"/>
    </row>
    <row r="69831" spans="14:14">
      <c r="N69831" s="10"/>
    </row>
    <row r="69832" spans="14:14">
      <c r="N69832" s="10"/>
    </row>
    <row r="69833" spans="14:14">
      <c r="N69833" s="10"/>
    </row>
    <row r="69834" spans="14:14">
      <c r="N69834" s="10"/>
    </row>
    <row r="69835" spans="14:14">
      <c r="N69835" s="10"/>
    </row>
    <row r="69836" spans="14:14">
      <c r="N69836" s="10"/>
    </row>
    <row r="69837" spans="14:14">
      <c r="N69837" s="10"/>
    </row>
    <row r="69838" spans="14:14">
      <c r="N69838" s="10"/>
    </row>
    <row r="69839" spans="14:14">
      <c r="N69839" s="10"/>
    </row>
    <row r="69840" spans="14:14">
      <c r="N69840" s="10"/>
    </row>
    <row r="69841" spans="14:14">
      <c r="N69841" s="10"/>
    </row>
    <row r="69842" spans="14:14">
      <c r="N69842" s="10"/>
    </row>
    <row r="69843" spans="14:14">
      <c r="N69843" s="10"/>
    </row>
    <row r="69844" spans="14:14">
      <c r="N69844" s="10"/>
    </row>
    <row r="69845" spans="14:14">
      <c r="N69845" s="10"/>
    </row>
    <row r="69846" spans="14:14">
      <c r="N69846" s="10"/>
    </row>
    <row r="69847" spans="14:14">
      <c r="N69847" s="10"/>
    </row>
    <row r="69848" spans="14:14">
      <c r="N69848" s="10"/>
    </row>
    <row r="69849" spans="14:14">
      <c r="N69849" s="10"/>
    </row>
    <row r="69850" spans="14:14">
      <c r="N69850" s="10"/>
    </row>
    <row r="69851" spans="14:14">
      <c r="N69851" s="10"/>
    </row>
    <row r="69852" spans="14:14">
      <c r="N69852" s="10"/>
    </row>
    <row r="69853" spans="14:14">
      <c r="N69853" s="10"/>
    </row>
    <row r="69854" spans="14:14">
      <c r="N69854" s="10"/>
    </row>
    <row r="69855" spans="14:14">
      <c r="N69855" s="10"/>
    </row>
    <row r="69856" spans="14:14">
      <c r="N69856" s="10"/>
    </row>
    <row r="69857" spans="14:14">
      <c r="N69857" s="10"/>
    </row>
    <row r="69858" spans="14:14">
      <c r="N69858" s="10"/>
    </row>
    <row r="69859" spans="14:14">
      <c r="N69859" s="10"/>
    </row>
    <row r="69860" spans="14:14">
      <c r="N69860" s="10"/>
    </row>
    <row r="69861" spans="14:14">
      <c r="N69861" s="10"/>
    </row>
    <row r="69862" spans="14:14">
      <c r="N69862" s="10"/>
    </row>
    <row r="69863" spans="14:14">
      <c r="N69863" s="10"/>
    </row>
    <row r="69864" spans="14:14">
      <c r="N69864" s="10"/>
    </row>
    <row r="69865" spans="14:14">
      <c r="N69865" s="10"/>
    </row>
    <row r="69866" spans="14:14">
      <c r="N69866" s="10"/>
    </row>
    <row r="69867" spans="14:14">
      <c r="N69867" s="10"/>
    </row>
    <row r="69868" spans="14:14">
      <c r="N69868" s="10"/>
    </row>
    <row r="69869" spans="14:14">
      <c r="N69869" s="10"/>
    </row>
    <row r="69870" spans="14:14">
      <c r="N69870" s="10"/>
    </row>
    <row r="69871" spans="14:14">
      <c r="N69871" s="10"/>
    </row>
    <row r="69872" spans="14:14">
      <c r="N69872" s="10"/>
    </row>
    <row r="69873" spans="14:14">
      <c r="N69873" s="10"/>
    </row>
    <row r="69874" spans="14:14">
      <c r="N69874" s="10"/>
    </row>
    <row r="69875" spans="14:14">
      <c r="N69875" s="10"/>
    </row>
    <row r="69876" spans="14:14">
      <c r="N69876" s="10"/>
    </row>
    <row r="69877" spans="14:14">
      <c r="N69877" s="10"/>
    </row>
    <row r="69878" spans="14:14">
      <c r="N69878" s="10"/>
    </row>
    <row r="69879" spans="14:14">
      <c r="N69879" s="10"/>
    </row>
    <row r="69880" spans="14:14">
      <c r="N69880" s="10"/>
    </row>
    <row r="69881" spans="14:14">
      <c r="N69881" s="10"/>
    </row>
    <row r="69882" spans="14:14">
      <c r="N69882" s="10"/>
    </row>
    <row r="69883" spans="14:14">
      <c r="N69883" s="10"/>
    </row>
    <row r="69884" spans="14:14">
      <c r="N69884" s="10"/>
    </row>
    <row r="69885" spans="14:14">
      <c r="N69885" s="10"/>
    </row>
    <row r="69886" spans="14:14">
      <c r="N69886" s="10"/>
    </row>
    <row r="69887" spans="14:14">
      <c r="N69887" s="10"/>
    </row>
    <row r="69888" spans="14:14">
      <c r="N69888" s="10"/>
    </row>
    <row r="69889" spans="14:14">
      <c r="N69889" s="10"/>
    </row>
    <row r="69890" spans="14:14">
      <c r="N69890" s="10"/>
    </row>
    <row r="69891" spans="14:14">
      <c r="N69891" s="10"/>
    </row>
    <row r="69892" spans="14:14">
      <c r="N69892" s="10"/>
    </row>
    <row r="69893" spans="14:14">
      <c r="N69893" s="10"/>
    </row>
    <row r="69894" spans="14:14">
      <c r="N69894" s="10"/>
    </row>
    <row r="69895" spans="14:14">
      <c r="N69895" s="10"/>
    </row>
    <row r="69896" spans="14:14">
      <c r="N69896" s="10"/>
    </row>
    <row r="69897" spans="14:14">
      <c r="N69897" s="10"/>
    </row>
    <row r="69898" spans="14:14">
      <c r="N69898" s="10"/>
    </row>
    <row r="69899" spans="14:14">
      <c r="N69899" s="10"/>
    </row>
    <row r="69900" spans="14:14">
      <c r="N69900" s="10"/>
    </row>
    <row r="69901" spans="14:14">
      <c r="N69901" s="10"/>
    </row>
    <row r="69902" spans="14:14">
      <c r="N69902" s="10"/>
    </row>
    <row r="69903" spans="14:14">
      <c r="N69903" s="10"/>
    </row>
    <row r="69904" spans="14:14">
      <c r="N69904" s="10"/>
    </row>
    <row r="69905" spans="14:14">
      <c r="N69905" s="10"/>
    </row>
    <row r="69906" spans="14:14">
      <c r="N69906" s="10"/>
    </row>
    <row r="69907" spans="14:14">
      <c r="N69907" s="10"/>
    </row>
    <row r="69908" spans="14:14">
      <c r="N69908" s="10"/>
    </row>
    <row r="69909" spans="14:14">
      <c r="N69909" s="10"/>
    </row>
    <row r="69910" spans="14:14">
      <c r="N69910" s="10"/>
    </row>
    <row r="69911" spans="14:14">
      <c r="N69911" s="10"/>
    </row>
    <row r="69912" spans="14:14">
      <c r="N69912" s="10"/>
    </row>
    <row r="69913" spans="14:14">
      <c r="N69913" s="10"/>
    </row>
    <row r="69914" spans="14:14">
      <c r="N69914" s="10"/>
    </row>
    <row r="69915" spans="14:14">
      <c r="N69915" s="10"/>
    </row>
    <row r="69916" spans="14:14">
      <c r="N69916" s="10"/>
    </row>
    <row r="69917" spans="14:14">
      <c r="N69917" s="10"/>
    </row>
    <row r="69918" spans="14:14">
      <c r="N69918" s="10"/>
    </row>
    <row r="69919" spans="14:14">
      <c r="N69919" s="10"/>
    </row>
    <row r="69920" spans="14:14">
      <c r="N69920" s="10"/>
    </row>
    <row r="69921" spans="14:14">
      <c r="N69921" s="10"/>
    </row>
    <row r="69922" spans="14:14">
      <c r="N69922" s="10"/>
    </row>
    <row r="69923" spans="14:14">
      <c r="N69923" s="10"/>
    </row>
    <row r="69924" spans="14:14">
      <c r="N69924" s="10"/>
    </row>
    <row r="69925" spans="14:14">
      <c r="N69925" s="10"/>
    </row>
    <row r="69926" spans="14:14">
      <c r="N69926" s="10"/>
    </row>
    <row r="69927" spans="14:14">
      <c r="N69927" s="10"/>
    </row>
    <row r="69928" spans="14:14">
      <c r="N69928" s="10"/>
    </row>
    <row r="69929" spans="14:14">
      <c r="N69929" s="10"/>
    </row>
    <row r="69930" spans="14:14">
      <c r="N69930" s="10"/>
    </row>
    <row r="69931" spans="14:14">
      <c r="N69931" s="10"/>
    </row>
    <row r="69932" spans="14:14">
      <c r="N69932" s="10"/>
    </row>
    <row r="69933" spans="14:14">
      <c r="N69933" s="10"/>
    </row>
    <row r="69934" spans="14:14">
      <c r="N69934" s="10"/>
    </row>
    <row r="69935" spans="14:14">
      <c r="N69935" s="10"/>
    </row>
    <row r="69936" spans="14:14">
      <c r="N69936" s="10"/>
    </row>
    <row r="69937" spans="14:14">
      <c r="N69937" s="10"/>
    </row>
    <row r="69938" spans="14:14">
      <c r="N69938" s="10"/>
    </row>
    <row r="69939" spans="14:14">
      <c r="N69939" s="10"/>
    </row>
    <row r="69940" spans="14:14">
      <c r="N69940" s="10"/>
    </row>
    <row r="69941" spans="14:14">
      <c r="N69941" s="10"/>
    </row>
    <row r="69942" spans="14:14">
      <c r="N69942" s="10"/>
    </row>
    <row r="69943" spans="14:14">
      <c r="N69943" s="10"/>
    </row>
    <row r="69944" spans="14:14">
      <c r="N69944" s="10"/>
    </row>
    <row r="69945" spans="14:14">
      <c r="N69945" s="10"/>
    </row>
    <row r="69946" spans="14:14">
      <c r="N69946" s="10"/>
    </row>
    <row r="69947" spans="14:14">
      <c r="N69947" s="10"/>
    </row>
    <row r="69948" spans="14:14">
      <c r="N69948" s="10"/>
    </row>
    <row r="69949" spans="14:14">
      <c r="N69949" s="10"/>
    </row>
    <row r="69950" spans="14:14">
      <c r="N69950" s="10"/>
    </row>
    <row r="69951" spans="14:14">
      <c r="N69951" s="10"/>
    </row>
    <row r="69952" spans="14:14">
      <c r="N69952" s="10"/>
    </row>
    <row r="69953" spans="14:14">
      <c r="N69953" s="10"/>
    </row>
    <row r="69954" spans="14:14">
      <c r="N69954" s="10"/>
    </row>
    <row r="69955" spans="14:14">
      <c r="N69955" s="10"/>
    </row>
    <row r="69956" spans="14:14">
      <c r="N69956" s="10"/>
    </row>
    <row r="69957" spans="14:14">
      <c r="N69957" s="10"/>
    </row>
    <row r="69958" spans="14:14">
      <c r="N69958" s="10"/>
    </row>
    <row r="69959" spans="14:14">
      <c r="N69959" s="10"/>
    </row>
    <row r="69960" spans="14:14">
      <c r="N69960" s="10"/>
    </row>
    <row r="69961" spans="14:14">
      <c r="N69961" s="10"/>
    </row>
    <row r="69962" spans="14:14">
      <c r="N69962" s="10"/>
    </row>
    <row r="69963" spans="14:14">
      <c r="N69963" s="10"/>
    </row>
    <row r="69964" spans="14:14">
      <c r="N69964" s="10"/>
    </row>
    <row r="69965" spans="14:14">
      <c r="N69965" s="10"/>
    </row>
    <row r="69966" spans="14:14">
      <c r="N69966" s="10"/>
    </row>
    <row r="69967" spans="14:14">
      <c r="N69967" s="10"/>
    </row>
    <row r="69968" spans="14:14">
      <c r="N69968" s="10"/>
    </row>
    <row r="69969" spans="14:14">
      <c r="N69969" s="10"/>
    </row>
    <row r="69970" spans="14:14">
      <c r="N69970" s="10"/>
    </row>
    <row r="69971" spans="14:14">
      <c r="N69971" s="10"/>
    </row>
    <row r="69972" spans="14:14">
      <c r="N69972" s="10"/>
    </row>
    <row r="69973" spans="14:14">
      <c r="N69973" s="10"/>
    </row>
    <row r="69974" spans="14:14">
      <c r="N69974" s="10"/>
    </row>
    <row r="69975" spans="14:14">
      <c r="N69975" s="10"/>
    </row>
    <row r="69976" spans="14:14">
      <c r="N69976" s="10"/>
    </row>
    <row r="69977" spans="14:14">
      <c r="N69977" s="10"/>
    </row>
    <row r="69978" spans="14:14">
      <c r="N69978" s="10"/>
    </row>
    <row r="69979" spans="14:14">
      <c r="N69979" s="10"/>
    </row>
    <row r="69980" spans="14:14">
      <c r="N69980" s="10"/>
    </row>
    <row r="69981" spans="14:14">
      <c r="N69981" s="10"/>
    </row>
    <row r="69982" spans="14:14">
      <c r="N69982" s="10"/>
    </row>
    <row r="69983" spans="14:14">
      <c r="N69983" s="10"/>
    </row>
    <row r="69984" spans="14:14">
      <c r="N69984" s="10"/>
    </row>
    <row r="69985" spans="14:14">
      <c r="N69985" s="10"/>
    </row>
    <row r="69986" spans="14:14">
      <c r="N69986" s="10"/>
    </row>
    <row r="69987" spans="14:14">
      <c r="N69987" s="10"/>
    </row>
    <row r="69988" spans="14:14">
      <c r="N69988" s="10"/>
    </row>
    <row r="69989" spans="14:14">
      <c r="N69989" s="10"/>
    </row>
    <row r="69990" spans="14:14">
      <c r="N69990" s="10"/>
    </row>
    <row r="69991" spans="14:14">
      <c r="N69991" s="10"/>
    </row>
    <row r="69992" spans="14:14">
      <c r="N69992" s="10"/>
    </row>
    <row r="69993" spans="14:14">
      <c r="N69993" s="10"/>
    </row>
    <row r="69994" spans="14:14">
      <c r="N69994" s="10"/>
    </row>
    <row r="69995" spans="14:14">
      <c r="N69995" s="10"/>
    </row>
    <row r="69996" spans="14:14">
      <c r="N69996" s="10"/>
    </row>
    <row r="69997" spans="14:14">
      <c r="N69997" s="10"/>
    </row>
    <row r="69998" spans="14:14">
      <c r="N69998" s="10"/>
    </row>
    <row r="69999" spans="14:14">
      <c r="N69999" s="10"/>
    </row>
    <row r="70000" spans="14:14">
      <c r="N70000" s="10"/>
    </row>
    <row r="70001" spans="14:14">
      <c r="N70001" s="10"/>
    </row>
    <row r="70002" spans="14:14">
      <c r="N70002" s="10"/>
    </row>
    <row r="70003" spans="14:14">
      <c r="N70003" s="10"/>
    </row>
    <row r="70004" spans="14:14">
      <c r="N70004" s="10"/>
    </row>
    <row r="70005" spans="14:14">
      <c r="N70005" s="10"/>
    </row>
    <row r="70006" spans="14:14">
      <c r="N70006" s="10"/>
    </row>
    <row r="70007" spans="14:14">
      <c r="N70007" s="10"/>
    </row>
    <row r="70008" spans="14:14">
      <c r="N70008" s="10"/>
    </row>
    <row r="70009" spans="14:14">
      <c r="N70009" s="10"/>
    </row>
    <row r="70010" spans="14:14">
      <c r="N70010" s="10"/>
    </row>
    <row r="70011" spans="14:14">
      <c r="N70011" s="10"/>
    </row>
    <row r="70012" spans="14:14">
      <c r="N70012" s="10"/>
    </row>
    <row r="70013" spans="14:14">
      <c r="N70013" s="10"/>
    </row>
    <row r="70014" spans="14:14">
      <c r="N70014" s="10"/>
    </row>
    <row r="70015" spans="14:14">
      <c r="N70015" s="10"/>
    </row>
    <row r="70016" spans="14:14">
      <c r="N70016" s="10"/>
    </row>
    <row r="70017" spans="14:14">
      <c r="N70017" s="10"/>
    </row>
    <row r="70018" spans="14:14">
      <c r="N70018" s="10"/>
    </row>
    <row r="70019" spans="14:14">
      <c r="N70019" s="10"/>
    </row>
    <row r="70020" spans="14:14">
      <c r="N70020" s="10"/>
    </row>
    <row r="70021" spans="14:14">
      <c r="N70021" s="10"/>
    </row>
    <row r="70022" spans="14:14">
      <c r="N70022" s="10"/>
    </row>
    <row r="70023" spans="14:14">
      <c r="N70023" s="10"/>
    </row>
    <row r="70024" spans="14:14">
      <c r="N70024" s="10"/>
    </row>
    <row r="70025" spans="14:14">
      <c r="N70025" s="10"/>
    </row>
    <row r="70026" spans="14:14">
      <c r="N70026" s="10"/>
    </row>
    <row r="70027" spans="14:14">
      <c r="N70027" s="10"/>
    </row>
    <row r="70028" spans="14:14">
      <c r="N70028" s="10"/>
    </row>
    <row r="70029" spans="14:14">
      <c r="N70029" s="10"/>
    </row>
    <row r="70030" spans="14:14">
      <c r="N70030" s="10"/>
    </row>
    <row r="70031" spans="14:14">
      <c r="N70031" s="10"/>
    </row>
    <row r="70032" spans="14:14">
      <c r="N70032" s="10"/>
    </row>
    <row r="70033" spans="14:14">
      <c r="N70033" s="10"/>
    </row>
    <row r="70034" spans="14:14">
      <c r="N70034" s="10"/>
    </row>
    <row r="70035" spans="14:14">
      <c r="N70035" s="10"/>
    </row>
    <row r="70036" spans="14:14">
      <c r="N70036" s="10"/>
    </row>
    <row r="70037" spans="14:14">
      <c r="N70037" s="10"/>
    </row>
    <row r="70038" spans="14:14">
      <c r="N70038" s="10"/>
    </row>
    <row r="70039" spans="14:14">
      <c r="N70039" s="10"/>
    </row>
    <row r="70040" spans="14:14">
      <c r="N70040" s="10"/>
    </row>
    <row r="70041" spans="14:14">
      <c r="N70041" s="10"/>
    </row>
    <row r="70042" spans="14:14">
      <c r="N70042" s="10"/>
    </row>
    <row r="70043" spans="14:14">
      <c r="N70043" s="10"/>
    </row>
    <row r="70044" spans="14:14">
      <c r="N70044" s="10"/>
    </row>
    <row r="70045" spans="14:14">
      <c r="N70045" s="10"/>
    </row>
    <row r="70046" spans="14:14">
      <c r="N70046" s="10"/>
    </row>
    <row r="70047" spans="14:14">
      <c r="N70047" s="10"/>
    </row>
    <row r="70048" spans="14:14">
      <c r="N70048" s="10"/>
    </row>
    <row r="70049" spans="14:14">
      <c r="N70049" s="10"/>
    </row>
    <row r="70050" spans="14:14">
      <c r="N70050" s="10"/>
    </row>
    <row r="70051" spans="14:14">
      <c r="N70051" s="10"/>
    </row>
    <row r="70052" spans="14:14">
      <c r="N70052" s="10"/>
    </row>
    <row r="70053" spans="14:14">
      <c r="N70053" s="10"/>
    </row>
    <row r="70054" spans="14:14">
      <c r="N70054" s="10"/>
    </row>
    <row r="70055" spans="14:14">
      <c r="N70055" s="10"/>
    </row>
    <row r="70056" spans="14:14">
      <c r="N70056" s="10"/>
    </row>
    <row r="70057" spans="14:14">
      <c r="N70057" s="10"/>
    </row>
    <row r="70058" spans="14:14">
      <c r="N70058" s="10"/>
    </row>
    <row r="70059" spans="14:14">
      <c r="N70059" s="10"/>
    </row>
    <row r="70060" spans="14:14">
      <c r="N70060" s="10"/>
    </row>
    <row r="70061" spans="14:14">
      <c r="N70061" s="10"/>
    </row>
    <row r="70062" spans="14:14">
      <c r="N70062" s="10"/>
    </row>
    <row r="70063" spans="14:14">
      <c r="N70063" s="10"/>
    </row>
    <row r="70064" spans="14:14">
      <c r="N70064" s="10"/>
    </row>
    <row r="70065" spans="14:14">
      <c r="N70065" s="10"/>
    </row>
    <row r="70066" spans="14:14">
      <c r="N70066" s="10"/>
    </row>
    <row r="70067" spans="14:14">
      <c r="N70067" s="10"/>
    </row>
    <row r="70068" spans="14:14">
      <c r="N70068" s="10"/>
    </row>
    <row r="70069" spans="14:14">
      <c r="N70069" s="10"/>
    </row>
    <row r="70070" spans="14:14">
      <c r="N70070" s="10"/>
    </row>
    <row r="70071" spans="14:14">
      <c r="N70071" s="10"/>
    </row>
    <row r="70072" spans="14:14">
      <c r="N70072" s="10"/>
    </row>
    <row r="70073" spans="14:14">
      <c r="N70073" s="10"/>
    </row>
    <row r="70074" spans="14:14">
      <c r="N70074" s="10"/>
    </row>
    <row r="70075" spans="14:14">
      <c r="N70075" s="10"/>
    </row>
    <row r="70076" spans="14:14">
      <c r="N70076" s="10"/>
    </row>
    <row r="70077" spans="14:14">
      <c r="N70077" s="10"/>
    </row>
    <row r="70078" spans="14:14">
      <c r="N70078" s="10"/>
    </row>
    <row r="70079" spans="14:14">
      <c r="N70079" s="10"/>
    </row>
    <row r="70080" spans="14:14">
      <c r="N70080" s="10"/>
    </row>
    <row r="70081" spans="14:14">
      <c r="N70081" s="10"/>
    </row>
    <row r="70082" spans="14:14">
      <c r="N70082" s="10"/>
    </row>
    <row r="70083" spans="14:14">
      <c r="N70083" s="10"/>
    </row>
    <row r="70084" spans="14:14">
      <c r="N70084" s="10"/>
    </row>
    <row r="70085" spans="14:14">
      <c r="N70085" s="10"/>
    </row>
    <row r="70086" spans="14:14">
      <c r="N70086" s="10"/>
    </row>
    <row r="70087" spans="14:14">
      <c r="N70087" s="10"/>
    </row>
    <row r="70088" spans="14:14">
      <c r="N70088" s="10"/>
    </row>
    <row r="70089" spans="14:14">
      <c r="N70089" s="10"/>
    </row>
    <row r="70090" spans="14:14">
      <c r="N70090" s="10"/>
    </row>
    <row r="70091" spans="14:14">
      <c r="N70091" s="10"/>
    </row>
    <row r="70092" spans="14:14">
      <c r="N70092" s="10"/>
    </row>
    <row r="70093" spans="14:14">
      <c r="N70093" s="10"/>
    </row>
    <row r="70094" spans="14:14">
      <c r="N70094" s="10"/>
    </row>
    <row r="70095" spans="14:14">
      <c r="N70095" s="10"/>
    </row>
    <row r="70096" spans="14:14">
      <c r="N70096" s="10"/>
    </row>
    <row r="70097" spans="14:14">
      <c r="N70097" s="10"/>
    </row>
    <row r="70098" spans="14:14">
      <c r="N70098" s="10"/>
    </row>
    <row r="70099" spans="14:14">
      <c r="N70099" s="10"/>
    </row>
    <row r="70100" spans="14:14">
      <c r="N70100" s="10"/>
    </row>
    <row r="70101" spans="14:14">
      <c r="N70101" s="10"/>
    </row>
    <row r="70102" spans="14:14">
      <c r="N70102" s="10"/>
    </row>
    <row r="70103" spans="14:14">
      <c r="N70103" s="10"/>
    </row>
    <row r="70104" spans="14:14">
      <c r="N70104" s="10"/>
    </row>
    <row r="70105" spans="14:14">
      <c r="N70105" s="10"/>
    </row>
    <row r="70106" spans="14:14">
      <c r="N70106" s="10"/>
    </row>
    <row r="70107" spans="14:14">
      <c r="N70107" s="10"/>
    </row>
    <row r="70108" spans="14:14">
      <c r="N70108" s="10"/>
    </row>
    <row r="70109" spans="14:14">
      <c r="N70109" s="10"/>
    </row>
    <row r="70110" spans="14:14">
      <c r="N70110" s="10"/>
    </row>
    <row r="70111" spans="14:14">
      <c r="N70111" s="10"/>
    </row>
    <row r="70112" spans="14:14">
      <c r="N70112" s="10"/>
    </row>
    <row r="70113" spans="14:14">
      <c r="N70113" s="10"/>
    </row>
    <row r="70114" spans="14:14">
      <c r="N70114" s="10"/>
    </row>
    <row r="70115" spans="14:14">
      <c r="N70115" s="10"/>
    </row>
    <row r="70116" spans="14:14">
      <c r="N70116" s="10"/>
    </row>
    <row r="70117" spans="14:14">
      <c r="N70117" s="10"/>
    </row>
    <row r="70118" spans="14:14">
      <c r="N70118" s="10"/>
    </row>
    <row r="70119" spans="14:14">
      <c r="N70119" s="10"/>
    </row>
    <row r="70120" spans="14:14">
      <c r="N70120" s="10"/>
    </row>
    <row r="70121" spans="14:14">
      <c r="N70121" s="10"/>
    </row>
    <row r="70122" spans="14:14">
      <c r="N70122" s="10"/>
    </row>
    <row r="70123" spans="14:14">
      <c r="N70123" s="10"/>
    </row>
    <row r="70124" spans="14:14">
      <c r="N70124" s="10"/>
    </row>
    <row r="70125" spans="14:14">
      <c r="N70125" s="10"/>
    </row>
    <row r="70126" spans="14:14">
      <c r="N70126" s="10"/>
    </row>
    <row r="70127" spans="14:14">
      <c r="N70127" s="10"/>
    </row>
    <row r="70128" spans="14:14">
      <c r="N70128" s="10"/>
    </row>
    <row r="70129" spans="14:14">
      <c r="N70129" s="10"/>
    </row>
    <row r="70130" spans="14:14">
      <c r="N70130" s="10"/>
    </row>
    <row r="70131" spans="14:14">
      <c r="N70131" s="10"/>
    </row>
    <row r="70132" spans="14:14">
      <c r="N70132" s="10"/>
    </row>
    <row r="70133" spans="14:14">
      <c r="N70133" s="10"/>
    </row>
    <row r="70134" spans="14:14">
      <c r="N70134" s="10"/>
    </row>
    <row r="70135" spans="14:14">
      <c r="N70135" s="10"/>
    </row>
    <row r="70136" spans="14:14">
      <c r="N70136" s="10"/>
    </row>
    <row r="70137" spans="14:14">
      <c r="N70137" s="10"/>
    </row>
    <row r="70138" spans="14:14">
      <c r="N70138" s="10"/>
    </row>
    <row r="70139" spans="14:14">
      <c r="N70139" s="10"/>
    </row>
    <row r="70140" spans="14:14">
      <c r="N70140" s="10"/>
    </row>
    <row r="70141" spans="14:14">
      <c r="N70141" s="10"/>
    </row>
    <row r="70142" spans="14:14">
      <c r="N70142" s="10"/>
    </row>
    <row r="70143" spans="14:14">
      <c r="N70143" s="10"/>
    </row>
    <row r="70144" spans="14:14">
      <c r="N70144" s="10"/>
    </row>
    <row r="70145" spans="14:14">
      <c r="N70145" s="10"/>
    </row>
    <row r="70146" spans="14:14">
      <c r="N70146" s="10"/>
    </row>
    <row r="70147" spans="14:14">
      <c r="N70147" s="10"/>
    </row>
    <row r="70148" spans="14:14">
      <c r="N70148" s="10"/>
    </row>
    <row r="70149" spans="14:14">
      <c r="N70149" s="10"/>
    </row>
    <row r="70150" spans="14:14">
      <c r="N70150" s="10"/>
    </row>
    <row r="70151" spans="14:14">
      <c r="N70151" s="10"/>
    </row>
    <row r="70152" spans="14:14">
      <c r="N70152" s="10"/>
    </row>
    <row r="70153" spans="14:14">
      <c r="N70153" s="10"/>
    </row>
    <row r="70154" spans="14:14">
      <c r="N70154" s="10"/>
    </row>
    <row r="70155" spans="14:14">
      <c r="N70155" s="10"/>
    </row>
    <row r="70156" spans="14:14">
      <c r="N70156" s="10"/>
    </row>
    <row r="70157" spans="14:14">
      <c r="N70157" s="10"/>
    </row>
    <row r="70158" spans="14:14">
      <c r="N70158" s="10"/>
    </row>
    <row r="70159" spans="14:14">
      <c r="N70159" s="10"/>
    </row>
    <row r="70160" spans="14:14">
      <c r="N70160" s="10"/>
    </row>
    <row r="70161" spans="14:14">
      <c r="N70161" s="10"/>
    </row>
    <row r="70162" spans="14:14">
      <c r="N70162" s="10"/>
    </row>
    <row r="70163" spans="14:14">
      <c r="N70163" s="10"/>
    </row>
    <row r="70164" spans="14:14">
      <c r="N70164" s="10"/>
    </row>
    <row r="70165" spans="14:14">
      <c r="N70165" s="10"/>
    </row>
    <row r="70166" spans="14:14">
      <c r="N70166" s="10"/>
    </row>
    <row r="70167" spans="14:14">
      <c r="N70167" s="10"/>
    </row>
    <row r="70168" spans="14:14">
      <c r="N70168" s="10"/>
    </row>
    <row r="70169" spans="14:14">
      <c r="N70169" s="10"/>
    </row>
    <row r="70170" spans="14:14">
      <c r="N70170" s="10"/>
    </row>
    <row r="70171" spans="14:14">
      <c r="N70171" s="10"/>
    </row>
    <row r="70172" spans="14:14">
      <c r="N70172" s="10"/>
    </row>
    <row r="70173" spans="14:14">
      <c r="N70173" s="10"/>
    </row>
    <row r="70174" spans="14:14">
      <c r="N70174" s="10"/>
    </row>
    <row r="70175" spans="14:14">
      <c r="N70175" s="10"/>
    </row>
    <row r="70176" spans="14:14">
      <c r="N70176" s="10"/>
    </row>
    <row r="70177" spans="14:14">
      <c r="N70177" s="10"/>
    </row>
    <row r="70178" spans="14:14">
      <c r="N70178" s="10"/>
    </row>
    <row r="70179" spans="14:14">
      <c r="N70179" s="10"/>
    </row>
    <row r="70180" spans="14:14">
      <c r="N70180" s="10"/>
    </row>
    <row r="70181" spans="14:14">
      <c r="N70181" s="10"/>
    </row>
    <row r="70182" spans="14:14">
      <c r="N70182" s="10"/>
    </row>
    <row r="70183" spans="14:14">
      <c r="N70183" s="10"/>
    </row>
    <row r="70184" spans="14:14">
      <c r="N70184" s="10"/>
    </row>
    <row r="70185" spans="14:14">
      <c r="N70185" s="10"/>
    </row>
    <row r="70186" spans="14:14">
      <c r="N70186" s="10"/>
    </row>
    <row r="70187" spans="14:14">
      <c r="N70187" s="10"/>
    </row>
    <row r="70188" spans="14:14">
      <c r="N70188" s="10"/>
    </row>
    <row r="70189" spans="14:14">
      <c r="N70189" s="10"/>
    </row>
    <row r="70190" spans="14:14">
      <c r="N70190" s="10"/>
    </row>
    <row r="70191" spans="14:14">
      <c r="N70191" s="10"/>
    </row>
    <row r="70192" spans="14:14">
      <c r="N70192" s="10"/>
    </row>
    <row r="70193" spans="14:14">
      <c r="N70193" s="10"/>
    </row>
    <row r="70194" spans="14:14">
      <c r="N70194" s="10"/>
    </row>
    <row r="70195" spans="14:14">
      <c r="N70195" s="10"/>
    </row>
    <row r="70196" spans="14:14">
      <c r="N70196" s="10"/>
    </row>
    <row r="70197" spans="14:14">
      <c r="N70197" s="10"/>
    </row>
    <row r="70198" spans="14:14">
      <c r="N70198" s="10"/>
    </row>
    <row r="70199" spans="14:14">
      <c r="N70199" s="10"/>
    </row>
    <row r="70200" spans="14:14">
      <c r="N70200" s="10"/>
    </row>
    <row r="70201" spans="14:14">
      <c r="N70201" s="10"/>
    </row>
    <row r="70202" spans="14:14">
      <c r="N70202" s="10"/>
    </row>
    <row r="70203" spans="14:14">
      <c r="N70203" s="10"/>
    </row>
    <row r="70204" spans="14:14">
      <c r="N70204" s="10"/>
    </row>
    <row r="70205" spans="14:14">
      <c r="N70205" s="10"/>
    </row>
    <row r="70206" spans="14:14">
      <c r="N70206" s="10"/>
    </row>
    <row r="70207" spans="14:14">
      <c r="N70207" s="10"/>
    </row>
    <row r="70208" spans="14:14">
      <c r="N70208" s="10"/>
    </row>
    <row r="70209" spans="14:14">
      <c r="N70209" s="10"/>
    </row>
    <row r="70210" spans="14:14">
      <c r="N70210" s="10"/>
    </row>
    <row r="70211" spans="14:14">
      <c r="N70211" s="10"/>
    </row>
    <row r="70212" spans="14:14">
      <c r="N70212" s="10"/>
    </row>
    <row r="70213" spans="14:14">
      <c r="N70213" s="10"/>
    </row>
    <row r="70214" spans="14:14">
      <c r="N70214" s="10"/>
    </row>
    <row r="70215" spans="14:14">
      <c r="N70215" s="10"/>
    </row>
    <row r="70216" spans="14:14">
      <c r="N70216" s="10"/>
    </row>
    <row r="70217" spans="14:14">
      <c r="N70217" s="10"/>
    </row>
    <row r="70218" spans="14:14">
      <c r="N70218" s="10"/>
    </row>
    <row r="70219" spans="14:14">
      <c r="N70219" s="10"/>
    </row>
    <row r="70220" spans="14:14">
      <c r="N70220" s="10"/>
    </row>
    <row r="70221" spans="14:14">
      <c r="N70221" s="10"/>
    </row>
    <row r="70222" spans="14:14">
      <c r="N70222" s="10"/>
    </row>
    <row r="70223" spans="14:14">
      <c r="N70223" s="10"/>
    </row>
    <row r="70224" spans="14:14">
      <c r="N70224" s="10"/>
    </row>
    <row r="70225" spans="14:14">
      <c r="N70225" s="10"/>
    </row>
    <row r="70226" spans="14:14">
      <c r="N70226" s="10"/>
    </row>
    <row r="70227" spans="14:14">
      <c r="N70227" s="10"/>
    </row>
    <row r="70228" spans="14:14">
      <c r="N70228" s="10"/>
    </row>
    <row r="70229" spans="14:14">
      <c r="N70229" s="10"/>
    </row>
    <row r="70230" spans="14:14">
      <c r="N70230" s="10"/>
    </row>
    <row r="70231" spans="14:14">
      <c r="N70231" s="10"/>
    </row>
    <row r="70232" spans="14:14">
      <c r="N70232" s="10"/>
    </row>
    <row r="70233" spans="14:14">
      <c r="N70233" s="10"/>
    </row>
    <row r="70234" spans="14:14">
      <c r="N70234" s="10"/>
    </row>
    <row r="70235" spans="14:14">
      <c r="N70235" s="10"/>
    </row>
    <row r="70236" spans="14:14">
      <c r="N70236" s="10"/>
    </row>
    <row r="70237" spans="14:14">
      <c r="N70237" s="10"/>
    </row>
    <row r="70238" spans="14:14">
      <c r="N70238" s="10"/>
    </row>
    <row r="70239" spans="14:14">
      <c r="N70239" s="10"/>
    </row>
    <row r="70240" spans="14:14">
      <c r="N70240" s="10"/>
    </row>
    <row r="70241" spans="14:14">
      <c r="N70241" s="10"/>
    </row>
    <row r="70242" spans="14:14">
      <c r="N70242" s="10"/>
    </row>
    <row r="70243" spans="14:14">
      <c r="N70243" s="10"/>
    </row>
    <row r="70244" spans="14:14">
      <c r="N70244" s="10"/>
    </row>
    <row r="70245" spans="14:14">
      <c r="N70245" s="10"/>
    </row>
    <row r="70246" spans="14:14">
      <c r="N70246" s="10"/>
    </row>
    <row r="70247" spans="14:14">
      <c r="N70247" s="10"/>
    </row>
    <row r="70248" spans="14:14">
      <c r="N70248" s="10"/>
    </row>
    <row r="70249" spans="14:14">
      <c r="N70249" s="10"/>
    </row>
    <row r="70250" spans="14:14">
      <c r="N70250" s="10"/>
    </row>
    <row r="70251" spans="14:14">
      <c r="N70251" s="10"/>
    </row>
    <row r="70252" spans="14:14">
      <c r="N70252" s="10"/>
    </row>
    <row r="70253" spans="14:14">
      <c r="N70253" s="10"/>
    </row>
    <row r="70254" spans="14:14">
      <c r="N70254" s="10"/>
    </row>
    <row r="70255" spans="14:14">
      <c r="N70255" s="10"/>
    </row>
    <row r="70256" spans="14:14">
      <c r="N70256" s="10"/>
    </row>
    <row r="70257" spans="14:14">
      <c r="N70257" s="10"/>
    </row>
    <row r="70258" spans="14:14">
      <c r="N70258" s="10"/>
    </row>
    <row r="70259" spans="14:14">
      <c r="N70259" s="10"/>
    </row>
    <row r="70260" spans="14:14">
      <c r="N70260" s="10"/>
    </row>
    <row r="70261" spans="14:14">
      <c r="N70261" s="10"/>
    </row>
    <row r="70262" spans="14:14">
      <c r="N70262" s="10"/>
    </row>
    <row r="70263" spans="14:14">
      <c r="N70263" s="10"/>
    </row>
    <row r="70264" spans="14:14">
      <c r="N70264" s="10"/>
    </row>
    <row r="70265" spans="14:14">
      <c r="N70265" s="10"/>
    </row>
    <row r="70266" spans="14:14">
      <c r="N70266" s="10"/>
    </row>
    <row r="70267" spans="14:14">
      <c r="N70267" s="10"/>
    </row>
    <row r="70268" spans="14:14">
      <c r="N70268" s="10"/>
    </row>
    <row r="70269" spans="14:14">
      <c r="N70269" s="10"/>
    </row>
    <row r="70270" spans="14:14">
      <c r="N70270" s="10"/>
    </row>
    <row r="70271" spans="14:14">
      <c r="N70271" s="10"/>
    </row>
    <row r="70272" spans="14:14">
      <c r="N70272" s="10"/>
    </row>
    <row r="70273" spans="14:14">
      <c r="N70273" s="10"/>
    </row>
    <row r="70274" spans="14:14">
      <c r="N70274" s="10"/>
    </row>
    <row r="70275" spans="14:14">
      <c r="N70275" s="10"/>
    </row>
    <row r="70276" spans="14:14">
      <c r="N70276" s="10"/>
    </row>
    <row r="70277" spans="14:14">
      <c r="N70277" s="10"/>
    </row>
    <row r="70278" spans="14:14">
      <c r="N70278" s="10"/>
    </row>
    <row r="70279" spans="14:14">
      <c r="N70279" s="10"/>
    </row>
    <row r="70280" spans="14:14">
      <c r="N70280" s="10"/>
    </row>
    <row r="70281" spans="14:14">
      <c r="N70281" s="10"/>
    </row>
    <row r="70282" spans="14:14">
      <c r="N70282" s="10"/>
    </row>
    <row r="70283" spans="14:14">
      <c r="N70283" s="10"/>
    </row>
    <row r="70284" spans="14:14">
      <c r="N70284" s="10"/>
    </row>
    <row r="70285" spans="14:14">
      <c r="N70285" s="10"/>
    </row>
    <row r="70286" spans="14:14">
      <c r="N70286" s="10"/>
    </row>
    <row r="70287" spans="14:14">
      <c r="N70287" s="10"/>
    </row>
    <row r="70288" spans="14:14">
      <c r="N70288" s="10"/>
    </row>
    <row r="70289" spans="14:14">
      <c r="N70289" s="10"/>
    </row>
    <row r="70290" spans="14:14">
      <c r="N70290" s="10"/>
    </row>
    <row r="70291" spans="14:14">
      <c r="N70291" s="10"/>
    </row>
    <row r="70292" spans="14:14">
      <c r="N70292" s="10"/>
    </row>
    <row r="70293" spans="14:14">
      <c r="N70293" s="10"/>
    </row>
    <row r="70294" spans="14:14">
      <c r="N70294" s="10"/>
    </row>
    <row r="70295" spans="14:14">
      <c r="N70295" s="10"/>
    </row>
    <row r="70296" spans="14:14">
      <c r="N70296" s="10"/>
    </row>
    <row r="70297" spans="14:14">
      <c r="N70297" s="10"/>
    </row>
    <row r="70298" spans="14:14">
      <c r="N70298" s="10"/>
    </row>
    <row r="70299" spans="14:14">
      <c r="N70299" s="10"/>
    </row>
    <row r="70300" spans="14:14">
      <c r="N70300" s="10"/>
    </row>
    <row r="70301" spans="14:14">
      <c r="N70301" s="10"/>
    </row>
    <row r="70302" spans="14:14">
      <c r="N70302" s="10"/>
    </row>
    <row r="70303" spans="14:14">
      <c r="N70303" s="10"/>
    </row>
    <row r="70304" spans="14:14">
      <c r="N70304" s="10"/>
    </row>
    <row r="70305" spans="14:14">
      <c r="N70305" s="10"/>
    </row>
    <row r="70306" spans="14:14">
      <c r="N70306" s="10"/>
    </row>
    <row r="70307" spans="14:14">
      <c r="N70307" s="10"/>
    </row>
    <row r="70308" spans="14:14">
      <c r="N70308" s="10"/>
    </row>
    <row r="70309" spans="14:14">
      <c r="N70309" s="10"/>
    </row>
    <row r="70310" spans="14:14">
      <c r="N70310" s="10"/>
    </row>
    <row r="70311" spans="14:14">
      <c r="N70311" s="10"/>
    </row>
    <row r="70312" spans="14:14">
      <c r="N70312" s="10"/>
    </row>
    <row r="70313" spans="14:14">
      <c r="N70313" s="10"/>
    </row>
    <row r="70314" spans="14:14">
      <c r="N70314" s="10"/>
    </row>
    <row r="70315" spans="14:14">
      <c r="N70315" s="10"/>
    </row>
    <row r="70316" spans="14:14">
      <c r="N70316" s="10"/>
    </row>
    <row r="70317" spans="14:14">
      <c r="N70317" s="10"/>
    </row>
    <row r="70318" spans="14:14">
      <c r="N70318" s="10"/>
    </row>
    <row r="70319" spans="14:14">
      <c r="N70319" s="10"/>
    </row>
    <row r="70320" spans="14:14">
      <c r="N70320" s="10"/>
    </row>
    <row r="70321" spans="14:14">
      <c r="N70321" s="10"/>
    </row>
    <row r="70322" spans="14:14">
      <c r="N70322" s="10"/>
    </row>
    <row r="70323" spans="14:14">
      <c r="N70323" s="10"/>
    </row>
    <row r="70324" spans="14:14">
      <c r="N70324" s="10"/>
    </row>
    <row r="70325" spans="14:14">
      <c r="N70325" s="10"/>
    </row>
    <row r="70326" spans="14:14">
      <c r="N70326" s="10"/>
    </row>
    <row r="70327" spans="14:14">
      <c r="N70327" s="10"/>
    </row>
    <row r="70328" spans="14:14">
      <c r="N70328" s="10"/>
    </row>
    <row r="70329" spans="14:14">
      <c r="N70329" s="10"/>
    </row>
    <row r="70330" spans="14:14">
      <c r="N70330" s="10"/>
    </row>
    <row r="70331" spans="14:14">
      <c r="N70331" s="10"/>
    </row>
    <row r="70332" spans="14:14">
      <c r="N70332" s="10"/>
    </row>
    <row r="70333" spans="14:14">
      <c r="N70333" s="10"/>
    </row>
    <row r="70334" spans="14:14">
      <c r="N70334" s="10"/>
    </row>
    <row r="70335" spans="14:14">
      <c r="N70335" s="10"/>
    </row>
    <row r="70336" spans="14:14">
      <c r="N70336" s="10"/>
    </row>
    <row r="70337" spans="14:14">
      <c r="N70337" s="10"/>
    </row>
    <row r="70338" spans="14:14">
      <c r="N70338" s="10"/>
    </row>
    <row r="70339" spans="14:14">
      <c r="N70339" s="10"/>
    </row>
    <row r="70340" spans="14:14">
      <c r="N70340" s="10"/>
    </row>
    <row r="70341" spans="14:14">
      <c r="N70341" s="10"/>
    </row>
    <row r="70342" spans="14:14">
      <c r="N70342" s="10"/>
    </row>
    <row r="70343" spans="14:14">
      <c r="N70343" s="10"/>
    </row>
    <row r="70344" spans="14:14">
      <c r="N70344" s="10"/>
    </row>
    <row r="70345" spans="14:14">
      <c r="N70345" s="10"/>
    </row>
    <row r="70346" spans="14:14">
      <c r="N70346" s="10"/>
    </row>
    <row r="70347" spans="14:14">
      <c r="N70347" s="10"/>
    </row>
    <row r="70348" spans="14:14">
      <c r="N70348" s="10"/>
    </row>
    <row r="70349" spans="14:14">
      <c r="N70349" s="10"/>
    </row>
    <row r="70350" spans="14:14">
      <c r="N70350" s="10"/>
    </row>
    <row r="70351" spans="14:14">
      <c r="N70351" s="10"/>
    </row>
    <row r="70352" spans="14:14">
      <c r="N70352" s="10"/>
    </row>
    <row r="70353" spans="14:14">
      <c r="N70353" s="10"/>
    </row>
    <row r="70354" spans="14:14">
      <c r="N70354" s="10"/>
    </row>
    <row r="70355" spans="14:14">
      <c r="N70355" s="10"/>
    </row>
    <row r="70356" spans="14:14">
      <c r="N70356" s="10"/>
    </row>
    <row r="70357" spans="14:14">
      <c r="N70357" s="10"/>
    </row>
    <row r="70358" spans="14:14">
      <c r="N70358" s="10"/>
    </row>
    <row r="70359" spans="14:14">
      <c r="N70359" s="10"/>
    </row>
    <row r="70360" spans="14:14">
      <c r="N70360" s="10"/>
    </row>
    <row r="70361" spans="14:14">
      <c r="N70361" s="10"/>
    </row>
    <row r="70362" spans="14:14">
      <c r="N70362" s="10"/>
    </row>
    <row r="70363" spans="14:14">
      <c r="N70363" s="10"/>
    </row>
    <row r="70364" spans="14:14">
      <c r="N70364" s="10"/>
    </row>
    <row r="70365" spans="14:14">
      <c r="N70365" s="10"/>
    </row>
    <row r="70366" spans="14:14">
      <c r="N70366" s="10"/>
    </row>
    <row r="70367" spans="14:14">
      <c r="N70367" s="10"/>
    </row>
    <row r="70368" spans="14:14">
      <c r="N70368" s="10"/>
    </row>
    <row r="70369" spans="14:14">
      <c r="N70369" s="10"/>
    </row>
    <row r="70370" spans="14:14">
      <c r="N70370" s="10"/>
    </row>
    <row r="70371" spans="14:14">
      <c r="N70371" s="10"/>
    </row>
    <row r="70372" spans="14:14">
      <c r="N70372" s="10"/>
    </row>
    <row r="70373" spans="14:14">
      <c r="N70373" s="10"/>
    </row>
    <row r="70374" spans="14:14">
      <c r="N70374" s="10"/>
    </row>
    <row r="70375" spans="14:14">
      <c r="N70375" s="10"/>
    </row>
    <row r="70376" spans="14:14">
      <c r="N70376" s="10"/>
    </row>
    <row r="70377" spans="14:14">
      <c r="N70377" s="10"/>
    </row>
    <row r="70378" spans="14:14">
      <c r="N70378" s="10"/>
    </row>
    <row r="70379" spans="14:14">
      <c r="N70379" s="10"/>
    </row>
    <row r="70380" spans="14:14">
      <c r="N70380" s="10"/>
    </row>
    <row r="70381" spans="14:14">
      <c r="N70381" s="10"/>
    </row>
    <row r="70382" spans="14:14">
      <c r="N70382" s="10"/>
    </row>
    <row r="70383" spans="14:14">
      <c r="N70383" s="10"/>
    </row>
    <row r="70384" spans="14:14">
      <c r="N70384" s="10"/>
    </row>
    <row r="70385" spans="14:14">
      <c r="N70385" s="10"/>
    </row>
    <row r="70386" spans="14:14">
      <c r="N70386" s="10"/>
    </row>
    <row r="70387" spans="14:14">
      <c r="N70387" s="10"/>
    </row>
    <row r="70388" spans="14:14">
      <c r="N70388" s="10"/>
    </row>
    <row r="70389" spans="14:14">
      <c r="N70389" s="10"/>
    </row>
    <row r="70390" spans="14:14">
      <c r="N70390" s="10"/>
    </row>
    <row r="70391" spans="14:14">
      <c r="N70391" s="10"/>
    </row>
    <row r="70392" spans="14:14">
      <c r="N70392" s="10"/>
    </row>
    <row r="70393" spans="14:14">
      <c r="N70393" s="10"/>
    </row>
    <row r="70394" spans="14:14">
      <c r="N70394" s="10"/>
    </row>
    <row r="70395" spans="14:14">
      <c r="N70395" s="10"/>
    </row>
    <row r="70396" spans="14:14">
      <c r="N70396" s="10"/>
    </row>
    <row r="70397" spans="14:14">
      <c r="N70397" s="10"/>
    </row>
    <row r="70398" spans="14:14">
      <c r="N70398" s="10"/>
    </row>
    <row r="70399" spans="14:14">
      <c r="N70399" s="10"/>
    </row>
    <row r="70400" spans="14:14">
      <c r="N70400" s="10"/>
    </row>
    <row r="70401" spans="14:14">
      <c r="N70401" s="10"/>
    </row>
    <row r="70402" spans="14:14">
      <c r="N70402" s="10"/>
    </row>
    <row r="70403" spans="14:14">
      <c r="N70403" s="10"/>
    </row>
    <row r="70404" spans="14:14">
      <c r="N70404" s="10"/>
    </row>
    <row r="70405" spans="14:14">
      <c r="N70405" s="10"/>
    </row>
    <row r="70406" spans="14:14">
      <c r="N70406" s="10"/>
    </row>
    <row r="70407" spans="14:14">
      <c r="N70407" s="10"/>
    </row>
    <row r="70408" spans="14:14">
      <c r="N70408" s="10"/>
    </row>
    <row r="70409" spans="14:14">
      <c r="N70409" s="10"/>
    </row>
    <row r="70410" spans="14:14">
      <c r="N70410" s="10"/>
    </row>
    <row r="70411" spans="14:14">
      <c r="N70411" s="10"/>
    </row>
    <row r="70412" spans="14:14">
      <c r="N70412" s="10"/>
    </row>
    <row r="70413" spans="14:14">
      <c r="N70413" s="10"/>
    </row>
    <row r="70414" spans="14:14">
      <c r="N70414" s="10"/>
    </row>
    <row r="70415" spans="14:14">
      <c r="N70415" s="10"/>
    </row>
    <row r="70416" spans="14:14">
      <c r="N70416" s="10"/>
    </row>
    <row r="70417" spans="14:14">
      <c r="N70417" s="10"/>
    </row>
    <row r="70418" spans="14:14">
      <c r="N70418" s="10"/>
    </row>
    <row r="70419" spans="14:14">
      <c r="N70419" s="10"/>
    </row>
    <row r="70420" spans="14:14">
      <c r="N70420" s="10"/>
    </row>
    <row r="70421" spans="14:14">
      <c r="N70421" s="10"/>
    </row>
    <row r="70422" spans="14:14">
      <c r="N70422" s="10"/>
    </row>
    <row r="70423" spans="14:14">
      <c r="N70423" s="10"/>
    </row>
    <row r="70424" spans="14:14">
      <c r="N70424" s="10"/>
    </row>
    <row r="70425" spans="14:14">
      <c r="N70425" s="10"/>
    </row>
    <row r="70426" spans="14:14">
      <c r="N70426" s="10"/>
    </row>
    <row r="70427" spans="14:14">
      <c r="N70427" s="10"/>
    </row>
    <row r="70428" spans="14:14">
      <c r="N70428" s="10"/>
    </row>
    <row r="70429" spans="14:14">
      <c r="N70429" s="10"/>
    </row>
    <row r="70430" spans="14:14">
      <c r="N70430" s="10"/>
    </row>
    <row r="70431" spans="14:14">
      <c r="N70431" s="10"/>
    </row>
    <row r="70432" spans="14:14">
      <c r="N70432" s="10"/>
    </row>
    <row r="70433" spans="14:14">
      <c r="N70433" s="10"/>
    </row>
    <row r="70434" spans="14:14">
      <c r="N70434" s="10"/>
    </row>
    <row r="70435" spans="14:14">
      <c r="N70435" s="10"/>
    </row>
    <row r="70436" spans="14:14">
      <c r="N70436" s="10"/>
    </row>
    <row r="70437" spans="14:14">
      <c r="N70437" s="10"/>
    </row>
    <row r="70438" spans="14:14">
      <c r="N70438" s="10"/>
    </row>
    <row r="70439" spans="14:14">
      <c r="N70439" s="10"/>
    </row>
    <row r="70440" spans="14:14">
      <c r="N70440" s="10"/>
    </row>
    <row r="70441" spans="14:14">
      <c r="N70441" s="10"/>
    </row>
    <row r="70442" spans="14:14">
      <c r="N70442" s="10"/>
    </row>
    <row r="70443" spans="14:14">
      <c r="N70443" s="10"/>
    </row>
    <row r="70444" spans="14:14">
      <c r="N70444" s="10"/>
    </row>
    <row r="70445" spans="14:14">
      <c r="N70445" s="10"/>
    </row>
    <row r="70446" spans="14:14">
      <c r="N70446" s="10"/>
    </row>
    <row r="70447" spans="14:14">
      <c r="N70447" s="10"/>
    </row>
    <row r="70448" spans="14:14">
      <c r="N70448" s="10"/>
    </row>
    <row r="70449" spans="14:14">
      <c r="N70449" s="10"/>
    </row>
    <row r="70450" spans="14:14">
      <c r="N70450" s="10"/>
    </row>
    <row r="70451" spans="14:14">
      <c r="N70451" s="10"/>
    </row>
    <row r="70452" spans="14:14">
      <c r="N70452" s="10"/>
    </row>
    <row r="70453" spans="14:14">
      <c r="N70453" s="10"/>
    </row>
    <row r="70454" spans="14:14">
      <c r="N70454" s="10"/>
    </row>
    <row r="70455" spans="14:14">
      <c r="N70455" s="10"/>
    </row>
    <row r="70456" spans="14:14">
      <c r="N70456" s="10"/>
    </row>
    <row r="70457" spans="14:14">
      <c r="N70457" s="10"/>
    </row>
    <row r="70458" spans="14:14">
      <c r="N70458" s="10"/>
    </row>
    <row r="70459" spans="14:14">
      <c r="N70459" s="10"/>
    </row>
    <row r="70460" spans="14:14">
      <c r="N70460" s="10"/>
    </row>
    <row r="70461" spans="14:14">
      <c r="N70461" s="10"/>
    </row>
    <row r="70462" spans="14:14">
      <c r="N70462" s="10"/>
    </row>
    <row r="70463" spans="14:14">
      <c r="N70463" s="10"/>
    </row>
    <row r="70464" spans="14:14">
      <c r="N70464" s="10"/>
    </row>
    <row r="70465" spans="14:14">
      <c r="N70465" s="10"/>
    </row>
    <row r="70466" spans="14:14">
      <c r="N70466" s="10"/>
    </row>
    <row r="70467" spans="14:14">
      <c r="N70467" s="10"/>
    </row>
    <row r="70468" spans="14:14">
      <c r="N70468" s="10"/>
    </row>
    <row r="70469" spans="14:14">
      <c r="N70469" s="10"/>
    </row>
    <row r="70470" spans="14:14">
      <c r="N70470" s="10"/>
    </row>
    <row r="70471" spans="14:14">
      <c r="N70471" s="10"/>
    </row>
    <row r="70472" spans="14:14">
      <c r="N70472" s="10"/>
    </row>
    <row r="70473" spans="14:14">
      <c r="N70473" s="10"/>
    </row>
    <row r="70474" spans="14:14">
      <c r="N70474" s="10"/>
    </row>
    <row r="70475" spans="14:14">
      <c r="N70475" s="10"/>
    </row>
    <row r="70476" spans="14:14">
      <c r="N70476" s="10"/>
    </row>
    <row r="70477" spans="14:14">
      <c r="N70477" s="10"/>
    </row>
    <row r="70478" spans="14:14">
      <c r="N70478" s="10"/>
    </row>
    <row r="70479" spans="14:14">
      <c r="N70479" s="10"/>
    </row>
    <row r="70480" spans="14:14">
      <c r="N70480" s="10"/>
    </row>
    <row r="70481" spans="14:14">
      <c r="N70481" s="10"/>
    </row>
    <row r="70482" spans="14:14">
      <c r="N70482" s="10"/>
    </row>
    <row r="70483" spans="14:14">
      <c r="N70483" s="10"/>
    </row>
    <row r="70484" spans="14:14">
      <c r="N70484" s="10"/>
    </row>
    <row r="70485" spans="14:14">
      <c r="N70485" s="10"/>
    </row>
    <row r="70486" spans="14:14">
      <c r="N70486" s="10"/>
    </row>
    <row r="70487" spans="14:14">
      <c r="N70487" s="10"/>
    </row>
    <row r="70488" spans="14:14">
      <c r="N70488" s="10"/>
    </row>
    <row r="70489" spans="14:14">
      <c r="N70489" s="10"/>
    </row>
    <row r="70490" spans="14:14">
      <c r="N70490" s="10"/>
    </row>
    <row r="70491" spans="14:14">
      <c r="N70491" s="10"/>
    </row>
    <row r="70492" spans="14:14">
      <c r="N70492" s="10"/>
    </row>
    <row r="70493" spans="14:14">
      <c r="N70493" s="10"/>
    </row>
    <row r="70494" spans="14:14">
      <c r="N70494" s="10"/>
    </row>
    <row r="70495" spans="14:14">
      <c r="N70495" s="10"/>
    </row>
    <row r="70496" spans="14:14">
      <c r="N70496" s="10"/>
    </row>
    <row r="70497" spans="14:14">
      <c r="N70497" s="10"/>
    </row>
    <row r="70498" spans="14:14">
      <c r="N70498" s="10"/>
    </row>
    <row r="70499" spans="14:14">
      <c r="N70499" s="10"/>
    </row>
    <row r="70500" spans="14:14">
      <c r="N70500" s="10"/>
    </row>
    <row r="70501" spans="14:14">
      <c r="N70501" s="10"/>
    </row>
    <row r="70502" spans="14:14">
      <c r="N70502" s="10"/>
    </row>
    <row r="70503" spans="14:14">
      <c r="N70503" s="10"/>
    </row>
    <row r="70504" spans="14:14">
      <c r="N70504" s="10"/>
    </row>
    <row r="70505" spans="14:14">
      <c r="N70505" s="10"/>
    </row>
    <row r="70506" spans="14:14">
      <c r="N70506" s="10"/>
    </row>
    <row r="70507" spans="14:14">
      <c r="N70507" s="10"/>
    </row>
    <row r="70508" spans="14:14">
      <c r="N70508" s="10"/>
    </row>
    <row r="70509" spans="14:14">
      <c r="N70509" s="10"/>
    </row>
    <row r="70510" spans="14:14">
      <c r="N70510" s="10"/>
    </row>
    <row r="70511" spans="14:14">
      <c r="N70511" s="10"/>
    </row>
    <row r="70512" spans="14:14">
      <c r="N70512" s="10"/>
    </row>
    <row r="70513" spans="14:14">
      <c r="N70513" s="10"/>
    </row>
    <row r="70514" spans="14:14">
      <c r="N70514" s="10"/>
    </row>
    <row r="70515" spans="14:14">
      <c r="N70515" s="10"/>
    </row>
    <row r="70516" spans="14:14">
      <c r="N70516" s="10"/>
    </row>
    <row r="70517" spans="14:14">
      <c r="N70517" s="10"/>
    </row>
    <row r="70518" spans="14:14">
      <c r="N70518" s="10"/>
    </row>
    <row r="70519" spans="14:14">
      <c r="N70519" s="10"/>
    </row>
    <row r="70520" spans="14:14">
      <c r="N70520" s="10"/>
    </row>
    <row r="70521" spans="14:14">
      <c r="N70521" s="10"/>
    </row>
    <row r="70522" spans="14:14">
      <c r="N70522" s="10"/>
    </row>
    <row r="70523" spans="14:14">
      <c r="N70523" s="10"/>
    </row>
    <row r="70524" spans="14:14">
      <c r="N70524" s="10"/>
    </row>
    <row r="70525" spans="14:14">
      <c r="N70525" s="10"/>
    </row>
    <row r="70526" spans="14:14">
      <c r="N70526" s="10"/>
    </row>
    <row r="70527" spans="14:14">
      <c r="N70527" s="10"/>
    </row>
    <row r="70528" spans="14:14">
      <c r="N70528" s="10"/>
    </row>
    <row r="70529" spans="14:14">
      <c r="N70529" s="10"/>
    </row>
    <row r="70530" spans="14:14">
      <c r="N70530" s="10"/>
    </row>
    <row r="70531" spans="14:14">
      <c r="N70531" s="10"/>
    </row>
    <row r="70532" spans="14:14">
      <c r="N70532" s="10"/>
    </row>
    <row r="70533" spans="14:14">
      <c r="N70533" s="10"/>
    </row>
    <row r="70534" spans="14:14">
      <c r="N70534" s="10"/>
    </row>
    <row r="70535" spans="14:14">
      <c r="N70535" s="10"/>
    </row>
    <row r="70536" spans="14:14">
      <c r="N70536" s="10"/>
    </row>
    <row r="70537" spans="14:14">
      <c r="N70537" s="10"/>
    </row>
    <row r="70538" spans="14:14">
      <c r="N70538" s="10"/>
    </row>
    <row r="70539" spans="14:14">
      <c r="N70539" s="10"/>
    </row>
    <row r="70540" spans="14:14">
      <c r="N70540" s="10"/>
    </row>
    <row r="70541" spans="14:14">
      <c r="N70541" s="10"/>
    </row>
    <row r="70542" spans="14:14">
      <c r="N70542" s="10"/>
    </row>
    <row r="70543" spans="14:14">
      <c r="N70543" s="10"/>
    </row>
    <row r="70544" spans="14:14">
      <c r="N70544" s="10"/>
    </row>
    <row r="70545" spans="14:14">
      <c r="N70545" s="10"/>
    </row>
    <row r="70546" spans="14:14">
      <c r="N70546" s="10"/>
    </row>
    <row r="70547" spans="14:14">
      <c r="N70547" s="10"/>
    </row>
    <row r="70548" spans="14:14">
      <c r="N70548" s="10"/>
    </row>
    <row r="70549" spans="14:14">
      <c r="N70549" s="10"/>
    </row>
    <row r="70550" spans="14:14">
      <c r="N70550" s="10"/>
    </row>
    <row r="70551" spans="14:14">
      <c r="N70551" s="10"/>
    </row>
    <row r="70552" spans="14:14">
      <c r="N70552" s="10"/>
    </row>
    <row r="70553" spans="14:14">
      <c r="N70553" s="10"/>
    </row>
    <row r="70554" spans="14:14">
      <c r="N70554" s="10"/>
    </row>
    <row r="70555" spans="14:14">
      <c r="N70555" s="10"/>
    </row>
    <row r="70556" spans="14:14">
      <c r="N70556" s="10"/>
    </row>
    <row r="70557" spans="14:14">
      <c r="N70557" s="10"/>
    </row>
    <row r="70558" spans="14:14">
      <c r="N70558" s="10"/>
    </row>
    <row r="70559" spans="14:14">
      <c r="N70559" s="10"/>
    </row>
    <row r="70560" spans="14:14">
      <c r="N70560" s="10"/>
    </row>
    <row r="70561" spans="14:14">
      <c r="N70561" s="10"/>
    </row>
    <row r="70562" spans="14:14">
      <c r="N70562" s="10"/>
    </row>
    <row r="70563" spans="14:14">
      <c r="N70563" s="10"/>
    </row>
    <row r="70564" spans="14:14">
      <c r="N70564" s="10"/>
    </row>
    <row r="70565" spans="14:14">
      <c r="N70565" s="10"/>
    </row>
    <row r="70566" spans="14:14">
      <c r="N70566" s="10"/>
    </row>
    <row r="70567" spans="14:14">
      <c r="N70567" s="10"/>
    </row>
    <row r="70568" spans="14:14">
      <c r="N70568" s="10"/>
    </row>
    <row r="70569" spans="14:14">
      <c r="N70569" s="10"/>
    </row>
    <row r="70570" spans="14:14">
      <c r="N70570" s="10"/>
    </row>
    <row r="70571" spans="14:14">
      <c r="N70571" s="10"/>
    </row>
    <row r="70572" spans="14:14">
      <c r="N70572" s="10"/>
    </row>
    <row r="70573" spans="14:14">
      <c r="N70573" s="10"/>
    </row>
    <row r="70574" spans="14:14">
      <c r="N70574" s="10"/>
    </row>
    <row r="70575" spans="14:14">
      <c r="N70575" s="10"/>
    </row>
    <row r="70576" spans="14:14">
      <c r="N70576" s="10"/>
    </row>
    <row r="70577" spans="14:14">
      <c r="N70577" s="10"/>
    </row>
    <row r="70578" spans="14:14">
      <c r="N70578" s="10"/>
    </row>
    <row r="70579" spans="14:14">
      <c r="N70579" s="10"/>
    </row>
    <row r="70580" spans="14:14">
      <c r="N70580" s="10"/>
    </row>
    <row r="70581" spans="14:14">
      <c r="N70581" s="10"/>
    </row>
    <row r="70582" spans="14:14">
      <c r="N70582" s="10"/>
    </row>
    <row r="70583" spans="14:14">
      <c r="N70583" s="10"/>
    </row>
    <row r="70584" spans="14:14">
      <c r="N70584" s="10"/>
    </row>
    <row r="70585" spans="14:14">
      <c r="N70585" s="10"/>
    </row>
    <row r="70586" spans="14:14">
      <c r="N70586" s="10"/>
    </row>
    <row r="70587" spans="14:14">
      <c r="N70587" s="10"/>
    </row>
    <row r="70588" spans="14:14">
      <c r="N70588" s="10"/>
    </row>
    <row r="70589" spans="14:14">
      <c r="N70589" s="10"/>
    </row>
    <row r="70590" spans="14:14">
      <c r="N70590" s="10"/>
    </row>
    <row r="70591" spans="14:14">
      <c r="N70591" s="10"/>
    </row>
    <row r="70592" spans="14:14">
      <c r="N70592" s="10"/>
    </row>
    <row r="70593" spans="14:14">
      <c r="N70593" s="10"/>
    </row>
    <row r="70594" spans="14:14">
      <c r="N70594" s="10"/>
    </row>
    <row r="70595" spans="14:14">
      <c r="N70595" s="10"/>
    </row>
    <row r="70596" spans="14:14">
      <c r="N70596" s="10"/>
    </row>
    <row r="70597" spans="14:14">
      <c r="N70597" s="10"/>
    </row>
    <row r="70598" spans="14:14">
      <c r="N70598" s="10"/>
    </row>
    <row r="70599" spans="14:14">
      <c r="N70599" s="10"/>
    </row>
    <row r="70600" spans="14:14">
      <c r="N70600" s="10"/>
    </row>
    <row r="70601" spans="14:14">
      <c r="N70601" s="10"/>
    </row>
    <row r="70602" spans="14:14">
      <c r="N70602" s="10"/>
    </row>
    <row r="70603" spans="14:14">
      <c r="N70603" s="10"/>
    </row>
    <row r="70604" spans="14:14">
      <c r="N70604" s="10"/>
    </row>
    <row r="70605" spans="14:14">
      <c r="N70605" s="10"/>
    </row>
    <row r="70606" spans="14:14">
      <c r="N70606" s="10"/>
    </row>
    <row r="70607" spans="14:14">
      <c r="N70607" s="10"/>
    </row>
    <row r="70608" spans="14:14">
      <c r="N70608" s="10"/>
    </row>
    <row r="70609" spans="14:14">
      <c r="N70609" s="10"/>
    </row>
    <row r="70610" spans="14:14">
      <c r="N70610" s="10"/>
    </row>
    <row r="70611" spans="14:14">
      <c r="N70611" s="10"/>
    </row>
    <row r="70612" spans="14:14">
      <c r="N70612" s="10"/>
    </row>
    <row r="70613" spans="14:14">
      <c r="N70613" s="10"/>
    </row>
    <row r="70614" spans="14:14">
      <c r="N70614" s="10"/>
    </row>
    <row r="70615" spans="14:14">
      <c r="N70615" s="10"/>
    </row>
    <row r="70616" spans="14:14">
      <c r="N70616" s="10"/>
    </row>
    <row r="70617" spans="14:14">
      <c r="N70617" s="10"/>
    </row>
    <row r="70618" spans="14:14">
      <c r="N70618" s="10"/>
    </row>
    <row r="70619" spans="14:14">
      <c r="N70619" s="10"/>
    </row>
    <row r="70620" spans="14:14">
      <c r="N70620" s="10"/>
    </row>
    <row r="70621" spans="14:14">
      <c r="N70621" s="10"/>
    </row>
    <row r="70622" spans="14:14">
      <c r="N70622" s="10"/>
    </row>
    <row r="70623" spans="14:14">
      <c r="N70623" s="10"/>
    </row>
    <row r="70624" spans="14:14">
      <c r="N70624" s="10"/>
    </row>
    <row r="70625" spans="14:14">
      <c r="N70625" s="10"/>
    </row>
    <row r="70626" spans="14:14">
      <c r="N70626" s="10"/>
    </row>
    <row r="70627" spans="14:14">
      <c r="N70627" s="10"/>
    </row>
    <row r="70628" spans="14:14">
      <c r="N70628" s="10"/>
    </row>
    <row r="70629" spans="14:14">
      <c r="N70629" s="10"/>
    </row>
    <row r="70630" spans="14:14">
      <c r="N70630" s="10"/>
    </row>
    <row r="70631" spans="14:14">
      <c r="N70631" s="10"/>
    </row>
    <row r="70632" spans="14:14">
      <c r="N70632" s="10"/>
    </row>
    <row r="70633" spans="14:14">
      <c r="N70633" s="10"/>
    </row>
    <row r="70634" spans="14:14">
      <c r="N70634" s="10"/>
    </row>
    <row r="70635" spans="14:14">
      <c r="N70635" s="10"/>
    </row>
    <row r="70636" spans="14:14">
      <c r="N70636" s="10"/>
    </row>
    <row r="70637" spans="14:14">
      <c r="N70637" s="10"/>
    </row>
    <row r="70638" spans="14:14">
      <c r="N70638" s="10"/>
    </row>
    <row r="70639" spans="14:14">
      <c r="N70639" s="10"/>
    </row>
    <row r="70640" spans="14:14">
      <c r="N70640" s="10"/>
    </row>
    <row r="70641" spans="14:14">
      <c r="N70641" s="10"/>
    </row>
    <row r="70642" spans="14:14">
      <c r="N70642" s="10"/>
    </row>
    <row r="70643" spans="14:14">
      <c r="N70643" s="10"/>
    </row>
    <row r="70644" spans="14:14">
      <c r="N70644" s="10"/>
    </row>
    <row r="70645" spans="14:14">
      <c r="N70645" s="10"/>
    </row>
    <row r="70646" spans="14:14">
      <c r="N70646" s="10"/>
    </row>
    <row r="70647" spans="14:14">
      <c r="N70647" s="10"/>
    </row>
    <row r="70648" spans="14:14">
      <c r="N70648" s="10"/>
    </row>
    <row r="70649" spans="14:14">
      <c r="N70649" s="10"/>
    </row>
    <row r="70650" spans="14:14">
      <c r="N70650" s="10"/>
    </row>
    <row r="70651" spans="14:14">
      <c r="N70651" s="10"/>
    </row>
    <row r="70652" spans="14:14">
      <c r="N70652" s="10"/>
    </row>
    <row r="70653" spans="14:14">
      <c r="N70653" s="10"/>
    </row>
    <row r="70654" spans="14:14">
      <c r="N70654" s="10"/>
    </row>
    <row r="70655" spans="14:14">
      <c r="N70655" s="10"/>
    </row>
    <row r="70656" spans="14:14">
      <c r="N70656" s="10"/>
    </row>
    <row r="70657" spans="14:14">
      <c r="N70657" s="10"/>
    </row>
    <row r="70658" spans="14:14">
      <c r="N70658" s="10"/>
    </row>
    <row r="70659" spans="14:14">
      <c r="N70659" s="10"/>
    </row>
    <row r="70660" spans="14:14">
      <c r="N70660" s="10"/>
    </row>
    <row r="70661" spans="14:14">
      <c r="N70661" s="10"/>
    </row>
    <row r="70662" spans="14:14">
      <c r="N70662" s="10"/>
    </row>
    <row r="70663" spans="14:14">
      <c r="N70663" s="10"/>
    </row>
    <row r="70664" spans="14:14">
      <c r="N70664" s="10"/>
    </row>
    <row r="70665" spans="14:14">
      <c r="N70665" s="10"/>
    </row>
    <row r="70666" spans="14:14">
      <c r="N70666" s="10"/>
    </row>
    <row r="70667" spans="14:14">
      <c r="N70667" s="10"/>
    </row>
    <row r="70668" spans="14:14">
      <c r="N70668" s="10"/>
    </row>
    <row r="70669" spans="14:14">
      <c r="N70669" s="10"/>
    </row>
    <row r="70670" spans="14:14">
      <c r="N70670" s="10"/>
    </row>
    <row r="70671" spans="14:14">
      <c r="N70671" s="10"/>
    </row>
    <row r="70672" spans="14:14">
      <c r="N70672" s="10"/>
    </row>
    <row r="70673" spans="14:14">
      <c r="N70673" s="10"/>
    </row>
    <row r="70674" spans="14:14">
      <c r="N70674" s="10"/>
    </row>
    <row r="70675" spans="14:14">
      <c r="N70675" s="10"/>
    </row>
    <row r="70676" spans="14:14">
      <c r="N70676" s="10"/>
    </row>
    <row r="70677" spans="14:14">
      <c r="N70677" s="10"/>
    </row>
    <row r="70678" spans="14:14">
      <c r="N70678" s="10"/>
    </row>
    <row r="70679" spans="14:14">
      <c r="N70679" s="10"/>
    </row>
    <row r="70680" spans="14:14">
      <c r="N70680" s="10"/>
    </row>
    <row r="70681" spans="14:14">
      <c r="N70681" s="10"/>
    </row>
    <row r="70682" spans="14:14">
      <c r="N70682" s="10"/>
    </row>
    <row r="70683" spans="14:14">
      <c r="N70683" s="10"/>
    </row>
    <row r="70684" spans="14:14">
      <c r="N70684" s="10"/>
    </row>
    <row r="70685" spans="14:14">
      <c r="N70685" s="10"/>
    </row>
    <row r="70686" spans="14:14">
      <c r="N70686" s="10"/>
    </row>
    <row r="70687" spans="14:14">
      <c r="N70687" s="10"/>
    </row>
    <row r="70688" spans="14:14">
      <c r="N70688" s="10"/>
    </row>
    <row r="70689" spans="14:14">
      <c r="N70689" s="10"/>
    </row>
    <row r="70690" spans="14:14">
      <c r="N70690" s="10"/>
    </row>
    <row r="70691" spans="14:14">
      <c r="N70691" s="10"/>
    </row>
    <row r="70692" spans="14:14">
      <c r="N70692" s="10"/>
    </row>
    <row r="70693" spans="14:14">
      <c r="N70693" s="10"/>
    </row>
    <row r="70694" spans="14:14">
      <c r="N70694" s="10"/>
    </row>
    <row r="70695" spans="14:14">
      <c r="N70695" s="10"/>
    </row>
    <row r="70696" spans="14:14">
      <c r="N70696" s="10"/>
    </row>
    <row r="70697" spans="14:14">
      <c r="N70697" s="10"/>
    </row>
    <row r="70698" spans="14:14">
      <c r="N70698" s="10"/>
    </row>
    <row r="70699" spans="14:14">
      <c r="N70699" s="10"/>
    </row>
    <row r="70700" spans="14:14">
      <c r="N70700" s="10"/>
    </row>
    <row r="70701" spans="14:14">
      <c r="N70701" s="10"/>
    </row>
    <row r="70702" spans="14:14">
      <c r="N70702" s="10"/>
    </row>
    <row r="70703" spans="14:14">
      <c r="N70703" s="10"/>
    </row>
    <row r="70704" spans="14:14">
      <c r="N70704" s="10"/>
    </row>
    <row r="70705" spans="14:14">
      <c r="N70705" s="10"/>
    </row>
    <row r="70706" spans="14:14">
      <c r="N70706" s="10"/>
    </row>
    <row r="70707" spans="14:14">
      <c r="N70707" s="10"/>
    </row>
    <row r="70708" spans="14:14">
      <c r="N70708" s="10"/>
    </row>
    <row r="70709" spans="14:14">
      <c r="N70709" s="10"/>
    </row>
    <row r="70710" spans="14:14">
      <c r="N70710" s="10"/>
    </row>
    <row r="70711" spans="14:14">
      <c r="N70711" s="10"/>
    </row>
    <row r="70712" spans="14:14">
      <c r="N70712" s="10"/>
    </row>
    <row r="70713" spans="14:14">
      <c r="N70713" s="10"/>
    </row>
    <row r="70714" spans="14:14">
      <c r="N70714" s="10"/>
    </row>
    <row r="70715" spans="14:14">
      <c r="N70715" s="10"/>
    </row>
    <row r="70716" spans="14:14">
      <c r="N70716" s="10"/>
    </row>
    <row r="70717" spans="14:14">
      <c r="N70717" s="10"/>
    </row>
    <row r="70718" spans="14:14">
      <c r="N70718" s="10"/>
    </row>
    <row r="70719" spans="14:14">
      <c r="N70719" s="10"/>
    </row>
    <row r="70720" spans="14:14">
      <c r="N70720" s="10"/>
    </row>
    <row r="70721" spans="14:14">
      <c r="N70721" s="10"/>
    </row>
    <row r="70722" spans="14:14">
      <c r="N70722" s="10"/>
    </row>
    <row r="70723" spans="14:14">
      <c r="N70723" s="10"/>
    </row>
    <row r="70724" spans="14:14">
      <c r="N70724" s="10"/>
    </row>
    <row r="70725" spans="14:14">
      <c r="N70725" s="10"/>
    </row>
    <row r="70726" spans="14:14">
      <c r="N70726" s="10"/>
    </row>
    <row r="70727" spans="14:14">
      <c r="N70727" s="10"/>
    </row>
    <row r="70728" spans="14:14">
      <c r="N70728" s="10"/>
    </row>
    <row r="70729" spans="14:14">
      <c r="N70729" s="10"/>
    </row>
    <row r="70730" spans="14:14">
      <c r="N70730" s="10"/>
    </row>
    <row r="70731" spans="14:14">
      <c r="N70731" s="10"/>
    </row>
    <row r="70732" spans="14:14">
      <c r="N70732" s="10"/>
    </row>
    <row r="70733" spans="14:14">
      <c r="N70733" s="10"/>
    </row>
    <row r="70734" spans="14:14">
      <c r="N70734" s="10"/>
    </row>
    <row r="70735" spans="14:14">
      <c r="N70735" s="10"/>
    </row>
    <row r="70736" spans="14:14">
      <c r="N70736" s="10"/>
    </row>
    <row r="70737" spans="14:14">
      <c r="N70737" s="10"/>
    </row>
    <row r="70738" spans="14:14">
      <c r="N70738" s="10"/>
    </row>
    <row r="70739" spans="14:14">
      <c r="N70739" s="10"/>
    </row>
    <row r="70740" spans="14:14">
      <c r="N70740" s="10"/>
    </row>
    <row r="70741" spans="14:14">
      <c r="N70741" s="10"/>
    </row>
    <row r="70742" spans="14:14">
      <c r="N70742" s="10"/>
    </row>
    <row r="70743" spans="14:14">
      <c r="N70743" s="10"/>
    </row>
    <row r="70744" spans="14:14">
      <c r="N70744" s="10"/>
    </row>
    <row r="70745" spans="14:14">
      <c r="N70745" s="10"/>
    </row>
    <row r="70746" spans="14:14">
      <c r="N70746" s="10"/>
    </row>
    <row r="70747" spans="14:14">
      <c r="N70747" s="10"/>
    </row>
    <row r="70748" spans="14:14">
      <c r="N70748" s="10"/>
    </row>
    <row r="70749" spans="14:14">
      <c r="N70749" s="10"/>
    </row>
    <row r="70750" spans="14:14">
      <c r="N70750" s="10"/>
    </row>
    <row r="70751" spans="14:14">
      <c r="N70751" s="10"/>
    </row>
    <row r="70752" spans="14:14">
      <c r="N70752" s="10"/>
    </row>
    <row r="70753" spans="14:14">
      <c r="N70753" s="10"/>
    </row>
    <row r="70754" spans="14:14">
      <c r="N70754" s="10"/>
    </row>
    <row r="70755" spans="14:14">
      <c r="N70755" s="10"/>
    </row>
    <row r="70756" spans="14:14">
      <c r="N70756" s="10"/>
    </row>
    <row r="70757" spans="14:14">
      <c r="N70757" s="10"/>
    </row>
    <row r="70758" spans="14:14">
      <c r="N70758" s="10"/>
    </row>
    <row r="70759" spans="14:14">
      <c r="N70759" s="10"/>
    </row>
    <row r="70760" spans="14:14">
      <c r="N70760" s="10"/>
    </row>
    <row r="70761" spans="14:14">
      <c r="N70761" s="10"/>
    </row>
    <row r="70762" spans="14:14">
      <c r="N70762" s="10"/>
    </row>
    <row r="70763" spans="14:14">
      <c r="N70763" s="10"/>
    </row>
    <row r="70764" spans="14:14">
      <c r="N70764" s="10"/>
    </row>
    <row r="70765" spans="14:14">
      <c r="N70765" s="10"/>
    </row>
    <row r="70766" spans="14:14">
      <c r="N70766" s="10"/>
    </row>
    <row r="70767" spans="14:14">
      <c r="N70767" s="10"/>
    </row>
    <row r="70768" spans="14:14">
      <c r="N70768" s="10"/>
    </row>
    <row r="70769" spans="14:14">
      <c r="N70769" s="10"/>
    </row>
    <row r="70770" spans="14:14">
      <c r="N70770" s="10"/>
    </row>
    <row r="70771" spans="14:14">
      <c r="N70771" s="10"/>
    </row>
    <row r="70772" spans="14:14">
      <c r="N70772" s="10"/>
    </row>
    <row r="70773" spans="14:14">
      <c r="N70773" s="10"/>
    </row>
    <row r="70774" spans="14:14">
      <c r="N70774" s="10"/>
    </row>
    <row r="70775" spans="14:14">
      <c r="N70775" s="10"/>
    </row>
    <row r="70776" spans="14:14">
      <c r="N70776" s="10"/>
    </row>
    <row r="70777" spans="14:14">
      <c r="N70777" s="10"/>
    </row>
    <row r="70778" spans="14:14">
      <c r="N70778" s="10"/>
    </row>
    <row r="70779" spans="14:14">
      <c r="N70779" s="10"/>
    </row>
    <row r="70780" spans="14:14">
      <c r="N70780" s="10"/>
    </row>
    <row r="70781" spans="14:14">
      <c r="N70781" s="10"/>
    </row>
    <row r="70782" spans="14:14">
      <c r="N70782" s="10"/>
    </row>
    <row r="70783" spans="14:14">
      <c r="N70783" s="10"/>
    </row>
    <row r="70784" spans="14:14">
      <c r="N70784" s="10"/>
    </row>
    <row r="70785" spans="14:14">
      <c r="N70785" s="10"/>
    </row>
    <row r="70786" spans="14:14">
      <c r="N70786" s="10"/>
    </row>
    <row r="70787" spans="14:14">
      <c r="N70787" s="10"/>
    </row>
    <row r="70788" spans="14:14">
      <c r="N70788" s="10"/>
    </row>
    <row r="70789" spans="14:14">
      <c r="N70789" s="10"/>
    </row>
    <row r="70790" spans="14:14">
      <c r="N70790" s="10"/>
    </row>
    <row r="70791" spans="14:14">
      <c r="N70791" s="10"/>
    </row>
    <row r="70792" spans="14:14">
      <c r="N70792" s="10"/>
    </row>
    <row r="70793" spans="14:14">
      <c r="N70793" s="10"/>
    </row>
    <row r="70794" spans="14:14">
      <c r="N70794" s="10"/>
    </row>
    <row r="70795" spans="14:14">
      <c r="N70795" s="10"/>
    </row>
    <row r="70796" spans="14:14">
      <c r="N70796" s="10"/>
    </row>
    <row r="70797" spans="14:14">
      <c r="N70797" s="10"/>
    </row>
    <row r="70798" spans="14:14">
      <c r="N70798" s="10"/>
    </row>
    <row r="70799" spans="14:14">
      <c r="N70799" s="10"/>
    </row>
    <row r="70800" spans="14:14">
      <c r="N70800" s="10"/>
    </row>
    <row r="70801" spans="14:14">
      <c r="N70801" s="10"/>
    </row>
    <row r="70802" spans="14:14">
      <c r="N70802" s="10"/>
    </row>
    <row r="70803" spans="14:14">
      <c r="N70803" s="10"/>
    </row>
    <row r="70804" spans="14:14">
      <c r="N70804" s="10"/>
    </row>
    <row r="70805" spans="14:14">
      <c r="N70805" s="10"/>
    </row>
    <row r="70806" spans="14:14">
      <c r="N70806" s="10"/>
    </row>
    <row r="70807" spans="14:14">
      <c r="N70807" s="10"/>
    </row>
    <row r="70808" spans="14:14">
      <c r="N70808" s="10"/>
    </row>
    <row r="70809" spans="14:14">
      <c r="N70809" s="10"/>
    </row>
    <row r="70810" spans="14:14">
      <c r="N70810" s="10"/>
    </row>
    <row r="70811" spans="14:14">
      <c r="N70811" s="10"/>
    </row>
    <row r="70812" spans="14:14">
      <c r="N70812" s="10"/>
    </row>
    <row r="70813" spans="14:14">
      <c r="N70813" s="10"/>
    </row>
    <row r="70814" spans="14:14">
      <c r="N70814" s="10"/>
    </row>
    <row r="70815" spans="14:14">
      <c r="N70815" s="10"/>
    </row>
    <row r="70816" spans="14:14">
      <c r="N70816" s="10"/>
    </row>
    <row r="70817" spans="14:14">
      <c r="N70817" s="10"/>
    </row>
    <row r="70818" spans="14:14">
      <c r="N70818" s="10"/>
    </row>
    <row r="70819" spans="14:14">
      <c r="N70819" s="10"/>
    </row>
    <row r="70820" spans="14:14">
      <c r="N70820" s="10"/>
    </row>
    <row r="70821" spans="14:14">
      <c r="N70821" s="10"/>
    </row>
    <row r="70822" spans="14:14">
      <c r="N70822" s="10"/>
    </row>
    <row r="70823" spans="14:14">
      <c r="N70823" s="10"/>
    </row>
    <row r="70824" spans="14:14">
      <c r="N70824" s="10"/>
    </row>
    <row r="70825" spans="14:14">
      <c r="N70825" s="10"/>
    </row>
    <row r="70826" spans="14:14">
      <c r="N70826" s="10"/>
    </row>
    <row r="70827" spans="14:14">
      <c r="N70827" s="10"/>
    </row>
    <row r="70828" spans="14:14">
      <c r="N70828" s="10"/>
    </row>
    <row r="70829" spans="14:14">
      <c r="N70829" s="10"/>
    </row>
    <row r="70830" spans="14:14">
      <c r="N70830" s="10"/>
    </row>
    <row r="70831" spans="14:14">
      <c r="N70831" s="10"/>
    </row>
    <row r="70832" spans="14:14">
      <c r="N70832" s="10"/>
    </row>
    <row r="70833" spans="14:14">
      <c r="N70833" s="10"/>
    </row>
    <row r="70834" spans="14:14">
      <c r="N70834" s="10"/>
    </row>
    <row r="70835" spans="14:14">
      <c r="N70835" s="10"/>
    </row>
    <row r="70836" spans="14:14">
      <c r="N70836" s="10"/>
    </row>
    <row r="70837" spans="14:14">
      <c r="N70837" s="10"/>
    </row>
    <row r="70838" spans="14:14">
      <c r="N70838" s="10"/>
    </row>
    <row r="70839" spans="14:14">
      <c r="N70839" s="10"/>
    </row>
    <row r="70840" spans="14:14">
      <c r="N70840" s="10"/>
    </row>
    <row r="70841" spans="14:14">
      <c r="N70841" s="10"/>
    </row>
    <row r="70842" spans="14:14">
      <c r="N70842" s="10"/>
    </row>
    <row r="70843" spans="14:14">
      <c r="N70843" s="10"/>
    </row>
    <row r="70844" spans="14:14">
      <c r="N70844" s="10"/>
    </row>
    <row r="70845" spans="14:14">
      <c r="N70845" s="10"/>
    </row>
    <row r="70846" spans="14:14">
      <c r="N70846" s="10"/>
    </row>
    <row r="70847" spans="14:14">
      <c r="N70847" s="10"/>
    </row>
    <row r="70848" spans="14:14">
      <c r="N70848" s="10"/>
    </row>
    <row r="70849" spans="14:14">
      <c r="N70849" s="10"/>
    </row>
    <row r="70850" spans="14:14">
      <c r="N70850" s="10"/>
    </row>
    <row r="70851" spans="14:14">
      <c r="N70851" s="10"/>
    </row>
    <row r="70852" spans="14:14">
      <c r="N70852" s="10"/>
    </row>
    <row r="70853" spans="14:14">
      <c r="N70853" s="10"/>
    </row>
    <row r="70854" spans="14:14">
      <c r="N70854" s="10"/>
    </row>
    <row r="70855" spans="14:14">
      <c r="N70855" s="10"/>
    </row>
    <row r="70856" spans="14:14">
      <c r="N70856" s="10"/>
    </row>
    <row r="70857" spans="14:14">
      <c r="N70857" s="10"/>
    </row>
    <row r="70858" spans="14:14">
      <c r="N70858" s="10"/>
    </row>
    <row r="70859" spans="14:14">
      <c r="N70859" s="10"/>
    </row>
    <row r="70860" spans="14:14">
      <c r="N70860" s="10"/>
    </row>
    <row r="70861" spans="14:14">
      <c r="N70861" s="10"/>
    </row>
    <row r="70862" spans="14:14">
      <c r="N70862" s="10"/>
    </row>
    <row r="70863" spans="14:14">
      <c r="N70863" s="10"/>
    </row>
    <row r="70864" spans="14:14">
      <c r="N70864" s="10"/>
    </row>
    <row r="70865" spans="14:14">
      <c r="N70865" s="10"/>
    </row>
    <row r="70866" spans="14:14">
      <c r="N70866" s="10"/>
    </row>
    <row r="70867" spans="14:14">
      <c r="N70867" s="10"/>
    </row>
    <row r="70868" spans="14:14">
      <c r="N70868" s="10"/>
    </row>
    <row r="70869" spans="14:14">
      <c r="N70869" s="10"/>
    </row>
    <row r="70870" spans="14:14">
      <c r="N70870" s="10"/>
    </row>
    <row r="70871" spans="14:14">
      <c r="N70871" s="10"/>
    </row>
    <row r="70872" spans="14:14">
      <c r="N70872" s="10"/>
    </row>
    <row r="70873" spans="14:14">
      <c r="N70873" s="10"/>
    </row>
    <row r="70874" spans="14:14">
      <c r="N70874" s="10"/>
    </row>
    <row r="70875" spans="14:14">
      <c r="N70875" s="10"/>
    </row>
    <row r="70876" spans="14:14">
      <c r="N70876" s="10"/>
    </row>
    <row r="70877" spans="14:14">
      <c r="N70877" s="10"/>
    </row>
    <row r="70878" spans="14:14">
      <c r="N70878" s="10"/>
    </row>
    <row r="70879" spans="14:14">
      <c r="N70879" s="10"/>
    </row>
    <row r="70880" spans="14:14">
      <c r="N70880" s="10"/>
    </row>
    <row r="70881" spans="14:14">
      <c r="N70881" s="10"/>
    </row>
    <row r="70882" spans="14:14">
      <c r="N70882" s="10"/>
    </row>
    <row r="70883" spans="14:14">
      <c r="N70883" s="10"/>
    </row>
    <row r="70884" spans="14:14">
      <c r="N70884" s="10"/>
    </row>
    <row r="70885" spans="14:14">
      <c r="N70885" s="10"/>
    </row>
    <row r="70886" spans="14:14">
      <c r="N70886" s="10"/>
    </row>
    <row r="70887" spans="14:14">
      <c r="N70887" s="10"/>
    </row>
    <row r="70888" spans="14:14">
      <c r="N70888" s="10"/>
    </row>
    <row r="70889" spans="14:14">
      <c r="N70889" s="10"/>
    </row>
    <row r="70890" spans="14:14">
      <c r="N70890" s="10"/>
    </row>
    <row r="70891" spans="14:14">
      <c r="N70891" s="10"/>
    </row>
    <row r="70892" spans="14:14">
      <c r="N70892" s="10"/>
    </row>
    <row r="70893" spans="14:14">
      <c r="N70893" s="10"/>
    </row>
    <row r="70894" spans="14:14">
      <c r="N70894" s="10"/>
    </row>
    <row r="70895" spans="14:14">
      <c r="N70895" s="10"/>
    </row>
    <row r="70896" spans="14:14">
      <c r="N70896" s="10"/>
    </row>
    <row r="70897" spans="14:14">
      <c r="N70897" s="10"/>
    </row>
    <row r="70898" spans="14:14">
      <c r="N70898" s="10"/>
    </row>
    <row r="70899" spans="14:14">
      <c r="N70899" s="10"/>
    </row>
    <row r="70900" spans="14:14">
      <c r="N70900" s="10"/>
    </row>
    <row r="70901" spans="14:14">
      <c r="N70901" s="10"/>
    </row>
    <row r="70902" spans="14:14">
      <c r="N70902" s="10"/>
    </row>
    <row r="70903" spans="14:14">
      <c r="N70903" s="10"/>
    </row>
    <row r="70904" spans="14:14">
      <c r="N70904" s="10"/>
    </row>
    <row r="70905" spans="14:14">
      <c r="N70905" s="10"/>
    </row>
    <row r="70906" spans="14:14">
      <c r="N70906" s="10"/>
    </row>
    <row r="70907" spans="14:14">
      <c r="N70907" s="10"/>
    </row>
    <row r="70908" spans="14:14">
      <c r="N70908" s="10"/>
    </row>
    <row r="70909" spans="14:14">
      <c r="N70909" s="10"/>
    </row>
    <row r="70910" spans="14:14">
      <c r="N70910" s="10"/>
    </row>
    <row r="70911" spans="14:14">
      <c r="N70911" s="10"/>
    </row>
    <row r="70912" spans="14:14">
      <c r="N70912" s="10"/>
    </row>
    <row r="70913" spans="14:14">
      <c r="N70913" s="10"/>
    </row>
    <row r="70914" spans="14:14">
      <c r="N70914" s="10"/>
    </row>
    <row r="70915" spans="14:14">
      <c r="N70915" s="10"/>
    </row>
    <row r="70916" spans="14:14">
      <c r="N70916" s="10"/>
    </row>
    <row r="70917" spans="14:14">
      <c r="N70917" s="10"/>
    </row>
    <row r="70918" spans="14:14">
      <c r="N70918" s="10"/>
    </row>
    <row r="70919" spans="14:14">
      <c r="N70919" s="10"/>
    </row>
    <row r="70920" spans="14:14">
      <c r="N70920" s="10"/>
    </row>
    <row r="70921" spans="14:14">
      <c r="N70921" s="10"/>
    </row>
    <row r="70922" spans="14:14">
      <c r="N70922" s="10"/>
    </row>
    <row r="70923" spans="14:14">
      <c r="N70923" s="10"/>
    </row>
    <row r="70924" spans="14:14">
      <c r="N70924" s="10"/>
    </row>
    <row r="70925" spans="14:14">
      <c r="N70925" s="10"/>
    </row>
    <row r="70926" spans="14:14">
      <c r="N70926" s="10"/>
    </row>
    <row r="70927" spans="14:14">
      <c r="N70927" s="10"/>
    </row>
    <row r="70928" spans="14:14">
      <c r="N70928" s="10"/>
    </row>
    <row r="70929" spans="14:14">
      <c r="N70929" s="10"/>
    </row>
    <row r="70930" spans="14:14">
      <c r="N70930" s="10"/>
    </row>
    <row r="70931" spans="14:14">
      <c r="N70931" s="10"/>
    </row>
    <row r="70932" spans="14:14">
      <c r="N70932" s="10"/>
    </row>
    <row r="70933" spans="14:14">
      <c r="N70933" s="10"/>
    </row>
    <row r="70934" spans="14:14">
      <c r="N70934" s="10"/>
    </row>
    <row r="70935" spans="14:14">
      <c r="N70935" s="10"/>
    </row>
    <row r="70936" spans="14:14">
      <c r="N70936" s="10"/>
    </row>
    <row r="70937" spans="14:14">
      <c r="N70937" s="10"/>
    </row>
    <row r="70938" spans="14:14">
      <c r="N70938" s="10"/>
    </row>
    <row r="70939" spans="14:14">
      <c r="N70939" s="10"/>
    </row>
    <row r="70940" spans="14:14">
      <c r="N70940" s="10"/>
    </row>
    <row r="70941" spans="14:14">
      <c r="N70941" s="10"/>
    </row>
    <row r="70942" spans="14:14">
      <c r="N70942" s="10"/>
    </row>
    <row r="70943" spans="14:14">
      <c r="N70943" s="10"/>
    </row>
    <row r="70944" spans="14:14">
      <c r="N70944" s="10"/>
    </row>
    <row r="70945" spans="14:14">
      <c r="N70945" s="10"/>
    </row>
    <row r="70946" spans="14:14">
      <c r="N70946" s="10"/>
    </row>
    <row r="70947" spans="14:14">
      <c r="N70947" s="10"/>
    </row>
    <row r="70948" spans="14:14">
      <c r="N70948" s="10"/>
    </row>
    <row r="70949" spans="14:14">
      <c r="N70949" s="10"/>
    </row>
    <row r="70950" spans="14:14">
      <c r="N70950" s="10"/>
    </row>
    <row r="70951" spans="14:14">
      <c r="N70951" s="10"/>
    </row>
    <row r="70952" spans="14:14">
      <c r="N70952" s="10"/>
    </row>
    <row r="70953" spans="14:14">
      <c r="N70953" s="10"/>
    </row>
    <row r="70954" spans="14:14">
      <c r="N70954" s="10"/>
    </row>
    <row r="70955" spans="14:14">
      <c r="N70955" s="10"/>
    </row>
    <row r="70956" spans="14:14">
      <c r="N70956" s="10"/>
    </row>
    <row r="70957" spans="14:14">
      <c r="N70957" s="10"/>
    </row>
    <row r="70958" spans="14:14">
      <c r="N70958" s="10"/>
    </row>
    <row r="70959" spans="14:14">
      <c r="N70959" s="10"/>
    </row>
    <row r="70960" spans="14:14">
      <c r="N70960" s="10"/>
    </row>
    <row r="70961" spans="14:14">
      <c r="N70961" s="10"/>
    </row>
    <row r="70962" spans="14:14">
      <c r="N70962" s="10"/>
    </row>
    <row r="70963" spans="14:14">
      <c r="N70963" s="10"/>
    </row>
    <row r="70964" spans="14:14">
      <c r="N70964" s="10"/>
    </row>
    <row r="70965" spans="14:14">
      <c r="N70965" s="10"/>
    </row>
    <row r="70966" spans="14:14">
      <c r="N70966" s="10"/>
    </row>
    <row r="70967" spans="14:14">
      <c r="N70967" s="10"/>
    </row>
    <row r="70968" spans="14:14">
      <c r="N70968" s="10"/>
    </row>
    <row r="70969" spans="14:14">
      <c r="N70969" s="10"/>
    </row>
    <row r="70970" spans="14:14">
      <c r="N70970" s="10"/>
    </row>
    <row r="70971" spans="14:14">
      <c r="N70971" s="10"/>
    </row>
    <row r="70972" spans="14:14">
      <c r="N70972" s="10"/>
    </row>
    <row r="70973" spans="14:14">
      <c r="N70973" s="10"/>
    </row>
    <row r="70974" spans="14:14">
      <c r="N70974" s="10"/>
    </row>
    <row r="70975" spans="14:14">
      <c r="N70975" s="10"/>
    </row>
    <row r="70976" spans="14:14">
      <c r="N70976" s="10"/>
    </row>
    <row r="70977" spans="14:14">
      <c r="N70977" s="10"/>
    </row>
    <row r="70978" spans="14:14">
      <c r="N70978" s="10"/>
    </row>
    <row r="70979" spans="14:14">
      <c r="N70979" s="10"/>
    </row>
    <row r="70980" spans="14:14">
      <c r="N70980" s="10"/>
    </row>
    <row r="70981" spans="14:14">
      <c r="N70981" s="10"/>
    </row>
    <row r="70982" spans="14:14">
      <c r="N70982" s="10"/>
    </row>
    <row r="70983" spans="14:14">
      <c r="N70983" s="10"/>
    </row>
    <row r="70984" spans="14:14">
      <c r="N70984" s="10"/>
    </row>
    <row r="70985" spans="14:14">
      <c r="N70985" s="10"/>
    </row>
    <row r="70986" spans="14:14">
      <c r="N70986" s="10"/>
    </row>
    <row r="70987" spans="14:14">
      <c r="N70987" s="10"/>
    </row>
    <row r="70988" spans="14:14">
      <c r="N70988" s="10"/>
    </row>
    <row r="70989" spans="14:14">
      <c r="N70989" s="10"/>
    </row>
    <row r="70990" spans="14:14">
      <c r="N70990" s="10"/>
    </row>
    <row r="70991" spans="14:14">
      <c r="N70991" s="10"/>
    </row>
    <row r="70992" spans="14:14">
      <c r="N70992" s="10"/>
    </row>
    <row r="70993" spans="14:14">
      <c r="N70993" s="10"/>
    </row>
    <row r="70994" spans="14:14">
      <c r="N70994" s="10"/>
    </row>
    <row r="70995" spans="14:14">
      <c r="N70995" s="10"/>
    </row>
    <row r="70996" spans="14:14">
      <c r="N70996" s="10"/>
    </row>
    <row r="70997" spans="14:14">
      <c r="N70997" s="10"/>
    </row>
    <row r="70998" spans="14:14">
      <c r="N70998" s="10"/>
    </row>
    <row r="70999" spans="14:14">
      <c r="N70999" s="10"/>
    </row>
    <row r="71000" spans="14:14">
      <c r="N71000" s="10"/>
    </row>
    <row r="71001" spans="14:14">
      <c r="N71001" s="10"/>
    </row>
    <row r="71002" spans="14:14">
      <c r="N71002" s="10"/>
    </row>
    <row r="71003" spans="14:14">
      <c r="N71003" s="10"/>
    </row>
    <row r="71004" spans="14:14">
      <c r="N71004" s="10"/>
    </row>
    <row r="71005" spans="14:14">
      <c r="N71005" s="10"/>
    </row>
    <row r="71006" spans="14:14">
      <c r="N71006" s="10"/>
    </row>
    <row r="71007" spans="14:14">
      <c r="N71007" s="10"/>
    </row>
    <row r="71008" spans="14:14">
      <c r="N71008" s="10"/>
    </row>
    <row r="71009" spans="14:14">
      <c r="N71009" s="10"/>
    </row>
    <row r="71010" spans="14:14">
      <c r="N71010" s="10"/>
    </row>
    <row r="71011" spans="14:14">
      <c r="N71011" s="10"/>
    </row>
    <row r="71012" spans="14:14">
      <c r="N71012" s="10"/>
    </row>
    <row r="71013" spans="14:14">
      <c r="N71013" s="10"/>
    </row>
    <row r="71014" spans="14:14">
      <c r="N71014" s="10"/>
    </row>
    <row r="71015" spans="14:14">
      <c r="N71015" s="10"/>
    </row>
    <row r="71016" spans="14:14">
      <c r="N71016" s="10"/>
    </row>
    <row r="71017" spans="14:14">
      <c r="N71017" s="10"/>
    </row>
    <row r="71018" spans="14:14">
      <c r="N71018" s="10"/>
    </row>
    <row r="71019" spans="14:14">
      <c r="N71019" s="10"/>
    </row>
    <row r="71020" spans="14:14">
      <c r="N71020" s="10"/>
    </row>
    <row r="71021" spans="14:14">
      <c r="N71021" s="10"/>
    </row>
    <row r="71022" spans="14:14">
      <c r="N71022" s="10"/>
    </row>
    <row r="71023" spans="14:14">
      <c r="N71023" s="10"/>
    </row>
    <row r="71024" spans="14:14">
      <c r="N71024" s="10"/>
    </row>
    <row r="71025" spans="14:14">
      <c r="N71025" s="10"/>
    </row>
    <row r="71026" spans="14:14">
      <c r="N71026" s="10"/>
    </row>
    <row r="71027" spans="14:14">
      <c r="N71027" s="10"/>
    </row>
    <row r="71028" spans="14:14">
      <c r="N71028" s="10"/>
    </row>
    <row r="71029" spans="14:14">
      <c r="N71029" s="10"/>
    </row>
    <row r="71030" spans="14:14">
      <c r="N71030" s="10"/>
    </row>
    <row r="71031" spans="14:14">
      <c r="N71031" s="10"/>
    </row>
    <row r="71032" spans="14:14">
      <c r="N71032" s="10"/>
    </row>
    <row r="71033" spans="14:14">
      <c r="N71033" s="10"/>
    </row>
    <row r="71034" spans="14:14">
      <c r="N71034" s="10"/>
    </row>
    <row r="71035" spans="14:14">
      <c r="N71035" s="10"/>
    </row>
    <row r="71036" spans="14:14">
      <c r="N71036" s="10"/>
    </row>
    <row r="71037" spans="14:14">
      <c r="N71037" s="10"/>
    </row>
    <row r="71038" spans="14:14">
      <c r="N71038" s="10"/>
    </row>
    <row r="71039" spans="14:14">
      <c r="N71039" s="10"/>
    </row>
    <row r="71040" spans="14:14">
      <c r="N71040" s="10"/>
    </row>
    <row r="71041" spans="14:14">
      <c r="N71041" s="10"/>
    </row>
    <row r="71042" spans="14:14">
      <c r="N71042" s="10"/>
    </row>
    <row r="71043" spans="14:14">
      <c r="N71043" s="10"/>
    </row>
    <row r="71044" spans="14:14">
      <c r="N71044" s="10"/>
    </row>
    <row r="71045" spans="14:14">
      <c r="N71045" s="10"/>
    </row>
    <row r="71046" spans="14:14">
      <c r="N71046" s="10"/>
    </row>
    <row r="71047" spans="14:14">
      <c r="N71047" s="10"/>
    </row>
    <row r="71048" spans="14:14">
      <c r="N71048" s="10"/>
    </row>
    <row r="71049" spans="14:14">
      <c r="N71049" s="10"/>
    </row>
    <row r="71050" spans="14:14">
      <c r="N71050" s="10"/>
    </row>
    <row r="71051" spans="14:14">
      <c r="N71051" s="10"/>
    </row>
    <row r="71052" spans="14:14">
      <c r="N71052" s="10"/>
    </row>
    <row r="71053" spans="14:14">
      <c r="N71053" s="10"/>
    </row>
    <row r="71054" spans="14:14">
      <c r="N71054" s="10"/>
    </row>
    <row r="71055" spans="14:14">
      <c r="N71055" s="10"/>
    </row>
    <row r="71056" spans="14:14">
      <c r="N71056" s="10"/>
    </row>
    <row r="71057" spans="14:14">
      <c r="N71057" s="10"/>
    </row>
    <row r="71058" spans="14:14">
      <c r="N71058" s="10"/>
    </row>
    <row r="71059" spans="14:14">
      <c r="N71059" s="10"/>
    </row>
    <row r="71060" spans="14:14">
      <c r="N71060" s="10"/>
    </row>
    <row r="71061" spans="14:14">
      <c r="N71061" s="10"/>
    </row>
    <row r="71062" spans="14:14">
      <c r="N71062" s="10"/>
    </row>
    <row r="71063" spans="14:14">
      <c r="N71063" s="10"/>
    </row>
    <row r="71064" spans="14:14">
      <c r="N71064" s="10"/>
    </row>
    <row r="71065" spans="14:14">
      <c r="N71065" s="10"/>
    </row>
    <row r="71066" spans="14:14">
      <c r="N71066" s="10"/>
    </row>
    <row r="71067" spans="14:14">
      <c r="N71067" s="10"/>
    </row>
    <row r="71068" spans="14:14">
      <c r="N71068" s="10"/>
    </row>
    <row r="71069" spans="14:14">
      <c r="N71069" s="10"/>
    </row>
    <row r="71070" spans="14:14">
      <c r="N71070" s="10"/>
    </row>
    <row r="71071" spans="14:14">
      <c r="N71071" s="10"/>
    </row>
    <row r="71072" spans="14:14">
      <c r="N71072" s="10"/>
    </row>
    <row r="71073" spans="14:14">
      <c r="N71073" s="10"/>
    </row>
    <row r="71074" spans="14:14">
      <c r="N71074" s="10"/>
    </row>
    <row r="71075" spans="14:14">
      <c r="N71075" s="10"/>
    </row>
    <row r="71076" spans="14:14">
      <c r="N71076" s="10"/>
    </row>
    <row r="71077" spans="14:14">
      <c r="N71077" s="10"/>
    </row>
    <row r="71078" spans="14:14">
      <c r="N71078" s="10"/>
    </row>
    <row r="71079" spans="14:14">
      <c r="N71079" s="10"/>
    </row>
    <row r="71080" spans="14:14">
      <c r="N71080" s="10"/>
    </row>
    <row r="71081" spans="14:14">
      <c r="N71081" s="10"/>
    </row>
    <row r="71082" spans="14:14">
      <c r="N71082" s="10"/>
    </row>
    <row r="71083" spans="14:14">
      <c r="N71083" s="10"/>
    </row>
    <row r="71084" spans="14:14">
      <c r="N71084" s="10"/>
    </row>
    <row r="71085" spans="14:14">
      <c r="N71085" s="10"/>
    </row>
    <row r="71086" spans="14:14">
      <c r="N71086" s="10"/>
    </row>
    <row r="71087" spans="14:14">
      <c r="N71087" s="10"/>
    </row>
    <row r="71088" spans="14:14">
      <c r="N71088" s="10"/>
    </row>
    <row r="71089" spans="14:14">
      <c r="N71089" s="10"/>
    </row>
    <row r="71090" spans="14:14">
      <c r="N71090" s="10"/>
    </row>
    <row r="71091" spans="14:14">
      <c r="N71091" s="10"/>
    </row>
    <row r="71092" spans="14:14">
      <c r="N71092" s="10"/>
    </row>
    <row r="71093" spans="14:14">
      <c r="N71093" s="10"/>
    </row>
    <row r="71094" spans="14:14">
      <c r="N71094" s="10"/>
    </row>
    <row r="71095" spans="14:14">
      <c r="N71095" s="10"/>
    </row>
    <row r="71096" spans="14:14">
      <c r="N71096" s="10"/>
    </row>
    <row r="71097" spans="14:14">
      <c r="N71097" s="10"/>
    </row>
    <row r="71098" spans="14:14">
      <c r="N71098" s="10"/>
    </row>
    <row r="71099" spans="14:14">
      <c r="N71099" s="10"/>
    </row>
    <row r="71100" spans="14:14">
      <c r="N71100" s="10"/>
    </row>
    <row r="71101" spans="14:14">
      <c r="N71101" s="10"/>
    </row>
    <row r="71102" spans="14:14">
      <c r="N71102" s="10"/>
    </row>
    <row r="71103" spans="14:14">
      <c r="N71103" s="10"/>
    </row>
    <row r="71104" spans="14:14">
      <c r="N71104" s="10"/>
    </row>
    <row r="71105" spans="14:14">
      <c r="N71105" s="10"/>
    </row>
    <row r="71106" spans="14:14">
      <c r="N71106" s="10"/>
    </row>
    <row r="71107" spans="14:14">
      <c r="N71107" s="10"/>
    </row>
    <row r="71108" spans="14:14">
      <c r="N71108" s="10"/>
    </row>
    <row r="71109" spans="14:14">
      <c r="N71109" s="10"/>
    </row>
    <row r="71110" spans="14:14">
      <c r="N71110" s="10"/>
    </row>
    <row r="71111" spans="14:14">
      <c r="N71111" s="10"/>
    </row>
    <row r="71112" spans="14:14">
      <c r="N71112" s="10"/>
    </row>
    <row r="71113" spans="14:14">
      <c r="N71113" s="10"/>
    </row>
    <row r="71114" spans="14:14">
      <c r="N71114" s="10"/>
    </row>
    <row r="71115" spans="14:14">
      <c r="N71115" s="10"/>
    </row>
    <row r="71116" spans="14:14">
      <c r="N71116" s="10"/>
    </row>
    <row r="71117" spans="14:14">
      <c r="N71117" s="10"/>
    </row>
    <row r="71118" spans="14:14">
      <c r="N71118" s="10"/>
    </row>
    <row r="71119" spans="14:14">
      <c r="N71119" s="10"/>
    </row>
    <row r="71120" spans="14:14">
      <c r="N71120" s="10"/>
    </row>
    <row r="71121" spans="14:14">
      <c r="N71121" s="10"/>
    </row>
    <row r="71122" spans="14:14">
      <c r="N71122" s="10"/>
    </row>
    <row r="71123" spans="14:14">
      <c r="N71123" s="10"/>
    </row>
    <row r="71124" spans="14:14">
      <c r="N71124" s="10"/>
    </row>
    <row r="71125" spans="14:14">
      <c r="N71125" s="10"/>
    </row>
    <row r="71126" spans="14:14">
      <c r="N71126" s="10"/>
    </row>
    <row r="71127" spans="14:14">
      <c r="N71127" s="10"/>
    </row>
    <row r="71128" spans="14:14">
      <c r="N71128" s="10"/>
    </row>
    <row r="71129" spans="14:14">
      <c r="N71129" s="10"/>
    </row>
    <row r="71130" spans="14:14">
      <c r="N71130" s="10"/>
    </row>
    <row r="71131" spans="14:14">
      <c r="N71131" s="10"/>
    </row>
    <row r="71132" spans="14:14">
      <c r="N71132" s="10"/>
    </row>
    <row r="71133" spans="14:14">
      <c r="N71133" s="10"/>
    </row>
    <row r="71134" spans="14:14">
      <c r="N71134" s="10"/>
    </row>
    <row r="71135" spans="14:14">
      <c r="N71135" s="10"/>
    </row>
    <row r="71136" spans="14:14">
      <c r="N71136" s="10"/>
    </row>
    <row r="71137" spans="14:14">
      <c r="N71137" s="10"/>
    </row>
    <row r="71138" spans="14:14">
      <c r="N71138" s="10"/>
    </row>
    <row r="71139" spans="14:14">
      <c r="N71139" s="10"/>
    </row>
    <row r="71140" spans="14:14">
      <c r="N71140" s="10"/>
    </row>
    <row r="71141" spans="14:14">
      <c r="N71141" s="10"/>
    </row>
    <row r="71142" spans="14:14">
      <c r="N71142" s="10"/>
    </row>
    <row r="71143" spans="14:14">
      <c r="N71143" s="10"/>
    </row>
    <row r="71144" spans="14:14">
      <c r="N71144" s="10"/>
    </row>
    <row r="71145" spans="14:14">
      <c r="N71145" s="10"/>
    </row>
    <row r="71146" spans="14:14">
      <c r="N71146" s="10"/>
    </row>
    <row r="71147" spans="14:14">
      <c r="N71147" s="10"/>
    </row>
    <row r="71148" spans="14:14">
      <c r="N71148" s="10"/>
    </row>
    <row r="71149" spans="14:14">
      <c r="N71149" s="10"/>
    </row>
    <row r="71150" spans="14:14">
      <c r="N71150" s="10"/>
    </row>
    <row r="71151" spans="14:14">
      <c r="N71151" s="10"/>
    </row>
    <row r="71152" spans="14:14">
      <c r="N71152" s="10"/>
    </row>
    <row r="71153" spans="14:14">
      <c r="N71153" s="10"/>
    </row>
    <row r="71154" spans="14:14">
      <c r="N71154" s="10"/>
    </row>
    <row r="71155" spans="14:14">
      <c r="N71155" s="10"/>
    </row>
    <row r="71156" spans="14:14">
      <c r="N71156" s="10"/>
    </row>
    <row r="71157" spans="14:14">
      <c r="N71157" s="10"/>
    </row>
    <row r="71158" spans="14:14">
      <c r="N71158" s="10"/>
    </row>
    <row r="71159" spans="14:14">
      <c r="N71159" s="10"/>
    </row>
    <row r="71160" spans="14:14">
      <c r="N71160" s="10"/>
    </row>
    <row r="71161" spans="14:14">
      <c r="N71161" s="10"/>
    </row>
    <row r="71162" spans="14:14">
      <c r="N71162" s="10"/>
    </row>
    <row r="71163" spans="14:14">
      <c r="N71163" s="10"/>
    </row>
    <row r="71164" spans="14:14">
      <c r="N71164" s="10"/>
    </row>
    <row r="71165" spans="14:14">
      <c r="N71165" s="10"/>
    </row>
    <row r="71166" spans="14:14">
      <c r="N71166" s="10"/>
    </row>
    <row r="71167" spans="14:14">
      <c r="N71167" s="10"/>
    </row>
    <row r="71168" spans="14:14">
      <c r="N71168" s="10"/>
    </row>
    <row r="71169" spans="14:14">
      <c r="N71169" s="10"/>
    </row>
    <row r="71170" spans="14:14">
      <c r="N71170" s="10"/>
    </row>
    <row r="71171" spans="14:14">
      <c r="N71171" s="10"/>
    </row>
    <row r="71172" spans="14:14">
      <c r="N71172" s="10"/>
    </row>
    <row r="71173" spans="14:14">
      <c r="N71173" s="10"/>
    </row>
    <row r="71174" spans="14:14">
      <c r="N71174" s="10"/>
    </row>
    <row r="71175" spans="14:14">
      <c r="N71175" s="10"/>
    </row>
    <row r="71176" spans="14:14">
      <c r="N71176" s="10"/>
    </row>
    <row r="71177" spans="14:14">
      <c r="N71177" s="10"/>
    </row>
    <row r="71178" spans="14:14">
      <c r="N71178" s="10"/>
    </row>
    <row r="71179" spans="14:14">
      <c r="N71179" s="10"/>
    </row>
    <row r="71180" spans="14:14">
      <c r="N71180" s="10"/>
    </row>
    <row r="71181" spans="14:14">
      <c r="N71181" s="10"/>
    </row>
    <row r="71182" spans="14:14">
      <c r="N71182" s="10"/>
    </row>
    <row r="71183" spans="14:14">
      <c r="N71183" s="10"/>
    </row>
    <row r="71184" spans="14:14">
      <c r="N71184" s="10"/>
    </row>
    <row r="71185" spans="14:14">
      <c r="N71185" s="10"/>
    </row>
    <row r="71186" spans="14:14">
      <c r="N71186" s="10"/>
    </row>
    <row r="71187" spans="14:14">
      <c r="N71187" s="10"/>
    </row>
    <row r="71188" spans="14:14">
      <c r="N71188" s="10"/>
    </row>
    <row r="71189" spans="14:14">
      <c r="N71189" s="10"/>
    </row>
    <row r="71190" spans="14:14">
      <c r="N71190" s="10"/>
    </row>
    <row r="71191" spans="14:14">
      <c r="N71191" s="10"/>
    </row>
    <row r="71192" spans="14:14">
      <c r="N71192" s="10"/>
    </row>
    <row r="71193" spans="14:14">
      <c r="N71193" s="10"/>
    </row>
    <row r="71194" spans="14:14">
      <c r="N71194" s="10"/>
    </row>
    <row r="71195" spans="14:14">
      <c r="N71195" s="10"/>
    </row>
    <row r="71196" spans="14:14">
      <c r="N71196" s="10"/>
    </row>
    <row r="71197" spans="14:14">
      <c r="N71197" s="10"/>
    </row>
    <row r="71198" spans="14:14">
      <c r="N71198" s="10"/>
    </row>
    <row r="71199" spans="14:14">
      <c r="N71199" s="10"/>
    </row>
    <row r="71200" spans="14:14">
      <c r="N71200" s="10"/>
    </row>
    <row r="71201" spans="14:14">
      <c r="N71201" s="10"/>
    </row>
    <row r="71202" spans="14:14">
      <c r="N71202" s="10"/>
    </row>
    <row r="71203" spans="14:14">
      <c r="N71203" s="10"/>
    </row>
    <row r="71204" spans="14:14">
      <c r="N71204" s="10"/>
    </row>
    <row r="71205" spans="14:14">
      <c r="N71205" s="10"/>
    </row>
    <row r="71206" spans="14:14">
      <c r="N71206" s="10"/>
    </row>
    <row r="71207" spans="14:14">
      <c r="N71207" s="10"/>
    </row>
    <row r="71208" spans="14:14">
      <c r="N71208" s="10"/>
    </row>
    <row r="71209" spans="14:14">
      <c r="N71209" s="10"/>
    </row>
    <row r="71210" spans="14:14">
      <c r="N71210" s="10"/>
    </row>
    <row r="71211" spans="14:14">
      <c r="N71211" s="10"/>
    </row>
    <row r="71212" spans="14:14">
      <c r="N71212" s="10"/>
    </row>
    <row r="71213" spans="14:14">
      <c r="N71213" s="10"/>
    </row>
    <row r="71214" spans="14:14">
      <c r="N71214" s="10"/>
    </row>
    <row r="71215" spans="14:14">
      <c r="N71215" s="10"/>
    </row>
    <row r="71216" spans="14:14">
      <c r="N71216" s="10"/>
    </row>
    <row r="71217" spans="14:14">
      <c r="N71217" s="10"/>
    </row>
    <row r="71218" spans="14:14">
      <c r="N71218" s="10"/>
    </row>
    <row r="71219" spans="14:14">
      <c r="N71219" s="10"/>
    </row>
    <row r="71220" spans="14:14">
      <c r="N71220" s="10"/>
    </row>
    <row r="71221" spans="14:14">
      <c r="N71221" s="10"/>
    </row>
    <row r="71222" spans="14:14">
      <c r="N71222" s="10"/>
    </row>
    <row r="71223" spans="14:14">
      <c r="N71223" s="10"/>
    </row>
    <row r="71224" spans="14:14">
      <c r="N71224" s="10"/>
    </row>
    <row r="71225" spans="14:14">
      <c r="N71225" s="10"/>
    </row>
    <row r="71226" spans="14:14">
      <c r="N71226" s="10"/>
    </row>
    <row r="71227" spans="14:14">
      <c r="N71227" s="10"/>
    </row>
    <row r="71228" spans="14:14">
      <c r="N71228" s="10"/>
    </row>
    <row r="71229" spans="14:14">
      <c r="N71229" s="10"/>
    </row>
    <row r="71230" spans="14:14">
      <c r="N71230" s="10"/>
    </row>
    <row r="71231" spans="14:14">
      <c r="N71231" s="10"/>
    </row>
    <row r="71232" spans="14:14">
      <c r="N71232" s="10"/>
    </row>
    <row r="71233" spans="14:14">
      <c r="N71233" s="10"/>
    </row>
    <row r="71234" spans="14:14">
      <c r="N71234" s="10"/>
    </row>
    <row r="71235" spans="14:14">
      <c r="N71235" s="10"/>
    </row>
    <row r="71236" spans="14:14">
      <c r="N71236" s="10"/>
    </row>
    <row r="71237" spans="14:14">
      <c r="N71237" s="10"/>
    </row>
    <row r="71238" spans="14:14">
      <c r="N71238" s="10"/>
    </row>
    <row r="71239" spans="14:14">
      <c r="N71239" s="10"/>
    </row>
    <row r="71240" spans="14:14">
      <c r="N71240" s="10"/>
    </row>
    <row r="71241" spans="14:14">
      <c r="N71241" s="10"/>
    </row>
    <row r="71242" spans="14:14">
      <c r="N71242" s="10"/>
    </row>
    <row r="71243" spans="14:14">
      <c r="N71243" s="10"/>
    </row>
    <row r="71244" spans="14:14">
      <c r="N71244" s="10"/>
    </row>
    <row r="71245" spans="14:14">
      <c r="N71245" s="10"/>
    </row>
    <row r="71246" spans="14:14">
      <c r="N71246" s="10"/>
    </row>
    <row r="71247" spans="14:14">
      <c r="N71247" s="10"/>
    </row>
    <row r="71248" spans="14:14">
      <c r="N71248" s="10"/>
    </row>
    <row r="71249" spans="14:14">
      <c r="N71249" s="10"/>
    </row>
    <row r="71250" spans="14:14">
      <c r="N71250" s="10"/>
    </row>
    <row r="71251" spans="14:14">
      <c r="N71251" s="10"/>
    </row>
    <row r="71252" spans="14:14">
      <c r="N71252" s="10"/>
    </row>
    <row r="71253" spans="14:14">
      <c r="N71253" s="10"/>
    </row>
    <row r="71254" spans="14:14">
      <c r="N71254" s="10"/>
    </row>
    <row r="71255" spans="14:14">
      <c r="N71255" s="10"/>
    </row>
    <row r="71256" spans="14:14">
      <c r="N71256" s="10"/>
    </row>
    <row r="71257" spans="14:14">
      <c r="N71257" s="10"/>
    </row>
    <row r="71258" spans="14:14">
      <c r="N71258" s="10"/>
    </row>
    <row r="71259" spans="14:14">
      <c r="N71259" s="10"/>
    </row>
    <row r="71260" spans="14:14">
      <c r="N71260" s="10"/>
    </row>
    <row r="71261" spans="14:14">
      <c r="N71261" s="10"/>
    </row>
    <row r="71262" spans="14:14">
      <c r="N71262" s="10"/>
    </row>
    <row r="71263" spans="14:14">
      <c r="N71263" s="10"/>
    </row>
    <row r="71264" spans="14:14">
      <c r="N71264" s="10"/>
    </row>
    <row r="71265" spans="14:14">
      <c r="N71265" s="10"/>
    </row>
    <row r="71266" spans="14:14">
      <c r="N71266" s="10"/>
    </row>
    <row r="71267" spans="14:14">
      <c r="N71267" s="10"/>
    </row>
    <row r="71268" spans="14:14">
      <c r="N71268" s="10"/>
    </row>
    <row r="71269" spans="14:14">
      <c r="N71269" s="10"/>
    </row>
    <row r="71270" spans="14:14">
      <c r="N71270" s="10"/>
    </row>
    <row r="71271" spans="14:14">
      <c r="N71271" s="10"/>
    </row>
    <row r="71272" spans="14:14">
      <c r="N71272" s="10"/>
    </row>
    <row r="71273" spans="14:14">
      <c r="N71273" s="10"/>
    </row>
    <row r="71274" spans="14:14">
      <c r="N71274" s="10"/>
    </row>
    <row r="71275" spans="14:14">
      <c r="N71275" s="10"/>
    </row>
    <row r="71276" spans="14:14">
      <c r="N71276" s="10"/>
    </row>
    <row r="71277" spans="14:14">
      <c r="N71277" s="10"/>
    </row>
    <row r="71278" spans="14:14">
      <c r="N71278" s="10"/>
    </row>
    <row r="71279" spans="14:14">
      <c r="N71279" s="10"/>
    </row>
    <row r="71280" spans="14:14">
      <c r="N71280" s="10"/>
    </row>
    <row r="71281" spans="14:14">
      <c r="N71281" s="10"/>
    </row>
    <row r="71282" spans="14:14">
      <c r="N71282" s="10"/>
    </row>
    <row r="71283" spans="14:14">
      <c r="N71283" s="10"/>
    </row>
    <row r="71284" spans="14:14">
      <c r="N71284" s="10"/>
    </row>
    <row r="71285" spans="14:14">
      <c r="N71285" s="10"/>
    </row>
    <row r="71286" spans="14:14">
      <c r="N71286" s="10"/>
    </row>
    <row r="71287" spans="14:14">
      <c r="N71287" s="10"/>
    </row>
    <row r="71288" spans="14:14">
      <c r="N71288" s="10"/>
    </row>
    <row r="71289" spans="14:14">
      <c r="N71289" s="10"/>
    </row>
    <row r="71290" spans="14:14">
      <c r="N71290" s="10"/>
    </row>
    <row r="71291" spans="14:14">
      <c r="N71291" s="10"/>
    </row>
    <row r="71292" spans="14:14">
      <c r="N71292" s="10"/>
    </row>
    <row r="71293" spans="14:14">
      <c r="N71293" s="10"/>
    </row>
    <row r="71294" spans="14:14">
      <c r="N71294" s="10"/>
    </row>
    <row r="71295" spans="14:14">
      <c r="N71295" s="10"/>
    </row>
    <row r="71296" spans="14:14">
      <c r="N71296" s="10"/>
    </row>
    <row r="71297" spans="14:14">
      <c r="N71297" s="10"/>
    </row>
    <row r="71298" spans="14:14">
      <c r="N71298" s="10"/>
    </row>
    <row r="71299" spans="14:14">
      <c r="N71299" s="10"/>
    </row>
    <row r="71300" spans="14:14">
      <c r="N71300" s="10"/>
    </row>
    <row r="71301" spans="14:14">
      <c r="N71301" s="10"/>
    </row>
    <row r="71302" spans="14:14">
      <c r="N71302" s="10"/>
    </row>
    <row r="71303" spans="14:14">
      <c r="N71303" s="10"/>
    </row>
    <row r="71304" spans="14:14">
      <c r="N71304" s="10"/>
    </row>
    <row r="71305" spans="14:14">
      <c r="N71305" s="10"/>
    </row>
    <row r="71306" spans="14:14">
      <c r="N71306" s="10"/>
    </row>
    <row r="71307" spans="14:14">
      <c r="N71307" s="10"/>
    </row>
    <row r="71308" spans="14:14">
      <c r="N71308" s="10"/>
    </row>
    <row r="71309" spans="14:14">
      <c r="N71309" s="10"/>
    </row>
    <row r="71310" spans="14:14">
      <c r="N71310" s="10"/>
    </row>
    <row r="71311" spans="14:14">
      <c r="N71311" s="10"/>
    </row>
    <row r="71312" spans="14:14">
      <c r="N71312" s="10"/>
    </row>
    <row r="71313" spans="14:14">
      <c r="N71313" s="10"/>
    </row>
    <row r="71314" spans="14:14">
      <c r="N71314" s="10"/>
    </row>
    <row r="71315" spans="14:14">
      <c r="N71315" s="10"/>
    </row>
    <row r="71316" spans="14:14">
      <c r="N71316" s="10"/>
    </row>
    <row r="71317" spans="14:14">
      <c r="N71317" s="10"/>
    </row>
    <row r="71318" spans="14:14">
      <c r="N71318" s="10"/>
    </row>
    <row r="71319" spans="14:14">
      <c r="N71319" s="10"/>
    </row>
    <row r="71320" spans="14:14">
      <c r="N71320" s="10"/>
    </row>
    <row r="71321" spans="14:14">
      <c r="N71321" s="10"/>
    </row>
    <row r="71322" spans="14:14">
      <c r="N71322" s="10"/>
    </row>
    <row r="71323" spans="14:14">
      <c r="N71323" s="10"/>
    </row>
    <row r="71324" spans="14:14">
      <c r="N71324" s="10"/>
    </row>
    <row r="71325" spans="14:14">
      <c r="N71325" s="10"/>
    </row>
    <row r="71326" spans="14:14">
      <c r="N71326" s="10"/>
    </row>
    <row r="71327" spans="14:14">
      <c r="N71327" s="10"/>
    </row>
    <row r="71328" spans="14:14">
      <c r="N71328" s="10"/>
    </row>
    <row r="71329" spans="14:14">
      <c r="N71329" s="10"/>
    </row>
    <row r="71330" spans="14:14">
      <c r="N71330" s="10"/>
    </row>
    <row r="71331" spans="14:14">
      <c r="N71331" s="10"/>
    </row>
    <row r="71332" spans="14:14">
      <c r="N71332" s="10"/>
    </row>
    <row r="71333" spans="14:14">
      <c r="N71333" s="10"/>
    </row>
    <row r="71334" spans="14:14">
      <c r="N71334" s="10"/>
    </row>
    <row r="71335" spans="14:14">
      <c r="N71335" s="10"/>
    </row>
    <row r="71336" spans="14:14">
      <c r="N71336" s="10"/>
    </row>
    <row r="71337" spans="14:14">
      <c r="N71337" s="10"/>
    </row>
    <row r="71338" spans="14:14">
      <c r="N71338" s="10"/>
    </row>
    <row r="71339" spans="14:14">
      <c r="N71339" s="10"/>
    </row>
    <row r="71340" spans="14:14">
      <c r="N71340" s="10"/>
    </row>
    <row r="71341" spans="14:14">
      <c r="N71341" s="10"/>
    </row>
    <row r="71342" spans="14:14">
      <c r="N71342" s="10"/>
    </row>
    <row r="71343" spans="14:14">
      <c r="N71343" s="10"/>
    </row>
    <row r="71344" spans="14:14">
      <c r="N71344" s="10"/>
    </row>
    <row r="71345" spans="14:14">
      <c r="N71345" s="10"/>
    </row>
    <row r="71346" spans="14:14">
      <c r="N71346" s="10"/>
    </row>
    <row r="71347" spans="14:14">
      <c r="N71347" s="10"/>
    </row>
    <row r="71348" spans="14:14">
      <c r="N71348" s="10"/>
    </row>
    <row r="71349" spans="14:14">
      <c r="N71349" s="10"/>
    </row>
    <row r="71350" spans="14:14">
      <c r="N71350" s="10"/>
    </row>
    <row r="71351" spans="14:14">
      <c r="N71351" s="10"/>
    </row>
    <row r="71352" spans="14:14">
      <c r="N71352" s="10"/>
    </row>
    <row r="71353" spans="14:14">
      <c r="N71353" s="10"/>
    </row>
    <row r="71354" spans="14:14">
      <c r="N71354" s="10"/>
    </row>
    <row r="71355" spans="14:14">
      <c r="N71355" s="10"/>
    </row>
    <row r="71356" spans="14:14">
      <c r="N71356" s="10"/>
    </row>
    <row r="71357" spans="14:14">
      <c r="N71357" s="10"/>
    </row>
    <row r="71358" spans="14:14">
      <c r="N71358" s="10"/>
    </row>
    <row r="71359" spans="14:14">
      <c r="N71359" s="10"/>
    </row>
    <row r="71360" spans="14:14">
      <c r="N71360" s="10"/>
    </row>
    <row r="71361" spans="14:14">
      <c r="N71361" s="10"/>
    </row>
    <row r="71362" spans="14:14">
      <c r="N71362" s="10"/>
    </row>
    <row r="71363" spans="14:14">
      <c r="N71363" s="10"/>
    </row>
    <row r="71364" spans="14:14">
      <c r="N71364" s="10"/>
    </row>
    <row r="71365" spans="14:14">
      <c r="N71365" s="10"/>
    </row>
    <row r="71366" spans="14:14">
      <c r="N71366" s="10"/>
    </row>
    <row r="71367" spans="14:14">
      <c r="N71367" s="10"/>
    </row>
    <row r="71368" spans="14:14">
      <c r="N71368" s="10"/>
    </row>
    <row r="71369" spans="14:14">
      <c r="N71369" s="10"/>
    </row>
    <row r="71370" spans="14:14">
      <c r="N71370" s="10"/>
    </row>
    <row r="71371" spans="14:14">
      <c r="N71371" s="10"/>
    </row>
    <row r="71372" spans="14:14">
      <c r="N71372" s="10"/>
    </row>
    <row r="71373" spans="14:14">
      <c r="N71373" s="10"/>
    </row>
    <row r="71374" spans="14:14">
      <c r="N71374" s="10"/>
    </row>
    <row r="71375" spans="14:14">
      <c r="N71375" s="10"/>
    </row>
    <row r="71376" spans="14:14">
      <c r="N71376" s="10"/>
    </row>
    <row r="71377" spans="14:14">
      <c r="N71377" s="10"/>
    </row>
    <row r="71378" spans="14:14">
      <c r="N71378" s="10"/>
    </row>
    <row r="71379" spans="14:14">
      <c r="N71379" s="10"/>
    </row>
    <row r="71380" spans="14:14">
      <c r="N71380" s="10"/>
    </row>
    <row r="71381" spans="14:14">
      <c r="N71381" s="10"/>
    </row>
    <row r="71382" spans="14:14">
      <c r="N71382" s="10"/>
    </row>
    <row r="71383" spans="14:14">
      <c r="N71383" s="10"/>
    </row>
    <row r="71384" spans="14:14">
      <c r="N71384" s="10"/>
    </row>
    <row r="71385" spans="14:14">
      <c r="N71385" s="10"/>
    </row>
    <row r="71386" spans="14:14">
      <c r="N71386" s="10"/>
    </row>
    <row r="71387" spans="14:14">
      <c r="N71387" s="10"/>
    </row>
    <row r="71388" spans="14:14">
      <c r="N71388" s="10"/>
    </row>
    <row r="71389" spans="14:14">
      <c r="N71389" s="10"/>
    </row>
    <row r="71390" spans="14:14">
      <c r="N71390" s="10"/>
    </row>
    <row r="71391" spans="14:14">
      <c r="N71391" s="10"/>
    </row>
    <row r="71392" spans="14:14">
      <c r="N71392" s="10"/>
    </row>
    <row r="71393" spans="14:14">
      <c r="N71393" s="10"/>
    </row>
    <row r="71394" spans="14:14">
      <c r="N71394" s="10"/>
    </row>
    <row r="71395" spans="14:14">
      <c r="N71395" s="10"/>
    </row>
    <row r="71396" spans="14:14">
      <c r="N71396" s="10"/>
    </row>
    <row r="71397" spans="14:14">
      <c r="N71397" s="10"/>
    </row>
    <row r="71398" spans="14:14">
      <c r="N71398" s="10"/>
    </row>
    <row r="71399" spans="14:14">
      <c r="N71399" s="10"/>
    </row>
    <row r="71400" spans="14:14">
      <c r="N71400" s="10"/>
    </row>
    <row r="71401" spans="14:14">
      <c r="N71401" s="10"/>
    </row>
    <row r="71402" spans="14:14">
      <c r="N71402" s="10"/>
    </row>
    <row r="71403" spans="14:14">
      <c r="N71403" s="10"/>
    </row>
    <row r="71404" spans="14:14">
      <c r="N71404" s="10"/>
    </row>
    <row r="71405" spans="14:14">
      <c r="N71405" s="10"/>
    </row>
    <row r="71406" spans="14:14">
      <c r="N71406" s="10"/>
    </row>
    <row r="71407" spans="14:14">
      <c r="N71407" s="10"/>
    </row>
    <row r="71408" spans="14:14">
      <c r="N71408" s="10"/>
    </row>
    <row r="71409" spans="14:14">
      <c r="N71409" s="10"/>
    </row>
    <row r="71410" spans="14:14">
      <c r="N71410" s="10"/>
    </row>
    <row r="71411" spans="14:14">
      <c r="N71411" s="10"/>
    </row>
    <row r="71412" spans="14:14">
      <c r="N71412" s="10"/>
    </row>
    <row r="71413" spans="14:14">
      <c r="N71413" s="10"/>
    </row>
    <row r="71414" spans="14:14">
      <c r="N71414" s="10"/>
    </row>
    <row r="71415" spans="14:14">
      <c r="N71415" s="10"/>
    </row>
    <row r="71416" spans="14:14">
      <c r="N71416" s="10"/>
    </row>
    <row r="71417" spans="14:14">
      <c r="N71417" s="10"/>
    </row>
    <row r="71418" spans="14:14">
      <c r="N71418" s="10"/>
    </row>
    <row r="71419" spans="14:14">
      <c r="N71419" s="10"/>
    </row>
    <row r="71420" spans="14:14">
      <c r="N71420" s="10"/>
    </row>
    <row r="71421" spans="14:14">
      <c r="N71421" s="10"/>
    </row>
    <row r="71422" spans="14:14">
      <c r="N71422" s="10"/>
    </row>
    <row r="71423" spans="14:14">
      <c r="N71423" s="10"/>
    </row>
    <row r="71424" spans="14:14">
      <c r="N71424" s="10"/>
    </row>
    <row r="71425" spans="14:14">
      <c r="N71425" s="10"/>
    </row>
    <row r="71426" spans="14:14">
      <c r="N71426" s="10"/>
    </row>
    <row r="71427" spans="14:14">
      <c r="N71427" s="10"/>
    </row>
    <row r="71428" spans="14:14">
      <c r="N71428" s="10"/>
    </row>
    <row r="71429" spans="14:14">
      <c r="N71429" s="10"/>
    </row>
    <row r="71430" spans="14:14">
      <c r="N71430" s="10"/>
    </row>
    <row r="71431" spans="14:14">
      <c r="N71431" s="10"/>
    </row>
    <row r="71432" spans="14:14">
      <c r="N71432" s="10"/>
    </row>
    <row r="71433" spans="14:14">
      <c r="N71433" s="10"/>
    </row>
    <row r="71434" spans="14:14">
      <c r="N71434" s="10"/>
    </row>
    <row r="71435" spans="14:14">
      <c r="N71435" s="10"/>
    </row>
    <row r="71436" spans="14:14">
      <c r="N71436" s="10"/>
    </row>
    <row r="71437" spans="14:14">
      <c r="N71437" s="10"/>
    </row>
    <row r="71438" spans="14:14">
      <c r="N71438" s="10"/>
    </row>
    <row r="71439" spans="14:14">
      <c r="N71439" s="10"/>
    </row>
    <row r="71440" spans="14:14">
      <c r="N71440" s="10"/>
    </row>
    <row r="71441" spans="14:14">
      <c r="N71441" s="10"/>
    </row>
    <row r="71442" spans="14:14">
      <c r="N71442" s="10"/>
    </row>
    <row r="71443" spans="14:14">
      <c r="N71443" s="10"/>
    </row>
    <row r="71444" spans="14:14">
      <c r="N71444" s="10"/>
    </row>
    <row r="71445" spans="14:14">
      <c r="N71445" s="10"/>
    </row>
    <row r="71446" spans="14:14">
      <c r="N71446" s="10"/>
    </row>
    <row r="71447" spans="14:14">
      <c r="N71447" s="10"/>
    </row>
    <row r="71448" spans="14:14">
      <c r="N71448" s="10"/>
    </row>
    <row r="71449" spans="14:14">
      <c r="N71449" s="10"/>
    </row>
    <row r="71450" spans="14:14">
      <c r="N71450" s="10"/>
    </row>
    <row r="71451" spans="14:14">
      <c r="N71451" s="10"/>
    </row>
    <row r="71452" spans="14:14">
      <c r="N71452" s="10"/>
    </row>
    <row r="71453" spans="14:14">
      <c r="N71453" s="10"/>
    </row>
    <row r="71454" spans="14:14">
      <c r="N71454" s="10"/>
    </row>
    <row r="71455" spans="14:14">
      <c r="N71455" s="10"/>
    </row>
    <row r="71456" spans="14:14">
      <c r="N71456" s="10"/>
    </row>
    <row r="71457" spans="14:14">
      <c r="N71457" s="10"/>
    </row>
    <row r="71458" spans="14:14">
      <c r="N71458" s="10"/>
    </row>
    <row r="71459" spans="14:14">
      <c r="N71459" s="10"/>
    </row>
    <row r="71460" spans="14:14">
      <c r="N71460" s="10"/>
    </row>
    <row r="71461" spans="14:14">
      <c r="N71461" s="10"/>
    </row>
    <row r="71462" spans="14:14">
      <c r="N71462" s="10"/>
    </row>
    <row r="71463" spans="14:14">
      <c r="N71463" s="10"/>
    </row>
    <row r="71464" spans="14:14">
      <c r="N71464" s="10"/>
    </row>
    <row r="71465" spans="14:14">
      <c r="N71465" s="10"/>
    </row>
    <row r="71466" spans="14:14">
      <c r="N71466" s="10"/>
    </row>
    <row r="71467" spans="14:14">
      <c r="N71467" s="10"/>
    </row>
    <row r="71468" spans="14:14">
      <c r="N71468" s="10"/>
    </row>
    <row r="71469" spans="14:14">
      <c r="N71469" s="10"/>
    </row>
    <row r="71470" spans="14:14">
      <c r="N71470" s="10"/>
    </row>
    <row r="71471" spans="14:14">
      <c r="N71471" s="10"/>
    </row>
    <row r="71472" spans="14:14">
      <c r="N71472" s="10"/>
    </row>
    <row r="71473" spans="14:14">
      <c r="N71473" s="10"/>
    </row>
    <row r="71474" spans="14:14">
      <c r="N71474" s="10"/>
    </row>
    <row r="71475" spans="14:14">
      <c r="N71475" s="10"/>
    </row>
    <row r="71476" spans="14:14">
      <c r="N71476" s="10"/>
    </row>
    <row r="71477" spans="14:14">
      <c r="N71477" s="10"/>
    </row>
    <row r="71478" spans="14:14">
      <c r="N71478" s="10"/>
    </row>
    <row r="71479" spans="14:14">
      <c r="N71479" s="10"/>
    </row>
    <row r="71480" spans="14:14">
      <c r="N71480" s="10"/>
    </row>
    <row r="71481" spans="14:14">
      <c r="N71481" s="10"/>
    </row>
    <row r="71482" spans="14:14">
      <c r="N71482" s="10"/>
    </row>
    <row r="71483" spans="14:14">
      <c r="N71483" s="10"/>
    </row>
    <row r="71484" spans="14:14">
      <c r="N71484" s="10"/>
    </row>
    <row r="71485" spans="14:14">
      <c r="N71485" s="10"/>
    </row>
    <row r="71486" spans="14:14">
      <c r="N71486" s="10"/>
    </row>
    <row r="71487" spans="14:14">
      <c r="N71487" s="10"/>
    </row>
    <row r="71488" spans="14:14">
      <c r="N71488" s="10"/>
    </row>
    <row r="71489" spans="14:14">
      <c r="N71489" s="10"/>
    </row>
    <row r="71490" spans="14:14">
      <c r="N71490" s="10"/>
    </row>
    <row r="71491" spans="14:14">
      <c r="N71491" s="10"/>
    </row>
    <row r="71492" spans="14:14">
      <c r="N71492" s="10"/>
    </row>
    <row r="71493" spans="14:14">
      <c r="N71493" s="10"/>
    </row>
    <row r="71494" spans="14:14">
      <c r="N71494" s="10"/>
    </row>
    <row r="71495" spans="14:14">
      <c r="N71495" s="10"/>
    </row>
    <row r="71496" spans="14:14">
      <c r="N71496" s="10"/>
    </row>
    <row r="71497" spans="14:14">
      <c r="N71497" s="10"/>
    </row>
    <row r="71498" spans="14:14">
      <c r="N71498" s="10"/>
    </row>
    <row r="71499" spans="14:14">
      <c r="N71499" s="10"/>
    </row>
    <row r="71500" spans="14:14">
      <c r="N71500" s="10"/>
    </row>
    <row r="71501" spans="14:14">
      <c r="N71501" s="10"/>
    </row>
    <row r="71502" spans="14:14">
      <c r="N71502" s="10"/>
    </row>
    <row r="71503" spans="14:14">
      <c r="N71503" s="10"/>
    </row>
    <row r="71504" spans="14:14">
      <c r="N71504" s="10"/>
    </row>
    <row r="71505" spans="14:14">
      <c r="N71505" s="10"/>
    </row>
    <row r="71506" spans="14:14">
      <c r="N71506" s="10"/>
    </row>
    <row r="71507" spans="14:14">
      <c r="N71507" s="10"/>
    </row>
    <row r="71508" spans="14:14">
      <c r="N71508" s="10"/>
    </row>
    <row r="71509" spans="14:14">
      <c r="N71509" s="10"/>
    </row>
    <row r="71510" spans="14:14">
      <c r="N71510" s="10"/>
    </row>
    <row r="71511" spans="14:14">
      <c r="N71511" s="10"/>
    </row>
    <row r="71512" spans="14:14">
      <c r="N71512" s="10"/>
    </row>
    <row r="71513" spans="14:14">
      <c r="N71513" s="10"/>
    </row>
    <row r="71514" spans="14:14">
      <c r="N71514" s="10"/>
    </row>
    <row r="71515" spans="14:14">
      <c r="N71515" s="10"/>
    </row>
    <row r="71516" spans="14:14">
      <c r="N71516" s="10"/>
    </row>
    <row r="71517" spans="14:14">
      <c r="N71517" s="10"/>
    </row>
    <row r="71518" spans="14:14">
      <c r="N71518" s="10"/>
    </row>
    <row r="71519" spans="14:14">
      <c r="N71519" s="10"/>
    </row>
    <row r="71520" spans="14:14">
      <c r="N71520" s="10"/>
    </row>
    <row r="71521" spans="14:14">
      <c r="N71521" s="10"/>
    </row>
    <row r="71522" spans="14:14">
      <c r="N71522" s="10"/>
    </row>
    <row r="71523" spans="14:14">
      <c r="N71523" s="10"/>
    </row>
    <row r="71524" spans="14:14">
      <c r="N71524" s="10"/>
    </row>
    <row r="71525" spans="14:14">
      <c r="N71525" s="10"/>
    </row>
    <row r="71526" spans="14:14">
      <c r="N71526" s="10"/>
    </row>
    <row r="71527" spans="14:14">
      <c r="N71527" s="10"/>
    </row>
    <row r="71528" spans="14:14">
      <c r="N71528" s="10"/>
    </row>
    <row r="71529" spans="14:14">
      <c r="N71529" s="10"/>
    </row>
    <row r="71530" spans="14:14">
      <c r="N71530" s="10"/>
    </row>
    <row r="71531" spans="14:14">
      <c r="N71531" s="10"/>
    </row>
    <row r="71532" spans="14:14">
      <c r="N71532" s="10"/>
    </row>
    <row r="71533" spans="14:14">
      <c r="N71533" s="10"/>
    </row>
    <row r="71534" spans="14:14">
      <c r="N71534" s="10"/>
    </row>
    <row r="71535" spans="14:14">
      <c r="N71535" s="10"/>
    </row>
    <row r="71536" spans="14:14">
      <c r="N71536" s="10"/>
    </row>
    <row r="71537" spans="14:14">
      <c r="N71537" s="10"/>
    </row>
    <row r="71538" spans="14:14">
      <c r="N71538" s="10"/>
    </row>
    <row r="71539" spans="14:14">
      <c r="N71539" s="10"/>
    </row>
    <row r="71540" spans="14:14">
      <c r="N71540" s="10"/>
    </row>
    <row r="71541" spans="14:14">
      <c r="N71541" s="10"/>
    </row>
    <row r="71542" spans="14:14">
      <c r="N71542" s="10"/>
    </row>
    <row r="71543" spans="14:14">
      <c r="N71543" s="10"/>
    </row>
    <row r="71544" spans="14:14">
      <c r="N71544" s="10"/>
    </row>
    <row r="71545" spans="14:14">
      <c r="N71545" s="10"/>
    </row>
    <row r="71546" spans="14:14">
      <c r="N71546" s="10"/>
    </row>
    <row r="71547" spans="14:14">
      <c r="N71547" s="10"/>
    </row>
    <row r="71548" spans="14:14">
      <c r="N71548" s="10"/>
    </row>
    <row r="71549" spans="14:14">
      <c r="N71549" s="10"/>
    </row>
    <row r="71550" spans="14:14">
      <c r="N71550" s="10"/>
    </row>
    <row r="71551" spans="14:14">
      <c r="N71551" s="10"/>
    </row>
    <row r="71552" spans="14:14">
      <c r="N71552" s="10"/>
    </row>
    <row r="71553" spans="14:14">
      <c r="N71553" s="10"/>
    </row>
    <row r="71554" spans="14:14">
      <c r="N71554" s="10"/>
    </row>
    <row r="71555" spans="14:14">
      <c r="N71555" s="10"/>
    </row>
    <row r="71556" spans="14:14">
      <c r="N71556" s="10"/>
    </row>
    <row r="71557" spans="14:14">
      <c r="N71557" s="10"/>
    </row>
    <row r="71558" spans="14:14">
      <c r="N71558" s="10"/>
    </row>
    <row r="71559" spans="14:14">
      <c r="N71559" s="10"/>
    </row>
    <row r="71560" spans="14:14">
      <c r="N71560" s="10"/>
    </row>
    <row r="71561" spans="14:14">
      <c r="N71561" s="10"/>
    </row>
    <row r="71562" spans="14:14">
      <c r="N71562" s="10"/>
    </row>
    <row r="71563" spans="14:14">
      <c r="N71563" s="10"/>
    </row>
    <row r="71564" spans="14:14">
      <c r="N71564" s="10"/>
    </row>
    <row r="71565" spans="14:14">
      <c r="N71565" s="10"/>
    </row>
    <row r="71566" spans="14:14">
      <c r="N71566" s="10"/>
    </row>
    <row r="71567" spans="14:14">
      <c r="N71567" s="10"/>
    </row>
    <row r="71568" spans="14:14">
      <c r="N71568" s="10"/>
    </row>
    <row r="71569" spans="14:14">
      <c r="N71569" s="10"/>
    </row>
    <row r="71570" spans="14:14">
      <c r="N71570" s="10"/>
    </row>
    <row r="71571" spans="14:14">
      <c r="N71571" s="10"/>
    </row>
    <row r="71572" spans="14:14">
      <c r="N71572" s="10"/>
    </row>
    <row r="71573" spans="14:14">
      <c r="N71573" s="10"/>
    </row>
    <row r="71574" spans="14:14">
      <c r="N71574" s="10"/>
    </row>
    <row r="71575" spans="14:14">
      <c r="N71575" s="10"/>
    </row>
    <row r="71576" spans="14:14">
      <c r="N71576" s="10"/>
    </row>
    <row r="71577" spans="14:14">
      <c r="N71577" s="10"/>
    </row>
    <row r="71578" spans="14:14">
      <c r="N71578" s="10"/>
    </row>
    <row r="71579" spans="14:14">
      <c r="N71579" s="10"/>
    </row>
    <row r="71580" spans="14:14">
      <c r="N71580" s="10"/>
    </row>
    <row r="71581" spans="14:14">
      <c r="N71581" s="10"/>
    </row>
    <row r="71582" spans="14:14">
      <c r="N71582" s="10"/>
    </row>
    <row r="71583" spans="14:14">
      <c r="N71583" s="10"/>
    </row>
    <row r="71584" spans="14:14">
      <c r="N71584" s="10"/>
    </row>
    <row r="71585" spans="14:14">
      <c r="N71585" s="10"/>
    </row>
    <row r="71586" spans="14:14">
      <c r="N71586" s="10"/>
    </row>
    <row r="71587" spans="14:14">
      <c r="N71587" s="10"/>
    </row>
    <row r="71588" spans="14:14">
      <c r="N71588" s="10"/>
    </row>
    <row r="71589" spans="14:14">
      <c r="N71589" s="10"/>
    </row>
    <row r="71590" spans="14:14">
      <c r="N71590" s="10"/>
    </row>
    <row r="71591" spans="14:14">
      <c r="N71591" s="10"/>
    </row>
    <row r="71592" spans="14:14">
      <c r="N71592" s="10"/>
    </row>
    <row r="71593" spans="14:14">
      <c r="N71593" s="10"/>
    </row>
    <row r="71594" spans="14:14">
      <c r="N71594" s="10"/>
    </row>
    <row r="71595" spans="14:14">
      <c r="N71595" s="10"/>
    </row>
    <row r="71596" spans="14:14">
      <c r="N71596" s="10"/>
    </row>
    <row r="71597" spans="14:14">
      <c r="N71597" s="10"/>
    </row>
    <row r="71598" spans="14:14">
      <c r="N71598" s="10"/>
    </row>
    <row r="71599" spans="14:14">
      <c r="N71599" s="10"/>
    </row>
    <row r="71600" spans="14:14">
      <c r="N71600" s="10"/>
    </row>
    <row r="71601" spans="14:14">
      <c r="N71601" s="10"/>
    </row>
    <row r="71602" spans="14:14">
      <c r="N71602" s="10"/>
    </row>
    <row r="71603" spans="14:14">
      <c r="N71603" s="10"/>
    </row>
    <row r="71604" spans="14:14">
      <c r="N71604" s="10"/>
    </row>
    <row r="71605" spans="14:14">
      <c r="N71605" s="10"/>
    </row>
    <row r="71606" spans="14:14">
      <c r="N71606" s="10"/>
    </row>
    <row r="71607" spans="14:14">
      <c r="N71607" s="10"/>
    </row>
    <row r="71608" spans="14:14">
      <c r="N71608" s="10"/>
    </row>
    <row r="71609" spans="14:14">
      <c r="N71609" s="10"/>
    </row>
    <row r="71610" spans="14:14">
      <c r="N71610" s="10"/>
    </row>
    <row r="71611" spans="14:14">
      <c r="N71611" s="10"/>
    </row>
    <row r="71612" spans="14:14">
      <c r="N71612" s="10"/>
    </row>
    <row r="71613" spans="14:14">
      <c r="N71613" s="10"/>
    </row>
    <row r="71614" spans="14:14">
      <c r="N71614" s="10"/>
    </row>
    <row r="71615" spans="14:14">
      <c r="N71615" s="10"/>
    </row>
    <row r="71616" spans="14:14">
      <c r="N71616" s="10"/>
    </row>
    <row r="71617" spans="14:14">
      <c r="N71617" s="10"/>
    </row>
    <row r="71618" spans="14:14">
      <c r="N71618" s="10"/>
    </row>
    <row r="71619" spans="14:14">
      <c r="N71619" s="10"/>
    </row>
    <row r="71620" spans="14:14">
      <c r="N71620" s="10"/>
    </row>
    <row r="71621" spans="14:14">
      <c r="N71621" s="10"/>
    </row>
    <row r="71622" spans="14:14">
      <c r="N71622" s="10"/>
    </row>
    <row r="71623" spans="14:14">
      <c r="N71623" s="10"/>
    </row>
    <row r="71624" spans="14:14">
      <c r="N71624" s="10"/>
    </row>
    <row r="71625" spans="14:14">
      <c r="N71625" s="10"/>
    </row>
    <row r="71626" spans="14:14">
      <c r="N71626" s="10"/>
    </row>
    <row r="71627" spans="14:14">
      <c r="N71627" s="10"/>
    </row>
    <row r="71628" spans="14:14">
      <c r="N71628" s="10"/>
    </row>
    <row r="71629" spans="14:14">
      <c r="N71629" s="10"/>
    </row>
    <row r="71630" spans="14:14">
      <c r="N71630" s="10"/>
    </row>
    <row r="71631" spans="14:14">
      <c r="N71631" s="10"/>
    </row>
    <row r="71632" spans="14:14">
      <c r="N71632" s="10"/>
    </row>
    <row r="71633" spans="14:14">
      <c r="N71633" s="10"/>
    </row>
    <row r="71634" spans="14:14">
      <c r="N71634" s="10"/>
    </row>
    <row r="71635" spans="14:14">
      <c r="N71635" s="10"/>
    </row>
    <row r="71636" spans="14:14">
      <c r="N71636" s="10"/>
    </row>
    <row r="71637" spans="14:14">
      <c r="N71637" s="10"/>
    </row>
    <row r="71638" spans="14:14">
      <c r="N71638" s="10"/>
    </row>
    <row r="71639" spans="14:14">
      <c r="N71639" s="10"/>
    </row>
    <row r="71640" spans="14:14">
      <c r="N71640" s="10"/>
    </row>
    <row r="71641" spans="14:14">
      <c r="N71641" s="10"/>
    </row>
    <row r="71642" spans="14:14">
      <c r="N71642" s="10"/>
    </row>
    <row r="71643" spans="14:14">
      <c r="N71643" s="10"/>
    </row>
    <row r="71644" spans="14:14">
      <c r="N71644" s="10"/>
    </row>
    <row r="71645" spans="14:14">
      <c r="N71645" s="10"/>
    </row>
    <row r="71646" spans="14:14">
      <c r="N71646" s="10"/>
    </row>
    <row r="71647" spans="14:14">
      <c r="N71647" s="10"/>
    </row>
    <row r="71648" spans="14:14">
      <c r="N71648" s="10"/>
    </row>
    <row r="71649" spans="14:14">
      <c r="N71649" s="10"/>
    </row>
    <row r="71650" spans="14:14">
      <c r="N71650" s="10"/>
    </row>
    <row r="71651" spans="14:14">
      <c r="N71651" s="10"/>
    </row>
    <row r="71652" spans="14:14">
      <c r="N71652" s="10"/>
    </row>
    <row r="71653" spans="14:14">
      <c r="N71653" s="10"/>
    </row>
    <row r="71654" spans="14:14">
      <c r="N71654" s="10"/>
    </row>
    <row r="71655" spans="14:14">
      <c r="N71655" s="10"/>
    </row>
    <row r="71656" spans="14:14">
      <c r="N71656" s="10"/>
    </row>
    <row r="71657" spans="14:14">
      <c r="N71657" s="10"/>
    </row>
    <row r="71658" spans="14:14">
      <c r="N71658" s="10"/>
    </row>
    <row r="71659" spans="14:14">
      <c r="N71659" s="10"/>
    </row>
    <row r="71660" spans="14:14">
      <c r="N71660" s="10"/>
    </row>
    <row r="71661" spans="14:14">
      <c r="N71661" s="10"/>
    </row>
    <row r="71662" spans="14:14">
      <c r="N71662" s="10"/>
    </row>
    <row r="71663" spans="14:14">
      <c r="N71663" s="10"/>
    </row>
    <row r="71664" spans="14:14">
      <c r="N71664" s="10"/>
    </row>
    <row r="71665" spans="14:14">
      <c r="N71665" s="10"/>
    </row>
    <row r="71666" spans="14:14">
      <c r="N71666" s="10"/>
    </row>
    <row r="71667" spans="14:14">
      <c r="N71667" s="10"/>
    </row>
    <row r="71668" spans="14:14">
      <c r="N71668" s="10"/>
    </row>
    <row r="71669" spans="14:14">
      <c r="N71669" s="10"/>
    </row>
    <row r="71670" spans="14:14">
      <c r="N71670" s="10"/>
    </row>
    <row r="71671" spans="14:14">
      <c r="N71671" s="10"/>
    </row>
    <row r="71672" spans="14:14">
      <c r="N71672" s="10"/>
    </row>
    <row r="71673" spans="14:14">
      <c r="N71673" s="10"/>
    </row>
    <row r="71674" spans="14:14">
      <c r="N71674" s="10"/>
    </row>
    <row r="71675" spans="14:14">
      <c r="N71675" s="10"/>
    </row>
    <row r="71676" spans="14:14">
      <c r="N71676" s="10"/>
    </row>
    <row r="71677" spans="14:14">
      <c r="N71677" s="10"/>
    </row>
    <row r="71678" spans="14:14">
      <c r="N71678" s="10"/>
    </row>
    <row r="71679" spans="14:14">
      <c r="N71679" s="10"/>
    </row>
    <row r="71680" spans="14:14">
      <c r="N71680" s="10"/>
    </row>
    <row r="71681" spans="14:14">
      <c r="N71681" s="10"/>
    </row>
    <row r="71682" spans="14:14">
      <c r="N71682" s="10"/>
    </row>
    <row r="71683" spans="14:14">
      <c r="N71683" s="10"/>
    </row>
    <row r="71684" spans="14:14">
      <c r="N71684" s="10"/>
    </row>
    <row r="71685" spans="14:14">
      <c r="N71685" s="10"/>
    </row>
    <row r="71686" spans="14:14">
      <c r="N71686" s="10"/>
    </row>
    <row r="71687" spans="14:14">
      <c r="N71687" s="10"/>
    </row>
    <row r="71688" spans="14:14">
      <c r="N71688" s="10"/>
    </row>
    <row r="71689" spans="14:14">
      <c r="N71689" s="10"/>
    </row>
    <row r="71690" spans="14:14">
      <c r="N71690" s="10"/>
    </row>
    <row r="71691" spans="14:14">
      <c r="N71691" s="10"/>
    </row>
    <row r="71692" spans="14:14">
      <c r="N71692" s="10"/>
    </row>
    <row r="71693" spans="14:14">
      <c r="N71693" s="10"/>
    </row>
    <row r="71694" spans="14:14">
      <c r="N71694" s="10"/>
    </row>
    <row r="71695" spans="14:14">
      <c r="N71695" s="10"/>
    </row>
    <row r="71696" spans="14:14">
      <c r="N71696" s="10"/>
    </row>
    <row r="71697" spans="14:14">
      <c r="N71697" s="10"/>
    </row>
    <row r="71698" spans="14:14">
      <c r="N71698" s="10"/>
    </row>
    <row r="71699" spans="14:14">
      <c r="N71699" s="10"/>
    </row>
    <row r="71700" spans="14:14">
      <c r="N71700" s="10"/>
    </row>
    <row r="71701" spans="14:14">
      <c r="N71701" s="10"/>
    </row>
    <row r="71702" spans="14:14">
      <c r="N71702" s="10"/>
    </row>
    <row r="71703" spans="14:14">
      <c r="N71703" s="10"/>
    </row>
    <row r="71704" spans="14:14">
      <c r="N71704" s="10"/>
    </row>
    <row r="71705" spans="14:14">
      <c r="N71705" s="10"/>
    </row>
    <row r="71706" spans="14:14">
      <c r="N71706" s="10"/>
    </row>
    <row r="71707" spans="14:14">
      <c r="N71707" s="10"/>
    </row>
    <row r="71708" spans="14:14">
      <c r="N71708" s="10"/>
    </row>
    <row r="71709" spans="14:14">
      <c r="N71709" s="10"/>
    </row>
    <row r="71710" spans="14:14">
      <c r="N71710" s="10"/>
    </row>
    <row r="71711" spans="14:14">
      <c r="N71711" s="10"/>
    </row>
    <row r="71712" spans="14:14">
      <c r="N71712" s="10"/>
    </row>
    <row r="71713" spans="14:14">
      <c r="N71713" s="10"/>
    </row>
    <row r="71714" spans="14:14">
      <c r="N71714" s="10"/>
    </row>
    <row r="71715" spans="14:14">
      <c r="N71715" s="10"/>
    </row>
    <row r="71716" spans="14:14">
      <c r="N71716" s="10"/>
    </row>
    <row r="71717" spans="14:14">
      <c r="N71717" s="10"/>
    </row>
    <row r="71718" spans="14:14">
      <c r="N71718" s="10"/>
    </row>
    <row r="71719" spans="14:14">
      <c r="N71719" s="10"/>
    </row>
    <row r="71720" spans="14:14">
      <c r="N71720" s="10"/>
    </row>
    <row r="71721" spans="14:14">
      <c r="N71721" s="10"/>
    </row>
    <row r="71722" spans="14:14">
      <c r="N71722" s="10"/>
    </row>
    <row r="71723" spans="14:14">
      <c r="N71723" s="10"/>
    </row>
    <row r="71724" spans="14:14">
      <c r="N71724" s="10"/>
    </row>
    <row r="71725" spans="14:14">
      <c r="N71725" s="10"/>
    </row>
    <row r="71726" spans="14:14">
      <c r="N71726" s="10"/>
    </row>
    <row r="71727" spans="14:14">
      <c r="N71727" s="10"/>
    </row>
    <row r="71728" spans="14:14">
      <c r="N71728" s="10"/>
    </row>
    <row r="71729" spans="14:14">
      <c r="N71729" s="10"/>
    </row>
    <row r="71730" spans="14:14">
      <c r="N71730" s="10"/>
    </row>
    <row r="71731" spans="14:14">
      <c r="N71731" s="10"/>
    </row>
    <row r="71732" spans="14:14">
      <c r="N71732" s="10"/>
    </row>
    <row r="71733" spans="14:14">
      <c r="N71733" s="10"/>
    </row>
    <row r="71734" spans="14:14">
      <c r="N71734" s="10"/>
    </row>
    <row r="71735" spans="14:14">
      <c r="N71735" s="10"/>
    </row>
    <row r="71736" spans="14:14">
      <c r="N71736" s="10"/>
    </row>
    <row r="71737" spans="14:14">
      <c r="N71737" s="10"/>
    </row>
    <row r="71738" spans="14:14">
      <c r="N71738" s="10"/>
    </row>
    <row r="71739" spans="14:14">
      <c r="N71739" s="10"/>
    </row>
    <row r="71740" spans="14:14">
      <c r="N71740" s="10"/>
    </row>
    <row r="71741" spans="14:14">
      <c r="N71741" s="10"/>
    </row>
    <row r="71742" spans="14:14">
      <c r="N71742" s="10"/>
    </row>
    <row r="71743" spans="14:14">
      <c r="N71743" s="10"/>
    </row>
    <row r="71744" spans="14:14">
      <c r="N71744" s="10"/>
    </row>
    <row r="71745" spans="14:14">
      <c r="N71745" s="10"/>
    </row>
    <row r="71746" spans="14:14">
      <c r="N71746" s="10"/>
    </row>
    <row r="71747" spans="14:14">
      <c r="N71747" s="10"/>
    </row>
    <row r="71748" spans="14:14">
      <c r="N71748" s="10"/>
    </row>
    <row r="71749" spans="14:14">
      <c r="N71749" s="10"/>
    </row>
    <row r="71750" spans="14:14">
      <c r="N71750" s="10"/>
    </row>
    <row r="71751" spans="14:14">
      <c r="N71751" s="10"/>
    </row>
    <row r="71752" spans="14:14">
      <c r="N71752" s="10"/>
    </row>
    <row r="71753" spans="14:14">
      <c r="N71753" s="10"/>
    </row>
    <row r="71754" spans="14:14">
      <c r="N71754" s="10"/>
    </row>
    <row r="71755" spans="14:14">
      <c r="N71755" s="10"/>
    </row>
    <row r="71756" spans="14:14">
      <c r="N71756" s="10"/>
    </row>
    <row r="71757" spans="14:14">
      <c r="N71757" s="10"/>
    </row>
    <row r="71758" spans="14:14">
      <c r="N71758" s="10"/>
    </row>
    <row r="71759" spans="14:14">
      <c r="N71759" s="10"/>
    </row>
    <row r="71760" spans="14:14">
      <c r="N71760" s="10"/>
    </row>
    <row r="71761" spans="14:14">
      <c r="N71761" s="10"/>
    </row>
    <row r="71762" spans="14:14">
      <c r="N71762" s="10"/>
    </row>
    <row r="71763" spans="14:14">
      <c r="N71763" s="10"/>
    </row>
    <row r="71764" spans="14:14">
      <c r="N71764" s="10"/>
    </row>
    <row r="71765" spans="14:14">
      <c r="N71765" s="10"/>
    </row>
    <row r="71766" spans="14:14">
      <c r="N71766" s="10"/>
    </row>
    <row r="71767" spans="14:14">
      <c r="N71767" s="10"/>
    </row>
    <row r="71768" spans="14:14">
      <c r="N71768" s="10"/>
    </row>
    <row r="71769" spans="14:14">
      <c r="N71769" s="10"/>
    </row>
    <row r="71770" spans="14:14">
      <c r="N71770" s="10"/>
    </row>
    <row r="71771" spans="14:14">
      <c r="N71771" s="10"/>
    </row>
    <row r="71772" spans="14:14">
      <c r="N71772" s="10"/>
    </row>
    <row r="71773" spans="14:14">
      <c r="N71773" s="10"/>
    </row>
    <row r="71774" spans="14:14">
      <c r="N71774" s="10"/>
    </row>
    <row r="71775" spans="14:14">
      <c r="N71775" s="10"/>
    </row>
    <row r="71776" spans="14:14">
      <c r="N71776" s="10"/>
    </row>
    <row r="71777" spans="14:14">
      <c r="N71777" s="10"/>
    </row>
    <row r="71778" spans="14:14">
      <c r="N71778" s="10"/>
    </row>
    <row r="71779" spans="14:14">
      <c r="N71779" s="10"/>
    </row>
    <row r="71780" spans="14:14">
      <c r="N71780" s="10"/>
    </row>
    <row r="71781" spans="14:14">
      <c r="N71781" s="10"/>
    </row>
    <row r="71782" spans="14:14">
      <c r="N71782" s="10"/>
    </row>
    <row r="71783" spans="14:14">
      <c r="N71783" s="10"/>
    </row>
    <row r="71784" spans="14:14">
      <c r="N71784" s="10"/>
    </row>
    <row r="71785" spans="14:14">
      <c r="N71785" s="10"/>
    </row>
    <row r="71786" spans="14:14">
      <c r="N71786" s="10"/>
    </row>
    <row r="71787" spans="14:14">
      <c r="N71787" s="10"/>
    </row>
    <row r="71788" spans="14:14">
      <c r="N71788" s="10"/>
    </row>
    <row r="71789" spans="14:14">
      <c r="N71789" s="10"/>
    </row>
    <row r="71790" spans="14:14">
      <c r="N71790" s="10"/>
    </row>
    <row r="71791" spans="14:14">
      <c r="N71791" s="10"/>
    </row>
    <row r="71792" spans="14:14">
      <c r="N71792" s="10"/>
    </row>
    <row r="71793" spans="14:14">
      <c r="N71793" s="10"/>
    </row>
    <row r="71794" spans="14:14">
      <c r="N71794" s="10"/>
    </row>
    <row r="71795" spans="14:14">
      <c r="N71795" s="10"/>
    </row>
    <row r="71796" spans="14:14">
      <c r="N71796" s="10"/>
    </row>
    <row r="71797" spans="14:14">
      <c r="N71797" s="10"/>
    </row>
    <row r="71798" spans="14:14">
      <c r="N71798" s="10"/>
    </row>
    <row r="71799" spans="14:14">
      <c r="N71799" s="10"/>
    </row>
    <row r="71800" spans="14:14">
      <c r="N71800" s="10"/>
    </row>
    <row r="71801" spans="14:14">
      <c r="N71801" s="10"/>
    </row>
    <row r="71802" spans="14:14">
      <c r="N71802" s="10"/>
    </row>
    <row r="71803" spans="14:14">
      <c r="N71803" s="10"/>
    </row>
    <row r="71804" spans="14:14">
      <c r="N71804" s="10"/>
    </row>
    <row r="71805" spans="14:14">
      <c r="N71805" s="10"/>
    </row>
    <row r="71806" spans="14:14">
      <c r="N71806" s="10"/>
    </row>
    <row r="71807" spans="14:14">
      <c r="N71807" s="10"/>
    </row>
    <row r="71808" spans="14:14">
      <c r="N71808" s="10"/>
    </row>
    <row r="71809" spans="14:14">
      <c r="N71809" s="10"/>
    </row>
    <row r="71810" spans="14:14">
      <c r="N71810" s="10"/>
    </row>
    <row r="71811" spans="14:14">
      <c r="N71811" s="10"/>
    </row>
    <row r="71812" spans="14:14">
      <c r="N71812" s="10"/>
    </row>
    <row r="71813" spans="14:14">
      <c r="N71813" s="10"/>
    </row>
    <row r="71814" spans="14:14">
      <c r="N71814" s="10"/>
    </row>
    <row r="71815" spans="14:14">
      <c r="N71815" s="10"/>
    </row>
    <row r="71816" spans="14:14">
      <c r="N71816" s="10"/>
    </row>
    <row r="71817" spans="14:14">
      <c r="N71817" s="10"/>
    </row>
    <row r="71818" spans="14:14">
      <c r="N71818" s="10"/>
    </row>
    <row r="71819" spans="14:14">
      <c r="N71819" s="10"/>
    </row>
    <row r="71820" spans="14:14">
      <c r="N71820" s="10"/>
    </row>
    <row r="71821" spans="14:14">
      <c r="N71821" s="10"/>
    </row>
    <row r="71822" spans="14:14">
      <c r="N71822" s="10"/>
    </row>
    <row r="71823" spans="14:14">
      <c r="N71823" s="10"/>
    </row>
    <row r="71824" spans="14:14">
      <c r="N71824" s="10"/>
    </row>
    <row r="71825" spans="14:14">
      <c r="N71825" s="10"/>
    </row>
    <row r="71826" spans="14:14">
      <c r="N71826" s="10"/>
    </row>
    <row r="71827" spans="14:14">
      <c r="N71827" s="10"/>
    </row>
    <row r="71828" spans="14:14">
      <c r="N71828" s="10"/>
    </row>
    <row r="71829" spans="14:14">
      <c r="N71829" s="10"/>
    </row>
    <row r="71830" spans="14:14">
      <c r="N71830" s="10"/>
    </row>
    <row r="71831" spans="14:14">
      <c r="N71831" s="10"/>
    </row>
    <row r="71832" spans="14:14">
      <c r="N71832" s="10"/>
    </row>
    <row r="71833" spans="14:14">
      <c r="N71833" s="10"/>
    </row>
    <row r="71834" spans="14:14">
      <c r="N71834" s="10"/>
    </row>
    <row r="71835" spans="14:14">
      <c r="N71835" s="10"/>
    </row>
    <row r="71836" spans="14:14">
      <c r="N71836" s="10"/>
    </row>
    <row r="71837" spans="14:14">
      <c r="N71837" s="10"/>
    </row>
    <row r="71838" spans="14:14">
      <c r="N71838" s="10"/>
    </row>
    <row r="71839" spans="14:14">
      <c r="N71839" s="10"/>
    </row>
    <row r="71840" spans="14:14">
      <c r="N71840" s="10"/>
    </row>
    <row r="71841" spans="14:14">
      <c r="N71841" s="10"/>
    </row>
    <row r="71842" spans="14:14">
      <c r="N71842" s="10"/>
    </row>
    <row r="71843" spans="14:14">
      <c r="N71843" s="10"/>
    </row>
    <row r="71844" spans="14:14">
      <c r="N71844" s="10"/>
    </row>
    <row r="71845" spans="14:14">
      <c r="N71845" s="10"/>
    </row>
    <row r="71846" spans="14:14">
      <c r="N71846" s="10"/>
    </row>
    <row r="71847" spans="14:14">
      <c r="N71847" s="10"/>
    </row>
    <row r="71848" spans="14:14">
      <c r="N71848" s="10"/>
    </row>
    <row r="71849" spans="14:14">
      <c r="N71849" s="10"/>
    </row>
    <row r="71850" spans="14:14">
      <c r="N71850" s="10"/>
    </row>
    <row r="71851" spans="14:14">
      <c r="N71851" s="10"/>
    </row>
    <row r="71852" spans="14:14">
      <c r="N71852" s="10"/>
    </row>
    <row r="71853" spans="14:14">
      <c r="N71853" s="10"/>
    </row>
    <row r="71854" spans="14:14">
      <c r="N71854" s="10"/>
    </row>
    <row r="71855" spans="14:14">
      <c r="N71855" s="10"/>
    </row>
    <row r="71856" spans="14:14">
      <c r="N71856" s="10"/>
    </row>
    <row r="71857" spans="14:14">
      <c r="N71857" s="10"/>
    </row>
    <row r="71858" spans="14:14">
      <c r="N71858" s="10"/>
    </row>
    <row r="71859" spans="14:14">
      <c r="N71859" s="10"/>
    </row>
    <row r="71860" spans="14:14">
      <c r="N71860" s="10"/>
    </row>
    <row r="71861" spans="14:14">
      <c r="N71861" s="10"/>
    </row>
    <row r="71862" spans="14:14">
      <c r="N71862" s="10"/>
    </row>
    <row r="71863" spans="14:14">
      <c r="N71863" s="10"/>
    </row>
    <row r="71864" spans="14:14">
      <c r="N71864" s="10"/>
    </row>
    <row r="71865" spans="14:14">
      <c r="N71865" s="10"/>
    </row>
    <row r="71866" spans="14:14">
      <c r="N71866" s="10"/>
    </row>
    <row r="71867" spans="14:14">
      <c r="N71867" s="10"/>
    </row>
    <row r="71868" spans="14:14">
      <c r="N71868" s="10"/>
    </row>
    <row r="71869" spans="14:14">
      <c r="N71869" s="10"/>
    </row>
    <row r="71870" spans="14:14">
      <c r="N71870" s="10"/>
    </row>
    <row r="71871" spans="14:14">
      <c r="N71871" s="10"/>
    </row>
    <row r="71872" spans="14:14">
      <c r="N71872" s="10"/>
    </row>
    <row r="71873" spans="14:14">
      <c r="N71873" s="10"/>
    </row>
    <row r="71874" spans="14:14">
      <c r="N71874" s="10"/>
    </row>
    <row r="71875" spans="14:14">
      <c r="N71875" s="10"/>
    </row>
    <row r="71876" spans="14:14">
      <c r="N71876" s="10"/>
    </row>
    <row r="71877" spans="14:14">
      <c r="N71877" s="10"/>
    </row>
    <row r="71878" spans="14:14">
      <c r="N71878" s="10"/>
    </row>
    <row r="71879" spans="14:14">
      <c r="N71879" s="10"/>
    </row>
    <row r="71880" spans="14:14">
      <c r="N71880" s="10"/>
    </row>
    <row r="71881" spans="14:14">
      <c r="N71881" s="10"/>
    </row>
    <row r="71882" spans="14:14">
      <c r="N71882" s="10"/>
    </row>
    <row r="71883" spans="14:14">
      <c r="N71883" s="10"/>
    </row>
    <row r="71884" spans="14:14">
      <c r="N71884" s="10"/>
    </row>
    <row r="71885" spans="14:14">
      <c r="N71885" s="10"/>
    </row>
    <row r="71886" spans="14:14">
      <c r="N71886" s="10"/>
    </row>
    <row r="71887" spans="14:14">
      <c r="N71887" s="10"/>
    </row>
    <row r="71888" spans="14:14">
      <c r="N71888" s="10"/>
    </row>
    <row r="71889" spans="14:14">
      <c r="N71889" s="10"/>
    </row>
    <row r="71890" spans="14:14">
      <c r="N71890" s="10"/>
    </row>
    <row r="71891" spans="14:14">
      <c r="N71891" s="10"/>
    </row>
    <row r="71892" spans="14:14">
      <c r="N71892" s="10"/>
    </row>
    <row r="71893" spans="14:14">
      <c r="N71893" s="10"/>
    </row>
    <row r="71894" spans="14:14">
      <c r="N71894" s="10"/>
    </row>
    <row r="71895" spans="14:14">
      <c r="N71895" s="10"/>
    </row>
    <row r="71896" spans="14:14">
      <c r="N71896" s="10"/>
    </row>
    <row r="71897" spans="14:14">
      <c r="N71897" s="10"/>
    </row>
    <row r="71898" spans="14:14">
      <c r="N71898" s="10"/>
    </row>
    <row r="71899" spans="14:14">
      <c r="N71899" s="10"/>
    </row>
    <row r="71900" spans="14:14">
      <c r="N71900" s="10"/>
    </row>
    <row r="71901" spans="14:14">
      <c r="N71901" s="10"/>
    </row>
    <row r="71902" spans="14:14">
      <c r="N71902" s="10"/>
    </row>
    <row r="71903" spans="14:14">
      <c r="N71903" s="10"/>
    </row>
    <row r="71904" spans="14:14">
      <c r="N71904" s="10"/>
    </row>
    <row r="71905" spans="14:14">
      <c r="N71905" s="10"/>
    </row>
    <row r="71906" spans="14:14">
      <c r="N71906" s="10"/>
    </row>
    <row r="71907" spans="14:14">
      <c r="N71907" s="10"/>
    </row>
    <row r="71908" spans="14:14">
      <c r="N71908" s="10"/>
    </row>
    <row r="71909" spans="14:14">
      <c r="N71909" s="10"/>
    </row>
    <row r="71910" spans="14:14">
      <c r="N71910" s="10"/>
    </row>
    <row r="71911" spans="14:14">
      <c r="N71911" s="10"/>
    </row>
    <row r="71912" spans="14:14">
      <c r="N71912" s="10"/>
    </row>
    <row r="71913" spans="14:14">
      <c r="N71913" s="10"/>
    </row>
    <row r="71914" spans="14:14">
      <c r="N71914" s="10"/>
    </row>
    <row r="71915" spans="14:14">
      <c r="N71915" s="10"/>
    </row>
    <row r="71916" spans="14:14">
      <c r="N71916" s="10"/>
    </row>
    <row r="71917" spans="14:14">
      <c r="N71917" s="10"/>
    </row>
    <row r="71918" spans="14:14">
      <c r="N71918" s="10"/>
    </row>
    <row r="71919" spans="14:14">
      <c r="N71919" s="10"/>
    </row>
    <row r="71920" spans="14:14">
      <c r="N71920" s="10"/>
    </row>
    <row r="71921" spans="14:14">
      <c r="N71921" s="10"/>
    </row>
    <row r="71922" spans="14:14">
      <c r="N71922" s="10"/>
    </row>
    <row r="71923" spans="14:14">
      <c r="N71923" s="10"/>
    </row>
    <row r="71924" spans="14:14">
      <c r="N71924" s="10"/>
    </row>
    <row r="71925" spans="14:14">
      <c r="N71925" s="10"/>
    </row>
    <row r="71926" spans="14:14">
      <c r="N71926" s="10"/>
    </row>
    <row r="71927" spans="14:14">
      <c r="N71927" s="10"/>
    </row>
    <row r="71928" spans="14:14">
      <c r="N71928" s="10"/>
    </row>
    <row r="71929" spans="14:14">
      <c r="N71929" s="10"/>
    </row>
    <row r="71930" spans="14:14">
      <c r="N71930" s="10"/>
    </row>
    <row r="71931" spans="14:14">
      <c r="N71931" s="10"/>
    </row>
    <row r="71932" spans="14:14">
      <c r="N71932" s="10"/>
    </row>
    <row r="71933" spans="14:14">
      <c r="N71933" s="10"/>
    </row>
    <row r="71934" spans="14:14">
      <c r="N71934" s="10"/>
    </row>
    <row r="71935" spans="14:14">
      <c r="N71935" s="10"/>
    </row>
    <row r="71936" spans="14:14">
      <c r="N71936" s="10"/>
    </row>
    <row r="71937" spans="14:14">
      <c r="N71937" s="10"/>
    </row>
    <row r="71938" spans="14:14">
      <c r="N71938" s="10"/>
    </row>
    <row r="71939" spans="14:14">
      <c r="N71939" s="10"/>
    </row>
    <row r="71940" spans="14:14">
      <c r="N71940" s="10"/>
    </row>
    <row r="71941" spans="14:14">
      <c r="N71941" s="10"/>
    </row>
    <row r="71942" spans="14:14">
      <c r="N71942" s="10"/>
    </row>
    <row r="71943" spans="14:14">
      <c r="N71943" s="10"/>
    </row>
    <row r="71944" spans="14:14">
      <c r="N71944" s="10"/>
    </row>
    <row r="71945" spans="14:14">
      <c r="N71945" s="10"/>
    </row>
    <row r="71946" spans="14:14">
      <c r="N71946" s="10"/>
    </row>
    <row r="71947" spans="14:14">
      <c r="N71947" s="10"/>
    </row>
    <row r="71948" spans="14:14">
      <c r="N71948" s="10"/>
    </row>
    <row r="71949" spans="14:14">
      <c r="N71949" s="10"/>
    </row>
    <row r="71950" spans="14:14">
      <c r="N71950" s="10"/>
    </row>
    <row r="71951" spans="14:14">
      <c r="N71951" s="10"/>
    </row>
    <row r="71952" spans="14:14">
      <c r="N71952" s="10"/>
    </row>
    <row r="71953" spans="14:14">
      <c r="N71953" s="10"/>
    </row>
    <row r="71954" spans="14:14">
      <c r="N71954" s="10"/>
    </row>
    <row r="71955" spans="14:14">
      <c r="N71955" s="10"/>
    </row>
    <row r="71956" spans="14:14">
      <c r="N71956" s="10"/>
    </row>
    <row r="71957" spans="14:14">
      <c r="N71957" s="10"/>
    </row>
    <row r="71958" spans="14:14">
      <c r="N71958" s="10"/>
    </row>
    <row r="71959" spans="14:14">
      <c r="N71959" s="10"/>
    </row>
    <row r="71960" spans="14:14">
      <c r="N71960" s="10"/>
    </row>
    <row r="71961" spans="14:14">
      <c r="N71961" s="10"/>
    </row>
    <row r="71962" spans="14:14">
      <c r="N71962" s="10"/>
    </row>
    <row r="71963" spans="14:14">
      <c r="N71963" s="10"/>
    </row>
    <row r="71964" spans="14:14">
      <c r="N71964" s="10"/>
    </row>
    <row r="71965" spans="14:14">
      <c r="N71965" s="10"/>
    </row>
    <row r="71966" spans="14:14">
      <c r="N71966" s="10"/>
    </row>
    <row r="71967" spans="14:14">
      <c r="N71967" s="10"/>
    </row>
    <row r="71968" spans="14:14">
      <c r="N71968" s="10"/>
    </row>
    <row r="71969" spans="14:14">
      <c r="N71969" s="10"/>
    </row>
    <row r="71970" spans="14:14">
      <c r="N71970" s="10"/>
    </row>
    <row r="71971" spans="14:14">
      <c r="N71971" s="10"/>
    </row>
    <row r="71972" spans="14:14">
      <c r="N71972" s="10"/>
    </row>
    <row r="71973" spans="14:14">
      <c r="N71973" s="10"/>
    </row>
    <row r="71974" spans="14:14">
      <c r="N71974" s="10"/>
    </row>
    <row r="71975" spans="14:14">
      <c r="N71975" s="10"/>
    </row>
    <row r="71976" spans="14:14">
      <c r="N71976" s="10"/>
    </row>
    <row r="71977" spans="14:14">
      <c r="N71977" s="10"/>
    </row>
    <row r="71978" spans="14:14">
      <c r="N71978" s="10"/>
    </row>
    <row r="71979" spans="14:14">
      <c r="N71979" s="10"/>
    </row>
    <row r="71980" spans="14:14">
      <c r="N71980" s="10"/>
    </row>
    <row r="71981" spans="14:14">
      <c r="N71981" s="10"/>
    </row>
    <row r="71982" spans="14:14">
      <c r="N71982" s="10"/>
    </row>
    <row r="71983" spans="14:14">
      <c r="N71983" s="10"/>
    </row>
    <row r="71984" spans="14:14">
      <c r="N71984" s="10"/>
    </row>
    <row r="71985" spans="14:14">
      <c r="N71985" s="10"/>
    </row>
    <row r="71986" spans="14:14">
      <c r="N71986" s="10"/>
    </row>
    <row r="71987" spans="14:14">
      <c r="N71987" s="10"/>
    </row>
    <row r="71988" spans="14:14">
      <c r="N71988" s="10"/>
    </row>
    <row r="71989" spans="14:14">
      <c r="N71989" s="10"/>
    </row>
    <row r="71990" spans="14:14">
      <c r="N71990" s="10"/>
    </row>
    <row r="71991" spans="14:14">
      <c r="N71991" s="10"/>
    </row>
    <row r="71992" spans="14:14">
      <c r="N71992" s="10"/>
    </row>
    <row r="71993" spans="14:14">
      <c r="N71993" s="10"/>
    </row>
    <row r="71994" spans="14:14">
      <c r="N71994" s="10"/>
    </row>
    <row r="71995" spans="14:14">
      <c r="N71995" s="10"/>
    </row>
    <row r="71996" spans="14:14">
      <c r="N71996" s="10"/>
    </row>
    <row r="71997" spans="14:14">
      <c r="N71997" s="10"/>
    </row>
    <row r="71998" spans="14:14">
      <c r="N71998" s="10"/>
    </row>
    <row r="71999" spans="14:14">
      <c r="N71999" s="10"/>
    </row>
    <row r="72000" spans="14:14">
      <c r="N72000" s="10"/>
    </row>
    <row r="72001" spans="14:14">
      <c r="N72001" s="10"/>
    </row>
    <row r="72002" spans="14:14">
      <c r="N72002" s="10"/>
    </row>
    <row r="72003" spans="14:14">
      <c r="N72003" s="10"/>
    </row>
    <row r="72004" spans="14:14">
      <c r="N72004" s="10"/>
    </row>
    <row r="72005" spans="14:14">
      <c r="N72005" s="10"/>
    </row>
    <row r="72006" spans="14:14">
      <c r="N72006" s="10"/>
    </row>
    <row r="72007" spans="14:14">
      <c r="N72007" s="10"/>
    </row>
    <row r="72008" spans="14:14">
      <c r="N72008" s="10"/>
    </row>
    <row r="72009" spans="14:14">
      <c r="N72009" s="10"/>
    </row>
    <row r="72010" spans="14:14">
      <c r="N72010" s="10"/>
    </row>
    <row r="72011" spans="14:14">
      <c r="N72011" s="10"/>
    </row>
    <row r="72012" spans="14:14">
      <c r="N72012" s="10"/>
    </row>
    <row r="72013" spans="14:14">
      <c r="N72013" s="10"/>
    </row>
    <row r="72014" spans="14:14">
      <c r="N72014" s="10"/>
    </row>
    <row r="72015" spans="14:14">
      <c r="N72015" s="10"/>
    </row>
    <row r="72016" spans="14:14">
      <c r="N72016" s="10"/>
    </row>
    <row r="72017" spans="14:14">
      <c r="N72017" s="10"/>
    </row>
    <row r="72018" spans="14:14">
      <c r="N72018" s="10"/>
    </row>
    <row r="72019" spans="14:14">
      <c r="N72019" s="10"/>
    </row>
    <row r="72020" spans="14:14">
      <c r="N72020" s="10"/>
    </row>
    <row r="72021" spans="14:14">
      <c r="N72021" s="10"/>
    </row>
    <row r="72022" spans="14:14">
      <c r="N72022" s="10"/>
    </row>
    <row r="72023" spans="14:14">
      <c r="N72023" s="10"/>
    </row>
    <row r="72024" spans="14:14">
      <c r="N72024" s="10"/>
    </row>
    <row r="72025" spans="14:14">
      <c r="N72025" s="10"/>
    </row>
    <row r="72026" spans="14:14">
      <c r="N72026" s="10"/>
    </row>
    <row r="72027" spans="14:14">
      <c r="N72027" s="10"/>
    </row>
    <row r="72028" spans="14:14">
      <c r="N72028" s="10"/>
    </row>
    <row r="72029" spans="14:14">
      <c r="N72029" s="10"/>
    </row>
    <row r="72030" spans="14:14">
      <c r="N72030" s="10"/>
    </row>
    <row r="72031" spans="14:14">
      <c r="N72031" s="10"/>
    </row>
    <row r="72032" spans="14:14">
      <c r="N72032" s="10"/>
    </row>
    <row r="72033" spans="14:14">
      <c r="N72033" s="10"/>
    </row>
    <row r="72034" spans="14:14">
      <c r="N72034" s="10"/>
    </row>
    <row r="72035" spans="14:14">
      <c r="N72035" s="10"/>
    </row>
    <row r="72036" spans="14:14">
      <c r="N72036" s="10"/>
    </row>
    <row r="72037" spans="14:14">
      <c r="N72037" s="10"/>
    </row>
    <row r="72038" spans="14:14">
      <c r="N72038" s="10"/>
    </row>
    <row r="72039" spans="14:14">
      <c r="N72039" s="10"/>
    </row>
    <row r="72040" spans="14:14">
      <c r="N72040" s="10"/>
    </row>
    <row r="72041" spans="14:14">
      <c r="N72041" s="10"/>
    </row>
    <row r="72042" spans="14:14">
      <c r="N72042" s="10"/>
    </row>
    <row r="72043" spans="14:14">
      <c r="N72043" s="10"/>
    </row>
    <row r="72044" spans="14:14">
      <c r="N72044" s="10"/>
    </row>
    <row r="72045" spans="14:14">
      <c r="N72045" s="10"/>
    </row>
    <row r="72046" spans="14:14">
      <c r="N72046" s="10"/>
    </row>
    <row r="72047" spans="14:14">
      <c r="N72047" s="10"/>
    </row>
    <row r="72048" spans="14:14">
      <c r="N72048" s="10"/>
    </row>
    <row r="72049" spans="14:14">
      <c r="N72049" s="10"/>
    </row>
    <row r="72050" spans="14:14">
      <c r="N72050" s="10"/>
    </row>
    <row r="72051" spans="14:14">
      <c r="N72051" s="10"/>
    </row>
    <row r="72052" spans="14:14">
      <c r="N72052" s="10"/>
    </row>
    <row r="72053" spans="14:14">
      <c r="N72053" s="10"/>
    </row>
    <row r="72054" spans="14:14">
      <c r="N72054" s="10"/>
    </row>
    <row r="72055" spans="14:14">
      <c r="N72055" s="10"/>
    </row>
    <row r="72056" spans="14:14">
      <c r="N72056" s="10"/>
    </row>
    <row r="72057" spans="14:14">
      <c r="N72057" s="10"/>
    </row>
    <row r="72058" spans="14:14">
      <c r="N72058" s="10"/>
    </row>
    <row r="72059" spans="14:14">
      <c r="N72059" s="10"/>
    </row>
    <row r="72060" spans="14:14">
      <c r="N72060" s="10"/>
    </row>
    <row r="72061" spans="14:14">
      <c r="N72061" s="10"/>
    </row>
    <row r="72062" spans="14:14">
      <c r="N72062" s="10"/>
    </row>
    <row r="72063" spans="14:14">
      <c r="N72063" s="10"/>
    </row>
    <row r="72064" spans="14:14">
      <c r="N72064" s="10"/>
    </row>
    <row r="72065" spans="14:14">
      <c r="N72065" s="10"/>
    </row>
    <row r="72066" spans="14:14">
      <c r="N72066" s="10"/>
    </row>
    <row r="72067" spans="14:14">
      <c r="N72067" s="10"/>
    </row>
    <row r="72068" spans="14:14">
      <c r="N72068" s="10"/>
    </row>
    <row r="72069" spans="14:14">
      <c r="N72069" s="10"/>
    </row>
    <row r="72070" spans="14:14">
      <c r="N72070" s="10"/>
    </row>
    <row r="72071" spans="14:14">
      <c r="N72071" s="10"/>
    </row>
    <row r="72072" spans="14:14">
      <c r="N72072" s="10"/>
    </row>
    <row r="72073" spans="14:14">
      <c r="N72073" s="10"/>
    </row>
    <row r="72074" spans="14:14">
      <c r="N72074" s="10"/>
    </row>
    <row r="72075" spans="14:14">
      <c r="N72075" s="10"/>
    </row>
    <row r="72076" spans="14:14">
      <c r="N72076" s="10"/>
    </row>
    <row r="72077" spans="14:14">
      <c r="N72077" s="10"/>
    </row>
    <row r="72078" spans="14:14">
      <c r="N72078" s="10"/>
    </row>
    <row r="72079" spans="14:14">
      <c r="N72079" s="10"/>
    </row>
    <row r="72080" spans="14:14">
      <c r="N72080" s="10"/>
    </row>
    <row r="72081" spans="14:14">
      <c r="N72081" s="10"/>
    </row>
    <row r="72082" spans="14:14">
      <c r="N72082" s="10"/>
    </row>
    <row r="72083" spans="14:14">
      <c r="N72083" s="10"/>
    </row>
    <row r="72084" spans="14:14">
      <c r="N72084" s="10"/>
    </row>
    <row r="72085" spans="14:14">
      <c r="N72085" s="10"/>
    </row>
    <row r="72086" spans="14:14">
      <c r="N72086" s="10"/>
    </row>
    <row r="72087" spans="14:14">
      <c r="N72087" s="10"/>
    </row>
    <row r="72088" spans="14:14">
      <c r="N72088" s="10"/>
    </row>
    <row r="72089" spans="14:14">
      <c r="N72089" s="10"/>
    </row>
    <row r="72090" spans="14:14">
      <c r="N72090" s="10"/>
    </row>
    <row r="72091" spans="14:14">
      <c r="N72091" s="10"/>
    </row>
    <row r="72092" spans="14:14">
      <c r="N72092" s="10"/>
    </row>
    <row r="72093" spans="14:14">
      <c r="N72093" s="10"/>
    </row>
    <row r="72094" spans="14:14">
      <c r="N72094" s="10"/>
    </row>
    <row r="72095" spans="14:14">
      <c r="N72095" s="10"/>
    </row>
    <row r="72096" spans="14:14">
      <c r="N72096" s="10"/>
    </row>
    <row r="72097" spans="14:14">
      <c r="N72097" s="10"/>
    </row>
    <row r="72098" spans="14:14">
      <c r="N72098" s="10"/>
    </row>
    <row r="72099" spans="14:14">
      <c r="N72099" s="10"/>
    </row>
    <row r="72100" spans="14:14">
      <c r="N72100" s="10"/>
    </row>
    <row r="72101" spans="14:14">
      <c r="N72101" s="10"/>
    </row>
    <row r="72102" spans="14:14">
      <c r="N72102" s="10"/>
    </row>
    <row r="72103" spans="14:14">
      <c r="N72103" s="10"/>
    </row>
    <row r="72104" spans="14:14">
      <c r="N72104" s="10"/>
    </row>
    <row r="72105" spans="14:14">
      <c r="N72105" s="10"/>
    </row>
    <row r="72106" spans="14:14">
      <c r="N72106" s="10"/>
    </row>
    <row r="72107" spans="14:14">
      <c r="N72107" s="10"/>
    </row>
    <row r="72108" spans="14:14">
      <c r="N72108" s="10"/>
    </row>
    <row r="72109" spans="14:14">
      <c r="N72109" s="10"/>
    </row>
    <row r="72110" spans="14:14">
      <c r="N72110" s="10"/>
    </row>
    <row r="72111" spans="14:14">
      <c r="N72111" s="10"/>
    </row>
    <row r="72112" spans="14:14">
      <c r="N72112" s="10"/>
    </row>
    <row r="72113" spans="14:14">
      <c r="N72113" s="10"/>
    </row>
    <row r="72114" spans="14:14">
      <c r="N72114" s="10"/>
    </row>
    <row r="72115" spans="14:14">
      <c r="N72115" s="10"/>
    </row>
    <row r="72116" spans="14:14">
      <c r="N72116" s="10"/>
    </row>
    <row r="72117" spans="14:14">
      <c r="N72117" s="10"/>
    </row>
    <row r="72118" spans="14:14">
      <c r="N72118" s="10"/>
    </row>
    <row r="72119" spans="14:14">
      <c r="N72119" s="10"/>
    </row>
    <row r="72120" spans="14:14">
      <c r="N72120" s="10"/>
    </row>
    <row r="72121" spans="14:14">
      <c r="N72121" s="10"/>
    </row>
    <row r="72122" spans="14:14">
      <c r="N72122" s="10"/>
    </row>
    <row r="72123" spans="14:14">
      <c r="N72123" s="10"/>
    </row>
    <row r="72124" spans="14:14">
      <c r="N72124" s="10"/>
    </row>
    <row r="72125" spans="14:14">
      <c r="N72125" s="10"/>
    </row>
    <row r="72126" spans="14:14">
      <c r="N72126" s="10"/>
    </row>
    <row r="72127" spans="14:14">
      <c r="N72127" s="10"/>
    </row>
    <row r="72128" spans="14:14">
      <c r="N72128" s="10"/>
    </row>
    <row r="72129" spans="14:14">
      <c r="N72129" s="10"/>
    </row>
    <row r="72130" spans="14:14">
      <c r="N72130" s="10"/>
    </row>
    <row r="72131" spans="14:14">
      <c r="N72131" s="10"/>
    </row>
    <row r="72132" spans="14:14">
      <c r="N72132" s="10"/>
    </row>
    <row r="72133" spans="14:14">
      <c r="N72133" s="10"/>
    </row>
    <row r="72134" spans="14:14">
      <c r="N72134" s="10"/>
    </row>
    <row r="72135" spans="14:14">
      <c r="N72135" s="10"/>
    </row>
    <row r="72136" spans="14:14">
      <c r="N72136" s="10"/>
    </row>
    <row r="72137" spans="14:14">
      <c r="N72137" s="10"/>
    </row>
    <row r="72138" spans="14:14">
      <c r="N72138" s="10"/>
    </row>
    <row r="72139" spans="14:14">
      <c r="N72139" s="10"/>
    </row>
    <row r="72140" spans="14:14">
      <c r="N72140" s="10"/>
    </row>
    <row r="72141" spans="14:14">
      <c r="N72141" s="10"/>
    </row>
    <row r="72142" spans="14:14">
      <c r="N72142" s="10"/>
    </row>
    <row r="72143" spans="14:14">
      <c r="N72143" s="10"/>
    </row>
    <row r="72144" spans="14:14">
      <c r="N72144" s="10"/>
    </row>
    <row r="72145" spans="14:14">
      <c r="N72145" s="10"/>
    </row>
    <row r="72146" spans="14:14">
      <c r="N72146" s="10"/>
    </row>
    <row r="72147" spans="14:14">
      <c r="N72147" s="10"/>
    </row>
    <row r="72148" spans="14:14">
      <c r="N72148" s="10"/>
    </row>
    <row r="72149" spans="14:14">
      <c r="N72149" s="10"/>
    </row>
    <row r="72150" spans="14:14">
      <c r="N72150" s="10"/>
    </row>
    <row r="72151" spans="14:14">
      <c r="N72151" s="10"/>
    </row>
    <row r="72152" spans="14:14">
      <c r="N72152" s="10"/>
    </row>
    <row r="72153" spans="14:14">
      <c r="N72153" s="10"/>
    </row>
    <row r="72154" spans="14:14">
      <c r="N72154" s="10"/>
    </row>
    <row r="72155" spans="14:14">
      <c r="N72155" s="10"/>
    </row>
    <row r="72156" spans="14:14">
      <c r="N72156" s="10"/>
    </row>
    <row r="72157" spans="14:14">
      <c r="N72157" s="10"/>
    </row>
    <row r="72158" spans="14:14">
      <c r="N72158" s="10"/>
    </row>
    <row r="72159" spans="14:14">
      <c r="N72159" s="10"/>
    </row>
    <row r="72160" spans="14:14">
      <c r="N72160" s="10"/>
    </row>
    <row r="72161" spans="14:14">
      <c r="N72161" s="10"/>
    </row>
    <row r="72162" spans="14:14">
      <c r="N72162" s="10"/>
    </row>
    <row r="72163" spans="14:14">
      <c r="N72163" s="10"/>
    </row>
    <row r="72164" spans="14:14">
      <c r="N72164" s="10"/>
    </row>
    <row r="72165" spans="14:14">
      <c r="N72165" s="10"/>
    </row>
    <row r="72166" spans="14:14">
      <c r="N72166" s="10"/>
    </row>
    <row r="72167" spans="14:14">
      <c r="N72167" s="10"/>
    </row>
    <row r="72168" spans="14:14">
      <c r="N72168" s="10"/>
    </row>
    <row r="72169" spans="14:14">
      <c r="N72169" s="10"/>
    </row>
    <row r="72170" spans="14:14">
      <c r="N72170" s="10"/>
    </row>
    <row r="72171" spans="14:14">
      <c r="N72171" s="10"/>
    </row>
    <row r="72172" spans="14:14">
      <c r="N72172" s="10"/>
    </row>
    <row r="72173" spans="14:14">
      <c r="N72173" s="10"/>
    </row>
    <row r="72174" spans="14:14">
      <c r="N72174" s="10"/>
    </row>
    <row r="72175" spans="14:14">
      <c r="N72175" s="10"/>
    </row>
    <row r="72176" spans="14:14">
      <c r="N72176" s="10"/>
    </row>
    <row r="72177" spans="14:14">
      <c r="N72177" s="10"/>
    </row>
    <row r="72178" spans="14:14">
      <c r="N72178" s="10"/>
    </row>
    <row r="72179" spans="14:14">
      <c r="N72179" s="10"/>
    </row>
    <row r="72180" spans="14:14">
      <c r="N72180" s="10"/>
    </row>
    <row r="72181" spans="14:14">
      <c r="N72181" s="10"/>
    </row>
    <row r="72182" spans="14:14">
      <c r="N72182" s="10"/>
    </row>
    <row r="72183" spans="14:14">
      <c r="N72183" s="10"/>
    </row>
    <row r="72184" spans="14:14">
      <c r="N72184" s="10"/>
    </row>
    <row r="72185" spans="14:14">
      <c r="N72185" s="10"/>
    </row>
    <row r="72186" spans="14:14">
      <c r="N72186" s="10"/>
    </row>
    <row r="72187" spans="14:14">
      <c r="N72187" s="10"/>
    </row>
    <row r="72188" spans="14:14">
      <c r="N72188" s="10"/>
    </row>
    <row r="72189" spans="14:14">
      <c r="N72189" s="10"/>
    </row>
    <row r="72190" spans="14:14">
      <c r="N72190" s="10"/>
    </row>
    <row r="72191" spans="14:14">
      <c r="N72191" s="10"/>
    </row>
    <row r="72192" spans="14:14">
      <c r="N72192" s="10"/>
    </row>
    <row r="72193" spans="14:14">
      <c r="N72193" s="10"/>
    </row>
    <row r="72194" spans="14:14">
      <c r="N72194" s="10"/>
    </row>
    <row r="72195" spans="14:14">
      <c r="N72195" s="10"/>
    </row>
    <row r="72196" spans="14:14">
      <c r="N72196" s="10"/>
    </row>
    <row r="72197" spans="14:14">
      <c r="N72197" s="10"/>
    </row>
    <row r="72198" spans="14:14">
      <c r="N72198" s="10"/>
    </row>
    <row r="72199" spans="14:14">
      <c r="N72199" s="10"/>
    </row>
    <row r="72200" spans="14:14">
      <c r="N72200" s="10"/>
    </row>
    <row r="72201" spans="14:14">
      <c r="N72201" s="10"/>
    </row>
    <row r="72202" spans="14:14">
      <c r="N72202" s="10"/>
    </row>
    <row r="72203" spans="14:14">
      <c r="N72203" s="10"/>
    </row>
    <row r="72204" spans="14:14">
      <c r="N72204" s="10"/>
    </row>
    <row r="72205" spans="14:14">
      <c r="N72205" s="10"/>
    </row>
    <row r="72206" spans="14:14">
      <c r="N72206" s="10"/>
    </row>
    <row r="72207" spans="14:14">
      <c r="N72207" s="10"/>
    </row>
    <row r="72208" spans="14:14">
      <c r="N72208" s="10"/>
    </row>
    <row r="72209" spans="14:14">
      <c r="N72209" s="10"/>
    </row>
    <row r="72210" spans="14:14">
      <c r="N72210" s="10"/>
    </row>
    <row r="72211" spans="14:14">
      <c r="N72211" s="10"/>
    </row>
    <row r="72212" spans="14:14">
      <c r="N72212" s="10"/>
    </row>
    <row r="72213" spans="14:14">
      <c r="N72213" s="10"/>
    </row>
    <row r="72214" spans="14:14">
      <c r="N72214" s="10"/>
    </row>
    <row r="72215" spans="14:14">
      <c r="N72215" s="10"/>
    </row>
    <row r="72216" spans="14:14">
      <c r="N72216" s="10"/>
    </row>
    <row r="72217" spans="14:14">
      <c r="N72217" s="10"/>
    </row>
    <row r="72218" spans="14:14">
      <c r="N72218" s="10"/>
    </row>
    <row r="72219" spans="14:14">
      <c r="N72219" s="10"/>
    </row>
    <row r="72220" spans="14:14">
      <c r="N72220" s="10"/>
    </row>
    <row r="72221" spans="14:14">
      <c r="N72221" s="10"/>
    </row>
    <row r="72222" spans="14:14">
      <c r="N72222" s="10"/>
    </row>
    <row r="72223" spans="14:14">
      <c r="N72223" s="10"/>
    </row>
    <row r="72224" spans="14:14">
      <c r="N72224" s="10"/>
    </row>
    <row r="72225" spans="14:14">
      <c r="N72225" s="10"/>
    </row>
    <row r="72226" spans="14:14">
      <c r="N72226" s="10"/>
    </row>
    <row r="72227" spans="14:14">
      <c r="N72227" s="10"/>
    </row>
    <row r="72228" spans="14:14">
      <c r="N72228" s="10"/>
    </row>
    <row r="72229" spans="14:14">
      <c r="N72229" s="10"/>
    </row>
    <row r="72230" spans="14:14">
      <c r="N72230" s="10"/>
    </row>
    <row r="72231" spans="14:14">
      <c r="N72231" s="10"/>
    </row>
    <row r="72232" spans="14:14">
      <c r="N72232" s="10"/>
    </row>
    <row r="72233" spans="14:14">
      <c r="N72233" s="10"/>
    </row>
    <row r="72234" spans="14:14">
      <c r="N72234" s="10"/>
    </row>
    <row r="72235" spans="14:14">
      <c r="N72235" s="10"/>
    </row>
    <row r="72236" spans="14:14">
      <c r="N72236" s="10"/>
    </row>
    <row r="72237" spans="14:14">
      <c r="N72237" s="10"/>
    </row>
    <row r="72238" spans="14:14">
      <c r="N72238" s="10"/>
    </row>
    <row r="72239" spans="14:14">
      <c r="N72239" s="10"/>
    </row>
    <row r="72240" spans="14:14">
      <c r="N72240" s="10"/>
    </row>
    <row r="72241" spans="14:14">
      <c r="N72241" s="10"/>
    </row>
    <row r="72242" spans="14:14">
      <c r="N72242" s="10"/>
    </row>
    <row r="72243" spans="14:14">
      <c r="N72243" s="10"/>
    </row>
    <row r="72244" spans="14:14">
      <c r="N72244" s="10"/>
    </row>
    <row r="72245" spans="14:14">
      <c r="N72245" s="10"/>
    </row>
    <row r="72246" spans="14:14">
      <c r="N72246" s="10"/>
    </row>
    <row r="72247" spans="14:14">
      <c r="N72247" s="10"/>
    </row>
    <row r="72248" spans="14:14">
      <c r="N72248" s="10"/>
    </row>
    <row r="72249" spans="14:14">
      <c r="N72249" s="10"/>
    </row>
    <row r="72250" spans="14:14">
      <c r="N72250" s="10"/>
    </row>
    <row r="72251" spans="14:14">
      <c r="N72251" s="10"/>
    </row>
    <row r="72252" spans="14:14">
      <c r="N72252" s="10"/>
    </row>
    <row r="72253" spans="14:14">
      <c r="N72253" s="10"/>
    </row>
    <row r="72254" spans="14:14">
      <c r="N72254" s="10"/>
    </row>
    <row r="72255" spans="14:14">
      <c r="N72255" s="10"/>
    </row>
    <row r="72256" spans="14:14">
      <c r="N72256" s="10"/>
    </row>
    <row r="72257" spans="14:14">
      <c r="N72257" s="10"/>
    </row>
    <row r="72258" spans="14:14">
      <c r="N72258" s="10"/>
    </row>
    <row r="72259" spans="14:14">
      <c r="N72259" s="10"/>
    </row>
    <row r="72260" spans="14:14">
      <c r="N72260" s="10"/>
    </row>
    <row r="72261" spans="14:14">
      <c r="N72261" s="10"/>
    </row>
    <row r="72262" spans="14:14">
      <c r="N72262" s="10"/>
    </row>
    <row r="72263" spans="14:14">
      <c r="N72263" s="10"/>
    </row>
    <row r="72264" spans="14:14">
      <c r="N72264" s="10"/>
    </row>
    <row r="72265" spans="14:14">
      <c r="N72265" s="10"/>
    </row>
    <row r="72266" spans="14:14">
      <c r="N72266" s="10"/>
    </row>
    <row r="72267" spans="14:14">
      <c r="N72267" s="10"/>
    </row>
    <row r="72268" spans="14:14">
      <c r="N72268" s="10"/>
    </row>
    <row r="72269" spans="14:14">
      <c r="N72269" s="10"/>
    </row>
    <row r="72270" spans="14:14">
      <c r="N72270" s="10"/>
    </row>
    <row r="72271" spans="14:14">
      <c r="N72271" s="10"/>
    </row>
    <row r="72272" spans="14:14">
      <c r="N72272" s="10"/>
    </row>
    <row r="72273" spans="14:14">
      <c r="N72273" s="10"/>
    </row>
    <row r="72274" spans="14:14">
      <c r="N72274" s="10"/>
    </row>
    <row r="72275" spans="14:14">
      <c r="N72275" s="10"/>
    </row>
    <row r="72276" spans="14:14">
      <c r="N72276" s="10"/>
    </row>
    <row r="72277" spans="14:14">
      <c r="N72277" s="10"/>
    </row>
    <row r="72278" spans="14:14">
      <c r="N72278" s="10"/>
    </row>
    <row r="72279" spans="14:14">
      <c r="N72279" s="10"/>
    </row>
    <row r="72280" spans="14:14">
      <c r="N72280" s="10"/>
    </row>
    <row r="72281" spans="14:14">
      <c r="N72281" s="10"/>
    </row>
    <row r="72282" spans="14:14">
      <c r="N72282" s="10"/>
    </row>
    <row r="72283" spans="14:14">
      <c r="N72283" s="10"/>
    </row>
    <row r="72284" spans="14:14">
      <c r="N72284" s="10"/>
    </row>
    <row r="72285" spans="14:14">
      <c r="N72285" s="10"/>
    </row>
    <row r="72286" spans="14:14">
      <c r="N72286" s="10"/>
    </row>
    <row r="72287" spans="14:14">
      <c r="N72287" s="10"/>
    </row>
    <row r="72288" spans="14:14">
      <c r="N72288" s="10"/>
    </row>
    <row r="72289" spans="14:14">
      <c r="N72289" s="10"/>
    </row>
    <row r="72290" spans="14:14">
      <c r="N72290" s="10"/>
    </row>
    <row r="72291" spans="14:14">
      <c r="N72291" s="10"/>
    </row>
    <row r="72292" spans="14:14">
      <c r="N72292" s="10"/>
    </row>
    <row r="72293" spans="14:14">
      <c r="N72293" s="10"/>
    </row>
    <row r="72294" spans="14:14">
      <c r="N72294" s="10"/>
    </row>
    <row r="72295" spans="14:14">
      <c r="N72295" s="10"/>
    </row>
    <row r="72296" spans="14:14">
      <c r="N72296" s="10"/>
    </row>
    <row r="72297" spans="14:14">
      <c r="N72297" s="10"/>
    </row>
    <row r="72298" spans="14:14">
      <c r="N72298" s="10"/>
    </row>
    <row r="72299" spans="14:14">
      <c r="N72299" s="10"/>
    </row>
    <row r="72300" spans="14:14">
      <c r="N72300" s="10"/>
    </row>
    <row r="72301" spans="14:14">
      <c r="N72301" s="10"/>
    </row>
    <row r="72302" spans="14:14">
      <c r="N72302" s="10"/>
    </row>
    <row r="72303" spans="14:14">
      <c r="N72303" s="10"/>
    </row>
    <row r="72304" spans="14:14">
      <c r="N72304" s="10"/>
    </row>
    <row r="72305" spans="14:14">
      <c r="N72305" s="10"/>
    </row>
    <row r="72306" spans="14:14">
      <c r="N72306" s="10"/>
    </row>
    <row r="72307" spans="14:14">
      <c r="N72307" s="10"/>
    </row>
    <row r="72308" spans="14:14">
      <c r="N72308" s="10"/>
    </row>
    <row r="72309" spans="14:14">
      <c r="N72309" s="10"/>
    </row>
    <row r="72310" spans="14:14">
      <c r="N72310" s="10"/>
    </row>
    <row r="72311" spans="14:14">
      <c r="N72311" s="10"/>
    </row>
    <row r="72312" spans="14:14">
      <c r="N72312" s="10"/>
    </row>
    <row r="72313" spans="14:14">
      <c r="N72313" s="10"/>
    </row>
    <row r="72314" spans="14:14">
      <c r="N72314" s="10"/>
    </row>
    <row r="72315" spans="14:14">
      <c r="N72315" s="10"/>
    </row>
    <row r="72316" spans="14:14">
      <c r="N72316" s="10"/>
    </row>
    <row r="72317" spans="14:14">
      <c r="N72317" s="10"/>
    </row>
    <row r="72318" spans="14:14">
      <c r="N72318" s="10"/>
    </row>
    <row r="72319" spans="14:14">
      <c r="N72319" s="10"/>
    </row>
    <row r="72320" spans="14:14">
      <c r="N72320" s="10"/>
    </row>
    <row r="72321" spans="14:14">
      <c r="N72321" s="10"/>
    </row>
    <row r="72322" spans="14:14">
      <c r="N72322" s="10"/>
    </row>
    <row r="72323" spans="14:14">
      <c r="N72323" s="10"/>
    </row>
    <row r="72324" spans="14:14">
      <c r="N72324" s="10"/>
    </row>
    <row r="72325" spans="14:14">
      <c r="N72325" s="10"/>
    </row>
    <row r="72326" spans="14:14">
      <c r="N72326" s="10"/>
    </row>
    <row r="72327" spans="14:14">
      <c r="N72327" s="10"/>
    </row>
    <row r="72328" spans="14:14">
      <c r="N72328" s="10"/>
    </row>
    <row r="72329" spans="14:14">
      <c r="N72329" s="10"/>
    </row>
    <row r="72330" spans="14:14">
      <c r="N72330" s="10"/>
    </row>
    <row r="72331" spans="14:14">
      <c r="N72331" s="10"/>
    </row>
    <row r="72332" spans="14:14">
      <c r="N72332" s="10"/>
    </row>
    <row r="72333" spans="14:14">
      <c r="N72333" s="10"/>
    </row>
    <row r="72334" spans="14:14">
      <c r="N72334" s="10"/>
    </row>
    <row r="72335" spans="14:14">
      <c r="N72335" s="10"/>
    </row>
    <row r="72336" spans="14:14">
      <c r="N72336" s="10"/>
    </row>
    <row r="72337" spans="14:14">
      <c r="N72337" s="10"/>
    </row>
    <row r="72338" spans="14:14">
      <c r="N72338" s="10"/>
    </row>
    <row r="72339" spans="14:14">
      <c r="N72339" s="10"/>
    </row>
    <row r="72340" spans="14:14">
      <c r="N72340" s="10"/>
    </row>
    <row r="72341" spans="14:14">
      <c r="N72341" s="10"/>
    </row>
    <row r="72342" spans="14:14">
      <c r="N72342" s="10"/>
    </row>
    <row r="72343" spans="14:14">
      <c r="N72343" s="10"/>
    </row>
    <row r="72344" spans="14:14">
      <c r="N72344" s="10"/>
    </row>
    <row r="72345" spans="14:14">
      <c r="N72345" s="10"/>
    </row>
    <row r="72346" spans="14:14">
      <c r="N72346" s="10"/>
    </row>
    <row r="72347" spans="14:14">
      <c r="N72347" s="10"/>
    </row>
    <row r="72348" spans="14:14">
      <c r="N72348" s="10"/>
    </row>
    <row r="72349" spans="14:14">
      <c r="N72349" s="10"/>
    </row>
    <row r="72350" spans="14:14">
      <c r="N72350" s="10"/>
    </row>
    <row r="72351" spans="14:14">
      <c r="N72351" s="10"/>
    </row>
    <row r="72352" spans="14:14">
      <c r="N72352" s="10"/>
    </row>
    <row r="72353" spans="14:14">
      <c r="N72353" s="10"/>
    </row>
    <row r="72354" spans="14:14">
      <c r="N72354" s="10"/>
    </row>
    <row r="72355" spans="14:14">
      <c r="N72355" s="10"/>
    </row>
    <row r="72356" spans="14:14">
      <c r="N72356" s="10"/>
    </row>
    <row r="72357" spans="14:14">
      <c r="N72357" s="10"/>
    </row>
    <row r="72358" spans="14:14">
      <c r="N72358" s="10"/>
    </row>
    <row r="72359" spans="14:14">
      <c r="N72359" s="10"/>
    </row>
    <row r="72360" spans="14:14">
      <c r="N72360" s="10"/>
    </row>
    <row r="72361" spans="14:14">
      <c r="N72361" s="10"/>
    </row>
    <row r="72362" spans="14:14">
      <c r="N72362" s="10"/>
    </row>
    <row r="72363" spans="14:14">
      <c r="N72363" s="10"/>
    </row>
    <row r="72364" spans="14:14">
      <c r="N72364" s="10"/>
    </row>
    <row r="72365" spans="14:14">
      <c r="N72365" s="10"/>
    </row>
    <row r="72366" spans="14:14">
      <c r="N72366" s="10"/>
    </row>
    <row r="72367" spans="14:14">
      <c r="N72367" s="10"/>
    </row>
    <row r="72368" spans="14:14">
      <c r="N72368" s="10"/>
    </row>
    <row r="72369" spans="14:14">
      <c r="N72369" s="10"/>
    </row>
    <row r="72370" spans="14:14">
      <c r="N72370" s="10"/>
    </row>
    <row r="72371" spans="14:14">
      <c r="N72371" s="10"/>
    </row>
    <row r="72372" spans="14:14">
      <c r="N72372" s="10"/>
    </row>
    <row r="72373" spans="14:14">
      <c r="N72373" s="10"/>
    </row>
    <row r="72374" spans="14:14">
      <c r="N72374" s="10"/>
    </row>
    <row r="72375" spans="14:14">
      <c r="N72375" s="10"/>
    </row>
    <row r="72376" spans="14:14">
      <c r="N72376" s="10"/>
    </row>
    <row r="72377" spans="14:14">
      <c r="N72377" s="10"/>
    </row>
    <row r="72378" spans="14:14">
      <c r="N72378" s="10"/>
    </row>
    <row r="72379" spans="14:14">
      <c r="N72379" s="10"/>
    </row>
    <row r="72380" spans="14:14">
      <c r="N72380" s="10"/>
    </row>
    <row r="72381" spans="14:14">
      <c r="N72381" s="10"/>
    </row>
    <row r="72382" spans="14:14">
      <c r="N72382" s="10"/>
    </row>
    <row r="72383" spans="14:14">
      <c r="N72383" s="10"/>
    </row>
    <row r="72384" spans="14:14">
      <c r="N72384" s="10"/>
    </row>
    <row r="72385" spans="14:14">
      <c r="N72385" s="10"/>
    </row>
    <row r="72386" spans="14:14">
      <c r="N72386" s="10"/>
    </row>
    <row r="72387" spans="14:14">
      <c r="N72387" s="10"/>
    </row>
    <row r="72388" spans="14:14">
      <c r="N72388" s="10"/>
    </row>
    <row r="72389" spans="14:14">
      <c r="N72389" s="10"/>
    </row>
    <row r="72390" spans="14:14">
      <c r="N72390" s="10"/>
    </row>
    <row r="72391" spans="14:14">
      <c r="N72391" s="10"/>
    </row>
    <row r="72392" spans="14:14">
      <c r="N72392" s="10"/>
    </row>
    <row r="72393" spans="14:14">
      <c r="N72393" s="10"/>
    </row>
    <row r="72394" spans="14:14">
      <c r="N72394" s="10"/>
    </row>
    <row r="72395" spans="14:14">
      <c r="N72395" s="10"/>
    </row>
    <row r="72396" spans="14:14">
      <c r="N72396" s="10"/>
    </row>
    <row r="72397" spans="14:14">
      <c r="N72397" s="10"/>
    </row>
    <row r="72398" spans="14:14">
      <c r="N72398" s="10"/>
    </row>
    <row r="72399" spans="14:14">
      <c r="N72399" s="10"/>
    </row>
    <row r="72400" spans="14:14">
      <c r="N72400" s="10"/>
    </row>
    <row r="72401" spans="14:14">
      <c r="N72401" s="10"/>
    </row>
    <row r="72402" spans="14:14">
      <c r="N72402" s="10"/>
    </row>
    <row r="72403" spans="14:14">
      <c r="N72403" s="10"/>
    </row>
    <row r="72404" spans="14:14">
      <c r="N72404" s="10"/>
    </row>
    <row r="72405" spans="14:14">
      <c r="N72405" s="10"/>
    </row>
    <row r="72406" spans="14:14">
      <c r="N72406" s="10"/>
    </row>
    <row r="72407" spans="14:14">
      <c r="N72407" s="10"/>
    </row>
    <row r="72408" spans="14:14">
      <c r="N72408" s="10"/>
    </row>
    <row r="72409" spans="14:14">
      <c r="N72409" s="10"/>
    </row>
    <row r="72410" spans="14:14">
      <c r="N72410" s="10"/>
    </row>
    <row r="72411" spans="14:14">
      <c r="N72411" s="10"/>
    </row>
    <row r="72412" spans="14:14">
      <c r="N72412" s="10"/>
    </row>
    <row r="72413" spans="14:14">
      <c r="N72413" s="10"/>
    </row>
    <row r="72414" spans="14:14">
      <c r="N72414" s="10"/>
    </row>
    <row r="72415" spans="14:14">
      <c r="N72415" s="10"/>
    </row>
    <row r="72416" spans="14:14">
      <c r="N72416" s="10"/>
    </row>
    <row r="72417" spans="14:14">
      <c r="N72417" s="10"/>
    </row>
    <row r="72418" spans="14:14">
      <c r="N72418" s="10"/>
    </row>
    <row r="72419" spans="14:14">
      <c r="N72419" s="10"/>
    </row>
    <row r="72420" spans="14:14">
      <c r="N72420" s="10"/>
    </row>
    <row r="72421" spans="14:14">
      <c r="N72421" s="10"/>
    </row>
    <row r="72422" spans="14:14">
      <c r="N72422" s="10"/>
    </row>
    <row r="72423" spans="14:14">
      <c r="N72423" s="10"/>
    </row>
    <row r="72424" spans="14:14">
      <c r="N72424" s="10"/>
    </row>
    <row r="72425" spans="14:14">
      <c r="N72425" s="10"/>
    </row>
    <row r="72426" spans="14:14">
      <c r="N72426" s="10"/>
    </row>
    <row r="72427" spans="14:14">
      <c r="N72427" s="10"/>
    </row>
    <row r="72428" spans="14:14">
      <c r="N72428" s="10"/>
    </row>
    <row r="72429" spans="14:14">
      <c r="N72429" s="10"/>
    </row>
    <row r="72430" spans="14:14">
      <c r="N72430" s="10"/>
    </row>
    <row r="72431" spans="14:14">
      <c r="N72431" s="10"/>
    </row>
    <row r="72432" spans="14:14">
      <c r="N72432" s="10"/>
    </row>
    <row r="72433" spans="14:14">
      <c r="N72433" s="10"/>
    </row>
    <row r="72434" spans="14:14">
      <c r="N72434" s="10"/>
    </row>
    <row r="72435" spans="14:14">
      <c r="N72435" s="10"/>
    </row>
    <row r="72436" spans="14:14">
      <c r="N72436" s="10"/>
    </row>
    <row r="72437" spans="14:14">
      <c r="N72437" s="10"/>
    </row>
    <row r="72438" spans="14:14">
      <c r="N72438" s="10"/>
    </row>
    <row r="72439" spans="14:14">
      <c r="N72439" s="10"/>
    </row>
    <row r="72440" spans="14:14">
      <c r="N72440" s="10"/>
    </row>
    <row r="72441" spans="14:14">
      <c r="N72441" s="10"/>
    </row>
    <row r="72442" spans="14:14">
      <c r="N72442" s="10"/>
    </row>
    <row r="72443" spans="14:14">
      <c r="N72443" s="10"/>
    </row>
    <row r="72444" spans="14:14">
      <c r="N72444" s="10"/>
    </row>
    <row r="72445" spans="14:14">
      <c r="N72445" s="10"/>
    </row>
    <row r="72446" spans="14:14">
      <c r="N72446" s="10"/>
    </row>
    <row r="72447" spans="14:14">
      <c r="N72447" s="10"/>
    </row>
    <row r="72448" spans="14:14">
      <c r="N72448" s="10"/>
    </row>
    <row r="72449" spans="14:14">
      <c r="N72449" s="10"/>
    </row>
    <row r="72450" spans="14:14">
      <c r="N72450" s="10"/>
    </row>
    <row r="72451" spans="14:14">
      <c r="N72451" s="10"/>
    </row>
    <row r="72452" spans="14:14">
      <c r="N72452" s="10"/>
    </row>
    <row r="72453" spans="14:14">
      <c r="N72453" s="10"/>
    </row>
    <row r="72454" spans="14:14">
      <c r="N72454" s="10"/>
    </row>
    <row r="72455" spans="14:14">
      <c r="N72455" s="10"/>
    </row>
    <row r="72456" spans="14:14">
      <c r="N72456" s="10"/>
    </row>
    <row r="72457" spans="14:14">
      <c r="N72457" s="10"/>
    </row>
    <row r="72458" spans="14:14">
      <c r="N72458" s="10"/>
    </row>
    <row r="72459" spans="14:14">
      <c r="N72459" s="10"/>
    </row>
    <row r="72460" spans="14:14">
      <c r="N72460" s="10"/>
    </row>
    <row r="72461" spans="14:14">
      <c r="N72461" s="10"/>
    </row>
    <row r="72462" spans="14:14">
      <c r="N72462" s="10"/>
    </row>
    <row r="72463" spans="14:14">
      <c r="N72463" s="10"/>
    </row>
    <row r="72464" spans="14:14">
      <c r="N72464" s="10"/>
    </row>
    <row r="72465" spans="14:14">
      <c r="N72465" s="10"/>
    </row>
    <row r="72466" spans="14:14">
      <c r="N72466" s="10"/>
    </row>
    <row r="72467" spans="14:14">
      <c r="N72467" s="10"/>
    </row>
    <row r="72468" spans="14:14">
      <c r="N72468" s="10"/>
    </row>
    <row r="72469" spans="14:14">
      <c r="N72469" s="10"/>
    </row>
    <row r="72470" spans="14:14">
      <c r="N72470" s="10"/>
    </row>
    <row r="72471" spans="14:14">
      <c r="N72471" s="10"/>
    </row>
    <row r="72472" spans="14:14">
      <c r="N72472" s="10"/>
    </row>
    <row r="72473" spans="14:14">
      <c r="N72473" s="10"/>
    </row>
    <row r="72474" spans="14:14">
      <c r="N72474" s="10"/>
    </row>
    <row r="72475" spans="14:14">
      <c r="N72475" s="10"/>
    </row>
    <row r="72476" spans="14:14">
      <c r="N72476" s="10"/>
    </row>
    <row r="72477" spans="14:14">
      <c r="N72477" s="10"/>
    </row>
    <row r="72478" spans="14:14">
      <c r="N72478" s="10"/>
    </row>
    <row r="72479" spans="14:14">
      <c r="N72479" s="10"/>
    </row>
    <row r="72480" spans="14:14">
      <c r="N72480" s="10"/>
    </row>
    <row r="72481" spans="14:14">
      <c r="N72481" s="10"/>
    </row>
    <row r="72482" spans="14:14">
      <c r="N72482" s="10"/>
    </row>
    <row r="72483" spans="14:14">
      <c r="N72483" s="10"/>
    </row>
    <row r="72484" spans="14:14">
      <c r="N72484" s="10"/>
    </row>
    <row r="72485" spans="14:14">
      <c r="N72485" s="10"/>
    </row>
    <row r="72486" spans="14:14">
      <c r="N72486" s="10"/>
    </row>
    <row r="72487" spans="14:14">
      <c r="N72487" s="10"/>
    </row>
    <row r="72488" spans="14:14">
      <c r="N72488" s="10"/>
    </row>
    <row r="72489" spans="14:14">
      <c r="N72489" s="10"/>
    </row>
    <row r="72490" spans="14:14">
      <c r="N72490" s="10"/>
    </row>
    <row r="72491" spans="14:14">
      <c r="N72491" s="10"/>
    </row>
    <row r="72492" spans="14:14">
      <c r="N72492" s="10"/>
    </row>
    <row r="72493" spans="14:14">
      <c r="N72493" s="10"/>
    </row>
    <row r="72494" spans="14:14">
      <c r="N72494" s="10"/>
    </row>
    <row r="72495" spans="14:14">
      <c r="N72495" s="10"/>
    </row>
    <row r="72496" spans="14:14">
      <c r="N72496" s="10"/>
    </row>
    <row r="72497" spans="14:14">
      <c r="N72497" s="10"/>
    </row>
    <row r="72498" spans="14:14">
      <c r="N72498" s="10"/>
    </row>
    <row r="72499" spans="14:14">
      <c r="N72499" s="10"/>
    </row>
    <row r="72500" spans="14:14">
      <c r="N72500" s="10"/>
    </row>
    <row r="72501" spans="14:14">
      <c r="N72501" s="10"/>
    </row>
    <row r="72502" spans="14:14">
      <c r="N72502" s="10"/>
    </row>
    <row r="72503" spans="14:14">
      <c r="N72503" s="10"/>
    </row>
    <row r="72504" spans="14:14">
      <c r="N72504" s="10"/>
    </row>
    <row r="72505" spans="14:14">
      <c r="N72505" s="10"/>
    </row>
    <row r="72506" spans="14:14">
      <c r="N72506" s="10"/>
    </row>
    <row r="72507" spans="14:14">
      <c r="N72507" s="10"/>
    </row>
    <row r="72508" spans="14:14">
      <c r="N72508" s="10"/>
    </row>
    <row r="72509" spans="14:14">
      <c r="N72509" s="10"/>
    </row>
    <row r="72510" spans="14:14">
      <c r="N72510" s="10"/>
    </row>
    <row r="72511" spans="14:14">
      <c r="N72511" s="10"/>
    </row>
    <row r="72512" spans="14:14">
      <c r="N72512" s="10"/>
    </row>
    <row r="72513" spans="14:14">
      <c r="N72513" s="10"/>
    </row>
    <row r="72514" spans="14:14">
      <c r="N72514" s="10"/>
    </row>
    <row r="72515" spans="14:14">
      <c r="N72515" s="10"/>
    </row>
    <row r="72516" spans="14:14">
      <c r="N72516" s="10"/>
    </row>
    <row r="72517" spans="14:14">
      <c r="N72517" s="10"/>
    </row>
    <row r="72518" spans="14:14">
      <c r="N72518" s="10"/>
    </row>
    <row r="72519" spans="14:14">
      <c r="N72519" s="10"/>
    </row>
    <row r="72520" spans="14:14">
      <c r="N72520" s="10"/>
    </row>
    <row r="72521" spans="14:14">
      <c r="N72521" s="10"/>
    </row>
    <row r="72522" spans="14:14">
      <c r="N72522" s="10"/>
    </row>
    <row r="72523" spans="14:14">
      <c r="N72523" s="10"/>
    </row>
    <row r="72524" spans="14:14">
      <c r="N72524" s="10"/>
    </row>
    <row r="72525" spans="14:14">
      <c r="N72525" s="10"/>
    </row>
    <row r="72526" spans="14:14">
      <c r="N72526" s="10"/>
    </row>
    <row r="72527" spans="14:14">
      <c r="N72527" s="10"/>
    </row>
    <row r="72528" spans="14:14">
      <c r="N72528" s="10"/>
    </row>
    <row r="72529" spans="14:14">
      <c r="N72529" s="10"/>
    </row>
    <row r="72530" spans="14:14">
      <c r="N72530" s="10"/>
    </row>
    <row r="72531" spans="14:14">
      <c r="N72531" s="10"/>
    </row>
    <row r="72532" spans="14:14">
      <c r="N72532" s="10"/>
    </row>
    <row r="72533" spans="14:14">
      <c r="N72533" s="10"/>
    </row>
    <row r="72534" spans="14:14">
      <c r="N72534" s="10"/>
    </row>
    <row r="72535" spans="14:14">
      <c r="N72535" s="10"/>
    </row>
    <row r="72536" spans="14:14">
      <c r="N72536" s="10"/>
    </row>
    <row r="72537" spans="14:14">
      <c r="N72537" s="10"/>
    </row>
    <row r="72538" spans="14:14">
      <c r="N72538" s="10"/>
    </row>
    <row r="72539" spans="14:14">
      <c r="N72539" s="10"/>
    </row>
    <row r="72540" spans="14:14">
      <c r="N72540" s="10"/>
    </row>
    <row r="72541" spans="14:14">
      <c r="N72541" s="10"/>
    </row>
    <row r="72542" spans="14:14">
      <c r="N72542" s="10"/>
    </row>
    <row r="72543" spans="14:14">
      <c r="N72543" s="10"/>
    </row>
    <row r="72544" spans="14:14">
      <c r="N72544" s="10"/>
    </row>
    <row r="72545" spans="14:14">
      <c r="N72545" s="10"/>
    </row>
    <row r="72546" spans="14:14">
      <c r="N72546" s="10"/>
    </row>
    <row r="72547" spans="14:14">
      <c r="N72547" s="10"/>
    </row>
    <row r="72548" spans="14:14">
      <c r="N72548" s="10"/>
    </row>
    <row r="72549" spans="14:14">
      <c r="N72549" s="10"/>
    </row>
    <row r="72550" spans="14:14">
      <c r="N72550" s="10"/>
    </row>
    <row r="72551" spans="14:14">
      <c r="N72551" s="10"/>
    </row>
    <row r="72552" spans="14:14">
      <c r="N72552" s="10"/>
    </row>
    <row r="72553" spans="14:14">
      <c r="N72553" s="10"/>
    </row>
    <row r="72554" spans="14:14">
      <c r="N72554" s="10"/>
    </row>
    <row r="72555" spans="14:14">
      <c r="N72555" s="10"/>
    </row>
    <row r="72556" spans="14:14">
      <c r="N72556" s="10"/>
    </row>
    <row r="72557" spans="14:14">
      <c r="N72557" s="10"/>
    </row>
    <row r="72558" spans="14:14">
      <c r="N72558" s="10"/>
    </row>
    <row r="72559" spans="14:14">
      <c r="N72559" s="10"/>
    </row>
    <row r="72560" spans="14:14">
      <c r="N72560" s="10"/>
    </row>
    <row r="72561" spans="14:14">
      <c r="N72561" s="10"/>
    </row>
    <row r="72562" spans="14:14">
      <c r="N72562" s="10"/>
    </row>
    <row r="72563" spans="14:14">
      <c r="N72563" s="10"/>
    </row>
    <row r="72564" spans="14:14">
      <c r="N72564" s="10"/>
    </row>
    <row r="72565" spans="14:14">
      <c r="N72565" s="10"/>
    </row>
    <row r="72566" spans="14:14">
      <c r="N72566" s="10"/>
    </row>
    <row r="72567" spans="14:14">
      <c r="N72567" s="10"/>
    </row>
    <row r="72568" spans="14:14">
      <c r="N72568" s="10"/>
    </row>
    <row r="72569" spans="14:14">
      <c r="N72569" s="10"/>
    </row>
    <row r="72570" spans="14:14">
      <c r="N72570" s="10"/>
    </row>
    <row r="72571" spans="14:14">
      <c r="N72571" s="10"/>
    </row>
    <row r="72572" spans="14:14">
      <c r="N72572" s="10"/>
    </row>
    <row r="72573" spans="14:14">
      <c r="N72573" s="10"/>
    </row>
    <row r="72574" spans="14:14">
      <c r="N72574" s="10"/>
    </row>
    <row r="72575" spans="14:14">
      <c r="N72575" s="10"/>
    </row>
    <row r="72576" spans="14:14">
      <c r="N72576" s="10"/>
    </row>
    <row r="72577" spans="14:14">
      <c r="N72577" s="10"/>
    </row>
    <row r="72578" spans="14:14">
      <c r="N72578" s="10"/>
    </row>
    <row r="72579" spans="14:14">
      <c r="N72579" s="10"/>
    </row>
    <row r="72580" spans="14:14">
      <c r="N72580" s="10"/>
    </row>
    <row r="72581" spans="14:14">
      <c r="N72581" s="10"/>
    </row>
    <row r="72582" spans="14:14">
      <c r="N72582" s="10"/>
    </row>
    <row r="72583" spans="14:14">
      <c r="N72583" s="10"/>
    </row>
    <row r="72584" spans="14:14">
      <c r="N72584" s="10"/>
    </row>
    <row r="72585" spans="14:14">
      <c r="N72585" s="10"/>
    </row>
    <row r="72586" spans="14:14">
      <c r="N72586" s="10"/>
    </row>
    <row r="72587" spans="14:14">
      <c r="N72587" s="10"/>
    </row>
    <row r="72588" spans="14:14">
      <c r="N72588" s="10"/>
    </row>
    <row r="72589" spans="14:14">
      <c r="N72589" s="10"/>
    </row>
    <row r="72590" spans="14:14">
      <c r="N72590" s="10"/>
    </row>
    <row r="72591" spans="14:14">
      <c r="N72591" s="10"/>
    </row>
    <row r="72592" spans="14:14">
      <c r="N72592" s="10"/>
    </row>
    <row r="72593" spans="14:14">
      <c r="N72593" s="10"/>
    </row>
    <row r="72594" spans="14:14">
      <c r="N72594" s="10"/>
    </row>
    <row r="72595" spans="14:14">
      <c r="N72595" s="10"/>
    </row>
    <row r="72596" spans="14:14">
      <c r="N72596" s="10"/>
    </row>
    <row r="72597" spans="14:14">
      <c r="N72597" s="10"/>
    </row>
    <row r="72598" spans="14:14">
      <c r="N72598" s="10"/>
    </row>
    <row r="72599" spans="14:14">
      <c r="N72599" s="10"/>
    </row>
    <row r="72600" spans="14:14">
      <c r="N72600" s="10"/>
    </row>
    <row r="72601" spans="14:14">
      <c r="N72601" s="10"/>
    </row>
    <row r="72602" spans="14:14">
      <c r="N72602" s="10"/>
    </row>
    <row r="72603" spans="14:14">
      <c r="N72603" s="10"/>
    </row>
    <row r="72604" spans="14:14">
      <c r="N72604" s="10"/>
    </row>
    <row r="72605" spans="14:14">
      <c r="N72605" s="10"/>
    </row>
    <row r="72606" spans="14:14">
      <c r="N72606" s="10"/>
    </row>
    <row r="72607" spans="14:14">
      <c r="N72607" s="10"/>
    </row>
    <row r="72608" spans="14:14">
      <c r="N72608" s="10"/>
    </row>
    <row r="72609" spans="14:14">
      <c r="N72609" s="10"/>
    </row>
    <row r="72610" spans="14:14">
      <c r="N72610" s="10"/>
    </row>
    <row r="72611" spans="14:14">
      <c r="N72611" s="10"/>
    </row>
    <row r="72612" spans="14:14">
      <c r="N72612" s="10"/>
    </row>
    <row r="72613" spans="14:14">
      <c r="N72613" s="10"/>
    </row>
    <row r="72614" spans="14:14">
      <c r="N72614" s="10"/>
    </row>
    <row r="72615" spans="14:14">
      <c r="N72615" s="10"/>
    </row>
    <row r="72616" spans="14:14">
      <c r="N72616" s="10"/>
    </row>
    <row r="72617" spans="14:14">
      <c r="N72617" s="10"/>
    </row>
    <row r="72618" spans="14:14">
      <c r="N72618" s="10"/>
    </row>
    <row r="72619" spans="14:14">
      <c r="N72619" s="10"/>
    </row>
    <row r="72620" spans="14:14">
      <c r="N72620" s="10"/>
    </row>
    <row r="72621" spans="14:14">
      <c r="N72621" s="10"/>
    </row>
    <row r="72622" spans="14:14">
      <c r="N72622" s="10"/>
    </row>
    <row r="72623" spans="14:14">
      <c r="N72623" s="10"/>
    </row>
    <row r="72624" spans="14:14">
      <c r="N72624" s="10"/>
    </row>
    <row r="72625" spans="14:14">
      <c r="N72625" s="10"/>
    </row>
    <row r="72626" spans="14:14">
      <c r="N72626" s="10"/>
    </row>
    <row r="72627" spans="14:14">
      <c r="N72627" s="10"/>
    </row>
    <row r="72628" spans="14:14">
      <c r="N72628" s="10"/>
    </row>
    <row r="72629" spans="14:14">
      <c r="N72629" s="10"/>
    </row>
    <row r="72630" spans="14:14">
      <c r="N72630" s="10"/>
    </row>
    <row r="72631" spans="14:14">
      <c r="N72631" s="10"/>
    </row>
    <row r="72632" spans="14:14">
      <c r="N72632" s="10"/>
    </row>
    <row r="72633" spans="14:14">
      <c r="N72633" s="10"/>
    </row>
    <row r="72634" spans="14:14">
      <c r="N72634" s="10"/>
    </row>
    <row r="72635" spans="14:14">
      <c r="N72635" s="10"/>
    </row>
    <row r="72636" spans="14:14">
      <c r="N72636" s="10"/>
    </row>
    <row r="72637" spans="14:14">
      <c r="N72637" s="10"/>
    </row>
    <row r="72638" spans="14:14">
      <c r="N72638" s="10"/>
    </row>
    <row r="72639" spans="14:14">
      <c r="N72639" s="10"/>
    </row>
    <row r="72640" spans="14:14">
      <c r="N72640" s="10"/>
    </row>
    <row r="72641" spans="14:14">
      <c r="N72641" s="10"/>
    </row>
    <row r="72642" spans="14:14">
      <c r="N72642" s="10"/>
    </row>
    <row r="72643" spans="14:14">
      <c r="N72643" s="10"/>
    </row>
    <row r="72644" spans="14:14">
      <c r="N72644" s="10"/>
    </row>
    <row r="72645" spans="14:14">
      <c r="N72645" s="10"/>
    </row>
    <row r="72646" spans="14:14">
      <c r="N72646" s="10"/>
    </row>
    <row r="72647" spans="14:14">
      <c r="N72647" s="10"/>
    </row>
    <row r="72648" spans="14:14">
      <c r="N72648" s="10"/>
    </row>
    <row r="72649" spans="14:14">
      <c r="N72649" s="10"/>
    </row>
    <row r="72650" spans="14:14">
      <c r="N72650" s="10"/>
    </row>
    <row r="72651" spans="14:14">
      <c r="N72651" s="10"/>
    </row>
    <row r="72652" spans="14:14">
      <c r="N72652" s="10"/>
    </row>
    <row r="72653" spans="14:14">
      <c r="N72653" s="10"/>
    </row>
    <row r="72654" spans="14:14">
      <c r="N72654" s="10"/>
    </row>
    <row r="72655" spans="14:14">
      <c r="N72655" s="10"/>
    </row>
    <row r="72656" spans="14:14">
      <c r="N72656" s="10"/>
    </row>
    <row r="72657" spans="14:14">
      <c r="N72657" s="10"/>
    </row>
    <row r="72658" spans="14:14">
      <c r="N72658" s="10"/>
    </row>
    <row r="72659" spans="14:14">
      <c r="N72659" s="10"/>
    </row>
    <row r="72660" spans="14:14">
      <c r="N72660" s="10"/>
    </row>
    <row r="72661" spans="14:14">
      <c r="N72661" s="10"/>
    </row>
    <row r="72662" spans="14:14">
      <c r="N72662" s="10"/>
    </row>
    <row r="72663" spans="14:14">
      <c r="N72663" s="10"/>
    </row>
    <row r="72664" spans="14:14">
      <c r="N72664" s="10"/>
    </row>
    <row r="72665" spans="14:14">
      <c r="N72665" s="10"/>
    </row>
    <row r="72666" spans="14:14">
      <c r="N72666" s="10"/>
    </row>
    <row r="72667" spans="14:14">
      <c r="N72667" s="10"/>
    </row>
    <row r="72668" spans="14:14">
      <c r="N72668" s="10"/>
    </row>
    <row r="72669" spans="14:14">
      <c r="N72669" s="10"/>
    </row>
    <row r="72670" spans="14:14">
      <c r="N72670" s="10"/>
    </row>
    <row r="72671" spans="14:14">
      <c r="N72671" s="10"/>
    </row>
    <row r="72672" spans="14:14">
      <c r="N72672" s="10"/>
    </row>
    <row r="72673" spans="14:14">
      <c r="N72673" s="10"/>
    </row>
    <row r="72674" spans="14:14">
      <c r="N72674" s="10"/>
    </row>
    <row r="72675" spans="14:14">
      <c r="N72675" s="10"/>
    </row>
    <row r="72676" spans="14:14">
      <c r="N72676" s="10"/>
    </row>
    <row r="72677" spans="14:14">
      <c r="N72677" s="10"/>
    </row>
    <row r="72678" spans="14:14">
      <c r="N72678" s="10"/>
    </row>
    <row r="72679" spans="14:14">
      <c r="N72679" s="10"/>
    </row>
    <row r="72680" spans="14:14">
      <c r="N72680" s="10"/>
    </row>
    <row r="72681" spans="14:14">
      <c r="N72681" s="10"/>
    </row>
    <row r="72682" spans="14:14">
      <c r="N72682" s="10"/>
    </row>
    <row r="72683" spans="14:14">
      <c r="N72683" s="10"/>
    </row>
    <row r="72684" spans="14:14">
      <c r="N72684" s="10"/>
    </row>
    <row r="72685" spans="14:14">
      <c r="N72685" s="10"/>
    </row>
    <row r="72686" spans="14:14">
      <c r="N72686" s="10"/>
    </row>
    <row r="72687" spans="14:14">
      <c r="N72687" s="10"/>
    </row>
    <row r="72688" spans="14:14">
      <c r="N72688" s="10"/>
    </row>
    <row r="72689" spans="14:14">
      <c r="N72689" s="10"/>
    </row>
    <row r="72690" spans="14:14">
      <c r="N72690" s="10"/>
    </row>
    <row r="72691" spans="14:14">
      <c r="N72691" s="10"/>
    </row>
    <row r="72692" spans="14:14">
      <c r="N72692" s="10"/>
    </row>
    <row r="72693" spans="14:14">
      <c r="N72693" s="10"/>
    </row>
    <row r="72694" spans="14:14">
      <c r="N72694" s="10"/>
    </row>
    <row r="72695" spans="14:14">
      <c r="N72695" s="10"/>
    </row>
    <row r="72696" spans="14:14">
      <c r="N72696" s="10"/>
    </row>
    <row r="72697" spans="14:14">
      <c r="N72697" s="10"/>
    </row>
    <row r="72698" spans="14:14">
      <c r="N72698" s="10"/>
    </row>
    <row r="72699" spans="14:14">
      <c r="N72699" s="10"/>
    </row>
    <row r="72700" spans="14:14">
      <c r="N72700" s="10"/>
    </row>
    <row r="72701" spans="14:14">
      <c r="N72701" s="10"/>
    </row>
    <row r="72702" spans="14:14">
      <c r="N72702" s="10"/>
    </row>
    <row r="72703" spans="14:14">
      <c r="N72703" s="10"/>
    </row>
    <row r="72704" spans="14:14">
      <c r="N72704" s="10"/>
    </row>
    <row r="72705" spans="14:14">
      <c r="N72705" s="10"/>
    </row>
    <row r="72706" spans="14:14">
      <c r="N72706" s="10"/>
    </row>
    <row r="72707" spans="14:14">
      <c r="N72707" s="10"/>
    </row>
    <row r="72708" spans="14:14">
      <c r="N72708" s="10"/>
    </row>
    <row r="72709" spans="14:14">
      <c r="N72709" s="10"/>
    </row>
    <row r="72710" spans="14:14">
      <c r="N72710" s="10"/>
    </row>
    <row r="72711" spans="14:14">
      <c r="N72711" s="10"/>
    </row>
    <row r="72712" spans="14:14">
      <c r="N72712" s="10"/>
    </row>
    <row r="72713" spans="14:14">
      <c r="N72713" s="10"/>
    </row>
    <row r="72714" spans="14:14">
      <c r="N72714" s="10"/>
    </row>
    <row r="72715" spans="14:14">
      <c r="N72715" s="10"/>
    </row>
    <row r="72716" spans="14:14">
      <c r="N72716" s="10"/>
    </row>
    <row r="72717" spans="14:14">
      <c r="N72717" s="10"/>
    </row>
    <row r="72718" spans="14:14">
      <c r="N72718" s="10"/>
    </row>
    <row r="72719" spans="14:14">
      <c r="N72719" s="10"/>
    </row>
    <row r="72720" spans="14:14">
      <c r="N72720" s="10"/>
    </row>
    <row r="72721" spans="14:14">
      <c r="N72721" s="10"/>
    </row>
    <row r="72722" spans="14:14">
      <c r="N72722" s="10"/>
    </row>
    <row r="72723" spans="14:14">
      <c r="N72723" s="10"/>
    </row>
    <row r="72724" spans="14:14">
      <c r="N72724" s="10"/>
    </row>
    <row r="72725" spans="14:14">
      <c r="N72725" s="10"/>
    </row>
    <row r="72726" spans="14:14">
      <c r="N72726" s="10"/>
    </row>
    <row r="72727" spans="14:14">
      <c r="N72727" s="10"/>
    </row>
    <row r="72728" spans="14:14">
      <c r="N72728" s="10"/>
    </row>
    <row r="72729" spans="14:14">
      <c r="N72729" s="10"/>
    </row>
    <row r="72730" spans="14:14">
      <c r="N72730" s="10"/>
    </row>
    <row r="72731" spans="14:14">
      <c r="N72731" s="10"/>
    </row>
    <row r="72732" spans="14:14">
      <c r="N72732" s="10"/>
    </row>
    <row r="72733" spans="14:14">
      <c r="N72733" s="10"/>
    </row>
    <row r="72734" spans="14:14">
      <c r="N72734" s="10"/>
    </row>
    <row r="72735" spans="14:14">
      <c r="N72735" s="10"/>
    </row>
    <row r="72736" spans="14:14">
      <c r="N72736" s="10"/>
    </row>
    <row r="72737" spans="14:14">
      <c r="N72737" s="10"/>
    </row>
    <row r="72738" spans="14:14">
      <c r="N72738" s="10"/>
    </row>
    <row r="72739" spans="14:14">
      <c r="N72739" s="10"/>
    </row>
    <row r="72740" spans="14:14">
      <c r="N72740" s="10"/>
    </row>
    <row r="72741" spans="14:14">
      <c r="N72741" s="10"/>
    </row>
    <row r="72742" spans="14:14">
      <c r="N72742" s="10"/>
    </row>
    <row r="72743" spans="14:14">
      <c r="N72743" s="10"/>
    </row>
    <row r="72744" spans="14:14">
      <c r="N72744" s="10"/>
    </row>
    <row r="72745" spans="14:14">
      <c r="N72745" s="10"/>
    </row>
    <row r="72746" spans="14:14">
      <c r="N72746" s="10"/>
    </row>
    <row r="72747" spans="14:14">
      <c r="N72747" s="10"/>
    </row>
    <row r="72748" spans="14:14">
      <c r="N72748" s="10"/>
    </row>
    <row r="72749" spans="14:14">
      <c r="N72749" s="10"/>
    </row>
    <row r="72750" spans="14:14">
      <c r="N72750" s="10"/>
    </row>
    <row r="72751" spans="14:14">
      <c r="N72751" s="10"/>
    </row>
    <row r="72752" spans="14:14">
      <c r="N72752" s="10"/>
    </row>
    <row r="72753" spans="14:14">
      <c r="N72753" s="10"/>
    </row>
    <row r="72754" spans="14:14">
      <c r="N72754" s="10"/>
    </row>
    <row r="72755" spans="14:14">
      <c r="N72755" s="10"/>
    </row>
    <row r="72756" spans="14:14">
      <c r="N72756" s="10"/>
    </row>
    <row r="72757" spans="14:14">
      <c r="N72757" s="10"/>
    </row>
    <row r="72758" spans="14:14">
      <c r="N72758" s="10"/>
    </row>
    <row r="72759" spans="14:14">
      <c r="N72759" s="10"/>
    </row>
    <row r="72760" spans="14:14">
      <c r="N72760" s="10"/>
    </row>
    <row r="72761" spans="14:14">
      <c r="N72761" s="10"/>
    </row>
    <row r="72762" spans="14:14">
      <c r="N72762" s="10"/>
    </row>
    <row r="72763" spans="14:14">
      <c r="N72763" s="10"/>
    </row>
    <row r="72764" spans="14:14">
      <c r="N72764" s="10"/>
    </row>
    <row r="72765" spans="14:14">
      <c r="N72765" s="10"/>
    </row>
    <row r="72766" spans="14:14">
      <c r="N72766" s="10"/>
    </row>
    <row r="72767" spans="14:14">
      <c r="N72767" s="10"/>
    </row>
    <row r="72768" spans="14:14">
      <c r="N72768" s="10"/>
    </row>
    <row r="72769" spans="14:14">
      <c r="N72769" s="10"/>
    </row>
    <row r="72770" spans="14:14">
      <c r="N72770" s="10"/>
    </row>
    <row r="72771" spans="14:14">
      <c r="N72771" s="10"/>
    </row>
    <row r="72772" spans="14:14">
      <c r="N72772" s="10"/>
    </row>
    <row r="72773" spans="14:14">
      <c r="N72773" s="10"/>
    </row>
    <row r="72774" spans="14:14">
      <c r="N72774" s="10"/>
    </row>
    <row r="72775" spans="14:14">
      <c r="N72775" s="10"/>
    </row>
    <row r="72776" spans="14:14">
      <c r="N72776" s="10"/>
    </row>
    <row r="72777" spans="14:14">
      <c r="N72777" s="10"/>
    </row>
    <row r="72778" spans="14:14">
      <c r="N72778" s="10"/>
    </row>
    <row r="72779" spans="14:14">
      <c r="N72779" s="10"/>
    </row>
    <row r="72780" spans="14:14">
      <c r="N72780" s="10"/>
    </row>
    <row r="72781" spans="14:14">
      <c r="N72781" s="10"/>
    </row>
    <row r="72782" spans="14:14">
      <c r="N72782" s="10"/>
    </row>
    <row r="72783" spans="14:14">
      <c r="N72783" s="10"/>
    </row>
    <row r="72784" spans="14:14">
      <c r="N72784" s="10"/>
    </row>
    <row r="72785" spans="14:14">
      <c r="N72785" s="10"/>
    </row>
    <row r="72786" spans="14:14">
      <c r="N72786" s="10"/>
    </row>
    <row r="72787" spans="14:14">
      <c r="N72787" s="10"/>
    </row>
    <row r="72788" spans="14:14">
      <c r="N72788" s="10"/>
    </row>
    <row r="72789" spans="14:14">
      <c r="N72789" s="10"/>
    </row>
    <row r="72790" spans="14:14">
      <c r="N72790" s="10"/>
    </row>
    <row r="72791" spans="14:14">
      <c r="N72791" s="10"/>
    </row>
    <row r="72792" spans="14:14">
      <c r="N72792" s="10"/>
    </row>
    <row r="72793" spans="14:14">
      <c r="N72793" s="10"/>
    </row>
    <row r="72794" spans="14:14">
      <c r="N72794" s="10"/>
    </row>
    <row r="72795" spans="14:14">
      <c r="N72795" s="10"/>
    </row>
    <row r="72796" spans="14:14">
      <c r="N72796" s="10"/>
    </row>
    <row r="72797" spans="14:14">
      <c r="N72797" s="10"/>
    </row>
    <row r="72798" spans="14:14">
      <c r="N72798" s="10"/>
    </row>
    <row r="72799" spans="14:14">
      <c r="N72799" s="10"/>
    </row>
    <row r="72800" spans="14:14">
      <c r="N72800" s="10"/>
    </row>
    <row r="72801" spans="14:14">
      <c r="N72801" s="10"/>
    </row>
    <row r="72802" spans="14:14">
      <c r="N72802" s="10"/>
    </row>
    <row r="72803" spans="14:14">
      <c r="N72803" s="10"/>
    </row>
    <row r="72804" spans="14:14">
      <c r="N72804" s="10"/>
    </row>
    <row r="72805" spans="14:14">
      <c r="N72805" s="10"/>
    </row>
    <row r="72806" spans="14:14">
      <c r="N72806" s="10"/>
    </row>
    <row r="72807" spans="14:14">
      <c r="N72807" s="10"/>
    </row>
    <row r="72808" spans="14:14">
      <c r="N72808" s="10"/>
    </row>
    <row r="72809" spans="14:14">
      <c r="N72809" s="10"/>
    </row>
    <row r="72810" spans="14:14">
      <c r="N72810" s="10"/>
    </row>
    <row r="72811" spans="14:14">
      <c r="N72811" s="10"/>
    </row>
    <row r="72812" spans="14:14">
      <c r="N72812" s="10"/>
    </row>
    <row r="72813" spans="14:14">
      <c r="N72813" s="10"/>
    </row>
    <row r="72814" spans="14:14">
      <c r="N72814" s="10"/>
    </row>
    <row r="72815" spans="14:14">
      <c r="N72815" s="10"/>
    </row>
    <row r="72816" spans="14:14">
      <c r="N72816" s="10"/>
    </row>
    <row r="72817" spans="14:14">
      <c r="N72817" s="10"/>
    </row>
    <row r="72818" spans="14:14">
      <c r="N72818" s="10"/>
    </row>
    <row r="72819" spans="14:14">
      <c r="N72819" s="10"/>
    </row>
    <row r="72820" spans="14:14">
      <c r="N72820" s="10"/>
    </row>
    <row r="72821" spans="14:14">
      <c r="N72821" s="10"/>
    </row>
    <row r="72822" spans="14:14">
      <c r="N72822" s="10"/>
    </row>
    <row r="72823" spans="14:14">
      <c r="N72823" s="10"/>
    </row>
    <row r="72824" spans="14:14">
      <c r="N72824" s="10"/>
    </row>
    <row r="72825" spans="14:14">
      <c r="N72825" s="10"/>
    </row>
    <row r="72826" spans="14:14">
      <c r="N72826" s="10"/>
    </row>
    <row r="72827" spans="14:14">
      <c r="N72827" s="10"/>
    </row>
    <row r="72828" spans="14:14">
      <c r="N72828" s="10"/>
    </row>
    <row r="72829" spans="14:14">
      <c r="N72829" s="10"/>
    </row>
    <row r="72830" spans="14:14">
      <c r="N72830" s="10"/>
    </row>
    <row r="72831" spans="14:14">
      <c r="N72831" s="10"/>
    </row>
    <row r="72832" spans="14:14">
      <c r="N72832" s="10"/>
    </row>
    <row r="72833" spans="14:14">
      <c r="N72833" s="10"/>
    </row>
    <row r="72834" spans="14:14">
      <c r="N72834" s="10"/>
    </row>
    <row r="72835" spans="14:14">
      <c r="N72835" s="10"/>
    </row>
    <row r="72836" spans="14:14">
      <c r="N72836" s="10"/>
    </row>
    <row r="72837" spans="14:14">
      <c r="N72837" s="10"/>
    </row>
    <row r="72838" spans="14:14">
      <c r="N72838" s="10"/>
    </row>
    <row r="72839" spans="14:14">
      <c r="N72839" s="10"/>
    </row>
    <row r="72840" spans="14:14">
      <c r="N72840" s="10"/>
    </row>
    <row r="72841" spans="14:14">
      <c r="N72841" s="10"/>
    </row>
    <row r="72842" spans="14:14">
      <c r="N72842" s="10"/>
    </row>
    <row r="72843" spans="14:14">
      <c r="N72843" s="10"/>
    </row>
    <row r="72844" spans="14:14">
      <c r="N72844" s="10"/>
    </row>
    <row r="72845" spans="14:14">
      <c r="N72845" s="10"/>
    </row>
    <row r="72846" spans="14:14">
      <c r="N72846" s="10"/>
    </row>
    <row r="72847" spans="14:14">
      <c r="N72847" s="10"/>
    </row>
    <row r="72848" spans="14:14">
      <c r="N72848" s="10"/>
    </row>
    <row r="72849" spans="14:14">
      <c r="N72849" s="10"/>
    </row>
    <row r="72850" spans="14:14">
      <c r="N72850" s="10"/>
    </row>
    <row r="72851" spans="14:14">
      <c r="N72851" s="10"/>
    </row>
    <row r="72852" spans="14:14">
      <c r="N72852" s="10"/>
    </row>
    <row r="72853" spans="14:14">
      <c r="N72853" s="10"/>
    </row>
    <row r="72854" spans="14:14">
      <c r="N72854" s="10"/>
    </row>
    <row r="72855" spans="14:14">
      <c r="N72855" s="10"/>
    </row>
    <row r="72856" spans="14:14">
      <c r="N72856" s="10"/>
    </row>
    <row r="72857" spans="14:14">
      <c r="N72857" s="10"/>
    </row>
    <row r="72858" spans="14:14">
      <c r="N72858" s="10"/>
    </row>
    <row r="72859" spans="14:14">
      <c r="N72859" s="10"/>
    </row>
    <row r="72860" spans="14:14">
      <c r="N72860" s="10"/>
    </row>
    <row r="72861" spans="14:14">
      <c r="N72861" s="10"/>
    </row>
    <row r="72862" spans="14:14">
      <c r="N72862" s="10"/>
    </row>
    <row r="72863" spans="14:14">
      <c r="N72863" s="10"/>
    </row>
    <row r="72864" spans="14:14">
      <c r="N72864" s="10"/>
    </row>
    <row r="72865" spans="14:14">
      <c r="N72865" s="10"/>
    </row>
    <row r="72866" spans="14:14">
      <c r="N72866" s="10"/>
    </row>
    <row r="72867" spans="14:14">
      <c r="N72867" s="10"/>
    </row>
    <row r="72868" spans="14:14">
      <c r="N72868" s="10"/>
    </row>
    <row r="72869" spans="14:14">
      <c r="N72869" s="10"/>
    </row>
    <row r="72870" spans="14:14">
      <c r="N72870" s="10"/>
    </row>
    <row r="72871" spans="14:14">
      <c r="N72871" s="10"/>
    </row>
    <row r="72872" spans="14:14">
      <c r="N72872" s="10"/>
    </row>
    <row r="72873" spans="14:14">
      <c r="N72873" s="10"/>
    </row>
    <row r="72874" spans="14:14">
      <c r="N72874" s="10"/>
    </row>
    <row r="72875" spans="14:14">
      <c r="N72875" s="10"/>
    </row>
    <row r="72876" spans="14:14">
      <c r="N72876" s="10"/>
    </row>
    <row r="72877" spans="14:14">
      <c r="N72877" s="10"/>
    </row>
    <row r="72878" spans="14:14">
      <c r="N72878" s="10"/>
    </row>
    <row r="72879" spans="14:14">
      <c r="N72879" s="10"/>
    </row>
    <row r="72880" spans="14:14">
      <c r="N72880" s="10"/>
    </row>
    <row r="72881" spans="14:14">
      <c r="N72881" s="10"/>
    </row>
    <row r="72882" spans="14:14">
      <c r="N72882" s="10"/>
    </row>
    <row r="72883" spans="14:14">
      <c r="N72883" s="10"/>
    </row>
    <row r="72884" spans="14:14">
      <c r="N72884" s="10"/>
    </row>
    <row r="72885" spans="14:14">
      <c r="N72885" s="10"/>
    </row>
    <row r="72886" spans="14:14">
      <c r="N72886" s="10"/>
    </row>
    <row r="72887" spans="14:14">
      <c r="N72887" s="10"/>
    </row>
    <row r="72888" spans="14:14">
      <c r="N72888" s="10"/>
    </row>
    <row r="72889" spans="14:14">
      <c r="N72889" s="10"/>
    </row>
    <row r="72890" spans="14:14">
      <c r="N72890" s="10"/>
    </row>
    <row r="72891" spans="14:14">
      <c r="N72891" s="10"/>
    </row>
    <row r="72892" spans="14:14">
      <c r="N72892" s="10"/>
    </row>
    <row r="72893" spans="14:14">
      <c r="N72893" s="10"/>
    </row>
    <row r="72894" spans="14:14">
      <c r="N72894" s="10"/>
    </row>
    <row r="72895" spans="14:14">
      <c r="N72895" s="10"/>
    </row>
    <row r="72896" spans="14:14">
      <c r="N72896" s="10"/>
    </row>
    <row r="72897" spans="14:14">
      <c r="N72897" s="10"/>
    </row>
    <row r="72898" spans="14:14">
      <c r="N72898" s="10"/>
    </row>
    <row r="72899" spans="14:14">
      <c r="N72899" s="10"/>
    </row>
    <row r="72900" spans="14:14">
      <c r="N72900" s="10"/>
    </row>
    <row r="72901" spans="14:14">
      <c r="N72901" s="10"/>
    </row>
    <row r="72902" spans="14:14">
      <c r="N72902" s="10"/>
    </row>
    <row r="72903" spans="14:14">
      <c r="N72903" s="10"/>
    </row>
    <row r="72904" spans="14:14">
      <c r="N72904" s="10"/>
    </row>
    <row r="72905" spans="14:14">
      <c r="N72905" s="10"/>
    </row>
    <row r="72906" spans="14:14">
      <c r="N72906" s="10"/>
    </row>
    <row r="72907" spans="14:14">
      <c r="N72907" s="10"/>
    </row>
    <row r="72908" spans="14:14">
      <c r="N72908" s="10"/>
    </row>
    <row r="72909" spans="14:14">
      <c r="N72909" s="10"/>
    </row>
    <row r="72910" spans="14:14">
      <c r="N72910" s="10"/>
    </row>
    <row r="72911" spans="14:14">
      <c r="N72911" s="10"/>
    </row>
    <row r="72912" spans="14:14">
      <c r="N72912" s="10"/>
    </row>
    <row r="72913" spans="14:14">
      <c r="N72913" s="10"/>
    </row>
    <row r="72914" spans="14:14">
      <c r="N72914" s="10"/>
    </row>
    <row r="72915" spans="14:14">
      <c r="N72915" s="10"/>
    </row>
    <row r="72916" spans="14:14">
      <c r="N72916" s="10"/>
    </row>
    <row r="72917" spans="14:14">
      <c r="N72917" s="10"/>
    </row>
    <row r="72918" spans="14:14">
      <c r="N72918" s="10"/>
    </row>
    <row r="72919" spans="14:14">
      <c r="N72919" s="10"/>
    </row>
    <row r="72920" spans="14:14">
      <c r="N72920" s="10"/>
    </row>
    <row r="72921" spans="14:14">
      <c r="N72921" s="10"/>
    </row>
    <row r="72922" spans="14:14">
      <c r="N72922" s="10"/>
    </row>
    <row r="72923" spans="14:14">
      <c r="N72923" s="10"/>
    </row>
    <row r="72924" spans="14:14">
      <c r="N72924" s="10"/>
    </row>
    <row r="72925" spans="14:14">
      <c r="N72925" s="10"/>
    </row>
    <row r="72926" spans="14:14">
      <c r="N72926" s="10"/>
    </row>
    <row r="72927" spans="14:14">
      <c r="N72927" s="10"/>
    </row>
    <row r="72928" spans="14:14">
      <c r="N72928" s="10"/>
    </row>
    <row r="72929" spans="14:14">
      <c r="N72929" s="10"/>
    </row>
    <row r="72930" spans="14:14">
      <c r="N72930" s="10"/>
    </row>
    <row r="72931" spans="14:14">
      <c r="N72931" s="10"/>
    </row>
    <row r="72932" spans="14:14">
      <c r="N72932" s="10"/>
    </row>
    <row r="72933" spans="14:14">
      <c r="N72933" s="10"/>
    </row>
    <row r="72934" spans="14:14">
      <c r="N72934" s="10"/>
    </row>
    <row r="72935" spans="14:14">
      <c r="N72935" s="10"/>
    </row>
    <row r="72936" spans="14:14">
      <c r="N72936" s="10"/>
    </row>
    <row r="72937" spans="14:14">
      <c r="N72937" s="10"/>
    </row>
    <row r="72938" spans="14:14">
      <c r="N72938" s="10"/>
    </row>
    <row r="72939" spans="14:14">
      <c r="N72939" s="10"/>
    </row>
    <row r="72940" spans="14:14">
      <c r="N72940" s="10"/>
    </row>
    <row r="72941" spans="14:14">
      <c r="N72941" s="10"/>
    </row>
    <row r="72942" spans="14:14">
      <c r="N72942" s="10"/>
    </row>
    <row r="72943" spans="14:14">
      <c r="N72943" s="10"/>
    </row>
    <row r="72944" spans="14:14">
      <c r="N72944" s="10"/>
    </row>
    <row r="72945" spans="14:14">
      <c r="N72945" s="10"/>
    </row>
    <row r="72946" spans="14:14">
      <c r="N72946" s="10"/>
    </row>
    <row r="72947" spans="14:14">
      <c r="N72947" s="10"/>
    </row>
    <row r="72948" spans="14:14">
      <c r="N72948" s="10"/>
    </row>
    <row r="72949" spans="14:14">
      <c r="N72949" s="10"/>
    </row>
    <row r="72950" spans="14:14">
      <c r="N72950" s="10"/>
    </row>
    <row r="72951" spans="14:14">
      <c r="N72951" s="10"/>
    </row>
    <row r="72952" spans="14:14">
      <c r="N72952" s="10"/>
    </row>
    <row r="72953" spans="14:14">
      <c r="N72953" s="10"/>
    </row>
    <row r="72954" spans="14:14">
      <c r="N72954" s="10"/>
    </row>
    <row r="72955" spans="14:14">
      <c r="N72955" s="10"/>
    </row>
    <row r="72956" spans="14:14">
      <c r="N72956" s="10"/>
    </row>
    <row r="72957" spans="14:14">
      <c r="N72957" s="10"/>
    </row>
    <row r="72958" spans="14:14">
      <c r="N72958" s="10"/>
    </row>
    <row r="72959" spans="14:14">
      <c r="N72959" s="10"/>
    </row>
    <row r="72960" spans="14:14">
      <c r="N72960" s="10"/>
    </row>
    <row r="72961" spans="14:14">
      <c r="N72961" s="10"/>
    </row>
    <row r="72962" spans="14:14">
      <c r="N72962" s="10"/>
    </row>
    <row r="72963" spans="14:14">
      <c r="N72963" s="10"/>
    </row>
    <row r="72964" spans="14:14">
      <c r="N72964" s="10"/>
    </row>
    <row r="72965" spans="14:14">
      <c r="N72965" s="10"/>
    </row>
    <row r="72966" spans="14:14">
      <c r="N72966" s="10"/>
    </row>
    <row r="72967" spans="14:14">
      <c r="N72967" s="10"/>
    </row>
    <row r="72968" spans="14:14">
      <c r="N72968" s="10"/>
    </row>
    <row r="72969" spans="14:14">
      <c r="N72969" s="10"/>
    </row>
    <row r="72970" spans="14:14">
      <c r="N72970" s="10"/>
    </row>
    <row r="72971" spans="14:14">
      <c r="N72971" s="10"/>
    </row>
    <row r="72972" spans="14:14">
      <c r="N72972" s="10"/>
    </row>
    <row r="72973" spans="14:14">
      <c r="N72973" s="10"/>
    </row>
    <row r="72974" spans="14:14">
      <c r="N72974" s="10"/>
    </row>
    <row r="72975" spans="14:14">
      <c r="N72975" s="10"/>
    </row>
    <row r="72976" spans="14:14">
      <c r="N72976" s="10"/>
    </row>
    <row r="72977" spans="14:14">
      <c r="N72977" s="10"/>
    </row>
    <row r="72978" spans="14:14">
      <c r="N72978" s="10"/>
    </row>
    <row r="72979" spans="14:14">
      <c r="N72979" s="10"/>
    </row>
    <row r="72980" spans="14:14">
      <c r="N72980" s="10"/>
    </row>
    <row r="72981" spans="14:14">
      <c r="N72981" s="10"/>
    </row>
    <row r="72982" spans="14:14">
      <c r="N72982" s="10"/>
    </row>
    <row r="72983" spans="14:14">
      <c r="N72983" s="10"/>
    </row>
    <row r="72984" spans="14:14">
      <c r="N72984" s="10"/>
    </row>
    <row r="72985" spans="14:14">
      <c r="N72985" s="10"/>
    </row>
    <row r="72986" spans="14:14">
      <c r="N72986" s="10"/>
    </row>
    <row r="72987" spans="14:14">
      <c r="N72987" s="10"/>
    </row>
    <row r="72988" spans="14:14">
      <c r="N72988" s="10"/>
    </row>
    <row r="72989" spans="14:14">
      <c r="N72989" s="10"/>
    </row>
    <row r="72990" spans="14:14">
      <c r="N72990" s="10"/>
    </row>
    <row r="72991" spans="14:14">
      <c r="N72991" s="10"/>
    </row>
    <row r="72992" spans="14:14">
      <c r="N72992" s="10"/>
    </row>
    <row r="72993" spans="14:14">
      <c r="N72993" s="10"/>
    </row>
    <row r="72994" spans="14:14">
      <c r="N72994" s="10"/>
    </row>
    <row r="72995" spans="14:14">
      <c r="N72995" s="10"/>
    </row>
    <row r="72996" spans="14:14">
      <c r="N72996" s="10"/>
    </row>
    <row r="72997" spans="14:14">
      <c r="N72997" s="10"/>
    </row>
    <row r="72998" spans="14:14">
      <c r="N72998" s="10"/>
    </row>
    <row r="72999" spans="14:14">
      <c r="N72999" s="10"/>
    </row>
    <row r="73000" spans="14:14">
      <c r="N73000" s="10"/>
    </row>
    <row r="73001" spans="14:14">
      <c r="N73001" s="10"/>
    </row>
    <row r="73002" spans="14:14">
      <c r="N73002" s="10"/>
    </row>
    <row r="73003" spans="14:14">
      <c r="N73003" s="10"/>
    </row>
    <row r="73004" spans="14:14">
      <c r="N73004" s="10"/>
    </row>
    <row r="73005" spans="14:14">
      <c r="N73005" s="10"/>
    </row>
    <row r="73006" spans="14:14">
      <c r="N73006" s="10"/>
    </row>
    <row r="73007" spans="14:14">
      <c r="N73007" s="10"/>
    </row>
    <row r="73008" spans="14:14">
      <c r="N73008" s="10"/>
    </row>
    <row r="73009" spans="14:14">
      <c r="N73009" s="10"/>
    </row>
    <row r="73010" spans="14:14">
      <c r="N73010" s="10"/>
    </row>
    <row r="73011" spans="14:14">
      <c r="N73011" s="10"/>
    </row>
    <row r="73012" spans="14:14">
      <c r="N73012" s="10"/>
    </row>
    <row r="73013" spans="14:14">
      <c r="N73013" s="10"/>
    </row>
    <row r="73014" spans="14:14">
      <c r="N73014" s="10"/>
    </row>
    <row r="73015" spans="14:14">
      <c r="N73015" s="10"/>
    </row>
    <row r="73016" spans="14:14">
      <c r="N73016" s="10"/>
    </row>
    <row r="73017" spans="14:14">
      <c r="N73017" s="10"/>
    </row>
    <row r="73018" spans="14:14">
      <c r="N73018" s="10"/>
    </row>
    <row r="73019" spans="14:14">
      <c r="N73019" s="10"/>
    </row>
    <row r="73020" spans="14:14">
      <c r="N73020" s="10"/>
    </row>
    <row r="73021" spans="14:14">
      <c r="N73021" s="10"/>
    </row>
    <row r="73022" spans="14:14">
      <c r="N73022" s="10"/>
    </row>
    <row r="73023" spans="14:14">
      <c r="N73023" s="10"/>
    </row>
    <row r="73024" spans="14:14">
      <c r="N73024" s="10"/>
    </row>
    <row r="73025" spans="14:14">
      <c r="N73025" s="10"/>
    </row>
    <row r="73026" spans="14:14">
      <c r="N73026" s="10"/>
    </row>
    <row r="73027" spans="14:14">
      <c r="N73027" s="10"/>
    </row>
    <row r="73028" spans="14:14">
      <c r="N73028" s="10"/>
    </row>
    <row r="73029" spans="14:14">
      <c r="N73029" s="10"/>
    </row>
    <row r="73030" spans="14:14">
      <c r="N73030" s="10"/>
    </row>
    <row r="73031" spans="14:14">
      <c r="N73031" s="10"/>
    </row>
    <row r="73032" spans="14:14">
      <c r="N73032" s="10"/>
    </row>
    <row r="73033" spans="14:14">
      <c r="N73033" s="10"/>
    </row>
    <row r="73034" spans="14:14">
      <c r="N73034" s="10"/>
    </row>
    <row r="73035" spans="14:14">
      <c r="N73035" s="10"/>
    </row>
    <row r="73036" spans="14:14">
      <c r="N73036" s="10"/>
    </row>
    <row r="73037" spans="14:14">
      <c r="N73037" s="10"/>
    </row>
    <row r="73038" spans="14:14">
      <c r="N73038" s="10"/>
    </row>
    <row r="73039" spans="14:14">
      <c r="N73039" s="10"/>
    </row>
    <row r="73040" spans="14:14">
      <c r="N73040" s="10"/>
    </row>
    <row r="73041" spans="14:14">
      <c r="N73041" s="10"/>
    </row>
    <row r="73042" spans="14:14">
      <c r="N73042" s="10"/>
    </row>
    <row r="73043" spans="14:14">
      <c r="N73043" s="10"/>
    </row>
    <row r="73044" spans="14:14">
      <c r="N73044" s="10"/>
    </row>
    <row r="73045" spans="14:14">
      <c r="N73045" s="10"/>
    </row>
    <row r="73046" spans="14:14">
      <c r="N73046" s="10"/>
    </row>
    <row r="73047" spans="14:14">
      <c r="N73047" s="10"/>
    </row>
    <row r="73048" spans="14:14">
      <c r="N73048" s="10"/>
    </row>
    <row r="73049" spans="14:14">
      <c r="N73049" s="10"/>
    </row>
    <row r="73050" spans="14:14">
      <c r="N73050" s="10"/>
    </row>
    <row r="73051" spans="14:14">
      <c r="N73051" s="10"/>
    </row>
    <row r="73052" spans="14:14">
      <c r="N73052" s="10"/>
    </row>
    <row r="73053" spans="14:14">
      <c r="N73053" s="10"/>
    </row>
    <row r="73054" spans="14:14">
      <c r="N73054" s="10"/>
    </row>
    <row r="73055" spans="14:14">
      <c r="N73055" s="10"/>
    </row>
    <row r="73056" spans="14:14">
      <c r="N73056" s="10"/>
    </row>
    <row r="73057" spans="14:14">
      <c r="N73057" s="10"/>
    </row>
    <row r="73058" spans="14:14">
      <c r="N73058" s="10"/>
    </row>
    <row r="73059" spans="14:14">
      <c r="N73059" s="10"/>
    </row>
    <row r="73060" spans="14:14">
      <c r="N73060" s="10"/>
    </row>
    <row r="73061" spans="14:14">
      <c r="N73061" s="10"/>
    </row>
    <row r="73062" spans="14:14">
      <c r="N73062" s="10"/>
    </row>
    <row r="73063" spans="14:14">
      <c r="N73063" s="10"/>
    </row>
    <row r="73064" spans="14:14">
      <c r="N73064" s="10"/>
    </row>
    <row r="73065" spans="14:14">
      <c r="N73065" s="10"/>
    </row>
    <row r="73066" spans="14:14">
      <c r="N73066" s="10"/>
    </row>
    <row r="73067" spans="14:14">
      <c r="N73067" s="10"/>
    </row>
    <row r="73068" spans="14:14">
      <c r="N73068" s="10"/>
    </row>
    <row r="73069" spans="14:14">
      <c r="N73069" s="10"/>
    </row>
    <row r="73070" spans="14:14">
      <c r="N73070" s="10"/>
    </row>
    <row r="73071" spans="14:14">
      <c r="N73071" s="10"/>
    </row>
    <row r="73072" spans="14:14">
      <c r="N73072" s="10"/>
    </row>
    <row r="73073" spans="14:14">
      <c r="N73073" s="10"/>
    </row>
    <row r="73074" spans="14:14">
      <c r="N73074" s="10"/>
    </row>
    <row r="73075" spans="14:14">
      <c r="N73075" s="10"/>
    </row>
    <row r="73076" spans="14:14">
      <c r="N73076" s="10"/>
    </row>
    <row r="73077" spans="14:14">
      <c r="N73077" s="10"/>
    </row>
    <row r="73078" spans="14:14">
      <c r="N73078" s="10"/>
    </row>
    <row r="73079" spans="14:14">
      <c r="N73079" s="10"/>
    </row>
    <row r="73080" spans="14:14">
      <c r="N73080" s="10"/>
    </row>
    <row r="73081" spans="14:14">
      <c r="N73081" s="10"/>
    </row>
    <row r="73082" spans="14:14">
      <c r="N73082" s="10"/>
    </row>
    <row r="73083" spans="14:14">
      <c r="N73083" s="10"/>
    </row>
    <row r="73084" spans="14:14">
      <c r="N73084" s="10"/>
    </row>
    <row r="73085" spans="14:14">
      <c r="N73085" s="10"/>
    </row>
    <row r="73086" spans="14:14">
      <c r="N73086" s="10"/>
    </row>
    <row r="73087" spans="14:14">
      <c r="N73087" s="10"/>
    </row>
    <row r="73088" spans="14:14">
      <c r="N73088" s="10"/>
    </row>
    <row r="73089" spans="14:14">
      <c r="N73089" s="10"/>
    </row>
    <row r="73090" spans="14:14">
      <c r="N73090" s="10"/>
    </row>
    <row r="73091" spans="14:14">
      <c r="N73091" s="10"/>
    </row>
    <row r="73092" spans="14:14">
      <c r="N73092" s="10"/>
    </row>
    <row r="73093" spans="14:14">
      <c r="N73093" s="10"/>
    </row>
    <row r="73094" spans="14:14">
      <c r="N73094" s="10"/>
    </row>
    <row r="73095" spans="14:14">
      <c r="N73095" s="10"/>
    </row>
    <row r="73096" spans="14:14">
      <c r="N73096" s="10"/>
    </row>
    <row r="73097" spans="14:14">
      <c r="N73097" s="10"/>
    </row>
    <row r="73098" spans="14:14">
      <c r="N73098" s="10"/>
    </row>
    <row r="73099" spans="14:14">
      <c r="N73099" s="10"/>
    </row>
    <row r="73100" spans="14:14">
      <c r="N73100" s="10"/>
    </row>
    <row r="73101" spans="14:14">
      <c r="N73101" s="10"/>
    </row>
    <row r="73102" spans="14:14">
      <c r="N73102" s="10"/>
    </row>
    <row r="73103" spans="14:14">
      <c r="N73103" s="10"/>
    </row>
    <row r="73104" spans="14:14">
      <c r="N73104" s="10"/>
    </row>
    <row r="73105" spans="14:14">
      <c r="N73105" s="10"/>
    </row>
    <row r="73106" spans="14:14">
      <c r="N73106" s="10"/>
    </row>
    <row r="73107" spans="14:14">
      <c r="N73107" s="10"/>
    </row>
    <row r="73108" spans="14:14">
      <c r="N73108" s="10"/>
    </row>
    <row r="73109" spans="14:14">
      <c r="N73109" s="10"/>
    </row>
    <row r="73110" spans="14:14">
      <c r="N73110" s="10"/>
    </row>
    <row r="73111" spans="14:14">
      <c r="N73111" s="10"/>
    </row>
    <row r="73112" spans="14:14">
      <c r="N73112" s="10"/>
    </row>
    <row r="73113" spans="14:14">
      <c r="N73113" s="10"/>
    </row>
    <row r="73114" spans="14:14">
      <c r="N73114" s="10"/>
    </row>
    <row r="73115" spans="14:14">
      <c r="N73115" s="10"/>
    </row>
    <row r="73116" spans="14:14">
      <c r="N73116" s="10"/>
    </row>
    <row r="73117" spans="14:14">
      <c r="N73117" s="10"/>
    </row>
    <row r="73118" spans="14:14">
      <c r="N73118" s="10"/>
    </row>
    <row r="73119" spans="14:14">
      <c r="N73119" s="10"/>
    </row>
    <row r="73120" spans="14:14">
      <c r="N73120" s="10"/>
    </row>
    <row r="73121" spans="14:14">
      <c r="N73121" s="10"/>
    </row>
    <row r="73122" spans="14:14">
      <c r="N73122" s="10"/>
    </row>
    <row r="73123" spans="14:14">
      <c r="N73123" s="10"/>
    </row>
    <row r="73124" spans="14:14">
      <c r="N73124" s="10"/>
    </row>
    <row r="73125" spans="14:14">
      <c r="N73125" s="10"/>
    </row>
    <row r="73126" spans="14:14">
      <c r="N73126" s="10"/>
    </row>
    <row r="73127" spans="14:14">
      <c r="N73127" s="10"/>
    </row>
    <row r="73128" spans="14:14">
      <c r="N73128" s="10"/>
    </row>
    <row r="73129" spans="14:14">
      <c r="N73129" s="10"/>
    </row>
    <row r="73130" spans="14:14">
      <c r="N73130" s="10"/>
    </row>
    <row r="73131" spans="14:14">
      <c r="N73131" s="10"/>
    </row>
    <row r="73132" spans="14:14">
      <c r="N73132" s="10"/>
    </row>
    <row r="73133" spans="14:14">
      <c r="N73133" s="10"/>
    </row>
    <row r="73134" spans="14:14">
      <c r="N73134" s="10"/>
    </row>
    <row r="73135" spans="14:14">
      <c r="N73135" s="10"/>
    </row>
    <row r="73136" spans="14:14">
      <c r="N73136" s="10"/>
    </row>
    <row r="73137" spans="14:14">
      <c r="N73137" s="10"/>
    </row>
    <row r="73138" spans="14:14">
      <c r="N73138" s="10"/>
    </row>
    <row r="73139" spans="14:14">
      <c r="N73139" s="10"/>
    </row>
    <row r="73140" spans="14:14">
      <c r="N73140" s="10"/>
    </row>
    <row r="73141" spans="14:14">
      <c r="N73141" s="10"/>
    </row>
    <row r="73142" spans="14:14">
      <c r="N73142" s="10"/>
    </row>
    <row r="73143" spans="14:14">
      <c r="N73143" s="10"/>
    </row>
    <row r="73144" spans="14:14">
      <c r="N73144" s="10"/>
    </row>
    <row r="73145" spans="14:14">
      <c r="N73145" s="10"/>
    </row>
    <row r="73146" spans="14:14">
      <c r="N73146" s="10"/>
    </row>
    <row r="73147" spans="14:14">
      <c r="N73147" s="10"/>
    </row>
    <row r="73148" spans="14:14">
      <c r="N73148" s="10"/>
    </row>
    <row r="73149" spans="14:14">
      <c r="N73149" s="10"/>
    </row>
    <row r="73150" spans="14:14">
      <c r="N73150" s="10"/>
    </row>
    <row r="73151" spans="14:14">
      <c r="N73151" s="10"/>
    </row>
    <row r="73152" spans="14:14">
      <c r="N73152" s="10"/>
    </row>
    <row r="73153" spans="14:14">
      <c r="N73153" s="10"/>
    </row>
    <row r="73154" spans="14:14">
      <c r="N73154" s="10"/>
    </row>
    <row r="73155" spans="14:14">
      <c r="N73155" s="10"/>
    </row>
    <row r="73156" spans="14:14">
      <c r="N73156" s="10"/>
    </row>
    <row r="73157" spans="14:14">
      <c r="N73157" s="10"/>
    </row>
    <row r="73158" spans="14:14">
      <c r="N73158" s="10"/>
    </row>
    <row r="73159" spans="14:14">
      <c r="N73159" s="10"/>
    </row>
    <row r="73160" spans="14:14">
      <c r="N73160" s="10"/>
    </row>
    <row r="73161" spans="14:14">
      <c r="N73161" s="10"/>
    </row>
    <row r="73162" spans="14:14">
      <c r="N73162" s="10"/>
    </row>
    <row r="73163" spans="14:14">
      <c r="N73163" s="10"/>
    </row>
    <row r="73164" spans="14:14">
      <c r="N73164" s="10"/>
    </row>
    <row r="73165" spans="14:14">
      <c r="N73165" s="10"/>
    </row>
    <row r="73166" spans="14:14">
      <c r="N73166" s="10"/>
    </row>
    <row r="73167" spans="14:14">
      <c r="N73167" s="10"/>
    </row>
    <row r="73168" spans="14:14">
      <c r="N73168" s="10"/>
    </row>
    <row r="73169" spans="14:14">
      <c r="N73169" s="10"/>
    </row>
    <row r="73170" spans="14:14">
      <c r="N73170" s="10"/>
    </row>
    <row r="73171" spans="14:14">
      <c r="N73171" s="10"/>
    </row>
    <row r="73172" spans="14:14">
      <c r="N73172" s="10"/>
    </row>
    <row r="73173" spans="14:14">
      <c r="N73173" s="10"/>
    </row>
    <row r="73174" spans="14:14">
      <c r="N73174" s="10"/>
    </row>
    <row r="73175" spans="14:14">
      <c r="N73175" s="10"/>
    </row>
    <row r="73176" spans="14:14">
      <c r="N73176" s="10"/>
    </row>
    <row r="73177" spans="14:14">
      <c r="N73177" s="10"/>
    </row>
    <row r="73178" spans="14:14">
      <c r="N73178" s="10"/>
    </row>
    <row r="73179" spans="14:14">
      <c r="N73179" s="10"/>
    </row>
    <row r="73180" spans="14:14">
      <c r="N73180" s="10"/>
    </row>
    <row r="73181" spans="14:14">
      <c r="N73181" s="10"/>
    </row>
    <row r="73182" spans="14:14">
      <c r="N73182" s="10"/>
    </row>
    <row r="73183" spans="14:14">
      <c r="N73183" s="10"/>
    </row>
    <row r="73184" spans="14:14">
      <c r="N73184" s="10"/>
    </row>
    <row r="73185" spans="14:14">
      <c r="N73185" s="10"/>
    </row>
    <row r="73186" spans="14:14">
      <c r="N73186" s="10"/>
    </row>
    <row r="73187" spans="14:14">
      <c r="N73187" s="10"/>
    </row>
    <row r="73188" spans="14:14">
      <c r="N73188" s="10"/>
    </row>
    <row r="73189" spans="14:14">
      <c r="N73189" s="10"/>
    </row>
    <row r="73190" spans="14:14">
      <c r="N73190" s="10"/>
    </row>
    <row r="73191" spans="14:14">
      <c r="N73191" s="10"/>
    </row>
    <row r="73192" spans="14:14">
      <c r="N73192" s="10"/>
    </row>
    <row r="73193" spans="14:14">
      <c r="N73193" s="10"/>
    </row>
    <row r="73194" spans="14:14">
      <c r="N73194" s="10"/>
    </row>
    <row r="73195" spans="14:14">
      <c r="N73195" s="10"/>
    </row>
    <row r="73196" spans="14:14">
      <c r="N73196" s="10"/>
    </row>
    <row r="73197" spans="14:14">
      <c r="N73197" s="10"/>
    </row>
    <row r="73198" spans="14:14">
      <c r="N73198" s="10"/>
    </row>
    <row r="73199" spans="14:14">
      <c r="N73199" s="10"/>
    </row>
    <row r="73200" spans="14:14">
      <c r="N73200" s="10"/>
    </row>
    <row r="73201" spans="14:14">
      <c r="N73201" s="10"/>
    </row>
    <row r="73202" spans="14:14">
      <c r="N73202" s="10"/>
    </row>
    <row r="73203" spans="14:14">
      <c r="N73203" s="10"/>
    </row>
    <row r="73204" spans="14:14">
      <c r="N73204" s="10"/>
    </row>
    <row r="73205" spans="14:14">
      <c r="N73205" s="10"/>
    </row>
    <row r="73206" spans="14:14">
      <c r="N73206" s="10"/>
    </row>
    <row r="73207" spans="14:14">
      <c r="N73207" s="10"/>
    </row>
    <row r="73208" spans="14:14">
      <c r="N73208" s="10"/>
    </row>
    <row r="73209" spans="14:14">
      <c r="N73209" s="10"/>
    </row>
    <row r="73210" spans="14:14">
      <c r="N73210" s="10"/>
    </row>
    <row r="73211" spans="14:14">
      <c r="N73211" s="10"/>
    </row>
    <row r="73212" spans="14:14">
      <c r="N73212" s="10"/>
    </row>
    <row r="73213" spans="14:14">
      <c r="N73213" s="10"/>
    </row>
    <row r="73214" spans="14:14">
      <c r="N73214" s="10"/>
    </row>
    <row r="73215" spans="14:14">
      <c r="N73215" s="10"/>
    </row>
    <row r="73216" spans="14:14">
      <c r="N73216" s="10"/>
    </row>
    <row r="73217" spans="14:14">
      <c r="N73217" s="10"/>
    </row>
    <row r="73218" spans="14:14">
      <c r="N73218" s="10"/>
    </row>
    <row r="73219" spans="14:14">
      <c r="N73219" s="10"/>
    </row>
    <row r="73220" spans="14:14">
      <c r="N73220" s="10"/>
    </row>
    <row r="73221" spans="14:14">
      <c r="N73221" s="10"/>
    </row>
    <row r="73222" spans="14:14">
      <c r="N73222" s="10"/>
    </row>
    <row r="73223" spans="14:14">
      <c r="N73223" s="10"/>
    </row>
    <row r="73224" spans="14:14">
      <c r="N73224" s="10"/>
    </row>
    <row r="73225" spans="14:14">
      <c r="N73225" s="10"/>
    </row>
    <row r="73226" spans="14:14">
      <c r="N73226" s="10"/>
    </row>
    <row r="73227" spans="14:14">
      <c r="N73227" s="10"/>
    </row>
    <row r="73228" spans="14:14">
      <c r="N73228" s="10"/>
    </row>
    <row r="73229" spans="14:14">
      <c r="N73229" s="10"/>
    </row>
    <row r="73230" spans="14:14">
      <c r="N73230" s="10"/>
    </row>
    <row r="73231" spans="14:14">
      <c r="N73231" s="10"/>
    </row>
    <row r="73232" spans="14:14">
      <c r="N73232" s="10"/>
    </row>
    <row r="73233" spans="14:14">
      <c r="N73233" s="10"/>
    </row>
    <row r="73234" spans="14:14">
      <c r="N73234" s="10"/>
    </row>
    <row r="73235" spans="14:14">
      <c r="N73235" s="10"/>
    </row>
    <row r="73236" spans="14:14">
      <c r="N73236" s="10"/>
    </row>
    <row r="73237" spans="14:14">
      <c r="N73237" s="10"/>
    </row>
    <row r="73238" spans="14:14">
      <c r="N73238" s="10"/>
    </row>
    <row r="73239" spans="14:14">
      <c r="N73239" s="10"/>
    </row>
    <row r="73240" spans="14:14">
      <c r="N73240" s="10"/>
    </row>
    <row r="73241" spans="14:14">
      <c r="N73241" s="10"/>
    </row>
    <row r="73242" spans="14:14">
      <c r="N73242" s="10"/>
    </row>
    <row r="73243" spans="14:14">
      <c r="N73243" s="10"/>
    </row>
    <row r="73244" spans="14:14">
      <c r="N73244" s="10"/>
    </row>
    <row r="73245" spans="14:14">
      <c r="N73245" s="10"/>
    </row>
    <row r="73246" spans="14:14">
      <c r="N73246" s="10"/>
    </row>
    <row r="73247" spans="14:14">
      <c r="N73247" s="10"/>
    </row>
    <row r="73248" spans="14:14">
      <c r="N73248" s="10"/>
    </row>
    <row r="73249" spans="14:14">
      <c r="N73249" s="10"/>
    </row>
    <row r="73250" spans="14:14">
      <c r="N73250" s="10"/>
    </row>
    <row r="73251" spans="14:14">
      <c r="N73251" s="10"/>
    </row>
    <row r="73252" spans="14:14">
      <c r="N73252" s="10"/>
    </row>
    <row r="73253" spans="14:14">
      <c r="N73253" s="10"/>
    </row>
    <row r="73254" spans="14:14">
      <c r="N73254" s="10"/>
    </row>
    <row r="73255" spans="14:14">
      <c r="N73255" s="10"/>
    </row>
    <row r="73256" spans="14:14">
      <c r="N73256" s="10"/>
    </row>
    <row r="73257" spans="14:14">
      <c r="N73257" s="10"/>
    </row>
    <row r="73258" spans="14:14">
      <c r="N73258" s="10"/>
    </row>
    <row r="73259" spans="14:14">
      <c r="N73259" s="10"/>
    </row>
    <row r="73260" spans="14:14">
      <c r="N73260" s="10"/>
    </row>
    <row r="73261" spans="14:14">
      <c r="N73261" s="10"/>
    </row>
    <row r="73262" spans="14:14">
      <c r="N73262" s="10"/>
    </row>
    <row r="73263" spans="14:14">
      <c r="N73263" s="10"/>
    </row>
    <row r="73264" spans="14:14">
      <c r="N73264" s="10"/>
    </row>
    <row r="73265" spans="14:14">
      <c r="N73265" s="10"/>
    </row>
    <row r="73266" spans="14:14">
      <c r="N73266" s="10"/>
    </row>
    <row r="73267" spans="14:14">
      <c r="N73267" s="10"/>
    </row>
    <row r="73268" spans="14:14">
      <c r="N73268" s="10"/>
    </row>
    <row r="73269" spans="14:14">
      <c r="N73269" s="10"/>
    </row>
    <row r="73270" spans="14:14">
      <c r="N73270" s="10"/>
    </row>
    <row r="73271" spans="14:14">
      <c r="N73271" s="10"/>
    </row>
    <row r="73272" spans="14:14">
      <c r="N73272" s="10"/>
    </row>
    <row r="73273" spans="14:14">
      <c r="N73273" s="10"/>
    </row>
    <row r="73274" spans="14:14">
      <c r="N73274" s="10"/>
    </row>
    <row r="73275" spans="14:14">
      <c r="N73275" s="10"/>
    </row>
    <row r="73276" spans="14:14">
      <c r="N73276" s="10"/>
    </row>
    <row r="73277" spans="14:14">
      <c r="N73277" s="10"/>
    </row>
    <row r="73278" spans="14:14">
      <c r="N73278" s="10"/>
    </row>
    <row r="73279" spans="14:14">
      <c r="N73279" s="10"/>
    </row>
    <row r="73280" spans="14:14">
      <c r="N73280" s="10"/>
    </row>
    <row r="73281" spans="14:14">
      <c r="N73281" s="10"/>
    </row>
    <row r="73282" spans="14:14">
      <c r="N73282" s="10"/>
    </row>
    <row r="73283" spans="14:14">
      <c r="N73283" s="10"/>
    </row>
    <row r="73284" spans="14:14">
      <c r="N73284" s="10"/>
    </row>
    <row r="73285" spans="14:14">
      <c r="N73285" s="10"/>
    </row>
    <row r="73286" spans="14:14">
      <c r="N73286" s="10"/>
    </row>
    <row r="73287" spans="14:14">
      <c r="N73287" s="10"/>
    </row>
    <row r="73288" spans="14:14">
      <c r="N73288" s="10"/>
    </row>
    <row r="73289" spans="14:14">
      <c r="N73289" s="10"/>
    </row>
    <row r="73290" spans="14:14">
      <c r="N73290" s="10"/>
    </row>
    <row r="73291" spans="14:14">
      <c r="N73291" s="10"/>
    </row>
    <row r="73292" spans="14:14">
      <c r="N73292" s="10"/>
    </row>
    <row r="73293" spans="14:14">
      <c r="N73293" s="10"/>
    </row>
    <row r="73294" spans="14:14">
      <c r="N73294" s="10"/>
    </row>
    <row r="73295" spans="14:14">
      <c r="N73295" s="10"/>
    </row>
    <row r="73296" spans="14:14">
      <c r="N73296" s="10"/>
    </row>
    <row r="73297" spans="14:14">
      <c r="N73297" s="10"/>
    </row>
    <row r="73298" spans="14:14">
      <c r="N73298" s="10"/>
    </row>
    <row r="73299" spans="14:14">
      <c r="N73299" s="10"/>
    </row>
    <row r="73300" spans="14:14">
      <c r="N73300" s="10"/>
    </row>
    <row r="73301" spans="14:14">
      <c r="N73301" s="10"/>
    </row>
    <row r="73302" spans="14:14">
      <c r="N73302" s="10"/>
    </row>
    <row r="73303" spans="14:14">
      <c r="N73303" s="10"/>
    </row>
    <row r="73304" spans="14:14">
      <c r="N73304" s="10"/>
    </row>
    <row r="73305" spans="14:14">
      <c r="N73305" s="10"/>
    </row>
    <row r="73306" spans="14:14">
      <c r="N73306" s="10"/>
    </row>
    <row r="73307" spans="14:14">
      <c r="N73307" s="10"/>
    </row>
    <row r="73308" spans="14:14">
      <c r="N73308" s="10"/>
    </row>
    <row r="73309" spans="14:14">
      <c r="N73309" s="10"/>
    </row>
    <row r="73310" spans="14:14">
      <c r="N73310" s="10"/>
    </row>
    <row r="73311" spans="14:14">
      <c r="N73311" s="10"/>
    </row>
    <row r="73312" spans="14:14">
      <c r="N73312" s="10"/>
    </row>
    <row r="73313" spans="14:14">
      <c r="N73313" s="10"/>
    </row>
    <row r="73314" spans="14:14">
      <c r="N73314" s="10"/>
    </row>
    <row r="73315" spans="14:14">
      <c r="N73315" s="10"/>
    </row>
    <row r="73316" spans="14:14">
      <c r="N73316" s="10"/>
    </row>
    <row r="73317" spans="14:14">
      <c r="N73317" s="10"/>
    </row>
    <row r="73318" spans="14:14">
      <c r="N73318" s="10"/>
    </row>
    <row r="73319" spans="14:14">
      <c r="N73319" s="10"/>
    </row>
    <row r="73320" spans="14:14">
      <c r="N73320" s="10"/>
    </row>
    <row r="73321" spans="14:14">
      <c r="N73321" s="10"/>
    </row>
    <row r="73322" spans="14:14">
      <c r="N73322" s="10"/>
    </row>
    <row r="73323" spans="14:14">
      <c r="N73323" s="10"/>
    </row>
    <row r="73324" spans="14:14">
      <c r="N73324" s="10"/>
    </row>
    <row r="73325" spans="14:14">
      <c r="N73325" s="10"/>
    </row>
    <row r="73326" spans="14:14">
      <c r="N73326" s="10"/>
    </row>
    <row r="73327" spans="14:14">
      <c r="N73327" s="10"/>
    </row>
    <row r="73328" spans="14:14">
      <c r="N73328" s="10"/>
    </row>
    <row r="73329" spans="14:14">
      <c r="N73329" s="10"/>
    </row>
    <row r="73330" spans="14:14">
      <c r="N73330" s="10"/>
    </row>
    <row r="73331" spans="14:14">
      <c r="N73331" s="10"/>
    </row>
    <row r="73332" spans="14:14">
      <c r="N73332" s="10"/>
    </row>
    <row r="73333" spans="14:14">
      <c r="N73333" s="10"/>
    </row>
    <row r="73334" spans="14:14">
      <c r="N73334" s="10"/>
    </row>
    <row r="73335" spans="14:14">
      <c r="N73335" s="10"/>
    </row>
    <row r="73336" spans="14:14">
      <c r="N73336" s="10"/>
    </row>
    <row r="73337" spans="14:14">
      <c r="N73337" s="10"/>
    </row>
    <row r="73338" spans="14:14">
      <c r="N73338" s="10"/>
    </row>
    <row r="73339" spans="14:14">
      <c r="N73339" s="10"/>
    </row>
    <row r="73340" spans="14:14">
      <c r="N73340" s="10"/>
    </row>
    <row r="73341" spans="14:14">
      <c r="N73341" s="10"/>
    </row>
    <row r="73342" spans="14:14">
      <c r="N73342" s="10"/>
    </row>
    <row r="73343" spans="14:14">
      <c r="N73343" s="10"/>
    </row>
    <row r="73344" spans="14:14">
      <c r="N73344" s="10"/>
    </row>
    <row r="73345" spans="14:14">
      <c r="N73345" s="10"/>
    </row>
    <row r="73346" spans="14:14">
      <c r="N73346" s="10"/>
    </row>
    <row r="73347" spans="14:14">
      <c r="N73347" s="10"/>
    </row>
    <row r="73348" spans="14:14">
      <c r="N73348" s="10"/>
    </row>
    <row r="73349" spans="14:14">
      <c r="N73349" s="10"/>
    </row>
    <row r="73350" spans="14:14">
      <c r="N73350" s="10"/>
    </row>
    <row r="73351" spans="14:14">
      <c r="N73351" s="10"/>
    </row>
    <row r="73352" spans="14:14">
      <c r="N73352" s="10"/>
    </row>
    <row r="73353" spans="14:14">
      <c r="N73353" s="10"/>
    </row>
    <row r="73354" spans="14:14">
      <c r="N73354" s="10"/>
    </row>
    <row r="73355" spans="14:14">
      <c r="N73355" s="10"/>
    </row>
    <row r="73356" spans="14:14">
      <c r="N73356" s="10"/>
    </row>
    <row r="73357" spans="14:14">
      <c r="N73357" s="10"/>
    </row>
    <row r="73358" spans="14:14">
      <c r="N73358" s="10"/>
    </row>
    <row r="73359" spans="14:14">
      <c r="N73359" s="10"/>
    </row>
    <row r="73360" spans="14:14">
      <c r="N73360" s="10"/>
    </row>
    <row r="73361" spans="14:14">
      <c r="N73361" s="10"/>
    </row>
    <row r="73362" spans="14:14">
      <c r="N73362" s="10"/>
    </row>
    <row r="73363" spans="14:14">
      <c r="N73363" s="10"/>
    </row>
    <row r="73364" spans="14:14">
      <c r="N73364" s="10"/>
    </row>
    <row r="73365" spans="14:14">
      <c r="N73365" s="10"/>
    </row>
    <row r="73366" spans="14:14">
      <c r="N73366" s="10"/>
    </row>
    <row r="73367" spans="14:14">
      <c r="N73367" s="10"/>
    </row>
    <row r="73368" spans="14:14">
      <c r="N73368" s="10"/>
    </row>
    <row r="73369" spans="14:14">
      <c r="N73369" s="10"/>
    </row>
    <row r="73370" spans="14:14">
      <c r="N73370" s="10"/>
    </row>
    <row r="73371" spans="14:14">
      <c r="N73371" s="10"/>
    </row>
    <row r="73372" spans="14:14">
      <c r="N73372" s="10"/>
    </row>
    <row r="73373" spans="14:14">
      <c r="N73373" s="10"/>
    </row>
    <row r="73374" spans="14:14">
      <c r="N73374" s="10"/>
    </row>
    <row r="73375" spans="14:14">
      <c r="N73375" s="10"/>
    </row>
    <row r="73376" spans="14:14">
      <c r="N73376" s="10"/>
    </row>
    <row r="73377" spans="14:14">
      <c r="N73377" s="10"/>
    </row>
    <row r="73378" spans="14:14">
      <c r="N73378" s="10"/>
    </row>
    <row r="73379" spans="14:14">
      <c r="N73379" s="10"/>
    </row>
    <row r="73380" spans="14:14">
      <c r="N73380" s="10"/>
    </row>
    <row r="73381" spans="14:14">
      <c r="N73381" s="10"/>
    </row>
    <row r="73382" spans="14:14">
      <c r="N73382" s="10"/>
    </row>
    <row r="73383" spans="14:14">
      <c r="N73383" s="10"/>
    </row>
    <row r="73384" spans="14:14">
      <c r="N73384" s="10"/>
    </row>
    <row r="73385" spans="14:14">
      <c r="N73385" s="10"/>
    </row>
    <row r="73386" spans="14:14">
      <c r="N73386" s="10"/>
    </row>
    <row r="73387" spans="14:14">
      <c r="N73387" s="10"/>
    </row>
    <row r="73388" spans="14:14">
      <c r="N73388" s="10"/>
    </row>
    <row r="73389" spans="14:14">
      <c r="N73389" s="10"/>
    </row>
    <row r="73390" spans="14:14">
      <c r="N73390" s="10"/>
    </row>
    <row r="73391" spans="14:14">
      <c r="N73391" s="10"/>
    </row>
    <row r="73392" spans="14:14">
      <c r="N73392" s="10"/>
    </row>
    <row r="73393" spans="14:14">
      <c r="N73393" s="10"/>
    </row>
    <row r="73394" spans="14:14">
      <c r="N73394" s="10"/>
    </row>
    <row r="73395" spans="14:14">
      <c r="N73395" s="10"/>
    </row>
    <row r="73396" spans="14:14">
      <c r="N73396" s="10"/>
    </row>
    <row r="73397" spans="14:14">
      <c r="N73397" s="10"/>
    </row>
    <row r="73398" spans="14:14">
      <c r="N73398" s="10"/>
    </row>
    <row r="73399" spans="14:14">
      <c r="N73399" s="10"/>
    </row>
    <row r="73400" spans="14:14">
      <c r="N73400" s="10"/>
    </row>
    <row r="73401" spans="14:14">
      <c r="N73401" s="10"/>
    </row>
    <row r="73402" spans="14:14">
      <c r="N73402" s="10"/>
    </row>
    <row r="73403" spans="14:14">
      <c r="N73403" s="10"/>
    </row>
    <row r="73404" spans="14:14">
      <c r="N73404" s="10"/>
    </row>
    <row r="73405" spans="14:14">
      <c r="N73405" s="10"/>
    </row>
    <row r="73406" spans="14:14">
      <c r="N73406" s="10"/>
    </row>
    <row r="73407" spans="14:14">
      <c r="N73407" s="10"/>
    </row>
    <row r="73408" spans="14:14">
      <c r="N73408" s="10"/>
    </row>
    <row r="73409" spans="14:14">
      <c r="N73409" s="10"/>
    </row>
    <row r="73410" spans="14:14">
      <c r="N73410" s="10"/>
    </row>
    <row r="73411" spans="14:14">
      <c r="N73411" s="10"/>
    </row>
    <row r="73412" spans="14:14">
      <c r="N73412" s="10"/>
    </row>
    <row r="73413" spans="14:14">
      <c r="N73413" s="10"/>
    </row>
    <row r="73414" spans="14:14">
      <c r="N73414" s="10"/>
    </row>
    <row r="73415" spans="14:14">
      <c r="N73415" s="10"/>
    </row>
    <row r="73416" spans="14:14">
      <c r="N73416" s="10"/>
    </row>
    <row r="73417" spans="14:14">
      <c r="N73417" s="10"/>
    </row>
    <row r="73418" spans="14:14">
      <c r="N73418" s="10"/>
    </row>
    <row r="73419" spans="14:14">
      <c r="N73419" s="10"/>
    </row>
    <row r="73420" spans="14:14">
      <c r="N73420" s="10"/>
    </row>
    <row r="73421" spans="14:14">
      <c r="N73421" s="10"/>
    </row>
    <row r="73422" spans="14:14">
      <c r="N73422" s="10"/>
    </row>
    <row r="73423" spans="14:14">
      <c r="N73423" s="10"/>
    </row>
    <row r="73424" spans="14:14">
      <c r="N73424" s="10"/>
    </row>
    <row r="73425" spans="14:14">
      <c r="N73425" s="10"/>
    </row>
    <row r="73426" spans="14:14">
      <c r="N73426" s="10"/>
    </row>
    <row r="73427" spans="14:14">
      <c r="N73427" s="10"/>
    </row>
    <row r="73428" spans="14:14">
      <c r="N73428" s="10"/>
    </row>
    <row r="73429" spans="14:14">
      <c r="N73429" s="10"/>
    </row>
    <row r="73430" spans="14:14">
      <c r="N73430" s="10"/>
    </row>
    <row r="73431" spans="14:14">
      <c r="N73431" s="10"/>
    </row>
    <row r="73432" spans="14:14">
      <c r="N73432" s="10"/>
    </row>
    <row r="73433" spans="14:14">
      <c r="N73433" s="10"/>
    </row>
    <row r="73434" spans="14:14">
      <c r="N73434" s="10"/>
    </row>
    <row r="73435" spans="14:14">
      <c r="N73435" s="10"/>
    </row>
    <row r="73436" spans="14:14">
      <c r="N73436" s="10"/>
    </row>
    <row r="73437" spans="14:14">
      <c r="N73437" s="10"/>
    </row>
    <row r="73438" spans="14:14">
      <c r="N73438" s="10"/>
    </row>
    <row r="73439" spans="14:14">
      <c r="N73439" s="10"/>
    </row>
    <row r="73440" spans="14:14">
      <c r="N73440" s="10"/>
    </row>
    <row r="73441" spans="14:14">
      <c r="N73441" s="10"/>
    </row>
    <row r="73442" spans="14:14">
      <c r="N73442" s="10"/>
    </row>
    <row r="73443" spans="14:14">
      <c r="N73443" s="10"/>
    </row>
    <row r="73444" spans="14:14">
      <c r="N73444" s="10"/>
    </row>
    <row r="73445" spans="14:14">
      <c r="N73445" s="10"/>
    </row>
    <row r="73446" spans="14:14">
      <c r="N73446" s="10"/>
    </row>
    <row r="73447" spans="14:14">
      <c r="N73447" s="10"/>
    </row>
    <row r="73448" spans="14:14">
      <c r="N73448" s="10"/>
    </row>
    <row r="73449" spans="14:14">
      <c r="N73449" s="10"/>
    </row>
    <row r="73450" spans="14:14">
      <c r="N73450" s="10"/>
    </row>
    <row r="73451" spans="14:14">
      <c r="N73451" s="10"/>
    </row>
    <row r="73452" spans="14:14">
      <c r="N73452" s="10"/>
    </row>
    <row r="73453" spans="14:14">
      <c r="N73453" s="10"/>
    </row>
    <row r="73454" spans="14:14">
      <c r="N73454" s="10"/>
    </row>
    <row r="73455" spans="14:14">
      <c r="N73455" s="10"/>
    </row>
    <row r="73456" spans="14:14">
      <c r="N73456" s="10"/>
    </row>
    <row r="73457" spans="14:14">
      <c r="N73457" s="10"/>
    </row>
    <row r="73458" spans="14:14">
      <c r="N73458" s="10"/>
    </row>
    <row r="73459" spans="14:14">
      <c r="N73459" s="10"/>
    </row>
    <row r="73460" spans="14:14">
      <c r="N73460" s="10"/>
    </row>
    <row r="73461" spans="14:14">
      <c r="N73461" s="10"/>
    </row>
    <row r="73462" spans="14:14">
      <c r="N73462" s="10"/>
    </row>
    <row r="73463" spans="14:14">
      <c r="N73463" s="10"/>
    </row>
    <row r="73464" spans="14:14">
      <c r="N73464" s="10"/>
    </row>
    <row r="73465" spans="14:14">
      <c r="N73465" s="10"/>
    </row>
    <row r="73466" spans="14:14">
      <c r="N73466" s="10"/>
    </row>
    <row r="73467" spans="14:14">
      <c r="N73467" s="10"/>
    </row>
    <row r="73468" spans="14:14">
      <c r="N73468" s="10"/>
    </row>
    <row r="73469" spans="14:14">
      <c r="N73469" s="10"/>
    </row>
    <row r="73470" spans="14:14">
      <c r="N73470" s="10"/>
    </row>
    <row r="73471" spans="14:14">
      <c r="N73471" s="10"/>
    </row>
    <row r="73472" spans="14:14">
      <c r="N73472" s="10"/>
    </row>
    <row r="73473" spans="14:14">
      <c r="N73473" s="10"/>
    </row>
    <row r="73474" spans="14:14">
      <c r="N73474" s="10"/>
    </row>
    <row r="73475" spans="14:14">
      <c r="N73475" s="10"/>
    </row>
    <row r="73476" spans="14:14">
      <c r="N73476" s="10"/>
    </row>
    <row r="73477" spans="14:14">
      <c r="N73477" s="10"/>
    </row>
    <row r="73478" spans="14:14">
      <c r="N73478" s="10"/>
    </row>
    <row r="73479" spans="14:14">
      <c r="N73479" s="10"/>
    </row>
    <row r="73480" spans="14:14">
      <c r="N73480" s="10"/>
    </row>
    <row r="73481" spans="14:14">
      <c r="N73481" s="10"/>
    </row>
    <row r="73482" spans="14:14">
      <c r="N73482" s="10"/>
    </row>
    <row r="73483" spans="14:14">
      <c r="N73483" s="10"/>
    </row>
    <row r="73484" spans="14:14">
      <c r="N73484" s="10"/>
    </row>
    <row r="73485" spans="14:14">
      <c r="N73485" s="10"/>
    </row>
    <row r="73486" spans="14:14">
      <c r="N73486" s="10"/>
    </row>
    <row r="73487" spans="14:14">
      <c r="N73487" s="10"/>
    </row>
    <row r="73488" spans="14:14">
      <c r="N73488" s="10"/>
    </row>
    <row r="73489" spans="14:14">
      <c r="N73489" s="10"/>
    </row>
    <row r="73490" spans="14:14">
      <c r="N73490" s="10"/>
    </row>
    <row r="73491" spans="14:14">
      <c r="N73491" s="10"/>
    </row>
    <row r="73492" spans="14:14">
      <c r="N73492" s="10"/>
    </row>
    <row r="73493" spans="14:14">
      <c r="N73493" s="10"/>
    </row>
    <row r="73494" spans="14:14">
      <c r="N73494" s="10"/>
    </row>
    <row r="73495" spans="14:14">
      <c r="N73495" s="10"/>
    </row>
    <row r="73496" spans="14:14">
      <c r="N73496" s="10"/>
    </row>
    <row r="73497" spans="14:14">
      <c r="N73497" s="10"/>
    </row>
    <row r="73498" spans="14:14">
      <c r="N73498" s="10"/>
    </row>
    <row r="73499" spans="14:14">
      <c r="N73499" s="10"/>
    </row>
    <row r="73500" spans="14:14">
      <c r="N73500" s="10"/>
    </row>
    <row r="73501" spans="14:14">
      <c r="N73501" s="10"/>
    </row>
    <row r="73502" spans="14:14">
      <c r="N73502" s="10"/>
    </row>
    <row r="73503" spans="14:14">
      <c r="N73503" s="10"/>
    </row>
    <row r="73504" spans="14:14">
      <c r="N73504" s="10"/>
    </row>
    <row r="73505" spans="14:14">
      <c r="N73505" s="10"/>
    </row>
    <row r="73506" spans="14:14">
      <c r="N73506" s="10"/>
    </row>
    <row r="73507" spans="14:14">
      <c r="N73507" s="10"/>
    </row>
    <row r="73508" spans="14:14">
      <c r="N73508" s="10"/>
    </row>
    <row r="73509" spans="14:14">
      <c r="N73509" s="10"/>
    </row>
    <row r="73510" spans="14:14">
      <c r="N73510" s="10"/>
    </row>
    <row r="73511" spans="14:14">
      <c r="N73511" s="10"/>
    </row>
    <row r="73512" spans="14:14">
      <c r="N73512" s="10"/>
    </row>
    <row r="73513" spans="14:14">
      <c r="N73513" s="10"/>
    </row>
    <row r="73514" spans="14:14">
      <c r="N73514" s="10"/>
    </row>
    <row r="73515" spans="14:14">
      <c r="N73515" s="10"/>
    </row>
    <row r="73516" spans="14:14">
      <c r="N73516" s="10"/>
    </row>
    <row r="73517" spans="14:14">
      <c r="N73517" s="10"/>
    </row>
    <row r="73518" spans="14:14">
      <c r="N73518" s="10"/>
    </row>
    <row r="73519" spans="14:14">
      <c r="N73519" s="10"/>
    </row>
    <row r="73520" spans="14:14">
      <c r="N73520" s="10"/>
    </row>
    <row r="73521" spans="14:14">
      <c r="N73521" s="10"/>
    </row>
    <row r="73522" spans="14:14">
      <c r="N73522" s="10"/>
    </row>
    <row r="73523" spans="14:14">
      <c r="N73523" s="10"/>
    </row>
    <row r="73524" spans="14:14">
      <c r="N73524" s="10"/>
    </row>
    <row r="73525" spans="14:14">
      <c r="N73525" s="10"/>
    </row>
    <row r="73526" spans="14:14">
      <c r="N73526" s="10"/>
    </row>
    <row r="73527" spans="14:14">
      <c r="N73527" s="10"/>
    </row>
    <row r="73528" spans="14:14">
      <c r="N73528" s="10"/>
    </row>
    <row r="73529" spans="14:14">
      <c r="N73529" s="10"/>
    </row>
    <row r="73530" spans="14:14">
      <c r="N73530" s="10"/>
    </row>
    <row r="73531" spans="14:14">
      <c r="N73531" s="10"/>
    </row>
    <row r="73532" spans="14:14">
      <c r="N73532" s="10"/>
    </row>
    <row r="73533" spans="14:14">
      <c r="N73533" s="10"/>
    </row>
    <row r="73534" spans="14:14">
      <c r="N73534" s="10"/>
    </row>
    <row r="73535" spans="14:14">
      <c r="N73535" s="10"/>
    </row>
    <row r="73536" spans="14:14">
      <c r="N73536" s="10"/>
    </row>
    <row r="73537" spans="14:14">
      <c r="N73537" s="10"/>
    </row>
    <row r="73538" spans="14:14">
      <c r="N73538" s="10"/>
    </row>
    <row r="73539" spans="14:14">
      <c r="N73539" s="10"/>
    </row>
    <row r="73540" spans="14:14">
      <c r="N73540" s="10"/>
    </row>
    <row r="73541" spans="14:14">
      <c r="N73541" s="10"/>
    </row>
    <row r="73542" spans="14:14">
      <c r="N73542" s="10"/>
    </row>
    <row r="73543" spans="14:14">
      <c r="N73543" s="10"/>
    </row>
    <row r="73544" spans="14:14">
      <c r="N73544" s="10"/>
    </row>
    <row r="73545" spans="14:14">
      <c r="N73545" s="10"/>
    </row>
    <row r="73546" spans="14:14">
      <c r="N73546" s="10"/>
    </row>
    <row r="73547" spans="14:14">
      <c r="N73547" s="10"/>
    </row>
    <row r="73548" spans="14:14">
      <c r="N73548" s="10"/>
    </row>
    <row r="73549" spans="14:14">
      <c r="N73549" s="10"/>
    </row>
    <row r="73550" spans="14:14">
      <c r="N73550" s="10"/>
    </row>
    <row r="73551" spans="14:14">
      <c r="N73551" s="10"/>
    </row>
    <row r="73552" spans="14:14">
      <c r="N73552" s="10"/>
    </row>
    <row r="73553" spans="14:14">
      <c r="N73553" s="10"/>
    </row>
    <row r="73554" spans="14:14">
      <c r="N73554" s="10"/>
    </row>
    <row r="73555" spans="14:14">
      <c r="N73555" s="10"/>
    </row>
    <row r="73556" spans="14:14">
      <c r="N73556" s="10"/>
    </row>
    <row r="73557" spans="14:14">
      <c r="N73557" s="10"/>
    </row>
    <row r="73558" spans="14:14">
      <c r="N73558" s="10"/>
    </row>
    <row r="73559" spans="14:14">
      <c r="N73559" s="10"/>
    </row>
    <row r="73560" spans="14:14">
      <c r="N73560" s="10"/>
    </row>
    <row r="73561" spans="14:14">
      <c r="N73561" s="10"/>
    </row>
    <row r="73562" spans="14:14">
      <c r="N73562" s="10"/>
    </row>
    <row r="73563" spans="14:14">
      <c r="N73563" s="10"/>
    </row>
    <row r="73564" spans="14:14">
      <c r="N73564" s="10"/>
    </row>
    <row r="73565" spans="14:14">
      <c r="N73565" s="10"/>
    </row>
    <row r="73566" spans="14:14">
      <c r="N73566" s="10"/>
    </row>
    <row r="73567" spans="14:14">
      <c r="N73567" s="10"/>
    </row>
    <row r="73568" spans="14:14">
      <c r="N73568" s="10"/>
    </row>
    <row r="73569" spans="14:14">
      <c r="N73569" s="10"/>
    </row>
    <row r="73570" spans="14:14">
      <c r="N73570" s="10"/>
    </row>
    <row r="73571" spans="14:14">
      <c r="N73571" s="10"/>
    </row>
    <row r="73572" spans="14:14">
      <c r="N73572" s="10"/>
    </row>
    <row r="73573" spans="14:14">
      <c r="N73573" s="10"/>
    </row>
    <row r="73574" spans="14:14">
      <c r="N73574" s="10"/>
    </row>
    <row r="73575" spans="14:14">
      <c r="N73575" s="10"/>
    </row>
    <row r="73576" spans="14:14">
      <c r="N73576" s="10"/>
    </row>
    <row r="73577" spans="14:14">
      <c r="N73577" s="10"/>
    </row>
    <row r="73578" spans="14:14">
      <c r="N73578" s="10"/>
    </row>
    <row r="73579" spans="14:14">
      <c r="N73579" s="10"/>
    </row>
    <row r="73580" spans="14:14">
      <c r="N73580" s="10"/>
    </row>
    <row r="73581" spans="14:14">
      <c r="N73581" s="10"/>
    </row>
    <row r="73582" spans="14:14">
      <c r="N73582" s="10"/>
    </row>
    <row r="73583" spans="14:14">
      <c r="N73583" s="10"/>
    </row>
    <row r="73584" spans="14:14">
      <c r="N73584" s="10"/>
    </row>
    <row r="73585" spans="14:14">
      <c r="N73585" s="10"/>
    </row>
    <row r="73586" spans="14:14">
      <c r="N73586" s="10"/>
    </row>
    <row r="73587" spans="14:14">
      <c r="N73587" s="10"/>
    </row>
    <row r="73588" spans="14:14">
      <c r="N73588" s="10"/>
    </row>
    <row r="73589" spans="14:14">
      <c r="N73589" s="10"/>
    </row>
    <row r="73590" spans="14:14">
      <c r="N73590" s="10"/>
    </row>
    <row r="73591" spans="14:14">
      <c r="N73591" s="10"/>
    </row>
    <row r="73592" spans="14:14">
      <c r="N73592" s="10"/>
    </row>
    <row r="73593" spans="14:14">
      <c r="N73593" s="10"/>
    </row>
    <row r="73594" spans="14:14">
      <c r="N73594" s="10"/>
    </row>
    <row r="73595" spans="14:14">
      <c r="N73595" s="10"/>
    </row>
    <row r="73596" spans="14:14">
      <c r="N73596" s="10"/>
    </row>
    <row r="73597" spans="14:14">
      <c r="N73597" s="10"/>
    </row>
    <row r="73598" spans="14:14">
      <c r="N73598" s="10"/>
    </row>
    <row r="73599" spans="14:14">
      <c r="N73599" s="10"/>
    </row>
    <row r="73600" spans="14:14">
      <c r="N73600" s="10"/>
    </row>
    <row r="73601" spans="14:14">
      <c r="N73601" s="10"/>
    </row>
    <row r="73602" spans="14:14">
      <c r="N73602" s="10"/>
    </row>
    <row r="73603" spans="14:14">
      <c r="N73603" s="10"/>
    </row>
    <row r="73604" spans="14:14">
      <c r="N73604" s="10"/>
    </row>
    <row r="73605" spans="14:14">
      <c r="N73605" s="10"/>
    </row>
    <row r="73606" spans="14:14">
      <c r="N73606" s="10"/>
    </row>
    <row r="73607" spans="14:14">
      <c r="N73607" s="10"/>
    </row>
    <row r="73608" spans="14:14">
      <c r="N73608" s="10"/>
    </row>
    <row r="73609" spans="14:14">
      <c r="N73609" s="10"/>
    </row>
    <row r="73610" spans="14:14">
      <c r="N73610" s="10"/>
    </row>
    <row r="73611" spans="14:14">
      <c r="N73611" s="10"/>
    </row>
    <row r="73612" spans="14:14">
      <c r="N73612" s="10"/>
    </row>
    <row r="73613" spans="14:14">
      <c r="N73613" s="10"/>
    </row>
    <row r="73614" spans="14:14">
      <c r="N73614" s="10"/>
    </row>
    <row r="73615" spans="14:14">
      <c r="N73615" s="10"/>
    </row>
    <row r="73616" spans="14:14">
      <c r="N73616" s="10"/>
    </row>
    <row r="73617" spans="14:14">
      <c r="N73617" s="10"/>
    </row>
    <row r="73618" spans="14:14">
      <c r="N73618" s="10"/>
    </row>
    <row r="73619" spans="14:14">
      <c r="N73619" s="10"/>
    </row>
    <row r="73620" spans="14:14">
      <c r="N73620" s="10"/>
    </row>
    <row r="73621" spans="14:14">
      <c r="N73621" s="10"/>
    </row>
    <row r="73622" spans="14:14">
      <c r="N73622" s="10"/>
    </row>
    <row r="73623" spans="14:14">
      <c r="N73623" s="10"/>
    </row>
    <row r="73624" spans="14:14">
      <c r="N73624" s="10"/>
    </row>
    <row r="73625" spans="14:14">
      <c r="N73625" s="10"/>
    </row>
    <row r="73626" spans="14:14">
      <c r="N73626" s="10"/>
    </row>
    <row r="73627" spans="14:14">
      <c r="N73627" s="10"/>
    </row>
    <row r="73628" spans="14:14">
      <c r="N73628" s="10"/>
    </row>
    <row r="73629" spans="14:14">
      <c r="N73629" s="10"/>
    </row>
    <row r="73630" spans="14:14">
      <c r="N73630" s="10"/>
    </row>
    <row r="73631" spans="14:14">
      <c r="N73631" s="10"/>
    </row>
    <row r="73632" spans="14:14">
      <c r="N73632" s="10"/>
    </row>
    <row r="73633" spans="14:14">
      <c r="N73633" s="10"/>
    </row>
    <row r="73634" spans="14:14">
      <c r="N73634" s="10"/>
    </row>
    <row r="73635" spans="14:14">
      <c r="N73635" s="10"/>
    </row>
    <row r="73636" spans="14:14">
      <c r="N73636" s="10"/>
    </row>
    <row r="73637" spans="14:14">
      <c r="N73637" s="10"/>
    </row>
    <row r="73638" spans="14:14">
      <c r="N73638" s="10"/>
    </row>
    <row r="73639" spans="14:14">
      <c r="N73639" s="10"/>
    </row>
    <row r="73640" spans="14:14">
      <c r="N73640" s="10"/>
    </row>
    <row r="73641" spans="14:14">
      <c r="N73641" s="10"/>
    </row>
    <row r="73642" spans="14:14">
      <c r="N73642" s="10"/>
    </row>
    <row r="73643" spans="14:14">
      <c r="N73643" s="10"/>
    </row>
    <row r="73644" spans="14:14">
      <c r="N73644" s="10"/>
    </row>
    <row r="73645" spans="14:14">
      <c r="N73645" s="10"/>
    </row>
    <row r="73646" spans="14:14">
      <c r="N73646" s="10"/>
    </row>
    <row r="73647" spans="14:14">
      <c r="N73647" s="10"/>
    </row>
    <row r="73648" spans="14:14">
      <c r="N73648" s="10"/>
    </row>
    <row r="73649" spans="14:14">
      <c r="N73649" s="10"/>
    </row>
    <row r="73650" spans="14:14">
      <c r="N73650" s="10"/>
    </row>
    <row r="73651" spans="14:14">
      <c r="N73651" s="10"/>
    </row>
    <row r="73652" spans="14:14">
      <c r="N73652" s="10"/>
    </row>
    <row r="73653" spans="14:14">
      <c r="N73653" s="10"/>
    </row>
    <row r="73654" spans="14:14">
      <c r="N73654" s="10"/>
    </row>
    <row r="73655" spans="14:14">
      <c r="N73655" s="10"/>
    </row>
    <row r="73656" spans="14:14">
      <c r="N73656" s="10"/>
    </row>
    <row r="73657" spans="14:14">
      <c r="N73657" s="10"/>
    </row>
    <row r="73658" spans="14:14">
      <c r="N73658" s="10"/>
    </row>
    <row r="73659" spans="14:14">
      <c r="N73659" s="10"/>
    </row>
    <row r="73660" spans="14:14">
      <c r="N73660" s="10"/>
    </row>
    <row r="73661" spans="14:14">
      <c r="N73661" s="10"/>
    </row>
    <row r="73662" spans="14:14">
      <c r="N73662" s="10"/>
    </row>
    <row r="73663" spans="14:14">
      <c r="N73663" s="10"/>
    </row>
    <row r="73664" spans="14:14">
      <c r="N73664" s="10"/>
    </row>
    <row r="73665" spans="14:14">
      <c r="N73665" s="10"/>
    </row>
    <row r="73666" spans="14:14">
      <c r="N73666" s="10"/>
    </row>
    <row r="73667" spans="14:14">
      <c r="N73667" s="10"/>
    </row>
    <row r="73668" spans="14:14">
      <c r="N73668" s="10"/>
    </row>
    <row r="73669" spans="14:14">
      <c r="N73669" s="10"/>
    </row>
    <row r="73670" spans="14:14">
      <c r="N73670" s="10"/>
    </row>
    <row r="73671" spans="14:14">
      <c r="N73671" s="10"/>
    </row>
    <row r="73672" spans="14:14">
      <c r="N73672" s="10"/>
    </row>
    <row r="73673" spans="14:14">
      <c r="N73673" s="10"/>
    </row>
    <row r="73674" spans="14:14">
      <c r="N73674" s="10"/>
    </row>
    <row r="73675" spans="14:14">
      <c r="N73675" s="10"/>
    </row>
    <row r="73676" spans="14:14">
      <c r="N73676" s="10"/>
    </row>
    <row r="73677" spans="14:14">
      <c r="N73677" s="10"/>
    </row>
    <row r="73678" spans="14:14">
      <c r="N73678" s="10"/>
    </row>
    <row r="73679" spans="14:14">
      <c r="N73679" s="10"/>
    </row>
    <row r="73680" spans="14:14">
      <c r="N73680" s="10"/>
    </row>
    <row r="73681" spans="14:14">
      <c r="N73681" s="10"/>
    </row>
    <row r="73682" spans="14:14">
      <c r="N73682" s="10"/>
    </row>
    <row r="73683" spans="14:14">
      <c r="N73683" s="10"/>
    </row>
    <row r="73684" spans="14:14">
      <c r="N73684" s="10"/>
    </row>
    <row r="73685" spans="14:14">
      <c r="N73685" s="10"/>
    </row>
    <row r="73686" spans="14:14">
      <c r="N73686" s="10"/>
    </row>
    <row r="73687" spans="14:14">
      <c r="N73687" s="10"/>
    </row>
    <row r="73688" spans="14:14">
      <c r="N73688" s="10"/>
    </row>
    <row r="73689" spans="14:14">
      <c r="N73689" s="10"/>
    </row>
    <row r="73690" spans="14:14">
      <c r="N73690" s="10"/>
    </row>
    <row r="73691" spans="14:14">
      <c r="N73691" s="10"/>
    </row>
    <row r="73692" spans="14:14">
      <c r="N73692" s="10"/>
    </row>
    <row r="73693" spans="14:14">
      <c r="N73693" s="10"/>
    </row>
    <row r="73694" spans="14:14">
      <c r="N73694" s="10"/>
    </row>
    <row r="73695" spans="14:14">
      <c r="N73695" s="10"/>
    </row>
    <row r="73696" spans="14:14">
      <c r="N73696" s="10"/>
    </row>
    <row r="73697" spans="14:14">
      <c r="N73697" s="10"/>
    </row>
    <row r="73698" spans="14:14">
      <c r="N73698" s="10"/>
    </row>
    <row r="73699" spans="14:14">
      <c r="N73699" s="10"/>
    </row>
    <row r="73700" spans="14:14">
      <c r="N73700" s="10"/>
    </row>
    <row r="73701" spans="14:14">
      <c r="N73701" s="10"/>
    </row>
    <row r="73702" spans="14:14">
      <c r="N73702" s="10"/>
    </row>
    <row r="73703" spans="14:14">
      <c r="N73703" s="10"/>
    </row>
    <row r="73704" spans="14:14">
      <c r="N73704" s="10"/>
    </row>
    <row r="73705" spans="14:14">
      <c r="N73705" s="10"/>
    </row>
    <row r="73706" spans="14:14">
      <c r="N73706" s="10"/>
    </row>
    <row r="73707" spans="14:14">
      <c r="N73707" s="10"/>
    </row>
    <row r="73708" spans="14:14">
      <c r="N73708" s="10"/>
    </row>
    <row r="73709" spans="14:14">
      <c r="N73709" s="10"/>
    </row>
    <row r="73710" spans="14:14">
      <c r="N73710" s="10"/>
    </row>
    <row r="73711" spans="14:14">
      <c r="N73711" s="10"/>
    </row>
    <row r="73712" spans="14:14">
      <c r="N73712" s="10"/>
    </row>
    <row r="73713" spans="14:14">
      <c r="N73713" s="10"/>
    </row>
    <row r="73714" spans="14:14">
      <c r="N73714" s="10"/>
    </row>
    <row r="73715" spans="14:14">
      <c r="N73715" s="10"/>
    </row>
    <row r="73716" spans="14:14">
      <c r="N73716" s="10"/>
    </row>
    <row r="73717" spans="14:14">
      <c r="N73717" s="10"/>
    </row>
    <row r="73718" spans="14:14">
      <c r="N73718" s="10"/>
    </row>
    <row r="73719" spans="14:14">
      <c r="N73719" s="10"/>
    </row>
    <row r="73720" spans="14:14">
      <c r="N73720" s="10"/>
    </row>
    <row r="73721" spans="14:14">
      <c r="N73721" s="10"/>
    </row>
    <row r="73722" spans="14:14">
      <c r="N73722" s="10"/>
    </row>
    <row r="73723" spans="14:14">
      <c r="N73723" s="10"/>
    </row>
    <row r="73724" spans="14:14">
      <c r="N73724" s="10"/>
    </row>
    <row r="73725" spans="14:14">
      <c r="N73725" s="10"/>
    </row>
    <row r="73726" spans="14:14">
      <c r="N73726" s="10"/>
    </row>
    <row r="73727" spans="14:14">
      <c r="N73727" s="10"/>
    </row>
    <row r="73728" spans="14:14">
      <c r="N73728" s="10"/>
    </row>
    <row r="73729" spans="14:14">
      <c r="N73729" s="10"/>
    </row>
    <row r="73730" spans="14:14">
      <c r="N73730" s="10"/>
    </row>
    <row r="73731" spans="14:14">
      <c r="N73731" s="10"/>
    </row>
    <row r="73732" spans="14:14">
      <c r="N73732" s="10"/>
    </row>
    <row r="73733" spans="14:14">
      <c r="N73733" s="10"/>
    </row>
    <row r="73734" spans="14:14">
      <c r="N73734" s="10"/>
    </row>
    <row r="73735" spans="14:14">
      <c r="N73735" s="10"/>
    </row>
    <row r="73736" spans="14:14">
      <c r="N73736" s="10"/>
    </row>
    <row r="73737" spans="14:14">
      <c r="N73737" s="10"/>
    </row>
    <row r="73738" spans="14:14">
      <c r="N73738" s="10"/>
    </row>
    <row r="73739" spans="14:14">
      <c r="N73739" s="10"/>
    </row>
    <row r="73740" spans="14:14">
      <c r="N73740" s="10"/>
    </row>
    <row r="73741" spans="14:14">
      <c r="N73741" s="10"/>
    </row>
    <row r="73742" spans="14:14">
      <c r="N73742" s="10"/>
    </row>
    <row r="73743" spans="14:14">
      <c r="N73743" s="10"/>
    </row>
    <row r="73744" spans="14:14">
      <c r="N73744" s="10"/>
    </row>
    <row r="73745" spans="14:14">
      <c r="N73745" s="10"/>
    </row>
    <row r="73746" spans="14:14">
      <c r="N73746" s="10"/>
    </row>
    <row r="73747" spans="14:14">
      <c r="N73747" s="10"/>
    </row>
    <row r="73748" spans="14:14">
      <c r="N73748" s="10"/>
    </row>
    <row r="73749" spans="14:14">
      <c r="N73749" s="10"/>
    </row>
    <row r="73750" spans="14:14">
      <c r="N73750" s="10"/>
    </row>
    <row r="73751" spans="14:14">
      <c r="N73751" s="10"/>
    </row>
    <row r="73752" spans="14:14">
      <c r="N73752" s="10"/>
    </row>
    <row r="73753" spans="14:14">
      <c r="N73753" s="10"/>
    </row>
    <row r="73754" spans="14:14">
      <c r="N73754" s="10"/>
    </row>
    <row r="73755" spans="14:14">
      <c r="N73755" s="10"/>
    </row>
    <row r="73756" spans="14:14">
      <c r="N73756" s="10"/>
    </row>
    <row r="73757" spans="14:14">
      <c r="N73757" s="10"/>
    </row>
    <row r="73758" spans="14:14">
      <c r="N73758" s="10"/>
    </row>
    <row r="73759" spans="14:14">
      <c r="N73759" s="10"/>
    </row>
    <row r="73760" spans="14:14">
      <c r="N73760" s="10"/>
    </row>
    <row r="73761" spans="14:14">
      <c r="N73761" s="10"/>
    </row>
    <row r="73762" spans="14:14">
      <c r="N73762" s="10"/>
    </row>
    <row r="73763" spans="14:14">
      <c r="N73763" s="10"/>
    </row>
    <row r="73764" spans="14:14">
      <c r="N73764" s="10"/>
    </row>
    <row r="73765" spans="14:14">
      <c r="N73765" s="10"/>
    </row>
    <row r="73766" spans="14:14">
      <c r="N73766" s="10"/>
    </row>
    <row r="73767" spans="14:14">
      <c r="N73767" s="10"/>
    </row>
    <row r="73768" spans="14:14">
      <c r="N73768" s="10"/>
    </row>
    <row r="73769" spans="14:14">
      <c r="N73769" s="10"/>
    </row>
    <row r="73770" spans="14:14">
      <c r="N73770" s="10"/>
    </row>
    <row r="73771" spans="14:14">
      <c r="N73771" s="10"/>
    </row>
    <row r="73772" spans="14:14">
      <c r="N73772" s="10"/>
    </row>
    <row r="73773" spans="14:14">
      <c r="N73773" s="10"/>
    </row>
    <row r="73774" spans="14:14">
      <c r="N73774" s="10"/>
    </row>
    <row r="73775" spans="14:14">
      <c r="N73775" s="10"/>
    </row>
    <row r="73776" spans="14:14">
      <c r="N73776" s="10"/>
    </row>
    <row r="73777" spans="14:14">
      <c r="N73777" s="10"/>
    </row>
    <row r="73778" spans="14:14">
      <c r="N73778" s="10"/>
    </row>
    <row r="73779" spans="14:14">
      <c r="N73779" s="10"/>
    </row>
    <row r="73780" spans="14:14">
      <c r="N73780" s="10"/>
    </row>
    <row r="73781" spans="14:14">
      <c r="N73781" s="10"/>
    </row>
    <row r="73782" spans="14:14">
      <c r="N73782" s="10"/>
    </row>
    <row r="73783" spans="14:14">
      <c r="N73783" s="10"/>
    </row>
    <row r="73784" spans="14:14">
      <c r="N73784" s="10"/>
    </row>
    <row r="73785" spans="14:14">
      <c r="N73785" s="10"/>
    </row>
    <row r="73786" spans="14:14">
      <c r="N73786" s="10"/>
    </row>
    <row r="73787" spans="14:14">
      <c r="N73787" s="10"/>
    </row>
    <row r="73788" spans="14:14">
      <c r="N73788" s="10"/>
    </row>
    <row r="73789" spans="14:14">
      <c r="N73789" s="10"/>
    </row>
    <row r="73790" spans="14:14">
      <c r="N73790" s="10"/>
    </row>
    <row r="73791" spans="14:14">
      <c r="N73791" s="10"/>
    </row>
    <row r="73792" spans="14:14">
      <c r="N73792" s="10"/>
    </row>
    <row r="73793" spans="14:14">
      <c r="N73793" s="10"/>
    </row>
    <row r="73794" spans="14:14">
      <c r="N73794" s="10"/>
    </row>
    <row r="73795" spans="14:14">
      <c r="N73795" s="10"/>
    </row>
    <row r="73796" spans="14:14">
      <c r="N73796" s="10"/>
    </row>
    <row r="73797" spans="14:14">
      <c r="N73797" s="10"/>
    </row>
    <row r="73798" spans="14:14">
      <c r="N73798" s="10"/>
    </row>
    <row r="73799" spans="14:14">
      <c r="N73799" s="10"/>
    </row>
    <row r="73800" spans="14:14">
      <c r="N73800" s="10"/>
    </row>
    <row r="73801" spans="14:14">
      <c r="N73801" s="10"/>
    </row>
    <row r="73802" spans="14:14">
      <c r="N73802" s="10"/>
    </row>
    <row r="73803" spans="14:14">
      <c r="N73803" s="10"/>
    </row>
    <row r="73804" spans="14:14">
      <c r="N73804" s="10"/>
    </row>
    <row r="73805" spans="14:14">
      <c r="N73805" s="10"/>
    </row>
    <row r="73806" spans="14:14">
      <c r="N73806" s="10"/>
    </row>
    <row r="73807" spans="14:14">
      <c r="N73807" s="10"/>
    </row>
    <row r="73808" spans="14:14">
      <c r="N73808" s="10"/>
    </row>
    <row r="73809" spans="14:14">
      <c r="N73809" s="10"/>
    </row>
    <row r="73810" spans="14:14">
      <c r="N73810" s="10"/>
    </row>
    <row r="73811" spans="14:14">
      <c r="N73811" s="10"/>
    </row>
    <row r="73812" spans="14:14">
      <c r="N73812" s="10"/>
    </row>
    <row r="73813" spans="14:14">
      <c r="N73813" s="10"/>
    </row>
    <row r="73814" spans="14:14">
      <c r="N73814" s="10"/>
    </row>
    <row r="73815" spans="14:14">
      <c r="N73815" s="10"/>
    </row>
    <row r="73816" spans="14:14">
      <c r="N73816" s="10"/>
    </row>
    <row r="73817" spans="14:14">
      <c r="N73817" s="10"/>
    </row>
    <row r="73818" spans="14:14">
      <c r="N73818" s="10"/>
    </row>
    <row r="73819" spans="14:14">
      <c r="N73819" s="10"/>
    </row>
    <row r="73820" spans="14:14">
      <c r="N73820" s="10"/>
    </row>
    <row r="73821" spans="14:14">
      <c r="N73821" s="10"/>
    </row>
    <row r="73822" spans="14:14">
      <c r="N73822" s="10"/>
    </row>
    <row r="73823" spans="14:14">
      <c r="N73823" s="10"/>
    </row>
    <row r="73824" spans="14:14">
      <c r="N73824" s="10"/>
    </row>
    <row r="73825" spans="14:14">
      <c r="N73825" s="10"/>
    </row>
    <row r="73826" spans="14:14">
      <c r="N73826" s="10"/>
    </row>
    <row r="73827" spans="14:14">
      <c r="N73827" s="10"/>
    </row>
    <row r="73828" spans="14:14">
      <c r="N73828" s="10"/>
    </row>
    <row r="73829" spans="14:14">
      <c r="N73829" s="10"/>
    </row>
    <row r="73830" spans="14:14">
      <c r="N73830" s="10"/>
    </row>
    <row r="73831" spans="14:14">
      <c r="N73831" s="10"/>
    </row>
    <row r="73832" spans="14:14">
      <c r="N73832" s="10"/>
    </row>
    <row r="73833" spans="14:14">
      <c r="N73833" s="10"/>
    </row>
    <row r="73834" spans="14:14">
      <c r="N73834" s="10"/>
    </row>
    <row r="73835" spans="14:14">
      <c r="N73835" s="10"/>
    </row>
    <row r="73836" spans="14:14">
      <c r="N73836" s="10"/>
    </row>
    <row r="73837" spans="14:14">
      <c r="N73837" s="10"/>
    </row>
    <row r="73838" spans="14:14">
      <c r="N73838" s="10"/>
    </row>
    <row r="73839" spans="14:14">
      <c r="N73839" s="10"/>
    </row>
    <row r="73840" spans="14:14">
      <c r="N73840" s="10"/>
    </row>
    <row r="73841" spans="14:14">
      <c r="N73841" s="10"/>
    </row>
    <row r="73842" spans="14:14">
      <c r="N73842" s="10"/>
    </row>
    <row r="73843" spans="14:14">
      <c r="N73843" s="10"/>
    </row>
    <row r="73844" spans="14:14">
      <c r="N73844" s="10"/>
    </row>
    <row r="73845" spans="14:14">
      <c r="N73845" s="10"/>
    </row>
    <row r="73846" spans="14:14">
      <c r="N73846" s="10"/>
    </row>
    <row r="73847" spans="14:14">
      <c r="N73847" s="10"/>
    </row>
    <row r="73848" spans="14:14">
      <c r="N73848" s="10"/>
    </row>
    <row r="73849" spans="14:14">
      <c r="N73849" s="10"/>
    </row>
    <row r="73850" spans="14:14">
      <c r="N73850" s="10"/>
    </row>
    <row r="73851" spans="14:14">
      <c r="N73851" s="10"/>
    </row>
    <row r="73852" spans="14:14">
      <c r="N73852" s="10"/>
    </row>
    <row r="73853" spans="14:14">
      <c r="N73853" s="10"/>
    </row>
    <row r="73854" spans="14:14">
      <c r="N73854" s="10"/>
    </row>
    <row r="73855" spans="14:14">
      <c r="N73855" s="10"/>
    </row>
    <row r="73856" spans="14:14">
      <c r="N73856" s="10"/>
    </row>
    <row r="73857" spans="14:14">
      <c r="N73857" s="10"/>
    </row>
    <row r="73858" spans="14:14">
      <c r="N73858" s="10"/>
    </row>
    <row r="73859" spans="14:14">
      <c r="N73859" s="10"/>
    </row>
    <row r="73860" spans="14:14">
      <c r="N73860" s="10"/>
    </row>
    <row r="73861" spans="14:14">
      <c r="N73861" s="10"/>
    </row>
    <row r="73862" spans="14:14">
      <c r="N73862" s="10"/>
    </row>
    <row r="73863" spans="14:14">
      <c r="N73863" s="10"/>
    </row>
    <row r="73864" spans="14:14">
      <c r="N73864" s="10"/>
    </row>
    <row r="73865" spans="14:14">
      <c r="N73865" s="10"/>
    </row>
    <row r="73866" spans="14:14">
      <c r="N73866" s="10"/>
    </row>
    <row r="73867" spans="14:14">
      <c r="N73867" s="10"/>
    </row>
    <row r="73868" spans="14:14">
      <c r="N73868" s="10"/>
    </row>
    <row r="73869" spans="14:14">
      <c r="N73869" s="10"/>
    </row>
    <row r="73870" spans="14:14">
      <c r="N73870" s="10"/>
    </row>
    <row r="73871" spans="14:14">
      <c r="N73871" s="10"/>
    </row>
    <row r="73872" spans="14:14">
      <c r="N73872" s="10"/>
    </row>
    <row r="73873" spans="14:14">
      <c r="N73873" s="10"/>
    </row>
    <row r="73874" spans="14:14">
      <c r="N73874" s="10"/>
    </row>
    <row r="73875" spans="14:14">
      <c r="N73875" s="10"/>
    </row>
    <row r="73876" spans="14:14">
      <c r="N73876" s="10"/>
    </row>
    <row r="73877" spans="14:14">
      <c r="N73877" s="10"/>
    </row>
    <row r="73878" spans="14:14">
      <c r="N73878" s="10"/>
    </row>
    <row r="73879" spans="14:14">
      <c r="N73879" s="10"/>
    </row>
    <row r="73880" spans="14:14">
      <c r="N73880" s="10"/>
    </row>
    <row r="73881" spans="14:14">
      <c r="N73881" s="10"/>
    </row>
    <row r="73882" spans="14:14">
      <c r="N73882" s="10"/>
    </row>
    <row r="73883" spans="14:14">
      <c r="N73883" s="10"/>
    </row>
    <row r="73884" spans="14:14">
      <c r="N73884" s="10"/>
    </row>
    <row r="73885" spans="14:14">
      <c r="N73885" s="10"/>
    </row>
    <row r="73886" spans="14:14">
      <c r="N73886" s="10"/>
    </row>
    <row r="73887" spans="14:14">
      <c r="N73887" s="10"/>
    </row>
    <row r="73888" spans="14:14">
      <c r="N73888" s="10"/>
    </row>
    <row r="73889" spans="14:14">
      <c r="N73889" s="10"/>
    </row>
    <row r="73890" spans="14:14">
      <c r="N73890" s="10"/>
    </row>
    <row r="73891" spans="14:14">
      <c r="N73891" s="10"/>
    </row>
    <row r="73892" spans="14:14">
      <c r="N73892" s="10"/>
    </row>
    <row r="73893" spans="14:14">
      <c r="N73893" s="10"/>
    </row>
    <row r="73894" spans="14:14">
      <c r="N73894" s="10"/>
    </row>
    <row r="73895" spans="14:14">
      <c r="N73895" s="10"/>
    </row>
    <row r="73896" spans="14:14">
      <c r="N73896" s="10"/>
    </row>
    <row r="73897" spans="14:14">
      <c r="N73897" s="10"/>
    </row>
    <row r="73898" spans="14:14">
      <c r="N73898" s="10"/>
    </row>
    <row r="73899" spans="14:14">
      <c r="N73899" s="10"/>
    </row>
    <row r="73900" spans="14:14">
      <c r="N73900" s="10"/>
    </row>
    <row r="73901" spans="14:14">
      <c r="N73901" s="10"/>
    </row>
    <row r="73902" spans="14:14">
      <c r="N73902" s="10"/>
    </row>
    <row r="73903" spans="14:14">
      <c r="N73903" s="10"/>
    </row>
    <row r="73904" spans="14:14">
      <c r="N73904" s="10"/>
    </row>
    <row r="73905" spans="14:14">
      <c r="N73905" s="10"/>
    </row>
    <row r="73906" spans="14:14">
      <c r="N73906" s="10"/>
    </row>
    <row r="73907" spans="14:14">
      <c r="N73907" s="10"/>
    </row>
    <row r="73908" spans="14:14">
      <c r="N73908" s="10"/>
    </row>
    <row r="73909" spans="14:14">
      <c r="N73909" s="10"/>
    </row>
    <row r="73910" spans="14:14">
      <c r="N73910" s="10"/>
    </row>
    <row r="73911" spans="14:14">
      <c r="N73911" s="10"/>
    </row>
    <row r="73912" spans="14:14">
      <c r="N73912" s="10"/>
    </row>
    <row r="73913" spans="14:14">
      <c r="N73913" s="10"/>
    </row>
    <row r="73914" spans="14:14">
      <c r="N73914" s="10"/>
    </row>
    <row r="73915" spans="14:14">
      <c r="N73915" s="10"/>
    </row>
    <row r="73916" spans="14:14">
      <c r="N73916" s="10"/>
    </row>
    <row r="73917" spans="14:14">
      <c r="N73917" s="10"/>
    </row>
    <row r="73918" spans="14:14">
      <c r="N73918" s="10"/>
    </row>
    <row r="73919" spans="14:14">
      <c r="N73919" s="10"/>
    </row>
    <row r="73920" spans="14:14">
      <c r="N73920" s="10"/>
    </row>
    <row r="73921" spans="14:14">
      <c r="N73921" s="10"/>
    </row>
    <row r="73922" spans="14:14">
      <c r="N73922" s="10"/>
    </row>
    <row r="73923" spans="14:14">
      <c r="N73923" s="10"/>
    </row>
    <row r="73924" spans="14:14">
      <c r="N73924" s="10"/>
    </row>
    <row r="73925" spans="14:14">
      <c r="N73925" s="10"/>
    </row>
    <row r="73926" spans="14:14">
      <c r="N73926" s="10"/>
    </row>
    <row r="73927" spans="14:14">
      <c r="N73927" s="10"/>
    </row>
    <row r="73928" spans="14:14">
      <c r="N73928" s="10"/>
    </row>
    <row r="73929" spans="14:14">
      <c r="N73929" s="10"/>
    </row>
    <row r="73930" spans="14:14">
      <c r="N73930" s="10"/>
    </row>
    <row r="73931" spans="14:14">
      <c r="N73931" s="10"/>
    </row>
    <row r="73932" spans="14:14">
      <c r="N73932" s="10"/>
    </row>
    <row r="73933" spans="14:14">
      <c r="N73933" s="10"/>
    </row>
    <row r="73934" spans="14:14">
      <c r="N73934" s="10"/>
    </row>
    <row r="73935" spans="14:14">
      <c r="N73935" s="10"/>
    </row>
    <row r="73936" spans="14:14">
      <c r="N73936" s="10"/>
    </row>
    <row r="73937" spans="14:14">
      <c r="N73937" s="10"/>
    </row>
    <row r="73938" spans="14:14">
      <c r="N73938" s="10"/>
    </row>
    <row r="73939" spans="14:14">
      <c r="N73939" s="10"/>
    </row>
    <row r="73940" spans="14:14">
      <c r="N73940" s="10"/>
    </row>
    <row r="73941" spans="14:14">
      <c r="N73941" s="10"/>
    </row>
    <row r="73942" spans="14:14">
      <c r="N73942" s="10"/>
    </row>
    <row r="73943" spans="14:14">
      <c r="N73943" s="10"/>
    </row>
    <row r="73944" spans="14:14">
      <c r="N73944" s="10"/>
    </row>
    <row r="73945" spans="14:14">
      <c r="N73945" s="10"/>
    </row>
    <row r="73946" spans="14:14">
      <c r="N73946" s="10"/>
    </row>
    <row r="73947" spans="14:14">
      <c r="N73947" s="10"/>
    </row>
    <row r="73948" spans="14:14">
      <c r="N73948" s="10"/>
    </row>
    <row r="73949" spans="14:14">
      <c r="N73949" s="10"/>
    </row>
    <row r="73950" spans="14:14">
      <c r="N73950" s="10"/>
    </row>
    <row r="73951" spans="14:14">
      <c r="N73951" s="10"/>
    </row>
    <row r="73952" spans="14:14">
      <c r="N73952" s="10"/>
    </row>
    <row r="73953" spans="14:14">
      <c r="N73953" s="10"/>
    </row>
    <row r="73954" spans="14:14">
      <c r="N73954" s="10"/>
    </row>
    <row r="73955" spans="14:14">
      <c r="N73955" s="10"/>
    </row>
    <row r="73956" spans="14:14">
      <c r="N73956" s="10"/>
    </row>
    <row r="73957" spans="14:14">
      <c r="N73957" s="10"/>
    </row>
    <row r="73958" spans="14:14">
      <c r="N73958" s="10"/>
    </row>
    <row r="73959" spans="14:14">
      <c r="N73959" s="10"/>
    </row>
    <row r="73960" spans="14:14">
      <c r="N73960" s="10"/>
    </row>
    <row r="73961" spans="14:14">
      <c r="N73961" s="10"/>
    </row>
    <row r="73962" spans="14:14">
      <c r="N73962" s="10"/>
    </row>
    <row r="73963" spans="14:14">
      <c r="N73963" s="10"/>
    </row>
    <row r="73964" spans="14:14">
      <c r="N73964" s="10"/>
    </row>
    <row r="73965" spans="14:14">
      <c r="N73965" s="10"/>
    </row>
    <row r="73966" spans="14:14">
      <c r="N73966" s="10"/>
    </row>
    <row r="73967" spans="14:14">
      <c r="N73967" s="10"/>
    </row>
    <row r="73968" spans="14:14">
      <c r="N73968" s="10"/>
    </row>
    <row r="73969" spans="14:14">
      <c r="N73969" s="10"/>
    </row>
    <row r="73970" spans="14:14">
      <c r="N73970" s="10"/>
    </row>
    <row r="73971" spans="14:14">
      <c r="N73971" s="10"/>
    </row>
    <row r="73972" spans="14:14">
      <c r="N73972" s="10"/>
    </row>
    <row r="73973" spans="14:14">
      <c r="N73973" s="10"/>
    </row>
    <row r="73974" spans="14:14">
      <c r="N73974" s="10"/>
    </row>
    <row r="73975" spans="14:14">
      <c r="N73975" s="10"/>
    </row>
    <row r="73976" spans="14:14">
      <c r="N73976" s="10"/>
    </row>
    <row r="73977" spans="14:14">
      <c r="N73977" s="10"/>
    </row>
    <row r="73978" spans="14:14">
      <c r="N73978" s="10"/>
    </row>
    <row r="73979" spans="14:14">
      <c r="N73979" s="10"/>
    </row>
    <row r="73980" spans="14:14">
      <c r="N73980" s="10"/>
    </row>
    <row r="73981" spans="14:14">
      <c r="N73981" s="10"/>
    </row>
    <row r="73982" spans="14:14">
      <c r="N73982" s="10"/>
    </row>
    <row r="73983" spans="14:14">
      <c r="N73983" s="10"/>
    </row>
    <row r="73984" spans="14:14">
      <c r="N73984" s="10"/>
    </row>
    <row r="73985" spans="14:14">
      <c r="N73985" s="10"/>
    </row>
    <row r="73986" spans="14:14">
      <c r="N73986" s="10"/>
    </row>
    <row r="73987" spans="14:14">
      <c r="N73987" s="10"/>
    </row>
    <row r="73988" spans="14:14">
      <c r="N73988" s="10"/>
    </row>
    <row r="73989" spans="14:14">
      <c r="N73989" s="10"/>
    </row>
    <row r="73990" spans="14:14">
      <c r="N73990" s="10"/>
    </row>
    <row r="73991" spans="14:14">
      <c r="N73991" s="10"/>
    </row>
    <row r="73992" spans="14:14">
      <c r="N73992" s="10"/>
    </row>
    <row r="73993" spans="14:14">
      <c r="N73993" s="10"/>
    </row>
    <row r="73994" spans="14:14">
      <c r="N73994" s="10"/>
    </row>
    <row r="73995" spans="14:14">
      <c r="N73995" s="10"/>
    </row>
    <row r="73996" spans="14:14">
      <c r="N73996" s="10"/>
    </row>
    <row r="73997" spans="14:14">
      <c r="N73997" s="10"/>
    </row>
    <row r="73998" spans="14:14">
      <c r="N73998" s="10"/>
    </row>
    <row r="73999" spans="14:14">
      <c r="N73999" s="10"/>
    </row>
    <row r="74000" spans="14:14">
      <c r="N74000" s="10"/>
    </row>
    <row r="74001" spans="14:14">
      <c r="N74001" s="10"/>
    </row>
    <row r="74002" spans="14:14">
      <c r="N74002" s="10"/>
    </row>
    <row r="74003" spans="14:14">
      <c r="N74003" s="10"/>
    </row>
    <row r="74004" spans="14:14">
      <c r="N74004" s="10"/>
    </row>
    <row r="74005" spans="14:14">
      <c r="N74005" s="10"/>
    </row>
    <row r="74006" spans="14:14">
      <c r="N74006" s="10"/>
    </row>
    <row r="74007" spans="14:14">
      <c r="N74007" s="10"/>
    </row>
    <row r="74008" spans="14:14">
      <c r="N74008" s="10"/>
    </row>
    <row r="74009" spans="14:14">
      <c r="N74009" s="10"/>
    </row>
    <row r="74010" spans="14:14">
      <c r="N74010" s="10"/>
    </row>
    <row r="74011" spans="14:14">
      <c r="N74011" s="10"/>
    </row>
    <row r="74012" spans="14:14">
      <c r="N74012" s="10"/>
    </row>
    <row r="74013" spans="14:14">
      <c r="N74013" s="10"/>
    </row>
    <row r="74014" spans="14:14">
      <c r="N74014" s="10"/>
    </row>
    <row r="74015" spans="14:14">
      <c r="N74015" s="10"/>
    </row>
    <row r="74016" spans="14:14">
      <c r="N74016" s="10"/>
    </row>
    <row r="74017" spans="14:14">
      <c r="N74017" s="10"/>
    </row>
    <row r="74018" spans="14:14">
      <c r="N74018" s="10"/>
    </row>
    <row r="74019" spans="14:14">
      <c r="N74019" s="10"/>
    </row>
    <row r="74020" spans="14:14">
      <c r="N74020" s="10"/>
    </row>
    <row r="74021" spans="14:14">
      <c r="N74021" s="10"/>
    </row>
    <row r="74022" spans="14:14">
      <c r="N74022" s="10"/>
    </row>
    <row r="74023" spans="14:14">
      <c r="N74023" s="10"/>
    </row>
    <row r="74024" spans="14:14">
      <c r="N74024" s="10"/>
    </row>
    <row r="74025" spans="14:14">
      <c r="N74025" s="10"/>
    </row>
    <row r="74026" spans="14:14">
      <c r="N74026" s="10"/>
    </row>
    <row r="74027" spans="14:14">
      <c r="N74027" s="10"/>
    </row>
    <row r="74028" spans="14:14">
      <c r="N74028" s="10"/>
    </row>
    <row r="74029" spans="14:14">
      <c r="N74029" s="10"/>
    </row>
    <row r="74030" spans="14:14">
      <c r="N74030" s="10"/>
    </row>
    <row r="74031" spans="14:14">
      <c r="N74031" s="10"/>
    </row>
    <row r="74032" spans="14:14">
      <c r="N74032" s="10"/>
    </row>
    <row r="74033" spans="14:14">
      <c r="N74033" s="10"/>
    </row>
    <row r="74034" spans="14:14">
      <c r="N74034" s="10"/>
    </row>
    <row r="74035" spans="14:14">
      <c r="N74035" s="10"/>
    </row>
    <row r="74036" spans="14:14">
      <c r="N74036" s="10"/>
    </row>
    <row r="74037" spans="14:14">
      <c r="N74037" s="10"/>
    </row>
    <row r="74038" spans="14:14">
      <c r="N74038" s="10"/>
    </row>
    <row r="74039" spans="14:14">
      <c r="N74039" s="10"/>
    </row>
    <row r="74040" spans="14:14">
      <c r="N74040" s="10"/>
    </row>
    <row r="74041" spans="14:14">
      <c r="N74041" s="10"/>
    </row>
    <row r="74042" spans="14:14">
      <c r="N74042" s="10"/>
    </row>
    <row r="74043" spans="14:14">
      <c r="N74043" s="10"/>
    </row>
    <row r="74044" spans="14:14">
      <c r="N74044" s="10"/>
    </row>
    <row r="74045" spans="14:14">
      <c r="N74045" s="10"/>
    </row>
    <row r="74046" spans="14:14">
      <c r="N74046" s="10"/>
    </row>
    <row r="74047" spans="14:14">
      <c r="N74047" s="10"/>
    </row>
    <row r="74048" spans="14:14">
      <c r="N74048" s="10"/>
    </row>
    <row r="74049" spans="14:14">
      <c r="N74049" s="10"/>
    </row>
    <row r="74050" spans="14:14">
      <c r="N74050" s="10"/>
    </row>
    <row r="74051" spans="14:14">
      <c r="N74051" s="10"/>
    </row>
    <row r="74052" spans="14:14">
      <c r="N74052" s="10"/>
    </row>
    <row r="74053" spans="14:14">
      <c r="N74053" s="10"/>
    </row>
    <row r="74054" spans="14:14">
      <c r="N74054" s="10"/>
    </row>
    <row r="74055" spans="14:14">
      <c r="N74055" s="10"/>
    </row>
    <row r="74056" spans="14:14">
      <c r="N74056" s="10"/>
    </row>
    <row r="74057" spans="14:14">
      <c r="N74057" s="10"/>
    </row>
    <row r="74058" spans="14:14">
      <c r="N74058" s="10"/>
    </row>
    <row r="74059" spans="14:14">
      <c r="N74059" s="10"/>
    </row>
    <row r="74060" spans="14:14">
      <c r="N74060" s="10"/>
    </row>
    <row r="74061" spans="14:14">
      <c r="N74061" s="10"/>
    </row>
    <row r="74062" spans="14:14">
      <c r="N74062" s="10"/>
    </row>
    <row r="74063" spans="14:14">
      <c r="N74063" s="10"/>
    </row>
    <row r="74064" spans="14:14">
      <c r="N74064" s="10"/>
    </row>
    <row r="74065" spans="14:14">
      <c r="N74065" s="10"/>
    </row>
    <row r="74066" spans="14:14">
      <c r="N74066" s="10"/>
    </row>
    <row r="74067" spans="14:14">
      <c r="N74067" s="10"/>
    </row>
    <row r="74068" spans="14:14">
      <c r="N74068" s="10"/>
    </row>
    <row r="74069" spans="14:14">
      <c r="N74069" s="10"/>
    </row>
    <row r="74070" spans="14:14">
      <c r="N74070" s="10"/>
    </row>
    <row r="74071" spans="14:14">
      <c r="N74071" s="10"/>
    </row>
    <row r="74072" spans="14:14">
      <c r="N74072" s="10"/>
    </row>
    <row r="74073" spans="14:14">
      <c r="N74073" s="10"/>
    </row>
    <row r="74074" spans="14:14">
      <c r="N74074" s="10"/>
    </row>
    <row r="74075" spans="14:14">
      <c r="N74075" s="10"/>
    </row>
    <row r="74076" spans="14:14">
      <c r="N74076" s="10"/>
    </row>
    <row r="74077" spans="14:14">
      <c r="N74077" s="10"/>
    </row>
    <row r="74078" spans="14:14">
      <c r="N74078" s="10"/>
    </row>
    <row r="74079" spans="14:14">
      <c r="N74079" s="10"/>
    </row>
    <row r="74080" spans="14:14">
      <c r="N74080" s="10"/>
    </row>
    <row r="74081" spans="14:14">
      <c r="N74081" s="10"/>
    </row>
    <row r="74082" spans="14:14">
      <c r="N74082" s="10"/>
    </row>
    <row r="74083" spans="14:14">
      <c r="N74083" s="10"/>
    </row>
    <row r="74084" spans="14:14">
      <c r="N74084" s="10"/>
    </row>
    <row r="74085" spans="14:14">
      <c r="N74085" s="10"/>
    </row>
    <row r="74086" spans="14:14">
      <c r="N74086" s="10"/>
    </row>
    <row r="74087" spans="14:14">
      <c r="N74087" s="10"/>
    </row>
    <row r="74088" spans="14:14">
      <c r="N74088" s="10"/>
    </row>
    <row r="74089" spans="14:14">
      <c r="N74089" s="10"/>
    </row>
    <row r="74090" spans="14:14">
      <c r="N74090" s="10"/>
    </row>
    <row r="74091" spans="14:14">
      <c r="N74091" s="10"/>
    </row>
    <row r="74092" spans="14:14">
      <c r="N74092" s="10"/>
    </row>
    <row r="74093" spans="14:14">
      <c r="N74093" s="10"/>
    </row>
    <row r="74094" spans="14:14">
      <c r="N74094" s="10"/>
    </row>
    <row r="74095" spans="14:14">
      <c r="N74095" s="10"/>
    </row>
    <row r="74096" spans="14:14">
      <c r="N74096" s="10"/>
    </row>
    <row r="74097" spans="14:14">
      <c r="N74097" s="10"/>
    </row>
    <row r="74098" spans="14:14">
      <c r="N74098" s="10"/>
    </row>
    <row r="74099" spans="14:14">
      <c r="N74099" s="10"/>
    </row>
    <row r="74100" spans="14:14">
      <c r="N74100" s="10"/>
    </row>
    <row r="74101" spans="14:14">
      <c r="N74101" s="10"/>
    </row>
    <row r="74102" spans="14:14">
      <c r="N74102" s="10"/>
    </row>
    <row r="74103" spans="14:14">
      <c r="N74103" s="10"/>
    </row>
    <row r="74104" spans="14:14">
      <c r="N74104" s="10"/>
    </row>
    <row r="74105" spans="14:14">
      <c r="N74105" s="10"/>
    </row>
    <row r="74106" spans="14:14">
      <c r="N74106" s="10"/>
    </row>
    <row r="74107" spans="14:14">
      <c r="N74107" s="10"/>
    </row>
    <row r="74108" spans="14:14">
      <c r="N74108" s="10"/>
    </row>
    <row r="74109" spans="14:14">
      <c r="N74109" s="10"/>
    </row>
    <row r="74110" spans="14:14">
      <c r="N74110" s="10"/>
    </row>
    <row r="74111" spans="14:14">
      <c r="N74111" s="10"/>
    </row>
    <row r="74112" spans="14:14">
      <c r="N74112" s="10"/>
    </row>
    <row r="74113" spans="14:14">
      <c r="N74113" s="10"/>
    </row>
    <row r="74114" spans="14:14">
      <c r="N74114" s="10"/>
    </row>
    <row r="74115" spans="14:14">
      <c r="N74115" s="10"/>
    </row>
    <row r="74116" spans="14:14">
      <c r="N74116" s="10"/>
    </row>
    <row r="74117" spans="14:14">
      <c r="N74117" s="10"/>
    </row>
    <row r="74118" spans="14:14">
      <c r="N74118" s="10"/>
    </row>
    <row r="74119" spans="14:14">
      <c r="N74119" s="10"/>
    </row>
    <row r="74120" spans="14:14">
      <c r="N74120" s="10"/>
    </row>
    <row r="74121" spans="14:14">
      <c r="N74121" s="10"/>
    </row>
    <row r="74122" spans="14:14">
      <c r="N74122" s="10"/>
    </row>
    <row r="74123" spans="14:14">
      <c r="N74123" s="10"/>
    </row>
    <row r="74124" spans="14:14">
      <c r="N74124" s="10"/>
    </row>
    <row r="74125" spans="14:14">
      <c r="N74125" s="10"/>
    </row>
    <row r="74126" spans="14:14">
      <c r="N74126" s="10"/>
    </row>
    <row r="74127" spans="14:14">
      <c r="N74127" s="10"/>
    </row>
    <row r="74128" spans="14:14">
      <c r="N74128" s="10"/>
    </row>
    <row r="74129" spans="14:14">
      <c r="N74129" s="10"/>
    </row>
    <row r="74130" spans="14:14">
      <c r="N74130" s="10"/>
    </row>
    <row r="74131" spans="14:14">
      <c r="N74131" s="10"/>
    </row>
    <row r="74132" spans="14:14">
      <c r="N74132" s="10"/>
    </row>
    <row r="74133" spans="14:14">
      <c r="N74133" s="10"/>
    </row>
    <row r="74134" spans="14:14">
      <c r="N74134" s="10"/>
    </row>
    <row r="74135" spans="14:14">
      <c r="N74135" s="10"/>
    </row>
    <row r="74136" spans="14:14">
      <c r="N74136" s="10"/>
    </row>
    <row r="74137" spans="14:14">
      <c r="N74137" s="10"/>
    </row>
    <row r="74138" spans="14:14">
      <c r="N74138" s="10"/>
    </row>
    <row r="74139" spans="14:14">
      <c r="N74139" s="10"/>
    </row>
    <row r="74140" spans="14:14">
      <c r="N74140" s="10"/>
    </row>
    <row r="74141" spans="14:14">
      <c r="N74141" s="10"/>
    </row>
    <row r="74142" spans="14:14">
      <c r="N74142" s="10"/>
    </row>
    <row r="74143" spans="14:14">
      <c r="N74143" s="10"/>
    </row>
    <row r="74144" spans="14:14">
      <c r="N74144" s="10"/>
    </row>
    <row r="74145" spans="14:14">
      <c r="N74145" s="10"/>
    </row>
    <row r="74146" spans="14:14">
      <c r="N74146" s="10"/>
    </row>
    <row r="74147" spans="14:14">
      <c r="N74147" s="10"/>
    </row>
    <row r="74148" spans="14:14">
      <c r="N74148" s="10"/>
    </row>
    <row r="74149" spans="14:14">
      <c r="N74149" s="10"/>
    </row>
    <row r="74150" spans="14:14">
      <c r="N74150" s="10"/>
    </row>
    <row r="74151" spans="14:14">
      <c r="N74151" s="10"/>
    </row>
    <row r="74152" spans="14:14">
      <c r="N74152" s="10"/>
    </row>
    <row r="74153" spans="14:14">
      <c r="N74153" s="10"/>
    </row>
    <row r="74154" spans="14:14">
      <c r="N74154" s="10"/>
    </row>
    <row r="74155" spans="14:14">
      <c r="N74155" s="10"/>
    </row>
    <row r="74156" spans="14:14">
      <c r="N74156" s="10"/>
    </row>
    <row r="74157" spans="14:14">
      <c r="N74157" s="10"/>
    </row>
    <row r="74158" spans="14:14">
      <c r="N74158" s="10"/>
    </row>
    <row r="74159" spans="14:14">
      <c r="N74159" s="10"/>
    </row>
    <row r="74160" spans="14:14">
      <c r="N74160" s="10"/>
    </row>
    <row r="74161" spans="14:14">
      <c r="N74161" s="10"/>
    </row>
    <row r="74162" spans="14:14">
      <c r="N74162" s="10"/>
    </row>
    <row r="74163" spans="14:14">
      <c r="N74163" s="10"/>
    </row>
    <row r="74164" spans="14:14">
      <c r="N74164" s="10"/>
    </row>
    <row r="74165" spans="14:14">
      <c r="N74165" s="10"/>
    </row>
    <row r="74166" spans="14:14">
      <c r="N74166" s="10"/>
    </row>
    <row r="74167" spans="14:14">
      <c r="N74167" s="10"/>
    </row>
    <row r="74168" spans="14:14">
      <c r="N74168" s="10"/>
    </row>
    <row r="74169" spans="14:14">
      <c r="N74169" s="10"/>
    </row>
    <row r="74170" spans="14:14">
      <c r="N74170" s="10"/>
    </row>
    <row r="74171" spans="14:14">
      <c r="N74171" s="10"/>
    </row>
    <row r="74172" spans="14:14">
      <c r="N74172" s="10"/>
    </row>
    <row r="74173" spans="14:14">
      <c r="N74173" s="10"/>
    </row>
    <row r="74174" spans="14:14">
      <c r="N74174" s="10"/>
    </row>
    <row r="74175" spans="14:14">
      <c r="N74175" s="10"/>
    </row>
    <row r="74176" spans="14:14">
      <c r="N74176" s="10"/>
    </row>
    <row r="74177" spans="14:14">
      <c r="N74177" s="10"/>
    </row>
    <row r="74178" spans="14:14">
      <c r="N74178" s="10"/>
    </row>
    <row r="74179" spans="14:14">
      <c r="N74179" s="10"/>
    </row>
    <row r="74180" spans="14:14">
      <c r="N74180" s="10"/>
    </row>
    <row r="74181" spans="14:14">
      <c r="N74181" s="10"/>
    </row>
    <row r="74182" spans="14:14">
      <c r="N74182" s="10"/>
    </row>
    <row r="74183" spans="14:14">
      <c r="N74183" s="10"/>
    </row>
    <row r="74184" spans="14:14">
      <c r="N74184" s="10"/>
    </row>
    <row r="74185" spans="14:14">
      <c r="N74185" s="10"/>
    </row>
    <row r="74186" spans="14:14">
      <c r="N74186" s="10"/>
    </row>
    <row r="74187" spans="14:14">
      <c r="N74187" s="10"/>
    </row>
    <row r="74188" spans="14:14">
      <c r="N74188" s="10"/>
    </row>
    <row r="74189" spans="14:14">
      <c r="N74189" s="10"/>
    </row>
    <row r="74190" spans="14:14">
      <c r="N74190" s="10"/>
    </row>
    <row r="74191" spans="14:14">
      <c r="N74191" s="10"/>
    </row>
    <row r="74192" spans="14:14">
      <c r="N74192" s="10"/>
    </row>
    <row r="74193" spans="14:14">
      <c r="N74193" s="10"/>
    </row>
    <row r="74194" spans="14:14">
      <c r="N74194" s="10"/>
    </row>
    <row r="74195" spans="14:14">
      <c r="N74195" s="10"/>
    </row>
    <row r="74196" spans="14:14">
      <c r="N74196" s="10"/>
    </row>
    <row r="74197" spans="14:14">
      <c r="N74197" s="10"/>
    </row>
    <row r="74198" spans="14:14">
      <c r="N74198" s="10"/>
    </row>
    <row r="74199" spans="14:14">
      <c r="N74199" s="10"/>
    </row>
    <row r="74200" spans="14:14">
      <c r="N74200" s="10"/>
    </row>
    <row r="74201" spans="14:14">
      <c r="N74201" s="10"/>
    </row>
    <row r="74202" spans="14:14">
      <c r="N74202" s="10"/>
    </row>
    <row r="74203" spans="14:14">
      <c r="N74203" s="10"/>
    </row>
    <row r="74204" spans="14:14">
      <c r="N74204" s="10"/>
    </row>
    <row r="74205" spans="14:14">
      <c r="N74205" s="10"/>
    </row>
    <row r="74206" spans="14:14">
      <c r="N74206" s="10"/>
    </row>
    <row r="74207" spans="14:14">
      <c r="N74207" s="10"/>
    </row>
    <row r="74208" spans="14:14">
      <c r="N74208" s="10"/>
    </row>
    <row r="74209" spans="14:14">
      <c r="N74209" s="10"/>
    </row>
    <row r="74210" spans="14:14">
      <c r="N74210" s="10"/>
    </row>
    <row r="74211" spans="14:14">
      <c r="N74211" s="10"/>
    </row>
    <row r="74212" spans="14:14">
      <c r="N74212" s="10"/>
    </row>
    <row r="74213" spans="14:14">
      <c r="N74213" s="10"/>
    </row>
    <row r="74214" spans="14:14">
      <c r="N74214" s="10"/>
    </row>
    <row r="74215" spans="14:14">
      <c r="N74215" s="10"/>
    </row>
    <row r="74216" spans="14:14">
      <c r="N74216" s="10"/>
    </row>
    <row r="74217" spans="14:14">
      <c r="N74217" s="10"/>
    </row>
    <row r="74218" spans="14:14">
      <c r="N74218" s="10"/>
    </row>
    <row r="74219" spans="14:14">
      <c r="N74219" s="10"/>
    </row>
    <row r="74220" spans="14:14">
      <c r="N74220" s="10"/>
    </row>
    <row r="74221" spans="14:14">
      <c r="N74221" s="10"/>
    </row>
    <row r="74222" spans="14:14">
      <c r="N74222" s="10"/>
    </row>
    <row r="74223" spans="14:14">
      <c r="N74223" s="10"/>
    </row>
    <row r="74224" spans="14:14">
      <c r="N74224" s="10"/>
    </row>
    <row r="74225" spans="14:14">
      <c r="N74225" s="10"/>
    </row>
    <row r="74226" spans="14:14">
      <c r="N74226" s="10"/>
    </row>
    <row r="74227" spans="14:14">
      <c r="N74227" s="10"/>
    </row>
    <row r="74228" spans="14:14">
      <c r="N74228" s="10"/>
    </row>
    <row r="74229" spans="14:14">
      <c r="N74229" s="10"/>
    </row>
    <row r="74230" spans="14:14">
      <c r="N74230" s="10"/>
    </row>
    <row r="74231" spans="14:14">
      <c r="N74231" s="10"/>
    </row>
    <row r="74232" spans="14:14">
      <c r="N74232" s="10"/>
    </row>
    <row r="74233" spans="14:14">
      <c r="N74233" s="10"/>
    </row>
    <row r="74234" spans="14:14">
      <c r="N74234" s="10"/>
    </row>
    <row r="74235" spans="14:14">
      <c r="N74235" s="10"/>
    </row>
    <row r="74236" spans="14:14">
      <c r="N74236" s="10"/>
    </row>
    <row r="74237" spans="14:14">
      <c r="N74237" s="10"/>
    </row>
    <row r="74238" spans="14:14">
      <c r="N74238" s="10"/>
    </row>
    <row r="74239" spans="14:14">
      <c r="N74239" s="10"/>
    </row>
    <row r="74240" spans="14:14">
      <c r="N74240" s="10"/>
    </row>
    <row r="74241" spans="14:14">
      <c r="N74241" s="10"/>
    </row>
    <row r="74242" spans="14:14">
      <c r="N74242" s="10"/>
    </row>
    <row r="74243" spans="14:14">
      <c r="N74243" s="10"/>
    </row>
    <row r="74244" spans="14:14">
      <c r="N74244" s="10"/>
    </row>
    <row r="74245" spans="14:14">
      <c r="N74245" s="10"/>
    </row>
    <row r="74246" spans="14:14">
      <c r="N74246" s="10"/>
    </row>
    <row r="74247" spans="14:14">
      <c r="N74247" s="10"/>
    </row>
    <row r="74248" spans="14:14">
      <c r="N74248" s="10"/>
    </row>
    <row r="74249" spans="14:14">
      <c r="N74249" s="10"/>
    </row>
    <row r="74250" spans="14:14">
      <c r="N74250" s="10"/>
    </row>
    <row r="74251" spans="14:14">
      <c r="N74251" s="10"/>
    </row>
    <row r="74252" spans="14:14">
      <c r="N74252" s="10"/>
    </row>
    <row r="74253" spans="14:14">
      <c r="N74253" s="10"/>
    </row>
    <row r="74254" spans="14:14">
      <c r="N74254" s="10"/>
    </row>
    <row r="74255" spans="14:14">
      <c r="N74255" s="10"/>
    </row>
    <row r="74256" spans="14:14">
      <c r="N74256" s="10"/>
    </row>
    <row r="74257" spans="14:14">
      <c r="N74257" s="10"/>
    </row>
    <row r="74258" spans="14:14">
      <c r="N74258" s="10"/>
    </row>
    <row r="74259" spans="14:14">
      <c r="N74259" s="10"/>
    </row>
    <row r="74260" spans="14:14">
      <c r="N74260" s="10"/>
    </row>
    <row r="74261" spans="14:14">
      <c r="N74261" s="10"/>
    </row>
    <row r="74262" spans="14:14">
      <c r="N74262" s="10"/>
    </row>
    <row r="74263" spans="14:14">
      <c r="N74263" s="10"/>
    </row>
    <row r="74264" spans="14:14">
      <c r="N74264" s="10"/>
    </row>
    <row r="74265" spans="14:14">
      <c r="N74265" s="10"/>
    </row>
    <row r="74266" spans="14:14">
      <c r="N74266" s="10"/>
    </row>
    <row r="74267" spans="14:14">
      <c r="N74267" s="10"/>
    </row>
    <row r="74268" spans="14:14">
      <c r="N74268" s="10"/>
    </row>
    <row r="74269" spans="14:14">
      <c r="N74269" s="10"/>
    </row>
    <row r="74270" spans="14:14">
      <c r="N74270" s="10"/>
    </row>
    <row r="74271" spans="14:14">
      <c r="N74271" s="10"/>
    </row>
    <row r="74272" spans="14:14">
      <c r="N74272" s="10"/>
    </row>
    <row r="74273" spans="14:14">
      <c r="N74273" s="10"/>
    </row>
    <row r="74274" spans="14:14">
      <c r="N74274" s="10"/>
    </row>
    <row r="74275" spans="14:14">
      <c r="N74275" s="10"/>
    </row>
    <row r="74276" spans="14:14">
      <c r="N74276" s="10"/>
    </row>
    <row r="74277" spans="14:14">
      <c r="N74277" s="10"/>
    </row>
    <row r="74278" spans="14:14">
      <c r="N74278" s="10"/>
    </row>
    <row r="74279" spans="14:14">
      <c r="N74279" s="10"/>
    </row>
    <row r="74280" spans="14:14">
      <c r="N74280" s="10"/>
    </row>
    <row r="74281" spans="14:14">
      <c r="N74281" s="10"/>
    </row>
    <row r="74282" spans="14:14">
      <c r="N74282" s="10"/>
    </row>
    <row r="74283" spans="14:14">
      <c r="N74283" s="10"/>
    </row>
    <row r="74284" spans="14:14">
      <c r="N74284" s="10"/>
    </row>
    <row r="74285" spans="14:14">
      <c r="N74285" s="10"/>
    </row>
    <row r="74286" spans="14:14">
      <c r="N74286" s="10"/>
    </row>
    <row r="74287" spans="14:14">
      <c r="N74287" s="10"/>
    </row>
    <row r="74288" spans="14:14">
      <c r="N74288" s="10"/>
    </row>
    <row r="74289" spans="14:14">
      <c r="N74289" s="10"/>
    </row>
    <row r="74290" spans="14:14">
      <c r="N74290" s="10"/>
    </row>
    <row r="74291" spans="14:14">
      <c r="N74291" s="10"/>
    </row>
    <row r="74292" spans="14:14">
      <c r="N74292" s="10"/>
    </row>
    <row r="74293" spans="14:14">
      <c r="N74293" s="10"/>
    </row>
    <row r="74294" spans="14:14">
      <c r="N74294" s="10"/>
    </row>
    <row r="74295" spans="14:14">
      <c r="N74295" s="10"/>
    </row>
    <row r="74296" spans="14:14">
      <c r="N74296" s="10"/>
    </row>
    <row r="74297" spans="14:14">
      <c r="N74297" s="10"/>
    </row>
    <row r="74298" spans="14:14">
      <c r="N74298" s="10"/>
    </row>
    <row r="74299" spans="14:14">
      <c r="N74299" s="10"/>
    </row>
    <row r="74300" spans="14:14">
      <c r="N74300" s="10"/>
    </row>
    <row r="74301" spans="14:14">
      <c r="N74301" s="10"/>
    </row>
    <row r="74302" spans="14:14">
      <c r="N74302" s="10"/>
    </row>
    <row r="74303" spans="14:14">
      <c r="N74303" s="10"/>
    </row>
    <row r="74304" spans="14:14">
      <c r="N74304" s="10"/>
    </row>
    <row r="74305" spans="14:14">
      <c r="N74305" s="10"/>
    </row>
    <row r="74306" spans="14:14">
      <c r="N74306" s="10"/>
    </row>
    <row r="74307" spans="14:14">
      <c r="N74307" s="10"/>
    </row>
    <row r="74308" spans="14:14">
      <c r="N74308" s="10"/>
    </row>
    <row r="74309" spans="14:14">
      <c r="N74309" s="10"/>
    </row>
    <row r="74310" spans="14:14">
      <c r="N74310" s="10"/>
    </row>
    <row r="74311" spans="14:14">
      <c r="N74311" s="10"/>
    </row>
    <row r="74312" spans="14:14">
      <c r="N74312" s="10"/>
    </row>
    <row r="74313" spans="14:14">
      <c r="N74313" s="10"/>
    </row>
    <row r="74314" spans="14:14">
      <c r="N74314" s="10"/>
    </row>
    <row r="74315" spans="14:14">
      <c r="N74315" s="10"/>
    </row>
    <row r="74316" spans="14:14">
      <c r="N74316" s="10"/>
    </row>
    <row r="74317" spans="14:14">
      <c r="N74317" s="10"/>
    </row>
    <row r="74318" spans="14:14">
      <c r="N74318" s="10"/>
    </row>
    <row r="74319" spans="14:14">
      <c r="N74319" s="10"/>
    </row>
    <row r="74320" spans="14:14">
      <c r="N74320" s="10"/>
    </row>
    <row r="74321" spans="14:14">
      <c r="N74321" s="10"/>
    </row>
    <row r="74322" spans="14:14">
      <c r="N74322" s="10"/>
    </row>
    <row r="74323" spans="14:14">
      <c r="N74323" s="10"/>
    </row>
    <row r="74324" spans="14:14">
      <c r="N74324" s="10"/>
    </row>
    <row r="74325" spans="14:14">
      <c r="N74325" s="10"/>
    </row>
    <row r="74326" spans="14:14">
      <c r="N74326" s="10"/>
    </row>
    <row r="74327" spans="14:14">
      <c r="N74327" s="10"/>
    </row>
    <row r="74328" spans="14:14">
      <c r="N74328" s="10"/>
    </row>
    <row r="74329" spans="14:14">
      <c r="N74329" s="10"/>
    </row>
    <row r="74330" spans="14:14">
      <c r="N74330" s="10"/>
    </row>
    <row r="74331" spans="14:14">
      <c r="N74331" s="10"/>
    </row>
    <row r="74332" spans="14:14">
      <c r="N74332" s="10"/>
    </row>
    <row r="74333" spans="14:14">
      <c r="N74333" s="10"/>
    </row>
    <row r="74334" spans="14:14">
      <c r="N74334" s="10"/>
    </row>
    <row r="74335" spans="14:14">
      <c r="N74335" s="10"/>
    </row>
    <row r="74336" spans="14:14">
      <c r="N74336" s="10"/>
    </row>
    <row r="74337" spans="14:14">
      <c r="N74337" s="10"/>
    </row>
    <row r="74338" spans="14:14">
      <c r="N74338" s="10"/>
    </row>
    <row r="74339" spans="14:14">
      <c r="N74339" s="10"/>
    </row>
    <row r="74340" spans="14:14">
      <c r="N74340" s="10"/>
    </row>
    <row r="74341" spans="14:14">
      <c r="N74341" s="10"/>
    </row>
    <row r="74342" spans="14:14">
      <c r="N74342" s="10"/>
    </row>
    <row r="74343" spans="14:14">
      <c r="N74343" s="10"/>
    </row>
    <row r="74344" spans="14:14">
      <c r="N74344" s="10"/>
    </row>
    <row r="74345" spans="14:14">
      <c r="N74345" s="10"/>
    </row>
    <row r="74346" spans="14:14">
      <c r="N74346" s="10"/>
    </row>
    <row r="74347" spans="14:14">
      <c r="N74347" s="10"/>
    </row>
    <row r="74348" spans="14:14">
      <c r="N74348" s="10"/>
    </row>
    <row r="74349" spans="14:14">
      <c r="N74349" s="10"/>
    </row>
    <row r="74350" spans="14:14">
      <c r="N74350" s="10"/>
    </row>
    <row r="74351" spans="14:14">
      <c r="N74351" s="10"/>
    </row>
    <row r="74352" spans="14:14">
      <c r="N74352" s="10"/>
    </row>
    <row r="74353" spans="14:14">
      <c r="N74353" s="10"/>
    </row>
    <row r="74354" spans="14:14">
      <c r="N74354" s="10"/>
    </row>
    <row r="74355" spans="14:14">
      <c r="N74355" s="10"/>
    </row>
    <row r="74356" spans="14:14">
      <c r="N74356" s="10"/>
    </row>
    <row r="74357" spans="14:14">
      <c r="N74357" s="10"/>
    </row>
    <row r="74358" spans="14:14">
      <c r="N74358" s="10"/>
    </row>
    <row r="74359" spans="14:14">
      <c r="N74359" s="10"/>
    </row>
    <row r="74360" spans="14:14">
      <c r="N74360" s="10"/>
    </row>
    <row r="74361" spans="14:14">
      <c r="N74361" s="10"/>
    </row>
    <row r="74362" spans="14:14">
      <c r="N74362" s="10"/>
    </row>
    <row r="74363" spans="14:14">
      <c r="N74363" s="10"/>
    </row>
    <row r="74364" spans="14:14">
      <c r="N74364" s="10"/>
    </row>
    <row r="74365" spans="14:14">
      <c r="N74365" s="10"/>
    </row>
    <row r="74366" spans="14:14">
      <c r="N74366" s="10"/>
    </row>
    <row r="74367" spans="14:14">
      <c r="N74367" s="10"/>
    </row>
    <row r="74368" spans="14:14">
      <c r="N74368" s="10"/>
    </row>
    <row r="74369" spans="14:14">
      <c r="N74369" s="10"/>
    </row>
    <row r="74370" spans="14:14">
      <c r="N74370" s="10"/>
    </row>
    <row r="74371" spans="14:14">
      <c r="N74371" s="10"/>
    </row>
    <row r="74372" spans="14:14">
      <c r="N74372" s="10"/>
    </row>
    <row r="74373" spans="14:14">
      <c r="N74373" s="10"/>
    </row>
    <row r="74374" spans="14:14">
      <c r="N74374" s="10"/>
    </row>
    <row r="74375" spans="14:14">
      <c r="N74375" s="10"/>
    </row>
    <row r="74376" spans="14:14">
      <c r="N74376" s="10"/>
    </row>
    <row r="74377" spans="14:14">
      <c r="N74377" s="10"/>
    </row>
    <row r="74378" spans="14:14">
      <c r="N74378" s="10"/>
    </row>
    <row r="74379" spans="14:14">
      <c r="N74379" s="10"/>
    </row>
    <row r="74380" spans="14:14">
      <c r="N74380" s="10"/>
    </row>
    <row r="74381" spans="14:14">
      <c r="N74381" s="10"/>
    </row>
    <row r="74382" spans="14:14">
      <c r="N74382" s="10"/>
    </row>
    <row r="74383" spans="14:14">
      <c r="N74383" s="10"/>
    </row>
    <row r="74384" spans="14:14">
      <c r="N74384" s="10"/>
    </row>
    <row r="74385" spans="14:14">
      <c r="N74385" s="10"/>
    </row>
    <row r="74386" spans="14:14">
      <c r="N74386" s="10"/>
    </row>
    <row r="74387" spans="14:14">
      <c r="N74387" s="10"/>
    </row>
    <row r="74388" spans="14:14">
      <c r="N74388" s="10"/>
    </row>
    <row r="74389" spans="14:14">
      <c r="N74389" s="10"/>
    </row>
    <row r="74390" spans="14:14">
      <c r="N74390" s="10"/>
    </row>
    <row r="74391" spans="14:14">
      <c r="N74391" s="10"/>
    </row>
    <row r="74392" spans="14:14">
      <c r="N74392" s="10"/>
    </row>
    <row r="74393" spans="14:14">
      <c r="N74393" s="10"/>
    </row>
    <row r="74394" spans="14:14">
      <c r="N74394" s="10"/>
    </row>
    <row r="74395" spans="14:14">
      <c r="N74395" s="10"/>
    </row>
    <row r="74396" spans="14:14">
      <c r="N74396" s="10"/>
    </row>
    <row r="74397" spans="14:14">
      <c r="N74397" s="10"/>
    </row>
    <row r="74398" spans="14:14">
      <c r="N74398" s="10"/>
    </row>
    <row r="74399" spans="14:14">
      <c r="N74399" s="10"/>
    </row>
    <row r="74400" spans="14:14">
      <c r="N74400" s="10"/>
    </row>
    <row r="74401" spans="14:14">
      <c r="N74401" s="10"/>
    </row>
    <row r="74402" spans="14:14">
      <c r="N74402" s="10"/>
    </row>
    <row r="74403" spans="14:14">
      <c r="N74403" s="10"/>
    </row>
    <row r="74404" spans="14:14">
      <c r="N74404" s="10"/>
    </row>
    <row r="74405" spans="14:14">
      <c r="N74405" s="10"/>
    </row>
    <row r="74406" spans="14:14">
      <c r="N74406" s="10"/>
    </row>
    <row r="74407" spans="14:14">
      <c r="N74407" s="10"/>
    </row>
    <row r="74408" spans="14:14">
      <c r="N74408" s="10"/>
    </row>
    <row r="74409" spans="14:14">
      <c r="N74409" s="10"/>
    </row>
    <row r="74410" spans="14:14">
      <c r="N74410" s="10"/>
    </row>
    <row r="74411" spans="14:14">
      <c r="N74411" s="10"/>
    </row>
    <row r="74412" spans="14:14">
      <c r="N74412" s="10"/>
    </row>
    <row r="74413" spans="14:14">
      <c r="N74413" s="10"/>
    </row>
    <row r="74414" spans="14:14">
      <c r="N74414" s="10"/>
    </row>
    <row r="74415" spans="14:14">
      <c r="N74415" s="10"/>
    </row>
    <row r="74416" spans="14:14">
      <c r="N74416" s="10"/>
    </row>
    <row r="74417" spans="14:14">
      <c r="N74417" s="10"/>
    </row>
    <row r="74418" spans="14:14">
      <c r="N74418" s="10"/>
    </row>
    <row r="74419" spans="14:14">
      <c r="N74419" s="10"/>
    </row>
    <row r="74420" spans="14:14">
      <c r="N74420" s="10"/>
    </row>
    <row r="74421" spans="14:14">
      <c r="N74421" s="10"/>
    </row>
    <row r="74422" spans="14:14">
      <c r="N74422" s="10"/>
    </row>
    <row r="74423" spans="14:14">
      <c r="N74423" s="10"/>
    </row>
    <row r="74424" spans="14:14">
      <c r="N74424" s="10"/>
    </row>
    <row r="74425" spans="14:14">
      <c r="N74425" s="10"/>
    </row>
    <row r="74426" spans="14:14">
      <c r="N74426" s="10"/>
    </row>
    <row r="74427" spans="14:14">
      <c r="N74427" s="10"/>
    </row>
    <row r="74428" spans="14:14">
      <c r="N74428" s="10"/>
    </row>
    <row r="74429" spans="14:14">
      <c r="N74429" s="10"/>
    </row>
    <row r="74430" spans="14:14">
      <c r="N74430" s="10"/>
    </row>
    <row r="74431" spans="14:14">
      <c r="N74431" s="10"/>
    </row>
    <row r="74432" spans="14:14">
      <c r="N74432" s="10"/>
    </row>
    <row r="74433" spans="14:14">
      <c r="N74433" s="10"/>
    </row>
    <row r="74434" spans="14:14">
      <c r="N74434" s="10"/>
    </row>
    <row r="74435" spans="14:14">
      <c r="N74435" s="10"/>
    </row>
    <row r="74436" spans="14:14">
      <c r="N74436" s="10"/>
    </row>
    <row r="74437" spans="14:14">
      <c r="N74437" s="10"/>
    </row>
    <row r="74438" spans="14:14">
      <c r="N74438" s="10"/>
    </row>
    <row r="74439" spans="14:14">
      <c r="N74439" s="10"/>
    </row>
    <row r="74440" spans="14:14">
      <c r="N74440" s="10"/>
    </row>
    <row r="74441" spans="14:14">
      <c r="N74441" s="10"/>
    </row>
    <row r="74442" spans="14:14">
      <c r="N74442" s="10"/>
    </row>
    <row r="74443" spans="14:14">
      <c r="N74443" s="10"/>
    </row>
    <row r="74444" spans="14:14">
      <c r="N74444" s="10"/>
    </row>
    <row r="74445" spans="14:14">
      <c r="N74445" s="10"/>
    </row>
    <row r="74446" spans="14:14">
      <c r="N74446" s="10"/>
    </row>
    <row r="74447" spans="14:14">
      <c r="N74447" s="10"/>
    </row>
    <row r="74448" spans="14:14">
      <c r="N74448" s="10"/>
    </row>
    <row r="74449" spans="14:14">
      <c r="N74449" s="10"/>
    </row>
    <row r="74450" spans="14:14">
      <c r="N74450" s="10"/>
    </row>
    <row r="74451" spans="14:14">
      <c r="N74451" s="10"/>
    </row>
    <row r="74452" spans="14:14">
      <c r="N74452" s="10"/>
    </row>
    <row r="74453" spans="14:14">
      <c r="N74453" s="10"/>
    </row>
    <row r="74454" spans="14:14">
      <c r="N74454" s="10"/>
    </row>
    <row r="74455" spans="14:14">
      <c r="N74455" s="10"/>
    </row>
    <row r="74456" spans="14:14">
      <c r="N74456" s="10"/>
    </row>
    <row r="74457" spans="14:14">
      <c r="N74457" s="10"/>
    </row>
    <row r="74458" spans="14:14">
      <c r="N74458" s="10"/>
    </row>
    <row r="74459" spans="14:14">
      <c r="N74459" s="10"/>
    </row>
    <row r="74460" spans="14:14">
      <c r="N74460" s="10"/>
    </row>
    <row r="74461" spans="14:14">
      <c r="N74461" s="10"/>
    </row>
    <row r="74462" spans="14:14">
      <c r="N74462" s="10"/>
    </row>
    <row r="74463" spans="14:14">
      <c r="N74463" s="10"/>
    </row>
    <row r="74464" spans="14:14">
      <c r="N74464" s="10"/>
    </row>
    <row r="74465" spans="14:14">
      <c r="N74465" s="10"/>
    </row>
    <row r="74466" spans="14:14">
      <c r="N74466" s="10"/>
    </row>
    <row r="74467" spans="14:14">
      <c r="N74467" s="10"/>
    </row>
    <row r="74468" spans="14:14">
      <c r="N74468" s="10"/>
    </row>
    <row r="74469" spans="14:14">
      <c r="N74469" s="10"/>
    </row>
    <row r="74470" spans="14:14">
      <c r="N74470" s="10"/>
    </row>
    <row r="74471" spans="14:14">
      <c r="N74471" s="10"/>
    </row>
    <row r="74472" spans="14:14">
      <c r="N74472" s="10"/>
    </row>
    <row r="74473" spans="14:14">
      <c r="N74473" s="10"/>
    </row>
    <row r="74474" spans="14:14">
      <c r="N74474" s="10"/>
    </row>
    <row r="74475" spans="14:14">
      <c r="N74475" s="10"/>
    </row>
    <row r="74476" spans="14:14">
      <c r="N74476" s="10"/>
    </row>
    <row r="74477" spans="14:14">
      <c r="N74477" s="10"/>
    </row>
    <row r="74478" spans="14:14">
      <c r="N74478" s="10"/>
    </row>
    <row r="74479" spans="14:14">
      <c r="N74479" s="10"/>
    </row>
    <row r="74480" spans="14:14">
      <c r="N74480" s="10"/>
    </row>
    <row r="74481" spans="14:14">
      <c r="N74481" s="10"/>
    </row>
    <row r="74482" spans="14:14">
      <c r="N74482" s="10"/>
    </row>
    <row r="74483" spans="14:14">
      <c r="N74483" s="10"/>
    </row>
    <row r="74484" spans="14:14">
      <c r="N74484" s="10"/>
    </row>
    <row r="74485" spans="14:14">
      <c r="N74485" s="10"/>
    </row>
    <row r="74486" spans="14:14">
      <c r="N74486" s="10"/>
    </row>
    <row r="74487" spans="14:14">
      <c r="N74487" s="10"/>
    </row>
    <row r="74488" spans="14:14">
      <c r="N74488" s="10"/>
    </row>
    <row r="74489" spans="14:14">
      <c r="N74489" s="10"/>
    </row>
    <row r="74490" spans="14:14">
      <c r="N74490" s="10"/>
    </row>
    <row r="74491" spans="14:14">
      <c r="N74491" s="10"/>
    </row>
    <row r="74492" spans="14:14">
      <c r="N74492" s="10"/>
    </row>
    <row r="74493" spans="14:14">
      <c r="N74493" s="10"/>
    </row>
    <row r="74494" spans="14:14">
      <c r="N74494" s="10"/>
    </row>
    <row r="74495" spans="14:14">
      <c r="N74495" s="10"/>
    </row>
    <row r="74496" spans="14:14">
      <c r="N74496" s="10"/>
    </row>
    <row r="74497" spans="14:14">
      <c r="N74497" s="10"/>
    </row>
    <row r="74498" spans="14:14">
      <c r="N74498" s="10"/>
    </row>
    <row r="74499" spans="14:14">
      <c r="N74499" s="10"/>
    </row>
    <row r="74500" spans="14:14">
      <c r="N74500" s="10"/>
    </row>
    <row r="74501" spans="14:14">
      <c r="N74501" s="10"/>
    </row>
    <row r="74502" spans="14:14">
      <c r="N74502" s="10"/>
    </row>
    <row r="74503" spans="14:14">
      <c r="N74503" s="10"/>
    </row>
    <row r="74504" spans="14:14">
      <c r="N74504" s="10"/>
    </row>
    <row r="74505" spans="14:14">
      <c r="N74505" s="10"/>
    </row>
    <row r="74506" spans="14:14">
      <c r="N74506" s="10"/>
    </row>
    <row r="74507" spans="14:14">
      <c r="N74507" s="10"/>
    </row>
    <row r="74508" spans="14:14">
      <c r="N74508" s="10"/>
    </row>
    <row r="74509" spans="14:14">
      <c r="N74509" s="10"/>
    </row>
    <row r="74510" spans="14:14">
      <c r="N74510" s="10"/>
    </row>
    <row r="74511" spans="14:14">
      <c r="N74511" s="10"/>
    </row>
    <row r="74512" spans="14:14">
      <c r="N74512" s="10"/>
    </row>
    <row r="74513" spans="14:14">
      <c r="N74513" s="10"/>
    </row>
    <row r="74514" spans="14:14">
      <c r="N74514" s="10"/>
    </row>
    <row r="74515" spans="14:14">
      <c r="N74515" s="10"/>
    </row>
    <row r="74516" spans="14:14">
      <c r="N74516" s="10"/>
    </row>
    <row r="74517" spans="14:14">
      <c r="N74517" s="10"/>
    </row>
    <row r="74518" spans="14:14">
      <c r="N74518" s="10"/>
    </row>
    <row r="74519" spans="14:14">
      <c r="N74519" s="10"/>
    </row>
    <row r="74520" spans="14:14">
      <c r="N74520" s="10"/>
    </row>
    <row r="74521" spans="14:14">
      <c r="N74521" s="10"/>
    </row>
    <row r="74522" spans="14:14">
      <c r="N74522" s="10"/>
    </row>
    <row r="74523" spans="14:14">
      <c r="N74523" s="10"/>
    </row>
    <row r="74524" spans="14:14">
      <c r="N74524" s="10"/>
    </row>
    <row r="74525" spans="14:14">
      <c r="N74525" s="10"/>
    </row>
    <row r="74526" spans="14:14">
      <c r="N74526" s="10"/>
    </row>
    <row r="74527" spans="14:14">
      <c r="N74527" s="10"/>
    </row>
    <row r="74528" spans="14:14">
      <c r="N74528" s="10"/>
    </row>
    <row r="74529" spans="14:14">
      <c r="N74529" s="10"/>
    </row>
    <row r="74530" spans="14:14">
      <c r="N74530" s="10"/>
    </row>
    <row r="74531" spans="14:14">
      <c r="N74531" s="10"/>
    </row>
    <row r="74532" spans="14:14">
      <c r="N74532" s="10"/>
    </row>
    <row r="74533" spans="14:14">
      <c r="N74533" s="10"/>
    </row>
    <row r="74534" spans="14:14">
      <c r="N74534" s="10"/>
    </row>
    <row r="74535" spans="14:14">
      <c r="N74535" s="10"/>
    </row>
    <row r="74536" spans="14:14">
      <c r="N74536" s="10"/>
    </row>
    <row r="74537" spans="14:14">
      <c r="N74537" s="10"/>
    </row>
    <row r="74538" spans="14:14">
      <c r="N74538" s="10"/>
    </row>
    <row r="74539" spans="14:14">
      <c r="N74539" s="10"/>
    </row>
    <row r="74540" spans="14:14">
      <c r="N74540" s="10"/>
    </row>
    <row r="74541" spans="14:14">
      <c r="N74541" s="10"/>
    </row>
    <row r="74542" spans="14:14">
      <c r="N74542" s="10"/>
    </row>
    <row r="74543" spans="14:14">
      <c r="N74543" s="10"/>
    </row>
    <row r="74544" spans="14:14">
      <c r="N74544" s="10"/>
    </row>
    <row r="74545" spans="14:14">
      <c r="N74545" s="10"/>
    </row>
    <row r="74546" spans="14:14">
      <c r="N74546" s="10"/>
    </row>
    <row r="74547" spans="14:14">
      <c r="N74547" s="10"/>
    </row>
    <row r="74548" spans="14:14">
      <c r="N74548" s="10"/>
    </row>
    <row r="74549" spans="14:14">
      <c r="N74549" s="10"/>
    </row>
    <row r="74550" spans="14:14">
      <c r="N74550" s="10"/>
    </row>
    <row r="74551" spans="14:14">
      <c r="N74551" s="10"/>
    </row>
    <row r="74552" spans="14:14">
      <c r="N74552" s="10"/>
    </row>
    <row r="74553" spans="14:14">
      <c r="N74553" s="10"/>
    </row>
    <row r="74554" spans="14:14">
      <c r="N74554" s="10"/>
    </row>
    <row r="74555" spans="14:14">
      <c r="N74555" s="10"/>
    </row>
    <row r="74556" spans="14:14">
      <c r="N74556" s="10"/>
    </row>
    <row r="74557" spans="14:14">
      <c r="N74557" s="10"/>
    </row>
    <row r="74558" spans="14:14">
      <c r="N74558" s="10"/>
    </row>
    <row r="74559" spans="14:14">
      <c r="N74559" s="10"/>
    </row>
    <row r="74560" spans="14:14">
      <c r="N74560" s="10"/>
    </row>
    <row r="74561" spans="14:14">
      <c r="N74561" s="10"/>
    </row>
    <row r="74562" spans="14:14">
      <c r="N74562" s="10"/>
    </row>
    <row r="74563" spans="14:14">
      <c r="N74563" s="10"/>
    </row>
    <row r="74564" spans="14:14">
      <c r="N74564" s="10"/>
    </row>
    <row r="74565" spans="14:14">
      <c r="N74565" s="10"/>
    </row>
    <row r="74566" spans="14:14">
      <c r="N74566" s="10"/>
    </row>
    <row r="74567" spans="14:14">
      <c r="N74567" s="10"/>
    </row>
    <row r="74568" spans="14:14">
      <c r="N74568" s="10"/>
    </row>
    <row r="74569" spans="14:14">
      <c r="N74569" s="10"/>
    </row>
    <row r="74570" spans="14:14">
      <c r="N74570" s="10"/>
    </row>
    <row r="74571" spans="14:14">
      <c r="N74571" s="10"/>
    </row>
    <row r="74572" spans="14:14">
      <c r="N74572" s="10"/>
    </row>
    <row r="74573" spans="14:14">
      <c r="N74573" s="10"/>
    </row>
    <row r="74574" spans="14:14">
      <c r="N74574" s="10"/>
    </row>
    <row r="74575" spans="14:14">
      <c r="N74575" s="10"/>
    </row>
    <row r="74576" spans="14:14">
      <c r="N74576" s="10"/>
    </row>
    <row r="74577" spans="14:14">
      <c r="N74577" s="10"/>
    </row>
    <row r="74578" spans="14:14">
      <c r="N74578" s="10"/>
    </row>
    <row r="74579" spans="14:14">
      <c r="N74579" s="10"/>
    </row>
    <row r="74580" spans="14:14">
      <c r="N74580" s="10"/>
    </row>
    <row r="74581" spans="14:14">
      <c r="N74581" s="10"/>
    </row>
    <row r="74582" spans="14:14">
      <c r="N74582" s="10"/>
    </row>
    <row r="74583" spans="14:14">
      <c r="N74583" s="10"/>
    </row>
    <row r="74584" spans="14:14">
      <c r="N74584" s="10"/>
    </row>
    <row r="74585" spans="14:14">
      <c r="N74585" s="10"/>
    </row>
    <row r="74586" spans="14:14">
      <c r="N74586" s="10"/>
    </row>
    <row r="74587" spans="14:14">
      <c r="N74587" s="10"/>
    </row>
    <row r="74588" spans="14:14">
      <c r="N74588" s="10"/>
    </row>
    <row r="74589" spans="14:14">
      <c r="N74589" s="10"/>
    </row>
    <row r="74590" spans="14:14">
      <c r="N74590" s="10"/>
    </row>
    <row r="74591" spans="14:14">
      <c r="N74591" s="10"/>
    </row>
    <row r="74592" spans="14:14">
      <c r="N74592" s="10"/>
    </row>
    <row r="74593" spans="14:14">
      <c r="N74593" s="10"/>
    </row>
    <row r="74594" spans="14:14">
      <c r="N74594" s="10"/>
    </row>
    <row r="74595" spans="14:14">
      <c r="N74595" s="10"/>
    </row>
    <row r="74596" spans="14:14">
      <c r="N74596" s="10"/>
    </row>
    <row r="74597" spans="14:14">
      <c r="N74597" s="10"/>
    </row>
    <row r="74598" spans="14:14">
      <c r="N74598" s="10"/>
    </row>
    <row r="74599" spans="14:14">
      <c r="N74599" s="10"/>
    </row>
    <row r="74600" spans="14:14">
      <c r="N74600" s="10"/>
    </row>
    <row r="74601" spans="14:14">
      <c r="N74601" s="10"/>
    </row>
    <row r="74602" spans="14:14">
      <c r="N74602" s="10"/>
    </row>
    <row r="74603" spans="14:14">
      <c r="N74603" s="10"/>
    </row>
    <row r="74604" spans="14:14">
      <c r="N74604" s="10"/>
    </row>
    <row r="74605" spans="14:14">
      <c r="N74605" s="10"/>
    </row>
    <row r="74606" spans="14:14">
      <c r="N74606" s="10"/>
    </row>
    <row r="74607" spans="14:14">
      <c r="N74607" s="10"/>
    </row>
    <row r="74608" spans="14:14">
      <c r="N74608" s="10"/>
    </row>
    <row r="74609" spans="14:14">
      <c r="N74609" s="10"/>
    </row>
    <row r="74610" spans="14:14">
      <c r="N74610" s="10"/>
    </row>
    <row r="74611" spans="14:14">
      <c r="N74611" s="10"/>
    </row>
    <row r="74612" spans="14:14">
      <c r="N74612" s="10"/>
    </row>
    <row r="74613" spans="14:14">
      <c r="N74613" s="10"/>
    </row>
    <row r="74614" spans="14:14">
      <c r="N74614" s="10"/>
    </row>
    <row r="74615" spans="14:14">
      <c r="N74615" s="10"/>
    </row>
    <row r="74616" spans="14:14">
      <c r="N74616" s="10"/>
    </row>
    <row r="74617" spans="14:14">
      <c r="N74617" s="10"/>
    </row>
    <row r="74618" spans="14:14">
      <c r="N74618" s="10"/>
    </row>
    <row r="74619" spans="14:14">
      <c r="N74619" s="10"/>
    </row>
    <row r="74620" spans="14:14">
      <c r="N74620" s="10"/>
    </row>
    <row r="74621" spans="14:14">
      <c r="N74621" s="10"/>
    </row>
    <row r="74622" spans="14:14">
      <c r="N74622" s="10"/>
    </row>
    <row r="74623" spans="14:14">
      <c r="N74623" s="10"/>
    </row>
    <row r="74624" spans="14:14">
      <c r="N74624" s="10"/>
    </row>
    <row r="74625" spans="14:14">
      <c r="N74625" s="10"/>
    </row>
    <row r="74626" spans="14:14">
      <c r="N74626" s="10"/>
    </row>
    <row r="74627" spans="14:14">
      <c r="N74627" s="10"/>
    </row>
    <row r="74628" spans="14:14">
      <c r="N74628" s="10"/>
    </row>
    <row r="74629" spans="14:14">
      <c r="N74629" s="10"/>
    </row>
    <row r="74630" spans="14:14">
      <c r="N74630" s="10"/>
    </row>
    <row r="74631" spans="14:14">
      <c r="N74631" s="10"/>
    </row>
    <row r="74632" spans="14:14">
      <c r="N74632" s="10"/>
    </row>
    <row r="74633" spans="14:14">
      <c r="N74633" s="10"/>
    </row>
    <row r="74634" spans="14:14">
      <c r="N74634" s="10"/>
    </row>
    <row r="74635" spans="14:14">
      <c r="N74635" s="10"/>
    </row>
    <row r="74636" spans="14:14">
      <c r="N74636" s="10"/>
    </row>
    <row r="74637" spans="14:14">
      <c r="N74637" s="10"/>
    </row>
    <row r="74638" spans="14:14">
      <c r="N74638" s="10"/>
    </row>
    <row r="74639" spans="14:14">
      <c r="N74639" s="10"/>
    </row>
    <row r="74640" spans="14:14">
      <c r="N74640" s="10"/>
    </row>
    <row r="74641" spans="14:14">
      <c r="N74641" s="10"/>
    </row>
    <row r="74642" spans="14:14">
      <c r="N74642" s="10"/>
    </row>
    <row r="74643" spans="14:14">
      <c r="N74643" s="10"/>
    </row>
    <row r="74644" spans="14:14">
      <c r="N74644" s="10"/>
    </row>
    <row r="74645" spans="14:14">
      <c r="N74645" s="10"/>
    </row>
    <row r="74646" spans="14:14">
      <c r="N74646" s="10"/>
    </row>
    <row r="74647" spans="14:14">
      <c r="N74647" s="10"/>
    </row>
    <row r="74648" spans="14:14">
      <c r="N74648" s="10"/>
    </row>
    <row r="74649" spans="14:14">
      <c r="N74649" s="10"/>
    </row>
    <row r="74650" spans="14:14">
      <c r="N74650" s="10"/>
    </row>
    <row r="74651" spans="14:14">
      <c r="N74651" s="10"/>
    </row>
    <row r="74652" spans="14:14">
      <c r="N74652" s="10"/>
    </row>
    <row r="74653" spans="14:14">
      <c r="N74653" s="10"/>
    </row>
    <row r="74654" spans="14:14">
      <c r="N74654" s="10"/>
    </row>
    <row r="74655" spans="14:14">
      <c r="N74655" s="10"/>
    </row>
    <row r="74656" spans="14:14">
      <c r="N74656" s="10"/>
    </row>
    <row r="74657" spans="14:14">
      <c r="N74657" s="10"/>
    </row>
    <row r="74658" spans="14:14">
      <c r="N74658" s="10"/>
    </row>
    <row r="74659" spans="14:14">
      <c r="N74659" s="10"/>
    </row>
    <row r="74660" spans="14:14">
      <c r="N74660" s="10"/>
    </row>
    <row r="74661" spans="14:14">
      <c r="N74661" s="10"/>
    </row>
    <row r="74662" spans="14:14">
      <c r="N74662" s="10"/>
    </row>
    <row r="74663" spans="14:14">
      <c r="N74663" s="10"/>
    </row>
    <row r="74664" spans="14:14">
      <c r="N74664" s="10"/>
    </row>
    <row r="74665" spans="14:14">
      <c r="N74665" s="10"/>
    </row>
    <row r="74666" spans="14:14">
      <c r="N74666" s="10"/>
    </row>
    <row r="74667" spans="14:14">
      <c r="N74667" s="10"/>
    </row>
    <row r="74668" spans="14:14">
      <c r="N74668" s="10"/>
    </row>
    <row r="74669" spans="14:14">
      <c r="N74669" s="10"/>
    </row>
    <row r="74670" spans="14:14">
      <c r="N74670" s="10"/>
    </row>
    <row r="74671" spans="14:14">
      <c r="N74671" s="10"/>
    </row>
    <row r="74672" spans="14:14">
      <c r="N74672" s="10"/>
    </row>
    <row r="74673" spans="14:14">
      <c r="N74673" s="10"/>
    </row>
    <row r="74674" spans="14:14">
      <c r="N74674" s="10"/>
    </row>
    <row r="74675" spans="14:14">
      <c r="N74675" s="10"/>
    </row>
    <row r="74676" spans="14:14">
      <c r="N74676" s="10"/>
    </row>
    <row r="74677" spans="14:14">
      <c r="N74677" s="10"/>
    </row>
    <row r="74678" spans="14:14">
      <c r="N74678" s="10"/>
    </row>
    <row r="74679" spans="14:14">
      <c r="N74679" s="10"/>
    </row>
    <row r="74680" spans="14:14">
      <c r="N74680" s="10"/>
    </row>
    <row r="74681" spans="14:14">
      <c r="N74681" s="10"/>
    </row>
    <row r="74682" spans="14:14">
      <c r="N74682" s="10"/>
    </row>
    <row r="74683" spans="14:14">
      <c r="N74683" s="10"/>
    </row>
    <row r="74684" spans="14:14">
      <c r="N74684" s="10"/>
    </row>
    <row r="74685" spans="14:14">
      <c r="N74685" s="10"/>
    </row>
    <row r="74686" spans="14:14">
      <c r="N74686" s="10"/>
    </row>
    <row r="74687" spans="14:14">
      <c r="N74687" s="10"/>
    </row>
    <row r="74688" spans="14:14">
      <c r="N74688" s="10"/>
    </row>
    <row r="74689" spans="14:14">
      <c r="N74689" s="10"/>
    </row>
    <row r="74690" spans="14:14">
      <c r="N74690" s="10"/>
    </row>
    <row r="74691" spans="14:14">
      <c r="N74691" s="10"/>
    </row>
    <row r="74692" spans="14:14">
      <c r="N74692" s="10"/>
    </row>
    <row r="74693" spans="14:14">
      <c r="N74693" s="10"/>
    </row>
    <row r="74694" spans="14:14">
      <c r="N74694" s="10"/>
    </row>
    <row r="74695" spans="14:14">
      <c r="N74695" s="10"/>
    </row>
    <row r="74696" spans="14:14">
      <c r="N74696" s="10"/>
    </row>
    <row r="74697" spans="14:14">
      <c r="N74697" s="10"/>
    </row>
    <row r="74698" spans="14:14">
      <c r="N74698" s="10"/>
    </row>
    <row r="74699" spans="14:14">
      <c r="N74699" s="10"/>
    </row>
    <row r="74700" spans="14:14">
      <c r="N74700" s="10"/>
    </row>
    <row r="74701" spans="14:14">
      <c r="N74701" s="10"/>
    </row>
    <row r="74702" spans="14:14">
      <c r="N74702" s="10"/>
    </row>
    <row r="74703" spans="14:14">
      <c r="N74703" s="10"/>
    </row>
    <row r="74704" spans="14:14">
      <c r="N74704" s="10"/>
    </row>
    <row r="74705" spans="14:14">
      <c r="N74705" s="10"/>
    </row>
    <row r="74706" spans="14:14">
      <c r="N74706" s="10"/>
    </row>
    <row r="74707" spans="14:14">
      <c r="N74707" s="10"/>
    </row>
    <row r="74708" spans="14:14">
      <c r="N74708" s="10"/>
    </row>
    <row r="74709" spans="14:14">
      <c r="N74709" s="10"/>
    </row>
    <row r="74710" spans="14:14">
      <c r="N74710" s="10"/>
    </row>
    <row r="74711" spans="14:14">
      <c r="N74711" s="10"/>
    </row>
    <row r="74712" spans="14:14">
      <c r="N74712" s="10"/>
    </row>
    <row r="74713" spans="14:14">
      <c r="N74713" s="10"/>
    </row>
    <row r="74714" spans="14:14">
      <c r="N74714" s="10"/>
    </row>
    <row r="74715" spans="14:14">
      <c r="N74715" s="10"/>
    </row>
    <row r="74716" spans="14:14">
      <c r="N74716" s="10"/>
    </row>
    <row r="74717" spans="14:14">
      <c r="N74717" s="10"/>
    </row>
    <row r="74718" spans="14:14">
      <c r="N74718" s="10"/>
    </row>
    <row r="74719" spans="14:14">
      <c r="N74719" s="10"/>
    </row>
    <row r="74720" spans="14:14">
      <c r="N74720" s="10"/>
    </row>
    <row r="74721" spans="14:14">
      <c r="N74721" s="10"/>
    </row>
    <row r="74722" spans="14:14">
      <c r="N74722" s="10"/>
    </row>
    <row r="74723" spans="14:14">
      <c r="N74723" s="10"/>
    </row>
    <row r="74724" spans="14:14">
      <c r="N74724" s="10"/>
    </row>
    <row r="74725" spans="14:14">
      <c r="N74725" s="10"/>
    </row>
    <row r="74726" spans="14:14">
      <c r="N74726" s="10"/>
    </row>
    <row r="74727" spans="14:14">
      <c r="N74727" s="10"/>
    </row>
    <row r="74728" spans="14:14">
      <c r="N74728" s="10"/>
    </row>
    <row r="74729" spans="14:14">
      <c r="N74729" s="10"/>
    </row>
    <row r="74730" spans="14:14">
      <c r="N74730" s="10"/>
    </row>
    <row r="74731" spans="14:14">
      <c r="N74731" s="10"/>
    </row>
    <row r="74732" spans="14:14">
      <c r="N74732" s="10"/>
    </row>
    <row r="74733" spans="14:14">
      <c r="N74733" s="10"/>
    </row>
    <row r="74734" spans="14:14">
      <c r="N74734" s="10"/>
    </row>
    <row r="74735" spans="14:14">
      <c r="N74735" s="10"/>
    </row>
    <row r="74736" spans="14:14">
      <c r="N74736" s="10"/>
    </row>
    <row r="74737" spans="14:14">
      <c r="N74737" s="10"/>
    </row>
    <row r="74738" spans="14:14">
      <c r="N74738" s="10"/>
    </row>
    <row r="74739" spans="14:14">
      <c r="N74739" s="10"/>
    </row>
    <row r="74740" spans="14:14">
      <c r="N74740" s="10"/>
    </row>
    <row r="74741" spans="14:14">
      <c r="N74741" s="10"/>
    </row>
    <row r="74742" spans="14:14">
      <c r="N74742" s="10"/>
    </row>
    <row r="74743" spans="14:14">
      <c r="N74743" s="10"/>
    </row>
    <row r="74744" spans="14:14">
      <c r="N74744" s="10"/>
    </row>
    <row r="74745" spans="14:14">
      <c r="N74745" s="10"/>
    </row>
    <row r="74746" spans="14:14">
      <c r="N74746" s="10"/>
    </row>
    <row r="74747" spans="14:14">
      <c r="N74747" s="10"/>
    </row>
    <row r="74748" spans="14:14">
      <c r="N74748" s="10"/>
    </row>
    <row r="74749" spans="14:14">
      <c r="N74749" s="10"/>
    </row>
    <row r="74750" spans="14:14">
      <c r="N74750" s="10"/>
    </row>
    <row r="74751" spans="14:14">
      <c r="N74751" s="10"/>
    </row>
    <row r="74752" spans="14:14">
      <c r="N74752" s="10"/>
    </row>
    <row r="74753" spans="14:14">
      <c r="N74753" s="10"/>
    </row>
    <row r="74754" spans="14:14">
      <c r="N74754" s="10"/>
    </row>
    <row r="74755" spans="14:14">
      <c r="N74755" s="10"/>
    </row>
    <row r="74756" spans="14:14">
      <c r="N74756" s="10"/>
    </row>
    <row r="74757" spans="14:14">
      <c r="N74757" s="10"/>
    </row>
    <row r="74758" spans="14:14">
      <c r="N74758" s="10"/>
    </row>
    <row r="74759" spans="14:14">
      <c r="N74759" s="10"/>
    </row>
    <row r="74760" spans="14:14">
      <c r="N74760" s="10"/>
    </row>
    <row r="74761" spans="14:14">
      <c r="N74761" s="10"/>
    </row>
    <row r="74762" spans="14:14">
      <c r="N74762" s="10"/>
    </row>
    <row r="74763" spans="14:14">
      <c r="N74763" s="10"/>
    </row>
    <row r="74764" spans="14:14">
      <c r="N74764" s="10"/>
    </row>
    <row r="74765" spans="14:14">
      <c r="N74765" s="10"/>
    </row>
    <row r="74766" spans="14:14">
      <c r="N74766" s="10"/>
    </row>
    <row r="74767" spans="14:14">
      <c r="N74767" s="10"/>
    </row>
    <row r="74768" spans="14:14">
      <c r="N74768" s="10"/>
    </row>
    <row r="74769" spans="14:14">
      <c r="N74769" s="10"/>
    </row>
    <row r="74770" spans="14:14">
      <c r="N74770" s="10"/>
    </row>
    <row r="74771" spans="14:14">
      <c r="N74771" s="10"/>
    </row>
    <row r="74772" spans="14:14">
      <c r="N74772" s="10"/>
    </row>
    <row r="74773" spans="14:14">
      <c r="N74773" s="10"/>
    </row>
    <row r="74774" spans="14:14">
      <c r="N74774" s="10"/>
    </row>
    <row r="74775" spans="14:14">
      <c r="N74775" s="10"/>
    </row>
    <row r="74776" spans="14:14">
      <c r="N74776" s="10"/>
    </row>
    <row r="74777" spans="14:14">
      <c r="N74777" s="10"/>
    </row>
    <row r="74778" spans="14:14">
      <c r="N74778" s="10"/>
    </row>
    <row r="74779" spans="14:14">
      <c r="N74779" s="10"/>
    </row>
    <row r="74780" spans="14:14">
      <c r="N74780" s="10"/>
    </row>
    <row r="74781" spans="14:14">
      <c r="N74781" s="10"/>
    </row>
    <row r="74782" spans="14:14">
      <c r="N74782" s="10"/>
    </row>
    <row r="74783" spans="14:14">
      <c r="N74783" s="10"/>
    </row>
    <row r="74784" spans="14:14">
      <c r="N74784" s="10"/>
    </row>
    <row r="74785" spans="14:14">
      <c r="N74785" s="10"/>
    </row>
    <row r="74786" spans="14:14">
      <c r="N74786" s="10"/>
    </row>
    <row r="74787" spans="14:14">
      <c r="N74787" s="10"/>
    </row>
    <row r="74788" spans="14:14">
      <c r="N74788" s="10"/>
    </row>
    <row r="74789" spans="14:14">
      <c r="N74789" s="10"/>
    </row>
    <row r="74790" spans="14:14">
      <c r="N74790" s="10"/>
    </row>
    <row r="74791" spans="14:14">
      <c r="N74791" s="10"/>
    </row>
    <row r="74792" spans="14:14">
      <c r="N74792" s="10"/>
    </row>
    <row r="74793" spans="14:14">
      <c r="N74793" s="10"/>
    </row>
    <row r="74794" spans="14:14">
      <c r="N74794" s="10"/>
    </row>
    <row r="74795" spans="14:14">
      <c r="N74795" s="10"/>
    </row>
    <row r="74796" spans="14:14">
      <c r="N74796" s="10"/>
    </row>
    <row r="74797" spans="14:14">
      <c r="N74797" s="10"/>
    </row>
    <row r="74798" spans="14:14">
      <c r="N74798" s="10"/>
    </row>
    <row r="74799" spans="14:14">
      <c r="N74799" s="10"/>
    </row>
    <row r="74800" spans="14:14">
      <c r="N74800" s="10"/>
    </row>
    <row r="74801" spans="14:14">
      <c r="N74801" s="10"/>
    </row>
    <row r="74802" spans="14:14">
      <c r="N74802" s="10"/>
    </row>
    <row r="74803" spans="14:14">
      <c r="N74803" s="10"/>
    </row>
    <row r="74804" spans="14:14">
      <c r="N74804" s="10"/>
    </row>
    <row r="74805" spans="14:14">
      <c r="N74805" s="10"/>
    </row>
    <row r="74806" spans="14:14">
      <c r="N74806" s="10"/>
    </row>
    <row r="74807" spans="14:14">
      <c r="N74807" s="10"/>
    </row>
    <row r="74808" spans="14:14">
      <c r="N74808" s="10"/>
    </row>
    <row r="74809" spans="14:14">
      <c r="N74809" s="10"/>
    </row>
    <row r="74810" spans="14:14">
      <c r="N74810" s="10"/>
    </row>
    <row r="74811" spans="14:14">
      <c r="N74811" s="10"/>
    </row>
    <row r="74812" spans="14:14">
      <c r="N74812" s="10"/>
    </row>
    <row r="74813" spans="14:14">
      <c r="N74813" s="10"/>
    </row>
    <row r="74814" spans="14:14">
      <c r="N74814" s="10"/>
    </row>
    <row r="74815" spans="14:14">
      <c r="N74815" s="10"/>
    </row>
    <row r="74816" spans="14:14">
      <c r="N74816" s="10"/>
    </row>
    <row r="74817" spans="14:14">
      <c r="N74817" s="10"/>
    </row>
    <row r="74818" spans="14:14">
      <c r="N74818" s="10"/>
    </row>
    <row r="74819" spans="14:14">
      <c r="N74819" s="10"/>
    </row>
    <row r="74820" spans="14:14">
      <c r="N74820" s="10"/>
    </row>
    <row r="74821" spans="14:14">
      <c r="N74821" s="10"/>
    </row>
    <row r="74822" spans="14:14">
      <c r="N74822" s="10"/>
    </row>
    <row r="74823" spans="14:14">
      <c r="N74823" s="10"/>
    </row>
    <row r="74824" spans="14:14">
      <c r="N74824" s="10"/>
    </row>
    <row r="74825" spans="14:14">
      <c r="N74825" s="10"/>
    </row>
    <row r="74826" spans="14:14">
      <c r="N74826" s="10"/>
    </row>
    <row r="74827" spans="14:14">
      <c r="N74827" s="10"/>
    </row>
    <row r="74828" spans="14:14">
      <c r="N74828" s="10"/>
    </row>
    <row r="74829" spans="14:14">
      <c r="N74829" s="10"/>
    </row>
    <row r="74830" spans="14:14">
      <c r="N74830" s="10"/>
    </row>
    <row r="74831" spans="14:14">
      <c r="N74831" s="10"/>
    </row>
    <row r="74832" spans="14:14">
      <c r="N74832" s="10"/>
    </row>
    <row r="74833" spans="14:14">
      <c r="N74833" s="10"/>
    </row>
    <row r="74834" spans="14:14">
      <c r="N74834" s="10"/>
    </row>
    <row r="74835" spans="14:14">
      <c r="N74835" s="10"/>
    </row>
    <row r="74836" spans="14:14">
      <c r="N74836" s="10"/>
    </row>
    <row r="74837" spans="14:14">
      <c r="N74837" s="10"/>
    </row>
    <row r="74838" spans="14:14">
      <c r="N74838" s="10"/>
    </row>
    <row r="74839" spans="14:14">
      <c r="N74839" s="10"/>
    </row>
    <row r="74840" spans="14:14">
      <c r="N74840" s="10"/>
    </row>
    <row r="74841" spans="14:14">
      <c r="N74841" s="10"/>
    </row>
    <row r="74842" spans="14:14">
      <c r="N74842" s="10"/>
    </row>
    <row r="74843" spans="14:14">
      <c r="N74843" s="10"/>
    </row>
    <row r="74844" spans="14:14">
      <c r="N74844" s="10"/>
    </row>
    <row r="74845" spans="14:14">
      <c r="N74845" s="10"/>
    </row>
    <row r="74846" spans="14:14">
      <c r="N74846" s="10"/>
    </row>
    <row r="74847" spans="14:14">
      <c r="N74847" s="10"/>
    </row>
    <row r="74848" spans="14:14">
      <c r="N74848" s="10"/>
    </row>
    <row r="74849" spans="14:14">
      <c r="N74849" s="10"/>
    </row>
    <row r="74850" spans="14:14">
      <c r="N74850" s="10"/>
    </row>
    <row r="74851" spans="14:14">
      <c r="N74851" s="10"/>
    </row>
    <row r="74852" spans="14:14">
      <c r="N74852" s="10"/>
    </row>
    <row r="74853" spans="14:14">
      <c r="N74853" s="10"/>
    </row>
    <row r="74854" spans="14:14">
      <c r="N74854" s="10"/>
    </row>
    <row r="74855" spans="14:14">
      <c r="N74855" s="10"/>
    </row>
    <row r="74856" spans="14:14">
      <c r="N74856" s="10"/>
    </row>
    <row r="74857" spans="14:14">
      <c r="N74857" s="10"/>
    </row>
    <row r="74858" spans="14:14">
      <c r="N74858" s="10"/>
    </row>
    <row r="74859" spans="14:14">
      <c r="N74859" s="10"/>
    </row>
    <row r="74860" spans="14:14">
      <c r="N74860" s="10"/>
    </row>
    <row r="74861" spans="14:14">
      <c r="N74861" s="10"/>
    </row>
    <row r="74862" spans="14:14">
      <c r="N74862" s="10"/>
    </row>
    <row r="74863" spans="14:14">
      <c r="N74863" s="10"/>
    </row>
    <row r="74864" spans="14:14">
      <c r="N74864" s="10"/>
    </row>
    <row r="74865" spans="14:14">
      <c r="N74865" s="10"/>
    </row>
    <row r="74866" spans="14:14">
      <c r="N74866" s="10"/>
    </row>
    <row r="74867" spans="14:14">
      <c r="N74867" s="10"/>
    </row>
    <row r="74868" spans="14:14">
      <c r="N74868" s="10"/>
    </row>
    <row r="74869" spans="14:14">
      <c r="N74869" s="10"/>
    </row>
    <row r="74870" spans="14:14">
      <c r="N74870" s="10"/>
    </row>
    <row r="74871" spans="14:14">
      <c r="N74871" s="10"/>
    </row>
    <row r="74872" spans="14:14">
      <c r="N74872" s="10"/>
    </row>
    <row r="74873" spans="14:14">
      <c r="N74873" s="10"/>
    </row>
    <row r="74874" spans="14:14">
      <c r="N74874" s="10"/>
    </row>
    <row r="74875" spans="14:14">
      <c r="N74875" s="10"/>
    </row>
    <row r="74876" spans="14:14">
      <c r="N74876" s="10"/>
    </row>
    <row r="74877" spans="14:14">
      <c r="N74877" s="10"/>
    </row>
    <row r="74878" spans="14:14">
      <c r="N74878" s="10"/>
    </row>
    <row r="74879" spans="14:14">
      <c r="N74879" s="10"/>
    </row>
    <row r="74880" spans="14:14">
      <c r="N74880" s="10"/>
    </row>
    <row r="74881" spans="14:14">
      <c r="N74881" s="10"/>
    </row>
    <row r="74882" spans="14:14">
      <c r="N74882" s="10"/>
    </row>
    <row r="74883" spans="14:14">
      <c r="N74883" s="10"/>
    </row>
    <row r="74884" spans="14:14">
      <c r="N74884" s="10"/>
    </row>
    <row r="74885" spans="14:14">
      <c r="N74885" s="10"/>
    </row>
    <row r="74886" spans="14:14">
      <c r="N74886" s="10"/>
    </row>
    <row r="74887" spans="14:14">
      <c r="N74887" s="10"/>
    </row>
    <row r="74888" spans="14:14">
      <c r="N74888" s="10"/>
    </row>
    <row r="74889" spans="14:14">
      <c r="N74889" s="10"/>
    </row>
    <row r="74890" spans="14:14">
      <c r="N74890" s="10"/>
    </row>
    <row r="74891" spans="14:14">
      <c r="N74891" s="10"/>
    </row>
    <row r="74892" spans="14:14">
      <c r="N74892" s="10"/>
    </row>
    <row r="74893" spans="14:14">
      <c r="N74893" s="10"/>
    </row>
    <row r="74894" spans="14:14">
      <c r="N74894" s="10"/>
    </row>
    <row r="74895" spans="14:14">
      <c r="N74895" s="10"/>
    </row>
    <row r="74896" spans="14:14">
      <c r="N74896" s="10"/>
    </row>
    <row r="74897" spans="14:14">
      <c r="N74897" s="10"/>
    </row>
    <row r="74898" spans="14:14">
      <c r="N74898" s="10"/>
    </row>
    <row r="74899" spans="14:14">
      <c r="N74899" s="10"/>
    </row>
    <row r="74900" spans="14:14">
      <c r="N74900" s="10"/>
    </row>
    <row r="74901" spans="14:14">
      <c r="N74901" s="10"/>
    </row>
    <row r="74902" spans="14:14">
      <c r="N74902" s="10"/>
    </row>
    <row r="74903" spans="14:14">
      <c r="N74903" s="10"/>
    </row>
    <row r="74904" spans="14:14">
      <c r="N74904" s="10"/>
    </row>
    <row r="74905" spans="14:14">
      <c r="N74905" s="10"/>
    </row>
    <row r="74906" spans="14:14">
      <c r="N74906" s="10"/>
    </row>
    <row r="74907" spans="14:14">
      <c r="N74907" s="10"/>
    </row>
    <row r="74908" spans="14:14">
      <c r="N74908" s="10"/>
    </row>
    <row r="74909" spans="14:14">
      <c r="N74909" s="10"/>
    </row>
    <row r="74910" spans="14:14">
      <c r="N74910" s="10"/>
    </row>
    <row r="74911" spans="14:14">
      <c r="N74911" s="10"/>
    </row>
    <row r="74912" spans="14:14">
      <c r="N74912" s="10"/>
    </row>
    <row r="74913" spans="14:14">
      <c r="N74913" s="10"/>
    </row>
    <row r="74914" spans="14:14">
      <c r="N74914" s="10"/>
    </row>
    <row r="74915" spans="14:14">
      <c r="N74915" s="10"/>
    </row>
    <row r="74916" spans="14:14">
      <c r="N74916" s="10"/>
    </row>
    <row r="74917" spans="14:14">
      <c r="N74917" s="10"/>
    </row>
    <row r="74918" spans="14:14">
      <c r="N74918" s="10"/>
    </row>
    <row r="74919" spans="14:14">
      <c r="N74919" s="10"/>
    </row>
    <row r="74920" spans="14:14">
      <c r="N74920" s="10"/>
    </row>
    <row r="74921" spans="14:14">
      <c r="N74921" s="10"/>
    </row>
    <row r="74922" spans="14:14">
      <c r="N74922" s="10"/>
    </row>
    <row r="74923" spans="14:14">
      <c r="N74923" s="10"/>
    </row>
    <row r="74924" spans="14:14">
      <c r="N74924" s="10"/>
    </row>
    <row r="74925" spans="14:14">
      <c r="N74925" s="10"/>
    </row>
    <row r="74926" spans="14:14">
      <c r="N74926" s="10"/>
    </row>
    <row r="74927" spans="14:14">
      <c r="N74927" s="10"/>
    </row>
    <row r="74928" spans="14:14">
      <c r="N74928" s="10"/>
    </row>
    <row r="74929" spans="14:14">
      <c r="N74929" s="10"/>
    </row>
    <row r="74930" spans="14:14">
      <c r="N74930" s="10"/>
    </row>
    <row r="74931" spans="14:14">
      <c r="N74931" s="10"/>
    </row>
    <row r="74932" spans="14:14">
      <c r="N74932" s="10"/>
    </row>
    <row r="74933" spans="14:14">
      <c r="N74933" s="10"/>
    </row>
    <row r="74934" spans="14:14">
      <c r="N74934" s="10"/>
    </row>
    <row r="74935" spans="14:14">
      <c r="N74935" s="10"/>
    </row>
    <row r="74936" spans="14:14">
      <c r="N74936" s="10"/>
    </row>
    <row r="74937" spans="14:14">
      <c r="N74937" s="10"/>
    </row>
    <row r="74938" spans="14:14">
      <c r="N74938" s="10"/>
    </row>
    <row r="74939" spans="14:14">
      <c r="N74939" s="10"/>
    </row>
    <row r="74940" spans="14:14">
      <c r="N74940" s="10"/>
    </row>
    <row r="74941" spans="14:14">
      <c r="N74941" s="10"/>
    </row>
    <row r="74942" spans="14:14">
      <c r="N74942" s="10"/>
    </row>
    <row r="74943" spans="14:14">
      <c r="N74943" s="10"/>
    </row>
    <row r="74944" spans="14:14">
      <c r="N74944" s="10"/>
    </row>
    <row r="74945" spans="14:14">
      <c r="N74945" s="10"/>
    </row>
    <row r="74946" spans="14:14">
      <c r="N74946" s="10"/>
    </row>
    <row r="74947" spans="14:14">
      <c r="N74947" s="10"/>
    </row>
    <row r="74948" spans="14:14">
      <c r="N74948" s="10"/>
    </row>
    <row r="74949" spans="14:14">
      <c r="N74949" s="10"/>
    </row>
    <row r="74950" spans="14:14">
      <c r="N74950" s="10"/>
    </row>
    <row r="74951" spans="14:14">
      <c r="N74951" s="10"/>
    </row>
    <row r="74952" spans="14:14">
      <c r="N74952" s="10"/>
    </row>
    <row r="74953" spans="14:14">
      <c r="N74953" s="10"/>
    </row>
    <row r="74954" spans="14:14">
      <c r="N74954" s="10"/>
    </row>
    <row r="74955" spans="14:14">
      <c r="N74955" s="10"/>
    </row>
    <row r="74956" spans="14:14">
      <c r="N74956" s="10"/>
    </row>
    <row r="74957" spans="14:14">
      <c r="N74957" s="10"/>
    </row>
    <row r="74958" spans="14:14">
      <c r="N74958" s="10"/>
    </row>
    <row r="74959" spans="14:14">
      <c r="N74959" s="10"/>
    </row>
    <row r="74960" spans="14:14">
      <c r="N74960" s="10"/>
    </row>
    <row r="74961" spans="14:14">
      <c r="N74961" s="10"/>
    </row>
    <row r="74962" spans="14:14">
      <c r="N74962" s="10"/>
    </row>
    <row r="74963" spans="14:14">
      <c r="N74963" s="10"/>
    </row>
    <row r="74964" spans="14:14">
      <c r="N74964" s="10"/>
    </row>
    <row r="74965" spans="14:14">
      <c r="N74965" s="10"/>
    </row>
    <row r="74966" spans="14:14">
      <c r="N74966" s="10"/>
    </row>
    <row r="74967" spans="14:14">
      <c r="N74967" s="10"/>
    </row>
    <row r="74968" spans="14:14">
      <c r="N74968" s="10"/>
    </row>
    <row r="74969" spans="14:14">
      <c r="N74969" s="10"/>
    </row>
    <row r="74970" spans="14:14">
      <c r="N74970" s="10"/>
    </row>
    <row r="74971" spans="14:14">
      <c r="N74971" s="10"/>
    </row>
    <row r="74972" spans="14:14">
      <c r="N74972" s="10"/>
    </row>
    <row r="74973" spans="14:14">
      <c r="N74973" s="10"/>
    </row>
    <row r="74974" spans="14:14">
      <c r="N74974" s="10"/>
    </row>
    <row r="74975" spans="14:14">
      <c r="N74975" s="10"/>
    </row>
    <row r="74976" spans="14:14">
      <c r="N74976" s="10"/>
    </row>
    <row r="74977" spans="14:14">
      <c r="N74977" s="10"/>
    </row>
    <row r="74978" spans="14:14">
      <c r="N74978" s="10"/>
    </row>
    <row r="74979" spans="14:14">
      <c r="N74979" s="10"/>
    </row>
    <row r="74980" spans="14:14">
      <c r="N74980" s="10"/>
    </row>
    <row r="74981" spans="14:14">
      <c r="N74981" s="10"/>
    </row>
    <row r="74982" spans="14:14">
      <c r="N74982" s="10"/>
    </row>
    <row r="74983" spans="14:14">
      <c r="N74983" s="10"/>
    </row>
    <row r="74984" spans="14:14">
      <c r="N74984" s="10"/>
    </row>
    <row r="74985" spans="14:14">
      <c r="N74985" s="10"/>
    </row>
    <row r="74986" spans="14:14">
      <c r="N74986" s="10"/>
    </row>
    <row r="74987" spans="14:14">
      <c r="N74987" s="10"/>
    </row>
    <row r="74988" spans="14:14">
      <c r="N74988" s="10"/>
    </row>
    <row r="74989" spans="14:14">
      <c r="N74989" s="10"/>
    </row>
    <row r="74990" spans="14:14">
      <c r="N74990" s="10"/>
    </row>
    <row r="74991" spans="14:14">
      <c r="N74991" s="10"/>
    </row>
    <row r="74992" spans="14:14">
      <c r="N74992" s="10"/>
    </row>
    <row r="74993" spans="14:14">
      <c r="N74993" s="10"/>
    </row>
    <row r="74994" spans="14:14">
      <c r="N74994" s="10"/>
    </row>
    <row r="74995" spans="14:14">
      <c r="N74995" s="10"/>
    </row>
    <row r="74996" spans="14:14">
      <c r="N74996" s="10"/>
    </row>
    <row r="74997" spans="14:14">
      <c r="N74997" s="10"/>
    </row>
    <row r="74998" spans="14:14">
      <c r="N74998" s="10"/>
    </row>
    <row r="74999" spans="14:14">
      <c r="N74999" s="10"/>
    </row>
    <row r="75000" spans="14:14">
      <c r="N75000" s="10"/>
    </row>
    <row r="75001" spans="14:14">
      <c r="N75001" s="10"/>
    </row>
    <row r="75002" spans="14:14">
      <c r="N75002" s="10"/>
    </row>
    <row r="75003" spans="14:14">
      <c r="N75003" s="10"/>
    </row>
    <row r="75004" spans="14:14">
      <c r="N75004" s="10"/>
    </row>
    <row r="75005" spans="14:14">
      <c r="N75005" s="10"/>
    </row>
    <row r="75006" spans="14:14">
      <c r="N75006" s="10"/>
    </row>
    <row r="75007" spans="14:14">
      <c r="N75007" s="10"/>
    </row>
    <row r="75008" spans="14:14">
      <c r="N75008" s="10"/>
    </row>
    <row r="75009" spans="14:14">
      <c r="N75009" s="10"/>
    </row>
    <row r="75010" spans="14:14">
      <c r="N75010" s="10"/>
    </row>
    <row r="75011" spans="14:14">
      <c r="N75011" s="10"/>
    </row>
    <row r="75012" spans="14:14">
      <c r="N75012" s="10"/>
    </row>
    <row r="75013" spans="14:14">
      <c r="N75013" s="10"/>
    </row>
    <row r="75014" spans="14:14">
      <c r="N75014" s="10"/>
    </row>
    <row r="75015" spans="14:14">
      <c r="N75015" s="10"/>
    </row>
    <row r="75016" spans="14:14">
      <c r="N75016" s="10"/>
    </row>
    <row r="75017" spans="14:14">
      <c r="N75017" s="10"/>
    </row>
    <row r="75018" spans="14:14">
      <c r="N75018" s="10"/>
    </row>
    <row r="75019" spans="14:14">
      <c r="N75019" s="10"/>
    </row>
    <row r="75020" spans="14:14">
      <c r="N75020" s="10"/>
    </row>
    <row r="75021" spans="14:14">
      <c r="N75021" s="10"/>
    </row>
    <row r="75022" spans="14:14">
      <c r="N75022" s="10"/>
    </row>
    <row r="75023" spans="14:14">
      <c r="N75023" s="10"/>
    </row>
    <row r="75024" spans="14:14">
      <c r="N75024" s="10"/>
    </row>
    <row r="75025" spans="14:14">
      <c r="N75025" s="10"/>
    </row>
    <row r="75026" spans="14:14">
      <c r="N75026" s="10"/>
    </row>
    <row r="75027" spans="14:14">
      <c r="N75027" s="10"/>
    </row>
    <row r="75028" spans="14:14">
      <c r="N75028" s="10"/>
    </row>
    <row r="75029" spans="14:14">
      <c r="N75029" s="10"/>
    </row>
    <row r="75030" spans="14:14">
      <c r="N75030" s="10"/>
    </row>
    <row r="75031" spans="14:14">
      <c r="N75031" s="10"/>
    </row>
    <row r="75032" spans="14:14">
      <c r="N75032" s="10"/>
    </row>
    <row r="75033" spans="14:14">
      <c r="N75033" s="10"/>
    </row>
    <row r="75034" spans="14:14">
      <c r="N75034" s="10"/>
    </row>
    <row r="75035" spans="14:14">
      <c r="N75035" s="10"/>
    </row>
    <row r="75036" spans="14:14">
      <c r="N75036" s="10"/>
    </row>
    <row r="75037" spans="14:14">
      <c r="N75037" s="10"/>
    </row>
    <row r="75038" spans="14:14">
      <c r="N75038" s="10"/>
    </row>
    <row r="75039" spans="14:14">
      <c r="N75039" s="10"/>
    </row>
    <row r="75040" spans="14:14">
      <c r="N75040" s="10"/>
    </row>
    <row r="75041" spans="14:14">
      <c r="N75041" s="10"/>
    </row>
    <row r="75042" spans="14:14">
      <c r="N75042" s="10"/>
    </row>
    <row r="75043" spans="14:14">
      <c r="N75043" s="10"/>
    </row>
    <row r="75044" spans="14:14">
      <c r="N75044" s="10"/>
    </row>
    <row r="75045" spans="14:14">
      <c r="N75045" s="10"/>
    </row>
    <row r="75046" spans="14:14">
      <c r="N75046" s="10"/>
    </row>
    <row r="75047" spans="14:14">
      <c r="N75047" s="10"/>
    </row>
    <row r="75048" spans="14:14">
      <c r="N75048" s="10"/>
    </row>
    <row r="75049" spans="14:14">
      <c r="N75049" s="10"/>
    </row>
    <row r="75050" spans="14:14">
      <c r="N75050" s="10"/>
    </row>
    <row r="75051" spans="14:14">
      <c r="N75051" s="10"/>
    </row>
    <row r="75052" spans="14:14">
      <c r="N75052" s="10"/>
    </row>
    <row r="75053" spans="14:14">
      <c r="N75053" s="10"/>
    </row>
    <row r="75054" spans="14:14">
      <c r="N75054" s="10"/>
    </row>
    <row r="75055" spans="14:14">
      <c r="N75055" s="10"/>
    </row>
    <row r="75056" spans="14:14">
      <c r="N75056" s="10"/>
    </row>
    <row r="75057" spans="14:14">
      <c r="N75057" s="10"/>
    </row>
    <row r="75058" spans="14:14">
      <c r="N75058" s="10"/>
    </row>
    <row r="75059" spans="14:14">
      <c r="N75059" s="10"/>
    </row>
    <row r="75060" spans="14:14">
      <c r="N75060" s="10"/>
    </row>
    <row r="75061" spans="14:14">
      <c r="N75061" s="10"/>
    </row>
    <row r="75062" spans="14:14">
      <c r="N75062" s="10"/>
    </row>
    <row r="75063" spans="14:14">
      <c r="N75063" s="10"/>
    </row>
    <row r="75064" spans="14:14">
      <c r="N75064" s="10"/>
    </row>
    <row r="75065" spans="14:14">
      <c r="N75065" s="10"/>
    </row>
    <row r="75066" spans="14:14">
      <c r="N75066" s="10"/>
    </row>
    <row r="75067" spans="14:14">
      <c r="N75067" s="10"/>
    </row>
    <row r="75068" spans="14:14">
      <c r="N75068" s="10"/>
    </row>
    <row r="75069" spans="14:14">
      <c r="N75069" s="10"/>
    </row>
    <row r="75070" spans="14:14">
      <c r="N75070" s="10"/>
    </row>
    <row r="75071" spans="14:14">
      <c r="N75071" s="10"/>
    </row>
    <row r="75072" spans="14:14">
      <c r="N75072" s="10"/>
    </row>
    <row r="75073" spans="14:14">
      <c r="N75073" s="10"/>
    </row>
    <row r="75074" spans="14:14">
      <c r="N75074" s="10"/>
    </row>
    <row r="75075" spans="14:14">
      <c r="N75075" s="10"/>
    </row>
    <row r="75076" spans="14:14">
      <c r="N75076" s="10"/>
    </row>
    <row r="75077" spans="14:14">
      <c r="N75077" s="10"/>
    </row>
    <row r="75078" spans="14:14">
      <c r="N75078" s="10"/>
    </row>
    <row r="75079" spans="14:14">
      <c r="N75079" s="10"/>
    </row>
    <row r="75080" spans="14:14">
      <c r="N75080" s="10"/>
    </row>
    <row r="75081" spans="14:14">
      <c r="N75081" s="10"/>
    </row>
    <row r="75082" spans="14:14">
      <c r="N75082" s="10"/>
    </row>
    <row r="75083" spans="14:14">
      <c r="N75083" s="10"/>
    </row>
    <row r="75084" spans="14:14">
      <c r="N75084" s="10"/>
    </row>
    <row r="75085" spans="14:14">
      <c r="N75085" s="10"/>
    </row>
    <row r="75086" spans="14:14">
      <c r="N75086" s="10"/>
    </row>
    <row r="75087" spans="14:14">
      <c r="N75087" s="10"/>
    </row>
    <row r="75088" spans="14:14">
      <c r="N75088" s="10"/>
    </row>
    <row r="75089" spans="14:14">
      <c r="N75089" s="10"/>
    </row>
    <row r="75090" spans="14:14">
      <c r="N75090" s="10"/>
    </row>
    <row r="75091" spans="14:14">
      <c r="N75091" s="10"/>
    </row>
    <row r="75092" spans="14:14">
      <c r="N75092" s="10"/>
    </row>
    <row r="75093" spans="14:14">
      <c r="N75093" s="10"/>
    </row>
    <row r="75094" spans="14:14">
      <c r="N75094" s="10"/>
    </row>
    <row r="75095" spans="14:14">
      <c r="N75095" s="10"/>
    </row>
    <row r="75096" spans="14:14">
      <c r="N75096" s="10"/>
    </row>
    <row r="75097" spans="14:14">
      <c r="N75097" s="10"/>
    </row>
    <row r="75098" spans="14:14">
      <c r="N75098" s="10"/>
    </row>
    <row r="75099" spans="14:14">
      <c r="N75099" s="10"/>
    </row>
    <row r="75100" spans="14:14">
      <c r="N75100" s="10"/>
    </row>
    <row r="75101" spans="14:14">
      <c r="N75101" s="10"/>
    </row>
    <row r="75102" spans="14:14">
      <c r="N75102" s="10"/>
    </row>
    <row r="75103" spans="14:14">
      <c r="N75103" s="10"/>
    </row>
    <row r="75104" spans="14:14">
      <c r="N75104" s="10"/>
    </row>
    <row r="75105" spans="14:14">
      <c r="N75105" s="10"/>
    </row>
    <row r="75106" spans="14:14">
      <c r="N75106" s="10"/>
    </row>
    <row r="75107" spans="14:14">
      <c r="N75107" s="10"/>
    </row>
    <row r="75108" spans="14:14">
      <c r="N75108" s="10"/>
    </row>
    <row r="75109" spans="14:14">
      <c r="N75109" s="10"/>
    </row>
    <row r="75110" spans="14:14">
      <c r="N75110" s="10"/>
    </row>
    <row r="75111" spans="14:14">
      <c r="N75111" s="10"/>
    </row>
    <row r="75112" spans="14:14">
      <c r="N75112" s="10"/>
    </row>
    <row r="75113" spans="14:14">
      <c r="N75113" s="10"/>
    </row>
    <row r="75114" spans="14:14">
      <c r="N75114" s="10"/>
    </row>
    <row r="75115" spans="14:14">
      <c r="N75115" s="10"/>
    </row>
    <row r="75116" spans="14:14">
      <c r="N75116" s="10"/>
    </row>
    <row r="75117" spans="14:14">
      <c r="N75117" s="10"/>
    </row>
    <row r="75118" spans="14:14">
      <c r="N75118" s="10"/>
    </row>
    <row r="75119" spans="14:14">
      <c r="N75119" s="10"/>
    </row>
    <row r="75120" spans="14:14">
      <c r="N75120" s="10"/>
    </row>
    <row r="75121" spans="14:14">
      <c r="N75121" s="10"/>
    </row>
    <row r="75122" spans="14:14">
      <c r="N75122" s="10"/>
    </row>
    <row r="75123" spans="14:14">
      <c r="N75123" s="10"/>
    </row>
    <row r="75124" spans="14:14">
      <c r="N75124" s="10"/>
    </row>
    <row r="75125" spans="14:14">
      <c r="N75125" s="10"/>
    </row>
    <row r="75126" spans="14:14">
      <c r="N75126" s="10"/>
    </row>
    <row r="75127" spans="14:14">
      <c r="N75127" s="10"/>
    </row>
    <row r="75128" spans="14:14">
      <c r="N75128" s="10"/>
    </row>
    <row r="75129" spans="14:14">
      <c r="N75129" s="10"/>
    </row>
    <row r="75130" spans="14:14">
      <c r="N75130" s="10"/>
    </row>
    <row r="75131" spans="14:14">
      <c r="N75131" s="10"/>
    </row>
    <row r="75132" spans="14:14">
      <c r="N75132" s="10"/>
    </row>
    <row r="75133" spans="14:14">
      <c r="N75133" s="10"/>
    </row>
    <row r="75134" spans="14:14">
      <c r="N75134" s="10"/>
    </row>
    <row r="75135" spans="14:14">
      <c r="N75135" s="10"/>
    </row>
    <row r="75136" spans="14:14">
      <c r="N75136" s="10"/>
    </row>
    <row r="75137" spans="14:14">
      <c r="N75137" s="10"/>
    </row>
    <row r="75138" spans="14:14">
      <c r="N75138" s="10"/>
    </row>
    <row r="75139" spans="14:14">
      <c r="N75139" s="10"/>
    </row>
    <row r="75140" spans="14:14">
      <c r="N75140" s="10"/>
    </row>
    <row r="75141" spans="14:14">
      <c r="N75141" s="10"/>
    </row>
    <row r="75142" spans="14:14">
      <c r="N75142" s="10"/>
    </row>
    <row r="75143" spans="14:14">
      <c r="N75143" s="10"/>
    </row>
    <row r="75144" spans="14:14">
      <c r="N75144" s="10"/>
    </row>
    <row r="75145" spans="14:14">
      <c r="N75145" s="10"/>
    </row>
    <row r="75146" spans="14:14">
      <c r="N75146" s="10"/>
    </row>
    <row r="75147" spans="14:14">
      <c r="N75147" s="10"/>
    </row>
    <row r="75148" spans="14:14">
      <c r="N75148" s="10"/>
    </row>
    <row r="75149" spans="14:14">
      <c r="N75149" s="10"/>
    </row>
    <row r="75150" spans="14:14">
      <c r="N75150" s="10"/>
    </row>
    <row r="75151" spans="14:14">
      <c r="N75151" s="10"/>
    </row>
    <row r="75152" spans="14:14">
      <c r="N75152" s="10"/>
    </row>
    <row r="75153" spans="14:14">
      <c r="N75153" s="10"/>
    </row>
    <row r="75154" spans="14:14">
      <c r="N75154" s="10"/>
    </row>
    <row r="75155" spans="14:14">
      <c r="N75155" s="10"/>
    </row>
    <row r="75156" spans="14:14">
      <c r="N75156" s="10"/>
    </row>
    <row r="75157" spans="14:14">
      <c r="N75157" s="10"/>
    </row>
    <row r="75158" spans="14:14">
      <c r="N75158" s="10"/>
    </row>
    <row r="75159" spans="14:14">
      <c r="N75159" s="10"/>
    </row>
    <row r="75160" spans="14:14">
      <c r="N75160" s="10"/>
    </row>
    <row r="75161" spans="14:14">
      <c r="N75161" s="10"/>
    </row>
    <row r="75162" spans="14:14">
      <c r="N75162" s="10"/>
    </row>
    <row r="75163" spans="14:14">
      <c r="N75163" s="10"/>
    </row>
    <row r="75164" spans="14:14">
      <c r="N75164" s="10"/>
    </row>
    <row r="75165" spans="14:14">
      <c r="N75165" s="10"/>
    </row>
    <row r="75166" spans="14:14">
      <c r="N75166" s="10"/>
    </row>
    <row r="75167" spans="14:14">
      <c r="N75167" s="10"/>
    </row>
    <row r="75168" spans="14:14">
      <c r="N75168" s="10"/>
    </row>
    <row r="75169" spans="14:14">
      <c r="N75169" s="10"/>
    </row>
    <row r="75170" spans="14:14">
      <c r="N75170" s="10"/>
    </row>
    <row r="75171" spans="14:14">
      <c r="N75171" s="10"/>
    </row>
    <row r="75172" spans="14:14">
      <c r="N75172" s="10"/>
    </row>
    <row r="75173" spans="14:14">
      <c r="N75173" s="10"/>
    </row>
    <row r="75174" spans="14:14">
      <c r="N75174" s="10"/>
    </row>
    <row r="75175" spans="14:14">
      <c r="N75175" s="10"/>
    </row>
    <row r="75176" spans="14:14">
      <c r="N75176" s="10"/>
    </row>
    <row r="75177" spans="14:14">
      <c r="N75177" s="10"/>
    </row>
    <row r="75178" spans="14:14">
      <c r="N75178" s="10"/>
    </row>
    <row r="75179" spans="14:14">
      <c r="N75179" s="10"/>
    </row>
    <row r="75180" spans="14:14">
      <c r="N75180" s="10"/>
    </row>
    <row r="75181" spans="14:14">
      <c r="N75181" s="10"/>
    </row>
    <row r="75182" spans="14:14">
      <c r="N75182" s="10"/>
    </row>
    <row r="75183" spans="14:14">
      <c r="N75183" s="10"/>
    </row>
    <row r="75184" spans="14:14">
      <c r="N75184" s="10"/>
    </row>
    <row r="75185" spans="14:14">
      <c r="N75185" s="10"/>
    </row>
    <row r="75186" spans="14:14">
      <c r="N75186" s="10"/>
    </row>
    <row r="75187" spans="14:14">
      <c r="N75187" s="10"/>
    </row>
    <row r="75188" spans="14:14">
      <c r="N75188" s="10"/>
    </row>
    <row r="75189" spans="14:14">
      <c r="N75189" s="10"/>
    </row>
    <row r="75190" spans="14:14">
      <c r="N75190" s="10"/>
    </row>
    <row r="75191" spans="14:14">
      <c r="N75191" s="10"/>
    </row>
    <row r="75192" spans="14:14">
      <c r="N75192" s="10"/>
    </row>
    <row r="75193" spans="14:14">
      <c r="N75193" s="10"/>
    </row>
    <row r="75194" spans="14:14">
      <c r="N75194" s="10"/>
    </row>
    <row r="75195" spans="14:14">
      <c r="N75195" s="10"/>
    </row>
    <row r="75196" spans="14:14">
      <c r="N75196" s="10"/>
    </row>
    <row r="75197" spans="14:14">
      <c r="N75197" s="10"/>
    </row>
    <row r="75198" spans="14:14">
      <c r="N75198" s="10"/>
    </row>
    <row r="75199" spans="14:14">
      <c r="N75199" s="10"/>
    </row>
    <row r="75200" spans="14:14">
      <c r="N75200" s="10"/>
    </row>
    <row r="75201" spans="14:14">
      <c r="N75201" s="10"/>
    </row>
    <row r="75202" spans="14:14">
      <c r="N75202" s="10"/>
    </row>
    <row r="75203" spans="14:14">
      <c r="N75203" s="10"/>
    </row>
    <row r="75204" spans="14:14">
      <c r="N75204" s="10"/>
    </row>
    <row r="75205" spans="14:14">
      <c r="N75205" s="10"/>
    </row>
    <row r="75206" spans="14:14">
      <c r="N75206" s="10"/>
    </row>
    <row r="75207" spans="14:14">
      <c r="N75207" s="10"/>
    </row>
    <row r="75208" spans="14:14">
      <c r="N75208" s="10"/>
    </row>
    <row r="75209" spans="14:14">
      <c r="N75209" s="10"/>
    </row>
    <row r="75210" spans="14:14">
      <c r="N75210" s="10"/>
    </row>
    <row r="75211" spans="14:14">
      <c r="N75211" s="10"/>
    </row>
    <row r="75212" spans="14:14">
      <c r="N75212" s="10"/>
    </row>
    <row r="75213" spans="14:14">
      <c r="N75213" s="10"/>
    </row>
    <row r="75214" spans="14:14">
      <c r="N75214" s="10"/>
    </row>
    <row r="75215" spans="14:14">
      <c r="N75215" s="10"/>
    </row>
    <row r="75216" spans="14:14">
      <c r="N75216" s="10"/>
    </row>
    <row r="75217" spans="14:14">
      <c r="N75217" s="10"/>
    </row>
    <row r="75218" spans="14:14">
      <c r="N75218" s="10"/>
    </row>
    <row r="75219" spans="14:14">
      <c r="N75219" s="10"/>
    </row>
    <row r="75220" spans="14:14">
      <c r="N75220" s="10"/>
    </row>
    <row r="75221" spans="14:14">
      <c r="N75221" s="10"/>
    </row>
    <row r="75222" spans="14:14">
      <c r="N75222" s="10"/>
    </row>
    <row r="75223" spans="14:14">
      <c r="N75223" s="10"/>
    </row>
    <row r="75224" spans="14:14">
      <c r="N75224" s="10"/>
    </row>
    <row r="75225" spans="14:14">
      <c r="N75225" s="10"/>
    </row>
    <row r="75226" spans="14:14">
      <c r="N75226" s="10"/>
    </row>
    <row r="75227" spans="14:14">
      <c r="N75227" s="10"/>
    </row>
    <row r="75228" spans="14:14">
      <c r="N75228" s="10"/>
    </row>
    <row r="75229" spans="14:14">
      <c r="N75229" s="10"/>
    </row>
    <row r="75230" spans="14:14">
      <c r="N75230" s="10"/>
    </row>
    <row r="75231" spans="14:14">
      <c r="N75231" s="10"/>
    </row>
    <row r="75232" spans="14:14">
      <c r="N75232" s="10"/>
    </row>
    <row r="75233" spans="14:14">
      <c r="N75233" s="10"/>
    </row>
    <row r="75234" spans="14:14">
      <c r="N75234" s="10"/>
    </row>
    <row r="75235" spans="14:14">
      <c r="N75235" s="10"/>
    </row>
    <row r="75236" spans="14:14">
      <c r="N75236" s="10"/>
    </row>
    <row r="75237" spans="14:14">
      <c r="N75237" s="10"/>
    </row>
    <row r="75238" spans="14:14">
      <c r="N75238" s="10"/>
    </row>
    <row r="75239" spans="14:14">
      <c r="N75239" s="10"/>
    </row>
    <row r="75240" spans="14:14">
      <c r="N75240" s="10"/>
    </row>
    <row r="75241" spans="14:14">
      <c r="N75241" s="10"/>
    </row>
    <row r="75242" spans="14:14">
      <c r="N75242" s="10"/>
    </row>
    <row r="75243" spans="14:14">
      <c r="N75243" s="10"/>
    </row>
    <row r="75244" spans="14:14">
      <c r="N75244" s="10"/>
    </row>
    <row r="75245" spans="14:14">
      <c r="N75245" s="10"/>
    </row>
    <row r="75246" spans="14:14">
      <c r="N75246" s="10"/>
    </row>
    <row r="75247" spans="14:14">
      <c r="N75247" s="10"/>
    </row>
    <row r="75248" spans="14:14">
      <c r="N75248" s="10"/>
    </row>
    <row r="75249" spans="14:14">
      <c r="N75249" s="10"/>
    </row>
    <row r="75250" spans="14:14">
      <c r="N75250" s="10"/>
    </row>
    <row r="75251" spans="14:14">
      <c r="N75251" s="10"/>
    </row>
    <row r="75252" spans="14:14">
      <c r="N75252" s="10"/>
    </row>
    <row r="75253" spans="14:14">
      <c r="N75253" s="10"/>
    </row>
    <row r="75254" spans="14:14">
      <c r="N75254" s="10"/>
    </row>
    <row r="75255" spans="14:14">
      <c r="N75255" s="10"/>
    </row>
    <row r="75256" spans="14:14">
      <c r="N75256" s="10"/>
    </row>
    <row r="75257" spans="14:14">
      <c r="N75257" s="10"/>
    </row>
    <row r="75258" spans="14:14">
      <c r="N75258" s="10"/>
    </row>
    <row r="75259" spans="14:14">
      <c r="N75259" s="10"/>
    </row>
    <row r="75260" spans="14:14">
      <c r="N75260" s="10"/>
    </row>
    <row r="75261" spans="14:14">
      <c r="N75261" s="10"/>
    </row>
    <row r="75262" spans="14:14">
      <c r="N75262" s="10"/>
    </row>
    <row r="75263" spans="14:14">
      <c r="N75263" s="10"/>
    </row>
    <row r="75264" spans="14:14">
      <c r="N75264" s="10"/>
    </row>
    <row r="75265" spans="14:14">
      <c r="N75265" s="10"/>
    </row>
    <row r="75266" spans="14:14">
      <c r="N75266" s="10"/>
    </row>
    <row r="75267" spans="14:14">
      <c r="N75267" s="10"/>
    </row>
    <row r="75268" spans="14:14">
      <c r="N75268" s="10"/>
    </row>
    <row r="75269" spans="14:14">
      <c r="N75269" s="10"/>
    </row>
    <row r="75270" spans="14:14">
      <c r="N75270" s="10"/>
    </row>
    <row r="75271" spans="14:14">
      <c r="N75271" s="10"/>
    </row>
    <row r="75272" spans="14:14">
      <c r="N75272" s="10"/>
    </row>
    <row r="75273" spans="14:14">
      <c r="N75273" s="10"/>
    </row>
    <row r="75274" spans="14:14">
      <c r="N75274" s="10"/>
    </row>
    <row r="75275" spans="14:14">
      <c r="N75275" s="10"/>
    </row>
    <row r="75276" spans="14:14">
      <c r="N75276" s="10"/>
    </row>
    <row r="75277" spans="14:14">
      <c r="N75277" s="10"/>
    </row>
    <row r="75278" spans="14:14">
      <c r="N75278" s="10"/>
    </row>
    <row r="75279" spans="14:14">
      <c r="N75279" s="10"/>
    </row>
    <row r="75280" spans="14:14">
      <c r="N75280" s="10"/>
    </row>
    <row r="75281" spans="14:14">
      <c r="N75281" s="10"/>
    </row>
    <row r="75282" spans="14:14">
      <c r="N75282" s="10"/>
    </row>
    <row r="75283" spans="14:14">
      <c r="N75283" s="10"/>
    </row>
    <row r="75284" spans="14:14">
      <c r="N75284" s="10"/>
    </row>
    <row r="75285" spans="14:14">
      <c r="N75285" s="10"/>
    </row>
    <row r="75286" spans="14:14">
      <c r="N75286" s="10"/>
    </row>
    <row r="75287" spans="14:14">
      <c r="N75287" s="10"/>
    </row>
    <row r="75288" spans="14:14">
      <c r="N75288" s="10"/>
    </row>
    <row r="75289" spans="14:14">
      <c r="N75289" s="10"/>
    </row>
    <row r="75290" spans="14:14">
      <c r="N75290" s="10"/>
    </row>
    <row r="75291" spans="14:14">
      <c r="N75291" s="10"/>
    </row>
    <row r="75292" spans="14:14">
      <c r="N75292" s="10"/>
    </row>
    <row r="75293" spans="14:14">
      <c r="N75293" s="10"/>
    </row>
    <row r="75294" spans="14:14">
      <c r="N75294" s="10"/>
    </row>
    <row r="75295" spans="14:14">
      <c r="N75295" s="10"/>
    </row>
    <row r="75296" spans="14:14">
      <c r="N75296" s="10"/>
    </row>
    <row r="75297" spans="14:14">
      <c r="N75297" s="10"/>
    </row>
    <row r="75298" spans="14:14">
      <c r="N75298" s="10"/>
    </row>
    <row r="75299" spans="14:14">
      <c r="N75299" s="10"/>
    </row>
    <row r="75300" spans="14:14">
      <c r="N75300" s="10"/>
    </row>
    <row r="75301" spans="14:14">
      <c r="N75301" s="10"/>
    </row>
    <row r="75302" spans="14:14">
      <c r="N75302" s="10"/>
    </row>
    <row r="75303" spans="14:14">
      <c r="N75303" s="10"/>
    </row>
    <row r="75304" spans="14:14">
      <c r="N75304" s="10"/>
    </row>
    <row r="75305" spans="14:14">
      <c r="N75305" s="10"/>
    </row>
    <row r="75306" spans="14:14">
      <c r="N75306" s="10"/>
    </row>
    <row r="75307" spans="14:14">
      <c r="N75307" s="10"/>
    </row>
    <row r="75308" spans="14:14">
      <c r="N75308" s="10"/>
    </row>
    <row r="75309" spans="14:14">
      <c r="N75309" s="10"/>
    </row>
    <row r="75310" spans="14:14">
      <c r="N75310" s="10"/>
    </row>
    <row r="75311" spans="14:14">
      <c r="N75311" s="10"/>
    </row>
    <row r="75312" spans="14:14">
      <c r="N75312" s="10"/>
    </row>
    <row r="75313" spans="14:14">
      <c r="N75313" s="10"/>
    </row>
    <row r="75314" spans="14:14">
      <c r="N75314" s="10"/>
    </row>
    <row r="75315" spans="14:14">
      <c r="N75315" s="10"/>
    </row>
    <row r="75316" spans="14:14">
      <c r="N75316" s="10"/>
    </row>
    <row r="75317" spans="14:14">
      <c r="N75317" s="10"/>
    </row>
    <row r="75318" spans="14:14">
      <c r="N75318" s="10"/>
    </row>
    <row r="75319" spans="14:14">
      <c r="N75319" s="10"/>
    </row>
    <row r="75320" spans="14:14">
      <c r="N75320" s="10"/>
    </row>
    <row r="75321" spans="14:14">
      <c r="N75321" s="10"/>
    </row>
    <row r="75322" spans="14:14">
      <c r="N75322" s="10"/>
    </row>
    <row r="75323" spans="14:14">
      <c r="N75323" s="10"/>
    </row>
    <row r="75324" spans="14:14">
      <c r="N75324" s="10"/>
    </row>
    <row r="75325" spans="14:14">
      <c r="N75325" s="10"/>
    </row>
    <row r="75326" spans="14:14">
      <c r="N75326" s="10"/>
    </row>
    <row r="75327" spans="14:14">
      <c r="N75327" s="10"/>
    </row>
    <row r="75328" spans="14:14">
      <c r="N75328" s="10"/>
    </row>
    <row r="75329" spans="14:14">
      <c r="N75329" s="10"/>
    </row>
    <row r="75330" spans="14:14">
      <c r="N75330" s="10"/>
    </row>
    <row r="75331" spans="14:14">
      <c r="N75331" s="10"/>
    </row>
    <row r="75332" spans="14:14">
      <c r="N75332" s="10"/>
    </row>
    <row r="75333" spans="14:14">
      <c r="N75333" s="10"/>
    </row>
    <row r="75334" spans="14:14">
      <c r="N75334" s="10"/>
    </row>
    <row r="75335" spans="14:14">
      <c r="N75335" s="10"/>
    </row>
    <row r="75336" spans="14:14">
      <c r="N75336" s="10"/>
    </row>
    <row r="75337" spans="14:14">
      <c r="N75337" s="10"/>
    </row>
    <row r="75338" spans="14:14">
      <c r="N75338" s="10"/>
    </row>
    <row r="75339" spans="14:14">
      <c r="N75339" s="10"/>
    </row>
    <row r="75340" spans="14:14">
      <c r="N75340" s="10"/>
    </row>
    <row r="75341" spans="14:14">
      <c r="N75341" s="10"/>
    </row>
    <row r="75342" spans="14:14">
      <c r="N75342" s="10"/>
    </row>
    <row r="75343" spans="14:14">
      <c r="N75343" s="10"/>
    </row>
    <row r="75344" spans="14:14">
      <c r="N75344" s="10"/>
    </row>
    <row r="75345" spans="14:14">
      <c r="N75345" s="10"/>
    </row>
    <row r="75346" spans="14:14">
      <c r="N75346" s="10"/>
    </row>
    <row r="75347" spans="14:14">
      <c r="N75347" s="10"/>
    </row>
    <row r="75348" spans="14:14">
      <c r="N75348" s="10"/>
    </row>
    <row r="75349" spans="14:14">
      <c r="N75349" s="10"/>
    </row>
    <row r="75350" spans="14:14">
      <c r="N75350" s="10"/>
    </row>
    <row r="75351" spans="14:14">
      <c r="N75351" s="10"/>
    </row>
    <row r="75352" spans="14:14">
      <c r="N75352" s="10"/>
    </row>
    <row r="75353" spans="14:14">
      <c r="N75353" s="10"/>
    </row>
    <row r="75354" spans="14:14">
      <c r="N75354" s="10"/>
    </row>
    <row r="75355" spans="14:14">
      <c r="N75355" s="10"/>
    </row>
    <row r="75356" spans="14:14">
      <c r="N75356" s="10"/>
    </row>
    <row r="75357" spans="14:14">
      <c r="N75357" s="10"/>
    </row>
    <row r="75358" spans="14:14">
      <c r="N75358" s="10"/>
    </row>
    <row r="75359" spans="14:14">
      <c r="N75359" s="10"/>
    </row>
    <row r="75360" spans="14:14">
      <c r="N75360" s="10"/>
    </row>
    <row r="75361" spans="14:14">
      <c r="N75361" s="10"/>
    </row>
    <row r="75362" spans="14:14">
      <c r="N75362" s="10"/>
    </row>
    <row r="75363" spans="14:14">
      <c r="N75363" s="10"/>
    </row>
    <row r="75364" spans="14:14">
      <c r="N75364" s="10"/>
    </row>
    <row r="75365" spans="14:14">
      <c r="N75365" s="10"/>
    </row>
    <row r="75366" spans="14:14">
      <c r="N75366" s="10"/>
    </row>
    <row r="75367" spans="14:14">
      <c r="N75367" s="10"/>
    </row>
    <row r="75368" spans="14:14">
      <c r="N75368" s="10"/>
    </row>
    <row r="75369" spans="14:14">
      <c r="N75369" s="10"/>
    </row>
    <row r="75370" spans="14:14">
      <c r="N75370" s="10"/>
    </row>
    <row r="75371" spans="14:14">
      <c r="N75371" s="10"/>
    </row>
    <row r="75372" spans="14:14">
      <c r="N75372" s="10"/>
    </row>
    <row r="75373" spans="14:14">
      <c r="N75373" s="10"/>
    </row>
    <row r="75374" spans="14:14">
      <c r="N75374" s="10"/>
    </row>
    <row r="75375" spans="14:14">
      <c r="N75375" s="10"/>
    </row>
    <row r="75376" spans="14:14">
      <c r="N75376" s="10"/>
    </row>
    <row r="75377" spans="14:14">
      <c r="N75377" s="10"/>
    </row>
    <row r="75378" spans="14:14">
      <c r="N75378" s="10"/>
    </row>
    <row r="75379" spans="14:14">
      <c r="N75379" s="10"/>
    </row>
    <row r="75380" spans="14:14">
      <c r="N75380" s="10"/>
    </row>
    <row r="75381" spans="14:14">
      <c r="N75381" s="10"/>
    </row>
    <row r="75382" spans="14:14">
      <c r="N75382" s="10"/>
    </row>
    <row r="75383" spans="14:14">
      <c r="N75383" s="10"/>
    </row>
    <row r="75384" spans="14:14">
      <c r="N75384" s="10"/>
    </row>
    <row r="75385" spans="14:14">
      <c r="N75385" s="10"/>
    </row>
    <row r="75386" spans="14:14">
      <c r="N75386" s="10"/>
    </row>
    <row r="75387" spans="14:14">
      <c r="N75387" s="10"/>
    </row>
    <row r="75388" spans="14:14">
      <c r="N75388" s="10"/>
    </row>
    <row r="75389" spans="14:14">
      <c r="N75389" s="10"/>
    </row>
    <row r="75390" spans="14:14">
      <c r="N75390" s="10"/>
    </row>
    <row r="75391" spans="14:14">
      <c r="N75391" s="10"/>
    </row>
    <row r="75392" spans="14:14">
      <c r="N75392" s="10"/>
    </row>
    <row r="75393" spans="14:14">
      <c r="N75393" s="10"/>
    </row>
    <row r="75394" spans="14:14">
      <c r="N75394" s="10"/>
    </row>
    <row r="75395" spans="14:14">
      <c r="N75395" s="10"/>
    </row>
    <row r="75396" spans="14:14">
      <c r="N75396" s="10"/>
    </row>
    <row r="75397" spans="14:14">
      <c r="N75397" s="10"/>
    </row>
    <row r="75398" spans="14:14">
      <c r="N75398" s="10"/>
    </row>
    <row r="75399" spans="14:14">
      <c r="N75399" s="10"/>
    </row>
    <row r="75400" spans="14:14">
      <c r="N75400" s="10"/>
    </row>
    <row r="75401" spans="14:14">
      <c r="N75401" s="10"/>
    </row>
    <row r="75402" spans="14:14">
      <c r="N75402" s="10"/>
    </row>
    <row r="75403" spans="14:14">
      <c r="N75403" s="10"/>
    </row>
    <row r="75404" spans="14:14">
      <c r="N75404" s="10"/>
    </row>
    <row r="75405" spans="14:14">
      <c r="N75405" s="10"/>
    </row>
    <row r="75406" spans="14:14">
      <c r="N75406" s="10"/>
    </row>
    <row r="75407" spans="14:14">
      <c r="N75407" s="10"/>
    </row>
    <row r="75408" spans="14:14">
      <c r="N75408" s="10"/>
    </row>
    <row r="75409" spans="14:14">
      <c r="N75409" s="10"/>
    </row>
    <row r="75410" spans="14:14">
      <c r="N75410" s="10"/>
    </row>
    <row r="75411" spans="14:14">
      <c r="N75411" s="10"/>
    </row>
    <row r="75412" spans="14:14">
      <c r="N75412" s="10"/>
    </row>
    <row r="75413" spans="14:14">
      <c r="N75413" s="10"/>
    </row>
    <row r="75414" spans="14:14">
      <c r="N75414" s="10"/>
    </row>
    <row r="75415" spans="14:14">
      <c r="N75415" s="10"/>
    </row>
    <row r="75416" spans="14:14">
      <c r="N75416" s="10"/>
    </row>
    <row r="75417" spans="14:14">
      <c r="N75417" s="10"/>
    </row>
    <row r="75418" spans="14:14">
      <c r="N75418" s="10"/>
    </row>
    <row r="75419" spans="14:14">
      <c r="N75419" s="10"/>
    </row>
    <row r="75420" spans="14:14">
      <c r="N75420" s="10"/>
    </row>
    <row r="75421" spans="14:14">
      <c r="N75421" s="10"/>
    </row>
    <row r="75422" spans="14:14">
      <c r="N75422" s="10"/>
    </row>
    <row r="75423" spans="14:14">
      <c r="N75423" s="10"/>
    </row>
    <row r="75424" spans="14:14">
      <c r="N75424" s="10"/>
    </row>
    <row r="75425" spans="14:14">
      <c r="N75425" s="10"/>
    </row>
    <row r="75426" spans="14:14">
      <c r="N75426" s="10"/>
    </row>
    <row r="75427" spans="14:14">
      <c r="N75427" s="10"/>
    </row>
    <row r="75428" spans="14:14">
      <c r="N75428" s="10"/>
    </row>
    <row r="75429" spans="14:14">
      <c r="N75429" s="10"/>
    </row>
    <row r="75430" spans="14:14">
      <c r="N75430" s="10"/>
    </row>
    <row r="75431" spans="14:14">
      <c r="N75431" s="10"/>
    </row>
    <row r="75432" spans="14:14">
      <c r="N75432" s="10"/>
    </row>
    <row r="75433" spans="14:14">
      <c r="N75433" s="10"/>
    </row>
    <row r="75434" spans="14:14">
      <c r="N75434" s="10"/>
    </row>
    <row r="75435" spans="14:14">
      <c r="N75435" s="10"/>
    </row>
    <row r="75436" spans="14:14">
      <c r="N75436" s="10"/>
    </row>
    <row r="75437" spans="14:14">
      <c r="N75437" s="10"/>
    </row>
    <row r="75438" spans="14:14">
      <c r="N75438" s="10"/>
    </row>
    <row r="75439" spans="14:14">
      <c r="N75439" s="10"/>
    </row>
    <row r="75440" spans="14:14">
      <c r="N75440" s="10"/>
    </row>
    <row r="75441" spans="14:14">
      <c r="N75441" s="10"/>
    </row>
    <row r="75442" spans="14:14">
      <c r="N75442" s="10"/>
    </row>
    <row r="75443" spans="14:14">
      <c r="N75443" s="10"/>
    </row>
    <row r="75444" spans="14:14">
      <c r="N75444" s="10"/>
    </row>
    <row r="75445" spans="14:14">
      <c r="N75445" s="10"/>
    </row>
    <row r="75446" spans="14:14">
      <c r="N75446" s="10"/>
    </row>
    <row r="75447" spans="14:14">
      <c r="N75447" s="10"/>
    </row>
    <row r="75448" spans="14:14">
      <c r="N75448" s="10"/>
    </row>
    <row r="75449" spans="14:14">
      <c r="N75449" s="10"/>
    </row>
    <row r="75450" spans="14:14">
      <c r="N75450" s="10"/>
    </row>
    <row r="75451" spans="14:14">
      <c r="N75451" s="10"/>
    </row>
    <row r="75452" spans="14:14">
      <c r="N75452" s="10"/>
    </row>
    <row r="75453" spans="14:14">
      <c r="N75453" s="10"/>
    </row>
    <row r="75454" spans="14:14">
      <c r="N75454" s="10"/>
    </row>
    <row r="75455" spans="14:14">
      <c r="N75455" s="10"/>
    </row>
    <row r="75456" spans="14:14">
      <c r="N75456" s="10"/>
    </row>
    <row r="75457" spans="14:14">
      <c r="N75457" s="10"/>
    </row>
    <row r="75458" spans="14:14">
      <c r="N75458" s="10"/>
    </row>
    <row r="75459" spans="14:14">
      <c r="N75459" s="10"/>
    </row>
    <row r="75460" spans="14:14">
      <c r="N75460" s="10"/>
    </row>
    <row r="75461" spans="14:14">
      <c r="N75461" s="10"/>
    </row>
    <row r="75462" spans="14:14">
      <c r="N75462" s="10"/>
    </row>
    <row r="75463" spans="14:14">
      <c r="N75463" s="10"/>
    </row>
    <row r="75464" spans="14:14">
      <c r="N75464" s="10"/>
    </row>
    <row r="75465" spans="14:14">
      <c r="N75465" s="10"/>
    </row>
    <row r="75466" spans="14:14">
      <c r="N75466" s="10"/>
    </row>
    <row r="75467" spans="14:14">
      <c r="N75467" s="10"/>
    </row>
    <row r="75468" spans="14:14">
      <c r="N75468" s="10"/>
    </row>
    <row r="75469" spans="14:14">
      <c r="N75469" s="10"/>
    </row>
    <row r="75470" spans="14:14">
      <c r="N75470" s="10"/>
    </row>
    <row r="75471" spans="14:14">
      <c r="N75471" s="10"/>
    </row>
    <row r="75472" spans="14:14">
      <c r="N75472" s="10"/>
    </row>
    <row r="75473" spans="14:14">
      <c r="N75473" s="10"/>
    </row>
    <row r="75474" spans="14:14">
      <c r="N75474" s="10"/>
    </row>
    <row r="75475" spans="14:14">
      <c r="N75475" s="10"/>
    </row>
    <row r="75476" spans="14:14">
      <c r="N75476" s="10"/>
    </row>
    <row r="75477" spans="14:14">
      <c r="N75477" s="10"/>
    </row>
    <row r="75478" spans="14:14">
      <c r="N75478" s="10"/>
    </row>
    <row r="75479" spans="14:14">
      <c r="N75479" s="10"/>
    </row>
    <row r="75480" spans="14:14">
      <c r="N75480" s="10"/>
    </row>
    <row r="75481" spans="14:14">
      <c r="N75481" s="10"/>
    </row>
    <row r="75482" spans="14:14">
      <c r="N75482" s="10"/>
    </row>
    <row r="75483" spans="14:14">
      <c r="N75483" s="10"/>
    </row>
    <row r="75484" spans="14:14">
      <c r="N75484" s="10"/>
    </row>
    <row r="75485" spans="14:14">
      <c r="N75485" s="10"/>
    </row>
    <row r="75486" spans="14:14">
      <c r="N75486" s="10"/>
    </row>
    <row r="75487" spans="14:14">
      <c r="N75487" s="10"/>
    </row>
    <row r="75488" spans="14:14">
      <c r="N75488" s="10"/>
    </row>
    <row r="75489" spans="14:14">
      <c r="N75489" s="10"/>
    </row>
    <row r="75490" spans="14:14">
      <c r="N75490" s="10"/>
    </row>
    <row r="75491" spans="14:14">
      <c r="N75491" s="10"/>
    </row>
    <row r="75492" spans="14:14">
      <c r="N75492" s="10"/>
    </row>
    <row r="75493" spans="14:14">
      <c r="N75493" s="10"/>
    </row>
    <row r="75494" spans="14:14">
      <c r="N75494" s="10"/>
    </row>
    <row r="75495" spans="14:14">
      <c r="N75495" s="10"/>
    </row>
    <row r="75496" spans="14:14">
      <c r="N75496" s="10"/>
    </row>
    <row r="75497" spans="14:14">
      <c r="N75497" s="10"/>
    </row>
    <row r="75498" spans="14:14">
      <c r="N75498" s="10"/>
    </row>
    <row r="75499" spans="14:14">
      <c r="N75499" s="10"/>
    </row>
    <row r="75500" spans="14:14">
      <c r="N75500" s="10"/>
    </row>
    <row r="75501" spans="14:14">
      <c r="N75501" s="10"/>
    </row>
    <row r="75502" spans="14:14">
      <c r="N75502" s="10"/>
    </row>
    <row r="75503" spans="14:14">
      <c r="N75503" s="10"/>
    </row>
    <row r="75504" spans="14:14">
      <c r="N75504" s="10"/>
    </row>
    <row r="75505" spans="14:14">
      <c r="N75505" s="10"/>
    </row>
    <row r="75506" spans="14:14">
      <c r="N75506" s="10"/>
    </row>
    <row r="75507" spans="14:14">
      <c r="N75507" s="10"/>
    </row>
    <row r="75508" spans="14:14">
      <c r="N75508" s="10"/>
    </row>
    <row r="75509" spans="14:14">
      <c r="N75509" s="10"/>
    </row>
    <row r="75510" spans="14:14">
      <c r="N75510" s="10"/>
    </row>
    <row r="75511" spans="14:14">
      <c r="N75511" s="10"/>
    </row>
    <row r="75512" spans="14:14">
      <c r="N75512" s="10"/>
    </row>
    <row r="75513" spans="14:14">
      <c r="N75513" s="10"/>
    </row>
    <row r="75514" spans="14:14">
      <c r="N75514" s="10"/>
    </row>
    <row r="75515" spans="14:14">
      <c r="N75515" s="10"/>
    </row>
    <row r="75516" spans="14:14">
      <c r="N75516" s="10"/>
    </row>
    <row r="75517" spans="14:14">
      <c r="N75517" s="10"/>
    </row>
    <row r="75518" spans="14:14">
      <c r="N75518" s="10"/>
    </row>
    <row r="75519" spans="14:14">
      <c r="N75519" s="10"/>
    </row>
    <row r="75520" spans="14:14">
      <c r="N75520" s="10"/>
    </row>
    <row r="75521" spans="14:14">
      <c r="N75521" s="10"/>
    </row>
    <row r="75522" spans="14:14">
      <c r="N75522" s="10"/>
    </row>
    <row r="75523" spans="14:14">
      <c r="N75523" s="10"/>
    </row>
    <row r="75524" spans="14:14">
      <c r="N75524" s="10"/>
    </row>
    <row r="75525" spans="14:14">
      <c r="N75525" s="10"/>
    </row>
    <row r="75526" spans="14:14">
      <c r="N75526" s="10"/>
    </row>
    <row r="75527" spans="14:14">
      <c r="N75527" s="10"/>
    </row>
    <row r="75528" spans="14:14">
      <c r="N75528" s="10"/>
    </row>
    <row r="75529" spans="14:14">
      <c r="N75529" s="10"/>
    </row>
    <row r="75530" spans="14:14">
      <c r="N75530" s="10"/>
    </row>
    <row r="75531" spans="14:14">
      <c r="N75531" s="10"/>
    </row>
    <row r="75532" spans="14:14">
      <c r="N75532" s="10"/>
    </row>
    <row r="75533" spans="14:14">
      <c r="N75533" s="10"/>
    </row>
    <row r="75534" spans="14:14">
      <c r="N75534" s="10"/>
    </row>
    <row r="75535" spans="14:14">
      <c r="N75535" s="10"/>
    </row>
    <row r="75536" spans="14:14">
      <c r="N75536" s="10"/>
    </row>
    <row r="75537" spans="14:14">
      <c r="N75537" s="10"/>
    </row>
    <row r="75538" spans="14:14">
      <c r="N75538" s="10"/>
    </row>
    <row r="75539" spans="14:14">
      <c r="N75539" s="10"/>
    </row>
    <row r="75540" spans="14:14">
      <c r="N75540" s="10"/>
    </row>
    <row r="75541" spans="14:14">
      <c r="N75541" s="10"/>
    </row>
    <row r="75542" spans="14:14">
      <c r="N75542" s="10"/>
    </row>
    <row r="75543" spans="14:14">
      <c r="N75543" s="10"/>
    </row>
    <row r="75544" spans="14:14">
      <c r="N75544" s="10"/>
    </row>
    <row r="75545" spans="14:14">
      <c r="N75545" s="10"/>
    </row>
    <row r="75546" spans="14:14">
      <c r="N75546" s="10"/>
    </row>
    <row r="75547" spans="14:14">
      <c r="N75547" s="10"/>
    </row>
    <row r="75548" spans="14:14">
      <c r="N75548" s="10"/>
    </row>
    <row r="75549" spans="14:14">
      <c r="N75549" s="10"/>
    </row>
    <row r="75550" spans="14:14">
      <c r="N75550" s="10"/>
    </row>
    <row r="75551" spans="14:14">
      <c r="N75551" s="10"/>
    </row>
    <row r="75552" spans="14:14">
      <c r="N75552" s="10"/>
    </row>
    <row r="75553" spans="14:14">
      <c r="N75553" s="10"/>
    </row>
    <row r="75554" spans="14:14">
      <c r="N75554" s="10"/>
    </row>
    <row r="75555" spans="14:14">
      <c r="N75555" s="10"/>
    </row>
    <row r="75556" spans="14:14">
      <c r="N75556" s="10"/>
    </row>
    <row r="75557" spans="14:14">
      <c r="N75557" s="10"/>
    </row>
    <row r="75558" spans="14:14">
      <c r="N75558" s="10"/>
    </row>
    <row r="75559" spans="14:14">
      <c r="N75559" s="10"/>
    </row>
    <row r="75560" spans="14:14">
      <c r="N75560" s="10"/>
    </row>
    <row r="75561" spans="14:14">
      <c r="N75561" s="10"/>
    </row>
    <row r="75562" spans="14:14">
      <c r="N75562" s="10"/>
    </row>
    <row r="75563" spans="14:14">
      <c r="N75563" s="10"/>
    </row>
    <row r="75564" spans="14:14">
      <c r="N75564" s="10"/>
    </row>
    <row r="75565" spans="14:14">
      <c r="N75565" s="10"/>
    </row>
    <row r="75566" spans="14:14">
      <c r="N75566" s="10"/>
    </row>
    <row r="75567" spans="14:14">
      <c r="N75567" s="10"/>
    </row>
    <row r="75568" spans="14:14">
      <c r="N75568" s="10"/>
    </row>
    <row r="75569" spans="14:14">
      <c r="N75569" s="10"/>
    </row>
    <row r="75570" spans="14:14">
      <c r="N75570" s="10"/>
    </row>
    <row r="75571" spans="14:14">
      <c r="N75571" s="10"/>
    </row>
    <row r="75572" spans="14:14">
      <c r="N75572" s="10"/>
    </row>
    <row r="75573" spans="14:14">
      <c r="N75573" s="10"/>
    </row>
    <row r="75574" spans="14:14">
      <c r="N75574" s="10"/>
    </row>
    <row r="75575" spans="14:14">
      <c r="N75575" s="10"/>
    </row>
    <row r="75576" spans="14:14">
      <c r="N75576" s="10"/>
    </row>
    <row r="75577" spans="14:14">
      <c r="N75577" s="10"/>
    </row>
    <row r="75578" spans="14:14">
      <c r="N75578" s="10"/>
    </row>
    <row r="75579" spans="14:14">
      <c r="N75579" s="10"/>
    </row>
    <row r="75580" spans="14:14">
      <c r="N75580" s="10"/>
    </row>
    <row r="75581" spans="14:14">
      <c r="N75581" s="10"/>
    </row>
    <row r="75582" spans="14:14">
      <c r="N75582" s="10"/>
    </row>
    <row r="75583" spans="14:14">
      <c r="N75583" s="10"/>
    </row>
    <row r="75584" spans="14:14">
      <c r="N75584" s="10"/>
    </row>
    <row r="75585" spans="14:14">
      <c r="N75585" s="10"/>
    </row>
    <row r="75586" spans="14:14">
      <c r="N75586" s="10"/>
    </row>
    <row r="75587" spans="14:14">
      <c r="N75587" s="10"/>
    </row>
    <row r="75588" spans="14:14">
      <c r="N75588" s="10"/>
    </row>
    <row r="75589" spans="14:14">
      <c r="N75589" s="10"/>
    </row>
    <row r="75590" spans="14:14">
      <c r="N75590" s="10"/>
    </row>
    <row r="75591" spans="14:14">
      <c r="N75591" s="10"/>
    </row>
    <row r="75592" spans="14:14">
      <c r="N75592" s="10"/>
    </row>
    <row r="75593" spans="14:14">
      <c r="N75593" s="10"/>
    </row>
    <row r="75594" spans="14:14">
      <c r="N75594" s="10"/>
    </row>
    <row r="75595" spans="14:14">
      <c r="N75595" s="10"/>
    </row>
    <row r="75596" spans="14:14">
      <c r="N75596" s="10"/>
    </row>
    <row r="75597" spans="14:14">
      <c r="N75597" s="10"/>
    </row>
    <row r="75598" spans="14:14">
      <c r="N75598" s="10"/>
    </row>
    <row r="75599" spans="14:14">
      <c r="N75599" s="10"/>
    </row>
    <row r="75600" spans="14:14">
      <c r="N75600" s="10"/>
    </row>
    <row r="75601" spans="14:14">
      <c r="N75601" s="10"/>
    </row>
    <row r="75602" spans="14:14">
      <c r="N75602" s="10"/>
    </row>
    <row r="75603" spans="14:14">
      <c r="N75603" s="10"/>
    </row>
    <row r="75604" spans="14:14">
      <c r="N75604" s="10"/>
    </row>
    <row r="75605" spans="14:14">
      <c r="N75605" s="10"/>
    </row>
    <row r="75606" spans="14:14">
      <c r="N75606" s="10"/>
    </row>
    <row r="75607" spans="14:14">
      <c r="N75607" s="10"/>
    </row>
    <row r="75608" spans="14:14">
      <c r="N75608" s="10"/>
    </row>
    <row r="75609" spans="14:14">
      <c r="N75609" s="10"/>
    </row>
    <row r="75610" spans="14:14">
      <c r="N75610" s="10"/>
    </row>
    <row r="75611" spans="14:14">
      <c r="N75611" s="10"/>
    </row>
    <row r="75612" spans="14:14">
      <c r="N75612" s="10"/>
    </row>
    <row r="75613" spans="14:14">
      <c r="N75613" s="10"/>
    </row>
    <row r="75614" spans="14:14">
      <c r="N75614" s="10"/>
    </row>
    <row r="75615" spans="14:14">
      <c r="N75615" s="10"/>
    </row>
    <row r="75616" spans="14:14">
      <c r="N75616" s="10"/>
    </row>
    <row r="75617" spans="14:14">
      <c r="N75617" s="10"/>
    </row>
    <row r="75618" spans="14:14">
      <c r="N75618" s="10"/>
    </row>
    <row r="75619" spans="14:14">
      <c r="N75619" s="10"/>
    </row>
    <row r="75620" spans="14:14">
      <c r="N75620" s="10"/>
    </row>
    <row r="75621" spans="14:14">
      <c r="N75621" s="10"/>
    </row>
    <row r="75622" spans="14:14">
      <c r="N75622" s="10"/>
    </row>
    <row r="75623" spans="14:14">
      <c r="N75623" s="10"/>
    </row>
    <row r="75624" spans="14:14">
      <c r="N75624" s="10"/>
    </row>
    <row r="75625" spans="14:14">
      <c r="N75625" s="10"/>
    </row>
    <row r="75626" spans="14:14">
      <c r="N75626" s="10"/>
    </row>
    <row r="75627" spans="14:14">
      <c r="N75627" s="10"/>
    </row>
    <row r="75628" spans="14:14">
      <c r="N75628" s="10"/>
    </row>
    <row r="75629" spans="14:14">
      <c r="N75629" s="10"/>
    </row>
    <row r="75630" spans="14:14">
      <c r="N75630" s="10"/>
    </row>
    <row r="75631" spans="14:14">
      <c r="N75631" s="10"/>
    </row>
    <row r="75632" spans="14:14">
      <c r="N75632" s="10"/>
    </row>
    <row r="75633" spans="14:14">
      <c r="N75633" s="10"/>
    </row>
    <row r="75634" spans="14:14">
      <c r="N75634" s="10"/>
    </row>
    <row r="75635" spans="14:14">
      <c r="N75635" s="10"/>
    </row>
    <row r="75636" spans="14:14">
      <c r="N75636" s="10"/>
    </row>
    <row r="75637" spans="14:14">
      <c r="N75637" s="10"/>
    </row>
    <row r="75638" spans="14:14">
      <c r="N75638" s="10"/>
    </row>
    <row r="75639" spans="14:14">
      <c r="N75639" s="10"/>
    </row>
    <row r="75640" spans="14:14">
      <c r="N75640" s="10"/>
    </row>
    <row r="75641" spans="14:14">
      <c r="N75641" s="10"/>
    </row>
    <row r="75642" spans="14:14">
      <c r="N75642" s="10"/>
    </row>
    <row r="75643" spans="14:14">
      <c r="N75643" s="10"/>
    </row>
    <row r="75644" spans="14:14">
      <c r="N75644" s="10"/>
    </row>
    <row r="75645" spans="14:14">
      <c r="N75645" s="10"/>
    </row>
    <row r="75646" spans="14:14">
      <c r="N75646" s="10"/>
    </row>
    <row r="75647" spans="14:14">
      <c r="N75647" s="10"/>
    </row>
    <row r="75648" spans="14:14">
      <c r="N75648" s="10"/>
    </row>
    <row r="75649" spans="14:14">
      <c r="N75649" s="10"/>
    </row>
    <row r="75650" spans="14:14">
      <c r="N75650" s="10"/>
    </row>
    <row r="75651" spans="14:14">
      <c r="N75651" s="10"/>
    </row>
    <row r="75652" spans="14:14">
      <c r="N75652" s="10"/>
    </row>
    <row r="75653" spans="14:14">
      <c r="N75653" s="10"/>
    </row>
    <row r="75654" spans="14:14">
      <c r="N75654" s="10"/>
    </row>
    <row r="75655" spans="14:14">
      <c r="N75655" s="10"/>
    </row>
    <row r="75656" spans="14:14">
      <c r="N75656" s="10"/>
    </row>
    <row r="75657" spans="14:14">
      <c r="N75657" s="10"/>
    </row>
    <row r="75658" spans="14:14">
      <c r="N75658" s="10"/>
    </row>
    <row r="75659" spans="14:14">
      <c r="N75659" s="10"/>
    </row>
    <row r="75660" spans="14:14">
      <c r="N75660" s="10"/>
    </row>
    <row r="75661" spans="14:14">
      <c r="N75661" s="10"/>
    </row>
    <row r="75662" spans="14:14">
      <c r="N75662" s="10"/>
    </row>
    <row r="75663" spans="14:14">
      <c r="N75663" s="10"/>
    </row>
    <row r="75664" spans="14:14">
      <c r="N75664" s="10"/>
    </row>
    <row r="75665" spans="14:14">
      <c r="N75665" s="10"/>
    </row>
    <row r="75666" spans="14:14">
      <c r="N75666" s="10"/>
    </row>
    <row r="75667" spans="14:14">
      <c r="N75667" s="10"/>
    </row>
    <row r="75668" spans="14:14">
      <c r="N75668" s="10"/>
    </row>
    <row r="75669" spans="14:14">
      <c r="N75669" s="10"/>
    </row>
    <row r="75670" spans="14:14">
      <c r="N75670" s="10"/>
    </row>
    <row r="75671" spans="14:14">
      <c r="N75671" s="10"/>
    </row>
    <row r="75672" spans="14:14">
      <c r="N75672" s="10"/>
    </row>
    <row r="75673" spans="14:14">
      <c r="N75673" s="10"/>
    </row>
    <row r="75674" spans="14:14">
      <c r="N75674" s="10"/>
    </row>
    <row r="75675" spans="14:14">
      <c r="N75675" s="10"/>
    </row>
    <row r="75676" spans="14:14">
      <c r="N75676" s="10"/>
    </row>
    <row r="75677" spans="14:14">
      <c r="N75677" s="10"/>
    </row>
    <row r="75678" spans="14:14">
      <c r="N75678" s="10"/>
    </row>
    <row r="75679" spans="14:14">
      <c r="N75679" s="10"/>
    </row>
    <row r="75680" spans="14:14">
      <c r="N75680" s="10"/>
    </row>
    <row r="75681" spans="14:14">
      <c r="N75681" s="10"/>
    </row>
    <row r="75682" spans="14:14">
      <c r="N75682" s="10"/>
    </row>
    <row r="75683" spans="14:14">
      <c r="N75683" s="10"/>
    </row>
    <row r="75684" spans="14:14">
      <c r="N75684" s="10"/>
    </row>
    <row r="75685" spans="14:14">
      <c r="N75685" s="10"/>
    </row>
    <row r="75686" spans="14:14">
      <c r="N75686" s="10"/>
    </row>
    <row r="75687" spans="14:14">
      <c r="N75687" s="10"/>
    </row>
    <row r="75688" spans="14:14">
      <c r="N75688" s="10"/>
    </row>
    <row r="75689" spans="14:14">
      <c r="N75689" s="10"/>
    </row>
    <row r="75690" spans="14:14">
      <c r="N75690" s="10"/>
    </row>
    <row r="75691" spans="14:14">
      <c r="N75691" s="10"/>
    </row>
    <row r="75692" spans="14:14">
      <c r="N75692" s="10"/>
    </row>
    <row r="75693" spans="14:14">
      <c r="N75693" s="10"/>
    </row>
    <row r="75694" spans="14:14">
      <c r="N75694" s="10"/>
    </row>
    <row r="75695" spans="14:14">
      <c r="N75695" s="10"/>
    </row>
    <row r="75696" spans="14:14">
      <c r="N75696" s="10"/>
    </row>
    <row r="75697" spans="14:14">
      <c r="N75697" s="10"/>
    </row>
    <row r="75698" spans="14:14">
      <c r="N75698" s="10"/>
    </row>
    <row r="75699" spans="14:14">
      <c r="N75699" s="10"/>
    </row>
    <row r="75700" spans="14:14">
      <c r="N75700" s="10"/>
    </row>
    <row r="75701" spans="14:14">
      <c r="N75701" s="10"/>
    </row>
    <row r="75702" spans="14:14">
      <c r="N75702" s="10"/>
    </row>
    <row r="75703" spans="14:14">
      <c r="N75703" s="10"/>
    </row>
    <row r="75704" spans="14:14">
      <c r="N75704" s="10"/>
    </row>
    <row r="75705" spans="14:14">
      <c r="N75705" s="10"/>
    </row>
    <row r="75706" spans="14:14">
      <c r="N75706" s="10"/>
    </row>
    <row r="75707" spans="14:14">
      <c r="N75707" s="10"/>
    </row>
    <row r="75708" spans="14:14">
      <c r="N75708" s="10"/>
    </row>
    <row r="75709" spans="14:14">
      <c r="N75709" s="10"/>
    </row>
    <row r="75710" spans="14:14">
      <c r="N75710" s="10"/>
    </row>
    <row r="75711" spans="14:14">
      <c r="N75711" s="10"/>
    </row>
    <row r="75712" spans="14:14">
      <c r="N75712" s="10"/>
    </row>
    <row r="75713" spans="14:14">
      <c r="N75713" s="10"/>
    </row>
    <row r="75714" spans="14:14">
      <c r="N75714" s="10"/>
    </row>
    <row r="75715" spans="14:14">
      <c r="N75715" s="10"/>
    </row>
    <row r="75716" spans="14:14">
      <c r="N75716" s="10"/>
    </row>
    <row r="75717" spans="14:14">
      <c r="N75717" s="10"/>
    </row>
    <row r="75718" spans="14:14">
      <c r="N75718" s="10"/>
    </row>
    <row r="75719" spans="14:14">
      <c r="N75719" s="10"/>
    </row>
    <row r="75720" spans="14:14">
      <c r="N75720" s="10"/>
    </row>
    <row r="75721" spans="14:14">
      <c r="N75721" s="10"/>
    </row>
    <row r="75722" spans="14:14">
      <c r="N75722" s="10"/>
    </row>
    <row r="75723" spans="14:14">
      <c r="N75723" s="10"/>
    </row>
    <row r="75724" spans="14:14">
      <c r="N75724" s="10"/>
    </row>
    <row r="75725" spans="14:14">
      <c r="N75725" s="10"/>
    </row>
    <row r="75726" spans="14:14">
      <c r="N75726" s="10"/>
    </row>
    <row r="75727" spans="14:14">
      <c r="N75727" s="10"/>
    </row>
    <row r="75728" spans="14:14">
      <c r="N75728" s="10"/>
    </row>
    <row r="75729" spans="14:14">
      <c r="N75729" s="10"/>
    </row>
    <row r="75730" spans="14:14">
      <c r="N75730" s="10"/>
    </row>
    <row r="75731" spans="14:14">
      <c r="N75731" s="10"/>
    </row>
    <row r="75732" spans="14:14">
      <c r="N75732" s="10"/>
    </row>
    <row r="75733" spans="14:14">
      <c r="N75733" s="10"/>
    </row>
    <row r="75734" spans="14:14">
      <c r="N75734" s="10"/>
    </row>
    <row r="75735" spans="14:14">
      <c r="N75735" s="10"/>
    </row>
    <row r="75736" spans="14:14">
      <c r="N75736" s="10"/>
    </row>
    <row r="75737" spans="14:14">
      <c r="N75737" s="10"/>
    </row>
    <row r="75738" spans="14:14">
      <c r="N75738" s="10"/>
    </row>
    <row r="75739" spans="14:14">
      <c r="N75739" s="10"/>
    </row>
    <row r="75740" spans="14:14">
      <c r="N75740" s="10"/>
    </row>
    <row r="75741" spans="14:14">
      <c r="N75741" s="10"/>
    </row>
    <row r="75742" spans="14:14">
      <c r="N75742" s="10"/>
    </row>
    <row r="75743" spans="14:14">
      <c r="N75743" s="10"/>
    </row>
    <row r="75744" spans="14:14">
      <c r="N75744" s="10"/>
    </row>
    <row r="75745" spans="14:14">
      <c r="N75745" s="10"/>
    </row>
    <row r="75746" spans="14:14">
      <c r="N75746" s="10"/>
    </row>
    <row r="75747" spans="14:14">
      <c r="N75747" s="10"/>
    </row>
    <row r="75748" spans="14:14">
      <c r="N75748" s="10"/>
    </row>
    <row r="75749" spans="14:14">
      <c r="N75749" s="10"/>
    </row>
    <row r="75750" spans="14:14">
      <c r="N75750" s="10"/>
    </row>
    <row r="75751" spans="14:14">
      <c r="N75751" s="10"/>
    </row>
    <row r="75752" spans="14:14">
      <c r="N75752" s="10"/>
    </row>
    <row r="75753" spans="14:14">
      <c r="N75753" s="10"/>
    </row>
    <row r="75754" spans="14:14">
      <c r="N75754" s="10"/>
    </row>
    <row r="75755" spans="14:14">
      <c r="N75755" s="10"/>
    </row>
    <row r="75756" spans="14:14">
      <c r="N75756" s="10"/>
    </row>
    <row r="75757" spans="14:14">
      <c r="N75757" s="10"/>
    </row>
    <row r="75758" spans="14:14">
      <c r="N75758" s="10"/>
    </row>
    <row r="75759" spans="14:14">
      <c r="N75759" s="10"/>
    </row>
    <row r="75760" spans="14:14">
      <c r="N75760" s="10"/>
    </row>
    <row r="75761" spans="14:14">
      <c r="N75761" s="10"/>
    </row>
    <row r="75762" spans="14:14">
      <c r="N75762" s="10"/>
    </row>
    <row r="75763" spans="14:14">
      <c r="N75763" s="10"/>
    </row>
    <row r="75764" spans="14:14">
      <c r="N75764" s="10"/>
    </row>
    <row r="75765" spans="14:14">
      <c r="N75765" s="10"/>
    </row>
    <row r="75766" spans="14:14">
      <c r="N75766" s="10"/>
    </row>
    <row r="75767" spans="14:14">
      <c r="N75767" s="10"/>
    </row>
    <row r="75768" spans="14:14">
      <c r="N75768" s="10"/>
    </row>
    <row r="75769" spans="14:14">
      <c r="N75769" s="10"/>
    </row>
    <row r="75770" spans="14:14">
      <c r="N75770" s="10"/>
    </row>
    <row r="75771" spans="14:14">
      <c r="N75771" s="10"/>
    </row>
    <row r="75772" spans="14:14">
      <c r="N75772" s="10"/>
    </row>
    <row r="75773" spans="14:14">
      <c r="N75773" s="10"/>
    </row>
    <row r="75774" spans="14:14">
      <c r="N75774" s="10"/>
    </row>
    <row r="75775" spans="14:14">
      <c r="N75775" s="10"/>
    </row>
    <row r="75776" spans="14:14">
      <c r="N75776" s="10"/>
    </row>
    <row r="75777" spans="14:14">
      <c r="N75777" s="10"/>
    </row>
    <row r="75778" spans="14:14">
      <c r="N75778" s="10"/>
    </row>
    <row r="75779" spans="14:14">
      <c r="N75779" s="10"/>
    </row>
    <row r="75780" spans="14:14">
      <c r="N75780" s="10"/>
    </row>
    <row r="75781" spans="14:14">
      <c r="N75781" s="10"/>
    </row>
    <row r="75782" spans="14:14">
      <c r="N75782" s="10"/>
    </row>
    <row r="75783" spans="14:14">
      <c r="N75783" s="10"/>
    </row>
    <row r="75784" spans="14:14">
      <c r="N75784" s="10"/>
    </row>
    <row r="75785" spans="14:14">
      <c r="N75785" s="10"/>
    </row>
    <row r="75786" spans="14:14">
      <c r="N75786" s="10"/>
    </row>
    <row r="75787" spans="14:14">
      <c r="N75787" s="10"/>
    </row>
    <row r="75788" spans="14:14">
      <c r="N75788" s="10"/>
    </row>
    <row r="75789" spans="14:14">
      <c r="N75789" s="10"/>
    </row>
    <row r="75790" spans="14:14">
      <c r="N75790" s="10"/>
    </row>
    <row r="75791" spans="14:14">
      <c r="N75791" s="10"/>
    </row>
    <row r="75792" spans="14:14">
      <c r="N75792" s="10"/>
    </row>
    <row r="75793" spans="14:14">
      <c r="N75793" s="10"/>
    </row>
    <row r="75794" spans="14:14">
      <c r="N75794" s="10"/>
    </row>
    <row r="75795" spans="14:14">
      <c r="N75795" s="10"/>
    </row>
    <row r="75796" spans="14:14">
      <c r="N75796" s="10"/>
    </row>
    <row r="75797" spans="14:14">
      <c r="N75797" s="10"/>
    </row>
    <row r="75798" spans="14:14">
      <c r="N75798" s="10"/>
    </row>
    <row r="75799" spans="14:14">
      <c r="N75799" s="10"/>
    </row>
    <row r="75800" spans="14:14">
      <c r="N75800" s="10"/>
    </row>
    <row r="75801" spans="14:14">
      <c r="N75801" s="10"/>
    </row>
    <row r="75802" spans="14:14">
      <c r="N75802" s="10"/>
    </row>
    <row r="75803" spans="14:14">
      <c r="N75803" s="10"/>
    </row>
    <row r="75804" spans="14:14">
      <c r="N75804" s="10"/>
    </row>
    <row r="75805" spans="14:14">
      <c r="N75805" s="10"/>
    </row>
    <row r="75806" spans="14:14">
      <c r="N75806" s="10"/>
    </row>
    <row r="75807" spans="14:14">
      <c r="N75807" s="10"/>
    </row>
    <row r="75808" spans="14:14">
      <c r="N75808" s="10"/>
    </row>
    <row r="75809" spans="14:14">
      <c r="N75809" s="10"/>
    </row>
    <row r="75810" spans="14:14">
      <c r="N75810" s="10"/>
    </row>
    <row r="75811" spans="14:14">
      <c r="N75811" s="10"/>
    </row>
    <row r="75812" spans="14:14">
      <c r="N75812" s="10"/>
    </row>
    <row r="75813" spans="14:14">
      <c r="N75813" s="10"/>
    </row>
    <row r="75814" spans="14:14">
      <c r="N75814" s="10"/>
    </row>
    <row r="75815" spans="14:14">
      <c r="N75815" s="10"/>
    </row>
    <row r="75816" spans="14:14">
      <c r="N75816" s="10"/>
    </row>
    <row r="75817" spans="14:14">
      <c r="N75817" s="10"/>
    </row>
    <row r="75818" spans="14:14">
      <c r="N75818" s="10"/>
    </row>
    <row r="75819" spans="14:14">
      <c r="N75819" s="10"/>
    </row>
    <row r="75820" spans="14:14">
      <c r="N75820" s="10"/>
    </row>
    <row r="75821" spans="14:14">
      <c r="N75821" s="10"/>
    </row>
    <row r="75822" spans="14:14">
      <c r="N75822" s="10"/>
    </row>
    <row r="75823" spans="14:14">
      <c r="N75823" s="10"/>
    </row>
    <row r="75824" spans="14:14">
      <c r="N75824" s="10"/>
    </row>
    <row r="75825" spans="14:14">
      <c r="N75825" s="10"/>
    </row>
    <row r="75826" spans="14:14">
      <c r="N75826" s="10"/>
    </row>
    <row r="75827" spans="14:14">
      <c r="N75827" s="10"/>
    </row>
    <row r="75828" spans="14:14">
      <c r="N75828" s="10"/>
    </row>
    <row r="75829" spans="14:14">
      <c r="N75829" s="10"/>
    </row>
    <row r="75830" spans="14:14">
      <c r="N75830" s="10"/>
    </row>
    <row r="75831" spans="14:14">
      <c r="N75831" s="10"/>
    </row>
    <row r="75832" spans="14:14">
      <c r="N75832" s="10"/>
    </row>
    <row r="75833" spans="14:14">
      <c r="N75833" s="10"/>
    </row>
    <row r="75834" spans="14:14">
      <c r="N75834" s="10"/>
    </row>
    <row r="75835" spans="14:14">
      <c r="N75835" s="10"/>
    </row>
    <row r="75836" spans="14:14">
      <c r="N75836" s="10"/>
    </row>
    <row r="75837" spans="14:14">
      <c r="N75837" s="10"/>
    </row>
    <row r="75838" spans="14:14">
      <c r="N75838" s="10"/>
    </row>
    <row r="75839" spans="14:14">
      <c r="N75839" s="10"/>
    </row>
    <row r="75840" spans="14:14">
      <c r="N75840" s="10"/>
    </row>
    <row r="75841" spans="14:14">
      <c r="N75841" s="10"/>
    </row>
    <row r="75842" spans="14:14">
      <c r="N75842" s="10"/>
    </row>
    <row r="75843" spans="14:14">
      <c r="N75843" s="10"/>
    </row>
    <row r="75844" spans="14:14">
      <c r="N75844" s="10"/>
    </row>
    <row r="75845" spans="14:14">
      <c r="N75845" s="10"/>
    </row>
    <row r="75846" spans="14:14">
      <c r="N75846" s="10"/>
    </row>
    <row r="75847" spans="14:14">
      <c r="N75847" s="10"/>
    </row>
    <row r="75848" spans="14:14">
      <c r="N75848" s="10"/>
    </row>
    <row r="75849" spans="14:14">
      <c r="N75849" s="10"/>
    </row>
    <row r="75850" spans="14:14">
      <c r="N75850" s="10"/>
    </row>
    <row r="75851" spans="14:14">
      <c r="N75851" s="10"/>
    </row>
    <row r="75852" spans="14:14">
      <c r="N75852" s="10"/>
    </row>
    <row r="75853" spans="14:14">
      <c r="N75853" s="10"/>
    </row>
    <row r="75854" spans="14:14">
      <c r="N75854" s="10"/>
    </row>
    <row r="75855" spans="14:14">
      <c r="N75855" s="10"/>
    </row>
    <row r="75856" spans="14:14">
      <c r="N75856" s="10"/>
    </row>
    <row r="75857" spans="14:14">
      <c r="N75857" s="10"/>
    </row>
    <row r="75858" spans="14:14">
      <c r="N75858" s="10"/>
    </row>
    <row r="75859" spans="14:14">
      <c r="N75859" s="10"/>
    </row>
    <row r="75860" spans="14:14">
      <c r="N75860" s="10"/>
    </row>
    <row r="75861" spans="14:14">
      <c r="N75861" s="10"/>
    </row>
    <row r="75862" spans="14:14">
      <c r="N75862" s="10"/>
    </row>
    <row r="75863" spans="14:14">
      <c r="N75863" s="10"/>
    </row>
    <row r="75864" spans="14:14">
      <c r="N75864" s="10"/>
    </row>
    <row r="75865" spans="14:14">
      <c r="N75865" s="10"/>
    </row>
    <row r="75866" spans="14:14">
      <c r="N75866" s="10"/>
    </row>
    <row r="75867" spans="14:14">
      <c r="N75867" s="10"/>
    </row>
    <row r="75868" spans="14:14">
      <c r="N75868" s="10"/>
    </row>
    <row r="75869" spans="14:14">
      <c r="N75869" s="10"/>
    </row>
    <row r="75870" spans="14:14">
      <c r="N75870" s="10"/>
    </row>
    <row r="75871" spans="14:14">
      <c r="N75871" s="10"/>
    </row>
    <row r="75872" spans="14:14">
      <c r="N75872" s="10"/>
    </row>
    <row r="75873" spans="14:14">
      <c r="N75873" s="10"/>
    </row>
    <row r="75874" spans="14:14">
      <c r="N75874" s="10"/>
    </row>
    <row r="75875" spans="14:14">
      <c r="N75875" s="10"/>
    </row>
    <row r="75876" spans="14:14">
      <c r="N75876" s="10"/>
    </row>
    <row r="75877" spans="14:14">
      <c r="N75877" s="10"/>
    </row>
    <row r="75878" spans="14:14">
      <c r="N75878" s="10"/>
    </row>
    <row r="75879" spans="14:14">
      <c r="N75879" s="10"/>
    </row>
    <row r="75880" spans="14:14">
      <c r="N75880" s="10"/>
    </row>
    <row r="75881" spans="14:14">
      <c r="N75881" s="10"/>
    </row>
    <row r="75882" spans="14:14">
      <c r="N75882" s="10"/>
    </row>
    <row r="75883" spans="14:14">
      <c r="N75883" s="10"/>
    </row>
    <row r="75884" spans="14:14">
      <c r="N75884" s="10"/>
    </row>
    <row r="75885" spans="14:14">
      <c r="N75885" s="10"/>
    </row>
    <row r="75886" spans="14:14">
      <c r="N75886" s="10"/>
    </row>
    <row r="75887" spans="14:14">
      <c r="N75887" s="10"/>
    </row>
    <row r="75888" spans="14:14">
      <c r="N75888" s="10"/>
    </row>
    <row r="75889" spans="14:14">
      <c r="N75889" s="10"/>
    </row>
    <row r="75890" spans="14:14">
      <c r="N75890" s="10"/>
    </row>
    <row r="75891" spans="14:14">
      <c r="N75891" s="10"/>
    </row>
    <row r="75892" spans="14:14">
      <c r="N75892" s="10"/>
    </row>
    <row r="75893" spans="14:14">
      <c r="N75893" s="10"/>
    </row>
    <row r="75894" spans="14:14">
      <c r="N75894" s="10"/>
    </row>
    <row r="75895" spans="14:14">
      <c r="N75895" s="10"/>
    </row>
    <row r="75896" spans="14:14">
      <c r="N75896" s="10"/>
    </row>
    <row r="75897" spans="14:14">
      <c r="N75897" s="10"/>
    </row>
    <row r="75898" spans="14:14">
      <c r="N75898" s="10"/>
    </row>
    <row r="75899" spans="14:14">
      <c r="N75899" s="10"/>
    </row>
    <row r="75900" spans="14:14">
      <c r="N75900" s="10"/>
    </row>
    <row r="75901" spans="14:14">
      <c r="N75901" s="10"/>
    </row>
    <row r="75902" spans="14:14">
      <c r="N75902" s="10"/>
    </row>
    <row r="75903" spans="14:14">
      <c r="N75903" s="10"/>
    </row>
    <row r="75904" spans="14:14">
      <c r="N75904" s="10"/>
    </row>
    <row r="75905" spans="14:14">
      <c r="N75905" s="10"/>
    </row>
    <row r="75906" spans="14:14">
      <c r="N75906" s="10"/>
    </row>
    <row r="75907" spans="14:14">
      <c r="N75907" s="10"/>
    </row>
    <row r="75908" spans="14:14">
      <c r="N75908" s="10"/>
    </row>
    <row r="75909" spans="14:14">
      <c r="N75909" s="10"/>
    </row>
    <row r="75910" spans="14:14">
      <c r="N75910" s="10"/>
    </row>
    <row r="75911" spans="14:14">
      <c r="N75911" s="10"/>
    </row>
    <row r="75912" spans="14:14">
      <c r="N75912" s="10"/>
    </row>
    <row r="75913" spans="14:14">
      <c r="N75913" s="10"/>
    </row>
    <row r="75914" spans="14:14">
      <c r="N75914" s="10"/>
    </row>
    <row r="75915" spans="14:14">
      <c r="N75915" s="10"/>
    </row>
    <row r="75916" spans="14:14">
      <c r="N75916" s="10"/>
    </row>
    <row r="75917" spans="14:14">
      <c r="N75917" s="10"/>
    </row>
    <row r="75918" spans="14:14">
      <c r="N75918" s="10"/>
    </row>
    <row r="75919" spans="14:14">
      <c r="N75919" s="10"/>
    </row>
    <row r="75920" spans="14:14">
      <c r="N75920" s="10"/>
    </row>
    <row r="75921" spans="14:14">
      <c r="N75921" s="10"/>
    </row>
    <row r="75922" spans="14:14">
      <c r="N75922" s="10"/>
    </row>
    <row r="75923" spans="14:14">
      <c r="N75923" s="10"/>
    </row>
    <row r="75924" spans="14:14">
      <c r="N75924" s="10"/>
    </row>
    <row r="75925" spans="14:14">
      <c r="N75925" s="10"/>
    </row>
    <row r="75926" spans="14:14">
      <c r="N75926" s="10"/>
    </row>
    <row r="75927" spans="14:14">
      <c r="N75927" s="10"/>
    </row>
    <row r="75928" spans="14:14">
      <c r="N75928" s="10"/>
    </row>
    <row r="75929" spans="14:14">
      <c r="N75929" s="10"/>
    </row>
    <row r="75930" spans="14:14">
      <c r="N75930" s="10"/>
    </row>
    <row r="75931" spans="14:14">
      <c r="N75931" s="10"/>
    </row>
    <row r="75932" spans="14:14">
      <c r="N75932" s="10"/>
    </row>
    <row r="75933" spans="14:14">
      <c r="N75933" s="10"/>
    </row>
    <row r="75934" spans="14:14">
      <c r="N75934" s="10"/>
    </row>
    <row r="75935" spans="14:14">
      <c r="N75935" s="10"/>
    </row>
    <row r="75936" spans="14:14">
      <c r="N75936" s="10"/>
    </row>
    <row r="75937" spans="14:14">
      <c r="N75937" s="10"/>
    </row>
    <row r="75938" spans="14:14">
      <c r="N75938" s="10"/>
    </row>
    <row r="75939" spans="14:14">
      <c r="N75939" s="10"/>
    </row>
    <row r="75940" spans="14:14">
      <c r="N75940" s="10"/>
    </row>
    <row r="75941" spans="14:14">
      <c r="N75941" s="10"/>
    </row>
    <row r="75942" spans="14:14">
      <c r="N75942" s="10"/>
    </row>
    <row r="75943" spans="14:14">
      <c r="N75943" s="10"/>
    </row>
    <row r="75944" spans="14:14">
      <c r="N75944" s="10"/>
    </row>
    <row r="75945" spans="14:14">
      <c r="N75945" s="10"/>
    </row>
    <row r="75946" spans="14:14">
      <c r="N75946" s="10"/>
    </row>
    <row r="75947" spans="14:14">
      <c r="N75947" s="10"/>
    </row>
    <row r="75948" spans="14:14">
      <c r="N75948" s="10"/>
    </row>
    <row r="75949" spans="14:14">
      <c r="N75949" s="10"/>
    </row>
    <row r="75950" spans="14:14">
      <c r="N75950" s="10"/>
    </row>
    <row r="75951" spans="14:14">
      <c r="N75951" s="10"/>
    </row>
    <row r="75952" spans="14:14">
      <c r="N75952" s="10"/>
    </row>
    <row r="75953" spans="14:14">
      <c r="N75953" s="10"/>
    </row>
    <row r="75954" spans="14:14">
      <c r="N75954" s="10"/>
    </row>
    <row r="75955" spans="14:14">
      <c r="N75955" s="10"/>
    </row>
    <row r="75956" spans="14:14">
      <c r="N75956" s="10"/>
    </row>
    <row r="75957" spans="14:14">
      <c r="N75957" s="10"/>
    </row>
    <row r="75958" spans="14:14">
      <c r="N75958" s="10"/>
    </row>
    <row r="75959" spans="14:14">
      <c r="N75959" s="10"/>
    </row>
    <row r="75960" spans="14:14">
      <c r="N75960" s="10"/>
    </row>
    <row r="75961" spans="14:14">
      <c r="N75961" s="10"/>
    </row>
    <row r="75962" spans="14:14">
      <c r="N75962" s="10"/>
    </row>
    <row r="75963" spans="14:14">
      <c r="N75963" s="10"/>
    </row>
    <row r="75964" spans="14:14">
      <c r="N75964" s="10"/>
    </row>
    <row r="75965" spans="14:14">
      <c r="N75965" s="10"/>
    </row>
    <row r="75966" spans="14:14">
      <c r="N75966" s="10"/>
    </row>
    <row r="75967" spans="14:14">
      <c r="N75967" s="10"/>
    </row>
    <row r="75968" spans="14:14">
      <c r="N75968" s="10"/>
    </row>
    <row r="75969" spans="14:14">
      <c r="N75969" s="10"/>
    </row>
    <row r="75970" spans="14:14">
      <c r="N75970" s="10"/>
    </row>
    <row r="75971" spans="14:14">
      <c r="N75971" s="10"/>
    </row>
    <row r="75972" spans="14:14">
      <c r="N75972" s="10"/>
    </row>
    <row r="75973" spans="14:14">
      <c r="N75973" s="10"/>
    </row>
    <row r="75974" spans="14:14">
      <c r="N75974" s="10"/>
    </row>
    <row r="75975" spans="14:14">
      <c r="N75975" s="10"/>
    </row>
    <row r="75976" spans="14:14">
      <c r="N75976" s="10"/>
    </row>
    <row r="75977" spans="14:14">
      <c r="N75977" s="10"/>
    </row>
    <row r="75978" spans="14:14">
      <c r="N75978" s="10"/>
    </row>
    <row r="75979" spans="14:14">
      <c r="N75979" s="10"/>
    </row>
    <row r="75980" spans="14:14">
      <c r="N75980" s="10"/>
    </row>
    <row r="75981" spans="14:14">
      <c r="N75981" s="10"/>
    </row>
    <row r="75982" spans="14:14">
      <c r="N75982" s="10"/>
    </row>
    <row r="75983" spans="14:14">
      <c r="N75983" s="10"/>
    </row>
    <row r="75984" spans="14:14">
      <c r="N75984" s="10"/>
    </row>
    <row r="75985" spans="14:14">
      <c r="N75985" s="10"/>
    </row>
    <row r="75986" spans="14:14">
      <c r="N75986" s="10"/>
    </row>
    <row r="75987" spans="14:14">
      <c r="N75987" s="10"/>
    </row>
    <row r="75988" spans="14:14">
      <c r="N75988" s="10"/>
    </row>
    <row r="75989" spans="14:14">
      <c r="N75989" s="10"/>
    </row>
    <row r="75990" spans="14:14">
      <c r="N75990" s="10"/>
    </row>
    <row r="75991" spans="14:14">
      <c r="N75991" s="10"/>
    </row>
    <row r="75992" spans="14:14">
      <c r="N75992" s="10"/>
    </row>
    <row r="75993" spans="14:14">
      <c r="N75993" s="10"/>
    </row>
    <row r="75994" spans="14:14">
      <c r="N75994" s="10"/>
    </row>
    <row r="75995" spans="14:14">
      <c r="N75995" s="10"/>
    </row>
    <row r="75996" spans="14:14">
      <c r="N75996" s="10"/>
    </row>
    <row r="75997" spans="14:14">
      <c r="N75997" s="10"/>
    </row>
    <row r="75998" spans="14:14">
      <c r="N75998" s="10"/>
    </row>
    <row r="75999" spans="14:14">
      <c r="N75999" s="10"/>
    </row>
    <row r="76000" spans="14:14">
      <c r="N76000" s="10"/>
    </row>
    <row r="76001" spans="14:14">
      <c r="N76001" s="10"/>
    </row>
    <row r="76002" spans="14:14">
      <c r="N76002" s="10"/>
    </row>
    <row r="76003" spans="14:14">
      <c r="N76003" s="10"/>
    </row>
    <row r="76004" spans="14:14">
      <c r="N76004" s="10"/>
    </row>
    <row r="76005" spans="14:14">
      <c r="N76005" s="10"/>
    </row>
    <row r="76006" spans="14:14">
      <c r="N76006" s="10"/>
    </row>
    <row r="76007" spans="14:14">
      <c r="N76007" s="10"/>
    </row>
    <row r="76008" spans="14:14">
      <c r="N76008" s="10"/>
    </row>
    <row r="76009" spans="14:14">
      <c r="N76009" s="10"/>
    </row>
    <row r="76010" spans="14:14">
      <c r="N76010" s="10"/>
    </row>
    <row r="76011" spans="14:14">
      <c r="N76011" s="10"/>
    </row>
    <row r="76012" spans="14:14">
      <c r="N76012" s="10"/>
    </row>
    <row r="76013" spans="14:14">
      <c r="N76013" s="10"/>
    </row>
    <row r="76014" spans="14:14">
      <c r="N76014" s="10"/>
    </row>
    <row r="76015" spans="14:14">
      <c r="N76015" s="10"/>
    </row>
    <row r="76016" spans="14:14">
      <c r="N76016" s="10"/>
    </row>
    <row r="76017" spans="14:14">
      <c r="N76017" s="10"/>
    </row>
    <row r="76018" spans="14:14">
      <c r="N76018" s="10"/>
    </row>
    <row r="76019" spans="14:14">
      <c r="N76019" s="10"/>
    </row>
    <row r="76020" spans="14:14">
      <c r="N76020" s="10"/>
    </row>
    <row r="76021" spans="14:14">
      <c r="N76021" s="10"/>
    </row>
    <row r="76022" spans="14:14">
      <c r="N76022" s="10"/>
    </row>
    <row r="76023" spans="14:14">
      <c r="N76023" s="10"/>
    </row>
    <row r="76024" spans="14:14">
      <c r="N76024" s="10"/>
    </row>
    <row r="76025" spans="14:14">
      <c r="N76025" s="10"/>
    </row>
    <row r="76026" spans="14:14">
      <c r="N76026" s="10"/>
    </row>
    <row r="76027" spans="14:14">
      <c r="N76027" s="10"/>
    </row>
    <row r="76028" spans="14:14">
      <c r="N76028" s="10"/>
    </row>
    <row r="76029" spans="14:14">
      <c r="N76029" s="10"/>
    </row>
    <row r="76030" spans="14:14">
      <c r="N76030" s="10"/>
    </row>
    <row r="76031" spans="14:14">
      <c r="N76031" s="10"/>
    </row>
    <row r="76032" spans="14:14">
      <c r="N76032" s="10"/>
    </row>
    <row r="76033" spans="14:14">
      <c r="N76033" s="10"/>
    </row>
    <row r="76034" spans="14:14">
      <c r="N76034" s="10"/>
    </row>
    <row r="76035" spans="14:14">
      <c r="N76035" s="10"/>
    </row>
    <row r="76036" spans="14:14">
      <c r="N76036" s="10"/>
    </row>
    <row r="76037" spans="14:14">
      <c r="N76037" s="10"/>
    </row>
    <row r="76038" spans="14:14">
      <c r="N76038" s="10"/>
    </row>
    <row r="76039" spans="14:14">
      <c r="N76039" s="10"/>
    </row>
    <row r="76040" spans="14:14">
      <c r="N76040" s="10"/>
    </row>
    <row r="76041" spans="14:14">
      <c r="N76041" s="10"/>
    </row>
    <row r="76042" spans="14:14">
      <c r="N76042" s="10"/>
    </row>
    <row r="76043" spans="14:14">
      <c r="N76043" s="10"/>
    </row>
    <row r="76044" spans="14:14">
      <c r="N76044" s="10"/>
    </row>
    <row r="76045" spans="14:14">
      <c r="N76045" s="10"/>
    </row>
    <row r="76046" spans="14:14">
      <c r="N76046" s="10"/>
    </row>
    <row r="76047" spans="14:14">
      <c r="N76047" s="10"/>
    </row>
    <row r="76048" spans="14:14">
      <c r="N76048" s="10"/>
    </row>
    <row r="76049" spans="14:14">
      <c r="N76049" s="10"/>
    </row>
    <row r="76050" spans="14:14">
      <c r="N76050" s="10"/>
    </row>
    <row r="76051" spans="14:14">
      <c r="N76051" s="10"/>
    </row>
    <row r="76052" spans="14:14">
      <c r="N76052" s="10"/>
    </row>
    <row r="76053" spans="14:14">
      <c r="N76053" s="10"/>
    </row>
    <row r="76054" spans="14:14">
      <c r="N76054" s="10"/>
    </row>
    <row r="76055" spans="14:14">
      <c r="N76055" s="10"/>
    </row>
    <row r="76056" spans="14:14">
      <c r="N76056" s="10"/>
    </row>
    <row r="76057" spans="14:14">
      <c r="N76057" s="10"/>
    </row>
    <row r="76058" spans="14:14">
      <c r="N76058" s="10"/>
    </row>
    <row r="76059" spans="14:14">
      <c r="N76059" s="10"/>
    </row>
    <row r="76060" spans="14:14">
      <c r="N76060" s="10"/>
    </row>
    <row r="76061" spans="14:14">
      <c r="N76061" s="10"/>
    </row>
    <row r="76062" spans="14:14">
      <c r="N76062" s="10"/>
    </row>
    <row r="76063" spans="14:14">
      <c r="N76063" s="10"/>
    </row>
    <row r="76064" spans="14:14">
      <c r="N76064" s="10"/>
    </row>
    <row r="76065" spans="14:14">
      <c r="N76065" s="10"/>
    </row>
    <row r="76066" spans="14:14">
      <c r="N76066" s="10"/>
    </row>
    <row r="76067" spans="14:14">
      <c r="N76067" s="10"/>
    </row>
    <row r="76068" spans="14:14">
      <c r="N76068" s="10"/>
    </row>
    <row r="76069" spans="14:14">
      <c r="N76069" s="10"/>
    </row>
    <row r="76070" spans="14:14">
      <c r="N76070" s="10"/>
    </row>
    <row r="76071" spans="14:14">
      <c r="N76071" s="10"/>
    </row>
    <row r="76072" spans="14:14">
      <c r="N76072" s="10"/>
    </row>
    <row r="76073" spans="14:14">
      <c r="N76073" s="10"/>
    </row>
    <row r="76074" spans="14:14">
      <c r="N76074" s="10"/>
    </row>
    <row r="76075" spans="14:14">
      <c r="N76075" s="10"/>
    </row>
    <row r="76076" spans="14:14">
      <c r="N76076" s="10"/>
    </row>
    <row r="76077" spans="14:14">
      <c r="N76077" s="10"/>
    </row>
    <row r="76078" spans="14:14">
      <c r="N76078" s="10"/>
    </row>
    <row r="76079" spans="14:14">
      <c r="N76079" s="10"/>
    </row>
    <row r="76080" spans="14:14">
      <c r="N76080" s="10"/>
    </row>
    <row r="76081" spans="14:14">
      <c r="N76081" s="10"/>
    </row>
    <row r="76082" spans="14:14">
      <c r="N76082" s="10"/>
    </row>
    <row r="76083" spans="14:14">
      <c r="N76083" s="10"/>
    </row>
    <row r="76084" spans="14:14">
      <c r="N76084" s="10"/>
    </row>
    <row r="76085" spans="14:14">
      <c r="N76085" s="10"/>
    </row>
    <row r="76086" spans="14:14">
      <c r="N76086" s="10"/>
    </row>
    <row r="76087" spans="14:14">
      <c r="N76087" s="10"/>
    </row>
    <row r="76088" spans="14:14">
      <c r="N76088" s="10"/>
    </row>
    <row r="76089" spans="14:14">
      <c r="N76089" s="10"/>
    </row>
    <row r="76090" spans="14:14">
      <c r="N76090" s="10"/>
    </row>
    <row r="76091" spans="14:14">
      <c r="N76091" s="10"/>
    </row>
    <row r="76092" spans="14:14">
      <c r="N76092" s="10"/>
    </row>
    <row r="76093" spans="14:14">
      <c r="N76093" s="10"/>
    </row>
    <row r="76094" spans="14:14">
      <c r="N76094" s="10"/>
    </row>
    <row r="76095" spans="14:14">
      <c r="N76095" s="10"/>
    </row>
    <row r="76096" spans="14:14">
      <c r="N76096" s="10"/>
    </row>
    <row r="76097" spans="14:14">
      <c r="N76097" s="10"/>
    </row>
    <row r="76098" spans="14:14">
      <c r="N76098" s="10"/>
    </row>
    <row r="76099" spans="14:14">
      <c r="N76099" s="10"/>
    </row>
    <row r="76100" spans="14:14">
      <c r="N76100" s="10"/>
    </row>
    <row r="76101" spans="14:14">
      <c r="N76101" s="10"/>
    </row>
    <row r="76102" spans="14:14">
      <c r="N76102" s="10"/>
    </row>
    <row r="76103" spans="14:14">
      <c r="N76103" s="10"/>
    </row>
    <row r="76104" spans="14:14">
      <c r="N76104" s="10"/>
    </row>
    <row r="76105" spans="14:14">
      <c r="N76105" s="10"/>
    </row>
    <row r="76106" spans="14:14">
      <c r="N76106" s="10"/>
    </row>
    <row r="76107" spans="14:14">
      <c r="N76107" s="10"/>
    </row>
    <row r="76108" spans="14:14">
      <c r="N76108" s="10"/>
    </row>
    <row r="76109" spans="14:14">
      <c r="N76109" s="10"/>
    </row>
    <row r="76110" spans="14:14">
      <c r="N76110" s="10"/>
    </row>
    <row r="76111" spans="14:14">
      <c r="N76111" s="10"/>
    </row>
    <row r="76112" spans="14:14">
      <c r="N76112" s="10"/>
    </row>
    <row r="76113" spans="14:14">
      <c r="N76113" s="10"/>
    </row>
    <row r="76114" spans="14:14">
      <c r="N76114" s="10"/>
    </row>
    <row r="76115" spans="14:14">
      <c r="N76115" s="10"/>
    </row>
    <row r="76116" spans="14:14">
      <c r="N76116" s="10"/>
    </row>
    <row r="76117" spans="14:14">
      <c r="N76117" s="10"/>
    </row>
    <row r="76118" spans="14:14">
      <c r="N76118" s="10"/>
    </row>
    <row r="76119" spans="14:14">
      <c r="N76119" s="10"/>
    </row>
    <row r="76120" spans="14:14">
      <c r="N76120" s="10"/>
    </row>
    <row r="76121" spans="14:14">
      <c r="N76121" s="10"/>
    </row>
    <row r="76122" spans="14:14">
      <c r="N76122" s="10"/>
    </row>
    <row r="76123" spans="14:14">
      <c r="N76123" s="10"/>
    </row>
    <row r="76124" spans="14:14">
      <c r="N76124" s="10"/>
    </row>
    <row r="76125" spans="14:14">
      <c r="N76125" s="10"/>
    </row>
    <row r="76126" spans="14:14">
      <c r="N76126" s="10"/>
    </row>
    <row r="76127" spans="14:14">
      <c r="N76127" s="10"/>
    </row>
    <row r="76128" spans="14:14">
      <c r="N76128" s="10"/>
    </row>
    <row r="76129" spans="14:14">
      <c r="N76129" s="10"/>
    </row>
    <row r="76130" spans="14:14">
      <c r="N76130" s="10"/>
    </row>
    <row r="76131" spans="14:14">
      <c r="N76131" s="10"/>
    </row>
    <row r="76132" spans="14:14">
      <c r="N76132" s="10"/>
    </row>
    <row r="76133" spans="14:14">
      <c r="N76133" s="10"/>
    </row>
    <row r="76134" spans="14:14">
      <c r="N76134" s="10"/>
    </row>
    <row r="76135" spans="14:14">
      <c r="N76135" s="10"/>
    </row>
    <row r="76136" spans="14:14">
      <c r="N76136" s="10"/>
    </row>
    <row r="76137" spans="14:14">
      <c r="N76137" s="10"/>
    </row>
    <row r="76138" spans="14:14">
      <c r="N76138" s="10"/>
    </row>
    <row r="76139" spans="14:14">
      <c r="N76139" s="10"/>
    </row>
    <row r="76140" spans="14:14">
      <c r="N76140" s="10"/>
    </row>
    <row r="76141" spans="14:14">
      <c r="N76141" s="10"/>
    </row>
    <row r="76142" spans="14:14">
      <c r="N76142" s="10"/>
    </row>
    <row r="76143" spans="14:14">
      <c r="N76143" s="10"/>
    </row>
    <row r="76144" spans="14:14">
      <c r="N76144" s="10"/>
    </row>
    <row r="76145" spans="14:14">
      <c r="N76145" s="10"/>
    </row>
    <row r="76146" spans="14:14">
      <c r="N76146" s="10"/>
    </row>
    <row r="76147" spans="14:14">
      <c r="N76147" s="10"/>
    </row>
    <row r="76148" spans="14:14">
      <c r="N76148" s="10"/>
    </row>
    <row r="76149" spans="14:14">
      <c r="N76149" s="10"/>
    </row>
    <row r="76150" spans="14:14">
      <c r="N76150" s="10"/>
    </row>
    <row r="76151" spans="14:14">
      <c r="N76151" s="10"/>
    </row>
    <row r="76152" spans="14:14">
      <c r="N76152" s="10"/>
    </row>
    <row r="76153" spans="14:14">
      <c r="N76153" s="10"/>
    </row>
    <row r="76154" spans="14:14">
      <c r="N76154" s="10"/>
    </row>
    <row r="76155" spans="14:14">
      <c r="N76155" s="10"/>
    </row>
    <row r="76156" spans="14:14">
      <c r="N76156" s="10"/>
    </row>
    <row r="76157" spans="14:14">
      <c r="N76157" s="10"/>
    </row>
    <row r="76158" spans="14:14">
      <c r="N76158" s="10"/>
    </row>
    <row r="76159" spans="14:14">
      <c r="N76159" s="10"/>
    </row>
    <row r="76160" spans="14:14">
      <c r="N76160" s="10"/>
    </row>
    <row r="76161" spans="14:14">
      <c r="N76161" s="10"/>
    </row>
    <row r="76162" spans="14:14">
      <c r="N76162" s="10"/>
    </row>
    <row r="76163" spans="14:14">
      <c r="N76163" s="10"/>
    </row>
    <row r="76164" spans="14:14">
      <c r="N76164" s="10"/>
    </row>
    <row r="76165" spans="14:14">
      <c r="N76165" s="10"/>
    </row>
    <row r="76166" spans="14:14">
      <c r="N76166" s="10"/>
    </row>
    <row r="76167" spans="14:14">
      <c r="N76167" s="10"/>
    </row>
    <row r="76168" spans="14:14">
      <c r="N76168" s="10"/>
    </row>
    <row r="76169" spans="14:14">
      <c r="N76169" s="10"/>
    </row>
    <row r="76170" spans="14:14">
      <c r="N76170" s="10"/>
    </row>
    <row r="76171" spans="14:14">
      <c r="N76171" s="10"/>
    </row>
    <row r="76172" spans="14:14">
      <c r="N76172" s="10"/>
    </row>
    <row r="76173" spans="14:14">
      <c r="N76173" s="10"/>
    </row>
    <row r="76174" spans="14:14">
      <c r="N76174" s="10"/>
    </row>
    <row r="76175" spans="14:14">
      <c r="N76175" s="10"/>
    </row>
    <row r="76176" spans="14:14">
      <c r="N76176" s="10"/>
    </row>
    <row r="76177" spans="14:14">
      <c r="N76177" s="10"/>
    </row>
    <row r="76178" spans="14:14">
      <c r="N76178" s="10"/>
    </row>
    <row r="76179" spans="14:14">
      <c r="N76179" s="10"/>
    </row>
    <row r="76180" spans="14:14">
      <c r="N76180" s="10"/>
    </row>
    <row r="76181" spans="14:14">
      <c r="N76181" s="10"/>
    </row>
    <row r="76182" spans="14:14">
      <c r="N76182" s="10"/>
    </row>
    <row r="76183" spans="14:14">
      <c r="N76183" s="10"/>
    </row>
    <row r="76184" spans="14:14">
      <c r="N76184" s="10"/>
    </row>
    <row r="76185" spans="14:14">
      <c r="N76185" s="10"/>
    </row>
    <row r="76186" spans="14:14">
      <c r="N76186" s="10"/>
    </row>
    <row r="76187" spans="14:14">
      <c r="N76187" s="10"/>
    </row>
    <row r="76188" spans="14:14">
      <c r="N76188" s="10"/>
    </row>
    <row r="76189" spans="14:14">
      <c r="N76189" s="10"/>
    </row>
    <row r="76190" spans="14:14">
      <c r="N76190" s="10"/>
    </row>
    <row r="76191" spans="14:14">
      <c r="N76191" s="10"/>
    </row>
    <row r="76192" spans="14:14">
      <c r="N76192" s="10"/>
    </row>
    <row r="76193" spans="14:14">
      <c r="N76193" s="10"/>
    </row>
    <row r="76194" spans="14:14">
      <c r="N76194" s="10"/>
    </row>
    <row r="76195" spans="14:14">
      <c r="N76195" s="10"/>
    </row>
    <row r="76196" spans="14:14">
      <c r="N76196" s="10"/>
    </row>
    <row r="76197" spans="14:14">
      <c r="N76197" s="10"/>
    </row>
    <row r="76198" spans="14:14">
      <c r="N76198" s="10"/>
    </row>
    <row r="76199" spans="14:14">
      <c r="N76199" s="10"/>
    </row>
    <row r="76200" spans="14:14">
      <c r="N76200" s="10"/>
    </row>
    <row r="76201" spans="14:14">
      <c r="N76201" s="10"/>
    </row>
    <row r="76202" spans="14:14">
      <c r="N76202" s="10"/>
    </row>
    <row r="76203" spans="14:14">
      <c r="N76203" s="10"/>
    </row>
    <row r="76204" spans="14:14">
      <c r="N76204" s="10"/>
    </row>
    <row r="76205" spans="14:14">
      <c r="N76205" s="10"/>
    </row>
    <row r="76206" spans="14:14">
      <c r="N76206" s="10"/>
    </row>
    <row r="76207" spans="14:14">
      <c r="N76207" s="10"/>
    </row>
    <row r="76208" spans="14:14">
      <c r="N76208" s="10"/>
    </row>
    <row r="76209" spans="14:14">
      <c r="N76209" s="10"/>
    </row>
    <row r="76210" spans="14:14">
      <c r="N76210" s="10"/>
    </row>
    <row r="76211" spans="14:14">
      <c r="N76211" s="10"/>
    </row>
    <row r="76212" spans="14:14">
      <c r="N76212" s="10"/>
    </row>
    <row r="76213" spans="14:14">
      <c r="N76213" s="10"/>
    </row>
    <row r="76214" spans="14:14">
      <c r="N76214" s="10"/>
    </row>
    <row r="76215" spans="14:14">
      <c r="N76215" s="10"/>
    </row>
    <row r="76216" spans="14:14">
      <c r="N76216" s="10"/>
    </row>
    <row r="76217" spans="14:14">
      <c r="N76217" s="10"/>
    </row>
    <row r="76218" spans="14:14">
      <c r="N76218" s="10"/>
    </row>
    <row r="76219" spans="14:14">
      <c r="N76219" s="10"/>
    </row>
    <row r="76220" spans="14:14">
      <c r="N76220" s="10"/>
    </row>
    <row r="76221" spans="14:14">
      <c r="N76221" s="10"/>
    </row>
    <row r="76222" spans="14:14">
      <c r="N76222" s="10"/>
    </row>
    <row r="76223" spans="14:14">
      <c r="N76223" s="10"/>
    </row>
    <row r="76224" spans="14:14">
      <c r="N76224" s="10"/>
    </row>
    <row r="76225" spans="14:14">
      <c r="N76225" s="10"/>
    </row>
    <row r="76226" spans="14:14">
      <c r="N76226" s="10"/>
    </row>
    <row r="76227" spans="14:14">
      <c r="N76227" s="10"/>
    </row>
    <row r="76228" spans="14:14">
      <c r="N76228" s="10"/>
    </row>
    <row r="76229" spans="14:14">
      <c r="N76229" s="10"/>
    </row>
    <row r="76230" spans="14:14">
      <c r="N76230" s="10"/>
    </row>
    <row r="76231" spans="14:14">
      <c r="N76231" s="10"/>
    </row>
    <row r="76232" spans="14:14">
      <c r="N76232" s="10"/>
    </row>
    <row r="76233" spans="14:14">
      <c r="N76233" s="10"/>
    </row>
    <row r="76234" spans="14:14">
      <c r="N76234" s="10"/>
    </row>
    <row r="76235" spans="14:14">
      <c r="N76235" s="10"/>
    </row>
    <row r="76236" spans="14:14">
      <c r="N76236" s="10"/>
    </row>
    <row r="76237" spans="14:14">
      <c r="N76237" s="10"/>
    </row>
    <row r="76238" spans="14:14">
      <c r="N76238" s="10"/>
    </row>
    <row r="76239" spans="14:14">
      <c r="N76239" s="10"/>
    </row>
    <row r="76240" spans="14:14">
      <c r="N76240" s="10"/>
    </row>
    <row r="76241" spans="14:14">
      <c r="N76241" s="10"/>
    </row>
    <row r="76242" spans="14:14">
      <c r="N76242" s="10"/>
    </row>
    <row r="76243" spans="14:14">
      <c r="N76243" s="10"/>
    </row>
    <row r="76244" spans="14:14">
      <c r="N76244" s="10"/>
    </row>
    <row r="76245" spans="14:14">
      <c r="N76245" s="10"/>
    </row>
    <row r="76246" spans="14:14">
      <c r="N76246" s="10"/>
    </row>
    <row r="76247" spans="14:14">
      <c r="N76247" s="10"/>
    </row>
    <row r="76248" spans="14:14">
      <c r="N76248" s="10"/>
    </row>
    <row r="76249" spans="14:14">
      <c r="N76249" s="10"/>
    </row>
    <row r="76250" spans="14:14">
      <c r="N76250" s="10"/>
    </row>
    <row r="76251" spans="14:14">
      <c r="N76251" s="10"/>
    </row>
    <row r="76252" spans="14:14">
      <c r="N76252" s="10"/>
    </row>
    <row r="76253" spans="14:14">
      <c r="N76253" s="10"/>
    </row>
    <row r="76254" spans="14:14">
      <c r="N76254" s="10"/>
    </row>
    <row r="76255" spans="14:14">
      <c r="N76255" s="10"/>
    </row>
    <row r="76256" spans="14:14">
      <c r="N76256" s="10"/>
    </row>
    <row r="76257" spans="14:14">
      <c r="N76257" s="10"/>
    </row>
    <row r="76258" spans="14:14">
      <c r="N76258" s="10"/>
    </row>
    <row r="76259" spans="14:14">
      <c r="N76259" s="10"/>
    </row>
    <row r="76260" spans="14:14">
      <c r="N76260" s="10"/>
    </row>
    <row r="76261" spans="14:14">
      <c r="N76261" s="10"/>
    </row>
    <row r="76262" spans="14:14">
      <c r="N76262" s="10"/>
    </row>
    <row r="76263" spans="14:14">
      <c r="N76263" s="10"/>
    </row>
    <row r="76264" spans="14:14">
      <c r="N76264" s="10"/>
    </row>
    <row r="76265" spans="14:14">
      <c r="N76265" s="10"/>
    </row>
    <row r="76266" spans="14:14">
      <c r="N76266" s="10"/>
    </row>
    <row r="76267" spans="14:14">
      <c r="N76267" s="10"/>
    </row>
    <row r="76268" spans="14:14">
      <c r="N76268" s="10"/>
    </row>
    <row r="76269" spans="14:14">
      <c r="N76269" s="10"/>
    </row>
    <row r="76270" spans="14:14">
      <c r="N76270" s="10"/>
    </row>
    <row r="76271" spans="14:14">
      <c r="N76271" s="10"/>
    </row>
    <row r="76272" spans="14:14">
      <c r="N76272" s="10"/>
    </row>
    <row r="76273" spans="14:14">
      <c r="N76273" s="10"/>
    </row>
    <row r="76274" spans="14:14">
      <c r="N76274" s="10"/>
    </row>
    <row r="76275" spans="14:14">
      <c r="N76275" s="10"/>
    </row>
    <row r="76276" spans="14:14">
      <c r="N76276" s="10"/>
    </row>
    <row r="76277" spans="14:14">
      <c r="N76277" s="10"/>
    </row>
    <row r="76278" spans="14:14">
      <c r="N76278" s="10"/>
    </row>
    <row r="76279" spans="14:14">
      <c r="N76279" s="10"/>
    </row>
    <row r="76280" spans="14:14">
      <c r="N76280" s="10"/>
    </row>
    <row r="76281" spans="14:14">
      <c r="N76281" s="10"/>
    </row>
    <row r="76282" spans="14:14">
      <c r="N76282" s="10"/>
    </row>
    <row r="76283" spans="14:14">
      <c r="N76283" s="10"/>
    </row>
    <row r="76284" spans="14:14">
      <c r="N76284" s="10"/>
    </row>
    <row r="76285" spans="14:14">
      <c r="N76285" s="10"/>
    </row>
    <row r="76286" spans="14:14">
      <c r="N76286" s="10"/>
    </row>
    <row r="76287" spans="14:14">
      <c r="N76287" s="10"/>
    </row>
    <row r="76288" spans="14:14">
      <c r="N76288" s="10"/>
    </row>
    <row r="76289" spans="14:14">
      <c r="N76289" s="10"/>
    </row>
    <row r="76290" spans="14:14">
      <c r="N76290" s="10"/>
    </row>
    <row r="76291" spans="14:14">
      <c r="N76291" s="10"/>
    </row>
    <row r="76292" spans="14:14">
      <c r="N76292" s="10"/>
    </row>
    <row r="76293" spans="14:14">
      <c r="N76293" s="10"/>
    </row>
    <row r="76294" spans="14:14">
      <c r="N76294" s="10"/>
    </row>
    <row r="76295" spans="14:14">
      <c r="N76295" s="10"/>
    </row>
    <row r="76296" spans="14:14">
      <c r="N76296" s="10"/>
    </row>
    <row r="76297" spans="14:14">
      <c r="N76297" s="10"/>
    </row>
    <row r="76298" spans="14:14">
      <c r="N76298" s="10"/>
    </row>
    <row r="76299" spans="14:14">
      <c r="N76299" s="10"/>
    </row>
    <row r="76300" spans="14:14">
      <c r="N76300" s="10"/>
    </row>
    <row r="76301" spans="14:14">
      <c r="N76301" s="10"/>
    </row>
    <row r="76302" spans="14:14">
      <c r="N76302" s="10"/>
    </row>
    <row r="76303" spans="14:14">
      <c r="N76303" s="10"/>
    </row>
    <row r="76304" spans="14:14">
      <c r="N76304" s="10"/>
    </row>
    <row r="76305" spans="14:14">
      <c r="N76305" s="10"/>
    </row>
    <row r="76306" spans="14:14">
      <c r="N76306" s="10"/>
    </row>
    <row r="76307" spans="14:14">
      <c r="N76307" s="10"/>
    </row>
    <row r="76308" spans="14:14">
      <c r="N76308" s="10"/>
    </row>
    <row r="76309" spans="14:14">
      <c r="N76309" s="10"/>
    </row>
    <row r="76310" spans="14:14">
      <c r="N76310" s="10"/>
    </row>
    <row r="76311" spans="14:14">
      <c r="N76311" s="10"/>
    </row>
    <row r="76312" spans="14:14">
      <c r="N76312" s="10"/>
    </row>
    <row r="76313" spans="14:14">
      <c r="N76313" s="10"/>
    </row>
    <row r="76314" spans="14:14">
      <c r="N76314" s="10"/>
    </row>
    <row r="76315" spans="14:14">
      <c r="N76315" s="10"/>
    </row>
    <row r="76316" spans="14:14">
      <c r="N76316" s="10"/>
    </row>
    <row r="76317" spans="14:14">
      <c r="N76317" s="10"/>
    </row>
    <row r="76318" spans="14:14">
      <c r="N76318" s="10"/>
    </row>
    <row r="76319" spans="14:14">
      <c r="N76319" s="10"/>
    </row>
    <row r="76320" spans="14:14">
      <c r="N76320" s="10"/>
    </row>
    <row r="76321" spans="14:14">
      <c r="N76321" s="10"/>
    </row>
    <row r="76322" spans="14:14">
      <c r="N76322" s="10"/>
    </row>
    <row r="76323" spans="14:14">
      <c r="N76323" s="10"/>
    </row>
    <row r="76324" spans="14:14">
      <c r="N76324" s="10"/>
    </row>
    <row r="76325" spans="14:14">
      <c r="N76325" s="10"/>
    </row>
    <row r="76326" spans="14:14">
      <c r="N76326" s="10"/>
    </row>
    <row r="76327" spans="14:14">
      <c r="N76327" s="10"/>
    </row>
    <row r="76328" spans="14:14">
      <c r="N76328" s="10"/>
    </row>
    <row r="76329" spans="14:14">
      <c r="N76329" s="10"/>
    </row>
    <row r="76330" spans="14:14">
      <c r="N76330" s="10"/>
    </row>
    <row r="76331" spans="14:14">
      <c r="N76331" s="10"/>
    </row>
    <row r="76332" spans="14:14">
      <c r="N76332" s="10"/>
    </row>
    <row r="76333" spans="14:14">
      <c r="N76333" s="10"/>
    </row>
    <row r="76334" spans="14:14">
      <c r="N76334" s="10"/>
    </row>
    <row r="76335" spans="14:14">
      <c r="N76335" s="10"/>
    </row>
    <row r="76336" spans="14:14">
      <c r="N76336" s="10"/>
    </row>
    <row r="76337" spans="14:14">
      <c r="N76337" s="10"/>
    </row>
    <row r="76338" spans="14:14">
      <c r="N76338" s="10"/>
    </row>
    <row r="76339" spans="14:14">
      <c r="N76339" s="10"/>
    </row>
    <row r="76340" spans="14:14">
      <c r="N76340" s="10"/>
    </row>
    <row r="76341" spans="14:14">
      <c r="N76341" s="10"/>
    </row>
    <row r="76342" spans="14:14">
      <c r="N76342" s="10"/>
    </row>
    <row r="76343" spans="14:14">
      <c r="N76343" s="10"/>
    </row>
    <row r="76344" spans="14:14">
      <c r="N76344" s="10"/>
    </row>
    <row r="76345" spans="14:14">
      <c r="N76345" s="10"/>
    </row>
    <row r="76346" spans="14:14">
      <c r="N76346" s="10"/>
    </row>
    <row r="76347" spans="14:14">
      <c r="N76347" s="10"/>
    </row>
    <row r="76348" spans="14:14">
      <c r="N76348" s="10"/>
    </row>
    <row r="76349" spans="14:14">
      <c r="N76349" s="10"/>
    </row>
    <row r="76350" spans="14:14">
      <c r="N76350" s="10"/>
    </row>
    <row r="76351" spans="14:14">
      <c r="N76351" s="10"/>
    </row>
    <row r="76352" spans="14:14">
      <c r="N76352" s="10"/>
    </row>
    <row r="76353" spans="14:14">
      <c r="N76353" s="10"/>
    </row>
    <row r="76354" spans="14:14">
      <c r="N76354" s="10"/>
    </row>
    <row r="76355" spans="14:14">
      <c r="N76355" s="10"/>
    </row>
    <row r="76356" spans="14:14">
      <c r="N76356" s="10"/>
    </row>
    <row r="76357" spans="14:14">
      <c r="N76357" s="10"/>
    </row>
    <row r="76358" spans="14:14">
      <c r="N76358" s="10"/>
    </row>
    <row r="76359" spans="14:14">
      <c r="N76359" s="10"/>
    </row>
    <row r="76360" spans="14:14">
      <c r="N76360" s="10"/>
    </row>
    <row r="76361" spans="14:14">
      <c r="N76361" s="10"/>
    </row>
    <row r="76362" spans="14:14">
      <c r="N76362" s="10"/>
    </row>
    <row r="76363" spans="14:14">
      <c r="N76363" s="10"/>
    </row>
    <row r="76364" spans="14:14">
      <c r="N76364" s="10"/>
    </row>
    <row r="76365" spans="14:14">
      <c r="N76365" s="10"/>
    </row>
    <row r="76366" spans="14:14">
      <c r="N76366" s="10"/>
    </row>
    <row r="76367" spans="14:14">
      <c r="N76367" s="10"/>
    </row>
    <row r="76368" spans="14:14">
      <c r="N76368" s="10"/>
    </row>
    <row r="76369" spans="14:14">
      <c r="N76369" s="10"/>
    </row>
    <row r="76370" spans="14:14">
      <c r="N76370" s="10"/>
    </row>
    <row r="76371" spans="14:14">
      <c r="N76371" s="10"/>
    </row>
    <row r="76372" spans="14:14">
      <c r="N76372" s="10"/>
    </row>
    <row r="76373" spans="14:14">
      <c r="N76373" s="10"/>
    </row>
    <row r="76374" spans="14:14">
      <c r="N76374" s="10"/>
    </row>
    <row r="76375" spans="14:14">
      <c r="N76375" s="10"/>
    </row>
    <row r="76376" spans="14:14">
      <c r="N76376" s="10"/>
    </row>
    <row r="76377" spans="14:14">
      <c r="N76377" s="10"/>
    </row>
    <row r="76378" spans="14:14">
      <c r="N76378" s="10"/>
    </row>
    <row r="76379" spans="14:14">
      <c r="N76379" s="10"/>
    </row>
    <row r="76380" spans="14:14">
      <c r="N76380" s="10"/>
    </row>
    <row r="76381" spans="14:14">
      <c r="N76381" s="10"/>
    </row>
    <row r="76382" spans="14:14">
      <c r="N76382" s="10"/>
    </row>
    <row r="76383" spans="14:14">
      <c r="N76383" s="10"/>
    </row>
    <row r="76384" spans="14:14">
      <c r="N76384" s="10"/>
    </row>
    <row r="76385" spans="14:14">
      <c r="N76385" s="10"/>
    </row>
    <row r="76386" spans="14:14">
      <c r="N76386" s="10"/>
    </row>
    <row r="76387" spans="14:14">
      <c r="N76387" s="10"/>
    </row>
    <row r="76388" spans="14:14">
      <c r="N76388" s="10"/>
    </row>
    <row r="76389" spans="14:14">
      <c r="N76389" s="10"/>
    </row>
    <row r="76390" spans="14:14">
      <c r="N76390" s="10"/>
    </row>
    <row r="76391" spans="14:14">
      <c r="N76391" s="10"/>
    </row>
    <row r="76392" spans="14:14">
      <c r="N76392" s="10"/>
    </row>
    <row r="76393" spans="14:14">
      <c r="N76393" s="10"/>
    </row>
    <row r="76394" spans="14:14">
      <c r="N76394" s="10"/>
    </row>
    <row r="76395" spans="14:14">
      <c r="N76395" s="10"/>
    </row>
    <row r="76396" spans="14:14">
      <c r="N76396" s="10"/>
    </row>
    <row r="76397" spans="14:14">
      <c r="N76397" s="10"/>
    </row>
    <row r="76398" spans="14:14">
      <c r="N76398" s="10"/>
    </row>
    <row r="76399" spans="14:14">
      <c r="N76399" s="10"/>
    </row>
    <row r="76400" spans="14:14">
      <c r="N76400" s="10"/>
    </row>
    <row r="76401" spans="14:14">
      <c r="N76401" s="10"/>
    </row>
    <row r="76402" spans="14:14">
      <c r="N76402" s="10"/>
    </row>
    <row r="76403" spans="14:14">
      <c r="N76403" s="10"/>
    </row>
    <row r="76404" spans="14:14">
      <c r="N76404" s="10"/>
    </row>
    <row r="76405" spans="14:14">
      <c r="N76405" s="10"/>
    </row>
    <row r="76406" spans="14:14">
      <c r="N76406" s="10"/>
    </row>
    <row r="76407" spans="14:14">
      <c r="N76407" s="10"/>
    </row>
    <row r="76408" spans="14:14">
      <c r="N76408" s="10"/>
    </row>
    <row r="76409" spans="14:14">
      <c r="N76409" s="10"/>
    </row>
    <row r="76410" spans="14:14">
      <c r="N76410" s="10"/>
    </row>
    <row r="76411" spans="14:14">
      <c r="N76411" s="10"/>
    </row>
    <row r="76412" spans="14:14">
      <c r="N76412" s="10"/>
    </row>
    <row r="76413" spans="14:14">
      <c r="N76413" s="10"/>
    </row>
    <row r="76414" spans="14:14">
      <c r="N76414" s="10"/>
    </row>
    <row r="76415" spans="14:14">
      <c r="N76415" s="10"/>
    </row>
    <row r="76416" spans="14:14">
      <c r="N76416" s="10"/>
    </row>
    <row r="76417" spans="14:14">
      <c r="N76417" s="10"/>
    </row>
    <row r="76418" spans="14:14">
      <c r="N76418" s="10"/>
    </row>
    <row r="76419" spans="14:14">
      <c r="N76419" s="10"/>
    </row>
    <row r="76420" spans="14:14">
      <c r="N76420" s="10"/>
    </row>
    <row r="76421" spans="14:14">
      <c r="N76421" s="10"/>
    </row>
    <row r="76422" spans="14:14">
      <c r="N76422" s="10"/>
    </row>
    <row r="76423" spans="14:14">
      <c r="N76423" s="10"/>
    </row>
    <row r="76424" spans="14:14">
      <c r="N76424" s="10"/>
    </row>
    <row r="76425" spans="14:14">
      <c r="N76425" s="10"/>
    </row>
    <row r="76426" spans="14:14">
      <c r="N76426" s="10"/>
    </row>
    <row r="76427" spans="14:14">
      <c r="N76427" s="10"/>
    </row>
    <row r="76428" spans="14:14">
      <c r="N76428" s="10"/>
    </row>
    <row r="76429" spans="14:14">
      <c r="N76429" s="10"/>
    </row>
    <row r="76430" spans="14:14">
      <c r="N76430" s="10"/>
    </row>
    <row r="76431" spans="14:14">
      <c r="N76431" s="10"/>
    </row>
    <row r="76432" spans="14:14">
      <c r="N76432" s="10"/>
    </row>
    <row r="76433" spans="14:14">
      <c r="N76433" s="10"/>
    </row>
    <row r="76434" spans="14:14">
      <c r="N76434" s="10"/>
    </row>
    <row r="76435" spans="14:14">
      <c r="N76435" s="10"/>
    </row>
    <row r="76436" spans="14:14">
      <c r="N76436" s="10"/>
    </row>
    <row r="76437" spans="14:14">
      <c r="N76437" s="10"/>
    </row>
    <row r="76438" spans="14:14">
      <c r="N76438" s="10"/>
    </row>
    <row r="76439" spans="14:14">
      <c r="N76439" s="10"/>
    </row>
    <row r="76440" spans="14:14">
      <c r="N76440" s="10"/>
    </row>
    <row r="76441" spans="14:14">
      <c r="N76441" s="10"/>
    </row>
    <row r="76442" spans="14:14">
      <c r="N76442" s="10"/>
    </row>
    <row r="76443" spans="14:14">
      <c r="N76443" s="10"/>
    </row>
    <row r="76444" spans="14:14">
      <c r="N76444" s="10"/>
    </row>
    <row r="76445" spans="14:14">
      <c r="N76445" s="10"/>
    </row>
    <row r="76446" spans="14:14">
      <c r="N76446" s="10"/>
    </row>
    <row r="76447" spans="14:14">
      <c r="N76447" s="10"/>
    </row>
    <row r="76448" spans="14:14">
      <c r="N76448" s="10"/>
    </row>
    <row r="76449" spans="14:14">
      <c r="N76449" s="10"/>
    </row>
    <row r="76450" spans="14:14">
      <c r="N76450" s="10"/>
    </row>
    <row r="76451" spans="14:14">
      <c r="N76451" s="10"/>
    </row>
    <row r="76452" spans="14:14">
      <c r="N76452" s="10"/>
    </row>
    <row r="76453" spans="14:14">
      <c r="N76453" s="10"/>
    </row>
    <row r="76454" spans="14:14">
      <c r="N76454" s="10"/>
    </row>
    <row r="76455" spans="14:14">
      <c r="N76455" s="10"/>
    </row>
    <row r="76456" spans="14:14">
      <c r="N76456" s="10"/>
    </row>
    <row r="76457" spans="14:14">
      <c r="N76457" s="10"/>
    </row>
    <row r="76458" spans="14:14">
      <c r="N76458" s="10"/>
    </row>
    <row r="76459" spans="14:14">
      <c r="N76459" s="10"/>
    </row>
    <row r="76460" spans="14:14">
      <c r="N76460" s="10"/>
    </row>
    <row r="76461" spans="14:14">
      <c r="N76461" s="10"/>
    </row>
    <row r="76462" spans="14:14">
      <c r="N76462" s="10"/>
    </row>
    <row r="76463" spans="14:14">
      <c r="N76463" s="10"/>
    </row>
    <row r="76464" spans="14:14">
      <c r="N76464" s="10"/>
    </row>
    <row r="76465" spans="14:14">
      <c r="N76465" s="10"/>
    </row>
    <row r="76466" spans="14:14">
      <c r="N76466" s="10"/>
    </row>
    <row r="76467" spans="14:14">
      <c r="N76467" s="10"/>
    </row>
    <row r="76468" spans="14:14">
      <c r="N76468" s="10"/>
    </row>
    <row r="76469" spans="14:14">
      <c r="N76469" s="10"/>
    </row>
    <row r="76470" spans="14:14">
      <c r="N76470" s="10"/>
    </row>
    <row r="76471" spans="14:14">
      <c r="N76471" s="10"/>
    </row>
    <row r="76472" spans="14:14">
      <c r="N76472" s="10"/>
    </row>
    <row r="76473" spans="14:14">
      <c r="N76473" s="10"/>
    </row>
    <row r="76474" spans="14:14">
      <c r="N76474" s="10"/>
    </row>
    <row r="76475" spans="14:14">
      <c r="N76475" s="10"/>
    </row>
    <row r="76476" spans="14:14">
      <c r="N76476" s="10"/>
    </row>
    <row r="76477" spans="14:14">
      <c r="N76477" s="10"/>
    </row>
    <row r="76478" spans="14:14">
      <c r="N76478" s="10"/>
    </row>
    <row r="76479" spans="14:14">
      <c r="N76479" s="10"/>
    </row>
    <row r="76480" spans="14:14">
      <c r="N76480" s="10"/>
    </row>
    <row r="76481" spans="14:14">
      <c r="N76481" s="10"/>
    </row>
    <row r="76482" spans="14:14">
      <c r="N76482" s="10"/>
    </row>
    <row r="76483" spans="14:14">
      <c r="N76483" s="10"/>
    </row>
    <row r="76484" spans="14:14">
      <c r="N76484" s="10"/>
    </row>
    <row r="76485" spans="14:14">
      <c r="N76485" s="10"/>
    </row>
    <row r="76486" spans="14:14">
      <c r="N76486" s="10"/>
    </row>
    <row r="76487" spans="14:14">
      <c r="N76487" s="10"/>
    </row>
    <row r="76488" spans="14:14">
      <c r="N76488" s="10"/>
    </row>
    <row r="76489" spans="14:14">
      <c r="N76489" s="10"/>
    </row>
    <row r="76490" spans="14:14">
      <c r="N76490" s="10"/>
    </row>
    <row r="76491" spans="14:14">
      <c r="N76491" s="10"/>
    </row>
    <row r="76492" spans="14:14">
      <c r="N76492" s="10"/>
    </row>
    <row r="76493" spans="14:14">
      <c r="N76493" s="10"/>
    </row>
    <row r="76494" spans="14:14">
      <c r="N76494" s="10"/>
    </row>
    <row r="76495" spans="14:14">
      <c r="N76495" s="10"/>
    </row>
    <row r="76496" spans="14:14">
      <c r="N76496" s="10"/>
    </row>
    <row r="76497" spans="14:14">
      <c r="N76497" s="10"/>
    </row>
    <row r="76498" spans="14:14">
      <c r="N76498" s="10"/>
    </row>
    <row r="76499" spans="14:14">
      <c r="N76499" s="10"/>
    </row>
    <row r="76500" spans="14:14">
      <c r="N76500" s="10"/>
    </row>
    <row r="76501" spans="14:14">
      <c r="N76501" s="10"/>
    </row>
    <row r="76502" spans="14:14">
      <c r="N76502" s="10"/>
    </row>
    <row r="76503" spans="14:14">
      <c r="N76503" s="10"/>
    </row>
    <row r="76504" spans="14:14">
      <c r="N76504" s="10"/>
    </row>
    <row r="76505" spans="14:14">
      <c r="N76505" s="10"/>
    </row>
    <row r="76506" spans="14:14">
      <c r="N76506" s="10"/>
    </row>
    <row r="76507" spans="14:14">
      <c r="N76507" s="10"/>
    </row>
    <row r="76508" spans="14:14">
      <c r="N76508" s="10"/>
    </row>
    <row r="76509" spans="14:14">
      <c r="N76509" s="10"/>
    </row>
    <row r="76510" spans="14:14">
      <c r="N76510" s="10"/>
    </row>
    <row r="76511" spans="14:14">
      <c r="N76511" s="10"/>
    </row>
    <row r="76512" spans="14:14">
      <c r="N76512" s="10"/>
    </row>
    <row r="76513" spans="14:14">
      <c r="N76513" s="10"/>
    </row>
    <row r="76514" spans="14:14">
      <c r="N76514" s="10"/>
    </row>
    <row r="76515" spans="14:14">
      <c r="N76515" s="10"/>
    </row>
    <row r="76516" spans="14:14">
      <c r="N76516" s="10"/>
    </row>
    <row r="76517" spans="14:14">
      <c r="N76517" s="10"/>
    </row>
    <row r="76518" spans="14:14">
      <c r="N76518" s="10"/>
    </row>
    <row r="76519" spans="14:14">
      <c r="N76519" s="10"/>
    </row>
    <row r="76520" spans="14:14">
      <c r="N76520" s="10"/>
    </row>
    <row r="76521" spans="14:14">
      <c r="N76521" s="10"/>
    </row>
    <row r="76522" spans="14:14">
      <c r="N76522" s="10"/>
    </row>
    <row r="76523" spans="14:14">
      <c r="N76523" s="10"/>
    </row>
    <row r="76524" spans="14:14">
      <c r="N76524" s="10"/>
    </row>
    <row r="76525" spans="14:14">
      <c r="N76525" s="10"/>
    </row>
    <row r="76526" spans="14:14">
      <c r="N76526" s="10"/>
    </row>
    <row r="76527" spans="14:14">
      <c r="N76527" s="10"/>
    </row>
    <row r="76528" spans="14:14">
      <c r="N76528" s="10"/>
    </row>
    <row r="76529" spans="14:14">
      <c r="N76529" s="10"/>
    </row>
    <row r="76530" spans="14:14">
      <c r="N76530" s="10"/>
    </row>
    <row r="76531" spans="14:14">
      <c r="N76531" s="10"/>
    </row>
    <row r="76532" spans="14:14">
      <c r="N76532" s="10"/>
    </row>
    <row r="76533" spans="14:14">
      <c r="N76533" s="10"/>
    </row>
    <row r="76534" spans="14:14">
      <c r="N76534" s="10"/>
    </row>
    <row r="76535" spans="14:14">
      <c r="N76535" s="10"/>
    </row>
    <row r="76536" spans="14:14">
      <c r="N76536" s="10"/>
    </row>
    <row r="76537" spans="14:14">
      <c r="N76537" s="10"/>
    </row>
    <row r="76538" spans="14:14">
      <c r="N76538" s="10"/>
    </row>
    <row r="76539" spans="14:14">
      <c r="N76539" s="10"/>
    </row>
    <row r="76540" spans="14:14">
      <c r="N76540" s="10"/>
    </row>
    <row r="76541" spans="14:14">
      <c r="N76541" s="10"/>
    </row>
    <row r="76542" spans="14:14">
      <c r="N76542" s="10"/>
    </row>
    <row r="76543" spans="14:14">
      <c r="N76543" s="10"/>
    </row>
    <row r="76544" spans="14:14">
      <c r="N76544" s="10"/>
    </row>
    <row r="76545" spans="14:14">
      <c r="N76545" s="10"/>
    </row>
    <row r="76546" spans="14:14">
      <c r="N76546" s="10"/>
    </row>
    <row r="76547" spans="14:14">
      <c r="N76547" s="10"/>
    </row>
    <row r="76548" spans="14:14">
      <c r="N76548" s="10"/>
    </row>
    <row r="76549" spans="14:14">
      <c r="N76549" s="10"/>
    </row>
    <row r="76550" spans="14:14">
      <c r="N76550" s="10"/>
    </row>
    <row r="76551" spans="14:14">
      <c r="N76551" s="10"/>
    </row>
    <row r="76552" spans="14:14">
      <c r="N76552" s="10"/>
    </row>
    <row r="76553" spans="14:14">
      <c r="N76553" s="10"/>
    </row>
    <row r="76554" spans="14:14">
      <c r="N76554" s="10"/>
    </row>
    <row r="76555" spans="14:14">
      <c r="N76555" s="10"/>
    </row>
    <row r="76556" spans="14:14">
      <c r="N76556" s="10"/>
    </row>
    <row r="76557" spans="14:14">
      <c r="N76557" s="10"/>
    </row>
    <row r="76558" spans="14:14">
      <c r="N76558" s="10"/>
    </row>
    <row r="76559" spans="14:14">
      <c r="N76559" s="10"/>
    </row>
    <row r="76560" spans="14:14">
      <c r="N76560" s="10"/>
    </row>
    <row r="76561" spans="14:14">
      <c r="N76561" s="10"/>
    </row>
    <row r="76562" spans="14:14">
      <c r="N76562" s="10"/>
    </row>
    <row r="76563" spans="14:14">
      <c r="N76563" s="10"/>
    </row>
    <row r="76564" spans="14:14">
      <c r="N76564" s="10"/>
    </row>
    <row r="76565" spans="14:14">
      <c r="N76565" s="10"/>
    </row>
    <row r="76566" spans="14:14">
      <c r="N76566" s="10"/>
    </row>
    <row r="76567" spans="14:14">
      <c r="N76567" s="10"/>
    </row>
    <row r="76568" spans="14:14">
      <c r="N76568" s="10"/>
    </row>
    <row r="76569" spans="14:14">
      <c r="N76569" s="10"/>
    </row>
    <row r="76570" spans="14:14">
      <c r="N76570" s="10"/>
    </row>
    <row r="76571" spans="14:14">
      <c r="N76571" s="10"/>
    </row>
    <row r="76572" spans="14:14">
      <c r="N76572" s="10"/>
    </row>
    <row r="76573" spans="14:14">
      <c r="N76573" s="10"/>
    </row>
    <row r="76574" spans="14:14">
      <c r="N76574" s="10"/>
    </row>
    <row r="76575" spans="14:14">
      <c r="N76575" s="10"/>
    </row>
    <row r="76576" spans="14:14">
      <c r="N76576" s="10"/>
    </row>
    <row r="76577" spans="14:14">
      <c r="N76577" s="10"/>
    </row>
    <row r="76578" spans="14:14">
      <c r="N76578" s="10"/>
    </row>
    <row r="76579" spans="14:14">
      <c r="N76579" s="10"/>
    </row>
    <row r="76580" spans="14:14">
      <c r="N76580" s="10"/>
    </row>
    <row r="76581" spans="14:14">
      <c r="N76581" s="10"/>
    </row>
    <row r="76582" spans="14:14">
      <c r="N76582" s="10"/>
    </row>
    <row r="76583" spans="14:14">
      <c r="N76583" s="10"/>
    </row>
    <row r="76584" spans="14:14">
      <c r="N76584" s="10"/>
    </row>
    <row r="76585" spans="14:14">
      <c r="N76585" s="10"/>
    </row>
    <row r="76586" spans="14:14">
      <c r="N76586" s="10"/>
    </row>
    <row r="76587" spans="14:14">
      <c r="N76587" s="10"/>
    </row>
    <row r="76588" spans="14:14">
      <c r="N76588" s="10"/>
    </row>
    <row r="76589" spans="14:14">
      <c r="N76589" s="10"/>
    </row>
    <row r="76590" spans="14:14">
      <c r="N76590" s="10"/>
    </row>
    <row r="76591" spans="14:14">
      <c r="N76591" s="10"/>
    </row>
    <row r="76592" spans="14:14">
      <c r="N76592" s="10"/>
    </row>
    <row r="76593" spans="14:14">
      <c r="N76593" s="10"/>
    </row>
    <row r="76594" spans="14:14">
      <c r="N76594" s="10"/>
    </row>
    <row r="76595" spans="14:14">
      <c r="N76595" s="10"/>
    </row>
    <row r="76596" spans="14:14">
      <c r="N76596" s="10"/>
    </row>
    <row r="76597" spans="14:14">
      <c r="N76597" s="10"/>
    </row>
    <row r="76598" spans="14:14">
      <c r="N76598" s="10"/>
    </row>
    <row r="76599" spans="14:14">
      <c r="N76599" s="10"/>
    </row>
    <row r="76600" spans="14:14">
      <c r="N76600" s="10"/>
    </row>
    <row r="76601" spans="14:14">
      <c r="N76601" s="10"/>
    </row>
    <row r="76602" spans="14:14">
      <c r="N76602" s="10"/>
    </row>
    <row r="76603" spans="14:14">
      <c r="N76603" s="10"/>
    </row>
    <row r="76604" spans="14:14">
      <c r="N76604" s="10"/>
    </row>
    <row r="76605" spans="14:14">
      <c r="N76605" s="10"/>
    </row>
    <row r="76606" spans="14:14">
      <c r="N76606" s="10"/>
    </row>
    <row r="76607" spans="14:14">
      <c r="N76607" s="10"/>
    </row>
    <row r="76608" spans="14:14">
      <c r="N76608" s="10"/>
    </row>
    <row r="76609" spans="14:14">
      <c r="N76609" s="10"/>
    </row>
    <row r="76610" spans="14:14">
      <c r="N76610" s="10"/>
    </row>
    <row r="76611" spans="14:14">
      <c r="N76611" s="10"/>
    </row>
    <row r="76612" spans="14:14">
      <c r="N76612" s="10"/>
    </row>
    <row r="76613" spans="14:14">
      <c r="N76613" s="10"/>
    </row>
    <row r="76614" spans="14:14">
      <c r="N76614" s="10"/>
    </row>
    <row r="76615" spans="14:14">
      <c r="N76615" s="10"/>
    </row>
    <row r="76616" spans="14:14">
      <c r="N76616" s="10"/>
    </row>
    <row r="76617" spans="14:14">
      <c r="N76617" s="10"/>
    </row>
    <row r="76618" spans="14:14">
      <c r="N76618" s="10"/>
    </row>
    <row r="76619" spans="14:14">
      <c r="N76619" s="10"/>
    </row>
    <row r="76620" spans="14:14">
      <c r="N76620" s="10"/>
    </row>
    <row r="76621" spans="14:14">
      <c r="N76621" s="10"/>
    </row>
    <row r="76622" spans="14:14">
      <c r="N76622" s="10"/>
    </row>
    <row r="76623" spans="14:14">
      <c r="N76623" s="10"/>
    </row>
    <row r="76624" spans="14:14">
      <c r="N76624" s="10"/>
    </row>
    <row r="76625" spans="14:14">
      <c r="N76625" s="10"/>
    </row>
    <row r="76626" spans="14:14">
      <c r="N76626" s="10"/>
    </row>
    <row r="76627" spans="14:14">
      <c r="N76627" s="10"/>
    </row>
    <row r="76628" spans="14:14">
      <c r="N76628" s="10"/>
    </row>
    <row r="76629" spans="14:14">
      <c r="N76629" s="10"/>
    </row>
    <row r="76630" spans="14:14">
      <c r="N76630" s="10"/>
    </row>
    <row r="76631" spans="14:14">
      <c r="N76631" s="10"/>
    </row>
    <row r="76632" spans="14:14">
      <c r="N76632" s="10"/>
    </row>
    <row r="76633" spans="14:14">
      <c r="N76633" s="10"/>
    </row>
    <row r="76634" spans="14:14">
      <c r="N76634" s="10"/>
    </row>
    <row r="76635" spans="14:14">
      <c r="N76635" s="10"/>
    </row>
    <row r="76636" spans="14:14">
      <c r="N76636" s="10"/>
    </row>
    <row r="76637" spans="14:14">
      <c r="N76637" s="10"/>
    </row>
    <row r="76638" spans="14:14">
      <c r="N76638" s="10"/>
    </row>
    <row r="76639" spans="14:14">
      <c r="N76639" s="10"/>
    </row>
    <row r="76640" spans="14:14">
      <c r="N76640" s="10"/>
    </row>
    <row r="76641" spans="14:14">
      <c r="N76641" s="10"/>
    </row>
    <row r="76642" spans="14:14">
      <c r="N76642" s="10"/>
    </row>
    <row r="76643" spans="14:14">
      <c r="N76643" s="10"/>
    </row>
    <row r="76644" spans="14:14">
      <c r="N76644" s="10"/>
    </row>
    <row r="76645" spans="14:14">
      <c r="N76645" s="10"/>
    </row>
    <row r="76646" spans="14:14">
      <c r="N76646" s="10"/>
    </row>
    <row r="76647" spans="14:14">
      <c r="N76647" s="10"/>
    </row>
    <row r="76648" spans="14:14">
      <c r="N76648" s="10"/>
    </row>
    <row r="76649" spans="14:14">
      <c r="N76649" s="10"/>
    </row>
    <row r="76650" spans="14:14">
      <c r="N76650" s="10"/>
    </row>
    <row r="76651" spans="14:14">
      <c r="N76651" s="10"/>
    </row>
    <row r="76652" spans="14:14">
      <c r="N76652" s="10"/>
    </row>
    <row r="76653" spans="14:14">
      <c r="N76653" s="10"/>
    </row>
    <row r="76654" spans="14:14">
      <c r="N76654" s="10"/>
    </row>
    <row r="76655" spans="14:14">
      <c r="N76655" s="10"/>
    </row>
    <row r="76656" spans="14:14">
      <c r="N76656" s="10"/>
    </row>
    <row r="76657" spans="14:14">
      <c r="N76657" s="10"/>
    </row>
    <row r="76658" spans="14:14">
      <c r="N76658" s="10"/>
    </row>
    <row r="76659" spans="14:14">
      <c r="N76659" s="10"/>
    </row>
    <row r="76660" spans="14:14">
      <c r="N76660" s="10"/>
    </row>
    <row r="76661" spans="14:14">
      <c r="N76661" s="10"/>
    </row>
    <row r="76662" spans="14:14">
      <c r="N76662" s="10"/>
    </row>
    <row r="76663" spans="14:14">
      <c r="N76663" s="10"/>
    </row>
    <row r="76664" spans="14:14">
      <c r="N76664" s="10"/>
    </row>
    <row r="76665" spans="14:14">
      <c r="N76665" s="10"/>
    </row>
    <row r="76666" spans="14:14">
      <c r="N76666" s="10"/>
    </row>
    <row r="76667" spans="14:14">
      <c r="N76667" s="10"/>
    </row>
    <row r="76668" spans="14:14">
      <c r="N76668" s="10"/>
    </row>
    <row r="76669" spans="14:14">
      <c r="N76669" s="10"/>
    </row>
    <row r="76670" spans="14:14">
      <c r="N76670" s="10"/>
    </row>
    <row r="76671" spans="14:14">
      <c r="N76671" s="10"/>
    </row>
    <row r="76672" spans="14:14">
      <c r="N76672" s="10"/>
    </row>
    <row r="76673" spans="14:14">
      <c r="N76673" s="10"/>
    </row>
    <row r="76674" spans="14:14">
      <c r="N76674" s="10"/>
    </row>
    <row r="76675" spans="14:14">
      <c r="N76675" s="10"/>
    </row>
    <row r="76676" spans="14:14">
      <c r="N76676" s="10"/>
    </row>
    <row r="76677" spans="14:14">
      <c r="N76677" s="10"/>
    </row>
    <row r="76678" spans="14:14">
      <c r="N76678" s="10"/>
    </row>
    <row r="76679" spans="14:14">
      <c r="N76679" s="10"/>
    </row>
    <row r="76680" spans="14:14">
      <c r="N76680" s="10"/>
    </row>
    <row r="76681" spans="14:14">
      <c r="N76681" s="10"/>
    </row>
    <row r="76682" spans="14:14">
      <c r="N76682" s="10"/>
    </row>
    <row r="76683" spans="14:14">
      <c r="N76683" s="10"/>
    </row>
    <row r="76684" spans="14:14">
      <c r="N76684" s="10"/>
    </row>
    <row r="76685" spans="14:14">
      <c r="N76685" s="10"/>
    </row>
    <row r="76686" spans="14:14">
      <c r="N76686" s="10"/>
    </row>
    <row r="76687" spans="14:14">
      <c r="N76687" s="10"/>
    </row>
    <row r="76688" spans="14:14">
      <c r="N76688" s="10"/>
    </row>
    <row r="76689" spans="14:14">
      <c r="N76689" s="10"/>
    </row>
    <row r="76690" spans="14:14">
      <c r="N76690" s="10"/>
    </row>
    <row r="76691" spans="14:14">
      <c r="N76691" s="10"/>
    </row>
    <row r="76692" spans="14:14">
      <c r="N76692" s="10"/>
    </row>
    <row r="76693" spans="14:14">
      <c r="N76693" s="10"/>
    </row>
    <row r="76694" spans="14:14">
      <c r="N76694" s="10"/>
    </row>
    <row r="76695" spans="14:14">
      <c r="N76695" s="10"/>
    </row>
    <row r="76696" spans="14:14">
      <c r="N76696" s="10"/>
    </row>
    <row r="76697" spans="14:14">
      <c r="N76697" s="10"/>
    </row>
    <row r="76698" spans="14:14">
      <c r="N76698" s="10"/>
    </row>
    <row r="76699" spans="14:14">
      <c r="N76699" s="10"/>
    </row>
    <row r="76700" spans="14:14">
      <c r="N76700" s="10"/>
    </row>
    <row r="76701" spans="14:14">
      <c r="N76701" s="10"/>
    </row>
    <row r="76702" spans="14:14">
      <c r="N76702" s="10"/>
    </row>
    <row r="76703" spans="14:14">
      <c r="N76703" s="10"/>
    </row>
    <row r="76704" spans="14:14">
      <c r="N76704" s="10"/>
    </row>
    <row r="76705" spans="14:14">
      <c r="N76705" s="10"/>
    </row>
    <row r="76706" spans="14:14">
      <c r="N76706" s="10"/>
    </row>
    <row r="76707" spans="14:14">
      <c r="N76707" s="10"/>
    </row>
    <row r="76708" spans="14:14">
      <c r="N76708" s="10"/>
    </row>
    <row r="76709" spans="14:14">
      <c r="N76709" s="10"/>
    </row>
    <row r="76710" spans="14:14">
      <c r="N76710" s="10"/>
    </row>
    <row r="76711" spans="14:14">
      <c r="N76711" s="10"/>
    </row>
    <row r="76712" spans="14:14">
      <c r="N76712" s="10"/>
    </row>
    <row r="76713" spans="14:14">
      <c r="N76713" s="10"/>
    </row>
    <row r="76714" spans="14:14">
      <c r="N76714" s="10"/>
    </row>
    <row r="76715" spans="14:14">
      <c r="N76715" s="10"/>
    </row>
    <row r="76716" spans="14:14">
      <c r="N76716" s="10"/>
    </row>
    <row r="76717" spans="14:14">
      <c r="N76717" s="10"/>
    </row>
    <row r="76718" spans="14:14">
      <c r="N76718" s="10"/>
    </row>
    <row r="76719" spans="14:14">
      <c r="N76719" s="10"/>
    </row>
    <row r="76720" spans="14:14">
      <c r="N76720" s="10"/>
    </row>
    <row r="76721" spans="14:14">
      <c r="N76721" s="10"/>
    </row>
    <row r="76722" spans="14:14">
      <c r="N76722" s="10"/>
    </row>
    <row r="76723" spans="14:14">
      <c r="N76723" s="10"/>
    </row>
    <row r="76724" spans="14:14">
      <c r="N76724" s="10"/>
    </row>
    <row r="76725" spans="14:14">
      <c r="N76725" s="10"/>
    </row>
    <row r="76726" spans="14:14">
      <c r="N76726" s="10"/>
    </row>
    <row r="76727" spans="14:14">
      <c r="N76727" s="10"/>
    </row>
    <row r="76728" spans="14:14">
      <c r="N76728" s="10"/>
    </row>
    <row r="76729" spans="14:14">
      <c r="N76729" s="10"/>
    </row>
    <row r="76730" spans="14:14">
      <c r="N76730" s="10"/>
    </row>
    <row r="76731" spans="14:14">
      <c r="N76731" s="10"/>
    </row>
    <row r="76732" spans="14:14">
      <c r="N76732" s="10"/>
    </row>
    <row r="76733" spans="14:14">
      <c r="N76733" s="10"/>
    </row>
    <row r="76734" spans="14:14">
      <c r="N76734" s="10"/>
    </row>
    <row r="76735" spans="14:14">
      <c r="N76735" s="10"/>
    </row>
    <row r="76736" spans="14:14">
      <c r="N76736" s="10"/>
    </row>
    <row r="76737" spans="14:14">
      <c r="N76737" s="10"/>
    </row>
    <row r="76738" spans="14:14">
      <c r="N76738" s="10"/>
    </row>
    <row r="76739" spans="14:14">
      <c r="N76739" s="10"/>
    </row>
    <row r="76740" spans="14:14">
      <c r="N76740" s="10"/>
    </row>
    <row r="76741" spans="14:14">
      <c r="N76741" s="10"/>
    </row>
    <row r="76742" spans="14:14">
      <c r="N76742" s="10"/>
    </row>
    <row r="76743" spans="14:14">
      <c r="N76743" s="10"/>
    </row>
    <row r="76744" spans="14:14">
      <c r="N76744" s="10"/>
    </row>
    <row r="76745" spans="14:14">
      <c r="N76745" s="10"/>
    </row>
    <row r="76746" spans="14:14">
      <c r="N76746" s="10"/>
    </row>
    <row r="76747" spans="14:14">
      <c r="N76747" s="10"/>
    </row>
    <row r="76748" spans="14:14">
      <c r="N76748" s="10"/>
    </row>
    <row r="76749" spans="14:14">
      <c r="N76749" s="10"/>
    </row>
    <row r="76750" spans="14:14">
      <c r="N76750" s="10"/>
    </row>
    <row r="76751" spans="14:14">
      <c r="N76751" s="10"/>
    </row>
    <row r="76752" spans="14:14">
      <c r="N76752" s="10"/>
    </row>
    <row r="76753" spans="14:14">
      <c r="N76753" s="10"/>
    </row>
    <row r="76754" spans="14:14">
      <c r="N76754" s="10"/>
    </row>
    <row r="76755" spans="14:14">
      <c r="N76755" s="10"/>
    </row>
    <row r="76756" spans="14:14">
      <c r="N76756" s="10"/>
    </row>
    <row r="76757" spans="14:14">
      <c r="N76757" s="10"/>
    </row>
    <row r="76758" spans="14:14">
      <c r="N76758" s="10"/>
    </row>
    <row r="76759" spans="14:14">
      <c r="N76759" s="10"/>
    </row>
    <row r="76760" spans="14:14">
      <c r="N76760" s="10"/>
    </row>
    <row r="76761" spans="14:14">
      <c r="N76761" s="10"/>
    </row>
    <row r="76762" spans="14:14">
      <c r="N76762" s="10"/>
    </row>
    <row r="76763" spans="14:14">
      <c r="N76763" s="10"/>
    </row>
    <row r="76764" spans="14:14">
      <c r="N76764" s="10"/>
    </row>
    <row r="76765" spans="14:14">
      <c r="N76765" s="10"/>
    </row>
    <row r="76766" spans="14:14">
      <c r="N76766" s="10"/>
    </row>
    <row r="76767" spans="14:14">
      <c r="N76767" s="10"/>
    </row>
    <row r="76768" spans="14:14">
      <c r="N76768" s="10"/>
    </row>
    <row r="76769" spans="14:14">
      <c r="N76769" s="10"/>
    </row>
    <row r="76770" spans="14:14">
      <c r="N76770" s="10"/>
    </row>
    <row r="76771" spans="14:14">
      <c r="N76771" s="10"/>
    </row>
    <row r="76772" spans="14:14">
      <c r="N76772" s="10"/>
    </row>
    <row r="76773" spans="14:14">
      <c r="N76773" s="10"/>
    </row>
    <row r="76774" spans="14:14">
      <c r="N76774" s="10"/>
    </row>
    <row r="76775" spans="14:14">
      <c r="N76775" s="10"/>
    </row>
    <row r="76776" spans="14:14">
      <c r="N76776" s="10"/>
    </row>
    <row r="76777" spans="14:14">
      <c r="N76777" s="10"/>
    </row>
    <row r="76778" spans="14:14">
      <c r="N76778" s="10"/>
    </row>
    <row r="76779" spans="14:14">
      <c r="N76779" s="10"/>
    </row>
    <row r="76780" spans="14:14">
      <c r="N76780" s="10"/>
    </row>
    <row r="76781" spans="14:14">
      <c r="N76781" s="10"/>
    </row>
    <row r="76782" spans="14:14">
      <c r="N76782" s="10"/>
    </row>
    <row r="76783" spans="14:14">
      <c r="N76783" s="10"/>
    </row>
    <row r="76784" spans="14:14">
      <c r="N76784" s="10"/>
    </row>
    <row r="76785" spans="14:14">
      <c r="N76785" s="10"/>
    </row>
    <row r="76786" spans="14:14">
      <c r="N76786" s="10"/>
    </row>
    <row r="76787" spans="14:14">
      <c r="N76787" s="10"/>
    </row>
    <row r="76788" spans="14:14">
      <c r="N76788" s="10"/>
    </row>
    <row r="76789" spans="14:14">
      <c r="N76789" s="10"/>
    </row>
    <row r="76790" spans="14:14">
      <c r="N76790" s="10"/>
    </row>
    <row r="76791" spans="14:14">
      <c r="N76791" s="10"/>
    </row>
    <row r="76792" spans="14:14">
      <c r="N76792" s="10"/>
    </row>
    <row r="76793" spans="14:14">
      <c r="N76793" s="10"/>
    </row>
    <row r="76794" spans="14:14">
      <c r="N76794" s="10"/>
    </row>
    <row r="76795" spans="14:14">
      <c r="N76795" s="10"/>
    </row>
    <row r="76796" spans="14:14">
      <c r="N76796" s="10"/>
    </row>
    <row r="76797" spans="14:14">
      <c r="N76797" s="10"/>
    </row>
    <row r="76798" spans="14:14">
      <c r="N76798" s="10"/>
    </row>
    <row r="76799" spans="14:14">
      <c r="N76799" s="10"/>
    </row>
    <row r="76800" spans="14:14">
      <c r="N76800" s="10"/>
    </row>
    <row r="76801" spans="14:14">
      <c r="N76801" s="10"/>
    </row>
    <row r="76802" spans="14:14">
      <c r="N76802" s="10"/>
    </row>
    <row r="76803" spans="14:14">
      <c r="N76803" s="10"/>
    </row>
    <row r="76804" spans="14:14">
      <c r="N76804" s="10"/>
    </row>
    <row r="76805" spans="14:14">
      <c r="N76805" s="10"/>
    </row>
    <row r="76806" spans="14:14">
      <c r="N76806" s="10"/>
    </row>
    <row r="76807" spans="14:14">
      <c r="N76807" s="10"/>
    </row>
    <row r="76808" spans="14:14">
      <c r="N76808" s="10"/>
    </row>
    <row r="76809" spans="14:14">
      <c r="N76809" s="10"/>
    </row>
    <row r="76810" spans="14:14">
      <c r="N76810" s="10"/>
    </row>
    <row r="76811" spans="14:14">
      <c r="N76811" s="10"/>
    </row>
    <row r="76812" spans="14:14">
      <c r="N76812" s="10"/>
    </row>
    <row r="76813" spans="14:14">
      <c r="N76813" s="10"/>
    </row>
    <row r="76814" spans="14:14">
      <c r="N76814" s="10"/>
    </row>
    <row r="76815" spans="14:14">
      <c r="N76815" s="10"/>
    </row>
    <row r="76816" spans="14:14">
      <c r="N76816" s="10"/>
    </row>
    <row r="76817" spans="14:14">
      <c r="N76817" s="10"/>
    </row>
    <row r="76818" spans="14:14">
      <c r="N76818" s="10"/>
    </row>
    <row r="76819" spans="14:14">
      <c r="N76819" s="10"/>
    </row>
    <row r="76820" spans="14:14">
      <c r="N76820" s="10"/>
    </row>
    <row r="76821" spans="14:14">
      <c r="N76821" s="10"/>
    </row>
    <row r="76822" spans="14:14">
      <c r="N76822" s="10"/>
    </row>
    <row r="76823" spans="14:14">
      <c r="N76823" s="10"/>
    </row>
    <row r="76824" spans="14:14">
      <c r="N76824" s="10"/>
    </row>
    <row r="76825" spans="14:14">
      <c r="N76825" s="10"/>
    </row>
    <row r="76826" spans="14:14">
      <c r="N76826" s="10"/>
    </row>
    <row r="76827" spans="14:14">
      <c r="N76827" s="10"/>
    </row>
    <row r="76828" spans="14:14">
      <c r="N76828" s="10"/>
    </row>
    <row r="76829" spans="14:14">
      <c r="N76829" s="10"/>
    </row>
    <row r="76830" spans="14:14">
      <c r="N76830" s="10"/>
    </row>
    <row r="76831" spans="14:14">
      <c r="N76831" s="10"/>
    </row>
    <row r="76832" spans="14:14">
      <c r="N76832" s="10"/>
    </row>
    <row r="76833" spans="14:14">
      <c r="N76833" s="10"/>
    </row>
    <row r="76834" spans="14:14">
      <c r="N76834" s="10"/>
    </row>
    <row r="76835" spans="14:14">
      <c r="N76835" s="10"/>
    </row>
    <row r="76836" spans="14:14">
      <c r="N76836" s="10"/>
    </row>
    <row r="76837" spans="14:14">
      <c r="N76837" s="10"/>
    </row>
    <row r="76838" spans="14:14">
      <c r="N76838" s="10"/>
    </row>
    <row r="76839" spans="14:14">
      <c r="N76839" s="10"/>
    </row>
    <row r="76840" spans="14:14">
      <c r="N76840" s="10"/>
    </row>
    <row r="76841" spans="14:14">
      <c r="N76841" s="10"/>
    </row>
    <row r="76842" spans="14:14">
      <c r="N76842" s="10"/>
    </row>
    <row r="76843" spans="14:14">
      <c r="N76843" s="10"/>
    </row>
    <row r="76844" spans="14:14">
      <c r="N76844" s="10"/>
    </row>
    <row r="76845" spans="14:14">
      <c r="N76845" s="10"/>
    </row>
    <row r="76846" spans="14:14">
      <c r="N76846" s="10"/>
    </row>
    <row r="76847" spans="14:14">
      <c r="N76847" s="10"/>
    </row>
    <row r="76848" spans="14:14">
      <c r="N76848" s="10"/>
    </row>
    <row r="76849" spans="14:14">
      <c r="N76849" s="10"/>
    </row>
    <row r="76850" spans="14:14">
      <c r="N76850" s="10"/>
    </row>
    <row r="76851" spans="14:14">
      <c r="N76851" s="10"/>
    </row>
    <row r="76852" spans="14:14">
      <c r="N76852" s="10"/>
    </row>
    <row r="76853" spans="14:14">
      <c r="N76853" s="10"/>
    </row>
    <row r="76854" spans="14:14">
      <c r="N76854" s="10"/>
    </row>
    <row r="76855" spans="14:14">
      <c r="N76855" s="10"/>
    </row>
    <row r="76856" spans="14:14">
      <c r="N76856" s="10"/>
    </row>
    <row r="76857" spans="14:14">
      <c r="N76857" s="10"/>
    </row>
    <row r="76858" spans="14:14">
      <c r="N76858" s="10"/>
    </row>
    <row r="76859" spans="14:14">
      <c r="N76859" s="10"/>
    </row>
    <row r="76860" spans="14:14">
      <c r="N76860" s="10"/>
    </row>
    <row r="76861" spans="14:14">
      <c r="N76861" s="10"/>
    </row>
    <row r="76862" spans="14:14">
      <c r="N76862" s="10"/>
    </row>
    <row r="76863" spans="14:14">
      <c r="N76863" s="10"/>
    </row>
    <row r="76864" spans="14:14">
      <c r="N76864" s="10"/>
    </row>
    <row r="76865" spans="14:14">
      <c r="N76865" s="10"/>
    </row>
    <row r="76866" spans="14:14">
      <c r="N76866" s="10"/>
    </row>
    <row r="76867" spans="14:14">
      <c r="N76867" s="10"/>
    </row>
    <row r="76868" spans="14:14">
      <c r="N76868" s="10"/>
    </row>
    <row r="76869" spans="14:14">
      <c r="N76869" s="10"/>
    </row>
    <row r="76870" spans="14:14">
      <c r="N76870" s="10"/>
    </row>
    <row r="76871" spans="14:14">
      <c r="N76871" s="10"/>
    </row>
    <row r="76872" spans="14:14">
      <c r="N76872" s="10"/>
    </row>
    <row r="76873" spans="14:14">
      <c r="N76873" s="10"/>
    </row>
    <row r="76874" spans="14:14">
      <c r="N76874" s="10"/>
    </row>
    <row r="76875" spans="14:14">
      <c r="N76875" s="10"/>
    </row>
    <row r="76876" spans="14:14">
      <c r="N76876" s="10"/>
    </row>
    <row r="76877" spans="14:14">
      <c r="N76877" s="10"/>
    </row>
    <row r="76878" spans="14:14">
      <c r="N76878" s="10"/>
    </row>
    <row r="76879" spans="14:14">
      <c r="N76879" s="10"/>
    </row>
    <row r="76880" spans="14:14">
      <c r="N76880" s="10"/>
    </row>
    <row r="76881" spans="14:14">
      <c r="N76881" s="10"/>
    </row>
    <row r="76882" spans="14:14">
      <c r="N76882" s="10"/>
    </row>
    <row r="76883" spans="14:14">
      <c r="N76883" s="10"/>
    </row>
    <row r="76884" spans="14:14">
      <c r="N76884" s="10"/>
    </row>
    <row r="76885" spans="14:14">
      <c r="N76885" s="10"/>
    </row>
    <row r="76886" spans="14:14">
      <c r="N76886" s="10"/>
    </row>
    <row r="76887" spans="14:14">
      <c r="N76887" s="10"/>
    </row>
    <row r="76888" spans="14:14">
      <c r="N76888" s="10"/>
    </row>
    <row r="76889" spans="14:14">
      <c r="N76889" s="10"/>
    </row>
    <row r="76890" spans="14:14">
      <c r="N76890" s="10"/>
    </row>
    <row r="76891" spans="14:14">
      <c r="N76891" s="10"/>
    </row>
    <row r="76892" spans="14:14">
      <c r="N76892" s="10"/>
    </row>
    <row r="76893" spans="14:14">
      <c r="N76893" s="10"/>
    </row>
    <row r="76894" spans="14:14">
      <c r="N76894" s="10"/>
    </row>
    <row r="76895" spans="14:14">
      <c r="N76895" s="10"/>
    </row>
    <row r="76896" spans="14:14">
      <c r="N76896" s="10"/>
    </row>
    <row r="76897" spans="14:14">
      <c r="N76897" s="10"/>
    </row>
    <row r="76898" spans="14:14">
      <c r="N76898" s="10"/>
    </row>
    <row r="76899" spans="14:14">
      <c r="N76899" s="10"/>
    </row>
    <row r="76900" spans="14:14">
      <c r="N76900" s="10"/>
    </row>
    <row r="76901" spans="14:14">
      <c r="N76901" s="10"/>
    </row>
    <row r="76902" spans="14:14">
      <c r="N76902" s="10"/>
    </row>
    <row r="76903" spans="14:14">
      <c r="N76903" s="10"/>
    </row>
    <row r="76904" spans="14:14">
      <c r="N76904" s="10"/>
    </row>
    <row r="76905" spans="14:14">
      <c r="N76905" s="10"/>
    </row>
    <row r="76906" spans="14:14">
      <c r="N76906" s="10"/>
    </row>
    <row r="76907" spans="14:14">
      <c r="N76907" s="10"/>
    </row>
    <row r="76908" spans="14:14">
      <c r="N76908" s="10"/>
    </row>
    <row r="76909" spans="14:14">
      <c r="N76909" s="10"/>
    </row>
    <row r="76910" spans="14:14">
      <c r="N76910" s="10"/>
    </row>
    <row r="76911" spans="14:14">
      <c r="N76911" s="10"/>
    </row>
    <row r="76912" spans="14:14">
      <c r="N76912" s="10"/>
    </row>
    <row r="76913" spans="14:14">
      <c r="N76913" s="10"/>
    </row>
    <row r="76914" spans="14:14">
      <c r="N76914" s="10"/>
    </row>
    <row r="76915" spans="14:14">
      <c r="N76915" s="10"/>
    </row>
    <row r="76916" spans="14:14">
      <c r="N76916" s="10"/>
    </row>
    <row r="76917" spans="14:14">
      <c r="N76917" s="10"/>
    </row>
    <row r="76918" spans="14:14">
      <c r="N76918" s="10"/>
    </row>
    <row r="76919" spans="14:14">
      <c r="N76919" s="10"/>
    </row>
    <row r="76920" spans="14:14">
      <c r="N76920" s="10"/>
    </row>
    <row r="76921" spans="14:14">
      <c r="N76921" s="10"/>
    </row>
    <row r="76922" spans="14:14">
      <c r="N76922" s="10"/>
    </row>
    <row r="76923" spans="14:14">
      <c r="N76923" s="10"/>
    </row>
    <row r="76924" spans="14:14">
      <c r="N76924" s="10"/>
    </row>
    <row r="76925" spans="14:14">
      <c r="N76925" s="10"/>
    </row>
    <row r="76926" spans="14:14">
      <c r="N76926" s="10"/>
    </row>
    <row r="76927" spans="14:14">
      <c r="N76927" s="10"/>
    </row>
    <row r="76928" spans="14:14">
      <c r="N76928" s="10"/>
    </row>
    <row r="76929" spans="14:14">
      <c r="N76929" s="10"/>
    </row>
    <row r="76930" spans="14:14">
      <c r="N76930" s="10"/>
    </row>
    <row r="76931" spans="14:14">
      <c r="N76931" s="10"/>
    </row>
    <row r="76932" spans="14:14">
      <c r="N76932" s="10"/>
    </row>
    <row r="76933" spans="14:14">
      <c r="N76933" s="10"/>
    </row>
    <row r="76934" spans="14:14">
      <c r="N76934" s="10"/>
    </row>
    <row r="76935" spans="14:14">
      <c r="N76935" s="10"/>
    </row>
    <row r="76936" spans="14:14">
      <c r="N76936" s="10"/>
    </row>
    <row r="76937" spans="14:14">
      <c r="N76937" s="10"/>
    </row>
    <row r="76938" spans="14:14">
      <c r="N76938" s="10"/>
    </row>
    <row r="76939" spans="14:14">
      <c r="N76939" s="10"/>
    </row>
    <row r="76940" spans="14:14">
      <c r="N76940" s="10"/>
    </row>
    <row r="76941" spans="14:14">
      <c r="N76941" s="10"/>
    </row>
    <row r="76942" spans="14:14">
      <c r="N76942" s="10"/>
    </row>
    <row r="76943" spans="14:14">
      <c r="N76943" s="10"/>
    </row>
    <row r="76944" spans="14:14">
      <c r="N76944" s="10"/>
    </row>
    <row r="76945" spans="14:14">
      <c r="N76945" s="10"/>
    </row>
    <row r="76946" spans="14:14">
      <c r="N76946" s="10"/>
    </row>
    <row r="76947" spans="14:14">
      <c r="N76947" s="10"/>
    </row>
    <row r="76948" spans="14:14">
      <c r="N76948" s="10"/>
    </row>
    <row r="76949" spans="14:14">
      <c r="N76949" s="10"/>
    </row>
    <row r="76950" spans="14:14">
      <c r="N76950" s="10"/>
    </row>
    <row r="76951" spans="14:14">
      <c r="N76951" s="10"/>
    </row>
    <row r="76952" spans="14:14">
      <c r="N76952" s="10"/>
    </row>
    <row r="76953" spans="14:14">
      <c r="N76953" s="10"/>
    </row>
    <row r="76954" spans="14:14">
      <c r="N76954" s="10"/>
    </row>
    <row r="76955" spans="14:14">
      <c r="N76955" s="10"/>
    </row>
    <row r="76956" spans="14:14">
      <c r="N76956" s="10"/>
    </row>
    <row r="76957" spans="14:14">
      <c r="N76957" s="10"/>
    </row>
    <row r="76958" spans="14:14">
      <c r="N76958" s="10"/>
    </row>
    <row r="76959" spans="14:14">
      <c r="N76959" s="10"/>
    </row>
    <row r="76960" spans="14:14">
      <c r="N76960" s="10"/>
    </row>
    <row r="76961" spans="14:14">
      <c r="N76961" s="10"/>
    </row>
    <row r="76962" spans="14:14">
      <c r="N76962" s="10"/>
    </row>
    <row r="76963" spans="14:14">
      <c r="N76963" s="10"/>
    </row>
    <row r="76964" spans="14:14">
      <c r="N76964" s="10"/>
    </row>
    <row r="76965" spans="14:14">
      <c r="N76965" s="10"/>
    </row>
    <row r="76966" spans="14:14">
      <c r="N76966" s="10"/>
    </row>
    <row r="76967" spans="14:14">
      <c r="N76967" s="10"/>
    </row>
    <row r="76968" spans="14:14">
      <c r="N76968" s="10"/>
    </row>
    <row r="76969" spans="14:14">
      <c r="N76969" s="10"/>
    </row>
    <row r="76970" spans="14:14">
      <c r="N76970" s="10"/>
    </row>
    <row r="76971" spans="14:14">
      <c r="N76971" s="10"/>
    </row>
    <row r="76972" spans="14:14">
      <c r="N76972" s="10"/>
    </row>
    <row r="76973" spans="14:14">
      <c r="N76973" s="10"/>
    </row>
    <row r="76974" spans="14:14">
      <c r="N76974" s="10"/>
    </row>
    <row r="76975" spans="14:14">
      <c r="N76975" s="10"/>
    </row>
    <row r="76976" spans="14:14">
      <c r="N76976" s="10"/>
    </row>
    <row r="76977" spans="14:14">
      <c r="N76977" s="10"/>
    </row>
    <row r="76978" spans="14:14">
      <c r="N76978" s="10"/>
    </row>
    <row r="76979" spans="14:14">
      <c r="N76979" s="10"/>
    </row>
    <row r="76980" spans="14:14">
      <c r="N76980" s="10"/>
    </row>
    <row r="76981" spans="14:14">
      <c r="N76981" s="10"/>
    </row>
    <row r="76982" spans="14:14">
      <c r="N76982" s="10"/>
    </row>
    <row r="76983" spans="14:14">
      <c r="N76983" s="10"/>
    </row>
    <row r="76984" spans="14:14">
      <c r="N76984" s="10"/>
    </row>
    <row r="76985" spans="14:14">
      <c r="N76985" s="10"/>
    </row>
    <row r="76986" spans="14:14">
      <c r="N76986" s="10"/>
    </row>
    <row r="76987" spans="14:14">
      <c r="N76987" s="10"/>
    </row>
    <row r="76988" spans="14:14">
      <c r="N76988" s="10"/>
    </row>
    <row r="76989" spans="14:14">
      <c r="N76989" s="10"/>
    </row>
    <row r="76990" spans="14:14">
      <c r="N76990" s="10"/>
    </row>
    <row r="76991" spans="14:14">
      <c r="N76991" s="10"/>
    </row>
    <row r="76992" spans="14:14">
      <c r="N76992" s="10"/>
    </row>
    <row r="76993" spans="14:14">
      <c r="N76993" s="10"/>
    </row>
    <row r="76994" spans="14:14">
      <c r="N76994" s="10"/>
    </row>
    <row r="76995" spans="14:14">
      <c r="N76995" s="10"/>
    </row>
    <row r="76996" spans="14:14">
      <c r="N76996" s="10"/>
    </row>
    <row r="76997" spans="14:14">
      <c r="N76997" s="10"/>
    </row>
    <row r="76998" spans="14:14">
      <c r="N76998" s="10"/>
    </row>
    <row r="76999" spans="14:14">
      <c r="N76999" s="10"/>
    </row>
    <row r="77000" spans="14:14">
      <c r="N77000" s="10"/>
    </row>
    <row r="77001" spans="14:14">
      <c r="N77001" s="10"/>
    </row>
    <row r="77002" spans="14:14">
      <c r="N77002" s="10"/>
    </row>
    <row r="77003" spans="14:14">
      <c r="N77003" s="10"/>
    </row>
    <row r="77004" spans="14:14">
      <c r="N77004" s="10"/>
    </row>
    <row r="77005" spans="14:14">
      <c r="N77005" s="10"/>
    </row>
    <row r="77006" spans="14:14">
      <c r="N77006" s="10"/>
    </row>
    <row r="77007" spans="14:14">
      <c r="N77007" s="10"/>
    </row>
    <row r="77008" spans="14:14">
      <c r="N77008" s="10"/>
    </row>
    <row r="77009" spans="14:14">
      <c r="N77009" s="10"/>
    </row>
    <row r="77010" spans="14:14">
      <c r="N77010" s="10"/>
    </row>
    <row r="77011" spans="14:14">
      <c r="N77011" s="10"/>
    </row>
    <row r="77012" spans="14:14">
      <c r="N77012" s="10"/>
    </row>
    <row r="77013" spans="14:14">
      <c r="N77013" s="10"/>
    </row>
    <row r="77014" spans="14:14">
      <c r="N77014" s="10"/>
    </row>
    <row r="77015" spans="14:14">
      <c r="N77015" s="10"/>
    </row>
    <row r="77016" spans="14:14">
      <c r="N77016" s="10"/>
    </row>
    <row r="77017" spans="14:14">
      <c r="N77017" s="10"/>
    </row>
    <row r="77018" spans="14:14">
      <c r="N77018" s="10"/>
    </row>
    <row r="77019" spans="14:14">
      <c r="N77019" s="10"/>
    </row>
    <row r="77020" spans="14:14">
      <c r="N77020" s="10"/>
    </row>
    <row r="77021" spans="14:14">
      <c r="N77021" s="10"/>
    </row>
    <row r="77022" spans="14:14">
      <c r="N77022" s="10"/>
    </row>
    <row r="77023" spans="14:14">
      <c r="N77023" s="10"/>
    </row>
    <row r="77024" spans="14:14">
      <c r="N77024" s="10"/>
    </row>
    <row r="77025" spans="14:14">
      <c r="N77025" s="10"/>
    </row>
    <row r="77026" spans="14:14">
      <c r="N77026" s="10"/>
    </row>
    <row r="77027" spans="14:14">
      <c r="N77027" s="10"/>
    </row>
    <row r="77028" spans="14:14">
      <c r="N77028" s="10"/>
    </row>
    <row r="77029" spans="14:14">
      <c r="N77029" s="10"/>
    </row>
    <row r="77030" spans="14:14">
      <c r="N77030" s="10"/>
    </row>
    <row r="77031" spans="14:14">
      <c r="N77031" s="10"/>
    </row>
    <row r="77032" spans="14:14">
      <c r="N77032" s="10"/>
    </row>
    <row r="77033" spans="14:14">
      <c r="N77033" s="10"/>
    </row>
    <row r="77034" spans="14:14">
      <c r="N77034" s="10"/>
    </row>
    <row r="77035" spans="14:14">
      <c r="N77035" s="10"/>
    </row>
    <row r="77036" spans="14:14">
      <c r="N77036" s="10"/>
    </row>
    <row r="77037" spans="14:14">
      <c r="N77037" s="10"/>
    </row>
    <row r="77038" spans="14:14">
      <c r="N77038" s="10"/>
    </row>
    <row r="77039" spans="14:14">
      <c r="N77039" s="10"/>
    </row>
    <row r="77040" spans="14:14">
      <c r="N77040" s="10"/>
    </row>
    <row r="77041" spans="14:14">
      <c r="N77041" s="10"/>
    </row>
    <row r="77042" spans="14:14">
      <c r="N77042" s="10"/>
    </row>
    <row r="77043" spans="14:14">
      <c r="N77043" s="10"/>
    </row>
    <row r="77044" spans="14:14">
      <c r="N77044" s="10"/>
    </row>
    <row r="77045" spans="14:14">
      <c r="N77045" s="10"/>
    </row>
    <row r="77046" spans="14:14">
      <c r="N77046" s="10"/>
    </row>
    <row r="77047" spans="14:14">
      <c r="N77047" s="10"/>
    </row>
    <row r="77048" spans="14:14">
      <c r="N77048" s="10"/>
    </row>
    <row r="77049" spans="14:14">
      <c r="N77049" s="10"/>
    </row>
    <row r="77050" spans="14:14">
      <c r="N77050" s="10"/>
    </row>
    <row r="77051" spans="14:14">
      <c r="N77051" s="10"/>
    </row>
    <row r="77052" spans="14:14">
      <c r="N77052" s="10"/>
    </row>
    <row r="77053" spans="14:14">
      <c r="N77053" s="10"/>
    </row>
    <row r="77054" spans="14:14">
      <c r="N77054" s="10"/>
    </row>
    <row r="77055" spans="14:14">
      <c r="N77055" s="10"/>
    </row>
    <row r="77056" spans="14:14">
      <c r="N77056" s="10"/>
    </row>
    <row r="77057" spans="14:14">
      <c r="N77057" s="10"/>
    </row>
    <row r="77058" spans="14:14">
      <c r="N77058" s="10"/>
    </row>
    <row r="77059" spans="14:14">
      <c r="N77059" s="10"/>
    </row>
    <row r="77060" spans="14:14">
      <c r="N77060" s="10"/>
    </row>
    <row r="77061" spans="14:14">
      <c r="N77061" s="10"/>
    </row>
    <row r="77062" spans="14:14">
      <c r="N77062" s="10"/>
    </row>
    <row r="77063" spans="14:14">
      <c r="N77063" s="10"/>
    </row>
    <row r="77064" spans="14:14">
      <c r="N77064" s="10"/>
    </row>
    <row r="77065" spans="14:14">
      <c r="N77065" s="10"/>
    </row>
    <row r="77066" spans="14:14">
      <c r="N77066" s="10"/>
    </row>
    <row r="77067" spans="14:14">
      <c r="N77067" s="10"/>
    </row>
    <row r="77068" spans="14:14">
      <c r="N77068" s="10"/>
    </row>
    <row r="77069" spans="14:14">
      <c r="N77069" s="10"/>
    </row>
    <row r="77070" spans="14:14">
      <c r="N77070" s="10"/>
    </row>
    <row r="77071" spans="14:14">
      <c r="N77071" s="10"/>
    </row>
    <row r="77072" spans="14:14">
      <c r="N77072" s="10"/>
    </row>
    <row r="77073" spans="14:14">
      <c r="N77073" s="10"/>
    </row>
    <row r="77074" spans="14:14">
      <c r="N77074" s="10"/>
    </row>
    <row r="77075" spans="14:14">
      <c r="N77075" s="10"/>
    </row>
    <row r="77076" spans="14:14">
      <c r="N77076" s="10"/>
    </row>
    <row r="77077" spans="14:14">
      <c r="N77077" s="10"/>
    </row>
    <row r="77078" spans="14:14">
      <c r="N77078" s="10"/>
    </row>
    <row r="77079" spans="14:14">
      <c r="N77079" s="10"/>
    </row>
    <row r="77080" spans="14:14">
      <c r="N77080" s="10"/>
    </row>
    <row r="77081" spans="14:14">
      <c r="N77081" s="10"/>
    </row>
    <row r="77082" spans="14:14">
      <c r="N77082" s="10"/>
    </row>
    <row r="77083" spans="14:14">
      <c r="N77083" s="10"/>
    </row>
    <row r="77084" spans="14:14">
      <c r="N77084" s="10"/>
    </row>
    <row r="77085" spans="14:14">
      <c r="N77085" s="10"/>
    </row>
    <row r="77086" spans="14:14">
      <c r="N77086" s="10"/>
    </row>
    <row r="77087" spans="14:14">
      <c r="N77087" s="10"/>
    </row>
    <row r="77088" spans="14:14">
      <c r="N77088" s="10"/>
    </row>
    <row r="77089" spans="14:14">
      <c r="N77089" s="10"/>
    </row>
    <row r="77090" spans="14:14">
      <c r="N77090" s="10"/>
    </row>
    <row r="77091" spans="14:14">
      <c r="N77091" s="10"/>
    </row>
    <row r="77092" spans="14:14">
      <c r="N77092" s="10"/>
    </row>
    <row r="77093" spans="14:14">
      <c r="N77093" s="10"/>
    </row>
    <row r="77094" spans="14:14">
      <c r="N77094" s="10"/>
    </row>
    <row r="77095" spans="14:14">
      <c r="N77095" s="10"/>
    </row>
    <row r="77096" spans="14:14">
      <c r="N77096" s="10"/>
    </row>
    <row r="77097" spans="14:14">
      <c r="N77097" s="10"/>
    </row>
    <row r="77098" spans="14:14">
      <c r="N77098" s="10"/>
    </row>
    <row r="77099" spans="14:14">
      <c r="N77099" s="10"/>
    </row>
    <row r="77100" spans="14:14">
      <c r="N77100" s="10"/>
    </row>
    <row r="77101" spans="14:14">
      <c r="N77101" s="10"/>
    </row>
    <row r="77102" spans="14:14">
      <c r="N77102" s="10"/>
    </row>
    <row r="77103" spans="14:14">
      <c r="N77103" s="10"/>
    </row>
    <row r="77104" spans="14:14">
      <c r="N77104" s="10"/>
    </row>
    <row r="77105" spans="14:14">
      <c r="N77105" s="10"/>
    </row>
    <row r="77106" spans="14:14">
      <c r="N77106" s="10"/>
    </row>
    <row r="77107" spans="14:14">
      <c r="N77107" s="10"/>
    </row>
    <row r="77108" spans="14:14">
      <c r="N77108" s="10"/>
    </row>
    <row r="77109" spans="14:14">
      <c r="N77109" s="10"/>
    </row>
    <row r="77110" spans="14:14">
      <c r="N77110" s="10"/>
    </row>
    <row r="77111" spans="14:14">
      <c r="N77111" s="10"/>
    </row>
    <row r="77112" spans="14:14">
      <c r="N77112" s="10"/>
    </row>
    <row r="77113" spans="14:14">
      <c r="N77113" s="10"/>
    </row>
    <row r="77114" spans="14:14">
      <c r="N77114" s="10"/>
    </row>
    <row r="77115" spans="14:14">
      <c r="N77115" s="10"/>
    </row>
    <row r="77116" spans="14:14">
      <c r="N77116" s="10"/>
    </row>
    <row r="77117" spans="14:14">
      <c r="N77117" s="10"/>
    </row>
    <row r="77118" spans="14:14">
      <c r="N77118" s="10"/>
    </row>
    <row r="77119" spans="14:14">
      <c r="N77119" s="10"/>
    </row>
    <row r="77120" spans="14:14">
      <c r="N77120" s="10"/>
    </row>
    <row r="77121" spans="14:14">
      <c r="N77121" s="10"/>
    </row>
    <row r="77122" spans="14:14">
      <c r="N77122" s="10"/>
    </row>
    <row r="77123" spans="14:14">
      <c r="N77123" s="10"/>
    </row>
    <row r="77124" spans="14:14">
      <c r="N77124" s="10"/>
    </row>
    <row r="77125" spans="14:14">
      <c r="N77125" s="10"/>
    </row>
    <row r="77126" spans="14:14">
      <c r="N77126" s="10"/>
    </row>
    <row r="77127" spans="14:14">
      <c r="N77127" s="10"/>
    </row>
    <row r="77128" spans="14:14">
      <c r="N77128" s="10"/>
    </row>
    <row r="77129" spans="14:14">
      <c r="N77129" s="10"/>
    </row>
    <row r="77130" spans="14:14">
      <c r="N77130" s="10"/>
    </row>
    <row r="77131" spans="14:14">
      <c r="N77131" s="10"/>
    </row>
    <row r="77132" spans="14:14">
      <c r="N77132" s="10"/>
    </row>
    <row r="77133" spans="14:14">
      <c r="N77133" s="10"/>
    </row>
    <row r="77134" spans="14:14">
      <c r="N77134" s="10"/>
    </row>
    <row r="77135" spans="14:14">
      <c r="N77135" s="10"/>
    </row>
    <row r="77136" spans="14:14">
      <c r="N77136" s="10"/>
    </row>
    <row r="77137" spans="14:14">
      <c r="N77137" s="10"/>
    </row>
    <row r="77138" spans="14:14">
      <c r="N77138" s="10"/>
    </row>
    <row r="77139" spans="14:14">
      <c r="N77139" s="10"/>
    </row>
    <row r="77140" spans="14:14">
      <c r="N77140" s="10"/>
    </row>
    <row r="77141" spans="14:14">
      <c r="N77141" s="10"/>
    </row>
    <row r="77142" spans="14:14">
      <c r="N77142" s="10"/>
    </row>
    <row r="77143" spans="14:14">
      <c r="N77143" s="10"/>
    </row>
    <row r="77144" spans="14:14">
      <c r="N77144" s="10"/>
    </row>
    <row r="77145" spans="14:14">
      <c r="N77145" s="10"/>
    </row>
    <row r="77146" spans="14:14">
      <c r="N77146" s="10"/>
    </row>
    <row r="77147" spans="14:14">
      <c r="N77147" s="10"/>
    </row>
    <row r="77148" spans="14:14">
      <c r="N77148" s="10"/>
    </row>
    <row r="77149" spans="14:14">
      <c r="N77149" s="10"/>
    </row>
    <row r="77150" spans="14:14">
      <c r="N77150" s="10"/>
    </row>
    <row r="77151" spans="14:14">
      <c r="N77151" s="10"/>
    </row>
    <row r="77152" spans="14:14">
      <c r="N77152" s="10"/>
    </row>
    <row r="77153" spans="14:14">
      <c r="N77153" s="10"/>
    </row>
    <row r="77154" spans="14:14">
      <c r="N77154" s="10"/>
    </row>
    <row r="77155" spans="14:14">
      <c r="N77155" s="10"/>
    </row>
    <row r="77156" spans="14:14">
      <c r="N77156" s="10"/>
    </row>
    <row r="77157" spans="14:14">
      <c r="N77157" s="10"/>
    </row>
    <row r="77158" spans="14:14">
      <c r="N77158" s="10"/>
    </row>
    <row r="77159" spans="14:14">
      <c r="N77159" s="10"/>
    </row>
    <row r="77160" spans="14:14">
      <c r="N77160" s="10"/>
    </row>
    <row r="77161" spans="14:14">
      <c r="N77161" s="10"/>
    </row>
    <row r="77162" spans="14:14">
      <c r="N77162" s="10"/>
    </row>
    <row r="77163" spans="14:14">
      <c r="N77163" s="10"/>
    </row>
    <row r="77164" spans="14:14">
      <c r="N77164" s="10"/>
    </row>
    <row r="77165" spans="14:14">
      <c r="N77165" s="10"/>
    </row>
    <row r="77166" spans="14:14">
      <c r="N77166" s="10"/>
    </row>
    <row r="77167" spans="14:14">
      <c r="N77167" s="10"/>
    </row>
    <row r="77168" spans="14:14">
      <c r="N77168" s="10"/>
    </row>
    <row r="77169" spans="14:14">
      <c r="N77169" s="10"/>
    </row>
    <row r="77170" spans="14:14">
      <c r="N77170" s="10"/>
    </row>
    <row r="77171" spans="14:14">
      <c r="N77171" s="10"/>
    </row>
    <row r="77172" spans="14:14">
      <c r="N77172" s="10"/>
    </row>
    <row r="77173" spans="14:14">
      <c r="N77173" s="10"/>
    </row>
    <row r="77174" spans="14:14">
      <c r="N77174" s="10"/>
    </row>
    <row r="77175" spans="14:14">
      <c r="N77175" s="10"/>
    </row>
    <row r="77176" spans="14:14">
      <c r="N77176" s="10"/>
    </row>
    <row r="77177" spans="14:14">
      <c r="N77177" s="10"/>
    </row>
    <row r="77178" spans="14:14">
      <c r="N77178" s="10"/>
    </row>
    <row r="77179" spans="14:14">
      <c r="N77179" s="10"/>
    </row>
    <row r="77180" spans="14:14">
      <c r="N77180" s="10"/>
    </row>
    <row r="77181" spans="14:14">
      <c r="N77181" s="10"/>
    </row>
    <row r="77182" spans="14:14">
      <c r="N77182" s="10"/>
    </row>
    <row r="77183" spans="14:14">
      <c r="N77183" s="10"/>
    </row>
    <row r="77184" spans="14:14">
      <c r="N77184" s="10"/>
    </row>
    <row r="77185" spans="14:14">
      <c r="N77185" s="10"/>
    </row>
    <row r="77186" spans="14:14">
      <c r="N77186" s="10"/>
    </row>
    <row r="77187" spans="14:14">
      <c r="N77187" s="10"/>
    </row>
    <row r="77188" spans="14:14">
      <c r="N77188" s="10"/>
    </row>
    <row r="77189" spans="14:14">
      <c r="N77189" s="10"/>
    </row>
    <row r="77190" spans="14:14">
      <c r="N77190" s="10"/>
    </row>
    <row r="77191" spans="14:14">
      <c r="N77191" s="10"/>
    </row>
    <row r="77192" spans="14:14">
      <c r="N77192" s="10"/>
    </row>
    <row r="77193" spans="14:14">
      <c r="N77193" s="10"/>
    </row>
    <row r="77194" spans="14:14">
      <c r="N77194" s="10"/>
    </row>
    <row r="77195" spans="14:14">
      <c r="N77195" s="10"/>
    </row>
    <row r="77196" spans="14:14">
      <c r="N77196" s="10"/>
    </row>
    <row r="77197" spans="14:14">
      <c r="N77197" s="10"/>
    </row>
    <row r="77198" spans="14:14">
      <c r="N77198" s="10"/>
    </row>
    <row r="77199" spans="14:14">
      <c r="N77199" s="10"/>
    </row>
    <row r="77200" spans="14:14">
      <c r="N77200" s="10"/>
    </row>
    <row r="77201" spans="14:14">
      <c r="N77201" s="10"/>
    </row>
    <row r="77202" spans="14:14">
      <c r="N77202" s="10"/>
    </row>
    <row r="77203" spans="14:14">
      <c r="N77203" s="10"/>
    </row>
    <row r="77204" spans="14:14">
      <c r="N77204" s="10"/>
    </row>
    <row r="77205" spans="14:14">
      <c r="N77205" s="10"/>
    </row>
    <row r="77206" spans="14:14">
      <c r="N77206" s="10"/>
    </row>
    <row r="77207" spans="14:14">
      <c r="N77207" s="10"/>
    </row>
    <row r="77208" spans="14:14">
      <c r="N77208" s="10"/>
    </row>
    <row r="77209" spans="14:14">
      <c r="N77209" s="10"/>
    </row>
    <row r="77210" spans="14:14">
      <c r="N77210" s="10"/>
    </row>
    <row r="77211" spans="14:14">
      <c r="N77211" s="10"/>
    </row>
    <row r="77212" spans="14:14">
      <c r="N77212" s="10"/>
    </row>
    <row r="77213" spans="14:14">
      <c r="N77213" s="10"/>
    </row>
    <row r="77214" spans="14:14">
      <c r="N77214" s="10"/>
    </row>
    <row r="77215" spans="14:14">
      <c r="N77215" s="10"/>
    </row>
    <row r="77216" spans="14:14">
      <c r="N77216" s="10"/>
    </row>
    <row r="77217" spans="14:14">
      <c r="N77217" s="10"/>
    </row>
    <row r="77218" spans="14:14">
      <c r="N77218" s="10"/>
    </row>
    <row r="77219" spans="14:14">
      <c r="N77219" s="10"/>
    </row>
    <row r="77220" spans="14:14">
      <c r="N77220" s="10"/>
    </row>
    <row r="77221" spans="14:14">
      <c r="N77221" s="10"/>
    </row>
    <row r="77222" spans="14:14">
      <c r="N77222" s="10"/>
    </row>
    <row r="77223" spans="14:14">
      <c r="N77223" s="10"/>
    </row>
    <row r="77224" spans="14:14">
      <c r="N77224" s="10"/>
    </row>
    <row r="77225" spans="14:14">
      <c r="N77225" s="10"/>
    </row>
    <row r="77226" spans="14:14">
      <c r="N77226" s="10"/>
    </row>
    <row r="77227" spans="14:14">
      <c r="N77227" s="10"/>
    </row>
    <row r="77228" spans="14:14">
      <c r="N77228" s="10"/>
    </row>
    <row r="77229" spans="14:14">
      <c r="N77229" s="10"/>
    </row>
    <row r="77230" spans="14:14">
      <c r="N77230" s="10"/>
    </row>
    <row r="77231" spans="14:14">
      <c r="N77231" s="10"/>
    </row>
    <row r="77232" spans="14:14">
      <c r="N77232" s="10"/>
    </row>
    <row r="77233" spans="14:14">
      <c r="N77233" s="10"/>
    </row>
    <row r="77234" spans="14:14">
      <c r="N77234" s="10"/>
    </row>
    <row r="77235" spans="14:14">
      <c r="N77235" s="10"/>
    </row>
    <row r="77236" spans="14:14">
      <c r="N77236" s="10"/>
    </row>
    <row r="77237" spans="14:14">
      <c r="N77237" s="10"/>
    </row>
    <row r="77238" spans="14:14">
      <c r="N77238" s="10"/>
    </row>
    <row r="77239" spans="14:14">
      <c r="N77239" s="10"/>
    </row>
    <row r="77240" spans="14:14">
      <c r="N77240" s="10"/>
    </row>
    <row r="77241" spans="14:14">
      <c r="N77241" s="10"/>
    </row>
    <row r="77242" spans="14:14">
      <c r="N77242" s="10"/>
    </row>
    <row r="77243" spans="14:14">
      <c r="N77243" s="10"/>
    </row>
    <row r="77244" spans="14:14">
      <c r="N77244" s="10"/>
    </row>
    <row r="77245" spans="14:14">
      <c r="N77245" s="10"/>
    </row>
    <row r="77246" spans="14:14">
      <c r="N77246" s="10"/>
    </row>
    <row r="77247" spans="14:14">
      <c r="N77247" s="10"/>
    </row>
    <row r="77248" spans="14:14">
      <c r="N77248" s="10"/>
    </row>
    <row r="77249" spans="14:14">
      <c r="N77249" s="10"/>
    </row>
    <row r="77250" spans="14:14">
      <c r="N77250" s="10"/>
    </row>
    <row r="77251" spans="14:14">
      <c r="N77251" s="10"/>
    </row>
    <row r="77252" spans="14:14">
      <c r="N77252" s="10"/>
    </row>
    <row r="77253" spans="14:14">
      <c r="N77253" s="10"/>
    </row>
    <row r="77254" spans="14:14">
      <c r="N77254" s="10"/>
    </row>
    <row r="77255" spans="14:14">
      <c r="N77255" s="10"/>
    </row>
    <row r="77256" spans="14:14">
      <c r="N77256" s="10"/>
    </row>
    <row r="77257" spans="14:14">
      <c r="N77257" s="10"/>
    </row>
    <row r="77258" spans="14:14">
      <c r="N77258" s="10"/>
    </row>
    <row r="77259" spans="14:14">
      <c r="N77259" s="10"/>
    </row>
    <row r="77260" spans="14:14">
      <c r="N77260" s="10"/>
    </row>
    <row r="77261" spans="14:14">
      <c r="N77261" s="10"/>
    </row>
    <row r="77262" spans="14:14">
      <c r="N77262" s="10"/>
    </row>
    <row r="77263" spans="14:14">
      <c r="N77263" s="10"/>
    </row>
    <row r="77264" spans="14:14">
      <c r="N77264" s="10"/>
    </row>
    <row r="77265" spans="14:14">
      <c r="N77265" s="10"/>
    </row>
    <row r="77266" spans="14:14">
      <c r="N77266" s="10"/>
    </row>
    <row r="77267" spans="14:14">
      <c r="N77267" s="10"/>
    </row>
    <row r="77268" spans="14:14">
      <c r="N77268" s="10"/>
    </row>
    <row r="77269" spans="14:14">
      <c r="N77269" s="10"/>
    </row>
    <row r="77270" spans="14:14">
      <c r="N77270" s="10"/>
    </row>
    <row r="77271" spans="14:14">
      <c r="N77271" s="10"/>
    </row>
    <row r="77272" spans="14:14">
      <c r="N77272" s="10"/>
    </row>
    <row r="77273" spans="14:14">
      <c r="N77273" s="10"/>
    </row>
    <row r="77274" spans="14:14">
      <c r="N77274" s="10"/>
    </row>
    <row r="77275" spans="14:14">
      <c r="N77275" s="10"/>
    </row>
    <row r="77276" spans="14:14">
      <c r="N77276" s="10"/>
    </row>
    <row r="77277" spans="14:14">
      <c r="N77277" s="10"/>
    </row>
    <row r="77278" spans="14:14">
      <c r="N77278" s="10"/>
    </row>
    <row r="77279" spans="14:14">
      <c r="N77279" s="10"/>
    </row>
    <row r="77280" spans="14:14">
      <c r="N77280" s="10"/>
    </row>
    <row r="77281" spans="14:14">
      <c r="N77281" s="10"/>
    </row>
    <row r="77282" spans="14:14">
      <c r="N77282" s="10"/>
    </row>
    <row r="77283" spans="14:14">
      <c r="N77283" s="10"/>
    </row>
    <row r="77284" spans="14:14">
      <c r="N77284" s="10"/>
    </row>
    <row r="77285" spans="14:14">
      <c r="N77285" s="10"/>
    </row>
    <row r="77286" spans="14:14">
      <c r="N77286" s="10"/>
    </row>
    <row r="77287" spans="14:14">
      <c r="N77287" s="10"/>
    </row>
    <row r="77288" spans="14:14">
      <c r="N77288" s="10"/>
    </row>
    <row r="77289" spans="14:14">
      <c r="N77289" s="10"/>
    </row>
    <row r="77290" spans="14:14">
      <c r="N77290" s="10"/>
    </row>
    <row r="77291" spans="14:14">
      <c r="N77291" s="10"/>
    </row>
    <row r="77292" spans="14:14">
      <c r="N77292" s="10"/>
    </row>
    <row r="77293" spans="14:14">
      <c r="N77293" s="10"/>
    </row>
    <row r="77294" spans="14:14">
      <c r="N77294" s="10"/>
    </row>
    <row r="77295" spans="14:14">
      <c r="N77295" s="10"/>
    </row>
    <row r="77296" spans="14:14">
      <c r="N77296" s="10"/>
    </row>
    <row r="77297" spans="14:14">
      <c r="N77297" s="10"/>
    </row>
    <row r="77298" spans="14:14">
      <c r="N77298" s="10"/>
    </row>
    <row r="77299" spans="14:14">
      <c r="N77299" s="10"/>
    </row>
    <row r="77300" spans="14:14">
      <c r="N77300" s="10"/>
    </row>
    <row r="77301" spans="14:14">
      <c r="N77301" s="10"/>
    </row>
    <row r="77302" spans="14:14">
      <c r="N77302" s="10"/>
    </row>
    <row r="77303" spans="14:14">
      <c r="N77303" s="10"/>
    </row>
    <row r="77304" spans="14:14">
      <c r="N77304" s="10"/>
    </row>
    <row r="77305" spans="14:14">
      <c r="N77305" s="10"/>
    </row>
    <row r="77306" spans="14:14">
      <c r="N77306" s="10"/>
    </row>
    <row r="77307" spans="14:14">
      <c r="N77307" s="10"/>
    </row>
    <row r="77308" spans="14:14">
      <c r="N77308" s="10"/>
    </row>
    <row r="77309" spans="14:14">
      <c r="N77309" s="10"/>
    </row>
    <row r="77310" spans="14:14">
      <c r="N77310" s="10"/>
    </row>
    <row r="77311" spans="14:14">
      <c r="N77311" s="10"/>
    </row>
    <row r="77312" spans="14:14">
      <c r="N77312" s="10"/>
    </row>
    <row r="77313" spans="14:14">
      <c r="N77313" s="10"/>
    </row>
    <row r="77314" spans="14:14">
      <c r="N77314" s="10"/>
    </row>
    <row r="77315" spans="14:14">
      <c r="N77315" s="10"/>
    </row>
    <row r="77316" spans="14:14">
      <c r="N77316" s="10"/>
    </row>
    <row r="77317" spans="14:14">
      <c r="N77317" s="10"/>
    </row>
    <row r="77318" spans="14:14">
      <c r="N77318" s="10"/>
    </row>
    <row r="77319" spans="14:14">
      <c r="N77319" s="10"/>
    </row>
    <row r="77320" spans="14:14">
      <c r="N77320" s="10"/>
    </row>
    <row r="77321" spans="14:14">
      <c r="N77321" s="10"/>
    </row>
    <row r="77322" spans="14:14">
      <c r="N77322" s="10"/>
    </row>
    <row r="77323" spans="14:14">
      <c r="N77323" s="10"/>
    </row>
    <row r="77324" spans="14:14">
      <c r="N77324" s="10"/>
    </row>
    <row r="77325" spans="14:14">
      <c r="N77325" s="10"/>
    </row>
    <row r="77326" spans="14:14">
      <c r="N77326" s="10"/>
    </row>
    <row r="77327" spans="14:14">
      <c r="N77327" s="10"/>
    </row>
    <row r="77328" spans="14:14">
      <c r="N77328" s="10"/>
    </row>
    <row r="77329" spans="14:14">
      <c r="N77329" s="10"/>
    </row>
    <row r="77330" spans="14:14">
      <c r="N77330" s="10"/>
    </row>
    <row r="77331" spans="14:14">
      <c r="N77331" s="10"/>
    </row>
    <row r="77332" spans="14:14">
      <c r="N77332" s="10"/>
    </row>
    <row r="77333" spans="14:14">
      <c r="N77333" s="10"/>
    </row>
    <row r="77334" spans="14:14">
      <c r="N77334" s="10"/>
    </row>
    <row r="77335" spans="14:14">
      <c r="N77335" s="10"/>
    </row>
    <row r="77336" spans="14:14">
      <c r="N77336" s="10"/>
    </row>
    <row r="77337" spans="14:14">
      <c r="N77337" s="10"/>
    </row>
    <row r="77338" spans="14:14">
      <c r="N77338" s="10"/>
    </row>
    <row r="77339" spans="14:14">
      <c r="N77339" s="10"/>
    </row>
    <row r="77340" spans="14:14">
      <c r="N77340" s="10"/>
    </row>
    <row r="77341" spans="14:14">
      <c r="N77341" s="10"/>
    </row>
    <row r="77342" spans="14:14">
      <c r="N77342" s="10"/>
    </row>
    <row r="77343" spans="14:14">
      <c r="N77343" s="10"/>
    </row>
    <row r="77344" spans="14:14">
      <c r="N77344" s="10"/>
    </row>
    <row r="77345" spans="14:14">
      <c r="N77345" s="10"/>
    </row>
    <row r="77346" spans="14:14">
      <c r="N77346" s="10"/>
    </row>
    <row r="77347" spans="14:14">
      <c r="N77347" s="10"/>
    </row>
    <row r="77348" spans="14:14">
      <c r="N77348" s="10"/>
    </row>
    <row r="77349" spans="14:14">
      <c r="N77349" s="10"/>
    </row>
    <row r="77350" spans="14:14">
      <c r="N77350" s="10"/>
    </row>
    <row r="77351" spans="14:14">
      <c r="N77351" s="10"/>
    </row>
    <row r="77352" spans="14:14">
      <c r="N77352" s="10"/>
    </row>
    <row r="77353" spans="14:14">
      <c r="N77353" s="10"/>
    </row>
    <row r="77354" spans="14:14">
      <c r="N77354" s="10"/>
    </row>
    <row r="77355" spans="14:14">
      <c r="N77355" s="10"/>
    </row>
    <row r="77356" spans="14:14">
      <c r="N77356" s="10"/>
    </row>
    <row r="77357" spans="14:14">
      <c r="N77357" s="10"/>
    </row>
    <row r="77358" spans="14:14">
      <c r="N77358" s="10"/>
    </row>
    <row r="77359" spans="14:14">
      <c r="N77359" s="10"/>
    </row>
    <row r="77360" spans="14:14">
      <c r="N77360" s="10"/>
    </row>
    <row r="77361" spans="14:14">
      <c r="N77361" s="10"/>
    </row>
    <row r="77362" spans="14:14">
      <c r="N77362" s="10"/>
    </row>
    <row r="77363" spans="14:14">
      <c r="N77363" s="10"/>
    </row>
    <row r="77364" spans="14:14">
      <c r="N77364" s="10"/>
    </row>
    <row r="77365" spans="14:14">
      <c r="N77365" s="10"/>
    </row>
    <row r="77366" spans="14:14">
      <c r="N77366" s="10"/>
    </row>
    <row r="77367" spans="14:14">
      <c r="N77367" s="10"/>
    </row>
    <row r="77368" spans="14:14">
      <c r="N77368" s="10"/>
    </row>
    <row r="77369" spans="14:14">
      <c r="N77369" s="10"/>
    </row>
    <row r="77370" spans="14:14">
      <c r="N77370" s="10"/>
    </row>
    <row r="77371" spans="14:14">
      <c r="N77371" s="10"/>
    </row>
    <row r="77372" spans="14:14">
      <c r="N77372" s="10"/>
    </row>
    <row r="77373" spans="14:14">
      <c r="N77373" s="10"/>
    </row>
    <row r="77374" spans="14:14">
      <c r="N77374" s="10"/>
    </row>
    <row r="77375" spans="14:14">
      <c r="N77375" s="10"/>
    </row>
    <row r="77376" spans="14:14">
      <c r="N77376" s="10"/>
    </row>
    <row r="77377" spans="14:14">
      <c r="N77377" s="10"/>
    </row>
    <row r="77378" spans="14:14">
      <c r="N77378" s="10"/>
    </row>
    <row r="77379" spans="14:14">
      <c r="N77379" s="10"/>
    </row>
    <row r="77380" spans="14:14">
      <c r="N77380" s="10"/>
    </row>
    <row r="77381" spans="14:14">
      <c r="N77381" s="10"/>
    </row>
    <row r="77382" spans="14:14">
      <c r="N77382" s="10"/>
    </row>
    <row r="77383" spans="14:14">
      <c r="N77383" s="10"/>
    </row>
    <row r="77384" spans="14:14">
      <c r="N77384" s="10"/>
    </row>
    <row r="77385" spans="14:14">
      <c r="N77385" s="10"/>
    </row>
    <row r="77386" spans="14:14">
      <c r="N77386" s="10"/>
    </row>
    <row r="77387" spans="14:14">
      <c r="N77387" s="10"/>
    </row>
    <row r="77388" spans="14:14">
      <c r="N77388" s="10"/>
    </row>
    <row r="77389" spans="14:14">
      <c r="N77389" s="10"/>
    </row>
    <row r="77390" spans="14:14">
      <c r="N77390" s="10"/>
    </row>
    <row r="77391" spans="14:14">
      <c r="N77391" s="10"/>
    </row>
    <row r="77392" spans="14:14">
      <c r="N77392" s="10"/>
    </row>
    <row r="77393" spans="14:14">
      <c r="N77393" s="10"/>
    </row>
    <row r="77394" spans="14:14">
      <c r="N77394" s="10"/>
    </row>
    <row r="77395" spans="14:14">
      <c r="N77395" s="10"/>
    </row>
    <row r="77396" spans="14:14">
      <c r="N77396" s="10"/>
    </row>
    <row r="77397" spans="14:14">
      <c r="N77397" s="10"/>
    </row>
    <row r="77398" spans="14:14">
      <c r="N77398" s="10"/>
    </row>
    <row r="77399" spans="14:14">
      <c r="N77399" s="10"/>
    </row>
    <row r="77400" spans="14:14">
      <c r="N77400" s="10"/>
    </row>
    <row r="77401" spans="14:14">
      <c r="N77401" s="10"/>
    </row>
    <row r="77402" spans="14:14">
      <c r="N77402" s="10"/>
    </row>
    <row r="77403" spans="14:14">
      <c r="N77403" s="10"/>
    </row>
    <row r="77404" spans="14:14">
      <c r="N77404" s="10"/>
    </row>
    <row r="77405" spans="14:14">
      <c r="N77405" s="10"/>
    </row>
    <row r="77406" spans="14:14">
      <c r="N77406" s="10"/>
    </row>
    <row r="77407" spans="14:14">
      <c r="N77407" s="10"/>
    </row>
    <row r="77408" spans="14:14">
      <c r="N77408" s="10"/>
    </row>
    <row r="77409" spans="14:14">
      <c r="N77409" s="10"/>
    </row>
    <row r="77410" spans="14:14">
      <c r="N77410" s="10"/>
    </row>
    <row r="77411" spans="14:14">
      <c r="N77411" s="10"/>
    </row>
    <row r="77412" spans="14:14">
      <c r="N77412" s="10"/>
    </row>
    <row r="77413" spans="14:14">
      <c r="N77413" s="10"/>
    </row>
    <row r="77414" spans="14:14">
      <c r="N77414" s="10"/>
    </row>
    <row r="77415" spans="14:14">
      <c r="N77415" s="10"/>
    </row>
    <row r="77416" spans="14:14">
      <c r="N77416" s="10"/>
    </row>
    <row r="77417" spans="14:14">
      <c r="N77417" s="10"/>
    </row>
    <row r="77418" spans="14:14">
      <c r="N77418" s="10"/>
    </row>
    <row r="77419" spans="14:14">
      <c r="N77419" s="10"/>
    </row>
    <row r="77420" spans="14:14">
      <c r="N77420" s="10"/>
    </row>
    <row r="77421" spans="14:14">
      <c r="N77421" s="10"/>
    </row>
    <row r="77422" spans="14:14">
      <c r="N77422" s="10"/>
    </row>
    <row r="77423" spans="14:14">
      <c r="N77423" s="10"/>
    </row>
    <row r="77424" spans="14:14">
      <c r="N77424" s="10"/>
    </row>
    <row r="77425" spans="14:14">
      <c r="N77425" s="10"/>
    </row>
    <row r="77426" spans="14:14">
      <c r="N77426" s="10"/>
    </row>
    <row r="77427" spans="14:14">
      <c r="N77427" s="10"/>
    </row>
    <row r="77428" spans="14:14">
      <c r="N77428" s="10"/>
    </row>
    <row r="77429" spans="14:14">
      <c r="N77429" s="10"/>
    </row>
    <row r="77430" spans="14:14">
      <c r="N77430" s="10"/>
    </row>
    <row r="77431" spans="14:14">
      <c r="N77431" s="10"/>
    </row>
    <row r="77432" spans="14:14">
      <c r="N77432" s="10"/>
    </row>
    <row r="77433" spans="14:14">
      <c r="N77433" s="10"/>
    </row>
    <row r="77434" spans="14:14">
      <c r="N77434" s="10"/>
    </row>
    <row r="77435" spans="14:14">
      <c r="N77435" s="10"/>
    </row>
    <row r="77436" spans="14:14">
      <c r="N77436" s="10"/>
    </row>
    <row r="77437" spans="14:14">
      <c r="N77437" s="10"/>
    </row>
    <row r="77438" spans="14:14">
      <c r="N77438" s="10"/>
    </row>
    <row r="77439" spans="14:14">
      <c r="N77439" s="10"/>
    </row>
    <row r="77440" spans="14:14">
      <c r="N77440" s="10"/>
    </row>
    <row r="77441" spans="14:14">
      <c r="N77441" s="10"/>
    </row>
    <row r="77442" spans="14:14">
      <c r="N77442" s="10"/>
    </row>
    <row r="77443" spans="14:14">
      <c r="N77443" s="10"/>
    </row>
    <row r="77444" spans="14:14">
      <c r="N77444" s="10"/>
    </row>
    <row r="77445" spans="14:14">
      <c r="N77445" s="10"/>
    </row>
    <row r="77446" spans="14:14">
      <c r="N77446" s="10"/>
    </row>
    <row r="77447" spans="14:14">
      <c r="N77447" s="10"/>
    </row>
    <row r="77448" spans="14:14">
      <c r="N77448" s="10"/>
    </row>
    <row r="77449" spans="14:14">
      <c r="N77449" s="10"/>
    </row>
    <row r="77450" spans="14:14">
      <c r="N77450" s="10"/>
    </row>
    <row r="77451" spans="14:14">
      <c r="N77451" s="10"/>
    </row>
    <row r="77452" spans="14:14">
      <c r="N77452" s="10"/>
    </row>
    <row r="77453" spans="14:14">
      <c r="N77453" s="10"/>
    </row>
    <row r="77454" spans="14:14">
      <c r="N77454" s="10"/>
    </row>
    <row r="77455" spans="14:14">
      <c r="N77455" s="10"/>
    </row>
    <row r="77456" spans="14:14">
      <c r="N77456" s="10"/>
    </row>
    <row r="77457" spans="14:14">
      <c r="N77457" s="10"/>
    </row>
    <row r="77458" spans="14:14">
      <c r="N77458" s="10"/>
    </row>
    <row r="77459" spans="14:14">
      <c r="N77459" s="10"/>
    </row>
    <row r="77460" spans="14:14">
      <c r="N77460" s="10"/>
    </row>
    <row r="77461" spans="14:14">
      <c r="N77461" s="10"/>
    </row>
    <row r="77462" spans="14:14">
      <c r="N77462" s="10"/>
    </row>
    <row r="77463" spans="14:14">
      <c r="N77463" s="10"/>
    </row>
    <row r="77464" spans="14:14">
      <c r="N77464" s="10"/>
    </row>
    <row r="77465" spans="14:14">
      <c r="N77465" s="10"/>
    </row>
    <row r="77466" spans="14:14">
      <c r="N77466" s="10"/>
    </row>
    <row r="77467" spans="14:14">
      <c r="N77467" s="10"/>
    </row>
    <row r="77468" spans="14:14">
      <c r="N77468" s="10"/>
    </row>
    <row r="77469" spans="14:14">
      <c r="N77469" s="10"/>
    </row>
    <row r="77470" spans="14:14">
      <c r="N77470" s="10"/>
    </row>
    <row r="77471" spans="14:14">
      <c r="N77471" s="10"/>
    </row>
    <row r="77472" spans="14:14">
      <c r="N77472" s="10"/>
    </row>
    <row r="77473" spans="14:14">
      <c r="N77473" s="10"/>
    </row>
    <row r="77474" spans="14:14">
      <c r="N77474" s="10"/>
    </row>
    <row r="77475" spans="14:14">
      <c r="N77475" s="10"/>
    </row>
    <row r="77476" spans="14:14">
      <c r="N77476" s="10"/>
    </row>
    <row r="77477" spans="14:14">
      <c r="N77477" s="10"/>
    </row>
    <row r="77478" spans="14:14">
      <c r="N77478" s="10"/>
    </row>
    <row r="77479" spans="14:14">
      <c r="N77479" s="10"/>
    </row>
    <row r="77480" spans="14:14">
      <c r="N77480" s="10"/>
    </row>
    <row r="77481" spans="14:14">
      <c r="N77481" s="10"/>
    </row>
    <row r="77482" spans="14:14">
      <c r="N77482" s="10"/>
    </row>
    <row r="77483" spans="14:14">
      <c r="N77483" s="10"/>
    </row>
    <row r="77484" spans="14:14">
      <c r="N77484" s="10"/>
    </row>
    <row r="77485" spans="14:14">
      <c r="N77485" s="10"/>
    </row>
    <row r="77486" spans="14:14">
      <c r="N77486" s="10"/>
    </row>
    <row r="77487" spans="14:14">
      <c r="N77487" s="10"/>
    </row>
    <row r="77488" spans="14:14">
      <c r="N77488" s="10"/>
    </row>
    <row r="77489" spans="14:14">
      <c r="N77489" s="10"/>
    </row>
    <row r="77490" spans="14:14">
      <c r="N77490" s="10"/>
    </row>
    <row r="77491" spans="14:14">
      <c r="N77491" s="10"/>
    </row>
    <row r="77492" spans="14:14">
      <c r="N77492" s="10"/>
    </row>
    <row r="77493" spans="14:14">
      <c r="N77493" s="10"/>
    </row>
    <row r="77494" spans="14:14">
      <c r="N77494" s="10"/>
    </row>
    <row r="77495" spans="14:14">
      <c r="N77495" s="10"/>
    </row>
    <row r="77496" spans="14:14">
      <c r="N77496" s="10"/>
    </row>
    <row r="77497" spans="14:14">
      <c r="N77497" s="10"/>
    </row>
    <row r="77498" spans="14:14">
      <c r="N77498" s="10"/>
    </row>
    <row r="77499" spans="14:14">
      <c r="N77499" s="10"/>
    </row>
    <row r="77500" spans="14:14">
      <c r="N77500" s="10"/>
    </row>
    <row r="77501" spans="14:14">
      <c r="N77501" s="10"/>
    </row>
    <row r="77502" spans="14:14">
      <c r="N77502" s="10"/>
    </row>
    <row r="77503" spans="14:14">
      <c r="N77503" s="10"/>
    </row>
    <row r="77504" spans="14:14">
      <c r="N77504" s="10"/>
    </row>
    <row r="77505" spans="14:14">
      <c r="N77505" s="10"/>
    </row>
    <row r="77506" spans="14:14">
      <c r="N77506" s="10"/>
    </row>
    <row r="77507" spans="14:14">
      <c r="N77507" s="10"/>
    </row>
    <row r="77508" spans="14:14">
      <c r="N77508" s="10"/>
    </row>
    <row r="77509" spans="14:14">
      <c r="N77509" s="10"/>
    </row>
    <row r="77510" spans="14:14">
      <c r="N77510" s="10"/>
    </row>
    <row r="77511" spans="14:14">
      <c r="N77511" s="10"/>
    </row>
    <row r="77512" spans="14:14">
      <c r="N77512" s="10"/>
    </row>
    <row r="77513" spans="14:14">
      <c r="N77513" s="10"/>
    </row>
    <row r="77514" spans="14:14">
      <c r="N77514" s="10"/>
    </row>
    <row r="77515" spans="14:14">
      <c r="N77515" s="10"/>
    </row>
    <row r="77516" spans="14:14">
      <c r="N77516" s="10"/>
    </row>
    <row r="77517" spans="14:14">
      <c r="N77517" s="10"/>
    </row>
    <row r="77518" spans="14:14">
      <c r="N77518" s="10"/>
    </row>
    <row r="77519" spans="14:14">
      <c r="N77519" s="10"/>
    </row>
    <row r="77520" spans="14:14">
      <c r="N77520" s="10"/>
    </row>
    <row r="77521" spans="14:14">
      <c r="N77521" s="10"/>
    </row>
    <row r="77522" spans="14:14">
      <c r="N77522" s="10"/>
    </row>
    <row r="77523" spans="14:14">
      <c r="N77523" s="10"/>
    </row>
    <row r="77524" spans="14:14">
      <c r="N77524" s="10"/>
    </row>
    <row r="77525" spans="14:14">
      <c r="N77525" s="10"/>
    </row>
    <row r="77526" spans="14:14">
      <c r="N77526" s="10"/>
    </row>
    <row r="77527" spans="14:14">
      <c r="N77527" s="10"/>
    </row>
    <row r="77528" spans="14:14">
      <c r="N77528" s="10"/>
    </row>
    <row r="77529" spans="14:14">
      <c r="N77529" s="10"/>
    </row>
    <row r="77530" spans="14:14">
      <c r="N77530" s="10"/>
    </row>
    <row r="77531" spans="14:14">
      <c r="N77531" s="10"/>
    </row>
    <row r="77532" spans="14:14">
      <c r="N77532" s="10"/>
    </row>
    <row r="77533" spans="14:14">
      <c r="N77533" s="10"/>
    </row>
    <row r="77534" spans="14:14">
      <c r="N77534" s="10"/>
    </row>
    <row r="77535" spans="14:14">
      <c r="N77535" s="10"/>
    </row>
    <row r="77536" spans="14:14">
      <c r="N77536" s="10"/>
    </row>
    <row r="77537" spans="14:14">
      <c r="N77537" s="10"/>
    </row>
    <row r="77538" spans="14:14">
      <c r="N77538" s="10"/>
    </row>
    <row r="77539" spans="14:14">
      <c r="N77539" s="10"/>
    </row>
    <row r="77540" spans="14:14">
      <c r="N77540" s="10"/>
    </row>
    <row r="77541" spans="14:14">
      <c r="N77541" s="10"/>
    </row>
    <row r="77542" spans="14:14">
      <c r="N77542" s="10"/>
    </row>
    <row r="77543" spans="14:14">
      <c r="N77543" s="10"/>
    </row>
    <row r="77544" spans="14:14">
      <c r="N77544" s="10"/>
    </row>
    <row r="77545" spans="14:14">
      <c r="N77545" s="10"/>
    </row>
    <row r="77546" spans="14:14">
      <c r="N77546" s="10"/>
    </row>
    <row r="77547" spans="14:14">
      <c r="N77547" s="10"/>
    </row>
    <row r="77548" spans="14:14">
      <c r="N77548" s="10"/>
    </row>
    <row r="77549" spans="14:14">
      <c r="N77549" s="10"/>
    </row>
    <row r="77550" spans="14:14">
      <c r="N77550" s="10"/>
    </row>
    <row r="77551" spans="14:14">
      <c r="N77551" s="10"/>
    </row>
    <row r="77552" spans="14:14">
      <c r="N77552" s="10"/>
    </row>
    <row r="77553" spans="14:14">
      <c r="N77553" s="10"/>
    </row>
    <row r="77554" spans="14:14">
      <c r="N77554" s="10"/>
    </row>
    <row r="77555" spans="14:14">
      <c r="N77555" s="10"/>
    </row>
    <row r="77556" spans="14:14">
      <c r="N77556" s="10"/>
    </row>
    <row r="77557" spans="14:14">
      <c r="N77557" s="10"/>
    </row>
    <row r="77558" spans="14:14">
      <c r="N77558" s="10"/>
    </row>
    <row r="77559" spans="14:14">
      <c r="N77559" s="10"/>
    </row>
    <row r="77560" spans="14:14">
      <c r="N77560" s="10"/>
    </row>
    <row r="77561" spans="14:14">
      <c r="N77561" s="10"/>
    </row>
    <row r="77562" spans="14:14">
      <c r="N77562" s="10"/>
    </row>
    <row r="77563" spans="14:14">
      <c r="N77563" s="10"/>
    </row>
    <row r="77564" spans="14:14">
      <c r="N77564" s="10"/>
    </row>
    <row r="77565" spans="14:14">
      <c r="N77565" s="10"/>
    </row>
    <row r="77566" spans="14:14">
      <c r="N77566" s="10"/>
    </row>
    <row r="77567" spans="14:14">
      <c r="N77567" s="10"/>
    </row>
    <row r="77568" spans="14:14">
      <c r="N77568" s="10"/>
    </row>
    <row r="77569" spans="14:14">
      <c r="N77569" s="10"/>
    </row>
    <row r="77570" spans="14:14">
      <c r="N77570" s="10"/>
    </row>
    <row r="77571" spans="14:14">
      <c r="N77571" s="10"/>
    </row>
    <row r="77572" spans="14:14">
      <c r="N77572" s="10"/>
    </row>
    <row r="77573" spans="14:14">
      <c r="N77573" s="10"/>
    </row>
    <row r="77574" spans="14:14">
      <c r="N77574" s="10"/>
    </row>
    <row r="77575" spans="14:14">
      <c r="N77575" s="10"/>
    </row>
    <row r="77576" spans="14:14">
      <c r="N77576" s="10"/>
    </row>
    <row r="77577" spans="14:14">
      <c r="N77577" s="10"/>
    </row>
    <row r="77578" spans="14:14">
      <c r="N77578" s="10"/>
    </row>
    <row r="77579" spans="14:14">
      <c r="N77579" s="10"/>
    </row>
    <row r="77580" spans="14:14">
      <c r="N77580" s="10"/>
    </row>
    <row r="77581" spans="14:14">
      <c r="N77581" s="10"/>
    </row>
    <row r="77582" spans="14:14">
      <c r="N77582" s="10"/>
    </row>
    <row r="77583" spans="14:14">
      <c r="N77583" s="10"/>
    </row>
    <row r="77584" spans="14:14">
      <c r="N77584" s="10"/>
    </row>
    <row r="77585" spans="14:14">
      <c r="N77585" s="10"/>
    </row>
    <row r="77586" spans="14:14">
      <c r="N77586" s="10"/>
    </row>
    <row r="77587" spans="14:14">
      <c r="N77587" s="10"/>
    </row>
    <row r="77588" spans="14:14">
      <c r="N77588" s="10"/>
    </row>
    <row r="77589" spans="14:14">
      <c r="N77589" s="10"/>
    </row>
    <row r="77590" spans="14:14">
      <c r="N77590" s="10"/>
    </row>
    <row r="77591" spans="14:14">
      <c r="N77591" s="10"/>
    </row>
    <row r="77592" spans="14:14">
      <c r="N77592" s="10"/>
    </row>
    <row r="77593" spans="14:14">
      <c r="N77593" s="10"/>
    </row>
    <row r="77594" spans="14:14">
      <c r="N77594" s="10"/>
    </row>
    <row r="77595" spans="14:14">
      <c r="N77595" s="10"/>
    </row>
    <row r="77596" spans="14:14">
      <c r="N77596" s="10"/>
    </row>
    <row r="77597" spans="14:14">
      <c r="N77597" s="10"/>
    </row>
    <row r="77598" spans="14:14">
      <c r="N77598" s="10"/>
    </row>
    <row r="77599" spans="14:14">
      <c r="N77599" s="10"/>
    </row>
    <row r="77600" spans="14:14">
      <c r="N77600" s="10"/>
    </row>
    <row r="77601" spans="14:14">
      <c r="N77601" s="10"/>
    </row>
    <row r="77602" spans="14:14">
      <c r="N77602" s="10"/>
    </row>
    <row r="77603" spans="14:14">
      <c r="N77603" s="10"/>
    </row>
    <row r="77604" spans="14:14">
      <c r="N77604" s="10"/>
    </row>
    <row r="77605" spans="14:14">
      <c r="N77605" s="10"/>
    </row>
    <row r="77606" spans="14:14">
      <c r="N77606" s="10"/>
    </row>
    <row r="77607" spans="14:14">
      <c r="N77607" s="10"/>
    </row>
    <row r="77608" spans="14:14">
      <c r="N77608" s="10"/>
    </row>
    <row r="77609" spans="14:14">
      <c r="N77609" s="10"/>
    </row>
    <row r="77610" spans="14:14">
      <c r="N77610" s="10"/>
    </row>
    <row r="77611" spans="14:14">
      <c r="N77611" s="10"/>
    </row>
    <row r="77612" spans="14:14">
      <c r="N77612" s="10"/>
    </row>
    <row r="77613" spans="14:14">
      <c r="N77613" s="10"/>
    </row>
    <row r="77614" spans="14:14">
      <c r="N77614" s="10"/>
    </row>
    <row r="77615" spans="14:14">
      <c r="N77615" s="10"/>
    </row>
    <row r="77616" spans="14:14">
      <c r="N77616" s="10"/>
    </row>
    <row r="77617" spans="14:14">
      <c r="N77617" s="10"/>
    </row>
    <row r="77618" spans="14:14">
      <c r="N77618" s="10"/>
    </row>
    <row r="77619" spans="14:14">
      <c r="N77619" s="10"/>
    </row>
    <row r="77620" spans="14:14">
      <c r="N77620" s="10"/>
    </row>
    <row r="77621" spans="14:14">
      <c r="N77621" s="10"/>
    </row>
    <row r="77622" spans="14:14">
      <c r="N77622" s="10"/>
    </row>
    <row r="77623" spans="14:14">
      <c r="N77623" s="10"/>
    </row>
    <row r="77624" spans="14:14">
      <c r="N77624" s="10"/>
    </row>
    <row r="77625" spans="14:14">
      <c r="N77625" s="10"/>
    </row>
    <row r="77626" spans="14:14">
      <c r="N77626" s="10"/>
    </row>
    <row r="77627" spans="14:14">
      <c r="N77627" s="10"/>
    </row>
    <row r="77628" spans="14:14">
      <c r="N77628" s="10"/>
    </row>
    <row r="77629" spans="14:14">
      <c r="N77629" s="10"/>
    </row>
    <row r="77630" spans="14:14">
      <c r="N77630" s="10"/>
    </row>
    <row r="77631" spans="14:14">
      <c r="N77631" s="10"/>
    </row>
    <row r="77632" spans="14:14">
      <c r="N77632" s="10"/>
    </row>
    <row r="77633" spans="14:14">
      <c r="N77633" s="10"/>
    </row>
    <row r="77634" spans="14:14">
      <c r="N77634" s="10"/>
    </row>
    <row r="77635" spans="14:14">
      <c r="N77635" s="10"/>
    </row>
    <row r="77636" spans="14:14">
      <c r="N77636" s="10"/>
    </row>
    <row r="77637" spans="14:14">
      <c r="N77637" s="10"/>
    </row>
    <row r="77638" spans="14:14">
      <c r="N77638" s="10"/>
    </row>
    <row r="77639" spans="14:14">
      <c r="N77639" s="10"/>
    </row>
    <row r="77640" spans="14:14">
      <c r="N77640" s="10"/>
    </row>
    <row r="77641" spans="14:14">
      <c r="N77641" s="10"/>
    </row>
    <row r="77642" spans="14:14">
      <c r="N77642" s="10"/>
    </row>
    <row r="77643" spans="14:14">
      <c r="N77643" s="10"/>
    </row>
    <row r="77644" spans="14:14">
      <c r="N77644" s="10"/>
    </row>
    <row r="77645" spans="14:14">
      <c r="N77645" s="10"/>
    </row>
    <row r="77646" spans="14:14">
      <c r="N77646" s="10"/>
    </row>
    <row r="77647" spans="14:14">
      <c r="N77647" s="10"/>
    </row>
    <row r="77648" spans="14:14">
      <c r="N77648" s="10"/>
    </row>
    <row r="77649" spans="14:14">
      <c r="N77649" s="10"/>
    </row>
    <row r="77650" spans="14:14">
      <c r="N77650" s="10"/>
    </row>
    <row r="77651" spans="14:14">
      <c r="N77651" s="10"/>
    </row>
    <row r="77652" spans="14:14">
      <c r="N77652" s="10"/>
    </row>
    <row r="77653" spans="14:14">
      <c r="N77653" s="10"/>
    </row>
    <row r="77654" spans="14:14">
      <c r="N77654" s="10"/>
    </row>
    <row r="77655" spans="14:14">
      <c r="N77655" s="10"/>
    </row>
    <row r="77656" spans="14:14">
      <c r="N77656" s="10"/>
    </row>
    <row r="77657" spans="14:14">
      <c r="N77657" s="10"/>
    </row>
    <row r="77658" spans="14:14">
      <c r="N77658" s="10"/>
    </row>
    <row r="77659" spans="14:14">
      <c r="N77659" s="10"/>
    </row>
    <row r="77660" spans="14:14">
      <c r="N77660" s="10"/>
    </row>
    <row r="77661" spans="14:14">
      <c r="N77661" s="10"/>
    </row>
    <row r="77662" spans="14:14">
      <c r="N77662" s="10"/>
    </row>
    <row r="77663" spans="14:14">
      <c r="N77663" s="10"/>
    </row>
    <row r="77664" spans="14:14">
      <c r="N77664" s="10"/>
    </row>
    <row r="77665" spans="14:14">
      <c r="N77665" s="10"/>
    </row>
    <row r="77666" spans="14:14">
      <c r="N77666" s="10"/>
    </row>
    <row r="77667" spans="14:14">
      <c r="N77667" s="10"/>
    </row>
    <row r="77668" spans="14:14">
      <c r="N77668" s="10"/>
    </row>
    <row r="77669" spans="14:14">
      <c r="N77669" s="10"/>
    </row>
    <row r="77670" spans="14:14">
      <c r="N77670" s="10"/>
    </row>
    <row r="77671" spans="14:14">
      <c r="N77671" s="10"/>
    </row>
    <row r="77672" spans="14:14">
      <c r="N77672" s="10"/>
    </row>
    <row r="77673" spans="14:14">
      <c r="N77673" s="10"/>
    </row>
    <row r="77674" spans="14:14">
      <c r="N77674" s="10"/>
    </row>
    <row r="77675" spans="14:14">
      <c r="N77675" s="10"/>
    </row>
    <row r="77676" spans="14:14">
      <c r="N77676" s="10"/>
    </row>
    <row r="77677" spans="14:14">
      <c r="N77677" s="10"/>
    </row>
    <row r="77678" spans="14:14">
      <c r="N77678" s="10"/>
    </row>
    <row r="77679" spans="14:14">
      <c r="N77679" s="10"/>
    </row>
    <row r="77680" spans="14:14">
      <c r="N77680" s="10"/>
    </row>
    <row r="77681" spans="14:14">
      <c r="N77681" s="10"/>
    </row>
    <row r="77682" spans="14:14">
      <c r="N77682" s="10"/>
    </row>
    <row r="77683" spans="14:14">
      <c r="N77683" s="10"/>
    </row>
    <row r="77684" spans="14:14">
      <c r="N77684" s="10"/>
    </row>
    <row r="77685" spans="14:14">
      <c r="N77685" s="10"/>
    </row>
    <row r="77686" spans="14:14">
      <c r="N77686" s="10"/>
    </row>
    <row r="77687" spans="14:14">
      <c r="N77687" s="10"/>
    </row>
    <row r="77688" spans="14:14">
      <c r="N77688" s="10"/>
    </row>
    <row r="77689" spans="14:14">
      <c r="N77689" s="10"/>
    </row>
    <row r="77690" spans="14:14">
      <c r="N77690" s="10"/>
    </row>
    <row r="77691" spans="14:14">
      <c r="N77691" s="10"/>
    </row>
    <row r="77692" spans="14:14">
      <c r="N77692" s="10"/>
    </row>
    <row r="77693" spans="14:14">
      <c r="N77693" s="10"/>
    </row>
    <row r="77694" spans="14:14">
      <c r="N77694" s="10"/>
    </row>
    <row r="77695" spans="14:14">
      <c r="N77695" s="10"/>
    </row>
    <row r="77696" spans="14:14">
      <c r="N77696" s="10"/>
    </row>
    <row r="77697" spans="14:14">
      <c r="N77697" s="10"/>
    </row>
    <row r="77698" spans="14:14">
      <c r="N77698" s="10"/>
    </row>
    <row r="77699" spans="14:14">
      <c r="N77699" s="10"/>
    </row>
    <row r="77700" spans="14:14">
      <c r="N77700" s="10"/>
    </row>
    <row r="77701" spans="14:14">
      <c r="N77701" s="10"/>
    </row>
    <row r="77702" spans="14:14">
      <c r="N77702" s="10"/>
    </row>
    <row r="77703" spans="14:14">
      <c r="N77703" s="10"/>
    </row>
    <row r="77704" spans="14:14">
      <c r="N77704" s="10"/>
    </row>
    <row r="77705" spans="14:14">
      <c r="N77705" s="10"/>
    </row>
    <row r="77706" spans="14:14">
      <c r="N77706" s="10"/>
    </row>
    <row r="77707" spans="14:14">
      <c r="N77707" s="10"/>
    </row>
    <row r="77708" spans="14:14">
      <c r="N77708" s="10"/>
    </row>
    <row r="77709" spans="14:14">
      <c r="N77709" s="10"/>
    </row>
    <row r="77710" spans="14:14">
      <c r="N77710" s="10"/>
    </row>
    <row r="77711" spans="14:14">
      <c r="N77711" s="10"/>
    </row>
    <row r="77712" spans="14:14">
      <c r="N77712" s="10"/>
    </row>
    <row r="77713" spans="14:14">
      <c r="N77713" s="10"/>
    </row>
    <row r="77714" spans="14:14">
      <c r="N77714" s="10"/>
    </row>
    <row r="77715" spans="14:14">
      <c r="N77715" s="10"/>
    </row>
    <row r="77716" spans="14:14">
      <c r="N77716" s="10"/>
    </row>
    <row r="77717" spans="14:14">
      <c r="N77717" s="10"/>
    </row>
    <row r="77718" spans="14:14">
      <c r="N77718" s="10"/>
    </row>
    <row r="77719" spans="14:14">
      <c r="N77719" s="10"/>
    </row>
    <row r="77720" spans="14:14">
      <c r="N77720" s="10"/>
    </row>
    <row r="77721" spans="14:14">
      <c r="N77721" s="10"/>
    </row>
    <row r="77722" spans="14:14">
      <c r="N77722" s="10"/>
    </row>
    <row r="77723" spans="14:14">
      <c r="N77723" s="10"/>
    </row>
    <row r="77724" spans="14:14">
      <c r="N77724" s="10"/>
    </row>
    <row r="77725" spans="14:14">
      <c r="N77725" s="10"/>
    </row>
    <row r="77726" spans="14:14">
      <c r="N77726" s="10"/>
    </row>
    <row r="77727" spans="14:14">
      <c r="N77727" s="10"/>
    </row>
    <row r="77728" spans="14:14">
      <c r="N77728" s="10"/>
    </row>
    <row r="77729" spans="14:14">
      <c r="N77729" s="10"/>
    </row>
    <row r="77730" spans="14:14">
      <c r="N77730" s="10"/>
    </row>
    <row r="77731" spans="14:14">
      <c r="N77731" s="10"/>
    </row>
    <row r="77732" spans="14:14">
      <c r="N77732" s="10"/>
    </row>
    <row r="77733" spans="14:14">
      <c r="N77733" s="10"/>
    </row>
    <row r="77734" spans="14:14">
      <c r="N77734" s="10"/>
    </row>
    <row r="77735" spans="14:14">
      <c r="N77735" s="10"/>
    </row>
    <row r="77736" spans="14:14">
      <c r="N77736" s="10"/>
    </row>
    <row r="77737" spans="14:14">
      <c r="N77737" s="10"/>
    </row>
    <row r="77738" spans="14:14">
      <c r="N77738" s="10"/>
    </row>
    <row r="77739" spans="14:14">
      <c r="N77739" s="10"/>
    </row>
    <row r="77740" spans="14:14">
      <c r="N77740" s="10"/>
    </row>
    <row r="77741" spans="14:14">
      <c r="N77741" s="10"/>
    </row>
    <row r="77742" spans="14:14">
      <c r="N77742" s="10"/>
    </row>
    <row r="77743" spans="14:14">
      <c r="N77743" s="10"/>
    </row>
    <row r="77744" spans="14:14">
      <c r="N77744" s="10"/>
    </row>
    <row r="77745" spans="14:14">
      <c r="N77745" s="10"/>
    </row>
    <row r="77746" spans="14:14">
      <c r="N77746" s="10"/>
    </row>
    <row r="77747" spans="14:14">
      <c r="N77747" s="10"/>
    </row>
    <row r="77748" spans="14:14">
      <c r="N77748" s="10"/>
    </row>
    <row r="77749" spans="14:14">
      <c r="N77749" s="10"/>
    </row>
    <row r="77750" spans="14:14">
      <c r="N77750" s="10"/>
    </row>
    <row r="77751" spans="14:14">
      <c r="N77751" s="10"/>
    </row>
    <row r="77752" spans="14:14">
      <c r="N77752" s="10"/>
    </row>
    <row r="77753" spans="14:14">
      <c r="N77753" s="10"/>
    </row>
    <row r="77754" spans="14:14">
      <c r="N77754" s="10"/>
    </row>
    <row r="77755" spans="14:14">
      <c r="N77755" s="10"/>
    </row>
    <row r="77756" spans="14:14">
      <c r="N77756" s="10"/>
    </row>
    <row r="77757" spans="14:14">
      <c r="N77757" s="10"/>
    </row>
    <row r="77758" spans="14:14">
      <c r="N77758" s="10"/>
    </row>
    <row r="77759" spans="14:14">
      <c r="N77759" s="10"/>
    </row>
    <row r="77760" spans="14:14">
      <c r="N77760" s="10"/>
    </row>
    <row r="77761" spans="14:14">
      <c r="N77761" s="10"/>
    </row>
    <row r="77762" spans="14:14">
      <c r="N77762" s="10"/>
    </row>
    <row r="77763" spans="14:14">
      <c r="N77763" s="10"/>
    </row>
    <row r="77764" spans="14:14">
      <c r="N77764" s="10"/>
    </row>
    <row r="77765" spans="14:14">
      <c r="N77765" s="10"/>
    </row>
    <row r="77766" spans="14:14">
      <c r="N77766" s="10"/>
    </row>
    <row r="77767" spans="14:14">
      <c r="N77767" s="10"/>
    </row>
    <row r="77768" spans="14:14">
      <c r="N77768" s="10"/>
    </row>
    <row r="77769" spans="14:14">
      <c r="N77769" s="10"/>
    </row>
    <row r="77770" spans="14:14">
      <c r="N77770" s="10"/>
    </row>
    <row r="77771" spans="14:14">
      <c r="N77771" s="10"/>
    </row>
    <row r="77772" spans="14:14">
      <c r="N77772" s="10"/>
    </row>
    <row r="77773" spans="14:14">
      <c r="N77773" s="10"/>
    </row>
    <row r="77774" spans="14:14">
      <c r="N77774" s="10"/>
    </row>
    <row r="77775" spans="14:14">
      <c r="N77775" s="10"/>
    </row>
    <row r="77776" spans="14:14">
      <c r="N77776" s="10"/>
    </row>
    <row r="77777" spans="14:14">
      <c r="N77777" s="10"/>
    </row>
    <row r="77778" spans="14:14">
      <c r="N77778" s="10"/>
    </row>
    <row r="77779" spans="14:14">
      <c r="N77779" s="10"/>
    </row>
    <row r="77780" spans="14:14">
      <c r="N77780" s="10"/>
    </row>
    <row r="77781" spans="14:14">
      <c r="N77781" s="10"/>
    </row>
    <row r="77782" spans="14:14">
      <c r="N77782" s="10"/>
    </row>
    <row r="77783" spans="14:14">
      <c r="N77783" s="10"/>
    </row>
    <row r="77784" spans="14:14">
      <c r="N77784" s="10"/>
    </row>
    <row r="77785" spans="14:14">
      <c r="N77785" s="10"/>
    </row>
    <row r="77786" spans="14:14">
      <c r="N77786" s="10"/>
    </row>
    <row r="77787" spans="14:14">
      <c r="N77787" s="10"/>
    </row>
    <row r="77788" spans="14:14">
      <c r="N77788" s="10"/>
    </row>
    <row r="77789" spans="14:14">
      <c r="N77789" s="10"/>
    </row>
    <row r="77790" spans="14:14">
      <c r="N77790" s="10"/>
    </row>
    <row r="77791" spans="14:14">
      <c r="N77791" s="10"/>
    </row>
    <row r="77792" spans="14:14">
      <c r="N77792" s="10"/>
    </row>
    <row r="77793" spans="14:14">
      <c r="N77793" s="10"/>
    </row>
    <row r="77794" spans="14:14">
      <c r="N77794" s="10"/>
    </row>
    <row r="77795" spans="14:14">
      <c r="N77795" s="10"/>
    </row>
    <row r="77796" spans="14:14">
      <c r="N77796" s="10"/>
    </row>
    <row r="77797" spans="14:14">
      <c r="N77797" s="10"/>
    </row>
    <row r="77798" spans="14:14">
      <c r="N77798" s="10"/>
    </row>
    <row r="77799" spans="14:14">
      <c r="N77799" s="10"/>
    </row>
    <row r="77800" spans="14:14">
      <c r="N77800" s="10"/>
    </row>
    <row r="77801" spans="14:14">
      <c r="N77801" s="10"/>
    </row>
    <row r="77802" spans="14:14">
      <c r="N77802" s="10"/>
    </row>
    <row r="77803" spans="14:14">
      <c r="N77803" s="10"/>
    </row>
    <row r="77804" spans="14:14">
      <c r="N77804" s="10"/>
    </row>
    <row r="77805" spans="14:14">
      <c r="N77805" s="10"/>
    </row>
    <row r="77806" spans="14:14">
      <c r="N77806" s="10"/>
    </row>
    <row r="77807" spans="14:14">
      <c r="N77807" s="10"/>
    </row>
    <row r="77808" spans="14:14">
      <c r="N77808" s="10"/>
    </row>
    <row r="77809" spans="14:14">
      <c r="N77809" s="10"/>
    </row>
    <row r="77810" spans="14:14">
      <c r="N77810" s="10"/>
    </row>
    <row r="77811" spans="14:14">
      <c r="N77811" s="10"/>
    </row>
    <row r="77812" spans="14:14">
      <c r="N77812" s="10"/>
    </row>
    <row r="77813" spans="14:14">
      <c r="N77813" s="10"/>
    </row>
    <row r="77814" spans="14:14">
      <c r="N77814" s="10"/>
    </row>
    <row r="77815" spans="14:14">
      <c r="N77815" s="10"/>
    </row>
    <row r="77816" spans="14:14">
      <c r="N77816" s="10"/>
    </row>
    <row r="77817" spans="14:14">
      <c r="N77817" s="10"/>
    </row>
    <row r="77818" spans="14:14">
      <c r="N77818" s="10"/>
    </row>
    <row r="77819" spans="14:14">
      <c r="N77819" s="10"/>
    </row>
    <row r="77820" spans="14:14">
      <c r="N77820" s="10"/>
    </row>
    <row r="77821" spans="14:14">
      <c r="N77821" s="10"/>
    </row>
    <row r="77822" spans="14:14">
      <c r="N77822" s="10"/>
    </row>
    <row r="77823" spans="14:14">
      <c r="N77823" s="10"/>
    </row>
    <row r="77824" spans="14:14">
      <c r="N77824" s="10"/>
    </row>
    <row r="77825" spans="14:14">
      <c r="N77825" s="10"/>
    </row>
    <row r="77826" spans="14:14">
      <c r="N77826" s="10"/>
    </row>
    <row r="77827" spans="14:14">
      <c r="N77827" s="10"/>
    </row>
    <row r="77828" spans="14:14">
      <c r="N77828" s="10"/>
    </row>
    <row r="77829" spans="14:14">
      <c r="N77829" s="10"/>
    </row>
    <row r="77830" spans="14:14">
      <c r="N77830" s="10"/>
    </row>
    <row r="77831" spans="14:14">
      <c r="N77831" s="10"/>
    </row>
    <row r="77832" spans="14:14">
      <c r="N77832" s="10"/>
    </row>
    <row r="77833" spans="14:14">
      <c r="N77833" s="10"/>
    </row>
    <row r="77834" spans="14:14">
      <c r="N77834" s="10"/>
    </row>
    <row r="77835" spans="14:14">
      <c r="N77835" s="10"/>
    </row>
    <row r="77836" spans="14:14">
      <c r="N77836" s="10"/>
    </row>
    <row r="77837" spans="14:14">
      <c r="N77837" s="10"/>
    </row>
    <row r="77838" spans="14:14">
      <c r="N77838" s="10"/>
    </row>
    <row r="77839" spans="14:14">
      <c r="N77839" s="10"/>
    </row>
    <row r="77840" spans="14:14">
      <c r="N77840" s="10"/>
    </row>
    <row r="77841" spans="14:14">
      <c r="N77841" s="10"/>
    </row>
    <row r="77842" spans="14:14">
      <c r="N77842" s="10"/>
    </row>
    <row r="77843" spans="14:14">
      <c r="N77843" s="10"/>
    </row>
    <row r="77844" spans="14:14">
      <c r="N77844" s="10"/>
    </row>
    <row r="77845" spans="14:14">
      <c r="N77845" s="10"/>
    </row>
    <row r="77846" spans="14:14">
      <c r="N77846" s="10"/>
    </row>
    <row r="77847" spans="14:14">
      <c r="N77847" s="10"/>
    </row>
    <row r="77848" spans="14:14">
      <c r="N77848" s="10"/>
    </row>
    <row r="77849" spans="14:14">
      <c r="N77849" s="10"/>
    </row>
    <row r="77850" spans="14:14">
      <c r="N77850" s="10"/>
    </row>
    <row r="77851" spans="14:14">
      <c r="N77851" s="10"/>
    </row>
    <row r="77852" spans="14:14">
      <c r="N77852" s="10"/>
    </row>
    <row r="77853" spans="14:14">
      <c r="N77853" s="10"/>
    </row>
    <row r="77854" spans="14:14">
      <c r="N77854" s="10"/>
    </row>
    <row r="77855" spans="14:14">
      <c r="N77855" s="10"/>
    </row>
    <row r="77856" spans="14:14">
      <c r="N77856" s="10"/>
    </row>
    <row r="77857" spans="14:14">
      <c r="N77857" s="10"/>
    </row>
    <row r="77858" spans="14:14">
      <c r="N77858" s="10"/>
    </row>
    <row r="77859" spans="14:14">
      <c r="N77859" s="10"/>
    </row>
    <row r="77860" spans="14:14">
      <c r="N77860" s="10"/>
    </row>
    <row r="77861" spans="14:14">
      <c r="N77861" s="10"/>
    </row>
    <row r="77862" spans="14:14">
      <c r="N77862" s="10"/>
    </row>
    <row r="77863" spans="14:14">
      <c r="N77863" s="10"/>
    </row>
    <row r="77864" spans="14:14">
      <c r="N77864" s="10"/>
    </row>
    <row r="77865" spans="14:14">
      <c r="N77865" s="10"/>
    </row>
    <row r="77866" spans="14:14">
      <c r="N77866" s="10"/>
    </row>
    <row r="77867" spans="14:14">
      <c r="N77867" s="10"/>
    </row>
    <row r="77868" spans="14:14">
      <c r="N77868" s="10"/>
    </row>
    <row r="77869" spans="14:14">
      <c r="N77869" s="10"/>
    </row>
    <row r="77870" spans="14:14">
      <c r="N77870" s="10"/>
    </row>
    <row r="77871" spans="14:14">
      <c r="N77871" s="10"/>
    </row>
    <row r="77872" spans="14:14">
      <c r="N77872" s="10"/>
    </row>
    <row r="77873" spans="14:14">
      <c r="N77873" s="10"/>
    </row>
    <row r="77874" spans="14:14">
      <c r="N77874" s="10"/>
    </row>
    <row r="77875" spans="14:14">
      <c r="N77875" s="10"/>
    </row>
    <row r="77876" spans="14:14">
      <c r="N77876" s="10"/>
    </row>
    <row r="77877" spans="14:14">
      <c r="N77877" s="10"/>
    </row>
    <row r="77878" spans="14:14">
      <c r="N77878" s="10"/>
    </row>
    <row r="77879" spans="14:14">
      <c r="N77879" s="10"/>
    </row>
    <row r="77880" spans="14:14">
      <c r="N77880" s="10"/>
    </row>
    <row r="77881" spans="14:14">
      <c r="N77881" s="10"/>
    </row>
    <row r="77882" spans="14:14">
      <c r="N77882" s="10"/>
    </row>
    <row r="77883" spans="14:14">
      <c r="N77883" s="10"/>
    </row>
    <row r="77884" spans="14:14">
      <c r="N77884" s="10"/>
    </row>
    <row r="77885" spans="14:14">
      <c r="N77885" s="10"/>
    </row>
    <row r="77886" spans="14:14">
      <c r="N77886" s="10"/>
    </row>
    <row r="77887" spans="14:14">
      <c r="N77887" s="10"/>
    </row>
    <row r="77888" spans="14:14">
      <c r="N77888" s="10"/>
    </row>
    <row r="77889" spans="14:14">
      <c r="N77889" s="10"/>
    </row>
    <row r="77890" spans="14:14">
      <c r="N77890" s="10"/>
    </row>
    <row r="77891" spans="14:14">
      <c r="N77891" s="10"/>
    </row>
    <row r="77892" spans="14:14">
      <c r="N77892" s="10"/>
    </row>
    <row r="77893" spans="14:14">
      <c r="N77893" s="10"/>
    </row>
    <row r="77894" spans="14:14">
      <c r="N77894" s="10"/>
    </row>
    <row r="77895" spans="14:14">
      <c r="N77895" s="10"/>
    </row>
    <row r="77896" spans="14:14">
      <c r="N77896" s="10"/>
    </row>
    <row r="77897" spans="14:14">
      <c r="N77897" s="10"/>
    </row>
    <row r="77898" spans="14:14">
      <c r="N77898" s="10"/>
    </row>
    <row r="77899" spans="14:14">
      <c r="N77899" s="10"/>
    </row>
    <row r="77900" spans="14:14">
      <c r="N77900" s="10"/>
    </row>
    <row r="77901" spans="14:14">
      <c r="N77901" s="10"/>
    </row>
    <row r="77902" spans="14:14">
      <c r="N77902" s="10"/>
    </row>
    <row r="77903" spans="14:14">
      <c r="N77903" s="10"/>
    </row>
    <row r="77904" spans="14:14">
      <c r="N77904" s="10"/>
    </row>
    <row r="77905" spans="14:14">
      <c r="N77905" s="10"/>
    </row>
    <row r="77906" spans="14:14">
      <c r="N77906" s="10"/>
    </row>
    <row r="77907" spans="14:14">
      <c r="N77907" s="10"/>
    </row>
    <row r="77908" spans="14:14">
      <c r="N77908" s="10"/>
    </row>
    <row r="77909" spans="14:14">
      <c r="N77909" s="10"/>
    </row>
    <row r="77910" spans="14:14">
      <c r="N77910" s="10"/>
    </row>
    <row r="77911" spans="14:14">
      <c r="N77911" s="10"/>
    </row>
    <row r="77912" spans="14:14">
      <c r="N77912" s="10"/>
    </row>
    <row r="77913" spans="14:14">
      <c r="N77913" s="10"/>
    </row>
    <row r="77914" spans="14:14">
      <c r="N77914" s="10"/>
    </row>
    <row r="77915" spans="14:14">
      <c r="N77915" s="10"/>
    </row>
    <row r="77916" spans="14:14">
      <c r="N77916" s="10"/>
    </row>
    <row r="77917" spans="14:14">
      <c r="N77917" s="10"/>
    </row>
    <row r="77918" spans="14:14">
      <c r="N77918" s="10"/>
    </row>
    <row r="77919" spans="14:14">
      <c r="N77919" s="10"/>
    </row>
    <row r="77920" spans="14:14">
      <c r="N77920" s="10"/>
    </row>
    <row r="77921" spans="14:14">
      <c r="N77921" s="10"/>
    </row>
    <row r="77922" spans="14:14">
      <c r="N77922" s="10"/>
    </row>
    <row r="77923" spans="14:14">
      <c r="N77923" s="10"/>
    </row>
    <row r="77924" spans="14:14">
      <c r="N77924" s="10"/>
    </row>
    <row r="77925" spans="14:14">
      <c r="N77925" s="10"/>
    </row>
    <row r="77926" spans="14:14">
      <c r="N77926" s="10"/>
    </row>
    <row r="77927" spans="14:14">
      <c r="N77927" s="10"/>
    </row>
    <row r="77928" spans="14:14">
      <c r="N77928" s="10"/>
    </row>
    <row r="77929" spans="14:14">
      <c r="N77929" s="10"/>
    </row>
    <row r="77930" spans="14:14">
      <c r="N77930" s="10"/>
    </row>
    <row r="77931" spans="14:14">
      <c r="N77931" s="10"/>
    </row>
    <row r="77932" spans="14:14">
      <c r="N77932" s="10"/>
    </row>
    <row r="77933" spans="14:14">
      <c r="N77933" s="10"/>
    </row>
    <row r="77934" spans="14:14">
      <c r="N77934" s="10"/>
    </row>
    <row r="77935" spans="14:14">
      <c r="N77935" s="10"/>
    </row>
    <row r="77936" spans="14:14">
      <c r="N77936" s="10"/>
    </row>
    <row r="77937" spans="14:14">
      <c r="N77937" s="10"/>
    </row>
    <row r="77938" spans="14:14">
      <c r="N77938" s="10"/>
    </row>
    <row r="77939" spans="14:14">
      <c r="N77939" s="10"/>
    </row>
    <row r="77940" spans="14:14">
      <c r="N77940" s="10"/>
    </row>
    <row r="77941" spans="14:14">
      <c r="N77941" s="10"/>
    </row>
    <row r="77942" spans="14:14">
      <c r="N77942" s="10"/>
    </row>
    <row r="77943" spans="14:14">
      <c r="N77943" s="10"/>
    </row>
    <row r="77944" spans="14:14">
      <c r="N77944" s="10"/>
    </row>
    <row r="77945" spans="14:14">
      <c r="N77945" s="10"/>
    </row>
    <row r="77946" spans="14:14">
      <c r="N77946" s="10"/>
    </row>
    <row r="77947" spans="14:14">
      <c r="N77947" s="10"/>
    </row>
    <row r="77948" spans="14:14">
      <c r="N77948" s="10"/>
    </row>
    <row r="77949" spans="14:14">
      <c r="N77949" s="10"/>
    </row>
    <row r="77950" spans="14:14">
      <c r="N77950" s="10"/>
    </row>
    <row r="77951" spans="14:14">
      <c r="N77951" s="10"/>
    </row>
    <row r="77952" spans="14:14">
      <c r="N77952" s="10"/>
    </row>
    <row r="77953" spans="14:14">
      <c r="N77953" s="10"/>
    </row>
    <row r="77954" spans="14:14">
      <c r="N77954" s="10"/>
    </row>
    <row r="77955" spans="14:14">
      <c r="N77955" s="10"/>
    </row>
    <row r="77956" spans="14:14">
      <c r="N77956" s="10"/>
    </row>
    <row r="77957" spans="14:14">
      <c r="N77957" s="10"/>
    </row>
    <row r="77958" spans="14:14">
      <c r="N77958" s="10"/>
    </row>
    <row r="77959" spans="14:14">
      <c r="N77959" s="10"/>
    </row>
    <row r="77960" spans="14:14">
      <c r="N77960" s="10"/>
    </row>
    <row r="77961" spans="14:14">
      <c r="N77961" s="10"/>
    </row>
    <row r="77962" spans="14:14">
      <c r="N77962" s="10"/>
    </row>
    <row r="77963" spans="14:14">
      <c r="N77963" s="10"/>
    </row>
    <row r="77964" spans="14:14">
      <c r="N77964" s="10"/>
    </row>
    <row r="77965" spans="14:14">
      <c r="N77965" s="10"/>
    </row>
    <row r="77966" spans="14:14">
      <c r="N77966" s="10"/>
    </row>
    <row r="77967" spans="14:14">
      <c r="N77967" s="10"/>
    </row>
    <row r="77968" spans="14:14">
      <c r="N77968" s="10"/>
    </row>
    <row r="77969" spans="14:14">
      <c r="N77969" s="10"/>
    </row>
    <row r="77970" spans="14:14">
      <c r="N77970" s="10"/>
    </row>
    <row r="77971" spans="14:14">
      <c r="N77971" s="10"/>
    </row>
    <row r="77972" spans="14:14">
      <c r="N77972" s="10"/>
    </row>
    <row r="77973" spans="14:14">
      <c r="N77973" s="10"/>
    </row>
    <row r="77974" spans="14:14">
      <c r="N77974" s="10"/>
    </row>
    <row r="77975" spans="14:14">
      <c r="N77975" s="10"/>
    </row>
    <row r="77976" spans="14:14">
      <c r="N77976" s="10"/>
    </row>
    <row r="77977" spans="14:14">
      <c r="N77977" s="10"/>
    </row>
    <row r="77978" spans="14:14">
      <c r="N77978" s="10"/>
    </row>
    <row r="77979" spans="14:14">
      <c r="N77979" s="10"/>
    </row>
    <row r="77980" spans="14:14">
      <c r="N77980" s="10"/>
    </row>
    <row r="77981" spans="14:14">
      <c r="N77981" s="10"/>
    </row>
    <row r="77982" spans="14:14">
      <c r="N77982" s="10"/>
    </row>
    <row r="77983" spans="14:14">
      <c r="N77983" s="10"/>
    </row>
    <row r="77984" spans="14:14">
      <c r="N77984" s="10"/>
    </row>
    <row r="77985" spans="14:14">
      <c r="N77985" s="10"/>
    </row>
    <row r="77986" spans="14:14">
      <c r="N77986" s="10"/>
    </row>
    <row r="77987" spans="14:14">
      <c r="N77987" s="10"/>
    </row>
    <row r="77988" spans="14:14">
      <c r="N77988" s="10"/>
    </row>
    <row r="77989" spans="14:14">
      <c r="N77989" s="10"/>
    </row>
    <row r="77990" spans="14:14">
      <c r="N77990" s="10"/>
    </row>
    <row r="77991" spans="14:14">
      <c r="N77991" s="10"/>
    </row>
    <row r="77992" spans="14:14">
      <c r="N77992" s="10"/>
    </row>
    <row r="77993" spans="14:14">
      <c r="N77993" s="10"/>
    </row>
    <row r="77994" spans="14:14">
      <c r="N77994" s="10"/>
    </row>
    <row r="77995" spans="14:14">
      <c r="N77995" s="10"/>
    </row>
    <row r="77996" spans="14:14">
      <c r="N77996" s="10"/>
    </row>
    <row r="77997" spans="14:14">
      <c r="N77997" s="10"/>
    </row>
    <row r="77998" spans="14:14">
      <c r="N77998" s="10"/>
    </row>
    <row r="77999" spans="14:14">
      <c r="N77999" s="10"/>
    </row>
    <row r="78000" spans="14:14">
      <c r="N78000" s="10"/>
    </row>
    <row r="78001" spans="14:14">
      <c r="N78001" s="10"/>
    </row>
    <row r="78002" spans="14:14">
      <c r="N78002" s="10"/>
    </row>
    <row r="78003" spans="14:14">
      <c r="N78003" s="10"/>
    </row>
    <row r="78004" spans="14:14">
      <c r="N78004" s="10"/>
    </row>
    <row r="78005" spans="14:14">
      <c r="N78005" s="10"/>
    </row>
    <row r="78006" spans="14:14">
      <c r="N78006" s="10"/>
    </row>
    <row r="78007" spans="14:14">
      <c r="N78007" s="10"/>
    </row>
    <row r="78008" spans="14:14">
      <c r="N78008" s="10"/>
    </row>
    <row r="78009" spans="14:14">
      <c r="N78009" s="10"/>
    </row>
    <row r="78010" spans="14:14">
      <c r="N78010" s="10"/>
    </row>
    <row r="78011" spans="14:14">
      <c r="N78011" s="10"/>
    </row>
    <row r="78012" spans="14:14">
      <c r="N78012" s="10"/>
    </row>
    <row r="78013" spans="14:14">
      <c r="N78013" s="10"/>
    </row>
    <row r="78014" spans="14:14">
      <c r="N78014" s="10"/>
    </row>
    <row r="78015" spans="14:14">
      <c r="N78015" s="10"/>
    </row>
    <row r="78016" spans="14:14">
      <c r="N78016" s="10"/>
    </row>
    <row r="78017" spans="14:14">
      <c r="N78017" s="10"/>
    </row>
    <row r="78018" spans="14:14">
      <c r="N78018" s="10"/>
    </row>
    <row r="78019" spans="14:14">
      <c r="N78019" s="10"/>
    </row>
    <row r="78020" spans="14:14">
      <c r="N78020" s="10"/>
    </row>
    <row r="78021" spans="14:14">
      <c r="N78021" s="10"/>
    </row>
    <row r="78022" spans="14:14">
      <c r="N78022" s="10"/>
    </row>
    <row r="78023" spans="14:14">
      <c r="N78023" s="10"/>
    </row>
    <row r="78024" spans="14:14">
      <c r="N78024" s="10"/>
    </row>
    <row r="78025" spans="14:14">
      <c r="N78025" s="10"/>
    </row>
    <row r="78026" spans="14:14">
      <c r="N78026" s="10"/>
    </row>
    <row r="78027" spans="14:14">
      <c r="N78027" s="10"/>
    </row>
    <row r="78028" spans="14:14">
      <c r="N78028" s="10"/>
    </row>
    <row r="78029" spans="14:14">
      <c r="N78029" s="10"/>
    </row>
    <row r="78030" spans="14:14">
      <c r="N78030" s="10"/>
    </row>
    <row r="78031" spans="14:14">
      <c r="N78031" s="10"/>
    </row>
    <row r="78032" spans="14:14">
      <c r="N78032" s="10"/>
    </row>
    <row r="78033" spans="14:14">
      <c r="N78033" s="10"/>
    </row>
    <row r="78034" spans="14:14">
      <c r="N78034" s="10"/>
    </row>
    <row r="78035" spans="14:14">
      <c r="N78035" s="10"/>
    </row>
    <row r="78036" spans="14:14">
      <c r="N78036" s="10"/>
    </row>
    <row r="78037" spans="14:14">
      <c r="N78037" s="10"/>
    </row>
    <row r="78038" spans="14:14">
      <c r="N78038" s="10"/>
    </row>
    <row r="78039" spans="14:14">
      <c r="N78039" s="10"/>
    </row>
    <row r="78040" spans="14:14">
      <c r="N78040" s="10"/>
    </row>
    <row r="78041" spans="14:14">
      <c r="N78041" s="10"/>
    </row>
    <row r="78042" spans="14:14">
      <c r="N78042" s="10"/>
    </row>
    <row r="78043" spans="14:14">
      <c r="N78043" s="10"/>
    </row>
    <row r="78044" spans="14:14">
      <c r="N78044" s="10"/>
    </row>
    <row r="78045" spans="14:14">
      <c r="N78045" s="10"/>
    </row>
    <row r="78046" spans="14:14">
      <c r="N78046" s="10"/>
    </row>
    <row r="78047" spans="14:14">
      <c r="N78047" s="10"/>
    </row>
    <row r="78048" spans="14:14">
      <c r="N78048" s="10"/>
    </row>
    <row r="78049" spans="14:14">
      <c r="N78049" s="10"/>
    </row>
    <row r="78050" spans="14:14">
      <c r="N78050" s="10"/>
    </row>
    <row r="78051" spans="14:14">
      <c r="N78051" s="10"/>
    </row>
    <row r="78052" spans="14:14">
      <c r="N78052" s="10"/>
    </row>
    <row r="78053" spans="14:14">
      <c r="N78053" s="10"/>
    </row>
    <row r="78054" spans="14:14">
      <c r="N78054" s="10"/>
    </row>
    <row r="78055" spans="14:14">
      <c r="N78055" s="10"/>
    </row>
    <row r="78056" spans="14:14">
      <c r="N78056" s="10"/>
    </row>
    <row r="78057" spans="14:14">
      <c r="N78057" s="10"/>
    </row>
    <row r="78058" spans="14:14">
      <c r="N78058" s="10"/>
    </row>
    <row r="78059" spans="14:14">
      <c r="N78059" s="10"/>
    </row>
    <row r="78060" spans="14:14">
      <c r="N78060" s="10"/>
    </row>
    <row r="78061" spans="14:14">
      <c r="N78061" s="10"/>
    </row>
    <row r="78062" spans="14:14">
      <c r="N78062" s="10"/>
    </row>
    <row r="78063" spans="14:14">
      <c r="N78063" s="10"/>
    </row>
    <row r="78064" spans="14:14">
      <c r="N78064" s="10"/>
    </row>
    <row r="78065" spans="14:14">
      <c r="N78065" s="10"/>
    </row>
    <row r="78066" spans="14:14">
      <c r="N78066" s="10"/>
    </row>
    <row r="78067" spans="14:14">
      <c r="N78067" s="10"/>
    </row>
    <row r="78068" spans="14:14">
      <c r="N78068" s="10"/>
    </row>
    <row r="78069" spans="14:14">
      <c r="N78069" s="10"/>
    </row>
    <row r="78070" spans="14:14">
      <c r="N78070" s="10"/>
    </row>
    <row r="78071" spans="14:14">
      <c r="N78071" s="10"/>
    </row>
    <row r="78072" spans="14:14">
      <c r="N78072" s="10"/>
    </row>
    <row r="78073" spans="14:14">
      <c r="N78073" s="10"/>
    </row>
    <row r="78074" spans="14:14">
      <c r="N78074" s="10"/>
    </row>
    <row r="78075" spans="14:14">
      <c r="N78075" s="10"/>
    </row>
    <row r="78076" spans="14:14">
      <c r="N78076" s="10"/>
    </row>
    <row r="78077" spans="14:14">
      <c r="N78077" s="10"/>
    </row>
    <row r="78078" spans="14:14">
      <c r="N78078" s="10"/>
    </row>
    <row r="78079" spans="14:14">
      <c r="N78079" s="10"/>
    </row>
    <row r="78080" spans="14:14">
      <c r="N78080" s="10"/>
    </row>
    <row r="78081" spans="14:14">
      <c r="N78081" s="10"/>
    </row>
    <row r="78082" spans="14:14">
      <c r="N78082" s="10"/>
    </row>
    <row r="78083" spans="14:14">
      <c r="N78083" s="10"/>
    </row>
    <row r="78084" spans="14:14">
      <c r="N78084" s="10"/>
    </row>
    <row r="78085" spans="14:14">
      <c r="N78085" s="10"/>
    </row>
    <row r="78086" spans="14:14">
      <c r="N78086" s="10"/>
    </row>
    <row r="78087" spans="14:14">
      <c r="N78087" s="10"/>
    </row>
    <row r="78088" spans="14:14">
      <c r="N78088" s="10"/>
    </row>
    <row r="78089" spans="14:14">
      <c r="N78089" s="10"/>
    </row>
    <row r="78090" spans="14:14">
      <c r="N78090" s="10"/>
    </row>
    <row r="78091" spans="14:14">
      <c r="N78091" s="10"/>
    </row>
    <row r="78092" spans="14:14">
      <c r="N78092" s="10"/>
    </row>
    <row r="78093" spans="14:14">
      <c r="N78093" s="10"/>
    </row>
    <row r="78094" spans="14:14">
      <c r="N78094" s="10"/>
    </row>
    <row r="78095" spans="14:14">
      <c r="N78095" s="10"/>
    </row>
    <row r="78096" spans="14:14">
      <c r="N78096" s="10"/>
    </row>
    <row r="78097" spans="14:14">
      <c r="N78097" s="10"/>
    </row>
    <row r="78098" spans="14:14">
      <c r="N78098" s="10"/>
    </row>
    <row r="78099" spans="14:14">
      <c r="N78099" s="10"/>
    </row>
    <row r="78100" spans="14:14">
      <c r="N78100" s="10"/>
    </row>
    <row r="78101" spans="14:14">
      <c r="N78101" s="10"/>
    </row>
    <row r="78102" spans="14:14">
      <c r="N78102" s="10"/>
    </row>
    <row r="78103" spans="14:14">
      <c r="N78103" s="10"/>
    </row>
    <row r="78104" spans="14:14">
      <c r="N78104" s="10"/>
    </row>
    <row r="78105" spans="14:14">
      <c r="N78105" s="10"/>
    </row>
    <row r="78106" spans="14:14">
      <c r="N78106" s="10"/>
    </row>
    <row r="78107" spans="14:14">
      <c r="N78107" s="10"/>
    </row>
    <row r="78108" spans="14:14">
      <c r="N78108" s="10"/>
    </row>
    <row r="78109" spans="14:14">
      <c r="N78109" s="10"/>
    </row>
    <row r="78110" spans="14:14">
      <c r="N78110" s="10"/>
    </row>
    <row r="78111" spans="14:14">
      <c r="N78111" s="10"/>
    </row>
    <row r="78112" spans="14:14">
      <c r="N78112" s="10"/>
    </row>
    <row r="78113" spans="14:14">
      <c r="N78113" s="10"/>
    </row>
    <row r="78114" spans="14:14">
      <c r="N78114" s="10"/>
    </row>
    <row r="78115" spans="14:14">
      <c r="N78115" s="10"/>
    </row>
    <row r="78116" spans="14:14">
      <c r="N78116" s="10"/>
    </row>
    <row r="78117" spans="14:14">
      <c r="N78117" s="10"/>
    </row>
    <row r="78118" spans="14:14">
      <c r="N78118" s="10"/>
    </row>
    <row r="78119" spans="14:14">
      <c r="N78119" s="10"/>
    </row>
    <row r="78120" spans="14:14">
      <c r="N78120" s="10"/>
    </row>
    <row r="78121" spans="14:14">
      <c r="N78121" s="10"/>
    </row>
    <row r="78122" spans="14:14">
      <c r="N78122" s="10"/>
    </row>
    <row r="78123" spans="14:14">
      <c r="N78123" s="10"/>
    </row>
    <row r="78124" spans="14:14">
      <c r="N78124" s="10"/>
    </row>
    <row r="78125" spans="14:14">
      <c r="N78125" s="10"/>
    </row>
    <row r="78126" spans="14:14">
      <c r="N78126" s="10"/>
    </row>
    <row r="78127" spans="14:14">
      <c r="N78127" s="10"/>
    </row>
    <row r="78128" spans="14:14">
      <c r="N78128" s="10"/>
    </row>
    <row r="78129" spans="14:14">
      <c r="N78129" s="10"/>
    </row>
    <row r="78130" spans="14:14">
      <c r="N78130" s="10"/>
    </row>
    <row r="78131" spans="14:14">
      <c r="N78131" s="10"/>
    </row>
    <row r="78132" spans="14:14">
      <c r="N78132" s="10"/>
    </row>
    <row r="78133" spans="14:14">
      <c r="N78133" s="10"/>
    </row>
    <row r="78134" spans="14:14">
      <c r="N78134" s="10"/>
    </row>
    <row r="78135" spans="14:14">
      <c r="N78135" s="10"/>
    </row>
    <row r="78136" spans="14:14">
      <c r="N78136" s="10"/>
    </row>
    <row r="78137" spans="14:14">
      <c r="N78137" s="10"/>
    </row>
    <row r="78138" spans="14:14">
      <c r="N78138" s="10"/>
    </row>
    <row r="78139" spans="14:14">
      <c r="N78139" s="10"/>
    </row>
    <row r="78140" spans="14:14">
      <c r="N78140" s="10"/>
    </row>
    <row r="78141" spans="14:14">
      <c r="N78141" s="10"/>
    </row>
    <row r="78142" spans="14:14">
      <c r="N78142" s="10"/>
    </row>
    <row r="78143" spans="14:14">
      <c r="N78143" s="10"/>
    </row>
    <row r="78144" spans="14:14">
      <c r="N78144" s="10"/>
    </row>
    <row r="78145" spans="14:14">
      <c r="N78145" s="10"/>
    </row>
    <row r="78146" spans="14:14">
      <c r="N78146" s="10"/>
    </row>
    <row r="78147" spans="14:14">
      <c r="N78147" s="10"/>
    </row>
    <row r="78148" spans="14:14">
      <c r="N78148" s="10"/>
    </row>
    <row r="78149" spans="14:14">
      <c r="N78149" s="10"/>
    </row>
    <row r="78150" spans="14:14">
      <c r="N78150" s="10"/>
    </row>
    <row r="78151" spans="14:14">
      <c r="N78151" s="10"/>
    </row>
    <row r="78152" spans="14:14">
      <c r="N78152" s="10"/>
    </row>
    <row r="78153" spans="14:14">
      <c r="N78153" s="10"/>
    </row>
    <row r="78154" spans="14:14">
      <c r="N78154" s="10"/>
    </row>
    <row r="78155" spans="14:14">
      <c r="N78155" s="10"/>
    </row>
    <row r="78156" spans="14:14">
      <c r="N78156" s="10"/>
    </row>
    <row r="78157" spans="14:14">
      <c r="N78157" s="10"/>
    </row>
    <row r="78158" spans="14:14">
      <c r="N78158" s="10"/>
    </row>
    <row r="78159" spans="14:14">
      <c r="N78159" s="10"/>
    </row>
    <row r="78160" spans="14:14">
      <c r="N78160" s="10"/>
    </row>
    <row r="78161" spans="14:14">
      <c r="N78161" s="10"/>
    </row>
    <row r="78162" spans="14:14">
      <c r="N78162" s="10"/>
    </row>
    <row r="78163" spans="14:14">
      <c r="N78163" s="10"/>
    </row>
    <row r="78164" spans="14:14">
      <c r="N78164" s="10"/>
    </row>
    <row r="78165" spans="14:14">
      <c r="N78165" s="10"/>
    </row>
    <row r="78166" spans="14:14">
      <c r="N78166" s="10"/>
    </row>
    <row r="78167" spans="14:14">
      <c r="N78167" s="10"/>
    </row>
    <row r="78168" spans="14:14">
      <c r="N78168" s="10"/>
    </row>
    <row r="78169" spans="14:14">
      <c r="N78169" s="10"/>
    </row>
    <row r="78170" spans="14:14">
      <c r="N78170" s="10"/>
    </row>
    <row r="78171" spans="14:14">
      <c r="N78171" s="10"/>
    </row>
    <row r="78172" spans="14:14">
      <c r="N78172" s="10"/>
    </row>
    <row r="78173" spans="14:14">
      <c r="N78173" s="10"/>
    </row>
    <row r="78174" spans="14:14">
      <c r="N78174" s="10"/>
    </row>
    <row r="78175" spans="14:14">
      <c r="N78175" s="10"/>
    </row>
    <row r="78176" spans="14:14">
      <c r="N78176" s="10"/>
    </row>
    <row r="78177" spans="14:14">
      <c r="N78177" s="10"/>
    </row>
    <row r="78178" spans="14:14">
      <c r="N78178" s="10"/>
    </row>
    <row r="78179" spans="14:14">
      <c r="N78179" s="10"/>
    </row>
    <row r="78180" spans="14:14">
      <c r="N78180" s="10"/>
    </row>
    <row r="78181" spans="14:14">
      <c r="N78181" s="10"/>
    </row>
    <row r="78182" spans="14:14">
      <c r="N78182" s="10"/>
    </row>
    <row r="78183" spans="14:14">
      <c r="N78183" s="10"/>
    </row>
    <row r="78184" spans="14:14">
      <c r="N78184" s="10"/>
    </row>
    <row r="78185" spans="14:14">
      <c r="N78185" s="10"/>
    </row>
    <row r="78186" spans="14:14">
      <c r="N78186" s="10"/>
    </row>
    <row r="78187" spans="14:14">
      <c r="N78187" s="10"/>
    </row>
    <row r="78188" spans="14:14">
      <c r="N78188" s="10"/>
    </row>
    <row r="78189" spans="14:14">
      <c r="N78189" s="10"/>
    </row>
    <row r="78190" spans="14:14">
      <c r="N78190" s="10"/>
    </row>
    <row r="78191" spans="14:14">
      <c r="N78191" s="10"/>
    </row>
    <row r="78192" spans="14:14">
      <c r="N78192" s="10"/>
    </row>
    <row r="78193" spans="14:14">
      <c r="N78193" s="10"/>
    </row>
    <row r="78194" spans="14:14">
      <c r="N78194" s="10"/>
    </row>
    <row r="78195" spans="14:14">
      <c r="N78195" s="10"/>
    </row>
    <row r="78196" spans="14:14">
      <c r="N78196" s="10"/>
    </row>
    <row r="78197" spans="14:14">
      <c r="N78197" s="10"/>
    </row>
    <row r="78198" spans="14:14">
      <c r="N78198" s="10"/>
    </row>
    <row r="78199" spans="14:14">
      <c r="N78199" s="10"/>
    </row>
    <row r="78200" spans="14:14">
      <c r="N78200" s="10"/>
    </row>
    <row r="78201" spans="14:14">
      <c r="N78201" s="10"/>
    </row>
    <row r="78202" spans="14:14">
      <c r="N78202" s="10"/>
    </row>
    <row r="78203" spans="14:14">
      <c r="N78203" s="10"/>
    </row>
    <row r="78204" spans="14:14">
      <c r="N78204" s="10"/>
    </row>
    <row r="78205" spans="14:14">
      <c r="N78205" s="10"/>
    </row>
    <row r="78206" spans="14:14">
      <c r="N78206" s="10"/>
    </row>
    <row r="78207" spans="14:14">
      <c r="N78207" s="10"/>
    </row>
    <row r="78208" spans="14:14">
      <c r="N78208" s="10"/>
    </row>
    <row r="78209" spans="14:14">
      <c r="N78209" s="10"/>
    </row>
    <row r="78210" spans="14:14">
      <c r="N78210" s="10"/>
    </row>
    <row r="78211" spans="14:14">
      <c r="N78211" s="10"/>
    </row>
    <row r="78212" spans="14:14">
      <c r="N78212" s="10"/>
    </row>
    <row r="78213" spans="14:14">
      <c r="N78213" s="10"/>
    </row>
    <row r="78214" spans="14:14">
      <c r="N78214" s="10"/>
    </row>
    <row r="78215" spans="14:14">
      <c r="N78215" s="10"/>
    </row>
    <row r="78216" spans="14:14">
      <c r="N78216" s="10"/>
    </row>
    <row r="78217" spans="14:14">
      <c r="N78217" s="10"/>
    </row>
    <row r="78218" spans="14:14">
      <c r="N78218" s="10"/>
    </row>
    <row r="78219" spans="14:14">
      <c r="N78219" s="10"/>
    </row>
    <row r="78220" spans="14:14">
      <c r="N78220" s="10"/>
    </row>
    <row r="78221" spans="14:14">
      <c r="N78221" s="10"/>
    </row>
    <row r="78222" spans="14:14">
      <c r="N78222" s="10"/>
    </row>
    <row r="78223" spans="14:14">
      <c r="N78223" s="10"/>
    </row>
    <row r="78224" spans="14:14">
      <c r="N78224" s="10"/>
    </row>
    <row r="78225" spans="14:14">
      <c r="N78225" s="10"/>
    </row>
    <row r="78226" spans="14:14">
      <c r="N78226" s="10"/>
    </row>
    <row r="78227" spans="14:14">
      <c r="N78227" s="10"/>
    </row>
    <row r="78228" spans="14:14">
      <c r="N78228" s="10"/>
    </row>
    <row r="78229" spans="14:14">
      <c r="N78229" s="10"/>
    </row>
    <row r="78230" spans="14:14">
      <c r="N78230" s="10"/>
    </row>
    <row r="78231" spans="14:14">
      <c r="N78231" s="10"/>
    </row>
    <row r="78232" spans="14:14">
      <c r="N78232" s="10"/>
    </row>
    <row r="78233" spans="14:14">
      <c r="N78233" s="10"/>
    </row>
    <row r="78234" spans="14:14">
      <c r="N78234" s="10"/>
    </row>
    <row r="78235" spans="14:14">
      <c r="N78235" s="10"/>
    </row>
    <row r="78236" spans="14:14">
      <c r="N78236" s="10"/>
    </row>
    <row r="78237" spans="14:14">
      <c r="N78237" s="10"/>
    </row>
    <row r="78238" spans="14:14">
      <c r="N78238" s="10"/>
    </row>
    <row r="78239" spans="14:14">
      <c r="N78239" s="10"/>
    </row>
    <row r="78240" spans="14:14">
      <c r="N78240" s="10"/>
    </row>
    <row r="78241" spans="14:14">
      <c r="N78241" s="10"/>
    </row>
    <row r="78242" spans="14:14">
      <c r="N78242" s="10"/>
    </row>
    <row r="78243" spans="14:14">
      <c r="N78243" s="10"/>
    </row>
    <row r="78244" spans="14:14">
      <c r="N78244" s="10"/>
    </row>
    <row r="78245" spans="14:14">
      <c r="N78245" s="10"/>
    </row>
    <row r="78246" spans="14:14">
      <c r="N78246" s="10"/>
    </row>
    <row r="78247" spans="14:14">
      <c r="N78247" s="10"/>
    </row>
    <row r="78248" spans="14:14">
      <c r="N78248" s="10"/>
    </row>
    <row r="78249" spans="14:14">
      <c r="N78249" s="10"/>
    </row>
    <row r="78250" spans="14:14">
      <c r="N78250" s="10"/>
    </row>
    <row r="78251" spans="14:14">
      <c r="N78251" s="10"/>
    </row>
    <row r="78252" spans="14:14">
      <c r="N78252" s="10"/>
    </row>
    <row r="78253" spans="14:14">
      <c r="N78253" s="10"/>
    </row>
    <row r="78254" spans="14:14">
      <c r="N78254" s="10"/>
    </row>
    <row r="78255" spans="14:14">
      <c r="N78255" s="10"/>
    </row>
    <row r="78256" spans="14:14">
      <c r="N78256" s="10"/>
    </row>
    <row r="78257" spans="14:14">
      <c r="N78257" s="10"/>
    </row>
    <row r="78258" spans="14:14">
      <c r="N78258" s="10"/>
    </row>
    <row r="78259" spans="14:14">
      <c r="N78259" s="10"/>
    </row>
    <row r="78260" spans="14:14">
      <c r="N78260" s="10"/>
    </row>
    <row r="78261" spans="14:14">
      <c r="N78261" s="10"/>
    </row>
    <row r="78262" spans="14:14">
      <c r="N78262" s="10"/>
    </row>
    <row r="78263" spans="14:14">
      <c r="N78263" s="10"/>
    </row>
    <row r="78264" spans="14:14">
      <c r="N78264" s="10"/>
    </row>
    <row r="78265" spans="14:14">
      <c r="N78265" s="10"/>
    </row>
    <row r="78266" spans="14:14">
      <c r="N78266" s="10"/>
    </row>
    <row r="78267" spans="14:14">
      <c r="N78267" s="10"/>
    </row>
    <row r="78268" spans="14:14">
      <c r="N78268" s="10"/>
    </row>
    <row r="78269" spans="14:14">
      <c r="N78269" s="10"/>
    </row>
    <row r="78270" spans="14:14">
      <c r="N78270" s="10"/>
    </row>
    <row r="78271" spans="14:14">
      <c r="N78271" s="10"/>
    </row>
    <row r="78272" spans="14:14">
      <c r="N78272" s="10"/>
    </row>
    <row r="78273" spans="14:14">
      <c r="N78273" s="10"/>
    </row>
    <row r="78274" spans="14:14">
      <c r="N78274" s="10"/>
    </row>
    <row r="78275" spans="14:14">
      <c r="N78275" s="10"/>
    </row>
    <row r="78276" spans="14:14">
      <c r="N78276" s="10"/>
    </row>
    <row r="78277" spans="14:14">
      <c r="N78277" s="10"/>
    </row>
    <row r="78278" spans="14:14">
      <c r="N78278" s="10"/>
    </row>
    <row r="78279" spans="14:14">
      <c r="N78279" s="10"/>
    </row>
    <row r="78280" spans="14:14">
      <c r="N78280" s="10"/>
    </row>
    <row r="78281" spans="14:14">
      <c r="N78281" s="10"/>
    </row>
    <row r="78282" spans="14:14">
      <c r="N78282" s="10"/>
    </row>
    <row r="78283" spans="14:14">
      <c r="N78283" s="10"/>
    </row>
    <row r="78284" spans="14:14">
      <c r="N78284" s="10"/>
    </row>
    <row r="78285" spans="14:14">
      <c r="N78285" s="10"/>
    </row>
    <row r="78286" spans="14:14">
      <c r="N78286" s="10"/>
    </row>
    <row r="78287" spans="14:14">
      <c r="N78287" s="10"/>
    </row>
    <row r="78288" spans="14:14">
      <c r="N78288" s="10"/>
    </row>
    <row r="78289" spans="14:14">
      <c r="N78289" s="10"/>
    </row>
    <row r="78290" spans="14:14">
      <c r="N78290" s="10"/>
    </row>
    <row r="78291" spans="14:14">
      <c r="N78291" s="10"/>
    </row>
    <row r="78292" spans="14:14">
      <c r="N78292" s="10"/>
    </row>
    <row r="78293" spans="14:14">
      <c r="N78293" s="10"/>
    </row>
    <row r="78294" spans="14:14">
      <c r="N78294" s="10"/>
    </row>
    <row r="78295" spans="14:14">
      <c r="N78295" s="10"/>
    </row>
    <row r="78296" spans="14:14">
      <c r="N78296" s="10"/>
    </row>
    <row r="78297" spans="14:14">
      <c r="N78297" s="10"/>
    </row>
    <row r="78298" spans="14:14">
      <c r="N78298" s="10"/>
    </row>
    <row r="78299" spans="14:14">
      <c r="N78299" s="10"/>
    </row>
    <row r="78300" spans="14:14">
      <c r="N78300" s="10"/>
    </row>
    <row r="78301" spans="14:14">
      <c r="N78301" s="10"/>
    </row>
    <row r="78302" spans="14:14">
      <c r="N78302" s="10"/>
    </row>
    <row r="78303" spans="14:14">
      <c r="N78303" s="10"/>
    </row>
    <row r="78304" spans="14:14">
      <c r="N78304" s="10"/>
    </row>
    <row r="78305" spans="14:14">
      <c r="N78305" s="10"/>
    </row>
    <row r="78306" spans="14:14">
      <c r="N78306" s="10"/>
    </row>
    <row r="78307" spans="14:14">
      <c r="N78307" s="10"/>
    </row>
    <row r="78308" spans="14:14">
      <c r="N78308" s="10"/>
    </row>
    <row r="78309" spans="14:14">
      <c r="N78309" s="10"/>
    </row>
    <row r="78310" spans="14:14">
      <c r="N78310" s="10"/>
    </row>
    <row r="78311" spans="14:14">
      <c r="N78311" s="10"/>
    </row>
    <row r="78312" spans="14:14">
      <c r="N78312" s="10"/>
    </row>
    <row r="78313" spans="14:14">
      <c r="N78313" s="10"/>
    </row>
    <row r="78314" spans="14:14">
      <c r="N78314" s="10"/>
    </row>
    <row r="78315" spans="14:14">
      <c r="N78315" s="10"/>
    </row>
    <row r="78316" spans="14:14">
      <c r="N78316" s="10"/>
    </row>
    <row r="78317" spans="14:14">
      <c r="N78317" s="10"/>
    </row>
    <row r="78318" spans="14:14">
      <c r="N78318" s="10"/>
    </row>
    <row r="78319" spans="14:14">
      <c r="N78319" s="10"/>
    </row>
    <row r="78320" spans="14:14">
      <c r="N78320" s="10"/>
    </row>
    <row r="78321" spans="14:14">
      <c r="N78321" s="10"/>
    </row>
    <row r="78322" spans="14:14">
      <c r="N78322" s="10"/>
    </row>
    <row r="78323" spans="14:14">
      <c r="N78323" s="10"/>
    </row>
    <row r="78324" spans="14:14">
      <c r="N78324" s="10"/>
    </row>
    <row r="78325" spans="14:14">
      <c r="N78325" s="10"/>
    </row>
    <row r="78326" spans="14:14">
      <c r="N78326" s="10"/>
    </row>
    <row r="78327" spans="14:14">
      <c r="N78327" s="10"/>
    </row>
    <row r="78328" spans="14:14">
      <c r="N78328" s="10"/>
    </row>
    <row r="78329" spans="14:14">
      <c r="N78329" s="10"/>
    </row>
    <row r="78330" spans="14:14">
      <c r="N78330" s="10"/>
    </row>
    <row r="78331" spans="14:14">
      <c r="N78331" s="10"/>
    </row>
    <row r="78332" spans="14:14">
      <c r="N78332" s="10"/>
    </row>
    <row r="78333" spans="14:14">
      <c r="N78333" s="10"/>
    </row>
    <row r="78334" spans="14:14">
      <c r="N78334" s="10"/>
    </row>
    <row r="78335" spans="14:14">
      <c r="N78335" s="10"/>
    </row>
    <row r="78336" spans="14:14">
      <c r="N78336" s="10"/>
    </row>
    <row r="78337" spans="14:14">
      <c r="N78337" s="10"/>
    </row>
    <row r="78338" spans="14:14">
      <c r="N78338" s="10"/>
    </row>
    <row r="78339" spans="14:14">
      <c r="N78339" s="10"/>
    </row>
    <row r="78340" spans="14:14">
      <c r="N78340" s="10"/>
    </row>
    <row r="78341" spans="14:14">
      <c r="N78341" s="10"/>
    </row>
    <row r="78342" spans="14:14">
      <c r="N78342" s="10"/>
    </row>
    <row r="78343" spans="14:14">
      <c r="N78343" s="10"/>
    </row>
    <row r="78344" spans="14:14">
      <c r="N78344" s="10"/>
    </row>
    <row r="78345" spans="14:14">
      <c r="N78345" s="10"/>
    </row>
    <row r="78346" spans="14:14">
      <c r="N78346" s="10"/>
    </row>
    <row r="78347" spans="14:14">
      <c r="N78347" s="10"/>
    </row>
    <row r="78348" spans="14:14">
      <c r="N78348" s="10"/>
    </row>
    <row r="78349" spans="14:14">
      <c r="N78349" s="10"/>
    </row>
    <row r="78350" spans="14:14">
      <c r="N78350" s="10"/>
    </row>
    <row r="78351" spans="14:14">
      <c r="N78351" s="10"/>
    </row>
    <row r="78352" spans="14:14">
      <c r="N78352" s="10"/>
    </row>
    <row r="78353" spans="14:14">
      <c r="N78353" s="10"/>
    </row>
    <row r="78354" spans="14:14">
      <c r="N78354" s="10"/>
    </row>
    <row r="78355" spans="14:14">
      <c r="N78355" s="10"/>
    </row>
    <row r="78356" spans="14:14">
      <c r="N78356" s="10"/>
    </row>
    <row r="78357" spans="14:14">
      <c r="N78357" s="10"/>
    </row>
    <row r="78358" spans="14:14">
      <c r="N78358" s="10"/>
    </row>
    <row r="78359" spans="14:14">
      <c r="N78359" s="10"/>
    </row>
    <row r="78360" spans="14:14">
      <c r="N78360" s="10"/>
    </row>
    <row r="78361" spans="14:14">
      <c r="N78361" s="10"/>
    </row>
    <row r="78362" spans="14:14">
      <c r="N78362" s="10"/>
    </row>
    <row r="78363" spans="14:14">
      <c r="N78363" s="10"/>
    </row>
    <row r="78364" spans="14:14">
      <c r="N78364" s="10"/>
    </row>
    <row r="78365" spans="14:14">
      <c r="N78365" s="10"/>
    </row>
    <row r="78366" spans="14:14">
      <c r="N78366" s="10"/>
    </row>
    <row r="78367" spans="14:14">
      <c r="N78367" s="10"/>
    </row>
    <row r="78368" spans="14:14">
      <c r="N78368" s="10"/>
    </row>
    <row r="78369" spans="14:14">
      <c r="N78369" s="10"/>
    </row>
    <row r="78370" spans="14:14">
      <c r="N78370" s="10"/>
    </row>
    <row r="78371" spans="14:14">
      <c r="N78371" s="10"/>
    </row>
    <row r="78372" spans="14:14">
      <c r="N78372" s="10"/>
    </row>
    <row r="78373" spans="14:14">
      <c r="N78373" s="10"/>
    </row>
    <row r="78374" spans="14:14">
      <c r="N78374" s="10"/>
    </row>
    <row r="78375" spans="14:14">
      <c r="N78375" s="10"/>
    </row>
    <row r="78376" spans="14:14">
      <c r="N78376" s="10"/>
    </row>
    <row r="78377" spans="14:14">
      <c r="N78377" s="10"/>
    </row>
    <row r="78378" spans="14:14">
      <c r="N78378" s="10"/>
    </row>
    <row r="78379" spans="14:14">
      <c r="N78379" s="10"/>
    </row>
    <row r="78380" spans="14:14">
      <c r="N78380" s="10"/>
    </row>
    <row r="78381" spans="14:14">
      <c r="N78381" s="10"/>
    </row>
    <row r="78382" spans="14:14">
      <c r="N78382" s="10"/>
    </row>
    <row r="78383" spans="14:14">
      <c r="N78383" s="10"/>
    </row>
    <row r="78384" spans="14:14">
      <c r="N78384" s="10"/>
    </row>
    <row r="78385" spans="14:14">
      <c r="N78385" s="10"/>
    </row>
    <row r="78386" spans="14:14">
      <c r="N78386" s="10"/>
    </row>
    <row r="78387" spans="14:14">
      <c r="N78387" s="10"/>
    </row>
    <row r="78388" spans="14:14">
      <c r="N78388" s="10"/>
    </row>
    <row r="78389" spans="14:14">
      <c r="N78389" s="10"/>
    </row>
    <row r="78390" spans="14:14">
      <c r="N78390" s="10"/>
    </row>
    <row r="78391" spans="14:14">
      <c r="N78391" s="10"/>
    </row>
    <row r="78392" spans="14:14">
      <c r="N78392" s="10"/>
    </row>
    <row r="78393" spans="14:14">
      <c r="N78393" s="10"/>
    </row>
    <row r="78394" spans="14:14">
      <c r="N78394" s="10"/>
    </row>
    <row r="78395" spans="14:14">
      <c r="N78395" s="10"/>
    </row>
    <row r="78396" spans="14:14">
      <c r="N78396" s="10"/>
    </row>
    <row r="78397" spans="14:14">
      <c r="N78397" s="10"/>
    </row>
    <row r="78398" spans="14:14">
      <c r="N78398" s="10"/>
    </row>
    <row r="78399" spans="14:14">
      <c r="N78399" s="10"/>
    </row>
    <row r="78400" spans="14:14">
      <c r="N78400" s="10"/>
    </row>
    <row r="78401" spans="14:14">
      <c r="N78401" s="10"/>
    </row>
    <row r="78402" spans="14:14">
      <c r="N78402" s="10"/>
    </row>
    <row r="78403" spans="14:14">
      <c r="N78403" s="10"/>
    </row>
    <row r="78404" spans="14:14">
      <c r="N78404" s="10"/>
    </row>
    <row r="78405" spans="14:14">
      <c r="N78405" s="10"/>
    </row>
    <row r="78406" spans="14:14">
      <c r="N78406" s="10"/>
    </row>
    <row r="78407" spans="14:14">
      <c r="N78407" s="10"/>
    </row>
    <row r="78408" spans="14:14">
      <c r="N78408" s="10"/>
    </row>
    <row r="78409" spans="14:14">
      <c r="N78409" s="10"/>
    </row>
    <row r="78410" spans="14:14">
      <c r="N78410" s="10"/>
    </row>
    <row r="78411" spans="14:14">
      <c r="N78411" s="10"/>
    </row>
    <row r="78412" spans="14:14">
      <c r="N78412" s="10"/>
    </row>
    <row r="78413" spans="14:14">
      <c r="N78413" s="10"/>
    </row>
    <row r="78414" spans="14:14">
      <c r="N78414" s="10"/>
    </row>
    <row r="78415" spans="14:14">
      <c r="N78415" s="10"/>
    </row>
    <row r="78416" spans="14:14">
      <c r="N78416" s="10"/>
    </row>
    <row r="78417" spans="14:14">
      <c r="N78417" s="10"/>
    </row>
    <row r="78418" spans="14:14">
      <c r="N78418" s="10"/>
    </row>
    <row r="78419" spans="14:14">
      <c r="N78419" s="10"/>
    </row>
    <row r="78420" spans="14:14">
      <c r="N78420" s="10"/>
    </row>
    <row r="78421" spans="14:14">
      <c r="N78421" s="10"/>
    </row>
    <row r="78422" spans="14:14">
      <c r="N78422" s="10"/>
    </row>
    <row r="78423" spans="14:14">
      <c r="N78423" s="10"/>
    </row>
    <row r="78424" spans="14:14">
      <c r="N78424" s="10"/>
    </row>
    <row r="78425" spans="14:14">
      <c r="N78425" s="10"/>
    </row>
    <row r="78426" spans="14:14">
      <c r="N78426" s="10"/>
    </row>
    <row r="78427" spans="14:14">
      <c r="N78427" s="10"/>
    </row>
    <row r="78428" spans="14:14">
      <c r="N78428" s="10"/>
    </row>
    <row r="78429" spans="14:14">
      <c r="N78429" s="10"/>
    </row>
    <row r="78430" spans="14:14">
      <c r="N78430" s="10"/>
    </row>
    <row r="78431" spans="14:14">
      <c r="N78431" s="10"/>
    </row>
    <row r="78432" spans="14:14">
      <c r="N78432" s="10"/>
    </row>
    <row r="78433" spans="14:14">
      <c r="N78433" s="10"/>
    </row>
    <row r="78434" spans="14:14">
      <c r="N78434" s="10"/>
    </row>
    <row r="78435" spans="14:14">
      <c r="N78435" s="10"/>
    </row>
    <row r="78436" spans="14:14">
      <c r="N78436" s="10"/>
    </row>
    <row r="78437" spans="14:14">
      <c r="N78437" s="10"/>
    </row>
    <row r="78438" spans="14:14">
      <c r="N78438" s="10"/>
    </row>
    <row r="78439" spans="14:14">
      <c r="N78439" s="10"/>
    </row>
    <row r="78440" spans="14:14">
      <c r="N78440" s="10"/>
    </row>
    <row r="78441" spans="14:14">
      <c r="N78441" s="10"/>
    </row>
    <row r="78442" spans="14:14">
      <c r="N78442" s="10"/>
    </row>
    <row r="78443" spans="14:14">
      <c r="N78443" s="10"/>
    </row>
    <row r="78444" spans="14:14">
      <c r="N78444" s="10"/>
    </row>
    <row r="78445" spans="14:14">
      <c r="N78445" s="10"/>
    </row>
    <row r="78446" spans="14:14">
      <c r="N78446" s="10"/>
    </row>
    <row r="78447" spans="14:14">
      <c r="N78447" s="10"/>
    </row>
    <row r="78448" spans="14:14">
      <c r="N78448" s="10"/>
    </row>
    <row r="78449" spans="14:14">
      <c r="N78449" s="10"/>
    </row>
    <row r="78450" spans="14:14">
      <c r="N78450" s="10"/>
    </row>
    <row r="78451" spans="14:14">
      <c r="N78451" s="10"/>
    </row>
    <row r="78452" spans="14:14">
      <c r="N78452" s="10"/>
    </row>
    <row r="78453" spans="14:14">
      <c r="N78453" s="10"/>
    </row>
    <row r="78454" spans="14:14">
      <c r="N78454" s="10"/>
    </row>
    <row r="78455" spans="14:14">
      <c r="N78455" s="10"/>
    </row>
    <row r="78456" spans="14:14">
      <c r="N78456" s="10"/>
    </row>
    <row r="78457" spans="14:14">
      <c r="N78457" s="10"/>
    </row>
    <row r="78458" spans="14:14">
      <c r="N78458" s="10"/>
    </row>
    <row r="78459" spans="14:14">
      <c r="N78459" s="10"/>
    </row>
    <row r="78460" spans="14:14">
      <c r="N78460" s="10"/>
    </row>
    <row r="78461" spans="14:14">
      <c r="N78461" s="10"/>
    </row>
    <row r="78462" spans="14:14">
      <c r="N78462" s="10"/>
    </row>
    <row r="78463" spans="14:14">
      <c r="N78463" s="10"/>
    </row>
    <row r="78464" spans="14:14">
      <c r="N78464" s="10"/>
    </row>
    <row r="78465" spans="14:14">
      <c r="N78465" s="10"/>
    </row>
    <row r="78466" spans="14:14">
      <c r="N78466" s="10"/>
    </row>
    <row r="78467" spans="14:14">
      <c r="N78467" s="10"/>
    </row>
    <row r="78468" spans="14:14">
      <c r="N78468" s="10"/>
    </row>
    <row r="78469" spans="14:14">
      <c r="N78469" s="10"/>
    </row>
    <row r="78470" spans="14:14">
      <c r="N78470" s="10"/>
    </row>
    <row r="78471" spans="14:14">
      <c r="N78471" s="10"/>
    </row>
    <row r="78472" spans="14:14">
      <c r="N78472" s="10"/>
    </row>
    <row r="78473" spans="14:14">
      <c r="N78473" s="10"/>
    </row>
    <row r="78474" spans="14:14">
      <c r="N78474" s="10"/>
    </row>
    <row r="78475" spans="14:14">
      <c r="N78475" s="10"/>
    </row>
    <row r="78476" spans="14:14">
      <c r="N78476" s="10"/>
    </row>
    <row r="78477" spans="14:14">
      <c r="N78477" s="10"/>
    </row>
    <row r="78478" spans="14:14">
      <c r="N78478" s="10"/>
    </row>
    <row r="78479" spans="14:14">
      <c r="N78479" s="10"/>
    </row>
    <row r="78480" spans="14:14">
      <c r="N78480" s="10"/>
    </row>
    <row r="78481" spans="14:14">
      <c r="N78481" s="10"/>
    </row>
    <row r="78482" spans="14:14">
      <c r="N78482" s="10"/>
    </row>
    <row r="78483" spans="14:14">
      <c r="N78483" s="10"/>
    </row>
    <row r="78484" spans="14:14">
      <c r="N78484" s="10"/>
    </row>
    <row r="78485" spans="14:14">
      <c r="N78485" s="10"/>
    </row>
    <row r="78486" spans="14:14">
      <c r="N78486" s="10"/>
    </row>
    <row r="78487" spans="14:14">
      <c r="N78487" s="10"/>
    </row>
    <row r="78488" spans="14:14">
      <c r="N78488" s="10"/>
    </row>
    <row r="78489" spans="14:14">
      <c r="N78489" s="10"/>
    </row>
    <row r="78490" spans="14:14">
      <c r="N78490" s="10"/>
    </row>
    <row r="78491" spans="14:14">
      <c r="N78491" s="10"/>
    </row>
    <row r="78492" spans="14:14">
      <c r="N78492" s="10"/>
    </row>
    <row r="78493" spans="14:14">
      <c r="N78493" s="10"/>
    </row>
    <row r="78494" spans="14:14">
      <c r="N78494" s="10"/>
    </row>
    <row r="78495" spans="14:14">
      <c r="N78495" s="10"/>
    </row>
    <row r="78496" spans="14:14">
      <c r="N78496" s="10"/>
    </row>
    <row r="78497" spans="14:14">
      <c r="N78497" s="10"/>
    </row>
    <row r="78498" spans="14:14">
      <c r="N78498" s="10"/>
    </row>
    <row r="78499" spans="14:14">
      <c r="N78499" s="10"/>
    </row>
    <row r="78500" spans="14:14">
      <c r="N78500" s="10"/>
    </row>
    <row r="78501" spans="14:14">
      <c r="N78501" s="10"/>
    </row>
    <row r="78502" spans="14:14">
      <c r="N78502" s="10"/>
    </row>
    <row r="78503" spans="14:14">
      <c r="N78503" s="10"/>
    </row>
    <row r="78504" spans="14:14">
      <c r="N78504" s="10"/>
    </row>
    <row r="78505" spans="14:14">
      <c r="N78505" s="10"/>
    </row>
    <row r="78506" spans="14:14">
      <c r="N78506" s="10"/>
    </row>
    <row r="78507" spans="14:14">
      <c r="N78507" s="10"/>
    </row>
    <row r="78508" spans="14:14">
      <c r="N78508" s="10"/>
    </row>
    <row r="78509" spans="14:14">
      <c r="N78509" s="10"/>
    </row>
    <row r="78510" spans="14:14">
      <c r="N78510" s="10"/>
    </row>
    <row r="78511" spans="14:14">
      <c r="N78511" s="10"/>
    </row>
    <row r="78512" spans="14:14">
      <c r="N78512" s="10"/>
    </row>
    <row r="78513" spans="14:14">
      <c r="N78513" s="10"/>
    </row>
    <row r="78514" spans="14:14">
      <c r="N78514" s="10"/>
    </row>
    <row r="78515" spans="14:14">
      <c r="N78515" s="10"/>
    </row>
    <row r="78516" spans="14:14">
      <c r="N78516" s="10"/>
    </row>
    <row r="78517" spans="14:14">
      <c r="N78517" s="10"/>
    </row>
    <row r="78518" spans="14:14">
      <c r="N78518" s="10"/>
    </row>
    <row r="78519" spans="14:14">
      <c r="N78519" s="10"/>
    </row>
    <row r="78520" spans="14:14">
      <c r="N78520" s="10"/>
    </row>
    <row r="78521" spans="14:14">
      <c r="N78521" s="10"/>
    </row>
    <row r="78522" spans="14:14">
      <c r="N78522" s="10"/>
    </row>
    <row r="78523" spans="14:14">
      <c r="N78523" s="10"/>
    </row>
    <row r="78524" spans="14:14">
      <c r="N78524" s="10"/>
    </row>
    <row r="78525" spans="14:14">
      <c r="N78525" s="10"/>
    </row>
    <row r="78526" spans="14:14">
      <c r="N78526" s="10"/>
    </row>
    <row r="78527" spans="14:14">
      <c r="N78527" s="10"/>
    </row>
    <row r="78528" spans="14:14">
      <c r="N78528" s="10"/>
    </row>
    <row r="78529" spans="14:14">
      <c r="N78529" s="10"/>
    </row>
    <row r="78530" spans="14:14">
      <c r="N78530" s="10"/>
    </row>
    <row r="78531" spans="14:14">
      <c r="N78531" s="10"/>
    </row>
    <row r="78532" spans="14:14">
      <c r="N78532" s="10"/>
    </row>
    <row r="78533" spans="14:14">
      <c r="N78533" s="10"/>
    </row>
    <row r="78534" spans="14:14">
      <c r="N78534" s="10"/>
    </row>
    <row r="78535" spans="14:14">
      <c r="N78535" s="10"/>
    </row>
    <row r="78536" spans="14:14">
      <c r="N78536" s="10"/>
    </row>
    <row r="78537" spans="14:14">
      <c r="N78537" s="10"/>
    </row>
    <row r="78538" spans="14:14">
      <c r="N78538" s="10"/>
    </row>
    <row r="78539" spans="14:14">
      <c r="N78539" s="10"/>
    </row>
    <row r="78540" spans="14:14">
      <c r="N78540" s="10"/>
    </row>
    <row r="78541" spans="14:14">
      <c r="N78541" s="10"/>
    </row>
    <row r="78542" spans="14:14">
      <c r="N78542" s="10"/>
    </row>
    <row r="78543" spans="14:14">
      <c r="N78543" s="10"/>
    </row>
    <row r="78544" spans="14:14">
      <c r="N78544" s="10"/>
    </row>
    <row r="78545" spans="14:14">
      <c r="N78545" s="10"/>
    </row>
    <row r="78546" spans="14:14">
      <c r="N78546" s="10"/>
    </row>
    <row r="78547" spans="14:14">
      <c r="N78547" s="10"/>
    </row>
    <row r="78548" spans="14:14">
      <c r="N78548" s="10"/>
    </row>
    <row r="78549" spans="14:14">
      <c r="N78549" s="10"/>
    </row>
    <row r="78550" spans="14:14">
      <c r="N78550" s="10"/>
    </row>
    <row r="78551" spans="14:14">
      <c r="N78551" s="10"/>
    </row>
    <row r="78552" spans="14:14">
      <c r="N78552" s="10"/>
    </row>
    <row r="78553" spans="14:14">
      <c r="N78553" s="10"/>
    </row>
    <row r="78554" spans="14:14">
      <c r="N78554" s="10"/>
    </row>
    <row r="78555" spans="14:14">
      <c r="N78555" s="10"/>
    </row>
    <row r="78556" spans="14:14">
      <c r="N78556" s="10"/>
    </row>
    <row r="78557" spans="14:14">
      <c r="N78557" s="10"/>
    </row>
    <row r="78558" spans="14:14">
      <c r="N78558" s="10"/>
    </row>
    <row r="78559" spans="14:14">
      <c r="N78559" s="10"/>
    </row>
    <row r="78560" spans="14:14">
      <c r="N78560" s="10"/>
    </row>
    <row r="78561" spans="14:14">
      <c r="N78561" s="10"/>
    </row>
    <row r="78562" spans="14:14">
      <c r="N78562" s="10"/>
    </row>
    <row r="78563" spans="14:14">
      <c r="N78563" s="10"/>
    </row>
    <row r="78564" spans="14:14">
      <c r="N78564" s="10"/>
    </row>
    <row r="78565" spans="14:14">
      <c r="N78565" s="10"/>
    </row>
    <row r="78566" spans="14:14">
      <c r="N78566" s="10"/>
    </row>
    <row r="78567" spans="14:14">
      <c r="N78567" s="10"/>
    </row>
    <row r="78568" spans="14:14">
      <c r="N78568" s="10"/>
    </row>
    <row r="78569" spans="14:14">
      <c r="N78569" s="10"/>
    </row>
    <row r="78570" spans="14:14">
      <c r="N78570" s="10"/>
    </row>
    <row r="78571" spans="14:14">
      <c r="N78571" s="10"/>
    </row>
    <row r="78572" spans="14:14">
      <c r="N78572" s="10"/>
    </row>
    <row r="78573" spans="14:14">
      <c r="N78573" s="10"/>
    </row>
    <row r="78574" spans="14:14">
      <c r="N78574" s="10"/>
    </row>
    <row r="78575" spans="14:14">
      <c r="N78575" s="10"/>
    </row>
    <row r="78576" spans="14:14">
      <c r="N78576" s="10"/>
    </row>
    <row r="78577" spans="14:14">
      <c r="N78577" s="10"/>
    </row>
    <row r="78578" spans="14:14">
      <c r="N78578" s="10"/>
    </row>
    <row r="78579" spans="14:14">
      <c r="N78579" s="10"/>
    </row>
    <row r="78580" spans="14:14">
      <c r="N78580" s="10"/>
    </row>
    <row r="78581" spans="14:14">
      <c r="N78581" s="10"/>
    </row>
    <row r="78582" spans="14:14">
      <c r="N78582" s="10"/>
    </row>
    <row r="78583" spans="14:14">
      <c r="N78583" s="10"/>
    </row>
    <row r="78584" spans="14:14">
      <c r="N78584" s="10"/>
    </row>
    <row r="78585" spans="14:14">
      <c r="N78585" s="10"/>
    </row>
    <row r="78586" spans="14:14">
      <c r="N78586" s="10"/>
    </row>
    <row r="78587" spans="14:14">
      <c r="N78587" s="10"/>
    </row>
    <row r="78588" spans="14:14">
      <c r="N78588" s="10"/>
    </row>
    <row r="78589" spans="14:14">
      <c r="N78589" s="10"/>
    </row>
    <row r="78590" spans="14:14">
      <c r="N78590" s="10"/>
    </row>
    <row r="78591" spans="14:14">
      <c r="N78591" s="10"/>
    </row>
    <row r="78592" spans="14:14">
      <c r="N78592" s="10"/>
    </row>
    <row r="78593" spans="14:14">
      <c r="N78593" s="10"/>
    </row>
    <row r="78594" spans="14:14">
      <c r="N78594" s="10"/>
    </row>
    <row r="78595" spans="14:14">
      <c r="N78595" s="10"/>
    </row>
    <row r="78596" spans="14:14">
      <c r="N78596" s="10"/>
    </row>
    <row r="78597" spans="14:14">
      <c r="N78597" s="10"/>
    </row>
    <row r="78598" spans="14:14">
      <c r="N78598" s="10"/>
    </row>
    <row r="78599" spans="14:14">
      <c r="N78599" s="10"/>
    </row>
    <row r="78600" spans="14:14">
      <c r="N78600" s="10"/>
    </row>
    <row r="78601" spans="14:14">
      <c r="N78601" s="10"/>
    </row>
    <row r="78602" spans="14:14">
      <c r="N78602" s="10"/>
    </row>
    <row r="78603" spans="14:14">
      <c r="N78603" s="10"/>
    </row>
    <row r="78604" spans="14:14">
      <c r="N78604" s="10"/>
    </row>
    <row r="78605" spans="14:14">
      <c r="N78605" s="10"/>
    </row>
    <row r="78606" spans="14:14">
      <c r="N78606" s="10"/>
    </row>
    <row r="78607" spans="14:14">
      <c r="N78607" s="10"/>
    </row>
    <row r="78608" spans="14:14">
      <c r="N78608" s="10"/>
    </row>
    <row r="78609" spans="14:14">
      <c r="N78609" s="10"/>
    </row>
    <row r="78610" spans="14:14">
      <c r="N78610" s="10"/>
    </row>
    <row r="78611" spans="14:14">
      <c r="N78611" s="10"/>
    </row>
    <row r="78612" spans="14:14">
      <c r="N78612" s="10"/>
    </row>
    <row r="78613" spans="14:14">
      <c r="N78613" s="10"/>
    </row>
    <row r="78614" spans="14:14">
      <c r="N78614" s="10"/>
    </row>
    <row r="78615" spans="14:14">
      <c r="N78615" s="10"/>
    </row>
    <row r="78616" spans="14:14">
      <c r="N78616" s="10"/>
    </row>
    <row r="78617" spans="14:14">
      <c r="N78617" s="10"/>
    </row>
    <row r="78618" spans="14:14">
      <c r="N78618" s="10"/>
    </row>
    <row r="78619" spans="14:14">
      <c r="N78619" s="10"/>
    </row>
    <row r="78620" spans="14:14">
      <c r="N78620" s="10"/>
    </row>
    <row r="78621" spans="14:14">
      <c r="N78621" s="10"/>
    </row>
    <row r="78622" spans="14:14">
      <c r="N78622" s="10"/>
    </row>
    <row r="78623" spans="14:14">
      <c r="N78623" s="10"/>
    </row>
    <row r="78624" spans="14:14">
      <c r="N78624" s="10"/>
    </row>
    <row r="78625" spans="14:14">
      <c r="N78625" s="10"/>
    </row>
    <row r="78626" spans="14:14">
      <c r="N78626" s="10"/>
    </row>
    <row r="78627" spans="14:14">
      <c r="N78627" s="10"/>
    </row>
    <row r="78628" spans="14:14">
      <c r="N78628" s="10"/>
    </row>
    <row r="78629" spans="14:14">
      <c r="N78629" s="10"/>
    </row>
    <row r="78630" spans="14:14">
      <c r="N78630" s="10"/>
    </row>
    <row r="78631" spans="14:14">
      <c r="N78631" s="10"/>
    </row>
    <row r="78632" spans="14:14">
      <c r="N78632" s="10"/>
    </row>
    <row r="78633" spans="14:14">
      <c r="N78633" s="10"/>
    </row>
    <row r="78634" spans="14:14">
      <c r="N78634" s="10"/>
    </row>
    <row r="78635" spans="14:14">
      <c r="N78635" s="10"/>
    </row>
    <row r="78636" spans="14:14">
      <c r="N78636" s="10"/>
    </row>
    <row r="78637" spans="14:14">
      <c r="N78637" s="10"/>
    </row>
    <row r="78638" spans="14:14">
      <c r="N78638" s="10"/>
    </row>
    <row r="78639" spans="14:14">
      <c r="N78639" s="10"/>
    </row>
    <row r="78640" spans="14:14">
      <c r="N78640" s="10"/>
    </row>
    <row r="78641" spans="14:14">
      <c r="N78641" s="10"/>
    </row>
    <row r="78642" spans="14:14">
      <c r="N78642" s="10"/>
    </row>
    <row r="78643" spans="14:14">
      <c r="N78643" s="10"/>
    </row>
    <row r="78644" spans="14:14">
      <c r="N78644" s="10"/>
    </row>
    <row r="78645" spans="14:14">
      <c r="N78645" s="10"/>
    </row>
    <row r="78646" spans="14:14">
      <c r="N78646" s="10"/>
    </row>
    <row r="78647" spans="14:14">
      <c r="N78647" s="10"/>
    </row>
    <row r="78648" spans="14:14">
      <c r="N78648" s="10"/>
    </row>
    <row r="78649" spans="14:14">
      <c r="N78649" s="10"/>
    </row>
    <row r="78650" spans="14:14">
      <c r="N78650" s="10"/>
    </row>
    <row r="78651" spans="14:14">
      <c r="N78651" s="10"/>
    </row>
    <row r="78652" spans="14:14">
      <c r="N78652" s="10"/>
    </row>
    <row r="78653" spans="14:14">
      <c r="N78653" s="10"/>
    </row>
    <row r="78654" spans="14:14">
      <c r="N78654" s="10"/>
    </row>
    <row r="78655" spans="14:14">
      <c r="N78655" s="10"/>
    </row>
    <row r="78656" spans="14:14">
      <c r="N78656" s="10"/>
    </row>
    <row r="78657" spans="14:14">
      <c r="N78657" s="10"/>
    </row>
    <row r="78658" spans="14:14">
      <c r="N78658" s="10"/>
    </row>
    <row r="78659" spans="14:14">
      <c r="N78659" s="10"/>
    </row>
    <row r="78660" spans="14:14">
      <c r="N78660" s="10"/>
    </row>
    <row r="78661" spans="14:14">
      <c r="N78661" s="10"/>
    </row>
    <row r="78662" spans="14:14">
      <c r="N78662" s="10"/>
    </row>
    <row r="78663" spans="14:14">
      <c r="N78663" s="10"/>
    </row>
    <row r="78664" spans="14:14">
      <c r="N78664" s="10"/>
    </row>
    <row r="78665" spans="14:14">
      <c r="N78665" s="10"/>
    </row>
    <row r="78666" spans="14:14">
      <c r="N78666" s="10"/>
    </row>
    <row r="78667" spans="14:14">
      <c r="N78667" s="10"/>
    </row>
    <row r="78668" spans="14:14">
      <c r="N78668" s="10"/>
    </row>
    <row r="78669" spans="14:14">
      <c r="N78669" s="10"/>
    </row>
    <row r="78670" spans="14:14">
      <c r="N78670" s="10"/>
    </row>
    <row r="78671" spans="14:14">
      <c r="N78671" s="10"/>
    </row>
    <row r="78672" spans="14:14">
      <c r="N78672" s="10"/>
    </row>
    <row r="78673" spans="14:14">
      <c r="N78673" s="10"/>
    </row>
    <row r="78674" spans="14:14">
      <c r="N78674" s="10"/>
    </row>
    <row r="78675" spans="14:14">
      <c r="N78675" s="10"/>
    </row>
    <row r="78676" spans="14:14">
      <c r="N78676" s="10"/>
    </row>
    <row r="78677" spans="14:14">
      <c r="N78677" s="10"/>
    </row>
    <row r="78678" spans="14:14">
      <c r="N78678" s="10"/>
    </row>
    <row r="78679" spans="14:14">
      <c r="N78679" s="10"/>
    </row>
    <row r="78680" spans="14:14">
      <c r="N78680" s="10"/>
    </row>
    <row r="78681" spans="14:14">
      <c r="N78681" s="10"/>
    </row>
    <row r="78682" spans="14:14">
      <c r="N78682" s="10"/>
    </row>
    <row r="78683" spans="14:14">
      <c r="N78683" s="10"/>
    </row>
    <row r="78684" spans="14:14">
      <c r="N78684" s="10"/>
    </row>
    <row r="78685" spans="14:14">
      <c r="N78685" s="10"/>
    </row>
    <row r="78686" spans="14:14">
      <c r="N78686" s="10"/>
    </row>
    <row r="78687" spans="14:14">
      <c r="N78687" s="10"/>
    </row>
    <row r="78688" spans="14:14">
      <c r="N78688" s="10"/>
    </row>
    <row r="78689" spans="14:14">
      <c r="N78689" s="10"/>
    </row>
    <row r="78690" spans="14:14">
      <c r="N78690" s="10"/>
    </row>
    <row r="78691" spans="14:14">
      <c r="N78691" s="10"/>
    </row>
    <row r="78692" spans="14:14">
      <c r="N78692" s="10"/>
    </row>
    <row r="78693" spans="14:14">
      <c r="N78693" s="10"/>
    </row>
    <row r="78694" spans="14:14">
      <c r="N78694" s="10"/>
    </row>
    <row r="78695" spans="14:14">
      <c r="N78695" s="10"/>
    </row>
    <row r="78696" spans="14:14">
      <c r="N78696" s="10"/>
    </row>
    <row r="78697" spans="14:14">
      <c r="N78697" s="10"/>
    </row>
    <row r="78698" spans="14:14">
      <c r="N78698" s="10"/>
    </row>
    <row r="78699" spans="14:14">
      <c r="N78699" s="10"/>
    </row>
    <row r="78700" spans="14:14">
      <c r="N78700" s="10"/>
    </row>
    <row r="78701" spans="14:14">
      <c r="N78701" s="10"/>
    </row>
    <row r="78702" spans="14:14">
      <c r="N78702" s="10"/>
    </row>
    <row r="78703" spans="14:14">
      <c r="N78703" s="10"/>
    </row>
    <row r="78704" spans="14:14">
      <c r="N78704" s="10"/>
    </row>
    <row r="78705" spans="14:14">
      <c r="N78705" s="10"/>
    </row>
    <row r="78706" spans="14:14">
      <c r="N78706" s="10"/>
    </row>
    <row r="78707" spans="14:14">
      <c r="N78707" s="10"/>
    </row>
    <row r="78708" spans="14:14">
      <c r="N78708" s="10"/>
    </row>
    <row r="78709" spans="14:14">
      <c r="N78709" s="10"/>
    </row>
    <row r="78710" spans="14:14">
      <c r="N78710" s="10"/>
    </row>
    <row r="78711" spans="14:14">
      <c r="N78711" s="10"/>
    </row>
    <row r="78712" spans="14:14">
      <c r="N78712" s="10"/>
    </row>
    <row r="78713" spans="14:14">
      <c r="N78713" s="10"/>
    </row>
    <row r="78714" spans="14:14">
      <c r="N78714" s="10"/>
    </row>
    <row r="78715" spans="14:14">
      <c r="N78715" s="10"/>
    </row>
    <row r="78716" spans="14:14">
      <c r="N78716" s="10"/>
    </row>
    <row r="78717" spans="14:14">
      <c r="N78717" s="10"/>
    </row>
    <row r="78718" spans="14:14">
      <c r="N78718" s="10"/>
    </row>
    <row r="78719" spans="14:14">
      <c r="N78719" s="10"/>
    </row>
    <row r="78720" spans="14:14">
      <c r="N78720" s="10"/>
    </row>
    <row r="78721" spans="14:14">
      <c r="N78721" s="10"/>
    </row>
    <row r="78722" spans="14:14">
      <c r="N78722" s="10"/>
    </row>
    <row r="78723" spans="14:14">
      <c r="N78723" s="10"/>
    </row>
    <row r="78724" spans="14:14">
      <c r="N78724" s="10"/>
    </row>
    <row r="78725" spans="14:14">
      <c r="N78725" s="10"/>
    </row>
    <row r="78726" spans="14:14">
      <c r="N78726" s="10"/>
    </row>
    <row r="78727" spans="14:14">
      <c r="N78727" s="10"/>
    </row>
    <row r="78728" spans="14:14">
      <c r="N78728" s="10"/>
    </row>
    <row r="78729" spans="14:14">
      <c r="N78729" s="10"/>
    </row>
    <row r="78730" spans="14:14">
      <c r="N78730" s="10"/>
    </row>
    <row r="78731" spans="14:14">
      <c r="N78731" s="10"/>
    </row>
    <row r="78732" spans="14:14">
      <c r="N78732" s="10"/>
    </row>
    <row r="78733" spans="14:14">
      <c r="N78733" s="10"/>
    </row>
    <row r="78734" spans="14:14">
      <c r="N78734" s="10"/>
    </row>
    <row r="78735" spans="14:14">
      <c r="N78735" s="10"/>
    </row>
    <row r="78736" spans="14:14">
      <c r="N78736" s="10"/>
    </row>
    <row r="78737" spans="14:14">
      <c r="N78737" s="10"/>
    </row>
    <row r="78738" spans="14:14">
      <c r="N78738" s="10"/>
    </row>
    <row r="78739" spans="14:14">
      <c r="N78739" s="10"/>
    </row>
    <row r="78740" spans="14:14">
      <c r="N78740" s="10"/>
    </row>
    <row r="78741" spans="14:14">
      <c r="N78741" s="10"/>
    </row>
    <row r="78742" spans="14:14">
      <c r="N78742" s="10"/>
    </row>
    <row r="78743" spans="14:14">
      <c r="N78743" s="10"/>
    </row>
    <row r="78744" spans="14:14">
      <c r="N78744" s="10"/>
    </row>
    <row r="78745" spans="14:14">
      <c r="N78745" s="10"/>
    </row>
    <row r="78746" spans="14:14">
      <c r="N78746" s="10"/>
    </row>
    <row r="78747" spans="14:14">
      <c r="N78747" s="10"/>
    </row>
    <row r="78748" spans="14:14">
      <c r="N78748" s="10"/>
    </row>
    <row r="78749" spans="14:14">
      <c r="N78749" s="10"/>
    </row>
    <row r="78750" spans="14:14">
      <c r="N78750" s="10"/>
    </row>
    <row r="78751" spans="14:14">
      <c r="N78751" s="10"/>
    </row>
    <row r="78752" spans="14:14">
      <c r="N78752" s="10"/>
    </row>
    <row r="78753" spans="14:14">
      <c r="N78753" s="10"/>
    </row>
    <row r="78754" spans="14:14">
      <c r="N78754" s="10"/>
    </row>
    <row r="78755" spans="14:14">
      <c r="N78755" s="10"/>
    </row>
    <row r="78756" spans="14:14">
      <c r="N78756" s="10"/>
    </row>
    <row r="78757" spans="14:14">
      <c r="N78757" s="10"/>
    </row>
    <row r="78758" spans="14:14">
      <c r="N78758" s="10"/>
    </row>
    <row r="78759" spans="14:14">
      <c r="N78759" s="10"/>
    </row>
    <row r="78760" spans="14:14">
      <c r="N78760" s="10"/>
    </row>
    <row r="78761" spans="14:14">
      <c r="N78761" s="10"/>
    </row>
    <row r="78762" spans="14:14">
      <c r="N78762" s="10"/>
    </row>
    <row r="78763" spans="14:14">
      <c r="N78763" s="10"/>
    </row>
    <row r="78764" spans="14:14">
      <c r="N78764" s="10"/>
    </row>
    <row r="78765" spans="14:14">
      <c r="N78765" s="10"/>
    </row>
    <row r="78766" spans="14:14">
      <c r="N78766" s="10"/>
    </row>
    <row r="78767" spans="14:14">
      <c r="N78767" s="10"/>
    </row>
    <row r="78768" spans="14:14">
      <c r="N78768" s="10"/>
    </row>
    <row r="78769" spans="14:14">
      <c r="N78769" s="10"/>
    </row>
    <row r="78770" spans="14:14">
      <c r="N78770" s="10"/>
    </row>
    <row r="78771" spans="14:14">
      <c r="N78771" s="10"/>
    </row>
    <row r="78772" spans="14:14">
      <c r="N78772" s="10"/>
    </row>
    <row r="78773" spans="14:14">
      <c r="N78773" s="10"/>
    </row>
    <row r="78774" spans="14:14">
      <c r="N78774" s="10"/>
    </row>
    <row r="78775" spans="14:14">
      <c r="N78775" s="10"/>
    </row>
    <row r="78776" spans="14:14">
      <c r="N78776" s="10"/>
    </row>
    <row r="78777" spans="14:14">
      <c r="N78777" s="10"/>
    </row>
    <row r="78778" spans="14:14">
      <c r="N78778" s="10"/>
    </row>
    <row r="78779" spans="14:14">
      <c r="N78779" s="10"/>
    </row>
    <row r="78780" spans="14:14">
      <c r="N78780" s="10"/>
    </row>
    <row r="78781" spans="14:14">
      <c r="N78781" s="10"/>
    </row>
    <row r="78782" spans="14:14">
      <c r="N78782" s="10"/>
    </row>
    <row r="78783" spans="14:14">
      <c r="N78783" s="10"/>
    </row>
    <row r="78784" spans="14:14">
      <c r="N78784" s="10"/>
    </row>
    <row r="78785" spans="14:14">
      <c r="N78785" s="10"/>
    </row>
    <row r="78786" spans="14:14">
      <c r="N78786" s="10"/>
    </row>
    <row r="78787" spans="14:14">
      <c r="N78787" s="10"/>
    </row>
    <row r="78788" spans="14:14">
      <c r="N78788" s="10"/>
    </row>
    <row r="78789" spans="14:14">
      <c r="N78789" s="10"/>
    </row>
    <row r="78790" spans="14:14">
      <c r="N78790" s="10"/>
    </row>
    <row r="78791" spans="14:14">
      <c r="N78791" s="10"/>
    </row>
    <row r="78792" spans="14:14">
      <c r="N78792" s="10"/>
    </row>
    <row r="78793" spans="14:14">
      <c r="N78793" s="10"/>
    </row>
    <row r="78794" spans="14:14">
      <c r="N78794" s="10"/>
    </row>
    <row r="78795" spans="14:14">
      <c r="N78795" s="10"/>
    </row>
    <row r="78796" spans="14:14">
      <c r="N78796" s="10"/>
    </row>
    <row r="78797" spans="14:14">
      <c r="N78797" s="10"/>
    </row>
    <row r="78798" spans="14:14">
      <c r="N78798" s="10"/>
    </row>
    <row r="78799" spans="14:14">
      <c r="N78799" s="10"/>
    </row>
    <row r="78800" spans="14:14">
      <c r="N78800" s="10"/>
    </row>
    <row r="78801" spans="14:14">
      <c r="N78801" s="10"/>
    </row>
    <row r="78802" spans="14:14">
      <c r="N78802" s="10"/>
    </row>
    <row r="78803" spans="14:14">
      <c r="N78803" s="10"/>
    </row>
    <row r="78804" spans="14:14">
      <c r="N78804" s="10"/>
    </row>
    <row r="78805" spans="14:14">
      <c r="N78805" s="10"/>
    </row>
    <row r="78806" spans="14:14">
      <c r="N78806" s="10"/>
    </row>
    <row r="78807" spans="14:14">
      <c r="N78807" s="10"/>
    </row>
    <row r="78808" spans="14:14">
      <c r="N78808" s="10"/>
    </row>
    <row r="78809" spans="14:14">
      <c r="N78809" s="10"/>
    </row>
    <row r="78810" spans="14:14">
      <c r="N78810" s="10"/>
    </row>
    <row r="78811" spans="14:14">
      <c r="N78811" s="10"/>
    </row>
    <row r="78812" spans="14:14">
      <c r="N78812" s="10"/>
    </row>
    <row r="78813" spans="14:14">
      <c r="N78813" s="10"/>
    </row>
    <row r="78814" spans="14:14">
      <c r="N78814" s="10"/>
    </row>
    <row r="78815" spans="14:14">
      <c r="N78815" s="10"/>
    </row>
    <row r="78816" spans="14:14">
      <c r="N78816" s="10"/>
    </row>
    <row r="78817" spans="14:14">
      <c r="N78817" s="10"/>
    </row>
    <row r="78818" spans="14:14">
      <c r="N78818" s="10"/>
    </row>
    <row r="78819" spans="14:14">
      <c r="N78819" s="10"/>
    </row>
    <row r="78820" spans="14:14">
      <c r="N78820" s="10"/>
    </row>
    <row r="78821" spans="14:14">
      <c r="N78821" s="10"/>
    </row>
    <row r="78822" spans="14:14">
      <c r="N78822" s="10"/>
    </row>
    <row r="78823" spans="14:14">
      <c r="N78823" s="10"/>
    </row>
    <row r="78824" spans="14:14">
      <c r="N78824" s="10"/>
    </row>
    <row r="78825" spans="14:14">
      <c r="N78825" s="10"/>
    </row>
    <row r="78826" spans="14:14">
      <c r="N78826" s="10"/>
    </row>
    <row r="78827" spans="14:14">
      <c r="N78827" s="10"/>
    </row>
    <row r="78828" spans="14:14">
      <c r="N78828" s="10"/>
    </row>
    <row r="78829" spans="14:14">
      <c r="N78829" s="10"/>
    </row>
    <row r="78830" spans="14:14">
      <c r="N78830" s="10"/>
    </row>
    <row r="78831" spans="14:14">
      <c r="N78831" s="10"/>
    </row>
    <row r="78832" spans="14:14">
      <c r="N78832" s="10"/>
    </row>
    <row r="78833" spans="14:14">
      <c r="N78833" s="10"/>
    </row>
    <row r="78834" spans="14:14">
      <c r="N78834" s="10"/>
    </row>
    <row r="78835" spans="14:14">
      <c r="N78835" s="10"/>
    </row>
    <row r="78836" spans="14:14">
      <c r="N78836" s="10"/>
    </row>
    <row r="78837" spans="14:14">
      <c r="N78837" s="10"/>
    </row>
    <row r="78838" spans="14:14">
      <c r="N78838" s="10"/>
    </row>
    <row r="78839" spans="14:14">
      <c r="N78839" s="10"/>
    </row>
    <row r="78840" spans="14:14">
      <c r="N78840" s="10"/>
    </row>
    <row r="78841" spans="14:14">
      <c r="N78841" s="10"/>
    </row>
    <row r="78842" spans="14:14">
      <c r="N78842" s="10"/>
    </row>
    <row r="78843" spans="14:14">
      <c r="N78843" s="10"/>
    </row>
    <row r="78844" spans="14:14">
      <c r="N78844" s="10"/>
    </row>
    <row r="78845" spans="14:14">
      <c r="N78845" s="10"/>
    </row>
    <row r="78846" spans="14:14">
      <c r="N78846" s="10"/>
    </row>
    <row r="78847" spans="14:14">
      <c r="N78847" s="10"/>
    </row>
    <row r="78848" spans="14:14">
      <c r="N78848" s="10"/>
    </row>
    <row r="78849" spans="14:14">
      <c r="N78849" s="10"/>
    </row>
    <row r="78850" spans="14:14">
      <c r="N78850" s="10"/>
    </row>
    <row r="78851" spans="14:14">
      <c r="N78851" s="10"/>
    </row>
    <row r="78852" spans="14:14">
      <c r="N78852" s="10"/>
    </row>
    <row r="78853" spans="14:14">
      <c r="N78853" s="10"/>
    </row>
    <row r="78854" spans="14:14">
      <c r="N78854" s="10"/>
    </row>
    <row r="78855" spans="14:14">
      <c r="N78855" s="10"/>
    </row>
    <row r="78856" spans="14:14">
      <c r="N78856" s="10"/>
    </row>
    <row r="78857" spans="14:14">
      <c r="N78857" s="10"/>
    </row>
    <row r="78858" spans="14:14">
      <c r="N78858" s="10"/>
    </row>
    <row r="78859" spans="14:14">
      <c r="N78859" s="10"/>
    </row>
    <row r="78860" spans="14:14">
      <c r="N78860" s="10"/>
    </row>
    <row r="78861" spans="14:14">
      <c r="N78861" s="10"/>
    </row>
    <row r="78862" spans="14:14">
      <c r="N78862" s="10"/>
    </row>
    <row r="78863" spans="14:14">
      <c r="N78863" s="10"/>
    </row>
    <row r="78864" spans="14:14">
      <c r="N78864" s="10"/>
    </row>
    <row r="78865" spans="14:14">
      <c r="N78865" s="10"/>
    </row>
    <row r="78866" spans="14:14">
      <c r="N78866" s="10"/>
    </row>
    <row r="78867" spans="14:14">
      <c r="N78867" s="10"/>
    </row>
    <row r="78868" spans="14:14">
      <c r="N78868" s="10"/>
    </row>
    <row r="78869" spans="14:14">
      <c r="N78869" s="10"/>
    </row>
    <row r="78870" spans="14:14">
      <c r="N78870" s="10"/>
    </row>
    <row r="78871" spans="14:14">
      <c r="N78871" s="10"/>
    </row>
    <row r="78872" spans="14:14">
      <c r="N78872" s="10"/>
    </row>
    <row r="78873" spans="14:14">
      <c r="N78873" s="10"/>
    </row>
    <row r="78874" spans="14:14">
      <c r="N78874" s="10"/>
    </row>
    <row r="78875" spans="14:14">
      <c r="N78875" s="10"/>
    </row>
    <row r="78876" spans="14:14">
      <c r="N78876" s="10"/>
    </row>
    <row r="78877" spans="14:14">
      <c r="N78877" s="10"/>
    </row>
    <row r="78878" spans="14:14">
      <c r="N78878" s="10"/>
    </row>
    <row r="78879" spans="14:14">
      <c r="N78879" s="10"/>
    </row>
    <row r="78880" spans="14:14">
      <c r="N78880" s="10"/>
    </row>
    <row r="78881" spans="14:14">
      <c r="N78881" s="10"/>
    </row>
    <row r="78882" spans="14:14">
      <c r="N78882" s="10"/>
    </row>
    <row r="78883" spans="14:14">
      <c r="N78883" s="10"/>
    </row>
    <row r="78884" spans="14:14">
      <c r="N78884" s="10"/>
    </row>
    <row r="78885" spans="14:14">
      <c r="N78885" s="10"/>
    </row>
    <row r="78886" spans="14:14">
      <c r="N78886" s="10"/>
    </row>
    <row r="78887" spans="14:14">
      <c r="N78887" s="10"/>
    </row>
    <row r="78888" spans="14:14">
      <c r="N78888" s="10"/>
    </row>
    <row r="78889" spans="14:14">
      <c r="N78889" s="10"/>
    </row>
    <row r="78890" spans="14:14">
      <c r="N78890" s="10"/>
    </row>
    <row r="78891" spans="14:14">
      <c r="N78891" s="10"/>
    </row>
    <row r="78892" spans="14:14">
      <c r="N78892" s="10"/>
    </row>
    <row r="78893" spans="14:14">
      <c r="N78893" s="10"/>
    </row>
    <row r="78894" spans="14:14">
      <c r="N78894" s="10"/>
    </row>
    <row r="78895" spans="14:14">
      <c r="N78895" s="10"/>
    </row>
    <row r="78896" spans="14:14">
      <c r="N78896" s="10"/>
    </row>
    <row r="78897" spans="14:14">
      <c r="N78897" s="10"/>
    </row>
    <row r="78898" spans="14:14">
      <c r="N78898" s="10"/>
    </row>
    <row r="78899" spans="14:14">
      <c r="N78899" s="10"/>
    </row>
    <row r="78900" spans="14:14">
      <c r="N78900" s="10"/>
    </row>
    <row r="78901" spans="14:14">
      <c r="N78901" s="10"/>
    </row>
    <row r="78902" spans="14:14">
      <c r="N78902" s="10"/>
    </row>
    <row r="78903" spans="14:14">
      <c r="N78903" s="10"/>
    </row>
    <row r="78904" spans="14:14">
      <c r="N78904" s="10"/>
    </row>
    <row r="78905" spans="14:14">
      <c r="N78905" s="10"/>
    </row>
    <row r="78906" spans="14:14">
      <c r="N78906" s="10"/>
    </row>
    <row r="78907" spans="14:14">
      <c r="N78907" s="10"/>
    </row>
    <row r="78908" spans="14:14">
      <c r="N78908" s="10"/>
    </row>
    <row r="78909" spans="14:14">
      <c r="N78909" s="10"/>
    </row>
    <row r="78910" spans="14:14">
      <c r="N78910" s="10"/>
    </row>
    <row r="78911" spans="14:14">
      <c r="N78911" s="10"/>
    </row>
    <row r="78912" spans="14:14">
      <c r="N78912" s="10"/>
    </row>
    <row r="78913" spans="14:14">
      <c r="N78913" s="10"/>
    </row>
    <row r="78914" spans="14:14">
      <c r="N78914" s="10"/>
    </row>
    <row r="78915" spans="14:14">
      <c r="N78915" s="10"/>
    </row>
    <row r="78916" spans="14:14">
      <c r="N78916" s="10"/>
    </row>
    <row r="78917" spans="14:14">
      <c r="N78917" s="10"/>
    </row>
    <row r="78918" spans="14:14">
      <c r="N78918" s="10"/>
    </row>
    <row r="78919" spans="14:14">
      <c r="N78919" s="10"/>
    </row>
    <row r="78920" spans="14:14">
      <c r="N78920" s="10"/>
    </row>
    <row r="78921" spans="14:14">
      <c r="N78921" s="10"/>
    </row>
    <row r="78922" spans="14:14">
      <c r="N78922" s="10"/>
    </row>
    <row r="78923" spans="14:14">
      <c r="N78923" s="10"/>
    </row>
    <row r="78924" spans="14:14">
      <c r="N78924" s="10"/>
    </row>
    <row r="78925" spans="14:14">
      <c r="N78925" s="10"/>
    </row>
    <row r="78926" spans="14:14">
      <c r="N78926" s="10"/>
    </row>
    <row r="78927" spans="14:14">
      <c r="N78927" s="10"/>
    </row>
    <row r="78928" spans="14:14">
      <c r="N78928" s="10"/>
    </row>
    <row r="78929" spans="14:14">
      <c r="N78929" s="10"/>
    </row>
    <row r="78930" spans="14:14">
      <c r="N78930" s="10"/>
    </row>
    <row r="78931" spans="14:14">
      <c r="N78931" s="10"/>
    </row>
    <row r="78932" spans="14:14">
      <c r="N78932" s="10"/>
    </row>
    <row r="78933" spans="14:14">
      <c r="N78933" s="10"/>
    </row>
    <row r="78934" spans="14:14">
      <c r="N78934" s="10"/>
    </row>
    <row r="78935" spans="14:14">
      <c r="N78935" s="10"/>
    </row>
    <row r="78936" spans="14:14">
      <c r="N78936" s="10"/>
    </row>
    <row r="78937" spans="14:14">
      <c r="N78937" s="10"/>
    </row>
    <row r="78938" spans="14:14">
      <c r="N78938" s="10"/>
    </row>
    <row r="78939" spans="14:14">
      <c r="N78939" s="10"/>
    </row>
    <row r="78940" spans="14:14">
      <c r="N78940" s="10"/>
    </row>
    <row r="78941" spans="14:14">
      <c r="N78941" s="10"/>
    </row>
    <row r="78942" spans="14:14">
      <c r="N78942" s="10"/>
    </row>
    <row r="78943" spans="14:14">
      <c r="N78943" s="10"/>
    </row>
    <row r="78944" spans="14:14">
      <c r="N78944" s="10"/>
    </row>
    <row r="78945" spans="14:14">
      <c r="N78945" s="10"/>
    </row>
    <row r="78946" spans="14:14">
      <c r="N78946" s="10"/>
    </row>
    <row r="78947" spans="14:14">
      <c r="N78947" s="10"/>
    </row>
    <row r="78948" spans="14:14">
      <c r="N78948" s="10"/>
    </row>
    <row r="78949" spans="14:14">
      <c r="N78949" s="10"/>
    </row>
    <row r="78950" spans="14:14">
      <c r="N78950" s="10"/>
    </row>
    <row r="78951" spans="14:14">
      <c r="N78951" s="10"/>
    </row>
    <row r="78952" spans="14:14">
      <c r="N78952" s="10"/>
    </row>
    <row r="78953" spans="14:14">
      <c r="N78953" s="10"/>
    </row>
    <row r="78954" spans="14:14">
      <c r="N78954" s="10"/>
    </row>
    <row r="78955" spans="14:14">
      <c r="N78955" s="10"/>
    </row>
    <row r="78956" spans="14:14">
      <c r="N78956" s="10"/>
    </row>
    <row r="78957" spans="14:14">
      <c r="N78957" s="10"/>
    </row>
    <row r="78958" spans="14:14">
      <c r="N78958" s="10"/>
    </row>
    <row r="78959" spans="14:14">
      <c r="N78959" s="10"/>
    </row>
    <row r="78960" spans="14:14">
      <c r="N78960" s="10"/>
    </row>
    <row r="78961" spans="14:14">
      <c r="N78961" s="10"/>
    </row>
    <row r="78962" spans="14:14">
      <c r="N78962" s="10"/>
    </row>
    <row r="78963" spans="14:14">
      <c r="N78963" s="10"/>
    </row>
    <row r="78964" spans="14:14">
      <c r="N78964" s="10"/>
    </row>
    <row r="78965" spans="14:14">
      <c r="N78965" s="10"/>
    </row>
    <row r="78966" spans="14:14">
      <c r="N78966" s="10"/>
    </row>
    <row r="78967" spans="14:14">
      <c r="N78967" s="10"/>
    </row>
    <row r="78968" spans="14:14">
      <c r="N78968" s="10"/>
    </row>
    <row r="78969" spans="14:14">
      <c r="N78969" s="10"/>
    </row>
    <row r="78970" spans="14:14">
      <c r="N78970" s="10"/>
    </row>
    <row r="78971" spans="14:14">
      <c r="N78971" s="10"/>
    </row>
    <row r="78972" spans="14:14">
      <c r="N78972" s="10"/>
    </row>
    <row r="78973" spans="14:14">
      <c r="N78973" s="10"/>
    </row>
    <row r="78974" spans="14:14">
      <c r="N78974" s="10"/>
    </row>
    <row r="78975" spans="14:14">
      <c r="N78975" s="10"/>
    </row>
    <row r="78976" spans="14:14">
      <c r="N78976" s="10"/>
    </row>
    <row r="78977" spans="14:14">
      <c r="N78977" s="10"/>
    </row>
    <row r="78978" spans="14:14">
      <c r="N78978" s="10"/>
    </row>
    <row r="78979" spans="14:14">
      <c r="N78979" s="10"/>
    </row>
    <row r="78980" spans="14:14">
      <c r="N78980" s="10"/>
    </row>
    <row r="78981" spans="14:14">
      <c r="N78981" s="10"/>
    </row>
    <row r="78982" spans="14:14">
      <c r="N78982" s="10"/>
    </row>
    <row r="78983" spans="14:14">
      <c r="N78983" s="10"/>
    </row>
    <row r="78984" spans="14:14">
      <c r="N78984" s="10"/>
    </row>
    <row r="78985" spans="14:14">
      <c r="N78985" s="10"/>
    </row>
    <row r="78986" spans="14:14">
      <c r="N78986" s="10"/>
    </row>
    <row r="78987" spans="14:14">
      <c r="N78987" s="10"/>
    </row>
    <row r="78988" spans="14:14">
      <c r="N78988" s="10"/>
    </row>
    <row r="78989" spans="14:14">
      <c r="N78989" s="10"/>
    </row>
    <row r="78990" spans="14:14">
      <c r="N78990" s="10"/>
    </row>
    <row r="78991" spans="14:14">
      <c r="N78991" s="10"/>
    </row>
    <row r="78992" spans="14:14">
      <c r="N78992" s="10"/>
    </row>
    <row r="78993" spans="14:14">
      <c r="N78993" s="10"/>
    </row>
    <row r="78994" spans="14:14">
      <c r="N78994" s="10"/>
    </row>
    <row r="78995" spans="14:14">
      <c r="N78995" s="10"/>
    </row>
    <row r="78996" spans="14:14">
      <c r="N78996" s="10"/>
    </row>
    <row r="78997" spans="14:14">
      <c r="N78997" s="10"/>
    </row>
    <row r="78998" spans="14:14">
      <c r="N78998" s="10"/>
    </row>
    <row r="78999" spans="14:14">
      <c r="N78999" s="10"/>
    </row>
    <row r="79000" spans="14:14">
      <c r="N79000" s="10"/>
    </row>
    <row r="79001" spans="14:14">
      <c r="N79001" s="10"/>
    </row>
    <row r="79002" spans="14:14">
      <c r="N79002" s="10"/>
    </row>
    <row r="79003" spans="14:14">
      <c r="N79003" s="10"/>
    </row>
    <row r="79004" spans="14:14">
      <c r="N79004" s="10"/>
    </row>
    <row r="79005" spans="14:14">
      <c r="N79005" s="10"/>
    </row>
    <row r="79006" spans="14:14">
      <c r="N79006" s="10"/>
    </row>
    <row r="79007" spans="14:14">
      <c r="N79007" s="10"/>
    </row>
    <row r="79008" spans="14:14">
      <c r="N79008" s="10"/>
    </row>
    <row r="79009" spans="14:14">
      <c r="N79009" s="10"/>
    </row>
    <row r="79010" spans="14:14">
      <c r="N79010" s="10"/>
    </row>
    <row r="79011" spans="14:14">
      <c r="N79011" s="10"/>
    </row>
    <row r="79012" spans="14:14">
      <c r="N79012" s="10"/>
    </row>
    <row r="79013" spans="14:14">
      <c r="N79013" s="10"/>
    </row>
    <row r="79014" spans="14:14">
      <c r="N79014" s="10"/>
    </row>
    <row r="79015" spans="14:14">
      <c r="N79015" s="10"/>
    </row>
    <row r="79016" spans="14:14">
      <c r="N79016" s="10"/>
    </row>
    <row r="79017" spans="14:14">
      <c r="N79017" s="10"/>
    </row>
    <row r="79018" spans="14:14">
      <c r="N79018" s="10"/>
    </row>
    <row r="79019" spans="14:14">
      <c r="N79019" s="10"/>
    </row>
    <row r="79020" spans="14:14">
      <c r="N79020" s="10"/>
    </row>
    <row r="79021" spans="14:14">
      <c r="N79021" s="10"/>
    </row>
    <row r="79022" spans="14:14">
      <c r="N79022" s="10"/>
    </row>
    <row r="79023" spans="14:14">
      <c r="N79023" s="10"/>
    </row>
    <row r="79024" spans="14:14">
      <c r="N79024" s="10"/>
    </row>
    <row r="79025" spans="14:14">
      <c r="N79025" s="10"/>
    </row>
    <row r="79026" spans="14:14">
      <c r="N79026" s="10"/>
    </row>
    <row r="79027" spans="14:14">
      <c r="N79027" s="10"/>
    </row>
    <row r="79028" spans="14:14">
      <c r="N79028" s="10"/>
    </row>
    <row r="79029" spans="14:14">
      <c r="N79029" s="10"/>
    </row>
    <row r="79030" spans="14:14">
      <c r="N79030" s="10"/>
    </row>
    <row r="79031" spans="14:14">
      <c r="N79031" s="10"/>
    </row>
    <row r="79032" spans="14:14">
      <c r="N79032" s="10"/>
    </row>
    <row r="79033" spans="14:14">
      <c r="N79033" s="10"/>
    </row>
    <row r="79034" spans="14:14">
      <c r="N79034" s="10"/>
    </row>
    <row r="79035" spans="14:14">
      <c r="N79035" s="10"/>
    </row>
    <row r="79036" spans="14:14">
      <c r="N79036" s="10"/>
    </row>
    <row r="79037" spans="14:14">
      <c r="N79037" s="10"/>
    </row>
    <row r="79038" spans="14:14">
      <c r="N79038" s="10"/>
    </row>
    <row r="79039" spans="14:14">
      <c r="N79039" s="10"/>
    </row>
    <row r="79040" spans="14:14">
      <c r="N79040" s="10"/>
    </row>
    <row r="79041" spans="14:14">
      <c r="N79041" s="10"/>
    </row>
    <row r="79042" spans="14:14">
      <c r="N79042" s="10"/>
    </row>
    <row r="79043" spans="14:14">
      <c r="N79043" s="10"/>
    </row>
    <row r="79044" spans="14:14">
      <c r="N79044" s="10"/>
    </row>
    <row r="79045" spans="14:14">
      <c r="N79045" s="10"/>
    </row>
    <row r="79046" spans="14:14">
      <c r="N79046" s="10"/>
    </row>
    <row r="79047" spans="14:14">
      <c r="N79047" s="10"/>
    </row>
    <row r="79048" spans="14:14">
      <c r="N79048" s="10"/>
    </row>
    <row r="79049" spans="14:14">
      <c r="N79049" s="10"/>
    </row>
    <row r="79050" spans="14:14">
      <c r="N79050" s="10"/>
    </row>
    <row r="79051" spans="14:14">
      <c r="N79051" s="10"/>
    </row>
    <row r="79052" spans="14:14">
      <c r="N79052" s="10"/>
    </row>
    <row r="79053" spans="14:14">
      <c r="N79053" s="10"/>
    </row>
    <row r="79054" spans="14:14">
      <c r="N79054" s="10"/>
    </row>
    <row r="79055" spans="14:14">
      <c r="N79055" s="10"/>
    </row>
    <row r="79056" spans="14:14">
      <c r="N79056" s="10"/>
    </row>
    <row r="79057" spans="14:14">
      <c r="N79057" s="10"/>
    </row>
    <row r="79058" spans="14:14">
      <c r="N79058" s="10"/>
    </row>
    <row r="79059" spans="14:14">
      <c r="N79059" s="10"/>
    </row>
    <row r="79060" spans="14:14">
      <c r="N79060" s="10"/>
    </row>
    <row r="79061" spans="14:14">
      <c r="N79061" s="10"/>
    </row>
    <row r="79062" spans="14:14">
      <c r="N79062" s="10"/>
    </row>
    <row r="79063" spans="14:14">
      <c r="N79063" s="10"/>
    </row>
    <row r="79064" spans="14:14">
      <c r="N79064" s="10"/>
    </row>
    <row r="79065" spans="14:14">
      <c r="N79065" s="10"/>
    </row>
    <row r="79066" spans="14:14">
      <c r="N79066" s="10"/>
    </row>
    <row r="79067" spans="14:14">
      <c r="N79067" s="10"/>
    </row>
    <row r="79068" spans="14:14">
      <c r="N79068" s="10"/>
    </row>
    <row r="79069" spans="14:14">
      <c r="N79069" s="10"/>
    </row>
    <row r="79070" spans="14:14">
      <c r="N79070" s="10"/>
    </row>
    <row r="79071" spans="14:14">
      <c r="N79071" s="10"/>
    </row>
    <row r="79072" spans="14:14">
      <c r="N79072" s="10"/>
    </row>
    <row r="79073" spans="14:14">
      <c r="N79073" s="10"/>
    </row>
    <row r="79074" spans="14:14">
      <c r="N79074" s="10"/>
    </row>
    <row r="79075" spans="14:14">
      <c r="N79075" s="10"/>
    </row>
    <row r="79076" spans="14:14">
      <c r="N79076" s="10"/>
    </row>
    <row r="79077" spans="14:14">
      <c r="N79077" s="10"/>
    </row>
    <row r="79078" spans="14:14">
      <c r="N79078" s="10"/>
    </row>
    <row r="79079" spans="14:14">
      <c r="N79079" s="10"/>
    </row>
    <row r="79080" spans="14:14">
      <c r="N79080" s="10"/>
    </row>
    <row r="79081" spans="14:14">
      <c r="N79081" s="10"/>
    </row>
    <row r="79082" spans="14:14">
      <c r="N79082" s="10"/>
    </row>
    <row r="79083" spans="14:14">
      <c r="N79083" s="10"/>
    </row>
    <row r="79084" spans="14:14">
      <c r="N79084" s="10"/>
    </row>
    <row r="79085" spans="14:14">
      <c r="N79085" s="10"/>
    </row>
    <row r="79086" spans="14:14">
      <c r="N79086" s="10"/>
    </row>
    <row r="79087" spans="14:14">
      <c r="N79087" s="10"/>
    </row>
    <row r="79088" spans="14:14">
      <c r="N79088" s="10"/>
    </row>
    <row r="79089" spans="14:14">
      <c r="N79089" s="10"/>
    </row>
    <row r="79090" spans="14:14">
      <c r="N79090" s="10"/>
    </row>
    <row r="79091" spans="14:14">
      <c r="N79091" s="10"/>
    </row>
    <row r="79092" spans="14:14">
      <c r="N79092" s="10"/>
    </row>
    <row r="79093" spans="14:14">
      <c r="N79093" s="10"/>
    </row>
    <row r="79094" spans="14:14">
      <c r="N79094" s="10"/>
    </row>
    <row r="79095" spans="14:14">
      <c r="N79095" s="10"/>
    </row>
    <row r="79096" spans="14:14">
      <c r="N79096" s="10"/>
    </row>
    <row r="79097" spans="14:14">
      <c r="N79097" s="10"/>
    </row>
    <row r="79098" spans="14:14">
      <c r="N79098" s="10"/>
    </row>
    <row r="79099" spans="14:14">
      <c r="N79099" s="10"/>
    </row>
    <row r="79100" spans="14:14">
      <c r="N79100" s="10"/>
    </row>
    <row r="79101" spans="14:14">
      <c r="N79101" s="10"/>
    </row>
    <row r="79102" spans="14:14">
      <c r="N79102" s="10"/>
    </row>
    <row r="79103" spans="14:14">
      <c r="N79103" s="10"/>
    </row>
    <row r="79104" spans="14:14">
      <c r="N79104" s="10"/>
    </row>
    <row r="79105" spans="14:14">
      <c r="N79105" s="10"/>
    </row>
    <row r="79106" spans="14:14">
      <c r="N79106" s="10"/>
    </row>
    <row r="79107" spans="14:14">
      <c r="N79107" s="10"/>
    </row>
    <row r="79108" spans="14:14">
      <c r="N79108" s="10"/>
    </row>
    <row r="79109" spans="14:14">
      <c r="N79109" s="10"/>
    </row>
    <row r="79110" spans="14:14">
      <c r="N79110" s="10"/>
    </row>
    <row r="79111" spans="14:14">
      <c r="N79111" s="10"/>
    </row>
    <row r="79112" spans="14:14">
      <c r="N79112" s="10"/>
    </row>
    <row r="79113" spans="14:14">
      <c r="N79113" s="10"/>
    </row>
    <row r="79114" spans="14:14">
      <c r="N79114" s="10"/>
    </row>
    <row r="79115" spans="14:14">
      <c r="N79115" s="10"/>
    </row>
    <row r="79116" spans="14:14">
      <c r="N79116" s="10"/>
    </row>
    <row r="79117" spans="14:14">
      <c r="N79117" s="10"/>
    </row>
    <row r="79118" spans="14:14">
      <c r="N79118" s="10"/>
    </row>
    <row r="79119" spans="14:14">
      <c r="N79119" s="10"/>
    </row>
    <row r="79120" spans="14:14">
      <c r="N79120" s="10"/>
    </row>
    <row r="79121" spans="14:14">
      <c r="N79121" s="10"/>
    </row>
    <row r="79122" spans="14:14">
      <c r="N79122" s="10"/>
    </row>
    <row r="79123" spans="14:14">
      <c r="N79123" s="10"/>
    </row>
    <row r="79124" spans="14:14">
      <c r="N79124" s="10"/>
    </row>
    <row r="79125" spans="14:14">
      <c r="N79125" s="10"/>
    </row>
    <row r="79126" spans="14:14">
      <c r="N79126" s="10"/>
    </row>
    <row r="79127" spans="14:14">
      <c r="N79127" s="10"/>
    </row>
    <row r="79128" spans="14:14">
      <c r="N79128" s="10"/>
    </row>
    <row r="79129" spans="14:14">
      <c r="N79129" s="10"/>
    </row>
    <row r="79130" spans="14:14">
      <c r="N79130" s="10"/>
    </row>
    <row r="79131" spans="14:14">
      <c r="N79131" s="10"/>
    </row>
    <row r="79132" spans="14:14">
      <c r="N79132" s="10"/>
    </row>
    <row r="79133" spans="14:14">
      <c r="N79133" s="10"/>
    </row>
    <row r="79134" spans="14:14">
      <c r="N79134" s="10"/>
    </row>
    <row r="79135" spans="14:14">
      <c r="N79135" s="10"/>
    </row>
    <row r="79136" spans="14:14">
      <c r="N79136" s="10"/>
    </row>
    <row r="79137" spans="14:14">
      <c r="N79137" s="10"/>
    </row>
    <row r="79138" spans="14:14">
      <c r="N79138" s="10"/>
    </row>
    <row r="79139" spans="14:14">
      <c r="N79139" s="10"/>
    </row>
    <row r="79140" spans="14:14">
      <c r="N79140" s="10"/>
    </row>
    <row r="79141" spans="14:14">
      <c r="N79141" s="10"/>
    </row>
    <row r="79142" spans="14:14">
      <c r="N79142" s="10"/>
    </row>
    <row r="79143" spans="14:14">
      <c r="N79143" s="10"/>
    </row>
    <row r="79144" spans="14:14">
      <c r="N79144" s="10"/>
    </row>
    <row r="79145" spans="14:14">
      <c r="N79145" s="10"/>
    </row>
    <row r="79146" spans="14:14">
      <c r="N79146" s="10"/>
    </row>
    <row r="79147" spans="14:14">
      <c r="N79147" s="10"/>
    </row>
    <row r="79148" spans="14:14">
      <c r="N79148" s="10"/>
    </row>
    <row r="79149" spans="14:14">
      <c r="N79149" s="10"/>
    </row>
    <row r="79150" spans="14:14">
      <c r="N79150" s="10"/>
    </row>
    <row r="79151" spans="14:14">
      <c r="N79151" s="10"/>
    </row>
    <row r="79152" spans="14:14">
      <c r="N79152" s="10"/>
    </row>
    <row r="79153" spans="14:14">
      <c r="N79153" s="10"/>
    </row>
    <row r="79154" spans="14:14">
      <c r="N79154" s="10"/>
    </row>
    <row r="79155" spans="14:14">
      <c r="N79155" s="10"/>
    </row>
    <row r="79156" spans="14:14">
      <c r="N79156" s="10"/>
    </row>
    <row r="79157" spans="14:14">
      <c r="N79157" s="10"/>
    </row>
    <row r="79158" spans="14:14">
      <c r="N79158" s="10"/>
    </row>
    <row r="79159" spans="14:14">
      <c r="N79159" s="10"/>
    </row>
    <row r="79160" spans="14:14">
      <c r="N79160" s="10"/>
    </row>
    <row r="79161" spans="14:14">
      <c r="N79161" s="10"/>
    </row>
    <row r="79162" spans="14:14">
      <c r="N79162" s="10"/>
    </row>
    <row r="79163" spans="14:14">
      <c r="N79163" s="10"/>
    </row>
    <row r="79164" spans="14:14">
      <c r="N79164" s="10"/>
    </row>
    <row r="79165" spans="14:14">
      <c r="N79165" s="10"/>
    </row>
    <row r="79166" spans="14:14">
      <c r="N79166" s="10"/>
    </row>
    <row r="79167" spans="14:14">
      <c r="N79167" s="10"/>
    </row>
    <row r="79168" spans="14:14">
      <c r="N79168" s="10"/>
    </row>
    <row r="79169" spans="14:14">
      <c r="N79169" s="10"/>
    </row>
    <row r="79170" spans="14:14">
      <c r="N79170" s="10"/>
    </row>
    <row r="79171" spans="14:14">
      <c r="N79171" s="10"/>
    </row>
    <row r="79172" spans="14:14">
      <c r="N79172" s="10"/>
    </row>
    <row r="79173" spans="14:14">
      <c r="N79173" s="10"/>
    </row>
    <row r="79174" spans="14:14">
      <c r="N79174" s="10"/>
    </row>
    <row r="79175" spans="14:14">
      <c r="N79175" s="10"/>
    </row>
    <row r="79176" spans="14:14">
      <c r="N79176" s="10"/>
    </row>
    <row r="79177" spans="14:14">
      <c r="N79177" s="10"/>
    </row>
    <row r="79178" spans="14:14">
      <c r="N79178" s="10"/>
    </row>
    <row r="79179" spans="14:14">
      <c r="N79179" s="10"/>
    </row>
    <row r="79180" spans="14:14">
      <c r="N79180" s="10"/>
    </row>
    <row r="79181" spans="14:14">
      <c r="N79181" s="10"/>
    </row>
    <row r="79182" spans="14:14">
      <c r="N79182" s="10"/>
    </row>
    <row r="79183" spans="14:14">
      <c r="N79183" s="10"/>
    </row>
    <row r="79184" spans="14:14">
      <c r="N79184" s="10"/>
    </row>
    <row r="79185" spans="14:14">
      <c r="N79185" s="10"/>
    </row>
    <row r="79186" spans="14:14">
      <c r="N79186" s="10"/>
    </row>
    <row r="79187" spans="14:14">
      <c r="N79187" s="10"/>
    </row>
    <row r="79188" spans="14:14">
      <c r="N79188" s="10"/>
    </row>
    <row r="79189" spans="14:14">
      <c r="N79189" s="10"/>
    </row>
    <row r="79190" spans="14:14">
      <c r="N79190" s="10"/>
    </row>
    <row r="79191" spans="14:14">
      <c r="N79191" s="10"/>
    </row>
    <row r="79192" spans="14:14">
      <c r="N79192" s="10"/>
    </row>
    <row r="79193" spans="14:14">
      <c r="N79193" s="10"/>
    </row>
    <row r="79194" spans="14:14">
      <c r="N79194" s="10"/>
    </row>
    <row r="79195" spans="14:14">
      <c r="N79195" s="10"/>
    </row>
    <row r="79196" spans="14:14">
      <c r="N79196" s="10"/>
    </row>
    <row r="79197" spans="14:14">
      <c r="N79197" s="10"/>
    </row>
    <row r="79198" spans="14:14">
      <c r="N79198" s="10"/>
    </row>
    <row r="79199" spans="14:14">
      <c r="N79199" s="10"/>
    </row>
    <row r="79200" spans="14:14">
      <c r="N79200" s="10"/>
    </row>
    <row r="79201" spans="14:14">
      <c r="N79201" s="10"/>
    </row>
    <row r="79202" spans="14:14">
      <c r="N79202" s="10"/>
    </row>
    <row r="79203" spans="14:14">
      <c r="N79203" s="10"/>
    </row>
    <row r="79204" spans="14:14">
      <c r="N79204" s="10"/>
    </row>
    <row r="79205" spans="14:14">
      <c r="N79205" s="10"/>
    </row>
    <row r="79206" spans="14:14">
      <c r="N79206" s="10"/>
    </row>
    <row r="79207" spans="14:14">
      <c r="N79207" s="10"/>
    </row>
    <row r="79208" spans="14:14">
      <c r="N79208" s="10"/>
    </row>
    <row r="79209" spans="14:14">
      <c r="N79209" s="10"/>
    </row>
    <row r="79210" spans="14:14">
      <c r="N79210" s="10"/>
    </row>
    <row r="79211" spans="14:14">
      <c r="N79211" s="10"/>
    </row>
    <row r="79212" spans="14:14">
      <c r="N79212" s="10"/>
    </row>
    <row r="79213" spans="14:14">
      <c r="N79213" s="10"/>
    </row>
    <row r="79214" spans="14:14">
      <c r="N79214" s="10"/>
    </row>
    <row r="79215" spans="14:14">
      <c r="N79215" s="10"/>
    </row>
    <row r="79216" spans="14:14">
      <c r="N79216" s="10"/>
    </row>
    <row r="79217" spans="14:14">
      <c r="N79217" s="10"/>
    </row>
    <row r="79218" spans="14:14">
      <c r="N79218" s="10"/>
    </row>
    <row r="79219" spans="14:14">
      <c r="N79219" s="10"/>
    </row>
    <row r="79220" spans="14:14">
      <c r="N79220" s="10"/>
    </row>
    <row r="79221" spans="14:14">
      <c r="N79221" s="10"/>
    </row>
    <row r="79222" spans="14:14">
      <c r="N79222" s="10"/>
    </row>
    <row r="79223" spans="14:14">
      <c r="N79223" s="10"/>
    </row>
    <row r="79224" spans="14:14">
      <c r="N79224" s="10"/>
    </row>
    <row r="79225" spans="14:14">
      <c r="N79225" s="10"/>
    </row>
    <row r="79226" spans="14:14">
      <c r="N79226" s="10"/>
    </row>
    <row r="79227" spans="14:14">
      <c r="N79227" s="10"/>
    </row>
    <row r="79228" spans="14:14">
      <c r="N79228" s="10"/>
    </row>
    <row r="79229" spans="14:14">
      <c r="N79229" s="10"/>
    </row>
    <row r="79230" spans="14:14">
      <c r="N79230" s="10"/>
    </row>
    <row r="79231" spans="14:14">
      <c r="N79231" s="10"/>
    </row>
    <row r="79232" spans="14:14">
      <c r="N79232" s="10"/>
    </row>
    <row r="79233" spans="14:14">
      <c r="N79233" s="10"/>
    </row>
    <row r="79234" spans="14:14">
      <c r="N79234" s="10"/>
    </row>
    <row r="79235" spans="14:14">
      <c r="N79235" s="10"/>
    </row>
    <row r="79236" spans="14:14">
      <c r="N79236" s="10"/>
    </row>
    <row r="79237" spans="14:14">
      <c r="N79237" s="10"/>
    </row>
    <row r="79238" spans="14:14">
      <c r="N79238" s="10"/>
    </row>
    <row r="79239" spans="14:14">
      <c r="N79239" s="10"/>
    </row>
    <row r="79240" spans="14:14">
      <c r="N79240" s="10"/>
    </row>
    <row r="79241" spans="14:14">
      <c r="N79241" s="10"/>
    </row>
    <row r="79242" spans="14:14">
      <c r="N79242" s="10"/>
    </row>
    <row r="79243" spans="14:14">
      <c r="N79243" s="10"/>
    </row>
    <row r="79244" spans="14:14">
      <c r="N79244" s="10"/>
    </row>
    <row r="79245" spans="14:14">
      <c r="N79245" s="10"/>
    </row>
    <row r="79246" spans="14:14">
      <c r="N79246" s="10"/>
    </row>
    <row r="79247" spans="14:14">
      <c r="N79247" s="10"/>
    </row>
    <row r="79248" spans="14:14">
      <c r="N79248" s="10"/>
    </row>
    <row r="79249" spans="14:14">
      <c r="N79249" s="10"/>
    </row>
    <row r="79250" spans="14:14">
      <c r="N79250" s="10"/>
    </row>
    <row r="79251" spans="14:14">
      <c r="N79251" s="10"/>
    </row>
    <row r="79252" spans="14:14">
      <c r="N79252" s="10"/>
    </row>
    <row r="79253" spans="14:14">
      <c r="N79253" s="10"/>
    </row>
    <row r="79254" spans="14:14">
      <c r="N79254" s="10"/>
    </row>
    <row r="79255" spans="14:14">
      <c r="N79255" s="10"/>
    </row>
    <row r="79256" spans="14:14">
      <c r="N79256" s="10"/>
    </row>
    <row r="79257" spans="14:14">
      <c r="N79257" s="10"/>
    </row>
    <row r="79258" spans="14:14">
      <c r="N79258" s="10"/>
    </row>
    <row r="79259" spans="14:14">
      <c r="N79259" s="10"/>
    </row>
    <row r="79260" spans="14:14">
      <c r="N79260" s="10"/>
    </row>
    <row r="79261" spans="14:14">
      <c r="N79261" s="10"/>
    </row>
    <row r="79262" spans="14:14">
      <c r="N79262" s="10"/>
    </row>
    <row r="79263" spans="14:14">
      <c r="N79263" s="10"/>
    </row>
    <row r="79264" spans="14:14">
      <c r="N79264" s="10"/>
    </row>
    <row r="79265" spans="14:14">
      <c r="N79265" s="10"/>
    </row>
    <row r="79266" spans="14:14">
      <c r="N79266" s="10"/>
    </row>
    <row r="79267" spans="14:14">
      <c r="N79267" s="10"/>
    </row>
    <row r="79268" spans="14:14">
      <c r="N79268" s="10"/>
    </row>
    <row r="79269" spans="14:14">
      <c r="N79269" s="10"/>
    </row>
    <row r="79270" spans="14:14">
      <c r="N79270" s="10"/>
    </row>
    <row r="79271" spans="14:14">
      <c r="N79271" s="10"/>
    </row>
    <row r="79272" spans="14:14">
      <c r="N79272" s="10"/>
    </row>
    <row r="79273" spans="14:14">
      <c r="N79273" s="10"/>
    </row>
    <row r="79274" spans="14:14">
      <c r="N79274" s="10"/>
    </row>
    <row r="79275" spans="14:14">
      <c r="N79275" s="10"/>
    </row>
    <row r="79276" spans="14:14">
      <c r="N79276" s="10"/>
    </row>
    <row r="79277" spans="14:14">
      <c r="N79277" s="10"/>
    </row>
    <row r="79278" spans="14:14">
      <c r="N79278" s="10"/>
    </row>
    <row r="79279" spans="14:14">
      <c r="N79279" s="10"/>
    </row>
    <row r="79280" spans="14:14">
      <c r="N79280" s="10"/>
    </row>
    <row r="79281" spans="14:14">
      <c r="N79281" s="10"/>
    </row>
    <row r="79282" spans="14:14">
      <c r="N79282" s="10"/>
    </row>
    <row r="79283" spans="14:14">
      <c r="N79283" s="10"/>
    </row>
    <row r="79284" spans="14:14">
      <c r="N79284" s="10"/>
    </row>
    <row r="79285" spans="14:14">
      <c r="N79285" s="10"/>
    </row>
    <row r="79286" spans="14:14">
      <c r="N79286" s="10"/>
    </row>
    <row r="79287" spans="14:14">
      <c r="N79287" s="10"/>
    </row>
    <row r="79288" spans="14:14">
      <c r="N79288" s="10"/>
    </row>
    <row r="79289" spans="14:14">
      <c r="N79289" s="10"/>
    </row>
    <row r="79290" spans="14:14">
      <c r="N79290" s="10"/>
    </row>
    <row r="79291" spans="14:14">
      <c r="N79291" s="10"/>
    </row>
    <row r="79292" spans="14:14">
      <c r="N79292" s="10"/>
    </row>
    <row r="79293" spans="14:14">
      <c r="N79293" s="10"/>
    </row>
    <row r="79294" spans="14:14">
      <c r="N79294" s="10"/>
    </row>
    <row r="79295" spans="14:14">
      <c r="N79295" s="10"/>
    </row>
    <row r="79296" spans="14:14">
      <c r="N79296" s="10"/>
    </row>
    <row r="79297" spans="14:14">
      <c r="N79297" s="10"/>
    </row>
    <row r="79298" spans="14:14">
      <c r="N79298" s="10"/>
    </row>
    <row r="79299" spans="14:14">
      <c r="N79299" s="10"/>
    </row>
    <row r="79300" spans="14:14">
      <c r="N79300" s="10"/>
    </row>
    <row r="79301" spans="14:14">
      <c r="N79301" s="10"/>
    </row>
    <row r="79302" spans="14:14">
      <c r="N79302" s="10"/>
    </row>
    <row r="79303" spans="14:14">
      <c r="N79303" s="10"/>
    </row>
    <row r="79304" spans="14:14">
      <c r="N79304" s="10"/>
    </row>
    <row r="79305" spans="14:14">
      <c r="N79305" s="10"/>
    </row>
    <row r="79306" spans="14:14">
      <c r="N79306" s="10"/>
    </row>
    <row r="79307" spans="14:14">
      <c r="N79307" s="10"/>
    </row>
    <row r="79308" spans="14:14">
      <c r="N79308" s="10"/>
    </row>
    <row r="79309" spans="14:14">
      <c r="N79309" s="10"/>
    </row>
    <row r="79310" spans="14:14">
      <c r="N79310" s="10"/>
    </row>
    <row r="79311" spans="14:14">
      <c r="N79311" s="10"/>
    </row>
    <row r="79312" spans="14:14">
      <c r="N79312" s="10"/>
    </row>
    <row r="79313" spans="14:14">
      <c r="N79313" s="10"/>
    </row>
    <row r="79314" spans="14:14">
      <c r="N79314" s="10"/>
    </row>
    <row r="79315" spans="14:14">
      <c r="N79315" s="10"/>
    </row>
    <row r="79316" spans="14:14">
      <c r="N79316" s="10"/>
    </row>
    <row r="79317" spans="14:14">
      <c r="N79317" s="10"/>
    </row>
    <row r="79318" spans="14:14">
      <c r="N79318" s="10"/>
    </row>
    <row r="79319" spans="14:14">
      <c r="N79319" s="10"/>
    </row>
    <row r="79320" spans="14:14">
      <c r="N79320" s="10"/>
    </row>
    <row r="79321" spans="14:14">
      <c r="N79321" s="10"/>
    </row>
    <row r="79322" spans="14:14">
      <c r="N79322" s="10"/>
    </row>
    <row r="79323" spans="14:14">
      <c r="N79323" s="10"/>
    </row>
    <row r="79324" spans="14:14">
      <c r="N79324" s="10"/>
    </row>
    <row r="79325" spans="14:14">
      <c r="N79325" s="10"/>
    </row>
    <row r="79326" spans="14:14">
      <c r="N79326" s="10"/>
    </row>
    <row r="79327" spans="14:14">
      <c r="N79327" s="10"/>
    </row>
    <row r="79328" spans="14:14">
      <c r="N79328" s="10"/>
    </row>
    <row r="79329" spans="14:14">
      <c r="N79329" s="10"/>
    </row>
    <row r="79330" spans="14:14">
      <c r="N79330" s="10"/>
    </row>
    <row r="79331" spans="14:14">
      <c r="N79331" s="10"/>
    </row>
    <row r="79332" spans="14:14">
      <c r="N79332" s="10"/>
    </row>
    <row r="79333" spans="14:14">
      <c r="N79333" s="10"/>
    </row>
    <row r="79334" spans="14:14">
      <c r="N79334" s="10"/>
    </row>
    <row r="79335" spans="14:14">
      <c r="N79335" s="10"/>
    </row>
    <row r="79336" spans="14:14">
      <c r="N79336" s="10"/>
    </row>
    <row r="79337" spans="14:14">
      <c r="N79337" s="10"/>
    </row>
    <row r="79338" spans="14:14">
      <c r="N79338" s="10"/>
    </row>
    <row r="79339" spans="14:14">
      <c r="N79339" s="10"/>
    </row>
    <row r="79340" spans="14:14">
      <c r="N79340" s="10"/>
    </row>
    <row r="79341" spans="14:14">
      <c r="N79341" s="10"/>
    </row>
    <row r="79342" spans="14:14">
      <c r="N79342" s="10"/>
    </row>
    <row r="79343" spans="14:14">
      <c r="N79343" s="10"/>
    </row>
    <row r="79344" spans="14:14">
      <c r="N79344" s="10"/>
    </row>
    <row r="79345" spans="14:14">
      <c r="N79345" s="10"/>
    </row>
    <row r="79346" spans="14:14">
      <c r="N79346" s="10"/>
    </row>
    <row r="79347" spans="14:14">
      <c r="N79347" s="10"/>
    </row>
    <row r="79348" spans="14:14">
      <c r="N79348" s="10"/>
    </row>
    <row r="79349" spans="14:14">
      <c r="N79349" s="10"/>
    </row>
    <row r="79350" spans="14:14">
      <c r="N79350" s="10"/>
    </row>
    <row r="79351" spans="14:14">
      <c r="N79351" s="10"/>
    </row>
    <row r="79352" spans="14:14">
      <c r="N79352" s="10"/>
    </row>
    <row r="79353" spans="14:14">
      <c r="N79353" s="10"/>
    </row>
    <row r="79354" spans="14:14">
      <c r="N79354" s="10"/>
    </row>
    <row r="79355" spans="14:14">
      <c r="N79355" s="10"/>
    </row>
    <row r="79356" spans="14:14">
      <c r="N79356" s="10"/>
    </row>
    <row r="79357" spans="14:14">
      <c r="N79357" s="10"/>
    </row>
    <row r="79358" spans="14:14">
      <c r="N79358" s="10"/>
    </row>
    <row r="79359" spans="14:14">
      <c r="N79359" s="10"/>
    </row>
    <row r="79360" spans="14:14">
      <c r="N79360" s="10"/>
    </row>
    <row r="79361" spans="14:14">
      <c r="N79361" s="10"/>
    </row>
    <row r="79362" spans="14:14">
      <c r="N79362" s="10"/>
    </row>
    <row r="79363" spans="14:14">
      <c r="N79363" s="10"/>
    </row>
    <row r="79364" spans="14:14">
      <c r="N79364" s="10"/>
    </row>
    <row r="79365" spans="14:14">
      <c r="N79365" s="10"/>
    </row>
    <row r="79366" spans="14:14">
      <c r="N79366" s="10"/>
    </row>
    <row r="79367" spans="14:14">
      <c r="N79367" s="10"/>
    </row>
    <row r="79368" spans="14:14">
      <c r="N79368" s="10"/>
    </row>
    <row r="79369" spans="14:14">
      <c r="N79369" s="10"/>
    </row>
    <row r="79370" spans="14:14">
      <c r="N79370" s="10"/>
    </row>
    <row r="79371" spans="14:14">
      <c r="N79371" s="10"/>
    </row>
    <row r="79372" spans="14:14">
      <c r="N79372" s="10"/>
    </row>
    <row r="79373" spans="14:14">
      <c r="N79373" s="10"/>
    </row>
    <row r="79374" spans="14:14">
      <c r="N79374" s="10"/>
    </row>
    <row r="79375" spans="14:14">
      <c r="N79375" s="10"/>
    </row>
    <row r="79376" spans="14:14">
      <c r="N79376" s="10"/>
    </row>
    <row r="79377" spans="14:14">
      <c r="N79377" s="10"/>
    </row>
    <row r="79378" spans="14:14">
      <c r="N79378" s="10"/>
    </row>
    <row r="79379" spans="14:14">
      <c r="N79379" s="10"/>
    </row>
    <row r="79380" spans="14:14">
      <c r="N79380" s="10"/>
    </row>
    <row r="79381" spans="14:14">
      <c r="N79381" s="10"/>
    </row>
    <row r="79382" spans="14:14">
      <c r="N79382" s="10"/>
    </row>
    <row r="79383" spans="14:14">
      <c r="N79383" s="10"/>
    </row>
    <row r="79384" spans="14:14">
      <c r="N79384" s="10"/>
    </row>
    <row r="79385" spans="14:14">
      <c r="N79385" s="10"/>
    </row>
    <row r="79386" spans="14:14">
      <c r="N79386" s="10"/>
    </row>
    <row r="79387" spans="14:14">
      <c r="N79387" s="10"/>
    </row>
    <row r="79388" spans="14:14">
      <c r="N79388" s="10"/>
    </row>
    <row r="79389" spans="14:14">
      <c r="N79389" s="10"/>
    </row>
    <row r="79390" spans="14:14">
      <c r="N79390" s="10"/>
    </row>
    <row r="79391" spans="14:14">
      <c r="N79391" s="10"/>
    </row>
    <row r="79392" spans="14:14">
      <c r="N79392" s="10"/>
    </row>
    <row r="79393" spans="14:14">
      <c r="N79393" s="10"/>
    </row>
    <row r="79394" spans="14:14">
      <c r="N79394" s="10"/>
    </row>
    <row r="79395" spans="14:14">
      <c r="N79395" s="10"/>
    </row>
    <row r="79396" spans="14:14">
      <c r="N79396" s="10"/>
    </row>
    <row r="79397" spans="14:14">
      <c r="N79397" s="10"/>
    </row>
    <row r="79398" spans="14:14">
      <c r="N79398" s="10"/>
    </row>
    <row r="79399" spans="14:14">
      <c r="N79399" s="10"/>
    </row>
    <row r="79400" spans="14:14">
      <c r="N79400" s="10"/>
    </row>
    <row r="79401" spans="14:14">
      <c r="N79401" s="10"/>
    </row>
    <row r="79402" spans="14:14">
      <c r="N79402" s="10"/>
    </row>
    <row r="79403" spans="14:14">
      <c r="N79403" s="10"/>
    </row>
    <row r="79404" spans="14:14">
      <c r="N79404" s="10"/>
    </row>
    <row r="79405" spans="14:14">
      <c r="N79405" s="10"/>
    </row>
    <row r="79406" spans="14:14">
      <c r="N79406" s="10"/>
    </row>
    <row r="79407" spans="14:14">
      <c r="N79407" s="10"/>
    </row>
    <row r="79408" spans="14:14">
      <c r="N79408" s="10"/>
    </row>
    <row r="79409" spans="14:14">
      <c r="N79409" s="10"/>
    </row>
    <row r="79410" spans="14:14">
      <c r="N79410" s="10"/>
    </row>
    <row r="79411" spans="14:14">
      <c r="N79411" s="10"/>
    </row>
    <row r="79412" spans="14:14">
      <c r="N79412" s="10"/>
    </row>
    <row r="79413" spans="14:14">
      <c r="N79413" s="10"/>
    </row>
    <row r="79414" spans="14:14">
      <c r="N79414" s="10"/>
    </row>
    <row r="79415" spans="14:14">
      <c r="N79415" s="10"/>
    </row>
    <row r="79416" spans="14:14">
      <c r="N79416" s="10"/>
    </row>
    <row r="79417" spans="14:14">
      <c r="N79417" s="10"/>
    </row>
    <row r="79418" spans="14:14">
      <c r="N79418" s="10"/>
    </row>
    <row r="79419" spans="14:14">
      <c r="N79419" s="10"/>
    </row>
    <row r="79420" spans="14:14">
      <c r="N79420" s="10"/>
    </row>
    <row r="79421" spans="14:14">
      <c r="N79421" s="10"/>
    </row>
    <row r="79422" spans="14:14">
      <c r="N79422" s="10"/>
    </row>
    <row r="79423" spans="14:14">
      <c r="N79423" s="10"/>
    </row>
    <row r="79424" spans="14:14">
      <c r="N79424" s="10"/>
    </row>
    <row r="79425" spans="14:14">
      <c r="N79425" s="10"/>
    </row>
    <row r="79426" spans="14:14">
      <c r="N79426" s="10"/>
    </row>
    <row r="79427" spans="14:14">
      <c r="N79427" s="10"/>
    </row>
    <row r="79428" spans="14:14">
      <c r="N79428" s="10"/>
    </row>
    <row r="79429" spans="14:14">
      <c r="N79429" s="10"/>
    </row>
    <row r="79430" spans="14:14">
      <c r="N79430" s="10"/>
    </row>
    <row r="79431" spans="14:14">
      <c r="N79431" s="10"/>
    </row>
    <row r="79432" spans="14:14">
      <c r="N79432" s="10"/>
    </row>
    <row r="79433" spans="14:14">
      <c r="N79433" s="10"/>
    </row>
    <row r="79434" spans="14:14">
      <c r="N79434" s="10"/>
    </row>
    <row r="79435" spans="14:14">
      <c r="N79435" s="10"/>
    </row>
    <row r="79436" spans="14:14">
      <c r="N79436" s="10"/>
    </row>
    <row r="79437" spans="14:14">
      <c r="N79437" s="10"/>
    </row>
    <row r="79438" spans="14:14">
      <c r="N79438" s="10"/>
    </row>
    <row r="79439" spans="14:14">
      <c r="N79439" s="10"/>
    </row>
    <row r="79440" spans="14:14">
      <c r="N79440" s="10"/>
    </row>
    <row r="79441" spans="14:14">
      <c r="N79441" s="10"/>
    </row>
    <row r="79442" spans="14:14">
      <c r="N79442" s="10"/>
    </row>
    <row r="79443" spans="14:14">
      <c r="N79443" s="10"/>
    </row>
    <row r="79444" spans="14:14">
      <c r="N79444" s="10"/>
    </row>
    <row r="79445" spans="14:14">
      <c r="N79445" s="10"/>
    </row>
    <row r="79446" spans="14:14">
      <c r="N79446" s="10"/>
    </row>
    <row r="79447" spans="14:14">
      <c r="N79447" s="10"/>
    </row>
    <row r="79448" spans="14:14">
      <c r="N79448" s="10"/>
    </row>
    <row r="79449" spans="14:14">
      <c r="N79449" s="10"/>
    </row>
    <row r="79450" spans="14:14">
      <c r="N79450" s="10"/>
    </row>
    <row r="79451" spans="14:14">
      <c r="N79451" s="10"/>
    </row>
    <row r="79452" spans="14:14">
      <c r="N79452" s="10"/>
    </row>
    <row r="79453" spans="14:14">
      <c r="N79453" s="10"/>
    </row>
    <row r="79454" spans="14:14">
      <c r="N79454" s="10"/>
    </row>
    <row r="79455" spans="14:14">
      <c r="N79455" s="10"/>
    </row>
    <row r="79456" spans="14:14">
      <c r="N79456" s="10"/>
    </row>
    <row r="79457" spans="14:14">
      <c r="N79457" s="10"/>
    </row>
    <row r="79458" spans="14:14">
      <c r="N79458" s="10"/>
    </row>
    <row r="79459" spans="14:14">
      <c r="N79459" s="10"/>
    </row>
    <row r="79460" spans="14:14">
      <c r="N79460" s="10"/>
    </row>
    <row r="79461" spans="14:14">
      <c r="N79461" s="10"/>
    </row>
    <row r="79462" spans="14:14">
      <c r="N79462" s="10"/>
    </row>
    <row r="79463" spans="14:14">
      <c r="N79463" s="10"/>
    </row>
    <row r="79464" spans="14:14">
      <c r="N79464" s="10"/>
    </row>
    <row r="79465" spans="14:14">
      <c r="N79465" s="10"/>
    </row>
    <row r="79466" spans="14:14">
      <c r="N79466" s="10"/>
    </row>
    <row r="79467" spans="14:14">
      <c r="N79467" s="10"/>
    </row>
    <row r="79468" spans="14:14">
      <c r="N79468" s="10"/>
    </row>
    <row r="79469" spans="14:14">
      <c r="N79469" s="10"/>
    </row>
    <row r="79470" spans="14:14">
      <c r="N79470" s="10"/>
    </row>
    <row r="79471" spans="14:14">
      <c r="N79471" s="10"/>
    </row>
    <row r="79472" spans="14:14">
      <c r="N79472" s="10"/>
    </row>
    <row r="79473" spans="14:14">
      <c r="N79473" s="10"/>
    </row>
    <row r="79474" spans="14:14">
      <c r="N79474" s="10"/>
    </row>
    <row r="79475" spans="14:14">
      <c r="N79475" s="10"/>
    </row>
    <row r="79476" spans="14:14">
      <c r="N79476" s="10"/>
    </row>
    <row r="79477" spans="14:14">
      <c r="N79477" s="10"/>
    </row>
    <row r="79478" spans="14:14">
      <c r="N79478" s="10"/>
    </row>
    <row r="79479" spans="14:14">
      <c r="N79479" s="10"/>
    </row>
    <row r="79480" spans="14:14">
      <c r="N79480" s="10"/>
    </row>
    <row r="79481" spans="14:14">
      <c r="N79481" s="10"/>
    </row>
    <row r="79482" spans="14:14">
      <c r="N79482" s="10"/>
    </row>
    <row r="79483" spans="14:14">
      <c r="N79483" s="10"/>
    </row>
    <row r="79484" spans="14:14">
      <c r="N79484" s="10"/>
    </row>
    <row r="79485" spans="14:14">
      <c r="N79485" s="10"/>
    </row>
    <row r="79486" spans="14:14">
      <c r="N79486" s="10"/>
    </row>
    <row r="79487" spans="14:14">
      <c r="N79487" s="10"/>
    </row>
    <row r="79488" spans="14:14">
      <c r="N79488" s="10"/>
    </row>
    <row r="79489" spans="14:14">
      <c r="N79489" s="10"/>
    </row>
    <row r="79490" spans="14:14">
      <c r="N79490" s="10"/>
    </row>
    <row r="79491" spans="14:14">
      <c r="N79491" s="10"/>
    </row>
    <row r="79492" spans="14:14">
      <c r="N79492" s="10"/>
    </row>
    <row r="79493" spans="14:14">
      <c r="N79493" s="10"/>
    </row>
    <row r="79494" spans="14:14">
      <c r="N79494" s="10"/>
    </row>
    <row r="79495" spans="14:14">
      <c r="N79495" s="10"/>
    </row>
    <row r="79496" spans="14:14">
      <c r="N79496" s="10"/>
    </row>
    <row r="79497" spans="14:14">
      <c r="N79497" s="10"/>
    </row>
    <row r="79498" spans="14:14">
      <c r="N79498" s="10"/>
    </row>
    <row r="79499" spans="14:14">
      <c r="N79499" s="10"/>
    </row>
    <row r="79500" spans="14:14">
      <c r="N79500" s="10"/>
    </row>
    <row r="79501" spans="14:14">
      <c r="N79501" s="10"/>
    </row>
    <row r="79502" spans="14:14">
      <c r="N79502" s="10"/>
    </row>
    <row r="79503" spans="14:14">
      <c r="N79503" s="10"/>
    </row>
    <row r="79504" spans="14:14">
      <c r="N79504" s="10"/>
    </row>
    <row r="79505" spans="14:14">
      <c r="N79505" s="10"/>
    </row>
    <row r="79506" spans="14:14">
      <c r="N79506" s="10"/>
    </row>
    <row r="79507" spans="14:14">
      <c r="N79507" s="10"/>
    </row>
    <row r="79508" spans="14:14">
      <c r="N79508" s="10"/>
    </row>
    <row r="79509" spans="14:14">
      <c r="N79509" s="10"/>
    </row>
    <row r="79510" spans="14:14">
      <c r="N79510" s="10"/>
    </row>
    <row r="79511" spans="14:14">
      <c r="N79511" s="10"/>
    </row>
    <row r="79512" spans="14:14">
      <c r="N79512" s="10"/>
    </row>
    <row r="79513" spans="14:14">
      <c r="N79513" s="10"/>
    </row>
    <row r="79514" spans="14:14">
      <c r="N79514" s="10"/>
    </row>
    <row r="79515" spans="14:14">
      <c r="N79515" s="10"/>
    </row>
    <row r="79516" spans="14:14">
      <c r="N79516" s="10"/>
    </row>
    <row r="79517" spans="14:14">
      <c r="N79517" s="10"/>
    </row>
    <row r="79518" spans="14:14">
      <c r="N79518" s="10"/>
    </row>
    <row r="79519" spans="14:14">
      <c r="N79519" s="10"/>
    </row>
    <row r="79520" spans="14:14">
      <c r="N79520" s="10"/>
    </row>
    <row r="79521" spans="14:14">
      <c r="N79521" s="10"/>
    </row>
    <row r="79522" spans="14:14">
      <c r="N79522" s="10"/>
    </row>
    <row r="79523" spans="14:14">
      <c r="N79523" s="10"/>
    </row>
    <row r="79524" spans="14:14">
      <c r="N79524" s="10"/>
    </row>
    <row r="79525" spans="14:14">
      <c r="N79525" s="10"/>
    </row>
    <row r="79526" spans="14:14">
      <c r="N79526" s="10"/>
    </row>
    <row r="79527" spans="14:14">
      <c r="N79527" s="10"/>
    </row>
    <row r="79528" spans="14:14">
      <c r="N79528" s="10"/>
    </row>
    <row r="79529" spans="14:14">
      <c r="N79529" s="10"/>
    </row>
    <row r="79530" spans="14:14">
      <c r="N79530" s="10"/>
    </row>
    <row r="79531" spans="14:14">
      <c r="N79531" s="10"/>
    </row>
    <row r="79532" spans="14:14">
      <c r="N79532" s="10"/>
    </row>
    <row r="79533" spans="14:14">
      <c r="N79533" s="10"/>
    </row>
    <row r="79534" spans="14:14">
      <c r="N79534" s="10"/>
    </row>
    <row r="79535" spans="14:14">
      <c r="N79535" s="10"/>
    </row>
    <row r="79536" spans="14:14">
      <c r="N79536" s="10"/>
    </row>
    <row r="79537" spans="14:14">
      <c r="N79537" s="10"/>
    </row>
    <row r="79538" spans="14:14">
      <c r="N79538" s="10"/>
    </row>
    <row r="79539" spans="14:14">
      <c r="N79539" s="10"/>
    </row>
    <row r="79540" spans="14:14">
      <c r="N79540" s="10"/>
    </row>
    <row r="79541" spans="14:14">
      <c r="N79541" s="10"/>
    </row>
    <row r="79542" spans="14:14">
      <c r="N79542" s="10"/>
    </row>
    <row r="79543" spans="14:14">
      <c r="N79543" s="10"/>
    </row>
    <row r="79544" spans="14:14">
      <c r="N79544" s="10"/>
    </row>
    <row r="79545" spans="14:14">
      <c r="N79545" s="10"/>
    </row>
    <row r="79546" spans="14:14">
      <c r="N79546" s="10"/>
    </row>
    <row r="79547" spans="14:14">
      <c r="N79547" s="10"/>
    </row>
    <row r="79548" spans="14:14">
      <c r="N79548" s="10"/>
    </row>
    <row r="79549" spans="14:14">
      <c r="N79549" s="10"/>
    </row>
    <row r="79550" spans="14:14">
      <c r="N79550" s="10"/>
    </row>
    <row r="79551" spans="14:14">
      <c r="N79551" s="10"/>
    </row>
    <row r="79552" spans="14:14">
      <c r="N79552" s="10"/>
    </row>
    <row r="79553" spans="14:14">
      <c r="N79553" s="10"/>
    </row>
    <row r="79554" spans="14:14">
      <c r="N79554" s="10"/>
    </row>
    <row r="79555" spans="14:14">
      <c r="N79555" s="10"/>
    </row>
    <row r="79556" spans="14:14">
      <c r="N79556" s="10"/>
    </row>
    <row r="79557" spans="14:14">
      <c r="N79557" s="10"/>
    </row>
    <row r="79558" spans="14:14">
      <c r="N79558" s="10"/>
    </row>
    <row r="79559" spans="14:14">
      <c r="N79559" s="10"/>
    </row>
    <row r="79560" spans="14:14">
      <c r="N79560" s="10"/>
    </row>
    <row r="79561" spans="14:14">
      <c r="N79561" s="10"/>
    </row>
    <row r="79562" spans="14:14">
      <c r="N79562" s="10"/>
    </row>
    <row r="79563" spans="14:14">
      <c r="N79563" s="10"/>
    </row>
    <row r="79564" spans="14:14">
      <c r="N79564" s="10"/>
    </row>
    <row r="79565" spans="14:14">
      <c r="N79565" s="10"/>
    </row>
    <row r="79566" spans="14:14">
      <c r="N79566" s="10"/>
    </row>
    <row r="79567" spans="14:14">
      <c r="N79567" s="10"/>
    </row>
    <row r="79568" spans="14:14">
      <c r="N79568" s="10"/>
    </row>
    <row r="79569" spans="14:14">
      <c r="N79569" s="10"/>
    </row>
    <row r="79570" spans="14:14">
      <c r="N79570" s="10"/>
    </row>
    <row r="79571" spans="14:14">
      <c r="N79571" s="10"/>
    </row>
    <row r="79572" spans="14:14">
      <c r="N79572" s="10"/>
    </row>
    <row r="79573" spans="14:14">
      <c r="N79573" s="10"/>
    </row>
    <row r="79574" spans="14:14">
      <c r="N79574" s="10"/>
    </row>
    <row r="79575" spans="14:14">
      <c r="N79575" s="10"/>
    </row>
    <row r="79576" spans="14:14">
      <c r="N79576" s="10"/>
    </row>
    <row r="79577" spans="14:14">
      <c r="N79577" s="10"/>
    </row>
    <row r="79578" spans="14:14">
      <c r="N79578" s="10"/>
    </row>
    <row r="79579" spans="14:14">
      <c r="N79579" s="10"/>
    </row>
    <row r="79580" spans="14:14">
      <c r="N79580" s="10"/>
    </row>
    <row r="79581" spans="14:14">
      <c r="N79581" s="10"/>
    </row>
    <row r="79582" spans="14:14">
      <c r="N79582" s="10"/>
    </row>
    <row r="79583" spans="14:14">
      <c r="N79583" s="10"/>
    </row>
    <row r="79584" spans="14:14">
      <c r="N79584" s="10"/>
    </row>
    <row r="79585" spans="14:14">
      <c r="N79585" s="10"/>
    </row>
    <row r="79586" spans="14:14">
      <c r="N79586" s="10"/>
    </row>
    <row r="79587" spans="14:14">
      <c r="N79587" s="10"/>
    </row>
    <row r="79588" spans="14:14">
      <c r="N79588" s="10"/>
    </row>
    <row r="79589" spans="14:14">
      <c r="N79589" s="10"/>
    </row>
    <row r="79590" spans="14:14">
      <c r="N79590" s="10"/>
    </row>
    <row r="79591" spans="14:14">
      <c r="N79591" s="10"/>
    </row>
    <row r="79592" spans="14:14">
      <c r="N79592" s="10"/>
    </row>
    <row r="79593" spans="14:14">
      <c r="N79593" s="10"/>
    </row>
    <row r="79594" spans="14:14">
      <c r="N79594" s="10"/>
    </row>
    <row r="79595" spans="14:14">
      <c r="N79595" s="10"/>
    </row>
    <row r="79596" spans="14:14">
      <c r="N79596" s="10"/>
    </row>
    <row r="79597" spans="14:14">
      <c r="N79597" s="10"/>
    </row>
    <row r="79598" spans="14:14">
      <c r="N79598" s="10"/>
    </row>
    <row r="79599" spans="14:14">
      <c r="N79599" s="10"/>
    </row>
    <row r="79600" spans="14:14">
      <c r="N79600" s="10"/>
    </row>
    <row r="79601" spans="14:14">
      <c r="N79601" s="10"/>
    </row>
    <row r="79602" spans="14:14">
      <c r="N79602" s="10"/>
    </row>
    <row r="79603" spans="14:14">
      <c r="N79603" s="10"/>
    </row>
    <row r="79604" spans="14:14">
      <c r="N79604" s="10"/>
    </row>
    <row r="79605" spans="14:14">
      <c r="N79605" s="10"/>
    </row>
    <row r="79606" spans="14:14">
      <c r="N79606" s="10"/>
    </row>
    <row r="79607" spans="14:14">
      <c r="N79607" s="10"/>
    </row>
    <row r="79608" spans="14:14">
      <c r="N79608" s="10"/>
    </row>
    <row r="79609" spans="14:14">
      <c r="N79609" s="10"/>
    </row>
    <row r="79610" spans="14:14">
      <c r="N79610" s="10"/>
    </row>
    <row r="79611" spans="14:14">
      <c r="N79611" s="10"/>
    </row>
    <row r="79612" spans="14:14">
      <c r="N79612" s="10"/>
    </row>
    <row r="79613" spans="14:14">
      <c r="N79613" s="10"/>
    </row>
    <row r="79614" spans="14:14">
      <c r="N79614" s="10"/>
    </row>
    <row r="79615" spans="14:14">
      <c r="N79615" s="10"/>
    </row>
    <row r="79616" spans="14:14">
      <c r="N79616" s="10"/>
    </row>
    <row r="79617" spans="14:14">
      <c r="N79617" s="10"/>
    </row>
    <row r="79618" spans="14:14">
      <c r="N79618" s="10"/>
    </row>
    <row r="79619" spans="14:14">
      <c r="N79619" s="10"/>
    </row>
    <row r="79620" spans="14:14">
      <c r="N79620" s="10"/>
    </row>
    <row r="79621" spans="14:14">
      <c r="N79621" s="10"/>
    </row>
    <row r="79622" spans="14:14">
      <c r="N79622" s="10"/>
    </row>
    <row r="79623" spans="14:14">
      <c r="N79623" s="10"/>
    </row>
    <row r="79624" spans="14:14">
      <c r="N79624" s="10"/>
    </row>
    <row r="79625" spans="14:14">
      <c r="N79625" s="10"/>
    </row>
    <row r="79626" spans="14:14">
      <c r="N79626" s="10"/>
    </row>
    <row r="79627" spans="14:14">
      <c r="N79627" s="10"/>
    </row>
    <row r="79628" spans="14:14">
      <c r="N79628" s="10"/>
    </row>
    <row r="79629" spans="14:14">
      <c r="N79629" s="10"/>
    </row>
    <row r="79630" spans="14:14">
      <c r="N79630" s="10"/>
    </row>
    <row r="79631" spans="14:14">
      <c r="N79631" s="10"/>
    </row>
    <row r="79632" spans="14:14">
      <c r="N79632" s="10"/>
    </row>
    <row r="79633" spans="14:14">
      <c r="N79633" s="10"/>
    </row>
    <row r="79634" spans="14:14">
      <c r="N79634" s="10"/>
    </row>
    <row r="79635" spans="14:14">
      <c r="N79635" s="10"/>
    </row>
    <row r="79636" spans="14:14">
      <c r="N79636" s="10"/>
    </row>
    <row r="79637" spans="14:14">
      <c r="N79637" s="10"/>
    </row>
    <row r="79638" spans="14:14">
      <c r="N79638" s="10"/>
    </row>
    <row r="79639" spans="14:14">
      <c r="N79639" s="10"/>
    </row>
    <row r="79640" spans="14:14">
      <c r="N79640" s="10"/>
    </row>
    <row r="79641" spans="14:14">
      <c r="N79641" s="10"/>
    </row>
    <row r="79642" spans="14:14">
      <c r="N79642" s="10"/>
    </row>
    <row r="79643" spans="14:14">
      <c r="N79643" s="10"/>
    </row>
    <row r="79644" spans="14:14">
      <c r="N79644" s="10"/>
    </row>
    <row r="79645" spans="14:14">
      <c r="N79645" s="10"/>
    </row>
    <row r="79646" spans="14:14">
      <c r="N79646" s="10"/>
    </row>
    <row r="79647" spans="14:14">
      <c r="N79647" s="10"/>
    </row>
    <row r="79648" spans="14:14">
      <c r="N79648" s="10"/>
    </row>
    <row r="79649" spans="14:14">
      <c r="N79649" s="10"/>
    </row>
    <row r="79650" spans="14:14">
      <c r="N79650" s="10"/>
    </row>
    <row r="79651" spans="14:14">
      <c r="N79651" s="10"/>
    </row>
    <row r="79652" spans="14:14">
      <c r="N79652" s="10"/>
    </row>
    <row r="79653" spans="14:14">
      <c r="N79653" s="10"/>
    </row>
    <row r="79654" spans="14:14">
      <c r="N79654" s="10"/>
    </row>
    <row r="79655" spans="14:14">
      <c r="N79655" s="10"/>
    </row>
    <row r="79656" spans="14:14">
      <c r="N79656" s="10"/>
    </row>
    <row r="79657" spans="14:14">
      <c r="N79657" s="10"/>
    </row>
    <row r="79658" spans="14:14">
      <c r="N79658" s="10"/>
    </row>
    <row r="79659" spans="14:14">
      <c r="N79659" s="10"/>
    </row>
    <row r="79660" spans="14:14">
      <c r="N79660" s="10"/>
    </row>
    <row r="79661" spans="14:14">
      <c r="N79661" s="10"/>
    </row>
    <row r="79662" spans="14:14">
      <c r="N79662" s="10"/>
    </row>
    <row r="79663" spans="14:14">
      <c r="N79663" s="10"/>
    </row>
    <row r="79664" spans="14:14">
      <c r="N79664" s="10"/>
    </row>
    <row r="79665" spans="14:14">
      <c r="N79665" s="10"/>
    </row>
    <row r="79666" spans="14:14">
      <c r="N79666" s="10"/>
    </row>
    <row r="79667" spans="14:14">
      <c r="N79667" s="10"/>
    </row>
    <row r="79668" spans="14:14">
      <c r="N79668" s="10"/>
    </row>
    <row r="79669" spans="14:14">
      <c r="N79669" s="10"/>
    </row>
    <row r="79670" spans="14:14">
      <c r="N79670" s="10"/>
    </row>
    <row r="79671" spans="14:14">
      <c r="N79671" s="10"/>
    </row>
    <row r="79672" spans="14:14">
      <c r="N79672" s="10"/>
    </row>
    <row r="79673" spans="14:14">
      <c r="N79673" s="10"/>
    </row>
    <row r="79674" spans="14:14">
      <c r="N79674" s="10"/>
    </row>
    <row r="79675" spans="14:14">
      <c r="N79675" s="10"/>
    </row>
    <row r="79676" spans="14:14">
      <c r="N79676" s="10"/>
    </row>
    <row r="79677" spans="14:14">
      <c r="N79677" s="10"/>
    </row>
    <row r="79678" spans="14:14">
      <c r="N79678" s="10"/>
    </row>
    <row r="79679" spans="14:14">
      <c r="N79679" s="10"/>
    </row>
    <row r="79680" spans="14:14">
      <c r="N79680" s="10"/>
    </row>
    <row r="79681" spans="14:14">
      <c r="N79681" s="10"/>
    </row>
    <row r="79682" spans="14:14">
      <c r="N79682" s="10"/>
    </row>
    <row r="79683" spans="14:14">
      <c r="N79683" s="10"/>
    </row>
    <row r="79684" spans="14:14">
      <c r="N79684" s="10"/>
    </row>
    <row r="79685" spans="14:14">
      <c r="N79685" s="10"/>
    </row>
    <row r="79686" spans="14:14">
      <c r="N79686" s="10"/>
    </row>
    <row r="79687" spans="14:14">
      <c r="N79687" s="10"/>
    </row>
    <row r="79688" spans="14:14">
      <c r="N79688" s="10"/>
    </row>
    <row r="79689" spans="14:14">
      <c r="N79689" s="10"/>
    </row>
    <row r="79690" spans="14:14">
      <c r="N79690" s="10"/>
    </row>
    <row r="79691" spans="14:14">
      <c r="N79691" s="10"/>
    </row>
    <row r="79692" spans="14:14">
      <c r="N79692" s="10"/>
    </row>
    <row r="79693" spans="14:14">
      <c r="N79693" s="10"/>
    </row>
    <row r="79694" spans="14:14">
      <c r="N79694" s="10"/>
    </row>
    <row r="79695" spans="14:14">
      <c r="N79695" s="10"/>
    </row>
    <row r="79696" spans="14:14">
      <c r="N79696" s="10"/>
    </row>
    <row r="79697" spans="14:14">
      <c r="N79697" s="10"/>
    </row>
    <row r="79698" spans="14:14">
      <c r="N79698" s="10"/>
    </row>
    <row r="79699" spans="14:14">
      <c r="N79699" s="10"/>
    </row>
    <row r="79700" spans="14:14">
      <c r="N79700" s="10"/>
    </row>
    <row r="79701" spans="14:14">
      <c r="N79701" s="10"/>
    </row>
    <row r="79702" spans="14:14">
      <c r="N79702" s="10"/>
    </row>
    <row r="79703" spans="14:14">
      <c r="N79703" s="10"/>
    </row>
    <row r="79704" spans="14:14">
      <c r="N79704" s="10"/>
    </row>
    <row r="79705" spans="14:14">
      <c r="N79705" s="10"/>
    </row>
    <row r="79706" spans="14:14">
      <c r="N79706" s="10"/>
    </row>
    <row r="79707" spans="14:14">
      <c r="N79707" s="10"/>
    </row>
    <row r="79708" spans="14:14">
      <c r="N79708" s="10"/>
    </row>
    <row r="79709" spans="14:14">
      <c r="N79709" s="10"/>
    </row>
    <row r="79710" spans="14:14">
      <c r="N79710" s="10"/>
    </row>
    <row r="79711" spans="14:14">
      <c r="N79711" s="10"/>
    </row>
    <row r="79712" spans="14:14">
      <c r="N79712" s="10"/>
    </row>
    <row r="79713" spans="14:14">
      <c r="N79713" s="10"/>
    </row>
    <row r="79714" spans="14:14">
      <c r="N79714" s="10"/>
    </row>
    <row r="79715" spans="14:14">
      <c r="N79715" s="10"/>
    </row>
    <row r="79716" spans="14:14">
      <c r="N79716" s="10"/>
    </row>
    <row r="79717" spans="14:14">
      <c r="N79717" s="10"/>
    </row>
    <row r="79718" spans="14:14">
      <c r="N79718" s="10"/>
    </row>
    <row r="79719" spans="14:14">
      <c r="N79719" s="10"/>
    </row>
    <row r="79720" spans="14:14">
      <c r="N79720" s="10"/>
    </row>
    <row r="79721" spans="14:14">
      <c r="N79721" s="10"/>
    </row>
    <row r="79722" spans="14:14">
      <c r="N79722" s="10"/>
    </row>
    <row r="79723" spans="14:14">
      <c r="N79723" s="10"/>
    </row>
    <row r="79724" spans="14:14">
      <c r="N79724" s="10"/>
    </row>
    <row r="79725" spans="14:14">
      <c r="N79725" s="10"/>
    </row>
    <row r="79726" spans="14:14">
      <c r="N79726" s="10"/>
    </row>
    <row r="79727" spans="14:14">
      <c r="N79727" s="10"/>
    </row>
    <row r="79728" spans="14:14">
      <c r="N79728" s="10"/>
    </row>
    <row r="79729" spans="14:14">
      <c r="N79729" s="10"/>
    </row>
    <row r="79730" spans="14:14">
      <c r="N79730" s="10"/>
    </row>
    <row r="79731" spans="14:14">
      <c r="N79731" s="10"/>
    </row>
    <row r="79732" spans="14:14">
      <c r="N79732" s="10"/>
    </row>
    <row r="79733" spans="14:14">
      <c r="N79733" s="10"/>
    </row>
    <row r="79734" spans="14:14">
      <c r="N79734" s="10"/>
    </row>
    <row r="79735" spans="14:14">
      <c r="N79735" s="10"/>
    </row>
    <row r="79736" spans="14:14">
      <c r="N79736" s="10"/>
    </row>
    <row r="79737" spans="14:14">
      <c r="N79737" s="10"/>
    </row>
    <row r="79738" spans="14:14">
      <c r="N79738" s="10"/>
    </row>
    <row r="79739" spans="14:14">
      <c r="N79739" s="10"/>
    </row>
    <row r="79740" spans="14:14">
      <c r="N79740" s="10"/>
    </row>
    <row r="79741" spans="14:14">
      <c r="N79741" s="10"/>
    </row>
    <row r="79742" spans="14:14">
      <c r="N79742" s="10"/>
    </row>
    <row r="79743" spans="14:14">
      <c r="N79743" s="10"/>
    </row>
    <row r="79744" spans="14:14">
      <c r="N79744" s="10"/>
    </row>
    <row r="79745" spans="14:14">
      <c r="N79745" s="10"/>
    </row>
    <row r="79746" spans="14:14">
      <c r="N79746" s="10"/>
    </row>
    <row r="79747" spans="14:14">
      <c r="N79747" s="10"/>
    </row>
    <row r="79748" spans="14:14">
      <c r="N79748" s="10"/>
    </row>
    <row r="79749" spans="14:14">
      <c r="N79749" s="10"/>
    </row>
    <row r="79750" spans="14:14">
      <c r="N79750" s="10"/>
    </row>
    <row r="79751" spans="14:14">
      <c r="N79751" s="10"/>
    </row>
    <row r="79752" spans="14:14">
      <c r="N79752" s="10"/>
    </row>
    <row r="79753" spans="14:14">
      <c r="N79753" s="10"/>
    </row>
    <row r="79754" spans="14:14">
      <c r="N79754" s="10"/>
    </row>
    <row r="79755" spans="14:14">
      <c r="N79755" s="10"/>
    </row>
    <row r="79756" spans="14:14">
      <c r="N79756" s="10"/>
    </row>
    <row r="79757" spans="14:14">
      <c r="N79757" s="10"/>
    </row>
    <row r="79758" spans="14:14">
      <c r="N79758" s="10"/>
    </row>
    <row r="79759" spans="14:14">
      <c r="N79759" s="10"/>
    </row>
    <row r="79760" spans="14:14">
      <c r="N79760" s="10"/>
    </row>
    <row r="79761" spans="14:14">
      <c r="N79761" s="10"/>
    </row>
    <row r="79762" spans="14:14">
      <c r="N79762" s="10"/>
    </row>
    <row r="79763" spans="14:14">
      <c r="N79763" s="10"/>
    </row>
    <row r="79764" spans="14:14">
      <c r="N79764" s="10"/>
    </row>
    <row r="79765" spans="14:14">
      <c r="N79765" s="10"/>
    </row>
    <row r="79766" spans="14:14">
      <c r="N79766" s="10"/>
    </row>
    <row r="79767" spans="14:14">
      <c r="N79767" s="10"/>
    </row>
    <row r="79768" spans="14:14">
      <c r="N79768" s="10"/>
    </row>
    <row r="79769" spans="14:14">
      <c r="N79769" s="10"/>
    </row>
    <row r="79770" spans="14:14">
      <c r="N79770" s="10"/>
    </row>
    <row r="79771" spans="14:14">
      <c r="N79771" s="10"/>
    </row>
    <row r="79772" spans="14:14">
      <c r="N79772" s="10"/>
    </row>
    <row r="79773" spans="14:14">
      <c r="N79773" s="10"/>
    </row>
    <row r="79774" spans="14:14">
      <c r="N79774" s="10"/>
    </row>
    <row r="79775" spans="14:14">
      <c r="N79775" s="10"/>
    </row>
    <row r="79776" spans="14:14">
      <c r="N79776" s="10"/>
    </row>
    <row r="79777" spans="14:14">
      <c r="N79777" s="10"/>
    </row>
    <row r="79778" spans="14:14">
      <c r="N79778" s="10"/>
    </row>
    <row r="79779" spans="14:14">
      <c r="N79779" s="10"/>
    </row>
    <row r="79780" spans="14:14">
      <c r="N79780" s="10"/>
    </row>
    <row r="79781" spans="14:14">
      <c r="N79781" s="10"/>
    </row>
    <row r="79782" spans="14:14">
      <c r="N79782" s="10"/>
    </row>
    <row r="79783" spans="14:14">
      <c r="N79783" s="10"/>
    </row>
    <row r="79784" spans="14:14">
      <c r="N79784" s="10"/>
    </row>
    <row r="79785" spans="14:14">
      <c r="N79785" s="10"/>
    </row>
    <row r="79786" spans="14:14">
      <c r="N79786" s="10"/>
    </row>
    <row r="79787" spans="14:14">
      <c r="N79787" s="10"/>
    </row>
    <row r="79788" spans="14:14">
      <c r="N79788" s="10"/>
    </row>
    <row r="79789" spans="14:14">
      <c r="N79789" s="10"/>
    </row>
    <row r="79790" spans="14:14">
      <c r="N79790" s="10"/>
    </row>
    <row r="79791" spans="14:14">
      <c r="N79791" s="10"/>
    </row>
    <row r="79792" spans="14:14">
      <c r="N79792" s="10"/>
    </row>
    <row r="79793" spans="14:14">
      <c r="N79793" s="10"/>
    </row>
    <row r="79794" spans="14:14">
      <c r="N79794" s="10"/>
    </row>
    <row r="79795" spans="14:14">
      <c r="N79795" s="10"/>
    </row>
    <row r="79796" spans="14:14">
      <c r="N79796" s="10"/>
    </row>
    <row r="79797" spans="14:14">
      <c r="N79797" s="10"/>
    </row>
    <row r="79798" spans="14:14">
      <c r="N79798" s="10"/>
    </row>
    <row r="79799" spans="14:14">
      <c r="N79799" s="10"/>
    </row>
    <row r="79800" spans="14:14">
      <c r="N79800" s="10"/>
    </row>
    <row r="79801" spans="14:14">
      <c r="N79801" s="10"/>
    </row>
    <row r="79802" spans="14:14">
      <c r="N79802" s="10"/>
    </row>
    <row r="79803" spans="14:14">
      <c r="N79803" s="10"/>
    </row>
    <row r="79804" spans="14:14">
      <c r="N79804" s="10"/>
    </row>
    <row r="79805" spans="14:14">
      <c r="N79805" s="10"/>
    </row>
    <row r="79806" spans="14:14">
      <c r="N79806" s="10"/>
    </row>
    <row r="79807" spans="14:14">
      <c r="N79807" s="10"/>
    </row>
    <row r="79808" spans="14:14">
      <c r="N79808" s="10"/>
    </row>
    <row r="79809" spans="14:14">
      <c r="N79809" s="10"/>
    </row>
    <row r="79810" spans="14:14">
      <c r="N79810" s="10"/>
    </row>
    <row r="79811" spans="14:14">
      <c r="N79811" s="10"/>
    </row>
    <row r="79812" spans="14:14">
      <c r="N79812" s="10"/>
    </row>
    <row r="79813" spans="14:14">
      <c r="N79813" s="10"/>
    </row>
    <row r="79814" spans="14:14">
      <c r="N79814" s="10"/>
    </row>
    <row r="79815" spans="14:14">
      <c r="N79815" s="10"/>
    </row>
    <row r="79816" spans="14:14">
      <c r="N79816" s="10"/>
    </row>
    <row r="79817" spans="14:14">
      <c r="N79817" s="10"/>
    </row>
    <row r="79818" spans="14:14">
      <c r="N79818" s="10"/>
    </row>
    <row r="79819" spans="14:14">
      <c r="N79819" s="10"/>
    </row>
    <row r="79820" spans="14:14">
      <c r="N79820" s="10"/>
    </row>
    <row r="79821" spans="14:14">
      <c r="N79821" s="10"/>
    </row>
    <row r="79822" spans="14:14">
      <c r="N79822" s="10"/>
    </row>
    <row r="79823" spans="14:14">
      <c r="N79823" s="10"/>
    </row>
    <row r="79824" spans="14:14">
      <c r="N79824" s="10"/>
    </row>
    <row r="79825" spans="14:14">
      <c r="N79825" s="10"/>
    </row>
    <row r="79826" spans="14:14">
      <c r="N79826" s="10"/>
    </row>
    <row r="79827" spans="14:14">
      <c r="N79827" s="10"/>
    </row>
    <row r="79828" spans="14:14">
      <c r="N79828" s="10"/>
    </row>
    <row r="79829" spans="14:14">
      <c r="N79829" s="10"/>
    </row>
    <row r="79830" spans="14:14">
      <c r="N79830" s="10"/>
    </row>
    <row r="79831" spans="14:14">
      <c r="N79831" s="10"/>
    </row>
    <row r="79832" spans="14:14">
      <c r="N79832" s="10"/>
    </row>
    <row r="79833" spans="14:14">
      <c r="N79833" s="10"/>
    </row>
    <row r="79834" spans="14:14">
      <c r="N79834" s="10"/>
    </row>
    <row r="79835" spans="14:14">
      <c r="N79835" s="10"/>
    </row>
    <row r="79836" spans="14:14">
      <c r="N79836" s="10"/>
    </row>
    <row r="79837" spans="14:14">
      <c r="N79837" s="10"/>
    </row>
    <row r="79838" spans="14:14">
      <c r="N79838" s="10"/>
    </row>
    <row r="79839" spans="14:14">
      <c r="N79839" s="10"/>
    </row>
    <row r="79840" spans="14:14">
      <c r="N79840" s="10"/>
    </row>
    <row r="79841" spans="14:14">
      <c r="N79841" s="10"/>
    </row>
    <row r="79842" spans="14:14">
      <c r="N79842" s="10"/>
    </row>
    <row r="79843" spans="14:14">
      <c r="N79843" s="10"/>
    </row>
    <row r="79844" spans="14:14">
      <c r="N79844" s="10"/>
    </row>
    <row r="79845" spans="14:14">
      <c r="N79845" s="10"/>
    </row>
    <row r="79846" spans="14:14">
      <c r="N79846" s="10"/>
    </row>
    <row r="79847" spans="14:14">
      <c r="N79847" s="10"/>
    </row>
    <row r="79848" spans="14:14">
      <c r="N79848" s="10"/>
    </row>
    <row r="79849" spans="14:14">
      <c r="N79849" s="10"/>
    </row>
    <row r="79850" spans="14:14">
      <c r="N79850" s="10"/>
    </row>
    <row r="79851" spans="14:14">
      <c r="N79851" s="10"/>
    </row>
    <row r="79852" spans="14:14">
      <c r="N79852" s="10"/>
    </row>
    <row r="79853" spans="14:14">
      <c r="N79853" s="10"/>
    </row>
    <row r="79854" spans="14:14">
      <c r="N79854" s="10"/>
    </row>
    <row r="79855" spans="14:14">
      <c r="N79855" s="10"/>
    </row>
    <row r="79856" spans="14:14">
      <c r="N79856" s="10"/>
    </row>
    <row r="79857" spans="14:14">
      <c r="N79857" s="10"/>
    </row>
    <row r="79858" spans="14:14">
      <c r="N79858" s="10"/>
    </row>
    <row r="79859" spans="14:14">
      <c r="N79859" s="10"/>
    </row>
    <row r="79860" spans="14:14">
      <c r="N79860" s="10"/>
    </row>
    <row r="79861" spans="14:14">
      <c r="N79861" s="10"/>
    </row>
    <row r="79862" spans="14:14">
      <c r="N79862" s="10"/>
    </row>
    <row r="79863" spans="14:14">
      <c r="N79863" s="10"/>
    </row>
    <row r="79864" spans="14:14">
      <c r="N79864" s="10"/>
    </row>
    <row r="79865" spans="14:14">
      <c r="N79865" s="10"/>
    </row>
    <row r="79866" spans="14:14">
      <c r="N79866" s="10"/>
    </row>
    <row r="79867" spans="14:14">
      <c r="N79867" s="10"/>
    </row>
    <row r="79868" spans="14:14">
      <c r="N79868" s="10"/>
    </row>
    <row r="79869" spans="14:14">
      <c r="N79869" s="10"/>
    </row>
    <row r="79870" spans="14:14">
      <c r="N79870" s="10"/>
    </row>
    <row r="79871" spans="14:14">
      <c r="N79871" s="10"/>
    </row>
    <row r="79872" spans="14:14">
      <c r="N79872" s="10"/>
    </row>
    <row r="79873" spans="14:14">
      <c r="N79873" s="10"/>
    </row>
    <row r="79874" spans="14:14">
      <c r="N79874" s="10"/>
    </row>
    <row r="79875" spans="14:14">
      <c r="N79875" s="10"/>
    </row>
    <row r="79876" spans="14:14">
      <c r="N79876" s="10"/>
    </row>
    <row r="79877" spans="14:14">
      <c r="N79877" s="10"/>
    </row>
    <row r="79878" spans="14:14">
      <c r="N79878" s="10"/>
    </row>
    <row r="79879" spans="14:14">
      <c r="N79879" s="10"/>
    </row>
    <row r="79880" spans="14:14">
      <c r="N79880" s="10"/>
    </row>
    <row r="79881" spans="14:14">
      <c r="N79881" s="10"/>
    </row>
    <row r="79882" spans="14:14">
      <c r="N79882" s="10"/>
    </row>
    <row r="79883" spans="14:14">
      <c r="N79883" s="10"/>
    </row>
    <row r="79884" spans="14:14">
      <c r="N79884" s="10"/>
    </row>
    <row r="79885" spans="14:14">
      <c r="N79885" s="10"/>
    </row>
    <row r="79886" spans="14:14">
      <c r="N79886" s="10"/>
    </row>
    <row r="79887" spans="14:14">
      <c r="N79887" s="10"/>
    </row>
    <row r="79888" spans="14:14">
      <c r="N79888" s="10"/>
    </row>
    <row r="79889" spans="14:14">
      <c r="N79889" s="10"/>
    </row>
    <row r="79890" spans="14:14">
      <c r="N79890" s="10"/>
    </row>
    <row r="79891" spans="14:14">
      <c r="N79891" s="10"/>
    </row>
    <row r="79892" spans="14:14">
      <c r="N79892" s="10"/>
    </row>
    <row r="79893" spans="14:14">
      <c r="N79893" s="10"/>
    </row>
    <row r="79894" spans="14:14">
      <c r="N79894" s="10"/>
    </row>
    <row r="79895" spans="14:14">
      <c r="N79895" s="10"/>
    </row>
    <row r="79896" spans="14:14">
      <c r="N79896" s="10"/>
    </row>
    <row r="79897" spans="14:14">
      <c r="N79897" s="10"/>
    </row>
    <row r="79898" spans="14:14">
      <c r="N79898" s="10"/>
    </row>
    <row r="79899" spans="14:14">
      <c r="N79899" s="10"/>
    </row>
    <row r="79900" spans="14:14">
      <c r="N79900" s="10"/>
    </row>
    <row r="79901" spans="14:14">
      <c r="N79901" s="10"/>
    </row>
    <row r="79902" spans="14:14">
      <c r="N79902" s="10"/>
    </row>
    <row r="79903" spans="14:14">
      <c r="N79903" s="10"/>
    </row>
    <row r="79904" spans="14:14">
      <c r="N79904" s="10"/>
    </row>
    <row r="79905" spans="14:14">
      <c r="N79905" s="10"/>
    </row>
    <row r="79906" spans="14:14">
      <c r="N79906" s="10"/>
    </row>
    <row r="79907" spans="14:14">
      <c r="N79907" s="10"/>
    </row>
    <row r="79908" spans="14:14">
      <c r="N79908" s="10"/>
    </row>
    <row r="79909" spans="14:14">
      <c r="N79909" s="10"/>
    </row>
    <row r="79910" spans="14:14">
      <c r="N79910" s="10"/>
    </row>
    <row r="79911" spans="14:14">
      <c r="N79911" s="10"/>
    </row>
    <row r="79912" spans="14:14">
      <c r="N79912" s="10"/>
    </row>
    <row r="79913" spans="14:14">
      <c r="N79913" s="10"/>
    </row>
    <row r="79914" spans="14:14">
      <c r="N79914" s="10"/>
    </row>
    <row r="79915" spans="14:14">
      <c r="N79915" s="10"/>
    </row>
    <row r="79916" spans="14:14">
      <c r="N79916" s="10"/>
    </row>
    <row r="79917" spans="14:14">
      <c r="N79917" s="10"/>
    </row>
    <row r="79918" spans="14:14">
      <c r="N79918" s="10"/>
    </row>
    <row r="79919" spans="14:14">
      <c r="N79919" s="10"/>
    </row>
    <row r="79920" spans="14:14">
      <c r="N79920" s="10"/>
    </row>
    <row r="79921" spans="14:14">
      <c r="N79921" s="10"/>
    </row>
    <row r="79922" spans="14:14">
      <c r="N79922" s="10"/>
    </row>
    <row r="79923" spans="14:14">
      <c r="N79923" s="10"/>
    </row>
    <row r="79924" spans="14:14">
      <c r="N79924" s="10"/>
    </row>
    <row r="79925" spans="14:14">
      <c r="N79925" s="10"/>
    </row>
    <row r="79926" spans="14:14">
      <c r="N79926" s="10"/>
    </row>
    <row r="79927" spans="14:14">
      <c r="N79927" s="10"/>
    </row>
    <row r="79928" spans="14:14">
      <c r="N79928" s="10"/>
    </row>
    <row r="79929" spans="14:14">
      <c r="N79929" s="10"/>
    </row>
    <row r="79930" spans="14:14">
      <c r="N79930" s="10"/>
    </row>
    <row r="79931" spans="14:14">
      <c r="N79931" s="10"/>
    </row>
    <row r="79932" spans="14:14">
      <c r="N79932" s="10"/>
    </row>
    <row r="79933" spans="14:14">
      <c r="N79933" s="10"/>
    </row>
    <row r="79934" spans="14:14">
      <c r="N79934" s="10"/>
    </row>
    <row r="79935" spans="14:14">
      <c r="N79935" s="10"/>
    </row>
    <row r="79936" spans="14:14">
      <c r="N79936" s="10"/>
    </row>
    <row r="79937" spans="14:14">
      <c r="N79937" s="10"/>
    </row>
    <row r="79938" spans="14:14">
      <c r="N79938" s="10"/>
    </row>
    <row r="79939" spans="14:14">
      <c r="N79939" s="10"/>
    </row>
    <row r="79940" spans="14:14">
      <c r="N79940" s="10"/>
    </row>
    <row r="79941" spans="14:14">
      <c r="N79941" s="10"/>
    </row>
    <row r="79942" spans="14:14">
      <c r="N79942" s="10"/>
    </row>
    <row r="79943" spans="14:14">
      <c r="N79943" s="10"/>
    </row>
    <row r="79944" spans="14:14">
      <c r="N79944" s="10"/>
    </row>
    <row r="79945" spans="14:14">
      <c r="N79945" s="10"/>
    </row>
    <row r="79946" spans="14:14">
      <c r="N79946" s="10"/>
    </row>
    <row r="79947" spans="14:14">
      <c r="N79947" s="10"/>
    </row>
    <row r="79948" spans="14:14">
      <c r="N79948" s="10"/>
    </row>
    <row r="79949" spans="14:14">
      <c r="N79949" s="10"/>
    </row>
    <row r="79950" spans="14:14">
      <c r="N79950" s="10"/>
    </row>
    <row r="79951" spans="14:14">
      <c r="N79951" s="10"/>
    </row>
    <row r="79952" spans="14:14">
      <c r="N79952" s="10"/>
    </row>
    <row r="79953" spans="14:14">
      <c r="N79953" s="10"/>
    </row>
    <row r="79954" spans="14:14">
      <c r="N79954" s="10"/>
    </row>
    <row r="79955" spans="14:14">
      <c r="N79955" s="10"/>
    </row>
    <row r="79956" spans="14:14">
      <c r="N79956" s="10"/>
    </row>
    <row r="79957" spans="14:14">
      <c r="N79957" s="10"/>
    </row>
    <row r="79958" spans="14:14">
      <c r="N79958" s="10"/>
    </row>
    <row r="79959" spans="14:14">
      <c r="N79959" s="10"/>
    </row>
    <row r="79960" spans="14:14">
      <c r="N79960" s="10"/>
    </row>
    <row r="79961" spans="14:14">
      <c r="N79961" s="10"/>
    </row>
    <row r="79962" spans="14:14">
      <c r="N79962" s="10"/>
    </row>
    <row r="79963" spans="14:14">
      <c r="N79963" s="10"/>
    </row>
    <row r="79964" spans="14:14">
      <c r="N79964" s="10"/>
    </row>
    <row r="79965" spans="14:14">
      <c r="N79965" s="10"/>
    </row>
    <row r="79966" spans="14:14">
      <c r="N79966" s="10"/>
    </row>
    <row r="79967" spans="14:14">
      <c r="N79967" s="10"/>
    </row>
    <row r="79968" spans="14:14">
      <c r="N79968" s="10"/>
    </row>
    <row r="79969" spans="14:14">
      <c r="N79969" s="10"/>
    </row>
    <row r="79970" spans="14:14">
      <c r="N79970" s="10"/>
    </row>
    <row r="79971" spans="14:14">
      <c r="N79971" s="10"/>
    </row>
    <row r="79972" spans="14:14">
      <c r="N79972" s="10"/>
    </row>
    <row r="79973" spans="14:14">
      <c r="N79973" s="10"/>
    </row>
    <row r="79974" spans="14:14">
      <c r="N79974" s="10"/>
    </row>
    <row r="79975" spans="14:14">
      <c r="N79975" s="10"/>
    </row>
    <row r="79976" spans="14:14">
      <c r="N79976" s="10"/>
    </row>
    <row r="79977" spans="14:14">
      <c r="N79977" s="10"/>
    </row>
    <row r="79978" spans="14:14">
      <c r="N79978" s="10"/>
    </row>
    <row r="79979" spans="14:14">
      <c r="N79979" s="10"/>
    </row>
    <row r="79980" spans="14:14">
      <c r="N79980" s="10"/>
    </row>
    <row r="79981" spans="14:14">
      <c r="N79981" s="10"/>
    </row>
    <row r="79982" spans="14:14">
      <c r="N79982" s="10"/>
    </row>
    <row r="79983" spans="14:14">
      <c r="N79983" s="10"/>
    </row>
    <row r="79984" spans="14:14">
      <c r="N79984" s="10"/>
    </row>
    <row r="79985" spans="14:14">
      <c r="N79985" s="10"/>
    </row>
    <row r="79986" spans="14:14">
      <c r="N79986" s="10"/>
    </row>
    <row r="79987" spans="14:14">
      <c r="N79987" s="10"/>
    </row>
    <row r="79988" spans="14:14">
      <c r="N79988" s="10"/>
    </row>
    <row r="79989" spans="14:14">
      <c r="N79989" s="10"/>
    </row>
    <row r="79990" spans="14:14">
      <c r="N79990" s="10"/>
    </row>
    <row r="79991" spans="14:14">
      <c r="N79991" s="10"/>
    </row>
    <row r="79992" spans="14:14">
      <c r="N79992" s="10"/>
    </row>
    <row r="79993" spans="14:14">
      <c r="N79993" s="10"/>
    </row>
    <row r="79994" spans="14:14">
      <c r="N79994" s="10"/>
    </row>
    <row r="79995" spans="14:14">
      <c r="N79995" s="10"/>
    </row>
    <row r="79996" spans="14:14">
      <c r="N79996" s="10"/>
    </row>
    <row r="79997" spans="14:14">
      <c r="N79997" s="10"/>
    </row>
    <row r="79998" spans="14:14">
      <c r="N79998" s="10"/>
    </row>
    <row r="79999" spans="14:14">
      <c r="N79999" s="10"/>
    </row>
    <row r="80000" spans="14:14">
      <c r="N80000" s="10"/>
    </row>
    <row r="80001" spans="14:14">
      <c r="N80001" s="10"/>
    </row>
    <row r="80002" spans="14:14">
      <c r="N80002" s="10"/>
    </row>
    <row r="80003" spans="14:14">
      <c r="N80003" s="10"/>
    </row>
    <row r="80004" spans="14:14">
      <c r="N80004" s="10"/>
    </row>
    <row r="80005" spans="14:14">
      <c r="N80005" s="10"/>
    </row>
    <row r="80006" spans="14:14">
      <c r="N80006" s="10"/>
    </row>
    <row r="80007" spans="14:14">
      <c r="N80007" s="10"/>
    </row>
    <row r="80008" spans="14:14">
      <c r="N80008" s="10"/>
    </row>
    <row r="80009" spans="14:14">
      <c r="N80009" s="10"/>
    </row>
    <row r="80010" spans="14:14">
      <c r="N80010" s="10"/>
    </row>
    <row r="80011" spans="14:14">
      <c r="N80011" s="10"/>
    </row>
    <row r="80012" spans="14:14">
      <c r="N80012" s="10"/>
    </row>
    <row r="80013" spans="14:14">
      <c r="N80013" s="10"/>
    </row>
    <row r="80014" spans="14:14">
      <c r="N80014" s="10"/>
    </row>
    <row r="80015" spans="14:14">
      <c r="N80015" s="10"/>
    </row>
    <row r="80016" spans="14:14">
      <c r="N80016" s="10"/>
    </row>
    <row r="80017" spans="14:14">
      <c r="N80017" s="10"/>
    </row>
    <row r="80018" spans="14:14">
      <c r="N80018" s="10"/>
    </row>
    <row r="80019" spans="14:14">
      <c r="N80019" s="10"/>
    </row>
    <row r="80020" spans="14:14">
      <c r="N80020" s="10"/>
    </row>
    <row r="80021" spans="14:14">
      <c r="N80021" s="10"/>
    </row>
    <row r="80022" spans="14:14">
      <c r="N80022" s="10"/>
    </row>
    <row r="80023" spans="14:14">
      <c r="N80023" s="10"/>
    </row>
    <row r="80024" spans="14:14">
      <c r="N80024" s="10"/>
    </row>
    <row r="80025" spans="14:14">
      <c r="N80025" s="10"/>
    </row>
    <row r="80026" spans="14:14">
      <c r="N80026" s="10"/>
    </row>
    <row r="80027" spans="14:14">
      <c r="N80027" s="10"/>
    </row>
    <row r="80028" spans="14:14">
      <c r="N80028" s="10"/>
    </row>
    <row r="80029" spans="14:14">
      <c r="N80029" s="10"/>
    </row>
    <row r="80030" spans="14:14">
      <c r="N80030" s="10"/>
    </row>
    <row r="80031" spans="14:14">
      <c r="N80031" s="10"/>
    </row>
    <row r="80032" spans="14:14">
      <c r="N80032" s="10"/>
    </row>
    <row r="80033" spans="14:14">
      <c r="N80033" s="10"/>
    </row>
    <row r="80034" spans="14:14">
      <c r="N80034" s="10"/>
    </row>
    <row r="80035" spans="14:14">
      <c r="N80035" s="10"/>
    </row>
    <row r="80036" spans="14:14">
      <c r="N80036" s="10"/>
    </row>
    <row r="80037" spans="14:14">
      <c r="N80037" s="10"/>
    </row>
    <row r="80038" spans="14:14">
      <c r="N80038" s="10"/>
    </row>
    <row r="80039" spans="14:14">
      <c r="N80039" s="10"/>
    </row>
    <row r="80040" spans="14:14">
      <c r="N80040" s="10"/>
    </row>
    <row r="80041" spans="14:14">
      <c r="N80041" s="10"/>
    </row>
    <row r="80042" spans="14:14">
      <c r="N80042" s="10"/>
    </row>
    <row r="80043" spans="14:14">
      <c r="N80043" s="10"/>
    </row>
    <row r="80044" spans="14:14">
      <c r="N80044" s="10"/>
    </row>
    <row r="80045" spans="14:14">
      <c r="N80045" s="10"/>
    </row>
    <row r="80046" spans="14:14">
      <c r="N80046" s="10"/>
    </row>
    <row r="80047" spans="14:14">
      <c r="N80047" s="10"/>
    </row>
    <row r="80048" spans="14:14">
      <c r="N80048" s="10"/>
    </row>
    <row r="80049" spans="14:14">
      <c r="N80049" s="10"/>
    </row>
    <row r="80050" spans="14:14">
      <c r="N80050" s="10"/>
    </row>
    <row r="80051" spans="14:14">
      <c r="N80051" s="10"/>
    </row>
    <row r="80052" spans="14:14">
      <c r="N80052" s="10"/>
    </row>
    <row r="80053" spans="14:14">
      <c r="N80053" s="10"/>
    </row>
    <row r="80054" spans="14:14">
      <c r="N80054" s="10"/>
    </row>
    <row r="80055" spans="14:14">
      <c r="N80055" s="10"/>
    </row>
    <row r="80056" spans="14:14">
      <c r="N80056" s="10"/>
    </row>
    <row r="80057" spans="14:14">
      <c r="N80057" s="10"/>
    </row>
    <row r="80058" spans="14:14">
      <c r="N80058" s="10"/>
    </row>
    <row r="80059" spans="14:14">
      <c r="N80059" s="10"/>
    </row>
    <row r="80060" spans="14:14">
      <c r="N80060" s="10"/>
    </row>
    <row r="80061" spans="14:14">
      <c r="N80061" s="10"/>
    </row>
    <row r="80062" spans="14:14">
      <c r="N80062" s="10"/>
    </row>
    <row r="80063" spans="14:14">
      <c r="N80063" s="10"/>
    </row>
    <row r="80064" spans="14:14">
      <c r="N80064" s="10"/>
    </row>
    <row r="80065" spans="14:14">
      <c r="N80065" s="10"/>
    </row>
    <row r="80066" spans="14:14">
      <c r="N80066" s="10"/>
    </row>
    <row r="80067" spans="14:14">
      <c r="N80067" s="10"/>
    </row>
    <row r="80068" spans="14:14">
      <c r="N80068" s="10"/>
    </row>
    <row r="80069" spans="14:14">
      <c r="N80069" s="10"/>
    </row>
    <row r="80070" spans="14:14">
      <c r="N80070" s="10"/>
    </row>
    <row r="80071" spans="14:14">
      <c r="N80071" s="10"/>
    </row>
    <row r="80072" spans="14:14">
      <c r="N80072" s="10"/>
    </row>
    <row r="80073" spans="14:14">
      <c r="N80073" s="10"/>
    </row>
    <row r="80074" spans="14:14">
      <c r="N80074" s="10"/>
    </row>
    <row r="80075" spans="14:14">
      <c r="N80075" s="10"/>
    </row>
    <row r="80076" spans="14:14">
      <c r="N80076" s="10"/>
    </row>
    <row r="80077" spans="14:14">
      <c r="N80077" s="10"/>
    </row>
    <row r="80078" spans="14:14">
      <c r="N80078" s="10"/>
    </row>
    <row r="80079" spans="14:14">
      <c r="N80079" s="10"/>
    </row>
    <row r="80080" spans="14:14">
      <c r="N80080" s="10"/>
    </row>
    <row r="80081" spans="14:14">
      <c r="N80081" s="10"/>
    </row>
    <row r="80082" spans="14:14">
      <c r="N80082" s="10"/>
    </row>
    <row r="80083" spans="14:14">
      <c r="N80083" s="10"/>
    </row>
    <row r="80084" spans="14:14">
      <c r="N80084" s="10"/>
    </row>
    <row r="80085" spans="14:14">
      <c r="N80085" s="10"/>
    </row>
    <row r="80086" spans="14:14">
      <c r="N80086" s="10"/>
    </row>
    <row r="80087" spans="14:14">
      <c r="N80087" s="10"/>
    </row>
    <row r="80088" spans="14:14">
      <c r="N80088" s="10"/>
    </row>
    <row r="80089" spans="14:14">
      <c r="N80089" s="10"/>
    </row>
    <row r="80090" spans="14:14">
      <c r="N80090" s="10"/>
    </row>
    <row r="80091" spans="14:14">
      <c r="N80091" s="10"/>
    </row>
    <row r="80092" spans="14:14">
      <c r="N80092" s="10"/>
    </row>
    <row r="80093" spans="14:14">
      <c r="N80093" s="10"/>
    </row>
    <row r="80094" spans="14:14">
      <c r="N80094" s="10"/>
    </row>
    <row r="80095" spans="14:14">
      <c r="N80095" s="10"/>
    </row>
    <row r="80096" spans="14:14">
      <c r="N80096" s="10"/>
    </row>
    <row r="80097" spans="14:14">
      <c r="N80097" s="10"/>
    </row>
    <row r="80098" spans="14:14">
      <c r="N80098" s="10"/>
    </row>
    <row r="80099" spans="14:14">
      <c r="N80099" s="10"/>
    </row>
    <row r="80100" spans="14:14">
      <c r="N80100" s="10"/>
    </row>
    <row r="80101" spans="14:14">
      <c r="N80101" s="10"/>
    </row>
    <row r="80102" spans="14:14">
      <c r="N80102" s="10"/>
    </row>
    <row r="80103" spans="14:14">
      <c r="N80103" s="10"/>
    </row>
    <row r="80104" spans="14:14">
      <c r="N80104" s="10"/>
    </row>
    <row r="80105" spans="14:14">
      <c r="N80105" s="10"/>
    </row>
    <row r="80106" spans="14:14">
      <c r="N80106" s="10"/>
    </row>
    <row r="80107" spans="14:14">
      <c r="N80107" s="10"/>
    </row>
    <row r="80108" spans="14:14">
      <c r="N80108" s="10"/>
    </row>
    <row r="80109" spans="14:14">
      <c r="N80109" s="10"/>
    </row>
    <row r="80110" spans="14:14">
      <c r="N80110" s="10"/>
    </row>
    <row r="80111" spans="14:14">
      <c r="N80111" s="10"/>
    </row>
    <row r="80112" spans="14:14">
      <c r="N80112" s="10"/>
    </row>
    <row r="80113" spans="14:14">
      <c r="N80113" s="10"/>
    </row>
    <row r="80114" spans="14:14">
      <c r="N80114" s="10"/>
    </row>
    <row r="80115" spans="14:14">
      <c r="N80115" s="10"/>
    </row>
    <row r="80116" spans="14:14">
      <c r="N80116" s="10"/>
    </row>
    <row r="80117" spans="14:14">
      <c r="N80117" s="10"/>
    </row>
    <row r="80118" spans="14:14">
      <c r="N80118" s="10"/>
    </row>
    <row r="80119" spans="14:14">
      <c r="N80119" s="10"/>
    </row>
    <row r="80120" spans="14:14">
      <c r="N80120" s="10"/>
    </row>
    <row r="80121" spans="14:14">
      <c r="N80121" s="10"/>
    </row>
    <row r="80122" spans="14:14">
      <c r="N80122" s="10"/>
    </row>
    <row r="80123" spans="14:14">
      <c r="N80123" s="10"/>
    </row>
    <row r="80124" spans="14:14">
      <c r="N80124" s="10"/>
    </row>
    <row r="80125" spans="14:14">
      <c r="N80125" s="10"/>
    </row>
    <row r="80126" spans="14:14">
      <c r="N80126" s="10"/>
    </row>
    <row r="80127" spans="14:14">
      <c r="N80127" s="10"/>
    </row>
    <row r="80128" spans="14:14">
      <c r="N80128" s="10"/>
    </row>
    <row r="80129" spans="14:14">
      <c r="N80129" s="10"/>
    </row>
    <row r="80130" spans="14:14">
      <c r="N80130" s="10"/>
    </row>
    <row r="80131" spans="14:14">
      <c r="N80131" s="10"/>
    </row>
    <row r="80132" spans="14:14">
      <c r="N80132" s="10"/>
    </row>
    <row r="80133" spans="14:14">
      <c r="N80133" s="10"/>
    </row>
    <row r="80134" spans="14:14">
      <c r="N80134" s="10"/>
    </row>
    <row r="80135" spans="14:14">
      <c r="N80135" s="10"/>
    </row>
    <row r="80136" spans="14:14">
      <c r="N80136" s="10"/>
    </row>
    <row r="80137" spans="14:14">
      <c r="N80137" s="10"/>
    </row>
    <row r="80138" spans="14:14">
      <c r="N80138" s="10"/>
    </row>
    <row r="80139" spans="14:14">
      <c r="N80139" s="10"/>
    </row>
    <row r="80140" spans="14:14">
      <c r="N80140" s="10"/>
    </row>
    <row r="80141" spans="14:14">
      <c r="N80141" s="10"/>
    </row>
    <row r="80142" spans="14:14">
      <c r="N80142" s="10"/>
    </row>
    <row r="80143" spans="14:14">
      <c r="N80143" s="10"/>
    </row>
    <row r="80144" spans="14:14">
      <c r="N80144" s="10"/>
    </row>
    <row r="80145" spans="14:14">
      <c r="N80145" s="10"/>
    </row>
    <row r="80146" spans="14:14">
      <c r="N80146" s="10"/>
    </row>
    <row r="80147" spans="14:14">
      <c r="N80147" s="10"/>
    </row>
    <row r="80148" spans="14:14">
      <c r="N80148" s="10"/>
    </row>
    <row r="80149" spans="14:14">
      <c r="N80149" s="10"/>
    </row>
    <row r="80150" spans="14:14">
      <c r="N80150" s="10"/>
    </row>
    <row r="80151" spans="14:14">
      <c r="N80151" s="10"/>
    </row>
    <row r="80152" spans="14:14">
      <c r="N80152" s="10"/>
    </row>
    <row r="80153" spans="14:14">
      <c r="N80153" s="10"/>
    </row>
    <row r="80154" spans="14:14">
      <c r="N80154" s="10"/>
    </row>
    <row r="80155" spans="14:14">
      <c r="N80155" s="10"/>
    </row>
    <row r="80156" spans="14:14">
      <c r="N80156" s="10"/>
    </row>
    <row r="80157" spans="14:14">
      <c r="N80157" s="10"/>
    </row>
    <row r="80158" spans="14:14">
      <c r="N80158" s="10"/>
    </row>
    <row r="80159" spans="14:14">
      <c r="N80159" s="10"/>
    </row>
    <row r="80160" spans="14:14">
      <c r="N80160" s="10"/>
    </row>
    <row r="80161" spans="14:14">
      <c r="N80161" s="10"/>
    </row>
    <row r="80162" spans="14:14">
      <c r="N80162" s="10"/>
    </row>
    <row r="80163" spans="14:14">
      <c r="N80163" s="10"/>
    </row>
    <row r="80164" spans="14:14">
      <c r="N80164" s="10"/>
    </row>
    <row r="80165" spans="14:14">
      <c r="N80165" s="10"/>
    </row>
    <row r="80166" spans="14:14">
      <c r="N80166" s="10"/>
    </row>
    <row r="80167" spans="14:14">
      <c r="N80167" s="10"/>
    </row>
    <row r="80168" spans="14:14">
      <c r="N80168" s="10"/>
    </row>
    <row r="80169" spans="14:14">
      <c r="N80169" s="10"/>
    </row>
    <row r="80170" spans="14:14">
      <c r="N80170" s="10"/>
    </row>
    <row r="80171" spans="14:14">
      <c r="N80171" s="10"/>
    </row>
    <row r="80172" spans="14:14">
      <c r="N80172" s="10"/>
    </row>
    <row r="80173" spans="14:14">
      <c r="N80173" s="10"/>
    </row>
    <row r="80174" spans="14:14">
      <c r="N80174" s="10"/>
    </row>
    <row r="80175" spans="14:14">
      <c r="N80175" s="10"/>
    </row>
    <row r="80176" spans="14:14">
      <c r="N80176" s="10"/>
    </row>
    <row r="80177" spans="14:14">
      <c r="N80177" s="10"/>
    </row>
    <row r="80178" spans="14:14">
      <c r="N80178" s="10"/>
    </row>
    <row r="80179" spans="14:14">
      <c r="N80179" s="10"/>
    </row>
    <row r="80180" spans="14:14">
      <c r="N80180" s="10"/>
    </row>
    <row r="80181" spans="14:14">
      <c r="N80181" s="10"/>
    </row>
    <row r="80182" spans="14:14">
      <c r="N80182" s="10"/>
    </row>
    <row r="80183" spans="14:14">
      <c r="N80183" s="10"/>
    </row>
    <row r="80184" spans="14:14">
      <c r="N80184" s="10"/>
    </row>
    <row r="80185" spans="14:14">
      <c r="N80185" s="10"/>
    </row>
    <row r="80186" spans="14:14">
      <c r="N80186" s="10"/>
    </row>
    <row r="80187" spans="14:14">
      <c r="N80187" s="10"/>
    </row>
    <row r="80188" spans="14:14">
      <c r="N80188" s="10"/>
    </row>
    <row r="80189" spans="14:14">
      <c r="N80189" s="10"/>
    </row>
    <row r="80190" spans="14:14">
      <c r="N80190" s="10"/>
    </row>
    <row r="80191" spans="14:14">
      <c r="N80191" s="10"/>
    </row>
    <row r="80192" spans="14:14">
      <c r="N80192" s="10"/>
    </row>
    <row r="80193" spans="14:14">
      <c r="N80193" s="10"/>
    </row>
    <row r="80194" spans="14:14">
      <c r="N80194" s="10"/>
    </row>
    <row r="80195" spans="14:14">
      <c r="N80195" s="10"/>
    </row>
    <row r="80196" spans="14:14">
      <c r="N80196" s="10"/>
    </row>
    <row r="80197" spans="14:14">
      <c r="N80197" s="10"/>
    </row>
    <row r="80198" spans="14:14">
      <c r="N80198" s="10"/>
    </row>
    <row r="80199" spans="14:14">
      <c r="N80199" s="10"/>
    </row>
    <row r="80200" spans="14:14">
      <c r="N80200" s="10"/>
    </row>
    <row r="80201" spans="14:14">
      <c r="N80201" s="10"/>
    </row>
    <row r="80202" spans="14:14">
      <c r="N80202" s="10"/>
    </row>
    <row r="80203" spans="14:14">
      <c r="N80203" s="10"/>
    </row>
    <row r="80204" spans="14:14">
      <c r="N80204" s="10"/>
    </row>
    <row r="80205" spans="14:14">
      <c r="N80205" s="10"/>
    </row>
    <row r="80206" spans="14:14">
      <c r="N80206" s="10"/>
    </row>
    <row r="80207" spans="14:14">
      <c r="N80207" s="10"/>
    </row>
    <row r="80208" spans="14:14">
      <c r="N80208" s="10"/>
    </row>
    <row r="80209" spans="14:14">
      <c r="N80209" s="10"/>
    </row>
    <row r="80210" spans="14:14">
      <c r="N80210" s="10"/>
    </row>
    <row r="80211" spans="14:14">
      <c r="N80211" s="10"/>
    </row>
    <row r="80212" spans="14:14">
      <c r="N80212" s="10"/>
    </row>
    <row r="80213" spans="14:14">
      <c r="N80213" s="10"/>
    </row>
    <row r="80214" spans="14:14">
      <c r="N80214" s="10"/>
    </row>
    <row r="80215" spans="14:14">
      <c r="N80215" s="10"/>
    </row>
    <row r="80216" spans="14:14">
      <c r="N80216" s="10"/>
    </row>
    <row r="80217" spans="14:14">
      <c r="N80217" s="10"/>
    </row>
    <row r="80218" spans="14:14">
      <c r="N80218" s="10"/>
    </row>
    <row r="80219" spans="14:14">
      <c r="N80219" s="10"/>
    </row>
    <row r="80220" spans="14:14">
      <c r="N80220" s="10"/>
    </row>
    <row r="80221" spans="14:14">
      <c r="N80221" s="10"/>
    </row>
    <row r="80222" spans="14:14">
      <c r="N80222" s="10"/>
    </row>
    <row r="80223" spans="14:14">
      <c r="N80223" s="10"/>
    </row>
    <row r="80224" spans="14:14">
      <c r="N80224" s="10"/>
    </row>
    <row r="80225" spans="14:14">
      <c r="N80225" s="10"/>
    </row>
    <row r="80226" spans="14:14">
      <c r="N80226" s="10"/>
    </row>
    <row r="80227" spans="14:14">
      <c r="N80227" s="10"/>
    </row>
    <row r="80228" spans="14:14">
      <c r="N80228" s="10"/>
    </row>
    <row r="80229" spans="14:14">
      <c r="N80229" s="10"/>
    </row>
    <row r="80230" spans="14:14">
      <c r="N80230" s="10"/>
    </row>
    <row r="80231" spans="14:14">
      <c r="N80231" s="10"/>
    </row>
    <row r="80232" spans="14:14">
      <c r="N80232" s="10"/>
    </row>
    <row r="80233" spans="14:14">
      <c r="N80233" s="10"/>
    </row>
    <row r="80234" spans="14:14">
      <c r="N80234" s="10"/>
    </row>
    <row r="80235" spans="14:14">
      <c r="N80235" s="10"/>
    </row>
    <row r="80236" spans="14:14">
      <c r="N80236" s="10"/>
    </row>
    <row r="80237" spans="14:14">
      <c r="N80237" s="10"/>
    </row>
    <row r="80238" spans="14:14">
      <c r="N80238" s="10"/>
    </row>
    <row r="80239" spans="14:14">
      <c r="N80239" s="10"/>
    </row>
    <row r="80240" spans="14:14">
      <c r="N80240" s="10"/>
    </row>
    <row r="80241" spans="14:14">
      <c r="N80241" s="10"/>
    </row>
    <row r="80242" spans="14:14">
      <c r="N80242" s="10"/>
    </row>
    <row r="80243" spans="14:14">
      <c r="N80243" s="10"/>
    </row>
    <row r="80244" spans="14:14">
      <c r="N80244" s="10"/>
    </row>
    <row r="80245" spans="14:14">
      <c r="N80245" s="10"/>
    </row>
    <row r="80246" spans="14:14">
      <c r="N80246" s="10"/>
    </row>
    <row r="80247" spans="14:14">
      <c r="N80247" s="10"/>
    </row>
    <row r="80248" spans="14:14">
      <c r="N80248" s="10"/>
    </row>
    <row r="80249" spans="14:14">
      <c r="N80249" s="10"/>
    </row>
    <row r="80250" spans="14:14">
      <c r="N80250" s="10"/>
    </row>
    <row r="80251" spans="14:14">
      <c r="N80251" s="10"/>
    </row>
    <row r="80252" spans="14:14">
      <c r="N80252" s="10"/>
    </row>
    <row r="80253" spans="14:14">
      <c r="N80253" s="10"/>
    </row>
    <row r="80254" spans="14:14">
      <c r="N80254" s="10"/>
    </row>
    <row r="80255" spans="14:14">
      <c r="N80255" s="10"/>
    </row>
    <row r="80256" spans="14:14">
      <c r="N80256" s="10"/>
    </row>
    <row r="80257" spans="14:14">
      <c r="N80257" s="10"/>
    </row>
    <row r="80258" spans="14:14">
      <c r="N80258" s="10"/>
    </row>
    <row r="80259" spans="14:14">
      <c r="N80259" s="10"/>
    </row>
    <row r="80260" spans="14:14">
      <c r="N80260" s="10"/>
    </row>
    <row r="80261" spans="14:14">
      <c r="N80261" s="10"/>
    </row>
    <row r="80262" spans="14:14">
      <c r="N80262" s="10"/>
    </row>
    <row r="80263" spans="14:14">
      <c r="N80263" s="10"/>
    </row>
    <row r="80264" spans="14:14">
      <c r="N80264" s="10"/>
    </row>
    <row r="80265" spans="14:14">
      <c r="N80265" s="10"/>
    </row>
    <row r="80266" spans="14:14">
      <c r="N80266" s="10"/>
    </row>
    <row r="80267" spans="14:14">
      <c r="N80267" s="10"/>
    </row>
    <row r="80268" spans="14:14">
      <c r="N80268" s="10"/>
    </row>
    <row r="80269" spans="14:14">
      <c r="N80269" s="10"/>
    </row>
    <row r="80270" spans="14:14">
      <c r="N80270" s="10"/>
    </row>
    <row r="80271" spans="14:14">
      <c r="N80271" s="10"/>
    </row>
    <row r="80272" spans="14:14">
      <c r="N80272" s="10"/>
    </row>
    <row r="80273" spans="14:14">
      <c r="N80273" s="10"/>
    </row>
    <row r="80274" spans="14:14">
      <c r="N80274" s="10"/>
    </row>
    <row r="80275" spans="14:14">
      <c r="N80275" s="10"/>
    </row>
    <row r="80276" spans="14:14">
      <c r="N80276" s="10"/>
    </row>
    <row r="80277" spans="14:14">
      <c r="N80277" s="10"/>
    </row>
    <row r="80278" spans="14:14">
      <c r="N80278" s="10"/>
    </row>
    <row r="80279" spans="14:14">
      <c r="N80279" s="10"/>
    </row>
    <row r="80280" spans="14:14">
      <c r="N80280" s="10"/>
    </row>
    <row r="80281" spans="14:14">
      <c r="N80281" s="10"/>
    </row>
    <row r="80282" spans="14:14">
      <c r="N80282" s="10"/>
    </row>
    <row r="80283" spans="14:14">
      <c r="N80283" s="10"/>
    </row>
    <row r="80284" spans="14:14">
      <c r="N80284" s="10"/>
    </row>
    <row r="80285" spans="14:14">
      <c r="N80285" s="10"/>
    </row>
    <row r="80286" spans="14:14">
      <c r="N80286" s="10"/>
    </row>
    <row r="80287" spans="14:14">
      <c r="N80287" s="10"/>
    </row>
    <row r="80288" spans="14:14">
      <c r="N80288" s="10"/>
    </row>
    <row r="80289" spans="14:14">
      <c r="N80289" s="10"/>
    </row>
    <row r="80290" spans="14:14">
      <c r="N80290" s="10"/>
    </row>
    <row r="80291" spans="14:14">
      <c r="N80291" s="10"/>
    </row>
    <row r="80292" spans="14:14">
      <c r="N80292" s="10"/>
    </row>
    <row r="80293" spans="14:14">
      <c r="N80293" s="10"/>
    </row>
    <row r="80294" spans="14:14">
      <c r="N80294" s="10"/>
    </row>
    <row r="80295" spans="14:14">
      <c r="N80295" s="10"/>
    </row>
    <row r="80296" spans="14:14">
      <c r="N80296" s="10"/>
    </row>
    <row r="80297" spans="14:14">
      <c r="N80297" s="10"/>
    </row>
    <row r="80298" spans="14:14">
      <c r="N80298" s="10"/>
    </row>
    <row r="80299" spans="14:14">
      <c r="N80299" s="10"/>
    </row>
    <row r="80300" spans="14:14">
      <c r="N80300" s="10"/>
    </row>
    <row r="80301" spans="14:14">
      <c r="N80301" s="10"/>
    </row>
    <row r="80302" spans="14:14">
      <c r="N80302" s="10"/>
    </row>
    <row r="80303" spans="14:14">
      <c r="N80303" s="10"/>
    </row>
    <row r="80304" spans="14:14">
      <c r="N80304" s="10"/>
    </row>
    <row r="80305" spans="14:14">
      <c r="N80305" s="10"/>
    </row>
    <row r="80306" spans="14:14">
      <c r="N80306" s="10"/>
    </row>
    <row r="80307" spans="14:14">
      <c r="N80307" s="10"/>
    </row>
    <row r="80308" spans="14:14">
      <c r="N80308" s="10"/>
    </row>
    <row r="80309" spans="14:14">
      <c r="N80309" s="10"/>
    </row>
    <row r="80310" spans="14:14">
      <c r="N80310" s="10"/>
    </row>
    <row r="80311" spans="14:14">
      <c r="N80311" s="10"/>
    </row>
    <row r="80312" spans="14:14">
      <c r="N80312" s="10"/>
    </row>
    <row r="80313" spans="14:14">
      <c r="N80313" s="10"/>
    </row>
    <row r="80314" spans="14:14">
      <c r="N80314" s="10"/>
    </row>
    <row r="80315" spans="14:14">
      <c r="N80315" s="10"/>
    </row>
    <row r="80316" spans="14:14">
      <c r="N80316" s="10"/>
    </row>
    <row r="80317" spans="14:14">
      <c r="N80317" s="10"/>
    </row>
    <row r="80318" spans="14:14">
      <c r="N80318" s="10"/>
    </row>
    <row r="80319" spans="14:14">
      <c r="N80319" s="10"/>
    </row>
    <row r="80320" spans="14:14">
      <c r="N80320" s="10"/>
    </row>
    <row r="80321" spans="14:14">
      <c r="N80321" s="10"/>
    </row>
    <row r="80322" spans="14:14">
      <c r="N80322" s="10"/>
    </row>
    <row r="80323" spans="14:14">
      <c r="N80323" s="10"/>
    </row>
    <row r="80324" spans="14:14">
      <c r="N80324" s="10"/>
    </row>
    <row r="80325" spans="14:14">
      <c r="N80325" s="10"/>
    </row>
    <row r="80326" spans="14:14">
      <c r="N80326" s="10"/>
    </row>
    <row r="80327" spans="14:14">
      <c r="N80327" s="10"/>
    </row>
    <row r="80328" spans="14:14">
      <c r="N80328" s="10"/>
    </row>
    <row r="80329" spans="14:14">
      <c r="N80329" s="10"/>
    </row>
    <row r="80330" spans="14:14">
      <c r="N80330" s="10"/>
    </row>
    <row r="80331" spans="14:14">
      <c r="N80331" s="10"/>
    </row>
    <row r="80332" spans="14:14">
      <c r="N80332" s="10"/>
    </row>
    <row r="80333" spans="14:14">
      <c r="N80333" s="10"/>
    </row>
    <row r="80334" spans="14:14">
      <c r="N80334" s="10"/>
    </row>
    <row r="80335" spans="14:14">
      <c r="N80335" s="10"/>
    </row>
    <row r="80336" spans="14:14">
      <c r="N80336" s="10"/>
    </row>
    <row r="80337" spans="14:14">
      <c r="N80337" s="10"/>
    </row>
    <row r="80338" spans="14:14">
      <c r="N80338" s="10"/>
    </row>
    <row r="80339" spans="14:14">
      <c r="N80339" s="10"/>
    </row>
    <row r="80340" spans="14:14">
      <c r="N80340" s="10"/>
    </row>
    <row r="80341" spans="14:14">
      <c r="N80341" s="10"/>
    </row>
    <row r="80342" spans="14:14">
      <c r="N80342" s="10"/>
    </row>
    <row r="80343" spans="14:14">
      <c r="N80343" s="10"/>
    </row>
    <row r="80344" spans="14:14">
      <c r="N80344" s="10"/>
    </row>
    <row r="80345" spans="14:14">
      <c r="N80345" s="10"/>
    </row>
    <row r="80346" spans="14:14">
      <c r="N80346" s="10"/>
    </row>
    <row r="80347" spans="14:14">
      <c r="N80347" s="10"/>
    </row>
    <row r="80348" spans="14:14">
      <c r="N80348" s="10"/>
    </row>
    <row r="80349" spans="14:14">
      <c r="N80349" s="10"/>
    </row>
    <row r="80350" spans="14:14">
      <c r="N80350" s="10"/>
    </row>
    <row r="80351" spans="14:14">
      <c r="N80351" s="10"/>
    </row>
    <row r="80352" spans="14:14">
      <c r="N80352" s="10"/>
    </row>
    <row r="80353" spans="14:14">
      <c r="N80353" s="10"/>
    </row>
    <row r="80354" spans="14:14">
      <c r="N80354" s="10"/>
    </row>
    <row r="80355" spans="14:14">
      <c r="N80355" s="10"/>
    </row>
    <row r="80356" spans="14:14">
      <c r="N80356" s="10"/>
    </row>
    <row r="80357" spans="14:14">
      <c r="N80357" s="10"/>
    </row>
    <row r="80358" spans="14:14">
      <c r="N80358" s="10"/>
    </row>
    <row r="80359" spans="14:14">
      <c r="N80359" s="10"/>
    </row>
    <row r="80360" spans="14:14">
      <c r="N80360" s="10"/>
    </row>
    <row r="80361" spans="14:14">
      <c r="N80361" s="10"/>
    </row>
    <row r="80362" spans="14:14">
      <c r="N80362" s="10"/>
    </row>
    <row r="80363" spans="14:14">
      <c r="N80363" s="10"/>
    </row>
    <row r="80364" spans="14:14">
      <c r="N80364" s="10"/>
    </row>
    <row r="80365" spans="14:14">
      <c r="N80365" s="10"/>
    </row>
    <row r="80366" spans="14:14">
      <c r="N80366" s="10"/>
    </row>
    <row r="80367" spans="14:14">
      <c r="N80367" s="10"/>
    </row>
    <row r="80368" spans="14:14">
      <c r="N80368" s="10"/>
    </row>
    <row r="80369" spans="14:14">
      <c r="N80369" s="10"/>
    </row>
    <row r="80370" spans="14:14">
      <c r="N80370" s="10"/>
    </row>
    <row r="80371" spans="14:14">
      <c r="N80371" s="10"/>
    </row>
    <row r="80372" spans="14:14">
      <c r="N80372" s="10"/>
    </row>
    <row r="80373" spans="14:14">
      <c r="N80373" s="10"/>
    </row>
    <row r="80374" spans="14:14">
      <c r="N80374" s="10"/>
    </row>
    <row r="80375" spans="14:14">
      <c r="N80375" s="10"/>
    </row>
    <row r="80376" spans="14:14">
      <c r="N80376" s="10"/>
    </row>
    <row r="80377" spans="14:14">
      <c r="N80377" s="10"/>
    </row>
    <row r="80378" spans="14:14">
      <c r="N80378" s="10"/>
    </row>
    <row r="80379" spans="14:14">
      <c r="N80379" s="10"/>
    </row>
    <row r="80380" spans="14:14">
      <c r="N80380" s="10"/>
    </row>
    <row r="80381" spans="14:14">
      <c r="N80381" s="10"/>
    </row>
    <row r="80382" spans="14:14">
      <c r="N80382" s="10"/>
    </row>
    <row r="80383" spans="14:14">
      <c r="N80383" s="10"/>
    </row>
    <row r="80384" spans="14:14">
      <c r="N80384" s="10"/>
    </row>
    <row r="80385" spans="14:14">
      <c r="N80385" s="10"/>
    </row>
    <row r="80386" spans="14:14">
      <c r="N80386" s="10"/>
    </row>
    <row r="80387" spans="14:14">
      <c r="N80387" s="10"/>
    </row>
    <row r="80388" spans="14:14">
      <c r="N80388" s="10"/>
    </row>
    <row r="80389" spans="14:14">
      <c r="N80389" s="10"/>
    </row>
    <row r="80390" spans="14:14">
      <c r="N80390" s="10"/>
    </row>
    <row r="80391" spans="14:14">
      <c r="N80391" s="10"/>
    </row>
    <row r="80392" spans="14:14">
      <c r="N80392" s="10"/>
    </row>
    <row r="80393" spans="14:14">
      <c r="N80393" s="10"/>
    </row>
    <row r="80394" spans="14:14">
      <c r="N80394" s="10"/>
    </row>
    <row r="80395" spans="14:14">
      <c r="N80395" s="10"/>
    </row>
    <row r="80396" spans="14:14">
      <c r="N80396" s="10"/>
    </row>
    <row r="80397" spans="14:14">
      <c r="N80397" s="10"/>
    </row>
    <row r="80398" spans="14:14">
      <c r="N80398" s="10"/>
    </row>
    <row r="80399" spans="14:14">
      <c r="N80399" s="10"/>
    </row>
    <row r="80400" spans="14:14">
      <c r="N80400" s="10"/>
    </row>
    <row r="80401" spans="14:14">
      <c r="N80401" s="10"/>
    </row>
    <row r="80402" spans="14:14">
      <c r="N80402" s="10"/>
    </row>
    <row r="80403" spans="14:14">
      <c r="N80403" s="10"/>
    </row>
    <row r="80404" spans="14:14">
      <c r="N80404" s="10"/>
    </row>
    <row r="80405" spans="14:14">
      <c r="N80405" s="10"/>
    </row>
    <row r="80406" spans="14:14">
      <c r="N80406" s="10"/>
    </row>
    <row r="80407" spans="14:14">
      <c r="N80407" s="10"/>
    </row>
    <row r="80408" spans="14:14">
      <c r="N80408" s="10"/>
    </row>
    <row r="80409" spans="14:14">
      <c r="N80409" s="10"/>
    </row>
    <row r="80410" spans="14:14">
      <c r="N80410" s="10"/>
    </row>
    <row r="80411" spans="14:14">
      <c r="N80411" s="10"/>
    </row>
    <row r="80412" spans="14:14">
      <c r="N80412" s="10"/>
    </row>
    <row r="80413" spans="14:14">
      <c r="N80413" s="10"/>
    </row>
    <row r="80414" spans="14:14">
      <c r="N80414" s="10"/>
    </row>
    <row r="80415" spans="14:14">
      <c r="N80415" s="10"/>
    </row>
    <row r="80416" spans="14:14">
      <c r="N80416" s="10"/>
    </row>
    <row r="80417" spans="14:14">
      <c r="N80417" s="10"/>
    </row>
    <row r="80418" spans="14:14">
      <c r="N80418" s="10"/>
    </row>
    <row r="80419" spans="14:14">
      <c r="N80419" s="10"/>
    </row>
    <row r="80420" spans="14:14">
      <c r="N80420" s="10"/>
    </row>
    <row r="80421" spans="14:14">
      <c r="N80421" s="10"/>
    </row>
    <row r="80422" spans="14:14">
      <c r="N80422" s="10"/>
    </row>
    <row r="80423" spans="14:14">
      <c r="N80423" s="10"/>
    </row>
    <row r="80424" spans="14:14">
      <c r="N80424" s="10"/>
    </row>
    <row r="80425" spans="14:14">
      <c r="N80425" s="10"/>
    </row>
    <row r="80426" spans="14:14">
      <c r="N80426" s="10"/>
    </row>
    <row r="80427" spans="14:14">
      <c r="N80427" s="10"/>
    </row>
    <row r="80428" spans="14:14">
      <c r="N80428" s="10"/>
    </row>
    <row r="80429" spans="14:14">
      <c r="N80429" s="10"/>
    </row>
    <row r="80430" spans="14:14">
      <c r="N80430" s="10"/>
    </row>
    <row r="80431" spans="14:14">
      <c r="N80431" s="10"/>
    </row>
    <row r="80432" spans="14:14">
      <c r="N80432" s="10"/>
    </row>
    <row r="80433" spans="14:14">
      <c r="N80433" s="10"/>
    </row>
    <row r="80434" spans="14:14">
      <c r="N80434" s="10"/>
    </row>
    <row r="80435" spans="14:14">
      <c r="N80435" s="10"/>
    </row>
    <row r="80436" spans="14:14">
      <c r="N80436" s="10"/>
    </row>
    <row r="80437" spans="14:14">
      <c r="N80437" s="10"/>
    </row>
    <row r="80438" spans="14:14">
      <c r="N80438" s="10"/>
    </row>
    <row r="80439" spans="14:14">
      <c r="N80439" s="10"/>
    </row>
    <row r="80440" spans="14:14">
      <c r="N80440" s="10"/>
    </row>
    <row r="80441" spans="14:14">
      <c r="N80441" s="10"/>
    </row>
    <row r="80442" spans="14:14">
      <c r="N80442" s="10"/>
    </row>
    <row r="80443" spans="14:14">
      <c r="N80443" s="10"/>
    </row>
    <row r="80444" spans="14:14">
      <c r="N80444" s="10"/>
    </row>
    <row r="80445" spans="14:14">
      <c r="N80445" s="10"/>
    </row>
    <row r="80446" spans="14:14">
      <c r="N80446" s="10"/>
    </row>
    <row r="80447" spans="14:14">
      <c r="N80447" s="10"/>
    </row>
    <row r="80448" spans="14:14">
      <c r="N80448" s="10"/>
    </row>
    <row r="80449" spans="14:14">
      <c r="N80449" s="10"/>
    </row>
    <row r="80450" spans="14:14">
      <c r="N80450" s="10"/>
    </row>
    <row r="80451" spans="14:14">
      <c r="N80451" s="10"/>
    </row>
    <row r="80452" spans="14:14">
      <c r="N80452" s="10"/>
    </row>
    <row r="80453" spans="14:14">
      <c r="N80453" s="10"/>
    </row>
    <row r="80454" spans="14:14">
      <c r="N80454" s="10"/>
    </row>
    <row r="80455" spans="14:14">
      <c r="N80455" s="10"/>
    </row>
    <row r="80456" spans="14:14">
      <c r="N80456" s="10"/>
    </row>
    <row r="80457" spans="14:14">
      <c r="N80457" s="10"/>
    </row>
    <row r="80458" spans="14:14">
      <c r="N80458" s="10"/>
    </row>
    <row r="80459" spans="14:14">
      <c r="N80459" s="10"/>
    </row>
    <row r="80460" spans="14:14">
      <c r="N80460" s="10"/>
    </row>
    <row r="80461" spans="14:14">
      <c r="N80461" s="10"/>
    </row>
    <row r="80462" spans="14:14">
      <c r="N80462" s="10"/>
    </row>
    <row r="80463" spans="14:14">
      <c r="N80463" s="10"/>
    </row>
    <row r="80464" spans="14:14">
      <c r="N80464" s="10"/>
    </row>
    <row r="80465" spans="14:14">
      <c r="N80465" s="10"/>
    </row>
    <row r="80466" spans="14:14">
      <c r="N80466" s="10"/>
    </row>
    <row r="80467" spans="14:14">
      <c r="N80467" s="10"/>
    </row>
    <row r="80468" spans="14:14">
      <c r="N80468" s="10"/>
    </row>
    <row r="80469" spans="14:14">
      <c r="N80469" s="10"/>
    </row>
    <row r="80470" spans="14:14">
      <c r="N80470" s="10"/>
    </row>
    <row r="80471" spans="14:14">
      <c r="N80471" s="10"/>
    </row>
    <row r="80472" spans="14:14">
      <c r="N80472" s="10"/>
    </row>
    <row r="80473" spans="14:14">
      <c r="N80473" s="10"/>
    </row>
    <row r="80474" spans="14:14">
      <c r="N80474" s="10"/>
    </row>
    <row r="80475" spans="14:14">
      <c r="N80475" s="10"/>
    </row>
    <row r="80476" spans="14:14">
      <c r="N80476" s="10"/>
    </row>
    <row r="80477" spans="14:14">
      <c r="N80477" s="10"/>
    </row>
    <row r="80478" spans="14:14">
      <c r="N80478" s="10"/>
    </row>
    <row r="80479" spans="14:14">
      <c r="N80479" s="10"/>
    </row>
    <row r="80480" spans="14:14">
      <c r="N80480" s="10"/>
    </row>
    <row r="80481" spans="14:14">
      <c r="N80481" s="10"/>
    </row>
    <row r="80482" spans="14:14">
      <c r="N80482" s="10"/>
    </row>
    <row r="80483" spans="14:14">
      <c r="N80483" s="10"/>
    </row>
    <row r="80484" spans="14:14">
      <c r="N80484" s="10"/>
    </row>
    <row r="80485" spans="14:14">
      <c r="N80485" s="10"/>
    </row>
    <row r="80486" spans="14:14">
      <c r="N80486" s="10"/>
    </row>
    <row r="80487" spans="14:14">
      <c r="N80487" s="10"/>
    </row>
    <row r="80488" spans="14:14">
      <c r="N80488" s="10"/>
    </row>
    <row r="80489" spans="14:14">
      <c r="N80489" s="10"/>
    </row>
    <row r="80490" spans="14:14">
      <c r="N80490" s="10"/>
    </row>
    <row r="80491" spans="14:14">
      <c r="N80491" s="10"/>
    </row>
    <row r="80492" spans="14:14">
      <c r="N80492" s="10"/>
    </row>
    <row r="80493" spans="14:14">
      <c r="N80493" s="10"/>
    </row>
    <row r="80494" spans="14:14">
      <c r="N80494" s="10"/>
    </row>
    <row r="80495" spans="14:14">
      <c r="N80495" s="10"/>
    </row>
    <row r="80496" spans="14:14">
      <c r="N80496" s="10"/>
    </row>
    <row r="80497" spans="14:14">
      <c r="N80497" s="10"/>
    </row>
    <row r="80498" spans="14:14">
      <c r="N80498" s="10"/>
    </row>
    <row r="80499" spans="14:14">
      <c r="N80499" s="10"/>
    </row>
    <row r="80500" spans="14:14">
      <c r="N80500" s="10"/>
    </row>
    <row r="80501" spans="14:14">
      <c r="N80501" s="10"/>
    </row>
    <row r="80502" spans="14:14">
      <c r="N80502" s="10"/>
    </row>
    <row r="80503" spans="14:14">
      <c r="N80503" s="10"/>
    </row>
    <row r="80504" spans="14:14">
      <c r="N80504" s="10"/>
    </row>
    <row r="80505" spans="14:14">
      <c r="N80505" s="10"/>
    </row>
    <row r="80506" spans="14:14">
      <c r="N80506" s="10"/>
    </row>
    <row r="80507" spans="14:14">
      <c r="N80507" s="10"/>
    </row>
    <row r="80508" spans="14:14">
      <c r="N80508" s="10"/>
    </row>
    <row r="80509" spans="14:14">
      <c r="N80509" s="10"/>
    </row>
    <row r="80510" spans="14:14">
      <c r="N80510" s="10"/>
    </row>
    <row r="80511" spans="14:14">
      <c r="N80511" s="10"/>
    </row>
    <row r="80512" spans="14:14">
      <c r="N80512" s="10"/>
    </row>
    <row r="80513" spans="14:14">
      <c r="N80513" s="10"/>
    </row>
    <row r="80514" spans="14:14">
      <c r="N80514" s="10"/>
    </row>
    <row r="80515" spans="14:14">
      <c r="N80515" s="10"/>
    </row>
    <row r="80516" spans="14:14">
      <c r="N80516" s="10"/>
    </row>
    <row r="80517" spans="14:14">
      <c r="N80517" s="10"/>
    </row>
    <row r="80518" spans="14:14">
      <c r="N80518" s="10"/>
    </row>
    <row r="80519" spans="14:14">
      <c r="N80519" s="10"/>
    </row>
    <row r="80520" spans="14:14">
      <c r="N80520" s="10"/>
    </row>
    <row r="80521" spans="14:14">
      <c r="N80521" s="10"/>
    </row>
    <row r="80522" spans="14:14">
      <c r="N80522" s="10"/>
    </row>
    <row r="80523" spans="14:14">
      <c r="N80523" s="10"/>
    </row>
    <row r="80524" spans="14:14">
      <c r="N80524" s="10"/>
    </row>
    <row r="80525" spans="14:14">
      <c r="N80525" s="10"/>
    </row>
    <row r="80526" spans="14:14">
      <c r="N80526" s="10"/>
    </row>
    <row r="80527" spans="14:14">
      <c r="N80527" s="10"/>
    </row>
    <row r="80528" spans="14:14">
      <c r="N80528" s="10"/>
    </row>
    <row r="80529" spans="14:14">
      <c r="N80529" s="10"/>
    </row>
    <row r="80530" spans="14:14">
      <c r="N80530" s="10"/>
    </row>
    <row r="80531" spans="14:14">
      <c r="N80531" s="10"/>
    </row>
    <row r="80532" spans="14:14">
      <c r="N80532" s="10"/>
    </row>
    <row r="80533" spans="14:14">
      <c r="N80533" s="10"/>
    </row>
    <row r="80534" spans="14:14">
      <c r="N80534" s="10"/>
    </row>
    <row r="80535" spans="14:14">
      <c r="N80535" s="10"/>
    </row>
    <row r="80536" spans="14:14">
      <c r="N80536" s="10"/>
    </row>
    <row r="80537" spans="14:14">
      <c r="N80537" s="10"/>
    </row>
    <row r="80538" spans="14:14">
      <c r="N80538" s="10"/>
    </row>
    <row r="80539" spans="14:14">
      <c r="N80539" s="10"/>
    </row>
    <row r="80540" spans="14:14">
      <c r="N80540" s="10"/>
    </row>
    <row r="80541" spans="14:14">
      <c r="N80541" s="10"/>
    </row>
    <row r="80542" spans="14:14">
      <c r="N80542" s="10"/>
    </row>
    <row r="80543" spans="14:14">
      <c r="N80543" s="10"/>
    </row>
    <row r="80544" spans="14:14">
      <c r="N80544" s="10"/>
    </row>
    <row r="80545" spans="14:14">
      <c r="N80545" s="10"/>
    </row>
    <row r="80546" spans="14:14">
      <c r="N80546" s="10"/>
    </row>
    <row r="80547" spans="14:14">
      <c r="N80547" s="10"/>
    </row>
    <row r="80548" spans="14:14">
      <c r="N80548" s="10"/>
    </row>
    <row r="80549" spans="14:14">
      <c r="N80549" s="10"/>
    </row>
    <row r="80550" spans="14:14">
      <c r="N80550" s="10"/>
    </row>
    <row r="80551" spans="14:14">
      <c r="N80551" s="10"/>
    </row>
    <row r="80552" spans="14:14">
      <c r="N80552" s="10"/>
    </row>
    <row r="80553" spans="14:14">
      <c r="N80553" s="10"/>
    </row>
    <row r="80554" spans="14:14">
      <c r="N80554" s="10"/>
    </row>
    <row r="80555" spans="14:14">
      <c r="N80555" s="10"/>
    </row>
    <row r="80556" spans="14:14">
      <c r="N80556" s="10"/>
    </row>
    <row r="80557" spans="14:14">
      <c r="N80557" s="10"/>
    </row>
    <row r="80558" spans="14:14">
      <c r="N80558" s="10"/>
    </row>
    <row r="80559" spans="14:14">
      <c r="N80559" s="10"/>
    </row>
    <row r="80560" spans="14:14">
      <c r="N80560" s="10"/>
    </row>
    <row r="80561" spans="14:14">
      <c r="N80561" s="10"/>
    </row>
    <row r="80562" spans="14:14">
      <c r="N80562" s="10"/>
    </row>
    <row r="80563" spans="14:14">
      <c r="N80563" s="10"/>
    </row>
    <row r="80564" spans="14:14">
      <c r="N80564" s="10"/>
    </row>
    <row r="80565" spans="14:14">
      <c r="N80565" s="10"/>
    </row>
    <row r="80566" spans="14:14">
      <c r="N80566" s="10"/>
    </row>
    <row r="80567" spans="14:14">
      <c r="N80567" s="10"/>
    </row>
    <row r="80568" spans="14:14">
      <c r="N80568" s="10"/>
    </row>
    <row r="80569" spans="14:14">
      <c r="N80569" s="10"/>
    </row>
    <row r="80570" spans="14:14">
      <c r="N80570" s="10"/>
    </row>
    <row r="80571" spans="14:14">
      <c r="N80571" s="10"/>
    </row>
    <row r="80572" spans="14:14">
      <c r="N80572" s="10"/>
    </row>
    <row r="80573" spans="14:14">
      <c r="N80573" s="10"/>
    </row>
    <row r="80574" spans="14:14">
      <c r="N80574" s="10"/>
    </row>
    <row r="80575" spans="14:14">
      <c r="N80575" s="10"/>
    </row>
    <row r="80576" spans="14:14">
      <c r="N80576" s="10"/>
    </row>
    <row r="80577" spans="14:14">
      <c r="N80577" s="10"/>
    </row>
    <row r="80578" spans="14:14">
      <c r="N80578" s="10"/>
    </row>
    <row r="80579" spans="14:14">
      <c r="N80579" s="10"/>
    </row>
    <row r="80580" spans="14:14">
      <c r="N80580" s="10"/>
    </row>
    <row r="80581" spans="14:14">
      <c r="N80581" s="10"/>
    </row>
    <row r="80582" spans="14:14">
      <c r="N80582" s="10"/>
    </row>
    <row r="80583" spans="14:14">
      <c r="N80583" s="10"/>
    </row>
    <row r="80584" spans="14:14">
      <c r="N80584" s="10"/>
    </row>
    <row r="80585" spans="14:14">
      <c r="N80585" s="10"/>
    </row>
    <row r="80586" spans="14:14">
      <c r="N80586" s="10"/>
    </row>
    <row r="80587" spans="14:14">
      <c r="N80587" s="10"/>
    </row>
    <row r="80588" spans="14:14">
      <c r="N80588" s="10"/>
    </row>
    <row r="80589" spans="14:14">
      <c r="N80589" s="10"/>
    </row>
    <row r="80590" spans="14:14">
      <c r="N80590" s="10"/>
    </row>
    <row r="80591" spans="14:14">
      <c r="N80591" s="10"/>
    </row>
    <row r="80592" spans="14:14">
      <c r="N80592" s="10"/>
    </row>
    <row r="80593" spans="14:14">
      <c r="N80593" s="10"/>
    </row>
    <row r="80594" spans="14:14">
      <c r="N80594" s="10"/>
    </row>
    <row r="80595" spans="14:14">
      <c r="N80595" s="10"/>
    </row>
    <row r="80596" spans="14:14">
      <c r="N80596" s="10"/>
    </row>
    <row r="80597" spans="14:14">
      <c r="N80597" s="10"/>
    </row>
    <row r="80598" spans="14:14">
      <c r="N80598" s="10"/>
    </row>
    <row r="80599" spans="14:14">
      <c r="N80599" s="10"/>
    </row>
    <row r="80600" spans="14:14">
      <c r="N80600" s="10"/>
    </row>
    <row r="80601" spans="14:14">
      <c r="N80601" s="10"/>
    </row>
    <row r="80602" spans="14:14">
      <c r="N80602" s="10"/>
    </row>
    <row r="80603" spans="14:14">
      <c r="N80603" s="10"/>
    </row>
    <row r="80604" spans="14:14">
      <c r="N80604" s="10"/>
    </row>
    <row r="80605" spans="14:14">
      <c r="N80605" s="10"/>
    </row>
    <row r="80606" spans="14:14">
      <c r="N80606" s="10"/>
    </row>
    <row r="80607" spans="14:14">
      <c r="N80607" s="10"/>
    </row>
    <row r="80608" spans="14:14">
      <c r="N80608" s="10"/>
    </row>
    <row r="80609" spans="14:14">
      <c r="N80609" s="10"/>
    </row>
    <row r="80610" spans="14:14">
      <c r="N80610" s="10"/>
    </row>
    <row r="80611" spans="14:14">
      <c r="N80611" s="10"/>
    </row>
    <row r="80612" spans="14:14">
      <c r="N80612" s="10"/>
    </row>
    <row r="80613" spans="14:14">
      <c r="N80613" s="10"/>
    </row>
    <row r="80614" spans="14:14">
      <c r="N80614" s="10"/>
    </row>
    <row r="80615" spans="14:14">
      <c r="N80615" s="10"/>
    </row>
    <row r="80616" spans="14:14">
      <c r="N80616" s="10"/>
    </row>
    <row r="80617" spans="14:14">
      <c r="N80617" s="10"/>
    </row>
    <row r="80618" spans="14:14">
      <c r="N80618" s="10"/>
    </row>
    <row r="80619" spans="14:14">
      <c r="N80619" s="10"/>
    </row>
    <row r="80620" spans="14:14">
      <c r="N80620" s="10"/>
    </row>
    <row r="80621" spans="14:14">
      <c r="N80621" s="10"/>
    </row>
    <row r="80622" spans="14:14">
      <c r="N80622" s="10"/>
    </row>
    <row r="80623" spans="14:14">
      <c r="N80623" s="10"/>
    </row>
    <row r="80624" spans="14:14">
      <c r="N80624" s="10"/>
    </row>
    <row r="80625" spans="14:14">
      <c r="N80625" s="10"/>
    </row>
    <row r="80626" spans="14:14">
      <c r="N80626" s="10"/>
    </row>
    <row r="80627" spans="14:14">
      <c r="N80627" s="10"/>
    </row>
    <row r="80628" spans="14:14">
      <c r="N80628" s="10"/>
    </row>
    <row r="80629" spans="14:14">
      <c r="N80629" s="10"/>
    </row>
    <row r="80630" spans="14:14">
      <c r="N80630" s="10"/>
    </row>
    <row r="80631" spans="14:14">
      <c r="N80631" s="10"/>
    </row>
    <row r="80632" spans="14:14">
      <c r="N80632" s="10"/>
    </row>
    <row r="80633" spans="14:14">
      <c r="N80633" s="10"/>
    </row>
    <row r="80634" spans="14:14">
      <c r="N80634" s="10"/>
    </row>
    <row r="80635" spans="14:14">
      <c r="N80635" s="10"/>
    </row>
    <row r="80636" spans="14:14">
      <c r="N80636" s="10"/>
    </row>
    <row r="80637" spans="14:14">
      <c r="N80637" s="10"/>
    </row>
    <row r="80638" spans="14:14">
      <c r="N80638" s="10"/>
    </row>
    <row r="80639" spans="14:14">
      <c r="N80639" s="10"/>
    </row>
    <row r="80640" spans="14:14">
      <c r="N80640" s="10"/>
    </row>
    <row r="80641" spans="14:14">
      <c r="N80641" s="10"/>
    </row>
    <row r="80642" spans="14:14">
      <c r="N80642" s="10"/>
    </row>
    <row r="80643" spans="14:14">
      <c r="N80643" s="10"/>
    </row>
    <row r="80644" spans="14:14">
      <c r="N80644" s="10"/>
    </row>
    <row r="80645" spans="14:14">
      <c r="N80645" s="10"/>
    </row>
    <row r="80646" spans="14:14">
      <c r="N80646" s="10"/>
    </row>
    <row r="80647" spans="14:14">
      <c r="N80647" s="10"/>
    </row>
    <row r="80648" spans="14:14">
      <c r="N80648" s="10"/>
    </row>
    <row r="80649" spans="14:14">
      <c r="N80649" s="10"/>
    </row>
    <row r="80650" spans="14:14">
      <c r="N80650" s="10"/>
    </row>
    <row r="80651" spans="14:14">
      <c r="N80651" s="10"/>
    </row>
    <row r="80652" spans="14:14">
      <c r="N80652" s="10"/>
    </row>
    <row r="80653" spans="14:14">
      <c r="N80653" s="10"/>
    </row>
    <row r="80654" spans="14:14">
      <c r="N80654" s="10"/>
    </row>
    <row r="80655" spans="14:14">
      <c r="N80655" s="10"/>
    </row>
    <row r="80656" spans="14:14">
      <c r="N80656" s="10"/>
    </row>
    <row r="80657" spans="14:14">
      <c r="N80657" s="10"/>
    </row>
    <row r="80658" spans="14:14">
      <c r="N80658" s="10"/>
    </row>
    <row r="80659" spans="14:14">
      <c r="N80659" s="10"/>
    </row>
    <row r="80660" spans="14:14">
      <c r="N80660" s="10"/>
    </row>
    <row r="80661" spans="14:14">
      <c r="N80661" s="10"/>
    </row>
    <row r="80662" spans="14:14">
      <c r="N80662" s="10"/>
    </row>
    <row r="80663" spans="14:14">
      <c r="N80663" s="10"/>
    </row>
    <row r="80664" spans="14:14">
      <c r="N80664" s="10"/>
    </row>
    <row r="80665" spans="14:14">
      <c r="N80665" s="10"/>
    </row>
    <row r="80666" spans="14:14">
      <c r="N80666" s="10"/>
    </row>
    <row r="80667" spans="14:14">
      <c r="N80667" s="10"/>
    </row>
    <row r="80668" spans="14:14">
      <c r="N80668" s="10"/>
    </row>
    <row r="80669" spans="14:14">
      <c r="N80669" s="10"/>
    </row>
    <row r="80670" spans="14:14">
      <c r="N80670" s="10"/>
    </row>
    <row r="80671" spans="14:14">
      <c r="N80671" s="10"/>
    </row>
    <row r="80672" spans="14:14">
      <c r="N80672" s="10"/>
    </row>
    <row r="80673" spans="14:14">
      <c r="N80673" s="10"/>
    </row>
    <row r="80674" spans="14:14">
      <c r="N80674" s="10"/>
    </row>
    <row r="80675" spans="14:14">
      <c r="N80675" s="10"/>
    </row>
    <row r="80676" spans="14:14">
      <c r="N80676" s="10"/>
    </row>
    <row r="80677" spans="14:14">
      <c r="N80677" s="10"/>
    </row>
    <row r="80678" spans="14:14">
      <c r="N80678" s="10"/>
    </row>
    <row r="80679" spans="14:14">
      <c r="N80679" s="10"/>
    </row>
    <row r="80680" spans="14:14">
      <c r="N80680" s="10"/>
    </row>
    <row r="80681" spans="14:14">
      <c r="N80681" s="10"/>
    </row>
    <row r="80682" spans="14:14">
      <c r="N80682" s="10"/>
    </row>
    <row r="80683" spans="14:14">
      <c r="N80683" s="10"/>
    </row>
    <row r="80684" spans="14:14">
      <c r="N80684" s="10"/>
    </row>
    <row r="80685" spans="14:14">
      <c r="N80685" s="10"/>
    </row>
    <row r="80686" spans="14:14">
      <c r="N80686" s="10"/>
    </row>
    <row r="80687" spans="14:14">
      <c r="N80687" s="10"/>
    </row>
    <row r="80688" spans="14:14">
      <c r="N80688" s="10"/>
    </row>
    <row r="80689" spans="14:14">
      <c r="N80689" s="10"/>
    </row>
    <row r="80690" spans="14:14">
      <c r="N80690" s="10"/>
    </row>
    <row r="80691" spans="14:14">
      <c r="N80691" s="10"/>
    </row>
    <row r="80692" spans="14:14">
      <c r="N80692" s="10"/>
    </row>
    <row r="80693" spans="14:14">
      <c r="N80693" s="10"/>
    </row>
    <row r="80694" spans="14:14">
      <c r="N80694" s="10"/>
    </row>
    <row r="80695" spans="14:14">
      <c r="N80695" s="10"/>
    </row>
    <row r="80696" spans="14:14">
      <c r="N80696" s="10"/>
    </row>
    <row r="80697" spans="14:14">
      <c r="N80697" s="10"/>
    </row>
    <row r="80698" spans="14:14">
      <c r="N80698" s="10"/>
    </row>
    <row r="80699" spans="14:14">
      <c r="N80699" s="10"/>
    </row>
    <row r="80700" spans="14:14">
      <c r="N80700" s="10"/>
    </row>
    <row r="80701" spans="14:14">
      <c r="N80701" s="10"/>
    </row>
    <row r="80702" spans="14:14">
      <c r="N80702" s="10"/>
    </row>
    <row r="80703" spans="14:14">
      <c r="N80703" s="10"/>
    </row>
    <row r="80704" spans="14:14">
      <c r="N80704" s="10"/>
    </row>
    <row r="80705" spans="14:14">
      <c r="N80705" s="10"/>
    </row>
    <row r="80706" spans="14:14">
      <c r="N80706" s="10"/>
    </row>
    <row r="80707" spans="14:14">
      <c r="N80707" s="10"/>
    </row>
    <row r="80708" spans="14:14">
      <c r="N80708" s="10"/>
    </row>
    <row r="80709" spans="14:14">
      <c r="N80709" s="10"/>
    </row>
    <row r="80710" spans="14:14">
      <c r="N80710" s="10"/>
    </row>
    <row r="80711" spans="14:14">
      <c r="N80711" s="10"/>
    </row>
    <row r="80712" spans="14:14">
      <c r="N80712" s="10"/>
    </row>
    <row r="80713" spans="14:14">
      <c r="N80713" s="10"/>
    </row>
    <row r="80714" spans="14:14">
      <c r="N80714" s="10"/>
    </row>
    <row r="80715" spans="14:14">
      <c r="N80715" s="10"/>
    </row>
    <row r="80716" spans="14:14">
      <c r="N80716" s="10"/>
    </row>
    <row r="80717" spans="14:14">
      <c r="N80717" s="10"/>
    </row>
    <row r="80718" spans="14:14">
      <c r="N80718" s="10"/>
    </row>
    <row r="80719" spans="14:14">
      <c r="N80719" s="10"/>
    </row>
    <row r="80720" spans="14:14">
      <c r="N80720" s="10"/>
    </row>
    <row r="80721" spans="14:14">
      <c r="N80721" s="10"/>
    </row>
    <row r="80722" spans="14:14">
      <c r="N80722" s="10"/>
    </row>
    <row r="80723" spans="14:14">
      <c r="N80723" s="10"/>
    </row>
    <row r="80724" spans="14:14">
      <c r="N80724" s="10"/>
    </row>
    <row r="80725" spans="14:14">
      <c r="N80725" s="10"/>
    </row>
    <row r="80726" spans="14:14">
      <c r="N80726" s="10"/>
    </row>
    <row r="80727" spans="14:14">
      <c r="N80727" s="10"/>
    </row>
    <row r="80728" spans="14:14">
      <c r="N80728" s="10"/>
    </row>
    <row r="80729" spans="14:14">
      <c r="N80729" s="10"/>
    </row>
    <row r="80730" spans="14:14">
      <c r="N80730" s="10"/>
    </row>
    <row r="80731" spans="14:14">
      <c r="N80731" s="10"/>
    </row>
    <row r="80732" spans="14:14">
      <c r="N80732" s="10"/>
    </row>
    <row r="80733" spans="14:14">
      <c r="N80733" s="10"/>
    </row>
    <row r="80734" spans="14:14">
      <c r="N80734" s="10"/>
    </row>
    <row r="80735" spans="14:14">
      <c r="N80735" s="10"/>
    </row>
    <row r="80736" spans="14:14">
      <c r="N80736" s="10"/>
    </row>
    <row r="80737" spans="14:14">
      <c r="N80737" s="10"/>
    </row>
    <row r="80738" spans="14:14">
      <c r="N80738" s="10"/>
    </row>
    <row r="80739" spans="14:14">
      <c r="N80739" s="10"/>
    </row>
    <row r="80740" spans="14:14">
      <c r="N80740" s="10"/>
    </row>
    <row r="80741" spans="14:14">
      <c r="N80741" s="10"/>
    </row>
    <row r="80742" spans="14:14">
      <c r="N80742" s="10"/>
    </row>
    <row r="80743" spans="14:14">
      <c r="N80743" s="10"/>
    </row>
    <row r="80744" spans="14:14">
      <c r="N80744" s="10"/>
    </row>
    <row r="80745" spans="14:14">
      <c r="N80745" s="10"/>
    </row>
    <row r="80746" spans="14:14">
      <c r="N80746" s="10"/>
    </row>
    <row r="80747" spans="14:14">
      <c r="N80747" s="10"/>
    </row>
    <row r="80748" spans="14:14">
      <c r="N80748" s="10"/>
    </row>
    <row r="80749" spans="14:14">
      <c r="N80749" s="10"/>
    </row>
    <row r="80750" spans="14:14">
      <c r="N80750" s="10"/>
    </row>
    <row r="80751" spans="14:14">
      <c r="N80751" s="10"/>
    </row>
    <row r="80752" spans="14:14">
      <c r="N80752" s="10"/>
    </row>
    <row r="80753" spans="14:14">
      <c r="N80753" s="10"/>
    </row>
    <row r="80754" spans="14:14">
      <c r="N80754" s="10"/>
    </row>
    <row r="80755" spans="14:14">
      <c r="N80755" s="10"/>
    </row>
    <row r="80756" spans="14:14">
      <c r="N80756" s="10"/>
    </row>
    <row r="80757" spans="14:14">
      <c r="N80757" s="10"/>
    </row>
    <row r="80758" spans="14:14">
      <c r="N80758" s="10"/>
    </row>
    <row r="80759" spans="14:14">
      <c r="N80759" s="10"/>
    </row>
    <row r="80760" spans="14:14">
      <c r="N80760" s="10"/>
    </row>
    <row r="80761" spans="14:14">
      <c r="N80761" s="10"/>
    </row>
    <row r="80762" spans="14:14">
      <c r="N80762" s="10"/>
    </row>
    <row r="80763" spans="14:14">
      <c r="N80763" s="10"/>
    </row>
    <row r="80764" spans="14:14">
      <c r="N80764" s="10"/>
    </row>
    <row r="80765" spans="14:14">
      <c r="N80765" s="10"/>
    </row>
    <row r="80766" spans="14:14">
      <c r="N80766" s="10"/>
    </row>
    <row r="80767" spans="14:14">
      <c r="N80767" s="10"/>
    </row>
    <row r="80768" spans="14:14">
      <c r="N80768" s="10"/>
    </row>
    <row r="80769" spans="14:14">
      <c r="N80769" s="10"/>
    </row>
    <row r="80770" spans="14:14">
      <c r="N80770" s="10"/>
    </row>
    <row r="80771" spans="14:14">
      <c r="N80771" s="10"/>
    </row>
    <row r="80772" spans="14:14">
      <c r="N80772" s="10"/>
    </row>
    <row r="80773" spans="14:14">
      <c r="N80773" s="10"/>
    </row>
    <row r="80774" spans="14:14">
      <c r="N80774" s="10"/>
    </row>
    <row r="80775" spans="14:14">
      <c r="N80775" s="10"/>
    </row>
    <row r="80776" spans="14:14">
      <c r="N80776" s="10"/>
    </row>
    <row r="80777" spans="14:14">
      <c r="N80777" s="10"/>
    </row>
    <row r="80778" spans="14:14">
      <c r="N80778" s="10"/>
    </row>
    <row r="80779" spans="14:14">
      <c r="N80779" s="10"/>
    </row>
    <row r="80780" spans="14:14">
      <c r="N80780" s="10"/>
    </row>
    <row r="80781" spans="14:14">
      <c r="N80781" s="10"/>
    </row>
    <row r="80782" spans="14:14">
      <c r="N80782" s="10"/>
    </row>
    <row r="80783" spans="14:14">
      <c r="N80783" s="10"/>
    </row>
    <row r="80784" spans="14:14">
      <c r="N80784" s="10"/>
    </row>
    <row r="80785" spans="14:14">
      <c r="N80785" s="10"/>
    </row>
    <row r="80786" spans="14:14">
      <c r="N80786" s="10"/>
    </row>
    <row r="80787" spans="14:14">
      <c r="N80787" s="10"/>
    </row>
    <row r="80788" spans="14:14">
      <c r="N80788" s="10"/>
    </row>
    <row r="80789" spans="14:14">
      <c r="N80789" s="10"/>
    </row>
    <row r="80790" spans="14:14">
      <c r="N80790" s="10"/>
    </row>
    <row r="80791" spans="14:14">
      <c r="N80791" s="10"/>
    </row>
    <row r="80792" spans="14:14">
      <c r="N80792" s="10"/>
    </row>
    <row r="80793" spans="14:14">
      <c r="N80793" s="10"/>
    </row>
    <row r="80794" spans="14:14">
      <c r="N80794" s="10"/>
    </row>
    <row r="80795" spans="14:14">
      <c r="N80795" s="10"/>
    </row>
    <row r="80796" spans="14:14">
      <c r="N80796" s="10"/>
    </row>
    <row r="80797" spans="14:14">
      <c r="N80797" s="10"/>
    </row>
    <row r="80798" spans="14:14">
      <c r="N80798" s="10"/>
    </row>
    <row r="80799" spans="14:14">
      <c r="N80799" s="10"/>
    </row>
    <row r="80800" spans="14:14">
      <c r="N80800" s="10"/>
    </row>
    <row r="80801" spans="14:14">
      <c r="N80801" s="10"/>
    </row>
    <row r="80802" spans="14:14">
      <c r="N80802" s="10"/>
    </row>
    <row r="80803" spans="14:14">
      <c r="N80803" s="10"/>
    </row>
    <row r="80804" spans="14:14">
      <c r="N80804" s="10"/>
    </row>
    <row r="80805" spans="14:14">
      <c r="N80805" s="10"/>
    </row>
    <row r="80806" spans="14:14">
      <c r="N80806" s="10"/>
    </row>
    <row r="80807" spans="14:14">
      <c r="N80807" s="10"/>
    </row>
    <row r="80808" spans="14:14">
      <c r="N80808" s="10"/>
    </row>
    <row r="80809" spans="14:14">
      <c r="N80809" s="10"/>
    </row>
    <row r="80810" spans="14:14">
      <c r="N80810" s="10"/>
    </row>
    <row r="80811" spans="14:14">
      <c r="N80811" s="10"/>
    </row>
    <row r="80812" spans="14:14">
      <c r="N80812" s="10"/>
    </row>
    <row r="80813" spans="14:14">
      <c r="N80813" s="10"/>
    </row>
    <row r="80814" spans="14:14">
      <c r="N80814" s="10"/>
    </row>
    <row r="80815" spans="14:14">
      <c r="N80815" s="10"/>
    </row>
    <row r="80816" spans="14:14">
      <c r="N80816" s="10"/>
    </row>
    <row r="80817" spans="14:14">
      <c r="N80817" s="10"/>
    </row>
    <row r="80818" spans="14:14">
      <c r="N80818" s="10"/>
    </row>
    <row r="80819" spans="14:14">
      <c r="N80819" s="10"/>
    </row>
    <row r="80820" spans="14:14">
      <c r="N80820" s="10"/>
    </row>
    <row r="80821" spans="14:14">
      <c r="N80821" s="10"/>
    </row>
    <row r="80822" spans="14:14">
      <c r="N80822" s="10"/>
    </row>
    <row r="80823" spans="14:14">
      <c r="N80823" s="10"/>
    </row>
    <row r="80824" spans="14:14">
      <c r="N80824" s="10"/>
    </row>
    <row r="80825" spans="14:14">
      <c r="N80825" s="10"/>
    </row>
    <row r="80826" spans="14:14">
      <c r="N80826" s="10"/>
    </row>
    <row r="80827" spans="14:14">
      <c r="N80827" s="10"/>
    </row>
    <row r="80828" spans="14:14">
      <c r="N80828" s="10"/>
    </row>
    <row r="80829" spans="14:14">
      <c r="N80829" s="10"/>
    </row>
    <row r="80830" spans="14:14">
      <c r="N80830" s="10"/>
    </row>
    <row r="80831" spans="14:14">
      <c r="N80831" s="10"/>
    </row>
    <row r="80832" spans="14:14">
      <c r="N80832" s="10"/>
    </row>
    <row r="80833" spans="14:14">
      <c r="N80833" s="10"/>
    </row>
    <row r="80834" spans="14:14">
      <c r="N80834" s="10"/>
    </row>
    <row r="80835" spans="14:14">
      <c r="N80835" s="10"/>
    </row>
    <row r="80836" spans="14:14">
      <c r="N80836" s="10"/>
    </row>
    <row r="80837" spans="14:14">
      <c r="N80837" s="10"/>
    </row>
    <row r="80838" spans="14:14">
      <c r="N80838" s="10"/>
    </row>
    <row r="80839" spans="14:14">
      <c r="N80839" s="10"/>
    </row>
    <row r="80840" spans="14:14">
      <c r="N80840" s="10"/>
    </row>
    <row r="80841" spans="14:14">
      <c r="N80841" s="10"/>
    </row>
    <row r="80842" spans="14:14">
      <c r="N80842" s="10"/>
    </row>
    <row r="80843" spans="14:14">
      <c r="N80843" s="10"/>
    </row>
    <row r="80844" spans="14:14">
      <c r="N80844" s="10"/>
    </row>
    <row r="80845" spans="14:14">
      <c r="N80845" s="10"/>
    </row>
    <row r="80846" spans="14:14">
      <c r="N80846" s="10"/>
    </row>
    <row r="80847" spans="14:14">
      <c r="N80847" s="10"/>
    </row>
    <row r="80848" spans="14:14">
      <c r="N80848" s="10"/>
    </row>
    <row r="80849" spans="14:14">
      <c r="N80849" s="10"/>
    </row>
    <row r="80850" spans="14:14">
      <c r="N80850" s="10"/>
    </row>
    <row r="80851" spans="14:14">
      <c r="N80851" s="10"/>
    </row>
    <row r="80852" spans="14:14">
      <c r="N80852" s="10"/>
    </row>
    <row r="80853" spans="14:14">
      <c r="N80853" s="10"/>
    </row>
    <row r="80854" spans="14:14">
      <c r="N80854" s="10"/>
    </row>
    <row r="80855" spans="14:14">
      <c r="N80855" s="10"/>
    </row>
    <row r="80856" spans="14:14">
      <c r="N80856" s="10"/>
    </row>
    <row r="80857" spans="14:14">
      <c r="N80857" s="10"/>
    </row>
    <row r="80858" spans="14:14">
      <c r="N80858" s="10"/>
    </row>
    <row r="80859" spans="14:14">
      <c r="N80859" s="10"/>
    </row>
    <row r="80860" spans="14:14">
      <c r="N80860" s="10"/>
    </row>
    <row r="80861" spans="14:14">
      <c r="N80861" s="10"/>
    </row>
    <row r="80862" spans="14:14">
      <c r="N80862" s="10"/>
    </row>
    <row r="80863" spans="14:14">
      <c r="N80863" s="10"/>
    </row>
    <row r="80864" spans="14:14">
      <c r="N80864" s="10"/>
    </row>
    <row r="80865" spans="14:14">
      <c r="N80865" s="10"/>
    </row>
    <row r="80866" spans="14:14">
      <c r="N80866" s="10"/>
    </row>
    <row r="80867" spans="14:14">
      <c r="N80867" s="10"/>
    </row>
    <row r="80868" spans="14:14">
      <c r="N80868" s="10"/>
    </row>
    <row r="80869" spans="14:14">
      <c r="N80869" s="10"/>
    </row>
    <row r="80870" spans="14:14">
      <c r="N80870" s="10"/>
    </row>
    <row r="80871" spans="14:14">
      <c r="N80871" s="10"/>
    </row>
    <row r="80872" spans="14:14">
      <c r="N80872" s="10"/>
    </row>
    <row r="80873" spans="14:14">
      <c r="N80873" s="10"/>
    </row>
    <row r="80874" spans="14:14">
      <c r="N80874" s="10"/>
    </row>
    <row r="80875" spans="14:14">
      <c r="N80875" s="10"/>
    </row>
    <row r="80876" spans="14:14">
      <c r="N80876" s="10"/>
    </row>
    <row r="80877" spans="14:14">
      <c r="N80877" s="10"/>
    </row>
    <row r="80878" spans="14:14">
      <c r="N80878" s="10"/>
    </row>
    <row r="80879" spans="14:14">
      <c r="N80879" s="10"/>
    </row>
    <row r="80880" spans="14:14">
      <c r="N80880" s="10"/>
    </row>
    <row r="80881" spans="14:14">
      <c r="N80881" s="10"/>
    </row>
    <row r="80882" spans="14:14">
      <c r="N80882" s="10"/>
    </row>
    <row r="80883" spans="14:14">
      <c r="N80883" s="10"/>
    </row>
    <row r="80884" spans="14:14">
      <c r="N80884" s="10"/>
    </row>
    <row r="80885" spans="14:14">
      <c r="N80885" s="10"/>
    </row>
    <row r="80886" spans="14:14">
      <c r="N80886" s="10"/>
    </row>
    <row r="80887" spans="14:14">
      <c r="N80887" s="10"/>
    </row>
    <row r="80888" spans="14:14">
      <c r="N80888" s="10"/>
    </row>
    <row r="80889" spans="14:14">
      <c r="N80889" s="10"/>
    </row>
    <row r="80890" spans="14:14">
      <c r="N80890" s="10"/>
    </row>
    <row r="80891" spans="14:14">
      <c r="N80891" s="10"/>
    </row>
    <row r="80892" spans="14:14">
      <c r="N80892" s="10"/>
    </row>
    <row r="80893" spans="14:14">
      <c r="N80893" s="10"/>
    </row>
    <row r="80894" spans="14:14">
      <c r="N80894" s="10"/>
    </row>
    <row r="80895" spans="14:14">
      <c r="N80895" s="10"/>
    </row>
    <row r="80896" spans="14:14">
      <c r="N80896" s="10"/>
    </row>
    <row r="80897" spans="14:14">
      <c r="N80897" s="10"/>
    </row>
    <row r="80898" spans="14:14">
      <c r="N80898" s="10"/>
    </row>
    <row r="80899" spans="14:14">
      <c r="N80899" s="10"/>
    </row>
    <row r="80900" spans="14:14">
      <c r="N80900" s="10"/>
    </row>
    <row r="80901" spans="14:14">
      <c r="N80901" s="10"/>
    </row>
    <row r="80902" spans="14:14">
      <c r="N80902" s="10"/>
    </row>
    <row r="80903" spans="14:14">
      <c r="N80903" s="10"/>
    </row>
    <row r="80904" spans="14:14">
      <c r="N80904" s="10"/>
    </row>
    <row r="80905" spans="14:14">
      <c r="N80905" s="10"/>
    </row>
    <row r="80906" spans="14:14">
      <c r="N80906" s="10"/>
    </row>
    <row r="80907" spans="14:14">
      <c r="N80907" s="10"/>
    </row>
    <row r="80908" spans="14:14">
      <c r="N80908" s="10"/>
    </row>
    <row r="80909" spans="14:14">
      <c r="N80909" s="10"/>
    </row>
    <row r="80910" spans="14:14">
      <c r="N80910" s="10"/>
    </row>
    <row r="80911" spans="14:14">
      <c r="N80911" s="10"/>
    </row>
    <row r="80912" spans="14:14">
      <c r="N80912" s="10"/>
    </row>
    <row r="80913" spans="14:14">
      <c r="N80913" s="10"/>
    </row>
    <row r="80914" spans="14:14">
      <c r="N80914" s="10"/>
    </row>
    <row r="80915" spans="14:14">
      <c r="N80915" s="10"/>
    </row>
    <row r="80916" spans="14:14">
      <c r="N80916" s="10"/>
    </row>
    <row r="80917" spans="14:14">
      <c r="N80917" s="10"/>
    </row>
    <row r="80918" spans="14:14">
      <c r="N80918" s="10"/>
    </row>
    <row r="80919" spans="14:14">
      <c r="N80919" s="10"/>
    </row>
    <row r="80920" spans="14:14">
      <c r="N80920" s="10"/>
    </row>
    <row r="80921" spans="14:14">
      <c r="N80921" s="10"/>
    </row>
    <row r="80922" spans="14:14">
      <c r="N80922" s="10"/>
    </row>
    <row r="80923" spans="14:14">
      <c r="N80923" s="10"/>
    </row>
    <row r="80924" spans="14:14">
      <c r="N80924" s="10"/>
    </row>
    <row r="80925" spans="14:14">
      <c r="N80925" s="10"/>
    </row>
    <row r="80926" spans="14:14">
      <c r="N80926" s="10"/>
    </row>
    <row r="80927" spans="14:14">
      <c r="N80927" s="10"/>
    </row>
    <row r="80928" spans="14:14">
      <c r="N80928" s="10"/>
    </row>
    <row r="80929" spans="14:14">
      <c r="N80929" s="10"/>
    </row>
    <row r="80930" spans="14:14">
      <c r="N80930" s="10"/>
    </row>
    <row r="80931" spans="14:14">
      <c r="N80931" s="10"/>
    </row>
    <row r="80932" spans="14:14">
      <c r="N80932" s="10"/>
    </row>
    <row r="80933" spans="14:14">
      <c r="N80933" s="10"/>
    </row>
    <row r="80934" spans="14:14">
      <c r="N80934" s="10"/>
    </row>
    <row r="80935" spans="14:14">
      <c r="N80935" s="10"/>
    </row>
    <row r="80936" spans="14:14">
      <c r="N80936" s="10"/>
    </row>
    <row r="80937" spans="14:14">
      <c r="N80937" s="10"/>
    </row>
    <row r="80938" spans="14:14">
      <c r="N80938" s="10"/>
    </row>
    <row r="80939" spans="14:14">
      <c r="N80939" s="10"/>
    </row>
    <row r="80940" spans="14:14">
      <c r="N80940" s="10"/>
    </row>
    <row r="80941" spans="14:14">
      <c r="N80941" s="10"/>
    </row>
    <row r="80942" spans="14:14">
      <c r="N80942" s="10"/>
    </row>
    <row r="80943" spans="14:14">
      <c r="N80943" s="10"/>
    </row>
    <row r="80944" spans="14:14">
      <c r="N80944" s="10"/>
    </row>
    <row r="80945" spans="14:14">
      <c r="N80945" s="10"/>
    </row>
    <row r="80946" spans="14:14">
      <c r="N80946" s="10"/>
    </row>
    <row r="80947" spans="14:14">
      <c r="N80947" s="10"/>
    </row>
    <row r="80948" spans="14:14">
      <c r="N80948" s="10"/>
    </row>
    <row r="80949" spans="14:14">
      <c r="N80949" s="10"/>
    </row>
    <row r="80950" spans="14:14">
      <c r="N80950" s="10"/>
    </row>
    <row r="80951" spans="14:14">
      <c r="N80951" s="10"/>
    </row>
    <row r="80952" spans="14:14">
      <c r="N80952" s="10"/>
    </row>
    <row r="80953" spans="14:14">
      <c r="N80953" s="10"/>
    </row>
    <row r="80954" spans="14:14">
      <c r="N80954" s="10"/>
    </row>
    <row r="80955" spans="14:14">
      <c r="N80955" s="10"/>
    </row>
    <row r="80956" spans="14:14">
      <c r="N80956" s="10"/>
    </row>
    <row r="80957" spans="14:14">
      <c r="N80957" s="10"/>
    </row>
    <row r="80958" spans="14:14">
      <c r="N80958" s="10"/>
    </row>
    <row r="80959" spans="14:14">
      <c r="N80959" s="10"/>
    </row>
    <row r="80960" spans="14:14">
      <c r="N80960" s="10"/>
    </row>
    <row r="80961" spans="14:14">
      <c r="N80961" s="10"/>
    </row>
    <row r="80962" spans="14:14">
      <c r="N80962" s="10"/>
    </row>
    <row r="80963" spans="14:14">
      <c r="N80963" s="10"/>
    </row>
    <row r="80964" spans="14:14">
      <c r="N80964" s="10"/>
    </row>
    <row r="80965" spans="14:14">
      <c r="N80965" s="10"/>
    </row>
    <row r="80966" spans="14:14">
      <c r="N80966" s="10"/>
    </row>
    <row r="80967" spans="14:14">
      <c r="N80967" s="10"/>
    </row>
    <row r="80968" spans="14:14">
      <c r="N80968" s="10"/>
    </row>
    <row r="80969" spans="14:14">
      <c r="N80969" s="10"/>
    </row>
    <row r="80970" spans="14:14">
      <c r="N80970" s="10"/>
    </row>
    <row r="80971" spans="14:14">
      <c r="N80971" s="10"/>
    </row>
    <row r="80972" spans="14:14">
      <c r="N80972" s="10"/>
    </row>
    <row r="80973" spans="14:14">
      <c r="N80973" s="10"/>
    </row>
    <row r="80974" spans="14:14">
      <c r="N80974" s="10"/>
    </row>
    <row r="80975" spans="14:14">
      <c r="N80975" s="10"/>
    </row>
    <row r="80976" spans="14:14">
      <c r="N80976" s="10"/>
    </row>
    <row r="80977" spans="14:14">
      <c r="N80977" s="10"/>
    </row>
    <row r="80978" spans="14:14">
      <c r="N80978" s="10"/>
    </row>
    <row r="80979" spans="14:14">
      <c r="N80979" s="10"/>
    </row>
    <row r="80980" spans="14:14">
      <c r="N80980" s="10"/>
    </row>
    <row r="80981" spans="14:14">
      <c r="N80981" s="10"/>
    </row>
    <row r="80982" spans="14:14">
      <c r="N80982" s="10"/>
    </row>
    <row r="80983" spans="14:14">
      <c r="N80983" s="10"/>
    </row>
    <row r="80984" spans="14:14">
      <c r="N80984" s="10"/>
    </row>
    <row r="80985" spans="14:14">
      <c r="N80985" s="10"/>
    </row>
    <row r="80986" spans="14:14">
      <c r="N80986" s="10"/>
    </row>
    <row r="80987" spans="14:14">
      <c r="N80987" s="10"/>
    </row>
    <row r="80988" spans="14:14">
      <c r="N80988" s="10"/>
    </row>
    <row r="80989" spans="14:14">
      <c r="N80989" s="10"/>
    </row>
    <row r="80990" spans="14:14">
      <c r="N80990" s="10"/>
    </row>
    <row r="80991" spans="14:14">
      <c r="N80991" s="10"/>
    </row>
    <row r="80992" spans="14:14">
      <c r="N80992" s="10"/>
    </row>
    <row r="80993" spans="14:14">
      <c r="N80993" s="10"/>
    </row>
    <row r="80994" spans="14:14">
      <c r="N80994" s="10"/>
    </row>
    <row r="80995" spans="14:14">
      <c r="N80995" s="10"/>
    </row>
    <row r="80996" spans="14:14">
      <c r="N80996" s="10"/>
    </row>
    <row r="80997" spans="14:14">
      <c r="N80997" s="10"/>
    </row>
    <row r="80998" spans="14:14">
      <c r="N80998" s="10"/>
    </row>
    <row r="80999" spans="14:14">
      <c r="N80999" s="10"/>
    </row>
    <row r="81000" spans="14:14">
      <c r="N81000" s="10"/>
    </row>
    <row r="81001" spans="14:14">
      <c r="N81001" s="10"/>
    </row>
    <row r="81002" spans="14:14">
      <c r="N81002" s="10"/>
    </row>
    <row r="81003" spans="14:14">
      <c r="N81003" s="10"/>
    </row>
    <row r="81004" spans="14:14">
      <c r="N81004" s="10"/>
    </row>
    <row r="81005" spans="14:14">
      <c r="N81005" s="10"/>
    </row>
    <row r="81006" spans="14:14">
      <c r="N81006" s="10"/>
    </row>
    <row r="81007" spans="14:14">
      <c r="N81007" s="10"/>
    </row>
    <row r="81008" spans="14:14">
      <c r="N81008" s="10"/>
    </row>
    <row r="81009" spans="14:14">
      <c r="N81009" s="10"/>
    </row>
    <row r="81010" spans="14:14">
      <c r="N81010" s="10"/>
    </row>
    <row r="81011" spans="14:14">
      <c r="N81011" s="10"/>
    </row>
    <row r="81012" spans="14:14">
      <c r="N81012" s="10"/>
    </row>
    <row r="81013" spans="14:14">
      <c r="N81013" s="10"/>
    </row>
    <row r="81014" spans="14:14">
      <c r="N81014" s="10"/>
    </row>
    <row r="81015" spans="14:14">
      <c r="N81015" s="10"/>
    </row>
    <row r="81016" spans="14:14">
      <c r="N81016" s="10"/>
    </row>
    <row r="81017" spans="14:14">
      <c r="N81017" s="10"/>
    </row>
    <row r="81018" spans="14:14">
      <c r="N81018" s="10"/>
    </row>
    <row r="81019" spans="14:14">
      <c r="N81019" s="10"/>
    </row>
    <row r="81020" spans="14:14">
      <c r="N81020" s="10"/>
    </row>
    <row r="81021" spans="14:14">
      <c r="N81021" s="10"/>
    </row>
    <row r="81022" spans="14:14">
      <c r="N81022" s="10"/>
    </row>
    <row r="81023" spans="14:14">
      <c r="N81023" s="10"/>
    </row>
    <row r="81024" spans="14:14">
      <c r="N81024" s="10"/>
    </row>
    <row r="81025" spans="14:14">
      <c r="N81025" s="10"/>
    </row>
    <row r="81026" spans="14:14">
      <c r="N81026" s="10"/>
    </row>
    <row r="81027" spans="14:14">
      <c r="N81027" s="10"/>
    </row>
    <row r="81028" spans="14:14">
      <c r="N81028" s="10"/>
    </row>
    <row r="81029" spans="14:14">
      <c r="N81029" s="10"/>
    </row>
    <row r="81030" spans="14:14">
      <c r="N81030" s="10"/>
    </row>
    <row r="81031" spans="14:14">
      <c r="N81031" s="10"/>
    </row>
    <row r="81032" spans="14:14">
      <c r="N81032" s="10"/>
    </row>
    <row r="81033" spans="14:14">
      <c r="N81033" s="10"/>
    </row>
    <row r="81034" spans="14:14">
      <c r="N81034" s="10"/>
    </row>
    <row r="81035" spans="14:14">
      <c r="N81035" s="10"/>
    </row>
    <row r="81036" spans="14:14">
      <c r="N81036" s="10"/>
    </row>
    <row r="81037" spans="14:14">
      <c r="N81037" s="10"/>
    </row>
    <row r="81038" spans="14:14">
      <c r="N81038" s="10"/>
    </row>
    <row r="81039" spans="14:14">
      <c r="N81039" s="10"/>
    </row>
    <row r="81040" spans="14:14">
      <c r="N81040" s="10"/>
    </row>
    <row r="81041" spans="14:14">
      <c r="N81041" s="10"/>
    </row>
    <row r="81042" spans="14:14">
      <c r="N81042" s="10"/>
    </row>
    <row r="81043" spans="14:14">
      <c r="N81043" s="10"/>
    </row>
    <row r="81044" spans="14:14">
      <c r="N81044" s="10"/>
    </row>
    <row r="81045" spans="14:14">
      <c r="N81045" s="10"/>
    </row>
    <row r="81046" spans="14:14">
      <c r="N81046" s="10"/>
    </row>
    <row r="81047" spans="14:14">
      <c r="N81047" s="10"/>
    </row>
    <row r="81048" spans="14:14">
      <c r="N81048" s="10"/>
    </row>
    <row r="81049" spans="14:14">
      <c r="N81049" s="10"/>
    </row>
    <row r="81050" spans="14:14">
      <c r="N81050" s="10"/>
    </row>
    <row r="81051" spans="14:14">
      <c r="N81051" s="10"/>
    </row>
    <row r="81052" spans="14:14">
      <c r="N81052" s="10"/>
    </row>
    <row r="81053" spans="14:14">
      <c r="N81053" s="10"/>
    </row>
    <row r="81054" spans="14:14">
      <c r="N81054" s="10"/>
    </row>
    <row r="81055" spans="14:14">
      <c r="N81055" s="10"/>
    </row>
    <row r="81056" spans="14:14">
      <c r="N81056" s="10"/>
    </row>
    <row r="81057" spans="14:14">
      <c r="N81057" s="10"/>
    </row>
    <row r="81058" spans="14:14">
      <c r="N81058" s="10"/>
    </row>
    <row r="81059" spans="14:14">
      <c r="N81059" s="10"/>
    </row>
    <row r="81060" spans="14:14">
      <c r="N81060" s="10"/>
    </row>
    <row r="81061" spans="14:14">
      <c r="N81061" s="10"/>
    </row>
    <row r="81062" spans="14:14">
      <c r="N81062" s="10"/>
    </row>
    <row r="81063" spans="14:14">
      <c r="N81063" s="10"/>
    </row>
    <row r="81064" spans="14:14">
      <c r="N81064" s="10"/>
    </row>
    <row r="81065" spans="14:14">
      <c r="N81065" s="10"/>
    </row>
    <row r="81066" spans="14:14">
      <c r="N81066" s="10"/>
    </row>
    <row r="81067" spans="14:14">
      <c r="N81067" s="10"/>
    </row>
    <row r="81068" spans="14:14">
      <c r="N81068" s="10"/>
    </row>
    <row r="81069" spans="14:14">
      <c r="N81069" s="10"/>
    </row>
    <row r="81070" spans="14:14">
      <c r="N81070" s="10"/>
    </row>
    <row r="81071" spans="14:14">
      <c r="N81071" s="10"/>
    </row>
    <row r="81072" spans="14:14">
      <c r="N81072" s="10"/>
    </row>
    <row r="81073" spans="14:14">
      <c r="N81073" s="10"/>
    </row>
    <row r="81074" spans="14:14">
      <c r="N81074" s="10"/>
    </row>
    <row r="81075" spans="14:14">
      <c r="N81075" s="10"/>
    </row>
    <row r="81076" spans="14:14">
      <c r="N81076" s="10"/>
    </row>
    <row r="81077" spans="14:14">
      <c r="N81077" s="10"/>
    </row>
    <row r="81078" spans="14:14">
      <c r="N81078" s="10"/>
    </row>
    <row r="81079" spans="14:14">
      <c r="N81079" s="10"/>
    </row>
    <row r="81080" spans="14:14">
      <c r="N81080" s="10"/>
    </row>
    <row r="81081" spans="14:14">
      <c r="N81081" s="10"/>
    </row>
    <row r="81082" spans="14:14">
      <c r="N81082" s="10"/>
    </row>
    <row r="81083" spans="14:14">
      <c r="N81083" s="10"/>
    </row>
    <row r="81084" spans="14:14">
      <c r="N81084" s="10"/>
    </row>
    <row r="81085" spans="14:14">
      <c r="N81085" s="10"/>
    </row>
    <row r="81086" spans="14:14">
      <c r="N81086" s="10"/>
    </row>
    <row r="81087" spans="14:14">
      <c r="N81087" s="10"/>
    </row>
    <row r="81088" spans="14:14">
      <c r="N81088" s="10"/>
    </row>
    <row r="81089" spans="14:14">
      <c r="N81089" s="10"/>
    </row>
    <row r="81090" spans="14:14">
      <c r="N81090" s="10"/>
    </row>
    <row r="81091" spans="14:14">
      <c r="N81091" s="10"/>
    </row>
    <row r="81092" spans="14:14">
      <c r="N81092" s="10"/>
    </row>
    <row r="81093" spans="14:14">
      <c r="N81093" s="10"/>
    </row>
    <row r="81094" spans="14:14">
      <c r="N81094" s="10"/>
    </row>
    <row r="81095" spans="14:14">
      <c r="N81095" s="10"/>
    </row>
    <row r="81096" spans="14:14">
      <c r="N81096" s="10"/>
    </row>
    <row r="81097" spans="14:14">
      <c r="N81097" s="10"/>
    </row>
    <row r="81098" spans="14:14">
      <c r="N81098" s="10"/>
    </row>
    <row r="81099" spans="14:14">
      <c r="N81099" s="10"/>
    </row>
    <row r="81100" spans="14:14">
      <c r="N81100" s="10"/>
    </row>
    <row r="81101" spans="14:14">
      <c r="N81101" s="10"/>
    </row>
    <row r="81102" spans="14:14">
      <c r="N81102" s="10"/>
    </row>
    <row r="81103" spans="14:14">
      <c r="N81103" s="10"/>
    </row>
    <row r="81104" spans="14:14">
      <c r="N81104" s="10"/>
    </row>
    <row r="81105" spans="14:14">
      <c r="N81105" s="10"/>
    </row>
    <row r="81106" spans="14:14">
      <c r="N81106" s="10"/>
    </row>
    <row r="81107" spans="14:14">
      <c r="N81107" s="10"/>
    </row>
    <row r="81108" spans="14:14">
      <c r="N81108" s="10"/>
    </row>
    <row r="81109" spans="14:14">
      <c r="N81109" s="10"/>
    </row>
    <row r="81110" spans="14:14">
      <c r="N81110" s="10"/>
    </row>
    <row r="81111" spans="14:14">
      <c r="N81111" s="10"/>
    </row>
    <row r="81112" spans="14:14">
      <c r="N81112" s="10"/>
    </row>
    <row r="81113" spans="14:14">
      <c r="N81113" s="10"/>
    </row>
    <row r="81114" spans="14:14">
      <c r="N81114" s="10"/>
    </row>
    <row r="81115" spans="14:14">
      <c r="N81115" s="10"/>
    </row>
    <row r="81116" spans="14:14">
      <c r="N81116" s="10"/>
    </row>
    <row r="81117" spans="14:14">
      <c r="N81117" s="10"/>
    </row>
    <row r="81118" spans="14:14">
      <c r="N81118" s="10"/>
    </row>
    <row r="81119" spans="14:14">
      <c r="N81119" s="10"/>
    </row>
    <row r="81120" spans="14:14">
      <c r="N81120" s="10"/>
    </row>
    <row r="81121" spans="14:14">
      <c r="N81121" s="10"/>
    </row>
    <row r="81122" spans="14:14">
      <c r="N81122" s="10"/>
    </row>
    <row r="81123" spans="14:14">
      <c r="N81123" s="10"/>
    </row>
    <row r="81124" spans="14:14">
      <c r="N81124" s="10"/>
    </row>
    <row r="81125" spans="14:14">
      <c r="N81125" s="10"/>
    </row>
    <row r="81126" spans="14:14">
      <c r="N81126" s="10"/>
    </row>
    <row r="81127" spans="14:14">
      <c r="N81127" s="10"/>
    </row>
    <row r="81128" spans="14:14">
      <c r="N81128" s="10"/>
    </row>
    <row r="81129" spans="14:14">
      <c r="N81129" s="10"/>
    </row>
    <row r="81130" spans="14:14">
      <c r="N81130" s="10"/>
    </row>
    <row r="81131" spans="14:14">
      <c r="N81131" s="10"/>
    </row>
    <row r="81132" spans="14:14">
      <c r="N81132" s="10"/>
    </row>
    <row r="81133" spans="14:14">
      <c r="N81133" s="10"/>
    </row>
    <row r="81134" spans="14:14">
      <c r="N81134" s="10"/>
    </row>
    <row r="81135" spans="14:14">
      <c r="N81135" s="10"/>
    </row>
    <row r="81136" spans="14:14">
      <c r="N81136" s="10"/>
    </row>
    <row r="81137" spans="14:14">
      <c r="N81137" s="10"/>
    </row>
    <row r="81138" spans="14:14">
      <c r="N81138" s="10"/>
    </row>
    <row r="81139" spans="14:14">
      <c r="N81139" s="10"/>
    </row>
    <row r="81140" spans="14:14">
      <c r="N81140" s="10"/>
    </row>
    <row r="81141" spans="14:14">
      <c r="N81141" s="10"/>
    </row>
    <row r="81142" spans="14:14">
      <c r="N81142" s="10"/>
    </row>
    <row r="81143" spans="14:14">
      <c r="N81143" s="10"/>
    </row>
    <row r="81144" spans="14:14">
      <c r="N81144" s="10"/>
    </row>
    <row r="81145" spans="14:14">
      <c r="N81145" s="10"/>
    </row>
    <row r="81146" spans="14:14">
      <c r="N81146" s="10"/>
    </row>
    <row r="81147" spans="14:14">
      <c r="N81147" s="10"/>
    </row>
    <row r="81148" spans="14:14">
      <c r="N81148" s="10"/>
    </row>
    <row r="81149" spans="14:14">
      <c r="N81149" s="10"/>
    </row>
    <row r="81150" spans="14:14">
      <c r="N81150" s="10"/>
    </row>
    <row r="81151" spans="14:14">
      <c r="N81151" s="10"/>
    </row>
    <row r="81152" spans="14:14">
      <c r="N81152" s="10"/>
    </row>
    <row r="81153" spans="14:14">
      <c r="N81153" s="10"/>
    </row>
    <row r="81154" spans="14:14">
      <c r="N81154" s="10"/>
    </row>
    <row r="81155" spans="14:14">
      <c r="N81155" s="10"/>
    </row>
    <row r="81156" spans="14:14">
      <c r="N81156" s="10"/>
    </row>
    <row r="81157" spans="14:14">
      <c r="N81157" s="10"/>
    </row>
    <row r="81158" spans="14:14">
      <c r="N81158" s="10"/>
    </row>
    <row r="81159" spans="14:14">
      <c r="N81159" s="10"/>
    </row>
    <row r="81160" spans="14:14">
      <c r="N81160" s="10"/>
    </row>
    <row r="81161" spans="14:14">
      <c r="N81161" s="10"/>
    </row>
    <row r="81162" spans="14:14">
      <c r="N81162" s="10"/>
    </row>
    <row r="81163" spans="14:14">
      <c r="N81163" s="10"/>
    </row>
    <row r="81164" spans="14:14">
      <c r="N81164" s="10"/>
    </row>
    <row r="81165" spans="14:14">
      <c r="N81165" s="10"/>
    </row>
    <row r="81166" spans="14:14">
      <c r="N81166" s="10"/>
    </row>
    <row r="81167" spans="14:14">
      <c r="N81167" s="10"/>
    </row>
    <row r="81168" spans="14:14">
      <c r="N81168" s="10"/>
    </row>
    <row r="81169" spans="14:14">
      <c r="N81169" s="10"/>
    </row>
    <row r="81170" spans="14:14">
      <c r="N81170" s="10"/>
    </row>
    <row r="81171" spans="14:14">
      <c r="N81171" s="10"/>
    </row>
    <row r="81172" spans="14:14">
      <c r="N81172" s="10"/>
    </row>
    <row r="81173" spans="14:14">
      <c r="N81173" s="10"/>
    </row>
    <row r="81174" spans="14:14">
      <c r="N81174" s="10"/>
    </row>
    <row r="81175" spans="14:14">
      <c r="N81175" s="10"/>
    </row>
    <row r="81176" spans="14:14">
      <c r="N81176" s="10"/>
    </row>
    <row r="81177" spans="14:14">
      <c r="N81177" s="10"/>
    </row>
    <row r="81178" spans="14:14">
      <c r="N81178" s="10"/>
    </row>
    <row r="81179" spans="14:14">
      <c r="N81179" s="10"/>
    </row>
    <row r="81180" spans="14:14">
      <c r="N81180" s="10"/>
    </row>
    <row r="81181" spans="14:14">
      <c r="N81181" s="10"/>
    </row>
    <row r="81182" spans="14:14">
      <c r="N81182" s="10"/>
    </row>
    <row r="81183" spans="14:14">
      <c r="N81183" s="10"/>
    </row>
    <row r="81184" spans="14:14">
      <c r="N81184" s="10"/>
    </row>
    <row r="81185" spans="14:14">
      <c r="N81185" s="10"/>
    </row>
    <row r="81186" spans="14:14">
      <c r="N81186" s="10"/>
    </row>
    <row r="81187" spans="14:14">
      <c r="N81187" s="10"/>
    </row>
    <row r="81188" spans="14:14">
      <c r="N81188" s="10"/>
    </row>
    <row r="81189" spans="14:14">
      <c r="N81189" s="10"/>
    </row>
    <row r="81190" spans="14:14">
      <c r="N81190" s="10"/>
    </row>
    <row r="81191" spans="14:14">
      <c r="N81191" s="10"/>
    </row>
    <row r="81192" spans="14:14">
      <c r="N81192" s="10"/>
    </row>
    <row r="81193" spans="14:14">
      <c r="N81193" s="10"/>
    </row>
    <row r="81194" spans="14:14">
      <c r="N81194" s="10"/>
    </row>
    <row r="81195" spans="14:14">
      <c r="N81195" s="10"/>
    </row>
    <row r="81196" spans="14:14">
      <c r="N81196" s="10"/>
    </row>
    <row r="81197" spans="14:14">
      <c r="N81197" s="10"/>
    </row>
    <row r="81198" spans="14:14">
      <c r="N81198" s="10"/>
    </row>
    <row r="81199" spans="14:14">
      <c r="N81199" s="10"/>
    </row>
    <row r="81200" spans="14:14">
      <c r="N81200" s="10"/>
    </row>
    <row r="81201" spans="14:14">
      <c r="N81201" s="10"/>
    </row>
    <row r="81202" spans="14:14">
      <c r="N81202" s="10"/>
    </row>
    <row r="81203" spans="14:14">
      <c r="N81203" s="10"/>
    </row>
    <row r="81204" spans="14:14">
      <c r="N81204" s="10"/>
    </row>
    <row r="81205" spans="14:14">
      <c r="N81205" s="10"/>
    </row>
    <row r="81206" spans="14:14">
      <c r="N81206" s="10"/>
    </row>
    <row r="81207" spans="14:14">
      <c r="N81207" s="10"/>
    </row>
    <row r="81208" spans="14:14">
      <c r="N81208" s="10"/>
    </row>
    <row r="81209" spans="14:14">
      <c r="N81209" s="10"/>
    </row>
    <row r="81210" spans="14:14">
      <c r="N81210" s="10"/>
    </row>
    <row r="81211" spans="14:14">
      <c r="N81211" s="10"/>
    </row>
    <row r="81212" spans="14:14">
      <c r="N81212" s="10"/>
    </row>
    <row r="81213" spans="14:14">
      <c r="N81213" s="10"/>
    </row>
    <row r="81214" spans="14:14">
      <c r="N81214" s="10"/>
    </row>
    <row r="81215" spans="14:14">
      <c r="N81215" s="10"/>
    </row>
    <row r="81216" spans="14:14">
      <c r="N81216" s="10"/>
    </row>
    <row r="81217" spans="14:14">
      <c r="N81217" s="10"/>
    </row>
    <row r="81218" spans="14:14">
      <c r="N81218" s="10"/>
    </row>
    <row r="81219" spans="14:14">
      <c r="N81219" s="10"/>
    </row>
    <row r="81220" spans="14:14">
      <c r="N81220" s="10"/>
    </row>
    <row r="81221" spans="14:14">
      <c r="N81221" s="10"/>
    </row>
    <row r="81222" spans="14:14">
      <c r="N81222" s="10"/>
    </row>
    <row r="81223" spans="14:14">
      <c r="N81223" s="10"/>
    </row>
    <row r="81224" spans="14:14">
      <c r="N81224" s="10"/>
    </row>
    <row r="81225" spans="14:14">
      <c r="N81225" s="10"/>
    </row>
    <row r="81226" spans="14:14">
      <c r="N81226" s="10"/>
    </row>
    <row r="81227" spans="14:14">
      <c r="N81227" s="10"/>
    </row>
    <row r="81228" spans="14:14">
      <c r="N81228" s="10"/>
    </row>
    <row r="81229" spans="14:14">
      <c r="N81229" s="10"/>
    </row>
    <row r="81230" spans="14:14">
      <c r="N81230" s="10"/>
    </row>
    <row r="81231" spans="14:14">
      <c r="N81231" s="10"/>
    </row>
    <row r="81232" spans="14:14">
      <c r="N81232" s="10"/>
    </row>
    <row r="81233" spans="14:14">
      <c r="N81233" s="10"/>
    </row>
    <row r="81234" spans="14:14">
      <c r="N81234" s="10"/>
    </row>
    <row r="81235" spans="14:14">
      <c r="N81235" s="10"/>
    </row>
    <row r="81236" spans="14:14">
      <c r="N81236" s="10"/>
    </row>
    <row r="81237" spans="14:14">
      <c r="N81237" s="10"/>
    </row>
    <row r="81238" spans="14:14">
      <c r="N81238" s="10"/>
    </row>
    <row r="81239" spans="14:14">
      <c r="N81239" s="10"/>
    </row>
    <row r="81240" spans="14:14">
      <c r="N81240" s="10"/>
    </row>
    <row r="81241" spans="14:14">
      <c r="N81241" s="10"/>
    </row>
    <row r="81242" spans="14:14">
      <c r="N81242" s="10"/>
    </row>
    <row r="81243" spans="14:14">
      <c r="N81243" s="10"/>
    </row>
    <row r="81244" spans="14:14">
      <c r="N81244" s="10"/>
    </row>
    <row r="81245" spans="14:14">
      <c r="N81245" s="10"/>
    </row>
    <row r="81246" spans="14:14">
      <c r="N81246" s="10"/>
    </row>
    <row r="81247" spans="14:14">
      <c r="N81247" s="10"/>
    </row>
    <row r="81248" spans="14:14">
      <c r="N81248" s="10"/>
    </row>
    <row r="81249" spans="14:14">
      <c r="N81249" s="10"/>
    </row>
    <row r="81250" spans="14:14">
      <c r="N81250" s="10"/>
    </row>
    <row r="81251" spans="14:14">
      <c r="N81251" s="10"/>
    </row>
    <row r="81252" spans="14:14">
      <c r="N81252" s="10"/>
    </row>
    <row r="81253" spans="14:14">
      <c r="N81253" s="10"/>
    </row>
    <row r="81254" spans="14:14">
      <c r="N81254" s="10"/>
    </row>
    <row r="81255" spans="14:14">
      <c r="N81255" s="10"/>
    </row>
    <row r="81256" spans="14:14">
      <c r="N81256" s="10"/>
    </row>
    <row r="81257" spans="14:14">
      <c r="N81257" s="10"/>
    </row>
    <row r="81258" spans="14:14">
      <c r="N81258" s="10"/>
    </row>
    <row r="81259" spans="14:14">
      <c r="N81259" s="10"/>
    </row>
    <row r="81260" spans="14:14">
      <c r="N81260" s="10"/>
    </row>
    <row r="81261" spans="14:14">
      <c r="N81261" s="10"/>
    </row>
    <row r="81262" spans="14:14">
      <c r="N81262" s="10"/>
    </row>
    <row r="81263" spans="14:14">
      <c r="N81263" s="10"/>
    </row>
    <row r="81264" spans="14:14">
      <c r="N81264" s="10"/>
    </row>
    <row r="81265" spans="14:14">
      <c r="N81265" s="10"/>
    </row>
    <row r="81266" spans="14:14">
      <c r="N81266" s="10"/>
    </row>
    <row r="81267" spans="14:14">
      <c r="N81267" s="10"/>
    </row>
    <row r="81268" spans="14:14">
      <c r="N81268" s="10"/>
    </row>
    <row r="81269" spans="14:14">
      <c r="N81269" s="10"/>
    </row>
    <row r="81270" spans="14:14">
      <c r="N81270" s="10"/>
    </row>
    <row r="81271" spans="14:14">
      <c r="N81271" s="10"/>
    </row>
    <row r="81272" spans="14:14">
      <c r="N81272" s="10"/>
    </row>
    <row r="81273" spans="14:14">
      <c r="N81273" s="10"/>
    </row>
    <row r="81274" spans="14:14">
      <c r="N81274" s="10"/>
    </row>
    <row r="81275" spans="14:14">
      <c r="N81275" s="10"/>
    </row>
    <row r="81276" spans="14:14">
      <c r="N81276" s="10"/>
    </row>
    <row r="81277" spans="14:14">
      <c r="N81277" s="10"/>
    </row>
    <row r="81278" spans="14:14">
      <c r="N81278" s="10"/>
    </row>
    <row r="81279" spans="14:14">
      <c r="N81279" s="10"/>
    </row>
    <row r="81280" spans="14:14">
      <c r="N81280" s="10"/>
    </row>
    <row r="81281" spans="14:14">
      <c r="N81281" s="10"/>
    </row>
    <row r="81282" spans="14:14">
      <c r="N81282" s="10"/>
    </row>
    <row r="81283" spans="14:14">
      <c r="N81283" s="10"/>
    </row>
    <row r="81284" spans="14:14">
      <c r="N81284" s="10"/>
    </row>
    <row r="81285" spans="14:14">
      <c r="N81285" s="10"/>
    </row>
    <row r="81286" spans="14:14">
      <c r="N81286" s="10"/>
    </row>
    <row r="81287" spans="14:14">
      <c r="N81287" s="10"/>
    </row>
    <row r="81288" spans="14:14">
      <c r="N81288" s="10"/>
    </row>
    <row r="81289" spans="14:14">
      <c r="N81289" s="10"/>
    </row>
    <row r="81290" spans="14:14">
      <c r="N81290" s="10"/>
    </row>
    <row r="81291" spans="14:14">
      <c r="N81291" s="10"/>
    </row>
    <row r="81292" spans="14:14">
      <c r="N81292" s="10"/>
    </row>
    <row r="81293" spans="14:14">
      <c r="N81293" s="10"/>
    </row>
    <row r="81294" spans="14:14">
      <c r="N81294" s="10"/>
    </row>
    <row r="81295" spans="14:14">
      <c r="N81295" s="10"/>
    </row>
    <row r="81296" spans="14:14">
      <c r="N81296" s="10"/>
    </row>
    <row r="81297" spans="14:14">
      <c r="N81297" s="10"/>
    </row>
    <row r="81298" spans="14:14">
      <c r="N81298" s="10"/>
    </row>
    <row r="81299" spans="14:14">
      <c r="N81299" s="10"/>
    </row>
    <row r="81300" spans="14:14">
      <c r="N81300" s="10"/>
    </row>
    <row r="81301" spans="14:14">
      <c r="N81301" s="10"/>
    </row>
    <row r="81302" spans="14:14">
      <c r="N81302" s="10"/>
    </row>
    <row r="81303" spans="14:14">
      <c r="N81303" s="10"/>
    </row>
    <row r="81304" spans="14:14">
      <c r="N81304" s="10"/>
    </row>
    <row r="81305" spans="14:14">
      <c r="N81305" s="10"/>
    </row>
    <row r="81306" spans="14:14">
      <c r="N81306" s="10"/>
    </row>
    <row r="81307" spans="14:14">
      <c r="N81307" s="10"/>
    </row>
    <row r="81308" spans="14:14">
      <c r="N81308" s="10"/>
    </row>
    <row r="81309" spans="14:14">
      <c r="N81309" s="10"/>
    </row>
    <row r="81310" spans="14:14">
      <c r="N81310" s="10"/>
    </row>
    <row r="81311" spans="14:14">
      <c r="N81311" s="10"/>
    </row>
    <row r="81312" spans="14:14">
      <c r="N81312" s="10"/>
    </row>
    <row r="81313" spans="14:14">
      <c r="N81313" s="10"/>
    </row>
    <row r="81314" spans="14:14">
      <c r="N81314" s="10"/>
    </row>
    <row r="81315" spans="14:14">
      <c r="N81315" s="10"/>
    </row>
    <row r="81316" spans="14:14">
      <c r="N81316" s="10"/>
    </row>
    <row r="81317" spans="14:14">
      <c r="N81317" s="10"/>
    </row>
    <row r="81318" spans="14:14">
      <c r="N81318" s="10"/>
    </row>
    <row r="81319" spans="14:14">
      <c r="N81319" s="10"/>
    </row>
    <row r="81320" spans="14:14">
      <c r="N81320" s="10"/>
    </row>
    <row r="81321" spans="14:14">
      <c r="N81321" s="10"/>
    </row>
    <row r="81322" spans="14:14">
      <c r="N81322" s="10"/>
    </row>
    <row r="81323" spans="14:14">
      <c r="N81323" s="10"/>
    </row>
    <row r="81324" spans="14:14">
      <c r="N81324" s="10"/>
    </row>
    <row r="81325" spans="14:14">
      <c r="N81325" s="10"/>
    </row>
    <row r="81326" spans="14:14">
      <c r="N81326" s="10"/>
    </row>
    <row r="81327" spans="14:14">
      <c r="N81327" s="10"/>
    </row>
    <row r="81328" spans="14:14">
      <c r="N81328" s="10"/>
    </row>
    <row r="81329" spans="14:14">
      <c r="N81329" s="10"/>
    </row>
    <row r="81330" spans="14:14">
      <c r="N81330" s="10"/>
    </row>
    <row r="81331" spans="14:14">
      <c r="N81331" s="10"/>
    </row>
    <row r="81332" spans="14:14">
      <c r="N81332" s="10"/>
    </row>
    <row r="81333" spans="14:14">
      <c r="N81333" s="10"/>
    </row>
    <row r="81334" spans="14:14">
      <c r="N81334" s="10"/>
    </row>
    <row r="81335" spans="14:14">
      <c r="N81335" s="10"/>
    </row>
    <row r="81336" spans="14:14">
      <c r="N81336" s="10"/>
    </row>
    <row r="81337" spans="14:14">
      <c r="N81337" s="10"/>
    </row>
    <row r="81338" spans="14:14">
      <c r="N81338" s="10"/>
    </row>
    <row r="81339" spans="14:14">
      <c r="N81339" s="10"/>
    </row>
    <row r="81340" spans="14:14">
      <c r="N81340" s="10"/>
    </row>
    <row r="81341" spans="14:14">
      <c r="N81341" s="10"/>
    </row>
    <row r="81342" spans="14:14">
      <c r="N81342" s="10"/>
    </row>
    <row r="81343" spans="14:14">
      <c r="N81343" s="10"/>
    </row>
    <row r="81344" spans="14:14">
      <c r="N81344" s="10"/>
    </row>
    <row r="81345" spans="14:14">
      <c r="N81345" s="10"/>
    </row>
    <row r="81346" spans="14:14">
      <c r="N81346" s="10"/>
    </row>
    <row r="81347" spans="14:14">
      <c r="N81347" s="10"/>
    </row>
    <row r="81348" spans="14:14">
      <c r="N81348" s="10"/>
    </row>
    <row r="81349" spans="14:14">
      <c r="N81349" s="10"/>
    </row>
    <row r="81350" spans="14:14">
      <c r="N81350" s="10"/>
    </row>
    <row r="81351" spans="14:14">
      <c r="N81351" s="10"/>
    </row>
    <row r="81352" spans="14:14">
      <c r="N81352" s="10"/>
    </row>
    <row r="81353" spans="14:14">
      <c r="N81353" s="10"/>
    </row>
    <row r="81354" spans="14:14">
      <c r="N81354" s="10"/>
    </row>
    <row r="81355" spans="14:14">
      <c r="N81355" s="10"/>
    </row>
    <row r="81356" spans="14:14">
      <c r="N81356" s="10"/>
    </row>
    <row r="81357" spans="14:14">
      <c r="N81357" s="10"/>
    </row>
    <row r="81358" spans="14:14">
      <c r="N81358" s="10"/>
    </row>
    <row r="81359" spans="14:14">
      <c r="N81359" s="10"/>
    </row>
    <row r="81360" spans="14:14">
      <c r="N81360" s="10"/>
    </row>
    <row r="81361" spans="14:14">
      <c r="N81361" s="10"/>
    </row>
    <row r="81362" spans="14:14">
      <c r="N81362" s="10"/>
    </row>
    <row r="81363" spans="14:14">
      <c r="N81363" s="10"/>
    </row>
    <row r="81364" spans="14:14">
      <c r="N81364" s="10"/>
    </row>
    <row r="81365" spans="14:14">
      <c r="N81365" s="10"/>
    </row>
    <row r="81366" spans="14:14">
      <c r="N81366" s="10"/>
    </row>
    <row r="81367" spans="14:14">
      <c r="N81367" s="10"/>
    </row>
    <row r="81368" spans="14:14">
      <c r="N81368" s="10"/>
    </row>
    <row r="81369" spans="14:14">
      <c r="N81369" s="10"/>
    </row>
    <row r="81370" spans="14:14">
      <c r="N81370" s="10"/>
    </row>
    <row r="81371" spans="14:14">
      <c r="N81371" s="10"/>
    </row>
    <row r="81372" spans="14:14">
      <c r="N81372" s="10"/>
    </row>
    <row r="81373" spans="14:14">
      <c r="N81373" s="10"/>
    </row>
    <row r="81374" spans="14:14">
      <c r="N81374" s="10"/>
    </row>
    <row r="81375" spans="14:14">
      <c r="N81375" s="10"/>
    </row>
    <row r="81376" spans="14:14">
      <c r="N81376" s="10"/>
    </row>
    <row r="81377" spans="14:14">
      <c r="N81377" s="10"/>
    </row>
    <row r="81378" spans="14:14">
      <c r="N81378" s="10"/>
    </row>
    <row r="81379" spans="14:14">
      <c r="N81379" s="10"/>
    </row>
    <row r="81380" spans="14:14">
      <c r="N81380" s="10"/>
    </row>
    <row r="81381" spans="14:14">
      <c r="N81381" s="10"/>
    </row>
    <row r="81382" spans="14:14">
      <c r="N81382" s="10"/>
    </row>
    <row r="81383" spans="14:14">
      <c r="N81383" s="10"/>
    </row>
    <row r="81384" spans="14:14">
      <c r="N81384" s="10"/>
    </row>
    <row r="81385" spans="14:14">
      <c r="N81385" s="10"/>
    </row>
    <row r="81386" spans="14:14">
      <c r="N81386" s="10"/>
    </row>
    <row r="81387" spans="14:14">
      <c r="N81387" s="10"/>
    </row>
    <row r="81388" spans="14:14">
      <c r="N81388" s="10"/>
    </row>
    <row r="81389" spans="14:14">
      <c r="N81389" s="10"/>
    </row>
    <row r="81390" spans="14:14">
      <c r="N81390" s="10"/>
    </row>
    <row r="81391" spans="14:14">
      <c r="N81391" s="10"/>
    </row>
    <row r="81392" spans="14:14">
      <c r="N81392" s="10"/>
    </row>
    <row r="81393" spans="14:14">
      <c r="N81393" s="10"/>
    </row>
    <row r="81394" spans="14:14">
      <c r="N81394" s="10"/>
    </row>
    <row r="81395" spans="14:14">
      <c r="N81395" s="10"/>
    </row>
    <row r="81396" spans="14:14">
      <c r="N81396" s="10"/>
    </row>
    <row r="81397" spans="14:14">
      <c r="N81397" s="10"/>
    </row>
    <row r="81398" spans="14:14">
      <c r="N81398" s="10"/>
    </row>
    <row r="81399" spans="14:14">
      <c r="N81399" s="10"/>
    </row>
    <row r="81400" spans="14:14">
      <c r="N81400" s="10"/>
    </row>
    <row r="81401" spans="14:14">
      <c r="N81401" s="10"/>
    </row>
    <row r="81402" spans="14:14">
      <c r="N81402" s="10"/>
    </row>
    <row r="81403" spans="14:14">
      <c r="N81403" s="10"/>
    </row>
    <row r="81404" spans="14:14">
      <c r="N81404" s="10"/>
    </row>
    <row r="81405" spans="14:14">
      <c r="N81405" s="10"/>
    </row>
    <row r="81406" spans="14:14">
      <c r="N81406" s="10"/>
    </row>
    <row r="81407" spans="14:14">
      <c r="N81407" s="10"/>
    </row>
    <row r="81408" spans="14:14">
      <c r="N81408" s="10"/>
    </row>
    <row r="81409" spans="14:14">
      <c r="N81409" s="10"/>
    </row>
    <row r="81410" spans="14:14">
      <c r="N81410" s="10"/>
    </row>
    <row r="81411" spans="14:14">
      <c r="N81411" s="10"/>
    </row>
    <row r="81412" spans="14:14">
      <c r="N81412" s="10"/>
    </row>
    <row r="81413" spans="14:14">
      <c r="N81413" s="10"/>
    </row>
    <row r="81414" spans="14:14">
      <c r="N81414" s="10"/>
    </row>
    <row r="81415" spans="14:14">
      <c r="N81415" s="10"/>
    </row>
    <row r="81416" spans="14:14">
      <c r="N81416" s="10"/>
    </row>
    <row r="81417" spans="14:14">
      <c r="N81417" s="10"/>
    </row>
    <row r="81418" spans="14:14">
      <c r="N81418" s="10"/>
    </row>
    <row r="81419" spans="14:14">
      <c r="N81419" s="10"/>
    </row>
    <row r="81420" spans="14:14">
      <c r="N81420" s="10"/>
    </row>
    <row r="81421" spans="14:14">
      <c r="N81421" s="10"/>
    </row>
    <row r="81422" spans="14:14">
      <c r="N81422" s="10"/>
    </row>
    <row r="81423" spans="14:14">
      <c r="N81423" s="10"/>
    </row>
    <row r="81424" spans="14:14">
      <c r="N81424" s="10"/>
    </row>
    <row r="81425" spans="14:14">
      <c r="N81425" s="10"/>
    </row>
    <row r="81426" spans="14:14">
      <c r="N81426" s="10"/>
    </row>
    <row r="81427" spans="14:14">
      <c r="N81427" s="10"/>
    </row>
    <row r="81428" spans="14:14">
      <c r="N81428" s="10"/>
    </row>
    <row r="81429" spans="14:14">
      <c r="N81429" s="10"/>
    </row>
    <row r="81430" spans="14:14">
      <c r="N81430" s="10"/>
    </row>
    <row r="81431" spans="14:14">
      <c r="N81431" s="10"/>
    </row>
    <row r="81432" spans="14:14">
      <c r="N81432" s="10"/>
    </row>
    <row r="81433" spans="14:14">
      <c r="N81433" s="10"/>
    </row>
    <row r="81434" spans="14:14">
      <c r="N81434" s="10"/>
    </row>
    <row r="81435" spans="14:14">
      <c r="N81435" s="10"/>
    </row>
    <row r="81436" spans="14:14">
      <c r="N81436" s="10"/>
    </row>
    <row r="81437" spans="14:14">
      <c r="N81437" s="10"/>
    </row>
    <row r="81438" spans="14:14">
      <c r="N81438" s="10"/>
    </row>
    <row r="81439" spans="14:14">
      <c r="N81439" s="10"/>
    </row>
    <row r="81440" spans="14:14">
      <c r="N81440" s="10"/>
    </row>
    <row r="81441" spans="14:14">
      <c r="N81441" s="10"/>
    </row>
    <row r="81442" spans="14:14">
      <c r="N81442" s="10"/>
    </row>
    <row r="81443" spans="14:14">
      <c r="N81443" s="10"/>
    </row>
    <row r="81444" spans="14:14">
      <c r="N81444" s="10"/>
    </row>
    <row r="81445" spans="14:14">
      <c r="N81445" s="10"/>
    </row>
    <row r="81446" spans="14:14">
      <c r="N81446" s="10"/>
    </row>
    <row r="81447" spans="14:14">
      <c r="N81447" s="10"/>
    </row>
    <row r="81448" spans="14:14">
      <c r="N81448" s="10"/>
    </row>
    <row r="81449" spans="14:14">
      <c r="N81449" s="10"/>
    </row>
    <row r="81450" spans="14:14">
      <c r="N81450" s="10"/>
    </row>
    <row r="81451" spans="14:14">
      <c r="N81451" s="10"/>
    </row>
    <row r="81452" spans="14:14">
      <c r="N81452" s="10"/>
    </row>
    <row r="81453" spans="14:14">
      <c r="N81453" s="10"/>
    </row>
    <row r="81454" spans="14:14">
      <c r="N81454" s="10"/>
    </row>
    <row r="81455" spans="14:14">
      <c r="N81455" s="10"/>
    </row>
    <row r="81456" spans="14:14">
      <c r="N81456" s="10"/>
    </row>
    <row r="81457" spans="14:14">
      <c r="N81457" s="10"/>
    </row>
    <row r="81458" spans="14:14">
      <c r="N81458" s="10"/>
    </row>
    <row r="81459" spans="14:14">
      <c r="N81459" s="10"/>
    </row>
    <row r="81460" spans="14:14">
      <c r="N81460" s="10"/>
    </row>
    <row r="81461" spans="14:14">
      <c r="N81461" s="10"/>
    </row>
    <row r="81462" spans="14:14">
      <c r="N81462" s="10"/>
    </row>
    <row r="81463" spans="14:14">
      <c r="N81463" s="10"/>
    </row>
    <row r="81464" spans="14:14">
      <c r="N81464" s="10"/>
    </row>
    <row r="81465" spans="14:14">
      <c r="N81465" s="10"/>
    </row>
    <row r="81466" spans="14:14">
      <c r="N81466" s="10"/>
    </row>
    <row r="81467" spans="14:14">
      <c r="N81467" s="10"/>
    </row>
    <row r="81468" spans="14:14">
      <c r="N81468" s="10"/>
    </row>
    <row r="81469" spans="14:14">
      <c r="N81469" s="10"/>
    </row>
    <row r="81470" spans="14:14">
      <c r="N81470" s="10"/>
    </row>
    <row r="81471" spans="14:14">
      <c r="N81471" s="10"/>
    </row>
    <row r="81472" spans="14:14">
      <c r="N81472" s="10"/>
    </row>
    <row r="81473" spans="14:14">
      <c r="N81473" s="10"/>
    </row>
    <row r="81474" spans="14:14">
      <c r="N81474" s="10"/>
    </row>
    <row r="81475" spans="14:14">
      <c r="N81475" s="10"/>
    </row>
    <row r="81476" spans="14:14">
      <c r="N81476" s="10"/>
    </row>
    <row r="81477" spans="14:14">
      <c r="N81477" s="10"/>
    </row>
    <row r="81478" spans="14:14">
      <c r="N81478" s="10"/>
    </row>
    <row r="81479" spans="14:14">
      <c r="N81479" s="10"/>
    </row>
    <row r="81480" spans="14:14">
      <c r="N81480" s="10"/>
    </row>
    <row r="81481" spans="14:14">
      <c r="N81481" s="10"/>
    </row>
    <row r="81482" spans="14:14">
      <c r="N81482" s="10"/>
    </row>
    <row r="81483" spans="14:14">
      <c r="N81483" s="10"/>
    </row>
    <row r="81484" spans="14:14">
      <c r="N81484" s="10"/>
    </row>
    <row r="81485" spans="14:14">
      <c r="N81485" s="10"/>
    </row>
    <row r="81486" spans="14:14">
      <c r="N81486" s="10"/>
    </row>
    <row r="81487" spans="14:14">
      <c r="N81487" s="10"/>
    </row>
    <row r="81488" spans="14:14">
      <c r="N81488" s="10"/>
    </row>
    <row r="81489" spans="14:14">
      <c r="N81489" s="10"/>
    </row>
    <row r="81490" spans="14:14">
      <c r="N81490" s="10"/>
    </row>
    <row r="81491" spans="14:14">
      <c r="N81491" s="10"/>
    </row>
    <row r="81492" spans="14:14">
      <c r="N81492" s="10"/>
    </row>
    <row r="81493" spans="14:14">
      <c r="N81493" s="10"/>
    </row>
    <row r="81494" spans="14:14">
      <c r="N81494" s="10"/>
    </row>
    <row r="81495" spans="14:14">
      <c r="N81495" s="10"/>
    </row>
    <row r="81496" spans="14:14">
      <c r="N81496" s="10"/>
    </row>
    <row r="81497" spans="14:14">
      <c r="N81497" s="10"/>
    </row>
    <row r="81498" spans="14:14">
      <c r="N81498" s="10"/>
    </row>
    <row r="81499" spans="14:14">
      <c r="N81499" s="10"/>
    </row>
    <row r="81500" spans="14:14">
      <c r="N81500" s="10"/>
    </row>
    <row r="81501" spans="14:14">
      <c r="N81501" s="10"/>
    </row>
    <row r="81502" spans="14:14">
      <c r="N81502" s="10"/>
    </row>
    <row r="81503" spans="14:14">
      <c r="N81503" s="10"/>
    </row>
    <row r="81504" spans="14:14">
      <c r="N81504" s="10"/>
    </row>
    <row r="81505" spans="14:14">
      <c r="N81505" s="10"/>
    </row>
    <row r="81506" spans="14:14">
      <c r="N81506" s="10"/>
    </row>
    <row r="81507" spans="14:14">
      <c r="N81507" s="10"/>
    </row>
    <row r="81508" spans="14:14">
      <c r="N81508" s="10"/>
    </row>
    <row r="81509" spans="14:14">
      <c r="N81509" s="10"/>
    </row>
    <row r="81510" spans="14:14">
      <c r="N81510" s="10"/>
    </row>
    <row r="81511" spans="14:14">
      <c r="N81511" s="10"/>
    </row>
    <row r="81512" spans="14:14">
      <c r="N81512" s="10"/>
    </row>
    <row r="81513" spans="14:14">
      <c r="N81513" s="10"/>
    </row>
    <row r="81514" spans="14:14">
      <c r="N81514" s="10"/>
    </row>
    <row r="81515" spans="14:14">
      <c r="N81515" s="10"/>
    </row>
    <row r="81516" spans="14:14">
      <c r="N81516" s="10"/>
    </row>
    <row r="81517" spans="14:14">
      <c r="N81517" s="10"/>
    </row>
    <row r="81518" spans="14:14">
      <c r="N81518" s="10"/>
    </row>
    <row r="81519" spans="14:14">
      <c r="N81519" s="10"/>
    </row>
    <row r="81520" spans="14:14">
      <c r="N81520" s="10"/>
    </row>
    <row r="81521" spans="14:14">
      <c r="N81521" s="10"/>
    </row>
    <row r="81522" spans="14:14">
      <c r="N81522" s="10"/>
    </row>
    <row r="81523" spans="14:14">
      <c r="N81523" s="10"/>
    </row>
    <row r="81524" spans="14:14">
      <c r="N81524" s="10"/>
    </row>
    <row r="81525" spans="14:14">
      <c r="N81525" s="10"/>
    </row>
    <row r="81526" spans="14:14">
      <c r="N81526" s="10"/>
    </row>
    <row r="81527" spans="14:14">
      <c r="N81527" s="10"/>
    </row>
    <row r="81528" spans="14:14">
      <c r="N81528" s="10"/>
    </row>
    <row r="81529" spans="14:14">
      <c r="N81529" s="10"/>
    </row>
    <row r="81530" spans="14:14">
      <c r="N81530" s="10"/>
    </row>
    <row r="81531" spans="14:14">
      <c r="N81531" s="10"/>
    </row>
    <row r="81532" spans="14:14">
      <c r="N81532" s="10"/>
    </row>
    <row r="81533" spans="14:14">
      <c r="N81533" s="10"/>
    </row>
    <row r="81534" spans="14:14">
      <c r="N81534" s="10"/>
    </row>
    <row r="81535" spans="14:14">
      <c r="N81535" s="10"/>
    </row>
    <row r="81536" spans="14:14">
      <c r="N81536" s="10"/>
    </row>
    <row r="81537" spans="14:14">
      <c r="N81537" s="10"/>
    </row>
    <row r="81538" spans="14:14">
      <c r="N81538" s="10"/>
    </row>
    <row r="81539" spans="14:14">
      <c r="N81539" s="10"/>
    </row>
    <row r="81540" spans="14:14">
      <c r="N81540" s="10"/>
    </row>
    <row r="81541" spans="14:14">
      <c r="N81541" s="10"/>
    </row>
    <row r="81542" spans="14:14">
      <c r="N81542" s="10"/>
    </row>
    <row r="81543" spans="14:14">
      <c r="N81543" s="10"/>
    </row>
    <row r="81544" spans="14:14">
      <c r="N81544" s="10"/>
    </row>
    <row r="81545" spans="14:14">
      <c r="N81545" s="10"/>
    </row>
    <row r="81546" spans="14:14">
      <c r="N81546" s="10"/>
    </row>
    <row r="81547" spans="14:14">
      <c r="N81547" s="10"/>
    </row>
    <row r="81548" spans="14:14">
      <c r="N81548" s="10"/>
    </row>
    <row r="81549" spans="14:14">
      <c r="N81549" s="10"/>
    </row>
    <row r="81550" spans="14:14">
      <c r="N81550" s="10"/>
    </row>
    <row r="81551" spans="14:14">
      <c r="N81551" s="10"/>
    </row>
    <row r="81552" spans="14:14">
      <c r="N81552" s="10"/>
    </row>
    <row r="81553" spans="14:14">
      <c r="N81553" s="10"/>
    </row>
    <row r="81554" spans="14:14">
      <c r="N81554" s="10"/>
    </row>
    <row r="81555" spans="14:14">
      <c r="N81555" s="10"/>
    </row>
    <row r="81556" spans="14:14">
      <c r="N81556" s="10"/>
    </row>
    <row r="81557" spans="14:14">
      <c r="N81557" s="10"/>
    </row>
    <row r="81558" spans="14:14">
      <c r="N81558" s="10"/>
    </row>
    <row r="81559" spans="14:14">
      <c r="N81559" s="10"/>
    </row>
    <row r="81560" spans="14:14">
      <c r="N81560" s="10"/>
    </row>
    <row r="81561" spans="14:14">
      <c r="N81561" s="10"/>
    </row>
    <row r="81562" spans="14:14">
      <c r="N81562" s="10"/>
    </row>
    <row r="81563" spans="14:14">
      <c r="N81563" s="10"/>
    </row>
    <row r="81564" spans="14:14">
      <c r="N81564" s="10"/>
    </row>
    <row r="81565" spans="14:14">
      <c r="N81565" s="10"/>
    </row>
    <row r="81566" spans="14:14">
      <c r="N81566" s="10"/>
    </row>
    <row r="81567" spans="14:14">
      <c r="N81567" s="10"/>
    </row>
    <row r="81568" spans="14:14">
      <c r="N81568" s="10"/>
    </row>
    <row r="81569" spans="14:14">
      <c r="N81569" s="10"/>
    </row>
    <row r="81570" spans="14:14">
      <c r="N81570" s="10"/>
    </row>
    <row r="81571" spans="14:14">
      <c r="N81571" s="10"/>
    </row>
    <row r="81572" spans="14:14">
      <c r="N81572" s="10"/>
    </row>
    <row r="81573" spans="14:14">
      <c r="N81573" s="10"/>
    </row>
    <row r="81574" spans="14:14">
      <c r="N81574" s="10"/>
    </row>
    <row r="81575" spans="14:14">
      <c r="N81575" s="10"/>
    </row>
    <row r="81576" spans="14:14">
      <c r="N81576" s="10"/>
    </row>
    <row r="81577" spans="14:14">
      <c r="N81577" s="10"/>
    </row>
    <row r="81578" spans="14:14">
      <c r="N81578" s="10"/>
    </row>
    <row r="81579" spans="14:14">
      <c r="N81579" s="10"/>
    </row>
    <row r="81580" spans="14:14">
      <c r="N81580" s="10"/>
    </row>
    <row r="81581" spans="14:14">
      <c r="N81581" s="10"/>
    </row>
    <row r="81582" spans="14:14">
      <c r="N81582" s="10"/>
    </row>
    <row r="81583" spans="14:14">
      <c r="N81583" s="10"/>
    </row>
    <row r="81584" spans="14:14">
      <c r="N81584" s="10"/>
    </row>
    <row r="81585" spans="14:14">
      <c r="N81585" s="10"/>
    </row>
    <row r="81586" spans="14:14">
      <c r="N81586" s="10"/>
    </row>
    <row r="81587" spans="14:14">
      <c r="N81587" s="10"/>
    </row>
    <row r="81588" spans="14:14">
      <c r="N81588" s="10"/>
    </row>
    <row r="81589" spans="14:14">
      <c r="N81589" s="10"/>
    </row>
    <row r="81590" spans="14:14">
      <c r="N81590" s="10"/>
    </row>
    <row r="81591" spans="14:14">
      <c r="N81591" s="10"/>
    </row>
    <row r="81592" spans="14:14">
      <c r="N81592" s="10"/>
    </row>
    <row r="81593" spans="14:14">
      <c r="N81593" s="10"/>
    </row>
    <row r="81594" spans="14:14">
      <c r="N81594" s="10"/>
    </row>
    <row r="81595" spans="14:14">
      <c r="N81595" s="10"/>
    </row>
    <row r="81596" spans="14:14">
      <c r="N81596" s="10"/>
    </row>
    <row r="81597" spans="14:14">
      <c r="N81597" s="10"/>
    </row>
    <row r="81598" spans="14:14">
      <c r="N81598" s="10"/>
    </row>
    <row r="81599" spans="14:14">
      <c r="N81599" s="10"/>
    </row>
    <row r="81600" spans="14:14">
      <c r="N81600" s="10"/>
    </row>
    <row r="81601" spans="14:14">
      <c r="N81601" s="10"/>
    </row>
    <row r="81602" spans="14:14">
      <c r="N81602" s="10"/>
    </row>
    <row r="81603" spans="14:14">
      <c r="N81603" s="10"/>
    </row>
    <row r="81604" spans="14:14">
      <c r="N81604" s="10"/>
    </row>
    <row r="81605" spans="14:14">
      <c r="N81605" s="10"/>
    </row>
    <row r="81606" spans="14:14">
      <c r="N81606" s="10"/>
    </row>
    <row r="81607" spans="14:14">
      <c r="N81607" s="10"/>
    </row>
    <row r="81608" spans="14:14">
      <c r="N81608" s="10"/>
    </row>
    <row r="81609" spans="14:14">
      <c r="N81609" s="10"/>
    </row>
    <row r="81610" spans="14:14">
      <c r="N81610" s="10"/>
    </row>
    <row r="81611" spans="14:14">
      <c r="N81611" s="10"/>
    </row>
    <row r="81612" spans="14:14">
      <c r="N81612" s="10"/>
    </row>
    <row r="81613" spans="14:14">
      <c r="N81613" s="10"/>
    </row>
    <row r="81614" spans="14:14">
      <c r="N81614" s="10"/>
    </row>
    <row r="81615" spans="14:14">
      <c r="N81615" s="10"/>
    </row>
    <row r="81616" spans="14:14">
      <c r="N81616" s="10"/>
    </row>
    <row r="81617" spans="14:14">
      <c r="N81617" s="10"/>
    </row>
    <row r="81618" spans="14:14">
      <c r="N81618" s="10"/>
    </row>
    <row r="81619" spans="14:14">
      <c r="N81619" s="10"/>
    </row>
    <row r="81620" spans="14:14">
      <c r="N81620" s="10"/>
    </row>
    <row r="81621" spans="14:14">
      <c r="N81621" s="10"/>
    </row>
    <row r="81622" spans="14:14">
      <c r="N81622" s="10"/>
    </row>
    <row r="81623" spans="14:14">
      <c r="N81623" s="10"/>
    </row>
    <row r="81624" spans="14:14">
      <c r="N81624" s="10"/>
    </row>
    <row r="81625" spans="14:14">
      <c r="N81625" s="10"/>
    </row>
    <row r="81626" spans="14:14">
      <c r="N81626" s="10"/>
    </row>
    <row r="81627" spans="14:14">
      <c r="N81627" s="10"/>
    </row>
    <row r="81628" spans="14:14">
      <c r="N81628" s="10"/>
    </row>
    <row r="81629" spans="14:14">
      <c r="N81629" s="10"/>
    </row>
    <row r="81630" spans="14:14">
      <c r="N81630" s="10"/>
    </row>
    <row r="81631" spans="14:14">
      <c r="N81631" s="10"/>
    </row>
    <row r="81632" spans="14:14">
      <c r="N81632" s="10"/>
    </row>
    <row r="81633" spans="14:14">
      <c r="N81633" s="10"/>
    </row>
    <row r="81634" spans="14:14">
      <c r="N81634" s="10"/>
    </row>
    <row r="81635" spans="14:14">
      <c r="N81635" s="10"/>
    </row>
    <row r="81636" spans="14:14">
      <c r="N81636" s="10"/>
    </row>
    <row r="81637" spans="14:14">
      <c r="N81637" s="10"/>
    </row>
    <row r="81638" spans="14:14">
      <c r="N81638" s="10"/>
    </row>
    <row r="81639" spans="14:14">
      <c r="N81639" s="10"/>
    </row>
    <row r="81640" spans="14:14">
      <c r="N81640" s="10"/>
    </row>
    <row r="81641" spans="14:14">
      <c r="N81641" s="10"/>
    </row>
    <row r="81642" spans="14:14">
      <c r="N81642" s="10"/>
    </row>
    <row r="81643" spans="14:14">
      <c r="N81643" s="10"/>
    </row>
    <row r="81644" spans="14:14">
      <c r="N81644" s="10"/>
    </row>
    <row r="81645" spans="14:14">
      <c r="N81645" s="10"/>
    </row>
    <row r="81646" spans="14:14">
      <c r="N81646" s="10"/>
    </row>
    <row r="81647" spans="14:14">
      <c r="N81647" s="10"/>
    </row>
    <row r="81648" spans="14:14">
      <c r="N81648" s="10"/>
    </row>
    <row r="81649" spans="14:14">
      <c r="N81649" s="10"/>
    </row>
    <row r="81650" spans="14:14">
      <c r="N81650" s="10"/>
    </row>
    <row r="81651" spans="14:14">
      <c r="N81651" s="10"/>
    </row>
    <row r="81652" spans="14:14">
      <c r="N81652" s="10"/>
    </row>
    <row r="81653" spans="14:14">
      <c r="N81653" s="10"/>
    </row>
    <row r="81654" spans="14:14">
      <c r="N81654" s="10"/>
    </row>
    <row r="81655" spans="14:14">
      <c r="N81655" s="10"/>
    </row>
    <row r="81656" spans="14:14">
      <c r="N81656" s="10"/>
    </row>
    <row r="81657" spans="14:14">
      <c r="N81657" s="10"/>
    </row>
    <row r="81658" spans="14:14">
      <c r="N81658" s="10"/>
    </row>
    <row r="81659" spans="14:14">
      <c r="N81659" s="10"/>
    </row>
    <row r="81660" spans="14:14">
      <c r="N81660" s="10"/>
    </row>
    <row r="81661" spans="14:14">
      <c r="N81661" s="10"/>
    </row>
    <row r="81662" spans="14:14">
      <c r="N81662" s="10"/>
    </row>
    <row r="81663" spans="14:14">
      <c r="N81663" s="10"/>
    </row>
    <row r="81664" spans="14:14">
      <c r="N81664" s="10"/>
    </row>
    <row r="81665" spans="14:14">
      <c r="N81665" s="10"/>
    </row>
    <row r="81666" spans="14:14">
      <c r="N81666" s="10"/>
    </row>
    <row r="81667" spans="14:14">
      <c r="N81667" s="10"/>
    </row>
    <row r="81668" spans="14:14">
      <c r="N81668" s="10"/>
    </row>
    <row r="81669" spans="14:14">
      <c r="N81669" s="10"/>
    </row>
    <row r="81670" spans="14:14">
      <c r="N81670" s="10"/>
    </row>
    <row r="81671" spans="14:14">
      <c r="N81671" s="10"/>
    </row>
    <row r="81672" spans="14:14">
      <c r="N81672" s="10"/>
    </row>
    <row r="81673" spans="14:14">
      <c r="N81673" s="10"/>
    </row>
    <row r="81674" spans="14:14">
      <c r="N81674" s="10"/>
    </row>
    <row r="81675" spans="14:14">
      <c r="N81675" s="10"/>
    </row>
    <row r="81676" spans="14:14">
      <c r="N81676" s="10"/>
    </row>
    <row r="81677" spans="14:14">
      <c r="N81677" s="10"/>
    </row>
    <row r="81678" spans="14:14">
      <c r="N81678" s="10"/>
    </row>
    <row r="81679" spans="14:14">
      <c r="N81679" s="10"/>
    </row>
    <row r="81680" spans="14:14">
      <c r="N81680" s="10"/>
    </row>
    <row r="81681" spans="14:14">
      <c r="N81681" s="10"/>
    </row>
    <row r="81682" spans="14:14">
      <c r="N81682" s="10"/>
    </row>
    <row r="81683" spans="14:14">
      <c r="N81683" s="10"/>
    </row>
    <row r="81684" spans="14:14">
      <c r="N81684" s="10"/>
    </row>
    <row r="81685" spans="14:14">
      <c r="N81685" s="10"/>
    </row>
    <row r="81686" spans="14:14">
      <c r="N81686" s="10"/>
    </row>
    <row r="81687" spans="14:14">
      <c r="N81687" s="10"/>
    </row>
    <row r="81688" spans="14:14">
      <c r="N81688" s="10"/>
    </row>
    <row r="81689" spans="14:14">
      <c r="N81689" s="10"/>
    </row>
    <row r="81690" spans="14:14">
      <c r="N81690" s="10"/>
    </row>
    <row r="81691" spans="14:14">
      <c r="N81691" s="10"/>
    </row>
    <row r="81692" spans="14:14">
      <c r="N81692" s="10"/>
    </row>
    <row r="81693" spans="14:14">
      <c r="N81693" s="10"/>
    </row>
    <row r="81694" spans="14:14">
      <c r="N81694" s="10"/>
    </row>
    <row r="81695" spans="14:14">
      <c r="N81695" s="10"/>
    </row>
    <row r="81696" spans="14:14">
      <c r="N81696" s="10"/>
    </row>
    <row r="81697" spans="14:14">
      <c r="N81697" s="10"/>
    </row>
    <row r="81698" spans="14:14">
      <c r="N81698" s="10"/>
    </row>
    <row r="81699" spans="14:14">
      <c r="N81699" s="10"/>
    </row>
    <row r="81700" spans="14:14">
      <c r="N81700" s="10"/>
    </row>
    <row r="81701" spans="14:14">
      <c r="N81701" s="10"/>
    </row>
    <row r="81702" spans="14:14">
      <c r="N81702" s="10"/>
    </row>
    <row r="81703" spans="14:14">
      <c r="N81703" s="10"/>
    </row>
    <row r="81704" spans="14:14">
      <c r="N81704" s="10"/>
    </row>
    <row r="81705" spans="14:14">
      <c r="N81705" s="10"/>
    </row>
    <row r="81706" spans="14:14">
      <c r="N81706" s="10"/>
    </row>
    <row r="81707" spans="14:14">
      <c r="N81707" s="10"/>
    </row>
    <row r="81708" spans="14:14">
      <c r="N81708" s="10"/>
    </row>
    <row r="81709" spans="14:14">
      <c r="N81709" s="10"/>
    </row>
    <row r="81710" spans="14:14">
      <c r="N81710" s="10"/>
    </row>
    <row r="81711" spans="14:14">
      <c r="N81711" s="10"/>
    </row>
    <row r="81712" spans="14:14">
      <c r="N81712" s="10"/>
    </row>
    <row r="81713" spans="14:14">
      <c r="N81713" s="10"/>
    </row>
    <row r="81714" spans="14:14">
      <c r="N81714" s="10"/>
    </row>
    <row r="81715" spans="14:14">
      <c r="N81715" s="10"/>
    </row>
    <row r="81716" spans="14:14">
      <c r="N81716" s="10"/>
    </row>
    <row r="81717" spans="14:14">
      <c r="N81717" s="10"/>
    </row>
    <row r="81718" spans="14:14">
      <c r="N81718" s="10"/>
    </row>
    <row r="81719" spans="14:14">
      <c r="N81719" s="10"/>
    </row>
    <row r="81720" spans="14:14">
      <c r="N81720" s="10"/>
    </row>
    <row r="81721" spans="14:14">
      <c r="N81721" s="10"/>
    </row>
    <row r="81722" spans="14:14">
      <c r="N81722" s="10"/>
    </row>
    <row r="81723" spans="14:14">
      <c r="N81723" s="10"/>
    </row>
    <row r="81724" spans="14:14">
      <c r="N81724" s="10"/>
    </row>
    <row r="81725" spans="14:14">
      <c r="N81725" s="10"/>
    </row>
    <row r="81726" spans="14:14">
      <c r="N81726" s="10"/>
    </row>
    <row r="81727" spans="14:14">
      <c r="N81727" s="10"/>
    </row>
    <row r="81728" spans="14:14">
      <c r="N81728" s="10"/>
    </row>
    <row r="81729" spans="14:14">
      <c r="N81729" s="10"/>
    </row>
    <row r="81730" spans="14:14">
      <c r="N81730" s="10"/>
    </row>
    <row r="81731" spans="14:14">
      <c r="N81731" s="10"/>
    </row>
    <row r="81732" spans="14:14">
      <c r="N81732" s="10"/>
    </row>
    <row r="81733" spans="14:14">
      <c r="N81733" s="10"/>
    </row>
    <row r="81734" spans="14:14">
      <c r="N81734" s="10"/>
    </row>
    <row r="81735" spans="14:14">
      <c r="N81735" s="10"/>
    </row>
    <row r="81736" spans="14:14">
      <c r="N81736" s="10"/>
    </row>
    <row r="81737" spans="14:14">
      <c r="N81737" s="10"/>
    </row>
    <row r="81738" spans="14:14">
      <c r="N81738" s="10"/>
    </row>
    <row r="81739" spans="14:14">
      <c r="N81739" s="10"/>
    </row>
    <row r="81740" spans="14:14">
      <c r="N81740" s="10"/>
    </row>
    <row r="81741" spans="14:14">
      <c r="N81741" s="10"/>
    </row>
    <row r="81742" spans="14:14">
      <c r="N81742" s="10"/>
    </row>
    <row r="81743" spans="14:14">
      <c r="N81743" s="10"/>
    </row>
    <row r="81744" spans="14:14">
      <c r="N81744" s="10"/>
    </row>
    <row r="81745" spans="14:14">
      <c r="N81745" s="10"/>
    </row>
    <row r="81746" spans="14:14">
      <c r="N81746" s="10"/>
    </row>
    <row r="81747" spans="14:14">
      <c r="N81747" s="10"/>
    </row>
    <row r="81748" spans="14:14">
      <c r="N81748" s="10"/>
    </row>
    <row r="81749" spans="14:14">
      <c r="N81749" s="10"/>
    </row>
    <row r="81750" spans="14:14">
      <c r="N81750" s="10"/>
    </row>
    <row r="81751" spans="14:14">
      <c r="N81751" s="10"/>
    </row>
    <row r="81752" spans="14:14">
      <c r="N81752" s="10"/>
    </row>
    <row r="81753" spans="14:14">
      <c r="N81753" s="10"/>
    </row>
    <row r="81754" spans="14:14">
      <c r="N81754" s="10"/>
    </row>
    <row r="81755" spans="14:14">
      <c r="N81755" s="10"/>
    </row>
    <row r="81756" spans="14:14">
      <c r="N81756" s="10"/>
    </row>
    <row r="81757" spans="14:14">
      <c r="N81757" s="10"/>
    </row>
    <row r="81758" spans="14:14">
      <c r="N81758" s="10"/>
    </row>
    <row r="81759" spans="14:14">
      <c r="N81759" s="10"/>
    </row>
    <row r="81760" spans="14:14">
      <c r="N81760" s="10"/>
    </row>
    <row r="81761" spans="14:14">
      <c r="N81761" s="10"/>
    </row>
    <row r="81762" spans="14:14">
      <c r="N81762" s="10"/>
    </row>
    <row r="81763" spans="14:14">
      <c r="N81763" s="10"/>
    </row>
    <row r="81764" spans="14:14">
      <c r="N81764" s="10"/>
    </row>
    <row r="81765" spans="14:14">
      <c r="N81765" s="10"/>
    </row>
    <row r="81766" spans="14:14">
      <c r="N81766" s="10"/>
    </row>
    <row r="81767" spans="14:14">
      <c r="N81767" s="10"/>
    </row>
    <row r="81768" spans="14:14">
      <c r="N81768" s="10"/>
    </row>
    <row r="81769" spans="14:14">
      <c r="N81769" s="10"/>
    </row>
    <row r="81770" spans="14:14">
      <c r="N81770" s="10"/>
    </row>
    <row r="81771" spans="14:14">
      <c r="N81771" s="10"/>
    </row>
    <row r="81772" spans="14:14">
      <c r="N81772" s="10"/>
    </row>
    <row r="81773" spans="14:14">
      <c r="N81773" s="10"/>
    </row>
    <row r="81774" spans="14:14">
      <c r="N81774" s="10"/>
    </row>
    <row r="81775" spans="14:14">
      <c r="N81775" s="10"/>
    </row>
    <row r="81776" spans="14:14">
      <c r="N81776" s="10"/>
    </row>
    <row r="81777" spans="14:14">
      <c r="N81777" s="10"/>
    </row>
    <row r="81778" spans="14:14">
      <c r="N81778" s="10"/>
    </row>
    <row r="81779" spans="14:14">
      <c r="N81779" s="10"/>
    </row>
    <row r="81780" spans="14:14">
      <c r="N81780" s="10"/>
    </row>
    <row r="81781" spans="14:14">
      <c r="N81781" s="10"/>
    </row>
    <row r="81782" spans="14:14">
      <c r="N81782" s="10"/>
    </row>
    <row r="81783" spans="14:14">
      <c r="N81783" s="10"/>
    </row>
    <row r="81784" spans="14:14">
      <c r="N81784" s="10"/>
    </row>
    <row r="81785" spans="14:14">
      <c r="N81785" s="10"/>
    </row>
    <row r="81786" spans="14:14">
      <c r="N81786" s="10"/>
    </row>
    <row r="81787" spans="14:14">
      <c r="N81787" s="10"/>
    </row>
    <row r="81788" spans="14:14">
      <c r="N81788" s="10"/>
    </row>
    <row r="81789" spans="14:14">
      <c r="N81789" s="10"/>
    </row>
    <row r="81790" spans="14:14">
      <c r="N81790" s="10"/>
    </row>
    <row r="81791" spans="14:14">
      <c r="N81791" s="10"/>
    </row>
    <row r="81792" spans="14:14">
      <c r="N81792" s="10"/>
    </row>
    <row r="81793" spans="14:14">
      <c r="N81793" s="10"/>
    </row>
    <row r="81794" spans="14:14">
      <c r="N81794" s="10"/>
    </row>
    <row r="81795" spans="14:14">
      <c r="N81795" s="10"/>
    </row>
    <row r="81796" spans="14:14">
      <c r="N81796" s="10"/>
    </row>
    <row r="81797" spans="14:14">
      <c r="N81797" s="10"/>
    </row>
    <row r="81798" spans="14:14">
      <c r="N81798" s="10"/>
    </row>
    <row r="81799" spans="14:14">
      <c r="N81799" s="10"/>
    </row>
    <row r="81800" spans="14:14">
      <c r="N81800" s="10"/>
    </row>
    <row r="81801" spans="14:14">
      <c r="N81801" s="10"/>
    </row>
    <row r="81802" spans="14:14">
      <c r="N81802" s="10"/>
    </row>
    <row r="81803" spans="14:14">
      <c r="N81803" s="10"/>
    </row>
    <row r="81804" spans="14:14">
      <c r="N81804" s="10"/>
    </row>
    <row r="81805" spans="14:14">
      <c r="N81805" s="10"/>
    </row>
    <row r="81806" spans="14:14">
      <c r="N81806" s="10"/>
    </row>
    <row r="81807" spans="14:14">
      <c r="N81807" s="10"/>
    </row>
    <row r="81808" spans="14:14">
      <c r="N81808" s="10"/>
    </row>
    <row r="81809" spans="14:14">
      <c r="N81809" s="10"/>
    </row>
    <row r="81810" spans="14:14">
      <c r="N81810" s="10"/>
    </row>
    <row r="81811" spans="14:14">
      <c r="N81811" s="10"/>
    </row>
    <row r="81812" spans="14:14">
      <c r="N81812" s="10"/>
    </row>
    <row r="81813" spans="14:14">
      <c r="N81813" s="10"/>
    </row>
    <row r="81814" spans="14:14">
      <c r="N81814" s="10"/>
    </row>
    <row r="81815" spans="14:14">
      <c r="N81815" s="10"/>
    </row>
    <row r="81816" spans="14:14">
      <c r="N81816" s="10"/>
    </row>
    <row r="81817" spans="14:14">
      <c r="N81817" s="10"/>
    </row>
    <row r="81818" spans="14:14">
      <c r="N81818" s="10"/>
    </row>
    <row r="81819" spans="14:14">
      <c r="N81819" s="10"/>
    </row>
    <row r="81820" spans="14:14">
      <c r="N81820" s="10"/>
    </row>
    <row r="81821" spans="14:14">
      <c r="N81821" s="10"/>
    </row>
    <row r="81822" spans="14:14">
      <c r="N81822" s="10"/>
    </row>
    <row r="81823" spans="14:14">
      <c r="N81823" s="10"/>
    </row>
    <row r="81824" spans="14:14">
      <c r="N81824" s="10"/>
    </row>
    <row r="81825" spans="14:14">
      <c r="N81825" s="10"/>
    </row>
    <row r="81826" spans="14:14">
      <c r="N81826" s="10"/>
    </row>
    <row r="81827" spans="14:14">
      <c r="N81827" s="10"/>
    </row>
    <row r="81828" spans="14:14">
      <c r="N81828" s="10"/>
    </row>
    <row r="81829" spans="14:14">
      <c r="N81829" s="10"/>
    </row>
    <row r="81830" spans="14:14">
      <c r="N81830" s="10"/>
    </row>
    <row r="81831" spans="14:14">
      <c r="N81831" s="10"/>
    </row>
    <row r="81832" spans="14:14">
      <c r="N81832" s="10"/>
    </row>
    <row r="81833" spans="14:14">
      <c r="N81833" s="10"/>
    </row>
    <row r="81834" spans="14:14">
      <c r="N81834" s="10"/>
    </row>
    <row r="81835" spans="14:14">
      <c r="N81835" s="10"/>
    </row>
    <row r="81836" spans="14:14">
      <c r="N81836" s="10"/>
    </row>
    <row r="81837" spans="14:14">
      <c r="N81837" s="10"/>
    </row>
    <row r="81838" spans="14:14">
      <c r="N81838" s="10"/>
    </row>
    <row r="81839" spans="14:14">
      <c r="N81839" s="10"/>
    </row>
    <row r="81840" spans="14:14">
      <c r="N81840" s="10"/>
    </row>
    <row r="81841" spans="14:14">
      <c r="N81841" s="10"/>
    </row>
    <row r="81842" spans="14:14">
      <c r="N81842" s="10"/>
    </row>
    <row r="81843" spans="14:14">
      <c r="N81843" s="10"/>
    </row>
    <row r="81844" spans="14:14">
      <c r="N81844" s="10"/>
    </row>
    <row r="81845" spans="14:14">
      <c r="N81845" s="10"/>
    </row>
    <row r="81846" spans="14:14">
      <c r="N81846" s="10"/>
    </row>
    <row r="81847" spans="14:14">
      <c r="N81847" s="10"/>
    </row>
    <row r="81848" spans="14:14">
      <c r="N81848" s="10"/>
    </row>
    <row r="81849" spans="14:14">
      <c r="N81849" s="10"/>
    </row>
    <row r="81850" spans="14:14">
      <c r="N81850" s="10"/>
    </row>
    <row r="81851" spans="14:14">
      <c r="N81851" s="10"/>
    </row>
    <row r="81852" spans="14:14">
      <c r="N81852" s="10"/>
    </row>
    <row r="81853" spans="14:14">
      <c r="N81853" s="10"/>
    </row>
    <row r="81854" spans="14:14">
      <c r="N81854" s="10"/>
    </row>
    <row r="81855" spans="14:14">
      <c r="N81855" s="10"/>
    </row>
    <row r="81856" spans="14:14">
      <c r="N81856" s="10"/>
    </row>
    <row r="81857" spans="14:14">
      <c r="N81857" s="10"/>
    </row>
    <row r="81858" spans="14:14">
      <c r="N81858" s="10"/>
    </row>
    <row r="81859" spans="14:14">
      <c r="N81859" s="10"/>
    </row>
    <row r="81860" spans="14:14">
      <c r="N81860" s="10"/>
    </row>
    <row r="81861" spans="14:14">
      <c r="N81861" s="10"/>
    </row>
    <row r="81862" spans="14:14">
      <c r="N81862" s="10"/>
    </row>
    <row r="81863" spans="14:14">
      <c r="N81863" s="10"/>
    </row>
    <row r="81864" spans="14:14">
      <c r="N81864" s="10"/>
    </row>
    <row r="81865" spans="14:14">
      <c r="N81865" s="10"/>
    </row>
    <row r="81866" spans="14:14">
      <c r="N81866" s="10"/>
    </row>
    <row r="81867" spans="14:14">
      <c r="N81867" s="10"/>
    </row>
    <row r="81868" spans="14:14">
      <c r="N81868" s="10"/>
    </row>
    <row r="81869" spans="14:14">
      <c r="N81869" s="10"/>
    </row>
    <row r="81870" spans="14:14">
      <c r="N81870" s="10"/>
    </row>
    <row r="81871" spans="14:14">
      <c r="N81871" s="10"/>
    </row>
    <row r="81872" spans="14:14">
      <c r="N81872" s="10"/>
    </row>
    <row r="81873" spans="14:14">
      <c r="N81873" s="10"/>
    </row>
    <row r="81874" spans="14:14">
      <c r="N81874" s="10"/>
    </row>
    <row r="81875" spans="14:14">
      <c r="N81875" s="10"/>
    </row>
    <row r="81876" spans="14:14">
      <c r="N81876" s="10"/>
    </row>
    <row r="81877" spans="14:14">
      <c r="N81877" s="10"/>
    </row>
    <row r="81878" spans="14:14">
      <c r="N81878" s="10"/>
    </row>
    <row r="81879" spans="14:14">
      <c r="N81879" s="10"/>
    </row>
    <row r="81880" spans="14:14">
      <c r="N81880" s="10"/>
    </row>
    <row r="81881" spans="14:14">
      <c r="N81881" s="10"/>
    </row>
    <row r="81882" spans="14:14">
      <c r="N81882" s="10"/>
    </row>
    <row r="81883" spans="14:14">
      <c r="N81883" s="10"/>
    </row>
    <row r="81884" spans="14:14">
      <c r="N81884" s="10"/>
    </row>
    <row r="81885" spans="14:14">
      <c r="N81885" s="10"/>
    </row>
    <row r="81886" spans="14:14">
      <c r="N81886" s="10"/>
    </row>
    <row r="81887" spans="14:14">
      <c r="N81887" s="10"/>
    </row>
    <row r="81888" spans="14:14">
      <c r="N81888" s="10"/>
    </row>
    <row r="81889" spans="14:14">
      <c r="N81889" s="10"/>
    </row>
    <row r="81890" spans="14:14">
      <c r="N81890" s="10"/>
    </row>
    <row r="81891" spans="14:14">
      <c r="N81891" s="10"/>
    </row>
    <row r="81892" spans="14:14">
      <c r="N81892" s="10"/>
    </row>
    <row r="81893" spans="14:14">
      <c r="N81893" s="10"/>
    </row>
    <row r="81894" spans="14:14">
      <c r="N81894" s="10"/>
    </row>
    <row r="81895" spans="14:14">
      <c r="N81895" s="10"/>
    </row>
    <row r="81896" spans="14:14">
      <c r="N81896" s="10"/>
    </row>
    <row r="81897" spans="14:14">
      <c r="N81897" s="10"/>
    </row>
    <row r="81898" spans="14:14">
      <c r="N81898" s="10"/>
    </row>
    <row r="81899" spans="14:14">
      <c r="N81899" s="10"/>
    </row>
    <row r="81900" spans="14:14">
      <c r="N81900" s="10"/>
    </row>
    <row r="81901" spans="14:14">
      <c r="N81901" s="10"/>
    </row>
    <row r="81902" spans="14:14">
      <c r="N81902" s="10"/>
    </row>
    <row r="81903" spans="14:14">
      <c r="N81903" s="10"/>
    </row>
    <row r="81904" spans="14:14">
      <c r="N81904" s="10"/>
    </row>
    <row r="81905" spans="14:14">
      <c r="N81905" s="10"/>
    </row>
    <row r="81906" spans="14:14">
      <c r="N81906" s="10"/>
    </row>
    <row r="81907" spans="14:14">
      <c r="N81907" s="10"/>
    </row>
    <row r="81908" spans="14:14">
      <c r="N81908" s="10"/>
    </row>
    <row r="81909" spans="14:14">
      <c r="N81909" s="10"/>
    </row>
    <row r="81910" spans="14:14">
      <c r="N81910" s="10"/>
    </row>
    <row r="81911" spans="14:14">
      <c r="N81911" s="10"/>
    </row>
    <row r="81912" spans="14:14">
      <c r="N81912" s="10"/>
    </row>
    <row r="81913" spans="14:14">
      <c r="N81913" s="10"/>
    </row>
    <row r="81914" spans="14:14">
      <c r="N81914" s="10"/>
    </row>
    <row r="81915" spans="14:14">
      <c r="N81915" s="10"/>
    </row>
    <row r="81916" spans="14:14">
      <c r="N81916" s="10"/>
    </row>
    <row r="81917" spans="14:14">
      <c r="N81917" s="10"/>
    </row>
    <row r="81918" spans="14:14">
      <c r="N81918" s="10"/>
    </row>
    <row r="81919" spans="14:14">
      <c r="N81919" s="10"/>
    </row>
    <row r="81920" spans="14:14">
      <c r="N81920" s="10"/>
    </row>
    <row r="81921" spans="14:14">
      <c r="N81921" s="10"/>
    </row>
    <row r="81922" spans="14:14">
      <c r="N81922" s="10"/>
    </row>
    <row r="81923" spans="14:14">
      <c r="N81923" s="10"/>
    </row>
    <row r="81924" spans="14:14">
      <c r="N81924" s="10"/>
    </row>
    <row r="81925" spans="14:14">
      <c r="N81925" s="10"/>
    </row>
    <row r="81926" spans="14:14">
      <c r="N81926" s="10"/>
    </row>
    <row r="81927" spans="14:14">
      <c r="N81927" s="10"/>
    </row>
    <row r="81928" spans="14:14">
      <c r="N81928" s="10"/>
    </row>
    <row r="81929" spans="14:14">
      <c r="N81929" s="10"/>
    </row>
    <row r="81930" spans="14:14">
      <c r="N81930" s="10"/>
    </row>
    <row r="81931" spans="14:14">
      <c r="N81931" s="10"/>
    </row>
    <row r="81932" spans="14:14">
      <c r="N81932" s="10"/>
    </row>
    <row r="81933" spans="14:14">
      <c r="N81933" s="10"/>
    </row>
    <row r="81934" spans="14:14">
      <c r="N81934" s="10"/>
    </row>
    <row r="81935" spans="14:14">
      <c r="N81935" s="10"/>
    </row>
    <row r="81936" spans="14:14">
      <c r="N81936" s="10"/>
    </row>
    <row r="81937" spans="14:14">
      <c r="N81937" s="10"/>
    </row>
    <row r="81938" spans="14:14">
      <c r="N81938" s="10"/>
    </row>
    <row r="81939" spans="14:14">
      <c r="N81939" s="10"/>
    </row>
    <row r="81940" spans="14:14">
      <c r="N81940" s="10"/>
    </row>
    <row r="81941" spans="14:14">
      <c r="N81941" s="10"/>
    </row>
    <row r="81942" spans="14:14">
      <c r="N81942" s="10"/>
    </row>
    <row r="81943" spans="14:14">
      <c r="N81943" s="10"/>
    </row>
    <row r="81944" spans="14:14">
      <c r="N81944" s="10"/>
    </row>
    <row r="81945" spans="14:14">
      <c r="N81945" s="10"/>
    </row>
    <row r="81946" spans="14:14">
      <c r="N81946" s="10"/>
    </row>
    <row r="81947" spans="14:14">
      <c r="N81947" s="10"/>
    </row>
    <row r="81948" spans="14:14">
      <c r="N81948" s="10"/>
    </row>
    <row r="81949" spans="14:14">
      <c r="N81949" s="10"/>
    </row>
    <row r="81950" spans="14:14">
      <c r="N81950" s="10"/>
    </row>
    <row r="81951" spans="14:14">
      <c r="N81951" s="10"/>
    </row>
    <row r="81952" spans="14:14">
      <c r="N81952" s="10"/>
    </row>
    <row r="81953" spans="14:14">
      <c r="N81953" s="10"/>
    </row>
    <row r="81954" spans="14:14">
      <c r="N81954" s="10"/>
    </row>
    <row r="81955" spans="14:14">
      <c r="N81955" s="10"/>
    </row>
    <row r="81956" spans="14:14">
      <c r="N81956" s="10"/>
    </row>
    <row r="81957" spans="14:14">
      <c r="N81957" s="10"/>
    </row>
    <row r="81958" spans="14:14">
      <c r="N81958" s="10"/>
    </row>
    <row r="81959" spans="14:14">
      <c r="N81959" s="10"/>
    </row>
    <row r="81960" spans="14:14">
      <c r="N81960" s="10"/>
    </row>
    <row r="81961" spans="14:14">
      <c r="N81961" s="10"/>
    </row>
    <row r="81962" spans="14:14">
      <c r="N81962" s="10"/>
    </row>
    <row r="81963" spans="14:14">
      <c r="N81963" s="10"/>
    </row>
    <row r="81964" spans="14:14">
      <c r="N81964" s="10"/>
    </row>
    <row r="81965" spans="14:14">
      <c r="N81965" s="10"/>
    </row>
    <row r="81966" spans="14:14">
      <c r="N81966" s="10"/>
    </row>
    <row r="81967" spans="14:14">
      <c r="N81967" s="10"/>
    </row>
    <row r="81968" spans="14:14">
      <c r="N81968" s="10"/>
    </row>
    <row r="81969" spans="14:14">
      <c r="N81969" s="10"/>
    </row>
    <row r="81970" spans="14:14">
      <c r="N81970" s="10"/>
    </row>
    <row r="81971" spans="14:14">
      <c r="N81971" s="10"/>
    </row>
    <row r="81972" spans="14:14">
      <c r="N81972" s="10"/>
    </row>
    <row r="81973" spans="14:14">
      <c r="N81973" s="10"/>
    </row>
    <row r="81974" spans="14:14">
      <c r="N81974" s="10"/>
    </row>
    <row r="81975" spans="14:14">
      <c r="N81975" s="10"/>
    </row>
    <row r="81976" spans="14:14">
      <c r="N81976" s="10"/>
    </row>
    <row r="81977" spans="14:14">
      <c r="N81977" s="10"/>
    </row>
    <row r="81978" spans="14:14">
      <c r="N81978" s="10"/>
    </row>
    <row r="81979" spans="14:14">
      <c r="N81979" s="10"/>
    </row>
    <row r="81980" spans="14:14">
      <c r="N81980" s="10"/>
    </row>
    <row r="81981" spans="14:14">
      <c r="N81981" s="10"/>
    </row>
    <row r="81982" spans="14:14">
      <c r="N81982" s="10"/>
    </row>
    <row r="81983" spans="14:14">
      <c r="N81983" s="10"/>
    </row>
    <row r="81984" spans="14:14">
      <c r="N81984" s="10"/>
    </row>
    <row r="81985" spans="14:14">
      <c r="N81985" s="10"/>
    </row>
    <row r="81986" spans="14:14">
      <c r="N81986" s="10"/>
    </row>
    <row r="81987" spans="14:14">
      <c r="N81987" s="10"/>
    </row>
    <row r="81988" spans="14:14">
      <c r="N81988" s="10"/>
    </row>
    <row r="81989" spans="14:14">
      <c r="N81989" s="10"/>
    </row>
    <row r="81990" spans="14:14">
      <c r="N81990" s="10"/>
    </row>
    <row r="81991" spans="14:14">
      <c r="N81991" s="10"/>
    </row>
    <row r="81992" spans="14:14">
      <c r="N81992" s="10"/>
    </row>
    <row r="81993" spans="14:14">
      <c r="N81993" s="10"/>
    </row>
    <row r="81994" spans="14:14">
      <c r="N81994" s="10"/>
    </row>
    <row r="81995" spans="14:14">
      <c r="N81995" s="10"/>
    </row>
    <row r="81996" spans="14:14">
      <c r="N81996" s="10"/>
    </row>
    <row r="81997" spans="14:14">
      <c r="N81997" s="10"/>
    </row>
    <row r="81998" spans="14:14">
      <c r="N81998" s="10"/>
    </row>
    <row r="81999" spans="14:14">
      <c r="N81999" s="10"/>
    </row>
    <row r="82000" spans="14:14">
      <c r="N82000" s="10"/>
    </row>
    <row r="82001" spans="14:14">
      <c r="N82001" s="10"/>
    </row>
    <row r="82002" spans="14:14">
      <c r="N82002" s="10"/>
    </row>
    <row r="82003" spans="14:14">
      <c r="N82003" s="10"/>
    </row>
    <row r="82004" spans="14:14">
      <c r="N82004" s="10"/>
    </row>
    <row r="82005" spans="14:14">
      <c r="N82005" s="10"/>
    </row>
    <row r="82006" spans="14:14">
      <c r="N82006" s="10"/>
    </row>
    <row r="82007" spans="14:14">
      <c r="N82007" s="10"/>
    </row>
    <row r="82008" spans="14:14">
      <c r="N82008" s="10"/>
    </row>
    <row r="82009" spans="14:14">
      <c r="N82009" s="10"/>
    </row>
    <row r="82010" spans="14:14">
      <c r="N82010" s="10"/>
    </row>
    <row r="82011" spans="14:14">
      <c r="N82011" s="10"/>
    </row>
    <row r="82012" spans="14:14">
      <c r="N82012" s="10"/>
    </row>
    <row r="82013" spans="14:14">
      <c r="N82013" s="10"/>
    </row>
    <row r="82014" spans="14:14">
      <c r="N82014" s="10"/>
    </row>
    <row r="82015" spans="14:14">
      <c r="N82015" s="10"/>
    </row>
    <row r="82016" spans="14:14">
      <c r="N82016" s="10"/>
    </row>
    <row r="82017" spans="14:14">
      <c r="N82017" s="10"/>
    </row>
    <row r="82018" spans="14:14">
      <c r="N82018" s="10"/>
    </row>
    <row r="82019" spans="14:14">
      <c r="N82019" s="10"/>
    </row>
    <row r="82020" spans="14:14">
      <c r="N82020" s="10"/>
    </row>
    <row r="82021" spans="14:14">
      <c r="N82021" s="10"/>
    </row>
    <row r="82022" spans="14:14">
      <c r="N82022" s="10"/>
    </row>
    <row r="82023" spans="14:14">
      <c r="N82023" s="10"/>
    </row>
    <row r="82024" spans="14:14">
      <c r="N82024" s="10"/>
    </row>
    <row r="82025" spans="14:14">
      <c r="N82025" s="10"/>
    </row>
    <row r="82026" spans="14:14">
      <c r="N82026" s="10"/>
    </row>
    <row r="82027" spans="14:14">
      <c r="N82027" s="10"/>
    </row>
    <row r="82028" spans="14:14">
      <c r="N82028" s="10"/>
    </row>
    <row r="82029" spans="14:14">
      <c r="N82029" s="10"/>
    </row>
    <row r="82030" spans="14:14">
      <c r="N82030" s="10"/>
    </row>
    <row r="82031" spans="14:14">
      <c r="N82031" s="10"/>
    </row>
    <row r="82032" spans="14:14">
      <c r="N82032" s="10"/>
    </row>
    <row r="82033" spans="14:14">
      <c r="N82033" s="10"/>
    </row>
    <row r="82034" spans="14:14">
      <c r="N82034" s="10"/>
    </row>
    <row r="82035" spans="14:14">
      <c r="N82035" s="10"/>
    </row>
    <row r="82036" spans="14:14">
      <c r="N82036" s="10"/>
    </row>
    <row r="82037" spans="14:14">
      <c r="N82037" s="10"/>
    </row>
    <row r="82038" spans="14:14">
      <c r="N82038" s="10"/>
    </row>
    <row r="82039" spans="14:14">
      <c r="N82039" s="10"/>
    </row>
    <row r="82040" spans="14:14">
      <c r="N82040" s="10"/>
    </row>
    <row r="82041" spans="14:14">
      <c r="N82041" s="10"/>
    </row>
    <row r="82042" spans="14:14">
      <c r="N82042" s="10"/>
    </row>
    <row r="82043" spans="14:14">
      <c r="N82043" s="10"/>
    </row>
    <row r="82044" spans="14:14">
      <c r="N82044" s="10"/>
    </row>
    <row r="82045" spans="14:14">
      <c r="N82045" s="10"/>
    </row>
    <row r="82046" spans="14:14">
      <c r="N82046" s="10"/>
    </row>
    <row r="82047" spans="14:14">
      <c r="N82047" s="10"/>
    </row>
    <row r="82048" spans="14:14">
      <c r="N82048" s="10"/>
    </row>
    <row r="82049" spans="14:14">
      <c r="N82049" s="10"/>
    </row>
    <row r="82050" spans="14:14">
      <c r="N82050" s="10"/>
    </row>
    <row r="82051" spans="14:14">
      <c r="N82051" s="10"/>
    </row>
    <row r="82052" spans="14:14">
      <c r="N82052" s="10"/>
    </row>
    <row r="82053" spans="14:14">
      <c r="N82053" s="10"/>
    </row>
    <row r="82054" spans="14:14">
      <c r="N82054" s="10"/>
    </row>
    <row r="82055" spans="14:14">
      <c r="N82055" s="10"/>
    </row>
    <row r="82056" spans="14:14">
      <c r="N82056" s="10"/>
    </row>
    <row r="82057" spans="14:14">
      <c r="N82057" s="10"/>
    </row>
    <row r="82058" spans="14:14">
      <c r="N82058" s="10"/>
    </row>
    <row r="82059" spans="14:14">
      <c r="N82059" s="10"/>
    </row>
    <row r="82060" spans="14:14">
      <c r="N82060" s="10"/>
    </row>
    <row r="82061" spans="14:14">
      <c r="N82061" s="10"/>
    </row>
    <row r="82062" spans="14:14">
      <c r="N82062" s="10"/>
    </row>
    <row r="82063" spans="14:14">
      <c r="N82063" s="10"/>
    </row>
    <row r="82064" spans="14:14">
      <c r="N82064" s="10"/>
    </row>
    <row r="82065" spans="14:14">
      <c r="N82065" s="10"/>
    </row>
    <row r="82066" spans="14:14">
      <c r="N82066" s="10"/>
    </row>
    <row r="82067" spans="14:14">
      <c r="N82067" s="10"/>
    </row>
    <row r="82068" spans="14:14">
      <c r="N82068" s="10"/>
    </row>
    <row r="82069" spans="14:14">
      <c r="N82069" s="10"/>
    </row>
    <row r="82070" spans="14:14">
      <c r="N82070" s="10"/>
    </row>
    <row r="82071" spans="14:14">
      <c r="N82071" s="10"/>
    </row>
    <row r="82072" spans="14:14">
      <c r="N82072" s="10"/>
    </row>
    <row r="82073" spans="14:14">
      <c r="N82073" s="10"/>
    </row>
    <row r="82074" spans="14:14">
      <c r="N82074" s="10"/>
    </row>
    <row r="82075" spans="14:14">
      <c r="N82075" s="10"/>
    </row>
    <row r="82076" spans="14:14">
      <c r="N82076" s="10"/>
    </row>
    <row r="82077" spans="14:14">
      <c r="N82077" s="10"/>
    </row>
    <row r="82078" spans="14:14">
      <c r="N82078" s="10"/>
    </row>
    <row r="82079" spans="14:14">
      <c r="N82079" s="10"/>
    </row>
    <row r="82080" spans="14:14">
      <c r="N82080" s="10"/>
    </row>
    <row r="82081" spans="14:14">
      <c r="N82081" s="10"/>
    </row>
    <row r="82082" spans="14:14">
      <c r="N82082" s="10"/>
    </row>
    <row r="82083" spans="14:14">
      <c r="N82083" s="10"/>
    </row>
    <row r="82084" spans="14:14">
      <c r="N82084" s="10"/>
    </row>
    <row r="82085" spans="14:14">
      <c r="N82085" s="10"/>
    </row>
    <row r="82086" spans="14:14">
      <c r="N82086" s="10"/>
    </row>
    <row r="82087" spans="14:14">
      <c r="N82087" s="10"/>
    </row>
    <row r="82088" spans="14:14">
      <c r="N82088" s="10"/>
    </row>
    <row r="82089" spans="14:14">
      <c r="N82089" s="10"/>
    </row>
    <row r="82090" spans="14:14">
      <c r="N82090" s="10"/>
    </row>
    <row r="82091" spans="14:14">
      <c r="N82091" s="10"/>
    </row>
    <row r="82092" spans="14:14">
      <c r="N82092" s="10"/>
    </row>
    <row r="82093" spans="14:14">
      <c r="N82093" s="10"/>
    </row>
    <row r="82094" spans="14:14">
      <c r="N82094" s="10"/>
    </row>
    <row r="82095" spans="14:14">
      <c r="N82095" s="10"/>
    </row>
    <row r="82096" spans="14:14">
      <c r="N82096" s="10"/>
    </row>
    <row r="82097" spans="14:14">
      <c r="N82097" s="10"/>
    </row>
    <row r="82098" spans="14:14">
      <c r="N82098" s="10"/>
    </row>
    <row r="82099" spans="14:14">
      <c r="N82099" s="10"/>
    </row>
    <row r="82100" spans="14:14">
      <c r="N82100" s="10"/>
    </row>
    <row r="82101" spans="14:14">
      <c r="N82101" s="10"/>
    </row>
    <row r="82102" spans="14:14">
      <c r="N82102" s="10"/>
    </row>
    <row r="82103" spans="14:14">
      <c r="N82103" s="10"/>
    </row>
    <row r="82104" spans="14:14">
      <c r="N82104" s="10"/>
    </row>
    <row r="82105" spans="14:14">
      <c r="N82105" s="10"/>
    </row>
    <row r="82106" spans="14:14">
      <c r="N82106" s="10"/>
    </row>
    <row r="82107" spans="14:14">
      <c r="N82107" s="10"/>
    </row>
    <row r="82108" spans="14:14">
      <c r="N82108" s="10"/>
    </row>
    <row r="82109" spans="14:14">
      <c r="N82109" s="10"/>
    </row>
    <row r="82110" spans="14:14">
      <c r="N82110" s="10"/>
    </row>
    <row r="82111" spans="14:14">
      <c r="N82111" s="10"/>
    </row>
    <row r="82112" spans="14:14">
      <c r="N82112" s="10"/>
    </row>
    <row r="82113" spans="14:14">
      <c r="N82113" s="10"/>
    </row>
    <row r="82114" spans="14:14">
      <c r="N82114" s="10"/>
    </row>
    <row r="82115" spans="14:14">
      <c r="N82115" s="10"/>
    </row>
    <row r="82116" spans="14:14">
      <c r="N82116" s="10"/>
    </row>
    <row r="82117" spans="14:14">
      <c r="N82117" s="10"/>
    </row>
    <row r="82118" spans="14:14">
      <c r="N82118" s="10"/>
    </row>
    <row r="82119" spans="14:14">
      <c r="N82119" s="10"/>
    </row>
    <row r="82120" spans="14:14">
      <c r="N82120" s="10"/>
    </row>
    <row r="82121" spans="14:14">
      <c r="N82121" s="10"/>
    </row>
    <row r="82122" spans="14:14">
      <c r="N82122" s="10"/>
    </row>
    <row r="82123" spans="14:14">
      <c r="N82123" s="10"/>
    </row>
    <row r="82124" spans="14:14">
      <c r="N82124" s="10"/>
    </row>
    <row r="82125" spans="14:14">
      <c r="N82125" s="10"/>
    </row>
    <row r="82126" spans="14:14">
      <c r="N82126" s="10"/>
    </row>
    <row r="82127" spans="14:14">
      <c r="N82127" s="10"/>
    </row>
    <row r="82128" spans="14:14">
      <c r="N82128" s="10"/>
    </row>
    <row r="82129" spans="14:14">
      <c r="N82129" s="10"/>
    </row>
    <row r="82130" spans="14:14">
      <c r="N82130" s="10"/>
    </row>
    <row r="82131" spans="14:14">
      <c r="N82131" s="10"/>
    </row>
    <row r="82132" spans="14:14">
      <c r="N82132" s="10"/>
    </row>
    <row r="82133" spans="14:14">
      <c r="N82133" s="10"/>
    </row>
    <row r="82134" spans="14:14">
      <c r="N82134" s="10"/>
    </row>
    <row r="82135" spans="14:14">
      <c r="N82135" s="10"/>
    </row>
    <row r="82136" spans="14:14">
      <c r="N82136" s="10"/>
    </row>
    <row r="82137" spans="14:14">
      <c r="N82137" s="10"/>
    </row>
    <row r="82138" spans="14:14">
      <c r="N82138" s="10"/>
    </row>
    <row r="82139" spans="14:14">
      <c r="N82139" s="10"/>
    </row>
    <row r="82140" spans="14:14">
      <c r="N82140" s="10"/>
    </row>
    <row r="82141" spans="14:14">
      <c r="N82141" s="10"/>
    </row>
    <row r="82142" spans="14:14">
      <c r="N82142" s="10"/>
    </row>
    <row r="82143" spans="14:14">
      <c r="N82143" s="10"/>
    </row>
    <row r="82144" spans="14:14">
      <c r="N82144" s="10"/>
    </row>
    <row r="82145" spans="14:14">
      <c r="N82145" s="10"/>
    </row>
    <row r="82146" spans="14:14">
      <c r="N82146" s="10"/>
    </row>
    <row r="82147" spans="14:14">
      <c r="N82147" s="10"/>
    </row>
    <row r="82148" spans="14:14">
      <c r="N82148" s="10"/>
    </row>
    <row r="82149" spans="14:14">
      <c r="N82149" s="10"/>
    </row>
    <row r="82150" spans="14:14">
      <c r="N82150" s="10"/>
    </row>
    <row r="82151" spans="14:14">
      <c r="N82151" s="10"/>
    </row>
    <row r="82152" spans="14:14">
      <c r="N82152" s="10"/>
    </row>
    <row r="82153" spans="14:14">
      <c r="N82153" s="10"/>
    </row>
    <row r="82154" spans="14:14">
      <c r="N82154" s="10"/>
    </row>
    <row r="82155" spans="14:14">
      <c r="N82155" s="10"/>
    </row>
    <row r="82156" spans="14:14">
      <c r="N82156" s="10"/>
    </row>
    <row r="82157" spans="14:14">
      <c r="N82157" s="10"/>
    </row>
    <row r="82158" spans="14:14">
      <c r="N82158" s="10"/>
    </row>
    <row r="82159" spans="14:14">
      <c r="N82159" s="10"/>
    </row>
    <row r="82160" spans="14:14">
      <c r="N82160" s="10"/>
    </row>
    <row r="82161" spans="14:14">
      <c r="N82161" s="10"/>
    </row>
    <row r="82162" spans="14:14">
      <c r="N82162" s="10"/>
    </row>
    <row r="82163" spans="14:14">
      <c r="N82163" s="10"/>
    </row>
    <row r="82164" spans="14:14">
      <c r="N82164" s="10"/>
    </row>
    <row r="82165" spans="14:14">
      <c r="N82165" s="10"/>
    </row>
    <row r="82166" spans="14:14">
      <c r="N82166" s="10"/>
    </row>
    <row r="82167" spans="14:14">
      <c r="N82167" s="10"/>
    </row>
    <row r="82168" spans="14:14">
      <c r="N82168" s="10"/>
    </row>
    <row r="82169" spans="14:14">
      <c r="N82169" s="10"/>
    </row>
    <row r="82170" spans="14:14">
      <c r="N82170" s="10"/>
    </row>
    <row r="82171" spans="14:14">
      <c r="N82171" s="10"/>
    </row>
    <row r="82172" spans="14:14">
      <c r="N82172" s="10"/>
    </row>
    <row r="82173" spans="14:14">
      <c r="N82173" s="10"/>
    </row>
    <row r="82174" spans="14:14">
      <c r="N82174" s="10"/>
    </row>
    <row r="82175" spans="14:14">
      <c r="N82175" s="10"/>
    </row>
    <row r="82176" spans="14:14">
      <c r="N82176" s="10"/>
    </row>
    <row r="82177" spans="14:14">
      <c r="N82177" s="10"/>
    </row>
    <row r="82178" spans="14:14">
      <c r="N82178" s="10"/>
    </row>
    <row r="82179" spans="14:14">
      <c r="N82179" s="10"/>
    </row>
    <row r="82180" spans="14:14">
      <c r="N82180" s="10"/>
    </row>
    <row r="82181" spans="14:14">
      <c r="N82181" s="10"/>
    </row>
    <row r="82182" spans="14:14">
      <c r="N82182" s="10"/>
    </row>
    <row r="82183" spans="14:14">
      <c r="N82183" s="10"/>
    </row>
    <row r="82184" spans="14:14">
      <c r="N82184" s="10"/>
    </row>
    <row r="82185" spans="14:14">
      <c r="N82185" s="10"/>
    </row>
    <row r="82186" spans="14:14">
      <c r="N82186" s="10"/>
    </row>
    <row r="82187" spans="14:14">
      <c r="N82187" s="10"/>
    </row>
    <row r="82188" spans="14:14">
      <c r="N82188" s="10"/>
    </row>
    <row r="82189" spans="14:14">
      <c r="N82189" s="10"/>
    </row>
    <row r="82190" spans="14:14">
      <c r="N82190" s="10"/>
    </row>
    <row r="82191" spans="14:14">
      <c r="N82191" s="10"/>
    </row>
    <row r="82192" spans="14:14">
      <c r="N82192" s="10"/>
    </row>
    <row r="82193" spans="14:14">
      <c r="N82193" s="10"/>
    </row>
    <row r="82194" spans="14:14">
      <c r="N82194" s="10"/>
    </row>
    <row r="82195" spans="14:14">
      <c r="N82195" s="10"/>
    </row>
    <row r="82196" spans="14:14">
      <c r="N82196" s="10"/>
    </row>
    <row r="82197" spans="14:14">
      <c r="N82197" s="10"/>
    </row>
    <row r="82198" spans="14:14">
      <c r="N82198" s="10"/>
    </row>
    <row r="82199" spans="14:14">
      <c r="N82199" s="10"/>
    </row>
    <row r="82200" spans="14:14">
      <c r="N82200" s="10"/>
    </row>
    <row r="82201" spans="14:14">
      <c r="N82201" s="10"/>
    </row>
    <row r="82202" spans="14:14">
      <c r="N82202" s="10"/>
    </row>
    <row r="82203" spans="14:14">
      <c r="N82203" s="10"/>
    </row>
    <row r="82204" spans="14:14">
      <c r="N82204" s="10"/>
    </row>
    <row r="82205" spans="14:14">
      <c r="N82205" s="10"/>
    </row>
    <row r="82206" spans="14:14">
      <c r="N82206" s="10"/>
    </row>
    <row r="82207" spans="14:14">
      <c r="N82207" s="10"/>
    </row>
    <row r="82208" spans="14:14">
      <c r="N82208" s="10"/>
    </row>
    <row r="82209" spans="14:14">
      <c r="N82209" s="10"/>
    </row>
    <row r="82210" spans="14:14">
      <c r="N82210" s="10"/>
    </row>
    <row r="82211" spans="14:14">
      <c r="N82211" s="10"/>
    </row>
    <row r="82212" spans="14:14">
      <c r="N82212" s="10"/>
    </row>
    <row r="82213" spans="14:14">
      <c r="N82213" s="10"/>
    </row>
    <row r="82214" spans="14:14">
      <c r="N82214" s="10"/>
    </row>
    <row r="82215" spans="14:14">
      <c r="N82215" s="10"/>
    </row>
    <row r="82216" spans="14:14">
      <c r="N82216" s="10"/>
    </row>
    <row r="82217" spans="14:14">
      <c r="N82217" s="10"/>
    </row>
    <row r="82218" spans="14:14">
      <c r="N82218" s="10"/>
    </row>
    <row r="82219" spans="14:14">
      <c r="N82219" s="10"/>
    </row>
    <row r="82220" spans="14:14">
      <c r="N82220" s="10"/>
    </row>
    <row r="82221" spans="14:14">
      <c r="N82221" s="10"/>
    </row>
    <row r="82222" spans="14:14">
      <c r="N82222" s="10"/>
    </row>
    <row r="82223" spans="14:14">
      <c r="N82223" s="10"/>
    </row>
    <row r="82224" spans="14:14">
      <c r="N82224" s="10"/>
    </row>
    <row r="82225" spans="14:14">
      <c r="N82225" s="10"/>
    </row>
    <row r="82226" spans="14:14">
      <c r="N82226" s="10"/>
    </row>
    <row r="82227" spans="14:14">
      <c r="N82227" s="10"/>
    </row>
    <row r="82228" spans="14:14">
      <c r="N82228" s="10"/>
    </row>
    <row r="82229" spans="14:14">
      <c r="N82229" s="10"/>
    </row>
    <row r="82230" spans="14:14">
      <c r="N82230" s="10"/>
    </row>
    <row r="82231" spans="14:14">
      <c r="N82231" s="10"/>
    </row>
    <row r="82232" spans="14:14">
      <c r="N82232" s="10"/>
    </row>
    <row r="82233" spans="14:14">
      <c r="N82233" s="10"/>
    </row>
    <row r="82234" spans="14:14">
      <c r="N82234" s="10"/>
    </row>
    <row r="82235" spans="14:14">
      <c r="N82235" s="10"/>
    </row>
    <row r="82236" spans="14:14">
      <c r="N82236" s="10"/>
    </row>
    <row r="82237" spans="14:14">
      <c r="N82237" s="10"/>
    </row>
    <row r="82238" spans="14:14">
      <c r="N82238" s="10"/>
    </row>
    <row r="82239" spans="14:14">
      <c r="N82239" s="10"/>
    </row>
    <row r="82240" spans="14:14">
      <c r="N82240" s="10"/>
    </row>
    <row r="82241" spans="14:14">
      <c r="N82241" s="10"/>
    </row>
    <row r="82242" spans="14:14">
      <c r="N82242" s="10"/>
    </row>
    <row r="82243" spans="14:14">
      <c r="N82243" s="10"/>
    </row>
    <row r="82244" spans="14:14">
      <c r="N82244" s="10"/>
    </row>
    <row r="82245" spans="14:14">
      <c r="N82245" s="10"/>
    </row>
    <row r="82246" spans="14:14">
      <c r="N82246" s="10"/>
    </row>
    <row r="82247" spans="14:14">
      <c r="N82247" s="10"/>
    </row>
    <row r="82248" spans="14:14">
      <c r="N82248" s="10"/>
    </row>
    <row r="82249" spans="14:14">
      <c r="N82249" s="10"/>
    </row>
    <row r="82250" spans="14:14">
      <c r="N82250" s="10"/>
    </row>
    <row r="82251" spans="14:14">
      <c r="N82251" s="10"/>
    </row>
    <row r="82252" spans="14:14">
      <c r="N82252" s="10"/>
    </row>
    <row r="82253" spans="14:14">
      <c r="N82253" s="10"/>
    </row>
    <row r="82254" spans="14:14">
      <c r="N82254" s="10"/>
    </row>
    <row r="82255" spans="14:14">
      <c r="N82255" s="10"/>
    </row>
    <row r="82256" spans="14:14">
      <c r="N82256" s="10"/>
    </row>
    <row r="82257" spans="14:14">
      <c r="N82257" s="10"/>
    </row>
    <row r="82258" spans="14:14">
      <c r="N82258" s="10"/>
    </row>
    <row r="82259" spans="14:14">
      <c r="N82259" s="10"/>
    </row>
    <row r="82260" spans="14:14">
      <c r="N82260" s="10"/>
    </row>
    <row r="82261" spans="14:14">
      <c r="N82261" s="10"/>
    </row>
    <row r="82262" spans="14:14">
      <c r="N82262" s="10"/>
    </row>
    <row r="82263" spans="14:14">
      <c r="N82263" s="10"/>
    </row>
    <row r="82264" spans="14:14">
      <c r="N82264" s="10"/>
    </row>
    <row r="82265" spans="14:14">
      <c r="N82265" s="10"/>
    </row>
    <row r="82266" spans="14:14">
      <c r="N82266" s="10"/>
    </row>
    <row r="82267" spans="14:14">
      <c r="N82267" s="10"/>
    </row>
    <row r="82268" spans="14:14">
      <c r="N82268" s="10"/>
    </row>
    <row r="82269" spans="14:14">
      <c r="N82269" s="10"/>
    </row>
    <row r="82270" spans="14:14">
      <c r="N82270" s="10"/>
    </row>
    <row r="82271" spans="14:14">
      <c r="N82271" s="10"/>
    </row>
    <row r="82272" spans="14:14">
      <c r="N82272" s="10"/>
    </row>
    <row r="82273" spans="14:14">
      <c r="N82273" s="10"/>
    </row>
    <row r="82274" spans="14:14">
      <c r="N82274" s="10"/>
    </row>
    <row r="82275" spans="14:14">
      <c r="N82275" s="10"/>
    </row>
    <row r="82276" spans="14:14">
      <c r="N82276" s="10"/>
    </row>
    <row r="82277" spans="14:14">
      <c r="N82277" s="10"/>
    </row>
    <row r="82278" spans="14:14">
      <c r="N82278" s="10"/>
    </row>
    <row r="82279" spans="14:14">
      <c r="N82279" s="10"/>
    </row>
    <row r="82280" spans="14:14">
      <c r="N82280" s="10"/>
    </row>
    <row r="82281" spans="14:14">
      <c r="N82281" s="10"/>
    </row>
    <row r="82282" spans="14:14">
      <c r="N82282" s="10"/>
    </row>
    <row r="82283" spans="14:14">
      <c r="N82283" s="10"/>
    </row>
    <row r="82284" spans="14:14">
      <c r="N82284" s="10"/>
    </row>
    <row r="82285" spans="14:14">
      <c r="N82285" s="10"/>
    </row>
    <row r="82286" spans="14:14">
      <c r="N82286" s="10"/>
    </row>
    <row r="82287" spans="14:14">
      <c r="N82287" s="10"/>
    </row>
    <row r="82288" spans="14:14">
      <c r="N82288" s="10"/>
    </row>
    <row r="82289" spans="14:14">
      <c r="N82289" s="10"/>
    </row>
    <row r="82290" spans="14:14">
      <c r="N82290" s="10"/>
    </row>
    <row r="82291" spans="14:14">
      <c r="N82291" s="10"/>
    </row>
    <row r="82292" spans="14:14">
      <c r="N82292" s="10"/>
    </row>
    <row r="82293" spans="14:14">
      <c r="N82293" s="10"/>
    </row>
    <row r="82294" spans="14:14">
      <c r="N82294" s="10"/>
    </row>
    <row r="82295" spans="14:14">
      <c r="N82295" s="10"/>
    </row>
    <row r="82296" spans="14:14">
      <c r="N82296" s="10"/>
    </row>
    <row r="82297" spans="14:14">
      <c r="N82297" s="10"/>
    </row>
    <row r="82298" spans="14:14">
      <c r="N82298" s="10"/>
    </row>
    <row r="82299" spans="14:14">
      <c r="N82299" s="10"/>
    </row>
    <row r="82300" spans="14:14">
      <c r="N82300" s="10"/>
    </row>
    <row r="82301" spans="14:14">
      <c r="N82301" s="10"/>
    </row>
    <row r="82302" spans="14:14">
      <c r="N82302" s="10"/>
    </row>
    <row r="82303" spans="14:14">
      <c r="N82303" s="10"/>
    </row>
    <row r="82304" spans="14:14">
      <c r="N82304" s="10"/>
    </row>
    <row r="82305" spans="14:14">
      <c r="N82305" s="10"/>
    </row>
    <row r="82306" spans="14:14">
      <c r="N82306" s="10"/>
    </row>
    <row r="82307" spans="14:14">
      <c r="N82307" s="10"/>
    </row>
    <row r="82308" spans="14:14">
      <c r="N82308" s="10"/>
    </row>
    <row r="82309" spans="14:14">
      <c r="N82309" s="10"/>
    </row>
    <row r="82310" spans="14:14">
      <c r="N82310" s="10"/>
    </row>
    <row r="82311" spans="14:14">
      <c r="N82311" s="10"/>
    </row>
    <row r="82312" spans="14:14">
      <c r="N82312" s="10"/>
    </row>
    <row r="82313" spans="14:14">
      <c r="N82313" s="10"/>
    </row>
    <row r="82314" spans="14:14">
      <c r="N82314" s="10"/>
    </row>
    <row r="82315" spans="14:14">
      <c r="N82315" s="10"/>
    </row>
    <row r="82316" spans="14:14">
      <c r="N82316" s="10"/>
    </row>
    <row r="82317" spans="14:14">
      <c r="N82317" s="10"/>
    </row>
    <row r="82318" spans="14:14">
      <c r="N82318" s="10"/>
    </row>
    <row r="82319" spans="14:14">
      <c r="N82319" s="10"/>
    </row>
    <row r="82320" spans="14:14">
      <c r="N82320" s="10"/>
    </row>
    <row r="82321" spans="14:14">
      <c r="N82321" s="10"/>
    </row>
    <row r="82322" spans="14:14">
      <c r="N82322" s="10"/>
    </row>
    <row r="82323" spans="14:14">
      <c r="N82323" s="10"/>
    </row>
    <row r="82324" spans="14:14">
      <c r="N82324" s="10"/>
    </row>
    <row r="82325" spans="14:14">
      <c r="N82325" s="10"/>
    </row>
    <row r="82326" spans="14:14">
      <c r="N82326" s="10"/>
    </row>
    <row r="82327" spans="14:14">
      <c r="N82327" s="10"/>
    </row>
    <row r="82328" spans="14:14">
      <c r="N82328" s="10"/>
    </row>
    <row r="82329" spans="14:14">
      <c r="N82329" s="10"/>
    </row>
    <row r="82330" spans="14:14">
      <c r="N82330" s="10"/>
    </row>
    <row r="82331" spans="14:14">
      <c r="N82331" s="10"/>
    </row>
    <row r="82332" spans="14:14">
      <c r="N82332" s="10"/>
    </row>
    <row r="82333" spans="14:14">
      <c r="N82333" s="10"/>
    </row>
    <row r="82334" spans="14:14">
      <c r="N82334" s="10"/>
    </row>
    <row r="82335" spans="14:14">
      <c r="N82335" s="10"/>
    </row>
    <row r="82336" spans="14:14">
      <c r="N82336" s="10"/>
    </row>
    <row r="82337" spans="14:14">
      <c r="N82337" s="10"/>
    </row>
    <row r="82338" spans="14:14">
      <c r="N82338" s="10"/>
    </row>
    <row r="82339" spans="14:14">
      <c r="N82339" s="10"/>
    </row>
    <row r="82340" spans="14:14">
      <c r="N82340" s="10"/>
    </row>
    <row r="82341" spans="14:14">
      <c r="N82341" s="10"/>
    </row>
    <row r="82342" spans="14:14">
      <c r="N82342" s="10"/>
    </row>
    <row r="82343" spans="14:14">
      <c r="N82343" s="10"/>
    </row>
    <row r="82344" spans="14:14">
      <c r="N82344" s="10"/>
    </row>
    <row r="82345" spans="14:14">
      <c r="N82345" s="10"/>
    </row>
    <row r="82346" spans="14:14">
      <c r="N82346" s="10"/>
    </row>
    <row r="82347" spans="14:14">
      <c r="N82347" s="10"/>
    </row>
    <row r="82348" spans="14:14">
      <c r="N82348" s="10"/>
    </row>
    <row r="82349" spans="14:14">
      <c r="N82349" s="10"/>
    </row>
    <row r="82350" spans="14:14">
      <c r="N82350" s="10"/>
    </row>
    <row r="82351" spans="14:14">
      <c r="N82351" s="10"/>
    </row>
    <row r="82352" spans="14:14">
      <c r="N82352" s="10"/>
    </row>
    <row r="82353" spans="14:14">
      <c r="N82353" s="10"/>
    </row>
    <row r="82354" spans="14:14">
      <c r="N82354" s="10"/>
    </row>
    <row r="82355" spans="14:14">
      <c r="N82355" s="10"/>
    </row>
    <row r="82356" spans="14:14">
      <c r="N82356" s="10"/>
    </row>
    <row r="82357" spans="14:14">
      <c r="N82357" s="10"/>
    </row>
    <row r="82358" spans="14:14">
      <c r="N82358" s="10"/>
    </row>
    <row r="82359" spans="14:14">
      <c r="N82359" s="10"/>
    </row>
    <row r="82360" spans="14:14">
      <c r="N82360" s="10"/>
    </row>
    <row r="82361" spans="14:14">
      <c r="N82361" s="10"/>
    </row>
    <row r="82362" spans="14:14">
      <c r="N82362" s="10"/>
    </row>
    <row r="82363" spans="14:14">
      <c r="N82363" s="10"/>
    </row>
    <row r="82364" spans="14:14">
      <c r="N82364" s="10"/>
    </row>
    <row r="82365" spans="14:14">
      <c r="N82365" s="10"/>
    </row>
    <row r="82366" spans="14:14">
      <c r="N82366" s="10"/>
    </row>
    <row r="82367" spans="14:14">
      <c r="N82367" s="10"/>
    </row>
    <row r="82368" spans="14:14">
      <c r="N82368" s="10"/>
    </row>
    <row r="82369" spans="14:14">
      <c r="N82369" s="10"/>
    </row>
    <row r="82370" spans="14:14">
      <c r="N82370" s="10"/>
    </row>
    <row r="82371" spans="14:14">
      <c r="N82371" s="10"/>
    </row>
    <row r="82372" spans="14:14">
      <c r="N82372" s="10"/>
    </row>
    <row r="82373" spans="14:14">
      <c r="N82373" s="10"/>
    </row>
    <row r="82374" spans="14:14">
      <c r="N82374" s="10"/>
    </row>
    <row r="82375" spans="14:14">
      <c r="N82375" s="10"/>
    </row>
    <row r="82376" spans="14:14">
      <c r="N82376" s="10"/>
    </row>
    <row r="82377" spans="14:14">
      <c r="N82377" s="10"/>
    </row>
    <row r="82378" spans="14:14">
      <c r="N82378" s="10"/>
    </row>
    <row r="82379" spans="14:14">
      <c r="N82379" s="10"/>
    </row>
    <row r="82380" spans="14:14">
      <c r="N82380" s="10"/>
    </row>
    <row r="82381" spans="14:14">
      <c r="N82381" s="10"/>
    </row>
    <row r="82382" spans="14:14">
      <c r="N82382" s="10"/>
    </row>
    <row r="82383" spans="14:14">
      <c r="N82383" s="10"/>
    </row>
    <row r="82384" spans="14:14">
      <c r="N82384" s="10"/>
    </row>
    <row r="82385" spans="14:14">
      <c r="N82385" s="10"/>
    </row>
    <row r="82386" spans="14:14">
      <c r="N82386" s="10"/>
    </row>
    <row r="82387" spans="14:14">
      <c r="N82387" s="10"/>
    </row>
    <row r="82388" spans="14:14">
      <c r="N82388" s="10"/>
    </row>
    <row r="82389" spans="14:14">
      <c r="N82389" s="10"/>
    </row>
    <row r="82390" spans="14:14">
      <c r="N82390" s="10"/>
    </row>
    <row r="82391" spans="14:14">
      <c r="N82391" s="10"/>
    </row>
    <row r="82392" spans="14:14">
      <c r="N82392" s="10"/>
    </row>
    <row r="82393" spans="14:14">
      <c r="N82393" s="10"/>
    </row>
    <row r="82394" spans="14:14">
      <c r="N82394" s="10"/>
    </row>
    <row r="82395" spans="14:14">
      <c r="N82395" s="10"/>
    </row>
    <row r="82396" spans="14:14">
      <c r="N82396" s="10"/>
    </row>
    <row r="82397" spans="14:14">
      <c r="N82397" s="10"/>
    </row>
    <row r="82398" spans="14:14">
      <c r="N82398" s="10"/>
    </row>
    <row r="82399" spans="14:14">
      <c r="N82399" s="10"/>
    </row>
    <row r="82400" spans="14:14">
      <c r="N82400" s="10"/>
    </row>
    <row r="82401" spans="14:14">
      <c r="N82401" s="10"/>
    </row>
    <row r="82402" spans="14:14">
      <c r="N82402" s="10"/>
    </row>
    <row r="82403" spans="14:14">
      <c r="N82403" s="10"/>
    </row>
    <row r="82404" spans="14:14">
      <c r="N82404" s="10"/>
    </row>
    <row r="82405" spans="14:14">
      <c r="N82405" s="10"/>
    </row>
    <row r="82406" spans="14:14">
      <c r="N82406" s="10"/>
    </row>
    <row r="82407" spans="14:14">
      <c r="N82407" s="10"/>
    </row>
    <row r="82408" spans="14:14">
      <c r="N82408" s="10"/>
    </row>
    <row r="82409" spans="14:14">
      <c r="N82409" s="10"/>
    </row>
    <row r="82410" spans="14:14">
      <c r="N82410" s="10"/>
    </row>
    <row r="82411" spans="14:14">
      <c r="N82411" s="10"/>
    </row>
    <row r="82412" spans="14:14">
      <c r="N82412" s="10"/>
    </row>
    <row r="82413" spans="14:14">
      <c r="N82413" s="10"/>
    </row>
    <row r="82414" spans="14:14">
      <c r="N82414" s="10"/>
    </row>
    <row r="82415" spans="14:14">
      <c r="N82415" s="10"/>
    </row>
    <row r="82416" spans="14:14">
      <c r="N82416" s="10"/>
    </row>
    <row r="82417" spans="14:14">
      <c r="N82417" s="10"/>
    </row>
    <row r="82418" spans="14:14">
      <c r="N82418" s="10"/>
    </row>
    <row r="82419" spans="14:14">
      <c r="N82419" s="10"/>
    </row>
    <row r="82420" spans="14:14">
      <c r="N82420" s="10"/>
    </row>
    <row r="82421" spans="14:14">
      <c r="N82421" s="10"/>
    </row>
    <row r="82422" spans="14:14">
      <c r="N82422" s="10"/>
    </row>
    <row r="82423" spans="14:14">
      <c r="N82423" s="10"/>
    </row>
    <row r="82424" spans="14:14">
      <c r="N82424" s="10"/>
    </row>
    <row r="82425" spans="14:14">
      <c r="N82425" s="10"/>
    </row>
    <row r="82426" spans="14:14">
      <c r="N82426" s="10"/>
    </row>
    <row r="82427" spans="14:14">
      <c r="N82427" s="10"/>
    </row>
    <row r="82428" spans="14:14">
      <c r="N82428" s="10"/>
    </row>
    <row r="82429" spans="14:14">
      <c r="N82429" s="10"/>
    </row>
    <row r="82430" spans="14:14">
      <c r="N82430" s="10"/>
    </row>
    <row r="82431" spans="14:14">
      <c r="N82431" s="10"/>
    </row>
    <row r="82432" spans="14:14">
      <c r="N82432" s="10"/>
    </row>
    <row r="82433" spans="14:14">
      <c r="N82433" s="10"/>
    </row>
    <row r="82434" spans="14:14">
      <c r="N82434" s="10"/>
    </row>
    <row r="82435" spans="14:14">
      <c r="N82435" s="10"/>
    </row>
    <row r="82436" spans="14:14">
      <c r="N82436" s="10"/>
    </row>
    <row r="82437" spans="14:14">
      <c r="N82437" s="10"/>
    </row>
    <row r="82438" spans="14:14">
      <c r="N82438" s="10"/>
    </row>
    <row r="82439" spans="14:14">
      <c r="N82439" s="10"/>
    </row>
    <row r="82440" spans="14:14">
      <c r="N82440" s="10"/>
    </row>
    <row r="82441" spans="14:14">
      <c r="N82441" s="10"/>
    </row>
    <row r="82442" spans="14:14">
      <c r="N82442" s="10"/>
    </row>
    <row r="82443" spans="14:14">
      <c r="N82443" s="10"/>
    </row>
    <row r="82444" spans="14:14">
      <c r="N82444" s="10"/>
    </row>
    <row r="82445" spans="14:14">
      <c r="N82445" s="10"/>
    </row>
    <row r="82446" spans="14:14">
      <c r="N82446" s="10"/>
    </row>
    <row r="82447" spans="14:14">
      <c r="N82447" s="10"/>
    </row>
    <row r="82448" spans="14:14">
      <c r="N82448" s="10"/>
    </row>
    <row r="82449" spans="14:14">
      <c r="N82449" s="10"/>
    </row>
    <row r="82450" spans="14:14">
      <c r="N82450" s="10"/>
    </row>
    <row r="82451" spans="14:14">
      <c r="N82451" s="10"/>
    </row>
    <row r="82452" spans="14:14">
      <c r="N82452" s="10"/>
    </row>
    <row r="82453" spans="14:14">
      <c r="N82453" s="10"/>
    </row>
    <row r="82454" spans="14:14">
      <c r="N82454" s="10"/>
    </row>
    <row r="82455" spans="14:14">
      <c r="N82455" s="10"/>
    </row>
    <row r="82456" spans="14:14">
      <c r="N82456" s="10"/>
    </row>
    <row r="82457" spans="14:14">
      <c r="N82457" s="10"/>
    </row>
    <row r="82458" spans="14:14">
      <c r="N82458" s="10"/>
    </row>
    <row r="82459" spans="14:14">
      <c r="N82459" s="10"/>
    </row>
    <row r="82460" spans="14:14">
      <c r="N82460" s="10"/>
    </row>
    <row r="82461" spans="14:14">
      <c r="N82461" s="10"/>
    </row>
    <row r="82462" spans="14:14">
      <c r="N82462" s="10"/>
    </row>
    <row r="82463" spans="14:14">
      <c r="N82463" s="10"/>
    </row>
    <row r="82464" spans="14:14">
      <c r="N82464" s="10"/>
    </row>
    <row r="82465" spans="14:14">
      <c r="N82465" s="10"/>
    </row>
    <row r="82466" spans="14:14">
      <c r="N82466" s="10"/>
    </row>
    <row r="82467" spans="14:14">
      <c r="N82467" s="10"/>
    </row>
    <row r="82468" spans="14:14">
      <c r="N82468" s="10"/>
    </row>
    <row r="82469" spans="14:14">
      <c r="N82469" s="10"/>
    </row>
    <row r="82470" spans="14:14">
      <c r="N82470" s="10"/>
    </row>
    <row r="82471" spans="14:14">
      <c r="N82471" s="10"/>
    </row>
    <row r="82472" spans="14:14">
      <c r="N82472" s="10"/>
    </row>
    <row r="82473" spans="14:14">
      <c r="N82473" s="10"/>
    </row>
    <row r="82474" spans="14:14">
      <c r="N82474" s="10"/>
    </row>
    <row r="82475" spans="14:14">
      <c r="N82475" s="10"/>
    </row>
    <row r="82476" spans="14:14">
      <c r="N82476" s="10"/>
    </row>
    <row r="82477" spans="14:14">
      <c r="N82477" s="10"/>
    </row>
    <row r="82478" spans="14:14">
      <c r="N82478" s="10"/>
    </row>
    <row r="82479" spans="14:14">
      <c r="N82479" s="10"/>
    </row>
    <row r="82480" spans="14:14">
      <c r="N82480" s="10"/>
    </row>
    <row r="82481" spans="14:14">
      <c r="N82481" s="10"/>
    </row>
    <row r="82482" spans="14:14">
      <c r="N82482" s="10"/>
    </row>
    <row r="82483" spans="14:14">
      <c r="N82483" s="10"/>
    </row>
    <row r="82484" spans="14:14">
      <c r="N82484" s="10"/>
    </row>
    <row r="82485" spans="14:14">
      <c r="N82485" s="10"/>
    </row>
    <row r="82486" spans="14:14">
      <c r="N82486" s="10"/>
    </row>
    <row r="82487" spans="14:14">
      <c r="N82487" s="10"/>
    </row>
    <row r="82488" spans="14:14">
      <c r="N82488" s="10"/>
    </row>
    <row r="82489" spans="14:14">
      <c r="N82489" s="10"/>
    </row>
    <row r="82490" spans="14:14">
      <c r="N82490" s="10"/>
    </row>
    <row r="82491" spans="14:14">
      <c r="N82491" s="10"/>
    </row>
    <row r="82492" spans="14:14">
      <c r="N82492" s="10"/>
    </row>
    <row r="82493" spans="14:14">
      <c r="N82493" s="10"/>
    </row>
    <row r="82494" spans="14:14">
      <c r="N82494" s="10"/>
    </row>
    <row r="82495" spans="14:14">
      <c r="N82495" s="10"/>
    </row>
    <row r="82496" spans="14:14">
      <c r="N82496" s="10"/>
    </row>
    <row r="82497" spans="14:14">
      <c r="N82497" s="10"/>
    </row>
    <row r="82498" spans="14:14">
      <c r="N82498" s="10"/>
    </row>
    <row r="82499" spans="14:14">
      <c r="N82499" s="10"/>
    </row>
    <row r="82500" spans="14:14">
      <c r="N82500" s="10"/>
    </row>
    <row r="82501" spans="14:14">
      <c r="N82501" s="10"/>
    </row>
    <row r="82502" spans="14:14">
      <c r="N82502" s="10"/>
    </row>
    <row r="82503" spans="14:14">
      <c r="N82503" s="10"/>
    </row>
    <row r="82504" spans="14:14">
      <c r="N82504" s="10"/>
    </row>
    <row r="82505" spans="14:14">
      <c r="N82505" s="10"/>
    </row>
    <row r="82506" spans="14:14">
      <c r="N82506" s="10"/>
    </row>
    <row r="82507" spans="14:14">
      <c r="N82507" s="10"/>
    </row>
    <row r="82508" spans="14:14">
      <c r="N82508" s="10"/>
    </row>
    <row r="82509" spans="14:14">
      <c r="N82509" s="10"/>
    </row>
    <row r="82510" spans="14:14">
      <c r="N82510" s="10"/>
    </row>
    <row r="82511" spans="14:14">
      <c r="N82511" s="10"/>
    </row>
    <row r="82512" spans="14:14">
      <c r="N82512" s="10"/>
    </row>
    <row r="82513" spans="14:14">
      <c r="N82513" s="10"/>
    </row>
    <row r="82514" spans="14:14">
      <c r="N82514" s="10"/>
    </row>
    <row r="82515" spans="14:14">
      <c r="N82515" s="10"/>
    </row>
    <row r="82516" spans="14:14">
      <c r="N82516" s="10"/>
    </row>
    <row r="82517" spans="14:14">
      <c r="N82517" s="10"/>
    </row>
    <row r="82518" spans="14:14">
      <c r="N82518" s="10"/>
    </row>
    <row r="82519" spans="14:14">
      <c r="N82519" s="10"/>
    </row>
    <row r="82520" spans="14:14">
      <c r="N82520" s="10"/>
    </row>
    <row r="82521" spans="14:14">
      <c r="N82521" s="10"/>
    </row>
    <row r="82522" spans="14:14">
      <c r="N82522" s="10"/>
    </row>
    <row r="82523" spans="14:14">
      <c r="N82523" s="10"/>
    </row>
    <row r="82524" spans="14:14">
      <c r="N82524" s="10"/>
    </row>
    <row r="82525" spans="14:14">
      <c r="N82525" s="10"/>
    </row>
    <row r="82526" spans="14:14">
      <c r="N82526" s="10"/>
    </row>
    <row r="82527" spans="14:14">
      <c r="N82527" s="10"/>
    </row>
    <row r="82528" spans="14:14">
      <c r="N82528" s="10"/>
    </row>
    <row r="82529" spans="14:14">
      <c r="N82529" s="10"/>
    </row>
    <row r="82530" spans="14:14">
      <c r="N82530" s="10"/>
    </row>
    <row r="82531" spans="14:14">
      <c r="N82531" s="10"/>
    </row>
    <row r="82532" spans="14:14">
      <c r="N82532" s="10"/>
    </row>
    <row r="82533" spans="14:14">
      <c r="N82533" s="10"/>
    </row>
    <row r="82534" spans="14:14">
      <c r="N82534" s="10"/>
    </row>
    <row r="82535" spans="14:14">
      <c r="N82535" s="10"/>
    </row>
    <row r="82536" spans="14:14">
      <c r="N82536" s="10"/>
    </row>
    <row r="82537" spans="14:14">
      <c r="N82537" s="10"/>
    </row>
    <row r="82538" spans="14:14">
      <c r="N82538" s="10"/>
    </row>
    <row r="82539" spans="14:14">
      <c r="N82539" s="10"/>
    </row>
    <row r="82540" spans="14:14">
      <c r="N82540" s="10"/>
    </row>
    <row r="82541" spans="14:14">
      <c r="N82541" s="10"/>
    </row>
    <row r="82542" spans="14:14">
      <c r="N82542" s="10"/>
    </row>
    <row r="82543" spans="14:14">
      <c r="N82543" s="10"/>
    </row>
    <row r="82544" spans="14:14">
      <c r="N82544" s="10"/>
    </row>
    <row r="82545" spans="14:14">
      <c r="N82545" s="10"/>
    </row>
    <row r="82546" spans="14:14">
      <c r="N82546" s="10"/>
    </row>
    <row r="82547" spans="14:14">
      <c r="N82547" s="10"/>
    </row>
    <row r="82548" spans="14:14">
      <c r="N82548" s="10"/>
    </row>
    <row r="82549" spans="14:14">
      <c r="N82549" s="10"/>
    </row>
    <row r="82550" spans="14:14">
      <c r="N82550" s="10"/>
    </row>
    <row r="82551" spans="14:14">
      <c r="N82551" s="10"/>
    </row>
    <row r="82552" spans="14:14">
      <c r="N82552" s="10"/>
    </row>
    <row r="82553" spans="14:14">
      <c r="N82553" s="10"/>
    </row>
    <row r="82554" spans="14:14">
      <c r="N82554" s="10"/>
    </row>
    <row r="82555" spans="14:14">
      <c r="N82555" s="10"/>
    </row>
    <row r="82556" spans="14:14">
      <c r="N82556" s="10"/>
    </row>
    <row r="82557" spans="14:14">
      <c r="N82557" s="10"/>
    </row>
    <row r="82558" spans="14:14">
      <c r="N82558" s="10"/>
    </row>
    <row r="82559" spans="14:14">
      <c r="N82559" s="10"/>
    </row>
    <row r="82560" spans="14:14">
      <c r="N82560" s="10"/>
    </row>
    <row r="82561" spans="14:14">
      <c r="N82561" s="10"/>
    </row>
    <row r="82562" spans="14:14">
      <c r="N82562" s="10"/>
    </row>
    <row r="82563" spans="14:14">
      <c r="N82563" s="10"/>
    </row>
    <row r="82564" spans="14:14">
      <c r="N82564" s="10"/>
    </row>
    <row r="82565" spans="14:14">
      <c r="N82565" s="10"/>
    </row>
    <row r="82566" spans="14:14">
      <c r="N82566" s="10"/>
    </row>
    <row r="82567" spans="14:14">
      <c r="N82567" s="10"/>
    </row>
    <row r="82568" spans="14:14">
      <c r="N82568" s="10"/>
    </row>
    <row r="82569" spans="14:14">
      <c r="N82569" s="10"/>
    </row>
    <row r="82570" spans="14:14">
      <c r="N82570" s="10"/>
    </row>
    <row r="82571" spans="14:14">
      <c r="N82571" s="10"/>
    </row>
    <row r="82572" spans="14:14">
      <c r="N82572" s="10"/>
    </row>
    <row r="82573" spans="14:14">
      <c r="N82573" s="10"/>
    </row>
    <row r="82574" spans="14:14">
      <c r="N82574" s="10"/>
    </row>
    <row r="82575" spans="14:14">
      <c r="N82575" s="10"/>
    </row>
    <row r="82576" spans="14:14">
      <c r="N82576" s="10"/>
    </row>
    <row r="82577" spans="14:14">
      <c r="N82577" s="10"/>
    </row>
    <row r="82578" spans="14:14">
      <c r="N82578" s="10"/>
    </row>
    <row r="82579" spans="14:14">
      <c r="N82579" s="10"/>
    </row>
    <row r="82580" spans="14:14">
      <c r="N82580" s="10"/>
    </row>
    <row r="82581" spans="14:14">
      <c r="N82581" s="10"/>
    </row>
    <row r="82582" spans="14:14">
      <c r="N82582" s="10"/>
    </row>
    <row r="82583" spans="14:14">
      <c r="N82583" s="10"/>
    </row>
    <row r="82584" spans="14:14">
      <c r="N82584" s="10"/>
    </row>
    <row r="82585" spans="14:14">
      <c r="N82585" s="10"/>
    </row>
    <row r="82586" spans="14:14">
      <c r="N82586" s="10"/>
    </row>
    <row r="82587" spans="14:14">
      <c r="N82587" s="10"/>
    </row>
    <row r="82588" spans="14:14">
      <c r="N82588" s="10"/>
    </row>
    <row r="82589" spans="14:14">
      <c r="N82589" s="10"/>
    </row>
    <row r="82590" spans="14:14">
      <c r="N82590" s="10"/>
    </row>
    <row r="82591" spans="14:14">
      <c r="N82591" s="10"/>
    </row>
    <row r="82592" spans="14:14">
      <c r="N82592" s="10"/>
    </row>
    <row r="82593" spans="14:14">
      <c r="N82593" s="10"/>
    </row>
    <row r="82594" spans="14:14">
      <c r="N82594" s="10"/>
    </row>
    <row r="82595" spans="14:14">
      <c r="N82595" s="10"/>
    </row>
    <row r="82596" spans="14:14">
      <c r="N82596" s="10"/>
    </row>
    <row r="82597" spans="14:14">
      <c r="N82597" s="10"/>
    </row>
    <row r="82598" spans="14:14">
      <c r="N82598" s="10"/>
    </row>
    <row r="82599" spans="14:14">
      <c r="N82599" s="10"/>
    </row>
    <row r="82600" spans="14:14">
      <c r="N82600" s="10"/>
    </row>
    <row r="82601" spans="14:14">
      <c r="N82601" s="10"/>
    </row>
    <row r="82602" spans="14:14">
      <c r="N82602" s="10"/>
    </row>
    <row r="82603" spans="14:14">
      <c r="N82603" s="10"/>
    </row>
    <row r="82604" spans="14:14">
      <c r="N82604" s="10"/>
    </row>
    <row r="82605" spans="14:14">
      <c r="N82605" s="10"/>
    </row>
    <row r="82606" spans="14:14">
      <c r="N82606" s="10"/>
    </row>
    <row r="82607" spans="14:14">
      <c r="N82607" s="10"/>
    </row>
    <row r="82608" spans="14:14">
      <c r="N82608" s="10"/>
    </row>
    <row r="82609" spans="14:14">
      <c r="N82609" s="10"/>
    </row>
    <row r="82610" spans="14:14">
      <c r="N82610" s="10"/>
    </row>
    <row r="82611" spans="14:14">
      <c r="N82611" s="10"/>
    </row>
    <row r="82612" spans="14:14">
      <c r="N82612" s="10"/>
    </row>
    <row r="82613" spans="14:14">
      <c r="N82613" s="10"/>
    </row>
    <row r="82614" spans="14:14">
      <c r="N82614" s="10"/>
    </row>
    <row r="82615" spans="14:14">
      <c r="N82615" s="10"/>
    </row>
    <row r="82616" spans="14:14">
      <c r="N82616" s="10"/>
    </row>
    <row r="82617" spans="14:14">
      <c r="N82617" s="10"/>
    </row>
    <row r="82618" spans="14:14">
      <c r="N82618" s="10"/>
    </row>
    <row r="82619" spans="14:14">
      <c r="N82619" s="10"/>
    </row>
    <row r="82620" spans="14:14">
      <c r="N82620" s="10"/>
    </row>
    <row r="82621" spans="14:14">
      <c r="N82621" s="10"/>
    </row>
    <row r="82622" spans="14:14">
      <c r="N82622" s="10"/>
    </row>
    <row r="82623" spans="14:14">
      <c r="N82623" s="10"/>
    </row>
    <row r="82624" spans="14:14">
      <c r="N82624" s="10"/>
    </row>
    <row r="82625" spans="14:14">
      <c r="N82625" s="10"/>
    </row>
    <row r="82626" spans="14:14">
      <c r="N82626" s="10"/>
    </row>
    <row r="82627" spans="14:14">
      <c r="N82627" s="10"/>
    </row>
    <row r="82628" spans="14:14">
      <c r="N82628" s="10"/>
    </row>
    <row r="82629" spans="14:14">
      <c r="N82629" s="10"/>
    </row>
    <row r="82630" spans="14:14">
      <c r="N82630" s="10"/>
    </row>
    <row r="82631" spans="14:14">
      <c r="N82631" s="10"/>
    </row>
    <row r="82632" spans="14:14">
      <c r="N82632" s="10"/>
    </row>
    <row r="82633" spans="14:14">
      <c r="N82633" s="10"/>
    </row>
    <row r="82634" spans="14:14">
      <c r="N82634" s="10"/>
    </row>
    <row r="82635" spans="14:14">
      <c r="N82635" s="10"/>
    </row>
    <row r="82636" spans="14:14">
      <c r="N82636" s="10"/>
    </row>
    <row r="82637" spans="14:14">
      <c r="N82637" s="10"/>
    </row>
    <row r="82638" spans="14:14">
      <c r="N82638" s="10"/>
    </row>
    <row r="82639" spans="14:14">
      <c r="N82639" s="10"/>
    </row>
    <row r="82640" spans="14:14">
      <c r="N82640" s="10"/>
    </row>
    <row r="82641" spans="14:14">
      <c r="N82641" s="10"/>
    </row>
    <row r="82642" spans="14:14">
      <c r="N82642" s="10"/>
    </row>
    <row r="82643" spans="14:14">
      <c r="N82643" s="10"/>
    </row>
    <row r="82644" spans="14:14">
      <c r="N82644" s="10"/>
    </row>
    <row r="82645" spans="14:14">
      <c r="N82645" s="10"/>
    </row>
    <row r="82646" spans="14:14">
      <c r="N82646" s="10"/>
    </row>
    <row r="82647" spans="14:14">
      <c r="N82647" s="10"/>
    </row>
    <row r="82648" spans="14:14">
      <c r="N82648" s="10"/>
    </row>
    <row r="82649" spans="14:14">
      <c r="N82649" s="10"/>
    </row>
    <row r="82650" spans="14:14">
      <c r="N82650" s="10"/>
    </row>
    <row r="82651" spans="14:14">
      <c r="N82651" s="10"/>
    </row>
    <row r="82652" spans="14:14">
      <c r="N82652" s="10"/>
    </row>
    <row r="82653" spans="14:14">
      <c r="N82653" s="10"/>
    </row>
    <row r="82654" spans="14:14">
      <c r="N82654" s="10"/>
    </row>
    <row r="82655" spans="14:14">
      <c r="N82655" s="10"/>
    </row>
    <row r="82656" spans="14:14">
      <c r="N82656" s="10"/>
    </row>
    <row r="82657" spans="14:14">
      <c r="N82657" s="10"/>
    </row>
    <row r="82658" spans="14:14">
      <c r="N82658" s="10"/>
    </row>
    <row r="82659" spans="14:14">
      <c r="N82659" s="10"/>
    </row>
    <row r="82660" spans="14:14">
      <c r="N82660" s="10"/>
    </row>
    <row r="82661" spans="14:14">
      <c r="N82661" s="10"/>
    </row>
    <row r="82662" spans="14:14">
      <c r="N82662" s="10"/>
    </row>
    <row r="82663" spans="14:14">
      <c r="N82663" s="10"/>
    </row>
    <row r="82664" spans="14:14">
      <c r="N82664" s="10"/>
    </row>
    <row r="82665" spans="14:14">
      <c r="N82665" s="10"/>
    </row>
    <row r="82666" spans="14:14">
      <c r="N82666" s="10"/>
    </row>
    <row r="82667" spans="14:14">
      <c r="N82667" s="10"/>
    </row>
    <row r="82668" spans="14:14">
      <c r="N82668" s="10"/>
    </row>
    <row r="82669" spans="14:14">
      <c r="N82669" s="10"/>
    </row>
    <row r="82670" spans="14:14">
      <c r="N82670" s="10"/>
    </row>
    <row r="82671" spans="14:14">
      <c r="N82671" s="10"/>
    </row>
    <row r="82672" spans="14:14">
      <c r="N82672" s="10"/>
    </row>
    <row r="82673" spans="14:14">
      <c r="N82673" s="10"/>
    </row>
    <row r="82674" spans="14:14">
      <c r="N82674" s="10"/>
    </row>
    <row r="82675" spans="14:14">
      <c r="N82675" s="10"/>
    </row>
    <row r="82676" spans="14:14">
      <c r="N82676" s="10"/>
    </row>
    <row r="82677" spans="14:14">
      <c r="N82677" s="10"/>
    </row>
    <row r="82678" spans="14:14">
      <c r="N82678" s="10"/>
    </row>
    <row r="82679" spans="14:14">
      <c r="N82679" s="10"/>
    </row>
    <row r="82680" spans="14:14">
      <c r="N82680" s="10"/>
    </row>
    <row r="82681" spans="14:14">
      <c r="N82681" s="10"/>
    </row>
    <row r="82682" spans="14:14">
      <c r="N82682" s="10"/>
    </row>
    <row r="82683" spans="14:14">
      <c r="N82683" s="10"/>
    </row>
    <row r="82684" spans="14:14">
      <c r="N82684" s="10"/>
    </row>
    <row r="82685" spans="14:14">
      <c r="N82685" s="10"/>
    </row>
    <row r="82686" spans="14:14">
      <c r="N82686" s="10"/>
    </row>
    <row r="82687" spans="14:14">
      <c r="N82687" s="10"/>
    </row>
    <row r="82688" spans="14:14">
      <c r="N82688" s="10"/>
    </row>
    <row r="82689" spans="14:14">
      <c r="N82689" s="10"/>
    </row>
    <row r="82690" spans="14:14">
      <c r="N82690" s="10"/>
    </row>
    <row r="82691" spans="14:14">
      <c r="N82691" s="10"/>
    </row>
    <row r="82692" spans="14:14">
      <c r="N82692" s="10"/>
    </row>
    <row r="82693" spans="14:14">
      <c r="N82693" s="10"/>
    </row>
    <row r="82694" spans="14:14">
      <c r="N82694" s="10"/>
    </row>
    <row r="82695" spans="14:14">
      <c r="N82695" s="10"/>
    </row>
    <row r="82696" spans="14:14">
      <c r="N82696" s="10"/>
    </row>
    <row r="82697" spans="14:14">
      <c r="N82697" s="10"/>
    </row>
    <row r="82698" spans="14:14">
      <c r="N82698" s="10"/>
    </row>
    <row r="82699" spans="14:14">
      <c r="N82699" s="10"/>
    </row>
    <row r="82700" spans="14:14">
      <c r="N82700" s="10"/>
    </row>
    <row r="82701" spans="14:14">
      <c r="N82701" s="10"/>
    </row>
    <row r="82702" spans="14:14">
      <c r="N82702" s="10"/>
    </row>
    <row r="82703" spans="14:14">
      <c r="N82703" s="10"/>
    </row>
    <row r="82704" spans="14:14">
      <c r="N82704" s="10"/>
    </row>
    <row r="82705" spans="14:14">
      <c r="N82705" s="10"/>
    </row>
    <row r="82706" spans="14:14">
      <c r="N82706" s="10"/>
    </row>
    <row r="82707" spans="14:14">
      <c r="N82707" s="10"/>
    </row>
    <row r="82708" spans="14:14">
      <c r="N82708" s="10"/>
    </row>
    <row r="82709" spans="14:14">
      <c r="N82709" s="10"/>
    </row>
    <row r="82710" spans="14:14">
      <c r="N82710" s="10"/>
    </row>
    <row r="82711" spans="14:14">
      <c r="N82711" s="10"/>
    </row>
    <row r="82712" spans="14:14">
      <c r="N82712" s="10"/>
    </row>
    <row r="82713" spans="14:14">
      <c r="N82713" s="10"/>
    </row>
    <row r="82714" spans="14:14">
      <c r="N82714" s="10"/>
    </row>
    <row r="82715" spans="14:14">
      <c r="N82715" s="10"/>
    </row>
    <row r="82716" spans="14:14">
      <c r="N82716" s="10"/>
    </row>
    <row r="82717" spans="14:14">
      <c r="N82717" s="10"/>
    </row>
    <row r="82718" spans="14:14">
      <c r="N82718" s="10"/>
    </row>
    <row r="82719" spans="14:14">
      <c r="N82719" s="10"/>
    </row>
    <row r="82720" spans="14:14">
      <c r="N82720" s="10"/>
    </row>
    <row r="82721" spans="14:14">
      <c r="N82721" s="10"/>
    </row>
    <row r="82722" spans="14:14">
      <c r="N82722" s="10"/>
    </row>
    <row r="82723" spans="14:14">
      <c r="N82723" s="10"/>
    </row>
    <row r="82724" spans="14:14">
      <c r="N82724" s="10"/>
    </row>
    <row r="82725" spans="14:14">
      <c r="N82725" s="10"/>
    </row>
    <row r="82726" spans="14:14">
      <c r="N82726" s="10"/>
    </row>
    <row r="82727" spans="14:14">
      <c r="N82727" s="10"/>
    </row>
    <row r="82728" spans="14:14">
      <c r="N82728" s="10"/>
    </row>
    <row r="82729" spans="14:14">
      <c r="N82729" s="10"/>
    </row>
    <row r="82730" spans="14:14">
      <c r="N82730" s="10"/>
    </row>
    <row r="82731" spans="14:14">
      <c r="N82731" s="10"/>
    </row>
    <row r="82732" spans="14:14">
      <c r="N82732" s="10"/>
    </row>
    <row r="82733" spans="14:14">
      <c r="N82733" s="10"/>
    </row>
    <row r="82734" spans="14:14">
      <c r="N82734" s="10"/>
    </row>
    <row r="82735" spans="14:14">
      <c r="N82735" s="10"/>
    </row>
    <row r="82736" spans="14:14">
      <c r="N82736" s="10"/>
    </row>
    <row r="82737" spans="14:14">
      <c r="N82737" s="10"/>
    </row>
    <row r="82738" spans="14:14">
      <c r="N82738" s="10"/>
    </row>
    <row r="82739" spans="14:14">
      <c r="N82739" s="10"/>
    </row>
    <row r="82740" spans="14:14">
      <c r="N82740" s="10"/>
    </row>
    <row r="82741" spans="14:14">
      <c r="N82741" s="10"/>
    </row>
    <row r="82742" spans="14:14">
      <c r="N82742" s="10"/>
    </row>
    <row r="82743" spans="14:14">
      <c r="N82743" s="10"/>
    </row>
    <row r="82744" spans="14:14">
      <c r="N82744" s="10"/>
    </row>
    <row r="82745" spans="14:14">
      <c r="N82745" s="10"/>
    </row>
    <row r="82746" spans="14:14">
      <c r="N82746" s="10"/>
    </row>
    <row r="82747" spans="14:14">
      <c r="N82747" s="10"/>
    </row>
    <row r="82748" spans="14:14">
      <c r="N82748" s="10"/>
    </row>
    <row r="82749" spans="14:14">
      <c r="N82749" s="10"/>
    </row>
    <row r="82750" spans="14:14">
      <c r="N82750" s="10"/>
    </row>
    <row r="82751" spans="14:14">
      <c r="N82751" s="10"/>
    </row>
    <row r="82752" spans="14:14">
      <c r="N82752" s="10"/>
    </row>
    <row r="82753" spans="14:14">
      <c r="N82753" s="10"/>
    </row>
    <row r="82754" spans="14:14">
      <c r="N82754" s="10"/>
    </row>
    <row r="82755" spans="14:14">
      <c r="N82755" s="10"/>
    </row>
    <row r="82756" spans="14:14">
      <c r="N82756" s="10"/>
    </row>
    <row r="82757" spans="14:14">
      <c r="N82757" s="10"/>
    </row>
    <row r="82758" spans="14:14">
      <c r="N82758" s="10"/>
    </row>
    <row r="82759" spans="14:14">
      <c r="N82759" s="10"/>
    </row>
    <row r="82760" spans="14:14">
      <c r="N82760" s="10"/>
    </row>
    <row r="82761" spans="14:14">
      <c r="N82761" s="10"/>
    </row>
    <row r="82762" spans="14:14">
      <c r="N82762" s="10"/>
    </row>
    <row r="82763" spans="14:14">
      <c r="N82763" s="10"/>
    </row>
    <row r="82764" spans="14:14">
      <c r="N82764" s="10"/>
    </row>
    <row r="82765" spans="14:14">
      <c r="N82765" s="10"/>
    </row>
    <row r="82766" spans="14:14">
      <c r="N82766" s="10"/>
    </row>
    <row r="82767" spans="14:14">
      <c r="N82767" s="10"/>
    </row>
    <row r="82768" spans="14:14">
      <c r="N82768" s="10"/>
    </row>
    <row r="82769" spans="14:14">
      <c r="N82769" s="10"/>
    </row>
    <row r="82770" spans="14:14">
      <c r="N82770" s="10"/>
    </row>
    <row r="82771" spans="14:14">
      <c r="N82771" s="10"/>
    </row>
    <row r="82772" spans="14:14">
      <c r="N82772" s="10"/>
    </row>
    <row r="82773" spans="14:14">
      <c r="N82773" s="10"/>
    </row>
    <row r="82774" spans="14:14">
      <c r="N82774" s="10"/>
    </row>
    <row r="82775" spans="14:14">
      <c r="N82775" s="10"/>
    </row>
    <row r="82776" spans="14:14">
      <c r="N82776" s="10"/>
    </row>
    <row r="82777" spans="14:14">
      <c r="N82777" s="10"/>
    </row>
    <row r="82778" spans="14:14">
      <c r="N82778" s="10"/>
    </row>
    <row r="82779" spans="14:14">
      <c r="N82779" s="10"/>
    </row>
    <row r="82780" spans="14:14">
      <c r="N82780" s="10"/>
    </row>
    <row r="82781" spans="14:14">
      <c r="N82781" s="10"/>
    </row>
    <row r="82782" spans="14:14">
      <c r="N82782" s="10"/>
    </row>
    <row r="82783" spans="14:14">
      <c r="N82783" s="10"/>
    </row>
    <row r="82784" spans="14:14">
      <c r="N82784" s="10"/>
    </row>
    <row r="82785" spans="14:14">
      <c r="N82785" s="10"/>
    </row>
    <row r="82786" spans="14:14">
      <c r="N82786" s="10"/>
    </row>
    <row r="82787" spans="14:14">
      <c r="N82787" s="10"/>
    </row>
    <row r="82788" spans="14:14">
      <c r="N82788" s="10"/>
    </row>
    <row r="82789" spans="14:14">
      <c r="N82789" s="10"/>
    </row>
    <row r="82790" spans="14:14">
      <c r="N82790" s="10"/>
    </row>
    <row r="82791" spans="14:14">
      <c r="N82791" s="10"/>
    </row>
    <row r="82792" spans="14:14">
      <c r="N82792" s="10"/>
    </row>
    <row r="82793" spans="14:14">
      <c r="N82793" s="10"/>
    </row>
    <row r="82794" spans="14:14">
      <c r="N82794" s="10"/>
    </row>
    <row r="82795" spans="14:14">
      <c r="N82795" s="10"/>
    </row>
    <row r="82796" spans="14:14">
      <c r="N82796" s="10"/>
    </row>
    <row r="82797" spans="14:14">
      <c r="N82797" s="10"/>
    </row>
    <row r="82798" spans="14:14">
      <c r="N82798" s="10"/>
    </row>
    <row r="82799" spans="14:14">
      <c r="N82799" s="10"/>
    </row>
    <row r="82800" spans="14:14">
      <c r="N82800" s="10"/>
    </row>
    <row r="82801" spans="14:14">
      <c r="N82801" s="10"/>
    </row>
    <row r="82802" spans="14:14">
      <c r="N82802" s="10"/>
    </row>
    <row r="82803" spans="14:14">
      <c r="N82803" s="10"/>
    </row>
    <row r="82804" spans="14:14">
      <c r="N82804" s="10"/>
    </row>
    <row r="82805" spans="14:14">
      <c r="N82805" s="10"/>
    </row>
    <row r="82806" spans="14:14">
      <c r="N82806" s="10"/>
    </row>
    <row r="82807" spans="14:14">
      <c r="N82807" s="10"/>
    </row>
    <row r="82808" spans="14:14">
      <c r="N82808" s="10"/>
    </row>
    <row r="82809" spans="14:14">
      <c r="N82809" s="10"/>
    </row>
    <row r="82810" spans="14:14">
      <c r="N82810" s="10"/>
    </row>
    <row r="82811" spans="14:14">
      <c r="N82811" s="10"/>
    </row>
    <row r="82812" spans="14:14">
      <c r="N82812" s="10"/>
    </row>
    <row r="82813" spans="14:14">
      <c r="N82813" s="10"/>
    </row>
    <row r="82814" spans="14:14">
      <c r="N82814" s="10"/>
    </row>
    <row r="82815" spans="14:14">
      <c r="N82815" s="10"/>
    </row>
    <row r="82816" spans="14:14">
      <c r="N82816" s="10"/>
    </row>
    <row r="82817" spans="14:14">
      <c r="N82817" s="10"/>
    </row>
    <row r="82818" spans="14:14">
      <c r="N82818" s="10"/>
    </row>
    <row r="82819" spans="14:14">
      <c r="N82819" s="10"/>
    </row>
    <row r="82820" spans="14:14">
      <c r="N82820" s="10"/>
    </row>
    <row r="82821" spans="14:14">
      <c r="N82821" s="10"/>
    </row>
    <row r="82822" spans="14:14">
      <c r="N82822" s="10"/>
    </row>
    <row r="82823" spans="14:14">
      <c r="N82823" s="10"/>
    </row>
    <row r="82824" spans="14:14">
      <c r="N82824" s="10"/>
    </row>
    <row r="82825" spans="14:14">
      <c r="N82825" s="10"/>
    </row>
    <row r="82826" spans="14:14">
      <c r="N82826" s="10"/>
    </row>
    <row r="82827" spans="14:14">
      <c r="N82827" s="10"/>
    </row>
    <row r="82828" spans="14:14">
      <c r="N82828" s="10"/>
    </row>
    <row r="82829" spans="14:14">
      <c r="N82829" s="10"/>
    </row>
    <row r="82830" spans="14:14">
      <c r="N82830" s="10"/>
    </row>
    <row r="82831" spans="14:14">
      <c r="N82831" s="10"/>
    </row>
    <row r="82832" spans="14:14">
      <c r="N82832" s="10"/>
    </row>
    <row r="82833" spans="14:14">
      <c r="N82833" s="10"/>
    </row>
    <row r="82834" spans="14:14">
      <c r="N82834" s="10"/>
    </row>
    <row r="82835" spans="14:14">
      <c r="N82835" s="10"/>
    </row>
    <row r="82836" spans="14:14">
      <c r="N82836" s="10"/>
    </row>
    <row r="82837" spans="14:14">
      <c r="N82837" s="10"/>
    </row>
    <row r="82838" spans="14:14">
      <c r="N82838" s="10"/>
    </row>
    <row r="82839" spans="14:14">
      <c r="N82839" s="10"/>
    </row>
    <row r="82840" spans="14:14">
      <c r="N82840" s="10"/>
    </row>
    <row r="82841" spans="14:14">
      <c r="N82841" s="10"/>
    </row>
    <row r="82842" spans="14:14">
      <c r="N82842" s="10"/>
    </row>
    <row r="82843" spans="14:14">
      <c r="N82843" s="10"/>
    </row>
    <row r="82844" spans="14:14">
      <c r="N82844" s="10"/>
    </row>
    <row r="82845" spans="14:14">
      <c r="N82845" s="10"/>
    </row>
    <row r="82846" spans="14:14">
      <c r="N82846" s="10"/>
    </row>
    <row r="82847" spans="14:14">
      <c r="N82847" s="10"/>
    </row>
    <row r="82848" spans="14:14">
      <c r="N82848" s="10"/>
    </row>
    <row r="82849" spans="14:14">
      <c r="N82849" s="10"/>
    </row>
    <row r="82850" spans="14:14">
      <c r="N82850" s="10"/>
    </row>
    <row r="82851" spans="14:14">
      <c r="N82851" s="10"/>
    </row>
    <row r="82852" spans="14:14">
      <c r="N82852" s="10"/>
    </row>
    <row r="82853" spans="14:14">
      <c r="N82853" s="10"/>
    </row>
    <row r="82854" spans="14:14">
      <c r="N82854" s="10"/>
    </row>
    <row r="82855" spans="14:14">
      <c r="N82855" s="10"/>
    </row>
    <row r="82856" spans="14:14">
      <c r="N82856" s="10"/>
    </row>
    <row r="82857" spans="14:14">
      <c r="N82857" s="10"/>
    </row>
    <row r="82858" spans="14:14">
      <c r="N82858" s="10"/>
    </row>
    <row r="82859" spans="14:14">
      <c r="N82859" s="10"/>
    </row>
    <row r="82860" spans="14:14">
      <c r="N82860" s="10"/>
    </row>
    <row r="82861" spans="14:14">
      <c r="N82861" s="10"/>
    </row>
    <row r="82862" spans="14:14">
      <c r="N82862" s="10"/>
    </row>
    <row r="82863" spans="14:14">
      <c r="N82863" s="10"/>
    </row>
    <row r="82864" spans="14:14">
      <c r="N82864" s="10"/>
    </row>
    <row r="82865" spans="14:14">
      <c r="N82865" s="10"/>
    </row>
    <row r="82866" spans="14:14">
      <c r="N82866" s="10"/>
    </row>
    <row r="82867" spans="14:14">
      <c r="N82867" s="10"/>
    </row>
    <row r="82868" spans="14:14">
      <c r="N82868" s="10"/>
    </row>
    <row r="82869" spans="14:14">
      <c r="N82869" s="10"/>
    </row>
    <row r="82870" spans="14:14">
      <c r="N82870" s="10"/>
    </row>
    <row r="82871" spans="14:14">
      <c r="N82871" s="10"/>
    </row>
    <row r="82872" spans="14:14">
      <c r="N82872" s="10"/>
    </row>
    <row r="82873" spans="14:14">
      <c r="N82873" s="10"/>
    </row>
    <row r="82874" spans="14:14">
      <c r="N82874" s="10"/>
    </row>
    <row r="82875" spans="14:14">
      <c r="N82875" s="10"/>
    </row>
    <row r="82876" spans="14:14">
      <c r="N82876" s="10"/>
    </row>
    <row r="82877" spans="14:14">
      <c r="N82877" s="10"/>
    </row>
    <row r="82878" spans="14:14">
      <c r="N82878" s="10"/>
    </row>
    <row r="82879" spans="14:14">
      <c r="N82879" s="10"/>
    </row>
    <row r="82880" spans="14:14">
      <c r="N82880" s="10"/>
    </row>
    <row r="82881" spans="14:14">
      <c r="N82881" s="10"/>
    </row>
    <row r="82882" spans="14:14">
      <c r="N82882" s="10"/>
    </row>
    <row r="82883" spans="14:14">
      <c r="N82883" s="10"/>
    </row>
    <row r="82884" spans="14:14">
      <c r="N82884" s="10"/>
    </row>
    <row r="82885" spans="14:14">
      <c r="N82885" s="10"/>
    </row>
    <row r="82886" spans="14:14">
      <c r="N82886" s="10"/>
    </row>
    <row r="82887" spans="14:14">
      <c r="N82887" s="10"/>
    </row>
    <row r="82888" spans="14:14">
      <c r="N82888" s="10"/>
    </row>
    <row r="82889" spans="14:14">
      <c r="N82889" s="10"/>
    </row>
    <row r="82890" spans="14:14">
      <c r="N82890" s="10"/>
    </row>
    <row r="82891" spans="14:14">
      <c r="N82891" s="10"/>
    </row>
    <row r="82892" spans="14:14">
      <c r="N82892" s="10"/>
    </row>
    <row r="82893" spans="14:14">
      <c r="N82893" s="10"/>
    </row>
    <row r="82894" spans="14:14">
      <c r="N82894" s="10"/>
    </row>
    <row r="82895" spans="14:14">
      <c r="N82895" s="10"/>
    </row>
    <row r="82896" spans="14:14">
      <c r="N82896" s="10"/>
    </row>
    <row r="82897" spans="14:14">
      <c r="N82897" s="10"/>
    </row>
    <row r="82898" spans="14:14">
      <c r="N82898" s="10"/>
    </row>
    <row r="82899" spans="14:14">
      <c r="N82899" s="10"/>
    </row>
    <row r="82900" spans="14:14">
      <c r="N82900" s="10"/>
    </row>
    <row r="82901" spans="14:14">
      <c r="N82901" s="10"/>
    </row>
    <row r="82902" spans="14:14">
      <c r="N82902" s="10"/>
    </row>
    <row r="82903" spans="14:14">
      <c r="N82903" s="10"/>
    </row>
    <row r="82904" spans="14:14">
      <c r="N82904" s="10"/>
    </row>
    <row r="82905" spans="14:14">
      <c r="N82905" s="10"/>
    </row>
    <row r="82906" spans="14:14">
      <c r="N82906" s="10"/>
    </row>
    <row r="82907" spans="14:14">
      <c r="N82907" s="10"/>
    </row>
    <row r="82908" spans="14:14">
      <c r="N82908" s="10"/>
    </row>
    <row r="82909" spans="14:14">
      <c r="N82909" s="10"/>
    </row>
    <row r="82910" spans="14:14">
      <c r="N82910" s="10"/>
    </row>
    <row r="82911" spans="14:14">
      <c r="N82911" s="10"/>
    </row>
    <row r="82912" spans="14:14">
      <c r="N82912" s="10"/>
    </row>
    <row r="82913" spans="14:14">
      <c r="N82913" s="10"/>
    </row>
    <row r="82914" spans="14:14">
      <c r="N82914" s="10"/>
    </row>
    <row r="82915" spans="14:14">
      <c r="N82915" s="10"/>
    </row>
    <row r="82916" spans="14:14">
      <c r="N82916" s="10"/>
    </row>
    <row r="82917" spans="14:14">
      <c r="N82917" s="10"/>
    </row>
    <row r="82918" spans="14:14">
      <c r="N82918" s="10"/>
    </row>
    <row r="82919" spans="14:14">
      <c r="N82919" s="10"/>
    </row>
    <row r="82920" spans="14:14">
      <c r="N82920" s="10"/>
    </row>
    <row r="82921" spans="14:14">
      <c r="N82921" s="10"/>
    </row>
    <row r="82922" spans="14:14">
      <c r="N82922" s="10"/>
    </row>
    <row r="82923" spans="14:14">
      <c r="N82923" s="10"/>
    </row>
    <row r="82924" spans="14:14">
      <c r="N82924" s="10"/>
    </row>
    <row r="82925" spans="14:14">
      <c r="N82925" s="10"/>
    </row>
    <row r="82926" spans="14:14">
      <c r="N82926" s="10"/>
    </row>
    <row r="82927" spans="14:14">
      <c r="N82927" s="10"/>
    </row>
    <row r="82928" spans="14:14">
      <c r="N82928" s="10"/>
    </row>
    <row r="82929" spans="14:14">
      <c r="N82929" s="10"/>
    </row>
    <row r="82930" spans="14:14">
      <c r="N82930" s="10"/>
    </row>
    <row r="82931" spans="14:14">
      <c r="N82931" s="10"/>
    </row>
    <row r="82932" spans="14:14">
      <c r="N82932" s="10"/>
    </row>
    <row r="82933" spans="14:14">
      <c r="N82933" s="10"/>
    </row>
    <row r="82934" spans="14:14">
      <c r="N82934" s="10"/>
    </row>
    <row r="82935" spans="14:14">
      <c r="N82935" s="10"/>
    </row>
    <row r="82936" spans="14:14">
      <c r="N82936" s="10"/>
    </row>
    <row r="82937" spans="14:14">
      <c r="N82937" s="10"/>
    </row>
    <row r="82938" spans="14:14">
      <c r="N82938" s="10"/>
    </row>
    <row r="82939" spans="14:14">
      <c r="N82939" s="10"/>
    </row>
    <row r="82940" spans="14:14">
      <c r="N82940" s="10"/>
    </row>
    <row r="82941" spans="14:14">
      <c r="N82941" s="10"/>
    </row>
    <row r="82942" spans="14:14">
      <c r="N82942" s="10"/>
    </row>
    <row r="82943" spans="14:14">
      <c r="N82943" s="10"/>
    </row>
    <row r="82944" spans="14:14">
      <c r="N82944" s="10"/>
    </row>
    <row r="82945" spans="14:14">
      <c r="N82945" s="10"/>
    </row>
    <row r="82946" spans="14:14">
      <c r="N82946" s="10"/>
    </row>
    <row r="82947" spans="14:14">
      <c r="N82947" s="10"/>
    </row>
    <row r="82948" spans="14:14">
      <c r="N82948" s="10"/>
    </row>
    <row r="82949" spans="14:14">
      <c r="N82949" s="10"/>
    </row>
    <row r="82950" spans="14:14">
      <c r="N82950" s="10"/>
    </row>
    <row r="82951" spans="14:14">
      <c r="N82951" s="10"/>
    </row>
    <row r="82952" spans="14:14">
      <c r="N82952" s="10"/>
    </row>
    <row r="82953" spans="14:14">
      <c r="N82953" s="10"/>
    </row>
    <row r="82954" spans="14:14">
      <c r="N82954" s="10"/>
    </row>
    <row r="82955" spans="14:14">
      <c r="N82955" s="10"/>
    </row>
    <row r="82956" spans="14:14">
      <c r="N82956" s="10"/>
    </row>
    <row r="82957" spans="14:14">
      <c r="N82957" s="10"/>
    </row>
    <row r="82958" spans="14:14">
      <c r="N82958" s="10"/>
    </row>
    <row r="82959" spans="14:14">
      <c r="N82959" s="10"/>
    </row>
    <row r="82960" spans="14:14">
      <c r="N82960" s="10"/>
    </row>
    <row r="82961" spans="14:14">
      <c r="N82961" s="10"/>
    </row>
    <row r="82962" spans="14:14">
      <c r="N82962" s="10"/>
    </row>
    <row r="82963" spans="14:14">
      <c r="N82963" s="10"/>
    </row>
    <row r="82964" spans="14:14">
      <c r="N82964" s="10"/>
    </row>
    <row r="82965" spans="14:14">
      <c r="N82965" s="10"/>
    </row>
    <row r="82966" spans="14:14">
      <c r="N82966" s="10"/>
    </row>
    <row r="82967" spans="14:14">
      <c r="N82967" s="10"/>
    </row>
    <row r="82968" spans="14:14">
      <c r="N82968" s="10"/>
    </row>
    <row r="82969" spans="14:14">
      <c r="N82969" s="10"/>
    </row>
    <row r="82970" spans="14:14">
      <c r="N82970" s="10"/>
    </row>
    <row r="82971" spans="14:14">
      <c r="N82971" s="10"/>
    </row>
    <row r="82972" spans="14:14">
      <c r="N82972" s="10"/>
    </row>
    <row r="82973" spans="14:14">
      <c r="N82973" s="10"/>
    </row>
    <row r="82974" spans="14:14">
      <c r="N82974" s="10"/>
    </row>
    <row r="82975" spans="14:14">
      <c r="N82975" s="10"/>
    </row>
    <row r="82976" spans="14:14">
      <c r="N82976" s="10"/>
    </row>
    <row r="82977" spans="14:14">
      <c r="N82977" s="10"/>
    </row>
    <row r="82978" spans="14:14">
      <c r="N82978" s="10"/>
    </row>
    <row r="82979" spans="14:14">
      <c r="N82979" s="10"/>
    </row>
    <row r="82980" spans="14:14">
      <c r="N82980" s="10"/>
    </row>
    <row r="82981" spans="14:14">
      <c r="N82981" s="10"/>
    </row>
    <row r="82982" spans="14:14">
      <c r="N82982" s="10"/>
    </row>
    <row r="82983" spans="14:14">
      <c r="N82983" s="10"/>
    </row>
    <row r="82984" spans="14:14">
      <c r="N82984" s="10"/>
    </row>
    <row r="82985" spans="14:14">
      <c r="N82985" s="10"/>
    </row>
    <row r="82986" spans="14:14">
      <c r="N82986" s="10"/>
    </row>
    <row r="82987" spans="14:14">
      <c r="N82987" s="10"/>
    </row>
    <row r="82988" spans="14:14">
      <c r="N82988" s="10"/>
    </row>
    <row r="82989" spans="14:14">
      <c r="N82989" s="10"/>
    </row>
    <row r="82990" spans="14:14">
      <c r="N82990" s="10"/>
    </row>
    <row r="82991" spans="14:14">
      <c r="N82991" s="10"/>
    </row>
    <row r="82992" spans="14:14">
      <c r="N82992" s="10"/>
    </row>
    <row r="82993" spans="14:14">
      <c r="N82993" s="10"/>
    </row>
    <row r="82994" spans="14:14">
      <c r="N82994" s="10"/>
    </row>
    <row r="82995" spans="14:14">
      <c r="N82995" s="10"/>
    </row>
    <row r="82996" spans="14:14">
      <c r="N82996" s="10"/>
    </row>
    <row r="82997" spans="14:14">
      <c r="N82997" s="10"/>
    </row>
    <row r="82998" spans="14:14">
      <c r="N82998" s="10"/>
    </row>
    <row r="82999" spans="14:14">
      <c r="N82999" s="10"/>
    </row>
    <row r="83000" spans="14:14">
      <c r="N83000" s="10"/>
    </row>
    <row r="83001" spans="14:14">
      <c r="N83001" s="10"/>
    </row>
    <row r="83002" spans="14:14">
      <c r="N83002" s="10"/>
    </row>
    <row r="83003" spans="14:14">
      <c r="N83003" s="10"/>
    </row>
    <row r="83004" spans="14:14">
      <c r="N83004" s="10"/>
    </row>
    <row r="83005" spans="14:14">
      <c r="N83005" s="10"/>
    </row>
    <row r="83006" spans="14:14">
      <c r="N83006" s="10"/>
    </row>
    <row r="83007" spans="14:14">
      <c r="N83007" s="10"/>
    </row>
    <row r="83008" spans="14:14">
      <c r="N83008" s="10"/>
    </row>
    <row r="83009" spans="14:14">
      <c r="N83009" s="10"/>
    </row>
    <row r="83010" spans="14:14">
      <c r="N83010" s="10"/>
    </row>
    <row r="83011" spans="14:14">
      <c r="N83011" s="10"/>
    </row>
    <row r="83012" spans="14:14">
      <c r="N83012" s="10"/>
    </row>
    <row r="83013" spans="14:14">
      <c r="N83013" s="10"/>
    </row>
    <row r="83014" spans="14:14">
      <c r="N83014" s="10"/>
    </row>
    <row r="83015" spans="14:14">
      <c r="N83015" s="10"/>
    </row>
    <row r="83016" spans="14:14">
      <c r="N83016" s="10"/>
    </row>
    <row r="83017" spans="14:14">
      <c r="N83017" s="10"/>
    </row>
    <row r="83018" spans="14:14">
      <c r="N83018" s="10"/>
    </row>
    <row r="83019" spans="14:14">
      <c r="N83019" s="10"/>
    </row>
    <row r="83020" spans="14:14">
      <c r="N83020" s="10"/>
    </row>
    <row r="83021" spans="14:14">
      <c r="N83021" s="10"/>
    </row>
    <row r="83022" spans="14:14">
      <c r="N83022" s="10"/>
    </row>
    <row r="83023" spans="14:14">
      <c r="N83023" s="10"/>
    </row>
    <row r="83024" spans="14:14">
      <c r="N83024" s="10"/>
    </row>
    <row r="83025" spans="14:14">
      <c r="N83025" s="10"/>
    </row>
    <row r="83026" spans="14:14">
      <c r="N83026" s="10"/>
    </row>
    <row r="83027" spans="14:14">
      <c r="N83027" s="10"/>
    </row>
    <row r="83028" spans="14:14">
      <c r="N83028" s="10"/>
    </row>
    <row r="83029" spans="14:14">
      <c r="N83029" s="10"/>
    </row>
    <row r="83030" spans="14:14">
      <c r="N83030" s="10"/>
    </row>
    <row r="83031" spans="14:14">
      <c r="N83031" s="10"/>
    </row>
    <row r="83032" spans="14:14">
      <c r="N83032" s="10"/>
    </row>
    <row r="83033" spans="14:14">
      <c r="N83033" s="10"/>
    </row>
    <row r="83034" spans="14:14">
      <c r="N83034" s="10"/>
    </row>
    <row r="83035" spans="14:14">
      <c r="N83035" s="10"/>
    </row>
    <row r="83036" spans="14:14">
      <c r="N83036" s="10"/>
    </row>
    <row r="83037" spans="14:14">
      <c r="N83037" s="10"/>
    </row>
    <row r="83038" spans="14:14">
      <c r="N83038" s="10"/>
    </row>
    <row r="83039" spans="14:14">
      <c r="N83039" s="10"/>
    </row>
    <row r="83040" spans="14:14">
      <c r="N83040" s="10"/>
    </row>
    <row r="83041" spans="14:14">
      <c r="N83041" s="10"/>
    </row>
    <row r="83042" spans="14:14">
      <c r="N83042" s="10"/>
    </row>
    <row r="83043" spans="14:14">
      <c r="N83043" s="10"/>
    </row>
    <row r="83044" spans="14:14">
      <c r="N83044" s="10"/>
    </row>
    <row r="83045" spans="14:14">
      <c r="N83045" s="10"/>
    </row>
    <row r="83046" spans="14:14">
      <c r="N83046" s="10"/>
    </row>
    <row r="83047" spans="14:14">
      <c r="N83047" s="10"/>
    </row>
    <row r="83048" spans="14:14">
      <c r="N83048" s="10"/>
    </row>
    <row r="83049" spans="14:14">
      <c r="N83049" s="10"/>
    </row>
    <row r="83050" spans="14:14">
      <c r="N83050" s="10"/>
    </row>
    <row r="83051" spans="14:14">
      <c r="N83051" s="10"/>
    </row>
    <row r="83052" spans="14:14">
      <c r="N83052" s="10"/>
    </row>
    <row r="83053" spans="14:14">
      <c r="N83053" s="10"/>
    </row>
    <row r="83054" spans="14:14">
      <c r="N83054" s="10"/>
    </row>
    <row r="83055" spans="14:14">
      <c r="N83055" s="10"/>
    </row>
    <row r="83056" spans="14:14">
      <c r="N83056" s="10"/>
    </row>
    <row r="83057" spans="14:14">
      <c r="N83057" s="10"/>
    </row>
    <row r="83058" spans="14:14">
      <c r="N83058" s="10"/>
    </row>
    <row r="83059" spans="14:14">
      <c r="N83059" s="10"/>
    </row>
    <row r="83060" spans="14:14">
      <c r="N83060" s="10"/>
    </row>
    <row r="83061" spans="14:14">
      <c r="N83061" s="10"/>
    </row>
    <row r="83062" spans="14:14">
      <c r="N83062" s="10"/>
    </row>
    <row r="83063" spans="14:14">
      <c r="N83063" s="10"/>
    </row>
    <row r="83064" spans="14:14">
      <c r="N83064" s="10"/>
    </row>
    <row r="83065" spans="14:14">
      <c r="N83065" s="10"/>
    </row>
    <row r="83066" spans="14:14">
      <c r="N83066" s="10"/>
    </row>
    <row r="83067" spans="14:14">
      <c r="N83067" s="10"/>
    </row>
    <row r="83068" spans="14:14">
      <c r="N83068" s="10"/>
    </row>
    <row r="83069" spans="14:14">
      <c r="N83069" s="10"/>
    </row>
    <row r="83070" spans="14:14">
      <c r="N83070" s="10"/>
    </row>
    <row r="83071" spans="14:14">
      <c r="N83071" s="10"/>
    </row>
    <row r="83072" spans="14:14">
      <c r="N83072" s="10"/>
    </row>
    <row r="83073" spans="14:14">
      <c r="N83073" s="10"/>
    </row>
    <row r="83074" spans="14:14">
      <c r="N83074" s="10"/>
    </row>
    <row r="83075" spans="14:14">
      <c r="N83075" s="10"/>
    </row>
    <row r="83076" spans="14:14">
      <c r="N83076" s="10"/>
    </row>
    <row r="83077" spans="14:14">
      <c r="N83077" s="10"/>
    </row>
    <row r="83078" spans="14:14">
      <c r="N83078" s="10"/>
    </row>
    <row r="83079" spans="14:14">
      <c r="N83079" s="10"/>
    </row>
    <row r="83080" spans="14:14">
      <c r="N83080" s="10"/>
    </row>
    <row r="83081" spans="14:14">
      <c r="N83081" s="10"/>
    </row>
    <row r="83082" spans="14:14">
      <c r="N83082" s="10"/>
    </row>
    <row r="83083" spans="14:14">
      <c r="N83083" s="10"/>
    </row>
    <row r="83084" spans="14:14">
      <c r="N83084" s="10"/>
    </row>
    <row r="83085" spans="14:14">
      <c r="N83085" s="10"/>
    </row>
    <row r="83086" spans="14:14">
      <c r="N83086" s="10"/>
    </row>
    <row r="83087" spans="14:14">
      <c r="N83087" s="10"/>
    </row>
    <row r="83088" spans="14:14">
      <c r="N83088" s="10"/>
    </row>
    <row r="83089" spans="14:14">
      <c r="N83089" s="10"/>
    </row>
    <row r="83090" spans="14:14">
      <c r="N83090" s="10"/>
    </row>
    <row r="83091" spans="14:14">
      <c r="N83091" s="10"/>
    </row>
    <row r="83092" spans="14:14">
      <c r="N83092" s="10"/>
    </row>
    <row r="83093" spans="14:14">
      <c r="N83093" s="10"/>
    </row>
    <row r="83094" spans="14:14">
      <c r="N83094" s="10"/>
    </row>
    <row r="83095" spans="14:14">
      <c r="N83095" s="10"/>
    </row>
    <row r="83096" spans="14:14">
      <c r="N83096" s="10"/>
    </row>
    <row r="83097" spans="14:14">
      <c r="N83097" s="10"/>
    </row>
    <row r="83098" spans="14:14">
      <c r="N83098" s="10"/>
    </row>
    <row r="83099" spans="14:14">
      <c r="N83099" s="10"/>
    </row>
    <row r="83100" spans="14:14">
      <c r="N83100" s="10"/>
    </row>
    <row r="83101" spans="14:14">
      <c r="N83101" s="10"/>
    </row>
    <row r="83102" spans="14:14">
      <c r="N83102" s="10"/>
    </row>
    <row r="83103" spans="14:14">
      <c r="N83103" s="10"/>
    </row>
    <row r="83104" spans="14:14">
      <c r="N83104" s="10"/>
    </row>
    <row r="83105" spans="14:14">
      <c r="N83105" s="10"/>
    </row>
    <row r="83106" spans="14:14">
      <c r="N83106" s="10"/>
    </row>
    <row r="83107" spans="14:14">
      <c r="N83107" s="10"/>
    </row>
    <row r="83108" spans="14:14">
      <c r="N83108" s="10"/>
    </row>
    <row r="83109" spans="14:14">
      <c r="N83109" s="10"/>
    </row>
    <row r="83110" spans="14:14">
      <c r="N83110" s="10"/>
    </row>
    <row r="83111" spans="14:14">
      <c r="N83111" s="10"/>
    </row>
    <row r="83112" spans="14:14">
      <c r="N83112" s="10"/>
    </row>
    <row r="83113" spans="14:14">
      <c r="N83113" s="10"/>
    </row>
    <row r="83114" spans="14:14">
      <c r="N83114" s="10"/>
    </row>
    <row r="83115" spans="14:14">
      <c r="N83115" s="10"/>
    </row>
    <row r="83116" spans="14:14">
      <c r="N83116" s="10"/>
    </row>
    <row r="83117" spans="14:14">
      <c r="N83117" s="10"/>
    </row>
    <row r="83118" spans="14:14">
      <c r="N83118" s="10"/>
    </row>
    <row r="83119" spans="14:14">
      <c r="N83119" s="10"/>
    </row>
    <row r="83120" spans="14:14">
      <c r="N83120" s="10"/>
    </row>
    <row r="83121" spans="14:14">
      <c r="N83121" s="10"/>
    </row>
    <row r="83122" spans="14:14">
      <c r="N83122" s="10"/>
    </row>
    <row r="83123" spans="14:14">
      <c r="N83123" s="10"/>
    </row>
    <row r="83124" spans="14:14">
      <c r="N83124" s="10"/>
    </row>
    <row r="83125" spans="14:14">
      <c r="N83125" s="10"/>
    </row>
    <row r="83126" spans="14:14">
      <c r="N83126" s="10"/>
    </row>
    <row r="83127" spans="14:14">
      <c r="N83127" s="10"/>
    </row>
    <row r="83128" spans="14:14">
      <c r="N83128" s="10"/>
    </row>
    <row r="83129" spans="14:14">
      <c r="N83129" s="10"/>
    </row>
    <row r="83130" spans="14:14">
      <c r="N83130" s="10"/>
    </row>
    <row r="83131" spans="14:14">
      <c r="N83131" s="10"/>
    </row>
    <row r="83132" spans="14:14">
      <c r="N83132" s="10"/>
    </row>
    <row r="83133" spans="14:14">
      <c r="N83133" s="10"/>
    </row>
    <row r="83134" spans="14:14">
      <c r="N83134" s="10"/>
    </row>
    <row r="83135" spans="14:14">
      <c r="N83135" s="10"/>
    </row>
    <row r="83136" spans="14:14">
      <c r="N83136" s="10"/>
    </row>
    <row r="83137" spans="14:14">
      <c r="N83137" s="10"/>
    </row>
    <row r="83138" spans="14:14">
      <c r="N83138" s="10"/>
    </row>
    <row r="83139" spans="14:14">
      <c r="N83139" s="10"/>
    </row>
    <row r="83140" spans="14:14">
      <c r="N83140" s="10"/>
    </row>
    <row r="83141" spans="14:14">
      <c r="N83141" s="10"/>
    </row>
    <row r="83142" spans="14:14">
      <c r="N83142" s="10"/>
    </row>
    <row r="83143" spans="14:14">
      <c r="N83143" s="10"/>
    </row>
    <row r="83144" spans="14:14">
      <c r="N83144" s="10"/>
    </row>
    <row r="83145" spans="14:14">
      <c r="N83145" s="10"/>
    </row>
    <row r="83146" spans="14:14">
      <c r="N83146" s="10"/>
    </row>
    <row r="83147" spans="14:14">
      <c r="N83147" s="10"/>
    </row>
    <row r="83148" spans="14:14">
      <c r="N83148" s="10"/>
    </row>
    <row r="83149" spans="14:14">
      <c r="N83149" s="10"/>
    </row>
    <row r="83150" spans="14:14">
      <c r="N83150" s="10"/>
    </row>
    <row r="83151" spans="14:14">
      <c r="N83151" s="10"/>
    </row>
    <row r="83152" spans="14:14">
      <c r="N83152" s="10"/>
    </row>
    <row r="83153" spans="14:14">
      <c r="N83153" s="10"/>
    </row>
    <row r="83154" spans="14:14">
      <c r="N83154" s="10"/>
    </row>
    <row r="83155" spans="14:14">
      <c r="N83155" s="10"/>
    </row>
    <row r="83156" spans="14:14">
      <c r="N83156" s="10"/>
    </row>
    <row r="83157" spans="14:14">
      <c r="N83157" s="10"/>
    </row>
    <row r="83158" spans="14:14">
      <c r="N83158" s="10"/>
    </row>
    <row r="83159" spans="14:14">
      <c r="N83159" s="10"/>
    </row>
    <row r="83160" spans="14:14">
      <c r="N83160" s="10"/>
    </row>
    <row r="83161" spans="14:14">
      <c r="N83161" s="10"/>
    </row>
    <row r="83162" spans="14:14">
      <c r="N83162" s="10"/>
    </row>
    <row r="83163" spans="14:14">
      <c r="N83163" s="10"/>
    </row>
    <row r="83164" spans="14:14">
      <c r="N83164" s="10"/>
    </row>
    <row r="83165" spans="14:14">
      <c r="N83165" s="10"/>
    </row>
    <row r="83166" spans="14:14">
      <c r="N83166" s="10"/>
    </row>
    <row r="83167" spans="14:14">
      <c r="N83167" s="10"/>
    </row>
    <row r="83168" spans="14:14">
      <c r="N83168" s="10"/>
    </row>
    <row r="83169" spans="14:14">
      <c r="N83169" s="10"/>
    </row>
    <row r="83170" spans="14:14">
      <c r="N83170" s="10"/>
    </row>
    <row r="83171" spans="14:14">
      <c r="N83171" s="10"/>
    </row>
    <row r="83172" spans="14:14">
      <c r="N83172" s="10"/>
    </row>
    <row r="83173" spans="14:14">
      <c r="N83173" s="10"/>
    </row>
    <row r="83174" spans="14:14">
      <c r="N83174" s="10"/>
    </row>
    <row r="83175" spans="14:14">
      <c r="N83175" s="10"/>
    </row>
    <row r="83176" spans="14:14">
      <c r="N83176" s="10"/>
    </row>
    <row r="83177" spans="14:14">
      <c r="N83177" s="10"/>
    </row>
    <row r="83178" spans="14:14">
      <c r="N83178" s="10"/>
    </row>
    <row r="83179" spans="14:14">
      <c r="N83179" s="10"/>
    </row>
    <row r="83180" spans="14:14">
      <c r="N83180" s="10"/>
    </row>
    <row r="83181" spans="14:14">
      <c r="N83181" s="10"/>
    </row>
    <row r="83182" spans="14:14">
      <c r="N83182" s="10"/>
    </row>
    <row r="83183" spans="14:14">
      <c r="N83183" s="10"/>
    </row>
    <row r="83184" spans="14:14">
      <c r="N83184" s="10"/>
    </row>
    <row r="83185" spans="14:14">
      <c r="N83185" s="10"/>
    </row>
    <row r="83186" spans="14:14">
      <c r="N83186" s="10"/>
    </row>
    <row r="83187" spans="14:14">
      <c r="N83187" s="10"/>
    </row>
    <row r="83188" spans="14:14">
      <c r="N83188" s="10"/>
    </row>
    <row r="83189" spans="14:14">
      <c r="N83189" s="10"/>
    </row>
    <row r="83190" spans="14:14">
      <c r="N83190" s="10"/>
    </row>
    <row r="83191" spans="14:14">
      <c r="N83191" s="10"/>
    </row>
    <row r="83192" spans="14:14">
      <c r="N83192" s="10"/>
    </row>
    <row r="83193" spans="14:14">
      <c r="N83193" s="10"/>
    </row>
    <row r="83194" spans="14:14">
      <c r="N83194" s="10"/>
    </row>
    <row r="83195" spans="14:14">
      <c r="N83195" s="10"/>
    </row>
    <row r="83196" spans="14:14">
      <c r="N83196" s="10"/>
    </row>
    <row r="83197" spans="14:14">
      <c r="N83197" s="10"/>
    </row>
    <row r="83198" spans="14:14">
      <c r="N83198" s="10"/>
    </row>
    <row r="83199" spans="14:14">
      <c r="N83199" s="10"/>
    </row>
    <row r="83200" spans="14:14">
      <c r="N83200" s="10"/>
    </row>
    <row r="83201" spans="14:14">
      <c r="N83201" s="10"/>
    </row>
    <row r="83202" spans="14:14">
      <c r="N83202" s="10"/>
    </row>
    <row r="83203" spans="14:14">
      <c r="N83203" s="10"/>
    </row>
    <row r="83204" spans="14:14">
      <c r="N83204" s="10"/>
    </row>
    <row r="83205" spans="14:14">
      <c r="N83205" s="10"/>
    </row>
    <row r="83206" spans="14:14">
      <c r="N83206" s="10"/>
    </row>
    <row r="83207" spans="14:14">
      <c r="N83207" s="10"/>
    </row>
    <row r="83208" spans="14:14">
      <c r="N83208" s="10"/>
    </row>
    <row r="83209" spans="14:14">
      <c r="N83209" s="10"/>
    </row>
    <row r="83210" spans="14:14">
      <c r="N83210" s="10"/>
    </row>
    <row r="83211" spans="14:14">
      <c r="N83211" s="10"/>
    </row>
    <row r="83212" spans="14:14">
      <c r="N83212" s="10"/>
    </row>
    <row r="83213" spans="14:14">
      <c r="N83213" s="10"/>
    </row>
    <row r="83214" spans="14:14">
      <c r="N83214" s="10"/>
    </row>
    <row r="83215" spans="14:14">
      <c r="N83215" s="10"/>
    </row>
    <row r="83216" spans="14:14">
      <c r="N83216" s="10"/>
    </row>
    <row r="83217" spans="14:14">
      <c r="N83217" s="10"/>
    </row>
    <row r="83218" spans="14:14">
      <c r="N83218" s="10"/>
    </row>
    <row r="83219" spans="14:14">
      <c r="N83219" s="10"/>
    </row>
    <row r="83220" spans="14:14">
      <c r="N83220" s="10"/>
    </row>
    <row r="83221" spans="14:14">
      <c r="N83221" s="10"/>
    </row>
    <row r="83222" spans="14:14">
      <c r="N83222" s="10"/>
    </row>
    <row r="83223" spans="14:14">
      <c r="N83223" s="10"/>
    </row>
    <row r="83224" spans="14:14">
      <c r="N83224" s="10"/>
    </row>
    <row r="83225" spans="14:14">
      <c r="N83225" s="10"/>
    </row>
    <row r="83226" spans="14:14">
      <c r="N83226" s="10"/>
    </row>
    <row r="83227" spans="14:14">
      <c r="N83227" s="10"/>
    </row>
    <row r="83228" spans="14:14">
      <c r="N83228" s="10"/>
    </row>
    <row r="83229" spans="14:14">
      <c r="N83229" s="10"/>
    </row>
    <row r="83230" spans="14:14">
      <c r="N83230" s="10"/>
    </row>
    <row r="83231" spans="14:14">
      <c r="N83231" s="10"/>
    </row>
    <row r="83232" spans="14:14">
      <c r="N83232" s="10"/>
    </row>
    <row r="83233" spans="14:14">
      <c r="N83233" s="10"/>
    </row>
    <row r="83234" spans="14:14">
      <c r="N83234" s="10"/>
    </row>
    <row r="83235" spans="14:14">
      <c r="N83235" s="10"/>
    </row>
    <row r="83236" spans="14:14">
      <c r="N83236" s="10"/>
    </row>
    <row r="83237" spans="14:14">
      <c r="N83237" s="10"/>
    </row>
    <row r="83238" spans="14:14">
      <c r="N83238" s="10"/>
    </row>
    <row r="83239" spans="14:14">
      <c r="N83239" s="10"/>
    </row>
    <row r="83240" spans="14:14">
      <c r="N83240" s="10"/>
    </row>
    <row r="83241" spans="14:14">
      <c r="N83241" s="10"/>
    </row>
    <row r="83242" spans="14:14">
      <c r="N83242" s="10"/>
    </row>
    <row r="83243" spans="14:14">
      <c r="N83243" s="10"/>
    </row>
    <row r="83244" spans="14:14">
      <c r="N83244" s="10"/>
    </row>
    <row r="83245" spans="14:14">
      <c r="N83245" s="10"/>
    </row>
    <row r="83246" spans="14:14">
      <c r="N83246" s="10"/>
    </row>
    <row r="83247" spans="14:14">
      <c r="N83247" s="10"/>
    </row>
    <row r="83248" spans="14:14">
      <c r="N83248" s="10"/>
    </row>
    <row r="83249" spans="14:14">
      <c r="N83249" s="10"/>
    </row>
    <row r="83250" spans="14:14">
      <c r="N83250" s="10"/>
    </row>
    <row r="83251" spans="14:14">
      <c r="N83251" s="10"/>
    </row>
    <row r="83252" spans="14:14">
      <c r="N83252" s="10"/>
    </row>
    <row r="83253" spans="14:14">
      <c r="N83253" s="10"/>
    </row>
    <row r="83254" spans="14:14">
      <c r="N83254" s="10"/>
    </row>
    <row r="83255" spans="14:14">
      <c r="N83255" s="10"/>
    </row>
    <row r="83256" spans="14:14">
      <c r="N83256" s="10"/>
    </row>
    <row r="83257" spans="14:14">
      <c r="N83257" s="10"/>
    </row>
    <row r="83258" spans="14:14">
      <c r="N83258" s="10"/>
    </row>
    <row r="83259" spans="14:14">
      <c r="N83259" s="10"/>
    </row>
    <row r="83260" spans="14:14">
      <c r="N83260" s="10"/>
    </row>
    <row r="83261" spans="14:14">
      <c r="N83261" s="10"/>
    </row>
    <row r="83262" spans="14:14">
      <c r="N83262" s="10"/>
    </row>
    <row r="83263" spans="14:14">
      <c r="N83263" s="10"/>
    </row>
    <row r="83264" spans="14:14">
      <c r="N83264" s="10"/>
    </row>
    <row r="83265" spans="14:14">
      <c r="N83265" s="10"/>
    </row>
    <row r="83266" spans="14:14">
      <c r="N83266" s="10"/>
    </row>
    <row r="83267" spans="14:14">
      <c r="N83267" s="10"/>
    </row>
    <row r="83268" spans="14:14">
      <c r="N83268" s="10"/>
    </row>
    <row r="83269" spans="14:14">
      <c r="N83269" s="10"/>
    </row>
    <row r="83270" spans="14:14">
      <c r="N83270" s="10"/>
    </row>
    <row r="83271" spans="14:14">
      <c r="N83271" s="10"/>
    </row>
    <row r="83272" spans="14:14">
      <c r="N83272" s="10"/>
    </row>
    <row r="83273" spans="14:14">
      <c r="N83273" s="10"/>
    </row>
    <row r="83274" spans="14:14">
      <c r="N83274" s="10"/>
    </row>
    <row r="83275" spans="14:14">
      <c r="N83275" s="10"/>
    </row>
    <row r="83276" spans="14:14">
      <c r="N83276" s="10"/>
    </row>
    <row r="83277" spans="14:14">
      <c r="N83277" s="10"/>
    </row>
    <row r="83278" spans="14:14">
      <c r="N83278" s="10"/>
    </row>
    <row r="83279" spans="14:14">
      <c r="N83279" s="10"/>
    </row>
    <row r="83280" spans="14:14">
      <c r="N83280" s="10"/>
    </row>
    <row r="83281" spans="14:14">
      <c r="N83281" s="10"/>
    </row>
    <row r="83282" spans="14:14">
      <c r="N83282" s="10"/>
    </row>
    <row r="83283" spans="14:14">
      <c r="N83283" s="10"/>
    </row>
    <row r="83284" spans="14:14">
      <c r="N83284" s="10"/>
    </row>
    <row r="83285" spans="14:14">
      <c r="N83285" s="10"/>
    </row>
    <row r="83286" spans="14:14">
      <c r="N83286" s="10"/>
    </row>
    <row r="83287" spans="14:14">
      <c r="N83287" s="10"/>
    </row>
    <row r="83288" spans="14:14">
      <c r="N83288" s="10"/>
    </row>
    <row r="83289" spans="14:14">
      <c r="N83289" s="10"/>
    </row>
    <row r="83290" spans="14:14">
      <c r="N83290" s="10"/>
    </row>
    <row r="83291" spans="14:14">
      <c r="N83291" s="10"/>
    </row>
    <row r="83292" spans="14:14">
      <c r="N83292" s="10"/>
    </row>
    <row r="83293" spans="14:14">
      <c r="N83293" s="10"/>
    </row>
    <row r="83294" spans="14:14">
      <c r="N83294" s="10"/>
    </row>
    <row r="83295" spans="14:14">
      <c r="N83295" s="10"/>
    </row>
    <row r="83296" spans="14:14">
      <c r="N83296" s="10"/>
    </row>
    <row r="83297" spans="14:14">
      <c r="N83297" s="10"/>
    </row>
    <row r="83298" spans="14:14">
      <c r="N83298" s="10"/>
    </row>
    <row r="83299" spans="14:14">
      <c r="N83299" s="10"/>
    </row>
    <row r="83300" spans="14:14">
      <c r="N83300" s="10"/>
    </row>
    <row r="83301" spans="14:14">
      <c r="N83301" s="10"/>
    </row>
    <row r="83302" spans="14:14">
      <c r="N83302" s="10"/>
    </row>
    <row r="83303" spans="14:14">
      <c r="N83303" s="10"/>
    </row>
    <row r="83304" spans="14:14">
      <c r="N83304" s="10"/>
    </row>
    <row r="83305" spans="14:14">
      <c r="N83305" s="10"/>
    </row>
    <row r="83306" spans="14:14">
      <c r="N83306" s="10"/>
    </row>
    <row r="83307" spans="14:14">
      <c r="N83307" s="10"/>
    </row>
    <row r="83308" spans="14:14">
      <c r="N83308" s="10"/>
    </row>
    <row r="83309" spans="14:14">
      <c r="N83309" s="10"/>
    </row>
    <row r="83310" spans="14:14">
      <c r="N83310" s="10"/>
    </row>
    <row r="83311" spans="14:14">
      <c r="N83311" s="10"/>
    </row>
    <row r="83312" spans="14:14">
      <c r="N83312" s="10"/>
    </row>
    <row r="83313" spans="14:14">
      <c r="N83313" s="10"/>
    </row>
    <row r="83314" spans="14:14">
      <c r="N83314" s="10"/>
    </row>
    <row r="83315" spans="14:14">
      <c r="N83315" s="10"/>
    </row>
    <row r="83316" spans="14:14">
      <c r="N83316" s="10"/>
    </row>
    <row r="83317" spans="14:14">
      <c r="N83317" s="10"/>
    </row>
    <row r="83318" spans="14:14">
      <c r="N83318" s="10"/>
    </row>
    <row r="83319" spans="14:14">
      <c r="N83319" s="10"/>
    </row>
    <row r="83320" spans="14:14">
      <c r="N83320" s="10"/>
    </row>
    <row r="83321" spans="14:14">
      <c r="N83321" s="10"/>
    </row>
    <row r="83322" spans="14:14">
      <c r="N83322" s="10"/>
    </row>
    <row r="83323" spans="14:14">
      <c r="N83323" s="10"/>
    </row>
    <row r="83324" spans="14:14">
      <c r="N83324" s="10"/>
    </row>
    <row r="83325" spans="14:14">
      <c r="N83325" s="10"/>
    </row>
    <row r="83326" spans="14:14">
      <c r="N83326" s="10"/>
    </row>
    <row r="83327" spans="14:14">
      <c r="N83327" s="10"/>
    </row>
    <row r="83328" spans="14:14">
      <c r="N83328" s="10"/>
    </row>
    <row r="83329" spans="14:14">
      <c r="N83329" s="10"/>
    </row>
    <row r="83330" spans="14:14">
      <c r="N83330" s="10"/>
    </row>
    <row r="83331" spans="14:14">
      <c r="N83331" s="10"/>
    </row>
    <row r="83332" spans="14:14">
      <c r="N83332" s="10"/>
    </row>
    <row r="83333" spans="14:14">
      <c r="N83333" s="10"/>
    </row>
    <row r="83334" spans="14:14">
      <c r="N83334" s="10"/>
    </row>
    <row r="83335" spans="14:14">
      <c r="N83335" s="10"/>
    </row>
    <row r="83336" spans="14:14">
      <c r="N83336" s="10"/>
    </row>
    <row r="83337" spans="14:14">
      <c r="N83337" s="10"/>
    </row>
    <row r="83338" spans="14:14">
      <c r="N83338" s="10"/>
    </row>
    <row r="83339" spans="14:14">
      <c r="N83339" s="10"/>
    </row>
    <row r="83340" spans="14:14">
      <c r="N83340" s="10"/>
    </row>
    <row r="83341" spans="14:14">
      <c r="N83341" s="10"/>
    </row>
    <row r="83342" spans="14:14">
      <c r="N83342" s="10"/>
    </row>
    <row r="83343" spans="14:14">
      <c r="N83343" s="10"/>
    </row>
    <row r="83344" spans="14:14">
      <c r="N83344" s="10"/>
    </row>
    <row r="83345" spans="14:14">
      <c r="N83345" s="10"/>
    </row>
    <row r="83346" spans="14:14">
      <c r="N83346" s="10"/>
    </row>
    <row r="83347" spans="14:14">
      <c r="N83347" s="10"/>
    </row>
    <row r="83348" spans="14:14">
      <c r="N83348" s="10"/>
    </row>
    <row r="83349" spans="14:14">
      <c r="N83349" s="10"/>
    </row>
    <row r="83350" spans="14:14">
      <c r="N83350" s="10"/>
    </row>
    <row r="83351" spans="14:14">
      <c r="N83351" s="10"/>
    </row>
    <row r="83352" spans="14:14">
      <c r="N83352" s="10"/>
    </row>
    <row r="83353" spans="14:14">
      <c r="N83353" s="10"/>
    </row>
    <row r="83354" spans="14:14">
      <c r="N83354" s="10"/>
    </row>
    <row r="83355" spans="14:14">
      <c r="N83355" s="10"/>
    </row>
    <row r="83356" spans="14:14">
      <c r="N83356" s="10"/>
    </row>
    <row r="83357" spans="14:14">
      <c r="N83357" s="10"/>
    </row>
    <row r="83358" spans="14:14">
      <c r="N83358" s="10"/>
    </row>
    <row r="83359" spans="14:14">
      <c r="N83359" s="10"/>
    </row>
    <row r="83360" spans="14:14">
      <c r="N83360" s="10"/>
    </row>
    <row r="83361" spans="14:14">
      <c r="N83361" s="10"/>
    </row>
    <row r="83362" spans="14:14">
      <c r="N83362" s="10"/>
    </row>
    <row r="83363" spans="14:14">
      <c r="N83363" s="10"/>
    </row>
    <row r="83364" spans="14:14">
      <c r="N83364" s="10"/>
    </row>
    <row r="83365" spans="14:14">
      <c r="N83365" s="10"/>
    </row>
    <row r="83366" spans="14:14">
      <c r="N83366" s="10"/>
    </row>
    <row r="83367" spans="14:14">
      <c r="N83367" s="10"/>
    </row>
    <row r="83368" spans="14:14">
      <c r="N83368" s="10"/>
    </row>
    <row r="83369" spans="14:14">
      <c r="N83369" s="10"/>
    </row>
    <row r="83370" spans="14:14">
      <c r="N83370" s="10"/>
    </row>
    <row r="83371" spans="14:14">
      <c r="N83371" s="10"/>
    </row>
    <row r="83372" spans="14:14">
      <c r="N83372" s="10"/>
    </row>
    <row r="83373" spans="14:14">
      <c r="N83373" s="10"/>
    </row>
    <row r="83374" spans="14:14">
      <c r="N83374" s="10"/>
    </row>
    <row r="83375" spans="14:14">
      <c r="N83375" s="10"/>
    </row>
    <row r="83376" spans="14:14">
      <c r="N83376" s="10"/>
    </row>
    <row r="83377" spans="14:14">
      <c r="N83377" s="10"/>
    </row>
    <row r="83378" spans="14:14">
      <c r="N83378" s="10"/>
    </row>
    <row r="83379" spans="14:14">
      <c r="N83379" s="10"/>
    </row>
    <row r="83380" spans="14:14">
      <c r="N83380" s="10"/>
    </row>
    <row r="83381" spans="14:14">
      <c r="N83381" s="10"/>
    </row>
    <row r="83382" spans="14:14">
      <c r="N83382" s="10"/>
    </row>
    <row r="83383" spans="14:14">
      <c r="N83383" s="10"/>
    </row>
    <row r="83384" spans="14:14">
      <c r="N83384" s="10"/>
    </row>
    <row r="83385" spans="14:14">
      <c r="N83385" s="10"/>
    </row>
    <row r="83386" spans="14:14">
      <c r="N83386" s="10"/>
    </row>
    <row r="83387" spans="14:14">
      <c r="N83387" s="10"/>
    </row>
    <row r="83388" spans="14:14">
      <c r="N83388" s="10"/>
    </row>
    <row r="83389" spans="14:14">
      <c r="N83389" s="10"/>
    </row>
    <row r="83390" spans="14:14">
      <c r="N83390" s="10"/>
    </row>
    <row r="83391" spans="14:14">
      <c r="N83391" s="10"/>
    </row>
    <row r="83392" spans="14:14">
      <c r="N83392" s="10"/>
    </row>
    <row r="83393" spans="14:14">
      <c r="N83393" s="10"/>
    </row>
    <row r="83394" spans="14:14">
      <c r="N83394" s="10"/>
    </row>
    <row r="83395" spans="14:14">
      <c r="N83395" s="10"/>
    </row>
    <row r="83396" spans="14:14">
      <c r="N83396" s="10"/>
    </row>
    <row r="83397" spans="14:14">
      <c r="N83397" s="10"/>
    </row>
    <row r="83398" spans="14:14">
      <c r="N83398" s="10"/>
    </row>
    <row r="83399" spans="14:14">
      <c r="N83399" s="10"/>
    </row>
    <row r="83400" spans="14:14">
      <c r="N83400" s="10"/>
    </row>
    <row r="83401" spans="14:14">
      <c r="N83401" s="10"/>
    </row>
    <row r="83402" spans="14:14">
      <c r="N83402" s="10"/>
    </row>
    <row r="83403" spans="14:14">
      <c r="N83403" s="10"/>
    </row>
    <row r="83404" spans="14:14">
      <c r="N83404" s="10"/>
    </row>
    <row r="83405" spans="14:14">
      <c r="N83405" s="10"/>
    </row>
    <row r="83406" spans="14:14">
      <c r="N83406" s="10"/>
    </row>
    <row r="83407" spans="14:14">
      <c r="N83407" s="10"/>
    </row>
    <row r="83408" spans="14:14">
      <c r="N83408" s="10"/>
    </row>
    <row r="83409" spans="14:14">
      <c r="N83409" s="10"/>
    </row>
    <row r="83410" spans="14:14">
      <c r="N83410" s="10"/>
    </row>
    <row r="83411" spans="14:14">
      <c r="N83411" s="10"/>
    </row>
    <row r="83412" spans="14:14">
      <c r="N83412" s="10"/>
    </row>
    <row r="83413" spans="14:14">
      <c r="N83413" s="10"/>
    </row>
    <row r="83414" spans="14:14">
      <c r="N83414" s="10"/>
    </row>
    <row r="83415" spans="14:14">
      <c r="N83415" s="10"/>
    </row>
    <row r="83416" spans="14:14">
      <c r="N83416" s="10"/>
    </row>
    <row r="83417" spans="14:14">
      <c r="N83417" s="10"/>
    </row>
    <row r="83418" spans="14:14">
      <c r="N83418" s="10"/>
    </row>
    <row r="83419" spans="14:14">
      <c r="N83419" s="10"/>
    </row>
    <row r="83420" spans="14:14">
      <c r="N83420" s="10"/>
    </row>
    <row r="83421" spans="14:14">
      <c r="N83421" s="10"/>
    </row>
    <row r="83422" spans="14:14">
      <c r="N83422" s="10"/>
    </row>
    <row r="83423" spans="14:14">
      <c r="N83423" s="10"/>
    </row>
    <row r="83424" spans="14:14">
      <c r="N83424" s="10"/>
    </row>
    <row r="83425" spans="14:14">
      <c r="N83425" s="10"/>
    </row>
    <row r="83426" spans="14:14">
      <c r="N83426" s="10"/>
    </row>
    <row r="83427" spans="14:14">
      <c r="N83427" s="10"/>
    </row>
    <row r="83428" spans="14:14">
      <c r="N83428" s="10"/>
    </row>
    <row r="83429" spans="14:14">
      <c r="N83429" s="10"/>
    </row>
    <row r="83430" spans="14:14">
      <c r="N83430" s="10"/>
    </row>
    <row r="83431" spans="14:14">
      <c r="N83431" s="10"/>
    </row>
    <row r="83432" spans="14:14">
      <c r="N83432" s="10"/>
    </row>
    <row r="83433" spans="14:14">
      <c r="N83433" s="10"/>
    </row>
    <row r="83434" spans="14:14">
      <c r="N83434" s="10"/>
    </row>
    <row r="83435" spans="14:14">
      <c r="N83435" s="10"/>
    </row>
    <row r="83436" spans="14:14">
      <c r="N83436" s="10"/>
    </row>
    <row r="83437" spans="14:14">
      <c r="N83437" s="10"/>
    </row>
    <row r="83438" spans="14:14">
      <c r="N83438" s="10"/>
    </row>
    <row r="83439" spans="14:14">
      <c r="N83439" s="10"/>
    </row>
    <row r="83440" spans="14:14">
      <c r="N83440" s="10"/>
    </row>
    <row r="83441" spans="14:14">
      <c r="N83441" s="10"/>
    </row>
    <row r="83442" spans="14:14">
      <c r="N83442" s="10"/>
    </row>
    <row r="83443" spans="14:14">
      <c r="N83443" s="10"/>
    </row>
    <row r="83444" spans="14:14">
      <c r="N83444" s="10"/>
    </row>
    <row r="83445" spans="14:14">
      <c r="N83445" s="10"/>
    </row>
    <row r="83446" spans="14:14">
      <c r="N83446" s="10"/>
    </row>
    <row r="83447" spans="14:14">
      <c r="N83447" s="10"/>
    </row>
    <row r="83448" spans="14:14">
      <c r="N83448" s="10"/>
    </row>
    <row r="83449" spans="14:14">
      <c r="N83449" s="10"/>
    </row>
    <row r="83450" spans="14:14">
      <c r="N83450" s="10"/>
    </row>
    <row r="83451" spans="14:14">
      <c r="N83451" s="10"/>
    </row>
    <row r="83452" spans="14:14">
      <c r="N83452" s="10"/>
    </row>
    <row r="83453" spans="14:14">
      <c r="N83453" s="10"/>
    </row>
    <row r="83454" spans="14:14">
      <c r="N83454" s="10"/>
    </row>
    <row r="83455" spans="14:14">
      <c r="N83455" s="10"/>
    </row>
    <row r="83456" spans="14:14">
      <c r="N83456" s="10"/>
    </row>
    <row r="83457" spans="14:14">
      <c r="N83457" s="10"/>
    </row>
    <row r="83458" spans="14:14">
      <c r="N83458" s="10"/>
    </row>
    <row r="83459" spans="14:14">
      <c r="N83459" s="10"/>
    </row>
    <row r="83460" spans="14:14">
      <c r="N83460" s="10"/>
    </row>
    <row r="83461" spans="14:14">
      <c r="N83461" s="10"/>
    </row>
    <row r="83462" spans="14:14">
      <c r="N83462" s="10"/>
    </row>
    <row r="83463" spans="14:14">
      <c r="N83463" s="10"/>
    </row>
    <row r="83464" spans="14:14">
      <c r="N83464" s="10"/>
    </row>
    <row r="83465" spans="14:14">
      <c r="N83465" s="10"/>
    </row>
    <row r="83466" spans="14:14">
      <c r="N83466" s="10"/>
    </row>
    <row r="83467" spans="14:14">
      <c r="N83467" s="10"/>
    </row>
    <row r="83468" spans="14:14">
      <c r="N83468" s="10"/>
    </row>
    <row r="83469" spans="14:14">
      <c r="N83469" s="10"/>
    </row>
    <row r="83470" spans="14:14">
      <c r="N83470" s="10"/>
    </row>
    <row r="83471" spans="14:14">
      <c r="N83471" s="10"/>
    </row>
    <row r="83472" spans="14:14">
      <c r="N83472" s="10"/>
    </row>
    <row r="83473" spans="14:14">
      <c r="N83473" s="10"/>
    </row>
    <row r="83474" spans="14:14">
      <c r="N83474" s="10"/>
    </row>
    <row r="83475" spans="14:14">
      <c r="N83475" s="10"/>
    </row>
    <row r="83476" spans="14:14">
      <c r="N83476" s="10"/>
    </row>
    <row r="83477" spans="14:14">
      <c r="N83477" s="10"/>
    </row>
    <row r="83478" spans="14:14">
      <c r="N83478" s="10"/>
    </row>
    <row r="83479" spans="14:14">
      <c r="N83479" s="10"/>
    </row>
    <row r="83480" spans="14:14">
      <c r="N83480" s="10"/>
    </row>
    <row r="83481" spans="14:14">
      <c r="N83481" s="10"/>
    </row>
    <row r="83482" spans="14:14">
      <c r="N83482" s="10"/>
    </row>
    <row r="83483" spans="14:14">
      <c r="N83483" s="10"/>
    </row>
    <row r="83484" spans="14:14">
      <c r="N83484" s="10"/>
    </row>
    <row r="83485" spans="14:14">
      <c r="N83485" s="10"/>
    </row>
    <row r="83486" spans="14:14">
      <c r="N83486" s="10"/>
    </row>
    <row r="83487" spans="14:14">
      <c r="N83487" s="10"/>
    </row>
    <row r="83488" spans="14:14">
      <c r="N83488" s="10"/>
    </row>
    <row r="83489" spans="14:14">
      <c r="N83489" s="10"/>
    </row>
    <row r="83490" spans="14:14">
      <c r="N83490" s="10"/>
    </row>
    <row r="83491" spans="14:14">
      <c r="N83491" s="10"/>
    </row>
    <row r="83492" spans="14:14">
      <c r="N83492" s="10"/>
    </row>
    <row r="83493" spans="14:14">
      <c r="N83493" s="10"/>
    </row>
    <row r="83494" spans="14:14">
      <c r="N83494" s="10"/>
    </row>
    <row r="83495" spans="14:14">
      <c r="N83495" s="10"/>
    </row>
    <row r="83496" spans="14:14">
      <c r="N83496" s="10"/>
    </row>
    <row r="83497" spans="14:14">
      <c r="N83497" s="10"/>
    </row>
    <row r="83498" spans="14:14">
      <c r="N83498" s="10"/>
    </row>
    <row r="83499" spans="14:14">
      <c r="N83499" s="10"/>
    </row>
    <row r="83500" spans="14:14">
      <c r="N83500" s="10"/>
    </row>
    <row r="83501" spans="14:14">
      <c r="N83501" s="10"/>
    </row>
    <row r="83502" spans="14:14">
      <c r="N83502" s="10"/>
    </row>
    <row r="83503" spans="14:14">
      <c r="N83503" s="10"/>
    </row>
    <row r="83504" spans="14:14">
      <c r="N83504" s="10"/>
    </row>
    <row r="83505" spans="14:14">
      <c r="N83505" s="10"/>
    </row>
    <row r="83506" spans="14:14">
      <c r="N83506" s="10"/>
    </row>
    <row r="83507" spans="14:14">
      <c r="N83507" s="10"/>
    </row>
    <row r="83508" spans="14:14">
      <c r="N83508" s="10"/>
    </row>
    <row r="83509" spans="14:14">
      <c r="N83509" s="10"/>
    </row>
    <row r="83510" spans="14:14">
      <c r="N83510" s="10"/>
    </row>
    <row r="83511" spans="14:14">
      <c r="N83511" s="10"/>
    </row>
    <row r="83512" spans="14:14">
      <c r="N83512" s="10"/>
    </row>
    <row r="83513" spans="14:14">
      <c r="N83513" s="10"/>
    </row>
    <row r="83514" spans="14:14">
      <c r="N83514" s="10"/>
    </row>
    <row r="83515" spans="14:14">
      <c r="N83515" s="10"/>
    </row>
    <row r="83516" spans="14:14">
      <c r="N83516" s="10"/>
    </row>
    <row r="83517" spans="14:14">
      <c r="N83517" s="10"/>
    </row>
    <row r="83518" spans="14:14">
      <c r="N83518" s="10"/>
    </row>
    <row r="83519" spans="14:14">
      <c r="N83519" s="10"/>
    </row>
    <row r="83520" spans="14:14">
      <c r="N83520" s="10"/>
    </row>
    <row r="83521" spans="14:14">
      <c r="N83521" s="10"/>
    </row>
    <row r="83522" spans="14:14">
      <c r="N83522" s="10"/>
    </row>
    <row r="83523" spans="14:14">
      <c r="N83523" s="10"/>
    </row>
    <row r="83524" spans="14:14">
      <c r="N83524" s="10"/>
    </row>
    <row r="83525" spans="14:14">
      <c r="N83525" s="10"/>
    </row>
    <row r="83526" spans="14:14">
      <c r="N83526" s="10"/>
    </row>
    <row r="83527" spans="14:14">
      <c r="N83527" s="10"/>
    </row>
    <row r="83528" spans="14:14">
      <c r="N83528" s="10"/>
    </row>
    <row r="83529" spans="14:14">
      <c r="N83529" s="10"/>
    </row>
    <row r="83530" spans="14:14">
      <c r="N83530" s="10"/>
    </row>
    <row r="83531" spans="14:14">
      <c r="N83531" s="10"/>
    </row>
    <row r="83532" spans="14:14">
      <c r="N83532" s="10"/>
    </row>
    <row r="83533" spans="14:14">
      <c r="N83533" s="10"/>
    </row>
    <row r="83534" spans="14:14">
      <c r="N83534" s="10"/>
    </row>
    <row r="83535" spans="14:14">
      <c r="N83535" s="10"/>
    </row>
    <row r="83536" spans="14:14">
      <c r="N83536" s="10"/>
    </row>
    <row r="83537" spans="14:14">
      <c r="N83537" s="10"/>
    </row>
    <row r="83538" spans="14:14">
      <c r="N83538" s="10"/>
    </row>
    <row r="83539" spans="14:14">
      <c r="N83539" s="10"/>
    </row>
    <row r="83540" spans="14:14">
      <c r="N83540" s="10"/>
    </row>
    <row r="83541" spans="14:14">
      <c r="N83541" s="10"/>
    </row>
    <row r="83542" spans="14:14">
      <c r="N83542" s="10"/>
    </row>
    <row r="83543" spans="14:14">
      <c r="N83543" s="10"/>
    </row>
    <row r="83544" spans="14:14">
      <c r="N83544" s="10"/>
    </row>
    <row r="83545" spans="14:14">
      <c r="N83545" s="10"/>
    </row>
    <row r="83546" spans="14:14">
      <c r="N83546" s="10"/>
    </row>
    <row r="83547" spans="14:14">
      <c r="N83547" s="10"/>
    </row>
    <row r="83548" spans="14:14">
      <c r="N83548" s="10"/>
    </row>
    <row r="83549" spans="14:14">
      <c r="N83549" s="10"/>
    </row>
    <row r="83550" spans="14:14">
      <c r="N83550" s="10"/>
    </row>
    <row r="83551" spans="14:14">
      <c r="N83551" s="10"/>
    </row>
    <row r="83552" spans="14:14">
      <c r="N83552" s="10"/>
    </row>
    <row r="83553" spans="14:14">
      <c r="N83553" s="10"/>
    </row>
    <row r="83554" spans="14:14">
      <c r="N83554" s="10"/>
    </row>
    <row r="83555" spans="14:14">
      <c r="N83555" s="10"/>
    </row>
    <row r="83556" spans="14:14">
      <c r="N83556" s="10"/>
    </row>
    <row r="83557" spans="14:14">
      <c r="N83557" s="10"/>
    </row>
    <row r="83558" spans="14:14">
      <c r="N83558" s="10"/>
    </row>
    <row r="83559" spans="14:14">
      <c r="N83559" s="10"/>
    </row>
    <row r="83560" spans="14:14">
      <c r="N83560" s="10"/>
    </row>
    <row r="83561" spans="14:14">
      <c r="N83561" s="10"/>
    </row>
    <row r="83562" spans="14:14">
      <c r="N83562" s="10"/>
    </row>
    <row r="83563" spans="14:14">
      <c r="N83563" s="10"/>
    </row>
    <row r="83564" spans="14:14">
      <c r="N83564" s="10"/>
    </row>
    <row r="83565" spans="14:14">
      <c r="N83565" s="10"/>
    </row>
    <row r="83566" spans="14:14">
      <c r="N83566" s="10"/>
    </row>
    <row r="83567" spans="14:14">
      <c r="N83567" s="10"/>
    </row>
    <row r="83568" spans="14:14">
      <c r="N83568" s="10"/>
    </row>
    <row r="83569" spans="14:14">
      <c r="N83569" s="10"/>
    </row>
    <row r="83570" spans="14:14">
      <c r="N83570" s="10"/>
    </row>
    <row r="83571" spans="14:14">
      <c r="N83571" s="10"/>
    </row>
    <row r="83572" spans="14:14">
      <c r="N83572" s="10"/>
    </row>
    <row r="83573" spans="14:14">
      <c r="N83573" s="10"/>
    </row>
    <row r="83574" spans="14:14">
      <c r="N83574" s="10"/>
    </row>
    <row r="83575" spans="14:14">
      <c r="N83575" s="10"/>
    </row>
    <row r="83576" spans="14:14">
      <c r="N83576" s="10"/>
    </row>
    <row r="83577" spans="14:14">
      <c r="N83577" s="10"/>
    </row>
    <row r="83578" spans="14:14">
      <c r="N83578" s="10"/>
    </row>
    <row r="83579" spans="14:14">
      <c r="N83579" s="10"/>
    </row>
    <row r="83580" spans="14:14">
      <c r="N83580" s="10"/>
    </row>
    <row r="83581" spans="14:14">
      <c r="N83581" s="10"/>
    </row>
    <row r="83582" spans="14:14">
      <c r="N83582" s="10"/>
    </row>
    <row r="83583" spans="14:14">
      <c r="N83583" s="10"/>
    </row>
    <row r="83584" spans="14:14">
      <c r="N83584" s="10"/>
    </row>
    <row r="83585" spans="14:14">
      <c r="N83585" s="10"/>
    </row>
    <row r="83586" spans="14:14">
      <c r="N83586" s="10"/>
    </row>
    <row r="83587" spans="14:14">
      <c r="N83587" s="10"/>
    </row>
    <row r="83588" spans="14:14">
      <c r="N83588" s="10"/>
    </row>
    <row r="83589" spans="14:14">
      <c r="N83589" s="10"/>
    </row>
    <row r="83590" spans="14:14">
      <c r="N83590" s="10"/>
    </row>
    <row r="83591" spans="14:14">
      <c r="N83591" s="10"/>
    </row>
    <row r="83592" spans="14:14">
      <c r="N83592" s="10"/>
    </row>
    <row r="83593" spans="14:14">
      <c r="N83593" s="10"/>
    </row>
    <row r="83594" spans="14:14">
      <c r="N83594" s="10"/>
    </row>
    <row r="83595" spans="14:14">
      <c r="N83595" s="10"/>
    </row>
    <row r="83596" spans="14:14">
      <c r="N83596" s="10"/>
    </row>
    <row r="83597" spans="14:14">
      <c r="N83597" s="10"/>
    </row>
    <row r="83598" spans="14:14">
      <c r="N83598" s="10"/>
    </row>
    <row r="83599" spans="14:14">
      <c r="N83599" s="10"/>
    </row>
    <row r="83600" spans="14:14">
      <c r="N83600" s="10"/>
    </row>
    <row r="83601" spans="14:14">
      <c r="N83601" s="10"/>
    </row>
    <row r="83602" spans="14:14">
      <c r="N83602" s="10"/>
    </row>
    <row r="83603" spans="14:14">
      <c r="N83603" s="10"/>
    </row>
    <row r="83604" spans="14:14">
      <c r="N83604" s="10"/>
    </row>
    <row r="83605" spans="14:14">
      <c r="N83605" s="10"/>
    </row>
    <row r="83606" spans="14:14">
      <c r="N83606" s="10"/>
    </row>
    <row r="83607" spans="14:14">
      <c r="N83607" s="10"/>
    </row>
    <row r="83608" spans="14:14">
      <c r="N83608" s="10"/>
    </row>
    <row r="83609" spans="14:14">
      <c r="N83609" s="10"/>
    </row>
    <row r="83610" spans="14:14">
      <c r="N83610" s="10"/>
    </row>
    <row r="83611" spans="14:14">
      <c r="N83611" s="10"/>
    </row>
    <row r="83612" spans="14:14">
      <c r="N83612" s="10"/>
    </row>
    <row r="83613" spans="14:14">
      <c r="N83613" s="10"/>
    </row>
    <row r="83614" spans="14:14">
      <c r="N83614" s="10"/>
    </row>
    <row r="83615" spans="14:14">
      <c r="N83615" s="10"/>
    </row>
    <row r="83616" spans="14:14">
      <c r="N83616" s="10"/>
    </row>
    <row r="83617" spans="14:14">
      <c r="N83617" s="10"/>
    </row>
    <row r="83618" spans="14:14">
      <c r="N83618" s="10"/>
    </row>
    <row r="83619" spans="14:14">
      <c r="N83619" s="10"/>
    </row>
    <row r="83620" spans="14:14">
      <c r="N83620" s="10"/>
    </row>
    <row r="83621" spans="14:14">
      <c r="N83621" s="10"/>
    </row>
    <row r="83622" spans="14:14">
      <c r="N83622" s="10"/>
    </row>
    <row r="83623" spans="14:14">
      <c r="N83623" s="10"/>
    </row>
    <row r="83624" spans="14:14">
      <c r="N83624" s="10"/>
    </row>
    <row r="83625" spans="14:14">
      <c r="N83625" s="10"/>
    </row>
    <row r="83626" spans="14:14">
      <c r="N83626" s="10"/>
    </row>
    <row r="83627" spans="14:14">
      <c r="N83627" s="10"/>
    </row>
    <row r="83628" spans="14:14">
      <c r="N83628" s="10"/>
    </row>
    <row r="83629" spans="14:14">
      <c r="N83629" s="10"/>
    </row>
    <row r="83630" spans="14:14">
      <c r="N83630" s="10"/>
    </row>
    <row r="83631" spans="14:14">
      <c r="N83631" s="10"/>
    </row>
    <row r="83632" spans="14:14">
      <c r="N83632" s="10"/>
    </row>
    <row r="83633" spans="14:14">
      <c r="N83633" s="10"/>
    </row>
    <row r="83634" spans="14:14">
      <c r="N83634" s="10"/>
    </row>
    <row r="83635" spans="14:14">
      <c r="N83635" s="10"/>
    </row>
    <row r="83636" spans="14:14">
      <c r="N83636" s="10"/>
    </row>
    <row r="83637" spans="14:14">
      <c r="N83637" s="10"/>
    </row>
    <row r="83638" spans="14:14">
      <c r="N83638" s="10"/>
    </row>
    <row r="83639" spans="14:14">
      <c r="N83639" s="10"/>
    </row>
    <row r="83640" spans="14:14">
      <c r="N83640" s="10"/>
    </row>
    <row r="83641" spans="14:14">
      <c r="N83641" s="10"/>
    </row>
    <row r="83642" spans="14:14">
      <c r="N83642" s="10"/>
    </row>
    <row r="83643" spans="14:14">
      <c r="N83643" s="10"/>
    </row>
    <row r="83644" spans="14:14">
      <c r="N83644" s="10"/>
    </row>
    <row r="83645" spans="14:14">
      <c r="N83645" s="10"/>
    </row>
    <row r="83646" spans="14:14">
      <c r="N83646" s="10"/>
    </row>
    <row r="83647" spans="14:14">
      <c r="N83647" s="10"/>
    </row>
    <row r="83648" spans="14:14">
      <c r="N83648" s="10"/>
    </row>
    <row r="83649" spans="14:14">
      <c r="N83649" s="10"/>
    </row>
    <row r="83650" spans="14:14">
      <c r="N83650" s="10"/>
    </row>
    <row r="83651" spans="14:14">
      <c r="N83651" s="10"/>
    </row>
    <row r="83652" spans="14:14">
      <c r="N83652" s="10"/>
    </row>
    <row r="83653" spans="14:14">
      <c r="N83653" s="10"/>
    </row>
    <row r="83654" spans="14:14">
      <c r="N83654" s="10"/>
    </row>
    <row r="83655" spans="14:14">
      <c r="N83655" s="10"/>
    </row>
    <row r="83656" spans="14:14">
      <c r="N83656" s="10"/>
    </row>
    <row r="83657" spans="14:14">
      <c r="N83657" s="10"/>
    </row>
    <row r="83658" spans="14:14">
      <c r="N83658" s="10"/>
    </row>
    <row r="83659" spans="14:14">
      <c r="N83659" s="10"/>
    </row>
    <row r="83660" spans="14:14">
      <c r="N83660" s="10"/>
    </row>
    <row r="83661" spans="14:14">
      <c r="N83661" s="10"/>
    </row>
    <row r="83662" spans="14:14">
      <c r="N83662" s="10"/>
    </row>
    <row r="83663" spans="14:14">
      <c r="N83663" s="10"/>
    </row>
    <row r="83664" spans="14:14">
      <c r="N83664" s="10"/>
    </row>
    <row r="83665" spans="14:14">
      <c r="N83665" s="10"/>
    </row>
    <row r="83666" spans="14:14">
      <c r="N83666" s="10"/>
    </row>
    <row r="83667" spans="14:14">
      <c r="N83667" s="10"/>
    </row>
    <row r="83668" spans="14:14">
      <c r="N83668" s="10"/>
    </row>
    <row r="83669" spans="14:14">
      <c r="N83669" s="10"/>
    </row>
    <row r="83670" spans="14:14">
      <c r="N83670" s="10"/>
    </row>
    <row r="83671" spans="14:14">
      <c r="N83671" s="10"/>
    </row>
    <row r="83672" spans="14:14">
      <c r="N83672" s="10"/>
    </row>
    <row r="83673" spans="14:14">
      <c r="N83673" s="10"/>
    </row>
    <row r="83674" spans="14:14">
      <c r="N83674" s="10"/>
    </row>
    <row r="83675" spans="14:14">
      <c r="N83675" s="10"/>
    </row>
    <row r="83676" spans="14:14">
      <c r="N83676" s="10"/>
    </row>
    <row r="83677" spans="14:14">
      <c r="N83677" s="10"/>
    </row>
    <row r="83678" spans="14:14">
      <c r="N83678" s="10"/>
    </row>
    <row r="83679" spans="14:14">
      <c r="N83679" s="10"/>
    </row>
    <row r="83680" spans="14:14">
      <c r="N83680" s="10"/>
    </row>
    <row r="83681" spans="14:14">
      <c r="N83681" s="10"/>
    </row>
    <row r="83682" spans="14:14">
      <c r="N83682" s="10"/>
    </row>
    <row r="83683" spans="14:14">
      <c r="N83683" s="10"/>
    </row>
    <row r="83684" spans="14:14">
      <c r="N83684" s="10"/>
    </row>
    <row r="83685" spans="14:14">
      <c r="N83685" s="10"/>
    </row>
    <row r="83686" spans="14:14">
      <c r="N83686" s="10"/>
    </row>
    <row r="83687" spans="14:14">
      <c r="N83687" s="10"/>
    </row>
    <row r="83688" spans="14:14">
      <c r="N83688" s="10"/>
    </row>
    <row r="83689" spans="14:14">
      <c r="N83689" s="10"/>
    </row>
    <row r="83690" spans="14:14">
      <c r="N83690" s="10"/>
    </row>
    <row r="83691" spans="14:14">
      <c r="N83691" s="10"/>
    </row>
    <row r="83692" spans="14:14">
      <c r="N83692" s="10"/>
    </row>
    <row r="83693" spans="14:14">
      <c r="N83693" s="10"/>
    </row>
    <row r="83694" spans="14:14">
      <c r="N83694" s="10"/>
    </row>
    <row r="83695" spans="14:14">
      <c r="N83695" s="10"/>
    </row>
    <row r="83696" spans="14:14">
      <c r="N83696" s="10"/>
    </row>
    <row r="83697" spans="14:14">
      <c r="N83697" s="10"/>
    </row>
    <row r="83698" spans="14:14">
      <c r="N83698" s="10"/>
    </row>
    <row r="83699" spans="14:14">
      <c r="N83699" s="10"/>
    </row>
    <row r="83700" spans="14:14">
      <c r="N83700" s="10"/>
    </row>
    <row r="83701" spans="14:14">
      <c r="N83701" s="10"/>
    </row>
    <row r="83702" spans="14:14">
      <c r="N83702" s="10"/>
    </row>
    <row r="83703" spans="14:14">
      <c r="N83703" s="10"/>
    </row>
    <row r="83704" spans="14:14">
      <c r="N83704" s="10"/>
    </row>
    <row r="83705" spans="14:14">
      <c r="N83705" s="10"/>
    </row>
    <row r="83706" spans="14:14">
      <c r="N83706" s="10"/>
    </row>
    <row r="83707" spans="14:14">
      <c r="N83707" s="10"/>
    </row>
    <row r="83708" spans="14:14">
      <c r="N83708" s="10"/>
    </row>
    <row r="83709" spans="14:14">
      <c r="N83709" s="10"/>
    </row>
    <row r="83710" spans="14:14">
      <c r="N83710" s="10"/>
    </row>
    <row r="83711" spans="14:14">
      <c r="N83711" s="10"/>
    </row>
    <row r="83712" spans="14:14">
      <c r="N83712" s="10"/>
    </row>
    <row r="83713" spans="14:14">
      <c r="N83713" s="10"/>
    </row>
    <row r="83714" spans="14:14">
      <c r="N83714" s="10"/>
    </row>
    <row r="83715" spans="14:14">
      <c r="N83715" s="10"/>
    </row>
    <row r="83716" spans="14:14">
      <c r="N83716" s="10"/>
    </row>
    <row r="83717" spans="14:14">
      <c r="N83717" s="10"/>
    </row>
    <row r="83718" spans="14:14">
      <c r="N83718" s="10"/>
    </row>
    <row r="83719" spans="14:14">
      <c r="N83719" s="10"/>
    </row>
    <row r="83720" spans="14:14">
      <c r="N83720" s="10"/>
    </row>
    <row r="83721" spans="14:14">
      <c r="N83721" s="10"/>
    </row>
    <row r="83722" spans="14:14">
      <c r="N83722" s="10"/>
    </row>
    <row r="83723" spans="14:14">
      <c r="N83723" s="10"/>
    </row>
    <row r="83724" spans="14:14">
      <c r="N83724" s="10"/>
    </row>
    <row r="83725" spans="14:14">
      <c r="N83725" s="10"/>
    </row>
    <row r="83726" spans="14:14">
      <c r="N83726" s="10"/>
    </row>
    <row r="83727" spans="14:14">
      <c r="N83727" s="10"/>
    </row>
    <row r="83728" spans="14:14">
      <c r="N83728" s="10"/>
    </row>
    <row r="83729" spans="14:14">
      <c r="N83729" s="10"/>
    </row>
    <row r="83730" spans="14:14">
      <c r="N83730" s="10"/>
    </row>
    <row r="83731" spans="14:14">
      <c r="N83731" s="10"/>
    </row>
    <row r="83732" spans="14:14">
      <c r="N83732" s="10"/>
    </row>
    <row r="83733" spans="14:14">
      <c r="N83733" s="10"/>
    </row>
    <row r="83734" spans="14:14">
      <c r="N83734" s="10"/>
    </row>
    <row r="83735" spans="14:14">
      <c r="N83735" s="10"/>
    </row>
    <row r="83736" spans="14:14">
      <c r="N83736" s="10"/>
    </row>
    <row r="83737" spans="14:14">
      <c r="N83737" s="10"/>
    </row>
    <row r="83738" spans="14:14">
      <c r="N83738" s="10"/>
    </row>
    <row r="83739" spans="14:14">
      <c r="N83739" s="10"/>
    </row>
    <row r="83740" spans="14:14">
      <c r="N83740" s="10"/>
    </row>
    <row r="83741" spans="14:14">
      <c r="N83741" s="10"/>
    </row>
    <row r="83742" spans="14:14">
      <c r="N83742" s="10"/>
    </row>
    <row r="83743" spans="14:14">
      <c r="N83743" s="10"/>
    </row>
    <row r="83744" spans="14:14">
      <c r="N83744" s="10"/>
    </row>
    <row r="83745" spans="14:14">
      <c r="N83745" s="10"/>
    </row>
    <row r="83746" spans="14:14">
      <c r="N83746" s="10"/>
    </row>
    <row r="83747" spans="14:14">
      <c r="N83747" s="10"/>
    </row>
    <row r="83748" spans="14:14">
      <c r="N83748" s="10"/>
    </row>
    <row r="83749" spans="14:14">
      <c r="N83749" s="10"/>
    </row>
    <row r="83750" spans="14:14">
      <c r="N83750" s="10"/>
    </row>
    <row r="83751" spans="14:14">
      <c r="N83751" s="10"/>
    </row>
    <row r="83752" spans="14:14">
      <c r="N83752" s="10"/>
    </row>
    <row r="83753" spans="14:14">
      <c r="N83753" s="10"/>
    </row>
    <row r="83754" spans="14:14">
      <c r="N83754" s="10"/>
    </row>
    <row r="83755" spans="14:14">
      <c r="N83755" s="10"/>
    </row>
    <row r="83756" spans="14:14">
      <c r="N83756" s="10"/>
    </row>
    <row r="83757" spans="14:14">
      <c r="N83757" s="10"/>
    </row>
    <row r="83758" spans="14:14">
      <c r="N83758" s="10"/>
    </row>
    <row r="83759" spans="14:14">
      <c r="N83759" s="10"/>
    </row>
    <row r="83760" spans="14:14">
      <c r="N83760" s="10"/>
    </row>
    <row r="83761" spans="14:14">
      <c r="N83761" s="10"/>
    </row>
    <row r="83762" spans="14:14">
      <c r="N83762" s="10"/>
    </row>
    <row r="83763" spans="14:14">
      <c r="N83763" s="10"/>
    </row>
    <row r="83764" spans="14:14">
      <c r="N83764" s="10"/>
    </row>
    <row r="83765" spans="14:14">
      <c r="N83765" s="10"/>
    </row>
    <row r="83766" spans="14:14">
      <c r="N83766" s="10"/>
    </row>
    <row r="83767" spans="14:14">
      <c r="N83767" s="10"/>
    </row>
    <row r="83768" spans="14:14">
      <c r="N83768" s="10"/>
    </row>
    <row r="83769" spans="14:14">
      <c r="N83769" s="10"/>
    </row>
    <row r="83770" spans="14:14">
      <c r="N83770" s="10"/>
    </row>
    <row r="83771" spans="14:14">
      <c r="N83771" s="10"/>
    </row>
    <row r="83772" spans="14:14">
      <c r="N83772" s="10"/>
    </row>
    <row r="83773" spans="14:14">
      <c r="N83773" s="10"/>
    </row>
    <row r="83774" spans="14:14">
      <c r="N83774" s="10"/>
    </row>
    <row r="83775" spans="14:14">
      <c r="N83775" s="10"/>
    </row>
    <row r="83776" spans="14:14">
      <c r="N83776" s="10"/>
    </row>
    <row r="83777" spans="14:14">
      <c r="N83777" s="10"/>
    </row>
    <row r="83778" spans="14:14">
      <c r="N83778" s="10"/>
    </row>
    <row r="83779" spans="14:14">
      <c r="N83779" s="10"/>
    </row>
    <row r="83780" spans="14:14">
      <c r="N83780" s="10"/>
    </row>
    <row r="83781" spans="14:14">
      <c r="N83781" s="10"/>
    </row>
    <row r="83782" spans="14:14">
      <c r="N83782" s="10"/>
    </row>
    <row r="83783" spans="14:14">
      <c r="N83783" s="10"/>
    </row>
    <row r="83784" spans="14:14">
      <c r="N83784" s="10"/>
    </row>
    <row r="83785" spans="14:14">
      <c r="N83785" s="10"/>
    </row>
    <row r="83786" spans="14:14">
      <c r="N83786" s="10"/>
    </row>
    <row r="83787" spans="14:14">
      <c r="N83787" s="10"/>
    </row>
    <row r="83788" spans="14:14">
      <c r="N83788" s="10"/>
    </row>
    <row r="83789" spans="14:14">
      <c r="N83789" s="10"/>
    </row>
    <row r="83790" spans="14:14">
      <c r="N83790" s="10"/>
    </row>
    <row r="83791" spans="14:14">
      <c r="N83791" s="10"/>
    </row>
    <row r="83792" spans="14:14">
      <c r="N83792" s="10"/>
    </row>
    <row r="83793" spans="14:14">
      <c r="N83793" s="10"/>
    </row>
    <row r="83794" spans="14:14">
      <c r="N83794" s="10"/>
    </row>
    <row r="83795" spans="14:14">
      <c r="N83795" s="10"/>
    </row>
    <row r="83796" spans="14:14">
      <c r="N83796" s="10"/>
    </row>
    <row r="83797" spans="14:14">
      <c r="N83797" s="10"/>
    </row>
    <row r="83798" spans="14:14">
      <c r="N83798" s="10"/>
    </row>
    <row r="83799" spans="14:14">
      <c r="N83799" s="10"/>
    </row>
    <row r="83800" spans="14:14">
      <c r="N83800" s="10"/>
    </row>
    <row r="83801" spans="14:14">
      <c r="N83801" s="10"/>
    </row>
    <row r="83802" spans="14:14">
      <c r="N83802" s="10"/>
    </row>
    <row r="83803" spans="14:14">
      <c r="N83803" s="10"/>
    </row>
    <row r="83804" spans="14:14">
      <c r="N83804" s="10"/>
    </row>
    <row r="83805" spans="14:14">
      <c r="N83805" s="10"/>
    </row>
    <row r="83806" spans="14:14">
      <c r="N83806" s="10"/>
    </row>
    <row r="83807" spans="14:14">
      <c r="N83807" s="10"/>
    </row>
    <row r="83808" spans="14:14">
      <c r="N83808" s="10"/>
    </row>
    <row r="83809" spans="14:14">
      <c r="N83809" s="10"/>
    </row>
    <row r="83810" spans="14:14">
      <c r="N83810" s="10"/>
    </row>
    <row r="83811" spans="14:14">
      <c r="N83811" s="10"/>
    </row>
    <row r="83812" spans="14:14">
      <c r="N83812" s="10"/>
    </row>
    <row r="83813" spans="14:14">
      <c r="N83813" s="10"/>
    </row>
    <row r="83814" spans="14:14">
      <c r="N83814" s="10"/>
    </row>
    <row r="83815" spans="14:14">
      <c r="N83815" s="10"/>
    </row>
    <row r="83816" spans="14:14">
      <c r="N83816" s="10"/>
    </row>
    <row r="83817" spans="14:14">
      <c r="N83817" s="10"/>
    </row>
    <row r="83818" spans="14:14">
      <c r="N83818" s="10"/>
    </row>
    <row r="83819" spans="14:14">
      <c r="N83819" s="10"/>
    </row>
    <row r="83820" spans="14:14">
      <c r="N83820" s="10"/>
    </row>
    <row r="83821" spans="14:14">
      <c r="N83821" s="10"/>
    </row>
    <row r="83822" spans="14:14">
      <c r="N83822" s="10"/>
    </row>
    <row r="83823" spans="14:14">
      <c r="N83823" s="10"/>
    </row>
    <row r="83824" spans="14:14">
      <c r="N83824" s="10"/>
    </row>
    <row r="83825" spans="14:14">
      <c r="N83825" s="10"/>
    </row>
    <row r="83826" spans="14:14">
      <c r="N83826" s="10"/>
    </row>
    <row r="83827" spans="14:14">
      <c r="N83827" s="10"/>
    </row>
    <row r="83828" spans="14:14">
      <c r="N83828" s="10"/>
    </row>
    <row r="83829" spans="14:14">
      <c r="N83829" s="10"/>
    </row>
    <row r="83830" spans="14:14">
      <c r="N83830" s="10"/>
    </row>
    <row r="83831" spans="14:14">
      <c r="N83831" s="10"/>
    </row>
    <row r="83832" spans="14:14">
      <c r="N83832" s="10"/>
    </row>
    <row r="83833" spans="14:14">
      <c r="N83833" s="10"/>
    </row>
    <row r="83834" spans="14:14">
      <c r="N83834" s="10"/>
    </row>
    <row r="83835" spans="14:14">
      <c r="N83835" s="10"/>
    </row>
    <row r="83836" spans="14:14">
      <c r="N83836" s="10"/>
    </row>
    <row r="83837" spans="14:14">
      <c r="N83837" s="10"/>
    </row>
    <row r="83838" spans="14:14">
      <c r="N83838" s="10"/>
    </row>
    <row r="83839" spans="14:14">
      <c r="N83839" s="10"/>
    </row>
    <row r="83840" spans="14:14">
      <c r="N83840" s="10"/>
    </row>
    <row r="83841" spans="14:14">
      <c r="N83841" s="10"/>
    </row>
    <row r="83842" spans="14:14">
      <c r="N83842" s="10"/>
    </row>
    <row r="83843" spans="14:14">
      <c r="N83843" s="10"/>
    </row>
    <row r="83844" spans="14:14">
      <c r="N83844" s="10"/>
    </row>
    <row r="83845" spans="14:14">
      <c r="N83845" s="10"/>
    </row>
    <row r="83846" spans="14:14">
      <c r="N83846" s="10"/>
    </row>
    <row r="83847" spans="14:14">
      <c r="N83847" s="10"/>
    </row>
    <row r="83848" spans="14:14">
      <c r="N83848" s="10"/>
    </row>
    <row r="83849" spans="14:14">
      <c r="N83849" s="10"/>
    </row>
    <row r="83850" spans="14:14">
      <c r="N83850" s="10"/>
    </row>
    <row r="83851" spans="14:14">
      <c r="N83851" s="10"/>
    </row>
    <row r="83852" spans="14:14">
      <c r="N83852" s="10"/>
    </row>
    <row r="83853" spans="14:14">
      <c r="N83853" s="10"/>
    </row>
    <row r="83854" spans="14:14">
      <c r="N83854" s="10"/>
    </row>
    <row r="83855" spans="14:14">
      <c r="N83855" s="10"/>
    </row>
    <row r="83856" spans="14:14">
      <c r="N83856" s="10"/>
    </row>
    <row r="83857" spans="14:14">
      <c r="N83857" s="10"/>
    </row>
    <row r="83858" spans="14:14">
      <c r="N83858" s="10"/>
    </row>
    <row r="83859" spans="14:14">
      <c r="N83859" s="10"/>
    </row>
    <row r="83860" spans="14:14">
      <c r="N83860" s="10"/>
    </row>
    <row r="83861" spans="14:14">
      <c r="N83861" s="10"/>
    </row>
    <row r="83862" spans="14:14">
      <c r="N83862" s="10"/>
    </row>
    <row r="83863" spans="14:14">
      <c r="N83863" s="10"/>
    </row>
    <row r="83864" spans="14:14">
      <c r="N83864" s="10"/>
    </row>
    <row r="83865" spans="14:14">
      <c r="N83865" s="10"/>
    </row>
    <row r="83866" spans="14:14">
      <c r="N83866" s="10"/>
    </row>
    <row r="83867" spans="14:14">
      <c r="N83867" s="10"/>
    </row>
    <row r="83868" spans="14:14">
      <c r="N83868" s="10"/>
    </row>
    <row r="83869" spans="14:14">
      <c r="N83869" s="10"/>
    </row>
    <row r="83870" spans="14:14">
      <c r="N83870" s="10"/>
    </row>
    <row r="83871" spans="14:14">
      <c r="N83871" s="10"/>
    </row>
    <row r="83872" spans="14:14">
      <c r="N83872" s="10"/>
    </row>
    <row r="83873" spans="14:14">
      <c r="N83873" s="10"/>
    </row>
    <row r="83874" spans="14:14">
      <c r="N83874" s="10"/>
    </row>
    <row r="83875" spans="14:14">
      <c r="N83875" s="10"/>
    </row>
    <row r="83876" spans="14:14">
      <c r="N83876" s="10"/>
    </row>
    <row r="83877" spans="14:14">
      <c r="N83877" s="10"/>
    </row>
    <row r="83878" spans="14:14">
      <c r="N83878" s="10"/>
    </row>
    <row r="83879" spans="14:14">
      <c r="N83879" s="10"/>
    </row>
    <row r="83880" spans="14:14">
      <c r="N83880" s="10"/>
    </row>
    <row r="83881" spans="14:14">
      <c r="N83881" s="10"/>
    </row>
    <row r="83882" spans="14:14">
      <c r="N83882" s="10"/>
    </row>
    <row r="83883" spans="14:14">
      <c r="N83883" s="10"/>
    </row>
    <row r="83884" spans="14:14">
      <c r="N83884" s="10"/>
    </row>
    <row r="83885" spans="14:14">
      <c r="N83885" s="10"/>
    </row>
    <row r="83886" spans="14:14">
      <c r="N83886" s="10"/>
    </row>
    <row r="83887" spans="14:14">
      <c r="N83887" s="10"/>
    </row>
    <row r="83888" spans="14:14">
      <c r="N83888" s="10"/>
    </row>
    <row r="83889" spans="14:14">
      <c r="N83889" s="10"/>
    </row>
    <row r="83890" spans="14:14">
      <c r="N83890" s="10"/>
    </row>
    <row r="83891" spans="14:14">
      <c r="N83891" s="10"/>
    </row>
    <row r="83892" spans="14:14">
      <c r="N83892" s="10"/>
    </row>
    <row r="83893" spans="14:14">
      <c r="N83893" s="10"/>
    </row>
    <row r="83894" spans="14:14">
      <c r="N83894" s="10"/>
    </row>
    <row r="83895" spans="14:14">
      <c r="N83895" s="10"/>
    </row>
    <row r="83896" spans="14:14">
      <c r="N83896" s="10"/>
    </row>
    <row r="83897" spans="14:14">
      <c r="N83897" s="10"/>
    </row>
    <row r="83898" spans="14:14">
      <c r="N83898" s="10"/>
    </row>
    <row r="83899" spans="14:14">
      <c r="N83899" s="10"/>
    </row>
    <row r="83900" spans="14:14">
      <c r="N83900" s="10"/>
    </row>
    <row r="83901" spans="14:14">
      <c r="N83901" s="10"/>
    </row>
    <row r="83902" spans="14:14">
      <c r="N83902" s="10"/>
    </row>
    <row r="83903" spans="14:14">
      <c r="N83903" s="10"/>
    </row>
    <row r="83904" spans="14:14">
      <c r="N83904" s="10"/>
    </row>
    <row r="83905" spans="14:14">
      <c r="N83905" s="10"/>
    </row>
    <row r="83906" spans="14:14">
      <c r="N83906" s="10"/>
    </row>
    <row r="83907" spans="14:14">
      <c r="N83907" s="10"/>
    </row>
    <row r="83908" spans="14:14">
      <c r="N83908" s="10"/>
    </row>
    <row r="83909" spans="14:14">
      <c r="N83909" s="10"/>
    </row>
    <row r="83910" spans="14:14">
      <c r="N83910" s="10"/>
    </row>
    <row r="83911" spans="14:14">
      <c r="N83911" s="10"/>
    </row>
    <row r="83912" spans="14:14">
      <c r="N83912" s="10"/>
    </row>
    <row r="83913" spans="14:14">
      <c r="N83913" s="10"/>
    </row>
    <row r="83914" spans="14:14">
      <c r="N83914" s="10"/>
    </row>
    <row r="83915" spans="14:14">
      <c r="N83915" s="10"/>
    </row>
    <row r="83916" spans="14:14">
      <c r="N83916" s="10"/>
    </row>
    <row r="83917" spans="14:14">
      <c r="N83917" s="10"/>
    </row>
    <row r="83918" spans="14:14">
      <c r="N83918" s="10"/>
    </row>
    <row r="83919" spans="14:14">
      <c r="N83919" s="10"/>
    </row>
    <row r="83920" spans="14:14">
      <c r="N83920" s="10"/>
    </row>
    <row r="83921" spans="14:14">
      <c r="N83921" s="10"/>
    </row>
    <row r="83922" spans="14:14">
      <c r="N83922" s="10"/>
    </row>
    <row r="83923" spans="14:14">
      <c r="N83923" s="10"/>
    </row>
    <row r="83924" spans="14:14">
      <c r="N83924" s="10"/>
    </row>
    <row r="83925" spans="14:14">
      <c r="N83925" s="10"/>
    </row>
    <row r="83926" spans="14:14">
      <c r="N83926" s="10"/>
    </row>
    <row r="83927" spans="14:14">
      <c r="N83927" s="10"/>
    </row>
    <row r="83928" spans="14:14">
      <c r="N83928" s="10"/>
    </row>
    <row r="83929" spans="14:14">
      <c r="N83929" s="10"/>
    </row>
    <row r="83930" spans="14:14">
      <c r="N83930" s="10"/>
    </row>
    <row r="83931" spans="14:14">
      <c r="N83931" s="10"/>
    </row>
    <row r="83932" spans="14:14">
      <c r="N83932" s="10"/>
    </row>
    <row r="83933" spans="14:14">
      <c r="N83933" s="10"/>
    </row>
    <row r="83934" spans="14:14">
      <c r="N83934" s="10"/>
    </row>
    <row r="83935" spans="14:14">
      <c r="N83935" s="10"/>
    </row>
    <row r="83936" spans="14:14">
      <c r="N83936" s="10"/>
    </row>
    <row r="83937" spans="14:14">
      <c r="N83937" s="10"/>
    </row>
    <row r="83938" spans="14:14">
      <c r="N83938" s="10"/>
    </row>
    <row r="83939" spans="14:14">
      <c r="N83939" s="10"/>
    </row>
    <row r="83940" spans="14:14">
      <c r="N83940" s="10"/>
    </row>
    <row r="83941" spans="14:14">
      <c r="N83941" s="10"/>
    </row>
    <row r="83942" spans="14:14">
      <c r="N83942" s="10"/>
    </row>
    <row r="83943" spans="14:14">
      <c r="N83943" s="10"/>
    </row>
    <row r="83944" spans="14:14">
      <c r="N83944" s="10"/>
    </row>
    <row r="83945" spans="14:14">
      <c r="N83945" s="10"/>
    </row>
    <row r="83946" spans="14:14">
      <c r="N83946" s="10"/>
    </row>
    <row r="83947" spans="14:14">
      <c r="N83947" s="10"/>
    </row>
    <row r="83948" spans="14:14">
      <c r="N83948" s="10"/>
    </row>
    <row r="83949" spans="14:14">
      <c r="N83949" s="10"/>
    </row>
    <row r="83950" spans="14:14">
      <c r="N83950" s="10"/>
    </row>
    <row r="83951" spans="14:14">
      <c r="N83951" s="10"/>
    </row>
    <row r="83952" spans="14:14">
      <c r="N83952" s="10"/>
    </row>
    <row r="83953" spans="14:14">
      <c r="N83953" s="10"/>
    </row>
    <row r="83954" spans="14:14">
      <c r="N83954" s="10"/>
    </row>
    <row r="83955" spans="14:14">
      <c r="N83955" s="10"/>
    </row>
    <row r="83956" spans="14:14">
      <c r="N83956" s="10"/>
    </row>
    <row r="83957" spans="14:14">
      <c r="N83957" s="10"/>
    </row>
    <row r="83958" spans="14:14">
      <c r="N83958" s="10"/>
    </row>
    <row r="83959" spans="14:14">
      <c r="N83959" s="10"/>
    </row>
    <row r="83960" spans="14:14">
      <c r="N83960" s="10"/>
    </row>
    <row r="83961" spans="14:14">
      <c r="N83961" s="10"/>
    </row>
    <row r="83962" spans="14:14">
      <c r="N83962" s="10"/>
    </row>
    <row r="83963" spans="14:14">
      <c r="N83963" s="10"/>
    </row>
    <row r="83964" spans="14:14">
      <c r="N83964" s="10"/>
    </row>
    <row r="83965" spans="14:14">
      <c r="N83965" s="10"/>
    </row>
    <row r="83966" spans="14:14">
      <c r="N83966" s="10"/>
    </row>
    <row r="83967" spans="14:14">
      <c r="N83967" s="10"/>
    </row>
    <row r="83968" spans="14:14">
      <c r="N83968" s="10"/>
    </row>
    <row r="83969" spans="14:14">
      <c r="N83969" s="10"/>
    </row>
    <row r="83970" spans="14:14">
      <c r="N83970" s="10"/>
    </row>
    <row r="83971" spans="14:14">
      <c r="N83971" s="10"/>
    </row>
    <row r="83972" spans="14:14">
      <c r="N83972" s="10"/>
    </row>
    <row r="83973" spans="14:14">
      <c r="N83973" s="10"/>
    </row>
    <row r="83974" spans="14:14">
      <c r="N83974" s="10"/>
    </row>
    <row r="83975" spans="14:14">
      <c r="N83975" s="10"/>
    </row>
    <row r="83976" spans="14:14">
      <c r="N83976" s="10"/>
    </row>
    <row r="83977" spans="14:14">
      <c r="N83977" s="10"/>
    </row>
    <row r="83978" spans="14:14">
      <c r="N83978" s="10"/>
    </row>
    <row r="83979" spans="14:14">
      <c r="N83979" s="10"/>
    </row>
    <row r="83980" spans="14:14">
      <c r="N83980" s="10"/>
    </row>
    <row r="83981" spans="14:14">
      <c r="N83981" s="10"/>
    </row>
    <row r="83982" spans="14:14">
      <c r="N83982" s="10"/>
    </row>
    <row r="83983" spans="14:14">
      <c r="N83983" s="10"/>
    </row>
    <row r="83984" spans="14:14">
      <c r="N83984" s="10"/>
    </row>
    <row r="83985" spans="14:14">
      <c r="N83985" s="10"/>
    </row>
    <row r="83986" spans="14:14">
      <c r="N83986" s="10"/>
    </row>
    <row r="83987" spans="14:14">
      <c r="N83987" s="10"/>
    </row>
    <row r="83988" spans="14:14">
      <c r="N83988" s="10"/>
    </row>
    <row r="83989" spans="14:14">
      <c r="N83989" s="10"/>
    </row>
    <row r="83990" spans="14:14">
      <c r="N83990" s="10"/>
    </row>
    <row r="83991" spans="14:14">
      <c r="N83991" s="10"/>
    </row>
    <row r="83992" spans="14:14">
      <c r="N83992" s="10"/>
    </row>
    <row r="83993" spans="14:14">
      <c r="N83993" s="10"/>
    </row>
    <row r="83994" spans="14:14">
      <c r="N83994" s="10"/>
    </row>
    <row r="83995" spans="14:14">
      <c r="N83995" s="10"/>
    </row>
    <row r="83996" spans="14:14">
      <c r="N83996" s="10"/>
    </row>
    <row r="83997" spans="14:14">
      <c r="N83997" s="10"/>
    </row>
    <row r="83998" spans="14:14">
      <c r="N83998" s="10"/>
    </row>
    <row r="83999" spans="14:14">
      <c r="N83999" s="10"/>
    </row>
    <row r="84000" spans="14:14">
      <c r="N84000" s="10"/>
    </row>
    <row r="84001" spans="14:14">
      <c r="N84001" s="10"/>
    </row>
    <row r="84002" spans="14:14">
      <c r="N84002" s="10"/>
    </row>
    <row r="84003" spans="14:14">
      <c r="N84003" s="10"/>
    </row>
    <row r="84004" spans="14:14">
      <c r="N84004" s="10"/>
    </row>
    <row r="84005" spans="14:14">
      <c r="N84005" s="10"/>
    </row>
    <row r="84006" spans="14:14">
      <c r="N84006" s="10"/>
    </row>
    <row r="84007" spans="14:14">
      <c r="N84007" s="10"/>
    </row>
    <row r="84008" spans="14:14">
      <c r="N84008" s="10"/>
    </row>
    <row r="84009" spans="14:14">
      <c r="N84009" s="10"/>
    </row>
    <row r="84010" spans="14:14">
      <c r="N84010" s="10"/>
    </row>
    <row r="84011" spans="14:14">
      <c r="N84011" s="10"/>
    </row>
    <row r="84012" spans="14:14">
      <c r="N84012" s="10"/>
    </row>
    <row r="84013" spans="14:14">
      <c r="N84013" s="10"/>
    </row>
    <row r="84014" spans="14:14">
      <c r="N84014" s="10"/>
    </row>
    <row r="84015" spans="14:14">
      <c r="N84015" s="10"/>
    </row>
    <row r="84016" spans="14:14">
      <c r="N84016" s="10"/>
    </row>
    <row r="84017" spans="14:14">
      <c r="N84017" s="10"/>
    </row>
    <row r="84018" spans="14:14">
      <c r="N84018" s="10"/>
    </row>
    <row r="84019" spans="14:14">
      <c r="N84019" s="10"/>
    </row>
    <row r="84020" spans="14:14">
      <c r="N84020" s="10"/>
    </row>
    <row r="84021" spans="14:14">
      <c r="N84021" s="10"/>
    </row>
    <row r="84022" spans="14:14">
      <c r="N84022" s="10"/>
    </row>
    <row r="84023" spans="14:14">
      <c r="N84023" s="10"/>
    </row>
    <row r="84024" spans="14:14">
      <c r="N84024" s="10"/>
    </row>
    <row r="84025" spans="14:14">
      <c r="N84025" s="10"/>
    </row>
    <row r="84026" spans="14:14">
      <c r="N84026" s="10"/>
    </row>
    <row r="84027" spans="14:14">
      <c r="N84027" s="10"/>
    </row>
    <row r="84028" spans="14:14">
      <c r="N84028" s="10"/>
    </row>
    <row r="84029" spans="14:14">
      <c r="N84029" s="10"/>
    </row>
    <row r="84030" spans="14:14">
      <c r="N84030" s="10"/>
    </row>
    <row r="84031" spans="14:14">
      <c r="N84031" s="10"/>
    </row>
    <row r="84032" spans="14:14">
      <c r="N84032" s="10"/>
    </row>
    <row r="84033" spans="14:14">
      <c r="N84033" s="10"/>
    </row>
    <row r="84034" spans="14:14">
      <c r="N84034" s="10"/>
    </row>
    <row r="84035" spans="14:14">
      <c r="N84035" s="10"/>
    </row>
    <row r="84036" spans="14:14">
      <c r="N84036" s="10"/>
    </row>
    <row r="84037" spans="14:14">
      <c r="N84037" s="10"/>
    </row>
    <row r="84038" spans="14:14">
      <c r="N84038" s="10"/>
    </row>
    <row r="84039" spans="14:14">
      <c r="N84039" s="10"/>
    </row>
    <row r="84040" spans="14:14">
      <c r="N84040" s="10"/>
    </row>
    <row r="84041" spans="14:14">
      <c r="N84041" s="10"/>
    </row>
    <row r="84042" spans="14:14">
      <c r="N84042" s="10"/>
    </row>
    <row r="84043" spans="14:14">
      <c r="N84043" s="10"/>
    </row>
    <row r="84044" spans="14:14">
      <c r="N84044" s="10"/>
    </row>
    <row r="84045" spans="14:14">
      <c r="N84045" s="10"/>
    </row>
    <row r="84046" spans="14:14">
      <c r="N84046" s="10"/>
    </row>
    <row r="84047" spans="14:14">
      <c r="N84047" s="10"/>
    </row>
    <row r="84048" spans="14:14">
      <c r="N84048" s="10"/>
    </row>
    <row r="84049" spans="14:14">
      <c r="N84049" s="10"/>
    </row>
    <row r="84050" spans="14:14">
      <c r="N84050" s="10"/>
    </row>
    <row r="84051" spans="14:14">
      <c r="N84051" s="10"/>
    </row>
    <row r="84052" spans="14:14">
      <c r="N84052" s="10"/>
    </row>
    <row r="84053" spans="14:14">
      <c r="N84053" s="10"/>
    </row>
    <row r="84054" spans="14:14">
      <c r="N84054" s="10"/>
    </row>
    <row r="84055" spans="14:14">
      <c r="N84055" s="10"/>
    </row>
    <row r="84056" spans="14:14">
      <c r="N84056" s="10"/>
    </row>
    <row r="84057" spans="14:14">
      <c r="N84057" s="10"/>
    </row>
    <row r="84058" spans="14:14">
      <c r="N84058" s="10"/>
    </row>
    <row r="84059" spans="14:14">
      <c r="N84059" s="10"/>
    </row>
    <row r="84060" spans="14:14">
      <c r="N84060" s="10"/>
    </row>
    <row r="84061" spans="14:14">
      <c r="N84061" s="10"/>
    </row>
    <row r="84062" spans="14:14">
      <c r="N84062" s="10"/>
    </row>
    <row r="84063" spans="14:14">
      <c r="N84063" s="10"/>
    </row>
    <row r="84064" spans="14:14">
      <c r="N84064" s="10"/>
    </row>
    <row r="84065" spans="14:14">
      <c r="N84065" s="10"/>
    </row>
    <row r="84066" spans="14:14">
      <c r="N84066" s="10"/>
    </row>
    <row r="84067" spans="14:14">
      <c r="N84067" s="10"/>
    </row>
    <row r="84068" spans="14:14">
      <c r="N84068" s="10"/>
    </row>
    <row r="84069" spans="14:14">
      <c r="N84069" s="10"/>
    </row>
    <row r="84070" spans="14:14">
      <c r="N84070" s="10"/>
    </row>
    <row r="84071" spans="14:14">
      <c r="N84071" s="10"/>
    </row>
    <row r="84072" spans="14:14">
      <c r="N84072" s="10"/>
    </row>
    <row r="84073" spans="14:14">
      <c r="N84073" s="10"/>
    </row>
    <row r="84074" spans="14:14">
      <c r="N84074" s="10"/>
    </row>
    <row r="84075" spans="14:14">
      <c r="N84075" s="10"/>
    </row>
    <row r="84076" spans="14:14">
      <c r="N84076" s="10"/>
    </row>
    <row r="84077" spans="14:14">
      <c r="N84077" s="10"/>
    </row>
    <row r="84078" spans="14:14">
      <c r="N84078" s="10"/>
    </row>
    <row r="84079" spans="14:14">
      <c r="N84079" s="10"/>
    </row>
    <row r="84080" spans="14:14">
      <c r="N84080" s="10"/>
    </row>
    <row r="84081" spans="14:14">
      <c r="N84081" s="10"/>
    </row>
    <row r="84082" spans="14:14">
      <c r="N84082" s="10"/>
    </row>
    <row r="84083" spans="14:14">
      <c r="N84083" s="10"/>
    </row>
    <row r="84084" spans="14:14">
      <c r="N84084" s="10"/>
    </row>
    <row r="84085" spans="14:14">
      <c r="N84085" s="10"/>
    </row>
    <row r="84086" spans="14:14">
      <c r="N84086" s="10"/>
    </row>
    <row r="84087" spans="14:14">
      <c r="N84087" s="10"/>
    </row>
    <row r="84088" spans="14:14">
      <c r="N84088" s="10"/>
    </row>
    <row r="84089" spans="14:14">
      <c r="N84089" s="10"/>
    </row>
    <row r="84090" spans="14:14">
      <c r="N84090" s="10"/>
    </row>
    <row r="84091" spans="14:14">
      <c r="N84091" s="10"/>
    </row>
    <row r="84092" spans="14:14">
      <c r="N84092" s="10"/>
    </row>
    <row r="84093" spans="14:14">
      <c r="N84093" s="10"/>
    </row>
    <row r="84094" spans="14:14">
      <c r="N84094" s="10"/>
    </row>
    <row r="84095" spans="14:14">
      <c r="N84095" s="10"/>
    </row>
    <row r="84096" spans="14:14">
      <c r="N84096" s="10"/>
    </row>
    <row r="84097" spans="14:14">
      <c r="N84097" s="10"/>
    </row>
    <row r="84098" spans="14:14">
      <c r="N84098" s="10"/>
    </row>
    <row r="84099" spans="14:14">
      <c r="N84099" s="10"/>
    </row>
    <row r="84100" spans="14:14">
      <c r="N84100" s="10"/>
    </row>
    <row r="84101" spans="14:14">
      <c r="N84101" s="10"/>
    </row>
    <row r="84102" spans="14:14">
      <c r="N84102" s="10"/>
    </row>
    <row r="84103" spans="14:14">
      <c r="N84103" s="10"/>
    </row>
    <row r="84104" spans="14:14">
      <c r="N84104" s="10"/>
    </row>
    <row r="84105" spans="14:14">
      <c r="N84105" s="10"/>
    </row>
    <row r="84106" spans="14:14">
      <c r="N84106" s="10"/>
    </row>
    <row r="84107" spans="14:14">
      <c r="N84107" s="10"/>
    </row>
    <row r="84108" spans="14:14">
      <c r="N84108" s="10"/>
    </row>
    <row r="84109" spans="14:14">
      <c r="N84109" s="10"/>
    </row>
    <row r="84110" spans="14:14">
      <c r="N84110" s="10"/>
    </row>
    <row r="84111" spans="14:14">
      <c r="N84111" s="10"/>
    </row>
    <row r="84112" spans="14:14">
      <c r="N84112" s="10"/>
    </row>
    <row r="84113" spans="14:14">
      <c r="N84113" s="10"/>
    </row>
    <row r="84114" spans="14:14">
      <c r="N84114" s="10"/>
    </row>
    <row r="84115" spans="14:14">
      <c r="N84115" s="10"/>
    </row>
    <row r="84116" spans="14:14">
      <c r="N84116" s="10"/>
    </row>
    <row r="84117" spans="14:14">
      <c r="N84117" s="10"/>
    </row>
    <row r="84118" spans="14:14">
      <c r="N84118" s="10"/>
    </row>
    <row r="84119" spans="14:14">
      <c r="N84119" s="10"/>
    </row>
    <row r="84120" spans="14:14">
      <c r="N84120" s="10"/>
    </row>
    <row r="84121" spans="14:14">
      <c r="N84121" s="10"/>
    </row>
    <row r="84122" spans="14:14">
      <c r="N84122" s="10"/>
    </row>
    <row r="84123" spans="14:14">
      <c r="N84123" s="10"/>
    </row>
    <row r="84124" spans="14:14">
      <c r="N84124" s="10"/>
    </row>
    <row r="84125" spans="14:14">
      <c r="N84125" s="10"/>
    </row>
    <row r="84126" spans="14:14">
      <c r="N84126" s="10"/>
    </row>
    <row r="84127" spans="14:14">
      <c r="N84127" s="10"/>
    </row>
    <row r="84128" spans="14:14">
      <c r="N84128" s="10"/>
    </row>
    <row r="84129" spans="14:14">
      <c r="N84129" s="10"/>
    </row>
    <row r="84130" spans="14:14">
      <c r="N84130" s="10"/>
    </row>
    <row r="84131" spans="14:14">
      <c r="N84131" s="10"/>
    </row>
    <row r="84132" spans="14:14">
      <c r="N84132" s="10"/>
    </row>
    <row r="84133" spans="14:14">
      <c r="N84133" s="10"/>
    </row>
    <row r="84134" spans="14:14">
      <c r="N84134" s="10"/>
    </row>
    <row r="84135" spans="14:14">
      <c r="N84135" s="10"/>
    </row>
    <row r="84136" spans="14:14">
      <c r="N84136" s="10"/>
    </row>
    <row r="84137" spans="14:14">
      <c r="N84137" s="10"/>
    </row>
    <row r="84138" spans="14:14">
      <c r="N84138" s="10"/>
    </row>
    <row r="84139" spans="14:14">
      <c r="N84139" s="10"/>
    </row>
    <row r="84140" spans="14:14">
      <c r="N84140" s="10"/>
    </row>
    <row r="84141" spans="14:14">
      <c r="N84141" s="10"/>
    </row>
    <row r="84142" spans="14:14">
      <c r="N84142" s="10"/>
    </row>
    <row r="84143" spans="14:14">
      <c r="N84143" s="10"/>
    </row>
    <row r="84144" spans="14:14">
      <c r="N84144" s="10"/>
    </row>
    <row r="84145" spans="14:14">
      <c r="N84145" s="10"/>
    </row>
    <row r="84146" spans="14:14">
      <c r="N84146" s="10"/>
    </row>
    <row r="84147" spans="14:14">
      <c r="N84147" s="10"/>
    </row>
    <row r="84148" spans="14:14">
      <c r="N84148" s="10"/>
    </row>
    <row r="84149" spans="14:14">
      <c r="N84149" s="10"/>
    </row>
    <row r="84150" spans="14:14">
      <c r="N84150" s="10"/>
    </row>
    <row r="84151" spans="14:14">
      <c r="N84151" s="10"/>
    </row>
    <row r="84152" spans="14:14">
      <c r="N84152" s="10"/>
    </row>
    <row r="84153" spans="14:14">
      <c r="N84153" s="10"/>
    </row>
    <row r="84154" spans="14:14">
      <c r="N84154" s="10"/>
    </row>
    <row r="84155" spans="14:14">
      <c r="N84155" s="10"/>
    </row>
    <row r="84156" spans="14:14">
      <c r="N84156" s="10"/>
    </row>
    <row r="84157" spans="14:14">
      <c r="N84157" s="10"/>
    </row>
    <row r="84158" spans="14:14">
      <c r="N84158" s="10"/>
    </row>
    <row r="84159" spans="14:14">
      <c r="N84159" s="10"/>
    </row>
    <row r="84160" spans="14:14">
      <c r="N84160" s="10"/>
    </row>
    <row r="84161" spans="14:14">
      <c r="N84161" s="10"/>
    </row>
    <row r="84162" spans="14:14">
      <c r="N84162" s="10"/>
    </row>
    <row r="84163" spans="14:14">
      <c r="N84163" s="10"/>
    </row>
    <row r="84164" spans="14:14">
      <c r="N84164" s="10"/>
    </row>
    <row r="84165" spans="14:14">
      <c r="N84165" s="10"/>
    </row>
    <row r="84166" spans="14:14">
      <c r="N84166" s="10"/>
    </row>
    <row r="84167" spans="14:14">
      <c r="N84167" s="10"/>
    </row>
    <row r="84168" spans="14:14">
      <c r="N84168" s="10"/>
    </row>
    <row r="84169" spans="14:14">
      <c r="N84169" s="10"/>
    </row>
    <row r="84170" spans="14:14">
      <c r="N84170" s="10"/>
    </row>
    <row r="84171" spans="14:14">
      <c r="N84171" s="10"/>
    </row>
    <row r="84172" spans="14:14">
      <c r="N84172" s="10"/>
    </row>
    <row r="84173" spans="14:14">
      <c r="N84173" s="10"/>
    </row>
    <row r="84174" spans="14:14">
      <c r="N84174" s="10"/>
    </row>
    <row r="84175" spans="14:14">
      <c r="N84175" s="10"/>
    </row>
    <row r="84176" spans="14:14">
      <c r="N84176" s="10"/>
    </row>
    <row r="84177" spans="14:14">
      <c r="N84177" s="10"/>
    </row>
    <row r="84178" spans="14:14">
      <c r="N84178" s="10"/>
    </row>
    <row r="84179" spans="14:14">
      <c r="N84179" s="10"/>
    </row>
    <row r="84180" spans="14:14">
      <c r="N84180" s="10"/>
    </row>
    <row r="84181" spans="14:14">
      <c r="N84181" s="10"/>
    </row>
    <row r="84182" spans="14:14">
      <c r="N84182" s="10"/>
    </row>
    <row r="84183" spans="14:14">
      <c r="N84183" s="10"/>
    </row>
    <row r="84184" spans="14:14">
      <c r="N84184" s="10"/>
    </row>
    <row r="84185" spans="14:14">
      <c r="N84185" s="10"/>
    </row>
    <row r="84186" spans="14:14">
      <c r="N84186" s="10"/>
    </row>
    <row r="84187" spans="14:14">
      <c r="N84187" s="10"/>
    </row>
    <row r="84188" spans="14:14">
      <c r="N84188" s="10"/>
    </row>
    <row r="84189" spans="14:14">
      <c r="N84189" s="10"/>
    </row>
    <row r="84190" spans="14:14">
      <c r="N84190" s="10"/>
    </row>
    <row r="84191" spans="14:14">
      <c r="N84191" s="10"/>
    </row>
    <row r="84192" spans="14:14">
      <c r="N84192" s="10"/>
    </row>
    <row r="84193" spans="14:14">
      <c r="N84193" s="10"/>
    </row>
    <row r="84194" spans="14:14">
      <c r="N84194" s="10"/>
    </row>
    <row r="84195" spans="14:14">
      <c r="N84195" s="10"/>
    </row>
    <row r="84196" spans="14:14">
      <c r="N84196" s="10"/>
    </row>
    <row r="84197" spans="14:14">
      <c r="N84197" s="10"/>
    </row>
    <row r="84198" spans="14:14">
      <c r="N84198" s="10"/>
    </row>
    <row r="84199" spans="14:14">
      <c r="N84199" s="10"/>
    </row>
    <row r="84200" spans="14:14">
      <c r="N84200" s="10"/>
    </row>
    <row r="84201" spans="14:14">
      <c r="N84201" s="10"/>
    </row>
    <row r="84202" spans="14:14">
      <c r="N84202" s="10"/>
    </row>
    <row r="84203" spans="14:14">
      <c r="N84203" s="10"/>
    </row>
    <row r="84204" spans="14:14">
      <c r="N84204" s="10"/>
    </row>
    <row r="84205" spans="14:14">
      <c r="N84205" s="10"/>
    </row>
    <row r="84206" spans="14:14">
      <c r="N84206" s="10"/>
    </row>
    <row r="84207" spans="14:14">
      <c r="N84207" s="10"/>
    </row>
    <row r="84208" spans="14:14">
      <c r="N84208" s="10"/>
    </row>
    <row r="84209" spans="14:14">
      <c r="N84209" s="10"/>
    </row>
    <row r="84210" spans="14:14">
      <c r="N84210" s="10"/>
    </row>
    <row r="84211" spans="14:14">
      <c r="N84211" s="10"/>
    </row>
    <row r="84212" spans="14:14">
      <c r="N84212" s="10"/>
    </row>
    <row r="84213" spans="14:14">
      <c r="N84213" s="10"/>
    </row>
    <row r="84214" spans="14:14">
      <c r="N84214" s="10"/>
    </row>
    <row r="84215" spans="14:14">
      <c r="N84215" s="10"/>
    </row>
    <row r="84216" spans="14:14">
      <c r="N84216" s="10"/>
    </row>
    <row r="84217" spans="14:14">
      <c r="N84217" s="10"/>
    </row>
    <row r="84218" spans="14:14">
      <c r="N84218" s="10"/>
    </row>
    <row r="84219" spans="14:14">
      <c r="N84219" s="10"/>
    </row>
    <row r="84220" spans="14:14">
      <c r="N84220" s="10"/>
    </row>
    <row r="84221" spans="14:14">
      <c r="N84221" s="10"/>
    </row>
    <row r="84222" spans="14:14">
      <c r="N84222" s="10"/>
    </row>
    <row r="84223" spans="14:14">
      <c r="N84223" s="10"/>
    </row>
    <row r="84224" spans="14:14">
      <c r="N84224" s="10"/>
    </row>
    <row r="84225" spans="14:14">
      <c r="N84225" s="10"/>
    </row>
    <row r="84226" spans="14:14">
      <c r="N84226" s="10"/>
    </row>
    <row r="84227" spans="14:14">
      <c r="N84227" s="10"/>
    </row>
    <row r="84228" spans="14:14">
      <c r="N84228" s="10"/>
    </row>
    <row r="84229" spans="14:14">
      <c r="N84229" s="10"/>
    </row>
    <row r="84230" spans="14:14">
      <c r="N84230" s="10"/>
    </row>
    <row r="84231" spans="14:14">
      <c r="N84231" s="10"/>
    </row>
    <row r="84232" spans="14:14">
      <c r="N84232" s="10"/>
    </row>
    <row r="84233" spans="14:14">
      <c r="N84233" s="10"/>
    </row>
    <row r="84234" spans="14:14">
      <c r="N84234" s="10"/>
    </row>
    <row r="84235" spans="14:14">
      <c r="N84235" s="10"/>
    </row>
    <row r="84236" spans="14:14">
      <c r="N84236" s="10"/>
    </row>
    <row r="84237" spans="14:14">
      <c r="N84237" s="10"/>
    </row>
    <row r="84238" spans="14:14">
      <c r="N84238" s="10"/>
    </row>
    <row r="84239" spans="14:14">
      <c r="N84239" s="10"/>
    </row>
    <row r="84240" spans="14:14">
      <c r="N84240" s="10"/>
    </row>
    <row r="84241" spans="14:14">
      <c r="N84241" s="10"/>
    </row>
    <row r="84242" spans="14:14">
      <c r="N84242" s="10"/>
    </row>
    <row r="84243" spans="14:14">
      <c r="N84243" s="10"/>
    </row>
    <row r="84244" spans="14:14">
      <c r="N84244" s="10"/>
    </row>
    <row r="84245" spans="14:14">
      <c r="N84245" s="10"/>
    </row>
    <row r="84246" spans="14:14">
      <c r="N84246" s="10"/>
    </row>
    <row r="84247" spans="14:14">
      <c r="N84247" s="10"/>
    </row>
    <row r="84248" spans="14:14">
      <c r="N84248" s="10"/>
    </row>
    <row r="84249" spans="14:14">
      <c r="N84249" s="10"/>
    </row>
    <row r="84250" spans="14:14">
      <c r="N84250" s="10"/>
    </row>
    <row r="84251" spans="14:14">
      <c r="N84251" s="10"/>
    </row>
    <row r="84252" spans="14:14">
      <c r="N84252" s="10"/>
    </row>
    <row r="84253" spans="14:14">
      <c r="N84253" s="10"/>
    </row>
    <row r="84254" spans="14:14">
      <c r="N84254" s="10"/>
    </row>
    <row r="84255" spans="14:14">
      <c r="N84255" s="10"/>
    </row>
    <row r="84256" spans="14:14">
      <c r="N84256" s="10"/>
    </row>
    <row r="84257" spans="14:14">
      <c r="N84257" s="10"/>
    </row>
    <row r="84258" spans="14:14">
      <c r="N84258" s="10"/>
    </row>
    <row r="84259" spans="14:14">
      <c r="N84259" s="10"/>
    </row>
    <row r="84260" spans="14:14">
      <c r="N84260" s="10"/>
    </row>
    <row r="84261" spans="14:14">
      <c r="N84261" s="10"/>
    </row>
    <row r="84262" spans="14:14">
      <c r="N84262" s="10"/>
    </row>
    <row r="84263" spans="14:14">
      <c r="N84263" s="10"/>
    </row>
    <row r="84264" spans="14:14">
      <c r="N84264" s="10"/>
    </row>
    <row r="84265" spans="14:14">
      <c r="N84265" s="10"/>
    </row>
    <row r="84266" spans="14:14">
      <c r="N84266" s="10"/>
    </row>
    <row r="84267" spans="14:14">
      <c r="N84267" s="10"/>
    </row>
    <row r="84268" spans="14:14">
      <c r="N84268" s="10"/>
    </row>
    <row r="84269" spans="14:14">
      <c r="N84269" s="10"/>
    </row>
    <row r="84270" spans="14:14">
      <c r="N84270" s="10"/>
    </row>
    <row r="84271" spans="14:14">
      <c r="N84271" s="10"/>
    </row>
    <row r="84272" spans="14:14">
      <c r="N84272" s="10"/>
    </row>
    <row r="84273" spans="14:14">
      <c r="N84273" s="10"/>
    </row>
    <row r="84274" spans="14:14">
      <c r="N84274" s="10"/>
    </row>
    <row r="84275" spans="14:14">
      <c r="N84275" s="10"/>
    </row>
    <row r="84276" spans="14:14">
      <c r="N84276" s="10"/>
    </row>
    <row r="84277" spans="14:14">
      <c r="N84277" s="10"/>
    </row>
    <row r="84278" spans="14:14">
      <c r="N84278" s="10"/>
    </row>
    <row r="84279" spans="14:14">
      <c r="N84279" s="10"/>
    </row>
    <row r="84280" spans="14:14">
      <c r="N84280" s="10"/>
    </row>
    <row r="84281" spans="14:14">
      <c r="N84281" s="10"/>
    </row>
    <row r="84282" spans="14:14">
      <c r="N84282" s="10"/>
    </row>
    <row r="84283" spans="14:14">
      <c r="N84283" s="10"/>
    </row>
    <row r="84284" spans="14:14">
      <c r="N84284" s="10"/>
    </row>
    <row r="84285" spans="14:14">
      <c r="N84285" s="10"/>
    </row>
    <row r="84286" spans="14:14">
      <c r="N84286" s="10"/>
    </row>
    <row r="84287" spans="14:14">
      <c r="N84287" s="10"/>
    </row>
    <row r="84288" spans="14:14">
      <c r="N84288" s="10"/>
    </row>
    <row r="84289" spans="14:14">
      <c r="N84289" s="10"/>
    </row>
    <row r="84290" spans="14:14">
      <c r="N84290" s="10"/>
    </row>
    <row r="84291" spans="14:14">
      <c r="N84291" s="10"/>
    </row>
    <row r="84292" spans="14:14">
      <c r="N84292" s="10"/>
    </row>
    <row r="84293" spans="14:14">
      <c r="N84293" s="10"/>
    </row>
    <row r="84294" spans="14:14">
      <c r="N84294" s="10"/>
    </row>
    <row r="84295" spans="14:14">
      <c r="N84295" s="10"/>
    </row>
    <row r="84296" spans="14:14">
      <c r="N84296" s="10"/>
    </row>
    <row r="84297" spans="14:14">
      <c r="N84297" s="10"/>
    </row>
    <row r="84298" spans="14:14">
      <c r="N84298" s="10"/>
    </row>
    <row r="84299" spans="14:14">
      <c r="N84299" s="10"/>
    </row>
    <row r="84300" spans="14:14">
      <c r="N84300" s="10"/>
    </row>
    <row r="84301" spans="14:14">
      <c r="N84301" s="10"/>
    </row>
    <row r="84302" spans="14:14">
      <c r="N84302" s="10"/>
    </row>
    <row r="84303" spans="14:14">
      <c r="N84303" s="10"/>
    </row>
    <row r="84304" spans="14:14">
      <c r="N84304" s="10"/>
    </row>
    <row r="84305" spans="14:14">
      <c r="N84305" s="10"/>
    </row>
    <row r="84306" spans="14:14">
      <c r="N84306" s="10"/>
    </row>
    <row r="84307" spans="14:14">
      <c r="N84307" s="10"/>
    </row>
    <row r="84308" spans="14:14">
      <c r="N84308" s="10"/>
    </row>
    <row r="84309" spans="14:14">
      <c r="N84309" s="10"/>
    </row>
    <row r="84310" spans="14:14">
      <c r="N84310" s="10"/>
    </row>
    <row r="84311" spans="14:14">
      <c r="N84311" s="10"/>
    </row>
    <row r="84312" spans="14:14">
      <c r="N84312" s="10"/>
    </row>
    <row r="84313" spans="14:14">
      <c r="N84313" s="10"/>
    </row>
    <row r="84314" spans="14:14">
      <c r="N84314" s="10"/>
    </row>
    <row r="84315" spans="14:14">
      <c r="N84315" s="10"/>
    </row>
    <row r="84316" spans="14:14">
      <c r="N84316" s="10"/>
    </row>
    <row r="84317" spans="14:14">
      <c r="N84317" s="10"/>
    </row>
    <row r="84318" spans="14:14">
      <c r="N84318" s="10"/>
    </row>
    <row r="84319" spans="14:14">
      <c r="N84319" s="10"/>
    </row>
    <row r="84320" spans="14:14">
      <c r="N84320" s="10"/>
    </row>
    <row r="84321" spans="14:14">
      <c r="N84321" s="10"/>
    </row>
    <row r="84322" spans="14:14">
      <c r="N84322" s="10"/>
    </row>
    <row r="84323" spans="14:14">
      <c r="N84323" s="10"/>
    </row>
    <row r="84324" spans="14:14">
      <c r="N84324" s="10"/>
    </row>
    <row r="84325" spans="14:14">
      <c r="N84325" s="10"/>
    </row>
    <row r="84326" spans="14:14">
      <c r="N84326" s="10"/>
    </row>
    <row r="84327" spans="14:14">
      <c r="N84327" s="10"/>
    </row>
    <row r="84328" spans="14:14">
      <c r="N84328" s="10"/>
    </row>
    <row r="84329" spans="14:14">
      <c r="N84329" s="10"/>
    </row>
    <row r="84330" spans="14:14">
      <c r="N84330" s="10"/>
    </row>
    <row r="84331" spans="14:14">
      <c r="N84331" s="10"/>
    </row>
    <row r="84332" spans="14:14">
      <c r="N84332" s="10"/>
    </row>
    <row r="84333" spans="14:14">
      <c r="N84333" s="10"/>
    </row>
    <row r="84334" spans="14:14">
      <c r="N84334" s="10"/>
    </row>
    <row r="84335" spans="14:14">
      <c r="N84335" s="10"/>
    </row>
    <row r="84336" spans="14:14">
      <c r="N84336" s="10"/>
    </row>
    <row r="84337" spans="14:14">
      <c r="N84337" s="10"/>
    </row>
    <row r="84338" spans="14:14">
      <c r="N84338" s="10"/>
    </row>
    <row r="84339" spans="14:14">
      <c r="N84339" s="10"/>
    </row>
    <row r="84340" spans="14:14">
      <c r="N84340" s="10"/>
    </row>
    <row r="84341" spans="14:14">
      <c r="N84341" s="10"/>
    </row>
    <row r="84342" spans="14:14">
      <c r="N84342" s="10"/>
    </row>
    <row r="84343" spans="14:14">
      <c r="N84343" s="10"/>
    </row>
    <row r="84344" spans="14:14">
      <c r="N84344" s="10"/>
    </row>
    <row r="84345" spans="14:14">
      <c r="N84345" s="10"/>
    </row>
    <row r="84346" spans="14:14">
      <c r="N84346" s="10"/>
    </row>
    <row r="84347" spans="14:14">
      <c r="N84347" s="10"/>
    </row>
    <row r="84348" spans="14:14">
      <c r="N84348" s="10"/>
    </row>
    <row r="84349" spans="14:14">
      <c r="N84349" s="10"/>
    </row>
    <row r="84350" spans="14:14">
      <c r="N84350" s="10"/>
    </row>
    <row r="84351" spans="14:14">
      <c r="N84351" s="10"/>
    </row>
    <row r="84352" spans="14:14">
      <c r="N84352" s="10"/>
    </row>
    <row r="84353" spans="14:14">
      <c r="N84353" s="10"/>
    </row>
    <row r="84354" spans="14:14">
      <c r="N84354" s="10"/>
    </row>
    <row r="84355" spans="14:14">
      <c r="N84355" s="10"/>
    </row>
    <row r="84356" spans="14:14">
      <c r="N84356" s="10"/>
    </row>
    <row r="84357" spans="14:14">
      <c r="N84357" s="10"/>
    </row>
    <row r="84358" spans="14:14">
      <c r="N84358" s="10"/>
    </row>
    <row r="84359" spans="14:14">
      <c r="N84359" s="10"/>
    </row>
    <row r="84360" spans="14:14">
      <c r="N84360" s="10"/>
    </row>
    <row r="84361" spans="14:14">
      <c r="N84361" s="10"/>
    </row>
    <row r="84362" spans="14:14">
      <c r="N84362" s="10"/>
    </row>
    <row r="84363" spans="14:14">
      <c r="N84363" s="10"/>
    </row>
    <row r="84364" spans="14:14">
      <c r="N84364" s="10"/>
    </row>
    <row r="84365" spans="14:14">
      <c r="N84365" s="10"/>
    </row>
    <row r="84366" spans="14:14">
      <c r="N84366" s="10"/>
    </row>
    <row r="84367" spans="14:14">
      <c r="N84367" s="10"/>
    </row>
    <row r="84368" spans="14:14">
      <c r="N84368" s="10"/>
    </row>
    <row r="84369" spans="14:14">
      <c r="N84369" s="10"/>
    </row>
    <row r="84370" spans="14:14">
      <c r="N84370" s="10"/>
    </row>
    <row r="84371" spans="14:14">
      <c r="N84371" s="10"/>
    </row>
    <row r="84372" spans="14:14">
      <c r="N84372" s="10"/>
    </row>
    <row r="84373" spans="14:14">
      <c r="N84373" s="10"/>
    </row>
    <row r="84374" spans="14:14">
      <c r="N84374" s="10"/>
    </row>
    <row r="84375" spans="14:14">
      <c r="N84375" s="10"/>
    </row>
    <row r="84376" spans="14:14">
      <c r="N84376" s="10"/>
    </row>
    <row r="84377" spans="14:14">
      <c r="N84377" s="10"/>
    </row>
    <row r="84378" spans="14:14">
      <c r="N84378" s="10"/>
    </row>
    <row r="84379" spans="14:14">
      <c r="N84379" s="10"/>
    </row>
    <row r="84380" spans="14:14">
      <c r="N84380" s="10"/>
    </row>
    <row r="84381" spans="14:14">
      <c r="N84381" s="10"/>
    </row>
    <row r="84382" spans="14:14">
      <c r="N84382" s="10"/>
    </row>
    <row r="84383" spans="14:14">
      <c r="N84383" s="10"/>
    </row>
    <row r="84384" spans="14:14">
      <c r="N84384" s="10"/>
    </row>
    <row r="84385" spans="14:14">
      <c r="N84385" s="10"/>
    </row>
    <row r="84386" spans="14:14">
      <c r="N84386" s="10"/>
    </row>
    <row r="84387" spans="14:14">
      <c r="N84387" s="10"/>
    </row>
    <row r="84388" spans="14:14">
      <c r="N84388" s="10"/>
    </row>
    <row r="84389" spans="14:14">
      <c r="N84389" s="10"/>
    </row>
    <row r="84390" spans="14:14">
      <c r="N84390" s="10"/>
    </row>
    <row r="84391" spans="14:14">
      <c r="N84391" s="10"/>
    </row>
    <row r="84392" spans="14:14">
      <c r="N84392" s="10"/>
    </row>
    <row r="84393" spans="14:14">
      <c r="N84393" s="10"/>
    </row>
    <row r="84394" spans="14:14">
      <c r="N84394" s="10"/>
    </row>
    <row r="84395" spans="14:14">
      <c r="N84395" s="10"/>
    </row>
    <row r="84396" spans="14:14">
      <c r="N84396" s="10"/>
    </row>
    <row r="84397" spans="14:14">
      <c r="N84397" s="10"/>
    </row>
    <row r="84398" spans="14:14">
      <c r="N84398" s="10"/>
    </row>
    <row r="84399" spans="14:14">
      <c r="N84399" s="10"/>
    </row>
    <row r="84400" spans="14:14">
      <c r="N84400" s="10"/>
    </row>
    <row r="84401" spans="14:14">
      <c r="N84401" s="10"/>
    </row>
    <row r="84402" spans="14:14">
      <c r="N84402" s="10"/>
    </row>
    <row r="84403" spans="14:14">
      <c r="N84403" s="10"/>
    </row>
    <row r="84404" spans="14:14">
      <c r="N84404" s="10"/>
    </row>
    <row r="84405" spans="14:14">
      <c r="N84405" s="10"/>
    </row>
    <row r="84406" spans="14:14">
      <c r="N84406" s="10"/>
    </row>
    <row r="84407" spans="14:14">
      <c r="N84407" s="10"/>
    </row>
    <row r="84408" spans="14:14">
      <c r="N84408" s="10"/>
    </row>
    <row r="84409" spans="14:14">
      <c r="N84409" s="10"/>
    </row>
    <row r="84410" spans="14:14">
      <c r="N84410" s="10"/>
    </row>
    <row r="84411" spans="14:14">
      <c r="N84411" s="10"/>
    </row>
    <row r="84412" spans="14:14">
      <c r="N84412" s="10"/>
    </row>
    <row r="84413" spans="14:14">
      <c r="N84413" s="10"/>
    </row>
    <row r="84414" spans="14:14">
      <c r="N84414" s="10"/>
    </row>
    <row r="84415" spans="14:14">
      <c r="N84415" s="10"/>
    </row>
    <row r="84416" spans="14:14">
      <c r="N84416" s="10"/>
    </row>
    <row r="84417" spans="14:14">
      <c r="N84417" s="10"/>
    </row>
    <row r="84418" spans="14:14">
      <c r="N84418" s="10"/>
    </row>
    <row r="84419" spans="14:14">
      <c r="N84419" s="10"/>
    </row>
    <row r="84420" spans="14:14">
      <c r="N84420" s="10"/>
    </row>
    <row r="84421" spans="14:14">
      <c r="N84421" s="10"/>
    </row>
    <row r="84422" spans="14:14">
      <c r="N84422" s="10"/>
    </row>
    <row r="84423" spans="14:14">
      <c r="N84423" s="10"/>
    </row>
    <row r="84424" spans="14:14">
      <c r="N84424" s="10"/>
    </row>
    <row r="84425" spans="14:14">
      <c r="N84425" s="10"/>
    </row>
    <row r="84426" spans="14:14">
      <c r="N84426" s="10"/>
    </row>
    <row r="84427" spans="14:14">
      <c r="N84427" s="10"/>
    </row>
    <row r="84428" spans="14:14">
      <c r="N84428" s="10"/>
    </row>
    <row r="84429" spans="14:14">
      <c r="N84429" s="10"/>
    </row>
    <row r="84430" spans="14:14">
      <c r="N84430" s="10"/>
    </row>
    <row r="84431" spans="14:14">
      <c r="N84431" s="10"/>
    </row>
    <row r="84432" spans="14:14">
      <c r="N84432" s="10"/>
    </row>
    <row r="84433" spans="14:14">
      <c r="N84433" s="10"/>
    </row>
    <row r="84434" spans="14:14">
      <c r="N84434" s="10"/>
    </row>
    <row r="84435" spans="14:14">
      <c r="N84435" s="10"/>
    </row>
    <row r="84436" spans="14:14">
      <c r="N84436" s="10"/>
    </row>
    <row r="84437" spans="14:14">
      <c r="N84437" s="10"/>
    </row>
    <row r="84438" spans="14:14">
      <c r="N84438" s="10"/>
    </row>
    <row r="84439" spans="14:14">
      <c r="N84439" s="10"/>
    </row>
    <row r="84440" spans="14:14">
      <c r="N84440" s="10"/>
    </row>
    <row r="84441" spans="14:14">
      <c r="N84441" s="10"/>
    </row>
    <row r="84442" spans="14:14">
      <c r="N84442" s="10"/>
    </row>
    <row r="84443" spans="14:14">
      <c r="N84443" s="10"/>
    </row>
    <row r="84444" spans="14:14">
      <c r="N84444" s="10"/>
    </row>
    <row r="84445" spans="14:14">
      <c r="N84445" s="10"/>
    </row>
    <row r="84446" spans="14:14">
      <c r="N84446" s="10"/>
    </row>
    <row r="84447" spans="14:14">
      <c r="N84447" s="10"/>
    </row>
    <row r="84448" spans="14:14">
      <c r="N84448" s="10"/>
    </row>
    <row r="84449" spans="14:14">
      <c r="N84449" s="10"/>
    </row>
    <row r="84450" spans="14:14">
      <c r="N84450" s="10"/>
    </row>
    <row r="84451" spans="14:14">
      <c r="N84451" s="10"/>
    </row>
    <row r="84452" spans="14:14">
      <c r="N84452" s="10"/>
    </row>
    <row r="84453" spans="14:14">
      <c r="N84453" s="10"/>
    </row>
    <row r="84454" spans="14:14">
      <c r="N84454" s="10"/>
    </row>
    <row r="84455" spans="14:14">
      <c r="N84455" s="10"/>
    </row>
    <row r="84456" spans="14:14">
      <c r="N84456" s="10"/>
    </row>
    <row r="84457" spans="14:14">
      <c r="N84457" s="10"/>
    </row>
    <row r="84458" spans="14:14">
      <c r="N84458" s="10"/>
    </row>
    <row r="84459" spans="14:14">
      <c r="N84459" s="10"/>
    </row>
    <row r="84460" spans="14:14">
      <c r="N84460" s="10"/>
    </row>
    <row r="84461" spans="14:14">
      <c r="N84461" s="10"/>
    </row>
    <row r="84462" spans="14:14">
      <c r="N84462" s="10"/>
    </row>
    <row r="84463" spans="14:14">
      <c r="N84463" s="10"/>
    </row>
    <row r="84464" spans="14:14">
      <c r="N84464" s="10"/>
    </row>
    <row r="84465" spans="14:14">
      <c r="N84465" s="10"/>
    </row>
    <row r="84466" spans="14:14">
      <c r="N84466" s="10"/>
    </row>
    <row r="84467" spans="14:14">
      <c r="N84467" s="10"/>
    </row>
    <row r="84468" spans="14:14">
      <c r="N84468" s="10"/>
    </row>
    <row r="84469" spans="14:14">
      <c r="N84469" s="10"/>
    </row>
    <row r="84470" spans="14:14">
      <c r="N84470" s="10"/>
    </row>
    <row r="84471" spans="14:14">
      <c r="N84471" s="10"/>
    </row>
    <row r="84472" spans="14:14">
      <c r="N84472" s="10"/>
    </row>
    <row r="84473" spans="14:14">
      <c r="N84473" s="10"/>
    </row>
    <row r="84474" spans="14:14">
      <c r="N84474" s="10"/>
    </row>
    <row r="84475" spans="14:14">
      <c r="N84475" s="10"/>
    </row>
    <row r="84476" spans="14:14">
      <c r="N84476" s="10"/>
    </row>
    <row r="84477" spans="14:14">
      <c r="N84477" s="10"/>
    </row>
    <row r="84478" spans="14:14">
      <c r="N84478" s="10"/>
    </row>
    <row r="84479" spans="14:14">
      <c r="N84479" s="10"/>
    </row>
    <row r="84480" spans="14:14">
      <c r="N84480" s="10"/>
    </row>
    <row r="84481" spans="14:14">
      <c r="N84481" s="10"/>
    </row>
    <row r="84482" spans="14:14">
      <c r="N84482" s="10"/>
    </row>
    <row r="84483" spans="14:14">
      <c r="N84483" s="10"/>
    </row>
    <row r="84484" spans="14:14">
      <c r="N84484" s="10"/>
    </row>
    <row r="84485" spans="14:14">
      <c r="N84485" s="10"/>
    </row>
    <row r="84486" spans="14:14">
      <c r="N84486" s="10"/>
    </row>
    <row r="84487" spans="14:14">
      <c r="N84487" s="10"/>
    </row>
    <row r="84488" spans="14:14">
      <c r="N84488" s="10"/>
    </row>
    <row r="84489" spans="14:14">
      <c r="N84489" s="10"/>
    </row>
    <row r="84490" spans="14:14">
      <c r="N84490" s="10"/>
    </row>
    <row r="84491" spans="14:14">
      <c r="N84491" s="10"/>
    </row>
    <row r="84492" spans="14:14">
      <c r="N84492" s="10"/>
    </row>
    <row r="84493" spans="14:14">
      <c r="N84493" s="10"/>
    </row>
    <row r="84494" spans="14:14">
      <c r="N84494" s="10"/>
    </row>
    <row r="84495" spans="14:14">
      <c r="N84495" s="10"/>
    </row>
    <row r="84496" spans="14:14">
      <c r="N84496" s="10"/>
    </row>
    <row r="84497" spans="14:14">
      <c r="N84497" s="10"/>
    </row>
    <row r="84498" spans="14:14">
      <c r="N84498" s="10"/>
    </row>
    <row r="84499" spans="14:14">
      <c r="N84499" s="10"/>
    </row>
    <row r="84500" spans="14:14">
      <c r="N84500" s="10"/>
    </row>
    <row r="84501" spans="14:14">
      <c r="N84501" s="10"/>
    </row>
    <row r="84502" spans="14:14">
      <c r="N84502" s="10"/>
    </row>
    <row r="84503" spans="14:14">
      <c r="N84503" s="10"/>
    </row>
    <row r="84504" spans="14:14">
      <c r="N84504" s="10"/>
    </row>
    <row r="84505" spans="14:14">
      <c r="N84505" s="10"/>
    </row>
    <row r="84506" spans="14:14">
      <c r="N84506" s="10"/>
    </row>
    <row r="84507" spans="14:14">
      <c r="N84507" s="10"/>
    </row>
    <row r="84508" spans="14:14">
      <c r="N84508" s="10"/>
    </row>
    <row r="84509" spans="14:14">
      <c r="N84509" s="10"/>
    </row>
    <row r="84510" spans="14:14">
      <c r="N84510" s="10"/>
    </row>
    <row r="84511" spans="14:14">
      <c r="N84511" s="10"/>
    </row>
    <row r="84512" spans="14:14">
      <c r="N84512" s="10"/>
    </row>
    <row r="84513" spans="14:14">
      <c r="N84513" s="10"/>
    </row>
    <row r="84514" spans="14:14">
      <c r="N84514" s="10"/>
    </row>
    <row r="84515" spans="14:14">
      <c r="N84515" s="10"/>
    </row>
    <row r="84516" spans="14:14">
      <c r="N84516" s="10"/>
    </row>
    <row r="84517" spans="14:14">
      <c r="N84517" s="10"/>
    </row>
    <row r="84518" spans="14:14">
      <c r="N84518" s="10"/>
    </row>
    <row r="84519" spans="14:14">
      <c r="N84519" s="10"/>
    </row>
    <row r="84520" spans="14:14">
      <c r="N84520" s="10"/>
    </row>
    <row r="84521" spans="14:14">
      <c r="N84521" s="10"/>
    </row>
    <row r="84522" spans="14:14">
      <c r="N84522" s="10"/>
    </row>
    <row r="84523" spans="14:14">
      <c r="N84523" s="10"/>
    </row>
    <row r="84524" spans="14:14">
      <c r="N84524" s="10"/>
    </row>
    <row r="84525" spans="14:14">
      <c r="N84525" s="10"/>
    </row>
    <row r="84526" spans="14:14">
      <c r="N84526" s="10"/>
    </row>
    <row r="84527" spans="14:14">
      <c r="N84527" s="10"/>
    </row>
    <row r="84528" spans="14:14">
      <c r="N84528" s="10"/>
    </row>
    <row r="84529" spans="14:14">
      <c r="N84529" s="10"/>
    </row>
    <row r="84530" spans="14:14">
      <c r="N84530" s="10"/>
    </row>
    <row r="84531" spans="14:14">
      <c r="N84531" s="10"/>
    </row>
    <row r="84532" spans="14:14">
      <c r="N84532" s="10"/>
    </row>
    <row r="84533" spans="14:14">
      <c r="N84533" s="10"/>
    </row>
    <row r="84534" spans="14:14">
      <c r="N84534" s="10"/>
    </row>
    <row r="84535" spans="14:14">
      <c r="N84535" s="10"/>
    </row>
    <row r="84536" spans="14:14">
      <c r="N84536" s="10"/>
    </row>
    <row r="84537" spans="14:14">
      <c r="N84537" s="10"/>
    </row>
    <row r="84538" spans="14:14">
      <c r="N84538" s="10"/>
    </row>
    <row r="84539" spans="14:14">
      <c r="N84539" s="10"/>
    </row>
    <row r="84540" spans="14:14">
      <c r="N84540" s="10"/>
    </row>
    <row r="84541" spans="14:14">
      <c r="N84541" s="10"/>
    </row>
    <row r="84542" spans="14:14">
      <c r="N84542" s="10"/>
    </row>
    <row r="84543" spans="14:14">
      <c r="N84543" s="10"/>
    </row>
    <row r="84544" spans="14:14">
      <c r="N84544" s="10"/>
    </row>
    <row r="84545" spans="14:14">
      <c r="N84545" s="10"/>
    </row>
    <row r="84546" spans="14:14">
      <c r="N84546" s="10"/>
    </row>
    <row r="84547" spans="14:14">
      <c r="N84547" s="10"/>
    </row>
    <row r="84548" spans="14:14">
      <c r="N84548" s="10"/>
    </row>
    <row r="84549" spans="14:14">
      <c r="N84549" s="10"/>
    </row>
    <row r="84550" spans="14:14">
      <c r="N84550" s="10"/>
    </row>
    <row r="84551" spans="14:14">
      <c r="N84551" s="10"/>
    </row>
    <row r="84552" spans="14:14">
      <c r="N84552" s="10"/>
    </row>
    <row r="84553" spans="14:14">
      <c r="N84553" s="10"/>
    </row>
    <row r="84554" spans="14:14">
      <c r="N84554" s="10"/>
    </row>
    <row r="84555" spans="14:14">
      <c r="N84555" s="10"/>
    </row>
    <row r="84556" spans="14:14">
      <c r="N84556" s="10"/>
    </row>
    <row r="84557" spans="14:14">
      <c r="N84557" s="10"/>
    </row>
    <row r="84558" spans="14:14">
      <c r="N84558" s="10"/>
    </row>
    <row r="84559" spans="14:14">
      <c r="N84559" s="10"/>
    </row>
    <row r="84560" spans="14:14">
      <c r="N84560" s="10"/>
    </row>
    <row r="84561" spans="14:14">
      <c r="N84561" s="10"/>
    </row>
    <row r="84562" spans="14:14">
      <c r="N84562" s="10"/>
    </row>
    <row r="84563" spans="14:14">
      <c r="N84563" s="10"/>
    </row>
    <row r="84564" spans="14:14">
      <c r="N84564" s="10"/>
    </row>
    <row r="84565" spans="14:14">
      <c r="N84565" s="10"/>
    </row>
    <row r="84566" spans="14:14">
      <c r="N84566" s="10"/>
    </row>
    <row r="84567" spans="14:14">
      <c r="N84567" s="10"/>
    </row>
    <row r="84568" spans="14:14">
      <c r="N84568" s="10"/>
    </row>
    <row r="84569" spans="14:14">
      <c r="N84569" s="10"/>
    </row>
    <row r="84570" spans="14:14">
      <c r="N84570" s="10"/>
    </row>
    <row r="84571" spans="14:14">
      <c r="N84571" s="10"/>
    </row>
    <row r="84572" spans="14:14">
      <c r="N84572" s="10"/>
    </row>
    <row r="84573" spans="14:14">
      <c r="N84573" s="10"/>
    </row>
    <row r="84574" spans="14:14">
      <c r="N84574" s="10"/>
    </row>
    <row r="84575" spans="14:14">
      <c r="N84575" s="10"/>
    </row>
    <row r="84576" spans="14:14">
      <c r="N84576" s="10"/>
    </row>
    <row r="84577" spans="14:14">
      <c r="N84577" s="10"/>
    </row>
    <row r="84578" spans="14:14">
      <c r="N84578" s="10"/>
    </row>
    <row r="84579" spans="14:14">
      <c r="N84579" s="10"/>
    </row>
    <row r="84580" spans="14:14">
      <c r="N84580" s="10"/>
    </row>
    <row r="84581" spans="14:14">
      <c r="N84581" s="10"/>
    </row>
    <row r="84582" spans="14:14">
      <c r="N84582" s="10"/>
    </row>
    <row r="84583" spans="14:14">
      <c r="N84583" s="10"/>
    </row>
    <row r="84584" spans="14:14">
      <c r="N84584" s="10"/>
    </row>
    <row r="84585" spans="14:14">
      <c r="N84585" s="10"/>
    </row>
    <row r="84586" spans="14:14">
      <c r="N84586" s="10"/>
    </row>
    <row r="84587" spans="14:14">
      <c r="N84587" s="10"/>
    </row>
    <row r="84588" spans="14:14">
      <c r="N84588" s="10"/>
    </row>
    <row r="84589" spans="14:14">
      <c r="N84589" s="10"/>
    </row>
    <row r="84590" spans="14:14">
      <c r="N84590" s="10"/>
    </row>
    <row r="84591" spans="14:14">
      <c r="N84591" s="10"/>
    </row>
    <row r="84592" spans="14:14">
      <c r="N84592" s="10"/>
    </row>
    <row r="84593" spans="14:14">
      <c r="N84593" s="10"/>
    </row>
    <row r="84594" spans="14:14">
      <c r="N84594" s="10"/>
    </row>
    <row r="84595" spans="14:14">
      <c r="N84595" s="10"/>
    </row>
    <row r="84596" spans="14:14">
      <c r="N84596" s="10"/>
    </row>
    <row r="84597" spans="14:14">
      <c r="N84597" s="10"/>
    </row>
    <row r="84598" spans="14:14">
      <c r="N84598" s="10"/>
    </row>
    <row r="84599" spans="14:14">
      <c r="N84599" s="10"/>
    </row>
    <row r="84600" spans="14:14">
      <c r="N84600" s="10"/>
    </row>
    <row r="84601" spans="14:14">
      <c r="N84601" s="10"/>
    </row>
    <row r="84602" spans="14:14">
      <c r="N84602" s="10"/>
    </row>
    <row r="84603" spans="14:14">
      <c r="N84603" s="10"/>
    </row>
    <row r="84604" spans="14:14">
      <c r="N84604" s="10"/>
    </row>
    <row r="84605" spans="14:14">
      <c r="N84605" s="10"/>
    </row>
    <row r="84606" spans="14:14">
      <c r="N84606" s="10"/>
    </row>
    <row r="84607" spans="14:14">
      <c r="N84607" s="10"/>
    </row>
    <row r="84608" spans="14:14">
      <c r="N84608" s="10"/>
    </row>
    <row r="84609" spans="14:14">
      <c r="N84609" s="10"/>
    </row>
    <row r="84610" spans="14:14">
      <c r="N84610" s="10"/>
    </row>
    <row r="84611" spans="14:14">
      <c r="N84611" s="10"/>
    </row>
    <row r="84612" spans="14:14">
      <c r="N84612" s="10"/>
    </row>
    <row r="84613" spans="14:14">
      <c r="N84613" s="10"/>
    </row>
    <row r="84614" spans="14:14">
      <c r="N84614" s="10"/>
    </row>
    <row r="84615" spans="14:14">
      <c r="N84615" s="10"/>
    </row>
    <row r="84616" spans="14:14">
      <c r="N84616" s="10"/>
    </row>
    <row r="84617" spans="14:14">
      <c r="N84617" s="10"/>
    </row>
    <row r="84618" spans="14:14">
      <c r="N84618" s="10"/>
    </row>
    <row r="84619" spans="14:14">
      <c r="N84619" s="10"/>
    </row>
    <row r="84620" spans="14:14">
      <c r="N84620" s="10"/>
    </row>
    <row r="84621" spans="14:14">
      <c r="N84621" s="10"/>
    </row>
    <row r="84622" spans="14:14">
      <c r="N84622" s="10"/>
    </row>
    <row r="84623" spans="14:14">
      <c r="N84623" s="10"/>
    </row>
    <row r="84624" spans="14:14">
      <c r="N84624" s="10"/>
    </row>
    <row r="84625" spans="14:14">
      <c r="N84625" s="10"/>
    </row>
    <row r="84626" spans="14:14">
      <c r="N84626" s="10"/>
    </row>
    <row r="84627" spans="14:14">
      <c r="N84627" s="10"/>
    </row>
    <row r="84628" spans="14:14">
      <c r="N84628" s="10"/>
    </row>
    <row r="84629" spans="14:14">
      <c r="N84629" s="10"/>
    </row>
    <row r="84630" spans="14:14">
      <c r="N84630" s="10"/>
    </row>
    <row r="84631" spans="14:14">
      <c r="N84631" s="10"/>
    </row>
    <row r="84632" spans="14:14">
      <c r="N84632" s="10"/>
    </row>
    <row r="84633" spans="14:14">
      <c r="N84633" s="10"/>
    </row>
    <row r="84634" spans="14:14">
      <c r="N84634" s="10"/>
    </row>
    <row r="84635" spans="14:14">
      <c r="N84635" s="10"/>
    </row>
    <row r="84636" spans="14:14">
      <c r="N84636" s="10"/>
    </row>
    <row r="84637" spans="14:14">
      <c r="N84637" s="10"/>
    </row>
    <row r="84638" spans="14:14">
      <c r="N84638" s="10"/>
    </row>
    <row r="84639" spans="14:14">
      <c r="N84639" s="10"/>
    </row>
    <row r="84640" spans="14:14">
      <c r="N84640" s="10"/>
    </row>
    <row r="84641" spans="14:14">
      <c r="N84641" s="10"/>
    </row>
    <row r="84642" spans="14:14">
      <c r="N84642" s="10"/>
    </row>
    <row r="84643" spans="14:14">
      <c r="N84643" s="10"/>
    </row>
    <row r="84644" spans="14:14">
      <c r="N84644" s="10"/>
    </row>
    <row r="84645" spans="14:14">
      <c r="N84645" s="10"/>
    </row>
    <row r="84646" spans="14:14">
      <c r="N84646" s="10"/>
    </row>
    <row r="84647" spans="14:14">
      <c r="N84647" s="10"/>
    </row>
    <row r="84648" spans="14:14">
      <c r="N84648" s="10"/>
    </row>
    <row r="84649" spans="14:14">
      <c r="N84649" s="10"/>
    </row>
    <row r="84650" spans="14:14">
      <c r="N84650" s="10"/>
    </row>
    <row r="84651" spans="14:14">
      <c r="N84651" s="10"/>
    </row>
    <row r="84652" spans="14:14">
      <c r="N84652" s="10"/>
    </row>
    <row r="84653" spans="14:14">
      <c r="N84653" s="10"/>
    </row>
    <row r="84654" spans="14:14">
      <c r="N84654" s="10"/>
    </row>
    <row r="84655" spans="14:14">
      <c r="N84655" s="10"/>
    </row>
    <row r="84656" spans="14:14">
      <c r="N84656" s="10"/>
    </row>
    <row r="84657" spans="14:14">
      <c r="N84657" s="10"/>
    </row>
    <row r="84658" spans="14:14">
      <c r="N84658" s="10"/>
    </row>
    <row r="84659" spans="14:14">
      <c r="N84659" s="10"/>
    </row>
    <row r="84660" spans="14:14">
      <c r="N84660" s="10"/>
    </row>
    <row r="84661" spans="14:14">
      <c r="N84661" s="10"/>
    </row>
    <row r="84662" spans="14:14">
      <c r="N84662" s="10"/>
    </row>
    <row r="84663" spans="14:14">
      <c r="N84663" s="10"/>
    </row>
    <row r="84664" spans="14:14">
      <c r="N84664" s="10"/>
    </row>
    <row r="84665" spans="14:14">
      <c r="N84665" s="10"/>
    </row>
    <row r="84666" spans="14:14">
      <c r="N84666" s="10"/>
    </row>
    <row r="84667" spans="14:14">
      <c r="N84667" s="10"/>
    </row>
    <row r="84668" spans="14:14">
      <c r="N84668" s="10"/>
    </row>
    <row r="84669" spans="14:14">
      <c r="N84669" s="10"/>
    </row>
    <row r="84670" spans="14:14">
      <c r="N84670" s="10"/>
    </row>
    <row r="84671" spans="14:14">
      <c r="N84671" s="10"/>
    </row>
    <row r="84672" spans="14:14">
      <c r="N84672" s="10"/>
    </row>
    <row r="84673" spans="14:14">
      <c r="N84673" s="10"/>
    </row>
    <row r="84674" spans="14:14">
      <c r="N84674" s="10"/>
    </row>
    <row r="84675" spans="14:14">
      <c r="N84675" s="10"/>
    </row>
    <row r="84676" spans="14:14">
      <c r="N84676" s="10"/>
    </row>
    <row r="84677" spans="14:14">
      <c r="N84677" s="10"/>
    </row>
    <row r="84678" spans="14:14">
      <c r="N84678" s="10"/>
    </row>
    <row r="84679" spans="14:14">
      <c r="N84679" s="10"/>
    </row>
    <row r="84680" spans="14:14">
      <c r="N84680" s="10"/>
    </row>
    <row r="84681" spans="14:14">
      <c r="N84681" s="10"/>
    </row>
    <row r="84682" spans="14:14">
      <c r="N84682" s="10"/>
    </row>
    <row r="84683" spans="14:14">
      <c r="N84683" s="10"/>
    </row>
    <row r="84684" spans="14:14">
      <c r="N84684" s="10"/>
    </row>
    <row r="84685" spans="14:14">
      <c r="N84685" s="10"/>
    </row>
    <row r="84686" spans="14:14">
      <c r="N84686" s="10"/>
    </row>
    <row r="84687" spans="14:14">
      <c r="N84687" s="10"/>
    </row>
    <row r="84688" spans="14:14">
      <c r="N84688" s="10"/>
    </row>
    <row r="84689" spans="14:14">
      <c r="N84689" s="10"/>
    </row>
    <row r="84690" spans="14:14">
      <c r="N84690" s="10"/>
    </row>
    <row r="84691" spans="14:14">
      <c r="N84691" s="10"/>
    </row>
    <row r="84692" spans="14:14">
      <c r="N84692" s="10"/>
    </row>
    <row r="84693" spans="14:14">
      <c r="N84693" s="10"/>
    </row>
    <row r="84694" spans="14:14">
      <c r="N84694" s="10"/>
    </row>
    <row r="84695" spans="14:14">
      <c r="N84695" s="10"/>
    </row>
    <row r="84696" spans="14:14">
      <c r="N84696" s="10"/>
    </row>
    <row r="84697" spans="14:14">
      <c r="N84697" s="10"/>
    </row>
    <row r="84698" spans="14:14">
      <c r="N84698" s="10"/>
    </row>
    <row r="84699" spans="14:14">
      <c r="N84699" s="10"/>
    </row>
    <row r="84700" spans="14:14">
      <c r="N84700" s="10"/>
    </row>
    <row r="84701" spans="14:14">
      <c r="N84701" s="10"/>
    </row>
    <row r="84702" spans="14:14">
      <c r="N84702" s="10"/>
    </row>
    <row r="84703" spans="14:14">
      <c r="N84703" s="10"/>
    </row>
    <row r="84704" spans="14:14">
      <c r="N84704" s="10"/>
    </row>
    <row r="84705" spans="14:14">
      <c r="N84705" s="10"/>
    </row>
    <row r="84706" spans="14:14">
      <c r="N84706" s="10"/>
    </row>
    <row r="84707" spans="14:14">
      <c r="N84707" s="10"/>
    </row>
    <row r="84708" spans="14:14">
      <c r="N84708" s="10"/>
    </row>
    <row r="84709" spans="14:14">
      <c r="N84709" s="10"/>
    </row>
    <row r="84710" spans="14:14">
      <c r="N84710" s="10"/>
    </row>
    <row r="84711" spans="14:14">
      <c r="N84711" s="10"/>
    </row>
    <row r="84712" spans="14:14">
      <c r="N84712" s="10"/>
    </row>
    <row r="84713" spans="14:14">
      <c r="N84713" s="10"/>
    </row>
    <row r="84714" spans="14:14">
      <c r="N84714" s="10"/>
    </row>
    <row r="84715" spans="14:14">
      <c r="N84715" s="10"/>
    </row>
    <row r="84716" spans="14:14">
      <c r="N84716" s="10"/>
    </row>
    <row r="84717" spans="14:14">
      <c r="N84717" s="10"/>
    </row>
    <row r="84718" spans="14:14">
      <c r="N84718" s="10"/>
    </row>
    <row r="84719" spans="14:14">
      <c r="N84719" s="10"/>
    </row>
    <row r="84720" spans="14:14">
      <c r="N84720" s="10"/>
    </row>
    <row r="84721" spans="14:14">
      <c r="N84721" s="10"/>
    </row>
    <row r="84722" spans="14:14">
      <c r="N84722" s="10"/>
    </row>
    <row r="84723" spans="14:14">
      <c r="N84723" s="10"/>
    </row>
    <row r="84724" spans="14:14">
      <c r="N84724" s="10"/>
    </row>
    <row r="84725" spans="14:14">
      <c r="N84725" s="10"/>
    </row>
    <row r="84726" spans="14:14">
      <c r="N84726" s="10"/>
    </row>
    <row r="84727" spans="14:14">
      <c r="N84727" s="10"/>
    </row>
    <row r="84728" spans="14:14">
      <c r="N84728" s="10"/>
    </row>
    <row r="84729" spans="14:14">
      <c r="N84729" s="10"/>
    </row>
    <row r="84730" spans="14:14">
      <c r="N84730" s="10"/>
    </row>
    <row r="84731" spans="14:14">
      <c r="N84731" s="10"/>
    </row>
    <row r="84732" spans="14:14">
      <c r="N84732" s="10"/>
    </row>
    <row r="84733" spans="14:14">
      <c r="N84733" s="10"/>
    </row>
    <row r="84734" spans="14:14">
      <c r="N84734" s="10"/>
    </row>
    <row r="84735" spans="14:14">
      <c r="N84735" s="10"/>
    </row>
    <row r="84736" spans="14:14">
      <c r="N84736" s="10"/>
    </row>
    <row r="84737" spans="14:14">
      <c r="N84737" s="10"/>
    </row>
    <row r="84738" spans="14:14">
      <c r="N84738" s="10"/>
    </row>
    <row r="84739" spans="14:14">
      <c r="N84739" s="10"/>
    </row>
    <row r="84740" spans="14:14">
      <c r="N84740" s="10"/>
    </row>
    <row r="84741" spans="14:14">
      <c r="N84741" s="10"/>
    </row>
    <row r="84742" spans="14:14">
      <c r="N84742" s="10"/>
    </row>
    <row r="84743" spans="14:14">
      <c r="N84743" s="10"/>
    </row>
    <row r="84744" spans="14:14">
      <c r="N84744" s="10"/>
    </row>
    <row r="84745" spans="14:14">
      <c r="N84745" s="10"/>
    </row>
    <row r="84746" spans="14:14">
      <c r="N84746" s="10"/>
    </row>
    <row r="84747" spans="14:14">
      <c r="N84747" s="10"/>
    </row>
    <row r="84748" spans="14:14">
      <c r="N84748" s="10"/>
    </row>
    <row r="84749" spans="14:14">
      <c r="N84749" s="10"/>
    </row>
    <row r="84750" spans="14:14">
      <c r="N84750" s="10"/>
    </row>
    <row r="84751" spans="14:14">
      <c r="N84751" s="10"/>
    </row>
    <row r="84752" spans="14:14">
      <c r="N84752" s="10"/>
    </row>
    <row r="84753" spans="14:14">
      <c r="N84753" s="10"/>
    </row>
    <row r="84754" spans="14:14">
      <c r="N84754" s="10"/>
    </row>
    <row r="84755" spans="14:14">
      <c r="N84755" s="10"/>
    </row>
    <row r="84756" spans="14:14">
      <c r="N84756" s="10"/>
    </row>
    <row r="84757" spans="14:14">
      <c r="N84757" s="10"/>
    </row>
    <row r="84758" spans="14:14">
      <c r="N84758" s="10"/>
    </row>
    <row r="84759" spans="14:14">
      <c r="N84759" s="10"/>
    </row>
    <row r="84760" spans="14:14">
      <c r="N84760" s="10"/>
    </row>
    <row r="84761" spans="14:14">
      <c r="N84761" s="10"/>
    </row>
    <row r="84762" spans="14:14">
      <c r="N84762" s="10"/>
    </row>
    <row r="84763" spans="14:14">
      <c r="N84763" s="10"/>
    </row>
    <row r="84764" spans="14:14">
      <c r="N84764" s="10"/>
    </row>
    <row r="84765" spans="14:14">
      <c r="N84765" s="10"/>
    </row>
    <row r="84766" spans="14:14">
      <c r="N84766" s="10"/>
    </row>
    <row r="84767" spans="14:14">
      <c r="N84767" s="10"/>
    </row>
    <row r="84768" spans="14:14">
      <c r="N84768" s="10"/>
    </row>
    <row r="84769" spans="14:14">
      <c r="N84769" s="10"/>
    </row>
    <row r="84770" spans="14:14">
      <c r="N84770" s="10"/>
    </row>
    <row r="84771" spans="14:14">
      <c r="N84771" s="10"/>
    </row>
    <row r="84772" spans="14:14">
      <c r="N84772" s="10"/>
    </row>
    <row r="84773" spans="14:14">
      <c r="N84773" s="10"/>
    </row>
    <row r="84774" spans="14:14">
      <c r="N84774" s="10"/>
    </row>
    <row r="84775" spans="14:14">
      <c r="N84775" s="10"/>
    </row>
    <row r="84776" spans="14:14">
      <c r="N84776" s="10"/>
    </row>
    <row r="84777" spans="14:14">
      <c r="N84777" s="10"/>
    </row>
    <row r="84778" spans="14:14">
      <c r="N84778" s="10"/>
    </row>
    <row r="84779" spans="14:14">
      <c r="N84779" s="10"/>
    </row>
    <row r="84780" spans="14:14">
      <c r="N84780" s="10"/>
    </row>
    <row r="84781" spans="14:14">
      <c r="N84781" s="10"/>
    </row>
    <row r="84782" spans="14:14">
      <c r="N84782" s="10"/>
    </row>
    <row r="84783" spans="14:14">
      <c r="N84783" s="10"/>
    </row>
    <row r="84784" spans="14:14">
      <c r="N84784" s="10"/>
    </row>
    <row r="84785" spans="14:14">
      <c r="N84785" s="10"/>
    </row>
    <row r="84786" spans="14:14">
      <c r="N84786" s="10"/>
    </row>
    <row r="84787" spans="14:14">
      <c r="N84787" s="10"/>
    </row>
    <row r="84788" spans="14:14">
      <c r="N84788" s="10"/>
    </row>
    <row r="84789" spans="14:14">
      <c r="N84789" s="10"/>
    </row>
    <row r="84790" spans="14:14">
      <c r="N84790" s="10"/>
    </row>
    <row r="84791" spans="14:14">
      <c r="N84791" s="10"/>
    </row>
    <row r="84792" spans="14:14">
      <c r="N84792" s="10"/>
    </row>
    <row r="84793" spans="14:14">
      <c r="N84793" s="10"/>
    </row>
    <row r="84794" spans="14:14">
      <c r="N84794" s="10"/>
    </row>
    <row r="84795" spans="14:14">
      <c r="N84795" s="10"/>
    </row>
    <row r="84796" spans="14:14">
      <c r="N84796" s="10"/>
    </row>
    <row r="84797" spans="14:14">
      <c r="N84797" s="10"/>
    </row>
    <row r="84798" spans="14:14">
      <c r="N84798" s="10"/>
    </row>
    <row r="84799" spans="14:14">
      <c r="N84799" s="10"/>
    </row>
    <row r="84800" spans="14:14">
      <c r="N84800" s="10"/>
    </row>
    <row r="84801" spans="14:14">
      <c r="N84801" s="10"/>
    </row>
    <row r="84802" spans="14:14">
      <c r="N84802" s="10"/>
    </row>
    <row r="84803" spans="14:14">
      <c r="N84803" s="10"/>
    </row>
    <row r="84804" spans="14:14">
      <c r="N84804" s="10"/>
    </row>
    <row r="84805" spans="14:14">
      <c r="N84805" s="10"/>
    </row>
    <row r="84806" spans="14:14">
      <c r="N84806" s="10"/>
    </row>
    <row r="84807" spans="14:14">
      <c r="N84807" s="10"/>
    </row>
    <row r="84808" spans="14:14">
      <c r="N84808" s="10"/>
    </row>
    <row r="84809" spans="14:14">
      <c r="N84809" s="10"/>
    </row>
    <row r="84810" spans="14:14">
      <c r="N84810" s="10"/>
    </row>
    <row r="84811" spans="14:14">
      <c r="N84811" s="10"/>
    </row>
    <row r="84812" spans="14:14">
      <c r="N84812" s="10"/>
    </row>
    <row r="84813" spans="14:14">
      <c r="N84813" s="10"/>
    </row>
    <row r="84814" spans="14:14">
      <c r="N84814" s="10"/>
    </row>
    <row r="84815" spans="14:14">
      <c r="N84815" s="10"/>
    </row>
    <row r="84816" spans="14:14">
      <c r="N84816" s="10"/>
    </row>
    <row r="84817" spans="14:14">
      <c r="N84817" s="10"/>
    </row>
    <row r="84818" spans="14:14">
      <c r="N84818" s="10"/>
    </row>
    <row r="84819" spans="14:14">
      <c r="N84819" s="10"/>
    </row>
    <row r="84820" spans="14:14">
      <c r="N84820" s="10"/>
    </row>
    <row r="84821" spans="14:14">
      <c r="N84821" s="10"/>
    </row>
    <row r="84822" spans="14:14">
      <c r="N84822" s="10"/>
    </row>
    <row r="84823" spans="14:14">
      <c r="N84823" s="10"/>
    </row>
    <row r="84824" spans="14:14">
      <c r="N84824" s="10"/>
    </row>
    <row r="84825" spans="14:14">
      <c r="N84825" s="10"/>
    </row>
    <row r="84826" spans="14:14">
      <c r="N84826" s="10"/>
    </row>
    <row r="84827" spans="14:14">
      <c r="N84827" s="10"/>
    </row>
    <row r="84828" spans="14:14">
      <c r="N84828" s="10"/>
    </row>
    <row r="84829" spans="14:14">
      <c r="N84829" s="10"/>
    </row>
    <row r="84830" spans="14:14">
      <c r="N84830" s="10"/>
    </row>
    <row r="84831" spans="14:14">
      <c r="N84831" s="10"/>
    </row>
    <row r="84832" spans="14:14">
      <c r="N84832" s="10"/>
    </row>
    <row r="84833" spans="14:14">
      <c r="N84833" s="10"/>
    </row>
    <row r="84834" spans="14:14">
      <c r="N84834" s="10"/>
    </row>
    <row r="84835" spans="14:14">
      <c r="N84835" s="10"/>
    </row>
    <row r="84836" spans="14:14">
      <c r="N84836" s="10"/>
    </row>
    <row r="84837" spans="14:14">
      <c r="N84837" s="10"/>
    </row>
    <row r="84838" spans="14:14">
      <c r="N84838" s="10"/>
    </row>
    <row r="84839" spans="14:14">
      <c r="N84839" s="10"/>
    </row>
    <row r="84840" spans="14:14">
      <c r="N84840" s="10"/>
    </row>
    <row r="84841" spans="14:14">
      <c r="N84841" s="10"/>
    </row>
    <row r="84842" spans="14:14">
      <c r="N84842" s="10"/>
    </row>
    <row r="84843" spans="14:14">
      <c r="N84843" s="10"/>
    </row>
    <row r="84844" spans="14:14">
      <c r="N84844" s="10"/>
    </row>
    <row r="84845" spans="14:14">
      <c r="N84845" s="10"/>
    </row>
    <row r="84846" spans="14:14">
      <c r="N84846" s="10"/>
    </row>
    <row r="84847" spans="14:14">
      <c r="N84847" s="10"/>
    </row>
    <row r="84848" spans="14:14">
      <c r="N84848" s="10"/>
    </row>
    <row r="84849" spans="14:14">
      <c r="N84849" s="10"/>
    </row>
    <row r="84850" spans="14:14">
      <c r="N84850" s="10"/>
    </row>
    <row r="84851" spans="14:14">
      <c r="N84851" s="10"/>
    </row>
    <row r="84852" spans="14:14">
      <c r="N84852" s="10"/>
    </row>
    <row r="84853" spans="14:14">
      <c r="N84853" s="10"/>
    </row>
    <row r="84854" spans="14:14">
      <c r="N84854" s="10"/>
    </row>
    <row r="84855" spans="14:14">
      <c r="N84855" s="10"/>
    </row>
    <row r="84856" spans="14:14">
      <c r="N84856" s="10"/>
    </row>
    <row r="84857" spans="14:14">
      <c r="N84857" s="10"/>
    </row>
    <row r="84858" spans="14:14">
      <c r="N84858" s="10"/>
    </row>
    <row r="84859" spans="14:14">
      <c r="N84859" s="10"/>
    </row>
    <row r="84860" spans="14:14">
      <c r="N84860" s="10"/>
    </row>
    <row r="84861" spans="14:14">
      <c r="N84861" s="10"/>
    </row>
    <row r="84862" spans="14:14">
      <c r="N84862" s="10"/>
    </row>
    <row r="84863" spans="14:14">
      <c r="N84863" s="10"/>
    </row>
    <row r="84864" spans="14:14">
      <c r="N84864" s="10"/>
    </row>
    <row r="84865" spans="14:14">
      <c r="N84865" s="10"/>
    </row>
    <row r="84866" spans="14:14">
      <c r="N84866" s="10"/>
    </row>
    <row r="84867" spans="14:14">
      <c r="N84867" s="10"/>
    </row>
    <row r="84868" spans="14:14">
      <c r="N84868" s="10"/>
    </row>
    <row r="84869" spans="14:14">
      <c r="N84869" s="10"/>
    </row>
    <row r="84870" spans="14:14">
      <c r="N84870" s="10"/>
    </row>
    <row r="84871" spans="14:14">
      <c r="N84871" s="10"/>
    </row>
    <row r="84872" spans="14:14">
      <c r="N84872" s="10"/>
    </row>
    <row r="84873" spans="14:14">
      <c r="N84873" s="10"/>
    </row>
    <row r="84874" spans="14:14">
      <c r="N84874" s="10"/>
    </row>
    <row r="84875" spans="14:14">
      <c r="N84875" s="10"/>
    </row>
    <row r="84876" spans="14:14">
      <c r="N84876" s="10"/>
    </row>
    <row r="84877" spans="14:14">
      <c r="N84877" s="10"/>
    </row>
    <row r="84878" spans="14:14">
      <c r="N84878" s="10"/>
    </row>
    <row r="84879" spans="14:14">
      <c r="N84879" s="10"/>
    </row>
    <row r="84880" spans="14:14">
      <c r="N84880" s="10"/>
    </row>
    <row r="84881" spans="14:14">
      <c r="N84881" s="10"/>
    </row>
    <row r="84882" spans="14:14">
      <c r="N84882" s="10"/>
    </row>
    <row r="84883" spans="14:14">
      <c r="N84883" s="10"/>
    </row>
    <row r="84884" spans="14:14">
      <c r="N84884" s="10"/>
    </row>
    <row r="84885" spans="14:14">
      <c r="N84885" s="10"/>
    </row>
    <row r="84886" spans="14:14">
      <c r="N84886" s="10"/>
    </row>
    <row r="84887" spans="14:14">
      <c r="N84887" s="10"/>
    </row>
    <row r="84888" spans="14:14">
      <c r="N84888" s="10"/>
    </row>
    <row r="84889" spans="14:14">
      <c r="N84889" s="10"/>
    </row>
    <row r="84890" spans="14:14">
      <c r="N84890" s="10"/>
    </row>
    <row r="84891" spans="14:14">
      <c r="N84891" s="10"/>
    </row>
    <row r="84892" spans="14:14">
      <c r="N84892" s="10"/>
    </row>
    <row r="84893" spans="14:14">
      <c r="N84893" s="10"/>
    </row>
    <row r="84894" spans="14:14">
      <c r="N84894" s="10"/>
    </row>
    <row r="84895" spans="14:14">
      <c r="N84895" s="10"/>
    </row>
    <row r="84896" spans="14:14">
      <c r="N84896" s="10"/>
    </row>
    <row r="84897" spans="14:14">
      <c r="N84897" s="10"/>
    </row>
    <row r="84898" spans="14:14">
      <c r="N84898" s="10"/>
    </row>
    <row r="84899" spans="14:14">
      <c r="N84899" s="10"/>
    </row>
    <row r="84900" spans="14:14">
      <c r="N84900" s="10"/>
    </row>
    <row r="84901" spans="14:14">
      <c r="N84901" s="10"/>
    </row>
    <row r="84902" spans="14:14">
      <c r="N84902" s="10"/>
    </row>
    <row r="84903" spans="14:14">
      <c r="N84903" s="10"/>
    </row>
    <row r="84904" spans="14:14">
      <c r="N84904" s="10"/>
    </row>
    <row r="84905" spans="14:14">
      <c r="N84905" s="10"/>
    </row>
    <row r="84906" spans="14:14">
      <c r="N84906" s="10"/>
    </row>
    <row r="84907" spans="14:14">
      <c r="N84907" s="10"/>
    </row>
    <row r="84908" spans="14:14">
      <c r="N84908" s="10"/>
    </row>
    <row r="84909" spans="14:14">
      <c r="N84909" s="10"/>
    </row>
    <row r="84910" spans="14:14">
      <c r="N84910" s="10"/>
    </row>
    <row r="84911" spans="14:14">
      <c r="N84911" s="10"/>
    </row>
    <row r="84912" spans="14:14">
      <c r="N84912" s="10"/>
    </row>
    <row r="84913" spans="14:14">
      <c r="N84913" s="10"/>
    </row>
    <row r="84914" spans="14:14">
      <c r="N84914" s="10"/>
    </row>
    <row r="84915" spans="14:14">
      <c r="N84915" s="10"/>
    </row>
    <row r="84916" spans="14:14">
      <c r="N84916" s="10"/>
    </row>
    <row r="84917" spans="14:14">
      <c r="N84917" s="10"/>
    </row>
    <row r="84918" spans="14:14">
      <c r="N84918" s="10"/>
    </row>
    <row r="84919" spans="14:14">
      <c r="N84919" s="10"/>
    </row>
    <row r="84920" spans="14:14">
      <c r="N84920" s="10"/>
    </row>
    <row r="84921" spans="14:14">
      <c r="N84921" s="10"/>
    </row>
    <row r="84922" spans="14:14">
      <c r="N84922" s="10"/>
    </row>
    <row r="84923" spans="14:14">
      <c r="N84923" s="10"/>
    </row>
    <row r="84924" spans="14:14">
      <c r="N84924" s="10"/>
    </row>
    <row r="84925" spans="14:14">
      <c r="N84925" s="10"/>
    </row>
    <row r="84926" spans="14:14">
      <c r="N84926" s="10"/>
    </row>
    <row r="84927" spans="14:14">
      <c r="N84927" s="10"/>
    </row>
    <row r="84928" spans="14:14">
      <c r="N84928" s="10"/>
    </row>
    <row r="84929" spans="14:14">
      <c r="N84929" s="10"/>
    </row>
    <row r="84930" spans="14:14">
      <c r="N84930" s="10"/>
    </row>
    <row r="84931" spans="14:14">
      <c r="N84931" s="10"/>
    </row>
    <row r="84932" spans="14:14">
      <c r="N84932" s="10"/>
    </row>
    <row r="84933" spans="14:14">
      <c r="N84933" s="10"/>
    </row>
    <row r="84934" spans="14:14">
      <c r="N84934" s="10"/>
    </row>
    <row r="84935" spans="14:14">
      <c r="N84935" s="10"/>
    </row>
    <row r="84936" spans="14:14">
      <c r="N84936" s="10"/>
    </row>
    <row r="84937" spans="14:14">
      <c r="N84937" s="10"/>
    </row>
    <row r="84938" spans="14:14">
      <c r="N84938" s="10"/>
    </row>
    <row r="84939" spans="14:14">
      <c r="N84939" s="10"/>
    </row>
    <row r="84940" spans="14:14">
      <c r="N84940" s="10"/>
    </row>
    <row r="84941" spans="14:14">
      <c r="N84941" s="10"/>
    </row>
    <row r="84942" spans="14:14">
      <c r="N84942" s="10"/>
    </row>
    <row r="84943" spans="14:14">
      <c r="N84943" s="10"/>
    </row>
    <row r="84944" spans="14:14">
      <c r="N84944" s="10"/>
    </row>
    <row r="84945" spans="14:14">
      <c r="N84945" s="10"/>
    </row>
    <row r="84946" spans="14:14">
      <c r="N84946" s="10"/>
    </row>
    <row r="84947" spans="14:14">
      <c r="N84947" s="10"/>
    </row>
    <row r="84948" spans="14:14">
      <c r="N84948" s="10"/>
    </row>
    <row r="84949" spans="14:14">
      <c r="N84949" s="10"/>
    </row>
    <row r="84950" spans="14:14">
      <c r="N84950" s="10"/>
    </row>
    <row r="84951" spans="14:14">
      <c r="N84951" s="10"/>
    </row>
    <row r="84952" spans="14:14">
      <c r="N84952" s="10"/>
    </row>
    <row r="84953" spans="14:14">
      <c r="N84953" s="10"/>
    </row>
    <row r="84954" spans="14:14">
      <c r="N84954" s="10"/>
    </row>
    <row r="84955" spans="14:14">
      <c r="N84955" s="10"/>
    </row>
    <row r="84956" spans="14:14">
      <c r="N84956" s="10"/>
    </row>
    <row r="84957" spans="14:14">
      <c r="N84957" s="10"/>
    </row>
    <row r="84958" spans="14:14">
      <c r="N84958" s="10"/>
    </row>
    <row r="84959" spans="14:14">
      <c r="N84959" s="10"/>
    </row>
    <row r="84960" spans="14:14">
      <c r="N84960" s="10"/>
    </row>
    <row r="84961" spans="14:14">
      <c r="N84961" s="10"/>
    </row>
    <row r="84962" spans="14:14">
      <c r="N84962" s="10"/>
    </row>
    <row r="84963" spans="14:14">
      <c r="N84963" s="10"/>
    </row>
    <row r="84964" spans="14:14">
      <c r="N84964" s="10"/>
    </row>
    <row r="84965" spans="14:14">
      <c r="N84965" s="10"/>
    </row>
    <row r="84966" spans="14:14">
      <c r="N84966" s="10"/>
    </row>
    <row r="84967" spans="14:14">
      <c r="N84967" s="10"/>
    </row>
    <row r="84968" spans="14:14">
      <c r="N84968" s="10"/>
    </row>
    <row r="84969" spans="14:14">
      <c r="N84969" s="10"/>
    </row>
    <row r="84970" spans="14:14">
      <c r="N84970" s="10"/>
    </row>
    <row r="84971" spans="14:14">
      <c r="N84971" s="10"/>
    </row>
    <row r="84972" spans="14:14">
      <c r="N84972" s="10"/>
    </row>
    <row r="84973" spans="14:14">
      <c r="N84973" s="10"/>
    </row>
    <row r="84974" spans="14:14">
      <c r="N84974" s="10"/>
    </row>
    <row r="84975" spans="14:14">
      <c r="N84975" s="10"/>
    </row>
    <row r="84976" spans="14:14">
      <c r="N84976" s="10"/>
    </row>
    <row r="84977" spans="14:14">
      <c r="N84977" s="10"/>
    </row>
    <row r="84978" spans="14:14">
      <c r="N84978" s="10"/>
    </row>
    <row r="84979" spans="14:14">
      <c r="N84979" s="10"/>
    </row>
    <row r="84980" spans="14:14">
      <c r="N84980" s="10"/>
    </row>
    <row r="84981" spans="14:14">
      <c r="N84981" s="10"/>
    </row>
    <row r="84982" spans="14:14">
      <c r="N84982" s="10"/>
    </row>
    <row r="84983" spans="14:14">
      <c r="N84983" s="10"/>
    </row>
    <row r="84984" spans="14:14">
      <c r="N84984" s="10"/>
    </row>
    <row r="84985" spans="14:14">
      <c r="N84985" s="10"/>
    </row>
    <row r="84986" spans="14:14">
      <c r="N84986" s="10"/>
    </row>
    <row r="84987" spans="14:14">
      <c r="N84987" s="10"/>
    </row>
    <row r="84988" spans="14:14">
      <c r="N84988" s="10"/>
    </row>
    <row r="84989" spans="14:14">
      <c r="N84989" s="10"/>
    </row>
    <row r="84990" spans="14:14">
      <c r="N84990" s="10"/>
    </row>
    <row r="84991" spans="14:14">
      <c r="N84991" s="10"/>
    </row>
    <row r="84992" spans="14:14">
      <c r="N84992" s="10"/>
    </row>
    <row r="84993" spans="14:14">
      <c r="N84993" s="10"/>
    </row>
    <row r="84994" spans="14:14">
      <c r="N84994" s="10"/>
    </row>
    <row r="84995" spans="14:14">
      <c r="N84995" s="10"/>
    </row>
    <row r="84996" spans="14:14">
      <c r="N84996" s="10"/>
    </row>
    <row r="84997" spans="14:14">
      <c r="N84997" s="10"/>
    </row>
    <row r="84998" spans="14:14">
      <c r="N84998" s="10"/>
    </row>
    <row r="84999" spans="14:14">
      <c r="N84999" s="10"/>
    </row>
    <row r="85000" spans="14:14">
      <c r="N85000" s="10"/>
    </row>
    <row r="85001" spans="14:14">
      <c r="N85001" s="10"/>
    </row>
    <row r="85002" spans="14:14">
      <c r="N85002" s="10"/>
    </row>
    <row r="85003" spans="14:14">
      <c r="N85003" s="10"/>
    </row>
    <row r="85004" spans="14:14">
      <c r="N85004" s="10"/>
    </row>
    <row r="85005" spans="14:14">
      <c r="N85005" s="10"/>
    </row>
    <row r="85006" spans="14:14">
      <c r="N85006" s="10"/>
    </row>
    <row r="85007" spans="14:14">
      <c r="N85007" s="10"/>
    </row>
    <row r="85008" spans="14:14">
      <c r="N85008" s="10"/>
    </row>
    <row r="85009" spans="14:14">
      <c r="N85009" s="10"/>
    </row>
    <row r="85010" spans="14:14">
      <c r="N85010" s="10"/>
    </row>
    <row r="85011" spans="14:14">
      <c r="N85011" s="10"/>
    </row>
    <row r="85012" spans="14:14">
      <c r="N85012" s="10"/>
    </row>
    <row r="85013" spans="14:14">
      <c r="N85013" s="10"/>
    </row>
    <row r="85014" spans="14:14">
      <c r="N85014" s="10"/>
    </row>
    <row r="85015" spans="14:14">
      <c r="N85015" s="10"/>
    </row>
    <row r="85016" spans="14:14">
      <c r="N85016" s="10"/>
    </row>
    <row r="85017" spans="14:14">
      <c r="N85017" s="10"/>
    </row>
    <row r="85018" spans="14:14">
      <c r="N85018" s="10"/>
    </row>
    <row r="85019" spans="14:14">
      <c r="N85019" s="10"/>
    </row>
    <row r="85020" spans="14:14">
      <c r="N85020" s="10"/>
    </row>
    <row r="85021" spans="14:14">
      <c r="N85021" s="10"/>
    </row>
    <row r="85022" spans="14:14">
      <c r="N85022" s="10"/>
    </row>
    <row r="85023" spans="14:14">
      <c r="N85023" s="10"/>
    </row>
    <row r="85024" spans="14:14">
      <c r="N85024" s="10"/>
    </row>
    <row r="85025" spans="14:14">
      <c r="N85025" s="10"/>
    </row>
    <row r="85026" spans="14:14">
      <c r="N85026" s="10"/>
    </row>
    <row r="85027" spans="14:14">
      <c r="N85027" s="10"/>
    </row>
    <row r="85028" spans="14:14">
      <c r="N85028" s="10"/>
    </row>
    <row r="85029" spans="14:14">
      <c r="N85029" s="10"/>
    </row>
    <row r="85030" spans="14:14">
      <c r="N85030" s="10"/>
    </row>
    <row r="85031" spans="14:14">
      <c r="N85031" s="10"/>
    </row>
    <row r="85032" spans="14:14">
      <c r="N85032" s="10"/>
    </row>
    <row r="85033" spans="14:14">
      <c r="N85033" s="10"/>
    </row>
    <row r="85034" spans="14:14">
      <c r="N85034" s="10"/>
    </row>
    <row r="85035" spans="14:14">
      <c r="N85035" s="10"/>
    </row>
    <row r="85036" spans="14:14">
      <c r="N85036" s="10"/>
    </row>
    <row r="85037" spans="14:14">
      <c r="N85037" s="10"/>
    </row>
    <row r="85038" spans="14:14">
      <c r="N85038" s="10"/>
    </row>
    <row r="85039" spans="14:14">
      <c r="N85039" s="10"/>
    </row>
    <row r="85040" spans="14:14">
      <c r="N85040" s="10"/>
    </row>
    <row r="85041" spans="14:14">
      <c r="N85041" s="10"/>
    </row>
    <row r="85042" spans="14:14">
      <c r="N85042" s="10"/>
    </row>
    <row r="85043" spans="14:14">
      <c r="N85043" s="10"/>
    </row>
    <row r="85044" spans="14:14">
      <c r="N85044" s="10"/>
    </row>
    <row r="85045" spans="14:14">
      <c r="N85045" s="10"/>
    </row>
    <row r="85046" spans="14:14">
      <c r="N85046" s="10"/>
    </row>
    <row r="85047" spans="14:14">
      <c r="N85047" s="10"/>
    </row>
    <row r="85048" spans="14:14">
      <c r="N85048" s="10"/>
    </row>
    <row r="85049" spans="14:14">
      <c r="N85049" s="10"/>
    </row>
    <row r="85050" spans="14:14">
      <c r="N85050" s="10"/>
    </row>
    <row r="85051" spans="14:14">
      <c r="N85051" s="10"/>
    </row>
    <row r="85052" spans="14:14">
      <c r="N85052" s="10"/>
    </row>
    <row r="85053" spans="14:14">
      <c r="N85053" s="10"/>
    </row>
    <row r="85054" spans="14:14">
      <c r="N85054" s="10"/>
    </row>
    <row r="85055" spans="14:14">
      <c r="N85055" s="10"/>
    </row>
    <row r="85056" spans="14:14">
      <c r="N85056" s="10"/>
    </row>
    <row r="85057" spans="14:14">
      <c r="N85057" s="10"/>
    </row>
    <row r="85058" spans="14:14">
      <c r="N85058" s="10"/>
    </row>
    <row r="85059" spans="14:14">
      <c r="N85059" s="10"/>
    </row>
    <row r="85060" spans="14:14">
      <c r="N85060" s="10"/>
    </row>
    <row r="85061" spans="14:14">
      <c r="N85061" s="10"/>
    </row>
    <row r="85062" spans="14:14">
      <c r="N85062" s="10"/>
    </row>
    <row r="85063" spans="14:14">
      <c r="N85063" s="10"/>
    </row>
    <row r="85064" spans="14:14">
      <c r="N85064" s="10"/>
    </row>
    <row r="85065" spans="14:14">
      <c r="N85065" s="10"/>
    </row>
    <row r="85066" spans="14:14">
      <c r="N85066" s="10"/>
    </row>
    <row r="85067" spans="14:14">
      <c r="N85067" s="10"/>
    </row>
    <row r="85068" spans="14:14">
      <c r="N85068" s="10"/>
    </row>
    <row r="85069" spans="14:14">
      <c r="N85069" s="10"/>
    </row>
    <row r="85070" spans="14:14">
      <c r="N85070" s="10"/>
    </row>
    <row r="85071" spans="14:14">
      <c r="N85071" s="10"/>
    </row>
    <row r="85072" spans="14:14">
      <c r="N85072" s="10"/>
    </row>
    <row r="85073" spans="14:14">
      <c r="N85073" s="10"/>
    </row>
    <row r="85074" spans="14:14">
      <c r="N85074" s="10"/>
    </row>
    <row r="85075" spans="14:14">
      <c r="N85075" s="10"/>
    </row>
    <row r="85076" spans="14:14">
      <c r="N85076" s="10"/>
    </row>
    <row r="85077" spans="14:14">
      <c r="N85077" s="10"/>
    </row>
    <row r="85078" spans="14:14">
      <c r="N85078" s="10"/>
    </row>
    <row r="85079" spans="14:14">
      <c r="N85079" s="10"/>
    </row>
    <row r="85080" spans="14:14">
      <c r="N85080" s="10"/>
    </row>
    <row r="85081" spans="14:14">
      <c r="N85081" s="10"/>
    </row>
    <row r="85082" spans="14:14">
      <c r="N85082" s="10"/>
    </row>
    <row r="85083" spans="14:14">
      <c r="N85083" s="10"/>
    </row>
    <row r="85084" spans="14:14">
      <c r="N85084" s="10"/>
    </row>
    <row r="85085" spans="14:14">
      <c r="N85085" s="10"/>
    </row>
    <row r="85086" spans="14:14">
      <c r="N85086" s="10"/>
    </row>
    <row r="85087" spans="14:14">
      <c r="N85087" s="10"/>
    </row>
    <row r="85088" spans="14:14">
      <c r="N85088" s="10"/>
    </row>
    <row r="85089" spans="14:14">
      <c r="N85089" s="10"/>
    </row>
    <row r="85090" spans="14:14">
      <c r="N85090" s="10"/>
    </row>
    <row r="85091" spans="14:14">
      <c r="N85091" s="10"/>
    </row>
    <row r="85092" spans="14:14">
      <c r="N85092" s="10"/>
    </row>
    <row r="85093" spans="14:14">
      <c r="N85093" s="10"/>
    </row>
    <row r="85094" spans="14:14">
      <c r="N85094" s="10"/>
    </row>
    <row r="85095" spans="14:14">
      <c r="N85095" s="10"/>
    </row>
    <row r="85096" spans="14:14">
      <c r="N85096" s="10"/>
    </row>
    <row r="85097" spans="14:14">
      <c r="N85097" s="10"/>
    </row>
    <row r="85098" spans="14:14">
      <c r="N85098" s="10"/>
    </row>
    <row r="85099" spans="14:14">
      <c r="N85099" s="10"/>
    </row>
    <row r="85100" spans="14:14">
      <c r="N85100" s="10"/>
    </row>
    <row r="85101" spans="14:14">
      <c r="N85101" s="10"/>
    </row>
    <row r="85102" spans="14:14">
      <c r="N85102" s="10"/>
    </row>
    <row r="85103" spans="14:14">
      <c r="N85103" s="10"/>
    </row>
    <row r="85104" spans="14:14">
      <c r="N85104" s="10"/>
    </row>
    <row r="85105" spans="14:14">
      <c r="N85105" s="10"/>
    </row>
    <row r="85106" spans="14:14">
      <c r="N85106" s="10"/>
    </row>
    <row r="85107" spans="14:14">
      <c r="N85107" s="10"/>
    </row>
    <row r="85108" spans="14:14">
      <c r="N85108" s="10"/>
    </row>
    <row r="85109" spans="14:14">
      <c r="N85109" s="10"/>
    </row>
    <row r="85110" spans="14:14">
      <c r="N85110" s="10"/>
    </row>
    <row r="85111" spans="14:14">
      <c r="N85111" s="10"/>
    </row>
    <row r="85112" spans="14:14">
      <c r="N85112" s="10"/>
    </row>
    <row r="85113" spans="14:14">
      <c r="N85113" s="10"/>
    </row>
    <row r="85114" spans="14:14">
      <c r="N85114" s="10"/>
    </row>
    <row r="85115" spans="14:14">
      <c r="N85115" s="10"/>
    </row>
    <row r="85116" spans="14:14">
      <c r="N85116" s="10"/>
    </row>
    <row r="85117" spans="14:14">
      <c r="N85117" s="10"/>
    </row>
    <row r="85118" spans="14:14">
      <c r="N85118" s="10"/>
    </row>
    <row r="85119" spans="14:14">
      <c r="N85119" s="10"/>
    </row>
    <row r="85120" spans="14:14">
      <c r="N85120" s="10"/>
    </row>
    <row r="85121" spans="14:14">
      <c r="N85121" s="10"/>
    </row>
    <row r="85122" spans="14:14">
      <c r="N85122" s="10"/>
    </row>
    <row r="85123" spans="14:14">
      <c r="N85123" s="10"/>
    </row>
    <row r="85124" spans="14:14">
      <c r="N85124" s="10"/>
    </row>
    <row r="85125" spans="14:14">
      <c r="N85125" s="10"/>
    </row>
    <row r="85126" spans="14:14">
      <c r="N85126" s="10"/>
    </row>
    <row r="85127" spans="14:14">
      <c r="N85127" s="10"/>
    </row>
    <row r="85128" spans="14:14">
      <c r="N85128" s="10"/>
    </row>
    <row r="85129" spans="14:14">
      <c r="N85129" s="10"/>
    </row>
    <row r="85130" spans="14:14">
      <c r="N85130" s="10"/>
    </row>
    <row r="85131" spans="14:14">
      <c r="N85131" s="10"/>
    </row>
    <row r="85132" spans="14:14">
      <c r="N85132" s="10"/>
    </row>
    <row r="85133" spans="14:14">
      <c r="N85133" s="10"/>
    </row>
    <row r="85134" spans="14:14">
      <c r="N85134" s="10"/>
    </row>
    <row r="85135" spans="14:14">
      <c r="N85135" s="10"/>
    </row>
    <row r="85136" spans="14:14">
      <c r="N85136" s="10"/>
    </row>
    <row r="85137" spans="14:14">
      <c r="N85137" s="10"/>
    </row>
    <row r="85138" spans="14:14">
      <c r="N85138" s="10"/>
    </row>
    <row r="85139" spans="14:14">
      <c r="N85139" s="10"/>
    </row>
    <row r="85140" spans="14:14">
      <c r="N85140" s="10"/>
    </row>
    <row r="85141" spans="14:14">
      <c r="N85141" s="10"/>
    </row>
    <row r="85142" spans="14:14">
      <c r="N85142" s="10"/>
    </row>
    <row r="85143" spans="14:14">
      <c r="N85143" s="10"/>
    </row>
    <row r="85144" spans="14:14">
      <c r="N85144" s="10"/>
    </row>
    <row r="85145" spans="14:14">
      <c r="N85145" s="10"/>
    </row>
    <row r="85146" spans="14:14">
      <c r="N85146" s="10"/>
    </row>
    <row r="85147" spans="14:14">
      <c r="N85147" s="10"/>
    </row>
    <row r="85148" spans="14:14">
      <c r="N85148" s="10"/>
    </row>
    <row r="85149" spans="14:14">
      <c r="N85149" s="10"/>
    </row>
    <row r="85150" spans="14:14">
      <c r="N85150" s="10"/>
    </row>
    <row r="85151" spans="14:14">
      <c r="N85151" s="10"/>
    </row>
    <row r="85152" spans="14:14">
      <c r="N85152" s="10"/>
    </row>
    <row r="85153" spans="14:14">
      <c r="N85153" s="10"/>
    </row>
    <row r="85154" spans="14:14">
      <c r="N85154" s="10"/>
    </row>
    <row r="85155" spans="14:14">
      <c r="N85155" s="10"/>
    </row>
    <row r="85156" spans="14:14">
      <c r="N85156" s="10"/>
    </row>
    <row r="85157" spans="14:14">
      <c r="N85157" s="10"/>
    </row>
    <row r="85158" spans="14:14">
      <c r="N85158" s="10"/>
    </row>
    <row r="85159" spans="14:14">
      <c r="N85159" s="10"/>
    </row>
    <row r="85160" spans="14:14">
      <c r="N85160" s="10"/>
    </row>
    <row r="85161" spans="14:14">
      <c r="N85161" s="10"/>
    </row>
    <row r="85162" spans="14:14">
      <c r="N85162" s="10"/>
    </row>
    <row r="85163" spans="14:14">
      <c r="N85163" s="10"/>
    </row>
    <row r="85164" spans="14:14">
      <c r="N85164" s="10"/>
    </row>
    <row r="85165" spans="14:14">
      <c r="N85165" s="10"/>
    </row>
    <row r="85166" spans="14:14">
      <c r="N85166" s="10"/>
    </row>
    <row r="85167" spans="14:14">
      <c r="N85167" s="10"/>
    </row>
    <row r="85168" spans="14:14">
      <c r="N85168" s="10"/>
    </row>
    <row r="85169" spans="14:14">
      <c r="N85169" s="10"/>
    </row>
    <row r="85170" spans="14:14">
      <c r="N85170" s="10"/>
    </row>
    <row r="85171" spans="14:14">
      <c r="N85171" s="10"/>
    </row>
    <row r="85172" spans="14:14">
      <c r="N85172" s="10"/>
    </row>
    <row r="85173" spans="14:14">
      <c r="N85173" s="10"/>
    </row>
    <row r="85174" spans="14:14">
      <c r="N85174" s="10"/>
    </row>
    <row r="85175" spans="14:14">
      <c r="N85175" s="10"/>
    </row>
    <row r="85176" spans="14:14">
      <c r="N85176" s="10"/>
    </row>
    <row r="85177" spans="14:14">
      <c r="N85177" s="10"/>
    </row>
    <row r="85178" spans="14:14">
      <c r="N85178" s="10"/>
    </row>
    <row r="85179" spans="14:14">
      <c r="N85179" s="10"/>
    </row>
    <row r="85180" spans="14:14">
      <c r="N85180" s="10"/>
    </row>
    <row r="85181" spans="14:14">
      <c r="N85181" s="10"/>
    </row>
    <row r="85182" spans="14:14">
      <c r="N85182" s="10"/>
    </row>
    <row r="85183" spans="14:14">
      <c r="N85183" s="10"/>
    </row>
    <row r="85184" spans="14:14">
      <c r="N85184" s="10"/>
    </row>
    <row r="85185" spans="14:14">
      <c r="N85185" s="10"/>
    </row>
    <row r="85186" spans="14:14">
      <c r="N85186" s="10"/>
    </row>
    <row r="85187" spans="14:14">
      <c r="N85187" s="10"/>
    </row>
    <row r="85188" spans="14:14">
      <c r="N85188" s="10"/>
    </row>
    <row r="85189" spans="14:14">
      <c r="N85189" s="10"/>
    </row>
    <row r="85190" spans="14:14">
      <c r="N85190" s="10"/>
    </row>
    <row r="85191" spans="14:14">
      <c r="N85191" s="10"/>
    </row>
    <row r="85192" spans="14:14">
      <c r="N85192" s="10"/>
    </row>
    <row r="85193" spans="14:14">
      <c r="N85193" s="10"/>
    </row>
    <row r="85194" spans="14:14">
      <c r="N85194" s="10"/>
    </row>
    <row r="85195" spans="14:14">
      <c r="N85195" s="10"/>
    </row>
    <row r="85196" spans="14:14">
      <c r="N85196" s="10"/>
    </row>
    <row r="85197" spans="14:14">
      <c r="N85197" s="10"/>
    </row>
    <row r="85198" spans="14:14">
      <c r="N85198" s="10"/>
    </row>
    <row r="85199" spans="14:14">
      <c r="N85199" s="10"/>
    </row>
    <row r="85200" spans="14:14">
      <c r="N85200" s="10"/>
    </row>
    <row r="85201" spans="14:14">
      <c r="N85201" s="10"/>
    </row>
    <row r="85202" spans="14:14">
      <c r="N85202" s="10"/>
    </row>
    <row r="85203" spans="14:14">
      <c r="N85203" s="10"/>
    </row>
    <row r="85204" spans="14:14">
      <c r="N85204" s="10"/>
    </row>
    <row r="85205" spans="14:14">
      <c r="N85205" s="10"/>
    </row>
    <row r="85206" spans="14:14">
      <c r="N85206" s="10"/>
    </row>
    <row r="85207" spans="14:14">
      <c r="N85207" s="10"/>
    </row>
    <row r="85208" spans="14:14">
      <c r="N85208" s="10"/>
    </row>
    <row r="85209" spans="14:14">
      <c r="N85209" s="10"/>
    </row>
    <row r="85210" spans="14:14">
      <c r="N85210" s="10"/>
    </row>
    <row r="85211" spans="14:14">
      <c r="N85211" s="10"/>
    </row>
    <row r="85212" spans="14:14">
      <c r="N85212" s="10"/>
    </row>
    <row r="85213" spans="14:14">
      <c r="N85213" s="10"/>
    </row>
    <row r="85214" spans="14:14">
      <c r="N85214" s="10"/>
    </row>
    <row r="85215" spans="14:14">
      <c r="N85215" s="10"/>
    </row>
    <row r="85216" spans="14:14">
      <c r="N85216" s="10"/>
    </row>
    <row r="85217" spans="14:14">
      <c r="N85217" s="10"/>
    </row>
    <row r="85218" spans="14:14">
      <c r="N85218" s="10"/>
    </row>
    <row r="85219" spans="14:14">
      <c r="N85219" s="10"/>
    </row>
    <row r="85220" spans="14:14">
      <c r="N85220" s="10"/>
    </row>
    <row r="85221" spans="14:14">
      <c r="N85221" s="10"/>
    </row>
    <row r="85222" spans="14:14">
      <c r="N85222" s="10"/>
    </row>
    <row r="85223" spans="14:14">
      <c r="N85223" s="10"/>
    </row>
    <row r="85224" spans="14:14">
      <c r="N85224" s="10"/>
    </row>
    <row r="85225" spans="14:14">
      <c r="N85225" s="10"/>
    </row>
    <row r="85226" spans="14:14">
      <c r="N85226" s="10"/>
    </row>
    <row r="85227" spans="14:14">
      <c r="N85227" s="10"/>
    </row>
    <row r="85228" spans="14:14">
      <c r="N85228" s="10"/>
    </row>
    <row r="85229" spans="14:14">
      <c r="N85229" s="10"/>
    </row>
    <row r="85230" spans="14:14">
      <c r="N85230" s="10"/>
    </row>
    <row r="85231" spans="14:14">
      <c r="N85231" s="10"/>
    </row>
    <row r="85232" spans="14:14">
      <c r="N85232" s="10"/>
    </row>
    <row r="85233" spans="14:14">
      <c r="N85233" s="10"/>
    </row>
    <row r="85234" spans="14:14">
      <c r="N85234" s="10"/>
    </row>
    <row r="85235" spans="14:14">
      <c r="N85235" s="10"/>
    </row>
    <row r="85236" spans="14:14">
      <c r="N85236" s="10"/>
    </row>
    <row r="85237" spans="14:14">
      <c r="N85237" s="10"/>
    </row>
    <row r="85238" spans="14:14">
      <c r="N85238" s="10"/>
    </row>
    <row r="85239" spans="14:14">
      <c r="N85239" s="10"/>
    </row>
    <row r="85240" spans="14:14">
      <c r="N85240" s="10"/>
    </row>
    <row r="85241" spans="14:14">
      <c r="N85241" s="10"/>
    </row>
    <row r="85242" spans="14:14">
      <c r="N85242" s="10"/>
    </row>
    <row r="85243" spans="14:14">
      <c r="N85243" s="10"/>
    </row>
    <row r="85244" spans="14:14">
      <c r="N85244" s="10"/>
    </row>
    <row r="85245" spans="14:14">
      <c r="N85245" s="10"/>
    </row>
    <row r="85246" spans="14:14">
      <c r="N85246" s="10"/>
    </row>
    <row r="85247" spans="14:14">
      <c r="N85247" s="10"/>
    </row>
    <row r="85248" spans="14:14">
      <c r="N85248" s="10"/>
    </row>
    <row r="85249" spans="14:14">
      <c r="N85249" s="10"/>
    </row>
    <row r="85250" spans="14:14">
      <c r="N85250" s="10"/>
    </row>
    <row r="85251" spans="14:14">
      <c r="N85251" s="10"/>
    </row>
    <row r="85252" spans="14:14">
      <c r="N85252" s="10"/>
    </row>
    <row r="85253" spans="14:14">
      <c r="N85253" s="10"/>
    </row>
    <row r="85254" spans="14:14">
      <c r="N85254" s="10"/>
    </row>
    <row r="85255" spans="14:14">
      <c r="N85255" s="10"/>
    </row>
    <row r="85256" spans="14:14">
      <c r="N85256" s="10"/>
    </row>
    <row r="85257" spans="14:14">
      <c r="N85257" s="10"/>
    </row>
    <row r="85258" spans="14:14">
      <c r="N85258" s="10"/>
    </row>
    <row r="85259" spans="14:14">
      <c r="N85259" s="10"/>
    </row>
    <row r="85260" spans="14:14">
      <c r="N85260" s="10"/>
    </row>
    <row r="85261" spans="14:14">
      <c r="N85261" s="10"/>
    </row>
    <row r="85262" spans="14:14">
      <c r="N85262" s="10"/>
    </row>
    <row r="85263" spans="14:14">
      <c r="N85263" s="10"/>
    </row>
    <row r="85264" spans="14:14">
      <c r="N85264" s="10"/>
    </row>
    <row r="85265" spans="14:14">
      <c r="N85265" s="10"/>
    </row>
    <row r="85266" spans="14:14">
      <c r="N85266" s="10"/>
    </row>
    <row r="85267" spans="14:14">
      <c r="N85267" s="10"/>
    </row>
    <row r="85268" spans="14:14">
      <c r="N85268" s="10"/>
    </row>
    <row r="85269" spans="14:14">
      <c r="N85269" s="10"/>
    </row>
    <row r="85270" spans="14:14">
      <c r="N85270" s="10"/>
    </row>
    <row r="85271" spans="14:14">
      <c r="N85271" s="10"/>
    </row>
    <row r="85272" spans="14:14">
      <c r="N85272" s="10"/>
    </row>
    <row r="85273" spans="14:14">
      <c r="N85273" s="10"/>
    </row>
    <row r="85274" spans="14:14">
      <c r="N85274" s="10"/>
    </row>
    <row r="85275" spans="14:14">
      <c r="N85275" s="10"/>
    </row>
    <row r="85276" spans="14:14">
      <c r="N85276" s="10"/>
    </row>
    <row r="85277" spans="14:14">
      <c r="N85277" s="10"/>
    </row>
    <row r="85278" spans="14:14">
      <c r="N85278" s="10"/>
    </row>
    <row r="85279" spans="14:14">
      <c r="N85279" s="10"/>
    </row>
    <row r="85280" spans="14:14">
      <c r="N85280" s="10"/>
    </row>
    <row r="85281" spans="14:14">
      <c r="N85281" s="10"/>
    </row>
    <row r="85282" spans="14:14">
      <c r="N85282" s="10"/>
    </row>
    <row r="85283" spans="14:14">
      <c r="N85283" s="10"/>
    </row>
    <row r="85284" spans="14:14">
      <c r="N85284" s="10"/>
    </row>
    <row r="85285" spans="14:14">
      <c r="N85285" s="10"/>
    </row>
    <row r="85286" spans="14:14">
      <c r="N85286" s="10"/>
    </row>
    <row r="85287" spans="14:14">
      <c r="N85287" s="10"/>
    </row>
    <row r="85288" spans="14:14">
      <c r="N85288" s="10"/>
    </row>
    <row r="85289" spans="14:14">
      <c r="N85289" s="10"/>
    </row>
    <row r="85290" spans="14:14">
      <c r="N85290" s="10"/>
    </row>
    <row r="85291" spans="14:14">
      <c r="N85291" s="10"/>
    </row>
    <row r="85292" spans="14:14">
      <c r="N85292" s="10"/>
    </row>
    <row r="85293" spans="14:14">
      <c r="N85293" s="10"/>
    </row>
    <row r="85294" spans="14:14">
      <c r="N85294" s="10"/>
    </row>
    <row r="85295" spans="14:14">
      <c r="N85295" s="10"/>
    </row>
    <row r="85296" spans="14:14">
      <c r="N85296" s="10"/>
    </row>
    <row r="85297" spans="14:14">
      <c r="N85297" s="10"/>
    </row>
    <row r="85298" spans="14:14">
      <c r="N85298" s="10"/>
    </row>
    <row r="85299" spans="14:14">
      <c r="N85299" s="10"/>
    </row>
    <row r="85300" spans="14:14">
      <c r="N85300" s="10"/>
    </row>
    <row r="85301" spans="14:14">
      <c r="N85301" s="10"/>
    </row>
    <row r="85302" spans="14:14">
      <c r="N85302" s="10"/>
    </row>
    <row r="85303" spans="14:14">
      <c r="N85303" s="10"/>
    </row>
    <row r="85304" spans="14:14">
      <c r="N85304" s="10"/>
    </row>
    <row r="85305" spans="14:14">
      <c r="N85305" s="10"/>
    </row>
    <row r="85306" spans="14:14">
      <c r="N85306" s="10"/>
    </row>
    <row r="85307" spans="14:14">
      <c r="N85307" s="10"/>
    </row>
    <row r="85308" spans="14:14">
      <c r="N85308" s="10"/>
    </row>
    <row r="85309" spans="14:14">
      <c r="N85309" s="10"/>
    </row>
    <row r="85310" spans="14:14">
      <c r="N85310" s="10"/>
    </row>
    <row r="85311" spans="14:14">
      <c r="N85311" s="10"/>
    </row>
    <row r="85312" spans="14:14">
      <c r="N85312" s="10"/>
    </row>
    <row r="85313" spans="14:14">
      <c r="N85313" s="10"/>
    </row>
    <row r="85314" spans="14:14">
      <c r="N85314" s="10"/>
    </row>
    <row r="85315" spans="14:14">
      <c r="N85315" s="10"/>
    </row>
    <row r="85316" spans="14:14">
      <c r="N85316" s="10"/>
    </row>
    <row r="85317" spans="14:14">
      <c r="N85317" s="10"/>
    </row>
    <row r="85318" spans="14:14">
      <c r="N85318" s="10"/>
    </row>
    <row r="85319" spans="14:14">
      <c r="N85319" s="10"/>
    </row>
    <row r="85320" spans="14:14">
      <c r="N85320" s="10"/>
    </row>
    <row r="85321" spans="14:14">
      <c r="N85321" s="10"/>
    </row>
    <row r="85322" spans="14:14">
      <c r="N85322" s="10"/>
    </row>
    <row r="85323" spans="14:14">
      <c r="N85323" s="10"/>
    </row>
    <row r="85324" spans="14:14">
      <c r="N85324" s="10"/>
    </row>
    <row r="85325" spans="14:14">
      <c r="N85325" s="10"/>
    </row>
    <row r="85326" spans="14:14">
      <c r="N85326" s="10"/>
    </row>
    <row r="85327" spans="14:14">
      <c r="N85327" s="10"/>
    </row>
    <row r="85328" spans="14:14">
      <c r="N85328" s="10"/>
    </row>
    <row r="85329" spans="14:14">
      <c r="N85329" s="10"/>
    </row>
    <row r="85330" spans="14:14">
      <c r="N85330" s="10"/>
    </row>
    <row r="85331" spans="14:14">
      <c r="N85331" s="10"/>
    </row>
    <row r="85332" spans="14:14">
      <c r="N85332" s="10"/>
    </row>
    <row r="85333" spans="14:14">
      <c r="N85333" s="10"/>
    </row>
    <row r="85334" spans="14:14">
      <c r="N85334" s="10"/>
    </row>
    <row r="85335" spans="14:14">
      <c r="N85335" s="10"/>
    </row>
    <row r="85336" spans="14:14">
      <c r="N85336" s="10"/>
    </row>
    <row r="85337" spans="14:14">
      <c r="N85337" s="10"/>
    </row>
    <row r="85338" spans="14:14">
      <c r="N85338" s="10"/>
    </row>
    <row r="85339" spans="14:14">
      <c r="N85339" s="10"/>
    </row>
    <row r="85340" spans="14:14">
      <c r="N85340" s="10"/>
    </row>
    <row r="85341" spans="14:14">
      <c r="N85341" s="10"/>
    </row>
    <row r="85342" spans="14:14">
      <c r="N85342" s="10"/>
    </row>
    <row r="85343" spans="14:14">
      <c r="N85343" s="10"/>
    </row>
    <row r="85344" spans="14:14">
      <c r="N85344" s="10"/>
    </row>
    <row r="85345" spans="14:14">
      <c r="N85345" s="10"/>
    </row>
    <row r="85346" spans="14:14">
      <c r="N85346" s="10"/>
    </row>
    <row r="85347" spans="14:14">
      <c r="N85347" s="10"/>
    </row>
    <row r="85348" spans="14:14">
      <c r="N85348" s="10"/>
    </row>
    <row r="85349" spans="14:14">
      <c r="N85349" s="10"/>
    </row>
    <row r="85350" spans="14:14">
      <c r="N85350" s="10"/>
    </row>
    <row r="85351" spans="14:14">
      <c r="N85351" s="10"/>
    </row>
    <row r="85352" spans="14:14">
      <c r="N85352" s="10"/>
    </row>
    <row r="85353" spans="14:14">
      <c r="N85353" s="10"/>
    </row>
    <row r="85354" spans="14:14">
      <c r="N85354" s="10"/>
    </row>
    <row r="85355" spans="14:14">
      <c r="N85355" s="10"/>
    </row>
    <row r="85356" spans="14:14">
      <c r="N85356" s="10"/>
    </row>
    <row r="85357" spans="14:14">
      <c r="N85357" s="10"/>
    </row>
    <row r="85358" spans="14:14">
      <c r="N85358" s="10"/>
    </row>
    <row r="85359" spans="14:14">
      <c r="N85359" s="10"/>
    </row>
    <row r="85360" spans="14:14">
      <c r="N85360" s="10"/>
    </row>
    <row r="85361" spans="14:14">
      <c r="N85361" s="10"/>
    </row>
    <row r="85362" spans="14:14">
      <c r="N85362" s="10"/>
    </row>
    <row r="85363" spans="14:14">
      <c r="N85363" s="10"/>
    </row>
    <row r="85364" spans="14:14">
      <c r="N85364" s="10"/>
    </row>
    <row r="85365" spans="14:14">
      <c r="N85365" s="10"/>
    </row>
    <row r="85366" spans="14:14">
      <c r="N85366" s="10"/>
    </row>
    <row r="85367" spans="14:14">
      <c r="N85367" s="10"/>
    </row>
    <row r="85368" spans="14:14">
      <c r="N85368" s="10"/>
    </row>
    <row r="85369" spans="14:14">
      <c r="N85369" s="10"/>
    </row>
    <row r="85370" spans="14:14">
      <c r="N85370" s="10"/>
    </row>
    <row r="85371" spans="14:14">
      <c r="N85371" s="10"/>
    </row>
    <row r="85372" spans="14:14">
      <c r="N85372" s="10"/>
    </row>
    <row r="85373" spans="14:14">
      <c r="N85373" s="10"/>
    </row>
    <row r="85374" spans="14:14">
      <c r="N85374" s="10"/>
    </row>
    <row r="85375" spans="14:14">
      <c r="N85375" s="10"/>
    </row>
    <row r="85376" spans="14:14">
      <c r="N85376" s="10"/>
    </row>
    <row r="85377" spans="14:14">
      <c r="N85377" s="10"/>
    </row>
    <row r="85378" spans="14:14">
      <c r="N85378" s="10"/>
    </row>
    <row r="85379" spans="14:14">
      <c r="N85379" s="10"/>
    </row>
    <row r="85380" spans="14:14">
      <c r="N85380" s="10"/>
    </row>
    <row r="85381" spans="14:14">
      <c r="N85381" s="10"/>
    </row>
    <row r="85382" spans="14:14">
      <c r="N85382" s="10"/>
    </row>
    <row r="85383" spans="14:14">
      <c r="N85383" s="10"/>
    </row>
    <row r="85384" spans="14:14">
      <c r="N85384" s="10"/>
    </row>
    <row r="85385" spans="14:14">
      <c r="N85385" s="10"/>
    </row>
    <row r="85386" spans="14:14">
      <c r="N85386" s="10"/>
    </row>
    <row r="85387" spans="14:14">
      <c r="N85387" s="10"/>
    </row>
    <row r="85388" spans="14:14">
      <c r="N85388" s="10"/>
    </row>
    <row r="85389" spans="14:14">
      <c r="N85389" s="10"/>
    </row>
    <row r="85390" spans="14:14">
      <c r="N85390" s="10"/>
    </row>
    <row r="85391" spans="14:14">
      <c r="N85391" s="10"/>
    </row>
    <row r="85392" spans="14:14">
      <c r="N85392" s="10"/>
    </row>
    <row r="85393" spans="14:14">
      <c r="N85393" s="10"/>
    </row>
    <row r="85394" spans="14:14">
      <c r="N85394" s="10"/>
    </row>
    <row r="85395" spans="14:14">
      <c r="N85395" s="10"/>
    </row>
    <row r="85396" spans="14:14">
      <c r="N85396" s="10"/>
    </row>
    <row r="85397" spans="14:14">
      <c r="N85397" s="10"/>
    </row>
    <row r="85398" spans="14:14">
      <c r="N85398" s="10"/>
    </row>
    <row r="85399" spans="14:14">
      <c r="N85399" s="10"/>
    </row>
    <row r="85400" spans="14:14">
      <c r="N85400" s="10"/>
    </row>
    <row r="85401" spans="14:14">
      <c r="N85401" s="10"/>
    </row>
    <row r="85402" spans="14:14">
      <c r="N85402" s="10"/>
    </row>
    <row r="85403" spans="14:14">
      <c r="N85403" s="10"/>
    </row>
    <row r="85404" spans="14:14">
      <c r="N85404" s="10"/>
    </row>
    <row r="85405" spans="14:14">
      <c r="N85405" s="10"/>
    </row>
    <row r="85406" spans="14:14">
      <c r="N85406" s="10"/>
    </row>
    <row r="85407" spans="14:14">
      <c r="N85407" s="10"/>
    </row>
    <row r="85408" spans="14:14">
      <c r="N85408" s="10"/>
    </row>
    <row r="85409" spans="14:14">
      <c r="N85409" s="10"/>
    </row>
    <row r="85410" spans="14:14">
      <c r="N85410" s="10"/>
    </row>
    <row r="85411" spans="14:14">
      <c r="N85411" s="10"/>
    </row>
    <row r="85412" spans="14:14">
      <c r="N85412" s="10"/>
    </row>
    <row r="85413" spans="14:14">
      <c r="N85413" s="10"/>
    </row>
    <row r="85414" spans="14:14">
      <c r="N85414" s="10"/>
    </row>
    <row r="85415" spans="14:14">
      <c r="N85415" s="10"/>
    </row>
    <row r="85416" spans="14:14">
      <c r="N85416" s="10"/>
    </row>
    <row r="85417" spans="14:14">
      <c r="N85417" s="10"/>
    </row>
    <row r="85418" spans="14:14">
      <c r="N85418" s="10"/>
    </row>
    <row r="85419" spans="14:14">
      <c r="N85419" s="10"/>
    </row>
    <row r="85420" spans="14:14">
      <c r="N85420" s="10"/>
    </row>
    <row r="85421" spans="14:14">
      <c r="N85421" s="10"/>
    </row>
    <row r="85422" spans="14:14">
      <c r="N85422" s="10"/>
    </row>
    <row r="85423" spans="14:14">
      <c r="N85423" s="10"/>
    </row>
    <row r="85424" spans="14:14">
      <c r="N85424" s="10"/>
    </row>
    <row r="85425" spans="14:14">
      <c r="N85425" s="10"/>
    </row>
    <row r="85426" spans="14:14">
      <c r="N85426" s="10"/>
    </row>
    <row r="85427" spans="14:14">
      <c r="N85427" s="10"/>
    </row>
    <row r="85428" spans="14:14">
      <c r="N85428" s="10"/>
    </row>
    <row r="85429" spans="14:14">
      <c r="N85429" s="10"/>
    </row>
    <row r="85430" spans="14:14">
      <c r="N85430" s="10"/>
    </row>
    <row r="85431" spans="14:14">
      <c r="N85431" s="10"/>
    </row>
    <row r="85432" spans="14:14">
      <c r="N85432" s="10"/>
    </row>
    <row r="85433" spans="14:14">
      <c r="N85433" s="10"/>
    </row>
    <row r="85434" spans="14:14">
      <c r="N85434" s="10"/>
    </row>
    <row r="85435" spans="14:14">
      <c r="N85435" s="10"/>
    </row>
    <row r="85436" spans="14:14">
      <c r="N85436" s="10"/>
    </row>
    <row r="85437" spans="14:14">
      <c r="N85437" s="10"/>
    </row>
    <row r="85438" spans="14:14">
      <c r="N85438" s="10"/>
    </row>
    <row r="85439" spans="14:14">
      <c r="N85439" s="10"/>
    </row>
    <row r="85440" spans="14:14">
      <c r="N85440" s="10"/>
    </row>
    <row r="85441" spans="14:14">
      <c r="N85441" s="10"/>
    </row>
    <row r="85442" spans="14:14">
      <c r="N85442" s="10"/>
    </row>
    <row r="85443" spans="14:14">
      <c r="N85443" s="10"/>
    </row>
    <row r="85444" spans="14:14">
      <c r="N85444" s="10"/>
    </row>
    <row r="85445" spans="14:14">
      <c r="N85445" s="10"/>
    </row>
    <row r="85446" spans="14:14">
      <c r="N85446" s="10"/>
    </row>
    <row r="85447" spans="14:14">
      <c r="N85447" s="10"/>
    </row>
    <row r="85448" spans="14:14">
      <c r="N85448" s="10"/>
    </row>
    <row r="85449" spans="14:14">
      <c r="N85449" s="10"/>
    </row>
    <row r="85450" spans="14:14">
      <c r="N85450" s="10"/>
    </row>
    <row r="85451" spans="14:14">
      <c r="N85451" s="10"/>
    </row>
    <row r="85452" spans="14:14">
      <c r="N85452" s="10"/>
    </row>
    <row r="85453" spans="14:14">
      <c r="N85453" s="10"/>
    </row>
    <row r="85454" spans="14:14">
      <c r="N85454" s="10"/>
    </row>
    <row r="85455" spans="14:14">
      <c r="N85455" s="10"/>
    </row>
    <row r="85456" spans="14:14">
      <c r="N85456" s="10"/>
    </row>
    <row r="85457" spans="14:14">
      <c r="N85457" s="10"/>
    </row>
    <row r="85458" spans="14:14">
      <c r="N85458" s="10"/>
    </row>
    <row r="85459" spans="14:14">
      <c r="N85459" s="10"/>
    </row>
    <row r="85460" spans="14:14">
      <c r="N85460" s="10"/>
    </row>
    <row r="85461" spans="14:14">
      <c r="N85461" s="10"/>
    </row>
    <row r="85462" spans="14:14">
      <c r="N85462" s="10"/>
    </row>
    <row r="85463" spans="14:14">
      <c r="N85463" s="10"/>
    </row>
    <row r="85464" spans="14:14">
      <c r="N85464" s="10"/>
    </row>
    <row r="85465" spans="14:14">
      <c r="N85465" s="10"/>
    </row>
    <row r="85466" spans="14:14">
      <c r="N85466" s="10"/>
    </row>
    <row r="85467" spans="14:14">
      <c r="N85467" s="10"/>
    </row>
    <row r="85468" spans="14:14">
      <c r="N85468" s="10"/>
    </row>
    <row r="85469" spans="14:14">
      <c r="N85469" s="10"/>
    </row>
    <row r="85470" spans="14:14">
      <c r="N85470" s="10"/>
    </row>
    <row r="85471" spans="14:14">
      <c r="N85471" s="10"/>
    </row>
    <row r="85472" spans="14:14">
      <c r="N85472" s="10"/>
    </row>
    <row r="85473" spans="14:14">
      <c r="N85473" s="10"/>
    </row>
    <row r="85474" spans="14:14">
      <c r="N85474" s="10"/>
    </row>
    <row r="85475" spans="14:14">
      <c r="N85475" s="10"/>
    </row>
    <row r="85476" spans="14:14">
      <c r="N85476" s="10"/>
    </row>
    <row r="85477" spans="14:14">
      <c r="N85477" s="10"/>
    </row>
    <row r="85478" spans="14:14">
      <c r="N85478" s="10"/>
    </row>
    <row r="85479" spans="14:14">
      <c r="N85479" s="10"/>
    </row>
    <row r="85480" spans="14:14">
      <c r="N85480" s="10"/>
    </row>
    <row r="85481" spans="14:14">
      <c r="N85481" s="10"/>
    </row>
    <row r="85482" spans="14:14">
      <c r="N85482" s="10"/>
    </row>
    <row r="85483" spans="14:14">
      <c r="N85483" s="10"/>
    </row>
    <row r="85484" spans="14:14">
      <c r="N85484" s="10"/>
    </row>
    <row r="85485" spans="14:14">
      <c r="N85485" s="10"/>
    </row>
    <row r="85486" spans="14:14">
      <c r="N85486" s="10"/>
    </row>
    <row r="85487" spans="14:14">
      <c r="N85487" s="10"/>
    </row>
    <row r="85488" spans="14:14">
      <c r="N85488" s="10"/>
    </row>
    <row r="85489" spans="14:14">
      <c r="N85489" s="10"/>
    </row>
    <row r="85490" spans="14:14">
      <c r="N85490" s="10"/>
    </row>
    <row r="85491" spans="14:14">
      <c r="N85491" s="10"/>
    </row>
    <row r="85492" spans="14:14">
      <c r="N85492" s="10"/>
    </row>
    <row r="85493" spans="14:14">
      <c r="N85493" s="10"/>
    </row>
    <row r="85494" spans="14:14">
      <c r="N85494" s="10"/>
    </row>
    <row r="85495" spans="14:14">
      <c r="N85495" s="10"/>
    </row>
    <row r="85496" spans="14:14">
      <c r="N85496" s="10"/>
    </row>
    <row r="85497" spans="14:14">
      <c r="N85497" s="10"/>
    </row>
    <row r="85498" spans="14:14">
      <c r="N85498" s="10"/>
    </row>
    <row r="85499" spans="14:14">
      <c r="N85499" s="10"/>
    </row>
    <row r="85500" spans="14:14">
      <c r="N85500" s="10"/>
    </row>
    <row r="85501" spans="14:14">
      <c r="N85501" s="10"/>
    </row>
    <row r="85502" spans="14:14">
      <c r="N85502" s="10"/>
    </row>
    <row r="85503" spans="14:14">
      <c r="N85503" s="10"/>
    </row>
    <row r="85504" spans="14:14">
      <c r="N85504" s="10"/>
    </row>
    <row r="85505" spans="14:14">
      <c r="N85505" s="10"/>
    </row>
    <row r="85506" spans="14:14">
      <c r="N85506" s="10"/>
    </row>
    <row r="85507" spans="14:14">
      <c r="N85507" s="10"/>
    </row>
    <row r="85508" spans="14:14">
      <c r="N85508" s="10"/>
    </row>
    <row r="85509" spans="14:14">
      <c r="N85509" s="10"/>
    </row>
    <row r="85510" spans="14:14">
      <c r="N85510" s="10"/>
    </row>
    <row r="85511" spans="14:14">
      <c r="N85511" s="10"/>
    </row>
    <row r="85512" spans="14:14">
      <c r="N85512" s="10"/>
    </row>
    <row r="85513" spans="14:14">
      <c r="N85513" s="10"/>
    </row>
    <row r="85514" spans="14:14">
      <c r="N85514" s="10"/>
    </row>
    <row r="85515" spans="14:14">
      <c r="N85515" s="10"/>
    </row>
    <row r="85516" spans="14:14">
      <c r="N85516" s="10"/>
    </row>
    <row r="85517" spans="14:14">
      <c r="N85517" s="10"/>
    </row>
    <row r="85518" spans="14:14">
      <c r="N85518" s="10"/>
    </row>
    <row r="85519" spans="14:14">
      <c r="N85519" s="10"/>
    </row>
    <row r="85520" spans="14:14">
      <c r="N85520" s="10"/>
    </row>
    <row r="85521" spans="14:14">
      <c r="N85521" s="10"/>
    </row>
    <row r="85522" spans="14:14">
      <c r="N85522" s="10"/>
    </row>
    <row r="85523" spans="14:14">
      <c r="N85523" s="10"/>
    </row>
    <row r="85524" spans="14:14">
      <c r="N85524" s="10"/>
    </row>
    <row r="85525" spans="14:14">
      <c r="N85525" s="10"/>
    </row>
    <row r="85526" spans="14:14">
      <c r="N85526" s="10"/>
    </row>
    <row r="85527" spans="14:14">
      <c r="N85527" s="10"/>
    </row>
    <row r="85528" spans="14:14">
      <c r="N85528" s="10"/>
    </row>
    <row r="85529" spans="14:14">
      <c r="N85529" s="10"/>
    </row>
    <row r="85530" spans="14:14">
      <c r="N85530" s="10"/>
    </row>
    <row r="85531" spans="14:14">
      <c r="N85531" s="10"/>
    </row>
    <row r="85532" spans="14:14">
      <c r="N85532" s="10"/>
    </row>
    <row r="85533" spans="14:14">
      <c r="N85533" s="10"/>
    </row>
    <row r="85534" spans="14:14">
      <c r="N85534" s="10"/>
    </row>
    <row r="85535" spans="14:14">
      <c r="N85535" s="10"/>
    </row>
    <row r="85536" spans="14:14">
      <c r="N85536" s="10"/>
    </row>
    <row r="85537" spans="14:14">
      <c r="N85537" s="10"/>
    </row>
    <row r="85538" spans="14:14">
      <c r="N85538" s="10"/>
    </row>
    <row r="85539" spans="14:14">
      <c r="N85539" s="10"/>
    </row>
    <row r="85540" spans="14:14">
      <c r="N85540" s="10"/>
    </row>
    <row r="85541" spans="14:14">
      <c r="N85541" s="10"/>
    </row>
    <row r="85542" spans="14:14">
      <c r="N85542" s="10"/>
    </row>
    <row r="85543" spans="14:14">
      <c r="N85543" s="10"/>
    </row>
    <row r="85544" spans="14:14">
      <c r="N85544" s="10"/>
    </row>
    <row r="85545" spans="14:14">
      <c r="N85545" s="10"/>
    </row>
    <row r="85546" spans="14:14">
      <c r="N85546" s="10"/>
    </row>
    <row r="85547" spans="14:14">
      <c r="N85547" s="10"/>
    </row>
    <row r="85548" spans="14:14">
      <c r="N85548" s="10"/>
    </row>
    <row r="85549" spans="14:14">
      <c r="N85549" s="10"/>
    </row>
    <row r="85550" spans="14:14">
      <c r="N85550" s="10"/>
    </row>
    <row r="85551" spans="14:14">
      <c r="N85551" s="10"/>
    </row>
    <row r="85552" spans="14:14">
      <c r="N85552" s="10"/>
    </row>
    <row r="85553" spans="14:14">
      <c r="N85553" s="10"/>
    </row>
    <row r="85554" spans="14:14">
      <c r="N85554" s="10"/>
    </row>
    <row r="85555" spans="14:14">
      <c r="N85555" s="10"/>
    </row>
    <row r="85556" spans="14:14">
      <c r="N85556" s="10"/>
    </row>
    <row r="85557" spans="14:14">
      <c r="N85557" s="10"/>
    </row>
    <row r="85558" spans="14:14">
      <c r="N85558" s="10"/>
    </row>
    <row r="85559" spans="14:14">
      <c r="N85559" s="10"/>
    </row>
    <row r="85560" spans="14:14">
      <c r="N85560" s="10"/>
    </row>
    <row r="85561" spans="14:14">
      <c r="N85561" s="10"/>
    </row>
    <row r="85562" spans="14:14">
      <c r="N85562" s="10"/>
    </row>
    <row r="85563" spans="14:14">
      <c r="N85563" s="10"/>
    </row>
    <row r="85564" spans="14:14">
      <c r="N85564" s="10"/>
    </row>
    <row r="85565" spans="14:14">
      <c r="N85565" s="10"/>
    </row>
    <row r="85566" spans="14:14">
      <c r="N85566" s="10"/>
    </row>
    <row r="85567" spans="14:14">
      <c r="N85567" s="10"/>
    </row>
    <row r="85568" spans="14:14">
      <c r="N85568" s="10"/>
    </row>
    <row r="85569" spans="14:14">
      <c r="N85569" s="10"/>
    </row>
    <row r="85570" spans="14:14">
      <c r="N85570" s="10"/>
    </row>
    <row r="85571" spans="14:14">
      <c r="N85571" s="10"/>
    </row>
    <row r="85572" spans="14:14">
      <c r="N85572" s="10"/>
    </row>
    <row r="85573" spans="14:14">
      <c r="N85573" s="10"/>
    </row>
    <row r="85574" spans="14:14">
      <c r="N85574" s="10"/>
    </row>
    <row r="85575" spans="14:14">
      <c r="N85575" s="10"/>
    </row>
    <row r="85576" spans="14:14">
      <c r="N85576" s="10"/>
    </row>
    <row r="85577" spans="14:14">
      <c r="N85577" s="10"/>
    </row>
    <row r="85578" spans="14:14">
      <c r="N85578" s="10"/>
    </row>
    <row r="85579" spans="14:14">
      <c r="N85579" s="10"/>
    </row>
    <row r="85580" spans="14:14">
      <c r="N85580" s="10"/>
    </row>
    <row r="85581" spans="14:14">
      <c r="N85581" s="10"/>
    </row>
    <row r="85582" spans="14:14">
      <c r="N85582" s="10"/>
    </row>
    <row r="85583" spans="14:14">
      <c r="N85583" s="10"/>
    </row>
    <row r="85584" spans="14:14">
      <c r="N85584" s="10"/>
    </row>
    <row r="85585" spans="14:14">
      <c r="N85585" s="10"/>
    </row>
    <row r="85586" spans="14:14">
      <c r="N85586" s="10"/>
    </row>
    <row r="85587" spans="14:14">
      <c r="N85587" s="10"/>
    </row>
    <row r="85588" spans="14:14">
      <c r="N85588" s="10"/>
    </row>
    <row r="85589" spans="14:14">
      <c r="N85589" s="10"/>
    </row>
    <row r="85590" spans="14:14">
      <c r="N85590" s="10"/>
    </row>
    <row r="85591" spans="14:14">
      <c r="N85591" s="10"/>
    </row>
    <row r="85592" spans="14:14">
      <c r="N85592" s="10"/>
    </row>
    <row r="85593" spans="14:14">
      <c r="N85593" s="10"/>
    </row>
    <row r="85594" spans="14:14">
      <c r="N85594" s="10"/>
    </row>
    <row r="85595" spans="14:14">
      <c r="N85595" s="10"/>
    </row>
    <row r="85596" spans="14:14">
      <c r="N85596" s="10"/>
    </row>
    <row r="85597" spans="14:14">
      <c r="N85597" s="10"/>
    </row>
    <row r="85598" spans="14:14">
      <c r="N85598" s="10"/>
    </row>
    <row r="85599" spans="14:14">
      <c r="N85599" s="10"/>
    </row>
    <row r="85600" spans="14:14">
      <c r="N85600" s="10"/>
    </row>
    <row r="85601" spans="14:14">
      <c r="N85601" s="10"/>
    </row>
    <row r="85602" spans="14:14">
      <c r="N85602" s="10"/>
    </row>
    <row r="85603" spans="14:14">
      <c r="N85603" s="10"/>
    </row>
    <row r="85604" spans="14:14">
      <c r="N85604" s="10"/>
    </row>
    <row r="85605" spans="14:14">
      <c r="N85605" s="10"/>
    </row>
    <row r="85606" spans="14:14">
      <c r="N85606" s="10"/>
    </row>
    <row r="85607" spans="14:14">
      <c r="N85607" s="10"/>
    </row>
    <row r="85608" spans="14:14">
      <c r="N85608" s="10"/>
    </row>
    <row r="85609" spans="14:14">
      <c r="N85609" s="10"/>
    </row>
    <row r="85610" spans="14:14">
      <c r="N85610" s="10"/>
    </row>
    <row r="85611" spans="14:14">
      <c r="N85611" s="10"/>
    </row>
    <row r="85612" spans="14:14">
      <c r="N85612" s="10"/>
    </row>
    <row r="85613" spans="14:14">
      <c r="N85613" s="10"/>
    </row>
    <row r="85614" spans="14:14">
      <c r="N85614" s="10"/>
    </row>
    <row r="85615" spans="14:14">
      <c r="N85615" s="10"/>
    </row>
    <row r="85616" spans="14:14">
      <c r="N85616" s="10"/>
    </row>
    <row r="85617" spans="14:14">
      <c r="N85617" s="10"/>
    </row>
    <row r="85618" spans="14:14">
      <c r="N85618" s="10"/>
    </row>
    <row r="85619" spans="14:14">
      <c r="N85619" s="10"/>
    </row>
    <row r="85620" spans="14:14">
      <c r="N85620" s="10"/>
    </row>
    <row r="85621" spans="14:14">
      <c r="N85621" s="10"/>
    </row>
    <row r="85622" spans="14:14">
      <c r="N85622" s="10"/>
    </row>
    <row r="85623" spans="14:14">
      <c r="N85623" s="10"/>
    </row>
    <row r="85624" spans="14:14">
      <c r="N85624" s="10"/>
    </row>
    <row r="85625" spans="14:14">
      <c r="N85625" s="10"/>
    </row>
    <row r="85626" spans="14:14">
      <c r="N85626" s="10"/>
    </row>
    <row r="85627" spans="14:14">
      <c r="N85627" s="10"/>
    </row>
    <row r="85628" spans="14:14">
      <c r="N85628" s="10"/>
    </row>
    <row r="85629" spans="14:14">
      <c r="N85629" s="10"/>
    </row>
    <row r="85630" spans="14:14">
      <c r="N85630" s="10"/>
    </row>
    <row r="85631" spans="14:14">
      <c r="N85631" s="10"/>
    </row>
    <row r="85632" spans="14:14">
      <c r="N85632" s="10"/>
    </row>
    <row r="85633" spans="14:14">
      <c r="N85633" s="10"/>
    </row>
    <row r="85634" spans="14:14">
      <c r="N85634" s="10"/>
    </row>
    <row r="85635" spans="14:14">
      <c r="N85635" s="10"/>
    </row>
    <row r="85636" spans="14:14">
      <c r="N85636" s="10"/>
    </row>
    <row r="85637" spans="14:14">
      <c r="N85637" s="10"/>
    </row>
    <row r="85638" spans="14:14">
      <c r="N85638" s="10"/>
    </row>
    <row r="85639" spans="14:14">
      <c r="N85639" s="10"/>
    </row>
    <row r="85640" spans="14:14">
      <c r="N85640" s="10"/>
    </row>
    <row r="85641" spans="14:14">
      <c r="N85641" s="10"/>
    </row>
    <row r="85642" spans="14:14">
      <c r="N85642" s="10"/>
    </row>
    <row r="85643" spans="14:14">
      <c r="N85643" s="10"/>
    </row>
    <row r="85644" spans="14:14">
      <c r="N85644" s="10"/>
    </row>
    <row r="85645" spans="14:14">
      <c r="N85645" s="10"/>
    </row>
    <row r="85646" spans="14:14">
      <c r="N85646" s="10"/>
    </row>
    <row r="85647" spans="14:14">
      <c r="N85647" s="10"/>
    </row>
    <row r="85648" spans="14:14">
      <c r="N85648" s="10"/>
    </row>
    <row r="85649" spans="14:14">
      <c r="N85649" s="10"/>
    </row>
    <row r="85650" spans="14:14">
      <c r="N85650" s="10"/>
    </row>
    <row r="85651" spans="14:14">
      <c r="N85651" s="10"/>
    </row>
    <row r="85652" spans="14:14">
      <c r="N85652" s="10"/>
    </row>
    <row r="85653" spans="14:14">
      <c r="N85653" s="10"/>
    </row>
    <row r="85654" spans="14:14">
      <c r="N85654" s="10"/>
    </row>
    <row r="85655" spans="14:14">
      <c r="N85655" s="10"/>
    </row>
    <row r="85656" spans="14:14">
      <c r="N85656" s="10"/>
    </row>
    <row r="85657" spans="14:14">
      <c r="N85657" s="10"/>
    </row>
    <row r="85658" spans="14:14">
      <c r="N85658" s="10"/>
    </row>
    <row r="85659" spans="14:14">
      <c r="N85659" s="10"/>
    </row>
    <row r="85660" spans="14:14">
      <c r="N85660" s="10"/>
    </row>
    <row r="85661" spans="14:14">
      <c r="N85661" s="10"/>
    </row>
    <row r="85662" spans="14:14">
      <c r="N85662" s="10"/>
    </row>
    <row r="85663" spans="14:14">
      <c r="N85663" s="10"/>
    </row>
    <row r="85664" spans="14:14">
      <c r="N85664" s="10"/>
    </row>
    <row r="85665" spans="14:14">
      <c r="N85665" s="10"/>
    </row>
    <row r="85666" spans="14:14">
      <c r="N85666" s="10"/>
    </row>
    <row r="85667" spans="14:14">
      <c r="N85667" s="10"/>
    </row>
    <row r="85668" spans="14:14">
      <c r="N85668" s="10"/>
    </row>
    <row r="85669" spans="14:14">
      <c r="N85669" s="10"/>
    </row>
    <row r="85670" spans="14:14">
      <c r="N85670" s="10"/>
    </row>
    <row r="85671" spans="14:14">
      <c r="N85671" s="10"/>
    </row>
    <row r="85672" spans="14:14">
      <c r="N85672" s="10"/>
    </row>
    <row r="85673" spans="14:14">
      <c r="N85673" s="10"/>
    </row>
    <row r="85674" spans="14:14">
      <c r="N85674" s="10"/>
    </row>
    <row r="85675" spans="14:14">
      <c r="N85675" s="10"/>
    </row>
    <row r="85676" spans="14:14">
      <c r="N85676" s="10"/>
    </row>
    <row r="85677" spans="14:14">
      <c r="N85677" s="10"/>
    </row>
    <row r="85678" spans="14:14">
      <c r="N85678" s="10"/>
    </row>
    <row r="85679" spans="14:14">
      <c r="N85679" s="10"/>
    </row>
    <row r="85680" spans="14:14">
      <c r="N85680" s="10"/>
    </row>
    <row r="85681" spans="14:14">
      <c r="N85681" s="10"/>
    </row>
    <row r="85682" spans="14:14">
      <c r="N85682" s="10"/>
    </row>
    <row r="85683" spans="14:14">
      <c r="N85683" s="10"/>
    </row>
    <row r="85684" spans="14:14">
      <c r="N85684" s="10"/>
    </row>
    <row r="85685" spans="14:14">
      <c r="N85685" s="10"/>
    </row>
    <row r="85686" spans="14:14">
      <c r="N85686" s="10"/>
    </row>
    <row r="85687" spans="14:14">
      <c r="N85687" s="10"/>
    </row>
    <row r="85688" spans="14:14">
      <c r="N85688" s="10"/>
    </row>
    <row r="85689" spans="14:14">
      <c r="N85689" s="10"/>
    </row>
    <row r="85690" spans="14:14">
      <c r="N85690" s="10"/>
    </row>
    <row r="85691" spans="14:14">
      <c r="N85691" s="10"/>
    </row>
    <row r="85692" spans="14:14">
      <c r="N85692" s="10"/>
    </row>
    <row r="85693" spans="14:14">
      <c r="N85693" s="10"/>
    </row>
    <row r="85694" spans="14:14">
      <c r="N85694" s="10"/>
    </row>
    <row r="85695" spans="14:14">
      <c r="N85695" s="10"/>
    </row>
    <row r="85696" spans="14:14">
      <c r="N85696" s="10"/>
    </row>
    <row r="85697" spans="14:14">
      <c r="N85697" s="10"/>
    </row>
    <row r="85698" spans="14:14">
      <c r="N85698" s="10"/>
    </row>
    <row r="85699" spans="14:14">
      <c r="N85699" s="10"/>
    </row>
    <row r="85700" spans="14:14">
      <c r="N85700" s="10"/>
    </row>
    <row r="85701" spans="14:14">
      <c r="N85701" s="10"/>
    </row>
    <row r="85702" spans="14:14">
      <c r="N85702" s="10"/>
    </row>
    <row r="85703" spans="14:14">
      <c r="N85703" s="10"/>
    </row>
    <row r="85704" spans="14:14">
      <c r="N85704" s="10"/>
    </row>
    <row r="85705" spans="14:14">
      <c r="N85705" s="10"/>
    </row>
    <row r="85706" spans="14:14">
      <c r="N85706" s="10"/>
    </row>
    <row r="85707" spans="14:14">
      <c r="N85707" s="10"/>
    </row>
    <row r="85708" spans="14:14">
      <c r="N85708" s="10"/>
    </row>
    <row r="85709" spans="14:14">
      <c r="N85709" s="10"/>
    </row>
    <row r="85710" spans="14:14">
      <c r="N85710" s="10"/>
    </row>
    <row r="85711" spans="14:14">
      <c r="N85711" s="10"/>
    </row>
    <row r="85712" spans="14:14">
      <c r="N85712" s="10"/>
    </row>
    <row r="85713" spans="14:14">
      <c r="N85713" s="10"/>
    </row>
    <row r="85714" spans="14:14">
      <c r="N85714" s="10"/>
    </row>
    <row r="85715" spans="14:14">
      <c r="N85715" s="10"/>
    </row>
    <row r="85716" spans="14:14">
      <c r="N85716" s="10"/>
    </row>
    <row r="85717" spans="14:14">
      <c r="N85717" s="10"/>
    </row>
    <row r="85718" spans="14:14">
      <c r="N85718" s="10"/>
    </row>
    <row r="85719" spans="14:14">
      <c r="N85719" s="10"/>
    </row>
    <row r="85720" spans="14:14">
      <c r="N85720" s="10"/>
    </row>
    <row r="85721" spans="14:14">
      <c r="N85721" s="10"/>
    </row>
    <row r="85722" spans="14:14">
      <c r="N85722" s="10"/>
    </row>
    <row r="85723" spans="14:14">
      <c r="N85723" s="10"/>
    </row>
    <row r="85724" spans="14:14">
      <c r="N85724" s="10"/>
    </row>
    <row r="85725" spans="14:14">
      <c r="N85725" s="10"/>
    </row>
    <row r="85726" spans="14:14">
      <c r="N85726" s="10"/>
    </row>
    <row r="85727" spans="14:14">
      <c r="N85727" s="10"/>
    </row>
    <row r="85728" spans="14:14">
      <c r="N85728" s="10"/>
    </row>
    <row r="85729" spans="14:14">
      <c r="N85729" s="10"/>
    </row>
    <row r="85730" spans="14:14">
      <c r="N85730" s="10"/>
    </row>
    <row r="85731" spans="14:14">
      <c r="N85731" s="10"/>
    </row>
    <row r="85732" spans="14:14">
      <c r="N85732" s="10"/>
    </row>
    <row r="85733" spans="14:14">
      <c r="N85733" s="10"/>
    </row>
    <row r="85734" spans="14:14">
      <c r="N85734" s="10"/>
    </row>
    <row r="85735" spans="14:14">
      <c r="N85735" s="10"/>
    </row>
    <row r="85736" spans="14:14">
      <c r="N85736" s="10"/>
    </row>
    <row r="85737" spans="14:14">
      <c r="N85737" s="10"/>
    </row>
    <row r="85738" spans="14:14">
      <c r="N85738" s="10"/>
    </row>
    <row r="85739" spans="14:14">
      <c r="N85739" s="10"/>
    </row>
    <row r="85740" spans="14:14">
      <c r="N85740" s="10"/>
    </row>
    <row r="85741" spans="14:14">
      <c r="N85741" s="10"/>
    </row>
    <row r="85742" spans="14:14">
      <c r="N85742" s="10"/>
    </row>
    <row r="85743" spans="14:14">
      <c r="N85743" s="10"/>
    </row>
    <row r="85744" spans="14:14">
      <c r="N85744" s="10"/>
    </row>
    <row r="85745" spans="14:14">
      <c r="N85745" s="10"/>
    </row>
    <row r="85746" spans="14:14">
      <c r="N85746" s="10"/>
    </row>
    <row r="85747" spans="14:14">
      <c r="N85747" s="10"/>
    </row>
    <row r="85748" spans="14:14">
      <c r="N85748" s="10"/>
    </row>
    <row r="85749" spans="14:14">
      <c r="N85749" s="10"/>
    </row>
    <row r="85750" spans="14:14">
      <c r="N85750" s="10"/>
    </row>
    <row r="85751" spans="14:14">
      <c r="N85751" s="10"/>
    </row>
    <row r="85752" spans="14:14">
      <c r="N85752" s="10"/>
    </row>
    <row r="85753" spans="14:14">
      <c r="N85753" s="10"/>
    </row>
    <row r="85754" spans="14:14">
      <c r="N85754" s="10"/>
    </row>
    <row r="85755" spans="14:14">
      <c r="N85755" s="10"/>
    </row>
    <row r="85756" spans="14:14">
      <c r="N85756" s="10"/>
    </row>
    <row r="85757" spans="14:14">
      <c r="N85757" s="10"/>
    </row>
    <row r="85758" spans="14:14">
      <c r="N85758" s="10"/>
    </row>
    <row r="85759" spans="14:14">
      <c r="N85759" s="10"/>
    </row>
    <row r="85760" spans="14:14">
      <c r="N85760" s="10"/>
    </row>
    <row r="85761" spans="14:14">
      <c r="N85761" s="10"/>
    </row>
    <row r="85762" spans="14:14">
      <c r="N85762" s="10"/>
    </row>
    <row r="85763" spans="14:14">
      <c r="N85763" s="10"/>
    </row>
    <row r="85764" spans="14:14">
      <c r="N85764" s="10"/>
    </row>
    <row r="85765" spans="14:14">
      <c r="N85765" s="10"/>
    </row>
    <row r="85766" spans="14:14">
      <c r="N85766" s="10"/>
    </row>
    <row r="85767" spans="14:14">
      <c r="N85767" s="10"/>
    </row>
    <row r="85768" spans="14:14">
      <c r="N85768" s="10"/>
    </row>
    <row r="85769" spans="14:14">
      <c r="N85769" s="10"/>
    </row>
    <row r="85770" spans="14:14">
      <c r="N85770" s="10"/>
    </row>
    <row r="85771" spans="14:14">
      <c r="N85771" s="10"/>
    </row>
    <row r="85772" spans="14:14">
      <c r="N85772" s="10"/>
    </row>
    <row r="85773" spans="14:14">
      <c r="N85773" s="10"/>
    </row>
    <row r="85774" spans="14:14">
      <c r="N85774" s="10"/>
    </row>
    <row r="85775" spans="14:14">
      <c r="N85775" s="10"/>
    </row>
    <row r="85776" spans="14:14">
      <c r="N85776" s="10"/>
    </row>
    <row r="85777" spans="14:14">
      <c r="N85777" s="10"/>
    </row>
    <row r="85778" spans="14:14">
      <c r="N85778" s="10"/>
    </row>
    <row r="85779" spans="14:14">
      <c r="N85779" s="10"/>
    </row>
    <row r="85780" spans="14:14">
      <c r="N85780" s="10"/>
    </row>
    <row r="85781" spans="14:14">
      <c r="N85781" s="10"/>
    </row>
    <row r="85782" spans="14:14">
      <c r="N85782" s="10"/>
    </row>
    <row r="85783" spans="14:14">
      <c r="N85783" s="10"/>
    </row>
    <row r="85784" spans="14:14">
      <c r="N85784" s="10"/>
    </row>
    <row r="85785" spans="14:14">
      <c r="N85785" s="10"/>
    </row>
    <row r="85786" spans="14:14">
      <c r="N85786" s="10"/>
    </row>
    <row r="85787" spans="14:14">
      <c r="N85787" s="10"/>
    </row>
    <row r="85788" spans="14:14">
      <c r="N85788" s="10"/>
    </row>
    <row r="85789" spans="14:14">
      <c r="N85789" s="10"/>
    </row>
    <row r="85790" spans="14:14">
      <c r="N85790" s="10"/>
    </row>
    <row r="85791" spans="14:14">
      <c r="N85791" s="10"/>
    </row>
    <row r="85792" spans="14:14">
      <c r="N85792" s="10"/>
    </row>
    <row r="85793" spans="14:14">
      <c r="N85793" s="10"/>
    </row>
    <row r="85794" spans="14:14">
      <c r="N85794" s="10"/>
    </row>
    <row r="85795" spans="14:14">
      <c r="N85795" s="10"/>
    </row>
    <row r="85796" spans="14:14">
      <c r="N85796" s="10"/>
    </row>
    <row r="85797" spans="14:14">
      <c r="N85797" s="10"/>
    </row>
    <row r="85798" spans="14:14">
      <c r="N85798" s="10"/>
    </row>
    <row r="85799" spans="14:14">
      <c r="N85799" s="10"/>
    </row>
    <row r="85800" spans="14:14">
      <c r="N85800" s="10"/>
    </row>
    <row r="85801" spans="14:14">
      <c r="N85801" s="10"/>
    </row>
    <row r="85802" spans="14:14">
      <c r="N85802" s="10"/>
    </row>
    <row r="85803" spans="14:14">
      <c r="N85803" s="10"/>
    </row>
    <row r="85804" spans="14:14">
      <c r="N85804" s="10"/>
    </row>
    <row r="85805" spans="14:14">
      <c r="N85805" s="10"/>
    </row>
    <row r="85806" spans="14:14">
      <c r="N85806" s="10"/>
    </row>
    <row r="85807" spans="14:14">
      <c r="N85807" s="10"/>
    </row>
    <row r="85808" spans="14:14">
      <c r="N85808" s="10"/>
    </row>
    <row r="85809" spans="14:14">
      <c r="N85809" s="10"/>
    </row>
    <row r="85810" spans="14:14">
      <c r="N85810" s="10"/>
    </row>
    <row r="85811" spans="14:14">
      <c r="N85811" s="10"/>
    </row>
    <row r="85812" spans="14:14">
      <c r="N85812" s="10"/>
    </row>
    <row r="85813" spans="14:14">
      <c r="N85813" s="10"/>
    </row>
    <row r="85814" spans="14:14">
      <c r="N85814" s="10"/>
    </row>
    <row r="85815" spans="14:14">
      <c r="N85815" s="10"/>
    </row>
    <row r="85816" spans="14:14">
      <c r="N85816" s="10"/>
    </row>
    <row r="85817" spans="14:14">
      <c r="N85817" s="10"/>
    </row>
    <row r="85818" spans="14:14">
      <c r="N85818" s="10"/>
    </row>
    <row r="85819" spans="14:14">
      <c r="N85819" s="10"/>
    </row>
    <row r="85820" spans="14:14">
      <c r="N85820" s="10"/>
    </row>
    <row r="85821" spans="14:14">
      <c r="N85821" s="10"/>
    </row>
    <row r="85822" spans="14:14">
      <c r="N85822" s="10"/>
    </row>
    <row r="85823" spans="14:14">
      <c r="N85823" s="10"/>
    </row>
    <row r="85824" spans="14:14">
      <c r="N85824" s="10"/>
    </row>
    <row r="85825" spans="14:14">
      <c r="N85825" s="10"/>
    </row>
    <row r="85826" spans="14:14">
      <c r="N85826" s="10"/>
    </row>
    <row r="85827" spans="14:14">
      <c r="N85827" s="10"/>
    </row>
    <row r="85828" spans="14:14">
      <c r="N85828" s="10"/>
    </row>
    <row r="85829" spans="14:14">
      <c r="N85829" s="10"/>
    </row>
    <row r="85830" spans="14:14">
      <c r="N85830" s="10"/>
    </row>
    <row r="85831" spans="14:14">
      <c r="N85831" s="10"/>
    </row>
    <row r="85832" spans="14:14">
      <c r="N85832" s="10"/>
    </row>
    <row r="85833" spans="14:14">
      <c r="N85833" s="10"/>
    </row>
    <row r="85834" spans="14:14">
      <c r="N85834" s="10"/>
    </row>
    <row r="85835" spans="14:14">
      <c r="N85835" s="10"/>
    </row>
    <row r="85836" spans="14:14">
      <c r="N85836" s="10"/>
    </row>
    <row r="85837" spans="14:14">
      <c r="N85837" s="10"/>
    </row>
    <row r="85838" spans="14:14">
      <c r="N85838" s="10"/>
    </row>
    <row r="85839" spans="14:14">
      <c r="N85839" s="10"/>
    </row>
    <row r="85840" spans="14:14">
      <c r="N85840" s="10"/>
    </row>
    <row r="85841" spans="14:14">
      <c r="N85841" s="10"/>
    </row>
    <row r="85842" spans="14:14">
      <c r="N85842" s="10"/>
    </row>
    <row r="85843" spans="14:14">
      <c r="N85843" s="10"/>
    </row>
    <row r="85844" spans="14:14">
      <c r="N85844" s="10"/>
    </row>
    <row r="85845" spans="14:14">
      <c r="N85845" s="10"/>
    </row>
    <row r="85846" spans="14:14">
      <c r="N85846" s="10"/>
    </row>
    <row r="85847" spans="14:14">
      <c r="N85847" s="10"/>
    </row>
    <row r="85848" spans="14:14">
      <c r="N85848" s="10"/>
    </row>
    <row r="85849" spans="14:14">
      <c r="N85849" s="10"/>
    </row>
    <row r="85850" spans="14:14">
      <c r="N85850" s="10"/>
    </row>
    <row r="85851" spans="14:14">
      <c r="N85851" s="10"/>
    </row>
    <row r="85852" spans="14:14">
      <c r="N85852" s="10"/>
    </row>
    <row r="85853" spans="14:14">
      <c r="N85853" s="10"/>
    </row>
    <row r="85854" spans="14:14">
      <c r="N85854" s="10"/>
    </row>
    <row r="85855" spans="14:14">
      <c r="N85855" s="10"/>
    </row>
    <row r="85856" spans="14:14">
      <c r="N85856" s="10"/>
    </row>
    <row r="85857" spans="14:14">
      <c r="N85857" s="10"/>
    </row>
    <row r="85858" spans="14:14">
      <c r="N85858" s="10"/>
    </row>
    <row r="85859" spans="14:14">
      <c r="N85859" s="10"/>
    </row>
    <row r="85860" spans="14:14">
      <c r="N85860" s="10"/>
    </row>
    <row r="85861" spans="14:14">
      <c r="N85861" s="10"/>
    </row>
    <row r="85862" spans="14:14">
      <c r="N85862" s="10"/>
    </row>
    <row r="85863" spans="14:14">
      <c r="N85863" s="10"/>
    </row>
    <row r="85864" spans="14:14">
      <c r="N85864" s="10"/>
    </row>
    <row r="85865" spans="14:14">
      <c r="N85865" s="10"/>
    </row>
    <row r="85866" spans="14:14">
      <c r="N85866" s="10"/>
    </row>
    <row r="85867" spans="14:14">
      <c r="N85867" s="10"/>
    </row>
    <row r="85868" spans="14:14">
      <c r="N85868" s="10"/>
    </row>
    <row r="85869" spans="14:14">
      <c r="N85869" s="10"/>
    </row>
    <row r="85870" spans="14:14">
      <c r="N85870" s="10"/>
    </row>
    <row r="85871" spans="14:14">
      <c r="N85871" s="10"/>
    </row>
    <row r="85872" spans="14:14">
      <c r="N85872" s="10"/>
    </row>
    <row r="85873" spans="14:14">
      <c r="N85873" s="10"/>
    </row>
    <row r="85874" spans="14:14">
      <c r="N85874" s="10"/>
    </row>
    <row r="85875" spans="14:14">
      <c r="N85875" s="10"/>
    </row>
    <row r="85876" spans="14:14">
      <c r="N85876" s="10"/>
    </row>
    <row r="85877" spans="14:14">
      <c r="N85877" s="10"/>
    </row>
    <row r="85878" spans="14:14">
      <c r="N85878" s="10"/>
    </row>
    <row r="85879" spans="14:14">
      <c r="N85879" s="10"/>
    </row>
    <row r="85880" spans="14:14">
      <c r="N85880" s="10"/>
    </row>
    <row r="85881" spans="14:14">
      <c r="N85881" s="10"/>
    </row>
    <row r="85882" spans="14:14">
      <c r="N85882" s="10"/>
    </row>
    <row r="85883" spans="14:14">
      <c r="N85883" s="10"/>
    </row>
    <row r="85884" spans="14:14">
      <c r="N85884" s="10"/>
    </row>
    <row r="85885" spans="14:14">
      <c r="N85885" s="10"/>
    </row>
    <row r="85886" spans="14:14">
      <c r="N85886" s="10"/>
    </row>
    <row r="85887" spans="14:14">
      <c r="N85887" s="10"/>
    </row>
    <row r="85888" spans="14:14">
      <c r="N85888" s="10"/>
    </row>
    <row r="85889" spans="14:14">
      <c r="N85889" s="10"/>
    </row>
    <row r="85890" spans="14:14">
      <c r="N85890" s="10"/>
    </row>
    <row r="85891" spans="14:14">
      <c r="N85891" s="10"/>
    </row>
    <row r="85892" spans="14:14">
      <c r="N85892" s="10"/>
    </row>
    <row r="85893" spans="14:14">
      <c r="N85893" s="10"/>
    </row>
    <row r="85894" spans="14:14">
      <c r="N85894" s="10"/>
    </row>
    <row r="85895" spans="14:14">
      <c r="N85895" s="10"/>
    </row>
    <row r="85896" spans="14:14">
      <c r="N85896" s="10"/>
    </row>
    <row r="85897" spans="14:14">
      <c r="N85897" s="10"/>
    </row>
    <row r="85898" spans="14:14">
      <c r="N85898" s="10"/>
    </row>
    <row r="85899" spans="14:14">
      <c r="N85899" s="10"/>
    </row>
    <row r="85900" spans="14:14">
      <c r="N85900" s="10"/>
    </row>
    <row r="85901" spans="14:14">
      <c r="N85901" s="10"/>
    </row>
    <row r="85902" spans="14:14">
      <c r="N85902" s="10"/>
    </row>
    <row r="85903" spans="14:14">
      <c r="N85903" s="10"/>
    </row>
    <row r="85904" spans="14:14">
      <c r="N85904" s="10"/>
    </row>
    <row r="85905" spans="14:14">
      <c r="N85905" s="10"/>
    </row>
    <row r="85906" spans="14:14">
      <c r="N85906" s="10"/>
    </row>
    <row r="85907" spans="14:14">
      <c r="N85907" s="10"/>
    </row>
    <row r="85908" spans="14:14">
      <c r="N85908" s="10"/>
    </row>
    <row r="85909" spans="14:14">
      <c r="N85909" s="10"/>
    </row>
    <row r="85910" spans="14:14">
      <c r="N85910" s="10"/>
    </row>
    <row r="85911" spans="14:14">
      <c r="N85911" s="10"/>
    </row>
    <row r="85912" spans="14:14">
      <c r="N85912" s="10"/>
    </row>
    <row r="85913" spans="14:14">
      <c r="N85913" s="10"/>
    </row>
    <row r="85914" spans="14:14">
      <c r="N85914" s="10"/>
    </row>
    <row r="85915" spans="14:14">
      <c r="N85915" s="10"/>
    </row>
    <row r="85916" spans="14:14">
      <c r="N85916" s="10"/>
    </row>
    <row r="85917" spans="14:14">
      <c r="N85917" s="10"/>
    </row>
    <row r="85918" spans="14:14">
      <c r="N85918" s="10"/>
    </row>
    <row r="85919" spans="14:14">
      <c r="N85919" s="10"/>
    </row>
    <row r="85920" spans="14:14">
      <c r="N85920" s="10"/>
    </row>
    <row r="85921" spans="14:14">
      <c r="N85921" s="10"/>
    </row>
    <row r="85922" spans="14:14">
      <c r="N85922" s="10"/>
    </row>
    <row r="85923" spans="14:14">
      <c r="N85923" s="10"/>
    </row>
    <row r="85924" spans="14:14">
      <c r="N85924" s="10"/>
    </row>
    <row r="85925" spans="14:14">
      <c r="N85925" s="10"/>
    </row>
    <row r="85926" spans="14:14">
      <c r="N85926" s="10"/>
    </row>
    <row r="85927" spans="14:14">
      <c r="N85927" s="10"/>
    </row>
    <row r="85928" spans="14:14">
      <c r="N85928" s="10"/>
    </row>
    <row r="85929" spans="14:14">
      <c r="N85929" s="10"/>
    </row>
    <row r="85930" spans="14:14">
      <c r="N85930" s="10"/>
    </row>
    <row r="85931" spans="14:14">
      <c r="N85931" s="10"/>
    </row>
    <row r="85932" spans="14:14">
      <c r="N85932" s="10"/>
    </row>
    <row r="85933" spans="14:14">
      <c r="N85933" s="10"/>
    </row>
    <row r="85934" spans="14:14">
      <c r="N85934" s="10"/>
    </row>
    <row r="85935" spans="14:14">
      <c r="N85935" s="10"/>
    </row>
    <row r="85936" spans="14:14">
      <c r="N85936" s="10"/>
    </row>
    <row r="85937" spans="14:14">
      <c r="N85937" s="10"/>
    </row>
    <row r="85938" spans="14:14">
      <c r="N85938" s="10"/>
    </row>
    <row r="85939" spans="14:14">
      <c r="N85939" s="10"/>
    </row>
    <row r="85940" spans="14:14">
      <c r="N85940" s="10"/>
    </row>
    <row r="85941" spans="14:14">
      <c r="N85941" s="10"/>
    </row>
    <row r="85942" spans="14:14">
      <c r="N85942" s="10"/>
    </row>
    <row r="85943" spans="14:14">
      <c r="N85943" s="10"/>
    </row>
    <row r="85944" spans="14:14">
      <c r="N85944" s="10"/>
    </row>
    <row r="85945" spans="14:14">
      <c r="N85945" s="10"/>
    </row>
    <row r="85946" spans="14:14">
      <c r="N85946" s="10"/>
    </row>
    <row r="85947" spans="14:14">
      <c r="N85947" s="10"/>
    </row>
    <row r="85948" spans="14:14">
      <c r="N85948" s="10"/>
    </row>
    <row r="85949" spans="14:14">
      <c r="N85949" s="10"/>
    </row>
    <row r="85950" spans="14:14">
      <c r="N85950" s="10"/>
    </row>
    <row r="85951" spans="14:14">
      <c r="N85951" s="10"/>
    </row>
    <row r="85952" spans="14:14">
      <c r="N85952" s="10"/>
    </row>
    <row r="85953" spans="14:14">
      <c r="N85953" s="10"/>
    </row>
    <row r="85954" spans="14:14">
      <c r="N85954" s="10"/>
    </row>
    <row r="85955" spans="14:14">
      <c r="N85955" s="10"/>
    </row>
    <row r="85956" spans="14:14">
      <c r="N85956" s="10"/>
    </row>
    <row r="85957" spans="14:14">
      <c r="N85957" s="10"/>
    </row>
    <row r="85958" spans="14:14">
      <c r="N85958" s="10"/>
    </row>
    <row r="85959" spans="14:14">
      <c r="N85959" s="10"/>
    </row>
    <row r="85960" spans="14:14">
      <c r="N85960" s="10"/>
    </row>
    <row r="85961" spans="14:14">
      <c r="N85961" s="10"/>
    </row>
    <row r="85962" spans="14:14">
      <c r="N85962" s="10"/>
    </row>
    <row r="85963" spans="14:14">
      <c r="N85963" s="10"/>
    </row>
    <row r="85964" spans="14:14">
      <c r="N85964" s="10"/>
    </row>
    <row r="85965" spans="14:14">
      <c r="N85965" s="10"/>
    </row>
    <row r="85966" spans="14:14">
      <c r="N85966" s="10"/>
    </row>
    <row r="85967" spans="14:14">
      <c r="N85967" s="10"/>
    </row>
    <row r="85968" spans="14:14">
      <c r="N85968" s="10"/>
    </row>
    <row r="85969" spans="14:14">
      <c r="N85969" s="10"/>
    </row>
    <row r="85970" spans="14:14">
      <c r="N85970" s="10"/>
    </row>
    <row r="85971" spans="14:14">
      <c r="N85971" s="10"/>
    </row>
    <row r="85972" spans="14:14">
      <c r="N85972" s="10"/>
    </row>
    <row r="85973" spans="14:14">
      <c r="N85973" s="10"/>
    </row>
    <row r="85974" spans="14:14">
      <c r="N85974" s="10"/>
    </row>
    <row r="85975" spans="14:14">
      <c r="N85975" s="10"/>
    </row>
    <row r="85976" spans="14:14">
      <c r="N85976" s="10"/>
    </row>
    <row r="85977" spans="14:14">
      <c r="N85977" s="10"/>
    </row>
    <row r="85978" spans="14:14">
      <c r="N85978" s="10"/>
    </row>
    <row r="85979" spans="14:14">
      <c r="N85979" s="10"/>
    </row>
    <row r="85980" spans="14:14">
      <c r="N85980" s="10"/>
    </row>
    <row r="85981" spans="14:14">
      <c r="N85981" s="10"/>
    </row>
    <row r="85982" spans="14:14">
      <c r="N85982" s="10"/>
    </row>
    <row r="85983" spans="14:14">
      <c r="N85983" s="10"/>
    </row>
    <row r="85984" spans="14:14">
      <c r="N85984" s="10"/>
    </row>
    <row r="85985" spans="14:14">
      <c r="N85985" s="10"/>
    </row>
    <row r="85986" spans="14:14">
      <c r="N85986" s="10"/>
    </row>
    <row r="85987" spans="14:14">
      <c r="N85987" s="10"/>
    </row>
    <row r="85988" spans="14:14">
      <c r="N85988" s="10"/>
    </row>
    <row r="85989" spans="14:14">
      <c r="N85989" s="10"/>
    </row>
    <row r="85990" spans="14:14">
      <c r="N85990" s="10"/>
    </row>
    <row r="85991" spans="14:14">
      <c r="N85991" s="10"/>
    </row>
    <row r="85992" spans="14:14">
      <c r="N85992" s="10"/>
    </row>
    <row r="85993" spans="14:14">
      <c r="N85993" s="10"/>
    </row>
    <row r="85994" spans="14:14">
      <c r="N85994" s="10"/>
    </row>
    <row r="85995" spans="14:14">
      <c r="N85995" s="10"/>
    </row>
    <row r="85996" spans="14:14">
      <c r="N85996" s="10"/>
    </row>
    <row r="85997" spans="14:14">
      <c r="N85997" s="10"/>
    </row>
    <row r="85998" spans="14:14">
      <c r="N85998" s="10"/>
    </row>
    <row r="85999" spans="14:14">
      <c r="N85999" s="10"/>
    </row>
    <row r="86000" spans="14:14">
      <c r="N86000" s="10"/>
    </row>
    <row r="86001" spans="14:14">
      <c r="N86001" s="10"/>
    </row>
    <row r="86002" spans="14:14">
      <c r="N86002" s="10"/>
    </row>
    <row r="86003" spans="14:14">
      <c r="N86003" s="10"/>
    </row>
    <row r="86004" spans="14:14">
      <c r="N86004" s="10"/>
    </row>
    <row r="86005" spans="14:14">
      <c r="N86005" s="10"/>
    </row>
    <row r="86006" spans="14:14">
      <c r="N86006" s="10"/>
    </row>
    <row r="86007" spans="14:14">
      <c r="N86007" s="10"/>
    </row>
    <row r="86008" spans="14:14">
      <c r="N86008" s="10"/>
    </row>
    <row r="86009" spans="14:14">
      <c r="N86009" s="10"/>
    </row>
    <row r="86010" spans="14:14">
      <c r="N86010" s="10"/>
    </row>
    <row r="86011" spans="14:14">
      <c r="N86011" s="10"/>
    </row>
    <row r="86012" spans="14:14">
      <c r="N86012" s="10"/>
    </row>
    <row r="86013" spans="14:14">
      <c r="N86013" s="10"/>
    </row>
    <row r="86014" spans="14:14">
      <c r="N86014" s="10"/>
    </row>
    <row r="86015" spans="14:14">
      <c r="N86015" s="10"/>
    </row>
    <row r="86016" spans="14:14">
      <c r="N86016" s="10"/>
    </row>
    <row r="86017" spans="14:14">
      <c r="N86017" s="10"/>
    </row>
    <row r="86018" spans="14:14">
      <c r="N86018" s="10"/>
    </row>
    <row r="86019" spans="14:14">
      <c r="N86019" s="10"/>
    </row>
    <row r="86020" spans="14:14">
      <c r="N86020" s="10"/>
    </row>
    <row r="86021" spans="14:14">
      <c r="N86021" s="10"/>
    </row>
    <row r="86022" spans="14:14">
      <c r="N86022" s="10"/>
    </row>
    <row r="86023" spans="14:14">
      <c r="N86023" s="10"/>
    </row>
    <row r="86024" spans="14:14">
      <c r="N86024" s="10"/>
    </row>
    <row r="86025" spans="14:14">
      <c r="N86025" s="10"/>
    </row>
    <row r="86026" spans="14:14">
      <c r="N86026" s="10"/>
    </row>
    <row r="86027" spans="14:14">
      <c r="N86027" s="10"/>
    </row>
    <row r="86028" spans="14:14">
      <c r="N86028" s="10"/>
    </row>
    <row r="86029" spans="14:14">
      <c r="N86029" s="10"/>
    </row>
    <row r="86030" spans="14:14">
      <c r="N86030" s="10"/>
    </row>
    <row r="86031" spans="14:14">
      <c r="N86031" s="10"/>
    </row>
    <row r="86032" spans="14:14">
      <c r="N86032" s="10"/>
    </row>
    <row r="86033" spans="14:14">
      <c r="N86033" s="10"/>
    </row>
    <row r="86034" spans="14:14">
      <c r="N86034" s="10"/>
    </row>
    <row r="86035" spans="14:14">
      <c r="N86035" s="10"/>
    </row>
    <row r="86036" spans="14:14">
      <c r="N86036" s="10"/>
    </row>
    <row r="86037" spans="14:14">
      <c r="N86037" s="10"/>
    </row>
    <row r="86038" spans="14:14">
      <c r="N86038" s="10"/>
    </row>
    <row r="86039" spans="14:14">
      <c r="N86039" s="10"/>
    </row>
    <row r="86040" spans="14:14">
      <c r="N86040" s="10"/>
    </row>
    <row r="86041" spans="14:14">
      <c r="N86041" s="10"/>
    </row>
    <row r="86042" spans="14:14">
      <c r="N86042" s="10"/>
    </row>
    <row r="86043" spans="14:14">
      <c r="N86043" s="10"/>
    </row>
    <row r="86044" spans="14:14">
      <c r="N86044" s="10"/>
    </row>
    <row r="86045" spans="14:14">
      <c r="N86045" s="10"/>
    </row>
    <row r="86046" spans="14:14">
      <c r="N86046" s="10"/>
    </row>
    <row r="86047" spans="14:14">
      <c r="N86047" s="10"/>
    </row>
    <row r="86048" spans="14:14">
      <c r="N86048" s="10"/>
    </row>
    <row r="86049" spans="14:14">
      <c r="N86049" s="10"/>
    </row>
    <row r="86050" spans="14:14">
      <c r="N86050" s="10"/>
    </row>
    <row r="86051" spans="14:14">
      <c r="N86051" s="10"/>
    </row>
    <row r="86052" spans="14:14">
      <c r="N86052" s="10"/>
    </row>
    <row r="86053" spans="14:14">
      <c r="N86053" s="10"/>
    </row>
    <row r="86054" spans="14:14">
      <c r="N86054" s="10"/>
    </row>
    <row r="86055" spans="14:14">
      <c r="N86055" s="10"/>
    </row>
    <row r="86056" spans="14:14">
      <c r="N86056" s="10"/>
    </row>
    <row r="86057" spans="14:14">
      <c r="N86057" s="10"/>
    </row>
    <row r="86058" spans="14:14">
      <c r="N86058" s="10"/>
    </row>
    <row r="86059" spans="14:14">
      <c r="N86059" s="10"/>
    </row>
    <row r="86060" spans="14:14">
      <c r="N86060" s="10"/>
    </row>
    <row r="86061" spans="14:14">
      <c r="N86061" s="10"/>
    </row>
    <row r="86062" spans="14:14">
      <c r="N86062" s="10"/>
    </row>
    <row r="86063" spans="14:14">
      <c r="N86063" s="10"/>
    </row>
    <row r="86064" spans="14:14">
      <c r="N86064" s="10"/>
    </row>
    <row r="86065" spans="14:14">
      <c r="N86065" s="10"/>
    </row>
    <row r="86066" spans="14:14">
      <c r="N86066" s="10"/>
    </row>
    <row r="86067" spans="14:14">
      <c r="N86067" s="10"/>
    </row>
    <row r="86068" spans="14:14">
      <c r="N86068" s="10"/>
    </row>
    <row r="86069" spans="14:14">
      <c r="N86069" s="10"/>
    </row>
    <row r="86070" spans="14:14">
      <c r="N86070" s="10"/>
    </row>
    <row r="86071" spans="14:14">
      <c r="N86071" s="10"/>
    </row>
    <row r="86072" spans="14:14">
      <c r="N86072" s="10"/>
    </row>
    <row r="86073" spans="14:14">
      <c r="N86073" s="10"/>
    </row>
    <row r="86074" spans="14:14">
      <c r="N86074" s="10"/>
    </row>
    <row r="86075" spans="14:14">
      <c r="N86075" s="10"/>
    </row>
    <row r="86076" spans="14:14">
      <c r="N86076" s="10"/>
    </row>
    <row r="86077" spans="14:14">
      <c r="N86077" s="10"/>
    </row>
    <row r="86078" spans="14:14">
      <c r="N86078" s="10"/>
    </row>
    <row r="86079" spans="14:14">
      <c r="N86079" s="10"/>
    </row>
    <row r="86080" spans="14:14">
      <c r="N86080" s="10"/>
    </row>
    <row r="86081" spans="14:14">
      <c r="N86081" s="10"/>
    </row>
    <row r="86082" spans="14:14">
      <c r="N86082" s="10"/>
    </row>
    <row r="86083" spans="14:14">
      <c r="N86083" s="10"/>
    </row>
    <row r="86084" spans="14:14">
      <c r="N86084" s="10"/>
    </row>
    <row r="86085" spans="14:14">
      <c r="N86085" s="10"/>
    </row>
    <row r="86086" spans="14:14">
      <c r="N86086" s="10"/>
    </row>
    <row r="86087" spans="14:14">
      <c r="N86087" s="10"/>
    </row>
    <row r="86088" spans="14:14">
      <c r="N86088" s="10"/>
    </row>
    <row r="86089" spans="14:14">
      <c r="N86089" s="10"/>
    </row>
    <row r="86090" spans="14:14">
      <c r="N86090" s="10"/>
    </row>
    <row r="86091" spans="14:14">
      <c r="N86091" s="10"/>
    </row>
    <row r="86092" spans="14:14">
      <c r="N86092" s="10"/>
    </row>
    <row r="86093" spans="14:14">
      <c r="N86093" s="10"/>
    </row>
    <row r="86094" spans="14:14">
      <c r="N86094" s="10"/>
    </row>
    <row r="86095" spans="14:14">
      <c r="N86095" s="10"/>
    </row>
    <row r="86096" spans="14:14">
      <c r="N86096" s="10"/>
    </row>
    <row r="86097" spans="14:14">
      <c r="N86097" s="10"/>
    </row>
    <row r="86098" spans="14:14">
      <c r="N86098" s="10"/>
    </row>
    <row r="86099" spans="14:14">
      <c r="N86099" s="10"/>
    </row>
    <row r="86100" spans="14:14">
      <c r="N86100" s="10"/>
    </row>
    <row r="86101" spans="14:14">
      <c r="N86101" s="10"/>
    </row>
    <row r="86102" spans="14:14">
      <c r="N86102" s="10"/>
    </row>
    <row r="86103" spans="14:14">
      <c r="N86103" s="10"/>
    </row>
    <row r="86104" spans="14:14">
      <c r="N86104" s="10"/>
    </row>
    <row r="86105" spans="14:14">
      <c r="N86105" s="10"/>
    </row>
    <row r="86106" spans="14:14">
      <c r="N86106" s="10"/>
    </row>
    <row r="86107" spans="14:14">
      <c r="N86107" s="10"/>
    </row>
    <row r="86108" spans="14:14">
      <c r="N86108" s="10"/>
    </row>
    <row r="86109" spans="14:14">
      <c r="N86109" s="10"/>
    </row>
    <row r="86110" spans="14:14">
      <c r="N86110" s="10"/>
    </row>
    <row r="86111" spans="14:14">
      <c r="N86111" s="10"/>
    </row>
    <row r="86112" spans="14:14">
      <c r="N86112" s="10"/>
    </row>
    <row r="86113" spans="14:14">
      <c r="N86113" s="10"/>
    </row>
    <row r="86114" spans="14:14">
      <c r="N86114" s="10"/>
    </row>
    <row r="86115" spans="14:14">
      <c r="N86115" s="10"/>
    </row>
    <row r="86116" spans="14:14">
      <c r="N86116" s="10"/>
    </row>
    <row r="86117" spans="14:14">
      <c r="N86117" s="10"/>
    </row>
    <row r="86118" spans="14:14">
      <c r="N86118" s="10"/>
    </row>
    <row r="86119" spans="14:14">
      <c r="N86119" s="10"/>
    </row>
    <row r="86120" spans="14:14">
      <c r="N86120" s="10"/>
    </row>
    <row r="86121" spans="14:14">
      <c r="N86121" s="10"/>
    </row>
    <row r="86122" spans="14:14">
      <c r="N86122" s="10"/>
    </row>
    <row r="86123" spans="14:14">
      <c r="N86123" s="10"/>
    </row>
    <row r="86124" spans="14:14">
      <c r="N86124" s="10"/>
    </row>
    <row r="86125" spans="14:14">
      <c r="N86125" s="10"/>
    </row>
    <row r="86126" spans="14:14">
      <c r="N86126" s="10"/>
    </row>
    <row r="86127" spans="14:14">
      <c r="N86127" s="10"/>
    </row>
    <row r="86128" spans="14:14">
      <c r="N86128" s="10"/>
    </row>
    <row r="86129" spans="14:14">
      <c r="N86129" s="10"/>
    </row>
    <row r="86130" spans="14:14">
      <c r="N86130" s="10"/>
    </row>
    <row r="86131" spans="14:14">
      <c r="N86131" s="10"/>
    </row>
    <row r="86132" spans="14:14">
      <c r="N86132" s="10"/>
    </row>
    <row r="86133" spans="14:14">
      <c r="N86133" s="10"/>
    </row>
    <row r="86134" spans="14:14">
      <c r="N86134" s="10"/>
    </row>
    <row r="86135" spans="14:14">
      <c r="N86135" s="10"/>
    </row>
    <row r="86136" spans="14:14">
      <c r="N86136" s="10"/>
    </row>
    <row r="86137" spans="14:14">
      <c r="N86137" s="10"/>
    </row>
    <row r="86138" spans="14:14">
      <c r="N86138" s="10"/>
    </row>
    <row r="86139" spans="14:14">
      <c r="N86139" s="10"/>
    </row>
    <row r="86140" spans="14:14">
      <c r="N86140" s="10"/>
    </row>
    <row r="86141" spans="14:14">
      <c r="N86141" s="10"/>
    </row>
    <row r="86142" spans="14:14">
      <c r="N86142" s="10"/>
    </row>
    <row r="86143" spans="14:14">
      <c r="N86143" s="10"/>
    </row>
    <row r="86144" spans="14:14">
      <c r="N86144" s="10"/>
    </row>
    <row r="86145" spans="14:14">
      <c r="N86145" s="10"/>
    </row>
    <row r="86146" spans="14:14">
      <c r="N86146" s="10"/>
    </row>
    <row r="86147" spans="14:14">
      <c r="N86147" s="10"/>
    </row>
    <row r="86148" spans="14:14">
      <c r="N86148" s="10"/>
    </row>
    <row r="86149" spans="14:14">
      <c r="N86149" s="10"/>
    </row>
    <row r="86150" spans="14:14">
      <c r="N86150" s="10"/>
    </row>
    <row r="86151" spans="14:14">
      <c r="N86151" s="10"/>
    </row>
    <row r="86152" spans="14:14">
      <c r="N86152" s="10"/>
    </row>
    <row r="86153" spans="14:14">
      <c r="N86153" s="10"/>
    </row>
    <row r="86154" spans="14:14">
      <c r="N86154" s="10"/>
    </row>
    <row r="86155" spans="14:14">
      <c r="N86155" s="10"/>
    </row>
    <row r="86156" spans="14:14">
      <c r="N86156" s="10"/>
    </row>
    <row r="86157" spans="14:14">
      <c r="N86157" s="10"/>
    </row>
    <row r="86158" spans="14:14">
      <c r="N86158" s="10"/>
    </row>
    <row r="86159" spans="14:14">
      <c r="N86159" s="10"/>
    </row>
    <row r="86160" spans="14:14">
      <c r="N86160" s="10"/>
    </row>
    <row r="86161" spans="14:14">
      <c r="N86161" s="10"/>
    </row>
    <row r="86162" spans="14:14">
      <c r="N86162" s="10"/>
    </row>
    <row r="86163" spans="14:14">
      <c r="N86163" s="10"/>
    </row>
    <row r="86164" spans="14:14">
      <c r="N86164" s="10"/>
    </row>
    <row r="86165" spans="14:14">
      <c r="N86165" s="10"/>
    </row>
    <row r="86166" spans="14:14">
      <c r="N86166" s="10"/>
    </row>
    <row r="86167" spans="14:14">
      <c r="N86167" s="10"/>
    </row>
    <row r="86168" spans="14:14">
      <c r="N86168" s="10"/>
    </row>
    <row r="86169" spans="14:14">
      <c r="N86169" s="10"/>
    </row>
    <row r="86170" spans="14:14">
      <c r="N86170" s="10"/>
    </row>
    <row r="86171" spans="14:14">
      <c r="N86171" s="10"/>
    </row>
    <row r="86172" spans="14:14">
      <c r="N86172" s="10"/>
    </row>
    <row r="86173" spans="14:14">
      <c r="N86173" s="10"/>
    </row>
    <row r="86174" spans="14:14">
      <c r="N86174" s="10"/>
    </row>
    <row r="86175" spans="14:14">
      <c r="N86175" s="10"/>
    </row>
    <row r="86176" spans="14:14">
      <c r="N86176" s="10"/>
    </row>
    <row r="86177" spans="14:14">
      <c r="N86177" s="10"/>
    </row>
    <row r="86178" spans="14:14">
      <c r="N86178" s="10"/>
    </row>
    <row r="86179" spans="14:14">
      <c r="N86179" s="10"/>
    </row>
    <row r="86180" spans="14:14">
      <c r="N86180" s="10"/>
    </row>
    <row r="86181" spans="14:14">
      <c r="N86181" s="10"/>
    </row>
    <row r="86182" spans="14:14">
      <c r="N86182" s="10"/>
    </row>
    <row r="86183" spans="14:14">
      <c r="N86183" s="10"/>
    </row>
    <row r="86184" spans="14:14">
      <c r="N86184" s="10"/>
    </row>
    <row r="86185" spans="14:14">
      <c r="N86185" s="10"/>
    </row>
    <row r="86186" spans="14:14">
      <c r="N86186" s="10"/>
    </row>
    <row r="86187" spans="14:14">
      <c r="N86187" s="10"/>
    </row>
    <row r="86188" spans="14:14">
      <c r="N86188" s="10"/>
    </row>
    <row r="86189" spans="14:14">
      <c r="N86189" s="10"/>
    </row>
    <row r="86190" spans="14:14">
      <c r="N86190" s="10"/>
    </row>
    <row r="86191" spans="14:14">
      <c r="N86191" s="10"/>
    </row>
    <row r="86192" spans="14:14">
      <c r="N86192" s="10"/>
    </row>
    <row r="86193" spans="14:14">
      <c r="N86193" s="10"/>
    </row>
    <row r="86194" spans="14:14">
      <c r="N86194" s="10"/>
    </row>
    <row r="86195" spans="14:14">
      <c r="N86195" s="10"/>
    </row>
    <row r="86196" spans="14:14">
      <c r="N86196" s="10"/>
    </row>
    <row r="86197" spans="14:14">
      <c r="N86197" s="10"/>
    </row>
    <row r="86198" spans="14:14">
      <c r="N86198" s="10"/>
    </row>
    <row r="86199" spans="14:14">
      <c r="N86199" s="10"/>
    </row>
    <row r="86200" spans="14:14">
      <c r="N86200" s="10"/>
    </row>
    <row r="86201" spans="14:14">
      <c r="N86201" s="10"/>
    </row>
    <row r="86202" spans="14:14">
      <c r="N86202" s="10"/>
    </row>
    <row r="86203" spans="14:14">
      <c r="N86203" s="10"/>
    </row>
    <row r="86204" spans="14:14">
      <c r="N86204" s="10"/>
    </row>
    <row r="86205" spans="14:14">
      <c r="N86205" s="10"/>
    </row>
    <row r="86206" spans="14:14">
      <c r="N86206" s="10"/>
    </row>
    <row r="86207" spans="14:14">
      <c r="N86207" s="10"/>
    </row>
    <row r="86208" spans="14:14">
      <c r="N86208" s="10"/>
    </row>
    <row r="86209" spans="14:14">
      <c r="N86209" s="10"/>
    </row>
    <row r="86210" spans="14:14">
      <c r="N86210" s="10"/>
    </row>
    <row r="86211" spans="14:14">
      <c r="N86211" s="10"/>
    </row>
    <row r="86212" spans="14:14">
      <c r="N86212" s="10"/>
    </row>
    <row r="86213" spans="14:14">
      <c r="N86213" s="10"/>
    </row>
    <row r="86214" spans="14:14">
      <c r="N86214" s="10"/>
    </row>
    <row r="86215" spans="14:14">
      <c r="N86215" s="10"/>
    </row>
    <row r="86216" spans="14:14">
      <c r="N86216" s="10"/>
    </row>
    <row r="86217" spans="14:14">
      <c r="N86217" s="10"/>
    </row>
    <row r="86218" spans="14:14">
      <c r="N86218" s="10"/>
    </row>
    <row r="86219" spans="14:14">
      <c r="N86219" s="10"/>
    </row>
    <row r="86220" spans="14:14">
      <c r="N86220" s="10"/>
    </row>
    <row r="86221" spans="14:14">
      <c r="N86221" s="10"/>
    </row>
    <row r="86222" spans="14:14">
      <c r="N86222" s="10"/>
    </row>
    <row r="86223" spans="14:14">
      <c r="N86223" s="10"/>
    </row>
    <row r="86224" spans="14:14">
      <c r="N86224" s="10"/>
    </row>
    <row r="86225" spans="14:14">
      <c r="N86225" s="10"/>
    </row>
    <row r="86226" spans="14:14">
      <c r="N86226" s="10"/>
    </row>
    <row r="86227" spans="14:14">
      <c r="N86227" s="10"/>
    </row>
    <row r="86228" spans="14:14">
      <c r="N86228" s="10"/>
    </row>
    <row r="86229" spans="14:14">
      <c r="N86229" s="10"/>
    </row>
    <row r="86230" spans="14:14">
      <c r="N86230" s="10"/>
    </row>
    <row r="86231" spans="14:14">
      <c r="N86231" s="10"/>
    </row>
    <row r="86232" spans="14:14">
      <c r="N86232" s="10"/>
    </row>
    <row r="86233" spans="14:14">
      <c r="N86233" s="10"/>
    </row>
    <row r="86234" spans="14:14">
      <c r="N86234" s="10"/>
    </row>
    <row r="86235" spans="14:14">
      <c r="N86235" s="10"/>
    </row>
    <row r="86236" spans="14:14">
      <c r="N86236" s="10"/>
    </row>
    <row r="86237" spans="14:14">
      <c r="N86237" s="10"/>
    </row>
    <row r="86238" spans="14:14">
      <c r="N86238" s="10"/>
    </row>
    <row r="86239" spans="14:14">
      <c r="N86239" s="10"/>
    </row>
    <row r="86240" spans="14:14">
      <c r="N86240" s="10"/>
    </row>
    <row r="86241" spans="14:14">
      <c r="N86241" s="10"/>
    </row>
    <row r="86242" spans="14:14">
      <c r="N86242" s="10"/>
    </row>
    <row r="86243" spans="14:14">
      <c r="N86243" s="10"/>
    </row>
    <row r="86244" spans="14:14">
      <c r="N86244" s="10"/>
    </row>
    <row r="86245" spans="14:14">
      <c r="N86245" s="10"/>
    </row>
    <row r="86246" spans="14:14">
      <c r="N86246" s="10"/>
    </row>
    <row r="86247" spans="14:14">
      <c r="N86247" s="10"/>
    </row>
    <row r="86248" spans="14:14">
      <c r="N86248" s="10"/>
    </row>
    <row r="86249" spans="14:14">
      <c r="N86249" s="10"/>
    </row>
    <row r="86250" spans="14:14">
      <c r="N86250" s="10"/>
    </row>
    <row r="86251" spans="14:14">
      <c r="N86251" s="10"/>
    </row>
    <row r="86252" spans="14:14">
      <c r="N86252" s="10"/>
    </row>
    <row r="86253" spans="14:14">
      <c r="N86253" s="10"/>
    </row>
    <row r="86254" spans="14:14">
      <c r="N86254" s="10"/>
    </row>
    <row r="86255" spans="14:14">
      <c r="N86255" s="10"/>
    </row>
    <row r="86256" spans="14:14">
      <c r="N86256" s="10"/>
    </row>
    <row r="86257" spans="14:14">
      <c r="N86257" s="10"/>
    </row>
    <row r="86258" spans="14:14">
      <c r="N86258" s="10"/>
    </row>
    <row r="86259" spans="14:14">
      <c r="N86259" s="10"/>
    </row>
    <row r="86260" spans="14:14">
      <c r="N86260" s="10"/>
    </row>
    <row r="86261" spans="14:14">
      <c r="N86261" s="10"/>
    </row>
    <row r="86262" spans="14:14">
      <c r="N86262" s="10"/>
    </row>
    <row r="86263" spans="14:14">
      <c r="N86263" s="10"/>
    </row>
    <row r="86264" spans="14:14">
      <c r="N86264" s="10"/>
    </row>
    <row r="86265" spans="14:14">
      <c r="N86265" s="10"/>
    </row>
    <row r="86266" spans="14:14">
      <c r="N86266" s="10"/>
    </row>
    <row r="86267" spans="14:14">
      <c r="N86267" s="10"/>
    </row>
    <row r="86268" spans="14:14">
      <c r="N86268" s="10"/>
    </row>
    <row r="86269" spans="14:14">
      <c r="N86269" s="10"/>
    </row>
    <row r="86270" spans="14:14">
      <c r="N86270" s="10"/>
    </row>
    <row r="86271" spans="14:14">
      <c r="N86271" s="10"/>
    </row>
    <row r="86272" spans="14:14">
      <c r="N86272" s="10"/>
    </row>
    <row r="86273" spans="14:14">
      <c r="N86273" s="10"/>
    </row>
    <row r="86274" spans="14:14">
      <c r="N86274" s="10"/>
    </row>
    <row r="86275" spans="14:14">
      <c r="N86275" s="10"/>
    </row>
    <row r="86276" spans="14:14">
      <c r="N86276" s="10"/>
    </row>
    <row r="86277" spans="14:14">
      <c r="N86277" s="10"/>
    </row>
    <row r="86278" spans="14:14">
      <c r="N86278" s="10"/>
    </row>
    <row r="86279" spans="14:14">
      <c r="N86279" s="10"/>
    </row>
    <row r="86280" spans="14:14">
      <c r="N86280" s="10"/>
    </row>
    <row r="86281" spans="14:14">
      <c r="N86281" s="10"/>
    </row>
    <row r="86282" spans="14:14">
      <c r="N86282" s="10"/>
    </row>
    <row r="86283" spans="14:14">
      <c r="N86283" s="10"/>
    </row>
    <row r="86284" spans="14:14">
      <c r="N86284" s="10"/>
    </row>
    <row r="86285" spans="14:14">
      <c r="N86285" s="10"/>
    </row>
    <row r="86286" spans="14:14">
      <c r="N86286" s="10"/>
    </row>
    <row r="86287" spans="14:14">
      <c r="N86287" s="10"/>
    </row>
    <row r="86288" spans="14:14">
      <c r="N86288" s="10"/>
    </row>
    <row r="86289" spans="14:14">
      <c r="N86289" s="10"/>
    </row>
    <row r="86290" spans="14:14">
      <c r="N86290" s="10"/>
    </row>
    <row r="86291" spans="14:14">
      <c r="N86291" s="10"/>
    </row>
    <row r="86292" spans="14:14">
      <c r="N86292" s="10"/>
    </row>
    <row r="86293" spans="14:14">
      <c r="N86293" s="10"/>
    </row>
    <row r="86294" spans="14:14">
      <c r="N86294" s="10"/>
    </row>
    <row r="86295" spans="14:14">
      <c r="N86295" s="10"/>
    </row>
    <row r="86296" spans="14:14">
      <c r="N86296" s="10"/>
    </row>
    <row r="86297" spans="14:14">
      <c r="N86297" s="10"/>
    </row>
    <row r="86298" spans="14:14">
      <c r="N86298" s="10"/>
    </row>
    <row r="86299" spans="14:14">
      <c r="N86299" s="10"/>
    </row>
    <row r="86300" spans="14:14">
      <c r="N86300" s="10"/>
    </row>
    <row r="86301" spans="14:14">
      <c r="N86301" s="10"/>
    </row>
    <row r="86302" spans="14:14">
      <c r="N86302" s="10"/>
    </row>
    <row r="86303" spans="14:14">
      <c r="N86303" s="10"/>
    </row>
    <row r="86304" spans="14:14">
      <c r="N86304" s="10"/>
    </row>
    <row r="86305" spans="14:14">
      <c r="N86305" s="10"/>
    </row>
    <row r="86306" spans="14:14">
      <c r="N86306" s="10"/>
    </row>
    <row r="86307" spans="14:14">
      <c r="N86307" s="10"/>
    </row>
    <row r="86308" spans="14:14">
      <c r="N86308" s="10"/>
    </row>
    <row r="86309" spans="14:14">
      <c r="N86309" s="10"/>
    </row>
    <row r="86310" spans="14:14">
      <c r="N86310" s="10"/>
    </row>
    <row r="86311" spans="14:14">
      <c r="N86311" s="10"/>
    </row>
    <row r="86312" spans="14:14">
      <c r="N86312" s="10"/>
    </row>
    <row r="86313" spans="14:14">
      <c r="N86313" s="10"/>
    </row>
    <row r="86314" spans="14:14">
      <c r="N86314" s="10"/>
    </row>
    <row r="86315" spans="14:14">
      <c r="N86315" s="10"/>
    </row>
    <row r="86316" spans="14:14">
      <c r="N86316" s="10"/>
    </row>
    <row r="86317" spans="14:14">
      <c r="N86317" s="10"/>
    </row>
    <row r="86318" spans="14:14">
      <c r="N86318" s="10"/>
    </row>
    <row r="86319" spans="14:14">
      <c r="N86319" s="10"/>
    </row>
    <row r="86320" spans="14:14">
      <c r="N86320" s="10"/>
    </row>
    <row r="86321" spans="14:14">
      <c r="N86321" s="10"/>
    </row>
    <row r="86322" spans="14:14">
      <c r="N86322" s="10"/>
    </row>
    <row r="86323" spans="14:14">
      <c r="N86323" s="10"/>
    </row>
    <row r="86324" spans="14:14">
      <c r="N86324" s="10"/>
    </row>
    <row r="86325" spans="14:14">
      <c r="N86325" s="10"/>
    </row>
    <row r="86326" spans="14:14">
      <c r="N86326" s="10"/>
    </row>
    <row r="86327" spans="14:14">
      <c r="N86327" s="10"/>
    </row>
    <row r="86328" spans="14:14">
      <c r="N86328" s="10"/>
    </row>
    <row r="86329" spans="14:14">
      <c r="N86329" s="10"/>
    </row>
    <row r="86330" spans="14:14">
      <c r="N86330" s="10"/>
    </row>
    <row r="86331" spans="14:14">
      <c r="N86331" s="10"/>
    </row>
    <row r="86332" spans="14:14">
      <c r="N86332" s="10"/>
    </row>
    <row r="86333" spans="14:14">
      <c r="N86333" s="10"/>
    </row>
    <row r="86334" spans="14:14">
      <c r="N86334" s="10"/>
    </row>
    <row r="86335" spans="14:14">
      <c r="N86335" s="10"/>
    </row>
    <row r="86336" spans="14:14">
      <c r="N86336" s="10"/>
    </row>
    <row r="86337" spans="14:14">
      <c r="N86337" s="10"/>
    </row>
    <row r="86338" spans="14:14">
      <c r="N86338" s="10"/>
    </row>
    <row r="86339" spans="14:14">
      <c r="N86339" s="10"/>
    </row>
    <row r="86340" spans="14:14">
      <c r="N86340" s="10"/>
    </row>
    <row r="86341" spans="14:14">
      <c r="N86341" s="10"/>
    </row>
    <row r="86342" spans="14:14">
      <c r="N86342" s="10"/>
    </row>
    <row r="86343" spans="14:14">
      <c r="N86343" s="10"/>
    </row>
    <row r="86344" spans="14:14">
      <c r="N86344" s="10"/>
    </row>
    <row r="86345" spans="14:14">
      <c r="N86345" s="10"/>
    </row>
    <row r="86346" spans="14:14">
      <c r="N86346" s="10"/>
    </row>
    <row r="86347" spans="14:14">
      <c r="N86347" s="10"/>
    </row>
    <row r="86348" spans="14:14">
      <c r="N86348" s="10"/>
    </row>
    <row r="86349" spans="14:14">
      <c r="N86349" s="10"/>
    </row>
    <row r="86350" spans="14:14">
      <c r="N86350" s="10"/>
    </row>
    <row r="86351" spans="14:14">
      <c r="N86351" s="10"/>
    </row>
    <row r="86352" spans="14:14">
      <c r="N86352" s="10"/>
    </row>
    <row r="86353" spans="14:14">
      <c r="N86353" s="10"/>
    </row>
    <row r="86354" spans="14:14">
      <c r="N86354" s="10"/>
    </row>
    <row r="86355" spans="14:14">
      <c r="N86355" s="10"/>
    </row>
    <row r="86356" spans="14:14">
      <c r="N86356" s="10"/>
    </row>
    <row r="86357" spans="14:14">
      <c r="N86357" s="10"/>
    </row>
    <row r="86358" spans="14:14">
      <c r="N86358" s="10"/>
    </row>
    <row r="86359" spans="14:14">
      <c r="N86359" s="10"/>
    </row>
    <row r="86360" spans="14:14">
      <c r="N86360" s="10"/>
    </row>
    <row r="86361" spans="14:14">
      <c r="N86361" s="10"/>
    </row>
    <row r="86362" spans="14:14">
      <c r="N86362" s="10"/>
    </row>
    <row r="86363" spans="14:14">
      <c r="N86363" s="10"/>
    </row>
    <row r="86364" spans="14:14">
      <c r="N86364" s="10"/>
    </row>
    <row r="86365" spans="14:14">
      <c r="N86365" s="10"/>
    </row>
    <row r="86366" spans="14:14">
      <c r="N86366" s="10"/>
    </row>
    <row r="86367" spans="14:14">
      <c r="N86367" s="10"/>
    </row>
    <row r="86368" spans="14:14">
      <c r="N86368" s="10"/>
    </row>
    <row r="86369" spans="14:14">
      <c r="N86369" s="10"/>
    </row>
    <row r="86370" spans="14:14">
      <c r="N86370" s="10"/>
    </row>
    <row r="86371" spans="14:14">
      <c r="N86371" s="10"/>
    </row>
    <row r="86372" spans="14:14">
      <c r="N86372" s="10"/>
    </row>
    <row r="86373" spans="14:14">
      <c r="N86373" s="10"/>
    </row>
    <row r="86374" spans="14:14">
      <c r="N86374" s="10"/>
    </row>
    <row r="86375" spans="14:14">
      <c r="N86375" s="10"/>
    </row>
    <row r="86376" spans="14:14">
      <c r="N86376" s="10"/>
    </row>
    <row r="86377" spans="14:14">
      <c r="N86377" s="10"/>
    </row>
    <row r="86378" spans="14:14">
      <c r="N86378" s="10"/>
    </row>
    <row r="86379" spans="14:14">
      <c r="N86379" s="10"/>
    </row>
    <row r="86380" spans="14:14">
      <c r="N86380" s="10"/>
    </row>
    <row r="86381" spans="14:14">
      <c r="N86381" s="10"/>
    </row>
    <row r="86382" spans="14:14">
      <c r="N86382" s="10"/>
    </row>
    <row r="86383" spans="14:14">
      <c r="N86383" s="10"/>
    </row>
    <row r="86384" spans="14:14">
      <c r="N86384" s="10"/>
    </row>
    <row r="86385" spans="14:14">
      <c r="N86385" s="10"/>
    </row>
    <row r="86386" spans="14:14">
      <c r="N86386" s="10"/>
    </row>
    <row r="86387" spans="14:14">
      <c r="N86387" s="10"/>
    </row>
    <row r="86388" spans="14:14">
      <c r="N86388" s="10"/>
    </row>
    <row r="86389" spans="14:14">
      <c r="N86389" s="10"/>
    </row>
    <row r="86390" spans="14:14">
      <c r="N86390" s="10"/>
    </row>
    <row r="86391" spans="14:14">
      <c r="N86391" s="10"/>
    </row>
    <row r="86392" spans="14:14">
      <c r="N86392" s="10"/>
    </row>
    <row r="86393" spans="14:14">
      <c r="N86393" s="10"/>
    </row>
    <row r="86394" spans="14:14">
      <c r="N86394" s="10"/>
    </row>
    <row r="86395" spans="14:14">
      <c r="N86395" s="10"/>
    </row>
    <row r="86396" spans="14:14">
      <c r="N86396" s="10"/>
    </row>
    <row r="86397" spans="14:14">
      <c r="N86397" s="10"/>
    </row>
    <row r="86398" spans="14:14">
      <c r="N86398" s="10"/>
    </row>
    <row r="86399" spans="14:14">
      <c r="N86399" s="10"/>
    </row>
    <row r="86400" spans="14:14">
      <c r="N86400" s="10"/>
    </row>
    <row r="86401" spans="14:14">
      <c r="N86401" s="10"/>
    </row>
    <row r="86402" spans="14:14">
      <c r="N86402" s="10"/>
    </row>
    <row r="86403" spans="14:14">
      <c r="N86403" s="10"/>
    </row>
    <row r="86404" spans="14:14">
      <c r="N86404" s="10"/>
    </row>
    <row r="86405" spans="14:14">
      <c r="N86405" s="10"/>
    </row>
    <row r="86406" spans="14:14">
      <c r="N86406" s="10"/>
    </row>
    <row r="86407" spans="14:14">
      <c r="N86407" s="10"/>
    </row>
    <row r="86408" spans="14:14">
      <c r="N86408" s="10"/>
    </row>
    <row r="86409" spans="14:14">
      <c r="N86409" s="10"/>
    </row>
    <row r="86410" spans="14:14">
      <c r="N86410" s="10"/>
    </row>
    <row r="86411" spans="14:14">
      <c r="N86411" s="10"/>
    </row>
    <row r="86412" spans="14:14">
      <c r="N86412" s="10"/>
    </row>
    <row r="86413" spans="14:14">
      <c r="N86413" s="10"/>
    </row>
    <row r="86414" spans="14:14">
      <c r="N86414" s="10"/>
    </row>
    <row r="86415" spans="14:14">
      <c r="N86415" s="10"/>
    </row>
    <row r="86416" spans="14:14">
      <c r="N86416" s="10"/>
    </row>
    <row r="86417" spans="14:14">
      <c r="N86417" s="10"/>
    </row>
    <row r="86418" spans="14:14">
      <c r="N86418" s="10"/>
    </row>
    <row r="86419" spans="14:14">
      <c r="N86419" s="10"/>
    </row>
    <row r="86420" spans="14:14">
      <c r="N86420" s="10"/>
    </row>
    <row r="86421" spans="14:14">
      <c r="N86421" s="10"/>
    </row>
    <row r="86422" spans="14:14">
      <c r="N86422" s="10"/>
    </row>
    <row r="86423" spans="14:14">
      <c r="N86423" s="10"/>
    </row>
    <row r="86424" spans="14:14">
      <c r="N86424" s="10"/>
    </row>
    <row r="86425" spans="14:14">
      <c r="N86425" s="10"/>
    </row>
    <row r="86426" spans="14:14">
      <c r="N86426" s="10"/>
    </row>
    <row r="86427" spans="14:14">
      <c r="N86427" s="10"/>
    </row>
    <row r="86428" spans="14:14">
      <c r="N86428" s="10"/>
    </row>
    <row r="86429" spans="14:14">
      <c r="N86429" s="10"/>
    </row>
    <row r="86430" spans="14:14">
      <c r="N86430" s="10"/>
    </row>
    <row r="86431" spans="14:14">
      <c r="N86431" s="10"/>
    </row>
    <row r="86432" spans="14:14">
      <c r="N86432" s="10"/>
    </row>
    <row r="86433" spans="14:14">
      <c r="N86433" s="10"/>
    </row>
    <row r="86434" spans="14:14">
      <c r="N86434" s="10"/>
    </row>
    <row r="86435" spans="14:14">
      <c r="N86435" s="10"/>
    </row>
    <row r="86436" spans="14:14">
      <c r="N86436" s="10"/>
    </row>
    <row r="86437" spans="14:14">
      <c r="N86437" s="10"/>
    </row>
    <row r="86438" spans="14:14">
      <c r="N86438" s="10"/>
    </row>
    <row r="86439" spans="14:14">
      <c r="N86439" s="10"/>
    </row>
    <row r="86440" spans="14:14">
      <c r="N86440" s="10"/>
    </row>
    <row r="86441" spans="14:14">
      <c r="N86441" s="10"/>
    </row>
    <row r="86442" spans="14:14">
      <c r="N86442" s="10"/>
    </row>
    <row r="86443" spans="14:14">
      <c r="N86443" s="10"/>
    </row>
    <row r="86444" spans="14:14">
      <c r="N86444" s="10"/>
    </row>
    <row r="86445" spans="14:14">
      <c r="N86445" s="10"/>
    </row>
    <row r="86446" spans="14:14">
      <c r="N86446" s="10"/>
    </row>
    <row r="86447" spans="14:14">
      <c r="N86447" s="10"/>
    </row>
    <row r="86448" spans="14:14">
      <c r="N86448" s="10"/>
    </row>
    <row r="86449" spans="14:14">
      <c r="N86449" s="10"/>
    </row>
    <row r="86450" spans="14:14">
      <c r="N86450" s="10"/>
    </row>
    <row r="86451" spans="14:14">
      <c r="N86451" s="10"/>
    </row>
    <row r="86452" spans="14:14">
      <c r="N86452" s="10"/>
    </row>
    <row r="86453" spans="14:14">
      <c r="N86453" s="10"/>
    </row>
    <row r="86454" spans="14:14">
      <c r="N86454" s="10"/>
    </row>
    <row r="86455" spans="14:14">
      <c r="N86455" s="10"/>
    </row>
    <row r="86456" spans="14:14">
      <c r="N86456" s="10"/>
    </row>
    <row r="86457" spans="14:14">
      <c r="N86457" s="10"/>
    </row>
    <row r="86458" spans="14:14">
      <c r="N86458" s="10"/>
    </row>
    <row r="86459" spans="14:14">
      <c r="N86459" s="10"/>
    </row>
    <row r="86460" spans="14:14">
      <c r="N86460" s="10"/>
    </row>
    <row r="86461" spans="14:14">
      <c r="N86461" s="10"/>
    </row>
    <row r="86462" spans="14:14">
      <c r="N86462" s="10"/>
    </row>
    <row r="86463" spans="14:14">
      <c r="N86463" s="10"/>
    </row>
    <row r="86464" spans="14:14">
      <c r="N86464" s="10"/>
    </row>
    <row r="86465" spans="14:14">
      <c r="N86465" s="10"/>
    </row>
    <row r="86466" spans="14:14">
      <c r="N86466" s="10"/>
    </row>
    <row r="86467" spans="14:14">
      <c r="N86467" s="10"/>
    </row>
    <row r="86468" spans="14:14">
      <c r="N86468" s="10"/>
    </row>
    <row r="86469" spans="14:14">
      <c r="N86469" s="10"/>
    </row>
    <row r="86470" spans="14:14">
      <c r="N86470" s="10"/>
    </row>
    <row r="86471" spans="14:14">
      <c r="N86471" s="10"/>
    </row>
    <row r="86472" spans="14:14">
      <c r="N86472" s="10"/>
    </row>
    <row r="86473" spans="14:14">
      <c r="N86473" s="10"/>
    </row>
    <row r="86474" spans="14:14">
      <c r="N86474" s="10"/>
    </row>
    <row r="86475" spans="14:14">
      <c r="N86475" s="10"/>
    </row>
    <row r="86476" spans="14:14">
      <c r="N86476" s="10"/>
    </row>
    <row r="86477" spans="14:14">
      <c r="N86477" s="10"/>
    </row>
    <row r="86478" spans="14:14">
      <c r="N86478" s="10"/>
    </row>
    <row r="86479" spans="14:14">
      <c r="N86479" s="10"/>
    </row>
    <row r="86480" spans="14:14">
      <c r="N86480" s="10"/>
    </row>
    <row r="86481" spans="14:14">
      <c r="N86481" s="10"/>
    </row>
    <row r="86482" spans="14:14">
      <c r="N86482" s="10"/>
    </row>
    <row r="86483" spans="14:14">
      <c r="N86483" s="10"/>
    </row>
    <row r="86484" spans="14:14">
      <c r="N86484" s="10"/>
    </row>
    <row r="86485" spans="14:14">
      <c r="N86485" s="10"/>
    </row>
    <row r="86486" spans="14:14">
      <c r="N86486" s="10"/>
    </row>
    <row r="86487" spans="14:14">
      <c r="N86487" s="10"/>
    </row>
    <row r="86488" spans="14:14">
      <c r="N86488" s="10"/>
    </row>
    <row r="86489" spans="14:14">
      <c r="N86489" s="10"/>
    </row>
    <row r="86490" spans="14:14">
      <c r="N86490" s="10"/>
    </row>
    <row r="86491" spans="14:14">
      <c r="N86491" s="10"/>
    </row>
    <row r="86492" spans="14:14">
      <c r="N86492" s="10"/>
    </row>
    <row r="86493" spans="14:14">
      <c r="N86493" s="10"/>
    </row>
    <row r="86494" spans="14:14">
      <c r="N86494" s="10"/>
    </row>
    <row r="86495" spans="14:14">
      <c r="N86495" s="10"/>
    </row>
    <row r="86496" spans="14:14">
      <c r="N86496" s="10"/>
    </row>
    <row r="86497" spans="14:14">
      <c r="N86497" s="10"/>
    </row>
    <row r="86498" spans="14:14">
      <c r="N86498" s="10"/>
    </row>
    <row r="86499" spans="14:14">
      <c r="N86499" s="10"/>
    </row>
    <row r="86500" spans="14:14">
      <c r="N86500" s="10"/>
    </row>
    <row r="86501" spans="14:14">
      <c r="N86501" s="10"/>
    </row>
    <row r="86502" spans="14:14">
      <c r="N86502" s="10"/>
    </row>
    <row r="86503" spans="14:14">
      <c r="N86503" s="10"/>
    </row>
    <row r="86504" spans="14:14">
      <c r="N86504" s="10"/>
    </row>
    <row r="86505" spans="14:14">
      <c r="N86505" s="10"/>
    </row>
    <row r="86506" spans="14:14">
      <c r="N86506" s="10"/>
    </row>
    <row r="86507" spans="14:14">
      <c r="N86507" s="10"/>
    </row>
    <row r="86508" spans="14:14">
      <c r="N86508" s="10"/>
    </row>
    <row r="86509" spans="14:14">
      <c r="N86509" s="10"/>
    </row>
    <row r="86510" spans="14:14">
      <c r="N86510" s="10"/>
    </row>
    <row r="86511" spans="14:14">
      <c r="N86511" s="10"/>
    </row>
    <row r="86512" spans="14:14">
      <c r="N86512" s="10"/>
    </row>
    <row r="86513" spans="14:14">
      <c r="N86513" s="10"/>
    </row>
    <row r="86514" spans="14:14">
      <c r="N86514" s="10"/>
    </row>
    <row r="86515" spans="14:14">
      <c r="N86515" s="10"/>
    </row>
    <row r="86516" spans="14:14">
      <c r="N86516" s="10"/>
    </row>
    <row r="86517" spans="14:14">
      <c r="N86517" s="10"/>
    </row>
    <row r="86518" spans="14:14">
      <c r="N86518" s="10"/>
    </row>
    <row r="86519" spans="14:14">
      <c r="N86519" s="10"/>
    </row>
    <row r="86520" spans="14:14">
      <c r="N86520" s="10"/>
    </row>
    <row r="86521" spans="14:14">
      <c r="N86521" s="10"/>
    </row>
    <row r="86522" spans="14:14">
      <c r="N86522" s="10"/>
    </row>
    <row r="86523" spans="14:14">
      <c r="N86523" s="10"/>
    </row>
    <row r="86524" spans="14:14">
      <c r="N86524" s="10"/>
    </row>
    <row r="86525" spans="14:14">
      <c r="N86525" s="10"/>
    </row>
    <row r="86526" spans="14:14">
      <c r="N86526" s="10"/>
    </row>
    <row r="86527" spans="14:14">
      <c r="N86527" s="10"/>
    </row>
    <row r="86528" spans="14:14">
      <c r="N86528" s="10"/>
    </row>
    <row r="86529" spans="14:14">
      <c r="N86529" s="10"/>
    </row>
    <row r="86530" spans="14:14">
      <c r="N86530" s="10"/>
    </row>
    <row r="86531" spans="14:14">
      <c r="N86531" s="10"/>
    </row>
    <row r="86532" spans="14:14">
      <c r="N86532" s="10"/>
    </row>
    <row r="86533" spans="14:14">
      <c r="N86533" s="10"/>
    </row>
    <row r="86534" spans="14:14">
      <c r="N86534" s="10"/>
    </row>
    <row r="86535" spans="14:14">
      <c r="N86535" s="10"/>
    </row>
    <row r="86536" spans="14:14">
      <c r="N86536" s="10"/>
    </row>
    <row r="86537" spans="14:14">
      <c r="N86537" s="10"/>
    </row>
    <row r="86538" spans="14:14">
      <c r="N86538" s="10"/>
    </row>
    <row r="86539" spans="14:14">
      <c r="N86539" s="10"/>
    </row>
    <row r="86540" spans="14:14">
      <c r="N86540" s="10"/>
    </row>
    <row r="86541" spans="14:14">
      <c r="N86541" s="10"/>
    </row>
    <row r="86542" spans="14:14">
      <c r="N86542" s="10"/>
    </row>
    <row r="86543" spans="14:14">
      <c r="N86543" s="10"/>
    </row>
    <row r="86544" spans="14:14">
      <c r="N86544" s="10"/>
    </row>
    <row r="86545" spans="14:14">
      <c r="N86545" s="10"/>
    </row>
    <row r="86546" spans="14:14">
      <c r="N86546" s="10"/>
    </row>
    <row r="86547" spans="14:14">
      <c r="N86547" s="10"/>
    </row>
    <row r="86548" spans="14:14">
      <c r="N86548" s="10"/>
    </row>
    <row r="86549" spans="14:14">
      <c r="N86549" s="10"/>
    </row>
    <row r="86550" spans="14:14">
      <c r="N86550" s="10"/>
    </row>
    <row r="86551" spans="14:14">
      <c r="N86551" s="10"/>
    </row>
    <row r="86552" spans="14:14">
      <c r="N86552" s="10"/>
    </row>
    <row r="86553" spans="14:14">
      <c r="N86553" s="10"/>
    </row>
    <row r="86554" spans="14:14">
      <c r="N86554" s="10"/>
    </row>
    <row r="86555" spans="14:14">
      <c r="N86555" s="10"/>
    </row>
    <row r="86556" spans="14:14">
      <c r="N86556" s="10"/>
    </row>
    <row r="86557" spans="14:14">
      <c r="N86557" s="10"/>
    </row>
    <row r="86558" spans="14:14">
      <c r="N86558" s="10"/>
    </row>
    <row r="86559" spans="14:14">
      <c r="N86559" s="10"/>
    </row>
    <row r="86560" spans="14:14">
      <c r="N86560" s="10"/>
    </row>
    <row r="86561" spans="14:14">
      <c r="N86561" s="10"/>
    </row>
    <row r="86562" spans="14:14">
      <c r="N86562" s="10"/>
    </row>
    <row r="86563" spans="14:14">
      <c r="N86563" s="10"/>
    </row>
    <row r="86564" spans="14:14">
      <c r="N86564" s="10"/>
    </row>
    <row r="86565" spans="14:14">
      <c r="N86565" s="10"/>
    </row>
    <row r="86566" spans="14:14">
      <c r="N86566" s="10"/>
    </row>
    <row r="86567" spans="14:14">
      <c r="N86567" s="10"/>
    </row>
    <row r="86568" spans="14:14">
      <c r="N86568" s="10"/>
    </row>
    <row r="86569" spans="14:14">
      <c r="N86569" s="10"/>
    </row>
    <row r="86570" spans="14:14">
      <c r="N86570" s="10"/>
    </row>
    <row r="86571" spans="14:14">
      <c r="N86571" s="10"/>
    </row>
    <row r="86572" spans="14:14">
      <c r="N86572" s="10"/>
    </row>
    <row r="86573" spans="14:14">
      <c r="N86573" s="10"/>
    </row>
    <row r="86574" spans="14:14">
      <c r="N86574" s="10"/>
    </row>
    <row r="86575" spans="14:14">
      <c r="N86575" s="10"/>
    </row>
    <row r="86576" spans="14:14">
      <c r="N86576" s="10"/>
    </row>
    <row r="86577" spans="14:14">
      <c r="N86577" s="10"/>
    </row>
    <row r="86578" spans="14:14">
      <c r="N86578" s="10"/>
    </row>
    <row r="86579" spans="14:14">
      <c r="N86579" s="10"/>
    </row>
    <row r="86580" spans="14:14">
      <c r="N86580" s="10"/>
    </row>
    <row r="86581" spans="14:14">
      <c r="N86581" s="10"/>
    </row>
    <row r="86582" spans="14:14">
      <c r="N86582" s="10"/>
    </row>
    <row r="86583" spans="14:14">
      <c r="N86583" s="10"/>
    </row>
    <row r="86584" spans="14:14">
      <c r="N86584" s="10"/>
    </row>
    <row r="86585" spans="14:14">
      <c r="N86585" s="10"/>
    </row>
    <row r="86586" spans="14:14">
      <c r="N86586" s="10"/>
    </row>
    <row r="86587" spans="14:14">
      <c r="N86587" s="10"/>
    </row>
    <row r="86588" spans="14:14">
      <c r="N86588" s="10"/>
    </row>
    <row r="86589" spans="14:14">
      <c r="N86589" s="10"/>
    </row>
    <row r="86590" spans="14:14">
      <c r="N86590" s="10"/>
    </row>
    <row r="86591" spans="14:14">
      <c r="N86591" s="10"/>
    </row>
    <row r="86592" spans="14:14">
      <c r="N86592" s="10"/>
    </row>
    <row r="86593" spans="14:14">
      <c r="N86593" s="10"/>
    </row>
    <row r="86594" spans="14:14">
      <c r="N86594" s="10"/>
    </row>
    <row r="86595" spans="14:14">
      <c r="N86595" s="10"/>
    </row>
    <row r="86596" spans="14:14">
      <c r="N86596" s="10"/>
    </row>
    <row r="86597" spans="14:14">
      <c r="N86597" s="10"/>
    </row>
    <row r="86598" spans="14:14">
      <c r="N86598" s="10"/>
    </row>
    <row r="86599" spans="14:14">
      <c r="N86599" s="10"/>
    </row>
    <row r="86600" spans="14:14">
      <c r="N86600" s="10"/>
    </row>
    <row r="86601" spans="14:14">
      <c r="N86601" s="10"/>
    </row>
    <row r="86602" spans="14:14">
      <c r="N86602" s="10"/>
    </row>
    <row r="86603" spans="14:14">
      <c r="N86603" s="10"/>
    </row>
    <row r="86604" spans="14:14">
      <c r="N86604" s="10"/>
    </row>
    <row r="86605" spans="14:14">
      <c r="N86605" s="10"/>
    </row>
    <row r="86606" spans="14:14">
      <c r="N86606" s="10"/>
    </row>
    <row r="86607" spans="14:14">
      <c r="N86607" s="10"/>
    </row>
    <row r="86608" spans="14:14">
      <c r="N86608" s="10"/>
    </row>
    <row r="86609" spans="14:14">
      <c r="N86609" s="10"/>
    </row>
    <row r="86610" spans="14:14">
      <c r="N86610" s="10"/>
    </row>
    <row r="86611" spans="14:14">
      <c r="N86611" s="10"/>
    </row>
    <row r="86612" spans="14:14">
      <c r="N86612" s="10"/>
    </row>
    <row r="86613" spans="14:14">
      <c r="N86613" s="10"/>
    </row>
    <row r="86614" spans="14:14">
      <c r="N86614" s="10"/>
    </row>
    <row r="86615" spans="14:14">
      <c r="N86615" s="10"/>
    </row>
    <row r="86616" spans="14:14">
      <c r="N86616" s="10"/>
    </row>
    <row r="86617" spans="14:14">
      <c r="N86617" s="10"/>
    </row>
    <row r="86618" spans="14:14">
      <c r="N86618" s="10"/>
    </row>
    <row r="86619" spans="14:14">
      <c r="N86619" s="10"/>
    </row>
    <row r="86620" spans="14:14">
      <c r="N86620" s="10"/>
    </row>
    <row r="86621" spans="14:14">
      <c r="N86621" s="10"/>
    </row>
    <row r="86622" spans="14:14">
      <c r="N86622" s="10"/>
    </row>
    <row r="86623" spans="14:14">
      <c r="N86623" s="10"/>
    </row>
    <row r="86624" spans="14:14">
      <c r="N86624" s="10"/>
    </row>
    <row r="86625" spans="14:14">
      <c r="N86625" s="10"/>
    </row>
    <row r="86626" spans="14:14">
      <c r="N86626" s="10"/>
    </row>
    <row r="86627" spans="14:14">
      <c r="N86627" s="10"/>
    </row>
    <row r="86628" spans="14:14">
      <c r="N86628" s="10"/>
    </row>
    <row r="86629" spans="14:14">
      <c r="N86629" s="10"/>
    </row>
    <row r="86630" spans="14:14">
      <c r="N86630" s="10"/>
    </row>
    <row r="86631" spans="14:14">
      <c r="N86631" s="10"/>
    </row>
    <row r="86632" spans="14:14">
      <c r="N86632" s="10"/>
    </row>
    <row r="86633" spans="14:14">
      <c r="N86633" s="10"/>
    </row>
    <row r="86634" spans="14:14">
      <c r="N86634" s="10"/>
    </row>
    <row r="86635" spans="14:14">
      <c r="N86635" s="10"/>
    </row>
    <row r="86636" spans="14:14">
      <c r="N86636" s="10"/>
    </row>
    <row r="86637" spans="14:14">
      <c r="N86637" s="10"/>
    </row>
    <row r="86638" spans="14:14">
      <c r="N86638" s="10"/>
    </row>
    <row r="86639" spans="14:14">
      <c r="N86639" s="10"/>
    </row>
    <row r="86640" spans="14:14">
      <c r="N86640" s="10"/>
    </row>
    <row r="86641" spans="14:14">
      <c r="N86641" s="10"/>
    </row>
    <row r="86642" spans="14:14">
      <c r="N86642" s="10"/>
    </row>
    <row r="86643" spans="14:14">
      <c r="N86643" s="10"/>
    </row>
    <row r="86644" spans="14:14">
      <c r="N86644" s="10"/>
    </row>
    <row r="86645" spans="14:14">
      <c r="N86645" s="10"/>
    </row>
    <row r="86646" spans="14:14">
      <c r="N86646" s="10"/>
    </row>
    <row r="86647" spans="14:14">
      <c r="N86647" s="10"/>
    </row>
    <row r="86648" spans="14:14">
      <c r="N86648" s="10"/>
    </row>
    <row r="86649" spans="14:14">
      <c r="N86649" s="10"/>
    </row>
    <row r="86650" spans="14:14">
      <c r="N86650" s="10"/>
    </row>
    <row r="86651" spans="14:14">
      <c r="N86651" s="10"/>
    </row>
    <row r="86652" spans="14:14">
      <c r="N86652" s="10"/>
    </row>
    <row r="86653" spans="14:14">
      <c r="N86653" s="10"/>
    </row>
    <row r="86654" spans="14:14">
      <c r="N86654" s="10"/>
    </row>
    <row r="86655" spans="14:14">
      <c r="N86655" s="10"/>
    </row>
    <row r="86656" spans="14:14">
      <c r="N86656" s="10"/>
    </row>
    <row r="86657" spans="14:14">
      <c r="N86657" s="10"/>
    </row>
    <row r="86658" spans="14:14">
      <c r="N86658" s="10"/>
    </row>
    <row r="86659" spans="14:14">
      <c r="N86659" s="10"/>
    </row>
    <row r="86660" spans="14:14">
      <c r="N86660" s="10"/>
    </row>
    <row r="86661" spans="14:14">
      <c r="N86661" s="10"/>
    </row>
    <row r="86662" spans="14:14">
      <c r="N86662" s="10"/>
    </row>
    <row r="86663" spans="14:14">
      <c r="N86663" s="10"/>
    </row>
    <row r="86664" spans="14:14">
      <c r="N86664" s="10"/>
    </row>
    <row r="86665" spans="14:14">
      <c r="N86665" s="10"/>
    </row>
    <row r="86666" spans="14:14">
      <c r="N86666" s="10"/>
    </row>
    <row r="86667" spans="14:14">
      <c r="N86667" s="10"/>
    </row>
    <row r="86668" spans="14:14">
      <c r="N86668" s="10"/>
    </row>
    <row r="86669" spans="14:14">
      <c r="N86669" s="10"/>
    </row>
    <row r="86670" spans="14:14">
      <c r="N86670" s="10"/>
    </row>
    <row r="86671" spans="14:14">
      <c r="N86671" s="10"/>
    </row>
    <row r="86672" spans="14:14">
      <c r="N86672" s="10"/>
    </row>
    <row r="86673" spans="14:14">
      <c r="N86673" s="10"/>
    </row>
    <row r="86674" spans="14:14">
      <c r="N86674" s="10"/>
    </row>
    <row r="86675" spans="14:14">
      <c r="N86675" s="10"/>
    </row>
    <row r="86676" spans="14:14">
      <c r="N86676" s="10"/>
    </row>
    <row r="86677" spans="14:14">
      <c r="N86677" s="10"/>
    </row>
    <row r="86678" spans="14:14">
      <c r="N86678" s="10"/>
    </row>
    <row r="86679" spans="14:14">
      <c r="N86679" s="10"/>
    </row>
    <row r="86680" spans="14:14">
      <c r="N86680" s="10"/>
    </row>
    <row r="86681" spans="14:14">
      <c r="N86681" s="10"/>
    </row>
    <row r="86682" spans="14:14">
      <c r="N86682" s="10"/>
    </row>
    <row r="86683" spans="14:14">
      <c r="N86683" s="10"/>
    </row>
    <row r="86684" spans="14:14">
      <c r="N86684" s="10"/>
    </row>
    <row r="86685" spans="14:14">
      <c r="N86685" s="10"/>
    </row>
    <row r="86686" spans="14:14">
      <c r="N86686" s="10"/>
    </row>
    <row r="86687" spans="14:14">
      <c r="N86687" s="10"/>
    </row>
    <row r="86688" spans="14:14">
      <c r="N86688" s="10"/>
    </row>
    <row r="86689" spans="14:14">
      <c r="N86689" s="10"/>
    </row>
    <row r="86690" spans="14:14">
      <c r="N86690" s="10"/>
    </row>
    <row r="86691" spans="14:14">
      <c r="N86691" s="10"/>
    </row>
    <row r="86692" spans="14:14">
      <c r="N86692" s="10"/>
    </row>
    <row r="86693" spans="14:14">
      <c r="N86693" s="10"/>
    </row>
    <row r="86694" spans="14:14">
      <c r="N86694" s="10"/>
    </row>
    <row r="86695" spans="14:14">
      <c r="N86695" s="10"/>
    </row>
    <row r="86696" spans="14:14">
      <c r="N86696" s="10"/>
    </row>
    <row r="86697" spans="14:14">
      <c r="N86697" s="10"/>
    </row>
    <row r="86698" spans="14:14">
      <c r="N86698" s="10"/>
    </row>
    <row r="86699" spans="14:14">
      <c r="N86699" s="10"/>
    </row>
    <row r="86700" spans="14:14">
      <c r="N86700" s="10"/>
    </row>
    <row r="86701" spans="14:14">
      <c r="N86701" s="10"/>
    </row>
    <row r="86702" spans="14:14">
      <c r="N86702" s="10"/>
    </row>
    <row r="86703" spans="14:14">
      <c r="N86703" s="10"/>
    </row>
    <row r="86704" spans="14:14">
      <c r="N86704" s="10"/>
    </row>
    <row r="86705" spans="14:14">
      <c r="N86705" s="10"/>
    </row>
    <row r="86706" spans="14:14">
      <c r="N86706" s="10"/>
    </row>
    <row r="86707" spans="14:14">
      <c r="N86707" s="10"/>
    </row>
    <row r="86708" spans="14:14">
      <c r="N86708" s="10"/>
    </row>
    <row r="86709" spans="14:14">
      <c r="N86709" s="10"/>
    </row>
    <row r="86710" spans="14:14">
      <c r="N86710" s="10"/>
    </row>
    <row r="86711" spans="14:14">
      <c r="N86711" s="10"/>
    </row>
    <row r="86712" spans="14:14">
      <c r="N86712" s="10"/>
    </row>
    <row r="86713" spans="14:14">
      <c r="N86713" s="10"/>
    </row>
    <row r="86714" spans="14:14">
      <c r="N86714" s="10"/>
    </row>
    <row r="86715" spans="14:14">
      <c r="N86715" s="10"/>
    </row>
    <row r="86716" spans="14:14">
      <c r="N86716" s="10"/>
    </row>
    <row r="86717" spans="14:14">
      <c r="N86717" s="10"/>
    </row>
    <row r="86718" spans="14:14">
      <c r="N86718" s="10"/>
    </row>
    <row r="86719" spans="14:14">
      <c r="N86719" s="10"/>
    </row>
    <row r="86720" spans="14:14">
      <c r="N86720" s="10"/>
    </row>
    <row r="86721" spans="14:14">
      <c r="N86721" s="10"/>
    </row>
    <row r="86722" spans="14:14">
      <c r="N86722" s="10"/>
    </row>
    <row r="86723" spans="14:14">
      <c r="N86723" s="10"/>
    </row>
    <row r="86724" spans="14:14">
      <c r="N86724" s="10"/>
    </row>
    <row r="86725" spans="14:14">
      <c r="N86725" s="10"/>
    </row>
    <row r="86726" spans="14:14">
      <c r="N86726" s="10"/>
    </row>
    <row r="86727" spans="14:14">
      <c r="N86727" s="10"/>
    </row>
    <row r="86728" spans="14:14">
      <c r="N86728" s="10"/>
    </row>
    <row r="86729" spans="14:14">
      <c r="N86729" s="10"/>
    </row>
    <row r="86730" spans="14:14">
      <c r="N86730" s="10"/>
    </row>
    <row r="86731" spans="14:14">
      <c r="N86731" s="10"/>
    </row>
    <row r="86732" spans="14:14">
      <c r="N86732" s="10"/>
    </row>
    <row r="86733" spans="14:14">
      <c r="N86733" s="10"/>
    </row>
    <row r="86734" spans="14:14">
      <c r="N86734" s="10"/>
    </row>
    <row r="86735" spans="14:14">
      <c r="N86735" s="10"/>
    </row>
    <row r="86736" spans="14:14">
      <c r="N86736" s="10"/>
    </row>
    <row r="86737" spans="14:14">
      <c r="N86737" s="10"/>
    </row>
    <row r="86738" spans="14:14">
      <c r="N86738" s="10"/>
    </row>
    <row r="86739" spans="14:14">
      <c r="N86739" s="10"/>
    </row>
    <row r="86740" spans="14:14">
      <c r="N86740" s="10"/>
    </row>
    <row r="86741" spans="14:14">
      <c r="N86741" s="10"/>
    </row>
    <row r="86742" spans="14:14">
      <c r="N86742" s="10"/>
    </row>
    <row r="86743" spans="14:14">
      <c r="N86743" s="10"/>
    </row>
    <row r="86744" spans="14:14">
      <c r="N86744" s="10"/>
    </row>
    <row r="86745" spans="14:14">
      <c r="N86745" s="10"/>
    </row>
    <row r="86746" spans="14:14">
      <c r="N86746" s="10"/>
    </row>
    <row r="86747" spans="14:14">
      <c r="N86747" s="10"/>
    </row>
    <row r="86748" spans="14:14">
      <c r="N86748" s="10"/>
    </row>
    <row r="86749" spans="14:14">
      <c r="N86749" s="10"/>
    </row>
    <row r="86750" spans="14:14">
      <c r="N86750" s="10"/>
    </row>
    <row r="86751" spans="14:14">
      <c r="N86751" s="10"/>
    </row>
    <row r="86752" spans="14:14">
      <c r="N86752" s="10"/>
    </row>
    <row r="86753" spans="14:14">
      <c r="N86753" s="10"/>
    </row>
    <row r="86754" spans="14:14">
      <c r="N86754" s="10"/>
    </row>
    <row r="86755" spans="14:14">
      <c r="N86755" s="10"/>
    </row>
    <row r="86756" spans="14:14">
      <c r="N86756" s="10"/>
    </row>
    <row r="86757" spans="14:14">
      <c r="N86757" s="10"/>
    </row>
    <row r="86758" spans="14:14">
      <c r="N86758" s="10"/>
    </row>
    <row r="86759" spans="14:14">
      <c r="N86759" s="10"/>
    </row>
    <row r="86760" spans="14:14">
      <c r="N86760" s="10"/>
    </row>
    <row r="86761" spans="14:14">
      <c r="N86761" s="10"/>
    </row>
    <row r="86762" spans="14:14">
      <c r="N86762" s="10"/>
    </row>
    <row r="86763" spans="14:14">
      <c r="N86763" s="10"/>
    </row>
    <row r="86764" spans="14:14">
      <c r="N86764" s="10"/>
    </row>
    <row r="86765" spans="14:14">
      <c r="N86765" s="10"/>
    </row>
    <row r="86766" spans="14:14">
      <c r="N86766" s="10"/>
    </row>
    <row r="86767" spans="14:14">
      <c r="N86767" s="10"/>
    </row>
    <row r="86768" spans="14:14">
      <c r="N86768" s="10"/>
    </row>
    <row r="86769" spans="14:14">
      <c r="N86769" s="10"/>
    </row>
    <row r="86770" spans="14:14">
      <c r="N86770" s="10"/>
    </row>
    <row r="86771" spans="14:14">
      <c r="N86771" s="10"/>
    </row>
    <row r="86772" spans="14:14">
      <c r="N86772" s="10"/>
    </row>
    <row r="86773" spans="14:14">
      <c r="N86773" s="10"/>
    </row>
    <row r="86774" spans="14:14">
      <c r="N86774" s="10"/>
    </row>
    <row r="86775" spans="14:14">
      <c r="N86775" s="10"/>
    </row>
    <row r="86776" spans="14:14">
      <c r="N86776" s="10"/>
    </row>
    <row r="86777" spans="14:14">
      <c r="N86777" s="10"/>
    </row>
    <row r="86778" spans="14:14">
      <c r="N86778" s="10"/>
    </row>
    <row r="86779" spans="14:14">
      <c r="N86779" s="10"/>
    </row>
    <row r="86780" spans="14:14">
      <c r="N86780" s="10"/>
    </row>
    <row r="86781" spans="14:14">
      <c r="N86781" s="10"/>
    </row>
    <row r="86782" spans="14:14">
      <c r="N86782" s="10"/>
    </row>
    <row r="86783" spans="14:14">
      <c r="N86783" s="10"/>
    </row>
    <row r="86784" spans="14:14">
      <c r="N86784" s="10"/>
    </row>
    <row r="86785" spans="14:14">
      <c r="N86785" s="10"/>
    </row>
    <row r="86786" spans="14:14">
      <c r="N86786" s="10"/>
    </row>
    <row r="86787" spans="14:14">
      <c r="N86787" s="10"/>
    </row>
    <row r="86788" spans="14:14">
      <c r="N86788" s="10"/>
    </row>
    <row r="86789" spans="14:14">
      <c r="N86789" s="10"/>
    </row>
    <row r="86790" spans="14:14">
      <c r="N86790" s="10"/>
    </row>
    <row r="86791" spans="14:14">
      <c r="N86791" s="10"/>
    </row>
    <row r="86792" spans="14:14">
      <c r="N86792" s="10"/>
    </row>
    <row r="86793" spans="14:14">
      <c r="N86793" s="10"/>
    </row>
    <row r="86794" spans="14:14">
      <c r="N86794" s="10"/>
    </row>
    <row r="86795" spans="14:14">
      <c r="N86795" s="10"/>
    </row>
    <row r="86796" spans="14:14">
      <c r="N86796" s="10"/>
    </row>
    <row r="86797" spans="14:14">
      <c r="N86797" s="10"/>
    </row>
    <row r="86798" spans="14:14">
      <c r="N86798" s="10"/>
    </row>
    <row r="86799" spans="14:14">
      <c r="N86799" s="10"/>
    </row>
    <row r="86800" spans="14:14">
      <c r="N86800" s="10"/>
    </row>
    <row r="86801" spans="14:14">
      <c r="N86801" s="10"/>
    </row>
    <row r="86802" spans="14:14">
      <c r="N86802" s="10"/>
    </row>
    <row r="86803" spans="14:14">
      <c r="N86803" s="10"/>
    </row>
    <row r="86804" spans="14:14">
      <c r="N86804" s="10"/>
    </row>
    <row r="86805" spans="14:14">
      <c r="N86805" s="10"/>
    </row>
    <row r="86806" spans="14:14">
      <c r="N86806" s="10"/>
    </row>
    <row r="86807" spans="14:14">
      <c r="N86807" s="10"/>
    </row>
    <row r="86808" spans="14:14">
      <c r="N86808" s="10"/>
    </row>
    <row r="86809" spans="14:14">
      <c r="N86809" s="10"/>
    </row>
    <row r="86810" spans="14:14">
      <c r="N86810" s="10"/>
    </row>
    <row r="86811" spans="14:14">
      <c r="N86811" s="10"/>
    </row>
    <row r="86812" spans="14:14">
      <c r="N86812" s="10"/>
    </row>
    <row r="86813" spans="14:14">
      <c r="N86813" s="10"/>
    </row>
    <row r="86814" spans="14:14">
      <c r="N86814" s="10"/>
    </row>
    <row r="86815" spans="14:14">
      <c r="N86815" s="10"/>
    </row>
    <row r="86816" spans="14:14">
      <c r="N86816" s="10"/>
    </row>
    <row r="86817" spans="14:14">
      <c r="N86817" s="10"/>
    </row>
    <row r="86818" spans="14:14">
      <c r="N86818" s="10"/>
    </row>
    <row r="86819" spans="14:14">
      <c r="N86819" s="10"/>
    </row>
    <row r="86820" spans="14:14">
      <c r="N86820" s="10"/>
    </row>
    <row r="86821" spans="14:14">
      <c r="N86821" s="10"/>
    </row>
    <row r="86822" spans="14:14">
      <c r="N86822" s="10"/>
    </row>
    <row r="86823" spans="14:14">
      <c r="N86823" s="10"/>
    </row>
    <row r="86824" spans="14:14">
      <c r="N86824" s="10"/>
    </row>
    <row r="86825" spans="14:14">
      <c r="N86825" s="10"/>
    </row>
    <row r="86826" spans="14:14">
      <c r="N86826" s="10"/>
    </row>
    <row r="86827" spans="14:14">
      <c r="N86827" s="10"/>
    </row>
    <row r="86828" spans="14:14">
      <c r="N86828" s="10"/>
    </row>
    <row r="86829" spans="14:14">
      <c r="N86829" s="10"/>
    </row>
    <row r="86830" spans="14:14">
      <c r="N86830" s="10"/>
    </row>
    <row r="86831" spans="14:14">
      <c r="N86831" s="10"/>
    </row>
    <row r="86832" spans="14:14">
      <c r="N86832" s="10"/>
    </row>
    <row r="86833" spans="14:14">
      <c r="N86833" s="10"/>
    </row>
    <row r="86834" spans="14:14">
      <c r="N86834" s="10"/>
    </row>
    <row r="86835" spans="14:14">
      <c r="N86835" s="10"/>
    </row>
    <row r="86836" spans="14:14">
      <c r="N86836" s="10"/>
    </row>
    <row r="86837" spans="14:14">
      <c r="N86837" s="10"/>
    </row>
    <row r="86838" spans="14:14">
      <c r="N86838" s="10"/>
    </row>
    <row r="86839" spans="14:14">
      <c r="N86839" s="10"/>
    </row>
    <row r="86840" spans="14:14">
      <c r="N86840" s="10"/>
    </row>
    <row r="86841" spans="14:14">
      <c r="N86841" s="10"/>
    </row>
    <row r="86842" spans="14:14">
      <c r="N86842" s="10"/>
    </row>
    <row r="86843" spans="14:14">
      <c r="N86843" s="10"/>
    </row>
    <row r="86844" spans="14:14">
      <c r="N86844" s="10"/>
    </row>
    <row r="86845" spans="14:14">
      <c r="N86845" s="10"/>
    </row>
    <row r="86846" spans="14:14">
      <c r="N86846" s="10"/>
    </row>
    <row r="86847" spans="14:14">
      <c r="N86847" s="10"/>
    </row>
    <row r="86848" spans="14:14">
      <c r="N86848" s="10"/>
    </row>
    <row r="86849" spans="14:14">
      <c r="N86849" s="10"/>
    </row>
    <row r="86850" spans="14:14">
      <c r="N86850" s="10"/>
    </row>
    <row r="86851" spans="14:14">
      <c r="N86851" s="10"/>
    </row>
    <row r="86852" spans="14:14">
      <c r="N86852" s="10"/>
    </row>
    <row r="86853" spans="14:14">
      <c r="N86853" s="10"/>
    </row>
    <row r="86854" spans="14:14">
      <c r="N86854" s="10"/>
    </row>
    <row r="86855" spans="14:14">
      <c r="N86855" s="10"/>
    </row>
    <row r="86856" spans="14:14">
      <c r="N86856" s="10"/>
    </row>
    <row r="86857" spans="14:14">
      <c r="N86857" s="10"/>
    </row>
    <row r="86858" spans="14:14">
      <c r="N86858" s="10"/>
    </row>
    <row r="86859" spans="14:14">
      <c r="N86859" s="10"/>
    </row>
    <row r="86860" spans="14:14">
      <c r="N86860" s="10"/>
    </row>
    <row r="86861" spans="14:14">
      <c r="N86861" s="10"/>
    </row>
    <row r="86862" spans="14:14">
      <c r="N86862" s="10"/>
    </row>
    <row r="86863" spans="14:14">
      <c r="N86863" s="10"/>
    </row>
    <row r="86864" spans="14:14">
      <c r="N86864" s="10"/>
    </row>
    <row r="86865" spans="14:14">
      <c r="N86865" s="10"/>
    </row>
    <row r="86866" spans="14:14">
      <c r="N86866" s="10"/>
    </row>
    <row r="86867" spans="14:14">
      <c r="N86867" s="10"/>
    </row>
    <row r="86868" spans="14:14">
      <c r="N86868" s="10"/>
    </row>
    <row r="86869" spans="14:14">
      <c r="N86869" s="10"/>
    </row>
    <row r="86870" spans="14:14">
      <c r="N86870" s="10"/>
    </row>
    <row r="86871" spans="14:14">
      <c r="N86871" s="10"/>
    </row>
    <row r="86872" spans="14:14">
      <c r="N86872" s="10"/>
    </row>
    <row r="86873" spans="14:14">
      <c r="N86873" s="10"/>
    </row>
    <row r="86874" spans="14:14">
      <c r="N86874" s="10"/>
    </row>
    <row r="86875" spans="14:14">
      <c r="N86875" s="10"/>
    </row>
    <row r="86876" spans="14:14">
      <c r="N86876" s="10"/>
    </row>
    <row r="86877" spans="14:14">
      <c r="N86877" s="10"/>
    </row>
    <row r="86878" spans="14:14">
      <c r="N86878" s="10"/>
    </row>
    <row r="86879" spans="14:14">
      <c r="N86879" s="10"/>
    </row>
    <row r="86880" spans="14:14">
      <c r="N86880" s="10"/>
    </row>
    <row r="86881" spans="14:14">
      <c r="N86881" s="10"/>
    </row>
    <row r="86882" spans="14:14">
      <c r="N86882" s="10"/>
    </row>
    <row r="86883" spans="14:14">
      <c r="N86883" s="10"/>
    </row>
    <row r="86884" spans="14:14">
      <c r="N86884" s="10"/>
    </row>
    <row r="86885" spans="14:14">
      <c r="N86885" s="10"/>
    </row>
    <row r="86886" spans="14:14">
      <c r="N86886" s="10"/>
    </row>
    <row r="86887" spans="14:14">
      <c r="N86887" s="10"/>
    </row>
    <row r="86888" spans="14:14">
      <c r="N86888" s="10"/>
    </row>
    <row r="86889" spans="14:14">
      <c r="N86889" s="10"/>
    </row>
    <row r="86890" spans="14:14">
      <c r="N86890" s="10"/>
    </row>
    <row r="86891" spans="14:14">
      <c r="N86891" s="10"/>
    </row>
    <row r="86892" spans="14:14">
      <c r="N86892" s="10"/>
    </row>
    <row r="86893" spans="14:14">
      <c r="N86893" s="10"/>
    </row>
    <row r="86894" spans="14:14">
      <c r="N86894" s="10"/>
    </row>
    <row r="86895" spans="14:14">
      <c r="N86895" s="10"/>
    </row>
    <row r="86896" spans="14:14">
      <c r="N86896" s="10"/>
    </row>
    <row r="86897" spans="14:14">
      <c r="N86897" s="10"/>
    </row>
    <row r="86898" spans="14:14">
      <c r="N86898" s="10"/>
    </row>
    <row r="86899" spans="14:14">
      <c r="N86899" s="10"/>
    </row>
    <row r="86900" spans="14:14">
      <c r="N86900" s="10"/>
    </row>
    <row r="86901" spans="14:14">
      <c r="N86901" s="10"/>
    </row>
    <row r="86902" spans="14:14">
      <c r="N86902" s="10"/>
    </row>
    <row r="86903" spans="14:14">
      <c r="N86903" s="10"/>
    </row>
    <row r="86904" spans="14:14">
      <c r="N86904" s="10"/>
    </row>
    <row r="86905" spans="14:14">
      <c r="N86905" s="10"/>
    </row>
    <row r="86906" spans="14:14">
      <c r="N86906" s="10"/>
    </row>
    <row r="86907" spans="14:14">
      <c r="N86907" s="10"/>
    </row>
    <row r="86908" spans="14:14">
      <c r="N86908" s="10"/>
    </row>
    <row r="86909" spans="14:14">
      <c r="N86909" s="10"/>
    </row>
    <row r="86910" spans="14:14">
      <c r="N86910" s="10"/>
    </row>
    <row r="86911" spans="14:14">
      <c r="N86911" s="10"/>
    </row>
    <row r="86912" spans="14:14">
      <c r="N86912" s="10"/>
    </row>
    <row r="86913" spans="14:14">
      <c r="N86913" s="10"/>
    </row>
    <row r="86914" spans="14:14">
      <c r="N86914" s="10"/>
    </row>
    <row r="86915" spans="14:14">
      <c r="N86915" s="10"/>
    </row>
    <row r="86916" spans="14:14">
      <c r="N86916" s="10"/>
    </row>
    <row r="86917" spans="14:14">
      <c r="N86917" s="10"/>
    </row>
    <row r="86918" spans="14:14">
      <c r="N86918" s="10"/>
    </row>
    <row r="86919" spans="14:14">
      <c r="N86919" s="10"/>
    </row>
    <row r="86920" spans="14:14">
      <c r="N86920" s="10"/>
    </row>
    <row r="86921" spans="14:14">
      <c r="N86921" s="10"/>
    </row>
    <row r="86922" spans="14:14">
      <c r="N86922" s="10"/>
    </row>
    <row r="86923" spans="14:14">
      <c r="N86923" s="10"/>
    </row>
    <row r="86924" spans="14:14">
      <c r="N86924" s="10"/>
    </row>
    <row r="86925" spans="14:14">
      <c r="N86925" s="10"/>
    </row>
    <row r="86926" spans="14:14">
      <c r="N86926" s="10"/>
    </row>
    <row r="86927" spans="14:14">
      <c r="N86927" s="10"/>
    </row>
    <row r="86928" spans="14:14">
      <c r="N86928" s="10"/>
    </row>
    <row r="86929" spans="14:14">
      <c r="N86929" s="10"/>
    </row>
    <row r="86930" spans="14:14">
      <c r="N86930" s="10"/>
    </row>
    <row r="86931" spans="14:14">
      <c r="N86931" s="10"/>
    </row>
    <row r="86932" spans="14:14">
      <c r="N86932" s="10"/>
    </row>
    <row r="86933" spans="14:14">
      <c r="N86933" s="10"/>
    </row>
    <row r="86934" spans="14:14">
      <c r="N86934" s="10"/>
    </row>
    <row r="86935" spans="14:14">
      <c r="N86935" s="10"/>
    </row>
    <row r="86936" spans="14:14">
      <c r="N86936" s="10"/>
    </row>
    <row r="86937" spans="14:14">
      <c r="N86937" s="10"/>
    </row>
    <row r="86938" spans="14:14">
      <c r="N86938" s="10"/>
    </row>
    <row r="86939" spans="14:14">
      <c r="N86939" s="10"/>
    </row>
    <row r="86940" spans="14:14">
      <c r="N86940" s="10"/>
    </row>
    <row r="86941" spans="14:14">
      <c r="N86941" s="10"/>
    </row>
    <row r="86942" spans="14:14">
      <c r="N86942" s="10"/>
    </row>
    <row r="86943" spans="14:14">
      <c r="N86943" s="10"/>
    </row>
    <row r="86944" spans="14:14">
      <c r="N86944" s="10"/>
    </row>
    <row r="86945" spans="14:14">
      <c r="N86945" s="10"/>
    </row>
    <row r="86946" spans="14:14">
      <c r="N86946" s="10"/>
    </row>
    <row r="86947" spans="14:14">
      <c r="N86947" s="10"/>
    </row>
    <row r="86948" spans="14:14">
      <c r="N86948" s="10"/>
    </row>
    <row r="86949" spans="14:14">
      <c r="N86949" s="10"/>
    </row>
    <row r="86950" spans="14:14">
      <c r="N86950" s="10"/>
    </row>
    <row r="86951" spans="14:14">
      <c r="N86951" s="10"/>
    </row>
    <row r="86952" spans="14:14">
      <c r="N86952" s="10"/>
    </row>
    <row r="86953" spans="14:14">
      <c r="N86953" s="10"/>
    </row>
    <row r="86954" spans="14:14">
      <c r="N86954" s="10"/>
    </row>
    <row r="86955" spans="14:14">
      <c r="N86955" s="10"/>
    </row>
    <row r="86956" spans="14:14">
      <c r="N86956" s="10"/>
    </row>
    <row r="86957" spans="14:14">
      <c r="N86957" s="10"/>
    </row>
    <row r="86958" spans="14:14">
      <c r="N86958" s="10"/>
    </row>
    <row r="86959" spans="14:14">
      <c r="N86959" s="10"/>
    </row>
    <row r="86960" spans="14:14">
      <c r="N86960" s="10"/>
    </row>
    <row r="86961" spans="14:14">
      <c r="N86961" s="10"/>
    </row>
    <row r="86962" spans="14:14">
      <c r="N86962" s="10"/>
    </row>
    <row r="86963" spans="14:14">
      <c r="N86963" s="10"/>
    </row>
    <row r="86964" spans="14:14">
      <c r="N86964" s="10"/>
    </row>
    <row r="86965" spans="14:14">
      <c r="N86965" s="10"/>
    </row>
    <row r="86966" spans="14:14">
      <c r="N86966" s="10"/>
    </row>
    <row r="86967" spans="14:14">
      <c r="N86967" s="10"/>
    </row>
    <row r="86968" spans="14:14">
      <c r="N86968" s="10"/>
    </row>
    <row r="86969" spans="14:14">
      <c r="N86969" s="10"/>
    </row>
    <row r="86970" spans="14:14">
      <c r="N86970" s="10"/>
    </row>
    <row r="86971" spans="14:14">
      <c r="N86971" s="10"/>
    </row>
    <row r="86972" spans="14:14">
      <c r="N86972" s="10"/>
    </row>
    <row r="86973" spans="14:14">
      <c r="N86973" s="10"/>
    </row>
    <row r="86974" spans="14:14">
      <c r="N86974" s="10"/>
    </row>
    <row r="86975" spans="14:14">
      <c r="N86975" s="10"/>
    </row>
    <row r="86976" spans="14:14">
      <c r="N86976" s="10"/>
    </row>
    <row r="86977" spans="14:14">
      <c r="N86977" s="10"/>
    </row>
    <row r="86978" spans="14:14">
      <c r="N86978" s="10"/>
    </row>
    <row r="86979" spans="14:14">
      <c r="N86979" s="10"/>
    </row>
    <row r="86980" spans="14:14">
      <c r="N86980" s="10"/>
    </row>
    <row r="86981" spans="14:14">
      <c r="N86981" s="10"/>
    </row>
    <row r="86982" spans="14:14">
      <c r="N86982" s="10"/>
    </row>
    <row r="86983" spans="14:14">
      <c r="N86983" s="10"/>
    </row>
    <row r="86984" spans="14:14">
      <c r="N86984" s="10"/>
    </row>
    <row r="86985" spans="14:14">
      <c r="N86985" s="10"/>
    </row>
    <row r="86986" spans="14:14">
      <c r="N86986" s="10"/>
    </row>
    <row r="86987" spans="14:14">
      <c r="N86987" s="10"/>
    </row>
    <row r="86988" spans="14:14">
      <c r="N86988" s="10"/>
    </row>
    <row r="86989" spans="14:14">
      <c r="N86989" s="10"/>
    </row>
    <row r="86990" spans="14:14">
      <c r="N86990" s="10"/>
    </row>
    <row r="86991" spans="14:14">
      <c r="N86991" s="10"/>
    </row>
    <row r="86992" spans="14:14">
      <c r="N86992" s="10"/>
    </row>
    <row r="86993" spans="14:14">
      <c r="N86993" s="10"/>
    </row>
    <row r="86994" spans="14:14">
      <c r="N86994" s="10"/>
    </row>
    <row r="86995" spans="14:14">
      <c r="N86995" s="10"/>
    </row>
    <row r="86996" spans="14:14">
      <c r="N86996" s="10"/>
    </row>
    <row r="86997" spans="14:14">
      <c r="N86997" s="10"/>
    </row>
    <row r="86998" spans="14:14">
      <c r="N86998" s="10"/>
    </row>
    <row r="86999" spans="14:14">
      <c r="N86999" s="10"/>
    </row>
    <row r="87000" spans="14:14">
      <c r="N87000" s="10"/>
    </row>
    <row r="87001" spans="14:14">
      <c r="N87001" s="10"/>
    </row>
    <row r="87002" spans="14:14">
      <c r="N87002" s="10"/>
    </row>
    <row r="87003" spans="14:14">
      <c r="N87003" s="10"/>
    </row>
    <row r="87004" spans="14:14">
      <c r="N87004" s="10"/>
    </row>
    <row r="87005" spans="14:14">
      <c r="N87005" s="10"/>
    </row>
    <row r="87006" spans="14:14">
      <c r="N87006" s="10"/>
    </row>
    <row r="87007" spans="14:14">
      <c r="N87007" s="10"/>
    </row>
    <row r="87008" spans="14:14">
      <c r="N87008" s="10"/>
    </row>
    <row r="87009" spans="14:14">
      <c r="N87009" s="10"/>
    </row>
    <row r="87010" spans="14:14">
      <c r="N87010" s="10"/>
    </row>
    <row r="87011" spans="14:14">
      <c r="N87011" s="10"/>
    </row>
    <row r="87012" spans="14:14">
      <c r="N87012" s="10"/>
    </row>
    <row r="87013" spans="14:14">
      <c r="N87013" s="10"/>
    </row>
    <row r="87014" spans="14:14">
      <c r="N87014" s="10"/>
    </row>
    <row r="87015" spans="14:14">
      <c r="N87015" s="10"/>
    </row>
    <row r="87016" spans="14:14">
      <c r="N87016" s="10"/>
    </row>
    <row r="87017" spans="14:14">
      <c r="N87017" s="10"/>
    </row>
    <row r="87018" spans="14:14">
      <c r="N87018" s="10"/>
    </row>
    <row r="87019" spans="14:14">
      <c r="N87019" s="10"/>
    </row>
    <row r="87020" spans="14:14">
      <c r="N87020" s="10"/>
    </row>
    <row r="87021" spans="14:14">
      <c r="N87021" s="10"/>
    </row>
    <row r="87022" spans="14:14">
      <c r="N87022" s="10"/>
    </row>
    <row r="87023" spans="14:14">
      <c r="N87023" s="10"/>
    </row>
    <row r="87024" spans="14:14">
      <c r="N87024" s="10"/>
    </row>
    <row r="87025" spans="14:14">
      <c r="N87025" s="10"/>
    </row>
    <row r="87026" spans="14:14">
      <c r="N87026" s="10"/>
    </row>
    <row r="87027" spans="14:14">
      <c r="N87027" s="10"/>
    </row>
    <row r="87028" spans="14:14">
      <c r="N87028" s="10"/>
    </row>
    <row r="87029" spans="14:14">
      <c r="N87029" s="10"/>
    </row>
    <row r="87030" spans="14:14">
      <c r="N87030" s="10"/>
    </row>
    <row r="87031" spans="14:14">
      <c r="N87031" s="10"/>
    </row>
    <row r="87032" spans="14:14">
      <c r="N87032" s="10"/>
    </row>
    <row r="87033" spans="14:14">
      <c r="N87033" s="10"/>
    </row>
    <row r="87034" spans="14:14">
      <c r="N87034" s="10"/>
    </row>
    <row r="87035" spans="14:14">
      <c r="N87035" s="10"/>
    </row>
    <row r="87036" spans="14:14">
      <c r="N87036" s="10"/>
    </row>
    <row r="87037" spans="14:14">
      <c r="N87037" s="10"/>
    </row>
    <row r="87038" spans="14:14">
      <c r="N87038" s="10"/>
    </row>
    <row r="87039" spans="14:14">
      <c r="N87039" s="10"/>
    </row>
    <row r="87040" spans="14:14">
      <c r="N87040" s="10"/>
    </row>
    <row r="87041" spans="14:14">
      <c r="N87041" s="10"/>
    </row>
    <row r="87042" spans="14:14">
      <c r="N87042" s="10"/>
    </row>
    <row r="87043" spans="14:14">
      <c r="N87043" s="10"/>
    </row>
    <row r="87044" spans="14:14">
      <c r="N87044" s="10"/>
    </row>
    <row r="87045" spans="14:14">
      <c r="N87045" s="10"/>
    </row>
    <row r="87046" spans="14:14">
      <c r="N87046" s="10"/>
    </row>
    <row r="87047" spans="14:14">
      <c r="N87047" s="10"/>
    </row>
    <row r="87048" spans="14:14">
      <c r="N87048" s="10"/>
    </row>
    <row r="87049" spans="14:14">
      <c r="N87049" s="10"/>
    </row>
    <row r="87050" spans="14:14">
      <c r="N87050" s="10"/>
    </row>
    <row r="87051" spans="14:14">
      <c r="N87051" s="10"/>
    </row>
    <row r="87052" spans="14:14">
      <c r="N87052" s="10"/>
    </row>
    <row r="87053" spans="14:14">
      <c r="N87053" s="10"/>
    </row>
    <row r="87054" spans="14:14">
      <c r="N87054" s="10"/>
    </row>
    <row r="87055" spans="14:14">
      <c r="N87055" s="10"/>
    </row>
    <row r="87056" spans="14:14">
      <c r="N87056" s="10"/>
    </row>
    <row r="87057" spans="14:14">
      <c r="N87057" s="10"/>
    </row>
    <row r="87058" spans="14:14">
      <c r="N87058" s="10"/>
    </row>
    <row r="87059" spans="14:14">
      <c r="N87059" s="10"/>
    </row>
    <row r="87060" spans="14:14">
      <c r="N87060" s="10"/>
    </row>
    <row r="87061" spans="14:14">
      <c r="N87061" s="10"/>
    </row>
    <row r="87062" spans="14:14">
      <c r="N87062" s="10"/>
    </row>
    <row r="87063" spans="14:14">
      <c r="N87063" s="10"/>
    </row>
    <row r="87064" spans="14:14">
      <c r="N87064" s="10"/>
    </row>
    <row r="87065" spans="14:14">
      <c r="N87065" s="10"/>
    </row>
    <row r="87066" spans="14:14">
      <c r="N87066" s="10"/>
    </row>
    <row r="87067" spans="14:14">
      <c r="N87067" s="10"/>
    </row>
    <row r="87068" spans="14:14">
      <c r="N87068" s="10"/>
    </row>
    <row r="87069" spans="14:14">
      <c r="N87069" s="10"/>
    </row>
    <row r="87070" spans="14:14">
      <c r="N87070" s="10"/>
    </row>
    <row r="87071" spans="14:14">
      <c r="N87071" s="10"/>
    </row>
    <row r="87072" spans="14:14">
      <c r="N87072" s="10"/>
    </row>
    <row r="87073" spans="14:14">
      <c r="N87073" s="10"/>
    </row>
    <row r="87074" spans="14:14">
      <c r="N87074" s="10"/>
    </row>
    <row r="87075" spans="14:14">
      <c r="N87075" s="10"/>
    </row>
    <row r="87076" spans="14:14">
      <c r="N87076" s="10"/>
    </row>
    <row r="87077" spans="14:14">
      <c r="N87077" s="10"/>
    </row>
    <row r="87078" spans="14:14">
      <c r="N87078" s="10"/>
    </row>
    <row r="87079" spans="14:14">
      <c r="N87079" s="10"/>
    </row>
    <row r="87080" spans="14:14">
      <c r="N87080" s="10"/>
    </row>
    <row r="87081" spans="14:14">
      <c r="N87081" s="10"/>
    </row>
    <row r="87082" spans="14:14">
      <c r="N87082" s="10"/>
    </row>
    <row r="87083" spans="14:14">
      <c r="N87083" s="10"/>
    </row>
    <row r="87084" spans="14:14">
      <c r="N87084" s="10"/>
    </row>
    <row r="87085" spans="14:14">
      <c r="N87085" s="10"/>
    </row>
    <row r="87086" spans="14:14">
      <c r="N87086" s="10"/>
    </row>
    <row r="87087" spans="14:14">
      <c r="N87087" s="10"/>
    </row>
    <row r="87088" spans="14:14">
      <c r="N87088" s="10"/>
    </row>
    <row r="87089" spans="14:14">
      <c r="N87089" s="10"/>
    </row>
    <row r="87090" spans="14:14">
      <c r="N87090" s="10"/>
    </row>
    <row r="87091" spans="14:14">
      <c r="N87091" s="10"/>
    </row>
    <row r="87092" spans="14:14">
      <c r="N87092" s="10"/>
    </row>
    <row r="87093" spans="14:14">
      <c r="N87093" s="10"/>
    </row>
    <row r="87094" spans="14:14">
      <c r="N87094" s="10"/>
    </row>
    <row r="87095" spans="14:14">
      <c r="N87095" s="10"/>
    </row>
    <row r="87096" spans="14:14">
      <c r="N87096" s="10"/>
    </row>
    <row r="87097" spans="14:14">
      <c r="N87097" s="10"/>
    </row>
    <row r="87098" spans="14:14">
      <c r="N87098" s="10"/>
    </row>
    <row r="87099" spans="14:14">
      <c r="N87099" s="10"/>
    </row>
    <row r="87100" spans="14:14">
      <c r="N87100" s="10"/>
    </row>
    <row r="87101" spans="14:14">
      <c r="N87101" s="10"/>
    </row>
    <row r="87102" spans="14:14">
      <c r="N87102" s="10"/>
    </row>
    <row r="87103" spans="14:14">
      <c r="N87103" s="10"/>
    </row>
    <row r="87104" spans="14:14">
      <c r="N87104" s="10"/>
    </row>
    <row r="87105" spans="14:14">
      <c r="N87105" s="10"/>
    </row>
    <row r="87106" spans="14:14">
      <c r="N87106" s="10"/>
    </row>
    <row r="87107" spans="14:14">
      <c r="N87107" s="10"/>
    </row>
    <row r="87108" spans="14:14">
      <c r="N87108" s="10"/>
    </row>
    <row r="87109" spans="14:14">
      <c r="N87109" s="10"/>
    </row>
    <row r="87110" spans="14:14">
      <c r="N87110" s="10"/>
    </row>
    <row r="87111" spans="14:14">
      <c r="N87111" s="10"/>
    </row>
    <row r="87112" spans="14:14">
      <c r="N87112" s="10"/>
    </row>
    <row r="87113" spans="14:14">
      <c r="N87113" s="10"/>
    </row>
    <row r="87114" spans="14:14">
      <c r="N87114" s="10"/>
    </row>
    <row r="87115" spans="14:14">
      <c r="N87115" s="10"/>
    </row>
    <row r="87116" spans="14:14">
      <c r="N87116" s="10"/>
    </row>
    <row r="87117" spans="14:14">
      <c r="N87117" s="10"/>
    </row>
    <row r="87118" spans="14:14">
      <c r="N87118" s="10"/>
    </row>
    <row r="87119" spans="14:14">
      <c r="N87119" s="10"/>
    </row>
    <row r="87120" spans="14:14">
      <c r="N87120" s="10"/>
    </row>
    <row r="87121" spans="14:14">
      <c r="N87121" s="10"/>
    </row>
    <row r="87122" spans="14:14">
      <c r="N87122" s="10"/>
    </row>
    <row r="87123" spans="14:14">
      <c r="N87123" s="10"/>
    </row>
    <row r="87124" spans="14:14">
      <c r="N87124" s="10"/>
    </row>
    <row r="87125" spans="14:14">
      <c r="N87125" s="10"/>
    </row>
    <row r="87126" spans="14:14">
      <c r="N87126" s="10"/>
    </row>
    <row r="87127" spans="14:14">
      <c r="N87127" s="10"/>
    </row>
    <row r="87128" spans="14:14">
      <c r="N87128" s="10"/>
    </row>
    <row r="87129" spans="14:14">
      <c r="N87129" s="10"/>
    </row>
    <row r="87130" spans="14:14">
      <c r="N87130" s="10"/>
    </row>
    <row r="87131" spans="14:14">
      <c r="N87131" s="10"/>
    </row>
    <row r="87132" spans="14:14">
      <c r="N87132" s="10"/>
    </row>
    <row r="87133" spans="14:14">
      <c r="N87133" s="10"/>
    </row>
    <row r="87134" spans="14:14">
      <c r="N87134" s="10"/>
    </row>
    <row r="87135" spans="14:14">
      <c r="N87135" s="10"/>
    </row>
    <row r="87136" spans="14:14">
      <c r="N87136" s="10"/>
    </row>
    <row r="87137" spans="14:14">
      <c r="N87137" s="10"/>
    </row>
    <row r="87138" spans="14:14">
      <c r="N87138" s="10"/>
    </row>
    <row r="87139" spans="14:14">
      <c r="N87139" s="10"/>
    </row>
    <row r="87140" spans="14:14">
      <c r="N87140" s="10"/>
    </row>
    <row r="87141" spans="14:14">
      <c r="N87141" s="10"/>
    </row>
    <row r="87142" spans="14:14">
      <c r="N87142" s="10"/>
    </row>
    <row r="87143" spans="14:14">
      <c r="N87143" s="10"/>
    </row>
    <row r="87144" spans="14:14">
      <c r="N87144" s="10"/>
    </row>
    <row r="87145" spans="14:14">
      <c r="N87145" s="10"/>
    </row>
    <row r="87146" spans="14:14">
      <c r="N87146" s="10"/>
    </row>
    <row r="87147" spans="14:14">
      <c r="N87147" s="10"/>
    </row>
    <row r="87148" spans="14:14">
      <c r="N87148" s="10"/>
    </row>
    <row r="87149" spans="14:14">
      <c r="N87149" s="10"/>
    </row>
    <row r="87150" spans="14:14">
      <c r="N87150" s="10"/>
    </row>
    <row r="87151" spans="14:14">
      <c r="N87151" s="10"/>
    </row>
    <row r="87152" spans="14:14">
      <c r="N87152" s="10"/>
    </row>
    <row r="87153" spans="14:14">
      <c r="N87153" s="10"/>
    </row>
    <row r="87154" spans="14:14">
      <c r="N87154" s="10"/>
    </row>
    <row r="87155" spans="14:14">
      <c r="N87155" s="10"/>
    </row>
    <row r="87156" spans="14:14">
      <c r="N87156" s="10"/>
    </row>
    <row r="87157" spans="14:14">
      <c r="N87157" s="10"/>
    </row>
    <row r="87158" spans="14:14">
      <c r="N87158" s="10"/>
    </row>
    <row r="87159" spans="14:14">
      <c r="N87159" s="10"/>
    </row>
    <row r="87160" spans="14:14">
      <c r="N87160" s="10"/>
    </row>
    <row r="87161" spans="14:14">
      <c r="N87161" s="10"/>
    </row>
    <row r="87162" spans="14:14">
      <c r="N87162" s="10"/>
    </row>
    <row r="87163" spans="14:14">
      <c r="N87163" s="10"/>
    </row>
    <row r="87164" spans="14:14">
      <c r="N87164" s="10"/>
    </row>
    <row r="87165" spans="14:14">
      <c r="N87165" s="10"/>
    </row>
    <row r="87166" spans="14:14">
      <c r="N87166" s="10"/>
    </row>
    <row r="87167" spans="14:14">
      <c r="N87167" s="10"/>
    </row>
    <row r="87168" spans="14:14">
      <c r="N87168" s="10"/>
    </row>
    <row r="87169" spans="14:14">
      <c r="N87169" s="10"/>
    </row>
    <row r="87170" spans="14:14">
      <c r="N87170" s="10"/>
    </row>
    <row r="87171" spans="14:14">
      <c r="N87171" s="10"/>
    </row>
    <row r="87172" spans="14:14">
      <c r="N87172" s="10"/>
    </row>
    <row r="87173" spans="14:14">
      <c r="N87173" s="10"/>
    </row>
    <row r="87174" spans="14:14">
      <c r="N87174" s="10"/>
    </row>
    <row r="87175" spans="14:14">
      <c r="N87175" s="10"/>
    </row>
    <row r="87176" spans="14:14">
      <c r="N87176" s="10"/>
    </row>
    <row r="87177" spans="14:14">
      <c r="N87177" s="10"/>
    </row>
    <row r="87178" spans="14:14">
      <c r="N87178" s="10"/>
    </row>
    <row r="87179" spans="14:14">
      <c r="N87179" s="10"/>
    </row>
    <row r="87180" spans="14:14">
      <c r="N87180" s="10"/>
    </row>
    <row r="87181" spans="14:14">
      <c r="N87181" s="10"/>
    </row>
    <row r="87182" spans="14:14">
      <c r="N87182" s="10"/>
    </row>
    <row r="87183" spans="14:14">
      <c r="N87183" s="10"/>
    </row>
    <row r="87184" spans="14:14">
      <c r="N87184" s="10"/>
    </row>
    <row r="87185" spans="14:14">
      <c r="N87185" s="10"/>
    </row>
    <row r="87186" spans="14:14">
      <c r="N87186" s="10"/>
    </row>
    <row r="87187" spans="14:14">
      <c r="N87187" s="10"/>
    </row>
    <row r="87188" spans="14:14">
      <c r="N87188" s="10"/>
    </row>
    <row r="87189" spans="14:14">
      <c r="N87189" s="10"/>
    </row>
    <row r="87190" spans="14:14">
      <c r="N87190" s="10"/>
    </row>
    <row r="87191" spans="14:14">
      <c r="N87191" s="10"/>
    </row>
    <row r="87192" spans="14:14">
      <c r="N87192" s="10"/>
    </row>
    <row r="87193" spans="14:14">
      <c r="N87193" s="10"/>
    </row>
    <row r="87194" spans="14:14">
      <c r="N87194" s="10"/>
    </row>
    <row r="87195" spans="14:14">
      <c r="N87195" s="10"/>
    </row>
    <row r="87196" spans="14:14">
      <c r="N87196" s="10"/>
    </row>
    <row r="87197" spans="14:14">
      <c r="N87197" s="10"/>
    </row>
    <row r="87198" spans="14:14">
      <c r="N87198" s="10"/>
    </row>
    <row r="87199" spans="14:14">
      <c r="N87199" s="10"/>
    </row>
    <row r="87200" spans="14:14">
      <c r="N87200" s="10"/>
    </row>
    <row r="87201" spans="14:14">
      <c r="N87201" s="10"/>
    </row>
    <row r="87202" spans="14:14">
      <c r="N87202" s="10"/>
    </row>
    <row r="87203" spans="14:14">
      <c r="N87203" s="10"/>
    </row>
    <row r="87204" spans="14:14">
      <c r="N87204" s="10"/>
    </row>
    <row r="87205" spans="14:14">
      <c r="N87205" s="10"/>
    </row>
    <row r="87206" spans="14:14">
      <c r="N87206" s="10"/>
    </row>
    <row r="87207" spans="14:14">
      <c r="N87207" s="10"/>
    </row>
    <row r="87208" spans="14:14">
      <c r="N87208" s="10"/>
    </row>
    <row r="87209" spans="14:14">
      <c r="N87209" s="10"/>
    </row>
    <row r="87210" spans="14:14">
      <c r="N87210" s="10"/>
    </row>
    <row r="87211" spans="14:14">
      <c r="N87211" s="10"/>
    </row>
    <row r="87212" spans="14:14">
      <c r="N87212" s="10"/>
    </row>
    <row r="87213" spans="14:14">
      <c r="N87213" s="10"/>
    </row>
    <row r="87214" spans="14:14">
      <c r="N87214" s="10"/>
    </row>
    <row r="87215" spans="14:14">
      <c r="N87215" s="10"/>
    </row>
    <row r="87216" spans="14:14">
      <c r="N87216" s="10"/>
    </row>
    <row r="87217" spans="14:14">
      <c r="N87217" s="10"/>
    </row>
    <row r="87218" spans="14:14">
      <c r="N87218" s="10"/>
    </row>
    <row r="87219" spans="14:14">
      <c r="N87219" s="10"/>
    </row>
    <row r="87220" spans="14:14">
      <c r="N87220" s="10"/>
    </row>
    <row r="87221" spans="14:14">
      <c r="N87221" s="10"/>
    </row>
    <row r="87222" spans="14:14">
      <c r="N87222" s="10"/>
    </row>
    <row r="87223" spans="14:14">
      <c r="N87223" s="10"/>
    </row>
    <row r="87224" spans="14:14">
      <c r="N87224" s="10"/>
    </row>
    <row r="87225" spans="14:14">
      <c r="N87225" s="10"/>
    </row>
    <row r="87226" spans="14:14">
      <c r="N87226" s="10"/>
    </row>
    <row r="87227" spans="14:14">
      <c r="N87227" s="10"/>
    </row>
    <row r="87228" spans="14:14">
      <c r="N87228" s="10"/>
    </row>
    <row r="87229" spans="14:14">
      <c r="N87229" s="10"/>
    </row>
    <row r="87230" spans="14:14">
      <c r="N87230" s="10"/>
    </row>
    <row r="87231" spans="14:14">
      <c r="N87231" s="10"/>
    </row>
    <row r="87232" spans="14:14">
      <c r="N87232" s="10"/>
    </row>
    <row r="87233" spans="14:14">
      <c r="N87233" s="10"/>
    </row>
    <row r="87234" spans="14:14">
      <c r="N87234" s="10"/>
    </row>
    <row r="87235" spans="14:14">
      <c r="N87235" s="10"/>
    </row>
    <row r="87236" spans="14:14">
      <c r="N87236" s="10"/>
    </row>
    <row r="87237" spans="14:14">
      <c r="N87237" s="10"/>
    </row>
    <row r="87238" spans="14:14">
      <c r="N87238" s="10"/>
    </row>
    <row r="87239" spans="14:14">
      <c r="N87239" s="10"/>
    </row>
    <row r="87240" spans="14:14">
      <c r="N87240" s="10"/>
    </row>
    <row r="87241" spans="14:14">
      <c r="N87241" s="10"/>
    </row>
    <row r="87242" spans="14:14">
      <c r="N87242" s="10"/>
    </row>
    <row r="87243" spans="14:14">
      <c r="N87243" s="10"/>
    </row>
    <row r="87244" spans="14:14">
      <c r="N87244" s="10"/>
    </row>
    <row r="87245" spans="14:14">
      <c r="N87245" s="10"/>
    </row>
    <row r="87246" spans="14:14">
      <c r="N87246" s="10"/>
    </row>
    <row r="87247" spans="14:14">
      <c r="N87247" s="10"/>
    </row>
    <row r="87248" spans="14:14">
      <c r="N87248" s="10"/>
    </row>
    <row r="87249" spans="14:14">
      <c r="N87249" s="10"/>
    </row>
    <row r="87250" spans="14:14">
      <c r="N87250" s="10"/>
    </row>
    <row r="87251" spans="14:14">
      <c r="N87251" s="10"/>
    </row>
    <row r="87252" spans="14:14">
      <c r="N87252" s="10"/>
    </row>
    <row r="87253" spans="14:14">
      <c r="N87253" s="10"/>
    </row>
    <row r="87254" spans="14:14">
      <c r="N87254" s="10"/>
    </row>
    <row r="87255" spans="14:14">
      <c r="N87255" s="10"/>
    </row>
    <row r="87256" spans="14:14">
      <c r="N87256" s="10"/>
    </row>
    <row r="87257" spans="14:14">
      <c r="N87257" s="10"/>
    </row>
    <row r="87258" spans="14:14">
      <c r="N87258" s="10"/>
    </row>
    <row r="87259" spans="14:14">
      <c r="N87259" s="10"/>
    </row>
    <row r="87260" spans="14:14">
      <c r="N87260" s="10"/>
    </row>
    <row r="87261" spans="14:14">
      <c r="N87261" s="10"/>
    </row>
    <row r="87262" spans="14:14">
      <c r="N87262" s="10"/>
    </row>
    <row r="87263" spans="14:14">
      <c r="N87263" s="10"/>
    </row>
    <row r="87264" spans="14:14">
      <c r="N87264" s="10"/>
    </row>
    <row r="87265" spans="14:14">
      <c r="N87265" s="10"/>
    </row>
    <row r="87266" spans="14:14">
      <c r="N87266" s="10"/>
    </row>
    <row r="87267" spans="14:14">
      <c r="N87267" s="10"/>
    </row>
    <row r="87268" spans="14:14">
      <c r="N87268" s="10"/>
    </row>
    <row r="87269" spans="14:14">
      <c r="N87269" s="10"/>
    </row>
    <row r="87270" spans="14:14">
      <c r="N87270" s="10"/>
    </row>
    <row r="87271" spans="14:14">
      <c r="N87271" s="10"/>
    </row>
    <row r="87272" spans="14:14">
      <c r="N87272" s="10"/>
    </row>
    <row r="87273" spans="14:14">
      <c r="N87273" s="10"/>
    </row>
    <row r="87274" spans="14:14">
      <c r="N87274" s="10"/>
    </row>
    <row r="87275" spans="14:14">
      <c r="N87275" s="10"/>
    </row>
    <row r="87276" spans="14:14">
      <c r="N87276" s="10"/>
    </row>
    <row r="87277" spans="14:14">
      <c r="N87277" s="10"/>
    </row>
    <row r="87278" spans="14:14">
      <c r="N87278" s="10"/>
    </row>
    <row r="87279" spans="14:14">
      <c r="N87279" s="10"/>
    </row>
    <row r="87280" spans="14:14">
      <c r="N87280" s="10"/>
    </row>
    <row r="87281" spans="14:14">
      <c r="N87281" s="10"/>
    </row>
    <row r="87282" spans="14:14">
      <c r="N87282" s="10"/>
    </row>
    <row r="87283" spans="14:14">
      <c r="N87283" s="10"/>
    </row>
    <row r="87284" spans="14:14">
      <c r="N87284" s="10"/>
    </row>
    <row r="87285" spans="14:14">
      <c r="N87285" s="10"/>
    </row>
    <row r="87286" spans="14:14">
      <c r="N87286" s="10"/>
    </row>
    <row r="87287" spans="14:14">
      <c r="N87287" s="10"/>
    </row>
    <row r="87288" spans="14:14">
      <c r="N87288" s="10"/>
    </row>
    <row r="87289" spans="14:14">
      <c r="N87289" s="10"/>
    </row>
    <row r="87290" spans="14:14">
      <c r="N87290" s="10"/>
    </row>
    <row r="87291" spans="14:14">
      <c r="N87291" s="10"/>
    </row>
    <row r="87292" spans="14:14">
      <c r="N87292" s="10"/>
    </row>
    <row r="87293" spans="14:14">
      <c r="N87293" s="10"/>
    </row>
    <row r="87294" spans="14:14">
      <c r="N87294" s="10"/>
    </row>
    <row r="87295" spans="14:14">
      <c r="N87295" s="10"/>
    </row>
    <row r="87296" spans="14:14">
      <c r="N87296" s="10"/>
    </row>
    <row r="87297" spans="14:14">
      <c r="N87297" s="10"/>
    </row>
    <row r="87298" spans="14:14">
      <c r="N87298" s="10"/>
    </row>
    <row r="87299" spans="14:14">
      <c r="N87299" s="10"/>
    </row>
    <row r="87300" spans="14:14">
      <c r="N87300" s="10"/>
    </row>
    <row r="87301" spans="14:14">
      <c r="N87301" s="10"/>
    </row>
    <row r="87302" spans="14:14">
      <c r="N87302" s="10"/>
    </row>
    <row r="87303" spans="14:14">
      <c r="N87303" s="10"/>
    </row>
    <row r="87304" spans="14:14">
      <c r="N87304" s="10"/>
    </row>
    <row r="87305" spans="14:14">
      <c r="N87305" s="10"/>
    </row>
    <row r="87306" spans="14:14">
      <c r="N87306" s="10"/>
    </row>
    <row r="87307" spans="14:14">
      <c r="N87307" s="10"/>
    </row>
    <row r="87308" spans="14:14">
      <c r="N87308" s="10"/>
    </row>
    <row r="87309" spans="14:14">
      <c r="N87309" s="10"/>
    </row>
    <row r="87310" spans="14:14">
      <c r="N87310" s="10"/>
    </row>
    <row r="87311" spans="14:14">
      <c r="N87311" s="10"/>
    </row>
    <row r="87312" spans="14:14">
      <c r="N87312" s="10"/>
    </row>
    <row r="87313" spans="14:14">
      <c r="N87313" s="10"/>
    </row>
    <row r="87314" spans="14:14">
      <c r="N87314" s="10"/>
    </row>
    <row r="87315" spans="14:14">
      <c r="N87315" s="10"/>
    </row>
    <row r="87316" spans="14:14">
      <c r="N87316" s="10"/>
    </row>
    <row r="87317" spans="14:14">
      <c r="N87317" s="10"/>
    </row>
    <row r="87318" spans="14:14">
      <c r="N87318" s="10"/>
    </row>
    <row r="87319" spans="14:14">
      <c r="N87319" s="10"/>
    </row>
    <row r="87320" spans="14:14">
      <c r="N87320" s="10"/>
    </row>
    <row r="87321" spans="14:14">
      <c r="N87321" s="10"/>
    </row>
    <row r="87322" spans="14:14">
      <c r="N87322" s="10"/>
    </row>
    <row r="87323" spans="14:14">
      <c r="N87323" s="10"/>
    </row>
    <row r="87324" spans="14:14">
      <c r="N87324" s="10"/>
    </row>
    <row r="87325" spans="14:14">
      <c r="N87325" s="10"/>
    </row>
    <row r="87326" spans="14:14">
      <c r="N87326" s="10"/>
    </row>
    <row r="87327" spans="14:14">
      <c r="N87327" s="10"/>
    </row>
    <row r="87328" spans="14:14">
      <c r="N87328" s="10"/>
    </row>
    <row r="87329" spans="14:14">
      <c r="N87329" s="10"/>
    </row>
    <row r="87330" spans="14:14">
      <c r="N87330" s="10"/>
    </row>
    <row r="87331" spans="14:14">
      <c r="N87331" s="10"/>
    </row>
    <row r="87332" spans="14:14">
      <c r="N87332" s="10"/>
    </row>
    <row r="87333" spans="14:14">
      <c r="N87333" s="10"/>
    </row>
    <row r="87334" spans="14:14">
      <c r="N87334" s="10"/>
    </row>
    <row r="87335" spans="14:14">
      <c r="N87335" s="10"/>
    </row>
    <row r="87336" spans="14:14">
      <c r="N87336" s="10"/>
    </row>
    <row r="87337" spans="14:14">
      <c r="N87337" s="10"/>
    </row>
    <row r="87338" spans="14:14">
      <c r="N87338" s="10"/>
    </row>
    <row r="87339" spans="14:14">
      <c r="N87339" s="10"/>
    </row>
    <row r="87340" spans="14:14">
      <c r="N87340" s="10"/>
    </row>
    <row r="87341" spans="14:14">
      <c r="N87341" s="10"/>
    </row>
    <row r="87342" spans="14:14">
      <c r="N87342" s="10"/>
    </row>
    <row r="87343" spans="14:14">
      <c r="N87343" s="10"/>
    </row>
    <row r="87344" spans="14:14">
      <c r="N87344" s="10"/>
    </row>
    <row r="87345" spans="14:14">
      <c r="N87345" s="10"/>
    </row>
    <row r="87346" spans="14:14">
      <c r="N87346" s="10"/>
    </row>
    <row r="87347" spans="14:14">
      <c r="N87347" s="10"/>
    </row>
    <row r="87348" spans="14:14">
      <c r="N87348" s="10"/>
    </row>
    <row r="87349" spans="14:14">
      <c r="N87349" s="10"/>
    </row>
    <row r="87350" spans="14:14">
      <c r="N87350" s="10"/>
    </row>
    <row r="87351" spans="14:14">
      <c r="N87351" s="10"/>
    </row>
    <row r="87352" spans="14:14">
      <c r="N87352" s="10"/>
    </row>
    <row r="87353" spans="14:14">
      <c r="N87353" s="10"/>
    </row>
    <row r="87354" spans="14:14">
      <c r="N87354" s="10"/>
    </row>
    <row r="87355" spans="14:14">
      <c r="N87355" s="10"/>
    </row>
    <row r="87356" spans="14:14">
      <c r="N87356" s="10"/>
    </row>
    <row r="87357" spans="14:14">
      <c r="N87357" s="10"/>
    </row>
    <row r="87358" spans="14:14">
      <c r="N87358" s="10"/>
    </row>
    <row r="87359" spans="14:14">
      <c r="N87359" s="10"/>
    </row>
    <row r="87360" spans="14:14">
      <c r="N87360" s="10"/>
    </row>
    <row r="87361" spans="14:14">
      <c r="N87361" s="10"/>
    </row>
    <row r="87362" spans="14:14">
      <c r="N87362" s="10"/>
    </row>
    <row r="87363" spans="14:14">
      <c r="N87363" s="10"/>
    </row>
    <row r="87364" spans="14:14">
      <c r="N87364" s="10"/>
    </row>
    <row r="87365" spans="14:14">
      <c r="N87365" s="10"/>
    </row>
    <row r="87366" spans="14:14">
      <c r="N87366" s="10"/>
    </row>
    <row r="87367" spans="14:14">
      <c r="N87367" s="10"/>
    </row>
    <row r="87368" spans="14:14">
      <c r="N87368" s="10"/>
    </row>
    <row r="87369" spans="14:14">
      <c r="N87369" s="10"/>
    </row>
    <row r="87370" spans="14:14">
      <c r="N87370" s="10"/>
    </row>
    <row r="87371" spans="14:14">
      <c r="N87371" s="10"/>
    </row>
    <row r="87372" spans="14:14">
      <c r="N87372" s="10"/>
    </row>
    <row r="87373" spans="14:14">
      <c r="N87373" s="10"/>
    </row>
    <row r="87374" spans="14:14">
      <c r="N87374" s="10"/>
    </row>
    <row r="87375" spans="14:14">
      <c r="N87375" s="10"/>
    </row>
    <row r="87376" spans="14:14">
      <c r="N87376" s="10"/>
    </row>
    <row r="87377" spans="14:14">
      <c r="N87377" s="10"/>
    </row>
    <row r="87378" spans="14:14">
      <c r="N87378" s="10"/>
    </row>
    <row r="87379" spans="14:14">
      <c r="N87379" s="10"/>
    </row>
    <row r="87380" spans="14:14">
      <c r="N87380" s="10"/>
    </row>
    <row r="87381" spans="14:14">
      <c r="N87381" s="10"/>
    </row>
    <row r="87382" spans="14:14">
      <c r="N87382" s="10"/>
    </row>
    <row r="87383" spans="14:14">
      <c r="N87383" s="10"/>
    </row>
    <row r="87384" spans="14:14">
      <c r="N87384" s="10"/>
    </row>
    <row r="87385" spans="14:14">
      <c r="N87385" s="10"/>
    </row>
    <row r="87386" spans="14:14">
      <c r="N87386" s="10"/>
    </row>
    <row r="87387" spans="14:14">
      <c r="N87387" s="10"/>
    </row>
    <row r="87388" spans="14:14">
      <c r="N87388" s="10"/>
    </row>
    <row r="87389" spans="14:14">
      <c r="N87389" s="10"/>
    </row>
    <row r="87390" spans="14:14">
      <c r="N87390" s="10"/>
    </row>
    <row r="87391" spans="14:14">
      <c r="N87391" s="10"/>
    </row>
    <row r="87392" spans="14:14">
      <c r="N87392" s="10"/>
    </row>
    <row r="87393" spans="14:14">
      <c r="N87393" s="10"/>
    </row>
    <row r="87394" spans="14:14">
      <c r="N87394" s="10"/>
    </row>
    <row r="87395" spans="14:14">
      <c r="N87395" s="10"/>
    </row>
    <row r="87396" spans="14:14">
      <c r="N87396" s="10"/>
    </row>
    <row r="87397" spans="14:14">
      <c r="N87397" s="10"/>
    </row>
    <row r="87398" spans="14:14">
      <c r="N87398" s="10"/>
    </row>
    <row r="87399" spans="14:14">
      <c r="N87399" s="10"/>
    </row>
    <row r="87400" spans="14:14">
      <c r="N87400" s="10"/>
    </row>
    <row r="87401" spans="14:14">
      <c r="N87401" s="10"/>
    </row>
    <row r="87402" spans="14:14">
      <c r="N87402" s="10"/>
    </row>
    <row r="87403" spans="14:14">
      <c r="N87403" s="10"/>
    </row>
    <row r="87404" spans="14:14">
      <c r="N87404" s="10"/>
    </row>
    <row r="87405" spans="14:14">
      <c r="N87405" s="10"/>
    </row>
    <row r="87406" spans="14:14">
      <c r="N87406" s="10"/>
    </row>
    <row r="87407" spans="14:14">
      <c r="N87407" s="10"/>
    </row>
    <row r="87408" spans="14:14">
      <c r="N87408" s="10"/>
    </row>
    <row r="87409" spans="14:14">
      <c r="N87409" s="10"/>
    </row>
    <row r="87410" spans="14:14">
      <c r="N87410" s="10"/>
    </row>
    <row r="87411" spans="14:14">
      <c r="N87411" s="10"/>
    </row>
    <row r="87412" spans="14:14">
      <c r="N87412" s="10"/>
    </row>
    <row r="87413" spans="14:14">
      <c r="N87413" s="10"/>
    </row>
    <row r="87414" spans="14:14">
      <c r="N87414" s="10"/>
    </row>
    <row r="87415" spans="14:14">
      <c r="N87415" s="10"/>
    </row>
    <row r="87416" spans="14:14">
      <c r="N87416" s="10"/>
    </row>
    <row r="87417" spans="14:14">
      <c r="N87417" s="10"/>
    </row>
    <row r="87418" spans="14:14">
      <c r="N87418" s="10"/>
    </row>
    <row r="87419" spans="14:14">
      <c r="N87419" s="10"/>
    </row>
    <row r="87420" spans="14:14">
      <c r="N87420" s="10"/>
    </row>
    <row r="87421" spans="14:14">
      <c r="N87421" s="10"/>
    </row>
    <row r="87422" spans="14:14">
      <c r="N87422" s="10"/>
    </row>
    <row r="87423" spans="14:14">
      <c r="N87423" s="10"/>
    </row>
    <row r="87424" spans="14:14">
      <c r="N87424" s="10"/>
    </row>
    <row r="87425" spans="14:14">
      <c r="N87425" s="10"/>
    </row>
    <row r="87426" spans="14:14">
      <c r="N87426" s="10"/>
    </row>
    <row r="87427" spans="14:14">
      <c r="N87427" s="10"/>
    </row>
    <row r="87428" spans="14:14">
      <c r="N87428" s="10"/>
    </row>
    <row r="87429" spans="14:14">
      <c r="N87429" s="10"/>
    </row>
    <row r="87430" spans="14:14">
      <c r="N87430" s="10"/>
    </row>
    <row r="87431" spans="14:14">
      <c r="N87431" s="10"/>
    </row>
    <row r="87432" spans="14:14">
      <c r="N87432" s="10"/>
    </row>
    <row r="87433" spans="14:14">
      <c r="N87433" s="10"/>
    </row>
    <row r="87434" spans="14:14">
      <c r="N87434" s="10"/>
    </row>
    <row r="87435" spans="14:14">
      <c r="N87435" s="10"/>
    </row>
    <row r="87436" spans="14:14">
      <c r="N87436" s="10"/>
    </row>
    <row r="87437" spans="14:14">
      <c r="N87437" s="10"/>
    </row>
    <row r="87438" spans="14:14">
      <c r="N87438" s="10"/>
    </row>
    <row r="87439" spans="14:14">
      <c r="N87439" s="10"/>
    </row>
    <row r="87440" spans="14:14">
      <c r="N87440" s="10"/>
    </row>
    <row r="87441" spans="14:14">
      <c r="N87441" s="10"/>
    </row>
    <row r="87442" spans="14:14">
      <c r="N87442" s="10"/>
    </row>
    <row r="87443" spans="14:14">
      <c r="N87443" s="10"/>
    </row>
    <row r="87444" spans="14:14">
      <c r="N87444" s="10"/>
    </row>
    <row r="87445" spans="14:14">
      <c r="N87445" s="10"/>
    </row>
    <row r="87446" spans="14:14">
      <c r="N87446" s="10"/>
    </row>
    <row r="87447" spans="14:14">
      <c r="N87447" s="10"/>
    </row>
    <row r="87448" spans="14:14">
      <c r="N87448" s="10"/>
    </row>
    <row r="87449" spans="14:14">
      <c r="N87449" s="10"/>
    </row>
    <row r="87450" spans="14:14">
      <c r="N87450" s="10"/>
    </row>
    <row r="87451" spans="14:14">
      <c r="N87451" s="10"/>
    </row>
    <row r="87452" spans="14:14">
      <c r="N87452" s="10"/>
    </row>
    <row r="87453" spans="14:14">
      <c r="N87453" s="10"/>
    </row>
    <row r="87454" spans="14:14">
      <c r="N87454" s="10"/>
    </row>
    <row r="87455" spans="14:14">
      <c r="N87455" s="10"/>
    </row>
    <row r="87456" spans="14:14">
      <c r="N87456" s="10"/>
    </row>
    <row r="87457" spans="14:14">
      <c r="N87457" s="10"/>
    </row>
    <row r="87458" spans="14:14">
      <c r="N87458" s="10"/>
    </row>
    <row r="87459" spans="14:14">
      <c r="N87459" s="10"/>
    </row>
    <row r="87460" spans="14:14">
      <c r="N87460" s="10"/>
    </row>
    <row r="87461" spans="14:14">
      <c r="N87461" s="10"/>
    </row>
    <row r="87462" spans="14:14">
      <c r="N87462" s="10"/>
    </row>
    <row r="87463" spans="14:14">
      <c r="N87463" s="10"/>
    </row>
    <row r="87464" spans="14:14">
      <c r="N87464" s="10"/>
    </row>
    <row r="87465" spans="14:14">
      <c r="N87465" s="10"/>
    </row>
    <row r="87466" spans="14:14">
      <c r="N87466" s="10"/>
    </row>
    <row r="87467" spans="14:14">
      <c r="N87467" s="10"/>
    </row>
    <row r="87468" spans="14:14">
      <c r="N87468" s="10"/>
    </row>
    <row r="87469" spans="14:14">
      <c r="N87469" s="10"/>
    </row>
    <row r="87470" spans="14:14">
      <c r="N87470" s="10"/>
    </row>
    <row r="87471" spans="14:14">
      <c r="N87471" s="10"/>
    </row>
    <row r="87472" spans="14:14">
      <c r="N87472" s="10"/>
    </row>
    <row r="87473" spans="14:14">
      <c r="N87473" s="10"/>
    </row>
    <row r="87474" spans="14:14">
      <c r="N87474" s="10"/>
    </row>
    <row r="87475" spans="14:14">
      <c r="N87475" s="10"/>
    </row>
    <row r="87476" spans="14:14">
      <c r="N87476" s="10"/>
    </row>
    <row r="87477" spans="14:14">
      <c r="N87477" s="10"/>
    </row>
    <row r="87478" spans="14:14">
      <c r="N87478" s="10"/>
    </row>
    <row r="87479" spans="14:14">
      <c r="N87479" s="10"/>
    </row>
    <row r="87480" spans="14:14">
      <c r="N87480" s="10"/>
    </row>
    <row r="87481" spans="14:14">
      <c r="N87481" s="10"/>
    </row>
    <row r="87482" spans="14:14">
      <c r="N87482" s="10"/>
    </row>
    <row r="87483" spans="14:14">
      <c r="N87483" s="10"/>
    </row>
    <row r="87484" spans="14:14">
      <c r="N87484" s="10"/>
    </row>
    <row r="87485" spans="14:14">
      <c r="N87485" s="10"/>
    </row>
    <row r="87486" spans="14:14">
      <c r="N87486" s="10"/>
    </row>
    <row r="87487" spans="14:14">
      <c r="N87487" s="10"/>
    </row>
    <row r="87488" spans="14:14">
      <c r="N87488" s="10"/>
    </row>
    <row r="87489" spans="14:14">
      <c r="N87489" s="10"/>
    </row>
    <row r="87490" spans="14:14">
      <c r="N87490" s="10"/>
    </row>
    <row r="87491" spans="14:14">
      <c r="N87491" s="10"/>
    </row>
    <row r="87492" spans="14:14">
      <c r="N87492" s="10"/>
    </row>
    <row r="87493" spans="14:14">
      <c r="N87493" s="10"/>
    </row>
    <row r="87494" spans="14:14">
      <c r="N87494" s="10"/>
    </row>
    <row r="87495" spans="14:14">
      <c r="N87495" s="10"/>
    </row>
    <row r="87496" spans="14:14">
      <c r="N87496" s="10"/>
    </row>
    <row r="87497" spans="14:14">
      <c r="N87497" s="10"/>
    </row>
    <row r="87498" spans="14:14">
      <c r="N87498" s="10"/>
    </row>
    <row r="87499" spans="14:14">
      <c r="N87499" s="10"/>
    </row>
    <row r="87500" spans="14:14">
      <c r="N87500" s="10"/>
    </row>
    <row r="87501" spans="14:14">
      <c r="N87501" s="10"/>
    </row>
    <row r="87502" spans="14:14">
      <c r="N87502" s="10"/>
    </row>
    <row r="87503" spans="14:14">
      <c r="N87503" s="10"/>
    </row>
    <row r="87504" spans="14:14">
      <c r="N87504" s="10"/>
    </row>
    <row r="87505" spans="14:14">
      <c r="N87505" s="10"/>
    </row>
    <row r="87506" spans="14:14">
      <c r="N87506" s="10"/>
    </row>
    <row r="87507" spans="14:14">
      <c r="N87507" s="10"/>
    </row>
    <row r="87508" spans="14:14">
      <c r="N87508" s="10"/>
    </row>
    <row r="87509" spans="14:14">
      <c r="N87509" s="10"/>
    </row>
    <row r="87510" spans="14:14">
      <c r="N87510" s="10"/>
    </row>
    <row r="87511" spans="14:14">
      <c r="N87511" s="10"/>
    </row>
    <row r="87512" spans="14:14">
      <c r="N87512" s="10"/>
    </row>
    <row r="87513" spans="14:14">
      <c r="N87513" s="10"/>
    </row>
    <row r="87514" spans="14:14">
      <c r="N87514" s="10"/>
    </row>
    <row r="87515" spans="14:14">
      <c r="N87515" s="10"/>
    </row>
    <row r="87516" spans="14:14">
      <c r="N87516" s="10"/>
    </row>
    <row r="87517" spans="14:14">
      <c r="N87517" s="10"/>
    </row>
    <row r="87518" spans="14:14">
      <c r="N87518" s="10"/>
    </row>
    <row r="87519" spans="14:14">
      <c r="N87519" s="10"/>
    </row>
    <row r="87520" spans="14:14">
      <c r="N87520" s="10"/>
    </row>
    <row r="87521" spans="14:14">
      <c r="N87521" s="10"/>
    </row>
    <row r="87522" spans="14:14">
      <c r="N87522" s="10"/>
    </row>
    <row r="87523" spans="14:14">
      <c r="N87523" s="10"/>
    </row>
    <row r="87524" spans="14:14">
      <c r="N87524" s="10"/>
    </row>
    <row r="87525" spans="14:14">
      <c r="N87525" s="10"/>
    </row>
    <row r="87526" spans="14:14">
      <c r="N87526" s="10"/>
    </row>
    <row r="87527" spans="14:14">
      <c r="N87527" s="10"/>
    </row>
    <row r="87528" spans="14:14">
      <c r="N87528" s="10"/>
    </row>
    <row r="87529" spans="14:14">
      <c r="N87529" s="10"/>
    </row>
    <row r="87530" spans="14:14">
      <c r="N87530" s="10"/>
    </row>
    <row r="87531" spans="14:14">
      <c r="N87531" s="10"/>
    </row>
    <row r="87532" spans="14:14">
      <c r="N87532" s="10"/>
    </row>
    <row r="87533" spans="14:14">
      <c r="N87533" s="10"/>
    </row>
    <row r="87534" spans="14:14">
      <c r="N87534" s="10"/>
    </row>
    <row r="87535" spans="14:14">
      <c r="N87535" s="10"/>
    </row>
    <row r="87536" spans="14:14">
      <c r="N87536" s="10"/>
    </row>
    <row r="87537" spans="14:14">
      <c r="N87537" s="10"/>
    </row>
    <row r="87538" spans="14:14">
      <c r="N87538" s="10"/>
    </row>
    <row r="87539" spans="14:14">
      <c r="N87539" s="10"/>
    </row>
    <row r="87540" spans="14:14">
      <c r="N87540" s="10"/>
    </row>
    <row r="87541" spans="14:14">
      <c r="N87541" s="10"/>
    </row>
    <row r="87542" spans="14:14">
      <c r="N87542" s="10"/>
    </row>
    <row r="87543" spans="14:14">
      <c r="N87543" s="10"/>
    </row>
    <row r="87544" spans="14:14">
      <c r="N87544" s="10"/>
    </row>
    <row r="87545" spans="14:14">
      <c r="N87545" s="10"/>
    </row>
    <row r="87546" spans="14:14">
      <c r="N87546" s="10"/>
    </row>
    <row r="87547" spans="14:14">
      <c r="N87547" s="10"/>
    </row>
    <row r="87548" spans="14:14">
      <c r="N87548" s="10"/>
    </row>
    <row r="87549" spans="14:14">
      <c r="N87549" s="10"/>
    </row>
    <row r="87550" spans="14:14">
      <c r="N87550" s="10"/>
    </row>
    <row r="87551" spans="14:14">
      <c r="N87551" s="10"/>
    </row>
    <row r="87552" spans="14:14">
      <c r="N87552" s="10"/>
    </row>
    <row r="87553" spans="14:14">
      <c r="N87553" s="10"/>
    </row>
    <row r="87554" spans="14:14">
      <c r="N87554" s="10"/>
    </row>
    <row r="87555" spans="14:14">
      <c r="N87555" s="10"/>
    </row>
    <row r="87556" spans="14:14">
      <c r="N87556" s="10"/>
    </row>
    <row r="87557" spans="14:14">
      <c r="N87557" s="10"/>
    </row>
    <row r="87558" spans="14:14">
      <c r="N87558" s="10"/>
    </row>
    <row r="87559" spans="14:14">
      <c r="N87559" s="10"/>
    </row>
    <row r="87560" spans="14:14">
      <c r="N87560" s="10"/>
    </row>
    <row r="87561" spans="14:14">
      <c r="N87561" s="10"/>
    </row>
    <row r="87562" spans="14:14">
      <c r="N87562" s="10"/>
    </row>
    <row r="87563" spans="14:14">
      <c r="N87563" s="10"/>
    </row>
    <row r="87564" spans="14:14">
      <c r="N87564" s="10"/>
    </row>
    <row r="87565" spans="14:14">
      <c r="N87565" s="10"/>
    </row>
    <row r="87566" spans="14:14">
      <c r="N87566" s="10"/>
    </row>
    <row r="87567" spans="14:14">
      <c r="N87567" s="10"/>
    </row>
    <row r="87568" spans="14:14">
      <c r="N87568" s="10"/>
    </row>
    <row r="87569" spans="14:14">
      <c r="N87569" s="10"/>
    </row>
    <row r="87570" spans="14:14">
      <c r="N87570" s="10"/>
    </row>
    <row r="87571" spans="14:14">
      <c r="N87571" s="10"/>
    </row>
    <row r="87572" spans="14:14">
      <c r="N87572" s="10"/>
    </row>
    <row r="87573" spans="14:14">
      <c r="N87573" s="10"/>
    </row>
    <row r="87574" spans="14:14">
      <c r="N87574" s="10"/>
    </row>
    <row r="87575" spans="14:14">
      <c r="N87575" s="10"/>
    </row>
    <row r="87576" spans="14:14">
      <c r="N87576" s="10"/>
    </row>
    <row r="87577" spans="14:14">
      <c r="N87577" s="10"/>
    </row>
    <row r="87578" spans="14:14">
      <c r="N87578" s="10"/>
    </row>
    <row r="87579" spans="14:14">
      <c r="N87579" s="10"/>
    </row>
    <row r="87580" spans="14:14">
      <c r="N87580" s="10"/>
    </row>
    <row r="87581" spans="14:14">
      <c r="N87581" s="10"/>
    </row>
    <row r="87582" spans="14:14">
      <c r="N87582" s="10"/>
    </row>
    <row r="87583" spans="14:14">
      <c r="N87583" s="10"/>
    </row>
    <row r="87584" spans="14:14">
      <c r="N87584" s="10"/>
    </row>
    <row r="87585" spans="14:14">
      <c r="N87585" s="10"/>
    </row>
    <row r="87586" spans="14:14">
      <c r="N87586" s="10"/>
    </row>
    <row r="87587" spans="14:14">
      <c r="N87587" s="10"/>
    </row>
    <row r="87588" spans="14:14">
      <c r="N87588" s="10"/>
    </row>
    <row r="87589" spans="14:14">
      <c r="N87589" s="10"/>
    </row>
    <row r="87590" spans="14:14">
      <c r="N87590" s="10"/>
    </row>
    <row r="87591" spans="14:14">
      <c r="N87591" s="10"/>
    </row>
    <row r="87592" spans="14:14">
      <c r="N87592" s="10"/>
    </row>
    <row r="87593" spans="14:14">
      <c r="N87593" s="10"/>
    </row>
    <row r="87594" spans="14:14">
      <c r="N87594" s="10"/>
    </row>
    <row r="87595" spans="14:14">
      <c r="N87595" s="10"/>
    </row>
    <row r="87596" spans="14:14">
      <c r="N87596" s="10"/>
    </row>
    <row r="87597" spans="14:14">
      <c r="N87597" s="10"/>
    </row>
    <row r="87598" spans="14:14">
      <c r="N87598" s="10"/>
    </row>
    <row r="87599" spans="14:14">
      <c r="N87599" s="10"/>
    </row>
    <row r="87600" spans="14:14">
      <c r="N87600" s="10"/>
    </row>
    <row r="87601" spans="14:14">
      <c r="N87601" s="10"/>
    </row>
    <row r="87602" spans="14:14">
      <c r="N87602" s="10"/>
    </row>
    <row r="87603" spans="14:14">
      <c r="N87603" s="10"/>
    </row>
    <row r="87604" spans="14:14">
      <c r="N87604" s="10"/>
    </row>
    <row r="87605" spans="14:14">
      <c r="N87605" s="10"/>
    </row>
    <row r="87606" spans="14:14">
      <c r="N87606" s="10"/>
    </row>
    <row r="87607" spans="14:14">
      <c r="N87607" s="10"/>
    </row>
    <row r="87608" spans="14:14">
      <c r="N87608" s="10"/>
    </row>
    <row r="87609" spans="14:14">
      <c r="N87609" s="10"/>
    </row>
    <row r="87610" spans="14:14">
      <c r="N87610" s="10"/>
    </row>
    <row r="87611" spans="14:14">
      <c r="N87611" s="10"/>
    </row>
    <row r="87612" spans="14:14">
      <c r="N87612" s="10"/>
    </row>
    <row r="87613" spans="14:14">
      <c r="N87613" s="10"/>
    </row>
    <row r="87614" spans="14:14">
      <c r="N87614" s="10"/>
    </row>
    <row r="87615" spans="14:14">
      <c r="N87615" s="10"/>
    </row>
    <row r="87616" spans="14:14">
      <c r="N87616" s="10"/>
    </row>
    <row r="87617" spans="14:14">
      <c r="N87617" s="10"/>
    </row>
    <row r="87618" spans="14:14">
      <c r="N87618" s="10"/>
    </row>
    <row r="87619" spans="14:14">
      <c r="N87619" s="10"/>
    </row>
    <row r="87620" spans="14:14">
      <c r="N87620" s="10"/>
    </row>
    <row r="87621" spans="14:14">
      <c r="N87621" s="10"/>
    </row>
    <row r="87622" spans="14:14">
      <c r="N87622" s="10"/>
    </row>
    <row r="87623" spans="14:14">
      <c r="N87623" s="10"/>
    </row>
    <row r="87624" spans="14:14">
      <c r="N87624" s="10"/>
    </row>
    <row r="87625" spans="14:14">
      <c r="N87625" s="10"/>
    </row>
    <row r="87626" spans="14:14">
      <c r="N87626" s="10"/>
    </row>
    <row r="87627" spans="14:14">
      <c r="N87627" s="10"/>
    </row>
    <row r="87628" spans="14:14">
      <c r="N87628" s="10"/>
    </row>
    <row r="87629" spans="14:14">
      <c r="N87629" s="10"/>
    </row>
    <row r="87630" spans="14:14">
      <c r="N87630" s="10"/>
    </row>
    <row r="87631" spans="14:14">
      <c r="N87631" s="10"/>
    </row>
    <row r="87632" spans="14:14">
      <c r="N87632" s="10"/>
    </row>
    <row r="87633" spans="14:14">
      <c r="N87633" s="10"/>
    </row>
    <row r="87634" spans="14:14">
      <c r="N87634" s="10"/>
    </row>
    <row r="87635" spans="14:14">
      <c r="N87635" s="10"/>
    </row>
    <row r="87636" spans="14:14">
      <c r="N87636" s="10"/>
    </row>
    <row r="87637" spans="14:14">
      <c r="N87637" s="10"/>
    </row>
    <row r="87638" spans="14:14">
      <c r="N87638" s="10"/>
    </row>
    <row r="87639" spans="14:14">
      <c r="N87639" s="10"/>
    </row>
    <row r="87640" spans="14:14">
      <c r="N87640" s="10"/>
    </row>
    <row r="87641" spans="14:14">
      <c r="N87641" s="10"/>
    </row>
    <row r="87642" spans="14:14">
      <c r="N87642" s="10"/>
    </row>
    <row r="87643" spans="14:14">
      <c r="N87643" s="10"/>
    </row>
    <row r="87644" spans="14:14">
      <c r="N87644" s="10"/>
    </row>
    <row r="87645" spans="14:14">
      <c r="N87645" s="10"/>
    </row>
    <row r="87646" spans="14:14">
      <c r="N87646" s="10"/>
    </row>
    <row r="87647" spans="14:14">
      <c r="N87647" s="10"/>
    </row>
    <row r="87648" spans="14:14">
      <c r="N87648" s="10"/>
    </row>
    <row r="87649" spans="14:14">
      <c r="N87649" s="10"/>
    </row>
    <row r="87650" spans="14:14">
      <c r="N87650" s="10"/>
    </row>
    <row r="87651" spans="14:14">
      <c r="N87651" s="10"/>
    </row>
    <row r="87652" spans="14:14">
      <c r="N87652" s="10"/>
    </row>
    <row r="87653" spans="14:14">
      <c r="N87653" s="10"/>
    </row>
    <row r="87654" spans="14:14">
      <c r="N87654" s="10"/>
    </row>
    <row r="87655" spans="14:14">
      <c r="N87655" s="10"/>
    </row>
    <row r="87656" spans="14:14">
      <c r="N87656" s="10"/>
    </row>
    <row r="87657" spans="14:14">
      <c r="N87657" s="10"/>
    </row>
    <row r="87658" spans="14:14">
      <c r="N87658" s="10"/>
    </row>
    <row r="87659" spans="14:14">
      <c r="N87659" s="10"/>
    </row>
    <row r="87660" spans="14:14">
      <c r="N87660" s="10"/>
    </row>
    <row r="87661" spans="14:14">
      <c r="N87661" s="10"/>
    </row>
    <row r="87662" spans="14:14">
      <c r="N87662" s="10"/>
    </row>
    <row r="87663" spans="14:14">
      <c r="N87663" s="10"/>
    </row>
    <row r="87664" spans="14:14">
      <c r="N87664" s="10"/>
    </row>
    <row r="87665" spans="14:14">
      <c r="N87665" s="10"/>
    </row>
    <row r="87666" spans="14:14">
      <c r="N87666" s="10"/>
    </row>
    <row r="87667" spans="14:14">
      <c r="N87667" s="10"/>
    </row>
    <row r="87668" spans="14:14">
      <c r="N87668" s="10"/>
    </row>
    <row r="87669" spans="14:14">
      <c r="N87669" s="10"/>
    </row>
    <row r="87670" spans="14:14">
      <c r="N87670" s="10"/>
    </row>
    <row r="87671" spans="14:14">
      <c r="N87671" s="10"/>
    </row>
    <row r="87672" spans="14:14">
      <c r="N87672" s="10"/>
    </row>
    <row r="87673" spans="14:14">
      <c r="N87673" s="10"/>
    </row>
    <row r="87674" spans="14:14">
      <c r="N87674" s="10"/>
    </row>
    <row r="87675" spans="14:14">
      <c r="N87675" s="10"/>
    </row>
    <row r="87676" spans="14:14">
      <c r="N87676" s="10"/>
    </row>
    <row r="87677" spans="14:14">
      <c r="N87677" s="10"/>
    </row>
    <row r="87678" spans="14:14">
      <c r="N87678" s="10"/>
    </row>
    <row r="87679" spans="14:14">
      <c r="N87679" s="10"/>
    </row>
    <row r="87680" spans="14:14">
      <c r="N87680" s="10"/>
    </row>
    <row r="87681" spans="14:14">
      <c r="N87681" s="10"/>
    </row>
    <row r="87682" spans="14:14">
      <c r="N87682" s="10"/>
    </row>
    <row r="87683" spans="14:14">
      <c r="N87683" s="10"/>
    </row>
    <row r="87684" spans="14:14">
      <c r="N87684" s="10"/>
    </row>
    <row r="87685" spans="14:14">
      <c r="N87685" s="10"/>
    </row>
    <row r="87686" spans="14:14">
      <c r="N87686" s="10"/>
    </row>
    <row r="87687" spans="14:14">
      <c r="N87687" s="10"/>
    </row>
    <row r="87688" spans="14:14">
      <c r="N87688" s="10"/>
    </row>
    <row r="87689" spans="14:14">
      <c r="N87689" s="10"/>
    </row>
    <row r="87690" spans="14:14">
      <c r="N87690" s="10"/>
    </row>
    <row r="87691" spans="14:14">
      <c r="N87691" s="10"/>
    </row>
    <row r="87692" spans="14:14">
      <c r="N87692" s="10"/>
    </row>
    <row r="87693" spans="14:14">
      <c r="N87693" s="10"/>
    </row>
    <row r="87694" spans="14:14">
      <c r="N87694" s="10"/>
    </row>
    <row r="87695" spans="14:14">
      <c r="N87695" s="10"/>
    </row>
    <row r="87696" spans="14:14">
      <c r="N87696" s="10"/>
    </row>
    <row r="87697" spans="14:14">
      <c r="N87697" s="10"/>
    </row>
    <row r="87698" spans="14:14">
      <c r="N87698" s="10"/>
    </row>
    <row r="87699" spans="14:14">
      <c r="N87699" s="10"/>
    </row>
    <row r="87700" spans="14:14">
      <c r="N87700" s="10"/>
    </row>
    <row r="87701" spans="14:14">
      <c r="N87701" s="10"/>
    </row>
    <row r="87702" spans="14:14">
      <c r="N87702" s="10"/>
    </row>
    <row r="87703" spans="14:14">
      <c r="N87703" s="10"/>
    </row>
    <row r="87704" spans="14:14">
      <c r="N87704" s="10"/>
    </row>
    <row r="87705" spans="14:14">
      <c r="N87705" s="10"/>
    </row>
    <row r="87706" spans="14:14">
      <c r="N87706" s="10"/>
    </row>
    <row r="87707" spans="14:14">
      <c r="N87707" s="10"/>
    </row>
    <row r="87708" spans="14:14">
      <c r="N87708" s="10"/>
    </row>
    <row r="87709" spans="14:14">
      <c r="N87709" s="10"/>
    </row>
    <row r="87710" spans="14:14">
      <c r="N87710" s="10"/>
    </row>
    <row r="87711" spans="14:14">
      <c r="N87711" s="10"/>
    </row>
    <row r="87712" spans="14:14">
      <c r="N87712" s="10"/>
    </row>
    <row r="87713" spans="14:14">
      <c r="N87713" s="10"/>
    </row>
    <row r="87714" spans="14:14">
      <c r="N87714" s="10"/>
    </row>
    <row r="87715" spans="14:14">
      <c r="N87715" s="10"/>
    </row>
    <row r="87716" spans="14:14">
      <c r="N87716" s="10"/>
    </row>
    <row r="87717" spans="14:14">
      <c r="N87717" s="10"/>
    </row>
    <row r="87718" spans="14:14">
      <c r="N87718" s="10"/>
    </row>
    <row r="87719" spans="14:14">
      <c r="N87719" s="10"/>
    </row>
    <row r="87720" spans="14:14">
      <c r="N87720" s="10"/>
    </row>
    <row r="87721" spans="14:14">
      <c r="N87721" s="10"/>
    </row>
    <row r="87722" spans="14:14">
      <c r="N87722" s="10"/>
    </row>
    <row r="87723" spans="14:14">
      <c r="N87723" s="10"/>
    </row>
    <row r="87724" spans="14:14">
      <c r="N87724" s="10"/>
    </row>
    <row r="87725" spans="14:14">
      <c r="N87725" s="10"/>
    </row>
    <row r="87726" spans="14:14">
      <c r="N87726" s="10"/>
    </row>
    <row r="87727" spans="14:14">
      <c r="N87727" s="10"/>
    </row>
    <row r="87728" spans="14:14">
      <c r="N87728" s="10"/>
    </row>
    <row r="87729" spans="14:14">
      <c r="N87729" s="10"/>
    </row>
    <row r="87730" spans="14:14">
      <c r="N87730" s="10"/>
    </row>
    <row r="87731" spans="14:14">
      <c r="N87731" s="10"/>
    </row>
    <row r="87732" spans="14:14">
      <c r="N87732" s="10"/>
    </row>
    <row r="87733" spans="14:14">
      <c r="N87733" s="10"/>
    </row>
    <row r="87734" spans="14:14">
      <c r="N87734" s="10"/>
    </row>
    <row r="87735" spans="14:14">
      <c r="N87735" s="10"/>
    </row>
    <row r="87736" spans="14:14">
      <c r="N87736" s="10"/>
    </row>
    <row r="87737" spans="14:14">
      <c r="N87737" s="10"/>
    </row>
    <row r="87738" spans="14:14">
      <c r="N87738" s="10"/>
    </row>
    <row r="87739" spans="14:14">
      <c r="N87739" s="10"/>
    </row>
    <row r="87740" spans="14:14">
      <c r="N87740" s="10"/>
    </row>
    <row r="87741" spans="14:14">
      <c r="N87741" s="10"/>
    </row>
    <row r="87742" spans="14:14">
      <c r="N87742" s="10"/>
    </row>
    <row r="87743" spans="14:14">
      <c r="N87743" s="10"/>
    </row>
    <row r="87744" spans="14:14">
      <c r="N87744" s="10"/>
    </row>
    <row r="87745" spans="14:14">
      <c r="N87745" s="10"/>
    </row>
    <row r="87746" spans="14:14">
      <c r="N87746" s="10"/>
    </row>
    <row r="87747" spans="14:14">
      <c r="N87747" s="10"/>
    </row>
    <row r="87748" spans="14:14">
      <c r="N87748" s="10"/>
    </row>
    <row r="87749" spans="14:14">
      <c r="N87749" s="10"/>
    </row>
    <row r="87750" spans="14:14">
      <c r="N87750" s="10"/>
    </row>
    <row r="87751" spans="14:14">
      <c r="N87751" s="10"/>
    </row>
    <row r="87752" spans="14:14">
      <c r="N87752" s="10"/>
    </row>
    <row r="87753" spans="14:14">
      <c r="N87753" s="10"/>
    </row>
    <row r="87754" spans="14:14">
      <c r="N87754" s="10"/>
    </row>
    <row r="87755" spans="14:14">
      <c r="N87755" s="10"/>
    </row>
    <row r="87756" spans="14:14">
      <c r="N87756" s="10"/>
    </row>
    <row r="87757" spans="14:14">
      <c r="N87757" s="10"/>
    </row>
    <row r="87758" spans="14:14">
      <c r="N87758" s="10"/>
    </row>
    <row r="87759" spans="14:14">
      <c r="N87759" s="10"/>
    </row>
    <row r="87760" spans="14:14">
      <c r="N87760" s="10"/>
    </row>
    <row r="87761" spans="14:14">
      <c r="N87761" s="10"/>
    </row>
    <row r="87762" spans="14:14">
      <c r="N87762" s="10"/>
    </row>
    <row r="87763" spans="14:14">
      <c r="N87763" s="10"/>
    </row>
    <row r="87764" spans="14:14">
      <c r="N87764" s="10"/>
    </row>
    <row r="87765" spans="14:14">
      <c r="N87765" s="10"/>
    </row>
    <row r="87766" spans="14:14">
      <c r="N87766" s="10"/>
    </row>
    <row r="87767" spans="14:14">
      <c r="N87767" s="10"/>
    </row>
    <row r="87768" spans="14:14">
      <c r="N87768" s="10"/>
    </row>
    <row r="87769" spans="14:14">
      <c r="N87769" s="10"/>
    </row>
    <row r="87770" spans="14:14">
      <c r="N87770" s="10"/>
    </row>
    <row r="87771" spans="14:14">
      <c r="N87771" s="10"/>
    </row>
    <row r="87772" spans="14:14">
      <c r="N87772" s="10"/>
    </row>
    <row r="87773" spans="14:14">
      <c r="N87773" s="10"/>
    </row>
    <row r="87774" spans="14:14">
      <c r="N87774" s="10"/>
    </row>
    <row r="87775" spans="14:14">
      <c r="N87775" s="10"/>
    </row>
    <row r="87776" spans="14:14">
      <c r="N87776" s="10"/>
    </row>
    <row r="87777" spans="14:14">
      <c r="N87777" s="10"/>
    </row>
    <row r="87778" spans="14:14">
      <c r="N87778" s="10"/>
    </row>
    <row r="87779" spans="14:14">
      <c r="N87779" s="10"/>
    </row>
    <row r="87780" spans="14:14">
      <c r="N87780" s="10"/>
    </row>
    <row r="87781" spans="14:14">
      <c r="N87781" s="10"/>
    </row>
    <row r="87782" spans="14:14">
      <c r="N87782" s="10"/>
    </row>
    <row r="87783" spans="14:14">
      <c r="N87783" s="10"/>
    </row>
    <row r="87784" spans="14:14">
      <c r="N87784" s="10"/>
    </row>
    <row r="87785" spans="14:14">
      <c r="N87785" s="10"/>
    </row>
    <row r="87786" spans="14:14">
      <c r="N87786" s="10"/>
    </row>
    <row r="87787" spans="14:14">
      <c r="N87787" s="10"/>
    </row>
    <row r="87788" spans="14:14">
      <c r="N87788" s="10"/>
    </row>
    <row r="87789" spans="14:14">
      <c r="N87789" s="10"/>
    </row>
    <row r="87790" spans="14:14">
      <c r="N87790" s="10"/>
    </row>
    <row r="87791" spans="14:14">
      <c r="N87791" s="10"/>
    </row>
    <row r="87792" spans="14:14">
      <c r="N87792" s="10"/>
    </row>
    <row r="87793" spans="14:14">
      <c r="N87793" s="10"/>
    </row>
    <row r="87794" spans="14:14">
      <c r="N87794" s="10"/>
    </row>
    <row r="87795" spans="14:14">
      <c r="N87795" s="10"/>
    </row>
    <row r="87796" spans="14:14">
      <c r="N87796" s="10"/>
    </row>
    <row r="87797" spans="14:14">
      <c r="N87797" s="10"/>
    </row>
    <row r="87798" spans="14:14">
      <c r="N87798" s="10"/>
    </row>
    <row r="87799" spans="14:14">
      <c r="N87799" s="10"/>
    </row>
    <row r="87800" spans="14:14">
      <c r="N87800" s="10"/>
    </row>
    <row r="87801" spans="14:14">
      <c r="N87801" s="10"/>
    </row>
    <row r="87802" spans="14:14">
      <c r="N87802" s="10"/>
    </row>
    <row r="87803" spans="14:14">
      <c r="N87803" s="10"/>
    </row>
    <row r="87804" spans="14:14">
      <c r="N87804" s="10"/>
    </row>
    <row r="87805" spans="14:14">
      <c r="N87805" s="10"/>
    </row>
    <row r="87806" spans="14:14">
      <c r="N87806" s="10"/>
    </row>
    <row r="87807" spans="14:14">
      <c r="N87807" s="10"/>
    </row>
    <row r="87808" spans="14:14">
      <c r="N87808" s="10"/>
    </row>
    <row r="87809" spans="14:14">
      <c r="N87809" s="10"/>
    </row>
    <row r="87810" spans="14:14">
      <c r="N87810" s="10"/>
    </row>
    <row r="87811" spans="14:14">
      <c r="N87811" s="10"/>
    </row>
    <row r="87812" spans="14:14">
      <c r="N87812" s="10"/>
    </row>
    <row r="87813" spans="14:14">
      <c r="N87813" s="10"/>
    </row>
    <row r="87814" spans="14:14">
      <c r="N87814" s="10"/>
    </row>
    <row r="87815" spans="14:14">
      <c r="N87815" s="10"/>
    </row>
    <row r="87816" spans="14:14">
      <c r="N87816" s="10"/>
    </row>
    <row r="87817" spans="14:14">
      <c r="N87817" s="10"/>
    </row>
    <row r="87818" spans="14:14">
      <c r="N87818" s="10"/>
    </row>
    <row r="87819" spans="14:14">
      <c r="N87819" s="10"/>
    </row>
    <row r="87820" spans="14:14">
      <c r="N87820" s="10"/>
    </row>
    <row r="87821" spans="14:14">
      <c r="N87821" s="10"/>
    </row>
    <row r="87822" spans="14:14">
      <c r="N87822" s="10"/>
    </row>
    <row r="87823" spans="14:14">
      <c r="N87823" s="10"/>
    </row>
    <row r="87824" spans="14:14">
      <c r="N87824" s="10"/>
    </row>
    <row r="87825" spans="14:14">
      <c r="N87825" s="10"/>
    </row>
    <row r="87826" spans="14:14">
      <c r="N87826" s="10"/>
    </row>
    <row r="87827" spans="14:14">
      <c r="N87827" s="10"/>
    </row>
    <row r="87828" spans="14:14">
      <c r="N87828" s="10"/>
    </row>
    <row r="87829" spans="14:14">
      <c r="N87829" s="10"/>
    </row>
    <row r="87830" spans="14:14">
      <c r="N87830" s="10"/>
    </row>
    <row r="87831" spans="14:14">
      <c r="N87831" s="10"/>
    </row>
    <row r="87832" spans="14:14">
      <c r="N87832" s="10"/>
    </row>
    <row r="87833" spans="14:14">
      <c r="N87833" s="10"/>
    </row>
    <row r="87834" spans="14:14">
      <c r="N87834" s="10"/>
    </row>
    <row r="87835" spans="14:14">
      <c r="N87835" s="10"/>
    </row>
    <row r="87836" spans="14:14">
      <c r="N87836" s="10"/>
    </row>
    <row r="87837" spans="14:14">
      <c r="N87837" s="10"/>
    </row>
    <row r="87838" spans="14:14">
      <c r="N87838" s="10"/>
    </row>
    <row r="87839" spans="14:14">
      <c r="N87839" s="10"/>
    </row>
    <row r="87840" spans="14:14">
      <c r="N87840" s="10"/>
    </row>
    <row r="87841" spans="14:14">
      <c r="N87841" s="10"/>
    </row>
    <row r="87842" spans="14:14">
      <c r="N87842" s="10"/>
    </row>
    <row r="87843" spans="14:14">
      <c r="N87843" s="10"/>
    </row>
    <row r="87844" spans="14:14">
      <c r="N87844" s="10"/>
    </row>
    <row r="87845" spans="14:14">
      <c r="N87845" s="10"/>
    </row>
    <row r="87846" spans="14:14">
      <c r="N87846" s="10"/>
    </row>
    <row r="87847" spans="14:14">
      <c r="N87847" s="10"/>
    </row>
    <row r="87848" spans="14:14">
      <c r="N87848" s="10"/>
    </row>
    <row r="87849" spans="14:14">
      <c r="N87849" s="10"/>
    </row>
    <row r="87850" spans="14:14">
      <c r="N87850" s="10"/>
    </row>
    <row r="87851" spans="14:14">
      <c r="N87851" s="10"/>
    </row>
    <row r="87852" spans="14:14">
      <c r="N87852" s="10"/>
    </row>
    <row r="87853" spans="14:14">
      <c r="N87853" s="10"/>
    </row>
    <row r="87854" spans="14:14">
      <c r="N87854" s="10"/>
    </row>
    <row r="87855" spans="14:14">
      <c r="N87855" s="10"/>
    </row>
    <row r="87856" spans="14:14">
      <c r="N87856" s="10"/>
    </row>
    <row r="87857" spans="14:14">
      <c r="N87857" s="10"/>
    </row>
    <row r="87858" spans="14:14">
      <c r="N87858" s="10"/>
    </row>
    <row r="87859" spans="14:14">
      <c r="N87859" s="10"/>
    </row>
    <row r="87860" spans="14:14">
      <c r="N87860" s="10"/>
    </row>
    <row r="87861" spans="14:14">
      <c r="N87861" s="10"/>
    </row>
    <row r="87862" spans="14:14">
      <c r="N87862" s="10"/>
    </row>
    <row r="87863" spans="14:14">
      <c r="N87863" s="10"/>
    </row>
    <row r="87864" spans="14:14">
      <c r="N87864" s="10"/>
    </row>
    <row r="87865" spans="14:14">
      <c r="N87865" s="10"/>
    </row>
    <row r="87866" spans="14:14">
      <c r="N87866" s="10"/>
    </row>
    <row r="87867" spans="14:14">
      <c r="N87867" s="10"/>
    </row>
    <row r="87868" spans="14:14">
      <c r="N87868" s="10"/>
    </row>
    <row r="87869" spans="14:14">
      <c r="N87869" s="10"/>
    </row>
    <row r="87870" spans="14:14">
      <c r="N87870" s="10"/>
    </row>
    <row r="87871" spans="14:14">
      <c r="N87871" s="10"/>
    </row>
    <row r="87872" spans="14:14">
      <c r="N87872" s="10"/>
    </row>
    <row r="87873" spans="14:14">
      <c r="N87873" s="10"/>
    </row>
    <row r="87874" spans="14:14">
      <c r="N87874" s="10"/>
    </row>
    <row r="87875" spans="14:14">
      <c r="N87875" s="10"/>
    </row>
    <row r="87876" spans="14:14">
      <c r="N87876" s="10"/>
    </row>
    <row r="87877" spans="14:14">
      <c r="N87877" s="10"/>
    </row>
    <row r="87878" spans="14:14">
      <c r="N87878" s="10"/>
    </row>
    <row r="87879" spans="14:14">
      <c r="N87879" s="10"/>
    </row>
    <row r="87880" spans="14:14">
      <c r="N87880" s="10"/>
    </row>
    <row r="87881" spans="14:14">
      <c r="N87881" s="10"/>
    </row>
    <row r="87882" spans="14:14">
      <c r="N87882" s="10"/>
    </row>
    <row r="87883" spans="14:14">
      <c r="N87883" s="10"/>
    </row>
    <row r="87884" spans="14:14">
      <c r="N87884" s="10"/>
    </row>
    <row r="87885" spans="14:14">
      <c r="N87885" s="10"/>
    </row>
    <row r="87886" spans="14:14">
      <c r="N87886" s="10"/>
    </row>
    <row r="87887" spans="14:14">
      <c r="N87887" s="10"/>
    </row>
    <row r="87888" spans="14:14">
      <c r="N87888" s="10"/>
    </row>
    <row r="87889" spans="14:14">
      <c r="N87889" s="10"/>
    </row>
    <row r="87890" spans="14:14">
      <c r="N87890" s="10"/>
    </row>
    <row r="87891" spans="14:14">
      <c r="N87891" s="10"/>
    </row>
    <row r="87892" spans="14:14">
      <c r="N87892" s="10"/>
    </row>
    <row r="87893" spans="14:14">
      <c r="N87893" s="10"/>
    </row>
    <row r="87894" spans="14:14">
      <c r="N87894" s="10"/>
    </row>
    <row r="87895" spans="14:14">
      <c r="N87895" s="10"/>
    </row>
    <row r="87896" spans="14:14">
      <c r="N87896" s="10"/>
    </row>
    <row r="87897" spans="14:14">
      <c r="N87897" s="10"/>
    </row>
    <row r="87898" spans="14:14">
      <c r="N87898" s="10"/>
    </row>
    <row r="87899" spans="14:14">
      <c r="N87899" s="10"/>
    </row>
    <row r="87900" spans="14:14">
      <c r="N87900" s="10"/>
    </row>
    <row r="87901" spans="14:14">
      <c r="N87901" s="10"/>
    </row>
    <row r="87902" spans="14:14">
      <c r="N87902" s="10"/>
    </row>
    <row r="87903" spans="14:14">
      <c r="N87903" s="10"/>
    </row>
    <row r="87904" spans="14:14">
      <c r="N87904" s="10"/>
    </row>
    <row r="87905" spans="14:14">
      <c r="N87905" s="10"/>
    </row>
    <row r="87906" spans="14:14">
      <c r="N87906" s="10"/>
    </row>
    <row r="87907" spans="14:14">
      <c r="N87907" s="10"/>
    </row>
    <row r="87908" spans="14:14">
      <c r="N87908" s="10"/>
    </row>
    <row r="87909" spans="14:14">
      <c r="N87909" s="10"/>
    </row>
    <row r="87910" spans="14:14">
      <c r="N87910" s="10"/>
    </row>
    <row r="87911" spans="14:14">
      <c r="N87911" s="10"/>
    </row>
    <row r="87912" spans="14:14">
      <c r="N87912" s="10"/>
    </row>
    <row r="87913" spans="14:14">
      <c r="N87913" s="10"/>
    </row>
    <row r="87914" spans="14:14">
      <c r="N87914" s="10"/>
    </row>
    <row r="87915" spans="14:14">
      <c r="N87915" s="10"/>
    </row>
    <row r="87916" spans="14:14">
      <c r="N87916" s="10"/>
    </row>
    <row r="87917" spans="14:14">
      <c r="N87917" s="10"/>
    </row>
    <row r="87918" spans="14:14">
      <c r="N87918" s="10"/>
    </row>
    <row r="87919" spans="14:14">
      <c r="N87919" s="10"/>
    </row>
    <row r="87920" spans="14:14">
      <c r="N87920" s="10"/>
    </row>
    <row r="87921" spans="14:14">
      <c r="N87921" s="10"/>
    </row>
    <row r="87922" spans="14:14">
      <c r="N87922" s="10"/>
    </row>
    <row r="87923" spans="14:14">
      <c r="N87923" s="10"/>
    </row>
    <row r="87924" spans="14:14">
      <c r="N87924" s="10"/>
    </row>
    <row r="87925" spans="14:14">
      <c r="N87925" s="10"/>
    </row>
    <row r="87926" spans="14:14">
      <c r="N87926" s="10"/>
    </row>
    <row r="87927" spans="14:14">
      <c r="N87927" s="10"/>
    </row>
    <row r="87928" spans="14:14">
      <c r="N87928" s="10"/>
    </row>
    <row r="87929" spans="14:14">
      <c r="N87929" s="10"/>
    </row>
    <row r="87930" spans="14:14">
      <c r="N87930" s="10"/>
    </row>
    <row r="87931" spans="14:14">
      <c r="N87931" s="10"/>
    </row>
    <row r="87932" spans="14:14">
      <c r="N87932" s="10"/>
    </row>
    <row r="87933" spans="14:14">
      <c r="N87933" s="10"/>
    </row>
    <row r="87934" spans="14:14">
      <c r="N87934" s="10"/>
    </row>
    <row r="87935" spans="14:14">
      <c r="N87935" s="10"/>
    </row>
    <row r="87936" spans="14:14">
      <c r="N87936" s="10"/>
    </row>
    <row r="87937" spans="14:14">
      <c r="N87937" s="10"/>
    </row>
    <row r="87938" spans="14:14">
      <c r="N87938" s="10"/>
    </row>
    <row r="87939" spans="14:14">
      <c r="N87939" s="10"/>
    </row>
    <row r="87940" spans="14:14">
      <c r="N87940" s="10"/>
    </row>
    <row r="87941" spans="14:14">
      <c r="N87941" s="10"/>
    </row>
    <row r="87942" spans="14:14">
      <c r="N87942" s="10"/>
    </row>
    <row r="87943" spans="14:14">
      <c r="N87943" s="10"/>
    </row>
    <row r="87944" spans="14:14">
      <c r="N87944" s="10"/>
    </row>
    <row r="87945" spans="14:14">
      <c r="N87945" s="10"/>
    </row>
    <row r="87946" spans="14:14">
      <c r="N87946" s="10"/>
    </row>
    <row r="87947" spans="14:14">
      <c r="N87947" s="10"/>
    </row>
    <row r="87948" spans="14:14">
      <c r="N87948" s="10"/>
    </row>
    <row r="87949" spans="14:14">
      <c r="N87949" s="10"/>
    </row>
    <row r="87950" spans="14:14">
      <c r="N87950" s="10"/>
    </row>
    <row r="87951" spans="14:14">
      <c r="N87951" s="10"/>
    </row>
    <row r="87952" spans="14:14">
      <c r="N87952" s="10"/>
    </row>
    <row r="87953" spans="14:14">
      <c r="N87953" s="10"/>
    </row>
    <row r="87954" spans="14:14">
      <c r="N87954" s="10"/>
    </row>
    <row r="87955" spans="14:14">
      <c r="N87955" s="10"/>
    </row>
    <row r="87956" spans="14:14">
      <c r="N87956" s="10"/>
    </row>
    <row r="87957" spans="14:14">
      <c r="N87957" s="10"/>
    </row>
    <row r="87958" spans="14:14">
      <c r="N87958" s="10"/>
    </row>
    <row r="87959" spans="14:14">
      <c r="N87959" s="10"/>
    </row>
    <row r="87960" spans="14:14">
      <c r="N87960" s="10"/>
    </row>
    <row r="87961" spans="14:14">
      <c r="N87961" s="10"/>
    </row>
    <row r="87962" spans="14:14">
      <c r="N87962" s="10"/>
    </row>
    <row r="87963" spans="14:14">
      <c r="N87963" s="10"/>
    </row>
    <row r="87964" spans="14:14">
      <c r="N87964" s="10"/>
    </row>
    <row r="87965" spans="14:14">
      <c r="N87965" s="10"/>
    </row>
    <row r="87966" spans="14:14">
      <c r="N87966" s="10"/>
    </row>
    <row r="87967" spans="14:14">
      <c r="N87967" s="10"/>
    </row>
    <row r="87968" spans="14:14">
      <c r="N87968" s="10"/>
    </row>
    <row r="87969" spans="14:14">
      <c r="N87969" s="10"/>
    </row>
    <row r="87970" spans="14:14">
      <c r="N87970" s="10"/>
    </row>
    <row r="87971" spans="14:14">
      <c r="N87971" s="10"/>
    </row>
    <row r="87972" spans="14:14">
      <c r="N87972" s="10"/>
    </row>
    <row r="87973" spans="14:14">
      <c r="N87973" s="10"/>
    </row>
    <row r="87974" spans="14:14">
      <c r="N87974" s="10"/>
    </row>
    <row r="87975" spans="14:14">
      <c r="N87975" s="10"/>
    </row>
    <row r="87976" spans="14:14">
      <c r="N87976" s="10"/>
    </row>
    <row r="87977" spans="14:14">
      <c r="N87977" s="10"/>
    </row>
    <row r="87978" spans="14:14">
      <c r="N87978" s="10"/>
    </row>
    <row r="87979" spans="14:14">
      <c r="N87979" s="10"/>
    </row>
    <row r="87980" spans="14:14">
      <c r="N87980" s="10"/>
    </row>
    <row r="87981" spans="14:14">
      <c r="N87981" s="10"/>
    </row>
    <row r="87982" spans="14:14">
      <c r="N87982" s="10"/>
    </row>
    <row r="87983" spans="14:14">
      <c r="N87983" s="10"/>
    </row>
    <row r="87984" spans="14:14">
      <c r="N87984" s="10"/>
    </row>
    <row r="87985" spans="14:14">
      <c r="N87985" s="10"/>
    </row>
    <row r="87986" spans="14:14">
      <c r="N87986" s="10"/>
    </row>
    <row r="87987" spans="14:14">
      <c r="N87987" s="10"/>
    </row>
    <row r="87988" spans="14:14">
      <c r="N87988" s="10"/>
    </row>
    <row r="87989" spans="14:14">
      <c r="N87989" s="10"/>
    </row>
    <row r="87990" spans="14:14">
      <c r="N87990" s="10"/>
    </row>
    <row r="87991" spans="14:14">
      <c r="N87991" s="10"/>
    </row>
    <row r="87992" spans="14:14">
      <c r="N87992" s="10"/>
    </row>
    <row r="87993" spans="14:14">
      <c r="N87993" s="10"/>
    </row>
    <row r="87994" spans="14:14">
      <c r="N87994" s="10"/>
    </row>
    <row r="87995" spans="14:14">
      <c r="N87995" s="10"/>
    </row>
    <row r="87996" spans="14:14">
      <c r="N87996" s="10"/>
    </row>
    <row r="87997" spans="14:14">
      <c r="N87997" s="10"/>
    </row>
    <row r="87998" spans="14:14">
      <c r="N87998" s="10"/>
    </row>
    <row r="87999" spans="14:14">
      <c r="N87999" s="10"/>
    </row>
    <row r="88000" spans="14:14">
      <c r="N88000" s="10"/>
    </row>
    <row r="88001" spans="14:14">
      <c r="N88001" s="10"/>
    </row>
    <row r="88002" spans="14:14">
      <c r="N88002" s="10"/>
    </row>
    <row r="88003" spans="14:14">
      <c r="N88003" s="10"/>
    </row>
    <row r="88004" spans="14:14">
      <c r="N88004" s="10"/>
    </row>
    <row r="88005" spans="14:14">
      <c r="N88005" s="10"/>
    </row>
    <row r="88006" spans="14:14">
      <c r="N88006" s="10"/>
    </row>
    <row r="88007" spans="14:14">
      <c r="N88007" s="10"/>
    </row>
    <row r="88008" spans="14:14">
      <c r="N88008" s="10"/>
    </row>
    <row r="88009" spans="14:14">
      <c r="N88009" s="10"/>
    </row>
    <row r="88010" spans="14:14">
      <c r="N88010" s="10"/>
    </row>
    <row r="88011" spans="14:14">
      <c r="N88011" s="10"/>
    </row>
    <row r="88012" spans="14:14">
      <c r="N88012" s="10"/>
    </row>
    <row r="88013" spans="14:14">
      <c r="N88013" s="10"/>
    </row>
    <row r="88014" spans="14:14">
      <c r="N88014" s="10"/>
    </row>
    <row r="88015" spans="14:14">
      <c r="N88015" s="10"/>
    </row>
    <row r="88016" spans="14:14">
      <c r="N88016" s="10"/>
    </row>
    <row r="88017" spans="14:14">
      <c r="N88017" s="10"/>
    </row>
    <row r="88018" spans="14:14">
      <c r="N88018" s="10"/>
    </row>
    <row r="88019" spans="14:14">
      <c r="N88019" s="10"/>
    </row>
    <row r="88020" spans="14:14">
      <c r="N88020" s="10"/>
    </row>
    <row r="88021" spans="14:14">
      <c r="N88021" s="10"/>
    </row>
    <row r="88022" spans="14:14">
      <c r="N88022" s="10"/>
    </row>
    <row r="88023" spans="14:14">
      <c r="N88023" s="10"/>
    </row>
    <row r="88024" spans="14:14">
      <c r="N88024" s="10"/>
    </row>
    <row r="88025" spans="14:14">
      <c r="N88025" s="10"/>
    </row>
    <row r="88026" spans="14:14">
      <c r="N88026" s="10"/>
    </row>
    <row r="88027" spans="14:14">
      <c r="N88027" s="10"/>
    </row>
    <row r="88028" spans="14:14">
      <c r="N88028" s="10"/>
    </row>
    <row r="88029" spans="14:14">
      <c r="N88029" s="10"/>
    </row>
    <row r="88030" spans="14:14">
      <c r="N88030" s="10"/>
    </row>
    <row r="88031" spans="14:14">
      <c r="N88031" s="10"/>
    </row>
    <row r="88032" spans="14:14">
      <c r="N88032" s="10"/>
    </row>
    <row r="88033" spans="14:14">
      <c r="N88033" s="10"/>
    </row>
    <row r="88034" spans="14:14">
      <c r="N88034" s="10"/>
    </row>
    <row r="88035" spans="14:14">
      <c r="N88035" s="10"/>
    </row>
    <row r="88036" spans="14:14">
      <c r="N88036" s="10"/>
    </row>
    <row r="88037" spans="14:14">
      <c r="N88037" s="10"/>
    </row>
    <row r="88038" spans="14:14">
      <c r="N88038" s="10"/>
    </row>
    <row r="88039" spans="14:14">
      <c r="N88039" s="10"/>
    </row>
    <row r="88040" spans="14:14">
      <c r="N88040" s="10"/>
    </row>
    <row r="88041" spans="14:14">
      <c r="N88041" s="10"/>
    </row>
    <row r="88042" spans="14:14">
      <c r="N88042" s="10"/>
    </row>
    <row r="88043" spans="14:14">
      <c r="N88043" s="10"/>
    </row>
    <row r="88044" spans="14:14">
      <c r="N88044" s="10"/>
    </row>
    <row r="88045" spans="14:14">
      <c r="N88045" s="10"/>
    </row>
    <row r="88046" spans="14:14">
      <c r="N88046" s="10"/>
    </row>
    <row r="88047" spans="14:14">
      <c r="N88047" s="10"/>
    </row>
    <row r="88048" spans="14:14">
      <c r="N88048" s="10"/>
    </row>
    <row r="88049" spans="14:14">
      <c r="N88049" s="10"/>
    </row>
    <row r="88050" spans="14:14">
      <c r="N88050" s="10"/>
    </row>
    <row r="88051" spans="14:14">
      <c r="N88051" s="10"/>
    </row>
    <row r="88052" spans="14:14">
      <c r="N88052" s="10"/>
    </row>
    <row r="88053" spans="14:14">
      <c r="N88053" s="10"/>
    </row>
    <row r="88054" spans="14:14">
      <c r="N88054" s="10"/>
    </row>
    <row r="88055" spans="14:14">
      <c r="N88055" s="10"/>
    </row>
    <row r="88056" spans="14:14">
      <c r="N88056" s="10"/>
    </row>
    <row r="88057" spans="14:14">
      <c r="N88057" s="10"/>
    </row>
    <row r="88058" spans="14:14">
      <c r="N88058" s="10"/>
    </row>
    <row r="88059" spans="14:14">
      <c r="N88059" s="10"/>
    </row>
    <row r="88060" spans="14:14">
      <c r="N88060" s="10"/>
    </row>
    <row r="88061" spans="14:14">
      <c r="N88061" s="10"/>
    </row>
    <row r="88062" spans="14:14">
      <c r="N88062" s="10"/>
    </row>
    <row r="88063" spans="14:14">
      <c r="N88063" s="10"/>
    </row>
    <row r="88064" spans="14:14">
      <c r="N88064" s="10"/>
    </row>
    <row r="88065" spans="14:14">
      <c r="N88065" s="10"/>
    </row>
    <row r="88066" spans="14:14">
      <c r="N88066" s="10"/>
    </row>
    <row r="88067" spans="14:14">
      <c r="N88067" s="10"/>
    </row>
    <row r="88068" spans="14:14">
      <c r="N88068" s="10"/>
    </row>
    <row r="88069" spans="14:14">
      <c r="N88069" s="10"/>
    </row>
    <row r="88070" spans="14:14">
      <c r="N88070" s="10"/>
    </row>
    <row r="88071" spans="14:14">
      <c r="N88071" s="10"/>
    </row>
    <row r="88072" spans="14:14">
      <c r="N88072" s="10"/>
    </row>
    <row r="88073" spans="14:14">
      <c r="N88073" s="10"/>
    </row>
    <row r="88074" spans="14:14">
      <c r="N88074" s="10"/>
    </row>
    <row r="88075" spans="14:14">
      <c r="N88075" s="10"/>
    </row>
    <row r="88076" spans="14:14">
      <c r="N88076" s="10"/>
    </row>
    <row r="88077" spans="14:14">
      <c r="N88077" s="10"/>
    </row>
    <row r="88078" spans="14:14">
      <c r="N88078" s="10"/>
    </row>
    <row r="88079" spans="14:14">
      <c r="N88079" s="10"/>
    </row>
    <row r="88080" spans="14:14">
      <c r="N88080" s="10"/>
    </row>
    <row r="88081" spans="14:14">
      <c r="N88081" s="10"/>
    </row>
    <row r="88082" spans="14:14">
      <c r="N88082" s="10"/>
    </row>
    <row r="88083" spans="14:14">
      <c r="N88083" s="10"/>
    </row>
    <row r="88084" spans="14:14">
      <c r="N88084" s="10"/>
    </row>
    <row r="88085" spans="14:14">
      <c r="N88085" s="10"/>
    </row>
    <row r="88086" spans="14:14">
      <c r="N88086" s="10"/>
    </row>
    <row r="88087" spans="14:14">
      <c r="N88087" s="10"/>
    </row>
    <row r="88088" spans="14:14">
      <c r="N88088" s="10"/>
    </row>
    <row r="88089" spans="14:14">
      <c r="N88089" s="10"/>
    </row>
    <row r="88090" spans="14:14">
      <c r="N88090" s="10"/>
    </row>
    <row r="88091" spans="14:14">
      <c r="N88091" s="10"/>
    </row>
    <row r="88092" spans="14:14">
      <c r="N88092" s="10"/>
    </row>
    <row r="88093" spans="14:14">
      <c r="N88093" s="10"/>
    </row>
    <row r="88094" spans="14:14">
      <c r="N88094" s="10"/>
    </row>
    <row r="88095" spans="14:14">
      <c r="N88095" s="10"/>
    </row>
    <row r="88096" spans="14:14">
      <c r="N88096" s="10"/>
    </row>
    <row r="88097" spans="14:14">
      <c r="N88097" s="10"/>
    </row>
    <row r="88098" spans="14:14">
      <c r="N88098" s="10"/>
    </row>
    <row r="88099" spans="14:14">
      <c r="N88099" s="10"/>
    </row>
    <row r="88100" spans="14:14">
      <c r="N88100" s="10"/>
    </row>
    <row r="88101" spans="14:14">
      <c r="N88101" s="10"/>
    </row>
    <row r="88102" spans="14:14">
      <c r="N88102" s="10"/>
    </row>
    <row r="88103" spans="14:14">
      <c r="N88103" s="10"/>
    </row>
    <row r="88104" spans="14:14">
      <c r="N88104" s="10"/>
    </row>
    <row r="88105" spans="14:14">
      <c r="N88105" s="10"/>
    </row>
    <row r="88106" spans="14:14">
      <c r="N88106" s="10"/>
    </row>
    <row r="88107" spans="14:14">
      <c r="N88107" s="10"/>
    </row>
    <row r="88108" spans="14:14">
      <c r="N88108" s="10"/>
    </row>
    <row r="88109" spans="14:14">
      <c r="N88109" s="10"/>
    </row>
    <row r="88110" spans="14:14">
      <c r="N88110" s="10"/>
    </row>
    <row r="88111" spans="14:14">
      <c r="N88111" s="10"/>
    </row>
    <row r="88112" spans="14:14">
      <c r="N88112" s="10"/>
    </row>
    <row r="88113" spans="14:14">
      <c r="N88113" s="10"/>
    </row>
    <row r="88114" spans="14:14">
      <c r="N88114" s="10"/>
    </row>
    <row r="88115" spans="14:14">
      <c r="N88115" s="10"/>
    </row>
    <row r="88116" spans="14:14">
      <c r="N88116" s="10"/>
    </row>
    <row r="88117" spans="14:14">
      <c r="N88117" s="10"/>
    </row>
    <row r="88118" spans="14:14">
      <c r="N88118" s="10"/>
    </row>
    <row r="88119" spans="14:14">
      <c r="N88119" s="10"/>
    </row>
    <row r="88120" spans="14:14">
      <c r="N88120" s="10"/>
    </row>
    <row r="88121" spans="14:14">
      <c r="N88121" s="10"/>
    </row>
    <row r="88122" spans="14:14">
      <c r="N88122" s="10"/>
    </row>
    <row r="88123" spans="14:14">
      <c r="N88123" s="10"/>
    </row>
    <row r="88124" spans="14:14">
      <c r="N88124" s="10"/>
    </row>
    <row r="88125" spans="14:14">
      <c r="N88125" s="10"/>
    </row>
    <row r="88126" spans="14:14">
      <c r="N88126" s="10"/>
    </row>
    <row r="88127" spans="14:14">
      <c r="N88127" s="10"/>
    </row>
    <row r="88128" spans="14:14">
      <c r="N88128" s="10"/>
    </row>
    <row r="88129" spans="14:14">
      <c r="N88129" s="10"/>
    </row>
    <row r="88130" spans="14:14">
      <c r="N88130" s="10"/>
    </row>
    <row r="88131" spans="14:14">
      <c r="N88131" s="10"/>
    </row>
    <row r="88132" spans="14:14">
      <c r="N88132" s="10"/>
    </row>
    <row r="88133" spans="14:14">
      <c r="N88133" s="10"/>
    </row>
    <row r="88134" spans="14:14">
      <c r="N88134" s="10"/>
    </row>
    <row r="88135" spans="14:14">
      <c r="N88135" s="10"/>
    </row>
    <row r="88136" spans="14:14">
      <c r="N88136" s="10"/>
    </row>
    <row r="88137" spans="14:14">
      <c r="N88137" s="10"/>
    </row>
    <row r="88138" spans="14:14">
      <c r="N88138" s="10"/>
    </row>
    <row r="88139" spans="14:14">
      <c r="N88139" s="10"/>
    </row>
    <row r="88140" spans="14:14">
      <c r="N88140" s="10"/>
    </row>
    <row r="88141" spans="14:14">
      <c r="N88141" s="10"/>
    </row>
    <row r="88142" spans="14:14">
      <c r="N88142" s="10"/>
    </row>
    <row r="88143" spans="14:14">
      <c r="N88143" s="10"/>
    </row>
    <row r="88144" spans="14:14">
      <c r="N88144" s="10"/>
    </row>
    <row r="88145" spans="14:14">
      <c r="N88145" s="10"/>
    </row>
    <row r="88146" spans="14:14">
      <c r="N88146" s="10"/>
    </row>
    <row r="88147" spans="14:14">
      <c r="N88147" s="10"/>
    </row>
    <row r="88148" spans="14:14">
      <c r="N88148" s="10"/>
    </row>
    <row r="88149" spans="14:14">
      <c r="N88149" s="10"/>
    </row>
    <row r="88150" spans="14:14">
      <c r="N88150" s="10"/>
    </row>
    <row r="88151" spans="14:14">
      <c r="N88151" s="10"/>
    </row>
    <row r="88152" spans="14:14">
      <c r="N88152" s="10"/>
    </row>
    <row r="88153" spans="14:14">
      <c r="N88153" s="10"/>
    </row>
    <row r="88154" spans="14:14">
      <c r="N88154" s="10"/>
    </row>
    <row r="88155" spans="14:14">
      <c r="N88155" s="10"/>
    </row>
    <row r="88156" spans="14:14">
      <c r="N88156" s="10"/>
    </row>
    <row r="88157" spans="14:14">
      <c r="N88157" s="10"/>
    </row>
    <row r="88158" spans="14:14">
      <c r="N88158" s="10"/>
    </row>
    <row r="88159" spans="14:14">
      <c r="N88159" s="10"/>
    </row>
    <row r="88160" spans="14:14">
      <c r="N88160" s="10"/>
    </row>
    <row r="88161" spans="14:14">
      <c r="N88161" s="10"/>
    </row>
    <row r="88162" spans="14:14">
      <c r="N88162" s="10"/>
    </row>
    <row r="88163" spans="14:14">
      <c r="N88163" s="10"/>
    </row>
    <row r="88164" spans="14:14">
      <c r="N88164" s="10"/>
    </row>
    <row r="88165" spans="14:14">
      <c r="N88165" s="10"/>
    </row>
    <row r="88166" spans="14:14">
      <c r="N88166" s="10"/>
    </row>
    <row r="88167" spans="14:14">
      <c r="N88167" s="10"/>
    </row>
    <row r="88168" spans="14:14">
      <c r="N88168" s="10"/>
    </row>
    <row r="88169" spans="14:14">
      <c r="N88169" s="10"/>
    </row>
    <row r="88170" spans="14:14">
      <c r="N88170" s="10"/>
    </row>
    <row r="88171" spans="14:14">
      <c r="N88171" s="10"/>
    </row>
    <row r="88172" spans="14:14">
      <c r="N88172" s="10"/>
    </row>
    <row r="88173" spans="14:14">
      <c r="N88173" s="10"/>
    </row>
    <row r="88174" spans="14:14">
      <c r="N88174" s="10"/>
    </row>
    <row r="88175" spans="14:14">
      <c r="N88175" s="10"/>
    </row>
    <row r="88176" spans="14:14">
      <c r="N88176" s="10"/>
    </row>
    <row r="88177" spans="14:14">
      <c r="N88177" s="10"/>
    </row>
    <row r="88178" spans="14:14">
      <c r="N88178" s="10"/>
    </row>
    <row r="88179" spans="14:14">
      <c r="N88179" s="10"/>
    </row>
    <row r="88180" spans="14:14">
      <c r="N88180" s="10"/>
    </row>
    <row r="88181" spans="14:14">
      <c r="N88181" s="10"/>
    </row>
    <row r="88182" spans="14:14">
      <c r="N88182" s="10"/>
    </row>
    <row r="88183" spans="14:14">
      <c r="N88183" s="10"/>
    </row>
    <row r="88184" spans="14:14">
      <c r="N88184" s="10"/>
    </row>
    <row r="88185" spans="14:14">
      <c r="N88185" s="10"/>
    </row>
    <row r="88186" spans="14:14">
      <c r="N88186" s="10"/>
    </row>
    <row r="88187" spans="14:14">
      <c r="N88187" s="10"/>
    </row>
    <row r="88188" spans="14:14">
      <c r="N88188" s="10"/>
    </row>
    <row r="88189" spans="14:14">
      <c r="N88189" s="10"/>
    </row>
    <row r="88190" spans="14:14">
      <c r="N88190" s="10"/>
    </row>
    <row r="88191" spans="14:14">
      <c r="N88191" s="10"/>
    </row>
    <row r="88192" spans="14:14">
      <c r="N88192" s="10"/>
    </row>
    <row r="88193" spans="14:14">
      <c r="N88193" s="10"/>
    </row>
    <row r="88194" spans="14:14">
      <c r="N88194" s="10"/>
    </row>
    <row r="88195" spans="14:14">
      <c r="N88195" s="10"/>
    </row>
    <row r="88196" spans="14:14">
      <c r="N88196" s="10"/>
    </row>
    <row r="88197" spans="14:14">
      <c r="N88197" s="10"/>
    </row>
    <row r="88198" spans="14:14">
      <c r="N88198" s="10"/>
    </row>
    <row r="88199" spans="14:14">
      <c r="N88199" s="10"/>
    </row>
    <row r="88200" spans="14:14">
      <c r="N88200" s="10"/>
    </row>
    <row r="88201" spans="14:14">
      <c r="N88201" s="10"/>
    </row>
    <row r="88202" spans="14:14">
      <c r="N88202" s="10"/>
    </row>
    <row r="88203" spans="14:14">
      <c r="N88203" s="10"/>
    </row>
    <row r="88204" spans="14:14">
      <c r="N88204" s="10"/>
    </row>
    <row r="88205" spans="14:14">
      <c r="N88205" s="10"/>
    </row>
    <row r="88206" spans="14:14">
      <c r="N88206" s="10"/>
    </row>
    <row r="88207" spans="14:14">
      <c r="N88207" s="10"/>
    </row>
    <row r="88208" spans="14:14">
      <c r="N88208" s="10"/>
    </row>
    <row r="88209" spans="14:14">
      <c r="N88209" s="10"/>
    </row>
    <row r="88210" spans="14:14">
      <c r="N88210" s="10"/>
    </row>
    <row r="88211" spans="14:14">
      <c r="N88211" s="10"/>
    </row>
    <row r="88212" spans="14:14">
      <c r="N88212" s="10"/>
    </row>
    <row r="88213" spans="14:14">
      <c r="N88213" s="10"/>
    </row>
    <row r="88214" spans="14:14">
      <c r="N88214" s="10"/>
    </row>
    <row r="88215" spans="14:14">
      <c r="N88215" s="10"/>
    </row>
    <row r="88216" spans="14:14">
      <c r="N88216" s="10"/>
    </row>
    <row r="88217" spans="14:14">
      <c r="N88217" s="10"/>
    </row>
    <row r="88218" spans="14:14">
      <c r="N88218" s="10"/>
    </row>
    <row r="88219" spans="14:14">
      <c r="N88219" s="10"/>
    </row>
    <row r="88220" spans="14:14">
      <c r="N88220" s="10"/>
    </row>
    <row r="88221" spans="14:14">
      <c r="N88221" s="10"/>
    </row>
    <row r="88222" spans="14:14">
      <c r="N88222" s="10"/>
    </row>
    <row r="88223" spans="14:14">
      <c r="N88223" s="10"/>
    </row>
    <row r="88224" spans="14:14">
      <c r="N88224" s="10"/>
    </row>
    <row r="88225" spans="14:14">
      <c r="N88225" s="10"/>
    </row>
    <row r="88226" spans="14:14">
      <c r="N88226" s="10"/>
    </row>
    <row r="88227" spans="14:14">
      <c r="N88227" s="10"/>
    </row>
    <row r="88228" spans="14:14">
      <c r="N88228" s="10"/>
    </row>
    <row r="88229" spans="14:14">
      <c r="N88229" s="10"/>
    </row>
    <row r="88230" spans="14:14">
      <c r="N88230" s="10"/>
    </row>
    <row r="88231" spans="14:14">
      <c r="N88231" s="10"/>
    </row>
    <row r="88232" spans="14:14">
      <c r="N88232" s="10"/>
    </row>
    <row r="88233" spans="14:14">
      <c r="N88233" s="10"/>
    </row>
    <row r="88234" spans="14:14">
      <c r="N88234" s="10"/>
    </row>
    <row r="88235" spans="14:14">
      <c r="N88235" s="10"/>
    </row>
    <row r="88236" spans="14:14">
      <c r="N88236" s="10"/>
    </row>
    <row r="88237" spans="14:14">
      <c r="N88237" s="10"/>
    </row>
    <row r="88238" spans="14:14">
      <c r="N88238" s="10"/>
    </row>
    <row r="88239" spans="14:14">
      <c r="N88239" s="10"/>
    </row>
    <row r="88240" spans="14:14">
      <c r="N88240" s="10"/>
    </row>
    <row r="88241" spans="14:14">
      <c r="N88241" s="10"/>
    </row>
    <row r="88242" spans="14:14">
      <c r="N88242" s="10"/>
    </row>
    <row r="88243" spans="14:14">
      <c r="N88243" s="10"/>
    </row>
    <row r="88244" spans="14:14">
      <c r="N88244" s="10"/>
    </row>
    <row r="88245" spans="14:14">
      <c r="N88245" s="10"/>
    </row>
    <row r="88246" spans="14:14">
      <c r="N88246" s="10"/>
    </row>
    <row r="88247" spans="14:14">
      <c r="N88247" s="10"/>
    </row>
    <row r="88248" spans="14:14">
      <c r="N88248" s="10"/>
    </row>
    <row r="88249" spans="14:14">
      <c r="N88249" s="10"/>
    </row>
    <row r="88250" spans="14:14">
      <c r="N88250" s="10"/>
    </row>
    <row r="88251" spans="14:14">
      <c r="N88251" s="10"/>
    </row>
    <row r="88252" spans="14:14">
      <c r="N88252" s="10"/>
    </row>
    <row r="88253" spans="14:14">
      <c r="N88253" s="10"/>
    </row>
    <row r="88254" spans="14:14">
      <c r="N88254" s="10"/>
    </row>
    <row r="88255" spans="14:14">
      <c r="N88255" s="10"/>
    </row>
    <row r="88256" spans="14:14">
      <c r="N88256" s="10"/>
    </row>
    <row r="88257" spans="14:14">
      <c r="N88257" s="10"/>
    </row>
    <row r="88258" spans="14:14">
      <c r="N88258" s="10"/>
    </row>
    <row r="88259" spans="14:14">
      <c r="N88259" s="10"/>
    </row>
    <row r="88260" spans="14:14">
      <c r="N88260" s="10"/>
    </row>
    <row r="88261" spans="14:14">
      <c r="N88261" s="10"/>
    </row>
    <row r="88262" spans="14:14">
      <c r="N88262" s="10"/>
    </row>
    <row r="88263" spans="14:14">
      <c r="N88263" s="10"/>
    </row>
    <row r="88264" spans="14:14">
      <c r="N88264" s="10"/>
    </row>
    <row r="88265" spans="14:14">
      <c r="N88265" s="10"/>
    </row>
    <row r="88266" spans="14:14">
      <c r="N88266" s="10"/>
    </row>
    <row r="88267" spans="14:14">
      <c r="N88267" s="10"/>
    </row>
    <row r="88268" spans="14:14">
      <c r="N88268" s="10"/>
    </row>
    <row r="88269" spans="14:14">
      <c r="N88269" s="10"/>
    </row>
    <row r="88270" spans="14:14">
      <c r="N88270" s="10"/>
    </row>
    <row r="88271" spans="14:14">
      <c r="N88271" s="10"/>
    </row>
    <row r="88272" spans="14:14">
      <c r="N88272" s="10"/>
    </row>
    <row r="88273" spans="14:14">
      <c r="N88273" s="10"/>
    </row>
    <row r="88274" spans="14:14">
      <c r="N88274" s="10"/>
    </row>
    <row r="88275" spans="14:14">
      <c r="N88275" s="10"/>
    </row>
    <row r="88276" spans="14:14">
      <c r="N88276" s="10"/>
    </row>
    <row r="88277" spans="14:14">
      <c r="N88277" s="10"/>
    </row>
    <row r="88278" spans="14:14">
      <c r="N88278" s="10"/>
    </row>
    <row r="88279" spans="14:14">
      <c r="N88279" s="10"/>
    </row>
    <row r="88280" spans="14:14">
      <c r="N88280" s="10"/>
    </row>
    <row r="88281" spans="14:14">
      <c r="N88281" s="10"/>
    </row>
    <row r="88282" spans="14:14">
      <c r="N88282" s="10"/>
    </row>
    <row r="88283" spans="14:14">
      <c r="N88283" s="10"/>
    </row>
    <row r="88284" spans="14:14">
      <c r="N88284" s="10"/>
    </row>
    <row r="88285" spans="14:14">
      <c r="N88285" s="10"/>
    </row>
    <row r="88286" spans="14:14">
      <c r="N88286" s="10"/>
    </row>
    <row r="88287" spans="14:14">
      <c r="N88287" s="10"/>
    </row>
    <row r="88288" spans="14:14">
      <c r="N88288" s="10"/>
    </row>
    <row r="88289" spans="14:14">
      <c r="N88289" s="10"/>
    </row>
    <row r="88290" spans="14:14">
      <c r="N88290" s="10"/>
    </row>
    <row r="88291" spans="14:14">
      <c r="N88291" s="10"/>
    </row>
    <row r="88292" spans="14:14">
      <c r="N88292" s="10"/>
    </row>
    <row r="88293" spans="14:14">
      <c r="N88293" s="10"/>
    </row>
    <row r="88294" spans="14:14">
      <c r="N88294" s="10"/>
    </row>
    <row r="88295" spans="14:14">
      <c r="N88295" s="10"/>
    </row>
    <row r="88296" spans="14:14">
      <c r="N88296" s="10"/>
    </row>
    <row r="88297" spans="14:14">
      <c r="N88297" s="10"/>
    </row>
    <row r="88298" spans="14:14">
      <c r="N88298" s="10"/>
    </row>
    <row r="88299" spans="14:14">
      <c r="N88299" s="10"/>
    </row>
    <row r="88300" spans="14:14">
      <c r="N88300" s="10"/>
    </row>
    <row r="88301" spans="14:14">
      <c r="N88301" s="10"/>
    </row>
    <row r="88302" spans="14:14">
      <c r="N88302" s="10"/>
    </row>
    <row r="88303" spans="14:14">
      <c r="N88303" s="10"/>
    </row>
    <row r="88304" spans="14:14">
      <c r="N88304" s="10"/>
    </row>
    <row r="88305" spans="14:14">
      <c r="N88305" s="10"/>
    </row>
    <row r="88306" spans="14:14">
      <c r="N88306" s="10"/>
    </row>
    <row r="88307" spans="14:14">
      <c r="N88307" s="10"/>
    </row>
    <row r="88308" spans="14:14">
      <c r="N88308" s="10"/>
    </row>
    <row r="88309" spans="14:14">
      <c r="N88309" s="10"/>
    </row>
    <row r="88310" spans="14:14">
      <c r="N88310" s="10"/>
    </row>
    <row r="88311" spans="14:14">
      <c r="N88311" s="10"/>
    </row>
    <row r="88312" spans="14:14">
      <c r="N88312" s="10"/>
    </row>
    <row r="88313" spans="14:14">
      <c r="N88313" s="10"/>
    </row>
    <row r="88314" spans="14:14">
      <c r="N88314" s="10"/>
    </row>
    <row r="88315" spans="14:14">
      <c r="N88315" s="10"/>
    </row>
    <row r="88316" spans="14:14">
      <c r="N88316" s="10"/>
    </row>
    <row r="88317" spans="14:14">
      <c r="N88317" s="10"/>
    </row>
    <row r="88318" spans="14:14">
      <c r="N88318" s="10"/>
    </row>
    <row r="88319" spans="14:14">
      <c r="N88319" s="10"/>
    </row>
    <row r="88320" spans="14:14">
      <c r="N88320" s="10"/>
    </row>
    <row r="88321" spans="14:14">
      <c r="N88321" s="10"/>
    </row>
    <row r="88322" spans="14:14">
      <c r="N88322" s="10"/>
    </row>
    <row r="88323" spans="14:14">
      <c r="N88323" s="10"/>
    </row>
    <row r="88324" spans="14:14">
      <c r="N88324" s="10"/>
    </row>
    <row r="88325" spans="14:14">
      <c r="N88325" s="10"/>
    </row>
    <row r="88326" spans="14:14">
      <c r="N88326" s="10"/>
    </row>
    <row r="88327" spans="14:14">
      <c r="N88327" s="10"/>
    </row>
    <row r="88328" spans="14:14">
      <c r="N88328" s="10"/>
    </row>
    <row r="88329" spans="14:14">
      <c r="N88329" s="10"/>
    </row>
    <row r="88330" spans="14:14">
      <c r="N88330" s="10"/>
    </row>
    <row r="88331" spans="14:14">
      <c r="N88331" s="10"/>
    </row>
    <row r="88332" spans="14:14">
      <c r="N88332" s="10"/>
    </row>
    <row r="88333" spans="14:14">
      <c r="N88333" s="10"/>
    </row>
    <row r="88334" spans="14:14">
      <c r="N88334" s="10"/>
    </row>
    <row r="88335" spans="14:14">
      <c r="N88335" s="10"/>
    </row>
    <row r="88336" spans="14:14">
      <c r="N88336" s="10"/>
    </row>
    <row r="88337" spans="14:14">
      <c r="N88337" s="10"/>
    </row>
    <row r="88338" spans="14:14">
      <c r="N88338" s="10"/>
    </row>
    <row r="88339" spans="14:14">
      <c r="N88339" s="10"/>
    </row>
    <row r="88340" spans="14:14">
      <c r="N88340" s="10"/>
    </row>
    <row r="88341" spans="14:14">
      <c r="N88341" s="10"/>
    </row>
    <row r="88342" spans="14:14">
      <c r="N88342" s="10"/>
    </row>
    <row r="88343" spans="14:14">
      <c r="N88343" s="10"/>
    </row>
    <row r="88344" spans="14:14">
      <c r="N88344" s="10"/>
    </row>
    <row r="88345" spans="14:14">
      <c r="N88345" s="10"/>
    </row>
    <row r="88346" spans="14:14">
      <c r="N88346" s="10"/>
    </row>
    <row r="88347" spans="14:14">
      <c r="N88347" s="10"/>
    </row>
    <row r="88348" spans="14:14">
      <c r="N88348" s="10"/>
    </row>
    <row r="88349" spans="14:14">
      <c r="N88349" s="10"/>
    </row>
    <row r="88350" spans="14:14">
      <c r="N88350" s="10"/>
    </row>
    <row r="88351" spans="14:14">
      <c r="N88351" s="10"/>
    </row>
    <row r="88352" spans="14:14">
      <c r="N88352" s="10"/>
    </row>
    <row r="88353" spans="14:14">
      <c r="N88353" s="10"/>
    </row>
    <row r="88354" spans="14:14">
      <c r="N88354" s="10"/>
    </row>
    <row r="88355" spans="14:14">
      <c r="N88355" s="10"/>
    </row>
    <row r="88356" spans="14:14">
      <c r="N88356" s="10"/>
    </row>
    <row r="88357" spans="14:14">
      <c r="N88357" s="10"/>
    </row>
    <row r="88358" spans="14:14">
      <c r="N88358" s="10"/>
    </row>
    <row r="88359" spans="14:14">
      <c r="N88359" s="10"/>
    </row>
    <row r="88360" spans="14:14">
      <c r="N88360" s="10"/>
    </row>
    <row r="88361" spans="14:14">
      <c r="N88361" s="10"/>
    </row>
    <row r="88362" spans="14:14">
      <c r="N88362" s="10"/>
    </row>
    <row r="88363" spans="14:14">
      <c r="N88363" s="10"/>
    </row>
    <row r="88364" spans="14:14">
      <c r="N88364" s="10"/>
    </row>
    <row r="88365" spans="14:14">
      <c r="N88365" s="10"/>
    </row>
    <row r="88366" spans="14:14">
      <c r="N88366" s="10"/>
    </row>
    <row r="88367" spans="14:14">
      <c r="N88367" s="10"/>
    </row>
    <row r="88368" spans="14:14">
      <c r="N88368" s="10"/>
    </row>
    <row r="88369" spans="14:14">
      <c r="N88369" s="10"/>
    </row>
    <row r="88370" spans="14:14">
      <c r="N88370" s="10"/>
    </row>
    <row r="88371" spans="14:14">
      <c r="N88371" s="10"/>
    </row>
    <row r="88372" spans="14:14">
      <c r="N88372" s="10"/>
    </row>
    <row r="88373" spans="14:14">
      <c r="N88373" s="10"/>
    </row>
    <row r="88374" spans="14:14">
      <c r="N88374" s="10"/>
    </row>
    <row r="88375" spans="14:14">
      <c r="N88375" s="10"/>
    </row>
    <row r="88376" spans="14:14">
      <c r="N88376" s="10"/>
    </row>
    <row r="88377" spans="14:14">
      <c r="N88377" s="10"/>
    </row>
    <row r="88378" spans="14:14">
      <c r="N88378" s="10"/>
    </row>
    <row r="88379" spans="14:14">
      <c r="N88379" s="10"/>
    </row>
    <row r="88380" spans="14:14">
      <c r="N88380" s="10"/>
    </row>
    <row r="88381" spans="14:14">
      <c r="N88381" s="10"/>
    </row>
    <row r="88382" spans="14:14">
      <c r="N88382" s="10"/>
    </row>
    <row r="88383" spans="14:14">
      <c r="N88383" s="10"/>
    </row>
    <row r="88384" spans="14:14">
      <c r="N88384" s="10"/>
    </row>
    <row r="88385" spans="14:14">
      <c r="N88385" s="10"/>
    </row>
    <row r="88386" spans="14:14">
      <c r="N88386" s="10"/>
    </row>
    <row r="88387" spans="14:14">
      <c r="N88387" s="10"/>
    </row>
    <row r="88388" spans="14:14">
      <c r="N88388" s="10"/>
    </row>
    <row r="88389" spans="14:14">
      <c r="N88389" s="10"/>
    </row>
    <row r="88390" spans="14:14">
      <c r="N88390" s="10"/>
    </row>
    <row r="88391" spans="14:14">
      <c r="N88391" s="10"/>
    </row>
    <row r="88392" spans="14:14">
      <c r="N88392" s="10"/>
    </row>
    <row r="88393" spans="14:14">
      <c r="N88393" s="10"/>
    </row>
    <row r="88394" spans="14:14">
      <c r="N88394" s="10"/>
    </row>
    <row r="88395" spans="14:14">
      <c r="N88395" s="10"/>
    </row>
    <row r="88396" spans="14:14">
      <c r="N88396" s="10"/>
    </row>
    <row r="88397" spans="14:14">
      <c r="N88397" s="10"/>
    </row>
    <row r="88398" spans="14:14">
      <c r="N88398" s="10"/>
    </row>
    <row r="88399" spans="14:14">
      <c r="N88399" s="10"/>
    </row>
    <row r="88400" spans="14:14">
      <c r="N88400" s="10"/>
    </row>
    <row r="88401" spans="14:14">
      <c r="N88401" s="10"/>
    </row>
    <row r="88402" spans="14:14">
      <c r="N88402" s="10"/>
    </row>
    <row r="88403" spans="14:14">
      <c r="N88403" s="10"/>
    </row>
    <row r="88404" spans="14:14">
      <c r="N88404" s="10"/>
    </row>
    <row r="88405" spans="14:14">
      <c r="N88405" s="10"/>
    </row>
    <row r="88406" spans="14:14">
      <c r="N88406" s="10"/>
    </row>
    <row r="88407" spans="14:14">
      <c r="N88407" s="10"/>
    </row>
    <row r="88408" spans="14:14">
      <c r="N88408" s="10"/>
    </row>
    <row r="88409" spans="14:14">
      <c r="N88409" s="10"/>
    </row>
    <row r="88410" spans="14:14">
      <c r="N88410" s="10"/>
    </row>
    <row r="88411" spans="14:14">
      <c r="N88411" s="10"/>
    </row>
    <row r="88412" spans="14:14">
      <c r="N88412" s="10"/>
    </row>
    <row r="88413" spans="14:14">
      <c r="N88413" s="10"/>
    </row>
    <row r="88414" spans="14:14">
      <c r="N88414" s="10"/>
    </row>
    <row r="88415" spans="14:14">
      <c r="N88415" s="10"/>
    </row>
    <row r="88416" spans="14:14">
      <c r="N88416" s="10"/>
    </row>
    <row r="88417" spans="14:14">
      <c r="N88417" s="10"/>
    </row>
    <row r="88418" spans="14:14">
      <c r="N88418" s="10"/>
    </row>
    <row r="88419" spans="14:14">
      <c r="N88419" s="10"/>
    </row>
    <row r="88420" spans="14:14">
      <c r="N88420" s="10"/>
    </row>
    <row r="88421" spans="14:14">
      <c r="N88421" s="10"/>
    </row>
    <row r="88422" spans="14:14">
      <c r="N88422" s="10"/>
    </row>
    <row r="88423" spans="14:14">
      <c r="N88423" s="10"/>
    </row>
    <row r="88424" spans="14:14">
      <c r="N88424" s="10"/>
    </row>
    <row r="88425" spans="14:14">
      <c r="N88425" s="10"/>
    </row>
    <row r="88426" spans="14:14">
      <c r="N88426" s="10"/>
    </row>
    <row r="88427" spans="14:14">
      <c r="N88427" s="10"/>
    </row>
    <row r="88428" spans="14:14">
      <c r="N88428" s="10"/>
    </row>
    <row r="88429" spans="14:14">
      <c r="N88429" s="10"/>
    </row>
    <row r="88430" spans="14:14">
      <c r="N88430" s="10"/>
    </row>
    <row r="88431" spans="14:14">
      <c r="N88431" s="10"/>
    </row>
    <row r="88432" spans="14:14">
      <c r="N88432" s="10"/>
    </row>
    <row r="88433" spans="14:14">
      <c r="N88433" s="10"/>
    </row>
    <row r="88434" spans="14:14">
      <c r="N88434" s="10"/>
    </row>
    <row r="88435" spans="14:14">
      <c r="N88435" s="10"/>
    </row>
    <row r="88436" spans="14:14">
      <c r="N88436" s="10"/>
    </row>
    <row r="88437" spans="14:14">
      <c r="N88437" s="10"/>
    </row>
    <row r="88438" spans="14:14">
      <c r="N88438" s="10"/>
    </row>
    <row r="88439" spans="14:14">
      <c r="N88439" s="10"/>
    </row>
    <row r="88440" spans="14:14">
      <c r="N88440" s="10"/>
    </row>
    <row r="88441" spans="14:14">
      <c r="N88441" s="10"/>
    </row>
    <row r="88442" spans="14:14">
      <c r="N88442" s="10"/>
    </row>
    <row r="88443" spans="14:14">
      <c r="N88443" s="10"/>
    </row>
    <row r="88444" spans="14:14">
      <c r="N88444" s="10"/>
    </row>
    <row r="88445" spans="14:14">
      <c r="N88445" s="10"/>
    </row>
    <row r="88446" spans="14:14">
      <c r="N88446" s="10"/>
    </row>
    <row r="88447" spans="14:14">
      <c r="N88447" s="10"/>
    </row>
    <row r="88448" spans="14:14">
      <c r="N88448" s="10"/>
    </row>
    <row r="88449" spans="14:14">
      <c r="N88449" s="10"/>
    </row>
    <row r="88450" spans="14:14">
      <c r="N88450" s="10"/>
    </row>
    <row r="88451" spans="14:14">
      <c r="N88451" s="10"/>
    </row>
    <row r="88452" spans="14:14">
      <c r="N88452" s="10"/>
    </row>
    <row r="88453" spans="14:14">
      <c r="N88453" s="10"/>
    </row>
    <row r="88454" spans="14:14">
      <c r="N88454" s="10"/>
    </row>
    <row r="88455" spans="14:14">
      <c r="N88455" s="10"/>
    </row>
    <row r="88456" spans="14:14">
      <c r="N88456" s="10"/>
    </row>
    <row r="88457" spans="14:14">
      <c r="N88457" s="10"/>
    </row>
    <row r="88458" spans="14:14">
      <c r="N88458" s="10"/>
    </row>
    <row r="88459" spans="14:14">
      <c r="N88459" s="10"/>
    </row>
    <row r="88460" spans="14:14">
      <c r="N88460" s="10"/>
    </row>
    <row r="88461" spans="14:14">
      <c r="N88461" s="10"/>
    </row>
    <row r="88462" spans="14:14">
      <c r="N88462" s="10"/>
    </row>
    <row r="88463" spans="14:14">
      <c r="N88463" s="10"/>
    </row>
    <row r="88464" spans="14:14">
      <c r="N88464" s="10"/>
    </row>
    <row r="88465" spans="14:14">
      <c r="N88465" s="10"/>
    </row>
    <row r="88466" spans="14:14">
      <c r="N88466" s="10"/>
    </row>
    <row r="88467" spans="14:14">
      <c r="N88467" s="10"/>
    </row>
    <row r="88468" spans="14:14">
      <c r="N88468" s="10"/>
    </row>
    <row r="88469" spans="14:14">
      <c r="N88469" s="10"/>
    </row>
    <row r="88470" spans="14:14">
      <c r="N88470" s="10"/>
    </row>
    <row r="88471" spans="14:14">
      <c r="N88471" s="10"/>
    </row>
    <row r="88472" spans="14:14">
      <c r="N88472" s="10"/>
    </row>
    <row r="88473" spans="14:14">
      <c r="N88473" s="10"/>
    </row>
    <row r="88474" spans="14:14">
      <c r="N88474" s="10"/>
    </row>
    <row r="88475" spans="14:14">
      <c r="N88475" s="10"/>
    </row>
    <row r="88476" spans="14:14">
      <c r="N88476" s="10"/>
    </row>
    <row r="88477" spans="14:14">
      <c r="N88477" s="10"/>
    </row>
    <row r="88478" spans="14:14">
      <c r="N88478" s="10"/>
    </row>
    <row r="88479" spans="14:14">
      <c r="N88479" s="10"/>
    </row>
    <row r="88480" spans="14:14">
      <c r="N88480" s="10"/>
    </row>
    <row r="88481" spans="14:14">
      <c r="N88481" s="10"/>
    </row>
    <row r="88482" spans="14:14">
      <c r="N88482" s="10"/>
    </row>
    <row r="88483" spans="14:14">
      <c r="N88483" s="10"/>
    </row>
    <row r="88484" spans="14:14">
      <c r="N88484" s="10"/>
    </row>
    <row r="88485" spans="14:14">
      <c r="N88485" s="10"/>
    </row>
    <row r="88486" spans="14:14">
      <c r="N88486" s="10"/>
    </row>
    <row r="88487" spans="14:14">
      <c r="N88487" s="10"/>
    </row>
    <row r="88488" spans="14:14">
      <c r="N88488" s="10"/>
    </row>
    <row r="88489" spans="14:14">
      <c r="N88489" s="10"/>
    </row>
    <row r="88490" spans="14:14">
      <c r="N88490" s="10"/>
    </row>
    <row r="88491" spans="14:14">
      <c r="N88491" s="10"/>
    </row>
    <row r="88492" spans="14:14">
      <c r="N88492" s="10"/>
    </row>
    <row r="88493" spans="14:14">
      <c r="N88493" s="10"/>
    </row>
    <row r="88494" spans="14:14">
      <c r="N88494" s="10"/>
    </row>
    <row r="88495" spans="14:14">
      <c r="N88495" s="10"/>
    </row>
    <row r="88496" spans="14:14">
      <c r="N88496" s="10"/>
    </row>
    <row r="88497" spans="14:14">
      <c r="N88497" s="10"/>
    </row>
    <row r="88498" spans="14:14">
      <c r="N88498" s="10"/>
    </row>
    <row r="88499" spans="14:14">
      <c r="N88499" s="10"/>
    </row>
    <row r="88500" spans="14:14">
      <c r="N88500" s="10"/>
    </row>
    <row r="88501" spans="14:14">
      <c r="N88501" s="10"/>
    </row>
    <row r="88502" spans="14:14">
      <c r="N88502" s="10"/>
    </row>
    <row r="88503" spans="14:14">
      <c r="N88503" s="10"/>
    </row>
    <row r="88504" spans="14:14">
      <c r="N88504" s="10"/>
    </row>
    <row r="88505" spans="14:14">
      <c r="N88505" s="10"/>
    </row>
    <row r="88506" spans="14:14">
      <c r="N88506" s="10"/>
    </row>
    <row r="88507" spans="14:14">
      <c r="N88507" s="10"/>
    </row>
    <row r="88508" spans="14:14">
      <c r="N88508" s="10"/>
    </row>
    <row r="88509" spans="14:14">
      <c r="N88509" s="10"/>
    </row>
    <row r="88510" spans="14:14">
      <c r="N88510" s="10"/>
    </row>
    <row r="88511" spans="14:14">
      <c r="N88511" s="10"/>
    </row>
    <row r="88512" spans="14:14">
      <c r="N88512" s="10"/>
    </row>
    <row r="88513" spans="14:14">
      <c r="N88513" s="10"/>
    </row>
    <row r="88514" spans="14:14">
      <c r="N88514" s="10"/>
    </row>
    <row r="88515" spans="14:14">
      <c r="N88515" s="10"/>
    </row>
    <row r="88516" spans="14:14">
      <c r="N88516" s="10"/>
    </row>
    <row r="88517" spans="14:14">
      <c r="N88517" s="10"/>
    </row>
    <row r="88518" spans="14:14">
      <c r="N88518" s="10"/>
    </row>
    <row r="88519" spans="14:14">
      <c r="N88519" s="10"/>
    </row>
    <row r="88520" spans="14:14">
      <c r="N88520" s="10"/>
    </row>
    <row r="88521" spans="14:14">
      <c r="N88521" s="10"/>
    </row>
    <row r="88522" spans="14:14">
      <c r="N88522" s="10"/>
    </row>
    <row r="88523" spans="14:14">
      <c r="N88523" s="10"/>
    </row>
    <row r="88524" spans="14:14">
      <c r="N88524" s="10"/>
    </row>
    <row r="88525" spans="14:14">
      <c r="N88525" s="10"/>
    </row>
    <row r="88526" spans="14:14">
      <c r="N88526" s="10"/>
    </row>
    <row r="88527" spans="14:14">
      <c r="N88527" s="10"/>
    </row>
    <row r="88528" spans="14:14">
      <c r="N88528" s="10"/>
    </row>
    <row r="88529" spans="14:14">
      <c r="N88529" s="10"/>
    </row>
    <row r="88530" spans="14:14">
      <c r="N88530" s="10"/>
    </row>
    <row r="88531" spans="14:14">
      <c r="N88531" s="10"/>
    </row>
    <row r="88532" spans="14:14">
      <c r="N88532" s="10"/>
    </row>
    <row r="88533" spans="14:14">
      <c r="N88533" s="10"/>
    </row>
    <row r="88534" spans="14:14">
      <c r="N88534" s="10"/>
    </row>
    <row r="88535" spans="14:14">
      <c r="N88535" s="10"/>
    </row>
    <row r="88536" spans="14:14">
      <c r="N88536" s="10"/>
    </row>
    <row r="88537" spans="14:14">
      <c r="N88537" s="10"/>
    </row>
    <row r="88538" spans="14:14">
      <c r="N88538" s="10"/>
    </row>
    <row r="88539" spans="14:14">
      <c r="N88539" s="10"/>
    </row>
    <row r="88540" spans="14:14">
      <c r="N88540" s="10"/>
    </row>
    <row r="88541" spans="14:14">
      <c r="N88541" s="10"/>
    </row>
    <row r="88542" spans="14:14">
      <c r="N88542" s="10"/>
    </row>
    <row r="88543" spans="14:14">
      <c r="N88543" s="10"/>
    </row>
    <row r="88544" spans="14:14">
      <c r="N88544" s="10"/>
    </row>
    <row r="88545" spans="14:14">
      <c r="N88545" s="10"/>
    </row>
    <row r="88546" spans="14:14">
      <c r="N88546" s="10"/>
    </row>
    <row r="88547" spans="14:14">
      <c r="N88547" s="10"/>
    </row>
    <row r="88548" spans="14:14">
      <c r="N88548" s="10"/>
    </row>
    <row r="88549" spans="14:14">
      <c r="N88549" s="10"/>
    </row>
    <row r="88550" spans="14:14">
      <c r="N88550" s="10"/>
    </row>
    <row r="88551" spans="14:14">
      <c r="N88551" s="10"/>
    </row>
    <row r="88552" spans="14:14">
      <c r="N88552" s="10"/>
    </row>
    <row r="88553" spans="14:14">
      <c r="N88553" s="10"/>
    </row>
    <row r="88554" spans="14:14">
      <c r="N88554" s="10"/>
    </row>
    <row r="88555" spans="14:14">
      <c r="N88555" s="10"/>
    </row>
    <row r="88556" spans="14:14">
      <c r="N88556" s="10"/>
    </row>
    <row r="88557" spans="14:14">
      <c r="N88557" s="10"/>
    </row>
    <row r="88558" spans="14:14">
      <c r="N88558" s="10"/>
    </row>
    <row r="88559" spans="14:14">
      <c r="N88559" s="10"/>
    </row>
    <row r="88560" spans="14:14">
      <c r="N88560" s="10"/>
    </row>
    <row r="88561" spans="14:14">
      <c r="N88561" s="10"/>
    </row>
    <row r="88562" spans="14:14">
      <c r="N88562" s="10"/>
    </row>
    <row r="88563" spans="14:14">
      <c r="N88563" s="10"/>
    </row>
    <row r="88564" spans="14:14">
      <c r="N88564" s="10"/>
    </row>
    <row r="88565" spans="14:14">
      <c r="N88565" s="10"/>
    </row>
    <row r="88566" spans="14:14">
      <c r="N88566" s="10"/>
    </row>
    <row r="88567" spans="14:14">
      <c r="N88567" s="10"/>
    </row>
    <row r="88568" spans="14:14">
      <c r="N88568" s="10"/>
    </row>
    <row r="88569" spans="14:14">
      <c r="N88569" s="10"/>
    </row>
    <row r="88570" spans="14:14">
      <c r="N88570" s="10"/>
    </row>
    <row r="88571" spans="14:14">
      <c r="N88571" s="10"/>
    </row>
    <row r="88572" spans="14:14">
      <c r="N88572" s="10"/>
    </row>
    <row r="88573" spans="14:14">
      <c r="N88573" s="10"/>
    </row>
    <row r="88574" spans="14:14">
      <c r="N88574" s="10"/>
    </row>
    <row r="88575" spans="14:14">
      <c r="N88575" s="10"/>
    </row>
    <row r="88576" spans="14:14">
      <c r="N88576" s="10"/>
    </row>
    <row r="88577" spans="14:14">
      <c r="N88577" s="10"/>
    </row>
    <row r="88578" spans="14:14">
      <c r="N88578" s="10"/>
    </row>
    <row r="88579" spans="14:14">
      <c r="N88579" s="10"/>
    </row>
    <row r="88580" spans="14:14">
      <c r="N88580" s="10"/>
    </row>
    <row r="88581" spans="14:14">
      <c r="N88581" s="10"/>
    </row>
    <row r="88582" spans="14:14">
      <c r="N88582" s="10"/>
    </row>
    <row r="88583" spans="14:14">
      <c r="N88583" s="10"/>
    </row>
    <row r="88584" spans="14:14">
      <c r="N88584" s="10"/>
    </row>
    <row r="88585" spans="14:14">
      <c r="N88585" s="10"/>
    </row>
    <row r="88586" spans="14:14">
      <c r="N88586" s="10"/>
    </row>
    <row r="88587" spans="14:14">
      <c r="N88587" s="10"/>
    </row>
    <row r="88588" spans="14:14">
      <c r="N88588" s="10"/>
    </row>
    <row r="88589" spans="14:14">
      <c r="N88589" s="10"/>
    </row>
    <row r="88590" spans="14:14">
      <c r="N88590" s="10"/>
    </row>
    <row r="88591" spans="14:14">
      <c r="N88591" s="10"/>
    </row>
    <row r="88592" spans="14:14">
      <c r="N88592" s="10"/>
    </row>
    <row r="88593" spans="14:14">
      <c r="N88593" s="10"/>
    </row>
    <row r="88594" spans="14:14">
      <c r="N88594" s="10"/>
    </row>
    <row r="88595" spans="14:14">
      <c r="N88595" s="10"/>
    </row>
    <row r="88596" spans="14:14">
      <c r="N88596" s="10"/>
    </row>
    <row r="88597" spans="14:14">
      <c r="N88597" s="10"/>
    </row>
    <row r="88598" spans="14:14">
      <c r="N88598" s="10"/>
    </row>
    <row r="88599" spans="14:14">
      <c r="N88599" s="10"/>
    </row>
    <row r="88600" spans="14:14">
      <c r="N88600" s="10"/>
    </row>
    <row r="88601" spans="14:14">
      <c r="N88601" s="10"/>
    </row>
    <row r="88602" spans="14:14">
      <c r="N88602" s="10"/>
    </row>
    <row r="88603" spans="14:14">
      <c r="N88603" s="10"/>
    </row>
    <row r="88604" spans="14:14">
      <c r="N88604" s="10"/>
    </row>
    <row r="88605" spans="14:14">
      <c r="N88605" s="10"/>
    </row>
    <row r="88606" spans="14:14">
      <c r="N88606" s="10"/>
    </row>
    <row r="88607" spans="14:14">
      <c r="N88607" s="10"/>
    </row>
    <row r="88608" spans="14:14">
      <c r="N88608" s="10"/>
    </row>
    <row r="88609" spans="14:14">
      <c r="N88609" s="10"/>
    </row>
    <row r="88610" spans="14:14">
      <c r="N88610" s="10"/>
    </row>
    <row r="88611" spans="14:14">
      <c r="N88611" s="10"/>
    </row>
    <row r="88612" spans="14:14">
      <c r="N88612" s="10"/>
    </row>
    <row r="88613" spans="14:14">
      <c r="N88613" s="10"/>
    </row>
    <row r="88614" spans="14:14">
      <c r="N88614" s="10"/>
    </row>
    <row r="88615" spans="14:14">
      <c r="N88615" s="10"/>
    </row>
    <row r="88616" spans="14:14">
      <c r="N88616" s="10"/>
    </row>
    <row r="88617" spans="14:14">
      <c r="N88617" s="10"/>
    </row>
    <row r="88618" spans="14:14">
      <c r="N88618" s="10"/>
    </row>
    <row r="88619" spans="14:14">
      <c r="N88619" s="10"/>
    </row>
    <row r="88620" spans="14:14">
      <c r="N88620" s="10"/>
    </row>
    <row r="88621" spans="14:14">
      <c r="N88621" s="10"/>
    </row>
    <row r="88622" spans="14:14">
      <c r="N88622" s="10"/>
    </row>
    <row r="88623" spans="14:14">
      <c r="N88623" s="10"/>
    </row>
    <row r="88624" spans="14:14">
      <c r="N88624" s="10"/>
    </row>
    <row r="88625" spans="14:14">
      <c r="N88625" s="10"/>
    </row>
    <row r="88626" spans="14:14">
      <c r="N88626" s="10"/>
    </row>
    <row r="88627" spans="14:14">
      <c r="N88627" s="10"/>
    </row>
    <row r="88628" spans="14:14">
      <c r="N88628" s="10"/>
    </row>
    <row r="88629" spans="14:14">
      <c r="N88629" s="10"/>
    </row>
    <row r="88630" spans="14:14">
      <c r="N88630" s="10"/>
    </row>
    <row r="88631" spans="14:14">
      <c r="N88631" s="10"/>
    </row>
    <row r="88632" spans="14:14">
      <c r="N88632" s="10"/>
    </row>
    <row r="88633" spans="14:14">
      <c r="N88633" s="10"/>
    </row>
    <row r="88634" spans="14:14">
      <c r="N88634" s="10"/>
    </row>
    <row r="88635" spans="14:14">
      <c r="N88635" s="10"/>
    </row>
    <row r="88636" spans="14:14">
      <c r="N88636" s="10"/>
    </row>
    <row r="88637" spans="14:14">
      <c r="N88637" s="10"/>
    </row>
    <row r="88638" spans="14:14">
      <c r="N88638" s="10"/>
    </row>
    <row r="88639" spans="14:14">
      <c r="N88639" s="10"/>
    </row>
    <row r="88640" spans="14:14">
      <c r="N88640" s="10"/>
    </row>
    <row r="88641" spans="14:14">
      <c r="N88641" s="10"/>
    </row>
    <row r="88642" spans="14:14">
      <c r="N88642" s="10"/>
    </row>
    <row r="88643" spans="14:14">
      <c r="N88643" s="10"/>
    </row>
    <row r="88644" spans="14:14">
      <c r="N88644" s="10"/>
    </row>
    <row r="88645" spans="14:14">
      <c r="N88645" s="10"/>
    </row>
    <row r="88646" spans="14:14">
      <c r="N88646" s="10"/>
    </row>
    <row r="88647" spans="14:14">
      <c r="N88647" s="10"/>
    </row>
    <row r="88648" spans="14:14">
      <c r="N88648" s="10"/>
    </row>
    <row r="88649" spans="14:14">
      <c r="N88649" s="10"/>
    </row>
    <row r="88650" spans="14:14">
      <c r="N88650" s="10"/>
    </row>
    <row r="88651" spans="14:14">
      <c r="N88651" s="10"/>
    </row>
    <row r="88652" spans="14:14">
      <c r="N88652" s="10"/>
    </row>
    <row r="88653" spans="14:14">
      <c r="N88653" s="10"/>
    </row>
    <row r="88654" spans="14:14">
      <c r="N88654" s="10"/>
    </row>
    <row r="88655" spans="14:14">
      <c r="N88655" s="10"/>
    </row>
    <row r="88656" spans="14:14">
      <c r="N88656" s="10"/>
    </row>
    <row r="88657" spans="14:14">
      <c r="N88657" s="10"/>
    </row>
    <row r="88658" spans="14:14">
      <c r="N88658" s="10"/>
    </row>
    <row r="88659" spans="14:14">
      <c r="N88659" s="10"/>
    </row>
    <row r="88660" spans="14:14">
      <c r="N88660" s="10"/>
    </row>
    <row r="88661" spans="14:14">
      <c r="N88661" s="10"/>
    </row>
    <row r="88662" spans="14:14">
      <c r="N88662" s="10"/>
    </row>
    <row r="88663" spans="14:14">
      <c r="N88663" s="10"/>
    </row>
    <row r="88664" spans="14:14">
      <c r="N88664" s="10"/>
    </row>
    <row r="88665" spans="14:14">
      <c r="N88665" s="10"/>
    </row>
    <row r="88666" spans="14:14">
      <c r="N88666" s="10"/>
    </row>
    <row r="88667" spans="14:14">
      <c r="N88667" s="10"/>
    </row>
    <row r="88668" spans="14:14">
      <c r="N88668" s="10"/>
    </row>
    <row r="88669" spans="14:14">
      <c r="N88669" s="10"/>
    </row>
    <row r="88670" spans="14:14">
      <c r="N88670" s="10"/>
    </row>
    <row r="88671" spans="14:14">
      <c r="N88671" s="10"/>
    </row>
    <row r="88672" spans="14:14">
      <c r="N88672" s="10"/>
    </row>
    <row r="88673" spans="14:14">
      <c r="N88673" s="10"/>
    </row>
    <row r="88674" spans="14:14">
      <c r="N88674" s="10"/>
    </row>
    <row r="88675" spans="14:14">
      <c r="N88675" s="10"/>
    </row>
    <row r="88676" spans="14:14">
      <c r="N88676" s="10"/>
    </row>
    <row r="88677" spans="14:14">
      <c r="N88677" s="10"/>
    </row>
    <row r="88678" spans="14:14">
      <c r="N88678" s="10"/>
    </row>
    <row r="88679" spans="14:14">
      <c r="N88679" s="10"/>
    </row>
    <row r="88680" spans="14:14">
      <c r="N88680" s="10"/>
    </row>
    <row r="88681" spans="14:14">
      <c r="N88681" s="10"/>
    </row>
    <row r="88682" spans="14:14">
      <c r="N88682" s="10"/>
    </row>
    <row r="88683" spans="14:14">
      <c r="N88683" s="10"/>
    </row>
    <row r="88684" spans="14:14">
      <c r="N88684" s="10"/>
    </row>
    <row r="88685" spans="14:14">
      <c r="N88685" s="10"/>
    </row>
    <row r="88686" spans="14:14">
      <c r="N88686" s="10"/>
    </row>
    <row r="88687" spans="14:14">
      <c r="N88687" s="10"/>
    </row>
    <row r="88688" spans="14:14">
      <c r="N88688" s="10"/>
    </row>
    <row r="88689" spans="14:14">
      <c r="N88689" s="10"/>
    </row>
    <row r="88690" spans="14:14">
      <c r="N88690" s="10"/>
    </row>
    <row r="88691" spans="14:14">
      <c r="N88691" s="10"/>
    </row>
    <row r="88692" spans="14:14">
      <c r="N88692" s="10"/>
    </row>
    <row r="88693" spans="14:14">
      <c r="N88693" s="10"/>
    </row>
    <row r="88694" spans="14:14">
      <c r="N88694" s="10"/>
    </row>
    <row r="88695" spans="14:14">
      <c r="N88695" s="10"/>
    </row>
    <row r="88696" spans="14:14">
      <c r="N88696" s="10"/>
    </row>
    <row r="88697" spans="14:14">
      <c r="N88697" s="10"/>
    </row>
    <row r="88698" spans="14:14">
      <c r="N88698" s="10"/>
    </row>
    <row r="88699" spans="14:14">
      <c r="N88699" s="10"/>
    </row>
    <row r="88700" spans="14:14">
      <c r="N88700" s="10"/>
    </row>
    <row r="88701" spans="14:14">
      <c r="N88701" s="10"/>
    </row>
    <row r="88702" spans="14:14">
      <c r="N88702" s="10"/>
    </row>
    <row r="88703" spans="14:14">
      <c r="N88703" s="10"/>
    </row>
    <row r="88704" spans="14:14">
      <c r="N88704" s="10"/>
    </row>
    <row r="88705" spans="14:14">
      <c r="N88705" s="10"/>
    </row>
    <row r="88706" spans="14:14">
      <c r="N88706" s="10"/>
    </row>
    <row r="88707" spans="14:14">
      <c r="N88707" s="10"/>
    </row>
    <row r="88708" spans="14:14">
      <c r="N88708" s="10"/>
    </row>
    <row r="88709" spans="14:14">
      <c r="N88709" s="10"/>
    </row>
    <row r="88710" spans="14:14">
      <c r="N88710" s="10"/>
    </row>
    <row r="88711" spans="14:14">
      <c r="N88711" s="10"/>
    </row>
    <row r="88712" spans="14:14">
      <c r="N88712" s="10"/>
    </row>
    <row r="88713" spans="14:14">
      <c r="N88713" s="10"/>
    </row>
    <row r="88714" spans="14:14">
      <c r="N88714" s="10"/>
    </row>
    <row r="88715" spans="14:14">
      <c r="N88715" s="10"/>
    </row>
    <row r="88716" spans="14:14">
      <c r="N88716" s="10"/>
    </row>
    <row r="88717" spans="14:14">
      <c r="N88717" s="10"/>
    </row>
    <row r="88718" spans="14:14">
      <c r="N88718" s="10"/>
    </row>
    <row r="88719" spans="14:14">
      <c r="N88719" s="10"/>
    </row>
    <row r="88720" spans="14:14">
      <c r="N88720" s="10"/>
    </row>
    <row r="88721" spans="14:14">
      <c r="N88721" s="10"/>
    </row>
    <row r="88722" spans="14:14">
      <c r="N88722" s="10"/>
    </row>
    <row r="88723" spans="14:14">
      <c r="N88723" s="10"/>
    </row>
    <row r="88724" spans="14:14">
      <c r="N88724" s="10"/>
    </row>
    <row r="88725" spans="14:14">
      <c r="N88725" s="10"/>
    </row>
    <row r="88726" spans="14:14">
      <c r="N88726" s="10"/>
    </row>
    <row r="88727" spans="14:14">
      <c r="N88727" s="10"/>
    </row>
    <row r="88728" spans="14:14">
      <c r="N88728" s="10"/>
    </row>
    <row r="88729" spans="14:14">
      <c r="N88729" s="10"/>
    </row>
    <row r="88730" spans="14:14">
      <c r="N88730" s="10"/>
    </row>
    <row r="88731" spans="14:14">
      <c r="N88731" s="10"/>
    </row>
    <row r="88732" spans="14:14">
      <c r="N88732" s="10"/>
    </row>
    <row r="88733" spans="14:14">
      <c r="N88733" s="10"/>
    </row>
    <row r="88734" spans="14:14">
      <c r="N88734" s="10"/>
    </row>
    <row r="88735" spans="14:14">
      <c r="N88735" s="10"/>
    </row>
    <row r="88736" spans="14:14">
      <c r="N88736" s="10"/>
    </row>
    <row r="88737" spans="14:14">
      <c r="N88737" s="10"/>
    </row>
    <row r="88738" spans="14:14">
      <c r="N88738" s="10"/>
    </row>
    <row r="88739" spans="14:14">
      <c r="N88739" s="10"/>
    </row>
    <row r="88740" spans="14:14">
      <c r="N88740" s="10"/>
    </row>
    <row r="88741" spans="14:14">
      <c r="N88741" s="10"/>
    </row>
    <row r="88742" spans="14:14">
      <c r="N88742" s="10"/>
    </row>
    <row r="88743" spans="14:14">
      <c r="N88743" s="10"/>
    </row>
    <row r="88744" spans="14:14">
      <c r="N88744" s="10"/>
    </row>
    <row r="88745" spans="14:14">
      <c r="N88745" s="10"/>
    </row>
    <row r="88746" spans="14:14">
      <c r="N88746" s="10"/>
    </row>
    <row r="88747" spans="14:14">
      <c r="N88747" s="10"/>
    </row>
    <row r="88748" spans="14:14">
      <c r="N88748" s="10"/>
    </row>
    <row r="88749" spans="14:14">
      <c r="N88749" s="10"/>
    </row>
    <row r="88750" spans="14:14">
      <c r="N88750" s="10"/>
    </row>
    <row r="88751" spans="14:14">
      <c r="N88751" s="10"/>
    </row>
    <row r="88752" spans="14:14">
      <c r="N88752" s="10"/>
    </row>
    <row r="88753" spans="14:14">
      <c r="N88753" s="10"/>
    </row>
    <row r="88754" spans="14:14">
      <c r="N88754" s="10"/>
    </row>
    <row r="88755" spans="14:14">
      <c r="N88755" s="10"/>
    </row>
    <row r="88756" spans="14:14">
      <c r="N88756" s="10"/>
    </row>
    <row r="88757" spans="14:14">
      <c r="N88757" s="10"/>
    </row>
    <row r="88758" spans="14:14">
      <c r="N88758" s="10"/>
    </row>
    <row r="88759" spans="14:14">
      <c r="N88759" s="10"/>
    </row>
    <row r="88760" spans="14:14">
      <c r="N88760" s="10"/>
    </row>
    <row r="88761" spans="14:14">
      <c r="N88761" s="10"/>
    </row>
    <row r="88762" spans="14:14">
      <c r="N88762" s="10"/>
    </row>
    <row r="88763" spans="14:14">
      <c r="N88763" s="10"/>
    </row>
    <row r="88764" spans="14:14">
      <c r="N88764" s="10"/>
    </row>
    <row r="88765" spans="14:14">
      <c r="N88765" s="10"/>
    </row>
    <row r="88766" spans="14:14">
      <c r="N88766" s="10"/>
    </row>
    <row r="88767" spans="14:14">
      <c r="N88767" s="10"/>
    </row>
    <row r="88768" spans="14:14">
      <c r="N88768" s="10"/>
    </row>
    <row r="88769" spans="14:14">
      <c r="N88769" s="10"/>
    </row>
    <row r="88770" spans="14:14">
      <c r="N88770" s="10"/>
    </row>
    <row r="88771" spans="14:14">
      <c r="N88771" s="10"/>
    </row>
    <row r="88772" spans="14:14">
      <c r="N88772" s="10"/>
    </row>
    <row r="88773" spans="14:14">
      <c r="N88773" s="10"/>
    </row>
    <row r="88774" spans="14:14">
      <c r="N88774" s="10"/>
    </row>
    <row r="88775" spans="14:14">
      <c r="N88775" s="10"/>
    </row>
    <row r="88776" spans="14:14">
      <c r="N88776" s="10"/>
    </row>
    <row r="88777" spans="14:14">
      <c r="N88777" s="10"/>
    </row>
    <row r="88778" spans="14:14">
      <c r="N88778" s="10"/>
    </row>
    <row r="88779" spans="14:14">
      <c r="N88779" s="10"/>
    </row>
    <row r="88780" spans="14:14">
      <c r="N88780" s="10"/>
    </row>
    <row r="88781" spans="14:14">
      <c r="N88781" s="10"/>
    </row>
    <row r="88782" spans="14:14">
      <c r="N88782" s="10"/>
    </row>
    <row r="88783" spans="14:14">
      <c r="N88783" s="10"/>
    </row>
    <row r="88784" spans="14:14">
      <c r="N88784" s="10"/>
    </row>
    <row r="88785" spans="14:14">
      <c r="N88785" s="10"/>
    </row>
    <row r="88786" spans="14:14">
      <c r="N88786" s="10"/>
    </row>
    <row r="88787" spans="14:14">
      <c r="N88787" s="10"/>
    </row>
    <row r="88788" spans="14:14">
      <c r="N88788" s="10"/>
    </row>
    <row r="88789" spans="14:14">
      <c r="N88789" s="10"/>
    </row>
    <row r="88790" spans="14:14">
      <c r="N88790" s="10"/>
    </row>
    <row r="88791" spans="14:14">
      <c r="N88791" s="10"/>
    </row>
    <row r="88792" spans="14:14">
      <c r="N88792" s="10"/>
    </row>
    <row r="88793" spans="14:14">
      <c r="N88793" s="10"/>
    </row>
    <row r="88794" spans="14:14">
      <c r="N88794" s="10"/>
    </row>
    <row r="88795" spans="14:14">
      <c r="N88795" s="10"/>
    </row>
    <row r="88796" spans="14:14">
      <c r="N88796" s="10"/>
    </row>
    <row r="88797" spans="14:14">
      <c r="N88797" s="10"/>
    </row>
    <row r="88798" spans="14:14">
      <c r="N88798" s="10"/>
    </row>
    <row r="88799" spans="14:14">
      <c r="N88799" s="10"/>
    </row>
    <row r="88800" spans="14:14">
      <c r="N88800" s="10"/>
    </row>
    <row r="88801" spans="14:14">
      <c r="N88801" s="10"/>
    </row>
    <row r="88802" spans="14:14">
      <c r="N88802" s="10"/>
    </row>
    <row r="88803" spans="14:14">
      <c r="N88803" s="10"/>
    </row>
    <row r="88804" spans="14:14">
      <c r="N88804" s="10"/>
    </row>
    <row r="88805" spans="14:14">
      <c r="N88805" s="10"/>
    </row>
    <row r="88806" spans="14:14">
      <c r="N88806" s="10"/>
    </row>
    <row r="88807" spans="14:14">
      <c r="N88807" s="10"/>
    </row>
    <row r="88808" spans="14:14">
      <c r="N88808" s="10"/>
    </row>
    <row r="88809" spans="14:14">
      <c r="N88809" s="10"/>
    </row>
    <row r="88810" spans="14:14">
      <c r="N88810" s="10"/>
    </row>
    <row r="88811" spans="14:14">
      <c r="N88811" s="10"/>
    </row>
    <row r="88812" spans="14:14">
      <c r="N88812" s="10"/>
    </row>
    <row r="88813" spans="14:14">
      <c r="N88813" s="10"/>
    </row>
    <row r="88814" spans="14:14">
      <c r="N88814" s="10"/>
    </row>
    <row r="88815" spans="14:14">
      <c r="N88815" s="10"/>
    </row>
    <row r="88816" spans="14:14">
      <c r="N88816" s="10"/>
    </row>
    <row r="88817" spans="14:14">
      <c r="N88817" s="10"/>
    </row>
    <row r="88818" spans="14:14">
      <c r="N88818" s="10"/>
    </row>
    <row r="88819" spans="14:14">
      <c r="N88819" s="10"/>
    </row>
    <row r="88820" spans="14:14">
      <c r="N88820" s="10"/>
    </row>
    <row r="88821" spans="14:14">
      <c r="N88821" s="10"/>
    </row>
    <row r="88822" spans="14:14">
      <c r="N88822" s="10"/>
    </row>
    <row r="88823" spans="14:14">
      <c r="N88823" s="10"/>
    </row>
    <row r="88824" spans="14:14">
      <c r="N88824" s="10"/>
    </row>
    <row r="88825" spans="14:14">
      <c r="N88825" s="10"/>
    </row>
    <row r="88826" spans="14:14">
      <c r="N88826" s="10"/>
    </row>
    <row r="88827" spans="14:14">
      <c r="N88827" s="10"/>
    </row>
    <row r="88828" spans="14:14">
      <c r="N88828" s="10"/>
    </row>
    <row r="88829" spans="14:14">
      <c r="N88829" s="10"/>
    </row>
    <row r="88830" spans="14:14">
      <c r="N88830" s="10"/>
    </row>
    <row r="88831" spans="14:14">
      <c r="N88831" s="10"/>
    </row>
    <row r="88832" spans="14:14">
      <c r="N88832" s="10"/>
    </row>
    <row r="88833" spans="14:14">
      <c r="N88833" s="10"/>
    </row>
    <row r="88834" spans="14:14">
      <c r="N88834" s="10"/>
    </row>
    <row r="88835" spans="14:14">
      <c r="N88835" s="10"/>
    </row>
    <row r="88836" spans="14:14">
      <c r="N88836" s="10"/>
    </row>
    <row r="88837" spans="14:14">
      <c r="N88837" s="10"/>
    </row>
    <row r="88838" spans="14:14">
      <c r="N88838" s="10"/>
    </row>
    <row r="88839" spans="14:14">
      <c r="N88839" s="10"/>
    </row>
    <row r="88840" spans="14:14">
      <c r="N88840" s="10"/>
    </row>
    <row r="88841" spans="14:14">
      <c r="N88841" s="10"/>
    </row>
    <row r="88842" spans="14:14">
      <c r="N88842" s="10"/>
    </row>
    <row r="88843" spans="14:14">
      <c r="N88843" s="10"/>
    </row>
    <row r="88844" spans="14:14">
      <c r="N88844" s="10"/>
    </row>
    <row r="88845" spans="14:14">
      <c r="N88845" s="10"/>
    </row>
    <row r="88846" spans="14:14">
      <c r="N88846" s="10"/>
    </row>
    <row r="88847" spans="14:14">
      <c r="N88847" s="10"/>
    </row>
    <row r="88848" spans="14:14">
      <c r="N88848" s="10"/>
    </row>
    <row r="88849" spans="14:14">
      <c r="N88849" s="10"/>
    </row>
    <row r="88850" spans="14:14">
      <c r="N88850" s="10"/>
    </row>
    <row r="88851" spans="14:14">
      <c r="N88851" s="10"/>
    </row>
    <row r="88852" spans="14:14">
      <c r="N88852" s="10"/>
    </row>
    <row r="88853" spans="14:14">
      <c r="N88853" s="10"/>
    </row>
    <row r="88854" spans="14:14">
      <c r="N88854" s="10"/>
    </row>
    <row r="88855" spans="14:14">
      <c r="N88855" s="10"/>
    </row>
    <row r="88856" spans="14:14">
      <c r="N88856" s="10"/>
    </row>
    <row r="88857" spans="14:14">
      <c r="N88857" s="10"/>
    </row>
    <row r="88858" spans="14:14">
      <c r="N88858" s="10"/>
    </row>
    <row r="88859" spans="14:14">
      <c r="N88859" s="10"/>
    </row>
    <row r="88860" spans="14:14">
      <c r="N88860" s="10"/>
    </row>
    <row r="88861" spans="14:14">
      <c r="N88861" s="10"/>
    </row>
    <row r="88862" spans="14:14">
      <c r="N88862" s="10"/>
    </row>
    <row r="88863" spans="14:14">
      <c r="N88863" s="10"/>
    </row>
    <row r="88864" spans="14:14">
      <c r="N88864" s="10"/>
    </row>
    <row r="88865" spans="14:14">
      <c r="N88865" s="10"/>
    </row>
    <row r="88866" spans="14:14">
      <c r="N88866" s="10"/>
    </row>
    <row r="88867" spans="14:14">
      <c r="N88867" s="10"/>
    </row>
    <row r="88868" spans="14:14">
      <c r="N88868" s="10"/>
    </row>
    <row r="88869" spans="14:14">
      <c r="N88869" s="10"/>
    </row>
    <row r="88870" spans="14:14">
      <c r="N88870" s="10"/>
    </row>
    <row r="88871" spans="14:14">
      <c r="N88871" s="10"/>
    </row>
    <row r="88872" spans="14:14">
      <c r="N88872" s="10"/>
    </row>
    <row r="88873" spans="14:14">
      <c r="N88873" s="10"/>
    </row>
    <row r="88874" spans="14:14">
      <c r="N88874" s="10"/>
    </row>
    <row r="88875" spans="14:14">
      <c r="N88875" s="10"/>
    </row>
    <row r="88876" spans="14:14">
      <c r="N88876" s="10"/>
    </row>
    <row r="88877" spans="14:14">
      <c r="N88877" s="10"/>
    </row>
    <row r="88878" spans="14:14">
      <c r="N88878" s="10"/>
    </row>
    <row r="88879" spans="14:14">
      <c r="N88879" s="10"/>
    </row>
    <row r="88880" spans="14:14">
      <c r="N88880" s="10"/>
    </row>
    <row r="88881" spans="14:14">
      <c r="N88881" s="10"/>
    </row>
    <row r="88882" spans="14:14">
      <c r="N88882" s="10"/>
    </row>
    <row r="88883" spans="14:14">
      <c r="N88883" s="10"/>
    </row>
    <row r="88884" spans="14:14">
      <c r="N88884" s="10"/>
    </row>
    <row r="88885" spans="14:14">
      <c r="N88885" s="10"/>
    </row>
    <row r="88886" spans="14:14">
      <c r="N88886" s="10"/>
    </row>
    <row r="88887" spans="14:14">
      <c r="N88887" s="10"/>
    </row>
    <row r="88888" spans="14:14">
      <c r="N88888" s="10"/>
    </row>
    <row r="88889" spans="14:14">
      <c r="N88889" s="10"/>
    </row>
    <row r="88890" spans="14:14">
      <c r="N88890" s="10"/>
    </row>
    <row r="88891" spans="14:14">
      <c r="N88891" s="10"/>
    </row>
    <row r="88892" spans="14:14">
      <c r="N88892" s="10"/>
    </row>
    <row r="88893" spans="14:14">
      <c r="N88893" s="10"/>
    </row>
    <row r="88894" spans="14:14">
      <c r="N88894" s="10"/>
    </row>
    <row r="88895" spans="14:14">
      <c r="N88895" s="10"/>
    </row>
    <row r="88896" spans="14:14">
      <c r="N88896" s="10"/>
    </row>
    <row r="88897" spans="14:14">
      <c r="N88897" s="10"/>
    </row>
    <row r="88898" spans="14:14">
      <c r="N88898" s="10"/>
    </row>
    <row r="88899" spans="14:14">
      <c r="N88899" s="10"/>
    </row>
    <row r="88900" spans="14:14">
      <c r="N88900" s="10"/>
    </row>
    <row r="88901" spans="14:14">
      <c r="N88901" s="10"/>
    </row>
    <row r="88902" spans="14:14">
      <c r="N88902" s="10"/>
    </row>
    <row r="88903" spans="14:14">
      <c r="N88903" s="10"/>
    </row>
    <row r="88904" spans="14:14">
      <c r="N88904" s="10"/>
    </row>
    <row r="88905" spans="14:14">
      <c r="N88905" s="10"/>
    </row>
    <row r="88906" spans="14:14">
      <c r="N88906" s="10"/>
    </row>
    <row r="88907" spans="14:14">
      <c r="N88907" s="10"/>
    </row>
    <row r="88908" spans="14:14">
      <c r="N88908" s="10"/>
    </row>
    <row r="88909" spans="14:14">
      <c r="N88909" s="10"/>
    </row>
    <row r="88910" spans="14:14">
      <c r="N88910" s="10"/>
    </row>
    <row r="88911" spans="14:14">
      <c r="N88911" s="10"/>
    </row>
    <row r="88912" spans="14:14">
      <c r="N88912" s="10"/>
    </row>
    <row r="88913" spans="14:14">
      <c r="N88913" s="10"/>
    </row>
    <row r="88914" spans="14:14">
      <c r="N88914" s="10"/>
    </row>
    <row r="88915" spans="14:14">
      <c r="N88915" s="10"/>
    </row>
    <row r="88916" spans="14:14">
      <c r="N88916" s="10"/>
    </row>
    <row r="88917" spans="14:14">
      <c r="N88917" s="10"/>
    </row>
    <row r="88918" spans="14:14">
      <c r="N88918" s="10"/>
    </row>
    <row r="88919" spans="14:14">
      <c r="N88919" s="10"/>
    </row>
    <row r="88920" spans="14:14">
      <c r="N88920" s="10"/>
    </row>
    <row r="88921" spans="14:14">
      <c r="N88921" s="10"/>
    </row>
    <row r="88922" spans="14:14">
      <c r="N88922" s="10"/>
    </row>
    <row r="88923" spans="14:14">
      <c r="N88923" s="10"/>
    </row>
    <row r="88924" spans="14:14">
      <c r="N88924" s="10"/>
    </row>
    <row r="88925" spans="14:14">
      <c r="N88925" s="10"/>
    </row>
    <row r="88926" spans="14:14">
      <c r="N88926" s="10"/>
    </row>
    <row r="88927" spans="14:14">
      <c r="N88927" s="10"/>
    </row>
    <row r="88928" spans="14:14">
      <c r="N88928" s="10"/>
    </row>
    <row r="88929" spans="14:14">
      <c r="N88929" s="10"/>
    </row>
    <row r="88930" spans="14:14">
      <c r="N88930" s="10"/>
    </row>
    <row r="88931" spans="14:14">
      <c r="N88931" s="10"/>
    </row>
    <row r="88932" spans="14:14">
      <c r="N88932" s="10"/>
    </row>
    <row r="88933" spans="14:14">
      <c r="N88933" s="10"/>
    </row>
    <row r="88934" spans="14:14">
      <c r="N88934" s="10"/>
    </row>
    <row r="88935" spans="14:14">
      <c r="N88935" s="10"/>
    </row>
    <row r="88936" spans="14:14">
      <c r="N88936" s="10"/>
    </row>
    <row r="88937" spans="14:14">
      <c r="N88937" s="10"/>
    </row>
    <row r="88938" spans="14:14">
      <c r="N88938" s="10"/>
    </row>
    <row r="88939" spans="14:14">
      <c r="N88939" s="10"/>
    </row>
    <row r="88940" spans="14:14">
      <c r="N88940" s="10"/>
    </row>
    <row r="88941" spans="14:14">
      <c r="N88941" s="10"/>
    </row>
    <row r="88942" spans="14:14">
      <c r="N88942" s="10"/>
    </row>
    <row r="88943" spans="14:14">
      <c r="N88943" s="10"/>
    </row>
    <row r="88944" spans="14:14">
      <c r="N88944" s="10"/>
    </row>
    <row r="88945" spans="14:14">
      <c r="N88945" s="10"/>
    </row>
    <row r="88946" spans="14:14">
      <c r="N88946" s="10"/>
    </row>
    <row r="88947" spans="14:14">
      <c r="N88947" s="10"/>
    </row>
    <row r="88948" spans="14:14">
      <c r="N88948" s="10"/>
    </row>
    <row r="88949" spans="14:14">
      <c r="N88949" s="10"/>
    </row>
    <row r="88950" spans="14:14">
      <c r="N88950" s="10"/>
    </row>
    <row r="88951" spans="14:14">
      <c r="N88951" s="10"/>
    </row>
    <row r="88952" spans="14:14">
      <c r="N88952" s="10"/>
    </row>
    <row r="88953" spans="14:14">
      <c r="N88953" s="10"/>
    </row>
    <row r="88954" spans="14:14">
      <c r="N88954" s="10"/>
    </row>
    <row r="88955" spans="14:14">
      <c r="N88955" s="10"/>
    </row>
    <row r="88956" spans="14:14">
      <c r="N88956" s="10"/>
    </row>
    <row r="88957" spans="14:14">
      <c r="N88957" s="10"/>
    </row>
    <row r="88958" spans="14:14">
      <c r="N88958" s="10"/>
    </row>
    <row r="88959" spans="14:14">
      <c r="N88959" s="10"/>
    </row>
    <row r="88960" spans="14:14">
      <c r="N88960" s="10"/>
    </row>
    <row r="88961" spans="14:14">
      <c r="N88961" s="10"/>
    </row>
    <row r="88962" spans="14:14">
      <c r="N88962" s="10"/>
    </row>
    <row r="88963" spans="14:14">
      <c r="N88963" s="10"/>
    </row>
    <row r="88964" spans="14:14">
      <c r="N88964" s="10"/>
    </row>
    <row r="88965" spans="14:14">
      <c r="N88965" s="10"/>
    </row>
    <row r="88966" spans="14:14">
      <c r="N88966" s="10"/>
    </row>
    <row r="88967" spans="14:14">
      <c r="N88967" s="10"/>
    </row>
    <row r="88968" spans="14:14">
      <c r="N88968" s="10"/>
    </row>
    <row r="88969" spans="14:14">
      <c r="N88969" s="10"/>
    </row>
    <row r="88970" spans="14:14">
      <c r="N88970" s="10"/>
    </row>
    <row r="88971" spans="14:14">
      <c r="N88971" s="10"/>
    </row>
    <row r="88972" spans="14:14">
      <c r="N88972" s="10"/>
    </row>
    <row r="88973" spans="14:14">
      <c r="N88973" s="10"/>
    </row>
    <row r="88974" spans="14:14">
      <c r="N88974" s="10"/>
    </row>
    <row r="88975" spans="14:14">
      <c r="N88975" s="10"/>
    </row>
    <row r="88976" spans="14:14">
      <c r="N88976" s="10"/>
    </row>
    <row r="88977" spans="14:14">
      <c r="N88977" s="10"/>
    </row>
    <row r="88978" spans="14:14">
      <c r="N88978" s="10"/>
    </row>
    <row r="88979" spans="14:14">
      <c r="N88979" s="10"/>
    </row>
    <row r="88980" spans="14:14">
      <c r="N88980" s="10"/>
    </row>
    <row r="88981" spans="14:14">
      <c r="N88981" s="10"/>
    </row>
    <row r="88982" spans="14:14">
      <c r="N88982" s="10"/>
    </row>
    <row r="88983" spans="14:14">
      <c r="N88983" s="10"/>
    </row>
    <row r="88984" spans="14:14">
      <c r="N88984" s="10"/>
    </row>
    <row r="88985" spans="14:14">
      <c r="N88985" s="10"/>
    </row>
    <row r="88986" spans="14:14">
      <c r="N88986" s="10"/>
    </row>
    <row r="88987" spans="14:14">
      <c r="N88987" s="10"/>
    </row>
    <row r="88988" spans="14:14">
      <c r="N88988" s="10"/>
    </row>
    <row r="88989" spans="14:14">
      <c r="N88989" s="10"/>
    </row>
    <row r="88990" spans="14:14">
      <c r="N88990" s="10"/>
    </row>
    <row r="88991" spans="14:14">
      <c r="N88991" s="10"/>
    </row>
    <row r="88992" spans="14:14">
      <c r="N88992" s="10"/>
    </row>
    <row r="88993" spans="14:14">
      <c r="N88993" s="10"/>
    </row>
    <row r="88994" spans="14:14">
      <c r="N88994" s="10"/>
    </row>
    <row r="88995" spans="14:14">
      <c r="N88995" s="10"/>
    </row>
    <row r="88996" spans="14:14">
      <c r="N88996" s="10"/>
    </row>
    <row r="88997" spans="14:14">
      <c r="N88997" s="10"/>
    </row>
    <row r="88998" spans="14:14">
      <c r="N88998" s="10"/>
    </row>
    <row r="88999" spans="14:14">
      <c r="N88999" s="10"/>
    </row>
    <row r="89000" spans="14:14">
      <c r="N89000" s="10"/>
    </row>
    <row r="89001" spans="14:14">
      <c r="N89001" s="10"/>
    </row>
    <row r="89002" spans="14:14">
      <c r="N89002" s="10"/>
    </row>
    <row r="89003" spans="14:14">
      <c r="N89003" s="10"/>
    </row>
    <row r="89004" spans="14:14">
      <c r="N89004" s="10"/>
    </row>
    <row r="89005" spans="14:14">
      <c r="N89005" s="10"/>
    </row>
    <row r="89006" spans="14:14">
      <c r="N89006" s="10"/>
    </row>
    <row r="89007" spans="14:14">
      <c r="N89007" s="10"/>
    </row>
    <row r="89008" spans="14:14">
      <c r="N89008" s="10"/>
    </row>
    <row r="89009" spans="14:14">
      <c r="N89009" s="10"/>
    </row>
    <row r="89010" spans="14:14">
      <c r="N89010" s="10"/>
    </row>
    <row r="89011" spans="14:14">
      <c r="N89011" s="10"/>
    </row>
    <row r="89012" spans="14:14">
      <c r="N89012" s="10"/>
    </row>
    <row r="89013" spans="14:14">
      <c r="N89013" s="10"/>
    </row>
    <row r="89014" spans="14:14">
      <c r="N89014" s="10"/>
    </row>
    <row r="89015" spans="14:14">
      <c r="N89015" s="10"/>
    </row>
    <row r="89016" spans="14:14">
      <c r="N89016" s="10"/>
    </row>
    <row r="89017" spans="14:14">
      <c r="N89017" s="10"/>
    </row>
    <row r="89018" spans="14:14">
      <c r="N89018" s="10"/>
    </row>
    <row r="89019" spans="14:14">
      <c r="N89019" s="10"/>
    </row>
    <row r="89020" spans="14:14">
      <c r="N89020" s="10"/>
    </row>
    <row r="89021" spans="14:14">
      <c r="N89021" s="10"/>
    </row>
    <row r="89022" spans="14:14">
      <c r="N89022" s="10"/>
    </row>
    <row r="89023" spans="14:14">
      <c r="N89023" s="10"/>
    </row>
    <row r="89024" spans="14:14">
      <c r="N89024" s="10"/>
    </row>
    <row r="89025" spans="14:14">
      <c r="N89025" s="10"/>
    </row>
    <row r="89026" spans="14:14">
      <c r="N89026" s="10"/>
    </row>
    <row r="89027" spans="14:14">
      <c r="N89027" s="10"/>
    </row>
    <row r="89028" spans="14:14">
      <c r="N89028" s="10"/>
    </row>
    <row r="89029" spans="14:14">
      <c r="N89029" s="10"/>
    </row>
    <row r="89030" spans="14:14">
      <c r="N89030" s="10"/>
    </row>
    <row r="89031" spans="14:14">
      <c r="N89031" s="10"/>
    </row>
    <row r="89032" spans="14:14">
      <c r="N89032" s="10"/>
    </row>
    <row r="89033" spans="14:14">
      <c r="N89033" s="10"/>
    </row>
    <row r="89034" spans="14:14">
      <c r="N89034" s="10"/>
    </row>
    <row r="89035" spans="14:14">
      <c r="N89035" s="10"/>
    </row>
    <row r="89036" spans="14:14">
      <c r="N89036" s="10"/>
    </row>
    <row r="89037" spans="14:14">
      <c r="N89037" s="10"/>
    </row>
    <row r="89038" spans="14:14">
      <c r="N89038" s="10"/>
    </row>
    <row r="89039" spans="14:14">
      <c r="N89039" s="10"/>
    </row>
    <row r="89040" spans="14:14">
      <c r="N89040" s="10"/>
    </row>
    <row r="89041" spans="14:14">
      <c r="N89041" s="10"/>
    </row>
    <row r="89042" spans="14:14">
      <c r="N89042" s="10"/>
    </row>
    <row r="89043" spans="14:14">
      <c r="N89043" s="10"/>
    </row>
    <row r="89044" spans="14:14">
      <c r="N89044" s="10"/>
    </row>
    <row r="89045" spans="14:14">
      <c r="N89045" s="10"/>
    </row>
    <row r="89046" spans="14:14">
      <c r="N89046" s="10"/>
    </row>
    <row r="89047" spans="14:14">
      <c r="N89047" s="10"/>
    </row>
    <row r="89048" spans="14:14">
      <c r="N89048" s="10"/>
    </row>
    <row r="89049" spans="14:14">
      <c r="N89049" s="10"/>
    </row>
    <row r="89050" spans="14:14">
      <c r="N89050" s="10"/>
    </row>
    <row r="89051" spans="14:14">
      <c r="N89051" s="10"/>
    </row>
    <row r="89052" spans="14:14">
      <c r="N89052" s="10"/>
    </row>
    <row r="89053" spans="14:14">
      <c r="N89053" s="10"/>
    </row>
    <row r="89054" spans="14:14">
      <c r="N89054" s="10"/>
    </row>
    <row r="89055" spans="14:14">
      <c r="N89055" s="10"/>
    </row>
    <row r="89056" spans="14:14">
      <c r="N89056" s="10"/>
    </row>
    <row r="89057" spans="14:14">
      <c r="N89057" s="10"/>
    </row>
    <row r="89058" spans="14:14">
      <c r="N89058" s="10"/>
    </row>
    <row r="89059" spans="14:14">
      <c r="N89059" s="10"/>
    </row>
    <row r="89060" spans="14:14">
      <c r="N89060" s="10"/>
    </row>
    <row r="89061" spans="14:14">
      <c r="N89061" s="10"/>
    </row>
    <row r="89062" spans="14:14">
      <c r="N89062" s="10"/>
    </row>
    <row r="89063" spans="14:14">
      <c r="N89063" s="10"/>
    </row>
    <row r="89064" spans="14:14">
      <c r="N89064" s="10"/>
    </row>
    <row r="89065" spans="14:14">
      <c r="N89065" s="10"/>
    </row>
    <row r="89066" spans="14:14">
      <c r="N89066" s="10"/>
    </row>
    <row r="89067" spans="14:14">
      <c r="N89067" s="10"/>
    </row>
    <row r="89068" spans="14:14">
      <c r="N89068" s="10"/>
    </row>
    <row r="89069" spans="14:14">
      <c r="N89069" s="10"/>
    </row>
    <row r="89070" spans="14:14">
      <c r="N89070" s="10"/>
    </row>
    <row r="89071" spans="14:14">
      <c r="N89071" s="10"/>
    </row>
    <row r="89072" spans="14:14">
      <c r="N89072" s="10"/>
    </row>
    <row r="89073" spans="14:14">
      <c r="N89073" s="10"/>
    </row>
    <row r="89074" spans="14:14">
      <c r="N89074" s="10"/>
    </row>
    <row r="89075" spans="14:14">
      <c r="N89075" s="10"/>
    </row>
    <row r="89076" spans="14:14">
      <c r="N89076" s="10"/>
    </row>
    <row r="89077" spans="14:14">
      <c r="N89077" s="10"/>
    </row>
    <row r="89078" spans="14:14">
      <c r="N89078" s="10"/>
    </row>
    <row r="89079" spans="14:14">
      <c r="N89079" s="10"/>
    </row>
    <row r="89080" spans="14:14">
      <c r="N89080" s="10"/>
    </row>
    <row r="89081" spans="14:14">
      <c r="N89081" s="10"/>
    </row>
    <row r="89082" spans="14:14">
      <c r="N89082" s="10"/>
    </row>
    <row r="89083" spans="14:14">
      <c r="N89083" s="10"/>
    </row>
    <row r="89084" spans="14:14">
      <c r="N89084" s="10"/>
    </row>
    <row r="89085" spans="14:14">
      <c r="N89085" s="10"/>
    </row>
    <row r="89086" spans="14:14">
      <c r="N89086" s="10"/>
    </row>
    <row r="89087" spans="14:14">
      <c r="N89087" s="10"/>
    </row>
    <row r="89088" spans="14:14">
      <c r="N89088" s="10"/>
    </row>
    <row r="89089" spans="14:14">
      <c r="N89089" s="10"/>
    </row>
    <row r="89090" spans="14:14">
      <c r="N89090" s="10"/>
    </row>
    <row r="89091" spans="14:14">
      <c r="N89091" s="10"/>
    </row>
    <row r="89092" spans="14:14">
      <c r="N89092" s="10"/>
    </row>
    <row r="89093" spans="14:14">
      <c r="N89093" s="10"/>
    </row>
    <row r="89094" spans="14:14">
      <c r="N89094" s="10"/>
    </row>
    <row r="89095" spans="14:14">
      <c r="N89095" s="10"/>
    </row>
    <row r="89096" spans="14:14">
      <c r="N89096" s="10"/>
    </row>
    <row r="89097" spans="14:14">
      <c r="N89097" s="10"/>
    </row>
    <row r="89098" spans="14:14">
      <c r="N89098" s="10"/>
    </row>
    <row r="89099" spans="14:14">
      <c r="N89099" s="10"/>
    </row>
    <row r="89100" spans="14:14">
      <c r="N89100" s="10"/>
    </row>
    <row r="89101" spans="14:14">
      <c r="N89101" s="10"/>
    </row>
    <row r="89102" spans="14:14">
      <c r="N89102" s="10"/>
    </row>
    <row r="89103" spans="14:14">
      <c r="N89103" s="10"/>
    </row>
    <row r="89104" spans="14:14">
      <c r="N89104" s="10"/>
    </row>
    <row r="89105" spans="14:14">
      <c r="N89105" s="10"/>
    </row>
    <row r="89106" spans="14:14">
      <c r="N89106" s="10"/>
    </row>
    <row r="89107" spans="14:14">
      <c r="N89107" s="10"/>
    </row>
    <row r="89108" spans="14:14">
      <c r="N89108" s="10"/>
    </row>
    <row r="89109" spans="14:14">
      <c r="N89109" s="10"/>
    </row>
    <row r="89110" spans="14:14">
      <c r="N89110" s="10"/>
    </row>
    <row r="89111" spans="14:14">
      <c r="N89111" s="10"/>
    </row>
    <row r="89112" spans="14:14">
      <c r="N89112" s="10"/>
    </row>
    <row r="89113" spans="14:14">
      <c r="N89113" s="10"/>
    </row>
    <row r="89114" spans="14:14">
      <c r="N89114" s="10"/>
    </row>
    <row r="89115" spans="14:14">
      <c r="N89115" s="10"/>
    </row>
    <row r="89116" spans="14:14">
      <c r="N89116" s="10"/>
    </row>
    <row r="89117" spans="14:14">
      <c r="N89117" s="10"/>
    </row>
    <row r="89118" spans="14:14">
      <c r="N89118" s="10"/>
    </row>
    <row r="89119" spans="14:14">
      <c r="N89119" s="10"/>
    </row>
    <row r="89120" spans="14:14">
      <c r="N89120" s="10"/>
    </row>
    <row r="89121" spans="14:14">
      <c r="N89121" s="10"/>
    </row>
    <row r="89122" spans="14:14">
      <c r="N89122" s="10"/>
    </row>
    <row r="89123" spans="14:14">
      <c r="N89123" s="10"/>
    </row>
    <row r="89124" spans="14:14">
      <c r="N89124" s="10"/>
    </row>
    <row r="89125" spans="14:14">
      <c r="N89125" s="10"/>
    </row>
    <row r="89126" spans="14:14">
      <c r="N89126" s="10"/>
    </row>
    <row r="89127" spans="14:14">
      <c r="N89127" s="10"/>
    </row>
    <row r="89128" spans="14:14">
      <c r="N89128" s="10"/>
    </row>
    <row r="89129" spans="14:14">
      <c r="N89129" s="10"/>
    </row>
    <row r="89130" spans="14:14">
      <c r="N89130" s="10"/>
    </row>
    <row r="89131" spans="14:14">
      <c r="N89131" s="10"/>
    </row>
    <row r="89132" spans="14:14">
      <c r="N89132" s="10"/>
    </row>
    <row r="89133" spans="14:14">
      <c r="N89133" s="10"/>
    </row>
    <row r="89134" spans="14:14">
      <c r="N89134" s="10"/>
    </row>
    <row r="89135" spans="14:14">
      <c r="N89135" s="10"/>
    </row>
    <row r="89136" spans="14:14">
      <c r="N89136" s="10"/>
    </row>
    <row r="89137" spans="14:14">
      <c r="N89137" s="10"/>
    </row>
    <row r="89138" spans="14:14">
      <c r="N89138" s="10"/>
    </row>
    <row r="89139" spans="14:14">
      <c r="N89139" s="10"/>
    </row>
    <row r="89140" spans="14:14">
      <c r="N89140" s="10"/>
    </row>
    <row r="89141" spans="14:14">
      <c r="N89141" s="10"/>
    </row>
    <row r="89142" spans="14:14">
      <c r="N89142" s="10"/>
    </row>
    <row r="89143" spans="14:14">
      <c r="N89143" s="10"/>
    </row>
    <row r="89144" spans="14:14">
      <c r="N89144" s="10"/>
    </row>
    <row r="89145" spans="14:14">
      <c r="N89145" s="10"/>
    </row>
    <row r="89146" spans="14:14">
      <c r="N89146" s="10"/>
    </row>
    <row r="89147" spans="14:14">
      <c r="N89147" s="10"/>
    </row>
    <row r="89148" spans="14:14">
      <c r="N89148" s="10"/>
    </row>
    <row r="89149" spans="14:14">
      <c r="N89149" s="10"/>
    </row>
    <row r="89150" spans="14:14">
      <c r="N89150" s="10"/>
    </row>
    <row r="89151" spans="14:14">
      <c r="N89151" s="10"/>
    </row>
    <row r="89152" spans="14:14">
      <c r="N89152" s="10"/>
    </row>
    <row r="89153" spans="14:14">
      <c r="N89153" s="10"/>
    </row>
    <row r="89154" spans="14:14">
      <c r="N89154" s="10"/>
    </row>
    <row r="89155" spans="14:14">
      <c r="N89155" s="10"/>
    </row>
    <row r="89156" spans="14:14">
      <c r="N89156" s="10"/>
    </row>
    <row r="89157" spans="14:14">
      <c r="N89157" s="10"/>
    </row>
    <row r="89158" spans="14:14">
      <c r="N89158" s="10"/>
    </row>
    <row r="89159" spans="14:14">
      <c r="N89159" s="10"/>
    </row>
    <row r="89160" spans="14:14">
      <c r="N89160" s="10"/>
    </row>
    <row r="89161" spans="14:14">
      <c r="N89161" s="10"/>
    </row>
    <row r="89162" spans="14:14">
      <c r="N89162" s="10"/>
    </row>
    <row r="89163" spans="14:14">
      <c r="N89163" s="10"/>
    </row>
    <row r="89164" spans="14:14">
      <c r="N89164" s="10"/>
    </row>
    <row r="89165" spans="14:14">
      <c r="N89165" s="10"/>
    </row>
    <row r="89166" spans="14:14">
      <c r="N89166" s="10"/>
    </row>
    <row r="89167" spans="14:14">
      <c r="N89167" s="10"/>
    </row>
    <row r="89168" spans="14:14">
      <c r="N89168" s="10"/>
    </row>
    <row r="89169" spans="14:14">
      <c r="N89169" s="10"/>
    </row>
    <row r="89170" spans="14:14">
      <c r="N89170" s="10"/>
    </row>
    <row r="89171" spans="14:14">
      <c r="N89171" s="10"/>
    </row>
    <row r="89172" spans="14:14">
      <c r="N89172" s="10"/>
    </row>
    <row r="89173" spans="14:14">
      <c r="N89173" s="10"/>
    </row>
    <row r="89174" spans="14:14">
      <c r="N89174" s="10"/>
    </row>
    <row r="89175" spans="14:14">
      <c r="N89175" s="10"/>
    </row>
    <row r="89176" spans="14:14">
      <c r="N89176" s="10"/>
    </row>
    <row r="89177" spans="14:14">
      <c r="N89177" s="10"/>
    </row>
    <row r="89178" spans="14:14">
      <c r="N89178" s="10"/>
    </row>
    <row r="89179" spans="14:14">
      <c r="N89179" s="10"/>
    </row>
    <row r="89180" spans="14:14">
      <c r="N89180" s="10"/>
    </row>
    <row r="89181" spans="14:14">
      <c r="N89181" s="10"/>
    </row>
    <row r="89182" spans="14:14">
      <c r="N89182" s="10"/>
    </row>
    <row r="89183" spans="14:14">
      <c r="N89183" s="10"/>
    </row>
    <row r="89184" spans="14:14">
      <c r="N89184" s="10"/>
    </row>
    <row r="89185" spans="14:14">
      <c r="N89185" s="10"/>
    </row>
    <row r="89186" spans="14:14">
      <c r="N89186" s="10"/>
    </row>
    <row r="89187" spans="14:14">
      <c r="N89187" s="10"/>
    </row>
    <row r="89188" spans="14:14">
      <c r="N89188" s="10"/>
    </row>
    <row r="89189" spans="14:14">
      <c r="N89189" s="10"/>
    </row>
    <row r="89190" spans="14:14">
      <c r="N89190" s="10"/>
    </row>
    <row r="89191" spans="14:14">
      <c r="N89191" s="10"/>
    </row>
    <row r="89192" spans="14:14">
      <c r="N89192" s="10"/>
    </row>
    <row r="89193" spans="14:14">
      <c r="N89193" s="10"/>
    </row>
    <row r="89194" spans="14:14">
      <c r="N89194" s="10"/>
    </row>
    <row r="89195" spans="14:14">
      <c r="N89195" s="10"/>
    </row>
    <row r="89196" spans="14:14">
      <c r="N89196" s="10"/>
    </row>
    <row r="89197" spans="14:14">
      <c r="N89197" s="10"/>
    </row>
    <row r="89198" spans="14:14">
      <c r="N89198" s="10"/>
    </row>
    <row r="89199" spans="14:14">
      <c r="N89199" s="10"/>
    </row>
    <row r="89200" spans="14:14">
      <c r="N89200" s="10"/>
    </row>
    <row r="89201" spans="14:14">
      <c r="N89201" s="10"/>
    </row>
    <row r="89202" spans="14:14">
      <c r="N89202" s="10"/>
    </row>
    <row r="89203" spans="14:14">
      <c r="N89203" s="10"/>
    </row>
    <row r="89204" spans="14:14">
      <c r="N89204" s="10"/>
    </row>
    <row r="89205" spans="14:14">
      <c r="N89205" s="10"/>
    </row>
    <row r="89206" spans="14:14">
      <c r="N89206" s="10"/>
    </row>
    <row r="89207" spans="14:14">
      <c r="N89207" s="10"/>
    </row>
    <row r="89208" spans="14:14">
      <c r="N89208" s="10"/>
    </row>
    <row r="89209" spans="14:14">
      <c r="N89209" s="10"/>
    </row>
    <row r="89210" spans="14:14">
      <c r="N89210" s="10"/>
    </row>
    <row r="89211" spans="14:14">
      <c r="N89211" s="10"/>
    </row>
    <row r="89212" spans="14:14">
      <c r="N89212" s="10"/>
    </row>
    <row r="89213" spans="14:14">
      <c r="N89213" s="10"/>
    </row>
    <row r="89214" spans="14:14">
      <c r="N89214" s="10"/>
    </row>
    <row r="89215" spans="14:14">
      <c r="N89215" s="10"/>
    </row>
    <row r="89216" spans="14:14">
      <c r="N89216" s="10"/>
    </row>
    <row r="89217" spans="14:14">
      <c r="N89217" s="10"/>
    </row>
    <row r="89218" spans="14:14">
      <c r="N89218" s="10"/>
    </row>
    <row r="89219" spans="14:14">
      <c r="N89219" s="10"/>
    </row>
    <row r="89220" spans="14:14">
      <c r="N89220" s="10"/>
    </row>
    <row r="89221" spans="14:14">
      <c r="N89221" s="10"/>
    </row>
    <row r="89222" spans="14:14">
      <c r="N89222" s="10"/>
    </row>
    <row r="89223" spans="14:14">
      <c r="N89223" s="10"/>
    </row>
    <row r="89224" spans="14:14">
      <c r="N89224" s="10"/>
    </row>
    <row r="89225" spans="14:14">
      <c r="N89225" s="10"/>
    </row>
    <row r="89226" spans="14:14">
      <c r="N89226" s="10"/>
    </row>
    <row r="89227" spans="14:14">
      <c r="N89227" s="10"/>
    </row>
    <row r="89228" spans="14:14">
      <c r="N89228" s="10"/>
    </row>
    <row r="89229" spans="14:14">
      <c r="N89229" s="10"/>
    </row>
    <row r="89230" spans="14:14">
      <c r="N89230" s="10"/>
    </row>
    <row r="89231" spans="14:14">
      <c r="N89231" s="10"/>
    </row>
    <row r="89232" spans="14:14">
      <c r="N89232" s="10"/>
    </row>
    <row r="89233" spans="14:14">
      <c r="N89233" s="10"/>
    </row>
    <row r="89234" spans="14:14">
      <c r="N89234" s="10"/>
    </row>
    <row r="89235" spans="14:14">
      <c r="N89235" s="10"/>
    </row>
    <row r="89236" spans="14:14">
      <c r="N89236" s="10"/>
    </row>
    <row r="89237" spans="14:14">
      <c r="N89237" s="10"/>
    </row>
    <row r="89238" spans="14:14">
      <c r="N89238" s="10"/>
    </row>
    <row r="89239" spans="14:14">
      <c r="N89239" s="10"/>
    </row>
    <row r="89240" spans="14:14">
      <c r="N89240" s="10"/>
    </row>
    <row r="89241" spans="14:14">
      <c r="N89241" s="10"/>
    </row>
    <row r="89242" spans="14:14">
      <c r="N89242" s="10"/>
    </row>
    <row r="89243" spans="14:14">
      <c r="N89243" s="10"/>
    </row>
    <row r="89244" spans="14:14">
      <c r="N89244" s="10"/>
    </row>
    <row r="89245" spans="14:14">
      <c r="N89245" s="10"/>
    </row>
    <row r="89246" spans="14:14">
      <c r="N89246" s="10"/>
    </row>
    <row r="89247" spans="14:14">
      <c r="N89247" s="10"/>
    </row>
    <row r="89248" spans="14:14">
      <c r="N89248" s="10"/>
    </row>
    <row r="89249" spans="14:14">
      <c r="N89249" s="10"/>
    </row>
    <row r="89250" spans="14:14">
      <c r="N89250" s="10"/>
    </row>
    <row r="89251" spans="14:14">
      <c r="N89251" s="10"/>
    </row>
    <row r="89252" spans="14:14">
      <c r="N89252" s="10"/>
    </row>
    <row r="89253" spans="14:14">
      <c r="N89253" s="10"/>
    </row>
    <row r="89254" spans="14:14">
      <c r="N89254" s="10"/>
    </row>
    <row r="89255" spans="14:14">
      <c r="N89255" s="10"/>
    </row>
    <row r="89256" spans="14:14">
      <c r="N89256" s="10"/>
    </row>
    <row r="89257" spans="14:14">
      <c r="N89257" s="10"/>
    </row>
    <row r="89258" spans="14:14">
      <c r="N89258" s="10"/>
    </row>
    <row r="89259" spans="14:14">
      <c r="N89259" s="10"/>
    </row>
    <row r="89260" spans="14:14">
      <c r="N89260" s="10"/>
    </row>
    <row r="89261" spans="14:14">
      <c r="N89261" s="10"/>
    </row>
    <row r="89262" spans="14:14">
      <c r="N89262" s="10"/>
    </row>
    <row r="89263" spans="14:14">
      <c r="N89263" s="10"/>
    </row>
    <row r="89264" spans="14:14">
      <c r="N89264" s="10"/>
    </row>
    <row r="89265" spans="14:14">
      <c r="N89265" s="10"/>
    </row>
    <row r="89266" spans="14:14">
      <c r="N89266" s="10"/>
    </row>
    <row r="89267" spans="14:14">
      <c r="N89267" s="10"/>
    </row>
    <row r="89268" spans="14:14">
      <c r="N89268" s="10"/>
    </row>
    <row r="89269" spans="14:14">
      <c r="N89269" s="10"/>
    </row>
    <row r="89270" spans="14:14">
      <c r="N89270" s="10"/>
    </row>
    <row r="89271" spans="14:14">
      <c r="N89271" s="10"/>
    </row>
    <row r="89272" spans="14:14">
      <c r="N89272" s="10"/>
    </row>
    <row r="89273" spans="14:14">
      <c r="N89273" s="10"/>
    </row>
    <row r="89274" spans="14:14">
      <c r="N89274" s="10"/>
    </row>
    <row r="89275" spans="14:14">
      <c r="N89275" s="10"/>
    </row>
    <row r="89276" spans="14:14">
      <c r="N89276" s="10"/>
    </row>
    <row r="89277" spans="14:14">
      <c r="N89277" s="10"/>
    </row>
    <row r="89278" spans="14:14">
      <c r="N89278" s="10"/>
    </row>
    <row r="89279" spans="14:14">
      <c r="N89279" s="10"/>
    </row>
    <row r="89280" spans="14:14">
      <c r="N89280" s="10"/>
    </row>
    <row r="89281" spans="14:14">
      <c r="N89281" s="10"/>
    </row>
    <row r="89282" spans="14:14">
      <c r="N89282" s="10"/>
    </row>
    <row r="89283" spans="14:14">
      <c r="N89283" s="10"/>
    </row>
    <row r="89284" spans="14:14">
      <c r="N89284" s="10"/>
    </row>
    <row r="89285" spans="14:14">
      <c r="N89285" s="10"/>
    </row>
    <row r="89286" spans="14:14">
      <c r="N89286" s="10"/>
    </row>
    <row r="89287" spans="14:14">
      <c r="N89287" s="10"/>
    </row>
    <row r="89288" spans="14:14">
      <c r="N89288" s="10"/>
    </row>
    <row r="89289" spans="14:14">
      <c r="N89289" s="10"/>
    </row>
    <row r="89290" spans="14:14">
      <c r="N89290" s="10"/>
    </row>
    <row r="89291" spans="14:14">
      <c r="N89291" s="10"/>
    </row>
    <row r="89292" spans="14:14">
      <c r="N89292" s="10"/>
    </row>
    <row r="89293" spans="14:14">
      <c r="N89293" s="10"/>
    </row>
    <row r="89294" spans="14:14">
      <c r="N89294" s="10"/>
    </row>
    <row r="89295" spans="14:14">
      <c r="N89295" s="10"/>
    </row>
    <row r="89296" spans="14:14">
      <c r="N89296" s="10"/>
    </row>
    <row r="89297" spans="14:14">
      <c r="N89297" s="10"/>
    </row>
    <row r="89298" spans="14:14">
      <c r="N89298" s="10"/>
    </row>
    <row r="89299" spans="14:14">
      <c r="N89299" s="10"/>
    </row>
    <row r="89300" spans="14:14">
      <c r="N89300" s="10"/>
    </row>
    <row r="89301" spans="14:14">
      <c r="N89301" s="10"/>
    </row>
    <row r="89302" spans="14:14">
      <c r="N89302" s="10"/>
    </row>
    <row r="89303" spans="14:14">
      <c r="N89303" s="10"/>
    </row>
    <row r="89304" spans="14:14">
      <c r="N89304" s="10"/>
    </row>
    <row r="89305" spans="14:14">
      <c r="N89305" s="10"/>
    </row>
    <row r="89306" spans="14:14">
      <c r="N89306" s="10"/>
    </row>
    <row r="89307" spans="14:14">
      <c r="N89307" s="10"/>
    </row>
    <row r="89308" spans="14:14">
      <c r="N89308" s="10"/>
    </row>
    <row r="89309" spans="14:14">
      <c r="N89309" s="10"/>
    </row>
    <row r="89310" spans="14:14">
      <c r="N89310" s="10"/>
    </row>
    <row r="89311" spans="14:14">
      <c r="N89311" s="10"/>
    </row>
    <row r="89312" spans="14:14">
      <c r="N89312" s="10"/>
    </row>
    <row r="89313" spans="14:14">
      <c r="N89313" s="10"/>
    </row>
    <row r="89314" spans="14:14">
      <c r="N89314" s="10"/>
    </row>
    <row r="89315" spans="14:14">
      <c r="N89315" s="10"/>
    </row>
    <row r="89316" spans="14:14">
      <c r="N89316" s="10"/>
    </row>
    <row r="89317" spans="14:14">
      <c r="N89317" s="10"/>
    </row>
    <row r="89318" spans="14:14">
      <c r="N89318" s="10"/>
    </row>
    <row r="89319" spans="14:14">
      <c r="N89319" s="10"/>
    </row>
    <row r="89320" spans="14:14">
      <c r="N89320" s="10"/>
    </row>
    <row r="89321" spans="14:14">
      <c r="N89321" s="10"/>
    </row>
    <row r="89322" spans="14:14">
      <c r="N89322" s="10"/>
    </row>
    <row r="89323" spans="14:14">
      <c r="N89323" s="10"/>
    </row>
    <row r="89324" spans="14:14">
      <c r="N89324" s="10"/>
    </row>
    <row r="89325" spans="14:14">
      <c r="N89325" s="10"/>
    </row>
    <row r="89326" spans="14:14">
      <c r="N89326" s="10"/>
    </row>
    <row r="89327" spans="14:14">
      <c r="N89327" s="10"/>
    </row>
    <row r="89328" spans="14:14">
      <c r="N89328" s="10"/>
    </row>
    <row r="89329" spans="14:14">
      <c r="N89329" s="10"/>
    </row>
    <row r="89330" spans="14:14">
      <c r="N89330" s="10"/>
    </row>
    <row r="89331" spans="14:14">
      <c r="N89331" s="10"/>
    </row>
    <row r="89332" spans="14:14">
      <c r="N89332" s="10"/>
    </row>
    <row r="89333" spans="14:14">
      <c r="N89333" s="10"/>
    </row>
    <row r="89334" spans="14:14">
      <c r="N89334" s="10"/>
    </row>
    <row r="89335" spans="14:14">
      <c r="N89335" s="10"/>
    </row>
    <row r="89336" spans="14:14">
      <c r="N89336" s="10"/>
    </row>
    <row r="89337" spans="14:14">
      <c r="N89337" s="10"/>
    </row>
    <row r="89338" spans="14:14">
      <c r="N89338" s="10"/>
    </row>
    <row r="89339" spans="14:14">
      <c r="N89339" s="10"/>
    </row>
    <row r="89340" spans="14:14">
      <c r="N89340" s="10"/>
    </row>
    <row r="89341" spans="14:14">
      <c r="N89341" s="10"/>
    </row>
    <row r="89342" spans="14:14">
      <c r="N89342" s="10"/>
    </row>
    <row r="89343" spans="14:14">
      <c r="N89343" s="10"/>
    </row>
    <row r="89344" spans="14:14">
      <c r="N89344" s="10"/>
    </row>
    <row r="89345" spans="14:14">
      <c r="N89345" s="10"/>
    </row>
    <row r="89346" spans="14:14">
      <c r="N89346" s="10"/>
    </row>
    <row r="89347" spans="14:14">
      <c r="N89347" s="10"/>
    </row>
    <row r="89348" spans="14:14">
      <c r="N89348" s="10"/>
    </row>
    <row r="89349" spans="14:14">
      <c r="N89349" s="10"/>
    </row>
    <row r="89350" spans="14:14">
      <c r="N89350" s="10"/>
    </row>
    <row r="89351" spans="14:14">
      <c r="N89351" s="10"/>
    </row>
    <row r="89352" spans="14:14">
      <c r="N89352" s="10"/>
    </row>
    <row r="89353" spans="14:14">
      <c r="N89353" s="10"/>
    </row>
    <row r="89354" spans="14:14">
      <c r="N89354" s="10"/>
    </row>
    <row r="89355" spans="14:14">
      <c r="N89355" s="10"/>
    </row>
    <row r="89356" spans="14:14">
      <c r="N89356" s="10"/>
    </row>
    <row r="89357" spans="14:14">
      <c r="N89357" s="10"/>
    </row>
    <row r="89358" spans="14:14">
      <c r="N89358" s="10"/>
    </row>
    <row r="89359" spans="14:14">
      <c r="N89359" s="10"/>
    </row>
    <row r="89360" spans="14:14">
      <c r="N89360" s="10"/>
    </row>
    <row r="89361" spans="14:14">
      <c r="N89361" s="10"/>
    </row>
    <row r="89362" spans="14:14">
      <c r="N89362" s="10"/>
    </row>
    <row r="89363" spans="14:14">
      <c r="N89363" s="10"/>
    </row>
    <row r="89364" spans="14:14">
      <c r="N89364" s="10"/>
    </row>
    <row r="89365" spans="14:14">
      <c r="N89365" s="10"/>
    </row>
    <row r="89366" spans="14:14">
      <c r="N89366" s="10"/>
    </row>
    <row r="89367" spans="14:14">
      <c r="N89367" s="10"/>
    </row>
    <row r="89368" spans="14:14">
      <c r="N89368" s="10"/>
    </row>
    <row r="89369" spans="14:14">
      <c r="N89369" s="10"/>
    </row>
    <row r="89370" spans="14:14">
      <c r="N89370" s="10"/>
    </row>
    <row r="89371" spans="14:14">
      <c r="N89371" s="10"/>
    </row>
    <row r="89372" spans="14:14">
      <c r="N89372" s="10"/>
    </row>
    <row r="89373" spans="14:14">
      <c r="N89373" s="10"/>
    </row>
    <row r="89374" spans="14:14">
      <c r="N89374" s="10"/>
    </row>
    <row r="89375" spans="14:14">
      <c r="N89375" s="10"/>
    </row>
    <row r="89376" spans="14:14">
      <c r="N89376" s="10"/>
    </row>
    <row r="89377" spans="14:14">
      <c r="N89377" s="10"/>
    </row>
    <row r="89378" spans="14:14">
      <c r="N89378" s="10"/>
    </row>
    <row r="89379" spans="14:14">
      <c r="N89379" s="10"/>
    </row>
    <row r="89380" spans="14:14">
      <c r="N89380" s="10"/>
    </row>
    <row r="89381" spans="14:14">
      <c r="N89381" s="10"/>
    </row>
    <row r="89382" spans="14:14">
      <c r="N89382" s="10"/>
    </row>
    <row r="89383" spans="14:14">
      <c r="N89383" s="10"/>
    </row>
    <row r="89384" spans="14:14">
      <c r="N89384" s="10"/>
    </row>
    <row r="89385" spans="14:14">
      <c r="N89385" s="10"/>
    </row>
    <row r="89386" spans="14:14">
      <c r="N89386" s="10"/>
    </row>
    <row r="89387" spans="14:14">
      <c r="N89387" s="10"/>
    </row>
    <row r="89388" spans="14:14">
      <c r="N89388" s="10"/>
    </row>
    <row r="89389" spans="14:14">
      <c r="N89389" s="10"/>
    </row>
    <row r="89390" spans="14:14">
      <c r="N89390" s="10"/>
    </row>
    <row r="89391" spans="14:14">
      <c r="N89391" s="10"/>
    </row>
    <row r="89392" spans="14:14">
      <c r="N89392" s="10"/>
    </row>
    <row r="89393" spans="14:14">
      <c r="N89393" s="10"/>
    </row>
    <row r="89394" spans="14:14">
      <c r="N89394" s="10"/>
    </row>
    <row r="89395" spans="14:14">
      <c r="N89395" s="10"/>
    </row>
    <row r="89396" spans="14:14">
      <c r="N89396" s="10"/>
    </row>
    <row r="89397" spans="14:14">
      <c r="N89397" s="10"/>
    </row>
    <row r="89398" spans="14:14">
      <c r="N89398" s="10"/>
    </row>
    <row r="89399" spans="14:14">
      <c r="N89399" s="10"/>
    </row>
    <row r="89400" spans="14:14">
      <c r="N89400" s="10"/>
    </row>
    <row r="89401" spans="14:14">
      <c r="N89401" s="10"/>
    </row>
    <row r="89402" spans="14:14">
      <c r="N89402" s="10"/>
    </row>
    <row r="89403" spans="14:14">
      <c r="N89403" s="10"/>
    </row>
    <row r="89404" spans="14:14">
      <c r="N89404" s="10"/>
    </row>
    <row r="89405" spans="14:14">
      <c r="N89405" s="10"/>
    </row>
    <row r="89406" spans="14:14">
      <c r="N89406" s="10"/>
    </row>
    <row r="89407" spans="14:14">
      <c r="N89407" s="10"/>
    </row>
    <row r="89408" spans="14:14">
      <c r="N89408" s="10"/>
    </row>
    <row r="89409" spans="14:14">
      <c r="N89409" s="10"/>
    </row>
    <row r="89410" spans="14:14">
      <c r="N89410" s="10"/>
    </row>
    <row r="89411" spans="14:14">
      <c r="N89411" s="10"/>
    </row>
    <row r="89412" spans="14:14">
      <c r="N89412" s="10"/>
    </row>
    <row r="89413" spans="14:14">
      <c r="N89413" s="10"/>
    </row>
    <row r="89414" spans="14:14">
      <c r="N89414" s="10"/>
    </row>
    <row r="89415" spans="14:14">
      <c r="N89415" s="10"/>
    </row>
    <row r="89416" spans="14:14">
      <c r="N89416" s="10"/>
    </row>
    <row r="89417" spans="14:14">
      <c r="N89417" s="10"/>
    </row>
    <row r="89418" spans="14:14">
      <c r="N89418" s="10"/>
    </row>
    <row r="89419" spans="14:14">
      <c r="N89419" s="10"/>
    </row>
    <row r="89420" spans="14:14">
      <c r="N89420" s="10"/>
    </row>
    <row r="89421" spans="14:14">
      <c r="N89421" s="10"/>
    </row>
    <row r="89422" spans="14:14">
      <c r="N89422" s="10"/>
    </row>
    <row r="89423" spans="14:14">
      <c r="N89423" s="10"/>
    </row>
    <row r="89424" spans="14:14">
      <c r="N89424" s="10"/>
    </row>
    <row r="89425" spans="14:14">
      <c r="N89425" s="10"/>
    </row>
    <row r="89426" spans="14:14">
      <c r="N89426" s="10"/>
    </row>
    <row r="89427" spans="14:14">
      <c r="N89427" s="10"/>
    </row>
    <row r="89428" spans="14:14">
      <c r="N89428" s="10"/>
    </row>
    <row r="89429" spans="14:14">
      <c r="N89429" s="10"/>
    </row>
    <row r="89430" spans="14:14">
      <c r="N89430" s="10"/>
    </row>
    <row r="89431" spans="14:14">
      <c r="N89431" s="10"/>
    </row>
    <row r="89432" spans="14:14">
      <c r="N89432" s="10"/>
    </row>
    <row r="89433" spans="14:14">
      <c r="N89433" s="10"/>
    </row>
    <row r="89434" spans="14:14">
      <c r="N89434" s="10"/>
    </row>
    <row r="89435" spans="14:14">
      <c r="N89435" s="10"/>
    </row>
    <row r="89436" spans="14:14">
      <c r="N89436" s="10"/>
    </row>
    <row r="89437" spans="14:14">
      <c r="N89437" s="10"/>
    </row>
    <row r="89438" spans="14:14">
      <c r="N89438" s="10"/>
    </row>
    <row r="89439" spans="14:14">
      <c r="N89439" s="10"/>
    </row>
    <row r="89440" spans="14:14">
      <c r="N89440" s="10"/>
    </row>
    <row r="89441" spans="14:14">
      <c r="N89441" s="10"/>
    </row>
    <row r="89442" spans="14:14">
      <c r="N89442" s="10"/>
    </row>
    <row r="89443" spans="14:14">
      <c r="N89443" s="10"/>
    </row>
    <row r="89444" spans="14:14">
      <c r="N89444" s="10"/>
    </row>
    <row r="89445" spans="14:14">
      <c r="N89445" s="10"/>
    </row>
    <row r="89446" spans="14:14">
      <c r="N89446" s="10"/>
    </row>
    <row r="89447" spans="14:14">
      <c r="N89447" s="10"/>
    </row>
    <row r="89448" spans="14:14">
      <c r="N89448" s="10"/>
    </row>
    <row r="89449" spans="14:14">
      <c r="N89449" s="10"/>
    </row>
    <row r="89450" spans="14:14">
      <c r="N89450" s="10"/>
    </row>
    <row r="89451" spans="14:14">
      <c r="N89451" s="10"/>
    </row>
    <row r="89452" spans="14:14">
      <c r="N89452" s="10"/>
    </row>
    <row r="89453" spans="14:14">
      <c r="N89453" s="10"/>
    </row>
    <row r="89454" spans="14:14">
      <c r="N89454" s="10"/>
    </row>
    <row r="89455" spans="14:14">
      <c r="N89455" s="10"/>
    </row>
    <row r="89456" spans="14:14">
      <c r="N89456" s="10"/>
    </row>
    <row r="89457" spans="14:14">
      <c r="N89457" s="10"/>
    </row>
    <row r="89458" spans="14:14">
      <c r="N89458" s="10"/>
    </row>
    <row r="89459" spans="14:14">
      <c r="N89459" s="10"/>
    </row>
    <row r="89460" spans="14:14">
      <c r="N89460" s="10"/>
    </row>
    <row r="89461" spans="14:14">
      <c r="N89461" s="10"/>
    </row>
    <row r="89462" spans="14:14">
      <c r="N89462" s="10"/>
    </row>
    <row r="89463" spans="14:14">
      <c r="N89463" s="10"/>
    </row>
    <row r="89464" spans="14:14">
      <c r="N89464" s="10"/>
    </row>
    <row r="89465" spans="14:14">
      <c r="N89465" s="10"/>
    </row>
    <row r="89466" spans="14:14">
      <c r="N89466" s="10"/>
    </row>
    <row r="89467" spans="14:14">
      <c r="N89467" s="10"/>
    </row>
    <row r="89468" spans="14:14">
      <c r="N89468" s="10"/>
    </row>
    <row r="89469" spans="14:14">
      <c r="N89469" s="10"/>
    </row>
    <row r="89470" spans="14:14">
      <c r="N89470" s="10"/>
    </row>
    <row r="89471" spans="14:14">
      <c r="N89471" s="10"/>
    </row>
    <row r="89472" spans="14:14">
      <c r="N89472" s="10"/>
    </row>
    <row r="89473" spans="14:14">
      <c r="N89473" s="10"/>
    </row>
    <row r="89474" spans="14:14">
      <c r="N89474" s="10"/>
    </row>
    <row r="89475" spans="14:14">
      <c r="N89475" s="10"/>
    </row>
    <row r="89476" spans="14:14">
      <c r="N89476" s="10"/>
    </row>
    <row r="89477" spans="14:14">
      <c r="N89477" s="10"/>
    </row>
    <row r="89478" spans="14:14">
      <c r="N89478" s="10"/>
    </row>
    <row r="89479" spans="14:14">
      <c r="N89479" s="10"/>
    </row>
    <row r="89480" spans="14:14">
      <c r="N89480" s="10"/>
    </row>
    <row r="89481" spans="14:14">
      <c r="N89481" s="10"/>
    </row>
    <row r="89482" spans="14:14">
      <c r="N89482" s="10"/>
    </row>
    <row r="89483" spans="14:14">
      <c r="N89483" s="10"/>
    </row>
    <row r="89484" spans="14:14">
      <c r="N89484" s="10"/>
    </row>
    <row r="89485" spans="14:14">
      <c r="N89485" s="10"/>
    </row>
    <row r="89486" spans="14:14">
      <c r="N89486" s="10"/>
    </row>
    <row r="89487" spans="14:14">
      <c r="N89487" s="10"/>
    </row>
    <row r="89488" spans="14:14">
      <c r="N89488" s="10"/>
    </row>
    <row r="89489" spans="14:14">
      <c r="N89489" s="10"/>
    </row>
    <row r="89490" spans="14:14">
      <c r="N89490" s="10"/>
    </row>
    <row r="89491" spans="14:14">
      <c r="N89491" s="10"/>
    </row>
    <row r="89492" spans="14:14">
      <c r="N89492" s="10"/>
    </row>
    <row r="89493" spans="14:14">
      <c r="N89493" s="10"/>
    </row>
    <row r="89494" spans="14:14">
      <c r="N89494" s="10"/>
    </row>
    <row r="89495" spans="14:14">
      <c r="N89495" s="10"/>
    </row>
    <row r="89496" spans="14:14">
      <c r="N89496" s="10"/>
    </row>
    <row r="89497" spans="14:14">
      <c r="N89497" s="10"/>
    </row>
    <row r="89498" spans="14:14">
      <c r="N89498" s="10"/>
    </row>
    <row r="89499" spans="14:14">
      <c r="N89499" s="10"/>
    </row>
    <row r="89500" spans="14:14">
      <c r="N89500" s="10"/>
    </row>
    <row r="89501" spans="14:14">
      <c r="N89501" s="10"/>
    </row>
    <row r="89502" spans="14:14">
      <c r="N89502" s="10"/>
    </row>
    <row r="89503" spans="14:14">
      <c r="N89503" s="10"/>
    </row>
    <row r="89504" spans="14:14">
      <c r="N89504" s="10"/>
    </row>
    <row r="89505" spans="14:14">
      <c r="N89505" s="10"/>
    </row>
    <row r="89506" spans="14:14">
      <c r="N89506" s="10"/>
    </row>
    <row r="89507" spans="14:14">
      <c r="N89507" s="10"/>
    </row>
    <row r="89508" spans="14:14">
      <c r="N89508" s="10"/>
    </row>
    <row r="89509" spans="14:14">
      <c r="N89509" s="10"/>
    </row>
    <row r="89510" spans="14:14">
      <c r="N89510" s="10"/>
    </row>
    <row r="89511" spans="14:14">
      <c r="N89511" s="10"/>
    </row>
    <row r="89512" spans="14:14">
      <c r="N89512" s="10"/>
    </row>
    <row r="89513" spans="14:14">
      <c r="N89513" s="10"/>
    </row>
    <row r="89514" spans="14:14">
      <c r="N89514" s="10"/>
    </row>
    <row r="89515" spans="14:14">
      <c r="N89515" s="10"/>
    </row>
    <row r="89516" spans="14:14">
      <c r="N89516" s="10"/>
    </row>
    <row r="89517" spans="14:14">
      <c r="N89517" s="10"/>
    </row>
    <row r="89518" spans="14:14">
      <c r="N89518" s="10"/>
    </row>
    <row r="89519" spans="14:14">
      <c r="N89519" s="10"/>
    </row>
    <row r="89520" spans="14:14">
      <c r="N89520" s="10"/>
    </row>
    <row r="89521" spans="14:14">
      <c r="N89521" s="10"/>
    </row>
    <row r="89522" spans="14:14">
      <c r="N89522" s="10"/>
    </row>
    <row r="89523" spans="14:14">
      <c r="N89523" s="10"/>
    </row>
    <row r="89524" spans="14:14">
      <c r="N89524" s="10"/>
    </row>
    <row r="89525" spans="14:14">
      <c r="N89525" s="10"/>
    </row>
    <row r="89526" spans="14:14">
      <c r="N89526" s="10"/>
    </row>
    <row r="89527" spans="14:14">
      <c r="N89527" s="10"/>
    </row>
    <row r="89528" spans="14:14">
      <c r="N89528" s="10"/>
    </row>
    <row r="89529" spans="14:14">
      <c r="N89529" s="10"/>
    </row>
    <row r="89530" spans="14:14">
      <c r="N89530" s="10"/>
    </row>
    <row r="89531" spans="14:14">
      <c r="N89531" s="10"/>
    </row>
    <row r="89532" spans="14:14">
      <c r="N89532" s="10"/>
    </row>
    <row r="89533" spans="14:14">
      <c r="N89533" s="10"/>
    </row>
    <row r="89534" spans="14:14">
      <c r="N89534" s="10"/>
    </row>
    <row r="89535" spans="14:14">
      <c r="N89535" s="10"/>
    </row>
    <row r="89536" spans="14:14">
      <c r="N89536" s="10"/>
    </row>
    <row r="89537" spans="14:14">
      <c r="N89537" s="10"/>
    </row>
    <row r="89538" spans="14:14">
      <c r="N89538" s="10"/>
    </row>
    <row r="89539" spans="14:14">
      <c r="N89539" s="10"/>
    </row>
    <row r="89540" spans="14:14">
      <c r="N89540" s="10"/>
    </row>
    <row r="89541" spans="14:14">
      <c r="N89541" s="10"/>
    </row>
    <row r="89542" spans="14:14">
      <c r="N89542" s="10"/>
    </row>
    <row r="89543" spans="14:14">
      <c r="N89543" s="10"/>
    </row>
    <row r="89544" spans="14:14">
      <c r="N89544" s="10"/>
    </row>
    <row r="89545" spans="14:14">
      <c r="N89545" s="10"/>
    </row>
    <row r="89546" spans="14:14">
      <c r="N89546" s="10"/>
    </row>
    <row r="89547" spans="14:14">
      <c r="N89547" s="10"/>
    </row>
    <row r="89548" spans="14:14">
      <c r="N89548" s="10"/>
    </row>
    <row r="89549" spans="14:14">
      <c r="N89549" s="10"/>
    </row>
    <row r="89550" spans="14:14">
      <c r="N89550" s="10"/>
    </row>
    <row r="89551" spans="14:14">
      <c r="N89551" s="10"/>
    </row>
    <row r="89552" spans="14:14">
      <c r="N89552" s="10"/>
    </row>
    <row r="89553" spans="14:14">
      <c r="N89553" s="10"/>
    </row>
    <row r="89554" spans="14:14">
      <c r="N89554" s="10"/>
    </row>
    <row r="89555" spans="14:14">
      <c r="N89555" s="10"/>
    </row>
    <row r="89556" spans="14:14">
      <c r="N89556" s="10"/>
    </row>
    <row r="89557" spans="14:14">
      <c r="N89557" s="10"/>
    </row>
    <row r="89558" spans="14:14">
      <c r="N89558" s="10"/>
    </row>
    <row r="89559" spans="14:14">
      <c r="N89559" s="10"/>
    </row>
    <row r="89560" spans="14:14">
      <c r="N89560" s="10"/>
    </row>
    <row r="89561" spans="14:14">
      <c r="N89561" s="10"/>
    </row>
    <row r="89562" spans="14:14">
      <c r="N89562" s="10"/>
    </row>
    <row r="89563" spans="14:14">
      <c r="N89563" s="10"/>
    </row>
    <row r="89564" spans="14:14">
      <c r="N89564" s="10"/>
    </row>
    <row r="89565" spans="14:14">
      <c r="N89565" s="10"/>
    </row>
    <row r="89566" spans="14:14">
      <c r="N89566" s="10"/>
    </row>
    <row r="89567" spans="14:14">
      <c r="N89567" s="10"/>
    </row>
    <row r="89568" spans="14:14">
      <c r="N89568" s="10"/>
    </row>
    <row r="89569" spans="14:14">
      <c r="N89569" s="10"/>
    </row>
    <row r="89570" spans="14:14">
      <c r="N89570" s="10"/>
    </row>
    <row r="89571" spans="14:14">
      <c r="N89571" s="10"/>
    </row>
    <row r="89572" spans="14:14">
      <c r="N89572" s="10"/>
    </row>
    <row r="89573" spans="14:14">
      <c r="N89573" s="10"/>
    </row>
    <row r="89574" spans="14:14">
      <c r="N89574" s="10"/>
    </row>
    <row r="89575" spans="14:14">
      <c r="N89575" s="10"/>
    </row>
    <row r="89576" spans="14:14">
      <c r="N89576" s="10"/>
    </row>
    <row r="89577" spans="14:14">
      <c r="N89577" s="10"/>
    </row>
    <row r="89578" spans="14:14">
      <c r="N89578" s="10"/>
    </row>
    <row r="89579" spans="14:14">
      <c r="N89579" s="10"/>
    </row>
    <row r="89580" spans="14:14">
      <c r="N89580" s="10"/>
    </row>
    <row r="89581" spans="14:14">
      <c r="N89581" s="10"/>
    </row>
    <row r="89582" spans="14:14">
      <c r="N89582" s="10"/>
    </row>
    <row r="89583" spans="14:14">
      <c r="N89583" s="10"/>
    </row>
    <row r="89584" spans="14:14">
      <c r="N89584" s="10"/>
    </row>
    <row r="89585" spans="14:14">
      <c r="N89585" s="10"/>
    </row>
    <row r="89586" spans="14:14">
      <c r="N89586" s="10"/>
    </row>
    <row r="89587" spans="14:14">
      <c r="N89587" s="10"/>
    </row>
    <row r="89588" spans="14:14">
      <c r="N89588" s="10"/>
    </row>
    <row r="89589" spans="14:14">
      <c r="N89589" s="10"/>
    </row>
    <row r="89590" spans="14:14">
      <c r="N89590" s="10"/>
    </row>
    <row r="89591" spans="14:14">
      <c r="N89591" s="10"/>
    </row>
    <row r="89592" spans="14:14">
      <c r="N89592" s="10"/>
    </row>
    <row r="89593" spans="14:14">
      <c r="N89593" s="10"/>
    </row>
    <row r="89594" spans="14:14">
      <c r="N89594" s="10"/>
    </row>
    <row r="89595" spans="14:14">
      <c r="N89595" s="10"/>
    </row>
    <row r="89596" spans="14:14">
      <c r="N89596" s="10"/>
    </row>
    <row r="89597" spans="14:14">
      <c r="N89597" s="10"/>
    </row>
    <row r="89598" spans="14:14">
      <c r="N89598" s="10"/>
    </row>
    <row r="89599" spans="14:14">
      <c r="N89599" s="10"/>
    </row>
    <row r="89600" spans="14:14">
      <c r="N89600" s="10"/>
    </row>
    <row r="89601" spans="14:14">
      <c r="N89601" s="10"/>
    </row>
    <row r="89602" spans="14:14">
      <c r="N89602" s="10"/>
    </row>
    <row r="89603" spans="14:14">
      <c r="N89603" s="10"/>
    </row>
    <row r="89604" spans="14:14">
      <c r="N89604" s="10"/>
    </row>
    <row r="89605" spans="14:14">
      <c r="N89605" s="10"/>
    </row>
    <row r="89606" spans="14:14">
      <c r="N89606" s="10"/>
    </row>
    <row r="89607" spans="14:14">
      <c r="N89607" s="10"/>
    </row>
    <row r="89608" spans="14:14">
      <c r="N89608" s="10"/>
    </row>
    <row r="89609" spans="14:14">
      <c r="N89609" s="10"/>
    </row>
    <row r="89610" spans="14:14">
      <c r="N89610" s="10"/>
    </row>
    <row r="89611" spans="14:14">
      <c r="N89611" s="10"/>
    </row>
    <row r="89612" spans="14:14">
      <c r="N89612" s="10"/>
    </row>
    <row r="89613" spans="14:14">
      <c r="N89613" s="10"/>
    </row>
    <row r="89614" spans="14:14">
      <c r="N89614" s="10"/>
    </row>
    <row r="89615" spans="14:14">
      <c r="N89615" s="10"/>
    </row>
    <row r="89616" spans="14:14">
      <c r="N89616" s="10"/>
    </row>
    <row r="89617" spans="14:14">
      <c r="N89617" s="10"/>
    </row>
    <row r="89618" spans="14:14">
      <c r="N89618" s="10"/>
    </row>
    <row r="89619" spans="14:14">
      <c r="N89619" s="10"/>
    </row>
    <row r="89620" spans="14:14">
      <c r="N89620" s="10"/>
    </row>
    <row r="89621" spans="14:14">
      <c r="N89621" s="10"/>
    </row>
    <row r="89622" spans="14:14">
      <c r="N89622" s="10"/>
    </row>
    <row r="89623" spans="14:14">
      <c r="N89623" s="10"/>
    </row>
    <row r="89624" spans="14:14">
      <c r="N89624" s="10"/>
    </row>
    <row r="89625" spans="14:14">
      <c r="N89625" s="10"/>
    </row>
    <row r="89626" spans="14:14">
      <c r="N89626" s="10"/>
    </row>
    <row r="89627" spans="14:14">
      <c r="N89627" s="10"/>
    </row>
    <row r="89628" spans="14:14">
      <c r="N89628" s="10"/>
    </row>
    <row r="89629" spans="14:14">
      <c r="N89629" s="10"/>
    </row>
    <row r="89630" spans="14:14">
      <c r="N89630" s="10"/>
    </row>
    <row r="89631" spans="14:14">
      <c r="N89631" s="10"/>
    </row>
    <row r="89632" spans="14:14">
      <c r="N89632" s="10"/>
    </row>
    <row r="89633" spans="14:14">
      <c r="N89633" s="10"/>
    </row>
    <row r="89634" spans="14:14">
      <c r="N89634" s="10"/>
    </row>
    <row r="89635" spans="14:14">
      <c r="N89635" s="10"/>
    </row>
    <row r="89636" spans="14:14">
      <c r="N89636" s="10"/>
    </row>
    <row r="89637" spans="14:14">
      <c r="N89637" s="10"/>
    </row>
    <row r="89638" spans="14:14">
      <c r="N89638" s="10"/>
    </row>
    <row r="89639" spans="14:14">
      <c r="N89639" s="10"/>
    </row>
    <row r="89640" spans="14:14">
      <c r="N89640" s="10"/>
    </row>
    <row r="89641" spans="14:14">
      <c r="N89641" s="10"/>
    </row>
    <row r="89642" spans="14:14">
      <c r="N89642" s="10"/>
    </row>
    <row r="89643" spans="14:14">
      <c r="N89643" s="10"/>
    </row>
    <row r="89644" spans="14:14">
      <c r="N89644" s="10"/>
    </row>
    <row r="89645" spans="14:14">
      <c r="N89645" s="10"/>
    </row>
    <row r="89646" spans="14:14">
      <c r="N89646" s="10"/>
    </row>
    <row r="89647" spans="14:14">
      <c r="N89647" s="10"/>
    </row>
    <row r="89648" spans="14:14">
      <c r="N89648" s="10"/>
    </row>
    <row r="89649" spans="14:14">
      <c r="N89649" s="10"/>
    </row>
    <row r="89650" spans="14:14">
      <c r="N89650" s="10"/>
    </row>
    <row r="89651" spans="14:14">
      <c r="N89651" s="10"/>
    </row>
    <row r="89652" spans="14:14">
      <c r="N89652" s="10"/>
    </row>
    <row r="89653" spans="14:14">
      <c r="N89653" s="10"/>
    </row>
    <row r="89654" spans="14:14">
      <c r="N89654" s="10"/>
    </row>
    <row r="89655" spans="14:14">
      <c r="N89655" s="10"/>
    </row>
    <row r="89656" spans="14:14">
      <c r="N89656" s="10"/>
    </row>
    <row r="89657" spans="14:14">
      <c r="N89657" s="10"/>
    </row>
    <row r="89658" spans="14:14">
      <c r="N89658" s="10"/>
    </row>
    <row r="89659" spans="14:14">
      <c r="N89659" s="10"/>
    </row>
    <row r="89660" spans="14:14">
      <c r="N89660" s="10"/>
    </row>
    <row r="89661" spans="14:14">
      <c r="N89661" s="10"/>
    </row>
    <row r="89662" spans="14:14">
      <c r="N89662" s="10"/>
    </row>
    <row r="89663" spans="14:14">
      <c r="N89663" s="10"/>
    </row>
    <row r="89664" spans="14:14">
      <c r="N89664" s="10"/>
    </row>
    <row r="89665" spans="14:14">
      <c r="N89665" s="10"/>
    </row>
    <row r="89666" spans="14:14">
      <c r="N89666" s="10"/>
    </row>
    <row r="89667" spans="14:14">
      <c r="N89667" s="10"/>
    </row>
    <row r="89668" spans="14:14">
      <c r="N89668" s="10"/>
    </row>
    <row r="89669" spans="14:14">
      <c r="N89669" s="10"/>
    </row>
    <row r="89670" spans="14:14">
      <c r="N89670" s="10"/>
    </row>
    <row r="89671" spans="14:14">
      <c r="N89671" s="10"/>
    </row>
    <row r="89672" spans="14:14">
      <c r="N89672" s="10"/>
    </row>
    <row r="89673" spans="14:14">
      <c r="N89673" s="10"/>
    </row>
    <row r="89674" spans="14:14">
      <c r="N89674" s="10"/>
    </row>
    <row r="89675" spans="14:14">
      <c r="N89675" s="10"/>
    </row>
    <row r="89676" spans="14:14">
      <c r="N89676" s="10"/>
    </row>
    <row r="89677" spans="14:14">
      <c r="N89677" s="10"/>
    </row>
    <row r="89678" spans="14:14">
      <c r="N89678" s="10"/>
    </row>
    <row r="89679" spans="14:14">
      <c r="N89679" s="10"/>
    </row>
    <row r="89680" spans="14:14">
      <c r="N89680" s="10"/>
    </row>
    <row r="89681" spans="14:14">
      <c r="N89681" s="10"/>
    </row>
    <row r="89682" spans="14:14">
      <c r="N89682" s="10"/>
    </row>
    <row r="89683" spans="14:14">
      <c r="N89683" s="10"/>
    </row>
    <row r="89684" spans="14:14">
      <c r="N89684" s="10"/>
    </row>
    <row r="89685" spans="14:14">
      <c r="N89685" s="10"/>
    </row>
    <row r="89686" spans="14:14">
      <c r="N89686" s="10"/>
    </row>
    <row r="89687" spans="14:14">
      <c r="N89687" s="10"/>
    </row>
    <row r="89688" spans="14:14">
      <c r="N89688" s="10"/>
    </row>
    <row r="89689" spans="14:14">
      <c r="N89689" s="10"/>
    </row>
    <row r="89690" spans="14:14">
      <c r="N89690" s="10"/>
    </row>
    <row r="89691" spans="14:14">
      <c r="N89691" s="10"/>
    </row>
    <row r="89692" spans="14:14">
      <c r="N89692" s="10"/>
    </row>
    <row r="89693" spans="14:14">
      <c r="N89693" s="10"/>
    </row>
    <row r="89694" spans="14:14">
      <c r="N89694" s="10"/>
    </row>
    <row r="89695" spans="14:14">
      <c r="N89695" s="10"/>
    </row>
    <row r="89696" spans="14:14">
      <c r="N89696" s="10"/>
    </row>
    <row r="89697" spans="14:14">
      <c r="N89697" s="10"/>
    </row>
    <row r="89698" spans="14:14">
      <c r="N89698" s="10"/>
    </row>
    <row r="89699" spans="14:14">
      <c r="N89699" s="10"/>
    </row>
    <row r="89700" spans="14:14">
      <c r="N89700" s="10"/>
    </row>
    <row r="89701" spans="14:14">
      <c r="N89701" s="10"/>
    </row>
    <row r="89702" spans="14:14">
      <c r="N89702" s="10"/>
    </row>
    <row r="89703" spans="14:14">
      <c r="N89703" s="10"/>
    </row>
    <row r="89704" spans="14:14">
      <c r="N89704" s="10"/>
    </row>
    <row r="89705" spans="14:14">
      <c r="N89705" s="10"/>
    </row>
    <row r="89706" spans="14:14">
      <c r="N89706" s="10"/>
    </row>
    <row r="89707" spans="14:14">
      <c r="N89707" s="10"/>
    </row>
    <row r="89708" spans="14:14">
      <c r="N89708" s="10"/>
    </row>
    <row r="89709" spans="14:14">
      <c r="N89709" s="10"/>
    </row>
    <row r="89710" spans="14:14">
      <c r="N89710" s="10"/>
    </row>
    <row r="89711" spans="14:14">
      <c r="N89711" s="10"/>
    </row>
    <row r="89712" spans="14:14">
      <c r="N89712" s="10"/>
    </row>
    <row r="89713" spans="14:14">
      <c r="N89713" s="10"/>
    </row>
    <row r="89714" spans="14:14">
      <c r="N89714" s="10"/>
    </row>
    <row r="89715" spans="14:14">
      <c r="N89715" s="10"/>
    </row>
    <row r="89716" spans="14:14">
      <c r="N89716" s="10"/>
    </row>
    <row r="89717" spans="14:14">
      <c r="N89717" s="10"/>
    </row>
    <row r="89718" spans="14:14">
      <c r="N89718" s="10"/>
    </row>
    <row r="89719" spans="14:14">
      <c r="N89719" s="10"/>
    </row>
    <row r="89720" spans="14:14">
      <c r="N89720" s="10"/>
    </row>
    <row r="89721" spans="14:14">
      <c r="N89721" s="10"/>
    </row>
    <row r="89722" spans="14:14">
      <c r="N89722" s="10"/>
    </row>
    <row r="89723" spans="14:14">
      <c r="N89723" s="10"/>
    </row>
    <row r="89724" spans="14:14">
      <c r="N89724" s="10"/>
    </row>
    <row r="89725" spans="14:14">
      <c r="N89725" s="10"/>
    </row>
    <row r="89726" spans="14:14">
      <c r="N89726" s="10"/>
    </row>
    <row r="89727" spans="14:14">
      <c r="N89727" s="10"/>
    </row>
    <row r="89728" spans="14:14">
      <c r="N89728" s="10"/>
    </row>
    <row r="89729" spans="14:14">
      <c r="N89729" s="10"/>
    </row>
    <row r="89730" spans="14:14">
      <c r="N89730" s="10"/>
    </row>
    <row r="89731" spans="14:14">
      <c r="N89731" s="10"/>
    </row>
    <row r="89732" spans="14:14">
      <c r="N89732" s="10"/>
    </row>
    <row r="89733" spans="14:14">
      <c r="N89733" s="10"/>
    </row>
    <row r="89734" spans="14:14">
      <c r="N89734" s="10"/>
    </row>
    <row r="89735" spans="14:14">
      <c r="N89735" s="10"/>
    </row>
    <row r="89736" spans="14:14">
      <c r="N89736" s="10"/>
    </row>
    <row r="89737" spans="14:14">
      <c r="N89737" s="10"/>
    </row>
    <row r="89738" spans="14:14">
      <c r="N89738" s="10"/>
    </row>
    <row r="89739" spans="14:14">
      <c r="N89739" s="10"/>
    </row>
    <row r="89740" spans="14:14">
      <c r="N89740" s="10"/>
    </row>
    <row r="89741" spans="14:14">
      <c r="N89741" s="10"/>
    </row>
    <row r="89742" spans="14:14">
      <c r="N89742" s="10"/>
    </row>
    <row r="89743" spans="14:14">
      <c r="N89743" s="10"/>
    </row>
    <row r="89744" spans="14:14">
      <c r="N89744" s="10"/>
    </row>
    <row r="89745" spans="14:14">
      <c r="N89745" s="10"/>
    </row>
    <row r="89746" spans="14:14">
      <c r="N89746" s="10"/>
    </row>
    <row r="89747" spans="14:14">
      <c r="N89747" s="10"/>
    </row>
    <row r="89748" spans="14:14">
      <c r="N89748" s="10"/>
    </row>
    <row r="89749" spans="14:14">
      <c r="N89749" s="10"/>
    </row>
    <row r="89750" spans="14:14">
      <c r="N89750" s="10"/>
    </row>
    <row r="89751" spans="14:14">
      <c r="N89751" s="10"/>
    </row>
    <row r="89752" spans="14:14">
      <c r="N89752" s="10"/>
    </row>
    <row r="89753" spans="14:14">
      <c r="N89753" s="10"/>
    </row>
    <row r="89754" spans="14:14">
      <c r="N89754" s="10"/>
    </row>
    <row r="89755" spans="14:14">
      <c r="N89755" s="10"/>
    </row>
    <row r="89756" spans="14:14">
      <c r="N89756" s="10"/>
    </row>
    <row r="89757" spans="14:14">
      <c r="N89757" s="10"/>
    </row>
    <row r="89758" spans="14:14">
      <c r="N89758" s="10"/>
    </row>
    <row r="89759" spans="14:14">
      <c r="N89759" s="10"/>
    </row>
    <row r="89760" spans="14:14">
      <c r="N89760" s="10"/>
    </row>
    <row r="89761" spans="14:14">
      <c r="N89761" s="10"/>
    </row>
    <row r="89762" spans="14:14">
      <c r="N89762" s="10"/>
    </row>
    <row r="89763" spans="14:14">
      <c r="N89763" s="10"/>
    </row>
    <row r="89764" spans="14:14">
      <c r="N89764" s="10"/>
    </row>
    <row r="89765" spans="14:14">
      <c r="N89765" s="10"/>
    </row>
    <row r="89766" spans="14:14">
      <c r="N89766" s="10"/>
    </row>
    <row r="89767" spans="14:14">
      <c r="N89767" s="10"/>
    </row>
    <row r="89768" spans="14:14">
      <c r="N89768" s="10"/>
    </row>
    <row r="89769" spans="14:14">
      <c r="N89769" s="10"/>
    </row>
    <row r="89770" spans="14:14">
      <c r="N89770" s="10"/>
    </row>
    <row r="89771" spans="14:14">
      <c r="N89771" s="10"/>
    </row>
    <row r="89772" spans="14:14">
      <c r="N89772" s="10"/>
    </row>
    <row r="89773" spans="14:14">
      <c r="N89773" s="10"/>
    </row>
    <row r="89774" spans="14:14">
      <c r="N89774" s="10"/>
    </row>
    <row r="89775" spans="14:14">
      <c r="N89775" s="10"/>
    </row>
    <row r="89776" spans="14:14">
      <c r="N89776" s="10"/>
    </row>
    <row r="89777" spans="14:14">
      <c r="N89777" s="10"/>
    </row>
    <row r="89778" spans="14:14">
      <c r="N89778" s="10"/>
    </row>
    <row r="89779" spans="14:14">
      <c r="N89779" s="10"/>
    </row>
    <row r="89780" spans="14:14">
      <c r="N89780" s="10"/>
    </row>
    <row r="89781" spans="14:14">
      <c r="N89781" s="10"/>
    </row>
    <row r="89782" spans="14:14">
      <c r="N89782" s="10"/>
    </row>
    <row r="89783" spans="14:14">
      <c r="N89783" s="10"/>
    </row>
    <row r="89784" spans="14:14">
      <c r="N89784" s="10"/>
    </row>
    <row r="89785" spans="14:14">
      <c r="N89785" s="10"/>
    </row>
    <row r="89786" spans="14:14">
      <c r="N89786" s="10"/>
    </row>
    <row r="89787" spans="14:14">
      <c r="N89787" s="10"/>
    </row>
    <row r="89788" spans="14:14">
      <c r="N89788" s="10"/>
    </row>
    <row r="89789" spans="14:14">
      <c r="N89789" s="10"/>
    </row>
    <row r="89790" spans="14:14">
      <c r="N89790" s="10"/>
    </row>
    <row r="89791" spans="14:14">
      <c r="N89791" s="10"/>
    </row>
    <row r="89792" spans="14:14">
      <c r="N89792" s="10"/>
    </row>
    <row r="89793" spans="14:14">
      <c r="N89793" s="10"/>
    </row>
    <row r="89794" spans="14:14">
      <c r="N89794" s="10"/>
    </row>
    <row r="89795" spans="14:14">
      <c r="N89795" s="10"/>
    </row>
    <row r="89796" spans="14:14">
      <c r="N89796" s="10"/>
    </row>
    <row r="89797" spans="14:14">
      <c r="N89797" s="10"/>
    </row>
    <row r="89798" spans="14:14">
      <c r="N89798" s="10"/>
    </row>
    <row r="89799" spans="14:14">
      <c r="N89799" s="10"/>
    </row>
    <row r="89800" spans="14:14">
      <c r="N89800" s="10"/>
    </row>
    <row r="89801" spans="14:14">
      <c r="N89801" s="10"/>
    </row>
    <row r="89802" spans="14:14">
      <c r="N89802" s="10"/>
    </row>
    <row r="89803" spans="14:14">
      <c r="N89803" s="10"/>
    </row>
    <row r="89804" spans="14:14">
      <c r="N89804" s="10"/>
    </row>
    <row r="89805" spans="14:14">
      <c r="N89805" s="10"/>
    </row>
    <row r="89806" spans="14:14">
      <c r="N89806" s="10"/>
    </row>
    <row r="89807" spans="14:14">
      <c r="N89807" s="10"/>
    </row>
    <row r="89808" spans="14:14">
      <c r="N89808" s="10"/>
    </row>
    <row r="89809" spans="14:14">
      <c r="N89809" s="10"/>
    </row>
    <row r="89810" spans="14:14">
      <c r="N89810" s="10"/>
    </row>
    <row r="89811" spans="14:14">
      <c r="N89811" s="10"/>
    </row>
    <row r="89812" spans="14:14">
      <c r="N89812" s="10"/>
    </row>
    <row r="89813" spans="14:14">
      <c r="N89813" s="10"/>
    </row>
    <row r="89814" spans="14:14">
      <c r="N89814" s="10"/>
    </row>
    <row r="89815" spans="14:14">
      <c r="N89815" s="10"/>
    </row>
    <row r="89816" spans="14:14">
      <c r="N89816" s="10"/>
    </row>
    <row r="89817" spans="14:14">
      <c r="N89817" s="10"/>
    </row>
    <row r="89818" spans="14:14">
      <c r="N89818" s="10"/>
    </row>
    <row r="89819" spans="14:14">
      <c r="N89819" s="10"/>
    </row>
    <row r="89820" spans="14:14">
      <c r="N89820" s="10"/>
    </row>
    <row r="89821" spans="14:14">
      <c r="N89821" s="10"/>
    </row>
    <row r="89822" spans="14:14">
      <c r="N89822" s="10"/>
    </row>
    <row r="89823" spans="14:14">
      <c r="N89823" s="10"/>
    </row>
    <row r="89824" spans="14:14">
      <c r="N89824" s="10"/>
    </row>
    <row r="89825" spans="14:14">
      <c r="N89825" s="10"/>
    </row>
    <row r="89826" spans="14:14">
      <c r="N89826" s="10"/>
    </row>
    <row r="89827" spans="14:14">
      <c r="N89827" s="10"/>
    </row>
    <row r="89828" spans="14:14">
      <c r="N89828" s="10"/>
    </row>
    <row r="89829" spans="14:14">
      <c r="N89829" s="10"/>
    </row>
    <row r="89830" spans="14:14">
      <c r="N89830" s="10"/>
    </row>
    <row r="89831" spans="14:14">
      <c r="N89831" s="10"/>
    </row>
    <row r="89832" spans="14:14">
      <c r="N89832" s="10"/>
    </row>
    <row r="89833" spans="14:14">
      <c r="N89833" s="10"/>
    </row>
    <row r="89834" spans="14:14">
      <c r="N89834" s="10"/>
    </row>
    <row r="89835" spans="14:14">
      <c r="N89835" s="10"/>
    </row>
    <row r="89836" spans="14:14">
      <c r="N89836" s="10"/>
    </row>
    <row r="89837" spans="14:14">
      <c r="N89837" s="10"/>
    </row>
    <row r="89838" spans="14:14">
      <c r="N89838" s="10"/>
    </row>
    <row r="89839" spans="14:14">
      <c r="N89839" s="10"/>
    </row>
    <row r="89840" spans="14:14">
      <c r="N89840" s="10"/>
    </row>
    <row r="89841" spans="14:14">
      <c r="N89841" s="10"/>
    </row>
    <row r="89842" spans="14:14">
      <c r="N89842" s="10"/>
    </row>
    <row r="89843" spans="14:14">
      <c r="N89843" s="10"/>
    </row>
    <row r="89844" spans="14:14">
      <c r="N89844" s="10"/>
    </row>
    <row r="89845" spans="14:14">
      <c r="N89845" s="10"/>
    </row>
    <row r="89846" spans="14:14">
      <c r="N89846" s="10"/>
    </row>
    <row r="89847" spans="14:14">
      <c r="N89847" s="10"/>
    </row>
    <row r="89848" spans="14:14">
      <c r="N89848" s="10"/>
    </row>
    <row r="89849" spans="14:14">
      <c r="N89849" s="10"/>
    </row>
    <row r="89850" spans="14:14">
      <c r="N89850" s="10"/>
    </row>
    <row r="89851" spans="14:14">
      <c r="N89851" s="10"/>
    </row>
    <row r="89852" spans="14:14">
      <c r="N89852" s="10"/>
    </row>
    <row r="89853" spans="14:14">
      <c r="N89853" s="10"/>
    </row>
    <row r="89854" spans="14:14">
      <c r="N89854" s="10"/>
    </row>
    <row r="89855" spans="14:14">
      <c r="N89855" s="10"/>
    </row>
    <row r="89856" spans="14:14">
      <c r="N89856" s="10"/>
    </row>
    <row r="89857" spans="14:14">
      <c r="N89857" s="10"/>
    </row>
    <row r="89858" spans="14:14">
      <c r="N89858" s="10"/>
    </row>
    <row r="89859" spans="14:14">
      <c r="N89859" s="10"/>
    </row>
    <row r="89860" spans="14:14">
      <c r="N89860" s="10"/>
    </row>
    <row r="89861" spans="14:14">
      <c r="N89861" s="10"/>
    </row>
    <row r="89862" spans="14:14">
      <c r="N89862" s="10"/>
    </row>
    <row r="89863" spans="14:14">
      <c r="N89863" s="10"/>
    </row>
    <row r="89864" spans="14:14">
      <c r="N89864" s="10"/>
    </row>
    <row r="89865" spans="14:14">
      <c r="N89865" s="10"/>
    </row>
    <row r="89866" spans="14:14">
      <c r="N89866" s="10"/>
    </row>
    <row r="89867" spans="14:14">
      <c r="N89867" s="10"/>
    </row>
    <row r="89868" spans="14:14">
      <c r="N89868" s="10"/>
    </row>
    <row r="89869" spans="14:14">
      <c r="N89869" s="10"/>
    </row>
    <row r="89870" spans="14:14">
      <c r="N89870" s="10"/>
    </row>
    <row r="89871" spans="14:14">
      <c r="N89871" s="10"/>
    </row>
    <row r="89872" spans="14:14">
      <c r="N89872" s="10"/>
    </row>
    <row r="89873" spans="14:14">
      <c r="N89873" s="10"/>
    </row>
    <row r="89874" spans="14:14">
      <c r="N89874" s="10"/>
    </row>
    <row r="89875" spans="14:14">
      <c r="N89875" s="10"/>
    </row>
    <row r="89876" spans="14:14">
      <c r="N89876" s="10"/>
    </row>
    <row r="89877" spans="14:14">
      <c r="N89877" s="10"/>
    </row>
    <row r="89878" spans="14:14">
      <c r="N89878" s="10"/>
    </row>
    <row r="89879" spans="14:14">
      <c r="N89879" s="10"/>
    </row>
    <row r="89880" spans="14:14">
      <c r="N89880" s="10"/>
    </row>
    <row r="89881" spans="14:14">
      <c r="N89881" s="10"/>
    </row>
    <row r="89882" spans="14:14">
      <c r="N89882" s="10"/>
    </row>
    <row r="89883" spans="14:14">
      <c r="N89883" s="10"/>
    </row>
    <row r="89884" spans="14:14">
      <c r="N89884" s="10"/>
    </row>
    <row r="89885" spans="14:14">
      <c r="N89885" s="10"/>
    </row>
    <row r="89886" spans="14:14">
      <c r="N89886" s="10"/>
    </row>
    <row r="89887" spans="14:14">
      <c r="N89887" s="10"/>
    </row>
    <row r="89888" spans="14:14">
      <c r="N89888" s="10"/>
    </row>
    <row r="89889" spans="14:14">
      <c r="N89889" s="10"/>
    </row>
    <row r="89890" spans="14:14">
      <c r="N89890" s="10"/>
    </row>
    <row r="89891" spans="14:14">
      <c r="N89891" s="10"/>
    </row>
    <row r="89892" spans="14:14">
      <c r="N89892" s="10"/>
    </row>
    <row r="89893" spans="14:14">
      <c r="N89893" s="10"/>
    </row>
    <row r="89894" spans="14:14">
      <c r="N89894" s="10"/>
    </row>
    <row r="89895" spans="14:14">
      <c r="N89895" s="10"/>
    </row>
    <row r="89896" spans="14:14">
      <c r="N89896" s="10"/>
    </row>
    <row r="89897" spans="14:14">
      <c r="N89897" s="10"/>
    </row>
    <row r="89898" spans="14:14">
      <c r="N89898" s="10"/>
    </row>
    <row r="89899" spans="14:14">
      <c r="N89899" s="10"/>
    </row>
    <row r="89900" spans="14:14">
      <c r="N89900" s="10"/>
    </row>
    <row r="89901" spans="14:14">
      <c r="N89901" s="10"/>
    </row>
    <row r="89902" spans="14:14">
      <c r="N89902" s="10"/>
    </row>
    <row r="89903" spans="14:14">
      <c r="N89903" s="10"/>
    </row>
    <row r="89904" spans="14:14">
      <c r="N89904" s="10"/>
    </row>
    <row r="89905" spans="14:14">
      <c r="N89905" s="10"/>
    </row>
    <row r="89906" spans="14:14">
      <c r="N89906" s="10"/>
    </row>
    <row r="89907" spans="14:14">
      <c r="N89907" s="10"/>
    </row>
    <row r="89908" spans="14:14">
      <c r="N89908" s="10"/>
    </row>
    <row r="89909" spans="14:14">
      <c r="N89909" s="10"/>
    </row>
    <row r="89910" spans="14:14">
      <c r="N89910" s="10"/>
    </row>
    <row r="89911" spans="14:14">
      <c r="N89911" s="10"/>
    </row>
    <row r="89912" spans="14:14">
      <c r="N89912" s="10"/>
    </row>
    <row r="89913" spans="14:14">
      <c r="N89913" s="10"/>
    </row>
    <row r="89914" spans="14:14">
      <c r="N89914" s="10"/>
    </row>
    <row r="89915" spans="14:14">
      <c r="N89915" s="10"/>
    </row>
    <row r="89916" spans="14:14">
      <c r="N89916" s="10"/>
    </row>
    <row r="89917" spans="14:14">
      <c r="N89917" s="10"/>
    </row>
    <row r="89918" spans="14:14">
      <c r="N89918" s="10"/>
    </row>
    <row r="89919" spans="14:14">
      <c r="N89919" s="10"/>
    </row>
    <row r="89920" spans="14:14">
      <c r="N89920" s="10"/>
    </row>
    <row r="89921" spans="14:14">
      <c r="N89921" s="10"/>
    </row>
    <row r="89922" spans="14:14">
      <c r="N89922" s="10"/>
    </row>
    <row r="89923" spans="14:14">
      <c r="N89923" s="10"/>
    </row>
    <row r="89924" spans="14:14">
      <c r="N89924" s="10"/>
    </row>
    <row r="89925" spans="14:14">
      <c r="N89925" s="10"/>
    </row>
    <row r="89926" spans="14:14">
      <c r="N89926" s="10"/>
    </row>
    <row r="89927" spans="14:14">
      <c r="N89927" s="10"/>
    </row>
    <row r="89928" spans="14:14">
      <c r="N89928" s="10"/>
    </row>
    <row r="89929" spans="14:14">
      <c r="N89929" s="10"/>
    </row>
    <row r="89930" spans="14:14">
      <c r="N89930" s="10"/>
    </row>
    <row r="89931" spans="14:14">
      <c r="N89931" s="10"/>
    </row>
    <row r="89932" spans="14:14">
      <c r="N89932" s="10"/>
    </row>
    <row r="89933" spans="14:14">
      <c r="N89933" s="10"/>
    </row>
    <row r="89934" spans="14:14">
      <c r="N89934" s="10"/>
    </row>
    <row r="89935" spans="14:14">
      <c r="N89935" s="10"/>
    </row>
    <row r="89936" spans="14:14">
      <c r="N89936" s="10"/>
    </row>
    <row r="89937" spans="14:14">
      <c r="N89937" s="10"/>
    </row>
    <row r="89938" spans="14:14">
      <c r="N89938" s="10"/>
    </row>
    <row r="89939" spans="14:14">
      <c r="N89939" s="10"/>
    </row>
    <row r="89940" spans="14:14">
      <c r="N89940" s="10"/>
    </row>
    <row r="89941" spans="14:14">
      <c r="N89941" s="10"/>
    </row>
    <row r="89942" spans="14:14">
      <c r="N89942" s="10"/>
    </row>
    <row r="89943" spans="14:14">
      <c r="N89943" s="10"/>
    </row>
    <row r="89944" spans="14:14">
      <c r="N89944" s="10"/>
    </row>
    <row r="89945" spans="14:14">
      <c r="N89945" s="10"/>
    </row>
    <row r="89946" spans="14:14">
      <c r="N89946" s="10"/>
    </row>
    <row r="89947" spans="14:14">
      <c r="N89947" s="10"/>
    </row>
    <row r="89948" spans="14:14">
      <c r="N89948" s="10"/>
    </row>
    <row r="89949" spans="14:14">
      <c r="N89949" s="10"/>
    </row>
    <row r="89950" spans="14:14">
      <c r="N89950" s="10"/>
    </row>
    <row r="89951" spans="14:14">
      <c r="N89951" s="10"/>
    </row>
    <row r="89952" spans="14:14">
      <c r="N89952" s="10"/>
    </row>
    <row r="89953" spans="14:14">
      <c r="N89953" s="10"/>
    </row>
    <row r="89954" spans="14:14">
      <c r="N89954" s="10"/>
    </row>
    <row r="89955" spans="14:14">
      <c r="N89955" s="10"/>
    </row>
    <row r="89956" spans="14:14">
      <c r="N89956" s="10"/>
    </row>
    <row r="89957" spans="14:14">
      <c r="N89957" s="10"/>
    </row>
    <row r="89958" spans="14:14">
      <c r="N89958" s="10"/>
    </row>
    <row r="89959" spans="14:14">
      <c r="N89959" s="10"/>
    </row>
    <row r="89960" spans="14:14">
      <c r="N89960" s="10"/>
    </row>
    <row r="89961" spans="14:14">
      <c r="N89961" s="10"/>
    </row>
    <row r="89962" spans="14:14">
      <c r="N89962" s="10"/>
    </row>
    <row r="89963" spans="14:14">
      <c r="N89963" s="10"/>
    </row>
    <row r="89964" spans="14:14">
      <c r="N89964" s="10"/>
    </row>
    <row r="89965" spans="14:14">
      <c r="N89965" s="10"/>
    </row>
    <row r="89966" spans="14:14">
      <c r="N89966" s="10"/>
    </row>
    <row r="89967" spans="14:14">
      <c r="N89967" s="10"/>
    </row>
    <row r="89968" spans="14:14">
      <c r="N89968" s="10"/>
    </row>
    <row r="89969" spans="14:14">
      <c r="N89969" s="10"/>
    </row>
    <row r="89970" spans="14:14">
      <c r="N89970" s="10"/>
    </row>
    <row r="89971" spans="14:14">
      <c r="N89971" s="10"/>
    </row>
    <row r="89972" spans="14:14">
      <c r="N89972" s="10"/>
    </row>
    <row r="89973" spans="14:14">
      <c r="N89973" s="10"/>
    </row>
    <row r="89974" spans="14:14">
      <c r="N89974" s="10"/>
    </row>
    <row r="89975" spans="14:14">
      <c r="N89975" s="10"/>
    </row>
    <row r="89976" spans="14:14">
      <c r="N89976" s="10"/>
    </row>
    <row r="89977" spans="14:14">
      <c r="N89977" s="10"/>
    </row>
    <row r="89978" spans="14:14">
      <c r="N89978" s="10"/>
    </row>
    <row r="89979" spans="14:14">
      <c r="N89979" s="10"/>
    </row>
    <row r="89980" spans="14:14">
      <c r="N89980" s="10"/>
    </row>
    <row r="89981" spans="14:14">
      <c r="N89981" s="10"/>
    </row>
    <row r="89982" spans="14:14">
      <c r="N89982" s="10"/>
    </row>
    <row r="89983" spans="14:14">
      <c r="N89983" s="10"/>
    </row>
    <row r="89984" spans="14:14">
      <c r="N89984" s="10"/>
    </row>
    <row r="89985" spans="14:14">
      <c r="N89985" s="10"/>
    </row>
    <row r="89986" spans="14:14">
      <c r="N89986" s="10"/>
    </row>
    <row r="89987" spans="14:14">
      <c r="N89987" s="10"/>
    </row>
    <row r="89988" spans="14:14">
      <c r="N89988" s="10"/>
    </row>
    <row r="89989" spans="14:14">
      <c r="N89989" s="10"/>
    </row>
    <row r="89990" spans="14:14">
      <c r="N89990" s="10"/>
    </row>
    <row r="89991" spans="14:14">
      <c r="N89991" s="10"/>
    </row>
    <row r="89992" spans="14:14">
      <c r="N89992" s="10"/>
    </row>
    <row r="89993" spans="14:14">
      <c r="N89993" s="10"/>
    </row>
    <row r="89994" spans="14:14">
      <c r="N89994" s="10"/>
    </row>
    <row r="89995" spans="14:14">
      <c r="N89995" s="10"/>
    </row>
    <row r="89996" spans="14:14">
      <c r="N89996" s="10"/>
    </row>
    <row r="89997" spans="14:14">
      <c r="N89997" s="10"/>
    </row>
    <row r="89998" spans="14:14">
      <c r="N89998" s="10"/>
    </row>
    <row r="89999" spans="14:14">
      <c r="N89999" s="10"/>
    </row>
    <row r="90000" spans="14:14">
      <c r="N90000" s="10"/>
    </row>
    <row r="90001" spans="14:14">
      <c r="N90001" s="10"/>
    </row>
    <row r="90002" spans="14:14">
      <c r="N90002" s="10"/>
    </row>
    <row r="90003" spans="14:14">
      <c r="N90003" s="10"/>
    </row>
    <row r="90004" spans="14:14">
      <c r="N90004" s="10"/>
    </row>
    <row r="90005" spans="14:14">
      <c r="N90005" s="10"/>
    </row>
    <row r="90006" spans="14:14">
      <c r="N90006" s="10"/>
    </row>
    <row r="90007" spans="14:14">
      <c r="N90007" s="10"/>
    </row>
    <row r="90008" spans="14:14">
      <c r="N90008" s="10"/>
    </row>
    <row r="90009" spans="14:14">
      <c r="N90009" s="10"/>
    </row>
    <row r="90010" spans="14:14">
      <c r="N90010" s="10"/>
    </row>
    <row r="90011" spans="14:14">
      <c r="N90011" s="10"/>
    </row>
    <row r="90012" spans="14:14">
      <c r="N90012" s="10"/>
    </row>
    <row r="90013" spans="14:14">
      <c r="N90013" s="10"/>
    </row>
    <row r="90014" spans="14:14">
      <c r="N90014" s="10"/>
    </row>
    <row r="90015" spans="14:14">
      <c r="N90015" s="10"/>
    </row>
    <row r="90016" spans="14:14">
      <c r="N90016" s="10"/>
    </row>
    <row r="90017" spans="14:14">
      <c r="N90017" s="10"/>
    </row>
    <row r="90018" spans="14:14">
      <c r="N90018" s="10"/>
    </row>
    <row r="90019" spans="14:14">
      <c r="N90019" s="10"/>
    </row>
    <row r="90020" spans="14:14">
      <c r="N90020" s="10"/>
    </row>
    <row r="90021" spans="14:14">
      <c r="N90021" s="10"/>
    </row>
    <row r="90022" spans="14:14">
      <c r="N90022" s="10"/>
    </row>
    <row r="90023" spans="14:14">
      <c r="N90023" s="10"/>
    </row>
    <row r="90024" spans="14:14">
      <c r="N90024" s="10"/>
    </row>
    <row r="90025" spans="14:14">
      <c r="N90025" s="10"/>
    </row>
    <row r="90026" spans="14:14">
      <c r="N90026" s="10"/>
    </row>
    <row r="90027" spans="14:14">
      <c r="N90027" s="10"/>
    </row>
    <row r="90028" spans="14:14">
      <c r="N90028" s="10"/>
    </row>
    <row r="90029" spans="14:14">
      <c r="N90029" s="10"/>
    </row>
    <row r="90030" spans="14:14">
      <c r="N90030" s="10"/>
    </row>
    <row r="90031" spans="14:14">
      <c r="N90031" s="10"/>
    </row>
    <row r="90032" spans="14:14">
      <c r="N90032" s="10"/>
    </row>
    <row r="90033" spans="14:14">
      <c r="N90033" s="10"/>
    </row>
    <row r="90034" spans="14:14">
      <c r="N90034" s="10"/>
    </row>
    <row r="90035" spans="14:14">
      <c r="N90035" s="10"/>
    </row>
    <row r="90036" spans="14:14">
      <c r="N90036" s="10"/>
    </row>
    <row r="90037" spans="14:14">
      <c r="N90037" s="10"/>
    </row>
    <row r="90038" spans="14:14">
      <c r="N90038" s="10"/>
    </row>
    <row r="90039" spans="14:14">
      <c r="N90039" s="10"/>
    </row>
    <row r="90040" spans="14:14">
      <c r="N90040" s="10"/>
    </row>
    <row r="90041" spans="14:14">
      <c r="N90041" s="10"/>
    </row>
    <row r="90042" spans="14:14">
      <c r="N90042" s="10"/>
    </row>
    <row r="90043" spans="14:14">
      <c r="N90043" s="10"/>
    </row>
    <row r="90044" spans="14:14">
      <c r="N90044" s="10"/>
    </row>
    <row r="90045" spans="14:14">
      <c r="N90045" s="10"/>
    </row>
    <row r="90046" spans="14:14">
      <c r="N90046" s="10"/>
    </row>
    <row r="90047" spans="14:14">
      <c r="N90047" s="10"/>
    </row>
    <row r="90048" spans="14:14">
      <c r="N90048" s="10"/>
    </row>
    <row r="90049" spans="14:14">
      <c r="N90049" s="10"/>
    </row>
    <row r="90050" spans="14:14">
      <c r="N90050" s="10"/>
    </row>
    <row r="90051" spans="14:14">
      <c r="N90051" s="10"/>
    </row>
    <row r="90052" spans="14:14">
      <c r="N90052" s="10"/>
    </row>
    <row r="90053" spans="14:14">
      <c r="N90053" s="10"/>
    </row>
    <row r="90054" spans="14:14">
      <c r="N90054" s="10"/>
    </row>
    <row r="90055" spans="14:14">
      <c r="N90055" s="10"/>
    </row>
    <row r="90056" spans="14:14">
      <c r="N90056" s="10"/>
    </row>
    <row r="90057" spans="14:14">
      <c r="N90057" s="10"/>
    </row>
    <row r="90058" spans="14:14">
      <c r="N90058" s="10"/>
    </row>
    <row r="90059" spans="14:14">
      <c r="N90059" s="10"/>
    </row>
    <row r="90060" spans="14:14">
      <c r="N90060" s="10"/>
    </row>
    <row r="90061" spans="14:14">
      <c r="N90061" s="10"/>
    </row>
    <row r="90062" spans="14:14">
      <c r="N90062" s="10"/>
    </row>
    <row r="90063" spans="14:14">
      <c r="N90063" s="10"/>
    </row>
    <row r="90064" spans="14:14">
      <c r="N90064" s="10"/>
    </row>
    <row r="90065" spans="14:14">
      <c r="N90065" s="10"/>
    </row>
    <row r="90066" spans="14:14">
      <c r="N90066" s="10"/>
    </row>
    <row r="90067" spans="14:14">
      <c r="N90067" s="10"/>
    </row>
    <row r="90068" spans="14:14">
      <c r="N90068" s="10"/>
    </row>
    <row r="90069" spans="14:14">
      <c r="N90069" s="10"/>
    </row>
    <row r="90070" spans="14:14">
      <c r="N90070" s="10"/>
    </row>
    <row r="90071" spans="14:14">
      <c r="N90071" s="10"/>
    </row>
    <row r="90072" spans="14:14">
      <c r="N90072" s="10"/>
    </row>
    <row r="90073" spans="14:14">
      <c r="N90073" s="10"/>
    </row>
    <row r="90074" spans="14:14">
      <c r="N90074" s="10"/>
    </row>
    <row r="90075" spans="14:14">
      <c r="N90075" s="10"/>
    </row>
    <row r="90076" spans="14:14">
      <c r="N90076" s="10"/>
    </row>
    <row r="90077" spans="14:14">
      <c r="N90077" s="10"/>
    </row>
    <row r="90078" spans="14:14">
      <c r="N90078" s="10"/>
    </row>
    <row r="90079" spans="14:14">
      <c r="N90079" s="10"/>
    </row>
    <row r="90080" spans="14:14">
      <c r="N90080" s="10"/>
    </row>
    <row r="90081" spans="14:14">
      <c r="N90081" s="10"/>
    </row>
    <row r="90082" spans="14:14">
      <c r="N90082" s="10"/>
    </row>
    <row r="90083" spans="14:14">
      <c r="N90083" s="10"/>
    </row>
    <row r="90084" spans="14:14">
      <c r="N90084" s="10"/>
    </row>
    <row r="90085" spans="14:14">
      <c r="N90085" s="10"/>
    </row>
    <row r="90086" spans="14:14">
      <c r="N90086" s="10"/>
    </row>
    <row r="90087" spans="14:14">
      <c r="N90087" s="10"/>
    </row>
    <row r="90088" spans="14:14">
      <c r="N90088" s="10"/>
    </row>
    <row r="90089" spans="14:14">
      <c r="N90089" s="10"/>
    </row>
    <row r="90090" spans="14:14">
      <c r="N90090" s="10"/>
    </row>
    <row r="90091" spans="14:14">
      <c r="N90091" s="10"/>
    </row>
    <row r="90092" spans="14:14">
      <c r="N90092" s="10"/>
    </row>
    <row r="90093" spans="14:14">
      <c r="N90093" s="10"/>
    </row>
    <row r="90094" spans="14:14">
      <c r="N90094" s="10"/>
    </row>
    <row r="90095" spans="14:14">
      <c r="N90095" s="10"/>
    </row>
    <row r="90096" spans="14:14">
      <c r="N90096" s="10"/>
    </row>
    <row r="90097" spans="14:14">
      <c r="N90097" s="10"/>
    </row>
    <row r="90098" spans="14:14">
      <c r="N90098" s="10"/>
    </row>
    <row r="90099" spans="14:14">
      <c r="N90099" s="10"/>
    </row>
    <row r="90100" spans="14:14">
      <c r="N90100" s="10"/>
    </row>
    <row r="90101" spans="14:14">
      <c r="N90101" s="10"/>
    </row>
    <row r="90102" spans="14:14">
      <c r="N90102" s="10"/>
    </row>
    <row r="90103" spans="14:14">
      <c r="N90103" s="10"/>
    </row>
    <row r="90104" spans="14:14">
      <c r="N90104" s="10"/>
    </row>
    <row r="90105" spans="14:14">
      <c r="N90105" s="10"/>
    </row>
    <row r="90106" spans="14:14">
      <c r="N90106" s="10"/>
    </row>
    <row r="90107" spans="14:14">
      <c r="N90107" s="10"/>
    </row>
    <row r="90108" spans="14:14">
      <c r="N90108" s="10"/>
    </row>
    <row r="90109" spans="14:14">
      <c r="N90109" s="10"/>
    </row>
    <row r="90110" spans="14:14">
      <c r="N90110" s="10"/>
    </row>
    <row r="90111" spans="14:14">
      <c r="N90111" s="10"/>
    </row>
    <row r="90112" spans="14:14">
      <c r="N90112" s="10"/>
    </row>
    <row r="90113" spans="14:14">
      <c r="N90113" s="10"/>
    </row>
    <row r="90114" spans="14:14">
      <c r="N90114" s="10"/>
    </row>
    <row r="90115" spans="14:14">
      <c r="N90115" s="10"/>
    </row>
    <row r="90116" spans="14:14">
      <c r="N90116" s="10"/>
    </row>
    <row r="90117" spans="14:14">
      <c r="N90117" s="10"/>
    </row>
    <row r="90118" spans="14:14">
      <c r="N90118" s="10"/>
    </row>
    <row r="90119" spans="14:14">
      <c r="N90119" s="10"/>
    </row>
    <row r="90120" spans="14:14">
      <c r="N90120" s="10"/>
    </row>
    <row r="90121" spans="14:14">
      <c r="N90121" s="10"/>
    </row>
    <row r="90122" spans="14:14">
      <c r="N90122" s="10"/>
    </row>
    <row r="90123" spans="14:14">
      <c r="N90123" s="10"/>
    </row>
    <row r="90124" spans="14:14">
      <c r="N90124" s="10"/>
    </row>
    <row r="90125" spans="14:14">
      <c r="N90125" s="10"/>
    </row>
    <row r="90126" spans="14:14">
      <c r="N90126" s="10"/>
    </row>
    <row r="90127" spans="14:14">
      <c r="N90127" s="10"/>
    </row>
    <row r="90128" spans="14:14">
      <c r="N90128" s="10"/>
    </row>
    <row r="90129" spans="14:14">
      <c r="N90129" s="10"/>
    </row>
    <row r="90130" spans="14:14">
      <c r="N90130" s="10"/>
    </row>
    <row r="90131" spans="14:14">
      <c r="N90131" s="10"/>
    </row>
    <row r="90132" spans="14:14">
      <c r="N90132" s="10"/>
    </row>
    <row r="90133" spans="14:14">
      <c r="N90133" s="10"/>
    </row>
    <row r="90134" spans="14:14">
      <c r="N90134" s="10"/>
    </row>
    <row r="90135" spans="14:14">
      <c r="N90135" s="10"/>
    </row>
    <row r="90136" spans="14:14">
      <c r="N90136" s="10"/>
    </row>
    <row r="90137" spans="14:14">
      <c r="N90137" s="10"/>
    </row>
    <row r="90138" spans="14:14">
      <c r="N90138" s="10"/>
    </row>
    <row r="90139" spans="14:14">
      <c r="N90139" s="10"/>
    </row>
    <row r="90140" spans="14:14">
      <c r="N90140" s="10"/>
    </row>
    <row r="90141" spans="14:14">
      <c r="N90141" s="10"/>
    </row>
    <row r="90142" spans="14:14">
      <c r="N90142" s="10"/>
    </row>
    <row r="90143" spans="14:14">
      <c r="N90143" s="10"/>
    </row>
    <row r="90144" spans="14:14">
      <c r="N90144" s="10"/>
    </row>
    <row r="90145" spans="14:14">
      <c r="N90145" s="10"/>
    </row>
    <row r="90146" spans="14:14">
      <c r="N90146" s="10"/>
    </row>
    <row r="90147" spans="14:14">
      <c r="N90147" s="10"/>
    </row>
    <row r="90148" spans="14:14">
      <c r="N90148" s="10"/>
    </row>
    <row r="90149" spans="14:14">
      <c r="N90149" s="10"/>
    </row>
    <row r="90150" spans="14:14">
      <c r="N90150" s="10"/>
    </row>
    <row r="90151" spans="14:14">
      <c r="N90151" s="10"/>
    </row>
    <row r="90152" spans="14:14">
      <c r="N90152" s="10"/>
    </row>
    <row r="90153" spans="14:14">
      <c r="N90153" s="10"/>
    </row>
    <row r="90154" spans="14:14">
      <c r="N90154" s="10"/>
    </row>
    <row r="90155" spans="14:14">
      <c r="N90155" s="10"/>
    </row>
    <row r="90156" spans="14:14">
      <c r="N90156" s="10"/>
    </row>
    <row r="90157" spans="14:14">
      <c r="N90157" s="10"/>
    </row>
    <row r="90158" spans="14:14">
      <c r="N90158" s="10"/>
    </row>
    <row r="90159" spans="14:14">
      <c r="N90159" s="10"/>
    </row>
    <row r="90160" spans="14:14">
      <c r="N90160" s="10"/>
    </row>
    <row r="90161" spans="14:14">
      <c r="N90161" s="10"/>
    </row>
    <row r="90162" spans="14:14">
      <c r="N90162" s="10"/>
    </row>
    <row r="90163" spans="14:14">
      <c r="N90163" s="10"/>
    </row>
    <row r="90164" spans="14:14">
      <c r="N90164" s="10"/>
    </row>
    <row r="90165" spans="14:14">
      <c r="N90165" s="10"/>
    </row>
    <row r="90166" spans="14:14">
      <c r="N90166" s="10"/>
    </row>
    <row r="90167" spans="14:14">
      <c r="N90167" s="10"/>
    </row>
    <row r="90168" spans="14:14">
      <c r="N90168" s="10"/>
    </row>
    <row r="90169" spans="14:14">
      <c r="N90169" s="10"/>
    </row>
    <row r="90170" spans="14:14">
      <c r="N90170" s="10"/>
    </row>
    <row r="90171" spans="14:14">
      <c r="N90171" s="10"/>
    </row>
    <row r="90172" spans="14:14">
      <c r="N90172" s="10"/>
    </row>
    <row r="90173" spans="14:14">
      <c r="N90173" s="10"/>
    </row>
    <row r="90174" spans="14:14">
      <c r="N90174" s="10"/>
    </row>
    <row r="90175" spans="14:14">
      <c r="N90175" s="10"/>
    </row>
    <row r="90176" spans="14:14">
      <c r="N90176" s="10"/>
    </row>
    <row r="90177" spans="14:14">
      <c r="N90177" s="10"/>
    </row>
    <row r="90178" spans="14:14">
      <c r="N90178" s="10"/>
    </row>
    <row r="90179" spans="14:14">
      <c r="N90179" s="10"/>
    </row>
    <row r="90180" spans="14:14">
      <c r="N90180" s="10"/>
    </row>
    <row r="90181" spans="14:14">
      <c r="N90181" s="10"/>
    </row>
    <row r="90182" spans="14:14">
      <c r="N90182" s="10"/>
    </row>
    <row r="90183" spans="14:14">
      <c r="N90183" s="10"/>
    </row>
    <row r="90184" spans="14:14">
      <c r="N90184" s="10"/>
    </row>
    <row r="90185" spans="14:14">
      <c r="N90185" s="10"/>
    </row>
    <row r="90186" spans="14:14">
      <c r="N90186" s="10"/>
    </row>
    <row r="90187" spans="14:14">
      <c r="N90187" s="10"/>
    </row>
    <row r="90188" spans="14:14">
      <c r="N90188" s="10"/>
    </row>
    <row r="90189" spans="14:14">
      <c r="N90189" s="10"/>
    </row>
    <row r="90190" spans="14:14">
      <c r="N90190" s="10"/>
    </row>
    <row r="90191" spans="14:14">
      <c r="N90191" s="10"/>
    </row>
    <row r="90192" spans="14:14">
      <c r="N90192" s="10"/>
    </row>
    <row r="90193" spans="14:14">
      <c r="N90193" s="10"/>
    </row>
    <row r="90194" spans="14:14">
      <c r="N90194" s="10"/>
    </row>
    <row r="90195" spans="14:14">
      <c r="N90195" s="10"/>
    </row>
    <row r="90196" spans="14:14">
      <c r="N90196" s="10"/>
    </row>
    <row r="90197" spans="14:14">
      <c r="N90197" s="10"/>
    </row>
    <row r="90198" spans="14:14">
      <c r="N90198" s="10"/>
    </row>
    <row r="90199" spans="14:14">
      <c r="N90199" s="10"/>
    </row>
    <row r="90200" spans="14:14">
      <c r="N90200" s="10"/>
    </row>
    <row r="90201" spans="14:14">
      <c r="N90201" s="10"/>
    </row>
    <row r="90202" spans="14:14">
      <c r="N90202" s="10"/>
    </row>
    <row r="90203" spans="14:14">
      <c r="N90203" s="10"/>
    </row>
    <row r="90204" spans="14:14">
      <c r="N90204" s="10"/>
    </row>
    <row r="90205" spans="14:14">
      <c r="N90205" s="10"/>
    </row>
    <row r="90206" spans="14:14">
      <c r="N90206" s="10"/>
    </row>
    <row r="90207" spans="14:14">
      <c r="N90207" s="10"/>
    </row>
    <row r="90208" spans="14:14">
      <c r="N90208" s="10"/>
    </row>
    <row r="90209" spans="14:14">
      <c r="N90209" s="10"/>
    </row>
    <row r="90210" spans="14:14">
      <c r="N90210" s="10"/>
    </row>
    <row r="90211" spans="14:14">
      <c r="N90211" s="10"/>
    </row>
    <row r="90212" spans="14:14">
      <c r="N90212" s="10"/>
    </row>
    <row r="90213" spans="14:14">
      <c r="N90213" s="10"/>
    </row>
    <row r="90214" spans="14:14">
      <c r="N90214" s="10"/>
    </row>
    <row r="90215" spans="14:14">
      <c r="N90215" s="10"/>
    </row>
    <row r="90216" spans="14:14">
      <c r="N90216" s="10"/>
    </row>
    <row r="90217" spans="14:14">
      <c r="N90217" s="10"/>
    </row>
    <row r="90218" spans="14:14">
      <c r="N90218" s="10"/>
    </row>
    <row r="90219" spans="14:14">
      <c r="N90219" s="10"/>
    </row>
    <row r="90220" spans="14:14">
      <c r="N90220" s="10"/>
    </row>
    <row r="90221" spans="14:14">
      <c r="N90221" s="10"/>
    </row>
    <row r="90222" spans="14:14">
      <c r="N90222" s="10"/>
    </row>
    <row r="90223" spans="14:14">
      <c r="N90223" s="10"/>
    </row>
    <row r="90224" spans="14:14">
      <c r="N90224" s="10"/>
    </row>
    <row r="90225" spans="14:14">
      <c r="N90225" s="10"/>
    </row>
    <row r="90226" spans="14:14">
      <c r="N90226" s="10"/>
    </row>
    <row r="90227" spans="14:14">
      <c r="N90227" s="10"/>
    </row>
    <row r="90228" spans="14:14">
      <c r="N90228" s="10"/>
    </row>
    <row r="90229" spans="14:14">
      <c r="N90229" s="10"/>
    </row>
    <row r="90230" spans="14:14">
      <c r="N90230" s="10"/>
    </row>
    <row r="90231" spans="14:14">
      <c r="N90231" s="10"/>
    </row>
    <row r="90232" spans="14:14">
      <c r="N90232" s="10"/>
    </row>
    <row r="90233" spans="14:14">
      <c r="N90233" s="10"/>
    </row>
    <row r="90234" spans="14:14">
      <c r="N90234" s="10"/>
    </row>
    <row r="90235" spans="14:14">
      <c r="N90235" s="10"/>
    </row>
    <row r="90236" spans="14:14">
      <c r="N90236" s="10"/>
    </row>
    <row r="90237" spans="14:14">
      <c r="N90237" s="10"/>
    </row>
    <row r="90238" spans="14:14">
      <c r="N90238" s="10"/>
    </row>
    <row r="90239" spans="14:14">
      <c r="N90239" s="10"/>
    </row>
    <row r="90240" spans="14:14">
      <c r="N90240" s="10"/>
    </row>
    <row r="90241" spans="14:14">
      <c r="N90241" s="10"/>
    </row>
    <row r="90242" spans="14:14">
      <c r="N90242" s="10"/>
    </row>
    <row r="90243" spans="14:14">
      <c r="N90243" s="10"/>
    </row>
    <row r="90244" spans="14:14">
      <c r="N90244" s="10"/>
    </row>
    <row r="90245" spans="14:14">
      <c r="N90245" s="10"/>
    </row>
    <row r="90246" spans="14:14">
      <c r="N90246" s="10"/>
    </row>
    <row r="90247" spans="14:14">
      <c r="N90247" s="10"/>
    </row>
    <row r="90248" spans="14:14">
      <c r="N90248" s="10"/>
    </row>
    <row r="90249" spans="14:14">
      <c r="N90249" s="10"/>
    </row>
    <row r="90250" spans="14:14">
      <c r="N90250" s="10"/>
    </row>
    <row r="90251" spans="14:14">
      <c r="N90251" s="10"/>
    </row>
    <row r="90252" spans="14:14">
      <c r="N90252" s="10"/>
    </row>
    <row r="90253" spans="14:14">
      <c r="N90253" s="10"/>
    </row>
    <row r="90254" spans="14:14">
      <c r="N90254" s="10"/>
    </row>
    <row r="90255" spans="14:14">
      <c r="N90255" s="10"/>
    </row>
    <row r="90256" spans="14:14">
      <c r="N90256" s="10"/>
    </row>
    <row r="90257" spans="14:14">
      <c r="N90257" s="10"/>
    </row>
    <row r="90258" spans="14:14">
      <c r="N90258" s="10"/>
    </row>
    <row r="90259" spans="14:14">
      <c r="N90259" s="10"/>
    </row>
    <row r="90260" spans="14:14">
      <c r="N90260" s="10"/>
    </row>
    <row r="90261" spans="14:14">
      <c r="N90261" s="10"/>
    </row>
    <row r="90262" spans="14:14">
      <c r="N90262" s="10"/>
    </row>
    <row r="90263" spans="14:14">
      <c r="N90263" s="10"/>
    </row>
    <row r="90264" spans="14:14">
      <c r="N90264" s="10"/>
    </row>
    <row r="90265" spans="14:14">
      <c r="N90265" s="10"/>
    </row>
    <row r="90266" spans="14:14">
      <c r="N90266" s="10"/>
    </row>
    <row r="90267" spans="14:14">
      <c r="N90267" s="10"/>
    </row>
    <row r="90268" spans="14:14">
      <c r="N90268" s="10"/>
    </row>
    <row r="90269" spans="14:14">
      <c r="N90269" s="10"/>
    </row>
    <row r="90270" spans="14:14">
      <c r="N90270" s="10"/>
    </row>
    <row r="90271" spans="14:14">
      <c r="N90271" s="10"/>
    </row>
    <row r="90272" spans="14:14">
      <c r="N90272" s="10"/>
    </row>
    <row r="90273" spans="14:14">
      <c r="N90273" s="10"/>
    </row>
    <row r="90274" spans="14:14">
      <c r="N90274" s="10"/>
    </row>
    <row r="90275" spans="14:14">
      <c r="N90275" s="10"/>
    </row>
    <row r="90276" spans="14:14">
      <c r="N90276" s="10"/>
    </row>
    <row r="90277" spans="14:14">
      <c r="N90277" s="10"/>
    </row>
    <row r="90278" spans="14:14">
      <c r="N90278" s="10"/>
    </row>
    <row r="90279" spans="14:14">
      <c r="N90279" s="10"/>
    </row>
    <row r="90280" spans="14:14">
      <c r="N90280" s="10"/>
    </row>
    <row r="90281" spans="14:14">
      <c r="N90281" s="10"/>
    </row>
    <row r="90282" spans="14:14">
      <c r="N90282" s="10"/>
    </row>
    <row r="90283" spans="14:14">
      <c r="N90283" s="10"/>
    </row>
    <row r="90284" spans="14:14">
      <c r="N90284" s="10"/>
    </row>
    <row r="90285" spans="14:14">
      <c r="N90285" s="10"/>
    </row>
    <row r="90286" spans="14:14">
      <c r="N90286" s="10"/>
    </row>
    <row r="90287" spans="14:14">
      <c r="N90287" s="10"/>
    </row>
    <row r="90288" spans="14:14">
      <c r="N90288" s="10"/>
    </row>
    <row r="90289" spans="14:14">
      <c r="N90289" s="10"/>
    </row>
    <row r="90290" spans="14:14">
      <c r="N90290" s="10"/>
    </row>
    <row r="90291" spans="14:14">
      <c r="N90291" s="10"/>
    </row>
    <row r="90292" spans="14:14">
      <c r="N90292" s="10"/>
    </row>
    <row r="90293" spans="14:14">
      <c r="N90293" s="10"/>
    </row>
    <row r="90294" spans="14:14">
      <c r="N90294" s="10"/>
    </row>
    <row r="90295" spans="14:14">
      <c r="N90295" s="10"/>
    </row>
    <row r="90296" spans="14:14">
      <c r="N90296" s="10"/>
    </row>
    <row r="90297" spans="14:14">
      <c r="N90297" s="10"/>
    </row>
    <row r="90298" spans="14:14">
      <c r="N90298" s="10"/>
    </row>
    <row r="90299" spans="14:14">
      <c r="N90299" s="10"/>
    </row>
    <row r="90300" spans="14:14">
      <c r="N90300" s="10"/>
    </row>
    <row r="90301" spans="14:14">
      <c r="N90301" s="10"/>
    </row>
    <row r="90302" spans="14:14">
      <c r="N90302" s="10"/>
    </row>
    <row r="90303" spans="14:14">
      <c r="N90303" s="10"/>
    </row>
    <row r="90304" spans="14:14">
      <c r="N90304" s="10"/>
    </row>
    <row r="90305" spans="14:14">
      <c r="N90305" s="10"/>
    </row>
    <row r="90306" spans="14:14">
      <c r="N90306" s="10"/>
    </row>
    <row r="90307" spans="14:14">
      <c r="N90307" s="10"/>
    </row>
    <row r="90308" spans="14:14">
      <c r="N90308" s="10"/>
    </row>
    <row r="90309" spans="14:14">
      <c r="N90309" s="10"/>
    </row>
    <row r="90310" spans="14:14">
      <c r="N90310" s="10"/>
    </row>
    <row r="90311" spans="14:14">
      <c r="N90311" s="10"/>
    </row>
    <row r="90312" spans="14:14">
      <c r="N90312" s="10"/>
    </row>
    <row r="90313" spans="14:14">
      <c r="N90313" s="10"/>
    </row>
    <row r="90314" spans="14:14">
      <c r="N90314" s="10"/>
    </row>
    <row r="90315" spans="14:14">
      <c r="N90315" s="10"/>
    </row>
    <row r="90316" spans="14:14">
      <c r="N90316" s="10"/>
    </row>
    <row r="90317" spans="14:14">
      <c r="N90317" s="10"/>
    </row>
    <row r="90318" spans="14:14">
      <c r="N90318" s="10"/>
    </row>
    <row r="90319" spans="14:14">
      <c r="N90319" s="10"/>
    </row>
    <row r="90320" spans="14:14">
      <c r="N90320" s="10"/>
    </row>
    <row r="90321" spans="14:14">
      <c r="N90321" s="10"/>
    </row>
    <row r="90322" spans="14:14">
      <c r="N90322" s="10"/>
    </row>
    <row r="90323" spans="14:14">
      <c r="N90323" s="10"/>
    </row>
    <row r="90324" spans="14:14">
      <c r="N90324" s="10"/>
    </row>
    <row r="90325" spans="14:14">
      <c r="N90325" s="10"/>
    </row>
    <row r="90326" spans="14:14">
      <c r="N90326" s="10"/>
    </row>
    <row r="90327" spans="14:14">
      <c r="N90327" s="10"/>
    </row>
    <row r="90328" spans="14:14">
      <c r="N90328" s="10"/>
    </row>
    <row r="90329" spans="14:14">
      <c r="N90329" s="10"/>
    </row>
    <row r="90330" spans="14:14">
      <c r="N90330" s="10"/>
    </row>
    <row r="90331" spans="14:14">
      <c r="N90331" s="10"/>
    </row>
    <row r="90332" spans="14:14">
      <c r="N90332" s="10"/>
    </row>
    <row r="90333" spans="14:14">
      <c r="N90333" s="10"/>
    </row>
    <row r="90334" spans="14:14">
      <c r="N90334" s="10"/>
    </row>
    <row r="90335" spans="14:14">
      <c r="N90335" s="10"/>
    </row>
    <row r="90336" spans="14:14">
      <c r="N90336" s="10"/>
    </row>
    <row r="90337" spans="14:14">
      <c r="N90337" s="10"/>
    </row>
    <row r="90338" spans="14:14">
      <c r="N90338" s="10"/>
    </row>
    <row r="90339" spans="14:14">
      <c r="N90339" s="10"/>
    </row>
    <row r="90340" spans="14:14">
      <c r="N90340" s="10"/>
    </row>
    <row r="90341" spans="14:14">
      <c r="N90341" s="10"/>
    </row>
    <row r="90342" spans="14:14">
      <c r="N90342" s="10"/>
    </row>
    <row r="90343" spans="14:14">
      <c r="N90343" s="10"/>
    </row>
    <row r="90344" spans="14:14">
      <c r="N90344" s="10"/>
    </row>
    <row r="90345" spans="14:14">
      <c r="N90345" s="10"/>
    </row>
    <row r="90346" spans="14:14">
      <c r="N90346" s="10"/>
    </row>
    <row r="90347" spans="14:14">
      <c r="N90347" s="10"/>
    </row>
    <row r="90348" spans="14:14">
      <c r="N90348" s="10"/>
    </row>
    <row r="90349" spans="14:14">
      <c r="N90349" s="10"/>
    </row>
    <row r="90350" spans="14:14">
      <c r="N90350" s="10"/>
    </row>
    <row r="90351" spans="14:14">
      <c r="N90351" s="10"/>
    </row>
    <row r="90352" spans="14:14">
      <c r="N90352" s="10"/>
    </row>
    <row r="90353" spans="14:14">
      <c r="N90353" s="10"/>
    </row>
    <row r="90354" spans="14:14">
      <c r="N90354" s="10"/>
    </row>
    <row r="90355" spans="14:14">
      <c r="N90355" s="10"/>
    </row>
    <row r="90356" spans="14:14">
      <c r="N90356" s="10"/>
    </row>
    <row r="90357" spans="14:14">
      <c r="N90357" s="10"/>
    </row>
    <row r="90358" spans="14:14">
      <c r="N90358" s="10"/>
    </row>
    <row r="90359" spans="14:14">
      <c r="N90359" s="10"/>
    </row>
    <row r="90360" spans="14:14">
      <c r="N90360" s="10"/>
    </row>
    <row r="90361" spans="14:14">
      <c r="N90361" s="10"/>
    </row>
    <row r="90362" spans="14:14">
      <c r="N90362" s="10"/>
    </row>
    <row r="90363" spans="14:14">
      <c r="N90363" s="10"/>
    </row>
    <row r="90364" spans="14:14">
      <c r="N90364" s="10"/>
    </row>
    <row r="90365" spans="14:14">
      <c r="N90365" s="10"/>
    </row>
    <row r="90366" spans="14:14">
      <c r="N90366" s="10"/>
    </row>
    <row r="90367" spans="14:14">
      <c r="N90367" s="10"/>
    </row>
    <row r="90368" spans="14:14">
      <c r="N90368" s="10"/>
    </row>
    <row r="90369" spans="14:14">
      <c r="N90369" s="10"/>
    </row>
    <row r="90370" spans="14:14">
      <c r="N90370" s="10"/>
    </row>
    <row r="90371" spans="14:14">
      <c r="N90371" s="10"/>
    </row>
    <row r="90372" spans="14:14">
      <c r="N90372" s="10"/>
    </row>
    <row r="90373" spans="14:14">
      <c r="N90373" s="10"/>
    </row>
    <row r="90374" spans="14:14">
      <c r="N90374" s="10"/>
    </row>
    <row r="90375" spans="14:14">
      <c r="N90375" s="10"/>
    </row>
    <row r="90376" spans="14:14">
      <c r="N90376" s="10"/>
    </row>
    <row r="90377" spans="14:14">
      <c r="N90377" s="10"/>
    </row>
    <row r="90378" spans="14:14">
      <c r="N90378" s="10"/>
    </row>
    <row r="90379" spans="14:14">
      <c r="N90379" s="10"/>
    </row>
    <row r="90380" spans="14:14">
      <c r="N90380" s="10"/>
    </row>
    <row r="90381" spans="14:14">
      <c r="N90381" s="10"/>
    </row>
    <row r="90382" spans="14:14">
      <c r="N90382" s="10"/>
    </row>
    <row r="90383" spans="14:14">
      <c r="N90383" s="10"/>
    </row>
    <row r="90384" spans="14:14">
      <c r="N90384" s="10"/>
    </row>
    <row r="90385" spans="14:14">
      <c r="N90385" s="10"/>
    </row>
    <row r="90386" spans="14:14">
      <c r="N90386" s="10"/>
    </row>
    <row r="90387" spans="14:14">
      <c r="N90387" s="10"/>
    </row>
    <row r="90388" spans="14:14">
      <c r="N90388" s="10"/>
    </row>
    <row r="90389" spans="14:14">
      <c r="N90389" s="10"/>
    </row>
    <row r="90390" spans="14:14">
      <c r="N90390" s="10"/>
    </row>
    <row r="90391" spans="14:14">
      <c r="N90391" s="10"/>
    </row>
    <row r="90392" spans="14:14">
      <c r="N90392" s="10"/>
    </row>
    <row r="90393" spans="14:14">
      <c r="N90393" s="10"/>
    </row>
    <row r="90394" spans="14:14">
      <c r="N90394" s="10"/>
    </row>
    <row r="90395" spans="14:14">
      <c r="N90395" s="10"/>
    </row>
    <row r="90396" spans="14:14">
      <c r="N90396" s="10"/>
    </row>
    <row r="90397" spans="14:14">
      <c r="N90397" s="10"/>
    </row>
    <row r="90398" spans="14:14">
      <c r="N90398" s="10"/>
    </row>
    <row r="90399" spans="14:14">
      <c r="N90399" s="10"/>
    </row>
    <row r="90400" spans="14:14">
      <c r="N90400" s="10"/>
    </row>
    <row r="90401" spans="14:14">
      <c r="N90401" s="10"/>
    </row>
    <row r="90402" spans="14:14">
      <c r="N90402" s="10"/>
    </row>
    <row r="90403" spans="14:14">
      <c r="N90403" s="10"/>
    </row>
    <row r="90404" spans="14:14">
      <c r="N90404" s="10"/>
    </row>
    <row r="90405" spans="14:14">
      <c r="N90405" s="10"/>
    </row>
    <row r="90406" spans="14:14">
      <c r="N90406" s="10"/>
    </row>
    <row r="90407" spans="14:14">
      <c r="N90407" s="10"/>
    </row>
    <row r="90408" spans="14:14">
      <c r="N90408" s="10"/>
    </row>
    <row r="90409" spans="14:14">
      <c r="N90409" s="10"/>
    </row>
    <row r="90410" spans="14:14">
      <c r="N90410" s="10"/>
    </row>
    <row r="90411" spans="14:14">
      <c r="N90411" s="10"/>
    </row>
    <row r="90412" spans="14:14">
      <c r="N90412" s="10"/>
    </row>
    <row r="90413" spans="14:14">
      <c r="N90413" s="10"/>
    </row>
    <row r="90414" spans="14:14">
      <c r="N90414" s="10"/>
    </row>
    <row r="90415" spans="14:14">
      <c r="N90415" s="10"/>
    </row>
    <row r="90416" spans="14:14">
      <c r="N90416" s="10"/>
    </row>
    <row r="90417" spans="14:14">
      <c r="N90417" s="10"/>
    </row>
    <row r="90418" spans="14:14">
      <c r="N90418" s="10"/>
    </row>
    <row r="90419" spans="14:14">
      <c r="N90419" s="10"/>
    </row>
    <row r="90420" spans="14:14">
      <c r="N90420" s="10"/>
    </row>
    <row r="90421" spans="14:14">
      <c r="N90421" s="10"/>
    </row>
    <row r="90422" spans="14:14">
      <c r="N90422" s="10"/>
    </row>
    <row r="90423" spans="14:14">
      <c r="N90423" s="10"/>
    </row>
    <row r="90424" spans="14:14">
      <c r="N90424" s="10"/>
    </row>
    <row r="90425" spans="14:14">
      <c r="N90425" s="10"/>
    </row>
    <row r="90426" spans="14:14">
      <c r="N90426" s="10"/>
    </row>
    <row r="90427" spans="14:14">
      <c r="N90427" s="10"/>
    </row>
    <row r="90428" spans="14:14">
      <c r="N90428" s="10"/>
    </row>
    <row r="90429" spans="14:14">
      <c r="N90429" s="10"/>
    </row>
    <row r="90430" spans="14:14">
      <c r="N90430" s="10"/>
    </row>
    <row r="90431" spans="14:14">
      <c r="N90431" s="10"/>
    </row>
    <row r="90432" spans="14:14">
      <c r="N90432" s="10"/>
    </row>
    <row r="90433" spans="14:14">
      <c r="N90433" s="10"/>
    </row>
    <row r="90434" spans="14:14">
      <c r="N90434" s="10"/>
    </row>
    <row r="90435" spans="14:14">
      <c r="N90435" s="10"/>
    </row>
    <row r="90436" spans="14:14">
      <c r="N90436" s="10"/>
    </row>
    <row r="90437" spans="14:14">
      <c r="N90437" s="10"/>
    </row>
    <row r="90438" spans="14:14">
      <c r="N90438" s="10"/>
    </row>
    <row r="90439" spans="14:14">
      <c r="N90439" s="10"/>
    </row>
    <row r="90440" spans="14:14">
      <c r="N90440" s="10"/>
    </row>
    <row r="90441" spans="14:14">
      <c r="N90441" s="10"/>
    </row>
    <row r="90442" spans="14:14">
      <c r="N90442" s="10"/>
    </row>
    <row r="90443" spans="14:14">
      <c r="N90443" s="10"/>
    </row>
    <row r="90444" spans="14:14">
      <c r="N90444" s="10"/>
    </row>
    <row r="90445" spans="14:14">
      <c r="N90445" s="10"/>
    </row>
    <row r="90446" spans="14:14">
      <c r="N90446" s="10"/>
    </row>
    <row r="90447" spans="14:14">
      <c r="N90447" s="10"/>
    </row>
    <row r="90448" spans="14:14">
      <c r="N90448" s="10"/>
    </row>
    <row r="90449" spans="14:14">
      <c r="N90449" s="10"/>
    </row>
    <row r="90450" spans="14:14">
      <c r="N90450" s="10"/>
    </row>
    <row r="90451" spans="14:14">
      <c r="N90451" s="10"/>
    </row>
    <row r="90452" spans="14:14">
      <c r="N90452" s="10"/>
    </row>
    <row r="90453" spans="14:14">
      <c r="N90453" s="10"/>
    </row>
    <row r="90454" spans="14:14">
      <c r="N90454" s="10"/>
    </row>
    <row r="90455" spans="14:14">
      <c r="N90455" s="10"/>
    </row>
    <row r="90456" spans="14:14">
      <c r="N90456" s="10"/>
    </row>
    <row r="90457" spans="14:14">
      <c r="N90457" s="10"/>
    </row>
    <row r="90458" spans="14:14">
      <c r="N90458" s="10"/>
    </row>
    <row r="90459" spans="14:14">
      <c r="N90459" s="10"/>
    </row>
    <row r="90460" spans="14:14">
      <c r="N90460" s="10"/>
    </row>
    <row r="90461" spans="14:14">
      <c r="N90461" s="10"/>
    </row>
    <row r="90462" spans="14:14">
      <c r="N90462" s="10"/>
    </row>
    <row r="90463" spans="14:14">
      <c r="N90463" s="10"/>
    </row>
    <row r="90464" spans="14:14">
      <c r="N90464" s="10"/>
    </row>
    <row r="90465" spans="14:14">
      <c r="N90465" s="10"/>
    </row>
    <row r="90466" spans="14:14">
      <c r="N90466" s="10"/>
    </row>
    <row r="90467" spans="14:14">
      <c r="N90467" s="10"/>
    </row>
    <row r="90468" spans="14:14">
      <c r="N90468" s="10"/>
    </row>
    <row r="90469" spans="14:14">
      <c r="N90469" s="10"/>
    </row>
    <row r="90470" spans="14:14">
      <c r="N90470" s="10"/>
    </row>
    <row r="90471" spans="14:14">
      <c r="N90471" s="10"/>
    </row>
    <row r="90472" spans="14:14">
      <c r="N90472" s="10"/>
    </row>
    <row r="90473" spans="14:14">
      <c r="N90473" s="10"/>
    </row>
    <row r="90474" spans="14:14">
      <c r="N90474" s="10"/>
    </row>
    <row r="90475" spans="14:14">
      <c r="N90475" s="10"/>
    </row>
    <row r="90476" spans="14:14">
      <c r="N90476" s="10"/>
    </row>
    <row r="90477" spans="14:14">
      <c r="N90477" s="10"/>
    </row>
    <row r="90478" spans="14:14">
      <c r="N90478" s="10"/>
    </row>
    <row r="90479" spans="14:14">
      <c r="N90479" s="10"/>
    </row>
    <row r="90480" spans="14:14">
      <c r="N90480" s="10"/>
    </row>
    <row r="90481" spans="14:14">
      <c r="N90481" s="10"/>
    </row>
    <row r="90482" spans="14:14">
      <c r="N90482" s="10"/>
    </row>
    <row r="90483" spans="14:14">
      <c r="N90483" s="10"/>
    </row>
    <row r="90484" spans="14:14">
      <c r="N90484" s="10"/>
    </row>
    <row r="90485" spans="14:14">
      <c r="N90485" s="10"/>
    </row>
    <row r="90486" spans="14:14">
      <c r="N90486" s="10"/>
    </row>
    <row r="90487" spans="14:14">
      <c r="N90487" s="10"/>
    </row>
    <row r="90488" spans="14:14">
      <c r="N90488" s="10"/>
    </row>
    <row r="90489" spans="14:14">
      <c r="N90489" s="10"/>
    </row>
    <row r="90490" spans="14:14">
      <c r="N90490" s="10"/>
    </row>
    <row r="90491" spans="14:14">
      <c r="N90491" s="10"/>
    </row>
    <row r="90492" spans="14:14">
      <c r="N90492" s="10"/>
    </row>
    <row r="90493" spans="14:14">
      <c r="N90493" s="10"/>
    </row>
    <row r="90494" spans="14:14">
      <c r="N90494" s="10"/>
    </row>
    <row r="90495" spans="14:14">
      <c r="N90495" s="10"/>
    </row>
    <row r="90496" spans="14:14">
      <c r="N90496" s="10"/>
    </row>
    <row r="90497" spans="14:14">
      <c r="N90497" s="10"/>
    </row>
    <row r="90498" spans="14:14">
      <c r="N90498" s="10"/>
    </row>
    <row r="90499" spans="14:14">
      <c r="N90499" s="10"/>
    </row>
    <row r="90500" spans="14:14">
      <c r="N90500" s="10"/>
    </row>
    <row r="90501" spans="14:14">
      <c r="N90501" s="10"/>
    </row>
    <row r="90502" spans="14:14">
      <c r="N90502" s="10"/>
    </row>
    <row r="90503" spans="14:14">
      <c r="N90503" s="10"/>
    </row>
    <row r="90504" spans="14:14">
      <c r="N90504" s="10"/>
    </row>
    <row r="90505" spans="14:14">
      <c r="N90505" s="10"/>
    </row>
    <row r="90506" spans="14:14">
      <c r="N90506" s="10"/>
    </row>
    <row r="90507" spans="14:14">
      <c r="N90507" s="10"/>
    </row>
    <row r="90508" spans="14:14">
      <c r="N90508" s="10"/>
    </row>
    <row r="90509" spans="14:14">
      <c r="N90509" s="10"/>
    </row>
    <row r="90510" spans="14:14">
      <c r="N90510" s="10"/>
    </row>
    <row r="90511" spans="14:14">
      <c r="N90511" s="10"/>
    </row>
    <row r="90512" spans="14:14">
      <c r="N90512" s="10"/>
    </row>
    <row r="90513" spans="14:14">
      <c r="N90513" s="10"/>
    </row>
    <row r="90514" spans="14:14">
      <c r="N90514" s="10"/>
    </row>
    <row r="90515" spans="14:14">
      <c r="N90515" s="10"/>
    </row>
    <row r="90516" spans="14:14">
      <c r="N90516" s="10"/>
    </row>
    <row r="90517" spans="14:14">
      <c r="N90517" s="10"/>
    </row>
    <row r="90518" spans="14:14">
      <c r="N90518" s="10"/>
    </row>
    <row r="90519" spans="14:14">
      <c r="N90519" s="10"/>
    </row>
    <row r="90520" spans="14:14">
      <c r="N90520" s="10"/>
    </row>
    <row r="90521" spans="14:14">
      <c r="N90521" s="10"/>
    </row>
    <row r="90522" spans="14:14">
      <c r="N90522" s="10"/>
    </row>
    <row r="90523" spans="14:14">
      <c r="N90523" s="10"/>
    </row>
    <row r="90524" spans="14:14">
      <c r="N90524" s="10"/>
    </row>
    <row r="90525" spans="14:14">
      <c r="N90525" s="10"/>
    </row>
    <row r="90526" spans="14:14">
      <c r="N90526" s="10"/>
    </row>
    <row r="90527" spans="14:14">
      <c r="N90527" s="10"/>
    </row>
    <row r="90528" spans="14:14">
      <c r="N90528" s="10"/>
    </row>
    <row r="90529" spans="14:14">
      <c r="N90529" s="10"/>
    </row>
    <row r="90530" spans="14:14">
      <c r="N90530" s="10"/>
    </row>
    <row r="90531" spans="14:14">
      <c r="N90531" s="10"/>
    </row>
    <row r="90532" spans="14:14">
      <c r="N90532" s="10"/>
    </row>
    <row r="90533" spans="14:14">
      <c r="N90533" s="10"/>
    </row>
    <row r="90534" spans="14:14">
      <c r="N90534" s="10"/>
    </row>
    <row r="90535" spans="14:14">
      <c r="N90535" s="10"/>
    </row>
    <row r="90536" spans="14:14">
      <c r="N90536" s="10"/>
    </row>
    <row r="90537" spans="14:14">
      <c r="N90537" s="10"/>
    </row>
    <row r="90538" spans="14:14">
      <c r="N90538" s="10"/>
    </row>
    <row r="90539" spans="14:14">
      <c r="N90539" s="10"/>
    </row>
    <row r="90540" spans="14:14">
      <c r="N90540" s="10"/>
    </row>
    <row r="90541" spans="14:14">
      <c r="N90541" s="10"/>
    </row>
    <row r="90542" spans="14:14">
      <c r="N90542" s="10"/>
    </row>
    <row r="90543" spans="14:14">
      <c r="N90543" s="10"/>
    </row>
    <row r="90544" spans="14:14">
      <c r="N90544" s="10"/>
    </row>
    <row r="90545" spans="14:14">
      <c r="N90545" s="10"/>
    </row>
    <row r="90546" spans="14:14">
      <c r="N90546" s="10"/>
    </row>
    <row r="90547" spans="14:14">
      <c r="N90547" s="10"/>
    </row>
    <row r="90548" spans="14:14">
      <c r="N90548" s="10"/>
    </row>
    <row r="90549" spans="14:14">
      <c r="N90549" s="10"/>
    </row>
    <row r="90550" spans="14:14">
      <c r="N90550" s="10"/>
    </row>
    <row r="90551" spans="14:14">
      <c r="N90551" s="10"/>
    </row>
    <row r="90552" spans="14:14">
      <c r="N90552" s="10"/>
    </row>
    <row r="90553" spans="14:14">
      <c r="N90553" s="10"/>
    </row>
    <row r="90554" spans="14:14">
      <c r="N90554" s="10"/>
    </row>
    <row r="90555" spans="14:14">
      <c r="N90555" s="10"/>
    </row>
    <row r="90556" spans="14:14">
      <c r="N90556" s="10"/>
    </row>
    <row r="90557" spans="14:14">
      <c r="N90557" s="10"/>
    </row>
    <row r="90558" spans="14:14">
      <c r="N90558" s="10"/>
    </row>
    <row r="90559" spans="14:14">
      <c r="N90559" s="10"/>
    </row>
    <row r="90560" spans="14:14">
      <c r="N90560" s="10"/>
    </row>
    <row r="90561" spans="14:14">
      <c r="N90561" s="10"/>
    </row>
    <row r="90562" spans="14:14">
      <c r="N90562" s="10"/>
    </row>
    <row r="90563" spans="14:14">
      <c r="N90563" s="10"/>
    </row>
    <row r="90564" spans="14:14">
      <c r="N90564" s="10"/>
    </row>
    <row r="90565" spans="14:14">
      <c r="N90565" s="10"/>
    </row>
    <row r="90566" spans="14:14">
      <c r="N90566" s="10"/>
    </row>
    <row r="90567" spans="14:14">
      <c r="N90567" s="10"/>
    </row>
    <row r="90568" spans="14:14">
      <c r="N90568" s="10"/>
    </row>
    <row r="90569" spans="14:14">
      <c r="N90569" s="10"/>
    </row>
    <row r="90570" spans="14:14">
      <c r="N90570" s="10"/>
    </row>
    <row r="90571" spans="14:14">
      <c r="N90571" s="10"/>
    </row>
    <row r="90572" spans="14:14">
      <c r="N90572" s="10"/>
    </row>
    <row r="90573" spans="14:14">
      <c r="N90573" s="10"/>
    </row>
    <row r="90574" spans="14:14">
      <c r="N90574" s="10"/>
    </row>
    <row r="90575" spans="14:14">
      <c r="N90575" s="10"/>
    </row>
    <row r="90576" spans="14:14">
      <c r="N90576" s="10"/>
    </row>
    <row r="90577" spans="14:14">
      <c r="N90577" s="10"/>
    </row>
    <row r="90578" spans="14:14">
      <c r="N90578" s="10"/>
    </row>
    <row r="90579" spans="14:14">
      <c r="N90579" s="10"/>
    </row>
    <row r="90580" spans="14:14">
      <c r="N90580" s="10"/>
    </row>
    <row r="90581" spans="14:14">
      <c r="N90581" s="10"/>
    </row>
    <row r="90582" spans="14:14">
      <c r="N90582" s="10"/>
    </row>
    <row r="90583" spans="14:14">
      <c r="N90583" s="10"/>
    </row>
    <row r="90584" spans="14:14">
      <c r="N90584" s="10"/>
    </row>
    <row r="90585" spans="14:14">
      <c r="N90585" s="10"/>
    </row>
    <row r="90586" spans="14:14">
      <c r="N90586" s="10"/>
    </row>
    <row r="90587" spans="14:14">
      <c r="N90587" s="10"/>
    </row>
    <row r="90588" spans="14:14">
      <c r="N90588" s="10"/>
    </row>
    <row r="90589" spans="14:14">
      <c r="N90589" s="10"/>
    </row>
    <row r="90590" spans="14:14">
      <c r="N90590" s="10"/>
    </row>
    <row r="90591" spans="14:14">
      <c r="N90591" s="10"/>
    </row>
    <row r="90592" spans="14:14">
      <c r="N90592" s="10"/>
    </row>
    <row r="90593" spans="14:14">
      <c r="N90593" s="10"/>
    </row>
    <row r="90594" spans="14:14">
      <c r="N90594" s="10"/>
    </row>
    <row r="90595" spans="14:14">
      <c r="N90595" s="10"/>
    </row>
    <row r="90596" spans="14:14">
      <c r="N90596" s="10"/>
    </row>
    <row r="90597" spans="14:14">
      <c r="N90597" s="10"/>
    </row>
    <row r="90598" spans="14:14">
      <c r="N90598" s="10"/>
    </row>
    <row r="90599" spans="14:14">
      <c r="N90599" s="10"/>
    </row>
    <row r="90600" spans="14:14">
      <c r="N90600" s="10"/>
    </row>
    <row r="90601" spans="14:14">
      <c r="N90601" s="10"/>
    </row>
    <row r="90602" spans="14:14">
      <c r="N90602" s="10"/>
    </row>
    <row r="90603" spans="14:14">
      <c r="N90603" s="10"/>
    </row>
    <row r="90604" spans="14:14">
      <c r="N90604" s="10"/>
    </row>
    <row r="90605" spans="14:14">
      <c r="N90605" s="10"/>
    </row>
    <row r="90606" spans="14:14">
      <c r="N90606" s="10"/>
    </row>
    <row r="90607" spans="14:14">
      <c r="N90607" s="10"/>
    </row>
    <row r="90608" spans="14:14">
      <c r="N90608" s="10"/>
    </row>
    <row r="90609" spans="14:14">
      <c r="N90609" s="10"/>
    </row>
    <row r="90610" spans="14:14">
      <c r="N90610" s="10"/>
    </row>
    <row r="90611" spans="14:14">
      <c r="N90611" s="10"/>
    </row>
    <row r="90612" spans="14:14">
      <c r="N90612" s="10"/>
    </row>
    <row r="90613" spans="14:14">
      <c r="N90613" s="10"/>
    </row>
    <row r="90614" spans="14:14">
      <c r="N90614" s="10"/>
    </row>
    <row r="90615" spans="14:14">
      <c r="N90615" s="10"/>
    </row>
    <row r="90616" spans="14:14">
      <c r="N90616" s="10"/>
    </row>
    <row r="90617" spans="14:14">
      <c r="N90617" s="10"/>
    </row>
    <row r="90618" spans="14:14">
      <c r="N90618" s="10"/>
    </row>
    <row r="90619" spans="14:14">
      <c r="N90619" s="10"/>
    </row>
    <row r="90620" spans="14:14">
      <c r="N90620" s="10"/>
    </row>
    <row r="90621" spans="14:14">
      <c r="N90621" s="10"/>
    </row>
    <row r="90622" spans="14:14">
      <c r="N90622" s="10"/>
    </row>
    <row r="90623" spans="14:14">
      <c r="N90623" s="10"/>
    </row>
    <row r="90624" spans="14:14">
      <c r="N90624" s="10"/>
    </row>
    <row r="90625" spans="14:14">
      <c r="N90625" s="10"/>
    </row>
    <row r="90626" spans="14:14">
      <c r="N90626" s="10"/>
    </row>
    <row r="90627" spans="14:14">
      <c r="N90627" s="10"/>
    </row>
    <row r="90628" spans="14:14">
      <c r="N90628" s="10"/>
    </row>
    <row r="90629" spans="14:14">
      <c r="N90629" s="10"/>
    </row>
    <row r="90630" spans="14:14">
      <c r="N90630" s="10"/>
    </row>
    <row r="90631" spans="14:14">
      <c r="N90631" s="10"/>
    </row>
    <row r="90632" spans="14:14">
      <c r="N90632" s="10"/>
    </row>
    <row r="90633" spans="14:14">
      <c r="N90633" s="10"/>
    </row>
    <row r="90634" spans="14:14">
      <c r="N90634" s="10"/>
    </row>
    <row r="90635" spans="14:14">
      <c r="N90635" s="10"/>
    </row>
    <row r="90636" spans="14:14">
      <c r="N90636" s="10"/>
    </row>
    <row r="90637" spans="14:14">
      <c r="N90637" s="10"/>
    </row>
    <row r="90638" spans="14:14">
      <c r="N90638" s="10"/>
    </row>
    <row r="90639" spans="14:14">
      <c r="N90639" s="10"/>
    </row>
    <row r="90640" spans="14:14">
      <c r="N90640" s="10"/>
    </row>
    <row r="90641" spans="14:14">
      <c r="N90641" s="10"/>
    </row>
    <row r="90642" spans="14:14">
      <c r="N90642" s="10"/>
    </row>
    <row r="90643" spans="14:14">
      <c r="N90643" s="10"/>
    </row>
    <row r="90644" spans="14:14">
      <c r="N90644" s="10"/>
    </row>
    <row r="90645" spans="14:14">
      <c r="N90645" s="10"/>
    </row>
    <row r="90646" spans="14:14">
      <c r="N90646" s="10"/>
    </row>
    <row r="90647" spans="14:14">
      <c r="N90647" s="10"/>
    </row>
    <row r="90648" spans="14:14">
      <c r="N90648" s="10"/>
    </row>
    <row r="90649" spans="14:14">
      <c r="N90649" s="10"/>
    </row>
    <row r="90650" spans="14:14">
      <c r="N90650" s="10"/>
    </row>
    <row r="90651" spans="14:14">
      <c r="N90651" s="10"/>
    </row>
    <row r="90652" spans="14:14">
      <c r="N90652" s="10"/>
    </row>
    <row r="90653" spans="14:14">
      <c r="N90653" s="10"/>
    </row>
    <row r="90654" spans="14:14">
      <c r="N90654" s="10"/>
    </row>
    <row r="90655" spans="14:14">
      <c r="N90655" s="10"/>
    </row>
    <row r="90656" spans="14:14">
      <c r="N90656" s="10"/>
    </row>
    <row r="90657" spans="14:14">
      <c r="N90657" s="10"/>
    </row>
    <row r="90658" spans="14:14">
      <c r="N90658" s="10"/>
    </row>
    <row r="90659" spans="14:14">
      <c r="N90659" s="10"/>
    </row>
    <row r="90660" spans="14:14">
      <c r="N90660" s="10"/>
    </row>
    <row r="90661" spans="14:14">
      <c r="N90661" s="10"/>
    </row>
    <row r="90662" spans="14:14">
      <c r="N90662" s="10"/>
    </row>
    <row r="90663" spans="14:14">
      <c r="N90663" s="10"/>
    </row>
    <row r="90664" spans="14:14">
      <c r="N90664" s="10"/>
    </row>
    <row r="90665" spans="14:14">
      <c r="N90665" s="10"/>
    </row>
    <row r="90666" spans="14:14">
      <c r="N90666" s="10"/>
    </row>
    <row r="90667" spans="14:14">
      <c r="N90667" s="10"/>
    </row>
    <row r="90668" spans="14:14">
      <c r="N90668" s="10"/>
    </row>
    <row r="90669" spans="14:14">
      <c r="N90669" s="10"/>
    </row>
    <row r="90670" spans="14:14">
      <c r="N90670" s="10"/>
    </row>
    <row r="90671" spans="14:14">
      <c r="N90671" s="10"/>
    </row>
    <row r="90672" spans="14:14">
      <c r="N90672" s="10"/>
    </row>
    <row r="90673" spans="14:14">
      <c r="N90673" s="10"/>
    </row>
    <row r="90674" spans="14:14">
      <c r="N90674" s="10"/>
    </row>
    <row r="90675" spans="14:14">
      <c r="N90675" s="10"/>
    </row>
    <row r="90676" spans="14:14">
      <c r="N90676" s="10"/>
    </row>
    <row r="90677" spans="14:14">
      <c r="N90677" s="10"/>
    </row>
    <row r="90678" spans="14:14">
      <c r="N90678" s="10"/>
    </row>
    <row r="90679" spans="14:14">
      <c r="N90679" s="10"/>
    </row>
    <row r="90680" spans="14:14">
      <c r="N90680" s="10"/>
    </row>
    <row r="90681" spans="14:14">
      <c r="N90681" s="10"/>
    </row>
    <row r="90682" spans="14:14">
      <c r="N90682" s="10"/>
    </row>
    <row r="90683" spans="14:14">
      <c r="N90683" s="10"/>
    </row>
    <row r="90684" spans="14:14">
      <c r="N90684" s="10"/>
    </row>
    <row r="90685" spans="14:14">
      <c r="N90685" s="10"/>
    </row>
    <row r="90686" spans="14:14">
      <c r="N90686" s="10"/>
    </row>
    <row r="90687" spans="14:14">
      <c r="N90687" s="10"/>
    </row>
    <row r="90688" spans="14:14">
      <c r="N90688" s="10"/>
    </row>
    <row r="90689" spans="14:14">
      <c r="N90689" s="10"/>
    </row>
    <row r="90690" spans="14:14">
      <c r="N90690" s="10"/>
    </row>
    <row r="90691" spans="14:14">
      <c r="N90691" s="10"/>
    </row>
    <row r="90692" spans="14:14">
      <c r="N90692" s="10"/>
    </row>
    <row r="90693" spans="14:14">
      <c r="N90693" s="10"/>
    </row>
    <row r="90694" spans="14:14">
      <c r="N90694" s="10"/>
    </row>
    <row r="90695" spans="14:14">
      <c r="N90695" s="10"/>
    </row>
    <row r="90696" spans="14:14">
      <c r="N90696" s="10"/>
    </row>
    <row r="90697" spans="14:14">
      <c r="N90697" s="10"/>
    </row>
    <row r="90698" spans="14:14">
      <c r="N90698" s="10"/>
    </row>
    <row r="90699" spans="14:14">
      <c r="N90699" s="10"/>
    </row>
    <row r="90700" spans="14:14">
      <c r="N90700" s="10"/>
    </row>
    <row r="90701" spans="14:14">
      <c r="N90701" s="10"/>
    </row>
    <row r="90702" spans="14:14">
      <c r="N90702" s="10"/>
    </row>
    <row r="90703" spans="14:14">
      <c r="N90703" s="10"/>
    </row>
    <row r="90704" spans="14:14">
      <c r="N90704" s="10"/>
    </row>
    <row r="90705" spans="14:14">
      <c r="N90705" s="10"/>
    </row>
    <row r="90706" spans="14:14">
      <c r="N90706" s="10"/>
    </row>
    <row r="90707" spans="14:14">
      <c r="N90707" s="10"/>
    </row>
    <row r="90708" spans="14:14">
      <c r="N90708" s="10"/>
    </row>
    <row r="90709" spans="14:14">
      <c r="N90709" s="10"/>
    </row>
    <row r="90710" spans="14:14">
      <c r="N90710" s="10"/>
    </row>
    <row r="90711" spans="14:14">
      <c r="N90711" s="10"/>
    </row>
    <row r="90712" spans="14:14">
      <c r="N90712" s="10"/>
    </row>
    <row r="90713" spans="14:14">
      <c r="N90713" s="10"/>
    </row>
    <row r="90714" spans="14:14">
      <c r="N90714" s="10"/>
    </row>
    <row r="90715" spans="14:14">
      <c r="N90715" s="10"/>
    </row>
    <row r="90716" spans="14:14">
      <c r="N90716" s="10"/>
    </row>
    <row r="90717" spans="14:14">
      <c r="N90717" s="10"/>
    </row>
    <row r="90718" spans="14:14">
      <c r="N90718" s="10"/>
    </row>
    <row r="90719" spans="14:14">
      <c r="N90719" s="10"/>
    </row>
    <row r="90720" spans="14:14">
      <c r="N90720" s="10"/>
    </row>
    <row r="90721" spans="14:14">
      <c r="N90721" s="10"/>
    </row>
    <row r="90722" spans="14:14">
      <c r="N90722" s="10"/>
    </row>
    <row r="90723" spans="14:14">
      <c r="N90723" s="10"/>
    </row>
    <row r="90724" spans="14:14">
      <c r="N90724" s="10"/>
    </row>
    <row r="90725" spans="14:14">
      <c r="N90725" s="10"/>
    </row>
    <row r="90726" spans="14:14">
      <c r="N90726" s="10"/>
    </row>
    <row r="90727" spans="14:14">
      <c r="N90727" s="10"/>
    </row>
    <row r="90728" spans="14:14">
      <c r="N90728" s="10"/>
    </row>
    <row r="90729" spans="14:14">
      <c r="N90729" s="10"/>
    </row>
    <row r="90730" spans="14:14">
      <c r="N90730" s="10"/>
    </row>
    <row r="90731" spans="14:14">
      <c r="N90731" s="10"/>
    </row>
    <row r="90732" spans="14:14">
      <c r="N90732" s="10"/>
    </row>
    <row r="90733" spans="14:14">
      <c r="N90733" s="10"/>
    </row>
    <row r="90734" spans="14:14">
      <c r="N90734" s="10"/>
    </row>
    <row r="90735" spans="14:14">
      <c r="N90735" s="10"/>
    </row>
    <row r="90736" spans="14:14">
      <c r="N90736" s="10"/>
    </row>
    <row r="90737" spans="14:14">
      <c r="N90737" s="10"/>
    </row>
    <row r="90738" spans="14:14">
      <c r="N90738" s="10"/>
    </row>
    <row r="90739" spans="14:14">
      <c r="N90739" s="10"/>
    </row>
    <row r="90740" spans="14:14">
      <c r="N90740" s="10"/>
    </row>
    <row r="90741" spans="14:14">
      <c r="N90741" s="10"/>
    </row>
    <row r="90742" spans="14:14">
      <c r="N90742" s="10"/>
    </row>
    <row r="90743" spans="14:14">
      <c r="N90743" s="10"/>
    </row>
    <row r="90744" spans="14:14">
      <c r="N90744" s="10"/>
    </row>
    <row r="90745" spans="14:14">
      <c r="N90745" s="10"/>
    </row>
    <row r="90746" spans="14:14">
      <c r="N90746" s="10"/>
    </row>
    <row r="90747" spans="14:14">
      <c r="N90747" s="10"/>
    </row>
    <row r="90748" spans="14:14">
      <c r="N90748" s="10"/>
    </row>
    <row r="90749" spans="14:14">
      <c r="N90749" s="10"/>
    </row>
    <row r="90750" spans="14:14">
      <c r="N90750" s="10"/>
    </row>
    <row r="90751" spans="14:14">
      <c r="N90751" s="10"/>
    </row>
    <row r="90752" spans="14:14">
      <c r="N90752" s="10"/>
    </row>
    <row r="90753" spans="14:14">
      <c r="N90753" s="10"/>
    </row>
    <row r="90754" spans="14:14">
      <c r="N90754" s="10"/>
    </row>
    <row r="90755" spans="14:14">
      <c r="N90755" s="10"/>
    </row>
    <row r="90756" spans="14:14">
      <c r="N90756" s="10"/>
    </row>
    <row r="90757" spans="14:14">
      <c r="N90757" s="10"/>
    </row>
    <row r="90758" spans="14:14">
      <c r="N90758" s="10"/>
    </row>
    <row r="90759" spans="14:14">
      <c r="N90759" s="10"/>
    </row>
    <row r="90760" spans="14:14">
      <c r="N90760" s="10"/>
    </row>
    <row r="90761" spans="14:14">
      <c r="N90761" s="10"/>
    </row>
    <row r="90762" spans="14:14">
      <c r="N90762" s="10"/>
    </row>
    <row r="90763" spans="14:14">
      <c r="N90763" s="10"/>
    </row>
    <row r="90764" spans="14:14">
      <c r="N90764" s="10"/>
    </row>
    <row r="90765" spans="14:14">
      <c r="N90765" s="10"/>
    </row>
    <row r="90766" spans="14:14">
      <c r="N90766" s="10"/>
    </row>
    <row r="90767" spans="14:14">
      <c r="N90767" s="10"/>
    </row>
    <row r="90768" spans="14:14">
      <c r="N90768" s="10"/>
    </row>
    <row r="90769" spans="14:14">
      <c r="N90769" s="10"/>
    </row>
    <row r="90770" spans="14:14">
      <c r="N90770" s="10"/>
    </row>
    <row r="90771" spans="14:14">
      <c r="N90771" s="10"/>
    </row>
    <row r="90772" spans="14:14">
      <c r="N90772" s="10"/>
    </row>
    <row r="90773" spans="14:14">
      <c r="N90773" s="10"/>
    </row>
    <row r="90774" spans="14:14">
      <c r="N90774" s="10"/>
    </row>
    <row r="90775" spans="14:14">
      <c r="N90775" s="10"/>
    </row>
    <row r="90776" spans="14:14">
      <c r="N90776" s="10"/>
    </row>
    <row r="90777" spans="14:14">
      <c r="N90777" s="10"/>
    </row>
    <row r="90778" spans="14:14">
      <c r="N90778" s="10"/>
    </row>
    <row r="90779" spans="14:14">
      <c r="N90779" s="10"/>
    </row>
    <row r="90780" spans="14:14">
      <c r="N90780" s="10"/>
    </row>
    <row r="90781" spans="14:14">
      <c r="N90781" s="10"/>
    </row>
    <row r="90782" spans="14:14">
      <c r="N90782" s="10"/>
    </row>
    <row r="90783" spans="14:14">
      <c r="N90783" s="10"/>
    </row>
    <row r="90784" spans="14:14">
      <c r="N90784" s="10"/>
    </row>
    <row r="90785" spans="14:14">
      <c r="N90785" s="10"/>
    </row>
    <row r="90786" spans="14:14">
      <c r="N90786" s="10"/>
    </row>
    <row r="90787" spans="14:14">
      <c r="N90787" s="10"/>
    </row>
    <row r="90788" spans="14:14">
      <c r="N90788" s="10"/>
    </row>
    <row r="90789" spans="14:14">
      <c r="N90789" s="10"/>
    </row>
    <row r="90790" spans="14:14">
      <c r="N90790" s="10"/>
    </row>
    <row r="90791" spans="14:14">
      <c r="N90791" s="10"/>
    </row>
    <row r="90792" spans="14:14">
      <c r="N90792" s="10"/>
    </row>
    <row r="90793" spans="14:14">
      <c r="N90793" s="10"/>
    </row>
    <row r="90794" spans="14:14">
      <c r="N90794" s="10"/>
    </row>
    <row r="90795" spans="14:14">
      <c r="N90795" s="10"/>
    </row>
    <row r="90796" spans="14:14">
      <c r="N90796" s="10"/>
    </row>
    <row r="90797" spans="14:14">
      <c r="N90797" s="10"/>
    </row>
    <row r="90798" spans="14:14">
      <c r="N90798" s="10"/>
    </row>
    <row r="90799" spans="14:14">
      <c r="N90799" s="10"/>
    </row>
    <row r="90800" spans="14:14">
      <c r="N90800" s="10"/>
    </row>
    <row r="90801" spans="14:14">
      <c r="N90801" s="10"/>
    </row>
    <row r="90802" spans="14:14">
      <c r="N90802" s="10"/>
    </row>
    <row r="90803" spans="14:14">
      <c r="N90803" s="10"/>
    </row>
    <row r="90804" spans="14:14">
      <c r="N90804" s="10"/>
    </row>
    <row r="90805" spans="14:14">
      <c r="N90805" s="10"/>
    </row>
    <row r="90806" spans="14:14">
      <c r="N90806" s="10"/>
    </row>
    <row r="90807" spans="14:14">
      <c r="N90807" s="10"/>
    </row>
    <row r="90808" spans="14:14">
      <c r="N90808" s="10"/>
    </row>
    <row r="90809" spans="14:14">
      <c r="N90809" s="10"/>
    </row>
    <row r="90810" spans="14:14">
      <c r="N90810" s="10"/>
    </row>
    <row r="90811" spans="14:14">
      <c r="N90811" s="10"/>
    </row>
    <row r="90812" spans="14:14">
      <c r="N90812" s="10"/>
    </row>
    <row r="90813" spans="14:14">
      <c r="N90813" s="10"/>
    </row>
    <row r="90814" spans="14:14">
      <c r="N90814" s="10"/>
    </row>
    <row r="90815" spans="14:14">
      <c r="N90815" s="10"/>
    </row>
    <row r="90816" spans="14:14">
      <c r="N90816" s="10"/>
    </row>
    <row r="90817" spans="14:14">
      <c r="N90817" s="10"/>
    </row>
    <row r="90818" spans="14:14">
      <c r="N90818" s="10"/>
    </row>
    <row r="90819" spans="14:14">
      <c r="N90819" s="10"/>
    </row>
    <row r="90820" spans="14:14">
      <c r="N90820" s="10"/>
    </row>
    <row r="90821" spans="14:14">
      <c r="N90821" s="10"/>
    </row>
    <row r="90822" spans="14:14">
      <c r="N90822" s="10"/>
    </row>
    <row r="90823" spans="14:14">
      <c r="N90823" s="10"/>
    </row>
    <row r="90824" spans="14:14">
      <c r="N90824" s="10"/>
    </row>
    <row r="90825" spans="14:14">
      <c r="N90825" s="10"/>
    </row>
    <row r="90826" spans="14:14">
      <c r="N90826" s="10"/>
    </row>
    <row r="90827" spans="14:14">
      <c r="N90827" s="10"/>
    </row>
    <row r="90828" spans="14:14">
      <c r="N90828" s="10"/>
    </row>
    <row r="90829" spans="14:14">
      <c r="N90829" s="10"/>
    </row>
    <row r="90830" spans="14:14">
      <c r="N90830" s="10"/>
    </row>
    <row r="90831" spans="14:14">
      <c r="N90831" s="10"/>
    </row>
    <row r="90832" spans="14:14">
      <c r="N90832" s="10"/>
    </row>
    <row r="90833" spans="14:14">
      <c r="N90833" s="10"/>
    </row>
    <row r="90834" spans="14:14">
      <c r="N90834" s="10"/>
    </row>
    <row r="90835" spans="14:14">
      <c r="N90835" s="10"/>
    </row>
    <row r="90836" spans="14:14">
      <c r="N90836" s="10"/>
    </row>
    <row r="90837" spans="14:14">
      <c r="N90837" s="10"/>
    </row>
    <row r="90838" spans="14:14">
      <c r="N90838" s="10"/>
    </row>
    <row r="90839" spans="14:14">
      <c r="N90839" s="10"/>
    </row>
    <row r="90840" spans="14:14">
      <c r="N90840" s="10"/>
    </row>
    <row r="90841" spans="14:14">
      <c r="N90841" s="10"/>
    </row>
    <row r="90842" spans="14:14">
      <c r="N90842" s="10"/>
    </row>
    <row r="90843" spans="14:14">
      <c r="N90843" s="10"/>
    </row>
    <row r="90844" spans="14:14">
      <c r="N90844" s="10"/>
    </row>
    <row r="90845" spans="14:14">
      <c r="N90845" s="10"/>
    </row>
    <row r="90846" spans="14:14">
      <c r="N90846" s="10"/>
    </row>
    <row r="90847" spans="14:14">
      <c r="N90847" s="10"/>
    </row>
    <row r="90848" spans="14:14">
      <c r="N90848" s="10"/>
    </row>
    <row r="90849" spans="14:14">
      <c r="N90849" s="10"/>
    </row>
    <row r="90850" spans="14:14">
      <c r="N90850" s="10"/>
    </row>
    <row r="90851" spans="14:14">
      <c r="N90851" s="10"/>
    </row>
    <row r="90852" spans="14:14">
      <c r="N90852" s="10"/>
    </row>
    <row r="90853" spans="14:14">
      <c r="N90853" s="10"/>
    </row>
    <row r="90854" spans="14:14">
      <c r="N90854" s="10"/>
    </row>
    <row r="90855" spans="14:14">
      <c r="N90855" s="10"/>
    </row>
    <row r="90856" spans="14:14">
      <c r="N90856" s="10"/>
    </row>
    <row r="90857" spans="14:14">
      <c r="N90857" s="10"/>
    </row>
    <row r="90858" spans="14:14">
      <c r="N90858" s="10"/>
    </row>
    <row r="90859" spans="14:14">
      <c r="N90859" s="10"/>
    </row>
    <row r="90860" spans="14:14">
      <c r="N90860" s="10"/>
    </row>
    <row r="90861" spans="14:14">
      <c r="N90861" s="10"/>
    </row>
    <row r="90862" spans="14:14">
      <c r="N90862" s="10"/>
    </row>
    <row r="90863" spans="14:14">
      <c r="N90863" s="10"/>
    </row>
    <row r="90864" spans="14:14">
      <c r="N90864" s="10"/>
    </row>
    <row r="90865" spans="14:14">
      <c r="N90865" s="10"/>
    </row>
    <row r="90866" spans="14:14">
      <c r="N90866" s="10"/>
    </row>
    <row r="90867" spans="14:14">
      <c r="N90867" s="10"/>
    </row>
    <row r="90868" spans="14:14">
      <c r="N90868" s="10"/>
    </row>
    <row r="90869" spans="14:14">
      <c r="N90869" s="10"/>
    </row>
    <row r="90870" spans="14:14">
      <c r="N90870" s="10"/>
    </row>
    <row r="90871" spans="14:14">
      <c r="N90871" s="10"/>
    </row>
    <row r="90872" spans="14:14">
      <c r="N90872" s="10"/>
    </row>
    <row r="90873" spans="14:14">
      <c r="N90873" s="10"/>
    </row>
    <row r="90874" spans="14:14">
      <c r="N90874" s="10"/>
    </row>
    <row r="90875" spans="14:14">
      <c r="N90875" s="10"/>
    </row>
    <row r="90876" spans="14:14">
      <c r="N90876" s="10"/>
    </row>
    <row r="90877" spans="14:14">
      <c r="N90877" s="10"/>
    </row>
    <row r="90878" spans="14:14">
      <c r="N90878" s="10"/>
    </row>
    <row r="90879" spans="14:14">
      <c r="N90879" s="10"/>
    </row>
    <row r="90880" spans="14:14">
      <c r="N90880" s="10"/>
    </row>
    <row r="90881" spans="14:14">
      <c r="N90881" s="10"/>
    </row>
    <row r="90882" spans="14:14">
      <c r="N90882" s="10"/>
    </row>
    <row r="90883" spans="14:14">
      <c r="N90883" s="10"/>
    </row>
    <row r="90884" spans="14:14">
      <c r="N90884" s="10"/>
    </row>
    <row r="90885" spans="14:14">
      <c r="N90885" s="10"/>
    </row>
    <row r="90886" spans="14:14">
      <c r="N90886" s="10"/>
    </row>
    <row r="90887" spans="14:14">
      <c r="N90887" s="10"/>
    </row>
    <row r="90888" spans="14:14">
      <c r="N90888" s="10"/>
    </row>
    <row r="90889" spans="14:14">
      <c r="N90889" s="10"/>
    </row>
    <row r="90890" spans="14:14">
      <c r="N90890" s="10"/>
    </row>
    <row r="90891" spans="14:14">
      <c r="N90891" s="10"/>
    </row>
    <row r="90892" spans="14:14">
      <c r="N90892" s="10"/>
    </row>
    <row r="90893" spans="14:14">
      <c r="N90893" s="10"/>
    </row>
    <row r="90894" spans="14:14">
      <c r="N90894" s="10"/>
    </row>
    <row r="90895" spans="14:14">
      <c r="N90895" s="10"/>
    </row>
    <row r="90896" spans="14:14">
      <c r="N90896" s="10"/>
    </row>
    <row r="90897" spans="14:14">
      <c r="N90897" s="10"/>
    </row>
    <row r="90898" spans="14:14">
      <c r="N90898" s="10"/>
    </row>
    <row r="90899" spans="14:14">
      <c r="N90899" s="10"/>
    </row>
    <row r="90900" spans="14:14">
      <c r="N90900" s="10"/>
    </row>
    <row r="90901" spans="14:14">
      <c r="N90901" s="10"/>
    </row>
    <row r="90902" spans="14:14">
      <c r="N90902" s="10"/>
    </row>
    <row r="90903" spans="14:14">
      <c r="N90903" s="10"/>
    </row>
    <row r="90904" spans="14:14">
      <c r="N90904" s="10"/>
    </row>
    <row r="90905" spans="14:14">
      <c r="N90905" s="10"/>
    </row>
    <row r="90906" spans="14:14">
      <c r="N90906" s="10"/>
    </row>
    <row r="90907" spans="14:14">
      <c r="N90907" s="10"/>
    </row>
    <row r="90908" spans="14:14">
      <c r="N90908" s="10"/>
    </row>
    <row r="90909" spans="14:14">
      <c r="N90909" s="10"/>
    </row>
    <row r="90910" spans="14:14">
      <c r="N90910" s="10"/>
    </row>
    <row r="90911" spans="14:14">
      <c r="N90911" s="10"/>
    </row>
    <row r="90912" spans="14:14">
      <c r="N90912" s="10"/>
    </row>
    <row r="90913" spans="14:14">
      <c r="N90913" s="10"/>
    </row>
    <row r="90914" spans="14:14">
      <c r="N90914" s="10"/>
    </row>
    <row r="90915" spans="14:14">
      <c r="N90915" s="10"/>
    </row>
    <row r="90916" spans="14:14">
      <c r="N90916" s="10"/>
    </row>
    <row r="90917" spans="14:14">
      <c r="N90917" s="10"/>
    </row>
    <row r="90918" spans="14:14">
      <c r="N90918" s="10"/>
    </row>
    <row r="90919" spans="14:14">
      <c r="N90919" s="10"/>
    </row>
    <row r="90920" spans="14:14">
      <c r="N90920" s="10"/>
    </row>
    <row r="90921" spans="14:14">
      <c r="N90921" s="10"/>
    </row>
    <row r="90922" spans="14:14">
      <c r="N90922" s="10"/>
    </row>
    <row r="90923" spans="14:14">
      <c r="N90923" s="10"/>
    </row>
    <row r="90924" spans="14:14">
      <c r="N90924" s="10"/>
    </row>
    <row r="90925" spans="14:14">
      <c r="N90925" s="10"/>
    </row>
    <row r="90926" spans="14:14">
      <c r="N90926" s="10"/>
    </row>
    <row r="90927" spans="14:14">
      <c r="N90927" s="10"/>
    </row>
    <row r="90928" spans="14:14">
      <c r="N90928" s="10"/>
    </row>
    <row r="90929" spans="14:14">
      <c r="N90929" s="10"/>
    </row>
    <row r="90930" spans="14:14">
      <c r="N90930" s="10"/>
    </row>
    <row r="90931" spans="14:14">
      <c r="N90931" s="10"/>
    </row>
    <row r="90932" spans="14:14">
      <c r="N90932" s="10"/>
    </row>
    <row r="90933" spans="14:14">
      <c r="N90933" s="10"/>
    </row>
    <row r="90934" spans="14:14">
      <c r="N90934" s="10"/>
    </row>
    <row r="90935" spans="14:14">
      <c r="N90935" s="10"/>
    </row>
    <row r="90936" spans="14:14">
      <c r="N90936" s="10"/>
    </row>
    <row r="90937" spans="14:14">
      <c r="N90937" s="10"/>
    </row>
    <row r="90938" spans="14:14">
      <c r="N90938" s="10"/>
    </row>
    <row r="90939" spans="14:14">
      <c r="N90939" s="10"/>
    </row>
    <row r="90940" spans="14:14">
      <c r="N90940" s="10"/>
    </row>
    <row r="90941" spans="14:14">
      <c r="N90941" s="10"/>
    </row>
    <row r="90942" spans="14:14">
      <c r="N90942" s="10"/>
    </row>
    <row r="90943" spans="14:14">
      <c r="N90943" s="10"/>
    </row>
    <row r="90944" spans="14:14">
      <c r="N90944" s="10"/>
    </row>
    <row r="90945" spans="14:14">
      <c r="N90945" s="10"/>
    </row>
    <row r="90946" spans="14:14">
      <c r="N90946" s="10"/>
    </row>
    <row r="90947" spans="14:14">
      <c r="N90947" s="10"/>
    </row>
    <row r="90948" spans="14:14">
      <c r="N90948" s="10"/>
    </row>
    <row r="90949" spans="14:14">
      <c r="N90949" s="10"/>
    </row>
    <row r="90950" spans="14:14">
      <c r="N90950" s="10"/>
    </row>
    <row r="90951" spans="14:14">
      <c r="N90951" s="10"/>
    </row>
    <row r="90952" spans="14:14">
      <c r="N90952" s="10"/>
    </row>
    <row r="90953" spans="14:14">
      <c r="N90953" s="10"/>
    </row>
    <row r="90954" spans="14:14">
      <c r="N90954" s="10"/>
    </row>
    <row r="90955" spans="14:14">
      <c r="N90955" s="10"/>
    </row>
    <row r="90956" spans="14:14">
      <c r="N90956" s="10"/>
    </row>
    <row r="90957" spans="14:14">
      <c r="N90957" s="10"/>
    </row>
    <row r="90958" spans="14:14">
      <c r="N90958" s="10"/>
    </row>
    <row r="90959" spans="14:14">
      <c r="N90959" s="10"/>
    </row>
    <row r="90960" spans="14:14">
      <c r="N90960" s="10"/>
    </row>
    <row r="90961" spans="14:14">
      <c r="N90961" s="10"/>
    </row>
    <row r="90962" spans="14:14">
      <c r="N90962" s="10"/>
    </row>
    <row r="90963" spans="14:14">
      <c r="N90963" s="10"/>
    </row>
    <row r="90964" spans="14:14">
      <c r="N90964" s="10"/>
    </row>
    <row r="90965" spans="14:14">
      <c r="N90965" s="10"/>
    </row>
    <row r="90966" spans="14:14">
      <c r="N90966" s="10"/>
    </row>
    <row r="90967" spans="14:14">
      <c r="N90967" s="10"/>
    </row>
    <row r="90968" spans="14:14">
      <c r="N90968" s="10"/>
    </row>
    <row r="90969" spans="14:14">
      <c r="N90969" s="10"/>
    </row>
    <row r="90970" spans="14:14">
      <c r="N90970" s="10"/>
    </row>
    <row r="90971" spans="14:14">
      <c r="N90971" s="10"/>
    </row>
    <row r="90972" spans="14:14">
      <c r="N90972" s="10"/>
    </row>
    <row r="90973" spans="14:14">
      <c r="N90973" s="10"/>
    </row>
    <row r="90974" spans="14:14">
      <c r="N90974" s="10"/>
    </row>
    <row r="90975" spans="14:14">
      <c r="N90975" s="10"/>
    </row>
    <row r="90976" spans="14:14">
      <c r="N90976" s="10"/>
    </row>
    <row r="90977" spans="14:14">
      <c r="N90977" s="10"/>
    </row>
    <row r="90978" spans="14:14">
      <c r="N90978" s="10"/>
    </row>
    <row r="90979" spans="14:14">
      <c r="N90979" s="10"/>
    </row>
    <row r="90980" spans="14:14">
      <c r="N90980" s="10"/>
    </row>
    <row r="90981" spans="14:14">
      <c r="N90981" s="10"/>
    </row>
    <row r="90982" spans="14:14">
      <c r="N90982" s="10"/>
    </row>
    <row r="90983" spans="14:14">
      <c r="N90983" s="10"/>
    </row>
    <row r="90984" spans="14:14">
      <c r="N90984" s="10"/>
    </row>
    <row r="90985" spans="14:14">
      <c r="N90985" s="10"/>
    </row>
    <row r="90986" spans="14:14">
      <c r="N90986" s="10"/>
    </row>
    <row r="90987" spans="14:14">
      <c r="N90987" s="10"/>
    </row>
    <row r="90988" spans="14:14">
      <c r="N90988" s="10"/>
    </row>
    <row r="90989" spans="14:14">
      <c r="N90989" s="10"/>
    </row>
    <row r="90990" spans="14:14">
      <c r="N90990" s="10"/>
    </row>
    <row r="90991" spans="14:14">
      <c r="N90991" s="10"/>
    </row>
    <row r="90992" spans="14:14">
      <c r="N90992" s="10"/>
    </row>
    <row r="90993" spans="14:14">
      <c r="N90993" s="10"/>
    </row>
    <row r="90994" spans="14:14">
      <c r="N90994" s="10"/>
    </row>
    <row r="90995" spans="14:14">
      <c r="N90995" s="10"/>
    </row>
    <row r="90996" spans="14:14">
      <c r="N90996" s="10"/>
    </row>
    <row r="90997" spans="14:14">
      <c r="N90997" s="10"/>
    </row>
    <row r="90998" spans="14:14">
      <c r="N90998" s="10"/>
    </row>
    <row r="90999" spans="14:14">
      <c r="N90999" s="10"/>
    </row>
    <row r="91000" spans="14:14">
      <c r="N91000" s="10"/>
    </row>
    <row r="91001" spans="14:14">
      <c r="N91001" s="10"/>
    </row>
    <row r="91002" spans="14:14">
      <c r="N91002" s="10"/>
    </row>
    <row r="91003" spans="14:14">
      <c r="N91003" s="10"/>
    </row>
    <row r="91004" spans="14:14">
      <c r="N91004" s="10"/>
    </row>
    <row r="91005" spans="14:14">
      <c r="N91005" s="10"/>
    </row>
    <row r="91006" spans="14:14">
      <c r="N91006" s="10"/>
    </row>
    <row r="91007" spans="14:14">
      <c r="N91007" s="10"/>
    </row>
    <row r="91008" spans="14:14">
      <c r="N91008" s="10"/>
    </row>
    <row r="91009" spans="14:14">
      <c r="N91009" s="10"/>
    </row>
    <row r="91010" spans="14:14">
      <c r="N91010" s="10"/>
    </row>
    <row r="91011" spans="14:14">
      <c r="N91011" s="10"/>
    </row>
    <row r="91012" spans="14:14">
      <c r="N91012" s="10"/>
    </row>
    <row r="91013" spans="14:14">
      <c r="N91013" s="10"/>
    </row>
    <row r="91014" spans="14:14">
      <c r="N91014" s="10"/>
    </row>
    <row r="91015" spans="14:14">
      <c r="N91015" s="10"/>
    </row>
    <row r="91016" spans="14:14">
      <c r="N91016" s="10"/>
    </row>
    <row r="91017" spans="14:14">
      <c r="N91017" s="10"/>
    </row>
    <row r="91018" spans="14:14">
      <c r="N91018" s="10"/>
    </row>
    <row r="91019" spans="14:14">
      <c r="N91019" s="10"/>
    </row>
    <row r="91020" spans="14:14">
      <c r="N91020" s="10"/>
    </row>
    <row r="91021" spans="14:14">
      <c r="N91021" s="10"/>
    </row>
    <row r="91022" spans="14:14">
      <c r="N91022" s="10"/>
    </row>
    <row r="91023" spans="14:14">
      <c r="N91023" s="10"/>
    </row>
    <row r="91024" spans="14:14">
      <c r="N91024" s="10"/>
    </row>
    <row r="91025" spans="14:14">
      <c r="N91025" s="10"/>
    </row>
    <row r="91026" spans="14:14">
      <c r="N91026" s="10"/>
    </row>
    <row r="91027" spans="14:14">
      <c r="N91027" s="10"/>
    </row>
    <row r="91028" spans="14:14">
      <c r="N91028" s="10"/>
    </row>
    <row r="91029" spans="14:14">
      <c r="N91029" s="10"/>
    </row>
    <row r="91030" spans="14:14">
      <c r="N91030" s="10"/>
    </row>
    <row r="91031" spans="14:14">
      <c r="N91031" s="10"/>
    </row>
    <row r="91032" spans="14:14">
      <c r="N91032" s="10"/>
    </row>
    <row r="91033" spans="14:14">
      <c r="N91033" s="10"/>
    </row>
    <row r="91034" spans="14:14">
      <c r="N91034" s="10"/>
    </row>
    <row r="91035" spans="14:14">
      <c r="N91035" s="10"/>
    </row>
    <row r="91036" spans="14:14">
      <c r="N91036" s="10"/>
    </row>
    <row r="91037" spans="14:14">
      <c r="N91037" s="10"/>
    </row>
    <row r="91038" spans="14:14">
      <c r="N91038" s="10"/>
    </row>
    <row r="91039" spans="14:14">
      <c r="N91039" s="10"/>
    </row>
    <row r="91040" spans="14:14">
      <c r="N91040" s="10"/>
    </row>
    <row r="91041" spans="14:14">
      <c r="N91041" s="10"/>
    </row>
    <row r="91042" spans="14:14">
      <c r="N91042" s="10"/>
    </row>
    <row r="91043" spans="14:14">
      <c r="N91043" s="10"/>
    </row>
    <row r="91044" spans="14:14">
      <c r="N91044" s="10"/>
    </row>
    <row r="91045" spans="14:14">
      <c r="N91045" s="10"/>
    </row>
    <row r="91046" spans="14:14">
      <c r="N91046" s="10"/>
    </row>
    <row r="91047" spans="14:14">
      <c r="N91047" s="10"/>
    </row>
    <row r="91048" spans="14:14">
      <c r="N91048" s="10"/>
    </row>
    <row r="91049" spans="14:14">
      <c r="N91049" s="10"/>
    </row>
    <row r="91050" spans="14:14">
      <c r="N91050" s="10"/>
    </row>
    <row r="91051" spans="14:14">
      <c r="N91051" s="10"/>
    </row>
    <row r="91052" spans="14:14">
      <c r="N91052" s="10"/>
    </row>
    <row r="91053" spans="14:14">
      <c r="N91053" s="10"/>
    </row>
    <row r="91054" spans="14:14">
      <c r="N91054" s="10"/>
    </row>
    <row r="91055" spans="14:14">
      <c r="N91055" s="10"/>
    </row>
    <row r="91056" spans="14:14">
      <c r="N91056" s="10"/>
    </row>
    <row r="91057" spans="14:14">
      <c r="N91057" s="10"/>
    </row>
    <row r="91058" spans="14:14">
      <c r="N91058" s="10"/>
    </row>
    <row r="91059" spans="14:14">
      <c r="N91059" s="10"/>
    </row>
    <row r="91060" spans="14:14">
      <c r="N91060" s="10"/>
    </row>
    <row r="91061" spans="14:14">
      <c r="N91061" s="10"/>
    </row>
    <row r="91062" spans="14:14">
      <c r="N91062" s="10"/>
    </row>
    <row r="91063" spans="14:14">
      <c r="N91063" s="10"/>
    </row>
    <row r="91064" spans="14:14">
      <c r="N91064" s="10"/>
    </row>
    <row r="91065" spans="14:14">
      <c r="N91065" s="10"/>
    </row>
    <row r="91066" spans="14:14">
      <c r="N91066" s="10"/>
    </row>
    <row r="91067" spans="14:14">
      <c r="N91067" s="10"/>
    </row>
    <row r="91068" spans="14:14">
      <c r="N91068" s="10"/>
    </row>
    <row r="91069" spans="14:14">
      <c r="N91069" s="10"/>
    </row>
    <row r="91070" spans="14:14">
      <c r="N91070" s="10"/>
    </row>
    <row r="91071" spans="14:14">
      <c r="N91071" s="10"/>
    </row>
    <row r="91072" spans="14:14">
      <c r="N91072" s="10"/>
    </row>
    <row r="91073" spans="14:14">
      <c r="N91073" s="10"/>
    </row>
    <row r="91074" spans="14:14">
      <c r="N91074" s="10"/>
    </row>
    <row r="91075" spans="14:14">
      <c r="N91075" s="10"/>
    </row>
    <row r="91076" spans="14:14">
      <c r="N91076" s="10"/>
    </row>
    <row r="91077" spans="14:14">
      <c r="N91077" s="10"/>
    </row>
    <row r="91078" spans="14:14">
      <c r="N91078" s="10"/>
    </row>
    <row r="91079" spans="14:14">
      <c r="N91079" s="10"/>
    </row>
    <row r="91080" spans="14:14">
      <c r="N91080" s="10"/>
    </row>
    <row r="91081" spans="14:14">
      <c r="N91081" s="10"/>
    </row>
    <row r="91082" spans="14:14">
      <c r="N91082" s="10"/>
    </row>
    <row r="91083" spans="14:14">
      <c r="N91083" s="10"/>
    </row>
    <row r="91084" spans="14:14">
      <c r="N91084" s="10"/>
    </row>
    <row r="91085" spans="14:14">
      <c r="N91085" s="10"/>
    </row>
    <row r="91086" spans="14:14">
      <c r="N91086" s="10"/>
    </row>
    <row r="91087" spans="14:14">
      <c r="N91087" s="10"/>
    </row>
    <row r="91088" spans="14:14">
      <c r="N91088" s="10"/>
    </row>
    <row r="91089" spans="14:14">
      <c r="N91089" s="10"/>
    </row>
    <row r="91090" spans="14:14">
      <c r="N91090" s="10"/>
    </row>
    <row r="91091" spans="14:14">
      <c r="N91091" s="10"/>
    </row>
    <row r="91092" spans="14:14">
      <c r="N91092" s="10"/>
    </row>
    <row r="91093" spans="14:14">
      <c r="N91093" s="10"/>
    </row>
    <row r="91094" spans="14:14">
      <c r="N91094" s="10"/>
    </row>
    <row r="91095" spans="14:14">
      <c r="N91095" s="10"/>
    </row>
    <row r="91096" spans="14:14">
      <c r="N91096" s="10"/>
    </row>
    <row r="91097" spans="14:14">
      <c r="N91097" s="10"/>
    </row>
    <row r="91098" spans="14:14">
      <c r="N91098" s="10"/>
    </row>
    <row r="91099" spans="14:14">
      <c r="N91099" s="10"/>
    </row>
    <row r="91100" spans="14:14">
      <c r="N91100" s="10"/>
    </row>
    <row r="91101" spans="14:14">
      <c r="N91101" s="10"/>
    </row>
    <row r="91102" spans="14:14">
      <c r="N91102" s="10"/>
    </row>
    <row r="91103" spans="14:14">
      <c r="N91103" s="10"/>
    </row>
    <row r="91104" spans="14:14">
      <c r="N91104" s="10"/>
    </row>
    <row r="91105" spans="14:14">
      <c r="N91105" s="10"/>
    </row>
    <row r="91106" spans="14:14">
      <c r="N91106" s="10"/>
    </row>
    <row r="91107" spans="14:14">
      <c r="N91107" s="10"/>
    </row>
    <row r="91108" spans="14:14">
      <c r="N91108" s="10"/>
    </row>
    <row r="91109" spans="14:14">
      <c r="N91109" s="10"/>
    </row>
    <row r="91110" spans="14:14">
      <c r="N91110" s="10"/>
    </row>
    <row r="91111" spans="14:14">
      <c r="N91111" s="10"/>
    </row>
    <row r="91112" spans="14:14">
      <c r="N91112" s="10"/>
    </row>
    <row r="91113" spans="14:14">
      <c r="N91113" s="10"/>
    </row>
    <row r="91114" spans="14:14">
      <c r="N91114" s="10"/>
    </row>
    <row r="91115" spans="14:14">
      <c r="N91115" s="10"/>
    </row>
    <row r="91116" spans="14:14">
      <c r="N91116" s="10"/>
    </row>
    <row r="91117" spans="14:14">
      <c r="N91117" s="10"/>
    </row>
    <row r="91118" spans="14:14">
      <c r="N91118" s="10"/>
    </row>
    <row r="91119" spans="14:14">
      <c r="N91119" s="10"/>
    </row>
    <row r="91120" spans="14:14">
      <c r="N91120" s="10"/>
    </row>
    <row r="91121" spans="14:14">
      <c r="N91121" s="10"/>
    </row>
    <row r="91122" spans="14:14">
      <c r="N91122" s="10"/>
    </row>
    <row r="91123" spans="14:14">
      <c r="N91123" s="10"/>
    </row>
    <row r="91124" spans="14:14">
      <c r="N91124" s="10"/>
    </row>
    <row r="91125" spans="14:14">
      <c r="N91125" s="10"/>
    </row>
    <row r="91126" spans="14:14">
      <c r="N91126" s="10"/>
    </row>
    <row r="91127" spans="14:14">
      <c r="N91127" s="10"/>
    </row>
    <row r="91128" spans="14:14">
      <c r="N91128" s="10"/>
    </row>
    <row r="91129" spans="14:14">
      <c r="N91129" s="10"/>
    </row>
    <row r="91130" spans="14:14">
      <c r="N91130" s="10"/>
    </row>
    <row r="91131" spans="14:14">
      <c r="N91131" s="10"/>
    </row>
    <row r="91132" spans="14:14">
      <c r="N91132" s="10"/>
    </row>
    <row r="91133" spans="14:14">
      <c r="N91133" s="10"/>
    </row>
    <row r="91134" spans="14:14">
      <c r="N91134" s="10"/>
    </row>
    <row r="91135" spans="14:14">
      <c r="N91135" s="10"/>
    </row>
    <row r="91136" spans="14:14">
      <c r="N91136" s="10"/>
    </row>
    <row r="91137" spans="14:14">
      <c r="N91137" s="10"/>
    </row>
    <row r="91138" spans="14:14">
      <c r="N91138" s="10"/>
    </row>
    <row r="91139" spans="14:14">
      <c r="N91139" s="10"/>
    </row>
    <row r="91140" spans="14:14">
      <c r="N91140" s="10"/>
    </row>
    <row r="91141" spans="14:14">
      <c r="N91141" s="10"/>
    </row>
    <row r="91142" spans="14:14">
      <c r="N91142" s="10"/>
    </row>
    <row r="91143" spans="14:14">
      <c r="N91143" s="10"/>
    </row>
    <row r="91144" spans="14:14">
      <c r="N91144" s="10"/>
    </row>
    <row r="91145" spans="14:14">
      <c r="N91145" s="10"/>
    </row>
    <row r="91146" spans="14:14">
      <c r="N91146" s="10"/>
    </row>
    <row r="91147" spans="14:14">
      <c r="N91147" s="10"/>
    </row>
    <row r="91148" spans="14:14">
      <c r="N91148" s="10"/>
    </row>
    <row r="91149" spans="14:14">
      <c r="N91149" s="10"/>
    </row>
    <row r="91150" spans="14:14">
      <c r="N91150" s="10"/>
    </row>
    <row r="91151" spans="14:14">
      <c r="N91151" s="10"/>
    </row>
    <row r="91152" spans="14:14">
      <c r="N91152" s="10"/>
    </row>
    <row r="91153" spans="14:14">
      <c r="N91153" s="10"/>
    </row>
    <row r="91154" spans="14:14">
      <c r="N91154" s="10"/>
    </row>
    <row r="91155" spans="14:14">
      <c r="N91155" s="10"/>
    </row>
    <row r="91156" spans="14:14">
      <c r="N91156" s="10"/>
    </row>
    <row r="91157" spans="14:14">
      <c r="N91157" s="10"/>
    </row>
    <row r="91158" spans="14:14">
      <c r="N91158" s="10"/>
    </row>
    <row r="91159" spans="14:14">
      <c r="N91159" s="10"/>
    </row>
    <row r="91160" spans="14:14">
      <c r="N91160" s="10"/>
    </row>
    <row r="91161" spans="14:14">
      <c r="N91161" s="10"/>
    </row>
    <row r="91162" spans="14:14">
      <c r="N91162" s="10"/>
    </row>
    <row r="91163" spans="14:14">
      <c r="N91163" s="10"/>
    </row>
    <row r="91164" spans="14:14">
      <c r="N91164" s="10"/>
    </row>
    <row r="91165" spans="14:14">
      <c r="N91165" s="10"/>
    </row>
    <row r="91166" spans="14:14">
      <c r="N91166" s="10"/>
    </row>
    <row r="91167" spans="14:14">
      <c r="N91167" s="10"/>
    </row>
    <row r="91168" spans="14:14">
      <c r="N91168" s="10"/>
    </row>
    <row r="91169" spans="14:14">
      <c r="N91169" s="10"/>
    </row>
    <row r="91170" spans="14:14">
      <c r="N91170" s="10"/>
    </row>
    <row r="91171" spans="14:14">
      <c r="N91171" s="10"/>
    </row>
    <row r="91172" spans="14:14">
      <c r="N91172" s="10"/>
    </row>
    <row r="91173" spans="14:14">
      <c r="N91173" s="10"/>
    </row>
    <row r="91174" spans="14:14">
      <c r="N91174" s="10"/>
    </row>
    <row r="91175" spans="14:14">
      <c r="N91175" s="10"/>
    </row>
    <row r="91176" spans="14:14">
      <c r="N91176" s="10"/>
    </row>
    <row r="91177" spans="14:14">
      <c r="N91177" s="10"/>
    </row>
    <row r="91178" spans="14:14">
      <c r="N91178" s="10"/>
    </row>
    <row r="91179" spans="14:14">
      <c r="N91179" s="10"/>
    </row>
    <row r="91180" spans="14:14">
      <c r="N91180" s="10"/>
    </row>
    <row r="91181" spans="14:14">
      <c r="N91181" s="10"/>
    </row>
    <row r="91182" spans="14:14">
      <c r="N91182" s="10"/>
    </row>
    <row r="91183" spans="14:14">
      <c r="N91183" s="10"/>
    </row>
    <row r="91184" spans="14:14">
      <c r="N91184" s="10"/>
    </row>
    <row r="91185" spans="14:14">
      <c r="N91185" s="10"/>
    </row>
    <row r="91186" spans="14:14">
      <c r="N91186" s="10"/>
    </row>
    <row r="91187" spans="14:14">
      <c r="N91187" s="10"/>
    </row>
    <row r="91188" spans="14:14">
      <c r="N91188" s="10"/>
    </row>
    <row r="91189" spans="14:14">
      <c r="N91189" s="10"/>
    </row>
    <row r="91190" spans="14:14">
      <c r="N91190" s="10"/>
    </row>
    <row r="91191" spans="14:14">
      <c r="N91191" s="10"/>
    </row>
    <row r="91192" spans="14:14">
      <c r="N91192" s="10"/>
    </row>
    <row r="91193" spans="14:14">
      <c r="N91193" s="10"/>
    </row>
    <row r="91194" spans="14:14">
      <c r="N91194" s="10"/>
    </row>
    <row r="91195" spans="14:14">
      <c r="N91195" s="10"/>
    </row>
    <row r="91196" spans="14:14">
      <c r="N91196" s="10"/>
    </row>
    <row r="91197" spans="14:14">
      <c r="N91197" s="10"/>
    </row>
    <row r="91198" spans="14:14">
      <c r="N91198" s="10"/>
    </row>
    <row r="91199" spans="14:14">
      <c r="N91199" s="10"/>
    </row>
    <row r="91200" spans="14:14">
      <c r="N91200" s="10"/>
    </row>
    <row r="91201" spans="14:14">
      <c r="N91201" s="10"/>
    </row>
    <row r="91202" spans="14:14">
      <c r="N91202" s="10"/>
    </row>
    <row r="91203" spans="14:14">
      <c r="N91203" s="10"/>
    </row>
    <row r="91204" spans="14:14">
      <c r="N91204" s="10"/>
    </row>
    <row r="91205" spans="14:14">
      <c r="N91205" s="10"/>
    </row>
    <row r="91206" spans="14:14">
      <c r="N91206" s="10"/>
    </row>
    <row r="91207" spans="14:14">
      <c r="N91207" s="10"/>
    </row>
    <row r="91208" spans="14:14">
      <c r="N91208" s="10"/>
    </row>
    <row r="91209" spans="14:14">
      <c r="N91209" s="10"/>
    </row>
    <row r="91210" spans="14:14">
      <c r="N91210" s="10"/>
    </row>
    <row r="91211" spans="14:14">
      <c r="N91211" s="10"/>
    </row>
    <row r="91212" spans="14:14">
      <c r="N91212" s="10"/>
    </row>
    <row r="91213" spans="14:14">
      <c r="N91213" s="10"/>
    </row>
    <row r="91214" spans="14:14">
      <c r="N91214" s="10"/>
    </row>
    <row r="91215" spans="14:14">
      <c r="N91215" s="10"/>
    </row>
    <row r="91216" spans="14:14">
      <c r="N91216" s="10"/>
    </row>
    <row r="91217" spans="14:14">
      <c r="N91217" s="10"/>
    </row>
    <row r="91218" spans="14:14">
      <c r="N91218" s="10"/>
    </row>
    <row r="91219" spans="14:14">
      <c r="N91219" s="10"/>
    </row>
    <row r="91220" spans="14:14">
      <c r="N91220" s="10"/>
    </row>
    <row r="91221" spans="14:14">
      <c r="N91221" s="10"/>
    </row>
    <row r="91222" spans="14:14">
      <c r="N91222" s="10"/>
    </row>
    <row r="91223" spans="14:14">
      <c r="N91223" s="10"/>
    </row>
    <row r="91224" spans="14:14">
      <c r="N91224" s="10"/>
    </row>
    <row r="91225" spans="14:14">
      <c r="N91225" s="10"/>
    </row>
    <row r="91226" spans="14:14">
      <c r="N91226" s="10"/>
    </row>
    <row r="91227" spans="14:14">
      <c r="N91227" s="10"/>
    </row>
    <row r="91228" spans="14:14">
      <c r="N91228" s="10"/>
    </row>
    <row r="91229" spans="14:14">
      <c r="N91229" s="10"/>
    </row>
    <row r="91230" spans="14:14">
      <c r="N91230" s="10"/>
    </row>
    <row r="91231" spans="14:14">
      <c r="N91231" s="10"/>
    </row>
    <row r="91232" spans="14:14">
      <c r="N91232" s="10"/>
    </row>
    <row r="91233" spans="14:14">
      <c r="N91233" s="10"/>
    </row>
    <row r="91234" spans="14:14">
      <c r="N91234" s="10"/>
    </row>
    <row r="91235" spans="14:14">
      <c r="N91235" s="10"/>
    </row>
    <row r="91236" spans="14:14">
      <c r="N91236" s="10"/>
    </row>
    <row r="91237" spans="14:14">
      <c r="N91237" s="10"/>
    </row>
    <row r="91238" spans="14:14">
      <c r="N91238" s="10"/>
    </row>
    <row r="91239" spans="14:14">
      <c r="N91239" s="10"/>
    </row>
    <row r="91240" spans="14:14">
      <c r="N91240" s="10"/>
    </row>
    <row r="91241" spans="14:14">
      <c r="N91241" s="10"/>
    </row>
    <row r="91242" spans="14:14">
      <c r="N91242" s="10"/>
    </row>
    <row r="91243" spans="14:14">
      <c r="N91243" s="10"/>
    </row>
    <row r="91244" spans="14:14">
      <c r="N91244" s="10"/>
    </row>
    <row r="91245" spans="14:14">
      <c r="N91245" s="10"/>
    </row>
    <row r="91246" spans="14:14">
      <c r="N91246" s="10"/>
    </row>
    <row r="91247" spans="14:14">
      <c r="N91247" s="10"/>
    </row>
    <row r="91248" spans="14:14">
      <c r="N91248" s="10"/>
    </row>
    <row r="91249" spans="14:14">
      <c r="N91249" s="10"/>
    </row>
    <row r="91250" spans="14:14">
      <c r="N91250" s="10"/>
    </row>
    <row r="91251" spans="14:14">
      <c r="N91251" s="10"/>
    </row>
    <row r="91252" spans="14:14">
      <c r="N91252" s="10"/>
    </row>
    <row r="91253" spans="14:14">
      <c r="N91253" s="10"/>
    </row>
    <row r="91254" spans="14:14">
      <c r="N91254" s="10"/>
    </row>
    <row r="91255" spans="14:14">
      <c r="N91255" s="10"/>
    </row>
    <row r="91256" spans="14:14">
      <c r="N91256" s="10"/>
    </row>
    <row r="91257" spans="14:14">
      <c r="N91257" s="10"/>
    </row>
    <row r="91258" spans="14:14">
      <c r="N91258" s="10"/>
    </row>
    <row r="91259" spans="14:14">
      <c r="N91259" s="10"/>
    </row>
    <row r="91260" spans="14:14">
      <c r="N91260" s="10"/>
    </row>
    <row r="91261" spans="14:14">
      <c r="N91261" s="10"/>
    </row>
    <row r="91262" spans="14:14">
      <c r="N91262" s="10"/>
    </row>
    <row r="91263" spans="14:14">
      <c r="N91263" s="10"/>
    </row>
    <row r="91264" spans="14:14">
      <c r="N91264" s="10"/>
    </row>
    <row r="91265" spans="14:14">
      <c r="N91265" s="10"/>
    </row>
    <row r="91266" spans="14:14">
      <c r="N91266" s="10"/>
    </row>
    <row r="91267" spans="14:14">
      <c r="N91267" s="10"/>
    </row>
    <row r="91268" spans="14:14">
      <c r="N91268" s="10"/>
    </row>
    <row r="91269" spans="14:14">
      <c r="N91269" s="10"/>
    </row>
    <row r="91270" spans="14:14">
      <c r="N91270" s="10"/>
    </row>
    <row r="91271" spans="14:14">
      <c r="N91271" s="10"/>
    </row>
    <row r="91272" spans="14:14">
      <c r="N91272" s="10"/>
    </row>
    <row r="91273" spans="14:14">
      <c r="N91273" s="10"/>
    </row>
    <row r="91274" spans="14:14">
      <c r="N91274" s="10"/>
    </row>
    <row r="91275" spans="14:14">
      <c r="N91275" s="10"/>
    </row>
    <row r="91276" spans="14:14">
      <c r="N91276" s="10"/>
    </row>
    <row r="91277" spans="14:14">
      <c r="N91277" s="10"/>
    </row>
    <row r="91278" spans="14:14">
      <c r="N91278" s="10"/>
    </row>
    <row r="91279" spans="14:14">
      <c r="N91279" s="10"/>
    </row>
    <row r="91280" spans="14:14">
      <c r="N91280" s="10"/>
    </row>
    <row r="91281" spans="14:14">
      <c r="N91281" s="10"/>
    </row>
    <row r="91282" spans="14:14">
      <c r="N91282" s="10"/>
    </row>
    <row r="91283" spans="14:14">
      <c r="N91283" s="10"/>
    </row>
    <row r="91284" spans="14:14">
      <c r="N91284" s="10"/>
    </row>
    <row r="91285" spans="14:14">
      <c r="N91285" s="10"/>
    </row>
    <row r="91286" spans="14:14">
      <c r="N91286" s="10"/>
    </row>
    <row r="91287" spans="14:14">
      <c r="N91287" s="10"/>
    </row>
    <row r="91288" spans="14:14">
      <c r="N91288" s="10"/>
    </row>
    <row r="91289" spans="14:14">
      <c r="N91289" s="10"/>
    </row>
    <row r="91290" spans="14:14">
      <c r="N91290" s="10"/>
    </row>
    <row r="91291" spans="14:14">
      <c r="N91291" s="10"/>
    </row>
    <row r="91292" spans="14:14">
      <c r="N91292" s="10"/>
    </row>
    <row r="91293" spans="14:14">
      <c r="N91293" s="10"/>
    </row>
    <row r="91294" spans="14:14">
      <c r="N91294" s="10"/>
    </row>
    <row r="91295" spans="14:14">
      <c r="N91295" s="10"/>
    </row>
    <row r="91296" spans="14:14">
      <c r="N91296" s="10"/>
    </row>
    <row r="91297" spans="14:14">
      <c r="N91297" s="10"/>
    </row>
    <row r="91298" spans="14:14">
      <c r="N91298" s="10"/>
    </row>
    <row r="91299" spans="14:14">
      <c r="N91299" s="10"/>
    </row>
    <row r="91300" spans="14:14">
      <c r="N91300" s="10"/>
    </row>
    <row r="91301" spans="14:14">
      <c r="N91301" s="10"/>
    </row>
    <row r="91302" spans="14:14">
      <c r="N91302" s="10"/>
    </row>
    <row r="91303" spans="14:14">
      <c r="N91303" s="10"/>
    </row>
    <row r="91304" spans="14:14">
      <c r="N91304" s="10"/>
    </row>
    <row r="91305" spans="14:14">
      <c r="N91305" s="10"/>
    </row>
    <row r="91306" spans="14:14">
      <c r="N91306" s="10"/>
    </row>
    <row r="91307" spans="14:14">
      <c r="N91307" s="10"/>
    </row>
    <row r="91308" spans="14:14">
      <c r="N91308" s="10"/>
    </row>
    <row r="91309" spans="14:14">
      <c r="N91309" s="10"/>
    </row>
    <row r="91310" spans="14:14">
      <c r="N91310" s="10"/>
    </row>
    <row r="91311" spans="14:14">
      <c r="N91311" s="10"/>
    </row>
    <row r="91312" spans="14:14">
      <c r="N91312" s="10"/>
    </row>
    <row r="91313" spans="14:14">
      <c r="N91313" s="10"/>
    </row>
    <row r="91314" spans="14:14">
      <c r="N91314" s="10"/>
    </row>
    <row r="91315" spans="14:14">
      <c r="N91315" s="10"/>
    </row>
    <row r="91316" spans="14:14">
      <c r="N91316" s="10"/>
    </row>
    <row r="91317" spans="14:14">
      <c r="N91317" s="10"/>
    </row>
    <row r="91318" spans="14:14">
      <c r="N91318" s="10"/>
    </row>
    <row r="91319" spans="14:14">
      <c r="N91319" s="10"/>
    </row>
    <row r="91320" spans="14:14">
      <c r="N91320" s="10"/>
    </row>
    <row r="91321" spans="14:14">
      <c r="N91321" s="10"/>
    </row>
    <row r="91322" spans="14:14">
      <c r="N91322" s="10"/>
    </row>
    <row r="91323" spans="14:14">
      <c r="N91323" s="10"/>
    </row>
    <row r="91324" spans="14:14">
      <c r="N91324" s="10"/>
    </row>
    <row r="91325" spans="14:14">
      <c r="N91325" s="10"/>
    </row>
    <row r="91326" spans="14:14">
      <c r="N91326" s="10"/>
    </row>
    <row r="91327" spans="14:14">
      <c r="N91327" s="10"/>
    </row>
    <row r="91328" spans="14:14">
      <c r="N91328" s="10"/>
    </row>
    <row r="91329" spans="14:14">
      <c r="N91329" s="10"/>
    </row>
    <row r="91330" spans="14:14">
      <c r="N91330" s="10"/>
    </row>
    <row r="91331" spans="14:14">
      <c r="N91331" s="10"/>
    </row>
    <row r="91332" spans="14:14">
      <c r="N91332" s="10"/>
    </row>
    <row r="91333" spans="14:14">
      <c r="N91333" s="10"/>
    </row>
    <row r="91334" spans="14:14">
      <c r="N91334" s="10"/>
    </row>
    <row r="91335" spans="14:14">
      <c r="N91335" s="10"/>
    </row>
    <row r="91336" spans="14:14">
      <c r="N91336" s="10"/>
    </row>
    <row r="91337" spans="14:14">
      <c r="N91337" s="10"/>
    </row>
    <row r="91338" spans="14:14">
      <c r="N91338" s="10"/>
    </row>
    <row r="91339" spans="14:14">
      <c r="N91339" s="10"/>
    </row>
    <row r="91340" spans="14:14">
      <c r="N91340" s="10"/>
    </row>
    <row r="91341" spans="14:14">
      <c r="N91341" s="10"/>
    </row>
    <row r="91342" spans="14:14">
      <c r="N91342" s="10"/>
    </row>
    <row r="91343" spans="14:14">
      <c r="N91343" s="10"/>
    </row>
    <row r="91344" spans="14:14">
      <c r="N91344" s="10"/>
    </row>
    <row r="91345" spans="14:14">
      <c r="N91345" s="10"/>
    </row>
    <row r="91346" spans="14:14">
      <c r="N91346" s="10"/>
    </row>
    <row r="91347" spans="14:14">
      <c r="N91347" s="10"/>
    </row>
    <row r="91348" spans="14:14">
      <c r="N91348" s="10"/>
    </row>
    <row r="91349" spans="14:14">
      <c r="N91349" s="10"/>
    </row>
    <row r="91350" spans="14:14">
      <c r="N91350" s="10"/>
    </row>
    <row r="91351" spans="14:14">
      <c r="N91351" s="10"/>
    </row>
    <row r="91352" spans="14:14">
      <c r="N91352" s="10"/>
    </row>
    <row r="91353" spans="14:14">
      <c r="N91353" s="10"/>
    </row>
    <row r="91354" spans="14:14">
      <c r="N91354" s="10"/>
    </row>
    <row r="91355" spans="14:14">
      <c r="N91355" s="10"/>
    </row>
    <row r="91356" spans="14:14">
      <c r="N91356" s="10"/>
    </row>
    <row r="91357" spans="14:14">
      <c r="N91357" s="10"/>
    </row>
    <row r="91358" spans="14:14">
      <c r="N91358" s="10"/>
    </row>
    <row r="91359" spans="14:14">
      <c r="N91359" s="10"/>
    </row>
    <row r="91360" spans="14:14">
      <c r="N91360" s="10"/>
    </row>
    <row r="91361" spans="14:14">
      <c r="N91361" s="10"/>
    </row>
    <row r="91362" spans="14:14">
      <c r="N91362" s="10"/>
    </row>
    <row r="91363" spans="14:14">
      <c r="N91363" s="10"/>
    </row>
    <row r="91364" spans="14:14">
      <c r="N91364" s="10"/>
    </row>
    <row r="91365" spans="14:14">
      <c r="N91365" s="10"/>
    </row>
    <row r="91366" spans="14:14">
      <c r="N91366" s="10"/>
    </row>
    <row r="91367" spans="14:14">
      <c r="N91367" s="10"/>
    </row>
    <row r="91368" spans="14:14">
      <c r="N91368" s="10"/>
    </row>
    <row r="91369" spans="14:14">
      <c r="N91369" s="10"/>
    </row>
    <row r="91370" spans="14:14">
      <c r="N91370" s="10"/>
    </row>
    <row r="91371" spans="14:14">
      <c r="N91371" s="10"/>
    </row>
    <row r="91372" spans="14:14">
      <c r="N91372" s="10"/>
    </row>
    <row r="91373" spans="14:14">
      <c r="N91373" s="10"/>
    </row>
    <row r="91374" spans="14:14">
      <c r="N91374" s="10"/>
    </row>
    <row r="91375" spans="14:14">
      <c r="N91375" s="10"/>
    </row>
    <row r="91376" spans="14:14">
      <c r="N91376" s="10"/>
    </row>
    <row r="91377" spans="14:14">
      <c r="N91377" s="10"/>
    </row>
    <row r="91378" spans="14:14">
      <c r="N91378" s="10"/>
    </row>
    <row r="91379" spans="14:14">
      <c r="N91379" s="10"/>
    </row>
    <row r="91380" spans="14:14">
      <c r="N91380" s="10"/>
    </row>
    <row r="91381" spans="14:14">
      <c r="N91381" s="10"/>
    </row>
    <row r="91382" spans="14:14">
      <c r="N91382" s="10"/>
    </row>
    <row r="91383" spans="14:14">
      <c r="N91383" s="10"/>
    </row>
    <row r="91384" spans="14:14">
      <c r="N91384" s="10"/>
    </row>
    <row r="91385" spans="14:14">
      <c r="N91385" s="10"/>
    </row>
    <row r="91386" spans="14:14">
      <c r="N91386" s="10"/>
    </row>
    <row r="91387" spans="14:14">
      <c r="N91387" s="10"/>
    </row>
    <row r="91388" spans="14:14">
      <c r="N91388" s="10"/>
    </row>
    <row r="91389" spans="14:14">
      <c r="N91389" s="10"/>
    </row>
    <row r="91390" spans="14:14">
      <c r="N91390" s="10"/>
    </row>
    <row r="91391" spans="14:14">
      <c r="N91391" s="10"/>
    </row>
    <row r="91392" spans="14:14">
      <c r="N91392" s="10"/>
    </row>
    <row r="91393" spans="14:14">
      <c r="N91393" s="10"/>
    </row>
    <row r="91394" spans="14:14">
      <c r="N91394" s="10"/>
    </row>
    <row r="91395" spans="14:14">
      <c r="N91395" s="10"/>
    </row>
    <row r="91396" spans="14:14">
      <c r="N91396" s="10"/>
    </row>
    <row r="91397" spans="14:14">
      <c r="N91397" s="10"/>
    </row>
    <row r="91398" spans="14:14">
      <c r="N91398" s="10"/>
    </row>
    <row r="91399" spans="14:14">
      <c r="N91399" s="10"/>
    </row>
    <row r="91400" spans="14:14">
      <c r="N91400" s="10"/>
    </row>
    <row r="91401" spans="14:14">
      <c r="N91401" s="10"/>
    </row>
    <row r="91402" spans="14:14">
      <c r="N91402" s="10"/>
    </row>
    <row r="91403" spans="14:14">
      <c r="N91403" s="10"/>
    </row>
    <row r="91404" spans="14:14">
      <c r="N91404" s="10"/>
    </row>
    <row r="91405" spans="14:14">
      <c r="N91405" s="10"/>
    </row>
    <row r="91406" spans="14:14">
      <c r="N91406" s="10"/>
    </row>
    <row r="91407" spans="14:14">
      <c r="N91407" s="10"/>
    </row>
    <row r="91408" spans="14:14">
      <c r="N91408" s="10"/>
    </row>
    <row r="91409" spans="14:14">
      <c r="N91409" s="10"/>
    </row>
    <row r="91410" spans="14:14">
      <c r="N91410" s="10"/>
    </row>
    <row r="91411" spans="14:14">
      <c r="N91411" s="10"/>
    </row>
    <row r="91412" spans="14:14">
      <c r="N91412" s="10"/>
    </row>
    <row r="91413" spans="14:14">
      <c r="N91413" s="10"/>
    </row>
    <row r="91414" spans="14:14">
      <c r="N91414" s="10"/>
    </row>
    <row r="91415" spans="14:14">
      <c r="N91415" s="10"/>
    </row>
    <row r="91416" spans="14:14">
      <c r="N91416" s="10"/>
    </row>
    <row r="91417" spans="14:14">
      <c r="N91417" s="10"/>
    </row>
    <row r="91418" spans="14:14">
      <c r="N91418" s="10"/>
    </row>
    <row r="91419" spans="14:14">
      <c r="N91419" s="10"/>
    </row>
    <row r="91420" spans="14:14">
      <c r="N91420" s="10"/>
    </row>
    <row r="91421" spans="14:14">
      <c r="N91421" s="10"/>
    </row>
    <row r="91422" spans="14:14">
      <c r="N91422" s="10"/>
    </row>
    <row r="91423" spans="14:14">
      <c r="N91423" s="10"/>
    </row>
    <row r="91424" spans="14:14">
      <c r="N91424" s="10"/>
    </row>
    <row r="91425" spans="14:14">
      <c r="N91425" s="10"/>
    </row>
    <row r="91426" spans="14:14">
      <c r="N91426" s="10"/>
    </row>
    <row r="91427" spans="14:14">
      <c r="N91427" s="10"/>
    </row>
    <row r="91428" spans="14:14">
      <c r="N91428" s="10"/>
    </row>
    <row r="91429" spans="14:14">
      <c r="N91429" s="10"/>
    </row>
    <row r="91430" spans="14:14">
      <c r="N91430" s="10"/>
    </row>
    <row r="91431" spans="14:14">
      <c r="N91431" s="10"/>
    </row>
    <row r="91432" spans="14:14">
      <c r="N91432" s="10"/>
    </row>
    <row r="91433" spans="14:14">
      <c r="N91433" s="10"/>
    </row>
    <row r="91434" spans="14:14">
      <c r="N91434" s="10"/>
    </row>
    <row r="91435" spans="14:14">
      <c r="N91435" s="10"/>
    </row>
    <row r="91436" spans="14:14">
      <c r="N91436" s="10"/>
    </row>
    <row r="91437" spans="14:14">
      <c r="N91437" s="10"/>
    </row>
    <row r="91438" spans="14:14">
      <c r="N91438" s="10"/>
    </row>
    <row r="91439" spans="14:14">
      <c r="N91439" s="10"/>
    </row>
    <row r="91440" spans="14:14">
      <c r="N91440" s="10"/>
    </row>
    <row r="91441" spans="14:14">
      <c r="N91441" s="10"/>
    </row>
    <row r="91442" spans="14:14">
      <c r="N91442" s="10"/>
    </row>
    <row r="91443" spans="14:14">
      <c r="N91443" s="10"/>
    </row>
    <row r="91444" spans="14:14">
      <c r="N91444" s="10"/>
    </row>
    <row r="91445" spans="14:14">
      <c r="N91445" s="10"/>
    </row>
    <row r="91446" spans="14:14">
      <c r="N91446" s="10"/>
    </row>
    <row r="91447" spans="14:14">
      <c r="N91447" s="10"/>
    </row>
    <row r="91448" spans="14:14">
      <c r="N91448" s="10"/>
    </row>
    <row r="91449" spans="14:14">
      <c r="N91449" s="10"/>
    </row>
    <row r="91450" spans="14:14">
      <c r="N91450" s="10"/>
    </row>
    <row r="91451" spans="14:14">
      <c r="N91451" s="10"/>
    </row>
    <row r="91452" spans="14:14">
      <c r="N91452" s="10"/>
    </row>
    <row r="91453" spans="14:14">
      <c r="N91453" s="10"/>
    </row>
    <row r="91454" spans="14:14">
      <c r="N91454" s="10"/>
    </row>
    <row r="91455" spans="14:14">
      <c r="N91455" s="10"/>
    </row>
    <row r="91456" spans="14:14">
      <c r="N91456" s="10"/>
    </row>
    <row r="91457" spans="14:14">
      <c r="N91457" s="10"/>
    </row>
    <row r="91458" spans="14:14">
      <c r="N91458" s="10"/>
    </row>
    <row r="91459" spans="14:14">
      <c r="N91459" s="10"/>
    </row>
    <row r="91460" spans="14:14">
      <c r="N91460" s="10"/>
    </row>
    <row r="91461" spans="14:14">
      <c r="N91461" s="10"/>
    </row>
    <row r="91462" spans="14:14">
      <c r="N91462" s="10"/>
    </row>
    <row r="91463" spans="14:14">
      <c r="N91463" s="10"/>
    </row>
    <row r="91464" spans="14:14">
      <c r="N91464" s="10"/>
    </row>
    <row r="91465" spans="14:14">
      <c r="N91465" s="10"/>
    </row>
    <row r="91466" spans="14:14">
      <c r="N91466" s="10"/>
    </row>
    <row r="91467" spans="14:14">
      <c r="N91467" s="10"/>
    </row>
    <row r="91468" spans="14:14">
      <c r="N91468" s="10"/>
    </row>
    <row r="91469" spans="14:14">
      <c r="N91469" s="10"/>
    </row>
    <row r="91470" spans="14:14">
      <c r="N91470" s="10"/>
    </row>
    <row r="91471" spans="14:14">
      <c r="N91471" s="10"/>
    </row>
    <row r="91472" spans="14:14">
      <c r="N91472" s="10"/>
    </row>
    <row r="91473" spans="14:14">
      <c r="N91473" s="10"/>
    </row>
    <row r="91474" spans="14:14">
      <c r="N91474" s="10"/>
    </row>
    <row r="91475" spans="14:14">
      <c r="N91475" s="10"/>
    </row>
    <row r="91476" spans="14:14">
      <c r="N91476" s="10"/>
    </row>
    <row r="91477" spans="14:14">
      <c r="N91477" s="10"/>
    </row>
    <row r="91478" spans="14:14">
      <c r="N91478" s="10"/>
    </row>
    <row r="91479" spans="14:14">
      <c r="N91479" s="10"/>
    </row>
    <row r="91480" spans="14:14">
      <c r="N91480" s="10"/>
    </row>
    <row r="91481" spans="14:14">
      <c r="N91481" s="10"/>
    </row>
    <row r="91482" spans="14:14">
      <c r="N91482" s="10"/>
    </row>
    <row r="91483" spans="14:14">
      <c r="N91483" s="10"/>
    </row>
    <row r="91484" spans="14:14">
      <c r="N91484" s="10"/>
    </row>
    <row r="91485" spans="14:14">
      <c r="N91485" s="10"/>
    </row>
    <row r="91486" spans="14:14">
      <c r="N91486" s="10"/>
    </row>
    <row r="91487" spans="14:14">
      <c r="N91487" s="10"/>
    </row>
    <row r="91488" spans="14:14">
      <c r="N91488" s="10"/>
    </row>
    <row r="91489" spans="14:14">
      <c r="N91489" s="10"/>
    </row>
    <row r="91490" spans="14:14">
      <c r="N91490" s="10"/>
    </row>
    <row r="91491" spans="14:14">
      <c r="N91491" s="10"/>
    </row>
    <row r="91492" spans="14:14">
      <c r="N91492" s="10"/>
    </row>
    <row r="91493" spans="14:14">
      <c r="N91493" s="10"/>
    </row>
    <row r="91494" spans="14:14">
      <c r="N91494" s="10"/>
    </row>
    <row r="91495" spans="14:14">
      <c r="N91495" s="10"/>
    </row>
    <row r="91496" spans="14:14">
      <c r="N91496" s="10"/>
    </row>
    <row r="91497" spans="14:14">
      <c r="N91497" s="10"/>
    </row>
    <row r="91498" spans="14:14">
      <c r="N91498" s="10"/>
    </row>
    <row r="91499" spans="14:14">
      <c r="N91499" s="10"/>
    </row>
    <row r="91500" spans="14:14">
      <c r="N91500" s="10"/>
    </row>
    <row r="91501" spans="14:14">
      <c r="N91501" s="10"/>
    </row>
    <row r="91502" spans="14:14">
      <c r="N91502" s="10"/>
    </row>
    <row r="91503" spans="14:14">
      <c r="N91503" s="10"/>
    </row>
    <row r="91504" spans="14:14">
      <c r="N91504" s="10"/>
    </row>
    <row r="91505" spans="14:14">
      <c r="N91505" s="10"/>
    </row>
    <row r="91506" spans="14:14">
      <c r="N91506" s="10"/>
    </row>
    <row r="91507" spans="14:14">
      <c r="N91507" s="10"/>
    </row>
    <row r="91508" spans="14:14">
      <c r="N91508" s="10"/>
    </row>
    <row r="91509" spans="14:14">
      <c r="N91509" s="10"/>
    </row>
    <row r="91510" spans="14:14">
      <c r="N91510" s="10"/>
    </row>
    <row r="91511" spans="14:14">
      <c r="N91511" s="10"/>
    </row>
    <row r="91512" spans="14:14">
      <c r="N91512" s="10"/>
    </row>
    <row r="91513" spans="14:14">
      <c r="N91513" s="10"/>
    </row>
    <row r="91514" spans="14:14">
      <c r="N91514" s="10"/>
    </row>
    <row r="91515" spans="14:14">
      <c r="N91515" s="10"/>
    </row>
    <row r="91516" spans="14:14">
      <c r="N91516" s="10"/>
    </row>
    <row r="91517" spans="14:14">
      <c r="N91517" s="10"/>
    </row>
    <row r="91518" spans="14:14">
      <c r="N91518" s="10"/>
    </row>
    <row r="91519" spans="14:14">
      <c r="N91519" s="10"/>
    </row>
    <row r="91520" spans="14:14">
      <c r="N91520" s="10"/>
    </row>
    <row r="91521" spans="14:14">
      <c r="N91521" s="10"/>
    </row>
    <row r="91522" spans="14:14">
      <c r="N91522" s="10"/>
    </row>
    <row r="91523" spans="14:14">
      <c r="N91523" s="10"/>
    </row>
    <row r="91524" spans="14:14">
      <c r="N91524" s="10"/>
    </row>
    <row r="91525" spans="14:14">
      <c r="N91525" s="10"/>
    </row>
    <row r="91526" spans="14:14">
      <c r="N91526" s="10"/>
    </row>
    <row r="91527" spans="14:14">
      <c r="N91527" s="10"/>
    </row>
    <row r="91528" spans="14:14">
      <c r="N91528" s="10"/>
    </row>
    <row r="91529" spans="14:14">
      <c r="N91529" s="10"/>
    </row>
    <row r="91530" spans="14:14">
      <c r="N91530" s="10"/>
    </row>
    <row r="91531" spans="14:14">
      <c r="N91531" s="10"/>
    </row>
    <row r="91532" spans="14:14">
      <c r="N91532" s="10"/>
    </row>
    <row r="91533" spans="14:14">
      <c r="N91533" s="10"/>
    </row>
    <row r="91534" spans="14:14">
      <c r="N91534" s="10"/>
    </row>
    <row r="91535" spans="14:14">
      <c r="N91535" s="10"/>
    </row>
    <row r="91536" spans="14:14">
      <c r="N91536" s="10"/>
    </row>
    <row r="91537" spans="14:14">
      <c r="N91537" s="10"/>
    </row>
    <row r="91538" spans="14:14">
      <c r="N91538" s="10"/>
    </row>
    <row r="91539" spans="14:14">
      <c r="N91539" s="10"/>
    </row>
    <row r="91540" spans="14:14">
      <c r="N91540" s="10"/>
    </row>
    <row r="91541" spans="14:14">
      <c r="N91541" s="10"/>
    </row>
    <row r="91542" spans="14:14">
      <c r="N91542" s="10"/>
    </row>
    <row r="91543" spans="14:14">
      <c r="N91543" s="10"/>
    </row>
    <row r="91544" spans="14:14">
      <c r="N91544" s="10"/>
    </row>
    <row r="91545" spans="14:14">
      <c r="N91545" s="10"/>
    </row>
    <row r="91546" spans="14:14">
      <c r="N91546" s="10"/>
    </row>
    <row r="91547" spans="14:14">
      <c r="N91547" s="10"/>
    </row>
    <row r="91548" spans="14:14">
      <c r="N91548" s="10"/>
    </row>
    <row r="91549" spans="14:14">
      <c r="N91549" s="10"/>
    </row>
    <row r="91550" spans="14:14">
      <c r="N91550" s="10"/>
    </row>
    <row r="91551" spans="14:14">
      <c r="N91551" s="10"/>
    </row>
    <row r="91552" spans="14:14">
      <c r="N91552" s="10"/>
    </row>
    <row r="91553" spans="14:14">
      <c r="N91553" s="10"/>
    </row>
    <row r="91554" spans="14:14">
      <c r="N91554" s="10"/>
    </row>
    <row r="91555" spans="14:14">
      <c r="N91555" s="10"/>
    </row>
    <row r="91556" spans="14:14">
      <c r="N91556" s="10"/>
    </row>
    <row r="91557" spans="14:14">
      <c r="N91557" s="10"/>
    </row>
    <row r="91558" spans="14:14">
      <c r="N91558" s="10"/>
    </row>
    <row r="91559" spans="14:14">
      <c r="N91559" s="10"/>
    </row>
    <row r="91560" spans="14:14">
      <c r="N91560" s="10"/>
    </row>
    <row r="91561" spans="14:14">
      <c r="N91561" s="10"/>
    </row>
    <row r="91562" spans="14:14">
      <c r="N91562" s="10"/>
    </row>
    <row r="91563" spans="14:14">
      <c r="N91563" s="10"/>
    </row>
    <row r="91564" spans="14:14">
      <c r="N91564" s="10"/>
    </row>
    <row r="91565" spans="14:14">
      <c r="N91565" s="10"/>
    </row>
    <row r="91566" spans="14:14">
      <c r="N91566" s="10"/>
    </row>
    <row r="91567" spans="14:14">
      <c r="N91567" s="10"/>
    </row>
    <row r="91568" spans="14:14">
      <c r="N91568" s="10"/>
    </row>
    <row r="91569" spans="14:14">
      <c r="N91569" s="10"/>
    </row>
    <row r="91570" spans="14:14">
      <c r="N91570" s="10"/>
    </row>
    <row r="91571" spans="14:14">
      <c r="N91571" s="10"/>
    </row>
    <row r="91572" spans="14:14">
      <c r="N91572" s="10"/>
    </row>
    <row r="91573" spans="14:14">
      <c r="N91573" s="10"/>
    </row>
    <row r="91574" spans="14:14">
      <c r="N91574" s="10"/>
    </row>
    <row r="91575" spans="14:14">
      <c r="N91575" s="10"/>
    </row>
    <row r="91576" spans="14:14">
      <c r="N91576" s="10"/>
    </row>
    <row r="91577" spans="14:14">
      <c r="N91577" s="10"/>
    </row>
    <row r="91578" spans="14:14">
      <c r="N91578" s="10"/>
    </row>
    <row r="91579" spans="14:14">
      <c r="N91579" s="10"/>
    </row>
    <row r="91580" spans="14:14">
      <c r="N91580" s="10"/>
    </row>
    <row r="91581" spans="14:14">
      <c r="N91581" s="10"/>
    </row>
    <row r="91582" spans="14:14">
      <c r="N91582" s="10"/>
    </row>
    <row r="91583" spans="14:14">
      <c r="N91583" s="10"/>
    </row>
    <row r="91584" spans="14:14">
      <c r="N91584" s="10"/>
    </row>
    <row r="91585" spans="14:14">
      <c r="N91585" s="10"/>
    </row>
    <row r="91586" spans="14:14">
      <c r="N91586" s="10"/>
    </row>
    <row r="91587" spans="14:14">
      <c r="N91587" s="10"/>
    </row>
    <row r="91588" spans="14:14">
      <c r="N91588" s="10"/>
    </row>
    <row r="91589" spans="14:14">
      <c r="N91589" s="10"/>
    </row>
    <row r="91590" spans="14:14">
      <c r="N91590" s="10"/>
    </row>
    <row r="91591" spans="14:14">
      <c r="N91591" s="10"/>
    </row>
    <row r="91592" spans="14:14">
      <c r="N91592" s="10"/>
    </row>
    <row r="91593" spans="14:14">
      <c r="N91593" s="10"/>
    </row>
    <row r="91594" spans="14:14">
      <c r="N91594" s="10"/>
    </row>
    <row r="91595" spans="14:14">
      <c r="N91595" s="10"/>
    </row>
    <row r="91596" spans="14:14">
      <c r="N91596" s="10"/>
    </row>
    <row r="91597" spans="14:14">
      <c r="N91597" s="10"/>
    </row>
    <row r="91598" spans="14:14">
      <c r="N91598" s="10"/>
    </row>
    <row r="91599" spans="14:14">
      <c r="N91599" s="10"/>
    </row>
    <row r="91600" spans="14:14">
      <c r="N91600" s="10"/>
    </row>
    <row r="91601" spans="14:14">
      <c r="N91601" s="10"/>
    </row>
    <row r="91602" spans="14:14">
      <c r="N91602" s="10"/>
    </row>
    <row r="91603" spans="14:14">
      <c r="N91603" s="10"/>
    </row>
    <row r="91604" spans="14:14">
      <c r="N91604" s="10"/>
    </row>
    <row r="91605" spans="14:14">
      <c r="N91605" s="10"/>
    </row>
    <row r="91606" spans="14:14">
      <c r="N91606" s="10"/>
    </row>
    <row r="91607" spans="14:14">
      <c r="N91607" s="10"/>
    </row>
    <row r="91608" spans="14:14">
      <c r="N91608" s="10"/>
    </row>
    <row r="91609" spans="14:14">
      <c r="N91609" s="10"/>
    </row>
    <row r="91610" spans="14:14">
      <c r="N91610" s="10"/>
    </row>
    <row r="91611" spans="14:14">
      <c r="N91611" s="10"/>
    </row>
    <row r="91612" spans="14:14">
      <c r="N91612" s="10"/>
    </row>
    <row r="91613" spans="14:14">
      <c r="N91613" s="10"/>
    </row>
    <row r="91614" spans="14:14">
      <c r="N91614" s="10"/>
    </row>
    <row r="91615" spans="14:14">
      <c r="N91615" s="10"/>
    </row>
    <row r="91616" spans="14:14">
      <c r="N91616" s="10"/>
    </row>
    <row r="91617" spans="14:14">
      <c r="N91617" s="10"/>
    </row>
    <row r="91618" spans="14:14">
      <c r="N91618" s="10"/>
    </row>
    <row r="91619" spans="14:14">
      <c r="N91619" s="10"/>
    </row>
    <row r="91620" spans="14:14">
      <c r="N91620" s="10"/>
    </row>
    <row r="91621" spans="14:14">
      <c r="N91621" s="10"/>
    </row>
    <row r="91622" spans="14:14">
      <c r="N91622" s="10"/>
    </row>
    <row r="91623" spans="14:14">
      <c r="N91623" s="10"/>
    </row>
    <row r="91624" spans="14:14">
      <c r="N91624" s="10"/>
    </row>
    <row r="91625" spans="14:14">
      <c r="N91625" s="10"/>
    </row>
    <row r="91626" spans="14:14">
      <c r="N91626" s="10"/>
    </row>
    <row r="91627" spans="14:14">
      <c r="N91627" s="10"/>
    </row>
    <row r="91628" spans="14:14">
      <c r="N91628" s="10"/>
    </row>
    <row r="91629" spans="14:14">
      <c r="N91629" s="10"/>
    </row>
    <row r="91630" spans="14:14">
      <c r="N91630" s="10"/>
    </row>
    <row r="91631" spans="14:14">
      <c r="N91631" s="10"/>
    </row>
    <row r="91632" spans="14:14">
      <c r="N91632" s="10"/>
    </row>
    <row r="91633" spans="14:14">
      <c r="N91633" s="10"/>
    </row>
    <row r="91634" spans="14:14">
      <c r="N91634" s="10"/>
    </row>
    <row r="91635" spans="14:14">
      <c r="N91635" s="10"/>
    </row>
    <row r="91636" spans="14:14">
      <c r="N91636" s="10"/>
    </row>
    <row r="91637" spans="14:14">
      <c r="N91637" s="10"/>
    </row>
    <row r="91638" spans="14:14">
      <c r="N91638" s="10"/>
    </row>
    <row r="91639" spans="14:14">
      <c r="N91639" s="10"/>
    </row>
    <row r="91640" spans="14:14">
      <c r="N91640" s="10"/>
    </row>
    <row r="91641" spans="14:14">
      <c r="N91641" s="10"/>
    </row>
    <row r="91642" spans="14:14">
      <c r="N91642" s="10"/>
    </row>
    <row r="91643" spans="14:14">
      <c r="N91643" s="10"/>
    </row>
    <row r="91644" spans="14:14">
      <c r="N91644" s="10"/>
    </row>
    <row r="91645" spans="14:14">
      <c r="N91645" s="10"/>
    </row>
    <row r="91646" spans="14:14">
      <c r="N91646" s="10"/>
    </row>
    <row r="91647" spans="14:14">
      <c r="N91647" s="10"/>
    </row>
    <row r="91648" spans="14:14">
      <c r="N91648" s="10"/>
    </row>
    <row r="91649" spans="14:14">
      <c r="N91649" s="10"/>
    </row>
    <row r="91650" spans="14:14">
      <c r="N91650" s="10"/>
    </row>
    <row r="91651" spans="14:14">
      <c r="N91651" s="10"/>
    </row>
    <row r="91652" spans="14:14">
      <c r="N91652" s="10"/>
    </row>
    <row r="91653" spans="14:14">
      <c r="N91653" s="10"/>
    </row>
    <row r="91654" spans="14:14">
      <c r="N91654" s="10"/>
    </row>
    <row r="91655" spans="14:14">
      <c r="N91655" s="10"/>
    </row>
    <row r="91656" spans="14:14">
      <c r="N91656" s="10"/>
    </row>
    <row r="91657" spans="14:14">
      <c r="N91657" s="10"/>
    </row>
    <row r="91658" spans="14:14">
      <c r="N91658" s="10"/>
    </row>
    <row r="91659" spans="14:14">
      <c r="N91659" s="10"/>
    </row>
    <row r="91660" spans="14:14">
      <c r="N91660" s="10"/>
    </row>
    <row r="91661" spans="14:14">
      <c r="N91661" s="10"/>
    </row>
    <row r="91662" spans="14:14">
      <c r="N91662" s="10"/>
    </row>
    <row r="91663" spans="14:14">
      <c r="N91663" s="10"/>
    </row>
    <row r="91664" spans="14:14">
      <c r="N91664" s="10"/>
    </row>
    <row r="91665" spans="14:14">
      <c r="N91665" s="10"/>
    </row>
    <row r="91666" spans="14:14">
      <c r="N91666" s="10"/>
    </row>
    <row r="91667" spans="14:14">
      <c r="N91667" s="10"/>
    </row>
    <row r="91668" spans="14:14">
      <c r="N91668" s="10"/>
    </row>
    <row r="91669" spans="14:14">
      <c r="N91669" s="10"/>
    </row>
    <row r="91670" spans="14:14">
      <c r="N91670" s="10"/>
    </row>
    <row r="91671" spans="14:14">
      <c r="N91671" s="10"/>
    </row>
    <row r="91672" spans="14:14">
      <c r="N91672" s="10"/>
    </row>
    <row r="91673" spans="14:14">
      <c r="N91673" s="10"/>
    </row>
    <row r="91674" spans="14:14">
      <c r="N91674" s="10"/>
    </row>
    <row r="91675" spans="14:14">
      <c r="N91675" s="10"/>
    </row>
    <row r="91676" spans="14:14">
      <c r="N91676" s="10"/>
    </row>
    <row r="91677" spans="14:14">
      <c r="N91677" s="10"/>
    </row>
    <row r="91678" spans="14:14">
      <c r="N91678" s="10"/>
    </row>
    <row r="91679" spans="14:14">
      <c r="N91679" s="10"/>
    </row>
    <row r="91680" spans="14:14">
      <c r="N91680" s="10"/>
    </row>
    <row r="91681" spans="14:14">
      <c r="N91681" s="10"/>
    </row>
    <row r="91682" spans="14:14">
      <c r="N91682" s="10"/>
    </row>
    <row r="91683" spans="14:14">
      <c r="N91683" s="10"/>
    </row>
    <row r="91684" spans="14:14">
      <c r="N91684" s="10"/>
    </row>
    <row r="91685" spans="14:14">
      <c r="N91685" s="10"/>
    </row>
    <row r="91686" spans="14:14">
      <c r="N91686" s="10"/>
    </row>
    <row r="91687" spans="14:14">
      <c r="N91687" s="10"/>
    </row>
    <row r="91688" spans="14:14">
      <c r="N91688" s="10"/>
    </row>
    <row r="91689" spans="14:14">
      <c r="N91689" s="10"/>
    </row>
    <row r="91690" spans="14:14">
      <c r="N91690" s="10"/>
    </row>
    <row r="91691" spans="14:14">
      <c r="N91691" s="10"/>
    </row>
    <row r="91692" spans="14:14">
      <c r="N91692" s="10"/>
    </row>
    <row r="91693" spans="14:14">
      <c r="N91693" s="10"/>
    </row>
    <row r="91694" spans="14:14">
      <c r="N91694" s="10"/>
    </row>
    <row r="91695" spans="14:14">
      <c r="N91695" s="10"/>
    </row>
    <row r="91696" spans="14:14">
      <c r="N91696" s="10"/>
    </row>
    <row r="91697" spans="14:14">
      <c r="N91697" s="10"/>
    </row>
    <row r="91698" spans="14:14">
      <c r="N91698" s="10"/>
    </row>
    <row r="91699" spans="14:14">
      <c r="N91699" s="10"/>
    </row>
    <row r="91700" spans="14:14">
      <c r="N91700" s="10"/>
    </row>
    <row r="91701" spans="14:14">
      <c r="N91701" s="10"/>
    </row>
    <row r="91702" spans="14:14">
      <c r="N91702" s="10"/>
    </row>
    <row r="91703" spans="14:14">
      <c r="N91703" s="10"/>
    </row>
    <row r="91704" spans="14:14">
      <c r="N91704" s="10"/>
    </row>
    <row r="91705" spans="14:14">
      <c r="N91705" s="10"/>
    </row>
    <row r="91706" spans="14:14">
      <c r="N91706" s="10"/>
    </row>
    <row r="91707" spans="14:14">
      <c r="N91707" s="10"/>
    </row>
    <row r="91708" spans="14:14">
      <c r="N91708" s="10"/>
    </row>
    <row r="91709" spans="14:14">
      <c r="N91709" s="10"/>
    </row>
    <row r="91710" spans="14:14">
      <c r="N91710" s="10"/>
    </row>
    <row r="91711" spans="14:14">
      <c r="N91711" s="10"/>
    </row>
    <row r="91712" spans="14:14">
      <c r="N91712" s="10"/>
    </row>
    <row r="91713" spans="14:14">
      <c r="N91713" s="10"/>
    </row>
    <row r="91714" spans="14:14">
      <c r="N91714" s="10"/>
    </row>
    <row r="91715" spans="14:14">
      <c r="N91715" s="10"/>
    </row>
    <row r="91716" spans="14:14">
      <c r="N91716" s="10"/>
    </row>
    <row r="91717" spans="14:14">
      <c r="N91717" s="10"/>
    </row>
    <row r="91718" spans="14:14">
      <c r="N91718" s="10"/>
    </row>
    <row r="91719" spans="14:14">
      <c r="N91719" s="10"/>
    </row>
    <row r="91720" spans="14:14">
      <c r="N91720" s="10"/>
    </row>
    <row r="91721" spans="14:14">
      <c r="N91721" s="10"/>
    </row>
    <row r="91722" spans="14:14">
      <c r="N91722" s="10"/>
    </row>
    <row r="91723" spans="14:14">
      <c r="N91723" s="10"/>
    </row>
    <row r="91724" spans="14:14">
      <c r="N91724" s="10"/>
    </row>
    <row r="91725" spans="14:14">
      <c r="N91725" s="10"/>
    </row>
    <row r="91726" spans="14:14">
      <c r="N91726" s="10"/>
    </row>
    <row r="91727" spans="14:14">
      <c r="N91727" s="10"/>
    </row>
    <row r="91728" spans="14:14">
      <c r="N91728" s="10"/>
    </row>
    <row r="91729" spans="14:14">
      <c r="N91729" s="10"/>
    </row>
    <row r="91730" spans="14:14">
      <c r="N91730" s="10"/>
    </row>
    <row r="91731" spans="14:14">
      <c r="N91731" s="10"/>
    </row>
    <row r="91732" spans="14:14">
      <c r="N91732" s="10"/>
    </row>
    <row r="91733" spans="14:14">
      <c r="N91733" s="10"/>
    </row>
    <row r="91734" spans="14:14">
      <c r="N91734" s="10"/>
    </row>
    <row r="91735" spans="14:14">
      <c r="N91735" s="10"/>
    </row>
    <row r="91736" spans="14:14">
      <c r="N91736" s="10"/>
    </row>
    <row r="91737" spans="14:14">
      <c r="N91737" s="10"/>
    </row>
    <row r="91738" spans="14:14">
      <c r="N91738" s="10"/>
    </row>
    <row r="91739" spans="14:14">
      <c r="N91739" s="10"/>
    </row>
    <row r="91740" spans="14:14">
      <c r="N91740" s="10"/>
    </row>
    <row r="91741" spans="14:14">
      <c r="N91741" s="10"/>
    </row>
    <row r="91742" spans="14:14">
      <c r="N91742" s="10"/>
    </row>
    <row r="91743" spans="14:14">
      <c r="N91743" s="10"/>
    </row>
    <row r="91744" spans="14:14">
      <c r="N91744" s="10"/>
    </row>
    <row r="91745" spans="14:14">
      <c r="N91745" s="10"/>
    </row>
    <row r="91746" spans="14:14">
      <c r="N91746" s="10"/>
    </row>
    <row r="91747" spans="14:14">
      <c r="N91747" s="10"/>
    </row>
    <row r="91748" spans="14:14">
      <c r="N91748" s="10"/>
    </row>
    <row r="91749" spans="14:14">
      <c r="N91749" s="10"/>
    </row>
    <row r="91750" spans="14:14">
      <c r="N91750" s="10"/>
    </row>
    <row r="91751" spans="14:14">
      <c r="N91751" s="10"/>
    </row>
    <row r="91752" spans="14:14">
      <c r="N91752" s="10"/>
    </row>
    <row r="91753" spans="14:14">
      <c r="N91753" s="10"/>
    </row>
    <row r="91754" spans="14:14">
      <c r="N91754" s="10"/>
    </row>
    <row r="91755" spans="14:14">
      <c r="N91755" s="10"/>
    </row>
    <row r="91756" spans="14:14">
      <c r="N91756" s="10"/>
    </row>
    <row r="91757" spans="14:14">
      <c r="N91757" s="10"/>
    </row>
    <row r="91758" spans="14:14">
      <c r="N91758" s="10"/>
    </row>
    <row r="91759" spans="14:14">
      <c r="N91759" s="10"/>
    </row>
    <row r="91760" spans="14:14">
      <c r="N91760" s="10"/>
    </row>
    <row r="91761" spans="14:14">
      <c r="N91761" s="10"/>
    </row>
    <row r="91762" spans="14:14">
      <c r="N91762" s="10"/>
    </row>
    <row r="91763" spans="14:14">
      <c r="N91763" s="10"/>
    </row>
    <row r="91764" spans="14:14">
      <c r="N91764" s="10"/>
    </row>
    <row r="91765" spans="14:14">
      <c r="N91765" s="10"/>
    </row>
    <row r="91766" spans="14:14">
      <c r="N91766" s="10"/>
    </row>
    <row r="91767" spans="14:14">
      <c r="N91767" s="10"/>
    </row>
    <row r="91768" spans="14:14">
      <c r="N91768" s="10"/>
    </row>
    <row r="91769" spans="14:14">
      <c r="N91769" s="10"/>
    </row>
    <row r="91770" spans="14:14">
      <c r="N91770" s="10"/>
    </row>
    <row r="91771" spans="14:14">
      <c r="N91771" s="10"/>
    </row>
    <row r="91772" spans="14:14">
      <c r="N91772" s="10"/>
    </row>
    <row r="91773" spans="14:14">
      <c r="N91773" s="10"/>
    </row>
    <row r="91774" spans="14:14">
      <c r="N91774" s="10"/>
    </row>
    <row r="91775" spans="14:14">
      <c r="N91775" s="10"/>
    </row>
    <row r="91776" spans="14:14">
      <c r="N91776" s="10"/>
    </row>
    <row r="91777" spans="14:14">
      <c r="N91777" s="10"/>
    </row>
    <row r="91778" spans="14:14">
      <c r="N91778" s="10"/>
    </row>
    <row r="91779" spans="14:14">
      <c r="N91779" s="10"/>
    </row>
    <row r="91780" spans="14:14">
      <c r="N91780" s="10"/>
    </row>
    <row r="91781" spans="14:14">
      <c r="N91781" s="10"/>
    </row>
    <row r="91782" spans="14:14">
      <c r="N91782" s="10"/>
    </row>
    <row r="91783" spans="14:14">
      <c r="N91783" s="10"/>
    </row>
    <row r="91784" spans="14:14">
      <c r="N91784" s="10"/>
    </row>
    <row r="91785" spans="14:14">
      <c r="N91785" s="10"/>
    </row>
    <row r="91786" spans="14:14">
      <c r="N91786" s="10"/>
    </row>
    <row r="91787" spans="14:14">
      <c r="N91787" s="10"/>
    </row>
    <row r="91788" spans="14:14">
      <c r="N91788" s="10"/>
    </row>
    <row r="91789" spans="14:14">
      <c r="N91789" s="10"/>
    </row>
    <row r="91790" spans="14:14">
      <c r="N91790" s="10"/>
    </row>
    <row r="91791" spans="14:14">
      <c r="N91791" s="10"/>
    </row>
    <row r="91792" spans="14:14">
      <c r="N91792" s="10"/>
    </row>
    <row r="91793" spans="14:14">
      <c r="N91793" s="10"/>
    </row>
    <row r="91794" spans="14:14">
      <c r="N91794" s="10"/>
    </row>
    <row r="91795" spans="14:14">
      <c r="N91795" s="10"/>
    </row>
    <row r="91796" spans="14:14">
      <c r="N91796" s="10"/>
    </row>
    <row r="91797" spans="14:14">
      <c r="N91797" s="10"/>
    </row>
    <row r="91798" spans="14:14">
      <c r="N91798" s="10"/>
    </row>
    <row r="91799" spans="14:14">
      <c r="N91799" s="10"/>
    </row>
    <row r="91800" spans="14:14">
      <c r="N91800" s="10"/>
    </row>
    <row r="91801" spans="14:14">
      <c r="N91801" s="10"/>
    </row>
    <row r="91802" spans="14:14">
      <c r="N91802" s="10"/>
    </row>
    <row r="91803" spans="14:14">
      <c r="N91803" s="10"/>
    </row>
    <row r="91804" spans="14:14">
      <c r="N91804" s="10"/>
    </row>
    <row r="91805" spans="14:14">
      <c r="N91805" s="10"/>
    </row>
    <row r="91806" spans="14:14">
      <c r="N91806" s="10"/>
    </row>
    <row r="91807" spans="14:14">
      <c r="N91807" s="10"/>
    </row>
    <row r="91808" spans="14:14">
      <c r="N91808" s="10"/>
    </row>
    <row r="91809" spans="14:14">
      <c r="N91809" s="10"/>
    </row>
    <row r="91810" spans="14:14">
      <c r="N91810" s="10"/>
    </row>
    <row r="91811" spans="14:14">
      <c r="N91811" s="10"/>
    </row>
    <row r="91812" spans="14:14">
      <c r="N91812" s="10"/>
    </row>
    <row r="91813" spans="14:14">
      <c r="N91813" s="10"/>
    </row>
    <row r="91814" spans="14:14">
      <c r="N91814" s="10"/>
    </row>
    <row r="91815" spans="14:14">
      <c r="N91815" s="10"/>
    </row>
    <row r="91816" spans="14:14">
      <c r="N91816" s="10"/>
    </row>
    <row r="91817" spans="14:14">
      <c r="N91817" s="10"/>
    </row>
    <row r="91818" spans="14:14">
      <c r="N91818" s="10"/>
    </row>
    <row r="91819" spans="14:14">
      <c r="N91819" s="10"/>
    </row>
    <row r="91820" spans="14:14">
      <c r="N91820" s="10"/>
    </row>
    <row r="91821" spans="14:14">
      <c r="N91821" s="10"/>
    </row>
    <row r="91822" spans="14:14">
      <c r="N91822" s="10"/>
    </row>
    <row r="91823" spans="14:14">
      <c r="N91823" s="10"/>
    </row>
    <row r="91824" spans="14:14">
      <c r="N91824" s="10"/>
    </row>
    <row r="91825" spans="14:14">
      <c r="N91825" s="10"/>
    </row>
    <row r="91826" spans="14:14">
      <c r="N91826" s="10"/>
    </row>
    <row r="91827" spans="14:14">
      <c r="N91827" s="10"/>
    </row>
    <row r="91828" spans="14:14">
      <c r="N91828" s="10"/>
    </row>
    <row r="91829" spans="14:14">
      <c r="N91829" s="10"/>
    </row>
    <row r="91830" spans="14:14">
      <c r="N91830" s="10"/>
    </row>
    <row r="91831" spans="14:14">
      <c r="N91831" s="10"/>
    </row>
    <row r="91832" spans="14:14">
      <c r="N91832" s="10"/>
    </row>
    <row r="91833" spans="14:14">
      <c r="N91833" s="10"/>
    </row>
    <row r="91834" spans="14:14">
      <c r="N91834" s="10"/>
    </row>
    <row r="91835" spans="14:14">
      <c r="N91835" s="10"/>
    </row>
    <row r="91836" spans="14:14">
      <c r="N91836" s="10"/>
    </row>
    <row r="91837" spans="14:14">
      <c r="N91837" s="10"/>
    </row>
    <row r="91838" spans="14:14">
      <c r="N91838" s="10"/>
    </row>
    <row r="91839" spans="14:14">
      <c r="N91839" s="10"/>
    </row>
    <row r="91840" spans="14:14">
      <c r="N91840" s="10"/>
    </row>
    <row r="91841" spans="14:14">
      <c r="N91841" s="10"/>
    </row>
    <row r="91842" spans="14:14">
      <c r="N91842" s="10"/>
    </row>
    <row r="91843" spans="14:14">
      <c r="N91843" s="10"/>
    </row>
    <row r="91844" spans="14:14">
      <c r="N91844" s="10"/>
    </row>
    <row r="91845" spans="14:14">
      <c r="N91845" s="10"/>
    </row>
    <row r="91846" spans="14:14">
      <c r="N91846" s="10"/>
    </row>
    <row r="91847" spans="14:14">
      <c r="N91847" s="10"/>
    </row>
    <row r="91848" spans="14:14">
      <c r="N91848" s="10"/>
    </row>
    <row r="91849" spans="14:14">
      <c r="N91849" s="10"/>
    </row>
    <row r="91850" spans="14:14">
      <c r="N91850" s="10"/>
    </row>
    <row r="91851" spans="14:14">
      <c r="N91851" s="10"/>
    </row>
    <row r="91852" spans="14:14">
      <c r="N91852" s="10"/>
    </row>
    <row r="91853" spans="14:14">
      <c r="N91853" s="10"/>
    </row>
    <row r="91854" spans="14:14">
      <c r="N91854" s="10"/>
    </row>
    <row r="91855" spans="14:14">
      <c r="N91855" s="10"/>
    </row>
    <row r="91856" spans="14:14">
      <c r="N91856" s="10"/>
    </row>
    <row r="91857" spans="14:14">
      <c r="N91857" s="10"/>
    </row>
    <row r="91858" spans="14:14">
      <c r="N91858" s="10"/>
    </row>
    <row r="91859" spans="14:14">
      <c r="N91859" s="10"/>
    </row>
    <row r="91860" spans="14:14">
      <c r="N91860" s="10"/>
    </row>
    <row r="91861" spans="14:14">
      <c r="N91861" s="10"/>
    </row>
    <row r="91862" spans="14:14">
      <c r="N91862" s="10"/>
    </row>
    <row r="91863" spans="14:14">
      <c r="N91863" s="10"/>
    </row>
    <row r="91864" spans="14:14">
      <c r="N91864" s="10"/>
    </row>
    <row r="91865" spans="14:14">
      <c r="N91865" s="10"/>
    </row>
    <row r="91866" spans="14:14">
      <c r="N91866" s="10"/>
    </row>
    <row r="91867" spans="14:14">
      <c r="N91867" s="10"/>
    </row>
    <row r="91868" spans="14:14">
      <c r="N91868" s="10"/>
    </row>
    <row r="91869" spans="14:14">
      <c r="N91869" s="10"/>
    </row>
    <row r="91870" spans="14:14">
      <c r="N91870" s="10"/>
    </row>
    <row r="91871" spans="14:14">
      <c r="N91871" s="10"/>
    </row>
    <row r="91872" spans="14:14">
      <c r="N91872" s="10"/>
    </row>
    <row r="91873" spans="14:14">
      <c r="N91873" s="10"/>
    </row>
    <row r="91874" spans="14:14">
      <c r="N91874" s="10"/>
    </row>
    <row r="91875" spans="14:14">
      <c r="N91875" s="10"/>
    </row>
    <row r="91876" spans="14:14">
      <c r="N91876" s="10"/>
    </row>
    <row r="91877" spans="14:14">
      <c r="N91877" s="10"/>
    </row>
    <row r="91878" spans="14:14">
      <c r="N91878" s="10"/>
    </row>
    <row r="91879" spans="14:14">
      <c r="N91879" s="10"/>
    </row>
    <row r="91880" spans="14:14">
      <c r="N91880" s="10"/>
    </row>
    <row r="91881" spans="14:14">
      <c r="N91881" s="10"/>
    </row>
    <row r="91882" spans="14:14">
      <c r="N91882" s="10"/>
    </row>
    <row r="91883" spans="14:14">
      <c r="N91883" s="10"/>
    </row>
    <row r="91884" spans="14:14">
      <c r="N91884" s="10"/>
    </row>
    <row r="91885" spans="14:14">
      <c r="N91885" s="10"/>
    </row>
    <row r="91886" spans="14:14">
      <c r="N91886" s="10"/>
    </row>
    <row r="91887" spans="14:14">
      <c r="N91887" s="10"/>
    </row>
    <row r="91888" spans="14:14">
      <c r="N91888" s="10"/>
    </row>
    <row r="91889" spans="14:14">
      <c r="N91889" s="10"/>
    </row>
    <row r="91890" spans="14:14">
      <c r="N91890" s="10"/>
    </row>
    <row r="91891" spans="14:14">
      <c r="N91891" s="10"/>
    </row>
    <row r="91892" spans="14:14">
      <c r="N91892" s="10"/>
    </row>
    <row r="91893" spans="14:14">
      <c r="N91893" s="10"/>
    </row>
    <row r="91894" spans="14:14">
      <c r="N91894" s="10"/>
    </row>
    <row r="91895" spans="14:14">
      <c r="N91895" s="10"/>
    </row>
    <row r="91896" spans="14:14">
      <c r="N91896" s="10"/>
    </row>
    <row r="91897" spans="14:14">
      <c r="N91897" s="10"/>
    </row>
    <row r="91898" spans="14:14">
      <c r="N91898" s="10"/>
    </row>
    <row r="91899" spans="14:14">
      <c r="N91899" s="10"/>
    </row>
    <row r="91900" spans="14:14">
      <c r="N91900" s="10"/>
    </row>
    <row r="91901" spans="14:14">
      <c r="N91901" s="10"/>
    </row>
    <row r="91902" spans="14:14">
      <c r="N91902" s="10"/>
    </row>
    <row r="91903" spans="14:14">
      <c r="N91903" s="10"/>
    </row>
    <row r="91904" spans="14:14">
      <c r="N91904" s="10"/>
    </row>
    <row r="91905" spans="14:14">
      <c r="N91905" s="10"/>
    </row>
    <row r="91906" spans="14:14">
      <c r="N91906" s="10"/>
    </row>
    <row r="91907" spans="14:14">
      <c r="N91907" s="10"/>
    </row>
    <row r="91908" spans="14:14">
      <c r="N91908" s="10"/>
    </row>
    <row r="91909" spans="14:14">
      <c r="N91909" s="10"/>
    </row>
    <row r="91910" spans="14:14">
      <c r="N91910" s="10"/>
    </row>
    <row r="91911" spans="14:14">
      <c r="N91911" s="10"/>
    </row>
    <row r="91912" spans="14:14">
      <c r="N91912" s="10"/>
    </row>
    <row r="91913" spans="14:14">
      <c r="N91913" s="10"/>
    </row>
    <row r="91914" spans="14:14">
      <c r="N91914" s="10"/>
    </row>
    <row r="91915" spans="14:14">
      <c r="N91915" s="10"/>
    </row>
    <row r="91916" spans="14:14">
      <c r="N91916" s="10"/>
    </row>
    <row r="91917" spans="14:14">
      <c r="N91917" s="10"/>
    </row>
    <row r="91918" spans="14:14">
      <c r="N91918" s="10"/>
    </row>
    <row r="91919" spans="14:14">
      <c r="N91919" s="10"/>
    </row>
    <row r="91920" spans="14:14">
      <c r="N91920" s="10"/>
    </row>
    <row r="91921" spans="14:14">
      <c r="N91921" s="10"/>
    </row>
    <row r="91922" spans="14:14">
      <c r="N91922" s="10"/>
    </row>
    <row r="91923" spans="14:14">
      <c r="N91923" s="10"/>
    </row>
    <row r="91924" spans="14:14">
      <c r="N91924" s="10"/>
    </row>
    <row r="91925" spans="14:14">
      <c r="N91925" s="10"/>
    </row>
    <row r="91926" spans="14:14">
      <c r="N91926" s="10"/>
    </row>
    <row r="91927" spans="14:14">
      <c r="N91927" s="10"/>
    </row>
    <row r="91928" spans="14:14">
      <c r="N91928" s="10"/>
    </row>
    <row r="91929" spans="14:14">
      <c r="N91929" s="10"/>
    </row>
    <row r="91930" spans="14:14">
      <c r="N91930" s="10"/>
    </row>
    <row r="91931" spans="14:14">
      <c r="N91931" s="10"/>
    </row>
    <row r="91932" spans="14:14">
      <c r="N91932" s="10"/>
    </row>
    <row r="91933" spans="14:14">
      <c r="N91933" s="10"/>
    </row>
    <row r="91934" spans="14:14">
      <c r="N91934" s="10"/>
    </row>
    <row r="91935" spans="14:14">
      <c r="N91935" s="10"/>
    </row>
    <row r="91936" spans="14:14">
      <c r="N91936" s="10"/>
    </row>
    <row r="91937" spans="14:14">
      <c r="N91937" s="10"/>
    </row>
    <row r="91938" spans="14:14">
      <c r="N91938" s="10"/>
    </row>
    <row r="91939" spans="14:14">
      <c r="N91939" s="10"/>
    </row>
    <row r="91940" spans="14:14">
      <c r="N91940" s="10"/>
    </row>
    <row r="91941" spans="14:14">
      <c r="N91941" s="10"/>
    </row>
    <row r="91942" spans="14:14">
      <c r="N91942" s="10"/>
    </row>
    <row r="91943" spans="14:14">
      <c r="N91943" s="10"/>
    </row>
    <row r="91944" spans="14:14">
      <c r="N91944" s="10"/>
    </row>
    <row r="91945" spans="14:14">
      <c r="N91945" s="10"/>
    </row>
    <row r="91946" spans="14:14">
      <c r="N91946" s="10"/>
    </row>
    <row r="91947" spans="14:14">
      <c r="N91947" s="10"/>
    </row>
    <row r="91948" spans="14:14">
      <c r="N91948" s="10"/>
    </row>
    <row r="91949" spans="14:14">
      <c r="N91949" s="10"/>
    </row>
    <row r="91950" spans="14:14">
      <c r="N91950" s="10"/>
    </row>
    <row r="91951" spans="14:14">
      <c r="N91951" s="10"/>
    </row>
    <row r="91952" spans="14:14">
      <c r="N91952" s="10"/>
    </row>
    <row r="91953" spans="14:14">
      <c r="N91953" s="10"/>
    </row>
    <row r="91954" spans="14:14">
      <c r="N91954" s="10"/>
    </row>
    <row r="91955" spans="14:14">
      <c r="N91955" s="10"/>
    </row>
    <row r="91956" spans="14:14">
      <c r="N91956" s="10"/>
    </row>
    <row r="91957" spans="14:14">
      <c r="N91957" s="10"/>
    </row>
    <row r="91958" spans="14:14">
      <c r="N91958" s="10"/>
    </row>
    <row r="91959" spans="14:14">
      <c r="N91959" s="10"/>
    </row>
    <row r="91960" spans="14:14">
      <c r="N91960" s="10"/>
    </row>
    <row r="91961" spans="14:14">
      <c r="N91961" s="10"/>
    </row>
    <row r="91962" spans="14:14">
      <c r="N91962" s="10"/>
    </row>
    <row r="91963" spans="14:14">
      <c r="N91963" s="10"/>
    </row>
    <row r="91964" spans="14:14">
      <c r="N91964" s="10"/>
    </row>
    <row r="91965" spans="14:14">
      <c r="N91965" s="10"/>
    </row>
    <row r="91966" spans="14:14">
      <c r="N91966" s="10"/>
    </row>
    <row r="91967" spans="14:14">
      <c r="N91967" s="10"/>
    </row>
    <row r="91968" spans="14:14">
      <c r="N91968" s="10"/>
    </row>
    <row r="91969" spans="14:14">
      <c r="N91969" s="10"/>
    </row>
    <row r="91970" spans="14:14">
      <c r="N91970" s="10"/>
    </row>
    <row r="91971" spans="14:14">
      <c r="N91971" s="10"/>
    </row>
    <row r="91972" spans="14:14">
      <c r="N91972" s="10"/>
    </row>
    <row r="91973" spans="14:14">
      <c r="N91973" s="10"/>
    </row>
    <row r="91974" spans="14:14">
      <c r="N91974" s="10"/>
    </row>
    <row r="91975" spans="14:14">
      <c r="N91975" s="10"/>
    </row>
    <row r="91976" spans="14:14">
      <c r="N91976" s="10"/>
    </row>
    <row r="91977" spans="14:14">
      <c r="N91977" s="10"/>
    </row>
    <row r="91978" spans="14:14">
      <c r="N91978" s="10"/>
    </row>
    <row r="91979" spans="14:14">
      <c r="N91979" s="10"/>
    </row>
    <row r="91980" spans="14:14">
      <c r="N91980" s="10"/>
    </row>
    <row r="91981" spans="14:14">
      <c r="N91981" s="10"/>
    </row>
    <row r="91982" spans="14:14">
      <c r="N91982" s="10"/>
    </row>
    <row r="91983" spans="14:14">
      <c r="N91983" s="10"/>
    </row>
    <row r="91984" spans="14:14">
      <c r="N91984" s="10"/>
    </row>
    <row r="91985" spans="14:14">
      <c r="N91985" s="10"/>
    </row>
    <row r="91986" spans="14:14">
      <c r="N91986" s="10"/>
    </row>
    <row r="91987" spans="14:14">
      <c r="N91987" s="10"/>
    </row>
    <row r="91988" spans="14:14">
      <c r="N91988" s="10"/>
    </row>
    <row r="91989" spans="14:14">
      <c r="N91989" s="10"/>
    </row>
    <row r="91990" spans="14:14">
      <c r="N91990" s="10"/>
    </row>
    <row r="91991" spans="14:14">
      <c r="N91991" s="10"/>
    </row>
    <row r="91992" spans="14:14">
      <c r="N91992" s="10"/>
    </row>
    <row r="91993" spans="14:14">
      <c r="N91993" s="10"/>
    </row>
    <row r="91994" spans="14:14">
      <c r="N91994" s="10"/>
    </row>
    <row r="91995" spans="14:14">
      <c r="N91995" s="10"/>
    </row>
    <row r="91996" spans="14:14">
      <c r="N91996" s="10"/>
    </row>
    <row r="91997" spans="14:14">
      <c r="N91997" s="10"/>
    </row>
    <row r="91998" spans="14:14">
      <c r="N91998" s="10"/>
    </row>
    <row r="91999" spans="14:14">
      <c r="N91999" s="10"/>
    </row>
    <row r="92000" spans="14:14">
      <c r="N92000" s="10"/>
    </row>
    <row r="92001" spans="14:14">
      <c r="N92001" s="10"/>
    </row>
    <row r="92002" spans="14:14">
      <c r="N92002" s="10"/>
    </row>
    <row r="92003" spans="14:14">
      <c r="N92003" s="10"/>
    </row>
    <row r="92004" spans="14:14">
      <c r="N92004" s="10"/>
    </row>
    <row r="92005" spans="14:14">
      <c r="N92005" s="10"/>
    </row>
    <row r="92006" spans="14:14">
      <c r="N92006" s="10"/>
    </row>
    <row r="92007" spans="14:14">
      <c r="N92007" s="10"/>
    </row>
    <row r="92008" spans="14:14">
      <c r="N92008" s="10"/>
    </row>
    <row r="92009" spans="14:14">
      <c r="N92009" s="10"/>
    </row>
    <row r="92010" spans="14:14">
      <c r="N92010" s="10"/>
    </row>
    <row r="92011" spans="14:14">
      <c r="N92011" s="10"/>
    </row>
    <row r="92012" spans="14:14">
      <c r="N92012" s="10"/>
    </row>
    <row r="92013" spans="14:14">
      <c r="N92013" s="10"/>
    </row>
    <row r="92014" spans="14:14">
      <c r="N92014" s="10"/>
    </row>
    <row r="92015" spans="14:14">
      <c r="N92015" s="10"/>
    </row>
    <row r="92016" spans="14:14">
      <c r="N92016" s="10"/>
    </row>
    <row r="92017" spans="14:14">
      <c r="N92017" s="10"/>
    </row>
    <row r="92018" spans="14:14">
      <c r="N92018" s="10"/>
    </row>
    <row r="92019" spans="14:14">
      <c r="N92019" s="10"/>
    </row>
    <row r="92020" spans="14:14">
      <c r="N92020" s="10"/>
    </row>
    <row r="92021" spans="14:14">
      <c r="N92021" s="10"/>
    </row>
    <row r="92022" spans="14:14">
      <c r="N92022" s="10"/>
    </row>
    <row r="92023" spans="14:14">
      <c r="N92023" s="10"/>
    </row>
    <row r="92024" spans="14:14">
      <c r="N92024" s="10"/>
    </row>
    <row r="92025" spans="14:14">
      <c r="N92025" s="10"/>
    </row>
    <row r="92026" spans="14:14">
      <c r="N92026" s="10"/>
    </row>
    <row r="92027" spans="14:14">
      <c r="N92027" s="10"/>
    </row>
    <row r="92028" spans="14:14">
      <c r="N92028" s="10"/>
    </row>
    <row r="92029" spans="14:14">
      <c r="N92029" s="10"/>
    </row>
    <row r="92030" spans="14:14">
      <c r="N92030" s="10"/>
    </row>
    <row r="92031" spans="14:14">
      <c r="N92031" s="10"/>
    </row>
    <row r="92032" spans="14:14">
      <c r="N92032" s="10"/>
    </row>
    <row r="92033" spans="14:14">
      <c r="N92033" s="10"/>
    </row>
    <row r="92034" spans="14:14">
      <c r="N92034" s="10"/>
    </row>
    <row r="92035" spans="14:14">
      <c r="N92035" s="10"/>
    </row>
    <row r="92036" spans="14:14">
      <c r="N92036" s="10"/>
    </row>
    <row r="92037" spans="14:14">
      <c r="N92037" s="10"/>
    </row>
    <row r="92038" spans="14:14">
      <c r="N92038" s="10"/>
    </row>
    <row r="92039" spans="14:14">
      <c r="N92039" s="10"/>
    </row>
    <row r="92040" spans="14:14">
      <c r="N92040" s="10"/>
    </row>
    <row r="92041" spans="14:14">
      <c r="N92041" s="10"/>
    </row>
    <row r="92042" spans="14:14">
      <c r="N92042" s="10"/>
    </row>
    <row r="92043" spans="14:14">
      <c r="N92043" s="10"/>
    </row>
    <row r="92044" spans="14:14">
      <c r="N92044" s="10"/>
    </row>
    <row r="92045" spans="14:14">
      <c r="N92045" s="10"/>
    </row>
    <row r="92046" spans="14:14">
      <c r="N92046" s="10"/>
    </row>
    <row r="92047" spans="14:14">
      <c r="N92047" s="10"/>
    </row>
    <row r="92048" spans="14:14">
      <c r="N92048" s="10"/>
    </row>
    <row r="92049" spans="14:14">
      <c r="N92049" s="10"/>
    </row>
    <row r="92050" spans="14:14">
      <c r="N92050" s="10"/>
    </row>
    <row r="92051" spans="14:14">
      <c r="N92051" s="10"/>
    </row>
    <row r="92052" spans="14:14">
      <c r="N92052" s="10"/>
    </row>
    <row r="92053" spans="14:14">
      <c r="N92053" s="10"/>
    </row>
    <row r="92054" spans="14:14">
      <c r="N92054" s="10"/>
    </row>
    <row r="92055" spans="14:14">
      <c r="N92055" s="10"/>
    </row>
    <row r="92056" spans="14:14">
      <c r="N92056" s="10"/>
    </row>
    <row r="92057" spans="14:14">
      <c r="N92057" s="10"/>
    </row>
    <row r="92058" spans="14:14">
      <c r="N92058" s="10"/>
    </row>
    <row r="92059" spans="14:14">
      <c r="N92059" s="10"/>
    </row>
    <row r="92060" spans="14:14">
      <c r="N92060" s="10"/>
    </row>
    <row r="92061" spans="14:14">
      <c r="N92061" s="10"/>
    </row>
    <row r="92062" spans="14:14">
      <c r="N92062" s="10"/>
    </row>
    <row r="92063" spans="14:14">
      <c r="N92063" s="10"/>
    </row>
    <row r="92064" spans="14:14">
      <c r="N92064" s="10"/>
    </row>
    <row r="92065" spans="14:14">
      <c r="N92065" s="10"/>
    </row>
    <row r="92066" spans="14:14">
      <c r="N92066" s="10"/>
    </row>
    <row r="92067" spans="14:14">
      <c r="N92067" s="10"/>
    </row>
    <row r="92068" spans="14:14">
      <c r="N92068" s="10"/>
    </row>
    <row r="92069" spans="14:14">
      <c r="N92069" s="10"/>
    </row>
    <row r="92070" spans="14:14">
      <c r="N92070" s="10"/>
    </row>
    <row r="92071" spans="14:14">
      <c r="N92071" s="10"/>
    </row>
    <row r="92072" spans="14:14">
      <c r="N92072" s="10"/>
    </row>
    <row r="92073" spans="14:14">
      <c r="N92073" s="10"/>
    </row>
    <row r="92074" spans="14:14">
      <c r="N92074" s="10"/>
    </row>
    <row r="92075" spans="14:14">
      <c r="N92075" s="10"/>
    </row>
    <row r="92076" spans="14:14">
      <c r="N92076" s="10"/>
    </row>
    <row r="92077" spans="14:14">
      <c r="N92077" s="10"/>
    </row>
    <row r="92078" spans="14:14">
      <c r="N92078" s="10"/>
    </row>
    <row r="92079" spans="14:14">
      <c r="N92079" s="10"/>
    </row>
    <row r="92080" spans="14:14">
      <c r="N92080" s="10"/>
    </row>
    <row r="92081" spans="14:14">
      <c r="N92081" s="10"/>
    </row>
    <row r="92082" spans="14:14">
      <c r="N92082" s="10"/>
    </row>
    <row r="92083" spans="14:14">
      <c r="N92083" s="10"/>
    </row>
    <row r="92084" spans="14:14">
      <c r="N92084" s="10"/>
    </row>
    <row r="92085" spans="14:14">
      <c r="N92085" s="10"/>
    </row>
    <row r="92086" spans="14:14">
      <c r="N92086" s="10"/>
    </row>
    <row r="92087" spans="14:14">
      <c r="N92087" s="10"/>
    </row>
    <row r="92088" spans="14:14">
      <c r="N92088" s="10"/>
    </row>
    <row r="92089" spans="14:14">
      <c r="N92089" s="10"/>
    </row>
    <row r="92090" spans="14:14">
      <c r="N92090" s="10"/>
    </row>
    <row r="92091" spans="14:14">
      <c r="N92091" s="10"/>
    </row>
    <row r="92092" spans="14:14">
      <c r="N92092" s="10"/>
    </row>
    <row r="92093" spans="14:14">
      <c r="N92093" s="10"/>
    </row>
    <row r="92094" spans="14:14">
      <c r="N92094" s="10"/>
    </row>
    <row r="92095" spans="14:14">
      <c r="N92095" s="10"/>
    </row>
    <row r="92096" spans="14:14">
      <c r="N92096" s="10"/>
    </row>
    <row r="92097" spans="14:14">
      <c r="N92097" s="10"/>
    </row>
    <row r="92098" spans="14:14">
      <c r="N92098" s="10"/>
    </row>
    <row r="92099" spans="14:14">
      <c r="N92099" s="10"/>
    </row>
    <row r="92100" spans="14:14">
      <c r="N92100" s="10"/>
    </row>
    <row r="92101" spans="14:14">
      <c r="N92101" s="10"/>
    </row>
    <row r="92102" spans="14:14">
      <c r="N92102" s="10"/>
    </row>
    <row r="92103" spans="14:14">
      <c r="N92103" s="10"/>
    </row>
    <row r="92104" spans="14:14">
      <c r="N92104" s="10"/>
    </row>
    <row r="92105" spans="14:14">
      <c r="N92105" s="10"/>
    </row>
    <row r="92106" spans="14:14">
      <c r="N92106" s="10"/>
    </row>
    <row r="92107" spans="14:14">
      <c r="N92107" s="10"/>
    </row>
    <row r="92108" spans="14:14">
      <c r="N92108" s="10"/>
    </row>
    <row r="92109" spans="14:14">
      <c r="N92109" s="10"/>
    </row>
    <row r="92110" spans="14:14">
      <c r="N92110" s="10"/>
    </row>
    <row r="92111" spans="14:14">
      <c r="N92111" s="10"/>
    </row>
    <row r="92112" spans="14:14">
      <c r="N92112" s="10"/>
    </row>
    <row r="92113" spans="14:14">
      <c r="N92113" s="10"/>
    </row>
    <row r="92114" spans="14:14">
      <c r="N92114" s="10"/>
    </row>
    <row r="92115" spans="14:14">
      <c r="N92115" s="10"/>
    </row>
    <row r="92116" spans="14:14">
      <c r="N92116" s="10"/>
    </row>
    <row r="92117" spans="14:14">
      <c r="N92117" s="10"/>
    </row>
    <row r="92118" spans="14:14">
      <c r="N92118" s="10"/>
    </row>
    <row r="92119" spans="14:14">
      <c r="N92119" s="10"/>
    </row>
    <row r="92120" spans="14:14">
      <c r="N92120" s="10"/>
    </row>
    <row r="92121" spans="14:14">
      <c r="N92121" s="10"/>
    </row>
    <row r="92122" spans="14:14">
      <c r="N92122" s="10"/>
    </row>
    <row r="92123" spans="14:14">
      <c r="N92123" s="10"/>
    </row>
    <row r="92124" spans="14:14">
      <c r="N92124" s="10"/>
    </row>
    <row r="92125" spans="14:14">
      <c r="N92125" s="10"/>
    </row>
    <row r="92126" spans="14:14">
      <c r="N92126" s="10"/>
    </row>
    <row r="92127" spans="14:14">
      <c r="N92127" s="10"/>
    </row>
    <row r="92128" spans="14:14">
      <c r="N92128" s="10"/>
    </row>
    <row r="92129" spans="14:14">
      <c r="N92129" s="10"/>
    </row>
    <row r="92130" spans="14:14">
      <c r="N92130" s="10"/>
    </row>
    <row r="92131" spans="14:14">
      <c r="N92131" s="10"/>
    </row>
    <row r="92132" spans="14:14">
      <c r="N92132" s="10"/>
    </row>
    <row r="92133" spans="14:14">
      <c r="N92133" s="10"/>
    </row>
    <row r="92134" spans="14:14">
      <c r="N92134" s="10"/>
    </row>
    <row r="92135" spans="14:14">
      <c r="N92135" s="10"/>
    </row>
    <row r="92136" spans="14:14">
      <c r="N92136" s="10"/>
    </row>
    <row r="92137" spans="14:14">
      <c r="N92137" s="10"/>
    </row>
    <row r="92138" spans="14:14">
      <c r="N92138" s="10"/>
    </row>
    <row r="92139" spans="14:14">
      <c r="N92139" s="10"/>
    </row>
    <row r="92140" spans="14:14">
      <c r="N92140" s="10"/>
    </row>
    <row r="92141" spans="14:14">
      <c r="N92141" s="10"/>
    </row>
    <row r="92142" spans="14:14">
      <c r="N92142" s="10"/>
    </row>
    <row r="92143" spans="14:14">
      <c r="N92143" s="10"/>
    </row>
    <row r="92144" spans="14:14">
      <c r="N92144" s="10"/>
    </row>
    <row r="92145" spans="14:14">
      <c r="N92145" s="10"/>
    </row>
    <row r="92146" spans="14:14">
      <c r="N92146" s="10"/>
    </row>
    <row r="92147" spans="14:14">
      <c r="N92147" s="10"/>
    </row>
    <row r="92148" spans="14:14">
      <c r="N92148" s="10"/>
    </row>
    <row r="92149" spans="14:14">
      <c r="N92149" s="10"/>
    </row>
    <row r="92150" spans="14:14">
      <c r="N92150" s="10"/>
    </row>
    <row r="92151" spans="14:14">
      <c r="N92151" s="10"/>
    </row>
    <row r="92152" spans="14:14">
      <c r="N92152" s="10"/>
    </row>
    <row r="92153" spans="14:14">
      <c r="N92153" s="10"/>
    </row>
    <row r="92154" spans="14:14">
      <c r="N92154" s="10"/>
    </row>
    <row r="92155" spans="14:14">
      <c r="N92155" s="10"/>
    </row>
    <row r="92156" spans="14:14">
      <c r="N92156" s="10"/>
    </row>
    <row r="92157" spans="14:14">
      <c r="N92157" s="10"/>
    </row>
    <row r="92158" spans="14:14">
      <c r="N92158" s="10"/>
    </row>
    <row r="92159" spans="14:14">
      <c r="N92159" s="10"/>
    </row>
    <row r="92160" spans="14:14">
      <c r="N92160" s="10"/>
    </row>
    <row r="92161" spans="14:14">
      <c r="N92161" s="10"/>
    </row>
    <row r="92162" spans="14:14">
      <c r="N92162" s="10"/>
    </row>
    <row r="92163" spans="14:14">
      <c r="N92163" s="10"/>
    </row>
    <row r="92164" spans="14:14">
      <c r="N92164" s="10"/>
    </row>
    <row r="92165" spans="14:14">
      <c r="N92165" s="10"/>
    </row>
    <row r="92166" spans="14:14">
      <c r="N92166" s="10"/>
    </row>
    <row r="92167" spans="14:14">
      <c r="N92167" s="10"/>
    </row>
    <row r="92168" spans="14:14">
      <c r="N92168" s="10"/>
    </row>
    <row r="92169" spans="14:14">
      <c r="N92169" s="10"/>
    </row>
    <row r="92170" spans="14:14">
      <c r="N92170" s="10"/>
    </row>
    <row r="92171" spans="14:14">
      <c r="N92171" s="10"/>
    </row>
    <row r="92172" spans="14:14">
      <c r="N92172" s="10"/>
    </row>
    <row r="92173" spans="14:14">
      <c r="N92173" s="10"/>
    </row>
    <row r="92174" spans="14:14">
      <c r="N92174" s="10"/>
    </row>
    <row r="92175" spans="14:14">
      <c r="N92175" s="10"/>
    </row>
    <row r="92176" spans="14:14">
      <c r="N92176" s="10"/>
    </row>
    <row r="92177" spans="14:14">
      <c r="N92177" s="10"/>
    </row>
    <row r="92178" spans="14:14">
      <c r="N92178" s="10"/>
    </row>
    <row r="92179" spans="14:14">
      <c r="N92179" s="10"/>
    </row>
    <row r="92180" spans="14:14">
      <c r="N92180" s="10"/>
    </row>
    <row r="92181" spans="14:14">
      <c r="N92181" s="10"/>
    </row>
    <row r="92182" spans="14:14">
      <c r="N92182" s="10"/>
    </row>
    <row r="92183" spans="14:14">
      <c r="N92183" s="10"/>
    </row>
    <row r="92184" spans="14:14">
      <c r="N92184" s="10"/>
    </row>
    <row r="92185" spans="14:14">
      <c r="N92185" s="10"/>
    </row>
    <row r="92186" spans="14:14">
      <c r="N92186" s="10"/>
    </row>
    <row r="92187" spans="14:14">
      <c r="N92187" s="10"/>
    </row>
    <row r="92188" spans="14:14">
      <c r="N92188" s="10"/>
    </row>
    <row r="92189" spans="14:14">
      <c r="N92189" s="10"/>
    </row>
    <row r="92190" spans="14:14">
      <c r="N92190" s="10"/>
    </row>
    <row r="92191" spans="14:14">
      <c r="N92191" s="10"/>
    </row>
    <row r="92192" spans="14:14">
      <c r="N92192" s="10"/>
    </row>
    <row r="92193" spans="14:14">
      <c r="N92193" s="10"/>
    </row>
    <row r="92194" spans="14:14">
      <c r="N92194" s="10"/>
    </row>
    <row r="92195" spans="14:14">
      <c r="N92195" s="10"/>
    </row>
    <row r="92196" spans="14:14">
      <c r="N92196" s="10"/>
    </row>
    <row r="92197" spans="14:14">
      <c r="N92197" s="10"/>
    </row>
    <row r="92198" spans="14:14">
      <c r="N92198" s="10"/>
    </row>
    <row r="92199" spans="14:14">
      <c r="N92199" s="10"/>
    </row>
    <row r="92200" spans="14:14">
      <c r="N92200" s="10"/>
    </row>
    <row r="92201" spans="14:14">
      <c r="N92201" s="10"/>
    </row>
    <row r="92202" spans="14:14">
      <c r="N92202" s="10"/>
    </row>
    <row r="92203" spans="14:14">
      <c r="N92203" s="10"/>
    </row>
    <row r="92204" spans="14:14">
      <c r="N92204" s="10"/>
    </row>
    <row r="92205" spans="14:14">
      <c r="N92205" s="10"/>
    </row>
    <row r="92206" spans="14:14">
      <c r="N92206" s="10"/>
    </row>
    <row r="92207" spans="14:14">
      <c r="N92207" s="10"/>
    </row>
    <row r="92208" spans="14:14">
      <c r="N92208" s="10"/>
    </row>
    <row r="92209" spans="14:14">
      <c r="N92209" s="10"/>
    </row>
    <row r="92210" spans="14:14">
      <c r="N92210" s="10"/>
    </row>
    <row r="92211" spans="14:14">
      <c r="N92211" s="10"/>
    </row>
    <row r="92212" spans="14:14">
      <c r="N92212" s="10"/>
    </row>
    <row r="92213" spans="14:14">
      <c r="N92213" s="10"/>
    </row>
    <row r="92214" spans="14:14">
      <c r="N92214" s="10"/>
    </row>
    <row r="92215" spans="14:14">
      <c r="N92215" s="10"/>
    </row>
    <row r="92216" spans="14:14">
      <c r="N92216" s="10"/>
    </row>
    <row r="92217" spans="14:14">
      <c r="N92217" s="10"/>
    </row>
    <row r="92218" spans="14:14">
      <c r="N92218" s="10"/>
    </row>
    <row r="92219" spans="14:14">
      <c r="N92219" s="10"/>
    </row>
    <row r="92220" spans="14:14">
      <c r="N92220" s="10"/>
    </row>
    <row r="92221" spans="14:14">
      <c r="N92221" s="10"/>
    </row>
    <row r="92222" spans="14:14">
      <c r="N92222" s="10"/>
    </row>
    <row r="92223" spans="14:14">
      <c r="N92223" s="10"/>
    </row>
    <row r="92224" spans="14:14">
      <c r="N92224" s="10"/>
    </row>
    <row r="92225" spans="14:14">
      <c r="N92225" s="10"/>
    </row>
    <row r="92226" spans="14:14">
      <c r="N92226" s="10"/>
    </row>
    <row r="92227" spans="14:14">
      <c r="N92227" s="10"/>
    </row>
    <row r="92228" spans="14:14">
      <c r="N92228" s="10"/>
    </row>
    <row r="92229" spans="14:14">
      <c r="N92229" s="10"/>
    </row>
    <row r="92230" spans="14:14">
      <c r="N92230" s="10"/>
    </row>
    <row r="92231" spans="14:14">
      <c r="N92231" s="10"/>
    </row>
    <row r="92232" spans="14:14">
      <c r="N92232" s="10"/>
    </row>
    <row r="92233" spans="14:14">
      <c r="N92233" s="10"/>
    </row>
    <row r="92234" spans="14:14">
      <c r="N92234" s="10"/>
    </row>
    <row r="92235" spans="14:14">
      <c r="N92235" s="10"/>
    </row>
    <row r="92236" spans="14:14">
      <c r="N92236" s="10"/>
    </row>
    <row r="92237" spans="14:14">
      <c r="N92237" s="10"/>
    </row>
    <row r="92238" spans="14:14">
      <c r="N92238" s="10"/>
    </row>
    <row r="92239" spans="14:14">
      <c r="N92239" s="10"/>
    </row>
    <row r="92240" spans="14:14">
      <c r="N92240" s="10"/>
    </row>
    <row r="92241" spans="14:14">
      <c r="N92241" s="10"/>
    </row>
    <row r="92242" spans="14:14">
      <c r="N92242" s="10"/>
    </row>
    <row r="92243" spans="14:14">
      <c r="N92243" s="10"/>
    </row>
    <row r="92244" spans="14:14">
      <c r="N92244" s="10"/>
    </row>
    <row r="92245" spans="14:14">
      <c r="N92245" s="10"/>
    </row>
    <row r="92246" spans="14:14">
      <c r="N92246" s="10"/>
    </row>
    <row r="92247" spans="14:14">
      <c r="N92247" s="10"/>
    </row>
    <row r="92248" spans="14:14">
      <c r="N92248" s="10"/>
    </row>
    <row r="92249" spans="14:14">
      <c r="N92249" s="10"/>
    </row>
    <row r="92250" spans="14:14">
      <c r="N92250" s="10"/>
    </row>
    <row r="92251" spans="14:14">
      <c r="N92251" s="10"/>
    </row>
    <row r="92252" spans="14:14">
      <c r="N92252" s="10"/>
    </row>
    <row r="92253" spans="14:14">
      <c r="N92253" s="10"/>
    </row>
    <row r="92254" spans="14:14">
      <c r="N92254" s="10"/>
    </row>
    <row r="92255" spans="14:14">
      <c r="N92255" s="10"/>
    </row>
    <row r="92256" spans="14:14">
      <c r="N92256" s="10"/>
    </row>
    <row r="92257" spans="14:14">
      <c r="N92257" s="10"/>
    </row>
    <row r="92258" spans="14:14">
      <c r="N92258" s="10"/>
    </row>
    <row r="92259" spans="14:14">
      <c r="N92259" s="10"/>
    </row>
    <row r="92260" spans="14:14">
      <c r="N92260" s="10"/>
    </row>
    <row r="92261" spans="14:14">
      <c r="N92261" s="10"/>
    </row>
    <row r="92262" spans="14:14">
      <c r="N92262" s="10"/>
    </row>
    <row r="92263" spans="14:14">
      <c r="N92263" s="10"/>
    </row>
    <row r="92264" spans="14:14">
      <c r="N92264" s="10"/>
    </row>
    <row r="92265" spans="14:14">
      <c r="N92265" s="10"/>
    </row>
    <row r="92266" spans="14:14">
      <c r="N92266" s="10"/>
    </row>
    <row r="92267" spans="14:14">
      <c r="N92267" s="10"/>
    </row>
    <row r="92268" spans="14:14">
      <c r="N92268" s="10"/>
    </row>
    <row r="92269" spans="14:14">
      <c r="N92269" s="10"/>
    </row>
    <row r="92270" spans="14:14">
      <c r="N92270" s="10"/>
    </row>
    <row r="92271" spans="14:14">
      <c r="N92271" s="10"/>
    </row>
    <row r="92272" spans="14:14">
      <c r="N92272" s="10"/>
    </row>
    <row r="92273" spans="14:14">
      <c r="N92273" s="10"/>
    </row>
    <row r="92274" spans="14:14">
      <c r="N92274" s="10"/>
    </row>
    <row r="92275" spans="14:14">
      <c r="N92275" s="10"/>
    </row>
    <row r="92276" spans="14:14">
      <c r="N92276" s="10"/>
    </row>
    <row r="92277" spans="14:14">
      <c r="N92277" s="10"/>
    </row>
    <row r="92278" spans="14:14">
      <c r="N92278" s="10"/>
    </row>
    <row r="92279" spans="14:14">
      <c r="N92279" s="10"/>
    </row>
    <row r="92280" spans="14:14">
      <c r="N92280" s="10"/>
    </row>
    <row r="92281" spans="14:14">
      <c r="N92281" s="10"/>
    </row>
    <row r="92282" spans="14:14">
      <c r="N92282" s="10"/>
    </row>
    <row r="92283" spans="14:14">
      <c r="N92283" s="10"/>
    </row>
    <row r="92284" spans="14:14">
      <c r="N92284" s="10"/>
    </row>
    <row r="92285" spans="14:14">
      <c r="N92285" s="10"/>
    </row>
    <row r="92286" spans="14:14">
      <c r="N92286" s="10"/>
    </row>
    <row r="92287" spans="14:14">
      <c r="N92287" s="10"/>
    </row>
    <row r="92288" spans="14:14">
      <c r="N92288" s="10"/>
    </row>
    <row r="92289" spans="14:14">
      <c r="N92289" s="10"/>
    </row>
    <row r="92290" spans="14:14">
      <c r="N92290" s="10"/>
    </row>
    <row r="92291" spans="14:14">
      <c r="N92291" s="10"/>
    </row>
    <row r="92292" spans="14:14">
      <c r="N92292" s="10"/>
    </row>
    <row r="92293" spans="14:14">
      <c r="N92293" s="10"/>
    </row>
    <row r="92294" spans="14:14">
      <c r="N92294" s="10"/>
    </row>
    <row r="92295" spans="14:14">
      <c r="N92295" s="10"/>
    </row>
    <row r="92296" spans="14:14">
      <c r="N92296" s="10"/>
    </row>
    <row r="92297" spans="14:14">
      <c r="N92297" s="10"/>
    </row>
    <row r="92298" spans="14:14">
      <c r="N92298" s="10"/>
    </row>
    <row r="92299" spans="14:14">
      <c r="N92299" s="10"/>
    </row>
    <row r="92300" spans="14:14">
      <c r="N92300" s="10"/>
    </row>
    <row r="92301" spans="14:14">
      <c r="N92301" s="10"/>
    </row>
    <row r="92302" spans="14:14">
      <c r="N92302" s="10"/>
    </row>
    <row r="92303" spans="14:14">
      <c r="N92303" s="10"/>
    </row>
    <row r="92304" spans="14:14">
      <c r="N92304" s="10"/>
    </row>
    <row r="92305" spans="14:14">
      <c r="N92305" s="10"/>
    </row>
    <row r="92306" spans="14:14">
      <c r="N92306" s="10"/>
    </row>
    <row r="92307" spans="14:14">
      <c r="N92307" s="10"/>
    </row>
    <row r="92308" spans="14:14">
      <c r="N92308" s="10"/>
    </row>
    <row r="92309" spans="14:14">
      <c r="N92309" s="10"/>
    </row>
    <row r="92310" spans="14:14">
      <c r="N92310" s="10"/>
    </row>
    <row r="92311" spans="14:14">
      <c r="N92311" s="10"/>
    </row>
    <row r="92312" spans="14:14">
      <c r="N92312" s="10"/>
    </row>
    <row r="92313" spans="14:14">
      <c r="N92313" s="10"/>
    </row>
    <row r="92314" spans="14:14">
      <c r="N92314" s="10"/>
    </row>
    <row r="92315" spans="14:14">
      <c r="N92315" s="10"/>
    </row>
    <row r="92316" spans="14:14">
      <c r="N92316" s="10"/>
    </row>
    <row r="92317" spans="14:14">
      <c r="N92317" s="10"/>
    </row>
    <row r="92318" spans="14:14">
      <c r="N92318" s="10"/>
    </row>
    <row r="92319" spans="14:14">
      <c r="N92319" s="10"/>
    </row>
    <row r="92320" spans="14:14">
      <c r="N92320" s="10"/>
    </row>
    <row r="92321" spans="14:14">
      <c r="N92321" s="10"/>
    </row>
    <row r="92322" spans="14:14">
      <c r="N92322" s="10"/>
    </row>
    <row r="92323" spans="14:14">
      <c r="N92323" s="10"/>
    </row>
    <row r="92324" spans="14:14">
      <c r="N92324" s="10"/>
    </row>
    <row r="92325" spans="14:14">
      <c r="N92325" s="10"/>
    </row>
    <row r="92326" spans="14:14">
      <c r="N92326" s="10"/>
    </row>
    <row r="92327" spans="14:14">
      <c r="N92327" s="10"/>
    </row>
    <row r="92328" spans="14:14">
      <c r="N92328" s="10"/>
    </row>
    <row r="92329" spans="14:14">
      <c r="N92329" s="10"/>
    </row>
    <row r="92330" spans="14:14">
      <c r="N92330" s="10"/>
    </row>
    <row r="92331" spans="14:14">
      <c r="N92331" s="10"/>
    </row>
    <row r="92332" spans="14:14">
      <c r="N92332" s="10"/>
    </row>
    <row r="92333" spans="14:14">
      <c r="N92333" s="10"/>
    </row>
    <row r="92334" spans="14:14">
      <c r="N92334" s="10"/>
    </row>
    <row r="92335" spans="14:14">
      <c r="N92335" s="10"/>
    </row>
    <row r="92336" spans="14:14">
      <c r="N92336" s="10"/>
    </row>
    <row r="92337" spans="14:14">
      <c r="N92337" s="10"/>
    </row>
    <row r="92338" spans="14:14">
      <c r="N92338" s="10"/>
    </row>
    <row r="92339" spans="14:14">
      <c r="N92339" s="10"/>
    </row>
    <row r="92340" spans="14:14">
      <c r="N92340" s="10"/>
    </row>
    <row r="92341" spans="14:14">
      <c r="N92341" s="10"/>
    </row>
    <row r="92342" spans="14:14">
      <c r="N92342" s="10"/>
    </row>
    <row r="92343" spans="14:14">
      <c r="N92343" s="10"/>
    </row>
    <row r="92344" spans="14:14">
      <c r="N92344" s="10"/>
    </row>
    <row r="92345" spans="14:14">
      <c r="N92345" s="10"/>
    </row>
    <row r="92346" spans="14:14">
      <c r="N92346" s="10"/>
    </row>
    <row r="92347" spans="14:14">
      <c r="N92347" s="10"/>
    </row>
    <row r="92348" spans="14:14">
      <c r="N92348" s="10"/>
    </row>
    <row r="92349" spans="14:14">
      <c r="N92349" s="10"/>
    </row>
    <row r="92350" spans="14:14">
      <c r="N92350" s="10"/>
    </row>
    <row r="92351" spans="14:14">
      <c r="N92351" s="10"/>
    </row>
    <row r="92352" spans="14:14">
      <c r="N92352" s="10"/>
    </row>
    <row r="92353" spans="14:14">
      <c r="N92353" s="10"/>
    </row>
    <row r="92354" spans="14:14">
      <c r="N92354" s="10"/>
    </row>
    <row r="92355" spans="14:14">
      <c r="N92355" s="10"/>
    </row>
    <row r="92356" spans="14:14">
      <c r="N92356" s="10"/>
    </row>
    <row r="92357" spans="14:14">
      <c r="N92357" s="10"/>
    </row>
    <row r="92358" spans="14:14">
      <c r="N92358" s="10"/>
    </row>
    <row r="92359" spans="14:14">
      <c r="N92359" s="10"/>
    </row>
    <row r="92360" spans="14:14">
      <c r="N92360" s="10"/>
    </row>
    <row r="92361" spans="14:14">
      <c r="N92361" s="10"/>
    </row>
    <row r="92362" spans="14:14">
      <c r="N92362" s="10"/>
    </row>
    <row r="92363" spans="14:14">
      <c r="N92363" s="10"/>
    </row>
    <row r="92364" spans="14:14">
      <c r="N92364" s="10"/>
    </row>
    <row r="92365" spans="14:14">
      <c r="N92365" s="10"/>
    </row>
    <row r="92366" spans="14:14">
      <c r="N92366" s="10"/>
    </row>
    <row r="92367" spans="14:14">
      <c r="N92367" s="10"/>
    </row>
    <row r="92368" spans="14:14">
      <c r="N92368" s="10"/>
    </row>
    <row r="92369" spans="14:14">
      <c r="N92369" s="10"/>
    </row>
    <row r="92370" spans="14:14">
      <c r="N92370" s="10"/>
    </row>
    <row r="92371" spans="14:14">
      <c r="N92371" s="10"/>
    </row>
    <row r="92372" spans="14:14">
      <c r="N92372" s="10"/>
    </row>
    <row r="92373" spans="14:14">
      <c r="N92373" s="10"/>
    </row>
    <row r="92374" spans="14:14">
      <c r="N92374" s="10"/>
    </row>
    <row r="92375" spans="14:14">
      <c r="N92375" s="10"/>
    </row>
    <row r="92376" spans="14:14">
      <c r="N92376" s="10"/>
    </row>
    <row r="92377" spans="14:14">
      <c r="N92377" s="10"/>
    </row>
    <row r="92378" spans="14:14">
      <c r="N92378" s="10"/>
    </row>
    <row r="92379" spans="14:14">
      <c r="N92379" s="10"/>
    </row>
    <row r="92380" spans="14:14">
      <c r="N92380" s="10"/>
    </row>
    <row r="92381" spans="14:14">
      <c r="N92381" s="10"/>
    </row>
    <row r="92382" spans="14:14">
      <c r="N92382" s="10"/>
    </row>
    <row r="92383" spans="14:14">
      <c r="N92383" s="10"/>
    </row>
    <row r="92384" spans="14:14">
      <c r="N92384" s="10"/>
    </row>
    <row r="92385" spans="14:14">
      <c r="N92385" s="10"/>
    </row>
    <row r="92386" spans="14:14">
      <c r="N92386" s="10"/>
    </row>
    <row r="92387" spans="14:14">
      <c r="N92387" s="10"/>
    </row>
    <row r="92388" spans="14:14">
      <c r="N92388" s="10"/>
    </row>
    <row r="92389" spans="14:14">
      <c r="N92389" s="10"/>
    </row>
    <row r="92390" spans="14:14">
      <c r="N92390" s="10"/>
    </row>
    <row r="92391" spans="14:14">
      <c r="N92391" s="10"/>
    </row>
    <row r="92392" spans="14:14">
      <c r="N92392" s="10"/>
    </row>
    <row r="92393" spans="14:14">
      <c r="N92393" s="10"/>
    </row>
    <row r="92394" spans="14:14">
      <c r="N92394" s="10"/>
    </row>
    <row r="92395" spans="14:14">
      <c r="N92395" s="10"/>
    </row>
    <row r="92396" spans="14:14">
      <c r="N92396" s="10"/>
    </row>
    <row r="92397" spans="14:14">
      <c r="N92397" s="10"/>
    </row>
    <row r="92398" spans="14:14">
      <c r="N92398" s="10"/>
    </row>
    <row r="92399" spans="14:14">
      <c r="N92399" s="10"/>
    </row>
    <row r="92400" spans="14:14">
      <c r="N92400" s="10"/>
    </row>
    <row r="92401" spans="14:14">
      <c r="N92401" s="10"/>
    </row>
    <row r="92402" spans="14:14">
      <c r="N92402" s="10"/>
    </row>
    <row r="92403" spans="14:14">
      <c r="N92403" s="10"/>
    </row>
    <row r="92404" spans="14:14">
      <c r="N92404" s="10"/>
    </row>
    <row r="92405" spans="14:14">
      <c r="N92405" s="10"/>
    </row>
    <row r="92406" spans="14:14">
      <c r="N92406" s="10"/>
    </row>
    <row r="92407" spans="14:14">
      <c r="N92407" s="10"/>
    </row>
    <row r="92408" spans="14:14">
      <c r="N92408" s="10"/>
    </row>
    <row r="92409" spans="14:14">
      <c r="N92409" s="10"/>
    </row>
    <row r="92410" spans="14:14">
      <c r="N92410" s="10"/>
    </row>
    <row r="92411" spans="14:14">
      <c r="N92411" s="10"/>
    </row>
    <row r="92412" spans="14:14">
      <c r="N92412" s="10"/>
    </row>
    <row r="92413" spans="14:14">
      <c r="N92413" s="10"/>
    </row>
    <row r="92414" spans="14:14">
      <c r="N92414" s="10"/>
    </row>
    <row r="92415" spans="14:14">
      <c r="N92415" s="10"/>
    </row>
    <row r="92416" spans="14:14">
      <c r="N92416" s="10"/>
    </row>
    <row r="92417" spans="14:14">
      <c r="N92417" s="10"/>
    </row>
    <row r="92418" spans="14:14">
      <c r="N92418" s="10"/>
    </row>
    <row r="92419" spans="14:14">
      <c r="N92419" s="10"/>
    </row>
    <row r="92420" spans="14:14">
      <c r="N92420" s="10"/>
    </row>
    <row r="92421" spans="14:14">
      <c r="N92421" s="10"/>
    </row>
    <row r="92422" spans="14:14">
      <c r="N92422" s="10"/>
    </row>
    <row r="92423" spans="14:14">
      <c r="N92423" s="10"/>
    </row>
    <row r="92424" spans="14:14">
      <c r="N92424" s="10"/>
    </row>
    <row r="92425" spans="14:14">
      <c r="N92425" s="10"/>
    </row>
    <row r="92426" spans="14:14">
      <c r="N92426" s="10"/>
    </row>
    <row r="92427" spans="14:14">
      <c r="N92427" s="10"/>
    </row>
    <row r="92428" spans="14:14">
      <c r="N92428" s="10"/>
    </row>
    <row r="92429" spans="14:14">
      <c r="N92429" s="10"/>
    </row>
    <row r="92430" spans="14:14">
      <c r="N92430" s="10"/>
    </row>
    <row r="92431" spans="14:14">
      <c r="N92431" s="10"/>
    </row>
    <row r="92432" spans="14:14">
      <c r="N92432" s="10"/>
    </row>
    <row r="92433" spans="14:14">
      <c r="N92433" s="10"/>
    </row>
    <row r="92434" spans="14:14">
      <c r="N92434" s="10"/>
    </row>
    <row r="92435" spans="14:14">
      <c r="N92435" s="10"/>
    </row>
    <row r="92436" spans="14:14">
      <c r="N92436" s="10"/>
    </row>
    <row r="92437" spans="14:14">
      <c r="N92437" s="10"/>
    </row>
    <row r="92438" spans="14:14">
      <c r="N92438" s="10"/>
    </row>
    <row r="92439" spans="14:14">
      <c r="N92439" s="10"/>
    </row>
    <row r="92440" spans="14:14">
      <c r="N92440" s="10"/>
    </row>
    <row r="92441" spans="14:14">
      <c r="N92441" s="10"/>
    </row>
    <row r="92442" spans="14:14">
      <c r="N92442" s="10"/>
    </row>
    <row r="92443" spans="14:14">
      <c r="N92443" s="10"/>
    </row>
    <row r="92444" spans="14:14">
      <c r="N92444" s="10"/>
    </row>
    <row r="92445" spans="14:14">
      <c r="N92445" s="10"/>
    </row>
    <row r="92446" spans="14:14">
      <c r="N92446" s="10"/>
    </row>
    <row r="92447" spans="14:14">
      <c r="N92447" s="10"/>
    </row>
    <row r="92448" spans="14:14">
      <c r="N92448" s="10"/>
    </row>
    <row r="92449" spans="14:14">
      <c r="N92449" s="10"/>
    </row>
    <row r="92450" spans="14:14">
      <c r="N92450" s="10"/>
    </row>
    <row r="92451" spans="14:14">
      <c r="N92451" s="10"/>
    </row>
    <row r="92452" spans="14:14">
      <c r="N92452" s="10"/>
    </row>
    <row r="92453" spans="14:14">
      <c r="N92453" s="10"/>
    </row>
    <row r="92454" spans="14:14">
      <c r="N92454" s="10"/>
    </row>
    <row r="92455" spans="14:14">
      <c r="N92455" s="10"/>
    </row>
    <row r="92456" spans="14:14">
      <c r="N92456" s="10"/>
    </row>
    <row r="92457" spans="14:14">
      <c r="N92457" s="10"/>
    </row>
    <row r="92458" spans="14:14">
      <c r="N92458" s="10"/>
    </row>
    <row r="92459" spans="14:14">
      <c r="N92459" s="10"/>
    </row>
    <row r="92460" spans="14:14">
      <c r="N92460" s="10"/>
    </row>
    <row r="92461" spans="14:14">
      <c r="N92461" s="10"/>
    </row>
    <row r="92462" spans="14:14">
      <c r="N92462" s="10"/>
    </row>
    <row r="92463" spans="14:14">
      <c r="N92463" s="10"/>
    </row>
    <row r="92464" spans="14:14">
      <c r="N92464" s="10"/>
    </row>
    <row r="92465" spans="14:14">
      <c r="N92465" s="10"/>
    </row>
    <row r="92466" spans="14:14">
      <c r="N92466" s="10"/>
    </row>
    <row r="92467" spans="14:14">
      <c r="N92467" s="10"/>
    </row>
    <row r="92468" spans="14:14">
      <c r="N92468" s="10"/>
    </row>
    <row r="92469" spans="14:14">
      <c r="N92469" s="10"/>
    </row>
    <row r="92470" spans="14:14">
      <c r="N92470" s="10"/>
    </row>
    <row r="92471" spans="14:14">
      <c r="N92471" s="10"/>
    </row>
    <row r="92472" spans="14:14">
      <c r="N92472" s="10"/>
    </row>
    <row r="92473" spans="14:14">
      <c r="N92473" s="10"/>
    </row>
    <row r="92474" spans="14:14">
      <c r="N92474" s="10"/>
    </row>
    <row r="92475" spans="14:14">
      <c r="N92475" s="10"/>
    </row>
    <row r="92476" spans="14:14">
      <c r="N92476" s="10"/>
    </row>
    <row r="92477" spans="14:14">
      <c r="N92477" s="10"/>
    </row>
    <row r="92478" spans="14:14">
      <c r="N92478" s="10"/>
    </row>
    <row r="92479" spans="14:14">
      <c r="N92479" s="10"/>
    </row>
    <row r="92480" spans="14:14">
      <c r="N92480" s="10"/>
    </row>
    <row r="92481" spans="14:14">
      <c r="N92481" s="10"/>
    </row>
    <row r="92482" spans="14:14">
      <c r="N92482" s="10"/>
    </row>
    <row r="92483" spans="14:14">
      <c r="N92483" s="10"/>
    </row>
    <row r="92484" spans="14:14">
      <c r="N92484" s="10"/>
    </row>
    <row r="92485" spans="14:14">
      <c r="N92485" s="10"/>
    </row>
    <row r="92486" spans="14:14">
      <c r="N92486" s="10"/>
    </row>
    <row r="92487" spans="14:14">
      <c r="N92487" s="10"/>
    </row>
    <row r="92488" spans="14:14">
      <c r="N92488" s="10"/>
    </row>
    <row r="92489" spans="14:14">
      <c r="N92489" s="10"/>
    </row>
    <row r="92490" spans="14:14">
      <c r="N92490" s="10"/>
    </row>
    <row r="92491" spans="14:14">
      <c r="N92491" s="10"/>
    </row>
    <row r="92492" spans="14:14">
      <c r="N92492" s="10"/>
    </row>
    <row r="92493" spans="14:14">
      <c r="N92493" s="10"/>
    </row>
    <row r="92494" spans="14:14">
      <c r="N92494" s="10"/>
    </row>
    <row r="92495" spans="14:14">
      <c r="N92495" s="10"/>
    </row>
    <row r="92496" spans="14:14">
      <c r="N92496" s="10"/>
    </row>
    <row r="92497" spans="14:14">
      <c r="N92497" s="10"/>
    </row>
    <row r="92498" spans="14:14">
      <c r="N92498" s="10"/>
    </row>
    <row r="92499" spans="14:14">
      <c r="N92499" s="10"/>
    </row>
    <row r="92500" spans="14:14">
      <c r="N92500" s="10"/>
    </row>
    <row r="92501" spans="14:14">
      <c r="N92501" s="10"/>
    </row>
    <row r="92502" spans="14:14">
      <c r="N92502" s="10"/>
    </row>
    <row r="92503" spans="14:14">
      <c r="N92503" s="10"/>
    </row>
    <row r="92504" spans="14:14">
      <c r="N92504" s="10"/>
    </row>
    <row r="92505" spans="14:14">
      <c r="N92505" s="10"/>
    </row>
    <row r="92506" spans="14:14">
      <c r="N92506" s="10"/>
    </row>
    <row r="92507" spans="14:14">
      <c r="N92507" s="10"/>
    </row>
    <row r="92508" spans="14:14">
      <c r="N92508" s="10"/>
    </row>
    <row r="92509" spans="14:14">
      <c r="N92509" s="10"/>
    </row>
    <row r="92510" spans="14:14">
      <c r="N92510" s="10"/>
    </row>
    <row r="92511" spans="14:14">
      <c r="N92511" s="10"/>
    </row>
    <row r="92512" spans="14:14">
      <c r="N92512" s="10"/>
    </row>
    <row r="92513" spans="14:14">
      <c r="N92513" s="10"/>
    </row>
    <row r="92514" spans="14:14">
      <c r="N92514" s="10"/>
    </row>
    <row r="92515" spans="14:14">
      <c r="N92515" s="10"/>
    </row>
    <row r="92516" spans="14:14">
      <c r="N92516" s="10"/>
    </row>
    <row r="92517" spans="14:14">
      <c r="N92517" s="10"/>
    </row>
    <row r="92518" spans="14:14">
      <c r="N92518" s="10"/>
    </row>
    <row r="92519" spans="14:14">
      <c r="N92519" s="10"/>
    </row>
    <row r="92520" spans="14:14">
      <c r="N92520" s="10"/>
    </row>
    <row r="92521" spans="14:14">
      <c r="N92521" s="10"/>
    </row>
    <row r="92522" spans="14:14">
      <c r="N92522" s="10"/>
    </row>
    <row r="92523" spans="14:14">
      <c r="N92523" s="10"/>
    </row>
    <row r="92524" spans="14:14">
      <c r="N92524" s="10"/>
    </row>
    <row r="92525" spans="14:14">
      <c r="N92525" s="10"/>
    </row>
    <row r="92526" spans="14:14">
      <c r="N92526" s="10"/>
    </row>
    <row r="92527" spans="14:14">
      <c r="N92527" s="10"/>
    </row>
    <row r="92528" spans="14:14">
      <c r="N92528" s="10"/>
    </row>
    <row r="92529" spans="14:14">
      <c r="N92529" s="10"/>
    </row>
    <row r="92530" spans="14:14">
      <c r="N92530" s="10"/>
    </row>
    <row r="92531" spans="14:14">
      <c r="N92531" s="10"/>
    </row>
    <row r="92532" spans="14:14">
      <c r="N92532" s="10"/>
    </row>
    <row r="92533" spans="14:14">
      <c r="N92533" s="10"/>
    </row>
    <row r="92534" spans="14:14">
      <c r="N92534" s="10"/>
    </row>
    <row r="92535" spans="14:14">
      <c r="N92535" s="10"/>
    </row>
    <row r="92536" spans="14:14">
      <c r="N92536" s="10"/>
    </row>
    <row r="92537" spans="14:14">
      <c r="N92537" s="10"/>
    </row>
    <row r="92538" spans="14:14">
      <c r="N92538" s="10"/>
    </row>
    <row r="92539" spans="14:14">
      <c r="N92539" s="10"/>
    </row>
    <row r="92540" spans="14:14">
      <c r="N92540" s="10"/>
    </row>
    <row r="92541" spans="14:14">
      <c r="N92541" s="10"/>
    </row>
    <row r="92542" spans="14:14">
      <c r="N92542" s="10"/>
    </row>
    <row r="92543" spans="14:14">
      <c r="N92543" s="10"/>
    </row>
    <row r="92544" spans="14:14">
      <c r="N92544" s="10"/>
    </row>
    <row r="92545" spans="14:14">
      <c r="N92545" s="10"/>
    </row>
    <row r="92546" spans="14:14">
      <c r="N92546" s="10"/>
    </row>
    <row r="92547" spans="14:14">
      <c r="N92547" s="10"/>
    </row>
    <row r="92548" spans="14:14">
      <c r="N92548" s="10"/>
    </row>
    <row r="92549" spans="14:14">
      <c r="N92549" s="10"/>
    </row>
    <row r="92550" spans="14:14">
      <c r="N92550" s="10"/>
    </row>
    <row r="92551" spans="14:14">
      <c r="N92551" s="10"/>
    </row>
    <row r="92552" spans="14:14">
      <c r="N92552" s="10"/>
    </row>
    <row r="92553" spans="14:14">
      <c r="N92553" s="10"/>
    </row>
    <row r="92554" spans="14:14">
      <c r="N92554" s="10"/>
    </row>
    <row r="92555" spans="14:14">
      <c r="N92555" s="10"/>
    </row>
    <row r="92556" spans="14:14">
      <c r="N92556" s="10"/>
    </row>
    <row r="92557" spans="14:14">
      <c r="N92557" s="10"/>
    </row>
    <row r="92558" spans="14:14">
      <c r="N92558" s="10"/>
    </row>
    <row r="92559" spans="14:14">
      <c r="N92559" s="10"/>
    </row>
    <row r="92560" spans="14:14">
      <c r="N92560" s="10"/>
    </row>
    <row r="92561" spans="14:14">
      <c r="N92561" s="10"/>
    </row>
    <row r="92562" spans="14:14">
      <c r="N92562" s="10"/>
    </row>
    <row r="92563" spans="14:14">
      <c r="N92563" s="10"/>
    </row>
    <row r="92564" spans="14:14">
      <c r="N92564" s="10"/>
    </row>
    <row r="92565" spans="14:14">
      <c r="N92565" s="10"/>
    </row>
    <row r="92566" spans="14:14">
      <c r="N92566" s="10"/>
    </row>
    <row r="92567" spans="14:14">
      <c r="N92567" s="10"/>
    </row>
    <row r="92568" spans="14:14">
      <c r="N92568" s="10"/>
    </row>
    <row r="92569" spans="14:14">
      <c r="N92569" s="10"/>
    </row>
    <row r="92570" spans="14:14">
      <c r="N92570" s="10"/>
    </row>
    <row r="92571" spans="14:14">
      <c r="N92571" s="10"/>
    </row>
    <row r="92572" spans="14:14">
      <c r="N92572" s="10"/>
    </row>
    <row r="92573" spans="14:14">
      <c r="N92573" s="10"/>
    </row>
    <row r="92574" spans="14:14">
      <c r="N92574" s="10"/>
    </row>
    <row r="92575" spans="14:14">
      <c r="N92575" s="10"/>
    </row>
    <row r="92576" spans="14:14">
      <c r="N92576" s="10"/>
    </row>
    <row r="92577" spans="14:14">
      <c r="N92577" s="10"/>
    </row>
    <row r="92578" spans="14:14">
      <c r="N92578" s="10"/>
    </row>
    <row r="92579" spans="14:14">
      <c r="N92579" s="10"/>
    </row>
    <row r="92580" spans="14:14">
      <c r="N92580" s="10"/>
    </row>
    <row r="92581" spans="14:14">
      <c r="N92581" s="10"/>
    </row>
    <row r="92582" spans="14:14">
      <c r="N92582" s="10"/>
    </row>
    <row r="92583" spans="14:14">
      <c r="N92583" s="10"/>
    </row>
    <row r="92584" spans="14:14">
      <c r="N92584" s="10"/>
    </row>
    <row r="92585" spans="14:14">
      <c r="N92585" s="10"/>
    </row>
    <row r="92586" spans="14:14">
      <c r="N92586" s="10"/>
    </row>
    <row r="92587" spans="14:14">
      <c r="N92587" s="10"/>
    </row>
    <row r="92588" spans="14:14">
      <c r="N92588" s="10"/>
    </row>
    <row r="92589" spans="14:14">
      <c r="N92589" s="10"/>
    </row>
    <row r="92590" spans="14:14">
      <c r="N92590" s="10"/>
    </row>
    <row r="92591" spans="14:14">
      <c r="N92591" s="10"/>
    </row>
    <row r="92592" spans="14:14">
      <c r="N92592" s="10"/>
    </row>
    <row r="92593" spans="14:14">
      <c r="N92593" s="10"/>
    </row>
    <row r="92594" spans="14:14">
      <c r="N92594" s="10"/>
    </row>
    <row r="92595" spans="14:14">
      <c r="N92595" s="10"/>
    </row>
    <row r="92596" spans="14:14">
      <c r="N92596" s="10"/>
    </row>
    <row r="92597" spans="14:14">
      <c r="N92597" s="10"/>
    </row>
    <row r="92598" spans="14:14">
      <c r="N92598" s="10"/>
    </row>
    <row r="92599" spans="14:14">
      <c r="N92599" s="10"/>
    </row>
    <row r="92600" spans="14:14">
      <c r="N92600" s="10"/>
    </row>
    <row r="92601" spans="14:14">
      <c r="N92601" s="10"/>
    </row>
    <row r="92602" spans="14:14">
      <c r="N92602" s="10"/>
    </row>
    <row r="92603" spans="14:14">
      <c r="N92603" s="10"/>
    </row>
    <row r="92604" spans="14:14">
      <c r="N92604" s="10"/>
    </row>
    <row r="92605" spans="14:14">
      <c r="N92605" s="10"/>
    </row>
    <row r="92606" spans="14:14">
      <c r="N92606" s="10"/>
    </row>
    <row r="92607" spans="14:14">
      <c r="N92607" s="10"/>
    </row>
    <row r="92608" spans="14:14">
      <c r="N92608" s="10"/>
    </row>
    <row r="92609" spans="14:14">
      <c r="N92609" s="10"/>
    </row>
    <row r="92610" spans="14:14">
      <c r="N92610" s="10"/>
    </row>
    <row r="92611" spans="14:14">
      <c r="N92611" s="10"/>
    </row>
    <row r="92612" spans="14:14">
      <c r="N92612" s="10"/>
    </row>
    <row r="92613" spans="14:14">
      <c r="N92613" s="10"/>
    </row>
    <row r="92614" spans="14:14">
      <c r="N92614" s="10"/>
    </row>
    <row r="92615" spans="14:14">
      <c r="N92615" s="10"/>
    </row>
    <row r="92616" spans="14:14">
      <c r="N92616" s="10"/>
    </row>
    <row r="92617" spans="14:14">
      <c r="N92617" s="10"/>
    </row>
    <row r="92618" spans="14:14">
      <c r="N92618" s="10"/>
    </row>
    <row r="92619" spans="14:14">
      <c r="N92619" s="10"/>
    </row>
    <row r="92620" spans="14:14">
      <c r="N92620" s="10"/>
    </row>
    <row r="92621" spans="14:14">
      <c r="N92621" s="10"/>
    </row>
    <row r="92622" spans="14:14">
      <c r="N92622" s="10"/>
    </row>
    <row r="92623" spans="14:14">
      <c r="N92623" s="10"/>
    </row>
    <row r="92624" spans="14:14">
      <c r="N92624" s="10"/>
    </row>
    <row r="92625" spans="14:14">
      <c r="N92625" s="10"/>
    </row>
    <row r="92626" spans="14:14">
      <c r="N92626" s="10"/>
    </row>
    <row r="92627" spans="14:14">
      <c r="N92627" s="10"/>
    </row>
    <row r="92628" spans="14:14">
      <c r="N92628" s="10"/>
    </row>
    <row r="92629" spans="14:14">
      <c r="N92629" s="10"/>
    </row>
    <row r="92630" spans="14:14">
      <c r="N92630" s="10"/>
    </row>
    <row r="92631" spans="14:14">
      <c r="N92631" s="10"/>
    </row>
    <row r="92632" spans="14:14">
      <c r="N92632" s="10"/>
    </row>
    <row r="92633" spans="14:14">
      <c r="N92633" s="10"/>
    </row>
    <row r="92634" spans="14:14">
      <c r="N92634" s="10"/>
    </row>
    <row r="92635" spans="14:14">
      <c r="N92635" s="10"/>
    </row>
    <row r="92636" spans="14:14">
      <c r="N92636" s="10"/>
    </row>
    <row r="92637" spans="14:14">
      <c r="N92637" s="10"/>
    </row>
    <row r="92638" spans="14:14">
      <c r="N92638" s="10"/>
    </row>
    <row r="92639" spans="14:14">
      <c r="N92639" s="10"/>
    </row>
    <row r="92640" spans="14:14">
      <c r="N92640" s="10"/>
    </row>
    <row r="92641" spans="14:14">
      <c r="N92641" s="10"/>
    </row>
    <row r="92642" spans="14:14">
      <c r="N92642" s="10"/>
    </row>
    <row r="92643" spans="14:14">
      <c r="N92643" s="10"/>
    </row>
    <row r="92644" spans="14:14">
      <c r="N92644" s="10"/>
    </row>
    <row r="92645" spans="14:14">
      <c r="N92645" s="10"/>
    </row>
    <row r="92646" spans="14:14">
      <c r="N92646" s="10"/>
    </row>
    <row r="92647" spans="14:14">
      <c r="N92647" s="10"/>
    </row>
    <row r="92648" spans="14:14">
      <c r="N92648" s="10"/>
    </row>
    <row r="92649" spans="14:14">
      <c r="N92649" s="10"/>
    </row>
    <row r="92650" spans="14:14">
      <c r="N92650" s="10"/>
    </row>
    <row r="92651" spans="14:14">
      <c r="N92651" s="10"/>
    </row>
    <row r="92652" spans="14:14">
      <c r="N92652" s="10"/>
    </row>
    <row r="92653" spans="14:14">
      <c r="N92653" s="10"/>
    </row>
    <row r="92654" spans="14:14">
      <c r="N92654" s="10"/>
    </row>
    <row r="92655" spans="14:14">
      <c r="N92655" s="10"/>
    </row>
    <row r="92656" spans="14:14">
      <c r="N92656" s="10"/>
    </row>
    <row r="92657" spans="14:14">
      <c r="N92657" s="10"/>
    </row>
    <row r="92658" spans="14:14">
      <c r="N92658" s="10"/>
    </row>
    <row r="92659" spans="14:14">
      <c r="N92659" s="10"/>
    </row>
    <row r="92660" spans="14:14">
      <c r="N92660" s="10"/>
    </row>
    <row r="92661" spans="14:14">
      <c r="N92661" s="10"/>
    </row>
    <row r="92662" spans="14:14">
      <c r="N92662" s="10"/>
    </row>
    <row r="92663" spans="14:14">
      <c r="N92663" s="10"/>
    </row>
    <row r="92664" spans="14:14">
      <c r="N92664" s="10"/>
    </row>
    <row r="92665" spans="14:14">
      <c r="N92665" s="10"/>
    </row>
    <row r="92666" spans="14:14">
      <c r="N92666" s="10"/>
    </row>
    <row r="92667" spans="14:14">
      <c r="N92667" s="10"/>
    </row>
    <row r="92668" spans="14:14">
      <c r="N92668" s="10"/>
    </row>
    <row r="92669" spans="14:14">
      <c r="N92669" s="10"/>
    </row>
    <row r="92670" spans="14:14">
      <c r="N92670" s="10"/>
    </row>
    <row r="92671" spans="14:14">
      <c r="N92671" s="10"/>
    </row>
    <row r="92672" spans="14:14">
      <c r="N92672" s="10"/>
    </row>
    <row r="92673" spans="14:14">
      <c r="N92673" s="10"/>
    </row>
    <row r="92674" spans="14:14">
      <c r="N92674" s="10"/>
    </row>
    <row r="92675" spans="14:14">
      <c r="N92675" s="10"/>
    </row>
    <row r="92676" spans="14:14">
      <c r="N92676" s="10"/>
    </row>
    <row r="92677" spans="14:14">
      <c r="N92677" s="10"/>
    </row>
    <row r="92678" spans="14:14">
      <c r="N92678" s="10"/>
    </row>
    <row r="92679" spans="14:14">
      <c r="N92679" s="10"/>
    </row>
    <row r="92680" spans="14:14">
      <c r="N92680" s="10"/>
    </row>
    <row r="92681" spans="14:14">
      <c r="N92681" s="10"/>
    </row>
    <row r="92682" spans="14:14">
      <c r="N92682" s="10"/>
    </row>
    <row r="92683" spans="14:14">
      <c r="N92683" s="10"/>
    </row>
    <row r="92684" spans="14:14">
      <c r="N92684" s="10"/>
    </row>
    <row r="92685" spans="14:14">
      <c r="N92685" s="10"/>
    </row>
    <row r="92686" spans="14:14">
      <c r="N92686" s="10"/>
    </row>
    <row r="92687" spans="14:14">
      <c r="N92687" s="10"/>
    </row>
    <row r="92688" spans="14:14">
      <c r="N92688" s="10"/>
    </row>
    <row r="92689" spans="14:14">
      <c r="N92689" s="10"/>
    </row>
    <row r="92690" spans="14:14">
      <c r="N92690" s="10"/>
    </row>
    <row r="92691" spans="14:14">
      <c r="N92691" s="10"/>
    </row>
    <row r="92692" spans="14:14">
      <c r="N92692" s="10"/>
    </row>
    <row r="92693" spans="14:14">
      <c r="N92693" s="10"/>
    </row>
    <row r="92694" spans="14:14">
      <c r="N92694" s="10"/>
    </row>
    <row r="92695" spans="14:14">
      <c r="N92695" s="10"/>
    </row>
    <row r="92696" spans="14:14">
      <c r="N92696" s="10"/>
    </row>
    <row r="92697" spans="14:14">
      <c r="N92697" s="10"/>
    </row>
    <row r="92698" spans="14:14">
      <c r="N92698" s="10"/>
    </row>
    <row r="92699" spans="14:14">
      <c r="N92699" s="10"/>
    </row>
    <row r="92700" spans="14:14">
      <c r="N92700" s="10"/>
    </row>
    <row r="92701" spans="14:14">
      <c r="N92701" s="10"/>
    </row>
    <row r="92702" spans="14:14">
      <c r="N92702" s="10"/>
    </row>
    <row r="92703" spans="14:14">
      <c r="N92703" s="10"/>
    </row>
    <row r="92704" spans="14:14">
      <c r="N92704" s="10"/>
    </row>
    <row r="92705" spans="14:14">
      <c r="N92705" s="10"/>
    </row>
    <row r="92706" spans="14:14">
      <c r="N92706" s="10"/>
    </row>
    <row r="92707" spans="14:14">
      <c r="N92707" s="10"/>
    </row>
    <row r="92708" spans="14:14">
      <c r="N92708" s="10"/>
    </row>
    <row r="92709" spans="14:14">
      <c r="N92709" s="10"/>
    </row>
    <row r="92710" spans="14:14">
      <c r="N92710" s="10"/>
    </row>
    <row r="92711" spans="14:14">
      <c r="N92711" s="10"/>
    </row>
    <row r="92712" spans="14:14">
      <c r="N92712" s="10"/>
    </row>
    <row r="92713" spans="14:14">
      <c r="N92713" s="10"/>
    </row>
    <row r="92714" spans="14:14">
      <c r="N92714" s="10"/>
    </row>
    <row r="92715" spans="14:14">
      <c r="N92715" s="10"/>
    </row>
    <row r="92716" spans="14:14">
      <c r="N92716" s="10"/>
    </row>
    <row r="92717" spans="14:14">
      <c r="N92717" s="10"/>
    </row>
    <row r="92718" spans="14:14">
      <c r="N92718" s="10"/>
    </row>
    <row r="92719" spans="14:14">
      <c r="N92719" s="10"/>
    </row>
    <row r="92720" spans="14:14">
      <c r="N92720" s="10"/>
    </row>
    <row r="92721" spans="14:14">
      <c r="N92721" s="10"/>
    </row>
    <row r="92722" spans="14:14">
      <c r="N92722" s="10"/>
    </row>
    <row r="92723" spans="14:14">
      <c r="N92723" s="10"/>
    </row>
    <row r="92724" spans="14:14">
      <c r="N92724" s="10"/>
    </row>
    <row r="92725" spans="14:14">
      <c r="N92725" s="10"/>
    </row>
    <row r="92726" spans="14:14">
      <c r="N92726" s="10"/>
    </row>
    <row r="92727" spans="14:14">
      <c r="N92727" s="10"/>
    </row>
    <row r="92728" spans="14:14">
      <c r="N92728" s="10"/>
    </row>
    <row r="92729" spans="14:14">
      <c r="N92729" s="10"/>
    </row>
    <row r="92730" spans="14:14">
      <c r="N92730" s="10"/>
    </row>
    <row r="92731" spans="14:14">
      <c r="N92731" s="10"/>
    </row>
    <row r="92732" spans="14:14">
      <c r="N92732" s="10"/>
    </row>
    <row r="92733" spans="14:14">
      <c r="N92733" s="10"/>
    </row>
    <row r="92734" spans="14:14">
      <c r="N92734" s="10"/>
    </row>
    <row r="92735" spans="14:14">
      <c r="N92735" s="10"/>
    </row>
    <row r="92736" spans="14:14">
      <c r="N92736" s="10"/>
    </row>
    <row r="92737" spans="14:14">
      <c r="N92737" s="10"/>
    </row>
    <row r="92738" spans="14:14">
      <c r="N92738" s="10"/>
    </row>
    <row r="92739" spans="14:14">
      <c r="N92739" s="10"/>
    </row>
    <row r="92740" spans="14:14">
      <c r="N92740" s="10"/>
    </row>
    <row r="92741" spans="14:14">
      <c r="N92741" s="10"/>
    </row>
    <row r="92742" spans="14:14">
      <c r="N92742" s="10"/>
    </row>
    <row r="92743" spans="14:14">
      <c r="N92743" s="10"/>
    </row>
    <row r="92744" spans="14:14">
      <c r="N92744" s="10"/>
    </row>
    <row r="92745" spans="14:14">
      <c r="N92745" s="10"/>
    </row>
    <row r="92746" spans="14:14">
      <c r="N92746" s="10"/>
    </row>
    <row r="92747" spans="14:14">
      <c r="N92747" s="10"/>
    </row>
    <row r="92748" spans="14:14">
      <c r="N92748" s="10"/>
    </row>
    <row r="92749" spans="14:14">
      <c r="N92749" s="10"/>
    </row>
    <row r="92750" spans="14:14">
      <c r="N92750" s="10"/>
    </row>
    <row r="92751" spans="14:14">
      <c r="N92751" s="10"/>
    </row>
    <row r="92752" spans="14:14">
      <c r="N92752" s="10"/>
    </row>
    <row r="92753" spans="14:14">
      <c r="N92753" s="10"/>
    </row>
    <row r="92754" spans="14:14">
      <c r="N92754" s="10"/>
    </row>
    <row r="92755" spans="14:14">
      <c r="N92755" s="10"/>
    </row>
    <row r="92756" spans="14:14">
      <c r="N92756" s="10"/>
    </row>
    <row r="92757" spans="14:14">
      <c r="N92757" s="10"/>
    </row>
    <row r="92758" spans="14:14">
      <c r="N92758" s="10"/>
    </row>
    <row r="92759" spans="14:14">
      <c r="N92759" s="10"/>
    </row>
    <row r="92760" spans="14:14">
      <c r="N92760" s="10"/>
    </row>
    <row r="92761" spans="14:14">
      <c r="N92761" s="10"/>
    </row>
    <row r="92762" spans="14:14">
      <c r="N92762" s="10"/>
    </row>
    <row r="92763" spans="14:14">
      <c r="N92763" s="10"/>
    </row>
    <row r="92764" spans="14:14">
      <c r="N92764" s="10"/>
    </row>
    <row r="92765" spans="14:14">
      <c r="N92765" s="10"/>
    </row>
    <row r="92766" spans="14:14">
      <c r="N92766" s="10"/>
    </row>
    <row r="92767" spans="14:14">
      <c r="N92767" s="10"/>
    </row>
    <row r="92768" spans="14:14">
      <c r="N92768" s="10"/>
    </row>
    <row r="92769" spans="14:14">
      <c r="N92769" s="10"/>
    </row>
    <row r="92770" spans="14:14">
      <c r="N92770" s="10"/>
    </row>
    <row r="92771" spans="14:14">
      <c r="N92771" s="10"/>
    </row>
    <row r="92772" spans="14:14">
      <c r="N92772" s="10"/>
    </row>
    <row r="92773" spans="14:14">
      <c r="N92773" s="10"/>
    </row>
    <row r="92774" spans="14:14">
      <c r="N92774" s="10"/>
    </row>
    <row r="92775" spans="14:14">
      <c r="N92775" s="10"/>
    </row>
    <row r="92776" spans="14:14">
      <c r="N92776" s="10"/>
    </row>
    <row r="92777" spans="14:14">
      <c r="N92777" s="10"/>
    </row>
    <row r="92778" spans="14:14">
      <c r="N92778" s="10"/>
    </row>
    <row r="92779" spans="14:14">
      <c r="N92779" s="10"/>
    </row>
    <row r="92780" spans="14:14">
      <c r="N92780" s="10"/>
    </row>
    <row r="92781" spans="14:14">
      <c r="N92781" s="10"/>
    </row>
    <row r="92782" spans="14:14">
      <c r="N92782" s="10"/>
    </row>
    <row r="92783" spans="14:14">
      <c r="N92783" s="10"/>
    </row>
    <row r="92784" spans="14:14">
      <c r="N92784" s="10"/>
    </row>
    <row r="92785" spans="14:14">
      <c r="N92785" s="10"/>
    </row>
    <row r="92786" spans="14:14">
      <c r="N92786" s="10"/>
    </row>
    <row r="92787" spans="14:14">
      <c r="N92787" s="10"/>
    </row>
    <row r="92788" spans="14:14">
      <c r="N92788" s="10"/>
    </row>
    <row r="92789" spans="14:14">
      <c r="N92789" s="10"/>
    </row>
    <row r="92790" spans="14:14">
      <c r="N92790" s="10"/>
    </row>
    <row r="92791" spans="14:14">
      <c r="N92791" s="10"/>
    </row>
    <row r="92792" spans="14:14">
      <c r="N92792" s="10"/>
    </row>
    <row r="92793" spans="14:14">
      <c r="N92793" s="10"/>
    </row>
    <row r="92794" spans="14:14">
      <c r="N92794" s="10"/>
    </row>
    <row r="92795" spans="14:14">
      <c r="N92795" s="10"/>
    </row>
    <row r="92796" spans="14:14">
      <c r="N92796" s="10"/>
    </row>
    <row r="92797" spans="14:14">
      <c r="N92797" s="10"/>
    </row>
    <row r="92798" spans="14:14">
      <c r="N92798" s="10"/>
    </row>
    <row r="92799" spans="14:14">
      <c r="N92799" s="10"/>
    </row>
    <row r="92800" spans="14:14">
      <c r="N92800" s="10"/>
    </row>
    <row r="92801" spans="14:14">
      <c r="N92801" s="10"/>
    </row>
    <row r="92802" spans="14:14">
      <c r="N92802" s="10"/>
    </row>
    <row r="92803" spans="14:14">
      <c r="N92803" s="10"/>
    </row>
    <row r="92804" spans="14:14">
      <c r="N92804" s="10"/>
    </row>
    <row r="92805" spans="14:14">
      <c r="N92805" s="10"/>
    </row>
    <row r="92806" spans="14:14">
      <c r="N92806" s="10"/>
    </row>
    <row r="92807" spans="14:14">
      <c r="N92807" s="10"/>
    </row>
    <row r="92808" spans="14:14">
      <c r="N92808" s="10"/>
    </row>
    <row r="92809" spans="14:14">
      <c r="N92809" s="10"/>
    </row>
    <row r="92810" spans="14:14">
      <c r="N92810" s="10"/>
    </row>
    <row r="92811" spans="14:14">
      <c r="N92811" s="10"/>
    </row>
    <row r="92812" spans="14:14">
      <c r="N92812" s="10"/>
    </row>
    <row r="92813" spans="14:14">
      <c r="N92813" s="10"/>
    </row>
    <row r="92814" spans="14:14">
      <c r="N92814" s="10"/>
    </row>
    <row r="92815" spans="14:14">
      <c r="N92815" s="10"/>
    </row>
    <row r="92816" spans="14:14">
      <c r="N92816" s="10"/>
    </row>
    <row r="92817" spans="14:14">
      <c r="N92817" s="10"/>
    </row>
    <row r="92818" spans="14:14">
      <c r="N92818" s="10"/>
    </row>
    <row r="92819" spans="14:14">
      <c r="N92819" s="10"/>
    </row>
    <row r="92820" spans="14:14">
      <c r="N92820" s="10"/>
    </row>
    <row r="92821" spans="14:14">
      <c r="N92821" s="10"/>
    </row>
    <row r="92822" spans="14:14">
      <c r="N92822" s="10"/>
    </row>
    <row r="92823" spans="14:14">
      <c r="N92823" s="10"/>
    </row>
    <row r="92824" spans="14:14">
      <c r="N92824" s="10"/>
    </row>
    <row r="92825" spans="14:14">
      <c r="N92825" s="10"/>
    </row>
    <row r="92826" spans="14:14">
      <c r="N92826" s="10"/>
    </row>
    <row r="92827" spans="14:14">
      <c r="N92827" s="10"/>
    </row>
    <row r="92828" spans="14:14">
      <c r="N92828" s="10"/>
    </row>
    <row r="92829" spans="14:14">
      <c r="N92829" s="10"/>
    </row>
    <row r="92830" spans="14:14">
      <c r="N92830" s="10"/>
    </row>
    <row r="92831" spans="14:14">
      <c r="N92831" s="10"/>
    </row>
    <row r="92832" spans="14:14">
      <c r="N92832" s="10"/>
    </row>
    <row r="92833" spans="14:14">
      <c r="N92833" s="10"/>
    </row>
    <row r="92834" spans="14:14">
      <c r="N92834" s="10"/>
    </row>
    <row r="92835" spans="14:14">
      <c r="N92835" s="10"/>
    </row>
    <row r="92836" spans="14:14">
      <c r="N92836" s="10"/>
    </row>
    <row r="92837" spans="14:14">
      <c r="N92837" s="10"/>
    </row>
    <row r="92838" spans="14:14">
      <c r="N92838" s="10"/>
    </row>
    <row r="92839" spans="14:14">
      <c r="N92839" s="10"/>
    </row>
    <row r="92840" spans="14:14">
      <c r="N92840" s="10"/>
    </row>
    <row r="92841" spans="14:14">
      <c r="N92841" s="10"/>
    </row>
    <row r="92842" spans="14:14">
      <c r="N92842" s="10"/>
    </row>
    <row r="92843" spans="14:14">
      <c r="N92843" s="10"/>
    </row>
    <row r="92844" spans="14:14">
      <c r="N92844" s="10"/>
    </row>
    <row r="92845" spans="14:14">
      <c r="N92845" s="10"/>
    </row>
    <row r="92846" spans="14:14">
      <c r="N92846" s="10"/>
    </row>
    <row r="92847" spans="14:14">
      <c r="N92847" s="10"/>
    </row>
    <row r="92848" spans="14:14">
      <c r="N92848" s="10"/>
    </row>
    <row r="92849" spans="14:14">
      <c r="N92849" s="10"/>
    </row>
    <row r="92850" spans="14:14">
      <c r="N92850" s="10"/>
    </row>
    <row r="92851" spans="14:14">
      <c r="N92851" s="10"/>
    </row>
    <row r="92852" spans="14:14">
      <c r="N92852" s="10"/>
    </row>
    <row r="92853" spans="14:14">
      <c r="N92853" s="10"/>
    </row>
    <row r="92854" spans="14:14">
      <c r="N92854" s="10"/>
    </row>
    <row r="92855" spans="14:14">
      <c r="N92855" s="10"/>
    </row>
    <row r="92856" spans="14:14">
      <c r="N92856" s="10"/>
    </row>
    <row r="92857" spans="14:14">
      <c r="N92857" s="10"/>
    </row>
    <row r="92858" spans="14:14">
      <c r="N92858" s="10"/>
    </row>
    <row r="92859" spans="14:14">
      <c r="N92859" s="10"/>
    </row>
    <row r="92860" spans="14:14">
      <c r="N92860" s="10"/>
    </row>
    <row r="92861" spans="14:14">
      <c r="N92861" s="10"/>
    </row>
    <row r="92862" spans="14:14">
      <c r="N92862" s="10"/>
    </row>
    <row r="92863" spans="14:14">
      <c r="N92863" s="10"/>
    </row>
    <row r="92864" spans="14:14">
      <c r="N92864" s="10"/>
    </row>
    <row r="92865" spans="14:14">
      <c r="N92865" s="10"/>
    </row>
    <row r="92866" spans="14:14">
      <c r="N92866" s="10"/>
    </row>
    <row r="92867" spans="14:14">
      <c r="N92867" s="10"/>
    </row>
    <row r="92868" spans="14:14">
      <c r="N92868" s="10"/>
    </row>
    <row r="92869" spans="14:14">
      <c r="N92869" s="10"/>
    </row>
    <row r="92870" spans="14:14">
      <c r="N92870" s="10"/>
    </row>
    <row r="92871" spans="14:14">
      <c r="N92871" s="10"/>
    </row>
    <row r="92872" spans="14:14">
      <c r="N92872" s="10"/>
    </row>
    <row r="92873" spans="14:14">
      <c r="N92873" s="10"/>
    </row>
    <row r="92874" spans="14:14">
      <c r="N92874" s="10"/>
    </row>
    <row r="92875" spans="14:14">
      <c r="N92875" s="10"/>
    </row>
    <row r="92876" spans="14:14">
      <c r="N92876" s="10"/>
    </row>
    <row r="92877" spans="14:14">
      <c r="N92877" s="10"/>
    </row>
    <row r="92878" spans="14:14">
      <c r="N92878" s="10"/>
    </row>
    <row r="92879" spans="14:14">
      <c r="N92879" s="10"/>
    </row>
    <row r="92880" spans="14:14">
      <c r="N92880" s="10"/>
    </row>
    <row r="92881" spans="14:14">
      <c r="N92881" s="10"/>
    </row>
    <row r="92882" spans="14:14">
      <c r="N92882" s="10"/>
    </row>
    <row r="92883" spans="14:14">
      <c r="N92883" s="10"/>
    </row>
    <row r="92884" spans="14:14">
      <c r="N92884" s="10"/>
    </row>
    <row r="92885" spans="14:14">
      <c r="N92885" s="10"/>
    </row>
    <row r="92886" spans="14:14">
      <c r="N92886" s="10"/>
    </row>
    <row r="92887" spans="14:14">
      <c r="N92887" s="10"/>
    </row>
    <row r="92888" spans="14:14">
      <c r="N92888" s="10"/>
    </row>
    <row r="92889" spans="14:14">
      <c r="N92889" s="10"/>
    </row>
    <row r="92890" spans="14:14">
      <c r="N92890" s="10"/>
    </row>
    <row r="92891" spans="14:14">
      <c r="N92891" s="10"/>
    </row>
    <row r="92892" spans="14:14">
      <c r="N92892" s="10"/>
    </row>
    <row r="92893" spans="14:14">
      <c r="N92893" s="10"/>
    </row>
    <row r="92894" spans="14:14">
      <c r="N92894" s="10"/>
    </row>
    <row r="92895" spans="14:14">
      <c r="N92895" s="10"/>
    </row>
    <row r="92896" spans="14:14">
      <c r="N92896" s="10"/>
    </row>
    <row r="92897" spans="14:14">
      <c r="N92897" s="10"/>
    </row>
    <row r="92898" spans="14:14">
      <c r="N92898" s="10"/>
    </row>
    <row r="92899" spans="14:14">
      <c r="N92899" s="10"/>
    </row>
    <row r="92900" spans="14:14">
      <c r="N92900" s="10"/>
    </row>
    <row r="92901" spans="14:14">
      <c r="N92901" s="10"/>
    </row>
    <row r="92902" spans="14:14">
      <c r="N92902" s="10"/>
    </row>
    <row r="92903" spans="14:14">
      <c r="N92903" s="10"/>
    </row>
    <row r="92904" spans="14:14">
      <c r="N92904" s="10"/>
    </row>
    <row r="92905" spans="14:14">
      <c r="N92905" s="10"/>
    </row>
    <row r="92906" spans="14:14">
      <c r="N92906" s="10"/>
    </row>
    <row r="92907" spans="14:14">
      <c r="N92907" s="10"/>
    </row>
    <row r="92908" spans="14:14">
      <c r="N92908" s="10"/>
    </row>
    <row r="92909" spans="14:14">
      <c r="N92909" s="10"/>
    </row>
    <row r="92910" spans="14:14">
      <c r="N92910" s="10"/>
    </row>
    <row r="92911" spans="14:14">
      <c r="N92911" s="10"/>
    </row>
    <row r="92912" spans="14:14">
      <c r="N92912" s="10"/>
    </row>
    <row r="92913" spans="14:14">
      <c r="N92913" s="10"/>
    </row>
    <row r="92914" spans="14:14">
      <c r="N92914" s="10"/>
    </row>
    <row r="92915" spans="14:14">
      <c r="N92915" s="10"/>
    </row>
    <row r="92916" spans="14:14">
      <c r="N92916" s="10"/>
    </row>
    <row r="92917" spans="14:14">
      <c r="N92917" s="10"/>
    </row>
    <row r="92918" spans="14:14">
      <c r="N92918" s="10"/>
    </row>
    <row r="92919" spans="14:14">
      <c r="N92919" s="10"/>
    </row>
    <row r="92920" spans="14:14">
      <c r="N92920" s="10"/>
    </row>
    <row r="92921" spans="14:14">
      <c r="N92921" s="10"/>
    </row>
    <row r="92922" spans="14:14">
      <c r="N92922" s="10"/>
    </row>
    <row r="92923" spans="14:14">
      <c r="N92923" s="10"/>
    </row>
    <row r="92924" spans="14:14">
      <c r="N92924" s="10"/>
    </row>
    <row r="92925" spans="14:14">
      <c r="N92925" s="10"/>
    </row>
    <row r="92926" spans="14:14">
      <c r="N92926" s="10"/>
    </row>
    <row r="92927" spans="14:14">
      <c r="N92927" s="10"/>
    </row>
    <row r="92928" spans="14:14">
      <c r="N92928" s="10"/>
    </row>
    <row r="92929" spans="14:14">
      <c r="N92929" s="10"/>
    </row>
    <row r="92930" spans="14:14">
      <c r="N92930" s="10"/>
    </row>
    <row r="92931" spans="14:14">
      <c r="N92931" s="10"/>
    </row>
    <row r="92932" spans="14:14">
      <c r="N92932" s="10"/>
    </row>
    <row r="92933" spans="14:14">
      <c r="N92933" s="10"/>
    </row>
    <row r="92934" spans="14:14">
      <c r="N92934" s="10"/>
    </row>
    <row r="92935" spans="14:14">
      <c r="N92935" s="10"/>
    </row>
    <row r="92936" spans="14:14">
      <c r="N92936" s="10"/>
    </row>
    <row r="92937" spans="14:14">
      <c r="N92937" s="10"/>
    </row>
    <row r="92938" spans="14:14">
      <c r="N92938" s="10"/>
    </row>
    <row r="92939" spans="14:14">
      <c r="N92939" s="10"/>
    </row>
    <row r="92940" spans="14:14">
      <c r="N92940" s="10"/>
    </row>
    <row r="92941" spans="14:14">
      <c r="N92941" s="10"/>
    </row>
    <row r="92942" spans="14:14">
      <c r="N92942" s="10"/>
    </row>
    <row r="92943" spans="14:14">
      <c r="N92943" s="10"/>
    </row>
    <row r="92944" spans="14:14">
      <c r="N92944" s="10"/>
    </row>
    <row r="92945" spans="14:14">
      <c r="N92945" s="10"/>
    </row>
    <row r="92946" spans="14:14">
      <c r="N92946" s="10"/>
    </row>
    <row r="92947" spans="14:14">
      <c r="N92947" s="10"/>
    </row>
    <row r="92948" spans="14:14">
      <c r="N92948" s="10"/>
    </row>
    <row r="92949" spans="14:14">
      <c r="N92949" s="10"/>
    </row>
    <row r="92950" spans="14:14">
      <c r="N92950" s="10"/>
    </row>
    <row r="92951" spans="14:14">
      <c r="N92951" s="10"/>
    </row>
    <row r="92952" spans="14:14">
      <c r="N92952" s="10"/>
    </row>
    <row r="92953" spans="14:14">
      <c r="N92953" s="10"/>
    </row>
    <row r="92954" spans="14:14">
      <c r="N92954" s="10"/>
    </row>
    <row r="92955" spans="14:14">
      <c r="N92955" s="10"/>
    </row>
    <row r="92956" spans="14:14">
      <c r="N92956" s="10"/>
    </row>
    <row r="92957" spans="14:14">
      <c r="N92957" s="10"/>
    </row>
    <row r="92958" spans="14:14">
      <c r="N92958" s="10"/>
    </row>
    <row r="92959" spans="14:14">
      <c r="N92959" s="10"/>
    </row>
    <row r="92960" spans="14:14">
      <c r="N92960" s="10"/>
    </row>
    <row r="92961" spans="14:14">
      <c r="N92961" s="10"/>
    </row>
    <row r="92962" spans="14:14">
      <c r="N92962" s="10"/>
    </row>
    <row r="92963" spans="14:14">
      <c r="N92963" s="10"/>
    </row>
    <row r="92964" spans="14:14">
      <c r="N92964" s="10"/>
    </row>
    <row r="92965" spans="14:14">
      <c r="N92965" s="10"/>
    </row>
    <row r="92966" spans="14:14">
      <c r="N92966" s="10"/>
    </row>
    <row r="92967" spans="14:14">
      <c r="N92967" s="10"/>
    </row>
    <row r="92968" spans="14:14">
      <c r="N92968" s="10"/>
    </row>
    <row r="92969" spans="14:14">
      <c r="N92969" s="10"/>
    </row>
    <row r="92970" spans="14:14">
      <c r="N92970" s="10"/>
    </row>
    <row r="92971" spans="14:14">
      <c r="N92971" s="10"/>
    </row>
    <row r="92972" spans="14:14">
      <c r="N92972" s="10"/>
    </row>
    <row r="92973" spans="14:14">
      <c r="N92973" s="10"/>
    </row>
    <row r="92974" spans="14:14">
      <c r="N92974" s="10"/>
    </row>
    <row r="92975" spans="14:14">
      <c r="N92975" s="10"/>
    </row>
    <row r="92976" spans="14:14">
      <c r="N92976" s="10"/>
    </row>
    <row r="92977" spans="14:14">
      <c r="N92977" s="10"/>
    </row>
    <row r="92978" spans="14:14">
      <c r="N92978" s="10"/>
    </row>
    <row r="92979" spans="14:14">
      <c r="N92979" s="10"/>
    </row>
    <row r="92980" spans="14:14">
      <c r="N92980" s="10"/>
    </row>
    <row r="92981" spans="14:14">
      <c r="N92981" s="10"/>
    </row>
    <row r="92982" spans="14:14">
      <c r="N92982" s="10"/>
    </row>
    <row r="92983" spans="14:14">
      <c r="N92983" s="10"/>
    </row>
    <row r="92984" spans="14:14">
      <c r="N92984" s="10"/>
    </row>
    <row r="92985" spans="14:14">
      <c r="N92985" s="10"/>
    </row>
    <row r="92986" spans="14:14">
      <c r="N92986" s="10"/>
    </row>
    <row r="92987" spans="14:14">
      <c r="N92987" s="10"/>
    </row>
    <row r="92988" spans="14:14">
      <c r="N92988" s="10"/>
    </row>
    <row r="92989" spans="14:14">
      <c r="N92989" s="10"/>
    </row>
    <row r="92990" spans="14:14">
      <c r="N92990" s="10"/>
    </row>
    <row r="92991" spans="14:14">
      <c r="N92991" s="10"/>
    </row>
    <row r="92992" spans="14:14">
      <c r="N92992" s="10"/>
    </row>
    <row r="92993" spans="14:14">
      <c r="N92993" s="10"/>
    </row>
    <row r="92994" spans="14:14">
      <c r="N92994" s="10"/>
    </row>
    <row r="92995" spans="14:14">
      <c r="N92995" s="10"/>
    </row>
    <row r="92996" spans="14:14">
      <c r="N92996" s="10"/>
    </row>
    <row r="92997" spans="14:14">
      <c r="N92997" s="10"/>
    </row>
    <row r="92998" spans="14:14">
      <c r="N92998" s="10"/>
    </row>
    <row r="92999" spans="14:14">
      <c r="N92999" s="10"/>
    </row>
    <row r="93000" spans="14:14">
      <c r="N93000" s="10"/>
    </row>
    <row r="93001" spans="14:14">
      <c r="N93001" s="10"/>
    </row>
    <row r="93002" spans="14:14">
      <c r="N93002" s="10"/>
    </row>
    <row r="93003" spans="14:14">
      <c r="N93003" s="10"/>
    </row>
    <row r="93004" spans="14:14">
      <c r="N93004" s="10"/>
    </row>
    <row r="93005" spans="14:14">
      <c r="N93005" s="10"/>
    </row>
    <row r="93006" spans="14:14">
      <c r="N93006" s="10"/>
    </row>
    <row r="93007" spans="14:14">
      <c r="N93007" s="10"/>
    </row>
    <row r="93008" spans="14:14">
      <c r="N93008" s="10"/>
    </row>
    <row r="93009" spans="14:14">
      <c r="N93009" s="10"/>
    </row>
    <row r="93010" spans="14:14">
      <c r="N93010" s="10"/>
    </row>
    <row r="93011" spans="14:14">
      <c r="N93011" s="10"/>
    </row>
    <row r="93012" spans="14:14">
      <c r="N93012" s="10"/>
    </row>
    <row r="93013" spans="14:14">
      <c r="N93013" s="10"/>
    </row>
    <row r="93014" spans="14:14">
      <c r="N93014" s="10"/>
    </row>
    <row r="93015" spans="14:14">
      <c r="N93015" s="10"/>
    </row>
    <row r="93016" spans="14:14">
      <c r="N93016" s="10"/>
    </row>
    <row r="93017" spans="14:14">
      <c r="N93017" s="10"/>
    </row>
    <row r="93018" spans="14:14">
      <c r="N93018" s="10"/>
    </row>
    <row r="93019" spans="14:14">
      <c r="N93019" s="10"/>
    </row>
    <row r="93020" spans="14:14">
      <c r="N93020" s="10"/>
    </row>
    <row r="93021" spans="14:14">
      <c r="N93021" s="10"/>
    </row>
    <row r="93022" spans="14:14">
      <c r="N93022" s="10"/>
    </row>
    <row r="93023" spans="14:14">
      <c r="N93023" s="10"/>
    </row>
    <row r="93024" spans="14:14">
      <c r="N93024" s="10"/>
    </row>
    <row r="93025" spans="14:14">
      <c r="N93025" s="10"/>
    </row>
    <row r="93026" spans="14:14">
      <c r="N93026" s="10"/>
    </row>
    <row r="93027" spans="14:14">
      <c r="N93027" s="10"/>
    </row>
    <row r="93028" spans="14:14">
      <c r="N93028" s="10"/>
    </row>
    <row r="93029" spans="14:14">
      <c r="N93029" s="10"/>
    </row>
    <row r="93030" spans="14:14">
      <c r="N93030" s="10"/>
    </row>
    <row r="93031" spans="14:14">
      <c r="N93031" s="10"/>
    </row>
    <row r="93032" spans="14:14">
      <c r="N93032" s="10"/>
    </row>
    <row r="93033" spans="14:14">
      <c r="N93033" s="10"/>
    </row>
    <row r="93034" spans="14:14">
      <c r="N93034" s="10"/>
    </row>
    <row r="93035" spans="14:14">
      <c r="N93035" s="10"/>
    </row>
    <row r="93036" spans="14:14">
      <c r="N93036" s="10"/>
    </row>
    <row r="93037" spans="14:14">
      <c r="N93037" s="10"/>
    </row>
    <row r="93038" spans="14:14">
      <c r="N93038" s="10"/>
    </row>
    <row r="93039" spans="14:14">
      <c r="N93039" s="10"/>
    </row>
    <row r="93040" spans="14:14">
      <c r="N93040" s="10"/>
    </row>
    <row r="93041" spans="14:14">
      <c r="N93041" s="10"/>
    </row>
    <row r="93042" spans="14:14">
      <c r="N93042" s="10"/>
    </row>
    <row r="93043" spans="14:14">
      <c r="N93043" s="10"/>
    </row>
    <row r="93044" spans="14:14">
      <c r="N93044" s="10"/>
    </row>
    <row r="93045" spans="14:14">
      <c r="N93045" s="10"/>
    </row>
    <row r="93046" spans="14:14">
      <c r="N93046" s="10"/>
    </row>
    <row r="93047" spans="14:14">
      <c r="N93047" s="10"/>
    </row>
    <row r="93048" spans="14:14">
      <c r="N93048" s="10"/>
    </row>
    <row r="93049" spans="14:14">
      <c r="N93049" s="10"/>
    </row>
    <row r="93050" spans="14:14">
      <c r="N93050" s="10"/>
    </row>
    <row r="93051" spans="14:14">
      <c r="N93051" s="10"/>
    </row>
    <row r="93052" spans="14:14">
      <c r="N93052" s="10"/>
    </row>
    <row r="93053" spans="14:14">
      <c r="N93053" s="10"/>
    </row>
    <row r="93054" spans="14:14">
      <c r="N93054" s="10"/>
    </row>
    <row r="93055" spans="14:14">
      <c r="N93055" s="10"/>
    </row>
    <row r="93056" spans="14:14">
      <c r="N93056" s="10"/>
    </row>
    <row r="93057" spans="14:14">
      <c r="N93057" s="10"/>
    </row>
    <row r="93058" spans="14:14">
      <c r="N93058" s="10"/>
    </row>
    <row r="93059" spans="14:14">
      <c r="N93059" s="10"/>
    </row>
    <row r="93060" spans="14:14">
      <c r="N93060" s="10"/>
    </row>
    <row r="93061" spans="14:14">
      <c r="N93061" s="10"/>
    </row>
    <row r="93062" spans="14:14">
      <c r="N93062" s="10"/>
    </row>
    <row r="93063" spans="14:14">
      <c r="N93063" s="10"/>
    </row>
    <row r="93064" spans="14:14">
      <c r="N93064" s="10"/>
    </row>
    <row r="93065" spans="14:14">
      <c r="N93065" s="10"/>
    </row>
    <row r="93066" spans="14:14">
      <c r="N93066" s="10"/>
    </row>
    <row r="93067" spans="14:14">
      <c r="N93067" s="10"/>
    </row>
    <row r="93068" spans="14:14">
      <c r="N93068" s="10"/>
    </row>
    <row r="93069" spans="14:14">
      <c r="N93069" s="10"/>
    </row>
    <row r="93070" spans="14:14">
      <c r="N93070" s="10"/>
    </row>
    <row r="93071" spans="14:14">
      <c r="N93071" s="10"/>
    </row>
    <row r="93072" spans="14:14">
      <c r="N93072" s="10"/>
    </row>
    <row r="93073" spans="14:14">
      <c r="N93073" s="10"/>
    </row>
    <row r="93074" spans="14:14">
      <c r="N93074" s="10"/>
    </row>
    <row r="93075" spans="14:14">
      <c r="N93075" s="10"/>
    </row>
    <row r="93076" spans="14:14">
      <c r="N93076" s="10"/>
    </row>
    <row r="93077" spans="14:14">
      <c r="N93077" s="10"/>
    </row>
    <row r="93078" spans="14:14">
      <c r="N93078" s="10"/>
    </row>
    <row r="93079" spans="14:14">
      <c r="N93079" s="10"/>
    </row>
    <row r="93080" spans="14:14">
      <c r="N93080" s="10"/>
    </row>
    <row r="93081" spans="14:14">
      <c r="N93081" s="10"/>
    </row>
    <row r="93082" spans="14:14">
      <c r="N93082" s="10"/>
    </row>
    <row r="93083" spans="14:14">
      <c r="N93083" s="10"/>
    </row>
    <row r="93084" spans="14:14">
      <c r="N93084" s="10"/>
    </row>
    <row r="93085" spans="14:14">
      <c r="N93085" s="10"/>
    </row>
    <row r="93086" spans="14:14">
      <c r="N93086" s="10"/>
    </row>
    <row r="93087" spans="14:14">
      <c r="N93087" s="10"/>
    </row>
    <row r="93088" spans="14:14">
      <c r="N93088" s="10"/>
    </row>
    <row r="93089" spans="14:14">
      <c r="N93089" s="10"/>
    </row>
    <row r="93090" spans="14:14">
      <c r="N93090" s="10"/>
    </row>
    <row r="93091" spans="14:14">
      <c r="N93091" s="10"/>
    </row>
    <row r="93092" spans="14:14">
      <c r="N93092" s="10"/>
    </row>
    <row r="93093" spans="14:14">
      <c r="N93093" s="10"/>
    </row>
    <row r="93094" spans="14:14">
      <c r="N93094" s="10"/>
    </row>
    <row r="93095" spans="14:14">
      <c r="N93095" s="10"/>
    </row>
    <row r="93096" spans="14:14">
      <c r="N93096" s="10"/>
    </row>
    <row r="93097" spans="14:14">
      <c r="N93097" s="10"/>
    </row>
    <row r="93098" spans="14:14">
      <c r="N93098" s="10"/>
    </row>
    <row r="93099" spans="14:14">
      <c r="N93099" s="10"/>
    </row>
    <row r="93100" spans="14:14">
      <c r="N93100" s="10"/>
    </row>
    <row r="93101" spans="14:14">
      <c r="N93101" s="10"/>
    </row>
    <row r="93102" spans="14:14">
      <c r="N93102" s="10"/>
    </row>
    <row r="93103" spans="14:14">
      <c r="N93103" s="10"/>
    </row>
    <row r="93104" spans="14:14">
      <c r="N93104" s="10"/>
    </row>
    <row r="93105" spans="14:14">
      <c r="N93105" s="10"/>
    </row>
    <row r="93106" spans="14:14">
      <c r="N93106" s="10"/>
    </row>
    <row r="93107" spans="14:14">
      <c r="N93107" s="10"/>
    </row>
    <row r="93108" spans="14:14">
      <c r="N93108" s="10"/>
    </row>
    <row r="93109" spans="14:14">
      <c r="N93109" s="10"/>
    </row>
    <row r="93110" spans="14:14">
      <c r="N93110" s="10"/>
    </row>
    <row r="93111" spans="14:14">
      <c r="N93111" s="10"/>
    </row>
    <row r="93112" spans="14:14">
      <c r="N93112" s="10"/>
    </row>
    <row r="93113" spans="14:14">
      <c r="N93113" s="10"/>
    </row>
    <row r="93114" spans="14:14">
      <c r="N93114" s="10"/>
    </row>
    <row r="93115" spans="14:14">
      <c r="N93115" s="10"/>
    </row>
    <row r="93116" spans="14:14">
      <c r="N93116" s="10"/>
    </row>
    <row r="93117" spans="14:14">
      <c r="N93117" s="10"/>
    </row>
    <row r="93118" spans="14:14">
      <c r="N93118" s="10"/>
    </row>
    <row r="93119" spans="14:14">
      <c r="N93119" s="10"/>
    </row>
    <row r="93120" spans="14:14">
      <c r="N93120" s="10"/>
    </row>
    <row r="93121" spans="14:14">
      <c r="N93121" s="10"/>
    </row>
    <row r="93122" spans="14:14">
      <c r="N93122" s="10"/>
    </row>
    <row r="93123" spans="14:14">
      <c r="N93123" s="10"/>
    </row>
    <row r="93124" spans="14:14">
      <c r="N93124" s="10"/>
    </row>
    <row r="93125" spans="14:14">
      <c r="N93125" s="10"/>
    </row>
    <row r="93126" spans="14:14">
      <c r="N93126" s="10"/>
    </row>
    <row r="93127" spans="14:14">
      <c r="N93127" s="10"/>
    </row>
    <row r="93128" spans="14:14">
      <c r="N93128" s="10"/>
    </row>
    <row r="93129" spans="14:14">
      <c r="N93129" s="10"/>
    </row>
    <row r="93130" spans="14:14">
      <c r="N93130" s="10"/>
    </row>
    <row r="93131" spans="14:14">
      <c r="N93131" s="10"/>
    </row>
    <row r="93132" spans="14:14">
      <c r="N93132" s="10"/>
    </row>
    <row r="93133" spans="14:14">
      <c r="N93133" s="10"/>
    </row>
    <row r="93134" spans="14:14">
      <c r="N93134" s="10"/>
    </row>
    <row r="93135" spans="14:14">
      <c r="N93135" s="10"/>
    </row>
    <row r="93136" spans="14:14">
      <c r="N93136" s="10"/>
    </row>
    <row r="93137" spans="14:14">
      <c r="N93137" s="10"/>
    </row>
    <row r="93138" spans="14:14">
      <c r="N93138" s="10"/>
    </row>
    <row r="93139" spans="14:14">
      <c r="N93139" s="10"/>
    </row>
    <row r="93140" spans="14:14">
      <c r="N93140" s="10"/>
    </row>
    <row r="93141" spans="14:14">
      <c r="N93141" s="10"/>
    </row>
    <row r="93142" spans="14:14">
      <c r="N93142" s="10"/>
    </row>
    <row r="93143" spans="14:14">
      <c r="N93143" s="10"/>
    </row>
    <row r="93144" spans="14:14">
      <c r="N93144" s="10"/>
    </row>
    <row r="93145" spans="14:14">
      <c r="N93145" s="10"/>
    </row>
    <row r="93146" spans="14:14">
      <c r="N93146" s="10"/>
    </row>
    <row r="93147" spans="14:14">
      <c r="N93147" s="10"/>
    </row>
    <row r="93148" spans="14:14">
      <c r="N93148" s="10"/>
    </row>
    <row r="93149" spans="14:14">
      <c r="N93149" s="10"/>
    </row>
    <row r="93150" spans="14:14">
      <c r="N93150" s="10"/>
    </row>
    <row r="93151" spans="14:14">
      <c r="N93151" s="10"/>
    </row>
    <row r="93152" spans="14:14">
      <c r="N93152" s="10"/>
    </row>
    <row r="93153" spans="14:14">
      <c r="N93153" s="10"/>
    </row>
    <row r="93154" spans="14:14">
      <c r="N93154" s="10"/>
    </row>
    <row r="93155" spans="14:14">
      <c r="N93155" s="10"/>
    </row>
    <row r="93156" spans="14:14">
      <c r="N93156" s="10"/>
    </row>
    <row r="93157" spans="14:14">
      <c r="N93157" s="10"/>
    </row>
    <row r="93158" spans="14:14">
      <c r="N93158" s="10"/>
    </row>
    <row r="93159" spans="14:14">
      <c r="N93159" s="10"/>
    </row>
    <row r="93160" spans="14:14">
      <c r="N93160" s="10"/>
    </row>
    <row r="93161" spans="14:14">
      <c r="N93161" s="10"/>
    </row>
    <row r="93162" spans="14:14">
      <c r="N93162" s="10"/>
    </row>
    <row r="93163" spans="14:14">
      <c r="N93163" s="10"/>
    </row>
    <row r="93164" spans="14:14">
      <c r="N93164" s="10"/>
    </row>
    <row r="93165" spans="14:14">
      <c r="N93165" s="10"/>
    </row>
    <row r="93166" spans="14:14">
      <c r="N93166" s="10"/>
    </row>
    <row r="93167" spans="14:14">
      <c r="N93167" s="10"/>
    </row>
    <row r="93168" spans="14:14">
      <c r="N93168" s="10"/>
    </row>
    <row r="93169" spans="14:14">
      <c r="N93169" s="10"/>
    </row>
    <row r="93170" spans="14:14">
      <c r="N93170" s="10"/>
    </row>
    <row r="93171" spans="14:14">
      <c r="N93171" s="10"/>
    </row>
    <row r="93172" spans="14:14">
      <c r="N93172" s="10"/>
    </row>
    <row r="93173" spans="14:14">
      <c r="N93173" s="10"/>
    </row>
    <row r="93174" spans="14:14">
      <c r="N93174" s="10"/>
    </row>
    <row r="93175" spans="14:14">
      <c r="N93175" s="10"/>
    </row>
    <row r="93176" spans="14:14">
      <c r="N93176" s="10"/>
    </row>
    <row r="93177" spans="14:14">
      <c r="N93177" s="10"/>
    </row>
    <row r="93178" spans="14:14">
      <c r="N93178" s="10"/>
    </row>
    <row r="93179" spans="14:14">
      <c r="N93179" s="10"/>
    </row>
    <row r="93180" spans="14:14">
      <c r="N93180" s="10"/>
    </row>
    <row r="93181" spans="14:14">
      <c r="N93181" s="10"/>
    </row>
    <row r="93182" spans="14:14">
      <c r="N93182" s="10"/>
    </row>
    <row r="93183" spans="14:14">
      <c r="N93183" s="10"/>
    </row>
    <row r="93184" spans="14:14">
      <c r="N93184" s="10"/>
    </row>
    <row r="93185" spans="14:14">
      <c r="N93185" s="10"/>
    </row>
    <row r="93186" spans="14:14">
      <c r="N93186" s="10"/>
    </row>
    <row r="93187" spans="14:14">
      <c r="N93187" s="10"/>
    </row>
    <row r="93188" spans="14:14">
      <c r="N93188" s="10"/>
    </row>
    <row r="93189" spans="14:14">
      <c r="N93189" s="10"/>
    </row>
    <row r="93190" spans="14:14">
      <c r="N93190" s="10"/>
    </row>
    <row r="93191" spans="14:14">
      <c r="N93191" s="10"/>
    </row>
    <row r="93192" spans="14:14">
      <c r="N93192" s="10"/>
    </row>
    <row r="93193" spans="14:14">
      <c r="N93193" s="10"/>
    </row>
    <row r="93194" spans="14:14">
      <c r="N93194" s="10"/>
    </row>
    <row r="93195" spans="14:14">
      <c r="N93195" s="10"/>
    </row>
    <row r="93196" spans="14:14">
      <c r="N93196" s="10"/>
    </row>
    <row r="93197" spans="14:14">
      <c r="N93197" s="10"/>
    </row>
    <row r="93198" spans="14:14">
      <c r="N93198" s="10"/>
    </row>
    <row r="93199" spans="14:14">
      <c r="N93199" s="10"/>
    </row>
    <row r="93200" spans="14:14">
      <c r="N93200" s="10"/>
    </row>
    <row r="93201" spans="14:14">
      <c r="N93201" s="10"/>
    </row>
    <row r="93202" spans="14:14">
      <c r="N93202" s="10"/>
    </row>
    <row r="93203" spans="14:14">
      <c r="N93203" s="10"/>
    </row>
    <row r="93204" spans="14:14">
      <c r="N93204" s="10"/>
    </row>
    <row r="93205" spans="14:14">
      <c r="N93205" s="10"/>
    </row>
    <row r="93206" spans="14:14">
      <c r="N93206" s="10"/>
    </row>
    <row r="93207" spans="14:14">
      <c r="N93207" s="10"/>
    </row>
    <row r="93208" spans="14:14">
      <c r="N93208" s="10"/>
    </row>
    <row r="93209" spans="14:14">
      <c r="N93209" s="10"/>
    </row>
    <row r="93210" spans="14:14">
      <c r="N93210" s="10"/>
    </row>
    <row r="93211" spans="14:14">
      <c r="N93211" s="10"/>
    </row>
    <row r="93212" spans="14:14">
      <c r="N93212" s="10"/>
    </row>
    <row r="93213" spans="14:14">
      <c r="N93213" s="10"/>
    </row>
    <row r="93214" spans="14:14">
      <c r="N93214" s="10"/>
    </row>
    <row r="93215" spans="14:14">
      <c r="N93215" s="10"/>
    </row>
    <row r="93216" spans="14:14">
      <c r="N93216" s="10"/>
    </row>
    <row r="93217" spans="14:14">
      <c r="N93217" s="10"/>
    </row>
    <row r="93218" spans="14:14">
      <c r="N93218" s="10"/>
    </row>
    <row r="93219" spans="14:14">
      <c r="N93219" s="10"/>
    </row>
    <row r="93220" spans="14:14">
      <c r="N93220" s="10"/>
    </row>
    <row r="93221" spans="14:14">
      <c r="N93221" s="10"/>
    </row>
    <row r="93222" spans="14:14">
      <c r="N93222" s="10"/>
    </row>
    <row r="93223" spans="14:14">
      <c r="N93223" s="10"/>
    </row>
    <row r="93224" spans="14:14">
      <c r="N93224" s="10"/>
    </row>
    <row r="93225" spans="14:14">
      <c r="N93225" s="10"/>
    </row>
    <row r="93226" spans="14:14">
      <c r="N93226" s="10"/>
    </row>
    <row r="93227" spans="14:14">
      <c r="N93227" s="10"/>
    </row>
    <row r="93228" spans="14:14">
      <c r="N93228" s="10"/>
    </row>
    <row r="93229" spans="14:14">
      <c r="N93229" s="10"/>
    </row>
    <row r="93230" spans="14:14">
      <c r="N93230" s="10"/>
    </row>
    <row r="93231" spans="14:14">
      <c r="N93231" s="10"/>
    </row>
    <row r="93232" spans="14:14">
      <c r="N93232" s="10"/>
    </row>
    <row r="93233" spans="14:14">
      <c r="N93233" s="10"/>
    </row>
    <row r="93234" spans="14:14">
      <c r="N93234" s="10"/>
    </row>
    <row r="93235" spans="14:14">
      <c r="N93235" s="10"/>
    </row>
    <row r="93236" spans="14:14">
      <c r="N93236" s="10"/>
    </row>
    <row r="93237" spans="14:14">
      <c r="N93237" s="10"/>
    </row>
    <row r="93238" spans="14:14">
      <c r="N93238" s="10"/>
    </row>
    <row r="93239" spans="14:14">
      <c r="N93239" s="10"/>
    </row>
    <row r="93240" spans="14:14">
      <c r="N93240" s="10"/>
    </row>
    <row r="93241" spans="14:14">
      <c r="N93241" s="10"/>
    </row>
    <row r="93242" spans="14:14">
      <c r="N93242" s="10"/>
    </row>
    <row r="93243" spans="14:14">
      <c r="N93243" s="10"/>
    </row>
    <row r="93244" spans="14:14">
      <c r="N93244" s="10"/>
    </row>
    <row r="93245" spans="14:14">
      <c r="N93245" s="10"/>
    </row>
    <row r="93246" spans="14:14">
      <c r="N93246" s="10"/>
    </row>
    <row r="93247" spans="14:14">
      <c r="N93247" s="10"/>
    </row>
    <row r="93248" spans="14:14">
      <c r="N93248" s="10"/>
    </row>
    <row r="93249" spans="14:14">
      <c r="N93249" s="10"/>
    </row>
    <row r="93250" spans="14:14">
      <c r="N93250" s="10"/>
    </row>
    <row r="93251" spans="14:14">
      <c r="N93251" s="10"/>
    </row>
    <row r="93252" spans="14:14">
      <c r="N93252" s="10"/>
    </row>
    <row r="93253" spans="14:14">
      <c r="N93253" s="10"/>
    </row>
    <row r="93254" spans="14:14">
      <c r="N93254" s="10"/>
    </row>
    <row r="93255" spans="14:14">
      <c r="N93255" s="10"/>
    </row>
    <row r="93256" spans="14:14">
      <c r="N93256" s="10"/>
    </row>
    <row r="93257" spans="14:14">
      <c r="N93257" s="10"/>
    </row>
    <row r="93258" spans="14:14">
      <c r="N93258" s="10"/>
    </row>
    <row r="93259" spans="14:14">
      <c r="N93259" s="10"/>
    </row>
    <row r="93260" spans="14:14">
      <c r="N93260" s="10"/>
    </row>
    <row r="93261" spans="14:14">
      <c r="N93261" s="10"/>
    </row>
    <row r="93262" spans="14:14">
      <c r="N93262" s="10"/>
    </row>
    <row r="93263" spans="14:14">
      <c r="N93263" s="10"/>
    </row>
    <row r="93264" spans="14:14">
      <c r="N93264" s="10"/>
    </row>
    <row r="93265" spans="14:14">
      <c r="N93265" s="10"/>
    </row>
    <row r="93266" spans="14:14">
      <c r="N93266" s="10"/>
    </row>
    <row r="93267" spans="14:14">
      <c r="N93267" s="10"/>
    </row>
    <row r="93268" spans="14:14">
      <c r="N93268" s="10"/>
    </row>
    <row r="93269" spans="14:14">
      <c r="N93269" s="10"/>
    </row>
    <row r="93270" spans="14:14">
      <c r="N93270" s="10"/>
    </row>
    <row r="93271" spans="14:14">
      <c r="N93271" s="10"/>
    </row>
    <row r="93272" spans="14:14">
      <c r="N93272" s="10"/>
    </row>
    <row r="93273" spans="14:14">
      <c r="N93273" s="10"/>
    </row>
    <row r="93274" spans="14:14">
      <c r="N93274" s="10"/>
    </row>
    <row r="93275" spans="14:14">
      <c r="N93275" s="10"/>
    </row>
    <row r="93276" spans="14:14">
      <c r="N93276" s="10"/>
    </row>
    <row r="93277" spans="14:14">
      <c r="N93277" s="10"/>
    </row>
    <row r="93278" spans="14:14">
      <c r="N93278" s="10"/>
    </row>
    <row r="93279" spans="14:14">
      <c r="N93279" s="10"/>
    </row>
    <row r="93280" spans="14:14">
      <c r="N93280" s="10"/>
    </row>
    <row r="93281" spans="14:14">
      <c r="N93281" s="10"/>
    </row>
    <row r="93282" spans="14:14">
      <c r="N93282" s="10"/>
    </row>
    <row r="93283" spans="14:14">
      <c r="N93283" s="10"/>
    </row>
    <row r="93284" spans="14:14">
      <c r="N93284" s="10"/>
    </row>
    <row r="93285" spans="14:14">
      <c r="N93285" s="10"/>
    </row>
    <row r="93286" spans="14:14">
      <c r="N93286" s="10"/>
    </row>
    <row r="93287" spans="14:14">
      <c r="N93287" s="10"/>
    </row>
    <row r="93288" spans="14:14">
      <c r="N93288" s="10"/>
    </row>
    <row r="93289" spans="14:14">
      <c r="N93289" s="10"/>
    </row>
    <row r="93290" spans="14:14">
      <c r="N93290" s="10"/>
    </row>
    <row r="93291" spans="14:14">
      <c r="N93291" s="10"/>
    </row>
    <row r="93292" spans="14:14">
      <c r="N93292" s="10"/>
    </row>
    <row r="93293" spans="14:14">
      <c r="N93293" s="10"/>
    </row>
    <row r="93294" spans="14:14">
      <c r="N93294" s="10"/>
    </row>
    <row r="93295" spans="14:14">
      <c r="N93295" s="10"/>
    </row>
    <row r="93296" spans="14:14">
      <c r="N93296" s="10"/>
    </row>
    <row r="93297" spans="14:14">
      <c r="N93297" s="10"/>
    </row>
    <row r="93298" spans="14:14">
      <c r="N93298" s="10"/>
    </row>
    <row r="93299" spans="14:14">
      <c r="N93299" s="10"/>
    </row>
    <row r="93300" spans="14:14">
      <c r="N93300" s="10"/>
    </row>
    <row r="93301" spans="14:14">
      <c r="N93301" s="10"/>
    </row>
    <row r="93302" spans="14:14">
      <c r="N93302" s="10"/>
    </row>
    <row r="93303" spans="14:14">
      <c r="N93303" s="10"/>
    </row>
    <row r="93304" spans="14:14">
      <c r="N93304" s="10"/>
    </row>
    <row r="93305" spans="14:14">
      <c r="N93305" s="10"/>
    </row>
    <row r="93306" spans="14:14">
      <c r="N93306" s="10"/>
    </row>
    <row r="93307" spans="14:14">
      <c r="N93307" s="10"/>
    </row>
    <row r="93308" spans="14:14">
      <c r="N93308" s="10"/>
    </row>
    <row r="93309" spans="14:14">
      <c r="N93309" s="10"/>
    </row>
    <row r="93310" spans="14:14">
      <c r="N93310" s="10"/>
    </row>
    <row r="93311" spans="14:14">
      <c r="N93311" s="10"/>
    </row>
    <row r="93312" spans="14:14">
      <c r="N93312" s="10"/>
    </row>
    <row r="93313" spans="14:14">
      <c r="N93313" s="10"/>
    </row>
    <row r="93314" spans="14:14">
      <c r="N93314" s="10"/>
    </row>
    <row r="93315" spans="14:14">
      <c r="N93315" s="10"/>
    </row>
    <row r="93316" spans="14:14">
      <c r="N93316" s="10"/>
    </row>
    <row r="93317" spans="14:14">
      <c r="N93317" s="10"/>
    </row>
    <row r="93318" spans="14:14">
      <c r="N93318" s="10"/>
    </row>
    <row r="93319" spans="14:14">
      <c r="N93319" s="10"/>
    </row>
    <row r="93320" spans="14:14">
      <c r="N93320" s="10"/>
    </row>
    <row r="93321" spans="14:14">
      <c r="N93321" s="10"/>
    </row>
    <row r="93322" spans="14:14">
      <c r="N93322" s="10"/>
    </row>
    <row r="93323" spans="14:14">
      <c r="N93323" s="10"/>
    </row>
    <row r="93324" spans="14:14">
      <c r="N93324" s="10"/>
    </row>
    <row r="93325" spans="14:14">
      <c r="N93325" s="10"/>
    </row>
    <row r="93326" spans="14:14">
      <c r="N93326" s="10"/>
    </row>
    <row r="93327" spans="14:14">
      <c r="N93327" s="10"/>
    </row>
    <row r="93328" spans="14:14">
      <c r="N93328" s="10"/>
    </row>
    <row r="93329" spans="14:14">
      <c r="N93329" s="10"/>
    </row>
    <row r="93330" spans="14:14">
      <c r="N93330" s="10"/>
    </row>
    <row r="93331" spans="14:14">
      <c r="N93331" s="10"/>
    </row>
    <row r="93332" spans="14:14">
      <c r="N93332" s="10"/>
    </row>
    <row r="93333" spans="14:14">
      <c r="N93333" s="10"/>
    </row>
    <row r="93334" spans="14:14">
      <c r="N93334" s="10"/>
    </row>
    <row r="93335" spans="14:14">
      <c r="N93335" s="10"/>
    </row>
    <row r="93336" spans="14:14">
      <c r="N93336" s="10"/>
    </row>
    <row r="93337" spans="14:14">
      <c r="N93337" s="10"/>
    </row>
    <row r="93338" spans="14:14">
      <c r="N93338" s="10"/>
    </row>
    <row r="93339" spans="14:14">
      <c r="N93339" s="10"/>
    </row>
    <row r="93340" spans="14:14">
      <c r="N93340" s="10"/>
    </row>
    <row r="93341" spans="14:14">
      <c r="N93341" s="10"/>
    </row>
    <row r="93342" spans="14:14">
      <c r="N93342" s="10"/>
    </row>
    <row r="93343" spans="14:14">
      <c r="N93343" s="10"/>
    </row>
    <row r="93344" spans="14:14">
      <c r="N93344" s="10"/>
    </row>
    <row r="93345" spans="14:14">
      <c r="N93345" s="10"/>
    </row>
    <row r="93346" spans="14:14">
      <c r="N93346" s="10"/>
    </row>
    <row r="93347" spans="14:14">
      <c r="N93347" s="10"/>
    </row>
    <row r="93348" spans="14:14">
      <c r="N93348" s="10"/>
    </row>
    <row r="93349" spans="14:14">
      <c r="N93349" s="10"/>
    </row>
    <row r="93350" spans="14:14">
      <c r="N93350" s="10"/>
    </row>
    <row r="93351" spans="14:14">
      <c r="N93351" s="10"/>
    </row>
    <row r="93352" spans="14:14">
      <c r="N93352" s="10"/>
    </row>
    <row r="93353" spans="14:14">
      <c r="N93353" s="10"/>
    </row>
    <row r="93354" spans="14:14">
      <c r="N93354" s="10"/>
    </row>
    <row r="93355" spans="14:14">
      <c r="N93355" s="10"/>
    </row>
    <row r="93356" spans="14:14">
      <c r="N93356" s="10"/>
    </row>
    <row r="93357" spans="14:14">
      <c r="N93357" s="10"/>
    </row>
    <row r="93358" spans="14:14">
      <c r="N93358" s="10"/>
    </row>
    <row r="93359" spans="14:14">
      <c r="N93359" s="10"/>
    </row>
    <row r="93360" spans="14:14">
      <c r="N93360" s="10"/>
    </row>
    <row r="93361" spans="14:14">
      <c r="N93361" s="10"/>
    </row>
    <row r="93362" spans="14:14">
      <c r="N93362" s="10"/>
    </row>
    <row r="93363" spans="14:14">
      <c r="N93363" s="10"/>
    </row>
    <row r="93364" spans="14:14">
      <c r="N93364" s="10"/>
    </row>
    <row r="93365" spans="14:14">
      <c r="N93365" s="10"/>
    </row>
    <row r="93366" spans="14:14">
      <c r="N93366" s="10"/>
    </row>
    <row r="93367" spans="14:14">
      <c r="N93367" s="10"/>
    </row>
    <row r="93368" spans="14:14">
      <c r="N93368" s="10"/>
    </row>
    <row r="93369" spans="14:14">
      <c r="N93369" s="10"/>
    </row>
    <row r="93370" spans="14:14">
      <c r="N93370" s="10"/>
    </row>
    <row r="93371" spans="14:14">
      <c r="N93371" s="10"/>
    </row>
    <row r="93372" spans="14:14">
      <c r="N93372" s="10"/>
    </row>
    <row r="93373" spans="14:14">
      <c r="N93373" s="10"/>
    </row>
    <row r="93374" spans="14:14">
      <c r="N93374" s="10"/>
    </row>
    <row r="93375" spans="14:14">
      <c r="N93375" s="10"/>
    </row>
    <row r="93376" spans="14:14">
      <c r="N93376" s="10"/>
    </row>
    <row r="93377" spans="14:14">
      <c r="N93377" s="10"/>
    </row>
    <row r="93378" spans="14:14">
      <c r="N93378" s="10"/>
    </row>
    <row r="93379" spans="14:14">
      <c r="N93379" s="10"/>
    </row>
    <row r="93380" spans="14:14">
      <c r="N93380" s="10"/>
    </row>
    <row r="93381" spans="14:14">
      <c r="N93381" s="10"/>
    </row>
    <row r="93382" spans="14:14">
      <c r="N93382" s="10"/>
    </row>
    <row r="93383" spans="14:14">
      <c r="N93383" s="10"/>
    </row>
    <row r="93384" spans="14:14">
      <c r="N93384" s="10"/>
    </row>
    <row r="93385" spans="14:14">
      <c r="N93385" s="10"/>
    </row>
    <row r="93386" spans="14:14">
      <c r="N93386" s="10"/>
    </row>
    <row r="93387" spans="14:14">
      <c r="N93387" s="10"/>
    </row>
    <row r="93388" spans="14:14">
      <c r="N93388" s="10"/>
    </row>
    <row r="93389" spans="14:14">
      <c r="N93389" s="10"/>
    </row>
    <row r="93390" spans="14:14">
      <c r="N93390" s="10"/>
    </row>
    <row r="93391" spans="14:14">
      <c r="N93391" s="10"/>
    </row>
    <row r="93392" spans="14:14">
      <c r="N93392" s="10"/>
    </row>
    <row r="93393" spans="14:14">
      <c r="N93393" s="10"/>
    </row>
    <row r="93394" spans="14:14">
      <c r="N93394" s="10"/>
    </row>
    <row r="93395" spans="14:14">
      <c r="N93395" s="10"/>
    </row>
    <row r="93396" spans="14:14">
      <c r="N93396" s="10"/>
    </row>
    <row r="93397" spans="14:14">
      <c r="N93397" s="10"/>
    </row>
    <row r="93398" spans="14:14">
      <c r="N93398" s="10"/>
    </row>
    <row r="93399" spans="14:14">
      <c r="N93399" s="10"/>
    </row>
    <row r="93400" spans="14:14">
      <c r="N93400" s="10"/>
    </row>
    <row r="93401" spans="14:14">
      <c r="N93401" s="10"/>
    </row>
    <row r="93402" spans="14:14">
      <c r="N93402" s="10"/>
    </row>
    <row r="93403" spans="14:14">
      <c r="N93403" s="10"/>
    </row>
    <row r="93404" spans="14:14">
      <c r="N93404" s="10"/>
    </row>
    <row r="93405" spans="14:14">
      <c r="N93405" s="10"/>
    </row>
    <row r="93406" spans="14:14">
      <c r="N93406" s="10"/>
    </row>
    <row r="93407" spans="14:14">
      <c r="N93407" s="10"/>
    </row>
    <row r="93408" spans="14:14">
      <c r="N93408" s="10"/>
    </row>
    <row r="93409" spans="14:14">
      <c r="N93409" s="10"/>
    </row>
    <row r="93410" spans="14:14">
      <c r="N93410" s="10"/>
    </row>
    <row r="93411" spans="14:14">
      <c r="N93411" s="10"/>
    </row>
    <row r="93412" spans="14:14">
      <c r="N93412" s="10"/>
    </row>
    <row r="93413" spans="14:14">
      <c r="N93413" s="10"/>
    </row>
    <row r="93414" spans="14:14">
      <c r="N93414" s="10"/>
    </row>
    <row r="93415" spans="14:14">
      <c r="N93415" s="10"/>
    </row>
    <row r="93416" spans="14:14">
      <c r="N93416" s="10"/>
    </row>
    <row r="93417" spans="14:14">
      <c r="N93417" s="10"/>
    </row>
    <row r="93418" spans="14:14">
      <c r="N93418" s="10"/>
    </row>
    <row r="93419" spans="14:14">
      <c r="N93419" s="10"/>
    </row>
    <row r="93420" spans="14:14">
      <c r="N93420" s="10"/>
    </row>
    <row r="93421" spans="14:14">
      <c r="N93421" s="10"/>
    </row>
    <row r="93422" spans="14:14">
      <c r="N93422" s="10"/>
    </row>
    <row r="93423" spans="14:14">
      <c r="N93423" s="10"/>
    </row>
    <row r="93424" spans="14:14">
      <c r="N93424" s="10"/>
    </row>
    <row r="93425" spans="14:14">
      <c r="N93425" s="10"/>
    </row>
    <row r="93426" spans="14:14">
      <c r="N93426" s="10"/>
    </row>
    <row r="93427" spans="14:14">
      <c r="N93427" s="10"/>
    </row>
    <row r="93428" spans="14:14">
      <c r="N93428" s="10"/>
    </row>
    <row r="93429" spans="14:14">
      <c r="N93429" s="10"/>
    </row>
    <row r="93430" spans="14:14">
      <c r="N93430" s="10"/>
    </row>
    <row r="93431" spans="14:14">
      <c r="N93431" s="10"/>
    </row>
    <row r="93432" spans="14:14">
      <c r="N93432" s="10"/>
    </row>
    <row r="93433" spans="14:14">
      <c r="N93433" s="10"/>
    </row>
    <row r="93434" spans="14:14">
      <c r="N93434" s="10"/>
    </row>
    <row r="93435" spans="14:14">
      <c r="N93435" s="10"/>
    </row>
    <row r="93436" spans="14:14">
      <c r="N93436" s="10"/>
    </row>
    <row r="93437" spans="14:14">
      <c r="N93437" s="10"/>
    </row>
    <row r="93438" spans="14:14">
      <c r="N93438" s="10"/>
    </row>
    <row r="93439" spans="14:14">
      <c r="N93439" s="10"/>
    </row>
    <row r="93440" spans="14:14">
      <c r="N93440" s="10"/>
    </row>
    <row r="93441" spans="14:14">
      <c r="N93441" s="10"/>
    </row>
    <row r="93442" spans="14:14">
      <c r="N93442" s="10"/>
    </row>
    <row r="93443" spans="14:14">
      <c r="N93443" s="10"/>
    </row>
    <row r="93444" spans="14:14">
      <c r="N93444" s="10"/>
    </row>
    <row r="93445" spans="14:14">
      <c r="N93445" s="10"/>
    </row>
    <row r="93446" spans="14:14">
      <c r="N93446" s="10"/>
    </row>
    <row r="93447" spans="14:14">
      <c r="N93447" s="10"/>
    </row>
    <row r="93448" spans="14:14">
      <c r="N93448" s="10"/>
    </row>
    <row r="93449" spans="14:14">
      <c r="N93449" s="10"/>
    </row>
    <row r="93450" spans="14:14">
      <c r="N93450" s="10"/>
    </row>
    <row r="93451" spans="14:14">
      <c r="N93451" s="10"/>
    </row>
    <row r="93452" spans="14:14">
      <c r="N93452" s="10"/>
    </row>
    <row r="93453" spans="14:14">
      <c r="N93453" s="10"/>
    </row>
    <row r="93454" spans="14:14">
      <c r="N93454" s="10"/>
    </row>
    <row r="93455" spans="14:14">
      <c r="N93455" s="10"/>
    </row>
    <row r="93456" spans="14:14">
      <c r="N93456" s="10"/>
    </row>
    <row r="93457" spans="14:14">
      <c r="N93457" s="10"/>
    </row>
    <row r="93458" spans="14:14">
      <c r="N93458" s="10"/>
    </row>
    <row r="93459" spans="14:14">
      <c r="N93459" s="10"/>
    </row>
    <row r="93460" spans="14:14">
      <c r="N93460" s="10"/>
    </row>
    <row r="93461" spans="14:14">
      <c r="N93461" s="10"/>
    </row>
    <row r="93462" spans="14:14">
      <c r="N93462" s="10"/>
    </row>
    <row r="93463" spans="14:14">
      <c r="N93463" s="10"/>
    </row>
    <row r="93464" spans="14:14">
      <c r="N93464" s="10"/>
    </row>
    <row r="93465" spans="14:14">
      <c r="N93465" s="10"/>
    </row>
    <row r="93466" spans="14:14">
      <c r="N93466" s="10"/>
    </row>
    <row r="93467" spans="14:14">
      <c r="N93467" s="10"/>
    </row>
    <row r="93468" spans="14:14">
      <c r="N93468" s="10"/>
    </row>
    <row r="93469" spans="14:14">
      <c r="N93469" s="10"/>
    </row>
    <row r="93470" spans="14:14">
      <c r="N93470" s="10"/>
    </row>
    <row r="93471" spans="14:14">
      <c r="N93471" s="10"/>
    </row>
    <row r="93472" spans="14:14">
      <c r="N93472" s="10"/>
    </row>
    <row r="93473" spans="14:14">
      <c r="N93473" s="10"/>
    </row>
    <row r="93474" spans="14:14">
      <c r="N93474" s="10"/>
    </row>
    <row r="93475" spans="14:14">
      <c r="N93475" s="10"/>
    </row>
    <row r="93476" spans="14:14">
      <c r="N93476" s="10"/>
    </row>
    <row r="93477" spans="14:14">
      <c r="N93477" s="10"/>
    </row>
    <row r="93478" spans="14:14">
      <c r="N93478" s="10"/>
    </row>
    <row r="93479" spans="14:14">
      <c r="N93479" s="10"/>
    </row>
    <row r="93480" spans="14:14">
      <c r="N93480" s="10"/>
    </row>
    <row r="93481" spans="14:14">
      <c r="N93481" s="10"/>
    </row>
    <row r="93482" spans="14:14">
      <c r="N93482" s="10"/>
    </row>
    <row r="93483" spans="14:14">
      <c r="N93483" s="10"/>
    </row>
    <row r="93484" spans="14:14">
      <c r="N93484" s="10"/>
    </row>
    <row r="93485" spans="14:14">
      <c r="N93485" s="10"/>
    </row>
    <row r="93486" spans="14:14">
      <c r="N93486" s="10"/>
    </row>
    <row r="93487" spans="14:14">
      <c r="N93487" s="10"/>
    </row>
    <row r="93488" spans="14:14">
      <c r="N93488" s="10"/>
    </row>
    <row r="93489" spans="14:14">
      <c r="N93489" s="10"/>
    </row>
    <row r="93490" spans="14:14">
      <c r="N93490" s="10"/>
    </row>
    <row r="93491" spans="14:14">
      <c r="N93491" s="10"/>
    </row>
    <row r="93492" spans="14:14">
      <c r="N93492" s="10"/>
    </row>
    <row r="93493" spans="14:14">
      <c r="N93493" s="10"/>
    </row>
    <row r="93494" spans="14:14">
      <c r="N93494" s="10"/>
    </row>
    <row r="93495" spans="14:14">
      <c r="N93495" s="10"/>
    </row>
    <row r="93496" spans="14:14">
      <c r="N93496" s="10"/>
    </row>
    <row r="93497" spans="14:14">
      <c r="N93497" s="10"/>
    </row>
    <row r="93498" spans="14:14">
      <c r="N93498" s="10"/>
    </row>
    <row r="93499" spans="14:14">
      <c r="N93499" s="10"/>
    </row>
    <row r="93500" spans="14:14">
      <c r="N93500" s="10"/>
    </row>
    <row r="93501" spans="14:14">
      <c r="N93501" s="10"/>
    </row>
    <row r="93502" spans="14:14">
      <c r="N93502" s="10"/>
    </row>
    <row r="93503" spans="14:14">
      <c r="N93503" s="10"/>
    </row>
    <row r="93504" spans="14:14">
      <c r="N93504" s="10"/>
    </row>
    <row r="93505" spans="14:14">
      <c r="N93505" s="10"/>
    </row>
    <row r="93506" spans="14:14">
      <c r="N93506" s="10"/>
    </row>
    <row r="93507" spans="14:14">
      <c r="N93507" s="10"/>
    </row>
    <row r="93508" spans="14:14">
      <c r="N93508" s="10"/>
    </row>
    <row r="93509" spans="14:14">
      <c r="N93509" s="10"/>
    </row>
    <row r="93510" spans="14:14">
      <c r="N93510" s="10"/>
    </row>
    <row r="93511" spans="14:14">
      <c r="N93511" s="10"/>
    </row>
    <row r="93512" spans="14:14">
      <c r="N93512" s="10"/>
    </row>
    <row r="93513" spans="14:14">
      <c r="N93513" s="10"/>
    </row>
    <row r="93514" spans="14:14">
      <c r="N93514" s="10"/>
    </row>
    <row r="93515" spans="14:14">
      <c r="N93515" s="10"/>
    </row>
    <row r="93516" spans="14:14">
      <c r="N93516" s="10"/>
    </row>
    <row r="93517" spans="14:14">
      <c r="N93517" s="10"/>
    </row>
    <row r="93518" spans="14:14">
      <c r="N93518" s="10"/>
    </row>
    <row r="93519" spans="14:14">
      <c r="N93519" s="10"/>
    </row>
    <row r="93520" spans="14:14">
      <c r="N93520" s="10"/>
    </row>
    <row r="93521" spans="14:14">
      <c r="N93521" s="10"/>
    </row>
    <row r="93522" spans="14:14">
      <c r="N93522" s="10"/>
    </row>
    <row r="93523" spans="14:14">
      <c r="N93523" s="10"/>
    </row>
    <row r="93524" spans="14:14">
      <c r="N93524" s="10"/>
    </row>
    <row r="93525" spans="14:14">
      <c r="N93525" s="10"/>
    </row>
    <row r="93526" spans="14:14">
      <c r="N93526" s="10"/>
    </row>
    <row r="93527" spans="14:14">
      <c r="N93527" s="10"/>
    </row>
    <row r="93528" spans="14:14">
      <c r="N93528" s="10"/>
    </row>
    <row r="93529" spans="14:14">
      <c r="N93529" s="10"/>
    </row>
    <row r="93530" spans="14:14">
      <c r="N93530" s="10"/>
    </row>
    <row r="93531" spans="14:14">
      <c r="N93531" s="10"/>
    </row>
    <row r="93532" spans="14:14">
      <c r="N93532" s="10"/>
    </row>
    <row r="93533" spans="14:14">
      <c r="N93533" s="10"/>
    </row>
    <row r="93534" spans="14:14">
      <c r="N93534" s="10"/>
    </row>
    <row r="93535" spans="14:14">
      <c r="N93535" s="10"/>
    </row>
    <row r="93536" spans="14:14">
      <c r="N93536" s="10"/>
    </row>
    <row r="93537" spans="14:14">
      <c r="N93537" s="10"/>
    </row>
    <row r="93538" spans="14:14">
      <c r="N93538" s="10"/>
    </row>
    <row r="93539" spans="14:14">
      <c r="N93539" s="10"/>
    </row>
    <row r="93540" spans="14:14">
      <c r="N93540" s="10"/>
    </row>
    <row r="93541" spans="14:14">
      <c r="N93541" s="10"/>
    </row>
    <row r="93542" spans="14:14">
      <c r="N93542" s="10"/>
    </row>
    <row r="93543" spans="14:14">
      <c r="N93543" s="10"/>
    </row>
    <row r="93544" spans="14:14">
      <c r="N93544" s="10"/>
    </row>
    <row r="93545" spans="14:14">
      <c r="N93545" s="10"/>
    </row>
    <row r="93546" spans="14:14">
      <c r="N93546" s="10"/>
    </row>
    <row r="93547" spans="14:14">
      <c r="N93547" s="10"/>
    </row>
    <row r="93548" spans="14:14">
      <c r="N93548" s="10"/>
    </row>
    <row r="93549" spans="14:14">
      <c r="N93549" s="10"/>
    </row>
    <row r="93550" spans="14:14">
      <c r="N93550" s="10"/>
    </row>
    <row r="93551" spans="14:14">
      <c r="N93551" s="10"/>
    </row>
    <row r="93552" spans="14:14">
      <c r="N93552" s="10"/>
    </row>
    <row r="93553" spans="14:14">
      <c r="N93553" s="10"/>
    </row>
    <row r="93554" spans="14:14">
      <c r="N93554" s="10"/>
    </row>
    <row r="93555" spans="14:14">
      <c r="N93555" s="10"/>
    </row>
    <row r="93556" spans="14:14">
      <c r="N93556" s="10"/>
    </row>
    <row r="93557" spans="14:14">
      <c r="N93557" s="10"/>
    </row>
    <row r="93558" spans="14:14">
      <c r="N93558" s="10"/>
    </row>
    <row r="93559" spans="14:14">
      <c r="N93559" s="10"/>
    </row>
    <row r="93560" spans="14:14">
      <c r="N93560" s="10"/>
    </row>
    <row r="93561" spans="14:14">
      <c r="N93561" s="10"/>
    </row>
    <row r="93562" spans="14:14">
      <c r="N93562" s="10"/>
    </row>
    <row r="93563" spans="14:14">
      <c r="N93563" s="10"/>
    </row>
    <row r="93564" spans="14:14">
      <c r="N93564" s="10"/>
    </row>
    <row r="93565" spans="14:14">
      <c r="N93565" s="10"/>
    </row>
    <row r="93566" spans="14:14">
      <c r="N93566" s="10"/>
    </row>
    <row r="93567" spans="14:14">
      <c r="N93567" s="10"/>
    </row>
    <row r="93568" spans="14:14">
      <c r="N93568" s="10"/>
    </row>
    <row r="93569" spans="14:14">
      <c r="N93569" s="10"/>
    </row>
    <row r="93570" spans="14:14">
      <c r="N93570" s="10"/>
    </row>
    <row r="93571" spans="14:14">
      <c r="N93571" s="10"/>
    </row>
    <row r="93572" spans="14:14">
      <c r="N93572" s="10"/>
    </row>
    <row r="93573" spans="14:14">
      <c r="N93573" s="10"/>
    </row>
    <row r="93574" spans="14:14">
      <c r="N93574" s="10"/>
    </row>
    <row r="93575" spans="14:14">
      <c r="N93575" s="10"/>
    </row>
    <row r="93576" spans="14:14">
      <c r="N93576" s="10"/>
    </row>
    <row r="93577" spans="14:14">
      <c r="N93577" s="10"/>
    </row>
    <row r="93578" spans="14:14">
      <c r="N93578" s="10"/>
    </row>
    <row r="93579" spans="14:14">
      <c r="N93579" s="10"/>
    </row>
    <row r="93580" spans="14:14">
      <c r="N93580" s="10"/>
    </row>
    <row r="93581" spans="14:14">
      <c r="N93581" s="10"/>
    </row>
    <row r="93582" spans="14:14">
      <c r="N93582" s="10"/>
    </row>
    <row r="93583" spans="14:14">
      <c r="N93583" s="10"/>
    </row>
    <row r="93584" spans="14:14">
      <c r="N93584" s="10"/>
    </row>
    <row r="93585" spans="14:14">
      <c r="N93585" s="10"/>
    </row>
    <row r="93586" spans="14:14">
      <c r="N93586" s="10"/>
    </row>
    <row r="93587" spans="14:14">
      <c r="N93587" s="10"/>
    </row>
    <row r="93588" spans="14:14">
      <c r="N93588" s="10"/>
    </row>
    <row r="93589" spans="14:14">
      <c r="N93589" s="10"/>
    </row>
    <row r="93590" spans="14:14">
      <c r="N93590" s="10"/>
    </row>
    <row r="93591" spans="14:14">
      <c r="N93591" s="10"/>
    </row>
    <row r="93592" spans="14:14">
      <c r="N93592" s="10"/>
    </row>
    <row r="93593" spans="14:14">
      <c r="N93593" s="10"/>
    </row>
    <row r="93594" spans="14:14">
      <c r="N93594" s="10"/>
    </row>
    <row r="93595" spans="14:14">
      <c r="N93595" s="10"/>
    </row>
    <row r="93596" spans="14:14">
      <c r="N93596" s="10"/>
    </row>
    <row r="93597" spans="14:14">
      <c r="N93597" s="10"/>
    </row>
    <row r="93598" spans="14:14">
      <c r="N93598" s="10"/>
    </row>
    <row r="93599" spans="14:14">
      <c r="N93599" s="10"/>
    </row>
    <row r="93600" spans="14:14">
      <c r="N93600" s="10"/>
    </row>
    <row r="93601" spans="14:14">
      <c r="N93601" s="10"/>
    </row>
    <row r="93602" spans="14:14">
      <c r="N93602" s="10"/>
    </row>
    <row r="93603" spans="14:14">
      <c r="N93603" s="10"/>
    </row>
    <row r="93604" spans="14:14">
      <c r="N93604" s="10"/>
    </row>
    <row r="93605" spans="14:14">
      <c r="N93605" s="10"/>
    </row>
    <row r="93606" spans="14:14">
      <c r="N93606" s="10"/>
    </row>
    <row r="93607" spans="14:14">
      <c r="N93607" s="10"/>
    </row>
    <row r="93608" spans="14:14">
      <c r="N93608" s="10"/>
    </row>
    <row r="93609" spans="14:14">
      <c r="N93609" s="10"/>
    </row>
    <row r="93610" spans="14:14">
      <c r="N93610" s="10"/>
    </row>
    <row r="93611" spans="14:14">
      <c r="N93611" s="10"/>
    </row>
    <row r="93612" spans="14:14">
      <c r="N93612" s="10"/>
    </row>
    <row r="93613" spans="14:14">
      <c r="N93613" s="10"/>
    </row>
    <row r="93614" spans="14:14">
      <c r="N93614" s="10"/>
    </row>
    <row r="93615" spans="14:14">
      <c r="N93615" s="10"/>
    </row>
    <row r="93616" spans="14:14">
      <c r="N93616" s="10"/>
    </row>
    <row r="93617" spans="14:14">
      <c r="N93617" s="10"/>
    </row>
    <row r="93618" spans="14:14">
      <c r="N93618" s="10"/>
    </row>
    <row r="93619" spans="14:14">
      <c r="N93619" s="10"/>
    </row>
    <row r="93620" spans="14:14">
      <c r="N93620" s="10"/>
    </row>
    <row r="93621" spans="14:14">
      <c r="N93621" s="10"/>
    </row>
    <row r="93622" spans="14:14">
      <c r="N93622" s="10"/>
    </row>
    <row r="93623" spans="14:14">
      <c r="N93623" s="10"/>
    </row>
    <row r="93624" spans="14:14">
      <c r="N93624" s="10"/>
    </row>
    <row r="93625" spans="14:14">
      <c r="N93625" s="10"/>
    </row>
    <row r="93626" spans="14:14">
      <c r="N93626" s="10"/>
    </row>
    <row r="93627" spans="14:14">
      <c r="N93627" s="10"/>
    </row>
    <row r="93628" spans="14:14">
      <c r="N93628" s="10"/>
    </row>
    <row r="93629" spans="14:14">
      <c r="N93629" s="10"/>
    </row>
    <row r="93630" spans="14:14">
      <c r="N93630" s="10"/>
    </row>
    <row r="93631" spans="14:14">
      <c r="N93631" s="10"/>
    </row>
    <row r="93632" spans="14:14">
      <c r="N93632" s="10"/>
    </row>
    <row r="93633" spans="14:14">
      <c r="N93633" s="10"/>
    </row>
    <row r="93634" spans="14:14">
      <c r="N93634" s="10"/>
    </row>
    <row r="93635" spans="14:14">
      <c r="N93635" s="10"/>
    </row>
    <row r="93636" spans="14:14">
      <c r="N93636" s="10"/>
    </row>
    <row r="93637" spans="14:14">
      <c r="N93637" s="10"/>
    </row>
    <row r="93638" spans="14:14">
      <c r="N93638" s="10"/>
    </row>
    <row r="93639" spans="14:14">
      <c r="N93639" s="10"/>
    </row>
    <row r="93640" spans="14:14">
      <c r="N93640" s="10"/>
    </row>
    <row r="93641" spans="14:14">
      <c r="N93641" s="10"/>
    </row>
    <row r="93642" spans="14:14">
      <c r="N93642" s="10"/>
    </row>
    <row r="93643" spans="14:14">
      <c r="N93643" s="10"/>
    </row>
    <row r="93644" spans="14:14">
      <c r="N93644" s="10"/>
    </row>
    <row r="93645" spans="14:14">
      <c r="N93645" s="10"/>
    </row>
    <row r="93646" spans="14:14">
      <c r="N93646" s="10"/>
    </row>
    <row r="93647" spans="14:14">
      <c r="N93647" s="10"/>
    </row>
    <row r="93648" spans="14:14">
      <c r="N93648" s="10"/>
    </row>
    <row r="93649" spans="14:14">
      <c r="N93649" s="10"/>
    </row>
    <row r="93650" spans="14:14">
      <c r="N93650" s="10"/>
    </row>
    <row r="93651" spans="14:14">
      <c r="N93651" s="10"/>
    </row>
    <row r="93652" spans="14:14">
      <c r="N93652" s="10"/>
    </row>
    <row r="93653" spans="14:14">
      <c r="N93653" s="10"/>
    </row>
    <row r="93654" spans="14:14">
      <c r="N93654" s="10"/>
    </row>
    <row r="93655" spans="14:14">
      <c r="N93655" s="10"/>
    </row>
    <row r="93656" spans="14:14">
      <c r="N93656" s="10"/>
    </row>
    <row r="93657" spans="14:14">
      <c r="N93657" s="10"/>
    </row>
    <row r="93658" spans="14:14">
      <c r="N93658" s="10"/>
    </row>
    <row r="93659" spans="14:14">
      <c r="N93659" s="10"/>
    </row>
    <row r="93660" spans="14:14">
      <c r="N93660" s="10"/>
    </row>
    <row r="93661" spans="14:14">
      <c r="N93661" s="10"/>
    </row>
    <row r="93662" spans="14:14">
      <c r="N93662" s="10"/>
    </row>
    <row r="93663" spans="14:14">
      <c r="N93663" s="10"/>
    </row>
    <row r="93664" spans="14:14">
      <c r="N93664" s="10"/>
    </row>
    <row r="93665" spans="14:14">
      <c r="N93665" s="10"/>
    </row>
    <row r="93666" spans="14:14">
      <c r="N93666" s="10"/>
    </row>
    <row r="93667" spans="14:14">
      <c r="N93667" s="10"/>
    </row>
    <row r="93668" spans="14:14">
      <c r="N93668" s="10"/>
    </row>
    <row r="93669" spans="14:14">
      <c r="N93669" s="10"/>
    </row>
    <row r="93670" spans="14:14">
      <c r="N93670" s="10"/>
    </row>
    <row r="93671" spans="14:14">
      <c r="N93671" s="10"/>
    </row>
    <row r="93672" spans="14:14">
      <c r="N93672" s="10"/>
    </row>
    <row r="93673" spans="14:14">
      <c r="N93673" s="10"/>
    </row>
    <row r="93674" spans="14:14">
      <c r="N93674" s="10"/>
    </row>
    <row r="93675" spans="14:14">
      <c r="N93675" s="10"/>
    </row>
    <row r="93676" spans="14:14">
      <c r="N93676" s="10"/>
    </row>
    <row r="93677" spans="14:14">
      <c r="N93677" s="10"/>
    </row>
    <row r="93678" spans="14:14">
      <c r="N93678" s="10"/>
    </row>
    <row r="93679" spans="14:14">
      <c r="N93679" s="10"/>
    </row>
    <row r="93680" spans="14:14">
      <c r="N93680" s="10"/>
    </row>
    <row r="93681" spans="14:14">
      <c r="N93681" s="10"/>
    </row>
    <row r="93682" spans="14:14">
      <c r="N93682" s="10"/>
    </row>
    <row r="93683" spans="14:14">
      <c r="N93683" s="10"/>
    </row>
    <row r="93684" spans="14:14">
      <c r="N93684" s="10"/>
    </row>
    <row r="93685" spans="14:14">
      <c r="N93685" s="10"/>
    </row>
    <row r="93686" spans="14:14">
      <c r="N93686" s="10"/>
    </row>
    <row r="93687" spans="14:14">
      <c r="N93687" s="10"/>
    </row>
    <row r="93688" spans="14:14">
      <c r="N93688" s="10"/>
    </row>
    <row r="93689" spans="14:14">
      <c r="N93689" s="10"/>
    </row>
    <row r="93690" spans="14:14">
      <c r="N93690" s="10"/>
    </row>
    <row r="93691" spans="14:14">
      <c r="N93691" s="10"/>
    </row>
    <row r="93692" spans="14:14">
      <c r="N93692" s="10"/>
    </row>
    <row r="93693" spans="14:14">
      <c r="N93693" s="10"/>
    </row>
    <row r="93694" spans="14:14">
      <c r="N93694" s="10"/>
    </row>
    <row r="93695" spans="14:14">
      <c r="N93695" s="10"/>
    </row>
    <row r="93696" spans="14:14">
      <c r="N93696" s="10"/>
    </row>
    <row r="93697" spans="14:14">
      <c r="N93697" s="10"/>
    </row>
    <row r="93698" spans="14:14">
      <c r="N93698" s="10"/>
    </row>
    <row r="93699" spans="14:14">
      <c r="N93699" s="10"/>
    </row>
    <row r="93700" spans="14:14">
      <c r="N93700" s="10"/>
    </row>
    <row r="93701" spans="14:14">
      <c r="N93701" s="10"/>
    </row>
    <row r="93702" spans="14:14">
      <c r="N93702" s="10"/>
    </row>
    <row r="93703" spans="14:14">
      <c r="N93703" s="10"/>
    </row>
    <row r="93704" spans="14:14">
      <c r="N93704" s="10"/>
    </row>
    <row r="93705" spans="14:14">
      <c r="N93705" s="10"/>
    </row>
    <row r="93706" spans="14:14">
      <c r="N93706" s="10"/>
    </row>
    <row r="93707" spans="14:14">
      <c r="N93707" s="10"/>
    </row>
    <row r="93708" spans="14:14">
      <c r="N93708" s="10"/>
    </row>
    <row r="93709" spans="14:14">
      <c r="N93709" s="10"/>
    </row>
    <row r="93710" spans="14:14">
      <c r="N93710" s="10"/>
    </row>
    <row r="93711" spans="14:14">
      <c r="N93711" s="10"/>
    </row>
    <row r="93712" spans="14:14">
      <c r="N93712" s="10"/>
    </row>
    <row r="93713" spans="14:14">
      <c r="N93713" s="10"/>
    </row>
    <row r="93714" spans="14:14">
      <c r="N93714" s="10"/>
    </row>
    <row r="93715" spans="14:14">
      <c r="N93715" s="10"/>
    </row>
    <row r="93716" spans="14:14">
      <c r="N93716" s="10"/>
    </row>
    <row r="93717" spans="14:14">
      <c r="N93717" s="10"/>
    </row>
    <row r="93718" spans="14:14">
      <c r="N93718" s="10"/>
    </row>
    <row r="93719" spans="14:14">
      <c r="N93719" s="10"/>
    </row>
    <row r="93720" spans="14:14">
      <c r="N93720" s="10"/>
    </row>
    <row r="93721" spans="14:14">
      <c r="N93721" s="10"/>
    </row>
    <row r="93722" spans="14:14">
      <c r="N93722" s="10"/>
    </row>
    <row r="93723" spans="14:14">
      <c r="N93723" s="10"/>
    </row>
    <row r="93724" spans="14:14">
      <c r="N93724" s="10"/>
    </row>
    <row r="93725" spans="14:14">
      <c r="N93725" s="10"/>
    </row>
    <row r="93726" spans="14:14">
      <c r="N93726" s="10"/>
    </row>
    <row r="93727" spans="14:14">
      <c r="N93727" s="10"/>
    </row>
    <row r="93728" spans="14:14">
      <c r="N93728" s="10"/>
    </row>
    <row r="93729" spans="14:14">
      <c r="N93729" s="10"/>
    </row>
    <row r="93730" spans="14:14">
      <c r="N93730" s="10"/>
    </row>
    <row r="93731" spans="14:14">
      <c r="N93731" s="10"/>
    </row>
    <row r="93732" spans="14:14">
      <c r="N93732" s="10"/>
    </row>
    <row r="93733" spans="14:14">
      <c r="N93733" s="10"/>
    </row>
    <row r="93734" spans="14:14">
      <c r="N93734" s="10"/>
    </row>
    <row r="93735" spans="14:14">
      <c r="N93735" s="10"/>
    </row>
    <row r="93736" spans="14:14">
      <c r="N93736" s="10"/>
    </row>
    <row r="93737" spans="14:14">
      <c r="N93737" s="10"/>
    </row>
    <row r="93738" spans="14:14">
      <c r="N93738" s="10"/>
    </row>
    <row r="93739" spans="14:14">
      <c r="N93739" s="10"/>
    </row>
    <row r="93740" spans="14:14">
      <c r="N93740" s="10"/>
    </row>
    <row r="93741" spans="14:14">
      <c r="N93741" s="10"/>
    </row>
    <row r="93742" spans="14:14">
      <c r="N93742" s="10"/>
    </row>
    <row r="93743" spans="14:14">
      <c r="N93743" s="10"/>
    </row>
    <row r="93744" spans="14:14">
      <c r="N93744" s="10"/>
    </row>
    <row r="93745" spans="14:14">
      <c r="N93745" s="10"/>
    </row>
    <row r="93746" spans="14:14">
      <c r="N93746" s="10"/>
    </row>
    <row r="93747" spans="14:14">
      <c r="N93747" s="10"/>
    </row>
    <row r="93748" spans="14:14">
      <c r="N93748" s="10"/>
    </row>
    <row r="93749" spans="14:14">
      <c r="N93749" s="10"/>
    </row>
    <row r="93750" spans="14:14">
      <c r="N93750" s="10"/>
    </row>
    <row r="93751" spans="14:14">
      <c r="N93751" s="10"/>
    </row>
    <row r="93752" spans="14:14">
      <c r="N93752" s="10"/>
    </row>
    <row r="93753" spans="14:14">
      <c r="N93753" s="10"/>
    </row>
    <row r="93754" spans="14:14">
      <c r="N93754" s="10"/>
    </row>
    <row r="93755" spans="14:14">
      <c r="N93755" s="10"/>
    </row>
    <row r="93756" spans="14:14">
      <c r="N93756" s="10"/>
    </row>
    <row r="93757" spans="14:14">
      <c r="N93757" s="10"/>
    </row>
    <row r="93758" spans="14:14">
      <c r="N93758" s="10"/>
    </row>
    <row r="93759" spans="14:14">
      <c r="N93759" s="10"/>
    </row>
    <row r="93760" spans="14:14">
      <c r="N93760" s="10"/>
    </row>
    <row r="93761" spans="14:14">
      <c r="N93761" s="10"/>
    </row>
    <row r="93762" spans="14:14">
      <c r="N93762" s="10"/>
    </row>
    <row r="93763" spans="14:14">
      <c r="N93763" s="10"/>
    </row>
    <row r="93764" spans="14:14">
      <c r="N93764" s="10"/>
    </row>
    <row r="93765" spans="14:14">
      <c r="N93765" s="10"/>
    </row>
    <row r="93766" spans="14:14">
      <c r="N93766" s="10"/>
    </row>
    <row r="93767" spans="14:14">
      <c r="N93767" s="10"/>
    </row>
    <row r="93768" spans="14:14">
      <c r="N93768" s="10"/>
    </row>
    <row r="93769" spans="14:14">
      <c r="N93769" s="10"/>
    </row>
    <row r="93770" spans="14:14">
      <c r="N93770" s="10"/>
    </row>
    <row r="93771" spans="14:14">
      <c r="N93771" s="10"/>
    </row>
    <row r="93772" spans="14:14">
      <c r="N93772" s="10"/>
    </row>
    <row r="93773" spans="14:14">
      <c r="N93773" s="10"/>
    </row>
    <row r="93774" spans="14:14">
      <c r="N93774" s="10"/>
    </row>
    <row r="93775" spans="14:14">
      <c r="N93775" s="10"/>
    </row>
    <row r="93776" spans="14:14">
      <c r="N93776" s="10"/>
    </row>
    <row r="93777" spans="14:14">
      <c r="N93777" s="10"/>
    </row>
    <row r="93778" spans="14:14">
      <c r="N93778" s="10"/>
    </row>
    <row r="93779" spans="14:14">
      <c r="N93779" s="10"/>
    </row>
    <row r="93780" spans="14:14">
      <c r="N93780" s="10"/>
    </row>
    <row r="93781" spans="14:14">
      <c r="N93781" s="10"/>
    </row>
    <row r="93782" spans="14:14">
      <c r="N93782" s="10"/>
    </row>
    <row r="93783" spans="14:14">
      <c r="N93783" s="10"/>
    </row>
    <row r="93784" spans="14:14">
      <c r="N93784" s="10"/>
    </row>
    <row r="93785" spans="14:14">
      <c r="N93785" s="10"/>
    </row>
    <row r="93786" spans="14:14">
      <c r="N93786" s="10"/>
    </row>
    <row r="93787" spans="14:14">
      <c r="N93787" s="10"/>
    </row>
    <row r="93788" spans="14:14">
      <c r="N93788" s="10"/>
    </row>
    <row r="93789" spans="14:14">
      <c r="N93789" s="10"/>
    </row>
    <row r="93790" spans="14:14">
      <c r="N93790" s="10"/>
    </row>
    <row r="93791" spans="14:14">
      <c r="N93791" s="10"/>
    </row>
    <row r="93792" spans="14:14">
      <c r="N93792" s="10"/>
    </row>
    <row r="93793" spans="14:14">
      <c r="N93793" s="10"/>
    </row>
    <row r="93794" spans="14:14">
      <c r="N93794" s="10"/>
    </row>
    <row r="93795" spans="14:14">
      <c r="N93795" s="10"/>
    </row>
    <row r="93796" spans="14:14">
      <c r="N93796" s="10"/>
    </row>
    <row r="93797" spans="14:14">
      <c r="N93797" s="10"/>
    </row>
    <row r="93798" spans="14:14">
      <c r="N93798" s="10"/>
    </row>
    <row r="93799" spans="14:14">
      <c r="N93799" s="10"/>
    </row>
    <row r="93800" spans="14:14">
      <c r="N93800" s="10"/>
    </row>
    <row r="93801" spans="14:14">
      <c r="N93801" s="10"/>
    </row>
    <row r="93802" spans="14:14">
      <c r="N93802" s="10"/>
    </row>
    <row r="93803" spans="14:14">
      <c r="N93803" s="10"/>
    </row>
    <row r="93804" spans="14:14">
      <c r="N93804" s="10"/>
    </row>
    <row r="93805" spans="14:14">
      <c r="N93805" s="10"/>
    </row>
    <row r="93806" spans="14:14">
      <c r="N93806" s="10"/>
    </row>
    <row r="93807" spans="14:14">
      <c r="N93807" s="10"/>
    </row>
    <row r="93808" spans="14:14">
      <c r="N93808" s="10"/>
    </row>
    <row r="93809" spans="14:14">
      <c r="N93809" s="10"/>
    </row>
    <row r="93810" spans="14:14">
      <c r="N93810" s="10"/>
    </row>
    <row r="93811" spans="14:14">
      <c r="N93811" s="10"/>
    </row>
    <row r="93812" spans="14:14">
      <c r="N93812" s="10"/>
    </row>
    <row r="93813" spans="14:14">
      <c r="N93813" s="10"/>
    </row>
    <row r="93814" spans="14:14">
      <c r="N93814" s="10"/>
    </row>
    <row r="93815" spans="14:14">
      <c r="N93815" s="10"/>
    </row>
    <row r="93816" spans="14:14">
      <c r="N93816" s="10"/>
    </row>
    <row r="93817" spans="14:14">
      <c r="N93817" s="10"/>
    </row>
    <row r="93818" spans="14:14">
      <c r="N93818" s="10"/>
    </row>
    <row r="93819" spans="14:14">
      <c r="N93819" s="10"/>
    </row>
    <row r="93820" spans="14:14">
      <c r="N93820" s="10"/>
    </row>
    <row r="93821" spans="14:14">
      <c r="N93821" s="10"/>
    </row>
    <row r="93822" spans="14:14">
      <c r="N93822" s="10"/>
    </row>
    <row r="93823" spans="14:14">
      <c r="N93823" s="10"/>
    </row>
    <row r="93824" spans="14:14">
      <c r="N93824" s="10"/>
    </row>
    <row r="93825" spans="14:14">
      <c r="N93825" s="10"/>
    </row>
    <row r="93826" spans="14:14">
      <c r="N93826" s="10"/>
    </row>
    <row r="93827" spans="14:14">
      <c r="N93827" s="10"/>
    </row>
    <row r="93828" spans="14:14">
      <c r="N93828" s="10"/>
    </row>
    <row r="93829" spans="14:14">
      <c r="N93829" s="10"/>
    </row>
    <row r="93830" spans="14:14">
      <c r="N93830" s="10"/>
    </row>
    <row r="93831" spans="14:14">
      <c r="N93831" s="10"/>
    </row>
    <row r="93832" spans="14:14">
      <c r="N93832" s="10"/>
    </row>
    <row r="93833" spans="14:14">
      <c r="N93833" s="10"/>
    </row>
    <row r="93834" spans="14:14">
      <c r="N93834" s="10"/>
    </row>
    <row r="93835" spans="14:14">
      <c r="N93835" s="10"/>
    </row>
    <row r="93836" spans="14:14">
      <c r="N93836" s="10"/>
    </row>
    <row r="93837" spans="14:14">
      <c r="N93837" s="10"/>
    </row>
    <row r="93838" spans="14:14">
      <c r="N93838" s="10"/>
    </row>
    <row r="93839" spans="14:14">
      <c r="N93839" s="10"/>
    </row>
    <row r="93840" spans="14:14">
      <c r="N93840" s="10"/>
    </row>
    <row r="93841" spans="14:14">
      <c r="N93841" s="10"/>
    </row>
    <row r="93842" spans="14:14">
      <c r="N93842" s="10"/>
    </row>
    <row r="93843" spans="14:14">
      <c r="N93843" s="10"/>
    </row>
    <row r="93844" spans="14:14">
      <c r="N93844" s="10"/>
    </row>
    <row r="93845" spans="14:14">
      <c r="N93845" s="10"/>
    </row>
    <row r="93846" spans="14:14">
      <c r="N93846" s="10"/>
    </row>
    <row r="93847" spans="14:14">
      <c r="N93847" s="10"/>
    </row>
    <row r="93848" spans="14:14">
      <c r="N93848" s="10"/>
    </row>
    <row r="93849" spans="14:14">
      <c r="N93849" s="10"/>
    </row>
    <row r="93850" spans="14:14">
      <c r="N93850" s="10"/>
    </row>
    <row r="93851" spans="14:14">
      <c r="N93851" s="10"/>
    </row>
    <row r="93852" spans="14:14">
      <c r="N93852" s="10"/>
    </row>
    <row r="93853" spans="14:14">
      <c r="N93853" s="10"/>
    </row>
    <row r="93854" spans="14:14">
      <c r="N93854" s="10"/>
    </row>
    <row r="93855" spans="14:14">
      <c r="N93855" s="10"/>
    </row>
    <row r="93856" spans="14:14">
      <c r="N93856" s="10"/>
    </row>
    <row r="93857" spans="14:14">
      <c r="N93857" s="10"/>
    </row>
    <row r="93858" spans="14:14">
      <c r="N93858" s="10"/>
    </row>
    <row r="93859" spans="14:14">
      <c r="N93859" s="10"/>
    </row>
    <row r="93860" spans="14:14">
      <c r="N93860" s="10"/>
    </row>
    <row r="93861" spans="14:14">
      <c r="N93861" s="10"/>
    </row>
    <row r="93862" spans="14:14">
      <c r="N93862" s="10"/>
    </row>
    <row r="93863" spans="14:14">
      <c r="N93863" s="10"/>
    </row>
    <row r="93864" spans="14:14">
      <c r="N93864" s="10"/>
    </row>
    <row r="93865" spans="14:14">
      <c r="N93865" s="10"/>
    </row>
    <row r="93866" spans="14:14">
      <c r="N93866" s="10"/>
    </row>
    <row r="93867" spans="14:14">
      <c r="N93867" s="10"/>
    </row>
    <row r="93868" spans="14:14">
      <c r="N93868" s="10"/>
    </row>
    <row r="93869" spans="14:14">
      <c r="N93869" s="10"/>
    </row>
    <row r="93870" spans="14:14">
      <c r="N93870" s="10"/>
    </row>
    <row r="93871" spans="14:14">
      <c r="N93871" s="10"/>
    </row>
    <row r="93872" spans="14:14">
      <c r="N93872" s="10"/>
    </row>
    <row r="93873" spans="14:14">
      <c r="N93873" s="10"/>
    </row>
    <row r="93874" spans="14:14">
      <c r="N93874" s="10"/>
    </row>
    <row r="93875" spans="14:14">
      <c r="N93875" s="10"/>
    </row>
    <row r="93876" spans="14:14">
      <c r="N93876" s="10"/>
    </row>
    <row r="93877" spans="14:14">
      <c r="N93877" s="10"/>
    </row>
    <row r="93878" spans="14:14">
      <c r="N93878" s="10"/>
    </row>
    <row r="93879" spans="14:14">
      <c r="N93879" s="10"/>
    </row>
    <row r="93880" spans="14:14">
      <c r="N93880" s="10"/>
    </row>
    <row r="93881" spans="14:14">
      <c r="N93881" s="10"/>
    </row>
    <row r="93882" spans="14:14">
      <c r="N93882" s="10"/>
    </row>
    <row r="93883" spans="14:14">
      <c r="N93883" s="10"/>
    </row>
    <row r="93884" spans="14:14">
      <c r="N93884" s="10"/>
    </row>
    <row r="93885" spans="14:14">
      <c r="N93885" s="10"/>
    </row>
    <row r="93886" spans="14:14">
      <c r="N93886" s="10"/>
    </row>
    <row r="93887" spans="14:14">
      <c r="N93887" s="10"/>
    </row>
    <row r="93888" spans="14:14">
      <c r="N93888" s="10"/>
    </row>
    <row r="93889" spans="14:14">
      <c r="N93889" s="10"/>
    </row>
    <row r="93890" spans="14:14">
      <c r="N93890" s="10"/>
    </row>
    <row r="93891" spans="14:14">
      <c r="N93891" s="10"/>
    </row>
    <row r="93892" spans="14:14">
      <c r="N93892" s="10"/>
    </row>
    <row r="93893" spans="14:14">
      <c r="N93893" s="10"/>
    </row>
    <row r="93894" spans="14:14">
      <c r="N93894" s="10"/>
    </row>
    <row r="93895" spans="14:14">
      <c r="N93895" s="10"/>
    </row>
    <row r="93896" spans="14:14">
      <c r="N93896" s="10"/>
    </row>
    <row r="93897" spans="14:14">
      <c r="N93897" s="10"/>
    </row>
    <row r="93898" spans="14:14">
      <c r="N93898" s="10"/>
    </row>
    <row r="93899" spans="14:14">
      <c r="N93899" s="10"/>
    </row>
    <row r="93900" spans="14:14">
      <c r="N93900" s="10"/>
    </row>
    <row r="93901" spans="14:14">
      <c r="N93901" s="10"/>
    </row>
    <row r="93902" spans="14:14">
      <c r="N93902" s="10"/>
    </row>
    <row r="93903" spans="14:14">
      <c r="N93903" s="10"/>
    </row>
    <row r="93904" spans="14:14">
      <c r="N93904" s="10"/>
    </row>
    <row r="93905" spans="14:14">
      <c r="N93905" s="10"/>
    </row>
    <row r="93906" spans="14:14">
      <c r="N93906" s="10"/>
    </row>
    <row r="93907" spans="14:14">
      <c r="N93907" s="10"/>
    </row>
    <row r="93908" spans="14:14">
      <c r="N93908" s="10"/>
    </row>
    <row r="93909" spans="14:14">
      <c r="N93909" s="10"/>
    </row>
    <row r="93910" spans="14:14">
      <c r="N93910" s="10"/>
    </row>
    <row r="93911" spans="14:14">
      <c r="N93911" s="10"/>
    </row>
    <row r="93912" spans="14:14">
      <c r="N93912" s="10"/>
    </row>
    <row r="93913" spans="14:14">
      <c r="N93913" s="10"/>
    </row>
    <row r="93914" spans="14:14">
      <c r="N93914" s="10"/>
    </row>
    <row r="93915" spans="14:14">
      <c r="N93915" s="10"/>
    </row>
    <row r="93916" spans="14:14">
      <c r="N93916" s="10"/>
    </row>
    <row r="93917" spans="14:14">
      <c r="N93917" s="10"/>
    </row>
    <row r="93918" spans="14:14">
      <c r="N93918" s="10"/>
    </row>
    <row r="93919" spans="14:14">
      <c r="N93919" s="10"/>
    </row>
    <row r="93920" spans="14:14">
      <c r="N93920" s="10"/>
    </row>
    <row r="93921" spans="14:14">
      <c r="N93921" s="10"/>
    </row>
    <row r="93922" spans="14:14">
      <c r="N93922" s="10"/>
    </row>
    <row r="93923" spans="14:14">
      <c r="N93923" s="10"/>
    </row>
    <row r="93924" spans="14:14">
      <c r="N93924" s="10"/>
    </row>
    <row r="93925" spans="14:14">
      <c r="N93925" s="10"/>
    </row>
    <row r="93926" spans="14:14">
      <c r="N93926" s="10"/>
    </row>
    <row r="93927" spans="14:14">
      <c r="N93927" s="10"/>
    </row>
    <row r="93928" spans="14:14">
      <c r="N93928" s="10"/>
    </row>
    <row r="93929" spans="14:14">
      <c r="N93929" s="10"/>
    </row>
    <row r="93930" spans="14:14">
      <c r="N93930" s="10"/>
    </row>
    <row r="93931" spans="14:14">
      <c r="N93931" s="10"/>
    </row>
    <row r="93932" spans="14:14">
      <c r="N93932" s="10"/>
    </row>
    <row r="93933" spans="14:14">
      <c r="N93933" s="10"/>
    </row>
    <row r="93934" spans="14:14">
      <c r="N93934" s="10"/>
    </row>
    <row r="93935" spans="14:14">
      <c r="N93935" s="10"/>
    </row>
    <row r="93936" spans="14:14">
      <c r="N93936" s="10"/>
    </row>
    <row r="93937" spans="14:14">
      <c r="N93937" s="10"/>
    </row>
    <row r="93938" spans="14:14">
      <c r="N93938" s="10"/>
    </row>
    <row r="93939" spans="14:14">
      <c r="N93939" s="10"/>
    </row>
    <row r="93940" spans="14:14">
      <c r="N93940" s="10"/>
    </row>
    <row r="93941" spans="14:14">
      <c r="N93941" s="10"/>
    </row>
    <row r="93942" spans="14:14">
      <c r="N93942" s="10"/>
    </row>
    <row r="93943" spans="14:14">
      <c r="N93943" s="10"/>
    </row>
    <row r="93944" spans="14:14">
      <c r="N93944" s="10"/>
    </row>
    <row r="93945" spans="14:14">
      <c r="N93945" s="10"/>
    </row>
    <row r="93946" spans="14:14">
      <c r="N93946" s="10"/>
    </row>
    <row r="93947" spans="14:14">
      <c r="N93947" s="10"/>
    </row>
    <row r="93948" spans="14:14">
      <c r="N93948" s="10"/>
    </row>
    <row r="93949" spans="14:14">
      <c r="N93949" s="10"/>
    </row>
    <row r="93950" spans="14:14">
      <c r="N93950" s="10"/>
    </row>
    <row r="93951" spans="14:14">
      <c r="N93951" s="10"/>
    </row>
    <row r="93952" spans="14:14">
      <c r="N93952" s="10"/>
    </row>
    <row r="93953" spans="14:14">
      <c r="N93953" s="10"/>
    </row>
    <row r="93954" spans="14:14">
      <c r="N93954" s="10"/>
    </row>
    <row r="93955" spans="14:14">
      <c r="N93955" s="10"/>
    </row>
    <row r="93956" spans="14:14">
      <c r="N93956" s="10"/>
    </row>
    <row r="93957" spans="14:14">
      <c r="N93957" s="10"/>
    </row>
    <row r="93958" spans="14:14">
      <c r="N93958" s="10"/>
    </row>
    <row r="93959" spans="14:14">
      <c r="N93959" s="10"/>
    </row>
    <row r="93960" spans="14:14">
      <c r="N93960" s="10"/>
    </row>
    <row r="93961" spans="14:14">
      <c r="N93961" s="10"/>
    </row>
    <row r="93962" spans="14:14">
      <c r="N93962" s="10"/>
    </row>
    <row r="93963" spans="14:14">
      <c r="N93963" s="10"/>
    </row>
    <row r="93964" spans="14:14">
      <c r="N93964" s="10"/>
    </row>
    <row r="93965" spans="14:14">
      <c r="N93965" s="10"/>
    </row>
    <row r="93966" spans="14:14">
      <c r="N93966" s="10"/>
    </row>
    <row r="93967" spans="14:14">
      <c r="N93967" s="10"/>
    </row>
    <row r="93968" spans="14:14">
      <c r="N93968" s="10"/>
    </row>
    <row r="93969" spans="14:14">
      <c r="N93969" s="10"/>
    </row>
    <row r="93970" spans="14:14">
      <c r="N93970" s="10"/>
    </row>
    <row r="93971" spans="14:14">
      <c r="N93971" s="10"/>
    </row>
    <row r="93972" spans="14:14">
      <c r="N93972" s="10"/>
    </row>
    <row r="93973" spans="14:14">
      <c r="N93973" s="10"/>
    </row>
    <row r="93974" spans="14:14">
      <c r="N93974" s="10"/>
    </row>
    <row r="93975" spans="14:14">
      <c r="N93975" s="10"/>
    </row>
    <row r="93976" spans="14:14">
      <c r="N93976" s="10"/>
    </row>
    <row r="93977" spans="14:14">
      <c r="N93977" s="10"/>
    </row>
    <row r="93978" spans="14:14">
      <c r="N93978" s="10"/>
    </row>
    <row r="93979" spans="14:14">
      <c r="N93979" s="10"/>
    </row>
    <row r="93980" spans="14:14">
      <c r="N93980" s="10"/>
    </row>
    <row r="93981" spans="14:14">
      <c r="N93981" s="10"/>
    </row>
    <row r="93982" spans="14:14">
      <c r="N93982" s="10"/>
    </row>
    <row r="93983" spans="14:14">
      <c r="N93983" s="10"/>
    </row>
    <row r="93984" spans="14:14">
      <c r="N93984" s="10"/>
    </row>
    <row r="93985" spans="14:14">
      <c r="N93985" s="10"/>
    </row>
    <row r="93986" spans="14:14">
      <c r="N93986" s="10"/>
    </row>
    <row r="93987" spans="14:14">
      <c r="N93987" s="10"/>
    </row>
    <row r="93988" spans="14:14">
      <c r="N93988" s="10"/>
    </row>
    <row r="93989" spans="14:14">
      <c r="N93989" s="10"/>
    </row>
    <row r="93990" spans="14:14">
      <c r="N93990" s="10"/>
    </row>
    <row r="93991" spans="14:14">
      <c r="N93991" s="10"/>
    </row>
    <row r="93992" spans="14:14">
      <c r="N93992" s="10"/>
    </row>
    <row r="93993" spans="14:14">
      <c r="N93993" s="10"/>
    </row>
    <row r="93994" spans="14:14">
      <c r="N93994" s="10"/>
    </row>
    <row r="93995" spans="14:14">
      <c r="N93995" s="10"/>
    </row>
    <row r="93996" spans="14:14">
      <c r="N93996" s="10"/>
    </row>
    <row r="93997" spans="14:14">
      <c r="N93997" s="10"/>
    </row>
    <row r="93998" spans="14:14">
      <c r="N93998" s="10"/>
    </row>
    <row r="93999" spans="14:14">
      <c r="N93999" s="10"/>
    </row>
    <row r="94000" spans="14:14">
      <c r="N94000" s="10"/>
    </row>
    <row r="94001" spans="14:14">
      <c r="N94001" s="10"/>
    </row>
    <row r="94002" spans="14:14">
      <c r="N94002" s="10"/>
    </row>
    <row r="94003" spans="14:14">
      <c r="N94003" s="10"/>
    </row>
    <row r="94004" spans="14:14">
      <c r="N94004" s="10"/>
    </row>
    <row r="94005" spans="14:14">
      <c r="N94005" s="10"/>
    </row>
    <row r="94006" spans="14:14">
      <c r="N94006" s="10"/>
    </row>
    <row r="94007" spans="14:14">
      <c r="N94007" s="10"/>
    </row>
    <row r="94008" spans="14:14">
      <c r="N94008" s="10"/>
    </row>
    <row r="94009" spans="14:14">
      <c r="N94009" s="10"/>
    </row>
    <row r="94010" spans="14:14">
      <c r="N94010" s="10"/>
    </row>
    <row r="94011" spans="14:14">
      <c r="N94011" s="10"/>
    </row>
    <row r="94012" spans="14:14">
      <c r="N94012" s="10"/>
    </row>
    <row r="94013" spans="14:14">
      <c r="N94013" s="10"/>
    </row>
    <row r="94014" spans="14:14">
      <c r="N94014" s="10"/>
    </row>
    <row r="94015" spans="14:14">
      <c r="N94015" s="10"/>
    </row>
    <row r="94016" spans="14:14">
      <c r="N94016" s="10"/>
    </row>
    <row r="94017" spans="14:14">
      <c r="N94017" s="10"/>
    </row>
    <row r="94018" spans="14:14">
      <c r="N94018" s="10"/>
    </row>
    <row r="94019" spans="14:14">
      <c r="N94019" s="10"/>
    </row>
    <row r="94020" spans="14:14">
      <c r="N94020" s="10"/>
    </row>
    <row r="94021" spans="14:14">
      <c r="N94021" s="10"/>
    </row>
    <row r="94022" spans="14:14">
      <c r="N94022" s="10"/>
    </row>
    <row r="94023" spans="14:14">
      <c r="N94023" s="10"/>
    </row>
    <row r="94024" spans="14:14">
      <c r="N94024" s="10"/>
    </row>
    <row r="94025" spans="14:14">
      <c r="N94025" s="10"/>
    </row>
    <row r="94026" spans="14:14">
      <c r="N94026" s="10"/>
    </row>
    <row r="94027" spans="14:14">
      <c r="N94027" s="10"/>
    </row>
    <row r="94028" spans="14:14">
      <c r="N94028" s="10"/>
    </row>
    <row r="94029" spans="14:14">
      <c r="N94029" s="10"/>
    </row>
    <row r="94030" spans="14:14">
      <c r="N94030" s="10"/>
    </row>
    <row r="94031" spans="14:14">
      <c r="N94031" s="10"/>
    </row>
    <row r="94032" spans="14:14">
      <c r="N94032" s="10"/>
    </row>
    <row r="94033" spans="14:14">
      <c r="N94033" s="10"/>
    </row>
    <row r="94034" spans="14:14">
      <c r="N94034" s="10"/>
    </row>
    <row r="94035" spans="14:14">
      <c r="N94035" s="10"/>
    </row>
    <row r="94036" spans="14:14">
      <c r="N94036" s="10"/>
    </row>
    <row r="94037" spans="14:14">
      <c r="N94037" s="10"/>
    </row>
    <row r="94038" spans="14:14">
      <c r="N94038" s="10"/>
    </row>
    <row r="94039" spans="14:14">
      <c r="N94039" s="10"/>
    </row>
    <row r="94040" spans="14:14">
      <c r="N94040" s="10"/>
    </row>
    <row r="94041" spans="14:14">
      <c r="N94041" s="10"/>
    </row>
    <row r="94042" spans="14:14">
      <c r="N94042" s="10"/>
    </row>
    <row r="94043" spans="14:14">
      <c r="N94043" s="10"/>
    </row>
    <row r="94044" spans="14:14">
      <c r="N94044" s="10"/>
    </row>
    <row r="94045" spans="14:14">
      <c r="N94045" s="10"/>
    </row>
    <row r="94046" spans="14:14">
      <c r="N94046" s="10"/>
    </row>
    <row r="94047" spans="14:14">
      <c r="N94047" s="10"/>
    </row>
    <row r="94048" spans="14:14">
      <c r="N94048" s="10"/>
    </row>
    <row r="94049" spans="14:14">
      <c r="N94049" s="10"/>
    </row>
    <row r="94050" spans="14:14">
      <c r="N94050" s="10"/>
    </row>
    <row r="94051" spans="14:14">
      <c r="N94051" s="10"/>
    </row>
    <row r="94052" spans="14:14">
      <c r="N94052" s="10"/>
    </row>
    <row r="94053" spans="14:14">
      <c r="N94053" s="10"/>
    </row>
    <row r="94054" spans="14:14">
      <c r="N94054" s="10"/>
    </row>
    <row r="94055" spans="14:14">
      <c r="N94055" s="10"/>
    </row>
    <row r="94056" spans="14:14">
      <c r="N94056" s="10"/>
    </row>
    <row r="94057" spans="14:14">
      <c r="N94057" s="10"/>
    </row>
    <row r="94058" spans="14:14">
      <c r="N94058" s="10"/>
    </row>
    <row r="94059" spans="14:14">
      <c r="N94059" s="10"/>
    </row>
    <row r="94060" spans="14:14">
      <c r="N94060" s="10"/>
    </row>
    <row r="94061" spans="14:14">
      <c r="N94061" s="10"/>
    </row>
    <row r="94062" spans="14:14">
      <c r="N94062" s="10"/>
    </row>
    <row r="94063" spans="14:14">
      <c r="N94063" s="10"/>
    </row>
    <row r="94064" spans="14:14">
      <c r="N94064" s="10"/>
    </row>
    <row r="94065" spans="14:14">
      <c r="N94065" s="10"/>
    </row>
    <row r="94066" spans="14:14">
      <c r="N94066" s="10"/>
    </row>
    <row r="94067" spans="14:14">
      <c r="N94067" s="10"/>
    </row>
    <row r="94068" spans="14:14">
      <c r="N94068" s="10"/>
    </row>
    <row r="94069" spans="14:14">
      <c r="N94069" s="10"/>
    </row>
    <row r="94070" spans="14:14">
      <c r="N94070" s="10"/>
    </row>
    <row r="94071" spans="14:14">
      <c r="N94071" s="10"/>
    </row>
    <row r="94072" spans="14:14">
      <c r="N94072" s="10"/>
    </row>
    <row r="94073" spans="14:14">
      <c r="N94073" s="10"/>
    </row>
    <row r="94074" spans="14:14">
      <c r="N94074" s="10"/>
    </row>
    <row r="94075" spans="14:14">
      <c r="N94075" s="10"/>
    </row>
    <row r="94076" spans="14:14">
      <c r="N94076" s="10"/>
    </row>
    <row r="94077" spans="14:14">
      <c r="N94077" s="10"/>
    </row>
    <row r="94078" spans="14:14">
      <c r="N94078" s="10"/>
    </row>
    <row r="94079" spans="14:14">
      <c r="N94079" s="10"/>
    </row>
    <row r="94080" spans="14:14">
      <c r="N94080" s="10"/>
    </row>
    <row r="94081" spans="14:14">
      <c r="N94081" s="10"/>
    </row>
    <row r="94082" spans="14:14">
      <c r="N94082" s="10"/>
    </row>
    <row r="94083" spans="14:14">
      <c r="N94083" s="10"/>
    </row>
    <row r="94084" spans="14:14">
      <c r="N94084" s="10"/>
    </row>
    <row r="94085" spans="14:14">
      <c r="N94085" s="10"/>
    </row>
    <row r="94086" spans="14:14">
      <c r="N94086" s="10"/>
    </row>
    <row r="94087" spans="14:14">
      <c r="N94087" s="10"/>
    </row>
    <row r="94088" spans="14:14">
      <c r="N94088" s="10"/>
    </row>
    <row r="94089" spans="14:14">
      <c r="N94089" s="10"/>
    </row>
    <row r="94090" spans="14:14">
      <c r="N94090" s="10"/>
    </row>
    <row r="94091" spans="14:14">
      <c r="N94091" s="10"/>
    </row>
    <row r="94092" spans="14:14">
      <c r="N94092" s="10"/>
    </row>
    <row r="94093" spans="14:14">
      <c r="N94093" s="10"/>
    </row>
    <row r="94094" spans="14:14">
      <c r="N94094" s="10"/>
    </row>
    <row r="94095" spans="14:14">
      <c r="N94095" s="10"/>
    </row>
    <row r="94096" spans="14:14">
      <c r="N94096" s="10"/>
    </row>
    <row r="94097" spans="14:14">
      <c r="N94097" s="10"/>
    </row>
    <row r="94098" spans="14:14">
      <c r="N94098" s="10"/>
    </row>
    <row r="94099" spans="14:14">
      <c r="N94099" s="10"/>
    </row>
    <row r="94100" spans="14:14">
      <c r="N94100" s="10"/>
    </row>
    <row r="94101" spans="14:14">
      <c r="N94101" s="10"/>
    </row>
    <row r="94102" spans="14:14">
      <c r="N94102" s="10"/>
    </row>
    <row r="94103" spans="14:14">
      <c r="N94103" s="10"/>
    </row>
    <row r="94104" spans="14:14">
      <c r="N94104" s="10"/>
    </row>
    <row r="94105" spans="14:14">
      <c r="N94105" s="10"/>
    </row>
    <row r="94106" spans="14:14">
      <c r="N94106" s="10"/>
    </row>
    <row r="94107" spans="14:14">
      <c r="N94107" s="10"/>
    </row>
    <row r="94108" spans="14:14">
      <c r="N94108" s="10"/>
    </row>
    <row r="94109" spans="14:14">
      <c r="N94109" s="10"/>
    </row>
    <row r="94110" spans="14:14">
      <c r="N94110" s="10"/>
    </row>
    <row r="94111" spans="14:14">
      <c r="N94111" s="10"/>
    </row>
    <row r="94112" spans="14:14">
      <c r="N94112" s="10"/>
    </row>
    <row r="94113" spans="14:14">
      <c r="N94113" s="10"/>
    </row>
    <row r="94114" spans="14:14">
      <c r="N94114" s="10"/>
    </row>
    <row r="94115" spans="14:14">
      <c r="N94115" s="10"/>
    </row>
    <row r="94116" spans="14:14">
      <c r="N94116" s="10"/>
    </row>
    <row r="94117" spans="14:14">
      <c r="N94117" s="10"/>
    </row>
    <row r="94118" spans="14:14">
      <c r="N94118" s="10"/>
    </row>
    <row r="94119" spans="14:14">
      <c r="N94119" s="10"/>
    </row>
    <row r="94120" spans="14:14">
      <c r="N94120" s="10"/>
    </row>
    <row r="94121" spans="14:14">
      <c r="N94121" s="10"/>
    </row>
    <row r="94122" spans="14:14">
      <c r="N94122" s="10"/>
    </row>
    <row r="94123" spans="14:14">
      <c r="N94123" s="10"/>
    </row>
    <row r="94124" spans="14:14">
      <c r="N94124" s="10"/>
    </row>
    <row r="94125" spans="14:14">
      <c r="N94125" s="10"/>
    </row>
    <row r="94126" spans="14:14">
      <c r="N94126" s="10"/>
    </row>
    <row r="94127" spans="14:14">
      <c r="N94127" s="10"/>
    </row>
    <row r="94128" spans="14:14">
      <c r="N94128" s="10"/>
    </row>
    <row r="94129" spans="14:14">
      <c r="N94129" s="10"/>
    </row>
    <row r="94130" spans="14:14">
      <c r="N94130" s="10"/>
    </row>
    <row r="94131" spans="14:14">
      <c r="N94131" s="10"/>
    </row>
    <row r="94132" spans="14:14">
      <c r="N94132" s="10"/>
    </row>
    <row r="94133" spans="14:14">
      <c r="N94133" s="10"/>
    </row>
    <row r="94134" spans="14:14">
      <c r="N94134" s="10"/>
    </row>
    <row r="94135" spans="14:14">
      <c r="N94135" s="10"/>
    </row>
    <row r="94136" spans="14:14">
      <c r="N94136" s="10"/>
    </row>
    <row r="94137" spans="14:14">
      <c r="N94137" s="10"/>
    </row>
    <row r="94138" spans="14:14">
      <c r="N94138" s="10"/>
    </row>
    <row r="94139" spans="14:14">
      <c r="N94139" s="10"/>
    </row>
    <row r="94140" spans="14:14">
      <c r="N94140" s="10"/>
    </row>
    <row r="94141" spans="14:14">
      <c r="N94141" s="10"/>
    </row>
    <row r="94142" spans="14:14">
      <c r="N94142" s="10"/>
    </row>
    <row r="94143" spans="14:14">
      <c r="N94143" s="10"/>
    </row>
    <row r="94144" spans="14:14">
      <c r="N94144" s="10"/>
    </row>
    <row r="94145" spans="14:14">
      <c r="N94145" s="10"/>
    </row>
    <row r="94146" spans="14:14">
      <c r="N94146" s="10"/>
    </row>
    <row r="94147" spans="14:14">
      <c r="N94147" s="10"/>
    </row>
    <row r="94148" spans="14:14">
      <c r="N94148" s="10"/>
    </row>
    <row r="94149" spans="14:14">
      <c r="N94149" s="10"/>
    </row>
    <row r="94150" spans="14:14">
      <c r="N94150" s="10"/>
    </row>
    <row r="94151" spans="14:14">
      <c r="N94151" s="10"/>
    </row>
    <row r="94152" spans="14:14">
      <c r="N94152" s="10"/>
    </row>
    <row r="94153" spans="14:14">
      <c r="N94153" s="10"/>
    </row>
    <row r="94154" spans="14:14">
      <c r="N94154" s="10"/>
    </row>
    <row r="94155" spans="14:14">
      <c r="N94155" s="10"/>
    </row>
    <row r="94156" spans="14:14">
      <c r="N94156" s="10"/>
    </row>
    <row r="94157" spans="14:14">
      <c r="N94157" s="10"/>
    </row>
    <row r="94158" spans="14:14">
      <c r="N94158" s="10"/>
    </row>
    <row r="94159" spans="14:14">
      <c r="N94159" s="10"/>
    </row>
    <row r="94160" spans="14:14">
      <c r="N94160" s="10"/>
    </row>
    <row r="94161" spans="14:14">
      <c r="N94161" s="10"/>
    </row>
    <row r="94162" spans="14:14">
      <c r="N94162" s="10"/>
    </row>
    <row r="94163" spans="14:14">
      <c r="N94163" s="10"/>
    </row>
    <row r="94164" spans="14:14">
      <c r="N94164" s="10"/>
    </row>
    <row r="94165" spans="14:14">
      <c r="N94165" s="10"/>
    </row>
    <row r="94166" spans="14:14">
      <c r="N94166" s="10"/>
    </row>
    <row r="94167" spans="14:14">
      <c r="N94167" s="10"/>
    </row>
    <row r="94168" spans="14:14">
      <c r="N94168" s="10"/>
    </row>
    <row r="94169" spans="14:14">
      <c r="N94169" s="10"/>
    </row>
    <row r="94170" spans="14:14">
      <c r="N94170" s="10"/>
    </row>
    <row r="94171" spans="14:14">
      <c r="N94171" s="10"/>
    </row>
    <row r="94172" spans="14:14">
      <c r="N94172" s="10"/>
    </row>
    <row r="94173" spans="14:14">
      <c r="N94173" s="10"/>
    </row>
    <row r="94174" spans="14:14">
      <c r="N94174" s="10"/>
    </row>
    <row r="94175" spans="14:14">
      <c r="N94175" s="10"/>
    </row>
    <row r="94176" spans="14:14">
      <c r="N94176" s="10"/>
    </row>
    <row r="94177" spans="14:14">
      <c r="N94177" s="10"/>
    </row>
    <row r="94178" spans="14:14">
      <c r="N94178" s="10"/>
    </row>
    <row r="94179" spans="14:14">
      <c r="N94179" s="10"/>
    </row>
    <row r="94180" spans="14:14">
      <c r="N94180" s="10"/>
    </row>
    <row r="94181" spans="14:14">
      <c r="N94181" s="10"/>
    </row>
    <row r="94182" spans="14:14">
      <c r="N94182" s="10"/>
    </row>
    <row r="94183" spans="14:14">
      <c r="N94183" s="10"/>
    </row>
    <row r="94184" spans="14:14">
      <c r="N94184" s="10"/>
    </row>
    <row r="94185" spans="14:14">
      <c r="N94185" s="10"/>
    </row>
    <row r="94186" spans="14:14">
      <c r="N94186" s="10"/>
    </row>
    <row r="94187" spans="14:14">
      <c r="N94187" s="10"/>
    </row>
    <row r="94188" spans="14:14">
      <c r="N94188" s="10"/>
    </row>
    <row r="94189" spans="14:14">
      <c r="N94189" s="10"/>
    </row>
    <row r="94190" spans="14:14">
      <c r="N94190" s="10"/>
    </row>
    <row r="94191" spans="14:14">
      <c r="N94191" s="10"/>
    </row>
    <row r="94192" spans="14:14">
      <c r="N94192" s="10"/>
    </row>
    <row r="94193" spans="14:14">
      <c r="N94193" s="10"/>
    </row>
    <row r="94194" spans="14:14">
      <c r="N94194" s="10"/>
    </row>
    <row r="94195" spans="14:14">
      <c r="N94195" s="10"/>
    </row>
    <row r="94196" spans="14:14">
      <c r="N94196" s="10"/>
    </row>
    <row r="94197" spans="14:14">
      <c r="N94197" s="10"/>
    </row>
    <row r="94198" spans="14:14">
      <c r="N94198" s="10"/>
    </row>
    <row r="94199" spans="14:14">
      <c r="N94199" s="10"/>
    </row>
    <row r="94200" spans="14:14">
      <c r="N94200" s="10"/>
    </row>
    <row r="94201" spans="14:14">
      <c r="N94201" s="10"/>
    </row>
    <row r="94202" spans="14:14">
      <c r="N94202" s="10"/>
    </row>
    <row r="94203" spans="14:14">
      <c r="N94203" s="10"/>
    </row>
    <row r="94204" spans="14:14">
      <c r="N94204" s="10"/>
    </row>
    <row r="94205" spans="14:14">
      <c r="N94205" s="10"/>
    </row>
    <row r="94206" spans="14:14">
      <c r="N94206" s="10"/>
    </row>
    <row r="94207" spans="14:14">
      <c r="N94207" s="10"/>
    </row>
    <row r="94208" spans="14:14">
      <c r="N94208" s="10"/>
    </row>
    <row r="94209" spans="14:14">
      <c r="N94209" s="10"/>
    </row>
    <row r="94210" spans="14:14">
      <c r="N94210" s="10"/>
    </row>
    <row r="94211" spans="14:14">
      <c r="N94211" s="10"/>
    </row>
    <row r="94212" spans="14:14">
      <c r="N94212" s="10"/>
    </row>
    <row r="94213" spans="14:14">
      <c r="N94213" s="10"/>
    </row>
    <row r="94214" spans="14:14">
      <c r="N94214" s="10"/>
    </row>
    <row r="94215" spans="14:14">
      <c r="N94215" s="10"/>
    </row>
    <row r="94216" spans="14:14">
      <c r="N94216" s="10"/>
    </row>
    <row r="94217" spans="14:14">
      <c r="N94217" s="10"/>
    </row>
    <row r="94218" spans="14:14">
      <c r="N94218" s="10"/>
    </row>
    <row r="94219" spans="14:14">
      <c r="N94219" s="10"/>
    </row>
    <row r="94220" spans="14:14">
      <c r="N94220" s="10"/>
    </row>
    <row r="94221" spans="14:14">
      <c r="N94221" s="10"/>
    </row>
    <row r="94222" spans="14:14">
      <c r="N94222" s="10"/>
    </row>
    <row r="94223" spans="14:14">
      <c r="N94223" s="10"/>
    </row>
    <row r="94224" spans="14:14">
      <c r="N94224" s="10"/>
    </row>
    <row r="94225" spans="14:14">
      <c r="N94225" s="10"/>
    </row>
    <row r="94226" spans="14:14">
      <c r="N94226" s="10"/>
    </row>
    <row r="94227" spans="14:14">
      <c r="N94227" s="10"/>
    </row>
    <row r="94228" spans="14:14">
      <c r="N94228" s="10"/>
    </row>
    <row r="94229" spans="14:14">
      <c r="N94229" s="10"/>
    </row>
    <row r="94230" spans="14:14">
      <c r="N94230" s="10"/>
    </row>
    <row r="94231" spans="14:14">
      <c r="N94231" s="10"/>
    </row>
    <row r="94232" spans="14:14">
      <c r="N94232" s="10"/>
    </row>
    <row r="94233" spans="14:14">
      <c r="N94233" s="10"/>
    </row>
    <row r="94234" spans="14:14">
      <c r="N94234" s="10"/>
    </row>
    <row r="94235" spans="14:14">
      <c r="N94235" s="10"/>
    </row>
    <row r="94236" spans="14:14">
      <c r="N94236" s="10"/>
    </row>
    <row r="94237" spans="14:14">
      <c r="N94237" s="10"/>
    </row>
    <row r="94238" spans="14:14">
      <c r="N94238" s="10"/>
    </row>
    <row r="94239" spans="14:14">
      <c r="N94239" s="10"/>
    </row>
    <row r="94240" spans="14:14">
      <c r="N94240" s="10"/>
    </row>
    <row r="94241" spans="14:14">
      <c r="N94241" s="10"/>
    </row>
    <row r="94242" spans="14:14">
      <c r="N94242" s="10"/>
    </row>
    <row r="94243" spans="14:14">
      <c r="N94243" s="10"/>
    </row>
    <row r="94244" spans="14:14">
      <c r="N94244" s="10"/>
    </row>
    <row r="94245" spans="14:14">
      <c r="N94245" s="10"/>
    </row>
    <row r="94246" spans="14:14">
      <c r="N94246" s="10"/>
    </row>
    <row r="94247" spans="14:14">
      <c r="N94247" s="10"/>
    </row>
    <row r="94248" spans="14:14">
      <c r="N94248" s="10"/>
    </row>
    <row r="94249" spans="14:14">
      <c r="N94249" s="10"/>
    </row>
    <row r="94250" spans="14:14">
      <c r="N94250" s="10"/>
    </row>
    <row r="94251" spans="14:14">
      <c r="N94251" s="10"/>
    </row>
    <row r="94252" spans="14:14">
      <c r="N94252" s="10"/>
    </row>
    <row r="94253" spans="14:14">
      <c r="N94253" s="10"/>
    </row>
    <row r="94254" spans="14:14">
      <c r="N94254" s="10"/>
    </row>
    <row r="94255" spans="14:14">
      <c r="N94255" s="10"/>
    </row>
    <row r="94256" spans="14:14">
      <c r="N94256" s="10"/>
    </row>
    <row r="94257" spans="14:14">
      <c r="N94257" s="10"/>
    </row>
    <row r="94258" spans="14:14">
      <c r="N94258" s="10"/>
    </row>
    <row r="94259" spans="14:14">
      <c r="N94259" s="10"/>
    </row>
    <row r="94260" spans="14:14">
      <c r="N94260" s="10"/>
    </row>
    <row r="94261" spans="14:14">
      <c r="N94261" s="10"/>
    </row>
    <row r="94262" spans="14:14">
      <c r="N94262" s="10"/>
    </row>
    <row r="94263" spans="14:14">
      <c r="N94263" s="10"/>
    </row>
    <row r="94264" spans="14:14">
      <c r="N94264" s="10"/>
    </row>
    <row r="94265" spans="14:14">
      <c r="N94265" s="10"/>
    </row>
    <row r="94266" spans="14:14">
      <c r="N94266" s="10"/>
    </row>
    <row r="94267" spans="14:14">
      <c r="N94267" s="10"/>
    </row>
    <row r="94268" spans="14:14">
      <c r="N94268" s="10"/>
    </row>
    <row r="94269" spans="14:14">
      <c r="N94269" s="10"/>
    </row>
    <row r="94270" spans="14:14">
      <c r="N94270" s="10"/>
    </row>
    <row r="94271" spans="14:14">
      <c r="N94271" s="10"/>
    </row>
    <row r="94272" spans="14:14">
      <c r="N94272" s="10"/>
    </row>
    <row r="94273" spans="14:14">
      <c r="N94273" s="10"/>
    </row>
    <row r="94274" spans="14:14">
      <c r="N94274" s="10"/>
    </row>
    <row r="94275" spans="14:14">
      <c r="N94275" s="10"/>
    </row>
    <row r="94276" spans="14:14">
      <c r="N94276" s="10"/>
    </row>
    <row r="94277" spans="14:14">
      <c r="N94277" s="10"/>
    </row>
    <row r="94278" spans="14:14">
      <c r="N94278" s="10"/>
    </row>
    <row r="94279" spans="14:14">
      <c r="N94279" s="10"/>
    </row>
    <row r="94280" spans="14:14">
      <c r="N94280" s="10"/>
    </row>
    <row r="94281" spans="14:14">
      <c r="N94281" s="10"/>
    </row>
    <row r="94282" spans="14:14">
      <c r="N94282" s="10"/>
    </row>
    <row r="94283" spans="14:14">
      <c r="N94283" s="10"/>
    </row>
    <row r="94284" spans="14:14">
      <c r="N94284" s="10"/>
    </row>
    <row r="94285" spans="14:14">
      <c r="N94285" s="10"/>
    </row>
    <row r="94286" spans="14:14">
      <c r="N94286" s="10"/>
    </row>
    <row r="94287" spans="14:14">
      <c r="N94287" s="10"/>
    </row>
    <row r="94288" spans="14:14">
      <c r="N94288" s="10"/>
    </row>
    <row r="94289" spans="14:14">
      <c r="N94289" s="10"/>
    </row>
    <row r="94290" spans="14:14">
      <c r="N94290" s="10"/>
    </row>
    <row r="94291" spans="14:14">
      <c r="N94291" s="10"/>
    </row>
    <row r="94292" spans="14:14">
      <c r="N94292" s="10"/>
    </row>
    <row r="94293" spans="14:14">
      <c r="N94293" s="10"/>
    </row>
    <row r="94294" spans="14:14">
      <c r="N94294" s="10"/>
    </row>
    <row r="94295" spans="14:14">
      <c r="N94295" s="10"/>
    </row>
    <row r="94296" spans="14:14">
      <c r="N94296" s="10"/>
    </row>
    <row r="94297" spans="14:14">
      <c r="N94297" s="10"/>
    </row>
    <row r="94298" spans="14:14">
      <c r="N94298" s="10"/>
    </row>
    <row r="94299" spans="14:14">
      <c r="N94299" s="10"/>
    </row>
    <row r="94300" spans="14:14">
      <c r="N94300" s="10"/>
    </row>
    <row r="94301" spans="14:14">
      <c r="N94301" s="10"/>
    </row>
    <row r="94302" spans="14:14">
      <c r="N94302" s="10"/>
    </row>
    <row r="94303" spans="14:14">
      <c r="N94303" s="10"/>
    </row>
    <row r="94304" spans="14:14">
      <c r="N94304" s="10"/>
    </row>
    <row r="94305" spans="14:14">
      <c r="N94305" s="10"/>
    </row>
    <row r="94306" spans="14:14">
      <c r="N94306" s="10"/>
    </row>
    <row r="94307" spans="14:14">
      <c r="N94307" s="10"/>
    </row>
    <row r="94308" spans="14:14">
      <c r="N94308" s="10"/>
    </row>
    <row r="94309" spans="14:14">
      <c r="N94309" s="10"/>
    </row>
    <row r="94310" spans="14:14">
      <c r="N94310" s="10"/>
    </row>
    <row r="94311" spans="14:14">
      <c r="N94311" s="10"/>
    </row>
    <row r="94312" spans="14:14">
      <c r="N94312" s="10"/>
    </row>
    <row r="94313" spans="14:14">
      <c r="N94313" s="10"/>
    </row>
    <row r="94314" spans="14:14">
      <c r="N94314" s="10"/>
    </row>
    <row r="94315" spans="14:14">
      <c r="N94315" s="10"/>
    </row>
    <row r="94316" spans="14:14">
      <c r="N94316" s="10"/>
    </row>
    <row r="94317" spans="14:14">
      <c r="N94317" s="10"/>
    </row>
    <row r="94318" spans="14:14">
      <c r="N94318" s="10"/>
    </row>
    <row r="94319" spans="14:14">
      <c r="N94319" s="10"/>
    </row>
    <row r="94320" spans="14:14">
      <c r="N94320" s="10"/>
    </row>
    <row r="94321" spans="14:14">
      <c r="N94321" s="10"/>
    </row>
    <row r="94322" spans="14:14">
      <c r="N94322" s="10"/>
    </row>
    <row r="94323" spans="14:14">
      <c r="N94323" s="10"/>
    </row>
    <row r="94324" spans="14:14">
      <c r="N94324" s="10"/>
    </row>
    <row r="94325" spans="14:14">
      <c r="N94325" s="10"/>
    </row>
    <row r="94326" spans="14:14">
      <c r="N94326" s="10"/>
    </row>
    <row r="94327" spans="14:14">
      <c r="N94327" s="10"/>
    </row>
    <row r="94328" spans="14:14">
      <c r="N94328" s="10"/>
    </row>
    <row r="94329" spans="14:14">
      <c r="N94329" s="10"/>
    </row>
    <row r="94330" spans="14:14">
      <c r="N94330" s="10"/>
    </row>
    <row r="94331" spans="14:14">
      <c r="N94331" s="10"/>
    </row>
    <row r="94332" spans="14:14">
      <c r="N94332" s="10"/>
    </row>
    <row r="94333" spans="14:14">
      <c r="N94333" s="10"/>
    </row>
    <row r="94334" spans="14:14">
      <c r="N94334" s="10"/>
    </row>
    <row r="94335" spans="14:14">
      <c r="N94335" s="10"/>
    </row>
    <row r="94336" spans="14:14">
      <c r="N94336" s="10"/>
    </row>
    <row r="94337" spans="14:14">
      <c r="N94337" s="10"/>
    </row>
    <row r="94338" spans="14:14">
      <c r="N94338" s="10"/>
    </row>
    <row r="94339" spans="14:14">
      <c r="N94339" s="10"/>
    </row>
    <row r="94340" spans="14:14">
      <c r="N94340" s="10"/>
    </row>
    <row r="94341" spans="14:14">
      <c r="N94341" s="10"/>
    </row>
    <row r="94342" spans="14:14">
      <c r="N94342" s="10"/>
    </row>
    <row r="94343" spans="14:14">
      <c r="N94343" s="10"/>
    </row>
    <row r="94344" spans="14:14">
      <c r="N94344" s="10"/>
    </row>
    <row r="94345" spans="14:14">
      <c r="N94345" s="10"/>
    </row>
    <row r="94346" spans="14:14">
      <c r="N94346" s="10"/>
    </row>
    <row r="94347" spans="14:14">
      <c r="N94347" s="10"/>
    </row>
    <row r="94348" spans="14:14">
      <c r="N94348" s="10"/>
    </row>
    <row r="94349" spans="14:14">
      <c r="N94349" s="10"/>
    </row>
    <row r="94350" spans="14:14">
      <c r="N94350" s="10"/>
    </row>
    <row r="94351" spans="14:14">
      <c r="N94351" s="10"/>
    </row>
    <row r="94352" spans="14:14">
      <c r="N94352" s="10"/>
    </row>
    <row r="94353" spans="14:14">
      <c r="N94353" s="10"/>
    </row>
    <row r="94354" spans="14:14">
      <c r="N94354" s="10"/>
    </row>
    <row r="94355" spans="14:14">
      <c r="N94355" s="10"/>
    </row>
    <row r="94356" spans="14:14">
      <c r="N94356" s="10"/>
    </row>
    <row r="94357" spans="14:14">
      <c r="N94357" s="10"/>
    </row>
    <row r="94358" spans="14:14">
      <c r="N94358" s="10"/>
    </row>
    <row r="94359" spans="14:14">
      <c r="N94359" s="10"/>
    </row>
    <row r="94360" spans="14:14">
      <c r="N94360" s="10"/>
    </row>
    <row r="94361" spans="14:14">
      <c r="N94361" s="10"/>
    </row>
    <row r="94362" spans="14:14">
      <c r="N94362" s="10"/>
    </row>
    <row r="94363" spans="14:14">
      <c r="N94363" s="10"/>
    </row>
    <row r="94364" spans="14:14">
      <c r="N94364" s="10"/>
    </row>
    <row r="94365" spans="14:14">
      <c r="N94365" s="10"/>
    </row>
    <row r="94366" spans="14:14">
      <c r="N94366" s="10"/>
    </row>
    <row r="94367" spans="14:14">
      <c r="N94367" s="10"/>
    </row>
    <row r="94368" spans="14:14">
      <c r="N94368" s="10"/>
    </row>
    <row r="94369" spans="14:14">
      <c r="N94369" s="10"/>
    </row>
    <row r="94370" spans="14:14">
      <c r="N94370" s="10"/>
    </row>
    <row r="94371" spans="14:14">
      <c r="N94371" s="10"/>
    </row>
    <row r="94372" spans="14:14">
      <c r="N94372" s="10"/>
    </row>
    <row r="94373" spans="14:14">
      <c r="N94373" s="10"/>
    </row>
    <row r="94374" spans="14:14">
      <c r="N94374" s="10"/>
    </row>
    <row r="94375" spans="14:14">
      <c r="N94375" s="10"/>
    </row>
    <row r="94376" spans="14:14">
      <c r="N94376" s="10"/>
    </row>
    <row r="94377" spans="14:14">
      <c r="N94377" s="10"/>
    </row>
    <row r="94378" spans="14:14">
      <c r="N94378" s="10"/>
    </row>
    <row r="94379" spans="14:14">
      <c r="N94379" s="10"/>
    </row>
    <row r="94380" spans="14:14">
      <c r="N94380" s="10"/>
    </row>
    <row r="94381" spans="14:14">
      <c r="N94381" s="10"/>
    </row>
    <row r="94382" spans="14:14">
      <c r="N94382" s="10"/>
    </row>
    <row r="94383" spans="14:14">
      <c r="N94383" s="10"/>
    </row>
    <row r="94384" spans="14:14">
      <c r="N94384" s="10"/>
    </row>
    <row r="94385" spans="14:14">
      <c r="N94385" s="10"/>
    </row>
    <row r="94386" spans="14:14">
      <c r="N94386" s="10"/>
    </row>
    <row r="94387" spans="14:14">
      <c r="N94387" s="10"/>
    </row>
    <row r="94388" spans="14:14">
      <c r="N94388" s="10"/>
    </row>
    <row r="94389" spans="14:14">
      <c r="N94389" s="10"/>
    </row>
    <row r="94390" spans="14:14">
      <c r="N94390" s="10"/>
    </row>
    <row r="94391" spans="14:14">
      <c r="N94391" s="10"/>
    </row>
    <row r="94392" spans="14:14">
      <c r="N94392" s="10"/>
    </row>
    <row r="94393" spans="14:14">
      <c r="N94393" s="10"/>
    </row>
    <row r="94394" spans="14:14">
      <c r="N94394" s="10"/>
    </row>
    <row r="94395" spans="14:14">
      <c r="N94395" s="10"/>
    </row>
    <row r="94396" spans="14:14">
      <c r="N94396" s="10"/>
    </row>
    <row r="94397" spans="14:14">
      <c r="N94397" s="10"/>
    </row>
    <row r="94398" spans="14:14">
      <c r="N94398" s="10"/>
    </row>
    <row r="94399" spans="14:14">
      <c r="N94399" s="10"/>
    </row>
    <row r="94400" spans="14:14">
      <c r="N94400" s="10"/>
    </row>
    <row r="94401" spans="14:14">
      <c r="N94401" s="10"/>
    </row>
    <row r="94402" spans="14:14">
      <c r="N94402" s="10"/>
    </row>
    <row r="94403" spans="14:14">
      <c r="N94403" s="10"/>
    </row>
    <row r="94404" spans="14:14">
      <c r="N94404" s="10"/>
    </row>
    <row r="94405" spans="14:14">
      <c r="N94405" s="10"/>
    </row>
    <row r="94406" spans="14:14">
      <c r="N94406" s="10"/>
    </row>
    <row r="94407" spans="14:14">
      <c r="N94407" s="10"/>
    </row>
    <row r="94408" spans="14:14">
      <c r="N94408" s="10"/>
    </row>
    <row r="94409" spans="14:14">
      <c r="N94409" s="10"/>
    </row>
    <row r="94410" spans="14:14">
      <c r="N94410" s="10"/>
    </row>
    <row r="94411" spans="14:14">
      <c r="N94411" s="10"/>
    </row>
    <row r="94412" spans="14:14">
      <c r="N94412" s="10"/>
    </row>
    <row r="94413" spans="14:14">
      <c r="N94413" s="10"/>
    </row>
    <row r="94414" spans="14:14">
      <c r="N94414" s="10"/>
    </row>
    <row r="94415" spans="14:14">
      <c r="N94415" s="10"/>
    </row>
    <row r="94416" spans="14:14">
      <c r="N94416" s="10"/>
    </row>
    <row r="94417" spans="14:14">
      <c r="N94417" s="10"/>
    </row>
    <row r="94418" spans="14:14">
      <c r="N94418" s="10"/>
    </row>
    <row r="94419" spans="14:14">
      <c r="N94419" s="10"/>
    </row>
    <row r="94420" spans="14:14">
      <c r="N94420" s="10"/>
    </row>
    <row r="94421" spans="14:14">
      <c r="N94421" s="10"/>
    </row>
    <row r="94422" spans="14:14">
      <c r="N94422" s="10"/>
    </row>
    <row r="94423" spans="14:14">
      <c r="N94423" s="10"/>
    </row>
    <row r="94424" spans="14:14">
      <c r="N94424" s="10"/>
    </row>
    <row r="94425" spans="14:14">
      <c r="N94425" s="10"/>
    </row>
    <row r="94426" spans="14:14">
      <c r="N94426" s="10"/>
    </row>
    <row r="94427" spans="14:14">
      <c r="N94427" s="10"/>
    </row>
    <row r="94428" spans="14:14">
      <c r="N94428" s="10"/>
    </row>
    <row r="94429" spans="14:14">
      <c r="N94429" s="10"/>
    </row>
    <row r="94430" spans="14:14">
      <c r="N94430" s="10"/>
    </row>
    <row r="94431" spans="14:14">
      <c r="N94431" s="10"/>
    </row>
    <row r="94432" spans="14:14">
      <c r="N94432" s="10"/>
    </row>
    <row r="94433" spans="14:14">
      <c r="N94433" s="10"/>
    </row>
    <row r="94434" spans="14:14">
      <c r="N94434" s="10"/>
    </row>
    <row r="94435" spans="14:14">
      <c r="N94435" s="10"/>
    </row>
    <row r="94436" spans="14:14">
      <c r="N94436" s="10"/>
    </row>
    <row r="94437" spans="14:14">
      <c r="N94437" s="10"/>
    </row>
    <row r="94438" spans="14:14">
      <c r="N94438" s="10"/>
    </row>
    <row r="94439" spans="14:14">
      <c r="N94439" s="10"/>
    </row>
    <row r="94440" spans="14:14">
      <c r="N94440" s="10"/>
    </row>
    <row r="94441" spans="14:14">
      <c r="N94441" s="10"/>
    </row>
    <row r="94442" spans="14:14">
      <c r="N94442" s="10"/>
    </row>
    <row r="94443" spans="14:14">
      <c r="N94443" s="10"/>
    </row>
    <row r="94444" spans="14:14">
      <c r="N94444" s="10"/>
    </row>
    <row r="94445" spans="14:14">
      <c r="N94445" s="10"/>
    </row>
    <row r="94446" spans="14:14">
      <c r="N94446" s="10"/>
    </row>
    <row r="94447" spans="14:14">
      <c r="N94447" s="10"/>
    </row>
    <row r="94448" spans="14:14">
      <c r="N94448" s="10"/>
    </row>
    <row r="94449" spans="14:14">
      <c r="N94449" s="10"/>
    </row>
    <row r="94450" spans="14:14">
      <c r="N94450" s="10"/>
    </row>
    <row r="94451" spans="14:14">
      <c r="N94451" s="10"/>
    </row>
    <row r="94452" spans="14:14">
      <c r="N94452" s="10"/>
    </row>
    <row r="94453" spans="14:14">
      <c r="N94453" s="10"/>
    </row>
    <row r="94454" spans="14:14">
      <c r="N94454" s="10"/>
    </row>
    <row r="94455" spans="14:14">
      <c r="N94455" s="10"/>
    </row>
    <row r="94456" spans="14:14">
      <c r="N94456" s="10"/>
    </row>
    <row r="94457" spans="14:14">
      <c r="N94457" s="10"/>
    </row>
    <row r="94458" spans="14:14">
      <c r="N94458" s="10"/>
    </row>
    <row r="94459" spans="14:14">
      <c r="N94459" s="10"/>
    </row>
    <row r="94460" spans="14:14">
      <c r="N94460" s="10"/>
    </row>
    <row r="94461" spans="14:14">
      <c r="N94461" s="10"/>
    </row>
    <row r="94462" spans="14:14">
      <c r="N94462" s="10"/>
    </row>
    <row r="94463" spans="14:14">
      <c r="N94463" s="10"/>
    </row>
    <row r="94464" spans="14:14">
      <c r="N94464" s="10"/>
    </row>
    <row r="94465" spans="14:14">
      <c r="N94465" s="10"/>
    </row>
    <row r="94466" spans="14:14">
      <c r="N94466" s="10"/>
    </row>
    <row r="94467" spans="14:14">
      <c r="N94467" s="10"/>
    </row>
    <row r="94468" spans="14:14">
      <c r="N94468" s="10"/>
    </row>
    <row r="94469" spans="14:14">
      <c r="N94469" s="10"/>
    </row>
    <row r="94470" spans="14:14">
      <c r="N94470" s="10"/>
    </row>
    <row r="94471" spans="14:14">
      <c r="N94471" s="10"/>
    </row>
    <row r="94472" spans="14:14">
      <c r="N94472" s="10"/>
    </row>
    <row r="94473" spans="14:14">
      <c r="N94473" s="10"/>
    </row>
    <row r="94474" spans="14:14">
      <c r="N94474" s="10"/>
    </row>
    <row r="94475" spans="14:14">
      <c r="N94475" s="10"/>
    </row>
    <row r="94476" spans="14:14">
      <c r="N94476" s="10"/>
    </row>
    <row r="94477" spans="14:14">
      <c r="N94477" s="10"/>
    </row>
    <row r="94478" spans="14:14">
      <c r="N94478" s="10"/>
    </row>
    <row r="94479" spans="14:14">
      <c r="N94479" s="10"/>
    </row>
    <row r="94480" spans="14:14">
      <c r="N94480" s="10"/>
    </row>
    <row r="94481" spans="14:14">
      <c r="N94481" s="10"/>
    </row>
    <row r="94482" spans="14:14">
      <c r="N94482" s="10"/>
    </row>
    <row r="94483" spans="14:14">
      <c r="N94483" s="10"/>
    </row>
    <row r="94484" spans="14:14">
      <c r="N94484" s="10"/>
    </row>
    <row r="94485" spans="14:14">
      <c r="N94485" s="10"/>
    </row>
    <row r="94486" spans="14:14">
      <c r="N94486" s="10"/>
    </row>
    <row r="94487" spans="14:14">
      <c r="N94487" s="10"/>
    </row>
    <row r="94488" spans="14:14">
      <c r="N94488" s="10"/>
    </row>
    <row r="94489" spans="14:14">
      <c r="N94489" s="10"/>
    </row>
    <row r="94490" spans="14:14">
      <c r="N94490" s="10"/>
    </row>
    <row r="94491" spans="14:14">
      <c r="N94491" s="10"/>
    </row>
    <row r="94492" spans="14:14">
      <c r="N94492" s="10"/>
    </row>
    <row r="94493" spans="14:14">
      <c r="N94493" s="10"/>
    </row>
    <row r="94494" spans="14:14">
      <c r="N94494" s="10"/>
    </row>
    <row r="94495" spans="14:14">
      <c r="N94495" s="10"/>
    </row>
    <row r="94496" spans="14:14">
      <c r="N94496" s="10"/>
    </row>
    <row r="94497" spans="14:14">
      <c r="N94497" s="10"/>
    </row>
    <row r="94498" spans="14:14">
      <c r="N94498" s="10"/>
    </row>
    <row r="94499" spans="14:14">
      <c r="N94499" s="10"/>
    </row>
    <row r="94500" spans="14:14">
      <c r="N94500" s="10"/>
    </row>
    <row r="94501" spans="14:14">
      <c r="N94501" s="10"/>
    </row>
    <row r="94502" spans="14:14">
      <c r="N94502" s="10"/>
    </row>
    <row r="94503" spans="14:14">
      <c r="N94503" s="10"/>
    </row>
    <row r="94504" spans="14:14">
      <c r="N94504" s="10"/>
    </row>
    <row r="94505" spans="14:14">
      <c r="N94505" s="10"/>
    </row>
    <row r="94506" spans="14:14">
      <c r="N94506" s="10"/>
    </row>
    <row r="94507" spans="14:14">
      <c r="N94507" s="10"/>
    </row>
    <row r="94508" spans="14:14">
      <c r="N94508" s="10"/>
    </row>
    <row r="94509" spans="14:14">
      <c r="N94509" s="10"/>
    </row>
    <row r="94510" spans="14:14">
      <c r="N94510" s="10"/>
    </row>
    <row r="94511" spans="14:14">
      <c r="N94511" s="10"/>
    </row>
    <row r="94512" spans="14:14">
      <c r="N94512" s="10"/>
    </row>
    <row r="94513" spans="14:14">
      <c r="N94513" s="10"/>
    </row>
    <row r="94514" spans="14:14">
      <c r="N94514" s="10"/>
    </row>
    <row r="94515" spans="14:14">
      <c r="N94515" s="10"/>
    </row>
    <row r="94516" spans="14:14">
      <c r="N94516" s="10"/>
    </row>
    <row r="94517" spans="14:14">
      <c r="N94517" s="10"/>
    </row>
    <row r="94518" spans="14:14">
      <c r="N94518" s="10"/>
    </row>
    <row r="94519" spans="14:14">
      <c r="N94519" s="10"/>
    </row>
    <row r="94520" spans="14:14">
      <c r="N94520" s="10"/>
    </row>
    <row r="94521" spans="14:14">
      <c r="N94521" s="10"/>
    </row>
    <row r="94522" spans="14:14">
      <c r="N94522" s="10"/>
    </row>
    <row r="94523" spans="14:14">
      <c r="N94523" s="10"/>
    </row>
    <row r="94524" spans="14:14">
      <c r="N94524" s="10"/>
    </row>
    <row r="94525" spans="14:14">
      <c r="N94525" s="10"/>
    </row>
    <row r="94526" spans="14:14">
      <c r="N94526" s="10"/>
    </row>
    <row r="94527" spans="14:14">
      <c r="N94527" s="10"/>
    </row>
    <row r="94528" spans="14:14">
      <c r="N94528" s="10"/>
    </row>
    <row r="94529" spans="14:14">
      <c r="N94529" s="10"/>
    </row>
    <row r="94530" spans="14:14">
      <c r="N94530" s="10"/>
    </row>
    <row r="94531" spans="14:14">
      <c r="N94531" s="10"/>
    </row>
    <row r="94532" spans="14:14">
      <c r="N94532" s="10"/>
    </row>
    <row r="94533" spans="14:14">
      <c r="N94533" s="10"/>
    </row>
    <row r="94534" spans="14:14">
      <c r="N94534" s="10"/>
    </row>
    <row r="94535" spans="14:14">
      <c r="N94535" s="10"/>
    </row>
    <row r="94536" spans="14:14">
      <c r="N94536" s="10"/>
    </row>
    <row r="94537" spans="14:14">
      <c r="N94537" s="10"/>
    </row>
    <row r="94538" spans="14:14">
      <c r="N94538" s="10"/>
    </row>
    <row r="94539" spans="14:14">
      <c r="N94539" s="10"/>
    </row>
    <row r="94540" spans="14:14">
      <c r="N94540" s="10"/>
    </row>
    <row r="94541" spans="14:14">
      <c r="N94541" s="10"/>
    </row>
    <row r="94542" spans="14:14">
      <c r="N94542" s="10"/>
    </row>
    <row r="94543" spans="14:14">
      <c r="N94543" s="10"/>
    </row>
    <row r="94544" spans="14:14">
      <c r="N94544" s="10"/>
    </row>
    <row r="94545" spans="14:14">
      <c r="N94545" s="10"/>
    </row>
    <row r="94546" spans="14:14">
      <c r="N94546" s="10"/>
    </row>
    <row r="94547" spans="14:14">
      <c r="N94547" s="10"/>
    </row>
    <row r="94548" spans="14:14">
      <c r="N94548" s="10"/>
    </row>
    <row r="94549" spans="14:14">
      <c r="N94549" s="10"/>
    </row>
    <row r="94550" spans="14:14">
      <c r="N94550" s="10"/>
    </row>
    <row r="94551" spans="14:14">
      <c r="N94551" s="10"/>
    </row>
    <row r="94552" spans="14:14">
      <c r="N94552" s="10"/>
    </row>
    <row r="94553" spans="14:14">
      <c r="N94553" s="10"/>
    </row>
    <row r="94554" spans="14:14">
      <c r="N94554" s="10"/>
    </row>
    <row r="94555" spans="14:14">
      <c r="N94555" s="10"/>
    </row>
    <row r="94556" spans="14:14">
      <c r="N94556" s="10"/>
    </row>
    <row r="94557" spans="14:14">
      <c r="N94557" s="10"/>
    </row>
    <row r="94558" spans="14:14">
      <c r="N94558" s="10"/>
    </row>
    <row r="94559" spans="14:14">
      <c r="N94559" s="10"/>
    </row>
    <row r="94560" spans="14:14">
      <c r="N94560" s="10"/>
    </row>
    <row r="94561" spans="14:14">
      <c r="N94561" s="10"/>
    </row>
    <row r="94562" spans="14:14">
      <c r="N94562" s="10"/>
    </row>
    <row r="94563" spans="14:14">
      <c r="N94563" s="10"/>
    </row>
    <row r="94564" spans="14:14">
      <c r="N94564" s="10"/>
    </row>
    <row r="94565" spans="14:14">
      <c r="N94565" s="10"/>
    </row>
    <row r="94566" spans="14:14">
      <c r="N94566" s="10"/>
    </row>
    <row r="94567" spans="14:14">
      <c r="N94567" s="10"/>
    </row>
    <row r="94568" spans="14:14">
      <c r="N94568" s="10"/>
    </row>
    <row r="94569" spans="14:14">
      <c r="N94569" s="10"/>
    </row>
    <row r="94570" spans="14:14">
      <c r="N94570" s="10"/>
    </row>
    <row r="94571" spans="14:14">
      <c r="N94571" s="10"/>
    </row>
    <row r="94572" spans="14:14">
      <c r="N94572" s="10"/>
    </row>
    <row r="94573" spans="14:14">
      <c r="N94573" s="10"/>
    </row>
    <row r="94574" spans="14:14">
      <c r="N94574" s="10"/>
    </row>
    <row r="94575" spans="14:14">
      <c r="N94575" s="10"/>
    </row>
    <row r="94576" spans="14:14">
      <c r="N94576" s="10"/>
    </row>
    <row r="94577" spans="14:14">
      <c r="N94577" s="10"/>
    </row>
    <row r="94578" spans="14:14">
      <c r="N94578" s="10"/>
    </row>
    <row r="94579" spans="14:14">
      <c r="N94579" s="10"/>
    </row>
    <row r="94580" spans="14:14">
      <c r="N94580" s="10"/>
    </row>
    <row r="94581" spans="14:14">
      <c r="N94581" s="10"/>
    </row>
    <row r="94582" spans="14:14">
      <c r="N94582" s="10"/>
    </row>
    <row r="94583" spans="14:14">
      <c r="N94583" s="10"/>
    </row>
    <row r="94584" spans="14:14">
      <c r="N94584" s="10"/>
    </row>
    <row r="94585" spans="14:14">
      <c r="N94585" s="10"/>
    </row>
    <row r="94586" spans="14:14">
      <c r="N94586" s="10"/>
    </row>
    <row r="94587" spans="14:14">
      <c r="N94587" s="10"/>
    </row>
    <row r="94588" spans="14:14">
      <c r="N94588" s="10"/>
    </row>
    <row r="94589" spans="14:14">
      <c r="N94589" s="10"/>
    </row>
    <row r="94590" spans="14:14">
      <c r="N94590" s="10"/>
    </row>
    <row r="94591" spans="14:14">
      <c r="N94591" s="10"/>
    </row>
    <row r="94592" spans="14:14">
      <c r="N94592" s="10"/>
    </row>
    <row r="94593" spans="14:14">
      <c r="N94593" s="10"/>
    </row>
    <row r="94594" spans="14:14">
      <c r="N94594" s="10"/>
    </row>
    <row r="94595" spans="14:14">
      <c r="N94595" s="10"/>
    </row>
    <row r="94596" spans="14:14">
      <c r="N94596" s="10"/>
    </row>
    <row r="94597" spans="14:14">
      <c r="N94597" s="10"/>
    </row>
    <row r="94598" spans="14:14">
      <c r="N94598" s="10"/>
    </row>
    <row r="94599" spans="14:14">
      <c r="N94599" s="10"/>
    </row>
    <row r="94600" spans="14:14">
      <c r="N94600" s="10"/>
    </row>
    <row r="94601" spans="14:14">
      <c r="N94601" s="10"/>
    </row>
    <row r="94602" spans="14:14">
      <c r="N94602" s="10"/>
    </row>
    <row r="94603" spans="14:14">
      <c r="N94603" s="10"/>
    </row>
    <row r="94604" spans="14:14">
      <c r="N94604" s="10"/>
    </row>
    <row r="94605" spans="14:14">
      <c r="N94605" s="10"/>
    </row>
    <row r="94606" spans="14:14">
      <c r="N94606" s="10"/>
    </row>
    <row r="94607" spans="14:14">
      <c r="N94607" s="10"/>
    </row>
    <row r="94608" spans="14:14">
      <c r="N94608" s="10"/>
    </row>
    <row r="94609" spans="14:14">
      <c r="N94609" s="10"/>
    </row>
    <row r="94610" spans="14:14">
      <c r="N94610" s="10"/>
    </row>
    <row r="94611" spans="14:14">
      <c r="N94611" s="10"/>
    </row>
    <row r="94612" spans="14:14">
      <c r="N94612" s="10"/>
    </row>
    <row r="94613" spans="14:14">
      <c r="N94613" s="10"/>
    </row>
    <row r="94614" spans="14:14">
      <c r="N94614" s="10"/>
    </row>
    <row r="94615" spans="14:14">
      <c r="N94615" s="10"/>
    </row>
    <row r="94616" spans="14:14">
      <c r="N94616" s="10"/>
    </row>
    <row r="94617" spans="14:14">
      <c r="N94617" s="10"/>
    </row>
    <row r="94618" spans="14:14">
      <c r="N94618" s="10"/>
    </row>
    <row r="94619" spans="14:14">
      <c r="N94619" s="10"/>
    </row>
    <row r="94620" spans="14:14">
      <c r="N94620" s="10"/>
    </row>
    <row r="94621" spans="14:14">
      <c r="N94621" s="10"/>
    </row>
    <row r="94622" spans="14:14">
      <c r="N94622" s="10"/>
    </row>
    <row r="94623" spans="14:14">
      <c r="N94623" s="10"/>
    </row>
    <row r="94624" spans="14:14">
      <c r="N94624" s="10"/>
    </row>
    <row r="94625" spans="14:14">
      <c r="N94625" s="10"/>
    </row>
    <row r="94626" spans="14:14">
      <c r="N94626" s="10"/>
    </row>
    <row r="94627" spans="14:14">
      <c r="N94627" s="10"/>
    </row>
    <row r="94628" spans="14:14">
      <c r="N94628" s="10"/>
    </row>
    <row r="94629" spans="14:14">
      <c r="N94629" s="10"/>
    </row>
    <row r="94630" spans="14:14">
      <c r="N94630" s="10"/>
    </row>
    <row r="94631" spans="14:14">
      <c r="N94631" s="10"/>
    </row>
    <row r="94632" spans="14:14">
      <c r="N94632" s="10"/>
    </row>
    <row r="94633" spans="14:14">
      <c r="N94633" s="10"/>
    </row>
    <row r="94634" spans="14:14">
      <c r="N94634" s="10"/>
    </row>
    <row r="94635" spans="14:14">
      <c r="N94635" s="10"/>
    </row>
    <row r="94636" spans="14:14">
      <c r="N94636" s="10"/>
    </row>
    <row r="94637" spans="14:14">
      <c r="N94637" s="10"/>
    </row>
    <row r="94638" spans="14:14">
      <c r="N94638" s="10"/>
    </row>
    <row r="94639" spans="14:14">
      <c r="N94639" s="10"/>
    </row>
    <row r="94640" spans="14:14">
      <c r="N94640" s="10"/>
    </row>
    <row r="94641" spans="14:14">
      <c r="N94641" s="10"/>
    </row>
    <row r="94642" spans="14:14">
      <c r="N94642" s="10"/>
    </row>
    <row r="94643" spans="14:14">
      <c r="N94643" s="10"/>
    </row>
    <row r="94644" spans="14:14">
      <c r="N94644" s="10"/>
    </row>
    <row r="94645" spans="14:14">
      <c r="N94645" s="10"/>
    </row>
    <row r="94646" spans="14:14">
      <c r="N94646" s="10"/>
    </row>
    <row r="94647" spans="14:14">
      <c r="N94647" s="10"/>
    </row>
    <row r="94648" spans="14:14">
      <c r="N94648" s="10"/>
    </row>
    <row r="94649" spans="14:14">
      <c r="N94649" s="10"/>
    </row>
    <row r="94650" spans="14:14">
      <c r="N94650" s="10"/>
    </row>
    <row r="94651" spans="14:14">
      <c r="N94651" s="10"/>
    </row>
    <row r="94652" spans="14:14">
      <c r="N94652" s="10"/>
    </row>
    <row r="94653" spans="14:14">
      <c r="N94653" s="10"/>
    </row>
    <row r="94654" spans="14:14">
      <c r="N94654" s="10"/>
    </row>
    <row r="94655" spans="14:14">
      <c r="N94655" s="10"/>
    </row>
    <row r="94656" spans="14:14">
      <c r="N94656" s="10"/>
    </row>
    <row r="94657" spans="14:14">
      <c r="N94657" s="10"/>
    </row>
    <row r="94658" spans="14:14">
      <c r="N94658" s="10"/>
    </row>
    <row r="94659" spans="14:14">
      <c r="N94659" s="10"/>
    </row>
    <row r="94660" spans="14:14">
      <c r="N94660" s="10"/>
    </row>
    <row r="94661" spans="14:14">
      <c r="N94661" s="10"/>
    </row>
    <row r="94662" spans="14:14">
      <c r="N94662" s="10"/>
    </row>
    <row r="94663" spans="14:14">
      <c r="N94663" s="10"/>
    </row>
    <row r="94664" spans="14:14">
      <c r="N94664" s="10"/>
    </row>
    <row r="94665" spans="14:14">
      <c r="N94665" s="10"/>
    </row>
    <row r="94666" spans="14:14">
      <c r="N94666" s="10"/>
    </row>
    <row r="94667" spans="14:14">
      <c r="N94667" s="10"/>
    </row>
    <row r="94668" spans="14:14">
      <c r="N94668" s="10"/>
    </row>
    <row r="94669" spans="14:14">
      <c r="N94669" s="10"/>
    </row>
    <row r="94670" spans="14:14">
      <c r="N94670" s="10"/>
    </row>
    <row r="94671" spans="14:14">
      <c r="N94671" s="10"/>
    </row>
    <row r="94672" spans="14:14">
      <c r="N94672" s="10"/>
    </row>
    <row r="94673" spans="14:14">
      <c r="N94673" s="10"/>
    </row>
    <row r="94674" spans="14:14">
      <c r="N94674" s="10"/>
    </row>
    <row r="94675" spans="14:14">
      <c r="N94675" s="10"/>
    </row>
    <row r="94676" spans="14:14">
      <c r="N94676" s="10"/>
    </row>
    <row r="94677" spans="14:14">
      <c r="N94677" s="10"/>
    </row>
    <row r="94678" spans="14:14">
      <c r="N94678" s="10"/>
    </row>
    <row r="94679" spans="14:14">
      <c r="N94679" s="10"/>
    </row>
    <row r="94680" spans="14:14">
      <c r="N94680" s="10"/>
    </row>
    <row r="94681" spans="14:14">
      <c r="N94681" s="10"/>
    </row>
    <row r="94682" spans="14:14">
      <c r="N94682" s="10"/>
    </row>
    <row r="94683" spans="14:14">
      <c r="N94683" s="10"/>
    </row>
    <row r="94684" spans="14:14">
      <c r="N94684" s="10"/>
    </row>
    <row r="94685" spans="14:14">
      <c r="N94685" s="10"/>
    </row>
    <row r="94686" spans="14:14">
      <c r="N94686" s="10"/>
    </row>
    <row r="94687" spans="14:14">
      <c r="N94687" s="10"/>
    </row>
    <row r="94688" spans="14:14">
      <c r="N94688" s="10"/>
    </row>
    <row r="94689" spans="14:14">
      <c r="N94689" s="10"/>
    </row>
    <row r="94690" spans="14:14">
      <c r="N94690" s="10"/>
    </row>
    <row r="94691" spans="14:14">
      <c r="N94691" s="10"/>
    </row>
    <row r="94692" spans="14:14">
      <c r="N94692" s="10"/>
    </row>
    <row r="94693" spans="14:14">
      <c r="N94693" s="10"/>
    </row>
    <row r="94694" spans="14:14">
      <c r="N94694" s="10"/>
    </row>
    <row r="94695" spans="14:14">
      <c r="N94695" s="10"/>
    </row>
    <row r="94696" spans="14:14">
      <c r="N94696" s="10"/>
    </row>
    <row r="94697" spans="14:14">
      <c r="N94697" s="10"/>
    </row>
    <row r="94698" spans="14:14">
      <c r="N94698" s="10"/>
    </row>
    <row r="94699" spans="14:14">
      <c r="N94699" s="10"/>
    </row>
    <row r="94700" spans="14:14">
      <c r="N94700" s="10"/>
    </row>
    <row r="94701" spans="14:14">
      <c r="N94701" s="10"/>
    </row>
    <row r="94702" spans="14:14">
      <c r="N94702" s="10"/>
    </row>
    <row r="94703" spans="14:14">
      <c r="N94703" s="10"/>
    </row>
    <row r="94704" spans="14:14">
      <c r="N94704" s="10"/>
    </row>
    <row r="94705" spans="14:14">
      <c r="N94705" s="10"/>
    </row>
    <row r="94706" spans="14:14">
      <c r="N94706" s="10"/>
    </row>
    <row r="94707" spans="14:14">
      <c r="N94707" s="10"/>
    </row>
    <row r="94708" spans="14:14">
      <c r="N94708" s="10"/>
    </row>
    <row r="94709" spans="14:14">
      <c r="N94709" s="10"/>
    </row>
    <row r="94710" spans="14:14">
      <c r="N94710" s="10"/>
    </row>
    <row r="94711" spans="14:14">
      <c r="N94711" s="10"/>
    </row>
    <row r="94712" spans="14:14">
      <c r="N94712" s="10"/>
    </row>
    <row r="94713" spans="14:14">
      <c r="N94713" s="10"/>
    </row>
    <row r="94714" spans="14:14">
      <c r="N94714" s="10"/>
    </row>
    <row r="94715" spans="14:14">
      <c r="N94715" s="10"/>
    </row>
    <row r="94716" spans="14:14">
      <c r="N94716" s="10"/>
    </row>
    <row r="94717" spans="14:14">
      <c r="N94717" s="10"/>
    </row>
    <row r="94718" spans="14:14">
      <c r="N94718" s="10"/>
    </row>
    <row r="94719" spans="14:14">
      <c r="N94719" s="10"/>
    </row>
    <row r="94720" spans="14:14">
      <c r="N94720" s="10"/>
    </row>
    <row r="94721" spans="14:14">
      <c r="N94721" s="10"/>
    </row>
    <row r="94722" spans="14:14">
      <c r="N94722" s="10"/>
    </row>
    <row r="94723" spans="14:14">
      <c r="N94723" s="10"/>
    </row>
    <row r="94724" spans="14:14">
      <c r="N94724" s="10"/>
    </row>
    <row r="94725" spans="14:14">
      <c r="N94725" s="10"/>
    </row>
    <row r="94726" spans="14:14">
      <c r="N94726" s="10"/>
    </row>
    <row r="94727" spans="14:14">
      <c r="N94727" s="10"/>
    </row>
    <row r="94728" spans="14:14">
      <c r="N94728" s="10"/>
    </row>
    <row r="94729" spans="14:14">
      <c r="N94729" s="10"/>
    </row>
    <row r="94730" spans="14:14">
      <c r="N94730" s="10"/>
    </row>
    <row r="94731" spans="14:14">
      <c r="N94731" s="10"/>
    </row>
    <row r="94732" spans="14:14">
      <c r="N94732" s="10"/>
    </row>
    <row r="94733" spans="14:14">
      <c r="N94733" s="10"/>
    </row>
    <row r="94734" spans="14:14">
      <c r="N94734" s="10"/>
    </row>
    <row r="94735" spans="14:14">
      <c r="N94735" s="10"/>
    </row>
    <row r="94736" spans="14:14">
      <c r="N94736" s="10"/>
    </row>
    <row r="94737" spans="14:14">
      <c r="N94737" s="10"/>
    </row>
    <row r="94738" spans="14:14">
      <c r="N94738" s="10"/>
    </row>
    <row r="94739" spans="14:14">
      <c r="N94739" s="10"/>
    </row>
    <row r="94740" spans="14:14">
      <c r="N94740" s="10"/>
    </row>
    <row r="94741" spans="14:14">
      <c r="N94741" s="10"/>
    </row>
    <row r="94742" spans="14:14">
      <c r="N94742" s="10"/>
    </row>
    <row r="94743" spans="14:14">
      <c r="N94743" s="10"/>
    </row>
    <row r="94744" spans="14:14">
      <c r="N94744" s="10"/>
    </row>
    <row r="94745" spans="14:14">
      <c r="N94745" s="10"/>
    </row>
    <row r="94746" spans="14:14">
      <c r="N94746" s="10"/>
    </row>
    <row r="94747" spans="14:14">
      <c r="N94747" s="10"/>
    </row>
    <row r="94748" spans="14:14">
      <c r="N94748" s="10"/>
    </row>
    <row r="94749" spans="14:14">
      <c r="N94749" s="10"/>
    </row>
    <row r="94750" spans="14:14">
      <c r="N94750" s="10"/>
    </row>
    <row r="94751" spans="14:14">
      <c r="N94751" s="10"/>
    </row>
    <row r="94752" spans="14:14">
      <c r="N94752" s="10"/>
    </row>
    <row r="94753" spans="14:14">
      <c r="N94753" s="10"/>
    </row>
    <row r="94754" spans="14:14">
      <c r="N94754" s="10"/>
    </row>
    <row r="94755" spans="14:14">
      <c r="N94755" s="10"/>
    </row>
    <row r="94756" spans="14:14">
      <c r="N94756" s="10"/>
    </row>
    <row r="94757" spans="14:14">
      <c r="N94757" s="10"/>
    </row>
    <row r="94758" spans="14:14">
      <c r="N94758" s="10"/>
    </row>
    <row r="94759" spans="14:14">
      <c r="N94759" s="10"/>
    </row>
    <row r="94760" spans="14:14">
      <c r="N94760" s="10"/>
    </row>
    <row r="94761" spans="14:14">
      <c r="N94761" s="10"/>
    </row>
    <row r="94762" spans="14:14">
      <c r="N94762" s="10"/>
    </row>
    <row r="94763" spans="14:14">
      <c r="N94763" s="10"/>
    </row>
    <row r="94764" spans="14:14">
      <c r="N94764" s="10"/>
    </row>
    <row r="94765" spans="14:14">
      <c r="N94765" s="10"/>
    </row>
    <row r="94766" spans="14:14">
      <c r="N94766" s="10"/>
    </row>
    <row r="94767" spans="14:14">
      <c r="N94767" s="10"/>
    </row>
    <row r="94768" spans="14:14">
      <c r="N94768" s="10"/>
    </row>
    <row r="94769" spans="14:14">
      <c r="N94769" s="10"/>
    </row>
    <row r="94770" spans="14:14">
      <c r="N94770" s="10"/>
    </row>
    <row r="94771" spans="14:14">
      <c r="N94771" s="10"/>
    </row>
    <row r="94772" spans="14:14">
      <c r="N94772" s="10"/>
    </row>
    <row r="94773" spans="14:14">
      <c r="N94773" s="10"/>
    </row>
    <row r="94774" spans="14:14">
      <c r="N94774" s="10"/>
    </row>
    <row r="94775" spans="14:14">
      <c r="N94775" s="10"/>
    </row>
    <row r="94776" spans="14:14">
      <c r="N94776" s="10"/>
    </row>
    <row r="94777" spans="14:14">
      <c r="N94777" s="10"/>
    </row>
    <row r="94778" spans="14:14">
      <c r="N94778" s="10"/>
    </row>
    <row r="94779" spans="14:14">
      <c r="N94779" s="10"/>
    </row>
    <row r="94780" spans="14:14">
      <c r="N94780" s="10"/>
    </row>
    <row r="94781" spans="14:14">
      <c r="N94781" s="10"/>
    </row>
    <row r="94782" spans="14:14">
      <c r="N94782" s="10"/>
    </row>
    <row r="94783" spans="14:14">
      <c r="N94783" s="10"/>
    </row>
    <row r="94784" spans="14:14">
      <c r="N94784" s="10"/>
    </row>
    <row r="94785" spans="14:14">
      <c r="N94785" s="10"/>
    </row>
    <row r="94786" spans="14:14">
      <c r="N94786" s="10"/>
    </row>
    <row r="94787" spans="14:14">
      <c r="N94787" s="10"/>
    </row>
    <row r="94788" spans="14:14">
      <c r="N94788" s="10"/>
    </row>
    <row r="94789" spans="14:14">
      <c r="N94789" s="10"/>
    </row>
    <row r="94790" spans="14:14">
      <c r="N94790" s="10"/>
    </row>
    <row r="94791" spans="14:14">
      <c r="N94791" s="10"/>
    </row>
    <row r="94792" spans="14:14">
      <c r="N94792" s="10"/>
    </row>
    <row r="94793" spans="14:14">
      <c r="N94793" s="10"/>
    </row>
    <row r="94794" spans="14:14">
      <c r="N94794" s="10"/>
    </row>
    <row r="94795" spans="14:14">
      <c r="N94795" s="10"/>
    </row>
    <row r="94796" spans="14:14">
      <c r="N94796" s="10"/>
    </row>
    <row r="94797" spans="14:14">
      <c r="N94797" s="10"/>
    </row>
    <row r="94798" spans="14:14">
      <c r="N94798" s="10"/>
    </row>
    <row r="94799" spans="14:14">
      <c r="N94799" s="10"/>
    </row>
    <row r="94800" spans="14:14">
      <c r="N94800" s="10"/>
    </row>
    <row r="94801" spans="14:14">
      <c r="N94801" s="10"/>
    </row>
    <row r="94802" spans="14:14">
      <c r="N94802" s="10"/>
    </row>
    <row r="94803" spans="14:14">
      <c r="N94803" s="10"/>
    </row>
    <row r="94804" spans="14:14">
      <c r="N94804" s="10"/>
    </row>
    <row r="94805" spans="14:14">
      <c r="N94805" s="10"/>
    </row>
    <row r="94806" spans="14:14">
      <c r="N94806" s="10"/>
    </row>
    <row r="94807" spans="14:14">
      <c r="N94807" s="10"/>
    </row>
    <row r="94808" spans="14:14">
      <c r="N94808" s="10"/>
    </row>
    <row r="94809" spans="14:14">
      <c r="N94809" s="10"/>
    </row>
    <row r="94810" spans="14:14">
      <c r="N94810" s="10"/>
    </row>
    <row r="94811" spans="14:14">
      <c r="N94811" s="10"/>
    </row>
    <row r="94812" spans="14:14">
      <c r="N94812" s="10"/>
    </row>
    <row r="94813" spans="14:14">
      <c r="N94813" s="10"/>
    </row>
    <row r="94814" spans="14:14">
      <c r="N94814" s="10"/>
    </row>
    <row r="94815" spans="14:14">
      <c r="N94815" s="10"/>
    </row>
    <row r="94816" spans="14:14">
      <c r="N94816" s="10"/>
    </row>
    <row r="94817" spans="14:14">
      <c r="N94817" s="10"/>
    </row>
    <row r="94818" spans="14:14">
      <c r="N94818" s="10"/>
    </row>
    <row r="94819" spans="14:14">
      <c r="N94819" s="10"/>
    </row>
    <row r="94820" spans="14:14">
      <c r="N94820" s="10"/>
    </row>
    <row r="94821" spans="14:14">
      <c r="N94821" s="10"/>
    </row>
    <row r="94822" spans="14:14">
      <c r="N94822" s="10"/>
    </row>
    <row r="94823" spans="14:14">
      <c r="N94823" s="10"/>
    </row>
    <row r="94824" spans="14:14">
      <c r="N94824" s="10"/>
    </row>
    <row r="94825" spans="14:14">
      <c r="N94825" s="10"/>
    </row>
    <row r="94826" spans="14:14">
      <c r="N94826" s="10"/>
    </row>
    <row r="94827" spans="14:14">
      <c r="N94827" s="10"/>
    </row>
    <row r="94828" spans="14:14">
      <c r="N94828" s="10"/>
    </row>
    <row r="94829" spans="14:14">
      <c r="N94829" s="10"/>
    </row>
    <row r="94830" spans="14:14">
      <c r="N94830" s="10"/>
    </row>
    <row r="94831" spans="14:14">
      <c r="N94831" s="10"/>
    </row>
    <row r="94832" spans="14:14">
      <c r="N94832" s="10"/>
    </row>
    <row r="94833" spans="14:14">
      <c r="N94833" s="10"/>
    </row>
    <row r="94834" spans="14:14">
      <c r="N94834" s="10"/>
    </row>
    <row r="94835" spans="14:14">
      <c r="N94835" s="10"/>
    </row>
    <row r="94836" spans="14:14">
      <c r="N94836" s="10"/>
    </row>
    <row r="94837" spans="14:14">
      <c r="N94837" s="10"/>
    </row>
    <row r="94838" spans="14:14">
      <c r="N94838" s="10"/>
    </row>
    <row r="94839" spans="14:14">
      <c r="N94839" s="10"/>
    </row>
    <row r="94840" spans="14:14">
      <c r="N94840" s="10"/>
    </row>
    <row r="94841" spans="14:14">
      <c r="N94841" s="10"/>
    </row>
    <row r="94842" spans="14:14">
      <c r="N94842" s="10"/>
    </row>
    <row r="94843" spans="14:14">
      <c r="N94843" s="10"/>
    </row>
    <row r="94844" spans="14:14">
      <c r="N94844" s="10"/>
    </row>
    <row r="94845" spans="14:14">
      <c r="N94845" s="10"/>
    </row>
    <row r="94846" spans="14:14">
      <c r="N94846" s="10"/>
    </row>
    <row r="94847" spans="14:14">
      <c r="N94847" s="10"/>
    </row>
    <row r="94848" spans="14:14">
      <c r="N94848" s="10"/>
    </row>
    <row r="94849" spans="14:14">
      <c r="N94849" s="10"/>
    </row>
    <row r="94850" spans="14:14">
      <c r="N94850" s="10"/>
    </row>
    <row r="94851" spans="14:14">
      <c r="N94851" s="10"/>
    </row>
    <row r="94852" spans="14:14">
      <c r="N94852" s="10"/>
    </row>
    <row r="94853" spans="14:14">
      <c r="N94853" s="10"/>
    </row>
    <row r="94854" spans="14:14">
      <c r="N94854" s="10"/>
    </row>
    <row r="94855" spans="14:14">
      <c r="N94855" s="10"/>
    </row>
    <row r="94856" spans="14:14">
      <c r="N94856" s="10"/>
    </row>
    <row r="94857" spans="14:14">
      <c r="N94857" s="10"/>
    </row>
    <row r="94858" spans="14:14">
      <c r="N94858" s="10"/>
    </row>
    <row r="94859" spans="14:14">
      <c r="N94859" s="10"/>
    </row>
    <row r="94860" spans="14:14">
      <c r="N94860" s="10"/>
    </row>
    <row r="94861" spans="14:14">
      <c r="N94861" s="10"/>
    </row>
    <row r="94862" spans="14:14">
      <c r="N94862" s="10"/>
    </row>
    <row r="94863" spans="14:14">
      <c r="N94863" s="10"/>
    </row>
    <row r="94864" spans="14:14">
      <c r="N94864" s="10"/>
    </row>
    <row r="94865" spans="14:14">
      <c r="N94865" s="10"/>
    </row>
    <row r="94866" spans="14:14">
      <c r="N94866" s="10"/>
    </row>
    <row r="94867" spans="14:14">
      <c r="N94867" s="10"/>
    </row>
    <row r="94868" spans="14:14">
      <c r="N94868" s="10"/>
    </row>
    <row r="94869" spans="14:14">
      <c r="N94869" s="10"/>
    </row>
    <row r="94870" spans="14:14">
      <c r="N94870" s="10"/>
    </row>
    <row r="94871" spans="14:14">
      <c r="N94871" s="10"/>
    </row>
    <row r="94872" spans="14:14">
      <c r="N94872" s="10"/>
    </row>
    <row r="94873" spans="14:14">
      <c r="N94873" s="10"/>
    </row>
    <row r="94874" spans="14:14">
      <c r="N94874" s="10"/>
    </row>
    <row r="94875" spans="14:14">
      <c r="N94875" s="10"/>
    </row>
    <row r="94876" spans="14:14">
      <c r="N94876" s="10"/>
    </row>
    <row r="94877" spans="14:14">
      <c r="N94877" s="10"/>
    </row>
    <row r="94878" spans="14:14">
      <c r="N94878" s="10"/>
    </row>
    <row r="94879" spans="14:14">
      <c r="N94879" s="10"/>
    </row>
    <row r="94880" spans="14:14">
      <c r="N94880" s="10"/>
    </row>
    <row r="94881" spans="14:14">
      <c r="N94881" s="10"/>
    </row>
    <row r="94882" spans="14:14">
      <c r="N94882" s="10"/>
    </row>
    <row r="94883" spans="14:14">
      <c r="N94883" s="10"/>
    </row>
    <row r="94884" spans="14:14">
      <c r="N94884" s="10"/>
    </row>
    <row r="94885" spans="14:14">
      <c r="N94885" s="10"/>
    </row>
    <row r="94886" spans="14:14">
      <c r="N94886" s="10"/>
    </row>
    <row r="94887" spans="14:14">
      <c r="N94887" s="10"/>
    </row>
    <row r="94888" spans="14:14">
      <c r="N94888" s="10"/>
    </row>
    <row r="94889" spans="14:14">
      <c r="N94889" s="10"/>
    </row>
    <row r="94890" spans="14:14">
      <c r="N94890" s="10"/>
    </row>
    <row r="94891" spans="14:14">
      <c r="N94891" s="10"/>
    </row>
    <row r="94892" spans="14:14">
      <c r="N94892" s="10"/>
    </row>
    <row r="94893" spans="14:14">
      <c r="N94893" s="10"/>
    </row>
    <row r="94894" spans="14:14">
      <c r="N94894" s="10"/>
    </row>
    <row r="94895" spans="14:14">
      <c r="N94895" s="10"/>
    </row>
    <row r="94896" spans="14:14">
      <c r="N94896" s="10"/>
    </row>
    <row r="94897" spans="14:14">
      <c r="N94897" s="10"/>
    </row>
    <row r="94898" spans="14:14">
      <c r="N94898" s="10"/>
    </row>
    <row r="94899" spans="14:14">
      <c r="N94899" s="10"/>
    </row>
    <row r="94900" spans="14:14">
      <c r="N94900" s="10"/>
    </row>
    <row r="94901" spans="14:14">
      <c r="N94901" s="10"/>
    </row>
    <row r="94902" spans="14:14">
      <c r="N94902" s="10"/>
    </row>
    <row r="94903" spans="14:14">
      <c r="N94903" s="10"/>
    </row>
    <row r="94904" spans="14:14">
      <c r="N94904" s="10"/>
    </row>
    <row r="94905" spans="14:14">
      <c r="N94905" s="10"/>
    </row>
    <row r="94906" spans="14:14">
      <c r="N94906" s="10"/>
    </row>
    <row r="94907" spans="14:14">
      <c r="N94907" s="10"/>
    </row>
    <row r="94908" spans="14:14">
      <c r="N94908" s="10"/>
    </row>
    <row r="94909" spans="14:14">
      <c r="N94909" s="10"/>
    </row>
    <row r="94910" spans="14:14">
      <c r="N94910" s="10"/>
    </row>
    <row r="94911" spans="14:14">
      <c r="N94911" s="10"/>
    </row>
    <row r="94912" spans="14:14">
      <c r="N94912" s="10"/>
    </row>
    <row r="94913" spans="14:14">
      <c r="N94913" s="10"/>
    </row>
    <row r="94914" spans="14:14">
      <c r="N94914" s="10"/>
    </row>
    <row r="94915" spans="14:14">
      <c r="N94915" s="10"/>
    </row>
    <row r="94916" spans="14:14">
      <c r="N94916" s="10"/>
    </row>
    <row r="94917" spans="14:14">
      <c r="N94917" s="10"/>
    </row>
    <row r="94918" spans="14:14">
      <c r="N94918" s="10"/>
    </row>
    <row r="94919" spans="14:14">
      <c r="N94919" s="10"/>
    </row>
    <row r="94920" spans="14:14">
      <c r="N94920" s="10"/>
    </row>
    <row r="94921" spans="14:14">
      <c r="N94921" s="10"/>
    </row>
    <row r="94922" spans="14:14">
      <c r="N94922" s="10"/>
    </row>
    <row r="94923" spans="14:14">
      <c r="N94923" s="10"/>
    </row>
    <row r="94924" spans="14:14">
      <c r="N94924" s="10"/>
    </row>
    <row r="94925" spans="14:14">
      <c r="N94925" s="10"/>
    </row>
    <row r="94926" spans="14:14">
      <c r="N94926" s="10"/>
    </row>
    <row r="94927" spans="14:14">
      <c r="N94927" s="10"/>
    </row>
    <row r="94928" spans="14:14">
      <c r="N94928" s="10"/>
    </row>
    <row r="94929" spans="14:14">
      <c r="N94929" s="10"/>
    </row>
    <row r="94930" spans="14:14">
      <c r="N94930" s="10"/>
    </row>
    <row r="94931" spans="14:14">
      <c r="N94931" s="10"/>
    </row>
    <row r="94932" spans="14:14">
      <c r="N94932" s="10"/>
    </row>
    <row r="94933" spans="14:14">
      <c r="N94933" s="10"/>
    </row>
    <row r="94934" spans="14:14">
      <c r="N94934" s="10"/>
    </row>
    <row r="94935" spans="14:14">
      <c r="N94935" s="10"/>
    </row>
    <row r="94936" spans="14:14">
      <c r="N94936" s="10"/>
    </row>
    <row r="94937" spans="14:14">
      <c r="N94937" s="10"/>
    </row>
    <row r="94938" spans="14:14">
      <c r="N94938" s="10"/>
    </row>
    <row r="94939" spans="14:14">
      <c r="N94939" s="10"/>
    </row>
    <row r="94940" spans="14:14">
      <c r="N94940" s="10"/>
    </row>
    <row r="94941" spans="14:14">
      <c r="N94941" s="10"/>
    </row>
    <row r="94942" spans="14:14">
      <c r="N94942" s="10"/>
    </row>
    <row r="94943" spans="14:14">
      <c r="N94943" s="10"/>
    </row>
    <row r="94944" spans="14:14">
      <c r="N94944" s="10"/>
    </row>
    <row r="94945" spans="14:14">
      <c r="N94945" s="10"/>
    </row>
    <row r="94946" spans="14:14">
      <c r="N94946" s="10"/>
    </row>
    <row r="94947" spans="14:14">
      <c r="N94947" s="10"/>
    </row>
    <row r="94948" spans="14:14">
      <c r="N94948" s="10"/>
    </row>
    <row r="94949" spans="14:14">
      <c r="N94949" s="10"/>
    </row>
    <row r="94950" spans="14:14">
      <c r="N94950" s="10"/>
    </row>
    <row r="94951" spans="14:14">
      <c r="N94951" s="10"/>
    </row>
    <row r="94952" spans="14:14">
      <c r="N94952" s="10"/>
    </row>
    <row r="94953" spans="14:14">
      <c r="N94953" s="10"/>
    </row>
    <row r="94954" spans="14:14">
      <c r="N94954" s="10"/>
    </row>
    <row r="94955" spans="14:14">
      <c r="N94955" s="10"/>
    </row>
    <row r="94956" spans="14:14">
      <c r="N94956" s="10"/>
    </row>
    <row r="94957" spans="14:14">
      <c r="N94957" s="10"/>
    </row>
    <row r="94958" spans="14:14">
      <c r="N94958" s="10"/>
    </row>
    <row r="94959" spans="14:14">
      <c r="N94959" s="10"/>
    </row>
    <row r="94960" spans="14:14">
      <c r="N94960" s="10"/>
    </row>
    <row r="94961" spans="14:14">
      <c r="N94961" s="10"/>
    </row>
    <row r="94962" spans="14:14">
      <c r="N94962" s="10"/>
    </row>
    <row r="94963" spans="14:14">
      <c r="N94963" s="10"/>
    </row>
    <row r="94964" spans="14:14">
      <c r="N94964" s="10"/>
    </row>
    <row r="94965" spans="14:14">
      <c r="N94965" s="10"/>
    </row>
    <row r="94966" spans="14:14">
      <c r="N94966" s="10"/>
    </row>
    <row r="94967" spans="14:14">
      <c r="N94967" s="10"/>
    </row>
    <row r="94968" spans="14:14">
      <c r="N94968" s="10"/>
    </row>
    <row r="94969" spans="14:14">
      <c r="N94969" s="10"/>
    </row>
    <row r="94970" spans="14:14">
      <c r="N94970" s="10"/>
    </row>
    <row r="94971" spans="14:14">
      <c r="N94971" s="10"/>
    </row>
    <row r="94972" spans="14:14">
      <c r="N94972" s="10"/>
    </row>
    <row r="94973" spans="14:14">
      <c r="N94973" s="10"/>
    </row>
    <row r="94974" spans="14:14">
      <c r="N94974" s="10"/>
    </row>
    <row r="94975" spans="14:14">
      <c r="N94975" s="10"/>
    </row>
    <row r="94976" spans="14:14">
      <c r="N94976" s="10"/>
    </row>
    <row r="94977" spans="14:14">
      <c r="N94977" s="10"/>
    </row>
    <row r="94978" spans="14:14">
      <c r="N94978" s="10"/>
    </row>
    <row r="94979" spans="14:14">
      <c r="N94979" s="10"/>
    </row>
    <row r="94980" spans="14:14">
      <c r="N94980" s="10"/>
    </row>
    <row r="94981" spans="14:14">
      <c r="N94981" s="10"/>
    </row>
    <row r="94982" spans="14:14">
      <c r="N94982" s="10"/>
    </row>
    <row r="94983" spans="14:14">
      <c r="N94983" s="10"/>
    </row>
    <row r="94984" spans="14:14">
      <c r="N94984" s="10"/>
    </row>
    <row r="94985" spans="14:14">
      <c r="N94985" s="10"/>
    </row>
    <row r="94986" spans="14:14">
      <c r="N94986" s="10"/>
    </row>
    <row r="94987" spans="14:14">
      <c r="N94987" s="10"/>
    </row>
    <row r="94988" spans="14:14">
      <c r="N94988" s="10"/>
    </row>
    <row r="94989" spans="14:14">
      <c r="N94989" s="10"/>
    </row>
    <row r="94990" spans="14:14">
      <c r="N94990" s="10"/>
    </row>
    <row r="94991" spans="14:14">
      <c r="N94991" s="10"/>
    </row>
    <row r="94992" spans="14:14">
      <c r="N94992" s="10"/>
    </row>
    <row r="94993" spans="14:14">
      <c r="N94993" s="10"/>
    </row>
    <row r="94994" spans="14:14">
      <c r="N94994" s="10"/>
    </row>
    <row r="94995" spans="14:14">
      <c r="N94995" s="10"/>
    </row>
    <row r="94996" spans="14:14">
      <c r="N94996" s="10"/>
    </row>
    <row r="94997" spans="14:14">
      <c r="N94997" s="10"/>
    </row>
    <row r="94998" spans="14:14">
      <c r="N94998" s="10"/>
    </row>
    <row r="94999" spans="14:14">
      <c r="N94999" s="10"/>
    </row>
    <row r="95000" spans="14:14">
      <c r="N95000" s="10"/>
    </row>
    <row r="95001" spans="14:14">
      <c r="N95001" s="10"/>
    </row>
    <row r="95002" spans="14:14">
      <c r="N95002" s="10"/>
    </row>
    <row r="95003" spans="14:14">
      <c r="N95003" s="10"/>
    </row>
    <row r="95004" spans="14:14">
      <c r="N95004" s="10"/>
    </row>
    <row r="95005" spans="14:14">
      <c r="N95005" s="10"/>
    </row>
    <row r="95006" spans="14:14">
      <c r="N95006" s="10"/>
    </row>
    <row r="95007" spans="14:14">
      <c r="N95007" s="10"/>
    </row>
    <row r="95008" spans="14:14">
      <c r="N95008" s="10"/>
    </row>
    <row r="95009" spans="14:14">
      <c r="N95009" s="10"/>
    </row>
    <row r="95010" spans="14:14">
      <c r="N95010" s="10"/>
    </row>
    <row r="95011" spans="14:14">
      <c r="N95011" s="10"/>
    </row>
    <row r="95012" spans="14:14">
      <c r="N95012" s="10"/>
    </row>
    <row r="95013" spans="14:14">
      <c r="N95013" s="10"/>
    </row>
    <row r="95014" spans="14:14">
      <c r="N95014" s="10"/>
    </row>
    <row r="95015" spans="14:14">
      <c r="N95015" s="10"/>
    </row>
    <row r="95016" spans="14:14">
      <c r="N95016" s="10"/>
    </row>
    <row r="95017" spans="14:14">
      <c r="N95017" s="10"/>
    </row>
    <row r="95018" spans="14:14">
      <c r="N95018" s="10"/>
    </row>
    <row r="95019" spans="14:14">
      <c r="N95019" s="10"/>
    </row>
    <row r="95020" spans="14:14">
      <c r="N95020" s="10"/>
    </row>
    <row r="95021" spans="14:14">
      <c r="N95021" s="10"/>
    </row>
    <row r="95022" spans="14:14">
      <c r="N95022" s="10"/>
    </row>
    <row r="95023" spans="14:14">
      <c r="N95023" s="10"/>
    </row>
    <row r="95024" spans="14:14">
      <c r="N95024" s="10"/>
    </row>
    <row r="95025" spans="14:14">
      <c r="N95025" s="10"/>
    </row>
    <row r="95026" spans="14:14">
      <c r="N95026" s="10"/>
    </row>
    <row r="95027" spans="14:14">
      <c r="N95027" s="10"/>
    </row>
    <row r="95028" spans="14:14">
      <c r="N95028" s="10"/>
    </row>
    <row r="95029" spans="14:14">
      <c r="N95029" s="10"/>
    </row>
    <row r="95030" spans="14:14">
      <c r="N95030" s="10"/>
    </row>
    <row r="95031" spans="14:14">
      <c r="N95031" s="10"/>
    </row>
    <row r="95032" spans="14:14">
      <c r="N95032" s="10"/>
    </row>
    <row r="95033" spans="14:14">
      <c r="N95033" s="10"/>
    </row>
    <row r="95034" spans="14:14">
      <c r="N95034" s="10"/>
    </row>
    <row r="95035" spans="14:14">
      <c r="N95035" s="10"/>
    </row>
    <row r="95036" spans="14:14">
      <c r="N95036" s="10"/>
    </row>
    <row r="95037" spans="14:14">
      <c r="N95037" s="10"/>
    </row>
    <row r="95038" spans="14:14">
      <c r="N95038" s="10"/>
    </row>
    <row r="95039" spans="14:14">
      <c r="N95039" s="10"/>
    </row>
    <row r="95040" spans="14:14">
      <c r="N95040" s="10"/>
    </row>
    <row r="95041" spans="14:14">
      <c r="N95041" s="10"/>
    </row>
    <row r="95042" spans="14:14">
      <c r="N95042" s="10"/>
    </row>
    <row r="95043" spans="14:14">
      <c r="N95043" s="10"/>
    </row>
    <row r="95044" spans="14:14">
      <c r="N95044" s="10"/>
    </row>
    <row r="95045" spans="14:14">
      <c r="N95045" s="10"/>
    </row>
    <row r="95046" spans="14:14">
      <c r="N95046" s="10"/>
    </row>
    <row r="95047" spans="14:14">
      <c r="N95047" s="10"/>
    </row>
    <row r="95048" spans="14:14">
      <c r="N95048" s="10"/>
    </row>
    <row r="95049" spans="14:14">
      <c r="N95049" s="10"/>
    </row>
    <row r="95050" spans="14:14">
      <c r="N95050" s="10"/>
    </row>
    <row r="95051" spans="14:14">
      <c r="N95051" s="10"/>
    </row>
    <row r="95052" spans="14:14">
      <c r="N95052" s="10"/>
    </row>
    <row r="95053" spans="14:14">
      <c r="N95053" s="10"/>
    </row>
    <row r="95054" spans="14:14">
      <c r="N95054" s="10"/>
    </row>
    <row r="95055" spans="14:14">
      <c r="N95055" s="10"/>
    </row>
    <row r="95056" spans="14:14">
      <c r="N95056" s="10"/>
    </row>
    <row r="95057" spans="14:14">
      <c r="N95057" s="10"/>
    </row>
    <row r="95058" spans="14:14">
      <c r="N95058" s="10"/>
    </row>
    <row r="95059" spans="14:14">
      <c r="N95059" s="10"/>
    </row>
    <row r="95060" spans="14:14">
      <c r="N95060" s="10"/>
    </row>
    <row r="95061" spans="14:14">
      <c r="N95061" s="10"/>
    </row>
    <row r="95062" spans="14:14">
      <c r="N95062" s="10"/>
    </row>
    <row r="95063" spans="14:14">
      <c r="N95063" s="10"/>
    </row>
    <row r="95064" spans="14:14">
      <c r="N95064" s="10"/>
    </row>
    <row r="95065" spans="14:14">
      <c r="N95065" s="10"/>
    </row>
    <row r="95066" spans="14:14">
      <c r="N95066" s="10"/>
    </row>
    <row r="95067" spans="14:14">
      <c r="N95067" s="10"/>
    </row>
    <row r="95068" spans="14:14">
      <c r="N95068" s="10"/>
    </row>
    <row r="95069" spans="14:14">
      <c r="N95069" s="10"/>
    </row>
    <row r="95070" spans="14:14">
      <c r="N95070" s="10"/>
    </row>
    <row r="95071" spans="14:14">
      <c r="N95071" s="10"/>
    </row>
    <row r="95072" spans="14:14">
      <c r="N95072" s="10"/>
    </row>
    <row r="95073" spans="14:14">
      <c r="N95073" s="10"/>
    </row>
    <row r="95074" spans="14:14">
      <c r="N95074" s="10"/>
    </row>
    <row r="95075" spans="14:14">
      <c r="N95075" s="10"/>
    </row>
    <row r="95076" spans="14:14">
      <c r="N95076" s="10"/>
    </row>
    <row r="95077" spans="14:14">
      <c r="N95077" s="10"/>
    </row>
    <row r="95078" spans="14:14">
      <c r="N95078" s="10"/>
    </row>
    <row r="95079" spans="14:14">
      <c r="N95079" s="10"/>
    </row>
    <row r="95080" spans="14:14">
      <c r="N95080" s="10"/>
    </row>
    <row r="95081" spans="14:14">
      <c r="N95081" s="10"/>
    </row>
    <row r="95082" spans="14:14">
      <c r="N95082" s="10"/>
    </row>
    <row r="95083" spans="14:14">
      <c r="N95083" s="10"/>
    </row>
    <row r="95084" spans="14:14">
      <c r="N95084" s="10"/>
    </row>
    <row r="95085" spans="14:14">
      <c r="N95085" s="10"/>
    </row>
    <row r="95086" spans="14:14">
      <c r="N95086" s="10"/>
    </row>
    <row r="95087" spans="14:14">
      <c r="N95087" s="10"/>
    </row>
    <row r="95088" spans="14:14">
      <c r="N95088" s="10"/>
    </row>
    <row r="95089" spans="14:14">
      <c r="N95089" s="10"/>
    </row>
    <row r="95090" spans="14:14">
      <c r="N95090" s="10"/>
    </row>
    <row r="95091" spans="14:14">
      <c r="N95091" s="10"/>
    </row>
    <row r="95092" spans="14:14">
      <c r="N95092" s="10"/>
    </row>
    <row r="95093" spans="14:14">
      <c r="N95093" s="10"/>
    </row>
    <row r="95094" spans="14:14">
      <c r="N95094" s="10"/>
    </row>
    <row r="95095" spans="14:14">
      <c r="N95095" s="10"/>
    </row>
    <row r="95096" spans="14:14">
      <c r="N95096" s="10"/>
    </row>
    <row r="95097" spans="14:14">
      <c r="N95097" s="10"/>
    </row>
    <row r="95098" spans="14:14">
      <c r="N95098" s="10"/>
    </row>
    <row r="95099" spans="14:14">
      <c r="N95099" s="10"/>
    </row>
    <row r="95100" spans="14:14">
      <c r="N95100" s="10"/>
    </row>
    <row r="95101" spans="14:14">
      <c r="N95101" s="10"/>
    </row>
    <row r="95102" spans="14:14">
      <c r="N95102" s="10"/>
    </row>
    <row r="95103" spans="14:14">
      <c r="N95103" s="10"/>
    </row>
    <row r="95104" spans="14:14">
      <c r="N95104" s="10"/>
    </row>
    <row r="95105" spans="14:14">
      <c r="N95105" s="10"/>
    </row>
    <row r="95106" spans="14:14">
      <c r="N95106" s="10"/>
    </row>
    <row r="95107" spans="14:14">
      <c r="N95107" s="10"/>
    </row>
    <row r="95108" spans="14:14">
      <c r="N95108" s="10"/>
    </row>
    <row r="95109" spans="14:14">
      <c r="N95109" s="10"/>
    </row>
    <row r="95110" spans="14:14">
      <c r="N95110" s="10"/>
    </row>
    <row r="95111" spans="14:14">
      <c r="N95111" s="10"/>
    </row>
    <row r="95112" spans="14:14">
      <c r="N95112" s="10"/>
    </row>
    <row r="95113" spans="14:14">
      <c r="N95113" s="10"/>
    </row>
    <row r="95114" spans="14:14">
      <c r="N95114" s="10"/>
    </row>
    <row r="95115" spans="14:14">
      <c r="N95115" s="10"/>
    </row>
    <row r="95116" spans="14:14">
      <c r="N95116" s="10"/>
    </row>
    <row r="95117" spans="14:14">
      <c r="N95117" s="10"/>
    </row>
    <row r="95118" spans="14:14">
      <c r="N95118" s="10"/>
    </row>
    <row r="95119" spans="14:14">
      <c r="N95119" s="10"/>
    </row>
    <row r="95120" spans="14:14">
      <c r="N95120" s="10"/>
    </row>
    <row r="95121" spans="14:14">
      <c r="N95121" s="10"/>
    </row>
    <row r="95122" spans="14:14">
      <c r="N95122" s="10"/>
    </row>
    <row r="95123" spans="14:14">
      <c r="N95123" s="10"/>
    </row>
    <row r="95124" spans="14:14">
      <c r="N95124" s="10"/>
    </row>
    <row r="95125" spans="14:14">
      <c r="N95125" s="10"/>
    </row>
    <row r="95126" spans="14:14">
      <c r="N95126" s="10"/>
    </row>
    <row r="95127" spans="14:14">
      <c r="N95127" s="10"/>
    </row>
    <row r="95128" spans="14:14">
      <c r="N95128" s="10"/>
    </row>
    <row r="95129" spans="14:14">
      <c r="N95129" s="10"/>
    </row>
    <row r="95130" spans="14:14">
      <c r="N95130" s="10"/>
    </row>
    <row r="95131" spans="14:14">
      <c r="N95131" s="10"/>
    </row>
    <row r="95132" spans="14:14">
      <c r="N95132" s="10"/>
    </row>
    <row r="95133" spans="14:14">
      <c r="N95133" s="10"/>
    </row>
    <row r="95134" spans="14:14">
      <c r="N95134" s="10"/>
    </row>
    <row r="95135" spans="14:14">
      <c r="N95135" s="10"/>
    </row>
    <row r="95136" spans="14:14">
      <c r="N95136" s="10"/>
    </row>
    <row r="95137" spans="14:14">
      <c r="N95137" s="10"/>
    </row>
    <row r="95138" spans="14:14">
      <c r="N95138" s="10"/>
    </row>
    <row r="95139" spans="14:14">
      <c r="N95139" s="10"/>
    </row>
    <row r="95140" spans="14:14">
      <c r="N95140" s="10"/>
    </row>
    <row r="95141" spans="14:14">
      <c r="N95141" s="10"/>
    </row>
    <row r="95142" spans="14:14">
      <c r="N95142" s="10"/>
    </row>
    <row r="95143" spans="14:14">
      <c r="N95143" s="10"/>
    </row>
    <row r="95144" spans="14:14">
      <c r="N95144" s="10"/>
    </row>
    <row r="95145" spans="14:14">
      <c r="N95145" s="10"/>
    </row>
    <row r="95146" spans="14:14">
      <c r="N95146" s="10"/>
    </row>
    <row r="95147" spans="14:14">
      <c r="N95147" s="10"/>
    </row>
    <row r="95148" spans="14:14">
      <c r="N95148" s="10"/>
    </row>
    <row r="95149" spans="14:14">
      <c r="N95149" s="10"/>
    </row>
    <row r="95150" spans="14:14">
      <c r="N95150" s="10"/>
    </row>
    <row r="95151" spans="14:14">
      <c r="N95151" s="10"/>
    </row>
    <row r="95152" spans="14:14">
      <c r="N95152" s="10"/>
    </row>
    <row r="95153" spans="14:14">
      <c r="N95153" s="10"/>
    </row>
    <row r="95154" spans="14:14">
      <c r="N95154" s="10"/>
    </row>
    <row r="95155" spans="14:14">
      <c r="N95155" s="10"/>
    </row>
    <row r="95156" spans="14:14">
      <c r="N95156" s="10"/>
    </row>
    <row r="95157" spans="14:14">
      <c r="N95157" s="10"/>
    </row>
    <row r="95158" spans="14:14">
      <c r="N95158" s="10"/>
    </row>
    <row r="95159" spans="14:14">
      <c r="N95159" s="10"/>
    </row>
    <row r="95160" spans="14:14">
      <c r="N95160" s="10"/>
    </row>
    <row r="95161" spans="14:14">
      <c r="N95161" s="10"/>
    </row>
    <row r="95162" spans="14:14">
      <c r="N95162" s="10"/>
    </row>
    <row r="95163" spans="14:14">
      <c r="N95163" s="10"/>
    </row>
    <row r="95164" spans="14:14">
      <c r="N95164" s="10"/>
    </row>
    <row r="95165" spans="14:14">
      <c r="N95165" s="10"/>
    </row>
    <row r="95166" spans="14:14">
      <c r="N95166" s="10"/>
    </row>
    <row r="95167" spans="14:14">
      <c r="N95167" s="10"/>
    </row>
    <row r="95168" spans="14:14">
      <c r="N95168" s="10"/>
    </row>
    <row r="95169" spans="14:14">
      <c r="N95169" s="10"/>
    </row>
    <row r="95170" spans="14:14">
      <c r="N95170" s="10"/>
    </row>
    <row r="95171" spans="14:14">
      <c r="N95171" s="10"/>
    </row>
    <row r="95172" spans="14:14">
      <c r="N95172" s="10"/>
    </row>
    <row r="95173" spans="14:14">
      <c r="N95173" s="10"/>
    </row>
    <row r="95174" spans="14:14">
      <c r="N95174" s="10"/>
    </row>
    <row r="95175" spans="14:14">
      <c r="N95175" s="10"/>
    </row>
    <row r="95176" spans="14:14">
      <c r="N95176" s="10"/>
    </row>
    <row r="95177" spans="14:14">
      <c r="N95177" s="10"/>
    </row>
    <row r="95178" spans="14:14">
      <c r="N95178" s="10"/>
    </row>
    <row r="95179" spans="14:14">
      <c r="N95179" s="10"/>
    </row>
    <row r="95180" spans="14:14">
      <c r="N95180" s="10"/>
    </row>
    <row r="95181" spans="14:14">
      <c r="N95181" s="10"/>
    </row>
    <row r="95182" spans="14:14">
      <c r="N95182" s="10"/>
    </row>
    <row r="95183" spans="14:14">
      <c r="N95183" s="10"/>
    </row>
    <row r="95184" spans="14:14">
      <c r="N95184" s="10"/>
    </row>
    <row r="95185" spans="14:14">
      <c r="N95185" s="10"/>
    </row>
    <row r="95186" spans="14:14">
      <c r="N95186" s="10"/>
    </row>
    <row r="95187" spans="14:14">
      <c r="N95187" s="10"/>
    </row>
    <row r="95188" spans="14:14">
      <c r="N95188" s="10"/>
    </row>
    <row r="95189" spans="14:14">
      <c r="N95189" s="10"/>
    </row>
    <row r="95190" spans="14:14">
      <c r="N95190" s="10"/>
    </row>
    <row r="95191" spans="14:14">
      <c r="N95191" s="10"/>
    </row>
    <row r="95192" spans="14:14">
      <c r="N95192" s="10"/>
    </row>
    <row r="95193" spans="14:14">
      <c r="N95193" s="10"/>
    </row>
    <row r="95194" spans="14:14">
      <c r="N95194" s="10"/>
    </row>
    <row r="95195" spans="14:14">
      <c r="N95195" s="10"/>
    </row>
    <row r="95196" spans="14:14">
      <c r="N95196" s="10"/>
    </row>
    <row r="95197" spans="14:14">
      <c r="N95197" s="10"/>
    </row>
    <row r="95198" spans="14:14">
      <c r="N95198" s="10"/>
    </row>
    <row r="95199" spans="14:14">
      <c r="N95199" s="10"/>
    </row>
    <row r="95200" spans="14:14">
      <c r="N95200" s="10"/>
    </row>
    <row r="95201" spans="14:14">
      <c r="N95201" s="10"/>
    </row>
    <row r="95202" spans="14:14">
      <c r="N95202" s="10"/>
    </row>
    <row r="95203" spans="14:14">
      <c r="N95203" s="10"/>
    </row>
    <row r="95204" spans="14:14">
      <c r="N95204" s="10"/>
    </row>
    <row r="95205" spans="14:14">
      <c r="N95205" s="10"/>
    </row>
    <row r="95206" spans="14:14">
      <c r="N95206" s="10"/>
    </row>
    <row r="95207" spans="14:14">
      <c r="N95207" s="10"/>
    </row>
    <row r="95208" spans="14:14">
      <c r="N95208" s="10"/>
    </row>
    <row r="95209" spans="14:14">
      <c r="N95209" s="10"/>
    </row>
    <row r="95210" spans="14:14">
      <c r="N95210" s="10"/>
    </row>
    <row r="95211" spans="14:14">
      <c r="N95211" s="10"/>
    </row>
    <row r="95212" spans="14:14">
      <c r="N95212" s="10"/>
    </row>
    <row r="95213" spans="14:14">
      <c r="N95213" s="10"/>
    </row>
    <row r="95214" spans="14:14">
      <c r="N95214" s="10"/>
    </row>
    <row r="95215" spans="14:14">
      <c r="N95215" s="10"/>
    </row>
    <row r="95216" spans="14:14">
      <c r="N95216" s="10"/>
    </row>
    <row r="95217" spans="14:14">
      <c r="N95217" s="10"/>
    </row>
    <row r="95218" spans="14:14">
      <c r="N95218" s="10"/>
    </row>
    <row r="95219" spans="14:14">
      <c r="N95219" s="10"/>
    </row>
    <row r="95220" spans="14:14">
      <c r="N95220" s="10"/>
    </row>
    <row r="95221" spans="14:14">
      <c r="N95221" s="10"/>
    </row>
    <row r="95222" spans="14:14">
      <c r="N95222" s="10"/>
    </row>
    <row r="95223" spans="14:14">
      <c r="N95223" s="10"/>
    </row>
    <row r="95224" spans="14:14">
      <c r="N95224" s="10"/>
    </row>
    <row r="95225" spans="14:14">
      <c r="N95225" s="10"/>
    </row>
    <row r="95226" spans="14:14">
      <c r="N95226" s="10"/>
    </row>
    <row r="95227" spans="14:14">
      <c r="N95227" s="10"/>
    </row>
    <row r="95228" spans="14:14">
      <c r="N95228" s="10"/>
    </row>
    <row r="95229" spans="14:14">
      <c r="N95229" s="10"/>
    </row>
    <row r="95230" spans="14:14">
      <c r="N95230" s="10"/>
    </row>
    <row r="95231" spans="14:14">
      <c r="N95231" s="10"/>
    </row>
    <row r="95232" spans="14:14">
      <c r="N95232" s="10"/>
    </row>
    <row r="95233" spans="14:14">
      <c r="N95233" s="10"/>
    </row>
    <row r="95234" spans="14:14">
      <c r="N95234" s="10"/>
    </row>
    <row r="95235" spans="14:14">
      <c r="N95235" s="10"/>
    </row>
    <row r="95236" spans="14:14">
      <c r="N95236" s="10"/>
    </row>
    <row r="95237" spans="14:14">
      <c r="N95237" s="10"/>
    </row>
    <row r="95238" spans="14:14">
      <c r="N95238" s="10"/>
    </row>
    <row r="95239" spans="14:14">
      <c r="N95239" s="10"/>
    </row>
    <row r="95240" spans="14:14">
      <c r="N95240" s="10"/>
    </row>
    <row r="95241" spans="14:14">
      <c r="N95241" s="10"/>
    </row>
    <row r="95242" spans="14:14">
      <c r="N95242" s="10"/>
    </row>
    <row r="95243" spans="14:14">
      <c r="N95243" s="10"/>
    </row>
    <row r="95244" spans="14:14">
      <c r="N95244" s="10"/>
    </row>
    <row r="95245" spans="14:14">
      <c r="N95245" s="10"/>
    </row>
    <row r="95246" spans="14:14">
      <c r="N95246" s="10"/>
    </row>
    <row r="95247" spans="14:14">
      <c r="N95247" s="10"/>
    </row>
    <row r="95248" spans="14:14">
      <c r="N95248" s="10"/>
    </row>
    <row r="95249" spans="14:14">
      <c r="N95249" s="10"/>
    </row>
    <row r="95250" spans="14:14">
      <c r="N95250" s="10"/>
    </row>
    <row r="95251" spans="14:14">
      <c r="N95251" s="10"/>
    </row>
    <row r="95252" spans="14:14">
      <c r="N95252" s="10"/>
    </row>
    <row r="95253" spans="14:14">
      <c r="N95253" s="10"/>
    </row>
    <row r="95254" spans="14:14">
      <c r="N95254" s="10"/>
    </row>
    <row r="95255" spans="14:14">
      <c r="N95255" s="10"/>
    </row>
    <row r="95256" spans="14:14">
      <c r="N95256" s="10"/>
    </row>
    <row r="95257" spans="14:14">
      <c r="N95257" s="10"/>
    </row>
    <row r="95258" spans="14:14">
      <c r="N95258" s="10"/>
    </row>
    <row r="95259" spans="14:14">
      <c r="N95259" s="10"/>
    </row>
    <row r="95260" spans="14:14">
      <c r="N95260" s="10"/>
    </row>
    <row r="95261" spans="14:14">
      <c r="N95261" s="10"/>
    </row>
    <row r="95262" spans="14:14">
      <c r="N95262" s="10"/>
    </row>
    <row r="95263" spans="14:14">
      <c r="N95263" s="10"/>
    </row>
    <row r="95264" spans="14:14">
      <c r="N95264" s="10"/>
    </row>
    <row r="95265" spans="14:14">
      <c r="N95265" s="10"/>
    </row>
    <row r="95266" spans="14:14">
      <c r="N95266" s="10"/>
    </row>
    <row r="95267" spans="14:14">
      <c r="N95267" s="10"/>
    </row>
    <row r="95268" spans="14:14">
      <c r="N95268" s="10"/>
    </row>
    <row r="95269" spans="14:14">
      <c r="N95269" s="10"/>
    </row>
    <row r="95270" spans="14:14">
      <c r="N95270" s="10"/>
    </row>
    <row r="95271" spans="14:14">
      <c r="N95271" s="10"/>
    </row>
    <row r="95272" spans="14:14">
      <c r="N95272" s="10"/>
    </row>
    <row r="95273" spans="14:14">
      <c r="N95273" s="10"/>
    </row>
    <row r="95274" spans="14:14">
      <c r="N95274" s="10"/>
    </row>
    <row r="95275" spans="14:14">
      <c r="N95275" s="10"/>
    </row>
    <row r="95276" spans="14:14">
      <c r="N95276" s="10"/>
    </row>
    <row r="95277" spans="14:14">
      <c r="N95277" s="10"/>
    </row>
    <row r="95278" spans="14:14">
      <c r="N95278" s="10"/>
    </row>
    <row r="95279" spans="14:14">
      <c r="N95279" s="10"/>
    </row>
    <row r="95280" spans="14:14">
      <c r="N95280" s="10"/>
    </row>
    <row r="95281" spans="14:14">
      <c r="N95281" s="10"/>
    </row>
    <row r="95282" spans="14:14">
      <c r="N95282" s="10"/>
    </row>
    <row r="95283" spans="14:14">
      <c r="N95283" s="10"/>
    </row>
    <row r="95284" spans="14:14">
      <c r="N95284" s="10"/>
    </row>
    <row r="95285" spans="14:14">
      <c r="N95285" s="10"/>
    </row>
    <row r="95286" spans="14:14">
      <c r="N95286" s="10"/>
    </row>
    <row r="95287" spans="14:14">
      <c r="N95287" s="10"/>
    </row>
    <row r="95288" spans="14:14">
      <c r="N95288" s="10"/>
    </row>
    <row r="95289" spans="14:14">
      <c r="N95289" s="10"/>
    </row>
    <row r="95290" spans="14:14">
      <c r="N95290" s="10"/>
    </row>
    <row r="95291" spans="14:14">
      <c r="N95291" s="10"/>
    </row>
    <row r="95292" spans="14:14">
      <c r="N95292" s="10"/>
    </row>
    <row r="95293" spans="14:14">
      <c r="N95293" s="10"/>
    </row>
    <row r="95294" spans="14:14">
      <c r="N95294" s="10"/>
    </row>
    <row r="95295" spans="14:14">
      <c r="N95295" s="10"/>
    </row>
    <row r="95296" spans="14:14">
      <c r="N95296" s="10"/>
    </row>
    <row r="95297" spans="14:14">
      <c r="N95297" s="10"/>
    </row>
    <row r="95298" spans="14:14">
      <c r="N95298" s="10"/>
    </row>
    <row r="95299" spans="14:14">
      <c r="N95299" s="10"/>
    </row>
    <row r="95300" spans="14:14">
      <c r="N95300" s="10"/>
    </row>
    <row r="95301" spans="14:14">
      <c r="N95301" s="10"/>
    </row>
    <row r="95302" spans="14:14">
      <c r="N95302" s="10"/>
    </row>
    <row r="95303" spans="14:14">
      <c r="N95303" s="10"/>
    </row>
    <row r="95304" spans="14:14">
      <c r="N95304" s="10"/>
    </row>
    <row r="95305" spans="14:14">
      <c r="N95305" s="10"/>
    </row>
    <row r="95306" spans="14:14">
      <c r="N95306" s="10"/>
    </row>
    <row r="95307" spans="14:14">
      <c r="N95307" s="10"/>
    </row>
    <row r="95308" spans="14:14">
      <c r="N95308" s="10"/>
    </row>
    <row r="95309" spans="14:14">
      <c r="N95309" s="10"/>
    </row>
    <row r="95310" spans="14:14">
      <c r="N95310" s="10"/>
    </row>
    <row r="95311" spans="14:14">
      <c r="N95311" s="10"/>
    </row>
    <row r="95312" spans="14:14">
      <c r="N95312" s="10"/>
    </row>
    <row r="95313" spans="14:14">
      <c r="N95313" s="10"/>
    </row>
    <row r="95314" spans="14:14">
      <c r="N95314" s="10"/>
    </row>
    <row r="95315" spans="14:14">
      <c r="N95315" s="10"/>
    </row>
    <row r="95316" spans="14:14">
      <c r="N95316" s="10"/>
    </row>
    <row r="95317" spans="14:14">
      <c r="N95317" s="10"/>
    </row>
    <row r="95318" spans="14:14">
      <c r="N95318" s="10"/>
    </row>
    <row r="95319" spans="14:14">
      <c r="N95319" s="10"/>
    </row>
    <row r="95320" spans="14:14">
      <c r="N95320" s="10"/>
    </row>
    <row r="95321" spans="14:14">
      <c r="N95321" s="10"/>
    </row>
    <row r="95322" spans="14:14">
      <c r="N95322" s="10"/>
    </row>
    <row r="95323" spans="14:14">
      <c r="N95323" s="10"/>
    </row>
    <row r="95324" spans="14:14">
      <c r="N95324" s="10"/>
    </row>
    <row r="95325" spans="14:14">
      <c r="N95325" s="10"/>
    </row>
    <row r="95326" spans="14:14">
      <c r="N95326" s="10"/>
    </row>
    <row r="95327" spans="14:14">
      <c r="N95327" s="10"/>
    </row>
    <row r="95328" spans="14:14">
      <c r="N95328" s="10"/>
    </row>
    <row r="95329" spans="14:14">
      <c r="N95329" s="10"/>
    </row>
    <row r="95330" spans="14:14">
      <c r="N95330" s="10"/>
    </row>
    <row r="95331" spans="14:14">
      <c r="N95331" s="10"/>
    </row>
    <row r="95332" spans="14:14">
      <c r="N95332" s="10"/>
    </row>
    <row r="95333" spans="14:14">
      <c r="N95333" s="10"/>
    </row>
    <row r="95334" spans="14:14">
      <c r="N95334" s="10"/>
    </row>
    <row r="95335" spans="14:14">
      <c r="N95335" s="10"/>
    </row>
    <row r="95336" spans="14:14">
      <c r="N95336" s="10"/>
    </row>
    <row r="95337" spans="14:14">
      <c r="N95337" s="10"/>
    </row>
    <row r="95338" spans="14:14">
      <c r="N95338" s="10"/>
    </row>
    <row r="95339" spans="14:14">
      <c r="N95339" s="10"/>
    </row>
    <row r="95340" spans="14:14">
      <c r="N95340" s="10"/>
    </row>
    <row r="95341" spans="14:14">
      <c r="N95341" s="10"/>
    </row>
    <row r="95342" spans="14:14">
      <c r="N95342" s="10"/>
    </row>
    <row r="95343" spans="14:14">
      <c r="N95343" s="10"/>
    </row>
    <row r="95344" spans="14:14">
      <c r="N95344" s="10"/>
    </row>
    <row r="95345" spans="14:14">
      <c r="N95345" s="10"/>
    </row>
    <row r="95346" spans="14:14">
      <c r="N95346" s="10"/>
    </row>
    <row r="95347" spans="14:14">
      <c r="N95347" s="10"/>
    </row>
    <row r="95348" spans="14:14">
      <c r="N95348" s="10"/>
    </row>
    <row r="95349" spans="14:14">
      <c r="N95349" s="10"/>
    </row>
    <row r="95350" spans="14:14">
      <c r="N95350" s="10"/>
    </row>
    <row r="95351" spans="14:14">
      <c r="N95351" s="10"/>
    </row>
    <row r="95352" spans="14:14">
      <c r="N95352" s="10"/>
    </row>
    <row r="95353" spans="14:14">
      <c r="N95353" s="10"/>
    </row>
    <row r="95354" spans="14:14">
      <c r="N95354" s="10"/>
    </row>
    <row r="95355" spans="14:14">
      <c r="N95355" s="10"/>
    </row>
    <row r="95356" spans="14:14">
      <c r="N95356" s="10"/>
    </row>
    <row r="95357" spans="14:14">
      <c r="N95357" s="10"/>
    </row>
    <row r="95358" spans="14:14">
      <c r="N95358" s="10"/>
    </row>
    <row r="95359" spans="14:14">
      <c r="N95359" s="10"/>
    </row>
    <row r="95360" spans="14:14">
      <c r="N95360" s="10"/>
    </row>
    <row r="95361" spans="14:14">
      <c r="N95361" s="10"/>
    </row>
    <row r="95362" spans="14:14">
      <c r="N95362" s="10"/>
    </row>
    <row r="95363" spans="14:14">
      <c r="N95363" s="10"/>
    </row>
    <row r="95364" spans="14:14">
      <c r="N95364" s="10"/>
    </row>
    <row r="95365" spans="14:14">
      <c r="N95365" s="10"/>
    </row>
    <row r="95366" spans="14:14">
      <c r="N95366" s="10"/>
    </row>
    <row r="95367" spans="14:14">
      <c r="N95367" s="10"/>
    </row>
    <row r="95368" spans="14:14">
      <c r="N95368" s="10"/>
    </row>
    <row r="95369" spans="14:14">
      <c r="N95369" s="10"/>
    </row>
    <row r="95370" spans="14:14">
      <c r="N95370" s="10"/>
    </row>
    <row r="95371" spans="14:14">
      <c r="N95371" s="10"/>
    </row>
    <row r="95372" spans="14:14">
      <c r="N95372" s="10"/>
    </row>
    <row r="95373" spans="14:14">
      <c r="N95373" s="10"/>
    </row>
    <row r="95374" spans="14:14">
      <c r="N95374" s="10"/>
    </row>
    <row r="95375" spans="14:14">
      <c r="N95375" s="10"/>
    </row>
    <row r="95376" spans="14:14">
      <c r="N95376" s="10"/>
    </row>
    <row r="95377" spans="14:14">
      <c r="N95377" s="10"/>
    </row>
    <row r="95378" spans="14:14">
      <c r="N95378" s="10"/>
    </row>
    <row r="95379" spans="14:14">
      <c r="N95379" s="10"/>
    </row>
    <row r="95380" spans="14:14">
      <c r="N95380" s="10"/>
    </row>
    <row r="95381" spans="14:14">
      <c r="N95381" s="10"/>
    </row>
    <row r="95382" spans="14:14">
      <c r="N95382" s="10"/>
    </row>
    <row r="95383" spans="14:14">
      <c r="N95383" s="10"/>
    </row>
    <row r="95384" spans="14:14">
      <c r="N95384" s="10"/>
    </row>
    <row r="95385" spans="14:14">
      <c r="N95385" s="10"/>
    </row>
    <row r="95386" spans="14:14">
      <c r="N95386" s="10"/>
    </row>
    <row r="95387" spans="14:14">
      <c r="N95387" s="10"/>
    </row>
    <row r="95388" spans="14:14">
      <c r="N95388" s="10"/>
    </row>
    <row r="95389" spans="14:14">
      <c r="N95389" s="10"/>
    </row>
    <row r="95390" spans="14:14">
      <c r="N95390" s="10"/>
    </row>
    <row r="95391" spans="14:14">
      <c r="N95391" s="10"/>
    </row>
    <row r="95392" spans="14:14">
      <c r="N95392" s="10"/>
    </row>
    <row r="95393" spans="14:14">
      <c r="N95393" s="10"/>
    </row>
    <row r="95394" spans="14:14">
      <c r="N95394" s="10"/>
    </row>
    <row r="95395" spans="14:14">
      <c r="N95395" s="10"/>
    </row>
    <row r="95396" spans="14:14">
      <c r="N95396" s="10"/>
    </row>
    <row r="95397" spans="14:14">
      <c r="N95397" s="10"/>
    </row>
    <row r="95398" spans="14:14">
      <c r="N95398" s="10"/>
    </row>
    <row r="95399" spans="14:14">
      <c r="N95399" s="10"/>
    </row>
    <row r="95400" spans="14:14">
      <c r="N95400" s="10"/>
    </row>
    <row r="95401" spans="14:14">
      <c r="N95401" s="10"/>
    </row>
    <row r="95402" spans="14:14">
      <c r="N95402" s="10"/>
    </row>
    <row r="95403" spans="14:14">
      <c r="N95403" s="10"/>
    </row>
    <row r="95404" spans="14:14">
      <c r="N95404" s="10"/>
    </row>
    <row r="95405" spans="14:14">
      <c r="N95405" s="10"/>
    </row>
    <row r="95406" spans="14:14">
      <c r="N95406" s="10"/>
    </row>
    <row r="95407" spans="14:14">
      <c r="N95407" s="10"/>
    </row>
    <row r="95408" spans="14:14">
      <c r="N95408" s="10"/>
    </row>
    <row r="95409" spans="14:14">
      <c r="N95409" s="10"/>
    </row>
    <row r="95410" spans="14:14">
      <c r="N95410" s="10"/>
    </row>
    <row r="95411" spans="14:14">
      <c r="N95411" s="10"/>
    </row>
    <row r="95412" spans="14:14">
      <c r="N95412" s="10"/>
    </row>
    <row r="95413" spans="14:14">
      <c r="N95413" s="10"/>
    </row>
    <row r="95414" spans="14:14">
      <c r="N95414" s="10"/>
    </row>
    <row r="95415" spans="14:14">
      <c r="N95415" s="10"/>
    </row>
    <row r="95416" spans="14:14">
      <c r="N95416" s="10"/>
    </row>
    <row r="95417" spans="14:14">
      <c r="N95417" s="10"/>
    </row>
    <row r="95418" spans="14:14">
      <c r="N95418" s="10"/>
    </row>
    <row r="95419" spans="14:14">
      <c r="N95419" s="10"/>
    </row>
    <row r="95420" spans="14:14">
      <c r="N95420" s="10"/>
    </row>
    <row r="95421" spans="14:14">
      <c r="N95421" s="10"/>
    </row>
    <row r="95422" spans="14:14">
      <c r="N95422" s="10"/>
    </row>
    <row r="95423" spans="14:14">
      <c r="N95423" s="10"/>
    </row>
    <row r="95424" spans="14:14">
      <c r="N95424" s="10"/>
    </row>
    <row r="95425" spans="14:14">
      <c r="N95425" s="10"/>
    </row>
    <row r="95426" spans="14:14">
      <c r="N95426" s="10"/>
    </row>
    <row r="95427" spans="14:14">
      <c r="N95427" s="10"/>
    </row>
    <row r="95428" spans="14:14">
      <c r="N95428" s="10"/>
    </row>
    <row r="95429" spans="14:14">
      <c r="N95429" s="10"/>
    </row>
    <row r="95430" spans="14:14">
      <c r="N95430" s="10"/>
    </row>
    <row r="95431" spans="14:14">
      <c r="N95431" s="10"/>
    </row>
    <row r="95432" spans="14:14">
      <c r="N95432" s="10"/>
    </row>
    <row r="95433" spans="14:14">
      <c r="N95433" s="10"/>
    </row>
    <row r="95434" spans="14:14">
      <c r="N95434" s="10"/>
    </row>
    <row r="95435" spans="14:14">
      <c r="N95435" s="10"/>
    </row>
    <row r="95436" spans="14:14">
      <c r="N95436" s="10"/>
    </row>
    <row r="95437" spans="14:14">
      <c r="N95437" s="10"/>
    </row>
    <row r="95438" spans="14:14">
      <c r="N95438" s="10"/>
    </row>
    <row r="95439" spans="14:14">
      <c r="N95439" s="10"/>
    </row>
    <row r="95440" spans="14:14">
      <c r="N95440" s="10"/>
    </row>
    <row r="95441" spans="14:14">
      <c r="N95441" s="10"/>
    </row>
    <row r="95442" spans="14:14">
      <c r="N95442" s="10"/>
    </row>
    <row r="95443" spans="14:14">
      <c r="N95443" s="10"/>
    </row>
    <row r="95444" spans="14:14">
      <c r="N95444" s="10"/>
    </row>
    <row r="95445" spans="14:14">
      <c r="N95445" s="10"/>
    </row>
    <row r="95446" spans="14:14">
      <c r="N95446" s="10"/>
    </row>
    <row r="95447" spans="14:14">
      <c r="N95447" s="10"/>
    </row>
    <row r="95448" spans="14:14">
      <c r="N95448" s="10"/>
    </row>
    <row r="95449" spans="14:14">
      <c r="N95449" s="10"/>
    </row>
    <row r="95450" spans="14:14">
      <c r="N95450" s="10"/>
    </row>
    <row r="95451" spans="14:14">
      <c r="N95451" s="10"/>
    </row>
    <row r="95452" spans="14:14">
      <c r="N95452" s="10"/>
    </row>
    <row r="95453" spans="14:14">
      <c r="N95453" s="10"/>
    </row>
    <row r="95454" spans="14:14">
      <c r="N95454" s="10"/>
    </row>
    <row r="95455" spans="14:14">
      <c r="N95455" s="10"/>
    </row>
    <row r="95456" spans="14:14">
      <c r="N95456" s="10"/>
    </row>
    <row r="95457" spans="14:14">
      <c r="N95457" s="10"/>
    </row>
    <row r="95458" spans="14:14">
      <c r="N95458" s="10"/>
    </row>
    <row r="95459" spans="14:14">
      <c r="N95459" s="10"/>
    </row>
    <row r="95460" spans="14:14">
      <c r="N95460" s="10"/>
    </row>
    <row r="95461" spans="14:14">
      <c r="N95461" s="10"/>
    </row>
    <row r="95462" spans="14:14">
      <c r="N95462" s="10"/>
    </row>
    <row r="95463" spans="14:14">
      <c r="N95463" s="10"/>
    </row>
    <row r="95464" spans="14:14">
      <c r="N95464" s="10"/>
    </row>
    <row r="95465" spans="14:14">
      <c r="N95465" s="10"/>
    </row>
    <row r="95466" spans="14:14">
      <c r="N95466" s="10"/>
    </row>
    <row r="95467" spans="14:14">
      <c r="N95467" s="10"/>
    </row>
    <row r="95468" spans="14:14">
      <c r="N95468" s="10"/>
    </row>
    <row r="95469" spans="14:14">
      <c r="N95469" s="10"/>
    </row>
    <row r="95470" spans="14:14">
      <c r="N95470" s="10"/>
    </row>
    <row r="95471" spans="14:14">
      <c r="N95471" s="10"/>
    </row>
    <row r="95472" spans="14:14">
      <c r="N95472" s="10"/>
    </row>
    <row r="95473" spans="14:14">
      <c r="N95473" s="10"/>
    </row>
    <row r="95474" spans="14:14">
      <c r="N95474" s="10"/>
    </row>
    <row r="95475" spans="14:14">
      <c r="N95475" s="10"/>
    </row>
    <row r="95476" spans="14:14">
      <c r="N95476" s="10"/>
    </row>
    <row r="95477" spans="14:14">
      <c r="N95477" s="10"/>
    </row>
    <row r="95478" spans="14:14">
      <c r="N95478" s="10"/>
    </row>
    <row r="95479" spans="14:14">
      <c r="N95479" s="10"/>
    </row>
    <row r="95480" spans="14:14">
      <c r="N95480" s="10"/>
    </row>
    <row r="95481" spans="14:14">
      <c r="N95481" s="10"/>
    </row>
    <row r="95482" spans="14:14">
      <c r="N95482" s="10"/>
    </row>
    <row r="95483" spans="14:14">
      <c r="N95483" s="10"/>
    </row>
    <row r="95484" spans="14:14">
      <c r="N95484" s="10"/>
    </row>
    <row r="95485" spans="14:14">
      <c r="N95485" s="10"/>
    </row>
    <row r="95486" spans="14:14">
      <c r="N95486" s="10"/>
    </row>
    <row r="95487" spans="14:14">
      <c r="N95487" s="10"/>
    </row>
    <row r="95488" spans="14:14">
      <c r="N95488" s="10"/>
    </row>
    <row r="95489" spans="14:14">
      <c r="N95489" s="10"/>
    </row>
    <row r="95490" spans="14:14">
      <c r="N95490" s="10"/>
    </row>
    <row r="95491" spans="14:14">
      <c r="N95491" s="10"/>
    </row>
    <row r="95492" spans="14:14">
      <c r="N95492" s="10"/>
    </row>
    <row r="95493" spans="14:14">
      <c r="N95493" s="10"/>
    </row>
    <row r="95494" spans="14:14">
      <c r="N95494" s="10"/>
    </row>
    <row r="95495" spans="14:14">
      <c r="N95495" s="10"/>
    </row>
    <row r="95496" spans="14:14">
      <c r="N95496" s="10"/>
    </row>
    <row r="95497" spans="14:14">
      <c r="N95497" s="10"/>
    </row>
    <row r="95498" spans="14:14">
      <c r="N95498" s="10"/>
    </row>
    <row r="95499" spans="14:14">
      <c r="N95499" s="10"/>
    </row>
    <row r="95500" spans="14:14">
      <c r="N95500" s="10"/>
    </row>
    <row r="95501" spans="14:14">
      <c r="N95501" s="10"/>
    </row>
    <row r="95502" spans="14:14">
      <c r="N95502" s="10"/>
    </row>
    <row r="95503" spans="14:14">
      <c r="N95503" s="10"/>
    </row>
    <row r="95504" spans="14:14">
      <c r="N95504" s="10"/>
    </row>
    <row r="95505" spans="14:14">
      <c r="N95505" s="10"/>
    </row>
    <row r="95506" spans="14:14">
      <c r="N95506" s="10"/>
    </row>
    <row r="95507" spans="14:14">
      <c r="N95507" s="10"/>
    </row>
    <row r="95508" spans="14:14">
      <c r="N95508" s="10"/>
    </row>
    <row r="95509" spans="14:14">
      <c r="N95509" s="10"/>
    </row>
    <row r="95510" spans="14:14">
      <c r="N95510" s="10"/>
    </row>
    <row r="95511" spans="14:14">
      <c r="N95511" s="10"/>
    </row>
    <row r="95512" spans="14:14">
      <c r="N95512" s="10"/>
    </row>
    <row r="95513" spans="14:14">
      <c r="N95513" s="10"/>
    </row>
    <row r="95514" spans="14:14">
      <c r="N95514" s="10"/>
    </row>
    <row r="95515" spans="14:14">
      <c r="N95515" s="10"/>
    </row>
    <row r="95516" spans="14:14">
      <c r="N95516" s="10"/>
    </row>
    <row r="95517" spans="14:14">
      <c r="N95517" s="10"/>
    </row>
    <row r="95518" spans="14:14">
      <c r="N95518" s="10"/>
    </row>
    <row r="95519" spans="14:14">
      <c r="N95519" s="10"/>
    </row>
    <row r="95520" spans="14:14">
      <c r="N95520" s="10"/>
    </row>
    <row r="95521" spans="14:14">
      <c r="N95521" s="10"/>
    </row>
    <row r="95522" spans="14:14">
      <c r="N95522" s="10"/>
    </row>
    <row r="95523" spans="14:14">
      <c r="N95523" s="10"/>
    </row>
    <row r="95524" spans="14:14">
      <c r="N95524" s="10"/>
    </row>
    <row r="95525" spans="14:14">
      <c r="N95525" s="10"/>
    </row>
    <row r="95526" spans="14:14">
      <c r="N95526" s="10"/>
    </row>
    <row r="95527" spans="14:14">
      <c r="N95527" s="10"/>
    </row>
    <row r="95528" spans="14:14">
      <c r="N95528" s="10"/>
    </row>
    <row r="95529" spans="14:14">
      <c r="N95529" s="10"/>
    </row>
    <row r="95530" spans="14:14">
      <c r="N95530" s="10"/>
    </row>
    <row r="95531" spans="14:14">
      <c r="N95531" s="10"/>
    </row>
    <row r="95532" spans="14:14">
      <c r="N95532" s="10"/>
    </row>
    <row r="95533" spans="14:14">
      <c r="N95533" s="10"/>
    </row>
    <row r="95534" spans="14:14">
      <c r="N95534" s="10"/>
    </row>
    <row r="95535" spans="14:14">
      <c r="N95535" s="10"/>
    </row>
    <row r="95536" spans="14:14">
      <c r="N95536" s="10"/>
    </row>
    <row r="95537" spans="14:14">
      <c r="N95537" s="10"/>
    </row>
    <row r="95538" spans="14:14">
      <c r="N95538" s="10"/>
    </row>
    <row r="95539" spans="14:14">
      <c r="N95539" s="10"/>
    </row>
    <row r="95540" spans="14:14">
      <c r="N95540" s="10"/>
    </row>
    <row r="95541" spans="14:14">
      <c r="N95541" s="10"/>
    </row>
    <row r="95542" spans="14:14">
      <c r="N95542" s="10"/>
    </row>
    <row r="95543" spans="14:14">
      <c r="N95543" s="10"/>
    </row>
    <row r="95544" spans="14:14">
      <c r="N95544" s="10"/>
    </row>
    <row r="95545" spans="14:14">
      <c r="N95545" s="10"/>
    </row>
    <row r="95546" spans="14:14">
      <c r="N95546" s="10"/>
    </row>
    <row r="95547" spans="14:14">
      <c r="N95547" s="10"/>
    </row>
    <row r="95548" spans="14:14">
      <c r="N95548" s="10"/>
    </row>
    <row r="95549" spans="14:14">
      <c r="N95549" s="10"/>
    </row>
    <row r="95550" spans="14:14">
      <c r="N95550" s="10"/>
    </row>
    <row r="95551" spans="14:14">
      <c r="N95551" s="10"/>
    </row>
    <row r="95552" spans="14:14">
      <c r="N95552" s="10"/>
    </row>
    <row r="95553" spans="14:14">
      <c r="N95553" s="10"/>
    </row>
    <row r="95554" spans="14:14">
      <c r="N95554" s="10"/>
    </row>
    <row r="95555" spans="14:14">
      <c r="N95555" s="10"/>
    </row>
    <row r="95556" spans="14:14">
      <c r="N95556" s="10"/>
    </row>
    <row r="95557" spans="14:14">
      <c r="N95557" s="10"/>
    </row>
    <row r="95558" spans="14:14">
      <c r="N95558" s="10"/>
    </row>
    <row r="95559" spans="14:14">
      <c r="N95559" s="10"/>
    </row>
    <row r="95560" spans="14:14">
      <c r="N95560" s="10"/>
    </row>
    <row r="95561" spans="14:14">
      <c r="N95561" s="10"/>
    </row>
    <row r="95562" spans="14:14">
      <c r="N95562" s="10"/>
    </row>
    <row r="95563" spans="14:14">
      <c r="N95563" s="10"/>
    </row>
    <row r="95564" spans="14:14">
      <c r="N95564" s="10"/>
    </row>
    <row r="95565" spans="14:14">
      <c r="N95565" s="10"/>
    </row>
    <row r="95566" spans="14:14">
      <c r="N95566" s="10"/>
    </row>
    <row r="95567" spans="14:14">
      <c r="N95567" s="10"/>
    </row>
    <row r="95568" spans="14:14">
      <c r="N95568" s="10"/>
    </row>
    <row r="95569" spans="14:14">
      <c r="N95569" s="10"/>
    </row>
    <row r="95570" spans="14:14">
      <c r="N95570" s="10"/>
    </row>
    <row r="95571" spans="14:14">
      <c r="N95571" s="10"/>
    </row>
    <row r="95572" spans="14:14">
      <c r="N95572" s="10"/>
    </row>
    <row r="95573" spans="14:14">
      <c r="N95573" s="10"/>
    </row>
    <row r="95574" spans="14:14">
      <c r="N95574" s="10"/>
    </row>
    <row r="95575" spans="14:14">
      <c r="N95575" s="10"/>
    </row>
    <row r="95576" spans="14:14">
      <c r="N95576" s="10"/>
    </row>
    <row r="95577" spans="14:14">
      <c r="N95577" s="10"/>
    </row>
    <row r="95578" spans="14:14">
      <c r="N95578" s="10"/>
    </row>
    <row r="95579" spans="14:14">
      <c r="N95579" s="10"/>
    </row>
    <row r="95580" spans="14:14">
      <c r="N95580" s="10"/>
    </row>
    <row r="95581" spans="14:14">
      <c r="N95581" s="10"/>
    </row>
    <row r="95582" spans="14:14">
      <c r="N95582" s="10"/>
    </row>
    <row r="95583" spans="14:14">
      <c r="N95583" s="10"/>
    </row>
    <row r="95584" spans="14:14">
      <c r="N95584" s="10"/>
    </row>
    <row r="95585" spans="14:14">
      <c r="N95585" s="10"/>
    </row>
    <row r="95586" spans="14:14">
      <c r="N95586" s="10"/>
    </row>
    <row r="95587" spans="14:14">
      <c r="N95587" s="10"/>
    </row>
    <row r="95588" spans="14:14">
      <c r="N95588" s="10"/>
    </row>
    <row r="95589" spans="14:14">
      <c r="N95589" s="10"/>
    </row>
    <row r="95590" spans="14:14">
      <c r="N95590" s="10"/>
    </row>
    <row r="95591" spans="14:14">
      <c r="N95591" s="10"/>
    </row>
    <row r="95592" spans="14:14">
      <c r="N95592" s="10"/>
    </row>
    <row r="95593" spans="14:14">
      <c r="N95593" s="10"/>
    </row>
    <row r="95594" spans="14:14">
      <c r="N95594" s="10"/>
    </row>
    <row r="95595" spans="14:14">
      <c r="N95595" s="10"/>
    </row>
    <row r="95596" spans="14:14">
      <c r="N95596" s="10"/>
    </row>
    <row r="95597" spans="14:14">
      <c r="N95597" s="10"/>
    </row>
    <row r="95598" spans="14:14">
      <c r="N95598" s="10"/>
    </row>
    <row r="95599" spans="14:14">
      <c r="N95599" s="10"/>
    </row>
    <row r="95600" spans="14:14">
      <c r="N95600" s="10"/>
    </row>
    <row r="95601" spans="14:14">
      <c r="N95601" s="10"/>
    </row>
    <row r="95602" spans="14:14">
      <c r="N95602" s="10"/>
    </row>
    <row r="95603" spans="14:14">
      <c r="N95603" s="10"/>
    </row>
    <row r="95604" spans="14:14">
      <c r="N95604" s="10"/>
    </row>
    <row r="95605" spans="14:14">
      <c r="N95605" s="10"/>
    </row>
    <row r="95606" spans="14:14">
      <c r="N95606" s="10"/>
    </row>
    <row r="95607" spans="14:14">
      <c r="N95607" s="10"/>
    </row>
    <row r="95608" spans="14:14">
      <c r="N95608" s="10"/>
    </row>
    <row r="95609" spans="14:14">
      <c r="N95609" s="10"/>
    </row>
    <row r="95610" spans="14:14">
      <c r="N95610" s="10"/>
    </row>
    <row r="95611" spans="14:14">
      <c r="N95611" s="10"/>
    </row>
    <row r="95612" spans="14:14">
      <c r="N95612" s="10"/>
    </row>
    <row r="95613" spans="14:14">
      <c r="N95613" s="10"/>
    </row>
    <row r="95614" spans="14:14">
      <c r="N95614" s="10"/>
    </row>
    <row r="95615" spans="14:14">
      <c r="N95615" s="10"/>
    </row>
    <row r="95616" spans="14:14">
      <c r="N95616" s="10"/>
    </row>
    <row r="95617" spans="14:14">
      <c r="N95617" s="10"/>
    </row>
    <row r="95618" spans="14:14">
      <c r="N95618" s="10"/>
    </row>
    <row r="95619" spans="14:14">
      <c r="N95619" s="10"/>
    </row>
    <row r="95620" spans="14:14">
      <c r="N95620" s="10"/>
    </row>
    <row r="95621" spans="14:14">
      <c r="N95621" s="10"/>
    </row>
    <row r="95622" spans="14:14">
      <c r="N95622" s="10"/>
    </row>
    <row r="95623" spans="14:14">
      <c r="N95623" s="10"/>
    </row>
    <row r="95624" spans="14:14">
      <c r="N95624" s="10"/>
    </row>
    <row r="95625" spans="14:14">
      <c r="N95625" s="10"/>
    </row>
    <row r="95626" spans="14:14">
      <c r="N95626" s="10"/>
    </row>
    <row r="95627" spans="14:14">
      <c r="N95627" s="10"/>
    </row>
    <row r="95628" spans="14:14">
      <c r="N95628" s="10"/>
    </row>
    <row r="95629" spans="14:14">
      <c r="N95629" s="10"/>
    </row>
    <row r="95630" spans="14:14">
      <c r="N95630" s="10"/>
    </row>
    <row r="95631" spans="14:14">
      <c r="N95631" s="10"/>
    </row>
    <row r="95632" spans="14:14">
      <c r="N95632" s="10"/>
    </row>
    <row r="95633" spans="14:14">
      <c r="N95633" s="10"/>
    </row>
    <row r="95634" spans="14:14">
      <c r="N95634" s="10"/>
    </row>
    <row r="95635" spans="14:14">
      <c r="N95635" s="10"/>
    </row>
    <row r="95636" spans="14:14">
      <c r="N95636" s="10"/>
    </row>
    <row r="95637" spans="14:14">
      <c r="N95637" s="10"/>
    </row>
    <row r="95638" spans="14:14">
      <c r="N95638" s="10"/>
    </row>
    <row r="95639" spans="14:14">
      <c r="N95639" s="10"/>
    </row>
    <row r="95640" spans="14:14">
      <c r="N95640" s="10"/>
    </row>
    <row r="95641" spans="14:14">
      <c r="N95641" s="10"/>
    </row>
    <row r="95642" spans="14:14">
      <c r="N95642" s="10"/>
    </row>
    <row r="95643" spans="14:14">
      <c r="N95643" s="10"/>
    </row>
    <row r="95644" spans="14:14">
      <c r="N95644" s="10"/>
    </row>
    <row r="95645" spans="14:14">
      <c r="N95645" s="10"/>
    </row>
    <row r="95646" spans="14:14">
      <c r="N95646" s="10"/>
    </row>
    <row r="95647" spans="14:14">
      <c r="N95647" s="10"/>
    </row>
    <row r="95648" spans="14:14">
      <c r="N95648" s="10"/>
    </row>
    <row r="95649" spans="14:14">
      <c r="N95649" s="10"/>
    </row>
    <row r="95650" spans="14:14">
      <c r="N95650" s="10"/>
    </row>
    <row r="95651" spans="14:14">
      <c r="N95651" s="10"/>
    </row>
    <row r="95652" spans="14:14">
      <c r="N95652" s="10"/>
    </row>
    <row r="95653" spans="14:14">
      <c r="N95653" s="10"/>
    </row>
    <row r="95654" spans="14:14">
      <c r="N95654" s="10"/>
    </row>
    <row r="95655" spans="14:14">
      <c r="N95655" s="10"/>
    </row>
    <row r="95656" spans="14:14">
      <c r="N95656" s="10"/>
    </row>
    <row r="95657" spans="14:14">
      <c r="N95657" s="10"/>
    </row>
    <row r="95658" spans="14:14">
      <c r="N95658" s="10"/>
    </row>
    <row r="95659" spans="14:14">
      <c r="N95659" s="10"/>
    </row>
    <row r="95660" spans="14:14">
      <c r="N95660" s="10"/>
    </row>
    <row r="95661" spans="14:14">
      <c r="N95661" s="10"/>
    </row>
    <row r="95662" spans="14:14">
      <c r="N95662" s="10"/>
    </row>
    <row r="95663" spans="14:14">
      <c r="N95663" s="10"/>
    </row>
    <row r="95664" spans="14:14">
      <c r="N95664" s="10"/>
    </row>
    <row r="95665" spans="14:14">
      <c r="N95665" s="10"/>
    </row>
    <row r="95666" spans="14:14">
      <c r="N95666" s="10"/>
    </row>
    <row r="95667" spans="14:14">
      <c r="N95667" s="10"/>
    </row>
    <row r="95668" spans="14:14">
      <c r="N95668" s="10"/>
    </row>
    <row r="95669" spans="14:14">
      <c r="N95669" s="10"/>
    </row>
    <row r="95670" spans="14:14">
      <c r="N95670" s="10"/>
    </row>
    <row r="95671" spans="14:14">
      <c r="N95671" s="10"/>
    </row>
    <row r="95672" spans="14:14">
      <c r="N95672" s="10"/>
    </row>
    <row r="95673" spans="14:14">
      <c r="N95673" s="10"/>
    </row>
    <row r="95674" spans="14:14">
      <c r="N95674" s="10"/>
    </row>
    <row r="95675" spans="14:14">
      <c r="N95675" s="10"/>
    </row>
    <row r="95676" spans="14:14">
      <c r="N95676" s="10"/>
    </row>
    <row r="95677" spans="14:14">
      <c r="N95677" s="10"/>
    </row>
    <row r="95678" spans="14:14">
      <c r="N95678" s="10"/>
    </row>
    <row r="95679" spans="14:14">
      <c r="N95679" s="10"/>
    </row>
    <row r="95680" spans="14:14">
      <c r="N95680" s="10"/>
    </row>
    <row r="95681" spans="14:14">
      <c r="N95681" s="10"/>
    </row>
    <row r="95682" spans="14:14">
      <c r="N95682" s="10"/>
    </row>
    <row r="95683" spans="14:14">
      <c r="N95683" s="10"/>
    </row>
    <row r="95684" spans="14:14">
      <c r="N95684" s="10"/>
    </row>
    <row r="95685" spans="14:14">
      <c r="N95685" s="10"/>
    </row>
    <row r="95686" spans="14:14">
      <c r="N95686" s="10"/>
    </row>
    <row r="95687" spans="14:14">
      <c r="N95687" s="10"/>
    </row>
    <row r="95688" spans="14:14">
      <c r="N95688" s="10"/>
    </row>
    <row r="95689" spans="14:14">
      <c r="N95689" s="10"/>
    </row>
    <row r="95690" spans="14:14">
      <c r="N95690" s="10"/>
    </row>
    <row r="95691" spans="14:14">
      <c r="N95691" s="10"/>
    </row>
    <row r="95692" spans="14:14">
      <c r="N95692" s="10"/>
    </row>
    <row r="95693" spans="14:14">
      <c r="N95693" s="10"/>
    </row>
    <row r="95694" spans="14:14">
      <c r="N95694" s="10"/>
    </row>
    <row r="95695" spans="14:14">
      <c r="N95695" s="10"/>
    </row>
    <row r="95696" spans="14:14">
      <c r="N95696" s="10"/>
    </row>
    <row r="95697" spans="14:14">
      <c r="N95697" s="10"/>
    </row>
    <row r="95698" spans="14:14">
      <c r="N95698" s="10"/>
    </row>
    <row r="95699" spans="14:14">
      <c r="N95699" s="10"/>
    </row>
    <row r="95700" spans="14:14">
      <c r="N95700" s="10"/>
    </row>
    <row r="95701" spans="14:14">
      <c r="N95701" s="10"/>
    </row>
    <row r="95702" spans="14:14">
      <c r="N95702" s="10"/>
    </row>
    <row r="95703" spans="14:14">
      <c r="N95703" s="10"/>
    </row>
    <row r="95704" spans="14:14">
      <c r="N95704" s="10"/>
    </row>
    <row r="95705" spans="14:14">
      <c r="N95705" s="10"/>
    </row>
    <row r="95706" spans="14:14">
      <c r="N95706" s="10"/>
    </row>
    <row r="95707" spans="14:14">
      <c r="N95707" s="10"/>
    </row>
    <row r="95708" spans="14:14">
      <c r="N95708" s="10"/>
    </row>
    <row r="95709" spans="14:14">
      <c r="N95709" s="10"/>
    </row>
    <row r="95710" spans="14:14">
      <c r="N95710" s="10"/>
    </row>
    <row r="95711" spans="14:14">
      <c r="N95711" s="10"/>
    </row>
    <row r="95712" spans="14:14">
      <c r="N95712" s="10"/>
    </row>
    <row r="95713" spans="14:14">
      <c r="N95713" s="10"/>
    </row>
    <row r="95714" spans="14:14">
      <c r="N95714" s="10"/>
    </row>
    <row r="95715" spans="14:14">
      <c r="N95715" s="10"/>
    </row>
    <row r="95716" spans="14:14">
      <c r="N95716" s="10"/>
    </row>
    <row r="95717" spans="14:14">
      <c r="N95717" s="10"/>
    </row>
    <row r="95718" spans="14:14">
      <c r="N95718" s="10"/>
    </row>
    <row r="95719" spans="14:14">
      <c r="N95719" s="10"/>
    </row>
    <row r="95720" spans="14:14">
      <c r="N95720" s="10"/>
    </row>
    <row r="95721" spans="14:14">
      <c r="N95721" s="10"/>
    </row>
    <row r="95722" spans="14:14">
      <c r="N95722" s="10"/>
    </row>
    <row r="95723" spans="14:14">
      <c r="N95723" s="10"/>
    </row>
    <row r="95724" spans="14:14">
      <c r="N95724" s="10"/>
    </row>
    <row r="95725" spans="14:14">
      <c r="N95725" s="10"/>
    </row>
    <row r="95726" spans="14:14">
      <c r="N95726" s="10"/>
    </row>
    <row r="95727" spans="14:14">
      <c r="N95727" s="10"/>
    </row>
    <row r="95728" spans="14:14">
      <c r="N95728" s="10"/>
    </row>
    <row r="95729" spans="14:14">
      <c r="N95729" s="10"/>
    </row>
    <row r="95730" spans="14:14">
      <c r="N95730" s="10"/>
    </row>
    <row r="95731" spans="14:14">
      <c r="N95731" s="10"/>
    </row>
    <row r="95732" spans="14:14">
      <c r="N95732" s="10"/>
    </row>
    <row r="95733" spans="14:14">
      <c r="N95733" s="10"/>
    </row>
    <row r="95734" spans="14:14">
      <c r="N95734" s="10"/>
    </row>
    <row r="95735" spans="14:14">
      <c r="N95735" s="10"/>
    </row>
    <row r="95736" spans="14:14">
      <c r="N95736" s="10"/>
    </row>
    <row r="95737" spans="14:14">
      <c r="N95737" s="10"/>
    </row>
    <row r="95738" spans="14:14">
      <c r="N95738" s="10"/>
    </row>
    <row r="95739" spans="14:14">
      <c r="N95739" s="10"/>
    </row>
    <row r="95740" spans="14:14">
      <c r="N95740" s="10"/>
    </row>
    <row r="95741" spans="14:14">
      <c r="N95741" s="10"/>
    </row>
    <row r="95742" spans="14:14">
      <c r="N95742" s="10"/>
    </row>
    <row r="95743" spans="14:14">
      <c r="N95743" s="10"/>
    </row>
    <row r="95744" spans="14:14">
      <c r="N95744" s="10"/>
    </row>
    <row r="95745" spans="14:14">
      <c r="N95745" s="10"/>
    </row>
    <row r="95746" spans="14:14">
      <c r="N95746" s="10"/>
    </row>
    <row r="95747" spans="14:14">
      <c r="N95747" s="10"/>
    </row>
    <row r="95748" spans="14:14">
      <c r="N95748" s="10"/>
    </row>
    <row r="95749" spans="14:14">
      <c r="N95749" s="10"/>
    </row>
    <row r="95750" spans="14:14">
      <c r="N95750" s="10"/>
    </row>
    <row r="95751" spans="14:14">
      <c r="N95751" s="10"/>
    </row>
    <row r="95752" spans="14:14">
      <c r="N95752" s="10"/>
    </row>
    <row r="95753" spans="14:14">
      <c r="N95753" s="10"/>
    </row>
    <row r="95754" spans="14:14">
      <c r="N95754" s="10"/>
    </row>
    <row r="95755" spans="14:14">
      <c r="N95755" s="10"/>
    </row>
    <row r="95756" spans="14:14">
      <c r="N95756" s="10"/>
    </row>
    <row r="95757" spans="14:14">
      <c r="N95757" s="10"/>
    </row>
    <row r="95758" spans="14:14">
      <c r="N95758" s="10"/>
    </row>
    <row r="95759" spans="14:14">
      <c r="N95759" s="10"/>
    </row>
    <row r="95760" spans="14:14">
      <c r="N95760" s="10"/>
    </row>
    <row r="95761" spans="14:14">
      <c r="N95761" s="10"/>
    </row>
    <row r="95762" spans="14:14">
      <c r="N95762" s="10"/>
    </row>
    <row r="95763" spans="14:14">
      <c r="N95763" s="10"/>
    </row>
    <row r="95764" spans="14:14">
      <c r="N95764" s="10"/>
    </row>
    <row r="95765" spans="14:14">
      <c r="N95765" s="10"/>
    </row>
    <row r="95766" spans="14:14">
      <c r="N95766" s="10"/>
    </row>
    <row r="95767" spans="14:14">
      <c r="N95767" s="10"/>
    </row>
    <row r="95768" spans="14:14">
      <c r="N95768" s="10"/>
    </row>
    <row r="95769" spans="14:14">
      <c r="N95769" s="10"/>
    </row>
    <row r="95770" spans="14:14">
      <c r="N95770" s="10"/>
    </row>
    <row r="95771" spans="14:14">
      <c r="N95771" s="10"/>
    </row>
    <row r="95772" spans="14:14">
      <c r="N95772" s="10"/>
    </row>
    <row r="95773" spans="14:14">
      <c r="N95773" s="10"/>
    </row>
    <row r="95774" spans="14:14">
      <c r="N95774" s="10"/>
    </row>
    <row r="95775" spans="14:14">
      <c r="N95775" s="10"/>
    </row>
    <row r="95776" spans="14:14">
      <c r="N95776" s="10"/>
    </row>
    <row r="95777" spans="14:14">
      <c r="N95777" s="10"/>
    </row>
    <row r="95778" spans="14:14">
      <c r="N95778" s="10"/>
    </row>
    <row r="95779" spans="14:14">
      <c r="N95779" s="10"/>
    </row>
    <row r="95780" spans="14:14">
      <c r="N95780" s="10"/>
    </row>
    <row r="95781" spans="14:14">
      <c r="N95781" s="10"/>
    </row>
    <row r="95782" spans="14:14">
      <c r="N95782" s="10"/>
    </row>
    <row r="95783" spans="14:14">
      <c r="N95783" s="10"/>
    </row>
    <row r="95784" spans="14:14">
      <c r="N95784" s="10"/>
    </row>
    <row r="95785" spans="14:14">
      <c r="N95785" s="10"/>
    </row>
    <row r="95786" spans="14:14">
      <c r="N95786" s="10"/>
    </row>
    <row r="95787" spans="14:14">
      <c r="N95787" s="10"/>
    </row>
    <row r="95788" spans="14:14">
      <c r="N95788" s="10"/>
    </row>
    <row r="95789" spans="14:14">
      <c r="N95789" s="10"/>
    </row>
    <row r="95790" spans="14:14">
      <c r="N95790" s="10"/>
    </row>
    <row r="95791" spans="14:14">
      <c r="N95791" s="10"/>
    </row>
    <row r="95792" spans="14:14">
      <c r="N95792" s="10"/>
    </row>
    <row r="95793" spans="14:14">
      <c r="N95793" s="10"/>
    </row>
    <row r="95794" spans="14:14">
      <c r="N95794" s="10"/>
    </row>
    <row r="95795" spans="14:14">
      <c r="N95795" s="10"/>
    </row>
    <row r="95796" spans="14:14">
      <c r="N95796" s="10"/>
    </row>
    <row r="95797" spans="14:14">
      <c r="N95797" s="10"/>
    </row>
    <row r="95798" spans="14:14">
      <c r="N95798" s="10"/>
    </row>
    <row r="95799" spans="14:14">
      <c r="N95799" s="10"/>
    </row>
    <row r="95800" spans="14:14">
      <c r="N95800" s="10"/>
    </row>
    <row r="95801" spans="14:14">
      <c r="N95801" s="10"/>
    </row>
    <row r="95802" spans="14:14">
      <c r="N95802" s="10"/>
    </row>
    <row r="95803" spans="14:14">
      <c r="N95803" s="10"/>
    </row>
    <row r="95804" spans="14:14">
      <c r="N95804" s="10"/>
    </row>
    <row r="95805" spans="14:14">
      <c r="N95805" s="10"/>
    </row>
    <row r="95806" spans="14:14">
      <c r="N95806" s="10"/>
    </row>
    <row r="95807" spans="14:14">
      <c r="N95807" s="10"/>
    </row>
    <row r="95808" spans="14:14">
      <c r="N95808" s="10"/>
    </row>
    <row r="95809" spans="14:14">
      <c r="N95809" s="10"/>
    </row>
    <row r="95810" spans="14:14">
      <c r="N95810" s="10"/>
    </row>
    <row r="95811" spans="14:14">
      <c r="N95811" s="10"/>
    </row>
    <row r="95812" spans="14:14">
      <c r="N95812" s="10"/>
    </row>
    <row r="95813" spans="14:14">
      <c r="N95813" s="10"/>
    </row>
    <row r="95814" spans="14:14">
      <c r="N95814" s="10"/>
    </row>
    <row r="95815" spans="14:14">
      <c r="N95815" s="10"/>
    </row>
    <row r="95816" spans="14:14">
      <c r="N95816" s="10"/>
    </row>
    <row r="95817" spans="14:14">
      <c r="N95817" s="10"/>
    </row>
    <row r="95818" spans="14:14">
      <c r="N95818" s="10"/>
    </row>
    <row r="95819" spans="14:14">
      <c r="N95819" s="10"/>
    </row>
    <row r="95820" spans="14:14">
      <c r="N95820" s="10"/>
    </row>
    <row r="95821" spans="14:14">
      <c r="N95821" s="10"/>
    </row>
    <row r="95822" spans="14:14">
      <c r="N95822" s="10"/>
    </row>
    <row r="95823" spans="14:14">
      <c r="N95823" s="10"/>
    </row>
    <row r="95824" spans="14:14">
      <c r="N95824" s="10"/>
    </row>
    <row r="95825" spans="14:14">
      <c r="N95825" s="10"/>
    </row>
    <row r="95826" spans="14:14">
      <c r="N95826" s="10"/>
    </row>
    <row r="95827" spans="14:14">
      <c r="N95827" s="10"/>
    </row>
    <row r="95828" spans="14:14">
      <c r="N95828" s="10"/>
    </row>
    <row r="95829" spans="14:14">
      <c r="N95829" s="10"/>
    </row>
    <row r="95830" spans="14:14">
      <c r="N95830" s="10"/>
    </row>
    <row r="95831" spans="14:14">
      <c r="N95831" s="10"/>
    </row>
    <row r="95832" spans="14:14">
      <c r="N95832" s="10"/>
    </row>
    <row r="95833" spans="14:14">
      <c r="N95833" s="10"/>
    </row>
    <row r="95834" spans="14:14">
      <c r="N95834" s="10"/>
    </row>
    <row r="95835" spans="14:14">
      <c r="N95835" s="10"/>
    </row>
    <row r="95836" spans="14:14">
      <c r="N95836" s="10"/>
    </row>
    <row r="95837" spans="14:14">
      <c r="N95837" s="10"/>
    </row>
    <row r="95838" spans="14:14">
      <c r="N95838" s="10"/>
    </row>
    <row r="95839" spans="14:14">
      <c r="N95839" s="10"/>
    </row>
    <row r="95840" spans="14:14">
      <c r="N95840" s="10"/>
    </row>
    <row r="95841" spans="14:14">
      <c r="N95841" s="10"/>
    </row>
    <row r="95842" spans="14:14">
      <c r="N95842" s="10"/>
    </row>
    <row r="95843" spans="14:14">
      <c r="N95843" s="10"/>
    </row>
    <row r="95844" spans="14:14">
      <c r="N95844" s="10"/>
    </row>
    <row r="95845" spans="14:14">
      <c r="N95845" s="10"/>
    </row>
    <row r="95846" spans="14:14">
      <c r="N95846" s="10"/>
    </row>
    <row r="95847" spans="14:14">
      <c r="N95847" s="10"/>
    </row>
    <row r="95848" spans="14:14">
      <c r="N95848" s="10"/>
    </row>
    <row r="95849" spans="14:14">
      <c r="N95849" s="10"/>
    </row>
    <row r="95850" spans="14:14">
      <c r="N95850" s="10"/>
    </row>
    <row r="95851" spans="14:14">
      <c r="N95851" s="10"/>
    </row>
    <row r="95852" spans="14:14">
      <c r="N95852" s="10"/>
    </row>
    <row r="95853" spans="14:14">
      <c r="N95853" s="10"/>
    </row>
    <row r="95854" spans="14:14">
      <c r="N95854" s="10"/>
    </row>
    <row r="95855" spans="14:14">
      <c r="N95855" s="10"/>
    </row>
    <row r="95856" spans="14:14">
      <c r="N95856" s="10"/>
    </row>
    <row r="95857" spans="14:14">
      <c r="N95857" s="10"/>
    </row>
    <row r="95858" spans="14:14">
      <c r="N95858" s="10"/>
    </row>
    <row r="95859" spans="14:14">
      <c r="N95859" s="10"/>
    </row>
    <row r="95860" spans="14:14">
      <c r="N95860" s="10"/>
    </row>
    <row r="95861" spans="14:14">
      <c r="N95861" s="10"/>
    </row>
    <row r="95862" spans="14:14">
      <c r="N95862" s="10"/>
    </row>
    <row r="95863" spans="14:14">
      <c r="N95863" s="10"/>
    </row>
    <row r="95864" spans="14:14">
      <c r="N95864" s="10"/>
    </row>
    <row r="95865" spans="14:14">
      <c r="N95865" s="10"/>
    </row>
    <row r="95866" spans="14:14">
      <c r="N95866" s="10"/>
    </row>
    <row r="95867" spans="14:14">
      <c r="N95867" s="10"/>
    </row>
    <row r="95868" spans="14:14">
      <c r="N95868" s="10"/>
    </row>
    <row r="95869" spans="14:14">
      <c r="N95869" s="10"/>
    </row>
    <row r="95870" spans="14:14">
      <c r="N95870" s="10"/>
    </row>
    <row r="95871" spans="14:14">
      <c r="N95871" s="10"/>
    </row>
    <row r="95872" spans="14:14">
      <c r="N95872" s="10"/>
    </row>
    <row r="95873" spans="14:14">
      <c r="N95873" s="10"/>
    </row>
    <row r="95874" spans="14:14">
      <c r="N95874" s="10"/>
    </row>
    <row r="95875" spans="14:14">
      <c r="N95875" s="10"/>
    </row>
    <row r="95876" spans="14:14">
      <c r="N95876" s="10"/>
    </row>
    <row r="95877" spans="14:14">
      <c r="N95877" s="10"/>
    </row>
    <row r="95878" spans="14:14">
      <c r="N95878" s="10"/>
    </row>
    <row r="95879" spans="14:14">
      <c r="N95879" s="10"/>
    </row>
    <row r="95880" spans="14:14">
      <c r="N95880" s="10"/>
    </row>
    <row r="95881" spans="14:14">
      <c r="N95881" s="10"/>
    </row>
    <row r="95882" spans="14:14">
      <c r="N95882" s="10"/>
    </row>
    <row r="95883" spans="14:14">
      <c r="N95883" s="10"/>
    </row>
    <row r="95884" spans="14:14">
      <c r="N95884" s="10"/>
    </row>
    <row r="95885" spans="14:14">
      <c r="N95885" s="10"/>
    </row>
    <row r="95886" spans="14:14">
      <c r="N95886" s="10"/>
    </row>
    <row r="95887" spans="14:14">
      <c r="N95887" s="10"/>
    </row>
    <row r="95888" spans="14:14">
      <c r="N95888" s="10"/>
    </row>
    <row r="95889" spans="14:14">
      <c r="N95889" s="10"/>
    </row>
    <row r="95890" spans="14:14">
      <c r="N95890" s="10"/>
    </row>
    <row r="95891" spans="14:14">
      <c r="N95891" s="10"/>
    </row>
    <row r="95892" spans="14:14">
      <c r="N95892" s="10"/>
    </row>
    <row r="95893" spans="14:14">
      <c r="N95893" s="10"/>
    </row>
    <row r="95894" spans="14:14">
      <c r="N95894" s="10"/>
    </row>
    <row r="95895" spans="14:14">
      <c r="N95895" s="10"/>
    </row>
    <row r="95896" spans="14:14">
      <c r="N95896" s="10"/>
    </row>
    <row r="95897" spans="14:14">
      <c r="N95897" s="10"/>
    </row>
    <row r="95898" spans="14:14">
      <c r="N95898" s="10"/>
    </row>
    <row r="95899" spans="14:14">
      <c r="N95899" s="10"/>
    </row>
    <row r="95900" spans="14:14">
      <c r="N95900" s="10"/>
    </row>
    <row r="95901" spans="14:14">
      <c r="N95901" s="10"/>
    </row>
    <row r="95902" spans="14:14">
      <c r="N95902" s="10"/>
    </row>
    <row r="95903" spans="14:14">
      <c r="N95903" s="10"/>
    </row>
    <row r="95904" spans="14:14">
      <c r="N95904" s="10"/>
    </row>
    <row r="95905" spans="14:14">
      <c r="N95905" s="10"/>
    </row>
    <row r="95906" spans="14:14">
      <c r="N95906" s="10"/>
    </row>
    <row r="95907" spans="14:14">
      <c r="N95907" s="10"/>
    </row>
    <row r="95908" spans="14:14">
      <c r="N95908" s="10"/>
    </row>
    <row r="95909" spans="14:14">
      <c r="N95909" s="10"/>
    </row>
    <row r="95910" spans="14:14">
      <c r="N95910" s="10"/>
    </row>
    <row r="95911" spans="14:14">
      <c r="N95911" s="10"/>
    </row>
    <row r="95912" spans="14:14">
      <c r="N95912" s="10"/>
    </row>
    <row r="95913" spans="14:14">
      <c r="N95913" s="10"/>
    </row>
    <row r="95914" spans="14:14">
      <c r="N95914" s="10"/>
    </row>
    <row r="95915" spans="14:14">
      <c r="N95915" s="10"/>
    </row>
    <row r="95916" spans="14:14">
      <c r="N95916" s="10"/>
    </row>
    <row r="95917" spans="14:14">
      <c r="N95917" s="10"/>
    </row>
    <row r="95918" spans="14:14">
      <c r="N95918" s="10"/>
    </row>
    <row r="95919" spans="14:14">
      <c r="N95919" s="10"/>
    </row>
    <row r="95920" spans="14:14">
      <c r="N95920" s="10"/>
    </row>
    <row r="95921" spans="14:14">
      <c r="N95921" s="10"/>
    </row>
    <row r="95922" spans="14:14">
      <c r="N95922" s="10"/>
    </row>
    <row r="95923" spans="14:14">
      <c r="N95923" s="10"/>
    </row>
    <row r="95924" spans="14:14">
      <c r="N95924" s="10"/>
    </row>
    <row r="95925" spans="14:14">
      <c r="N95925" s="10"/>
    </row>
    <row r="95926" spans="14:14">
      <c r="N95926" s="10"/>
    </row>
    <row r="95927" spans="14:14">
      <c r="N95927" s="10"/>
    </row>
    <row r="95928" spans="14:14">
      <c r="N95928" s="10"/>
    </row>
    <row r="95929" spans="14:14">
      <c r="N95929" s="10"/>
    </row>
    <row r="95930" spans="14:14">
      <c r="N95930" s="10"/>
    </row>
    <row r="95931" spans="14:14">
      <c r="N95931" s="10"/>
    </row>
    <row r="95932" spans="14:14">
      <c r="N95932" s="10"/>
    </row>
    <row r="95933" spans="14:14">
      <c r="N95933" s="10"/>
    </row>
    <row r="95934" spans="14:14">
      <c r="N95934" s="10"/>
    </row>
    <row r="95935" spans="14:14">
      <c r="N95935" s="10"/>
    </row>
    <row r="95936" spans="14:14">
      <c r="N95936" s="10"/>
    </row>
    <row r="95937" spans="14:14">
      <c r="N95937" s="10"/>
    </row>
    <row r="95938" spans="14:14">
      <c r="N95938" s="10"/>
    </row>
    <row r="95939" spans="14:14">
      <c r="N95939" s="10"/>
    </row>
    <row r="95940" spans="14:14">
      <c r="N95940" s="10"/>
    </row>
    <row r="95941" spans="14:14">
      <c r="N95941" s="10"/>
    </row>
    <row r="95942" spans="14:14">
      <c r="N95942" s="10"/>
    </row>
    <row r="95943" spans="14:14">
      <c r="N95943" s="10"/>
    </row>
    <row r="95944" spans="14:14">
      <c r="N95944" s="10"/>
    </row>
    <row r="95945" spans="14:14">
      <c r="N95945" s="10"/>
    </row>
    <row r="95946" spans="14:14">
      <c r="N95946" s="10"/>
    </row>
    <row r="95947" spans="14:14">
      <c r="N95947" s="10"/>
    </row>
    <row r="95948" spans="14:14">
      <c r="N95948" s="10"/>
    </row>
    <row r="95949" spans="14:14">
      <c r="N95949" s="10"/>
    </row>
    <row r="95950" spans="14:14">
      <c r="N95950" s="10"/>
    </row>
    <row r="95951" spans="14:14">
      <c r="N95951" s="10"/>
    </row>
    <row r="95952" spans="14:14">
      <c r="N95952" s="10"/>
    </row>
    <row r="95953" spans="14:14">
      <c r="N95953" s="10"/>
    </row>
    <row r="95954" spans="14:14">
      <c r="N95954" s="10"/>
    </row>
    <row r="95955" spans="14:14">
      <c r="N95955" s="10"/>
    </row>
    <row r="95956" spans="14:14">
      <c r="N95956" s="10"/>
    </row>
    <row r="95957" spans="14:14">
      <c r="N95957" s="10"/>
    </row>
    <row r="95958" spans="14:14">
      <c r="N95958" s="10"/>
    </row>
    <row r="95959" spans="14:14">
      <c r="N95959" s="10"/>
    </row>
    <row r="95960" spans="14:14">
      <c r="N95960" s="10"/>
    </row>
    <row r="95961" spans="14:14">
      <c r="N95961" s="10"/>
    </row>
    <row r="95962" spans="14:14">
      <c r="N95962" s="10"/>
    </row>
    <row r="95963" spans="14:14">
      <c r="N95963" s="10"/>
    </row>
    <row r="95964" spans="14:14">
      <c r="N95964" s="10"/>
    </row>
    <row r="95965" spans="14:14">
      <c r="N95965" s="10"/>
    </row>
    <row r="95966" spans="14:14">
      <c r="N95966" s="10"/>
    </row>
    <row r="95967" spans="14:14">
      <c r="N95967" s="10"/>
    </row>
    <row r="95968" spans="14:14">
      <c r="N95968" s="10"/>
    </row>
    <row r="95969" spans="14:14">
      <c r="N95969" s="10"/>
    </row>
    <row r="95970" spans="14:14">
      <c r="N95970" s="10"/>
    </row>
    <row r="95971" spans="14:14">
      <c r="N95971" s="10"/>
    </row>
    <row r="95972" spans="14:14">
      <c r="N95972" s="10"/>
    </row>
    <row r="95973" spans="14:14">
      <c r="N95973" s="10"/>
    </row>
    <row r="95974" spans="14:14">
      <c r="N95974" s="10"/>
    </row>
    <row r="95975" spans="14:14">
      <c r="N95975" s="10"/>
    </row>
    <row r="95976" spans="14:14">
      <c r="N95976" s="10"/>
    </row>
    <row r="95977" spans="14:14">
      <c r="N95977" s="10"/>
    </row>
    <row r="95978" spans="14:14">
      <c r="N95978" s="10"/>
    </row>
    <row r="95979" spans="14:14">
      <c r="N95979" s="10"/>
    </row>
    <row r="95980" spans="14:14">
      <c r="N95980" s="10"/>
    </row>
    <row r="95981" spans="14:14">
      <c r="N95981" s="10"/>
    </row>
    <row r="95982" spans="14:14">
      <c r="N95982" s="10"/>
    </row>
    <row r="95983" spans="14:14">
      <c r="N95983" s="10"/>
    </row>
    <row r="95984" spans="14:14">
      <c r="N95984" s="10"/>
    </row>
    <row r="95985" spans="14:14">
      <c r="N95985" s="10"/>
    </row>
    <row r="95986" spans="14:14">
      <c r="N95986" s="10"/>
    </row>
    <row r="95987" spans="14:14">
      <c r="N95987" s="10"/>
    </row>
    <row r="95988" spans="14:14">
      <c r="N95988" s="10"/>
    </row>
    <row r="95989" spans="14:14">
      <c r="N95989" s="10"/>
    </row>
    <row r="95990" spans="14:14">
      <c r="N95990" s="10"/>
    </row>
    <row r="95991" spans="14:14">
      <c r="N95991" s="10"/>
    </row>
    <row r="95992" spans="14:14">
      <c r="N95992" s="10"/>
    </row>
    <row r="95993" spans="14:14">
      <c r="N95993" s="10"/>
    </row>
    <row r="95994" spans="14:14">
      <c r="N95994" s="10"/>
    </row>
    <row r="95995" spans="14:14">
      <c r="N95995" s="10"/>
    </row>
    <row r="95996" spans="14:14">
      <c r="N95996" s="10"/>
    </row>
    <row r="95997" spans="14:14">
      <c r="N95997" s="10"/>
    </row>
    <row r="95998" spans="14:14">
      <c r="N95998" s="10"/>
    </row>
    <row r="95999" spans="14:14">
      <c r="N95999" s="10"/>
    </row>
    <row r="96000" spans="14:14">
      <c r="N96000" s="10"/>
    </row>
    <row r="96001" spans="14:14">
      <c r="N96001" s="10"/>
    </row>
    <row r="96002" spans="14:14">
      <c r="N96002" s="10"/>
    </row>
    <row r="96003" spans="14:14">
      <c r="N96003" s="10"/>
    </row>
    <row r="96004" spans="14:14">
      <c r="N96004" s="10"/>
    </row>
    <row r="96005" spans="14:14">
      <c r="N96005" s="10"/>
    </row>
    <row r="96006" spans="14:14">
      <c r="N96006" s="10"/>
    </row>
    <row r="96007" spans="14:14">
      <c r="N96007" s="10"/>
    </row>
    <row r="96008" spans="14:14">
      <c r="N96008" s="10"/>
    </row>
    <row r="96009" spans="14:14">
      <c r="N96009" s="10"/>
    </row>
    <row r="96010" spans="14:14">
      <c r="N96010" s="10"/>
    </row>
    <row r="96011" spans="14:14">
      <c r="N96011" s="10"/>
    </row>
    <row r="96012" spans="14:14">
      <c r="N96012" s="10"/>
    </row>
    <row r="96013" spans="14:14">
      <c r="N96013" s="10"/>
    </row>
    <row r="96014" spans="14:14">
      <c r="N96014" s="10"/>
    </row>
    <row r="96015" spans="14:14">
      <c r="N96015" s="10"/>
    </row>
    <row r="96016" spans="14:14">
      <c r="N96016" s="10"/>
    </row>
    <row r="96017" spans="14:14">
      <c r="N96017" s="10"/>
    </row>
    <row r="96018" spans="14:14">
      <c r="N96018" s="10"/>
    </row>
    <row r="96019" spans="14:14">
      <c r="N96019" s="10"/>
    </row>
    <row r="96020" spans="14:14">
      <c r="N96020" s="10"/>
    </row>
    <row r="96021" spans="14:14">
      <c r="N96021" s="10"/>
    </row>
    <row r="96022" spans="14:14">
      <c r="N96022" s="10"/>
    </row>
    <row r="96023" spans="14:14">
      <c r="N96023" s="10"/>
    </row>
    <row r="96024" spans="14:14">
      <c r="N96024" s="10"/>
    </row>
    <row r="96025" spans="14:14">
      <c r="N96025" s="10"/>
    </row>
    <row r="96026" spans="14:14">
      <c r="N96026" s="10"/>
    </row>
    <row r="96027" spans="14:14">
      <c r="N96027" s="10"/>
    </row>
    <row r="96028" spans="14:14">
      <c r="N96028" s="10"/>
    </row>
    <row r="96029" spans="14:14">
      <c r="N96029" s="10"/>
    </row>
    <row r="96030" spans="14:14">
      <c r="N96030" s="10"/>
    </row>
    <row r="96031" spans="14:14">
      <c r="N96031" s="10"/>
    </row>
    <row r="96032" spans="14:14">
      <c r="N96032" s="10"/>
    </row>
    <row r="96033" spans="14:14">
      <c r="N96033" s="10"/>
    </row>
    <row r="96034" spans="14:14">
      <c r="N96034" s="10"/>
    </row>
    <row r="96035" spans="14:14">
      <c r="N96035" s="10"/>
    </row>
    <row r="96036" spans="14:14">
      <c r="N96036" s="10"/>
    </row>
    <row r="96037" spans="14:14">
      <c r="N96037" s="10"/>
    </row>
    <row r="96038" spans="14:14">
      <c r="N96038" s="10"/>
    </row>
    <row r="96039" spans="14:14">
      <c r="N96039" s="10"/>
    </row>
    <row r="96040" spans="14:14">
      <c r="N96040" s="10"/>
    </row>
    <row r="96041" spans="14:14">
      <c r="N96041" s="10"/>
    </row>
    <row r="96042" spans="14:14">
      <c r="N96042" s="10"/>
    </row>
    <row r="96043" spans="14:14">
      <c r="N96043" s="10"/>
    </row>
    <row r="96044" spans="14:14">
      <c r="N96044" s="10"/>
    </row>
    <row r="96045" spans="14:14">
      <c r="N96045" s="10"/>
    </row>
    <row r="96046" spans="14:14">
      <c r="N96046" s="10"/>
    </row>
    <row r="96047" spans="14:14">
      <c r="N96047" s="10"/>
    </row>
    <row r="96048" spans="14:14">
      <c r="N96048" s="10"/>
    </row>
    <row r="96049" spans="14:14">
      <c r="N96049" s="10"/>
    </row>
    <row r="96050" spans="14:14">
      <c r="N96050" s="10"/>
    </row>
    <row r="96051" spans="14:14">
      <c r="N96051" s="10"/>
    </row>
    <row r="96052" spans="14:14">
      <c r="N96052" s="10"/>
    </row>
    <row r="96053" spans="14:14">
      <c r="N96053" s="10"/>
    </row>
    <row r="96054" spans="14:14">
      <c r="N96054" s="10"/>
    </row>
    <row r="96055" spans="14:14">
      <c r="N96055" s="10"/>
    </row>
    <row r="96056" spans="14:14">
      <c r="N96056" s="10"/>
    </row>
    <row r="96057" spans="14:14">
      <c r="N96057" s="10"/>
    </row>
    <row r="96058" spans="14:14">
      <c r="N96058" s="10"/>
    </row>
    <row r="96059" spans="14:14">
      <c r="N96059" s="10"/>
    </row>
    <row r="96060" spans="14:14">
      <c r="N96060" s="10"/>
    </row>
    <row r="96061" spans="14:14">
      <c r="N96061" s="10"/>
    </row>
    <row r="96062" spans="14:14">
      <c r="N96062" s="10"/>
    </row>
    <row r="96063" spans="14:14">
      <c r="N96063" s="10"/>
    </row>
    <row r="96064" spans="14:14">
      <c r="N96064" s="10"/>
    </row>
    <row r="96065" spans="14:14">
      <c r="N96065" s="10"/>
    </row>
    <row r="96066" spans="14:14">
      <c r="N96066" s="10"/>
    </row>
    <row r="96067" spans="14:14">
      <c r="N96067" s="10"/>
    </row>
    <row r="96068" spans="14:14">
      <c r="N96068" s="10"/>
    </row>
    <row r="96069" spans="14:14">
      <c r="N96069" s="10"/>
    </row>
    <row r="96070" spans="14:14">
      <c r="N96070" s="10"/>
    </row>
    <row r="96071" spans="14:14">
      <c r="N96071" s="10"/>
    </row>
    <row r="96072" spans="14:14">
      <c r="N96072" s="10"/>
    </row>
    <row r="96073" spans="14:14">
      <c r="N96073" s="10"/>
    </row>
    <row r="96074" spans="14:14">
      <c r="N96074" s="10"/>
    </row>
    <row r="96075" spans="14:14">
      <c r="N96075" s="10"/>
    </row>
    <row r="96076" spans="14:14">
      <c r="N96076" s="10"/>
    </row>
    <row r="96077" spans="14:14">
      <c r="N96077" s="10"/>
    </row>
    <row r="96078" spans="14:14">
      <c r="N96078" s="10"/>
    </row>
    <row r="96079" spans="14:14">
      <c r="N96079" s="10"/>
    </row>
    <row r="96080" spans="14:14">
      <c r="N96080" s="10"/>
    </row>
    <row r="96081" spans="14:14">
      <c r="N96081" s="10"/>
    </row>
    <row r="96082" spans="14:14">
      <c r="N96082" s="10"/>
    </row>
    <row r="96083" spans="14:14">
      <c r="N96083" s="10"/>
    </row>
    <row r="96084" spans="14:14">
      <c r="N96084" s="10"/>
    </row>
    <row r="96085" spans="14:14">
      <c r="N96085" s="10"/>
    </row>
    <row r="96086" spans="14:14">
      <c r="N96086" s="10"/>
    </row>
    <row r="96087" spans="14:14">
      <c r="N96087" s="10"/>
    </row>
    <row r="96088" spans="14:14">
      <c r="N96088" s="10"/>
    </row>
    <row r="96089" spans="14:14">
      <c r="N96089" s="10"/>
    </row>
    <row r="96090" spans="14:14">
      <c r="N96090" s="10"/>
    </row>
    <row r="96091" spans="14:14">
      <c r="N96091" s="10"/>
    </row>
    <row r="96092" spans="14:14">
      <c r="N96092" s="10"/>
    </row>
    <row r="96093" spans="14:14">
      <c r="N96093" s="10"/>
    </row>
    <row r="96094" spans="14:14">
      <c r="N96094" s="10"/>
    </row>
    <row r="96095" spans="14:14">
      <c r="N96095" s="10"/>
    </row>
    <row r="96096" spans="14:14">
      <c r="N96096" s="10"/>
    </row>
    <row r="96097" spans="14:14">
      <c r="N96097" s="10"/>
    </row>
    <row r="96098" spans="14:14">
      <c r="N96098" s="10"/>
    </row>
    <row r="96099" spans="14:14">
      <c r="N96099" s="10"/>
    </row>
    <row r="96100" spans="14:14">
      <c r="N96100" s="10"/>
    </row>
    <row r="96101" spans="14:14">
      <c r="N96101" s="10"/>
    </row>
    <row r="96102" spans="14:14">
      <c r="N96102" s="10"/>
    </row>
    <row r="96103" spans="14:14">
      <c r="N96103" s="10"/>
    </row>
    <row r="96104" spans="14:14">
      <c r="N96104" s="10"/>
    </row>
    <row r="96105" spans="14:14">
      <c r="N96105" s="10"/>
    </row>
    <row r="96106" spans="14:14">
      <c r="N96106" s="10"/>
    </row>
    <row r="96107" spans="14:14">
      <c r="N96107" s="10"/>
    </row>
    <row r="96108" spans="14:14">
      <c r="N96108" s="10"/>
    </row>
    <row r="96109" spans="14:14">
      <c r="N96109" s="10"/>
    </row>
    <row r="96110" spans="14:14">
      <c r="N96110" s="10"/>
    </row>
    <row r="96111" spans="14:14">
      <c r="N96111" s="10"/>
    </row>
    <row r="96112" spans="14:14">
      <c r="N96112" s="10"/>
    </row>
    <row r="96113" spans="14:14">
      <c r="N96113" s="10"/>
    </row>
    <row r="96114" spans="14:14">
      <c r="N96114" s="10"/>
    </row>
    <row r="96115" spans="14:14">
      <c r="N96115" s="10"/>
    </row>
    <row r="96116" spans="14:14">
      <c r="N96116" s="10"/>
    </row>
    <row r="96117" spans="14:14">
      <c r="N96117" s="10"/>
    </row>
    <row r="96118" spans="14:14">
      <c r="N96118" s="10"/>
    </row>
    <row r="96119" spans="14:14">
      <c r="N96119" s="10"/>
    </row>
    <row r="96120" spans="14:14">
      <c r="N96120" s="10"/>
    </row>
    <row r="96121" spans="14:14">
      <c r="N96121" s="10"/>
    </row>
    <row r="96122" spans="14:14">
      <c r="N96122" s="10"/>
    </row>
    <row r="96123" spans="14:14">
      <c r="N96123" s="10"/>
    </row>
    <row r="96124" spans="14:14">
      <c r="N96124" s="10"/>
    </row>
    <row r="96125" spans="14:14">
      <c r="N96125" s="10"/>
    </row>
    <row r="96126" spans="14:14">
      <c r="N96126" s="10"/>
    </row>
    <row r="96127" spans="14:14">
      <c r="N96127" s="10"/>
    </row>
    <row r="96128" spans="14:14">
      <c r="N96128" s="10"/>
    </row>
    <row r="96129" spans="14:14">
      <c r="N96129" s="10"/>
    </row>
    <row r="96130" spans="14:14">
      <c r="N96130" s="10"/>
    </row>
    <row r="96131" spans="14:14">
      <c r="N96131" s="10"/>
    </row>
    <row r="96132" spans="14:14">
      <c r="N96132" s="10"/>
    </row>
    <row r="96133" spans="14:14">
      <c r="N96133" s="10"/>
    </row>
    <row r="96134" spans="14:14">
      <c r="N96134" s="10"/>
    </row>
    <row r="96135" spans="14:14">
      <c r="N96135" s="10"/>
    </row>
    <row r="96136" spans="14:14">
      <c r="N96136" s="10"/>
    </row>
    <row r="96137" spans="14:14">
      <c r="N96137" s="10"/>
    </row>
    <row r="96138" spans="14:14">
      <c r="N96138" s="10"/>
    </row>
    <row r="96139" spans="14:14">
      <c r="N96139" s="10"/>
    </row>
    <row r="96140" spans="14:14">
      <c r="N96140" s="10"/>
    </row>
    <row r="96141" spans="14:14">
      <c r="N96141" s="10"/>
    </row>
    <row r="96142" spans="14:14">
      <c r="N96142" s="10"/>
    </row>
    <row r="96143" spans="14:14">
      <c r="N96143" s="10"/>
    </row>
    <row r="96144" spans="14:14">
      <c r="N96144" s="10"/>
    </row>
    <row r="96145" spans="14:14">
      <c r="N96145" s="10"/>
    </row>
    <row r="96146" spans="14:14">
      <c r="N96146" s="10"/>
    </row>
    <row r="96147" spans="14:14">
      <c r="N96147" s="10"/>
    </row>
    <row r="96148" spans="14:14">
      <c r="N96148" s="10"/>
    </row>
    <row r="96149" spans="14:14">
      <c r="N96149" s="10"/>
    </row>
    <row r="96150" spans="14:14">
      <c r="N96150" s="10"/>
    </row>
    <row r="96151" spans="14:14">
      <c r="N96151" s="10"/>
    </row>
    <row r="96152" spans="14:14">
      <c r="N96152" s="10"/>
    </row>
    <row r="96153" spans="14:14">
      <c r="N96153" s="10"/>
    </row>
    <row r="96154" spans="14:14">
      <c r="N96154" s="10"/>
    </row>
    <row r="96155" spans="14:14">
      <c r="N96155" s="10"/>
    </row>
    <row r="96156" spans="14:14">
      <c r="N96156" s="10"/>
    </row>
    <row r="96157" spans="14:14">
      <c r="N96157" s="10"/>
    </row>
    <row r="96158" spans="14:14">
      <c r="N96158" s="10"/>
    </row>
    <row r="96159" spans="14:14">
      <c r="N96159" s="10"/>
    </row>
    <row r="96160" spans="14:14">
      <c r="N96160" s="10"/>
    </row>
    <row r="96161" spans="14:14">
      <c r="N96161" s="10"/>
    </row>
    <row r="96162" spans="14:14">
      <c r="N96162" s="10"/>
    </row>
    <row r="96163" spans="14:14">
      <c r="N96163" s="10"/>
    </row>
    <row r="96164" spans="14:14">
      <c r="N96164" s="10"/>
    </row>
    <row r="96165" spans="14:14">
      <c r="N96165" s="10"/>
    </row>
    <row r="96166" spans="14:14">
      <c r="N96166" s="10"/>
    </row>
    <row r="96167" spans="14:14">
      <c r="N96167" s="10"/>
    </row>
    <row r="96168" spans="14:14">
      <c r="N96168" s="10"/>
    </row>
    <row r="96169" spans="14:14">
      <c r="N96169" s="10"/>
    </row>
    <row r="96170" spans="14:14">
      <c r="N96170" s="10"/>
    </row>
    <row r="96171" spans="14:14">
      <c r="N96171" s="10"/>
    </row>
    <row r="96172" spans="14:14">
      <c r="N96172" s="10"/>
    </row>
    <row r="96173" spans="14:14">
      <c r="N96173" s="10"/>
    </row>
    <row r="96174" spans="14:14">
      <c r="N96174" s="10"/>
    </row>
    <row r="96175" spans="14:14">
      <c r="N96175" s="10"/>
    </row>
    <row r="96176" spans="14:14">
      <c r="N96176" s="10"/>
    </row>
    <row r="96177" spans="14:14">
      <c r="N96177" s="10"/>
    </row>
    <row r="96178" spans="14:14">
      <c r="N96178" s="10"/>
    </row>
    <row r="96179" spans="14:14">
      <c r="N96179" s="10"/>
    </row>
    <row r="96180" spans="14:14">
      <c r="N96180" s="10"/>
    </row>
    <row r="96181" spans="14:14">
      <c r="N96181" s="10"/>
    </row>
    <row r="96182" spans="14:14">
      <c r="N96182" s="10"/>
    </row>
    <row r="96183" spans="14:14">
      <c r="N96183" s="10"/>
    </row>
    <row r="96184" spans="14:14">
      <c r="N96184" s="10"/>
    </row>
    <row r="96185" spans="14:14">
      <c r="N96185" s="10"/>
    </row>
    <row r="96186" spans="14:14">
      <c r="N96186" s="10"/>
    </row>
    <row r="96187" spans="14:14">
      <c r="N96187" s="10"/>
    </row>
    <row r="96188" spans="14:14">
      <c r="N96188" s="10"/>
    </row>
    <row r="96189" spans="14:14">
      <c r="N96189" s="10"/>
    </row>
    <row r="96190" spans="14:14">
      <c r="N96190" s="10"/>
    </row>
    <row r="96191" spans="14:14">
      <c r="N96191" s="10"/>
    </row>
    <row r="96192" spans="14:14">
      <c r="N96192" s="10"/>
    </row>
    <row r="96193" spans="14:14">
      <c r="N96193" s="10"/>
    </row>
    <row r="96194" spans="14:14">
      <c r="N96194" s="10"/>
    </row>
    <row r="96195" spans="14:14">
      <c r="N96195" s="10"/>
    </row>
    <row r="96196" spans="14:14">
      <c r="N96196" s="10"/>
    </row>
    <row r="96197" spans="14:14">
      <c r="N96197" s="10"/>
    </row>
    <row r="96198" spans="14:14">
      <c r="N96198" s="10"/>
    </row>
    <row r="96199" spans="14:14">
      <c r="N96199" s="10"/>
    </row>
    <row r="96200" spans="14:14">
      <c r="N96200" s="10"/>
    </row>
    <row r="96201" spans="14:14">
      <c r="N96201" s="10"/>
    </row>
    <row r="96202" spans="14:14">
      <c r="N96202" s="10"/>
    </row>
    <row r="96203" spans="14:14">
      <c r="N96203" s="10"/>
    </row>
    <row r="96204" spans="14:14">
      <c r="N96204" s="10"/>
    </row>
    <row r="96205" spans="14:14">
      <c r="N96205" s="10"/>
    </row>
    <row r="96206" spans="14:14">
      <c r="N96206" s="10"/>
    </row>
    <row r="96207" spans="14:14">
      <c r="N96207" s="10"/>
    </row>
    <row r="96208" spans="14:14">
      <c r="N96208" s="10"/>
    </row>
    <row r="96209" spans="14:14">
      <c r="N96209" s="10"/>
    </row>
    <row r="96210" spans="14:14">
      <c r="N96210" s="10"/>
    </row>
    <row r="96211" spans="14:14">
      <c r="N96211" s="10"/>
    </row>
    <row r="96212" spans="14:14">
      <c r="N96212" s="10"/>
    </row>
    <row r="96213" spans="14:14">
      <c r="N96213" s="10"/>
    </row>
    <row r="96214" spans="14:14">
      <c r="N96214" s="10"/>
    </row>
    <row r="96215" spans="14:14">
      <c r="N96215" s="10"/>
    </row>
    <row r="96216" spans="14:14">
      <c r="N96216" s="10"/>
    </row>
    <row r="96217" spans="14:14">
      <c r="N96217" s="10"/>
    </row>
    <row r="96218" spans="14:14">
      <c r="N96218" s="10"/>
    </row>
    <row r="96219" spans="14:14">
      <c r="N96219" s="10"/>
    </row>
    <row r="96220" spans="14:14">
      <c r="N96220" s="10"/>
    </row>
    <row r="96221" spans="14:14">
      <c r="N96221" s="10"/>
    </row>
    <row r="96222" spans="14:14">
      <c r="N96222" s="10"/>
    </row>
    <row r="96223" spans="14:14">
      <c r="N96223" s="10"/>
    </row>
    <row r="96224" spans="14:14">
      <c r="N96224" s="10"/>
    </row>
    <row r="96225" spans="14:14">
      <c r="N96225" s="10"/>
    </row>
    <row r="96226" spans="14:14">
      <c r="N96226" s="10"/>
    </row>
    <row r="96227" spans="14:14">
      <c r="N96227" s="10"/>
    </row>
    <row r="96228" spans="14:14">
      <c r="N96228" s="10"/>
    </row>
    <row r="96229" spans="14:14">
      <c r="N96229" s="10"/>
    </row>
    <row r="96230" spans="14:14">
      <c r="N96230" s="10"/>
    </row>
    <row r="96231" spans="14:14">
      <c r="N96231" s="10"/>
    </row>
    <row r="96232" spans="14:14">
      <c r="N96232" s="10"/>
    </row>
    <row r="96233" spans="14:14">
      <c r="N96233" s="10"/>
    </row>
    <row r="96234" spans="14:14">
      <c r="N96234" s="10"/>
    </row>
    <row r="96235" spans="14:14">
      <c r="N96235" s="10"/>
    </row>
    <row r="96236" spans="14:14">
      <c r="N96236" s="10"/>
    </row>
    <row r="96237" spans="14:14">
      <c r="N96237" s="10"/>
    </row>
    <row r="96238" spans="14:14">
      <c r="N96238" s="10"/>
    </row>
    <row r="96239" spans="14:14">
      <c r="N96239" s="10"/>
    </row>
    <row r="96240" spans="14:14">
      <c r="N96240" s="10"/>
    </row>
    <row r="96241" spans="14:14">
      <c r="N96241" s="10"/>
    </row>
    <row r="96242" spans="14:14">
      <c r="N96242" s="10"/>
    </row>
    <row r="96243" spans="14:14">
      <c r="N96243" s="10"/>
    </row>
    <row r="96244" spans="14:14">
      <c r="N96244" s="10"/>
    </row>
    <row r="96245" spans="14:14">
      <c r="N96245" s="10"/>
    </row>
    <row r="96246" spans="14:14">
      <c r="N96246" s="10"/>
    </row>
    <row r="96247" spans="14:14">
      <c r="N96247" s="10"/>
    </row>
    <row r="96248" spans="14:14">
      <c r="N96248" s="10"/>
    </row>
    <row r="96249" spans="14:14">
      <c r="N96249" s="10"/>
    </row>
    <row r="96250" spans="14:14">
      <c r="N96250" s="10"/>
    </row>
    <row r="96251" spans="14:14">
      <c r="N96251" s="10"/>
    </row>
    <row r="96252" spans="14:14">
      <c r="N96252" s="10"/>
    </row>
    <row r="96253" spans="14:14">
      <c r="N96253" s="10"/>
    </row>
    <row r="96254" spans="14:14">
      <c r="N96254" s="10"/>
    </row>
    <row r="96255" spans="14:14">
      <c r="N96255" s="10"/>
    </row>
    <row r="96256" spans="14:14">
      <c r="N96256" s="10"/>
    </row>
    <row r="96257" spans="14:14">
      <c r="N96257" s="10"/>
    </row>
    <row r="96258" spans="14:14">
      <c r="N96258" s="10"/>
    </row>
    <row r="96259" spans="14:14">
      <c r="N96259" s="10"/>
    </row>
    <row r="96260" spans="14:14">
      <c r="N96260" s="10"/>
    </row>
    <row r="96261" spans="14:14">
      <c r="N96261" s="10"/>
    </row>
    <row r="96262" spans="14:14">
      <c r="N96262" s="10"/>
    </row>
    <row r="96263" spans="14:14">
      <c r="N96263" s="10"/>
    </row>
    <row r="96264" spans="14:14">
      <c r="N96264" s="10"/>
    </row>
    <row r="96265" spans="14:14">
      <c r="N96265" s="10"/>
    </row>
    <row r="96266" spans="14:14">
      <c r="N96266" s="10"/>
    </row>
    <row r="96267" spans="14:14">
      <c r="N96267" s="10"/>
    </row>
    <row r="96268" spans="14:14">
      <c r="N96268" s="10"/>
    </row>
    <row r="96269" spans="14:14">
      <c r="N96269" s="10"/>
    </row>
    <row r="96270" spans="14:14">
      <c r="N96270" s="10"/>
    </row>
    <row r="96271" spans="14:14">
      <c r="N96271" s="10"/>
    </row>
    <row r="96272" spans="14:14">
      <c r="N96272" s="10"/>
    </row>
    <row r="96273" spans="14:14">
      <c r="N96273" s="10"/>
    </row>
    <row r="96274" spans="14:14">
      <c r="N96274" s="10"/>
    </row>
    <row r="96275" spans="14:14">
      <c r="N96275" s="10"/>
    </row>
    <row r="96276" spans="14:14">
      <c r="N96276" s="10"/>
    </row>
    <row r="96277" spans="14:14">
      <c r="N96277" s="10"/>
    </row>
    <row r="96278" spans="14:14">
      <c r="N96278" s="10"/>
    </row>
    <row r="96279" spans="14:14">
      <c r="N96279" s="10"/>
    </row>
    <row r="96280" spans="14:14">
      <c r="N96280" s="10"/>
    </row>
    <row r="96281" spans="14:14">
      <c r="N96281" s="10"/>
    </row>
    <row r="96282" spans="14:14">
      <c r="N96282" s="10"/>
    </row>
    <row r="96283" spans="14:14">
      <c r="N96283" s="10"/>
    </row>
    <row r="96284" spans="14:14">
      <c r="N96284" s="10"/>
    </row>
    <row r="96285" spans="14:14">
      <c r="N96285" s="10"/>
    </row>
    <row r="96286" spans="14:14">
      <c r="N96286" s="10"/>
    </row>
    <row r="96287" spans="14:14">
      <c r="N96287" s="10"/>
    </row>
    <row r="96288" spans="14:14">
      <c r="N96288" s="10"/>
    </row>
    <row r="96289" spans="14:14">
      <c r="N96289" s="10"/>
    </row>
    <row r="96290" spans="14:14">
      <c r="N96290" s="10"/>
    </row>
    <row r="96291" spans="14:14">
      <c r="N96291" s="10"/>
    </row>
    <row r="96292" spans="14:14">
      <c r="N96292" s="10"/>
    </row>
    <row r="96293" spans="14:14">
      <c r="N96293" s="10"/>
    </row>
    <row r="96294" spans="14:14">
      <c r="N96294" s="10"/>
    </row>
    <row r="96295" spans="14:14">
      <c r="N96295" s="10"/>
    </row>
    <row r="96296" spans="14:14">
      <c r="N96296" s="10"/>
    </row>
    <row r="96297" spans="14:14">
      <c r="N96297" s="10"/>
    </row>
    <row r="96298" spans="14:14">
      <c r="N96298" s="10"/>
    </row>
    <row r="96299" spans="14:14">
      <c r="N96299" s="10"/>
    </row>
    <row r="96300" spans="14:14">
      <c r="N96300" s="10"/>
    </row>
    <row r="96301" spans="14:14">
      <c r="N96301" s="10"/>
    </row>
    <row r="96302" spans="14:14">
      <c r="N96302" s="10"/>
    </row>
    <row r="96303" spans="14:14">
      <c r="N96303" s="10"/>
    </row>
    <row r="96304" spans="14:14">
      <c r="N96304" s="10"/>
    </row>
    <row r="96305" spans="14:14">
      <c r="N96305" s="10"/>
    </row>
    <row r="96306" spans="14:14">
      <c r="N96306" s="10"/>
    </row>
    <row r="96307" spans="14:14">
      <c r="N96307" s="10"/>
    </row>
    <row r="96308" spans="14:14">
      <c r="N96308" s="10"/>
    </row>
    <row r="96309" spans="14:14">
      <c r="N96309" s="10"/>
    </row>
    <row r="96310" spans="14:14">
      <c r="N96310" s="10"/>
    </row>
    <row r="96311" spans="14:14">
      <c r="N96311" s="10"/>
    </row>
    <row r="96312" spans="14:14">
      <c r="N96312" s="10"/>
    </row>
    <row r="96313" spans="14:14">
      <c r="N96313" s="10"/>
    </row>
    <row r="96314" spans="14:14">
      <c r="N96314" s="10"/>
    </row>
    <row r="96315" spans="14:14">
      <c r="N96315" s="10"/>
    </row>
    <row r="96316" spans="14:14">
      <c r="N96316" s="10"/>
    </row>
    <row r="96317" spans="14:14">
      <c r="N96317" s="10"/>
    </row>
    <row r="96318" spans="14:14">
      <c r="N96318" s="10"/>
    </row>
    <row r="96319" spans="14:14">
      <c r="N96319" s="10"/>
    </row>
    <row r="96320" spans="14:14">
      <c r="N96320" s="10"/>
    </row>
    <row r="96321" spans="14:14">
      <c r="N96321" s="10"/>
    </row>
    <row r="96322" spans="14:14">
      <c r="N96322" s="10"/>
    </row>
    <row r="96323" spans="14:14">
      <c r="N96323" s="10"/>
    </row>
    <row r="96324" spans="14:14">
      <c r="N96324" s="10"/>
    </row>
    <row r="96325" spans="14:14">
      <c r="N96325" s="10"/>
    </row>
    <row r="96326" spans="14:14">
      <c r="N96326" s="10"/>
    </row>
    <row r="96327" spans="14:14">
      <c r="N96327" s="10"/>
    </row>
    <row r="96328" spans="14:14">
      <c r="N96328" s="10"/>
    </row>
    <row r="96329" spans="14:14">
      <c r="N96329" s="10"/>
    </row>
    <row r="96330" spans="14:14">
      <c r="N96330" s="10"/>
    </row>
    <row r="96331" spans="14:14">
      <c r="N96331" s="10"/>
    </row>
    <row r="96332" spans="14:14">
      <c r="N96332" s="10"/>
    </row>
    <row r="96333" spans="14:14">
      <c r="N96333" s="10"/>
    </row>
    <row r="96334" spans="14:14">
      <c r="N96334" s="10"/>
    </row>
    <row r="96335" spans="14:14">
      <c r="N96335" s="10"/>
    </row>
    <row r="96336" spans="14:14">
      <c r="N96336" s="10"/>
    </row>
    <row r="96337" spans="14:14">
      <c r="N96337" s="10"/>
    </row>
    <row r="96338" spans="14:14">
      <c r="N96338" s="10"/>
    </row>
    <row r="96339" spans="14:14">
      <c r="N96339" s="10"/>
    </row>
    <row r="96340" spans="14:14">
      <c r="N96340" s="10"/>
    </row>
    <row r="96341" spans="14:14">
      <c r="N96341" s="10"/>
    </row>
    <row r="96342" spans="14:14">
      <c r="N96342" s="10"/>
    </row>
    <row r="96343" spans="14:14">
      <c r="N96343" s="10"/>
    </row>
    <row r="96344" spans="14:14">
      <c r="N96344" s="10"/>
    </row>
    <row r="96345" spans="14:14">
      <c r="N96345" s="10"/>
    </row>
    <row r="96346" spans="14:14">
      <c r="N96346" s="10"/>
    </row>
    <row r="96347" spans="14:14">
      <c r="N96347" s="10"/>
    </row>
    <row r="96348" spans="14:14">
      <c r="N96348" s="10"/>
    </row>
    <row r="96349" spans="14:14">
      <c r="N96349" s="10"/>
    </row>
    <row r="96350" spans="14:14">
      <c r="N96350" s="10"/>
    </row>
    <row r="96351" spans="14:14">
      <c r="N96351" s="10"/>
    </row>
    <row r="96352" spans="14:14">
      <c r="N96352" s="10"/>
    </row>
    <row r="96353" spans="14:14">
      <c r="N96353" s="10"/>
    </row>
    <row r="96354" spans="14:14">
      <c r="N96354" s="10"/>
    </row>
    <row r="96355" spans="14:14">
      <c r="N96355" s="10"/>
    </row>
    <row r="96356" spans="14:14">
      <c r="N96356" s="10"/>
    </row>
    <row r="96357" spans="14:14">
      <c r="N96357" s="10"/>
    </row>
    <row r="96358" spans="14:14">
      <c r="N96358" s="10"/>
    </row>
    <row r="96359" spans="14:14">
      <c r="N96359" s="10"/>
    </row>
    <row r="96360" spans="14:14">
      <c r="N96360" s="10"/>
    </row>
    <row r="96361" spans="14:14">
      <c r="N96361" s="10"/>
    </row>
    <row r="96362" spans="14:14">
      <c r="N96362" s="10"/>
    </row>
    <row r="96363" spans="14:14">
      <c r="N96363" s="10"/>
    </row>
    <row r="96364" spans="14:14">
      <c r="N96364" s="10"/>
    </row>
    <row r="96365" spans="14:14">
      <c r="N96365" s="10"/>
    </row>
    <row r="96366" spans="14:14">
      <c r="N96366" s="10"/>
    </row>
    <row r="96367" spans="14:14">
      <c r="N96367" s="10"/>
    </row>
    <row r="96368" spans="14:14">
      <c r="N96368" s="10"/>
    </row>
    <row r="96369" spans="14:14">
      <c r="N96369" s="10"/>
    </row>
    <row r="96370" spans="14:14">
      <c r="N96370" s="10"/>
    </row>
    <row r="96371" spans="14:14">
      <c r="N96371" s="10"/>
    </row>
    <row r="96372" spans="14:14">
      <c r="N96372" s="10"/>
    </row>
    <row r="96373" spans="14:14">
      <c r="N96373" s="10"/>
    </row>
    <row r="96374" spans="14:14">
      <c r="N96374" s="10"/>
    </row>
    <row r="96375" spans="14:14">
      <c r="N96375" s="10"/>
    </row>
    <row r="96376" spans="14:14">
      <c r="N96376" s="10"/>
    </row>
    <row r="96377" spans="14:14">
      <c r="N96377" s="10"/>
    </row>
    <row r="96378" spans="14:14">
      <c r="N96378" s="10"/>
    </row>
    <row r="96379" spans="14:14">
      <c r="N96379" s="10"/>
    </row>
    <row r="96380" spans="14:14">
      <c r="N96380" s="10"/>
    </row>
    <row r="96381" spans="14:14">
      <c r="N96381" s="10"/>
    </row>
    <row r="96382" spans="14:14">
      <c r="N96382" s="10"/>
    </row>
    <row r="96383" spans="14:14">
      <c r="N96383" s="10"/>
    </row>
    <row r="96384" spans="14:14">
      <c r="N96384" s="10"/>
    </row>
    <row r="96385" spans="14:14">
      <c r="N96385" s="10"/>
    </row>
    <row r="96386" spans="14:14">
      <c r="N96386" s="10"/>
    </row>
    <row r="96387" spans="14:14">
      <c r="N96387" s="10"/>
    </row>
    <row r="96388" spans="14:14">
      <c r="N96388" s="10"/>
    </row>
    <row r="96389" spans="14:14">
      <c r="N96389" s="10"/>
    </row>
    <row r="96390" spans="14:14">
      <c r="N96390" s="10"/>
    </row>
    <row r="96391" spans="14:14">
      <c r="N96391" s="10"/>
    </row>
    <row r="96392" spans="14:14">
      <c r="N96392" s="10"/>
    </row>
    <row r="96393" spans="14:14">
      <c r="N96393" s="10"/>
    </row>
    <row r="96394" spans="14:14">
      <c r="N96394" s="10"/>
    </row>
    <row r="96395" spans="14:14">
      <c r="N96395" s="10"/>
    </row>
    <row r="96396" spans="14:14">
      <c r="N96396" s="10"/>
    </row>
    <row r="96397" spans="14:14">
      <c r="N96397" s="10"/>
    </row>
    <row r="96398" spans="14:14">
      <c r="N96398" s="10"/>
    </row>
    <row r="96399" spans="14:14">
      <c r="N96399" s="10"/>
    </row>
    <row r="96400" spans="14:14">
      <c r="N96400" s="10"/>
    </row>
    <row r="96401" spans="14:14">
      <c r="N96401" s="10"/>
    </row>
    <row r="96402" spans="14:14">
      <c r="N96402" s="10"/>
    </row>
    <row r="96403" spans="14:14">
      <c r="N96403" s="10"/>
    </row>
    <row r="96404" spans="14:14">
      <c r="N96404" s="10"/>
    </row>
    <row r="96405" spans="14:14">
      <c r="N96405" s="10"/>
    </row>
    <row r="96406" spans="14:14">
      <c r="N96406" s="10"/>
    </row>
    <row r="96407" spans="14:14">
      <c r="N96407" s="10"/>
    </row>
    <row r="96408" spans="14:14">
      <c r="N96408" s="10"/>
    </row>
    <row r="96409" spans="14:14">
      <c r="N96409" s="10"/>
    </row>
    <row r="96410" spans="14:14">
      <c r="N96410" s="10"/>
    </row>
    <row r="96411" spans="14:14">
      <c r="N96411" s="10"/>
    </row>
    <row r="96412" spans="14:14">
      <c r="N96412" s="10"/>
    </row>
    <row r="96413" spans="14:14">
      <c r="N96413" s="10"/>
    </row>
    <row r="96414" spans="14:14">
      <c r="N96414" s="10"/>
    </row>
    <row r="96415" spans="14:14">
      <c r="N96415" s="10"/>
    </row>
    <row r="96416" spans="14:14">
      <c r="N96416" s="10"/>
    </row>
    <row r="96417" spans="14:14">
      <c r="N96417" s="10"/>
    </row>
    <row r="96418" spans="14:14">
      <c r="N96418" s="10"/>
    </row>
    <row r="96419" spans="14:14">
      <c r="N96419" s="10"/>
    </row>
    <row r="96420" spans="14:14">
      <c r="N96420" s="10"/>
    </row>
    <row r="96421" spans="14:14">
      <c r="N96421" s="10"/>
    </row>
    <row r="96422" spans="14:14">
      <c r="N96422" s="10"/>
    </row>
    <row r="96423" spans="14:14">
      <c r="N96423" s="10"/>
    </row>
    <row r="96424" spans="14:14">
      <c r="N96424" s="10"/>
    </row>
    <row r="96425" spans="14:14">
      <c r="N96425" s="10"/>
    </row>
    <row r="96426" spans="14:14">
      <c r="N96426" s="10"/>
    </row>
    <row r="96427" spans="14:14">
      <c r="N96427" s="10"/>
    </row>
    <row r="96428" spans="14:14">
      <c r="N96428" s="10"/>
    </row>
    <row r="96429" spans="14:14">
      <c r="N96429" s="10"/>
    </row>
    <row r="96430" spans="14:14">
      <c r="N96430" s="10"/>
    </row>
    <row r="96431" spans="14:14">
      <c r="N96431" s="10"/>
    </row>
    <row r="96432" spans="14:14">
      <c r="N96432" s="10"/>
    </row>
    <row r="96433" spans="14:14">
      <c r="N96433" s="10"/>
    </row>
    <row r="96434" spans="14:14">
      <c r="N96434" s="10"/>
    </row>
    <row r="96435" spans="14:14">
      <c r="N96435" s="10"/>
    </row>
    <row r="96436" spans="14:14">
      <c r="N96436" s="10"/>
    </row>
    <row r="96437" spans="14:14">
      <c r="N96437" s="10"/>
    </row>
    <row r="96438" spans="14:14">
      <c r="N96438" s="10"/>
    </row>
    <row r="96439" spans="14:14">
      <c r="N96439" s="10"/>
    </row>
    <row r="96440" spans="14:14">
      <c r="N96440" s="10"/>
    </row>
    <row r="96441" spans="14:14">
      <c r="N96441" s="10"/>
    </row>
    <row r="96442" spans="14:14">
      <c r="N96442" s="10"/>
    </row>
    <row r="96443" spans="14:14">
      <c r="N96443" s="10"/>
    </row>
    <row r="96444" spans="14:14">
      <c r="N96444" s="10"/>
    </row>
    <row r="96445" spans="14:14">
      <c r="N96445" s="10"/>
    </row>
    <row r="96446" spans="14:14">
      <c r="N96446" s="10"/>
    </row>
    <row r="96447" spans="14:14">
      <c r="N96447" s="10"/>
    </row>
    <row r="96448" spans="14:14">
      <c r="N96448" s="10"/>
    </row>
    <row r="96449" spans="14:14">
      <c r="N96449" s="10"/>
    </row>
    <row r="96450" spans="14:14">
      <c r="N96450" s="10"/>
    </row>
    <row r="96451" spans="14:14">
      <c r="N96451" s="10"/>
    </row>
    <row r="96452" spans="14:14">
      <c r="N96452" s="10"/>
    </row>
    <row r="96453" spans="14:14">
      <c r="N96453" s="10"/>
    </row>
    <row r="96454" spans="14:14">
      <c r="N96454" s="10"/>
    </row>
    <row r="96455" spans="14:14">
      <c r="N96455" s="10"/>
    </row>
    <row r="96456" spans="14:14">
      <c r="N96456" s="10"/>
    </row>
    <row r="96457" spans="14:14">
      <c r="N96457" s="10"/>
    </row>
    <row r="96458" spans="14:14">
      <c r="N96458" s="10"/>
    </row>
    <row r="96459" spans="14:14">
      <c r="N96459" s="10"/>
    </row>
    <row r="96460" spans="14:14">
      <c r="N96460" s="10"/>
    </row>
    <row r="96461" spans="14:14">
      <c r="N96461" s="10"/>
    </row>
    <row r="96462" spans="14:14">
      <c r="N96462" s="10"/>
    </row>
    <row r="96463" spans="14:14">
      <c r="N96463" s="10"/>
    </row>
    <row r="96464" spans="14:14">
      <c r="N96464" s="10"/>
    </row>
    <row r="96465" spans="14:14">
      <c r="N96465" s="10"/>
    </row>
    <row r="96466" spans="14:14">
      <c r="N96466" s="10"/>
    </row>
    <row r="96467" spans="14:14">
      <c r="N96467" s="10"/>
    </row>
    <row r="96468" spans="14:14">
      <c r="N96468" s="10"/>
    </row>
    <row r="96469" spans="14:14">
      <c r="N96469" s="10"/>
    </row>
    <row r="96470" spans="14:14">
      <c r="N96470" s="10"/>
    </row>
    <row r="96471" spans="14:14">
      <c r="N96471" s="10"/>
    </row>
    <row r="96472" spans="14:14">
      <c r="N96472" s="10"/>
    </row>
    <row r="96473" spans="14:14">
      <c r="N96473" s="10"/>
    </row>
    <row r="96474" spans="14:14">
      <c r="N96474" s="10"/>
    </row>
    <row r="96475" spans="14:14">
      <c r="N96475" s="10"/>
    </row>
    <row r="96476" spans="14:14">
      <c r="N96476" s="10"/>
    </row>
    <row r="96477" spans="14:14">
      <c r="N96477" s="10"/>
    </row>
    <row r="96478" spans="14:14">
      <c r="N96478" s="10"/>
    </row>
    <row r="96479" spans="14:14">
      <c r="N96479" s="10"/>
    </row>
    <row r="96480" spans="14:14">
      <c r="N96480" s="10"/>
    </row>
    <row r="96481" spans="14:14">
      <c r="N96481" s="10"/>
    </row>
    <row r="96482" spans="14:14">
      <c r="N96482" s="10"/>
    </row>
    <row r="96483" spans="14:14">
      <c r="N96483" s="10"/>
    </row>
    <row r="96484" spans="14:14">
      <c r="N96484" s="10"/>
    </row>
    <row r="96485" spans="14:14">
      <c r="N96485" s="10"/>
    </row>
    <row r="96486" spans="14:14">
      <c r="N96486" s="10"/>
    </row>
    <row r="96487" spans="14:14">
      <c r="N96487" s="10"/>
    </row>
    <row r="96488" spans="14:14">
      <c r="N96488" s="10"/>
    </row>
    <row r="96489" spans="14:14">
      <c r="N96489" s="10"/>
    </row>
    <row r="96490" spans="14:14">
      <c r="N96490" s="10"/>
    </row>
    <row r="96491" spans="14:14">
      <c r="N96491" s="10"/>
    </row>
    <row r="96492" spans="14:14">
      <c r="N96492" s="10"/>
    </row>
    <row r="96493" spans="14:14">
      <c r="N96493" s="10"/>
    </row>
    <row r="96494" spans="14:14">
      <c r="N96494" s="10"/>
    </row>
    <row r="96495" spans="14:14">
      <c r="N96495" s="10"/>
    </row>
    <row r="96496" spans="14:14">
      <c r="N96496" s="10"/>
    </row>
    <row r="96497" spans="14:14">
      <c r="N96497" s="10"/>
    </row>
    <row r="96498" spans="14:14">
      <c r="N96498" s="10"/>
    </row>
    <row r="96499" spans="14:14">
      <c r="N96499" s="10"/>
    </row>
    <row r="96500" spans="14:14">
      <c r="N96500" s="10"/>
    </row>
    <row r="96501" spans="14:14">
      <c r="N96501" s="10"/>
    </row>
    <row r="96502" spans="14:14">
      <c r="N96502" s="10"/>
    </row>
    <row r="96503" spans="14:14">
      <c r="N96503" s="10"/>
    </row>
    <row r="96504" spans="14:14">
      <c r="N96504" s="10"/>
    </row>
    <row r="96505" spans="14:14">
      <c r="N96505" s="10"/>
    </row>
    <row r="96506" spans="14:14">
      <c r="N96506" s="10"/>
    </row>
    <row r="96507" spans="14:14">
      <c r="N96507" s="10"/>
    </row>
    <row r="96508" spans="14:14">
      <c r="N96508" s="10"/>
    </row>
    <row r="96509" spans="14:14">
      <c r="N96509" s="10"/>
    </row>
    <row r="96510" spans="14:14">
      <c r="N96510" s="10"/>
    </row>
    <row r="96511" spans="14:14">
      <c r="N96511" s="10"/>
    </row>
    <row r="96512" spans="14:14">
      <c r="N96512" s="10"/>
    </row>
    <row r="96513" spans="14:14">
      <c r="N96513" s="10"/>
    </row>
    <row r="96514" spans="14:14">
      <c r="N96514" s="10"/>
    </row>
    <row r="96515" spans="14:14">
      <c r="N96515" s="10"/>
    </row>
    <row r="96516" spans="14:14">
      <c r="N96516" s="10"/>
    </row>
    <row r="96517" spans="14:14">
      <c r="N96517" s="10"/>
    </row>
    <row r="96518" spans="14:14">
      <c r="N96518" s="10"/>
    </row>
    <row r="96519" spans="14:14">
      <c r="N96519" s="10"/>
    </row>
    <row r="96520" spans="14:14">
      <c r="N96520" s="10"/>
    </row>
    <row r="96521" spans="14:14">
      <c r="N96521" s="10"/>
    </row>
    <row r="96522" spans="14:14">
      <c r="N96522" s="10"/>
    </row>
    <row r="96523" spans="14:14">
      <c r="N96523" s="10"/>
    </row>
    <row r="96524" spans="14:14">
      <c r="N96524" s="10"/>
    </row>
    <row r="96525" spans="14:14">
      <c r="N96525" s="10"/>
    </row>
    <row r="96526" spans="14:14">
      <c r="N96526" s="10"/>
    </row>
    <row r="96527" spans="14:14">
      <c r="N96527" s="10"/>
    </row>
    <row r="96528" spans="14:14">
      <c r="N96528" s="10"/>
    </row>
    <row r="96529" spans="14:14">
      <c r="N96529" s="10"/>
    </row>
    <row r="96530" spans="14:14">
      <c r="N96530" s="10"/>
    </row>
    <row r="96531" spans="14:14">
      <c r="N96531" s="10"/>
    </row>
    <row r="96532" spans="14:14">
      <c r="N96532" s="10"/>
    </row>
    <row r="96533" spans="14:14">
      <c r="N96533" s="10"/>
    </row>
    <row r="96534" spans="14:14">
      <c r="N96534" s="10"/>
    </row>
    <row r="96535" spans="14:14">
      <c r="N96535" s="10"/>
    </row>
    <row r="96536" spans="14:14">
      <c r="N96536" s="10"/>
    </row>
    <row r="96537" spans="14:14">
      <c r="N96537" s="10"/>
    </row>
    <row r="96538" spans="14:14">
      <c r="N96538" s="10"/>
    </row>
    <row r="96539" spans="14:14">
      <c r="N96539" s="10"/>
    </row>
    <row r="96540" spans="14:14">
      <c r="N96540" s="10"/>
    </row>
    <row r="96541" spans="14:14">
      <c r="N96541" s="10"/>
    </row>
    <row r="96542" spans="14:14">
      <c r="N96542" s="10"/>
    </row>
    <row r="96543" spans="14:14">
      <c r="N96543" s="10"/>
    </row>
    <row r="96544" spans="14:14">
      <c r="N96544" s="10"/>
    </row>
    <row r="96545" spans="14:14">
      <c r="N96545" s="10"/>
    </row>
    <row r="96546" spans="14:14">
      <c r="N96546" s="10"/>
    </row>
    <row r="96547" spans="14:14">
      <c r="N96547" s="10"/>
    </row>
    <row r="96548" spans="14:14">
      <c r="N96548" s="10"/>
    </row>
    <row r="96549" spans="14:14">
      <c r="N96549" s="10"/>
    </row>
    <row r="96550" spans="14:14">
      <c r="N96550" s="10"/>
    </row>
    <row r="96551" spans="14:14">
      <c r="N96551" s="10"/>
    </row>
    <row r="96552" spans="14:14">
      <c r="N96552" s="10"/>
    </row>
    <row r="96553" spans="14:14">
      <c r="N96553" s="10"/>
    </row>
    <row r="96554" spans="14:14">
      <c r="N96554" s="10"/>
    </row>
    <row r="96555" spans="14:14">
      <c r="N96555" s="10"/>
    </row>
    <row r="96556" spans="14:14">
      <c r="N96556" s="10"/>
    </row>
    <row r="96557" spans="14:14">
      <c r="N96557" s="10"/>
    </row>
    <row r="96558" spans="14:14">
      <c r="N96558" s="10"/>
    </row>
    <row r="96559" spans="14:14">
      <c r="N96559" s="10"/>
    </row>
    <row r="96560" spans="14:14">
      <c r="N96560" s="10"/>
    </row>
    <row r="96561" spans="14:14">
      <c r="N96561" s="10"/>
    </row>
    <row r="96562" spans="14:14">
      <c r="N96562" s="10"/>
    </row>
    <row r="96563" spans="14:14">
      <c r="N96563" s="10"/>
    </row>
    <row r="96564" spans="14:14">
      <c r="N96564" s="10"/>
    </row>
    <row r="96565" spans="14:14">
      <c r="N96565" s="10"/>
    </row>
    <row r="96566" spans="14:14">
      <c r="N96566" s="10"/>
    </row>
    <row r="96567" spans="14:14">
      <c r="N96567" s="10"/>
    </row>
    <row r="96568" spans="14:14">
      <c r="N96568" s="10"/>
    </row>
    <row r="96569" spans="14:14">
      <c r="N96569" s="10"/>
    </row>
    <row r="96570" spans="14:14">
      <c r="N96570" s="10"/>
    </row>
    <row r="96571" spans="14:14">
      <c r="N96571" s="10"/>
    </row>
    <row r="96572" spans="14:14">
      <c r="N96572" s="10"/>
    </row>
    <row r="96573" spans="14:14">
      <c r="N96573" s="10"/>
    </row>
    <row r="96574" spans="14:14">
      <c r="N96574" s="10"/>
    </row>
    <row r="96575" spans="14:14">
      <c r="N96575" s="10"/>
    </row>
    <row r="96576" spans="14:14">
      <c r="N96576" s="10"/>
    </row>
    <row r="96577" spans="14:14">
      <c r="N96577" s="10"/>
    </row>
    <row r="96578" spans="14:14">
      <c r="N96578" s="10"/>
    </row>
    <row r="96579" spans="14:14">
      <c r="N96579" s="10"/>
    </row>
    <row r="96580" spans="14:14">
      <c r="N96580" s="10"/>
    </row>
    <row r="96581" spans="14:14">
      <c r="N96581" s="10"/>
    </row>
    <row r="96582" spans="14:14">
      <c r="N96582" s="10"/>
    </row>
    <row r="96583" spans="14:14">
      <c r="N96583" s="10"/>
    </row>
    <row r="96584" spans="14:14">
      <c r="N96584" s="10"/>
    </row>
    <row r="96585" spans="14:14">
      <c r="N96585" s="10"/>
    </row>
    <row r="96586" spans="14:14">
      <c r="N96586" s="10"/>
    </row>
    <row r="96587" spans="14:14">
      <c r="N96587" s="10"/>
    </row>
    <row r="96588" spans="14:14">
      <c r="N96588" s="10"/>
    </row>
    <row r="96589" spans="14:14">
      <c r="N96589" s="10"/>
    </row>
    <row r="96590" spans="14:14">
      <c r="N96590" s="10"/>
    </row>
    <row r="96591" spans="14:14">
      <c r="N96591" s="10"/>
    </row>
    <row r="96592" spans="14:14">
      <c r="N96592" s="10"/>
    </row>
    <row r="96593" spans="14:14">
      <c r="N96593" s="10"/>
    </row>
    <row r="96594" spans="14:14">
      <c r="N96594" s="10"/>
    </row>
    <row r="96595" spans="14:14">
      <c r="N96595" s="10"/>
    </row>
    <row r="96596" spans="14:14">
      <c r="N96596" s="10"/>
    </row>
    <row r="96597" spans="14:14">
      <c r="N96597" s="10"/>
    </row>
    <row r="96598" spans="14:14">
      <c r="N96598" s="10"/>
    </row>
    <row r="96599" spans="14:14">
      <c r="N96599" s="10"/>
    </row>
    <row r="96600" spans="14:14">
      <c r="N96600" s="10"/>
    </row>
    <row r="96601" spans="14:14">
      <c r="N96601" s="10"/>
    </row>
    <row r="96602" spans="14:14">
      <c r="N96602" s="10"/>
    </row>
    <row r="96603" spans="14:14">
      <c r="N96603" s="10"/>
    </row>
    <row r="96604" spans="14:14">
      <c r="N96604" s="10"/>
    </row>
    <row r="96605" spans="14:14">
      <c r="N96605" s="10"/>
    </row>
    <row r="96606" spans="14:14">
      <c r="N96606" s="10"/>
    </row>
    <row r="96607" spans="14:14">
      <c r="N96607" s="10"/>
    </row>
    <row r="96608" spans="14:14">
      <c r="N96608" s="10"/>
    </row>
    <row r="96609" spans="14:14">
      <c r="N96609" s="10"/>
    </row>
    <row r="96610" spans="14:14">
      <c r="N96610" s="10"/>
    </row>
    <row r="96611" spans="14:14">
      <c r="N96611" s="10"/>
    </row>
    <row r="96612" spans="14:14">
      <c r="N96612" s="10"/>
    </row>
    <row r="96613" spans="14:14">
      <c r="N96613" s="10"/>
    </row>
    <row r="96614" spans="14:14">
      <c r="N96614" s="10"/>
    </row>
    <row r="96615" spans="14:14">
      <c r="N96615" s="10"/>
    </row>
    <row r="96616" spans="14:14">
      <c r="N96616" s="10"/>
    </row>
    <row r="96617" spans="14:14">
      <c r="N96617" s="10"/>
    </row>
    <row r="96618" spans="14:14">
      <c r="N96618" s="10"/>
    </row>
    <row r="96619" spans="14:14">
      <c r="N96619" s="10"/>
    </row>
    <row r="96620" spans="14:14">
      <c r="N96620" s="10"/>
    </row>
    <row r="96621" spans="14:14">
      <c r="N96621" s="10"/>
    </row>
    <row r="96622" spans="14:14">
      <c r="N96622" s="10"/>
    </row>
    <row r="96623" spans="14:14">
      <c r="N96623" s="10"/>
    </row>
    <row r="96624" spans="14:14">
      <c r="N96624" s="10"/>
    </row>
    <row r="96625" spans="14:14">
      <c r="N96625" s="10"/>
    </row>
    <row r="96626" spans="14:14">
      <c r="N96626" s="10"/>
    </row>
    <row r="96627" spans="14:14">
      <c r="N96627" s="10"/>
    </row>
    <row r="96628" spans="14:14">
      <c r="N96628" s="10"/>
    </row>
    <row r="96629" spans="14:14">
      <c r="N96629" s="10"/>
    </row>
    <row r="96630" spans="14:14">
      <c r="N96630" s="10"/>
    </row>
    <row r="96631" spans="14:14">
      <c r="N96631" s="10"/>
    </row>
    <row r="96632" spans="14:14">
      <c r="N96632" s="10"/>
    </row>
    <row r="96633" spans="14:14">
      <c r="N96633" s="10"/>
    </row>
    <row r="96634" spans="14:14">
      <c r="N96634" s="10"/>
    </row>
    <row r="96635" spans="14:14">
      <c r="N96635" s="10"/>
    </row>
    <row r="96636" spans="14:14">
      <c r="N96636" s="10"/>
    </row>
    <row r="96637" spans="14:14">
      <c r="N96637" s="10"/>
    </row>
    <row r="96638" spans="14:14">
      <c r="N96638" s="10"/>
    </row>
    <row r="96639" spans="14:14">
      <c r="N96639" s="10"/>
    </row>
    <row r="96640" spans="14:14">
      <c r="N96640" s="10"/>
    </row>
    <row r="96641" spans="14:14">
      <c r="N96641" s="10"/>
    </row>
    <row r="96642" spans="14:14">
      <c r="N96642" s="10"/>
    </row>
    <row r="96643" spans="14:14">
      <c r="N96643" s="10"/>
    </row>
    <row r="96644" spans="14:14">
      <c r="N96644" s="10"/>
    </row>
    <row r="96645" spans="14:14">
      <c r="N96645" s="10"/>
    </row>
    <row r="96646" spans="14:14">
      <c r="N96646" s="10"/>
    </row>
    <row r="96647" spans="14:14">
      <c r="N96647" s="10"/>
    </row>
    <row r="96648" spans="14:14">
      <c r="N96648" s="10"/>
    </row>
    <row r="96649" spans="14:14">
      <c r="N96649" s="10"/>
    </row>
    <row r="96650" spans="14:14">
      <c r="N96650" s="10"/>
    </row>
    <row r="96651" spans="14:14">
      <c r="N96651" s="10"/>
    </row>
    <row r="96652" spans="14:14">
      <c r="N96652" s="10"/>
    </row>
    <row r="96653" spans="14:14">
      <c r="N96653" s="10"/>
    </row>
    <row r="96654" spans="14:14">
      <c r="N96654" s="10"/>
    </row>
    <row r="96655" spans="14:14">
      <c r="N96655" s="10"/>
    </row>
    <row r="96656" spans="14:14">
      <c r="N96656" s="10"/>
    </row>
    <row r="96657" spans="14:14">
      <c r="N96657" s="10"/>
    </row>
    <row r="96658" spans="14:14">
      <c r="N96658" s="10"/>
    </row>
    <row r="96659" spans="14:14">
      <c r="N96659" s="10"/>
    </row>
    <row r="96660" spans="14:14">
      <c r="N96660" s="10"/>
    </row>
    <row r="96661" spans="14:14">
      <c r="N96661" s="10"/>
    </row>
    <row r="96662" spans="14:14">
      <c r="N96662" s="10"/>
    </row>
    <row r="96663" spans="14:14">
      <c r="N96663" s="10"/>
    </row>
    <row r="96664" spans="14:14">
      <c r="N96664" s="10"/>
    </row>
    <row r="96665" spans="14:14">
      <c r="N96665" s="10"/>
    </row>
    <row r="96666" spans="14:14">
      <c r="N96666" s="10"/>
    </row>
    <row r="96667" spans="14:14">
      <c r="N96667" s="10"/>
    </row>
    <row r="96668" spans="14:14">
      <c r="N96668" s="10"/>
    </row>
    <row r="96669" spans="14:14">
      <c r="N96669" s="10"/>
    </row>
    <row r="96670" spans="14:14">
      <c r="N96670" s="10"/>
    </row>
    <row r="96671" spans="14:14">
      <c r="N96671" s="10"/>
    </row>
    <row r="96672" spans="14:14">
      <c r="N96672" s="10"/>
    </row>
    <row r="96673" spans="14:14">
      <c r="N96673" s="10"/>
    </row>
    <row r="96674" spans="14:14">
      <c r="N96674" s="10"/>
    </row>
    <row r="96675" spans="14:14">
      <c r="N96675" s="10"/>
    </row>
    <row r="96676" spans="14:14">
      <c r="N96676" s="10"/>
    </row>
    <row r="96677" spans="14:14">
      <c r="N96677" s="10"/>
    </row>
    <row r="96678" spans="14:14">
      <c r="N96678" s="10"/>
    </row>
    <row r="96679" spans="14:14">
      <c r="N96679" s="10"/>
    </row>
    <row r="96680" spans="14:14">
      <c r="N96680" s="10"/>
    </row>
    <row r="96681" spans="14:14">
      <c r="N96681" s="10"/>
    </row>
    <row r="96682" spans="14:14">
      <c r="N96682" s="10"/>
    </row>
    <row r="96683" spans="14:14">
      <c r="N96683" s="10"/>
    </row>
    <row r="96684" spans="14:14">
      <c r="N96684" s="10"/>
    </row>
    <row r="96685" spans="14:14">
      <c r="N96685" s="10"/>
    </row>
    <row r="96686" spans="14:14">
      <c r="N96686" s="10"/>
    </row>
    <row r="96687" spans="14:14">
      <c r="N96687" s="10"/>
    </row>
    <row r="96688" spans="14:14">
      <c r="N96688" s="10"/>
    </row>
    <row r="96689" spans="14:14">
      <c r="N96689" s="10"/>
    </row>
    <row r="96690" spans="14:14">
      <c r="N96690" s="10"/>
    </row>
    <row r="96691" spans="14:14">
      <c r="N96691" s="10"/>
    </row>
    <row r="96692" spans="14:14">
      <c r="N96692" s="10"/>
    </row>
    <row r="96693" spans="14:14">
      <c r="N96693" s="10"/>
    </row>
    <row r="96694" spans="14:14">
      <c r="N96694" s="10"/>
    </row>
    <row r="96695" spans="14:14">
      <c r="N96695" s="10"/>
    </row>
    <row r="96696" spans="14:14">
      <c r="N96696" s="10"/>
    </row>
    <row r="96697" spans="14:14">
      <c r="N96697" s="10"/>
    </row>
    <row r="96698" spans="14:14">
      <c r="N96698" s="10"/>
    </row>
    <row r="96699" spans="14:14">
      <c r="N96699" s="10"/>
    </row>
    <row r="96700" spans="14:14">
      <c r="N96700" s="10"/>
    </row>
    <row r="96701" spans="14:14">
      <c r="N96701" s="10"/>
    </row>
    <row r="96702" spans="14:14">
      <c r="N96702" s="10"/>
    </row>
    <row r="96703" spans="14:14">
      <c r="N96703" s="10"/>
    </row>
    <row r="96704" spans="14:14">
      <c r="N96704" s="10"/>
    </row>
    <row r="96705" spans="14:14">
      <c r="N96705" s="10"/>
    </row>
    <row r="96706" spans="14:14">
      <c r="N96706" s="10"/>
    </row>
    <row r="96707" spans="14:14">
      <c r="N96707" s="10"/>
    </row>
    <row r="96708" spans="14:14">
      <c r="N96708" s="10"/>
    </row>
    <row r="96709" spans="14:14">
      <c r="N96709" s="10"/>
    </row>
    <row r="96710" spans="14:14">
      <c r="N96710" s="10"/>
    </row>
    <row r="96711" spans="14:14">
      <c r="N96711" s="10"/>
    </row>
    <row r="96712" spans="14:14">
      <c r="N96712" s="10"/>
    </row>
    <row r="96713" spans="14:14">
      <c r="N96713" s="10"/>
    </row>
    <row r="96714" spans="14:14">
      <c r="N96714" s="10"/>
    </row>
    <row r="96715" spans="14:14">
      <c r="N96715" s="10"/>
    </row>
    <row r="96716" spans="14:14">
      <c r="N96716" s="10"/>
    </row>
    <row r="96717" spans="14:14">
      <c r="N96717" s="10"/>
    </row>
    <row r="96718" spans="14:14">
      <c r="N96718" s="10"/>
    </row>
    <row r="96719" spans="14:14">
      <c r="N96719" s="10"/>
    </row>
    <row r="96720" spans="14:14">
      <c r="N96720" s="10"/>
    </row>
    <row r="96721" spans="14:14">
      <c r="N96721" s="10"/>
    </row>
    <row r="96722" spans="14:14">
      <c r="N96722" s="10"/>
    </row>
    <row r="96723" spans="14:14">
      <c r="N96723" s="10"/>
    </row>
    <row r="96724" spans="14:14">
      <c r="N96724" s="10"/>
    </row>
    <row r="96725" spans="14:14">
      <c r="N96725" s="10"/>
    </row>
    <row r="96726" spans="14:14">
      <c r="N96726" s="10"/>
    </row>
    <row r="96727" spans="14:14">
      <c r="N96727" s="10"/>
    </row>
    <row r="96728" spans="14:14">
      <c r="N96728" s="10"/>
    </row>
    <row r="96729" spans="14:14">
      <c r="N96729" s="10"/>
    </row>
    <row r="96730" spans="14:14">
      <c r="N96730" s="10"/>
    </row>
    <row r="96731" spans="14:14">
      <c r="N96731" s="10"/>
    </row>
    <row r="96732" spans="14:14">
      <c r="N96732" s="10"/>
    </row>
    <row r="96733" spans="14:14">
      <c r="N96733" s="10"/>
    </row>
    <row r="96734" spans="14:14">
      <c r="N96734" s="10"/>
    </row>
    <row r="96735" spans="14:14">
      <c r="N96735" s="10"/>
    </row>
    <row r="96736" spans="14:14">
      <c r="N96736" s="10"/>
    </row>
    <row r="96737" spans="14:14">
      <c r="N96737" s="10"/>
    </row>
    <row r="96738" spans="14:14">
      <c r="N96738" s="10"/>
    </row>
    <row r="96739" spans="14:14">
      <c r="N96739" s="10"/>
    </row>
    <row r="96740" spans="14:14">
      <c r="N96740" s="10"/>
    </row>
    <row r="96741" spans="14:14">
      <c r="N96741" s="10"/>
    </row>
    <row r="96742" spans="14:14">
      <c r="N96742" s="10"/>
    </row>
    <row r="96743" spans="14:14">
      <c r="N96743" s="10"/>
    </row>
    <row r="96744" spans="14:14">
      <c r="N96744" s="10"/>
    </row>
    <row r="96745" spans="14:14">
      <c r="N96745" s="10"/>
    </row>
    <row r="96746" spans="14:14">
      <c r="N96746" s="10"/>
    </row>
    <row r="96747" spans="14:14">
      <c r="N96747" s="10"/>
    </row>
    <row r="96748" spans="14:14">
      <c r="N96748" s="10"/>
    </row>
    <row r="96749" spans="14:14">
      <c r="N96749" s="10"/>
    </row>
    <row r="96750" spans="14:14">
      <c r="N96750" s="10"/>
    </row>
    <row r="96751" spans="14:14">
      <c r="N96751" s="10"/>
    </row>
    <row r="96752" spans="14:14">
      <c r="N96752" s="10"/>
    </row>
    <row r="96753" spans="14:14">
      <c r="N96753" s="10"/>
    </row>
    <row r="96754" spans="14:14">
      <c r="N96754" s="10"/>
    </row>
    <row r="96755" spans="14:14">
      <c r="N96755" s="10"/>
    </row>
    <row r="96756" spans="14:14">
      <c r="N96756" s="10"/>
    </row>
    <row r="96757" spans="14:14">
      <c r="N96757" s="10"/>
    </row>
    <row r="96758" spans="14:14">
      <c r="N96758" s="10"/>
    </row>
    <row r="96759" spans="14:14">
      <c r="N96759" s="10"/>
    </row>
    <row r="96760" spans="14:14">
      <c r="N96760" s="10"/>
    </row>
    <row r="96761" spans="14:14">
      <c r="N96761" s="10"/>
    </row>
    <row r="96762" spans="14:14">
      <c r="N96762" s="10"/>
    </row>
    <row r="96763" spans="14:14">
      <c r="N96763" s="10"/>
    </row>
    <row r="96764" spans="14:14">
      <c r="N96764" s="10"/>
    </row>
    <row r="96765" spans="14:14">
      <c r="N96765" s="10"/>
    </row>
    <row r="96766" spans="14:14">
      <c r="N96766" s="10"/>
    </row>
    <row r="96767" spans="14:14">
      <c r="N96767" s="10"/>
    </row>
    <row r="96768" spans="14:14">
      <c r="N96768" s="10"/>
    </row>
    <row r="96769" spans="14:14">
      <c r="N96769" s="10"/>
    </row>
    <row r="96770" spans="14:14">
      <c r="N96770" s="10"/>
    </row>
    <row r="96771" spans="14:14">
      <c r="N96771" s="10"/>
    </row>
    <row r="96772" spans="14:14">
      <c r="N96772" s="10"/>
    </row>
    <row r="96773" spans="14:14">
      <c r="N96773" s="10"/>
    </row>
    <row r="96774" spans="14:14">
      <c r="N96774" s="10"/>
    </row>
    <row r="96775" spans="14:14">
      <c r="N96775" s="10"/>
    </row>
    <row r="96776" spans="14:14">
      <c r="N96776" s="10"/>
    </row>
    <row r="96777" spans="14:14">
      <c r="N96777" s="10"/>
    </row>
    <row r="96778" spans="14:14">
      <c r="N96778" s="10"/>
    </row>
    <row r="96779" spans="14:14">
      <c r="N96779" s="10"/>
    </row>
    <row r="96780" spans="14:14">
      <c r="N96780" s="10"/>
    </row>
    <row r="96781" spans="14:14">
      <c r="N96781" s="10"/>
    </row>
    <row r="96782" spans="14:14">
      <c r="N96782" s="10"/>
    </row>
    <row r="96783" spans="14:14">
      <c r="N96783" s="10"/>
    </row>
    <row r="96784" spans="14:14">
      <c r="N96784" s="10"/>
    </row>
    <row r="96785" spans="14:14">
      <c r="N96785" s="10"/>
    </row>
    <row r="96786" spans="14:14">
      <c r="N96786" s="10"/>
    </row>
    <row r="96787" spans="14:14">
      <c r="N96787" s="10"/>
    </row>
    <row r="96788" spans="14:14">
      <c r="N96788" s="10"/>
    </row>
    <row r="96789" spans="14:14">
      <c r="N96789" s="10"/>
    </row>
    <row r="96790" spans="14:14">
      <c r="N96790" s="10"/>
    </row>
    <row r="96791" spans="14:14">
      <c r="N96791" s="10"/>
    </row>
    <row r="96792" spans="14:14">
      <c r="N96792" s="10"/>
    </row>
    <row r="96793" spans="14:14">
      <c r="N96793" s="10"/>
    </row>
    <row r="96794" spans="14:14">
      <c r="N96794" s="10"/>
    </row>
    <row r="96795" spans="14:14">
      <c r="N96795" s="10"/>
    </row>
    <row r="96796" spans="14:14">
      <c r="N96796" s="10"/>
    </row>
    <row r="96797" spans="14:14">
      <c r="N96797" s="10"/>
    </row>
    <row r="96798" spans="14:14">
      <c r="N96798" s="10"/>
    </row>
    <row r="96799" spans="14:14">
      <c r="N96799" s="10"/>
    </row>
    <row r="96800" spans="14:14">
      <c r="N96800" s="10"/>
    </row>
    <row r="96801" spans="14:14">
      <c r="N96801" s="10"/>
    </row>
    <row r="96802" spans="14:14">
      <c r="N96802" s="10"/>
    </row>
    <row r="96803" spans="14:14">
      <c r="N96803" s="10"/>
    </row>
    <row r="96804" spans="14:14">
      <c r="N96804" s="10"/>
    </row>
    <row r="96805" spans="14:14">
      <c r="N96805" s="10"/>
    </row>
    <row r="96806" spans="14:14">
      <c r="N96806" s="10"/>
    </row>
    <row r="96807" spans="14:14">
      <c r="N96807" s="10"/>
    </row>
    <row r="96808" spans="14:14">
      <c r="N96808" s="10"/>
    </row>
    <row r="96809" spans="14:14">
      <c r="N96809" s="10"/>
    </row>
    <row r="96810" spans="14:14">
      <c r="N96810" s="10"/>
    </row>
    <row r="96811" spans="14:14">
      <c r="N96811" s="10"/>
    </row>
    <row r="96812" spans="14:14">
      <c r="N96812" s="10"/>
    </row>
    <row r="96813" spans="14:14">
      <c r="N96813" s="10"/>
    </row>
    <row r="96814" spans="14:14">
      <c r="N96814" s="10"/>
    </row>
    <row r="96815" spans="14:14">
      <c r="N96815" s="10"/>
    </row>
    <row r="96816" spans="14:14">
      <c r="N96816" s="10"/>
    </row>
    <row r="96817" spans="14:14">
      <c r="N96817" s="10"/>
    </row>
    <row r="96818" spans="14:14">
      <c r="N96818" s="10"/>
    </row>
    <row r="96819" spans="14:14">
      <c r="N96819" s="10"/>
    </row>
    <row r="96820" spans="14:14">
      <c r="N96820" s="10"/>
    </row>
    <row r="96821" spans="14:14">
      <c r="N96821" s="10"/>
    </row>
    <row r="96822" spans="14:14">
      <c r="N96822" s="10"/>
    </row>
    <row r="96823" spans="14:14">
      <c r="N96823" s="10"/>
    </row>
    <row r="96824" spans="14:14">
      <c r="N96824" s="10"/>
    </row>
    <row r="96825" spans="14:14">
      <c r="N96825" s="10"/>
    </row>
    <row r="96826" spans="14:14">
      <c r="N96826" s="10"/>
    </row>
    <row r="96827" spans="14:14">
      <c r="N96827" s="10"/>
    </row>
    <row r="96828" spans="14:14">
      <c r="N96828" s="10"/>
    </row>
    <row r="96829" spans="14:14">
      <c r="N96829" s="10"/>
    </row>
    <row r="96830" spans="14:14">
      <c r="N96830" s="10"/>
    </row>
    <row r="96831" spans="14:14">
      <c r="N96831" s="10"/>
    </row>
    <row r="96832" spans="14:14">
      <c r="N96832" s="10"/>
    </row>
    <row r="96833" spans="14:14">
      <c r="N96833" s="10"/>
    </row>
    <row r="96834" spans="14:14">
      <c r="N96834" s="10"/>
    </row>
    <row r="96835" spans="14:14">
      <c r="N96835" s="10"/>
    </row>
    <row r="96836" spans="14:14">
      <c r="N96836" s="10"/>
    </row>
    <row r="96837" spans="14:14">
      <c r="N96837" s="10"/>
    </row>
    <row r="96838" spans="14:14">
      <c r="N96838" s="10"/>
    </row>
    <row r="96839" spans="14:14">
      <c r="N96839" s="10"/>
    </row>
    <row r="96840" spans="14:14">
      <c r="N96840" s="10"/>
    </row>
    <row r="96841" spans="14:14">
      <c r="N96841" s="10"/>
    </row>
    <row r="96842" spans="14:14">
      <c r="N96842" s="10"/>
    </row>
    <row r="96843" spans="14:14">
      <c r="N96843" s="10"/>
    </row>
    <row r="96844" spans="14:14">
      <c r="N96844" s="10"/>
    </row>
    <row r="96845" spans="14:14">
      <c r="N96845" s="10"/>
    </row>
    <row r="96846" spans="14:14">
      <c r="N96846" s="10"/>
    </row>
    <row r="96847" spans="14:14">
      <c r="N96847" s="10"/>
    </row>
    <row r="96848" spans="14:14">
      <c r="N96848" s="10"/>
    </row>
    <row r="96849" spans="14:14">
      <c r="N96849" s="10"/>
    </row>
    <row r="96850" spans="14:14">
      <c r="N96850" s="10"/>
    </row>
    <row r="96851" spans="14:14">
      <c r="N96851" s="10"/>
    </row>
    <row r="96852" spans="14:14">
      <c r="N96852" s="10"/>
    </row>
    <row r="96853" spans="14:14">
      <c r="N96853" s="10"/>
    </row>
    <row r="96854" spans="14:14">
      <c r="N96854" s="10"/>
    </row>
    <row r="96855" spans="14:14">
      <c r="N96855" s="10"/>
    </row>
    <row r="96856" spans="14:14">
      <c r="N96856" s="10"/>
    </row>
    <row r="96857" spans="14:14">
      <c r="N96857" s="10"/>
    </row>
    <row r="96858" spans="14:14">
      <c r="N96858" s="10"/>
    </row>
    <row r="96859" spans="14:14">
      <c r="N96859" s="10"/>
    </row>
    <row r="96860" spans="14:14">
      <c r="N96860" s="10"/>
    </row>
    <row r="96861" spans="14:14">
      <c r="N96861" s="10"/>
    </row>
    <row r="96862" spans="14:14">
      <c r="N96862" s="10"/>
    </row>
    <row r="96863" spans="14:14">
      <c r="N96863" s="10"/>
    </row>
    <row r="96864" spans="14:14">
      <c r="N96864" s="10"/>
    </row>
    <row r="96865" spans="14:14">
      <c r="N96865" s="10"/>
    </row>
    <row r="96866" spans="14:14">
      <c r="N96866" s="10"/>
    </row>
    <row r="96867" spans="14:14">
      <c r="N96867" s="10"/>
    </row>
    <row r="96868" spans="14:14">
      <c r="N96868" s="10"/>
    </row>
    <row r="96869" spans="14:14">
      <c r="N96869" s="10"/>
    </row>
    <row r="96870" spans="14:14">
      <c r="N96870" s="10"/>
    </row>
    <row r="96871" spans="14:14">
      <c r="N96871" s="10"/>
    </row>
    <row r="96872" spans="14:14">
      <c r="N96872" s="10"/>
    </row>
    <row r="96873" spans="14:14">
      <c r="N96873" s="10"/>
    </row>
    <row r="96874" spans="14:14">
      <c r="N96874" s="10"/>
    </row>
    <row r="96875" spans="14:14">
      <c r="N96875" s="10"/>
    </row>
    <row r="96876" spans="14:14">
      <c r="N96876" s="10"/>
    </row>
    <row r="96877" spans="14:14">
      <c r="N96877" s="10"/>
    </row>
    <row r="96878" spans="14:14">
      <c r="N96878" s="10"/>
    </row>
    <row r="96879" spans="14:14">
      <c r="N96879" s="10"/>
    </row>
    <row r="96880" spans="14:14">
      <c r="N96880" s="10"/>
    </row>
    <row r="96881" spans="14:14">
      <c r="N96881" s="10"/>
    </row>
    <row r="96882" spans="14:14">
      <c r="N96882" s="10"/>
    </row>
    <row r="96883" spans="14:14">
      <c r="N96883" s="10"/>
    </row>
    <row r="96884" spans="14:14">
      <c r="N96884" s="10"/>
    </row>
    <row r="96885" spans="14:14">
      <c r="N96885" s="10"/>
    </row>
    <row r="96886" spans="14:14">
      <c r="N96886" s="10"/>
    </row>
    <row r="96887" spans="14:14">
      <c r="N96887" s="10"/>
    </row>
    <row r="96888" spans="14:14">
      <c r="N96888" s="10"/>
    </row>
    <row r="96889" spans="14:14">
      <c r="N96889" s="10"/>
    </row>
    <row r="96890" spans="14:14">
      <c r="N96890" s="10"/>
    </row>
    <row r="96891" spans="14:14">
      <c r="N96891" s="10"/>
    </row>
    <row r="96892" spans="14:14">
      <c r="N96892" s="10"/>
    </row>
    <row r="96893" spans="14:14">
      <c r="N96893" s="10"/>
    </row>
    <row r="96894" spans="14:14">
      <c r="N96894" s="10"/>
    </row>
    <row r="96895" spans="14:14">
      <c r="N96895" s="10"/>
    </row>
    <row r="96896" spans="14:14">
      <c r="N96896" s="10"/>
    </row>
    <row r="96897" spans="14:14">
      <c r="N96897" s="10"/>
    </row>
    <row r="96898" spans="14:14">
      <c r="N96898" s="10"/>
    </row>
    <row r="96899" spans="14:14">
      <c r="N96899" s="10"/>
    </row>
    <row r="96900" spans="14:14">
      <c r="N96900" s="10"/>
    </row>
    <row r="96901" spans="14:14">
      <c r="N96901" s="10"/>
    </row>
    <row r="96902" spans="14:14">
      <c r="N96902" s="10"/>
    </row>
    <row r="96903" spans="14:14">
      <c r="N96903" s="10"/>
    </row>
    <row r="96904" spans="14:14">
      <c r="N96904" s="10"/>
    </row>
    <row r="96905" spans="14:14">
      <c r="N96905" s="10"/>
    </row>
    <row r="96906" spans="14:14">
      <c r="N96906" s="10"/>
    </row>
    <row r="96907" spans="14:14">
      <c r="N96907" s="10"/>
    </row>
    <row r="96908" spans="14:14">
      <c r="N96908" s="10"/>
    </row>
    <row r="96909" spans="14:14">
      <c r="N96909" s="10"/>
    </row>
    <row r="96910" spans="14:14">
      <c r="N96910" s="10"/>
    </row>
    <row r="96911" spans="14:14">
      <c r="N96911" s="10"/>
    </row>
    <row r="96912" spans="14:14">
      <c r="N96912" s="10"/>
    </row>
    <row r="96913" spans="14:14">
      <c r="N96913" s="10"/>
    </row>
    <row r="96914" spans="14:14">
      <c r="N96914" s="10"/>
    </row>
    <row r="96915" spans="14:14">
      <c r="N96915" s="10"/>
    </row>
    <row r="96916" spans="14:14">
      <c r="N96916" s="10"/>
    </row>
    <row r="96917" spans="14:14">
      <c r="N96917" s="10"/>
    </row>
    <row r="96918" spans="14:14">
      <c r="N96918" s="10"/>
    </row>
    <row r="96919" spans="14:14">
      <c r="N96919" s="10"/>
    </row>
    <row r="96920" spans="14:14">
      <c r="N96920" s="10"/>
    </row>
    <row r="96921" spans="14:14">
      <c r="N96921" s="10"/>
    </row>
    <row r="96922" spans="14:14">
      <c r="N96922" s="10"/>
    </row>
    <row r="96923" spans="14:14">
      <c r="N96923" s="10"/>
    </row>
    <row r="96924" spans="14:14">
      <c r="N96924" s="10"/>
    </row>
    <row r="96925" spans="14:14">
      <c r="N96925" s="10"/>
    </row>
    <row r="96926" spans="14:14">
      <c r="N96926" s="10"/>
    </row>
    <row r="96927" spans="14:14">
      <c r="N96927" s="10"/>
    </row>
    <row r="96928" spans="14:14">
      <c r="N96928" s="10"/>
    </row>
    <row r="96929" spans="14:14">
      <c r="N96929" s="10"/>
    </row>
    <row r="96930" spans="14:14">
      <c r="N96930" s="10"/>
    </row>
    <row r="96931" spans="14:14">
      <c r="N96931" s="10"/>
    </row>
    <row r="96932" spans="14:14">
      <c r="N96932" s="10"/>
    </row>
    <row r="96933" spans="14:14">
      <c r="N96933" s="10"/>
    </row>
    <row r="96934" spans="14:14">
      <c r="N96934" s="10"/>
    </row>
    <row r="96935" spans="14:14">
      <c r="N96935" s="10"/>
    </row>
    <row r="96936" spans="14:14">
      <c r="N96936" s="10"/>
    </row>
    <row r="96937" spans="14:14">
      <c r="N96937" s="10"/>
    </row>
    <row r="96938" spans="14:14">
      <c r="N96938" s="10"/>
    </row>
    <row r="96939" spans="14:14">
      <c r="N96939" s="10"/>
    </row>
    <row r="96940" spans="14:14">
      <c r="N96940" s="10"/>
    </row>
    <row r="96941" spans="14:14">
      <c r="N96941" s="10"/>
    </row>
    <row r="96942" spans="14:14">
      <c r="N96942" s="10"/>
    </row>
    <row r="96943" spans="14:14">
      <c r="N96943" s="10"/>
    </row>
    <row r="96944" spans="14:14">
      <c r="N96944" s="10"/>
    </row>
    <row r="96945" spans="14:14">
      <c r="N96945" s="10"/>
    </row>
    <row r="96946" spans="14:14">
      <c r="N96946" s="10"/>
    </row>
    <row r="96947" spans="14:14">
      <c r="N96947" s="10"/>
    </row>
    <row r="96948" spans="14:14">
      <c r="N96948" s="10"/>
    </row>
    <row r="96949" spans="14:14">
      <c r="N96949" s="10"/>
    </row>
    <row r="96950" spans="14:14">
      <c r="N96950" s="10"/>
    </row>
    <row r="96951" spans="14:14">
      <c r="N96951" s="10"/>
    </row>
    <row r="96952" spans="14:14">
      <c r="N96952" s="10"/>
    </row>
    <row r="96953" spans="14:14">
      <c r="N96953" s="10"/>
    </row>
    <row r="96954" spans="14:14">
      <c r="N96954" s="10"/>
    </row>
    <row r="96955" spans="14:14">
      <c r="N96955" s="10"/>
    </row>
    <row r="96956" spans="14:14">
      <c r="N96956" s="10"/>
    </row>
    <row r="96957" spans="14:14">
      <c r="N96957" s="10"/>
    </row>
    <row r="96958" spans="14:14">
      <c r="N96958" s="10"/>
    </row>
    <row r="96959" spans="14:14">
      <c r="N96959" s="10"/>
    </row>
    <row r="96960" spans="14:14">
      <c r="N96960" s="10"/>
    </row>
    <row r="96961" spans="14:14">
      <c r="N96961" s="10"/>
    </row>
    <row r="96962" spans="14:14">
      <c r="N96962" s="10"/>
    </row>
    <row r="96963" spans="14:14">
      <c r="N96963" s="10"/>
    </row>
    <row r="96964" spans="14:14">
      <c r="N96964" s="10"/>
    </row>
    <row r="96965" spans="14:14">
      <c r="N96965" s="10"/>
    </row>
    <row r="96966" spans="14:14">
      <c r="N96966" s="10"/>
    </row>
    <row r="96967" spans="14:14">
      <c r="N96967" s="10"/>
    </row>
    <row r="96968" spans="14:14">
      <c r="N96968" s="10"/>
    </row>
    <row r="96969" spans="14:14">
      <c r="N96969" s="10"/>
    </row>
    <row r="96970" spans="14:14">
      <c r="N96970" s="10"/>
    </row>
    <row r="96971" spans="14:14">
      <c r="N96971" s="10"/>
    </row>
    <row r="96972" spans="14:14">
      <c r="N96972" s="10"/>
    </row>
    <row r="96973" spans="14:14">
      <c r="N96973" s="10"/>
    </row>
    <row r="96974" spans="14:14">
      <c r="N96974" s="10"/>
    </row>
    <row r="96975" spans="14:14">
      <c r="N96975" s="10"/>
    </row>
    <row r="96976" spans="14:14">
      <c r="N96976" s="10"/>
    </row>
    <row r="96977" spans="14:14">
      <c r="N96977" s="10"/>
    </row>
    <row r="96978" spans="14:14">
      <c r="N96978" s="10"/>
    </row>
    <row r="96979" spans="14:14">
      <c r="N96979" s="10"/>
    </row>
    <row r="96980" spans="14:14">
      <c r="N96980" s="10"/>
    </row>
    <row r="96981" spans="14:14">
      <c r="N96981" s="10"/>
    </row>
    <row r="96982" spans="14:14">
      <c r="N96982" s="10"/>
    </row>
    <row r="96983" spans="14:14">
      <c r="N96983" s="10"/>
    </row>
    <row r="96984" spans="14:14">
      <c r="N96984" s="10"/>
    </row>
    <row r="96985" spans="14:14">
      <c r="N96985" s="10"/>
    </row>
    <row r="96986" spans="14:14">
      <c r="N96986" s="10"/>
    </row>
    <row r="96987" spans="14:14">
      <c r="N96987" s="10"/>
    </row>
    <row r="96988" spans="14:14">
      <c r="N96988" s="10"/>
    </row>
    <row r="96989" spans="14:14">
      <c r="N96989" s="10"/>
    </row>
    <row r="96990" spans="14:14">
      <c r="N96990" s="10"/>
    </row>
    <row r="96991" spans="14:14">
      <c r="N96991" s="10"/>
    </row>
    <row r="96992" spans="14:14">
      <c r="N96992" s="10"/>
    </row>
    <row r="96993" spans="14:14">
      <c r="N96993" s="10"/>
    </row>
    <row r="96994" spans="14:14">
      <c r="N96994" s="10"/>
    </row>
    <row r="96995" spans="14:14">
      <c r="N96995" s="10"/>
    </row>
    <row r="96996" spans="14:14">
      <c r="N96996" s="10"/>
    </row>
    <row r="96997" spans="14:14">
      <c r="N96997" s="10"/>
    </row>
    <row r="96998" spans="14:14">
      <c r="N96998" s="10"/>
    </row>
    <row r="96999" spans="14:14">
      <c r="N96999" s="10"/>
    </row>
    <row r="97000" spans="14:14">
      <c r="N97000" s="10"/>
    </row>
    <row r="97001" spans="14:14">
      <c r="N97001" s="10"/>
    </row>
    <row r="97002" spans="14:14">
      <c r="N97002" s="10"/>
    </row>
    <row r="97003" spans="14:14">
      <c r="N97003" s="10"/>
    </row>
    <row r="97004" spans="14:14">
      <c r="N97004" s="10"/>
    </row>
    <row r="97005" spans="14:14">
      <c r="N97005" s="10"/>
    </row>
    <row r="97006" spans="14:14">
      <c r="N97006" s="10"/>
    </row>
    <row r="97007" spans="14:14">
      <c r="N97007" s="10"/>
    </row>
    <row r="97008" spans="14:14">
      <c r="N97008" s="10"/>
    </row>
    <row r="97009" spans="14:14">
      <c r="N97009" s="10"/>
    </row>
    <row r="97010" spans="14:14">
      <c r="N97010" s="10"/>
    </row>
    <row r="97011" spans="14:14">
      <c r="N97011" s="10"/>
    </row>
    <row r="97012" spans="14:14">
      <c r="N97012" s="10"/>
    </row>
    <row r="97013" spans="14:14">
      <c r="N97013" s="10"/>
    </row>
    <row r="97014" spans="14:14">
      <c r="N97014" s="10"/>
    </row>
    <row r="97015" spans="14:14">
      <c r="N97015" s="10"/>
    </row>
    <row r="97016" spans="14:14">
      <c r="N97016" s="10"/>
    </row>
    <row r="97017" spans="14:14">
      <c r="N97017" s="10"/>
    </row>
    <row r="97018" spans="14:14">
      <c r="N97018" s="10"/>
    </row>
    <row r="97019" spans="14:14">
      <c r="N97019" s="10"/>
    </row>
    <row r="97020" spans="14:14">
      <c r="N97020" s="10"/>
    </row>
    <row r="97021" spans="14:14">
      <c r="N97021" s="10"/>
    </row>
    <row r="97022" spans="14:14">
      <c r="N97022" s="10"/>
    </row>
    <row r="97023" spans="14:14">
      <c r="N97023" s="10"/>
    </row>
    <row r="97024" spans="14:14">
      <c r="N97024" s="10"/>
    </row>
    <row r="97025" spans="14:14">
      <c r="N97025" s="10"/>
    </row>
    <row r="97026" spans="14:14">
      <c r="N97026" s="10"/>
    </row>
    <row r="97027" spans="14:14">
      <c r="N97027" s="10"/>
    </row>
    <row r="97028" spans="14:14">
      <c r="N97028" s="10"/>
    </row>
    <row r="97029" spans="14:14">
      <c r="N97029" s="10"/>
    </row>
    <row r="97030" spans="14:14">
      <c r="N97030" s="10"/>
    </row>
    <row r="97031" spans="14:14">
      <c r="N97031" s="10"/>
    </row>
    <row r="97032" spans="14:14">
      <c r="N97032" s="10"/>
    </row>
    <row r="97033" spans="14:14">
      <c r="N97033" s="10"/>
    </row>
    <row r="97034" spans="14:14">
      <c r="N97034" s="10"/>
    </row>
    <row r="97035" spans="14:14">
      <c r="N97035" s="10"/>
    </row>
    <row r="97036" spans="14:14">
      <c r="N97036" s="10"/>
    </row>
    <row r="97037" spans="14:14">
      <c r="N97037" s="10"/>
    </row>
    <row r="97038" spans="14:14">
      <c r="N97038" s="10"/>
    </row>
    <row r="97039" spans="14:14">
      <c r="N97039" s="10"/>
    </row>
    <row r="97040" spans="14:14">
      <c r="N97040" s="10"/>
    </row>
    <row r="97041" spans="14:14">
      <c r="N97041" s="10"/>
    </row>
    <row r="97042" spans="14:14">
      <c r="N97042" s="10"/>
    </row>
    <row r="97043" spans="14:14">
      <c r="N97043" s="10"/>
    </row>
    <row r="97044" spans="14:14">
      <c r="N97044" s="10"/>
    </row>
    <row r="97045" spans="14:14">
      <c r="N97045" s="10"/>
    </row>
    <row r="97046" spans="14:14">
      <c r="N97046" s="10"/>
    </row>
    <row r="97047" spans="14:14">
      <c r="N97047" s="10"/>
    </row>
    <row r="97048" spans="14:14">
      <c r="N97048" s="10"/>
    </row>
    <row r="97049" spans="14:14">
      <c r="N97049" s="10"/>
    </row>
    <row r="97050" spans="14:14">
      <c r="N97050" s="10"/>
    </row>
    <row r="97051" spans="14:14">
      <c r="N97051" s="10"/>
    </row>
    <row r="97052" spans="14:14">
      <c r="N97052" s="10"/>
    </row>
    <row r="97053" spans="14:14">
      <c r="N97053" s="10"/>
    </row>
    <row r="97054" spans="14:14">
      <c r="N97054" s="10"/>
    </row>
    <row r="97055" spans="14:14">
      <c r="N97055" s="10"/>
    </row>
    <row r="97056" spans="14:14">
      <c r="N97056" s="10"/>
    </row>
    <row r="97057" spans="14:14">
      <c r="N97057" s="10"/>
    </row>
    <row r="97058" spans="14:14">
      <c r="N97058" s="10"/>
    </row>
    <row r="97059" spans="14:14">
      <c r="N97059" s="10"/>
    </row>
    <row r="97060" spans="14:14">
      <c r="N97060" s="10"/>
    </row>
    <row r="97061" spans="14:14">
      <c r="N97061" s="10"/>
    </row>
    <row r="97062" spans="14:14">
      <c r="N97062" s="10"/>
    </row>
    <row r="97063" spans="14:14">
      <c r="N97063" s="10"/>
    </row>
    <row r="97064" spans="14:14">
      <c r="N97064" s="10"/>
    </row>
    <row r="97065" spans="14:14">
      <c r="N97065" s="10"/>
    </row>
    <row r="97066" spans="14:14">
      <c r="N97066" s="10"/>
    </row>
    <row r="97067" spans="14:14">
      <c r="N97067" s="10"/>
    </row>
    <row r="97068" spans="14:14">
      <c r="N97068" s="10"/>
    </row>
    <row r="97069" spans="14:14">
      <c r="N97069" s="10"/>
    </row>
    <row r="97070" spans="14:14">
      <c r="N97070" s="10"/>
    </row>
    <row r="97071" spans="14:14">
      <c r="N97071" s="10"/>
    </row>
    <row r="97072" spans="14:14">
      <c r="N97072" s="10"/>
    </row>
    <row r="97073" spans="14:14">
      <c r="N97073" s="10"/>
    </row>
    <row r="97074" spans="14:14">
      <c r="N97074" s="10"/>
    </row>
    <row r="97075" spans="14:14">
      <c r="N97075" s="10"/>
    </row>
    <row r="97076" spans="14:14">
      <c r="N97076" s="10"/>
    </row>
    <row r="97077" spans="14:14">
      <c r="N97077" s="10"/>
    </row>
    <row r="97078" spans="14:14">
      <c r="N97078" s="10"/>
    </row>
    <row r="97079" spans="14:14">
      <c r="N97079" s="10"/>
    </row>
    <row r="97080" spans="14:14">
      <c r="N97080" s="10"/>
    </row>
    <row r="97081" spans="14:14">
      <c r="N97081" s="10"/>
    </row>
    <row r="97082" spans="14:14">
      <c r="N97082" s="10"/>
    </row>
    <row r="97083" spans="14:14">
      <c r="N97083" s="10"/>
    </row>
    <row r="97084" spans="14:14">
      <c r="N97084" s="10"/>
    </row>
    <row r="97085" spans="14:14">
      <c r="N97085" s="10"/>
    </row>
    <row r="97086" spans="14:14">
      <c r="N97086" s="10"/>
    </row>
    <row r="97087" spans="14:14">
      <c r="N97087" s="10"/>
    </row>
    <row r="97088" spans="14:14">
      <c r="N97088" s="10"/>
    </row>
    <row r="97089" spans="14:14">
      <c r="N97089" s="10"/>
    </row>
    <row r="97090" spans="14:14">
      <c r="N97090" s="10"/>
    </row>
    <row r="97091" spans="14:14">
      <c r="N97091" s="10"/>
    </row>
    <row r="97092" spans="14:14">
      <c r="N97092" s="10"/>
    </row>
    <row r="97093" spans="14:14">
      <c r="N97093" s="10"/>
    </row>
    <row r="97094" spans="14:14">
      <c r="N97094" s="10"/>
    </row>
    <row r="97095" spans="14:14">
      <c r="N97095" s="10"/>
    </row>
    <row r="97096" spans="14:14">
      <c r="N97096" s="10"/>
    </row>
    <row r="97097" spans="14:14">
      <c r="N97097" s="10"/>
    </row>
    <row r="97098" spans="14:14">
      <c r="N97098" s="10"/>
    </row>
    <row r="97099" spans="14:14">
      <c r="N97099" s="10"/>
    </row>
    <row r="97100" spans="14:14">
      <c r="N97100" s="10"/>
    </row>
    <row r="97101" spans="14:14">
      <c r="N97101" s="10"/>
    </row>
    <row r="97102" spans="14:14">
      <c r="N97102" s="10"/>
    </row>
    <row r="97103" spans="14:14">
      <c r="N97103" s="10"/>
    </row>
    <row r="97104" spans="14:14">
      <c r="N97104" s="10"/>
    </row>
    <row r="97105" spans="14:14">
      <c r="N97105" s="10"/>
    </row>
    <row r="97106" spans="14:14">
      <c r="N97106" s="10"/>
    </row>
    <row r="97107" spans="14:14">
      <c r="N97107" s="10"/>
    </row>
    <row r="97108" spans="14:14">
      <c r="N97108" s="10"/>
    </row>
    <row r="97109" spans="14:14">
      <c r="N97109" s="10"/>
    </row>
    <row r="97110" spans="14:14">
      <c r="N97110" s="10"/>
    </row>
    <row r="97111" spans="14:14">
      <c r="N97111" s="10"/>
    </row>
    <row r="97112" spans="14:14">
      <c r="N97112" s="10"/>
    </row>
    <row r="97113" spans="14:14">
      <c r="N97113" s="10"/>
    </row>
    <row r="97114" spans="14:14">
      <c r="N97114" s="10"/>
    </row>
    <row r="97115" spans="14:14">
      <c r="N97115" s="10"/>
    </row>
    <row r="97116" spans="14:14">
      <c r="N97116" s="10"/>
    </row>
    <row r="97117" spans="14:14">
      <c r="N97117" s="10"/>
    </row>
    <row r="97118" spans="14:14">
      <c r="N97118" s="10"/>
    </row>
    <row r="97119" spans="14:14">
      <c r="N97119" s="10"/>
    </row>
    <row r="97120" spans="14:14">
      <c r="N97120" s="10"/>
    </row>
    <row r="97121" spans="14:14">
      <c r="N97121" s="10"/>
    </row>
    <row r="97122" spans="14:14">
      <c r="N97122" s="10"/>
    </row>
    <row r="97123" spans="14:14">
      <c r="N97123" s="10"/>
    </row>
    <row r="97124" spans="14:14">
      <c r="N97124" s="10"/>
    </row>
    <row r="97125" spans="14:14">
      <c r="N97125" s="10"/>
    </row>
    <row r="97126" spans="14:14">
      <c r="N97126" s="10"/>
    </row>
    <row r="97127" spans="14:14">
      <c r="N97127" s="10"/>
    </row>
    <row r="97128" spans="14:14">
      <c r="N97128" s="10"/>
    </row>
    <row r="97129" spans="14:14">
      <c r="N97129" s="10"/>
    </row>
    <row r="97130" spans="14:14">
      <c r="N97130" s="10"/>
    </row>
    <row r="97131" spans="14:14">
      <c r="N97131" s="10"/>
    </row>
    <row r="97132" spans="14:14">
      <c r="N97132" s="10"/>
    </row>
    <row r="97133" spans="14:14">
      <c r="N97133" s="10"/>
    </row>
    <row r="97134" spans="14:14">
      <c r="N97134" s="10"/>
    </row>
    <row r="97135" spans="14:14">
      <c r="N97135" s="10"/>
    </row>
    <row r="97136" spans="14:14">
      <c r="N97136" s="10"/>
    </row>
    <row r="97137" spans="14:14">
      <c r="N97137" s="10"/>
    </row>
    <row r="97138" spans="14:14">
      <c r="N97138" s="10"/>
    </row>
    <row r="97139" spans="14:14">
      <c r="N97139" s="10"/>
    </row>
    <row r="97140" spans="14:14">
      <c r="N97140" s="10"/>
    </row>
    <row r="97141" spans="14:14">
      <c r="N97141" s="10"/>
    </row>
    <row r="97142" spans="14:14">
      <c r="N97142" s="10"/>
    </row>
    <row r="97143" spans="14:14">
      <c r="N97143" s="10"/>
    </row>
    <row r="97144" spans="14:14">
      <c r="N97144" s="10"/>
    </row>
    <row r="97145" spans="14:14">
      <c r="N97145" s="10"/>
    </row>
    <row r="97146" spans="14:14">
      <c r="N97146" s="10"/>
    </row>
    <row r="97147" spans="14:14">
      <c r="N97147" s="10"/>
    </row>
    <row r="97148" spans="14:14">
      <c r="N97148" s="10"/>
    </row>
    <row r="97149" spans="14:14">
      <c r="N97149" s="10"/>
    </row>
    <row r="97150" spans="14:14">
      <c r="N97150" s="10"/>
    </row>
    <row r="97151" spans="14:14">
      <c r="N97151" s="10"/>
    </row>
    <row r="97152" spans="14:14">
      <c r="N97152" s="10"/>
    </row>
    <row r="97153" spans="14:14">
      <c r="N97153" s="10"/>
    </row>
    <row r="97154" spans="14:14">
      <c r="N97154" s="10"/>
    </row>
    <row r="97155" spans="14:14">
      <c r="N97155" s="10"/>
    </row>
    <row r="97156" spans="14:14">
      <c r="N97156" s="10"/>
    </row>
    <row r="97157" spans="14:14">
      <c r="N97157" s="10"/>
    </row>
    <row r="97158" spans="14:14">
      <c r="N97158" s="10"/>
    </row>
    <row r="97159" spans="14:14">
      <c r="N97159" s="10"/>
    </row>
    <row r="97160" spans="14:14">
      <c r="N97160" s="10"/>
    </row>
    <row r="97161" spans="14:14">
      <c r="N97161" s="10"/>
    </row>
    <row r="97162" spans="14:14">
      <c r="N97162" s="10"/>
    </row>
    <row r="97163" spans="14:14">
      <c r="N97163" s="10"/>
    </row>
    <row r="97164" spans="14:14">
      <c r="N97164" s="10"/>
    </row>
    <row r="97165" spans="14:14">
      <c r="N97165" s="10"/>
    </row>
    <row r="97166" spans="14:14">
      <c r="N97166" s="10"/>
    </row>
    <row r="97167" spans="14:14">
      <c r="N97167" s="10"/>
    </row>
    <row r="97168" spans="14:14">
      <c r="N97168" s="10"/>
    </row>
    <row r="97169" spans="14:14">
      <c r="N97169" s="10"/>
    </row>
    <row r="97170" spans="14:14">
      <c r="N97170" s="10"/>
    </row>
    <row r="97171" spans="14:14">
      <c r="N97171" s="10"/>
    </row>
    <row r="97172" spans="14:14">
      <c r="N97172" s="10"/>
    </row>
    <row r="97173" spans="14:14">
      <c r="N97173" s="10"/>
    </row>
    <row r="97174" spans="14:14">
      <c r="N97174" s="10"/>
    </row>
    <row r="97175" spans="14:14">
      <c r="N97175" s="10"/>
    </row>
    <row r="97176" spans="14:14">
      <c r="N97176" s="10"/>
    </row>
    <row r="97177" spans="14:14">
      <c r="N97177" s="10"/>
    </row>
    <row r="97178" spans="14:14">
      <c r="N97178" s="10"/>
    </row>
    <row r="97179" spans="14:14">
      <c r="N97179" s="10"/>
    </row>
    <row r="97180" spans="14:14">
      <c r="N97180" s="10"/>
    </row>
    <row r="97181" spans="14:14">
      <c r="N97181" s="10"/>
    </row>
    <row r="97182" spans="14:14">
      <c r="N97182" s="10"/>
    </row>
    <row r="97183" spans="14:14">
      <c r="N97183" s="10"/>
    </row>
    <row r="97184" spans="14:14">
      <c r="N97184" s="10"/>
    </row>
    <row r="97185" spans="14:14">
      <c r="N97185" s="10"/>
    </row>
    <row r="97186" spans="14:14">
      <c r="N97186" s="10"/>
    </row>
    <row r="97187" spans="14:14">
      <c r="N97187" s="10"/>
    </row>
    <row r="97188" spans="14:14">
      <c r="N97188" s="10"/>
    </row>
    <row r="97189" spans="14:14">
      <c r="N97189" s="10"/>
    </row>
    <row r="97190" spans="14:14">
      <c r="N97190" s="10"/>
    </row>
    <row r="97191" spans="14:14">
      <c r="N97191" s="10"/>
    </row>
    <row r="97192" spans="14:14">
      <c r="N97192" s="10"/>
    </row>
    <row r="97193" spans="14:14">
      <c r="N97193" s="10"/>
    </row>
    <row r="97194" spans="14:14">
      <c r="N97194" s="10"/>
    </row>
    <row r="97195" spans="14:14">
      <c r="N97195" s="10"/>
    </row>
    <row r="97196" spans="14:14">
      <c r="N97196" s="10"/>
    </row>
    <row r="97197" spans="14:14">
      <c r="N97197" s="10"/>
    </row>
    <row r="97198" spans="14:14">
      <c r="N97198" s="10"/>
    </row>
    <row r="97199" spans="14:14">
      <c r="N97199" s="10"/>
    </row>
    <row r="97200" spans="14:14">
      <c r="N97200" s="10"/>
    </row>
    <row r="97201" spans="14:14">
      <c r="N97201" s="10"/>
    </row>
    <row r="97202" spans="14:14">
      <c r="N97202" s="10"/>
    </row>
    <row r="97203" spans="14:14">
      <c r="N97203" s="10"/>
    </row>
    <row r="97204" spans="14:14">
      <c r="N97204" s="10"/>
    </row>
    <row r="97205" spans="14:14">
      <c r="N97205" s="10"/>
    </row>
    <row r="97206" spans="14:14">
      <c r="N97206" s="10"/>
    </row>
    <row r="97207" spans="14:14">
      <c r="N97207" s="10"/>
    </row>
    <row r="97208" spans="14:14">
      <c r="N97208" s="10"/>
    </row>
    <row r="97209" spans="14:14">
      <c r="N97209" s="10"/>
    </row>
    <row r="97210" spans="14:14">
      <c r="N97210" s="10"/>
    </row>
    <row r="97211" spans="14:14">
      <c r="N97211" s="10"/>
    </row>
    <row r="97212" spans="14:14">
      <c r="N97212" s="10"/>
    </row>
    <row r="97213" spans="14:14">
      <c r="N97213" s="10"/>
    </row>
    <row r="97214" spans="14:14">
      <c r="N97214" s="10"/>
    </row>
    <row r="97215" spans="14:14">
      <c r="N97215" s="10"/>
    </row>
    <row r="97216" spans="14:14">
      <c r="N97216" s="10"/>
    </row>
    <row r="97217" spans="14:14">
      <c r="N97217" s="10"/>
    </row>
    <row r="97218" spans="14:14">
      <c r="N97218" s="10"/>
    </row>
    <row r="97219" spans="14:14">
      <c r="N97219" s="10"/>
    </row>
    <row r="97220" spans="14:14">
      <c r="N97220" s="10"/>
    </row>
    <row r="97221" spans="14:14">
      <c r="N97221" s="10"/>
    </row>
    <row r="97222" spans="14:14">
      <c r="N97222" s="10"/>
    </row>
    <row r="97223" spans="14:14">
      <c r="N97223" s="10"/>
    </row>
    <row r="97224" spans="14:14">
      <c r="N97224" s="10"/>
    </row>
    <row r="97225" spans="14:14">
      <c r="N97225" s="10"/>
    </row>
    <row r="97226" spans="14:14">
      <c r="N97226" s="10"/>
    </row>
    <row r="97227" spans="14:14">
      <c r="N97227" s="10"/>
    </row>
    <row r="97228" spans="14:14">
      <c r="N97228" s="10"/>
    </row>
    <row r="97229" spans="14:14">
      <c r="N97229" s="10"/>
    </row>
    <row r="97230" spans="14:14">
      <c r="N97230" s="10"/>
    </row>
    <row r="97231" spans="14:14">
      <c r="N97231" s="10"/>
    </row>
    <row r="97232" spans="14:14">
      <c r="N97232" s="10"/>
    </row>
    <row r="97233" spans="14:14">
      <c r="N97233" s="10"/>
    </row>
    <row r="97234" spans="14:14">
      <c r="N97234" s="10"/>
    </row>
    <row r="97235" spans="14:14">
      <c r="N97235" s="10"/>
    </row>
    <row r="97236" spans="14:14">
      <c r="N97236" s="10"/>
    </row>
    <row r="97237" spans="14:14">
      <c r="N97237" s="10"/>
    </row>
    <row r="97238" spans="14:14">
      <c r="N97238" s="10"/>
    </row>
    <row r="97239" spans="14:14">
      <c r="N97239" s="10"/>
    </row>
    <row r="97240" spans="14:14">
      <c r="N97240" s="10"/>
    </row>
    <row r="97241" spans="14:14">
      <c r="N97241" s="10"/>
    </row>
    <row r="97242" spans="14:14">
      <c r="N97242" s="10"/>
    </row>
    <row r="97243" spans="14:14">
      <c r="N97243" s="10"/>
    </row>
    <row r="97244" spans="14:14">
      <c r="N97244" s="10"/>
    </row>
    <row r="97245" spans="14:14">
      <c r="N97245" s="10"/>
    </row>
    <row r="97246" spans="14:14">
      <c r="N97246" s="10"/>
    </row>
    <row r="97247" spans="14:14">
      <c r="N97247" s="10"/>
    </row>
    <row r="97248" spans="14:14">
      <c r="N97248" s="10"/>
    </row>
    <row r="97249" spans="14:14">
      <c r="N97249" s="10"/>
    </row>
    <row r="97250" spans="14:14">
      <c r="N97250" s="10"/>
    </row>
    <row r="97251" spans="14:14">
      <c r="N97251" s="10"/>
    </row>
    <row r="97252" spans="14:14">
      <c r="N97252" s="10"/>
    </row>
    <row r="97253" spans="14:14">
      <c r="N97253" s="10"/>
    </row>
    <row r="97254" spans="14:14">
      <c r="N97254" s="10"/>
    </row>
    <row r="97255" spans="14:14">
      <c r="N97255" s="10"/>
    </row>
    <row r="97256" spans="14:14">
      <c r="N97256" s="10"/>
    </row>
    <row r="97257" spans="14:14">
      <c r="N97257" s="10"/>
    </row>
    <row r="97258" spans="14:14">
      <c r="N97258" s="10"/>
    </row>
    <row r="97259" spans="14:14">
      <c r="N97259" s="10"/>
    </row>
    <row r="97260" spans="14:14">
      <c r="N97260" s="10"/>
    </row>
    <row r="97261" spans="14:14">
      <c r="N97261" s="10"/>
    </row>
    <row r="97262" spans="14:14">
      <c r="N97262" s="10"/>
    </row>
    <row r="97263" spans="14:14">
      <c r="N97263" s="10"/>
    </row>
    <row r="97264" spans="14:14">
      <c r="N97264" s="10"/>
    </row>
    <row r="97265" spans="14:14">
      <c r="N97265" s="10"/>
    </row>
    <row r="97266" spans="14:14">
      <c r="N97266" s="10"/>
    </row>
    <row r="97267" spans="14:14">
      <c r="N97267" s="10"/>
    </row>
    <row r="97268" spans="14:14">
      <c r="N97268" s="10"/>
    </row>
    <row r="97269" spans="14:14">
      <c r="N97269" s="10"/>
    </row>
    <row r="97270" spans="14:14">
      <c r="N97270" s="10"/>
    </row>
    <row r="97271" spans="14:14">
      <c r="N97271" s="10"/>
    </row>
    <row r="97272" spans="14:14">
      <c r="N97272" s="10"/>
    </row>
    <row r="97273" spans="14:14">
      <c r="N97273" s="10"/>
    </row>
    <row r="97274" spans="14:14">
      <c r="N97274" s="10"/>
    </row>
    <row r="97275" spans="14:14">
      <c r="N97275" s="10"/>
    </row>
    <row r="97276" spans="14:14">
      <c r="N97276" s="10"/>
    </row>
    <row r="97277" spans="14:14">
      <c r="N97277" s="10"/>
    </row>
    <row r="97278" spans="14:14">
      <c r="N97278" s="10"/>
    </row>
    <row r="97279" spans="14:14">
      <c r="N97279" s="10"/>
    </row>
    <row r="97280" spans="14:14">
      <c r="N97280" s="10"/>
    </row>
    <row r="97281" spans="14:14">
      <c r="N97281" s="10"/>
    </row>
    <row r="97282" spans="14:14">
      <c r="N97282" s="10"/>
    </row>
    <row r="97283" spans="14:14">
      <c r="N97283" s="10"/>
    </row>
    <row r="97284" spans="14:14">
      <c r="N97284" s="10"/>
    </row>
    <row r="97285" spans="14:14">
      <c r="N97285" s="10"/>
    </row>
    <row r="97286" spans="14:14">
      <c r="N97286" s="10"/>
    </row>
    <row r="97287" spans="14:14">
      <c r="N97287" s="10"/>
    </row>
    <row r="97288" spans="14:14">
      <c r="N97288" s="10"/>
    </row>
    <row r="97289" spans="14:14">
      <c r="N97289" s="10"/>
    </row>
    <row r="97290" spans="14:14">
      <c r="N97290" s="10"/>
    </row>
    <row r="97291" spans="14:14">
      <c r="N97291" s="10"/>
    </row>
    <row r="97292" spans="14:14">
      <c r="N97292" s="10"/>
    </row>
    <row r="97293" spans="14:14">
      <c r="N97293" s="10"/>
    </row>
    <row r="97294" spans="14:14">
      <c r="N97294" s="10"/>
    </row>
    <row r="97295" spans="14:14">
      <c r="N97295" s="10"/>
    </row>
    <row r="97296" spans="14:14">
      <c r="N97296" s="10"/>
    </row>
    <row r="97297" spans="14:14">
      <c r="N97297" s="10"/>
    </row>
    <row r="97298" spans="14:14">
      <c r="N97298" s="10"/>
    </row>
    <row r="97299" spans="14:14">
      <c r="N97299" s="10"/>
    </row>
    <row r="97300" spans="14:14">
      <c r="N97300" s="10"/>
    </row>
    <row r="97301" spans="14:14">
      <c r="N97301" s="10"/>
    </row>
    <row r="97302" spans="14:14">
      <c r="N97302" s="10"/>
    </row>
    <row r="97303" spans="14:14">
      <c r="N97303" s="10"/>
    </row>
    <row r="97304" spans="14:14">
      <c r="N97304" s="10"/>
    </row>
    <row r="97305" spans="14:14">
      <c r="N97305" s="10"/>
    </row>
    <row r="97306" spans="14:14">
      <c r="N97306" s="10"/>
    </row>
    <row r="97307" spans="14:14">
      <c r="N97307" s="10"/>
    </row>
    <row r="97308" spans="14:14">
      <c r="N97308" s="10"/>
    </row>
    <row r="97309" spans="14:14">
      <c r="N97309" s="10"/>
    </row>
    <row r="97310" spans="14:14">
      <c r="N97310" s="10"/>
    </row>
    <row r="97311" spans="14:14">
      <c r="N97311" s="10"/>
    </row>
    <row r="97312" spans="14:14">
      <c r="N97312" s="10"/>
    </row>
    <row r="97313" spans="14:14">
      <c r="N97313" s="10"/>
    </row>
    <row r="97314" spans="14:14">
      <c r="N97314" s="10"/>
    </row>
    <row r="97315" spans="14:14">
      <c r="N97315" s="10"/>
    </row>
    <row r="97316" spans="14:14">
      <c r="N97316" s="10"/>
    </row>
    <row r="97317" spans="14:14">
      <c r="N97317" s="10"/>
    </row>
    <row r="97318" spans="14:14">
      <c r="N97318" s="10"/>
    </row>
    <row r="97319" spans="14:14">
      <c r="N97319" s="10"/>
    </row>
    <row r="97320" spans="14:14">
      <c r="N97320" s="10"/>
    </row>
    <row r="97321" spans="14:14">
      <c r="N97321" s="10"/>
    </row>
    <row r="97322" spans="14:14">
      <c r="N97322" s="10"/>
    </row>
    <row r="97323" spans="14:14">
      <c r="N97323" s="10"/>
    </row>
    <row r="97324" spans="14:14">
      <c r="N97324" s="10"/>
    </row>
    <row r="97325" spans="14:14">
      <c r="N97325" s="10"/>
    </row>
    <row r="97326" spans="14:14">
      <c r="N97326" s="10"/>
    </row>
    <row r="97327" spans="14:14">
      <c r="N97327" s="10"/>
    </row>
    <row r="97328" spans="14:14">
      <c r="N97328" s="10"/>
    </row>
    <row r="97329" spans="14:14">
      <c r="N97329" s="10"/>
    </row>
    <row r="97330" spans="14:14">
      <c r="N97330" s="10"/>
    </row>
    <row r="97331" spans="14:14">
      <c r="N97331" s="10"/>
    </row>
    <row r="97332" spans="14:14">
      <c r="N97332" s="10"/>
    </row>
    <row r="97333" spans="14:14">
      <c r="N97333" s="10"/>
    </row>
    <row r="97334" spans="14:14">
      <c r="N97334" s="10"/>
    </row>
    <row r="97335" spans="14:14">
      <c r="N97335" s="10"/>
    </row>
    <row r="97336" spans="14:14">
      <c r="N97336" s="10"/>
    </row>
    <row r="97337" spans="14:14">
      <c r="N97337" s="10"/>
    </row>
    <row r="97338" spans="14:14">
      <c r="N97338" s="10"/>
    </row>
    <row r="97339" spans="14:14">
      <c r="N97339" s="10"/>
    </row>
    <row r="97340" spans="14:14">
      <c r="N97340" s="10"/>
    </row>
    <row r="97341" spans="14:14">
      <c r="N97341" s="10"/>
    </row>
    <row r="97342" spans="14:14">
      <c r="N97342" s="10"/>
    </row>
    <row r="97343" spans="14:14">
      <c r="N97343" s="10"/>
    </row>
    <row r="97344" spans="14:14">
      <c r="N97344" s="10"/>
    </row>
    <row r="97345" spans="14:14">
      <c r="N97345" s="10"/>
    </row>
    <row r="97346" spans="14:14">
      <c r="N97346" s="10"/>
    </row>
    <row r="97347" spans="14:14">
      <c r="N97347" s="10"/>
    </row>
    <row r="97348" spans="14:14">
      <c r="N97348" s="10"/>
    </row>
    <row r="97349" spans="14:14">
      <c r="N97349" s="10"/>
    </row>
    <row r="97350" spans="14:14">
      <c r="N97350" s="10"/>
    </row>
    <row r="97351" spans="14:14">
      <c r="N97351" s="10"/>
    </row>
    <row r="97352" spans="14:14">
      <c r="N97352" s="10"/>
    </row>
    <row r="97353" spans="14:14">
      <c r="N97353" s="10"/>
    </row>
    <row r="97354" spans="14:14">
      <c r="N97354" s="10"/>
    </row>
    <row r="97355" spans="14:14">
      <c r="N97355" s="10"/>
    </row>
    <row r="97356" spans="14:14">
      <c r="N97356" s="10"/>
    </row>
    <row r="97357" spans="14:14">
      <c r="N97357" s="10"/>
    </row>
    <row r="97358" spans="14:14">
      <c r="N97358" s="10"/>
    </row>
    <row r="97359" spans="14:14">
      <c r="N97359" s="10"/>
    </row>
    <row r="97360" spans="14:14">
      <c r="N97360" s="10"/>
    </row>
    <row r="97361" spans="14:14">
      <c r="N97361" s="10"/>
    </row>
    <row r="97362" spans="14:14">
      <c r="N97362" s="10"/>
    </row>
    <row r="97363" spans="14:14">
      <c r="N97363" s="10"/>
    </row>
    <row r="97364" spans="14:14">
      <c r="N97364" s="10"/>
    </row>
    <row r="97365" spans="14:14">
      <c r="N97365" s="10"/>
    </row>
    <row r="97366" spans="14:14">
      <c r="N97366" s="10"/>
    </row>
    <row r="97367" spans="14:14">
      <c r="N97367" s="10"/>
    </row>
    <row r="97368" spans="14:14">
      <c r="N97368" s="10"/>
    </row>
    <row r="97369" spans="14:14">
      <c r="N97369" s="10"/>
    </row>
    <row r="97370" spans="14:14">
      <c r="N97370" s="10"/>
    </row>
    <row r="97371" spans="14:14">
      <c r="N97371" s="10"/>
    </row>
    <row r="97372" spans="14:14">
      <c r="N97372" s="10"/>
    </row>
    <row r="97373" spans="14:14">
      <c r="N97373" s="10"/>
    </row>
    <row r="97374" spans="14:14">
      <c r="N97374" s="10"/>
    </row>
    <row r="97375" spans="14:14">
      <c r="N97375" s="10"/>
    </row>
    <row r="97376" spans="14:14">
      <c r="N97376" s="10"/>
    </row>
    <row r="97377" spans="14:14">
      <c r="N97377" s="10"/>
    </row>
    <row r="97378" spans="14:14">
      <c r="N97378" s="10"/>
    </row>
    <row r="97379" spans="14:14">
      <c r="N97379" s="10"/>
    </row>
    <row r="97380" spans="14:14">
      <c r="N97380" s="10"/>
    </row>
    <row r="97381" spans="14:14">
      <c r="N97381" s="10"/>
    </row>
    <row r="97382" spans="14:14">
      <c r="N97382" s="10"/>
    </row>
    <row r="97383" spans="14:14">
      <c r="N97383" s="10"/>
    </row>
    <row r="97384" spans="14:14">
      <c r="N97384" s="10"/>
    </row>
    <row r="97385" spans="14:14">
      <c r="N97385" s="10"/>
    </row>
    <row r="97386" spans="14:14">
      <c r="N97386" s="10"/>
    </row>
    <row r="97387" spans="14:14">
      <c r="N97387" s="10"/>
    </row>
    <row r="97388" spans="14:14">
      <c r="N97388" s="10"/>
    </row>
    <row r="97389" spans="14:14">
      <c r="N97389" s="10"/>
    </row>
    <row r="97390" spans="14:14">
      <c r="N97390" s="10"/>
    </row>
    <row r="97391" spans="14:14">
      <c r="N97391" s="10"/>
    </row>
    <row r="97392" spans="14:14">
      <c r="N97392" s="10"/>
    </row>
    <row r="97393" spans="14:14">
      <c r="N97393" s="10"/>
    </row>
    <row r="97394" spans="14:14">
      <c r="N97394" s="10"/>
    </row>
    <row r="97395" spans="14:14">
      <c r="N97395" s="10"/>
    </row>
    <row r="97396" spans="14:14">
      <c r="N97396" s="10"/>
    </row>
    <row r="97397" spans="14:14">
      <c r="N97397" s="10"/>
    </row>
    <row r="97398" spans="14:14">
      <c r="N97398" s="10"/>
    </row>
    <row r="97399" spans="14:14">
      <c r="N97399" s="10"/>
    </row>
    <row r="97400" spans="14:14">
      <c r="N97400" s="10"/>
    </row>
    <row r="97401" spans="14:14">
      <c r="N97401" s="10"/>
    </row>
    <row r="97402" spans="14:14">
      <c r="N97402" s="10"/>
    </row>
    <row r="97403" spans="14:14">
      <c r="N97403" s="10"/>
    </row>
    <row r="97404" spans="14:14">
      <c r="N97404" s="10"/>
    </row>
    <row r="97405" spans="14:14">
      <c r="N97405" s="10"/>
    </row>
    <row r="97406" spans="14:14">
      <c r="N97406" s="10"/>
    </row>
    <row r="97407" spans="14:14">
      <c r="N97407" s="10"/>
    </row>
    <row r="97408" spans="14:14">
      <c r="N97408" s="10"/>
    </row>
    <row r="97409" spans="14:14">
      <c r="N97409" s="10"/>
    </row>
    <row r="97410" spans="14:14">
      <c r="N97410" s="10"/>
    </row>
    <row r="97411" spans="14:14">
      <c r="N97411" s="10"/>
    </row>
    <row r="97412" spans="14:14">
      <c r="N97412" s="10"/>
    </row>
    <row r="97413" spans="14:14">
      <c r="N97413" s="10"/>
    </row>
    <row r="97414" spans="14:14">
      <c r="N97414" s="10"/>
    </row>
    <row r="97415" spans="14:14">
      <c r="N97415" s="10"/>
    </row>
    <row r="97416" spans="14:14">
      <c r="N97416" s="10"/>
    </row>
    <row r="97417" spans="14:14">
      <c r="N97417" s="10"/>
    </row>
    <row r="97418" spans="14:14">
      <c r="N97418" s="10"/>
    </row>
    <row r="97419" spans="14:14">
      <c r="N97419" s="10"/>
    </row>
    <row r="97420" spans="14:14">
      <c r="N97420" s="10"/>
    </row>
    <row r="97421" spans="14:14">
      <c r="N97421" s="10"/>
    </row>
    <row r="97422" spans="14:14">
      <c r="N97422" s="10"/>
    </row>
    <row r="97423" spans="14:14">
      <c r="N97423" s="10"/>
    </row>
    <row r="97424" spans="14:14">
      <c r="N97424" s="10"/>
    </row>
    <row r="97425" spans="14:14">
      <c r="N97425" s="10"/>
    </row>
    <row r="97426" spans="14:14">
      <c r="N97426" s="10"/>
    </row>
    <row r="97427" spans="14:14">
      <c r="N97427" s="10"/>
    </row>
    <row r="97428" spans="14:14">
      <c r="N97428" s="10"/>
    </row>
    <row r="97429" spans="14:14">
      <c r="N97429" s="10"/>
    </row>
    <row r="97430" spans="14:14">
      <c r="N97430" s="10"/>
    </row>
    <row r="97431" spans="14:14">
      <c r="N97431" s="10"/>
    </row>
    <row r="97432" spans="14:14">
      <c r="N97432" s="10"/>
    </row>
    <row r="97433" spans="14:14">
      <c r="N97433" s="10"/>
    </row>
    <row r="97434" spans="14:14">
      <c r="N97434" s="10"/>
    </row>
    <row r="97435" spans="14:14">
      <c r="N97435" s="10"/>
    </row>
    <row r="97436" spans="14:14">
      <c r="N97436" s="10"/>
    </row>
    <row r="97437" spans="14:14">
      <c r="N97437" s="10"/>
    </row>
    <row r="97438" spans="14:14">
      <c r="N97438" s="10"/>
    </row>
    <row r="97439" spans="14:14">
      <c r="N97439" s="10"/>
    </row>
    <row r="97440" spans="14:14">
      <c r="N97440" s="10"/>
    </row>
    <row r="97441" spans="14:14">
      <c r="N97441" s="10"/>
    </row>
    <row r="97442" spans="14:14">
      <c r="N97442" s="10"/>
    </row>
    <row r="97443" spans="14:14">
      <c r="N97443" s="10"/>
    </row>
    <row r="97444" spans="14:14">
      <c r="N97444" s="10"/>
    </row>
    <row r="97445" spans="14:14">
      <c r="N97445" s="10"/>
    </row>
    <row r="97446" spans="14:14">
      <c r="N97446" s="10"/>
    </row>
    <row r="97447" spans="14:14">
      <c r="N97447" s="10"/>
    </row>
    <row r="97448" spans="14:14">
      <c r="N97448" s="10"/>
    </row>
    <row r="97449" spans="14:14">
      <c r="N97449" s="10"/>
    </row>
    <row r="97450" spans="14:14">
      <c r="N97450" s="10"/>
    </row>
    <row r="97451" spans="14:14">
      <c r="N97451" s="10"/>
    </row>
    <row r="97452" spans="14:14">
      <c r="N97452" s="10"/>
    </row>
    <row r="97453" spans="14:14">
      <c r="N97453" s="10"/>
    </row>
    <row r="97454" spans="14:14">
      <c r="N97454" s="10"/>
    </row>
    <row r="97455" spans="14:14">
      <c r="N97455" s="10"/>
    </row>
    <row r="97456" spans="14:14">
      <c r="N97456" s="10"/>
    </row>
    <row r="97457" spans="14:14">
      <c r="N97457" s="10"/>
    </row>
    <row r="97458" spans="14:14">
      <c r="N97458" s="10"/>
    </row>
    <row r="97459" spans="14:14">
      <c r="N97459" s="10"/>
    </row>
    <row r="97460" spans="14:14">
      <c r="N97460" s="10"/>
    </row>
    <row r="97461" spans="14:14">
      <c r="N97461" s="10"/>
    </row>
    <row r="97462" spans="14:14">
      <c r="N97462" s="10"/>
    </row>
    <row r="97463" spans="14:14">
      <c r="N97463" s="10"/>
    </row>
    <row r="97464" spans="14:14">
      <c r="N97464" s="10"/>
    </row>
    <row r="97465" spans="14:14">
      <c r="N97465" s="10"/>
    </row>
    <row r="97466" spans="14:14">
      <c r="N97466" s="10"/>
    </row>
    <row r="97467" spans="14:14">
      <c r="N97467" s="10"/>
    </row>
    <row r="97468" spans="14:14">
      <c r="N97468" s="10"/>
    </row>
    <row r="97469" spans="14:14">
      <c r="N97469" s="10"/>
    </row>
    <row r="97470" spans="14:14">
      <c r="N97470" s="10"/>
    </row>
    <row r="97471" spans="14:14">
      <c r="N97471" s="10"/>
    </row>
    <row r="97472" spans="14:14">
      <c r="N97472" s="10"/>
    </row>
    <row r="97473" spans="14:14">
      <c r="N97473" s="10"/>
    </row>
    <row r="97474" spans="14:14">
      <c r="N97474" s="10"/>
    </row>
    <row r="97475" spans="14:14">
      <c r="N97475" s="10"/>
    </row>
    <row r="97476" spans="14:14">
      <c r="N97476" s="10"/>
    </row>
    <row r="97477" spans="14:14">
      <c r="N97477" s="10"/>
    </row>
    <row r="97478" spans="14:14">
      <c r="N97478" s="10"/>
    </row>
    <row r="97479" spans="14:14">
      <c r="N97479" s="10"/>
    </row>
    <row r="97480" spans="14:14">
      <c r="N97480" s="10"/>
    </row>
    <row r="97481" spans="14:14">
      <c r="N97481" s="10"/>
    </row>
    <row r="97482" spans="14:14">
      <c r="N97482" s="10"/>
    </row>
    <row r="97483" spans="14:14">
      <c r="N97483" s="10"/>
    </row>
    <row r="97484" spans="14:14">
      <c r="N97484" s="10"/>
    </row>
    <row r="97485" spans="14:14">
      <c r="N97485" s="10"/>
    </row>
    <row r="97486" spans="14:14">
      <c r="N97486" s="10"/>
    </row>
    <row r="97487" spans="14:14">
      <c r="N97487" s="10"/>
    </row>
    <row r="97488" spans="14:14">
      <c r="N97488" s="10"/>
    </row>
    <row r="97489" spans="14:14">
      <c r="N97489" s="10"/>
    </row>
    <row r="97490" spans="14:14">
      <c r="N97490" s="10"/>
    </row>
    <row r="97491" spans="14:14">
      <c r="N97491" s="10"/>
    </row>
    <row r="97492" spans="14:14">
      <c r="N97492" s="10"/>
    </row>
    <row r="97493" spans="14:14">
      <c r="N97493" s="10"/>
    </row>
    <row r="97494" spans="14:14">
      <c r="N97494" s="10"/>
    </row>
    <row r="97495" spans="14:14">
      <c r="N97495" s="10"/>
    </row>
    <row r="97496" spans="14:14">
      <c r="N97496" s="10"/>
    </row>
    <row r="97497" spans="14:14">
      <c r="N97497" s="10"/>
    </row>
    <row r="97498" spans="14:14">
      <c r="N97498" s="10"/>
    </row>
    <row r="97499" spans="14:14">
      <c r="N97499" s="10"/>
    </row>
    <row r="97500" spans="14:14">
      <c r="N97500" s="10"/>
    </row>
    <row r="97501" spans="14:14">
      <c r="N97501" s="10"/>
    </row>
    <row r="97502" spans="14:14">
      <c r="N97502" s="10"/>
    </row>
    <row r="97503" spans="14:14">
      <c r="N97503" s="10"/>
    </row>
    <row r="97504" spans="14:14">
      <c r="N97504" s="10"/>
    </row>
    <row r="97505" spans="14:14">
      <c r="N97505" s="10"/>
    </row>
    <row r="97506" spans="14:14">
      <c r="N97506" s="10"/>
    </row>
    <row r="97507" spans="14:14">
      <c r="N97507" s="10"/>
    </row>
    <row r="97508" spans="14:14">
      <c r="N97508" s="10"/>
    </row>
    <row r="97509" spans="14:14">
      <c r="N97509" s="10"/>
    </row>
    <row r="97510" spans="14:14">
      <c r="N97510" s="10"/>
    </row>
    <row r="97511" spans="14:14">
      <c r="N97511" s="10"/>
    </row>
    <row r="97512" spans="14:14">
      <c r="N97512" s="10"/>
    </row>
    <row r="97513" spans="14:14">
      <c r="N97513" s="10"/>
    </row>
    <row r="97514" spans="14:14">
      <c r="N97514" s="10"/>
    </row>
    <row r="97515" spans="14:14">
      <c r="N97515" s="10"/>
    </row>
    <row r="97516" spans="14:14">
      <c r="N97516" s="10"/>
    </row>
    <row r="97517" spans="14:14">
      <c r="N97517" s="10"/>
    </row>
    <row r="97518" spans="14:14">
      <c r="N97518" s="10"/>
    </row>
    <row r="97519" spans="14:14">
      <c r="N97519" s="10"/>
    </row>
    <row r="97520" spans="14:14">
      <c r="N97520" s="10"/>
    </row>
    <row r="97521" spans="14:14">
      <c r="N97521" s="10"/>
    </row>
    <row r="97522" spans="14:14">
      <c r="N97522" s="10"/>
    </row>
    <row r="97523" spans="14:14">
      <c r="N97523" s="10"/>
    </row>
    <row r="97524" spans="14:14">
      <c r="N97524" s="10"/>
    </row>
    <row r="97525" spans="14:14">
      <c r="N97525" s="10"/>
    </row>
    <row r="97526" spans="14:14">
      <c r="N97526" s="10"/>
    </row>
    <row r="97527" spans="14:14">
      <c r="N97527" s="10"/>
    </row>
    <row r="97528" spans="14:14">
      <c r="N97528" s="10"/>
    </row>
    <row r="97529" spans="14:14">
      <c r="N97529" s="10"/>
    </row>
    <row r="97530" spans="14:14">
      <c r="N97530" s="10"/>
    </row>
    <row r="97531" spans="14:14">
      <c r="N97531" s="10"/>
    </row>
    <row r="97532" spans="14:14">
      <c r="N97532" s="10"/>
    </row>
    <row r="97533" spans="14:14">
      <c r="N97533" s="10"/>
    </row>
    <row r="97534" spans="14:14">
      <c r="N97534" s="10"/>
    </row>
    <row r="97535" spans="14:14">
      <c r="N97535" s="10"/>
    </row>
    <row r="97536" spans="14:14">
      <c r="N97536" s="10"/>
    </row>
    <row r="97537" spans="14:14">
      <c r="N97537" s="10"/>
    </row>
    <row r="97538" spans="14:14">
      <c r="N97538" s="10"/>
    </row>
    <row r="97539" spans="14:14">
      <c r="N97539" s="10"/>
    </row>
    <row r="97540" spans="14:14">
      <c r="N97540" s="10"/>
    </row>
    <row r="97541" spans="14:14">
      <c r="N97541" s="10"/>
    </row>
    <row r="97542" spans="14:14">
      <c r="N97542" s="10"/>
    </row>
    <row r="97543" spans="14:14">
      <c r="N97543" s="10"/>
    </row>
    <row r="97544" spans="14:14">
      <c r="N97544" s="10"/>
    </row>
    <row r="97545" spans="14:14">
      <c r="N97545" s="10"/>
    </row>
    <row r="97546" spans="14:14">
      <c r="N97546" s="10"/>
    </row>
    <row r="97547" spans="14:14">
      <c r="N97547" s="10"/>
    </row>
    <row r="97548" spans="14:14">
      <c r="N97548" s="10"/>
    </row>
    <row r="97549" spans="14:14">
      <c r="N97549" s="10"/>
    </row>
    <row r="97550" spans="14:14">
      <c r="N97550" s="10"/>
    </row>
    <row r="97551" spans="14:14">
      <c r="N97551" s="10"/>
    </row>
    <row r="97552" spans="14:14">
      <c r="N97552" s="10"/>
    </row>
    <row r="97553" spans="14:14">
      <c r="N97553" s="10"/>
    </row>
    <row r="97554" spans="14:14">
      <c r="N97554" s="10"/>
    </row>
    <row r="97555" spans="14:14">
      <c r="N97555" s="10"/>
    </row>
    <row r="97556" spans="14:14">
      <c r="N97556" s="10"/>
    </row>
    <row r="97557" spans="14:14">
      <c r="N97557" s="10"/>
    </row>
    <row r="97558" spans="14:14">
      <c r="N97558" s="10"/>
    </row>
    <row r="97559" spans="14:14">
      <c r="N97559" s="10"/>
    </row>
    <row r="97560" spans="14:14">
      <c r="N97560" s="10"/>
    </row>
    <row r="97561" spans="14:14">
      <c r="N97561" s="10"/>
    </row>
    <row r="97562" spans="14:14">
      <c r="N97562" s="10"/>
    </row>
    <row r="97563" spans="14:14">
      <c r="N97563" s="10"/>
    </row>
    <row r="97564" spans="14:14">
      <c r="N97564" s="10"/>
    </row>
    <row r="97565" spans="14:14">
      <c r="N97565" s="10"/>
    </row>
    <row r="97566" spans="14:14">
      <c r="N97566" s="10"/>
    </row>
    <row r="97567" spans="14:14">
      <c r="N97567" s="10"/>
    </row>
    <row r="97568" spans="14:14">
      <c r="N97568" s="10"/>
    </row>
    <row r="97569" spans="14:14">
      <c r="N97569" s="10"/>
    </row>
    <row r="97570" spans="14:14">
      <c r="N97570" s="10"/>
    </row>
    <row r="97571" spans="14:14">
      <c r="N97571" s="10"/>
    </row>
    <row r="97572" spans="14:14">
      <c r="N97572" s="10"/>
    </row>
    <row r="97573" spans="14:14">
      <c r="N97573" s="10"/>
    </row>
    <row r="97574" spans="14:14">
      <c r="N97574" s="10"/>
    </row>
    <row r="97575" spans="14:14">
      <c r="N97575" s="10"/>
    </row>
    <row r="97576" spans="14:14">
      <c r="N97576" s="10"/>
    </row>
    <row r="97577" spans="14:14">
      <c r="N97577" s="10"/>
    </row>
    <row r="97578" spans="14:14">
      <c r="N97578" s="10"/>
    </row>
    <row r="97579" spans="14:14">
      <c r="N97579" s="10"/>
    </row>
    <row r="97580" spans="14:14">
      <c r="N97580" s="10"/>
    </row>
    <row r="97581" spans="14:14">
      <c r="N97581" s="10"/>
    </row>
    <row r="97582" spans="14:14">
      <c r="N97582" s="10"/>
    </row>
    <row r="97583" spans="14:14">
      <c r="N97583" s="10"/>
    </row>
    <row r="97584" spans="14:14">
      <c r="N97584" s="10"/>
    </row>
    <row r="97585" spans="14:14">
      <c r="N97585" s="10"/>
    </row>
    <row r="97586" spans="14:14">
      <c r="N97586" s="10"/>
    </row>
    <row r="97587" spans="14:14">
      <c r="N97587" s="10"/>
    </row>
    <row r="97588" spans="14:14">
      <c r="N97588" s="10"/>
    </row>
    <row r="97589" spans="14:14">
      <c r="N97589" s="10"/>
    </row>
    <row r="97590" spans="14:14">
      <c r="N97590" s="10"/>
    </row>
    <row r="97591" spans="14:14">
      <c r="N97591" s="10"/>
    </row>
    <row r="97592" spans="14:14">
      <c r="N97592" s="10"/>
    </row>
    <row r="97593" spans="14:14">
      <c r="N97593" s="10"/>
    </row>
    <row r="97594" spans="14:14">
      <c r="N97594" s="10"/>
    </row>
    <row r="97595" spans="14:14">
      <c r="N97595" s="10"/>
    </row>
    <row r="97596" spans="14:14">
      <c r="N97596" s="10"/>
    </row>
    <row r="97597" spans="14:14">
      <c r="N97597" s="10"/>
    </row>
    <row r="97598" spans="14:14">
      <c r="N97598" s="10"/>
    </row>
    <row r="97599" spans="14:14">
      <c r="N97599" s="10"/>
    </row>
    <row r="97600" spans="14:14">
      <c r="N97600" s="10"/>
    </row>
    <row r="97601" spans="14:14">
      <c r="N97601" s="10"/>
    </row>
    <row r="97602" spans="14:14">
      <c r="N97602" s="10"/>
    </row>
    <row r="97603" spans="14:14">
      <c r="N97603" s="10"/>
    </row>
    <row r="97604" spans="14:14">
      <c r="N97604" s="10"/>
    </row>
    <row r="97605" spans="14:14">
      <c r="N97605" s="10"/>
    </row>
    <row r="97606" spans="14:14">
      <c r="N97606" s="10"/>
    </row>
    <row r="97607" spans="14:14">
      <c r="N97607" s="10"/>
    </row>
    <row r="97608" spans="14:14">
      <c r="N97608" s="10"/>
    </row>
    <row r="97609" spans="14:14">
      <c r="N97609" s="10"/>
    </row>
    <row r="97610" spans="14:14">
      <c r="N97610" s="10"/>
    </row>
    <row r="97611" spans="14:14">
      <c r="N97611" s="10"/>
    </row>
    <row r="97612" spans="14:14">
      <c r="N97612" s="10"/>
    </row>
    <row r="97613" spans="14:14">
      <c r="N97613" s="10"/>
    </row>
    <row r="97614" spans="14:14">
      <c r="N97614" s="10"/>
    </row>
    <row r="97615" spans="14:14">
      <c r="N97615" s="10"/>
    </row>
    <row r="97616" spans="14:14">
      <c r="N97616" s="10"/>
    </row>
    <row r="97617" spans="14:14">
      <c r="N97617" s="10"/>
    </row>
    <row r="97618" spans="14:14">
      <c r="N97618" s="10"/>
    </row>
    <row r="97619" spans="14:14">
      <c r="N97619" s="10"/>
    </row>
    <row r="97620" spans="14:14">
      <c r="N97620" s="10"/>
    </row>
    <row r="97621" spans="14:14">
      <c r="N97621" s="10"/>
    </row>
    <row r="97622" spans="14:14">
      <c r="N97622" s="10"/>
    </row>
    <row r="97623" spans="14:14">
      <c r="N97623" s="10"/>
    </row>
    <row r="97624" spans="14:14">
      <c r="N97624" s="10"/>
    </row>
    <row r="97625" spans="14:14">
      <c r="N97625" s="10"/>
    </row>
    <row r="97626" spans="14:14">
      <c r="N97626" s="10"/>
    </row>
    <row r="97627" spans="14:14">
      <c r="N97627" s="10"/>
    </row>
    <row r="97628" spans="14:14">
      <c r="N97628" s="10"/>
    </row>
    <row r="97629" spans="14:14">
      <c r="N97629" s="10"/>
    </row>
    <row r="97630" spans="14:14">
      <c r="N97630" s="10"/>
    </row>
    <row r="97631" spans="14:14">
      <c r="N97631" s="10"/>
    </row>
    <row r="97632" spans="14:14">
      <c r="N97632" s="10"/>
    </row>
    <row r="97633" spans="14:14">
      <c r="N97633" s="10"/>
    </row>
    <row r="97634" spans="14:14">
      <c r="N97634" s="10"/>
    </row>
    <row r="97635" spans="14:14">
      <c r="N97635" s="10"/>
    </row>
    <row r="97636" spans="14:14">
      <c r="N97636" s="10"/>
    </row>
    <row r="97637" spans="14:14">
      <c r="N97637" s="10"/>
    </row>
    <row r="97638" spans="14:14">
      <c r="N97638" s="10"/>
    </row>
    <row r="97639" spans="14:14">
      <c r="N97639" s="10"/>
    </row>
    <row r="97640" spans="14:14">
      <c r="N97640" s="10"/>
    </row>
    <row r="97641" spans="14:14">
      <c r="N97641" s="10"/>
    </row>
    <row r="97642" spans="14:14">
      <c r="N97642" s="10"/>
    </row>
    <row r="97643" spans="14:14">
      <c r="N97643" s="10"/>
    </row>
    <row r="97644" spans="14:14">
      <c r="N97644" s="10"/>
    </row>
    <row r="97645" spans="14:14">
      <c r="N97645" s="10"/>
    </row>
    <row r="97646" spans="14:14">
      <c r="N97646" s="10"/>
    </row>
    <row r="97647" spans="14:14">
      <c r="N97647" s="10"/>
    </row>
    <row r="97648" spans="14:14">
      <c r="N97648" s="10"/>
    </row>
    <row r="97649" spans="14:14">
      <c r="N97649" s="10"/>
    </row>
    <row r="97650" spans="14:14">
      <c r="N97650" s="10"/>
    </row>
    <row r="97651" spans="14:14">
      <c r="N97651" s="10"/>
    </row>
    <row r="97652" spans="14:14">
      <c r="N97652" s="10"/>
    </row>
    <row r="97653" spans="14:14">
      <c r="N97653" s="10"/>
    </row>
    <row r="97654" spans="14:14">
      <c r="N97654" s="10"/>
    </row>
    <row r="97655" spans="14:14">
      <c r="N97655" s="10"/>
    </row>
    <row r="97656" spans="14:14">
      <c r="N97656" s="10"/>
    </row>
    <row r="97657" spans="14:14">
      <c r="N97657" s="10"/>
    </row>
    <row r="97658" spans="14:14">
      <c r="N97658" s="10"/>
    </row>
    <row r="97659" spans="14:14">
      <c r="N97659" s="10"/>
    </row>
    <row r="97660" spans="14:14">
      <c r="N97660" s="10"/>
    </row>
    <row r="97661" spans="14:14">
      <c r="N97661" s="10"/>
    </row>
    <row r="97662" spans="14:14">
      <c r="N97662" s="10"/>
    </row>
    <row r="97663" spans="14:14">
      <c r="N97663" s="10"/>
    </row>
    <row r="97664" spans="14:14">
      <c r="N97664" s="10"/>
    </row>
    <row r="97665" spans="14:14">
      <c r="N97665" s="10"/>
    </row>
    <row r="97666" spans="14:14">
      <c r="N97666" s="10"/>
    </row>
    <row r="97667" spans="14:14">
      <c r="N97667" s="10"/>
    </row>
    <row r="97668" spans="14:14">
      <c r="N97668" s="10"/>
    </row>
    <row r="97669" spans="14:14">
      <c r="N97669" s="10"/>
    </row>
    <row r="97670" spans="14:14">
      <c r="N97670" s="10"/>
    </row>
    <row r="97671" spans="14:14">
      <c r="N97671" s="10"/>
    </row>
    <row r="97672" spans="14:14">
      <c r="N97672" s="10"/>
    </row>
    <row r="97673" spans="14:14">
      <c r="N97673" s="10"/>
    </row>
    <row r="97674" spans="14:14">
      <c r="N97674" s="10"/>
    </row>
    <row r="97675" spans="14:14">
      <c r="N97675" s="10"/>
    </row>
    <row r="97676" spans="14:14">
      <c r="N97676" s="10"/>
    </row>
    <row r="97677" spans="14:14">
      <c r="N97677" s="10"/>
    </row>
    <row r="97678" spans="14:14">
      <c r="N97678" s="10"/>
    </row>
    <row r="97679" spans="14:14">
      <c r="N97679" s="10"/>
    </row>
    <row r="97680" spans="14:14">
      <c r="N97680" s="10"/>
    </row>
    <row r="97681" spans="14:14">
      <c r="N97681" s="10"/>
    </row>
    <row r="97682" spans="14:14">
      <c r="N97682" s="10"/>
    </row>
    <row r="97683" spans="14:14">
      <c r="N97683" s="10"/>
    </row>
    <row r="97684" spans="14:14">
      <c r="N97684" s="10"/>
    </row>
    <row r="97685" spans="14:14">
      <c r="N97685" s="10"/>
    </row>
    <row r="97686" spans="14:14">
      <c r="N97686" s="10"/>
    </row>
    <row r="97687" spans="14:14">
      <c r="N97687" s="10"/>
    </row>
    <row r="97688" spans="14:14">
      <c r="N97688" s="10"/>
    </row>
    <row r="97689" spans="14:14">
      <c r="N97689" s="10"/>
    </row>
    <row r="97690" spans="14:14">
      <c r="N97690" s="10"/>
    </row>
    <row r="97691" spans="14:14">
      <c r="N97691" s="10"/>
    </row>
    <row r="97692" spans="14:14">
      <c r="N97692" s="10"/>
    </row>
    <row r="97693" spans="14:14">
      <c r="N97693" s="10"/>
    </row>
    <row r="97694" spans="14:14">
      <c r="N97694" s="10"/>
    </row>
    <row r="97695" spans="14:14">
      <c r="N97695" s="10"/>
    </row>
    <row r="97696" spans="14:14">
      <c r="N97696" s="10"/>
    </row>
    <row r="97697" spans="14:14">
      <c r="N97697" s="10"/>
    </row>
    <row r="97698" spans="14:14">
      <c r="N97698" s="10"/>
    </row>
    <row r="97699" spans="14:14">
      <c r="N97699" s="10"/>
    </row>
    <row r="97700" spans="14:14">
      <c r="N97700" s="10"/>
    </row>
    <row r="97701" spans="14:14">
      <c r="N97701" s="10"/>
    </row>
    <row r="97702" spans="14:14">
      <c r="N97702" s="10"/>
    </row>
    <row r="97703" spans="14:14">
      <c r="N97703" s="10"/>
    </row>
    <row r="97704" spans="14:14">
      <c r="N97704" s="10"/>
    </row>
    <row r="97705" spans="14:14">
      <c r="N97705" s="10"/>
    </row>
    <row r="97706" spans="14:14">
      <c r="N97706" s="10"/>
    </row>
    <row r="97707" spans="14:14">
      <c r="N97707" s="10"/>
    </row>
    <row r="97708" spans="14:14">
      <c r="N97708" s="10"/>
    </row>
    <row r="97709" spans="14:14">
      <c r="N97709" s="10"/>
    </row>
    <row r="97710" spans="14:14">
      <c r="N97710" s="10"/>
    </row>
    <row r="97711" spans="14:14">
      <c r="N97711" s="10"/>
    </row>
    <row r="97712" spans="14:14">
      <c r="N97712" s="10"/>
    </row>
    <row r="97713" spans="14:14">
      <c r="N97713" s="10"/>
    </row>
    <row r="97714" spans="14:14">
      <c r="N97714" s="10"/>
    </row>
    <row r="97715" spans="14:14">
      <c r="N97715" s="10"/>
    </row>
    <row r="97716" spans="14:14">
      <c r="N97716" s="10"/>
    </row>
    <row r="97717" spans="14:14">
      <c r="N97717" s="10"/>
    </row>
    <row r="97718" spans="14:14">
      <c r="N97718" s="10"/>
    </row>
    <row r="97719" spans="14:14">
      <c r="N97719" s="10"/>
    </row>
    <row r="97720" spans="14:14">
      <c r="N97720" s="10"/>
    </row>
    <row r="97721" spans="14:14">
      <c r="N97721" s="10"/>
    </row>
    <row r="97722" spans="14:14">
      <c r="N97722" s="10"/>
    </row>
    <row r="97723" spans="14:14">
      <c r="N97723" s="10"/>
    </row>
    <row r="97724" spans="14:14">
      <c r="N97724" s="10"/>
    </row>
    <row r="97725" spans="14:14">
      <c r="N97725" s="10"/>
    </row>
    <row r="97726" spans="14:14">
      <c r="N97726" s="10"/>
    </row>
    <row r="97727" spans="14:14">
      <c r="N97727" s="10"/>
    </row>
    <row r="97728" spans="14:14">
      <c r="N97728" s="10"/>
    </row>
    <row r="97729" spans="14:14">
      <c r="N97729" s="10"/>
    </row>
    <row r="97730" spans="14:14">
      <c r="N97730" s="10"/>
    </row>
    <row r="97731" spans="14:14">
      <c r="N97731" s="10"/>
    </row>
    <row r="97732" spans="14:14">
      <c r="N97732" s="10"/>
    </row>
    <row r="97733" spans="14:14">
      <c r="N97733" s="10"/>
    </row>
    <row r="97734" spans="14:14">
      <c r="N97734" s="10"/>
    </row>
    <row r="97735" spans="14:14">
      <c r="N97735" s="10"/>
    </row>
    <row r="97736" spans="14:14">
      <c r="N97736" s="10"/>
    </row>
    <row r="97737" spans="14:14">
      <c r="N97737" s="10"/>
    </row>
    <row r="97738" spans="14:14">
      <c r="N97738" s="10"/>
    </row>
    <row r="97739" spans="14:14">
      <c r="N97739" s="10"/>
    </row>
    <row r="97740" spans="14:14">
      <c r="N97740" s="10"/>
    </row>
    <row r="97741" spans="14:14">
      <c r="N97741" s="10"/>
    </row>
    <row r="97742" spans="14:14">
      <c r="N97742" s="10"/>
    </row>
    <row r="97743" spans="14:14">
      <c r="N97743" s="10"/>
    </row>
    <row r="97744" spans="14:14">
      <c r="N97744" s="10"/>
    </row>
    <row r="97745" spans="14:14">
      <c r="N97745" s="10"/>
    </row>
    <row r="97746" spans="14:14">
      <c r="N97746" s="10"/>
    </row>
    <row r="97747" spans="14:14">
      <c r="N97747" s="10"/>
    </row>
    <row r="97748" spans="14:14">
      <c r="N97748" s="10"/>
    </row>
    <row r="97749" spans="14:14">
      <c r="N97749" s="10"/>
    </row>
    <row r="97750" spans="14:14">
      <c r="N97750" s="10"/>
    </row>
    <row r="97751" spans="14:14">
      <c r="N97751" s="10"/>
    </row>
    <row r="97752" spans="14:14">
      <c r="N97752" s="10"/>
    </row>
    <row r="97753" spans="14:14">
      <c r="N97753" s="10"/>
    </row>
    <row r="97754" spans="14:14">
      <c r="N97754" s="10"/>
    </row>
    <row r="97755" spans="14:14">
      <c r="N97755" s="10"/>
    </row>
    <row r="97756" spans="14:14">
      <c r="N97756" s="10"/>
    </row>
    <row r="97757" spans="14:14">
      <c r="N97757" s="10"/>
    </row>
    <row r="97758" spans="14:14">
      <c r="N97758" s="10"/>
    </row>
    <row r="97759" spans="14:14">
      <c r="N97759" s="10"/>
    </row>
    <row r="97760" spans="14:14">
      <c r="N97760" s="10"/>
    </row>
    <row r="97761" spans="14:14">
      <c r="N97761" s="10"/>
    </row>
    <row r="97762" spans="14:14">
      <c r="N97762" s="10"/>
    </row>
    <row r="97763" spans="14:14">
      <c r="N97763" s="10"/>
    </row>
    <row r="97764" spans="14:14">
      <c r="N97764" s="10"/>
    </row>
    <row r="97765" spans="14:14">
      <c r="N97765" s="10"/>
    </row>
    <row r="97766" spans="14:14">
      <c r="N97766" s="10"/>
    </row>
    <row r="97767" spans="14:14">
      <c r="N97767" s="10"/>
    </row>
    <row r="97768" spans="14:14">
      <c r="N97768" s="10"/>
    </row>
    <row r="97769" spans="14:14">
      <c r="N97769" s="10"/>
    </row>
    <row r="97770" spans="14:14">
      <c r="N97770" s="10"/>
    </row>
    <row r="97771" spans="14:14">
      <c r="N97771" s="10"/>
    </row>
    <row r="97772" spans="14:14">
      <c r="N97772" s="10"/>
    </row>
    <row r="97773" spans="14:14">
      <c r="N97773" s="10"/>
    </row>
    <row r="97774" spans="14:14">
      <c r="N97774" s="10"/>
    </row>
    <row r="97775" spans="14:14">
      <c r="N97775" s="10"/>
    </row>
    <row r="97776" spans="14:14">
      <c r="N97776" s="10"/>
    </row>
    <row r="97777" spans="14:14">
      <c r="N97777" s="10"/>
    </row>
    <row r="97778" spans="14:14">
      <c r="N97778" s="10"/>
    </row>
    <row r="97779" spans="14:14">
      <c r="N97779" s="10"/>
    </row>
    <row r="97780" spans="14:14">
      <c r="N97780" s="10"/>
    </row>
    <row r="97781" spans="14:14">
      <c r="N97781" s="10"/>
    </row>
    <row r="97782" spans="14:14">
      <c r="N97782" s="10"/>
    </row>
    <row r="97783" spans="14:14">
      <c r="N97783" s="10"/>
    </row>
    <row r="97784" spans="14:14">
      <c r="N97784" s="10"/>
    </row>
    <row r="97785" spans="14:14">
      <c r="N97785" s="10"/>
    </row>
    <row r="97786" spans="14:14">
      <c r="N97786" s="10"/>
    </row>
    <row r="97787" spans="14:14">
      <c r="N97787" s="10"/>
    </row>
    <row r="97788" spans="14:14">
      <c r="N97788" s="10"/>
    </row>
    <row r="97789" spans="14:14">
      <c r="N97789" s="10"/>
    </row>
    <row r="97790" spans="14:14">
      <c r="N97790" s="10"/>
    </row>
    <row r="97791" spans="14:14">
      <c r="N97791" s="10"/>
    </row>
    <row r="97792" spans="14:14">
      <c r="N97792" s="10"/>
    </row>
    <row r="97793" spans="14:14">
      <c r="N97793" s="10"/>
    </row>
    <row r="97794" spans="14:14">
      <c r="N97794" s="10"/>
    </row>
    <row r="97795" spans="14:14">
      <c r="N97795" s="10"/>
    </row>
    <row r="97796" spans="14:14">
      <c r="N97796" s="10"/>
    </row>
    <row r="97797" spans="14:14">
      <c r="N97797" s="10"/>
    </row>
    <row r="97798" spans="14:14">
      <c r="N97798" s="10"/>
    </row>
    <row r="97799" spans="14:14">
      <c r="N97799" s="10"/>
    </row>
    <row r="97800" spans="14:14">
      <c r="N97800" s="10"/>
    </row>
    <row r="97801" spans="14:14">
      <c r="N97801" s="10"/>
    </row>
    <row r="97802" spans="14:14">
      <c r="N97802" s="10"/>
    </row>
    <row r="97803" spans="14:14">
      <c r="N97803" s="10"/>
    </row>
    <row r="97804" spans="14:14">
      <c r="N97804" s="10"/>
    </row>
    <row r="97805" spans="14:14">
      <c r="N97805" s="10"/>
    </row>
    <row r="97806" spans="14:14">
      <c r="N97806" s="10"/>
    </row>
    <row r="97807" spans="14:14">
      <c r="N97807" s="10"/>
    </row>
    <row r="97808" spans="14:14">
      <c r="N97808" s="10"/>
    </row>
    <row r="97809" spans="14:14">
      <c r="N97809" s="10"/>
    </row>
    <row r="97810" spans="14:14">
      <c r="N97810" s="10"/>
    </row>
    <row r="97811" spans="14:14">
      <c r="N97811" s="10"/>
    </row>
    <row r="97812" spans="14:14">
      <c r="N97812" s="10"/>
    </row>
    <row r="97813" spans="14:14">
      <c r="N97813" s="10"/>
    </row>
    <row r="97814" spans="14:14">
      <c r="N97814" s="10"/>
    </row>
    <row r="97815" spans="14:14">
      <c r="N97815" s="10"/>
    </row>
    <row r="97816" spans="14:14">
      <c r="N97816" s="10"/>
    </row>
    <row r="97817" spans="14:14">
      <c r="N97817" s="10"/>
    </row>
    <row r="97818" spans="14:14">
      <c r="N97818" s="10"/>
    </row>
    <row r="97819" spans="14:14">
      <c r="N97819" s="10"/>
    </row>
    <row r="97820" spans="14:14">
      <c r="N97820" s="10"/>
    </row>
    <row r="97821" spans="14:14">
      <c r="N97821" s="10"/>
    </row>
    <row r="97822" spans="14:14">
      <c r="N97822" s="10"/>
    </row>
    <row r="97823" spans="14:14">
      <c r="N97823" s="10"/>
    </row>
    <row r="97824" spans="14:14">
      <c r="N97824" s="10"/>
    </row>
    <row r="97825" spans="14:14">
      <c r="N97825" s="10"/>
    </row>
    <row r="97826" spans="14:14">
      <c r="N97826" s="10"/>
    </row>
    <row r="97827" spans="14:14">
      <c r="N97827" s="10"/>
    </row>
    <row r="97828" spans="14:14">
      <c r="N97828" s="10"/>
    </row>
    <row r="97829" spans="14:14">
      <c r="N97829" s="10"/>
    </row>
    <row r="97830" spans="14:14">
      <c r="N97830" s="10"/>
    </row>
    <row r="97831" spans="14:14">
      <c r="N97831" s="10"/>
    </row>
    <row r="97832" spans="14:14">
      <c r="N97832" s="10"/>
    </row>
    <row r="97833" spans="14:14">
      <c r="N97833" s="10"/>
    </row>
    <row r="97834" spans="14:14">
      <c r="N97834" s="10"/>
    </row>
    <row r="97835" spans="14:14">
      <c r="N97835" s="10"/>
    </row>
    <row r="97836" spans="14:14">
      <c r="N97836" s="10"/>
    </row>
    <row r="97837" spans="14:14">
      <c r="N97837" s="10"/>
    </row>
    <row r="97838" spans="14:14">
      <c r="N97838" s="10"/>
    </row>
    <row r="97839" spans="14:14">
      <c r="N97839" s="10"/>
    </row>
    <row r="97840" spans="14:14">
      <c r="N97840" s="10"/>
    </row>
    <row r="97841" spans="14:14">
      <c r="N97841" s="10"/>
    </row>
    <row r="97842" spans="14:14">
      <c r="N97842" s="10"/>
    </row>
    <row r="97843" spans="14:14">
      <c r="N97843" s="10"/>
    </row>
    <row r="97844" spans="14:14">
      <c r="N97844" s="10"/>
    </row>
    <row r="97845" spans="14:14">
      <c r="N97845" s="10"/>
    </row>
    <row r="97846" spans="14:14">
      <c r="N97846" s="10"/>
    </row>
    <row r="97847" spans="14:14">
      <c r="N97847" s="10"/>
    </row>
    <row r="97848" spans="14:14">
      <c r="N97848" s="10"/>
    </row>
    <row r="97849" spans="14:14">
      <c r="N97849" s="10"/>
    </row>
    <row r="97850" spans="14:14">
      <c r="N97850" s="10"/>
    </row>
    <row r="97851" spans="14:14">
      <c r="N97851" s="10"/>
    </row>
    <row r="97852" spans="14:14">
      <c r="N97852" s="10"/>
    </row>
    <row r="97853" spans="14:14">
      <c r="N97853" s="10"/>
    </row>
    <row r="97854" spans="14:14">
      <c r="N97854" s="10"/>
    </row>
    <row r="97855" spans="14:14">
      <c r="N97855" s="10"/>
    </row>
    <row r="97856" spans="14:14">
      <c r="N97856" s="10"/>
    </row>
    <row r="97857" spans="14:14">
      <c r="N97857" s="10"/>
    </row>
    <row r="97858" spans="14:14">
      <c r="N97858" s="10"/>
    </row>
    <row r="97859" spans="14:14">
      <c r="N97859" s="10"/>
    </row>
    <row r="97860" spans="14:14">
      <c r="N97860" s="10"/>
    </row>
    <row r="97861" spans="14:14">
      <c r="N97861" s="10"/>
    </row>
    <row r="97862" spans="14:14">
      <c r="N97862" s="10"/>
    </row>
    <row r="97863" spans="14:14">
      <c r="N97863" s="10"/>
    </row>
    <row r="97864" spans="14:14">
      <c r="N97864" s="10"/>
    </row>
    <row r="97865" spans="14:14">
      <c r="N97865" s="10"/>
    </row>
    <row r="97866" spans="14:14">
      <c r="N97866" s="10"/>
    </row>
    <row r="97867" spans="14:14">
      <c r="N97867" s="10"/>
    </row>
    <row r="97868" spans="14:14">
      <c r="N97868" s="10"/>
    </row>
    <row r="97869" spans="14:14">
      <c r="N97869" s="10"/>
    </row>
    <row r="97870" spans="14:14">
      <c r="N97870" s="10"/>
    </row>
    <row r="97871" spans="14:14">
      <c r="N97871" s="10"/>
    </row>
    <row r="97872" spans="14:14">
      <c r="N97872" s="10"/>
    </row>
    <row r="97873" spans="14:14">
      <c r="N97873" s="10"/>
    </row>
    <row r="97874" spans="14:14">
      <c r="N97874" s="10"/>
    </row>
    <row r="97875" spans="14:14">
      <c r="N97875" s="10"/>
    </row>
    <row r="97876" spans="14:14">
      <c r="N97876" s="10"/>
    </row>
    <row r="97877" spans="14:14">
      <c r="N97877" s="10"/>
    </row>
    <row r="97878" spans="14:14">
      <c r="N97878" s="10"/>
    </row>
    <row r="97879" spans="14:14">
      <c r="N97879" s="10"/>
    </row>
    <row r="97880" spans="14:14">
      <c r="N97880" s="10"/>
    </row>
    <row r="97881" spans="14:14">
      <c r="N97881" s="10"/>
    </row>
    <row r="97882" spans="14:14">
      <c r="N97882" s="10"/>
    </row>
    <row r="97883" spans="14:14">
      <c r="N97883" s="10"/>
    </row>
    <row r="97884" spans="14:14">
      <c r="N97884" s="10"/>
    </row>
    <row r="97885" spans="14:14">
      <c r="N97885" s="10"/>
    </row>
    <row r="97886" spans="14:14">
      <c r="N97886" s="10"/>
    </row>
    <row r="97887" spans="14:14">
      <c r="N97887" s="10"/>
    </row>
    <row r="97888" spans="14:14">
      <c r="N97888" s="10"/>
    </row>
    <row r="97889" spans="14:14">
      <c r="N97889" s="10"/>
    </row>
    <row r="97890" spans="14:14">
      <c r="N97890" s="10"/>
    </row>
    <row r="97891" spans="14:14">
      <c r="N97891" s="10"/>
    </row>
    <row r="97892" spans="14:14">
      <c r="N97892" s="10"/>
    </row>
    <row r="97893" spans="14:14">
      <c r="N97893" s="10"/>
    </row>
    <row r="97894" spans="14:14">
      <c r="N97894" s="10"/>
    </row>
    <row r="97895" spans="14:14">
      <c r="N97895" s="10"/>
    </row>
    <row r="97896" spans="14:14">
      <c r="N97896" s="10"/>
    </row>
    <row r="97897" spans="14:14">
      <c r="N97897" s="10"/>
    </row>
    <row r="97898" spans="14:14">
      <c r="N97898" s="10"/>
    </row>
    <row r="97899" spans="14:14">
      <c r="N97899" s="10"/>
    </row>
    <row r="97900" spans="14:14">
      <c r="N97900" s="10"/>
    </row>
    <row r="97901" spans="14:14">
      <c r="N97901" s="10"/>
    </row>
    <row r="97902" spans="14:14">
      <c r="N97902" s="10"/>
    </row>
    <row r="97903" spans="14:14">
      <c r="N97903" s="10"/>
    </row>
    <row r="97904" spans="14:14">
      <c r="N97904" s="10"/>
    </row>
    <row r="97905" spans="14:14">
      <c r="N97905" s="10"/>
    </row>
    <row r="97906" spans="14:14">
      <c r="N97906" s="10"/>
    </row>
    <row r="97907" spans="14:14">
      <c r="N97907" s="10"/>
    </row>
    <row r="97908" spans="14:14">
      <c r="N97908" s="10"/>
    </row>
    <row r="97909" spans="14:14">
      <c r="N97909" s="10"/>
    </row>
    <row r="97910" spans="14:14">
      <c r="N97910" s="10"/>
    </row>
    <row r="97911" spans="14:14">
      <c r="N97911" s="10"/>
    </row>
    <row r="97912" spans="14:14">
      <c r="N97912" s="10"/>
    </row>
    <row r="97913" spans="14:14">
      <c r="N97913" s="10"/>
    </row>
    <row r="97914" spans="14:14">
      <c r="N97914" s="10"/>
    </row>
    <row r="97915" spans="14:14">
      <c r="N97915" s="10"/>
    </row>
    <row r="97916" spans="14:14">
      <c r="N97916" s="10"/>
    </row>
    <row r="97917" spans="14:14">
      <c r="N97917" s="10"/>
    </row>
    <row r="97918" spans="14:14">
      <c r="N97918" s="10"/>
    </row>
    <row r="97919" spans="14:14">
      <c r="N97919" s="10"/>
    </row>
    <row r="97920" spans="14:14">
      <c r="N97920" s="10"/>
    </row>
    <row r="97921" spans="14:14">
      <c r="N97921" s="10"/>
    </row>
    <row r="97922" spans="14:14">
      <c r="N97922" s="10"/>
    </row>
    <row r="97923" spans="14:14">
      <c r="N97923" s="10"/>
    </row>
    <row r="97924" spans="14:14">
      <c r="N97924" s="10"/>
    </row>
    <row r="97925" spans="14:14">
      <c r="N97925" s="10"/>
    </row>
    <row r="97926" spans="14:14">
      <c r="N97926" s="10"/>
    </row>
    <row r="97927" spans="14:14">
      <c r="N97927" s="10"/>
    </row>
    <row r="97928" spans="14:14">
      <c r="N97928" s="10"/>
    </row>
    <row r="97929" spans="14:14">
      <c r="N97929" s="10"/>
    </row>
    <row r="97930" spans="14:14">
      <c r="N97930" s="10"/>
    </row>
    <row r="97931" spans="14:14">
      <c r="N97931" s="10"/>
    </row>
    <row r="97932" spans="14:14">
      <c r="N97932" s="10"/>
    </row>
    <row r="97933" spans="14:14">
      <c r="N97933" s="10"/>
    </row>
    <row r="97934" spans="14:14">
      <c r="N97934" s="10"/>
    </row>
    <row r="97935" spans="14:14">
      <c r="N97935" s="10"/>
    </row>
    <row r="97936" spans="14:14">
      <c r="N97936" s="10"/>
    </row>
    <row r="97937" spans="14:14">
      <c r="N97937" s="10"/>
    </row>
    <row r="97938" spans="14:14">
      <c r="N97938" s="10"/>
    </row>
    <row r="97939" spans="14:14">
      <c r="N97939" s="10"/>
    </row>
    <row r="97940" spans="14:14">
      <c r="N97940" s="10"/>
    </row>
    <row r="97941" spans="14:14">
      <c r="N97941" s="10"/>
    </row>
    <row r="97942" spans="14:14">
      <c r="N97942" s="10"/>
    </row>
    <row r="97943" spans="14:14">
      <c r="N97943" s="10"/>
    </row>
    <row r="97944" spans="14:14">
      <c r="N97944" s="10"/>
    </row>
    <row r="97945" spans="14:14">
      <c r="N97945" s="10"/>
    </row>
    <row r="97946" spans="14:14">
      <c r="N97946" s="10"/>
    </row>
    <row r="97947" spans="14:14">
      <c r="N97947" s="10"/>
    </row>
    <row r="97948" spans="14:14">
      <c r="N97948" s="10"/>
    </row>
    <row r="97949" spans="14:14">
      <c r="N97949" s="10"/>
    </row>
    <row r="97950" spans="14:14">
      <c r="N97950" s="10"/>
    </row>
    <row r="97951" spans="14:14">
      <c r="N97951" s="10"/>
    </row>
    <row r="97952" spans="14:14">
      <c r="N97952" s="10"/>
    </row>
    <row r="97953" spans="14:14">
      <c r="N97953" s="10"/>
    </row>
    <row r="97954" spans="14:14">
      <c r="N97954" s="10"/>
    </row>
    <row r="97955" spans="14:14">
      <c r="N97955" s="10"/>
    </row>
    <row r="97956" spans="14:14">
      <c r="N97956" s="10"/>
    </row>
    <row r="97957" spans="14:14">
      <c r="N97957" s="10"/>
    </row>
    <row r="97958" spans="14:14">
      <c r="N97958" s="10"/>
    </row>
    <row r="97959" spans="14:14">
      <c r="N97959" s="10"/>
    </row>
    <row r="97960" spans="14:14">
      <c r="N97960" s="10"/>
    </row>
    <row r="97961" spans="14:14">
      <c r="N97961" s="10"/>
    </row>
    <row r="97962" spans="14:14">
      <c r="N97962" s="10"/>
    </row>
    <row r="97963" spans="14:14">
      <c r="N97963" s="10"/>
    </row>
    <row r="97964" spans="14:14">
      <c r="N97964" s="10"/>
    </row>
    <row r="97965" spans="14:14">
      <c r="N97965" s="10"/>
    </row>
    <row r="97966" spans="14:14">
      <c r="N97966" s="10"/>
    </row>
    <row r="97967" spans="14:14">
      <c r="N97967" s="10"/>
    </row>
    <row r="97968" spans="14:14">
      <c r="N97968" s="10"/>
    </row>
    <row r="97969" spans="14:14">
      <c r="N97969" s="10"/>
    </row>
    <row r="97970" spans="14:14">
      <c r="N97970" s="10"/>
    </row>
    <row r="97971" spans="14:14">
      <c r="N97971" s="10"/>
    </row>
    <row r="97972" spans="14:14">
      <c r="N97972" s="10"/>
    </row>
    <row r="97973" spans="14:14">
      <c r="N97973" s="10"/>
    </row>
    <row r="97974" spans="14:14">
      <c r="N97974" s="10"/>
    </row>
    <row r="97975" spans="14:14">
      <c r="N97975" s="10"/>
    </row>
    <row r="97976" spans="14:14">
      <c r="N97976" s="10"/>
    </row>
    <row r="97977" spans="14:14">
      <c r="N97977" s="10"/>
    </row>
    <row r="97978" spans="14:14">
      <c r="N97978" s="10"/>
    </row>
    <row r="97979" spans="14:14">
      <c r="N97979" s="10"/>
    </row>
    <row r="97980" spans="14:14">
      <c r="N97980" s="10"/>
    </row>
    <row r="97981" spans="14:14">
      <c r="N97981" s="10"/>
    </row>
    <row r="97982" spans="14:14">
      <c r="N97982" s="10"/>
    </row>
    <row r="97983" spans="14:14">
      <c r="N97983" s="10"/>
    </row>
    <row r="97984" spans="14:14">
      <c r="N97984" s="10"/>
    </row>
    <row r="97985" spans="14:14">
      <c r="N97985" s="10"/>
    </row>
    <row r="97986" spans="14:14">
      <c r="N97986" s="10"/>
    </row>
    <row r="97987" spans="14:14">
      <c r="N97987" s="10"/>
    </row>
    <row r="97988" spans="14:14">
      <c r="N97988" s="10"/>
    </row>
    <row r="97989" spans="14:14">
      <c r="N97989" s="10"/>
    </row>
    <row r="97990" spans="14:14">
      <c r="N97990" s="10"/>
    </row>
    <row r="97991" spans="14:14">
      <c r="N97991" s="10"/>
    </row>
    <row r="97992" spans="14:14">
      <c r="N97992" s="10"/>
    </row>
    <row r="97993" spans="14:14">
      <c r="N97993" s="10"/>
    </row>
    <row r="97994" spans="14:14">
      <c r="N97994" s="10"/>
    </row>
    <row r="97995" spans="14:14">
      <c r="N97995" s="10"/>
    </row>
    <row r="97996" spans="14:14">
      <c r="N97996" s="10"/>
    </row>
    <row r="97997" spans="14:14">
      <c r="N97997" s="10"/>
    </row>
    <row r="97998" spans="14:14">
      <c r="N97998" s="10"/>
    </row>
    <row r="97999" spans="14:14">
      <c r="N97999" s="10"/>
    </row>
    <row r="98000" spans="14:14">
      <c r="N98000" s="10"/>
    </row>
    <row r="98001" spans="14:14">
      <c r="N98001" s="10"/>
    </row>
    <row r="98002" spans="14:14">
      <c r="N98002" s="10"/>
    </row>
    <row r="98003" spans="14:14">
      <c r="N98003" s="10"/>
    </row>
    <row r="98004" spans="14:14">
      <c r="N98004" s="10"/>
    </row>
    <row r="98005" spans="14:14">
      <c r="N98005" s="10"/>
    </row>
    <row r="98006" spans="14:14">
      <c r="N98006" s="10"/>
    </row>
    <row r="98007" spans="14:14">
      <c r="N98007" s="10"/>
    </row>
    <row r="98008" spans="14:14">
      <c r="N98008" s="10"/>
    </row>
    <row r="98009" spans="14:14">
      <c r="N98009" s="10"/>
    </row>
    <row r="98010" spans="14:14">
      <c r="N98010" s="10"/>
    </row>
    <row r="98011" spans="14:14">
      <c r="N98011" s="10"/>
    </row>
    <row r="98012" spans="14:14">
      <c r="N98012" s="10"/>
    </row>
    <row r="98013" spans="14:14">
      <c r="N98013" s="10"/>
    </row>
    <row r="98014" spans="14:14">
      <c r="N98014" s="10"/>
    </row>
    <row r="98015" spans="14:14">
      <c r="N98015" s="10"/>
    </row>
    <row r="98016" spans="14:14">
      <c r="N98016" s="10"/>
    </row>
    <row r="98017" spans="14:14">
      <c r="N98017" s="10"/>
    </row>
    <row r="98018" spans="14:14">
      <c r="N98018" s="10"/>
    </row>
    <row r="98019" spans="14:14">
      <c r="N98019" s="10"/>
    </row>
    <row r="98020" spans="14:14">
      <c r="N98020" s="10"/>
    </row>
    <row r="98021" spans="14:14">
      <c r="N98021" s="10"/>
    </row>
    <row r="98022" spans="14:14">
      <c r="N98022" s="10"/>
    </row>
    <row r="98023" spans="14:14">
      <c r="N98023" s="10"/>
    </row>
    <row r="98024" spans="14:14">
      <c r="N98024" s="10"/>
    </row>
    <row r="98025" spans="14:14">
      <c r="N98025" s="10"/>
    </row>
    <row r="98026" spans="14:14">
      <c r="N98026" s="10"/>
    </row>
    <row r="98027" spans="14:14">
      <c r="N98027" s="10"/>
    </row>
    <row r="98028" spans="14:14">
      <c r="N98028" s="10"/>
    </row>
    <row r="98029" spans="14:14">
      <c r="N98029" s="10"/>
    </row>
    <row r="98030" spans="14:14">
      <c r="N98030" s="10"/>
    </row>
    <row r="98031" spans="14:14">
      <c r="N98031" s="10"/>
    </row>
    <row r="98032" spans="14:14">
      <c r="N98032" s="10"/>
    </row>
    <row r="98033" spans="14:14">
      <c r="N98033" s="10"/>
    </row>
    <row r="98034" spans="14:14">
      <c r="N98034" s="10"/>
    </row>
    <row r="98035" spans="14:14">
      <c r="N98035" s="10"/>
    </row>
    <row r="98036" spans="14:14">
      <c r="N98036" s="10"/>
    </row>
    <row r="98037" spans="14:14">
      <c r="N98037" s="10"/>
    </row>
    <row r="98038" spans="14:14">
      <c r="N98038" s="10"/>
    </row>
    <row r="98039" spans="14:14">
      <c r="N98039" s="10"/>
    </row>
    <row r="98040" spans="14:14">
      <c r="N98040" s="10"/>
    </row>
    <row r="98041" spans="14:14">
      <c r="N98041" s="10"/>
    </row>
    <row r="98042" spans="14:14">
      <c r="N98042" s="10"/>
    </row>
    <row r="98043" spans="14:14">
      <c r="N98043" s="10"/>
    </row>
    <row r="98044" spans="14:14">
      <c r="N98044" s="10"/>
    </row>
    <row r="98045" spans="14:14">
      <c r="N98045" s="10"/>
    </row>
    <row r="98046" spans="14:14">
      <c r="N98046" s="10"/>
    </row>
    <row r="98047" spans="14:14">
      <c r="N98047" s="10"/>
    </row>
    <row r="98048" spans="14:14">
      <c r="N98048" s="10"/>
    </row>
    <row r="98049" spans="14:14">
      <c r="N98049" s="10"/>
    </row>
    <row r="98050" spans="14:14">
      <c r="N98050" s="10"/>
    </row>
    <row r="98051" spans="14:14">
      <c r="N98051" s="10"/>
    </row>
    <row r="98052" spans="14:14">
      <c r="N98052" s="10"/>
    </row>
    <row r="98053" spans="14:14">
      <c r="N98053" s="10"/>
    </row>
    <row r="98054" spans="14:14">
      <c r="N98054" s="10"/>
    </row>
    <row r="98055" spans="14:14">
      <c r="N98055" s="10"/>
    </row>
    <row r="98056" spans="14:14">
      <c r="N98056" s="10"/>
    </row>
    <row r="98057" spans="14:14">
      <c r="N98057" s="10"/>
    </row>
    <row r="98058" spans="14:14">
      <c r="N98058" s="10"/>
    </row>
    <row r="98059" spans="14:14">
      <c r="N98059" s="10"/>
    </row>
    <row r="98060" spans="14:14">
      <c r="N98060" s="10"/>
    </row>
    <row r="98061" spans="14:14">
      <c r="N98061" s="10"/>
    </row>
    <row r="98062" spans="14:14">
      <c r="N98062" s="10"/>
    </row>
    <row r="98063" spans="14:14">
      <c r="N98063" s="10"/>
    </row>
    <row r="98064" spans="14:14">
      <c r="N98064" s="10"/>
    </row>
    <row r="98065" spans="14:14">
      <c r="N98065" s="10"/>
    </row>
    <row r="98066" spans="14:14">
      <c r="N98066" s="10"/>
    </row>
    <row r="98067" spans="14:14">
      <c r="N98067" s="10"/>
    </row>
    <row r="98068" spans="14:14">
      <c r="N98068" s="10"/>
    </row>
    <row r="98069" spans="14:14">
      <c r="N98069" s="10"/>
    </row>
    <row r="98070" spans="14:14">
      <c r="N98070" s="10"/>
    </row>
    <row r="98071" spans="14:14">
      <c r="N98071" s="10"/>
    </row>
    <row r="98072" spans="14:14">
      <c r="N98072" s="10"/>
    </row>
    <row r="98073" spans="14:14">
      <c r="N98073" s="10"/>
    </row>
    <row r="98074" spans="14:14">
      <c r="N98074" s="10"/>
    </row>
    <row r="98075" spans="14:14">
      <c r="N98075" s="10"/>
    </row>
    <row r="98076" spans="14:14">
      <c r="N98076" s="10"/>
    </row>
    <row r="98077" spans="14:14">
      <c r="N98077" s="10"/>
    </row>
    <row r="98078" spans="14:14">
      <c r="N98078" s="10"/>
    </row>
    <row r="98079" spans="14:14">
      <c r="N98079" s="10"/>
    </row>
    <row r="98080" spans="14:14">
      <c r="N98080" s="10"/>
    </row>
    <row r="98081" spans="14:14">
      <c r="N98081" s="10"/>
    </row>
    <row r="98082" spans="14:14">
      <c r="N98082" s="10"/>
    </row>
    <row r="98083" spans="14:14">
      <c r="N98083" s="10"/>
    </row>
    <row r="98084" spans="14:14">
      <c r="N98084" s="10"/>
    </row>
    <row r="98085" spans="14:14">
      <c r="N98085" s="10"/>
    </row>
    <row r="98086" spans="14:14">
      <c r="N98086" s="10"/>
    </row>
    <row r="98087" spans="14:14">
      <c r="N98087" s="10"/>
    </row>
    <row r="98088" spans="14:14">
      <c r="N98088" s="10"/>
    </row>
    <row r="98089" spans="14:14">
      <c r="N98089" s="10"/>
    </row>
    <row r="98090" spans="14:14">
      <c r="N98090" s="10"/>
    </row>
    <row r="98091" spans="14:14">
      <c r="N98091" s="10"/>
    </row>
    <row r="98092" spans="14:14">
      <c r="N98092" s="10"/>
    </row>
    <row r="98093" spans="14:14">
      <c r="N98093" s="10"/>
    </row>
    <row r="98094" spans="14:14">
      <c r="N98094" s="10"/>
    </row>
    <row r="98095" spans="14:14">
      <c r="N98095" s="10"/>
    </row>
    <row r="98096" spans="14:14">
      <c r="N98096" s="10"/>
    </row>
    <row r="98097" spans="14:14">
      <c r="N98097" s="10"/>
    </row>
    <row r="98098" spans="14:14">
      <c r="N98098" s="10"/>
    </row>
    <row r="98099" spans="14:14">
      <c r="N98099" s="10"/>
    </row>
    <row r="98100" spans="14:14">
      <c r="N98100" s="10"/>
    </row>
    <row r="98101" spans="14:14">
      <c r="N98101" s="10"/>
    </row>
    <row r="98102" spans="14:14">
      <c r="N98102" s="10"/>
    </row>
    <row r="98103" spans="14:14">
      <c r="N98103" s="10"/>
    </row>
    <row r="98104" spans="14:14">
      <c r="N98104" s="10"/>
    </row>
    <row r="98105" spans="14:14">
      <c r="N98105" s="10"/>
    </row>
    <row r="98106" spans="14:14">
      <c r="N98106" s="10"/>
    </row>
    <row r="98107" spans="14:14">
      <c r="N98107" s="10"/>
    </row>
    <row r="98108" spans="14:14">
      <c r="N98108" s="10"/>
    </row>
    <row r="98109" spans="14:14">
      <c r="N98109" s="10"/>
    </row>
    <row r="98110" spans="14:14">
      <c r="N98110" s="10"/>
    </row>
    <row r="98111" spans="14:14">
      <c r="N98111" s="10"/>
    </row>
    <row r="98112" spans="14:14">
      <c r="N98112" s="10"/>
    </row>
    <row r="98113" spans="14:14">
      <c r="N98113" s="10"/>
    </row>
    <row r="98114" spans="14:14">
      <c r="N98114" s="10"/>
    </row>
    <row r="98115" spans="14:14">
      <c r="N98115" s="10"/>
    </row>
    <row r="98116" spans="14:14">
      <c r="N98116" s="10"/>
    </row>
    <row r="98117" spans="14:14">
      <c r="N98117" s="10"/>
    </row>
    <row r="98118" spans="14:14">
      <c r="N98118" s="10"/>
    </row>
    <row r="98119" spans="14:14">
      <c r="N98119" s="10"/>
    </row>
    <row r="98120" spans="14:14">
      <c r="N98120" s="10"/>
    </row>
    <row r="98121" spans="14:14">
      <c r="N98121" s="10"/>
    </row>
    <row r="98122" spans="14:14">
      <c r="N98122" s="10"/>
    </row>
    <row r="98123" spans="14:14">
      <c r="N98123" s="10"/>
    </row>
    <row r="98124" spans="14:14">
      <c r="N98124" s="10"/>
    </row>
    <row r="98125" spans="14:14">
      <c r="N98125" s="10"/>
    </row>
    <row r="98126" spans="14:14">
      <c r="N98126" s="10"/>
    </row>
    <row r="98127" spans="14:14">
      <c r="N98127" s="10"/>
    </row>
    <row r="98128" spans="14:14">
      <c r="N98128" s="10"/>
    </row>
    <row r="98129" spans="14:14">
      <c r="N98129" s="10"/>
    </row>
    <row r="98130" spans="14:14">
      <c r="N98130" s="10"/>
    </row>
    <row r="98131" spans="14:14">
      <c r="N98131" s="10"/>
    </row>
    <row r="98132" spans="14:14">
      <c r="N98132" s="10"/>
    </row>
    <row r="98133" spans="14:14">
      <c r="N98133" s="10"/>
    </row>
    <row r="98134" spans="14:14">
      <c r="N98134" s="10"/>
    </row>
    <row r="98135" spans="14:14">
      <c r="N98135" s="10"/>
    </row>
    <row r="98136" spans="14:14">
      <c r="N98136" s="10"/>
    </row>
    <row r="98137" spans="14:14">
      <c r="N98137" s="10"/>
    </row>
    <row r="98138" spans="14:14">
      <c r="N98138" s="10"/>
    </row>
    <row r="98139" spans="14:14">
      <c r="N98139" s="10"/>
    </row>
    <row r="98140" spans="14:14">
      <c r="N98140" s="10"/>
    </row>
    <row r="98141" spans="14:14">
      <c r="N98141" s="10"/>
    </row>
    <row r="98142" spans="14:14">
      <c r="N98142" s="10"/>
    </row>
    <row r="98143" spans="14:14">
      <c r="N98143" s="10"/>
    </row>
    <row r="98144" spans="14:14">
      <c r="N98144" s="10"/>
    </row>
    <row r="98145" spans="14:14">
      <c r="N98145" s="10"/>
    </row>
    <row r="98146" spans="14:14">
      <c r="N98146" s="10"/>
    </row>
    <row r="98147" spans="14:14">
      <c r="N98147" s="10"/>
    </row>
    <row r="98148" spans="14:14">
      <c r="N98148" s="10"/>
    </row>
    <row r="98149" spans="14:14">
      <c r="N98149" s="10"/>
    </row>
    <row r="98150" spans="14:14">
      <c r="N98150" s="10"/>
    </row>
    <row r="98151" spans="14:14">
      <c r="N98151" s="10"/>
    </row>
    <row r="98152" spans="14:14">
      <c r="N98152" s="10"/>
    </row>
    <row r="98153" spans="14:14">
      <c r="N98153" s="10"/>
    </row>
    <row r="98154" spans="14:14">
      <c r="N98154" s="10"/>
    </row>
    <row r="98155" spans="14:14">
      <c r="N98155" s="10"/>
    </row>
    <row r="98156" spans="14:14">
      <c r="N98156" s="10"/>
    </row>
    <row r="98157" spans="14:14">
      <c r="N98157" s="10"/>
    </row>
    <row r="98158" spans="14:14">
      <c r="N98158" s="10"/>
    </row>
    <row r="98159" spans="14:14">
      <c r="N98159" s="10"/>
    </row>
    <row r="98160" spans="14:14">
      <c r="N98160" s="10"/>
    </row>
    <row r="98161" spans="14:14">
      <c r="N98161" s="10"/>
    </row>
    <row r="98162" spans="14:14">
      <c r="N98162" s="10"/>
    </row>
    <row r="98163" spans="14:14">
      <c r="N98163" s="10"/>
    </row>
    <row r="98164" spans="14:14">
      <c r="N98164" s="10"/>
    </row>
    <row r="98165" spans="14:14">
      <c r="N98165" s="10"/>
    </row>
    <row r="98166" spans="14:14">
      <c r="N98166" s="10"/>
    </row>
    <row r="98167" spans="14:14">
      <c r="N98167" s="10"/>
    </row>
    <row r="98168" spans="14:14">
      <c r="N98168" s="10"/>
    </row>
    <row r="98169" spans="14:14">
      <c r="N98169" s="10"/>
    </row>
    <row r="98170" spans="14:14">
      <c r="N98170" s="10"/>
    </row>
    <row r="98171" spans="14:14">
      <c r="N98171" s="10"/>
    </row>
    <row r="98172" spans="14:14">
      <c r="N98172" s="10"/>
    </row>
    <row r="98173" spans="14:14">
      <c r="N98173" s="10"/>
    </row>
    <row r="98174" spans="14:14">
      <c r="N98174" s="10"/>
    </row>
    <row r="98175" spans="14:14">
      <c r="N98175" s="10"/>
    </row>
    <row r="98176" spans="14:14">
      <c r="N98176" s="10"/>
    </row>
    <row r="98177" spans="14:14">
      <c r="N98177" s="10"/>
    </row>
    <row r="98178" spans="14:14">
      <c r="N98178" s="10"/>
    </row>
    <row r="98179" spans="14:14">
      <c r="N98179" s="10"/>
    </row>
    <row r="98180" spans="14:14">
      <c r="N98180" s="10"/>
    </row>
    <row r="98181" spans="14:14">
      <c r="N98181" s="10"/>
    </row>
    <row r="98182" spans="14:14">
      <c r="N98182" s="10"/>
    </row>
    <row r="98183" spans="14:14">
      <c r="N98183" s="10"/>
    </row>
    <row r="98184" spans="14:14">
      <c r="N98184" s="10"/>
    </row>
    <row r="98185" spans="14:14">
      <c r="N98185" s="10"/>
    </row>
    <row r="98186" spans="14:14">
      <c r="N98186" s="10"/>
    </row>
    <row r="98187" spans="14:14">
      <c r="N98187" s="10"/>
    </row>
    <row r="98188" spans="14:14">
      <c r="N98188" s="10"/>
    </row>
    <row r="98189" spans="14:14">
      <c r="N98189" s="10"/>
    </row>
    <row r="98190" spans="14:14">
      <c r="N98190" s="10"/>
    </row>
    <row r="98191" spans="14:14">
      <c r="N98191" s="10"/>
    </row>
    <row r="98192" spans="14:14">
      <c r="N98192" s="10"/>
    </row>
    <row r="98193" spans="14:14">
      <c r="N98193" s="10"/>
    </row>
    <row r="98194" spans="14:14">
      <c r="N98194" s="10"/>
    </row>
    <row r="98195" spans="14:14">
      <c r="N98195" s="10"/>
    </row>
    <row r="98196" spans="14:14">
      <c r="N98196" s="10"/>
    </row>
    <row r="98197" spans="14:14">
      <c r="N98197" s="10"/>
    </row>
    <row r="98198" spans="14:14">
      <c r="N98198" s="10"/>
    </row>
    <row r="98199" spans="14:14">
      <c r="N98199" s="10"/>
    </row>
    <row r="98200" spans="14:14">
      <c r="N98200" s="10"/>
    </row>
    <row r="98201" spans="14:14">
      <c r="N98201" s="10"/>
    </row>
    <row r="98202" spans="14:14">
      <c r="N98202" s="10"/>
    </row>
    <row r="98203" spans="14:14">
      <c r="N98203" s="10"/>
    </row>
    <row r="98204" spans="14:14">
      <c r="N98204" s="10"/>
    </row>
    <row r="98205" spans="14:14">
      <c r="N98205" s="10"/>
    </row>
    <row r="98206" spans="14:14">
      <c r="N98206" s="10"/>
    </row>
    <row r="98207" spans="14:14">
      <c r="N98207" s="10"/>
    </row>
    <row r="98208" spans="14:14">
      <c r="N98208" s="10"/>
    </row>
    <row r="98209" spans="14:14">
      <c r="N98209" s="10"/>
    </row>
    <row r="98210" spans="14:14">
      <c r="N98210" s="10"/>
    </row>
    <row r="98211" spans="14:14">
      <c r="N98211" s="10"/>
    </row>
    <row r="98212" spans="14:14">
      <c r="N98212" s="10"/>
    </row>
    <row r="98213" spans="14:14">
      <c r="N98213" s="10"/>
    </row>
    <row r="98214" spans="14:14">
      <c r="N98214" s="10"/>
    </row>
    <row r="98215" spans="14:14">
      <c r="N98215" s="10"/>
    </row>
    <row r="98216" spans="14:14">
      <c r="N98216" s="10"/>
    </row>
    <row r="98217" spans="14:14">
      <c r="N98217" s="10"/>
    </row>
    <row r="98218" spans="14:14">
      <c r="N98218" s="10"/>
    </row>
    <row r="98219" spans="14:14">
      <c r="N98219" s="10"/>
    </row>
    <row r="98220" spans="14:14">
      <c r="N98220" s="10"/>
    </row>
    <row r="98221" spans="14:14">
      <c r="N98221" s="10"/>
    </row>
    <row r="98222" spans="14:14">
      <c r="N98222" s="10"/>
    </row>
    <row r="98223" spans="14:14">
      <c r="N98223" s="10"/>
    </row>
    <row r="98224" spans="14:14">
      <c r="N98224" s="10"/>
    </row>
    <row r="98225" spans="14:14">
      <c r="N98225" s="10"/>
    </row>
    <row r="98226" spans="14:14">
      <c r="N98226" s="10"/>
    </row>
    <row r="98227" spans="14:14">
      <c r="N98227" s="10"/>
    </row>
    <row r="98228" spans="14:14">
      <c r="N98228" s="10"/>
    </row>
    <row r="98229" spans="14:14">
      <c r="N98229" s="10"/>
    </row>
    <row r="98230" spans="14:14">
      <c r="N98230" s="10"/>
    </row>
    <row r="98231" spans="14:14">
      <c r="N98231" s="10"/>
    </row>
    <row r="98232" spans="14:14">
      <c r="N98232" s="10"/>
    </row>
    <row r="98233" spans="14:14">
      <c r="N98233" s="10"/>
    </row>
    <row r="98234" spans="14:14">
      <c r="N98234" s="10"/>
    </row>
    <row r="98235" spans="14:14">
      <c r="N98235" s="10"/>
    </row>
    <row r="98236" spans="14:14">
      <c r="N98236" s="10"/>
    </row>
    <row r="98237" spans="14:14">
      <c r="N98237" s="10"/>
    </row>
    <row r="98238" spans="14:14">
      <c r="N98238" s="10"/>
    </row>
    <row r="98239" spans="14:14">
      <c r="N98239" s="10"/>
    </row>
    <row r="98240" spans="14:14">
      <c r="N98240" s="10"/>
    </row>
    <row r="98241" spans="14:14">
      <c r="N98241" s="10"/>
    </row>
    <row r="98242" spans="14:14">
      <c r="N98242" s="10"/>
    </row>
    <row r="98243" spans="14:14">
      <c r="N98243" s="10"/>
    </row>
    <row r="98244" spans="14:14">
      <c r="N98244" s="10"/>
    </row>
    <row r="98245" spans="14:14">
      <c r="N98245" s="10"/>
    </row>
    <row r="98246" spans="14:14">
      <c r="N98246" s="10"/>
    </row>
    <row r="98247" spans="14:14">
      <c r="N98247" s="10"/>
    </row>
    <row r="98248" spans="14:14">
      <c r="N98248" s="10"/>
    </row>
    <row r="98249" spans="14:14">
      <c r="N98249" s="10"/>
    </row>
    <row r="98250" spans="14:14">
      <c r="N98250" s="10"/>
    </row>
    <row r="98251" spans="14:14">
      <c r="N98251" s="10"/>
    </row>
    <row r="98252" spans="14:14">
      <c r="N98252" s="10"/>
    </row>
    <row r="98253" spans="14:14">
      <c r="N98253" s="10"/>
    </row>
    <row r="98254" spans="14:14">
      <c r="N98254" s="10"/>
    </row>
    <row r="98255" spans="14:14">
      <c r="N98255" s="10"/>
    </row>
    <row r="98256" spans="14:14">
      <c r="N98256" s="10"/>
    </row>
    <row r="98257" spans="14:14">
      <c r="N98257" s="10"/>
    </row>
    <row r="98258" spans="14:14">
      <c r="N98258" s="10"/>
    </row>
    <row r="98259" spans="14:14">
      <c r="N98259" s="10"/>
    </row>
    <row r="98260" spans="14:14">
      <c r="N98260" s="10"/>
    </row>
    <row r="98261" spans="14:14">
      <c r="N98261" s="10"/>
    </row>
    <row r="98262" spans="14:14">
      <c r="N98262" s="10"/>
    </row>
    <row r="98263" spans="14:14">
      <c r="N98263" s="10"/>
    </row>
    <row r="98264" spans="14:14">
      <c r="N98264" s="10"/>
    </row>
    <row r="98265" spans="14:14">
      <c r="N98265" s="10"/>
    </row>
    <row r="98266" spans="14:14">
      <c r="N98266" s="10"/>
    </row>
    <row r="98267" spans="14:14">
      <c r="N98267" s="10"/>
    </row>
    <row r="98268" spans="14:14">
      <c r="N98268" s="10"/>
    </row>
    <row r="98269" spans="14:14">
      <c r="N98269" s="10"/>
    </row>
    <row r="98270" spans="14:14">
      <c r="N98270" s="10"/>
    </row>
    <row r="98271" spans="14:14">
      <c r="N98271" s="10"/>
    </row>
    <row r="98272" spans="14:14">
      <c r="N98272" s="10"/>
    </row>
    <row r="98273" spans="14:14">
      <c r="N98273" s="10"/>
    </row>
    <row r="98274" spans="14:14">
      <c r="N98274" s="10"/>
    </row>
    <row r="98275" spans="14:14">
      <c r="N98275" s="10"/>
    </row>
    <row r="98276" spans="14:14">
      <c r="N98276" s="10"/>
    </row>
    <row r="98277" spans="14:14">
      <c r="N98277" s="10"/>
    </row>
    <row r="98278" spans="14:14">
      <c r="N98278" s="10"/>
    </row>
    <row r="98279" spans="14:14">
      <c r="N98279" s="10"/>
    </row>
    <row r="98280" spans="14:14">
      <c r="N98280" s="10"/>
    </row>
    <row r="98281" spans="14:14">
      <c r="N98281" s="10"/>
    </row>
    <row r="98282" spans="14:14">
      <c r="N98282" s="10"/>
    </row>
    <row r="98283" spans="14:14">
      <c r="N98283" s="10"/>
    </row>
    <row r="98284" spans="14:14">
      <c r="N98284" s="10"/>
    </row>
    <row r="98285" spans="14:14">
      <c r="N98285" s="10"/>
    </row>
    <row r="98286" spans="14:14">
      <c r="N98286" s="10"/>
    </row>
    <row r="98287" spans="14:14">
      <c r="N98287" s="10"/>
    </row>
    <row r="98288" spans="14:14">
      <c r="N98288" s="10"/>
    </row>
    <row r="98289" spans="14:14">
      <c r="N98289" s="10"/>
    </row>
    <row r="98290" spans="14:14">
      <c r="N98290" s="10"/>
    </row>
    <row r="98291" spans="14:14">
      <c r="N98291" s="10"/>
    </row>
    <row r="98292" spans="14:14">
      <c r="N98292" s="10"/>
    </row>
    <row r="98293" spans="14:14">
      <c r="N98293" s="10"/>
    </row>
    <row r="98294" spans="14:14">
      <c r="N98294" s="10"/>
    </row>
    <row r="98295" spans="14:14">
      <c r="N98295" s="10"/>
    </row>
    <row r="98296" spans="14:14">
      <c r="N98296" s="10"/>
    </row>
    <row r="98297" spans="14:14">
      <c r="N98297" s="10"/>
    </row>
    <row r="98298" spans="14:14">
      <c r="N98298" s="10"/>
    </row>
    <row r="98299" spans="14:14">
      <c r="N98299" s="10"/>
    </row>
    <row r="98300" spans="14:14">
      <c r="N98300" s="10"/>
    </row>
    <row r="98301" spans="14:14">
      <c r="N98301" s="10"/>
    </row>
    <row r="98302" spans="14:14">
      <c r="N98302" s="10"/>
    </row>
    <row r="98303" spans="14:14">
      <c r="N98303" s="10"/>
    </row>
    <row r="98304" spans="14:14">
      <c r="N98304" s="10"/>
    </row>
    <row r="98305" spans="14:14">
      <c r="N98305" s="10"/>
    </row>
    <row r="98306" spans="14:14">
      <c r="N98306" s="10"/>
    </row>
    <row r="98307" spans="14:14">
      <c r="N98307" s="10"/>
    </row>
    <row r="98308" spans="14:14">
      <c r="N98308" s="10"/>
    </row>
    <row r="98309" spans="14:14">
      <c r="N98309" s="10"/>
    </row>
    <row r="98310" spans="14:14">
      <c r="N98310" s="10"/>
    </row>
    <row r="98311" spans="14:14">
      <c r="N98311" s="10"/>
    </row>
    <row r="98312" spans="14:14">
      <c r="N98312" s="10"/>
    </row>
    <row r="98313" spans="14:14">
      <c r="N98313" s="10"/>
    </row>
    <row r="98314" spans="14:14">
      <c r="N98314" s="10"/>
    </row>
    <row r="98315" spans="14:14">
      <c r="N98315" s="10"/>
    </row>
    <row r="98316" spans="14:14">
      <c r="N98316" s="10"/>
    </row>
    <row r="98317" spans="14:14">
      <c r="N98317" s="10"/>
    </row>
    <row r="98318" spans="14:14">
      <c r="N98318" s="10"/>
    </row>
    <row r="98319" spans="14:14">
      <c r="N98319" s="10"/>
    </row>
    <row r="98320" spans="14:14">
      <c r="N98320" s="10"/>
    </row>
    <row r="98321" spans="14:14">
      <c r="N98321" s="10"/>
    </row>
    <row r="98322" spans="14:14">
      <c r="N98322" s="10"/>
    </row>
    <row r="98323" spans="14:14">
      <c r="N98323" s="10"/>
    </row>
    <row r="98324" spans="14:14">
      <c r="N98324" s="10"/>
    </row>
    <row r="98325" spans="14:14">
      <c r="N98325" s="10"/>
    </row>
    <row r="98326" spans="14:14">
      <c r="N98326" s="10"/>
    </row>
    <row r="98327" spans="14:14">
      <c r="N98327" s="10"/>
    </row>
    <row r="98328" spans="14:14">
      <c r="N98328" s="10"/>
    </row>
    <row r="98329" spans="14:14">
      <c r="N98329" s="10"/>
    </row>
    <row r="98330" spans="14:14">
      <c r="N98330" s="10"/>
    </row>
    <row r="98331" spans="14:14">
      <c r="N98331" s="10"/>
    </row>
    <row r="98332" spans="14:14">
      <c r="N98332" s="10"/>
    </row>
    <row r="98333" spans="14:14">
      <c r="N98333" s="10"/>
    </row>
    <row r="98334" spans="14:14">
      <c r="N98334" s="10"/>
    </row>
    <row r="98335" spans="14:14">
      <c r="N98335" s="10"/>
    </row>
    <row r="98336" spans="14:14">
      <c r="N98336" s="10"/>
    </row>
    <row r="98337" spans="14:14">
      <c r="N98337" s="10"/>
    </row>
    <row r="98338" spans="14:14">
      <c r="N98338" s="10"/>
    </row>
    <row r="98339" spans="14:14">
      <c r="N98339" s="10"/>
    </row>
    <row r="98340" spans="14:14">
      <c r="N98340" s="10"/>
    </row>
    <row r="98341" spans="14:14">
      <c r="N98341" s="10"/>
    </row>
    <row r="98342" spans="14:14">
      <c r="N98342" s="10"/>
    </row>
    <row r="98343" spans="14:14">
      <c r="N98343" s="10"/>
    </row>
    <row r="98344" spans="14:14">
      <c r="N98344" s="10"/>
    </row>
    <row r="98345" spans="14:14">
      <c r="N98345" s="10"/>
    </row>
    <row r="98346" spans="14:14">
      <c r="N98346" s="10"/>
    </row>
    <row r="98347" spans="14:14">
      <c r="N98347" s="10"/>
    </row>
    <row r="98348" spans="14:14">
      <c r="N98348" s="10"/>
    </row>
    <row r="98349" spans="14:14">
      <c r="N98349" s="10"/>
    </row>
    <row r="98350" spans="14:14">
      <c r="N98350" s="10"/>
    </row>
    <row r="98351" spans="14:14">
      <c r="N98351" s="10"/>
    </row>
    <row r="98352" spans="14:14">
      <c r="N98352" s="10"/>
    </row>
    <row r="98353" spans="14:14">
      <c r="N98353" s="10"/>
    </row>
    <row r="98354" spans="14:14">
      <c r="N98354" s="10"/>
    </row>
    <row r="98355" spans="14:14">
      <c r="N98355" s="10"/>
    </row>
    <row r="98356" spans="14:14">
      <c r="N98356" s="10"/>
    </row>
    <row r="98357" spans="14:14">
      <c r="N98357" s="10"/>
    </row>
    <row r="98358" spans="14:14">
      <c r="N98358" s="10"/>
    </row>
    <row r="98359" spans="14:14">
      <c r="N98359" s="10"/>
    </row>
    <row r="98360" spans="14:14">
      <c r="N98360" s="10"/>
    </row>
    <row r="98361" spans="14:14">
      <c r="N98361" s="10"/>
    </row>
    <row r="98362" spans="14:14">
      <c r="N98362" s="10"/>
    </row>
    <row r="98363" spans="14:14">
      <c r="N98363" s="10"/>
    </row>
    <row r="98364" spans="14:14">
      <c r="N98364" s="10"/>
    </row>
    <row r="98365" spans="14:14">
      <c r="N98365" s="10"/>
    </row>
    <row r="98366" spans="14:14">
      <c r="N98366" s="10"/>
    </row>
    <row r="98367" spans="14:14">
      <c r="N98367" s="10"/>
    </row>
    <row r="98368" spans="14:14">
      <c r="N98368" s="10"/>
    </row>
    <row r="98369" spans="14:14">
      <c r="N98369" s="10"/>
    </row>
    <row r="98370" spans="14:14">
      <c r="N98370" s="10"/>
    </row>
    <row r="98371" spans="14:14">
      <c r="N98371" s="10"/>
    </row>
    <row r="98372" spans="14:14">
      <c r="N98372" s="10"/>
    </row>
    <row r="98373" spans="14:14">
      <c r="N98373" s="10"/>
    </row>
    <row r="98374" spans="14:14">
      <c r="N98374" s="10"/>
    </row>
    <row r="98375" spans="14:14">
      <c r="N98375" s="10"/>
    </row>
    <row r="98376" spans="14:14">
      <c r="N98376" s="10"/>
    </row>
    <row r="98377" spans="14:14">
      <c r="N98377" s="10"/>
    </row>
    <row r="98378" spans="14:14">
      <c r="N98378" s="10"/>
    </row>
    <row r="98379" spans="14:14">
      <c r="N98379" s="10"/>
    </row>
    <row r="98380" spans="14:14">
      <c r="N98380" s="10"/>
    </row>
    <row r="98381" spans="14:14">
      <c r="N98381" s="10"/>
    </row>
    <row r="98382" spans="14:14">
      <c r="N98382" s="10"/>
    </row>
    <row r="98383" spans="14:14">
      <c r="N98383" s="10"/>
    </row>
    <row r="98384" spans="14:14">
      <c r="N98384" s="10"/>
    </row>
    <row r="98385" spans="14:14">
      <c r="N98385" s="10"/>
    </row>
    <row r="98386" spans="14:14">
      <c r="N98386" s="10"/>
    </row>
    <row r="98387" spans="14:14">
      <c r="N98387" s="10"/>
    </row>
    <row r="98388" spans="14:14">
      <c r="N98388" s="10"/>
    </row>
    <row r="98389" spans="14:14">
      <c r="N98389" s="10"/>
    </row>
    <row r="98390" spans="14:14">
      <c r="N98390" s="10"/>
    </row>
    <row r="98391" spans="14:14">
      <c r="N98391" s="10"/>
    </row>
    <row r="98392" spans="14:14">
      <c r="N98392" s="10"/>
    </row>
    <row r="98393" spans="14:14">
      <c r="N98393" s="10"/>
    </row>
    <row r="98394" spans="14:14">
      <c r="N98394" s="10"/>
    </row>
    <row r="98395" spans="14:14">
      <c r="N98395" s="10"/>
    </row>
    <row r="98396" spans="14:14">
      <c r="N98396" s="10"/>
    </row>
    <row r="98397" spans="14:14">
      <c r="N98397" s="10"/>
    </row>
    <row r="98398" spans="14:14">
      <c r="N98398" s="10"/>
    </row>
    <row r="98399" spans="14:14">
      <c r="N98399" s="10"/>
    </row>
    <row r="98400" spans="14:14">
      <c r="N98400" s="10"/>
    </row>
    <row r="98401" spans="14:14">
      <c r="N98401" s="10"/>
    </row>
    <row r="98402" spans="14:14">
      <c r="N98402" s="10"/>
    </row>
    <row r="98403" spans="14:14">
      <c r="N98403" s="10"/>
    </row>
    <row r="98404" spans="14:14">
      <c r="N98404" s="10"/>
    </row>
    <row r="98405" spans="14:14">
      <c r="N98405" s="10"/>
    </row>
    <row r="98406" spans="14:14">
      <c r="N98406" s="10"/>
    </row>
    <row r="98407" spans="14:14">
      <c r="N98407" s="10"/>
    </row>
    <row r="98408" spans="14:14">
      <c r="N98408" s="10"/>
    </row>
    <row r="98409" spans="14:14">
      <c r="N98409" s="10"/>
    </row>
    <row r="98410" spans="14:14">
      <c r="N98410" s="10"/>
    </row>
    <row r="98411" spans="14:14">
      <c r="N98411" s="10"/>
    </row>
    <row r="98412" spans="14:14">
      <c r="N98412" s="10"/>
    </row>
    <row r="98413" spans="14:14">
      <c r="N98413" s="10"/>
    </row>
    <row r="98414" spans="14:14">
      <c r="N98414" s="10"/>
    </row>
    <row r="98415" spans="14:14">
      <c r="N98415" s="10"/>
    </row>
    <row r="98416" spans="14:14">
      <c r="N98416" s="10"/>
    </row>
    <row r="98417" spans="14:14">
      <c r="N98417" s="10"/>
    </row>
    <row r="98418" spans="14:14">
      <c r="N98418" s="10"/>
    </row>
    <row r="98419" spans="14:14">
      <c r="N98419" s="10"/>
    </row>
    <row r="98420" spans="14:14">
      <c r="N98420" s="10"/>
    </row>
    <row r="98421" spans="14:14">
      <c r="N98421" s="10"/>
    </row>
    <row r="98422" spans="14:14">
      <c r="N98422" s="10"/>
    </row>
    <row r="98423" spans="14:14">
      <c r="N98423" s="10"/>
    </row>
    <row r="98424" spans="14:14">
      <c r="N98424" s="10"/>
    </row>
    <row r="98425" spans="14:14">
      <c r="N98425" s="10"/>
    </row>
    <row r="98426" spans="14:14">
      <c r="N98426" s="10"/>
    </row>
    <row r="98427" spans="14:14">
      <c r="N98427" s="10"/>
    </row>
    <row r="98428" spans="14:14">
      <c r="N98428" s="10"/>
    </row>
    <row r="98429" spans="14:14">
      <c r="N98429" s="10"/>
    </row>
    <row r="98430" spans="14:14">
      <c r="N98430" s="10"/>
    </row>
    <row r="98431" spans="14:14">
      <c r="N98431" s="10"/>
    </row>
    <row r="98432" spans="14:14">
      <c r="N98432" s="10"/>
    </row>
    <row r="98433" spans="14:14">
      <c r="N98433" s="10"/>
    </row>
    <row r="98434" spans="14:14">
      <c r="N98434" s="10"/>
    </row>
    <row r="98435" spans="14:14">
      <c r="N98435" s="10"/>
    </row>
    <row r="98436" spans="14:14">
      <c r="N98436" s="10"/>
    </row>
    <row r="98437" spans="14:14">
      <c r="N98437" s="10"/>
    </row>
    <row r="98438" spans="14:14">
      <c r="N98438" s="10"/>
    </row>
    <row r="98439" spans="14:14">
      <c r="N98439" s="10"/>
    </row>
    <row r="98440" spans="14:14">
      <c r="N98440" s="10"/>
    </row>
    <row r="98441" spans="14:14">
      <c r="N98441" s="10"/>
    </row>
    <row r="98442" spans="14:14">
      <c r="N98442" s="10"/>
    </row>
    <row r="98443" spans="14:14">
      <c r="N98443" s="10"/>
    </row>
    <row r="98444" spans="14:14">
      <c r="N98444" s="10"/>
    </row>
    <row r="98445" spans="14:14">
      <c r="N98445" s="10"/>
    </row>
    <row r="98446" spans="14:14">
      <c r="N98446" s="10"/>
    </row>
    <row r="98447" spans="14:14">
      <c r="N98447" s="10"/>
    </row>
    <row r="98448" spans="14:14">
      <c r="N98448" s="10"/>
    </row>
    <row r="98449" spans="14:14">
      <c r="N98449" s="10"/>
    </row>
    <row r="98450" spans="14:14">
      <c r="N98450" s="10"/>
    </row>
    <row r="98451" spans="14:14">
      <c r="N98451" s="10"/>
    </row>
    <row r="98452" spans="14:14">
      <c r="N98452" s="10"/>
    </row>
    <row r="98453" spans="14:14">
      <c r="N98453" s="10"/>
    </row>
    <row r="98454" spans="14:14">
      <c r="N98454" s="10"/>
    </row>
    <row r="98455" spans="14:14">
      <c r="N98455" s="10"/>
    </row>
    <row r="98456" spans="14:14">
      <c r="N98456" s="10"/>
    </row>
    <row r="98457" spans="14:14">
      <c r="N98457" s="10"/>
    </row>
    <row r="98458" spans="14:14">
      <c r="N98458" s="10"/>
    </row>
    <row r="98459" spans="14:14">
      <c r="N98459" s="10"/>
    </row>
    <row r="98460" spans="14:14">
      <c r="N98460" s="10"/>
    </row>
    <row r="98461" spans="14:14">
      <c r="N98461" s="10"/>
    </row>
    <row r="98462" spans="14:14">
      <c r="N98462" s="10"/>
    </row>
    <row r="98463" spans="14:14">
      <c r="N98463" s="10"/>
    </row>
    <row r="98464" spans="14:14">
      <c r="N98464" s="10"/>
    </row>
    <row r="98465" spans="14:14">
      <c r="N98465" s="10"/>
    </row>
    <row r="98466" spans="14:14">
      <c r="N98466" s="10"/>
    </row>
    <row r="98467" spans="14:14">
      <c r="N98467" s="10"/>
    </row>
    <row r="98468" spans="14:14">
      <c r="N98468" s="10"/>
    </row>
    <row r="98469" spans="14:14">
      <c r="N98469" s="10"/>
    </row>
    <row r="98470" spans="14:14">
      <c r="N98470" s="10"/>
    </row>
    <row r="98471" spans="14:14">
      <c r="N98471" s="10"/>
    </row>
    <row r="98472" spans="14:14">
      <c r="N98472" s="10"/>
    </row>
    <row r="98473" spans="14:14">
      <c r="N98473" s="10"/>
    </row>
    <row r="98474" spans="14:14">
      <c r="N98474" s="10"/>
    </row>
    <row r="98475" spans="14:14">
      <c r="N98475" s="10"/>
    </row>
    <row r="98476" spans="14:14">
      <c r="N98476" s="10"/>
    </row>
    <row r="98477" spans="14:14">
      <c r="N98477" s="10"/>
    </row>
    <row r="98478" spans="14:14">
      <c r="N98478" s="10"/>
    </row>
    <row r="98479" spans="14:14">
      <c r="N98479" s="10"/>
    </row>
    <row r="98480" spans="14:14">
      <c r="N98480" s="10"/>
    </row>
    <row r="98481" spans="14:14">
      <c r="N98481" s="10"/>
    </row>
    <row r="98482" spans="14:14">
      <c r="N98482" s="10"/>
    </row>
    <row r="98483" spans="14:14">
      <c r="N98483" s="10"/>
    </row>
    <row r="98484" spans="14:14">
      <c r="N98484" s="10"/>
    </row>
    <row r="98485" spans="14:14">
      <c r="N98485" s="10"/>
    </row>
    <row r="98486" spans="14:14">
      <c r="N98486" s="10"/>
    </row>
    <row r="98487" spans="14:14">
      <c r="N98487" s="10"/>
    </row>
    <row r="98488" spans="14:14">
      <c r="N98488" s="10"/>
    </row>
    <row r="98489" spans="14:14">
      <c r="N98489" s="10"/>
    </row>
    <row r="98490" spans="14:14">
      <c r="N98490" s="10"/>
    </row>
    <row r="98491" spans="14:14">
      <c r="N98491" s="10"/>
    </row>
    <row r="98492" spans="14:14">
      <c r="N98492" s="10"/>
    </row>
    <row r="98493" spans="14:14">
      <c r="N98493" s="10"/>
    </row>
    <row r="98494" spans="14:14">
      <c r="N98494" s="10"/>
    </row>
    <row r="98495" spans="14:14">
      <c r="N98495" s="10"/>
    </row>
    <row r="98496" spans="14:14">
      <c r="N98496" s="10"/>
    </row>
    <row r="98497" spans="14:14">
      <c r="N98497" s="10"/>
    </row>
    <row r="98498" spans="14:14">
      <c r="N98498" s="10"/>
    </row>
    <row r="98499" spans="14:14">
      <c r="N98499" s="10"/>
    </row>
    <row r="98500" spans="14:14">
      <c r="N98500" s="10"/>
    </row>
    <row r="98501" spans="14:14">
      <c r="N98501" s="10"/>
    </row>
    <row r="98502" spans="14:14">
      <c r="N98502" s="10"/>
    </row>
    <row r="98503" spans="14:14">
      <c r="N98503" s="10"/>
    </row>
    <row r="98504" spans="14:14">
      <c r="N98504" s="10"/>
    </row>
    <row r="98505" spans="14:14">
      <c r="N98505" s="10"/>
    </row>
    <row r="98506" spans="14:14">
      <c r="N98506" s="10"/>
    </row>
    <row r="98507" spans="14:14">
      <c r="N98507" s="10"/>
    </row>
    <row r="98508" spans="14:14">
      <c r="N98508" s="10"/>
    </row>
    <row r="98509" spans="14:14">
      <c r="N98509" s="10"/>
    </row>
    <row r="98510" spans="14:14">
      <c r="N98510" s="10"/>
    </row>
    <row r="98511" spans="14:14">
      <c r="N98511" s="10"/>
    </row>
    <row r="98512" spans="14:14">
      <c r="N98512" s="10"/>
    </row>
    <row r="98513" spans="14:14">
      <c r="N98513" s="10"/>
    </row>
    <row r="98514" spans="14:14">
      <c r="N98514" s="10"/>
    </row>
    <row r="98515" spans="14:14">
      <c r="N98515" s="10"/>
    </row>
    <row r="98516" spans="14:14">
      <c r="N98516" s="10"/>
    </row>
    <row r="98517" spans="14:14">
      <c r="N98517" s="10"/>
    </row>
    <row r="98518" spans="14:14">
      <c r="N98518" s="10"/>
    </row>
    <row r="98519" spans="14:14">
      <c r="N98519" s="10"/>
    </row>
    <row r="98520" spans="14:14">
      <c r="N98520" s="10"/>
    </row>
    <row r="98521" spans="14:14">
      <c r="N98521" s="10"/>
    </row>
    <row r="98522" spans="14:14">
      <c r="N98522" s="10"/>
    </row>
    <row r="98523" spans="14:14">
      <c r="N98523" s="10"/>
    </row>
    <row r="98524" spans="14:14">
      <c r="N98524" s="10"/>
    </row>
    <row r="98525" spans="14:14">
      <c r="N98525" s="10"/>
    </row>
    <row r="98526" spans="14:14">
      <c r="N98526" s="10"/>
    </row>
    <row r="98527" spans="14:14">
      <c r="N98527" s="10"/>
    </row>
    <row r="98528" spans="14:14">
      <c r="N98528" s="10"/>
    </row>
    <row r="98529" spans="14:14">
      <c r="N98529" s="10"/>
    </row>
    <row r="98530" spans="14:14">
      <c r="N98530" s="10"/>
    </row>
    <row r="98531" spans="14:14">
      <c r="N98531" s="10"/>
    </row>
    <row r="98532" spans="14:14">
      <c r="N98532" s="10"/>
    </row>
    <row r="98533" spans="14:14">
      <c r="N98533" s="10"/>
    </row>
    <row r="98534" spans="14:14">
      <c r="N98534" s="10"/>
    </row>
    <row r="98535" spans="14:14">
      <c r="N98535" s="10"/>
    </row>
    <row r="98536" spans="14:14">
      <c r="N98536" s="10"/>
    </row>
    <row r="98537" spans="14:14">
      <c r="N98537" s="10"/>
    </row>
    <row r="98538" spans="14:14">
      <c r="N98538" s="10"/>
    </row>
    <row r="98539" spans="14:14">
      <c r="N98539" s="10"/>
    </row>
    <row r="98540" spans="14:14">
      <c r="N98540" s="10"/>
    </row>
    <row r="98541" spans="14:14">
      <c r="N98541" s="10"/>
    </row>
    <row r="98542" spans="14:14">
      <c r="N98542" s="10"/>
    </row>
    <row r="98543" spans="14:14">
      <c r="N98543" s="10"/>
    </row>
    <row r="98544" spans="14:14">
      <c r="N98544" s="10"/>
    </row>
    <row r="98545" spans="14:14">
      <c r="N98545" s="10"/>
    </row>
    <row r="98546" spans="14:14">
      <c r="N98546" s="10"/>
    </row>
    <row r="98547" spans="14:14">
      <c r="N98547" s="10"/>
    </row>
    <row r="98548" spans="14:14">
      <c r="N98548" s="10"/>
    </row>
    <row r="98549" spans="14:14">
      <c r="N98549" s="10"/>
    </row>
    <row r="98550" spans="14:14">
      <c r="N98550" s="10"/>
    </row>
    <row r="98551" spans="14:14">
      <c r="N98551" s="10"/>
    </row>
    <row r="98552" spans="14:14">
      <c r="N98552" s="10"/>
    </row>
    <row r="98553" spans="14:14">
      <c r="N98553" s="10"/>
    </row>
    <row r="98554" spans="14:14">
      <c r="N98554" s="10"/>
    </row>
    <row r="98555" spans="14:14">
      <c r="N98555" s="10"/>
    </row>
    <row r="98556" spans="14:14">
      <c r="N98556" s="10"/>
    </row>
    <row r="98557" spans="14:14">
      <c r="N98557" s="10"/>
    </row>
    <row r="98558" spans="14:14">
      <c r="N98558" s="10"/>
    </row>
    <row r="98559" spans="14:14">
      <c r="N98559" s="10"/>
    </row>
    <row r="98560" spans="14:14">
      <c r="N98560" s="10"/>
    </row>
    <row r="98561" spans="14:14">
      <c r="N98561" s="10"/>
    </row>
    <row r="98562" spans="14:14">
      <c r="N98562" s="10"/>
    </row>
    <row r="98563" spans="14:14">
      <c r="N98563" s="10"/>
    </row>
    <row r="98564" spans="14:14">
      <c r="N98564" s="10"/>
    </row>
    <row r="98565" spans="14:14">
      <c r="N98565" s="10"/>
    </row>
    <row r="98566" spans="14:14">
      <c r="N98566" s="10"/>
    </row>
    <row r="98567" spans="14:14">
      <c r="N98567" s="10"/>
    </row>
    <row r="98568" spans="14:14">
      <c r="N98568" s="10"/>
    </row>
    <row r="98569" spans="14:14">
      <c r="N98569" s="10"/>
    </row>
    <row r="98570" spans="14:14">
      <c r="N98570" s="10"/>
    </row>
    <row r="98571" spans="14:14">
      <c r="N98571" s="10"/>
    </row>
    <row r="98572" spans="14:14">
      <c r="N98572" s="10"/>
    </row>
    <row r="98573" spans="14:14">
      <c r="N98573" s="10"/>
    </row>
    <row r="98574" spans="14:14">
      <c r="N98574" s="10"/>
    </row>
    <row r="98575" spans="14:14">
      <c r="N98575" s="10"/>
    </row>
    <row r="98576" spans="14:14">
      <c r="N98576" s="10"/>
    </row>
    <row r="98577" spans="14:14">
      <c r="N98577" s="10"/>
    </row>
    <row r="98578" spans="14:14">
      <c r="N98578" s="10"/>
    </row>
    <row r="98579" spans="14:14">
      <c r="N98579" s="10"/>
    </row>
    <row r="98580" spans="14:14">
      <c r="N98580" s="10"/>
    </row>
    <row r="98581" spans="14:14">
      <c r="N98581" s="10"/>
    </row>
    <row r="98582" spans="14:14">
      <c r="N98582" s="10"/>
    </row>
    <row r="98583" spans="14:14">
      <c r="N98583" s="10"/>
    </row>
    <row r="98584" spans="14:14">
      <c r="N98584" s="10"/>
    </row>
    <row r="98585" spans="14:14">
      <c r="N98585" s="10"/>
    </row>
    <row r="98586" spans="14:14">
      <c r="N98586" s="10"/>
    </row>
    <row r="98587" spans="14:14">
      <c r="N98587" s="10"/>
    </row>
    <row r="98588" spans="14:14">
      <c r="N98588" s="10"/>
    </row>
    <row r="98589" spans="14:14">
      <c r="N98589" s="10"/>
    </row>
    <row r="98590" spans="14:14">
      <c r="N98590" s="10"/>
    </row>
    <row r="98591" spans="14:14">
      <c r="N98591" s="10"/>
    </row>
    <row r="98592" spans="14:14">
      <c r="N98592" s="10"/>
    </row>
    <row r="98593" spans="14:14">
      <c r="N98593" s="10"/>
    </row>
    <row r="98594" spans="14:14">
      <c r="N98594" s="10"/>
    </row>
    <row r="98595" spans="14:14">
      <c r="N98595" s="10"/>
    </row>
    <row r="98596" spans="14:14">
      <c r="N98596" s="10"/>
    </row>
    <row r="98597" spans="14:14">
      <c r="N98597" s="10"/>
    </row>
    <row r="98598" spans="14:14">
      <c r="N98598" s="10"/>
    </row>
    <row r="98599" spans="14:14">
      <c r="N98599" s="10"/>
    </row>
    <row r="98600" spans="14:14">
      <c r="N98600" s="10"/>
    </row>
    <row r="98601" spans="14:14">
      <c r="N98601" s="10"/>
    </row>
    <row r="98602" spans="14:14">
      <c r="N98602" s="10"/>
    </row>
    <row r="98603" spans="14:14">
      <c r="N98603" s="10"/>
    </row>
    <row r="98604" spans="14:14">
      <c r="N98604" s="10"/>
    </row>
    <row r="98605" spans="14:14">
      <c r="N98605" s="10"/>
    </row>
    <row r="98606" spans="14:14">
      <c r="N98606" s="10"/>
    </row>
    <row r="98607" spans="14:14">
      <c r="N98607" s="10"/>
    </row>
    <row r="98608" spans="14:14">
      <c r="N98608" s="10"/>
    </row>
    <row r="98609" spans="14:14">
      <c r="N98609" s="10"/>
    </row>
    <row r="98610" spans="14:14">
      <c r="N98610" s="10"/>
    </row>
    <row r="98611" spans="14:14">
      <c r="N98611" s="10"/>
    </row>
    <row r="98612" spans="14:14">
      <c r="N98612" s="10"/>
    </row>
    <row r="98613" spans="14:14">
      <c r="N98613" s="10"/>
    </row>
    <row r="98614" spans="14:14">
      <c r="N98614" s="10"/>
    </row>
    <row r="98615" spans="14:14">
      <c r="N98615" s="10"/>
    </row>
    <row r="98616" spans="14:14">
      <c r="N98616" s="10"/>
    </row>
    <row r="98617" spans="14:14">
      <c r="N98617" s="10"/>
    </row>
    <row r="98618" spans="14:14">
      <c r="N98618" s="10"/>
    </row>
    <row r="98619" spans="14:14">
      <c r="N98619" s="10"/>
    </row>
    <row r="98620" spans="14:14">
      <c r="N98620" s="10"/>
    </row>
    <row r="98621" spans="14:14">
      <c r="N98621" s="10"/>
    </row>
    <row r="98622" spans="14:14">
      <c r="N98622" s="10"/>
    </row>
    <row r="98623" spans="14:14">
      <c r="N98623" s="10"/>
    </row>
    <row r="98624" spans="14:14">
      <c r="N98624" s="10"/>
    </row>
    <row r="98625" spans="14:14">
      <c r="N98625" s="10"/>
    </row>
    <row r="98626" spans="14:14">
      <c r="N98626" s="10"/>
    </row>
    <row r="98627" spans="14:14">
      <c r="N98627" s="10"/>
    </row>
    <row r="98628" spans="14:14">
      <c r="N98628" s="10"/>
    </row>
    <row r="98629" spans="14:14">
      <c r="N98629" s="10"/>
    </row>
    <row r="98630" spans="14:14">
      <c r="N98630" s="10"/>
    </row>
    <row r="98631" spans="14:14">
      <c r="N98631" s="10"/>
    </row>
    <row r="98632" spans="14:14">
      <c r="N98632" s="10"/>
    </row>
    <row r="98633" spans="14:14">
      <c r="N98633" s="10"/>
    </row>
    <row r="98634" spans="14:14">
      <c r="N98634" s="10"/>
    </row>
    <row r="98635" spans="14:14">
      <c r="N98635" s="10"/>
    </row>
    <row r="98636" spans="14:14">
      <c r="N98636" s="10"/>
    </row>
    <row r="98637" spans="14:14">
      <c r="N98637" s="10"/>
    </row>
    <row r="98638" spans="14:14">
      <c r="N98638" s="10"/>
    </row>
    <row r="98639" spans="14:14">
      <c r="N98639" s="10"/>
    </row>
    <row r="98640" spans="14:14">
      <c r="N98640" s="10"/>
    </row>
    <row r="98641" spans="14:14">
      <c r="N98641" s="10"/>
    </row>
    <row r="98642" spans="14:14">
      <c r="N98642" s="10"/>
    </row>
    <row r="98643" spans="14:14">
      <c r="N98643" s="10"/>
    </row>
    <row r="98644" spans="14:14">
      <c r="N98644" s="10"/>
    </row>
    <row r="98645" spans="14:14">
      <c r="N98645" s="10"/>
    </row>
    <row r="98646" spans="14:14">
      <c r="N98646" s="10"/>
    </row>
    <row r="98647" spans="14:14">
      <c r="N98647" s="10"/>
    </row>
    <row r="98648" spans="14:14">
      <c r="N98648" s="10"/>
    </row>
    <row r="98649" spans="14:14">
      <c r="N98649" s="10"/>
    </row>
    <row r="98650" spans="14:14">
      <c r="N98650" s="10"/>
    </row>
    <row r="98651" spans="14:14">
      <c r="N98651" s="10"/>
    </row>
    <row r="98652" spans="14:14">
      <c r="N98652" s="10"/>
    </row>
    <row r="98653" spans="14:14">
      <c r="N98653" s="10"/>
    </row>
    <row r="98654" spans="14:14">
      <c r="N98654" s="10"/>
    </row>
    <row r="98655" spans="14:14">
      <c r="N98655" s="10"/>
    </row>
    <row r="98656" spans="14:14">
      <c r="N98656" s="10"/>
    </row>
    <row r="98657" spans="14:14">
      <c r="N98657" s="10"/>
    </row>
    <row r="98658" spans="14:14">
      <c r="N98658" s="10"/>
    </row>
    <row r="98659" spans="14:14">
      <c r="N98659" s="10"/>
    </row>
    <row r="98660" spans="14:14">
      <c r="N98660" s="10"/>
    </row>
    <row r="98661" spans="14:14">
      <c r="N98661" s="10"/>
    </row>
    <row r="98662" spans="14:14">
      <c r="N98662" s="10"/>
    </row>
    <row r="98663" spans="14:14">
      <c r="N98663" s="10"/>
    </row>
    <row r="98664" spans="14:14">
      <c r="N98664" s="10"/>
    </row>
    <row r="98665" spans="14:14">
      <c r="N98665" s="10"/>
    </row>
    <row r="98666" spans="14:14">
      <c r="N98666" s="10"/>
    </row>
    <row r="98667" spans="14:14">
      <c r="N98667" s="10"/>
    </row>
    <row r="98668" spans="14:14">
      <c r="N98668" s="10"/>
    </row>
    <row r="98669" spans="14:14">
      <c r="N98669" s="10"/>
    </row>
    <row r="98670" spans="14:14">
      <c r="N98670" s="10"/>
    </row>
    <row r="98671" spans="14:14">
      <c r="N98671" s="10"/>
    </row>
    <row r="98672" spans="14:14">
      <c r="N98672" s="10"/>
    </row>
    <row r="98673" spans="14:14">
      <c r="N98673" s="10"/>
    </row>
    <row r="98674" spans="14:14">
      <c r="N98674" s="10"/>
    </row>
    <row r="98675" spans="14:14">
      <c r="N98675" s="10"/>
    </row>
    <row r="98676" spans="14:14">
      <c r="N98676" s="10"/>
    </row>
    <row r="98677" spans="14:14">
      <c r="N98677" s="10"/>
    </row>
    <row r="98678" spans="14:14">
      <c r="N98678" s="10"/>
    </row>
    <row r="98679" spans="14:14">
      <c r="N98679" s="10"/>
    </row>
    <row r="98680" spans="14:14">
      <c r="N98680" s="10"/>
    </row>
    <row r="98681" spans="14:14">
      <c r="N98681" s="10"/>
    </row>
    <row r="98682" spans="14:14">
      <c r="N98682" s="10"/>
    </row>
    <row r="98683" spans="14:14">
      <c r="N98683" s="10"/>
    </row>
    <row r="98684" spans="14:14">
      <c r="N98684" s="10"/>
    </row>
    <row r="98685" spans="14:14">
      <c r="N98685" s="10"/>
    </row>
    <row r="98686" spans="14:14">
      <c r="N98686" s="10"/>
    </row>
    <row r="98687" spans="14:14">
      <c r="N98687" s="10"/>
    </row>
    <row r="98688" spans="14:14">
      <c r="N98688" s="10"/>
    </row>
    <row r="98689" spans="14:14">
      <c r="N98689" s="10"/>
    </row>
    <row r="98690" spans="14:14">
      <c r="N98690" s="10"/>
    </row>
    <row r="98691" spans="14:14">
      <c r="N98691" s="10"/>
    </row>
    <row r="98692" spans="14:14">
      <c r="N98692" s="10"/>
    </row>
    <row r="98693" spans="14:14">
      <c r="N98693" s="10"/>
    </row>
    <row r="98694" spans="14:14">
      <c r="N98694" s="10"/>
    </row>
    <row r="98695" spans="14:14">
      <c r="N98695" s="10"/>
    </row>
    <row r="98696" spans="14:14">
      <c r="N98696" s="10"/>
    </row>
    <row r="98697" spans="14:14">
      <c r="N98697" s="10"/>
    </row>
    <row r="98698" spans="14:14">
      <c r="N98698" s="10"/>
    </row>
    <row r="98699" spans="14:14">
      <c r="N98699" s="10"/>
    </row>
    <row r="98700" spans="14:14">
      <c r="N98700" s="10"/>
    </row>
    <row r="98701" spans="14:14">
      <c r="N98701" s="10"/>
    </row>
    <row r="98702" spans="14:14">
      <c r="N98702" s="10"/>
    </row>
    <row r="98703" spans="14:14">
      <c r="N98703" s="10"/>
    </row>
    <row r="98704" spans="14:14">
      <c r="N98704" s="10"/>
    </row>
    <row r="98705" spans="14:14">
      <c r="N98705" s="10"/>
    </row>
    <row r="98706" spans="14:14">
      <c r="N98706" s="10"/>
    </row>
    <row r="98707" spans="14:14">
      <c r="N98707" s="10"/>
    </row>
    <row r="98708" spans="14:14">
      <c r="N98708" s="10"/>
    </row>
    <row r="98709" spans="14:14">
      <c r="N98709" s="10"/>
    </row>
    <row r="98710" spans="14:14">
      <c r="N98710" s="10"/>
    </row>
    <row r="98711" spans="14:14">
      <c r="N98711" s="10"/>
    </row>
    <row r="98712" spans="14:14">
      <c r="N98712" s="10"/>
    </row>
    <row r="98713" spans="14:14">
      <c r="N98713" s="10"/>
    </row>
    <row r="98714" spans="14:14">
      <c r="N98714" s="10"/>
    </row>
    <row r="98715" spans="14:14">
      <c r="N98715" s="10"/>
    </row>
    <row r="98716" spans="14:14">
      <c r="N98716" s="10"/>
    </row>
    <row r="98717" spans="14:14">
      <c r="N98717" s="10"/>
    </row>
    <row r="98718" spans="14:14">
      <c r="N98718" s="10"/>
    </row>
    <row r="98719" spans="14:14">
      <c r="N98719" s="10"/>
    </row>
    <row r="98720" spans="14:14">
      <c r="N98720" s="10"/>
    </row>
    <row r="98721" spans="14:14">
      <c r="N98721" s="10"/>
    </row>
    <row r="98722" spans="14:14">
      <c r="N98722" s="10"/>
    </row>
    <row r="98723" spans="14:14">
      <c r="N98723" s="10"/>
    </row>
    <row r="98724" spans="14:14">
      <c r="N98724" s="10"/>
    </row>
    <row r="98725" spans="14:14">
      <c r="N98725" s="10"/>
    </row>
    <row r="98726" spans="14:14">
      <c r="N98726" s="10"/>
    </row>
    <row r="98727" spans="14:14">
      <c r="N98727" s="10"/>
    </row>
    <row r="98728" spans="14:14">
      <c r="N98728" s="10"/>
    </row>
    <row r="98729" spans="14:14">
      <c r="N98729" s="10"/>
    </row>
    <row r="98730" spans="14:14">
      <c r="N98730" s="10"/>
    </row>
    <row r="98731" spans="14:14">
      <c r="N98731" s="10"/>
    </row>
    <row r="98732" spans="14:14">
      <c r="N98732" s="10"/>
    </row>
    <row r="98733" spans="14:14">
      <c r="N98733" s="10"/>
    </row>
    <row r="98734" spans="14:14">
      <c r="N98734" s="10"/>
    </row>
    <row r="98735" spans="14:14">
      <c r="N98735" s="10"/>
    </row>
    <row r="98736" spans="14:14">
      <c r="N98736" s="10"/>
    </row>
    <row r="98737" spans="14:14">
      <c r="N98737" s="10"/>
    </row>
    <row r="98738" spans="14:14">
      <c r="N98738" s="10"/>
    </row>
    <row r="98739" spans="14:14">
      <c r="N98739" s="10"/>
    </row>
    <row r="98740" spans="14:14">
      <c r="N98740" s="10"/>
    </row>
    <row r="98741" spans="14:14">
      <c r="N98741" s="10"/>
    </row>
    <row r="98742" spans="14:14">
      <c r="N98742" s="10"/>
    </row>
    <row r="98743" spans="14:14">
      <c r="N98743" s="10"/>
    </row>
    <row r="98744" spans="14:14">
      <c r="N98744" s="10"/>
    </row>
    <row r="98745" spans="14:14">
      <c r="N98745" s="10"/>
    </row>
    <row r="98746" spans="14:14">
      <c r="N98746" s="10"/>
    </row>
    <row r="98747" spans="14:14">
      <c r="N98747" s="10"/>
    </row>
    <row r="98748" spans="14:14">
      <c r="N98748" s="10"/>
    </row>
    <row r="98749" spans="14:14">
      <c r="N98749" s="10"/>
    </row>
    <row r="98750" spans="14:14">
      <c r="N98750" s="10"/>
    </row>
    <row r="98751" spans="14:14">
      <c r="N98751" s="10"/>
    </row>
    <row r="98752" spans="14:14">
      <c r="N98752" s="10"/>
    </row>
    <row r="98753" spans="14:14">
      <c r="N98753" s="10"/>
    </row>
    <row r="98754" spans="14:14">
      <c r="N98754" s="10"/>
    </row>
    <row r="98755" spans="14:14">
      <c r="N98755" s="10"/>
    </row>
    <row r="98756" spans="14:14">
      <c r="N98756" s="10"/>
    </row>
    <row r="98757" spans="14:14">
      <c r="N98757" s="10"/>
    </row>
    <row r="98758" spans="14:14">
      <c r="N98758" s="10"/>
    </row>
    <row r="98759" spans="14:14">
      <c r="N98759" s="10"/>
    </row>
    <row r="98760" spans="14:14">
      <c r="N98760" s="10"/>
    </row>
    <row r="98761" spans="14:14">
      <c r="N98761" s="10"/>
    </row>
    <row r="98762" spans="14:14">
      <c r="N98762" s="10"/>
    </row>
    <row r="98763" spans="14:14">
      <c r="N98763" s="10"/>
    </row>
    <row r="98764" spans="14:14">
      <c r="N98764" s="10"/>
    </row>
    <row r="98765" spans="14:14">
      <c r="N98765" s="10"/>
    </row>
    <row r="98766" spans="14:14">
      <c r="N98766" s="10"/>
    </row>
    <row r="98767" spans="14:14">
      <c r="N98767" s="10"/>
    </row>
    <row r="98768" spans="14:14">
      <c r="N98768" s="10"/>
    </row>
    <row r="98769" spans="14:14">
      <c r="N98769" s="10"/>
    </row>
    <row r="98770" spans="14:14">
      <c r="N98770" s="10"/>
    </row>
    <row r="98771" spans="14:14">
      <c r="N98771" s="10"/>
    </row>
    <row r="98772" spans="14:14">
      <c r="N98772" s="10"/>
    </row>
    <row r="98773" spans="14:14">
      <c r="N98773" s="10"/>
    </row>
    <row r="98774" spans="14:14">
      <c r="N98774" s="10"/>
    </row>
    <row r="98775" spans="14:14">
      <c r="N98775" s="10"/>
    </row>
    <row r="98776" spans="14:14">
      <c r="N98776" s="10"/>
    </row>
    <row r="98777" spans="14:14">
      <c r="N98777" s="10"/>
    </row>
    <row r="98778" spans="14:14">
      <c r="N98778" s="10"/>
    </row>
    <row r="98779" spans="14:14">
      <c r="N98779" s="10"/>
    </row>
    <row r="98780" spans="14:14">
      <c r="N98780" s="10"/>
    </row>
    <row r="98781" spans="14:14">
      <c r="N98781" s="10"/>
    </row>
    <row r="98782" spans="14:14">
      <c r="N98782" s="10"/>
    </row>
    <row r="98783" spans="14:14">
      <c r="N98783" s="10"/>
    </row>
    <row r="98784" spans="14:14">
      <c r="N98784" s="10"/>
    </row>
    <row r="98785" spans="14:14">
      <c r="N98785" s="10"/>
    </row>
    <row r="98786" spans="14:14">
      <c r="N98786" s="10"/>
    </row>
    <row r="98787" spans="14:14">
      <c r="N98787" s="10"/>
    </row>
    <row r="98788" spans="14:14">
      <c r="N98788" s="10"/>
    </row>
    <row r="98789" spans="14:14">
      <c r="N98789" s="10"/>
    </row>
    <row r="98790" spans="14:14">
      <c r="N98790" s="10"/>
    </row>
    <row r="98791" spans="14:14">
      <c r="N98791" s="10"/>
    </row>
    <row r="98792" spans="14:14">
      <c r="N98792" s="10"/>
    </row>
    <row r="98793" spans="14:14">
      <c r="N98793" s="10"/>
    </row>
    <row r="98794" spans="14:14">
      <c r="N98794" s="10"/>
    </row>
    <row r="98795" spans="14:14">
      <c r="N98795" s="10"/>
    </row>
    <row r="98796" spans="14:14">
      <c r="N98796" s="10"/>
    </row>
    <row r="98797" spans="14:14">
      <c r="N98797" s="10"/>
    </row>
    <row r="98798" spans="14:14">
      <c r="N98798" s="10"/>
    </row>
    <row r="98799" spans="14:14">
      <c r="N98799" s="10"/>
    </row>
    <row r="98800" spans="14:14">
      <c r="N98800" s="10"/>
    </row>
    <row r="98801" spans="14:14">
      <c r="N98801" s="10"/>
    </row>
    <row r="98802" spans="14:14">
      <c r="N98802" s="10"/>
    </row>
    <row r="98803" spans="14:14">
      <c r="N98803" s="10"/>
    </row>
    <row r="98804" spans="14:14">
      <c r="N98804" s="10"/>
    </row>
    <row r="98805" spans="14:14">
      <c r="N98805" s="10"/>
    </row>
    <row r="98806" spans="14:14">
      <c r="N98806" s="10"/>
    </row>
    <row r="98807" spans="14:14">
      <c r="N98807" s="10"/>
    </row>
    <row r="98808" spans="14:14">
      <c r="N98808" s="10"/>
    </row>
    <row r="98809" spans="14:14">
      <c r="N98809" s="10"/>
    </row>
    <row r="98810" spans="14:14">
      <c r="N98810" s="10"/>
    </row>
    <row r="98811" spans="14:14">
      <c r="N98811" s="10"/>
    </row>
    <row r="98812" spans="14:14">
      <c r="N98812" s="10"/>
    </row>
    <row r="98813" spans="14:14">
      <c r="N98813" s="10"/>
    </row>
    <row r="98814" spans="14:14">
      <c r="N98814" s="10"/>
    </row>
    <row r="98815" spans="14:14">
      <c r="N98815" s="10"/>
    </row>
    <row r="98816" spans="14:14">
      <c r="N98816" s="10"/>
    </row>
    <row r="98817" spans="14:14">
      <c r="N98817" s="10"/>
    </row>
    <row r="98818" spans="14:14">
      <c r="N98818" s="10"/>
    </row>
    <row r="98819" spans="14:14">
      <c r="N98819" s="10"/>
    </row>
    <row r="98820" spans="14:14">
      <c r="N98820" s="10"/>
    </row>
    <row r="98821" spans="14:14">
      <c r="N98821" s="10"/>
    </row>
    <row r="98822" spans="14:14">
      <c r="N98822" s="10"/>
    </row>
    <row r="98823" spans="14:14">
      <c r="N98823" s="10"/>
    </row>
    <row r="98824" spans="14:14">
      <c r="N98824" s="10"/>
    </row>
    <row r="98825" spans="14:14">
      <c r="N98825" s="10"/>
    </row>
    <row r="98826" spans="14:14">
      <c r="N98826" s="10"/>
    </row>
    <row r="98827" spans="14:14">
      <c r="N98827" s="10"/>
    </row>
    <row r="98828" spans="14:14">
      <c r="N98828" s="10"/>
    </row>
    <row r="98829" spans="14:14">
      <c r="N98829" s="10"/>
    </row>
    <row r="98830" spans="14:14">
      <c r="N98830" s="10"/>
    </row>
    <row r="98831" spans="14:14">
      <c r="N98831" s="10"/>
    </row>
    <row r="98832" spans="14:14">
      <c r="N98832" s="10"/>
    </row>
    <row r="98833" spans="14:14">
      <c r="N98833" s="10"/>
    </row>
    <row r="98834" spans="14:14">
      <c r="N98834" s="10"/>
    </row>
    <row r="98835" spans="14:14">
      <c r="N98835" s="10"/>
    </row>
    <row r="98836" spans="14:14">
      <c r="N98836" s="10"/>
    </row>
    <row r="98837" spans="14:14">
      <c r="N98837" s="10"/>
    </row>
    <row r="98838" spans="14:14">
      <c r="N98838" s="10"/>
    </row>
    <row r="98839" spans="14:14">
      <c r="N98839" s="10"/>
    </row>
    <row r="98840" spans="14:14">
      <c r="N98840" s="10"/>
    </row>
    <row r="98841" spans="14:14">
      <c r="N98841" s="10"/>
    </row>
    <row r="98842" spans="14:14">
      <c r="N98842" s="10"/>
    </row>
    <row r="98843" spans="14:14">
      <c r="N98843" s="10"/>
    </row>
    <row r="98844" spans="14:14">
      <c r="N98844" s="10"/>
    </row>
    <row r="98845" spans="14:14">
      <c r="N98845" s="10"/>
    </row>
    <row r="98846" spans="14:14">
      <c r="N98846" s="10"/>
    </row>
    <row r="98847" spans="14:14">
      <c r="N98847" s="10"/>
    </row>
    <row r="98848" spans="14:14">
      <c r="N98848" s="10"/>
    </row>
    <row r="98849" spans="14:14">
      <c r="N98849" s="10"/>
    </row>
    <row r="98850" spans="14:14">
      <c r="N98850" s="10"/>
    </row>
    <row r="98851" spans="14:14">
      <c r="N98851" s="10"/>
    </row>
    <row r="98852" spans="14:14">
      <c r="N98852" s="10"/>
    </row>
    <row r="98853" spans="14:14">
      <c r="N98853" s="10"/>
    </row>
    <row r="98854" spans="14:14">
      <c r="N98854" s="10"/>
    </row>
    <row r="98855" spans="14:14">
      <c r="N98855" s="10"/>
    </row>
    <row r="98856" spans="14:14">
      <c r="N98856" s="10"/>
    </row>
    <row r="98857" spans="14:14">
      <c r="N98857" s="10"/>
    </row>
    <row r="98858" spans="14:14">
      <c r="N98858" s="10"/>
    </row>
    <row r="98859" spans="14:14">
      <c r="N98859" s="10"/>
    </row>
    <row r="98860" spans="14:14">
      <c r="N98860" s="10"/>
    </row>
    <row r="98861" spans="14:14">
      <c r="N98861" s="10"/>
    </row>
    <row r="98862" spans="14:14">
      <c r="N98862" s="10"/>
    </row>
    <row r="98863" spans="14:14">
      <c r="N98863" s="10"/>
    </row>
    <row r="98864" spans="14:14">
      <c r="N98864" s="10"/>
    </row>
    <row r="98865" spans="14:14">
      <c r="N98865" s="10"/>
    </row>
    <row r="98866" spans="14:14">
      <c r="N98866" s="10"/>
    </row>
    <row r="98867" spans="14:14">
      <c r="N98867" s="10"/>
    </row>
    <row r="98868" spans="14:14">
      <c r="N98868" s="10"/>
    </row>
    <row r="98869" spans="14:14">
      <c r="N98869" s="10"/>
    </row>
    <row r="98870" spans="14:14">
      <c r="N98870" s="10"/>
    </row>
    <row r="98871" spans="14:14">
      <c r="N98871" s="10"/>
    </row>
    <row r="98872" spans="14:14">
      <c r="N98872" s="10"/>
    </row>
    <row r="98873" spans="14:14">
      <c r="N98873" s="10"/>
    </row>
    <row r="98874" spans="14:14">
      <c r="N98874" s="10"/>
    </row>
    <row r="98875" spans="14:14">
      <c r="N98875" s="10"/>
    </row>
    <row r="98876" spans="14:14">
      <c r="N98876" s="10"/>
    </row>
    <row r="98877" spans="14:14">
      <c r="N98877" s="10"/>
    </row>
    <row r="98878" spans="14:14">
      <c r="N98878" s="10"/>
    </row>
    <row r="98879" spans="14:14">
      <c r="N98879" s="10"/>
    </row>
    <row r="98880" spans="14:14">
      <c r="N98880" s="10"/>
    </row>
    <row r="98881" spans="14:14">
      <c r="N98881" s="10"/>
    </row>
    <row r="98882" spans="14:14">
      <c r="N98882" s="10"/>
    </row>
    <row r="98883" spans="14:14">
      <c r="N98883" s="10"/>
    </row>
    <row r="98884" spans="14:14">
      <c r="N98884" s="10"/>
    </row>
    <row r="98885" spans="14:14">
      <c r="N98885" s="10"/>
    </row>
    <row r="98886" spans="14:14">
      <c r="N98886" s="10"/>
    </row>
    <row r="98887" spans="14:14">
      <c r="N98887" s="10"/>
    </row>
    <row r="98888" spans="14:14">
      <c r="N98888" s="10"/>
    </row>
    <row r="98889" spans="14:14">
      <c r="N98889" s="10"/>
    </row>
    <row r="98890" spans="14:14">
      <c r="N98890" s="10"/>
    </row>
    <row r="98891" spans="14:14">
      <c r="N98891" s="10"/>
    </row>
    <row r="98892" spans="14:14">
      <c r="N98892" s="10"/>
    </row>
    <row r="98893" spans="14:14">
      <c r="N98893" s="10"/>
    </row>
    <row r="98894" spans="14:14">
      <c r="N98894" s="10"/>
    </row>
    <row r="98895" spans="14:14">
      <c r="N98895" s="10"/>
    </row>
    <row r="98896" spans="14:14">
      <c r="N98896" s="10"/>
    </row>
    <row r="98897" spans="14:14">
      <c r="N98897" s="10"/>
    </row>
    <row r="98898" spans="14:14">
      <c r="N98898" s="10"/>
    </row>
    <row r="98899" spans="14:14">
      <c r="N98899" s="10"/>
    </row>
    <row r="98900" spans="14:14">
      <c r="N98900" s="10"/>
    </row>
    <row r="98901" spans="14:14">
      <c r="N98901" s="10"/>
    </row>
    <row r="98902" spans="14:14">
      <c r="N98902" s="10"/>
    </row>
    <row r="98903" spans="14:14">
      <c r="N98903" s="10"/>
    </row>
    <row r="98904" spans="14:14">
      <c r="N98904" s="10"/>
    </row>
    <row r="98905" spans="14:14">
      <c r="N98905" s="10"/>
    </row>
    <row r="98906" spans="14:14">
      <c r="N98906" s="10"/>
    </row>
    <row r="98907" spans="14:14">
      <c r="N98907" s="10"/>
    </row>
    <row r="98908" spans="14:14">
      <c r="N98908" s="10"/>
    </row>
    <row r="98909" spans="14:14">
      <c r="N98909" s="10"/>
    </row>
    <row r="98910" spans="14:14">
      <c r="N98910" s="10"/>
    </row>
    <row r="98911" spans="14:14">
      <c r="N98911" s="10"/>
    </row>
    <row r="98912" spans="14:14">
      <c r="N98912" s="10"/>
    </row>
    <row r="98913" spans="14:14">
      <c r="N98913" s="10"/>
    </row>
    <row r="98914" spans="14:14">
      <c r="N98914" s="10"/>
    </row>
    <row r="98915" spans="14:14">
      <c r="N98915" s="10"/>
    </row>
    <row r="98916" spans="14:14">
      <c r="N98916" s="10"/>
    </row>
    <row r="98917" spans="14:14">
      <c r="N98917" s="10"/>
    </row>
    <row r="98918" spans="14:14">
      <c r="N98918" s="10"/>
    </row>
    <row r="98919" spans="14:14">
      <c r="N98919" s="10"/>
    </row>
    <row r="98920" spans="14:14">
      <c r="N98920" s="10"/>
    </row>
    <row r="98921" spans="14:14">
      <c r="N98921" s="10"/>
    </row>
    <row r="98922" spans="14:14">
      <c r="N98922" s="10"/>
    </row>
    <row r="98923" spans="14:14">
      <c r="N98923" s="10"/>
    </row>
    <row r="98924" spans="14:14">
      <c r="N98924" s="10"/>
    </row>
    <row r="98925" spans="14:14">
      <c r="N98925" s="10"/>
    </row>
    <row r="98926" spans="14:14">
      <c r="N98926" s="10"/>
    </row>
    <row r="98927" spans="14:14">
      <c r="N98927" s="10"/>
    </row>
    <row r="98928" spans="14:14">
      <c r="N98928" s="10"/>
    </row>
    <row r="98929" spans="14:14">
      <c r="N98929" s="10"/>
    </row>
    <row r="98930" spans="14:14">
      <c r="N98930" s="10"/>
    </row>
    <row r="98931" spans="14:14">
      <c r="N98931" s="10"/>
    </row>
    <row r="98932" spans="14:14">
      <c r="N98932" s="10"/>
    </row>
    <row r="98933" spans="14:14">
      <c r="N98933" s="10"/>
    </row>
    <row r="98934" spans="14:14">
      <c r="N98934" s="10"/>
    </row>
    <row r="98935" spans="14:14">
      <c r="N98935" s="10"/>
    </row>
    <row r="98936" spans="14:14">
      <c r="N98936" s="10"/>
    </row>
    <row r="98937" spans="14:14">
      <c r="N98937" s="10"/>
    </row>
    <row r="98938" spans="14:14">
      <c r="N98938" s="10"/>
    </row>
    <row r="98939" spans="14:14">
      <c r="N98939" s="10"/>
    </row>
    <row r="98940" spans="14:14">
      <c r="N98940" s="10"/>
    </row>
    <row r="98941" spans="14:14">
      <c r="N98941" s="10"/>
    </row>
    <row r="98942" spans="14:14">
      <c r="N98942" s="10"/>
    </row>
    <row r="98943" spans="14:14">
      <c r="N98943" s="10"/>
    </row>
    <row r="98944" spans="14:14">
      <c r="N98944" s="10"/>
    </row>
    <row r="98945" spans="14:14">
      <c r="N98945" s="10"/>
    </row>
    <row r="98946" spans="14:14">
      <c r="N98946" s="10"/>
    </row>
    <row r="98947" spans="14:14">
      <c r="N98947" s="10"/>
    </row>
    <row r="98948" spans="14:14">
      <c r="N98948" s="10"/>
    </row>
    <row r="98949" spans="14:14">
      <c r="N98949" s="10"/>
    </row>
    <row r="98950" spans="14:14">
      <c r="N98950" s="10"/>
    </row>
    <row r="98951" spans="14:14">
      <c r="N98951" s="10"/>
    </row>
    <row r="98952" spans="14:14">
      <c r="N98952" s="10"/>
    </row>
    <row r="98953" spans="14:14">
      <c r="N98953" s="10"/>
    </row>
    <row r="98954" spans="14:14">
      <c r="N98954" s="10"/>
    </row>
    <row r="98955" spans="14:14">
      <c r="N98955" s="10"/>
    </row>
    <row r="98956" spans="14:14">
      <c r="N98956" s="10"/>
    </row>
    <row r="98957" spans="14:14">
      <c r="N98957" s="10"/>
    </row>
    <row r="98958" spans="14:14">
      <c r="N98958" s="10"/>
    </row>
    <row r="98959" spans="14:14">
      <c r="N98959" s="10"/>
    </row>
    <row r="98960" spans="14:14">
      <c r="N98960" s="10"/>
    </row>
    <row r="98961" spans="14:14">
      <c r="N98961" s="10"/>
    </row>
    <row r="98962" spans="14:14">
      <c r="N98962" s="10"/>
    </row>
    <row r="98963" spans="14:14">
      <c r="N98963" s="10"/>
    </row>
    <row r="98964" spans="14:14">
      <c r="N98964" s="10"/>
    </row>
    <row r="98965" spans="14:14">
      <c r="N98965" s="10"/>
    </row>
    <row r="98966" spans="14:14">
      <c r="N98966" s="10"/>
    </row>
    <row r="98967" spans="14:14">
      <c r="N98967" s="10"/>
    </row>
    <row r="98968" spans="14:14">
      <c r="N98968" s="10"/>
    </row>
    <row r="98969" spans="14:14">
      <c r="N98969" s="10"/>
    </row>
    <row r="98970" spans="14:14">
      <c r="N98970" s="10"/>
    </row>
    <row r="98971" spans="14:14">
      <c r="N98971" s="10"/>
    </row>
    <row r="98972" spans="14:14">
      <c r="N98972" s="10"/>
    </row>
    <row r="98973" spans="14:14">
      <c r="N98973" s="10"/>
    </row>
    <row r="98974" spans="14:14">
      <c r="N98974" s="10"/>
    </row>
    <row r="98975" spans="14:14">
      <c r="N98975" s="10"/>
    </row>
    <row r="98976" spans="14:14">
      <c r="N98976" s="10"/>
    </row>
    <row r="98977" spans="14:14">
      <c r="N98977" s="10"/>
    </row>
    <row r="98978" spans="14:14">
      <c r="N98978" s="10"/>
    </row>
    <row r="98979" spans="14:14">
      <c r="N98979" s="10"/>
    </row>
    <row r="98980" spans="14:14">
      <c r="N98980" s="10"/>
    </row>
    <row r="98981" spans="14:14">
      <c r="N98981" s="10"/>
    </row>
    <row r="98982" spans="14:14">
      <c r="N98982" s="10"/>
    </row>
    <row r="98983" spans="14:14">
      <c r="N98983" s="10"/>
    </row>
    <row r="98984" spans="14:14">
      <c r="N98984" s="10"/>
    </row>
    <row r="98985" spans="14:14">
      <c r="N98985" s="10"/>
    </row>
    <row r="98986" spans="14:14">
      <c r="N98986" s="10"/>
    </row>
    <row r="98987" spans="14:14">
      <c r="N98987" s="10"/>
    </row>
    <row r="98988" spans="14:14">
      <c r="N98988" s="10"/>
    </row>
    <row r="98989" spans="14:14">
      <c r="N98989" s="10"/>
    </row>
    <row r="98990" spans="14:14">
      <c r="N98990" s="10"/>
    </row>
    <row r="98991" spans="14:14">
      <c r="N98991" s="10"/>
    </row>
    <row r="98992" spans="14:14">
      <c r="N98992" s="10"/>
    </row>
    <row r="98993" spans="14:14">
      <c r="N98993" s="10"/>
    </row>
    <row r="98994" spans="14:14">
      <c r="N98994" s="10"/>
    </row>
    <row r="98995" spans="14:14">
      <c r="N98995" s="10"/>
    </row>
    <row r="98996" spans="14:14">
      <c r="N98996" s="10"/>
    </row>
    <row r="98997" spans="14:14">
      <c r="N98997" s="10"/>
    </row>
    <row r="98998" spans="14:14">
      <c r="N98998" s="10"/>
    </row>
    <row r="98999" spans="14:14">
      <c r="N98999" s="10"/>
    </row>
    <row r="99000" spans="14:14">
      <c r="N99000" s="10"/>
    </row>
    <row r="99001" spans="14:14">
      <c r="N99001" s="10"/>
    </row>
    <row r="99002" spans="14:14">
      <c r="N99002" s="10"/>
    </row>
    <row r="99003" spans="14:14">
      <c r="N99003" s="10"/>
    </row>
    <row r="99004" spans="14:14">
      <c r="N99004" s="10"/>
    </row>
    <row r="99005" spans="14:14">
      <c r="N99005" s="10"/>
    </row>
    <row r="99006" spans="14:14">
      <c r="N99006" s="10"/>
    </row>
    <row r="99007" spans="14:14">
      <c r="N99007" s="10"/>
    </row>
    <row r="99008" spans="14:14">
      <c r="N99008" s="10"/>
    </row>
    <row r="99009" spans="14:14">
      <c r="N99009" s="10"/>
    </row>
    <row r="99010" spans="14:14">
      <c r="N99010" s="10"/>
    </row>
    <row r="99011" spans="14:14">
      <c r="N99011" s="10"/>
    </row>
    <row r="99012" spans="14:14">
      <c r="N99012" s="10"/>
    </row>
    <row r="99013" spans="14:14">
      <c r="N99013" s="10"/>
    </row>
    <row r="99014" spans="14:14">
      <c r="N99014" s="10"/>
    </row>
    <row r="99015" spans="14:14">
      <c r="N99015" s="10"/>
    </row>
    <row r="99016" spans="14:14">
      <c r="N99016" s="10"/>
    </row>
    <row r="99017" spans="14:14">
      <c r="N99017" s="10"/>
    </row>
    <row r="99018" spans="14:14">
      <c r="N99018" s="10"/>
    </row>
    <row r="99019" spans="14:14">
      <c r="N99019" s="10"/>
    </row>
    <row r="99020" spans="14:14">
      <c r="N99020" s="10"/>
    </row>
    <row r="99021" spans="14:14">
      <c r="N99021" s="10"/>
    </row>
    <row r="99022" spans="14:14">
      <c r="N99022" s="10"/>
    </row>
    <row r="99023" spans="14:14">
      <c r="N99023" s="10"/>
    </row>
    <row r="99024" spans="14:14">
      <c r="N99024" s="10"/>
    </row>
    <row r="99025" spans="14:14">
      <c r="N99025" s="10"/>
    </row>
    <row r="99026" spans="14:14">
      <c r="N99026" s="10"/>
    </row>
    <row r="99027" spans="14:14">
      <c r="N99027" s="10"/>
    </row>
    <row r="99028" spans="14:14">
      <c r="N99028" s="10"/>
    </row>
    <row r="99029" spans="14:14">
      <c r="N99029" s="10"/>
    </row>
    <row r="99030" spans="14:14">
      <c r="N99030" s="10"/>
    </row>
    <row r="99031" spans="14:14">
      <c r="N99031" s="10"/>
    </row>
    <row r="99032" spans="14:14">
      <c r="N99032" s="10"/>
    </row>
    <row r="99033" spans="14:14">
      <c r="N99033" s="10"/>
    </row>
    <row r="99034" spans="14:14">
      <c r="N99034" s="10"/>
    </row>
    <row r="99035" spans="14:14">
      <c r="N99035" s="10"/>
    </row>
    <row r="99036" spans="14:14">
      <c r="N99036" s="10"/>
    </row>
    <row r="99037" spans="14:14">
      <c r="N99037" s="10"/>
    </row>
    <row r="99038" spans="14:14">
      <c r="N99038" s="10"/>
    </row>
    <row r="99039" spans="14:14">
      <c r="N99039" s="10"/>
    </row>
    <row r="99040" spans="14:14">
      <c r="N99040" s="10"/>
    </row>
    <row r="99041" spans="14:14">
      <c r="N99041" s="10"/>
    </row>
    <row r="99042" spans="14:14">
      <c r="N99042" s="10"/>
    </row>
    <row r="99043" spans="14:14">
      <c r="N99043" s="10"/>
    </row>
    <row r="99044" spans="14:14">
      <c r="N99044" s="10"/>
    </row>
    <row r="99045" spans="14:14">
      <c r="N99045" s="10"/>
    </row>
    <row r="99046" spans="14:14">
      <c r="N99046" s="10"/>
    </row>
    <row r="99047" spans="14:14">
      <c r="N99047" s="10"/>
    </row>
    <row r="99048" spans="14:14">
      <c r="N99048" s="10"/>
    </row>
    <row r="99049" spans="14:14">
      <c r="N99049" s="10"/>
    </row>
    <row r="99050" spans="14:14">
      <c r="N99050" s="10"/>
    </row>
    <row r="99051" spans="14:14">
      <c r="N99051" s="10"/>
    </row>
    <row r="99052" spans="14:14">
      <c r="N99052" s="10"/>
    </row>
    <row r="99053" spans="14:14">
      <c r="N99053" s="10"/>
    </row>
    <row r="99054" spans="14:14">
      <c r="N99054" s="10"/>
    </row>
    <row r="99055" spans="14:14">
      <c r="N99055" s="10"/>
    </row>
    <row r="99056" spans="14:14">
      <c r="N99056" s="10"/>
    </row>
    <row r="99057" spans="14:14">
      <c r="N99057" s="10"/>
    </row>
    <row r="99058" spans="14:14">
      <c r="N99058" s="10"/>
    </row>
    <row r="99059" spans="14:14">
      <c r="N99059" s="10"/>
    </row>
    <row r="99060" spans="14:14">
      <c r="N99060" s="10"/>
    </row>
    <row r="99061" spans="14:14">
      <c r="N99061" s="10"/>
    </row>
    <row r="99062" spans="14:14">
      <c r="N99062" s="10"/>
    </row>
    <row r="99063" spans="14:14">
      <c r="N99063" s="10"/>
    </row>
    <row r="99064" spans="14:14">
      <c r="N99064" s="10"/>
    </row>
    <row r="99065" spans="14:14">
      <c r="N99065" s="10"/>
    </row>
    <row r="99066" spans="14:14">
      <c r="N99066" s="10"/>
    </row>
    <row r="99067" spans="14:14">
      <c r="N99067" s="10"/>
    </row>
    <row r="99068" spans="14:14">
      <c r="N99068" s="10"/>
    </row>
    <row r="99069" spans="14:14">
      <c r="N99069" s="10"/>
    </row>
    <row r="99070" spans="14:14">
      <c r="N99070" s="10"/>
    </row>
    <row r="99071" spans="14:14">
      <c r="N99071" s="10"/>
    </row>
    <row r="99072" spans="14:14">
      <c r="N99072" s="10"/>
    </row>
    <row r="99073" spans="14:14">
      <c r="N99073" s="10"/>
    </row>
    <row r="99074" spans="14:14">
      <c r="N99074" s="10"/>
    </row>
    <row r="99075" spans="14:14">
      <c r="N99075" s="10"/>
    </row>
    <row r="99076" spans="14:14">
      <c r="N99076" s="10"/>
    </row>
    <row r="99077" spans="14:14">
      <c r="N99077" s="10"/>
    </row>
    <row r="99078" spans="14:14">
      <c r="N99078" s="10"/>
    </row>
    <row r="99079" spans="14:14">
      <c r="N99079" s="10"/>
    </row>
    <row r="99080" spans="14:14">
      <c r="N99080" s="10"/>
    </row>
    <row r="99081" spans="14:14">
      <c r="N99081" s="10"/>
    </row>
    <row r="99082" spans="14:14">
      <c r="N99082" s="10"/>
    </row>
    <row r="99083" spans="14:14">
      <c r="N99083" s="10"/>
    </row>
    <row r="99084" spans="14:14">
      <c r="N99084" s="10"/>
    </row>
    <row r="99085" spans="14:14">
      <c r="N99085" s="10"/>
    </row>
    <row r="99086" spans="14:14">
      <c r="N99086" s="10"/>
    </row>
    <row r="99087" spans="14:14">
      <c r="N99087" s="10"/>
    </row>
    <row r="99088" spans="14:14">
      <c r="N99088" s="10"/>
    </row>
    <row r="99089" spans="14:14">
      <c r="N99089" s="10"/>
    </row>
    <row r="99090" spans="14:14">
      <c r="N99090" s="10"/>
    </row>
    <row r="99091" spans="14:14">
      <c r="N99091" s="10"/>
    </row>
    <row r="99092" spans="14:14">
      <c r="N99092" s="10"/>
    </row>
    <row r="99093" spans="14:14">
      <c r="N99093" s="10"/>
    </row>
    <row r="99094" spans="14:14">
      <c r="N99094" s="10"/>
    </row>
    <row r="99095" spans="14:14">
      <c r="N99095" s="10"/>
    </row>
    <row r="99096" spans="14:14">
      <c r="N99096" s="10"/>
    </row>
    <row r="99097" spans="14:14">
      <c r="N99097" s="10"/>
    </row>
    <row r="99098" spans="14:14">
      <c r="N99098" s="10"/>
    </row>
    <row r="99099" spans="14:14">
      <c r="N99099" s="10"/>
    </row>
    <row r="99100" spans="14:14">
      <c r="N99100" s="10"/>
    </row>
    <row r="99101" spans="14:14">
      <c r="N99101" s="10"/>
    </row>
    <row r="99102" spans="14:14">
      <c r="N99102" s="10"/>
    </row>
    <row r="99103" spans="14:14">
      <c r="N99103" s="10"/>
    </row>
    <row r="99104" spans="14:14">
      <c r="N99104" s="10"/>
    </row>
    <row r="99105" spans="14:14">
      <c r="N99105" s="10"/>
    </row>
    <row r="99106" spans="14:14">
      <c r="N99106" s="10"/>
    </row>
    <row r="99107" spans="14:14">
      <c r="N99107" s="10"/>
    </row>
    <row r="99108" spans="14:14">
      <c r="N99108" s="10"/>
    </row>
    <row r="99109" spans="14:14">
      <c r="N99109" s="10"/>
    </row>
    <row r="99110" spans="14:14">
      <c r="N99110" s="10"/>
    </row>
    <row r="99111" spans="14:14">
      <c r="N99111" s="10"/>
    </row>
    <row r="99112" spans="14:14">
      <c r="N99112" s="10"/>
    </row>
    <row r="99113" spans="14:14">
      <c r="N99113" s="10"/>
    </row>
    <row r="99114" spans="14:14">
      <c r="N99114" s="10"/>
    </row>
    <row r="99115" spans="14:14">
      <c r="N99115" s="10"/>
    </row>
    <row r="99116" spans="14:14">
      <c r="N99116" s="10"/>
    </row>
    <row r="99117" spans="14:14">
      <c r="N99117" s="10"/>
    </row>
    <row r="99118" spans="14:14">
      <c r="N99118" s="10"/>
    </row>
    <row r="99119" spans="14:14">
      <c r="N99119" s="10"/>
    </row>
    <row r="99120" spans="14:14">
      <c r="N99120" s="10"/>
    </row>
    <row r="99121" spans="14:14">
      <c r="N99121" s="10"/>
    </row>
    <row r="99122" spans="14:14">
      <c r="N99122" s="10"/>
    </row>
    <row r="99123" spans="14:14">
      <c r="N99123" s="10"/>
    </row>
    <row r="99124" spans="14:14">
      <c r="N99124" s="10"/>
    </row>
    <row r="99125" spans="14:14">
      <c r="N99125" s="10"/>
    </row>
    <row r="99126" spans="14:14">
      <c r="N99126" s="10"/>
    </row>
    <row r="99127" spans="14:14">
      <c r="N99127" s="10"/>
    </row>
    <row r="99128" spans="14:14">
      <c r="N99128" s="10"/>
    </row>
    <row r="99129" spans="14:14">
      <c r="N99129" s="10"/>
    </row>
    <row r="99130" spans="14:14">
      <c r="N99130" s="10"/>
    </row>
    <row r="99131" spans="14:14">
      <c r="N99131" s="10"/>
    </row>
    <row r="99132" spans="14:14">
      <c r="N99132" s="10"/>
    </row>
    <row r="99133" spans="14:14">
      <c r="N99133" s="10"/>
    </row>
    <row r="99134" spans="14:14">
      <c r="N99134" s="10"/>
    </row>
    <row r="99135" spans="14:14">
      <c r="N99135" s="10"/>
    </row>
    <row r="99136" spans="14:14">
      <c r="N99136" s="10"/>
    </row>
    <row r="99137" spans="14:14">
      <c r="N99137" s="10"/>
    </row>
    <row r="99138" spans="14:14">
      <c r="N99138" s="10"/>
    </row>
    <row r="99139" spans="14:14">
      <c r="N99139" s="10"/>
    </row>
    <row r="99140" spans="14:14">
      <c r="N99140" s="10"/>
    </row>
    <row r="99141" spans="14:14">
      <c r="N99141" s="10"/>
    </row>
    <row r="99142" spans="14:14">
      <c r="N99142" s="10"/>
    </row>
    <row r="99143" spans="14:14">
      <c r="N99143" s="10"/>
    </row>
    <row r="99144" spans="14:14">
      <c r="N99144" s="10"/>
    </row>
    <row r="99145" spans="14:14">
      <c r="N99145" s="10"/>
    </row>
    <row r="99146" spans="14:14">
      <c r="N99146" s="10"/>
    </row>
    <row r="99147" spans="14:14">
      <c r="N99147" s="10"/>
    </row>
    <row r="99148" spans="14:14">
      <c r="N99148" s="10"/>
    </row>
    <row r="99149" spans="14:14">
      <c r="N99149" s="10"/>
    </row>
    <row r="99150" spans="14:14">
      <c r="N99150" s="10"/>
    </row>
    <row r="99151" spans="14:14">
      <c r="N99151" s="10"/>
    </row>
    <row r="99152" spans="14:14">
      <c r="N99152" s="10"/>
    </row>
    <row r="99153" spans="14:14">
      <c r="N99153" s="10"/>
    </row>
    <row r="99154" spans="14:14">
      <c r="N99154" s="10"/>
    </row>
    <row r="99155" spans="14:14">
      <c r="N99155" s="10"/>
    </row>
    <row r="99156" spans="14:14">
      <c r="N99156" s="10"/>
    </row>
    <row r="99157" spans="14:14">
      <c r="N99157" s="10"/>
    </row>
    <row r="99158" spans="14:14">
      <c r="N99158" s="10"/>
    </row>
    <row r="99159" spans="14:14">
      <c r="N99159" s="10"/>
    </row>
    <row r="99160" spans="14:14">
      <c r="N99160" s="10"/>
    </row>
    <row r="99161" spans="14:14">
      <c r="N99161" s="10"/>
    </row>
    <row r="99162" spans="14:14">
      <c r="N99162" s="10"/>
    </row>
    <row r="99163" spans="14:14">
      <c r="N99163" s="10"/>
    </row>
    <row r="99164" spans="14:14">
      <c r="N99164" s="10"/>
    </row>
    <row r="99165" spans="14:14">
      <c r="N99165" s="10"/>
    </row>
    <row r="99166" spans="14:14">
      <c r="N99166" s="10"/>
    </row>
    <row r="99167" spans="14:14">
      <c r="N99167" s="10"/>
    </row>
    <row r="99168" spans="14:14">
      <c r="N99168" s="10"/>
    </row>
    <row r="99169" spans="14:14">
      <c r="N99169" s="10"/>
    </row>
    <row r="99170" spans="14:14">
      <c r="N99170" s="10"/>
    </row>
    <row r="99171" spans="14:14">
      <c r="N99171" s="10"/>
    </row>
    <row r="99172" spans="14:14">
      <c r="N99172" s="10"/>
    </row>
    <row r="99173" spans="14:14">
      <c r="N99173" s="10"/>
    </row>
    <row r="99174" spans="14:14">
      <c r="N99174" s="10"/>
    </row>
    <row r="99175" spans="14:14">
      <c r="N99175" s="10"/>
    </row>
    <row r="99176" spans="14:14">
      <c r="N99176" s="10"/>
    </row>
    <row r="99177" spans="14:14">
      <c r="N99177" s="10"/>
    </row>
    <row r="99178" spans="14:14">
      <c r="N99178" s="10"/>
    </row>
    <row r="99179" spans="14:14">
      <c r="N99179" s="10"/>
    </row>
    <row r="99180" spans="14:14">
      <c r="N99180" s="10"/>
    </row>
    <row r="99181" spans="14:14">
      <c r="N99181" s="10"/>
    </row>
    <row r="99182" spans="14:14">
      <c r="N99182" s="10"/>
    </row>
    <row r="99183" spans="14:14">
      <c r="N99183" s="10"/>
    </row>
    <row r="99184" spans="14:14">
      <c r="N99184" s="10"/>
    </row>
    <row r="99185" spans="14:14">
      <c r="N99185" s="10"/>
    </row>
    <row r="99186" spans="14:14">
      <c r="N99186" s="10"/>
    </row>
    <row r="99187" spans="14:14">
      <c r="N99187" s="10"/>
    </row>
    <row r="99188" spans="14:14">
      <c r="N99188" s="10"/>
    </row>
    <row r="99189" spans="14:14">
      <c r="N99189" s="10"/>
    </row>
    <row r="99190" spans="14:14">
      <c r="N99190" s="10"/>
    </row>
    <row r="99191" spans="14:14">
      <c r="N99191" s="10"/>
    </row>
    <row r="99192" spans="14:14">
      <c r="N99192" s="10"/>
    </row>
    <row r="99193" spans="14:14">
      <c r="N99193" s="10"/>
    </row>
    <row r="99194" spans="14:14">
      <c r="N99194" s="10"/>
    </row>
    <row r="99195" spans="14:14">
      <c r="N99195" s="10"/>
    </row>
    <row r="99196" spans="14:14">
      <c r="N99196" s="10"/>
    </row>
    <row r="99197" spans="14:14">
      <c r="N99197" s="10"/>
    </row>
    <row r="99198" spans="14:14">
      <c r="N99198" s="10"/>
    </row>
    <row r="99199" spans="14:14">
      <c r="N99199" s="10"/>
    </row>
    <row r="99200" spans="14:14">
      <c r="N99200" s="10"/>
    </row>
    <row r="99201" spans="14:14">
      <c r="N99201" s="10"/>
    </row>
    <row r="99202" spans="14:14">
      <c r="N99202" s="10"/>
    </row>
    <row r="99203" spans="14:14">
      <c r="N99203" s="10"/>
    </row>
    <row r="99204" spans="14:14">
      <c r="N99204" s="10"/>
    </row>
    <row r="99205" spans="14:14">
      <c r="N99205" s="10"/>
    </row>
    <row r="99206" spans="14:14">
      <c r="N99206" s="10"/>
    </row>
    <row r="99207" spans="14:14">
      <c r="N99207" s="10"/>
    </row>
    <row r="99208" spans="14:14">
      <c r="N99208" s="10"/>
    </row>
    <row r="99209" spans="14:14">
      <c r="N99209" s="10"/>
    </row>
    <row r="99210" spans="14:14">
      <c r="N99210" s="10"/>
    </row>
    <row r="99211" spans="14:14">
      <c r="N99211" s="10"/>
    </row>
    <row r="99212" spans="14:14">
      <c r="N99212" s="10"/>
    </row>
    <row r="99213" spans="14:14">
      <c r="N99213" s="10"/>
    </row>
    <row r="99214" spans="14:14">
      <c r="N99214" s="10"/>
    </row>
    <row r="99215" spans="14:14">
      <c r="N99215" s="10"/>
    </row>
    <row r="99216" spans="14:14">
      <c r="N99216" s="10"/>
    </row>
    <row r="99217" spans="14:14">
      <c r="N99217" s="10"/>
    </row>
    <row r="99218" spans="14:14">
      <c r="N99218" s="10"/>
    </row>
    <row r="99219" spans="14:14">
      <c r="N99219" s="10"/>
    </row>
    <row r="99220" spans="14:14">
      <c r="N99220" s="10"/>
    </row>
    <row r="99221" spans="14:14">
      <c r="N99221" s="10"/>
    </row>
    <row r="99222" spans="14:14">
      <c r="N99222" s="10"/>
    </row>
    <row r="99223" spans="14:14">
      <c r="N99223" s="10"/>
    </row>
    <row r="99224" spans="14:14">
      <c r="N99224" s="10"/>
    </row>
    <row r="99225" spans="14:14">
      <c r="N99225" s="10"/>
    </row>
    <row r="99226" spans="14:14">
      <c r="N99226" s="10"/>
    </row>
    <row r="99227" spans="14:14">
      <c r="N99227" s="10"/>
    </row>
    <row r="99228" spans="14:14">
      <c r="N99228" s="10"/>
    </row>
    <row r="99229" spans="14:14">
      <c r="N99229" s="10"/>
    </row>
    <row r="99230" spans="14:14">
      <c r="N99230" s="10"/>
    </row>
    <row r="99231" spans="14:14">
      <c r="N99231" s="10"/>
    </row>
    <row r="99232" spans="14:14">
      <c r="N99232" s="10"/>
    </row>
    <row r="99233" spans="14:14">
      <c r="N99233" s="10"/>
    </row>
    <row r="99234" spans="14:14">
      <c r="N99234" s="10"/>
    </row>
    <row r="99235" spans="14:14">
      <c r="N99235" s="10"/>
    </row>
    <row r="99236" spans="14:14">
      <c r="N99236" s="10"/>
    </row>
    <row r="99237" spans="14:14">
      <c r="N99237" s="10"/>
    </row>
    <row r="99238" spans="14:14">
      <c r="N99238" s="10"/>
    </row>
    <row r="99239" spans="14:14">
      <c r="N99239" s="10"/>
    </row>
    <row r="99240" spans="14:14">
      <c r="N99240" s="10"/>
    </row>
    <row r="99241" spans="14:14">
      <c r="N99241" s="10"/>
    </row>
    <row r="99242" spans="14:14">
      <c r="N99242" s="10"/>
    </row>
    <row r="99243" spans="14:14">
      <c r="N99243" s="10"/>
    </row>
    <row r="99244" spans="14:14">
      <c r="N99244" s="10"/>
    </row>
    <row r="99245" spans="14:14">
      <c r="N99245" s="10"/>
    </row>
    <row r="99246" spans="14:14">
      <c r="N99246" s="10"/>
    </row>
    <row r="99247" spans="14:14">
      <c r="N99247" s="10"/>
    </row>
    <row r="99248" spans="14:14">
      <c r="N99248" s="10"/>
    </row>
    <row r="99249" spans="14:14">
      <c r="N99249" s="10"/>
    </row>
    <row r="99250" spans="14:14">
      <c r="N99250" s="10"/>
    </row>
    <row r="99251" spans="14:14">
      <c r="N99251" s="10"/>
    </row>
    <row r="99252" spans="14:14">
      <c r="N99252" s="10"/>
    </row>
    <row r="99253" spans="14:14">
      <c r="N99253" s="10"/>
    </row>
    <row r="99254" spans="14:14">
      <c r="N99254" s="10"/>
    </row>
    <row r="99255" spans="14:14">
      <c r="N99255" s="10"/>
    </row>
    <row r="99256" spans="14:14">
      <c r="N99256" s="10"/>
    </row>
    <row r="99257" spans="14:14">
      <c r="N99257" s="10"/>
    </row>
    <row r="99258" spans="14:14">
      <c r="N99258" s="10"/>
    </row>
    <row r="99259" spans="14:14">
      <c r="N99259" s="10"/>
    </row>
    <row r="99260" spans="14:14">
      <c r="N99260" s="10"/>
    </row>
    <row r="99261" spans="14:14">
      <c r="N99261" s="10"/>
    </row>
    <row r="99262" spans="14:14">
      <c r="N99262" s="10"/>
    </row>
    <row r="99263" spans="14:14">
      <c r="N99263" s="10"/>
    </row>
    <row r="99264" spans="14:14">
      <c r="N99264" s="10"/>
    </row>
    <row r="99265" spans="14:14">
      <c r="N99265" s="10"/>
    </row>
    <row r="99266" spans="14:14">
      <c r="N99266" s="10"/>
    </row>
    <row r="99267" spans="14:14">
      <c r="N99267" s="10"/>
    </row>
    <row r="99268" spans="14:14">
      <c r="N99268" s="10"/>
    </row>
    <row r="99269" spans="14:14">
      <c r="N99269" s="10"/>
    </row>
    <row r="99270" spans="14:14">
      <c r="N99270" s="10"/>
    </row>
    <row r="99271" spans="14:14">
      <c r="N99271" s="10"/>
    </row>
    <row r="99272" spans="14:14">
      <c r="N99272" s="10"/>
    </row>
    <row r="99273" spans="14:14">
      <c r="N99273" s="10"/>
    </row>
    <row r="99274" spans="14:14">
      <c r="N99274" s="10"/>
    </row>
    <row r="99275" spans="14:14">
      <c r="N99275" s="10"/>
    </row>
    <row r="99276" spans="14:14">
      <c r="N99276" s="10"/>
    </row>
    <row r="99277" spans="14:14">
      <c r="N99277" s="10"/>
    </row>
    <row r="99278" spans="14:14">
      <c r="N99278" s="10"/>
    </row>
    <row r="99279" spans="14:14">
      <c r="N99279" s="10"/>
    </row>
    <row r="99280" spans="14:14">
      <c r="N99280" s="10"/>
    </row>
    <row r="99281" spans="14:14">
      <c r="N99281" s="10"/>
    </row>
    <row r="99282" spans="14:14">
      <c r="N99282" s="10"/>
    </row>
    <row r="99283" spans="14:14">
      <c r="N99283" s="10"/>
    </row>
    <row r="99284" spans="14:14">
      <c r="N99284" s="10"/>
    </row>
    <row r="99285" spans="14:14">
      <c r="N99285" s="10"/>
    </row>
    <row r="99286" spans="14:14">
      <c r="N99286" s="10"/>
    </row>
    <row r="99287" spans="14:14">
      <c r="N99287" s="10"/>
    </row>
    <row r="99288" spans="14:14">
      <c r="N99288" s="10"/>
    </row>
    <row r="99289" spans="14:14">
      <c r="N99289" s="10"/>
    </row>
    <row r="99290" spans="14:14">
      <c r="N99290" s="10"/>
    </row>
    <row r="99291" spans="14:14">
      <c r="N99291" s="10"/>
    </row>
    <row r="99292" spans="14:14">
      <c r="N99292" s="10"/>
    </row>
    <row r="99293" spans="14:14">
      <c r="N99293" s="10"/>
    </row>
    <row r="99294" spans="14:14">
      <c r="N99294" s="10"/>
    </row>
    <row r="99295" spans="14:14">
      <c r="N99295" s="10"/>
    </row>
    <row r="99296" spans="14:14">
      <c r="N99296" s="10"/>
    </row>
    <row r="99297" spans="14:14">
      <c r="N99297" s="10"/>
    </row>
    <row r="99298" spans="14:14">
      <c r="N99298" s="10"/>
    </row>
    <row r="99299" spans="14:14">
      <c r="N99299" s="10"/>
    </row>
    <row r="99300" spans="14:14">
      <c r="N99300" s="10"/>
    </row>
    <row r="99301" spans="14:14">
      <c r="N99301" s="10"/>
    </row>
    <row r="99302" spans="14:14">
      <c r="N99302" s="10"/>
    </row>
    <row r="99303" spans="14:14">
      <c r="N99303" s="10"/>
    </row>
    <row r="99304" spans="14:14">
      <c r="N99304" s="10"/>
    </row>
    <row r="99305" spans="14:14">
      <c r="N99305" s="10"/>
    </row>
    <row r="99306" spans="14:14">
      <c r="N99306" s="10"/>
    </row>
    <row r="99307" spans="14:14">
      <c r="N99307" s="10"/>
    </row>
    <row r="99308" spans="14:14">
      <c r="N99308" s="10"/>
    </row>
    <row r="99309" spans="14:14">
      <c r="N99309" s="10"/>
    </row>
    <row r="99310" spans="14:14">
      <c r="N99310" s="10"/>
    </row>
    <row r="99311" spans="14:14">
      <c r="N99311" s="10"/>
    </row>
    <row r="99312" spans="14:14">
      <c r="N99312" s="10"/>
    </row>
    <row r="99313" spans="14:14">
      <c r="N99313" s="10"/>
    </row>
    <row r="99314" spans="14:14">
      <c r="N99314" s="10"/>
    </row>
    <row r="99315" spans="14:14">
      <c r="N99315" s="10"/>
    </row>
    <row r="99316" spans="14:14">
      <c r="N99316" s="10"/>
    </row>
    <row r="99317" spans="14:14">
      <c r="N99317" s="10"/>
    </row>
    <row r="99318" spans="14:14">
      <c r="N99318" s="10"/>
    </row>
    <row r="99319" spans="14:14">
      <c r="N99319" s="10"/>
    </row>
    <row r="99320" spans="14:14">
      <c r="N99320" s="10"/>
    </row>
    <row r="99321" spans="14:14">
      <c r="N99321" s="10"/>
    </row>
    <row r="99322" spans="14:14">
      <c r="N99322" s="10"/>
    </row>
    <row r="99323" spans="14:14">
      <c r="N99323" s="10"/>
    </row>
    <row r="99324" spans="14:14">
      <c r="N99324" s="10"/>
    </row>
    <row r="99325" spans="14:14">
      <c r="N99325" s="10"/>
    </row>
    <row r="99326" spans="14:14">
      <c r="N99326" s="10"/>
    </row>
    <row r="99327" spans="14:14">
      <c r="N99327" s="10"/>
    </row>
    <row r="99328" spans="14:14">
      <c r="N99328" s="10"/>
    </row>
    <row r="99329" spans="14:14">
      <c r="N99329" s="10"/>
    </row>
    <row r="99330" spans="14:14">
      <c r="N99330" s="10"/>
    </row>
    <row r="99331" spans="14:14">
      <c r="N99331" s="10"/>
    </row>
    <row r="99332" spans="14:14">
      <c r="N99332" s="10"/>
    </row>
    <row r="99333" spans="14:14">
      <c r="N99333" s="10"/>
    </row>
    <row r="99334" spans="14:14">
      <c r="N99334" s="10"/>
    </row>
    <row r="99335" spans="14:14">
      <c r="N99335" s="10"/>
    </row>
    <row r="99336" spans="14:14">
      <c r="N99336" s="10"/>
    </row>
    <row r="99337" spans="14:14">
      <c r="N99337" s="10"/>
    </row>
    <row r="99338" spans="14:14">
      <c r="N99338" s="10"/>
    </row>
    <row r="99339" spans="14:14">
      <c r="N99339" s="10"/>
    </row>
    <row r="99340" spans="14:14">
      <c r="N99340" s="10"/>
    </row>
    <row r="99341" spans="14:14">
      <c r="N99341" s="10"/>
    </row>
    <row r="99342" spans="14:14">
      <c r="N99342" s="10"/>
    </row>
    <row r="99343" spans="14:14">
      <c r="N99343" s="10"/>
    </row>
    <row r="99344" spans="14:14">
      <c r="N99344" s="10"/>
    </row>
    <row r="99345" spans="14:14">
      <c r="N99345" s="10"/>
    </row>
    <row r="99346" spans="14:14">
      <c r="N99346" s="10"/>
    </row>
    <row r="99347" spans="14:14">
      <c r="N99347" s="10"/>
    </row>
    <row r="99348" spans="14:14">
      <c r="N99348" s="10"/>
    </row>
    <row r="99349" spans="14:14">
      <c r="N99349" s="10"/>
    </row>
    <row r="99350" spans="14:14">
      <c r="N99350" s="10"/>
    </row>
    <row r="99351" spans="14:14">
      <c r="N99351" s="10"/>
    </row>
    <row r="99352" spans="14:14">
      <c r="N99352" s="10"/>
    </row>
    <row r="99353" spans="14:14">
      <c r="N99353" s="10"/>
    </row>
    <row r="99354" spans="14:14">
      <c r="N99354" s="10"/>
    </row>
    <row r="99355" spans="14:14">
      <c r="N99355" s="10"/>
    </row>
    <row r="99356" spans="14:14">
      <c r="N99356" s="10"/>
    </row>
    <row r="99357" spans="14:14">
      <c r="N99357" s="10"/>
    </row>
    <row r="99358" spans="14:14">
      <c r="N99358" s="10"/>
    </row>
    <row r="99359" spans="14:14">
      <c r="N99359" s="10"/>
    </row>
    <row r="99360" spans="14:14">
      <c r="N99360" s="10"/>
    </row>
    <row r="99361" spans="14:14">
      <c r="N99361" s="10"/>
    </row>
    <row r="99362" spans="14:14">
      <c r="N99362" s="10"/>
    </row>
    <row r="99363" spans="14:14">
      <c r="N99363" s="10"/>
    </row>
    <row r="99364" spans="14:14">
      <c r="N99364" s="10"/>
    </row>
    <row r="99365" spans="14:14">
      <c r="N99365" s="10"/>
    </row>
    <row r="99366" spans="14:14">
      <c r="N99366" s="10"/>
    </row>
    <row r="99367" spans="14:14">
      <c r="N99367" s="10"/>
    </row>
    <row r="99368" spans="14:14">
      <c r="N99368" s="10"/>
    </row>
    <row r="99369" spans="14:14">
      <c r="N99369" s="10"/>
    </row>
    <row r="99370" spans="14:14">
      <c r="N99370" s="10"/>
    </row>
    <row r="99371" spans="14:14">
      <c r="N99371" s="10"/>
    </row>
    <row r="99372" spans="14:14">
      <c r="N99372" s="10"/>
    </row>
    <row r="99373" spans="14:14">
      <c r="N99373" s="10"/>
    </row>
    <row r="99374" spans="14:14">
      <c r="N99374" s="10"/>
    </row>
    <row r="99375" spans="14:14">
      <c r="N99375" s="10"/>
    </row>
    <row r="99376" spans="14:14">
      <c r="N99376" s="10"/>
    </row>
    <row r="99377" spans="14:14">
      <c r="N99377" s="10"/>
    </row>
    <row r="99378" spans="14:14">
      <c r="N99378" s="10"/>
    </row>
    <row r="99379" spans="14:14">
      <c r="N99379" s="10"/>
    </row>
    <row r="99380" spans="14:14">
      <c r="N99380" s="10"/>
    </row>
    <row r="99381" spans="14:14">
      <c r="N99381" s="10"/>
    </row>
    <row r="99382" spans="14:14">
      <c r="N99382" s="10"/>
    </row>
    <row r="99383" spans="14:14">
      <c r="N99383" s="10"/>
    </row>
    <row r="99384" spans="14:14">
      <c r="N99384" s="10"/>
    </row>
    <row r="99385" spans="14:14">
      <c r="N99385" s="10"/>
    </row>
    <row r="99386" spans="14:14">
      <c r="N99386" s="10"/>
    </row>
    <row r="99387" spans="14:14">
      <c r="N99387" s="10"/>
    </row>
    <row r="99388" spans="14:14">
      <c r="N99388" s="10"/>
    </row>
    <row r="99389" spans="14:14">
      <c r="N99389" s="10"/>
    </row>
    <row r="99390" spans="14:14">
      <c r="N99390" s="10"/>
    </row>
    <row r="99391" spans="14:14">
      <c r="N99391" s="10"/>
    </row>
    <row r="99392" spans="14:14">
      <c r="N99392" s="10"/>
    </row>
    <row r="99393" spans="14:14">
      <c r="N99393" s="10"/>
    </row>
    <row r="99394" spans="14:14">
      <c r="N99394" s="10"/>
    </row>
    <row r="99395" spans="14:14">
      <c r="N99395" s="10"/>
    </row>
    <row r="99396" spans="14:14">
      <c r="N99396" s="10"/>
    </row>
    <row r="99397" spans="14:14">
      <c r="N99397" s="10"/>
    </row>
    <row r="99398" spans="14:14">
      <c r="N99398" s="10"/>
    </row>
    <row r="99399" spans="14:14">
      <c r="N99399" s="10"/>
    </row>
    <row r="99400" spans="14:14">
      <c r="N99400" s="10"/>
    </row>
    <row r="99401" spans="14:14">
      <c r="N99401" s="10"/>
    </row>
    <row r="99402" spans="14:14">
      <c r="N99402" s="10"/>
    </row>
    <row r="99403" spans="14:14">
      <c r="N99403" s="10"/>
    </row>
    <row r="99404" spans="14:14">
      <c r="N99404" s="10"/>
    </row>
    <row r="99405" spans="14:14">
      <c r="N99405" s="10"/>
    </row>
    <row r="99406" spans="14:14">
      <c r="N99406" s="10"/>
    </row>
    <row r="99407" spans="14:14">
      <c r="N99407" s="10"/>
    </row>
    <row r="99408" spans="14:14">
      <c r="N99408" s="10"/>
    </row>
    <row r="99409" spans="14:14">
      <c r="N99409" s="10"/>
    </row>
    <row r="99410" spans="14:14">
      <c r="N99410" s="10"/>
    </row>
    <row r="99411" spans="14:14">
      <c r="N99411" s="10"/>
    </row>
    <row r="99412" spans="14:14">
      <c r="N99412" s="10"/>
    </row>
    <row r="99413" spans="14:14">
      <c r="N99413" s="10"/>
    </row>
    <row r="99414" spans="14:14">
      <c r="N99414" s="10"/>
    </row>
    <row r="99415" spans="14:14">
      <c r="N99415" s="10"/>
    </row>
    <row r="99416" spans="14:14">
      <c r="N99416" s="10"/>
    </row>
    <row r="99417" spans="14:14">
      <c r="N99417" s="10"/>
    </row>
    <row r="99418" spans="14:14">
      <c r="N99418" s="10"/>
    </row>
    <row r="99419" spans="14:14">
      <c r="N99419" s="10"/>
    </row>
    <row r="99420" spans="14:14">
      <c r="N99420" s="10"/>
    </row>
    <row r="99421" spans="14:14">
      <c r="N99421" s="10"/>
    </row>
    <row r="99422" spans="14:14">
      <c r="N99422" s="10"/>
    </row>
    <row r="99423" spans="14:14">
      <c r="N99423" s="10"/>
    </row>
    <row r="99424" spans="14:14">
      <c r="N99424" s="10"/>
    </row>
    <row r="99425" spans="14:14">
      <c r="N99425" s="10"/>
    </row>
    <row r="99426" spans="14:14">
      <c r="N99426" s="10"/>
    </row>
    <row r="99427" spans="14:14">
      <c r="N99427" s="10"/>
    </row>
    <row r="99428" spans="14:14">
      <c r="N99428" s="10"/>
    </row>
    <row r="99429" spans="14:14">
      <c r="N99429" s="10"/>
    </row>
    <row r="99430" spans="14:14">
      <c r="N99430" s="10"/>
    </row>
    <row r="99431" spans="14:14">
      <c r="N99431" s="10"/>
    </row>
    <row r="99432" spans="14:14">
      <c r="N99432" s="10"/>
    </row>
    <row r="99433" spans="14:14">
      <c r="N99433" s="10"/>
    </row>
    <row r="99434" spans="14:14">
      <c r="N99434" s="10"/>
    </row>
    <row r="99435" spans="14:14">
      <c r="N99435" s="10"/>
    </row>
    <row r="99436" spans="14:14">
      <c r="N99436" s="10"/>
    </row>
    <row r="99437" spans="14:14">
      <c r="N99437" s="10"/>
    </row>
    <row r="99438" spans="14:14">
      <c r="N99438" s="10"/>
    </row>
    <row r="99439" spans="14:14">
      <c r="N99439" s="10"/>
    </row>
    <row r="99440" spans="14:14">
      <c r="N99440" s="10"/>
    </row>
    <row r="99441" spans="14:14">
      <c r="N99441" s="10"/>
    </row>
    <row r="99442" spans="14:14">
      <c r="N99442" s="10"/>
    </row>
    <row r="99443" spans="14:14">
      <c r="N99443" s="10"/>
    </row>
    <row r="99444" spans="14:14">
      <c r="N99444" s="10"/>
    </row>
    <row r="99445" spans="14:14">
      <c r="N99445" s="10"/>
    </row>
    <row r="99446" spans="14:14">
      <c r="N99446" s="10"/>
    </row>
    <row r="99447" spans="14:14">
      <c r="N99447" s="10"/>
    </row>
    <row r="99448" spans="14:14">
      <c r="N99448" s="10"/>
    </row>
    <row r="99449" spans="14:14">
      <c r="N99449" s="10"/>
    </row>
    <row r="99450" spans="14:14">
      <c r="N99450" s="10"/>
    </row>
    <row r="99451" spans="14:14">
      <c r="N99451" s="10"/>
    </row>
    <row r="99452" spans="14:14">
      <c r="N99452" s="10"/>
    </row>
    <row r="99453" spans="14:14">
      <c r="N99453" s="10"/>
    </row>
    <row r="99454" spans="14:14">
      <c r="N99454" s="10"/>
    </row>
    <row r="99455" spans="14:14">
      <c r="N99455" s="10"/>
    </row>
    <row r="99456" spans="14:14">
      <c r="N99456" s="10"/>
    </row>
    <row r="99457" spans="14:14">
      <c r="N99457" s="10"/>
    </row>
    <row r="99458" spans="14:14">
      <c r="N99458" s="10"/>
    </row>
    <row r="99459" spans="14:14">
      <c r="N99459" s="10"/>
    </row>
    <row r="99460" spans="14:14">
      <c r="N99460" s="10"/>
    </row>
    <row r="99461" spans="14:14">
      <c r="N99461" s="10"/>
    </row>
    <row r="99462" spans="14:14">
      <c r="N99462" s="10"/>
    </row>
    <row r="99463" spans="14:14">
      <c r="N99463" s="10"/>
    </row>
    <row r="99464" spans="14:14">
      <c r="N99464" s="10"/>
    </row>
    <row r="99465" spans="14:14">
      <c r="N99465" s="10"/>
    </row>
    <row r="99466" spans="14:14">
      <c r="N99466" s="10"/>
    </row>
    <row r="99467" spans="14:14">
      <c r="N99467" s="10"/>
    </row>
    <row r="99468" spans="14:14">
      <c r="N99468" s="10"/>
    </row>
    <row r="99469" spans="14:14">
      <c r="N99469" s="10"/>
    </row>
    <row r="99470" spans="14:14">
      <c r="N99470" s="10"/>
    </row>
    <row r="99471" spans="14:14">
      <c r="N99471" s="10"/>
    </row>
    <row r="99472" spans="14:14">
      <c r="N99472" s="10"/>
    </row>
    <row r="99473" spans="14:14">
      <c r="N99473" s="10"/>
    </row>
    <row r="99474" spans="14:14">
      <c r="N99474" s="10"/>
    </row>
    <row r="99475" spans="14:14">
      <c r="N99475" s="10"/>
    </row>
    <row r="99476" spans="14:14">
      <c r="N99476" s="10"/>
    </row>
    <row r="99477" spans="14:14">
      <c r="N99477" s="10"/>
    </row>
    <row r="99478" spans="14:14">
      <c r="N99478" s="10"/>
    </row>
    <row r="99479" spans="14:14">
      <c r="N99479" s="10"/>
    </row>
    <row r="99480" spans="14:14">
      <c r="N99480" s="10"/>
    </row>
    <row r="99481" spans="14:14">
      <c r="N99481" s="10"/>
    </row>
    <row r="99482" spans="14:14">
      <c r="N99482" s="10"/>
    </row>
    <row r="99483" spans="14:14">
      <c r="N99483" s="10"/>
    </row>
    <row r="99484" spans="14:14">
      <c r="N99484" s="10"/>
    </row>
    <row r="99485" spans="14:14">
      <c r="N99485" s="10"/>
    </row>
    <row r="99486" spans="14:14">
      <c r="N99486" s="10"/>
    </row>
    <row r="99487" spans="14:14">
      <c r="N99487" s="10"/>
    </row>
    <row r="99488" spans="14:14">
      <c r="N99488" s="10"/>
    </row>
    <row r="99489" spans="14:14">
      <c r="N99489" s="10"/>
    </row>
    <row r="99490" spans="14:14">
      <c r="N99490" s="10"/>
    </row>
    <row r="99491" spans="14:14">
      <c r="N99491" s="10"/>
    </row>
    <row r="99492" spans="14:14">
      <c r="N99492" s="10"/>
    </row>
    <row r="99493" spans="14:14">
      <c r="N99493" s="10"/>
    </row>
    <row r="99494" spans="14:14">
      <c r="N99494" s="10"/>
    </row>
    <row r="99495" spans="14:14">
      <c r="N99495" s="10"/>
    </row>
    <row r="99496" spans="14:14">
      <c r="N99496" s="10"/>
    </row>
    <row r="99497" spans="14:14">
      <c r="N99497" s="10"/>
    </row>
    <row r="99498" spans="14:14">
      <c r="N99498" s="10"/>
    </row>
    <row r="99499" spans="14:14">
      <c r="N99499" s="10"/>
    </row>
    <row r="99500" spans="14:14">
      <c r="N99500" s="10"/>
    </row>
    <row r="99501" spans="14:14">
      <c r="N99501" s="10"/>
    </row>
    <row r="99502" spans="14:14">
      <c r="N99502" s="10"/>
    </row>
    <row r="99503" spans="14:14">
      <c r="N99503" s="10"/>
    </row>
    <row r="99504" spans="14:14">
      <c r="N99504" s="10"/>
    </row>
    <row r="99505" spans="14:14">
      <c r="N99505" s="10"/>
    </row>
    <row r="99506" spans="14:14">
      <c r="N99506" s="10"/>
    </row>
    <row r="99507" spans="14:14">
      <c r="N99507" s="10"/>
    </row>
    <row r="99508" spans="14:14">
      <c r="N99508" s="10"/>
    </row>
    <row r="99509" spans="14:14">
      <c r="N99509" s="10"/>
    </row>
    <row r="99510" spans="14:14">
      <c r="N99510" s="10"/>
    </row>
    <row r="99511" spans="14:14">
      <c r="N99511" s="10"/>
    </row>
    <row r="99512" spans="14:14">
      <c r="N99512" s="10"/>
    </row>
    <row r="99513" spans="14:14">
      <c r="N99513" s="10"/>
    </row>
    <row r="99514" spans="14:14">
      <c r="N99514" s="10"/>
    </row>
    <row r="99515" spans="14:14">
      <c r="N99515" s="10"/>
    </row>
    <row r="99516" spans="14:14">
      <c r="N99516" s="10"/>
    </row>
    <row r="99517" spans="14:14">
      <c r="N99517" s="10"/>
    </row>
    <row r="99518" spans="14:14">
      <c r="N99518" s="10"/>
    </row>
    <row r="99519" spans="14:14">
      <c r="N99519" s="10"/>
    </row>
    <row r="99520" spans="14:14">
      <c r="N99520" s="10"/>
    </row>
    <row r="99521" spans="14:14">
      <c r="N99521" s="10"/>
    </row>
    <row r="99522" spans="14:14">
      <c r="N99522" s="10"/>
    </row>
    <row r="99523" spans="14:14">
      <c r="N99523" s="10"/>
    </row>
    <row r="99524" spans="14:14">
      <c r="N99524" s="10"/>
    </row>
    <row r="99525" spans="14:14">
      <c r="N99525" s="10"/>
    </row>
    <row r="99526" spans="14:14">
      <c r="N99526" s="10"/>
    </row>
    <row r="99527" spans="14:14">
      <c r="N99527" s="10"/>
    </row>
    <row r="99528" spans="14:14">
      <c r="N99528" s="10"/>
    </row>
    <row r="99529" spans="14:14">
      <c r="N99529" s="10"/>
    </row>
    <row r="99530" spans="14:14">
      <c r="N99530" s="10"/>
    </row>
    <row r="99531" spans="14:14">
      <c r="N99531" s="10"/>
    </row>
    <row r="99532" spans="14:14">
      <c r="N99532" s="10"/>
    </row>
    <row r="99533" spans="14:14">
      <c r="N99533" s="10"/>
    </row>
    <row r="99534" spans="14:14">
      <c r="N99534" s="10"/>
    </row>
    <row r="99535" spans="14:14">
      <c r="N99535" s="10"/>
    </row>
    <row r="99536" spans="14:14">
      <c r="N99536" s="10"/>
    </row>
    <row r="99537" spans="14:14">
      <c r="N99537" s="10"/>
    </row>
    <row r="99538" spans="14:14">
      <c r="N99538" s="10"/>
    </row>
    <row r="99539" spans="14:14">
      <c r="N99539" s="10"/>
    </row>
    <row r="99540" spans="14:14">
      <c r="N99540" s="10"/>
    </row>
    <row r="99541" spans="14:14">
      <c r="N99541" s="10"/>
    </row>
    <row r="99542" spans="14:14">
      <c r="N99542" s="10"/>
    </row>
    <row r="99543" spans="14:14">
      <c r="N99543" s="10"/>
    </row>
    <row r="99544" spans="14:14">
      <c r="N99544" s="10"/>
    </row>
    <row r="99545" spans="14:14">
      <c r="N99545" s="10"/>
    </row>
    <row r="99546" spans="14:14">
      <c r="N99546" s="10"/>
    </row>
    <row r="99547" spans="14:14">
      <c r="N99547" s="10"/>
    </row>
    <row r="99548" spans="14:14">
      <c r="N99548" s="10"/>
    </row>
    <row r="99549" spans="14:14">
      <c r="N99549" s="10"/>
    </row>
    <row r="99550" spans="14:14">
      <c r="N99550" s="10"/>
    </row>
    <row r="99551" spans="14:14">
      <c r="N99551" s="10"/>
    </row>
    <row r="99552" spans="14:14">
      <c r="N99552" s="10"/>
    </row>
    <row r="99553" spans="14:14">
      <c r="N99553" s="10"/>
    </row>
    <row r="99554" spans="14:14">
      <c r="N99554" s="10"/>
    </row>
    <row r="99555" spans="14:14">
      <c r="N99555" s="10"/>
    </row>
    <row r="99556" spans="14:14">
      <c r="N99556" s="10"/>
    </row>
    <row r="99557" spans="14:14">
      <c r="N99557" s="10"/>
    </row>
    <row r="99558" spans="14:14">
      <c r="N99558" s="10"/>
    </row>
    <row r="99559" spans="14:14">
      <c r="N99559" s="10"/>
    </row>
    <row r="99560" spans="14:14">
      <c r="N99560" s="10"/>
    </row>
    <row r="99561" spans="14:14">
      <c r="N99561" s="10"/>
    </row>
    <row r="99562" spans="14:14">
      <c r="N99562" s="10"/>
    </row>
    <row r="99563" spans="14:14">
      <c r="N99563" s="10"/>
    </row>
    <row r="99564" spans="14:14">
      <c r="N99564" s="10"/>
    </row>
    <row r="99565" spans="14:14">
      <c r="N99565" s="10"/>
    </row>
    <row r="99566" spans="14:14">
      <c r="N99566" s="10"/>
    </row>
    <row r="99567" spans="14:14">
      <c r="N99567" s="10"/>
    </row>
    <row r="99568" spans="14:14">
      <c r="N99568" s="10"/>
    </row>
    <row r="99569" spans="14:14">
      <c r="N99569" s="10"/>
    </row>
    <row r="99570" spans="14:14">
      <c r="N99570" s="10"/>
    </row>
    <row r="99571" spans="14:14">
      <c r="N99571" s="10"/>
    </row>
    <row r="99572" spans="14:14">
      <c r="N99572" s="10"/>
    </row>
    <row r="99573" spans="14:14">
      <c r="N99573" s="10"/>
    </row>
    <row r="99574" spans="14:14">
      <c r="N99574" s="10"/>
    </row>
    <row r="99575" spans="14:14">
      <c r="N99575" s="10"/>
    </row>
    <row r="99576" spans="14:14">
      <c r="N99576" s="10"/>
    </row>
    <row r="99577" spans="14:14">
      <c r="N99577" s="10"/>
    </row>
    <row r="99578" spans="14:14">
      <c r="N99578" s="10"/>
    </row>
    <row r="99579" spans="14:14">
      <c r="N99579" s="10"/>
    </row>
    <row r="99580" spans="14:14">
      <c r="N99580" s="10"/>
    </row>
    <row r="99581" spans="14:14">
      <c r="N99581" s="10"/>
    </row>
    <row r="99582" spans="14:14">
      <c r="N99582" s="10"/>
    </row>
    <row r="99583" spans="14:14">
      <c r="N99583" s="10"/>
    </row>
    <row r="99584" spans="14:14">
      <c r="N99584" s="10"/>
    </row>
    <row r="99585" spans="14:14">
      <c r="N99585" s="10"/>
    </row>
    <row r="99586" spans="14:14">
      <c r="N99586" s="10"/>
    </row>
    <row r="99587" spans="14:14">
      <c r="N99587" s="10"/>
    </row>
    <row r="99588" spans="14:14">
      <c r="N99588" s="10"/>
    </row>
    <row r="99589" spans="14:14">
      <c r="N99589" s="10"/>
    </row>
    <row r="99590" spans="14:14">
      <c r="N99590" s="10"/>
    </row>
    <row r="99591" spans="14:14">
      <c r="N99591" s="10"/>
    </row>
    <row r="99592" spans="14:14">
      <c r="N99592" s="10"/>
    </row>
    <row r="99593" spans="14:14">
      <c r="N99593" s="10"/>
    </row>
    <row r="99594" spans="14:14">
      <c r="N99594" s="10"/>
    </row>
    <row r="99595" spans="14:14">
      <c r="N99595" s="10"/>
    </row>
    <row r="99596" spans="14:14">
      <c r="N99596" s="10"/>
    </row>
    <row r="99597" spans="14:14">
      <c r="N99597" s="10"/>
    </row>
    <row r="99598" spans="14:14">
      <c r="N99598" s="10"/>
    </row>
    <row r="99599" spans="14:14">
      <c r="N99599" s="10"/>
    </row>
    <row r="99600" spans="14:14">
      <c r="N99600" s="10"/>
    </row>
    <row r="99601" spans="14:14">
      <c r="N99601" s="10"/>
    </row>
    <row r="99602" spans="14:14">
      <c r="N99602" s="10"/>
    </row>
    <row r="99603" spans="14:14">
      <c r="N99603" s="10"/>
    </row>
    <row r="99604" spans="14:14">
      <c r="N99604" s="10"/>
    </row>
    <row r="99605" spans="14:14">
      <c r="N99605" s="10"/>
    </row>
    <row r="99606" spans="14:14">
      <c r="N99606" s="10"/>
    </row>
    <row r="99607" spans="14:14">
      <c r="N99607" s="10"/>
    </row>
    <row r="99608" spans="14:14">
      <c r="N99608" s="10"/>
    </row>
    <row r="99609" spans="14:14">
      <c r="N99609" s="10"/>
    </row>
    <row r="99610" spans="14:14">
      <c r="N99610" s="10"/>
    </row>
    <row r="99611" spans="14:14">
      <c r="N99611" s="10"/>
    </row>
    <row r="99612" spans="14:14">
      <c r="N99612" s="10"/>
    </row>
    <row r="99613" spans="14:14">
      <c r="N99613" s="10"/>
    </row>
    <row r="99614" spans="14:14">
      <c r="N99614" s="10"/>
    </row>
    <row r="99615" spans="14:14">
      <c r="N99615" s="10"/>
    </row>
    <row r="99616" spans="14:14">
      <c r="N99616" s="10"/>
    </row>
    <row r="99617" spans="14:14">
      <c r="N99617" s="10"/>
    </row>
    <row r="99618" spans="14:14">
      <c r="N99618" s="10"/>
    </row>
    <row r="99619" spans="14:14">
      <c r="N99619" s="10"/>
    </row>
    <row r="99620" spans="14:14">
      <c r="N99620" s="10"/>
    </row>
    <row r="99621" spans="14:14">
      <c r="N99621" s="10"/>
    </row>
    <row r="99622" spans="14:14">
      <c r="N99622" s="10"/>
    </row>
    <row r="99623" spans="14:14">
      <c r="N99623" s="10"/>
    </row>
    <row r="99624" spans="14:14">
      <c r="N99624" s="10"/>
    </row>
    <row r="99625" spans="14:14">
      <c r="N99625" s="10"/>
    </row>
    <row r="99626" spans="14:14">
      <c r="N99626" s="10"/>
    </row>
    <row r="99627" spans="14:14">
      <c r="N99627" s="10"/>
    </row>
    <row r="99628" spans="14:14">
      <c r="N99628" s="10"/>
    </row>
    <row r="99629" spans="14:14">
      <c r="N99629" s="10"/>
    </row>
    <row r="99630" spans="14:14">
      <c r="N99630" s="10"/>
    </row>
    <row r="99631" spans="14:14">
      <c r="N99631" s="10"/>
    </row>
    <row r="99632" spans="14:14">
      <c r="N99632" s="10"/>
    </row>
    <row r="99633" spans="14:14">
      <c r="N99633" s="10"/>
    </row>
    <row r="99634" spans="14:14">
      <c r="N99634" s="10"/>
    </row>
    <row r="99635" spans="14:14">
      <c r="N99635" s="10"/>
    </row>
    <row r="99636" spans="14:14">
      <c r="N99636" s="10"/>
    </row>
    <row r="99637" spans="14:14">
      <c r="N99637" s="10"/>
    </row>
    <row r="99638" spans="14:14">
      <c r="N99638" s="10"/>
    </row>
    <row r="99639" spans="14:14">
      <c r="N99639" s="10"/>
    </row>
    <row r="99640" spans="14:14">
      <c r="N99640" s="10"/>
    </row>
    <row r="99641" spans="14:14">
      <c r="N99641" s="10"/>
    </row>
    <row r="99642" spans="14:14">
      <c r="N99642" s="10"/>
    </row>
    <row r="99643" spans="14:14">
      <c r="N99643" s="10"/>
    </row>
    <row r="99644" spans="14:14">
      <c r="N99644" s="10"/>
    </row>
    <row r="99645" spans="14:14">
      <c r="N99645" s="10"/>
    </row>
    <row r="99646" spans="14:14">
      <c r="N99646" s="10"/>
    </row>
    <row r="99647" spans="14:14">
      <c r="N99647" s="10"/>
    </row>
    <row r="99648" spans="14:14">
      <c r="N99648" s="10"/>
    </row>
    <row r="99649" spans="14:14">
      <c r="N99649" s="10"/>
    </row>
    <row r="99650" spans="14:14">
      <c r="N99650" s="10"/>
    </row>
    <row r="99651" spans="14:14">
      <c r="N99651" s="10"/>
    </row>
    <row r="99652" spans="14:14">
      <c r="N99652" s="10"/>
    </row>
    <row r="99653" spans="14:14">
      <c r="N99653" s="10"/>
    </row>
    <row r="99654" spans="14:14">
      <c r="N99654" s="10"/>
    </row>
    <row r="99655" spans="14:14">
      <c r="N99655" s="10"/>
    </row>
    <row r="99656" spans="14:14">
      <c r="N99656" s="10"/>
    </row>
    <row r="99657" spans="14:14">
      <c r="N99657" s="10"/>
    </row>
    <row r="99658" spans="14:14">
      <c r="N99658" s="10"/>
    </row>
    <row r="99659" spans="14:14">
      <c r="N99659" s="10"/>
    </row>
    <row r="99660" spans="14:14">
      <c r="N99660" s="10"/>
    </row>
    <row r="99661" spans="14:14">
      <c r="N99661" s="10"/>
    </row>
    <row r="99662" spans="14:14">
      <c r="N99662" s="10"/>
    </row>
    <row r="99663" spans="14:14">
      <c r="N99663" s="10"/>
    </row>
    <row r="99664" spans="14:14">
      <c r="N99664" s="10"/>
    </row>
    <row r="99665" spans="14:14">
      <c r="N99665" s="10"/>
    </row>
    <row r="99666" spans="14:14">
      <c r="N99666" s="10"/>
    </row>
    <row r="99667" spans="14:14">
      <c r="N99667" s="10"/>
    </row>
    <row r="99668" spans="14:14">
      <c r="N99668" s="10"/>
    </row>
    <row r="99669" spans="14:14">
      <c r="N99669" s="10"/>
    </row>
    <row r="99670" spans="14:14">
      <c r="N99670" s="10"/>
    </row>
    <row r="99671" spans="14:14">
      <c r="N99671" s="10"/>
    </row>
    <row r="99672" spans="14:14">
      <c r="N99672" s="10"/>
    </row>
    <row r="99673" spans="14:14">
      <c r="N99673" s="10"/>
    </row>
    <row r="99674" spans="14:14">
      <c r="N99674" s="10"/>
    </row>
    <row r="99675" spans="14:14">
      <c r="N99675" s="10"/>
    </row>
    <row r="99676" spans="14:14">
      <c r="N99676" s="10"/>
    </row>
    <row r="99677" spans="14:14">
      <c r="N99677" s="10"/>
    </row>
    <row r="99678" spans="14:14">
      <c r="N99678" s="10"/>
    </row>
    <row r="99679" spans="14:14">
      <c r="N99679" s="10"/>
    </row>
    <row r="99680" spans="14:14">
      <c r="N99680" s="10"/>
    </row>
    <row r="99681" spans="14:14">
      <c r="N99681" s="10"/>
    </row>
    <row r="99682" spans="14:14">
      <c r="N99682" s="10"/>
    </row>
    <row r="99683" spans="14:14">
      <c r="N99683" s="10"/>
    </row>
    <row r="99684" spans="14:14">
      <c r="N99684" s="10"/>
    </row>
    <row r="99685" spans="14:14">
      <c r="N99685" s="10"/>
    </row>
    <row r="99686" spans="14:14">
      <c r="N99686" s="10"/>
    </row>
    <row r="99687" spans="14:14">
      <c r="N99687" s="10"/>
    </row>
    <row r="99688" spans="14:14">
      <c r="N99688" s="10"/>
    </row>
    <row r="99689" spans="14:14">
      <c r="N99689" s="10"/>
    </row>
    <row r="99690" spans="14:14">
      <c r="N99690" s="10"/>
    </row>
    <row r="99691" spans="14:14">
      <c r="N99691" s="10"/>
    </row>
    <row r="99692" spans="14:14">
      <c r="N99692" s="10"/>
    </row>
    <row r="99693" spans="14:14">
      <c r="N99693" s="10"/>
    </row>
    <row r="99694" spans="14:14">
      <c r="N99694" s="10"/>
    </row>
    <row r="99695" spans="14:14">
      <c r="N99695" s="10"/>
    </row>
    <row r="99696" spans="14:14">
      <c r="N99696" s="10"/>
    </row>
    <row r="99697" spans="14:14">
      <c r="N99697" s="10"/>
    </row>
    <row r="99698" spans="14:14">
      <c r="N99698" s="10"/>
    </row>
    <row r="99699" spans="14:14">
      <c r="N99699" s="10"/>
    </row>
    <row r="99700" spans="14:14">
      <c r="N99700" s="10"/>
    </row>
    <row r="99701" spans="14:14">
      <c r="N99701" s="10"/>
    </row>
    <row r="99702" spans="14:14">
      <c r="N99702" s="10"/>
    </row>
    <row r="99703" spans="14:14">
      <c r="N99703" s="10"/>
    </row>
    <row r="99704" spans="14:14">
      <c r="N99704" s="10"/>
    </row>
    <row r="99705" spans="14:14">
      <c r="N99705" s="10"/>
    </row>
    <row r="99706" spans="14:14">
      <c r="N99706" s="10"/>
    </row>
    <row r="99707" spans="14:14">
      <c r="N99707" s="10"/>
    </row>
    <row r="99708" spans="14:14">
      <c r="N99708" s="10"/>
    </row>
    <row r="99709" spans="14:14">
      <c r="N99709" s="10"/>
    </row>
    <row r="99710" spans="14:14">
      <c r="N99710" s="10"/>
    </row>
    <row r="99711" spans="14:14">
      <c r="N99711" s="10"/>
    </row>
    <row r="99712" spans="14:14">
      <c r="N99712" s="10"/>
    </row>
    <row r="99713" spans="14:14">
      <c r="N99713" s="10"/>
    </row>
    <row r="99714" spans="14:14">
      <c r="N99714" s="10"/>
    </row>
    <row r="99715" spans="14:14">
      <c r="N99715" s="10"/>
    </row>
    <row r="99716" spans="14:14">
      <c r="N99716" s="10"/>
    </row>
    <row r="99717" spans="14:14">
      <c r="N99717" s="10"/>
    </row>
    <row r="99718" spans="14:14">
      <c r="N99718" s="10"/>
    </row>
    <row r="99719" spans="14:14">
      <c r="N99719" s="10"/>
    </row>
    <row r="99720" spans="14:14">
      <c r="N99720" s="10"/>
    </row>
    <row r="99721" spans="14:14">
      <c r="N99721" s="10"/>
    </row>
    <row r="99722" spans="14:14">
      <c r="N99722" s="10"/>
    </row>
    <row r="99723" spans="14:14">
      <c r="N99723" s="10"/>
    </row>
    <row r="99724" spans="14:14">
      <c r="N99724" s="10"/>
    </row>
    <row r="99725" spans="14:14">
      <c r="N99725" s="10"/>
    </row>
    <row r="99726" spans="14:14">
      <c r="N99726" s="10"/>
    </row>
    <row r="99727" spans="14:14">
      <c r="N99727" s="10"/>
    </row>
    <row r="99728" spans="14:14">
      <c r="N99728" s="10"/>
    </row>
    <row r="99729" spans="14:14">
      <c r="N99729" s="10"/>
    </row>
    <row r="99730" spans="14:14">
      <c r="N99730" s="10"/>
    </row>
    <row r="99731" spans="14:14">
      <c r="N99731" s="10"/>
    </row>
    <row r="99732" spans="14:14">
      <c r="N99732" s="10"/>
    </row>
    <row r="99733" spans="14:14">
      <c r="N99733" s="10"/>
    </row>
    <row r="99734" spans="14:14">
      <c r="N99734" s="10"/>
    </row>
    <row r="99735" spans="14:14">
      <c r="N99735" s="10"/>
    </row>
    <row r="99736" spans="14:14">
      <c r="N99736" s="10"/>
    </row>
    <row r="99737" spans="14:14">
      <c r="N99737" s="10"/>
    </row>
    <row r="99738" spans="14:14">
      <c r="N99738" s="10"/>
    </row>
    <row r="99739" spans="14:14">
      <c r="N99739" s="10"/>
    </row>
    <row r="99740" spans="14:14">
      <c r="N99740" s="10"/>
    </row>
    <row r="99741" spans="14:14">
      <c r="N99741" s="10"/>
    </row>
    <row r="99742" spans="14:14">
      <c r="N99742" s="10"/>
    </row>
    <row r="99743" spans="14:14">
      <c r="N99743" s="10"/>
    </row>
    <row r="99744" spans="14:14">
      <c r="N99744" s="10"/>
    </row>
    <row r="99745" spans="14:14">
      <c r="N99745" s="10"/>
    </row>
    <row r="99746" spans="14:14">
      <c r="N99746" s="10"/>
    </row>
    <row r="99747" spans="14:14">
      <c r="N99747" s="10"/>
    </row>
    <row r="99748" spans="14:14">
      <c r="N99748" s="10"/>
    </row>
    <row r="99749" spans="14:14">
      <c r="N99749" s="10"/>
    </row>
    <row r="99750" spans="14:14">
      <c r="N99750" s="10"/>
    </row>
    <row r="99751" spans="14:14">
      <c r="N99751" s="10"/>
    </row>
    <row r="99752" spans="14:14">
      <c r="N99752" s="10"/>
    </row>
    <row r="99753" spans="14:14">
      <c r="N99753" s="10"/>
    </row>
    <row r="99754" spans="14:14">
      <c r="N99754" s="10"/>
    </row>
    <row r="99755" spans="14:14">
      <c r="N99755" s="10"/>
    </row>
    <row r="99756" spans="14:14">
      <c r="N99756" s="10"/>
    </row>
    <row r="99757" spans="14:14">
      <c r="N99757" s="10"/>
    </row>
    <row r="99758" spans="14:14">
      <c r="N99758" s="10"/>
    </row>
    <row r="99759" spans="14:14">
      <c r="N99759" s="10"/>
    </row>
    <row r="99760" spans="14:14">
      <c r="N99760" s="10"/>
    </row>
    <row r="99761" spans="14:14">
      <c r="N99761" s="10"/>
    </row>
    <row r="99762" spans="14:14">
      <c r="N99762" s="10"/>
    </row>
    <row r="99763" spans="14:14">
      <c r="N99763" s="10"/>
    </row>
    <row r="99764" spans="14:14">
      <c r="N99764" s="10"/>
    </row>
    <row r="99765" spans="14:14">
      <c r="N99765" s="10"/>
    </row>
    <row r="99766" spans="14:14">
      <c r="N99766" s="10"/>
    </row>
    <row r="99767" spans="14:14">
      <c r="N99767" s="10"/>
    </row>
    <row r="99768" spans="14:14">
      <c r="N99768" s="10"/>
    </row>
    <row r="99769" spans="14:14">
      <c r="N99769" s="10"/>
    </row>
    <row r="99770" spans="14:14">
      <c r="N99770" s="10"/>
    </row>
    <row r="99771" spans="14:14">
      <c r="N99771" s="10"/>
    </row>
    <row r="99772" spans="14:14">
      <c r="N99772" s="10"/>
    </row>
    <row r="99773" spans="14:14">
      <c r="N99773" s="10"/>
    </row>
    <row r="99774" spans="14:14">
      <c r="N99774" s="10"/>
    </row>
    <row r="99775" spans="14:14">
      <c r="N99775" s="10"/>
    </row>
    <row r="99776" spans="14:14">
      <c r="N99776" s="10"/>
    </row>
    <row r="99777" spans="14:14">
      <c r="N99777" s="10"/>
    </row>
    <row r="99778" spans="14:14">
      <c r="N99778" s="10"/>
    </row>
    <row r="99779" spans="14:14">
      <c r="N99779" s="10"/>
    </row>
    <row r="99780" spans="14:14">
      <c r="N99780" s="10"/>
    </row>
    <row r="99781" spans="14:14">
      <c r="N99781" s="10"/>
    </row>
    <row r="99782" spans="14:14">
      <c r="N99782" s="10"/>
    </row>
    <row r="99783" spans="14:14">
      <c r="N99783" s="10"/>
    </row>
    <row r="99784" spans="14:14">
      <c r="N99784" s="10"/>
    </row>
    <row r="99785" spans="14:14">
      <c r="N99785" s="10"/>
    </row>
    <row r="99786" spans="14:14">
      <c r="N99786" s="10"/>
    </row>
    <row r="99787" spans="14:14">
      <c r="N99787" s="10"/>
    </row>
    <row r="99788" spans="14:14">
      <c r="N99788" s="10"/>
    </row>
    <row r="99789" spans="14:14">
      <c r="N99789" s="10"/>
    </row>
    <row r="99790" spans="14:14">
      <c r="N99790" s="10"/>
    </row>
    <row r="99791" spans="14:14">
      <c r="N99791" s="10"/>
    </row>
    <row r="99792" spans="14:14">
      <c r="N99792" s="10"/>
    </row>
    <row r="99793" spans="14:14">
      <c r="N99793" s="10"/>
    </row>
    <row r="99794" spans="14:14">
      <c r="N99794" s="10"/>
    </row>
    <row r="99795" spans="14:14">
      <c r="N99795" s="10"/>
    </row>
    <row r="99796" spans="14:14">
      <c r="N99796" s="10"/>
    </row>
    <row r="99797" spans="14:14">
      <c r="N99797" s="10"/>
    </row>
    <row r="99798" spans="14:14">
      <c r="N99798" s="10"/>
    </row>
    <row r="99799" spans="14:14">
      <c r="N99799" s="10"/>
    </row>
    <row r="99800" spans="14:14">
      <c r="N99800" s="10"/>
    </row>
    <row r="99801" spans="14:14">
      <c r="N99801" s="10"/>
    </row>
    <row r="99802" spans="14:14">
      <c r="N99802" s="10"/>
    </row>
    <row r="99803" spans="14:14">
      <c r="N99803" s="10"/>
    </row>
    <row r="99804" spans="14:14">
      <c r="N99804" s="10"/>
    </row>
    <row r="99805" spans="14:14">
      <c r="N99805" s="10"/>
    </row>
    <row r="99806" spans="14:14">
      <c r="N99806" s="10"/>
    </row>
    <row r="99807" spans="14:14">
      <c r="N99807" s="10"/>
    </row>
    <row r="99808" spans="14:14">
      <c r="N99808" s="10"/>
    </row>
    <row r="99809" spans="14:14">
      <c r="N99809" s="10"/>
    </row>
    <row r="99810" spans="14:14">
      <c r="N99810" s="10"/>
    </row>
    <row r="99811" spans="14:14">
      <c r="N99811" s="10"/>
    </row>
    <row r="99812" spans="14:14">
      <c r="N99812" s="10"/>
    </row>
    <row r="99813" spans="14:14">
      <c r="N99813" s="10"/>
    </row>
    <row r="99814" spans="14:14">
      <c r="N99814" s="10"/>
    </row>
    <row r="99815" spans="14:14">
      <c r="N99815" s="10"/>
    </row>
    <row r="99816" spans="14:14">
      <c r="N99816" s="10"/>
    </row>
    <row r="99817" spans="14:14">
      <c r="N99817" s="10"/>
    </row>
    <row r="99818" spans="14:14">
      <c r="N99818" s="10"/>
    </row>
    <row r="99819" spans="14:14">
      <c r="N99819" s="10"/>
    </row>
    <row r="99820" spans="14:14">
      <c r="N99820" s="10"/>
    </row>
    <row r="99821" spans="14:14">
      <c r="N99821" s="10"/>
    </row>
    <row r="99822" spans="14:14">
      <c r="N99822" s="10"/>
    </row>
    <row r="99823" spans="14:14">
      <c r="N99823" s="10"/>
    </row>
    <row r="99824" spans="14:14">
      <c r="N99824" s="10"/>
    </row>
    <row r="99825" spans="14:14">
      <c r="N99825" s="10"/>
    </row>
    <row r="99826" spans="14:14">
      <c r="N99826" s="10"/>
    </row>
    <row r="99827" spans="14:14">
      <c r="N99827" s="10"/>
    </row>
    <row r="99828" spans="14:14">
      <c r="N99828" s="10"/>
    </row>
    <row r="99829" spans="14:14">
      <c r="N99829" s="10"/>
    </row>
    <row r="99830" spans="14:14">
      <c r="N99830" s="10"/>
    </row>
    <row r="99831" spans="14:14">
      <c r="N99831" s="10"/>
    </row>
    <row r="99832" spans="14:14">
      <c r="N99832" s="10"/>
    </row>
    <row r="99833" spans="14:14">
      <c r="N99833" s="10"/>
    </row>
    <row r="99834" spans="14:14">
      <c r="N99834" s="10"/>
    </row>
    <row r="99835" spans="14:14">
      <c r="N99835" s="10"/>
    </row>
    <row r="99836" spans="14:14">
      <c r="N99836" s="10"/>
    </row>
    <row r="99837" spans="14:14">
      <c r="N99837" s="10"/>
    </row>
    <row r="99838" spans="14:14">
      <c r="N99838" s="10"/>
    </row>
    <row r="99839" spans="14:14">
      <c r="N99839" s="10"/>
    </row>
    <row r="99840" spans="14:14">
      <c r="N99840" s="10"/>
    </row>
    <row r="99841" spans="14:14">
      <c r="N99841" s="10"/>
    </row>
    <row r="99842" spans="14:14">
      <c r="N99842" s="10"/>
    </row>
    <row r="99843" spans="14:14">
      <c r="N99843" s="10"/>
    </row>
    <row r="99844" spans="14:14">
      <c r="N99844" s="10"/>
    </row>
    <row r="99845" spans="14:14">
      <c r="N99845" s="10"/>
    </row>
    <row r="99846" spans="14:14">
      <c r="N99846" s="10"/>
    </row>
    <row r="99847" spans="14:14">
      <c r="N99847" s="10"/>
    </row>
    <row r="99848" spans="14:14">
      <c r="N99848" s="10"/>
    </row>
    <row r="99849" spans="14:14">
      <c r="N99849" s="10"/>
    </row>
    <row r="99850" spans="14:14">
      <c r="N99850" s="10"/>
    </row>
    <row r="99851" spans="14:14">
      <c r="N99851" s="10"/>
    </row>
    <row r="99852" spans="14:14">
      <c r="N99852" s="10"/>
    </row>
    <row r="99853" spans="14:14">
      <c r="N99853" s="10"/>
    </row>
    <row r="99854" spans="14:14">
      <c r="N99854" s="10"/>
    </row>
    <row r="99855" spans="14:14">
      <c r="N99855" s="10"/>
    </row>
    <row r="99856" spans="14:14">
      <c r="N99856" s="10"/>
    </row>
    <row r="99857" spans="14:14">
      <c r="N99857" s="10"/>
    </row>
    <row r="99858" spans="14:14">
      <c r="N99858" s="10"/>
    </row>
    <row r="99859" spans="14:14">
      <c r="N99859" s="10"/>
    </row>
    <row r="99860" spans="14:14">
      <c r="N99860" s="10"/>
    </row>
    <row r="99861" spans="14:14">
      <c r="N99861" s="10"/>
    </row>
    <row r="99862" spans="14:14">
      <c r="N99862" s="10"/>
    </row>
    <row r="99863" spans="14:14">
      <c r="N99863" s="10"/>
    </row>
    <row r="99864" spans="14:14">
      <c r="N99864" s="10"/>
    </row>
    <row r="99865" spans="14:14">
      <c r="N99865" s="10"/>
    </row>
    <row r="99866" spans="14:14">
      <c r="N99866" s="10"/>
    </row>
    <row r="99867" spans="14:14">
      <c r="N99867" s="10"/>
    </row>
    <row r="99868" spans="14:14">
      <c r="N99868" s="10"/>
    </row>
    <row r="99869" spans="14:14">
      <c r="N99869" s="10"/>
    </row>
    <row r="99870" spans="14:14">
      <c r="N99870" s="10"/>
    </row>
    <row r="99871" spans="14:14">
      <c r="N99871" s="10"/>
    </row>
    <row r="99872" spans="14:14">
      <c r="N99872" s="10"/>
    </row>
    <row r="99873" spans="14:14">
      <c r="N99873" s="10"/>
    </row>
    <row r="99874" spans="14:14">
      <c r="N99874" s="10"/>
    </row>
    <row r="99875" spans="14:14">
      <c r="N99875" s="10"/>
    </row>
    <row r="99876" spans="14:14">
      <c r="N99876" s="10"/>
    </row>
    <row r="99877" spans="14:14">
      <c r="N99877" s="10"/>
    </row>
    <row r="99878" spans="14:14">
      <c r="N99878" s="10"/>
    </row>
    <row r="99879" spans="14:14">
      <c r="N99879" s="10"/>
    </row>
    <row r="99880" spans="14:14">
      <c r="N99880" s="10"/>
    </row>
    <row r="99881" spans="14:14">
      <c r="N99881" s="10"/>
    </row>
    <row r="99882" spans="14:14">
      <c r="N99882" s="10"/>
    </row>
    <row r="99883" spans="14:14">
      <c r="N99883" s="10"/>
    </row>
    <row r="99884" spans="14:14">
      <c r="N99884" s="10"/>
    </row>
    <row r="99885" spans="14:14">
      <c r="N99885" s="10"/>
    </row>
    <row r="99886" spans="14:14">
      <c r="N99886" s="10"/>
    </row>
    <row r="99887" spans="14:14">
      <c r="N99887" s="10"/>
    </row>
    <row r="99888" spans="14:14">
      <c r="N99888" s="10"/>
    </row>
    <row r="99889" spans="14:14">
      <c r="N99889" s="10"/>
    </row>
    <row r="99890" spans="14:14">
      <c r="N99890" s="10"/>
    </row>
    <row r="99891" spans="14:14">
      <c r="N99891" s="10"/>
    </row>
    <row r="99892" spans="14:14">
      <c r="N99892" s="10"/>
    </row>
    <row r="99893" spans="14:14">
      <c r="N99893" s="10"/>
    </row>
    <row r="99894" spans="14:14">
      <c r="N99894" s="10"/>
    </row>
    <row r="99895" spans="14:14">
      <c r="N99895" s="10"/>
    </row>
    <row r="99896" spans="14:14">
      <c r="N99896" s="10"/>
    </row>
    <row r="99897" spans="14:14">
      <c r="N99897" s="10"/>
    </row>
    <row r="99898" spans="14:14">
      <c r="N99898" s="10"/>
    </row>
    <row r="99899" spans="14:14">
      <c r="N99899" s="10"/>
    </row>
    <row r="99900" spans="14:14">
      <c r="N99900" s="10"/>
    </row>
    <row r="99901" spans="14:14">
      <c r="N99901" s="10"/>
    </row>
    <row r="99902" spans="14:14">
      <c r="N99902" s="10"/>
    </row>
    <row r="99903" spans="14:14">
      <c r="N99903" s="10"/>
    </row>
    <row r="99904" spans="14:14">
      <c r="N99904" s="10"/>
    </row>
    <row r="99905" spans="14:14">
      <c r="N99905" s="10"/>
    </row>
    <row r="99906" spans="14:14">
      <c r="N99906" s="10"/>
    </row>
    <row r="99907" spans="14:14">
      <c r="N99907" s="10"/>
    </row>
    <row r="99908" spans="14:14">
      <c r="N99908" s="10"/>
    </row>
    <row r="99909" spans="14:14">
      <c r="N99909" s="10"/>
    </row>
    <row r="99910" spans="14:14">
      <c r="N99910" s="10"/>
    </row>
    <row r="99911" spans="14:14">
      <c r="N99911" s="10"/>
    </row>
    <row r="99912" spans="14:14">
      <c r="N99912" s="10"/>
    </row>
    <row r="99913" spans="14:14">
      <c r="N99913" s="10"/>
    </row>
    <row r="99914" spans="14:14">
      <c r="N99914" s="10"/>
    </row>
    <row r="99915" spans="14:14">
      <c r="N99915" s="10"/>
    </row>
    <row r="99916" spans="14:14">
      <c r="N99916" s="10"/>
    </row>
    <row r="99917" spans="14:14">
      <c r="N99917" s="10"/>
    </row>
    <row r="99918" spans="14:14">
      <c r="N99918" s="10"/>
    </row>
    <row r="99919" spans="14:14">
      <c r="N99919" s="10"/>
    </row>
    <row r="99920" spans="14:14">
      <c r="N99920" s="10"/>
    </row>
    <row r="99921" spans="14:14">
      <c r="N99921" s="10"/>
    </row>
    <row r="99922" spans="14:14">
      <c r="N99922" s="10"/>
    </row>
    <row r="99923" spans="14:14">
      <c r="N99923" s="10"/>
    </row>
    <row r="99924" spans="14:14">
      <c r="N99924" s="10"/>
    </row>
    <row r="99925" spans="14:14">
      <c r="N99925" s="10"/>
    </row>
    <row r="99926" spans="14:14">
      <c r="N99926" s="10"/>
    </row>
    <row r="99927" spans="14:14">
      <c r="N99927" s="10"/>
    </row>
    <row r="99928" spans="14:14">
      <c r="N99928" s="10"/>
    </row>
    <row r="99929" spans="14:14">
      <c r="N99929" s="10"/>
    </row>
    <row r="99930" spans="14:14">
      <c r="N99930" s="10"/>
    </row>
    <row r="99931" spans="14:14">
      <c r="N99931" s="10"/>
    </row>
    <row r="99932" spans="14:14">
      <c r="N99932" s="10"/>
    </row>
    <row r="99933" spans="14:14">
      <c r="N99933" s="10"/>
    </row>
    <row r="99934" spans="14:14">
      <c r="N99934" s="10"/>
    </row>
    <row r="99935" spans="14:14">
      <c r="N99935" s="10"/>
    </row>
    <row r="99936" spans="14:14">
      <c r="N99936" s="10"/>
    </row>
    <row r="99937" spans="14:14">
      <c r="N99937" s="10"/>
    </row>
    <row r="99938" spans="14:14">
      <c r="N99938" s="10"/>
    </row>
    <row r="99939" spans="14:14">
      <c r="N99939" s="10"/>
    </row>
    <row r="99940" spans="14:14">
      <c r="N99940" s="10"/>
    </row>
    <row r="99941" spans="14:14">
      <c r="N99941" s="10"/>
    </row>
    <row r="99942" spans="14:14">
      <c r="N99942" s="10"/>
    </row>
    <row r="99943" spans="14:14">
      <c r="N99943" s="10"/>
    </row>
    <row r="99944" spans="14:14">
      <c r="N99944" s="10"/>
    </row>
    <row r="99945" spans="14:14">
      <c r="N99945" s="10"/>
    </row>
    <row r="99946" spans="14:14">
      <c r="N99946" s="10"/>
    </row>
    <row r="99947" spans="14:14">
      <c r="N99947" s="10"/>
    </row>
    <row r="99948" spans="14:14">
      <c r="N99948" s="10"/>
    </row>
    <row r="99949" spans="14:14">
      <c r="N99949" s="10"/>
    </row>
    <row r="99950" spans="14:14">
      <c r="N99950" s="10"/>
    </row>
    <row r="99951" spans="14:14">
      <c r="N99951" s="10"/>
    </row>
    <row r="99952" spans="14:14">
      <c r="N99952" s="10"/>
    </row>
    <row r="99953" spans="14:14">
      <c r="N99953" s="10"/>
    </row>
    <row r="99954" spans="14:14">
      <c r="N99954" s="10"/>
    </row>
    <row r="99955" spans="14:14">
      <c r="N99955" s="10"/>
    </row>
    <row r="99956" spans="14:14">
      <c r="N99956" s="10"/>
    </row>
    <row r="99957" spans="14:14">
      <c r="N99957" s="10"/>
    </row>
    <row r="99958" spans="14:14">
      <c r="N99958" s="10"/>
    </row>
    <row r="99959" spans="14:14">
      <c r="N99959" s="10"/>
    </row>
    <row r="99960" spans="14:14">
      <c r="N99960" s="10"/>
    </row>
    <row r="99961" spans="14:14">
      <c r="N99961" s="10"/>
    </row>
    <row r="99962" spans="14:14">
      <c r="N99962" s="10"/>
    </row>
    <row r="99963" spans="14:14">
      <c r="N99963" s="10"/>
    </row>
    <row r="99964" spans="14:14">
      <c r="N99964" s="10"/>
    </row>
    <row r="99965" spans="14:14">
      <c r="N99965" s="10"/>
    </row>
    <row r="99966" spans="14:14">
      <c r="N99966" s="10"/>
    </row>
    <row r="99967" spans="14:14">
      <c r="N99967" s="10"/>
    </row>
    <row r="99968" spans="14:14">
      <c r="N99968" s="10"/>
    </row>
    <row r="99969" spans="14:14">
      <c r="N99969" s="10"/>
    </row>
    <row r="99970" spans="14:14">
      <c r="N99970" s="10"/>
    </row>
    <row r="99971" spans="14:14">
      <c r="N99971" s="10"/>
    </row>
    <row r="99972" spans="14:14">
      <c r="N99972" s="10"/>
    </row>
    <row r="99973" spans="14:14">
      <c r="N99973" s="10"/>
    </row>
    <row r="99974" spans="14:14">
      <c r="N99974" s="10"/>
    </row>
    <row r="99975" spans="14:14">
      <c r="N99975" s="10"/>
    </row>
    <row r="99976" spans="14:14">
      <c r="N99976" s="10"/>
    </row>
    <row r="99977" spans="14:14">
      <c r="N99977" s="10"/>
    </row>
    <row r="99978" spans="14:14">
      <c r="N99978" s="10"/>
    </row>
    <row r="99979" spans="14:14">
      <c r="N99979" s="10"/>
    </row>
    <row r="99980" spans="14:14">
      <c r="N99980" s="10"/>
    </row>
    <row r="99981" spans="14:14">
      <c r="N99981" s="10"/>
    </row>
    <row r="99982" spans="14:14">
      <c r="N99982" s="10"/>
    </row>
    <row r="99983" spans="14:14">
      <c r="N99983" s="10"/>
    </row>
    <row r="99984" spans="14:14">
      <c r="N99984" s="10"/>
    </row>
    <row r="99985" spans="14:14">
      <c r="N99985" s="10"/>
    </row>
    <row r="99986" spans="14:14">
      <c r="N99986" s="10"/>
    </row>
    <row r="99987" spans="14:14">
      <c r="N99987" s="10"/>
    </row>
    <row r="99988" spans="14:14">
      <c r="N99988" s="10"/>
    </row>
    <row r="99989" spans="14:14">
      <c r="N99989" s="10"/>
    </row>
    <row r="99990" spans="14:14">
      <c r="N99990" s="10"/>
    </row>
    <row r="99991" spans="14:14">
      <c r="N99991" s="10"/>
    </row>
    <row r="99992" spans="14:14">
      <c r="N99992" s="10"/>
    </row>
    <row r="99993" spans="14:14">
      <c r="N99993" s="10"/>
    </row>
    <row r="99994" spans="14:14">
      <c r="N99994" s="10"/>
    </row>
    <row r="99995" spans="14:14">
      <c r="N99995" s="10"/>
    </row>
    <row r="99996" spans="14:14">
      <c r="N99996" s="10"/>
    </row>
    <row r="99997" spans="14:14">
      <c r="N99997" s="10"/>
    </row>
    <row r="99998" spans="14:14">
      <c r="N99998" s="10"/>
    </row>
    <row r="99999" spans="14:14">
      <c r="N99999" s="10"/>
    </row>
    <row r="100000" spans="14:14">
      <c r="N100000" s="10"/>
    </row>
    <row r="100001" spans="14:14">
      <c r="N100001" s="10"/>
    </row>
    <row r="100002" spans="14:14">
      <c r="N100002" s="10"/>
    </row>
    <row r="100003" spans="14:14">
      <c r="N100003" s="10"/>
    </row>
    <row r="100004" spans="14:14">
      <c r="N100004" s="10"/>
    </row>
    <row r="100005" spans="14:14">
      <c r="N100005" s="10"/>
    </row>
    <row r="100006" spans="14:14">
      <c r="N100006" s="10"/>
    </row>
    <row r="100007" spans="14:14">
      <c r="N100007" s="10"/>
    </row>
    <row r="100008" spans="14:14">
      <c r="N100008" s="10"/>
    </row>
    <row r="100009" spans="14:14">
      <c r="N100009" s="10"/>
    </row>
    <row r="100010" spans="14:14">
      <c r="N100010" s="10"/>
    </row>
    <row r="100011" spans="14:14">
      <c r="N100011" s="10"/>
    </row>
    <row r="100012" spans="14:14">
      <c r="N100012" s="10"/>
    </row>
    <row r="100013" spans="14:14">
      <c r="N100013" s="10"/>
    </row>
    <row r="100014" spans="14:14">
      <c r="N100014" s="10"/>
    </row>
    <row r="100015" spans="14:14">
      <c r="N100015" s="10"/>
    </row>
    <row r="100016" spans="14:14">
      <c r="N100016" s="10"/>
    </row>
    <row r="100017" spans="14:14">
      <c r="N100017" s="10"/>
    </row>
    <row r="100018" spans="14:14">
      <c r="N100018" s="10"/>
    </row>
    <row r="100019" spans="14:14">
      <c r="N100019" s="10"/>
    </row>
    <row r="100020" spans="14:14">
      <c r="N100020" s="10"/>
    </row>
    <row r="100021" spans="14:14">
      <c r="N100021" s="10"/>
    </row>
    <row r="100022" spans="14:14">
      <c r="N100022" s="10"/>
    </row>
    <row r="100023" spans="14:14">
      <c r="N100023" s="10"/>
    </row>
    <row r="100024" spans="14:14">
      <c r="N100024" s="10"/>
    </row>
    <row r="100025" spans="14:14">
      <c r="N100025" s="10"/>
    </row>
    <row r="100026" spans="14:14">
      <c r="N100026" s="10"/>
    </row>
    <row r="100027" spans="14:14">
      <c r="N100027" s="10"/>
    </row>
    <row r="100028" spans="14:14">
      <c r="N100028" s="10"/>
    </row>
    <row r="100029" spans="14:14">
      <c r="N100029" s="10"/>
    </row>
    <row r="100030" spans="14:14">
      <c r="N100030" s="10"/>
    </row>
    <row r="100031" spans="14:14">
      <c r="N100031" s="10"/>
    </row>
    <row r="100032" spans="14:14">
      <c r="N100032" s="10"/>
    </row>
    <row r="100033" spans="14:14">
      <c r="N100033" s="10"/>
    </row>
    <row r="100034" spans="14:14">
      <c r="N100034" s="10"/>
    </row>
    <row r="100035" spans="14:14">
      <c r="N100035" s="10"/>
    </row>
    <row r="100036" spans="14:14">
      <c r="N100036" s="10"/>
    </row>
    <row r="100037" spans="14:14">
      <c r="N100037" s="10"/>
    </row>
    <row r="100038" spans="14:14">
      <c r="N100038" s="10"/>
    </row>
    <row r="100039" spans="14:14">
      <c r="N100039" s="10"/>
    </row>
    <row r="100040" spans="14:14">
      <c r="N100040" s="10"/>
    </row>
    <row r="100041" spans="14:14">
      <c r="N100041" s="10"/>
    </row>
    <row r="100042" spans="14:14">
      <c r="N100042" s="10"/>
    </row>
    <row r="100043" spans="14:14">
      <c r="N100043" s="10"/>
    </row>
    <row r="100044" spans="14:14">
      <c r="N100044" s="10"/>
    </row>
    <row r="100045" spans="14:14">
      <c r="N100045" s="10"/>
    </row>
    <row r="100046" spans="14:14">
      <c r="N100046" s="10"/>
    </row>
    <row r="100047" spans="14:14">
      <c r="N100047" s="10"/>
    </row>
    <row r="100048" spans="14:14">
      <c r="N100048" s="10"/>
    </row>
    <row r="100049" spans="14:14">
      <c r="N100049" s="10"/>
    </row>
    <row r="100050" spans="14:14">
      <c r="N100050" s="10"/>
    </row>
    <row r="100051" spans="14:14">
      <c r="N100051" s="10"/>
    </row>
    <row r="100052" spans="14:14">
      <c r="N100052" s="10"/>
    </row>
    <row r="100053" spans="14:14">
      <c r="N100053" s="10"/>
    </row>
    <row r="100054" spans="14:14">
      <c r="N100054" s="10"/>
    </row>
    <row r="100055" spans="14:14">
      <c r="N100055" s="10"/>
    </row>
    <row r="100056" spans="14:14">
      <c r="N100056" s="10"/>
    </row>
    <row r="100057" spans="14:14">
      <c r="N100057" s="10"/>
    </row>
    <row r="100058" spans="14:14">
      <c r="N100058" s="10"/>
    </row>
    <row r="100059" spans="14:14">
      <c r="N100059" s="10"/>
    </row>
    <row r="100060" spans="14:14">
      <c r="N100060" s="10"/>
    </row>
    <row r="100061" spans="14:14">
      <c r="N100061" s="10"/>
    </row>
    <row r="100062" spans="14:14">
      <c r="N100062" s="10"/>
    </row>
    <row r="100063" spans="14:14">
      <c r="N100063" s="10"/>
    </row>
    <row r="100064" spans="14:14">
      <c r="N100064" s="10"/>
    </row>
    <row r="100065" spans="14:14">
      <c r="N100065" s="10"/>
    </row>
    <row r="100066" spans="14:14">
      <c r="N100066" s="10"/>
    </row>
    <row r="100067" spans="14:14">
      <c r="N100067" s="10"/>
    </row>
    <row r="100068" spans="14:14">
      <c r="N100068" s="10"/>
    </row>
    <row r="100069" spans="14:14">
      <c r="N100069" s="10"/>
    </row>
    <row r="100070" spans="14:14">
      <c r="N100070" s="10"/>
    </row>
    <row r="100071" spans="14:14">
      <c r="N100071" s="10"/>
    </row>
    <row r="100072" spans="14:14">
      <c r="N100072" s="10"/>
    </row>
    <row r="100073" spans="14:14">
      <c r="N100073" s="10"/>
    </row>
    <row r="100074" spans="14:14">
      <c r="N100074" s="10"/>
    </row>
    <row r="100075" spans="14:14">
      <c r="N100075" s="10"/>
    </row>
    <row r="100076" spans="14:14">
      <c r="N100076" s="10"/>
    </row>
    <row r="100077" spans="14:14">
      <c r="N100077" s="10"/>
    </row>
    <row r="100078" spans="14:14">
      <c r="N100078" s="10"/>
    </row>
    <row r="100079" spans="14:14">
      <c r="N100079" s="10"/>
    </row>
    <row r="100080" spans="14:14">
      <c r="N100080" s="10"/>
    </row>
    <row r="100081" spans="14:14">
      <c r="N100081" s="10"/>
    </row>
    <row r="100082" spans="14:14">
      <c r="N100082" s="10"/>
    </row>
    <row r="100083" spans="14:14">
      <c r="N100083" s="10"/>
    </row>
    <row r="100084" spans="14:14">
      <c r="N100084" s="10"/>
    </row>
    <row r="100085" spans="14:14">
      <c r="N100085" s="10"/>
    </row>
    <row r="100086" spans="14:14">
      <c r="N100086" s="10"/>
    </row>
    <row r="100087" spans="14:14">
      <c r="N100087" s="10"/>
    </row>
    <row r="100088" spans="14:14">
      <c r="N100088" s="10"/>
    </row>
    <row r="100089" spans="14:14">
      <c r="N100089" s="10"/>
    </row>
    <row r="100090" spans="14:14">
      <c r="N100090" s="10"/>
    </row>
    <row r="100091" spans="14:14">
      <c r="N100091" s="10"/>
    </row>
    <row r="100092" spans="14:14">
      <c r="N100092" s="10"/>
    </row>
    <row r="100093" spans="14:14">
      <c r="N100093" s="10"/>
    </row>
    <row r="100094" spans="14:14">
      <c r="N100094" s="10"/>
    </row>
    <row r="100095" spans="14:14">
      <c r="N100095" s="10"/>
    </row>
    <row r="100096" spans="14:14">
      <c r="N100096" s="10"/>
    </row>
    <row r="100097" spans="14:14">
      <c r="N100097" s="10"/>
    </row>
    <row r="100098" spans="14:14">
      <c r="N100098" s="10"/>
    </row>
    <row r="100099" spans="14:14">
      <c r="N100099" s="10"/>
    </row>
    <row r="100100" spans="14:14">
      <c r="N100100" s="10"/>
    </row>
    <row r="100101" spans="14:14">
      <c r="N100101" s="10"/>
    </row>
    <row r="100102" spans="14:14">
      <c r="N100102" s="10"/>
    </row>
    <row r="100103" spans="14:14">
      <c r="N100103" s="10"/>
    </row>
    <row r="100104" spans="14:14">
      <c r="N100104" s="10"/>
    </row>
    <row r="100105" spans="14:14">
      <c r="N100105" s="10"/>
    </row>
    <row r="100106" spans="14:14">
      <c r="N100106" s="10"/>
    </row>
    <row r="100107" spans="14:14">
      <c r="N100107" s="10"/>
    </row>
    <row r="100108" spans="14:14">
      <c r="N100108" s="10"/>
    </row>
    <row r="100109" spans="14:14">
      <c r="N100109" s="10"/>
    </row>
    <row r="100110" spans="14:14">
      <c r="N100110" s="10"/>
    </row>
    <row r="100111" spans="14:14">
      <c r="N100111" s="10"/>
    </row>
    <row r="100112" spans="14:14">
      <c r="N100112" s="10"/>
    </row>
    <row r="100113" spans="14:14">
      <c r="N100113" s="10"/>
    </row>
    <row r="100114" spans="14:14">
      <c r="N100114" s="10"/>
    </row>
    <row r="100115" spans="14:14">
      <c r="N100115" s="10"/>
    </row>
    <row r="100116" spans="14:14">
      <c r="N100116" s="10"/>
    </row>
    <row r="100117" spans="14:14">
      <c r="N100117" s="10"/>
    </row>
    <row r="100118" spans="14:14">
      <c r="N100118" s="10"/>
    </row>
    <row r="100119" spans="14:14">
      <c r="N100119" s="10"/>
    </row>
    <row r="100120" spans="14:14">
      <c r="N100120" s="10"/>
    </row>
    <row r="100121" spans="14:14">
      <c r="N100121" s="10"/>
    </row>
    <row r="100122" spans="14:14">
      <c r="N100122" s="10"/>
    </row>
    <row r="100123" spans="14:14">
      <c r="N100123" s="10"/>
    </row>
    <row r="100124" spans="14:14">
      <c r="N100124" s="10"/>
    </row>
    <row r="100125" spans="14:14">
      <c r="N100125" s="10"/>
    </row>
    <row r="100126" spans="14:14">
      <c r="N100126" s="10"/>
    </row>
    <row r="100127" spans="14:14">
      <c r="N100127" s="10"/>
    </row>
    <row r="100128" spans="14:14">
      <c r="N100128" s="10"/>
    </row>
    <row r="100129" spans="14:14">
      <c r="N100129" s="10"/>
    </row>
    <row r="100130" spans="14:14">
      <c r="N100130" s="10"/>
    </row>
    <row r="100131" spans="14:14">
      <c r="N100131" s="10"/>
    </row>
    <row r="100132" spans="14:14">
      <c r="N100132" s="10"/>
    </row>
    <row r="100133" spans="14:14">
      <c r="N100133" s="10"/>
    </row>
    <row r="100134" spans="14:14">
      <c r="N100134" s="10"/>
    </row>
    <row r="100135" spans="14:14">
      <c r="N100135" s="10"/>
    </row>
    <row r="100136" spans="14:14">
      <c r="N100136" s="10"/>
    </row>
    <row r="100137" spans="14:14">
      <c r="N100137" s="10"/>
    </row>
    <row r="100138" spans="14:14">
      <c r="N100138" s="10"/>
    </row>
    <row r="100139" spans="14:14">
      <c r="N100139" s="10"/>
    </row>
    <row r="100140" spans="14:14">
      <c r="N100140" s="10"/>
    </row>
    <row r="100141" spans="14:14">
      <c r="N100141" s="10"/>
    </row>
    <row r="100142" spans="14:14">
      <c r="N100142" s="10"/>
    </row>
    <row r="100143" spans="14:14">
      <c r="N100143" s="10"/>
    </row>
    <row r="100144" spans="14:14">
      <c r="N100144" s="10"/>
    </row>
    <row r="100145" spans="14:14">
      <c r="N100145" s="10"/>
    </row>
    <row r="100146" spans="14:14">
      <c r="N100146" s="10"/>
    </row>
    <row r="100147" spans="14:14">
      <c r="N100147" s="10"/>
    </row>
    <row r="100148" spans="14:14">
      <c r="N100148" s="10"/>
    </row>
    <row r="100149" spans="14:14">
      <c r="N100149" s="10"/>
    </row>
    <row r="100150" spans="14:14">
      <c r="N100150" s="10"/>
    </row>
    <row r="100151" spans="14:14">
      <c r="N100151" s="10"/>
    </row>
    <row r="100152" spans="14:14">
      <c r="N100152" s="10"/>
    </row>
    <row r="100153" spans="14:14">
      <c r="N100153" s="10"/>
    </row>
    <row r="100154" spans="14:14">
      <c r="N100154" s="10"/>
    </row>
    <row r="100155" spans="14:14">
      <c r="N100155" s="10"/>
    </row>
    <row r="100156" spans="14:14">
      <c r="N100156" s="10"/>
    </row>
    <row r="100157" spans="14:14">
      <c r="N100157" s="10"/>
    </row>
    <row r="100158" spans="14:14">
      <c r="N100158" s="10"/>
    </row>
    <row r="100159" spans="14:14">
      <c r="N100159" s="10"/>
    </row>
    <row r="100160" spans="14:14">
      <c r="N100160" s="10"/>
    </row>
    <row r="100161" spans="14:14">
      <c r="N100161" s="10"/>
    </row>
    <row r="100162" spans="14:14">
      <c r="N100162" s="10"/>
    </row>
    <row r="100163" spans="14:14">
      <c r="N100163" s="10"/>
    </row>
    <row r="100164" spans="14:14">
      <c r="N100164" s="10"/>
    </row>
    <row r="100165" spans="14:14">
      <c r="N100165" s="10"/>
    </row>
    <row r="100166" spans="14:14">
      <c r="N100166" s="10"/>
    </row>
    <row r="100167" spans="14:14">
      <c r="N100167" s="10"/>
    </row>
    <row r="100168" spans="14:14">
      <c r="N100168" s="10"/>
    </row>
    <row r="100169" spans="14:14">
      <c r="N100169" s="10"/>
    </row>
    <row r="100170" spans="14:14">
      <c r="N100170" s="10"/>
    </row>
    <row r="100171" spans="14:14">
      <c r="N100171" s="10"/>
    </row>
    <row r="100172" spans="14:14">
      <c r="N100172" s="10"/>
    </row>
    <row r="100173" spans="14:14">
      <c r="N100173" s="10"/>
    </row>
    <row r="100174" spans="14:14">
      <c r="N100174" s="10"/>
    </row>
    <row r="100175" spans="14:14">
      <c r="N100175" s="10"/>
    </row>
    <row r="100176" spans="14:14">
      <c r="N100176" s="10"/>
    </row>
    <row r="100177" spans="14:14">
      <c r="N100177" s="10"/>
    </row>
    <row r="100178" spans="14:14">
      <c r="N100178" s="10"/>
    </row>
    <row r="100179" spans="14:14">
      <c r="N100179" s="10"/>
    </row>
    <row r="100180" spans="14:14">
      <c r="N100180" s="10"/>
    </row>
    <row r="100181" spans="14:14">
      <c r="N100181" s="10"/>
    </row>
    <row r="100182" spans="14:14">
      <c r="N100182" s="10"/>
    </row>
    <row r="100183" spans="14:14">
      <c r="N100183" s="10"/>
    </row>
    <row r="100184" spans="14:14">
      <c r="N100184" s="10"/>
    </row>
    <row r="100185" spans="14:14">
      <c r="N100185" s="10"/>
    </row>
    <row r="100186" spans="14:14">
      <c r="N100186" s="10"/>
    </row>
    <row r="100187" spans="14:14">
      <c r="N100187" s="10"/>
    </row>
    <row r="100188" spans="14:14">
      <c r="N100188" s="10"/>
    </row>
    <row r="100189" spans="14:14">
      <c r="N100189" s="10"/>
    </row>
    <row r="100190" spans="14:14">
      <c r="N100190" s="10"/>
    </row>
    <row r="100191" spans="14:14">
      <c r="N100191" s="10"/>
    </row>
    <row r="100192" spans="14:14">
      <c r="N100192" s="10"/>
    </row>
    <row r="100193" spans="14:14">
      <c r="N100193" s="10"/>
    </row>
    <row r="100194" spans="14:14">
      <c r="N100194" s="10"/>
    </row>
    <row r="100195" spans="14:14">
      <c r="N100195" s="10"/>
    </row>
    <row r="100196" spans="14:14">
      <c r="N100196" s="10"/>
    </row>
    <row r="100197" spans="14:14">
      <c r="N100197" s="10"/>
    </row>
    <row r="100198" spans="14:14">
      <c r="N100198" s="10"/>
    </row>
    <row r="100199" spans="14:14">
      <c r="N100199" s="10"/>
    </row>
    <row r="100200" spans="14:14">
      <c r="N100200" s="10"/>
    </row>
    <row r="100201" spans="14:14">
      <c r="N100201" s="10"/>
    </row>
    <row r="100202" spans="14:14">
      <c r="N100202" s="10"/>
    </row>
    <row r="100203" spans="14:14">
      <c r="N100203" s="10"/>
    </row>
    <row r="100204" spans="14:14">
      <c r="N100204" s="10"/>
    </row>
    <row r="100205" spans="14:14">
      <c r="N100205" s="10"/>
    </row>
    <row r="100206" spans="14:14">
      <c r="N100206" s="10"/>
    </row>
    <row r="100207" spans="14:14">
      <c r="N100207" s="10"/>
    </row>
    <row r="100208" spans="14:14">
      <c r="N100208" s="10"/>
    </row>
    <row r="100209" spans="14:14">
      <c r="N100209" s="10"/>
    </row>
    <row r="100210" spans="14:14">
      <c r="N100210" s="10"/>
    </row>
    <row r="100211" spans="14:14">
      <c r="N100211" s="10"/>
    </row>
    <row r="100212" spans="14:14">
      <c r="N100212" s="10"/>
    </row>
    <row r="100213" spans="14:14">
      <c r="N100213" s="10"/>
    </row>
    <row r="100214" spans="14:14">
      <c r="N100214" s="10"/>
    </row>
    <row r="100215" spans="14:14">
      <c r="N100215" s="10"/>
    </row>
    <row r="100216" spans="14:14">
      <c r="N100216" s="10"/>
    </row>
    <row r="100217" spans="14:14">
      <c r="N100217" s="10"/>
    </row>
    <row r="100218" spans="14:14">
      <c r="N100218" s="10"/>
    </row>
    <row r="100219" spans="14:14">
      <c r="N100219" s="10"/>
    </row>
    <row r="100220" spans="14:14">
      <c r="N100220" s="10"/>
    </row>
    <row r="100221" spans="14:14">
      <c r="N100221" s="10"/>
    </row>
    <row r="100222" spans="14:14">
      <c r="N100222" s="10"/>
    </row>
    <row r="100223" spans="14:14">
      <c r="N100223" s="10"/>
    </row>
    <row r="100224" spans="14:14">
      <c r="N100224" s="10"/>
    </row>
    <row r="100225" spans="14:14">
      <c r="N100225" s="10"/>
    </row>
    <row r="100226" spans="14:14">
      <c r="N100226" s="10"/>
    </row>
    <row r="100227" spans="14:14">
      <c r="N100227" s="10"/>
    </row>
    <row r="100228" spans="14:14">
      <c r="N100228" s="10"/>
    </row>
    <row r="100229" spans="14:14">
      <c r="N100229" s="10"/>
    </row>
    <row r="100230" spans="14:14">
      <c r="N100230" s="10"/>
    </row>
    <row r="100231" spans="14:14">
      <c r="N100231" s="10"/>
    </row>
    <row r="100232" spans="14:14">
      <c r="N100232" s="10"/>
    </row>
    <row r="100233" spans="14:14">
      <c r="N100233" s="10"/>
    </row>
    <row r="100234" spans="14:14">
      <c r="N100234" s="10"/>
    </row>
    <row r="100235" spans="14:14">
      <c r="N100235" s="10"/>
    </row>
    <row r="100236" spans="14:14">
      <c r="N100236" s="10"/>
    </row>
    <row r="100237" spans="14:14">
      <c r="N100237" s="10"/>
    </row>
    <row r="100238" spans="14:14">
      <c r="N100238" s="10"/>
    </row>
    <row r="100239" spans="14:14">
      <c r="N100239" s="10"/>
    </row>
    <row r="100240" spans="14:14">
      <c r="N100240" s="10"/>
    </row>
    <row r="100241" spans="14:14">
      <c r="N100241" s="10"/>
    </row>
    <row r="100242" spans="14:14">
      <c r="N100242" s="10"/>
    </row>
    <row r="100243" spans="14:14">
      <c r="N100243" s="10"/>
    </row>
    <row r="100244" spans="14:14">
      <c r="N100244" s="10"/>
    </row>
    <row r="100245" spans="14:14">
      <c r="N100245" s="10"/>
    </row>
    <row r="100246" spans="14:14">
      <c r="N100246" s="10"/>
    </row>
    <row r="100247" spans="14:14">
      <c r="N100247" s="10"/>
    </row>
    <row r="100248" spans="14:14">
      <c r="N100248" s="10"/>
    </row>
    <row r="100249" spans="14:14">
      <c r="N100249" s="10"/>
    </row>
    <row r="100250" spans="14:14">
      <c r="N100250" s="10"/>
    </row>
    <row r="100251" spans="14:14">
      <c r="N100251" s="10"/>
    </row>
    <row r="100252" spans="14:14">
      <c r="N100252" s="10"/>
    </row>
    <row r="100253" spans="14:14">
      <c r="N100253" s="10"/>
    </row>
    <row r="100254" spans="14:14">
      <c r="N100254" s="10"/>
    </row>
    <row r="100255" spans="14:14">
      <c r="N100255" s="10"/>
    </row>
    <row r="100256" spans="14:14">
      <c r="N100256" s="10"/>
    </row>
    <row r="100257" spans="14:14">
      <c r="N100257" s="10"/>
    </row>
    <row r="100258" spans="14:14">
      <c r="N100258" s="10"/>
    </row>
    <row r="100259" spans="14:14">
      <c r="N100259" s="10"/>
    </row>
    <row r="100260" spans="14:14">
      <c r="N100260" s="10"/>
    </row>
    <row r="100261" spans="14:14">
      <c r="N100261" s="10"/>
    </row>
    <row r="100262" spans="14:14">
      <c r="N100262" s="10"/>
    </row>
    <row r="100263" spans="14:14">
      <c r="N100263" s="10"/>
    </row>
    <row r="100264" spans="14:14">
      <c r="N100264" s="10"/>
    </row>
    <row r="100265" spans="14:14">
      <c r="N100265" s="10"/>
    </row>
    <row r="100266" spans="14:14">
      <c r="N100266" s="10"/>
    </row>
    <row r="100267" spans="14:14">
      <c r="N100267" s="10"/>
    </row>
    <row r="100268" spans="14:14">
      <c r="N100268" s="10"/>
    </row>
    <row r="100269" spans="14:14">
      <c r="N100269" s="10"/>
    </row>
    <row r="100270" spans="14:14">
      <c r="N100270" s="10"/>
    </row>
    <row r="100271" spans="14:14">
      <c r="N100271" s="10"/>
    </row>
    <row r="100272" spans="14:14">
      <c r="N100272" s="10"/>
    </row>
    <row r="100273" spans="14:14">
      <c r="N100273" s="10"/>
    </row>
    <row r="100274" spans="14:14">
      <c r="N100274" s="10"/>
    </row>
    <row r="100275" spans="14:14">
      <c r="N100275" s="10"/>
    </row>
    <row r="100276" spans="14:14">
      <c r="N100276" s="10"/>
    </row>
    <row r="100277" spans="14:14">
      <c r="N100277" s="10"/>
    </row>
    <row r="100278" spans="14:14">
      <c r="N100278" s="10"/>
    </row>
    <row r="100279" spans="14:14">
      <c r="N100279" s="10"/>
    </row>
    <row r="100280" spans="14:14">
      <c r="N100280" s="10"/>
    </row>
    <row r="100281" spans="14:14">
      <c r="N100281" s="10"/>
    </row>
    <row r="100282" spans="14:14">
      <c r="N100282" s="10"/>
    </row>
    <row r="100283" spans="14:14">
      <c r="N100283" s="10"/>
    </row>
    <row r="100284" spans="14:14">
      <c r="N100284" s="10"/>
    </row>
    <row r="100285" spans="14:14">
      <c r="N100285" s="10"/>
    </row>
    <row r="100286" spans="14:14">
      <c r="N100286" s="10"/>
    </row>
    <row r="100287" spans="14:14">
      <c r="N100287" s="10"/>
    </row>
    <row r="100288" spans="14:14">
      <c r="N100288" s="10"/>
    </row>
    <row r="100289" spans="14:14">
      <c r="N100289" s="10"/>
    </row>
    <row r="100290" spans="14:14">
      <c r="N100290" s="10"/>
    </row>
    <row r="100291" spans="14:14">
      <c r="N100291" s="10"/>
    </row>
    <row r="100292" spans="14:14">
      <c r="N100292" s="10"/>
    </row>
    <row r="100293" spans="14:14">
      <c r="N100293" s="10"/>
    </row>
    <row r="100294" spans="14:14">
      <c r="N100294" s="10"/>
    </row>
    <row r="100295" spans="14:14">
      <c r="N100295" s="10"/>
    </row>
    <row r="100296" spans="14:14">
      <c r="N100296" s="10"/>
    </row>
    <row r="100297" spans="14:14">
      <c r="N100297" s="10"/>
    </row>
    <row r="100298" spans="14:14">
      <c r="N100298" s="10"/>
    </row>
    <row r="100299" spans="14:14">
      <c r="N100299" s="10"/>
    </row>
    <row r="100300" spans="14:14">
      <c r="N100300" s="10"/>
    </row>
    <row r="100301" spans="14:14">
      <c r="N100301" s="10"/>
    </row>
    <row r="100302" spans="14:14">
      <c r="N100302" s="10"/>
    </row>
    <row r="100303" spans="14:14">
      <c r="N100303" s="10"/>
    </row>
    <row r="100304" spans="14:14">
      <c r="N100304" s="10"/>
    </row>
    <row r="100305" spans="14:14">
      <c r="N100305" s="10"/>
    </row>
    <row r="100306" spans="14:14">
      <c r="N100306" s="10"/>
    </row>
    <row r="100307" spans="14:14">
      <c r="N100307" s="10"/>
    </row>
    <row r="100308" spans="14:14">
      <c r="N100308" s="10"/>
    </row>
    <row r="100309" spans="14:14">
      <c r="N100309" s="10"/>
    </row>
    <row r="100310" spans="14:14">
      <c r="N100310" s="10"/>
    </row>
    <row r="100311" spans="14:14">
      <c r="N100311" s="10"/>
    </row>
    <row r="100312" spans="14:14">
      <c r="N100312" s="10"/>
    </row>
    <row r="100313" spans="14:14">
      <c r="N100313" s="10"/>
    </row>
    <row r="100314" spans="14:14">
      <c r="N100314" s="10"/>
    </row>
    <row r="100315" spans="14:14">
      <c r="N100315" s="10"/>
    </row>
    <row r="100316" spans="14:14">
      <c r="N100316" s="10"/>
    </row>
    <row r="100317" spans="14:14">
      <c r="N100317" s="10"/>
    </row>
    <row r="100318" spans="14:14">
      <c r="N100318" s="10"/>
    </row>
    <row r="100319" spans="14:14">
      <c r="N100319" s="10"/>
    </row>
    <row r="100320" spans="14:14">
      <c r="N100320" s="10"/>
    </row>
    <row r="100321" spans="14:14">
      <c r="N100321" s="10"/>
    </row>
    <row r="100322" spans="14:14">
      <c r="N100322" s="10"/>
    </row>
    <row r="100323" spans="14:14">
      <c r="N100323" s="10"/>
    </row>
    <row r="100324" spans="14:14">
      <c r="N100324" s="10"/>
    </row>
    <row r="100325" spans="14:14">
      <c r="N100325" s="10"/>
    </row>
    <row r="100326" spans="14:14">
      <c r="N100326" s="10"/>
    </row>
    <row r="100327" spans="14:14">
      <c r="N100327" s="10"/>
    </row>
    <row r="100328" spans="14:14">
      <c r="N100328" s="10"/>
    </row>
    <row r="100329" spans="14:14">
      <c r="N100329" s="10"/>
    </row>
    <row r="100330" spans="14:14">
      <c r="N100330" s="10"/>
    </row>
    <row r="100331" spans="14:14">
      <c r="N100331" s="10"/>
    </row>
    <row r="100332" spans="14:14">
      <c r="N100332" s="10"/>
    </row>
    <row r="100333" spans="14:14">
      <c r="N100333" s="10"/>
    </row>
    <row r="100334" spans="14:14">
      <c r="N100334" s="10"/>
    </row>
    <row r="100335" spans="14:14">
      <c r="N100335" s="10"/>
    </row>
    <row r="100336" spans="14:14">
      <c r="N100336" s="10"/>
    </row>
    <row r="100337" spans="14:14">
      <c r="N100337" s="10"/>
    </row>
    <row r="100338" spans="14:14">
      <c r="N100338" s="10"/>
    </row>
    <row r="100339" spans="14:14">
      <c r="N100339" s="10"/>
    </row>
    <row r="100340" spans="14:14">
      <c r="N100340" s="10"/>
    </row>
    <row r="100341" spans="14:14">
      <c r="N100341" s="10"/>
    </row>
    <row r="100342" spans="14:14">
      <c r="N100342" s="10"/>
    </row>
    <row r="100343" spans="14:14">
      <c r="N100343" s="10"/>
    </row>
    <row r="100344" spans="14:14">
      <c r="N100344" s="10"/>
    </row>
    <row r="100345" spans="14:14">
      <c r="N100345" s="10"/>
    </row>
    <row r="100346" spans="14:14">
      <c r="N100346" s="10"/>
    </row>
    <row r="100347" spans="14:14">
      <c r="N100347" s="10"/>
    </row>
    <row r="100348" spans="14:14">
      <c r="N100348" s="10"/>
    </row>
    <row r="100349" spans="14:14">
      <c r="N100349" s="10"/>
    </row>
    <row r="100350" spans="14:14">
      <c r="N100350" s="10"/>
    </row>
    <row r="100351" spans="14:14">
      <c r="N100351" s="10"/>
    </row>
    <row r="100352" spans="14:14">
      <c r="N100352" s="10"/>
    </row>
    <row r="100353" spans="14:14">
      <c r="N100353" s="10"/>
    </row>
    <row r="100354" spans="14:14">
      <c r="N100354" s="10"/>
    </row>
    <row r="100355" spans="14:14">
      <c r="N100355" s="10"/>
    </row>
    <row r="100356" spans="14:14">
      <c r="N100356" s="10"/>
    </row>
    <row r="100357" spans="14:14">
      <c r="N100357" s="10"/>
    </row>
    <row r="100358" spans="14:14">
      <c r="N100358" s="10"/>
    </row>
    <row r="100359" spans="14:14">
      <c r="N100359" s="10"/>
    </row>
    <row r="100360" spans="14:14">
      <c r="N100360" s="10"/>
    </row>
    <row r="100361" spans="14:14">
      <c r="N100361" s="10"/>
    </row>
    <row r="100362" spans="14:14">
      <c r="N100362" s="10"/>
    </row>
    <row r="100363" spans="14:14">
      <c r="N100363" s="10"/>
    </row>
    <row r="100364" spans="14:14">
      <c r="N100364" s="10"/>
    </row>
    <row r="100365" spans="14:14">
      <c r="N100365" s="10"/>
    </row>
    <row r="100366" spans="14:14">
      <c r="N100366" s="10"/>
    </row>
    <row r="100367" spans="14:14">
      <c r="N100367" s="10"/>
    </row>
    <row r="100368" spans="14:14">
      <c r="N100368" s="10"/>
    </row>
    <row r="100369" spans="14:14">
      <c r="N100369" s="10"/>
    </row>
    <row r="100370" spans="14:14">
      <c r="N100370" s="10"/>
    </row>
    <row r="100371" spans="14:14">
      <c r="N100371" s="10"/>
    </row>
    <row r="100372" spans="14:14">
      <c r="N100372" s="10"/>
    </row>
    <row r="100373" spans="14:14">
      <c r="N100373" s="10"/>
    </row>
    <row r="100374" spans="14:14">
      <c r="N100374" s="10"/>
    </row>
    <row r="100375" spans="14:14">
      <c r="N100375" s="10"/>
    </row>
    <row r="100376" spans="14:14">
      <c r="N100376" s="10"/>
    </row>
    <row r="100377" spans="14:14">
      <c r="N100377" s="10"/>
    </row>
    <row r="100378" spans="14:14">
      <c r="N100378" s="10"/>
    </row>
    <row r="100379" spans="14:14">
      <c r="N100379" s="10"/>
    </row>
    <row r="100380" spans="14:14">
      <c r="N100380" s="10"/>
    </row>
    <row r="100381" spans="14:14">
      <c r="N100381" s="10"/>
    </row>
    <row r="100382" spans="14:14">
      <c r="N100382" s="10"/>
    </row>
    <row r="100383" spans="14:14">
      <c r="N100383" s="10"/>
    </row>
    <row r="100384" spans="14:14">
      <c r="N100384" s="10"/>
    </row>
    <row r="100385" spans="14:14">
      <c r="N100385" s="10"/>
    </row>
    <row r="100386" spans="14:14">
      <c r="N100386" s="10"/>
    </row>
    <row r="100387" spans="14:14">
      <c r="N100387" s="10"/>
    </row>
    <row r="100388" spans="14:14">
      <c r="N100388" s="10"/>
    </row>
    <row r="100389" spans="14:14">
      <c r="N100389" s="10"/>
    </row>
    <row r="100390" spans="14:14">
      <c r="N100390" s="10"/>
    </row>
    <row r="100391" spans="14:14">
      <c r="N100391" s="10"/>
    </row>
    <row r="100392" spans="14:14">
      <c r="N100392" s="10"/>
    </row>
    <row r="100393" spans="14:14">
      <c r="N100393" s="10"/>
    </row>
    <row r="100394" spans="14:14">
      <c r="N100394" s="10"/>
    </row>
    <row r="100395" spans="14:14">
      <c r="N100395" s="10"/>
    </row>
    <row r="100396" spans="14:14">
      <c r="N100396" s="10"/>
    </row>
    <row r="100397" spans="14:14">
      <c r="N100397" s="10"/>
    </row>
    <row r="100398" spans="14:14">
      <c r="N100398" s="10"/>
    </row>
    <row r="100399" spans="14:14">
      <c r="N100399" s="10"/>
    </row>
    <row r="100400" spans="14:14">
      <c r="N100400" s="10"/>
    </row>
    <row r="100401" spans="14:14">
      <c r="N100401" s="10"/>
    </row>
    <row r="100402" spans="14:14">
      <c r="N100402" s="10"/>
    </row>
    <row r="100403" spans="14:14">
      <c r="N100403" s="10"/>
    </row>
    <row r="100404" spans="14:14">
      <c r="N100404" s="10"/>
    </row>
    <row r="100405" spans="14:14">
      <c r="N100405" s="10"/>
    </row>
    <row r="100406" spans="14:14">
      <c r="N100406" s="10"/>
    </row>
    <row r="100407" spans="14:14">
      <c r="N100407" s="10"/>
    </row>
    <row r="100408" spans="14:14">
      <c r="N100408" s="10"/>
    </row>
    <row r="100409" spans="14:14">
      <c r="N100409" s="10"/>
    </row>
    <row r="100410" spans="14:14">
      <c r="N100410" s="10"/>
    </row>
    <row r="100411" spans="14:14">
      <c r="N100411" s="10"/>
    </row>
    <row r="100412" spans="14:14">
      <c r="N100412" s="10"/>
    </row>
    <row r="100413" spans="14:14">
      <c r="N100413" s="10"/>
    </row>
    <row r="100414" spans="14:14">
      <c r="N100414" s="10"/>
    </row>
    <row r="100415" spans="14:14">
      <c r="N100415" s="10"/>
    </row>
    <row r="100416" spans="14:14">
      <c r="N100416" s="10"/>
    </row>
    <row r="100417" spans="14:14">
      <c r="N100417" s="10"/>
    </row>
    <row r="100418" spans="14:14">
      <c r="N100418" s="10"/>
    </row>
    <row r="100419" spans="14:14">
      <c r="N100419" s="10"/>
    </row>
    <row r="100420" spans="14:14">
      <c r="N100420" s="10"/>
    </row>
    <row r="100421" spans="14:14">
      <c r="N100421" s="10"/>
    </row>
    <row r="100422" spans="14:14">
      <c r="N100422" s="10"/>
    </row>
    <row r="100423" spans="14:14">
      <c r="N100423" s="10"/>
    </row>
    <row r="100424" spans="14:14">
      <c r="N100424" s="10"/>
    </row>
    <row r="100425" spans="14:14">
      <c r="N100425" s="10"/>
    </row>
    <row r="100426" spans="14:14">
      <c r="N100426" s="10"/>
    </row>
    <row r="100427" spans="14:14">
      <c r="N100427" s="10"/>
    </row>
    <row r="100428" spans="14:14">
      <c r="N100428" s="10"/>
    </row>
    <row r="100429" spans="14:14">
      <c r="N100429" s="10"/>
    </row>
    <row r="100430" spans="14:14">
      <c r="N100430" s="10"/>
    </row>
    <row r="100431" spans="14:14">
      <c r="N100431" s="10"/>
    </row>
    <row r="100432" spans="14:14">
      <c r="N100432" s="10"/>
    </row>
    <row r="100433" spans="14:14">
      <c r="N100433" s="10"/>
    </row>
    <row r="100434" spans="14:14">
      <c r="N100434" s="10"/>
    </row>
    <row r="100435" spans="14:14">
      <c r="N100435" s="10"/>
    </row>
    <row r="100436" spans="14:14">
      <c r="N100436" s="10"/>
    </row>
    <row r="100437" spans="14:14">
      <c r="N100437" s="10"/>
    </row>
    <row r="100438" spans="14:14">
      <c r="N100438" s="10"/>
    </row>
    <row r="100439" spans="14:14">
      <c r="N100439" s="10"/>
    </row>
    <row r="100440" spans="14:14">
      <c r="N100440" s="10"/>
    </row>
    <row r="100441" spans="14:14">
      <c r="N100441" s="10"/>
    </row>
    <row r="100442" spans="14:14">
      <c r="N100442" s="10"/>
    </row>
    <row r="100443" spans="14:14">
      <c r="N100443" s="10"/>
    </row>
    <row r="100444" spans="14:14">
      <c r="N100444" s="10"/>
    </row>
    <row r="100445" spans="14:14">
      <c r="N100445" s="10"/>
    </row>
    <row r="100446" spans="14:14">
      <c r="N100446" s="10"/>
    </row>
    <row r="100447" spans="14:14">
      <c r="N100447" s="10"/>
    </row>
    <row r="100448" spans="14:14">
      <c r="N100448" s="10"/>
    </row>
    <row r="100449" spans="14:14">
      <c r="N100449" s="10"/>
    </row>
    <row r="100450" spans="14:14">
      <c r="N100450" s="10"/>
    </row>
    <row r="100451" spans="14:14">
      <c r="N100451" s="10"/>
    </row>
    <row r="100452" spans="14:14">
      <c r="N100452" s="10"/>
    </row>
    <row r="100453" spans="14:14">
      <c r="N100453" s="10"/>
    </row>
    <row r="100454" spans="14:14">
      <c r="N100454" s="10"/>
    </row>
    <row r="100455" spans="14:14">
      <c r="N100455" s="10"/>
    </row>
    <row r="100456" spans="14:14">
      <c r="N100456" s="10"/>
    </row>
    <row r="100457" spans="14:14">
      <c r="N100457" s="10"/>
    </row>
    <row r="100458" spans="14:14">
      <c r="N100458" s="10"/>
    </row>
    <row r="100459" spans="14:14">
      <c r="N100459" s="10"/>
    </row>
    <row r="100460" spans="14:14">
      <c r="N100460" s="10"/>
    </row>
    <row r="100461" spans="14:14">
      <c r="N100461" s="10"/>
    </row>
    <row r="100462" spans="14:14">
      <c r="N100462" s="10"/>
    </row>
    <row r="100463" spans="14:14">
      <c r="N100463" s="10"/>
    </row>
    <row r="100464" spans="14:14">
      <c r="N100464" s="10"/>
    </row>
    <row r="100465" spans="14:14">
      <c r="N100465" s="10"/>
    </row>
    <row r="100466" spans="14:14">
      <c r="N100466" s="10"/>
    </row>
    <row r="100467" spans="14:14">
      <c r="N100467" s="10"/>
    </row>
    <row r="100468" spans="14:14">
      <c r="N100468" s="10"/>
    </row>
    <row r="100469" spans="14:14">
      <c r="N100469" s="10"/>
    </row>
    <row r="100470" spans="14:14">
      <c r="N100470" s="10"/>
    </row>
    <row r="100471" spans="14:14">
      <c r="N100471" s="10"/>
    </row>
    <row r="100472" spans="14:14">
      <c r="N100472" s="10"/>
    </row>
    <row r="100473" spans="14:14">
      <c r="N100473" s="10"/>
    </row>
    <row r="100474" spans="14:14">
      <c r="N100474" s="10"/>
    </row>
    <row r="100475" spans="14:14">
      <c r="N100475" s="10"/>
    </row>
    <row r="100476" spans="14:14">
      <c r="N100476" s="10"/>
    </row>
    <row r="100477" spans="14:14">
      <c r="N100477" s="10"/>
    </row>
    <row r="100478" spans="14:14">
      <c r="N100478" s="10"/>
    </row>
    <row r="100479" spans="14:14">
      <c r="N100479" s="10"/>
    </row>
    <row r="100480" spans="14:14">
      <c r="N100480" s="10"/>
    </row>
    <row r="100481" spans="14:14">
      <c r="N100481" s="10"/>
    </row>
    <row r="100482" spans="14:14">
      <c r="N100482" s="10"/>
    </row>
    <row r="100483" spans="14:14">
      <c r="N100483" s="10"/>
    </row>
    <row r="100484" spans="14:14">
      <c r="N100484" s="10"/>
    </row>
    <row r="100485" spans="14:14">
      <c r="N100485" s="10"/>
    </row>
    <row r="100486" spans="14:14">
      <c r="N100486" s="10"/>
    </row>
    <row r="100487" spans="14:14">
      <c r="N100487" s="10"/>
    </row>
    <row r="100488" spans="14:14">
      <c r="N100488" s="10"/>
    </row>
    <row r="100489" spans="14:14">
      <c r="N100489" s="10"/>
    </row>
    <row r="100490" spans="14:14">
      <c r="N100490" s="10"/>
    </row>
    <row r="100491" spans="14:14">
      <c r="N100491" s="10"/>
    </row>
    <row r="100492" spans="14:14">
      <c r="N100492" s="10"/>
    </row>
    <row r="100493" spans="14:14">
      <c r="N100493" s="10"/>
    </row>
    <row r="100494" spans="14:14">
      <c r="N100494" s="10"/>
    </row>
    <row r="100495" spans="14:14">
      <c r="N100495" s="10"/>
    </row>
    <row r="100496" spans="14:14">
      <c r="N100496" s="10"/>
    </row>
    <row r="100497" spans="14:14">
      <c r="N100497" s="10"/>
    </row>
    <row r="100498" spans="14:14">
      <c r="N100498" s="10"/>
    </row>
    <row r="100499" spans="14:14">
      <c r="N100499" s="10"/>
    </row>
    <row r="100500" spans="14:14">
      <c r="N100500" s="10"/>
    </row>
    <row r="100501" spans="14:14">
      <c r="N100501" s="10"/>
    </row>
    <row r="100502" spans="14:14">
      <c r="N100502" s="10"/>
    </row>
    <row r="100503" spans="14:14">
      <c r="N100503" s="10"/>
    </row>
    <row r="100504" spans="14:14">
      <c r="N100504" s="10"/>
    </row>
    <row r="100505" spans="14:14">
      <c r="N100505" s="10"/>
    </row>
    <row r="100506" spans="14:14">
      <c r="N100506" s="10"/>
    </row>
    <row r="100507" spans="14:14">
      <c r="N100507" s="10"/>
    </row>
    <row r="100508" spans="14:14">
      <c r="N100508" s="10"/>
    </row>
    <row r="100509" spans="14:14">
      <c r="N100509" s="10"/>
    </row>
    <row r="100510" spans="14:14">
      <c r="N100510" s="10"/>
    </row>
    <row r="100511" spans="14:14">
      <c r="N100511" s="10"/>
    </row>
    <row r="100512" spans="14:14">
      <c r="N100512" s="10"/>
    </row>
    <row r="100513" spans="14:14">
      <c r="N100513" s="10"/>
    </row>
    <row r="100514" spans="14:14">
      <c r="N100514" s="10"/>
    </row>
    <row r="100515" spans="14:14">
      <c r="N100515" s="10"/>
    </row>
    <row r="100516" spans="14:14">
      <c r="N100516" s="10"/>
    </row>
    <row r="100517" spans="14:14">
      <c r="N100517" s="10"/>
    </row>
    <row r="100518" spans="14:14">
      <c r="N100518" s="10"/>
    </row>
    <row r="100519" spans="14:14">
      <c r="N100519" s="10"/>
    </row>
    <row r="100520" spans="14:14">
      <c r="N100520" s="10"/>
    </row>
    <row r="100521" spans="14:14">
      <c r="N100521" s="10"/>
    </row>
    <row r="100522" spans="14:14">
      <c r="N100522" s="10"/>
    </row>
    <row r="100523" spans="14:14">
      <c r="N100523" s="10"/>
    </row>
    <row r="100524" spans="14:14">
      <c r="N100524" s="10"/>
    </row>
    <row r="100525" spans="14:14">
      <c r="N100525" s="10"/>
    </row>
    <row r="100526" spans="14:14">
      <c r="N100526" s="10"/>
    </row>
    <row r="100527" spans="14:14">
      <c r="N100527" s="10"/>
    </row>
    <row r="100528" spans="14:14">
      <c r="N100528" s="10"/>
    </row>
    <row r="100529" spans="14:14">
      <c r="N100529" s="10"/>
    </row>
    <row r="100530" spans="14:14">
      <c r="N100530" s="10"/>
    </row>
    <row r="100531" spans="14:14">
      <c r="N100531" s="10"/>
    </row>
    <row r="100532" spans="14:14">
      <c r="N100532" s="10"/>
    </row>
    <row r="100533" spans="14:14">
      <c r="N100533" s="10"/>
    </row>
    <row r="100534" spans="14:14">
      <c r="N100534" s="10"/>
    </row>
    <row r="100535" spans="14:14">
      <c r="N100535" s="10"/>
    </row>
    <row r="100536" spans="14:14">
      <c r="N100536" s="10"/>
    </row>
    <row r="100537" spans="14:14">
      <c r="N100537" s="10"/>
    </row>
    <row r="100538" spans="14:14">
      <c r="N100538" s="10"/>
    </row>
    <row r="100539" spans="14:14">
      <c r="N100539" s="10"/>
    </row>
    <row r="100540" spans="14:14">
      <c r="N100540" s="10"/>
    </row>
    <row r="100541" spans="14:14">
      <c r="N100541" s="10"/>
    </row>
    <row r="100542" spans="14:14">
      <c r="N100542" s="10"/>
    </row>
    <row r="100543" spans="14:14">
      <c r="N100543" s="10"/>
    </row>
    <row r="100544" spans="14:14">
      <c r="N100544" s="10"/>
    </row>
    <row r="100545" spans="14:14">
      <c r="N100545" s="10"/>
    </row>
    <row r="100546" spans="14:14">
      <c r="N100546" s="10"/>
    </row>
    <row r="100547" spans="14:14">
      <c r="N100547" s="10"/>
    </row>
    <row r="100548" spans="14:14">
      <c r="N100548" s="10"/>
    </row>
    <row r="100549" spans="14:14">
      <c r="N100549" s="10"/>
    </row>
    <row r="100550" spans="14:14">
      <c r="N100550" s="10"/>
    </row>
    <row r="100551" spans="14:14">
      <c r="N100551" s="10"/>
    </row>
    <row r="100552" spans="14:14">
      <c r="N100552" s="10"/>
    </row>
    <row r="100553" spans="14:14">
      <c r="N100553" s="10"/>
    </row>
    <row r="100554" spans="14:14">
      <c r="N100554" s="10"/>
    </row>
    <row r="100555" spans="14:14">
      <c r="N100555" s="10"/>
    </row>
    <row r="100556" spans="14:14">
      <c r="N100556" s="10"/>
    </row>
    <row r="100557" spans="14:14">
      <c r="N100557" s="10"/>
    </row>
    <row r="100558" spans="14:14">
      <c r="N100558" s="10"/>
    </row>
    <row r="100559" spans="14:14">
      <c r="N100559" s="10"/>
    </row>
    <row r="100560" spans="14:14">
      <c r="N100560" s="10"/>
    </row>
    <row r="100561" spans="14:14">
      <c r="N100561" s="10"/>
    </row>
    <row r="100562" spans="14:14">
      <c r="N100562" s="10"/>
    </row>
    <row r="100563" spans="14:14">
      <c r="N100563" s="10"/>
    </row>
    <row r="100564" spans="14:14">
      <c r="N100564" s="10"/>
    </row>
    <row r="100565" spans="14:14">
      <c r="N100565" s="10"/>
    </row>
    <row r="100566" spans="14:14">
      <c r="N100566" s="10"/>
    </row>
    <row r="100567" spans="14:14">
      <c r="N100567" s="10"/>
    </row>
    <row r="100568" spans="14:14">
      <c r="N100568" s="10"/>
    </row>
    <row r="100569" spans="14:14">
      <c r="N100569" s="10"/>
    </row>
    <row r="100570" spans="14:14">
      <c r="N100570" s="10"/>
    </row>
    <row r="100571" spans="14:14">
      <c r="N100571" s="10"/>
    </row>
    <row r="100572" spans="14:14">
      <c r="N100572" s="10"/>
    </row>
    <row r="100573" spans="14:14">
      <c r="N100573" s="10"/>
    </row>
    <row r="100574" spans="14:14">
      <c r="N100574" s="10"/>
    </row>
    <row r="100575" spans="14:14">
      <c r="N100575" s="10"/>
    </row>
    <row r="100576" spans="14:14">
      <c r="N100576" s="10"/>
    </row>
    <row r="100577" spans="14:14">
      <c r="N100577" s="10"/>
    </row>
    <row r="100578" spans="14:14">
      <c r="N100578" s="10"/>
    </row>
    <row r="100579" spans="14:14">
      <c r="N100579" s="10"/>
    </row>
    <row r="100580" spans="14:14">
      <c r="N100580" s="10"/>
    </row>
    <row r="100581" spans="14:14">
      <c r="N100581" s="10"/>
    </row>
    <row r="100582" spans="14:14">
      <c r="N100582" s="10"/>
    </row>
    <row r="100583" spans="14:14">
      <c r="N100583" s="10"/>
    </row>
    <row r="100584" spans="14:14">
      <c r="N100584" s="10"/>
    </row>
    <row r="100585" spans="14:14">
      <c r="N100585" s="10"/>
    </row>
    <row r="100586" spans="14:14">
      <c r="N100586" s="10"/>
    </row>
    <row r="100587" spans="14:14">
      <c r="N100587" s="10"/>
    </row>
    <row r="100588" spans="14:14">
      <c r="N100588" s="10"/>
    </row>
    <row r="100589" spans="14:14">
      <c r="N100589" s="10"/>
    </row>
    <row r="100590" spans="14:14">
      <c r="N100590" s="10"/>
    </row>
    <row r="100591" spans="14:14">
      <c r="N100591" s="10"/>
    </row>
    <row r="100592" spans="14:14">
      <c r="N100592" s="10"/>
    </row>
    <row r="100593" spans="14:14">
      <c r="N100593" s="10"/>
    </row>
    <row r="100594" spans="14:14">
      <c r="N100594" s="10"/>
    </row>
    <row r="100595" spans="14:14">
      <c r="N100595" s="10"/>
    </row>
    <row r="100596" spans="14:14">
      <c r="N100596" s="10"/>
    </row>
    <row r="100597" spans="14:14">
      <c r="N100597" s="10"/>
    </row>
    <row r="100598" spans="14:14">
      <c r="N100598" s="10"/>
    </row>
    <row r="100599" spans="14:14">
      <c r="N100599" s="10"/>
    </row>
    <row r="100600" spans="14:14">
      <c r="N100600" s="10"/>
    </row>
    <row r="100601" spans="14:14">
      <c r="N100601" s="10"/>
    </row>
    <row r="100602" spans="14:14">
      <c r="N100602" s="10"/>
    </row>
    <row r="100603" spans="14:14">
      <c r="N100603" s="10"/>
    </row>
    <row r="100604" spans="14:14">
      <c r="N100604" s="10"/>
    </row>
    <row r="100605" spans="14:14">
      <c r="N100605" s="10"/>
    </row>
    <row r="100606" spans="14:14">
      <c r="N100606" s="10"/>
    </row>
    <row r="100607" spans="14:14">
      <c r="N100607" s="10"/>
    </row>
    <row r="100608" spans="14:14">
      <c r="N100608" s="10"/>
    </row>
    <row r="100609" spans="14:14">
      <c r="N100609" s="10"/>
    </row>
    <row r="100610" spans="14:14">
      <c r="N100610" s="10"/>
    </row>
    <row r="100611" spans="14:14">
      <c r="N100611" s="10"/>
    </row>
    <row r="100612" spans="14:14">
      <c r="N100612" s="10"/>
    </row>
    <row r="100613" spans="14:14">
      <c r="N100613" s="10"/>
    </row>
    <row r="100614" spans="14:14">
      <c r="N100614" s="10"/>
    </row>
    <row r="100615" spans="14:14">
      <c r="N100615" s="10"/>
    </row>
    <row r="100616" spans="14:14">
      <c r="N100616" s="10"/>
    </row>
    <row r="100617" spans="14:14">
      <c r="N100617" s="10"/>
    </row>
    <row r="100618" spans="14:14">
      <c r="N100618" s="10"/>
    </row>
    <row r="100619" spans="14:14">
      <c r="N100619" s="10"/>
    </row>
    <row r="100620" spans="14:14">
      <c r="N100620" s="10"/>
    </row>
    <row r="100621" spans="14:14">
      <c r="N100621" s="10"/>
    </row>
    <row r="100622" spans="14:14">
      <c r="N100622" s="10"/>
    </row>
    <row r="100623" spans="14:14">
      <c r="N100623" s="10"/>
    </row>
    <row r="100624" spans="14:14">
      <c r="N100624" s="10"/>
    </row>
    <row r="100625" spans="14:14">
      <c r="N100625" s="10"/>
    </row>
    <row r="100626" spans="14:14">
      <c r="N100626" s="10"/>
    </row>
    <row r="100627" spans="14:14">
      <c r="N100627" s="10"/>
    </row>
    <row r="100628" spans="14:14">
      <c r="N100628" s="10"/>
    </row>
    <row r="100629" spans="14:14">
      <c r="N100629" s="10"/>
    </row>
    <row r="100630" spans="14:14">
      <c r="N100630" s="10"/>
    </row>
    <row r="100631" spans="14:14">
      <c r="N100631" s="10"/>
    </row>
    <row r="100632" spans="14:14">
      <c r="N100632" s="10"/>
    </row>
    <row r="100633" spans="14:14">
      <c r="N100633" s="10"/>
    </row>
    <row r="100634" spans="14:14">
      <c r="N100634" s="10"/>
    </row>
    <row r="100635" spans="14:14">
      <c r="N100635" s="10"/>
    </row>
    <row r="100636" spans="14:14">
      <c r="N100636" s="10"/>
    </row>
    <row r="100637" spans="14:14">
      <c r="N100637" s="10"/>
    </row>
    <row r="100638" spans="14:14">
      <c r="N100638" s="10"/>
    </row>
    <row r="100639" spans="14:14">
      <c r="N100639" s="10"/>
    </row>
    <row r="100640" spans="14:14">
      <c r="N100640" s="10"/>
    </row>
    <row r="100641" spans="14:14">
      <c r="N100641" s="10"/>
    </row>
    <row r="100642" spans="14:14">
      <c r="N100642" s="10"/>
    </row>
    <row r="100643" spans="14:14">
      <c r="N100643" s="10"/>
    </row>
    <row r="100644" spans="14:14">
      <c r="N100644" s="10"/>
    </row>
    <row r="100645" spans="14:14">
      <c r="N100645" s="10"/>
    </row>
    <row r="100646" spans="14:14">
      <c r="N100646" s="10"/>
    </row>
    <row r="100647" spans="14:14">
      <c r="N100647" s="10"/>
    </row>
    <row r="100648" spans="14:14">
      <c r="N100648" s="10"/>
    </row>
    <row r="100649" spans="14:14">
      <c r="N100649" s="10"/>
    </row>
    <row r="100650" spans="14:14">
      <c r="N100650" s="10"/>
    </row>
    <row r="100651" spans="14:14">
      <c r="N100651" s="10"/>
    </row>
    <row r="100652" spans="14:14">
      <c r="N100652" s="10"/>
    </row>
    <row r="100653" spans="14:14">
      <c r="N100653" s="10"/>
    </row>
    <row r="100654" spans="14:14">
      <c r="N100654" s="10"/>
    </row>
    <row r="100655" spans="14:14">
      <c r="N100655" s="10"/>
    </row>
    <row r="100656" spans="14:14">
      <c r="N100656" s="10"/>
    </row>
    <row r="100657" spans="14:14">
      <c r="N100657" s="10"/>
    </row>
    <row r="100658" spans="14:14">
      <c r="N100658" s="10"/>
    </row>
    <row r="100659" spans="14:14">
      <c r="N100659" s="10"/>
    </row>
    <row r="100660" spans="14:14">
      <c r="N100660" s="10"/>
    </row>
    <row r="100661" spans="14:14">
      <c r="N100661" s="10"/>
    </row>
    <row r="100662" spans="14:14">
      <c r="N100662" s="10"/>
    </row>
    <row r="100663" spans="14:14">
      <c r="N100663" s="10"/>
    </row>
    <row r="100664" spans="14:14">
      <c r="N100664" s="10"/>
    </row>
    <row r="100665" spans="14:14">
      <c r="N100665" s="10"/>
    </row>
    <row r="100666" spans="14:14">
      <c r="N100666" s="10"/>
    </row>
    <row r="100667" spans="14:14">
      <c r="N100667" s="10"/>
    </row>
    <row r="100668" spans="14:14">
      <c r="N100668" s="10"/>
    </row>
    <row r="100669" spans="14:14">
      <c r="N100669" s="10"/>
    </row>
    <row r="100670" spans="14:14">
      <c r="N100670" s="10"/>
    </row>
    <row r="100671" spans="14:14">
      <c r="N100671" s="10"/>
    </row>
    <row r="100672" spans="14:14">
      <c r="N100672" s="10"/>
    </row>
    <row r="100673" spans="14:14">
      <c r="N100673" s="10"/>
    </row>
    <row r="100674" spans="14:14">
      <c r="N100674" s="10"/>
    </row>
    <row r="100675" spans="14:14">
      <c r="N100675" s="10"/>
    </row>
    <row r="100676" spans="14:14">
      <c r="N100676" s="10"/>
    </row>
    <row r="100677" spans="14:14">
      <c r="N100677" s="10"/>
    </row>
    <row r="100678" spans="14:14">
      <c r="N100678" s="10"/>
    </row>
    <row r="100679" spans="14:14">
      <c r="N100679" s="10"/>
    </row>
    <row r="100680" spans="14:14">
      <c r="N100680" s="10"/>
    </row>
    <row r="100681" spans="14:14">
      <c r="N100681" s="10"/>
    </row>
    <row r="100682" spans="14:14">
      <c r="N100682" s="10"/>
    </row>
    <row r="100683" spans="14:14">
      <c r="N100683" s="10"/>
    </row>
    <row r="100684" spans="14:14">
      <c r="N100684" s="10"/>
    </row>
    <row r="100685" spans="14:14">
      <c r="N100685" s="10"/>
    </row>
    <row r="100686" spans="14:14">
      <c r="N100686" s="10"/>
    </row>
    <row r="100687" spans="14:14">
      <c r="N100687" s="10"/>
    </row>
    <row r="100688" spans="14:14">
      <c r="N100688" s="10"/>
    </row>
    <row r="100689" spans="14:14">
      <c r="N100689" s="10"/>
    </row>
    <row r="100690" spans="14:14">
      <c r="N100690" s="10"/>
    </row>
    <row r="100691" spans="14:14">
      <c r="N100691" s="10"/>
    </row>
    <row r="100692" spans="14:14">
      <c r="N100692" s="10"/>
    </row>
    <row r="100693" spans="14:14">
      <c r="N100693" s="10"/>
    </row>
    <row r="100694" spans="14:14">
      <c r="N100694" s="10"/>
    </row>
    <row r="100695" spans="14:14">
      <c r="N100695" s="10"/>
    </row>
    <row r="100696" spans="14:14">
      <c r="N100696" s="10"/>
    </row>
    <row r="100697" spans="14:14">
      <c r="N100697" s="10"/>
    </row>
    <row r="100698" spans="14:14">
      <c r="N100698" s="10"/>
    </row>
    <row r="100699" spans="14:14">
      <c r="N100699" s="10"/>
    </row>
    <row r="100700" spans="14:14">
      <c r="N100700" s="10"/>
    </row>
    <row r="100701" spans="14:14">
      <c r="N100701" s="10"/>
    </row>
    <row r="100702" spans="14:14">
      <c r="N100702" s="10"/>
    </row>
    <row r="100703" spans="14:14">
      <c r="N100703" s="10"/>
    </row>
    <row r="100704" spans="14:14">
      <c r="N100704" s="10"/>
    </row>
    <row r="100705" spans="14:14">
      <c r="N100705" s="10"/>
    </row>
    <row r="100706" spans="14:14">
      <c r="N100706" s="10"/>
    </row>
    <row r="100707" spans="14:14">
      <c r="N100707" s="10"/>
    </row>
    <row r="100708" spans="14:14">
      <c r="N100708" s="10"/>
    </row>
    <row r="100709" spans="14:14">
      <c r="N100709" s="10"/>
    </row>
    <row r="100710" spans="14:14">
      <c r="N100710" s="10"/>
    </row>
    <row r="100711" spans="14:14">
      <c r="N100711" s="10"/>
    </row>
    <row r="100712" spans="14:14">
      <c r="N100712" s="10"/>
    </row>
    <row r="100713" spans="14:14">
      <c r="N100713" s="10"/>
    </row>
    <row r="100714" spans="14:14">
      <c r="N100714" s="10"/>
    </row>
    <row r="100715" spans="14:14">
      <c r="N100715" s="10"/>
    </row>
    <row r="100716" spans="14:14">
      <c r="N100716" s="10"/>
    </row>
    <row r="100717" spans="14:14">
      <c r="N100717" s="10"/>
    </row>
    <row r="100718" spans="14:14">
      <c r="N100718" s="10"/>
    </row>
    <row r="100719" spans="14:14">
      <c r="N100719" s="10"/>
    </row>
    <row r="100720" spans="14:14">
      <c r="N100720" s="10"/>
    </row>
    <row r="100721" spans="14:14">
      <c r="N100721" s="10"/>
    </row>
    <row r="100722" spans="14:14">
      <c r="N100722" s="10"/>
    </row>
    <row r="100723" spans="14:14">
      <c r="N100723" s="10"/>
    </row>
    <row r="100724" spans="14:14">
      <c r="N100724" s="10"/>
    </row>
    <row r="100725" spans="14:14">
      <c r="N100725" s="10"/>
    </row>
    <row r="100726" spans="14:14">
      <c r="N100726" s="10"/>
    </row>
    <row r="100727" spans="14:14">
      <c r="N100727" s="10"/>
    </row>
    <row r="100728" spans="14:14">
      <c r="N100728" s="10"/>
    </row>
    <row r="100729" spans="14:14">
      <c r="N100729" s="10"/>
    </row>
    <row r="100730" spans="14:14">
      <c r="N100730" s="10"/>
    </row>
    <row r="100731" spans="14:14">
      <c r="N100731" s="10"/>
    </row>
    <row r="100732" spans="14:14">
      <c r="N100732" s="10"/>
    </row>
    <row r="100733" spans="14:14">
      <c r="N100733" s="10"/>
    </row>
    <row r="100734" spans="14:14">
      <c r="N100734" s="10"/>
    </row>
    <row r="100735" spans="14:14">
      <c r="N100735" s="10"/>
    </row>
    <row r="100736" spans="14:14">
      <c r="N100736" s="10"/>
    </row>
    <row r="100737" spans="14:14">
      <c r="N100737" s="10"/>
    </row>
    <row r="100738" spans="14:14">
      <c r="N100738" s="10"/>
    </row>
    <row r="100739" spans="14:14">
      <c r="N100739" s="10"/>
    </row>
    <row r="100740" spans="14:14">
      <c r="N100740" s="10"/>
    </row>
    <row r="100741" spans="14:14">
      <c r="N100741" s="10"/>
    </row>
    <row r="100742" spans="14:14">
      <c r="N100742" s="10"/>
    </row>
    <row r="100743" spans="14:14">
      <c r="N100743" s="10"/>
    </row>
    <row r="100744" spans="14:14">
      <c r="N100744" s="10"/>
    </row>
    <row r="100745" spans="14:14">
      <c r="N100745" s="10"/>
    </row>
    <row r="100746" spans="14:14">
      <c r="N100746" s="10"/>
    </row>
    <row r="100747" spans="14:14">
      <c r="N100747" s="10"/>
    </row>
    <row r="100748" spans="14:14">
      <c r="N100748" s="10"/>
    </row>
    <row r="100749" spans="14:14">
      <c r="N100749" s="10"/>
    </row>
    <row r="100750" spans="14:14">
      <c r="N100750" s="10"/>
    </row>
    <row r="100751" spans="14:14">
      <c r="N100751" s="10"/>
    </row>
    <row r="100752" spans="14:14">
      <c r="N100752" s="10"/>
    </row>
    <row r="100753" spans="14:14">
      <c r="N100753" s="10"/>
    </row>
    <row r="100754" spans="14:14">
      <c r="N100754" s="10"/>
    </row>
    <row r="100755" spans="14:14">
      <c r="N100755" s="10"/>
    </row>
    <row r="100756" spans="14:14">
      <c r="N100756" s="10"/>
    </row>
    <row r="100757" spans="14:14">
      <c r="N100757" s="10"/>
    </row>
    <row r="100758" spans="14:14">
      <c r="N100758" s="10"/>
    </row>
    <row r="100759" spans="14:14">
      <c r="N100759" s="10"/>
    </row>
    <row r="100760" spans="14:14">
      <c r="N100760" s="10"/>
    </row>
    <row r="100761" spans="14:14">
      <c r="N100761" s="10"/>
    </row>
    <row r="100762" spans="14:14">
      <c r="N100762" s="10"/>
    </row>
    <row r="100763" spans="14:14">
      <c r="N100763" s="10"/>
    </row>
    <row r="100764" spans="14:14">
      <c r="N100764" s="10"/>
    </row>
    <row r="100765" spans="14:14">
      <c r="N100765" s="10"/>
    </row>
    <row r="100766" spans="14:14">
      <c r="N100766" s="10"/>
    </row>
    <row r="100767" spans="14:14">
      <c r="N100767" s="10"/>
    </row>
    <row r="100768" spans="14:14">
      <c r="N100768" s="10"/>
    </row>
    <row r="100769" spans="14:14">
      <c r="N100769" s="10"/>
    </row>
    <row r="100770" spans="14:14">
      <c r="N100770" s="10"/>
    </row>
    <row r="100771" spans="14:14">
      <c r="N100771" s="10"/>
    </row>
    <row r="100772" spans="14:14">
      <c r="N100772" s="10"/>
    </row>
    <row r="100773" spans="14:14">
      <c r="N100773" s="10"/>
    </row>
    <row r="100774" spans="14:14">
      <c r="N100774" s="10"/>
    </row>
    <row r="100775" spans="14:14">
      <c r="N100775" s="10"/>
    </row>
    <row r="100776" spans="14:14">
      <c r="N100776" s="10"/>
    </row>
    <row r="100777" spans="14:14">
      <c r="N100777" s="10"/>
    </row>
    <row r="100778" spans="14:14">
      <c r="N100778" s="10"/>
    </row>
    <row r="100779" spans="14:14">
      <c r="N100779" s="10"/>
    </row>
    <row r="100780" spans="14:14">
      <c r="N100780" s="10"/>
    </row>
    <row r="100781" spans="14:14">
      <c r="N100781" s="10"/>
    </row>
    <row r="100782" spans="14:14">
      <c r="N100782" s="10"/>
    </row>
    <row r="100783" spans="14:14">
      <c r="N100783" s="10"/>
    </row>
    <row r="100784" spans="14:14">
      <c r="N100784" s="10"/>
    </row>
    <row r="100785" spans="14:14">
      <c r="N100785" s="10"/>
    </row>
    <row r="100786" spans="14:14">
      <c r="N100786" s="10"/>
    </row>
    <row r="100787" spans="14:14">
      <c r="N100787" s="10"/>
    </row>
    <row r="100788" spans="14:14">
      <c r="N100788" s="10"/>
    </row>
    <row r="100789" spans="14:14">
      <c r="N100789" s="10"/>
    </row>
    <row r="100790" spans="14:14">
      <c r="N100790" s="10"/>
    </row>
    <row r="100791" spans="14:14">
      <c r="N100791" s="10"/>
    </row>
    <row r="100792" spans="14:14">
      <c r="N100792" s="10"/>
    </row>
    <row r="100793" spans="14:14">
      <c r="N100793" s="10"/>
    </row>
    <row r="100794" spans="14:14">
      <c r="N100794" s="10"/>
    </row>
    <row r="100795" spans="14:14">
      <c r="N100795" s="10"/>
    </row>
    <row r="100796" spans="14:14">
      <c r="N100796" s="10"/>
    </row>
    <row r="100797" spans="14:14">
      <c r="N100797" s="10"/>
    </row>
    <row r="100798" spans="14:14">
      <c r="N100798" s="10"/>
    </row>
    <row r="100799" spans="14:14">
      <c r="N100799" s="10"/>
    </row>
    <row r="100800" spans="14:14">
      <c r="N100800" s="10"/>
    </row>
    <row r="100801" spans="14:14">
      <c r="N100801" s="10"/>
    </row>
    <row r="100802" spans="14:14">
      <c r="N100802" s="10"/>
    </row>
    <row r="100803" spans="14:14">
      <c r="N100803" s="10"/>
    </row>
    <row r="100804" spans="14:14">
      <c r="N100804" s="10"/>
    </row>
    <row r="100805" spans="14:14">
      <c r="N100805" s="10"/>
    </row>
    <row r="100806" spans="14:14">
      <c r="N100806" s="10"/>
    </row>
    <row r="100807" spans="14:14">
      <c r="N100807" s="10"/>
    </row>
    <row r="100808" spans="14:14">
      <c r="N100808" s="10"/>
    </row>
    <row r="100809" spans="14:14">
      <c r="N100809" s="10"/>
    </row>
    <row r="100810" spans="14:14">
      <c r="N100810" s="10"/>
    </row>
    <row r="100811" spans="14:14">
      <c r="N100811" s="10"/>
    </row>
    <row r="100812" spans="14:14">
      <c r="N100812" s="10"/>
    </row>
    <row r="100813" spans="14:14">
      <c r="N100813" s="10"/>
    </row>
    <row r="100814" spans="14:14">
      <c r="N100814" s="10"/>
    </row>
    <row r="100815" spans="14:14">
      <c r="N100815" s="10"/>
    </row>
    <row r="100816" spans="14:14">
      <c r="N100816" s="10"/>
    </row>
    <row r="100817" spans="14:14">
      <c r="N100817" s="10"/>
    </row>
    <row r="100818" spans="14:14">
      <c r="N100818" s="10"/>
    </row>
    <row r="100819" spans="14:14">
      <c r="N100819" s="10"/>
    </row>
    <row r="100820" spans="14:14">
      <c r="N100820" s="10"/>
    </row>
    <row r="100821" spans="14:14">
      <c r="N100821" s="10"/>
    </row>
    <row r="100822" spans="14:14">
      <c r="N100822" s="10"/>
    </row>
    <row r="100823" spans="14:14">
      <c r="N100823" s="10"/>
    </row>
    <row r="100824" spans="14:14">
      <c r="N100824" s="10"/>
    </row>
    <row r="100825" spans="14:14">
      <c r="N100825" s="10"/>
    </row>
    <row r="100826" spans="14:14">
      <c r="N100826" s="10"/>
    </row>
    <row r="100827" spans="14:14">
      <c r="N100827" s="10"/>
    </row>
    <row r="100828" spans="14:14">
      <c r="N100828" s="10"/>
    </row>
    <row r="100829" spans="14:14">
      <c r="N100829" s="10"/>
    </row>
    <row r="100830" spans="14:14">
      <c r="N100830" s="10"/>
    </row>
    <row r="100831" spans="14:14">
      <c r="N100831" s="10"/>
    </row>
    <row r="100832" spans="14:14">
      <c r="N100832" s="10"/>
    </row>
    <row r="100833" spans="14:14">
      <c r="N100833" s="10"/>
    </row>
    <row r="100834" spans="14:14">
      <c r="N100834" s="10"/>
    </row>
    <row r="100835" spans="14:14">
      <c r="N100835" s="10"/>
    </row>
    <row r="100836" spans="14:14">
      <c r="N100836" s="10"/>
    </row>
    <row r="100837" spans="14:14">
      <c r="N100837" s="10"/>
    </row>
    <row r="100838" spans="14:14">
      <c r="N100838" s="10"/>
    </row>
    <row r="100839" spans="14:14">
      <c r="N100839" s="10"/>
    </row>
    <row r="100840" spans="14:14">
      <c r="N100840" s="10"/>
    </row>
    <row r="100841" spans="14:14">
      <c r="N100841" s="10"/>
    </row>
    <row r="100842" spans="14:14">
      <c r="N100842" s="10"/>
    </row>
    <row r="100843" spans="14:14">
      <c r="N100843" s="10"/>
    </row>
    <row r="100844" spans="14:14">
      <c r="N100844" s="10"/>
    </row>
    <row r="100845" spans="14:14">
      <c r="N100845" s="10"/>
    </row>
    <row r="100846" spans="14:14">
      <c r="N100846" s="10"/>
    </row>
    <row r="100847" spans="14:14">
      <c r="N100847" s="10"/>
    </row>
    <row r="100848" spans="14:14">
      <c r="N100848" s="10"/>
    </row>
    <row r="100849" spans="14:14">
      <c r="N100849" s="10"/>
    </row>
    <row r="100850" spans="14:14">
      <c r="N100850" s="10"/>
    </row>
    <row r="100851" spans="14:14">
      <c r="N100851" s="10"/>
    </row>
    <row r="100852" spans="14:14">
      <c r="N100852" s="10"/>
    </row>
    <row r="100853" spans="14:14">
      <c r="N100853" s="10"/>
    </row>
    <row r="100854" spans="14:14">
      <c r="N100854" s="10"/>
    </row>
    <row r="100855" spans="14:14">
      <c r="N100855" s="10"/>
    </row>
    <row r="100856" spans="14:14">
      <c r="N100856" s="10"/>
    </row>
    <row r="100857" spans="14:14">
      <c r="N100857" s="10"/>
    </row>
    <row r="100858" spans="14:14">
      <c r="N100858" s="10"/>
    </row>
    <row r="100859" spans="14:14">
      <c r="N100859" s="10"/>
    </row>
    <row r="100860" spans="14:14">
      <c r="N100860" s="10"/>
    </row>
    <row r="100861" spans="14:14">
      <c r="N100861" s="10"/>
    </row>
    <row r="100862" spans="14:14">
      <c r="N100862" s="10"/>
    </row>
    <row r="100863" spans="14:14">
      <c r="N100863" s="10"/>
    </row>
    <row r="100864" spans="14:14">
      <c r="N100864" s="10"/>
    </row>
    <row r="100865" spans="14:14">
      <c r="N100865" s="10"/>
    </row>
    <row r="100866" spans="14:14">
      <c r="N100866" s="10"/>
    </row>
    <row r="100867" spans="14:14">
      <c r="N100867" s="10"/>
    </row>
    <row r="100868" spans="14:14">
      <c r="N100868" s="10"/>
    </row>
    <row r="100869" spans="14:14">
      <c r="N100869" s="10"/>
    </row>
    <row r="100870" spans="14:14">
      <c r="N100870" s="10"/>
    </row>
    <row r="100871" spans="14:14">
      <c r="N100871" s="10"/>
    </row>
    <row r="100872" spans="14:14">
      <c r="N100872" s="10"/>
    </row>
    <row r="100873" spans="14:14">
      <c r="N100873" s="10"/>
    </row>
    <row r="100874" spans="14:14">
      <c r="N100874" s="10"/>
    </row>
    <row r="100875" spans="14:14">
      <c r="N100875" s="10"/>
    </row>
    <row r="100876" spans="14:14">
      <c r="N100876" s="10"/>
    </row>
    <row r="100877" spans="14:14">
      <c r="N100877" s="10"/>
    </row>
    <row r="100878" spans="14:14">
      <c r="N100878" s="10"/>
    </row>
    <row r="100879" spans="14:14">
      <c r="N100879" s="10"/>
    </row>
    <row r="100880" spans="14:14">
      <c r="N100880" s="10"/>
    </row>
    <row r="100881" spans="14:14">
      <c r="N100881" s="10"/>
    </row>
    <row r="100882" spans="14:14">
      <c r="N100882" s="10"/>
    </row>
    <row r="100883" spans="14:14">
      <c r="N100883" s="10"/>
    </row>
    <row r="100884" spans="14:14">
      <c r="N100884" s="10"/>
    </row>
    <row r="100885" spans="14:14">
      <c r="N100885" s="10"/>
    </row>
    <row r="100886" spans="14:14">
      <c r="N100886" s="10"/>
    </row>
    <row r="100887" spans="14:14">
      <c r="N100887" s="10"/>
    </row>
    <row r="100888" spans="14:14">
      <c r="N100888" s="10"/>
    </row>
    <row r="100889" spans="14:14">
      <c r="N100889" s="10"/>
    </row>
    <row r="100890" spans="14:14">
      <c r="N100890" s="10"/>
    </row>
    <row r="100891" spans="14:14">
      <c r="N100891" s="10"/>
    </row>
    <row r="100892" spans="14:14">
      <c r="N100892" s="10"/>
    </row>
    <row r="100893" spans="14:14">
      <c r="N100893" s="10"/>
    </row>
    <row r="100894" spans="14:14">
      <c r="N100894" s="10"/>
    </row>
    <row r="100895" spans="14:14">
      <c r="N100895" s="10"/>
    </row>
    <row r="100896" spans="14:14">
      <c r="N100896" s="10"/>
    </row>
    <row r="100897" spans="14:14">
      <c r="N100897" s="10"/>
    </row>
    <row r="100898" spans="14:14">
      <c r="N100898" s="10"/>
    </row>
    <row r="100899" spans="14:14">
      <c r="N100899" s="10"/>
    </row>
    <row r="100900" spans="14:14">
      <c r="N100900" s="10"/>
    </row>
    <row r="100901" spans="14:14">
      <c r="N100901" s="10"/>
    </row>
    <row r="100902" spans="14:14">
      <c r="N100902" s="10"/>
    </row>
    <row r="100903" spans="14:14">
      <c r="N100903" s="10"/>
    </row>
    <row r="100904" spans="14:14">
      <c r="N100904" s="10"/>
    </row>
    <row r="100905" spans="14:14">
      <c r="N100905" s="10"/>
    </row>
    <row r="100906" spans="14:14">
      <c r="N100906" s="10"/>
    </row>
    <row r="100907" spans="14:14">
      <c r="N100907" s="10"/>
    </row>
    <row r="100908" spans="14:14">
      <c r="N100908" s="10"/>
    </row>
    <row r="100909" spans="14:14">
      <c r="N100909" s="10"/>
    </row>
    <row r="100910" spans="14:14">
      <c r="N100910" s="10"/>
    </row>
    <row r="100911" spans="14:14">
      <c r="N100911" s="10"/>
    </row>
    <row r="100912" spans="14:14">
      <c r="N100912" s="10"/>
    </row>
    <row r="100913" spans="14:14">
      <c r="N100913" s="10"/>
    </row>
    <row r="100914" spans="14:14">
      <c r="N100914" s="10"/>
    </row>
    <row r="100915" spans="14:14">
      <c r="N100915" s="10"/>
    </row>
    <row r="100916" spans="14:14">
      <c r="N100916" s="10"/>
    </row>
    <row r="100917" spans="14:14">
      <c r="N100917" s="10"/>
    </row>
    <row r="100918" spans="14:14">
      <c r="N100918" s="10"/>
    </row>
    <row r="100919" spans="14:14">
      <c r="N100919" s="10"/>
    </row>
    <row r="100920" spans="14:14">
      <c r="N100920" s="10"/>
    </row>
    <row r="100921" spans="14:14">
      <c r="N100921" s="10"/>
    </row>
    <row r="100922" spans="14:14">
      <c r="N100922" s="10"/>
    </row>
    <row r="100923" spans="14:14">
      <c r="N100923" s="10"/>
    </row>
    <row r="100924" spans="14:14">
      <c r="N100924" s="10"/>
    </row>
    <row r="100925" spans="14:14">
      <c r="N100925" s="10"/>
    </row>
    <row r="100926" spans="14:14">
      <c r="N100926" s="10"/>
    </row>
    <row r="100927" spans="14:14">
      <c r="N100927" s="10"/>
    </row>
    <row r="100928" spans="14:14">
      <c r="N100928" s="10"/>
    </row>
    <row r="100929" spans="14:14">
      <c r="N100929" s="10"/>
    </row>
    <row r="100930" spans="14:14">
      <c r="N100930" s="10"/>
    </row>
    <row r="100931" spans="14:14">
      <c r="N100931" s="10"/>
    </row>
    <row r="100932" spans="14:14">
      <c r="N100932" s="10"/>
    </row>
    <row r="100933" spans="14:14">
      <c r="N100933" s="10"/>
    </row>
    <row r="100934" spans="14:14">
      <c r="N100934" s="10"/>
    </row>
    <row r="100935" spans="14:14">
      <c r="N100935" s="10"/>
    </row>
    <row r="100936" spans="14:14">
      <c r="N100936" s="10"/>
    </row>
    <row r="100937" spans="14:14">
      <c r="N100937" s="10"/>
    </row>
    <row r="100938" spans="14:14">
      <c r="N100938" s="10"/>
    </row>
    <row r="100939" spans="14:14">
      <c r="N100939" s="10"/>
    </row>
    <row r="100940" spans="14:14">
      <c r="N100940" s="10"/>
    </row>
    <row r="100941" spans="14:14">
      <c r="N100941" s="10"/>
    </row>
    <row r="100942" spans="14:14">
      <c r="N100942" s="10"/>
    </row>
    <row r="100943" spans="14:14">
      <c r="N100943" s="10"/>
    </row>
    <row r="100944" spans="14:14">
      <c r="N100944" s="10"/>
    </row>
    <row r="100945" spans="14:14">
      <c r="N100945" s="10"/>
    </row>
    <row r="100946" spans="14:14">
      <c r="N100946" s="10"/>
    </row>
    <row r="100947" spans="14:14">
      <c r="N100947" s="10"/>
    </row>
    <row r="100948" spans="14:14">
      <c r="N100948" s="10"/>
    </row>
    <row r="100949" spans="14:14">
      <c r="N100949" s="10"/>
    </row>
    <row r="100950" spans="14:14">
      <c r="N100950" s="10"/>
    </row>
    <row r="100951" spans="14:14">
      <c r="N100951" s="10"/>
    </row>
    <row r="100952" spans="14:14">
      <c r="N100952" s="10"/>
    </row>
    <row r="100953" spans="14:14">
      <c r="N100953" s="10"/>
    </row>
    <row r="100954" spans="14:14">
      <c r="N100954" s="10"/>
    </row>
    <row r="100955" spans="14:14">
      <c r="N100955" s="10"/>
    </row>
    <row r="100956" spans="14:14">
      <c r="N100956" s="10"/>
    </row>
    <row r="100957" spans="14:14">
      <c r="N100957" s="10"/>
    </row>
    <row r="100958" spans="14:14">
      <c r="N100958" s="10"/>
    </row>
    <row r="100959" spans="14:14">
      <c r="N100959" s="10"/>
    </row>
    <row r="100960" spans="14:14">
      <c r="N100960" s="10"/>
    </row>
    <row r="100961" spans="14:14">
      <c r="N100961" s="10"/>
    </row>
    <row r="100962" spans="14:14">
      <c r="N100962" s="10"/>
    </row>
    <row r="100963" spans="14:14">
      <c r="N100963" s="10"/>
    </row>
    <row r="100964" spans="14:14">
      <c r="N100964" s="10"/>
    </row>
    <row r="100965" spans="14:14">
      <c r="N100965" s="10"/>
    </row>
    <row r="100966" spans="14:14">
      <c r="N100966" s="10"/>
    </row>
    <row r="100967" spans="14:14">
      <c r="N100967" s="10"/>
    </row>
    <row r="100968" spans="14:14">
      <c r="N100968" s="10"/>
    </row>
    <row r="100969" spans="14:14">
      <c r="N100969" s="10"/>
    </row>
    <row r="100970" spans="14:14">
      <c r="N100970" s="10"/>
    </row>
    <row r="100971" spans="14:14">
      <c r="N100971" s="10"/>
    </row>
    <row r="100972" spans="14:14">
      <c r="N100972" s="10"/>
    </row>
    <row r="100973" spans="14:14">
      <c r="N100973" s="10"/>
    </row>
    <row r="100974" spans="14:14">
      <c r="N100974" s="10"/>
    </row>
    <row r="100975" spans="14:14">
      <c r="N100975" s="10"/>
    </row>
    <row r="100976" spans="14:14">
      <c r="N100976" s="10"/>
    </row>
    <row r="100977" spans="14:14">
      <c r="N100977" s="10"/>
    </row>
    <row r="100978" spans="14:14">
      <c r="N100978" s="10"/>
    </row>
    <row r="100979" spans="14:14">
      <c r="N100979" s="10"/>
    </row>
    <row r="100980" spans="14:14">
      <c r="N100980" s="10"/>
    </row>
    <row r="100981" spans="14:14">
      <c r="N100981" s="10"/>
    </row>
    <row r="100982" spans="14:14">
      <c r="N100982" s="10"/>
    </row>
    <row r="100983" spans="14:14">
      <c r="N100983" s="10"/>
    </row>
    <row r="100984" spans="14:14">
      <c r="N100984" s="10"/>
    </row>
    <row r="100985" spans="14:14">
      <c r="N100985" s="10"/>
    </row>
    <row r="100986" spans="14:14">
      <c r="N100986" s="10"/>
    </row>
    <row r="100987" spans="14:14">
      <c r="N100987" s="10"/>
    </row>
    <row r="100988" spans="14:14">
      <c r="N100988" s="10"/>
    </row>
    <row r="100989" spans="14:14">
      <c r="N100989" s="10"/>
    </row>
    <row r="100990" spans="14:14">
      <c r="N100990" s="10"/>
    </row>
    <row r="100991" spans="14:14">
      <c r="N100991" s="10"/>
    </row>
    <row r="100992" spans="14:14">
      <c r="N100992" s="10"/>
    </row>
    <row r="100993" spans="14:14">
      <c r="N100993" s="10"/>
    </row>
    <row r="100994" spans="14:14">
      <c r="N100994" s="10"/>
    </row>
    <row r="100995" spans="14:14">
      <c r="N100995" s="10"/>
    </row>
    <row r="100996" spans="14:14">
      <c r="N100996" s="10"/>
    </row>
    <row r="100997" spans="14:14">
      <c r="N100997" s="10"/>
    </row>
    <row r="100998" spans="14:14">
      <c r="N100998" s="10"/>
    </row>
    <row r="100999" spans="14:14">
      <c r="N100999" s="10"/>
    </row>
    <row r="101000" spans="14:14">
      <c r="N101000" s="10"/>
    </row>
    <row r="101001" spans="14:14">
      <c r="N101001" s="10"/>
    </row>
    <row r="101002" spans="14:14">
      <c r="N101002" s="10"/>
    </row>
    <row r="101003" spans="14:14">
      <c r="N101003" s="10"/>
    </row>
    <row r="101004" spans="14:14">
      <c r="N101004" s="10"/>
    </row>
    <row r="101005" spans="14:14">
      <c r="N101005" s="10"/>
    </row>
    <row r="101006" spans="14:14">
      <c r="N101006" s="10"/>
    </row>
    <row r="101007" spans="14:14">
      <c r="N101007" s="10"/>
    </row>
    <row r="101008" spans="14:14">
      <c r="N101008" s="10"/>
    </row>
    <row r="101009" spans="14:14">
      <c r="N101009" s="10"/>
    </row>
    <row r="101010" spans="14:14">
      <c r="N101010" s="10"/>
    </row>
    <row r="101011" spans="14:14">
      <c r="N101011" s="10"/>
    </row>
    <row r="101012" spans="14:14">
      <c r="N101012" s="10"/>
    </row>
    <row r="101013" spans="14:14">
      <c r="N101013" s="10"/>
    </row>
    <row r="101014" spans="14:14">
      <c r="N101014" s="10"/>
    </row>
    <row r="101015" spans="14:14">
      <c r="N101015" s="10"/>
    </row>
    <row r="101016" spans="14:14">
      <c r="N101016" s="10"/>
    </row>
    <row r="101017" spans="14:14">
      <c r="N101017" s="10"/>
    </row>
    <row r="101018" spans="14:14">
      <c r="N101018" s="10"/>
    </row>
    <row r="101019" spans="14:14">
      <c r="N101019" s="10"/>
    </row>
    <row r="101020" spans="14:14">
      <c r="N101020" s="10"/>
    </row>
    <row r="101021" spans="14:14">
      <c r="N101021" s="10"/>
    </row>
    <row r="101022" spans="14:14">
      <c r="N101022" s="10"/>
    </row>
    <row r="101023" spans="14:14">
      <c r="N101023" s="10"/>
    </row>
    <row r="101024" spans="14:14">
      <c r="N101024" s="10"/>
    </row>
    <row r="101025" spans="14:14">
      <c r="N101025" s="10"/>
    </row>
    <row r="101026" spans="14:14">
      <c r="N101026" s="10"/>
    </row>
    <row r="101027" spans="14:14">
      <c r="N101027" s="10"/>
    </row>
    <row r="101028" spans="14:14">
      <c r="N101028" s="10"/>
    </row>
    <row r="101029" spans="14:14">
      <c r="N101029" s="10"/>
    </row>
    <row r="101030" spans="14:14">
      <c r="N101030" s="10"/>
    </row>
    <row r="101031" spans="14:14">
      <c r="N101031" s="10"/>
    </row>
    <row r="101032" spans="14:14">
      <c r="N101032" s="10"/>
    </row>
    <row r="101033" spans="14:14">
      <c r="N101033" s="10"/>
    </row>
    <row r="101034" spans="14:14">
      <c r="N101034" s="10"/>
    </row>
    <row r="101035" spans="14:14">
      <c r="N101035" s="10"/>
    </row>
    <row r="101036" spans="14:14">
      <c r="N101036" s="10"/>
    </row>
    <row r="101037" spans="14:14">
      <c r="N101037" s="10"/>
    </row>
    <row r="101038" spans="14:14">
      <c r="N101038" s="10"/>
    </row>
    <row r="101039" spans="14:14">
      <c r="N101039" s="10"/>
    </row>
    <row r="101040" spans="14:14">
      <c r="N101040" s="10"/>
    </row>
    <row r="101041" spans="14:14">
      <c r="N101041" s="10"/>
    </row>
    <row r="101042" spans="14:14">
      <c r="N101042" s="10"/>
    </row>
    <row r="101043" spans="14:14">
      <c r="N101043" s="10"/>
    </row>
    <row r="101044" spans="14:14">
      <c r="N101044" s="10"/>
    </row>
    <row r="101045" spans="14:14">
      <c r="N101045" s="10"/>
    </row>
    <row r="101046" spans="14:14">
      <c r="N101046" s="10"/>
    </row>
    <row r="101047" spans="14:14">
      <c r="N101047" s="10"/>
    </row>
    <row r="101048" spans="14:14">
      <c r="N101048" s="10"/>
    </row>
    <row r="101049" spans="14:14">
      <c r="N101049" s="10"/>
    </row>
    <row r="101050" spans="14:14">
      <c r="N101050" s="10"/>
    </row>
    <row r="101051" spans="14:14">
      <c r="N101051" s="10"/>
    </row>
    <row r="101052" spans="14:14">
      <c r="N101052" s="10"/>
    </row>
    <row r="101053" spans="14:14">
      <c r="N101053" s="10"/>
    </row>
    <row r="101054" spans="14:14">
      <c r="N101054" s="10"/>
    </row>
    <row r="101055" spans="14:14">
      <c r="N101055" s="10"/>
    </row>
    <row r="101056" spans="14:14">
      <c r="N101056" s="10"/>
    </row>
    <row r="101057" spans="14:14">
      <c r="N101057" s="10"/>
    </row>
    <row r="101058" spans="14:14">
      <c r="N101058" s="10"/>
    </row>
    <row r="101059" spans="14:14">
      <c r="N101059" s="10"/>
    </row>
    <row r="101060" spans="14:14">
      <c r="N101060" s="10"/>
    </row>
    <row r="101061" spans="14:14">
      <c r="N101061" s="10"/>
    </row>
    <row r="101062" spans="14:14">
      <c r="N101062" s="10"/>
    </row>
    <row r="101063" spans="14:14">
      <c r="N101063" s="10"/>
    </row>
    <row r="101064" spans="14:14">
      <c r="N101064" s="10"/>
    </row>
    <row r="101065" spans="14:14">
      <c r="N101065" s="10"/>
    </row>
    <row r="101066" spans="14:14">
      <c r="N101066" s="10"/>
    </row>
    <row r="101067" spans="14:14">
      <c r="N101067" s="10"/>
    </row>
    <row r="101068" spans="14:14">
      <c r="N101068" s="10"/>
    </row>
    <row r="101069" spans="14:14">
      <c r="N101069" s="10"/>
    </row>
    <row r="101070" spans="14:14">
      <c r="N101070" s="10"/>
    </row>
    <row r="101071" spans="14:14">
      <c r="N101071" s="10"/>
    </row>
    <row r="101072" spans="14:14">
      <c r="N101072" s="10"/>
    </row>
    <row r="101073" spans="14:14">
      <c r="N101073" s="10"/>
    </row>
    <row r="101074" spans="14:14">
      <c r="N101074" s="10"/>
    </row>
    <row r="101075" spans="14:14">
      <c r="N101075" s="10"/>
    </row>
    <row r="101076" spans="14:14">
      <c r="N101076" s="10"/>
    </row>
    <row r="101077" spans="14:14">
      <c r="N101077" s="10"/>
    </row>
    <row r="101078" spans="14:14">
      <c r="N101078" s="10"/>
    </row>
    <row r="101079" spans="14:14">
      <c r="N101079" s="10"/>
    </row>
    <row r="101080" spans="14:14">
      <c r="N101080" s="10"/>
    </row>
    <row r="101081" spans="14:14">
      <c r="N101081" s="10"/>
    </row>
    <row r="101082" spans="14:14">
      <c r="N101082" s="10"/>
    </row>
    <row r="101083" spans="14:14">
      <c r="N101083" s="10"/>
    </row>
    <row r="101084" spans="14:14">
      <c r="N101084" s="10"/>
    </row>
    <row r="101085" spans="14:14">
      <c r="N101085" s="10"/>
    </row>
    <row r="101086" spans="14:14">
      <c r="N101086" s="10"/>
    </row>
    <row r="101087" spans="14:14">
      <c r="N101087" s="10"/>
    </row>
    <row r="101088" spans="14:14">
      <c r="N101088" s="10"/>
    </row>
    <row r="101089" spans="14:14">
      <c r="N101089" s="10"/>
    </row>
    <row r="101090" spans="14:14">
      <c r="N101090" s="10"/>
    </row>
    <row r="101091" spans="14:14">
      <c r="N101091" s="10"/>
    </row>
    <row r="101092" spans="14:14">
      <c r="N101092" s="10"/>
    </row>
    <row r="101093" spans="14:14">
      <c r="N101093" s="10"/>
    </row>
    <row r="101094" spans="14:14">
      <c r="N101094" s="10"/>
    </row>
    <row r="101095" spans="14:14">
      <c r="N101095" s="10"/>
    </row>
    <row r="101096" spans="14:14">
      <c r="N101096" s="10"/>
    </row>
    <row r="101097" spans="14:14">
      <c r="N101097" s="10"/>
    </row>
    <row r="101098" spans="14:14">
      <c r="N101098" s="10"/>
    </row>
    <row r="101099" spans="14:14">
      <c r="N101099" s="10"/>
    </row>
    <row r="101100" spans="14:14">
      <c r="N101100" s="10"/>
    </row>
    <row r="101101" spans="14:14">
      <c r="N101101" s="10"/>
    </row>
    <row r="101102" spans="14:14">
      <c r="N101102" s="10"/>
    </row>
    <row r="101103" spans="14:14">
      <c r="N101103" s="10"/>
    </row>
    <row r="101104" spans="14:14">
      <c r="N101104" s="10"/>
    </row>
    <row r="101105" spans="14:14">
      <c r="N101105" s="10"/>
    </row>
    <row r="101106" spans="14:14">
      <c r="N101106" s="10"/>
    </row>
    <row r="101107" spans="14:14">
      <c r="N101107" s="10"/>
    </row>
    <row r="101108" spans="14:14">
      <c r="N101108" s="10"/>
    </row>
    <row r="101109" spans="14:14">
      <c r="N101109" s="10"/>
    </row>
    <row r="101110" spans="14:14">
      <c r="N101110" s="10"/>
    </row>
    <row r="101111" spans="14:14">
      <c r="N101111" s="10"/>
    </row>
    <row r="101112" spans="14:14">
      <c r="N101112" s="10"/>
    </row>
    <row r="101113" spans="14:14">
      <c r="N101113" s="10"/>
    </row>
    <row r="101114" spans="14:14">
      <c r="N101114" s="10"/>
    </row>
    <row r="101115" spans="14:14">
      <c r="N101115" s="10"/>
    </row>
    <row r="101116" spans="14:14">
      <c r="N101116" s="10"/>
    </row>
    <row r="101117" spans="14:14">
      <c r="N101117" s="10"/>
    </row>
    <row r="101118" spans="14:14">
      <c r="N101118" s="10"/>
    </row>
    <row r="101119" spans="14:14">
      <c r="N101119" s="10"/>
    </row>
    <row r="101120" spans="14:14">
      <c r="N101120" s="10"/>
    </row>
    <row r="101121" spans="14:14">
      <c r="N101121" s="10"/>
    </row>
    <row r="101122" spans="14:14">
      <c r="N101122" s="10"/>
    </row>
    <row r="101123" spans="14:14">
      <c r="N101123" s="10"/>
    </row>
    <row r="101124" spans="14:14">
      <c r="N101124" s="10"/>
    </row>
    <row r="101125" spans="14:14">
      <c r="N101125" s="10"/>
    </row>
    <row r="101126" spans="14:14">
      <c r="N101126" s="10"/>
    </row>
    <row r="101127" spans="14:14">
      <c r="N101127" s="10"/>
    </row>
    <row r="101128" spans="14:14">
      <c r="N101128" s="10"/>
    </row>
    <row r="101129" spans="14:14">
      <c r="N101129" s="10"/>
    </row>
    <row r="101130" spans="14:14">
      <c r="N101130" s="10"/>
    </row>
    <row r="101131" spans="14:14">
      <c r="N101131" s="10"/>
    </row>
    <row r="101132" spans="14:14">
      <c r="N101132" s="10"/>
    </row>
    <row r="101133" spans="14:14">
      <c r="N101133" s="10"/>
    </row>
    <row r="101134" spans="14:14">
      <c r="N101134" s="10"/>
    </row>
    <row r="101135" spans="14:14">
      <c r="N101135" s="10"/>
    </row>
    <row r="101136" spans="14:14">
      <c r="N101136" s="10"/>
    </row>
    <row r="101137" spans="14:14">
      <c r="N101137" s="10"/>
    </row>
    <row r="101138" spans="14:14">
      <c r="N101138" s="10"/>
    </row>
    <row r="101139" spans="14:14">
      <c r="N101139" s="10"/>
    </row>
    <row r="101140" spans="14:14">
      <c r="N101140" s="10"/>
    </row>
    <row r="101141" spans="14:14">
      <c r="N101141" s="10"/>
    </row>
    <row r="101142" spans="14:14">
      <c r="N101142" s="10"/>
    </row>
    <row r="101143" spans="14:14">
      <c r="N101143" s="10"/>
    </row>
    <row r="101144" spans="14:14">
      <c r="N101144" s="10"/>
    </row>
    <row r="101145" spans="14:14">
      <c r="N101145" s="10"/>
    </row>
    <row r="101146" spans="14:14">
      <c r="N101146" s="10"/>
    </row>
    <row r="101147" spans="14:14">
      <c r="N101147" s="10"/>
    </row>
    <row r="101148" spans="14:14">
      <c r="N101148" s="10"/>
    </row>
    <row r="101149" spans="14:14">
      <c r="N101149" s="10"/>
    </row>
    <row r="101150" spans="14:14">
      <c r="N101150" s="10"/>
    </row>
    <row r="101151" spans="14:14">
      <c r="N101151" s="10"/>
    </row>
    <row r="101152" spans="14:14">
      <c r="N101152" s="10"/>
    </row>
    <row r="101153" spans="14:14">
      <c r="N101153" s="10"/>
    </row>
    <row r="101154" spans="14:14">
      <c r="N101154" s="10"/>
    </row>
    <row r="101155" spans="14:14">
      <c r="N101155" s="10"/>
    </row>
    <row r="101156" spans="14:14">
      <c r="N101156" s="10"/>
    </row>
    <row r="101157" spans="14:14">
      <c r="N101157" s="10"/>
    </row>
    <row r="101158" spans="14:14">
      <c r="N101158" s="10"/>
    </row>
    <row r="101159" spans="14:14">
      <c r="N101159" s="10"/>
    </row>
    <row r="101160" spans="14:14">
      <c r="N101160" s="10"/>
    </row>
    <row r="101161" spans="14:14">
      <c r="N101161" s="10"/>
    </row>
    <row r="101162" spans="14:14">
      <c r="N101162" s="10"/>
    </row>
    <row r="101163" spans="14:14">
      <c r="N101163" s="10"/>
    </row>
    <row r="101164" spans="14:14">
      <c r="N101164" s="10"/>
    </row>
    <row r="101165" spans="14:14">
      <c r="N101165" s="10"/>
    </row>
    <row r="101166" spans="14:14">
      <c r="N101166" s="10"/>
    </row>
    <row r="101167" spans="14:14">
      <c r="N101167" s="10"/>
    </row>
    <row r="101168" spans="14:14">
      <c r="N101168" s="10"/>
    </row>
    <row r="101169" spans="14:14">
      <c r="N101169" s="10"/>
    </row>
    <row r="101170" spans="14:14">
      <c r="N101170" s="10"/>
    </row>
    <row r="101171" spans="14:14">
      <c r="N101171" s="10"/>
    </row>
    <row r="101172" spans="14:14">
      <c r="N101172" s="10"/>
    </row>
    <row r="101173" spans="14:14">
      <c r="N101173" s="10"/>
    </row>
    <row r="101174" spans="14:14">
      <c r="N101174" s="10"/>
    </row>
    <row r="101175" spans="14:14">
      <c r="N101175" s="10"/>
    </row>
    <row r="101176" spans="14:14">
      <c r="N101176" s="10"/>
    </row>
    <row r="101177" spans="14:14">
      <c r="N101177" s="10"/>
    </row>
    <row r="101178" spans="14:14">
      <c r="N101178" s="10"/>
    </row>
    <row r="101179" spans="14:14">
      <c r="N101179" s="10"/>
    </row>
    <row r="101180" spans="14:14">
      <c r="N101180" s="10"/>
    </row>
    <row r="101181" spans="14:14">
      <c r="N101181" s="10"/>
    </row>
    <row r="101182" spans="14:14">
      <c r="N101182" s="10"/>
    </row>
    <row r="101183" spans="14:14">
      <c r="N101183" s="10"/>
    </row>
    <row r="101184" spans="14:14">
      <c r="N101184" s="10"/>
    </row>
    <row r="101185" spans="14:14">
      <c r="N101185" s="10"/>
    </row>
    <row r="101186" spans="14:14">
      <c r="N101186" s="10"/>
    </row>
    <row r="101187" spans="14:14">
      <c r="N101187" s="10"/>
    </row>
    <row r="101188" spans="14:14">
      <c r="N101188" s="10"/>
    </row>
    <row r="101189" spans="14:14">
      <c r="N101189" s="10"/>
    </row>
    <row r="101190" spans="14:14">
      <c r="N101190" s="10"/>
    </row>
    <row r="101191" spans="14:14">
      <c r="N101191" s="10"/>
    </row>
    <row r="101192" spans="14:14">
      <c r="N101192" s="10"/>
    </row>
    <row r="101193" spans="14:14">
      <c r="N101193" s="10"/>
    </row>
    <row r="101194" spans="14:14">
      <c r="N101194" s="10"/>
    </row>
    <row r="101195" spans="14:14">
      <c r="N101195" s="10"/>
    </row>
    <row r="101196" spans="14:14">
      <c r="N101196" s="10"/>
    </row>
    <row r="101197" spans="14:14">
      <c r="N101197" s="10"/>
    </row>
    <row r="101198" spans="14:14">
      <c r="N101198" s="10"/>
    </row>
    <row r="101199" spans="14:14">
      <c r="N101199" s="10"/>
    </row>
    <row r="101200" spans="14:14">
      <c r="N101200" s="10"/>
    </row>
    <row r="101201" spans="14:14">
      <c r="N101201" s="10"/>
    </row>
    <row r="101202" spans="14:14">
      <c r="N101202" s="10"/>
    </row>
    <row r="101203" spans="14:14">
      <c r="N101203" s="10"/>
    </row>
    <row r="101204" spans="14:14">
      <c r="N101204" s="10"/>
    </row>
    <row r="101205" spans="14:14">
      <c r="N101205" s="10"/>
    </row>
    <row r="101206" spans="14:14">
      <c r="N101206" s="10"/>
    </row>
    <row r="101207" spans="14:14">
      <c r="N101207" s="10"/>
    </row>
    <row r="101208" spans="14:14">
      <c r="N101208" s="10"/>
    </row>
    <row r="101209" spans="14:14">
      <c r="N101209" s="10"/>
    </row>
    <row r="101210" spans="14:14">
      <c r="N101210" s="10"/>
    </row>
    <row r="101211" spans="14:14">
      <c r="N101211" s="10"/>
    </row>
    <row r="101212" spans="14:14">
      <c r="N101212" s="10"/>
    </row>
    <row r="101213" spans="14:14">
      <c r="N101213" s="10"/>
    </row>
    <row r="101214" spans="14:14">
      <c r="N101214" s="10"/>
    </row>
    <row r="101215" spans="14:14">
      <c r="N101215" s="10"/>
    </row>
    <row r="101216" spans="14:14">
      <c r="N101216" s="10"/>
    </row>
    <row r="101217" spans="14:14">
      <c r="N101217" s="10"/>
    </row>
    <row r="101218" spans="14:14">
      <c r="N101218" s="10"/>
    </row>
    <row r="101219" spans="14:14">
      <c r="N101219" s="10"/>
    </row>
    <row r="101220" spans="14:14">
      <c r="N101220" s="10"/>
    </row>
    <row r="101221" spans="14:14">
      <c r="N101221" s="10"/>
    </row>
    <row r="101222" spans="14:14">
      <c r="N101222" s="10"/>
    </row>
    <row r="101223" spans="14:14">
      <c r="N101223" s="10"/>
    </row>
    <row r="101224" spans="14:14">
      <c r="N101224" s="10"/>
    </row>
    <row r="101225" spans="14:14">
      <c r="N101225" s="10"/>
    </row>
    <row r="101226" spans="14:14">
      <c r="N101226" s="10"/>
    </row>
    <row r="101227" spans="14:14">
      <c r="N101227" s="10"/>
    </row>
    <row r="101228" spans="14:14">
      <c r="N101228" s="10"/>
    </row>
    <row r="101229" spans="14:14">
      <c r="N101229" s="10"/>
    </row>
    <row r="101230" spans="14:14">
      <c r="N101230" s="10"/>
    </row>
    <row r="101231" spans="14:14">
      <c r="N101231" s="10"/>
    </row>
    <row r="101232" spans="14:14">
      <c r="N101232" s="10"/>
    </row>
    <row r="101233" spans="14:14">
      <c r="N101233" s="10"/>
    </row>
    <row r="101234" spans="14:14">
      <c r="N101234" s="10"/>
    </row>
    <row r="101235" spans="14:14">
      <c r="N101235" s="10"/>
    </row>
    <row r="101236" spans="14:14">
      <c r="N101236" s="10"/>
    </row>
    <row r="101237" spans="14:14">
      <c r="N101237" s="10"/>
    </row>
    <row r="101238" spans="14:14">
      <c r="N101238" s="10"/>
    </row>
    <row r="101239" spans="14:14">
      <c r="N101239" s="10"/>
    </row>
    <row r="101240" spans="14:14">
      <c r="N101240" s="10"/>
    </row>
    <row r="101241" spans="14:14">
      <c r="N101241" s="10"/>
    </row>
    <row r="101242" spans="14:14">
      <c r="N101242" s="10"/>
    </row>
    <row r="101243" spans="14:14">
      <c r="N101243" s="10"/>
    </row>
    <row r="101244" spans="14:14">
      <c r="N101244" s="10"/>
    </row>
    <row r="101245" spans="14:14">
      <c r="N101245" s="10"/>
    </row>
    <row r="101246" spans="14:14">
      <c r="N101246" s="10"/>
    </row>
    <row r="101247" spans="14:14">
      <c r="N101247" s="10"/>
    </row>
    <row r="101248" spans="14:14">
      <c r="N101248" s="10"/>
    </row>
    <row r="101249" spans="14:14">
      <c r="N101249" s="10"/>
    </row>
    <row r="101250" spans="14:14">
      <c r="N101250" s="10"/>
    </row>
    <row r="101251" spans="14:14">
      <c r="N101251" s="10"/>
    </row>
    <row r="101252" spans="14:14">
      <c r="N101252" s="10"/>
    </row>
    <row r="101253" spans="14:14">
      <c r="N101253" s="10"/>
    </row>
    <row r="101254" spans="14:14">
      <c r="N101254" s="10"/>
    </row>
    <row r="101255" spans="14:14">
      <c r="N101255" s="10"/>
    </row>
    <row r="101256" spans="14:14">
      <c r="N101256" s="10"/>
    </row>
    <row r="101257" spans="14:14">
      <c r="N101257" s="10"/>
    </row>
    <row r="101258" spans="14:14">
      <c r="N101258" s="10"/>
    </row>
    <row r="101259" spans="14:14">
      <c r="N101259" s="10"/>
    </row>
    <row r="101260" spans="14:14">
      <c r="N101260" s="10"/>
    </row>
    <row r="101261" spans="14:14">
      <c r="N101261" s="10"/>
    </row>
    <row r="101262" spans="14:14">
      <c r="N101262" s="10"/>
    </row>
    <row r="101263" spans="14:14">
      <c r="N101263" s="10"/>
    </row>
    <row r="101264" spans="14:14">
      <c r="N101264" s="10"/>
    </row>
    <row r="101265" spans="14:14">
      <c r="N101265" s="10"/>
    </row>
    <row r="101266" spans="14:14">
      <c r="N101266" s="10"/>
    </row>
    <row r="101267" spans="14:14">
      <c r="N101267" s="10"/>
    </row>
    <row r="101268" spans="14:14">
      <c r="N101268" s="10"/>
    </row>
    <row r="101269" spans="14:14">
      <c r="N101269" s="10"/>
    </row>
    <row r="101270" spans="14:14">
      <c r="N101270" s="10"/>
    </row>
    <row r="101271" spans="14:14">
      <c r="N101271" s="10"/>
    </row>
    <row r="101272" spans="14:14">
      <c r="N101272" s="10"/>
    </row>
    <row r="101273" spans="14:14">
      <c r="N101273" s="10"/>
    </row>
    <row r="101274" spans="14:14">
      <c r="N101274" s="10"/>
    </row>
    <row r="101275" spans="14:14">
      <c r="N101275" s="10"/>
    </row>
    <row r="101276" spans="14:14">
      <c r="N101276" s="10"/>
    </row>
    <row r="101277" spans="14:14">
      <c r="N101277" s="10"/>
    </row>
    <row r="101278" spans="14:14">
      <c r="N101278" s="10"/>
    </row>
    <row r="101279" spans="14:14">
      <c r="N101279" s="10"/>
    </row>
    <row r="101280" spans="14:14">
      <c r="N101280" s="10"/>
    </row>
    <row r="101281" spans="14:14">
      <c r="N101281" s="10"/>
    </row>
    <row r="101282" spans="14:14">
      <c r="N101282" s="10"/>
    </row>
    <row r="101283" spans="14:14">
      <c r="N101283" s="10"/>
    </row>
    <row r="101284" spans="14:14">
      <c r="N101284" s="10"/>
    </row>
    <row r="101285" spans="14:14">
      <c r="N101285" s="10"/>
    </row>
    <row r="101286" spans="14:14">
      <c r="N101286" s="10"/>
    </row>
    <row r="101287" spans="14:14">
      <c r="N101287" s="10"/>
    </row>
    <row r="101288" spans="14:14">
      <c r="N101288" s="10"/>
    </row>
    <row r="101289" spans="14:14">
      <c r="N101289" s="10"/>
    </row>
    <row r="101290" spans="14:14">
      <c r="N101290" s="10"/>
    </row>
    <row r="101291" spans="14:14">
      <c r="N101291" s="10"/>
    </row>
    <row r="101292" spans="14:14">
      <c r="N101292" s="10"/>
    </row>
    <row r="101293" spans="14:14">
      <c r="N101293" s="10"/>
    </row>
    <row r="101294" spans="14:14">
      <c r="N101294" s="10"/>
    </row>
    <row r="101295" spans="14:14">
      <c r="N101295" s="10"/>
    </row>
    <row r="101296" spans="14:14">
      <c r="N101296" s="10"/>
    </row>
    <row r="101297" spans="14:14">
      <c r="N101297" s="10"/>
    </row>
    <row r="101298" spans="14:14">
      <c r="N101298" s="10"/>
    </row>
    <row r="101299" spans="14:14">
      <c r="N101299" s="10"/>
    </row>
    <row r="101300" spans="14:14">
      <c r="N101300" s="10"/>
    </row>
    <row r="101301" spans="14:14">
      <c r="N101301" s="10"/>
    </row>
    <row r="101302" spans="14:14">
      <c r="N101302" s="10"/>
    </row>
    <row r="101303" spans="14:14">
      <c r="N101303" s="10"/>
    </row>
    <row r="101304" spans="14:14">
      <c r="N101304" s="10"/>
    </row>
    <row r="101305" spans="14:14">
      <c r="N101305" s="10"/>
    </row>
    <row r="101306" spans="14:14">
      <c r="N101306" s="10"/>
    </row>
    <row r="101307" spans="14:14">
      <c r="N101307" s="10"/>
    </row>
    <row r="101308" spans="14:14">
      <c r="N101308" s="10"/>
    </row>
    <row r="101309" spans="14:14">
      <c r="N101309" s="10"/>
    </row>
    <row r="101310" spans="14:14">
      <c r="N101310" s="10"/>
    </row>
    <row r="101311" spans="14:14">
      <c r="N101311" s="10"/>
    </row>
    <row r="101312" spans="14:14">
      <c r="N101312" s="10"/>
    </row>
    <row r="101313" spans="14:14">
      <c r="N101313" s="10"/>
    </row>
    <row r="101314" spans="14:14">
      <c r="N101314" s="10"/>
    </row>
    <row r="101315" spans="14:14">
      <c r="N101315" s="10"/>
    </row>
    <row r="101316" spans="14:14">
      <c r="N101316" s="10"/>
    </row>
    <row r="101317" spans="14:14">
      <c r="N101317" s="10"/>
    </row>
    <row r="101318" spans="14:14">
      <c r="N101318" s="10"/>
    </row>
    <row r="101319" spans="14:14">
      <c r="N101319" s="10"/>
    </row>
    <row r="101320" spans="14:14">
      <c r="N101320" s="10"/>
    </row>
    <row r="101321" spans="14:14">
      <c r="N101321" s="10"/>
    </row>
    <row r="101322" spans="14:14">
      <c r="N101322" s="10"/>
    </row>
    <row r="101323" spans="14:14">
      <c r="N101323" s="10"/>
    </row>
    <row r="101324" spans="14:14">
      <c r="N101324" s="10"/>
    </row>
    <row r="101325" spans="14:14">
      <c r="N101325" s="10"/>
    </row>
    <row r="101326" spans="14:14">
      <c r="N101326" s="10"/>
    </row>
    <row r="101327" spans="14:14">
      <c r="N101327" s="10"/>
    </row>
    <row r="101328" spans="14:14">
      <c r="N101328" s="10"/>
    </row>
    <row r="101329" spans="14:14">
      <c r="N101329" s="10"/>
    </row>
    <row r="101330" spans="14:14">
      <c r="N101330" s="10"/>
    </row>
    <row r="101331" spans="14:14">
      <c r="N101331" s="10"/>
    </row>
    <row r="101332" spans="14:14">
      <c r="N101332" s="10"/>
    </row>
    <row r="101333" spans="14:14">
      <c r="N101333" s="10"/>
    </row>
    <row r="101334" spans="14:14">
      <c r="N101334" s="10"/>
    </row>
    <row r="101335" spans="14:14">
      <c r="N101335" s="10"/>
    </row>
    <row r="101336" spans="14:14">
      <c r="N101336" s="10"/>
    </row>
    <row r="101337" spans="14:14">
      <c r="N101337" s="10"/>
    </row>
    <row r="101338" spans="14:14">
      <c r="N101338" s="10"/>
    </row>
    <row r="101339" spans="14:14">
      <c r="N101339" s="10"/>
    </row>
    <row r="101340" spans="14:14">
      <c r="N101340" s="10"/>
    </row>
    <row r="101341" spans="14:14">
      <c r="N101341" s="10"/>
    </row>
    <row r="101342" spans="14:14">
      <c r="N101342" s="10"/>
    </row>
    <row r="101343" spans="14:14">
      <c r="N101343" s="10"/>
    </row>
    <row r="101344" spans="14:14">
      <c r="N101344" s="10"/>
    </row>
    <row r="101345" spans="14:14">
      <c r="N101345" s="10"/>
    </row>
    <row r="101346" spans="14:14">
      <c r="N101346" s="10"/>
    </row>
    <row r="101347" spans="14:14">
      <c r="N101347" s="10"/>
    </row>
    <row r="101348" spans="14:14">
      <c r="N101348" s="10"/>
    </row>
    <row r="101349" spans="14:14">
      <c r="N101349" s="10"/>
    </row>
    <row r="101350" spans="14:14">
      <c r="N101350" s="10"/>
    </row>
    <row r="101351" spans="14:14">
      <c r="N101351" s="10"/>
    </row>
    <row r="101352" spans="14:14">
      <c r="N101352" s="10"/>
    </row>
    <row r="101353" spans="14:14">
      <c r="N101353" s="10"/>
    </row>
    <row r="101354" spans="14:14">
      <c r="N101354" s="10"/>
    </row>
    <row r="101355" spans="14:14">
      <c r="N101355" s="10"/>
    </row>
    <row r="101356" spans="14:14">
      <c r="N101356" s="10"/>
    </row>
    <row r="101357" spans="14:14">
      <c r="N101357" s="10"/>
    </row>
    <row r="101358" spans="14:14">
      <c r="N101358" s="10"/>
    </row>
    <row r="101359" spans="14:14">
      <c r="N101359" s="10"/>
    </row>
    <row r="101360" spans="14:14">
      <c r="N101360" s="10"/>
    </row>
    <row r="101361" spans="14:14">
      <c r="N101361" s="10"/>
    </row>
    <row r="101362" spans="14:14">
      <c r="N101362" s="10"/>
    </row>
    <row r="101363" spans="14:14">
      <c r="N101363" s="10"/>
    </row>
    <row r="101364" spans="14:14">
      <c r="N101364" s="10"/>
    </row>
    <row r="101365" spans="14:14">
      <c r="N101365" s="10"/>
    </row>
    <row r="101366" spans="14:14">
      <c r="N101366" s="10"/>
    </row>
    <row r="101367" spans="14:14">
      <c r="N101367" s="10"/>
    </row>
    <row r="101368" spans="14:14">
      <c r="N101368" s="10"/>
    </row>
    <row r="101369" spans="14:14">
      <c r="N101369" s="10"/>
    </row>
    <row r="101370" spans="14:14">
      <c r="N101370" s="10"/>
    </row>
    <row r="101371" spans="14:14">
      <c r="N101371" s="10"/>
    </row>
    <row r="101372" spans="14:14">
      <c r="N101372" s="10"/>
    </row>
    <row r="101373" spans="14:14">
      <c r="N101373" s="10"/>
    </row>
    <row r="101374" spans="14:14">
      <c r="N101374" s="10"/>
    </row>
    <row r="101375" spans="14:14">
      <c r="N101375" s="10"/>
    </row>
    <row r="101376" spans="14:14">
      <c r="N101376" s="10"/>
    </row>
    <row r="101377" spans="14:14">
      <c r="N101377" s="10"/>
    </row>
    <row r="101378" spans="14:14">
      <c r="N101378" s="10"/>
    </row>
    <row r="101379" spans="14:14">
      <c r="N101379" s="10"/>
    </row>
    <row r="101380" spans="14:14">
      <c r="N101380" s="10"/>
    </row>
    <row r="101381" spans="14:14">
      <c r="N101381" s="10"/>
    </row>
    <row r="101382" spans="14:14">
      <c r="N101382" s="10"/>
    </row>
    <row r="101383" spans="14:14">
      <c r="N101383" s="10"/>
    </row>
    <row r="101384" spans="14:14">
      <c r="N101384" s="10"/>
    </row>
    <row r="101385" spans="14:14">
      <c r="N101385" s="10"/>
    </row>
    <row r="101386" spans="14:14">
      <c r="N101386" s="10"/>
    </row>
    <row r="101387" spans="14:14">
      <c r="N101387" s="10"/>
    </row>
    <row r="101388" spans="14:14">
      <c r="N101388" s="10"/>
    </row>
    <row r="101389" spans="14:14">
      <c r="N101389" s="10"/>
    </row>
    <row r="101390" spans="14:14">
      <c r="N101390" s="10"/>
    </row>
    <row r="101391" spans="14:14">
      <c r="N101391" s="10"/>
    </row>
    <row r="101392" spans="14:14">
      <c r="N101392" s="10"/>
    </row>
    <row r="101393" spans="14:14">
      <c r="N101393" s="10"/>
    </row>
    <row r="101394" spans="14:14">
      <c r="N101394" s="10"/>
    </row>
    <row r="101395" spans="14:14">
      <c r="N101395" s="10"/>
    </row>
    <row r="101396" spans="14:14">
      <c r="N101396" s="10"/>
    </row>
    <row r="101397" spans="14:14">
      <c r="N101397" s="10"/>
    </row>
    <row r="101398" spans="14:14">
      <c r="N101398" s="10"/>
    </row>
    <row r="101399" spans="14:14">
      <c r="N101399" s="10"/>
    </row>
    <row r="101400" spans="14:14">
      <c r="N101400" s="10"/>
    </row>
    <row r="101401" spans="14:14">
      <c r="N101401" s="10"/>
    </row>
    <row r="101402" spans="14:14">
      <c r="N101402" s="10"/>
    </row>
    <row r="101403" spans="14:14">
      <c r="N101403" s="10"/>
    </row>
    <row r="101404" spans="14:14">
      <c r="N101404" s="10"/>
    </row>
    <row r="101405" spans="14:14">
      <c r="N101405" s="10"/>
    </row>
    <row r="101406" spans="14:14">
      <c r="N101406" s="10"/>
    </row>
    <row r="101407" spans="14:14">
      <c r="N101407" s="10"/>
    </row>
    <row r="101408" spans="14:14">
      <c r="N101408" s="10"/>
    </row>
    <row r="101409" spans="14:14">
      <c r="N101409" s="10"/>
    </row>
    <row r="101410" spans="14:14">
      <c r="N101410" s="10"/>
    </row>
    <row r="101411" spans="14:14">
      <c r="N101411" s="10"/>
    </row>
    <row r="101412" spans="14:14">
      <c r="N101412" s="10"/>
    </row>
    <row r="101413" spans="14:14">
      <c r="N101413" s="10"/>
    </row>
    <row r="101414" spans="14:14">
      <c r="N101414" s="10"/>
    </row>
    <row r="101415" spans="14:14">
      <c r="N101415" s="10"/>
    </row>
    <row r="101416" spans="14:14">
      <c r="N101416" s="10"/>
    </row>
    <row r="101417" spans="14:14">
      <c r="N101417" s="10"/>
    </row>
    <row r="101418" spans="14:14">
      <c r="N101418" s="10"/>
    </row>
    <row r="101419" spans="14:14">
      <c r="N101419" s="10"/>
    </row>
    <row r="101420" spans="14:14">
      <c r="N101420" s="10"/>
    </row>
    <row r="101421" spans="14:14">
      <c r="N101421" s="10"/>
    </row>
    <row r="101422" spans="14:14">
      <c r="N101422" s="10"/>
    </row>
    <row r="101423" spans="14:14">
      <c r="N101423" s="10"/>
    </row>
    <row r="101424" spans="14:14">
      <c r="N101424" s="10"/>
    </row>
    <row r="101425" spans="14:14">
      <c r="N101425" s="10"/>
    </row>
    <row r="101426" spans="14:14">
      <c r="N101426" s="10"/>
    </row>
    <row r="101427" spans="14:14">
      <c r="N101427" s="10"/>
    </row>
    <row r="101428" spans="14:14">
      <c r="N101428" s="10"/>
    </row>
    <row r="101429" spans="14:14">
      <c r="N101429" s="10"/>
    </row>
    <row r="101430" spans="14:14">
      <c r="N101430" s="10"/>
    </row>
    <row r="101431" spans="14:14">
      <c r="N101431" s="10"/>
    </row>
    <row r="101432" spans="14:14">
      <c r="N101432" s="10"/>
    </row>
    <row r="101433" spans="14:14">
      <c r="N101433" s="10"/>
    </row>
    <row r="101434" spans="14:14">
      <c r="N101434" s="10"/>
    </row>
    <row r="101435" spans="14:14">
      <c r="N101435" s="10"/>
    </row>
    <row r="101436" spans="14:14">
      <c r="N101436" s="10"/>
    </row>
    <row r="101437" spans="14:14">
      <c r="N101437" s="10"/>
    </row>
    <row r="101438" spans="14:14">
      <c r="N101438" s="10"/>
    </row>
    <row r="101439" spans="14:14">
      <c r="N101439" s="10"/>
    </row>
    <row r="101440" spans="14:14">
      <c r="N101440" s="10"/>
    </row>
    <row r="101441" spans="14:14">
      <c r="N101441" s="10"/>
    </row>
    <row r="101442" spans="14:14">
      <c r="N101442" s="10"/>
    </row>
    <row r="101443" spans="14:14">
      <c r="N101443" s="10"/>
    </row>
    <row r="101444" spans="14:14">
      <c r="N101444" s="10"/>
    </row>
    <row r="101445" spans="14:14">
      <c r="N101445" s="10"/>
    </row>
    <row r="101446" spans="14:14">
      <c r="N101446" s="10"/>
    </row>
    <row r="101447" spans="14:14">
      <c r="N101447" s="10"/>
    </row>
    <row r="101448" spans="14:14">
      <c r="N101448" s="10"/>
    </row>
    <row r="101449" spans="14:14">
      <c r="N101449" s="10"/>
    </row>
    <row r="101450" spans="14:14">
      <c r="N101450" s="10"/>
    </row>
    <row r="101451" spans="14:14">
      <c r="N101451" s="10"/>
    </row>
    <row r="101452" spans="14:14">
      <c r="N101452" s="10"/>
    </row>
    <row r="101453" spans="14:14">
      <c r="N101453" s="10"/>
    </row>
    <row r="101454" spans="14:14">
      <c r="N101454" s="10"/>
    </row>
    <row r="101455" spans="14:14">
      <c r="N101455" s="10"/>
    </row>
    <row r="101456" spans="14:14">
      <c r="N101456" s="10"/>
    </row>
    <row r="101457" spans="14:14">
      <c r="N101457" s="10"/>
    </row>
    <row r="101458" spans="14:14">
      <c r="N101458" s="10"/>
    </row>
    <row r="101459" spans="14:14">
      <c r="N101459" s="10"/>
    </row>
    <row r="101460" spans="14:14">
      <c r="N101460" s="10"/>
    </row>
    <row r="101461" spans="14:14">
      <c r="N101461" s="10"/>
    </row>
    <row r="101462" spans="14:14">
      <c r="N101462" s="10"/>
    </row>
    <row r="101463" spans="14:14">
      <c r="N101463" s="10"/>
    </row>
    <row r="101464" spans="14:14">
      <c r="N101464" s="10"/>
    </row>
    <row r="101465" spans="14:14">
      <c r="N101465" s="10"/>
    </row>
    <row r="101466" spans="14:14">
      <c r="N101466" s="10"/>
    </row>
    <row r="101467" spans="14:14">
      <c r="N101467" s="10"/>
    </row>
    <row r="101468" spans="14:14">
      <c r="N101468" s="10"/>
    </row>
    <row r="101469" spans="14:14">
      <c r="N101469" s="10"/>
    </row>
    <row r="101470" spans="14:14">
      <c r="N101470" s="10"/>
    </row>
    <row r="101471" spans="14:14">
      <c r="N101471" s="10"/>
    </row>
    <row r="101472" spans="14:14">
      <c r="N101472" s="10"/>
    </row>
    <row r="101473" spans="14:14">
      <c r="N101473" s="10"/>
    </row>
    <row r="101474" spans="14:14">
      <c r="N101474" s="10"/>
    </row>
    <row r="101475" spans="14:14">
      <c r="N101475" s="10"/>
    </row>
    <row r="101476" spans="14:14">
      <c r="N101476" s="10"/>
    </row>
    <row r="101477" spans="14:14">
      <c r="N101477" s="10"/>
    </row>
    <row r="101478" spans="14:14">
      <c r="N101478" s="10"/>
    </row>
    <row r="101479" spans="14:14">
      <c r="N101479" s="10"/>
    </row>
    <row r="101480" spans="14:14">
      <c r="N101480" s="10"/>
    </row>
    <row r="101481" spans="14:14">
      <c r="N101481" s="10"/>
    </row>
    <row r="101482" spans="14:14">
      <c r="N101482" s="10"/>
    </row>
    <row r="101483" spans="14:14">
      <c r="N101483" s="10"/>
    </row>
    <row r="101484" spans="14:14">
      <c r="N101484" s="10"/>
    </row>
    <row r="101485" spans="14:14">
      <c r="N101485" s="10"/>
    </row>
    <row r="101486" spans="14:14">
      <c r="N101486" s="10"/>
    </row>
    <row r="101487" spans="14:14">
      <c r="N101487" s="10"/>
    </row>
    <row r="101488" spans="14:14">
      <c r="N101488" s="10"/>
    </row>
    <row r="101489" spans="14:14">
      <c r="N101489" s="10"/>
    </row>
    <row r="101490" spans="14:14">
      <c r="N101490" s="10"/>
    </row>
    <row r="101491" spans="14:14">
      <c r="N101491" s="10"/>
    </row>
    <row r="101492" spans="14:14">
      <c r="N101492" s="10"/>
    </row>
    <row r="101493" spans="14:14">
      <c r="N101493" s="10"/>
    </row>
    <row r="101494" spans="14:14">
      <c r="N101494" s="10"/>
    </row>
    <row r="101495" spans="14:14">
      <c r="N101495" s="10"/>
    </row>
    <row r="101496" spans="14:14">
      <c r="N101496" s="10"/>
    </row>
    <row r="101497" spans="14:14">
      <c r="N101497" s="10"/>
    </row>
    <row r="101498" spans="14:14">
      <c r="N101498" s="10"/>
    </row>
    <row r="101499" spans="14:14">
      <c r="N101499" s="10"/>
    </row>
    <row r="101500" spans="14:14">
      <c r="N101500" s="10"/>
    </row>
    <row r="101501" spans="14:14">
      <c r="N101501" s="10"/>
    </row>
    <row r="101502" spans="14:14">
      <c r="N101502" s="10"/>
    </row>
    <row r="101503" spans="14:14">
      <c r="N101503" s="10"/>
    </row>
    <row r="101504" spans="14:14">
      <c r="N101504" s="10"/>
    </row>
    <row r="101505" spans="14:14">
      <c r="N101505" s="10"/>
    </row>
    <row r="101506" spans="14:14">
      <c r="N101506" s="10"/>
    </row>
    <row r="101507" spans="14:14">
      <c r="N101507" s="10"/>
    </row>
    <row r="101508" spans="14:14">
      <c r="N101508" s="10"/>
    </row>
    <row r="101509" spans="14:14">
      <c r="N101509" s="10"/>
    </row>
    <row r="101510" spans="14:14">
      <c r="N101510" s="10"/>
    </row>
    <row r="101511" spans="14:14">
      <c r="N101511" s="10"/>
    </row>
    <row r="101512" spans="14:14">
      <c r="N101512" s="10"/>
    </row>
    <row r="101513" spans="14:14">
      <c r="N101513" s="10"/>
    </row>
    <row r="101514" spans="14:14">
      <c r="N101514" s="10"/>
    </row>
    <row r="101515" spans="14:14">
      <c r="N101515" s="10"/>
    </row>
    <row r="101516" spans="14:14">
      <c r="N101516" s="10"/>
    </row>
    <row r="101517" spans="14:14">
      <c r="N101517" s="10"/>
    </row>
    <row r="101518" spans="14:14">
      <c r="N101518" s="10"/>
    </row>
    <row r="101519" spans="14:14">
      <c r="N101519" s="10"/>
    </row>
    <row r="101520" spans="14:14">
      <c r="N101520" s="10"/>
    </row>
    <row r="101521" spans="14:14">
      <c r="N101521" s="10"/>
    </row>
    <row r="101522" spans="14:14">
      <c r="N101522" s="10"/>
    </row>
    <row r="101523" spans="14:14">
      <c r="N101523" s="10"/>
    </row>
    <row r="101524" spans="14:14">
      <c r="N101524" s="10"/>
    </row>
    <row r="101525" spans="14:14">
      <c r="N101525" s="10"/>
    </row>
    <row r="101526" spans="14:14">
      <c r="N101526" s="10"/>
    </row>
    <row r="101527" spans="14:14">
      <c r="N101527" s="10"/>
    </row>
    <row r="101528" spans="14:14">
      <c r="N101528" s="10"/>
    </row>
    <row r="101529" spans="14:14">
      <c r="N101529" s="10"/>
    </row>
    <row r="101530" spans="14:14">
      <c r="N101530" s="10"/>
    </row>
    <row r="101531" spans="14:14">
      <c r="N101531" s="10"/>
    </row>
    <row r="101532" spans="14:14">
      <c r="N101532" s="10"/>
    </row>
    <row r="101533" spans="14:14">
      <c r="N101533" s="10"/>
    </row>
    <row r="101534" spans="14:14">
      <c r="N101534" s="10"/>
    </row>
    <row r="101535" spans="14:14">
      <c r="N101535" s="10"/>
    </row>
    <row r="101536" spans="14:14">
      <c r="N101536" s="10"/>
    </row>
    <row r="101537" spans="14:14">
      <c r="N101537" s="10"/>
    </row>
    <row r="101538" spans="14:14">
      <c r="N101538" s="10"/>
    </row>
    <row r="101539" spans="14:14">
      <c r="N101539" s="10"/>
    </row>
    <row r="101540" spans="14:14">
      <c r="N101540" s="10"/>
    </row>
    <row r="101541" spans="14:14">
      <c r="N101541" s="10"/>
    </row>
    <row r="101542" spans="14:14">
      <c r="N101542" s="10"/>
    </row>
    <row r="101543" spans="14:14">
      <c r="N101543" s="10"/>
    </row>
    <row r="101544" spans="14:14">
      <c r="N101544" s="10"/>
    </row>
    <row r="101545" spans="14:14">
      <c r="N101545" s="10"/>
    </row>
    <row r="101546" spans="14:14">
      <c r="N101546" s="10"/>
    </row>
    <row r="101547" spans="14:14">
      <c r="N101547" s="10"/>
    </row>
    <row r="101548" spans="14:14">
      <c r="N101548" s="10"/>
    </row>
    <row r="101549" spans="14:14">
      <c r="N101549" s="10"/>
    </row>
    <row r="101550" spans="14:14">
      <c r="N101550" s="10"/>
    </row>
    <row r="101551" spans="14:14">
      <c r="N101551" s="10"/>
    </row>
    <row r="101552" spans="14:14">
      <c r="N101552" s="10"/>
    </row>
    <row r="101553" spans="14:14">
      <c r="N101553" s="10"/>
    </row>
    <row r="101554" spans="14:14">
      <c r="N101554" s="10"/>
    </row>
    <row r="101555" spans="14:14">
      <c r="N101555" s="10"/>
    </row>
    <row r="101556" spans="14:14">
      <c r="N101556" s="10"/>
    </row>
    <row r="101557" spans="14:14">
      <c r="N101557" s="10"/>
    </row>
    <row r="101558" spans="14:14">
      <c r="N101558" s="10"/>
    </row>
    <row r="101559" spans="14:14">
      <c r="N101559" s="10"/>
    </row>
    <row r="101560" spans="14:14">
      <c r="N101560" s="10"/>
    </row>
    <row r="101561" spans="14:14">
      <c r="N101561" s="10"/>
    </row>
    <row r="101562" spans="14:14">
      <c r="N101562" s="10"/>
    </row>
    <row r="101563" spans="14:14">
      <c r="N101563" s="10"/>
    </row>
    <row r="101564" spans="14:14">
      <c r="N101564" s="10"/>
    </row>
    <row r="101565" spans="14:14">
      <c r="N101565" s="10"/>
    </row>
    <row r="101566" spans="14:14">
      <c r="N101566" s="10"/>
    </row>
    <row r="101567" spans="14:14">
      <c r="N101567" s="10"/>
    </row>
    <row r="101568" spans="14:14">
      <c r="N101568" s="10"/>
    </row>
    <row r="101569" spans="14:14">
      <c r="N101569" s="10"/>
    </row>
    <row r="101570" spans="14:14">
      <c r="N101570" s="10"/>
    </row>
    <row r="101571" spans="14:14">
      <c r="N101571" s="10"/>
    </row>
    <row r="101572" spans="14:14">
      <c r="N101572" s="10"/>
    </row>
    <row r="101573" spans="14:14">
      <c r="N101573" s="10"/>
    </row>
    <row r="101574" spans="14:14">
      <c r="N101574" s="10"/>
    </row>
    <row r="101575" spans="14:14">
      <c r="N101575" s="10"/>
    </row>
    <row r="101576" spans="14:14">
      <c r="N101576" s="10"/>
    </row>
    <row r="101577" spans="14:14">
      <c r="N101577" s="10"/>
    </row>
    <row r="101578" spans="14:14">
      <c r="N101578" s="10"/>
    </row>
    <row r="101579" spans="14:14">
      <c r="N101579" s="10"/>
    </row>
    <row r="101580" spans="14:14">
      <c r="N101580" s="10"/>
    </row>
    <row r="101581" spans="14:14">
      <c r="N101581" s="10"/>
    </row>
    <row r="101582" spans="14:14">
      <c r="N101582" s="10"/>
    </row>
    <row r="101583" spans="14:14">
      <c r="N101583" s="10"/>
    </row>
    <row r="101584" spans="14:14">
      <c r="N101584" s="10"/>
    </row>
    <row r="101585" spans="14:14">
      <c r="N101585" s="10"/>
    </row>
    <row r="101586" spans="14:14">
      <c r="N101586" s="10"/>
    </row>
    <row r="101587" spans="14:14">
      <c r="N101587" s="10"/>
    </row>
    <row r="101588" spans="14:14">
      <c r="N101588" s="10"/>
    </row>
    <row r="101589" spans="14:14">
      <c r="N101589" s="10"/>
    </row>
    <row r="101590" spans="14:14">
      <c r="N101590" s="10"/>
    </row>
    <row r="101591" spans="14:14">
      <c r="N101591" s="10"/>
    </row>
    <row r="101592" spans="14:14">
      <c r="N101592" s="10"/>
    </row>
    <row r="101593" spans="14:14">
      <c r="N101593" s="10"/>
    </row>
    <row r="101594" spans="14:14">
      <c r="N101594" s="10"/>
    </row>
    <row r="101595" spans="14:14">
      <c r="N101595" s="10"/>
    </row>
    <row r="101596" spans="14:14">
      <c r="N101596" s="10"/>
    </row>
    <row r="101597" spans="14:14">
      <c r="N101597" s="10"/>
    </row>
    <row r="101598" spans="14:14">
      <c r="N101598" s="10"/>
    </row>
    <row r="101599" spans="14:14">
      <c r="N101599" s="10"/>
    </row>
    <row r="101600" spans="14:14">
      <c r="N101600" s="10"/>
    </row>
    <row r="101601" spans="14:14">
      <c r="N101601" s="10"/>
    </row>
    <row r="101602" spans="14:14">
      <c r="N101602" s="10"/>
    </row>
    <row r="101603" spans="14:14">
      <c r="N101603" s="10"/>
    </row>
    <row r="101604" spans="14:14">
      <c r="N101604" s="10"/>
    </row>
    <row r="101605" spans="14:14">
      <c r="N101605" s="10"/>
    </row>
    <row r="101606" spans="14:14">
      <c r="N101606" s="10"/>
    </row>
    <row r="101607" spans="14:14">
      <c r="N101607" s="10"/>
    </row>
    <row r="101608" spans="14:14">
      <c r="N101608" s="10"/>
    </row>
    <row r="101609" spans="14:14">
      <c r="N101609" s="10"/>
    </row>
    <row r="101610" spans="14:14">
      <c r="N101610" s="10"/>
    </row>
    <row r="101611" spans="14:14">
      <c r="N101611" s="10"/>
    </row>
    <row r="101612" spans="14:14">
      <c r="N101612" s="10"/>
    </row>
    <row r="101613" spans="14:14">
      <c r="N101613" s="10"/>
    </row>
    <row r="101614" spans="14:14">
      <c r="N101614" s="10"/>
    </row>
    <row r="101615" spans="14:14">
      <c r="N101615" s="10"/>
    </row>
    <row r="101616" spans="14:14">
      <c r="N101616" s="10"/>
    </row>
    <row r="101617" spans="14:14">
      <c r="N101617" s="10"/>
    </row>
    <row r="101618" spans="14:14">
      <c r="N101618" s="10"/>
    </row>
    <row r="101619" spans="14:14">
      <c r="N101619" s="10"/>
    </row>
    <row r="101620" spans="14:14">
      <c r="N101620" s="10"/>
    </row>
    <row r="101621" spans="14:14">
      <c r="N101621" s="10"/>
    </row>
    <row r="101622" spans="14:14">
      <c r="N101622" s="10"/>
    </row>
    <row r="101623" spans="14:14">
      <c r="N101623" s="10"/>
    </row>
    <row r="101624" spans="14:14">
      <c r="N101624" s="10"/>
    </row>
    <row r="101625" spans="14:14">
      <c r="N101625" s="10"/>
    </row>
    <row r="101626" spans="14:14">
      <c r="N101626" s="10"/>
    </row>
    <row r="101627" spans="14:14">
      <c r="N101627" s="10"/>
    </row>
    <row r="101628" spans="14:14">
      <c r="N101628" s="10"/>
    </row>
    <row r="101629" spans="14:14">
      <c r="N101629" s="10"/>
    </row>
    <row r="101630" spans="14:14">
      <c r="N101630" s="10"/>
    </row>
    <row r="101631" spans="14:14">
      <c r="N101631" s="10"/>
    </row>
    <row r="101632" spans="14:14">
      <c r="N101632" s="10"/>
    </row>
    <row r="101633" spans="14:14">
      <c r="N101633" s="10"/>
    </row>
    <row r="101634" spans="14:14">
      <c r="N101634" s="10"/>
    </row>
    <row r="101635" spans="14:14">
      <c r="N101635" s="10"/>
    </row>
    <row r="101636" spans="14:14">
      <c r="N101636" s="10"/>
    </row>
    <row r="101637" spans="14:14">
      <c r="N101637" s="10"/>
    </row>
    <row r="101638" spans="14:14">
      <c r="N101638" s="10"/>
    </row>
    <row r="101639" spans="14:14">
      <c r="N101639" s="10"/>
    </row>
    <row r="101640" spans="14:14">
      <c r="N101640" s="10"/>
    </row>
    <row r="101641" spans="14:14">
      <c r="N101641" s="10"/>
    </row>
    <row r="101642" spans="14:14">
      <c r="N101642" s="10"/>
    </row>
    <row r="101643" spans="14:14">
      <c r="N101643" s="10"/>
    </row>
    <row r="101644" spans="14:14">
      <c r="N101644" s="10"/>
    </row>
    <row r="101645" spans="14:14">
      <c r="N101645" s="10"/>
    </row>
    <row r="101646" spans="14:14">
      <c r="N101646" s="10"/>
    </row>
    <row r="101647" spans="14:14">
      <c r="N101647" s="10"/>
    </row>
    <row r="101648" spans="14:14">
      <c r="N101648" s="10"/>
    </row>
    <row r="101649" spans="14:14">
      <c r="N101649" s="10"/>
    </row>
    <row r="101650" spans="14:14">
      <c r="N101650" s="10"/>
    </row>
    <row r="101651" spans="14:14">
      <c r="N101651" s="10"/>
    </row>
    <row r="101652" spans="14:14">
      <c r="N101652" s="10"/>
    </row>
    <row r="101653" spans="14:14">
      <c r="N101653" s="10"/>
    </row>
    <row r="101654" spans="14:14">
      <c r="N101654" s="10"/>
    </row>
    <row r="101655" spans="14:14">
      <c r="N101655" s="10"/>
    </row>
    <row r="101656" spans="14:14">
      <c r="N101656" s="10"/>
    </row>
    <row r="101657" spans="14:14">
      <c r="N101657" s="10"/>
    </row>
    <row r="101658" spans="14:14">
      <c r="N101658" s="10"/>
    </row>
    <row r="101659" spans="14:14">
      <c r="N101659" s="10"/>
    </row>
    <row r="101660" spans="14:14">
      <c r="N101660" s="10"/>
    </row>
    <row r="101661" spans="14:14">
      <c r="N101661" s="10"/>
    </row>
    <row r="101662" spans="14:14">
      <c r="N101662" s="10"/>
    </row>
    <row r="101663" spans="14:14">
      <c r="N101663" s="10"/>
    </row>
    <row r="101664" spans="14:14">
      <c r="N101664" s="10"/>
    </row>
    <row r="101665" spans="14:14">
      <c r="N101665" s="10"/>
    </row>
    <row r="101666" spans="14:14">
      <c r="N101666" s="10"/>
    </row>
    <row r="101667" spans="14:14">
      <c r="N101667" s="10"/>
    </row>
    <row r="101668" spans="14:14">
      <c r="N101668" s="10"/>
    </row>
    <row r="101669" spans="14:14">
      <c r="N101669" s="10"/>
    </row>
    <row r="101670" spans="14:14">
      <c r="N101670" s="10"/>
    </row>
    <row r="101671" spans="14:14">
      <c r="N101671" s="10"/>
    </row>
    <row r="101672" spans="14:14">
      <c r="N101672" s="10"/>
    </row>
    <row r="101673" spans="14:14">
      <c r="N101673" s="10"/>
    </row>
    <row r="101674" spans="14:14">
      <c r="N101674" s="10"/>
    </row>
    <row r="101675" spans="14:14">
      <c r="N101675" s="10"/>
    </row>
    <row r="101676" spans="14:14">
      <c r="N101676" s="10"/>
    </row>
    <row r="101677" spans="14:14">
      <c r="N101677" s="10"/>
    </row>
    <row r="101678" spans="14:14">
      <c r="N101678" s="10"/>
    </row>
    <row r="101679" spans="14:14">
      <c r="N101679" s="10"/>
    </row>
    <row r="101680" spans="14:14">
      <c r="N101680" s="10"/>
    </row>
    <row r="101681" spans="14:14">
      <c r="N101681" s="10"/>
    </row>
    <row r="101682" spans="14:14">
      <c r="N101682" s="10"/>
    </row>
    <row r="101683" spans="14:14">
      <c r="N101683" s="10"/>
    </row>
    <row r="101684" spans="14:14">
      <c r="N101684" s="10"/>
    </row>
    <row r="101685" spans="14:14">
      <c r="N101685" s="10"/>
    </row>
    <row r="101686" spans="14:14">
      <c r="N101686" s="10"/>
    </row>
    <row r="101687" spans="14:14">
      <c r="N101687" s="10"/>
    </row>
    <row r="101688" spans="14:14">
      <c r="N101688" s="10"/>
    </row>
    <row r="101689" spans="14:14">
      <c r="N101689" s="10"/>
    </row>
    <row r="101690" spans="14:14">
      <c r="N101690" s="10"/>
    </row>
    <row r="101691" spans="14:14">
      <c r="N101691" s="10"/>
    </row>
    <row r="101692" spans="14:14">
      <c r="N101692" s="10"/>
    </row>
    <row r="101693" spans="14:14">
      <c r="N101693" s="10"/>
    </row>
    <row r="101694" spans="14:14">
      <c r="N101694" s="10"/>
    </row>
    <row r="101695" spans="14:14">
      <c r="N101695" s="10"/>
    </row>
    <row r="101696" spans="14:14">
      <c r="N101696" s="10"/>
    </row>
    <row r="101697" spans="14:14">
      <c r="N101697" s="10"/>
    </row>
    <row r="101698" spans="14:14">
      <c r="N101698" s="10"/>
    </row>
    <row r="101699" spans="14:14">
      <c r="N101699" s="10"/>
    </row>
    <row r="101700" spans="14:14">
      <c r="N101700" s="10"/>
    </row>
    <row r="101701" spans="14:14">
      <c r="N101701" s="10"/>
    </row>
    <row r="101702" spans="14:14">
      <c r="N101702" s="10"/>
    </row>
    <row r="101703" spans="14:14">
      <c r="N101703" s="10"/>
    </row>
    <row r="101704" spans="14:14">
      <c r="N101704" s="10"/>
    </row>
    <row r="101705" spans="14:14">
      <c r="N101705" s="10"/>
    </row>
    <row r="101706" spans="14:14">
      <c r="N101706" s="10"/>
    </row>
    <row r="101707" spans="14:14">
      <c r="N101707" s="10"/>
    </row>
    <row r="101708" spans="14:14">
      <c r="N101708" s="10"/>
    </row>
    <row r="101709" spans="14:14">
      <c r="N101709" s="10"/>
    </row>
    <row r="101710" spans="14:14">
      <c r="N101710" s="10"/>
    </row>
    <row r="101711" spans="14:14">
      <c r="N101711" s="10"/>
    </row>
    <row r="101712" spans="14:14">
      <c r="N101712" s="10"/>
    </row>
    <row r="101713" spans="14:14">
      <c r="N101713" s="10"/>
    </row>
    <row r="101714" spans="14:14">
      <c r="N101714" s="10"/>
    </row>
    <row r="101715" spans="14:14">
      <c r="N101715" s="10"/>
    </row>
    <row r="101716" spans="14:14">
      <c r="N101716" s="10"/>
    </row>
    <row r="101717" spans="14:14">
      <c r="N101717" s="10"/>
    </row>
    <row r="101718" spans="14:14">
      <c r="N101718" s="10"/>
    </row>
    <row r="101719" spans="14:14">
      <c r="N101719" s="10"/>
    </row>
    <row r="101720" spans="14:14">
      <c r="N101720" s="10"/>
    </row>
    <row r="101721" spans="14:14">
      <c r="N101721" s="10"/>
    </row>
    <row r="101722" spans="14:14">
      <c r="N101722" s="10"/>
    </row>
    <row r="101723" spans="14:14">
      <c r="N101723" s="10"/>
    </row>
    <row r="101724" spans="14:14">
      <c r="N101724" s="10"/>
    </row>
    <row r="101725" spans="14:14">
      <c r="N101725" s="10"/>
    </row>
    <row r="101726" spans="14:14">
      <c r="N101726" s="10"/>
    </row>
    <row r="101727" spans="14:14">
      <c r="N101727" s="10"/>
    </row>
    <row r="101728" spans="14:14">
      <c r="N101728" s="10"/>
    </row>
    <row r="101729" spans="14:14">
      <c r="N101729" s="10"/>
    </row>
    <row r="101730" spans="14:14">
      <c r="N101730" s="10"/>
    </row>
    <row r="101731" spans="14:14">
      <c r="N101731" s="10"/>
    </row>
    <row r="101732" spans="14:14">
      <c r="N101732" s="10"/>
    </row>
    <row r="101733" spans="14:14">
      <c r="N101733" s="10"/>
    </row>
    <row r="101734" spans="14:14">
      <c r="N101734" s="10"/>
    </row>
    <row r="101735" spans="14:14">
      <c r="N101735" s="10"/>
    </row>
    <row r="101736" spans="14:14">
      <c r="N101736" s="10"/>
    </row>
    <row r="101737" spans="14:14">
      <c r="N101737" s="10"/>
    </row>
    <row r="101738" spans="14:14">
      <c r="N101738" s="10"/>
    </row>
    <row r="101739" spans="14:14">
      <c r="N101739" s="10"/>
    </row>
    <row r="101740" spans="14:14">
      <c r="N101740" s="10"/>
    </row>
    <row r="101741" spans="14:14">
      <c r="N101741" s="10"/>
    </row>
    <row r="101742" spans="14:14">
      <c r="N101742" s="10"/>
    </row>
    <row r="101743" spans="14:14">
      <c r="N101743" s="10"/>
    </row>
    <row r="101744" spans="14:14">
      <c r="N101744" s="10"/>
    </row>
    <row r="101745" spans="14:14">
      <c r="N101745" s="10"/>
    </row>
    <row r="101746" spans="14:14">
      <c r="N101746" s="10"/>
    </row>
    <row r="101747" spans="14:14">
      <c r="N101747" s="10"/>
    </row>
    <row r="101748" spans="14:14">
      <c r="N101748" s="10"/>
    </row>
    <row r="101749" spans="14:14">
      <c r="N101749" s="10"/>
    </row>
    <row r="101750" spans="14:14">
      <c r="N101750" s="10"/>
    </row>
    <row r="101751" spans="14:14">
      <c r="N101751" s="10"/>
    </row>
    <row r="101752" spans="14:14">
      <c r="N101752" s="10"/>
    </row>
    <row r="101753" spans="14:14">
      <c r="N101753" s="10"/>
    </row>
    <row r="101754" spans="14:14">
      <c r="N101754" s="10"/>
    </row>
    <row r="101755" spans="14:14">
      <c r="N101755" s="10"/>
    </row>
    <row r="101756" spans="14:14">
      <c r="N101756" s="10"/>
    </row>
    <row r="101757" spans="14:14">
      <c r="N101757" s="10"/>
    </row>
    <row r="101758" spans="14:14">
      <c r="N101758" s="10"/>
    </row>
    <row r="101759" spans="14:14">
      <c r="N101759" s="10"/>
    </row>
    <row r="101760" spans="14:14">
      <c r="N101760" s="10"/>
    </row>
    <row r="101761" spans="14:14">
      <c r="N101761" s="10"/>
    </row>
    <row r="101762" spans="14:14">
      <c r="N101762" s="10"/>
    </row>
    <row r="101763" spans="14:14">
      <c r="N101763" s="10"/>
    </row>
    <row r="101764" spans="14:14">
      <c r="N101764" s="10"/>
    </row>
    <row r="101765" spans="14:14">
      <c r="N101765" s="10"/>
    </row>
    <row r="101766" spans="14:14">
      <c r="N101766" s="10"/>
    </row>
    <row r="101767" spans="14:14">
      <c r="N101767" s="10"/>
    </row>
    <row r="101768" spans="14:14">
      <c r="N101768" s="10"/>
    </row>
    <row r="101769" spans="14:14">
      <c r="N101769" s="10"/>
    </row>
    <row r="101770" spans="14:14">
      <c r="N101770" s="10"/>
    </row>
    <row r="101771" spans="14:14">
      <c r="N101771" s="10"/>
    </row>
    <row r="101772" spans="14:14">
      <c r="N101772" s="10"/>
    </row>
    <row r="101773" spans="14:14">
      <c r="N101773" s="10"/>
    </row>
    <row r="101774" spans="14:14">
      <c r="N101774" s="10"/>
    </row>
    <row r="101775" spans="14:14">
      <c r="N101775" s="10"/>
    </row>
    <row r="101776" spans="14:14">
      <c r="N101776" s="10"/>
    </row>
    <row r="101777" spans="14:14">
      <c r="N101777" s="10"/>
    </row>
    <row r="101778" spans="14:14">
      <c r="N101778" s="10"/>
    </row>
    <row r="101779" spans="14:14">
      <c r="N101779" s="10"/>
    </row>
    <row r="101780" spans="14:14">
      <c r="N101780" s="10"/>
    </row>
    <row r="101781" spans="14:14">
      <c r="N101781" s="10"/>
    </row>
    <row r="101782" spans="14:14">
      <c r="N101782" s="10"/>
    </row>
    <row r="101783" spans="14:14">
      <c r="N101783" s="10"/>
    </row>
    <row r="101784" spans="14:14">
      <c r="N101784" s="10"/>
    </row>
    <row r="101785" spans="14:14">
      <c r="N101785" s="10"/>
    </row>
    <row r="101786" spans="14:14">
      <c r="N101786" s="10"/>
    </row>
    <row r="101787" spans="14:14">
      <c r="N101787" s="10"/>
    </row>
    <row r="101788" spans="14:14">
      <c r="N101788" s="10"/>
    </row>
    <row r="101789" spans="14:14">
      <c r="N101789" s="10"/>
    </row>
    <row r="101790" spans="14:14">
      <c r="N101790" s="10"/>
    </row>
    <row r="101791" spans="14:14">
      <c r="N101791" s="10"/>
    </row>
    <row r="101792" spans="14:14">
      <c r="N101792" s="10"/>
    </row>
    <row r="101793" spans="14:14">
      <c r="N101793" s="10"/>
    </row>
    <row r="101794" spans="14:14">
      <c r="N101794" s="10"/>
    </row>
    <row r="101795" spans="14:14">
      <c r="N101795" s="10"/>
    </row>
    <row r="101796" spans="14:14">
      <c r="N101796" s="10"/>
    </row>
    <row r="101797" spans="14:14">
      <c r="N101797" s="10"/>
    </row>
    <row r="101798" spans="14:14">
      <c r="N101798" s="10"/>
    </row>
    <row r="101799" spans="14:14">
      <c r="N101799" s="10"/>
    </row>
    <row r="101800" spans="14:14">
      <c r="N101800" s="10"/>
    </row>
    <row r="101801" spans="14:14">
      <c r="N101801" s="10"/>
    </row>
    <row r="101802" spans="14:14">
      <c r="N101802" s="10"/>
    </row>
    <row r="101803" spans="14:14">
      <c r="N101803" s="10"/>
    </row>
    <row r="101804" spans="14:14">
      <c r="N101804" s="10"/>
    </row>
    <row r="101805" spans="14:14">
      <c r="N101805" s="10"/>
    </row>
    <row r="101806" spans="14:14">
      <c r="N101806" s="10"/>
    </row>
    <row r="101807" spans="14:14">
      <c r="N101807" s="10"/>
    </row>
    <row r="101808" spans="14:14">
      <c r="N101808" s="10"/>
    </row>
    <row r="101809" spans="14:14">
      <c r="N101809" s="10"/>
    </row>
    <row r="101810" spans="14:14">
      <c r="N101810" s="10"/>
    </row>
    <row r="101811" spans="14:14">
      <c r="N101811" s="10"/>
    </row>
    <row r="101812" spans="14:14">
      <c r="N101812" s="10"/>
    </row>
    <row r="101813" spans="14:14">
      <c r="N101813" s="10"/>
    </row>
    <row r="101814" spans="14:14">
      <c r="N101814" s="10"/>
    </row>
    <row r="101815" spans="14:14">
      <c r="N101815" s="10"/>
    </row>
    <row r="101816" spans="14:14">
      <c r="N101816" s="10"/>
    </row>
    <row r="101817" spans="14:14">
      <c r="N101817" s="10"/>
    </row>
    <row r="101818" spans="14:14">
      <c r="N101818" s="10"/>
    </row>
    <row r="101819" spans="14:14">
      <c r="N101819" s="10"/>
    </row>
    <row r="101820" spans="14:14">
      <c r="N101820" s="10"/>
    </row>
    <row r="101821" spans="14:14">
      <c r="N101821" s="10"/>
    </row>
    <row r="101822" spans="14:14">
      <c r="N101822" s="10"/>
    </row>
    <row r="101823" spans="14:14">
      <c r="N101823" s="10"/>
    </row>
    <row r="101824" spans="14:14">
      <c r="N101824" s="10"/>
    </row>
    <row r="101825" spans="14:14">
      <c r="N101825" s="10"/>
    </row>
    <row r="101826" spans="14:14">
      <c r="N101826" s="10"/>
    </row>
    <row r="101827" spans="14:14">
      <c r="N101827" s="10"/>
    </row>
    <row r="101828" spans="14:14">
      <c r="N101828" s="10"/>
    </row>
    <row r="101829" spans="14:14">
      <c r="N101829" s="10"/>
    </row>
    <row r="101830" spans="14:14">
      <c r="N101830" s="10"/>
    </row>
    <row r="101831" spans="14:14">
      <c r="N101831" s="10"/>
    </row>
    <row r="101832" spans="14:14">
      <c r="N101832" s="10"/>
    </row>
    <row r="101833" spans="14:14">
      <c r="N101833" s="10"/>
    </row>
    <row r="101834" spans="14:14">
      <c r="N101834" s="10"/>
    </row>
    <row r="101835" spans="14:14">
      <c r="N101835" s="10"/>
    </row>
    <row r="101836" spans="14:14">
      <c r="N101836" s="10"/>
    </row>
    <row r="101837" spans="14:14">
      <c r="N101837" s="10"/>
    </row>
    <row r="101838" spans="14:14">
      <c r="N101838" s="10"/>
    </row>
    <row r="101839" spans="14:14">
      <c r="N101839" s="10"/>
    </row>
    <row r="101840" spans="14:14">
      <c r="N101840" s="10"/>
    </row>
    <row r="101841" spans="14:14">
      <c r="N101841" s="10"/>
    </row>
    <row r="101842" spans="14:14">
      <c r="N101842" s="10"/>
    </row>
    <row r="101843" spans="14:14">
      <c r="N101843" s="10"/>
    </row>
    <row r="101844" spans="14:14">
      <c r="N101844" s="10"/>
    </row>
    <row r="101845" spans="14:14">
      <c r="N101845" s="10"/>
    </row>
    <row r="101846" spans="14:14">
      <c r="N101846" s="10"/>
    </row>
    <row r="101847" spans="14:14">
      <c r="N101847" s="10"/>
    </row>
    <row r="101848" spans="14:14">
      <c r="N101848" s="10"/>
    </row>
    <row r="101849" spans="14:14">
      <c r="N101849" s="10"/>
    </row>
    <row r="101850" spans="14:14">
      <c r="N101850" s="10"/>
    </row>
    <row r="101851" spans="14:14">
      <c r="N101851" s="10"/>
    </row>
    <row r="101852" spans="14:14">
      <c r="N101852" s="10"/>
    </row>
    <row r="101853" spans="14:14">
      <c r="N101853" s="10"/>
    </row>
    <row r="101854" spans="14:14">
      <c r="N101854" s="10"/>
    </row>
    <row r="101855" spans="14:14">
      <c r="N101855" s="10"/>
    </row>
    <row r="101856" spans="14:14">
      <c r="N101856" s="10"/>
    </row>
    <row r="101857" spans="14:14">
      <c r="N101857" s="10"/>
    </row>
    <row r="101858" spans="14:14">
      <c r="N101858" s="10"/>
    </row>
    <row r="101859" spans="14:14">
      <c r="N101859" s="10"/>
    </row>
    <row r="101860" spans="14:14">
      <c r="N101860" s="10"/>
    </row>
    <row r="101861" spans="14:14">
      <c r="N101861" s="10"/>
    </row>
    <row r="101862" spans="14:14">
      <c r="N101862" s="10"/>
    </row>
    <row r="101863" spans="14:14">
      <c r="N101863" s="10"/>
    </row>
    <row r="101864" spans="14:14">
      <c r="N101864" s="10"/>
    </row>
    <row r="101865" spans="14:14">
      <c r="N101865" s="10"/>
    </row>
    <row r="101866" spans="14:14">
      <c r="N101866" s="10"/>
    </row>
    <row r="101867" spans="14:14">
      <c r="N101867" s="10"/>
    </row>
    <row r="101868" spans="14:14">
      <c r="N101868" s="10"/>
    </row>
    <row r="101869" spans="14:14">
      <c r="N101869" s="10"/>
    </row>
    <row r="101870" spans="14:14">
      <c r="N101870" s="10"/>
    </row>
    <row r="101871" spans="14:14">
      <c r="N101871" s="10"/>
    </row>
    <row r="101872" spans="14:14">
      <c r="N101872" s="10"/>
    </row>
    <row r="101873" spans="14:14">
      <c r="N101873" s="10"/>
    </row>
    <row r="101874" spans="14:14">
      <c r="N101874" s="10"/>
    </row>
    <row r="101875" spans="14:14">
      <c r="N101875" s="10"/>
    </row>
    <row r="101876" spans="14:14">
      <c r="N101876" s="10"/>
    </row>
    <row r="101877" spans="14:14">
      <c r="N101877" s="10"/>
    </row>
    <row r="101878" spans="14:14">
      <c r="N101878" s="10"/>
    </row>
    <row r="101879" spans="14:14">
      <c r="N101879" s="10"/>
    </row>
    <row r="101880" spans="14:14">
      <c r="N101880" s="10"/>
    </row>
    <row r="101881" spans="14:14">
      <c r="N101881" s="10"/>
    </row>
    <row r="101882" spans="14:14">
      <c r="N101882" s="10"/>
    </row>
    <row r="101883" spans="14:14">
      <c r="N101883" s="10"/>
    </row>
    <row r="101884" spans="14:14">
      <c r="N101884" s="10"/>
    </row>
    <row r="101885" spans="14:14">
      <c r="N101885" s="10"/>
    </row>
    <row r="101886" spans="14:14">
      <c r="N101886" s="10"/>
    </row>
    <row r="101887" spans="14:14">
      <c r="N101887" s="10"/>
    </row>
    <row r="101888" spans="14:14">
      <c r="N101888" s="10"/>
    </row>
    <row r="101889" spans="14:14">
      <c r="N101889" s="10"/>
    </row>
    <row r="101890" spans="14:14">
      <c r="N101890" s="10"/>
    </row>
    <row r="101891" spans="14:14">
      <c r="N101891" s="10"/>
    </row>
    <row r="101892" spans="14:14">
      <c r="N101892" s="10"/>
    </row>
    <row r="101893" spans="14:14">
      <c r="N101893" s="10"/>
    </row>
    <row r="101894" spans="14:14">
      <c r="N101894" s="10"/>
    </row>
    <row r="101895" spans="14:14">
      <c r="N101895" s="10"/>
    </row>
    <row r="101896" spans="14:14">
      <c r="N101896" s="10"/>
    </row>
    <row r="101897" spans="14:14">
      <c r="N101897" s="10"/>
    </row>
    <row r="101898" spans="14:14">
      <c r="N101898" s="10"/>
    </row>
    <row r="101899" spans="14:14">
      <c r="N101899" s="10"/>
    </row>
    <row r="101900" spans="14:14">
      <c r="N101900" s="10"/>
    </row>
    <row r="101901" spans="14:14">
      <c r="N101901" s="10"/>
    </row>
    <row r="101902" spans="14:14">
      <c r="N101902" s="10"/>
    </row>
    <row r="101903" spans="14:14">
      <c r="N101903" s="10"/>
    </row>
    <row r="101904" spans="14:14">
      <c r="N101904" s="10"/>
    </row>
    <row r="101905" spans="14:14">
      <c r="N101905" s="10"/>
    </row>
    <row r="101906" spans="14:14">
      <c r="N101906" s="10"/>
    </row>
    <row r="101907" spans="14:14">
      <c r="N101907" s="10"/>
    </row>
    <row r="101908" spans="14:14">
      <c r="N101908" s="10"/>
    </row>
    <row r="101909" spans="14:14">
      <c r="N101909" s="10"/>
    </row>
    <row r="101910" spans="14:14">
      <c r="N101910" s="10"/>
    </row>
    <row r="101911" spans="14:14">
      <c r="N101911" s="10"/>
    </row>
    <row r="101912" spans="14:14">
      <c r="N101912" s="10"/>
    </row>
    <row r="101913" spans="14:14">
      <c r="N101913" s="10"/>
    </row>
    <row r="101914" spans="14:14">
      <c r="N101914" s="10"/>
    </row>
    <row r="101915" spans="14:14">
      <c r="N101915" s="10"/>
    </row>
    <row r="101916" spans="14:14">
      <c r="N101916" s="10"/>
    </row>
    <row r="101917" spans="14:14">
      <c r="N101917" s="10"/>
    </row>
    <row r="101918" spans="14:14">
      <c r="N101918" s="10"/>
    </row>
    <row r="101919" spans="14:14">
      <c r="N101919" s="10"/>
    </row>
    <row r="101920" spans="14:14">
      <c r="N101920" s="10"/>
    </row>
    <row r="101921" spans="14:14">
      <c r="N101921" s="10"/>
    </row>
    <row r="101922" spans="14:14">
      <c r="N101922" s="10"/>
    </row>
    <row r="101923" spans="14:14">
      <c r="N101923" s="10"/>
    </row>
    <row r="101924" spans="14:14">
      <c r="N101924" s="10"/>
    </row>
    <row r="101925" spans="14:14">
      <c r="N101925" s="10"/>
    </row>
    <row r="101926" spans="14:14">
      <c r="N101926" s="10"/>
    </row>
    <row r="101927" spans="14:14">
      <c r="N101927" s="10"/>
    </row>
    <row r="101928" spans="14:14">
      <c r="N101928" s="10"/>
    </row>
    <row r="101929" spans="14:14">
      <c r="N101929" s="10"/>
    </row>
    <row r="101930" spans="14:14">
      <c r="N101930" s="10"/>
    </row>
    <row r="101931" spans="14:14">
      <c r="N101931" s="10"/>
    </row>
    <row r="101932" spans="14:14">
      <c r="N101932" s="10"/>
    </row>
    <row r="101933" spans="14:14">
      <c r="N101933" s="10"/>
    </row>
    <row r="101934" spans="14:14">
      <c r="N101934" s="10"/>
    </row>
    <row r="101935" spans="14:14">
      <c r="N101935" s="10"/>
    </row>
    <row r="101936" spans="14:14">
      <c r="N101936" s="10"/>
    </row>
    <row r="101937" spans="14:14">
      <c r="N101937" s="10"/>
    </row>
    <row r="101938" spans="14:14">
      <c r="N101938" s="10"/>
    </row>
    <row r="101939" spans="14:14">
      <c r="N101939" s="10"/>
    </row>
    <row r="101940" spans="14:14">
      <c r="N101940" s="10"/>
    </row>
    <row r="101941" spans="14:14">
      <c r="N101941" s="10"/>
    </row>
    <row r="101942" spans="14:14">
      <c r="N101942" s="10"/>
    </row>
    <row r="101943" spans="14:14">
      <c r="N101943" s="10"/>
    </row>
    <row r="101944" spans="14:14">
      <c r="N101944" s="10"/>
    </row>
    <row r="101945" spans="14:14">
      <c r="N101945" s="10"/>
    </row>
    <row r="101946" spans="14:14">
      <c r="N101946" s="10"/>
    </row>
    <row r="101947" spans="14:14">
      <c r="N101947" s="10"/>
    </row>
    <row r="101948" spans="14:14">
      <c r="N101948" s="10"/>
    </row>
    <row r="101949" spans="14:14">
      <c r="N101949" s="10"/>
    </row>
    <row r="101950" spans="14:14">
      <c r="N101950" s="10"/>
    </row>
    <row r="101951" spans="14:14">
      <c r="N101951" s="10"/>
    </row>
    <row r="101952" spans="14:14">
      <c r="N101952" s="10"/>
    </row>
    <row r="101953" spans="14:14">
      <c r="N101953" s="10"/>
    </row>
    <row r="101954" spans="14:14">
      <c r="N101954" s="10"/>
    </row>
    <row r="101955" spans="14:14">
      <c r="N101955" s="10"/>
    </row>
    <row r="101956" spans="14:14">
      <c r="N101956" s="10"/>
    </row>
    <row r="101957" spans="14:14">
      <c r="N101957" s="10"/>
    </row>
    <row r="101958" spans="14:14">
      <c r="N101958" s="10"/>
    </row>
    <row r="101959" spans="14:14">
      <c r="N101959" s="10"/>
    </row>
    <row r="101960" spans="14:14">
      <c r="N101960" s="10"/>
    </row>
    <row r="101961" spans="14:14">
      <c r="N101961" s="10"/>
    </row>
    <row r="101962" spans="14:14">
      <c r="N101962" s="10"/>
    </row>
    <row r="101963" spans="14:14">
      <c r="N101963" s="10"/>
    </row>
    <row r="101964" spans="14:14">
      <c r="N101964" s="10"/>
    </row>
    <row r="101965" spans="14:14">
      <c r="N101965" s="10"/>
    </row>
    <row r="101966" spans="14:14">
      <c r="N101966" s="10"/>
    </row>
    <row r="101967" spans="14:14">
      <c r="N101967" s="10"/>
    </row>
    <row r="101968" spans="14:14">
      <c r="N101968" s="10"/>
    </row>
    <row r="101969" spans="14:14">
      <c r="N101969" s="10"/>
    </row>
    <row r="101970" spans="14:14">
      <c r="N101970" s="10"/>
    </row>
    <row r="101971" spans="14:14">
      <c r="N101971" s="10"/>
    </row>
    <row r="101972" spans="14:14">
      <c r="N101972" s="10"/>
    </row>
    <row r="101973" spans="14:14">
      <c r="N101973" s="10"/>
    </row>
    <row r="101974" spans="14:14">
      <c r="N101974" s="10"/>
    </row>
    <row r="101975" spans="14:14">
      <c r="N101975" s="10"/>
    </row>
    <row r="101976" spans="14:14">
      <c r="N101976" s="10"/>
    </row>
    <row r="101977" spans="14:14">
      <c r="N101977" s="10"/>
    </row>
    <row r="101978" spans="14:14">
      <c r="N101978" s="10"/>
    </row>
    <row r="101979" spans="14:14">
      <c r="N101979" s="10"/>
    </row>
    <row r="101980" spans="14:14">
      <c r="N101980" s="10"/>
    </row>
    <row r="101981" spans="14:14">
      <c r="N101981" s="10"/>
    </row>
    <row r="101982" spans="14:14">
      <c r="N101982" s="10"/>
    </row>
    <row r="101983" spans="14:14">
      <c r="N101983" s="10"/>
    </row>
    <row r="101984" spans="14:14">
      <c r="N101984" s="10"/>
    </row>
    <row r="101985" spans="14:14">
      <c r="N101985" s="10"/>
    </row>
    <row r="101986" spans="14:14">
      <c r="N101986" s="10"/>
    </row>
    <row r="101987" spans="14:14">
      <c r="N101987" s="10"/>
    </row>
    <row r="101988" spans="14:14">
      <c r="N101988" s="10"/>
    </row>
    <row r="101989" spans="14:14">
      <c r="N101989" s="10"/>
    </row>
    <row r="101990" spans="14:14">
      <c r="N101990" s="10"/>
    </row>
    <row r="101991" spans="14:14">
      <c r="N101991" s="10"/>
    </row>
    <row r="101992" spans="14:14">
      <c r="N101992" s="10"/>
    </row>
    <row r="101993" spans="14:14">
      <c r="N101993" s="10"/>
    </row>
    <row r="101994" spans="14:14">
      <c r="N101994" s="10"/>
    </row>
    <row r="101995" spans="14:14">
      <c r="N101995" s="10"/>
    </row>
    <row r="101996" spans="14:14">
      <c r="N101996" s="10"/>
    </row>
    <row r="101997" spans="14:14">
      <c r="N101997" s="10"/>
    </row>
    <row r="101998" spans="14:14">
      <c r="N101998" s="10"/>
    </row>
    <row r="101999" spans="14:14">
      <c r="N101999" s="10"/>
    </row>
    <row r="102000" spans="14:14">
      <c r="N102000" s="10"/>
    </row>
    <row r="102001" spans="14:14">
      <c r="N102001" s="10"/>
    </row>
    <row r="102002" spans="14:14">
      <c r="N102002" s="10"/>
    </row>
    <row r="102003" spans="14:14">
      <c r="N102003" s="10"/>
    </row>
    <row r="102004" spans="14:14">
      <c r="N102004" s="10"/>
    </row>
    <row r="102005" spans="14:14">
      <c r="N102005" s="10"/>
    </row>
    <row r="102006" spans="14:14">
      <c r="N102006" s="10"/>
    </row>
    <row r="102007" spans="14:14">
      <c r="N102007" s="10"/>
    </row>
    <row r="102008" spans="14:14">
      <c r="N102008" s="10"/>
    </row>
    <row r="102009" spans="14:14">
      <c r="N102009" s="10"/>
    </row>
    <row r="102010" spans="14:14">
      <c r="N102010" s="10"/>
    </row>
    <row r="102011" spans="14:14">
      <c r="N102011" s="10"/>
    </row>
    <row r="102012" spans="14:14">
      <c r="N102012" s="10"/>
    </row>
    <row r="102013" spans="14:14">
      <c r="N102013" s="10"/>
    </row>
    <row r="102014" spans="14:14">
      <c r="N102014" s="10"/>
    </row>
    <row r="102015" spans="14:14">
      <c r="N102015" s="10"/>
    </row>
    <row r="102016" spans="14:14">
      <c r="N102016" s="10"/>
    </row>
    <row r="102017" spans="14:14">
      <c r="N102017" s="10"/>
    </row>
    <row r="102018" spans="14:14">
      <c r="N102018" s="10"/>
    </row>
    <row r="102019" spans="14:14">
      <c r="N102019" s="10"/>
    </row>
    <row r="102020" spans="14:14">
      <c r="N102020" s="10"/>
    </row>
    <row r="102021" spans="14:14">
      <c r="N102021" s="10"/>
    </row>
    <row r="102022" spans="14:14">
      <c r="N102022" s="10"/>
    </row>
    <row r="102023" spans="14:14">
      <c r="N102023" s="10"/>
    </row>
    <row r="102024" spans="14:14">
      <c r="N102024" s="10"/>
    </row>
    <row r="102025" spans="14:14">
      <c r="N102025" s="10"/>
    </row>
    <row r="102026" spans="14:14">
      <c r="N102026" s="10"/>
    </row>
    <row r="102027" spans="14:14">
      <c r="N102027" s="10"/>
    </row>
    <row r="102028" spans="14:14">
      <c r="N102028" s="10"/>
    </row>
    <row r="102029" spans="14:14">
      <c r="N102029" s="10"/>
    </row>
    <row r="102030" spans="14:14">
      <c r="N102030" s="10"/>
    </row>
    <row r="102031" spans="14:14">
      <c r="N102031" s="10"/>
    </row>
    <row r="102032" spans="14:14">
      <c r="N102032" s="10"/>
    </row>
    <row r="102033" spans="14:14">
      <c r="N102033" s="10"/>
    </row>
    <row r="102034" spans="14:14">
      <c r="N102034" s="10"/>
    </row>
    <row r="102035" spans="14:14">
      <c r="N102035" s="10"/>
    </row>
    <row r="102036" spans="14:14">
      <c r="N102036" s="10"/>
    </row>
    <row r="102037" spans="14:14">
      <c r="N102037" s="10"/>
    </row>
    <row r="102038" spans="14:14">
      <c r="N102038" s="10"/>
    </row>
    <row r="102039" spans="14:14">
      <c r="N102039" s="10"/>
    </row>
    <row r="102040" spans="14:14">
      <c r="N102040" s="10"/>
    </row>
    <row r="102041" spans="14:14">
      <c r="N102041" s="10"/>
    </row>
    <row r="102042" spans="14:14">
      <c r="N102042" s="10"/>
    </row>
    <row r="102043" spans="14:14">
      <c r="N102043" s="10"/>
    </row>
    <row r="102044" spans="14:14">
      <c r="N102044" s="10"/>
    </row>
    <row r="102045" spans="14:14">
      <c r="N102045" s="10"/>
    </row>
    <row r="102046" spans="14:14">
      <c r="N102046" s="10"/>
    </row>
    <row r="102047" spans="14:14">
      <c r="N102047" s="10"/>
    </row>
    <row r="102048" spans="14:14">
      <c r="N102048" s="10"/>
    </row>
    <row r="102049" spans="14:14">
      <c r="N102049" s="10"/>
    </row>
    <row r="102050" spans="14:14">
      <c r="N102050" s="10"/>
    </row>
    <row r="102051" spans="14:14">
      <c r="N102051" s="10"/>
    </row>
    <row r="102052" spans="14:14">
      <c r="N102052" s="10"/>
    </row>
    <row r="102053" spans="14:14">
      <c r="N102053" s="10"/>
    </row>
    <row r="102054" spans="14:14">
      <c r="N102054" s="10"/>
    </row>
    <row r="102055" spans="14:14">
      <c r="N102055" s="10"/>
    </row>
    <row r="102056" spans="14:14">
      <c r="N102056" s="10"/>
    </row>
    <row r="102057" spans="14:14">
      <c r="N102057" s="10"/>
    </row>
    <row r="102058" spans="14:14">
      <c r="N102058" s="10"/>
    </row>
    <row r="102059" spans="14:14">
      <c r="N102059" s="10"/>
    </row>
    <row r="102060" spans="14:14">
      <c r="N102060" s="10"/>
    </row>
    <row r="102061" spans="14:14">
      <c r="N102061" s="10"/>
    </row>
    <row r="102062" spans="14:14">
      <c r="N102062" s="10"/>
    </row>
    <row r="102063" spans="14:14">
      <c r="N102063" s="10"/>
    </row>
    <row r="102064" spans="14:14">
      <c r="N102064" s="10"/>
    </row>
    <row r="102065" spans="14:14">
      <c r="N102065" s="10"/>
    </row>
    <row r="102066" spans="14:14">
      <c r="N102066" s="10"/>
    </row>
    <row r="102067" spans="14:14">
      <c r="N102067" s="10"/>
    </row>
    <row r="102068" spans="14:14">
      <c r="N102068" s="10"/>
    </row>
    <row r="102069" spans="14:14">
      <c r="N102069" s="10"/>
    </row>
    <row r="102070" spans="14:14">
      <c r="N102070" s="10"/>
    </row>
    <row r="102071" spans="14:14">
      <c r="N102071" s="10"/>
    </row>
    <row r="102072" spans="14:14">
      <c r="N102072" s="10"/>
    </row>
    <row r="102073" spans="14:14">
      <c r="N102073" s="10"/>
    </row>
    <row r="102074" spans="14:14">
      <c r="N102074" s="10"/>
    </row>
    <row r="102075" spans="14:14">
      <c r="N102075" s="10"/>
    </row>
    <row r="102076" spans="14:14">
      <c r="N102076" s="10"/>
    </row>
    <row r="102077" spans="14:14">
      <c r="N102077" s="10"/>
    </row>
    <row r="102078" spans="14:14">
      <c r="N102078" s="10"/>
    </row>
    <row r="102079" spans="14:14">
      <c r="N102079" s="10"/>
    </row>
    <row r="102080" spans="14:14">
      <c r="N102080" s="10"/>
    </row>
    <row r="102081" spans="14:14">
      <c r="N102081" s="10"/>
    </row>
    <row r="102082" spans="14:14">
      <c r="N102082" s="10"/>
    </row>
    <row r="102083" spans="14:14">
      <c r="N102083" s="10"/>
    </row>
    <row r="102084" spans="14:14">
      <c r="N102084" s="10"/>
    </row>
    <row r="102085" spans="14:14">
      <c r="N102085" s="10"/>
    </row>
    <row r="102086" spans="14:14">
      <c r="N102086" s="10"/>
    </row>
    <row r="102087" spans="14:14">
      <c r="N102087" s="10"/>
    </row>
    <row r="102088" spans="14:14">
      <c r="N102088" s="10"/>
    </row>
    <row r="102089" spans="14:14">
      <c r="N102089" s="10"/>
    </row>
    <row r="102090" spans="14:14">
      <c r="N102090" s="10"/>
    </row>
    <row r="102091" spans="14:14">
      <c r="N102091" s="10"/>
    </row>
    <row r="102092" spans="14:14">
      <c r="N102092" s="10"/>
    </row>
    <row r="102093" spans="14:14">
      <c r="N102093" s="10"/>
    </row>
    <row r="102094" spans="14:14">
      <c r="N102094" s="10"/>
    </row>
    <row r="102095" spans="14:14">
      <c r="N102095" s="10"/>
    </row>
    <row r="102096" spans="14:14">
      <c r="N102096" s="10"/>
    </row>
    <row r="102097" spans="14:14">
      <c r="N102097" s="10"/>
    </row>
    <row r="102098" spans="14:14">
      <c r="N102098" s="10"/>
    </row>
    <row r="102099" spans="14:14">
      <c r="N102099" s="10"/>
    </row>
    <row r="102100" spans="14:14">
      <c r="N102100" s="10"/>
    </row>
    <row r="102101" spans="14:14">
      <c r="N102101" s="10"/>
    </row>
    <row r="102102" spans="14:14">
      <c r="N102102" s="10"/>
    </row>
    <row r="102103" spans="14:14">
      <c r="N102103" s="10"/>
    </row>
    <row r="102104" spans="14:14">
      <c r="N102104" s="10"/>
    </row>
    <row r="102105" spans="14:14">
      <c r="N102105" s="10"/>
    </row>
    <row r="102106" spans="14:14">
      <c r="N102106" s="10"/>
    </row>
    <row r="102107" spans="14:14">
      <c r="N102107" s="10"/>
    </row>
    <row r="102108" spans="14:14">
      <c r="N102108" s="10"/>
    </row>
    <row r="102109" spans="14:14">
      <c r="N102109" s="10"/>
    </row>
    <row r="102110" spans="14:14">
      <c r="N102110" s="10"/>
    </row>
    <row r="102111" spans="14:14">
      <c r="N102111" s="10"/>
    </row>
    <row r="102112" spans="14:14">
      <c r="N102112" s="10"/>
    </row>
    <row r="102113" spans="14:14">
      <c r="N102113" s="10"/>
    </row>
    <row r="102114" spans="14:14">
      <c r="N102114" s="10"/>
    </row>
    <row r="102115" spans="14:14">
      <c r="N102115" s="10"/>
    </row>
    <row r="102116" spans="14:14">
      <c r="N102116" s="10"/>
    </row>
    <row r="102117" spans="14:14">
      <c r="N102117" s="10"/>
    </row>
    <row r="102118" spans="14:14">
      <c r="N102118" s="10"/>
    </row>
    <row r="102119" spans="14:14">
      <c r="N102119" s="10"/>
    </row>
    <row r="102120" spans="14:14">
      <c r="N102120" s="10"/>
    </row>
    <row r="102121" spans="14:14">
      <c r="N102121" s="10"/>
    </row>
    <row r="102122" spans="14:14">
      <c r="N102122" s="10"/>
    </row>
    <row r="102123" spans="14:14">
      <c r="N102123" s="10"/>
    </row>
    <row r="102124" spans="14:14">
      <c r="N102124" s="10"/>
    </row>
    <row r="102125" spans="14:14">
      <c r="N102125" s="10"/>
    </row>
    <row r="102126" spans="14:14">
      <c r="N102126" s="10"/>
    </row>
    <row r="102127" spans="14:14">
      <c r="N102127" s="10"/>
    </row>
    <row r="102128" spans="14:14">
      <c r="N102128" s="10"/>
    </row>
    <row r="102129" spans="14:14">
      <c r="N102129" s="10"/>
    </row>
    <row r="102130" spans="14:14">
      <c r="N102130" s="10"/>
    </row>
    <row r="102131" spans="14:14">
      <c r="N102131" s="10"/>
    </row>
    <row r="102132" spans="14:14">
      <c r="N102132" s="10"/>
    </row>
    <row r="102133" spans="14:14">
      <c r="N102133" s="10"/>
    </row>
    <row r="102134" spans="14:14">
      <c r="N102134" s="10"/>
    </row>
    <row r="102135" spans="14:14">
      <c r="N102135" s="10"/>
    </row>
    <row r="102136" spans="14:14">
      <c r="N102136" s="10"/>
    </row>
    <row r="102137" spans="14:14">
      <c r="N102137" s="10"/>
    </row>
    <row r="102138" spans="14:14">
      <c r="N102138" s="10"/>
    </row>
    <row r="102139" spans="14:14">
      <c r="N102139" s="10"/>
    </row>
    <row r="102140" spans="14:14">
      <c r="N102140" s="10"/>
    </row>
    <row r="102141" spans="14:14">
      <c r="N102141" s="10"/>
    </row>
    <row r="102142" spans="14:14">
      <c r="N102142" s="10"/>
    </row>
    <row r="102143" spans="14:14">
      <c r="N102143" s="10"/>
    </row>
    <row r="102144" spans="14:14">
      <c r="N102144" s="10"/>
    </row>
    <row r="102145" spans="14:14">
      <c r="N102145" s="10"/>
    </row>
    <row r="102146" spans="14:14">
      <c r="N102146" s="10"/>
    </row>
    <row r="102147" spans="14:14">
      <c r="N102147" s="10"/>
    </row>
    <row r="102148" spans="14:14">
      <c r="N102148" s="10"/>
    </row>
    <row r="102149" spans="14:14">
      <c r="N102149" s="10"/>
    </row>
    <row r="102150" spans="14:14">
      <c r="N102150" s="10"/>
    </row>
    <row r="102151" spans="14:14">
      <c r="N102151" s="10"/>
    </row>
    <row r="102152" spans="14:14">
      <c r="N102152" s="10"/>
    </row>
    <row r="102153" spans="14:14">
      <c r="N102153" s="10"/>
    </row>
    <row r="102154" spans="14:14">
      <c r="N102154" s="10"/>
    </row>
    <row r="102155" spans="14:14">
      <c r="N102155" s="10"/>
    </row>
    <row r="102156" spans="14:14">
      <c r="N102156" s="10"/>
    </row>
    <row r="102157" spans="14:14">
      <c r="N102157" s="10"/>
    </row>
    <row r="102158" spans="14:14">
      <c r="N102158" s="10"/>
    </row>
    <row r="102159" spans="14:14">
      <c r="N102159" s="10"/>
    </row>
    <row r="102160" spans="14:14">
      <c r="N102160" s="10"/>
    </row>
    <row r="102161" spans="14:14">
      <c r="N102161" s="10"/>
    </row>
    <row r="102162" spans="14:14">
      <c r="N102162" s="10"/>
    </row>
    <row r="102163" spans="14:14">
      <c r="N102163" s="10"/>
    </row>
    <row r="102164" spans="14:14">
      <c r="N102164" s="10"/>
    </row>
    <row r="102165" spans="14:14">
      <c r="N102165" s="10"/>
    </row>
    <row r="102166" spans="14:14">
      <c r="N102166" s="10"/>
    </row>
    <row r="102167" spans="14:14">
      <c r="N102167" s="10"/>
    </row>
    <row r="102168" spans="14:14">
      <c r="N102168" s="10"/>
    </row>
    <row r="102169" spans="14:14">
      <c r="N102169" s="10"/>
    </row>
    <row r="102170" spans="14:14">
      <c r="N102170" s="10"/>
    </row>
    <row r="102171" spans="14:14">
      <c r="N102171" s="10"/>
    </row>
    <row r="102172" spans="14:14">
      <c r="N102172" s="10"/>
    </row>
    <row r="102173" spans="14:14">
      <c r="N102173" s="10"/>
    </row>
    <row r="102174" spans="14:14">
      <c r="N102174" s="10"/>
    </row>
    <row r="102175" spans="14:14">
      <c r="N102175" s="10"/>
    </row>
    <row r="102176" spans="14:14">
      <c r="N102176" s="10"/>
    </row>
    <row r="102177" spans="14:14">
      <c r="N102177" s="10"/>
    </row>
    <row r="102178" spans="14:14">
      <c r="N102178" s="10"/>
    </row>
    <row r="102179" spans="14:14">
      <c r="N102179" s="10"/>
    </row>
    <row r="102180" spans="14:14">
      <c r="N102180" s="10"/>
    </row>
    <row r="102181" spans="14:14">
      <c r="N102181" s="10"/>
    </row>
    <row r="102182" spans="14:14">
      <c r="N102182" s="10"/>
    </row>
    <row r="102183" spans="14:14">
      <c r="N102183" s="10"/>
    </row>
    <row r="102184" spans="14:14">
      <c r="N102184" s="10"/>
    </row>
    <row r="102185" spans="14:14">
      <c r="N102185" s="10"/>
    </row>
    <row r="102186" spans="14:14">
      <c r="N102186" s="10"/>
    </row>
    <row r="102187" spans="14:14">
      <c r="N102187" s="10"/>
    </row>
    <row r="102188" spans="14:14">
      <c r="N102188" s="10"/>
    </row>
    <row r="102189" spans="14:14">
      <c r="N102189" s="10"/>
    </row>
    <row r="102190" spans="14:14">
      <c r="N102190" s="10"/>
    </row>
    <row r="102191" spans="14:14">
      <c r="N102191" s="10"/>
    </row>
    <row r="102192" spans="14:14">
      <c r="N102192" s="10"/>
    </row>
    <row r="102193" spans="14:14">
      <c r="N102193" s="10"/>
    </row>
    <row r="102194" spans="14:14">
      <c r="N102194" s="10"/>
    </row>
    <row r="102195" spans="14:14">
      <c r="N102195" s="10"/>
    </row>
    <row r="102196" spans="14:14">
      <c r="N102196" s="10"/>
    </row>
    <row r="102197" spans="14:14">
      <c r="N102197" s="10"/>
    </row>
    <row r="102198" spans="14:14">
      <c r="N102198" s="10"/>
    </row>
    <row r="102199" spans="14:14">
      <c r="N102199" s="10"/>
    </row>
    <row r="102200" spans="14:14">
      <c r="N102200" s="10"/>
    </row>
    <row r="102201" spans="14:14">
      <c r="N102201" s="10"/>
    </row>
    <row r="102202" spans="14:14">
      <c r="N102202" s="10"/>
    </row>
    <row r="102203" spans="14:14">
      <c r="N102203" s="10"/>
    </row>
    <row r="102204" spans="14:14">
      <c r="N102204" s="10"/>
    </row>
    <row r="102205" spans="14:14">
      <c r="N102205" s="10"/>
    </row>
    <row r="102206" spans="14:14">
      <c r="N102206" s="10"/>
    </row>
    <row r="102207" spans="14:14">
      <c r="N102207" s="10"/>
    </row>
    <row r="102208" spans="14:14">
      <c r="N102208" s="10"/>
    </row>
    <row r="102209" spans="14:14">
      <c r="N102209" s="10"/>
    </row>
    <row r="102210" spans="14:14">
      <c r="N102210" s="10"/>
    </row>
    <row r="102211" spans="14:14">
      <c r="N102211" s="10"/>
    </row>
    <row r="102212" spans="14:14">
      <c r="N102212" s="10"/>
    </row>
    <row r="102213" spans="14:14">
      <c r="N102213" s="10"/>
    </row>
    <row r="102214" spans="14:14">
      <c r="N102214" s="10"/>
    </row>
    <row r="102215" spans="14:14">
      <c r="N102215" s="10"/>
    </row>
    <row r="102216" spans="14:14">
      <c r="N102216" s="10"/>
    </row>
    <row r="102217" spans="14:14">
      <c r="N102217" s="10"/>
    </row>
    <row r="102218" spans="14:14">
      <c r="N102218" s="10"/>
    </row>
    <row r="102219" spans="14:14">
      <c r="N102219" s="10"/>
    </row>
    <row r="102220" spans="14:14">
      <c r="N102220" s="10"/>
    </row>
    <row r="102221" spans="14:14">
      <c r="N102221" s="10"/>
    </row>
    <row r="102222" spans="14:14">
      <c r="N102222" s="10"/>
    </row>
    <row r="102223" spans="14:14">
      <c r="N102223" s="10"/>
    </row>
    <row r="102224" spans="14:14">
      <c r="N102224" s="10"/>
    </row>
    <row r="102225" spans="14:14">
      <c r="N102225" s="10"/>
    </row>
    <row r="102226" spans="14:14">
      <c r="N102226" s="10"/>
    </row>
    <row r="102227" spans="14:14">
      <c r="N102227" s="10"/>
    </row>
    <row r="102228" spans="14:14">
      <c r="N102228" s="10"/>
    </row>
    <row r="102229" spans="14:14">
      <c r="N102229" s="10"/>
    </row>
    <row r="102230" spans="14:14">
      <c r="N102230" s="10"/>
    </row>
    <row r="102231" spans="14:14">
      <c r="N102231" s="10"/>
    </row>
    <row r="102232" spans="14:14">
      <c r="N102232" s="10"/>
    </row>
    <row r="102233" spans="14:14">
      <c r="N102233" s="10"/>
    </row>
    <row r="102234" spans="14:14">
      <c r="N102234" s="10"/>
    </row>
    <row r="102235" spans="14:14">
      <c r="N102235" s="10"/>
    </row>
    <row r="102236" spans="14:14">
      <c r="N102236" s="10"/>
    </row>
    <row r="102237" spans="14:14">
      <c r="N102237" s="10"/>
    </row>
    <row r="102238" spans="14:14">
      <c r="N102238" s="10"/>
    </row>
    <row r="102239" spans="14:14">
      <c r="N102239" s="10"/>
    </row>
    <row r="102240" spans="14:14">
      <c r="N102240" s="10"/>
    </row>
    <row r="102241" spans="14:14">
      <c r="N102241" s="10"/>
    </row>
    <row r="102242" spans="14:14">
      <c r="N102242" s="10"/>
    </row>
    <row r="102243" spans="14:14">
      <c r="N102243" s="10"/>
    </row>
    <row r="102244" spans="14:14">
      <c r="N102244" s="10"/>
    </row>
    <row r="102245" spans="14:14">
      <c r="N102245" s="10"/>
    </row>
    <row r="102246" spans="14:14">
      <c r="N102246" s="10"/>
    </row>
    <row r="102247" spans="14:14">
      <c r="N102247" s="10"/>
    </row>
    <row r="102248" spans="14:14">
      <c r="N102248" s="10"/>
    </row>
    <row r="102249" spans="14:14">
      <c r="N102249" s="10"/>
    </row>
    <row r="102250" spans="14:14">
      <c r="N102250" s="10"/>
    </row>
    <row r="102251" spans="14:14">
      <c r="N102251" s="10"/>
    </row>
    <row r="102252" spans="14:14">
      <c r="N102252" s="10"/>
    </row>
    <row r="102253" spans="14:14">
      <c r="N102253" s="10"/>
    </row>
    <row r="102254" spans="14:14">
      <c r="N102254" s="10"/>
    </row>
    <row r="102255" spans="14:14">
      <c r="N102255" s="10"/>
    </row>
    <row r="102256" spans="14:14">
      <c r="N102256" s="10"/>
    </row>
    <row r="102257" spans="14:14">
      <c r="N102257" s="10"/>
    </row>
    <row r="102258" spans="14:14">
      <c r="N102258" s="10"/>
    </row>
    <row r="102259" spans="14:14">
      <c r="N102259" s="10"/>
    </row>
    <row r="102260" spans="14:14">
      <c r="N102260" s="10"/>
    </row>
    <row r="102261" spans="14:14">
      <c r="N102261" s="10"/>
    </row>
    <row r="102262" spans="14:14">
      <c r="N102262" s="10"/>
    </row>
    <row r="102263" spans="14:14">
      <c r="N102263" s="10"/>
    </row>
    <row r="102264" spans="14:14">
      <c r="N102264" s="10"/>
    </row>
    <row r="102265" spans="14:14">
      <c r="N102265" s="10"/>
    </row>
    <row r="102266" spans="14:14">
      <c r="N102266" s="10"/>
    </row>
    <row r="102267" spans="14:14">
      <c r="N102267" s="10"/>
    </row>
    <row r="102268" spans="14:14">
      <c r="N102268" s="10"/>
    </row>
    <row r="102269" spans="14:14">
      <c r="N102269" s="10"/>
    </row>
    <row r="102270" spans="14:14">
      <c r="N102270" s="10"/>
    </row>
    <row r="102271" spans="14:14">
      <c r="N102271" s="10"/>
    </row>
    <row r="102272" spans="14:14">
      <c r="N102272" s="10"/>
    </row>
    <row r="102273" spans="14:14">
      <c r="N102273" s="10"/>
    </row>
    <row r="102274" spans="14:14">
      <c r="N102274" s="10"/>
    </row>
    <row r="102275" spans="14:14">
      <c r="N102275" s="10"/>
    </row>
    <row r="102276" spans="14:14">
      <c r="N102276" s="10"/>
    </row>
    <row r="102277" spans="14:14">
      <c r="N102277" s="10"/>
    </row>
    <row r="102278" spans="14:14">
      <c r="N102278" s="10"/>
    </row>
    <row r="102279" spans="14:14">
      <c r="N102279" s="10"/>
    </row>
    <row r="102280" spans="14:14">
      <c r="N102280" s="10"/>
    </row>
    <row r="102281" spans="14:14">
      <c r="N102281" s="10"/>
    </row>
    <row r="102282" spans="14:14">
      <c r="N102282" s="10"/>
    </row>
    <row r="102283" spans="14:14">
      <c r="N102283" s="10"/>
    </row>
    <row r="102284" spans="14:14">
      <c r="N102284" s="10"/>
    </row>
    <row r="102285" spans="14:14">
      <c r="N102285" s="10"/>
    </row>
    <row r="102286" spans="14:14">
      <c r="N102286" s="10"/>
    </row>
    <row r="102287" spans="14:14">
      <c r="N102287" s="10"/>
    </row>
    <row r="102288" spans="14:14">
      <c r="N102288" s="10"/>
    </row>
    <row r="102289" spans="14:14">
      <c r="N102289" s="10"/>
    </row>
    <row r="102290" spans="14:14">
      <c r="N102290" s="10"/>
    </row>
    <row r="102291" spans="14:14">
      <c r="N102291" s="10"/>
    </row>
    <row r="102292" spans="14:14">
      <c r="N102292" s="10"/>
    </row>
    <row r="102293" spans="14:14">
      <c r="N102293" s="10"/>
    </row>
    <row r="102294" spans="14:14">
      <c r="N102294" s="10"/>
    </row>
    <row r="102295" spans="14:14">
      <c r="N102295" s="10"/>
    </row>
    <row r="102296" spans="14:14">
      <c r="N102296" s="10"/>
    </row>
    <row r="102297" spans="14:14">
      <c r="N102297" s="10"/>
    </row>
    <row r="102298" spans="14:14">
      <c r="N102298" s="10"/>
    </row>
    <row r="102299" spans="14:14">
      <c r="N102299" s="10"/>
    </row>
    <row r="102300" spans="14:14">
      <c r="N102300" s="10"/>
    </row>
    <row r="102301" spans="14:14">
      <c r="N102301" s="10"/>
    </row>
    <row r="102302" spans="14:14">
      <c r="N102302" s="10"/>
    </row>
    <row r="102303" spans="14:14">
      <c r="N102303" s="10"/>
    </row>
    <row r="102304" spans="14:14">
      <c r="N102304" s="10"/>
    </row>
    <row r="102305" spans="14:14">
      <c r="N102305" s="10"/>
    </row>
    <row r="102306" spans="14:14">
      <c r="N102306" s="10"/>
    </row>
    <row r="102307" spans="14:14">
      <c r="N102307" s="10"/>
    </row>
    <row r="102308" spans="14:14">
      <c r="N102308" s="10"/>
    </row>
    <row r="102309" spans="14:14">
      <c r="N102309" s="10"/>
    </row>
    <row r="102310" spans="14:14">
      <c r="N102310" s="10"/>
    </row>
    <row r="102311" spans="14:14">
      <c r="N102311" s="10"/>
    </row>
    <row r="102312" spans="14:14">
      <c r="N102312" s="10"/>
    </row>
    <row r="102313" spans="14:14">
      <c r="N102313" s="10"/>
    </row>
    <row r="102314" spans="14:14">
      <c r="N102314" s="10"/>
    </row>
    <row r="102315" spans="14:14">
      <c r="N102315" s="10"/>
    </row>
    <row r="102316" spans="14:14">
      <c r="N102316" s="10"/>
    </row>
    <row r="102317" spans="14:14">
      <c r="N102317" s="10"/>
    </row>
    <row r="102318" spans="14:14">
      <c r="N102318" s="10"/>
    </row>
    <row r="102319" spans="14:14">
      <c r="N102319" s="10"/>
    </row>
    <row r="102320" spans="14:14">
      <c r="N102320" s="10"/>
    </row>
    <row r="102321" spans="14:14">
      <c r="N102321" s="10"/>
    </row>
    <row r="102322" spans="14:14">
      <c r="N102322" s="10"/>
    </row>
    <row r="102323" spans="14:14">
      <c r="N102323" s="10"/>
    </row>
    <row r="102324" spans="14:14">
      <c r="N102324" s="10"/>
    </row>
    <row r="102325" spans="14:14">
      <c r="N102325" s="10"/>
    </row>
    <row r="102326" spans="14:14">
      <c r="N102326" s="10"/>
    </row>
    <row r="102327" spans="14:14">
      <c r="N102327" s="10"/>
    </row>
    <row r="102328" spans="14:14">
      <c r="N102328" s="10"/>
    </row>
    <row r="102329" spans="14:14">
      <c r="N102329" s="10"/>
    </row>
    <row r="102330" spans="14:14">
      <c r="N102330" s="10"/>
    </row>
    <row r="102331" spans="14:14">
      <c r="N102331" s="10"/>
    </row>
    <row r="102332" spans="14:14">
      <c r="N102332" s="10"/>
    </row>
    <row r="102333" spans="14:14">
      <c r="N102333" s="10"/>
    </row>
    <row r="102334" spans="14:14">
      <c r="N102334" s="10"/>
    </row>
    <row r="102335" spans="14:14">
      <c r="N102335" s="10"/>
    </row>
    <row r="102336" spans="14:14">
      <c r="N102336" s="10"/>
    </row>
    <row r="102337" spans="14:14">
      <c r="N102337" s="10"/>
    </row>
    <row r="102338" spans="14:14">
      <c r="N102338" s="10"/>
    </row>
    <row r="102339" spans="14:14">
      <c r="N102339" s="10"/>
    </row>
    <row r="102340" spans="14:14">
      <c r="N102340" s="10"/>
    </row>
    <row r="102341" spans="14:14">
      <c r="N102341" s="10"/>
    </row>
    <row r="102342" spans="14:14">
      <c r="N102342" s="10"/>
    </row>
    <row r="102343" spans="14:14">
      <c r="N102343" s="10"/>
    </row>
    <row r="102344" spans="14:14">
      <c r="N102344" s="10"/>
    </row>
    <row r="102345" spans="14:14">
      <c r="N102345" s="10"/>
    </row>
    <row r="102346" spans="14:14">
      <c r="N102346" s="10"/>
    </row>
    <row r="102347" spans="14:14">
      <c r="N102347" s="10"/>
    </row>
    <row r="102348" spans="14:14">
      <c r="N102348" s="10"/>
    </row>
    <row r="102349" spans="14:14">
      <c r="N102349" s="10"/>
    </row>
    <row r="102350" spans="14:14">
      <c r="N102350" s="10"/>
    </row>
    <row r="102351" spans="14:14">
      <c r="N102351" s="10"/>
    </row>
    <row r="102352" spans="14:14">
      <c r="N102352" s="10"/>
    </row>
    <row r="102353" spans="14:14">
      <c r="N102353" s="10"/>
    </row>
    <row r="102354" spans="14:14">
      <c r="N102354" s="10"/>
    </row>
    <row r="102355" spans="14:14">
      <c r="N102355" s="10"/>
    </row>
    <row r="102356" spans="14:14">
      <c r="N102356" s="10"/>
    </row>
    <row r="102357" spans="14:14">
      <c r="N102357" s="10"/>
    </row>
    <row r="102358" spans="14:14">
      <c r="N102358" s="10"/>
    </row>
    <row r="102359" spans="14:14">
      <c r="N102359" s="10"/>
    </row>
    <row r="102360" spans="14:14">
      <c r="N102360" s="10"/>
    </row>
    <row r="102361" spans="14:14">
      <c r="N102361" s="10"/>
    </row>
    <row r="102362" spans="14:14">
      <c r="N102362" s="10"/>
    </row>
    <row r="102363" spans="14:14">
      <c r="N102363" s="10"/>
    </row>
    <row r="102364" spans="14:14">
      <c r="N102364" s="10"/>
    </row>
    <row r="102365" spans="14:14">
      <c r="N102365" s="10"/>
    </row>
    <row r="102366" spans="14:14">
      <c r="N102366" s="10"/>
    </row>
    <row r="102367" spans="14:14">
      <c r="N102367" s="10"/>
    </row>
    <row r="102368" spans="14:14">
      <c r="N102368" s="10"/>
    </row>
    <row r="102369" spans="14:14">
      <c r="N102369" s="10"/>
    </row>
    <row r="102370" spans="14:14">
      <c r="N102370" s="10"/>
    </row>
    <row r="102371" spans="14:14">
      <c r="N102371" s="10"/>
    </row>
    <row r="102372" spans="14:14">
      <c r="N102372" s="10"/>
    </row>
    <row r="102373" spans="14:14">
      <c r="N102373" s="10"/>
    </row>
    <row r="102374" spans="14:14">
      <c r="N102374" s="10"/>
    </row>
    <row r="102375" spans="14:14">
      <c r="N102375" s="10"/>
    </row>
    <row r="102376" spans="14:14">
      <c r="N102376" s="10"/>
    </row>
    <row r="102377" spans="14:14">
      <c r="N102377" s="10"/>
    </row>
    <row r="102378" spans="14:14">
      <c r="N102378" s="10"/>
    </row>
    <row r="102379" spans="14:14">
      <c r="N102379" s="10"/>
    </row>
    <row r="102380" spans="14:14">
      <c r="N102380" s="10"/>
    </row>
    <row r="102381" spans="14:14">
      <c r="N102381" s="10"/>
    </row>
    <row r="102382" spans="14:14">
      <c r="N102382" s="10"/>
    </row>
    <row r="102383" spans="14:14">
      <c r="N102383" s="10"/>
    </row>
    <row r="102384" spans="14:14">
      <c r="N102384" s="10"/>
    </row>
    <row r="102385" spans="14:14">
      <c r="N102385" s="10"/>
    </row>
    <row r="102386" spans="14:14">
      <c r="N102386" s="10"/>
    </row>
    <row r="102387" spans="14:14">
      <c r="N102387" s="10"/>
    </row>
    <row r="102388" spans="14:14">
      <c r="N102388" s="10"/>
    </row>
    <row r="102389" spans="14:14">
      <c r="N102389" s="10"/>
    </row>
    <row r="102390" spans="14:14">
      <c r="N102390" s="10"/>
    </row>
    <row r="102391" spans="14:14">
      <c r="N102391" s="10"/>
    </row>
    <row r="102392" spans="14:14">
      <c r="N102392" s="10"/>
    </row>
    <row r="102393" spans="14:14">
      <c r="N102393" s="10"/>
    </row>
    <row r="102394" spans="14:14">
      <c r="N102394" s="10"/>
    </row>
    <row r="102395" spans="14:14">
      <c r="N102395" s="10"/>
    </row>
    <row r="102396" spans="14:14">
      <c r="N102396" s="10"/>
    </row>
    <row r="102397" spans="14:14">
      <c r="N102397" s="10"/>
    </row>
    <row r="102398" spans="14:14">
      <c r="N102398" s="10"/>
    </row>
    <row r="102399" spans="14:14">
      <c r="N102399" s="10"/>
    </row>
    <row r="102400" spans="14:14">
      <c r="N102400" s="10"/>
    </row>
    <row r="102401" spans="14:14">
      <c r="N102401" s="10"/>
    </row>
    <row r="102402" spans="14:14">
      <c r="N102402" s="10"/>
    </row>
    <row r="102403" spans="14:14">
      <c r="N102403" s="10"/>
    </row>
    <row r="102404" spans="14:14">
      <c r="N102404" s="10"/>
    </row>
    <row r="102405" spans="14:14">
      <c r="N102405" s="10"/>
    </row>
    <row r="102406" spans="14:14">
      <c r="N102406" s="10"/>
    </row>
    <row r="102407" spans="14:14">
      <c r="N102407" s="10"/>
    </row>
    <row r="102408" spans="14:14">
      <c r="N102408" s="10"/>
    </row>
    <row r="102409" spans="14:14">
      <c r="N102409" s="10"/>
    </row>
    <row r="102410" spans="14:14">
      <c r="N102410" s="10"/>
    </row>
    <row r="102411" spans="14:14">
      <c r="N102411" s="10"/>
    </row>
    <row r="102412" spans="14:14">
      <c r="N102412" s="10"/>
    </row>
    <row r="102413" spans="14:14">
      <c r="N102413" s="10"/>
    </row>
    <row r="102414" spans="14:14">
      <c r="N102414" s="10"/>
    </row>
    <row r="102415" spans="14:14">
      <c r="N102415" s="10"/>
    </row>
    <row r="102416" spans="14:14">
      <c r="N102416" s="10"/>
    </row>
    <row r="102417" spans="14:14">
      <c r="N102417" s="10"/>
    </row>
    <row r="102418" spans="14:14">
      <c r="N102418" s="10"/>
    </row>
    <row r="102419" spans="14:14">
      <c r="N102419" s="10"/>
    </row>
    <row r="102420" spans="14:14">
      <c r="N102420" s="10"/>
    </row>
    <row r="102421" spans="14:14">
      <c r="N102421" s="10"/>
    </row>
    <row r="102422" spans="14:14">
      <c r="N102422" s="10"/>
    </row>
    <row r="102423" spans="14:14">
      <c r="N102423" s="10"/>
    </row>
    <row r="102424" spans="14:14">
      <c r="N102424" s="10"/>
    </row>
    <row r="102425" spans="14:14">
      <c r="N102425" s="10"/>
    </row>
    <row r="102426" spans="14:14">
      <c r="N102426" s="10"/>
    </row>
    <row r="102427" spans="14:14">
      <c r="N102427" s="10"/>
    </row>
    <row r="102428" spans="14:14">
      <c r="N102428" s="10"/>
    </row>
    <row r="102429" spans="14:14">
      <c r="N102429" s="10"/>
    </row>
    <row r="102430" spans="14:14">
      <c r="N102430" s="10"/>
    </row>
    <row r="102431" spans="14:14">
      <c r="N102431" s="10"/>
    </row>
    <row r="102432" spans="14:14">
      <c r="N102432" s="10"/>
    </row>
    <row r="102433" spans="14:14">
      <c r="N102433" s="10"/>
    </row>
    <row r="102434" spans="14:14">
      <c r="N102434" s="10"/>
    </row>
    <row r="102435" spans="14:14">
      <c r="N102435" s="10"/>
    </row>
    <row r="102436" spans="14:14">
      <c r="N102436" s="10"/>
    </row>
    <row r="102437" spans="14:14">
      <c r="N102437" s="10"/>
    </row>
    <row r="102438" spans="14:14">
      <c r="N102438" s="10"/>
    </row>
    <row r="102439" spans="14:14">
      <c r="N102439" s="10"/>
    </row>
    <row r="102440" spans="14:14">
      <c r="N102440" s="10"/>
    </row>
    <row r="102441" spans="14:14">
      <c r="N102441" s="10"/>
    </row>
    <row r="102442" spans="14:14">
      <c r="N102442" s="10"/>
    </row>
    <row r="102443" spans="14:14">
      <c r="N102443" s="10"/>
    </row>
    <row r="102444" spans="14:14">
      <c r="N102444" s="10"/>
    </row>
    <row r="102445" spans="14:14">
      <c r="N102445" s="10"/>
    </row>
    <row r="102446" spans="14:14">
      <c r="N102446" s="10"/>
    </row>
    <row r="102447" spans="14:14">
      <c r="N102447" s="10"/>
    </row>
    <row r="102448" spans="14:14">
      <c r="N102448" s="10"/>
    </row>
    <row r="102449" spans="14:14">
      <c r="N102449" s="10"/>
    </row>
    <row r="102450" spans="14:14">
      <c r="N102450" s="10"/>
    </row>
    <row r="102451" spans="14:14">
      <c r="N102451" s="10"/>
    </row>
    <row r="102452" spans="14:14">
      <c r="N102452" s="10"/>
    </row>
    <row r="102453" spans="14:14">
      <c r="N102453" s="10"/>
    </row>
    <row r="102454" spans="14:14">
      <c r="N102454" s="10"/>
    </row>
    <row r="102455" spans="14:14">
      <c r="N102455" s="10"/>
    </row>
    <row r="102456" spans="14:14">
      <c r="N102456" s="10"/>
    </row>
    <row r="102457" spans="14:14">
      <c r="N102457" s="10"/>
    </row>
    <row r="102458" spans="14:14">
      <c r="N102458" s="10"/>
    </row>
    <row r="102459" spans="14:14">
      <c r="N102459" s="10"/>
    </row>
    <row r="102460" spans="14:14">
      <c r="N102460" s="10"/>
    </row>
    <row r="102461" spans="14:14">
      <c r="N102461" s="10"/>
    </row>
    <row r="102462" spans="14:14">
      <c r="N102462" s="10"/>
    </row>
    <row r="102463" spans="14:14">
      <c r="N102463" s="10"/>
    </row>
    <row r="102464" spans="14:14">
      <c r="N102464" s="10"/>
    </row>
    <row r="102465" spans="14:14">
      <c r="N102465" s="10"/>
    </row>
    <row r="102466" spans="14:14">
      <c r="N102466" s="10"/>
    </row>
    <row r="102467" spans="14:14">
      <c r="N102467" s="10"/>
    </row>
    <row r="102468" spans="14:14">
      <c r="N102468" s="10"/>
    </row>
    <row r="102469" spans="14:14">
      <c r="N102469" s="10"/>
    </row>
    <row r="102470" spans="14:14">
      <c r="N102470" s="10"/>
    </row>
    <row r="102471" spans="14:14">
      <c r="N102471" s="10"/>
    </row>
    <row r="102472" spans="14:14">
      <c r="N102472" s="10"/>
    </row>
    <row r="102473" spans="14:14">
      <c r="N102473" s="10"/>
    </row>
    <row r="102474" spans="14:14">
      <c r="N102474" s="10"/>
    </row>
    <row r="102475" spans="14:14">
      <c r="N102475" s="10"/>
    </row>
    <row r="102476" spans="14:14">
      <c r="N102476" s="10"/>
    </row>
    <row r="102477" spans="14:14">
      <c r="N102477" s="10"/>
    </row>
    <row r="102478" spans="14:14">
      <c r="N102478" s="10"/>
    </row>
    <row r="102479" spans="14:14">
      <c r="N102479" s="10"/>
    </row>
    <row r="102480" spans="14:14">
      <c r="N102480" s="10"/>
    </row>
    <row r="102481" spans="14:14">
      <c r="N102481" s="10"/>
    </row>
    <row r="102482" spans="14:14">
      <c r="N102482" s="10"/>
    </row>
    <row r="102483" spans="14:14">
      <c r="N102483" s="10"/>
    </row>
    <row r="102484" spans="14:14">
      <c r="N102484" s="10"/>
    </row>
    <row r="102485" spans="14:14">
      <c r="N102485" s="10"/>
    </row>
    <row r="102486" spans="14:14">
      <c r="N102486" s="10"/>
    </row>
    <row r="102487" spans="14:14">
      <c r="N102487" s="10"/>
    </row>
    <row r="102488" spans="14:14">
      <c r="N102488" s="10"/>
    </row>
    <row r="102489" spans="14:14">
      <c r="N102489" s="10"/>
    </row>
    <row r="102490" spans="14:14">
      <c r="N102490" s="10"/>
    </row>
    <row r="102491" spans="14:14">
      <c r="N102491" s="10"/>
    </row>
    <row r="102492" spans="14:14">
      <c r="N102492" s="10"/>
    </row>
    <row r="102493" spans="14:14">
      <c r="N102493" s="10"/>
    </row>
    <row r="102494" spans="14:14">
      <c r="N102494" s="10"/>
    </row>
    <row r="102495" spans="14:14">
      <c r="N102495" s="10"/>
    </row>
    <row r="102496" spans="14:14">
      <c r="N102496" s="10"/>
    </row>
    <row r="102497" spans="14:14">
      <c r="N102497" s="10"/>
    </row>
    <row r="102498" spans="14:14">
      <c r="N102498" s="10"/>
    </row>
    <row r="102499" spans="14:14">
      <c r="N102499" s="10"/>
    </row>
    <row r="102500" spans="14:14">
      <c r="N102500" s="10"/>
    </row>
    <row r="102501" spans="14:14">
      <c r="N102501" s="10"/>
    </row>
    <row r="102502" spans="14:14">
      <c r="N102502" s="10"/>
    </row>
    <row r="102503" spans="14:14">
      <c r="N102503" s="10"/>
    </row>
    <row r="102504" spans="14:14">
      <c r="N102504" s="10"/>
    </row>
    <row r="102505" spans="14:14">
      <c r="N102505" s="10"/>
    </row>
    <row r="102506" spans="14:14">
      <c r="N102506" s="10"/>
    </row>
    <row r="102507" spans="14:14">
      <c r="N102507" s="10"/>
    </row>
    <row r="102508" spans="14:14">
      <c r="N102508" s="10"/>
    </row>
    <row r="102509" spans="14:14">
      <c r="N102509" s="10"/>
    </row>
    <row r="102510" spans="14:14">
      <c r="N102510" s="10"/>
    </row>
    <row r="102511" spans="14:14">
      <c r="N102511" s="10"/>
    </row>
    <row r="102512" spans="14:14">
      <c r="N102512" s="10"/>
    </row>
    <row r="102513" spans="14:14">
      <c r="N102513" s="10"/>
    </row>
    <row r="102514" spans="14:14">
      <c r="N102514" s="10"/>
    </row>
    <row r="102515" spans="14:14">
      <c r="N102515" s="10"/>
    </row>
    <row r="102516" spans="14:14">
      <c r="N102516" s="10"/>
    </row>
    <row r="102517" spans="14:14">
      <c r="N102517" s="10"/>
    </row>
    <row r="102518" spans="14:14">
      <c r="N102518" s="10"/>
    </row>
    <row r="102519" spans="14:14">
      <c r="N102519" s="10"/>
    </row>
    <row r="102520" spans="14:14">
      <c r="N102520" s="10"/>
    </row>
    <row r="102521" spans="14:14">
      <c r="N102521" s="10"/>
    </row>
    <row r="102522" spans="14:14">
      <c r="N102522" s="10"/>
    </row>
    <row r="102523" spans="14:14">
      <c r="N102523" s="10"/>
    </row>
    <row r="102524" spans="14:14">
      <c r="N102524" s="10"/>
    </row>
    <row r="102525" spans="14:14">
      <c r="N102525" s="10"/>
    </row>
    <row r="102526" spans="14:14">
      <c r="N102526" s="10"/>
    </row>
    <row r="102527" spans="14:14">
      <c r="N102527" s="10"/>
    </row>
    <row r="102528" spans="14:14">
      <c r="N102528" s="10"/>
    </row>
    <row r="102529" spans="14:14">
      <c r="N102529" s="10"/>
    </row>
    <row r="102530" spans="14:14">
      <c r="N102530" s="10"/>
    </row>
    <row r="102531" spans="14:14">
      <c r="N102531" s="10"/>
    </row>
    <row r="102532" spans="14:14">
      <c r="N102532" s="10"/>
    </row>
    <row r="102533" spans="14:14">
      <c r="N102533" s="10"/>
    </row>
    <row r="102534" spans="14:14">
      <c r="N102534" s="10"/>
    </row>
    <row r="102535" spans="14:14">
      <c r="N102535" s="10"/>
    </row>
    <row r="102536" spans="14:14">
      <c r="N102536" s="10"/>
    </row>
    <row r="102537" spans="14:14">
      <c r="N102537" s="10"/>
    </row>
    <row r="102538" spans="14:14">
      <c r="N102538" s="10"/>
    </row>
    <row r="102539" spans="14:14">
      <c r="N102539" s="10"/>
    </row>
    <row r="102540" spans="14:14">
      <c r="N102540" s="10"/>
    </row>
    <row r="102541" spans="14:14">
      <c r="N102541" s="10"/>
    </row>
    <row r="102542" spans="14:14">
      <c r="N102542" s="10"/>
    </row>
    <row r="102543" spans="14:14">
      <c r="N102543" s="10"/>
    </row>
    <row r="102544" spans="14:14">
      <c r="N102544" s="10"/>
    </row>
    <row r="102545" spans="14:14">
      <c r="N102545" s="10"/>
    </row>
    <row r="102546" spans="14:14">
      <c r="N102546" s="10"/>
    </row>
    <row r="102547" spans="14:14">
      <c r="N102547" s="10"/>
    </row>
    <row r="102548" spans="14:14">
      <c r="N102548" s="10"/>
    </row>
    <row r="102549" spans="14:14">
      <c r="N102549" s="10"/>
    </row>
    <row r="102550" spans="14:14">
      <c r="N102550" s="10"/>
    </row>
    <row r="102551" spans="14:14">
      <c r="N102551" s="10"/>
    </row>
    <row r="102552" spans="14:14">
      <c r="N102552" s="10"/>
    </row>
    <row r="102553" spans="14:14">
      <c r="N102553" s="10"/>
    </row>
    <row r="102554" spans="14:14">
      <c r="N102554" s="10"/>
    </row>
    <row r="102555" spans="14:14">
      <c r="N102555" s="10"/>
    </row>
    <row r="102556" spans="14:14">
      <c r="N102556" s="10"/>
    </row>
    <row r="102557" spans="14:14">
      <c r="N102557" s="10"/>
    </row>
    <row r="102558" spans="14:14">
      <c r="N102558" s="10"/>
    </row>
    <row r="102559" spans="14:14">
      <c r="N102559" s="10"/>
    </row>
    <row r="102560" spans="14:14">
      <c r="N102560" s="10"/>
    </row>
    <row r="102561" spans="14:14">
      <c r="N102561" s="10"/>
    </row>
    <row r="102562" spans="14:14">
      <c r="N102562" s="10"/>
    </row>
    <row r="102563" spans="14:14">
      <c r="N102563" s="10"/>
    </row>
    <row r="102564" spans="14:14">
      <c r="N102564" s="10"/>
    </row>
    <row r="102565" spans="14:14">
      <c r="N102565" s="10"/>
    </row>
    <row r="102566" spans="14:14">
      <c r="N102566" s="10"/>
    </row>
    <row r="102567" spans="14:14">
      <c r="N102567" s="10"/>
    </row>
    <row r="102568" spans="14:14">
      <c r="N102568" s="10"/>
    </row>
    <row r="102569" spans="14:14">
      <c r="N102569" s="10"/>
    </row>
    <row r="102570" spans="14:14">
      <c r="N102570" s="10"/>
    </row>
    <row r="102571" spans="14:14">
      <c r="N102571" s="10"/>
    </row>
    <row r="102572" spans="14:14">
      <c r="N102572" s="10"/>
    </row>
    <row r="102573" spans="14:14">
      <c r="N102573" s="10"/>
    </row>
    <row r="102574" spans="14:14">
      <c r="N102574" s="10"/>
    </row>
    <row r="102575" spans="14:14">
      <c r="N102575" s="10"/>
    </row>
    <row r="102576" spans="14:14">
      <c r="N102576" s="10"/>
    </row>
    <row r="102577" spans="14:14">
      <c r="N102577" s="10"/>
    </row>
    <row r="102578" spans="14:14">
      <c r="N102578" s="10"/>
    </row>
    <row r="102579" spans="14:14">
      <c r="N102579" s="10"/>
    </row>
    <row r="102580" spans="14:14">
      <c r="N102580" s="10"/>
    </row>
    <row r="102581" spans="14:14">
      <c r="N102581" s="10"/>
    </row>
    <row r="102582" spans="14:14">
      <c r="N102582" s="10"/>
    </row>
    <row r="102583" spans="14:14">
      <c r="N102583" s="10"/>
    </row>
    <row r="102584" spans="14:14">
      <c r="N102584" s="10"/>
    </row>
    <row r="102585" spans="14:14">
      <c r="N102585" s="10"/>
    </row>
    <row r="102586" spans="14:14">
      <c r="N102586" s="10"/>
    </row>
    <row r="102587" spans="14:14">
      <c r="N102587" s="10"/>
    </row>
    <row r="102588" spans="14:14">
      <c r="N102588" s="10"/>
    </row>
    <row r="102589" spans="14:14">
      <c r="N102589" s="10"/>
    </row>
    <row r="102590" spans="14:14">
      <c r="N102590" s="10"/>
    </row>
    <row r="102591" spans="14:14">
      <c r="N102591" s="10"/>
    </row>
    <row r="102592" spans="14:14">
      <c r="N102592" s="10"/>
    </row>
    <row r="102593" spans="14:14">
      <c r="N102593" s="10"/>
    </row>
    <row r="102594" spans="14:14">
      <c r="N102594" s="10"/>
    </row>
    <row r="102595" spans="14:14">
      <c r="N102595" s="10"/>
    </row>
    <row r="102596" spans="14:14">
      <c r="N102596" s="10"/>
    </row>
    <row r="102597" spans="14:14">
      <c r="N102597" s="10"/>
    </row>
    <row r="102598" spans="14:14">
      <c r="N102598" s="10"/>
    </row>
    <row r="102599" spans="14:14">
      <c r="N102599" s="10"/>
    </row>
    <row r="102600" spans="14:14">
      <c r="N102600" s="10"/>
    </row>
    <row r="102601" spans="14:14">
      <c r="N102601" s="10"/>
    </row>
    <row r="102602" spans="14:14">
      <c r="N102602" s="10"/>
    </row>
    <row r="102603" spans="14:14">
      <c r="N102603" s="10"/>
    </row>
    <row r="102604" spans="14:14">
      <c r="N102604" s="10"/>
    </row>
    <row r="102605" spans="14:14">
      <c r="N102605" s="10"/>
    </row>
    <row r="102606" spans="14:14">
      <c r="N102606" s="10"/>
    </row>
    <row r="102607" spans="14:14">
      <c r="N102607" s="10"/>
    </row>
    <row r="102608" spans="14:14">
      <c r="N102608" s="10"/>
    </row>
    <row r="102609" spans="14:14">
      <c r="N102609" s="10"/>
    </row>
    <row r="102610" spans="14:14">
      <c r="N102610" s="10"/>
    </row>
    <row r="102611" spans="14:14">
      <c r="N102611" s="10"/>
    </row>
    <row r="102612" spans="14:14">
      <c r="N102612" s="10"/>
    </row>
    <row r="102613" spans="14:14">
      <c r="N102613" s="10"/>
    </row>
    <row r="102614" spans="14:14">
      <c r="N102614" s="10"/>
    </row>
    <row r="102615" spans="14:14">
      <c r="N102615" s="10"/>
    </row>
    <row r="102616" spans="14:14">
      <c r="N102616" s="10"/>
    </row>
    <row r="102617" spans="14:14">
      <c r="N102617" s="10"/>
    </row>
    <row r="102618" spans="14:14">
      <c r="N102618" s="10"/>
    </row>
    <row r="102619" spans="14:14">
      <c r="N102619" s="10"/>
    </row>
    <row r="102620" spans="14:14">
      <c r="N102620" s="10"/>
    </row>
    <row r="102621" spans="14:14">
      <c r="N102621" s="10"/>
    </row>
    <row r="102622" spans="14:14">
      <c r="N102622" s="10"/>
    </row>
    <row r="102623" spans="14:14">
      <c r="N102623" s="10"/>
    </row>
    <row r="102624" spans="14:14">
      <c r="N102624" s="10"/>
    </row>
    <row r="102625" spans="14:14">
      <c r="N102625" s="10"/>
    </row>
    <row r="102626" spans="14:14">
      <c r="N102626" s="10"/>
    </row>
    <row r="102627" spans="14:14">
      <c r="N102627" s="10"/>
    </row>
    <row r="102628" spans="14:14">
      <c r="N102628" s="10"/>
    </row>
    <row r="102629" spans="14:14">
      <c r="N102629" s="10"/>
    </row>
    <row r="102630" spans="14:14">
      <c r="N102630" s="10"/>
    </row>
    <row r="102631" spans="14:14">
      <c r="N102631" s="10"/>
    </row>
    <row r="102632" spans="14:14">
      <c r="N102632" s="10"/>
    </row>
    <row r="102633" spans="14:14">
      <c r="N102633" s="10"/>
    </row>
    <row r="102634" spans="14:14">
      <c r="N102634" s="10"/>
    </row>
    <row r="102635" spans="14:14">
      <c r="N102635" s="10"/>
    </row>
    <row r="102636" spans="14:14">
      <c r="N102636" s="10"/>
    </row>
    <row r="102637" spans="14:14">
      <c r="N102637" s="10"/>
    </row>
    <row r="102638" spans="14:14">
      <c r="N102638" s="10"/>
    </row>
    <row r="102639" spans="14:14">
      <c r="N102639" s="10"/>
    </row>
    <row r="102640" spans="14:14">
      <c r="N102640" s="10"/>
    </row>
    <row r="102641" spans="14:14">
      <c r="N102641" s="10"/>
    </row>
    <row r="102642" spans="14:14">
      <c r="N102642" s="10"/>
    </row>
    <row r="102643" spans="14:14">
      <c r="N102643" s="10"/>
    </row>
    <row r="102644" spans="14:14">
      <c r="N102644" s="10"/>
    </row>
    <row r="102645" spans="14:14">
      <c r="N102645" s="10"/>
    </row>
    <row r="102646" spans="14:14">
      <c r="N102646" s="10"/>
    </row>
    <row r="102647" spans="14:14">
      <c r="N102647" s="10"/>
    </row>
    <row r="102648" spans="14:14">
      <c r="N102648" s="10"/>
    </row>
    <row r="102649" spans="14:14">
      <c r="N102649" s="10"/>
    </row>
    <row r="102650" spans="14:14">
      <c r="N102650" s="10"/>
    </row>
    <row r="102651" spans="14:14">
      <c r="N102651" s="10"/>
    </row>
    <row r="102652" spans="14:14">
      <c r="N102652" s="10"/>
    </row>
    <row r="102653" spans="14:14">
      <c r="N102653" s="10"/>
    </row>
    <row r="102654" spans="14:14">
      <c r="N102654" s="10"/>
    </row>
    <row r="102655" spans="14:14">
      <c r="N102655" s="10"/>
    </row>
    <row r="102656" spans="14:14">
      <c r="N102656" s="10"/>
    </row>
    <row r="102657" spans="14:14">
      <c r="N102657" s="10"/>
    </row>
    <row r="102658" spans="14:14">
      <c r="N102658" s="10"/>
    </row>
    <row r="102659" spans="14:14">
      <c r="N102659" s="10"/>
    </row>
    <row r="102660" spans="14:14">
      <c r="N102660" s="10"/>
    </row>
    <row r="102661" spans="14:14">
      <c r="N102661" s="10"/>
    </row>
    <row r="102662" spans="14:14">
      <c r="N102662" s="10"/>
    </row>
    <row r="102663" spans="14:14">
      <c r="N102663" s="10"/>
    </row>
    <row r="102664" spans="14:14">
      <c r="N102664" s="10"/>
    </row>
    <row r="102665" spans="14:14">
      <c r="N102665" s="10"/>
    </row>
    <row r="102666" spans="14:14">
      <c r="N102666" s="10"/>
    </row>
    <row r="102667" spans="14:14">
      <c r="N102667" s="10"/>
    </row>
    <row r="102668" spans="14:14">
      <c r="N102668" s="10"/>
    </row>
    <row r="102669" spans="14:14">
      <c r="N102669" s="10"/>
    </row>
    <row r="102670" spans="14:14">
      <c r="N102670" s="10"/>
    </row>
    <row r="102671" spans="14:14">
      <c r="N102671" s="10"/>
    </row>
    <row r="102672" spans="14:14">
      <c r="N102672" s="10"/>
    </row>
    <row r="102673" spans="14:14">
      <c r="N102673" s="10"/>
    </row>
    <row r="102674" spans="14:14">
      <c r="N102674" s="10"/>
    </row>
    <row r="102675" spans="14:14">
      <c r="N102675" s="10"/>
    </row>
    <row r="102676" spans="14:14">
      <c r="N102676" s="10"/>
    </row>
    <row r="102677" spans="14:14">
      <c r="N102677" s="10"/>
    </row>
    <row r="102678" spans="14:14">
      <c r="N102678" s="10"/>
    </row>
    <row r="102679" spans="14:14">
      <c r="N102679" s="10"/>
    </row>
    <row r="102680" spans="14:14">
      <c r="N102680" s="10"/>
    </row>
    <row r="102681" spans="14:14">
      <c r="N102681" s="10"/>
    </row>
    <row r="102682" spans="14:14">
      <c r="N102682" s="10"/>
    </row>
    <row r="102683" spans="14:14">
      <c r="N102683" s="10"/>
    </row>
    <row r="102684" spans="14:14">
      <c r="N102684" s="10"/>
    </row>
    <row r="102685" spans="14:14">
      <c r="N102685" s="10"/>
    </row>
    <row r="102686" spans="14:14">
      <c r="N102686" s="10"/>
    </row>
    <row r="102687" spans="14:14">
      <c r="N102687" s="10"/>
    </row>
    <row r="102688" spans="14:14">
      <c r="N102688" s="10"/>
    </row>
    <row r="102689" spans="14:14">
      <c r="N102689" s="10"/>
    </row>
    <row r="102690" spans="14:14">
      <c r="N102690" s="10"/>
    </row>
    <row r="102691" spans="14:14">
      <c r="N102691" s="10"/>
    </row>
    <row r="102692" spans="14:14">
      <c r="N102692" s="10"/>
    </row>
    <row r="102693" spans="14:14">
      <c r="N102693" s="10"/>
    </row>
    <row r="102694" spans="14:14">
      <c r="N102694" s="10"/>
    </row>
    <row r="102695" spans="14:14">
      <c r="N102695" s="10"/>
    </row>
    <row r="102696" spans="14:14">
      <c r="N102696" s="10"/>
    </row>
    <row r="102697" spans="14:14">
      <c r="N102697" s="10"/>
    </row>
    <row r="102698" spans="14:14">
      <c r="N102698" s="10"/>
    </row>
    <row r="102699" spans="14:14">
      <c r="N102699" s="10"/>
    </row>
    <row r="102700" spans="14:14">
      <c r="N102700" s="10"/>
    </row>
    <row r="102701" spans="14:14">
      <c r="N102701" s="10"/>
    </row>
    <row r="102702" spans="14:14">
      <c r="N102702" s="10"/>
    </row>
    <row r="102703" spans="14:14">
      <c r="N102703" s="10"/>
    </row>
    <row r="102704" spans="14:14">
      <c r="N102704" s="10"/>
    </row>
    <row r="102705" spans="14:14">
      <c r="N102705" s="10"/>
    </row>
    <row r="102706" spans="14:14">
      <c r="N102706" s="10"/>
    </row>
    <row r="102707" spans="14:14">
      <c r="N102707" s="10"/>
    </row>
    <row r="102708" spans="14:14">
      <c r="N102708" s="10"/>
    </row>
    <row r="102709" spans="14:14">
      <c r="N102709" s="10"/>
    </row>
    <row r="102710" spans="14:14">
      <c r="N102710" s="10"/>
    </row>
    <row r="102711" spans="14:14">
      <c r="N102711" s="10"/>
    </row>
    <row r="102712" spans="14:14">
      <c r="N102712" s="10"/>
    </row>
    <row r="102713" spans="14:14">
      <c r="N102713" s="10"/>
    </row>
    <row r="102714" spans="14:14">
      <c r="N102714" s="10"/>
    </row>
    <row r="102715" spans="14:14">
      <c r="N102715" s="10"/>
    </row>
    <row r="102716" spans="14:14">
      <c r="N102716" s="10"/>
    </row>
    <row r="102717" spans="14:14">
      <c r="N102717" s="10"/>
    </row>
    <row r="102718" spans="14:14">
      <c r="N102718" s="10"/>
    </row>
    <row r="102719" spans="14:14">
      <c r="N102719" s="10"/>
    </row>
    <row r="102720" spans="14:14">
      <c r="N102720" s="10"/>
    </row>
    <row r="102721" spans="14:14">
      <c r="N102721" s="10"/>
    </row>
    <row r="102722" spans="14:14">
      <c r="N102722" s="10"/>
    </row>
    <row r="102723" spans="14:14">
      <c r="N102723" s="10"/>
    </row>
    <row r="102724" spans="14:14">
      <c r="N102724" s="10"/>
    </row>
    <row r="102725" spans="14:14">
      <c r="N102725" s="10"/>
    </row>
    <row r="102726" spans="14:14">
      <c r="N102726" s="10"/>
    </row>
    <row r="102727" spans="14:14">
      <c r="N102727" s="10"/>
    </row>
    <row r="102728" spans="14:14">
      <c r="N102728" s="10"/>
    </row>
    <row r="102729" spans="14:14">
      <c r="N102729" s="10"/>
    </row>
    <row r="102730" spans="14:14">
      <c r="N102730" s="10"/>
    </row>
    <row r="102731" spans="14:14">
      <c r="N102731" s="10"/>
    </row>
    <row r="102732" spans="14:14">
      <c r="N102732" s="10"/>
    </row>
    <row r="102733" spans="14:14">
      <c r="N102733" s="10"/>
    </row>
    <row r="102734" spans="14:14">
      <c r="N102734" s="10"/>
    </row>
    <row r="102735" spans="14:14">
      <c r="N102735" s="10"/>
    </row>
    <row r="102736" spans="14:14">
      <c r="N102736" s="10"/>
    </row>
    <row r="102737" spans="14:14">
      <c r="N102737" s="10"/>
    </row>
    <row r="102738" spans="14:14">
      <c r="N102738" s="10"/>
    </row>
    <row r="102739" spans="14:14">
      <c r="N102739" s="10"/>
    </row>
    <row r="102740" spans="14:14">
      <c r="N102740" s="10"/>
    </row>
    <row r="102741" spans="14:14">
      <c r="N102741" s="10"/>
    </row>
    <row r="102742" spans="14:14">
      <c r="N102742" s="10"/>
    </row>
    <row r="102743" spans="14:14">
      <c r="N102743" s="10"/>
    </row>
    <row r="102744" spans="14:14">
      <c r="N102744" s="10"/>
    </row>
    <row r="102745" spans="14:14">
      <c r="N102745" s="10"/>
    </row>
    <row r="102746" spans="14:14">
      <c r="N102746" s="10"/>
    </row>
    <row r="102747" spans="14:14">
      <c r="N102747" s="10"/>
    </row>
    <row r="102748" spans="14:14">
      <c r="N102748" s="10"/>
    </row>
    <row r="102749" spans="14:14">
      <c r="N102749" s="10"/>
    </row>
    <row r="102750" spans="14:14">
      <c r="N102750" s="10"/>
    </row>
    <row r="102751" spans="14:14">
      <c r="N102751" s="10"/>
    </row>
    <row r="102752" spans="14:14">
      <c r="N102752" s="10"/>
    </row>
    <row r="102753" spans="14:14">
      <c r="N102753" s="10"/>
    </row>
    <row r="102754" spans="14:14">
      <c r="N102754" s="10"/>
    </row>
    <row r="102755" spans="14:14">
      <c r="N102755" s="10"/>
    </row>
    <row r="102756" spans="14:14">
      <c r="N102756" s="10"/>
    </row>
    <row r="102757" spans="14:14">
      <c r="N102757" s="10"/>
    </row>
    <row r="102758" spans="14:14">
      <c r="N102758" s="10"/>
    </row>
    <row r="102759" spans="14:14">
      <c r="N102759" s="10"/>
    </row>
    <row r="102760" spans="14:14">
      <c r="N102760" s="10"/>
    </row>
    <row r="102761" spans="14:14">
      <c r="N102761" s="10"/>
    </row>
    <row r="102762" spans="14:14">
      <c r="N102762" s="10"/>
    </row>
    <row r="102763" spans="14:14">
      <c r="N102763" s="10"/>
    </row>
    <row r="102764" spans="14:14">
      <c r="N102764" s="10"/>
    </row>
    <row r="102765" spans="14:14">
      <c r="N102765" s="10"/>
    </row>
    <row r="102766" spans="14:14">
      <c r="N102766" s="10"/>
    </row>
    <row r="102767" spans="14:14">
      <c r="N102767" s="10"/>
    </row>
    <row r="102768" spans="14:14">
      <c r="N102768" s="10"/>
    </row>
    <row r="102769" spans="14:14">
      <c r="N102769" s="10"/>
    </row>
    <row r="102770" spans="14:14">
      <c r="N102770" s="10"/>
    </row>
    <row r="102771" spans="14:14">
      <c r="N102771" s="10"/>
    </row>
    <row r="102772" spans="14:14">
      <c r="N102772" s="10"/>
    </row>
    <row r="102773" spans="14:14">
      <c r="N102773" s="10"/>
    </row>
    <row r="102774" spans="14:14">
      <c r="N102774" s="10"/>
    </row>
    <row r="102775" spans="14:14">
      <c r="N102775" s="10"/>
    </row>
    <row r="102776" spans="14:14">
      <c r="N102776" s="10"/>
    </row>
    <row r="102777" spans="14:14">
      <c r="N102777" s="10"/>
    </row>
    <row r="102778" spans="14:14">
      <c r="N102778" s="10"/>
    </row>
    <row r="102779" spans="14:14">
      <c r="N102779" s="10"/>
    </row>
    <row r="102780" spans="14:14">
      <c r="N102780" s="10"/>
    </row>
    <row r="102781" spans="14:14">
      <c r="N102781" s="10"/>
    </row>
    <row r="102782" spans="14:14">
      <c r="N102782" s="10"/>
    </row>
    <row r="102783" spans="14:14">
      <c r="N102783" s="10"/>
    </row>
    <row r="102784" spans="14:14">
      <c r="N102784" s="10"/>
    </row>
    <row r="102785" spans="14:14">
      <c r="N102785" s="10"/>
    </row>
    <row r="102786" spans="14:14">
      <c r="N102786" s="10"/>
    </row>
    <row r="102787" spans="14:14">
      <c r="N102787" s="10"/>
    </row>
    <row r="102788" spans="14:14">
      <c r="N102788" s="10"/>
    </row>
    <row r="102789" spans="14:14">
      <c r="N102789" s="10"/>
    </row>
    <row r="102790" spans="14:14">
      <c r="N102790" s="10"/>
    </row>
    <row r="102791" spans="14:14">
      <c r="N102791" s="10"/>
    </row>
    <row r="102792" spans="14:14">
      <c r="N102792" s="10"/>
    </row>
    <row r="102793" spans="14:14">
      <c r="N102793" s="10"/>
    </row>
    <row r="102794" spans="14:14">
      <c r="N102794" s="10"/>
    </row>
    <row r="102795" spans="14:14">
      <c r="N102795" s="10"/>
    </row>
    <row r="102796" spans="14:14">
      <c r="N102796" s="10"/>
    </row>
    <row r="102797" spans="14:14">
      <c r="N102797" s="10"/>
    </row>
    <row r="102798" spans="14:14">
      <c r="N102798" s="10"/>
    </row>
    <row r="102799" spans="14:14">
      <c r="N102799" s="10"/>
    </row>
    <row r="102800" spans="14:14">
      <c r="N102800" s="10"/>
    </row>
    <row r="102801" spans="14:14">
      <c r="N102801" s="10"/>
    </row>
    <row r="102802" spans="14:14">
      <c r="N102802" s="10"/>
    </row>
    <row r="102803" spans="14:14">
      <c r="N102803" s="10"/>
    </row>
    <row r="102804" spans="14:14">
      <c r="N102804" s="10"/>
    </row>
    <row r="102805" spans="14:14">
      <c r="N102805" s="10"/>
    </row>
    <row r="102806" spans="14:14">
      <c r="N102806" s="10"/>
    </row>
    <row r="102807" spans="14:14">
      <c r="N102807" s="10"/>
    </row>
    <row r="102808" spans="14:14">
      <c r="N102808" s="10"/>
    </row>
    <row r="102809" spans="14:14">
      <c r="N102809" s="10"/>
    </row>
    <row r="102810" spans="14:14">
      <c r="N102810" s="10"/>
    </row>
    <row r="102811" spans="14:14">
      <c r="N102811" s="10"/>
    </row>
    <row r="102812" spans="14:14">
      <c r="N102812" s="10"/>
    </row>
    <row r="102813" spans="14:14">
      <c r="N102813" s="10"/>
    </row>
    <row r="102814" spans="14:14">
      <c r="N102814" s="10"/>
    </row>
    <row r="102815" spans="14:14">
      <c r="N102815" s="10"/>
    </row>
    <row r="102816" spans="14:14">
      <c r="N102816" s="10"/>
    </row>
    <row r="102817" spans="14:14">
      <c r="N102817" s="10"/>
    </row>
    <row r="102818" spans="14:14">
      <c r="N102818" s="10"/>
    </row>
    <row r="102819" spans="14:14">
      <c r="N102819" s="10"/>
    </row>
    <row r="102820" spans="14:14">
      <c r="N102820" s="10"/>
    </row>
    <row r="102821" spans="14:14">
      <c r="N102821" s="10"/>
    </row>
    <row r="102822" spans="14:14">
      <c r="N102822" s="10"/>
    </row>
    <row r="102823" spans="14:14">
      <c r="N102823" s="10"/>
    </row>
    <row r="102824" spans="14:14">
      <c r="N102824" s="10"/>
    </row>
    <row r="102825" spans="14:14">
      <c r="N102825" s="10"/>
    </row>
    <row r="102826" spans="14:14">
      <c r="N102826" s="10"/>
    </row>
    <row r="102827" spans="14:14">
      <c r="N102827" s="10"/>
    </row>
    <row r="102828" spans="14:14">
      <c r="N102828" s="10"/>
    </row>
    <row r="102829" spans="14:14">
      <c r="N102829" s="10"/>
    </row>
    <row r="102830" spans="14:14">
      <c r="N102830" s="10"/>
    </row>
    <row r="102831" spans="14:14">
      <c r="N102831" s="10"/>
    </row>
    <row r="102832" spans="14:14">
      <c r="N102832" s="10"/>
    </row>
    <row r="102833" spans="14:14">
      <c r="N102833" s="10"/>
    </row>
    <row r="102834" spans="14:14">
      <c r="N102834" s="10"/>
    </row>
    <row r="102835" spans="14:14">
      <c r="N102835" s="10"/>
    </row>
    <row r="102836" spans="14:14">
      <c r="N102836" s="10"/>
    </row>
    <row r="102837" spans="14:14">
      <c r="N102837" s="10"/>
    </row>
    <row r="102838" spans="14:14">
      <c r="N102838" s="10"/>
    </row>
    <row r="102839" spans="14:14">
      <c r="N102839" s="10"/>
    </row>
    <row r="102840" spans="14:14">
      <c r="N102840" s="10"/>
    </row>
    <row r="102841" spans="14:14">
      <c r="N102841" s="10"/>
    </row>
    <row r="102842" spans="14:14">
      <c r="N102842" s="10"/>
    </row>
    <row r="102843" spans="14:14">
      <c r="N102843" s="10"/>
    </row>
    <row r="102844" spans="14:14">
      <c r="N102844" s="10"/>
    </row>
    <row r="102845" spans="14:14">
      <c r="N102845" s="10"/>
    </row>
    <row r="102846" spans="14:14">
      <c r="N102846" s="10"/>
    </row>
    <row r="102847" spans="14:14">
      <c r="N102847" s="10"/>
    </row>
    <row r="102848" spans="14:14">
      <c r="N102848" s="10"/>
    </row>
    <row r="102849" spans="14:14">
      <c r="N102849" s="10"/>
    </row>
    <row r="102850" spans="14:14">
      <c r="N102850" s="10"/>
    </row>
    <row r="102851" spans="14:14">
      <c r="N102851" s="10"/>
    </row>
    <row r="102852" spans="14:14">
      <c r="N102852" s="10"/>
    </row>
    <row r="102853" spans="14:14">
      <c r="N102853" s="10"/>
    </row>
    <row r="102854" spans="14:14">
      <c r="N102854" s="10"/>
    </row>
    <row r="102855" spans="14:14">
      <c r="N102855" s="10"/>
    </row>
    <row r="102856" spans="14:14">
      <c r="N102856" s="10"/>
    </row>
    <row r="102857" spans="14:14">
      <c r="N102857" s="10"/>
    </row>
    <row r="102858" spans="14:14">
      <c r="N102858" s="10"/>
    </row>
    <row r="102859" spans="14:14">
      <c r="N102859" s="10"/>
    </row>
    <row r="102860" spans="14:14">
      <c r="N102860" s="10"/>
    </row>
    <row r="102861" spans="14:14">
      <c r="N102861" s="10"/>
    </row>
    <row r="102862" spans="14:14">
      <c r="N102862" s="10"/>
    </row>
    <row r="102863" spans="14:14">
      <c r="N102863" s="10"/>
    </row>
    <row r="102864" spans="14:14">
      <c r="N102864" s="10"/>
    </row>
    <row r="102865" spans="14:14">
      <c r="N102865" s="10"/>
    </row>
    <row r="102866" spans="14:14">
      <c r="N102866" s="10"/>
    </row>
    <row r="102867" spans="14:14">
      <c r="N102867" s="10"/>
    </row>
    <row r="102868" spans="14:14">
      <c r="N102868" s="10"/>
    </row>
    <row r="102869" spans="14:14">
      <c r="N102869" s="10"/>
    </row>
    <row r="102870" spans="14:14">
      <c r="N102870" s="10"/>
    </row>
    <row r="102871" spans="14:14">
      <c r="N102871" s="10"/>
    </row>
    <row r="102872" spans="14:14">
      <c r="N102872" s="10"/>
    </row>
    <row r="102873" spans="14:14">
      <c r="N102873" s="10"/>
    </row>
    <row r="102874" spans="14:14">
      <c r="N102874" s="10"/>
    </row>
    <row r="102875" spans="14:14">
      <c r="N102875" s="10"/>
    </row>
    <row r="102876" spans="14:14">
      <c r="N102876" s="10"/>
    </row>
    <row r="102877" spans="14:14">
      <c r="N102877" s="10"/>
    </row>
    <row r="102878" spans="14:14">
      <c r="N102878" s="10"/>
    </row>
    <row r="102879" spans="14:14">
      <c r="N102879" s="10"/>
    </row>
    <row r="102880" spans="14:14">
      <c r="N102880" s="10"/>
    </row>
    <row r="102881" spans="14:14">
      <c r="N102881" s="10"/>
    </row>
    <row r="102882" spans="14:14">
      <c r="N102882" s="10"/>
    </row>
    <row r="102883" spans="14:14">
      <c r="N102883" s="10"/>
    </row>
    <row r="102884" spans="14:14">
      <c r="N102884" s="10"/>
    </row>
    <row r="102885" spans="14:14">
      <c r="N102885" s="10"/>
    </row>
    <row r="102886" spans="14:14">
      <c r="N102886" s="10"/>
    </row>
    <row r="102887" spans="14:14">
      <c r="N102887" s="10"/>
    </row>
    <row r="102888" spans="14:14">
      <c r="N102888" s="10"/>
    </row>
    <row r="102889" spans="14:14">
      <c r="N102889" s="10"/>
    </row>
    <row r="102890" spans="14:14">
      <c r="N102890" s="10"/>
    </row>
    <row r="102891" spans="14:14">
      <c r="N102891" s="10"/>
    </row>
    <row r="102892" spans="14:14">
      <c r="N102892" s="10"/>
    </row>
    <row r="102893" spans="14:14">
      <c r="N102893" s="10"/>
    </row>
    <row r="102894" spans="14:14">
      <c r="N102894" s="10"/>
    </row>
    <row r="102895" spans="14:14">
      <c r="N102895" s="10"/>
    </row>
    <row r="102896" spans="14:14">
      <c r="N102896" s="10"/>
    </row>
    <row r="102897" spans="14:14">
      <c r="N102897" s="10"/>
    </row>
    <row r="102898" spans="14:14">
      <c r="N102898" s="10"/>
    </row>
    <row r="102899" spans="14:14">
      <c r="N102899" s="10"/>
    </row>
    <row r="102900" spans="14:14">
      <c r="N102900" s="10"/>
    </row>
    <row r="102901" spans="14:14">
      <c r="N102901" s="10"/>
    </row>
    <row r="102902" spans="14:14">
      <c r="N102902" s="10"/>
    </row>
    <row r="102903" spans="14:14">
      <c r="N102903" s="10"/>
    </row>
    <row r="102904" spans="14:14">
      <c r="N102904" s="10"/>
    </row>
    <row r="102905" spans="14:14">
      <c r="N102905" s="10"/>
    </row>
    <row r="102906" spans="14:14">
      <c r="N102906" s="10"/>
    </row>
    <row r="102907" spans="14:14">
      <c r="N102907" s="10"/>
    </row>
    <row r="102908" spans="14:14">
      <c r="N102908" s="10"/>
    </row>
    <row r="102909" spans="14:14">
      <c r="N102909" s="10"/>
    </row>
    <row r="102910" spans="14:14">
      <c r="N102910" s="10"/>
    </row>
    <row r="102911" spans="14:14">
      <c r="N102911" s="10"/>
    </row>
    <row r="102912" spans="14:14">
      <c r="N102912" s="10"/>
    </row>
    <row r="102913" spans="14:14">
      <c r="N102913" s="10"/>
    </row>
    <row r="102914" spans="14:14">
      <c r="N102914" s="10"/>
    </row>
    <row r="102915" spans="14:14">
      <c r="N102915" s="10"/>
    </row>
    <row r="102916" spans="14:14">
      <c r="N102916" s="10"/>
    </row>
    <row r="102917" spans="14:14">
      <c r="N102917" s="10"/>
    </row>
    <row r="102918" spans="14:14">
      <c r="N102918" s="10"/>
    </row>
    <row r="102919" spans="14:14">
      <c r="N102919" s="10"/>
    </row>
    <row r="102920" spans="14:14">
      <c r="N102920" s="10"/>
    </row>
    <row r="102921" spans="14:14">
      <c r="N102921" s="10"/>
    </row>
    <row r="102922" spans="14:14">
      <c r="N102922" s="10"/>
    </row>
    <row r="102923" spans="14:14">
      <c r="N102923" s="10"/>
    </row>
    <row r="102924" spans="14:14">
      <c r="N102924" s="10"/>
    </row>
    <row r="102925" spans="14:14">
      <c r="N102925" s="10"/>
    </row>
    <row r="102926" spans="14:14">
      <c r="N102926" s="10"/>
    </row>
    <row r="102927" spans="14:14">
      <c r="N102927" s="10"/>
    </row>
    <row r="102928" spans="14:14">
      <c r="N102928" s="10"/>
    </row>
    <row r="102929" spans="14:14">
      <c r="N102929" s="10"/>
    </row>
    <row r="102930" spans="14:14">
      <c r="N102930" s="10"/>
    </row>
    <row r="102931" spans="14:14">
      <c r="N102931" s="10"/>
    </row>
    <row r="102932" spans="14:14">
      <c r="N102932" s="10"/>
    </row>
    <row r="102933" spans="14:14">
      <c r="N102933" s="10"/>
    </row>
    <row r="102934" spans="14:14">
      <c r="N102934" s="10"/>
    </row>
    <row r="102935" spans="14:14">
      <c r="N102935" s="10"/>
    </row>
    <row r="102936" spans="14:14">
      <c r="N102936" s="10"/>
    </row>
    <row r="102937" spans="14:14">
      <c r="N102937" s="10"/>
    </row>
    <row r="102938" spans="14:14">
      <c r="N102938" s="10"/>
    </row>
    <row r="102939" spans="14:14">
      <c r="N102939" s="10"/>
    </row>
    <row r="102940" spans="14:14">
      <c r="N102940" s="10"/>
    </row>
    <row r="102941" spans="14:14">
      <c r="N102941" s="10"/>
    </row>
    <row r="102942" spans="14:14">
      <c r="N102942" s="10"/>
    </row>
    <row r="102943" spans="14:14">
      <c r="N102943" s="10"/>
    </row>
    <row r="102944" spans="14:14">
      <c r="N102944" s="10"/>
    </row>
    <row r="102945" spans="14:14">
      <c r="N102945" s="10"/>
    </row>
    <row r="102946" spans="14:14">
      <c r="N102946" s="10"/>
    </row>
    <row r="102947" spans="14:14">
      <c r="N102947" s="10"/>
    </row>
    <row r="102948" spans="14:14">
      <c r="N102948" s="10"/>
    </row>
    <row r="102949" spans="14:14">
      <c r="N102949" s="10"/>
    </row>
    <row r="102950" spans="14:14">
      <c r="N102950" s="10"/>
    </row>
    <row r="102951" spans="14:14">
      <c r="N102951" s="10"/>
    </row>
    <row r="102952" spans="14:14">
      <c r="N102952" s="10"/>
    </row>
    <row r="102953" spans="14:14">
      <c r="N102953" s="10"/>
    </row>
    <row r="102954" spans="14:14">
      <c r="N102954" s="10"/>
    </row>
    <row r="102955" spans="14:14">
      <c r="N102955" s="10"/>
    </row>
    <row r="102956" spans="14:14">
      <c r="N102956" s="10"/>
    </row>
    <row r="102957" spans="14:14">
      <c r="N102957" s="10"/>
    </row>
    <row r="102958" spans="14:14">
      <c r="N102958" s="10"/>
    </row>
    <row r="102959" spans="14:14">
      <c r="N102959" s="10"/>
    </row>
    <row r="102960" spans="14:14">
      <c r="N102960" s="10"/>
    </row>
    <row r="102961" spans="14:14">
      <c r="N102961" s="10"/>
    </row>
    <row r="102962" spans="14:14">
      <c r="N102962" s="10"/>
    </row>
    <row r="102963" spans="14:14">
      <c r="N102963" s="10"/>
    </row>
    <row r="102964" spans="14:14">
      <c r="N102964" s="10"/>
    </row>
    <row r="102965" spans="14:14">
      <c r="N102965" s="10"/>
    </row>
    <row r="102966" spans="14:14">
      <c r="N102966" s="10"/>
    </row>
    <row r="102967" spans="14:14">
      <c r="N102967" s="10"/>
    </row>
    <row r="102968" spans="14:14">
      <c r="N102968" s="10"/>
    </row>
    <row r="102969" spans="14:14">
      <c r="N102969" s="10"/>
    </row>
    <row r="102970" spans="14:14">
      <c r="N102970" s="10"/>
    </row>
    <row r="102971" spans="14:14">
      <c r="N102971" s="10"/>
    </row>
    <row r="102972" spans="14:14">
      <c r="N102972" s="10"/>
    </row>
    <row r="102973" spans="14:14">
      <c r="N102973" s="10"/>
    </row>
    <row r="102974" spans="14:14">
      <c r="N102974" s="10"/>
    </row>
    <row r="102975" spans="14:14">
      <c r="N102975" s="10"/>
    </row>
    <row r="102976" spans="14:14">
      <c r="N102976" s="10"/>
    </row>
    <row r="102977" spans="14:14">
      <c r="N102977" s="10"/>
    </row>
    <row r="102978" spans="14:14">
      <c r="N102978" s="10"/>
    </row>
    <row r="102979" spans="14:14">
      <c r="N102979" s="10"/>
    </row>
    <row r="102980" spans="14:14">
      <c r="N102980" s="10"/>
    </row>
    <row r="102981" spans="14:14">
      <c r="N102981" s="10"/>
    </row>
    <row r="102982" spans="14:14">
      <c r="N102982" s="10"/>
    </row>
    <row r="102983" spans="14:14">
      <c r="N102983" s="10"/>
    </row>
    <row r="102984" spans="14:14">
      <c r="N102984" s="10"/>
    </row>
    <row r="102985" spans="14:14">
      <c r="N102985" s="10"/>
    </row>
    <row r="102986" spans="14:14">
      <c r="N102986" s="10"/>
    </row>
    <row r="102987" spans="14:14">
      <c r="N102987" s="10"/>
    </row>
    <row r="102988" spans="14:14">
      <c r="N102988" s="10"/>
    </row>
    <row r="102989" spans="14:14">
      <c r="N102989" s="10"/>
    </row>
    <row r="102990" spans="14:14">
      <c r="N102990" s="10"/>
    </row>
    <row r="102991" spans="14:14">
      <c r="N102991" s="10"/>
    </row>
    <row r="102992" spans="14:14">
      <c r="N102992" s="10"/>
    </row>
    <row r="102993" spans="14:14">
      <c r="N102993" s="10"/>
    </row>
    <row r="102994" spans="14:14">
      <c r="N102994" s="10"/>
    </row>
    <row r="102995" spans="14:14">
      <c r="N102995" s="10"/>
    </row>
    <row r="102996" spans="14:14">
      <c r="N102996" s="10"/>
    </row>
    <row r="102997" spans="14:14">
      <c r="N102997" s="10"/>
    </row>
    <row r="102998" spans="14:14">
      <c r="N102998" s="10"/>
    </row>
    <row r="102999" spans="14:14">
      <c r="N102999" s="10"/>
    </row>
    <row r="103000" spans="14:14">
      <c r="N103000" s="10"/>
    </row>
    <row r="103001" spans="14:14">
      <c r="N103001" s="10"/>
    </row>
    <row r="103002" spans="14:14">
      <c r="N103002" s="10"/>
    </row>
    <row r="103003" spans="14:14">
      <c r="N103003" s="10"/>
    </row>
    <row r="103004" spans="14:14">
      <c r="N103004" s="10"/>
    </row>
    <row r="103005" spans="14:14">
      <c r="N103005" s="10"/>
    </row>
    <row r="103006" spans="14:14">
      <c r="N103006" s="10"/>
    </row>
    <row r="103007" spans="14:14">
      <c r="N103007" s="10"/>
    </row>
    <row r="103008" spans="14:14">
      <c r="N103008" s="10"/>
    </row>
    <row r="103009" spans="14:14">
      <c r="N103009" s="10"/>
    </row>
    <row r="103010" spans="14:14">
      <c r="N103010" s="10"/>
    </row>
    <row r="103011" spans="14:14">
      <c r="N103011" s="10"/>
    </row>
    <row r="103012" spans="14:14">
      <c r="N103012" s="10"/>
    </row>
    <row r="103013" spans="14:14">
      <c r="N103013" s="10"/>
    </row>
    <row r="103014" spans="14:14">
      <c r="N103014" s="10"/>
    </row>
    <row r="103015" spans="14:14">
      <c r="N103015" s="10"/>
    </row>
    <row r="103016" spans="14:14">
      <c r="N103016" s="10"/>
    </row>
    <row r="103017" spans="14:14">
      <c r="N103017" s="10"/>
    </row>
    <row r="103018" spans="14:14">
      <c r="N103018" s="10"/>
    </row>
    <row r="103019" spans="14:14">
      <c r="N103019" s="10"/>
    </row>
    <row r="103020" spans="14:14">
      <c r="N103020" s="10"/>
    </row>
    <row r="103021" spans="14:14">
      <c r="N103021" s="10"/>
    </row>
    <row r="103022" spans="14:14">
      <c r="N103022" s="10"/>
    </row>
    <row r="103023" spans="14:14">
      <c r="N103023" s="10"/>
    </row>
    <row r="103024" spans="14:14">
      <c r="N103024" s="10"/>
    </row>
    <row r="103025" spans="14:14">
      <c r="N103025" s="10"/>
    </row>
    <row r="103026" spans="14:14">
      <c r="N103026" s="10"/>
    </row>
    <row r="103027" spans="14:14">
      <c r="N103027" s="10"/>
    </row>
    <row r="103028" spans="14:14">
      <c r="N103028" s="10"/>
    </row>
    <row r="103029" spans="14:14">
      <c r="N103029" s="10"/>
    </row>
    <row r="103030" spans="14:14">
      <c r="N103030" s="10"/>
    </row>
    <row r="103031" spans="14:14">
      <c r="N103031" s="10"/>
    </row>
    <row r="103032" spans="14:14">
      <c r="N103032" s="10"/>
    </row>
    <row r="103033" spans="14:14">
      <c r="N103033" s="10"/>
    </row>
    <row r="103034" spans="14:14">
      <c r="N103034" s="10"/>
    </row>
    <row r="103035" spans="14:14">
      <c r="N103035" s="10"/>
    </row>
    <row r="103036" spans="14:14">
      <c r="N103036" s="10"/>
    </row>
    <row r="103037" spans="14:14">
      <c r="N103037" s="10"/>
    </row>
    <row r="103038" spans="14:14">
      <c r="N103038" s="10"/>
    </row>
    <row r="103039" spans="14:14">
      <c r="N103039" s="10"/>
    </row>
    <row r="103040" spans="14:14">
      <c r="N103040" s="10"/>
    </row>
    <row r="103041" spans="14:14">
      <c r="N103041" s="10"/>
    </row>
    <row r="103042" spans="14:14">
      <c r="N103042" s="10"/>
    </row>
    <row r="103043" spans="14:14">
      <c r="N103043" s="10"/>
    </row>
    <row r="103044" spans="14:14">
      <c r="N103044" s="10"/>
    </row>
    <row r="103045" spans="14:14">
      <c r="N103045" s="10"/>
    </row>
    <row r="103046" spans="14:14">
      <c r="N103046" s="10"/>
    </row>
    <row r="103047" spans="14:14">
      <c r="N103047" s="10"/>
    </row>
    <row r="103048" spans="14:14">
      <c r="N103048" s="10"/>
    </row>
    <row r="103049" spans="14:14">
      <c r="N103049" s="10"/>
    </row>
    <row r="103050" spans="14:14">
      <c r="N103050" s="10"/>
    </row>
    <row r="103051" spans="14:14">
      <c r="N103051" s="10"/>
    </row>
    <row r="103052" spans="14:14">
      <c r="N103052" s="10"/>
    </row>
    <row r="103053" spans="14:14">
      <c r="N103053" s="10"/>
    </row>
    <row r="103054" spans="14:14">
      <c r="N103054" s="10"/>
    </row>
    <row r="103055" spans="14:14">
      <c r="N103055" s="10"/>
    </row>
    <row r="103056" spans="14:14">
      <c r="N103056" s="10"/>
    </row>
    <row r="103057" spans="14:14">
      <c r="N103057" s="10"/>
    </row>
    <row r="103058" spans="14:14">
      <c r="N103058" s="10"/>
    </row>
    <row r="103059" spans="14:14">
      <c r="N103059" s="10"/>
    </row>
    <row r="103060" spans="14:14">
      <c r="N103060" s="10"/>
    </row>
    <row r="103061" spans="14:14">
      <c r="N103061" s="10"/>
    </row>
    <row r="103062" spans="14:14">
      <c r="N103062" s="10"/>
    </row>
    <row r="103063" spans="14:14">
      <c r="N103063" s="10"/>
    </row>
    <row r="103064" spans="14:14">
      <c r="N103064" s="10"/>
    </row>
    <row r="103065" spans="14:14">
      <c r="N103065" s="10"/>
    </row>
    <row r="103066" spans="14:14">
      <c r="N103066" s="10"/>
    </row>
    <row r="103067" spans="14:14">
      <c r="N103067" s="10"/>
    </row>
    <row r="103068" spans="14:14">
      <c r="N103068" s="10"/>
    </row>
    <row r="103069" spans="14:14">
      <c r="N103069" s="10"/>
    </row>
    <row r="103070" spans="14:14">
      <c r="N103070" s="10"/>
    </row>
    <row r="103071" spans="14:14">
      <c r="N103071" s="10"/>
    </row>
    <row r="103072" spans="14:14">
      <c r="N103072" s="10"/>
    </row>
    <row r="103073" spans="14:14">
      <c r="N103073" s="10"/>
    </row>
    <row r="103074" spans="14:14">
      <c r="N103074" s="10"/>
    </row>
    <row r="103075" spans="14:14">
      <c r="N103075" s="10"/>
    </row>
    <row r="103076" spans="14:14">
      <c r="N103076" s="10"/>
    </row>
    <row r="103077" spans="14:14">
      <c r="N103077" s="10"/>
    </row>
    <row r="103078" spans="14:14">
      <c r="N103078" s="10"/>
    </row>
    <row r="103079" spans="14:14">
      <c r="N103079" s="10"/>
    </row>
    <row r="103080" spans="14:14">
      <c r="N103080" s="10"/>
    </row>
    <row r="103081" spans="14:14">
      <c r="N103081" s="10"/>
    </row>
    <row r="103082" spans="14:14">
      <c r="N103082" s="10"/>
    </row>
    <row r="103083" spans="14:14">
      <c r="N103083" s="10"/>
    </row>
    <row r="103084" spans="14:14">
      <c r="N103084" s="10"/>
    </row>
    <row r="103085" spans="14:14">
      <c r="N103085" s="10"/>
    </row>
    <row r="103086" spans="14:14">
      <c r="N103086" s="10"/>
    </row>
    <row r="103087" spans="14:14">
      <c r="N103087" s="10"/>
    </row>
    <row r="103088" spans="14:14">
      <c r="N103088" s="10"/>
    </row>
    <row r="103089" spans="14:14">
      <c r="N103089" s="10"/>
    </row>
    <row r="103090" spans="14:14">
      <c r="N103090" s="10"/>
    </row>
    <row r="103091" spans="14:14">
      <c r="N103091" s="10"/>
    </row>
    <row r="103092" spans="14:14">
      <c r="N103092" s="10"/>
    </row>
    <row r="103093" spans="14:14">
      <c r="N103093" s="10"/>
    </row>
    <row r="103094" spans="14:14">
      <c r="N103094" s="10"/>
    </row>
    <row r="103095" spans="14:14">
      <c r="N103095" s="10"/>
    </row>
    <row r="103096" spans="14:14">
      <c r="N103096" s="10"/>
    </row>
    <row r="103097" spans="14:14">
      <c r="N103097" s="10"/>
    </row>
    <row r="103098" spans="14:14">
      <c r="N103098" s="10"/>
    </row>
    <row r="103099" spans="14:14">
      <c r="N103099" s="10"/>
    </row>
    <row r="103100" spans="14:14">
      <c r="N103100" s="10"/>
    </row>
    <row r="103101" spans="14:14">
      <c r="N103101" s="10"/>
    </row>
    <row r="103102" spans="14:14">
      <c r="N103102" s="10"/>
    </row>
    <row r="103103" spans="14:14">
      <c r="N103103" s="10"/>
    </row>
    <row r="103104" spans="14:14">
      <c r="N103104" s="10"/>
    </row>
    <row r="103105" spans="14:14">
      <c r="N103105" s="10"/>
    </row>
    <row r="103106" spans="14:14">
      <c r="N103106" s="10"/>
    </row>
    <row r="103107" spans="14:14">
      <c r="N103107" s="10"/>
    </row>
    <row r="103108" spans="14:14">
      <c r="N103108" s="10"/>
    </row>
    <row r="103109" spans="14:14">
      <c r="N103109" s="10"/>
    </row>
    <row r="103110" spans="14:14">
      <c r="N103110" s="10"/>
    </row>
    <row r="103111" spans="14:14">
      <c r="N103111" s="10"/>
    </row>
    <row r="103112" spans="14:14">
      <c r="N103112" s="10"/>
    </row>
    <row r="103113" spans="14:14">
      <c r="N103113" s="10"/>
    </row>
    <row r="103114" spans="14:14">
      <c r="N103114" s="10"/>
    </row>
    <row r="103115" spans="14:14">
      <c r="N103115" s="10"/>
    </row>
    <row r="103116" spans="14:14">
      <c r="N103116" s="10"/>
    </row>
    <row r="103117" spans="14:14">
      <c r="N103117" s="10"/>
    </row>
    <row r="103118" spans="14:14">
      <c r="N103118" s="10"/>
    </row>
    <row r="103119" spans="14:14">
      <c r="N103119" s="10"/>
    </row>
    <row r="103120" spans="14:14">
      <c r="N103120" s="10"/>
    </row>
    <row r="103121" spans="14:14">
      <c r="N103121" s="10"/>
    </row>
    <row r="103122" spans="14:14">
      <c r="N103122" s="10"/>
    </row>
    <row r="103123" spans="14:14">
      <c r="N103123" s="10"/>
    </row>
    <row r="103124" spans="14:14">
      <c r="N103124" s="10"/>
    </row>
    <row r="103125" spans="14:14">
      <c r="N103125" s="10"/>
    </row>
    <row r="103126" spans="14:14">
      <c r="N103126" s="10"/>
    </row>
    <row r="103127" spans="14:14">
      <c r="N103127" s="10"/>
    </row>
    <row r="103128" spans="14:14">
      <c r="N103128" s="10"/>
    </row>
    <row r="103129" spans="14:14">
      <c r="N103129" s="10"/>
    </row>
    <row r="103130" spans="14:14">
      <c r="N103130" s="10"/>
    </row>
    <row r="103131" spans="14:14">
      <c r="N103131" s="10"/>
    </row>
    <row r="103132" spans="14:14">
      <c r="N103132" s="10"/>
    </row>
    <row r="103133" spans="14:14">
      <c r="N103133" s="10"/>
    </row>
    <row r="103134" spans="14:14">
      <c r="N103134" s="10"/>
    </row>
    <row r="103135" spans="14:14">
      <c r="N103135" s="10"/>
    </row>
    <row r="103136" spans="14:14">
      <c r="N103136" s="10"/>
    </row>
    <row r="103137" spans="14:14">
      <c r="N103137" s="10"/>
    </row>
    <row r="103138" spans="14:14">
      <c r="N103138" s="10"/>
    </row>
    <row r="103139" spans="14:14">
      <c r="N103139" s="10"/>
    </row>
    <row r="103140" spans="14:14">
      <c r="N103140" s="10"/>
    </row>
    <row r="103141" spans="14:14">
      <c r="N103141" s="10"/>
    </row>
    <row r="103142" spans="14:14">
      <c r="N103142" s="10"/>
    </row>
    <row r="103143" spans="14:14">
      <c r="N103143" s="10"/>
    </row>
    <row r="103144" spans="14:14">
      <c r="N103144" s="10"/>
    </row>
    <row r="103145" spans="14:14">
      <c r="N103145" s="10"/>
    </row>
    <row r="103146" spans="14:14">
      <c r="N103146" s="10"/>
    </row>
    <row r="103147" spans="14:14">
      <c r="N103147" s="10"/>
    </row>
    <row r="103148" spans="14:14">
      <c r="N103148" s="10"/>
    </row>
    <row r="103149" spans="14:14">
      <c r="N103149" s="10"/>
    </row>
    <row r="103150" spans="14:14">
      <c r="N103150" s="10"/>
    </row>
    <row r="103151" spans="14:14">
      <c r="N103151" s="10"/>
    </row>
    <row r="103152" spans="14:14">
      <c r="N103152" s="10"/>
    </row>
    <row r="103153" spans="14:14">
      <c r="N103153" s="10"/>
    </row>
    <row r="103154" spans="14:14">
      <c r="N103154" s="10"/>
    </row>
    <row r="103155" spans="14:14">
      <c r="N103155" s="10"/>
    </row>
    <row r="103156" spans="14:14">
      <c r="N103156" s="10"/>
    </row>
    <row r="103157" spans="14:14">
      <c r="N103157" s="10"/>
    </row>
    <row r="103158" spans="14:14">
      <c r="N103158" s="10"/>
    </row>
    <row r="103159" spans="14:14">
      <c r="N103159" s="10"/>
    </row>
    <row r="103160" spans="14:14">
      <c r="N103160" s="10"/>
    </row>
    <row r="103161" spans="14:14">
      <c r="N103161" s="10"/>
    </row>
    <row r="103162" spans="14:14">
      <c r="N103162" s="10"/>
    </row>
    <row r="103163" spans="14:14">
      <c r="N103163" s="10"/>
    </row>
    <row r="103164" spans="14:14">
      <c r="N103164" s="10"/>
    </row>
    <row r="103165" spans="14:14">
      <c r="N103165" s="10"/>
    </row>
    <row r="103166" spans="14:14">
      <c r="N103166" s="10"/>
    </row>
    <row r="103167" spans="14:14">
      <c r="N103167" s="10"/>
    </row>
    <row r="103168" spans="14:14">
      <c r="N103168" s="10"/>
    </row>
    <row r="103169" spans="14:14">
      <c r="N103169" s="10"/>
    </row>
    <row r="103170" spans="14:14">
      <c r="N103170" s="10"/>
    </row>
    <row r="103171" spans="14:14">
      <c r="N103171" s="10"/>
    </row>
    <row r="103172" spans="14:14">
      <c r="N103172" s="10"/>
    </row>
    <row r="103173" spans="14:14">
      <c r="N103173" s="10"/>
    </row>
    <row r="103174" spans="14:14">
      <c r="N103174" s="10"/>
    </row>
    <row r="103175" spans="14:14">
      <c r="N103175" s="10"/>
    </row>
    <row r="103176" spans="14:14">
      <c r="N103176" s="10"/>
    </row>
    <row r="103177" spans="14:14">
      <c r="N103177" s="10"/>
    </row>
    <row r="103178" spans="14:14">
      <c r="N103178" s="10"/>
    </row>
    <row r="103179" spans="14:14">
      <c r="N103179" s="10"/>
    </row>
    <row r="103180" spans="14:14">
      <c r="N103180" s="10"/>
    </row>
    <row r="103181" spans="14:14">
      <c r="N103181" s="10"/>
    </row>
    <row r="103182" spans="14:14">
      <c r="N103182" s="10"/>
    </row>
    <row r="103183" spans="14:14">
      <c r="N103183" s="10"/>
    </row>
    <row r="103184" spans="14:14">
      <c r="N103184" s="10"/>
    </row>
    <row r="103185" spans="14:14">
      <c r="N103185" s="10"/>
    </row>
    <row r="103186" spans="14:14">
      <c r="N103186" s="10"/>
    </row>
    <row r="103187" spans="14:14">
      <c r="N103187" s="10"/>
    </row>
    <row r="103188" spans="14:14">
      <c r="N103188" s="10"/>
    </row>
    <row r="103189" spans="14:14">
      <c r="N103189" s="10"/>
    </row>
    <row r="103190" spans="14:14">
      <c r="N103190" s="10"/>
    </row>
    <row r="103191" spans="14:14">
      <c r="N103191" s="10"/>
    </row>
    <row r="103192" spans="14:14">
      <c r="N103192" s="10"/>
    </row>
    <row r="103193" spans="14:14">
      <c r="N103193" s="10"/>
    </row>
    <row r="103194" spans="14:14">
      <c r="N103194" s="10"/>
    </row>
    <row r="103195" spans="14:14">
      <c r="N103195" s="10"/>
    </row>
    <row r="103196" spans="14:14">
      <c r="N103196" s="10"/>
    </row>
    <row r="103197" spans="14:14">
      <c r="N103197" s="10"/>
    </row>
    <row r="103198" spans="14:14">
      <c r="N103198" s="10"/>
    </row>
    <row r="103199" spans="14:14">
      <c r="N103199" s="10"/>
    </row>
    <row r="103200" spans="14:14">
      <c r="N103200" s="10"/>
    </row>
    <row r="103201" spans="14:14">
      <c r="N103201" s="10"/>
    </row>
    <row r="103202" spans="14:14">
      <c r="N103202" s="10"/>
    </row>
    <row r="103203" spans="14:14">
      <c r="N103203" s="10"/>
    </row>
    <row r="103204" spans="14:14">
      <c r="N103204" s="10"/>
    </row>
    <row r="103205" spans="14:14">
      <c r="N103205" s="10"/>
    </row>
    <row r="103206" spans="14:14">
      <c r="N103206" s="10"/>
    </row>
    <row r="103207" spans="14:14">
      <c r="N103207" s="10"/>
    </row>
    <row r="103208" spans="14:14">
      <c r="N103208" s="10"/>
    </row>
    <row r="103209" spans="14:14">
      <c r="N103209" s="10"/>
    </row>
    <row r="103210" spans="14:14">
      <c r="N103210" s="10"/>
    </row>
    <row r="103211" spans="14:14">
      <c r="N103211" s="10"/>
    </row>
    <row r="103212" spans="14:14">
      <c r="N103212" s="10"/>
    </row>
    <row r="103213" spans="14:14">
      <c r="N103213" s="10"/>
    </row>
    <row r="103214" spans="14:14">
      <c r="N103214" s="10"/>
    </row>
    <row r="103215" spans="14:14">
      <c r="N103215" s="10"/>
    </row>
    <row r="103216" spans="14:14">
      <c r="N103216" s="10"/>
    </row>
    <row r="103217" spans="14:14">
      <c r="N103217" s="10"/>
    </row>
    <row r="103218" spans="14:14">
      <c r="N103218" s="10"/>
    </row>
    <row r="103219" spans="14:14">
      <c r="N103219" s="10"/>
    </row>
    <row r="103220" spans="14:14">
      <c r="N103220" s="10"/>
    </row>
    <row r="103221" spans="14:14">
      <c r="N103221" s="10"/>
    </row>
    <row r="103222" spans="14:14">
      <c r="N103222" s="10"/>
    </row>
    <row r="103223" spans="14:14">
      <c r="N103223" s="10"/>
    </row>
    <row r="103224" spans="14:14">
      <c r="N103224" s="10"/>
    </row>
    <row r="103225" spans="14:14">
      <c r="N103225" s="10"/>
    </row>
    <row r="103226" spans="14:14">
      <c r="N103226" s="10"/>
    </row>
    <row r="103227" spans="14:14">
      <c r="N103227" s="10"/>
    </row>
    <row r="103228" spans="14:14">
      <c r="N103228" s="10"/>
    </row>
    <row r="103229" spans="14:14">
      <c r="N103229" s="10"/>
    </row>
    <row r="103230" spans="14:14">
      <c r="N103230" s="10"/>
    </row>
    <row r="103231" spans="14:14">
      <c r="N103231" s="10"/>
    </row>
    <row r="103232" spans="14:14">
      <c r="N103232" s="10"/>
    </row>
    <row r="103233" spans="14:14">
      <c r="N103233" s="10"/>
    </row>
    <row r="103234" spans="14:14">
      <c r="N103234" s="10"/>
    </row>
    <row r="103235" spans="14:14">
      <c r="N103235" s="10"/>
    </row>
    <row r="103236" spans="14:14">
      <c r="N103236" s="10"/>
    </row>
    <row r="103237" spans="14:14">
      <c r="N103237" s="10"/>
    </row>
    <row r="103238" spans="14:14">
      <c r="N103238" s="10"/>
    </row>
    <row r="103239" spans="14:14">
      <c r="N103239" s="10"/>
    </row>
    <row r="103240" spans="14:14">
      <c r="N103240" s="10"/>
    </row>
    <row r="103241" spans="14:14">
      <c r="N103241" s="10"/>
    </row>
    <row r="103242" spans="14:14">
      <c r="N103242" s="10"/>
    </row>
    <row r="103243" spans="14:14">
      <c r="N103243" s="10"/>
    </row>
    <row r="103244" spans="14:14">
      <c r="N103244" s="10"/>
    </row>
    <row r="103245" spans="14:14">
      <c r="N103245" s="10"/>
    </row>
    <row r="103246" spans="14:14">
      <c r="N103246" s="10"/>
    </row>
    <row r="103247" spans="14:14">
      <c r="N103247" s="10"/>
    </row>
    <row r="103248" spans="14:14">
      <c r="N103248" s="10"/>
    </row>
    <row r="103249" spans="14:14">
      <c r="N103249" s="10"/>
    </row>
    <row r="103250" spans="14:14">
      <c r="N103250" s="10"/>
    </row>
    <row r="103251" spans="14:14">
      <c r="N103251" s="10"/>
    </row>
    <row r="103252" spans="14:14">
      <c r="N103252" s="10"/>
    </row>
    <row r="103253" spans="14:14">
      <c r="N103253" s="10"/>
    </row>
    <row r="103254" spans="14:14">
      <c r="N103254" s="10"/>
    </row>
    <row r="103255" spans="14:14">
      <c r="N103255" s="10"/>
    </row>
    <row r="103256" spans="14:14">
      <c r="N103256" s="10"/>
    </row>
    <row r="103257" spans="14:14">
      <c r="N103257" s="10"/>
    </row>
    <row r="103258" spans="14:14">
      <c r="N103258" s="10"/>
    </row>
    <row r="103259" spans="14:14">
      <c r="N103259" s="10"/>
    </row>
    <row r="103260" spans="14:14">
      <c r="N103260" s="10"/>
    </row>
    <row r="103261" spans="14:14">
      <c r="N103261" s="10"/>
    </row>
    <row r="103262" spans="14:14">
      <c r="N103262" s="10"/>
    </row>
    <row r="103263" spans="14:14">
      <c r="N103263" s="10"/>
    </row>
    <row r="103264" spans="14:14">
      <c r="N103264" s="10"/>
    </row>
    <row r="103265" spans="14:14">
      <c r="N103265" s="10"/>
    </row>
    <row r="103266" spans="14:14">
      <c r="N103266" s="10"/>
    </row>
    <row r="103267" spans="14:14">
      <c r="N103267" s="10"/>
    </row>
    <row r="103268" spans="14:14">
      <c r="N103268" s="10"/>
    </row>
    <row r="103269" spans="14:14">
      <c r="N103269" s="10"/>
    </row>
    <row r="103270" spans="14:14">
      <c r="N103270" s="10"/>
    </row>
    <row r="103271" spans="14:14">
      <c r="N103271" s="10"/>
    </row>
    <row r="103272" spans="14:14">
      <c r="N103272" s="10"/>
    </row>
    <row r="103273" spans="14:14">
      <c r="N103273" s="10"/>
    </row>
    <row r="103274" spans="14:14">
      <c r="N103274" s="10"/>
    </row>
    <row r="103275" spans="14:14">
      <c r="N103275" s="10"/>
    </row>
    <row r="103276" spans="14:14">
      <c r="N103276" s="10"/>
    </row>
    <row r="103277" spans="14:14">
      <c r="N103277" s="10"/>
    </row>
    <row r="103278" spans="14:14">
      <c r="N103278" s="10"/>
    </row>
    <row r="103279" spans="14:14">
      <c r="N103279" s="10"/>
    </row>
    <row r="103280" spans="14:14">
      <c r="N103280" s="10"/>
    </row>
    <row r="103281" spans="14:14">
      <c r="N103281" s="10"/>
    </row>
    <row r="103282" spans="14:14">
      <c r="N103282" s="10"/>
    </row>
    <row r="103283" spans="14:14">
      <c r="N103283" s="10"/>
    </row>
    <row r="103284" spans="14:14">
      <c r="N103284" s="10"/>
    </row>
    <row r="103285" spans="14:14">
      <c r="N103285" s="10"/>
    </row>
    <row r="103286" spans="14:14">
      <c r="N103286" s="10"/>
    </row>
    <row r="103287" spans="14:14">
      <c r="N103287" s="10"/>
    </row>
    <row r="103288" spans="14:14">
      <c r="N103288" s="10"/>
    </row>
    <row r="103289" spans="14:14">
      <c r="N103289" s="10"/>
    </row>
    <row r="103290" spans="14:14">
      <c r="N103290" s="10"/>
    </row>
    <row r="103291" spans="14:14">
      <c r="N103291" s="10"/>
    </row>
    <row r="103292" spans="14:14">
      <c r="N103292" s="10"/>
    </row>
    <row r="103293" spans="14:14">
      <c r="N103293" s="10"/>
    </row>
    <row r="103294" spans="14:14">
      <c r="N103294" s="10"/>
    </row>
    <row r="103295" spans="14:14">
      <c r="N103295" s="10"/>
    </row>
    <row r="103296" spans="14:14">
      <c r="N103296" s="10"/>
    </row>
    <row r="103297" spans="14:14">
      <c r="N103297" s="10"/>
    </row>
    <row r="103298" spans="14:14">
      <c r="N103298" s="10"/>
    </row>
    <row r="103299" spans="14:14">
      <c r="N103299" s="10"/>
    </row>
    <row r="103300" spans="14:14">
      <c r="N103300" s="10"/>
    </row>
    <row r="103301" spans="14:14">
      <c r="N103301" s="10"/>
    </row>
    <row r="103302" spans="14:14">
      <c r="N103302" s="10"/>
    </row>
    <row r="103303" spans="14:14">
      <c r="N103303" s="10"/>
    </row>
    <row r="103304" spans="14:14">
      <c r="N103304" s="10"/>
    </row>
    <row r="103305" spans="14:14">
      <c r="N103305" s="10"/>
    </row>
    <row r="103306" spans="14:14">
      <c r="N103306" s="10"/>
    </row>
    <row r="103307" spans="14:14">
      <c r="N103307" s="10"/>
    </row>
    <row r="103308" spans="14:14">
      <c r="N103308" s="10"/>
    </row>
    <row r="103309" spans="14:14">
      <c r="N103309" s="10"/>
    </row>
    <row r="103310" spans="14:14">
      <c r="N103310" s="10"/>
    </row>
    <row r="103311" spans="14:14">
      <c r="N103311" s="10"/>
    </row>
    <row r="103312" spans="14:14">
      <c r="N103312" s="10"/>
    </row>
    <row r="103313" spans="14:14">
      <c r="N103313" s="10"/>
    </row>
    <row r="103314" spans="14:14">
      <c r="N103314" s="10"/>
    </row>
    <row r="103315" spans="14:14">
      <c r="N103315" s="10"/>
    </row>
    <row r="103316" spans="14:14">
      <c r="N103316" s="10"/>
    </row>
    <row r="103317" spans="14:14">
      <c r="N103317" s="10"/>
    </row>
    <row r="103318" spans="14:14">
      <c r="N103318" s="10"/>
    </row>
    <row r="103319" spans="14:14">
      <c r="N103319" s="10"/>
    </row>
    <row r="103320" spans="14:14">
      <c r="N103320" s="10"/>
    </row>
    <row r="103321" spans="14:14">
      <c r="N103321" s="10"/>
    </row>
    <row r="103322" spans="14:14">
      <c r="N103322" s="10"/>
    </row>
    <row r="103323" spans="14:14">
      <c r="N103323" s="10"/>
    </row>
    <row r="103324" spans="14:14">
      <c r="N103324" s="10"/>
    </row>
    <row r="103325" spans="14:14">
      <c r="N103325" s="10"/>
    </row>
    <row r="103326" spans="14:14">
      <c r="N103326" s="10"/>
    </row>
    <row r="103327" spans="14:14">
      <c r="N103327" s="10"/>
    </row>
    <row r="103328" spans="14:14">
      <c r="N103328" s="10"/>
    </row>
    <row r="103329" spans="14:14">
      <c r="N103329" s="10"/>
    </row>
    <row r="103330" spans="14:14">
      <c r="N103330" s="10"/>
    </row>
    <row r="103331" spans="14:14">
      <c r="N103331" s="10"/>
    </row>
    <row r="103332" spans="14:14">
      <c r="N103332" s="10"/>
    </row>
    <row r="103333" spans="14:14">
      <c r="N103333" s="10"/>
    </row>
    <row r="103334" spans="14:14">
      <c r="N103334" s="10"/>
    </row>
    <row r="103335" spans="14:14">
      <c r="N103335" s="10"/>
    </row>
    <row r="103336" spans="14:14">
      <c r="N103336" s="10"/>
    </row>
    <row r="103337" spans="14:14">
      <c r="N103337" s="10"/>
    </row>
    <row r="103338" spans="14:14">
      <c r="N103338" s="10"/>
    </row>
    <row r="103339" spans="14:14">
      <c r="N103339" s="10"/>
    </row>
    <row r="103340" spans="14:14">
      <c r="N103340" s="10"/>
    </row>
    <row r="103341" spans="14:14">
      <c r="N103341" s="10"/>
    </row>
    <row r="103342" spans="14:14">
      <c r="N103342" s="10"/>
    </row>
    <row r="103343" spans="14:14">
      <c r="N103343" s="10"/>
    </row>
    <row r="103344" spans="14:14">
      <c r="N103344" s="10"/>
    </row>
    <row r="103345" spans="14:14">
      <c r="N103345" s="10"/>
    </row>
    <row r="103346" spans="14:14">
      <c r="N103346" s="10"/>
    </row>
    <row r="103347" spans="14:14">
      <c r="N103347" s="10"/>
    </row>
    <row r="103348" spans="14:14">
      <c r="N103348" s="10"/>
    </row>
    <row r="103349" spans="14:14">
      <c r="N103349" s="10"/>
    </row>
    <row r="103350" spans="14:14">
      <c r="N103350" s="10"/>
    </row>
    <row r="103351" spans="14:14">
      <c r="N103351" s="10"/>
    </row>
    <row r="103352" spans="14:14">
      <c r="N103352" s="10"/>
    </row>
    <row r="103353" spans="14:14">
      <c r="N103353" s="10"/>
    </row>
    <row r="103354" spans="14:14">
      <c r="N103354" s="10"/>
    </row>
    <row r="103355" spans="14:14">
      <c r="N103355" s="10"/>
    </row>
    <row r="103356" spans="14:14">
      <c r="N103356" s="10"/>
    </row>
    <row r="103357" spans="14:14">
      <c r="N103357" s="10"/>
    </row>
    <row r="103358" spans="14:14">
      <c r="N103358" s="10"/>
    </row>
    <row r="103359" spans="14:14">
      <c r="N103359" s="10"/>
    </row>
    <row r="103360" spans="14:14">
      <c r="N103360" s="10"/>
    </row>
    <row r="103361" spans="14:14">
      <c r="N103361" s="10"/>
    </row>
    <row r="103362" spans="14:14">
      <c r="N103362" s="10"/>
    </row>
    <row r="103363" spans="14:14">
      <c r="N103363" s="10"/>
    </row>
    <row r="103364" spans="14:14">
      <c r="N103364" s="10"/>
    </row>
    <row r="103365" spans="14:14">
      <c r="N103365" s="10"/>
    </row>
    <row r="103366" spans="14:14">
      <c r="N103366" s="10"/>
    </row>
    <row r="103367" spans="14:14">
      <c r="N103367" s="10"/>
    </row>
    <row r="103368" spans="14:14">
      <c r="N103368" s="10"/>
    </row>
    <row r="103369" spans="14:14">
      <c r="N103369" s="10"/>
    </row>
    <row r="103370" spans="14:14">
      <c r="N103370" s="10"/>
    </row>
    <row r="103371" spans="14:14">
      <c r="N103371" s="10"/>
    </row>
    <row r="103372" spans="14:14">
      <c r="N103372" s="10"/>
    </row>
    <row r="103373" spans="14:14">
      <c r="N103373" s="10"/>
    </row>
    <row r="103374" spans="14:14">
      <c r="N103374" s="10"/>
    </row>
    <row r="103375" spans="14:14">
      <c r="N103375" s="10"/>
    </row>
    <row r="103376" spans="14:14">
      <c r="N103376" s="10"/>
    </row>
    <row r="103377" spans="14:14">
      <c r="N103377" s="10"/>
    </row>
    <row r="103378" spans="14:14">
      <c r="N103378" s="10"/>
    </row>
    <row r="103379" spans="14:14">
      <c r="N103379" s="10"/>
    </row>
    <row r="103380" spans="14:14">
      <c r="N103380" s="10"/>
    </row>
    <row r="103381" spans="14:14">
      <c r="N103381" s="10"/>
    </row>
    <row r="103382" spans="14:14">
      <c r="N103382" s="10"/>
    </row>
    <row r="103383" spans="14:14">
      <c r="N103383" s="10"/>
    </row>
    <row r="103384" spans="14:14">
      <c r="N103384" s="10"/>
    </row>
    <row r="103385" spans="14:14">
      <c r="N103385" s="10"/>
    </row>
    <row r="103386" spans="14:14">
      <c r="N103386" s="10"/>
    </row>
    <row r="103387" spans="14:14">
      <c r="N103387" s="10"/>
    </row>
    <row r="103388" spans="14:14">
      <c r="N103388" s="10"/>
    </row>
    <row r="103389" spans="14:14">
      <c r="N103389" s="10"/>
    </row>
    <row r="103390" spans="14:14">
      <c r="N103390" s="10"/>
    </row>
    <row r="103391" spans="14:14">
      <c r="N103391" s="10"/>
    </row>
    <row r="103392" spans="14:14">
      <c r="N103392" s="10"/>
    </row>
    <row r="103393" spans="14:14">
      <c r="N103393" s="10"/>
    </row>
    <row r="103394" spans="14:14">
      <c r="N103394" s="10"/>
    </row>
    <row r="103395" spans="14:14">
      <c r="N103395" s="10"/>
    </row>
    <row r="103396" spans="14:14">
      <c r="N103396" s="10"/>
    </row>
    <row r="103397" spans="14:14">
      <c r="N103397" s="10"/>
    </row>
    <row r="103398" spans="14:14">
      <c r="N103398" s="10"/>
    </row>
    <row r="103399" spans="14:14">
      <c r="N103399" s="10"/>
    </row>
    <row r="103400" spans="14:14">
      <c r="N103400" s="10"/>
    </row>
    <row r="103401" spans="14:14">
      <c r="N103401" s="10"/>
    </row>
    <row r="103402" spans="14:14">
      <c r="N103402" s="10"/>
    </row>
    <row r="103403" spans="14:14">
      <c r="N103403" s="10"/>
    </row>
    <row r="103404" spans="14:14">
      <c r="N103404" s="10"/>
    </row>
    <row r="103405" spans="14:14">
      <c r="N103405" s="10"/>
    </row>
    <row r="103406" spans="14:14">
      <c r="N103406" s="10"/>
    </row>
    <row r="103407" spans="14:14">
      <c r="N103407" s="10"/>
    </row>
    <row r="103408" spans="14:14">
      <c r="N103408" s="10"/>
    </row>
    <row r="103409" spans="14:14">
      <c r="N103409" s="10"/>
    </row>
    <row r="103410" spans="14:14">
      <c r="N103410" s="10"/>
    </row>
    <row r="103411" spans="14:14">
      <c r="N103411" s="10"/>
    </row>
    <row r="103412" spans="14:14">
      <c r="N103412" s="10"/>
    </row>
    <row r="103413" spans="14:14">
      <c r="N103413" s="10"/>
    </row>
    <row r="103414" spans="14:14">
      <c r="N103414" s="10"/>
    </row>
    <row r="103415" spans="14:14">
      <c r="N103415" s="10"/>
    </row>
    <row r="103416" spans="14:14">
      <c r="N103416" s="10"/>
    </row>
    <row r="103417" spans="14:14">
      <c r="N103417" s="10"/>
    </row>
    <row r="103418" spans="14:14">
      <c r="N103418" s="10"/>
    </row>
    <row r="103419" spans="14:14">
      <c r="N103419" s="10"/>
    </row>
    <row r="103420" spans="14:14">
      <c r="N103420" s="10"/>
    </row>
    <row r="103421" spans="14:14">
      <c r="N103421" s="10"/>
    </row>
    <row r="103422" spans="14:14">
      <c r="N103422" s="10"/>
    </row>
    <row r="103423" spans="14:14">
      <c r="N103423" s="10"/>
    </row>
    <row r="103424" spans="14:14">
      <c r="N103424" s="10"/>
    </row>
    <row r="103425" spans="14:14">
      <c r="N103425" s="10"/>
    </row>
    <row r="103426" spans="14:14">
      <c r="N103426" s="10"/>
    </row>
    <row r="103427" spans="14:14">
      <c r="N103427" s="10"/>
    </row>
    <row r="103428" spans="14:14">
      <c r="N103428" s="10"/>
    </row>
    <row r="103429" spans="14:14">
      <c r="N103429" s="10"/>
    </row>
    <row r="103430" spans="14:14">
      <c r="N103430" s="10"/>
    </row>
    <row r="103431" spans="14:14">
      <c r="N103431" s="10"/>
    </row>
    <row r="103432" spans="14:14">
      <c r="N103432" s="10"/>
    </row>
    <row r="103433" spans="14:14">
      <c r="N103433" s="10"/>
    </row>
    <row r="103434" spans="14:14">
      <c r="N103434" s="10"/>
    </row>
    <row r="103435" spans="14:14">
      <c r="N103435" s="10"/>
    </row>
    <row r="103436" spans="14:14">
      <c r="N103436" s="10"/>
    </row>
    <row r="103437" spans="14:14">
      <c r="N103437" s="10"/>
    </row>
    <row r="103438" spans="14:14">
      <c r="N103438" s="10"/>
    </row>
    <row r="103439" spans="14:14">
      <c r="N103439" s="10"/>
    </row>
    <row r="103440" spans="14:14">
      <c r="N103440" s="10"/>
    </row>
    <row r="103441" spans="14:14">
      <c r="N103441" s="10"/>
    </row>
    <row r="103442" spans="14:14">
      <c r="N103442" s="10"/>
    </row>
    <row r="103443" spans="14:14">
      <c r="N103443" s="10"/>
    </row>
    <row r="103444" spans="14:14">
      <c r="N103444" s="10"/>
    </row>
    <row r="103445" spans="14:14">
      <c r="N103445" s="10"/>
    </row>
    <row r="103446" spans="14:14">
      <c r="N103446" s="10"/>
    </row>
    <row r="103447" spans="14:14">
      <c r="N103447" s="10"/>
    </row>
    <row r="103448" spans="14:14">
      <c r="N103448" s="10"/>
    </row>
    <row r="103449" spans="14:14">
      <c r="N103449" s="10"/>
    </row>
    <row r="103450" spans="14:14">
      <c r="N103450" s="10"/>
    </row>
    <row r="103451" spans="14:14">
      <c r="N103451" s="10"/>
    </row>
    <row r="103452" spans="14:14">
      <c r="N103452" s="10"/>
    </row>
    <row r="103453" spans="14:14">
      <c r="N103453" s="10"/>
    </row>
    <row r="103454" spans="14:14">
      <c r="N103454" s="10"/>
    </row>
    <row r="103455" spans="14:14">
      <c r="N103455" s="10"/>
    </row>
    <row r="103456" spans="14:14">
      <c r="N103456" s="10"/>
    </row>
    <row r="103457" spans="14:14">
      <c r="N103457" s="10"/>
    </row>
    <row r="103458" spans="14:14">
      <c r="N103458" s="10"/>
    </row>
    <row r="103459" spans="14:14">
      <c r="N103459" s="10"/>
    </row>
    <row r="103460" spans="14:14">
      <c r="N103460" s="10"/>
    </row>
    <row r="103461" spans="14:14">
      <c r="N103461" s="10"/>
    </row>
    <row r="103462" spans="14:14">
      <c r="N103462" s="10"/>
    </row>
    <row r="103463" spans="14:14">
      <c r="N103463" s="10"/>
    </row>
    <row r="103464" spans="14:14">
      <c r="N103464" s="10"/>
    </row>
    <row r="103465" spans="14:14">
      <c r="N103465" s="10"/>
    </row>
    <row r="103466" spans="14:14">
      <c r="N103466" s="10"/>
    </row>
    <row r="103467" spans="14:14">
      <c r="N103467" s="10"/>
    </row>
    <row r="103468" spans="14:14">
      <c r="N103468" s="10"/>
    </row>
    <row r="103469" spans="14:14">
      <c r="N103469" s="10"/>
    </row>
    <row r="103470" spans="14:14">
      <c r="N103470" s="10"/>
    </row>
    <row r="103471" spans="14:14">
      <c r="N103471" s="10"/>
    </row>
    <row r="103472" spans="14:14">
      <c r="N103472" s="10"/>
    </row>
    <row r="103473" spans="14:14">
      <c r="N103473" s="10"/>
    </row>
    <row r="103474" spans="14:14">
      <c r="N103474" s="10"/>
    </row>
    <row r="103475" spans="14:14">
      <c r="N103475" s="10"/>
    </row>
    <row r="103476" spans="14:14">
      <c r="N103476" s="10"/>
    </row>
    <row r="103477" spans="14:14">
      <c r="N103477" s="10"/>
    </row>
    <row r="103478" spans="14:14">
      <c r="N103478" s="10"/>
    </row>
    <row r="103479" spans="14:14">
      <c r="N103479" s="10"/>
    </row>
    <row r="103480" spans="14:14">
      <c r="N103480" s="10"/>
    </row>
    <row r="103481" spans="14:14">
      <c r="N103481" s="10"/>
    </row>
    <row r="103482" spans="14:14">
      <c r="N103482" s="10"/>
    </row>
    <row r="103483" spans="14:14">
      <c r="N103483" s="10"/>
    </row>
    <row r="103484" spans="14:14">
      <c r="N103484" s="10"/>
    </row>
    <row r="103485" spans="14:14">
      <c r="N103485" s="10"/>
    </row>
    <row r="103486" spans="14:14">
      <c r="N103486" s="10"/>
    </row>
    <row r="103487" spans="14:14">
      <c r="N103487" s="10"/>
    </row>
    <row r="103488" spans="14:14">
      <c r="N103488" s="10"/>
    </row>
    <row r="103489" spans="14:14">
      <c r="N103489" s="10"/>
    </row>
    <row r="103490" spans="14:14">
      <c r="N103490" s="10"/>
    </row>
    <row r="103491" spans="14:14">
      <c r="N103491" s="10"/>
    </row>
    <row r="103492" spans="14:14">
      <c r="N103492" s="10"/>
    </row>
    <row r="103493" spans="14:14">
      <c r="N103493" s="10"/>
    </row>
    <row r="103494" spans="14:14">
      <c r="N103494" s="10"/>
    </row>
    <row r="103495" spans="14:14">
      <c r="N103495" s="10"/>
    </row>
    <row r="103496" spans="14:14">
      <c r="N103496" s="10"/>
    </row>
    <row r="103497" spans="14:14">
      <c r="N103497" s="10"/>
    </row>
    <row r="103498" spans="14:14">
      <c r="N103498" s="10"/>
    </row>
    <row r="103499" spans="14:14">
      <c r="N103499" s="10"/>
    </row>
    <row r="103500" spans="14:14">
      <c r="N103500" s="10"/>
    </row>
    <row r="103501" spans="14:14">
      <c r="N103501" s="10"/>
    </row>
    <row r="103502" spans="14:14">
      <c r="N103502" s="10"/>
    </row>
    <row r="103503" spans="14:14">
      <c r="N103503" s="10"/>
    </row>
    <row r="103504" spans="14:14">
      <c r="N103504" s="10"/>
    </row>
    <row r="103505" spans="14:14">
      <c r="N103505" s="10"/>
    </row>
    <row r="103506" spans="14:14">
      <c r="N103506" s="10"/>
    </row>
    <row r="103507" spans="14:14">
      <c r="N103507" s="10"/>
    </row>
    <row r="103508" spans="14:14">
      <c r="N103508" s="10"/>
    </row>
    <row r="103509" spans="14:14">
      <c r="N103509" s="10"/>
    </row>
    <row r="103510" spans="14:14">
      <c r="N103510" s="10"/>
    </row>
    <row r="103511" spans="14:14">
      <c r="N103511" s="10"/>
    </row>
    <row r="103512" spans="14:14">
      <c r="N103512" s="10"/>
    </row>
    <row r="103513" spans="14:14">
      <c r="N103513" s="10"/>
    </row>
    <row r="103514" spans="14:14">
      <c r="N103514" s="10"/>
    </row>
    <row r="103515" spans="14:14">
      <c r="N103515" s="10"/>
    </row>
    <row r="103516" spans="14:14">
      <c r="N103516" s="10"/>
    </row>
    <row r="103517" spans="14:14">
      <c r="N103517" s="10"/>
    </row>
    <row r="103518" spans="14:14">
      <c r="N103518" s="10"/>
    </row>
    <row r="103519" spans="14:14">
      <c r="N103519" s="10"/>
    </row>
    <row r="103520" spans="14:14">
      <c r="N103520" s="10"/>
    </row>
    <row r="103521" spans="14:14">
      <c r="N103521" s="10"/>
    </row>
    <row r="103522" spans="14:14">
      <c r="N103522" s="10"/>
    </row>
    <row r="103523" spans="14:14">
      <c r="N103523" s="10"/>
    </row>
    <row r="103524" spans="14:14">
      <c r="N103524" s="10"/>
    </row>
    <row r="103525" spans="14:14">
      <c r="N103525" s="10"/>
    </row>
    <row r="103526" spans="14:14">
      <c r="N103526" s="10"/>
    </row>
    <row r="103527" spans="14:14">
      <c r="N103527" s="10"/>
    </row>
    <row r="103528" spans="14:14">
      <c r="N103528" s="10"/>
    </row>
    <row r="103529" spans="14:14">
      <c r="N103529" s="10"/>
    </row>
    <row r="103530" spans="14:14">
      <c r="N103530" s="10"/>
    </row>
    <row r="103531" spans="14:14">
      <c r="N103531" s="10"/>
    </row>
    <row r="103532" spans="14:14">
      <c r="N103532" s="10"/>
    </row>
    <row r="103533" spans="14:14">
      <c r="N103533" s="10"/>
    </row>
    <row r="103534" spans="14:14">
      <c r="N103534" s="10"/>
    </row>
    <row r="103535" spans="14:14">
      <c r="N103535" s="10"/>
    </row>
    <row r="103536" spans="14:14">
      <c r="N103536" s="10"/>
    </row>
    <row r="103537" spans="14:14">
      <c r="N103537" s="10"/>
    </row>
    <row r="103538" spans="14:14">
      <c r="N103538" s="10"/>
    </row>
    <row r="103539" spans="14:14">
      <c r="N103539" s="10"/>
    </row>
    <row r="103540" spans="14:14">
      <c r="N103540" s="10"/>
    </row>
    <row r="103541" spans="14:14">
      <c r="N103541" s="10"/>
    </row>
    <row r="103542" spans="14:14">
      <c r="N103542" s="10"/>
    </row>
    <row r="103543" spans="14:14">
      <c r="N103543" s="10"/>
    </row>
    <row r="103544" spans="14:14">
      <c r="N103544" s="10"/>
    </row>
    <row r="103545" spans="14:14">
      <c r="N103545" s="10"/>
    </row>
    <row r="103546" spans="14:14">
      <c r="N103546" s="10"/>
    </row>
    <row r="103547" spans="14:14">
      <c r="N103547" s="10"/>
    </row>
    <row r="103548" spans="14:14">
      <c r="N103548" s="10"/>
    </row>
    <row r="103549" spans="14:14">
      <c r="N103549" s="10"/>
    </row>
    <row r="103550" spans="14:14">
      <c r="N103550" s="10"/>
    </row>
    <row r="103551" spans="14:14">
      <c r="N103551" s="10"/>
    </row>
    <row r="103552" spans="14:14">
      <c r="N103552" s="10"/>
    </row>
    <row r="103553" spans="14:14">
      <c r="N103553" s="10"/>
    </row>
    <row r="103554" spans="14:14">
      <c r="N103554" s="10"/>
    </row>
    <row r="103555" spans="14:14">
      <c r="N103555" s="10"/>
    </row>
    <row r="103556" spans="14:14">
      <c r="N103556" s="10"/>
    </row>
    <row r="103557" spans="14:14">
      <c r="N103557" s="10"/>
    </row>
    <row r="103558" spans="14:14">
      <c r="N103558" s="10"/>
    </row>
    <row r="103559" spans="14:14">
      <c r="N103559" s="10"/>
    </row>
    <row r="103560" spans="14:14">
      <c r="N103560" s="10"/>
    </row>
    <row r="103561" spans="14:14">
      <c r="N103561" s="10"/>
    </row>
    <row r="103562" spans="14:14">
      <c r="N103562" s="10"/>
    </row>
    <row r="103563" spans="14:14">
      <c r="N103563" s="10"/>
    </row>
    <row r="103564" spans="14:14">
      <c r="N103564" s="10"/>
    </row>
    <row r="103565" spans="14:14">
      <c r="N103565" s="10"/>
    </row>
    <row r="103566" spans="14:14">
      <c r="N103566" s="10"/>
    </row>
    <row r="103567" spans="14:14">
      <c r="N103567" s="10"/>
    </row>
    <row r="103568" spans="14:14">
      <c r="N103568" s="10"/>
    </row>
    <row r="103569" spans="14:14">
      <c r="N103569" s="10"/>
    </row>
    <row r="103570" spans="14:14">
      <c r="N103570" s="10"/>
    </row>
    <row r="103571" spans="14:14">
      <c r="N103571" s="10"/>
    </row>
    <row r="103572" spans="14:14">
      <c r="N103572" s="10"/>
    </row>
    <row r="103573" spans="14:14">
      <c r="N103573" s="10"/>
    </row>
    <row r="103574" spans="14:14">
      <c r="N103574" s="10"/>
    </row>
    <row r="103575" spans="14:14">
      <c r="N103575" s="10"/>
    </row>
    <row r="103576" spans="14:14">
      <c r="N103576" s="10"/>
    </row>
    <row r="103577" spans="14:14">
      <c r="N103577" s="10"/>
    </row>
    <row r="103578" spans="14:14">
      <c r="N103578" s="10"/>
    </row>
    <row r="103579" spans="14:14">
      <c r="N103579" s="10"/>
    </row>
    <row r="103580" spans="14:14">
      <c r="N103580" s="10"/>
    </row>
    <row r="103581" spans="14:14">
      <c r="N103581" s="10"/>
    </row>
    <row r="103582" spans="14:14">
      <c r="N103582" s="10"/>
    </row>
    <row r="103583" spans="14:14">
      <c r="N103583" s="10"/>
    </row>
    <row r="103584" spans="14:14">
      <c r="N103584" s="10"/>
    </row>
    <row r="103585" spans="14:14">
      <c r="N103585" s="10"/>
    </row>
    <row r="103586" spans="14:14">
      <c r="N103586" s="10"/>
    </row>
    <row r="103587" spans="14:14">
      <c r="N103587" s="10"/>
    </row>
    <row r="103588" spans="14:14">
      <c r="N103588" s="10"/>
    </row>
    <row r="103589" spans="14:14">
      <c r="N103589" s="10"/>
    </row>
    <row r="103590" spans="14:14">
      <c r="N103590" s="10"/>
    </row>
    <row r="103591" spans="14:14">
      <c r="N103591" s="10"/>
    </row>
    <row r="103592" spans="14:14">
      <c r="N103592" s="10"/>
    </row>
    <row r="103593" spans="14:14">
      <c r="N103593" s="10"/>
    </row>
    <row r="103594" spans="14:14">
      <c r="N103594" s="10"/>
    </row>
    <row r="103595" spans="14:14">
      <c r="N103595" s="10"/>
    </row>
    <row r="103596" spans="14:14">
      <c r="N103596" s="10"/>
    </row>
    <row r="103597" spans="14:14">
      <c r="N103597" s="10"/>
    </row>
    <row r="103598" spans="14:14">
      <c r="N103598" s="10"/>
    </row>
    <row r="103599" spans="14:14">
      <c r="N103599" s="10"/>
    </row>
    <row r="103600" spans="14:14">
      <c r="N103600" s="10"/>
    </row>
    <row r="103601" spans="14:14">
      <c r="N103601" s="10"/>
    </row>
    <row r="103602" spans="14:14">
      <c r="N103602" s="10"/>
    </row>
    <row r="103603" spans="14:14">
      <c r="N103603" s="10"/>
    </row>
    <row r="103604" spans="14:14">
      <c r="N103604" s="10"/>
    </row>
    <row r="103605" spans="14:14">
      <c r="N103605" s="10"/>
    </row>
    <row r="103606" spans="14:14">
      <c r="N103606" s="10"/>
    </row>
    <row r="103607" spans="14:14">
      <c r="N103607" s="10"/>
    </row>
    <row r="103608" spans="14:14">
      <c r="N103608" s="10"/>
    </row>
    <row r="103609" spans="14:14">
      <c r="N103609" s="10"/>
    </row>
    <row r="103610" spans="14:14">
      <c r="N103610" s="10"/>
    </row>
    <row r="103611" spans="14:14">
      <c r="N103611" s="10"/>
    </row>
    <row r="103612" spans="14:14">
      <c r="N103612" s="10"/>
    </row>
    <row r="103613" spans="14:14">
      <c r="N103613" s="10"/>
    </row>
    <row r="103614" spans="14:14">
      <c r="N103614" s="10"/>
    </row>
    <row r="103615" spans="14:14">
      <c r="N103615" s="10"/>
    </row>
    <row r="103616" spans="14:14">
      <c r="N103616" s="10"/>
    </row>
    <row r="103617" spans="14:14">
      <c r="N103617" s="10"/>
    </row>
    <row r="103618" spans="14:14">
      <c r="N103618" s="10"/>
    </row>
    <row r="103619" spans="14:14">
      <c r="N103619" s="10"/>
    </row>
    <row r="103620" spans="14:14">
      <c r="N103620" s="10"/>
    </row>
    <row r="103621" spans="14:14">
      <c r="N103621" s="10"/>
    </row>
    <row r="103622" spans="14:14">
      <c r="N103622" s="10"/>
    </row>
    <row r="103623" spans="14:14">
      <c r="N103623" s="10"/>
    </row>
    <row r="103624" spans="14:14">
      <c r="N103624" s="10"/>
    </row>
    <row r="103625" spans="14:14">
      <c r="N103625" s="10"/>
    </row>
    <row r="103626" spans="14:14">
      <c r="N103626" s="10"/>
    </row>
    <row r="103627" spans="14:14">
      <c r="N103627" s="10"/>
    </row>
    <row r="103628" spans="14:14">
      <c r="N103628" s="10"/>
    </row>
    <row r="103629" spans="14:14">
      <c r="N103629" s="10"/>
    </row>
    <row r="103630" spans="14:14">
      <c r="N103630" s="10"/>
    </row>
    <row r="103631" spans="14:14">
      <c r="N103631" s="10"/>
    </row>
    <row r="103632" spans="14:14">
      <c r="N103632" s="10"/>
    </row>
    <row r="103633" spans="14:14">
      <c r="N103633" s="10"/>
    </row>
    <row r="103634" spans="14:14">
      <c r="N103634" s="10"/>
    </row>
    <row r="103635" spans="14:14">
      <c r="N103635" s="10"/>
    </row>
    <row r="103636" spans="14:14">
      <c r="N103636" s="10"/>
    </row>
    <row r="103637" spans="14:14">
      <c r="N103637" s="10"/>
    </row>
    <row r="103638" spans="14:14">
      <c r="N103638" s="10"/>
    </row>
    <row r="103639" spans="14:14">
      <c r="N103639" s="10"/>
    </row>
    <row r="103640" spans="14:14">
      <c r="N103640" s="10"/>
    </row>
    <row r="103641" spans="14:14">
      <c r="N103641" s="10"/>
    </row>
    <row r="103642" spans="14:14">
      <c r="N103642" s="10"/>
    </row>
    <row r="103643" spans="14:14">
      <c r="N103643" s="10"/>
    </row>
    <row r="103644" spans="14:14">
      <c r="N103644" s="10"/>
    </row>
    <row r="103645" spans="14:14">
      <c r="N103645" s="10"/>
    </row>
    <row r="103646" spans="14:14">
      <c r="N103646" s="10"/>
    </row>
    <row r="103647" spans="14:14">
      <c r="N103647" s="10"/>
    </row>
    <row r="103648" spans="14:14">
      <c r="N103648" s="10"/>
    </row>
    <row r="103649" spans="14:14">
      <c r="N103649" s="10"/>
    </row>
    <row r="103650" spans="14:14">
      <c r="N103650" s="10"/>
    </row>
    <row r="103651" spans="14:14">
      <c r="N103651" s="10"/>
    </row>
    <row r="103652" spans="14:14">
      <c r="N103652" s="10"/>
    </row>
    <row r="103653" spans="14:14">
      <c r="N103653" s="10"/>
    </row>
    <row r="103654" spans="14:14">
      <c r="N103654" s="10"/>
    </row>
    <row r="103655" spans="14:14">
      <c r="N103655" s="10"/>
    </row>
    <row r="103656" spans="14:14">
      <c r="N103656" s="10"/>
    </row>
    <row r="103657" spans="14:14">
      <c r="N103657" s="10"/>
    </row>
    <row r="103658" spans="14:14">
      <c r="N103658" s="10"/>
    </row>
    <row r="103659" spans="14:14">
      <c r="N103659" s="10"/>
    </row>
    <row r="103660" spans="14:14">
      <c r="N103660" s="10"/>
    </row>
    <row r="103661" spans="14:14">
      <c r="N103661" s="10"/>
    </row>
    <row r="103662" spans="14:14">
      <c r="N103662" s="10"/>
    </row>
    <row r="103663" spans="14:14">
      <c r="N103663" s="10"/>
    </row>
    <row r="103664" spans="14:14">
      <c r="N103664" s="10"/>
    </row>
    <row r="103665" spans="14:14">
      <c r="N103665" s="10"/>
    </row>
    <row r="103666" spans="14:14">
      <c r="N103666" s="10"/>
    </row>
    <row r="103667" spans="14:14">
      <c r="N103667" s="10"/>
    </row>
    <row r="103668" spans="14:14">
      <c r="N103668" s="10"/>
    </row>
    <row r="103669" spans="14:14">
      <c r="N103669" s="10"/>
    </row>
    <row r="103670" spans="14:14">
      <c r="N103670" s="10"/>
    </row>
    <row r="103671" spans="14:14">
      <c r="N103671" s="10"/>
    </row>
    <row r="103672" spans="14:14">
      <c r="N103672" s="10"/>
    </row>
    <row r="103673" spans="14:14">
      <c r="N103673" s="10"/>
    </row>
    <row r="103674" spans="14:14">
      <c r="N103674" s="10"/>
    </row>
    <row r="103675" spans="14:14">
      <c r="N103675" s="10"/>
    </row>
    <row r="103676" spans="14:14">
      <c r="N103676" s="10"/>
    </row>
    <row r="103677" spans="14:14">
      <c r="N103677" s="10"/>
    </row>
    <row r="103678" spans="14:14">
      <c r="N103678" s="10"/>
    </row>
    <row r="103679" spans="14:14">
      <c r="N103679" s="10"/>
    </row>
    <row r="103680" spans="14:14">
      <c r="N103680" s="10"/>
    </row>
    <row r="103681" spans="14:14">
      <c r="N103681" s="10"/>
    </row>
    <row r="103682" spans="14:14">
      <c r="N103682" s="10"/>
    </row>
    <row r="103683" spans="14:14">
      <c r="N103683" s="10"/>
    </row>
    <row r="103684" spans="14:14">
      <c r="N103684" s="10"/>
    </row>
    <row r="103685" spans="14:14">
      <c r="N103685" s="10"/>
    </row>
    <row r="103686" spans="14:14">
      <c r="N103686" s="10"/>
    </row>
    <row r="103687" spans="14:14">
      <c r="N103687" s="10"/>
    </row>
    <row r="103688" spans="14:14">
      <c r="N103688" s="10"/>
    </row>
    <row r="103689" spans="14:14">
      <c r="N103689" s="10"/>
    </row>
    <row r="103690" spans="14:14">
      <c r="N103690" s="10"/>
    </row>
    <row r="103691" spans="14:14">
      <c r="N103691" s="10"/>
    </row>
    <row r="103692" spans="14:14">
      <c r="N103692" s="10"/>
    </row>
    <row r="103693" spans="14:14">
      <c r="N103693" s="10"/>
    </row>
    <row r="103694" spans="14:14">
      <c r="N103694" s="10"/>
    </row>
    <row r="103695" spans="14:14">
      <c r="N103695" s="10"/>
    </row>
    <row r="103696" spans="14:14">
      <c r="N103696" s="10"/>
    </row>
    <row r="103697" spans="14:14">
      <c r="N103697" s="10"/>
    </row>
    <row r="103698" spans="14:14">
      <c r="N103698" s="10"/>
    </row>
    <row r="103699" spans="14:14">
      <c r="N103699" s="10"/>
    </row>
    <row r="103700" spans="14:14">
      <c r="N103700" s="10"/>
    </row>
    <row r="103701" spans="14:14">
      <c r="N103701" s="10"/>
    </row>
    <row r="103702" spans="14:14">
      <c r="N103702" s="10"/>
    </row>
    <row r="103703" spans="14:14">
      <c r="N103703" s="10"/>
    </row>
    <row r="103704" spans="14:14">
      <c r="N103704" s="10"/>
    </row>
    <row r="103705" spans="14:14">
      <c r="N103705" s="10"/>
    </row>
    <row r="103706" spans="14:14">
      <c r="N103706" s="10"/>
    </row>
    <row r="103707" spans="14:14">
      <c r="N103707" s="10"/>
    </row>
    <row r="103708" spans="14:14">
      <c r="N103708" s="10"/>
    </row>
    <row r="103709" spans="14:14">
      <c r="N103709" s="10"/>
    </row>
    <row r="103710" spans="14:14">
      <c r="N103710" s="10"/>
    </row>
    <row r="103711" spans="14:14">
      <c r="N103711" s="10"/>
    </row>
    <row r="103712" spans="14:14">
      <c r="N103712" s="10"/>
    </row>
    <row r="103713" spans="14:14">
      <c r="N103713" s="10"/>
    </row>
    <row r="103714" spans="14:14">
      <c r="N103714" s="10"/>
    </row>
    <row r="103715" spans="14:14">
      <c r="N103715" s="10"/>
    </row>
    <row r="103716" spans="14:14">
      <c r="N103716" s="10"/>
    </row>
    <row r="103717" spans="14:14">
      <c r="N103717" s="10"/>
    </row>
    <row r="103718" spans="14:14">
      <c r="N103718" s="10"/>
    </row>
    <row r="103719" spans="14:14">
      <c r="N103719" s="10"/>
    </row>
    <row r="103720" spans="14:14">
      <c r="N103720" s="10"/>
    </row>
    <row r="103721" spans="14:14">
      <c r="N103721" s="10"/>
    </row>
    <row r="103722" spans="14:14">
      <c r="N103722" s="10"/>
    </row>
    <row r="103723" spans="14:14">
      <c r="N103723" s="10"/>
    </row>
    <row r="103724" spans="14:14">
      <c r="N103724" s="10"/>
    </row>
    <row r="103725" spans="14:14">
      <c r="N103725" s="10"/>
    </row>
    <row r="103726" spans="14:14">
      <c r="N103726" s="10"/>
    </row>
    <row r="103727" spans="14:14">
      <c r="N103727" s="10"/>
    </row>
    <row r="103728" spans="14:14">
      <c r="N103728" s="10"/>
    </row>
    <row r="103729" spans="14:14">
      <c r="N103729" s="10"/>
    </row>
    <row r="103730" spans="14:14">
      <c r="N103730" s="10"/>
    </row>
    <row r="103731" spans="14:14">
      <c r="N103731" s="10"/>
    </row>
    <row r="103732" spans="14:14">
      <c r="N103732" s="10"/>
    </row>
    <row r="103733" spans="14:14">
      <c r="N103733" s="10"/>
    </row>
    <row r="103734" spans="14:14">
      <c r="N103734" s="10"/>
    </row>
    <row r="103735" spans="14:14">
      <c r="N103735" s="10"/>
    </row>
    <row r="103736" spans="14:14">
      <c r="N103736" s="10"/>
    </row>
    <row r="103737" spans="14:14">
      <c r="N103737" s="10"/>
    </row>
    <row r="103738" spans="14:14">
      <c r="N103738" s="10"/>
    </row>
    <row r="103739" spans="14:14">
      <c r="N103739" s="10"/>
    </row>
    <row r="103740" spans="14:14">
      <c r="N103740" s="10"/>
    </row>
    <row r="103741" spans="14:14">
      <c r="N103741" s="10"/>
    </row>
    <row r="103742" spans="14:14">
      <c r="N103742" s="10"/>
    </row>
    <row r="103743" spans="14:14">
      <c r="N103743" s="10"/>
    </row>
    <row r="103744" spans="14:14">
      <c r="N103744" s="10"/>
    </row>
    <row r="103745" spans="14:14">
      <c r="N103745" s="10"/>
    </row>
    <row r="103746" spans="14:14">
      <c r="N103746" s="10"/>
    </row>
    <row r="103747" spans="14:14">
      <c r="N103747" s="10"/>
    </row>
    <row r="103748" spans="14:14">
      <c r="N103748" s="10"/>
    </row>
    <row r="103749" spans="14:14">
      <c r="N103749" s="10"/>
    </row>
    <row r="103750" spans="14:14">
      <c r="N103750" s="10"/>
    </row>
    <row r="103751" spans="14:14">
      <c r="N103751" s="10"/>
    </row>
    <row r="103752" spans="14:14">
      <c r="N103752" s="10"/>
    </row>
    <row r="103753" spans="14:14">
      <c r="N103753" s="10"/>
    </row>
    <row r="103754" spans="14:14">
      <c r="N103754" s="10"/>
    </row>
    <row r="103755" spans="14:14">
      <c r="N103755" s="10"/>
    </row>
    <row r="103756" spans="14:14">
      <c r="N103756" s="10"/>
    </row>
    <row r="103757" spans="14:14">
      <c r="N103757" s="10"/>
    </row>
    <row r="103758" spans="14:14">
      <c r="N103758" s="10"/>
    </row>
    <row r="103759" spans="14:14">
      <c r="N103759" s="10"/>
    </row>
    <row r="103760" spans="14:14">
      <c r="N103760" s="10"/>
    </row>
    <row r="103761" spans="14:14">
      <c r="N103761" s="10"/>
    </row>
    <row r="103762" spans="14:14">
      <c r="N103762" s="10"/>
    </row>
    <row r="103763" spans="14:14">
      <c r="N103763" s="10"/>
    </row>
    <row r="103764" spans="14:14">
      <c r="N103764" s="10"/>
    </row>
    <row r="103765" spans="14:14">
      <c r="N103765" s="10"/>
    </row>
    <row r="103766" spans="14:14">
      <c r="N103766" s="10"/>
    </row>
    <row r="103767" spans="14:14">
      <c r="N103767" s="10"/>
    </row>
    <row r="103768" spans="14:14">
      <c r="N103768" s="10"/>
    </row>
    <row r="103769" spans="14:14">
      <c r="N103769" s="10"/>
    </row>
    <row r="103770" spans="14:14">
      <c r="N103770" s="10"/>
    </row>
    <row r="103771" spans="14:14">
      <c r="N103771" s="10"/>
    </row>
    <row r="103772" spans="14:14">
      <c r="N103772" s="10"/>
    </row>
    <row r="103773" spans="14:14">
      <c r="N103773" s="10"/>
    </row>
    <row r="103774" spans="14:14">
      <c r="N103774" s="10"/>
    </row>
    <row r="103775" spans="14:14">
      <c r="N103775" s="10"/>
    </row>
    <row r="103776" spans="14:14">
      <c r="N103776" s="10"/>
    </row>
    <row r="103777" spans="14:14">
      <c r="N103777" s="10"/>
    </row>
    <row r="103778" spans="14:14">
      <c r="N103778" s="10"/>
    </row>
    <row r="103779" spans="14:14">
      <c r="N103779" s="10"/>
    </row>
    <row r="103780" spans="14:14">
      <c r="N103780" s="10"/>
    </row>
    <row r="103781" spans="14:14">
      <c r="N103781" s="10"/>
    </row>
    <row r="103782" spans="14:14">
      <c r="N103782" s="10"/>
    </row>
    <row r="103783" spans="14:14">
      <c r="N103783" s="10"/>
    </row>
    <row r="103784" spans="14:14">
      <c r="N103784" s="10"/>
    </row>
    <row r="103785" spans="14:14">
      <c r="N103785" s="10"/>
    </row>
    <row r="103786" spans="14:14">
      <c r="N103786" s="10"/>
    </row>
    <row r="103787" spans="14:14">
      <c r="N103787" s="10"/>
    </row>
    <row r="103788" spans="14:14">
      <c r="N103788" s="10"/>
    </row>
    <row r="103789" spans="14:14">
      <c r="N103789" s="10"/>
    </row>
    <row r="103790" spans="14:14">
      <c r="N103790" s="10"/>
    </row>
    <row r="103791" spans="14:14">
      <c r="N103791" s="10"/>
    </row>
    <row r="103792" spans="14:14">
      <c r="N103792" s="10"/>
    </row>
    <row r="103793" spans="14:14">
      <c r="N103793" s="10"/>
    </row>
    <row r="103794" spans="14:14">
      <c r="N103794" s="10"/>
    </row>
    <row r="103795" spans="14:14">
      <c r="N103795" s="10"/>
    </row>
    <row r="103796" spans="14:14">
      <c r="N103796" s="10"/>
    </row>
    <row r="103797" spans="14:14">
      <c r="N103797" s="10"/>
    </row>
    <row r="103798" spans="14:14">
      <c r="N103798" s="10"/>
    </row>
    <row r="103799" spans="14:14">
      <c r="N103799" s="10"/>
    </row>
    <row r="103800" spans="14:14">
      <c r="N103800" s="10"/>
    </row>
    <row r="103801" spans="14:14">
      <c r="N103801" s="10"/>
    </row>
    <row r="103802" spans="14:14">
      <c r="N103802" s="10"/>
    </row>
    <row r="103803" spans="14:14">
      <c r="N103803" s="10"/>
    </row>
    <row r="103804" spans="14:14">
      <c r="N103804" s="10"/>
    </row>
    <row r="103805" spans="14:14">
      <c r="N103805" s="10"/>
    </row>
    <row r="103806" spans="14:14">
      <c r="N103806" s="10"/>
    </row>
    <row r="103807" spans="14:14">
      <c r="N103807" s="10"/>
    </row>
    <row r="103808" spans="14:14">
      <c r="N103808" s="10"/>
    </row>
    <row r="103809" spans="14:14">
      <c r="N103809" s="10"/>
    </row>
    <row r="103810" spans="14:14">
      <c r="N103810" s="10"/>
    </row>
    <row r="103811" spans="14:14">
      <c r="N103811" s="10"/>
    </row>
    <row r="103812" spans="14:14">
      <c r="N103812" s="10"/>
    </row>
    <row r="103813" spans="14:14">
      <c r="N103813" s="10"/>
    </row>
    <row r="103814" spans="14:14">
      <c r="N103814" s="10"/>
    </row>
    <row r="103815" spans="14:14">
      <c r="N103815" s="10"/>
    </row>
    <row r="103816" spans="14:14">
      <c r="N103816" s="10"/>
    </row>
    <row r="103817" spans="14:14">
      <c r="N103817" s="10"/>
    </row>
    <row r="103818" spans="14:14">
      <c r="N103818" s="10"/>
    </row>
    <row r="103819" spans="14:14">
      <c r="N103819" s="10"/>
    </row>
    <row r="103820" spans="14:14">
      <c r="N103820" s="10"/>
    </row>
    <row r="103821" spans="14:14">
      <c r="N103821" s="10"/>
    </row>
    <row r="103822" spans="14:14">
      <c r="N103822" s="10"/>
    </row>
    <row r="103823" spans="14:14">
      <c r="N103823" s="10"/>
    </row>
    <row r="103824" spans="14:14">
      <c r="N103824" s="10"/>
    </row>
    <row r="103825" spans="14:14">
      <c r="N103825" s="10"/>
    </row>
    <row r="103826" spans="14:14">
      <c r="N103826" s="10"/>
    </row>
    <row r="103827" spans="14:14">
      <c r="N103827" s="10"/>
    </row>
    <row r="103828" spans="14:14">
      <c r="N103828" s="10"/>
    </row>
    <row r="103829" spans="14:14">
      <c r="N103829" s="10"/>
    </row>
    <row r="103830" spans="14:14">
      <c r="N103830" s="10"/>
    </row>
    <row r="103831" spans="14:14">
      <c r="N103831" s="10"/>
    </row>
    <row r="103832" spans="14:14">
      <c r="N103832" s="10"/>
    </row>
    <row r="103833" spans="14:14">
      <c r="N103833" s="10"/>
    </row>
    <row r="103834" spans="14:14">
      <c r="N103834" s="10"/>
    </row>
    <row r="103835" spans="14:14">
      <c r="N103835" s="10"/>
    </row>
    <row r="103836" spans="14:14">
      <c r="N103836" s="10"/>
    </row>
    <row r="103837" spans="14:14">
      <c r="N103837" s="10"/>
    </row>
    <row r="103838" spans="14:14">
      <c r="N103838" s="10"/>
    </row>
    <row r="103839" spans="14:14">
      <c r="N103839" s="10"/>
    </row>
    <row r="103840" spans="14:14">
      <c r="N103840" s="10"/>
    </row>
    <row r="103841" spans="14:14">
      <c r="N103841" s="10"/>
    </row>
    <row r="103842" spans="14:14">
      <c r="N103842" s="10"/>
    </row>
    <row r="103843" spans="14:14">
      <c r="N103843" s="10"/>
    </row>
    <row r="103844" spans="14:14">
      <c r="N103844" s="10"/>
    </row>
    <row r="103845" spans="14:14">
      <c r="N103845" s="10"/>
    </row>
    <row r="103846" spans="14:14">
      <c r="N103846" s="10"/>
    </row>
    <row r="103847" spans="14:14">
      <c r="N103847" s="10"/>
    </row>
    <row r="103848" spans="14:14">
      <c r="N103848" s="10"/>
    </row>
    <row r="103849" spans="14:14">
      <c r="N103849" s="10"/>
    </row>
    <row r="103850" spans="14:14">
      <c r="N103850" s="10"/>
    </row>
    <row r="103851" spans="14:14">
      <c r="N103851" s="10"/>
    </row>
    <row r="103852" spans="14:14">
      <c r="N103852" s="10"/>
    </row>
    <row r="103853" spans="14:14">
      <c r="N103853" s="10"/>
    </row>
    <row r="103854" spans="14:14">
      <c r="N103854" s="10"/>
    </row>
    <row r="103855" spans="14:14">
      <c r="N103855" s="10"/>
    </row>
    <row r="103856" spans="14:14">
      <c r="N103856" s="10"/>
    </row>
    <row r="103857" spans="14:14">
      <c r="N103857" s="10"/>
    </row>
    <row r="103858" spans="14:14">
      <c r="N103858" s="10"/>
    </row>
    <row r="103859" spans="14:14">
      <c r="N103859" s="10"/>
    </row>
    <row r="103860" spans="14:14">
      <c r="N103860" s="10"/>
    </row>
    <row r="103861" spans="14:14">
      <c r="N103861" s="10"/>
    </row>
    <row r="103862" spans="14:14">
      <c r="N103862" s="10"/>
    </row>
    <row r="103863" spans="14:14">
      <c r="N103863" s="10"/>
    </row>
    <row r="103864" spans="14:14">
      <c r="N103864" s="10"/>
    </row>
    <row r="103865" spans="14:14">
      <c r="N103865" s="10"/>
    </row>
    <row r="103866" spans="14:14">
      <c r="N103866" s="10"/>
    </row>
    <row r="103867" spans="14:14">
      <c r="N103867" s="10"/>
    </row>
    <row r="103868" spans="14:14">
      <c r="N103868" s="10"/>
    </row>
    <row r="103869" spans="14:14">
      <c r="N103869" s="10"/>
    </row>
    <row r="103870" spans="14:14">
      <c r="N103870" s="10"/>
    </row>
    <row r="103871" spans="14:14">
      <c r="N103871" s="10"/>
    </row>
    <row r="103872" spans="14:14">
      <c r="N103872" s="10"/>
    </row>
    <row r="103873" spans="14:14">
      <c r="N103873" s="10"/>
    </row>
    <row r="103874" spans="14:14">
      <c r="N103874" s="10"/>
    </row>
    <row r="103875" spans="14:14">
      <c r="N103875" s="10"/>
    </row>
    <row r="103876" spans="14:14">
      <c r="N103876" s="10"/>
    </row>
    <row r="103877" spans="14:14">
      <c r="N103877" s="10"/>
    </row>
    <row r="103878" spans="14:14">
      <c r="N103878" s="10"/>
    </row>
    <row r="103879" spans="14:14">
      <c r="N103879" s="10"/>
    </row>
    <row r="103880" spans="14:14">
      <c r="N103880" s="10"/>
    </row>
    <row r="103881" spans="14:14">
      <c r="N103881" s="10"/>
    </row>
    <row r="103882" spans="14:14">
      <c r="N103882" s="10"/>
    </row>
    <row r="103883" spans="14:14">
      <c r="N103883" s="10"/>
    </row>
    <row r="103884" spans="14:14">
      <c r="N103884" s="10"/>
    </row>
    <row r="103885" spans="14:14">
      <c r="N103885" s="10"/>
    </row>
    <row r="103886" spans="14:14">
      <c r="N103886" s="10"/>
    </row>
    <row r="103887" spans="14:14">
      <c r="N103887" s="10"/>
    </row>
    <row r="103888" spans="14:14">
      <c r="N103888" s="10"/>
    </row>
    <row r="103889" spans="14:14">
      <c r="N103889" s="10"/>
    </row>
    <row r="103890" spans="14:14">
      <c r="N103890" s="10"/>
    </row>
    <row r="103891" spans="14:14">
      <c r="N103891" s="10"/>
    </row>
    <row r="103892" spans="14:14">
      <c r="N103892" s="10"/>
    </row>
    <row r="103893" spans="14:14">
      <c r="N103893" s="10"/>
    </row>
    <row r="103894" spans="14:14">
      <c r="N103894" s="10"/>
    </row>
    <row r="103895" spans="14:14">
      <c r="N103895" s="10"/>
    </row>
    <row r="103896" spans="14:14">
      <c r="N103896" s="10"/>
    </row>
    <row r="103897" spans="14:14">
      <c r="N103897" s="10"/>
    </row>
    <row r="103898" spans="14:14">
      <c r="N103898" s="10"/>
    </row>
    <row r="103899" spans="14:14">
      <c r="N103899" s="10"/>
    </row>
    <row r="103900" spans="14:14">
      <c r="N103900" s="10"/>
    </row>
    <row r="103901" spans="14:14">
      <c r="N103901" s="10"/>
    </row>
    <row r="103902" spans="14:14">
      <c r="N103902" s="10"/>
    </row>
    <row r="103903" spans="14:14">
      <c r="N103903" s="10"/>
    </row>
    <row r="103904" spans="14:14">
      <c r="N103904" s="10"/>
    </row>
    <row r="103905" spans="14:14">
      <c r="N103905" s="10"/>
    </row>
    <row r="103906" spans="14:14">
      <c r="N103906" s="10"/>
    </row>
    <row r="103907" spans="14:14">
      <c r="N103907" s="10"/>
    </row>
    <row r="103908" spans="14:14">
      <c r="N103908" s="10"/>
    </row>
    <row r="103909" spans="14:14">
      <c r="N103909" s="10"/>
    </row>
    <row r="103910" spans="14:14">
      <c r="N103910" s="10"/>
    </row>
    <row r="103911" spans="14:14">
      <c r="N103911" s="10"/>
    </row>
    <row r="103912" spans="14:14">
      <c r="N103912" s="10"/>
    </row>
    <row r="103913" spans="14:14">
      <c r="N103913" s="10"/>
    </row>
    <row r="103914" spans="14:14">
      <c r="N103914" s="10"/>
    </row>
    <row r="103915" spans="14:14">
      <c r="N103915" s="10"/>
    </row>
    <row r="103916" spans="14:14">
      <c r="N103916" s="10"/>
    </row>
    <row r="103917" spans="14:14">
      <c r="N103917" s="10"/>
    </row>
    <row r="103918" spans="14:14">
      <c r="N103918" s="10"/>
    </row>
    <row r="103919" spans="14:14">
      <c r="N103919" s="10"/>
    </row>
    <row r="103920" spans="14:14">
      <c r="N103920" s="10"/>
    </row>
    <row r="103921" spans="14:14">
      <c r="N103921" s="10"/>
    </row>
    <row r="103922" spans="14:14">
      <c r="N103922" s="10"/>
    </row>
    <row r="103923" spans="14:14">
      <c r="N103923" s="10"/>
    </row>
    <row r="103924" spans="14:14">
      <c r="N103924" s="10"/>
    </row>
    <row r="103925" spans="14:14">
      <c r="N103925" s="10"/>
    </row>
    <row r="103926" spans="14:14">
      <c r="N103926" s="10"/>
    </row>
    <row r="103927" spans="14:14">
      <c r="N103927" s="10"/>
    </row>
    <row r="103928" spans="14:14">
      <c r="N103928" s="10"/>
    </row>
    <row r="103929" spans="14:14">
      <c r="N103929" s="10"/>
    </row>
    <row r="103930" spans="14:14">
      <c r="N103930" s="10"/>
    </row>
    <row r="103931" spans="14:14">
      <c r="N103931" s="10"/>
    </row>
    <row r="103932" spans="14:14">
      <c r="N103932" s="10"/>
    </row>
    <row r="103933" spans="14:14">
      <c r="N103933" s="10"/>
    </row>
    <row r="103934" spans="14:14">
      <c r="N103934" s="10"/>
    </row>
    <row r="103935" spans="14:14">
      <c r="N103935" s="10"/>
    </row>
    <row r="103936" spans="14:14">
      <c r="N103936" s="10"/>
    </row>
    <row r="103937" spans="14:14">
      <c r="N103937" s="10"/>
    </row>
    <row r="103938" spans="14:14">
      <c r="N103938" s="10"/>
    </row>
    <row r="103939" spans="14:14">
      <c r="N103939" s="10"/>
    </row>
    <row r="103940" spans="14:14">
      <c r="N103940" s="10"/>
    </row>
    <row r="103941" spans="14:14">
      <c r="N103941" s="10"/>
    </row>
    <row r="103942" spans="14:14">
      <c r="N103942" s="10"/>
    </row>
    <row r="103943" spans="14:14">
      <c r="N103943" s="10"/>
    </row>
    <row r="103944" spans="14:14">
      <c r="N103944" s="10"/>
    </row>
    <row r="103945" spans="14:14">
      <c r="N103945" s="10"/>
    </row>
    <row r="103946" spans="14:14">
      <c r="N103946" s="10"/>
    </row>
    <row r="103947" spans="14:14">
      <c r="N103947" s="10"/>
    </row>
    <row r="103948" spans="14:14">
      <c r="N103948" s="10"/>
    </row>
    <row r="103949" spans="14:14">
      <c r="N103949" s="10"/>
    </row>
    <row r="103950" spans="14:14">
      <c r="N103950" s="10"/>
    </row>
    <row r="103951" spans="14:14">
      <c r="N103951" s="10"/>
    </row>
    <row r="103952" spans="14:14">
      <c r="N103952" s="10"/>
    </row>
    <row r="103953" spans="14:14">
      <c r="N103953" s="10"/>
    </row>
    <row r="103954" spans="14:14">
      <c r="N103954" s="10"/>
    </row>
    <row r="103955" spans="14:14">
      <c r="N103955" s="10"/>
    </row>
    <row r="103956" spans="14:14">
      <c r="N103956" s="10"/>
    </row>
    <row r="103957" spans="14:14">
      <c r="N103957" s="10"/>
    </row>
    <row r="103958" spans="14:14">
      <c r="N103958" s="10"/>
    </row>
    <row r="103959" spans="14:14">
      <c r="N103959" s="10"/>
    </row>
    <row r="103960" spans="14:14">
      <c r="N103960" s="10"/>
    </row>
    <row r="103961" spans="14:14">
      <c r="N103961" s="10"/>
    </row>
    <row r="103962" spans="14:14">
      <c r="N103962" s="10"/>
    </row>
    <row r="103963" spans="14:14">
      <c r="N103963" s="10"/>
    </row>
    <row r="103964" spans="14:14">
      <c r="N103964" s="10"/>
    </row>
    <row r="103965" spans="14:14">
      <c r="N103965" s="10"/>
    </row>
    <row r="103966" spans="14:14">
      <c r="N103966" s="10"/>
    </row>
    <row r="103967" spans="14:14">
      <c r="N103967" s="10"/>
    </row>
    <row r="103968" spans="14:14">
      <c r="N103968" s="10"/>
    </row>
    <row r="103969" spans="14:14">
      <c r="N103969" s="10"/>
    </row>
    <row r="103970" spans="14:14">
      <c r="N103970" s="10"/>
    </row>
    <row r="103971" spans="14:14">
      <c r="N103971" s="10"/>
    </row>
    <row r="103972" spans="14:14">
      <c r="N103972" s="10"/>
    </row>
    <row r="103973" spans="14:14">
      <c r="N103973" s="10"/>
    </row>
    <row r="103974" spans="14:14">
      <c r="N103974" s="10"/>
    </row>
    <row r="103975" spans="14:14">
      <c r="N103975" s="10"/>
    </row>
    <row r="103976" spans="14:14">
      <c r="N103976" s="10"/>
    </row>
    <row r="103977" spans="14:14">
      <c r="N103977" s="10"/>
    </row>
    <row r="103978" spans="14:14">
      <c r="N103978" s="10"/>
    </row>
    <row r="103979" spans="14:14">
      <c r="N103979" s="10"/>
    </row>
    <row r="103980" spans="14:14">
      <c r="N103980" s="10"/>
    </row>
    <row r="103981" spans="14:14">
      <c r="N103981" s="10"/>
    </row>
    <row r="103982" spans="14:14">
      <c r="N103982" s="10"/>
    </row>
    <row r="103983" spans="14:14">
      <c r="N103983" s="10"/>
    </row>
    <row r="103984" spans="14:14">
      <c r="N103984" s="10"/>
    </row>
    <row r="103985" spans="14:14">
      <c r="N103985" s="10"/>
    </row>
    <row r="103986" spans="14:14">
      <c r="N103986" s="10"/>
    </row>
    <row r="103987" spans="14:14">
      <c r="N103987" s="10"/>
    </row>
    <row r="103988" spans="14:14">
      <c r="N103988" s="10"/>
    </row>
    <row r="103989" spans="14:14">
      <c r="N103989" s="10"/>
    </row>
    <row r="103990" spans="14:14">
      <c r="N103990" s="10"/>
    </row>
    <row r="103991" spans="14:14">
      <c r="N103991" s="10"/>
    </row>
    <row r="103992" spans="14:14">
      <c r="N103992" s="10"/>
    </row>
    <row r="103993" spans="14:14">
      <c r="N103993" s="10"/>
    </row>
    <row r="103994" spans="14:14">
      <c r="N103994" s="10"/>
    </row>
    <row r="103995" spans="14:14">
      <c r="N103995" s="10"/>
    </row>
    <row r="103996" spans="14:14">
      <c r="N103996" s="10"/>
    </row>
    <row r="103997" spans="14:14">
      <c r="N103997" s="10"/>
    </row>
    <row r="103998" spans="14:14">
      <c r="N103998" s="10"/>
    </row>
    <row r="103999" spans="14:14">
      <c r="N103999" s="10"/>
    </row>
    <row r="104000" spans="14:14">
      <c r="N104000" s="10"/>
    </row>
    <row r="104001" spans="14:14">
      <c r="N104001" s="10"/>
    </row>
    <row r="104002" spans="14:14">
      <c r="N104002" s="10"/>
    </row>
    <row r="104003" spans="14:14">
      <c r="N104003" s="10"/>
    </row>
    <row r="104004" spans="14:14">
      <c r="N104004" s="10"/>
    </row>
    <row r="104005" spans="14:14">
      <c r="N104005" s="10"/>
    </row>
    <row r="104006" spans="14:14">
      <c r="N104006" s="10"/>
    </row>
    <row r="104007" spans="14:14">
      <c r="N104007" s="10"/>
    </row>
    <row r="104008" spans="14:14">
      <c r="N104008" s="10"/>
    </row>
    <row r="104009" spans="14:14">
      <c r="N104009" s="10"/>
    </row>
    <row r="104010" spans="14:14">
      <c r="N104010" s="10"/>
    </row>
    <row r="104011" spans="14:14">
      <c r="N104011" s="10"/>
    </row>
    <row r="104012" spans="14:14">
      <c r="N104012" s="10"/>
    </row>
    <row r="104013" spans="14:14">
      <c r="N104013" s="10"/>
    </row>
    <row r="104014" spans="14:14">
      <c r="N104014" s="10"/>
    </row>
    <row r="104015" spans="14:14">
      <c r="N104015" s="10"/>
    </row>
    <row r="104016" spans="14:14">
      <c r="N104016" s="10"/>
    </row>
    <row r="104017" spans="14:14">
      <c r="N104017" s="10"/>
    </row>
    <row r="104018" spans="14:14">
      <c r="N104018" s="10"/>
    </row>
    <row r="104019" spans="14:14">
      <c r="N104019" s="10"/>
    </row>
    <row r="104020" spans="14:14">
      <c r="N104020" s="10"/>
    </row>
    <row r="104021" spans="14:14">
      <c r="N104021" s="10"/>
    </row>
    <row r="104022" spans="14:14">
      <c r="N104022" s="10"/>
    </row>
    <row r="104023" spans="14:14">
      <c r="N104023" s="10"/>
    </row>
    <row r="104024" spans="14:14">
      <c r="N104024" s="10"/>
    </row>
    <row r="104025" spans="14:14">
      <c r="N104025" s="10"/>
    </row>
    <row r="104026" spans="14:14">
      <c r="N104026" s="10"/>
    </row>
    <row r="104027" spans="14:14">
      <c r="N104027" s="10"/>
    </row>
    <row r="104028" spans="14:14">
      <c r="N104028" s="10"/>
    </row>
    <row r="104029" spans="14:14">
      <c r="N104029" s="10"/>
    </row>
    <row r="104030" spans="14:14">
      <c r="N104030" s="10"/>
    </row>
    <row r="104031" spans="14:14">
      <c r="N104031" s="10"/>
    </row>
    <row r="104032" spans="14:14">
      <c r="N104032" s="10"/>
    </row>
    <row r="104033" spans="14:14">
      <c r="N104033" s="10"/>
    </row>
    <row r="104034" spans="14:14">
      <c r="N104034" s="10"/>
    </row>
    <row r="104035" spans="14:14">
      <c r="N104035" s="10"/>
    </row>
    <row r="104036" spans="14:14">
      <c r="N104036" s="10"/>
    </row>
    <row r="104037" spans="14:14">
      <c r="N104037" s="10"/>
    </row>
    <row r="104038" spans="14:14">
      <c r="N104038" s="10"/>
    </row>
    <row r="104039" spans="14:14">
      <c r="N104039" s="10"/>
    </row>
    <row r="104040" spans="14:14">
      <c r="N104040" s="10"/>
    </row>
    <row r="104041" spans="14:14">
      <c r="N104041" s="10"/>
    </row>
    <row r="104042" spans="14:14">
      <c r="N104042" s="10"/>
    </row>
    <row r="104043" spans="14:14">
      <c r="N104043" s="10"/>
    </row>
    <row r="104044" spans="14:14">
      <c r="N104044" s="10"/>
    </row>
    <row r="104045" spans="14:14">
      <c r="N104045" s="10"/>
    </row>
    <row r="104046" spans="14:14">
      <c r="N104046" s="10"/>
    </row>
    <row r="104047" spans="14:14">
      <c r="N104047" s="10"/>
    </row>
    <row r="104048" spans="14:14">
      <c r="N104048" s="10"/>
    </row>
    <row r="104049" spans="14:14">
      <c r="N104049" s="10"/>
    </row>
    <row r="104050" spans="14:14">
      <c r="N104050" s="10"/>
    </row>
    <row r="104051" spans="14:14">
      <c r="N104051" s="10"/>
    </row>
    <row r="104052" spans="14:14">
      <c r="N104052" s="10"/>
    </row>
    <row r="104053" spans="14:14">
      <c r="N104053" s="10"/>
    </row>
    <row r="104054" spans="14:14">
      <c r="N104054" s="10"/>
    </row>
    <row r="104055" spans="14:14">
      <c r="N104055" s="10"/>
    </row>
    <row r="104056" spans="14:14">
      <c r="N104056" s="10"/>
    </row>
    <row r="104057" spans="14:14">
      <c r="N104057" s="10"/>
    </row>
    <row r="104058" spans="14:14">
      <c r="N104058" s="10"/>
    </row>
    <row r="104059" spans="14:14">
      <c r="N104059" s="10"/>
    </row>
    <row r="104060" spans="14:14">
      <c r="N104060" s="10"/>
    </row>
    <row r="104061" spans="14:14">
      <c r="N104061" s="10"/>
    </row>
    <row r="104062" spans="14:14">
      <c r="N104062" s="10"/>
    </row>
    <row r="104063" spans="14:14">
      <c r="N104063" s="10"/>
    </row>
    <row r="104064" spans="14:14">
      <c r="N104064" s="10"/>
    </row>
    <row r="104065" spans="14:14">
      <c r="N104065" s="10"/>
    </row>
    <row r="104066" spans="14:14">
      <c r="N104066" s="10"/>
    </row>
    <row r="104067" spans="14:14">
      <c r="N104067" s="10"/>
    </row>
    <row r="104068" spans="14:14">
      <c r="N104068" s="10"/>
    </row>
    <row r="104069" spans="14:14">
      <c r="N104069" s="10"/>
    </row>
    <row r="104070" spans="14:14">
      <c r="N104070" s="10"/>
    </row>
    <row r="104071" spans="14:14">
      <c r="N104071" s="10"/>
    </row>
    <row r="104072" spans="14:14">
      <c r="N104072" s="10"/>
    </row>
    <row r="104073" spans="14:14">
      <c r="N104073" s="10"/>
    </row>
    <row r="104074" spans="14:14">
      <c r="N104074" s="10"/>
    </row>
    <row r="104075" spans="14:14">
      <c r="N104075" s="10"/>
    </row>
    <row r="104076" spans="14:14">
      <c r="N104076" s="10"/>
    </row>
    <row r="104077" spans="14:14">
      <c r="N104077" s="10"/>
    </row>
    <row r="104078" spans="14:14">
      <c r="N104078" s="10"/>
    </row>
    <row r="104079" spans="14:14">
      <c r="N104079" s="10"/>
    </row>
    <row r="104080" spans="14:14">
      <c r="N104080" s="10"/>
    </row>
    <row r="104081" spans="14:14">
      <c r="N104081" s="10"/>
    </row>
    <row r="104082" spans="14:14">
      <c r="N104082" s="10"/>
    </row>
    <row r="104083" spans="14:14">
      <c r="N104083" s="10"/>
    </row>
    <row r="104084" spans="14:14">
      <c r="N104084" s="10"/>
    </row>
    <row r="104085" spans="14:14">
      <c r="N104085" s="10"/>
    </row>
    <row r="104086" spans="14:14">
      <c r="N104086" s="10"/>
    </row>
    <row r="104087" spans="14:14">
      <c r="N104087" s="10"/>
    </row>
    <row r="104088" spans="14:14">
      <c r="N104088" s="10"/>
    </row>
    <row r="104089" spans="14:14">
      <c r="N104089" s="10"/>
    </row>
    <row r="104090" spans="14:14">
      <c r="N104090" s="10"/>
    </row>
    <row r="104091" spans="14:14">
      <c r="N104091" s="10"/>
    </row>
    <row r="104092" spans="14:14">
      <c r="N104092" s="10"/>
    </row>
    <row r="104093" spans="14:14">
      <c r="N104093" s="10"/>
    </row>
    <row r="104094" spans="14:14">
      <c r="N104094" s="10"/>
    </row>
    <row r="104095" spans="14:14">
      <c r="N104095" s="10"/>
    </row>
    <row r="104096" spans="14:14">
      <c r="N104096" s="10"/>
    </row>
    <row r="104097" spans="14:14">
      <c r="N104097" s="10"/>
    </row>
    <row r="104098" spans="14:14">
      <c r="N104098" s="10"/>
    </row>
    <row r="104099" spans="14:14">
      <c r="N104099" s="10"/>
    </row>
    <row r="104100" spans="14:14">
      <c r="N104100" s="10"/>
    </row>
    <row r="104101" spans="14:14">
      <c r="N104101" s="10"/>
    </row>
    <row r="104102" spans="14:14">
      <c r="N104102" s="10"/>
    </row>
    <row r="104103" spans="14:14">
      <c r="N104103" s="10"/>
    </row>
    <row r="104104" spans="14:14">
      <c r="N104104" s="10"/>
    </row>
    <row r="104105" spans="14:14">
      <c r="N104105" s="10"/>
    </row>
    <row r="104106" spans="14:14">
      <c r="N104106" s="10"/>
    </row>
    <row r="104107" spans="14:14">
      <c r="N104107" s="10"/>
    </row>
    <row r="104108" spans="14:14">
      <c r="N104108" s="10"/>
    </row>
    <row r="104109" spans="14:14">
      <c r="N104109" s="10"/>
    </row>
    <row r="104110" spans="14:14">
      <c r="N104110" s="10"/>
    </row>
    <row r="104111" spans="14:14">
      <c r="N104111" s="10"/>
    </row>
    <row r="104112" spans="14:14">
      <c r="N104112" s="10"/>
    </row>
    <row r="104113" spans="14:14">
      <c r="N104113" s="10"/>
    </row>
    <row r="104114" spans="14:14">
      <c r="N104114" s="10"/>
    </row>
    <row r="104115" spans="14:14">
      <c r="N104115" s="10"/>
    </row>
    <row r="104116" spans="14:14">
      <c r="N104116" s="10"/>
    </row>
    <row r="104117" spans="14:14">
      <c r="N104117" s="10"/>
    </row>
    <row r="104118" spans="14:14">
      <c r="N104118" s="10"/>
    </row>
    <row r="104119" spans="14:14">
      <c r="N104119" s="10"/>
    </row>
    <row r="104120" spans="14:14">
      <c r="N104120" s="10"/>
    </row>
    <row r="104121" spans="14:14">
      <c r="N104121" s="10"/>
    </row>
    <row r="104122" spans="14:14">
      <c r="N104122" s="10"/>
    </row>
    <row r="104123" spans="14:14">
      <c r="N104123" s="10"/>
    </row>
    <row r="104124" spans="14:14">
      <c r="N104124" s="10"/>
    </row>
    <row r="104125" spans="14:14">
      <c r="N104125" s="10"/>
    </row>
    <row r="104126" spans="14:14">
      <c r="N104126" s="10"/>
    </row>
    <row r="104127" spans="14:14">
      <c r="N104127" s="10"/>
    </row>
    <row r="104128" spans="14:14">
      <c r="N104128" s="10"/>
    </row>
    <row r="104129" spans="14:14">
      <c r="N104129" s="10"/>
    </row>
    <row r="104130" spans="14:14">
      <c r="N104130" s="10"/>
    </row>
    <row r="104131" spans="14:14">
      <c r="N104131" s="10"/>
    </row>
    <row r="104132" spans="14:14">
      <c r="N104132" s="10"/>
    </row>
    <row r="104133" spans="14:14">
      <c r="N104133" s="10"/>
    </row>
    <row r="104134" spans="14:14">
      <c r="N104134" s="10"/>
    </row>
    <row r="104135" spans="14:14">
      <c r="N104135" s="10"/>
    </row>
    <row r="104136" spans="14:14">
      <c r="N104136" s="10"/>
    </row>
    <row r="104137" spans="14:14">
      <c r="N104137" s="10"/>
    </row>
    <row r="104138" spans="14:14">
      <c r="N104138" s="10"/>
    </row>
    <row r="104139" spans="14:14">
      <c r="N104139" s="10"/>
    </row>
    <row r="104140" spans="14:14">
      <c r="N104140" s="10"/>
    </row>
    <row r="104141" spans="14:14">
      <c r="N104141" s="10"/>
    </row>
    <row r="104142" spans="14:14">
      <c r="N104142" s="10"/>
    </row>
    <row r="104143" spans="14:14">
      <c r="N104143" s="10"/>
    </row>
    <row r="104144" spans="14:14">
      <c r="N104144" s="10"/>
    </row>
    <row r="104145" spans="14:14">
      <c r="N104145" s="10"/>
    </row>
    <row r="104146" spans="14:14">
      <c r="N104146" s="10"/>
    </row>
    <row r="104147" spans="14:14">
      <c r="N104147" s="10"/>
    </row>
    <row r="104148" spans="14:14">
      <c r="N104148" s="10"/>
    </row>
    <row r="104149" spans="14:14">
      <c r="N104149" s="10"/>
    </row>
    <row r="104150" spans="14:14">
      <c r="N104150" s="10"/>
    </row>
    <row r="104151" spans="14:14">
      <c r="N104151" s="10"/>
    </row>
    <row r="104152" spans="14:14">
      <c r="N104152" s="10"/>
    </row>
    <row r="104153" spans="14:14">
      <c r="N104153" s="10"/>
    </row>
    <row r="104154" spans="14:14">
      <c r="N104154" s="10"/>
    </row>
    <row r="104155" spans="14:14">
      <c r="N104155" s="10"/>
    </row>
    <row r="104156" spans="14:14">
      <c r="N104156" s="10"/>
    </row>
    <row r="104157" spans="14:14">
      <c r="N104157" s="10"/>
    </row>
    <row r="104158" spans="14:14">
      <c r="N104158" s="10"/>
    </row>
    <row r="104159" spans="14:14">
      <c r="N104159" s="10"/>
    </row>
    <row r="104160" spans="14:14">
      <c r="N104160" s="10"/>
    </row>
    <row r="104161" spans="14:14">
      <c r="N104161" s="10"/>
    </row>
    <row r="104162" spans="14:14">
      <c r="N104162" s="10"/>
    </row>
    <row r="104163" spans="14:14">
      <c r="N104163" s="10"/>
    </row>
    <row r="104164" spans="14:14">
      <c r="N104164" s="10"/>
    </row>
    <row r="104165" spans="14:14">
      <c r="N104165" s="10"/>
    </row>
    <row r="104166" spans="14:14">
      <c r="N104166" s="10"/>
    </row>
    <row r="104167" spans="14:14">
      <c r="N104167" s="10"/>
    </row>
    <row r="104168" spans="14:14">
      <c r="N104168" s="10"/>
    </row>
    <row r="104169" spans="14:14">
      <c r="N104169" s="10"/>
    </row>
    <row r="104170" spans="14:14">
      <c r="N104170" s="10"/>
    </row>
    <row r="104171" spans="14:14">
      <c r="N104171" s="10"/>
    </row>
    <row r="104172" spans="14:14">
      <c r="N104172" s="10"/>
    </row>
    <row r="104173" spans="14:14">
      <c r="N104173" s="10"/>
    </row>
    <row r="104174" spans="14:14">
      <c r="N104174" s="10"/>
    </row>
    <row r="104175" spans="14:14">
      <c r="N104175" s="10"/>
    </row>
    <row r="104176" spans="14:14">
      <c r="N104176" s="10"/>
    </row>
    <row r="104177" spans="14:14">
      <c r="N104177" s="10"/>
    </row>
    <row r="104178" spans="14:14">
      <c r="N104178" s="10"/>
    </row>
    <row r="104179" spans="14:14">
      <c r="N104179" s="10"/>
    </row>
    <row r="104180" spans="14:14">
      <c r="N104180" s="10"/>
    </row>
    <row r="104181" spans="14:14">
      <c r="N104181" s="10"/>
    </row>
    <row r="104182" spans="14:14">
      <c r="N104182" s="10"/>
    </row>
    <row r="104183" spans="14:14">
      <c r="N104183" s="10"/>
    </row>
    <row r="104184" spans="14:14">
      <c r="N104184" s="10"/>
    </row>
    <row r="104185" spans="14:14">
      <c r="N104185" s="10"/>
    </row>
    <row r="104186" spans="14:14">
      <c r="N104186" s="10"/>
    </row>
    <row r="104187" spans="14:14">
      <c r="N104187" s="10"/>
    </row>
    <row r="104188" spans="14:14">
      <c r="N104188" s="10"/>
    </row>
    <row r="104189" spans="14:14">
      <c r="N104189" s="10"/>
    </row>
    <row r="104190" spans="14:14">
      <c r="N104190" s="10"/>
    </row>
    <row r="104191" spans="14:14">
      <c r="N104191" s="10"/>
    </row>
    <row r="104192" spans="14:14">
      <c r="N104192" s="10"/>
    </row>
    <row r="104193" spans="14:14">
      <c r="N104193" s="10"/>
    </row>
    <row r="104194" spans="14:14">
      <c r="N104194" s="10"/>
    </row>
    <row r="104195" spans="14:14">
      <c r="N104195" s="10"/>
    </row>
    <row r="104196" spans="14:14">
      <c r="N104196" s="10"/>
    </row>
    <row r="104197" spans="14:14">
      <c r="N104197" s="10"/>
    </row>
    <row r="104198" spans="14:14">
      <c r="N104198" s="10"/>
    </row>
    <row r="104199" spans="14:14">
      <c r="N104199" s="10"/>
    </row>
    <row r="104200" spans="14:14">
      <c r="N104200" s="10"/>
    </row>
    <row r="104201" spans="14:14">
      <c r="N104201" s="10"/>
    </row>
    <row r="104202" spans="14:14">
      <c r="N104202" s="10"/>
    </row>
    <row r="104203" spans="14:14">
      <c r="N104203" s="10"/>
    </row>
    <row r="104204" spans="14:14">
      <c r="N104204" s="10"/>
    </row>
    <row r="104205" spans="14:14">
      <c r="N104205" s="10"/>
    </row>
    <row r="104206" spans="14:14">
      <c r="N104206" s="10"/>
    </row>
    <row r="104207" spans="14:14">
      <c r="N104207" s="10"/>
    </row>
    <row r="104208" spans="14:14">
      <c r="N104208" s="10"/>
    </row>
    <row r="104209" spans="14:14">
      <c r="N104209" s="10"/>
    </row>
    <row r="104210" spans="14:14">
      <c r="N104210" s="10"/>
    </row>
    <row r="104211" spans="14:14">
      <c r="N104211" s="10"/>
    </row>
    <row r="104212" spans="14:14">
      <c r="N104212" s="10"/>
    </row>
    <row r="104213" spans="14:14">
      <c r="N104213" s="10"/>
    </row>
    <row r="104214" spans="14:14">
      <c r="N104214" s="10"/>
    </row>
    <row r="104215" spans="14:14">
      <c r="N104215" s="10"/>
    </row>
    <row r="104216" spans="14:14">
      <c r="N104216" s="10"/>
    </row>
    <row r="104217" spans="14:14">
      <c r="N104217" s="10"/>
    </row>
    <row r="104218" spans="14:14">
      <c r="N104218" s="10"/>
    </row>
    <row r="104219" spans="14:14">
      <c r="N104219" s="10"/>
    </row>
    <row r="104220" spans="14:14">
      <c r="N104220" s="10"/>
    </row>
    <row r="104221" spans="14:14">
      <c r="N104221" s="10"/>
    </row>
    <row r="104222" spans="14:14">
      <c r="N104222" s="10"/>
    </row>
    <row r="104223" spans="14:14">
      <c r="N104223" s="10"/>
    </row>
    <row r="104224" spans="14:14">
      <c r="N104224" s="10"/>
    </row>
    <row r="104225" spans="14:14">
      <c r="N104225" s="10"/>
    </row>
    <row r="104226" spans="14:14">
      <c r="N104226" s="10"/>
    </row>
    <row r="104227" spans="14:14">
      <c r="N104227" s="10"/>
    </row>
    <row r="104228" spans="14:14">
      <c r="N104228" s="10"/>
    </row>
    <row r="104229" spans="14:14">
      <c r="N104229" s="10"/>
    </row>
    <row r="104230" spans="14:14">
      <c r="N104230" s="10"/>
    </row>
    <row r="104231" spans="14:14">
      <c r="N104231" s="10"/>
    </row>
    <row r="104232" spans="14:14">
      <c r="N104232" s="10"/>
    </row>
    <row r="104233" spans="14:14">
      <c r="N104233" s="10"/>
    </row>
    <row r="104234" spans="14:14">
      <c r="N104234" s="10"/>
    </row>
    <row r="104235" spans="14:14">
      <c r="N104235" s="10"/>
    </row>
    <row r="104236" spans="14:14">
      <c r="N104236" s="10"/>
    </row>
    <row r="104237" spans="14:14">
      <c r="N104237" s="10"/>
    </row>
    <row r="104238" spans="14:14">
      <c r="N104238" s="10"/>
    </row>
    <row r="104239" spans="14:14">
      <c r="N104239" s="10"/>
    </row>
    <row r="104240" spans="14:14">
      <c r="N104240" s="10"/>
    </row>
    <row r="104241" spans="14:14">
      <c r="N104241" s="10"/>
    </row>
    <row r="104242" spans="14:14">
      <c r="N104242" s="10"/>
    </row>
    <row r="104243" spans="14:14">
      <c r="N104243" s="10"/>
    </row>
    <row r="104244" spans="14:14">
      <c r="N104244" s="10"/>
    </row>
    <row r="104245" spans="14:14">
      <c r="N104245" s="10"/>
    </row>
    <row r="104246" spans="14:14">
      <c r="N104246" s="10"/>
    </row>
    <row r="104247" spans="14:14">
      <c r="N104247" s="10"/>
    </row>
    <row r="104248" spans="14:14">
      <c r="N104248" s="10"/>
    </row>
    <row r="104249" spans="14:14">
      <c r="N104249" s="10"/>
    </row>
    <row r="104250" spans="14:14">
      <c r="N104250" s="10"/>
    </row>
    <row r="104251" spans="14:14">
      <c r="N104251" s="10"/>
    </row>
    <row r="104252" spans="14:14">
      <c r="N104252" s="10"/>
    </row>
    <row r="104253" spans="14:14">
      <c r="N104253" s="10"/>
    </row>
    <row r="104254" spans="14:14">
      <c r="N104254" s="10"/>
    </row>
    <row r="104255" spans="14:14">
      <c r="N104255" s="10"/>
    </row>
    <row r="104256" spans="14:14">
      <c r="N104256" s="10"/>
    </row>
    <row r="104257" spans="14:14">
      <c r="N104257" s="10"/>
    </row>
    <row r="104258" spans="14:14">
      <c r="N104258" s="10"/>
    </row>
    <row r="104259" spans="14:14">
      <c r="N104259" s="10"/>
    </row>
    <row r="104260" spans="14:14">
      <c r="N104260" s="10"/>
    </row>
    <row r="104261" spans="14:14">
      <c r="N104261" s="10"/>
    </row>
    <row r="104262" spans="14:14">
      <c r="N104262" s="10"/>
    </row>
    <row r="104263" spans="14:14">
      <c r="N104263" s="10"/>
    </row>
    <row r="104264" spans="14:14">
      <c r="N104264" s="10"/>
    </row>
    <row r="104265" spans="14:14">
      <c r="N104265" s="10"/>
    </row>
    <row r="104266" spans="14:14">
      <c r="N104266" s="10"/>
    </row>
    <row r="104267" spans="14:14">
      <c r="N104267" s="10"/>
    </row>
    <row r="104268" spans="14:14">
      <c r="N104268" s="10"/>
    </row>
    <row r="104269" spans="14:14">
      <c r="N104269" s="10"/>
    </row>
    <row r="104270" spans="14:14">
      <c r="N104270" s="10"/>
    </row>
    <row r="104271" spans="14:14">
      <c r="N104271" s="10"/>
    </row>
    <row r="104272" spans="14:14">
      <c r="N104272" s="10"/>
    </row>
    <row r="104273" spans="14:14">
      <c r="N104273" s="10"/>
    </row>
    <row r="104274" spans="14:14">
      <c r="N104274" s="10"/>
    </row>
    <row r="104275" spans="14:14">
      <c r="N104275" s="10"/>
    </row>
    <row r="104276" spans="14:14">
      <c r="N104276" s="10"/>
    </row>
    <row r="104277" spans="14:14">
      <c r="N104277" s="10"/>
    </row>
    <row r="104278" spans="14:14">
      <c r="N104278" s="10"/>
    </row>
    <row r="104279" spans="14:14">
      <c r="N104279" s="10"/>
    </row>
    <row r="104280" spans="14:14">
      <c r="N104280" s="10"/>
    </row>
    <row r="104281" spans="14:14">
      <c r="N104281" s="10"/>
    </row>
    <row r="104282" spans="14:14">
      <c r="N104282" s="10"/>
    </row>
    <row r="104283" spans="14:14">
      <c r="N104283" s="10"/>
    </row>
    <row r="104284" spans="14:14">
      <c r="N104284" s="10"/>
    </row>
    <row r="104285" spans="14:14">
      <c r="N104285" s="10"/>
    </row>
    <row r="104286" spans="14:14">
      <c r="N104286" s="10"/>
    </row>
    <row r="104287" spans="14:14">
      <c r="N104287" s="10"/>
    </row>
    <row r="104288" spans="14:14">
      <c r="N104288" s="10"/>
    </row>
    <row r="104289" spans="14:14">
      <c r="N104289" s="10"/>
    </row>
    <row r="104290" spans="14:14">
      <c r="N104290" s="10"/>
    </row>
    <row r="104291" spans="14:14">
      <c r="N104291" s="10"/>
    </row>
    <row r="104292" spans="14:14">
      <c r="N104292" s="10"/>
    </row>
    <row r="104293" spans="14:14">
      <c r="N104293" s="10"/>
    </row>
    <row r="104294" spans="14:14">
      <c r="N104294" s="10"/>
    </row>
    <row r="104295" spans="14:14">
      <c r="N104295" s="10"/>
    </row>
    <row r="104296" spans="14:14">
      <c r="N104296" s="10"/>
    </row>
    <row r="104297" spans="14:14">
      <c r="N104297" s="10"/>
    </row>
    <row r="104298" spans="14:14">
      <c r="N104298" s="10"/>
    </row>
    <row r="104299" spans="14:14">
      <c r="N104299" s="10"/>
    </row>
    <row r="104300" spans="14:14">
      <c r="N104300" s="10"/>
    </row>
    <row r="104301" spans="14:14">
      <c r="N104301" s="10"/>
    </row>
    <row r="104302" spans="14:14">
      <c r="N104302" s="10"/>
    </row>
    <row r="104303" spans="14:14">
      <c r="N104303" s="10"/>
    </row>
    <row r="104304" spans="14:14">
      <c r="N104304" s="10"/>
    </row>
    <row r="104305" spans="14:14">
      <c r="N104305" s="10"/>
    </row>
    <row r="104306" spans="14:14">
      <c r="N104306" s="10"/>
    </row>
    <row r="104307" spans="14:14">
      <c r="N104307" s="10"/>
    </row>
    <row r="104308" spans="14:14">
      <c r="N104308" s="10"/>
    </row>
    <row r="104309" spans="14:14">
      <c r="N104309" s="10"/>
    </row>
    <row r="104310" spans="14:14">
      <c r="N104310" s="10"/>
    </row>
    <row r="104311" spans="14:14">
      <c r="N104311" s="10"/>
    </row>
    <row r="104312" spans="14:14">
      <c r="N104312" s="10"/>
    </row>
    <row r="104313" spans="14:14">
      <c r="N104313" s="10"/>
    </row>
    <row r="104314" spans="14:14">
      <c r="N104314" s="10"/>
    </row>
    <row r="104315" spans="14:14">
      <c r="N104315" s="10"/>
    </row>
    <row r="104316" spans="14:14">
      <c r="N104316" s="10"/>
    </row>
    <row r="104317" spans="14:14">
      <c r="N104317" s="10"/>
    </row>
    <row r="104318" spans="14:14">
      <c r="N104318" s="10"/>
    </row>
    <row r="104319" spans="14:14">
      <c r="N104319" s="10"/>
    </row>
    <row r="104320" spans="14:14">
      <c r="N104320" s="10"/>
    </row>
    <row r="104321" spans="14:14">
      <c r="N104321" s="10"/>
    </row>
    <row r="104322" spans="14:14">
      <c r="N104322" s="10"/>
    </row>
    <row r="104323" spans="14:14">
      <c r="N104323" s="10"/>
    </row>
    <row r="104324" spans="14:14">
      <c r="N104324" s="10"/>
    </row>
    <row r="104325" spans="14:14">
      <c r="N104325" s="10"/>
    </row>
    <row r="104326" spans="14:14">
      <c r="N104326" s="10"/>
    </row>
    <row r="104327" spans="14:14">
      <c r="N104327" s="10"/>
    </row>
    <row r="104328" spans="14:14">
      <c r="N104328" s="10"/>
    </row>
    <row r="104329" spans="14:14">
      <c r="N104329" s="10"/>
    </row>
    <row r="104330" spans="14:14">
      <c r="N104330" s="10"/>
    </row>
    <row r="104331" spans="14:14">
      <c r="N104331" s="10"/>
    </row>
    <row r="104332" spans="14:14">
      <c r="N104332" s="10"/>
    </row>
    <row r="104333" spans="14:14">
      <c r="N104333" s="10"/>
    </row>
    <row r="104334" spans="14:14">
      <c r="N104334" s="10"/>
    </row>
    <row r="104335" spans="14:14">
      <c r="N104335" s="10"/>
    </row>
    <row r="104336" spans="14:14">
      <c r="N104336" s="10"/>
    </row>
    <row r="104337" spans="14:14">
      <c r="N104337" s="10"/>
    </row>
    <row r="104338" spans="14:14">
      <c r="N104338" s="10"/>
    </row>
    <row r="104339" spans="14:14">
      <c r="N104339" s="10"/>
    </row>
    <row r="104340" spans="14:14">
      <c r="N104340" s="10"/>
    </row>
    <row r="104341" spans="14:14">
      <c r="N104341" s="10"/>
    </row>
    <row r="104342" spans="14:14">
      <c r="N104342" s="10"/>
    </row>
    <row r="104343" spans="14:14">
      <c r="N104343" s="10"/>
    </row>
    <row r="104344" spans="14:14">
      <c r="N104344" s="10"/>
    </row>
    <row r="104345" spans="14:14">
      <c r="N104345" s="10"/>
    </row>
    <row r="104346" spans="14:14">
      <c r="N104346" s="10"/>
    </row>
    <row r="104347" spans="14:14">
      <c r="N104347" s="10"/>
    </row>
    <row r="104348" spans="14:14">
      <c r="N104348" s="10"/>
    </row>
    <row r="104349" spans="14:14">
      <c r="N104349" s="10"/>
    </row>
    <row r="104350" spans="14:14">
      <c r="N104350" s="10"/>
    </row>
    <row r="104351" spans="14:14">
      <c r="N104351" s="10"/>
    </row>
    <row r="104352" spans="14:14">
      <c r="N104352" s="10"/>
    </row>
    <row r="104353" spans="14:14">
      <c r="N104353" s="10"/>
    </row>
    <row r="104354" spans="14:14">
      <c r="N104354" s="10"/>
    </row>
    <row r="104355" spans="14:14">
      <c r="N104355" s="10"/>
    </row>
    <row r="104356" spans="14:14">
      <c r="N104356" s="10"/>
    </row>
    <row r="104357" spans="14:14">
      <c r="N104357" s="10"/>
    </row>
    <row r="104358" spans="14:14">
      <c r="N104358" s="10"/>
    </row>
    <row r="104359" spans="14:14">
      <c r="N104359" s="10"/>
    </row>
    <row r="104360" spans="14:14">
      <c r="N104360" s="10"/>
    </row>
    <row r="104361" spans="14:14">
      <c r="N104361" s="10"/>
    </row>
    <row r="104362" spans="14:14">
      <c r="N104362" s="10"/>
    </row>
    <row r="104363" spans="14:14">
      <c r="N104363" s="10"/>
    </row>
    <row r="104364" spans="14:14">
      <c r="N104364" s="10"/>
    </row>
    <row r="104365" spans="14:14">
      <c r="N104365" s="10"/>
    </row>
    <row r="104366" spans="14:14">
      <c r="N104366" s="10"/>
    </row>
    <row r="104367" spans="14:14">
      <c r="N104367" s="10"/>
    </row>
    <row r="104368" spans="14:14">
      <c r="N104368" s="10"/>
    </row>
    <row r="104369" spans="14:14">
      <c r="N104369" s="10"/>
    </row>
    <row r="104370" spans="14:14">
      <c r="N104370" s="10"/>
    </row>
    <row r="104371" spans="14:14">
      <c r="N104371" s="10"/>
    </row>
    <row r="104372" spans="14:14">
      <c r="N104372" s="10"/>
    </row>
    <row r="104373" spans="14:14">
      <c r="N104373" s="10"/>
    </row>
    <row r="104374" spans="14:14">
      <c r="N104374" s="10"/>
    </row>
    <row r="104375" spans="14:14">
      <c r="N104375" s="10"/>
    </row>
    <row r="104376" spans="14:14">
      <c r="N104376" s="10"/>
    </row>
    <row r="104377" spans="14:14">
      <c r="N104377" s="10"/>
    </row>
    <row r="104378" spans="14:14">
      <c r="N104378" s="10"/>
    </row>
    <row r="104379" spans="14:14">
      <c r="N104379" s="10"/>
    </row>
    <row r="104380" spans="14:14">
      <c r="N104380" s="10"/>
    </row>
    <row r="104381" spans="14:14">
      <c r="N104381" s="10"/>
    </row>
    <row r="104382" spans="14:14">
      <c r="N104382" s="10"/>
    </row>
    <row r="104383" spans="14:14">
      <c r="N104383" s="10"/>
    </row>
    <row r="104384" spans="14:14">
      <c r="N104384" s="10"/>
    </row>
    <row r="104385" spans="14:14">
      <c r="N104385" s="10"/>
    </row>
    <row r="104386" spans="14:14">
      <c r="N104386" s="10"/>
    </row>
    <row r="104387" spans="14:14">
      <c r="N104387" s="10"/>
    </row>
    <row r="104388" spans="14:14">
      <c r="N104388" s="10"/>
    </row>
    <row r="104389" spans="14:14">
      <c r="N104389" s="10"/>
    </row>
    <row r="104390" spans="14:14">
      <c r="N104390" s="10"/>
    </row>
    <row r="104391" spans="14:14">
      <c r="N104391" s="10"/>
    </row>
    <row r="104392" spans="14:14">
      <c r="N104392" s="10"/>
    </row>
    <row r="104393" spans="14:14">
      <c r="N104393" s="10"/>
    </row>
    <row r="104394" spans="14:14">
      <c r="N104394" s="10"/>
    </row>
    <row r="104395" spans="14:14">
      <c r="N104395" s="10"/>
    </row>
    <row r="104396" spans="14:14">
      <c r="N104396" s="10"/>
    </row>
    <row r="104397" spans="14:14">
      <c r="N104397" s="10"/>
    </row>
    <row r="104398" spans="14:14">
      <c r="N104398" s="10"/>
    </row>
    <row r="104399" spans="14:14">
      <c r="N104399" s="10"/>
    </row>
    <row r="104400" spans="14:14">
      <c r="N104400" s="10"/>
    </row>
    <row r="104401" spans="14:14">
      <c r="N104401" s="10"/>
    </row>
    <row r="104402" spans="14:14">
      <c r="N104402" s="10"/>
    </row>
    <row r="104403" spans="14:14">
      <c r="N104403" s="10"/>
    </row>
    <row r="104404" spans="14:14">
      <c r="N104404" s="10"/>
    </row>
    <row r="104405" spans="14:14">
      <c r="N104405" s="10"/>
    </row>
    <row r="104406" spans="14:14">
      <c r="N104406" s="10"/>
    </row>
    <row r="104407" spans="14:14">
      <c r="N104407" s="10"/>
    </row>
    <row r="104408" spans="14:14">
      <c r="N104408" s="10"/>
    </row>
    <row r="104409" spans="14:14">
      <c r="N104409" s="10"/>
    </row>
    <row r="104410" spans="14:14">
      <c r="N104410" s="10"/>
    </row>
    <row r="104411" spans="14:14">
      <c r="N104411" s="10"/>
    </row>
    <row r="104412" spans="14:14">
      <c r="N104412" s="10"/>
    </row>
    <row r="104413" spans="14:14">
      <c r="N104413" s="10"/>
    </row>
    <row r="104414" spans="14:14">
      <c r="N104414" s="10"/>
    </row>
    <row r="104415" spans="14:14">
      <c r="N104415" s="10"/>
    </row>
    <row r="104416" spans="14:14">
      <c r="N104416" s="10"/>
    </row>
    <row r="104417" spans="14:14">
      <c r="N104417" s="10"/>
    </row>
    <row r="104418" spans="14:14">
      <c r="N104418" s="10"/>
    </row>
    <row r="104419" spans="14:14">
      <c r="N104419" s="10"/>
    </row>
    <row r="104420" spans="14:14">
      <c r="N104420" s="10"/>
    </row>
    <row r="104421" spans="14:14">
      <c r="N104421" s="10"/>
    </row>
    <row r="104422" spans="14:14">
      <c r="N104422" s="10"/>
    </row>
    <row r="104423" spans="14:14">
      <c r="N104423" s="10"/>
    </row>
    <row r="104424" spans="14:14">
      <c r="N104424" s="10"/>
    </row>
    <row r="104425" spans="14:14">
      <c r="N104425" s="10"/>
    </row>
    <row r="104426" spans="14:14">
      <c r="N104426" s="10"/>
    </row>
    <row r="104427" spans="14:14">
      <c r="N104427" s="10"/>
    </row>
    <row r="104428" spans="14:14">
      <c r="N104428" s="10"/>
    </row>
    <row r="104429" spans="14:14">
      <c r="N104429" s="10"/>
    </row>
    <row r="104430" spans="14:14">
      <c r="N104430" s="10"/>
    </row>
    <row r="104431" spans="14:14">
      <c r="N104431" s="10"/>
    </row>
    <row r="104432" spans="14:14">
      <c r="N104432" s="10"/>
    </row>
    <row r="104433" spans="14:14">
      <c r="N104433" s="10"/>
    </row>
    <row r="104434" spans="14:14">
      <c r="N104434" s="10"/>
    </row>
    <row r="104435" spans="14:14">
      <c r="N104435" s="10"/>
    </row>
    <row r="104436" spans="14:14">
      <c r="N104436" s="10"/>
    </row>
    <row r="104437" spans="14:14">
      <c r="N104437" s="10"/>
    </row>
    <row r="104438" spans="14:14">
      <c r="N104438" s="10"/>
    </row>
    <row r="104439" spans="14:14">
      <c r="N104439" s="10"/>
    </row>
    <row r="104440" spans="14:14">
      <c r="N104440" s="10"/>
    </row>
    <row r="104441" spans="14:14">
      <c r="N104441" s="10"/>
    </row>
    <row r="104442" spans="14:14">
      <c r="N104442" s="10"/>
    </row>
    <row r="104443" spans="14:14">
      <c r="N104443" s="10"/>
    </row>
    <row r="104444" spans="14:14">
      <c r="N104444" s="10"/>
    </row>
    <row r="104445" spans="14:14">
      <c r="N104445" s="10"/>
    </row>
    <row r="104446" spans="14:14">
      <c r="N104446" s="10"/>
    </row>
    <row r="104447" spans="14:14">
      <c r="N104447" s="10"/>
    </row>
    <row r="104448" spans="14:14">
      <c r="N104448" s="10"/>
    </row>
    <row r="104449" spans="14:14">
      <c r="N104449" s="10"/>
    </row>
    <row r="104450" spans="14:14">
      <c r="N104450" s="10"/>
    </row>
    <row r="104451" spans="14:14">
      <c r="N104451" s="10"/>
    </row>
    <row r="104452" spans="14:14">
      <c r="N104452" s="10"/>
    </row>
    <row r="104453" spans="14:14">
      <c r="N104453" s="10"/>
    </row>
    <row r="104454" spans="14:14">
      <c r="N104454" s="10"/>
    </row>
    <row r="104455" spans="14:14">
      <c r="N104455" s="10"/>
    </row>
    <row r="104456" spans="14:14">
      <c r="N104456" s="10"/>
    </row>
    <row r="104457" spans="14:14">
      <c r="N104457" s="10"/>
    </row>
    <row r="104458" spans="14:14">
      <c r="N104458" s="10"/>
    </row>
    <row r="104459" spans="14:14">
      <c r="N104459" s="10"/>
    </row>
    <row r="104460" spans="14:14">
      <c r="N104460" s="10"/>
    </row>
    <row r="104461" spans="14:14">
      <c r="N104461" s="10"/>
    </row>
    <row r="104462" spans="14:14">
      <c r="N104462" s="10"/>
    </row>
    <row r="104463" spans="14:14">
      <c r="N104463" s="10"/>
    </row>
    <row r="104464" spans="14:14">
      <c r="N104464" s="10"/>
    </row>
    <row r="104465" spans="14:14">
      <c r="N104465" s="10"/>
    </row>
    <row r="104466" spans="14:14">
      <c r="N104466" s="10"/>
    </row>
    <row r="104467" spans="14:14">
      <c r="N104467" s="10"/>
    </row>
    <row r="104468" spans="14:14">
      <c r="N104468" s="10"/>
    </row>
    <row r="104469" spans="14:14">
      <c r="N104469" s="10"/>
    </row>
    <row r="104470" spans="14:14">
      <c r="N104470" s="10"/>
    </row>
    <row r="104471" spans="14:14">
      <c r="N104471" s="10"/>
    </row>
    <row r="104472" spans="14:14">
      <c r="N104472" s="10"/>
    </row>
    <row r="104473" spans="14:14">
      <c r="N104473" s="10"/>
    </row>
    <row r="104474" spans="14:14">
      <c r="N104474" s="10"/>
    </row>
    <row r="104475" spans="14:14">
      <c r="N104475" s="10"/>
    </row>
    <row r="104476" spans="14:14">
      <c r="N104476" s="10"/>
    </row>
    <row r="104477" spans="14:14">
      <c r="N104477" s="10"/>
    </row>
    <row r="104478" spans="14:14">
      <c r="N104478" s="10"/>
    </row>
    <row r="104479" spans="14:14">
      <c r="N104479" s="10"/>
    </row>
    <row r="104480" spans="14:14">
      <c r="N104480" s="10"/>
    </row>
    <row r="104481" spans="14:14">
      <c r="N104481" s="10"/>
    </row>
    <row r="104482" spans="14:14">
      <c r="N104482" s="10"/>
    </row>
    <row r="104483" spans="14:14">
      <c r="N104483" s="10"/>
    </row>
    <row r="104484" spans="14:14">
      <c r="N104484" s="10"/>
    </row>
    <row r="104485" spans="14:14">
      <c r="N104485" s="10"/>
    </row>
    <row r="104486" spans="14:14">
      <c r="N104486" s="10"/>
    </row>
    <row r="104487" spans="14:14">
      <c r="N104487" s="10"/>
    </row>
    <row r="104488" spans="14:14">
      <c r="N104488" s="10"/>
    </row>
    <row r="104489" spans="14:14">
      <c r="N104489" s="10"/>
    </row>
    <row r="104490" spans="14:14">
      <c r="N104490" s="10"/>
    </row>
    <row r="104491" spans="14:14">
      <c r="N104491" s="10"/>
    </row>
    <row r="104492" spans="14:14">
      <c r="N104492" s="10"/>
    </row>
    <row r="104493" spans="14:14">
      <c r="N104493" s="10"/>
    </row>
    <row r="104494" spans="14:14">
      <c r="N104494" s="10"/>
    </row>
    <row r="104495" spans="14:14">
      <c r="N104495" s="10"/>
    </row>
    <row r="104496" spans="14:14">
      <c r="N104496" s="10"/>
    </row>
    <row r="104497" spans="14:14">
      <c r="N104497" s="10"/>
    </row>
    <row r="104498" spans="14:14">
      <c r="N104498" s="10"/>
    </row>
    <row r="104499" spans="14:14">
      <c r="N104499" s="10"/>
    </row>
    <row r="104500" spans="14:14">
      <c r="N104500" s="10"/>
    </row>
    <row r="104501" spans="14:14">
      <c r="N104501" s="10"/>
    </row>
    <row r="104502" spans="14:14">
      <c r="N104502" s="10"/>
    </row>
    <row r="104503" spans="14:14">
      <c r="N104503" s="10"/>
    </row>
    <row r="104504" spans="14:14">
      <c r="N104504" s="10"/>
    </row>
    <row r="104505" spans="14:14">
      <c r="N104505" s="10"/>
    </row>
    <row r="104506" spans="14:14">
      <c r="N104506" s="10"/>
    </row>
    <row r="104507" spans="14:14">
      <c r="N104507" s="10"/>
    </row>
    <row r="104508" spans="14:14">
      <c r="N104508" s="10"/>
    </row>
    <row r="104509" spans="14:14">
      <c r="N104509" s="10"/>
    </row>
    <row r="104510" spans="14:14">
      <c r="N104510" s="10"/>
    </row>
    <row r="104511" spans="14:14">
      <c r="N104511" s="10"/>
    </row>
    <row r="104512" spans="14:14">
      <c r="N104512" s="10"/>
    </row>
    <row r="104513" spans="14:14">
      <c r="N104513" s="10"/>
    </row>
    <row r="104514" spans="14:14">
      <c r="N104514" s="10"/>
    </row>
    <row r="104515" spans="14:14">
      <c r="N104515" s="10"/>
    </row>
    <row r="104516" spans="14:14">
      <c r="N104516" s="10"/>
    </row>
    <row r="104517" spans="14:14">
      <c r="N104517" s="10"/>
    </row>
    <row r="104518" spans="14:14">
      <c r="N104518" s="10"/>
    </row>
    <row r="104519" spans="14:14">
      <c r="N104519" s="10"/>
    </row>
    <row r="104520" spans="14:14">
      <c r="N104520" s="10"/>
    </row>
    <row r="104521" spans="14:14">
      <c r="N104521" s="10"/>
    </row>
    <row r="104522" spans="14:14">
      <c r="N104522" s="10"/>
    </row>
    <row r="104523" spans="14:14">
      <c r="N104523" s="10"/>
    </row>
    <row r="104524" spans="14:14">
      <c r="N104524" s="10"/>
    </row>
    <row r="104525" spans="14:14">
      <c r="N104525" s="10"/>
    </row>
    <row r="104526" spans="14:14">
      <c r="N104526" s="10"/>
    </row>
    <row r="104527" spans="14:14">
      <c r="N104527" s="10"/>
    </row>
    <row r="104528" spans="14:14">
      <c r="N104528" s="10"/>
    </row>
    <row r="104529" spans="14:14">
      <c r="N104529" s="10"/>
    </row>
    <row r="104530" spans="14:14">
      <c r="N104530" s="10"/>
    </row>
    <row r="104531" spans="14:14">
      <c r="N104531" s="10"/>
    </row>
    <row r="104532" spans="14:14">
      <c r="N104532" s="10"/>
    </row>
    <row r="104533" spans="14:14">
      <c r="N104533" s="10"/>
    </row>
    <row r="104534" spans="14:14">
      <c r="N104534" s="10"/>
    </row>
    <row r="104535" spans="14:14">
      <c r="N104535" s="10"/>
    </row>
    <row r="104536" spans="14:14">
      <c r="N104536" s="10"/>
    </row>
    <row r="104537" spans="14:14">
      <c r="N104537" s="10"/>
    </row>
    <row r="104538" spans="14:14">
      <c r="N104538" s="10"/>
    </row>
    <row r="104539" spans="14:14">
      <c r="N104539" s="10"/>
    </row>
    <row r="104540" spans="14:14">
      <c r="N104540" s="10"/>
    </row>
    <row r="104541" spans="14:14">
      <c r="N104541" s="10"/>
    </row>
    <row r="104542" spans="14:14">
      <c r="N104542" s="10"/>
    </row>
    <row r="104543" spans="14:14">
      <c r="N104543" s="10"/>
    </row>
    <row r="104544" spans="14:14">
      <c r="N104544" s="10"/>
    </row>
    <row r="104545" spans="14:14">
      <c r="N104545" s="10"/>
    </row>
    <row r="104546" spans="14:14">
      <c r="N104546" s="10"/>
    </row>
    <row r="104547" spans="14:14">
      <c r="N104547" s="10"/>
    </row>
    <row r="104548" spans="14:14">
      <c r="N104548" s="10"/>
    </row>
    <row r="104549" spans="14:14">
      <c r="N104549" s="10"/>
    </row>
    <row r="104550" spans="14:14">
      <c r="N104550" s="10"/>
    </row>
    <row r="104551" spans="14:14">
      <c r="N104551" s="10"/>
    </row>
    <row r="104552" spans="14:14">
      <c r="N104552" s="10"/>
    </row>
    <row r="104553" spans="14:14">
      <c r="N104553" s="10"/>
    </row>
    <row r="104554" spans="14:14">
      <c r="N104554" s="10"/>
    </row>
    <row r="104555" spans="14:14">
      <c r="N104555" s="10"/>
    </row>
    <row r="104556" spans="14:14">
      <c r="N104556" s="10"/>
    </row>
    <row r="104557" spans="14:14">
      <c r="N104557" s="10"/>
    </row>
    <row r="104558" spans="14:14">
      <c r="N104558" s="10"/>
    </row>
    <row r="104559" spans="14:14">
      <c r="N104559" s="10"/>
    </row>
    <row r="104560" spans="14:14">
      <c r="N104560" s="10"/>
    </row>
    <row r="104561" spans="14:14">
      <c r="N104561" s="10"/>
    </row>
    <row r="104562" spans="14:14">
      <c r="N104562" s="10"/>
    </row>
    <row r="104563" spans="14:14">
      <c r="N104563" s="10"/>
    </row>
    <row r="104564" spans="14:14">
      <c r="N104564" s="10"/>
    </row>
    <row r="104565" spans="14:14">
      <c r="N104565" s="10"/>
    </row>
    <row r="104566" spans="14:14">
      <c r="N104566" s="10"/>
    </row>
    <row r="104567" spans="14:14">
      <c r="N104567" s="10"/>
    </row>
    <row r="104568" spans="14:14">
      <c r="N104568" s="10"/>
    </row>
    <row r="104569" spans="14:14">
      <c r="N104569" s="10"/>
    </row>
    <row r="104570" spans="14:14">
      <c r="N104570" s="10"/>
    </row>
    <row r="104571" spans="14:14">
      <c r="N104571" s="10"/>
    </row>
    <row r="104572" spans="14:14">
      <c r="N104572" s="10"/>
    </row>
    <row r="104573" spans="14:14">
      <c r="N104573" s="10"/>
    </row>
    <row r="104574" spans="14:14">
      <c r="N104574" s="10"/>
    </row>
    <row r="104575" spans="14:14">
      <c r="N104575" s="10"/>
    </row>
    <row r="104576" spans="14:14">
      <c r="N104576" s="10"/>
    </row>
    <row r="104577" spans="14:14">
      <c r="N104577" s="10"/>
    </row>
    <row r="104578" spans="14:14">
      <c r="N104578" s="10"/>
    </row>
    <row r="104579" spans="14:14">
      <c r="N104579" s="10"/>
    </row>
    <row r="104580" spans="14:14">
      <c r="N104580" s="10"/>
    </row>
    <row r="104581" spans="14:14">
      <c r="N104581" s="10"/>
    </row>
    <row r="104582" spans="14:14">
      <c r="N104582" s="10"/>
    </row>
    <row r="104583" spans="14:14">
      <c r="N104583" s="10"/>
    </row>
    <row r="104584" spans="14:14">
      <c r="N104584" s="10"/>
    </row>
    <row r="104585" spans="14:14">
      <c r="N104585" s="10"/>
    </row>
    <row r="104586" spans="14:14">
      <c r="N104586" s="10"/>
    </row>
    <row r="104587" spans="14:14">
      <c r="N104587" s="10"/>
    </row>
    <row r="104588" spans="14:14">
      <c r="N104588" s="10"/>
    </row>
    <row r="104589" spans="14:14">
      <c r="N104589" s="10"/>
    </row>
    <row r="104590" spans="14:14">
      <c r="N104590" s="10"/>
    </row>
    <row r="104591" spans="14:14">
      <c r="N104591" s="10"/>
    </row>
    <row r="104592" spans="14:14">
      <c r="N104592" s="10"/>
    </row>
    <row r="104593" spans="14:14">
      <c r="N104593" s="10"/>
    </row>
    <row r="104594" spans="14:14">
      <c r="N104594" s="10"/>
    </row>
    <row r="104595" spans="14:14">
      <c r="N104595" s="10"/>
    </row>
    <row r="104596" spans="14:14">
      <c r="N104596" s="10"/>
    </row>
    <row r="104597" spans="14:14">
      <c r="N104597" s="10"/>
    </row>
    <row r="104598" spans="14:14">
      <c r="N104598" s="10"/>
    </row>
    <row r="104599" spans="14:14">
      <c r="N104599" s="10"/>
    </row>
    <row r="104600" spans="14:14">
      <c r="N104600" s="10"/>
    </row>
    <row r="104601" spans="14:14">
      <c r="N104601" s="10"/>
    </row>
    <row r="104602" spans="14:14">
      <c r="N104602" s="10"/>
    </row>
    <row r="104603" spans="14:14">
      <c r="N104603" s="10"/>
    </row>
    <row r="104604" spans="14:14">
      <c r="N104604" s="10"/>
    </row>
    <row r="104605" spans="14:14">
      <c r="N104605" s="10"/>
    </row>
    <row r="104606" spans="14:14">
      <c r="N104606" s="10"/>
    </row>
    <row r="104607" spans="14:14">
      <c r="N104607" s="10"/>
    </row>
    <row r="104608" spans="14:14">
      <c r="N104608" s="10"/>
    </row>
    <row r="104609" spans="14:14">
      <c r="N104609" s="10"/>
    </row>
    <row r="104610" spans="14:14">
      <c r="N104610" s="10"/>
    </row>
    <row r="104611" spans="14:14">
      <c r="N104611" s="10"/>
    </row>
    <row r="104612" spans="14:14">
      <c r="N104612" s="10"/>
    </row>
    <row r="104613" spans="14:14">
      <c r="N104613" s="10"/>
    </row>
    <row r="104614" spans="14:14">
      <c r="N104614" s="10"/>
    </row>
    <row r="104615" spans="14:14">
      <c r="N104615" s="10"/>
    </row>
    <row r="104616" spans="14:14">
      <c r="N104616" s="10"/>
    </row>
    <row r="104617" spans="14:14">
      <c r="N104617" s="10"/>
    </row>
    <row r="104618" spans="14:14">
      <c r="N104618" s="10"/>
    </row>
    <row r="104619" spans="14:14">
      <c r="N104619" s="10"/>
    </row>
    <row r="104620" spans="14:14">
      <c r="N104620" s="10"/>
    </row>
    <row r="104621" spans="14:14">
      <c r="N104621" s="10"/>
    </row>
    <row r="104622" spans="14:14">
      <c r="N104622" s="10"/>
    </row>
    <row r="104623" spans="14:14">
      <c r="N104623" s="10"/>
    </row>
    <row r="104624" spans="14:14">
      <c r="N104624" s="10"/>
    </row>
    <row r="104625" spans="14:14">
      <c r="N104625" s="10"/>
    </row>
    <row r="104626" spans="14:14">
      <c r="N104626" s="10"/>
    </row>
    <row r="104627" spans="14:14">
      <c r="N104627" s="10"/>
    </row>
    <row r="104628" spans="14:14">
      <c r="N104628" s="10"/>
    </row>
    <row r="104629" spans="14:14">
      <c r="N104629" s="10"/>
    </row>
    <row r="104630" spans="14:14">
      <c r="N104630" s="10"/>
    </row>
    <row r="104631" spans="14:14">
      <c r="N104631" s="10"/>
    </row>
    <row r="104632" spans="14:14">
      <c r="N104632" s="10"/>
    </row>
    <row r="104633" spans="14:14">
      <c r="N104633" s="10"/>
    </row>
    <row r="104634" spans="14:14">
      <c r="N104634" s="10"/>
    </row>
    <row r="104635" spans="14:14">
      <c r="N104635" s="10"/>
    </row>
    <row r="104636" spans="14:14">
      <c r="N104636" s="10"/>
    </row>
    <row r="104637" spans="14:14">
      <c r="N104637" s="10"/>
    </row>
    <row r="104638" spans="14:14">
      <c r="N104638" s="10"/>
    </row>
    <row r="104639" spans="14:14">
      <c r="N104639" s="10"/>
    </row>
    <row r="104640" spans="14:14">
      <c r="N104640" s="10"/>
    </row>
    <row r="104641" spans="14:14">
      <c r="N104641" s="10"/>
    </row>
    <row r="104642" spans="14:14">
      <c r="N104642" s="10"/>
    </row>
    <row r="104643" spans="14:14">
      <c r="N104643" s="10"/>
    </row>
    <row r="104644" spans="14:14">
      <c r="N104644" s="10"/>
    </row>
    <row r="104645" spans="14:14">
      <c r="N104645" s="10"/>
    </row>
    <row r="104646" spans="14:14">
      <c r="N104646" s="10"/>
    </row>
    <row r="104647" spans="14:14">
      <c r="N104647" s="10"/>
    </row>
    <row r="104648" spans="14:14">
      <c r="N104648" s="10"/>
    </row>
    <row r="104649" spans="14:14">
      <c r="N104649" s="10"/>
    </row>
    <row r="104650" spans="14:14">
      <c r="N104650" s="10"/>
    </row>
    <row r="104651" spans="14:14">
      <c r="N104651" s="10"/>
    </row>
    <row r="104652" spans="14:14">
      <c r="N104652" s="10"/>
    </row>
    <row r="104653" spans="14:14">
      <c r="N104653" s="10"/>
    </row>
    <row r="104654" spans="14:14">
      <c r="N104654" s="10"/>
    </row>
    <row r="104655" spans="14:14">
      <c r="N104655" s="10"/>
    </row>
    <row r="104656" spans="14:14">
      <c r="N104656" s="10"/>
    </row>
    <row r="104657" spans="14:14">
      <c r="N104657" s="10"/>
    </row>
    <row r="104658" spans="14:14">
      <c r="N104658" s="10"/>
    </row>
    <row r="104659" spans="14:14">
      <c r="N104659" s="10"/>
    </row>
    <row r="104660" spans="14:14">
      <c r="N104660" s="10"/>
    </row>
    <row r="104661" spans="14:14">
      <c r="N104661" s="10"/>
    </row>
    <row r="104662" spans="14:14">
      <c r="N104662" s="10"/>
    </row>
    <row r="104663" spans="14:14">
      <c r="N104663" s="10"/>
    </row>
    <row r="104664" spans="14:14">
      <c r="N104664" s="10"/>
    </row>
    <row r="104665" spans="14:14">
      <c r="N104665" s="10"/>
    </row>
    <row r="104666" spans="14:14">
      <c r="N104666" s="10"/>
    </row>
    <row r="104667" spans="14:14">
      <c r="N104667" s="10"/>
    </row>
    <row r="104668" spans="14:14">
      <c r="N104668" s="10"/>
    </row>
    <row r="104669" spans="14:14">
      <c r="N104669" s="10"/>
    </row>
    <row r="104670" spans="14:14">
      <c r="N104670" s="10"/>
    </row>
    <row r="104671" spans="14:14">
      <c r="N104671" s="10"/>
    </row>
    <row r="104672" spans="14:14">
      <c r="N104672" s="10"/>
    </row>
    <row r="104673" spans="14:14">
      <c r="N104673" s="10"/>
    </row>
    <row r="104674" spans="14:14">
      <c r="N104674" s="10"/>
    </row>
    <row r="104675" spans="14:14">
      <c r="N104675" s="10"/>
    </row>
    <row r="104676" spans="14:14">
      <c r="N104676" s="10"/>
    </row>
    <row r="104677" spans="14:14">
      <c r="N104677" s="10"/>
    </row>
    <row r="104678" spans="14:14">
      <c r="N104678" s="10"/>
    </row>
    <row r="104679" spans="14:14">
      <c r="N104679" s="10"/>
    </row>
    <row r="104680" spans="14:14">
      <c r="N104680" s="10"/>
    </row>
    <row r="104681" spans="14:14">
      <c r="N104681" s="10"/>
    </row>
    <row r="104682" spans="14:14">
      <c r="N104682" s="10"/>
    </row>
    <row r="104683" spans="14:14">
      <c r="N104683" s="10"/>
    </row>
    <row r="104684" spans="14:14">
      <c r="N104684" s="10"/>
    </row>
    <row r="104685" spans="14:14">
      <c r="N104685" s="10"/>
    </row>
    <row r="104686" spans="14:14">
      <c r="N104686" s="10"/>
    </row>
    <row r="104687" spans="14:14">
      <c r="N104687" s="10"/>
    </row>
    <row r="104688" spans="14:14">
      <c r="N104688" s="10"/>
    </row>
    <row r="104689" spans="14:14">
      <c r="N104689" s="10"/>
    </row>
    <row r="104690" spans="14:14">
      <c r="N104690" s="10"/>
    </row>
    <row r="104691" spans="14:14">
      <c r="N104691" s="10"/>
    </row>
    <row r="104692" spans="14:14">
      <c r="N104692" s="10"/>
    </row>
    <row r="104693" spans="14:14">
      <c r="N104693" s="10"/>
    </row>
    <row r="104694" spans="14:14">
      <c r="N104694" s="10"/>
    </row>
    <row r="104695" spans="14:14">
      <c r="N104695" s="10"/>
    </row>
    <row r="104696" spans="14:14">
      <c r="N104696" s="10"/>
    </row>
    <row r="104697" spans="14:14">
      <c r="N104697" s="10"/>
    </row>
    <row r="104698" spans="14:14">
      <c r="N104698" s="10"/>
    </row>
    <row r="104699" spans="14:14">
      <c r="N104699" s="10"/>
    </row>
    <row r="104700" spans="14:14">
      <c r="N104700" s="10"/>
    </row>
    <row r="104701" spans="14:14">
      <c r="N104701" s="10"/>
    </row>
    <row r="104702" spans="14:14">
      <c r="N104702" s="10"/>
    </row>
    <row r="104703" spans="14:14">
      <c r="N104703" s="10"/>
    </row>
    <row r="104704" spans="14:14">
      <c r="N104704" s="10"/>
    </row>
    <row r="104705" spans="14:14">
      <c r="N104705" s="10"/>
    </row>
    <row r="104706" spans="14:14">
      <c r="N104706" s="10"/>
    </row>
    <row r="104707" spans="14:14">
      <c r="N104707" s="10"/>
    </row>
    <row r="104708" spans="14:14">
      <c r="N104708" s="10"/>
    </row>
    <row r="104709" spans="14:14">
      <c r="N104709" s="10"/>
    </row>
    <row r="104710" spans="14:14">
      <c r="N104710" s="10"/>
    </row>
    <row r="104711" spans="14:14">
      <c r="N104711" s="10"/>
    </row>
    <row r="104712" spans="14:14">
      <c r="N104712" s="10"/>
    </row>
    <row r="104713" spans="14:14">
      <c r="N104713" s="10"/>
    </row>
    <row r="104714" spans="14:14">
      <c r="N104714" s="10"/>
    </row>
    <row r="104715" spans="14:14">
      <c r="N104715" s="10"/>
    </row>
    <row r="104716" spans="14:14">
      <c r="N104716" s="10"/>
    </row>
    <row r="104717" spans="14:14">
      <c r="N104717" s="10"/>
    </row>
    <row r="104718" spans="14:14">
      <c r="N104718" s="10"/>
    </row>
    <row r="104719" spans="14:14">
      <c r="N104719" s="10"/>
    </row>
    <row r="104720" spans="14:14">
      <c r="N104720" s="10"/>
    </row>
    <row r="104721" spans="14:14">
      <c r="N104721" s="10"/>
    </row>
    <row r="104722" spans="14:14">
      <c r="N104722" s="10"/>
    </row>
    <row r="104723" spans="14:14">
      <c r="N104723" s="10"/>
    </row>
    <row r="104724" spans="14:14">
      <c r="N104724" s="10"/>
    </row>
    <row r="104725" spans="14:14">
      <c r="N104725" s="10"/>
    </row>
    <row r="104726" spans="14:14">
      <c r="N104726" s="10"/>
    </row>
    <row r="104727" spans="14:14">
      <c r="N104727" s="10"/>
    </row>
    <row r="104728" spans="14:14">
      <c r="N104728" s="10"/>
    </row>
    <row r="104729" spans="14:14">
      <c r="N104729" s="10"/>
    </row>
    <row r="104730" spans="14:14">
      <c r="N104730" s="10"/>
    </row>
    <row r="104731" spans="14:14">
      <c r="N104731" s="10"/>
    </row>
    <row r="104732" spans="14:14">
      <c r="N104732" s="10"/>
    </row>
    <row r="104733" spans="14:14">
      <c r="N104733" s="10"/>
    </row>
    <row r="104734" spans="14:14">
      <c r="N104734" s="10"/>
    </row>
    <row r="104735" spans="14:14">
      <c r="N104735" s="10"/>
    </row>
    <row r="104736" spans="14:14">
      <c r="N104736" s="10"/>
    </row>
    <row r="104737" spans="14:14">
      <c r="N104737" s="10"/>
    </row>
    <row r="104738" spans="14:14">
      <c r="N104738" s="10"/>
    </row>
    <row r="104739" spans="14:14">
      <c r="N104739" s="10"/>
    </row>
    <row r="104740" spans="14:14">
      <c r="N104740" s="10"/>
    </row>
    <row r="104741" spans="14:14">
      <c r="N104741" s="10"/>
    </row>
    <row r="104742" spans="14:14">
      <c r="N104742" s="10"/>
    </row>
    <row r="104743" spans="14:14">
      <c r="N104743" s="10"/>
    </row>
    <row r="104744" spans="14:14">
      <c r="N104744" s="10"/>
    </row>
    <row r="104745" spans="14:14">
      <c r="N104745" s="10"/>
    </row>
    <row r="104746" spans="14:14">
      <c r="N104746" s="10"/>
    </row>
    <row r="104747" spans="14:14">
      <c r="N104747" s="10"/>
    </row>
    <row r="104748" spans="14:14">
      <c r="N104748" s="10"/>
    </row>
    <row r="104749" spans="14:14">
      <c r="N104749" s="10"/>
    </row>
    <row r="104750" spans="14:14">
      <c r="N104750" s="10"/>
    </row>
    <row r="104751" spans="14:14">
      <c r="N104751" s="10"/>
    </row>
    <row r="104752" spans="14:14">
      <c r="N104752" s="10"/>
    </row>
    <row r="104753" spans="14:14">
      <c r="N104753" s="10"/>
    </row>
    <row r="104754" spans="14:14">
      <c r="N104754" s="10"/>
    </row>
    <row r="104755" spans="14:14">
      <c r="N104755" s="10"/>
    </row>
    <row r="104756" spans="14:14">
      <c r="N104756" s="10"/>
    </row>
    <row r="104757" spans="14:14">
      <c r="N104757" s="10"/>
    </row>
    <row r="104758" spans="14:14">
      <c r="N104758" s="10"/>
    </row>
    <row r="104759" spans="14:14">
      <c r="N104759" s="10"/>
    </row>
    <row r="104760" spans="14:14">
      <c r="N104760" s="10"/>
    </row>
    <row r="104761" spans="14:14">
      <c r="N104761" s="10"/>
    </row>
    <row r="104762" spans="14:14">
      <c r="N104762" s="10"/>
    </row>
    <row r="104763" spans="14:14">
      <c r="N104763" s="10"/>
    </row>
    <row r="104764" spans="14:14">
      <c r="N104764" s="10"/>
    </row>
    <row r="104765" spans="14:14">
      <c r="N104765" s="10"/>
    </row>
    <row r="104766" spans="14:14">
      <c r="N104766" s="10"/>
    </row>
    <row r="104767" spans="14:14">
      <c r="N104767" s="10"/>
    </row>
    <row r="104768" spans="14:14">
      <c r="N104768" s="10"/>
    </row>
    <row r="104769" spans="14:14">
      <c r="N104769" s="10"/>
    </row>
    <row r="104770" spans="14:14">
      <c r="N104770" s="10"/>
    </row>
    <row r="104771" spans="14:14">
      <c r="N104771" s="10"/>
    </row>
    <row r="104772" spans="14:14">
      <c r="N104772" s="10"/>
    </row>
    <row r="104773" spans="14:14">
      <c r="N104773" s="10"/>
    </row>
    <row r="104774" spans="14:14">
      <c r="N104774" s="10"/>
    </row>
    <row r="104775" spans="14:14">
      <c r="N104775" s="10"/>
    </row>
    <row r="104776" spans="14:14">
      <c r="N104776" s="10"/>
    </row>
    <row r="104777" spans="14:14">
      <c r="N104777" s="10"/>
    </row>
    <row r="104778" spans="14:14">
      <c r="N104778" s="10"/>
    </row>
    <row r="104779" spans="14:14">
      <c r="N104779" s="10"/>
    </row>
    <row r="104780" spans="14:14">
      <c r="N104780" s="10"/>
    </row>
    <row r="104781" spans="14:14">
      <c r="N104781" s="10"/>
    </row>
    <row r="104782" spans="14:14">
      <c r="N104782" s="10"/>
    </row>
    <row r="104783" spans="14:14">
      <c r="N104783" s="10"/>
    </row>
    <row r="104784" spans="14:14">
      <c r="N104784" s="10"/>
    </row>
    <row r="104785" spans="14:14">
      <c r="N104785" s="10"/>
    </row>
    <row r="104786" spans="14:14">
      <c r="N104786" s="10"/>
    </row>
    <row r="104787" spans="14:14">
      <c r="N104787" s="10"/>
    </row>
    <row r="104788" spans="14:14">
      <c r="N104788" s="10"/>
    </row>
    <row r="104789" spans="14:14">
      <c r="N104789" s="10"/>
    </row>
    <row r="104790" spans="14:14">
      <c r="N104790" s="10"/>
    </row>
    <row r="104791" spans="14:14">
      <c r="N104791" s="10"/>
    </row>
    <row r="104792" spans="14:14">
      <c r="N104792" s="10"/>
    </row>
    <row r="104793" spans="14:14">
      <c r="N104793" s="10"/>
    </row>
    <row r="104794" spans="14:14">
      <c r="N104794" s="10"/>
    </row>
    <row r="104795" spans="14:14">
      <c r="N104795" s="10"/>
    </row>
    <row r="104796" spans="14:14">
      <c r="N104796" s="10"/>
    </row>
    <row r="104797" spans="14:14">
      <c r="N104797" s="10"/>
    </row>
    <row r="104798" spans="14:14">
      <c r="N104798" s="10"/>
    </row>
    <row r="104799" spans="14:14">
      <c r="N104799" s="10"/>
    </row>
    <row r="104800" spans="14:14">
      <c r="N104800" s="10"/>
    </row>
    <row r="104801" spans="14:14">
      <c r="N104801" s="10"/>
    </row>
    <row r="104802" spans="14:14">
      <c r="N104802" s="10"/>
    </row>
    <row r="104803" spans="14:14">
      <c r="N104803" s="10"/>
    </row>
    <row r="104804" spans="14:14">
      <c r="N104804" s="10"/>
    </row>
    <row r="104805" spans="14:14">
      <c r="N104805" s="10"/>
    </row>
    <row r="104806" spans="14:14">
      <c r="N104806" s="10"/>
    </row>
    <row r="104807" spans="14:14">
      <c r="N104807" s="10"/>
    </row>
    <row r="104808" spans="14:14">
      <c r="N104808" s="10"/>
    </row>
    <row r="104809" spans="14:14">
      <c r="N104809" s="10"/>
    </row>
    <row r="104810" spans="14:14">
      <c r="N104810" s="10"/>
    </row>
    <row r="104811" spans="14:14">
      <c r="N104811" s="10"/>
    </row>
    <row r="104812" spans="14:14">
      <c r="N104812" s="10"/>
    </row>
    <row r="104813" spans="14:14">
      <c r="N104813" s="10"/>
    </row>
    <row r="104814" spans="14:14">
      <c r="N104814" s="10"/>
    </row>
    <row r="104815" spans="14:14">
      <c r="N104815" s="10"/>
    </row>
    <row r="104816" spans="14:14">
      <c r="N104816" s="10"/>
    </row>
    <row r="104817" spans="14:14">
      <c r="N104817" s="10"/>
    </row>
    <row r="104818" spans="14:14">
      <c r="N104818" s="10"/>
    </row>
    <row r="104819" spans="14:14">
      <c r="N104819" s="10"/>
    </row>
    <row r="104820" spans="14:14">
      <c r="N104820" s="10"/>
    </row>
    <row r="104821" spans="14:14">
      <c r="N104821" s="10"/>
    </row>
    <row r="104822" spans="14:14">
      <c r="N104822" s="10"/>
    </row>
    <row r="104823" spans="14:14">
      <c r="N104823" s="10"/>
    </row>
    <row r="104824" spans="14:14">
      <c r="N104824" s="10"/>
    </row>
    <row r="104825" spans="14:14">
      <c r="N104825" s="10"/>
    </row>
    <row r="104826" spans="14:14">
      <c r="N104826" s="10"/>
    </row>
    <row r="104827" spans="14:14">
      <c r="N104827" s="10"/>
    </row>
    <row r="104828" spans="14:14">
      <c r="N104828" s="10"/>
    </row>
    <row r="104829" spans="14:14">
      <c r="N104829" s="10"/>
    </row>
    <row r="104830" spans="14:14">
      <c r="N104830" s="10"/>
    </row>
    <row r="104831" spans="14:14">
      <c r="N104831" s="10"/>
    </row>
    <row r="104832" spans="14:14">
      <c r="N104832" s="10"/>
    </row>
    <row r="104833" spans="14:14">
      <c r="N104833" s="10"/>
    </row>
    <row r="104834" spans="14:14">
      <c r="N104834" s="10"/>
    </row>
    <row r="104835" spans="14:14">
      <c r="N104835" s="10"/>
    </row>
    <row r="104836" spans="14:14">
      <c r="N104836" s="10"/>
    </row>
    <row r="104837" spans="14:14">
      <c r="N104837" s="10"/>
    </row>
    <row r="104838" spans="14:14">
      <c r="N104838" s="10"/>
    </row>
    <row r="104839" spans="14:14">
      <c r="N104839" s="10"/>
    </row>
    <row r="104840" spans="14:14">
      <c r="N104840" s="10"/>
    </row>
    <row r="104841" spans="14:14">
      <c r="N104841" s="10"/>
    </row>
    <row r="104842" spans="14:14">
      <c r="N104842" s="10"/>
    </row>
    <row r="104843" spans="14:14">
      <c r="N104843" s="10"/>
    </row>
    <row r="104844" spans="14:14">
      <c r="N104844" s="10"/>
    </row>
    <row r="104845" spans="14:14">
      <c r="N104845" s="10"/>
    </row>
    <row r="104846" spans="14:14">
      <c r="N104846" s="10"/>
    </row>
    <row r="104847" spans="14:14">
      <c r="N104847" s="10"/>
    </row>
    <row r="104848" spans="14:14">
      <c r="N104848" s="10"/>
    </row>
    <row r="104849" spans="14:14">
      <c r="N104849" s="10"/>
    </row>
    <row r="104850" spans="14:14">
      <c r="N104850" s="10"/>
    </row>
    <row r="104851" spans="14:14">
      <c r="N104851" s="10"/>
    </row>
    <row r="104852" spans="14:14">
      <c r="N104852" s="10"/>
    </row>
    <row r="104853" spans="14:14">
      <c r="N104853" s="10"/>
    </row>
    <row r="104854" spans="14:14">
      <c r="N104854" s="10"/>
    </row>
    <row r="104855" spans="14:14">
      <c r="N104855" s="10"/>
    </row>
    <row r="104856" spans="14:14">
      <c r="N104856" s="10"/>
    </row>
    <row r="104857" spans="14:14">
      <c r="N104857" s="10"/>
    </row>
    <row r="104858" spans="14:14">
      <c r="N104858" s="10"/>
    </row>
    <row r="104859" spans="14:14">
      <c r="N104859" s="10"/>
    </row>
    <row r="104860" spans="14:14">
      <c r="N104860" s="10"/>
    </row>
    <row r="104861" spans="14:14">
      <c r="N104861" s="10"/>
    </row>
    <row r="104862" spans="14:14">
      <c r="N104862" s="10"/>
    </row>
    <row r="104863" spans="14:14">
      <c r="N104863" s="10"/>
    </row>
    <row r="104864" spans="14:14">
      <c r="N104864" s="10"/>
    </row>
    <row r="104865" spans="14:14">
      <c r="N104865" s="10"/>
    </row>
    <row r="104866" spans="14:14">
      <c r="N104866" s="10"/>
    </row>
    <row r="104867" spans="14:14">
      <c r="N104867" s="10"/>
    </row>
    <row r="104868" spans="14:14">
      <c r="N104868" s="10"/>
    </row>
    <row r="104869" spans="14:14">
      <c r="N104869" s="10"/>
    </row>
    <row r="104870" spans="14:14">
      <c r="N104870" s="10"/>
    </row>
    <row r="104871" spans="14:14">
      <c r="N104871" s="10"/>
    </row>
    <row r="104872" spans="14:14">
      <c r="N104872" s="10"/>
    </row>
    <row r="104873" spans="14:14">
      <c r="N104873" s="10"/>
    </row>
    <row r="104874" spans="14:14">
      <c r="N104874" s="10"/>
    </row>
    <row r="104875" spans="14:14">
      <c r="N104875" s="10"/>
    </row>
    <row r="104876" spans="14:14">
      <c r="N104876" s="10"/>
    </row>
    <row r="104877" spans="14:14">
      <c r="N104877" s="10"/>
    </row>
    <row r="104878" spans="14:14">
      <c r="N104878" s="10"/>
    </row>
    <row r="104879" spans="14:14">
      <c r="N104879" s="10"/>
    </row>
    <row r="104880" spans="14:14">
      <c r="N104880" s="10"/>
    </row>
    <row r="104881" spans="14:14">
      <c r="N104881" s="10"/>
    </row>
    <row r="104882" spans="14:14">
      <c r="N104882" s="10"/>
    </row>
    <row r="104883" spans="14:14">
      <c r="N104883" s="10"/>
    </row>
    <row r="104884" spans="14:14">
      <c r="N104884" s="10"/>
    </row>
    <row r="104885" spans="14:14">
      <c r="N104885" s="10"/>
    </row>
    <row r="104886" spans="14:14">
      <c r="N104886" s="10"/>
    </row>
    <row r="104887" spans="14:14">
      <c r="N104887" s="10"/>
    </row>
    <row r="104888" spans="14:14">
      <c r="N104888" s="10"/>
    </row>
    <row r="104889" spans="14:14">
      <c r="N104889" s="10"/>
    </row>
    <row r="104890" spans="14:14">
      <c r="N104890" s="10"/>
    </row>
    <row r="104891" spans="14:14">
      <c r="N104891" s="10"/>
    </row>
    <row r="104892" spans="14:14">
      <c r="N104892" s="10"/>
    </row>
    <row r="104893" spans="14:14">
      <c r="N104893" s="10"/>
    </row>
    <row r="104894" spans="14:14">
      <c r="N104894" s="10"/>
    </row>
    <row r="104895" spans="14:14">
      <c r="N104895" s="10"/>
    </row>
    <row r="104896" spans="14:14">
      <c r="N104896" s="10"/>
    </row>
    <row r="104897" spans="14:14">
      <c r="N104897" s="10"/>
    </row>
    <row r="104898" spans="14:14">
      <c r="N104898" s="10"/>
    </row>
    <row r="104899" spans="14:14">
      <c r="N104899" s="10"/>
    </row>
    <row r="104900" spans="14:14">
      <c r="N104900" s="10"/>
    </row>
    <row r="104901" spans="14:14">
      <c r="N104901" s="10"/>
    </row>
    <row r="104902" spans="14:14">
      <c r="N104902" s="10"/>
    </row>
    <row r="104903" spans="14:14">
      <c r="N104903" s="10"/>
    </row>
    <row r="104904" spans="14:14">
      <c r="N104904" s="10"/>
    </row>
    <row r="104905" spans="14:14">
      <c r="N104905" s="10"/>
    </row>
    <row r="104906" spans="14:14">
      <c r="N104906" s="10"/>
    </row>
    <row r="104907" spans="14:14">
      <c r="N104907" s="10"/>
    </row>
    <row r="104908" spans="14:14">
      <c r="N104908" s="10"/>
    </row>
    <row r="104909" spans="14:14">
      <c r="N104909" s="10"/>
    </row>
    <row r="104910" spans="14:14">
      <c r="N104910" s="10"/>
    </row>
    <row r="104911" spans="14:14">
      <c r="N104911" s="10"/>
    </row>
    <row r="104912" spans="14:14">
      <c r="N104912" s="10"/>
    </row>
    <row r="104913" spans="14:14">
      <c r="N104913" s="10"/>
    </row>
    <row r="104914" spans="14:14">
      <c r="N104914" s="10"/>
    </row>
    <row r="104915" spans="14:14">
      <c r="N104915" s="10"/>
    </row>
    <row r="104916" spans="14:14">
      <c r="N104916" s="10"/>
    </row>
    <row r="104917" spans="14:14">
      <c r="N104917" s="10"/>
    </row>
    <row r="104918" spans="14:14">
      <c r="N104918" s="10"/>
    </row>
    <row r="104919" spans="14:14">
      <c r="N104919" s="10"/>
    </row>
    <row r="104920" spans="14:14">
      <c r="N104920" s="10"/>
    </row>
    <row r="104921" spans="14:14">
      <c r="N104921" s="10"/>
    </row>
    <row r="104922" spans="14:14">
      <c r="N104922" s="10"/>
    </row>
    <row r="104923" spans="14:14">
      <c r="N104923" s="10"/>
    </row>
    <row r="104924" spans="14:14">
      <c r="N104924" s="10"/>
    </row>
    <row r="104925" spans="14:14">
      <c r="N104925" s="10"/>
    </row>
    <row r="104926" spans="14:14">
      <c r="N104926" s="10"/>
    </row>
    <row r="104927" spans="14:14">
      <c r="N104927" s="10"/>
    </row>
    <row r="104928" spans="14:14">
      <c r="N104928" s="10"/>
    </row>
    <row r="104929" spans="14:14">
      <c r="N104929" s="10"/>
    </row>
    <row r="104930" spans="14:14">
      <c r="N104930" s="10"/>
    </row>
    <row r="104931" spans="14:14">
      <c r="N104931" s="10"/>
    </row>
    <row r="104932" spans="14:14">
      <c r="N104932" s="10"/>
    </row>
    <row r="104933" spans="14:14">
      <c r="N104933" s="10"/>
    </row>
    <row r="104934" spans="14:14">
      <c r="N104934" s="10"/>
    </row>
    <row r="104935" spans="14:14">
      <c r="N104935" s="10"/>
    </row>
    <row r="104936" spans="14:14">
      <c r="N104936" s="10"/>
    </row>
    <row r="104937" spans="14:14">
      <c r="N104937" s="10"/>
    </row>
    <row r="104938" spans="14:14">
      <c r="N104938" s="10"/>
    </row>
    <row r="104939" spans="14:14">
      <c r="N104939" s="10"/>
    </row>
    <row r="104940" spans="14:14">
      <c r="N104940" s="10"/>
    </row>
    <row r="104941" spans="14:14">
      <c r="N104941" s="10"/>
    </row>
    <row r="104942" spans="14:14">
      <c r="N104942" s="10"/>
    </row>
    <row r="104943" spans="14:14">
      <c r="N104943" s="10"/>
    </row>
    <row r="104944" spans="14:14">
      <c r="N104944" s="10"/>
    </row>
    <row r="104945" spans="14:14">
      <c r="N104945" s="10"/>
    </row>
    <row r="104946" spans="14:14">
      <c r="N104946" s="10"/>
    </row>
    <row r="104947" spans="14:14">
      <c r="N104947" s="10"/>
    </row>
    <row r="104948" spans="14:14">
      <c r="N104948" s="10"/>
    </row>
    <row r="104949" spans="14:14">
      <c r="N104949" s="10"/>
    </row>
    <row r="104950" spans="14:14">
      <c r="N104950" s="10"/>
    </row>
    <row r="104951" spans="14:14">
      <c r="N104951" s="10"/>
    </row>
    <row r="104952" spans="14:14">
      <c r="N104952" s="10"/>
    </row>
    <row r="104953" spans="14:14">
      <c r="N104953" s="10"/>
    </row>
    <row r="104954" spans="14:14">
      <c r="N104954" s="10"/>
    </row>
    <row r="104955" spans="14:14">
      <c r="N104955" s="10"/>
    </row>
    <row r="104956" spans="14:14">
      <c r="N104956" s="10"/>
    </row>
    <row r="104957" spans="14:14">
      <c r="N104957" s="10"/>
    </row>
    <row r="104958" spans="14:14">
      <c r="N104958" s="10"/>
    </row>
    <row r="104959" spans="14:14">
      <c r="N104959" s="10"/>
    </row>
    <row r="104960" spans="14:14">
      <c r="N104960" s="10"/>
    </row>
    <row r="104961" spans="14:14">
      <c r="N104961" s="10"/>
    </row>
    <row r="104962" spans="14:14">
      <c r="N104962" s="10"/>
    </row>
    <row r="104963" spans="14:14">
      <c r="N104963" s="10"/>
    </row>
    <row r="104964" spans="14:14">
      <c r="N104964" s="10"/>
    </row>
    <row r="104965" spans="14:14">
      <c r="N104965" s="10"/>
    </row>
    <row r="104966" spans="14:14">
      <c r="N104966" s="10"/>
    </row>
    <row r="104967" spans="14:14">
      <c r="N104967" s="10"/>
    </row>
    <row r="104968" spans="14:14">
      <c r="N104968" s="10"/>
    </row>
    <row r="104969" spans="14:14">
      <c r="N104969" s="10"/>
    </row>
    <row r="104970" spans="14:14">
      <c r="N104970" s="10"/>
    </row>
    <row r="104971" spans="14:14">
      <c r="N104971" s="10"/>
    </row>
    <row r="104972" spans="14:14">
      <c r="N104972" s="10"/>
    </row>
    <row r="104973" spans="14:14">
      <c r="N104973" s="10"/>
    </row>
    <row r="104974" spans="14:14">
      <c r="N104974" s="10"/>
    </row>
    <row r="104975" spans="14:14">
      <c r="N104975" s="10"/>
    </row>
    <row r="104976" spans="14:14">
      <c r="N104976" s="10"/>
    </row>
    <row r="104977" spans="14:14">
      <c r="N104977" s="10"/>
    </row>
    <row r="104978" spans="14:14">
      <c r="N104978" s="10"/>
    </row>
    <row r="104979" spans="14:14">
      <c r="N104979" s="10"/>
    </row>
    <row r="104980" spans="14:14">
      <c r="N104980" s="10"/>
    </row>
    <row r="104981" spans="14:14">
      <c r="N104981" s="10"/>
    </row>
    <row r="104982" spans="14:14">
      <c r="N104982" s="10"/>
    </row>
    <row r="104983" spans="14:14">
      <c r="N104983" s="10"/>
    </row>
    <row r="104984" spans="14:14">
      <c r="N104984" s="10"/>
    </row>
    <row r="104985" spans="14:14">
      <c r="N104985" s="10"/>
    </row>
    <row r="104986" spans="14:14">
      <c r="N104986" s="10"/>
    </row>
    <row r="104987" spans="14:14">
      <c r="N104987" s="10"/>
    </row>
    <row r="104988" spans="14:14">
      <c r="N104988" s="10"/>
    </row>
    <row r="104989" spans="14:14">
      <c r="N104989" s="10"/>
    </row>
    <row r="104990" spans="14:14">
      <c r="N104990" s="10"/>
    </row>
    <row r="104991" spans="14:14">
      <c r="N104991" s="10"/>
    </row>
    <row r="104992" spans="14:14">
      <c r="N104992" s="10"/>
    </row>
    <row r="104993" spans="14:14">
      <c r="N104993" s="10"/>
    </row>
    <row r="104994" spans="14:14">
      <c r="N104994" s="10"/>
    </row>
    <row r="104995" spans="14:14">
      <c r="N104995" s="10"/>
    </row>
    <row r="104996" spans="14:14">
      <c r="N104996" s="10"/>
    </row>
    <row r="104997" spans="14:14">
      <c r="N104997" s="10"/>
    </row>
    <row r="104998" spans="14:14">
      <c r="N104998" s="10"/>
    </row>
    <row r="104999" spans="14:14">
      <c r="N104999" s="10"/>
    </row>
    <row r="105000" spans="14:14">
      <c r="N105000" s="10"/>
    </row>
    <row r="105001" spans="14:14">
      <c r="N105001" s="10"/>
    </row>
    <row r="105002" spans="14:14">
      <c r="N105002" s="10"/>
    </row>
    <row r="105003" spans="14:14">
      <c r="N105003" s="10"/>
    </row>
    <row r="105004" spans="14:14">
      <c r="N105004" s="10"/>
    </row>
    <row r="105005" spans="14:14">
      <c r="N105005" s="10"/>
    </row>
    <row r="105006" spans="14:14">
      <c r="N105006" s="10"/>
    </row>
    <row r="105007" spans="14:14">
      <c r="N105007" s="10"/>
    </row>
    <row r="105008" spans="14:14">
      <c r="N105008" s="10"/>
    </row>
    <row r="105009" spans="14:14">
      <c r="N105009" s="10"/>
    </row>
    <row r="105010" spans="14:14">
      <c r="N105010" s="10"/>
    </row>
    <row r="105011" spans="14:14">
      <c r="N105011" s="10"/>
    </row>
    <row r="105012" spans="14:14">
      <c r="N105012" s="10"/>
    </row>
    <row r="105013" spans="14:14">
      <c r="N105013" s="10"/>
    </row>
    <row r="105014" spans="14:14">
      <c r="N105014" s="10"/>
    </row>
    <row r="105015" spans="14:14">
      <c r="N105015" s="10"/>
    </row>
    <row r="105016" spans="14:14">
      <c r="N105016" s="10"/>
    </row>
    <row r="105017" spans="14:14">
      <c r="N105017" s="10"/>
    </row>
    <row r="105018" spans="14:14">
      <c r="N105018" s="10"/>
    </row>
    <row r="105019" spans="14:14">
      <c r="N105019" s="10"/>
    </row>
    <row r="105020" spans="14:14">
      <c r="N105020" s="10"/>
    </row>
    <row r="105021" spans="14:14">
      <c r="N105021" s="10"/>
    </row>
    <row r="105022" spans="14:14">
      <c r="N105022" s="10"/>
    </row>
    <row r="105023" spans="14:14">
      <c r="N105023" s="10"/>
    </row>
    <row r="105024" spans="14:14">
      <c r="N105024" s="10"/>
    </row>
    <row r="105025" spans="14:14">
      <c r="N105025" s="10"/>
    </row>
    <row r="105026" spans="14:14">
      <c r="N105026" s="10"/>
    </row>
    <row r="105027" spans="14:14">
      <c r="N105027" s="10"/>
    </row>
    <row r="105028" spans="14:14">
      <c r="N105028" s="10"/>
    </row>
    <row r="105029" spans="14:14">
      <c r="N105029" s="10"/>
    </row>
    <row r="105030" spans="14:14">
      <c r="N105030" s="10"/>
    </row>
    <row r="105031" spans="14:14">
      <c r="N105031" s="10"/>
    </row>
    <row r="105032" spans="14:14">
      <c r="N105032" s="10"/>
    </row>
    <row r="105033" spans="14:14">
      <c r="N105033" s="10"/>
    </row>
    <row r="105034" spans="14:14">
      <c r="N105034" s="10"/>
    </row>
    <row r="105035" spans="14:14">
      <c r="N105035" s="10"/>
    </row>
    <row r="105036" spans="14:14">
      <c r="N105036" s="10"/>
    </row>
    <row r="105037" spans="14:14">
      <c r="N105037" s="10"/>
    </row>
    <row r="105038" spans="14:14">
      <c r="N105038" s="10"/>
    </row>
    <row r="105039" spans="14:14">
      <c r="N105039" s="10"/>
    </row>
    <row r="105040" spans="14:14">
      <c r="N105040" s="10"/>
    </row>
    <row r="105041" spans="14:14">
      <c r="N105041" s="10"/>
    </row>
    <row r="105042" spans="14:14">
      <c r="N105042" s="10"/>
    </row>
    <row r="105043" spans="14:14">
      <c r="N105043" s="10"/>
    </row>
    <row r="105044" spans="14:14">
      <c r="N105044" s="10"/>
    </row>
    <row r="105045" spans="14:14">
      <c r="N105045" s="10"/>
    </row>
    <row r="105046" spans="14:14">
      <c r="N105046" s="10"/>
    </row>
    <row r="105047" spans="14:14">
      <c r="N105047" s="10"/>
    </row>
    <row r="105048" spans="14:14">
      <c r="N105048" s="10"/>
    </row>
    <row r="105049" spans="14:14">
      <c r="N105049" s="10"/>
    </row>
    <row r="105050" spans="14:14">
      <c r="N105050" s="10"/>
    </row>
    <row r="105051" spans="14:14">
      <c r="N105051" s="10"/>
    </row>
    <row r="105052" spans="14:14">
      <c r="N105052" s="10"/>
    </row>
    <row r="105053" spans="14:14">
      <c r="N105053" s="10"/>
    </row>
    <row r="105054" spans="14:14">
      <c r="N105054" s="10"/>
    </row>
    <row r="105055" spans="14:14">
      <c r="N105055" s="10"/>
    </row>
    <row r="105056" spans="14:14">
      <c r="N105056" s="10"/>
    </row>
    <row r="105057" spans="14:14">
      <c r="N105057" s="10"/>
    </row>
    <row r="105058" spans="14:14">
      <c r="N105058" s="10"/>
    </row>
    <row r="105059" spans="14:14">
      <c r="N105059" s="10"/>
    </row>
    <row r="105060" spans="14:14">
      <c r="N105060" s="10"/>
    </row>
    <row r="105061" spans="14:14">
      <c r="N105061" s="10"/>
    </row>
    <row r="105062" spans="14:14">
      <c r="N105062" s="10"/>
    </row>
    <row r="105063" spans="14:14">
      <c r="N105063" s="10"/>
    </row>
    <row r="105064" spans="14:14">
      <c r="N105064" s="10"/>
    </row>
    <row r="105065" spans="14:14">
      <c r="N105065" s="10"/>
    </row>
    <row r="105066" spans="14:14">
      <c r="N105066" s="10"/>
    </row>
    <row r="105067" spans="14:14">
      <c r="N105067" s="10"/>
    </row>
    <row r="105068" spans="14:14">
      <c r="N105068" s="10"/>
    </row>
    <row r="105069" spans="14:14">
      <c r="N105069" s="10"/>
    </row>
    <row r="105070" spans="14:14">
      <c r="N105070" s="10"/>
    </row>
    <row r="105071" spans="14:14">
      <c r="N105071" s="10"/>
    </row>
    <row r="105072" spans="14:14">
      <c r="N105072" s="10"/>
    </row>
    <row r="105073" spans="14:14">
      <c r="N105073" s="10"/>
    </row>
    <row r="105074" spans="14:14">
      <c r="N105074" s="10"/>
    </row>
    <row r="105075" spans="14:14">
      <c r="N105075" s="10"/>
    </row>
    <row r="105076" spans="14:14">
      <c r="N105076" s="10"/>
    </row>
    <row r="105077" spans="14:14">
      <c r="N105077" s="10"/>
    </row>
    <row r="105078" spans="14:14">
      <c r="N105078" s="10"/>
    </row>
    <row r="105079" spans="14:14">
      <c r="N105079" s="10"/>
    </row>
    <row r="105080" spans="14:14">
      <c r="N105080" s="10"/>
    </row>
    <row r="105081" spans="14:14">
      <c r="N105081" s="10"/>
    </row>
    <row r="105082" spans="14:14">
      <c r="N105082" s="10"/>
    </row>
    <row r="105083" spans="14:14">
      <c r="N105083" s="10"/>
    </row>
    <row r="105084" spans="14:14">
      <c r="N105084" s="10"/>
    </row>
    <row r="105085" spans="14:14">
      <c r="N105085" s="10"/>
    </row>
    <row r="105086" spans="14:14">
      <c r="N105086" s="10"/>
    </row>
    <row r="105087" spans="14:14">
      <c r="N105087" s="10"/>
    </row>
    <row r="105088" spans="14:14">
      <c r="N105088" s="10"/>
    </row>
    <row r="105089" spans="14:14">
      <c r="N105089" s="10"/>
    </row>
    <row r="105090" spans="14:14">
      <c r="N105090" s="10"/>
    </row>
    <row r="105091" spans="14:14">
      <c r="N105091" s="10"/>
    </row>
    <row r="105092" spans="14:14">
      <c r="N105092" s="10"/>
    </row>
    <row r="105093" spans="14:14">
      <c r="N105093" s="10"/>
    </row>
    <row r="105094" spans="14:14">
      <c r="N105094" s="10"/>
    </row>
    <row r="105095" spans="14:14">
      <c r="N105095" s="10"/>
    </row>
    <row r="105096" spans="14:14">
      <c r="N105096" s="10"/>
    </row>
    <row r="105097" spans="14:14">
      <c r="N105097" s="10"/>
    </row>
    <row r="105098" spans="14:14">
      <c r="N105098" s="10"/>
    </row>
    <row r="105099" spans="14:14">
      <c r="N105099" s="10"/>
    </row>
    <row r="105100" spans="14:14">
      <c r="N105100" s="10"/>
    </row>
    <row r="105101" spans="14:14">
      <c r="N105101" s="10"/>
    </row>
    <row r="105102" spans="14:14">
      <c r="N105102" s="10"/>
    </row>
    <row r="105103" spans="14:14">
      <c r="N105103" s="10"/>
    </row>
    <row r="105104" spans="14:14">
      <c r="N105104" s="10"/>
    </row>
    <row r="105105" spans="14:14">
      <c r="N105105" s="10"/>
    </row>
    <row r="105106" spans="14:14">
      <c r="N105106" s="10"/>
    </row>
    <row r="105107" spans="14:14">
      <c r="N105107" s="10"/>
    </row>
    <row r="105108" spans="14:14">
      <c r="N105108" s="10"/>
    </row>
    <row r="105109" spans="14:14">
      <c r="N105109" s="10"/>
    </row>
    <row r="105110" spans="14:14">
      <c r="N105110" s="10"/>
    </row>
    <row r="105111" spans="14:14">
      <c r="N105111" s="10"/>
    </row>
    <row r="105112" spans="14:14">
      <c r="N105112" s="10"/>
    </row>
    <row r="105113" spans="14:14">
      <c r="N105113" s="10"/>
    </row>
    <row r="105114" spans="14:14">
      <c r="N105114" s="10"/>
    </row>
    <row r="105115" spans="14:14">
      <c r="N105115" s="10"/>
    </row>
    <row r="105116" spans="14:14">
      <c r="N105116" s="10"/>
    </row>
    <row r="105117" spans="14:14">
      <c r="N105117" s="10"/>
    </row>
    <row r="105118" spans="14:14">
      <c r="N105118" s="10"/>
    </row>
    <row r="105119" spans="14:14">
      <c r="N105119" s="10"/>
    </row>
    <row r="105120" spans="14:14">
      <c r="N105120" s="10"/>
    </row>
    <row r="105121" spans="14:14">
      <c r="N105121" s="10"/>
    </row>
    <row r="105122" spans="14:14">
      <c r="N105122" s="10"/>
    </row>
    <row r="105123" spans="14:14">
      <c r="N105123" s="10"/>
    </row>
    <row r="105124" spans="14:14">
      <c r="N105124" s="10"/>
    </row>
    <row r="105125" spans="14:14">
      <c r="N105125" s="10"/>
    </row>
    <row r="105126" spans="14:14">
      <c r="N105126" s="10"/>
    </row>
    <row r="105127" spans="14:14">
      <c r="N105127" s="10"/>
    </row>
    <row r="105128" spans="14:14">
      <c r="N105128" s="10"/>
    </row>
    <row r="105129" spans="14:14">
      <c r="N105129" s="10"/>
    </row>
    <row r="105130" spans="14:14">
      <c r="N105130" s="10"/>
    </row>
    <row r="105131" spans="14:14">
      <c r="N105131" s="10"/>
    </row>
    <row r="105132" spans="14:14">
      <c r="N105132" s="10"/>
    </row>
    <row r="105133" spans="14:14">
      <c r="N105133" s="10"/>
    </row>
    <row r="105134" spans="14:14">
      <c r="N105134" s="10"/>
    </row>
    <row r="105135" spans="14:14">
      <c r="N105135" s="10"/>
    </row>
    <row r="105136" spans="14:14">
      <c r="N105136" s="10"/>
    </row>
    <row r="105137" spans="14:14">
      <c r="N105137" s="10"/>
    </row>
    <row r="105138" spans="14:14">
      <c r="N105138" s="10"/>
    </row>
    <row r="105139" spans="14:14">
      <c r="N105139" s="10"/>
    </row>
    <row r="105140" spans="14:14">
      <c r="N105140" s="10"/>
    </row>
    <row r="105141" spans="14:14">
      <c r="N105141" s="10"/>
    </row>
    <row r="105142" spans="14:14">
      <c r="N105142" s="10"/>
    </row>
    <row r="105143" spans="14:14">
      <c r="N105143" s="10"/>
    </row>
    <row r="105144" spans="14:14">
      <c r="N105144" s="10"/>
    </row>
    <row r="105145" spans="14:14">
      <c r="N105145" s="10"/>
    </row>
    <row r="105146" spans="14:14">
      <c r="N105146" s="10"/>
    </row>
    <row r="105147" spans="14:14">
      <c r="N105147" s="10"/>
    </row>
    <row r="105148" spans="14:14">
      <c r="N105148" s="10"/>
    </row>
    <row r="105149" spans="14:14">
      <c r="N105149" s="10"/>
    </row>
    <row r="105150" spans="14:14">
      <c r="N105150" s="10"/>
    </row>
    <row r="105151" spans="14:14">
      <c r="N105151" s="10"/>
    </row>
    <row r="105152" spans="14:14">
      <c r="N105152" s="10"/>
    </row>
    <row r="105153" spans="14:14">
      <c r="N105153" s="10"/>
    </row>
    <row r="105154" spans="14:14">
      <c r="N105154" s="10"/>
    </row>
    <row r="105155" spans="14:14">
      <c r="N105155" s="10"/>
    </row>
    <row r="105156" spans="14:14">
      <c r="N105156" s="10"/>
    </row>
    <row r="105157" spans="14:14">
      <c r="N105157" s="10"/>
    </row>
    <row r="105158" spans="14:14">
      <c r="N105158" s="10"/>
    </row>
    <row r="105159" spans="14:14">
      <c r="N105159" s="10"/>
    </row>
    <row r="105160" spans="14:14">
      <c r="N105160" s="10"/>
    </row>
    <row r="105161" spans="14:14">
      <c r="N105161" s="10"/>
    </row>
    <row r="105162" spans="14:14">
      <c r="N105162" s="10"/>
    </row>
    <row r="105163" spans="14:14">
      <c r="N105163" s="10"/>
    </row>
    <row r="105164" spans="14:14">
      <c r="N105164" s="10"/>
    </row>
    <row r="105165" spans="14:14">
      <c r="N105165" s="10"/>
    </row>
    <row r="105166" spans="14:14">
      <c r="N105166" s="10"/>
    </row>
    <row r="105167" spans="14:14">
      <c r="N105167" s="10"/>
    </row>
    <row r="105168" spans="14:14">
      <c r="N105168" s="10"/>
    </row>
    <row r="105169" spans="14:14">
      <c r="N105169" s="10"/>
    </row>
    <row r="105170" spans="14:14">
      <c r="N105170" s="10"/>
    </row>
    <row r="105171" spans="14:14">
      <c r="N105171" s="10"/>
    </row>
    <row r="105172" spans="14:14">
      <c r="N105172" s="10"/>
    </row>
    <row r="105173" spans="14:14">
      <c r="N105173" s="10"/>
    </row>
    <row r="105174" spans="14:14">
      <c r="N105174" s="10"/>
    </row>
    <row r="105175" spans="14:14">
      <c r="N105175" s="10"/>
    </row>
    <row r="105176" spans="14:14">
      <c r="N105176" s="10"/>
    </row>
    <row r="105177" spans="14:14">
      <c r="N105177" s="10"/>
    </row>
    <row r="105178" spans="14:14">
      <c r="N105178" s="10"/>
    </row>
    <row r="105179" spans="14:14">
      <c r="N105179" s="10"/>
    </row>
    <row r="105180" spans="14:14">
      <c r="N105180" s="10"/>
    </row>
    <row r="105181" spans="14:14">
      <c r="N105181" s="10"/>
    </row>
    <row r="105182" spans="14:14">
      <c r="N105182" s="10"/>
    </row>
    <row r="105183" spans="14:14">
      <c r="N105183" s="10"/>
    </row>
    <row r="105184" spans="14:14">
      <c r="N105184" s="10"/>
    </row>
    <row r="105185" spans="14:14">
      <c r="N105185" s="10"/>
    </row>
    <row r="105186" spans="14:14">
      <c r="N105186" s="10"/>
    </row>
    <row r="105187" spans="14:14">
      <c r="N105187" s="10"/>
    </row>
    <row r="105188" spans="14:14">
      <c r="N105188" s="10"/>
    </row>
    <row r="105189" spans="14:14">
      <c r="N105189" s="10"/>
    </row>
    <row r="105190" spans="14:14">
      <c r="N105190" s="10"/>
    </row>
    <row r="105191" spans="14:14">
      <c r="N105191" s="10"/>
    </row>
    <row r="105192" spans="14:14">
      <c r="N105192" s="10"/>
    </row>
    <row r="105193" spans="14:14">
      <c r="N105193" s="10"/>
    </row>
    <row r="105194" spans="14:14">
      <c r="N105194" s="10"/>
    </row>
    <row r="105195" spans="14:14">
      <c r="N105195" s="10"/>
    </row>
    <row r="105196" spans="14:14">
      <c r="N105196" s="10"/>
    </row>
    <row r="105197" spans="14:14">
      <c r="N105197" s="10"/>
    </row>
    <row r="105198" spans="14:14">
      <c r="N105198" s="10"/>
    </row>
    <row r="105199" spans="14:14">
      <c r="N105199" s="10"/>
    </row>
    <row r="105200" spans="14:14">
      <c r="N105200" s="10"/>
    </row>
    <row r="105201" spans="14:14">
      <c r="N105201" s="10"/>
    </row>
    <row r="105202" spans="14:14">
      <c r="N105202" s="10"/>
    </row>
    <row r="105203" spans="14:14">
      <c r="N105203" s="10"/>
    </row>
    <row r="105204" spans="14:14">
      <c r="N105204" s="10"/>
    </row>
    <row r="105205" spans="14:14">
      <c r="N105205" s="10"/>
    </row>
    <row r="105206" spans="14:14">
      <c r="N105206" s="10"/>
    </row>
    <row r="105207" spans="14:14">
      <c r="N105207" s="10"/>
    </row>
    <row r="105208" spans="14:14">
      <c r="N105208" s="10"/>
    </row>
    <row r="105209" spans="14:14">
      <c r="N105209" s="10"/>
    </row>
    <row r="105210" spans="14:14">
      <c r="N105210" s="10"/>
    </row>
    <row r="105211" spans="14:14">
      <c r="N105211" s="10"/>
    </row>
    <row r="105212" spans="14:14">
      <c r="N105212" s="10"/>
    </row>
    <row r="105213" spans="14:14">
      <c r="N105213" s="10"/>
    </row>
    <row r="105214" spans="14:14">
      <c r="N105214" s="10"/>
    </row>
    <row r="105215" spans="14:14">
      <c r="N105215" s="10"/>
    </row>
    <row r="105216" spans="14:14">
      <c r="N105216" s="10"/>
    </row>
    <row r="105217" spans="14:14">
      <c r="N105217" s="10"/>
    </row>
    <row r="105218" spans="14:14">
      <c r="N105218" s="10"/>
    </row>
    <row r="105219" spans="14:14">
      <c r="N105219" s="10"/>
    </row>
    <row r="105220" spans="14:14">
      <c r="N105220" s="10"/>
    </row>
    <row r="105221" spans="14:14">
      <c r="N105221" s="10"/>
    </row>
    <row r="105222" spans="14:14">
      <c r="N105222" s="10"/>
    </row>
    <row r="105223" spans="14:14">
      <c r="N105223" s="10"/>
    </row>
    <row r="105224" spans="14:14">
      <c r="N105224" s="10"/>
    </row>
    <row r="105225" spans="14:14">
      <c r="N105225" s="10"/>
    </row>
    <row r="105226" spans="14:14">
      <c r="N105226" s="10"/>
    </row>
    <row r="105227" spans="14:14">
      <c r="N105227" s="10"/>
    </row>
    <row r="105228" spans="14:14">
      <c r="N105228" s="10"/>
    </row>
    <row r="105229" spans="14:14">
      <c r="N105229" s="10"/>
    </row>
    <row r="105230" spans="14:14">
      <c r="N105230" s="10"/>
    </row>
    <row r="105231" spans="14:14">
      <c r="N105231" s="10"/>
    </row>
    <row r="105232" spans="14:14">
      <c r="N105232" s="10"/>
    </row>
    <row r="105233" spans="14:14">
      <c r="N105233" s="10"/>
    </row>
    <row r="105234" spans="14:14">
      <c r="N105234" s="10"/>
    </row>
    <row r="105235" spans="14:14">
      <c r="N105235" s="10"/>
    </row>
    <row r="105236" spans="14:14">
      <c r="N105236" s="10"/>
    </row>
    <row r="105237" spans="14:14">
      <c r="N105237" s="10"/>
    </row>
    <row r="105238" spans="14:14">
      <c r="N105238" s="10"/>
    </row>
    <row r="105239" spans="14:14">
      <c r="N105239" s="10"/>
    </row>
    <row r="105240" spans="14:14">
      <c r="N105240" s="10"/>
    </row>
    <row r="105241" spans="14:14">
      <c r="N105241" s="10"/>
    </row>
    <row r="105242" spans="14:14">
      <c r="N105242" s="10"/>
    </row>
    <row r="105243" spans="14:14">
      <c r="N105243" s="10"/>
    </row>
    <row r="105244" spans="14:14">
      <c r="N105244" s="10"/>
    </row>
    <row r="105245" spans="14:14">
      <c r="N105245" s="10"/>
    </row>
    <row r="105246" spans="14:14">
      <c r="N105246" s="10"/>
    </row>
    <row r="105247" spans="14:14">
      <c r="N105247" s="10"/>
    </row>
    <row r="105248" spans="14:14">
      <c r="N105248" s="10"/>
    </row>
    <row r="105249" spans="14:14">
      <c r="N105249" s="10"/>
    </row>
    <row r="105250" spans="14:14">
      <c r="N105250" s="10"/>
    </row>
    <row r="105251" spans="14:14">
      <c r="N105251" s="10"/>
    </row>
    <row r="105252" spans="14:14">
      <c r="N105252" s="10"/>
    </row>
    <row r="105253" spans="14:14">
      <c r="N105253" s="10"/>
    </row>
    <row r="105254" spans="14:14">
      <c r="N105254" s="10"/>
    </row>
    <row r="105255" spans="14:14">
      <c r="N105255" s="10"/>
    </row>
    <row r="105256" spans="14:14">
      <c r="N105256" s="10"/>
    </row>
    <row r="105257" spans="14:14">
      <c r="N105257" s="10"/>
    </row>
    <row r="105258" spans="14:14">
      <c r="N105258" s="10"/>
    </row>
    <row r="105259" spans="14:14">
      <c r="N105259" s="10"/>
    </row>
    <row r="105260" spans="14:14">
      <c r="N105260" s="10"/>
    </row>
    <row r="105261" spans="14:14">
      <c r="N105261" s="10"/>
    </row>
    <row r="105262" spans="14:14">
      <c r="N105262" s="10"/>
    </row>
    <row r="105263" spans="14:14">
      <c r="N105263" s="10"/>
    </row>
    <row r="105264" spans="14:14">
      <c r="N105264" s="10"/>
    </row>
    <row r="105265" spans="14:14">
      <c r="N105265" s="10"/>
    </row>
    <row r="105266" spans="14:14">
      <c r="N105266" s="10"/>
    </row>
    <row r="105267" spans="14:14">
      <c r="N105267" s="10"/>
    </row>
    <row r="105268" spans="14:14">
      <c r="N105268" s="10"/>
    </row>
    <row r="105269" spans="14:14">
      <c r="N105269" s="10"/>
    </row>
    <row r="105270" spans="14:14">
      <c r="N105270" s="10"/>
    </row>
    <row r="105271" spans="14:14">
      <c r="N105271" s="10"/>
    </row>
    <row r="105272" spans="14:14">
      <c r="N105272" s="10"/>
    </row>
    <row r="105273" spans="14:14">
      <c r="N105273" s="10"/>
    </row>
    <row r="105274" spans="14:14">
      <c r="N105274" s="10"/>
    </row>
    <row r="105275" spans="14:14">
      <c r="N105275" s="10"/>
    </row>
    <row r="105276" spans="14:14">
      <c r="N105276" s="10"/>
    </row>
    <row r="105277" spans="14:14">
      <c r="N105277" s="10"/>
    </row>
    <row r="105278" spans="14:14">
      <c r="N105278" s="10"/>
    </row>
    <row r="105279" spans="14:14">
      <c r="N105279" s="10"/>
    </row>
    <row r="105280" spans="14:14">
      <c r="N105280" s="10"/>
    </row>
    <row r="105281" spans="14:14">
      <c r="N105281" s="10"/>
    </row>
    <row r="105282" spans="14:14">
      <c r="N105282" s="10"/>
    </row>
    <row r="105283" spans="14:14">
      <c r="N105283" s="10"/>
    </row>
    <row r="105284" spans="14:14">
      <c r="N105284" s="10"/>
    </row>
    <row r="105285" spans="14:14">
      <c r="N105285" s="10"/>
    </row>
    <row r="105286" spans="14:14">
      <c r="N105286" s="10"/>
    </row>
    <row r="105287" spans="14:14">
      <c r="N105287" s="10"/>
    </row>
    <row r="105288" spans="14:14">
      <c r="N105288" s="10"/>
    </row>
    <row r="105289" spans="14:14">
      <c r="N105289" s="10"/>
    </row>
    <row r="105290" spans="14:14">
      <c r="N105290" s="10"/>
    </row>
    <row r="105291" spans="14:14">
      <c r="N105291" s="10"/>
    </row>
    <row r="105292" spans="14:14">
      <c r="N105292" s="10"/>
    </row>
    <row r="105293" spans="14:14">
      <c r="N105293" s="10"/>
    </row>
    <row r="105294" spans="14:14">
      <c r="N105294" s="10"/>
    </row>
    <row r="105295" spans="14:14">
      <c r="N105295" s="10"/>
    </row>
    <row r="105296" spans="14:14">
      <c r="N105296" s="10"/>
    </row>
    <row r="105297" spans="14:14">
      <c r="N105297" s="10"/>
    </row>
    <row r="105298" spans="14:14">
      <c r="N105298" s="10"/>
    </row>
    <row r="105299" spans="14:14">
      <c r="N105299" s="10"/>
    </row>
    <row r="105300" spans="14:14">
      <c r="N105300" s="10"/>
    </row>
    <row r="105301" spans="14:14">
      <c r="N105301" s="10"/>
    </row>
    <row r="105302" spans="14:14">
      <c r="N105302" s="10"/>
    </row>
    <row r="105303" spans="14:14">
      <c r="N105303" s="10"/>
    </row>
    <row r="105304" spans="14:14">
      <c r="N105304" s="10"/>
    </row>
    <row r="105305" spans="14:14">
      <c r="N105305" s="10"/>
    </row>
    <row r="105306" spans="14:14">
      <c r="N105306" s="10"/>
    </row>
    <row r="105307" spans="14:14">
      <c r="N105307" s="10"/>
    </row>
    <row r="105308" spans="14:14">
      <c r="N105308" s="10"/>
    </row>
    <row r="105309" spans="14:14">
      <c r="N105309" s="10"/>
    </row>
    <row r="105310" spans="14:14">
      <c r="N105310" s="10"/>
    </row>
    <row r="105311" spans="14:14">
      <c r="N105311" s="10"/>
    </row>
    <row r="105312" spans="14:14">
      <c r="N105312" s="10"/>
    </row>
    <row r="105313" spans="14:14">
      <c r="N105313" s="10"/>
    </row>
    <row r="105314" spans="14:14">
      <c r="N105314" s="10"/>
    </row>
    <row r="105315" spans="14:14">
      <c r="N105315" s="10"/>
    </row>
    <row r="105316" spans="14:14">
      <c r="N105316" s="10"/>
    </row>
    <row r="105317" spans="14:14">
      <c r="N105317" s="10"/>
    </row>
    <row r="105318" spans="14:14">
      <c r="N105318" s="10"/>
    </row>
    <row r="105319" spans="14:14">
      <c r="N105319" s="10"/>
    </row>
    <row r="105320" spans="14:14">
      <c r="N105320" s="10"/>
    </row>
    <row r="105321" spans="14:14">
      <c r="N105321" s="10"/>
    </row>
    <row r="105322" spans="14:14">
      <c r="N105322" s="10"/>
    </row>
    <row r="105323" spans="14:14">
      <c r="N105323" s="10"/>
    </row>
    <row r="105324" spans="14:14">
      <c r="N105324" s="10"/>
    </row>
    <row r="105325" spans="14:14">
      <c r="N105325" s="10"/>
    </row>
    <row r="105326" spans="14:14">
      <c r="N105326" s="10"/>
    </row>
    <row r="105327" spans="14:14">
      <c r="N105327" s="10"/>
    </row>
    <row r="105328" spans="14:14">
      <c r="N105328" s="10"/>
    </row>
    <row r="105329" spans="14:14">
      <c r="N105329" s="10"/>
    </row>
    <row r="105330" spans="14:14">
      <c r="N105330" s="10"/>
    </row>
    <row r="105331" spans="14:14">
      <c r="N105331" s="10"/>
    </row>
    <row r="105332" spans="14:14">
      <c r="N105332" s="10"/>
    </row>
    <row r="105333" spans="14:14">
      <c r="N105333" s="10"/>
    </row>
    <row r="105334" spans="14:14">
      <c r="N105334" s="10"/>
    </row>
    <row r="105335" spans="14:14">
      <c r="N105335" s="10"/>
    </row>
    <row r="105336" spans="14:14">
      <c r="N105336" s="10"/>
    </row>
    <row r="105337" spans="14:14">
      <c r="N105337" s="10"/>
    </row>
    <row r="105338" spans="14:14">
      <c r="N105338" s="10"/>
    </row>
    <row r="105339" spans="14:14">
      <c r="N105339" s="10"/>
    </row>
    <row r="105340" spans="14:14">
      <c r="N105340" s="10"/>
    </row>
    <row r="105341" spans="14:14">
      <c r="N105341" s="10"/>
    </row>
    <row r="105342" spans="14:14">
      <c r="N105342" s="10"/>
    </row>
    <row r="105343" spans="14:14">
      <c r="N105343" s="10"/>
    </row>
    <row r="105344" spans="14:14">
      <c r="N105344" s="10"/>
    </row>
    <row r="105345" spans="14:14">
      <c r="N105345" s="10"/>
    </row>
    <row r="105346" spans="14:14">
      <c r="N105346" s="10"/>
    </row>
    <row r="105347" spans="14:14">
      <c r="N105347" s="10"/>
    </row>
    <row r="105348" spans="14:14">
      <c r="N105348" s="10"/>
    </row>
    <row r="105349" spans="14:14">
      <c r="N105349" s="10"/>
    </row>
    <row r="105350" spans="14:14">
      <c r="N105350" s="10"/>
    </row>
    <row r="105351" spans="14:14">
      <c r="N105351" s="10"/>
    </row>
    <row r="105352" spans="14:14">
      <c r="N105352" s="10"/>
    </row>
    <row r="105353" spans="14:14">
      <c r="N105353" s="10"/>
    </row>
    <row r="105354" spans="14:14">
      <c r="N105354" s="10"/>
    </row>
    <row r="105355" spans="14:14">
      <c r="N105355" s="10"/>
    </row>
    <row r="105356" spans="14:14">
      <c r="N105356" s="10"/>
    </row>
    <row r="105357" spans="14:14">
      <c r="N105357" s="10"/>
    </row>
    <row r="105358" spans="14:14">
      <c r="N105358" s="10"/>
    </row>
    <row r="105359" spans="14:14">
      <c r="N105359" s="10"/>
    </row>
    <row r="105360" spans="14:14">
      <c r="N105360" s="10"/>
    </row>
    <row r="105361" spans="14:14">
      <c r="N105361" s="10"/>
    </row>
    <row r="105362" spans="14:14">
      <c r="N105362" s="10"/>
    </row>
    <row r="105363" spans="14:14">
      <c r="N105363" s="10"/>
    </row>
    <row r="105364" spans="14:14">
      <c r="N105364" s="10"/>
    </row>
    <row r="105365" spans="14:14">
      <c r="N105365" s="10"/>
    </row>
    <row r="105366" spans="14:14">
      <c r="N105366" s="10"/>
    </row>
    <row r="105367" spans="14:14">
      <c r="N105367" s="10"/>
    </row>
    <row r="105368" spans="14:14">
      <c r="N105368" s="10"/>
    </row>
    <row r="105369" spans="14:14">
      <c r="N105369" s="10"/>
    </row>
    <row r="105370" spans="14:14">
      <c r="N105370" s="10"/>
    </row>
    <row r="105371" spans="14:14">
      <c r="N105371" s="10"/>
    </row>
    <row r="105372" spans="14:14">
      <c r="N105372" s="10"/>
    </row>
    <row r="105373" spans="14:14">
      <c r="N105373" s="10"/>
    </row>
    <row r="105374" spans="14:14">
      <c r="N105374" s="10"/>
    </row>
    <row r="105375" spans="14:14">
      <c r="N105375" s="10"/>
    </row>
    <row r="105376" spans="14:14">
      <c r="N105376" s="10"/>
    </row>
    <row r="105377" spans="14:14">
      <c r="N105377" s="10"/>
    </row>
    <row r="105378" spans="14:14">
      <c r="N105378" s="10"/>
    </row>
    <row r="105379" spans="14:14">
      <c r="N105379" s="10"/>
    </row>
    <row r="105380" spans="14:14">
      <c r="N105380" s="10"/>
    </row>
    <row r="105381" spans="14:14">
      <c r="N105381" s="10"/>
    </row>
    <row r="105382" spans="14:14">
      <c r="N105382" s="10"/>
    </row>
    <row r="105383" spans="14:14">
      <c r="N105383" s="10"/>
    </row>
    <row r="105384" spans="14:14">
      <c r="N105384" s="10"/>
    </row>
    <row r="105385" spans="14:14">
      <c r="N105385" s="10"/>
    </row>
    <row r="105386" spans="14:14">
      <c r="N105386" s="10"/>
    </row>
    <row r="105387" spans="14:14">
      <c r="N105387" s="10"/>
    </row>
    <row r="105388" spans="14:14">
      <c r="N105388" s="10"/>
    </row>
    <row r="105389" spans="14:14">
      <c r="N105389" s="10"/>
    </row>
    <row r="105390" spans="14:14">
      <c r="N105390" s="10"/>
    </row>
    <row r="105391" spans="14:14">
      <c r="N105391" s="10"/>
    </row>
    <row r="105392" spans="14:14">
      <c r="N105392" s="10"/>
    </row>
    <row r="105393" spans="14:14">
      <c r="N105393" s="10"/>
    </row>
    <row r="105394" spans="14:14">
      <c r="N105394" s="10"/>
    </row>
    <row r="105395" spans="14:14">
      <c r="N105395" s="10"/>
    </row>
    <row r="105396" spans="14:14">
      <c r="N105396" s="10"/>
    </row>
    <row r="105397" spans="14:14">
      <c r="N105397" s="10"/>
    </row>
    <row r="105398" spans="14:14">
      <c r="N105398" s="10"/>
    </row>
    <row r="105399" spans="14:14">
      <c r="N105399" s="10"/>
    </row>
    <row r="105400" spans="14:14">
      <c r="N105400" s="10"/>
    </row>
    <row r="105401" spans="14:14">
      <c r="N105401" s="10"/>
    </row>
    <row r="105402" spans="14:14">
      <c r="N105402" s="10"/>
    </row>
    <row r="105403" spans="14:14">
      <c r="N105403" s="10"/>
    </row>
    <row r="105404" spans="14:14">
      <c r="N105404" s="10"/>
    </row>
    <row r="105405" spans="14:14">
      <c r="N105405" s="10"/>
    </row>
    <row r="105406" spans="14:14">
      <c r="N105406" s="10"/>
    </row>
    <row r="105407" spans="14:14">
      <c r="N105407" s="10"/>
    </row>
    <row r="105408" spans="14:14">
      <c r="N105408" s="10"/>
    </row>
    <row r="105409" spans="14:14">
      <c r="N105409" s="10"/>
    </row>
    <row r="105410" spans="14:14">
      <c r="N105410" s="10"/>
    </row>
    <row r="105411" spans="14:14">
      <c r="N105411" s="10"/>
    </row>
    <row r="105412" spans="14:14">
      <c r="N105412" s="10"/>
    </row>
    <row r="105413" spans="14:14">
      <c r="N105413" s="10"/>
    </row>
    <row r="105414" spans="14:14">
      <c r="N105414" s="10"/>
    </row>
    <row r="105415" spans="14:14">
      <c r="N105415" s="10"/>
    </row>
    <row r="105416" spans="14:14">
      <c r="N105416" s="10"/>
    </row>
    <row r="105417" spans="14:14">
      <c r="N105417" s="10"/>
    </row>
    <row r="105418" spans="14:14">
      <c r="N105418" s="10"/>
    </row>
    <row r="105419" spans="14:14">
      <c r="N105419" s="10"/>
    </row>
    <row r="105420" spans="14:14">
      <c r="N105420" s="10"/>
    </row>
    <row r="105421" spans="14:14">
      <c r="N105421" s="10"/>
    </row>
    <row r="105422" spans="14:14">
      <c r="N105422" s="10"/>
    </row>
    <row r="105423" spans="14:14">
      <c r="N105423" s="10"/>
    </row>
    <row r="105424" spans="14:14">
      <c r="N105424" s="10"/>
    </row>
    <row r="105425" spans="14:14">
      <c r="N105425" s="10"/>
    </row>
    <row r="105426" spans="14:14">
      <c r="N105426" s="10"/>
    </row>
    <row r="105427" spans="14:14">
      <c r="N105427" s="10"/>
    </row>
    <row r="105428" spans="14:14">
      <c r="N105428" s="10"/>
    </row>
    <row r="105429" spans="14:14">
      <c r="N105429" s="10"/>
    </row>
    <row r="105430" spans="14:14">
      <c r="N105430" s="10"/>
    </row>
    <row r="105431" spans="14:14">
      <c r="N105431" s="10"/>
    </row>
    <row r="105432" spans="14:14">
      <c r="N105432" s="10"/>
    </row>
    <row r="105433" spans="14:14">
      <c r="N105433" s="10"/>
    </row>
    <row r="105434" spans="14:14">
      <c r="N105434" s="10"/>
    </row>
    <row r="105435" spans="14:14">
      <c r="N105435" s="10"/>
    </row>
    <row r="105436" spans="14:14">
      <c r="N105436" s="10"/>
    </row>
    <row r="105437" spans="14:14">
      <c r="N105437" s="10"/>
    </row>
    <row r="105438" spans="14:14">
      <c r="N105438" s="10"/>
    </row>
    <row r="105439" spans="14:14">
      <c r="N105439" s="10"/>
    </row>
    <row r="105440" spans="14:14">
      <c r="N105440" s="10"/>
    </row>
    <row r="105441" spans="14:14">
      <c r="N105441" s="10"/>
    </row>
    <row r="105442" spans="14:14">
      <c r="N105442" s="10"/>
    </row>
    <row r="105443" spans="14:14">
      <c r="N105443" s="10"/>
    </row>
    <row r="105444" spans="14:14">
      <c r="N105444" s="10"/>
    </row>
    <row r="105445" spans="14:14">
      <c r="N105445" s="10"/>
    </row>
    <row r="105446" spans="14:14">
      <c r="N105446" s="10"/>
    </row>
    <row r="105447" spans="14:14">
      <c r="N105447" s="10"/>
    </row>
    <row r="105448" spans="14:14">
      <c r="N105448" s="10"/>
    </row>
    <row r="105449" spans="14:14">
      <c r="N105449" s="10"/>
    </row>
    <row r="105450" spans="14:14">
      <c r="N105450" s="10"/>
    </row>
    <row r="105451" spans="14:14">
      <c r="N105451" s="10"/>
    </row>
    <row r="105452" spans="14:14">
      <c r="N105452" s="10"/>
    </row>
    <row r="105453" spans="14:14">
      <c r="N105453" s="10"/>
    </row>
    <row r="105454" spans="14:14">
      <c r="N105454" s="10"/>
    </row>
    <row r="105455" spans="14:14">
      <c r="N105455" s="10"/>
    </row>
    <row r="105456" spans="14:14">
      <c r="N105456" s="10"/>
    </row>
    <row r="105457" spans="14:14">
      <c r="N105457" s="10"/>
    </row>
    <row r="105458" spans="14:14">
      <c r="N105458" s="10"/>
    </row>
    <row r="105459" spans="14:14">
      <c r="N105459" s="10"/>
    </row>
    <row r="105460" spans="14:14">
      <c r="N105460" s="10"/>
    </row>
    <row r="105461" spans="14:14">
      <c r="N105461" s="10"/>
    </row>
    <row r="105462" spans="14:14">
      <c r="N105462" s="10"/>
    </row>
    <row r="105463" spans="14:14">
      <c r="N105463" s="10"/>
    </row>
    <row r="105464" spans="14:14">
      <c r="N105464" s="10"/>
    </row>
    <row r="105465" spans="14:14">
      <c r="N105465" s="10"/>
    </row>
    <row r="105466" spans="14:14">
      <c r="N105466" s="10"/>
    </row>
    <row r="105467" spans="14:14">
      <c r="N105467" s="10"/>
    </row>
    <row r="105468" spans="14:14">
      <c r="N105468" s="10"/>
    </row>
    <row r="105469" spans="14:14">
      <c r="N105469" s="10"/>
    </row>
    <row r="105470" spans="14:14">
      <c r="N105470" s="10"/>
    </row>
    <row r="105471" spans="14:14">
      <c r="N105471" s="10"/>
    </row>
    <row r="105472" spans="14:14">
      <c r="N105472" s="10"/>
    </row>
    <row r="105473" spans="14:14">
      <c r="N105473" s="10"/>
    </row>
    <row r="105474" spans="14:14">
      <c r="N105474" s="10"/>
    </row>
    <row r="105475" spans="14:14">
      <c r="N105475" s="10"/>
    </row>
    <row r="105476" spans="14:14">
      <c r="N105476" s="10"/>
    </row>
    <row r="105477" spans="14:14">
      <c r="N105477" s="10"/>
    </row>
    <row r="105478" spans="14:14">
      <c r="N105478" s="10"/>
    </row>
    <row r="105479" spans="14:14">
      <c r="N105479" s="10"/>
    </row>
    <row r="105480" spans="14:14">
      <c r="N105480" s="10"/>
    </row>
    <row r="105481" spans="14:14">
      <c r="N105481" s="10"/>
    </row>
    <row r="105482" spans="14:14">
      <c r="N105482" s="10"/>
    </row>
    <row r="105483" spans="14:14">
      <c r="N105483" s="10"/>
    </row>
    <row r="105484" spans="14:14">
      <c r="N105484" s="10"/>
    </row>
    <row r="105485" spans="14:14">
      <c r="N105485" s="10"/>
    </row>
    <row r="105486" spans="14:14">
      <c r="N105486" s="10"/>
    </row>
    <row r="105487" spans="14:14">
      <c r="N105487" s="10"/>
    </row>
    <row r="105488" spans="14:14">
      <c r="N105488" s="10"/>
    </row>
    <row r="105489" spans="14:14">
      <c r="N105489" s="10"/>
    </row>
    <row r="105490" spans="14:14">
      <c r="N105490" s="10"/>
    </row>
    <row r="105491" spans="14:14">
      <c r="N105491" s="10"/>
    </row>
    <row r="105492" spans="14:14">
      <c r="N105492" s="10"/>
    </row>
    <row r="105493" spans="14:14">
      <c r="N105493" s="10"/>
    </row>
    <row r="105494" spans="14:14">
      <c r="N105494" s="10"/>
    </row>
    <row r="105495" spans="14:14">
      <c r="N105495" s="10"/>
    </row>
    <row r="105496" spans="14:14">
      <c r="N105496" s="10"/>
    </row>
    <row r="105497" spans="14:14">
      <c r="N105497" s="10"/>
    </row>
    <row r="105498" spans="14:14">
      <c r="N105498" s="10"/>
    </row>
    <row r="105499" spans="14:14">
      <c r="N105499" s="10"/>
    </row>
    <row r="105500" spans="14:14">
      <c r="N105500" s="10"/>
    </row>
    <row r="105501" spans="14:14">
      <c r="N105501" s="10"/>
    </row>
    <row r="105502" spans="14:14">
      <c r="N105502" s="10"/>
    </row>
    <row r="105503" spans="14:14">
      <c r="N105503" s="10"/>
    </row>
    <row r="105504" spans="14:14">
      <c r="N105504" s="10"/>
    </row>
    <row r="105505" spans="14:14">
      <c r="N105505" s="10"/>
    </row>
    <row r="105506" spans="14:14">
      <c r="N105506" s="10"/>
    </row>
    <row r="105507" spans="14:14">
      <c r="N105507" s="10"/>
    </row>
    <row r="105508" spans="14:14">
      <c r="N105508" s="10"/>
    </row>
    <row r="105509" spans="14:14">
      <c r="N105509" s="10"/>
    </row>
    <row r="105510" spans="14:14">
      <c r="N105510" s="10"/>
    </row>
    <row r="105511" spans="14:14">
      <c r="N105511" s="10"/>
    </row>
    <row r="105512" spans="14:14">
      <c r="N105512" s="10"/>
    </row>
    <row r="105513" spans="14:14">
      <c r="N105513" s="10"/>
    </row>
    <row r="105514" spans="14:14">
      <c r="N105514" s="10"/>
    </row>
    <row r="105515" spans="14:14">
      <c r="N105515" s="10"/>
    </row>
    <row r="105516" spans="14:14">
      <c r="N105516" s="10"/>
    </row>
    <row r="105517" spans="14:14">
      <c r="N105517" s="10"/>
    </row>
    <row r="105518" spans="14:14">
      <c r="N105518" s="10"/>
    </row>
    <row r="105519" spans="14:14">
      <c r="N105519" s="10"/>
    </row>
    <row r="105520" spans="14:14">
      <c r="N105520" s="10"/>
    </row>
    <row r="105521" spans="14:14">
      <c r="N105521" s="10"/>
    </row>
    <row r="105522" spans="14:14">
      <c r="N105522" s="10"/>
    </row>
    <row r="105523" spans="14:14">
      <c r="N105523" s="10"/>
    </row>
    <row r="105524" spans="14:14">
      <c r="N105524" s="10"/>
    </row>
    <row r="105525" spans="14:14">
      <c r="N105525" s="10"/>
    </row>
    <row r="105526" spans="14:14">
      <c r="N105526" s="10"/>
    </row>
    <row r="105527" spans="14:14">
      <c r="N105527" s="10"/>
    </row>
    <row r="105528" spans="14:14">
      <c r="N105528" s="10"/>
    </row>
    <row r="105529" spans="14:14">
      <c r="N105529" s="10"/>
    </row>
    <row r="105530" spans="14:14">
      <c r="N105530" s="10"/>
    </row>
    <row r="105531" spans="14:14">
      <c r="N105531" s="10"/>
    </row>
    <row r="105532" spans="14:14">
      <c r="N105532" s="10"/>
    </row>
    <row r="105533" spans="14:14">
      <c r="N105533" s="10"/>
    </row>
    <row r="105534" spans="14:14">
      <c r="N105534" s="10"/>
    </row>
    <row r="105535" spans="14:14">
      <c r="N105535" s="10"/>
    </row>
    <row r="105536" spans="14:14">
      <c r="N105536" s="10"/>
    </row>
    <row r="105537" spans="14:14">
      <c r="N105537" s="10"/>
    </row>
    <row r="105538" spans="14:14">
      <c r="N105538" s="10"/>
    </row>
    <row r="105539" spans="14:14">
      <c r="N105539" s="10"/>
    </row>
    <row r="105540" spans="14:14">
      <c r="N105540" s="10"/>
    </row>
    <row r="105541" spans="14:14">
      <c r="N105541" s="10"/>
    </row>
    <row r="105542" spans="14:14">
      <c r="N105542" s="10"/>
    </row>
    <row r="105543" spans="14:14">
      <c r="N105543" s="10"/>
    </row>
    <row r="105544" spans="14:14">
      <c r="N105544" s="10"/>
    </row>
    <row r="105545" spans="14:14">
      <c r="N105545" s="10"/>
    </row>
    <row r="105546" spans="14:14">
      <c r="N105546" s="10"/>
    </row>
    <row r="105547" spans="14:14">
      <c r="N105547" s="10"/>
    </row>
    <row r="105548" spans="14:14">
      <c r="N105548" s="10"/>
    </row>
    <row r="105549" spans="14:14">
      <c r="N105549" s="10"/>
    </row>
    <row r="105550" spans="14:14">
      <c r="N105550" s="10"/>
    </row>
    <row r="105551" spans="14:14">
      <c r="N105551" s="10"/>
    </row>
    <row r="105552" spans="14:14">
      <c r="N105552" s="10"/>
    </row>
    <row r="105553" spans="14:14">
      <c r="N105553" s="10"/>
    </row>
    <row r="105554" spans="14:14">
      <c r="N105554" s="10"/>
    </row>
    <row r="105555" spans="14:14">
      <c r="N105555" s="10"/>
    </row>
    <row r="105556" spans="14:14">
      <c r="N105556" s="10"/>
    </row>
    <row r="105557" spans="14:14">
      <c r="N105557" s="10"/>
    </row>
    <row r="105558" spans="14:14">
      <c r="N105558" s="10"/>
    </row>
    <row r="105559" spans="14:14">
      <c r="N105559" s="10"/>
    </row>
    <row r="105560" spans="14:14">
      <c r="N105560" s="10"/>
    </row>
    <row r="105561" spans="14:14">
      <c r="N105561" s="10"/>
    </row>
    <row r="105562" spans="14:14">
      <c r="N105562" s="10"/>
    </row>
    <row r="105563" spans="14:14">
      <c r="N105563" s="10"/>
    </row>
    <row r="105564" spans="14:14">
      <c r="N105564" s="10"/>
    </row>
    <row r="105565" spans="14:14">
      <c r="N105565" s="10"/>
    </row>
    <row r="105566" spans="14:14">
      <c r="N105566" s="10"/>
    </row>
    <row r="105567" spans="14:14">
      <c r="N105567" s="10"/>
    </row>
    <row r="105568" spans="14:14">
      <c r="N105568" s="10"/>
    </row>
    <row r="105569" spans="14:14">
      <c r="N105569" s="10"/>
    </row>
    <row r="105570" spans="14:14">
      <c r="N105570" s="10"/>
    </row>
    <row r="105571" spans="14:14">
      <c r="N105571" s="10"/>
    </row>
    <row r="105572" spans="14:14">
      <c r="N105572" s="10"/>
    </row>
    <row r="105573" spans="14:14">
      <c r="N105573" s="10"/>
    </row>
    <row r="105574" spans="14:14">
      <c r="N105574" s="10"/>
    </row>
    <row r="105575" spans="14:14">
      <c r="N105575" s="10"/>
    </row>
    <row r="105576" spans="14:14">
      <c r="N105576" s="10"/>
    </row>
    <row r="105577" spans="14:14">
      <c r="N105577" s="10"/>
    </row>
    <row r="105578" spans="14:14">
      <c r="N105578" s="10"/>
    </row>
    <row r="105579" spans="14:14">
      <c r="N105579" s="10"/>
    </row>
    <row r="105580" spans="14:14">
      <c r="N105580" s="10"/>
    </row>
    <row r="105581" spans="14:14">
      <c r="N105581" s="10"/>
    </row>
    <row r="105582" spans="14:14">
      <c r="N105582" s="10"/>
    </row>
    <row r="105583" spans="14:14">
      <c r="N105583" s="10"/>
    </row>
    <row r="105584" spans="14:14">
      <c r="N105584" s="10"/>
    </row>
    <row r="105585" spans="14:14">
      <c r="N105585" s="10"/>
    </row>
    <row r="105586" spans="14:14">
      <c r="N105586" s="10"/>
    </row>
    <row r="105587" spans="14:14">
      <c r="N105587" s="10"/>
    </row>
    <row r="105588" spans="14:14">
      <c r="N105588" s="10"/>
    </row>
    <row r="105589" spans="14:14">
      <c r="N105589" s="10"/>
    </row>
    <row r="105590" spans="14:14">
      <c r="N105590" s="10"/>
    </row>
    <row r="105591" spans="14:14">
      <c r="N105591" s="10"/>
    </row>
    <row r="105592" spans="14:14">
      <c r="N105592" s="10"/>
    </row>
    <row r="105593" spans="14:14">
      <c r="N105593" s="10"/>
    </row>
    <row r="105594" spans="14:14">
      <c r="N105594" s="10"/>
    </row>
    <row r="105595" spans="14:14">
      <c r="N105595" s="10"/>
    </row>
    <row r="105596" spans="14:14">
      <c r="N105596" s="10"/>
    </row>
    <row r="105597" spans="14:14">
      <c r="N105597" s="10"/>
    </row>
    <row r="105598" spans="14:14">
      <c r="N105598" s="10"/>
    </row>
    <row r="105599" spans="14:14">
      <c r="N105599" s="10"/>
    </row>
    <row r="105600" spans="14:14">
      <c r="N105600" s="10"/>
    </row>
    <row r="105601" spans="14:14">
      <c r="N105601" s="10"/>
    </row>
    <row r="105602" spans="14:14">
      <c r="N105602" s="10"/>
    </row>
    <row r="105603" spans="14:14">
      <c r="N105603" s="10"/>
    </row>
    <row r="105604" spans="14:14">
      <c r="N105604" s="10"/>
    </row>
    <row r="105605" spans="14:14">
      <c r="N105605" s="10"/>
    </row>
    <row r="105606" spans="14:14">
      <c r="N105606" s="10"/>
    </row>
    <row r="105607" spans="14:14">
      <c r="N105607" s="10"/>
    </row>
    <row r="105608" spans="14:14">
      <c r="N105608" s="10"/>
    </row>
    <row r="105609" spans="14:14">
      <c r="N105609" s="10"/>
    </row>
    <row r="105610" spans="14:14">
      <c r="N105610" s="10"/>
    </row>
    <row r="105611" spans="14:14">
      <c r="N105611" s="10"/>
    </row>
    <row r="105612" spans="14:14">
      <c r="N105612" s="10"/>
    </row>
    <row r="105613" spans="14:14">
      <c r="N105613" s="10"/>
    </row>
    <row r="105614" spans="14:14">
      <c r="N105614" s="10"/>
    </row>
    <row r="105615" spans="14:14">
      <c r="N105615" s="10"/>
    </row>
    <row r="105616" spans="14:14">
      <c r="N105616" s="10"/>
    </row>
    <row r="105617" spans="14:14">
      <c r="N105617" s="10"/>
    </row>
    <row r="105618" spans="14:14">
      <c r="N105618" s="10"/>
    </row>
    <row r="105619" spans="14:14">
      <c r="N105619" s="10"/>
    </row>
    <row r="105620" spans="14:14">
      <c r="N105620" s="10"/>
    </row>
    <row r="105621" spans="14:14">
      <c r="N105621" s="10"/>
    </row>
    <row r="105622" spans="14:14">
      <c r="N105622" s="10"/>
    </row>
    <row r="105623" spans="14:14">
      <c r="N105623" s="10"/>
    </row>
    <row r="105624" spans="14:14">
      <c r="N105624" s="10"/>
    </row>
    <row r="105625" spans="14:14">
      <c r="N105625" s="10"/>
    </row>
    <row r="105626" spans="14:14">
      <c r="N105626" s="10"/>
    </row>
    <row r="105627" spans="14:14">
      <c r="N105627" s="10"/>
    </row>
    <row r="105628" spans="14:14">
      <c r="N105628" s="10"/>
    </row>
    <row r="105629" spans="14:14">
      <c r="N105629" s="10"/>
    </row>
    <row r="105630" spans="14:14">
      <c r="N105630" s="10"/>
    </row>
    <row r="105631" spans="14:14">
      <c r="N105631" s="10"/>
    </row>
    <row r="105632" spans="14:14">
      <c r="N105632" s="10"/>
    </row>
    <row r="105633" spans="14:14">
      <c r="N105633" s="10"/>
    </row>
    <row r="105634" spans="14:14">
      <c r="N105634" s="10"/>
    </row>
    <row r="105635" spans="14:14">
      <c r="N105635" s="10"/>
    </row>
    <row r="105636" spans="14:14">
      <c r="N105636" s="10"/>
    </row>
    <row r="105637" spans="14:14">
      <c r="N105637" s="10"/>
    </row>
    <row r="105638" spans="14:14">
      <c r="N105638" s="10"/>
    </row>
    <row r="105639" spans="14:14">
      <c r="N105639" s="10"/>
    </row>
    <row r="105640" spans="14:14">
      <c r="N105640" s="10"/>
    </row>
    <row r="105641" spans="14:14">
      <c r="N105641" s="10"/>
    </row>
    <row r="105642" spans="14:14">
      <c r="N105642" s="10"/>
    </row>
    <row r="105643" spans="14:14">
      <c r="N105643" s="10"/>
    </row>
    <row r="105644" spans="14:14">
      <c r="N105644" s="10"/>
    </row>
    <row r="105645" spans="14:14">
      <c r="N105645" s="10"/>
    </row>
    <row r="105646" spans="14:14">
      <c r="N105646" s="10"/>
    </row>
    <row r="105647" spans="14:14">
      <c r="N105647" s="10"/>
    </row>
    <row r="105648" spans="14:14">
      <c r="N105648" s="10"/>
    </row>
    <row r="105649" spans="14:14">
      <c r="N105649" s="10"/>
    </row>
    <row r="105650" spans="14:14">
      <c r="N105650" s="10"/>
    </row>
    <row r="105651" spans="14:14">
      <c r="N105651" s="10"/>
    </row>
    <row r="105652" spans="14:14">
      <c r="N105652" s="10"/>
    </row>
    <row r="105653" spans="14:14">
      <c r="N105653" s="10"/>
    </row>
    <row r="105654" spans="14:14">
      <c r="N105654" s="10"/>
    </row>
    <row r="105655" spans="14:14">
      <c r="N105655" s="10"/>
    </row>
    <row r="105656" spans="14:14">
      <c r="N105656" s="10"/>
    </row>
    <row r="105657" spans="14:14">
      <c r="N105657" s="10"/>
    </row>
    <row r="105658" spans="14:14">
      <c r="N105658" s="10"/>
    </row>
    <row r="105659" spans="14:14">
      <c r="N105659" s="10"/>
    </row>
    <row r="105660" spans="14:14">
      <c r="N105660" s="10"/>
    </row>
    <row r="105661" spans="14:14">
      <c r="N105661" s="10"/>
    </row>
    <row r="105662" spans="14:14">
      <c r="N105662" s="10"/>
    </row>
    <row r="105663" spans="14:14">
      <c r="N105663" s="10"/>
    </row>
    <row r="105664" spans="14:14">
      <c r="N105664" s="10"/>
    </row>
    <row r="105665" spans="14:14">
      <c r="N105665" s="10"/>
    </row>
    <row r="105666" spans="14:14">
      <c r="N105666" s="10"/>
    </row>
    <row r="105667" spans="14:14">
      <c r="N105667" s="10"/>
    </row>
    <row r="105668" spans="14:14">
      <c r="N105668" s="10"/>
    </row>
    <row r="105669" spans="14:14">
      <c r="N105669" s="10"/>
    </row>
    <row r="105670" spans="14:14">
      <c r="N105670" s="10"/>
    </row>
    <row r="105671" spans="14:14">
      <c r="N105671" s="10"/>
    </row>
    <row r="105672" spans="14:14">
      <c r="N105672" s="10"/>
    </row>
    <row r="105673" spans="14:14">
      <c r="N105673" s="10"/>
    </row>
    <row r="105674" spans="14:14">
      <c r="N105674" s="10"/>
    </row>
    <row r="105675" spans="14:14">
      <c r="N105675" s="10"/>
    </row>
    <row r="105676" spans="14:14">
      <c r="N105676" s="10"/>
    </row>
    <row r="105677" spans="14:14">
      <c r="N105677" s="10"/>
    </row>
    <row r="105678" spans="14:14">
      <c r="N105678" s="10"/>
    </row>
    <row r="105679" spans="14:14">
      <c r="N105679" s="10"/>
    </row>
    <row r="105680" spans="14:14">
      <c r="N105680" s="10"/>
    </row>
    <row r="105681" spans="14:14">
      <c r="N105681" s="10"/>
    </row>
    <row r="105682" spans="14:14">
      <c r="N105682" s="10"/>
    </row>
    <row r="105683" spans="14:14">
      <c r="N105683" s="10"/>
    </row>
    <row r="105684" spans="14:14">
      <c r="N105684" s="10"/>
    </row>
    <row r="105685" spans="14:14">
      <c r="N105685" s="10"/>
    </row>
    <row r="105686" spans="14:14">
      <c r="N105686" s="10"/>
    </row>
    <row r="105687" spans="14:14">
      <c r="N105687" s="10"/>
    </row>
    <row r="105688" spans="14:14">
      <c r="N105688" s="10"/>
    </row>
    <row r="105689" spans="14:14">
      <c r="N105689" s="10"/>
    </row>
    <row r="105690" spans="14:14">
      <c r="N105690" s="10"/>
    </row>
    <row r="105691" spans="14:14">
      <c r="N105691" s="10"/>
    </row>
    <row r="105692" spans="14:14">
      <c r="N105692" s="10"/>
    </row>
    <row r="105693" spans="14:14">
      <c r="N105693" s="10"/>
    </row>
    <row r="105694" spans="14:14">
      <c r="N105694" s="10"/>
    </row>
    <row r="105695" spans="14:14">
      <c r="N105695" s="10"/>
    </row>
    <row r="105696" spans="14:14">
      <c r="N105696" s="10"/>
    </row>
    <row r="105697" spans="14:14">
      <c r="N105697" s="10"/>
    </row>
    <row r="105698" spans="14:14">
      <c r="N105698" s="10"/>
    </row>
    <row r="105699" spans="14:14">
      <c r="N105699" s="10"/>
    </row>
    <row r="105700" spans="14:14">
      <c r="N105700" s="10"/>
    </row>
    <row r="105701" spans="14:14">
      <c r="N105701" s="10"/>
    </row>
    <row r="105702" spans="14:14">
      <c r="N105702" s="10"/>
    </row>
    <row r="105703" spans="14:14">
      <c r="N105703" s="10"/>
    </row>
    <row r="105704" spans="14:14">
      <c r="N105704" s="10"/>
    </row>
    <row r="105705" spans="14:14">
      <c r="N105705" s="10"/>
    </row>
    <row r="105706" spans="14:14">
      <c r="N105706" s="10"/>
    </row>
    <row r="105707" spans="14:14">
      <c r="N105707" s="10"/>
    </row>
    <row r="105708" spans="14:14">
      <c r="N105708" s="10"/>
    </row>
    <row r="105709" spans="14:14">
      <c r="N105709" s="10"/>
    </row>
    <row r="105710" spans="14:14">
      <c r="N105710" s="10"/>
    </row>
    <row r="105711" spans="14:14">
      <c r="N105711" s="10"/>
    </row>
    <row r="105712" spans="14:14">
      <c r="N105712" s="10"/>
    </row>
    <row r="105713" spans="14:14">
      <c r="N105713" s="10"/>
    </row>
    <row r="105714" spans="14:14">
      <c r="N105714" s="10"/>
    </row>
    <row r="105715" spans="14:14">
      <c r="N105715" s="10"/>
    </row>
    <row r="105716" spans="14:14">
      <c r="N105716" s="10"/>
    </row>
    <row r="105717" spans="14:14">
      <c r="N105717" s="10"/>
    </row>
    <row r="105718" spans="14:14">
      <c r="N105718" s="10"/>
    </row>
    <row r="105719" spans="14:14">
      <c r="N105719" s="10"/>
    </row>
    <row r="105720" spans="14:14">
      <c r="N105720" s="10"/>
    </row>
    <row r="105721" spans="14:14">
      <c r="N105721" s="10"/>
    </row>
    <row r="105722" spans="14:14">
      <c r="N105722" s="10"/>
    </row>
    <row r="105723" spans="14:14">
      <c r="N105723" s="10"/>
    </row>
    <row r="105724" spans="14:14">
      <c r="N105724" s="10"/>
    </row>
    <row r="105725" spans="14:14">
      <c r="N105725" s="10"/>
    </row>
    <row r="105726" spans="14:14">
      <c r="N105726" s="10"/>
    </row>
    <row r="105727" spans="14:14">
      <c r="N105727" s="10"/>
    </row>
    <row r="105728" spans="14:14">
      <c r="N105728" s="10"/>
    </row>
    <row r="105729" spans="14:14">
      <c r="N105729" s="10"/>
    </row>
    <row r="105730" spans="14:14">
      <c r="N105730" s="10"/>
    </row>
    <row r="105731" spans="14:14">
      <c r="N105731" s="10"/>
    </row>
    <row r="105732" spans="14:14">
      <c r="N105732" s="10"/>
    </row>
    <row r="105733" spans="14:14">
      <c r="N105733" s="10"/>
    </row>
    <row r="105734" spans="14:14">
      <c r="N105734" s="10"/>
    </row>
    <row r="105735" spans="14:14">
      <c r="N105735" s="10"/>
    </row>
    <row r="105736" spans="14:14">
      <c r="N105736" s="10"/>
    </row>
    <row r="105737" spans="14:14">
      <c r="N105737" s="10"/>
    </row>
    <row r="105738" spans="14:14">
      <c r="N105738" s="10"/>
    </row>
    <row r="105739" spans="14:14">
      <c r="N105739" s="10"/>
    </row>
    <row r="105740" spans="14:14">
      <c r="N105740" s="10"/>
    </row>
    <row r="105741" spans="14:14">
      <c r="N105741" s="10"/>
    </row>
    <row r="105742" spans="14:14">
      <c r="N105742" s="10"/>
    </row>
    <row r="105743" spans="14:14">
      <c r="N105743" s="10"/>
    </row>
    <row r="105744" spans="14:14">
      <c r="N105744" s="10"/>
    </row>
    <row r="105745" spans="14:14">
      <c r="N105745" s="10"/>
    </row>
    <row r="105746" spans="14:14">
      <c r="N105746" s="10"/>
    </row>
    <row r="105747" spans="14:14">
      <c r="N105747" s="10"/>
    </row>
    <row r="105748" spans="14:14">
      <c r="N105748" s="10"/>
    </row>
    <row r="105749" spans="14:14">
      <c r="N105749" s="10"/>
    </row>
    <row r="105750" spans="14:14">
      <c r="N105750" s="10"/>
    </row>
    <row r="105751" spans="14:14">
      <c r="N105751" s="10"/>
    </row>
    <row r="105752" spans="14:14">
      <c r="N105752" s="10"/>
    </row>
    <row r="105753" spans="14:14">
      <c r="N105753" s="10"/>
    </row>
    <row r="105754" spans="14:14">
      <c r="N105754" s="10"/>
    </row>
    <row r="105755" spans="14:14">
      <c r="N105755" s="10"/>
    </row>
    <row r="105756" spans="14:14">
      <c r="N105756" s="10"/>
    </row>
    <row r="105757" spans="14:14">
      <c r="N105757" s="10"/>
    </row>
    <row r="105758" spans="14:14">
      <c r="N105758" s="10"/>
    </row>
    <row r="105759" spans="14:14">
      <c r="N105759" s="10"/>
    </row>
    <row r="105760" spans="14:14">
      <c r="N105760" s="10"/>
    </row>
    <row r="105761" spans="14:14">
      <c r="N105761" s="10"/>
    </row>
    <row r="105762" spans="14:14">
      <c r="N105762" s="10"/>
    </row>
    <row r="105763" spans="14:14">
      <c r="N105763" s="10"/>
    </row>
    <row r="105764" spans="14:14">
      <c r="N105764" s="10"/>
    </row>
    <row r="105765" spans="14:14">
      <c r="N105765" s="10"/>
    </row>
    <row r="105766" spans="14:14">
      <c r="N105766" s="10"/>
    </row>
    <row r="105767" spans="14:14">
      <c r="N105767" s="10"/>
    </row>
    <row r="105768" spans="14:14">
      <c r="N105768" s="10"/>
    </row>
    <row r="105769" spans="14:14">
      <c r="N105769" s="10"/>
    </row>
    <row r="105770" spans="14:14">
      <c r="N105770" s="10"/>
    </row>
    <row r="105771" spans="14:14">
      <c r="N105771" s="10"/>
    </row>
    <row r="105772" spans="14:14">
      <c r="N105772" s="10"/>
    </row>
    <row r="105773" spans="14:14">
      <c r="N105773" s="10"/>
    </row>
    <row r="105774" spans="14:14">
      <c r="N105774" s="10"/>
    </row>
    <row r="105775" spans="14:14">
      <c r="N105775" s="10"/>
    </row>
    <row r="105776" spans="14:14">
      <c r="N105776" s="10"/>
    </row>
    <row r="105777" spans="14:14">
      <c r="N105777" s="10"/>
    </row>
    <row r="105778" spans="14:14">
      <c r="N105778" s="10"/>
    </row>
    <row r="105779" spans="14:14">
      <c r="N105779" s="10"/>
    </row>
    <row r="105780" spans="14:14">
      <c r="N105780" s="10"/>
    </row>
    <row r="105781" spans="14:14">
      <c r="N105781" s="10"/>
    </row>
    <row r="105782" spans="14:14">
      <c r="N105782" s="10"/>
    </row>
    <row r="105783" spans="14:14">
      <c r="N105783" s="10"/>
    </row>
    <row r="105784" spans="14:14">
      <c r="N105784" s="10"/>
    </row>
    <row r="105785" spans="14:14">
      <c r="N105785" s="10"/>
    </row>
    <row r="105786" spans="14:14">
      <c r="N105786" s="10"/>
    </row>
    <row r="105787" spans="14:14">
      <c r="N105787" s="10"/>
    </row>
    <row r="105788" spans="14:14">
      <c r="N105788" s="10"/>
    </row>
    <row r="105789" spans="14:14">
      <c r="N105789" s="10"/>
    </row>
    <row r="105790" spans="14:14">
      <c r="N105790" s="10"/>
    </row>
    <row r="105791" spans="14:14">
      <c r="N105791" s="10"/>
    </row>
    <row r="105792" spans="14:14">
      <c r="N105792" s="10"/>
    </row>
    <row r="105793" spans="14:14">
      <c r="N105793" s="10"/>
    </row>
    <row r="105794" spans="14:14">
      <c r="N105794" s="10"/>
    </row>
    <row r="105795" spans="14:14">
      <c r="N105795" s="10"/>
    </row>
    <row r="105796" spans="14:14">
      <c r="N105796" s="10"/>
    </row>
    <row r="105797" spans="14:14">
      <c r="N105797" s="10"/>
    </row>
    <row r="105798" spans="14:14">
      <c r="N105798" s="10"/>
    </row>
    <row r="105799" spans="14:14">
      <c r="N105799" s="10"/>
    </row>
    <row r="105800" spans="14:14">
      <c r="N105800" s="10"/>
    </row>
    <row r="105801" spans="14:14">
      <c r="N105801" s="10"/>
    </row>
    <row r="105802" spans="14:14">
      <c r="N105802" s="10"/>
    </row>
    <row r="105803" spans="14:14">
      <c r="N105803" s="10"/>
    </row>
    <row r="105804" spans="14:14">
      <c r="N105804" s="10"/>
    </row>
    <row r="105805" spans="14:14">
      <c r="N105805" s="10"/>
    </row>
    <row r="105806" spans="14:14">
      <c r="N105806" s="10"/>
    </row>
    <row r="105807" spans="14:14">
      <c r="N105807" s="10"/>
    </row>
    <row r="105808" spans="14:14">
      <c r="N105808" s="10"/>
    </row>
    <row r="105809" spans="14:14">
      <c r="N105809" s="10"/>
    </row>
    <row r="105810" spans="14:14">
      <c r="N105810" s="10"/>
    </row>
    <row r="105811" spans="14:14">
      <c r="N105811" s="10"/>
    </row>
    <row r="105812" spans="14:14">
      <c r="N105812" s="10"/>
    </row>
    <row r="105813" spans="14:14">
      <c r="N105813" s="10"/>
    </row>
    <row r="105814" spans="14:14">
      <c r="N105814" s="10"/>
    </row>
    <row r="105815" spans="14:14">
      <c r="N105815" s="10"/>
    </row>
    <row r="105816" spans="14:14">
      <c r="N105816" s="10"/>
    </row>
    <row r="105817" spans="14:14">
      <c r="N105817" s="10"/>
    </row>
    <row r="105818" spans="14:14">
      <c r="N105818" s="10"/>
    </row>
    <row r="105819" spans="14:14">
      <c r="N105819" s="10"/>
    </row>
    <row r="105820" spans="14:14">
      <c r="N105820" s="10"/>
    </row>
    <row r="105821" spans="14:14">
      <c r="N105821" s="10"/>
    </row>
    <row r="105822" spans="14:14">
      <c r="N105822" s="10"/>
    </row>
    <row r="105823" spans="14:14">
      <c r="N105823" s="10"/>
    </row>
    <row r="105824" spans="14:14">
      <c r="N105824" s="10"/>
    </row>
    <row r="105825" spans="14:14">
      <c r="N105825" s="10"/>
    </row>
    <row r="105826" spans="14:14">
      <c r="N105826" s="10"/>
    </row>
    <row r="105827" spans="14:14">
      <c r="N105827" s="10"/>
    </row>
    <row r="105828" spans="14:14">
      <c r="N105828" s="10"/>
    </row>
    <row r="105829" spans="14:14">
      <c r="N105829" s="10"/>
    </row>
    <row r="105830" spans="14:14">
      <c r="N105830" s="10"/>
    </row>
    <row r="105831" spans="14:14">
      <c r="N105831" s="10"/>
    </row>
    <row r="105832" spans="14:14">
      <c r="N105832" s="10"/>
    </row>
    <row r="105833" spans="14:14">
      <c r="N105833" s="10"/>
    </row>
    <row r="105834" spans="14:14">
      <c r="N105834" s="10"/>
    </row>
    <row r="105835" spans="14:14">
      <c r="N105835" s="10"/>
    </row>
    <row r="105836" spans="14:14">
      <c r="N105836" s="10"/>
    </row>
    <row r="105837" spans="14:14">
      <c r="N105837" s="10"/>
    </row>
    <row r="105838" spans="14:14">
      <c r="N105838" s="10"/>
    </row>
    <row r="105839" spans="14:14">
      <c r="N105839" s="10"/>
    </row>
    <row r="105840" spans="14:14">
      <c r="N105840" s="10"/>
    </row>
    <row r="105841" spans="14:14">
      <c r="N105841" s="10"/>
    </row>
    <row r="105842" spans="14:14">
      <c r="N105842" s="10"/>
    </row>
    <row r="105843" spans="14:14">
      <c r="N105843" s="10"/>
    </row>
    <row r="105844" spans="14:14">
      <c r="N105844" s="10"/>
    </row>
    <row r="105845" spans="14:14">
      <c r="N105845" s="10"/>
    </row>
    <row r="105846" spans="14:14">
      <c r="N105846" s="10"/>
    </row>
    <row r="105847" spans="14:14">
      <c r="N105847" s="10"/>
    </row>
    <row r="105848" spans="14:14">
      <c r="N105848" s="10"/>
    </row>
    <row r="105849" spans="14:14">
      <c r="N105849" s="10"/>
    </row>
    <row r="105850" spans="14:14">
      <c r="N105850" s="10"/>
    </row>
    <row r="105851" spans="14:14">
      <c r="N105851" s="10"/>
    </row>
    <row r="105852" spans="14:14">
      <c r="N105852" s="10"/>
    </row>
    <row r="105853" spans="14:14">
      <c r="N105853" s="10"/>
    </row>
    <row r="105854" spans="14:14">
      <c r="N105854" s="10"/>
    </row>
    <row r="105855" spans="14:14">
      <c r="N105855" s="10"/>
    </row>
    <row r="105856" spans="14:14">
      <c r="N105856" s="10"/>
    </row>
    <row r="105857" spans="14:14">
      <c r="N105857" s="10"/>
    </row>
    <row r="105858" spans="14:14">
      <c r="N105858" s="10"/>
    </row>
    <row r="105859" spans="14:14">
      <c r="N105859" s="10"/>
    </row>
    <row r="105860" spans="14:14">
      <c r="N105860" s="10"/>
    </row>
    <row r="105861" spans="14:14">
      <c r="N105861" s="10"/>
    </row>
    <row r="105862" spans="14:14">
      <c r="N105862" s="10"/>
    </row>
    <row r="105863" spans="14:14">
      <c r="N105863" s="10"/>
    </row>
    <row r="105864" spans="14:14">
      <c r="N105864" s="10"/>
    </row>
    <row r="105865" spans="14:14">
      <c r="N105865" s="10"/>
    </row>
    <row r="105866" spans="14:14">
      <c r="N105866" s="10"/>
    </row>
    <row r="105867" spans="14:14">
      <c r="N105867" s="10"/>
    </row>
    <row r="105868" spans="14:14">
      <c r="N105868" s="10"/>
    </row>
    <row r="105869" spans="14:14">
      <c r="N105869" s="10"/>
    </row>
    <row r="105870" spans="14:14">
      <c r="N105870" s="10"/>
    </row>
    <row r="105871" spans="14:14">
      <c r="N105871" s="10"/>
    </row>
    <row r="105872" spans="14:14">
      <c r="N105872" s="10"/>
    </row>
    <row r="105873" spans="14:14">
      <c r="N105873" s="10"/>
    </row>
    <row r="105874" spans="14:14">
      <c r="N105874" s="10"/>
    </row>
    <row r="105875" spans="14:14">
      <c r="N105875" s="10"/>
    </row>
    <row r="105876" spans="14:14">
      <c r="N105876" s="10"/>
    </row>
    <row r="105877" spans="14:14">
      <c r="N105877" s="10"/>
    </row>
    <row r="105878" spans="14:14">
      <c r="N105878" s="10"/>
    </row>
    <row r="105879" spans="14:14">
      <c r="N105879" s="10"/>
    </row>
    <row r="105880" spans="14:14">
      <c r="N105880" s="10"/>
    </row>
    <row r="105881" spans="14:14">
      <c r="N105881" s="10"/>
    </row>
    <row r="105882" spans="14:14">
      <c r="N105882" s="10"/>
    </row>
    <row r="105883" spans="14:14">
      <c r="N105883" s="10"/>
    </row>
    <row r="105884" spans="14:14">
      <c r="N105884" s="10"/>
    </row>
    <row r="105885" spans="14:14">
      <c r="N105885" s="10"/>
    </row>
    <row r="105886" spans="14:14">
      <c r="N105886" s="10"/>
    </row>
    <row r="105887" spans="14:14">
      <c r="N105887" s="10"/>
    </row>
    <row r="105888" spans="14:14">
      <c r="N105888" s="10"/>
    </row>
    <row r="105889" spans="14:14">
      <c r="N105889" s="10"/>
    </row>
    <row r="105890" spans="14:14">
      <c r="N105890" s="10"/>
    </row>
    <row r="105891" spans="14:14">
      <c r="N105891" s="10"/>
    </row>
    <row r="105892" spans="14:14">
      <c r="N105892" s="10"/>
    </row>
    <row r="105893" spans="14:14">
      <c r="N105893" s="10"/>
    </row>
    <row r="105894" spans="14:14">
      <c r="N105894" s="10"/>
    </row>
    <row r="105895" spans="14:14">
      <c r="N105895" s="10"/>
    </row>
    <row r="105896" spans="14:14">
      <c r="N105896" s="10"/>
    </row>
    <row r="105897" spans="14:14">
      <c r="N105897" s="10"/>
    </row>
    <row r="105898" spans="14:14">
      <c r="N105898" s="10"/>
    </row>
    <row r="105899" spans="14:14">
      <c r="N105899" s="10"/>
    </row>
    <row r="105900" spans="14:14">
      <c r="N105900" s="10"/>
    </row>
    <row r="105901" spans="14:14">
      <c r="N105901" s="10"/>
    </row>
    <row r="105902" spans="14:14">
      <c r="N105902" s="10"/>
    </row>
    <row r="105903" spans="14:14">
      <c r="N105903" s="10"/>
    </row>
    <row r="105904" spans="14:14">
      <c r="N105904" s="10"/>
    </row>
    <row r="105905" spans="14:14">
      <c r="N105905" s="10"/>
    </row>
    <row r="105906" spans="14:14">
      <c r="N105906" s="10"/>
    </row>
    <row r="105907" spans="14:14">
      <c r="N105907" s="10"/>
    </row>
    <row r="105908" spans="14:14">
      <c r="N105908" s="10"/>
    </row>
    <row r="105909" spans="14:14">
      <c r="N105909" s="10"/>
    </row>
    <row r="105910" spans="14:14">
      <c r="N105910" s="10"/>
    </row>
    <row r="105911" spans="14:14">
      <c r="N105911" s="10"/>
    </row>
    <row r="105912" spans="14:14">
      <c r="N105912" s="10"/>
    </row>
    <row r="105913" spans="14:14">
      <c r="N105913" s="10"/>
    </row>
    <row r="105914" spans="14:14">
      <c r="N105914" s="10"/>
    </row>
    <row r="105915" spans="14:14">
      <c r="N105915" s="10"/>
    </row>
    <row r="105916" spans="14:14">
      <c r="N105916" s="10"/>
    </row>
    <row r="105917" spans="14:14">
      <c r="N105917" s="10"/>
    </row>
    <row r="105918" spans="14:14">
      <c r="N105918" s="10"/>
    </row>
    <row r="105919" spans="14:14">
      <c r="N105919" s="10"/>
    </row>
    <row r="105920" spans="14:14">
      <c r="N105920" s="10"/>
    </row>
    <row r="105921" spans="14:14">
      <c r="N105921" s="10"/>
    </row>
    <row r="105922" spans="14:14">
      <c r="N105922" s="10"/>
    </row>
    <row r="105923" spans="14:14">
      <c r="N105923" s="10"/>
    </row>
    <row r="105924" spans="14:14">
      <c r="N105924" s="10"/>
    </row>
    <row r="105925" spans="14:14">
      <c r="N105925" s="10"/>
    </row>
    <row r="105926" spans="14:14">
      <c r="N105926" s="10"/>
    </row>
    <row r="105927" spans="14:14">
      <c r="N105927" s="10"/>
    </row>
    <row r="105928" spans="14:14">
      <c r="N105928" s="10"/>
    </row>
    <row r="105929" spans="14:14">
      <c r="N105929" s="10"/>
    </row>
    <row r="105930" spans="14:14">
      <c r="N105930" s="10"/>
    </row>
    <row r="105931" spans="14:14">
      <c r="N105931" s="10"/>
    </row>
    <row r="105932" spans="14:14">
      <c r="N105932" s="10"/>
    </row>
    <row r="105933" spans="14:14">
      <c r="N105933" s="10"/>
    </row>
    <row r="105934" spans="14:14">
      <c r="N105934" s="10"/>
    </row>
    <row r="105935" spans="14:14">
      <c r="N105935" s="10"/>
    </row>
    <row r="105936" spans="14:14">
      <c r="N105936" s="10"/>
    </row>
    <row r="105937" spans="14:14">
      <c r="N105937" s="10"/>
    </row>
    <row r="105938" spans="14:14">
      <c r="N105938" s="10"/>
    </row>
    <row r="105939" spans="14:14">
      <c r="N105939" s="10"/>
    </row>
    <row r="105940" spans="14:14">
      <c r="N105940" s="10"/>
    </row>
    <row r="105941" spans="14:14">
      <c r="N105941" s="10"/>
    </row>
    <row r="105942" spans="14:14">
      <c r="N105942" s="10"/>
    </row>
    <row r="105943" spans="14:14">
      <c r="N105943" s="10"/>
    </row>
    <row r="105944" spans="14:14">
      <c r="N105944" s="10"/>
    </row>
    <row r="105945" spans="14:14">
      <c r="N105945" s="10"/>
    </row>
    <row r="105946" spans="14:14">
      <c r="N105946" s="10"/>
    </row>
    <row r="105947" spans="14:14">
      <c r="N105947" s="10"/>
    </row>
    <row r="105948" spans="14:14">
      <c r="N105948" s="10"/>
    </row>
    <row r="105949" spans="14:14">
      <c r="N105949" s="10"/>
    </row>
    <row r="105950" spans="14:14">
      <c r="N105950" s="10"/>
    </row>
    <row r="105951" spans="14:14">
      <c r="N105951" s="10"/>
    </row>
    <row r="105952" spans="14:14">
      <c r="N105952" s="10"/>
    </row>
    <row r="105953" spans="14:14">
      <c r="N105953" s="10"/>
    </row>
    <row r="105954" spans="14:14">
      <c r="N105954" s="10"/>
    </row>
    <row r="105955" spans="14:14">
      <c r="N105955" s="10"/>
    </row>
    <row r="105956" spans="14:14">
      <c r="N105956" s="10"/>
    </row>
    <row r="105957" spans="14:14">
      <c r="N105957" s="10"/>
    </row>
    <row r="105958" spans="14:14">
      <c r="N105958" s="10"/>
    </row>
    <row r="105959" spans="14:14">
      <c r="N105959" s="10"/>
    </row>
    <row r="105960" spans="14:14">
      <c r="N105960" s="10"/>
    </row>
    <row r="105961" spans="14:14">
      <c r="N105961" s="10"/>
    </row>
    <row r="105962" spans="14:14">
      <c r="N105962" s="10"/>
    </row>
    <row r="105963" spans="14:14">
      <c r="N105963" s="10"/>
    </row>
    <row r="105964" spans="14:14">
      <c r="N105964" s="10"/>
    </row>
    <row r="105965" spans="14:14">
      <c r="N105965" s="10"/>
    </row>
    <row r="105966" spans="14:14">
      <c r="N105966" s="10"/>
    </row>
    <row r="105967" spans="14:14">
      <c r="N105967" s="10"/>
    </row>
    <row r="105968" spans="14:14">
      <c r="N105968" s="10"/>
    </row>
    <row r="105969" spans="14:14">
      <c r="N105969" s="10"/>
    </row>
    <row r="105970" spans="14:14">
      <c r="N105970" s="10"/>
    </row>
    <row r="105971" spans="14:14">
      <c r="N105971" s="10"/>
    </row>
    <row r="105972" spans="14:14">
      <c r="N105972" s="10"/>
    </row>
    <row r="105973" spans="14:14">
      <c r="N105973" s="10"/>
    </row>
    <row r="105974" spans="14:14">
      <c r="N105974" s="10"/>
    </row>
    <row r="105975" spans="14:14">
      <c r="N105975" s="10"/>
    </row>
    <row r="105976" spans="14:14">
      <c r="N105976" s="10"/>
    </row>
    <row r="105977" spans="14:14">
      <c r="N105977" s="10"/>
    </row>
    <row r="105978" spans="14:14">
      <c r="N105978" s="10"/>
    </row>
    <row r="105979" spans="14:14">
      <c r="N105979" s="10"/>
    </row>
    <row r="105980" spans="14:14">
      <c r="N105980" s="10"/>
    </row>
    <row r="105981" spans="14:14">
      <c r="N105981" s="10"/>
    </row>
    <row r="105982" spans="14:14">
      <c r="N105982" s="10"/>
    </row>
    <row r="105983" spans="14:14">
      <c r="N105983" s="10"/>
    </row>
    <row r="105984" spans="14:14">
      <c r="N105984" s="10"/>
    </row>
    <row r="105985" spans="14:14">
      <c r="N105985" s="10"/>
    </row>
    <row r="105986" spans="14:14">
      <c r="N105986" s="10"/>
    </row>
    <row r="105987" spans="14:14">
      <c r="N105987" s="10"/>
    </row>
    <row r="105988" spans="14:14">
      <c r="N105988" s="10"/>
    </row>
    <row r="105989" spans="14:14">
      <c r="N105989" s="10"/>
    </row>
    <row r="105990" spans="14:14">
      <c r="N105990" s="10"/>
    </row>
    <row r="105991" spans="14:14">
      <c r="N105991" s="10"/>
    </row>
    <row r="105992" spans="14:14">
      <c r="N105992" s="10"/>
    </row>
    <row r="105993" spans="14:14">
      <c r="N105993" s="10"/>
    </row>
    <row r="105994" spans="14:14">
      <c r="N105994" s="10"/>
    </row>
    <row r="105995" spans="14:14">
      <c r="N105995" s="10"/>
    </row>
    <row r="105996" spans="14:14">
      <c r="N105996" s="10"/>
    </row>
    <row r="105997" spans="14:14">
      <c r="N105997" s="10"/>
    </row>
    <row r="105998" spans="14:14">
      <c r="N105998" s="10"/>
    </row>
    <row r="105999" spans="14:14">
      <c r="N105999" s="10"/>
    </row>
    <row r="106000" spans="14:14">
      <c r="N106000" s="10"/>
    </row>
    <row r="106001" spans="14:14">
      <c r="N106001" s="10"/>
    </row>
    <row r="106002" spans="14:14">
      <c r="N106002" s="10"/>
    </row>
    <row r="106003" spans="14:14">
      <c r="N106003" s="10"/>
    </row>
    <row r="106004" spans="14:14">
      <c r="N106004" s="10"/>
    </row>
    <row r="106005" spans="14:14">
      <c r="N106005" s="10"/>
    </row>
    <row r="106006" spans="14:14">
      <c r="N106006" s="10"/>
    </row>
    <row r="106007" spans="14:14">
      <c r="N106007" s="10"/>
    </row>
    <row r="106008" spans="14:14">
      <c r="N106008" s="10"/>
    </row>
    <row r="106009" spans="14:14">
      <c r="N106009" s="10"/>
    </row>
    <row r="106010" spans="14:14">
      <c r="N106010" s="10"/>
    </row>
    <row r="106011" spans="14:14">
      <c r="N106011" s="10"/>
    </row>
    <row r="106012" spans="14:14">
      <c r="N106012" s="10"/>
    </row>
    <row r="106013" spans="14:14">
      <c r="N106013" s="10"/>
    </row>
    <row r="106014" spans="14:14">
      <c r="N106014" s="10"/>
    </row>
    <row r="106015" spans="14:14">
      <c r="N106015" s="10"/>
    </row>
    <row r="106016" spans="14:14">
      <c r="N106016" s="10"/>
    </row>
    <row r="106017" spans="14:14">
      <c r="N106017" s="10"/>
    </row>
    <row r="106018" spans="14:14">
      <c r="N106018" s="10"/>
    </row>
    <row r="106019" spans="14:14">
      <c r="N106019" s="10"/>
    </row>
    <row r="106020" spans="14:14">
      <c r="N106020" s="10"/>
    </row>
    <row r="106021" spans="14:14">
      <c r="N106021" s="10"/>
    </row>
    <row r="106022" spans="14:14">
      <c r="N106022" s="10"/>
    </row>
    <row r="106023" spans="14:14">
      <c r="N106023" s="10"/>
    </row>
    <row r="106024" spans="14:14">
      <c r="N106024" s="10"/>
    </row>
    <row r="106025" spans="14:14">
      <c r="N106025" s="10"/>
    </row>
    <row r="106026" spans="14:14">
      <c r="N106026" s="10"/>
    </row>
    <row r="106027" spans="14:14">
      <c r="N106027" s="10"/>
    </row>
    <row r="106028" spans="14:14">
      <c r="N106028" s="10"/>
    </row>
    <row r="106029" spans="14:14">
      <c r="N106029" s="10"/>
    </row>
    <row r="106030" spans="14:14">
      <c r="N106030" s="10"/>
    </row>
    <row r="106031" spans="14:14">
      <c r="N106031" s="10"/>
    </row>
    <row r="106032" spans="14:14">
      <c r="N106032" s="10"/>
    </row>
    <row r="106033" spans="14:14">
      <c r="N106033" s="10"/>
    </row>
    <row r="106034" spans="14:14">
      <c r="N106034" s="10"/>
    </row>
    <row r="106035" spans="14:14">
      <c r="N106035" s="10"/>
    </row>
    <row r="106036" spans="14:14">
      <c r="N106036" s="10"/>
    </row>
    <row r="106037" spans="14:14">
      <c r="N106037" s="10"/>
    </row>
    <row r="106038" spans="14:14">
      <c r="N106038" s="10"/>
    </row>
    <row r="106039" spans="14:14">
      <c r="N106039" s="10"/>
    </row>
    <row r="106040" spans="14:14">
      <c r="N106040" s="10"/>
    </row>
    <row r="106041" spans="14:14">
      <c r="N106041" s="10"/>
    </row>
    <row r="106042" spans="14:14">
      <c r="N106042" s="10"/>
    </row>
    <row r="106043" spans="14:14">
      <c r="N106043" s="10"/>
    </row>
    <row r="106044" spans="14:14">
      <c r="N106044" s="10"/>
    </row>
    <row r="106045" spans="14:14">
      <c r="N106045" s="10"/>
    </row>
    <row r="106046" spans="14:14">
      <c r="N106046" s="10"/>
    </row>
    <row r="106047" spans="14:14">
      <c r="N106047" s="10"/>
    </row>
    <row r="106048" spans="14:14">
      <c r="N106048" s="10"/>
    </row>
    <row r="106049" spans="14:14">
      <c r="N106049" s="10"/>
    </row>
    <row r="106050" spans="14:14">
      <c r="N106050" s="10"/>
    </row>
    <row r="106051" spans="14:14">
      <c r="N106051" s="10"/>
    </row>
    <row r="106052" spans="14:14">
      <c r="N106052" s="10"/>
    </row>
    <row r="106053" spans="14:14">
      <c r="N106053" s="10"/>
    </row>
    <row r="106054" spans="14:14">
      <c r="N106054" s="10"/>
    </row>
    <row r="106055" spans="14:14">
      <c r="N106055" s="10"/>
    </row>
    <row r="106056" spans="14:14">
      <c r="N106056" s="10"/>
    </row>
    <row r="106057" spans="14:14">
      <c r="N106057" s="10"/>
    </row>
    <row r="106058" spans="14:14">
      <c r="N106058" s="10"/>
    </row>
    <row r="106059" spans="14:14">
      <c r="N106059" s="10"/>
    </row>
    <row r="106060" spans="14:14">
      <c r="N106060" s="10"/>
    </row>
    <row r="106061" spans="14:14">
      <c r="N106061" s="10"/>
    </row>
    <row r="106062" spans="14:14">
      <c r="N106062" s="10"/>
    </row>
    <row r="106063" spans="14:14">
      <c r="N106063" s="10"/>
    </row>
    <row r="106064" spans="14:14">
      <c r="N106064" s="10"/>
    </row>
    <row r="106065" spans="14:14">
      <c r="N106065" s="10"/>
    </row>
    <row r="106066" spans="14:14">
      <c r="N106066" s="10"/>
    </row>
    <row r="106067" spans="14:14">
      <c r="N106067" s="10"/>
    </row>
    <row r="106068" spans="14:14">
      <c r="N106068" s="10"/>
    </row>
    <row r="106069" spans="14:14">
      <c r="N106069" s="10"/>
    </row>
    <row r="106070" spans="14:14">
      <c r="N106070" s="10"/>
    </row>
    <row r="106071" spans="14:14">
      <c r="N106071" s="10"/>
    </row>
    <row r="106072" spans="14:14">
      <c r="N106072" s="10"/>
    </row>
    <row r="106073" spans="14:14">
      <c r="N106073" s="10"/>
    </row>
    <row r="106074" spans="14:14">
      <c r="N106074" s="10"/>
    </row>
    <row r="106075" spans="14:14">
      <c r="N106075" s="10"/>
    </row>
    <row r="106076" spans="14:14">
      <c r="N106076" s="10"/>
    </row>
    <row r="106077" spans="14:14">
      <c r="N106077" s="10"/>
    </row>
    <row r="106078" spans="14:14">
      <c r="N106078" s="10"/>
    </row>
    <row r="106079" spans="14:14">
      <c r="N106079" s="10"/>
    </row>
    <row r="106080" spans="14:14">
      <c r="N106080" s="10"/>
    </row>
    <row r="106081" spans="14:14">
      <c r="N106081" s="10"/>
    </row>
    <row r="106082" spans="14:14">
      <c r="N106082" s="10"/>
    </row>
    <row r="106083" spans="14:14">
      <c r="N106083" s="10"/>
    </row>
    <row r="106084" spans="14:14">
      <c r="N106084" s="10"/>
    </row>
    <row r="106085" spans="14:14">
      <c r="N106085" s="10"/>
    </row>
    <row r="106086" spans="14:14">
      <c r="N106086" s="10"/>
    </row>
    <row r="106087" spans="14:14">
      <c r="N106087" s="10"/>
    </row>
    <row r="106088" spans="14:14">
      <c r="N106088" s="10"/>
    </row>
    <row r="106089" spans="14:14">
      <c r="N106089" s="10"/>
    </row>
    <row r="106090" spans="14:14">
      <c r="N106090" s="10"/>
    </row>
    <row r="106091" spans="14:14">
      <c r="N106091" s="10"/>
    </row>
    <row r="106092" spans="14:14">
      <c r="N106092" s="10"/>
    </row>
    <row r="106093" spans="14:14">
      <c r="N106093" s="10"/>
    </row>
    <row r="106094" spans="14:14">
      <c r="N106094" s="10"/>
    </row>
    <row r="106095" spans="14:14">
      <c r="N106095" s="10"/>
    </row>
    <row r="106096" spans="14:14">
      <c r="N106096" s="10"/>
    </row>
    <row r="106097" spans="14:14">
      <c r="N106097" s="10"/>
    </row>
    <row r="106098" spans="14:14">
      <c r="N106098" s="10"/>
    </row>
    <row r="106099" spans="14:14">
      <c r="N106099" s="10"/>
    </row>
    <row r="106100" spans="14:14">
      <c r="N106100" s="10"/>
    </row>
    <row r="106101" spans="14:14">
      <c r="N106101" s="10"/>
    </row>
    <row r="106102" spans="14:14">
      <c r="N106102" s="10"/>
    </row>
    <row r="106103" spans="14:14">
      <c r="N106103" s="10"/>
    </row>
    <row r="106104" spans="14:14">
      <c r="N106104" s="10"/>
    </row>
    <row r="106105" spans="14:14">
      <c r="N106105" s="10"/>
    </row>
    <row r="106106" spans="14:14">
      <c r="N106106" s="10"/>
    </row>
    <row r="106107" spans="14:14">
      <c r="N106107" s="10"/>
    </row>
    <row r="106108" spans="14:14">
      <c r="N106108" s="10"/>
    </row>
    <row r="106109" spans="14:14">
      <c r="N106109" s="10"/>
    </row>
    <row r="106110" spans="14:14">
      <c r="N106110" s="10"/>
    </row>
    <row r="106111" spans="14:14">
      <c r="N106111" s="10"/>
    </row>
    <row r="106112" spans="14:14">
      <c r="N106112" s="10"/>
    </row>
    <row r="106113" spans="14:14">
      <c r="N106113" s="10"/>
    </row>
    <row r="106114" spans="14:14">
      <c r="N106114" s="10"/>
    </row>
    <row r="106115" spans="14:14">
      <c r="N106115" s="10"/>
    </row>
    <row r="106116" spans="14:14">
      <c r="N106116" s="10"/>
    </row>
    <row r="106117" spans="14:14">
      <c r="N106117" s="10"/>
    </row>
    <row r="106118" spans="14:14">
      <c r="N106118" s="10"/>
    </row>
    <row r="106119" spans="14:14">
      <c r="N106119" s="10"/>
    </row>
    <row r="106120" spans="14:14">
      <c r="N106120" s="10"/>
    </row>
    <row r="106121" spans="14:14">
      <c r="N106121" s="10"/>
    </row>
    <row r="106122" spans="14:14">
      <c r="N106122" s="10"/>
    </row>
    <row r="106123" spans="14:14">
      <c r="N106123" s="10"/>
    </row>
    <row r="106124" spans="14:14">
      <c r="N106124" s="10"/>
    </row>
    <row r="106125" spans="14:14">
      <c r="N106125" s="10"/>
    </row>
    <row r="106126" spans="14:14">
      <c r="N106126" s="10"/>
    </row>
    <row r="106127" spans="14:14">
      <c r="N106127" s="10"/>
    </row>
    <row r="106128" spans="14:14">
      <c r="N106128" s="10"/>
    </row>
    <row r="106129" spans="14:14">
      <c r="N106129" s="10"/>
    </row>
    <row r="106130" spans="14:14">
      <c r="N106130" s="10"/>
    </row>
    <row r="106131" spans="14:14">
      <c r="N106131" s="10"/>
    </row>
    <row r="106132" spans="14:14">
      <c r="N106132" s="10"/>
    </row>
    <row r="106133" spans="14:14">
      <c r="N106133" s="10"/>
    </row>
    <row r="106134" spans="14:14">
      <c r="N106134" s="10"/>
    </row>
    <row r="106135" spans="14:14">
      <c r="N106135" s="10"/>
    </row>
    <row r="106136" spans="14:14">
      <c r="N106136" s="10"/>
    </row>
    <row r="106137" spans="14:14">
      <c r="N106137" s="10"/>
    </row>
    <row r="106138" spans="14:14">
      <c r="N106138" s="10"/>
    </row>
    <row r="106139" spans="14:14">
      <c r="N106139" s="10"/>
    </row>
    <row r="106140" spans="14:14">
      <c r="N106140" s="10"/>
    </row>
    <row r="106141" spans="14:14">
      <c r="N106141" s="10"/>
    </row>
    <row r="106142" spans="14:14">
      <c r="N106142" s="10"/>
    </row>
    <row r="106143" spans="14:14">
      <c r="N106143" s="10"/>
    </row>
    <row r="106144" spans="14:14">
      <c r="N106144" s="10"/>
    </row>
    <row r="106145" spans="14:14">
      <c r="N106145" s="10"/>
    </row>
    <row r="106146" spans="14:14">
      <c r="N106146" s="10"/>
    </row>
    <row r="106147" spans="14:14">
      <c r="N106147" s="10"/>
    </row>
    <row r="106148" spans="14:14">
      <c r="N106148" s="10"/>
    </row>
    <row r="106149" spans="14:14">
      <c r="N106149" s="10"/>
    </row>
    <row r="106150" spans="14:14">
      <c r="N106150" s="10"/>
    </row>
    <row r="106151" spans="14:14">
      <c r="N106151" s="10"/>
    </row>
    <row r="106152" spans="14:14">
      <c r="N106152" s="10"/>
    </row>
    <row r="106153" spans="14:14">
      <c r="N106153" s="10"/>
    </row>
    <row r="106154" spans="14:14">
      <c r="N106154" s="10"/>
    </row>
    <row r="106155" spans="14:14">
      <c r="N106155" s="10"/>
    </row>
    <row r="106156" spans="14:14">
      <c r="N106156" s="10"/>
    </row>
    <row r="106157" spans="14:14">
      <c r="N106157" s="10"/>
    </row>
    <row r="106158" spans="14:14">
      <c r="N106158" s="10"/>
    </row>
    <row r="106159" spans="14:14">
      <c r="N106159" s="10"/>
    </row>
    <row r="106160" spans="14:14">
      <c r="N106160" s="10"/>
    </row>
    <row r="106161" spans="14:14">
      <c r="N106161" s="10"/>
    </row>
    <row r="106162" spans="14:14">
      <c r="N106162" s="10"/>
    </row>
    <row r="106163" spans="14:14">
      <c r="N106163" s="10"/>
    </row>
    <row r="106164" spans="14:14">
      <c r="N106164" s="10"/>
    </row>
    <row r="106165" spans="14:14">
      <c r="N106165" s="10"/>
    </row>
    <row r="106166" spans="14:14">
      <c r="N106166" s="10"/>
    </row>
    <row r="106167" spans="14:14">
      <c r="N106167" s="10"/>
    </row>
    <row r="106168" spans="14:14">
      <c r="N106168" s="10"/>
    </row>
    <row r="106169" spans="14:14">
      <c r="N106169" s="10"/>
    </row>
    <row r="106170" spans="14:14">
      <c r="N106170" s="10"/>
    </row>
    <row r="106171" spans="14:14">
      <c r="N106171" s="10"/>
    </row>
    <row r="106172" spans="14:14">
      <c r="N106172" s="10"/>
    </row>
    <row r="106173" spans="14:14">
      <c r="N106173" s="10"/>
    </row>
    <row r="106174" spans="14:14">
      <c r="N106174" s="10"/>
    </row>
    <row r="106175" spans="14:14">
      <c r="N106175" s="10"/>
    </row>
    <row r="106176" spans="14:14">
      <c r="N106176" s="10"/>
    </row>
    <row r="106177" spans="14:14">
      <c r="N106177" s="10"/>
    </row>
    <row r="106178" spans="14:14">
      <c r="N106178" s="10"/>
    </row>
    <row r="106179" spans="14:14">
      <c r="N106179" s="10"/>
    </row>
    <row r="106180" spans="14:14">
      <c r="N106180" s="10"/>
    </row>
    <row r="106181" spans="14:14">
      <c r="N106181" s="10"/>
    </row>
    <row r="106182" spans="14:14">
      <c r="N106182" s="10"/>
    </row>
    <row r="106183" spans="14:14">
      <c r="N106183" s="10"/>
    </row>
    <row r="106184" spans="14:14">
      <c r="N106184" s="10"/>
    </row>
    <row r="106185" spans="14:14">
      <c r="N106185" s="10"/>
    </row>
    <row r="106186" spans="14:14">
      <c r="N106186" s="10"/>
    </row>
    <row r="106187" spans="14:14">
      <c r="N106187" s="10"/>
    </row>
    <row r="106188" spans="14:14">
      <c r="N106188" s="10"/>
    </row>
    <row r="106189" spans="14:14">
      <c r="N106189" s="10"/>
    </row>
    <row r="106190" spans="14:14">
      <c r="N106190" s="10"/>
    </row>
    <row r="106191" spans="14:14">
      <c r="N106191" s="10"/>
    </row>
    <row r="106192" spans="14:14">
      <c r="N106192" s="10"/>
    </row>
    <row r="106193" spans="14:14">
      <c r="N106193" s="10"/>
    </row>
    <row r="106194" spans="14:14">
      <c r="N106194" s="10"/>
    </row>
    <row r="106195" spans="14:14">
      <c r="N106195" s="10"/>
    </row>
    <row r="106196" spans="14:14">
      <c r="N106196" s="10"/>
    </row>
    <row r="106197" spans="14:14">
      <c r="N106197" s="10"/>
    </row>
    <row r="106198" spans="14:14">
      <c r="N106198" s="10"/>
    </row>
    <row r="106199" spans="14:14">
      <c r="N106199" s="10"/>
    </row>
    <row r="106200" spans="14:14">
      <c r="N106200" s="10"/>
    </row>
    <row r="106201" spans="14:14">
      <c r="N106201" s="10"/>
    </row>
    <row r="106202" spans="14:14">
      <c r="N106202" s="10"/>
    </row>
    <row r="106203" spans="14:14">
      <c r="N106203" s="10"/>
    </row>
    <row r="106204" spans="14:14">
      <c r="N106204" s="10"/>
    </row>
    <row r="106205" spans="14:14">
      <c r="N106205" s="10"/>
    </row>
    <row r="106206" spans="14:14">
      <c r="N106206" s="10"/>
    </row>
    <row r="106207" spans="14:14">
      <c r="N106207" s="10"/>
    </row>
    <row r="106208" spans="14:14">
      <c r="N106208" s="10"/>
    </row>
    <row r="106209" spans="14:14">
      <c r="N106209" s="10"/>
    </row>
    <row r="106210" spans="14:14">
      <c r="N106210" s="10"/>
    </row>
    <row r="106211" spans="14:14">
      <c r="N106211" s="10"/>
    </row>
    <row r="106212" spans="14:14">
      <c r="N106212" s="10"/>
    </row>
    <row r="106213" spans="14:14">
      <c r="N106213" s="10"/>
    </row>
    <row r="106214" spans="14:14">
      <c r="N106214" s="10"/>
    </row>
    <row r="106215" spans="14:14">
      <c r="N106215" s="10"/>
    </row>
    <row r="106216" spans="14:14">
      <c r="N106216" s="10"/>
    </row>
    <row r="106217" spans="14:14">
      <c r="N106217" s="10"/>
    </row>
    <row r="106218" spans="14:14">
      <c r="N106218" s="10"/>
    </row>
    <row r="106219" spans="14:14">
      <c r="N106219" s="10"/>
    </row>
    <row r="106220" spans="14:14">
      <c r="N106220" s="10"/>
    </row>
    <row r="106221" spans="14:14">
      <c r="N106221" s="10"/>
    </row>
    <row r="106222" spans="14:14">
      <c r="N106222" s="10"/>
    </row>
    <row r="106223" spans="14:14">
      <c r="N106223" s="10"/>
    </row>
    <row r="106224" spans="14:14">
      <c r="N106224" s="10"/>
    </row>
    <row r="106225" spans="14:14">
      <c r="N106225" s="10"/>
    </row>
    <row r="106226" spans="14:14">
      <c r="N106226" s="10"/>
    </row>
    <row r="106227" spans="14:14">
      <c r="N106227" s="10"/>
    </row>
    <row r="106228" spans="14:14">
      <c r="N106228" s="10"/>
    </row>
    <row r="106229" spans="14:14">
      <c r="N106229" s="10"/>
    </row>
    <row r="106230" spans="14:14">
      <c r="N106230" s="10"/>
    </row>
    <row r="106231" spans="14:14">
      <c r="N106231" s="10"/>
    </row>
    <row r="106232" spans="14:14">
      <c r="N106232" s="10"/>
    </row>
    <row r="106233" spans="14:14">
      <c r="N106233" s="10"/>
    </row>
    <row r="106234" spans="14:14">
      <c r="N106234" s="10"/>
    </row>
    <row r="106235" spans="14:14">
      <c r="N106235" s="10"/>
    </row>
    <row r="106236" spans="14:14">
      <c r="N106236" s="10"/>
    </row>
    <row r="106237" spans="14:14">
      <c r="N106237" s="10"/>
    </row>
    <row r="106238" spans="14:14">
      <c r="N106238" s="10"/>
    </row>
    <row r="106239" spans="14:14">
      <c r="N106239" s="10"/>
    </row>
    <row r="106240" spans="14:14">
      <c r="N106240" s="10"/>
    </row>
    <row r="106241" spans="14:14">
      <c r="N106241" s="10"/>
    </row>
    <row r="106242" spans="14:14">
      <c r="N106242" s="10"/>
    </row>
    <row r="106243" spans="14:14">
      <c r="N106243" s="10"/>
    </row>
    <row r="106244" spans="14:14">
      <c r="N106244" s="10"/>
    </row>
    <row r="106245" spans="14:14">
      <c r="N106245" s="10"/>
    </row>
    <row r="106246" spans="14:14">
      <c r="N106246" s="10"/>
    </row>
    <row r="106247" spans="14:14">
      <c r="N106247" s="10"/>
    </row>
    <row r="106248" spans="14:14">
      <c r="N106248" s="10"/>
    </row>
    <row r="106249" spans="14:14">
      <c r="N106249" s="10"/>
    </row>
    <row r="106250" spans="14:14">
      <c r="N106250" s="10"/>
    </row>
    <row r="106251" spans="14:14">
      <c r="N106251" s="10"/>
    </row>
    <row r="106252" spans="14:14">
      <c r="N106252" s="10"/>
    </row>
    <row r="106253" spans="14:14">
      <c r="N106253" s="10"/>
    </row>
    <row r="106254" spans="14:14">
      <c r="N106254" s="10"/>
    </row>
    <row r="106255" spans="14:14">
      <c r="N106255" s="10"/>
    </row>
    <row r="106256" spans="14:14">
      <c r="N106256" s="10"/>
    </row>
    <row r="106257" spans="14:14">
      <c r="N106257" s="10"/>
    </row>
    <row r="106258" spans="14:14">
      <c r="N106258" s="10"/>
    </row>
    <row r="106259" spans="14:14">
      <c r="N106259" s="10"/>
    </row>
    <row r="106260" spans="14:14">
      <c r="N106260" s="10"/>
    </row>
    <row r="106261" spans="14:14">
      <c r="N106261" s="10"/>
    </row>
    <row r="106262" spans="14:14">
      <c r="N106262" s="10"/>
    </row>
    <row r="106263" spans="14:14">
      <c r="N106263" s="10"/>
    </row>
    <row r="106264" spans="14:14">
      <c r="N106264" s="10"/>
    </row>
    <row r="106265" spans="14:14">
      <c r="N106265" s="10"/>
    </row>
    <row r="106266" spans="14:14">
      <c r="N106266" s="10"/>
    </row>
    <row r="106267" spans="14:14">
      <c r="N106267" s="10"/>
    </row>
    <row r="106268" spans="14:14">
      <c r="N106268" s="10"/>
    </row>
    <row r="106269" spans="14:14">
      <c r="N106269" s="10"/>
    </row>
    <row r="106270" spans="14:14">
      <c r="N106270" s="10"/>
    </row>
    <row r="106271" spans="14:14">
      <c r="N106271" s="10"/>
    </row>
    <row r="106272" spans="14:14">
      <c r="N106272" s="10"/>
    </row>
    <row r="106273" spans="14:14">
      <c r="N106273" s="10"/>
    </row>
    <row r="106274" spans="14:14">
      <c r="N106274" s="10"/>
    </row>
    <row r="106275" spans="14:14">
      <c r="N106275" s="10"/>
    </row>
    <row r="106276" spans="14:14">
      <c r="N106276" s="10"/>
    </row>
    <row r="106277" spans="14:14">
      <c r="N106277" s="10"/>
    </row>
    <row r="106278" spans="14:14">
      <c r="N106278" s="10"/>
    </row>
    <row r="106279" spans="14:14">
      <c r="N106279" s="10"/>
    </row>
    <row r="106280" spans="14:14">
      <c r="N106280" s="10"/>
    </row>
    <row r="106281" spans="14:14">
      <c r="N106281" s="10"/>
    </row>
    <row r="106282" spans="14:14">
      <c r="N106282" s="10"/>
    </row>
    <row r="106283" spans="14:14">
      <c r="N106283" s="10"/>
    </row>
    <row r="106284" spans="14:14">
      <c r="N106284" s="10"/>
    </row>
    <row r="106285" spans="14:14">
      <c r="N106285" s="10"/>
    </row>
    <row r="106286" spans="14:14">
      <c r="N106286" s="10"/>
    </row>
    <row r="106287" spans="14:14">
      <c r="N106287" s="10"/>
    </row>
    <row r="106288" spans="14:14">
      <c r="N106288" s="10"/>
    </row>
    <row r="106289" spans="14:14">
      <c r="N106289" s="10"/>
    </row>
    <row r="106290" spans="14:14">
      <c r="N106290" s="10"/>
    </row>
    <row r="106291" spans="14:14">
      <c r="N106291" s="10"/>
    </row>
    <row r="106292" spans="14:14">
      <c r="N106292" s="10"/>
    </row>
    <row r="106293" spans="14:14">
      <c r="N106293" s="10"/>
    </row>
    <row r="106294" spans="14:14">
      <c r="N106294" s="10"/>
    </row>
    <row r="106295" spans="14:14">
      <c r="N106295" s="10"/>
    </row>
    <row r="106296" spans="14:14">
      <c r="N106296" s="10"/>
    </row>
    <row r="106297" spans="14:14">
      <c r="N106297" s="10"/>
    </row>
    <row r="106298" spans="14:14">
      <c r="N106298" s="10"/>
    </row>
    <row r="106299" spans="14:14">
      <c r="N106299" s="10"/>
    </row>
    <row r="106300" spans="14:14">
      <c r="N106300" s="10"/>
    </row>
    <row r="106301" spans="14:14">
      <c r="N106301" s="10"/>
    </row>
    <row r="106302" spans="14:14">
      <c r="N106302" s="10"/>
    </row>
    <row r="106303" spans="14:14">
      <c r="N106303" s="10"/>
    </row>
    <row r="106304" spans="14:14">
      <c r="N106304" s="10"/>
    </row>
    <row r="106305" spans="14:14">
      <c r="N106305" s="10"/>
    </row>
    <row r="106306" spans="14:14">
      <c r="N106306" s="10"/>
    </row>
    <row r="106307" spans="14:14">
      <c r="N106307" s="10"/>
    </row>
    <row r="106308" spans="14:14">
      <c r="N106308" s="10"/>
    </row>
    <row r="106309" spans="14:14">
      <c r="N106309" s="10"/>
    </row>
    <row r="106310" spans="14:14">
      <c r="N106310" s="10"/>
    </row>
    <row r="106311" spans="14:14">
      <c r="N106311" s="10"/>
    </row>
    <row r="106312" spans="14:14">
      <c r="N106312" s="10"/>
    </row>
    <row r="106313" spans="14:14">
      <c r="N106313" s="10"/>
    </row>
    <row r="106314" spans="14:14">
      <c r="N106314" s="10"/>
    </row>
    <row r="106315" spans="14:14">
      <c r="N106315" s="10"/>
    </row>
    <row r="106316" spans="14:14">
      <c r="N106316" s="10"/>
    </row>
    <row r="106317" spans="14:14">
      <c r="N106317" s="10"/>
    </row>
    <row r="106318" spans="14:14">
      <c r="N106318" s="10"/>
    </row>
    <row r="106319" spans="14:14">
      <c r="N106319" s="10"/>
    </row>
    <row r="106320" spans="14:14">
      <c r="N106320" s="10"/>
    </row>
    <row r="106321" spans="14:14">
      <c r="N106321" s="10"/>
    </row>
    <row r="106322" spans="14:14">
      <c r="N106322" s="10"/>
    </row>
    <row r="106323" spans="14:14">
      <c r="N106323" s="10"/>
    </row>
    <row r="106324" spans="14:14">
      <c r="N106324" s="10"/>
    </row>
    <row r="106325" spans="14:14">
      <c r="N106325" s="10"/>
    </row>
    <row r="106326" spans="14:14">
      <c r="N106326" s="10"/>
    </row>
    <row r="106327" spans="14:14">
      <c r="N106327" s="10"/>
    </row>
    <row r="106328" spans="14:14">
      <c r="N106328" s="10"/>
    </row>
    <row r="106329" spans="14:14">
      <c r="N106329" s="10"/>
    </row>
    <row r="106330" spans="14:14">
      <c r="N106330" s="10"/>
    </row>
    <row r="106331" spans="14:14">
      <c r="N106331" s="10"/>
    </row>
    <row r="106332" spans="14:14">
      <c r="N106332" s="10"/>
    </row>
    <row r="106333" spans="14:14">
      <c r="N106333" s="10"/>
    </row>
    <row r="106334" spans="14:14">
      <c r="N106334" s="10"/>
    </row>
    <row r="106335" spans="14:14">
      <c r="N106335" s="10"/>
    </row>
    <row r="106336" spans="14:14">
      <c r="N106336" s="10"/>
    </row>
    <row r="106337" spans="14:14">
      <c r="N106337" s="10"/>
    </row>
    <row r="106338" spans="14:14">
      <c r="N106338" s="10"/>
    </row>
    <row r="106339" spans="14:14">
      <c r="N106339" s="10"/>
    </row>
    <row r="106340" spans="14:14">
      <c r="N106340" s="10"/>
    </row>
    <row r="106341" spans="14:14">
      <c r="N106341" s="10"/>
    </row>
    <row r="106342" spans="14:14">
      <c r="N106342" s="10"/>
    </row>
    <row r="106343" spans="14:14">
      <c r="N106343" s="10"/>
    </row>
    <row r="106344" spans="14:14">
      <c r="N106344" s="10"/>
    </row>
    <row r="106345" spans="14:14">
      <c r="N106345" s="10"/>
    </row>
    <row r="106346" spans="14:14">
      <c r="N106346" s="10"/>
    </row>
    <row r="106347" spans="14:14">
      <c r="N106347" s="10"/>
    </row>
    <row r="106348" spans="14:14">
      <c r="N106348" s="10"/>
    </row>
    <row r="106349" spans="14:14">
      <c r="N106349" s="10"/>
    </row>
    <row r="106350" spans="14:14">
      <c r="N106350" s="10"/>
    </row>
    <row r="106351" spans="14:14">
      <c r="N106351" s="10"/>
    </row>
    <row r="106352" spans="14:14">
      <c r="N106352" s="10"/>
    </row>
    <row r="106353" spans="14:14">
      <c r="N106353" s="10"/>
    </row>
    <row r="106354" spans="14:14">
      <c r="N106354" s="10"/>
    </row>
    <row r="106355" spans="14:14">
      <c r="N106355" s="10"/>
    </row>
    <row r="106356" spans="14:14">
      <c r="N106356" s="10"/>
    </row>
    <row r="106357" spans="14:14">
      <c r="N106357" s="10"/>
    </row>
    <row r="106358" spans="14:14">
      <c r="N106358" s="10"/>
    </row>
    <row r="106359" spans="14:14">
      <c r="N106359" s="10"/>
    </row>
    <row r="106360" spans="14:14">
      <c r="N106360" s="10"/>
    </row>
    <row r="106361" spans="14:14">
      <c r="N106361" s="10"/>
    </row>
    <row r="106362" spans="14:14">
      <c r="N106362" s="10"/>
    </row>
    <row r="106363" spans="14:14">
      <c r="N106363" s="10"/>
    </row>
    <row r="106364" spans="14:14">
      <c r="N106364" s="10"/>
    </row>
    <row r="106365" spans="14:14">
      <c r="N106365" s="10"/>
    </row>
    <row r="106366" spans="14:14">
      <c r="N106366" s="10"/>
    </row>
    <row r="106367" spans="14:14">
      <c r="N106367" s="10"/>
    </row>
    <row r="106368" spans="14:14">
      <c r="N106368" s="10"/>
    </row>
    <row r="106369" spans="14:14">
      <c r="N106369" s="10"/>
    </row>
    <row r="106370" spans="14:14">
      <c r="N106370" s="10"/>
    </row>
    <row r="106371" spans="14:14">
      <c r="N106371" s="10"/>
    </row>
    <row r="106372" spans="14:14">
      <c r="N106372" s="10"/>
    </row>
    <row r="106373" spans="14:14">
      <c r="N106373" s="10"/>
    </row>
    <row r="106374" spans="14:14">
      <c r="N106374" s="10"/>
    </row>
    <row r="106375" spans="14:14">
      <c r="N106375" s="10"/>
    </row>
    <row r="106376" spans="14:14">
      <c r="N106376" s="10"/>
    </row>
    <row r="106377" spans="14:14">
      <c r="N106377" s="10"/>
    </row>
    <row r="106378" spans="14:14">
      <c r="N106378" s="10"/>
    </row>
    <row r="106379" spans="14:14">
      <c r="N106379" s="10"/>
    </row>
    <row r="106380" spans="14:14">
      <c r="N106380" s="10"/>
    </row>
    <row r="106381" spans="14:14">
      <c r="N106381" s="10"/>
    </row>
    <row r="106382" spans="14:14">
      <c r="N106382" s="10"/>
    </row>
    <row r="106383" spans="14:14">
      <c r="N106383" s="10"/>
    </row>
    <row r="106384" spans="14:14">
      <c r="N106384" s="10"/>
    </row>
    <row r="106385" spans="14:14">
      <c r="N106385" s="10"/>
    </row>
    <row r="106386" spans="14:14">
      <c r="N106386" s="10"/>
    </row>
    <row r="106387" spans="14:14">
      <c r="N106387" s="10"/>
    </row>
    <row r="106388" spans="14:14">
      <c r="N106388" s="10"/>
    </row>
    <row r="106389" spans="14:14">
      <c r="N106389" s="10"/>
    </row>
    <row r="106390" spans="14:14">
      <c r="N106390" s="10"/>
    </row>
    <row r="106391" spans="14:14">
      <c r="N106391" s="10"/>
    </row>
    <row r="106392" spans="14:14">
      <c r="N106392" s="10"/>
    </row>
    <row r="106393" spans="14:14">
      <c r="N106393" s="10"/>
    </row>
    <row r="106394" spans="14:14">
      <c r="N106394" s="10"/>
    </row>
    <row r="106395" spans="14:14">
      <c r="N106395" s="10"/>
    </row>
    <row r="106396" spans="14:14">
      <c r="N106396" s="10"/>
    </row>
    <row r="106397" spans="14:14">
      <c r="N106397" s="10"/>
    </row>
    <row r="106398" spans="14:14">
      <c r="N106398" s="10"/>
    </row>
    <row r="106399" spans="14:14">
      <c r="N106399" s="10"/>
    </row>
    <row r="106400" spans="14:14">
      <c r="N106400" s="10"/>
    </row>
    <row r="106401" spans="14:14">
      <c r="N106401" s="10"/>
    </row>
    <row r="106402" spans="14:14">
      <c r="N106402" s="10"/>
    </row>
    <row r="106403" spans="14:14">
      <c r="N106403" s="10"/>
    </row>
    <row r="106404" spans="14:14">
      <c r="N106404" s="10"/>
    </row>
    <row r="106405" spans="14:14">
      <c r="N106405" s="10"/>
    </row>
    <row r="106406" spans="14:14">
      <c r="N106406" s="10"/>
    </row>
    <row r="106407" spans="14:14">
      <c r="N106407" s="10"/>
    </row>
    <row r="106408" spans="14:14">
      <c r="N106408" s="10"/>
    </row>
    <row r="106409" spans="14:14">
      <c r="N106409" s="10"/>
    </row>
    <row r="106410" spans="14:14">
      <c r="N106410" s="10"/>
    </row>
    <row r="106411" spans="14:14">
      <c r="N106411" s="10"/>
    </row>
    <row r="106412" spans="14:14">
      <c r="N106412" s="10"/>
    </row>
    <row r="106413" spans="14:14">
      <c r="N106413" s="10"/>
    </row>
    <row r="106414" spans="14:14">
      <c r="N106414" s="10"/>
    </row>
    <row r="106415" spans="14:14">
      <c r="N106415" s="10"/>
    </row>
    <row r="106416" spans="14:14">
      <c r="N106416" s="10"/>
    </row>
    <row r="106417" spans="14:14">
      <c r="N106417" s="10"/>
    </row>
    <row r="106418" spans="14:14">
      <c r="N106418" s="10"/>
    </row>
    <row r="106419" spans="14:14">
      <c r="N106419" s="10"/>
    </row>
    <row r="106420" spans="14:14">
      <c r="N106420" s="10"/>
    </row>
    <row r="106421" spans="14:14">
      <c r="N106421" s="10"/>
    </row>
    <row r="106422" spans="14:14">
      <c r="N106422" s="10"/>
    </row>
    <row r="106423" spans="14:14">
      <c r="N106423" s="10"/>
    </row>
    <row r="106424" spans="14:14">
      <c r="N106424" s="10"/>
    </row>
    <row r="106425" spans="14:14">
      <c r="N106425" s="10"/>
    </row>
    <row r="106426" spans="14:14">
      <c r="N106426" s="10"/>
    </row>
    <row r="106427" spans="14:14">
      <c r="N106427" s="10"/>
    </row>
    <row r="106428" spans="14:14">
      <c r="N106428" s="10"/>
    </row>
    <row r="106429" spans="14:14">
      <c r="N106429" s="10"/>
    </row>
    <row r="106430" spans="14:14">
      <c r="N106430" s="10"/>
    </row>
    <row r="106431" spans="14:14">
      <c r="N106431" s="10"/>
    </row>
    <row r="106432" spans="14:14">
      <c r="N106432" s="10"/>
    </row>
    <row r="106433" spans="14:14">
      <c r="N106433" s="10"/>
    </row>
    <row r="106434" spans="14:14">
      <c r="N106434" s="10"/>
    </row>
    <row r="106435" spans="14:14">
      <c r="N106435" s="10"/>
    </row>
    <row r="106436" spans="14:14">
      <c r="N106436" s="10"/>
    </row>
    <row r="106437" spans="14:14">
      <c r="N106437" s="10"/>
    </row>
    <row r="106438" spans="14:14">
      <c r="N106438" s="10"/>
    </row>
    <row r="106439" spans="14:14">
      <c r="N106439" s="10"/>
    </row>
    <row r="106440" spans="14:14">
      <c r="N106440" s="10"/>
    </row>
    <row r="106441" spans="14:14">
      <c r="N106441" s="10"/>
    </row>
    <row r="106442" spans="14:14">
      <c r="N106442" s="10"/>
    </row>
    <row r="106443" spans="14:14">
      <c r="N106443" s="10"/>
    </row>
    <row r="106444" spans="14:14">
      <c r="N106444" s="10"/>
    </row>
    <row r="106445" spans="14:14">
      <c r="N106445" s="10"/>
    </row>
    <row r="106446" spans="14:14">
      <c r="N106446" s="10"/>
    </row>
    <row r="106447" spans="14:14">
      <c r="N106447" s="10"/>
    </row>
    <row r="106448" spans="14:14">
      <c r="N106448" s="10"/>
    </row>
    <row r="106449" spans="14:14">
      <c r="N106449" s="10"/>
    </row>
    <row r="106450" spans="14:14">
      <c r="N106450" s="10"/>
    </row>
    <row r="106451" spans="14:14">
      <c r="N106451" s="10"/>
    </row>
    <row r="106452" spans="14:14">
      <c r="N106452" s="10"/>
    </row>
    <row r="106453" spans="14:14">
      <c r="N106453" s="10"/>
    </row>
    <row r="106454" spans="14:14">
      <c r="N106454" s="10"/>
    </row>
    <row r="106455" spans="14:14">
      <c r="N106455" s="10"/>
    </row>
    <row r="106456" spans="14:14">
      <c r="N106456" s="10"/>
    </row>
    <row r="106457" spans="14:14">
      <c r="N106457" s="10"/>
    </row>
    <row r="106458" spans="14:14">
      <c r="N106458" s="10"/>
    </row>
    <row r="106459" spans="14:14">
      <c r="N106459" s="10"/>
    </row>
    <row r="106460" spans="14:14">
      <c r="N106460" s="10"/>
    </row>
    <row r="106461" spans="14:14">
      <c r="N106461" s="10"/>
    </row>
    <row r="106462" spans="14:14">
      <c r="N106462" s="10"/>
    </row>
    <row r="106463" spans="14:14">
      <c r="N106463" s="10"/>
    </row>
    <row r="106464" spans="14:14">
      <c r="N106464" s="10"/>
    </row>
    <row r="106465" spans="14:14">
      <c r="N106465" s="10"/>
    </row>
    <row r="106466" spans="14:14">
      <c r="N106466" s="10"/>
    </row>
    <row r="106467" spans="14:14">
      <c r="N106467" s="10"/>
    </row>
    <row r="106468" spans="14:14">
      <c r="N106468" s="10"/>
    </row>
    <row r="106469" spans="14:14">
      <c r="N106469" s="10"/>
    </row>
    <row r="106470" spans="14:14">
      <c r="N106470" s="10"/>
    </row>
    <row r="106471" spans="14:14">
      <c r="N106471" s="10"/>
    </row>
    <row r="106472" spans="14:14">
      <c r="N106472" s="10"/>
    </row>
    <row r="106473" spans="14:14">
      <c r="N106473" s="10"/>
    </row>
    <row r="106474" spans="14:14">
      <c r="N106474" s="10"/>
    </row>
    <row r="106475" spans="14:14">
      <c r="N106475" s="10"/>
    </row>
    <row r="106476" spans="14:14">
      <c r="N106476" s="10"/>
    </row>
    <row r="106477" spans="14:14">
      <c r="N106477" s="10"/>
    </row>
    <row r="106478" spans="14:14">
      <c r="N106478" s="10"/>
    </row>
    <row r="106479" spans="14:14">
      <c r="N106479" s="10"/>
    </row>
    <row r="106480" spans="14:14">
      <c r="N106480" s="10"/>
    </row>
    <row r="106481" spans="14:14">
      <c r="N106481" s="10"/>
    </row>
    <row r="106482" spans="14:14">
      <c r="N106482" s="10"/>
    </row>
    <row r="106483" spans="14:14">
      <c r="N106483" s="10"/>
    </row>
    <row r="106484" spans="14:14">
      <c r="N106484" s="10"/>
    </row>
    <row r="106485" spans="14:14">
      <c r="N106485" s="10"/>
    </row>
    <row r="106486" spans="14:14">
      <c r="N106486" s="10"/>
    </row>
    <row r="106487" spans="14:14">
      <c r="N106487" s="10"/>
    </row>
    <row r="106488" spans="14:14">
      <c r="N106488" s="10"/>
    </row>
    <row r="106489" spans="14:14">
      <c r="N106489" s="10"/>
    </row>
    <row r="106490" spans="14:14">
      <c r="N106490" s="10"/>
    </row>
    <row r="106491" spans="14:14">
      <c r="N106491" s="10"/>
    </row>
    <row r="106492" spans="14:14">
      <c r="N106492" s="10"/>
    </row>
    <row r="106493" spans="14:14">
      <c r="N106493" s="10"/>
    </row>
    <row r="106494" spans="14:14">
      <c r="N106494" s="10"/>
    </row>
    <row r="106495" spans="14:14">
      <c r="N106495" s="10"/>
    </row>
    <row r="106496" spans="14:14">
      <c r="N106496" s="10"/>
    </row>
    <row r="106497" spans="14:14">
      <c r="N106497" s="10"/>
    </row>
    <row r="106498" spans="14:14">
      <c r="N106498" s="10"/>
    </row>
    <row r="106499" spans="14:14">
      <c r="N106499" s="10"/>
    </row>
    <row r="106500" spans="14:14">
      <c r="N106500" s="10"/>
    </row>
    <row r="106501" spans="14:14">
      <c r="N106501" s="10"/>
    </row>
    <row r="106502" spans="14:14">
      <c r="N106502" s="10"/>
    </row>
    <row r="106503" spans="14:14">
      <c r="N106503" s="10"/>
    </row>
    <row r="106504" spans="14:14">
      <c r="N106504" s="10"/>
    </row>
    <row r="106505" spans="14:14">
      <c r="N106505" s="10"/>
    </row>
    <row r="106506" spans="14:14">
      <c r="N106506" s="10"/>
    </row>
    <row r="106507" spans="14:14">
      <c r="N106507" s="10"/>
    </row>
    <row r="106508" spans="14:14">
      <c r="N106508" s="10"/>
    </row>
    <row r="106509" spans="14:14">
      <c r="N106509" s="10"/>
    </row>
    <row r="106510" spans="14:14">
      <c r="N106510" s="10"/>
    </row>
    <row r="106511" spans="14:14">
      <c r="N106511" s="10"/>
    </row>
    <row r="106512" spans="14:14">
      <c r="N106512" s="10"/>
    </row>
    <row r="106513" spans="14:14">
      <c r="N106513" s="10"/>
    </row>
    <row r="106514" spans="14:14">
      <c r="N106514" s="10"/>
    </row>
    <row r="106515" spans="14:14">
      <c r="N106515" s="10"/>
    </row>
    <row r="106516" spans="14:14">
      <c r="N106516" s="10"/>
    </row>
    <row r="106517" spans="14:14">
      <c r="N106517" s="10"/>
    </row>
    <row r="106518" spans="14:14">
      <c r="N106518" s="10"/>
    </row>
    <row r="106519" spans="14:14">
      <c r="N106519" s="10"/>
    </row>
    <row r="106520" spans="14:14">
      <c r="N106520" s="10"/>
    </row>
    <row r="106521" spans="14:14">
      <c r="N106521" s="10"/>
    </row>
    <row r="106522" spans="14:14">
      <c r="N106522" s="10"/>
    </row>
    <row r="106523" spans="14:14">
      <c r="N106523" s="10"/>
    </row>
    <row r="106524" spans="14:14">
      <c r="N106524" s="10"/>
    </row>
    <row r="106525" spans="14:14">
      <c r="N106525" s="10"/>
    </row>
    <row r="106526" spans="14:14">
      <c r="N106526" s="10"/>
    </row>
    <row r="106527" spans="14:14">
      <c r="N106527" s="10"/>
    </row>
    <row r="106528" spans="14:14">
      <c r="N106528" s="10"/>
    </row>
    <row r="106529" spans="14:14">
      <c r="N106529" s="10"/>
    </row>
    <row r="106530" spans="14:14">
      <c r="N106530" s="10"/>
    </row>
    <row r="106531" spans="14:14">
      <c r="N106531" s="10"/>
    </row>
    <row r="106532" spans="14:14">
      <c r="N106532" s="10"/>
    </row>
    <row r="106533" spans="14:14">
      <c r="N106533" s="10"/>
    </row>
    <row r="106534" spans="14:14">
      <c r="N106534" s="10"/>
    </row>
    <row r="106535" spans="14:14">
      <c r="N106535" s="10"/>
    </row>
    <row r="106536" spans="14:14">
      <c r="N106536" s="10"/>
    </row>
    <row r="106537" spans="14:14">
      <c r="N106537" s="10"/>
    </row>
    <row r="106538" spans="14:14">
      <c r="N106538" s="10"/>
    </row>
    <row r="106539" spans="14:14">
      <c r="N106539" s="10"/>
    </row>
    <row r="106540" spans="14:14">
      <c r="N106540" s="10"/>
    </row>
    <row r="106541" spans="14:14">
      <c r="N106541" s="10"/>
    </row>
    <row r="106542" spans="14:14">
      <c r="N106542" s="10"/>
    </row>
    <row r="106543" spans="14:14">
      <c r="N106543" s="10"/>
    </row>
    <row r="106544" spans="14:14">
      <c r="N106544" s="10"/>
    </row>
    <row r="106545" spans="14:14">
      <c r="N106545" s="10"/>
    </row>
    <row r="106546" spans="14:14">
      <c r="N106546" s="10"/>
    </row>
    <row r="106547" spans="14:14">
      <c r="N106547" s="10"/>
    </row>
    <row r="106548" spans="14:14">
      <c r="N106548" s="10"/>
    </row>
    <row r="106549" spans="14:14">
      <c r="N106549" s="10"/>
    </row>
    <row r="106550" spans="14:14">
      <c r="N106550" s="10"/>
    </row>
    <row r="106551" spans="14:14">
      <c r="N106551" s="10"/>
    </row>
    <row r="106552" spans="14:14">
      <c r="N106552" s="10"/>
    </row>
    <row r="106553" spans="14:14">
      <c r="N106553" s="10"/>
    </row>
    <row r="106554" spans="14:14">
      <c r="N106554" s="10"/>
    </row>
    <row r="106555" spans="14:14">
      <c r="N106555" s="10"/>
    </row>
    <row r="106556" spans="14:14">
      <c r="N106556" s="10"/>
    </row>
    <row r="106557" spans="14:14">
      <c r="N106557" s="10"/>
    </row>
    <row r="106558" spans="14:14">
      <c r="N106558" s="10"/>
    </row>
    <row r="106559" spans="14:14">
      <c r="N106559" s="10"/>
    </row>
    <row r="106560" spans="14:14">
      <c r="N106560" s="10"/>
    </row>
    <row r="106561" spans="14:14">
      <c r="N106561" s="10"/>
    </row>
    <row r="106562" spans="14:14">
      <c r="N106562" s="10"/>
    </row>
    <row r="106563" spans="14:14">
      <c r="N106563" s="10"/>
    </row>
    <row r="106564" spans="14:14">
      <c r="N106564" s="10"/>
    </row>
    <row r="106565" spans="14:14">
      <c r="N106565" s="10"/>
    </row>
    <row r="106566" spans="14:14">
      <c r="N106566" s="10"/>
    </row>
    <row r="106567" spans="14:14">
      <c r="N106567" s="10"/>
    </row>
    <row r="106568" spans="14:14">
      <c r="N106568" s="10"/>
    </row>
    <row r="106569" spans="14:14">
      <c r="N106569" s="10"/>
    </row>
    <row r="106570" spans="14:14">
      <c r="N106570" s="10"/>
    </row>
    <row r="106571" spans="14:14">
      <c r="N106571" s="10"/>
    </row>
    <row r="106572" spans="14:14">
      <c r="N106572" s="10"/>
    </row>
    <row r="106573" spans="14:14">
      <c r="N106573" s="10"/>
    </row>
    <row r="106574" spans="14:14">
      <c r="N106574" s="10"/>
    </row>
    <row r="106575" spans="14:14">
      <c r="N106575" s="10"/>
    </row>
    <row r="106576" spans="14:14">
      <c r="N106576" s="10"/>
    </row>
    <row r="106577" spans="14:14">
      <c r="N106577" s="10"/>
    </row>
    <row r="106578" spans="14:14">
      <c r="N106578" s="10"/>
    </row>
    <row r="106579" spans="14:14">
      <c r="N106579" s="10"/>
    </row>
    <row r="106580" spans="14:14">
      <c r="N106580" s="10"/>
    </row>
    <row r="106581" spans="14:14">
      <c r="N106581" s="10"/>
    </row>
    <row r="106582" spans="14:14">
      <c r="N106582" s="10"/>
    </row>
    <row r="106583" spans="14:14">
      <c r="N106583" s="10"/>
    </row>
    <row r="106584" spans="14:14">
      <c r="N106584" s="10"/>
    </row>
    <row r="106585" spans="14:14">
      <c r="N106585" s="10"/>
    </row>
    <row r="106586" spans="14:14">
      <c r="N106586" s="10"/>
    </row>
    <row r="106587" spans="14:14">
      <c r="N106587" s="10"/>
    </row>
    <row r="106588" spans="14:14">
      <c r="N106588" s="10"/>
    </row>
    <row r="106589" spans="14:14">
      <c r="N106589" s="10"/>
    </row>
    <row r="106590" spans="14:14">
      <c r="N106590" s="10"/>
    </row>
    <row r="106591" spans="14:14">
      <c r="N106591" s="10"/>
    </row>
    <row r="106592" spans="14:14">
      <c r="N106592" s="10"/>
    </row>
    <row r="106593" spans="14:14">
      <c r="N106593" s="10"/>
    </row>
    <row r="106594" spans="14:14">
      <c r="N106594" s="10"/>
    </row>
    <row r="106595" spans="14:14">
      <c r="N106595" s="10"/>
    </row>
    <row r="106596" spans="14:14">
      <c r="N106596" s="10"/>
    </row>
    <row r="106597" spans="14:14">
      <c r="N106597" s="10"/>
    </row>
    <row r="106598" spans="14:14">
      <c r="N106598" s="10"/>
    </row>
    <row r="106599" spans="14:14">
      <c r="N106599" s="10"/>
    </row>
    <row r="106600" spans="14:14">
      <c r="N106600" s="10"/>
    </row>
    <row r="106601" spans="14:14">
      <c r="N106601" s="10"/>
    </row>
    <row r="106602" spans="14:14">
      <c r="N106602" s="10"/>
    </row>
    <row r="106603" spans="14:14">
      <c r="N106603" s="10"/>
    </row>
    <row r="106604" spans="14:14">
      <c r="N106604" s="10"/>
    </row>
    <row r="106605" spans="14:14">
      <c r="N106605" s="10"/>
    </row>
    <row r="106606" spans="14:14">
      <c r="N106606" s="10"/>
    </row>
    <row r="106607" spans="14:14">
      <c r="N106607" s="10"/>
    </row>
    <row r="106608" spans="14:14">
      <c r="N106608" s="10"/>
    </row>
    <row r="106609" spans="14:14">
      <c r="N106609" s="10"/>
    </row>
    <row r="106610" spans="14:14">
      <c r="N106610" s="10"/>
    </row>
    <row r="106611" spans="14:14">
      <c r="N106611" s="10"/>
    </row>
    <row r="106612" spans="14:14">
      <c r="N106612" s="10"/>
    </row>
    <row r="106613" spans="14:14">
      <c r="N106613" s="10"/>
    </row>
    <row r="106614" spans="14:14">
      <c r="N106614" s="10"/>
    </row>
    <row r="106615" spans="14:14">
      <c r="N106615" s="10"/>
    </row>
    <row r="106616" spans="14:14">
      <c r="N106616" s="10"/>
    </row>
    <row r="106617" spans="14:14">
      <c r="N106617" s="10"/>
    </row>
    <row r="106618" spans="14:14">
      <c r="N106618" s="10"/>
    </row>
    <row r="106619" spans="14:14">
      <c r="N106619" s="10"/>
    </row>
    <row r="106620" spans="14:14">
      <c r="N106620" s="10"/>
    </row>
    <row r="106621" spans="14:14">
      <c r="N106621" s="10"/>
    </row>
    <row r="106622" spans="14:14">
      <c r="N106622" s="10"/>
    </row>
    <row r="106623" spans="14:14">
      <c r="N106623" s="10"/>
    </row>
    <row r="106624" spans="14:14">
      <c r="N106624" s="10"/>
    </row>
    <row r="106625" spans="14:14">
      <c r="N106625" s="10"/>
    </row>
    <row r="106626" spans="14:14">
      <c r="N106626" s="10"/>
    </row>
    <row r="106627" spans="14:14">
      <c r="N106627" s="10"/>
    </row>
    <row r="106628" spans="14:14">
      <c r="N106628" s="10"/>
    </row>
    <row r="106629" spans="14:14">
      <c r="N106629" s="10"/>
    </row>
    <row r="106630" spans="14:14">
      <c r="N106630" s="10"/>
    </row>
    <row r="106631" spans="14:14">
      <c r="N106631" s="10"/>
    </row>
    <row r="106632" spans="14:14">
      <c r="N106632" s="10"/>
    </row>
    <row r="106633" spans="14:14">
      <c r="N106633" s="10"/>
    </row>
    <row r="106634" spans="14:14">
      <c r="N106634" s="10"/>
    </row>
    <row r="106635" spans="14:14">
      <c r="N106635" s="10"/>
    </row>
    <row r="106636" spans="14:14">
      <c r="N106636" s="10"/>
    </row>
    <row r="106637" spans="14:14">
      <c r="N106637" s="10"/>
    </row>
    <row r="106638" spans="14:14">
      <c r="N106638" s="10"/>
    </row>
    <row r="106639" spans="14:14">
      <c r="N106639" s="10"/>
    </row>
    <row r="106640" spans="14:14">
      <c r="N106640" s="10"/>
    </row>
    <row r="106641" spans="14:14">
      <c r="N106641" s="10"/>
    </row>
    <row r="106642" spans="14:14">
      <c r="N106642" s="10"/>
    </row>
    <row r="106643" spans="14:14">
      <c r="N106643" s="10"/>
    </row>
    <row r="106644" spans="14:14">
      <c r="N106644" s="10"/>
    </row>
    <row r="106645" spans="14:14">
      <c r="N106645" s="10"/>
    </row>
    <row r="106646" spans="14:14">
      <c r="N106646" s="10"/>
    </row>
    <row r="106647" spans="14:14">
      <c r="N106647" s="10"/>
    </row>
    <row r="106648" spans="14:14">
      <c r="N106648" s="10"/>
    </row>
    <row r="106649" spans="14:14">
      <c r="N106649" s="10"/>
    </row>
    <row r="106650" spans="14:14">
      <c r="N106650" s="10"/>
    </row>
    <row r="106651" spans="14:14">
      <c r="N106651" s="10"/>
    </row>
    <row r="106652" spans="14:14">
      <c r="N106652" s="10"/>
    </row>
    <row r="106653" spans="14:14">
      <c r="N106653" s="10"/>
    </row>
    <row r="106654" spans="14:14">
      <c r="N106654" s="10"/>
    </row>
    <row r="106655" spans="14:14">
      <c r="N106655" s="10"/>
    </row>
    <row r="106656" spans="14:14">
      <c r="N106656" s="10"/>
    </row>
    <row r="106657" spans="14:14">
      <c r="N106657" s="10"/>
    </row>
    <row r="106658" spans="14:14">
      <c r="N106658" s="10"/>
    </row>
    <row r="106659" spans="14:14">
      <c r="N106659" s="10"/>
    </row>
    <row r="106660" spans="14:14">
      <c r="N106660" s="10"/>
    </row>
    <row r="106661" spans="14:14">
      <c r="N106661" s="10"/>
    </row>
    <row r="106662" spans="14:14">
      <c r="N106662" s="10"/>
    </row>
    <row r="106663" spans="14:14">
      <c r="N106663" s="10"/>
    </row>
    <row r="106664" spans="14:14">
      <c r="N106664" s="10"/>
    </row>
    <row r="106665" spans="14:14">
      <c r="N106665" s="10"/>
    </row>
    <row r="106666" spans="14:14">
      <c r="N106666" s="10"/>
    </row>
    <row r="106667" spans="14:14">
      <c r="N106667" s="10"/>
    </row>
    <row r="106668" spans="14:14">
      <c r="N106668" s="10"/>
    </row>
    <row r="106669" spans="14:14">
      <c r="N106669" s="10"/>
    </row>
    <row r="106670" spans="14:14">
      <c r="N106670" s="10"/>
    </row>
    <row r="106671" spans="14:14">
      <c r="N106671" s="10"/>
    </row>
    <row r="106672" spans="14:14">
      <c r="N106672" s="10"/>
    </row>
    <row r="106673" spans="14:14">
      <c r="N106673" s="10"/>
    </row>
    <row r="106674" spans="14:14">
      <c r="N106674" s="10"/>
    </row>
    <row r="106675" spans="14:14">
      <c r="N106675" s="10"/>
    </row>
    <row r="106676" spans="14:14">
      <c r="N106676" s="10"/>
    </row>
    <row r="106677" spans="14:14">
      <c r="N106677" s="10"/>
    </row>
    <row r="106678" spans="14:14">
      <c r="N106678" s="10"/>
    </row>
    <row r="106679" spans="14:14">
      <c r="N106679" s="10"/>
    </row>
    <row r="106680" spans="14:14">
      <c r="N106680" s="10"/>
    </row>
    <row r="106681" spans="14:14">
      <c r="N106681" s="10"/>
    </row>
    <row r="106682" spans="14:14">
      <c r="N106682" s="10"/>
    </row>
    <row r="106683" spans="14:14">
      <c r="N106683" s="10"/>
    </row>
    <row r="106684" spans="14:14">
      <c r="N106684" s="10"/>
    </row>
    <row r="106685" spans="14:14">
      <c r="N106685" s="10"/>
    </row>
    <row r="106686" spans="14:14">
      <c r="N106686" s="10"/>
    </row>
    <row r="106687" spans="14:14">
      <c r="N106687" s="10"/>
    </row>
    <row r="106688" spans="14:14">
      <c r="N106688" s="10"/>
    </row>
    <row r="106689" spans="14:14">
      <c r="N106689" s="10"/>
    </row>
    <row r="106690" spans="14:14">
      <c r="N106690" s="10"/>
    </row>
    <row r="106691" spans="14:14">
      <c r="N106691" s="10"/>
    </row>
    <row r="106692" spans="14:14">
      <c r="N106692" s="10"/>
    </row>
    <row r="106693" spans="14:14">
      <c r="N106693" s="10"/>
    </row>
    <row r="106694" spans="14:14">
      <c r="N106694" s="10"/>
    </row>
    <row r="106695" spans="14:14">
      <c r="N106695" s="10"/>
    </row>
    <row r="106696" spans="14:14">
      <c r="N106696" s="10"/>
    </row>
    <row r="106697" spans="14:14">
      <c r="N106697" s="10"/>
    </row>
    <row r="106698" spans="14:14">
      <c r="N106698" s="10"/>
    </row>
    <row r="106699" spans="14:14">
      <c r="N106699" s="10"/>
    </row>
    <row r="106700" spans="14:14">
      <c r="N106700" s="10"/>
    </row>
    <row r="106701" spans="14:14">
      <c r="N106701" s="10"/>
    </row>
    <row r="106702" spans="14:14">
      <c r="N106702" s="10"/>
    </row>
    <row r="106703" spans="14:14">
      <c r="N106703" s="10"/>
    </row>
    <row r="106704" spans="14:14">
      <c r="N106704" s="10"/>
    </row>
    <row r="106705" spans="14:14">
      <c r="N106705" s="10"/>
    </row>
    <row r="106706" spans="14:14">
      <c r="N106706" s="10"/>
    </row>
    <row r="106707" spans="14:14">
      <c r="N106707" s="10"/>
    </row>
    <row r="106708" spans="14:14">
      <c r="N106708" s="10"/>
    </row>
    <row r="106709" spans="14:14">
      <c r="N106709" s="10"/>
    </row>
    <row r="106710" spans="14:14">
      <c r="N106710" s="10"/>
    </row>
    <row r="106711" spans="14:14">
      <c r="N106711" s="10"/>
    </row>
    <row r="106712" spans="14:14">
      <c r="N106712" s="10"/>
    </row>
    <row r="106713" spans="14:14">
      <c r="N106713" s="10"/>
    </row>
    <row r="106714" spans="14:14">
      <c r="N106714" s="10"/>
    </row>
    <row r="106715" spans="14:14">
      <c r="N106715" s="10"/>
    </row>
    <row r="106716" spans="14:14">
      <c r="N106716" s="10"/>
    </row>
    <row r="106717" spans="14:14">
      <c r="N106717" s="10"/>
    </row>
    <row r="106718" spans="14:14">
      <c r="N106718" s="10"/>
    </row>
    <row r="106719" spans="14:14">
      <c r="N106719" s="10"/>
    </row>
    <row r="106720" spans="14:14">
      <c r="N106720" s="10"/>
    </row>
    <row r="106721" spans="14:14">
      <c r="N106721" s="10"/>
    </row>
    <row r="106722" spans="14:14">
      <c r="N106722" s="10"/>
    </row>
    <row r="106723" spans="14:14">
      <c r="N106723" s="10"/>
    </row>
    <row r="106724" spans="14:14">
      <c r="N106724" s="10"/>
    </row>
    <row r="106725" spans="14:14">
      <c r="N106725" s="10"/>
    </row>
    <row r="106726" spans="14:14">
      <c r="N106726" s="10"/>
    </row>
    <row r="106727" spans="14:14">
      <c r="N106727" s="10"/>
    </row>
    <row r="106728" spans="14:14">
      <c r="N106728" s="10"/>
    </row>
    <row r="106729" spans="14:14">
      <c r="N106729" s="10"/>
    </row>
    <row r="106730" spans="14:14">
      <c r="N106730" s="10"/>
    </row>
    <row r="106731" spans="14:14">
      <c r="N106731" s="10"/>
    </row>
    <row r="106732" spans="14:14">
      <c r="N106732" s="10"/>
    </row>
    <row r="106733" spans="14:14">
      <c r="N106733" s="10"/>
    </row>
    <row r="106734" spans="14:14">
      <c r="N106734" s="10"/>
    </row>
    <row r="106735" spans="14:14">
      <c r="N106735" s="10"/>
    </row>
    <row r="106736" spans="14:14">
      <c r="N106736" s="10"/>
    </row>
    <row r="106737" spans="14:14">
      <c r="N106737" s="10"/>
    </row>
    <row r="106738" spans="14:14">
      <c r="N106738" s="10"/>
    </row>
    <row r="106739" spans="14:14">
      <c r="N106739" s="10"/>
    </row>
    <row r="106740" spans="14:14">
      <c r="N106740" s="10"/>
    </row>
    <row r="106741" spans="14:14">
      <c r="N106741" s="10"/>
    </row>
    <row r="106742" spans="14:14">
      <c r="N106742" s="10"/>
    </row>
    <row r="106743" spans="14:14">
      <c r="N106743" s="10"/>
    </row>
    <row r="106744" spans="14:14">
      <c r="N106744" s="10"/>
    </row>
    <row r="106745" spans="14:14">
      <c r="N106745" s="10"/>
    </row>
    <row r="106746" spans="14:14">
      <c r="N106746" s="10"/>
    </row>
    <row r="106747" spans="14:14">
      <c r="N106747" s="10"/>
    </row>
    <row r="106748" spans="14:14">
      <c r="N106748" s="10"/>
    </row>
    <row r="106749" spans="14:14">
      <c r="N106749" s="10"/>
    </row>
    <row r="106750" spans="14:14">
      <c r="N106750" s="10"/>
    </row>
    <row r="106751" spans="14:14">
      <c r="N106751" s="10"/>
    </row>
    <row r="106752" spans="14:14">
      <c r="N106752" s="10"/>
    </row>
    <row r="106753" spans="14:14">
      <c r="N106753" s="10"/>
    </row>
    <row r="106754" spans="14:14">
      <c r="N106754" s="10"/>
    </row>
    <row r="106755" spans="14:14">
      <c r="N106755" s="10"/>
    </row>
    <row r="106756" spans="14:14">
      <c r="N106756" s="10"/>
    </row>
    <row r="106757" spans="14:14">
      <c r="N106757" s="10"/>
    </row>
    <row r="106758" spans="14:14">
      <c r="N106758" s="10"/>
    </row>
    <row r="106759" spans="14:14">
      <c r="N106759" s="10"/>
    </row>
    <row r="106760" spans="14:14">
      <c r="N106760" s="10"/>
    </row>
    <row r="106761" spans="14:14">
      <c r="N106761" s="10"/>
    </row>
    <row r="106762" spans="14:14">
      <c r="N106762" s="10"/>
    </row>
    <row r="106763" spans="14:14">
      <c r="N106763" s="10"/>
    </row>
    <row r="106764" spans="14:14">
      <c r="N106764" s="10"/>
    </row>
    <row r="106765" spans="14:14">
      <c r="N106765" s="10"/>
    </row>
    <row r="106766" spans="14:14">
      <c r="N106766" s="10"/>
    </row>
    <row r="106767" spans="14:14">
      <c r="N106767" s="10"/>
    </row>
    <row r="106768" spans="14:14">
      <c r="N106768" s="10"/>
    </row>
    <row r="106769" spans="14:14">
      <c r="N106769" s="10"/>
    </row>
    <row r="106770" spans="14:14">
      <c r="N106770" s="10"/>
    </row>
    <row r="106771" spans="14:14">
      <c r="N106771" s="10"/>
    </row>
    <row r="106772" spans="14:14">
      <c r="N106772" s="10"/>
    </row>
    <row r="106773" spans="14:14">
      <c r="N106773" s="10"/>
    </row>
    <row r="106774" spans="14:14">
      <c r="N106774" s="10"/>
    </row>
    <row r="106775" spans="14:14">
      <c r="N106775" s="10"/>
    </row>
    <row r="106776" spans="14:14">
      <c r="N106776" s="10"/>
    </row>
    <row r="106777" spans="14:14">
      <c r="N106777" s="10"/>
    </row>
    <row r="106778" spans="14:14">
      <c r="N106778" s="10"/>
    </row>
    <row r="106779" spans="14:14">
      <c r="N106779" s="10"/>
    </row>
    <row r="106780" spans="14:14">
      <c r="N106780" s="10"/>
    </row>
    <row r="106781" spans="14:14">
      <c r="N106781" s="10"/>
    </row>
    <row r="106782" spans="14:14">
      <c r="N106782" s="10"/>
    </row>
    <row r="106783" spans="14:14">
      <c r="N106783" s="10"/>
    </row>
    <row r="106784" spans="14:14">
      <c r="N106784" s="10"/>
    </row>
    <row r="106785" spans="14:14">
      <c r="N106785" s="10"/>
    </row>
    <row r="106786" spans="14:14">
      <c r="N106786" s="10"/>
    </row>
    <row r="106787" spans="14:14">
      <c r="N106787" s="10"/>
    </row>
    <row r="106788" spans="14:14">
      <c r="N106788" s="10"/>
    </row>
    <row r="106789" spans="14:14">
      <c r="N106789" s="10"/>
    </row>
    <row r="106790" spans="14:14">
      <c r="N106790" s="10"/>
    </row>
    <row r="106791" spans="14:14">
      <c r="N106791" s="10"/>
    </row>
    <row r="106792" spans="14:14">
      <c r="N106792" s="10"/>
    </row>
    <row r="106793" spans="14:14">
      <c r="N106793" s="10"/>
    </row>
    <row r="106794" spans="14:14">
      <c r="N106794" s="10"/>
    </row>
    <row r="106795" spans="14:14">
      <c r="N106795" s="10"/>
    </row>
    <row r="106796" spans="14:14">
      <c r="N106796" s="10"/>
    </row>
    <row r="106797" spans="14:14">
      <c r="N106797" s="10"/>
    </row>
    <row r="106798" spans="14:14">
      <c r="N106798" s="10"/>
    </row>
    <row r="106799" spans="14:14">
      <c r="N106799" s="10"/>
    </row>
    <row r="106800" spans="14:14">
      <c r="N106800" s="10"/>
    </row>
    <row r="106801" spans="14:14">
      <c r="N106801" s="10"/>
    </row>
    <row r="106802" spans="14:14">
      <c r="N106802" s="10"/>
    </row>
    <row r="106803" spans="14:14">
      <c r="N106803" s="10"/>
    </row>
    <row r="106804" spans="14:14">
      <c r="N106804" s="10"/>
    </row>
    <row r="106805" spans="14:14">
      <c r="N106805" s="10"/>
    </row>
    <row r="106806" spans="14:14">
      <c r="N106806" s="10"/>
    </row>
    <row r="106807" spans="14:14">
      <c r="N106807" s="10"/>
    </row>
    <row r="106808" spans="14:14">
      <c r="N106808" s="10"/>
    </row>
    <row r="106809" spans="14:14">
      <c r="N106809" s="10"/>
    </row>
    <row r="106810" spans="14:14">
      <c r="N106810" s="10"/>
    </row>
    <row r="106811" spans="14:14">
      <c r="N106811" s="10"/>
    </row>
    <row r="106812" spans="14:14">
      <c r="N106812" s="10"/>
    </row>
    <row r="106813" spans="14:14">
      <c r="N106813" s="10"/>
    </row>
    <row r="106814" spans="14:14">
      <c r="N106814" s="10"/>
    </row>
    <row r="106815" spans="14:14">
      <c r="N106815" s="10"/>
    </row>
    <row r="106816" spans="14:14">
      <c r="N106816" s="10"/>
    </row>
    <row r="106817" spans="14:14">
      <c r="N106817" s="10"/>
    </row>
    <row r="106818" spans="14:14">
      <c r="N106818" s="10"/>
    </row>
    <row r="106819" spans="14:14">
      <c r="N106819" s="10"/>
    </row>
    <row r="106820" spans="14:14">
      <c r="N106820" s="10"/>
    </row>
    <row r="106821" spans="14:14">
      <c r="N106821" s="10"/>
    </row>
    <row r="106822" spans="14:14">
      <c r="N106822" s="10"/>
    </row>
    <row r="106823" spans="14:14">
      <c r="N106823" s="10"/>
    </row>
    <row r="106824" spans="14:14">
      <c r="N106824" s="10"/>
    </row>
    <row r="106825" spans="14:14">
      <c r="N106825" s="10"/>
    </row>
    <row r="106826" spans="14:14">
      <c r="N106826" s="10"/>
    </row>
    <row r="106827" spans="14:14">
      <c r="N106827" s="10"/>
    </row>
    <row r="106828" spans="14:14">
      <c r="N106828" s="10"/>
    </row>
    <row r="106829" spans="14:14">
      <c r="N106829" s="10"/>
    </row>
    <row r="106830" spans="14:14">
      <c r="N106830" s="10"/>
    </row>
    <row r="106831" spans="14:14">
      <c r="N106831" s="10"/>
    </row>
    <row r="106832" spans="14:14">
      <c r="N106832" s="10"/>
    </row>
    <row r="106833" spans="14:14">
      <c r="N106833" s="10"/>
    </row>
    <row r="106834" spans="14:14">
      <c r="N106834" s="10"/>
    </row>
    <row r="106835" spans="14:14">
      <c r="N106835" s="10"/>
    </row>
    <row r="106836" spans="14:14">
      <c r="N106836" s="10"/>
    </row>
    <row r="106837" spans="14:14">
      <c r="N106837" s="10"/>
    </row>
    <row r="106838" spans="14:14">
      <c r="N106838" s="10"/>
    </row>
    <row r="106839" spans="14:14">
      <c r="N106839" s="10"/>
    </row>
    <row r="106840" spans="14:14">
      <c r="N106840" s="10"/>
    </row>
    <row r="106841" spans="14:14">
      <c r="N106841" s="10"/>
    </row>
    <row r="106842" spans="14:14">
      <c r="N106842" s="10"/>
    </row>
    <row r="106843" spans="14:14">
      <c r="N106843" s="10"/>
    </row>
    <row r="106844" spans="14:14">
      <c r="N106844" s="10"/>
    </row>
    <row r="106845" spans="14:14">
      <c r="N106845" s="10"/>
    </row>
    <row r="106846" spans="14:14">
      <c r="N106846" s="10"/>
    </row>
    <row r="106847" spans="14:14">
      <c r="N106847" s="10"/>
    </row>
    <row r="106848" spans="14:14">
      <c r="N106848" s="10"/>
    </row>
    <row r="106849" spans="14:14">
      <c r="N106849" s="10"/>
    </row>
    <row r="106850" spans="14:14">
      <c r="N106850" s="10"/>
    </row>
    <row r="106851" spans="14:14">
      <c r="N106851" s="10"/>
    </row>
    <row r="106852" spans="14:14">
      <c r="N106852" s="10"/>
    </row>
    <row r="106853" spans="14:14">
      <c r="N106853" s="10"/>
    </row>
    <row r="106854" spans="14:14">
      <c r="N106854" s="10"/>
    </row>
    <row r="106855" spans="14:14">
      <c r="N106855" s="10"/>
    </row>
    <row r="106856" spans="14:14">
      <c r="N106856" s="10"/>
    </row>
    <row r="106857" spans="14:14">
      <c r="N106857" s="10"/>
    </row>
    <row r="106858" spans="14:14">
      <c r="N106858" s="10"/>
    </row>
    <row r="106859" spans="14:14">
      <c r="N106859" s="10"/>
    </row>
    <row r="106860" spans="14:14">
      <c r="N106860" s="10"/>
    </row>
    <row r="106861" spans="14:14">
      <c r="N106861" s="10"/>
    </row>
    <row r="106862" spans="14:14">
      <c r="N106862" s="10"/>
    </row>
    <row r="106863" spans="14:14">
      <c r="N106863" s="10"/>
    </row>
    <row r="106864" spans="14:14">
      <c r="N106864" s="10"/>
    </row>
    <row r="106865" spans="14:14">
      <c r="N106865" s="10"/>
    </row>
    <row r="106866" spans="14:14">
      <c r="N106866" s="10"/>
    </row>
    <row r="106867" spans="14:14">
      <c r="N106867" s="10"/>
    </row>
    <row r="106868" spans="14:14">
      <c r="N106868" s="10"/>
    </row>
    <row r="106869" spans="14:14">
      <c r="N106869" s="10"/>
    </row>
    <row r="106870" spans="14:14">
      <c r="N106870" s="10"/>
    </row>
    <row r="106871" spans="14:14">
      <c r="N106871" s="10"/>
    </row>
    <row r="106872" spans="14:14">
      <c r="N106872" s="10"/>
    </row>
    <row r="106873" spans="14:14">
      <c r="N106873" s="10"/>
    </row>
    <row r="106874" spans="14:14">
      <c r="N106874" s="10"/>
    </row>
    <row r="106875" spans="14:14">
      <c r="N106875" s="10"/>
    </row>
    <row r="106876" spans="14:14">
      <c r="N106876" s="10"/>
    </row>
    <row r="106877" spans="14:14">
      <c r="N106877" s="10"/>
    </row>
    <row r="106878" spans="14:14">
      <c r="N106878" s="10"/>
    </row>
    <row r="106879" spans="14:14">
      <c r="N106879" s="10"/>
    </row>
    <row r="106880" spans="14:14">
      <c r="N106880" s="10"/>
    </row>
    <row r="106881" spans="14:14">
      <c r="N106881" s="10"/>
    </row>
    <row r="106882" spans="14:14">
      <c r="N106882" s="10"/>
    </row>
    <row r="106883" spans="14:14">
      <c r="N106883" s="10"/>
    </row>
    <row r="106884" spans="14:14">
      <c r="N106884" s="10"/>
    </row>
    <row r="106885" spans="14:14">
      <c r="N106885" s="10"/>
    </row>
    <row r="106886" spans="14:14">
      <c r="N106886" s="10"/>
    </row>
    <row r="106887" spans="14:14">
      <c r="N106887" s="10"/>
    </row>
    <row r="106888" spans="14:14">
      <c r="N106888" s="10"/>
    </row>
    <row r="106889" spans="14:14">
      <c r="N106889" s="10"/>
    </row>
    <row r="106890" spans="14:14">
      <c r="N106890" s="10"/>
    </row>
    <row r="106891" spans="14:14">
      <c r="N106891" s="10"/>
    </row>
    <row r="106892" spans="14:14">
      <c r="N106892" s="10"/>
    </row>
    <row r="106893" spans="14:14">
      <c r="N106893" s="10"/>
    </row>
    <row r="106894" spans="14:14">
      <c r="N106894" s="10"/>
    </row>
    <row r="106895" spans="14:14">
      <c r="N106895" s="10"/>
    </row>
    <row r="106896" spans="14:14">
      <c r="N106896" s="10"/>
    </row>
    <row r="106897" spans="14:14">
      <c r="N106897" s="10"/>
    </row>
    <row r="106898" spans="14:14">
      <c r="N106898" s="10"/>
    </row>
    <row r="106899" spans="14:14">
      <c r="N106899" s="10"/>
    </row>
    <row r="106900" spans="14:14">
      <c r="N106900" s="10"/>
    </row>
    <row r="106901" spans="14:14">
      <c r="N106901" s="10"/>
    </row>
    <row r="106902" spans="14:14">
      <c r="N106902" s="10"/>
    </row>
    <row r="106903" spans="14:14">
      <c r="N106903" s="10"/>
    </row>
    <row r="106904" spans="14:14">
      <c r="N106904" s="10"/>
    </row>
    <row r="106905" spans="14:14">
      <c r="N106905" s="10"/>
    </row>
    <row r="106906" spans="14:14">
      <c r="N106906" s="10"/>
    </row>
    <row r="106907" spans="14:14">
      <c r="N106907" s="10"/>
    </row>
    <row r="106908" spans="14:14">
      <c r="N106908" s="10"/>
    </row>
    <row r="106909" spans="14:14">
      <c r="N106909" s="10"/>
    </row>
    <row r="106910" spans="14:14">
      <c r="N106910" s="10"/>
    </row>
    <row r="106911" spans="14:14">
      <c r="N106911" s="10"/>
    </row>
    <row r="106912" spans="14:14">
      <c r="N106912" s="10"/>
    </row>
    <row r="106913" spans="14:14">
      <c r="N106913" s="10"/>
    </row>
    <row r="106914" spans="14:14">
      <c r="N106914" s="10"/>
    </row>
    <row r="106915" spans="14:14">
      <c r="N106915" s="10"/>
    </row>
    <row r="106916" spans="14:14">
      <c r="N106916" s="10"/>
    </row>
    <row r="106917" spans="14:14">
      <c r="N106917" s="10"/>
    </row>
    <row r="106918" spans="14:14">
      <c r="N106918" s="10"/>
    </row>
    <row r="106919" spans="14:14">
      <c r="N106919" s="10"/>
    </row>
    <row r="106920" spans="14:14">
      <c r="N106920" s="10"/>
    </row>
    <row r="106921" spans="14:14">
      <c r="N106921" s="10"/>
    </row>
    <row r="106922" spans="14:14">
      <c r="N106922" s="10"/>
    </row>
    <row r="106923" spans="14:14">
      <c r="N106923" s="10"/>
    </row>
    <row r="106924" spans="14:14">
      <c r="N106924" s="10"/>
    </row>
    <row r="106925" spans="14:14">
      <c r="N106925" s="10"/>
    </row>
    <row r="106926" spans="14:14">
      <c r="N106926" s="10"/>
    </row>
    <row r="106927" spans="14:14">
      <c r="N106927" s="10"/>
    </row>
    <row r="106928" spans="14:14">
      <c r="N106928" s="10"/>
    </row>
    <row r="106929" spans="14:14">
      <c r="N106929" s="10"/>
    </row>
    <row r="106930" spans="14:14">
      <c r="N106930" s="10"/>
    </row>
    <row r="106931" spans="14:14">
      <c r="N106931" s="10"/>
    </row>
    <row r="106932" spans="14:14">
      <c r="N106932" s="10"/>
    </row>
    <row r="106933" spans="14:14">
      <c r="N106933" s="10"/>
    </row>
    <row r="106934" spans="14:14">
      <c r="N106934" s="10"/>
    </row>
    <row r="106935" spans="14:14">
      <c r="N106935" s="10"/>
    </row>
    <row r="106936" spans="14:14">
      <c r="N106936" s="10"/>
    </row>
    <row r="106937" spans="14:14">
      <c r="N106937" s="10"/>
    </row>
    <row r="106938" spans="14:14">
      <c r="N106938" s="10"/>
    </row>
    <row r="106939" spans="14:14">
      <c r="N106939" s="10"/>
    </row>
    <row r="106940" spans="14:14">
      <c r="N106940" s="10"/>
    </row>
    <row r="106941" spans="14:14">
      <c r="N106941" s="10"/>
    </row>
    <row r="106942" spans="14:14">
      <c r="N106942" s="10"/>
    </row>
    <row r="106943" spans="14:14">
      <c r="N106943" s="10"/>
    </row>
    <row r="106944" spans="14:14">
      <c r="N106944" s="10"/>
    </row>
    <row r="106945" spans="14:14">
      <c r="N106945" s="10"/>
    </row>
    <row r="106946" spans="14:14">
      <c r="N106946" s="10"/>
    </row>
    <row r="106947" spans="14:14">
      <c r="N106947" s="10"/>
    </row>
    <row r="106948" spans="14:14">
      <c r="N106948" s="10"/>
    </row>
    <row r="106949" spans="14:14">
      <c r="N106949" s="10"/>
    </row>
    <row r="106950" spans="14:14">
      <c r="N106950" s="10"/>
    </row>
    <row r="106951" spans="14:14">
      <c r="N106951" s="10"/>
    </row>
    <row r="106952" spans="14:14">
      <c r="N106952" s="10"/>
    </row>
    <row r="106953" spans="14:14">
      <c r="N106953" s="10"/>
    </row>
    <row r="106954" spans="14:14">
      <c r="N106954" s="10"/>
    </row>
    <row r="106955" spans="14:14">
      <c r="N106955" s="10"/>
    </row>
    <row r="106956" spans="14:14">
      <c r="N106956" s="10"/>
    </row>
    <row r="106957" spans="14:14">
      <c r="N106957" s="10"/>
    </row>
    <row r="106958" spans="14:14">
      <c r="N106958" s="10"/>
    </row>
    <row r="106959" spans="14:14">
      <c r="N106959" s="10"/>
    </row>
    <row r="106960" spans="14:14">
      <c r="N106960" s="10"/>
    </row>
    <row r="106961" spans="14:14">
      <c r="N106961" s="10"/>
    </row>
    <row r="106962" spans="14:14">
      <c r="N106962" s="10"/>
    </row>
    <row r="106963" spans="14:14">
      <c r="N106963" s="10"/>
    </row>
    <row r="106964" spans="14:14">
      <c r="N106964" s="10"/>
    </row>
    <row r="106965" spans="14:14">
      <c r="N106965" s="10"/>
    </row>
    <row r="106966" spans="14:14">
      <c r="N106966" s="10"/>
    </row>
    <row r="106967" spans="14:14">
      <c r="N106967" s="10"/>
    </row>
    <row r="106968" spans="14:14">
      <c r="N106968" s="10"/>
    </row>
    <row r="106969" spans="14:14">
      <c r="N106969" s="10"/>
    </row>
    <row r="106970" spans="14:14">
      <c r="N106970" s="10"/>
    </row>
    <row r="106971" spans="14:14">
      <c r="N106971" s="10"/>
    </row>
    <row r="106972" spans="14:14">
      <c r="N106972" s="10"/>
    </row>
    <row r="106973" spans="14:14">
      <c r="N106973" s="10"/>
    </row>
    <row r="106974" spans="14:14">
      <c r="N106974" s="10"/>
    </row>
    <row r="106975" spans="14:14">
      <c r="N106975" s="10"/>
    </row>
    <row r="106976" spans="14:14">
      <c r="N106976" s="10"/>
    </row>
    <row r="106977" spans="14:14">
      <c r="N106977" s="10"/>
    </row>
    <row r="106978" spans="14:14">
      <c r="N106978" s="10"/>
    </row>
    <row r="106979" spans="14:14">
      <c r="N106979" s="10"/>
    </row>
    <row r="106980" spans="14:14">
      <c r="N106980" s="10"/>
    </row>
    <row r="106981" spans="14:14">
      <c r="N106981" s="10"/>
    </row>
    <row r="106982" spans="14:14">
      <c r="N106982" s="10"/>
    </row>
    <row r="106983" spans="14:14">
      <c r="N106983" s="10"/>
    </row>
    <row r="106984" spans="14:14">
      <c r="N106984" s="10"/>
    </row>
    <row r="106985" spans="14:14">
      <c r="N106985" s="10"/>
    </row>
    <row r="106986" spans="14:14">
      <c r="N106986" s="10"/>
    </row>
    <row r="106987" spans="14:14">
      <c r="N106987" s="10"/>
    </row>
    <row r="106988" spans="14:14">
      <c r="N106988" s="10"/>
    </row>
    <row r="106989" spans="14:14">
      <c r="N106989" s="10"/>
    </row>
    <row r="106990" spans="14:14">
      <c r="N106990" s="10"/>
    </row>
    <row r="106991" spans="14:14">
      <c r="N106991" s="10"/>
    </row>
    <row r="106992" spans="14:14">
      <c r="N106992" s="10"/>
    </row>
    <row r="106993" spans="14:14">
      <c r="N106993" s="10"/>
    </row>
    <row r="106994" spans="14:14">
      <c r="N106994" s="10"/>
    </row>
    <row r="106995" spans="14:14">
      <c r="N106995" s="10"/>
    </row>
    <row r="106996" spans="14:14">
      <c r="N106996" s="10"/>
    </row>
    <row r="106997" spans="14:14">
      <c r="N106997" s="10"/>
    </row>
    <row r="106998" spans="14:14">
      <c r="N106998" s="10"/>
    </row>
    <row r="106999" spans="14:14">
      <c r="N106999" s="10"/>
    </row>
    <row r="107000" spans="14:14">
      <c r="N107000" s="10"/>
    </row>
    <row r="107001" spans="14:14">
      <c r="N107001" s="10"/>
    </row>
    <row r="107002" spans="14:14">
      <c r="N107002" s="10"/>
    </row>
    <row r="107003" spans="14:14">
      <c r="N107003" s="10"/>
    </row>
    <row r="107004" spans="14:14">
      <c r="N107004" s="10"/>
    </row>
    <row r="107005" spans="14:14">
      <c r="N107005" s="10"/>
    </row>
    <row r="107006" spans="14:14">
      <c r="N107006" s="10"/>
    </row>
    <row r="107007" spans="14:14">
      <c r="N107007" s="10"/>
    </row>
    <row r="107008" spans="14:14">
      <c r="N107008" s="10"/>
    </row>
    <row r="107009" spans="14:14">
      <c r="N107009" s="10"/>
    </row>
    <row r="107010" spans="14:14">
      <c r="N107010" s="10"/>
    </row>
    <row r="107011" spans="14:14">
      <c r="N107011" s="10"/>
    </row>
    <row r="107012" spans="14:14">
      <c r="N107012" s="10"/>
    </row>
    <row r="107013" spans="14:14">
      <c r="N107013" s="10"/>
    </row>
    <row r="107014" spans="14:14">
      <c r="N107014" s="10"/>
    </row>
    <row r="107015" spans="14:14">
      <c r="N107015" s="10"/>
    </row>
    <row r="107016" spans="14:14">
      <c r="N107016" s="10"/>
    </row>
    <row r="107017" spans="14:14">
      <c r="N107017" s="10"/>
    </row>
    <row r="107018" spans="14:14">
      <c r="N107018" s="10"/>
    </row>
    <row r="107019" spans="14:14">
      <c r="N107019" s="10"/>
    </row>
    <row r="107020" spans="14:14">
      <c r="N107020" s="10"/>
    </row>
    <row r="107021" spans="14:14">
      <c r="N107021" s="10"/>
    </row>
    <row r="107022" spans="14:14">
      <c r="N107022" s="10"/>
    </row>
    <row r="107023" spans="14:14">
      <c r="N107023" s="10"/>
    </row>
    <row r="107024" spans="14:14">
      <c r="N107024" s="10"/>
    </row>
    <row r="107025" spans="14:14">
      <c r="N107025" s="10"/>
    </row>
    <row r="107026" spans="14:14">
      <c r="N107026" s="10"/>
    </row>
    <row r="107027" spans="14:14">
      <c r="N107027" s="10"/>
    </row>
    <row r="107028" spans="14:14">
      <c r="N107028" s="10"/>
    </row>
    <row r="107029" spans="14:14">
      <c r="N107029" s="10"/>
    </row>
    <row r="107030" spans="14:14">
      <c r="N107030" s="10"/>
    </row>
    <row r="107031" spans="14:14">
      <c r="N107031" s="10"/>
    </row>
    <row r="107032" spans="14:14">
      <c r="N107032" s="10"/>
    </row>
    <row r="107033" spans="14:14">
      <c r="N107033" s="10"/>
    </row>
    <row r="107034" spans="14:14">
      <c r="N107034" s="10"/>
    </row>
    <row r="107035" spans="14:14">
      <c r="N107035" s="10"/>
    </row>
    <row r="107036" spans="14:14">
      <c r="N107036" s="10"/>
    </row>
    <row r="107037" spans="14:14">
      <c r="N107037" s="10"/>
    </row>
    <row r="107038" spans="14:14">
      <c r="N107038" s="10"/>
    </row>
    <row r="107039" spans="14:14">
      <c r="N107039" s="10"/>
    </row>
    <row r="107040" spans="14:14">
      <c r="N107040" s="10"/>
    </row>
    <row r="107041" spans="14:14">
      <c r="N107041" s="10"/>
    </row>
    <row r="107042" spans="14:14">
      <c r="N107042" s="10"/>
    </row>
    <row r="107043" spans="14:14">
      <c r="N107043" s="10"/>
    </row>
    <row r="107044" spans="14:14">
      <c r="N107044" s="10"/>
    </row>
    <row r="107045" spans="14:14">
      <c r="N107045" s="10"/>
    </row>
    <row r="107046" spans="14:14">
      <c r="N107046" s="10"/>
    </row>
    <row r="107047" spans="14:14">
      <c r="N107047" s="10"/>
    </row>
    <row r="107048" spans="14:14">
      <c r="N107048" s="10"/>
    </row>
    <row r="107049" spans="14:14">
      <c r="N107049" s="10"/>
    </row>
    <row r="107050" spans="14:14">
      <c r="N107050" s="10"/>
    </row>
    <row r="107051" spans="14:14">
      <c r="N107051" s="10"/>
    </row>
    <row r="107052" spans="14:14">
      <c r="N107052" s="10"/>
    </row>
    <row r="107053" spans="14:14">
      <c r="N107053" s="10"/>
    </row>
    <row r="107054" spans="14:14">
      <c r="N107054" s="10"/>
    </row>
    <row r="107055" spans="14:14">
      <c r="N107055" s="10"/>
    </row>
    <row r="107056" spans="14:14">
      <c r="N107056" s="10"/>
    </row>
    <row r="107057" spans="14:14">
      <c r="N107057" s="10"/>
    </row>
    <row r="107058" spans="14:14">
      <c r="N107058" s="10"/>
    </row>
    <row r="107059" spans="14:14">
      <c r="N107059" s="10"/>
    </row>
    <row r="107060" spans="14:14">
      <c r="N107060" s="10"/>
    </row>
    <row r="107061" spans="14:14">
      <c r="N107061" s="10"/>
    </row>
    <row r="107062" spans="14:14">
      <c r="N107062" s="10"/>
    </row>
    <row r="107063" spans="14:14">
      <c r="N107063" s="10"/>
    </row>
    <row r="107064" spans="14:14">
      <c r="N107064" s="10"/>
    </row>
    <row r="107065" spans="14:14">
      <c r="N107065" s="10"/>
    </row>
    <row r="107066" spans="14:14">
      <c r="N107066" s="10"/>
    </row>
    <row r="107067" spans="14:14">
      <c r="N107067" s="10"/>
    </row>
    <row r="107068" spans="14:14">
      <c r="N107068" s="10"/>
    </row>
    <row r="107069" spans="14:14">
      <c r="N107069" s="10"/>
    </row>
    <row r="107070" spans="14:14">
      <c r="N107070" s="10"/>
    </row>
    <row r="107071" spans="14:14">
      <c r="N107071" s="10"/>
    </row>
    <row r="107072" spans="14:14">
      <c r="N107072" s="10"/>
    </row>
    <row r="107073" spans="14:14">
      <c r="N107073" s="10"/>
    </row>
    <row r="107074" spans="14:14">
      <c r="N107074" s="10"/>
    </row>
    <row r="107075" spans="14:14">
      <c r="N107075" s="10"/>
    </row>
    <row r="107076" spans="14:14">
      <c r="N107076" s="10"/>
    </row>
    <row r="107077" spans="14:14">
      <c r="N107077" s="10"/>
    </row>
    <row r="107078" spans="14:14">
      <c r="N107078" s="10"/>
    </row>
    <row r="107079" spans="14:14">
      <c r="N107079" s="10"/>
    </row>
    <row r="107080" spans="14:14">
      <c r="N107080" s="10"/>
    </row>
    <row r="107081" spans="14:14">
      <c r="N107081" s="10"/>
    </row>
    <row r="107082" spans="14:14">
      <c r="N107082" s="10"/>
    </row>
    <row r="107083" spans="14:14">
      <c r="N107083" s="10"/>
    </row>
    <row r="107084" spans="14:14">
      <c r="N107084" s="10"/>
    </row>
    <row r="107085" spans="14:14">
      <c r="N107085" s="10"/>
    </row>
    <row r="107086" spans="14:14">
      <c r="N107086" s="10"/>
    </row>
    <row r="107087" spans="14:14">
      <c r="N107087" s="10"/>
    </row>
    <row r="107088" spans="14:14">
      <c r="N107088" s="10"/>
    </row>
    <row r="107089" spans="14:14">
      <c r="N107089" s="10"/>
    </row>
    <row r="107090" spans="14:14">
      <c r="N107090" s="10"/>
    </row>
    <row r="107091" spans="14:14">
      <c r="N107091" s="10"/>
    </row>
    <row r="107092" spans="14:14">
      <c r="N107092" s="10"/>
    </row>
    <row r="107093" spans="14:14">
      <c r="N107093" s="10"/>
    </row>
    <row r="107094" spans="14:14">
      <c r="N107094" s="10"/>
    </row>
    <row r="107095" spans="14:14">
      <c r="N107095" s="10"/>
    </row>
    <row r="107096" spans="14:14">
      <c r="N107096" s="10"/>
    </row>
    <row r="107097" spans="14:14">
      <c r="N107097" s="10"/>
    </row>
    <row r="107098" spans="14:14">
      <c r="N107098" s="10"/>
    </row>
    <row r="107099" spans="14:14">
      <c r="N107099" s="10"/>
    </row>
    <row r="107100" spans="14:14">
      <c r="N107100" s="10"/>
    </row>
    <row r="107101" spans="14:14">
      <c r="N107101" s="10"/>
    </row>
    <row r="107102" spans="14:14">
      <c r="N107102" s="10"/>
    </row>
    <row r="107103" spans="14:14">
      <c r="N107103" s="10"/>
    </row>
    <row r="107104" spans="14:14">
      <c r="N107104" s="10"/>
    </row>
    <row r="107105" spans="14:14">
      <c r="N107105" s="10"/>
    </row>
    <row r="107106" spans="14:14">
      <c r="N107106" s="10"/>
    </row>
    <row r="107107" spans="14:14">
      <c r="N107107" s="10"/>
    </row>
    <row r="107108" spans="14:14">
      <c r="N107108" s="10"/>
    </row>
    <row r="107109" spans="14:14">
      <c r="N107109" s="10"/>
    </row>
    <row r="107110" spans="14:14">
      <c r="N107110" s="10"/>
    </row>
    <row r="107111" spans="14:14">
      <c r="N107111" s="10"/>
    </row>
    <row r="107112" spans="14:14">
      <c r="N107112" s="10"/>
    </row>
    <row r="107113" spans="14:14">
      <c r="N107113" s="10"/>
    </row>
    <row r="107114" spans="14:14">
      <c r="N107114" s="10"/>
    </row>
    <row r="107115" spans="14:14">
      <c r="N107115" s="10"/>
    </row>
    <row r="107116" spans="14:14">
      <c r="N107116" s="10"/>
    </row>
    <row r="107117" spans="14:14">
      <c r="N107117" s="10"/>
    </row>
    <row r="107118" spans="14:14">
      <c r="N107118" s="10"/>
    </row>
    <row r="107119" spans="14:14">
      <c r="N107119" s="10"/>
    </row>
    <row r="107120" spans="14:14">
      <c r="N107120" s="10"/>
    </row>
    <row r="107121" spans="14:14">
      <c r="N107121" s="10"/>
    </row>
    <row r="107122" spans="14:14">
      <c r="N107122" s="10"/>
    </row>
    <row r="107123" spans="14:14">
      <c r="N107123" s="10"/>
    </row>
    <row r="107124" spans="14:14">
      <c r="N107124" s="10"/>
    </row>
    <row r="107125" spans="14:14">
      <c r="N107125" s="10"/>
    </row>
    <row r="107126" spans="14:14">
      <c r="N107126" s="10"/>
    </row>
    <row r="107127" spans="14:14">
      <c r="N107127" s="10"/>
    </row>
    <row r="107128" spans="14:14">
      <c r="N107128" s="10"/>
    </row>
    <row r="107129" spans="14:14">
      <c r="N107129" s="10"/>
    </row>
    <row r="107130" spans="14:14">
      <c r="N107130" s="10"/>
    </row>
    <row r="107131" spans="14:14">
      <c r="N107131" s="10"/>
    </row>
    <row r="107132" spans="14:14">
      <c r="N107132" s="10"/>
    </row>
    <row r="107133" spans="14:14">
      <c r="N107133" s="10"/>
    </row>
    <row r="107134" spans="14:14">
      <c r="N107134" s="10"/>
    </row>
    <row r="107135" spans="14:14">
      <c r="N107135" s="10"/>
    </row>
    <row r="107136" spans="14:14">
      <c r="N107136" s="10"/>
    </row>
    <row r="107137" spans="14:14">
      <c r="N107137" s="10"/>
    </row>
    <row r="107138" spans="14:14">
      <c r="N107138" s="10"/>
    </row>
    <row r="107139" spans="14:14">
      <c r="N107139" s="10"/>
    </row>
    <row r="107140" spans="14:14">
      <c r="N107140" s="10"/>
    </row>
    <row r="107141" spans="14:14">
      <c r="N107141" s="10"/>
    </row>
    <row r="107142" spans="14:14">
      <c r="N107142" s="10"/>
    </row>
    <row r="107143" spans="14:14">
      <c r="N107143" s="10"/>
    </row>
    <row r="107144" spans="14:14">
      <c r="N107144" s="10"/>
    </row>
    <row r="107145" spans="14:14">
      <c r="N107145" s="10"/>
    </row>
    <row r="107146" spans="14:14">
      <c r="N107146" s="10"/>
    </row>
    <row r="107147" spans="14:14">
      <c r="N107147" s="10"/>
    </row>
    <row r="107148" spans="14:14">
      <c r="N107148" s="10"/>
    </row>
    <row r="107149" spans="14:14">
      <c r="N107149" s="10"/>
    </row>
    <row r="107150" spans="14:14">
      <c r="N107150" s="10"/>
    </row>
    <row r="107151" spans="14:14">
      <c r="N107151" s="10"/>
    </row>
    <row r="107152" spans="14:14">
      <c r="N107152" s="10"/>
    </row>
    <row r="107153" spans="14:14">
      <c r="N107153" s="10"/>
    </row>
    <row r="107154" spans="14:14">
      <c r="N107154" s="10"/>
    </row>
    <row r="107155" spans="14:14">
      <c r="N107155" s="10"/>
    </row>
    <row r="107156" spans="14:14">
      <c r="N107156" s="10"/>
    </row>
    <row r="107157" spans="14:14">
      <c r="N107157" s="10"/>
    </row>
    <row r="107158" spans="14:14">
      <c r="N107158" s="10"/>
    </row>
    <row r="107159" spans="14:14">
      <c r="N107159" s="10"/>
    </row>
    <row r="107160" spans="14:14">
      <c r="N107160" s="10"/>
    </row>
    <row r="107161" spans="14:14">
      <c r="N107161" s="10"/>
    </row>
    <row r="107162" spans="14:14">
      <c r="N107162" s="10"/>
    </row>
    <row r="107163" spans="14:14">
      <c r="N107163" s="10"/>
    </row>
    <row r="107164" spans="14:14">
      <c r="N107164" s="10"/>
    </row>
    <row r="107165" spans="14:14">
      <c r="N107165" s="10"/>
    </row>
    <row r="107166" spans="14:14">
      <c r="N107166" s="10"/>
    </row>
    <row r="107167" spans="14:14">
      <c r="N107167" s="10"/>
    </row>
    <row r="107168" spans="14:14">
      <c r="N107168" s="10"/>
    </row>
    <row r="107169" spans="14:14">
      <c r="N107169" s="10"/>
    </row>
    <row r="107170" spans="14:14">
      <c r="N107170" s="10"/>
    </row>
    <row r="107171" spans="14:14">
      <c r="N107171" s="10"/>
    </row>
    <row r="107172" spans="14:14">
      <c r="N107172" s="10"/>
    </row>
    <row r="107173" spans="14:14">
      <c r="N107173" s="10"/>
    </row>
    <row r="107174" spans="14:14">
      <c r="N107174" s="10"/>
    </row>
    <row r="107175" spans="14:14">
      <c r="N107175" s="10"/>
    </row>
    <row r="107176" spans="14:14">
      <c r="N107176" s="10"/>
    </row>
    <row r="107177" spans="14:14">
      <c r="N107177" s="10"/>
    </row>
    <row r="107178" spans="14:14">
      <c r="N107178" s="10"/>
    </row>
    <row r="107179" spans="14:14">
      <c r="N107179" s="10"/>
    </row>
    <row r="107180" spans="14:14">
      <c r="N107180" s="10"/>
    </row>
    <row r="107181" spans="14:14">
      <c r="N107181" s="10"/>
    </row>
    <row r="107182" spans="14:14">
      <c r="N107182" s="10"/>
    </row>
    <row r="107183" spans="14:14">
      <c r="N107183" s="10"/>
    </row>
    <row r="107184" spans="14:14">
      <c r="N107184" s="10"/>
    </row>
    <row r="107185" spans="14:14">
      <c r="N107185" s="10"/>
    </row>
    <row r="107186" spans="14:14">
      <c r="N107186" s="10"/>
    </row>
    <row r="107187" spans="14:14">
      <c r="N107187" s="10"/>
    </row>
    <row r="107188" spans="14:14">
      <c r="N107188" s="10"/>
    </row>
    <row r="107189" spans="14:14">
      <c r="N107189" s="10"/>
    </row>
    <row r="107190" spans="14:14">
      <c r="N107190" s="10"/>
    </row>
    <row r="107191" spans="14:14">
      <c r="N107191" s="10"/>
    </row>
    <row r="107192" spans="14:14">
      <c r="N107192" s="10"/>
    </row>
    <row r="107193" spans="14:14">
      <c r="N107193" s="10"/>
    </row>
    <row r="107194" spans="14:14">
      <c r="N107194" s="10"/>
    </row>
    <row r="107195" spans="14:14">
      <c r="N107195" s="10"/>
    </row>
    <row r="107196" spans="14:14">
      <c r="N107196" s="10"/>
    </row>
    <row r="107197" spans="14:14">
      <c r="N107197" s="10"/>
    </row>
    <row r="107198" spans="14:14">
      <c r="N107198" s="10"/>
    </row>
    <row r="107199" spans="14:14">
      <c r="N107199" s="10"/>
    </row>
    <row r="107200" spans="14:14">
      <c r="N107200" s="10"/>
    </row>
    <row r="107201" spans="14:14">
      <c r="N107201" s="10"/>
    </row>
    <row r="107202" spans="14:14">
      <c r="N107202" s="10"/>
    </row>
    <row r="107203" spans="14:14">
      <c r="N107203" s="10"/>
    </row>
    <row r="107204" spans="14:14">
      <c r="N107204" s="10"/>
    </row>
    <row r="107205" spans="14:14">
      <c r="N107205" s="10"/>
    </row>
    <row r="107206" spans="14:14">
      <c r="N107206" s="10"/>
    </row>
    <row r="107207" spans="14:14">
      <c r="N107207" s="10"/>
    </row>
    <row r="107208" spans="14:14">
      <c r="N107208" s="10"/>
    </row>
    <row r="107209" spans="14:14">
      <c r="N107209" s="10"/>
    </row>
    <row r="107210" spans="14:14">
      <c r="N107210" s="10"/>
    </row>
    <row r="107211" spans="14:14">
      <c r="N107211" s="10"/>
    </row>
    <row r="107212" spans="14:14">
      <c r="N107212" s="10"/>
    </row>
    <row r="107213" spans="14:14">
      <c r="N107213" s="10"/>
    </row>
    <row r="107214" spans="14:14">
      <c r="N107214" s="10"/>
    </row>
    <row r="107215" spans="14:14">
      <c r="N107215" s="10"/>
    </row>
    <row r="107216" spans="14:14">
      <c r="N107216" s="10"/>
    </row>
    <row r="107217" spans="14:14">
      <c r="N107217" s="10"/>
    </row>
    <row r="107218" spans="14:14">
      <c r="N107218" s="10"/>
    </row>
    <row r="107219" spans="14:14">
      <c r="N107219" s="10"/>
    </row>
    <row r="107220" spans="14:14">
      <c r="N107220" s="10"/>
    </row>
    <row r="107221" spans="14:14">
      <c r="N107221" s="10"/>
    </row>
    <row r="107222" spans="14:14">
      <c r="N107222" s="10"/>
    </row>
    <row r="107223" spans="14:14">
      <c r="N107223" s="10"/>
    </row>
    <row r="107224" spans="14:14">
      <c r="N107224" s="10"/>
    </row>
    <row r="107225" spans="14:14">
      <c r="N107225" s="10"/>
    </row>
    <row r="107226" spans="14:14">
      <c r="N107226" s="10"/>
    </row>
    <row r="107227" spans="14:14">
      <c r="N107227" s="10"/>
    </row>
    <row r="107228" spans="14:14">
      <c r="N107228" s="10"/>
    </row>
    <row r="107229" spans="14:14">
      <c r="N107229" s="10"/>
    </row>
    <row r="107230" spans="14:14">
      <c r="N107230" s="10"/>
    </row>
    <row r="107231" spans="14:14">
      <c r="N107231" s="10"/>
    </row>
    <row r="107232" spans="14:14">
      <c r="N107232" s="10"/>
    </row>
    <row r="107233" spans="14:14">
      <c r="N107233" s="10"/>
    </row>
    <row r="107234" spans="14:14">
      <c r="N107234" s="10"/>
    </row>
    <row r="107235" spans="14:14">
      <c r="N107235" s="10"/>
    </row>
    <row r="107236" spans="14:14">
      <c r="N107236" s="10"/>
    </row>
    <row r="107237" spans="14:14">
      <c r="N107237" s="10"/>
    </row>
    <row r="107238" spans="14:14">
      <c r="N107238" s="10"/>
    </row>
    <row r="107239" spans="14:14">
      <c r="N107239" s="10"/>
    </row>
    <row r="107240" spans="14:14">
      <c r="N107240" s="10"/>
    </row>
    <row r="107241" spans="14:14">
      <c r="N107241" s="10"/>
    </row>
    <row r="107242" spans="14:14">
      <c r="N107242" s="10"/>
    </row>
    <row r="107243" spans="14:14">
      <c r="N107243" s="10"/>
    </row>
    <row r="107244" spans="14:14">
      <c r="N107244" s="10"/>
    </row>
    <row r="107245" spans="14:14">
      <c r="N107245" s="10"/>
    </row>
    <row r="107246" spans="14:14">
      <c r="N107246" s="10"/>
    </row>
    <row r="107247" spans="14:14">
      <c r="N107247" s="10"/>
    </row>
    <row r="107248" spans="14:14">
      <c r="N107248" s="10"/>
    </row>
    <row r="107249" spans="14:14">
      <c r="N107249" s="10"/>
    </row>
    <row r="107250" spans="14:14">
      <c r="N107250" s="10"/>
    </row>
    <row r="107251" spans="14:14">
      <c r="N107251" s="10"/>
    </row>
    <row r="107252" spans="14:14">
      <c r="N107252" s="10"/>
    </row>
    <row r="107253" spans="14:14">
      <c r="N107253" s="10"/>
    </row>
    <row r="107254" spans="14:14">
      <c r="N107254" s="10"/>
    </row>
    <row r="107255" spans="14:14">
      <c r="N107255" s="10"/>
    </row>
    <row r="107256" spans="14:14">
      <c r="N107256" s="10"/>
    </row>
    <row r="107257" spans="14:14">
      <c r="N107257" s="10"/>
    </row>
    <row r="107258" spans="14:14">
      <c r="N107258" s="10"/>
    </row>
    <row r="107259" spans="14:14">
      <c r="N107259" s="10"/>
    </row>
    <row r="107260" spans="14:14">
      <c r="N107260" s="10"/>
    </row>
    <row r="107261" spans="14:14">
      <c r="N107261" s="10"/>
    </row>
    <row r="107262" spans="14:14">
      <c r="N107262" s="10"/>
    </row>
    <row r="107263" spans="14:14">
      <c r="N107263" s="10"/>
    </row>
    <row r="107264" spans="14:14">
      <c r="N107264" s="10"/>
    </row>
    <row r="107265" spans="14:14">
      <c r="N107265" s="10"/>
    </row>
    <row r="107266" spans="14:14">
      <c r="N107266" s="10"/>
    </row>
    <row r="107267" spans="14:14">
      <c r="N107267" s="10"/>
    </row>
    <row r="107268" spans="14:14">
      <c r="N107268" s="10"/>
    </row>
    <row r="107269" spans="14:14">
      <c r="N107269" s="10"/>
    </row>
    <row r="107270" spans="14:14">
      <c r="N107270" s="10"/>
    </row>
    <row r="107271" spans="14:14">
      <c r="N107271" s="10"/>
    </row>
    <row r="107272" spans="14:14">
      <c r="N107272" s="10"/>
    </row>
    <row r="107273" spans="14:14">
      <c r="N107273" s="10"/>
    </row>
    <row r="107274" spans="14:14">
      <c r="N107274" s="10"/>
    </row>
    <row r="107275" spans="14:14">
      <c r="N107275" s="10"/>
    </row>
    <row r="107276" spans="14:14">
      <c r="N107276" s="10"/>
    </row>
    <row r="107277" spans="14:14">
      <c r="N107277" s="10"/>
    </row>
    <row r="107278" spans="14:14">
      <c r="N107278" s="10"/>
    </row>
    <row r="107279" spans="14:14">
      <c r="N107279" s="10"/>
    </row>
    <row r="107280" spans="14:14">
      <c r="N107280" s="10"/>
    </row>
    <row r="107281" spans="14:14">
      <c r="N107281" s="10"/>
    </row>
    <row r="107282" spans="14:14">
      <c r="N107282" s="10"/>
    </row>
    <row r="107283" spans="14:14">
      <c r="N107283" s="10"/>
    </row>
    <row r="107284" spans="14:14">
      <c r="N107284" s="10"/>
    </row>
    <row r="107285" spans="14:14">
      <c r="N107285" s="10"/>
    </row>
    <row r="107286" spans="14:14">
      <c r="N107286" s="10"/>
    </row>
    <row r="107287" spans="14:14">
      <c r="N107287" s="10"/>
    </row>
    <row r="107288" spans="14:14">
      <c r="N107288" s="10"/>
    </row>
    <row r="107289" spans="14:14">
      <c r="N107289" s="10"/>
    </row>
    <row r="107290" spans="14:14">
      <c r="N107290" s="10"/>
    </row>
    <row r="107291" spans="14:14">
      <c r="N107291" s="10"/>
    </row>
    <row r="107292" spans="14:14">
      <c r="N107292" s="10"/>
    </row>
    <row r="107293" spans="14:14">
      <c r="N107293" s="10"/>
    </row>
    <row r="107294" spans="14:14">
      <c r="N107294" s="10"/>
    </row>
    <row r="107295" spans="14:14">
      <c r="N107295" s="10"/>
    </row>
    <row r="107296" spans="14:14">
      <c r="N107296" s="10"/>
    </row>
    <row r="107297" spans="14:14">
      <c r="N107297" s="10"/>
    </row>
    <row r="107298" spans="14:14">
      <c r="N107298" s="10"/>
    </row>
    <row r="107299" spans="14:14">
      <c r="N107299" s="10"/>
    </row>
    <row r="107300" spans="14:14">
      <c r="N107300" s="10"/>
    </row>
    <row r="107301" spans="14:14">
      <c r="N107301" s="10"/>
    </row>
    <row r="107302" spans="14:14">
      <c r="N107302" s="10"/>
    </row>
    <row r="107303" spans="14:14">
      <c r="N107303" s="10"/>
    </row>
    <row r="107304" spans="14:14">
      <c r="N107304" s="10"/>
    </row>
    <row r="107305" spans="14:14">
      <c r="N107305" s="10"/>
    </row>
    <row r="107306" spans="14:14">
      <c r="N107306" s="10"/>
    </row>
    <row r="107307" spans="14:14">
      <c r="N107307" s="10"/>
    </row>
    <row r="107308" spans="14:14">
      <c r="N107308" s="10"/>
    </row>
    <row r="107309" spans="14:14">
      <c r="N107309" s="10"/>
    </row>
    <row r="107310" spans="14:14">
      <c r="N107310" s="10"/>
    </row>
    <row r="107311" spans="14:14">
      <c r="N107311" s="10"/>
    </row>
    <row r="107312" spans="14:14">
      <c r="N107312" s="10"/>
    </row>
    <row r="107313" spans="14:14">
      <c r="N107313" s="10"/>
    </row>
    <row r="107314" spans="14:14">
      <c r="N107314" s="10"/>
    </row>
    <row r="107315" spans="14:14">
      <c r="N107315" s="10"/>
    </row>
    <row r="107316" spans="14:14">
      <c r="N107316" s="10"/>
    </row>
    <row r="107317" spans="14:14">
      <c r="N107317" s="10"/>
    </row>
    <row r="107318" spans="14:14">
      <c r="N107318" s="10"/>
    </row>
    <row r="107319" spans="14:14">
      <c r="N107319" s="10"/>
    </row>
    <row r="107320" spans="14:14">
      <c r="N107320" s="10"/>
    </row>
    <row r="107321" spans="14:14">
      <c r="N107321" s="10"/>
    </row>
    <row r="107322" spans="14:14">
      <c r="N107322" s="10"/>
    </row>
    <row r="107323" spans="14:14">
      <c r="N107323" s="10"/>
    </row>
    <row r="107324" spans="14:14">
      <c r="N107324" s="10"/>
    </row>
    <row r="107325" spans="14:14">
      <c r="N107325" s="10"/>
    </row>
    <row r="107326" spans="14:14">
      <c r="N107326" s="10"/>
    </row>
    <row r="107327" spans="14:14">
      <c r="N107327" s="10"/>
    </row>
    <row r="107328" spans="14:14">
      <c r="N107328" s="10"/>
    </row>
    <row r="107329" spans="14:14">
      <c r="N107329" s="10"/>
    </row>
    <row r="107330" spans="14:14">
      <c r="N107330" s="10"/>
    </row>
    <row r="107331" spans="14:14">
      <c r="N107331" s="10"/>
    </row>
    <row r="107332" spans="14:14">
      <c r="N107332" s="10"/>
    </row>
    <row r="107333" spans="14:14">
      <c r="N107333" s="10"/>
    </row>
    <row r="107334" spans="14:14">
      <c r="N107334" s="10"/>
    </row>
    <row r="107335" spans="14:14">
      <c r="N107335" s="10"/>
    </row>
    <row r="107336" spans="14:14">
      <c r="N107336" s="10"/>
    </row>
    <row r="107337" spans="14:14">
      <c r="N107337" s="10"/>
    </row>
    <row r="107338" spans="14:14">
      <c r="N107338" s="10"/>
    </row>
    <row r="107339" spans="14:14">
      <c r="N107339" s="10"/>
    </row>
    <row r="107340" spans="14:14">
      <c r="N107340" s="10"/>
    </row>
    <row r="107341" spans="14:14">
      <c r="N107341" s="10"/>
    </row>
    <row r="107342" spans="14:14">
      <c r="N107342" s="10"/>
    </row>
    <row r="107343" spans="14:14">
      <c r="N107343" s="10"/>
    </row>
    <row r="107344" spans="14:14">
      <c r="N107344" s="10"/>
    </row>
    <row r="107345" spans="14:14">
      <c r="N107345" s="10"/>
    </row>
    <row r="107346" spans="14:14">
      <c r="N107346" s="10"/>
    </row>
    <row r="107347" spans="14:14">
      <c r="N107347" s="10"/>
    </row>
    <row r="107348" spans="14:14">
      <c r="N107348" s="10"/>
    </row>
    <row r="107349" spans="14:14">
      <c r="N107349" s="10"/>
    </row>
    <row r="107350" spans="14:14">
      <c r="N107350" s="10"/>
    </row>
    <row r="107351" spans="14:14">
      <c r="N107351" s="10"/>
    </row>
    <row r="107352" spans="14:14">
      <c r="N107352" s="10"/>
    </row>
    <row r="107353" spans="14:14">
      <c r="N107353" s="10"/>
    </row>
    <row r="107354" spans="14:14">
      <c r="N107354" s="10"/>
    </row>
    <row r="107355" spans="14:14">
      <c r="N107355" s="10"/>
    </row>
    <row r="107356" spans="14:14">
      <c r="N107356" s="10"/>
    </row>
    <row r="107357" spans="14:14">
      <c r="N107357" s="10"/>
    </row>
    <row r="107358" spans="14:14">
      <c r="N107358" s="10"/>
    </row>
    <row r="107359" spans="14:14">
      <c r="N107359" s="10"/>
    </row>
    <row r="107360" spans="14:14">
      <c r="N107360" s="10"/>
    </row>
    <row r="107361" spans="14:14">
      <c r="N107361" s="10"/>
    </row>
    <row r="107362" spans="14:14">
      <c r="N107362" s="10"/>
    </row>
    <row r="107363" spans="14:14">
      <c r="N107363" s="10"/>
    </row>
    <row r="107364" spans="14:14">
      <c r="N107364" s="10"/>
    </row>
    <row r="107365" spans="14:14">
      <c r="N107365" s="10"/>
    </row>
    <row r="107366" spans="14:14">
      <c r="N107366" s="10"/>
    </row>
    <row r="107367" spans="14:14">
      <c r="N107367" s="10"/>
    </row>
    <row r="107368" spans="14:14">
      <c r="N107368" s="10"/>
    </row>
    <row r="107369" spans="14:14">
      <c r="N107369" s="10"/>
    </row>
    <row r="107370" spans="14:14">
      <c r="N107370" s="10"/>
    </row>
    <row r="107371" spans="14:14">
      <c r="N107371" s="10"/>
    </row>
    <row r="107372" spans="14:14">
      <c r="N107372" s="10"/>
    </row>
    <row r="107373" spans="14:14">
      <c r="N107373" s="10"/>
    </row>
    <row r="107374" spans="14:14">
      <c r="N107374" s="10"/>
    </row>
    <row r="107375" spans="14:14">
      <c r="N107375" s="10"/>
    </row>
    <row r="107376" spans="14:14">
      <c r="N107376" s="10"/>
    </row>
    <row r="107377" spans="14:14">
      <c r="N107377" s="10"/>
    </row>
    <row r="107378" spans="14:14">
      <c r="N107378" s="10"/>
    </row>
    <row r="107379" spans="14:14">
      <c r="N107379" s="10"/>
    </row>
    <row r="107380" spans="14:14">
      <c r="N107380" s="10"/>
    </row>
    <row r="107381" spans="14:14">
      <c r="N107381" s="10"/>
    </row>
    <row r="107382" spans="14:14">
      <c r="N107382" s="10"/>
    </row>
    <row r="107383" spans="14:14">
      <c r="N107383" s="10"/>
    </row>
    <row r="107384" spans="14:14">
      <c r="N107384" s="10"/>
    </row>
    <row r="107385" spans="14:14">
      <c r="N107385" s="10"/>
    </row>
    <row r="107386" spans="14:14">
      <c r="N107386" s="10"/>
    </row>
    <row r="107387" spans="14:14">
      <c r="N107387" s="10"/>
    </row>
    <row r="107388" spans="14:14">
      <c r="N107388" s="10"/>
    </row>
    <row r="107389" spans="14:14">
      <c r="N107389" s="10"/>
    </row>
    <row r="107390" spans="14:14">
      <c r="N107390" s="10"/>
    </row>
    <row r="107391" spans="14:14">
      <c r="N107391" s="10"/>
    </row>
    <row r="107392" spans="14:14">
      <c r="N107392" s="10"/>
    </row>
    <row r="107393" spans="14:14">
      <c r="N107393" s="10"/>
    </row>
    <row r="107394" spans="14:14">
      <c r="N107394" s="10"/>
    </row>
    <row r="107395" spans="14:14">
      <c r="N107395" s="10"/>
    </row>
    <row r="107396" spans="14:14">
      <c r="N107396" s="10"/>
    </row>
    <row r="107397" spans="14:14">
      <c r="N107397" s="10"/>
    </row>
    <row r="107398" spans="14:14">
      <c r="N107398" s="10"/>
    </row>
    <row r="107399" spans="14:14">
      <c r="N107399" s="10"/>
    </row>
    <row r="107400" spans="14:14">
      <c r="N107400" s="10"/>
    </row>
    <row r="107401" spans="14:14">
      <c r="N107401" s="10"/>
    </row>
    <row r="107402" spans="14:14">
      <c r="N107402" s="10"/>
    </row>
    <row r="107403" spans="14:14">
      <c r="N107403" s="10"/>
    </row>
    <row r="107404" spans="14:14">
      <c r="N107404" s="10"/>
    </row>
    <row r="107405" spans="14:14">
      <c r="N107405" s="10"/>
    </row>
    <row r="107406" spans="14:14">
      <c r="N107406" s="10"/>
    </row>
    <row r="107407" spans="14:14">
      <c r="N107407" s="10"/>
    </row>
    <row r="107408" spans="14:14">
      <c r="N107408" s="10"/>
    </row>
    <row r="107409" spans="14:14">
      <c r="N107409" s="10"/>
    </row>
    <row r="107410" spans="14:14">
      <c r="N107410" s="10"/>
    </row>
    <row r="107411" spans="14:14">
      <c r="N107411" s="10"/>
    </row>
    <row r="107412" spans="14:14">
      <c r="N107412" s="10"/>
    </row>
    <row r="107413" spans="14:14">
      <c r="N107413" s="10"/>
    </row>
    <row r="107414" spans="14:14">
      <c r="N107414" s="10"/>
    </row>
    <row r="107415" spans="14:14">
      <c r="N107415" s="10"/>
    </row>
    <row r="107416" spans="14:14">
      <c r="N107416" s="10"/>
    </row>
    <row r="107417" spans="14:14">
      <c r="N107417" s="10"/>
    </row>
    <row r="107418" spans="14:14">
      <c r="N107418" s="10"/>
    </row>
    <row r="107419" spans="14:14">
      <c r="N107419" s="10"/>
    </row>
    <row r="107420" spans="14:14">
      <c r="N107420" s="10"/>
    </row>
    <row r="107421" spans="14:14">
      <c r="N107421" s="10"/>
    </row>
    <row r="107422" spans="14:14">
      <c r="N107422" s="10"/>
    </row>
    <row r="107423" spans="14:14">
      <c r="N107423" s="10"/>
    </row>
    <row r="107424" spans="14:14">
      <c r="N107424" s="10"/>
    </row>
    <row r="107425" spans="14:14">
      <c r="N107425" s="10"/>
    </row>
    <row r="107426" spans="14:14">
      <c r="N107426" s="10"/>
    </row>
    <row r="107427" spans="14:14">
      <c r="N107427" s="10"/>
    </row>
    <row r="107428" spans="14:14">
      <c r="N107428" s="10"/>
    </row>
    <row r="107429" spans="14:14">
      <c r="N107429" s="10"/>
    </row>
    <row r="107430" spans="14:14">
      <c r="N107430" s="10"/>
    </row>
    <row r="107431" spans="14:14">
      <c r="N107431" s="10"/>
    </row>
    <row r="107432" spans="14:14">
      <c r="N107432" s="10"/>
    </row>
    <row r="107433" spans="14:14">
      <c r="N107433" s="10"/>
    </row>
    <row r="107434" spans="14:14">
      <c r="N107434" s="10"/>
    </row>
    <row r="107435" spans="14:14">
      <c r="N107435" s="10"/>
    </row>
    <row r="107436" spans="14:14">
      <c r="N107436" s="10"/>
    </row>
    <row r="107437" spans="14:14">
      <c r="N107437" s="10"/>
    </row>
    <row r="107438" spans="14:14">
      <c r="N107438" s="10"/>
    </row>
    <row r="107439" spans="14:14">
      <c r="N107439" s="10"/>
    </row>
    <row r="107440" spans="14:14">
      <c r="N107440" s="10"/>
    </row>
    <row r="107441" spans="14:14">
      <c r="N107441" s="10"/>
    </row>
    <row r="107442" spans="14:14">
      <c r="N107442" s="10"/>
    </row>
    <row r="107443" spans="14:14">
      <c r="N107443" s="10"/>
    </row>
    <row r="107444" spans="14:14">
      <c r="N107444" s="10"/>
    </row>
    <row r="107445" spans="14:14">
      <c r="N107445" s="10"/>
    </row>
    <row r="107446" spans="14:14">
      <c r="N107446" s="10"/>
    </row>
    <row r="107447" spans="14:14">
      <c r="N107447" s="10"/>
    </row>
    <row r="107448" spans="14:14">
      <c r="N107448" s="10"/>
    </row>
    <row r="107449" spans="14:14">
      <c r="N107449" s="10"/>
    </row>
    <row r="107450" spans="14:14">
      <c r="N107450" s="10"/>
    </row>
    <row r="107451" spans="14:14">
      <c r="N107451" s="10"/>
    </row>
    <row r="107452" spans="14:14">
      <c r="N107452" s="10"/>
    </row>
    <row r="107453" spans="14:14">
      <c r="N107453" s="10"/>
    </row>
    <row r="107454" spans="14:14">
      <c r="N107454" s="10"/>
    </row>
    <row r="107455" spans="14:14">
      <c r="N107455" s="10"/>
    </row>
    <row r="107456" spans="14:14">
      <c r="N107456" s="10"/>
    </row>
    <row r="107457" spans="14:14">
      <c r="N107457" s="10"/>
    </row>
    <row r="107458" spans="14:14">
      <c r="N107458" s="10"/>
    </row>
    <row r="107459" spans="14:14">
      <c r="N107459" s="10"/>
    </row>
    <row r="107460" spans="14:14">
      <c r="N107460" s="10"/>
    </row>
    <row r="107461" spans="14:14">
      <c r="N107461" s="10"/>
    </row>
    <row r="107462" spans="14:14">
      <c r="N107462" s="10"/>
    </row>
    <row r="107463" spans="14:14">
      <c r="N107463" s="10"/>
    </row>
    <row r="107464" spans="14:14">
      <c r="N107464" s="10"/>
    </row>
    <row r="107465" spans="14:14">
      <c r="N107465" s="10"/>
    </row>
    <row r="107466" spans="14:14">
      <c r="N107466" s="10"/>
    </row>
    <row r="107467" spans="14:14">
      <c r="N107467" s="10"/>
    </row>
    <row r="107468" spans="14:14">
      <c r="N107468" s="10"/>
    </row>
    <row r="107469" spans="14:14">
      <c r="N107469" s="10"/>
    </row>
    <row r="107470" spans="14:14">
      <c r="N107470" s="10"/>
    </row>
    <row r="107471" spans="14:14">
      <c r="N107471" s="10"/>
    </row>
    <row r="107472" spans="14:14">
      <c r="N107472" s="10"/>
    </row>
    <row r="107473" spans="14:14">
      <c r="N107473" s="10"/>
    </row>
    <row r="107474" spans="14:14">
      <c r="N107474" s="10"/>
    </row>
    <row r="107475" spans="14:14">
      <c r="N107475" s="10"/>
    </row>
    <row r="107476" spans="14:14">
      <c r="N107476" s="10"/>
    </row>
    <row r="107477" spans="14:14">
      <c r="N107477" s="10"/>
    </row>
    <row r="107478" spans="14:14">
      <c r="N107478" s="10"/>
    </row>
    <row r="107479" spans="14:14">
      <c r="N107479" s="10"/>
    </row>
    <row r="107480" spans="14:14">
      <c r="N107480" s="10"/>
    </row>
    <row r="107481" spans="14:14">
      <c r="N107481" s="10"/>
    </row>
    <row r="107482" spans="14:14">
      <c r="N107482" s="10"/>
    </row>
    <row r="107483" spans="14:14">
      <c r="N107483" s="10"/>
    </row>
    <row r="107484" spans="14:14">
      <c r="N107484" s="10"/>
    </row>
    <row r="107485" spans="14:14">
      <c r="N107485" s="10"/>
    </row>
    <row r="107486" spans="14:14">
      <c r="N107486" s="10"/>
    </row>
    <row r="107487" spans="14:14">
      <c r="N107487" s="10"/>
    </row>
    <row r="107488" spans="14:14">
      <c r="N107488" s="10"/>
    </row>
    <row r="107489" spans="14:14">
      <c r="N107489" s="10"/>
    </row>
    <row r="107490" spans="14:14">
      <c r="N107490" s="10"/>
    </row>
    <row r="107491" spans="14:14">
      <c r="N107491" s="10"/>
    </row>
    <row r="107492" spans="14:14">
      <c r="N107492" s="10"/>
    </row>
    <row r="107493" spans="14:14">
      <c r="N107493" s="10"/>
    </row>
    <row r="107494" spans="14:14">
      <c r="N107494" s="10"/>
    </row>
    <row r="107495" spans="14:14">
      <c r="N107495" s="10"/>
    </row>
    <row r="107496" spans="14:14">
      <c r="N107496" s="10"/>
    </row>
    <row r="107497" spans="14:14">
      <c r="N107497" s="10"/>
    </row>
    <row r="107498" spans="14:14">
      <c r="N107498" s="10"/>
    </row>
    <row r="107499" spans="14:14">
      <c r="N107499" s="10"/>
    </row>
    <row r="107500" spans="14:14">
      <c r="N107500" s="10"/>
    </row>
    <row r="107501" spans="14:14">
      <c r="N107501" s="10"/>
    </row>
    <row r="107502" spans="14:14">
      <c r="N107502" s="10"/>
    </row>
    <row r="107503" spans="14:14">
      <c r="N107503" s="10"/>
    </row>
    <row r="107504" spans="14:14">
      <c r="N107504" s="10"/>
    </row>
    <row r="107505" spans="14:14">
      <c r="N107505" s="10"/>
    </row>
    <row r="107506" spans="14:14">
      <c r="N107506" s="10"/>
    </row>
    <row r="107507" spans="14:14">
      <c r="N107507" s="10"/>
    </row>
    <row r="107508" spans="14:14">
      <c r="N107508" s="10"/>
    </row>
    <row r="107509" spans="14:14">
      <c r="N107509" s="10"/>
    </row>
    <row r="107510" spans="14:14">
      <c r="N107510" s="10"/>
    </row>
    <row r="107511" spans="14:14">
      <c r="N107511" s="10"/>
    </row>
    <row r="107512" spans="14:14">
      <c r="N107512" s="10"/>
    </row>
    <row r="107513" spans="14:14">
      <c r="N107513" s="10"/>
    </row>
    <row r="107514" spans="14:14">
      <c r="N107514" s="10"/>
    </row>
    <row r="107515" spans="14:14">
      <c r="N107515" s="10"/>
    </row>
    <row r="107516" spans="14:14">
      <c r="N107516" s="10"/>
    </row>
    <row r="107517" spans="14:14">
      <c r="N107517" s="10"/>
    </row>
    <row r="107518" spans="14:14">
      <c r="N107518" s="10"/>
    </row>
    <row r="107519" spans="14:14">
      <c r="N107519" s="10"/>
    </row>
    <row r="107520" spans="14:14">
      <c r="N107520" s="10"/>
    </row>
    <row r="107521" spans="14:14">
      <c r="N107521" s="10"/>
    </row>
    <row r="107522" spans="14:14">
      <c r="N107522" s="10"/>
    </row>
    <row r="107523" spans="14:14">
      <c r="N107523" s="10"/>
    </row>
    <row r="107524" spans="14:14">
      <c r="N107524" s="10"/>
    </row>
    <row r="107525" spans="14:14">
      <c r="N107525" s="10"/>
    </row>
    <row r="107526" spans="14:14">
      <c r="N107526" s="10"/>
    </row>
    <row r="107527" spans="14:14">
      <c r="N107527" s="10"/>
    </row>
    <row r="107528" spans="14:14">
      <c r="N107528" s="10"/>
    </row>
    <row r="107529" spans="14:14">
      <c r="N107529" s="10"/>
    </row>
    <row r="107530" spans="14:14">
      <c r="N107530" s="10"/>
    </row>
    <row r="107531" spans="14:14">
      <c r="N107531" s="10"/>
    </row>
    <row r="107532" spans="14:14">
      <c r="N107532" s="10"/>
    </row>
    <row r="107533" spans="14:14">
      <c r="N107533" s="10"/>
    </row>
    <row r="107534" spans="14:14">
      <c r="N107534" s="10"/>
    </row>
    <row r="107535" spans="14:14">
      <c r="N107535" s="10"/>
    </row>
    <row r="107536" spans="14:14">
      <c r="N107536" s="10"/>
    </row>
    <row r="107537" spans="14:14">
      <c r="N107537" s="10"/>
    </row>
    <row r="107538" spans="14:14">
      <c r="N107538" s="10"/>
    </row>
    <row r="107539" spans="14:14">
      <c r="N107539" s="10"/>
    </row>
    <row r="107540" spans="14:14">
      <c r="N107540" s="10"/>
    </row>
    <row r="107541" spans="14:14">
      <c r="N107541" s="10"/>
    </row>
    <row r="107542" spans="14:14">
      <c r="N107542" s="10"/>
    </row>
    <row r="107543" spans="14:14">
      <c r="N107543" s="10"/>
    </row>
    <row r="107544" spans="14:14">
      <c r="N107544" s="10"/>
    </row>
    <row r="107545" spans="14:14">
      <c r="N107545" s="10"/>
    </row>
    <row r="107546" spans="14:14">
      <c r="N107546" s="10"/>
    </row>
    <row r="107547" spans="14:14">
      <c r="N107547" s="10"/>
    </row>
    <row r="107548" spans="14:14">
      <c r="N107548" s="10"/>
    </row>
    <row r="107549" spans="14:14">
      <c r="N107549" s="10"/>
    </row>
    <row r="107550" spans="14:14">
      <c r="N107550" s="10"/>
    </row>
    <row r="107551" spans="14:14">
      <c r="N107551" s="10"/>
    </row>
    <row r="107552" spans="14:14">
      <c r="N107552" s="10"/>
    </row>
    <row r="107553" spans="14:14">
      <c r="N107553" s="10"/>
    </row>
    <row r="107554" spans="14:14">
      <c r="N107554" s="10"/>
    </row>
    <row r="107555" spans="14:14">
      <c r="N107555" s="10"/>
    </row>
    <row r="107556" spans="14:14">
      <c r="N107556" s="10"/>
    </row>
    <row r="107557" spans="14:14">
      <c r="N107557" s="10"/>
    </row>
    <row r="107558" spans="14:14">
      <c r="N107558" s="10"/>
    </row>
    <row r="107559" spans="14:14">
      <c r="N107559" s="10"/>
    </row>
    <row r="107560" spans="14:14">
      <c r="N107560" s="10"/>
    </row>
    <row r="107561" spans="14:14">
      <c r="N107561" s="10"/>
    </row>
    <row r="107562" spans="14:14">
      <c r="N107562" s="10"/>
    </row>
    <row r="107563" spans="14:14">
      <c r="N107563" s="10"/>
    </row>
    <row r="107564" spans="14:14">
      <c r="N107564" s="10"/>
    </row>
    <row r="107565" spans="14:14">
      <c r="N107565" s="10"/>
    </row>
    <row r="107566" spans="14:14">
      <c r="N107566" s="10"/>
    </row>
    <row r="107567" spans="14:14">
      <c r="N107567" s="10"/>
    </row>
    <row r="107568" spans="14:14">
      <c r="N107568" s="10"/>
    </row>
    <row r="107569" spans="14:14">
      <c r="N107569" s="10"/>
    </row>
    <row r="107570" spans="14:14">
      <c r="N107570" s="10"/>
    </row>
    <row r="107571" spans="14:14">
      <c r="N107571" s="10"/>
    </row>
    <row r="107572" spans="14:14">
      <c r="N107572" s="10"/>
    </row>
    <row r="107573" spans="14:14">
      <c r="N107573" s="10"/>
    </row>
    <row r="107574" spans="14:14">
      <c r="N107574" s="10"/>
    </row>
    <row r="107575" spans="14:14">
      <c r="N107575" s="10"/>
    </row>
    <row r="107576" spans="14:14">
      <c r="N107576" s="10"/>
    </row>
    <row r="107577" spans="14:14">
      <c r="N107577" s="10"/>
    </row>
    <row r="107578" spans="14:14">
      <c r="N107578" s="10"/>
    </row>
    <row r="107579" spans="14:14">
      <c r="N107579" s="10"/>
    </row>
    <row r="107580" spans="14:14">
      <c r="N107580" s="10"/>
    </row>
    <row r="107581" spans="14:14">
      <c r="N107581" s="10"/>
    </row>
    <row r="107582" spans="14:14">
      <c r="N107582" s="10"/>
    </row>
    <row r="107583" spans="14:14">
      <c r="N107583" s="10"/>
    </row>
    <row r="107584" spans="14:14">
      <c r="N107584" s="10"/>
    </row>
    <row r="107585" spans="14:14">
      <c r="N107585" s="10"/>
    </row>
    <row r="107586" spans="14:14">
      <c r="N107586" s="10"/>
    </row>
    <row r="107587" spans="14:14">
      <c r="N107587" s="10"/>
    </row>
    <row r="107588" spans="14:14">
      <c r="N107588" s="10"/>
    </row>
    <row r="107589" spans="14:14">
      <c r="N107589" s="10"/>
    </row>
    <row r="107590" spans="14:14">
      <c r="N107590" s="10"/>
    </row>
    <row r="107591" spans="14:14">
      <c r="N107591" s="10"/>
    </row>
    <row r="107592" spans="14:14">
      <c r="N107592" s="10"/>
    </row>
    <row r="107593" spans="14:14">
      <c r="N107593" s="10"/>
    </row>
    <row r="107594" spans="14:14">
      <c r="N107594" s="10"/>
    </row>
    <row r="107595" spans="14:14">
      <c r="N107595" s="10"/>
    </row>
    <row r="107596" spans="14:14">
      <c r="N107596" s="10"/>
    </row>
    <row r="107597" spans="14:14">
      <c r="N107597" s="10"/>
    </row>
    <row r="107598" spans="14:14">
      <c r="N107598" s="10"/>
    </row>
    <row r="107599" spans="14:14">
      <c r="N107599" s="10"/>
    </row>
    <row r="107600" spans="14:14">
      <c r="N107600" s="10"/>
    </row>
    <row r="107601" spans="14:14">
      <c r="N107601" s="10"/>
    </row>
    <row r="107602" spans="14:14">
      <c r="N107602" s="10"/>
    </row>
    <row r="107603" spans="14:14">
      <c r="N107603" s="10"/>
    </row>
    <row r="107604" spans="14:14">
      <c r="N107604" s="10"/>
    </row>
    <row r="107605" spans="14:14">
      <c r="N107605" s="10"/>
    </row>
    <row r="107606" spans="14:14">
      <c r="N107606" s="10"/>
    </row>
    <row r="107607" spans="14:14">
      <c r="N107607" s="10"/>
    </row>
    <row r="107608" spans="14:14">
      <c r="N107608" s="10"/>
    </row>
    <row r="107609" spans="14:14">
      <c r="N107609" s="10"/>
    </row>
    <row r="107610" spans="14:14">
      <c r="N107610" s="10"/>
    </row>
    <row r="107611" spans="14:14">
      <c r="N107611" s="10"/>
    </row>
    <row r="107612" spans="14:14">
      <c r="N107612" s="10"/>
    </row>
    <row r="107613" spans="14:14">
      <c r="N107613" s="10"/>
    </row>
    <row r="107614" spans="14:14">
      <c r="N107614" s="10"/>
    </row>
    <row r="107615" spans="14:14">
      <c r="N107615" s="10"/>
    </row>
    <row r="107616" spans="14:14">
      <c r="N107616" s="10"/>
    </row>
    <row r="107617" spans="14:14">
      <c r="N107617" s="10"/>
    </row>
    <row r="107618" spans="14:14">
      <c r="N107618" s="10"/>
    </row>
    <row r="107619" spans="14:14">
      <c r="N107619" s="10"/>
    </row>
    <row r="107620" spans="14:14">
      <c r="N107620" s="10"/>
    </row>
    <row r="107621" spans="14:14">
      <c r="N107621" s="10"/>
    </row>
    <row r="107622" spans="14:14">
      <c r="N107622" s="10"/>
    </row>
    <row r="107623" spans="14:14">
      <c r="N107623" s="10"/>
    </row>
    <row r="107624" spans="14:14">
      <c r="N107624" s="10"/>
    </row>
    <row r="107625" spans="14:14">
      <c r="N107625" s="10"/>
    </row>
    <row r="107626" spans="14:14">
      <c r="N107626" s="10"/>
    </row>
    <row r="107627" spans="14:14">
      <c r="N107627" s="10"/>
    </row>
    <row r="107628" spans="14:14">
      <c r="N107628" s="10"/>
    </row>
    <row r="107629" spans="14:14">
      <c r="N107629" s="10"/>
    </row>
    <row r="107630" spans="14:14">
      <c r="N107630" s="10"/>
    </row>
    <row r="107631" spans="14:14">
      <c r="N107631" s="10"/>
    </row>
    <row r="107632" spans="14:14">
      <c r="N107632" s="10"/>
    </row>
    <row r="107633" spans="14:14">
      <c r="N107633" s="10"/>
    </row>
    <row r="107634" spans="14:14">
      <c r="N107634" s="10"/>
    </row>
    <row r="107635" spans="14:14">
      <c r="N107635" s="10"/>
    </row>
    <row r="107636" spans="14:14">
      <c r="N107636" s="10"/>
    </row>
    <row r="107637" spans="14:14">
      <c r="N107637" s="10"/>
    </row>
    <row r="107638" spans="14:14">
      <c r="N107638" s="10"/>
    </row>
    <row r="107639" spans="14:14">
      <c r="N107639" s="10"/>
    </row>
    <row r="107640" spans="14:14">
      <c r="N107640" s="10"/>
    </row>
    <row r="107641" spans="14:14">
      <c r="N107641" s="10"/>
    </row>
    <row r="107642" spans="14:14">
      <c r="N107642" s="10"/>
    </row>
    <row r="107643" spans="14:14">
      <c r="N107643" s="10"/>
    </row>
    <row r="107644" spans="14:14">
      <c r="N107644" s="10"/>
    </row>
    <row r="107645" spans="14:14">
      <c r="N107645" s="10"/>
    </row>
    <row r="107646" spans="14:14">
      <c r="N107646" s="10"/>
    </row>
    <row r="107647" spans="14:14">
      <c r="N107647" s="10"/>
    </row>
    <row r="107648" spans="14:14">
      <c r="N107648" s="10"/>
    </row>
    <row r="107649" spans="14:14">
      <c r="N107649" s="10"/>
    </row>
    <row r="107650" spans="14:14">
      <c r="N107650" s="10"/>
    </row>
    <row r="107651" spans="14:14">
      <c r="N107651" s="10"/>
    </row>
    <row r="107652" spans="14:14">
      <c r="N107652" s="10"/>
    </row>
    <row r="107653" spans="14:14">
      <c r="N107653" s="10"/>
    </row>
    <row r="107654" spans="14:14">
      <c r="N107654" s="10"/>
    </row>
    <row r="107655" spans="14:14">
      <c r="N107655" s="10"/>
    </row>
    <row r="107656" spans="14:14">
      <c r="N107656" s="10"/>
    </row>
    <row r="107657" spans="14:14">
      <c r="N107657" s="10"/>
    </row>
    <row r="107658" spans="14:14">
      <c r="N107658" s="10"/>
    </row>
    <row r="107659" spans="14:14">
      <c r="N107659" s="10"/>
    </row>
    <row r="107660" spans="14:14">
      <c r="N107660" s="10"/>
    </row>
    <row r="107661" spans="14:14">
      <c r="N107661" s="10"/>
    </row>
    <row r="107662" spans="14:14">
      <c r="N107662" s="10"/>
    </row>
    <row r="107663" spans="14:14">
      <c r="N107663" s="10"/>
    </row>
    <row r="107664" spans="14:14">
      <c r="N107664" s="10"/>
    </row>
    <row r="107665" spans="14:14">
      <c r="N107665" s="10"/>
    </row>
    <row r="107666" spans="14:14">
      <c r="N107666" s="10"/>
    </row>
    <row r="107667" spans="14:14">
      <c r="N107667" s="10"/>
    </row>
    <row r="107668" spans="14:14">
      <c r="N107668" s="10"/>
    </row>
    <row r="107669" spans="14:14">
      <c r="N107669" s="10"/>
    </row>
    <row r="107670" spans="14:14">
      <c r="N107670" s="10"/>
    </row>
    <row r="107671" spans="14:14">
      <c r="N107671" s="10"/>
    </row>
    <row r="107672" spans="14:14">
      <c r="N107672" s="10"/>
    </row>
    <row r="107673" spans="14:14">
      <c r="N107673" s="10"/>
    </row>
    <row r="107674" spans="14:14">
      <c r="N107674" s="10"/>
    </row>
    <row r="107675" spans="14:14">
      <c r="N107675" s="10"/>
    </row>
    <row r="107676" spans="14:14">
      <c r="N107676" s="10"/>
    </row>
    <row r="107677" spans="14:14">
      <c r="N107677" s="10"/>
    </row>
    <row r="107678" spans="14:14">
      <c r="N107678" s="10"/>
    </row>
    <row r="107679" spans="14:14">
      <c r="N107679" s="10"/>
    </row>
    <row r="107680" spans="14:14">
      <c r="N107680" s="10"/>
    </row>
    <row r="107681" spans="14:14">
      <c r="N107681" s="10"/>
    </row>
    <row r="107682" spans="14:14">
      <c r="N107682" s="10"/>
    </row>
    <row r="107683" spans="14:14">
      <c r="N107683" s="10"/>
    </row>
    <row r="107684" spans="14:14">
      <c r="N107684" s="10"/>
    </row>
    <row r="107685" spans="14:14">
      <c r="N107685" s="10"/>
    </row>
    <row r="107686" spans="14:14">
      <c r="N107686" s="10"/>
    </row>
    <row r="107687" spans="14:14">
      <c r="N107687" s="10"/>
    </row>
    <row r="107688" spans="14:14">
      <c r="N107688" s="10"/>
    </row>
    <row r="107689" spans="14:14">
      <c r="N107689" s="10"/>
    </row>
    <row r="107690" spans="14:14">
      <c r="N107690" s="10"/>
    </row>
    <row r="107691" spans="14:14">
      <c r="N107691" s="10"/>
    </row>
    <row r="107692" spans="14:14">
      <c r="N107692" s="10"/>
    </row>
    <row r="107693" spans="14:14">
      <c r="N107693" s="10"/>
    </row>
    <row r="107694" spans="14:14">
      <c r="N107694" s="10"/>
    </row>
    <row r="107695" spans="14:14">
      <c r="N107695" s="10"/>
    </row>
    <row r="107696" spans="14:14">
      <c r="N107696" s="10"/>
    </row>
    <row r="107697" spans="14:14">
      <c r="N107697" s="10"/>
    </row>
    <row r="107698" spans="14:14">
      <c r="N107698" s="10"/>
    </row>
    <row r="107699" spans="14:14">
      <c r="N107699" s="10"/>
    </row>
    <row r="107700" spans="14:14">
      <c r="N107700" s="10"/>
    </row>
    <row r="107701" spans="14:14">
      <c r="N107701" s="10"/>
    </row>
    <row r="107702" spans="14:14">
      <c r="N107702" s="10"/>
    </row>
    <row r="107703" spans="14:14">
      <c r="N107703" s="10"/>
    </row>
    <row r="107704" spans="14:14">
      <c r="N107704" s="10"/>
    </row>
    <row r="107705" spans="14:14">
      <c r="N107705" s="10"/>
    </row>
    <row r="107706" spans="14:14">
      <c r="N107706" s="10"/>
    </row>
    <row r="107707" spans="14:14">
      <c r="N107707" s="10"/>
    </row>
    <row r="107708" spans="14:14">
      <c r="N107708" s="10"/>
    </row>
    <row r="107709" spans="14:14">
      <c r="N107709" s="10"/>
    </row>
    <row r="107710" spans="14:14">
      <c r="N107710" s="10"/>
    </row>
    <row r="107711" spans="14:14">
      <c r="N107711" s="10"/>
    </row>
    <row r="107712" spans="14:14">
      <c r="N107712" s="10"/>
    </row>
    <row r="107713" spans="14:14">
      <c r="N107713" s="10"/>
    </row>
    <row r="107714" spans="14:14">
      <c r="N107714" s="10"/>
    </row>
    <row r="107715" spans="14:14">
      <c r="N107715" s="10"/>
    </row>
    <row r="107716" spans="14:14">
      <c r="N107716" s="10"/>
    </row>
    <row r="107717" spans="14:14">
      <c r="N107717" s="10"/>
    </row>
    <row r="107718" spans="14:14">
      <c r="N107718" s="10"/>
    </row>
    <row r="107719" spans="14:14">
      <c r="N107719" s="10"/>
    </row>
    <row r="107720" spans="14:14">
      <c r="N107720" s="10"/>
    </row>
    <row r="107721" spans="14:14">
      <c r="N107721" s="10"/>
    </row>
    <row r="107722" spans="14:14">
      <c r="N107722" s="10"/>
    </row>
    <row r="107723" spans="14:14">
      <c r="N107723" s="10"/>
    </row>
    <row r="107724" spans="14:14">
      <c r="N107724" s="10"/>
    </row>
    <row r="107725" spans="14:14">
      <c r="N107725" s="10"/>
    </row>
    <row r="107726" spans="14:14">
      <c r="N107726" s="10"/>
    </row>
    <row r="107727" spans="14:14">
      <c r="N107727" s="10"/>
    </row>
    <row r="107728" spans="14:14">
      <c r="N107728" s="10"/>
    </row>
    <row r="107729" spans="14:14">
      <c r="N107729" s="10"/>
    </row>
    <row r="107730" spans="14:14">
      <c r="N107730" s="10"/>
    </row>
    <row r="107731" spans="14:14">
      <c r="N107731" s="10"/>
    </row>
    <row r="107732" spans="14:14">
      <c r="N107732" s="10"/>
    </row>
    <row r="107733" spans="14:14">
      <c r="N107733" s="10"/>
    </row>
    <row r="107734" spans="14:14">
      <c r="N107734" s="10"/>
    </row>
    <row r="107735" spans="14:14">
      <c r="N107735" s="10"/>
    </row>
    <row r="107736" spans="14:14">
      <c r="N107736" s="10"/>
    </row>
    <row r="107737" spans="14:14">
      <c r="N107737" s="10"/>
    </row>
    <row r="107738" spans="14:14">
      <c r="N107738" s="10"/>
    </row>
    <row r="107739" spans="14:14">
      <c r="N107739" s="10"/>
    </row>
    <row r="107740" spans="14:14">
      <c r="N107740" s="10"/>
    </row>
    <row r="107741" spans="14:14">
      <c r="N107741" s="10"/>
    </row>
    <row r="107742" spans="14:14">
      <c r="N107742" s="10"/>
    </row>
    <row r="107743" spans="14:14">
      <c r="N107743" s="10"/>
    </row>
    <row r="107744" spans="14:14">
      <c r="N107744" s="10"/>
    </row>
    <row r="107745" spans="14:14">
      <c r="N107745" s="10"/>
    </row>
    <row r="107746" spans="14:14">
      <c r="N107746" s="10"/>
    </row>
    <row r="107747" spans="14:14">
      <c r="N107747" s="10"/>
    </row>
    <row r="107748" spans="14:14">
      <c r="N107748" s="10"/>
    </row>
    <row r="107749" spans="14:14">
      <c r="N107749" s="10"/>
    </row>
    <row r="107750" spans="14:14">
      <c r="N107750" s="10"/>
    </row>
    <row r="107751" spans="14:14">
      <c r="N107751" s="10"/>
    </row>
    <row r="107752" spans="14:14">
      <c r="N107752" s="10"/>
    </row>
    <row r="107753" spans="14:14">
      <c r="N107753" s="10"/>
    </row>
    <row r="107754" spans="14:14">
      <c r="N107754" s="10"/>
    </row>
    <row r="107755" spans="14:14">
      <c r="N107755" s="10"/>
    </row>
    <row r="107756" spans="14:14">
      <c r="N107756" s="10"/>
    </row>
    <row r="107757" spans="14:14">
      <c r="N107757" s="10"/>
    </row>
    <row r="107758" spans="14:14">
      <c r="N107758" s="10"/>
    </row>
    <row r="107759" spans="14:14">
      <c r="N107759" s="10"/>
    </row>
    <row r="107760" spans="14:14">
      <c r="N107760" s="10"/>
    </row>
    <row r="107761" spans="14:14">
      <c r="N107761" s="10"/>
    </row>
    <row r="107762" spans="14:14">
      <c r="N107762" s="10"/>
    </row>
    <row r="107763" spans="14:14">
      <c r="N107763" s="10"/>
    </row>
    <row r="107764" spans="14:14">
      <c r="N107764" s="10"/>
    </row>
    <row r="107765" spans="14:14">
      <c r="N107765" s="10"/>
    </row>
    <row r="107766" spans="14:14">
      <c r="N107766" s="10"/>
    </row>
    <row r="107767" spans="14:14">
      <c r="N107767" s="10"/>
    </row>
    <row r="107768" spans="14:14">
      <c r="N107768" s="10"/>
    </row>
    <row r="107769" spans="14:14">
      <c r="N107769" s="10"/>
    </row>
    <row r="107770" spans="14:14">
      <c r="N107770" s="10"/>
    </row>
    <row r="107771" spans="14:14">
      <c r="N107771" s="10"/>
    </row>
    <row r="107772" spans="14:14">
      <c r="N107772" s="10"/>
    </row>
    <row r="107773" spans="14:14">
      <c r="N107773" s="10"/>
    </row>
    <row r="107774" spans="14:14">
      <c r="N107774" s="10"/>
    </row>
    <row r="107775" spans="14:14">
      <c r="N107775" s="10"/>
    </row>
    <row r="107776" spans="14:14">
      <c r="N107776" s="10"/>
    </row>
    <row r="107777" spans="14:14">
      <c r="N107777" s="10"/>
    </row>
    <row r="107778" spans="14:14">
      <c r="N107778" s="10"/>
    </row>
    <row r="107779" spans="14:14">
      <c r="N107779" s="10"/>
    </row>
    <row r="107780" spans="14:14">
      <c r="N107780" s="10"/>
    </row>
    <row r="107781" spans="14:14">
      <c r="N107781" s="10"/>
    </row>
    <row r="107782" spans="14:14">
      <c r="N107782" s="10"/>
    </row>
    <row r="107783" spans="14:14">
      <c r="N107783" s="10"/>
    </row>
    <row r="107784" spans="14:14">
      <c r="N107784" s="10"/>
    </row>
    <row r="107785" spans="14:14">
      <c r="N107785" s="10"/>
    </row>
    <row r="107786" spans="14:14">
      <c r="N107786" s="10"/>
    </row>
    <row r="107787" spans="14:14">
      <c r="N107787" s="10"/>
    </row>
    <row r="107788" spans="14:14">
      <c r="N107788" s="10"/>
    </row>
    <row r="107789" spans="14:14">
      <c r="N107789" s="10"/>
    </row>
    <row r="107790" spans="14:14">
      <c r="N107790" s="10"/>
    </row>
    <row r="107791" spans="14:14">
      <c r="N107791" s="10"/>
    </row>
    <row r="107792" spans="14:14">
      <c r="N107792" s="10"/>
    </row>
    <row r="107793" spans="14:14">
      <c r="N107793" s="10"/>
    </row>
    <row r="107794" spans="14:14">
      <c r="N107794" s="10"/>
    </row>
    <row r="107795" spans="14:14">
      <c r="N107795" s="10"/>
    </row>
    <row r="107796" spans="14:14">
      <c r="N107796" s="10"/>
    </row>
    <row r="107797" spans="14:14">
      <c r="N107797" s="10"/>
    </row>
    <row r="107798" spans="14:14">
      <c r="N107798" s="10"/>
    </row>
    <row r="107799" spans="14:14">
      <c r="N107799" s="10"/>
    </row>
    <row r="107800" spans="14:14">
      <c r="N107800" s="10"/>
    </row>
    <row r="107801" spans="14:14">
      <c r="N107801" s="10"/>
    </row>
    <row r="107802" spans="14:14">
      <c r="N107802" s="10"/>
    </row>
    <row r="107803" spans="14:14">
      <c r="N107803" s="10"/>
    </row>
    <row r="107804" spans="14:14">
      <c r="N107804" s="10"/>
    </row>
    <row r="107805" spans="14:14">
      <c r="N107805" s="10"/>
    </row>
    <row r="107806" spans="14:14">
      <c r="N107806" s="10"/>
    </row>
    <row r="107807" spans="14:14">
      <c r="N107807" s="10"/>
    </row>
    <row r="107808" spans="14:14">
      <c r="N107808" s="10"/>
    </row>
    <row r="107809" spans="14:14">
      <c r="N107809" s="10"/>
    </row>
    <row r="107810" spans="14:14">
      <c r="N107810" s="10"/>
    </row>
    <row r="107811" spans="14:14">
      <c r="N107811" s="10"/>
    </row>
    <row r="107812" spans="14:14">
      <c r="N107812" s="10"/>
    </row>
    <row r="107813" spans="14:14">
      <c r="N107813" s="10"/>
    </row>
    <row r="107814" spans="14:14">
      <c r="N107814" s="10"/>
    </row>
    <row r="107815" spans="14:14">
      <c r="N107815" s="10"/>
    </row>
    <row r="107816" spans="14:14">
      <c r="N107816" s="10"/>
    </row>
    <row r="107817" spans="14:14">
      <c r="N107817" s="10"/>
    </row>
    <row r="107818" spans="14:14">
      <c r="N107818" s="10"/>
    </row>
    <row r="107819" spans="14:14">
      <c r="N107819" s="10"/>
    </row>
    <row r="107820" spans="14:14">
      <c r="N107820" s="10"/>
    </row>
    <row r="107821" spans="14:14">
      <c r="N107821" s="10"/>
    </row>
    <row r="107822" spans="14:14">
      <c r="N107822" s="10"/>
    </row>
    <row r="107823" spans="14:14">
      <c r="N107823" s="10"/>
    </row>
    <row r="107824" spans="14:14">
      <c r="N107824" s="10"/>
    </row>
    <row r="107825" spans="14:14">
      <c r="N107825" s="10"/>
    </row>
    <row r="107826" spans="14:14">
      <c r="N107826" s="10"/>
    </row>
    <row r="107827" spans="14:14">
      <c r="N107827" s="10"/>
    </row>
    <row r="107828" spans="14:14">
      <c r="N107828" s="10"/>
    </row>
    <row r="107829" spans="14:14">
      <c r="N107829" s="10"/>
    </row>
    <row r="107830" spans="14:14">
      <c r="N107830" s="10"/>
    </row>
    <row r="107831" spans="14:14">
      <c r="N107831" s="10"/>
    </row>
    <row r="107832" spans="14:14">
      <c r="N107832" s="10"/>
    </row>
    <row r="107833" spans="14:14">
      <c r="N107833" s="10"/>
    </row>
    <row r="107834" spans="14:14">
      <c r="N107834" s="10"/>
    </row>
    <row r="107835" spans="14:14">
      <c r="N107835" s="10"/>
    </row>
    <row r="107836" spans="14:14">
      <c r="N107836" s="10"/>
    </row>
    <row r="107837" spans="14:14">
      <c r="N107837" s="10"/>
    </row>
    <row r="107838" spans="14:14">
      <c r="N107838" s="10"/>
    </row>
    <row r="107839" spans="14:14">
      <c r="N107839" s="10"/>
    </row>
    <row r="107840" spans="14:14">
      <c r="N107840" s="10"/>
    </row>
    <row r="107841" spans="14:14">
      <c r="N107841" s="10"/>
    </row>
    <row r="107842" spans="14:14">
      <c r="N107842" s="10"/>
    </row>
    <row r="107843" spans="14:14">
      <c r="N107843" s="10"/>
    </row>
    <row r="107844" spans="14:14">
      <c r="N107844" s="10"/>
    </row>
    <row r="107845" spans="14:14">
      <c r="N107845" s="10"/>
    </row>
    <row r="107846" spans="14:14">
      <c r="N107846" s="10"/>
    </row>
    <row r="107847" spans="14:14">
      <c r="N107847" s="10"/>
    </row>
    <row r="107848" spans="14:14">
      <c r="N107848" s="10"/>
    </row>
    <row r="107849" spans="14:14">
      <c r="N107849" s="10"/>
    </row>
    <row r="107850" spans="14:14">
      <c r="N107850" s="10"/>
    </row>
    <row r="107851" spans="14:14">
      <c r="N107851" s="10"/>
    </row>
    <row r="107852" spans="14:14">
      <c r="N107852" s="10"/>
    </row>
    <row r="107853" spans="14:14">
      <c r="N107853" s="10"/>
    </row>
    <row r="107854" spans="14:14">
      <c r="N107854" s="10"/>
    </row>
    <row r="107855" spans="14:14">
      <c r="N107855" s="10"/>
    </row>
    <row r="107856" spans="14:14">
      <c r="N107856" s="10"/>
    </row>
    <row r="107857" spans="14:14">
      <c r="N107857" s="10"/>
    </row>
    <row r="107858" spans="14:14">
      <c r="N107858" s="10"/>
    </row>
    <row r="107859" spans="14:14">
      <c r="N107859" s="10"/>
    </row>
    <row r="107860" spans="14:14">
      <c r="N107860" s="10"/>
    </row>
    <row r="107861" spans="14:14">
      <c r="N107861" s="10"/>
    </row>
    <row r="107862" spans="14:14">
      <c r="N107862" s="10"/>
    </row>
    <row r="107863" spans="14:14">
      <c r="N107863" s="10"/>
    </row>
    <row r="107864" spans="14:14">
      <c r="N107864" s="10"/>
    </row>
    <row r="107865" spans="14:14">
      <c r="N107865" s="10"/>
    </row>
    <row r="107866" spans="14:14">
      <c r="N107866" s="10"/>
    </row>
    <row r="107867" spans="14:14">
      <c r="N107867" s="10"/>
    </row>
    <row r="107868" spans="14:14">
      <c r="N107868" s="10"/>
    </row>
    <row r="107869" spans="14:14">
      <c r="N107869" s="10"/>
    </row>
    <row r="107870" spans="14:14">
      <c r="N107870" s="10"/>
    </row>
    <row r="107871" spans="14:14">
      <c r="N107871" s="10"/>
    </row>
    <row r="107872" spans="14:14">
      <c r="N107872" s="10"/>
    </row>
    <row r="107873" spans="14:14">
      <c r="N107873" s="10"/>
    </row>
    <row r="107874" spans="14:14">
      <c r="N107874" s="10"/>
    </row>
    <row r="107875" spans="14:14">
      <c r="N107875" s="10"/>
    </row>
    <row r="107876" spans="14:14">
      <c r="N107876" s="10"/>
    </row>
    <row r="107877" spans="14:14">
      <c r="N107877" s="10"/>
    </row>
    <row r="107878" spans="14:14">
      <c r="N107878" s="10"/>
    </row>
    <row r="107879" spans="14:14">
      <c r="N107879" s="10"/>
    </row>
    <row r="107880" spans="14:14">
      <c r="N107880" s="10"/>
    </row>
    <row r="107881" spans="14:14">
      <c r="N107881" s="10"/>
    </row>
    <row r="107882" spans="14:14">
      <c r="N107882" s="10"/>
    </row>
    <row r="107883" spans="14:14">
      <c r="N107883" s="10"/>
    </row>
    <row r="107884" spans="14:14">
      <c r="N107884" s="10"/>
    </row>
    <row r="107885" spans="14:14">
      <c r="N107885" s="10"/>
    </row>
    <row r="107886" spans="14:14">
      <c r="N107886" s="10"/>
    </row>
    <row r="107887" spans="14:14">
      <c r="N107887" s="10"/>
    </row>
    <row r="107888" spans="14:14">
      <c r="N107888" s="10"/>
    </row>
    <row r="107889" spans="14:14">
      <c r="N107889" s="10"/>
    </row>
    <row r="107890" spans="14:14">
      <c r="N107890" s="10"/>
    </row>
    <row r="107891" spans="14:14">
      <c r="N107891" s="10"/>
    </row>
    <row r="107892" spans="14:14">
      <c r="N107892" s="10"/>
    </row>
    <row r="107893" spans="14:14">
      <c r="N107893" s="10"/>
    </row>
    <row r="107894" spans="14:14">
      <c r="N107894" s="10"/>
    </row>
    <row r="107895" spans="14:14">
      <c r="N107895" s="10"/>
    </row>
    <row r="107896" spans="14:14">
      <c r="N107896" s="10"/>
    </row>
    <row r="107897" spans="14:14">
      <c r="N107897" s="10"/>
    </row>
    <row r="107898" spans="14:14">
      <c r="N107898" s="10"/>
    </row>
    <row r="107899" spans="14:14">
      <c r="N107899" s="10"/>
    </row>
    <row r="107900" spans="14:14">
      <c r="N107900" s="10"/>
    </row>
    <row r="107901" spans="14:14">
      <c r="N107901" s="10"/>
    </row>
    <row r="107902" spans="14:14">
      <c r="N107902" s="10"/>
    </row>
    <row r="107903" spans="14:14">
      <c r="N107903" s="10"/>
    </row>
    <row r="107904" spans="14:14">
      <c r="N107904" s="10"/>
    </row>
    <row r="107905" spans="14:14">
      <c r="N107905" s="10"/>
    </row>
    <row r="107906" spans="14:14">
      <c r="N107906" s="10"/>
    </row>
    <row r="107907" spans="14:14">
      <c r="N107907" s="10"/>
    </row>
    <row r="107908" spans="14:14">
      <c r="N107908" s="10"/>
    </row>
    <row r="107909" spans="14:14">
      <c r="N107909" s="10"/>
    </row>
    <row r="107910" spans="14:14">
      <c r="N107910" s="10"/>
    </row>
    <row r="107911" spans="14:14">
      <c r="N107911" s="10"/>
    </row>
    <row r="107912" spans="14:14">
      <c r="N107912" s="10"/>
    </row>
    <row r="107913" spans="14:14">
      <c r="N107913" s="10"/>
    </row>
    <row r="107914" spans="14:14">
      <c r="N107914" s="10"/>
    </row>
    <row r="107915" spans="14:14">
      <c r="N107915" s="10"/>
    </row>
    <row r="107916" spans="14:14">
      <c r="N107916" s="10"/>
    </row>
    <row r="107917" spans="14:14">
      <c r="N107917" s="10"/>
    </row>
    <row r="107918" spans="14:14">
      <c r="N107918" s="10"/>
    </row>
    <row r="107919" spans="14:14">
      <c r="N107919" s="10"/>
    </row>
    <row r="107920" spans="14:14">
      <c r="N107920" s="10"/>
    </row>
    <row r="107921" spans="14:14">
      <c r="N107921" s="10"/>
    </row>
    <row r="107922" spans="14:14">
      <c r="N107922" s="10"/>
    </row>
    <row r="107923" spans="14:14">
      <c r="N107923" s="10"/>
    </row>
    <row r="107924" spans="14:14">
      <c r="N107924" s="10"/>
    </row>
    <row r="107925" spans="14:14">
      <c r="N107925" s="10"/>
    </row>
    <row r="107926" spans="14:14">
      <c r="N107926" s="10"/>
    </row>
    <row r="107927" spans="14:14">
      <c r="N107927" s="10"/>
    </row>
    <row r="107928" spans="14:14">
      <c r="N107928" s="10"/>
    </row>
    <row r="107929" spans="14:14">
      <c r="N107929" s="10"/>
    </row>
    <row r="107930" spans="14:14">
      <c r="N107930" s="10"/>
    </row>
    <row r="107931" spans="14:14">
      <c r="N107931" s="10"/>
    </row>
    <row r="107932" spans="14:14">
      <c r="N107932" s="10"/>
    </row>
    <row r="107933" spans="14:14">
      <c r="N107933" s="10"/>
    </row>
    <row r="107934" spans="14:14">
      <c r="N107934" s="10"/>
    </row>
    <row r="107935" spans="14:14">
      <c r="N107935" s="10"/>
    </row>
    <row r="107936" spans="14:14">
      <c r="N107936" s="10"/>
    </row>
    <row r="107937" spans="14:14">
      <c r="N107937" s="10"/>
    </row>
    <row r="107938" spans="14:14">
      <c r="N107938" s="10"/>
    </row>
    <row r="107939" spans="14:14">
      <c r="N107939" s="10"/>
    </row>
    <row r="107940" spans="14:14">
      <c r="N107940" s="10"/>
    </row>
    <row r="107941" spans="14:14">
      <c r="N107941" s="10"/>
    </row>
    <row r="107942" spans="14:14">
      <c r="N107942" s="10"/>
    </row>
    <row r="107943" spans="14:14">
      <c r="N107943" s="10"/>
    </row>
    <row r="107944" spans="14:14">
      <c r="N107944" s="10"/>
    </row>
    <row r="107945" spans="14:14">
      <c r="N107945" s="10"/>
    </row>
    <row r="107946" spans="14:14">
      <c r="N107946" s="10"/>
    </row>
    <row r="107947" spans="14:14">
      <c r="N107947" s="10"/>
    </row>
    <row r="107948" spans="14:14">
      <c r="N107948" s="10"/>
    </row>
    <row r="107949" spans="14:14">
      <c r="N107949" s="10"/>
    </row>
    <row r="107950" spans="14:14">
      <c r="N107950" s="10"/>
    </row>
    <row r="107951" spans="14:14">
      <c r="N107951" s="10"/>
    </row>
    <row r="107952" spans="14:14">
      <c r="N107952" s="10"/>
    </row>
    <row r="107953" spans="14:14">
      <c r="N107953" s="10"/>
    </row>
    <row r="107954" spans="14:14">
      <c r="N107954" s="10"/>
    </row>
    <row r="107955" spans="14:14">
      <c r="N107955" s="10"/>
    </row>
    <row r="107956" spans="14:14">
      <c r="N107956" s="10"/>
    </row>
    <row r="107957" spans="14:14">
      <c r="N107957" s="10"/>
    </row>
    <row r="107958" spans="14:14">
      <c r="N107958" s="10"/>
    </row>
    <row r="107959" spans="14:14">
      <c r="N107959" s="10"/>
    </row>
    <row r="107960" spans="14:14">
      <c r="N107960" s="10"/>
    </row>
    <row r="107961" spans="14:14">
      <c r="N107961" s="10"/>
    </row>
    <row r="107962" spans="14:14">
      <c r="N107962" s="10"/>
    </row>
    <row r="107963" spans="14:14">
      <c r="N107963" s="10"/>
    </row>
    <row r="107964" spans="14:14">
      <c r="N107964" s="10"/>
    </row>
    <row r="107965" spans="14:14">
      <c r="N107965" s="10"/>
    </row>
    <row r="107966" spans="14:14">
      <c r="N107966" s="10"/>
    </row>
    <row r="107967" spans="14:14">
      <c r="N107967" s="10"/>
    </row>
    <row r="107968" spans="14:14">
      <c r="N107968" s="10"/>
    </row>
    <row r="107969" spans="14:14">
      <c r="N107969" s="10"/>
    </row>
    <row r="107970" spans="14:14">
      <c r="N107970" s="10"/>
    </row>
    <row r="107971" spans="14:14">
      <c r="N107971" s="10"/>
    </row>
    <row r="107972" spans="14:14">
      <c r="N107972" s="10"/>
    </row>
    <row r="107973" spans="14:14">
      <c r="N107973" s="10"/>
    </row>
    <row r="107974" spans="14:14">
      <c r="N107974" s="10"/>
    </row>
    <row r="107975" spans="14:14">
      <c r="N107975" s="10"/>
    </row>
    <row r="107976" spans="14:14">
      <c r="N107976" s="10"/>
    </row>
    <row r="107977" spans="14:14">
      <c r="N107977" s="10"/>
    </row>
    <row r="107978" spans="14:14">
      <c r="N107978" s="10"/>
    </row>
    <row r="107979" spans="14:14">
      <c r="N107979" s="10"/>
    </row>
    <row r="107980" spans="14:14">
      <c r="N107980" s="10"/>
    </row>
    <row r="107981" spans="14:14">
      <c r="N107981" s="10"/>
    </row>
    <row r="107982" spans="14:14">
      <c r="N107982" s="10"/>
    </row>
    <row r="107983" spans="14:14">
      <c r="N107983" s="10"/>
    </row>
    <row r="107984" spans="14:14">
      <c r="N107984" s="10"/>
    </row>
    <row r="107985" spans="14:14">
      <c r="N107985" s="10"/>
    </row>
    <row r="107986" spans="14:14">
      <c r="N107986" s="10"/>
    </row>
    <row r="107987" spans="14:14">
      <c r="N107987" s="10"/>
    </row>
    <row r="107988" spans="14:14">
      <c r="N107988" s="10"/>
    </row>
    <row r="107989" spans="14:14">
      <c r="N107989" s="10"/>
    </row>
    <row r="107990" spans="14:14">
      <c r="N107990" s="10"/>
    </row>
    <row r="107991" spans="14:14">
      <c r="N107991" s="10"/>
    </row>
    <row r="107992" spans="14:14">
      <c r="N107992" s="10"/>
    </row>
    <row r="107993" spans="14:14">
      <c r="N107993" s="10"/>
    </row>
    <row r="107994" spans="14:14">
      <c r="N107994" s="10"/>
    </row>
    <row r="107995" spans="14:14">
      <c r="N107995" s="10"/>
    </row>
    <row r="107996" spans="14:14">
      <c r="N107996" s="10"/>
    </row>
    <row r="107997" spans="14:14">
      <c r="N107997" s="10"/>
    </row>
    <row r="107998" spans="14:14">
      <c r="N107998" s="10"/>
    </row>
    <row r="107999" spans="14:14">
      <c r="N107999" s="10"/>
    </row>
    <row r="108000" spans="14:14">
      <c r="N108000" s="10"/>
    </row>
    <row r="108001" spans="14:14">
      <c r="N108001" s="10"/>
    </row>
    <row r="108002" spans="14:14">
      <c r="N108002" s="10"/>
    </row>
    <row r="108003" spans="14:14">
      <c r="N108003" s="10"/>
    </row>
    <row r="108004" spans="14:14">
      <c r="N108004" s="10"/>
    </row>
    <row r="108005" spans="14:14">
      <c r="N108005" s="10"/>
    </row>
    <row r="108006" spans="14:14">
      <c r="N108006" s="10"/>
    </row>
    <row r="108007" spans="14:14">
      <c r="N108007" s="10"/>
    </row>
    <row r="108008" spans="14:14">
      <c r="N108008" s="10"/>
    </row>
    <row r="108009" spans="14:14">
      <c r="N108009" s="10"/>
    </row>
    <row r="108010" spans="14:14">
      <c r="N108010" s="10"/>
    </row>
    <row r="108011" spans="14:14">
      <c r="N108011" s="10"/>
    </row>
    <row r="108012" spans="14:14">
      <c r="N108012" s="10"/>
    </row>
    <row r="108013" spans="14:14">
      <c r="N108013" s="10"/>
    </row>
    <row r="108014" spans="14:14">
      <c r="N108014" s="10"/>
    </row>
    <row r="108015" spans="14:14">
      <c r="N108015" s="10"/>
    </row>
    <row r="108016" spans="14:14">
      <c r="N108016" s="10"/>
    </row>
    <row r="108017" spans="14:14">
      <c r="N108017" s="10"/>
    </row>
    <row r="108018" spans="14:14">
      <c r="N108018" s="10"/>
    </row>
    <row r="108019" spans="14:14">
      <c r="N108019" s="10"/>
    </row>
    <row r="108020" spans="14:14">
      <c r="N108020" s="10"/>
    </row>
    <row r="108021" spans="14:14">
      <c r="N108021" s="10"/>
    </row>
    <row r="108022" spans="14:14">
      <c r="N108022" s="10"/>
    </row>
    <row r="108023" spans="14:14">
      <c r="N108023" s="10"/>
    </row>
    <row r="108024" spans="14:14">
      <c r="N108024" s="10"/>
    </row>
    <row r="108025" spans="14:14">
      <c r="N108025" s="10"/>
    </row>
    <row r="108026" spans="14:14">
      <c r="N108026" s="10"/>
    </row>
    <row r="108027" spans="14:14">
      <c r="N108027" s="10"/>
    </row>
    <row r="108028" spans="14:14">
      <c r="N108028" s="10"/>
    </row>
    <row r="108029" spans="14:14">
      <c r="N108029" s="10"/>
    </row>
    <row r="108030" spans="14:14">
      <c r="N108030" s="10"/>
    </row>
    <row r="108031" spans="14:14">
      <c r="N108031" s="10"/>
    </row>
    <row r="108032" spans="14:14">
      <c r="N108032" s="10"/>
    </row>
    <row r="108033" spans="14:14">
      <c r="N108033" s="10"/>
    </row>
    <row r="108034" spans="14:14">
      <c r="N108034" s="10"/>
    </row>
    <row r="108035" spans="14:14">
      <c r="N108035" s="10"/>
    </row>
    <row r="108036" spans="14:14">
      <c r="N108036" s="10"/>
    </row>
    <row r="108037" spans="14:14">
      <c r="N108037" s="10"/>
    </row>
    <row r="108038" spans="14:14">
      <c r="N108038" s="10"/>
    </row>
    <row r="108039" spans="14:14">
      <c r="N108039" s="10"/>
    </row>
    <row r="108040" spans="14:14">
      <c r="N108040" s="10"/>
    </row>
    <row r="108041" spans="14:14">
      <c r="N108041" s="10"/>
    </row>
    <row r="108042" spans="14:14">
      <c r="N108042" s="10"/>
    </row>
    <row r="108043" spans="14:14">
      <c r="N108043" s="10"/>
    </row>
    <row r="108044" spans="14:14">
      <c r="N108044" s="10"/>
    </row>
    <row r="108045" spans="14:14">
      <c r="N108045" s="10"/>
    </row>
    <row r="108046" spans="14:14">
      <c r="N108046" s="10"/>
    </row>
    <row r="108047" spans="14:14">
      <c r="N108047" s="10"/>
    </row>
    <row r="108048" spans="14:14">
      <c r="N108048" s="10"/>
    </row>
    <row r="108049" spans="14:14">
      <c r="N108049" s="10"/>
    </row>
    <row r="108050" spans="14:14">
      <c r="N108050" s="10"/>
    </row>
    <row r="108051" spans="14:14">
      <c r="N108051" s="10"/>
    </row>
    <row r="108052" spans="14:14">
      <c r="N108052" s="10"/>
    </row>
    <row r="108053" spans="14:14">
      <c r="N108053" s="10"/>
    </row>
    <row r="108054" spans="14:14">
      <c r="N108054" s="10"/>
    </row>
    <row r="108055" spans="14:14">
      <c r="N108055" s="10"/>
    </row>
    <row r="108056" spans="14:14">
      <c r="N108056" s="10"/>
    </row>
    <row r="108057" spans="14:14">
      <c r="N108057" s="10"/>
    </row>
    <row r="108058" spans="14:14">
      <c r="N108058" s="10"/>
    </row>
    <row r="108059" spans="14:14">
      <c r="N108059" s="10"/>
    </row>
    <row r="108060" spans="14:14">
      <c r="N108060" s="10"/>
    </row>
    <row r="108061" spans="14:14">
      <c r="N108061" s="10"/>
    </row>
    <row r="108062" spans="14:14">
      <c r="N108062" s="10"/>
    </row>
    <row r="108063" spans="14:14">
      <c r="N108063" s="10"/>
    </row>
    <row r="108064" spans="14:14">
      <c r="N108064" s="10"/>
    </row>
    <row r="108065" spans="14:14">
      <c r="N108065" s="10"/>
    </row>
    <row r="108066" spans="14:14">
      <c r="N108066" s="10"/>
    </row>
    <row r="108067" spans="14:14">
      <c r="N108067" s="10"/>
    </row>
    <row r="108068" spans="14:14">
      <c r="N108068" s="10"/>
    </row>
    <row r="108069" spans="14:14">
      <c r="N108069" s="10"/>
    </row>
    <row r="108070" spans="14:14">
      <c r="N108070" s="10"/>
    </row>
    <row r="108071" spans="14:14">
      <c r="N108071" s="10"/>
    </row>
    <row r="108072" spans="14:14">
      <c r="N108072" s="10"/>
    </row>
    <row r="108073" spans="14:14">
      <c r="N108073" s="10"/>
    </row>
    <row r="108074" spans="14:14">
      <c r="N108074" s="10"/>
    </row>
    <row r="108075" spans="14:14">
      <c r="N108075" s="10"/>
    </row>
    <row r="108076" spans="14:14">
      <c r="N108076" s="10"/>
    </row>
    <row r="108077" spans="14:14">
      <c r="N108077" s="10"/>
    </row>
    <row r="108078" spans="14:14">
      <c r="N108078" s="10"/>
    </row>
    <row r="108079" spans="14:14">
      <c r="N108079" s="10"/>
    </row>
    <row r="108080" spans="14:14">
      <c r="N108080" s="10"/>
    </row>
    <row r="108081" spans="14:14">
      <c r="N108081" s="10"/>
    </row>
    <row r="108082" spans="14:14">
      <c r="N108082" s="10"/>
    </row>
    <row r="108083" spans="14:14">
      <c r="N108083" s="10"/>
    </row>
    <row r="108084" spans="14:14">
      <c r="N108084" s="10"/>
    </row>
    <row r="108085" spans="14:14">
      <c r="N108085" s="10"/>
    </row>
    <row r="108086" spans="14:14">
      <c r="N108086" s="10"/>
    </row>
    <row r="108087" spans="14:14">
      <c r="N108087" s="10"/>
    </row>
    <row r="108088" spans="14:14">
      <c r="N108088" s="10"/>
    </row>
    <row r="108089" spans="14:14">
      <c r="N108089" s="10"/>
    </row>
    <row r="108090" spans="14:14">
      <c r="N108090" s="10"/>
    </row>
    <row r="108091" spans="14:14">
      <c r="N108091" s="10"/>
    </row>
    <row r="108092" spans="14:14">
      <c r="N108092" s="10"/>
    </row>
    <row r="108093" spans="14:14">
      <c r="N108093" s="10"/>
    </row>
    <row r="108094" spans="14:14">
      <c r="N108094" s="10"/>
    </row>
    <row r="108095" spans="14:14">
      <c r="N108095" s="10"/>
    </row>
    <row r="108096" spans="14:14">
      <c r="N108096" s="10"/>
    </row>
    <row r="108097" spans="14:14">
      <c r="N108097" s="10"/>
    </row>
    <row r="108098" spans="14:14">
      <c r="N108098" s="10"/>
    </row>
    <row r="108099" spans="14:14">
      <c r="N108099" s="10"/>
    </row>
    <row r="108100" spans="14:14">
      <c r="N108100" s="10"/>
    </row>
    <row r="108101" spans="14:14">
      <c r="N108101" s="10"/>
    </row>
    <row r="108102" spans="14:14">
      <c r="N108102" s="10"/>
    </row>
    <row r="108103" spans="14:14">
      <c r="N108103" s="10"/>
    </row>
    <row r="108104" spans="14:14">
      <c r="N108104" s="10"/>
    </row>
    <row r="108105" spans="14:14">
      <c r="N108105" s="10"/>
    </row>
    <row r="108106" spans="14:14">
      <c r="N108106" s="10"/>
    </row>
    <row r="108107" spans="14:14">
      <c r="N108107" s="10"/>
    </row>
    <row r="108108" spans="14:14">
      <c r="N108108" s="10"/>
    </row>
    <row r="108109" spans="14:14">
      <c r="N108109" s="10"/>
    </row>
    <row r="108110" spans="14:14">
      <c r="N108110" s="10"/>
    </row>
    <row r="108111" spans="14:14">
      <c r="N108111" s="10"/>
    </row>
    <row r="108112" spans="14:14">
      <c r="N108112" s="10"/>
    </row>
    <row r="108113" spans="14:14">
      <c r="N108113" s="10"/>
    </row>
    <row r="108114" spans="14:14">
      <c r="N108114" s="10"/>
    </row>
    <row r="108115" spans="14:14">
      <c r="N108115" s="10"/>
    </row>
    <row r="108116" spans="14:14">
      <c r="N108116" s="10"/>
    </row>
    <row r="108117" spans="14:14">
      <c r="N108117" s="10"/>
    </row>
    <row r="108118" spans="14:14">
      <c r="N108118" s="10"/>
    </row>
    <row r="108119" spans="14:14">
      <c r="N108119" s="10"/>
    </row>
    <row r="108120" spans="14:14">
      <c r="N108120" s="10"/>
    </row>
    <row r="108121" spans="14:14">
      <c r="N108121" s="10"/>
    </row>
    <row r="108122" spans="14:14">
      <c r="N108122" s="10"/>
    </row>
    <row r="108123" spans="14:14">
      <c r="N108123" s="10"/>
    </row>
    <row r="108124" spans="14:14">
      <c r="N108124" s="10"/>
    </row>
    <row r="108125" spans="14:14">
      <c r="N108125" s="10"/>
    </row>
    <row r="108126" spans="14:14">
      <c r="N108126" s="10"/>
    </row>
    <row r="108127" spans="14:14">
      <c r="N108127" s="10"/>
    </row>
    <row r="108128" spans="14:14">
      <c r="N108128" s="10"/>
    </row>
    <row r="108129" spans="14:14">
      <c r="N108129" s="10"/>
    </row>
    <row r="108130" spans="14:14">
      <c r="N108130" s="10"/>
    </row>
    <row r="108131" spans="14:14">
      <c r="N108131" s="10"/>
    </row>
    <row r="108132" spans="14:14">
      <c r="N108132" s="10"/>
    </row>
    <row r="108133" spans="14:14">
      <c r="N108133" s="10"/>
    </row>
    <row r="108134" spans="14:14">
      <c r="N108134" s="10"/>
    </row>
    <row r="108135" spans="14:14">
      <c r="N108135" s="10"/>
    </row>
    <row r="108136" spans="14:14">
      <c r="N108136" s="10"/>
    </row>
    <row r="108137" spans="14:14">
      <c r="N108137" s="10"/>
    </row>
    <row r="108138" spans="14:14">
      <c r="N108138" s="10"/>
    </row>
    <row r="108139" spans="14:14">
      <c r="N108139" s="10"/>
    </row>
    <row r="108140" spans="14:14">
      <c r="N108140" s="10"/>
    </row>
    <row r="108141" spans="14:14">
      <c r="N108141" s="10"/>
    </row>
    <row r="108142" spans="14:14">
      <c r="N108142" s="10"/>
    </row>
    <row r="108143" spans="14:14">
      <c r="N108143" s="10"/>
    </row>
    <row r="108144" spans="14:14">
      <c r="N108144" s="10"/>
    </row>
    <row r="108145" spans="14:14">
      <c r="N108145" s="10"/>
    </row>
    <row r="108146" spans="14:14">
      <c r="N108146" s="10"/>
    </row>
    <row r="108147" spans="14:14">
      <c r="N108147" s="10"/>
    </row>
    <row r="108148" spans="14:14">
      <c r="N108148" s="10"/>
    </row>
    <row r="108149" spans="14:14">
      <c r="N108149" s="10"/>
    </row>
    <row r="108150" spans="14:14">
      <c r="N108150" s="10"/>
    </row>
    <row r="108151" spans="14:14">
      <c r="N108151" s="10"/>
    </row>
    <row r="108152" spans="14:14">
      <c r="N108152" s="10"/>
    </row>
    <row r="108153" spans="14:14">
      <c r="N108153" s="10"/>
    </row>
    <row r="108154" spans="14:14">
      <c r="N108154" s="10"/>
    </row>
    <row r="108155" spans="14:14">
      <c r="N108155" s="10"/>
    </row>
    <row r="108156" spans="14:14">
      <c r="N108156" s="10"/>
    </row>
    <row r="108157" spans="14:14">
      <c r="N108157" s="10"/>
    </row>
    <row r="108158" spans="14:14">
      <c r="N108158" s="10"/>
    </row>
    <row r="108159" spans="14:14">
      <c r="N108159" s="10"/>
    </row>
    <row r="108160" spans="14:14">
      <c r="N108160" s="10"/>
    </row>
    <row r="108161" spans="14:14">
      <c r="N108161" s="10"/>
    </row>
    <row r="108162" spans="14:14">
      <c r="N108162" s="10"/>
    </row>
    <row r="108163" spans="14:14">
      <c r="N108163" s="10"/>
    </row>
    <row r="108164" spans="14:14">
      <c r="N108164" s="10"/>
    </row>
    <row r="108165" spans="14:14">
      <c r="N108165" s="10"/>
    </row>
    <row r="108166" spans="14:14">
      <c r="N108166" s="10"/>
    </row>
    <row r="108167" spans="14:14">
      <c r="N108167" s="10"/>
    </row>
    <row r="108168" spans="14:14">
      <c r="N108168" s="10"/>
    </row>
    <row r="108169" spans="14:14">
      <c r="N108169" s="10"/>
    </row>
    <row r="108170" spans="14:14">
      <c r="N108170" s="10"/>
    </row>
    <row r="108171" spans="14:14">
      <c r="N108171" s="10"/>
    </row>
    <row r="108172" spans="14:14">
      <c r="N108172" s="10"/>
    </row>
    <row r="108173" spans="14:14">
      <c r="N108173" s="10"/>
    </row>
    <row r="108174" spans="14:14">
      <c r="N108174" s="10"/>
    </row>
    <row r="108175" spans="14:14">
      <c r="N108175" s="10"/>
    </row>
    <row r="108176" spans="14:14">
      <c r="N108176" s="10"/>
    </row>
    <row r="108177" spans="14:14">
      <c r="N108177" s="10"/>
    </row>
    <row r="108178" spans="14:14">
      <c r="N108178" s="10"/>
    </row>
    <row r="108179" spans="14:14">
      <c r="N108179" s="10"/>
    </row>
    <row r="108180" spans="14:14">
      <c r="N108180" s="10"/>
    </row>
    <row r="108181" spans="14:14">
      <c r="N108181" s="10"/>
    </row>
    <row r="108182" spans="14:14">
      <c r="N108182" s="10"/>
    </row>
    <row r="108183" spans="14:14">
      <c r="N108183" s="10"/>
    </row>
    <row r="108184" spans="14:14">
      <c r="N108184" s="10"/>
    </row>
    <row r="108185" spans="14:14">
      <c r="N108185" s="10"/>
    </row>
    <row r="108186" spans="14:14">
      <c r="N108186" s="10"/>
    </row>
    <row r="108187" spans="14:14">
      <c r="N108187" s="10"/>
    </row>
    <row r="108188" spans="14:14">
      <c r="N108188" s="10"/>
    </row>
    <row r="108189" spans="14:14">
      <c r="N108189" s="10"/>
    </row>
    <row r="108190" spans="14:14">
      <c r="N108190" s="10"/>
    </row>
    <row r="108191" spans="14:14">
      <c r="N108191" s="10"/>
    </row>
    <row r="108192" spans="14:14">
      <c r="N108192" s="10"/>
    </row>
    <row r="108193" spans="14:14">
      <c r="N108193" s="10"/>
    </row>
    <row r="108194" spans="14:14">
      <c r="N108194" s="10"/>
    </row>
    <row r="108195" spans="14:14">
      <c r="N108195" s="10"/>
    </row>
    <row r="108196" spans="14:14">
      <c r="N108196" s="10"/>
    </row>
    <row r="108197" spans="14:14">
      <c r="N108197" s="10"/>
    </row>
    <row r="108198" spans="14:14">
      <c r="N108198" s="10"/>
    </row>
    <row r="108199" spans="14:14">
      <c r="N108199" s="10"/>
    </row>
    <row r="108200" spans="14:14">
      <c r="N108200" s="10"/>
    </row>
    <row r="108201" spans="14:14">
      <c r="N108201" s="10"/>
    </row>
    <row r="108202" spans="14:14">
      <c r="N108202" s="10"/>
    </row>
    <row r="108203" spans="14:14">
      <c r="N108203" s="10"/>
    </row>
    <row r="108204" spans="14:14">
      <c r="N108204" s="10"/>
    </row>
    <row r="108205" spans="14:14">
      <c r="N108205" s="10"/>
    </row>
    <row r="108206" spans="14:14">
      <c r="N108206" s="10"/>
    </row>
    <row r="108207" spans="14:14">
      <c r="N108207" s="10"/>
    </row>
    <row r="108208" spans="14:14">
      <c r="N108208" s="10"/>
    </row>
    <row r="108209" spans="14:14">
      <c r="N108209" s="10"/>
    </row>
    <row r="108210" spans="14:14">
      <c r="N108210" s="10"/>
    </row>
    <row r="108211" spans="14:14">
      <c r="N108211" s="10"/>
    </row>
    <row r="108212" spans="14:14">
      <c r="N108212" s="10"/>
    </row>
    <row r="108213" spans="14:14">
      <c r="N108213" s="10"/>
    </row>
    <row r="108214" spans="14:14">
      <c r="N108214" s="10"/>
    </row>
    <row r="108215" spans="14:14">
      <c r="N108215" s="10"/>
    </row>
    <row r="108216" spans="14:14">
      <c r="N108216" s="10"/>
    </row>
    <row r="108217" spans="14:14">
      <c r="N108217" s="10"/>
    </row>
    <row r="108218" spans="14:14">
      <c r="N108218" s="10"/>
    </row>
    <row r="108219" spans="14:14">
      <c r="N108219" s="10"/>
    </row>
    <row r="108220" spans="14:14">
      <c r="N108220" s="10"/>
    </row>
    <row r="108221" spans="14:14">
      <c r="N108221" s="10"/>
    </row>
    <row r="108222" spans="14:14">
      <c r="N108222" s="10"/>
    </row>
    <row r="108223" spans="14:14">
      <c r="N108223" s="10"/>
    </row>
    <row r="108224" spans="14:14">
      <c r="N108224" s="10"/>
    </row>
    <row r="108225" spans="14:14">
      <c r="N108225" s="10"/>
    </row>
    <row r="108226" spans="14:14">
      <c r="N108226" s="10"/>
    </row>
    <row r="108227" spans="14:14">
      <c r="N108227" s="10"/>
    </row>
    <row r="108228" spans="14:14">
      <c r="N108228" s="10"/>
    </row>
    <row r="108229" spans="14:14">
      <c r="N108229" s="10"/>
    </row>
    <row r="108230" spans="14:14">
      <c r="N108230" s="10"/>
    </row>
    <row r="108231" spans="14:14">
      <c r="N108231" s="10"/>
    </row>
    <row r="108232" spans="14:14">
      <c r="N108232" s="10"/>
    </row>
    <row r="108233" spans="14:14">
      <c r="N108233" s="10"/>
    </row>
    <row r="108234" spans="14:14">
      <c r="N108234" s="10"/>
    </row>
    <row r="108235" spans="14:14">
      <c r="N108235" s="10"/>
    </row>
    <row r="108236" spans="14:14">
      <c r="N108236" s="10"/>
    </row>
    <row r="108237" spans="14:14">
      <c r="N108237" s="10"/>
    </row>
    <row r="108238" spans="14:14">
      <c r="N108238" s="10"/>
    </row>
    <row r="108239" spans="14:14">
      <c r="N108239" s="10"/>
    </row>
    <row r="108240" spans="14:14">
      <c r="N108240" s="10"/>
    </row>
    <row r="108241" spans="14:14">
      <c r="N108241" s="10"/>
    </row>
    <row r="108242" spans="14:14">
      <c r="N108242" s="10"/>
    </row>
    <row r="108243" spans="14:14">
      <c r="N108243" s="10"/>
    </row>
    <row r="108244" spans="14:14">
      <c r="N108244" s="10"/>
    </row>
    <row r="108245" spans="14:14">
      <c r="N108245" s="10"/>
    </row>
    <row r="108246" spans="14:14">
      <c r="N108246" s="10"/>
    </row>
    <row r="108247" spans="14:14">
      <c r="N108247" s="10"/>
    </row>
    <row r="108248" spans="14:14">
      <c r="N108248" s="10"/>
    </row>
    <row r="108249" spans="14:14">
      <c r="N108249" s="10"/>
    </row>
    <row r="108250" spans="14:14">
      <c r="N108250" s="10"/>
    </row>
    <row r="108251" spans="14:14">
      <c r="N108251" s="10"/>
    </row>
    <row r="108252" spans="14:14">
      <c r="N108252" s="10"/>
    </row>
    <row r="108253" spans="14:14">
      <c r="N108253" s="10"/>
    </row>
    <row r="108254" spans="14:14">
      <c r="N108254" s="10"/>
    </row>
    <row r="108255" spans="14:14">
      <c r="N108255" s="10"/>
    </row>
    <row r="108256" spans="14:14">
      <c r="N108256" s="10"/>
    </row>
    <row r="108257" spans="14:14">
      <c r="N108257" s="10"/>
    </row>
    <row r="108258" spans="14:14">
      <c r="N108258" s="10"/>
    </row>
    <row r="108259" spans="14:14">
      <c r="N108259" s="10"/>
    </row>
    <row r="108260" spans="14:14">
      <c r="N108260" s="10"/>
    </row>
    <row r="108261" spans="14:14">
      <c r="N108261" s="10"/>
    </row>
    <row r="108262" spans="14:14">
      <c r="N108262" s="10"/>
    </row>
    <row r="108263" spans="14:14">
      <c r="N108263" s="10"/>
    </row>
    <row r="108264" spans="14:14">
      <c r="N108264" s="10"/>
    </row>
    <row r="108265" spans="14:14">
      <c r="N108265" s="10"/>
    </row>
    <row r="108266" spans="14:14">
      <c r="N108266" s="10"/>
    </row>
    <row r="108267" spans="14:14">
      <c r="N108267" s="10"/>
    </row>
    <row r="108268" spans="14:14">
      <c r="N108268" s="10"/>
    </row>
    <row r="108269" spans="14:14">
      <c r="N108269" s="10"/>
    </row>
    <row r="108270" spans="14:14">
      <c r="N108270" s="10"/>
    </row>
    <row r="108271" spans="14:14">
      <c r="N108271" s="10"/>
    </row>
    <row r="108272" spans="14:14">
      <c r="N108272" s="10"/>
    </row>
    <row r="108273" spans="14:14">
      <c r="N108273" s="10"/>
    </row>
    <row r="108274" spans="14:14">
      <c r="N108274" s="10"/>
    </row>
    <row r="108275" spans="14:14">
      <c r="N108275" s="10"/>
    </row>
    <row r="108276" spans="14:14">
      <c r="N108276" s="10"/>
    </row>
    <row r="108277" spans="14:14">
      <c r="N108277" s="10"/>
    </row>
    <row r="108278" spans="14:14">
      <c r="N108278" s="10"/>
    </row>
    <row r="108279" spans="14:14">
      <c r="N108279" s="10"/>
    </row>
    <row r="108280" spans="14:14">
      <c r="N108280" s="10"/>
    </row>
    <row r="108281" spans="14:14">
      <c r="N108281" s="10"/>
    </row>
    <row r="108282" spans="14:14">
      <c r="N108282" s="10"/>
    </row>
    <row r="108283" spans="14:14">
      <c r="N108283" s="10"/>
    </row>
    <row r="108284" spans="14:14">
      <c r="N108284" s="10"/>
    </row>
    <row r="108285" spans="14:14">
      <c r="N108285" s="10"/>
    </row>
    <row r="108286" spans="14:14">
      <c r="N108286" s="10"/>
    </row>
    <row r="108287" spans="14:14">
      <c r="N108287" s="10"/>
    </row>
    <row r="108288" spans="14:14">
      <c r="N108288" s="10"/>
    </row>
    <row r="108289" spans="14:14">
      <c r="N108289" s="10"/>
    </row>
    <row r="108290" spans="14:14">
      <c r="N108290" s="10"/>
    </row>
    <row r="108291" spans="14:14">
      <c r="N108291" s="10"/>
    </row>
    <row r="108292" spans="14:14">
      <c r="N108292" s="10"/>
    </row>
    <row r="108293" spans="14:14">
      <c r="N108293" s="10"/>
    </row>
    <row r="108294" spans="14:14">
      <c r="N108294" s="10"/>
    </row>
    <row r="108295" spans="14:14">
      <c r="N108295" s="10"/>
    </row>
    <row r="108296" spans="14:14">
      <c r="N108296" s="10"/>
    </row>
    <row r="108297" spans="14:14">
      <c r="N108297" s="10"/>
    </row>
    <row r="108298" spans="14:14">
      <c r="N108298" s="10"/>
    </row>
    <row r="108299" spans="14:14">
      <c r="N108299" s="10"/>
    </row>
    <row r="108300" spans="14:14">
      <c r="N108300" s="10"/>
    </row>
    <row r="108301" spans="14:14">
      <c r="N108301" s="10"/>
    </row>
    <row r="108302" spans="14:14">
      <c r="N108302" s="10"/>
    </row>
    <row r="108303" spans="14:14">
      <c r="N108303" s="10"/>
    </row>
    <row r="108304" spans="14:14">
      <c r="N108304" s="10"/>
    </row>
    <row r="108305" spans="14:14">
      <c r="N108305" s="10"/>
    </row>
    <row r="108306" spans="14:14">
      <c r="N108306" s="10"/>
    </row>
    <row r="108307" spans="14:14">
      <c r="N108307" s="10"/>
    </row>
    <row r="108308" spans="14:14">
      <c r="N108308" s="10"/>
    </row>
    <row r="108309" spans="14:14">
      <c r="N108309" s="10"/>
    </row>
    <row r="108310" spans="14:14">
      <c r="N108310" s="10"/>
    </row>
    <row r="108311" spans="14:14">
      <c r="N108311" s="10"/>
    </row>
    <row r="108312" spans="14:14">
      <c r="N108312" s="10"/>
    </row>
    <row r="108313" spans="14:14">
      <c r="N108313" s="10"/>
    </row>
    <row r="108314" spans="14:14">
      <c r="N108314" s="10"/>
    </row>
    <row r="108315" spans="14:14">
      <c r="N108315" s="10"/>
    </row>
    <row r="108316" spans="14:14">
      <c r="N108316" s="10"/>
    </row>
    <row r="108317" spans="14:14">
      <c r="N108317" s="10"/>
    </row>
    <row r="108318" spans="14:14">
      <c r="N108318" s="10"/>
    </row>
    <row r="108319" spans="14:14">
      <c r="N108319" s="10"/>
    </row>
    <row r="108320" spans="14:14">
      <c r="N108320" s="10"/>
    </row>
    <row r="108321" spans="14:14">
      <c r="N108321" s="10"/>
    </row>
    <row r="108322" spans="14:14">
      <c r="N108322" s="10"/>
    </row>
    <row r="108323" spans="14:14">
      <c r="N108323" s="10"/>
    </row>
    <row r="108324" spans="14:14">
      <c r="N108324" s="10"/>
    </row>
    <row r="108325" spans="14:14">
      <c r="N108325" s="10"/>
    </row>
    <row r="108326" spans="14:14">
      <c r="N108326" s="10"/>
    </row>
    <row r="108327" spans="14:14">
      <c r="N108327" s="10"/>
    </row>
    <row r="108328" spans="14:14">
      <c r="N108328" s="10"/>
    </row>
    <row r="108329" spans="14:14">
      <c r="N108329" s="10"/>
    </row>
    <row r="108330" spans="14:14">
      <c r="N108330" s="10"/>
    </row>
    <row r="108331" spans="14:14">
      <c r="N108331" s="10"/>
    </row>
    <row r="108332" spans="14:14">
      <c r="N108332" s="10"/>
    </row>
    <row r="108333" spans="14:14">
      <c r="N108333" s="10"/>
    </row>
    <row r="108334" spans="14:14">
      <c r="N108334" s="10"/>
    </row>
    <row r="108335" spans="14:14">
      <c r="N108335" s="10"/>
    </row>
    <row r="108336" spans="14:14">
      <c r="N108336" s="10"/>
    </row>
    <row r="108337" spans="14:14">
      <c r="N108337" s="10"/>
    </row>
    <row r="108338" spans="14:14">
      <c r="N108338" s="10"/>
    </row>
    <row r="108339" spans="14:14">
      <c r="N108339" s="10"/>
    </row>
    <row r="108340" spans="14:14">
      <c r="N108340" s="10"/>
    </row>
    <row r="108341" spans="14:14">
      <c r="N108341" s="10"/>
    </row>
    <row r="108342" spans="14:14">
      <c r="N108342" s="10"/>
    </row>
    <row r="108343" spans="14:14">
      <c r="N108343" s="10"/>
    </row>
    <row r="108344" spans="14:14">
      <c r="N108344" s="10"/>
    </row>
    <row r="108345" spans="14:14">
      <c r="N108345" s="10"/>
    </row>
    <row r="108346" spans="14:14">
      <c r="N108346" s="10"/>
    </row>
    <row r="108347" spans="14:14">
      <c r="N108347" s="10"/>
    </row>
    <row r="108348" spans="14:14">
      <c r="N108348" s="10"/>
    </row>
    <row r="108349" spans="14:14">
      <c r="N108349" s="10"/>
    </row>
    <row r="108350" spans="14:14">
      <c r="N108350" s="10"/>
    </row>
    <row r="108351" spans="14:14">
      <c r="N108351" s="10"/>
    </row>
    <row r="108352" spans="14:14">
      <c r="N108352" s="10"/>
    </row>
    <row r="108353" spans="14:14">
      <c r="N108353" s="10"/>
    </row>
    <row r="108354" spans="14:14">
      <c r="N108354" s="10"/>
    </row>
    <row r="108355" spans="14:14">
      <c r="N108355" s="10"/>
    </row>
    <row r="108356" spans="14:14">
      <c r="N108356" s="10"/>
    </row>
    <row r="108357" spans="14:14">
      <c r="N108357" s="10"/>
    </row>
    <row r="108358" spans="14:14">
      <c r="N108358" s="10"/>
    </row>
    <row r="108359" spans="14:14">
      <c r="N108359" s="10"/>
    </row>
    <row r="108360" spans="14:14">
      <c r="N108360" s="10"/>
    </row>
    <row r="108361" spans="14:14">
      <c r="N108361" s="10"/>
    </row>
    <row r="108362" spans="14:14">
      <c r="N108362" s="10"/>
    </row>
    <row r="108363" spans="14:14">
      <c r="N108363" s="10"/>
    </row>
    <row r="108364" spans="14:14">
      <c r="N108364" s="10"/>
    </row>
    <row r="108365" spans="14:14">
      <c r="N108365" s="10"/>
    </row>
    <row r="108366" spans="14:14">
      <c r="N108366" s="10"/>
    </row>
    <row r="108367" spans="14:14">
      <c r="N108367" s="10"/>
    </row>
    <row r="108368" spans="14:14">
      <c r="N108368" s="10"/>
    </row>
    <row r="108369" spans="14:14">
      <c r="N108369" s="10"/>
    </row>
    <row r="108370" spans="14:14">
      <c r="N108370" s="10"/>
    </row>
    <row r="108371" spans="14:14">
      <c r="N108371" s="10"/>
    </row>
    <row r="108372" spans="14:14">
      <c r="N108372" s="10"/>
    </row>
    <row r="108373" spans="14:14">
      <c r="N108373" s="10"/>
    </row>
    <row r="108374" spans="14:14">
      <c r="N108374" s="10"/>
    </row>
    <row r="108375" spans="14:14">
      <c r="N108375" s="10"/>
    </row>
    <row r="108376" spans="14:14">
      <c r="N108376" s="10"/>
    </row>
    <row r="108377" spans="14:14">
      <c r="N108377" s="10"/>
    </row>
    <row r="108378" spans="14:14">
      <c r="N108378" s="10"/>
    </row>
    <row r="108379" spans="14:14">
      <c r="N108379" s="10"/>
    </row>
    <row r="108380" spans="14:14">
      <c r="N108380" s="10"/>
    </row>
    <row r="108381" spans="14:14">
      <c r="N108381" s="10"/>
    </row>
    <row r="108382" spans="14:14">
      <c r="N108382" s="10"/>
    </row>
    <row r="108383" spans="14:14">
      <c r="N108383" s="10"/>
    </row>
    <row r="108384" spans="14:14">
      <c r="N108384" s="10"/>
    </row>
    <row r="108385" spans="14:14">
      <c r="N108385" s="10"/>
    </row>
    <row r="108386" spans="14:14">
      <c r="N108386" s="10"/>
    </row>
    <row r="108387" spans="14:14">
      <c r="N108387" s="10"/>
    </row>
    <row r="108388" spans="14:14">
      <c r="N108388" s="10"/>
    </row>
    <row r="108389" spans="14:14">
      <c r="N108389" s="10"/>
    </row>
    <row r="108390" spans="14:14">
      <c r="N108390" s="10"/>
    </row>
    <row r="108391" spans="14:14">
      <c r="N108391" s="10"/>
    </row>
    <row r="108392" spans="14:14">
      <c r="N108392" s="10"/>
    </row>
    <row r="108393" spans="14:14">
      <c r="N108393" s="10"/>
    </row>
    <row r="108394" spans="14:14">
      <c r="N108394" s="10"/>
    </row>
    <row r="108395" spans="14:14">
      <c r="N108395" s="10"/>
    </row>
    <row r="108396" spans="14:14">
      <c r="N108396" s="10"/>
    </row>
    <row r="108397" spans="14:14">
      <c r="N108397" s="10"/>
    </row>
    <row r="108398" spans="14:14">
      <c r="N108398" s="10"/>
    </row>
    <row r="108399" spans="14:14">
      <c r="N108399" s="10"/>
    </row>
    <row r="108400" spans="14:14">
      <c r="N108400" s="10"/>
    </row>
    <row r="108401" spans="14:14">
      <c r="N108401" s="10"/>
    </row>
    <row r="108402" spans="14:14">
      <c r="N108402" s="10"/>
    </row>
    <row r="108403" spans="14:14">
      <c r="N108403" s="10"/>
    </row>
    <row r="108404" spans="14:14">
      <c r="N108404" s="10"/>
    </row>
    <row r="108405" spans="14:14">
      <c r="N108405" s="10"/>
    </row>
    <row r="108406" spans="14:14">
      <c r="N108406" s="10"/>
    </row>
    <row r="108407" spans="14:14">
      <c r="N108407" s="10"/>
    </row>
    <row r="108408" spans="14:14">
      <c r="N108408" s="10"/>
    </row>
    <row r="108409" spans="14:14">
      <c r="N108409" s="10"/>
    </row>
    <row r="108410" spans="14:14">
      <c r="N108410" s="10"/>
    </row>
    <row r="108411" spans="14:14">
      <c r="N108411" s="10"/>
    </row>
    <row r="108412" spans="14:14">
      <c r="N108412" s="10"/>
    </row>
    <row r="108413" spans="14:14">
      <c r="N108413" s="10"/>
    </row>
    <row r="108414" spans="14:14">
      <c r="N108414" s="10"/>
    </row>
    <row r="108415" spans="14:14">
      <c r="N108415" s="10"/>
    </row>
    <row r="108416" spans="14:14">
      <c r="N108416" s="10"/>
    </row>
    <row r="108417" spans="14:14">
      <c r="N108417" s="10"/>
    </row>
    <row r="108418" spans="14:14">
      <c r="N108418" s="10"/>
    </row>
    <row r="108419" spans="14:14">
      <c r="N108419" s="10"/>
    </row>
    <row r="108420" spans="14:14">
      <c r="N108420" s="10"/>
    </row>
    <row r="108421" spans="14:14">
      <c r="N108421" s="10"/>
    </row>
    <row r="108422" spans="14:14">
      <c r="N108422" s="10"/>
    </row>
    <row r="108423" spans="14:14">
      <c r="N108423" s="10"/>
    </row>
    <row r="108424" spans="14:14">
      <c r="N108424" s="10"/>
    </row>
    <row r="108425" spans="14:14">
      <c r="N108425" s="10"/>
    </row>
    <row r="108426" spans="14:14">
      <c r="N108426" s="10"/>
    </row>
    <row r="108427" spans="14:14">
      <c r="N108427" s="10"/>
    </row>
    <row r="108428" spans="14:14">
      <c r="N108428" s="10"/>
    </row>
    <row r="108429" spans="14:14">
      <c r="N108429" s="10"/>
    </row>
    <row r="108430" spans="14:14">
      <c r="N108430" s="10"/>
    </row>
    <row r="108431" spans="14:14">
      <c r="N108431" s="10"/>
    </row>
    <row r="108432" spans="14:14">
      <c r="N108432" s="10"/>
    </row>
    <row r="108433" spans="14:14">
      <c r="N108433" s="10"/>
    </row>
    <row r="108434" spans="14:14">
      <c r="N108434" s="10"/>
    </row>
    <row r="108435" spans="14:14">
      <c r="N108435" s="10"/>
    </row>
    <row r="108436" spans="14:14">
      <c r="N108436" s="10"/>
    </row>
    <row r="108437" spans="14:14">
      <c r="N108437" s="10"/>
    </row>
    <row r="108438" spans="14:14">
      <c r="N108438" s="10"/>
    </row>
    <row r="108439" spans="14:14">
      <c r="N108439" s="10"/>
    </row>
    <row r="108440" spans="14:14">
      <c r="N108440" s="10"/>
    </row>
    <row r="108441" spans="14:14">
      <c r="N108441" s="10"/>
    </row>
    <row r="108442" spans="14:14">
      <c r="N108442" s="10"/>
    </row>
    <row r="108443" spans="14:14">
      <c r="N108443" s="10"/>
    </row>
    <row r="108444" spans="14:14">
      <c r="N108444" s="10"/>
    </row>
    <row r="108445" spans="14:14">
      <c r="N108445" s="10"/>
    </row>
    <row r="108446" spans="14:14">
      <c r="N108446" s="10"/>
    </row>
    <row r="108447" spans="14:14">
      <c r="N108447" s="10"/>
    </row>
    <row r="108448" spans="14:14">
      <c r="N108448" s="10"/>
    </row>
    <row r="108449" spans="14:14">
      <c r="N108449" s="10"/>
    </row>
    <row r="108450" spans="14:14">
      <c r="N108450" s="10"/>
    </row>
    <row r="108451" spans="14:14">
      <c r="N108451" s="10"/>
    </row>
    <row r="108452" spans="14:14">
      <c r="N108452" s="10"/>
    </row>
    <row r="108453" spans="14:14">
      <c r="N108453" s="10"/>
    </row>
    <row r="108454" spans="14:14">
      <c r="N108454" s="10"/>
    </row>
    <row r="108455" spans="14:14">
      <c r="N108455" s="10"/>
    </row>
    <row r="108456" spans="14:14">
      <c r="N108456" s="10"/>
    </row>
    <row r="108457" spans="14:14">
      <c r="N108457" s="10"/>
    </row>
    <row r="108458" spans="14:14">
      <c r="N108458" s="10"/>
    </row>
    <row r="108459" spans="14:14">
      <c r="N108459" s="10"/>
    </row>
    <row r="108460" spans="14:14">
      <c r="N108460" s="10"/>
    </row>
    <row r="108461" spans="14:14">
      <c r="N108461" s="10"/>
    </row>
    <row r="108462" spans="14:14">
      <c r="N108462" s="10"/>
    </row>
    <row r="108463" spans="14:14">
      <c r="N108463" s="10"/>
    </row>
    <row r="108464" spans="14:14">
      <c r="N108464" s="10"/>
    </row>
    <row r="108465" spans="14:14">
      <c r="N108465" s="10"/>
    </row>
    <row r="108466" spans="14:14">
      <c r="N108466" s="10"/>
    </row>
    <row r="108467" spans="14:14">
      <c r="N108467" s="10"/>
    </row>
    <row r="108468" spans="14:14">
      <c r="N108468" s="10"/>
    </row>
    <row r="108469" spans="14:14">
      <c r="N108469" s="10"/>
    </row>
    <row r="108470" spans="14:14">
      <c r="N108470" s="10"/>
    </row>
    <row r="108471" spans="14:14">
      <c r="N108471" s="10"/>
    </row>
    <row r="108472" spans="14:14">
      <c r="N108472" s="10"/>
    </row>
    <row r="108473" spans="14:14">
      <c r="N108473" s="10"/>
    </row>
    <row r="108474" spans="14:14">
      <c r="N108474" s="10"/>
    </row>
    <row r="108475" spans="14:14">
      <c r="N108475" s="10"/>
    </row>
    <row r="108476" spans="14:14">
      <c r="N108476" s="10"/>
    </row>
    <row r="108477" spans="14:14">
      <c r="N108477" s="10"/>
    </row>
    <row r="108478" spans="14:14">
      <c r="N108478" s="10"/>
    </row>
    <row r="108479" spans="14:14">
      <c r="N108479" s="10"/>
    </row>
    <row r="108480" spans="14:14">
      <c r="N108480" s="10"/>
    </row>
    <row r="108481" spans="14:14">
      <c r="N108481" s="10"/>
    </row>
    <row r="108482" spans="14:14">
      <c r="N108482" s="10"/>
    </row>
    <row r="108483" spans="14:14">
      <c r="N108483" s="10"/>
    </row>
    <row r="108484" spans="14:14">
      <c r="N108484" s="10"/>
    </row>
    <row r="108485" spans="14:14">
      <c r="N108485" s="10"/>
    </row>
    <row r="108486" spans="14:14">
      <c r="N108486" s="10"/>
    </row>
    <row r="108487" spans="14:14">
      <c r="N108487" s="10"/>
    </row>
    <row r="108488" spans="14:14">
      <c r="N108488" s="10"/>
    </row>
    <row r="108489" spans="14:14">
      <c r="N108489" s="10"/>
    </row>
    <row r="108490" spans="14:14">
      <c r="N108490" s="10"/>
    </row>
    <row r="108491" spans="14:14">
      <c r="N108491" s="10"/>
    </row>
    <row r="108492" spans="14:14">
      <c r="N108492" s="10"/>
    </row>
    <row r="108493" spans="14:14">
      <c r="N108493" s="10"/>
    </row>
    <row r="108494" spans="14:14">
      <c r="N108494" s="10"/>
    </row>
    <row r="108495" spans="14:14">
      <c r="N108495" s="10"/>
    </row>
    <row r="108496" spans="14:14">
      <c r="N108496" s="10"/>
    </row>
    <row r="108497" spans="14:14">
      <c r="N108497" s="10"/>
    </row>
    <row r="108498" spans="14:14">
      <c r="N108498" s="10"/>
    </row>
    <row r="108499" spans="14:14">
      <c r="N108499" s="10"/>
    </row>
    <row r="108500" spans="14:14">
      <c r="N108500" s="10"/>
    </row>
    <row r="108501" spans="14:14">
      <c r="N108501" s="10"/>
    </row>
    <row r="108502" spans="14:14">
      <c r="N108502" s="10"/>
    </row>
    <row r="108503" spans="14:14">
      <c r="N108503" s="10"/>
    </row>
    <row r="108504" spans="14:14">
      <c r="N108504" s="10"/>
    </row>
    <row r="108505" spans="14:14">
      <c r="N108505" s="10"/>
    </row>
    <row r="108506" spans="14:14">
      <c r="N108506" s="10"/>
    </row>
    <row r="108507" spans="14:14">
      <c r="N108507" s="10"/>
    </row>
    <row r="108508" spans="14:14">
      <c r="N108508" s="10"/>
    </row>
    <row r="108509" spans="14:14">
      <c r="N108509" s="10"/>
    </row>
    <row r="108510" spans="14:14">
      <c r="N108510" s="10"/>
    </row>
    <row r="108511" spans="14:14">
      <c r="N108511" s="10"/>
    </row>
    <row r="108512" spans="14:14">
      <c r="N108512" s="10"/>
    </row>
    <row r="108513" spans="14:14">
      <c r="N108513" s="10"/>
    </row>
    <row r="108514" spans="14:14">
      <c r="N108514" s="10"/>
    </row>
    <row r="108515" spans="14:14">
      <c r="N108515" s="10"/>
    </row>
    <row r="108516" spans="14:14">
      <c r="N108516" s="10"/>
    </row>
    <row r="108517" spans="14:14">
      <c r="N108517" s="10"/>
    </row>
    <row r="108518" spans="14:14">
      <c r="N108518" s="10"/>
    </row>
    <row r="108519" spans="14:14">
      <c r="N108519" s="10"/>
    </row>
    <row r="108520" spans="14:14">
      <c r="N108520" s="10"/>
    </row>
    <row r="108521" spans="14:14">
      <c r="N108521" s="10"/>
    </row>
    <row r="108522" spans="14:14">
      <c r="N108522" s="10"/>
    </row>
    <row r="108523" spans="14:14">
      <c r="N108523" s="10"/>
    </row>
    <row r="108524" spans="14:14">
      <c r="N108524" s="10"/>
    </row>
    <row r="108525" spans="14:14">
      <c r="N108525" s="10"/>
    </row>
    <row r="108526" spans="14:14">
      <c r="N108526" s="10"/>
    </row>
    <row r="108527" spans="14:14">
      <c r="N108527" s="10"/>
    </row>
    <row r="108528" spans="14:14">
      <c r="N108528" s="10"/>
    </row>
    <row r="108529" spans="14:14">
      <c r="N108529" s="10"/>
    </row>
    <row r="108530" spans="14:14">
      <c r="N108530" s="10"/>
    </row>
    <row r="108531" spans="14:14">
      <c r="N108531" s="10"/>
    </row>
    <row r="108532" spans="14:14">
      <c r="N108532" s="10"/>
    </row>
    <row r="108533" spans="14:14">
      <c r="N108533" s="10"/>
    </row>
    <row r="108534" spans="14:14">
      <c r="N108534" s="10"/>
    </row>
    <row r="108535" spans="14:14">
      <c r="N108535" s="10"/>
    </row>
    <row r="108536" spans="14:14">
      <c r="N108536" s="10"/>
    </row>
    <row r="108537" spans="14:14">
      <c r="N108537" s="10"/>
    </row>
    <row r="108538" spans="14:14">
      <c r="N108538" s="10"/>
    </row>
    <row r="108539" spans="14:14">
      <c r="N108539" s="10"/>
    </row>
    <row r="108540" spans="14:14">
      <c r="N108540" s="10"/>
    </row>
    <row r="108541" spans="14:14">
      <c r="N108541" s="10"/>
    </row>
    <row r="108542" spans="14:14">
      <c r="N108542" s="10"/>
    </row>
    <row r="108543" spans="14:14">
      <c r="N108543" s="10"/>
    </row>
    <row r="108544" spans="14:14">
      <c r="N108544" s="10"/>
    </row>
    <row r="108545" spans="14:14">
      <c r="N108545" s="10"/>
    </row>
    <row r="108546" spans="14:14">
      <c r="N108546" s="10"/>
    </row>
    <row r="108547" spans="14:14">
      <c r="N108547" s="10"/>
    </row>
    <row r="108548" spans="14:14">
      <c r="N108548" s="10"/>
    </row>
    <row r="108549" spans="14:14">
      <c r="N108549" s="10"/>
    </row>
    <row r="108550" spans="14:14">
      <c r="N108550" s="10"/>
    </row>
    <row r="108551" spans="14:14">
      <c r="N108551" s="10"/>
    </row>
    <row r="108552" spans="14:14">
      <c r="N108552" s="10"/>
    </row>
    <row r="108553" spans="14:14">
      <c r="N108553" s="10"/>
    </row>
    <row r="108554" spans="14:14">
      <c r="N108554" s="10"/>
    </row>
    <row r="108555" spans="14:14">
      <c r="N108555" s="10"/>
    </row>
    <row r="108556" spans="14:14">
      <c r="N108556" s="10"/>
    </row>
    <row r="108557" spans="14:14">
      <c r="N108557" s="10"/>
    </row>
    <row r="108558" spans="14:14">
      <c r="N108558" s="10"/>
    </row>
    <row r="108559" spans="14:14">
      <c r="N108559" s="10"/>
    </row>
    <row r="108560" spans="14:14">
      <c r="N108560" s="10"/>
    </row>
    <row r="108561" spans="14:14">
      <c r="N108561" s="10"/>
    </row>
    <row r="108562" spans="14:14">
      <c r="N108562" s="10"/>
    </row>
    <row r="108563" spans="14:14">
      <c r="N108563" s="10"/>
    </row>
    <row r="108564" spans="14:14">
      <c r="N108564" s="10"/>
    </row>
    <row r="108565" spans="14:14">
      <c r="N108565" s="10"/>
    </row>
    <row r="108566" spans="14:14">
      <c r="N108566" s="10"/>
    </row>
    <row r="108567" spans="14:14">
      <c r="N108567" s="10"/>
    </row>
    <row r="108568" spans="14:14">
      <c r="N108568" s="10"/>
    </row>
    <row r="108569" spans="14:14">
      <c r="N108569" s="10"/>
    </row>
    <row r="108570" spans="14:14">
      <c r="N108570" s="10"/>
    </row>
    <row r="108571" spans="14:14">
      <c r="N108571" s="10"/>
    </row>
    <row r="108572" spans="14:14">
      <c r="N108572" s="10"/>
    </row>
    <row r="108573" spans="14:14">
      <c r="N108573" s="10"/>
    </row>
    <row r="108574" spans="14:14">
      <c r="N108574" s="10"/>
    </row>
    <row r="108575" spans="14:14">
      <c r="N108575" s="10"/>
    </row>
    <row r="108576" spans="14:14">
      <c r="N108576" s="10"/>
    </row>
    <row r="108577" spans="14:14">
      <c r="N108577" s="10"/>
    </row>
    <row r="108578" spans="14:14">
      <c r="N108578" s="10"/>
    </row>
    <row r="108579" spans="14:14">
      <c r="N108579" s="10"/>
    </row>
    <row r="108580" spans="14:14">
      <c r="N108580" s="10"/>
    </row>
    <row r="108581" spans="14:14">
      <c r="N108581" s="10"/>
    </row>
    <row r="108582" spans="14:14">
      <c r="N108582" s="10"/>
    </row>
    <row r="108583" spans="14:14">
      <c r="N108583" s="10"/>
    </row>
    <row r="108584" spans="14:14">
      <c r="N108584" s="10"/>
    </row>
    <row r="108585" spans="14:14">
      <c r="N108585" s="10"/>
    </row>
    <row r="108586" spans="14:14">
      <c r="N108586" s="10"/>
    </row>
    <row r="108587" spans="14:14">
      <c r="N108587" s="10"/>
    </row>
    <row r="108588" spans="14:14">
      <c r="N108588" s="10"/>
    </row>
    <row r="108589" spans="14:14">
      <c r="N108589" s="10"/>
    </row>
    <row r="108590" spans="14:14">
      <c r="N108590" s="10"/>
    </row>
    <row r="108591" spans="14:14">
      <c r="N108591" s="10"/>
    </row>
    <row r="108592" spans="14:14">
      <c r="N108592" s="10"/>
    </row>
    <row r="108593" spans="14:14">
      <c r="N108593" s="10"/>
    </row>
    <row r="108594" spans="14:14">
      <c r="N108594" s="10"/>
    </row>
    <row r="108595" spans="14:14">
      <c r="N108595" s="10"/>
    </row>
    <row r="108596" spans="14:14">
      <c r="N108596" s="10"/>
    </row>
    <row r="108597" spans="14:14">
      <c r="N108597" s="10"/>
    </row>
    <row r="108598" spans="14:14">
      <c r="N108598" s="10"/>
    </row>
    <row r="108599" spans="14:14">
      <c r="N108599" s="10"/>
    </row>
    <row r="108600" spans="14:14">
      <c r="N108600" s="10"/>
    </row>
    <row r="108601" spans="14:14">
      <c r="N108601" s="10"/>
    </row>
    <row r="108602" spans="14:14">
      <c r="N108602" s="10"/>
    </row>
    <row r="108603" spans="14:14">
      <c r="N108603" s="10"/>
    </row>
    <row r="108604" spans="14:14">
      <c r="N108604" s="10"/>
    </row>
    <row r="108605" spans="14:14">
      <c r="N108605" s="10"/>
    </row>
    <row r="108606" spans="14:14">
      <c r="N108606" s="10"/>
    </row>
    <row r="108607" spans="14:14">
      <c r="N108607" s="10"/>
    </row>
    <row r="108608" spans="14:14">
      <c r="N108608" s="10"/>
    </row>
    <row r="108609" spans="14:14">
      <c r="N108609" s="10"/>
    </row>
    <row r="108610" spans="14:14">
      <c r="N108610" s="10"/>
    </row>
    <row r="108611" spans="14:14">
      <c r="N108611" s="10"/>
    </row>
    <row r="108612" spans="14:14">
      <c r="N108612" s="10"/>
    </row>
    <row r="108613" spans="14:14">
      <c r="N108613" s="10"/>
    </row>
    <row r="108614" spans="14:14">
      <c r="N108614" s="10"/>
    </row>
    <row r="108615" spans="14:14">
      <c r="N108615" s="10"/>
    </row>
    <row r="108616" spans="14:14">
      <c r="N108616" s="10"/>
    </row>
    <row r="108617" spans="14:14">
      <c r="N108617" s="10"/>
    </row>
    <row r="108618" spans="14:14">
      <c r="N108618" s="10"/>
    </row>
    <row r="108619" spans="14:14">
      <c r="N108619" s="10"/>
    </row>
    <row r="108620" spans="14:14">
      <c r="N108620" s="10"/>
    </row>
    <row r="108621" spans="14:14">
      <c r="N108621" s="10"/>
    </row>
    <row r="108622" spans="14:14">
      <c r="N108622" s="10"/>
    </row>
    <row r="108623" spans="14:14">
      <c r="N108623" s="10"/>
    </row>
    <row r="108624" spans="14:14">
      <c r="N108624" s="10"/>
    </row>
    <row r="108625" spans="14:14">
      <c r="N108625" s="10"/>
    </row>
    <row r="108626" spans="14:14">
      <c r="N108626" s="10"/>
    </row>
    <row r="108627" spans="14:14">
      <c r="N108627" s="10"/>
    </row>
    <row r="108628" spans="14:14">
      <c r="N108628" s="10"/>
    </row>
    <row r="108629" spans="14:14">
      <c r="N108629" s="10"/>
    </row>
    <row r="108630" spans="14:14">
      <c r="N108630" s="10"/>
    </row>
    <row r="108631" spans="14:14">
      <c r="N108631" s="10"/>
    </row>
    <row r="108632" spans="14:14">
      <c r="N108632" s="10"/>
    </row>
    <row r="108633" spans="14:14">
      <c r="N108633" s="10"/>
    </row>
    <row r="108634" spans="14:14">
      <c r="N108634" s="10"/>
    </row>
    <row r="108635" spans="14:14">
      <c r="N108635" s="10"/>
    </row>
    <row r="108636" spans="14:14">
      <c r="N108636" s="10"/>
    </row>
    <row r="108637" spans="14:14">
      <c r="N108637" s="10"/>
    </row>
    <row r="108638" spans="14:14">
      <c r="N108638" s="10"/>
    </row>
    <row r="108639" spans="14:14">
      <c r="N108639" s="10"/>
    </row>
    <row r="108640" spans="14:14">
      <c r="N108640" s="10"/>
    </row>
    <row r="108641" spans="14:14">
      <c r="N108641" s="10"/>
    </row>
    <row r="108642" spans="14:14">
      <c r="N108642" s="10"/>
    </row>
    <row r="108643" spans="14:14">
      <c r="N108643" s="10"/>
    </row>
    <row r="108644" spans="14:14">
      <c r="N108644" s="10"/>
    </row>
    <row r="108645" spans="14:14">
      <c r="N108645" s="10"/>
    </row>
    <row r="108646" spans="14:14">
      <c r="N108646" s="10"/>
    </row>
    <row r="108647" spans="14:14">
      <c r="N108647" s="10"/>
    </row>
    <row r="108648" spans="14:14">
      <c r="N108648" s="10"/>
    </row>
    <row r="108649" spans="14:14">
      <c r="N108649" s="10"/>
    </row>
    <row r="108650" spans="14:14">
      <c r="N108650" s="10"/>
    </row>
    <row r="108651" spans="14:14">
      <c r="N108651" s="10"/>
    </row>
    <row r="108652" spans="14:14">
      <c r="N108652" s="10"/>
    </row>
    <row r="108653" spans="14:14">
      <c r="N108653" s="10"/>
    </row>
    <row r="108654" spans="14:14">
      <c r="N108654" s="10"/>
    </row>
    <row r="108655" spans="14:14">
      <c r="N108655" s="10"/>
    </row>
    <row r="108656" spans="14:14">
      <c r="N108656" s="10"/>
    </row>
    <row r="108657" spans="14:14">
      <c r="N108657" s="10"/>
    </row>
    <row r="108658" spans="14:14">
      <c r="N108658" s="10"/>
    </row>
    <row r="108659" spans="14:14">
      <c r="N108659" s="10"/>
    </row>
    <row r="108660" spans="14:14">
      <c r="N108660" s="10"/>
    </row>
    <row r="108661" spans="14:14">
      <c r="N108661" s="10"/>
    </row>
    <row r="108662" spans="14:14">
      <c r="N108662" s="10"/>
    </row>
    <row r="108663" spans="14:14">
      <c r="N108663" s="10"/>
    </row>
    <row r="108664" spans="14:14">
      <c r="N108664" s="10"/>
    </row>
    <row r="108665" spans="14:14">
      <c r="N108665" s="10"/>
    </row>
    <row r="108666" spans="14:14">
      <c r="N108666" s="10"/>
    </row>
    <row r="108667" spans="14:14">
      <c r="N108667" s="10"/>
    </row>
    <row r="108668" spans="14:14">
      <c r="N108668" s="10"/>
    </row>
    <row r="108669" spans="14:14">
      <c r="N108669" s="10"/>
    </row>
    <row r="108670" spans="14:14">
      <c r="N108670" s="10"/>
    </row>
    <row r="108671" spans="14:14">
      <c r="N108671" s="10"/>
    </row>
    <row r="108672" spans="14:14">
      <c r="N108672" s="10"/>
    </row>
    <row r="108673" spans="14:14">
      <c r="N108673" s="10"/>
    </row>
    <row r="108674" spans="14:14">
      <c r="N108674" s="10"/>
    </row>
    <row r="108675" spans="14:14">
      <c r="N108675" s="10"/>
    </row>
    <row r="108676" spans="14:14">
      <c r="N108676" s="10"/>
    </row>
    <row r="108677" spans="14:14">
      <c r="N108677" s="10"/>
    </row>
    <row r="108678" spans="14:14">
      <c r="N108678" s="10"/>
    </row>
    <row r="108679" spans="14:14">
      <c r="N108679" s="10"/>
    </row>
    <row r="108680" spans="14:14">
      <c r="N108680" s="10"/>
    </row>
    <row r="108681" spans="14:14">
      <c r="N108681" s="10"/>
    </row>
    <row r="108682" spans="14:14">
      <c r="N108682" s="10"/>
    </row>
    <row r="108683" spans="14:14">
      <c r="N108683" s="10"/>
    </row>
    <row r="108684" spans="14:14">
      <c r="N108684" s="10"/>
    </row>
    <row r="108685" spans="14:14">
      <c r="N108685" s="10"/>
    </row>
    <row r="108686" spans="14:14">
      <c r="N108686" s="10"/>
    </row>
    <row r="108687" spans="14:14">
      <c r="N108687" s="10"/>
    </row>
    <row r="108688" spans="14:14">
      <c r="N108688" s="10"/>
    </row>
    <row r="108689" spans="14:14">
      <c r="N108689" s="10"/>
    </row>
    <row r="108690" spans="14:14">
      <c r="N108690" s="10"/>
    </row>
    <row r="108691" spans="14:14">
      <c r="N108691" s="10"/>
    </row>
    <row r="108692" spans="14:14">
      <c r="N108692" s="10"/>
    </row>
    <row r="108693" spans="14:14">
      <c r="N108693" s="10"/>
    </row>
    <row r="108694" spans="14:14">
      <c r="N108694" s="10"/>
    </row>
    <row r="108695" spans="14:14">
      <c r="N108695" s="10"/>
    </row>
    <row r="108696" spans="14:14">
      <c r="N108696" s="10"/>
    </row>
    <row r="108697" spans="14:14">
      <c r="N108697" s="10"/>
    </row>
    <row r="108698" spans="14:14">
      <c r="N108698" s="10"/>
    </row>
    <row r="108699" spans="14:14">
      <c r="N108699" s="10"/>
    </row>
    <row r="108700" spans="14:14">
      <c r="N108700" s="10"/>
    </row>
    <row r="108701" spans="14:14">
      <c r="N108701" s="10"/>
    </row>
    <row r="108702" spans="14:14">
      <c r="N108702" s="10"/>
    </row>
    <row r="108703" spans="14:14">
      <c r="N108703" s="10"/>
    </row>
    <row r="108704" spans="14:14">
      <c r="N108704" s="10"/>
    </row>
    <row r="108705" spans="14:14">
      <c r="N108705" s="10"/>
    </row>
    <row r="108706" spans="14:14">
      <c r="N108706" s="10"/>
    </row>
    <row r="108707" spans="14:14">
      <c r="N108707" s="10"/>
    </row>
    <row r="108708" spans="14:14">
      <c r="N108708" s="10"/>
    </row>
    <row r="108709" spans="14:14">
      <c r="N108709" s="10"/>
    </row>
    <row r="108710" spans="14:14">
      <c r="N108710" s="10"/>
    </row>
    <row r="108711" spans="14:14">
      <c r="N108711" s="10"/>
    </row>
    <row r="108712" spans="14:14">
      <c r="N108712" s="10"/>
    </row>
    <row r="108713" spans="14:14">
      <c r="N108713" s="10"/>
    </row>
    <row r="108714" spans="14:14">
      <c r="N108714" s="10"/>
    </row>
    <row r="108715" spans="14:14">
      <c r="N108715" s="10"/>
    </row>
    <row r="108716" spans="14:14">
      <c r="N108716" s="10"/>
    </row>
    <row r="108717" spans="14:14">
      <c r="N108717" s="10"/>
    </row>
    <row r="108718" spans="14:14">
      <c r="N108718" s="10"/>
    </row>
    <row r="108719" spans="14:14">
      <c r="N108719" s="10"/>
    </row>
    <row r="108720" spans="14:14">
      <c r="N108720" s="10"/>
    </row>
    <row r="108721" spans="14:14">
      <c r="N108721" s="10"/>
    </row>
    <row r="108722" spans="14:14">
      <c r="N108722" s="10"/>
    </row>
    <row r="108723" spans="14:14">
      <c r="N108723" s="10"/>
    </row>
    <row r="108724" spans="14:14">
      <c r="N108724" s="10"/>
    </row>
    <row r="108725" spans="14:14">
      <c r="N108725" s="10"/>
    </row>
    <row r="108726" spans="14:14">
      <c r="N108726" s="10"/>
    </row>
    <row r="108727" spans="14:14">
      <c r="N108727" s="10"/>
    </row>
    <row r="108728" spans="14:14">
      <c r="N108728" s="10"/>
    </row>
    <row r="108729" spans="14:14">
      <c r="N108729" s="10"/>
    </row>
    <row r="108730" spans="14:14">
      <c r="N108730" s="10"/>
    </row>
    <row r="108731" spans="14:14">
      <c r="N108731" s="10"/>
    </row>
    <row r="108732" spans="14:14">
      <c r="N108732" s="10"/>
    </row>
    <row r="108733" spans="14:14">
      <c r="N108733" s="10"/>
    </row>
    <row r="108734" spans="14:14">
      <c r="N108734" s="10"/>
    </row>
    <row r="108735" spans="14:14">
      <c r="N108735" s="10"/>
    </row>
    <row r="108736" spans="14:14">
      <c r="N108736" s="10"/>
    </row>
    <row r="108737" spans="14:14">
      <c r="N108737" s="10"/>
    </row>
    <row r="108738" spans="14:14">
      <c r="N108738" s="10"/>
    </row>
    <row r="108739" spans="14:14">
      <c r="N108739" s="10"/>
    </row>
    <row r="108740" spans="14:14">
      <c r="N108740" s="10"/>
    </row>
    <row r="108741" spans="14:14">
      <c r="N108741" s="10"/>
    </row>
    <row r="108742" spans="14:14">
      <c r="N108742" s="10"/>
    </row>
    <row r="108743" spans="14:14">
      <c r="N108743" s="10"/>
    </row>
    <row r="108744" spans="14:14">
      <c r="N108744" s="10"/>
    </row>
    <row r="108745" spans="14:14">
      <c r="N108745" s="10"/>
    </row>
    <row r="108746" spans="14:14">
      <c r="N108746" s="10"/>
    </row>
    <row r="108747" spans="14:14">
      <c r="N108747" s="10"/>
    </row>
    <row r="108748" spans="14:14">
      <c r="N108748" s="10"/>
    </row>
    <row r="108749" spans="14:14">
      <c r="N108749" s="10"/>
    </row>
    <row r="108750" spans="14:14">
      <c r="N108750" s="10"/>
    </row>
    <row r="108751" spans="14:14">
      <c r="N108751" s="10"/>
    </row>
    <row r="108752" spans="14:14">
      <c r="N108752" s="10"/>
    </row>
    <row r="108753" spans="14:14">
      <c r="N108753" s="10"/>
    </row>
    <row r="108754" spans="14:14">
      <c r="N108754" s="10"/>
    </row>
    <row r="108755" spans="14:14">
      <c r="N108755" s="10"/>
    </row>
    <row r="108756" spans="14:14">
      <c r="N108756" s="10"/>
    </row>
    <row r="108757" spans="14:14">
      <c r="N108757" s="10"/>
    </row>
    <row r="108758" spans="14:14">
      <c r="N108758" s="10"/>
    </row>
    <row r="108759" spans="14:14">
      <c r="N108759" s="10"/>
    </row>
    <row r="108760" spans="14:14">
      <c r="N108760" s="10"/>
    </row>
    <row r="108761" spans="14:14">
      <c r="N108761" s="10"/>
    </row>
    <row r="108762" spans="14:14">
      <c r="N108762" s="10"/>
    </row>
    <row r="108763" spans="14:14">
      <c r="N108763" s="10"/>
    </row>
    <row r="108764" spans="14:14">
      <c r="N108764" s="10"/>
    </row>
    <row r="108765" spans="14:14">
      <c r="N108765" s="10"/>
    </row>
    <row r="108766" spans="14:14">
      <c r="N108766" s="10"/>
    </row>
    <row r="108767" spans="14:14">
      <c r="N108767" s="10"/>
    </row>
    <row r="108768" spans="14:14">
      <c r="N108768" s="10"/>
    </row>
    <row r="108769" spans="14:14">
      <c r="N108769" s="10"/>
    </row>
    <row r="108770" spans="14:14">
      <c r="N108770" s="10"/>
    </row>
    <row r="108771" spans="14:14">
      <c r="N108771" s="10"/>
    </row>
    <row r="108772" spans="14:14">
      <c r="N108772" s="10"/>
    </row>
    <row r="108773" spans="14:14">
      <c r="N108773" s="10"/>
    </row>
    <row r="108774" spans="14:14">
      <c r="N108774" s="10"/>
    </row>
    <row r="108775" spans="14:14">
      <c r="N108775" s="10"/>
    </row>
    <row r="108776" spans="14:14">
      <c r="N108776" s="10"/>
    </row>
    <row r="108777" spans="14:14">
      <c r="N108777" s="10"/>
    </row>
    <row r="108778" spans="14:14">
      <c r="N108778" s="10"/>
    </row>
    <row r="108779" spans="14:14">
      <c r="N108779" s="10"/>
    </row>
    <row r="108780" spans="14:14">
      <c r="N108780" s="10"/>
    </row>
    <row r="108781" spans="14:14">
      <c r="N108781" s="10"/>
    </row>
    <row r="108782" spans="14:14">
      <c r="N108782" s="10"/>
    </row>
    <row r="108783" spans="14:14">
      <c r="N108783" s="10"/>
    </row>
    <row r="108784" spans="14:14">
      <c r="N108784" s="10"/>
    </row>
    <row r="108785" spans="14:14">
      <c r="N108785" s="10"/>
    </row>
    <row r="108786" spans="14:14">
      <c r="N108786" s="10"/>
    </row>
    <row r="108787" spans="14:14">
      <c r="N108787" s="10"/>
    </row>
    <row r="108788" spans="14:14">
      <c r="N108788" s="10"/>
    </row>
    <row r="108789" spans="14:14">
      <c r="N108789" s="10"/>
    </row>
    <row r="108790" spans="14:14">
      <c r="N108790" s="10"/>
    </row>
    <row r="108791" spans="14:14">
      <c r="N108791" s="10"/>
    </row>
    <row r="108792" spans="14:14">
      <c r="N108792" s="10"/>
    </row>
    <row r="108793" spans="14:14">
      <c r="N108793" s="10"/>
    </row>
    <row r="108794" spans="14:14">
      <c r="N108794" s="10"/>
    </row>
    <row r="108795" spans="14:14">
      <c r="N108795" s="10"/>
    </row>
    <row r="108796" spans="14:14">
      <c r="N108796" s="10"/>
    </row>
    <row r="108797" spans="14:14">
      <c r="N108797" s="10"/>
    </row>
    <row r="108798" spans="14:14">
      <c r="N108798" s="10"/>
    </row>
    <row r="108799" spans="14:14">
      <c r="N108799" s="10"/>
    </row>
    <row r="108800" spans="14:14">
      <c r="N108800" s="10"/>
    </row>
    <row r="108801" spans="14:14">
      <c r="N108801" s="10"/>
    </row>
    <row r="108802" spans="14:14">
      <c r="N108802" s="10"/>
    </row>
    <row r="108803" spans="14:14">
      <c r="N108803" s="10"/>
    </row>
    <row r="108804" spans="14:14">
      <c r="N108804" s="10"/>
    </row>
    <row r="108805" spans="14:14">
      <c r="N108805" s="10"/>
    </row>
    <row r="108806" spans="14:14">
      <c r="N108806" s="10"/>
    </row>
    <row r="108807" spans="14:14">
      <c r="N108807" s="10"/>
    </row>
    <row r="108808" spans="14:14">
      <c r="N108808" s="10"/>
    </row>
    <row r="108809" spans="14:14">
      <c r="N108809" s="10"/>
    </row>
    <row r="108810" spans="14:14">
      <c r="N108810" s="10"/>
    </row>
    <row r="108811" spans="14:14">
      <c r="N108811" s="10"/>
    </row>
    <row r="108812" spans="14:14">
      <c r="N108812" s="10"/>
    </row>
    <row r="108813" spans="14:14">
      <c r="N108813" s="10"/>
    </row>
    <row r="108814" spans="14:14">
      <c r="N108814" s="10"/>
    </row>
    <row r="108815" spans="14:14">
      <c r="N108815" s="10"/>
    </row>
    <row r="108816" spans="14:14">
      <c r="N108816" s="10"/>
    </row>
    <row r="108817" spans="14:14">
      <c r="N108817" s="10"/>
    </row>
    <row r="108818" spans="14:14">
      <c r="N108818" s="10"/>
    </row>
    <row r="108819" spans="14:14">
      <c r="N108819" s="10"/>
    </row>
    <row r="108820" spans="14:14">
      <c r="N108820" s="10"/>
    </row>
    <row r="108821" spans="14:14">
      <c r="N108821" s="10"/>
    </row>
    <row r="108822" spans="14:14">
      <c r="N108822" s="10"/>
    </row>
    <row r="108823" spans="14:14">
      <c r="N108823" s="10"/>
    </row>
    <row r="108824" spans="14:14">
      <c r="N108824" s="10"/>
    </row>
    <row r="108825" spans="14:14">
      <c r="N108825" s="10"/>
    </row>
    <row r="108826" spans="14:14">
      <c r="N108826" s="10"/>
    </row>
    <row r="108827" spans="14:14">
      <c r="N108827" s="10"/>
    </row>
    <row r="108828" spans="14:14">
      <c r="N108828" s="10"/>
    </row>
    <row r="108829" spans="14:14">
      <c r="N108829" s="10"/>
    </row>
    <row r="108830" spans="14:14">
      <c r="N108830" s="10"/>
    </row>
    <row r="108831" spans="14:14">
      <c r="N108831" s="10"/>
    </row>
    <row r="108832" spans="14:14">
      <c r="N108832" s="10"/>
    </row>
    <row r="108833" spans="14:14">
      <c r="N108833" s="10"/>
    </row>
    <row r="108834" spans="14:14">
      <c r="N108834" s="10"/>
    </row>
    <row r="108835" spans="14:14">
      <c r="N108835" s="10"/>
    </row>
    <row r="108836" spans="14:14">
      <c r="N108836" s="10"/>
    </row>
    <row r="108837" spans="14:14">
      <c r="N108837" s="10"/>
    </row>
    <row r="108838" spans="14:14">
      <c r="N108838" s="10"/>
    </row>
    <row r="108839" spans="14:14">
      <c r="N108839" s="10"/>
    </row>
    <row r="108840" spans="14:14">
      <c r="N108840" s="10"/>
    </row>
    <row r="108841" spans="14:14">
      <c r="N108841" s="10"/>
    </row>
    <row r="108842" spans="14:14">
      <c r="N108842" s="10"/>
    </row>
    <row r="108843" spans="14:14">
      <c r="N108843" s="10"/>
    </row>
    <row r="108844" spans="14:14">
      <c r="N108844" s="10"/>
    </row>
    <row r="108845" spans="14:14">
      <c r="N108845" s="10"/>
    </row>
    <row r="108846" spans="14:14">
      <c r="N108846" s="10"/>
    </row>
    <row r="108847" spans="14:14">
      <c r="N108847" s="10"/>
    </row>
    <row r="108848" spans="14:14">
      <c r="N108848" s="10"/>
    </row>
    <row r="108849" spans="14:14">
      <c r="N108849" s="10"/>
    </row>
    <row r="108850" spans="14:14">
      <c r="N108850" s="10"/>
    </row>
    <row r="108851" spans="14:14">
      <c r="N108851" s="10"/>
    </row>
    <row r="108852" spans="14:14">
      <c r="N108852" s="10"/>
    </row>
    <row r="108853" spans="14:14">
      <c r="N108853" s="10"/>
    </row>
    <row r="108854" spans="14:14">
      <c r="N108854" s="10"/>
    </row>
    <row r="108855" spans="14:14">
      <c r="N108855" s="10"/>
    </row>
    <row r="108856" spans="14:14">
      <c r="N108856" s="10"/>
    </row>
    <row r="108857" spans="14:14">
      <c r="N108857" s="10"/>
    </row>
    <row r="108858" spans="14:14">
      <c r="N108858" s="10"/>
    </row>
    <row r="108859" spans="14:14">
      <c r="N108859" s="10"/>
    </row>
    <row r="108860" spans="14:14">
      <c r="N108860" s="10"/>
    </row>
    <row r="108861" spans="14:14">
      <c r="N108861" s="10"/>
    </row>
    <row r="108862" spans="14:14">
      <c r="N108862" s="10"/>
    </row>
    <row r="108863" spans="14:14">
      <c r="N108863" s="10"/>
    </row>
    <row r="108864" spans="14:14">
      <c r="N108864" s="10"/>
    </row>
    <row r="108865" spans="14:14">
      <c r="N108865" s="10"/>
    </row>
    <row r="108866" spans="14:14">
      <c r="N108866" s="10"/>
    </row>
    <row r="108867" spans="14:14">
      <c r="N108867" s="10"/>
    </row>
    <row r="108868" spans="14:14">
      <c r="N108868" s="10"/>
    </row>
    <row r="108869" spans="14:14">
      <c r="N108869" s="10"/>
    </row>
    <row r="108870" spans="14:14">
      <c r="N108870" s="10"/>
    </row>
    <row r="108871" spans="14:14">
      <c r="N108871" s="10"/>
    </row>
    <row r="108872" spans="14:14">
      <c r="N108872" s="10"/>
    </row>
    <row r="108873" spans="14:14">
      <c r="N108873" s="10"/>
    </row>
    <row r="108874" spans="14:14">
      <c r="N108874" s="10"/>
    </row>
    <row r="108875" spans="14:14">
      <c r="N108875" s="10"/>
    </row>
    <row r="108876" spans="14:14">
      <c r="N108876" s="10"/>
    </row>
    <row r="108877" spans="14:14">
      <c r="N108877" s="10"/>
    </row>
    <row r="108878" spans="14:14">
      <c r="N108878" s="10"/>
    </row>
    <row r="108879" spans="14:14">
      <c r="N108879" s="10"/>
    </row>
    <row r="108880" spans="14:14">
      <c r="N108880" s="10"/>
    </row>
    <row r="108881" spans="14:14">
      <c r="N108881" s="10"/>
    </row>
    <row r="108882" spans="14:14">
      <c r="N108882" s="10"/>
    </row>
    <row r="108883" spans="14:14">
      <c r="N108883" s="10"/>
    </row>
    <row r="108884" spans="14:14">
      <c r="N108884" s="10"/>
    </row>
    <row r="108885" spans="14:14">
      <c r="N108885" s="10"/>
    </row>
    <row r="108886" spans="14:14">
      <c r="N108886" s="10"/>
    </row>
    <row r="108887" spans="14:14">
      <c r="N108887" s="10"/>
    </row>
    <row r="108888" spans="14:14">
      <c r="N108888" s="10"/>
    </row>
    <row r="108889" spans="14:14">
      <c r="N108889" s="10"/>
    </row>
    <row r="108890" spans="14:14">
      <c r="N108890" s="10"/>
    </row>
    <row r="108891" spans="14:14">
      <c r="N108891" s="10"/>
    </row>
    <row r="108892" spans="14:14">
      <c r="N108892" s="10"/>
    </row>
    <row r="108893" spans="14:14">
      <c r="N108893" s="10"/>
    </row>
    <row r="108894" spans="14:14">
      <c r="N108894" s="10"/>
    </row>
    <row r="108895" spans="14:14">
      <c r="N108895" s="10"/>
    </row>
    <row r="108896" spans="14:14">
      <c r="N108896" s="10"/>
    </row>
    <row r="108897" spans="14:14">
      <c r="N108897" s="10"/>
    </row>
    <row r="108898" spans="14:14">
      <c r="N108898" s="10"/>
    </row>
    <row r="108899" spans="14:14">
      <c r="N108899" s="10"/>
    </row>
    <row r="108900" spans="14:14">
      <c r="N108900" s="10"/>
    </row>
    <row r="108901" spans="14:14">
      <c r="N108901" s="10"/>
    </row>
    <row r="108902" spans="14:14">
      <c r="N108902" s="10"/>
    </row>
    <row r="108903" spans="14:14">
      <c r="N108903" s="10"/>
    </row>
    <row r="108904" spans="14:14">
      <c r="N108904" s="10"/>
    </row>
    <row r="108905" spans="14:14">
      <c r="N108905" s="10"/>
    </row>
    <row r="108906" spans="14:14">
      <c r="N108906" s="10"/>
    </row>
    <row r="108907" spans="14:14">
      <c r="N108907" s="10"/>
    </row>
    <row r="108908" spans="14:14">
      <c r="N108908" s="10"/>
    </row>
    <row r="108909" spans="14:14">
      <c r="N108909" s="10"/>
    </row>
    <row r="108910" spans="14:14">
      <c r="N108910" s="10"/>
    </row>
    <row r="108911" spans="14:14">
      <c r="N108911" s="10"/>
    </row>
    <row r="108912" spans="14:14">
      <c r="N108912" s="10"/>
    </row>
    <row r="108913" spans="14:14">
      <c r="N108913" s="10"/>
    </row>
    <row r="108914" spans="14:14">
      <c r="N108914" s="10"/>
    </row>
    <row r="108915" spans="14:14">
      <c r="N108915" s="10"/>
    </row>
    <row r="108916" spans="14:14">
      <c r="N108916" s="10"/>
    </row>
    <row r="108917" spans="14:14">
      <c r="N108917" s="10"/>
    </row>
    <row r="108918" spans="14:14">
      <c r="N108918" s="10"/>
    </row>
    <row r="108919" spans="14:14">
      <c r="N108919" s="10"/>
    </row>
    <row r="108920" spans="14:14">
      <c r="N108920" s="10"/>
    </row>
    <row r="108921" spans="14:14">
      <c r="N108921" s="10"/>
    </row>
    <row r="108922" spans="14:14">
      <c r="N108922" s="10"/>
    </row>
    <row r="108923" spans="14:14">
      <c r="N108923" s="10"/>
    </row>
    <row r="108924" spans="14:14">
      <c r="N108924" s="10"/>
    </row>
    <row r="108925" spans="14:14">
      <c r="N108925" s="10"/>
    </row>
    <row r="108926" spans="14:14">
      <c r="N108926" s="10"/>
    </row>
    <row r="108927" spans="14:14">
      <c r="N108927" s="10"/>
    </row>
    <row r="108928" spans="14:14">
      <c r="N108928" s="10"/>
    </row>
    <row r="108929" spans="14:14">
      <c r="N108929" s="10"/>
    </row>
    <row r="108930" spans="14:14">
      <c r="N108930" s="10"/>
    </row>
    <row r="108931" spans="14:14">
      <c r="N108931" s="10"/>
    </row>
    <row r="108932" spans="14:14">
      <c r="N108932" s="10"/>
    </row>
    <row r="108933" spans="14:14">
      <c r="N108933" s="10"/>
    </row>
    <row r="108934" spans="14:14">
      <c r="N108934" s="10"/>
    </row>
    <row r="108935" spans="14:14">
      <c r="N108935" s="10"/>
    </row>
    <row r="108936" spans="14:14">
      <c r="N108936" s="10"/>
    </row>
    <row r="108937" spans="14:14">
      <c r="N108937" s="10"/>
    </row>
    <row r="108938" spans="14:14">
      <c r="N108938" s="10"/>
    </row>
    <row r="108939" spans="14:14">
      <c r="N108939" s="10"/>
    </row>
    <row r="108940" spans="14:14">
      <c r="N108940" s="10"/>
    </row>
    <row r="108941" spans="14:14">
      <c r="N108941" s="10"/>
    </row>
    <row r="108942" spans="14:14">
      <c r="N108942" s="10"/>
    </row>
    <row r="108943" spans="14:14">
      <c r="N108943" s="10"/>
    </row>
    <row r="108944" spans="14:14">
      <c r="N108944" s="10"/>
    </row>
    <row r="108945" spans="14:14">
      <c r="N108945" s="10"/>
    </row>
    <row r="108946" spans="14:14">
      <c r="N108946" s="10"/>
    </row>
    <row r="108947" spans="14:14">
      <c r="N108947" s="10"/>
    </row>
    <row r="108948" spans="14:14">
      <c r="N108948" s="10"/>
    </row>
    <row r="108949" spans="14:14">
      <c r="N108949" s="10"/>
    </row>
    <row r="108950" spans="14:14">
      <c r="N108950" s="10"/>
    </row>
    <row r="108951" spans="14:14">
      <c r="N108951" s="10"/>
    </row>
    <row r="108952" spans="14:14">
      <c r="N108952" s="10"/>
    </row>
    <row r="108953" spans="14:14">
      <c r="N108953" s="10"/>
    </row>
    <row r="108954" spans="14:14">
      <c r="N108954" s="10"/>
    </row>
    <row r="108955" spans="14:14">
      <c r="N108955" s="10"/>
    </row>
    <row r="108956" spans="14:14">
      <c r="N108956" s="10"/>
    </row>
    <row r="108957" spans="14:14">
      <c r="N108957" s="10"/>
    </row>
    <row r="108958" spans="14:14">
      <c r="N108958" s="10"/>
    </row>
    <row r="108959" spans="14:14">
      <c r="N108959" s="10"/>
    </row>
    <row r="108960" spans="14:14">
      <c r="N108960" s="10"/>
    </row>
    <row r="108961" spans="14:14">
      <c r="N108961" s="10"/>
    </row>
    <row r="108962" spans="14:14">
      <c r="N108962" s="10"/>
    </row>
    <row r="108963" spans="14:14">
      <c r="N108963" s="10"/>
    </row>
    <row r="108964" spans="14:14">
      <c r="N108964" s="10"/>
    </row>
    <row r="108965" spans="14:14">
      <c r="N108965" s="10"/>
    </row>
    <row r="108966" spans="14:14">
      <c r="N108966" s="10"/>
    </row>
    <row r="108967" spans="14:14">
      <c r="N108967" s="10"/>
    </row>
    <row r="108968" spans="14:14">
      <c r="N108968" s="10"/>
    </row>
    <row r="108969" spans="14:14">
      <c r="N108969" s="10"/>
    </row>
    <row r="108970" spans="14:14">
      <c r="N108970" s="10"/>
    </row>
    <row r="108971" spans="14:14">
      <c r="N108971" s="10"/>
    </row>
    <row r="108972" spans="14:14">
      <c r="N108972" s="10"/>
    </row>
    <row r="108973" spans="14:14">
      <c r="N108973" s="10"/>
    </row>
    <row r="108974" spans="14:14">
      <c r="N108974" s="10"/>
    </row>
    <row r="108975" spans="14:14">
      <c r="N108975" s="10"/>
    </row>
    <row r="108976" spans="14:14">
      <c r="N108976" s="10"/>
    </row>
    <row r="108977" spans="14:14">
      <c r="N108977" s="10"/>
    </row>
    <row r="108978" spans="14:14">
      <c r="N108978" s="10"/>
    </row>
    <row r="108979" spans="14:14">
      <c r="N108979" s="10"/>
    </row>
    <row r="108980" spans="14:14">
      <c r="N108980" s="10"/>
    </row>
    <row r="108981" spans="14:14">
      <c r="N108981" s="10"/>
    </row>
    <row r="108982" spans="14:14">
      <c r="N108982" s="10"/>
    </row>
    <row r="108983" spans="14:14">
      <c r="N108983" s="10"/>
    </row>
    <row r="108984" spans="14:14">
      <c r="N108984" s="10"/>
    </row>
    <row r="108985" spans="14:14">
      <c r="N108985" s="10"/>
    </row>
    <row r="108986" spans="14:14">
      <c r="N108986" s="10"/>
    </row>
    <row r="108987" spans="14:14">
      <c r="N108987" s="10"/>
    </row>
    <row r="108988" spans="14:14">
      <c r="N108988" s="10"/>
    </row>
    <row r="108989" spans="14:14">
      <c r="N108989" s="10"/>
    </row>
    <row r="108990" spans="14:14">
      <c r="N108990" s="10"/>
    </row>
    <row r="108991" spans="14:14">
      <c r="N108991" s="10"/>
    </row>
    <row r="108992" spans="14:14">
      <c r="N108992" s="10"/>
    </row>
    <row r="108993" spans="14:14">
      <c r="N108993" s="10"/>
    </row>
    <row r="108994" spans="14:14">
      <c r="N108994" s="10"/>
    </row>
    <row r="108995" spans="14:14">
      <c r="N108995" s="10"/>
    </row>
    <row r="108996" spans="14:14">
      <c r="N108996" s="10"/>
    </row>
    <row r="108997" spans="14:14">
      <c r="N108997" s="10"/>
    </row>
    <row r="108998" spans="14:14">
      <c r="N108998" s="10"/>
    </row>
    <row r="108999" spans="14:14">
      <c r="N108999" s="10"/>
    </row>
    <row r="109000" spans="14:14">
      <c r="N109000" s="10"/>
    </row>
    <row r="109001" spans="14:14">
      <c r="N109001" s="10"/>
    </row>
    <row r="109002" spans="14:14">
      <c r="N109002" s="10"/>
    </row>
    <row r="109003" spans="14:14">
      <c r="N109003" s="10"/>
    </row>
    <row r="109004" spans="14:14">
      <c r="N109004" s="10"/>
    </row>
    <row r="109005" spans="14:14">
      <c r="N109005" s="10"/>
    </row>
    <row r="109006" spans="14:14">
      <c r="N109006" s="10"/>
    </row>
    <row r="109007" spans="14:14">
      <c r="N109007" s="10"/>
    </row>
    <row r="109008" spans="14:14">
      <c r="N109008" s="10"/>
    </row>
    <row r="109009" spans="14:14">
      <c r="N109009" s="10"/>
    </row>
    <row r="109010" spans="14:14">
      <c r="N109010" s="10"/>
    </row>
    <row r="109011" spans="14:14">
      <c r="N109011" s="10"/>
    </row>
    <row r="109012" spans="14:14">
      <c r="N109012" s="10"/>
    </row>
    <row r="109013" spans="14:14">
      <c r="N109013" s="10"/>
    </row>
    <row r="109014" spans="14:14">
      <c r="N109014" s="10"/>
    </row>
    <row r="109015" spans="14:14">
      <c r="N109015" s="10"/>
    </row>
    <row r="109016" spans="14:14">
      <c r="N109016" s="10"/>
    </row>
    <row r="109017" spans="14:14">
      <c r="N109017" s="10"/>
    </row>
    <row r="109018" spans="14:14">
      <c r="N109018" s="10"/>
    </row>
    <row r="109019" spans="14:14">
      <c r="N109019" s="10"/>
    </row>
    <row r="109020" spans="14:14">
      <c r="N109020" s="10"/>
    </row>
    <row r="109021" spans="14:14">
      <c r="N109021" s="10"/>
    </row>
    <row r="109022" spans="14:14">
      <c r="N109022" s="10"/>
    </row>
    <row r="109023" spans="14:14">
      <c r="N109023" s="10"/>
    </row>
    <row r="109024" spans="14:14">
      <c r="N109024" s="10"/>
    </row>
    <row r="109025" spans="14:14">
      <c r="N109025" s="10"/>
    </row>
    <row r="109026" spans="14:14">
      <c r="N109026" s="10"/>
    </row>
    <row r="109027" spans="14:14">
      <c r="N109027" s="10"/>
    </row>
    <row r="109028" spans="14:14">
      <c r="N109028" s="10"/>
    </row>
    <row r="109029" spans="14:14">
      <c r="N109029" s="10"/>
    </row>
    <row r="109030" spans="14:14">
      <c r="N109030" s="10"/>
    </row>
    <row r="109031" spans="14:14">
      <c r="N109031" s="10"/>
    </row>
    <row r="109032" spans="14:14">
      <c r="N109032" s="10"/>
    </row>
    <row r="109033" spans="14:14">
      <c r="N109033" s="10"/>
    </row>
    <row r="109034" spans="14:14">
      <c r="N109034" s="10"/>
    </row>
    <row r="109035" spans="14:14">
      <c r="N109035" s="10"/>
    </row>
    <row r="109036" spans="14:14">
      <c r="N109036" s="10"/>
    </row>
    <row r="109037" spans="14:14">
      <c r="N109037" s="10"/>
    </row>
    <row r="109038" spans="14:14">
      <c r="N109038" s="10"/>
    </row>
    <row r="109039" spans="14:14">
      <c r="N109039" s="10"/>
    </row>
    <row r="109040" spans="14:14">
      <c r="N109040" s="10"/>
    </row>
    <row r="109041" spans="14:14">
      <c r="N109041" s="10"/>
    </row>
    <row r="109042" spans="14:14">
      <c r="N109042" s="10"/>
    </row>
    <row r="109043" spans="14:14">
      <c r="N109043" s="10"/>
    </row>
    <row r="109044" spans="14:14">
      <c r="N109044" s="10"/>
    </row>
    <row r="109045" spans="14:14">
      <c r="N109045" s="10"/>
    </row>
    <row r="109046" spans="14:14">
      <c r="N109046" s="10"/>
    </row>
    <row r="109047" spans="14:14">
      <c r="N109047" s="10"/>
    </row>
    <row r="109048" spans="14:14">
      <c r="N109048" s="10"/>
    </row>
    <row r="109049" spans="14:14">
      <c r="N109049" s="10"/>
    </row>
    <row r="109050" spans="14:14">
      <c r="N109050" s="10"/>
    </row>
    <row r="109051" spans="14:14">
      <c r="N109051" s="10"/>
    </row>
    <row r="109052" spans="14:14">
      <c r="N109052" s="10"/>
    </row>
    <row r="109053" spans="14:14">
      <c r="N109053" s="10"/>
    </row>
    <row r="109054" spans="14:14">
      <c r="N109054" s="10"/>
    </row>
    <row r="109055" spans="14:14">
      <c r="N109055" s="10"/>
    </row>
    <row r="109056" spans="14:14">
      <c r="N109056" s="10"/>
    </row>
    <row r="109057" spans="14:14">
      <c r="N109057" s="10"/>
    </row>
    <row r="109058" spans="14:14">
      <c r="N109058" s="10"/>
    </row>
    <row r="109059" spans="14:14">
      <c r="N109059" s="10"/>
    </row>
    <row r="109060" spans="14:14">
      <c r="N109060" s="10"/>
    </row>
    <row r="109061" spans="14:14">
      <c r="N109061" s="10"/>
    </row>
    <row r="109062" spans="14:14">
      <c r="N109062" s="10"/>
    </row>
    <row r="109063" spans="14:14">
      <c r="N109063" s="10"/>
    </row>
    <row r="109064" spans="14:14">
      <c r="N109064" s="10"/>
    </row>
    <row r="109065" spans="14:14">
      <c r="N109065" s="10"/>
    </row>
    <row r="109066" spans="14:14">
      <c r="N109066" s="10"/>
    </row>
    <row r="109067" spans="14:14">
      <c r="N109067" s="10"/>
    </row>
    <row r="109068" spans="14:14">
      <c r="N109068" s="10"/>
    </row>
    <row r="109069" spans="14:14">
      <c r="N109069" s="10"/>
    </row>
    <row r="109070" spans="14:14">
      <c r="N109070" s="10"/>
    </row>
    <row r="109071" spans="14:14">
      <c r="N109071" s="10"/>
    </row>
    <row r="109072" spans="14:14">
      <c r="N109072" s="10"/>
    </row>
    <row r="109073" spans="14:14">
      <c r="N109073" s="10"/>
    </row>
    <row r="109074" spans="14:14">
      <c r="N109074" s="10"/>
    </row>
    <row r="109075" spans="14:14">
      <c r="N109075" s="10"/>
    </row>
    <row r="109076" spans="14:14">
      <c r="N109076" s="10"/>
    </row>
    <row r="109077" spans="14:14">
      <c r="N109077" s="10"/>
    </row>
    <row r="109078" spans="14:14">
      <c r="N109078" s="10"/>
    </row>
    <row r="109079" spans="14:14">
      <c r="N109079" s="10"/>
    </row>
    <row r="109080" spans="14:14">
      <c r="N109080" s="10"/>
    </row>
    <row r="109081" spans="14:14">
      <c r="N109081" s="10"/>
    </row>
    <row r="109082" spans="14:14">
      <c r="N109082" s="10"/>
    </row>
    <row r="109083" spans="14:14">
      <c r="N109083" s="10"/>
    </row>
    <row r="109084" spans="14:14">
      <c r="N109084" s="10"/>
    </row>
    <row r="109085" spans="14:14">
      <c r="N109085" s="10"/>
    </row>
    <row r="109086" spans="14:14">
      <c r="N109086" s="10"/>
    </row>
    <row r="109087" spans="14:14">
      <c r="N109087" s="10"/>
    </row>
    <row r="109088" spans="14:14">
      <c r="N109088" s="10"/>
    </row>
    <row r="109089" spans="14:14">
      <c r="N109089" s="10"/>
    </row>
    <row r="109090" spans="14:14">
      <c r="N109090" s="10"/>
    </row>
    <row r="109091" spans="14:14">
      <c r="N109091" s="10"/>
    </row>
    <row r="109092" spans="14:14">
      <c r="N109092" s="10"/>
    </row>
    <row r="109093" spans="14:14">
      <c r="N109093" s="10"/>
    </row>
    <row r="109094" spans="14:14">
      <c r="N109094" s="10"/>
    </row>
    <row r="109095" spans="14:14">
      <c r="N109095" s="10"/>
    </row>
    <row r="109096" spans="14:14">
      <c r="N109096" s="10"/>
    </row>
    <row r="109097" spans="14:14">
      <c r="N109097" s="10"/>
    </row>
    <row r="109098" spans="14:14">
      <c r="N109098" s="10"/>
    </row>
    <row r="109099" spans="14:14">
      <c r="N109099" s="10"/>
    </row>
    <row r="109100" spans="14:14">
      <c r="N109100" s="10"/>
    </row>
    <row r="109101" spans="14:14">
      <c r="N109101" s="10"/>
    </row>
    <row r="109102" spans="14:14">
      <c r="N109102" s="10"/>
    </row>
    <row r="109103" spans="14:14">
      <c r="N109103" s="10"/>
    </row>
    <row r="109104" spans="14:14">
      <c r="N109104" s="10"/>
    </row>
    <row r="109105" spans="14:14">
      <c r="N109105" s="10"/>
    </row>
    <row r="109106" spans="14:14">
      <c r="N109106" s="10"/>
    </row>
    <row r="109107" spans="14:14">
      <c r="N109107" s="10"/>
    </row>
    <row r="109108" spans="14:14">
      <c r="N109108" s="10"/>
    </row>
    <row r="109109" spans="14:14">
      <c r="N109109" s="10"/>
    </row>
    <row r="109110" spans="14:14">
      <c r="N109110" s="10"/>
    </row>
    <row r="109111" spans="14:14">
      <c r="N109111" s="10"/>
    </row>
    <row r="109112" spans="14:14">
      <c r="N109112" s="10"/>
    </row>
    <row r="109113" spans="14:14">
      <c r="N109113" s="10"/>
    </row>
    <row r="109114" spans="14:14">
      <c r="N109114" s="10"/>
    </row>
    <row r="109115" spans="14:14">
      <c r="N109115" s="10"/>
    </row>
    <row r="109116" spans="14:14">
      <c r="N109116" s="10"/>
    </row>
    <row r="109117" spans="14:14">
      <c r="N109117" s="10"/>
    </row>
    <row r="109118" spans="14:14">
      <c r="N109118" s="10"/>
    </row>
    <row r="109119" spans="14:14">
      <c r="N109119" s="10"/>
    </row>
    <row r="109120" spans="14:14">
      <c r="N109120" s="10"/>
    </row>
    <row r="109121" spans="14:14">
      <c r="N109121" s="10"/>
    </row>
    <row r="109122" spans="14:14">
      <c r="N109122" s="10"/>
    </row>
    <row r="109123" spans="14:14">
      <c r="N109123" s="10"/>
    </row>
    <row r="109124" spans="14:14">
      <c r="N109124" s="10"/>
    </row>
    <row r="109125" spans="14:14">
      <c r="N109125" s="10"/>
    </row>
    <row r="109126" spans="14:14">
      <c r="N109126" s="10"/>
    </row>
    <row r="109127" spans="14:14">
      <c r="N109127" s="10"/>
    </row>
    <row r="109128" spans="14:14">
      <c r="N109128" s="10"/>
    </row>
    <row r="109129" spans="14:14">
      <c r="N109129" s="10"/>
    </row>
    <row r="109130" spans="14:14">
      <c r="N109130" s="10"/>
    </row>
    <row r="109131" spans="14:14">
      <c r="N109131" s="10"/>
    </row>
    <row r="109132" spans="14:14">
      <c r="N109132" s="10"/>
    </row>
    <row r="109133" spans="14:14">
      <c r="N109133" s="10"/>
    </row>
    <row r="109134" spans="14:14">
      <c r="N109134" s="10"/>
    </row>
    <row r="109135" spans="14:14">
      <c r="N109135" s="10"/>
    </row>
    <row r="109136" spans="14:14">
      <c r="N109136" s="10"/>
    </row>
    <row r="109137" spans="14:14">
      <c r="N109137" s="10"/>
    </row>
    <row r="109138" spans="14:14">
      <c r="N109138" s="10"/>
    </row>
    <row r="109139" spans="14:14">
      <c r="N109139" s="10"/>
    </row>
    <row r="109140" spans="14:14">
      <c r="N109140" s="10"/>
    </row>
    <row r="109141" spans="14:14">
      <c r="N109141" s="10"/>
    </row>
    <row r="109142" spans="14:14">
      <c r="N109142" s="10"/>
    </row>
    <row r="109143" spans="14:14">
      <c r="N109143" s="10"/>
    </row>
    <row r="109144" spans="14:14">
      <c r="N109144" s="10"/>
    </row>
    <row r="109145" spans="14:14">
      <c r="N109145" s="10"/>
    </row>
    <row r="109146" spans="14:14">
      <c r="N109146" s="10"/>
    </row>
    <row r="109147" spans="14:14">
      <c r="N109147" s="10"/>
    </row>
    <row r="109148" spans="14:14">
      <c r="N109148" s="10"/>
    </row>
    <row r="109149" spans="14:14">
      <c r="N109149" s="10"/>
    </row>
    <row r="109150" spans="14:14">
      <c r="N109150" s="10"/>
    </row>
    <row r="109151" spans="14:14">
      <c r="N109151" s="10"/>
    </row>
    <row r="109152" spans="14:14">
      <c r="N109152" s="10"/>
    </row>
    <row r="109153" spans="14:14">
      <c r="N109153" s="10"/>
    </row>
    <row r="109154" spans="14:14">
      <c r="N109154" s="10"/>
    </row>
    <row r="109155" spans="14:14">
      <c r="N109155" s="10"/>
    </row>
    <row r="109156" spans="14:14">
      <c r="N109156" s="10"/>
    </row>
    <row r="109157" spans="14:14">
      <c r="N109157" s="10"/>
    </row>
    <row r="109158" spans="14:14">
      <c r="N109158" s="10"/>
    </row>
    <row r="109159" spans="14:14">
      <c r="N109159" s="10"/>
    </row>
    <row r="109160" spans="14:14">
      <c r="N109160" s="10"/>
    </row>
    <row r="109161" spans="14:14">
      <c r="N109161" s="10"/>
    </row>
    <row r="109162" spans="14:14">
      <c r="N109162" s="10"/>
    </row>
    <row r="109163" spans="14:14">
      <c r="N109163" s="10"/>
    </row>
    <row r="109164" spans="14:14">
      <c r="N109164" s="10"/>
    </row>
    <row r="109165" spans="14:14">
      <c r="N109165" s="10"/>
    </row>
    <row r="109166" spans="14:14">
      <c r="N109166" s="10"/>
    </row>
    <row r="109167" spans="14:14">
      <c r="N109167" s="10"/>
    </row>
    <row r="109168" spans="14:14">
      <c r="N109168" s="10"/>
    </row>
    <row r="109169" spans="14:14">
      <c r="N109169" s="10"/>
    </row>
    <row r="109170" spans="14:14">
      <c r="N109170" s="10"/>
    </row>
    <row r="109171" spans="14:14">
      <c r="N109171" s="10"/>
    </row>
    <row r="109172" spans="14:14">
      <c r="N109172" s="10"/>
    </row>
    <row r="109173" spans="14:14">
      <c r="N109173" s="10"/>
    </row>
    <row r="109174" spans="14:14">
      <c r="N109174" s="10"/>
    </row>
    <row r="109175" spans="14:14">
      <c r="N109175" s="10"/>
    </row>
    <row r="109176" spans="14:14">
      <c r="N109176" s="10"/>
    </row>
    <row r="109177" spans="14:14">
      <c r="N109177" s="10"/>
    </row>
    <row r="109178" spans="14:14">
      <c r="N109178" s="10"/>
    </row>
    <row r="109179" spans="14:14">
      <c r="N109179" s="10"/>
    </row>
    <row r="109180" spans="14:14">
      <c r="N109180" s="10"/>
    </row>
    <row r="109181" spans="14:14">
      <c r="N109181" s="10"/>
    </row>
    <row r="109182" spans="14:14">
      <c r="N109182" s="10"/>
    </row>
    <row r="109183" spans="14:14">
      <c r="N109183" s="10"/>
    </row>
    <row r="109184" spans="14:14">
      <c r="N109184" s="10"/>
    </row>
    <row r="109185" spans="14:14">
      <c r="N109185" s="10"/>
    </row>
    <row r="109186" spans="14:14">
      <c r="N109186" s="10"/>
    </row>
    <row r="109187" spans="14:14">
      <c r="N109187" s="10"/>
    </row>
    <row r="109188" spans="14:14">
      <c r="N109188" s="10"/>
    </row>
    <row r="109189" spans="14:14">
      <c r="N109189" s="10"/>
    </row>
    <row r="109190" spans="14:14">
      <c r="N109190" s="10"/>
    </row>
    <row r="109191" spans="14:14">
      <c r="N109191" s="10"/>
    </row>
    <row r="109192" spans="14:14">
      <c r="N109192" s="10"/>
    </row>
    <row r="109193" spans="14:14">
      <c r="N109193" s="10"/>
    </row>
    <row r="109194" spans="14:14">
      <c r="N109194" s="10"/>
    </row>
    <row r="109195" spans="14:14">
      <c r="N109195" s="10"/>
    </row>
    <row r="109196" spans="14:14">
      <c r="N109196" s="10"/>
    </row>
    <row r="109197" spans="14:14">
      <c r="N109197" s="10"/>
    </row>
    <row r="109198" spans="14:14">
      <c r="N109198" s="10"/>
    </row>
    <row r="109199" spans="14:14">
      <c r="N109199" s="10"/>
    </row>
    <row r="109200" spans="14:14">
      <c r="N109200" s="10"/>
    </row>
    <row r="109201" spans="14:14">
      <c r="N109201" s="10"/>
    </row>
    <row r="109202" spans="14:14">
      <c r="N109202" s="10"/>
    </row>
    <row r="109203" spans="14:14">
      <c r="N109203" s="10"/>
    </row>
    <row r="109204" spans="14:14">
      <c r="N109204" s="10"/>
    </row>
    <row r="109205" spans="14:14">
      <c r="N109205" s="10"/>
    </row>
    <row r="109206" spans="14:14">
      <c r="N109206" s="10"/>
    </row>
    <row r="109207" spans="14:14">
      <c r="N109207" s="10"/>
    </row>
    <row r="109208" spans="14:14">
      <c r="N109208" s="10"/>
    </row>
    <row r="109209" spans="14:14">
      <c r="N109209" s="10"/>
    </row>
    <row r="109210" spans="14:14">
      <c r="N109210" s="10"/>
    </row>
    <row r="109211" spans="14:14">
      <c r="N109211" s="10"/>
    </row>
    <row r="109212" spans="14:14">
      <c r="N109212" s="10"/>
    </row>
    <row r="109213" spans="14:14">
      <c r="N109213" s="10"/>
    </row>
    <row r="109214" spans="14:14">
      <c r="N109214" s="10"/>
    </row>
    <row r="109215" spans="14:14">
      <c r="N109215" s="10"/>
    </row>
    <row r="109216" spans="14:14">
      <c r="N109216" s="10"/>
    </row>
    <row r="109217" spans="14:14">
      <c r="N109217" s="10"/>
    </row>
    <row r="109218" spans="14:14">
      <c r="N109218" s="10"/>
    </row>
    <row r="109219" spans="14:14">
      <c r="N109219" s="10"/>
    </row>
    <row r="109220" spans="14:14">
      <c r="N109220" s="10"/>
    </row>
    <row r="109221" spans="14:14">
      <c r="N109221" s="10"/>
    </row>
    <row r="109222" spans="14:14">
      <c r="N109222" s="10"/>
    </row>
    <row r="109223" spans="14:14">
      <c r="N109223" s="10"/>
    </row>
    <row r="109224" spans="14:14">
      <c r="N109224" s="10"/>
    </row>
    <row r="109225" spans="14:14">
      <c r="N109225" s="10"/>
    </row>
    <row r="109226" spans="14:14">
      <c r="N109226" s="10"/>
    </row>
    <row r="109227" spans="14:14">
      <c r="N109227" s="10"/>
    </row>
    <row r="109228" spans="14:14">
      <c r="N109228" s="10"/>
    </row>
    <row r="109229" spans="14:14">
      <c r="N109229" s="10"/>
    </row>
    <row r="109230" spans="14:14">
      <c r="N109230" s="10"/>
    </row>
    <row r="109231" spans="14:14">
      <c r="N109231" s="10"/>
    </row>
    <row r="109232" spans="14:14">
      <c r="N109232" s="10"/>
    </row>
    <row r="109233" spans="14:14">
      <c r="N109233" s="10"/>
    </row>
    <row r="109234" spans="14:14">
      <c r="N109234" s="10"/>
    </row>
    <row r="109235" spans="14:14">
      <c r="N109235" s="10"/>
    </row>
    <row r="109236" spans="14:14">
      <c r="N109236" s="10"/>
    </row>
    <row r="109237" spans="14:14">
      <c r="N109237" s="10"/>
    </row>
    <row r="109238" spans="14:14">
      <c r="N109238" s="10"/>
    </row>
    <row r="109239" spans="14:14">
      <c r="N109239" s="10"/>
    </row>
    <row r="109240" spans="14:14">
      <c r="N109240" s="10"/>
    </row>
    <row r="109241" spans="14:14">
      <c r="N109241" s="10"/>
    </row>
    <row r="109242" spans="14:14">
      <c r="N109242" s="10"/>
    </row>
    <row r="109243" spans="14:14">
      <c r="N109243" s="10"/>
    </row>
    <row r="109244" spans="14:14">
      <c r="N109244" s="10"/>
    </row>
    <row r="109245" spans="14:14">
      <c r="N109245" s="10"/>
    </row>
    <row r="109246" spans="14:14">
      <c r="N109246" s="10"/>
    </row>
    <row r="109247" spans="14:14">
      <c r="N109247" s="10"/>
    </row>
    <row r="109248" spans="14:14">
      <c r="N109248" s="10"/>
    </row>
    <row r="109249" spans="14:14">
      <c r="N109249" s="10"/>
    </row>
    <row r="109250" spans="14:14">
      <c r="N109250" s="10"/>
    </row>
    <row r="109251" spans="14:14">
      <c r="N109251" s="10"/>
    </row>
    <row r="109252" spans="14:14">
      <c r="N109252" s="10"/>
    </row>
    <row r="109253" spans="14:14">
      <c r="N109253" s="10"/>
    </row>
    <row r="109254" spans="14:14">
      <c r="N109254" s="10"/>
    </row>
    <row r="109255" spans="14:14">
      <c r="N109255" s="10"/>
    </row>
    <row r="109256" spans="14:14">
      <c r="N109256" s="10"/>
    </row>
    <row r="109257" spans="14:14">
      <c r="N109257" s="10"/>
    </row>
    <row r="109258" spans="14:14">
      <c r="N109258" s="10"/>
    </row>
    <row r="109259" spans="14:14">
      <c r="N109259" s="10"/>
    </row>
    <row r="109260" spans="14:14">
      <c r="N109260" s="10"/>
    </row>
    <row r="109261" spans="14:14">
      <c r="N109261" s="10"/>
    </row>
    <row r="109262" spans="14:14">
      <c r="N109262" s="10"/>
    </row>
    <row r="109263" spans="14:14">
      <c r="N109263" s="10"/>
    </row>
    <row r="109264" spans="14:14">
      <c r="N109264" s="10"/>
    </row>
    <row r="109265" spans="14:14">
      <c r="N109265" s="10"/>
    </row>
    <row r="109266" spans="14:14">
      <c r="N109266" s="10"/>
    </row>
    <row r="109267" spans="14:14">
      <c r="N109267" s="10"/>
    </row>
    <row r="109268" spans="14:14">
      <c r="N109268" s="10"/>
    </row>
    <row r="109269" spans="14:14">
      <c r="N109269" s="10"/>
    </row>
    <row r="109270" spans="14:14">
      <c r="N109270" s="10"/>
    </row>
    <row r="109271" spans="14:14">
      <c r="N109271" s="10"/>
    </row>
    <row r="109272" spans="14:14">
      <c r="N109272" s="10"/>
    </row>
    <row r="109273" spans="14:14">
      <c r="N109273" s="10"/>
    </row>
    <row r="109274" spans="14:14">
      <c r="N109274" s="10"/>
    </row>
    <row r="109275" spans="14:14">
      <c r="N109275" s="10"/>
    </row>
    <row r="109276" spans="14:14">
      <c r="N109276" s="10"/>
    </row>
    <row r="109277" spans="14:14">
      <c r="N109277" s="10"/>
    </row>
    <row r="109278" spans="14:14">
      <c r="N109278" s="10"/>
    </row>
    <row r="109279" spans="14:14">
      <c r="N109279" s="10"/>
    </row>
    <row r="109280" spans="14:14">
      <c r="N109280" s="10"/>
    </row>
    <row r="109281" spans="14:14">
      <c r="N109281" s="10"/>
    </row>
    <row r="109282" spans="14:14">
      <c r="N109282" s="10"/>
    </row>
    <row r="109283" spans="14:14">
      <c r="N109283" s="10"/>
    </row>
    <row r="109284" spans="14:14">
      <c r="N109284" s="10"/>
    </row>
    <row r="109285" spans="14:14">
      <c r="N109285" s="10"/>
    </row>
    <row r="109286" spans="14:14">
      <c r="N109286" s="10"/>
    </row>
    <row r="109287" spans="14:14">
      <c r="N109287" s="10"/>
    </row>
    <row r="109288" spans="14:14">
      <c r="N109288" s="10"/>
    </row>
    <row r="109289" spans="14:14">
      <c r="N109289" s="10"/>
    </row>
    <row r="109290" spans="14:14">
      <c r="N109290" s="10"/>
    </row>
    <row r="109291" spans="14:14">
      <c r="N109291" s="10"/>
    </row>
    <row r="109292" spans="14:14">
      <c r="N109292" s="10"/>
    </row>
    <row r="109293" spans="14:14">
      <c r="N109293" s="10"/>
    </row>
    <row r="109294" spans="14:14">
      <c r="N109294" s="10"/>
    </row>
    <row r="109295" spans="14:14">
      <c r="N109295" s="10"/>
    </row>
    <row r="109296" spans="14:14">
      <c r="N109296" s="10"/>
    </row>
    <row r="109297" spans="14:14">
      <c r="N109297" s="10"/>
    </row>
    <row r="109298" spans="14:14">
      <c r="N109298" s="10"/>
    </row>
    <row r="109299" spans="14:14">
      <c r="N109299" s="10"/>
    </row>
    <row r="109300" spans="14:14">
      <c r="N109300" s="10"/>
    </row>
    <row r="109301" spans="14:14">
      <c r="N109301" s="10"/>
    </row>
    <row r="109302" spans="14:14">
      <c r="N109302" s="10"/>
    </row>
    <row r="109303" spans="14:14">
      <c r="N109303" s="10"/>
    </row>
    <row r="109304" spans="14:14">
      <c r="N109304" s="10"/>
    </row>
    <row r="109305" spans="14:14">
      <c r="N109305" s="10"/>
    </row>
    <row r="109306" spans="14:14">
      <c r="N109306" s="10"/>
    </row>
    <row r="109307" spans="14:14">
      <c r="N109307" s="10"/>
    </row>
    <row r="109308" spans="14:14">
      <c r="N109308" s="10"/>
    </row>
    <row r="109309" spans="14:14">
      <c r="N109309" s="10"/>
    </row>
    <row r="109310" spans="14:14">
      <c r="N109310" s="10"/>
    </row>
    <row r="109311" spans="14:14">
      <c r="N109311" s="10"/>
    </row>
    <row r="109312" spans="14:14">
      <c r="N109312" s="10"/>
    </row>
    <row r="109313" spans="14:14">
      <c r="N109313" s="10"/>
    </row>
    <row r="109314" spans="14:14">
      <c r="N109314" s="10"/>
    </row>
    <row r="109315" spans="14:14">
      <c r="N109315" s="10"/>
    </row>
    <row r="109316" spans="14:14">
      <c r="N109316" s="10"/>
    </row>
    <row r="109317" spans="14:14">
      <c r="N109317" s="10"/>
    </row>
    <row r="109318" spans="14:14">
      <c r="N109318" s="10"/>
    </row>
    <row r="109319" spans="14:14">
      <c r="N109319" s="10"/>
    </row>
    <row r="109320" spans="14:14">
      <c r="N109320" s="10"/>
    </row>
    <row r="109321" spans="14:14">
      <c r="N109321" s="10"/>
    </row>
    <row r="109322" spans="14:14">
      <c r="N109322" s="10"/>
    </row>
    <row r="109323" spans="14:14">
      <c r="N109323" s="10"/>
    </row>
    <row r="109324" spans="14:14">
      <c r="N109324" s="10"/>
    </row>
    <row r="109325" spans="14:14">
      <c r="N109325" s="10"/>
    </row>
    <row r="109326" spans="14:14">
      <c r="N109326" s="10"/>
    </row>
    <row r="109327" spans="14:14">
      <c r="N109327" s="10"/>
    </row>
    <row r="109328" spans="14:14">
      <c r="N109328" s="10"/>
    </row>
    <row r="109329" spans="14:14">
      <c r="N109329" s="10"/>
    </row>
    <row r="109330" spans="14:14">
      <c r="N109330" s="10"/>
    </row>
    <row r="109331" spans="14:14">
      <c r="N109331" s="10"/>
    </row>
    <row r="109332" spans="14:14">
      <c r="N109332" s="10"/>
    </row>
    <row r="109333" spans="14:14">
      <c r="N109333" s="10"/>
    </row>
    <row r="109334" spans="14:14">
      <c r="N109334" s="10"/>
    </row>
    <row r="109335" spans="14:14">
      <c r="N109335" s="10"/>
    </row>
    <row r="109336" spans="14:14">
      <c r="N109336" s="10"/>
    </row>
    <row r="109337" spans="14:14">
      <c r="N109337" s="10"/>
    </row>
    <row r="109338" spans="14:14">
      <c r="N109338" s="10"/>
    </row>
    <row r="109339" spans="14:14">
      <c r="N109339" s="10"/>
    </row>
    <row r="109340" spans="14:14">
      <c r="N109340" s="10"/>
    </row>
    <row r="109341" spans="14:14">
      <c r="N109341" s="10"/>
    </row>
    <row r="109342" spans="14:14">
      <c r="N109342" s="10"/>
    </row>
    <row r="109343" spans="14:14">
      <c r="N109343" s="10"/>
    </row>
    <row r="109344" spans="14:14">
      <c r="N109344" s="10"/>
    </row>
    <row r="109345" spans="14:14">
      <c r="N109345" s="10"/>
    </row>
    <row r="109346" spans="14:14">
      <c r="N109346" s="10"/>
    </row>
    <row r="109347" spans="14:14">
      <c r="N109347" s="10"/>
    </row>
    <row r="109348" spans="14:14">
      <c r="N109348" s="10"/>
    </row>
    <row r="109349" spans="14:14">
      <c r="N109349" s="10"/>
    </row>
    <row r="109350" spans="14:14">
      <c r="N109350" s="10"/>
    </row>
    <row r="109351" spans="14:14">
      <c r="N109351" s="10"/>
    </row>
    <row r="109352" spans="14:14">
      <c r="N109352" s="10"/>
    </row>
    <row r="109353" spans="14:14">
      <c r="N109353" s="10"/>
    </row>
    <row r="109354" spans="14:14">
      <c r="N109354" s="10"/>
    </row>
    <row r="109355" spans="14:14">
      <c r="N109355" s="10"/>
    </row>
    <row r="109356" spans="14:14">
      <c r="N109356" s="10"/>
    </row>
    <row r="109357" spans="14:14">
      <c r="N109357" s="10"/>
    </row>
    <row r="109358" spans="14:14">
      <c r="N109358" s="10"/>
    </row>
    <row r="109359" spans="14:14">
      <c r="N109359" s="10"/>
    </row>
    <row r="109360" spans="14:14">
      <c r="N109360" s="10"/>
    </row>
    <row r="109361" spans="14:14">
      <c r="N109361" s="10"/>
    </row>
    <row r="109362" spans="14:14">
      <c r="N109362" s="10"/>
    </row>
    <row r="109363" spans="14:14">
      <c r="N109363" s="10"/>
    </row>
    <row r="109364" spans="14:14">
      <c r="N109364" s="10"/>
    </row>
    <row r="109365" spans="14:14">
      <c r="N109365" s="10"/>
    </row>
    <row r="109366" spans="14:14">
      <c r="N109366" s="10"/>
    </row>
    <row r="109367" spans="14:14">
      <c r="N109367" s="10"/>
    </row>
    <row r="109368" spans="14:14">
      <c r="N109368" s="10"/>
    </row>
    <row r="109369" spans="14:14">
      <c r="N109369" s="10"/>
    </row>
    <row r="109370" spans="14:14">
      <c r="N109370" s="10"/>
    </row>
    <row r="109371" spans="14:14">
      <c r="N109371" s="10"/>
    </row>
    <row r="109372" spans="14:14">
      <c r="N109372" s="10"/>
    </row>
    <row r="109373" spans="14:14">
      <c r="N109373" s="10"/>
    </row>
    <row r="109374" spans="14:14">
      <c r="N109374" s="10"/>
    </row>
    <row r="109375" spans="14:14">
      <c r="N109375" s="10"/>
    </row>
    <row r="109376" spans="14:14">
      <c r="N109376" s="10"/>
    </row>
    <row r="109377" spans="14:14">
      <c r="N109377" s="10"/>
    </row>
    <row r="109378" spans="14:14">
      <c r="N109378" s="10"/>
    </row>
    <row r="109379" spans="14:14">
      <c r="N109379" s="10"/>
    </row>
    <row r="109380" spans="14:14">
      <c r="N109380" s="10"/>
    </row>
    <row r="109381" spans="14:14">
      <c r="N109381" s="10"/>
    </row>
    <row r="109382" spans="14:14">
      <c r="N109382" s="10"/>
    </row>
    <row r="109383" spans="14:14">
      <c r="N109383" s="10"/>
    </row>
    <row r="109384" spans="14:14">
      <c r="N109384" s="10"/>
    </row>
    <row r="109385" spans="14:14">
      <c r="N109385" s="10"/>
    </row>
    <row r="109386" spans="14:14">
      <c r="N109386" s="10"/>
    </row>
    <row r="109387" spans="14:14">
      <c r="N109387" s="10"/>
    </row>
    <row r="109388" spans="14:14">
      <c r="N109388" s="10"/>
    </row>
    <row r="109389" spans="14:14">
      <c r="N109389" s="10"/>
    </row>
    <row r="109390" spans="14:14">
      <c r="N109390" s="10"/>
    </row>
    <row r="109391" spans="14:14">
      <c r="N109391" s="10"/>
    </row>
    <row r="109392" spans="14:14">
      <c r="N109392" s="10"/>
    </row>
    <row r="109393" spans="14:14">
      <c r="N109393" s="10"/>
    </row>
    <row r="109394" spans="14:14">
      <c r="N109394" s="10"/>
    </row>
    <row r="109395" spans="14:14">
      <c r="N109395" s="10"/>
    </row>
    <row r="109396" spans="14:14">
      <c r="N109396" s="10"/>
    </row>
    <row r="109397" spans="14:14">
      <c r="N109397" s="10"/>
    </row>
    <row r="109398" spans="14:14">
      <c r="N109398" s="10"/>
    </row>
    <row r="109399" spans="14:14">
      <c r="N109399" s="10"/>
    </row>
    <row r="109400" spans="14:14">
      <c r="N109400" s="10"/>
    </row>
    <row r="109401" spans="14:14">
      <c r="N109401" s="10"/>
    </row>
    <row r="109402" spans="14:14">
      <c r="N109402" s="10"/>
    </row>
    <row r="109403" spans="14:14">
      <c r="N109403" s="10"/>
    </row>
    <row r="109404" spans="14:14">
      <c r="N109404" s="10"/>
    </row>
    <row r="109405" spans="14:14">
      <c r="N109405" s="10"/>
    </row>
    <row r="109406" spans="14:14">
      <c r="N109406" s="10"/>
    </row>
    <row r="109407" spans="14:14">
      <c r="N109407" s="10"/>
    </row>
    <row r="109408" spans="14:14">
      <c r="N109408" s="10"/>
    </row>
    <row r="109409" spans="14:14">
      <c r="N109409" s="10"/>
    </row>
    <row r="109410" spans="14:14">
      <c r="N109410" s="10"/>
    </row>
    <row r="109411" spans="14:14">
      <c r="N109411" s="10"/>
    </row>
    <row r="109412" spans="14:14">
      <c r="N109412" s="10"/>
    </row>
    <row r="109413" spans="14:14">
      <c r="N109413" s="10"/>
    </row>
    <row r="109414" spans="14:14">
      <c r="N109414" s="10"/>
    </row>
    <row r="109415" spans="14:14">
      <c r="N109415" s="10"/>
    </row>
    <row r="109416" spans="14:14">
      <c r="N109416" s="10"/>
    </row>
    <row r="109417" spans="14:14">
      <c r="N109417" s="10"/>
    </row>
    <row r="109418" spans="14:14">
      <c r="N109418" s="10"/>
    </row>
    <row r="109419" spans="14:14">
      <c r="N109419" s="10"/>
    </row>
    <row r="109420" spans="14:14">
      <c r="N109420" s="10"/>
    </row>
    <row r="109421" spans="14:14">
      <c r="N109421" s="10"/>
    </row>
    <row r="109422" spans="14:14">
      <c r="N109422" s="10"/>
    </row>
    <row r="109423" spans="14:14">
      <c r="N109423" s="10"/>
    </row>
    <row r="109424" spans="14:14">
      <c r="N109424" s="10"/>
    </row>
    <row r="109425" spans="14:14">
      <c r="N109425" s="10"/>
    </row>
    <row r="109426" spans="14:14">
      <c r="N109426" s="10"/>
    </row>
    <row r="109427" spans="14:14">
      <c r="N109427" s="10"/>
    </row>
    <row r="109428" spans="14:14">
      <c r="N109428" s="10"/>
    </row>
    <row r="109429" spans="14:14">
      <c r="N109429" s="10"/>
    </row>
    <row r="109430" spans="14:14">
      <c r="N109430" s="10"/>
    </row>
    <row r="109431" spans="14:14">
      <c r="N109431" s="10"/>
    </row>
    <row r="109432" spans="14:14">
      <c r="N109432" s="10"/>
    </row>
    <row r="109433" spans="14:14">
      <c r="N109433" s="10"/>
    </row>
    <row r="109434" spans="14:14">
      <c r="N109434" s="10"/>
    </row>
    <row r="109435" spans="14:14">
      <c r="N109435" s="10"/>
    </row>
    <row r="109436" spans="14:14">
      <c r="N109436" s="10"/>
    </row>
    <row r="109437" spans="14:14">
      <c r="N109437" s="10"/>
    </row>
    <row r="109438" spans="14:14">
      <c r="N109438" s="10"/>
    </row>
    <row r="109439" spans="14:14">
      <c r="N109439" s="10"/>
    </row>
    <row r="109440" spans="14:14">
      <c r="N109440" s="10"/>
    </row>
    <row r="109441" spans="14:14">
      <c r="N109441" s="10"/>
    </row>
    <row r="109442" spans="14:14">
      <c r="N109442" s="10"/>
    </row>
    <row r="109443" spans="14:14">
      <c r="N109443" s="10"/>
    </row>
    <row r="109444" spans="14:14">
      <c r="N109444" s="10"/>
    </row>
    <row r="109445" spans="14:14">
      <c r="N109445" s="10"/>
    </row>
    <row r="109446" spans="14:14">
      <c r="N109446" s="10"/>
    </row>
    <row r="109447" spans="14:14">
      <c r="N109447" s="10"/>
    </row>
    <row r="109448" spans="14:14">
      <c r="N109448" s="10"/>
    </row>
    <row r="109449" spans="14:14">
      <c r="N109449" s="10"/>
    </row>
    <row r="109450" spans="14:14">
      <c r="N109450" s="10"/>
    </row>
    <row r="109451" spans="14:14">
      <c r="N109451" s="10"/>
    </row>
    <row r="109452" spans="14:14">
      <c r="N109452" s="10"/>
    </row>
    <row r="109453" spans="14:14">
      <c r="N109453" s="10"/>
    </row>
    <row r="109454" spans="14:14">
      <c r="N109454" s="10"/>
    </row>
    <row r="109455" spans="14:14">
      <c r="N109455" s="10"/>
    </row>
    <row r="109456" spans="14:14">
      <c r="N109456" s="10"/>
    </row>
    <row r="109457" spans="14:14">
      <c r="N109457" s="10"/>
    </row>
    <row r="109458" spans="14:14">
      <c r="N109458" s="10"/>
    </row>
    <row r="109459" spans="14:14">
      <c r="N109459" s="10"/>
    </row>
    <row r="109460" spans="14:14">
      <c r="N109460" s="10"/>
    </row>
    <row r="109461" spans="14:14">
      <c r="N109461" s="10"/>
    </row>
    <row r="109462" spans="14:14">
      <c r="N109462" s="10"/>
    </row>
    <row r="109463" spans="14:14">
      <c r="N109463" s="10"/>
    </row>
    <row r="109464" spans="14:14">
      <c r="N109464" s="10"/>
    </row>
    <row r="109465" spans="14:14">
      <c r="N109465" s="10"/>
    </row>
    <row r="109466" spans="14:14">
      <c r="N109466" s="10"/>
    </row>
    <row r="109467" spans="14:14">
      <c r="N109467" s="10"/>
    </row>
    <row r="109468" spans="14:14">
      <c r="N109468" s="10"/>
    </row>
    <row r="109469" spans="14:14">
      <c r="N109469" s="10"/>
    </row>
    <row r="109470" spans="14:14">
      <c r="N109470" s="10"/>
    </row>
    <row r="109471" spans="14:14">
      <c r="N109471" s="10"/>
    </row>
    <row r="109472" spans="14:14">
      <c r="N109472" s="10"/>
    </row>
    <row r="109473" spans="14:14">
      <c r="N109473" s="10"/>
    </row>
    <row r="109474" spans="14:14">
      <c r="N109474" s="10"/>
    </row>
    <row r="109475" spans="14:14">
      <c r="N109475" s="10"/>
    </row>
    <row r="109476" spans="14:14">
      <c r="N109476" s="10"/>
    </row>
    <row r="109477" spans="14:14">
      <c r="N109477" s="10"/>
    </row>
    <row r="109478" spans="14:14">
      <c r="N109478" s="10"/>
    </row>
    <row r="109479" spans="14:14">
      <c r="N109479" s="10"/>
    </row>
    <row r="109480" spans="14:14">
      <c r="N109480" s="10"/>
    </row>
    <row r="109481" spans="14:14">
      <c r="N109481" s="10"/>
    </row>
    <row r="109482" spans="14:14">
      <c r="N109482" s="10"/>
    </row>
    <row r="109483" spans="14:14">
      <c r="N109483" s="10"/>
    </row>
    <row r="109484" spans="14:14">
      <c r="N109484" s="10"/>
    </row>
    <row r="109485" spans="14:14">
      <c r="N109485" s="10"/>
    </row>
    <row r="109486" spans="14:14">
      <c r="N109486" s="10"/>
    </row>
    <row r="109487" spans="14:14">
      <c r="N109487" s="10"/>
    </row>
    <row r="109488" spans="14:14">
      <c r="N109488" s="10"/>
    </row>
    <row r="109489" spans="14:14">
      <c r="N109489" s="10"/>
    </row>
    <row r="109490" spans="14:14">
      <c r="N109490" s="10"/>
    </row>
    <row r="109491" spans="14:14">
      <c r="N109491" s="10"/>
    </row>
    <row r="109492" spans="14:14">
      <c r="N109492" s="10"/>
    </row>
    <row r="109493" spans="14:14">
      <c r="N109493" s="10"/>
    </row>
    <row r="109494" spans="14:14">
      <c r="N109494" s="10"/>
    </row>
    <row r="109495" spans="14:14">
      <c r="N109495" s="10"/>
    </row>
    <row r="109496" spans="14:14">
      <c r="N109496" s="10"/>
    </row>
    <row r="109497" spans="14:14">
      <c r="N109497" s="10"/>
    </row>
    <row r="109498" spans="14:14">
      <c r="N109498" s="10"/>
    </row>
    <row r="109499" spans="14:14">
      <c r="N109499" s="10"/>
    </row>
    <row r="109500" spans="14:14">
      <c r="N109500" s="10"/>
    </row>
    <row r="109501" spans="14:14">
      <c r="N109501" s="10"/>
    </row>
    <row r="109502" spans="14:14">
      <c r="N109502" s="10"/>
    </row>
    <row r="109503" spans="14:14">
      <c r="N109503" s="10"/>
    </row>
    <row r="109504" spans="14:14">
      <c r="N109504" s="10"/>
    </row>
    <row r="109505" spans="14:14">
      <c r="N109505" s="10"/>
    </row>
    <row r="109506" spans="14:14">
      <c r="N109506" s="10"/>
    </row>
    <row r="109507" spans="14:14">
      <c r="N109507" s="10"/>
    </row>
    <row r="109508" spans="14:14">
      <c r="N109508" s="10"/>
    </row>
    <row r="109509" spans="14:14">
      <c r="N109509" s="10"/>
    </row>
    <row r="109510" spans="14:14">
      <c r="N109510" s="10"/>
    </row>
    <row r="109511" spans="14:14">
      <c r="N109511" s="10"/>
    </row>
    <row r="109512" spans="14:14">
      <c r="N109512" s="10"/>
    </row>
    <row r="109513" spans="14:14">
      <c r="N109513" s="10"/>
    </row>
    <row r="109514" spans="14:14">
      <c r="N109514" s="10"/>
    </row>
    <row r="109515" spans="14:14">
      <c r="N109515" s="10"/>
    </row>
    <row r="109516" spans="14:14">
      <c r="N109516" s="10"/>
    </row>
    <row r="109517" spans="14:14">
      <c r="N109517" s="10"/>
    </row>
    <row r="109518" spans="14:14">
      <c r="N109518" s="10"/>
    </row>
    <row r="109519" spans="14:14">
      <c r="N109519" s="10"/>
    </row>
    <row r="109520" spans="14:14">
      <c r="N109520" s="10"/>
    </row>
    <row r="109521" spans="14:14">
      <c r="N109521" s="10"/>
    </row>
    <row r="109522" spans="14:14">
      <c r="N109522" s="10"/>
    </row>
    <row r="109523" spans="14:14">
      <c r="N109523" s="10"/>
    </row>
    <row r="109524" spans="14:14">
      <c r="N109524" s="10"/>
    </row>
    <row r="109525" spans="14:14">
      <c r="N109525" s="10"/>
    </row>
    <row r="109526" spans="14:14">
      <c r="N109526" s="10"/>
    </row>
    <row r="109527" spans="14:14">
      <c r="N109527" s="10"/>
    </row>
    <row r="109528" spans="14:14">
      <c r="N109528" s="10"/>
    </row>
    <row r="109529" spans="14:14">
      <c r="N109529" s="10"/>
    </row>
    <row r="109530" spans="14:14">
      <c r="N109530" s="10"/>
    </row>
    <row r="109531" spans="14:14">
      <c r="N109531" s="10"/>
    </row>
    <row r="109532" spans="14:14">
      <c r="N109532" s="10"/>
    </row>
    <row r="109533" spans="14:14">
      <c r="N109533" s="10"/>
    </row>
    <row r="109534" spans="14:14">
      <c r="N109534" s="10"/>
    </row>
    <row r="109535" spans="14:14">
      <c r="N109535" s="10"/>
    </row>
    <row r="109536" spans="14:14">
      <c r="N109536" s="10"/>
    </row>
    <row r="109537" spans="14:14">
      <c r="N109537" s="10"/>
    </row>
    <row r="109538" spans="14:14">
      <c r="N109538" s="10"/>
    </row>
    <row r="109539" spans="14:14">
      <c r="N109539" s="10"/>
    </row>
    <row r="109540" spans="14:14">
      <c r="N109540" s="10"/>
    </row>
    <row r="109541" spans="14:14">
      <c r="N109541" s="10"/>
    </row>
    <row r="109542" spans="14:14">
      <c r="N109542" s="10"/>
    </row>
    <row r="109543" spans="14:14">
      <c r="N109543" s="10"/>
    </row>
    <row r="109544" spans="14:14">
      <c r="N109544" s="10"/>
    </row>
    <row r="109545" spans="14:14">
      <c r="N109545" s="10"/>
    </row>
    <row r="109546" spans="14:14">
      <c r="N109546" s="10"/>
    </row>
    <row r="109547" spans="14:14">
      <c r="N109547" s="10"/>
    </row>
    <row r="109548" spans="14:14">
      <c r="N109548" s="10"/>
    </row>
    <row r="109549" spans="14:14">
      <c r="N109549" s="10"/>
    </row>
    <row r="109550" spans="14:14">
      <c r="N109550" s="10"/>
    </row>
    <row r="109551" spans="14:14">
      <c r="N109551" s="10"/>
    </row>
    <row r="109552" spans="14:14">
      <c r="N109552" s="10"/>
    </row>
    <row r="109553" spans="14:14">
      <c r="N109553" s="10"/>
    </row>
    <row r="109554" spans="14:14">
      <c r="N109554" s="10"/>
    </row>
    <row r="109555" spans="14:14">
      <c r="N109555" s="10"/>
    </row>
    <row r="109556" spans="14:14">
      <c r="N109556" s="10"/>
    </row>
    <row r="109557" spans="14:14">
      <c r="N109557" s="10"/>
    </row>
    <row r="109558" spans="14:14">
      <c r="N109558" s="10"/>
    </row>
    <row r="109559" spans="14:14">
      <c r="N109559" s="10"/>
    </row>
    <row r="109560" spans="14:14">
      <c r="N109560" s="10"/>
    </row>
    <row r="109561" spans="14:14">
      <c r="N109561" s="10"/>
    </row>
    <row r="109562" spans="14:14">
      <c r="N109562" s="10"/>
    </row>
    <row r="109563" spans="14:14">
      <c r="N109563" s="10"/>
    </row>
    <row r="109564" spans="14:14">
      <c r="N109564" s="10"/>
    </row>
    <row r="109565" spans="14:14">
      <c r="N109565" s="10"/>
    </row>
    <row r="109566" spans="14:14">
      <c r="N109566" s="10"/>
    </row>
    <row r="109567" spans="14:14">
      <c r="N109567" s="10"/>
    </row>
    <row r="109568" spans="14:14">
      <c r="N109568" s="10"/>
    </row>
    <row r="109569" spans="14:14">
      <c r="N109569" s="10"/>
    </row>
    <row r="109570" spans="14:14">
      <c r="N109570" s="10"/>
    </row>
    <row r="109571" spans="14:14">
      <c r="N109571" s="10"/>
    </row>
    <row r="109572" spans="14:14">
      <c r="N109572" s="10"/>
    </row>
    <row r="109573" spans="14:14">
      <c r="N109573" s="10"/>
    </row>
    <row r="109574" spans="14:14">
      <c r="N109574" s="10"/>
    </row>
    <row r="109575" spans="14:14">
      <c r="N109575" s="10"/>
    </row>
    <row r="109576" spans="14:14">
      <c r="N109576" s="10"/>
    </row>
    <row r="109577" spans="14:14">
      <c r="N109577" s="10"/>
    </row>
    <row r="109578" spans="14:14">
      <c r="N109578" s="10"/>
    </row>
    <row r="109579" spans="14:14">
      <c r="N109579" s="10"/>
    </row>
    <row r="109580" spans="14:14">
      <c r="N109580" s="10"/>
    </row>
    <row r="109581" spans="14:14">
      <c r="N109581" s="10"/>
    </row>
    <row r="109582" spans="14:14">
      <c r="N109582" s="10"/>
    </row>
    <row r="109583" spans="14:14">
      <c r="N109583" s="10"/>
    </row>
    <row r="109584" spans="14:14">
      <c r="N109584" s="10"/>
    </row>
    <row r="109585" spans="14:14">
      <c r="N109585" s="10"/>
    </row>
    <row r="109586" spans="14:14">
      <c r="N109586" s="10"/>
    </row>
    <row r="109587" spans="14:14">
      <c r="N109587" s="10"/>
    </row>
    <row r="109588" spans="14:14">
      <c r="N109588" s="10"/>
    </row>
    <row r="109589" spans="14:14">
      <c r="N109589" s="10"/>
    </row>
    <row r="109590" spans="14:14">
      <c r="N109590" s="10"/>
    </row>
    <row r="109591" spans="14:14">
      <c r="N109591" s="10"/>
    </row>
    <row r="109592" spans="14:14">
      <c r="N109592" s="10"/>
    </row>
    <row r="109593" spans="14:14">
      <c r="N109593" s="10"/>
    </row>
    <row r="109594" spans="14:14">
      <c r="N109594" s="10"/>
    </row>
    <row r="109595" spans="14:14">
      <c r="N109595" s="10"/>
    </row>
    <row r="109596" spans="14:14">
      <c r="N109596" s="10"/>
    </row>
    <row r="109597" spans="14:14">
      <c r="N109597" s="10"/>
    </row>
    <row r="109598" spans="14:14">
      <c r="N109598" s="10"/>
    </row>
    <row r="109599" spans="14:14">
      <c r="N109599" s="10"/>
    </row>
    <row r="109600" spans="14:14">
      <c r="N109600" s="10"/>
    </row>
    <row r="109601" spans="14:14">
      <c r="N109601" s="10"/>
    </row>
    <row r="109602" spans="14:14">
      <c r="N109602" s="10"/>
    </row>
    <row r="109603" spans="14:14">
      <c r="N109603" s="10"/>
    </row>
    <row r="109604" spans="14:14">
      <c r="N109604" s="10"/>
    </row>
    <row r="109605" spans="14:14">
      <c r="N109605" s="10"/>
    </row>
    <row r="109606" spans="14:14">
      <c r="N109606" s="10"/>
    </row>
    <row r="109607" spans="14:14">
      <c r="N109607" s="10"/>
    </row>
    <row r="109608" spans="14:14">
      <c r="N109608" s="10"/>
    </row>
    <row r="109609" spans="14:14">
      <c r="N109609" s="10"/>
    </row>
    <row r="109610" spans="14:14">
      <c r="N109610" s="10"/>
    </row>
    <row r="109611" spans="14:14">
      <c r="N109611" s="10"/>
    </row>
    <row r="109612" spans="14:14">
      <c r="N109612" s="10"/>
    </row>
    <row r="109613" spans="14:14">
      <c r="N109613" s="10"/>
    </row>
    <row r="109614" spans="14:14">
      <c r="N109614" s="10"/>
    </row>
    <row r="109615" spans="14:14">
      <c r="N109615" s="10"/>
    </row>
    <row r="109616" spans="14:14">
      <c r="N109616" s="10"/>
    </row>
    <row r="109617" spans="14:14">
      <c r="N109617" s="10"/>
    </row>
    <row r="109618" spans="14:14">
      <c r="N109618" s="10"/>
    </row>
    <row r="109619" spans="14:14">
      <c r="N109619" s="10"/>
    </row>
    <row r="109620" spans="14:14">
      <c r="N109620" s="10"/>
    </row>
    <row r="109621" spans="14:14">
      <c r="N109621" s="10"/>
    </row>
    <row r="109622" spans="14:14">
      <c r="N109622" s="10"/>
    </row>
    <row r="109623" spans="14:14">
      <c r="N109623" s="10"/>
    </row>
    <row r="109624" spans="14:14">
      <c r="N109624" s="10"/>
    </row>
    <row r="109625" spans="14:14">
      <c r="N109625" s="10"/>
    </row>
    <row r="109626" spans="14:14">
      <c r="N109626" s="10"/>
    </row>
    <row r="109627" spans="14:14">
      <c r="N109627" s="10"/>
    </row>
    <row r="109628" spans="14:14">
      <c r="N109628" s="10"/>
    </row>
    <row r="109629" spans="14:14">
      <c r="N109629" s="10"/>
    </row>
    <row r="109630" spans="14:14">
      <c r="N109630" s="10"/>
    </row>
    <row r="109631" spans="14:14">
      <c r="N109631" s="10"/>
    </row>
    <row r="109632" spans="14:14">
      <c r="N109632" s="10"/>
    </row>
    <row r="109633" spans="14:14">
      <c r="N109633" s="10"/>
    </row>
    <row r="109634" spans="14:14">
      <c r="N109634" s="10"/>
    </row>
    <row r="109635" spans="14:14">
      <c r="N109635" s="10"/>
    </row>
    <row r="109636" spans="14:14">
      <c r="N109636" s="10"/>
    </row>
    <row r="109637" spans="14:14">
      <c r="N109637" s="10"/>
    </row>
    <row r="109638" spans="14:14">
      <c r="N109638" s="10"/>
    </row>
    <row r="109639" spans="14:14">
      <c r="N109639" s="10"/>
    </row>
    <row r="109640" spans="14:14">
      <c r="N109640" s="10"/>
    </row>
    <row r="109641" spans="14:14">
      <c r="N109641" s="10"/>
    </row>
    <row r="109642" spans="14:14">
      <c r="N109642" s="10"/>
    </row>
    <row r="109643" spans="14:14">
      <c r="N109643" s="10"/>
    </row>
    <row r="109644" spans="14:14">
      <c r="N109644" s="10"/>
    </row>
    <row r="109645" spans="14:14">
      <c r="N109645" s="10"/>
    </row>
    <row r="109646" spans="14:14">
      <c r="N109646" s="10"/>
    </row>
    <row r="109647" spans="14:14">
      <c r="N109647" s="10"/>
    </row>
    <row r="109648" spans="14:14">
      <c r="N109648" s="10"/>
    </row>
    <row r="109649" spans="14:14">
      <c r="N109649" s="10"/>
    </row>
    <row r="109650" spans="14:14">
      <c r="N109650" s="10"/>
    </row>
    <row r="109651" spans="14:14">
      <c r="N109651" s="10"/>
    </row>
    <row r="109652" spans="14:14">
      <c r="N109652" s="10"/>
    </row>
    <row r="109653" spans="14:14">
      <c r="N109653" s="10"/>
    </row>
    <row r="109654" spans="14:14">
      <c r="N109654" s="10"/>
    </row>
    <row r="109655" spans="14:14">
      <c r="N109655" s="10"/>
    </row>
    <row r="109656" spans="14:14">
      <c r="N109656" s="10"/>
    </row>
    <row r="109657" spans="14:14">
      <c r="N109657" s="10"/>
    </row>
    <row r="109658" spans="14:14">
      <c r="N109658" s="10"/>
    </row>
    <row r="109659" spans="14:14">
      <c r="N109659" s="10"/>
    </row>
    <row r="109660" spans="14:14">
      <c r="N109660" s="10"/>
    </row>
    <row r="109661" spans="14:14">
      <c r="N109661" s="10"/>
    </row>
    <row r="109662" spans="14:14">
      <c r="N109662" s="10"/>
    </row>
    <row r="109663" spans="14:14">
      <c r="N109663" s="10"/>
    </row>
    <row r="109664" spans="14:14">
      <c r="N109664" s="10"/>
    </row>
    <row r="109665" spans="14:14">
      <c r="N109665" s="10"/>
    </row>
    <row r="109666" spans="14:14">
      <c r="N109666" s="10"/>
    </row>
    <row r="109667" spans="14:14">
      <c r="N109667" s="10"/>
    </row>
    <row r="109668" spans="14:14">
      <c r="N109668" s="10"/>
    </row>
    <row r="109669" spans="14:14">
      <c r="N109669" s="10"/>
    </row>
    <row r="109670" spans="14:14">
      <c r="N109670" s="10"/>
    </row>
    <row r="109671" spans="14:14">
      <c r="N109671" s="10"/>
    </row>
    <row r="109672" spans="14:14">
      <c r="N109672" s="10"/>
    </row>
    <row r="109673" spans="14:14">
      <c r="N109673" s="10"/>
    </row>
    <row r="109674" spans="14:14">
      <c r="N109674" s="10"/>
    </row>
    <row r="109675" spans="14:14">
      <c r="N109675" s="10"/>
    </row>
    <row r="109676" spans="14:14">
      <c r="N109676" s="10"/>
    </row>
    <row r="109677" spans="14:14">
      <c r="N109677" s="10"/>
    </row>
    <row r="109678" spans="14:14">
      <c r="N109678" s="10"/>
    </row>
    <row r="109679" spans="14:14">
      <c r="N109679" s="10"/>
    </row>
    <row r="109680" spans="14:14">
      <c r="N109680" s="10"/>
    </row>
    <row r="109681" spans="14:14">
      <c r="N109681" s="10"/>
    </row>
    <row r="109682" spans="14:14">
      <c r="N109682" s="10"/>
    </row>
    <row r="109683" spans="14:14">
      <c r="N109683" s="10"/>
    </row>
    <row r="109684" spans="14:14">
      <c r="N109684" s="10"/>
    </row>
    <row r="109685" spans="14:14">
      <c r="N109685" s="10"/>
    </row>
    <row r="109686" spans="14:14">
      <c r="N109686" s="10"/>
    </row>
    <row r="109687" spans="14:14">
      <c r="N109687" s="10"/>
    </row>
    <row r="109688" spans="14:14">
      <c r="N109688" s="10"/>
    </row>
    <row r="109689" spans="14:14">
      <c r="N109689" s="10"/>
    </row>
    <row r="109690" spans="14:14">
      <c r="N109690" s="10"/>
    </row>
    <row r="109691" spans="14:14">
      <c r="N109691" s="10"/>
    </row>
    <row r="109692" spans="14:14">
      <c r="N109692" s="10"/>
    </row>
    <row r="109693" spans="14:14">
      <c r="N109693" s="10"/>
    </row>
    <row r="109694" spans="14:14">
      <c r="N109694" s="10"/>
    </row>
    <row r="109695" spans="14:14">
      <c r="N109695" s="10"/>
    </row>
    <row r="109696" spans="14:14">
      <c r="N109696" s="10"/>
    </row>
    <row r="109697" spans="14:14">
      <c r="N109697" s="10"/>
    </row>
    <row r="109698" spans="14:14">
      <c r="N109698" s="10"/>
    </row>
    <row r="109699" spans="14:14">
      <c r="N109699" s="10"/>
    </row>
    <row r="109700" spans="14:14">
      <c r="N109700" s="10"/>
    </row>
    <row r="109701" spans="14:14">
      <c r="N109701" s="10"/>
    </row>
    <row r="109702" spans="14:14">
      <c r="N109702" s="10"/>
    </row>
    <row r="109703" spans="14:14">
      <c r="N109703" s="10"/>
    </row>
    <row r="109704" spans="14:14">
      <c r="N109704" s="10"/>
    </row>
    <row r="109705" spans="14:14">
      <c r="N109705" s="10"/>
    </row>
    <row r="109706" spans="14:14">
      <c r="N109706" s="10"/>
    </row>
    <row r="109707" spans="14:14">
      <c r="N109707" s="10"/>
    </row>
    <row r="109708" spans="14:14">
      <c r="N109708" s="10"/>
    </row>
    <row r="109709" spans="14:14">
      <c r="N109709" s="10"/>
    </row>
    <row r="109710" spans="14:14">
      <c r="N109710" s="10"/>
    </row>
    <row r="109711" spans="14:14">
      <c r="N109711" s="10"/>
    </row>
    <row r="109712" spans="14:14">
      <c r="N109712" s="10"/>
    </row>
    <row r="109713" spans="14:14">
      <c r="N109713" s="10"/>
    </row>
    <row r="109714" spans="14:14">
      <c r="N109714" s="10"/>
    </row>
    <row r="109715" spans="14:14">
      <c r="N109715" s="10"/>
    </row>
    <row r="109716" spans="14:14">
      <c r="N109716" s="10"/>
    </row>
    <row r="109717" spans="14:14">
      <c r="N109717" s="10"/>
    </row>
    <row r="109718" spans="14:14">
      <c r="N109718" s="10"/>
    </row>
    <row r="109719" spans="14:14">
      <c r="N109719" s="10"/>
    </row>
    <row r="109720" spans="14:14">
      <c r="N109720" s="10"/>
    </row>
    <row r="109721" spans="14:14">
      <c r="N109721" s="10"/>
    </row>
    <row r="109722" spans="14:14">
      <c r="N109722" s="10"/>
    </row>
    <row r="109723" spans="14:14">
      <c r="N109723" s="10"/>
    </row>
    <row r="109724" spans="14:14">
      <c r="N109724" s="10"/>
    </row>
    <row r="109725" spans="14:14">
      <c r="N109725" s="10"/>
    </row>
    <row r="109726" spans="14:14">
      <c r="N109726" s="10"/>
    </row>
    <row r="109727" spans="14:14">
      <c r="N109727" s="10"/>
    </row>
    <row r="109728" spans="14:14">
      <c r="N109728" s="10"/>
    </row>
    <row r="109729" spans="14:14">
      <c r="N109729" s="10"/>
    </row>
    <row r="109730" spans="14:14">
      <c r="N109730" s="10"/>
    </row>
    <row r="109731" spans="14:14">
      <c r="N109731" s="10"/>
    </row>
    <row r="109732" spans="14:14">
      <c r="N109732" s="10"/>
    </row>
    <row r="109733" spans="14:14">
      <c r="N109733" s="10"/>
    </row>
    <row r="109734" spans="14:14">
      <c r="N109734" s="10"/>
    </row>
    <row r="109735" spans="14:14">
      <c r="N109735" s="10"/>
    </row>
    <row r="109736" spans="14:14">
      <c r="N109736" s="10"/>
    </row>
    <row r="109737" spans="14:14">
      <c r="N109737" s="10"/>
    </row>
    <row r="109738" spans="14:14">
      <c r="N109738" s="10"/>
    </row>
    <row r="109739" spans="14:14">
      <c r="N109739" s="10"/>
    </row>
    <row r="109740" spans="14:14">
      <c r="N109740" s="10"/>
    </row>
    <row r="109741" spans="14:14">
      <c r="N109741" s="10"/>
    </row>
    <row r="109742" spans="14:14">
      <c r="N109742" s="10"/>
    </row>
    <row r="109743" spans="14:14">
      <c r="N109743" s="10"/>
    </row>
    <row r="109744" spans="14:14">
      <c r="N109744" s="10"/>
    </row>
    <row r="109745" spans="14:14">
      <c r="N109745" s="10"/>
    </row>
    <row r="109746" spans="14:14">
      <c r="N109746" s="10"/>
    </row>
    <row r="109747" spans="14:14">
      <c r="N109747" s="10"/>
    </row>
    <row r="109748" spans="14:14">
      <c r="N109748" s="10"/>
    </row>
    <row r="109749" spans="14:14">
      <c r="N109749" s="10"/>
    </row>
    <row r="109750" spans="14:14">
      <c r="N109750" s="10"/>
    </row>
    <row r="109751" spans="14:14">
      <c r="N109751" s="10"/>
    </row>
    <row r="109752" spans="14:14">
      <c r="N109752" s="10"/>
    </row>
    <row r="109753" spans="14:14">
      <c r="N109753" s="10"/>
    </row>
    <row r="109754" spans="14:14">
      <c r="N109754" s="10"/>
    </row>
    <row r="109755" spans="14:14">
      <c r="N109755" s="10"/>
    </row>
    <row r="109756" spans="14:14">
      <c r="N109756" s="10"/>
    </row>
    <row r="109757" spans="14:14">
      <c r="N109757" s="10"/>
    </row>
    <row r="109758" spans="14:14">
      <c r="N109758" s="10"/>
    </row>
    <row r="109759" spans="14:14">
      <c r="N109759" s="10"/>
    </row>
    <row r="109760" spans="14:14">
      <c r="N109760" s="10"/>
    </row>
    <row r="109761" spans="14:14">
      <c r="N109761" s="10"/>
    </row>
    <row r="109762" spans="14:14">
      <c r="N109762" s="10"/>
    </row>
    <row r="109763" spans="14:14">
      <c r="N109763" s="10"/>
    </row>
    <row r="109764" spans="14:14">
      <c r="N109764" s="10"/>
    </row>
    <row r="109765" spans="14:14">
      <c r="N109765" s="10"/>
    </row>
    <row r="109766" spans="14:14">
      <c r="N109766" s="10"/>
    </row>
    <row r="109767" spans="14:14">
      <c r="N109767" s="10"/>
    </row>
    <row r="109768" spans="14:14">
      <c r="N109768" s="10"/>
    </row>
    <row r="109769" spans="14:14">
      <c r="N109769" s="10"/>
    </row>
    <row r="109770" spans="14:14">
      <c r="N109770" s="10"/>
    </row>
    <row r="109771" spans="14:14">
      <c r="N109771" s="10"/>
    </row>
    <row r="109772" spans="14:14">
      <c r="N109772" s="10"/>
    </row>
    <row r="109773" spans="14:14">
      <c r="N109773" s="10"/>
    </row>
    <row r="109774" spans="14:14">
      <c r="N109774" s="10"/>
    </row>
    <row r="109775" spans="14:14">
      <c r="N109775" s="10"/>
    </row>
    <row r="109776" spans="14:14">
      <c r="N109776" s="10"/>
    </row>
    <row r="109777" spans="14:14">
      <c r="N109777" s="10"/>
    </row>
    <row r="109778" spans="14:14">
      <c r="N109778" s="10"/>
    </row>
    <row r="109779" spans="14:14">
      <c r="N109779" s="10"/>
    </row>
    <row r="109780" spans="14:14">
      <c r="N109780" s="10"/>
    </row>
    <row r="109781" spans="14:14">
      <c r="N109781" s="10"/>
    </row>
    <row r="109782" spans="14:14">
      <c r="N109782" s="10"/>
    </row>
    <row r="109783" spans="14:14">
      <c r="N109783" s="10"/>
    </row>
    <row r="109784" spans="14:14">
      <c r="N109784" s="10"/>
    </row>
    <row r="109785" spans="14:14">
      <c r="N109785" s="10"/>
    </row>
    <row r="109786" spans="14:14">
      <c r="N109786" s="10"/>
    </row>
    <row r="109787" spans="14:14">
      <c r="N109787" s="10"/>
    </row>
    <row r="109788" spans="14:14">
      <c r="N109788" s="10"/>
    </row>
    <row r="109789" spans="14:14">
      <c r="N109789" s="10"/>
    </row>
    <row r="109790" spans="14:14">
      <c r="N109790" s="10"/>
    </row>
    <row r="109791" spans="14:14">
      <c r="N109791" s="10"/>
    </row>
    <row r="109792" spans="14:14">
      <c r="N109792" s="10"/>
    </row>
    <row r="109793" spans="14:14">
      <c r="N109793" s="10"/>
    </row>
    <row r="109794" spans="14:14">
      <c r="N109794" s="10"/>
    </row>
    <row r="109795" spans="14:14">
      <c r="N109795" s="10"/>
    </row>
    <row r="109796" spans="14:14">
      <c r="N109796" s="10"/>
    </row>
    <row r="109797" spans="14:14">
      <c r="N109797" s="10"/>
    </row>
    <row r="109798" spans="14:14">
      <c r="N109798" s="10"/>
    </row>
    <row r="109799" spans="14:14">
      <c r="N109799" s="10"/>
    </row>
    <row r="109800" spans="14:14">
      <c r="N109800" s="10"/>
    </row>
    <row r="109801" spans="14:14">
      <c r="N109801" s="10"/>
    </row>
    <row r="109802" spans="14:14">
      <c r="N109802" s="10"/>
    </row>
    <row r="109803" spans="14:14">
      <c r="N109803" s="10"/>
    </row>
    <row r="109804" spans="14:14">
      <c r="N109804" s="10"/>
    </row>
    <row r="109805" spans="14:14">
      <c r="N109805" s="10"/>
    </row>
    <row r="109806" spans="14:14">
      <c r="N109806" s="10"/>
    </row>
    <row r="109807" spans="14:14">
      <c r="N109807" s="10"/>
    </row>
    <row r="109808" spans="14:14">
      <c r="N109808" s="10"/>
    </row>
    <row r="109809" spans="14:14">
      <c r="N109809" s="10"/>
    </row>
    <row r="109810" spans="14:14">
      <c r="N109810" s="10"/>
    </row>
    <row r="109811" spans="14:14">
      <c r="N109811" s="10"/>
    </row>
    <row r="109812" spans="14:14">
      <c r="N109812" s="10"/>
    </row>
    <row r="109813" spans="14:14">
      <c r="N109813" s="10"/>
    </row>
    <row r="109814" spans="14:14">
      <c r="N109814" s="10"/>
    </row>
    <row r="109815" spans="14:14">
      <c r="N109815" s="10"/>
    </row>
    <row r="109816" spans="14:14">
      <c r="N109816" s="10"/>
    </row>
    <row r="109817" spans="14:14">
      <c r="N109817" s="10"/>
    </row>
    <row r="109818" spans="14:14">
      <c r="N109818" s="10"/>
    </row>
    <row r="109819" spans="14:14">
      <c r="N109819" s="10"/>
    </row>
    <row r="109820" spans="14:14">
      <c r="N109820" s="10"/>
    </row>
    <row r="109821" spans="14:14">
      <c r="N109821" s="10"/>
    </row>
    <row r="109822" spans="14:14">
      <c r="N109822" s="10"/>
    </row>
    <row r="109823" spans="14:14">
      <c r="N109823" s="10"/>
    </row>
    <row r="109824" spans="14:14">
      <c r="N109824" s="10"/>
    </row>
    <row r="109825" spans="14:14">
      <c r="N109825" s="10"/>
    </row>
    <row r="109826" spans="14:14">
      <c r="N109826" s="10"/>
    </row>
    <row r="109827" spans="14:14">
      <c r="N109827" s="10"/>
    </row>
    <row r="109828" spans="14:14">
      <c r="N109828" s="10"/>
    </row>
    <row r="109829" spans="14:14">
      <c r="N109829" s="10"/>
    </row>
    <row r="109830" spans="14:14">
      <c r="N109830" s="10"/>
    </row>
    <row r="109831" spans="14:14">
      <c r="N109831" s="10"/>
    </row>
    <row r="109832" spans="14:14">
      <c r="N109832" s="10"/>
    </row>
    <row r="109833" spans="14:14">
      <c r="N109833" s="10"/>
    </row>
    <row r="109834" spans="14:14">
      <c r="N109834" s="10"/>
    </row>
    <row r="109835" spans="14:14">
      <c r="N109835" s="10"/>
    </row>
    <row r="109836" spans="14:14">
      <c r="N109836" s="10"/>
    </row>
    <row r="109837" spans="14:14">
      <c r="N109837" s="10"/>
    </row>
    <row r="109838" spans="14:14">
      <c r="N109838" s="10"/>
    </row>
    <row r="109839" spans="14:14">
      <c r="N109839" s="10"/>
    </row>
    <row r="109840" spans="14:14">
      <c r="N109840" s="10"/>
    </row>
    <row r="109841" spans="14:14">
      <c r="N109841" s="10"/>
    </row>
    <row r="109842" spans="14:14">
      <c r="N109842" s="10"/>
    </row>
    <row r="109843" spans="14:14">
      <c r="N109843" s="10"/>
    </row>
    <row r="109844" spans="14:14">
      <c r="N109844" s="10"/>
    </row>
    <row r="109845" spans="14:14">
      <c r="N109845" s="10"/>
    </row>
    <row r="109846" spans="14:14">
      <c r="N109846" s="10"/>
    </row>
    <row r="109847" spans="14:14">
      <c r="N109847" s="10"/>
    </row>
    <row r="109848" spans="14:14">
      <c r="N109848" s="10"/>
    </row>
    <row r="109849" spans="14:14">
      <c r="N109849" s="10"/>
    </row>
    <row r="109850" spans="14:14">
      <c r="N109850" s="10"/>
    </row>
    <row r="109851" spans="14:14">
      <c r="N109851" s="10"/>
    </row>
    <row r="109852" spans="14:14">
      <c r="N109852" s="10"/>
    </row>
    <row r="109853" spans="14:14">
      <c r="N109853" s="10"/>
    </row>
    <row r="109854" spans="14:14">
      <c r="N109854" s="10"/>
    </row>
    <row r="109855" spans="14:14">
      <c r="N109855" s="10"/>
    </row>
    <row r="109856" spans="14:14">
      <c r="N109856" s="10"/>
    </row>
    <row r="109857" spans="14:14">
      <c r="N109857" s="10"/>
    </row>
    <row r="109858" spans="14:14">
      <c r="N109858" s="10"/>
    </row>
    <row r="109859" spans="14:14">
      <c r="N109859" s="10"/>
    </row>
    <row r="109860" spans="14:14">
      <c r="N109860" s="10"/>
    </row>
    <row r="109861" spans="14:14">
      <c r="N109861" s="10"/>
    </row>
    <row r="109862" spans="14:14">
      <c r="N109862" s="10"/>
    </row>
    <row r="109863" spans="14:14">
      <c r="N109863" s="10"/>
    </row>
    <row r="109864" spans="14:14">
      <c r="N109864" s="10"/>
    </row>
    <row r="109865" spans="14:14">
      <c r="N109865" s="10"/>
    </row>
    <row r="109866" spans="14:14">
      <c r="N109866" s="10"/>
    </row>
    <row r="109867" spans="14:14">
      <c r="N109867" s="10"/>
    </row>
    <row r="109868" spans="14:14">
      <c r="N109868" s="10"/>
    </row>
    <row r="109869" spans="14:14">
      <c r="N109869" s="10"/>
    </row>
    <row r="109870" spans="14:14">
      <c r="N109870" s="10"/>
    </row>
    <row r="109871" spans="14:14">
      <c r="N109871" s="10"/>
    </row>
    <row r="109872" spans="14:14">
      <c r="N109872" s="10"/>
    </row>
    <row r="109873" spans="14:14">
      <c r="N109873" s="10"/>
    </row>
    <row r="109874" spans="14:14">
      <c r="N109874" s="10"/>
    </row>
    <row r="109875" spans="14:14">
      <c r="N109875" s="10"/>
    </row>
    <row r="109876" spans="14:14">
      <c r="N109876" s="10"/>
    </row>
    <row r="109877" spans="14:14">
      <c r="N109877" s="10"/>
    </row>
    <row r="109878" spans="14:14">
      <c r="N109878" s="10"/>
    </row>
    <row r="109879" spans="14:14">
      <c r="N109879" s="10"/>
    </row>
    <row r="109880" spans="14:14">
      <c r="N109880" s="10"/>
    </row>
    <row r="109881" spans="14:14">
      <c r="N109881" s="10"/>
    </row>
    <row r="109882" spans="14:14">
      <c r="N109882" s="10"/>
    </row>
    <row r="109883" spans="14:14">
      <c r="N109883" s="10"/>
    </row>
    <row r="109884" spans="14:14">
      <c r="N109884" s="10"/>
    </row>
    <row r="109885" spans="14:14">
      <c r="N109885" s="10"/>
    </row>
    <row r="109886" spans="14:14">
      <c r="N109886" s="10"/>
    </row>
    <row r="109887" spans="14:14">
      <c r="N109887" s="10"/>
    </row>
    <row r="109888" spans="14:14">
      <c r="N109888" s="10"/>
    </row>
    <row r="109889" spans="14:14">
      <c r="N109889" s="10"/>
    </row>
    <row r="109890" spans="14:14">
      <c r="N109890" s="10"/>
    </row>
    <row r="109891" spans="14:14">
      <c r="N109891" s="10"/>
    </row>
    <row r="109892" spans="14:14">
      <c r="N109892" s="10"/>
    </row>
    <row r="109893" spans="14:14">
      <c r="N109893" s="10"/>
    </row>
    <row r="109894" spans="14:14">
      <c r="N109894" s="10"/>
    </row>
    <row r="109895" spans="14:14">
      <c r="N109895" s="10"/>
    </row>
    <row r="109896" spans="14:14">
      <c r="N109896" s="10"/>
    </row>
    <row r="109897" spans="14:14">
      <c r="N109897" s="10"/>
    </row>
    <row r="109898" spans="14:14">
      <c r="N109898" s="10"/>
    </row>
    <row r="109899" spans="14:14">
      <c r="N109899" s="10"/>
    </row>
    <row r="109900" spans="14:14">
      <c r="N109900" s="10"/>
    </row>
    <row r="109901" spans="14:14">
      <c r="N109901" s="10"/>
    </row>
    <row r="109902" spans="14:14">
      <c r="N109902" s="10"/>
    </row>
    <row r="109903" spans="14:14">
      <c r="N109903" s="10"/>
    </row>
    <row r="109904" spans="14:14">
      <c r="N109904" s="10"/>
    </row>
    <row r="109905" spans="14:14">
      <c r="N109905" s="10"/>
    </row>
    <row r="109906" spans="14:14">
      <c r="N109906" s="10"/>
    </row>
    <row r="109907" spans="14:14">
      <c r="N109907" s="10"/>
    </row>
    <row r="109908" spans="14:14">
      <c r="N109908" s="10"/>
    </row>
    <row r="109909" spans="14:14">
      <c r="N109909" s="10"/>
    </row>
    <row r="109910" spans="14:14">
      <c r="N109910" s="10"/>
    </row>
    <row r="109911" spans="14:14">
      <c r="N109911" s="10"/>
    </row>
    <row r="109912" spans="14:14">
      <c r="N109912" s="10"/>
    </row>
    <row r="109913" spans="14:14">
      <c r="N109913" s="10"/>
    </row>
    <row r="109914" spans="14:14">
      <c r="N109914" s="10"/>
    </row>
    <row r="109915" spans="14:14">
      <c r="N109915" s="10"/>
    </row>
    <row r="109916" spans="14:14">
      <c r="N109916" s="10"/>
    </row>
    <row r="109917" spans="14:14">
      <c r="N109917" s="10"/>
    </row>
    <row r="109918" spans="14:14">
      <c r="N109918" s="10"/>
    </row>
    <row r="109919" spans="14:14">
      <c r="N109919" s="10"/>
    </row>
    <row r="109920" spans="14:14">
      <c r="N109920" s="10"/>
    </row>
    <row r="109921" spans="14:14">
      <c r="N109921" s="10"/>
    </row>
    <row r="109922" spans="14:14">
      <c r="N109922" s="10"/>
    </row>
    <row r="109923" spans="14:14">
      <c r="N109923" s="10"/>
    </row>
    <row r="109924" spans="14:14">
      <c r="N109924" s="10"/>
    </row>
    <row r="109925" spans="14:14">
      <c r="N109925" s="10"/>
    </row>
    <row r="109926" spans="14:14">
      <c r="N109926" s="10"/>
    </row>
    <row r="109927" spans="14:14">
      <c r="N109927" s="10"/>
    </row>
    <row r="109928" spans="14:14">
      <c r="N109928" s="10"/>
    </row>
    <row r="109929" spans="14:14">
      <c r="N109929" s="10"/>
    </row>
    <row r="109930" spans="14:14">
      <c r="N109930" s="10"/>
    </row>
    <row r="109931" spans="14:14">
      <c r="N109931" s="10"/>
    </row>
    <row r="109932" spans="14:14">
      <c r="N109932" s="10"/>
    </row>
    <row r="109933" spans="14:14">
      <c r="N109933" s="10"/>
    </row>
    <row r="109934" spans="14:14">
      <c r="N109934" s="10"/>
    </row>
    <row r="109935" spans="14:14">
      <c r="N109935" s="10"/>
    </row>
    <row r="109936" spans="14:14">
      <c r="N109936" s="10"/>
    </row>
    <row r="109937" spans="14:14">
      <c r="N109937" s="10"/>
    </row>
    <row r="109938" spans="14:14">
      <c r="N109938" s="10"/>
    </row>
    <row r="109939" spans="14:14">
      <c r="N109939" s="10"/>
    </row>
    <row r="109940" spans="14:14">
      <c r="N109940" s="10"/>
    </row>
    <row r="109941" spans="14:14">
      <c r="N109941" s="10"/>
    </row>
    <row r="109942" spans="14:14">
      <c r="N109942" s="10"/>
    </row>
    <row r="109943" spans="14:14">
      <c r="N109943" s="10"/>
    </row>
    <row r="109944" spans="14:14">
      <c r="N109944" s="10"/>
    </row>
    <row r="109945" spans="14:14">
      <c r="N109945" s="10"/>
    </row>
    <row r="109946" spans="14:14">
      <c r="N109946" s="10"/>
    </row>
    <row r="109947" spans="14:14">
      <c r="N109947" s="10"/>
    </row>
    <row r="109948" spans="14:14">
      <c r="N109948" s="10"/>
    </row>
    <row r="109949" spans="14:14">
      <c r="N109949" s="10"/>
    </row>
    <row r="109950" spans="14:14">
      <c r="N109950" s="10"/>
    </row>
    <row r="109951" spans="14:14">
      <c r="N109951" s="10"/>
    </row>
    <row r="109952" spans="14:14">
      <c r="N109952" s="10"/>
    </row>
    <row r="109953" spans="14:14">
      <c r="N109953" s="10"/>
    </row>
    <row r="109954" spans="14:14">
      <c r="N109954" s="10"/>
    </row>
    <row r="109955" spans="14:14">
      <c r="N109955" s="10"/>
    </row>
    <row r="109956" spans="14:14">
      <c r="N109956" s="10"/>
    </row>
    <row r="109957" spans="14:14">
      <c r="N109957" s="10"/>
    </row>
    <row r="109958" spans="14:14">
      <c r="N109958" s="10"/>
    </row>
    <row r="109959" spans="14:14">
      <c r="N109959" s="10"/>
    </row>
    <row r="109960" spans="14:14">
      <c r="N109960" s="10"/>
    </row>
    <row r="109961" spans="14:14">
      <c r="N109961" s="10"/>
    </row>
    <row r="109962" spans="14:14">
      <c r="N109962" s="10"/>
    </row>
    <row r="109963" spans="14:14">
      <c r="N109963" s="10"/>
    </row>
    <row r="109964" spans="14:14">
      <c r="N109964" s="10"/>
    </row>
    <row r="109965" spans="14:14">
      <c r="N109965" s="10"/>
    </row>
    <row r="109966" spans="14:14">
      <c r="N109966" s="10"/>
    </row>
    <row r="109967" spans="14:14">
      <c r="N109967" s="10"/>
    </row>
    <row r="109968" spans="14:14">
      <c r="N109968" s="10"/>
    </row>
    <row r="109969" spans="14:14">
      <c r="N109969" s="10"/>
    </row>
    <row r="109970" spans="14:14">
      <c r="N109970" s="10"/>
    </row>
    <row r="109971" spans="14:14">
      <c r="N109971" s="10"/>
    </row>
    <row r="109972" spans="14:14">
      <c r="N109972" s="10"/>
    </row>
    <row r="109973" spans="14:14">
      <c r="N109973" s="10"/>
    </row>
    <row r="109974" spans="14:14">
      <c r="N109974" s="10"/>
    </row>
    <row r="109975" spans="14:14">
      <c r="N109975" s="10"/>
    </row>
    <row r="109976" spans="14:14">
      <c r="N109976" s="10"/>
    </row>
    <row r="109977" spans="14:14">
      <c r="N109977" s="10"/>
    </row>
    <row r="109978" spans="14:14">
      <c r="N109978" s="10"/>
    </row>
    <row r="109979" spans="14:14">
      <c r="N109979" s="10"/>
    </row>
    <row r="109980" spans="14:14">
      <c r="N109980" s="10"/>
    </row>
    <row r="109981" spans="14:14">
      <c r="N109981" s="10"/>
    </row>
    <row r="109982" spans="14:14">
      <c r="N109982" s="10"/>
    </row>
    <row r="109983" spans="14:14">
      <c r="N109983" s="10"/>
    </row>
    <row r="109984" spans="14:14">
      <c r="N109984" s="10"/>
    </row>
    <row r="109985" spans="14:14">
      <c r="N109985" s="10"/>
    </row>
    <row r="109986" spans="14:14">
      <c r="N109986" s="10"/>
    </row>
    <row r="109987" spans="14:14">
      <c r="N109987" s="10"/>
    </row>
    <row r="109988" spans="14:14">
      <c r="N109988" s="10"/>
    </row>
    <row r="109989" spans="14:14">
      <c r="N109989" s="10"/>
    </row>
    <row r="109990" spans="14:14">
      <c r="N109990" s="10"/>
    </row>
    <row r="109991" spans="14:14">
      <c r="N109991" s="10"/>
    </row>
    <row r="109992" spans="14:14">
      <c r="N109992" s="10"/>
    </row>
    <row r="109993" spans="14:14">
      <c r="N109993" s="10"/>
    </row>
    <row r="109994" spans="14:14">
      <c r="N109994" s="10"/>
    </row>
    <row r="109995" spans="14:14">
      <c r="N109995" s="10"/>
    </row>
    <row r="109996" spans="14:14">
      <c r="N109996" s="10"/>
    </row>
    <row r="109997" spans="14:14">
      <c r="N109997" s="10"/>
    </row>
    <row r="109998" spans="14:14">
      <c r="N109998" s="10"/>
    </row>
    <row r="109999" spans="14:14">
      <c r="N109999" s="10"/>
    </row>
    <row r="110000" spans="14:14">
      <c r="N110000" s="10"/>
    </row>
    <row r="110001" spans="14:14">
      <c r="N110001" s="10"/>
    </row>
    <row r="110002" spans="14:14">
      <c r="N110002" s="10"/>
    </row>
    <row r="110003" spans="14:14">
      <c r="N110003" s="10"/>
    </row>
    <row r="110004" spans="14:14">
      <c r="N110004" s="10"/>
    </row>
    <row r="110005" spans="14:14">
      <c r="N110005" s="10"/>
    </row>
    <row r="110006" spans="14:14">
      <c r="N110006" s="10"/>
    </row>
    <row r="110007" spans="14:14">
      <c r="N110007" s="10"/>
    </row>
    <row r="110008" spans="14:14">
      <c r="N110008" s="10"/>
    </row>
    <row r="110009" spans="14:14">
      <c r="N110009" s="10"/>
    </row>
    <row r="110010" spans="14:14">
      <c r="N110010" s="10"/>
    </row>
    <row r="110011" spans="14:14">
      <c r="N110011" s="10"/>
    </row>
    <row r="110012" spans="14:14">
      <c r="N110012" s="10"/>
    </row>
    <row r="110013" spans="14:14">
      <c r="N110013" s="10"/>
    </row>
    <row r="110014" spans="14:14">
      <c r="N110014" s="10"/>
    </row>
    <row r="110015" spans="14:14">
      <c r="N110015" s="10"/>
    </row>
    <row r="110016" spans="14:14">
      <c r="N110016" s="10"/>
    </row>
    <row r="110017" spans="14:14">
      <c r="N110017" s="10"/>
    </row>
    <row r="110018" spans="14:14">
      <c r="N110018" s="10"/>
    </row>
    <row r="110019" spans="14:14">
      <c r="N110019" s="10"/>
    </row>
    <row r="110020" spans="14:14">
      <c r="N110020" s="10"/>
    </row>
    <row r="110021" spans="14:14">
      <c r="N110021" s="10"/>
    </row>
    <row r="110022" spans="14:14">
      <c r="N110022" s="10"/>
    </row>
    <row r="110023" spans="14:14">
      <c r="N110023" s="10"/>
    </row>
    <row r="110024" spans="14:14">
      <c r="N110024" s="10"/>
    </row>
    <row r="110025" spans="14:14">
      <c r="N110025" s="10"/>
    </row>
    <row r="110026" spans="14:14">
      <c r="N110026" s="10"/>
    </row>
    <row r="110027" spans="14:14">
      <c r="N110027" s="10"/>
    </row>
    <row r="110028" spans="14:14">
      <c r="N110028" s="10"/>
    </row>
    <row r="110029" spans="14:14">
      <c r="N110029" s="10"/>
    </row>
    <row r="110030" spans="14:14">
      <c r="N110030" s="10"/>
    </row>
    <row r="110031" spans="14:14">
      <c r="N110031" s="10"/>
    </row>
    <row r="110032" spans="14:14">
      <c r="N110032" s="10"/>
    </row>
    <row r="110033" spans="14:14">
      <c r="N110033" s="10"/>
    </row>
    <row r="110034" spans="14:14">
      <c r="N110034" s="10"/>
    </row>
    <row r="110035" spans="14:14">
      <c r="N110035" s="10"/>
    </row>
    <row r="110036" spans="14:14">
      <c r="N110036" s="10"/>
    </row>
    <row r="110037" spans="14:14">
      <c r="N110037" s="10"/>
    </row>
    <row r="110038" spans="14:14">
      <c r="N110038" s="10"/>
    </row>
    <row r="110039" spans="14:14">
      <c r="N110039" s="10"/>
    </row>
    <row r="110040" spans="14:14">
      <c r="N110040" s="10"/>
    </row>
    <row r="110041" spans="14:14">
      <c r="N110041" s="10"/>
    </row>
    <row r="110042" spans="14:14">
      <c r="N110042" s="10"/>
    </row>
    <row r="110043" spans="14:14">
      <c r="N110043" s="10"/>
    </row>
    <row r="110044" spans="14:14">
      <c r="N110044" s="10"/>
    </row>
    <row r="110045" spans="14:14">
      <c r="N110045" s="10"/>
    </row>
    <row r="110046" spans="14:14">
      <c r="N110046" s="10"/>
    </row>
    <row r="110047" spans="14:14">
      <c r="N110047" s="10"/>
    </row>
    <row r="110048" spans="14:14">
      <c r="N110048" s="10"/>
    </row>
    <row r="110049" spans="14:14">
      <c r="N110049" s="10"/>
    </row>
    <row r="110050" spans="14:14">
      <c r="N110050" s="10"/>
    </row>
    <row r="110051" spans="14:14">
      <c r="N110051" s="10"/>
    </row>
    <row r="110052" spans="14:14">
      <c r="N110052" s="10"/>
    </row>
    <row r="110053" spans="14:14">
      <c r="N110053" s="10"/>
    </row>
    <row r="110054" spans="14:14">
      <c r="N110054" s="10"/>
    </row>
    <row r="110055" spans="14:14">
      <c r="N110055" s="10"/>
    </row>
    <row r="110056" spans="14:14">
      <c r="N110056" s="10"/>
    </row>
    <row r="110057" spans="14:14">
      <c r="N110057" s="10"/>
    </row>
    <row r="110058" spans="14:14">
      <c r="N110058" s="10"/>
    </row>
    <row r="110059" spans="14:14">
      <c r="N110059" s="10"/>
    </row>
    <row r="110060" spans="14:14">
      <c r="N110060" s="10"/>
    </row>
    <row r="110061" spans="14:14">
      <c r="N110061" s="10"/>
    </row>
    <row r="110062" spans="14:14">
      <c r="N110062" s="10"/>
    </row>
    <row r="110063" spans="14:14">
      <c r="N110063" s="10"/>
    </row>
    <row r="110064" spans="14:14">
      <c r="N110064" s="10"/>
    </row>
    <row r="110065" spans="14:14">
      <c r="N110065" s="10"/>
    </row>
    <row r="110066" spans="14:14">
      <c r="N110066" s="10"/>
    </row>
    <row r="110067" spans="14:14">
      <c r="N110067" s="10"/>
    </row>
    <row r="110068" spans="14:14">
      <c r="N110068" s="10"/>
    </row>
    <row r="110069" spans="14:14">
      <c r="N110069" s="10"/>
    </row>
    <row r="110070" spans="14:14">
      <c r="N110070" s="10"/>
    </row>
    <row r="110071" spans="14:14">
      <c r="N110071" s="10"/>
    </row>
    <row r="110072" spans="14:14">
      <c r="N110072" s="10"/>
    </row>
    <row r="110073" spans="14:14">
      <c r="N110073" s="10"/>
    </row>
    <row r="110074" spans="14:14">
      <c r="N110074" s="10"/>
    </row>
    <row r="110075" spans="14:14">
      <c r="N110075" s="10"/>
    </row>
    <row r="110076" spans="14:14">
      <c r="N110076" s="10"/>
    </row>
    <row r="110077" spans="14:14">
      <c r="N110077" s="10"/>
    </row>
    <row r="110078" spans="14:14">
      <c r="N110078" s="10"/>
    </row>
    <row r="110079" spans="14:14">
      <c r="N110079" s="10"/>
    </row>
    <row r="110080" spans="14:14">
      <c r="N110080" s="10"/>
    </row>
    <row r="110081" spans="14:14">
      <c r="N110081" s="10"/>
    </row>
    <row r="110082" spans="14:14">
      <c r="N110082" s="10"/>
    </row>
    <row r="110083" spans="14:14">
      <c r="N110083" s="10"/>
    </row>
    <row r="110084" spans="14:14">
      <c r="N110084" s="10"/>
    </row>
    <row r="110085" spans="14:14">
      <c r="N110085" s="10"/>
    </row>
    <row r="110086" spans="14:14">
      <c r="N110086" s="10"/>
    </row>
    <row r="110087" spans="14:14">
      <c r="N110087" s="10"/>
    </row>
    <row r="110088" spans="14:14">
      <c r="N110088" s="10"/>
    </row>
    <row r="110089" spans="14:14">
      <c r="N110089" s="10"/>
    </row>
    <row r="110090" spans="14:14">
      <c r="N110090" s="10"/>
    </row>
    <row r="110091" spans="14:14">
      <c r="N110091" s="10"/>
    </row>
    <row r="110092" spans="14:14">
      <c r="N110092" s="10"/>
    </row>
    <row r="110093" spans="14:14">
      <c r="N110093" s="10"/>
    </row>
    <row r="110094" spans="14:14">
      <c r="N110094" s="10"/>
    </row>
    <row r="110095" spans="14:14">
      <c r="N110095" s="10"/>
    </row>
    <row r="110096" spans="14:14">
      <c r="N110096" s="10"/>
    </row>
    <row r="110097" spans="14:14">
      <c r="N110097" s="10"/>
    </row>
    <row r="110098" spans="14:14">
      <c r="N110098" s="10"/>
    </row>
    <row r="110099" spans="14:14">
      <c r="N110099" s="10"/>
    </row>
    <row r="110100" spans="14:14">
      <c r="N110100" s="10"/>
    </row>
    <row r="110101" spans="14:14">
      <c r="N110101" s="10"/>
    </row>
    <row r="110102" spans="14:14">
      <c r="N110102" s="10"/>
    </row>
    <row r="110103" spans="14:14">
      <c r="N110103" s="10"/>
    </row>
    <row r="110104" spans="14:14">
      <c r="N110104" s="10"/>
    </row>
    <row r="110105" spans="14:14">
      <c r="N110105" s="10"/>
    </row>
    <row r="110106" spans="14:14">
      <c r="N110106" s="10"/>
    </row>
    <row r="110107" spans="14:14">
      <c r="N110107" s="10"/>
    </row>
    <row r="110108" spans="14:14">
      <c r="N110108" s="10"/>
    </row>
    <row r="110109" spans="14:14">
      <c r="N110109" s="10"/>
    </row>
    <row r="110110" spans="14:14">
      <c r="N110110" s="10"/>
    </row>
    <row r="110111" spans="14:14">
      <c r="N110111" s="10"/>
    </row>
    <row r="110112" spans="14:14">
      <c r="N110112" s="10"/>
    </row>
    <row r="110113" spans="14:14">
      <c r="N110113" s="10"/>
    </row>
    <row r="110114" spans="14:14">
      <c r="N110114" s="10"/>
    </row>
    <row r="110115" spans="14:14">
      <c r="N110115" s="10"/>
    </row>
    <row r="110116" spans="14:14">
      <c r="N110116" s="10"/>
    </row>
    <row r="110117" spans="14:14">
      <c r="N110117" s="10"/>
    </row>
    <row r="110118" spans="14:14">
      <c r="N110118" s="10"/>
    </row>
    <row r="110119" spans="14:14">
      <c r="N110119" s="10"/>
    </row>
    <row r="110120" spans="14:14">
      <c r="N110120" s="10"/>
    </row>
    <row r="110121" spans="14:14">
      <c r="N110121" s="10"/>
    </row>
    <row r="110122" spans="14:14">
      <c r="N110122" s="10"/>
    </row>
    <row r="110123" spans="14:14">
      <c r="N110123" s="10"/>
    </row>
    <row r="110124" spans="14:14">
      <c r="N110124" s="10"/>
    </row>
    <row r="110125" spans="14:14">
      <c r="N110125" s="10"/>
    </row>
    <row r="110126" spans="14:14">
      <c r="N110126" s="10"/>
    </row>
    <row r="110127" spans="14:14">
      <c r="N110127" s="10"/>
    </row>
    <row r="110128" spans="14:14">
      <c r="N110128" s="10"/>
    </row>
    <row r="110129" spans="14:14">
      <c r="N110129" s="10"/>
    </row>
    <row r="110130" spans="14:14">
      <c r="N110130" s="10"/>
    </row>
    <row r="110131" spans="14:14">
      <c r="N110131" s="10"/>
    </row>
    <row r="110132" spans="14:14">
      <c r="N110132" s="10"/>
    </row>
    <row r="110133" spans="14:14">
      <c r="N110133" s="10"/>
    </row>
    <row r="110134" spans="14:14">
      <c r="N110134" s="10"/>
    </row>
    <row r="110135" spans="14:14">
      <c r="N110135" s="10"/>
    </row>
    <row r="110136" spans="14:14">
      <c r="N110136" s="10"/>
    </row>
    <row r="110137" spans="14:14">
      <c r="N110137" s="10"/>
    </row>
    <row r="110138" spans="14:14">
      <c r="N110138" s="10"/>
    </row>
    <row r="110139" spans="14:14">
      <c r="N110139" s="10"/>
    </row>
    <row r="110140" spans="14:14">
      <c r="N110140" s="10"/>
    </row>
    <row r="110141" spans="14:14">
      <c r="N110141" s="10"/>
    </row>
    <row r="110142" spans="14:14">
      <c r="N110142" s="10"/>
    </row>
    <row r="110143" spans="14:14">
      <c r="N110143" s="10"/>
    </row>
    <row r="110144" spans="14:14">
      <c r="N110144" s="10"/>
    </row>
    <row r="110145" spans="14:14">
      <c r="N110145" s="10"/>
    </row>
    <row r="110146" spans="14:14">
      <c r="N110146" s="10"/>
    </row>
    <row r="110147" spans="14:14">
      <c r="N110147" s="10"/>
    </row>
    <row r="110148" spans="14:14">
      <c r="N110148" s="10"/>
    </row>
    <row r="110149" spans="14:14">
      <c r="N110149" s="10"/>
    </row>
    <row r="110150" spans="14:14">
      <c r="N110150" s="10"/>
    </row>
    <row r="110151" spans="14:14">
      <c r="N110151" s="10"/>
    </row>
    <row r="110152" spans="14:14">
      <c r="N110152" s="10"/>
    </row>
    <row r="110153" spans="14:14">
      <c r="N110153" s="10"/>
    </row>
    <row r="110154" spans="14:14">
      <c r="N110154" s="10"/>
    </row>
    <row r="110155" spans="14:14">
      <c r="N110155" s="10"/>
    </row>
    <row r="110156" spans="14:14">
      <c r="N110156" s="10"/>
    </row>
    <row r="110157" spans="14:14">
      <c r="N110157" s="10"/>
    </row>
    <row r="110158" spans="14:14">
      <c r="N110158" s="10"/>
    </row>
    <row r="110159" spans="14:14">
      <c r="N110159" s="10"/>
    </row>
    <row r="110160" spans="14:14">
      <c r="N110160" s="10"/>
    </row>
    <row r="110161" spans="14:14">
      <c r="N110161" s="10"/>
    </row>
    <row r="110162" spans="14:14">
      <c r="N110162" s="10"/>
    </row>
    <row r="110163" spans="14:14">
      <c r="N110163" s="10"/>
    </row>
    <row r="110164" spans="14:14">
      <c r="N110164" s="10"/>
    </row>
    <row r="110165" spans="14:14">
      <c r="N110165" s="10"/>
    </row>
    <row r="110166" spans="14:14">
      <c r="N110166" s="10"/>
    </row>
    <row r="110167" spans="14:14">
      <c r="N110167" s="10"/>
    </row>
    <row r="110168" spans="14:14">
      <c r="N110168" s="10"/>
    </row>
    <row r="110169" spans="14:14">
      <c r="N110169" s="10"/>
    </row>
    <row r="110170" spans="14:14">
      <c r="N110170" s="10"/>
    </row>
    <row r="110171" spans="14:14">
      <c r="N110171" s="10"/>
    </row>
    <row r="110172" spans="14:14">
      <c r="N110172" s="10"/>
    </row>
    <row r="110173" spans="14:14">
      <c r="N110173" s="10"/>
    </row>
    <row r="110174" spans="14:14">
      <c r="N110174" s="10"/>
    </row>
    <row r="110175" spans="14:14">
      <c r="N110175" s="10"/>
    </row>
    <row r="110176" spans="14:14">
      <c r="N110176" s="10"/>
    </row>
    <row r="110177" spans="14:14">
      <c r="N110177" s="10"/>
    </row>
    <row r="110178" spans="14:14">
      <c r="N110178" s="10"/>
    </row>
    <row r="110179" spans="14:14">
      <c r="N110179" s="10"/>
    </row>
    <row r="110180" spans="14:14">
      <c r="N110180" s="10"/>
    </row>
    <row r="110181" spans="14:14">
      <c r="N110181" s="10"/>
    </row>
    <row r="110182" spans="14:14">
      <c r="N110182" s="10"/>
    </row>
    <row r="110183" spans="14:14">
      <c r="N110183" s="10"/>
    </row>
    <row r="110184" spans="14:14">
      <c r="N110184" s="10"/>
    </row>
    <row r="110185" spans="14:14">
      <c r="N110185" s="10"/>
    </row>
    <row r="110186" spans="14:14">
      <c r="N110186" s="10"/>
    </row>
    <row r="110187" spans="14:14">
      <c r="N110187" s="10"/>
    </row>
    <row r="110188" spans="14:14">
      <c r="N110188" s="10"/>
    </row>
    <row r="110189" spans="14:14">
      <c r="N110189" s="10"/>
    </row>
    <row r="110190" spans="14:14">
      <c r="N110190" s="10"/>
    </row>
    <row r="110191" spans="14:14">
      <c r="N110191" s="10"/>
    </row>
    <row r="110192" spans="14:14">
      <c r="N110192" s="10"/>
    </row>
    <row r="110193" spans="14:14">
      <c r="N110193" s="10"/>
    </row>
    <row r="110194" spans="14:14">
      <c r="N110194" s="10"/>
    </row>
    <row r="110195" spans="14:14">
      <c r="N110195" s="10"/>
    </row>
    <row r="110196" spans="14:14">
      <c r="N110196" s="10"/>
    </row>
    <row r="110197" spans="14:14">
      <c r="N110197" s="10"/>
    </row>
    <row r="110198" spans="14:14">
      <c r="N110198" s="10"/>
    </row>
    <row r="110199" spans="14:14">
      <c r="N110199" s="10"/>
    </row>
    <row r="110200" spans="14:14">
      <c r="N110200" s="10"/>
    </row>
    <row r="110201" spans="14:14">
      <c r="N110201" s="10"/>
    </row>
    <row r="110202" spans="14:14">
      <c r="N110202" s="10"/>
    </row>
    <row r="110203" spans="14:14">
      <c r="N110203" s="10"/>
    </row>
    <row r="110204" spans="14:14">
      <c r="N110204" s="10"/>
    </row>
    <row r="110205" spans="14:14">
      <c r="N110205" s="10"/>
    </row>
    <row r="110206" spans="14:14">
      <c r="N110206" s="10"/>
    </row>
    <row r="110207" spans="14:14">
      <c r="N110207" s="10"/>
    </row>
    <row r="110208" spans="14:14">
      <c r="N110208" s="10"/>
    </row>
    <row r="110209" spans="14:14">
      <c r="N110209" s="10"/>
    </row>
    <row r="110210" spans="14:14">
      <c r="N110210" s="10"/>
    </row>
    <row r="110211" spans="14:14">
      <c r="N110211" s="10"/>
    </row>
    <row r="110212" spans="14:14">
      <c r="N110212" s="10"/>
    </row>
    <row r="110213" spans="14:14">
      <c r="N110213" s="10"/>
    </row>
    <row r="110214" spans="14:14">
      <c r="N110214" s="10"/>
    </row>
    <row r="110215" spans="14:14">
      <c r="N110215" s="10"/>
    </row>
    <row r="110216" spans="14:14">
      <c r="N110216" s="10"/>
    </row>
    <row r="110217" spans="14:14">
      <c r="N110217" s="10"/>
    </row>
    <row r="110218" spans="14:14">
      <c r="N110218" s="10"/>
    </row>
    <row r="110219" spans="14:14">
      <c r="N110219" s="10"/>
    </row>
    <row r="110220" spans="14:14">
      <c r="N110220" s="10"/>
    </row>
    <row r="110221" spans="14:14">
      <c r="N110221" s="10"/>
    </row>
    <row r="110222" spans="14:14">
      <c r="N110222" s="10"/>
    </row>
    <row r="110223" spans="14:14">
      <c r="N110223" s="10"/>
    </row>
    <row r="110224" spans="14:14">
      <c r="N110224" s="10"/>
    </row>
    <row r="110225" spans="14:14">
      <c r="N110225" s="10"/>
    </row>
    <row r="110226" spans="14:14">
      <c r="N110226" s="10"/>
    </row>
    <row r="110227" spans="14:14">
      <c r="N110227" s="10"/>
    </row>
    <row r="110228" spans="14:14">
      <c r="N110228" s="10"/>
    </row>
    <row r="110229" spans="14:14">
      <c r="N110229" s="10"/>
    </row>
    <row r="110230" spans="14:14">
      <c r="N110230" s="10"/>
    </row>
    <row r="110231" spans="14:14">
      <c r="N110231" s="10"/>
    </row>
    <row r="110232" spans="14:14">
      <c r="N110232" s="10"/>
    </row>
    <row r="110233" spans="14:14">
      <c r="N110233" s="10"/>
    </row>
    <row r="110234" spans="14:14">
      <c r="N110234" s="10"/>
    </row>
    <row r="110235" spans="14:14">
      <c r="N110235" s="10"/>
    </row>
    <row r="110236" spans="14:14">
      <c r="N110236" s="10"/>
    </row>
    <row r="110237" spans="14:14">
      <c r="N110237" s="10"/>
    </row>
    <row r="110238" spans="14:14">
      <c r="N110238" s="10"/>
    </row>
    <row r="110239" spans="14:14">
      <c r="N110239" s="10"/>
    </row>
    <row r="110240" spans="14:14">
      <c r="N110240" s="10"/>
    </row>
    <row r="110241" spans="14:14">
      <c r="N110241" s="10"/>
    </row>
    <row r="110242" spans="14:14">
      <c r="N110242" s="10"/>
    </row>
    <row r="110243" spans="14:14">
      <c r="N110243" s="10"/>
    </row>
    <row r="110244" spans="14:14">
      <c r="N110244" s="10"/>
    </row>
    <row r="110245" spans="14:14">
      <c r="N110245" s="10"/>
    </row>
    <row r="110246" spans="14:14">
      <c r="N110246" s="10"/>
    </row>
    <row r="110247" spans="14:14">
      <c r="N110247" s="10"/>
    </row>
    <row r="110248" spans="14:14">
      <c r="N110248" s="10"/>
    </row>
    <row r="110249" spans="14:14">
      <c r="N110249" s="10"/>
    </row>
    <row r="110250" spans="14:14">
      <c r="N110250" s="10"/>
    </row>
    <row r="110251" spans="14:14">
      <c r="N110251" s="10"/>
    </row>
    <row r="110252" spans="14:14">
      <c r="N110252" s="10"/>
    </row>
    <row r="110253" spans="14:14">
      <c r="N110253" s="10"/>
    </row>
    <row r="110254" spans="14:14">
      <c r="N110254" s="10"/>
    </row>
    <row r="110255" spans="14:14">
      <c r="N110255" s="10"/>
    </row>
    <row r="110256" spans="14:14">
      <c r="N110256" s="10"/>
    </row>
    <row r="110257" spans="14:14">
      <c r="N110257" s="10"/>
    </row>
    <row r="110258" spans="14:14">
      <c r="N110258" s="10"/>
    </row>
    <row r="110259" spans="14:14">
      <c r="N110259" s="10"/>
    </row>
    <row r="110260" spans="14:14">
      <c r="N110260" s="10"/>
    </row>
    <row r="110261" spans="14:14">
      <c r="N110261" s="10"/>
    </row>
    <row r="110262" spans="14:14">
      <c r="N110262" s="10"/>
    </row>
    <row r="110263" spans="14:14">
      <c r="N110263" s="10"/>
    </row>
    <row r="110264" spans="14:14">
      <c r="N110264" s="10"/>
    </row>
    <row r="110265" spans="14:14">
      <c r="N110265" s="10"/>
    </row>
    <row r="110266" spans="14:14">
      <c r="N110266" s="10"/>
    </row>
    <row r="110267" spans="14:14">
      <c r="N110267" s="10"/>
    </row>
    <row r="110268" spans="14:14">
      <c r="N110268" s="10"/>
    </row>
    <row r="110269" spans="14:14">
      <c r="N110269" s="10"/>
    </row>
    <row r="110270" spans="14:14">
      <c r="N110270" s="10"/>
    </row>
    <row r="110271" spans="14:14">
      <c r="N110271" s="10"/>
    </row>
    <row r="110272" spans="14:14">
      <c r="N110272" s="10"/>
    </row>
    <row r="110273" spans="14:14">
      <c r="N110273" s="10"/>
    </row>
    <row r="110274" spans="14:14">
      <c r="N110274" s="10"/>
    </row>
    <row r="110275" spans="14:14">
      <c r="N110275" s="10"/>
    </row>
    <row r="110276" spans="14:14">
      <c r="N110276" s="10"/>
    </row>
    <row r="110277" spans="14:14">
      <c r="N110277" s="10"/>
    </row>
    <row r="110278" spans="14:14">
      <c r="N110278" s="10"/>
    </row>
    <row r="110279" spans="14:14">
      <c r="N110279" s="10"/>
    </row>
    <row r="110280" spans="14:14">
      <c r="N110280" s="10"/>
    </row>
    <row r="110281" spans="14:14">
      <c r="N110281" s="10"/>
    </row>
    <row r="110282" spans="14:14">
      <c r="N110282" s="10"/>
    </row>
    <row r="110283" spans="14:14">
      <c r="N110283" s="10"/>
    </row>
    <row r="110284" spans="14:14">
      <c r="N110284" s="10"/>
    </row>
    <row r="110285" spans="14:14">
      <c r="N110285" s="10"/>
    </row>
    <row r="110286" spans="14:14">
      <c r="N110286" s="10"/>
    </row>
    <row r="110287" spans="14:14">
      <c r="N110287" s="10"/>
    </row>
    <row r="110288" spans="14:14">
      <c r="N110288" s="10"/>
    </row>
    <row r="110289" spans="14:14">
      <c r="N110289" s="10"/>
    </row>
    <row r="110290" spans="14:14">
      <c r="N110290" s="10"/>
    </row>
    <row r="110291" spans="14:14">
      <c r="N110291" s="10"/>
    </row>
    <row r="110292" spans="14:14">
      <c r="N110292" s="10"/>
    </row>
    <row r="110293" spans="14:14">
      <c r="N110293" s="10"/>
    </row>
    <row r="110294" spans="14:14">
      <c r="N110294" s="10"/>
    </row>
    <row r="110295" spans="14:14">
      <c r="N110295" s="10"/>
    </row>
    <row r="110296" spans="14:14">
      <c r="N110296" s="10"/>
    </row>
    <row r="110297" spans="14:14">
      <c r="N110297" s="10"/>
    </row>
    <row r="110298" spans="14:14">
      <c r="N110298" s="10"/>
    </row>
    <row r="110299" spans="14:14">
      <c r="N110299" s="10"/>
    </row>
    <row r="110300" spans="14:14">
      <c r="N110300" s="10"/>
    </row>
    <row r="110301" spans="14:14">
      <c r="N110301" s="10"/>
    </row>
    <row r="110302" spans="14:14">
      <c r="N110302" s="10"/>
    </row>
    <row r="110303" spans="14:14">
      <c r="N110303" s="10"/>
    </row>
    <row r="110304" spans="14:14">
      <c r="N110304" s="10"/>
    </row>
    <row r="110305" spans="14:14">
      <c r="N110305" s="10"/>
    </row>
    <row r="110306" spans="14:14">
      <c r="N110306" s="10"/>
    </row>
    <row r="110307" spans="14:14">
      <c r="N110307" s="10"/>
    </row>
    <row r="110308" spans="14:14">
      <c r="N110308" s="10"/>
    </row>
    <row r="110309" spans="14:14">
      <c r="N110309" s="10"/>
    </row>
    <row r="110310" spans="14:14">
      <c r="N110310" s="10"/>
    </row>
    <row r="110311" spans="14:14">
      <c r="N110311" s="10"/>
    </row>
    <row r="110312" spans="14:14">
      <c r="N110312" s="10"/>
    </row>
    <row r="110313" spans="14:14">
      <c r="N110313" s="10"/>
    </row>
    <row r="110314" spans="14:14">
      <c r="N110314" s="10"/>
    </row>
    <row r="110315" spans="14:14">
      <c r="N110315" s="10"/>
    </row>
    <row r="110316" spans="14:14">
      <c r="N110316" s="10"/>
    </row>
    <row r="110317" spans="14:14">
      <c r="N110317" s="10"/>
    </row>
    <row r="110318" spans="14:14">
      <c r="N110318" s="10"/>
    </row>
    <row r="110319" spans="14:14">
      <c r="N110319" s="10"/>
    </row>
    <row r="110320" spans="14:14">
      <c r="N110320" s="10"/>
    </row>
    <row r="110321" spans="14:14">
      <c r="N110321" s="10"/>
    </row>
    <row r="110322" spans="14:14">
      <c r="N110322" s="10"/>
    </row>
    <row r="110323" spans="14:14">
      <c r="N110323" s="10"/>
    </row>
    <row r="110324" spans="14:14">
      <c r="N110324" s="10"/>
    </row>
    <row r="110325" spans="14:14">
      <c r="N110325" s="10"/>
    </row>
    <row r="110326" spans="14:14">
      <c r="N110326" s="10"/>
    </row>
    <row r="110327" spans="14:14">
      <c r="N110327" s="10"/>
    </row>
    <row r="110328" spans="14:14">
      <c r="N110328" s="10"/>
    </row>
    <row r="110329" spans="14:14">
      <c r="N110329" s="10"/>
    </row>
    <row r="110330" spans="14:14">
      <c r="N110330" s="10"/>
    </row>
    <row r="110331" spans="14:14">
      <c r="N110331" s="10"/>
    </row>
    <row r="110332" spans="14:14">
      <c r="N110332" s="10"/>
    </row>
    <row r="110333" spans="14:14">
      <c r="N110333" s="10"/>
    </row>
    <row r="110334" spans="14:14">
      <c r="N110334" s="10"/>
    </row>
    <row r="110335" spans="14:14">
      <c r="N110335" s="10"/>
    </row>
    <row r="110336" spans="14:14">
      <c r="N110336" s="10"/>
    </row>
    <row r="110337" spans="14:14">
      <c r="N110337" s="10"/>
    </row>
    <row r="110338" spans="14:14">
      <c r="N110338" s="10"/>
    </row>
    <row r="110339" spans="14:14">
      <c r="N110339" s="10"/>
    </row>
    <row r="110340" spans="14:14">
      <c r="N110340" s="10"/>
    </row>
    <row r="110341" spans="14:14">
      <c r="N110341" s="10"/>
    </row>
    <row r="110342" spans="14:14">
      <c r="N110342" s="10"/>
    </row>
    <row r="110343" spans="14:14">
      <c r="N110343" s="10"/>
    </row>
    <row r="110344" spans="14:14">
      <c r="N110344" s="10"/>
    </row>
    <row r="110345" spans="14:14">
      <c r="N110345" s="10"/>
    </row>
    <row r="110346" spans="14:14">
      <c r="N110346" s="10"/>
    </row>
    <row r="110347" spans="14:14">
      <c r="N110347" s="10"/>
    </row>
    <row r="110348" spans="14:14">
      <c r="N110348" s="10"/>
    </row>
    <row r="110349" spans="14:14">
      <c r="N110349" s="10"/>
    </row>
    <row r="110350" spans="14:14">
      <c r="N110350" s="10"/>
    </row>
    <row r="110351" spans="14:14">
      <c r="N110351" s="10"/>
    </row>
    <row r="110352" spans="14:14">
      <c r="N110352" s="10"/>
    </row>
    <row r="110353" spans="14:14">
      <c r="N110353" s="10"/>
    </row>
    <row r="110354" spans="14:14">
      <c r="N110354" s="10"/>
    </row>
    <row r="110355" spans="14:14">
      <c r="N110355" s="10"/>
    </row>
    <row r="110356" spans="14:14">
      <c r="N110356" s="10"/>
    </row>
    <row r="110357" spans="14:14">
      <c r="N110357" s="10"/>
    </row>
    <row r="110358" spans="14:14">
      <c r="N110358" s="10"/>
    </row>
    <row r="110359" spans="14:14">
      <c r="N110359" s="10"/>
    </row>
    <row r="110360" spans="14:14">
      <c r="N110360" s="10"/>
    </row>
    <row r="110361" spans="14:14">
      <c r="N110361" s="10"/>
    </row>
    <row r="110362" spans="14:14">
      <c r="N110362" s="10"/>
    </row>
    <row r="110363" spans="14:14">
      <c r="N110363" s="10"/>
    </row>
    <row r="110364" spans="14:14">
      <c r="N110364" s="10"/>
    </row>
    <row r="110365" spans="14:14">
      <c r="N110365" s="10"/>
    </row>
    <row r="110366" spans="14:14">
      <c r="N110366" s="10"/>
    </row>
    <row r="110367" spans="14:14">
      <c r="N110367" s="10"/>
    </row>
    <row r="110368" spans="14:14">
      <c r="N110368" s="10"/>
    </row>
    <row r="110369" spans="14:14">
      <c r="N110369" s="10"/>
    </row>
    <row r="110370" spans="14:14">
      <c r="N110370" s="10"/>
    </row>
    <row r="110371" spans="14:14">
      <c r="N110371" s="10"/>
    </row>
    <row r="110372" spans="14:14">
      <c r="N110372" s="10"/>
    </row>
    <row r="110373" spans="14:14">
      <c r="N110373" s="10"/>
    </row>
    <row r="110374" spans="14:14">
      <c r="N110374" s="10"/>
    </row>
    <row r="110375" spans="14:14">
      <c r="N110375" s="10"/>
    </row>
    <row r="110376" spans="14:14">
      <c r="N110376" s="10"/>
    </row>
    <row r="110377" spans="14:14">
      <c r="N110377" s="10"/>
    </row>
    <row r="110378" spans="14:14">
      <c r="N110378" s="10"/>
    </row>
    <row r="110379" spans="14:14">
      <c r="N110379" s="10"/>
    </row>
    <row r="110380" spans="14:14">
      <c r="N110380" s="10"/>
    </row>
    <row r="110381" spans="14:14">
      <c r="N110381" s="10"/>
    </row>
    <row r="110382" spans="14:14">
      <c r="N110382" s="10"/>
    </row>
    <row r="110383" spans="14:14">
      <c r="N110383" s="10"/>
    </row>
    <row r="110384" spans="14:14">
      <c r="N110384" s="10"/>
    </row>
    <row r="110385" spans="14:14">
      <c r="N110385" s="10"/>
    </row>
    <row r="110386" spans="14:14">
      <c r="N110386" s="10"/>
    </row>
    <row r="110387" spans="14:14">
      <c r="N110387" s="10"/>
    </row>
    <row r="110388" spans="14:14">
      <c r="N110388" s="10"/>
    </row>
    <row r="110389" spans="14:14">
      <c r="N110389" s="10"/>
    </row>
    <row r="110390" spans="14:14">
      <c r="N110390" s="10"/>
    </row>
    <row r="110391" spans="14:14">
      <c r="N110391" s="10"/>
    </row>
    <row r="110392" spans="14:14">
      <c r="N110392" s="10"/>
    </row>
    <row r="110393" spans="14:14">
      <c r="N110393" s="10"/>
    </row>
    <row r="110394" spans="14:14">
      <c r="N110394" s="10"/>
    </row>
    <row r="110395" spans="14:14">
      <c r="N110395" s="10"/>
    </row>
    <row r="110396" spans="14:14">
      <c r="N110396" s="10"/>
    </row>
    <row r="110397" spans="14:14">
      <c r="N110397" s="10"/>
    </row>
    <row r="110398" spans="14:14">
      <c r="N110398" s="10"/>
    </row>
    <row r="110399" spans="14:14">
      <c r="N110399" s="10"/>
    </row>
    <row r="110400" spans="14:14">
      <c r="N110400" s="10"/>
    </row>
    <row r="110401" spans="14:14">
      <c r="N110401" s="10"/>
    </row>
    <row r="110402" spans="14:14">
      <c r="N110402" s="10"/>
    </row>
    <row r="110403" spans="14:14">
      <c r="N110403" s="10"/>
    </row>
    <row r="110404" spans="14:14">
      <c r="N110404" s="10"/>
    </row>
    <row r="110405" spans="14:14">
      <c r="N110405" s="10"/>
    </row>
    <row r="110406" spans="14:14">
      <c r="N110406" s="10"/>
    </row>
    <row r="110407" spans="14:14">
      <c r="N110407" s="10"/>
    </row>
    <row r="110408" spans="14:14">
      <c r="N110408" s="10"/>
    </row>
    <row r="110409" spans="14:14">
      <c r="N110409" s="10"/>
    </row>
    <row r="110410" spans="14:14">
      <c r="N110410" s="10"/>
    </row>
    <row r="110411" spans="14:14">
      <c r="N110411" s="10"/>
    </row>
    <row r="110412" spans="14:14">
      <c r="N110412" s="10"/>
    </row>
    <row r="110413" spans="14:14">
      <c r="N110413" s="10"/>
    </row>
    <row r="110414" spans="14:14">
      <c r="N110414" s="10"/>
    </row>
    <row r="110415" spans="14:14">
      <c r="N110415" s="10"/>
    </row>
    <row r="110416" spans="14:14">
      <c r="N110416" s="10"/>
    </row>
    <row r="110417" spans="14:14">
      <c r="N110417" s="10"/>
    </row>
    <row r="110418" spans="14:14">
      <c r="N110418" s="10"/>
    </row>
    <row r="110419" spans="14:14">
      <c r="N110419" s="10"/>
    </row>
    <row r="110420" spans="14:14">
      <c r="N110420" s="10"/>
    </row>
    <row r="110421" spans="14:14">
      <c r="N110421" s="10"/>
    </row>
    <row r="110422" spans="14:14">
      <c r="N110422" s="10"/>
    </row>
    <row r="110423" spans="14:14">
      <c r="N110423" s="10"/>
    </row>
    <row r="110424" spans="14:14">
      <c r="N110424" s="10"/>
    </row>
    <row r="110425" spans="14:14">
      <c r="N110425" s="10"/>
    </row>
    <row r="110426" spans="14:14">
      <c r="N110426" s="10"/>
    </row>
    <row r="110427" spans="14:14">
      <c r="N110427" s="10"/>
    </row>
    <row r="110428" spans="14:14">
      <c r="N110428" s="10"/>
    </row>
    <row r="110429" spans="14:14">
      <c r="N110429" s="10"/>
    </row>
    <row r="110430" spans="14:14">
      <c r="N110430" s="10"/>
    </row>
    <row r="110431" spans="14:14">
      <c r="N110431" s="10"/>
    </row>
    <row r="110432" spans="14:14">
      <c r="N110432" s="10"/>
    </row>
    <row r="110433" spans="14:14">
      <c r="N110433" s="10"/>
    </row>
    <row r="110434" spans="14:14">
      <c r="N110434" s="10"/>
    </row>
    <row r="110435" spans="14:14">
      <c r="N110435" s="10"/>
    </row>
    <row r="110436" spans="14:14">
      <c r="N110436" s="10"/>
    </row>
    <row r="110437" spans="14:14">
      <c r="N110437" s="10"/>
    </row>
    <row r="110438" spans="14:14">
      <c r="N110438" s="10"/>
    </row>
    <row r="110439" spans="14:14">
      <c r="N110439" s="10"/>
    </row>
    <row r="110440" spans="14:14">
      <c r="N110440" s="10"/>
    </row>
    <row r="110441" spans="14:14">
      <c r="N110441" s="10"/>
    </row>
    <row r="110442" spans="14:14">
      <c r="N110442" s="10"/>
    </row>
    <row r="110443" spans="14:14">
      <c r="N110443" s="10"/>
    </row>
    <row r="110444" spans="14:14">
      <c r="N110444" s="10"/>
    </row>
    <row r="110445" spans="14:14">
      <c r="N110445" s="10"/>
    </row>
    <row r="110446" spans="14:14">
      <c r="N110446" s="10"/>
    </row>
    <row r="110447" spans="14:14">
      <c r="N110447" s="10"/>
    </row>
    <row r="110448" spans="14:14">
      <c r="N110448" s="10"/>
    </row>
    <row r="110449" spans="14:14">
      <c r="N110449" s="10"/>
    </row>
    <row r="110450" spans="14:14">
      <c r="N110450" s="10"/>
    </row>
    <row r="110451" spans="14:14">
      <c r="N110451" s="10"/>
    </row>
    <row r="110452" spans="14:14">
      <c r="N110452" s="10"/>
    </row>
    <row r="110453" spans="14:14">
      <c r="N110453" s="10"/>
    </row>
    <row r="110454" spans="14:14">
      <c r="N110454" s="10"/>
    </row>
    <row r="110455" spans="14:14">
      <c r="N110455" s="10"/>
    </row>
    <row r="110456" spans="14:14">
      <c r="N110456" s="10"/>
    </row>
    <row r="110457" spans="14:14">
      <c r="N110457" s="10"/>
    </row>
    <row r="110458" spans="14:14">
      <c r="N110458" s="10"/>
    </row>
    <row r="110459" spans="14:14">
      <c r="N110459" s="10"/>
    </row>
    <row r="110460" spans="14:14">
      <c r="N110460" s="10"/>
    </row>
    <row r="110461" spans="14:14">
      <c r="N110461" s="10"/>
    </row>
    <row r="110462" spans="14:14">
      <c r="N110462" s="10"/>
    </row>
    <row r="110463" spans="14:14">
      <c r="N110463" s="10"/>
    </row>
    <row r="110464" spans="14:14">
      <c r="N110464" s="10"/>
    </row>
    <row r="110465" spans="14:14">
      <c r="N110465" s="10"/>
    </row>
    <row r="110466" spans="14:14">
      <c r="N110466" s="10"/>
    </row>
    <row r="110467" spans="14:14">
      <c r="N110467" s="10"/>
    </row>
    <row r="110468" spans="14:14">
      <c r="N110468" s="10"/>
    </row>
    <row r="110469" spans="14:14">
      <c r="N110469" s="10"/>
    </row>
    <row r="110470" spans="14:14">
      <c r="N110470" s="10"/>
    </row>
    <row r="110471" spans="14:14">
      <c r="N110471" s="10"/>
    </row>
    <row r="110472" spans="14:14">
      <c r="N110472" s="10"/>
    </row>
    <row r="110473" spans="14:14">
      <c r="N110473" s="10"/>
    </row>
    <row r="110474" spans="14:14">
      <c r="N110474" s="10"/>
    </row>
    <row r="110475" spans="14:14">
      <c r="N110475" s="10"/>
    </row>
    <row r="110476" spans="14:14">
      <c r="N110476" s="10"/>
    </row>
    <row r="110477" spans="14:14">
      <c r="N110477" s="10"/>
    </row>
    <row r="110478" spans="14:14">
      <c r="N110478" s="10"/>
    </row>
    <row r="110479" spans="14:14">
      <c r="N110479" s="10"/>
    </row>
    <row r="110480" spans="14:14">
      <c r="N110480" s="10"/>
    </row>
    <row r="110481" spans="14:14">
      <c r="N110481" s="10"/>
    </row>
    <row r="110482" spans="14:14">
      <c r="N110482" s="10"/>
    </row>
    <row r="110483" spans="14:14">
      <c r="N110483" s="10"/>
    </row>
    <row r="110484" spans="14:14">
      <c r="N110484" s="10"/>
    </row>
    <row r="110485" spans="14:14">
      <c r="N110485" s="10"/>
    </row>
    <row r="110486" spans="14:14">
      <c r="N110486" s="10"/>
    </row>
    <row r="110487" spans="14:14">
      <c r="N110487" s="10"/>
    </row>
    <row r="110488" spans="14:14">
      <c r="N110488" s="10"/>
    </row>
    <row r="110489" spans="14:14">
      <c r="N110489" s="10"/>
    </row>
    <row r="110490" spans="14:14">
      <c r="N110490" s="10"/>
    </row>
    <row r="110491" spans="14:14">
      <c r="N110491" s="10"/>
    </row>
    <row r="110492" spans="14:14">
      <c r="N110492" s="10"/>
    </row>
    <row r="110493" spans="14:14">
      <c r="N110493" s="10"/>
    </row>
    <row r="110494" spans="14:14">
      <c r="N110494" s="10"/>
    </row>
    <row r="110495" spans="14:14">
      <c r="N110495" s="10"/>
    </row>
    <row r="110496" spans="14:14">
      <c r="N110496" s="10"/>
    </row>
    <row r="110497" spans="14:14">
      <c r="N110497" s="10"/>
    </row>
    <row r="110498" spans="14:14">
      <c r="N110498" s="10"/>
    </row>
    <row r="110499" spans="14:14">
      <c r="N110499" s="10"/>
    </row>
    <row r="110500" spans="14:14">
      <c r="N110500" s="10"/>
    </row>
    <row r="110501" spans="14:14">
      <c r="N110501" s="10"/>
    </row>
    <row r="110502" spans="14:14">
      <c r="N110502" s="10"/>
    </row>
    <row r="110503" spans="14:14">
      <c r="N110503" s="10"/>
    </row>
    <row r="110504" spans="14:14">
      <c r="N110504" s="10"/>
    </row>
    <row r="110505" spans="14:14">
      <c r="N110505" s="10"/>
    </row>
    <row r="110506" spans="14:14">
      <c r="N110506" s="10"/>
    </row>
    <row r="110507" spans="14:14">
      <c r="N110507" s="10"/>
    </row>
    <row r="110508" spans="14:14">
      <c r="N110508" s="10"/>
    </row>
    <row r="110509" spans="14:14">
      <c r="N110509" s="10"/>
    </row>
    <row r="110510" spans="14:14">
      <c r="N110510" s="10"/>
    </row>
    <row r="110511" spans="14:14">
      <c r="N110511" s="10"/>
    </row>
    <row r="110512" spans="14:14">
      <c r="N110512" s="10"/>
    </row>
    <row r="110513" spans="14:14">
      <c r="N110513" s="10"/>
    </row>
    <row r="110514" spans="14:14">
      <c r="N110514" s="10"/>
    </row>
    <row r="110515" spans="14:14">
      <c r="N110515" s="10"/>
    </row>
    <row r="110516" spans="14:14">
      <c r="N110516" s="10"/>
    </row>
    <row r="110517" spans="14:14">
      <c r="N110517" s="10"/>
    </row>
    <row r="110518" spans="14:14">
      <c r="N110518" s="10"/>
    </row>
    <row r="110519" spans="14:14">
      <c r="N110519" s="10"/>
    </row>
    <row r="110520" spans="14:14">
      <c r="N110520" s="10"/>
    </row>
    <row r="110521" spans="14:14">
      <c r="N110521" s="10"/>
    </row>
    <row r="110522" spans="14:14">
      <c r="N110522" s="10"/>
    </row>
    <row r="110523" spans="14:14">
      <c r="N110523" s="10"/>
    </row>
    <row r="110524" spans="14:14">
      <c r="N110524" s="10"/>
    </row>
    <row r="110525" spans="14:14">
      <c r="N110525" s="10"/>
    </row>
    <row r="110526" spans="14:14">
      <c r="N110526" s="10"/>
    </row>
    <row r="110527" spans="14:14">
      <c r="N110527" s="10"/>
    </row>
    <row r="110528" spans="14:14">
      <c r="N110528" s="10"/>
    </row>
    <row r="110529" spans="14:14">
      <c r="N110529" s="10"/>
    </row>
    <row r="110530" spans="14:14">
      <c r="N110530" s="10"/>
    </row>
    <row r="110531" spans="14:14">
      <c r="N110531" s="10"/>
    </row>
    <row r="110532" spans="14:14">
      <c r="N110532" s="10"/>
    </row>
    <row r="110533" spans="14:14">
      <c r="N110533" s="10"/>
    </row>
    <row r="110534" spans="14:14">
      <c r="N110534" s="10"/>
    </row>
    <row r="110535" spans="14:14">
      <c r="N110535" s="10"/>
    </row>
    <row r="110536" spans="14:14">
      <c r="N110536" s="10"/>
    </row>
    <row r="110537" spans="14:14">
      <c r="N110537" s="10"/>
    </row>
    <row r="110538" spans="14:14">
      <c r="N110538" s="10"/>
    </row>
    <row r="110539" spans="14:14">
      <c r="N110539" s="10"/>
    </row>
    <row r="110540" spans="14:14">
      <c r="N110540" s="10"/>
    </row>
    <row r="110541" spans="14:14">
      <c r="N110541" s="10"/>
    </row>
    <row r="110542" spans="14:14">
      <c r="N110542" s="10"/>
    </row>
    <row r="110543" spans="14:14">
      <c r="N110543" s="10"/>
    </row>
    <row r="110544" spans="14:14">
      <c r="N110544" s="10"/>
    </row>
    <row r="110545" spans="14:14">
      <c r="N110545" s="10"/>
    </row>
    <row r="110546" spans="14:14">
      <c r="N110546" s="10"/>
    </row>
    <row r="110547" spans="14:14">
      <c r="N110547" s="10"/>
    </row>
    <row r="110548" spans="14:14">
      <c r="N110548" s="10"/>
    </row>
    <row r="110549" spans="14:14">
      <c r="N110549" s="10"/>
    </row>
    <row r="110550" spans="14:14">
      <c r="N110550" s="10"/>
    </row>
    <row r="110551" spans="14:14">
      <c r="N110551" s="10"/>
    </row>
    <row r="110552" spans="14:14">
      <c r="N110552" s="10"/>
    </row>
    <row r="110553" spans="14:14">
      <c r="N110553" s="10"/>
    </row>
    <row r="110554" spans="14:14">
      <c r="N110554" s="10"/>
    </row>
    <row r="110555" spans="14:14">
      <c r="N110555" s="10"/>
    </row>
    <row r="110556" spans="14:14">
      <c r="N110556" s="10"/>
    </row>
    <row r="110557" spans="14:14">
      <c r="N110557" s="10"/>
    </row>
    <row r="110558" spans="14:14">
      <c r="N110558" s="10"/>
    </row>
    <row r="110559" spans="14:14">
      <c r="N110559" s="10"/>
    </row>
    <row r="110560" spans="14:14">
      <c r="N110560" s="10"/>
    </row>
    <row r="110561" spans="14:14">
      <c r="N110561" s="10"/>
    </row>
    <row r="110562" spans="14:14">
      <c r="N110562" s="10"/>
    </row>
    <row r="110563" spans="14:14">
      <c r="N110563" s="10"/>
    </row>
    <row r="110564" spans="14:14">
      <c r="N110564" s="10"/>
    </row>
    <row r="110565" spans="14:14">
      <c r="N110565" s="10"/>
    </row>
    <row r="110566" spans="14:14">
      <c r="N110566" s="10"/>
    </row>
    <row r="110567" spans="14:14">
      <c r="N110567" s="10"/>
    </row>
    <row r="110568" spans="14:14">
      <c r="N110568" s="10"/>
    </row>
    <row r="110569" spans="14:14">
      <c r="N110569" s="10"/>
    </row>
    <row r="110570" spans="14:14">
      <c r="N110570" s="10"/>
    </row>
    <row r="110571" spans="14:14">
      <c r="N110571" s="10"/>
    </row>
    <row r="110572" spans="14:14">
      <c r="N110572" s="10"/>
    </row>
    <row r="110573" spans="14:14">
      <c r="N110573" s="10"/>
    </row>
    <row r="110574" spans="14:14">
      <c r="N110574" s="10"/>
    </row>
    <row r="110575" spans="14:14">
      <c r="N110575" s="10"/>
    </row>
    <row r="110576" spans="14:14">
      <c r="N110576" s="10"/>
    </row>
    <row r="110577" spans="14:14">
      <c r="N110577" s="10"/>
    </row>
    <row r="110578" spans="14:14">
      <c r="N110578" s="10"/>
    </row>
    <row r="110579" spans="14:14">
      <c r="N110579" s="10"/>
    </row>
    <row r="110580" spans="14:14">
      <c r="N110580" s="10"/>
    </row>
    <row r="110581" spans="14:14">
      <c r="N110581" s="10"/>
    </row>
    <row r="110582" spans="14:14">
      <c r="N110582" s="10"/>
    </row>
    <row r="110583" spans="14:14">
      <c r="N110583" s="10"/>
    </row>
    <row r="110584" spans="14:14">
      <c r="N110584" s="10"/>
    </row>
    <row r="110585" spans="14:14">
      <c r="N110585" s="10"/>
    </row>
    <row r="110586" spans="14:14">
      <c r="N110586" s="10"/>
    </row>
    <row r="110587" spans="14:14">
      <c r="N110587" s="10"/>
    </row>
    <row r="110588" spans="14:14">
      <c r="N110588" s="10"/>
    </row>
    <row r="110589" spans="14:14">
      <c r="N110589" s="10"/>
    </row>
    <row r="110590" spans="14:14">
      <c r="N110590" s="10"/>
    </row>
    <row r="110591" spans="14:14">
      <c r="N110591" s="10"/>
    </row>
    <row r="110592" spans="14:14">
      <c r="N110592" s="10"/>
    </row>
    <row r="110593" spans="14:14">
      <c r="N110593" s="10"/>
    </row>
    <row r="110594" spans="14:14">
      <c r="N110594" s="10"/>
    </row>
    <row r="110595" spans="14:14">
      <c r="N110595" s="10"/>
    </row>
    <row r="110596" spans="14:14">
      <c r="N110596" s="10"/>
    </row>
    <row r="110597" spans="14:14">
      <c r="N110597" s="10"/>
    </row>
    <row r="110598" spans="14:14">
      <c r="N110598" s="10"/>
    </row>
    <row r="110599" spans="14:14">
      <c r="N110599" s="10"/>
    </row>
    <row r="110600" spans="14:14">
      <c r="N110600" s="10"/>
    </row>
    <row r="110601" spans="14:14">
      <c r="N110601" s="10"/>
    </row>
    <row r="110602" spans="14:14">
      <c r="N110602" s="10"/>
    </row>
    <row r="110603" spans="14:14">
      <c r="N110603" s="10"/>
    </row>
    <row r="110604" spans="14:14">
      <c r="N110604" s="10"/>
    </row>
    <row r="110605" spans="14:14">
      <c r="N110605" s="10"/>
    </row>
    <row r="110606" spans="14:14">
      <c r="N110606" s="10"/>
    </row>
    <row r="110607" spans="14:14">
      <c r="N110607" s="10"/>
    </row>
    <row r="110608" spans="14:14">
      <c r="N110608" s="10"/>
    </row>
    <row r="110609" spans="14:14">
      <c r="N110609" s="10"/>
    </row>
    <row r="110610" spans="14:14">
      <c r="N110610" s="10"/>
    </row>
    <row r="110611" spans="14:14">
      <c r="N110611" s="10"/>
    </row>
    <row r="110612" spans="14:14">
      <c r="N110612" s="10"/>
    </row>
    <row r="110613" spans="14:14">
      <c r="N110613" s="10"/>
    </row>
    <row r="110614" spans="14:14">
      <c r="N110614" s="10"/>
    </row>
    <row r="110615" spans="14:14">
      <c r="N110615" s="10"/>
    </row>
    <row r="110616" spans="14:14">
      <c r="N110616" s="10"/>
    </row>
    <row r="110617" spans="14:14">
      <c r="N110617" s="10"/>
    </row>
    <row r="110618" spans="14:14">
      <c r="N110618" s="10"/>
    </row>
    <row r="110619" spans="14:14">
      <c r="N110619" s="10"/>
    </row>
    <row r="110620" spans="14:14">
      <c r="N110620" s="10"/>
    </row>
    <row r="110621" spans="14:14">
      <c r="N110621" s="10"/>
    </row>
    <row r="110622" spans="14:14">
      <c r="N110622" s="10"/>
    </row>
    <row r="110623" spans="14:14">
      <c r="N110623" s="10"/>
    </row>
    <row r="110624" spans="14:14">
      <c r="N110624" s="10"/>
    </row>
    <row r="110625" spans="14:14">
      <c r="N110625" s="10"/>
    </row>
    <row r="110626" spans="14:14">
      <c r="N110626" s="10"/>
    </row>
    <row r="110627" spans="14:14">
      <c r="N110627" s="10"/>
    </row>
    <row r="110628" spans="14:14">
      <c r="N110628" s="10"/>
    </row>
    <row r="110629" spans="14:14">
      <c r="N110629" s="10"/>
    </row>
    <row r="110630" spans="14:14">
      <c r="N110630" s="10"/>
    </row>
    <row r="110631" spans="14:14">
      <c r="N110631" s="10"/>
    </row>
    <row r="110632" spans="14:14">
      <c r="N110632" s="10"/>
    </row>
    <row r="110633" spans="14:14">
      <c r="N110633" s="10"/>
    </row>
    <row r="110634" spans="14:14">
      <c r="N110634" s="10"/>
    </row>
    <row r="110635" spans="14:14">
      <c r="N110635" s="10"/>
    </row>
    <row r="110636" spans="14:14">
      <c r="N110636" s="10"/>
    </row>
    <row r="110637" spans="14:14">
      <c r="N110637" s="10"/>
    </row>
    <row r="110638" spans="14:14">
      <c r="N110638" s="10"/>
    </row>
    <row r="110639" spans="14:14">
      <c r="N110639" s="10"/>
    </row>
    <row r="110640" spans="14:14">
      <c r="N110640" s="10"/>
    </row>
    <row r="110641" spans="14:14">
      <c r="N110641" s="10"/>
    </row>
    <row r="110642" spans="14:14">
      <c r="N110642" s="10"/>
    </row>
    <row r="110643" spans="14:14">
      <c r="N110643" s="10"/>
    </row>
    <row r="110644" spans="14:14">
      <c r="N110644" s="10"/>
    </row>
    <row r="110645" spans="14:14">
      <c r="N110645" s="10"/>
    </row>
    <row r="110646" spans="14:14">
      <c r="N110646" s="10"/>
    </row>
    <row r="110647" spans="14:14">
      <c r="N110647" s="10"/>
    </row>
    <row r="110648" spans="14:14">
      <c r="N110648" s="10"/>
    </row>
    <row r="110649" spans="14:14">
      <c r="N110649" s="10"/>
    </row>
    <row r="110650" spans="14:14">
      <c r="N110650" s="10"/>
    </row>
    <row r="110651" spans="14:14">
      <c r="N110651" s="10"/>
    </row>
    <row r="110652" spans="14:14">
      <c r="N110652" s="10"/>
    </row>
    <row r="110653" spans="14:14">
      <c r="N110653" s="10"/>
    </row>
    <row r="110654" spans="14:14">
      <c r="N110654" s="10"/>
    </row>
    <row r="110655" spans="14:14">
      <c r="N110655" s="10"/>
    </row>
    <row r="110656" spans="14:14">
      <c r="N110656" s="10"/>
    </row>
    <row r="110657" spans="14:14">
      <c r="N110657" s="10"/>
    </row>
    <row r="110658" spans="14:14">
      <c r="N110658" s="10"/>
    </row>
    <row r="110659" spans="14:14">
      <c r="N110659" s="10"/>
    </row>
    <row r="110660" spans="14:14">
      <c r="N110660" s="10"/>
    </row>
    <row r="110661" spans="14:14">
      <c r="N110661" s="10"/>
    </row>
    <row r="110662" spans="14:14">
      <c r="N110662" s="10"/>
    </row>
    <row r="110663" spans="14:14">
      <c r="N110663" s="10"/>
    </row>
    <row r="110664" spans="14:14">
      <c r="N110664" s="10"/>
    </row>
    <row r="110665" spans="14:14">
      <c r="N110665" s="10"/>
    </row>
    <row r="110666" spans="14:14">
      <c r="N110666" s="10"/>
    </row>
    <row r="110667" spans="14:14">
      <c r="N110667" s="10"/>
    </row>
    <row r="110668" spans="14:14">
      <c r="N110668" s="10"/>
    </row>
    <row r="110669" spans="14:14">
      <c r="N110669" s="10"/>
    </row>
    <row r="110670" spans="14:14">
      <c r="N110670" s="10"/>
    </row>
    <row r="110671" spans="14:14">
      <c r="N110671" s="10"/>
    </row>
    <row r="110672" spans="14:14">
      <c r="N110672" s="10"/>
    </row>
    <row r="110673" spans="14:14">
      <c r="N110673" s="10"/>
    </row>
    <row r="110674" spans="14:14">
      <c r="N110674" s="10"/>
    </row>
    <row r="110675" spans="14:14">
      <c r="N110675" s="10"/>
    </row>
    <row r="110676" spans="14:14">
      <c r="N110676" s="10"/>
    </row>
    <row r="110677" spans="14:14">
      <c r="N110677" s="10"/>
    </row>
    <row r="110678" spans="14:14">
      <c r="N110678" s="10"/>
    </row>
    <row r="110679" spans="14:14">
      <c r="N110679" s="10"/>
    </row>
    <row r="110680" spans="14:14">
      <c r="N110680" s="10"/>
    </row>
    <row r="110681" spans="14:14">
      <c r="N110681" s="10"/>
    </row>
    <row r="110682" spans="14:14">
      <c r="N110682" s="10"/>
    </row>
    <row r="110683" spans="14:14">
      <c r="N110683" s="10"/>
    </row>
    <row r="110684" spans="14:14">
      <c r="N110684" s="10"/>
    </row>
    <row r="110685" spans="14:14">
      <c r="N110685" s="10"/>
    </row>
    <row r="110686" spans="14:14">
      <c r="N110686" s="10"/>
    </row>
    <row r="110687" spans="14:14">
      <c r="N110687" s="10"/>
    </row>
    <row r="110688" spans="14:14">
      <c r="N110688" s="10"/>
    </row>
    <row r="110689" spans="14:14">
      <c r="N110689" s="10"/>
    </row>
    <row r="110690" spans="14:14">
      <c r="N110690" s="10"/>
    </row>
    <row r="110691" spans="14:14">
      <c r="N110691" s="10"/>
    </row>
    <row r="110692" spans="14:14">
      <c r="N110692" s="10"/>
    </row>
    <row r="110693" spans="14:14">
      <c r="N110693" s="10"/>
    </row>
    <row r="110694" spans="14:14">
      <c r="N110694" s="10"/>
    </row>
    <row r="110695" spans="14:14">
      <c r="N110695" s="10"/>
    </row>
    <row r="110696" spans="14:14">
      <c r="N110696" s="10"/>
    </row>
    <row r="110697" spans="14:14">
      <c r="N110697" s="10"/>
    </row>
    <row r="110698" spans="14:14">
      <c r="N110698" s="10"/>
    </row>
    <row r="110699" spans="14:14">
      <c r="N110699" s="10"/>
    </row>
    <row r="110700" spans="14:14">
      <c r="N110700" s="10"/>
    </row>
    <row r="110701" spans="14:14">
      <c r="N110701" s="10"/>
    </row>
    <row r="110702" spans="14:14">
      <c r="N110702" s="10"/>
    </row>
    <row r="110703" spans="14:14">
      <c r="N110703" s="10"/>
    </row>
    <row r="110704" spans="14:14">
      <c r="N110704" s="10"/>
    </row>
    <row r="110705" spans="14:14">
      <c r="N110705" s="10"/>
    </row>
    <row r="110706" spans="14:14">
      <c r="N110706" s="10"/>
    </row>
    <row r="110707" spans="14:14">
      <c r="N110707" s="10"/>
    </row>
    <row r="110708" spans="14:14">
      <c r="N110708" s="10"/>
    </row>
    <row r="110709" spans="14:14">
      <c r="N110709" s="10"/>
    </row>
    <row r="110710" spans="14:14">
      <c r="N110710" s="10"/>
    </row>
    <row r="110711" spans="14:14">
      <c r="N110711" s="10"/>
    </row>
    <row r="110712" spans="14:14">
      <c r="N110712" s="10"/>
    </row>
    <row r="110713" spans="14:14">
      <c r="N110713" s="10"/>
    </row>
    <row r="110714" spans="14:14">
      <c r="N110714" s="10"/>
    </row>
    <row r="110715" spans="14:14">
      <c r="N110715" s="10"/>
    </row>
    <row r="110716" spans="14:14">
      <c r="N110716" s="10"/>
    </row>
    <row r="110717" spans="14:14">
      <c r="N110717" s="10"/>
    </row>
    <row r="110718" spans="14:14">
      <c r="N110718" s="10"/>
    </row>
    <row r="110719" spans="14:14">
      <c r="N110719" s="10"/>
    </row>
    <row r="110720" spans="14:14">
      <c r="N110720" s="10"/>
    </row>
    <row r="110721" spans="14:14">
      <c r="N110721" s="10"/>
    </row>
    <row r="110722" spans="14:14">
      <c r="N110722" s="10"/>
    </row>
    <row r="110723" spans="14:14">
      <c r="N110723" s="10"/>
    </row>
    <row r="110724" spans="14:14">
      <c r="N110724" s="10"/>
    </row>
    <row r="110725" spans="14:14">
      <c r="N110725" s="10"/>
    </row>
    <row r="110726" spans="14:14">
      <c r="N110726" s="10"/>
    </row>
    <row r="110727" spans="14:14">
      <c r="N110727" s="10"/>
    </row>
    <row r="110728" spans="14:14">
      <c r="N110728" s="10"/>
    </row>
    <row r="110729" spans="14:14">
      <c r="N110729" s="10"/>
    </row>
    <row r="110730" spans="14:14">
      <c r="N110730" s="10"/>
    </row>
    <row r="110731" spans="14:14">
      <c r="N110731" s="10"/>
    </row>
    <row r="110732" spans="14:14">
      <c r="N110732" s="10"/>
    </row>
    <row r="110733" spans="14:14">
      <c r="N110733" s="10"/>
    </row>
    <row r="110734" spans="14:14">
      <c r="N110734" s="10"/>
    </row>
    <row r="110735" spans="14:14">
      <c r="N110735" s="10"/>
    </row>
    <row r="110736" spans="14:14">
      <c r="N110736" s="10"/>
    </row>
    <row r="110737" spans="14:14">
      <c r="N110737" s="10"/>
    </row>
    <row r="110738" spans="14:14">
      <c r="N110738" s="10"/>
    </row>
    <row r="110739" spans="14:14">
      <c r="N110739" s="10"/>
    </row>
    <row r="110740" spans="14:14">
      <c r="N110740" s="10"/>
    </row>
    <row r="110741" spans="14:14">
      <c r="N110741" s="10"/>
    </row>
    <row r="110742" spans="14:14">
      <c r="N110742" s="10"/>
    </row>
    <row r="110743" spans="14:14">
      <c r="N110743" s="10"/>
    </row>
    <row r="110744" spans="14:14">
      <c r="N110744" s="10"/>
    </row>
    <row r="110745" spans="14:14">
      <c r="N110745" s="10"/>
    </row>
    <row r="110746" spans="14:14">
      <c r="N110746" s="10"/>
    </row>
    <row r="110747" spans="14:14">
      <c r="N110747" s="10"/>
    </row>
    <row r="110748" spans="14:14">
      <c r="N110748" s="10"/>
    </row>
    <row r="110749" spans="14:14">
      <c r="N110749" s="10"/>
    </row>
    <row r="110750" spans="14:14">
      <c r="N110750" s="10"/>
    </row>
    <row r="110751" spans="14:14">
      <c r="N110751" s="10"/>
    </row>
    <row r="110752" spans="14:14">
      <c r="N110752" s="10"/>
    </row>
    <row r="110753" spans="14:14">
      <c r="N110753" s="10"/>
    </row>
    <row r="110754" spans="14:14">
      <c r="N110754" s="10"/>
    </row>
    <row r="110755" spans="14:14">
      <c r="N110755" s="10"/>
    </row>
    <row r="110756" spans="14:14">
      <c r="N110756" s="10"/>
    </row>
    <row r="110757" spans="14:14">
      <c r="N110757" s="10"/>
    </row>
    <row r="110758" spans="14:14">
      <c r="N110758" s="10"/>
    </row>
    <row r="110759" spans="14:14">
      <c r="N110759" s="10"/>
    </row>
    <row r="110760" spans="14:14">
      <c r="N110760" s="10"/>
    </row>
    <row r="110761" spans="14:14">
      <c r="N110761" s="10"/>
    </row>
    <row r="110762" spans="14:14">
      <c r="N110762" s="10"/>
    </row>
    <row r="110763" spans="14:14">
      <c r="N110763" s="10"/>
    </row>
    <row r="110764" spans="14:14">
      <c r="N110764" s="10"/>
    </row>
    <row r="110765" spans="14:14">
      <c r="N110765" s="10"/>
    </row>
    <row r="110766" spans="14:14">
      <c r="N110766" s="10"/>
    </row>
    <row r="110767" spans="14:14">
      <c r="N110767" s="10"/>
    </row>
    <row r="110768" spans="14:14">
      <c r="N110768" s="10"/>
    </row>
    <row r="110769" spans="14:14">
      <c r="N110769" s="10"/>
    </row>
    <row r="110770" spans="14:14">
      <c r="N110770" s="10"/>
    </row>
    <row r="110771" spans="14:14">
      <c r="N110771" s="10"/>
    </row>
    <row r="110772" spans="14:14">
      <c r="N110772" s="10"/>
    </row>
    <row r="110773" spans="14:14">
      <c r="N110773" s="10"/>
    </row>
    <row r="110774" spans="14:14">
      <c r="N110774" s="10"/>
    </row>
    <row r="110775" spans="14:14">
      <c r="N110775" s="10"/>
    </row>
    <row r="110776" spans="14:14">
      <c r="N110776" s="10"/>
    </row>
    <row r="110777" spans="14:14">
      <c r="N110777" s="10"/>
    </row>
    <row r="110778" spans="14:14">
      <c r="N110778" s="10"/>
    </row>
    <row r="110779" spans="14:14">
      <c r="N110779" s="10"/>
    </row>
    <row r="110780" spans="14:14">
      <c r="N110780" s="10"/>
    </row>
    <row r="110781" spans="14:14">
      <c r="N110781" s="10"/>
    </row>
    <row r="110782" spans="14:14">
      <c r="N110782" s="10"/>
    </row>
    <row r="110783" spans="14:14">
      <c r="N110783" s="10"/>
    </row>
    <row r="110784" spans="14:14">
      <c r="N110784" s="10"/>
    </row>
    <row r="110785" spans="14:14">
      <c r="N110785" s="10"/>
    </row>
    <row r="110786" spans="14:14">
      <c r="N110786" s="10"/>
    </row>
    <row r="110787" spans="14:14">
      <c r="N110787" s="10"/>
    </row>
    <row r="110788" spans="14:14">
      <c r="N110788" s="10"/>
    </row>
    <row r="110789" spans="14:14">
      <c r="N110789" s="10"/>
    </row>
    <row r="110790" spans="14:14">
      <c r="N110790" s="10"/>
    </row>
    <row r="110791" spans="14:14">
      <c r="N110791" s="10"/>
    </row>
    <row r="110792" spans="14:14">
      <c r="N110792" s="10"/>
    </row>
    <row r="110793" spans="14:14">
      <c r="N110793" s="10"/>
    </row>
    <row r="110794" spans="14:14">
      <c r="N110794" s="10"/>
    </row>
    <row r="110795" spans="14:14">
      <c r="N110795" s="10"/>
    </row>
    <row r="110796" spans="14:14">
      <c r="N110796" s="10"/>
    </row>
    <row r="110797" spans="14:14">
      <c r="N110797" s="10"/>
    </row>
    <row r="110798" spans="14:14">
      <c r="N110798" s="10"/>
    </row>
    <row r="110799" spans="14:14">
      <c r="N110799" s="10"/>
    </row>
    <row r="110800" spans="14:14">
      <c r="N110800" s="10"/>
    </row>
    <row r="110801" spans="14:14">
      <c r="N110801" s="10"/>
    </row>
    <row r="110802" spans="14:14">
      <c r="N110802" s="10"/>
    </row>
    <row r="110803" spans="14:14">
      <c r="N110803" s="10"/>
    </row>
    <row r="110804" spans="14:14">
      <c r="N110804" s="10"/>
    </row>
    <row r="110805" spans="14:14">
      <c r="N110805" s="10"/>
    </row>
    <row r="110806" spans="14:14">
      <c r="N110806" s="10"/>
    </row>
    <row r="110807" spans="14:14">
      <c r="N110807" s="10"/>
    </row>
    <row r="110808" spans="14:14">
      <c r="N110808" s="10"/>
    </row>
    <row r="110809" spans="14:14">
      <c r="N110809" s="10"/>
    </row>
    <row r="110810" spans="14:14">
      <c r="N110810" s="10"/>
    </row>
    <row r="110811" spans="14:14">
      <c r="N110811" s="10"/>
    </row>
    <row r="110812" spans="14:14">
      <c r="N110812" s="10"/>
    </row>
    <row r="110813" spans="14:14">
      <c r="N110813" s="10"/>
    </row>
    <row r="110814" spans="14:14">
      <c r="N110814" s="10"/>
    </row>
    <row r="110815" spans="14:14">
      <c r="N110815" s="10"/>
    </row>
    <row r="110816" spans="14:14">
      <c r="N110816" s="10"/>
    </row>
    <row r="110817" spans="14:14">
      <c r="N110817" s="10"/>
    </row>
    <row r="110818" spans="14:14">
      <c r="N110818" s="10"/>
    </row>
    <row r="110819" spans="14:14">
      <c r="N110819" s="10"/>
    </row>
    <row r="110820" spans="14:14">
      <c r="N110820" s="10"/>
    </row>
    <row r="110821" spans="14:14">
      <c r="N110821" s="10"/>
    </row>
    <row r="110822" spans="14:14">
      <c r="N110822" s="10"/>
    </row>
    <row r="110823" spans="14:14">
      <c r="N110823" s="10"/>
    </row>
    <row r="110824" spans="14:14">
      <c r="N110824" s="10"/>
    </row>
    <row r="110825" spans="14:14">
      <c r="N110825" s="10"/>
    </row>
    <row r="110826" spans="14:14">
      <c r="N110826" s="10"/>
    </row>
    <row r="110827" spans="14:14">
      <c r="N110827" s="10"/>
    </row>
    <row r="110828" spans="14:14">
      <c r="N110828" s="10"/>
    </row>
    <row r="110829" spans="14:14">
      <c r="N110829" s="10"/>
    </row>
    <row r="110830" spans="14:14">
      <c r="N110830" s="10"/>
    </row>
    <row r="110831" spans="14:14">
      <c r="N110831" s="10"/>
    </row>
    <row r="110832" spans="14:14">
      <c r="N110832" s="10"/>
    </row>
    <row r="110833" spans="14:14">
      <c r="N110833" s="10"/>
    </row>
    <row r="110834" spans="14:14">
      <c r="N110834" s="10"/>
    </row>
    <row r="110835" spans="14:14">
      <c r="N110835" s="10"/>
    </row>
    <row r="110836" spans="14:14">
      <c r="N110836" s="10"/>
    </row>
    <row r="110837" spans="14:14">
      <c r="N110837" s="10"/>
    </row>
    <row r="110838" spans="14:14">
      <c r="N110838" s="10"/>
    </row>
    <row r="110839" spans="14:14">
      <c r="N110839" s="10"/>
    </row>
    <row r="110840" spans="14:14">
      <c r="N110840" s="10"/>
    </row>
    <row r="110841" spans="14:14">
      <c r="N110841" s="10"/>
    </row>
    <row r="110842" spans="14:14">
      <c r="N110842" s="10"/>
    </row>
    <row r="110843" spans="14:14">
      <c r="N110843" s="10"/>
    </row>
    <row r="110844" spans="14:14">
      <c r="N110844" s="10"/>
    </row>
    <row r="110845" spans="14:14">
      <c r="N110845" s="10"/>
    </row>
    <row r="110846" spans="14:14">
      <c r="N110846" s="10"/>
    </row>
    <row r="110847" spans="14:14">
      <c r="N110847" s="10"/>
    </row>
    <row r="110848" spans="14:14">
      <c r="N110848" s="10"/>
    </row>
    <row r="110849" spans="14:14">
      <c r="N110849" s="10"/>
    </row>
    <row r="110850" spans="14:14">
      <c r="N110850" s="10"/>
    </row>
    <row r="110851" spans="14:14">
      <c r="N110851" s="10"/>
    </row>
    <row r="110852" spans="14:14">
      <c r="N110852" s="10"/>
    </row>
    <row r="110853" spans="14:14">
      <c r="N110853" s="10"/>
    </row>
    <row r="110854" spans="14:14">
      <c r="N110854" s="10"/>
    </row>
    <row r="110855" spans="14:14">
      <c r="N110855" s="10"/>
    </row>
    <row r="110856" spans="14:14">
      <c r="N110856" s="10"/>
    </row>
    <row r="110857" spans="14:14">
      <c r="N110857" s="10"/>
    </row>
    <row r="110858" spans="14:14">
      <c r="N110858" s="10"/>
    </row>
    <row r="110859" spans="14:14">
      <c r="N110859" s="10"/>
    </row>
    <row r="110860" spans="14:14">
      <c r="N110860" s="10"/>
    </row>
    <row r="110861" spans="14:14">
      <c r="N110861" s="10"/>
    </row>
    <row r="110862" spans="14:14">
      <c r="N110862" s="10"/>
    </row>
    <row r="110863" spans="14:14">
      <c r="N110863" s="10"/>
    </row>
    <row r="110864" spans="14:14">
      <c r="N110864" s="10"/>
    </row>
    <row r="110865" spans="14:14">
      <c r="N110865" s="10"/>
    </row>
    <row r="110866" spans="14:14">
      <c r="N110866" s="10"/>
    </row>
    <row r="110867" spans="14:14">
      <c r="N110867" s="10"/>
    </row>
    <row r="110868" spans="14:14">
      <c r="N110868" s="10"/>
    </row>
    <row r="110869" spans="14:14">
      <c r="N110869" s="10"/>
    </row>
    <row r="110870" spans="14:14">
      <c r="N110870" s="10"/>
    </row>
    <row r="110871" spans="14:14">
      <c r="N110871" s="10"/>
    </row>
    <row r="110872" spans="14:14">
      <c r="N110872" s="10"/>
    </row>
    <row r="110873" spans="14:14">
      <c r="N110873" s="10"/>
    </row>
    <row r="110874" spans="14:14">
      <c r="N110874" s="10"/>
    </row>
    <row r="110875" spans="14:14">
      <c r="N110875" s="10"/>
    </row>
    <row r="110876" spans="14:14">
      <c r="N110876" s="10"/>
    </row>
    <row r="110877" spans="14:14">
      <c r="N110877" s="10"/>
    </row>
    <row r="110878" spans="14:14">
      <c r="N110878" s="10"/>
    </row>
    <row r="110879" spans="14:14">
      <c r="N110879" s="10"/>
    </row>
    <row r="110880" spans="14:14">
      <c r="N110880" s="10"/>
    </row>
    <row r="110881" spans="14:14">
      <c r="N110881" s="10"/>
    </row>
    <row r="110882" spans="14:14">
      <c r="N110882" s="10"/>
    </row>
    <row r="110883" spans="14:14">
      <c r="N110883" s="10"/>
    </row>
    <row r="110884" spans="14:14">
      <c r="N110884" s="10"/>
    </row>
    <row r="110885" spans="14:14">
      <c r="N110885" s="10"/>
    </row>
    <row r="110886" spans="14:14">
      <c r="N110886" s="10"/>
    </row>
    <row r="110887" spans="14:14">
      <c r="N110887" s="10"/>
    </row>
    <row r="110888" spans="14:14">
      <c r="N110888" s="10"/>
    </row>
    <row r="110889" spans="14:14">
      <c r="N110889" s="10"/>
    </row>
    <row r="110890" spans="14:14">
      <c r="N110890" s="10"/>
    </row>
    <row r="110891" spans="14:14">
      <c r="N110891" s="10"/>
    </row>
    <row r="110892" spans="14:14">
      <c r="N110892" s="10"/>
    </row>
    <row r="110893" spans="14:14">
      <c r="N110893" s="10"/>
    </row>
    <row r="110894" spans="14:14">
      <c r="N110894" s="10"/>
    </row>
    <row r="110895" spans="14:14">
      <c r="N110895" s="10"/>
    </row>
    <row r="110896" spans="14:14">
      <c r="N110896" s="10"/>
    </row>
    <row r="110897" spans="14:14">
      <c r="N110897" s="10"/>
    </row>
    <row r="110898" spans="14:14">
      <c r="N110898" s="10"/>
    </row>
    <row r="110899" spans="14:14">
      <c r="N110899" s="10"/>
    </row>
    <row r="110900" spans="14:14">
      <c r="N110900" s="10"/>
    </row>
    <row r="110901" spans="14:14">
      <c r="N110901" s="10"/>
    </row>
    <row r="110902" spans="14:14">
      <c r="N110902" s="10"/>
    </row>
    <row r="110903" spans="14:14">
      <c r="N110903" s="10"/>
    </row>
    <row r="110904" spans="14:14">
      <c r="N110904" s="10"/>
    </row>
    <row r="110905" spans="14:14">
      <c r="N110905" s="10"/>
    </row>
    <row r="110906" spans="14:14">
      <c r="N110906" s="10"/>
    </row>
    <row r="110907" spans="14:14">
      <c r="N110907" s="10"/>
    </row>
    <row r="110908" spans="14:14">
      <c r="N110908" s="10"/>
    </row>
    <row r="110909" spans="14:14">
      <c r="N110909" s="10"/>
    </row>
    <row r="110910" spans="14:14">
      <c r="N110910" s="10"/>
    </row>
    <row r="110911" spans="14:14">
      <c r="N110911" s="10"/>
    </row>
    <row r="110912" spans="14:14">
      <c r="N110912" s="10"/>
    </row>
    <row r="110913" spans="14:14">
      <c r="N110913" s="10"/>
    </row>
    <row r="110914" spans="14:14">
      <c r="N110914" s="10"/>
    </row>
    <row r="110915" spans="14:14">
      <c r="N110915" s="10"/>
    </row>
    <row r="110916" spans="14:14">
      <c r="N110916" s="10"/>
    </row>
    <row r="110917" spans="14:14">
      <c r="N110917" s="10"/>
    </row>
    <row r="110918" spans="14:14">
      <c r="N110918" s="10"/>
    </row>
    <row r="110919" spans="14:14">
      <c r="N110919" s="10"/>
    </row>
    <row r="110920" spans="14:14">
      <c r="N110920" s="10"/>
    </row>
    <row r="110921" spans="14:14">
      <c r="N110921" s="10"/>
    </row>
    <row r="110922" spans="14:14">
      <c r="N110922" s="10"/>
    </row>
    <row r="110923" spans="14:14">
      <c r="N110923" s="10"/>
    </row>
    <row r="110924" spans="14:14">
      <c r="N110924" s="10"/>
    </row>
    <row r="110925" spans="14:14">
      <c r="N110925" s="10"/>
    </row>
    <row r="110926" spans="14:14">
      <c r="N110926" s="10"/>
    </row>
    <row r="110927" spans="14:14">
      <c r="N110927" s="10"/>
    </row>
    <row r="110928" spans="14:14">
      <c r="N110928" s="10"/>
    </row>
    <row r="110929" spans="14:14">
      <c r="N110929" s="10"/>
    </row>
    <row r="110930" spans="14:14">
      <c r="N110930" s="10"/>
    </row>
    <row r="110931" spans="14:14">
      <c r="N110931" s="10"/>
    </row>
    <row r="110932" spans="14:14">
      <c r="N110932" s="10"/>
    </row>
    <row r="110933" spans="14:14">
      <c r="N110933" s="10"/>
    </row>
    <row r="110934" spans="14:14">
      <c r="N110934" s="10"/>
    </row>
    <row r="110935" spans="14:14">
      <c r="N110935" s="10"/>
    </row>
    <row r="110936" spans="14:14">
      <c r="N110936" s="10"/>
    </row>
    <row r="110937" spans="14:14">
      <c r="N110937" s="10"/>
    </row>
    <row r="110938" spans="14:14">
      <c r="N110938" s="10"/>
    </row>
    <row r="110939" spans="14:14">
      <c r="N110939" s="10"/>
    </row>
    <row r="110940" spans="14:14">
      <c r="N110940" s="10"/>
    </row>
    <row r="110941" spans="14:14">
      <c r="N110941" s="10"/>
    </row>
    <row r="110942" spans="14:14">
      <c r="N110942" s="10"/>
    </row>
    <row r="110943" spans="14:14">
      <c r="N110943" s="10"/>
    </row>
    <row r="110944" spans="14:14">
      <c r="N110944" s="10"/>
    </row>
    <row r="110945" spans="14:14">
      <c r="N110945" s="10"/>
    </row>
    <row r="110946" spans="14:14">
      <c r="N110946" s="10"/>
    </row>
    <row r="110947" spans="14:14">
      <c r="N110947" s="10"/>
    </row>
    <row r="110948" spans="14:14">
      <c r="N110948" s="10"/>
    </row>
    <row r="110949" spans="14:14">
      <c r="N110949" s="10"/>
    </row>
    <row r="110950" spans="14:14">
      <c r="N110950" s="10"/>
    </row>
    <row r="110951" spans="14:14">
      <c r="N110951" s="10"/>
    </row>
    <row r="110952" spans="14:14">
      <c r="N110952" s="10"/>
    </row>
    <row r="110953" spans="14:14">
      <c r="N110953" s="10"/>
    </row>
    <row r="110954" spans="14:14">
      <c r="N110954" s="10"/>
    </row>
    <row r="110955" spans="14:14">
      <c r="N110955" s="10"/>
    </row>
    <row r="110956" spans="14:14">
      <c r="N110956" s="10"/>
    </row>
    <row r="110957" spans="14:14">
      <c r="N110957" s="10"/>
    </row>
    <row r="110958" spans="14:14">
      <c r="N110958" s="10"/>
    </row>
    <row r="110959" spans="14:14">
      <c r="N110959" s="10"/>
    </row>
    <row r="110960" spans="14:14">
      <c r="N110960" s="10"/>
    </row>
    <row r="110961" spans="14:14">
      <c r="N110961" s="10"/>
    </row>
    <row r="110962" spans="14:14">
      <c r="N110962" s="10"/>
    </row>
    <row r="110963" spans="14:14">
      <c r="N110963" s="10"/>
    </row>
    <row r="110964" spans="14:14">
      <c r="N110964" s="10"/>
    </row>
    <row r="110965" spans="14:14">
      <c r="N110965" s="10"/>
    </row>
    <row r="110966" spans="14:14">
      <c r="N110966" s="10"/>
    </row>
    <row r="110967" spans="14:14">
      <c r="N110967" s="10"/>
    </row>
    <row r="110968" spans="14:14">
      <c r="N110968" s="10"/>
    </row>
    <row r="110969" spans="14:14">
      <c r="N110969" s="10"/>
    </row>
    <row r="110970" spans="14:14">
      <c r="N110970" s="10"/>
    </row>
    <row r="110971" spans="14:14">
      <c r="N110971" s="10"/>
    </row>
    <row r="110972" spans="14:14">
      <c r="N110972" s="10"/>
    </row>
    <row r="110973" spans="14:14">
      <c r="N110973" s="10"/>
    </row>
    <row r="110974" spans="14:14">
      <c r="N110974" s="10"/>
    </row>
    <row r="110975" spans="14:14">
      <c r="N110975" s="10"/>
    </row>
    <row r="110976" spans="14:14">
      <c r="N110976" s="10"/>
    </row>
    <row r="110977" spans="14:14">
      <c r="N110977" s="10"/>
    </row>
    <row r="110978" spans="14:14">
      <c r="N110978" s="10"/>
    </row>
    <row r="110979" spans="14:14">
      <c r="N110979" s="10"/>
    </row>
    <row r="110980" spans="14:14">
      <c r="N110980" s="10"/>
    </row>
    <row r="110981" spans="14:14">
      <c r="N110981" s="10"/>
    </row>
    <row r="110982" spans="14:14">
      <c r="N110982" s="10"/>
    </row>
    <row r="110983" spans="14:14">
      <c r="N110983" s="10"/>
    </row>
    <row r="110984" spans="14:14">
      <c r="N110984" s="10"/>
    </row>
    <row r="110985" spans="14:14">
      <c r="N110985" s="10"/>
    </row>
    <row r="110986" spans="14:14">
      <c r="N110986" s="10"/>
    </row>
    <row r="110987" spans="14:14">
      <c r="N110987" s="10"/>
    </row>
    <row r="110988" spans="14:14">
      <c r="N110988" s="10"/>
    </row>
    <row r="110989" spans="14:14">
      <c r="N110989" s="10"/>
    </row>
    <row r="110990" spans="14:14">
      <c r="N110990" s="10"/>
    </row>
    <row r="110991" spans="14:14">
      <c r="N110991" s="10"/>
    </row>
    <row r="110992" spans="14:14">
      <c r="N110992" s="10"/>
    </row>
    <row r="110993" spans="14:14">
      <c r="N110993" s="10"/>
    </row>
    <row r="110994" spans="14:14">
      <c r="N110994" s="10"/>
    </row>
    <row r="110995" spans="14:14">
      <c r="N110995" s="10"/>
    </row>
    <row r="110996" spans="14:14">
      <c r="N110996" s="10"/>
    </row>
    <row r="110997" spans="14:14">
      <c r="N110997" s="10"/>
    </row>
    <row r="110998" spans="14:14">
      <c r="N110998" s="10"/>
    </row>
    <row r="110999" spans="14:14">
      <c r="N110999" s="10"/>
    </row>
    <row r="111000" spans="14:14">
      <c r="N111000" s="10"/>
    </row>
    <row r="111001" spans="14:14">
      <c r="N111001" s="10"/>
    </row>
    <row r="111002" spans="14:14">
      <c r="N111002" s="10"/>
    </row>
    <row r="111003" spans="14:14">
      <c r="N111003" s="10"/>
    </row>
    <row r="111004" spans="14:14">
      <c r="N111004" s="10"/>
    </row>
    <row r="111005" spans="14:14">
      <c r="N111005" s="10"/>
    </row>
    <row r="111006" spans="14:14">
      <c r="N111006" s="10"/>
    </row>
    <row r="111007" spans="14:14">
      <c r="N111007" s="10"/>
    </row>
    <row r="111008" spans="14:14">
      <c r="N111008" s="10"/>
    </row>
    <row r="111009" spans="14:14">
      <c r="N111009" s="10"/>
    </row>
    <row r="111010" spans="14:14">
      <c r="N111010" s="10"/>
    </row>
    <row r="111011" spans="14:14">
      <c r="N111011" s="10"/>
    </row>
    <row r="111012" spans="14:14">
      <c r="N111012" s="10"/>
    </row>
    <row r="111013" spans="14:14">
      <c r="N111013" s="10"/>
    </row>
    <row r="111014" spans="14:14">
      <c r="N111014" s="10"/>
    </row>
    <row r="111015" spans="14:14">
      <c r="N111015" s="10"/>
    </row>
    <row r="111016" spans="14:14">
      <c r="N111016" s="10"/>
    </row>
    <row r="111017" spans="14:14">
      <c r="N111017" s="10"/>
    </row>
    <row r="111018" spans="14:14">
      <c r="N111018" s="10"/>
    </row>
    <row r="111019" spans="14:14">
      <c r="N111019" s="10"/>
    </row>
    <row r="111020" spans="14:14">
      <c r="N111020" s="10"/>
    </row>
    <row r="111021" spans="14:14">
      <c r="N111021" s="10"/>
    </row>
    <row r="111022" spans="14:14">
      <c r="N111022" s="10"/>
    </row>
    <row r="111023" spans="14:14">
      <c r="N111023" s="10"/>
    </row>
    <row r="111024" spans="14:14">
      <c r="N111024" s="10"/>
    </row>
    <row r="111025" spans="14:14">
      <c r="N111025" s="10"/>
    </row>
    <row r="111026" spans="14:14">
      <c r="N111026" s="10"/>
    </row>
    <row r="111027" spans="14:14">
      <c r="N111027" s="10"/>
    </row>
    <row r="111028" spans="14:14">
      <c r="N111028" s="10"/>
    </row>
    <row r="111029" spans="14:14">
      <c r="N111029" s="10"/>
    </row>
    <row r="111030" spans="14:14">
      <c r="N111030" s="10"/>
    </row>
    <row r="111031" spans="14:14">
      <c r="N111031" s="10"/>
    </row>
    <row r="111032" spans="14:14">
      <c r="N111032" s="10"/>
    </row>
    <row r="111033" spans="14:14">
      <c r="N111033" s="10"/>
    </row>
    <row r="111034" spans="14:14">
      <c r="N111034" s="10"/>
    </row>
    <row r="111035" spans="14:14">
      <c r="N111035" s="10"/>
    </row>
    <row r="111036" spans="14:14">
      <c r="N111036" s="10"/>
    </row>
    <row r="111037" spans="14:14">
      <c r="N111037" s="10"/>
    </row>
    <row r="111038" spans="14:14">
      <c r="N111038" s="10"/>
    </row>
    <row r="111039" spans="14:14">
      <c r="N111039" s="10"/>
    </row>
    <row r="111040" spans="14:14">
      <c r="N111040" s="10"/>
    </row>
    <row r="111041" spans="14:14">
      <c r="N111041" s="10"/>
    </row>
    <row r="111042" spans="14:14">
      <c r="N111042" s="10"/>
    </row>
    <row r="111043" spans="14:14">
      <c r="N111043" s="10"/>
    </row>
    <row r="111044" spans="14:14">
      <c r="N111044" s="10"/>
    </row>
    <row r="111045" spans="14:14">
      <c r="N111045" s="10"/>
    </row>
    <row r="111046" spans="14:14">
      <c r="N111046" s="10"/>
    </row>
    <row r="111047" spans="14:14">
      <c r="N111047" s="10"/>
    </row>
    <row r="111048" spans="14:14">
      <c r="N111048" s="10"/>
    </row>
    <row r="111049" spans="14:14">
      <c r="N111049" s="10"/>
    </row>
    <row r="111050" spans="14:14">
      <c r="N111050" s="10"/>
    </row>
    <row r="111051" spans="14:14">
      <c r="N111051" s="10"/>
    </row>
    <row r="111052" spans="14:14">
      <c r="N111052" s="10"/>
    </row>
    <row r="111053" spans="14:14">
      <c r="N111053" s="10"/>
    </row>
    <row r="111054" spans="14:14">
      <c r="N111054" s="10"/>
    </row>
    <row r="111055" spans="14:14">
      <c r="N111055" s="10"/>
    </row>
    <row r="111056" spans="14:14">
      <c r="N111056" s="10"/>
    </row>
    <row r="111057" spans="14:14">
      <c r="N111057" s="10"/>
    </row>
    <row r="111058" spans="14:14">
      <c r="N111058" s="10"/>
    </row>
    <row r="111059" spans="14:14">
      <c r="N111059" s="10"/>
    </row>
    <row r="111060" spans="14:14">
      <c r="N111060" s="10"/>
    </row>
    <row r="111061" spans="14:14">
      <c r="N111061" s="10"/>
    </row>
    <row r="111062" spans="14:14">
      <c r="N111062" s="10"/>
    </row>
    <row r="111063" spans="14:14">
      <c r="N111063" s="10"/>
    </row>
    <row r="111064" spans="14:14">
      <c r="N111064" s="10"/>
    </row>
    <row r="111065" spans="14:14">
      <c r="N111065" s="10"/>
    </row>
    <row r="111066" spans="14:14">
      <c r="N111066" s="10"/>
    </row>
    <row r="111067" spans="14:14">
      <c r="N111067" s="10"/>
    </row>
    <row r="111068" spans="14:14">
      <c r="N111068" s="10"/>
    </row>
    <row r="111069" spans="14:14">
      <c r="N111069" s="10"/>
    </row>
    <row r="111070" spans="14:14">
      <c r="N111070" s="10"/>
    </row>
    <row r="111071" spans="14:14">
      <c r="N111071" s="10"/>
    </row>
    <row r="111072" spans="14:14">
      <c r="N111072" s="10"/>
    </row>
    <row r="111073" spans="14:14">
      <c r="N111073" s="10"/>
    </row>
    <row r="111074" spans="14:14">
      <c r="N111074" s="10"/>
    </row>
    <row r="111075" spans="14:14">
      <c r="N111075" s="10"/>
    </row>
    <row r="111076" spans="14:14">
      <c r="N111076" s="10"/>
    </row>
    <row r="111077" spans="14:14">
      <c r="N111077" s="10"/>
    </row>
    <row r="111078" spans="14:14">
      <c r="N111078" s="10"/>
    </row>
    <row r="111079" spans="14:14">
      <c r="N111079" s="10"/>
    </row>
    <row r="111080" spans="14:14">
      <c r="N111080" s="10"/>
    </row>
    <row r="111081" spans="14:14">
      <c r="N111081" s="10"/>
    </row>
    <row r="111082" spans="14:14">
      <c r="N111082" s="10"/>
    </row>
    <row r="111083" spans="14:14">
      <c r="N111083" s="10"/>
    </row>
    <row r="111084" spans="14:14">
      <c r="N111084" s="10"/>
    </row>
    <row r="111085" spans="14:14">
      <c r="N111085" s="10"/>
    </row>
    <row r="111086" spans="14:14">
      <c r="N111086" s="10"/>
    </row>
    <row r="111087" spans="14:14">
      <c r="N111087" s="10"/>
    </row>
    <row r="111088" spans="14:14">
      <c r="N111088" s="10"/>
    </row>
    <row r="111089" spans="14:14">
      <c r="N111089" s="10"/>
    </row>
    <row r="111090" spans="14:14">
      <c r="N111090" s="10"/>
    </row>
    <row r="111091" spans="14:14">
      <c r="N111091" s="10"/>
    </row>
    <row r="111092" spans="14:14">
      <c r="N111092" s="10"/>
    </row>
    <row r="111093" spans="14:14">
      <c r="N111093" s="10"/>
    </row>
    <row r="111094" spans="14:14">
      <c r="N111094" s="10"/>
    </row>
    <row r="111095" spans="14:14">
      <c r="N111095" s="10"/>
    </row>
    <row r="111096" spans="14:14">
      <c r="N111096" s="10"/>
    </row>
    <row r="111097" spans="14:14">
      <c r="N111097" s="10"/>
    </row>
    <row r="111098" spans="14:14">
      <c r="N111098" s="10"/>
    </row>
    <row r="111099" spans="14:14">
      <c r="N111099" s="10"/>
    </row>
    <row r="111100" spans="14:14">
      <c r="N111100" s="10"/>
    </row>
    <row r="111101" spans="14:14">
      <c r="N111101" s="10"/>
    </row>
    <row r="111102" spans="14:14">
      <c r="N111102" s="10"/>
    </row>
    <row r="111103" spans="14:14">
      <c r="N111103" s="10"/>
    </row>
    <row r="111104" spans="14:14">
      <c r="N111104" s="10"/>
    </row>
    <row r="111105" spans="14:14">
      <c r="N111105" s="10"/>
    </row>
    <row r="111106" spans="14:14">
      <c r="N111106" s="10"/>
    </row>
    <row r="111107" spans="14:14">
      <c r="N111107" s="10"/>
    </row>
    <row r="111108" spans="14:14">
      <c r="N111108" s="10"/>
    </row>
    <row r="111109" spans="14:14">
      <c r="N111109" s="10"/>
    </row>
    <row r="111110" spans="14:14">
      <c r="N111110" s="10"/>
    </row>
    <row r="111111" spans="14:14">
      <c r="N111111" s="10"/>
    </row>
    <row r="111112" spans="14:14">
      <c r="N111112" s="10"/>
    </row>
    <row r="111113" spans="14:14">
      <c r="N111113" s="10"/>
    </row>
    <row r="111114" spans="14:14">
      <c r="N111114" s="10"/>
    </row>
    <row r="111115" spans="14:14">
      <c r="N111115" s="10"/>
    </row>
    <row r="111116" spans="14:14">
      <c r="N111116" s="10"/>
    </row>
    <row r="111117" spans="14:14">
      <c r="N111117" s="10"/>
    </row>
    <row r="111118" spans="14:14">
      <c r="N111118" s="10"/>
    </row>
    <row r="111119" spans="14:14">
      <c r="N111119" s="10"/>
    </row>
    <row r="111120" spans="14:14">
      <c r="N111120" s="10"/>
    </row>
    <row r="111121" spans="14:14">
      <c r="N111121" s="10"/>
    </row>
    <row r="111122" spans="14:14">
      <c r="N111122" s="10"/>
    </row>
    <row r="111123" spans="14:14">
      <c r="N111123" s="10"/>
    </row>
    <row r="111124" spans="14:14">
      <c r="N111124" s="10"/>
    </row>
    <row r="111125" spans="14:14">
      <c r="N111125" s="10"/>
    </row>
    <row r="111126" spans="14:14">
      <c r="N111126" s="10"/>
    </row>
    <row r="111127" spans="14:14">
      <c r="N111127" s="10"/>
    </row>
    <row r="111128" spans="14:14">
      <c r="N111128" s="10"/>
    </row>
    <row r="111129" spans="14:14">
      <c r="N111129" s="10"/>
    </row>
    <row r="111130" spans="14:14">
      <c r="N111130" s="10"/>
    </row>
    <row r="111131" spans="14:14">
      <c r="N111131" s="10"/>
    </row>
    <row r="111132" spans="14:14">
      <c r="N111132" s="10"/>
    </row>
    <row r="111133" spans="14:14">
      <c r="N111133" s="10"/>
    </row>
    <row r="111134" spans="14:14">
      <c r="N111134" s="10"/>
    </row>
    <row r="111135" spans="14:14">
      <c r="N111135" s="10"/>
    </row>
    <row r="111136" spans="14:14">
      <c r="N111136" s="10"/>
    </row>
    <row r="111137" spans="14:14">
      <c r="N111137" s="10"/>
    </row>
    <row r="111138" spans="14:14">
      <c r="N111138" s="10"/>
    </row>
    <row r="111139" spans="14:14">
      <c r="N111139" s="10"/>
    </row>
    <row r="111140" spans="14:14">
      <c r="N111140" s="10"/>
    </row>
    <row r="111141" spans="14:14">
      <c r="N111141" s="10"/>
    </row>
    <row r="111142" spans="14:14">
      <c r="N111142" s="10"/>
    </row>
    <row r="111143" spans="14:14">
      <c r="N111143" s="10"/>
    </row>
    <row r="111144" spans="14:14">
      <c r="N111144" s="10"/>
    </row>
    <row r="111145" spans="14:14">
      <c r="N111145" s="10"/>
    </row>
    <row r="111146" spans="14:14">
      <c r="N111146" s="10"/>
    </row>
    <row r="111147" spans="14:14">
      <c r="N111147" s="10"/>
    </row>
    <row r="111148" spans="14:14">
      <c r="N111148" s="10"/>
    </row>
    <row r="111149" spans="14:14">
      <c r="N111149" s="10"/>
    </row>
    <row r="111150" spans="14:14">
      <c r="N111150" s="10"/>
    </row>
    <row r="111151" spans="14:14">
      <c r="N111151" s="10"/>
    </row>
    <row r="111152" spans="14:14">
      <c r="N111152" s="10"/>
    </row>
    <row r="111153" spans="14:14">
      <c r="N111153" s="10"/>
    </row>
    <row r="111154" spans="14:14">
      <c r="N111154" s="10"/>
    </row>
    <row r="111155" spans="14:14">
      <c r="N111155" s="10"/>
    </row>
    <row r="111156" spans="14:14">
      <c r="N111156" s="10"/>
    </row>
    <row r="111157" spans="14:14">
      <c r="N111157" s="10"/>
    </row>
    <row r="111158" spans="14:14">
      <c r="N111158" s="10"/>
    </row>
    <row r="111159" spans="14:14">
      <c r="N111159" s="10"/>
    </row>
    <row r="111160" spans="14:14">
      <c r="N111160" s="10"/>
    </row>
    <row r="111161" spans="14:14">
      <c r="N111161" s="10"/>
    </row>
    <row r="111162" spans="14:14">
      <c r="N111162" s="10"/>
    </row>
    <row r="111163" spans="14:14">
      <c r="N111163" s="10"/>
    </row>
    <row r="111164" spans="14:14">
      <c r="N111164" s="10"/>
    </row>
    <row r="111165" spans="14:14">
      <c r="N111165" s="10"/>
    </row>
    <row r="111166" spans="14:14">
      <c r="N111166" s="10"/>
    </row>
    <row r="111167" spans="14:14">
      <c r="N111167" s="10"/>
    </row>
    <row r="111168" spans="14:14">
      <c r="N111168" s="10"/>
    </row>
    <row r="111169" spans="14:14">
      <c r="N111169" s="10"/>
    </row>
    <row r="111170" spans="14:14">
      <c r="N111170" s="10"/>
    </row>
    <row r="111171" spans="14:14">
      <c r="N111171" s="10"/>
    </row>
    <row r="111172" spans="14:14">
      <c r="N111172" s="10"/>
    </row>
    <row r="111173" spans="14:14">
      <c r="N111173" s="10"/>
    </row>
    <row r="111174" spans="14:14">
      <c r="N111174" s="10"/>
    </row>
    <row r="111175" spans="14:14">
      <c r="N111175" s="10"/>
    </row>
    <row r="111176" spans="14:14">
      <c r="N111176" s="10"/>
    </row>
    <row r="111177" spans="14:14">
      <c r="N111177" s="10"/>
    </row>
    <row r="111178" spans="14:14">
      <c r="N111178" s="10"/>
    </row>
    <row r="111179" spans="14:14">
      <c r="N111179" s="10"/>
    </row>
    <row r="111180" spans="14:14">
      <c r="N111180" s="10"/>
    </row>
    <row r="111181" spans="14:14">
      <c r="N111181" s="10"/>
    </row>
    <row r="111182" spans="14:14">
      <c r="N111182" s="10"/>
    </row>
    <row r="111183" spans="14:14">
      <c r="N111183" s="10"/>
    </row>
    <row r="111184" spans="14:14">
      <c r="N111184" s="10"/>
    </row>
    <row r="111185" spans="14:14">
      <c r="N111185" s="10"/>
    </row>
    <row r="111186" spans="14:14">
      <c r="N111186" s="10"/>
    </row>
    <row r="111187" spans="14:14">
      <c r="N111187" s="10"/>
    </row>
    <row r="111188" spans="14:14">
      <c r="N111188" s="10"/>
    </row>
    <row r="111189" spans="14:14">
      <c r="N111189" s="10"/>
    </row>
    <row r="111190" spans="14:14">
      <c r="N111190" s="10"/>
    </row>
    <row r="111191" spans="14:14">
      <c r="N111191" s="10"/>
    </row>
    <row r="111192" spans="14:14">
      <c r="N111192" s="10"/>
    </row>
    <row r="111193" spans="14:14">
      <c r="N111193" s="10"/>
    </row>
    <row r="111194" spans="14:14">
      <c r="N111194" s="10"/>
    </row>
    <row r="111195" spans="14:14">
      <c r="N111195" s="10"/>
    </row>
    <row r="111196" spans="14:14">
      <c r="N111196" s="10"/>
    </row>
    <row r="111197" spans="14:14">
      <c r="N111197" s="10"/>
    </row>
    <row r="111198" spans="14:14">
      <c r="N111198" s="10"/>
    </row>
    <row r="111199" spans="14:14">
      <c r="N111199" s="10"/>
    </row>
    <row r="111200" spans="14:14">
      <c r="N111200" s="10"/>
    </row>
    <row r="111201" spans="14:14">
      <c r="N111201" s="10"/>
    </row>
    <row r="111202" spans="14:14">
      <c r="N111202" s="10"/>
    </row>
    <row r="111203" spans="14:14">
      <c r="N111203" s="10"/>
    </row>
    <row r="111204" spans="14:14">
      <c r="N111204" s="10"/>
    </row>
    <row r="111205" spans="14:14">
      <c r="N111205" s="10"/>
    </row>
    <row r="111206" spans="14:14">
      <c r="N111206" s="10"/>
    </row>
    <row r="111207" spans="14:14">
      <c r="N111207" s="10"/>
    </row>
    <row r="111208" spans="14:14">
      <c r="N111208" s="10"/>
    </row>
    <row r="111209" spans="14:14">
      <c r="N111209" s="10"/>
    </row>
    <row r="111210" spans="14:14">
      <c r="N111210" s="10"/>
    </row>
    <row r="111211" spans="14:14">
      <c r="N111211" s="10"/>
    </row>
    <row r="111212" spans="14:14">
      <c r="N111212" s="10"/>
    </row>
    <row r="111213" spans="14:14">
      <c r="N111213" s="10"/>
    </row>
    <row r="111214" spans="14:14">
      <c r="N111214" s="10"/>
    </row>
    <row r="111215" spans="14:14">
      <c r="N111215" s="10"/>
    </row>
    <row r="111216" spans="14:14">
      <c r="N111216" s="10"/>
    </row>
    <row r="111217" spans="14:14">
      <c r="N111217" s="10"/>
    </row>
    <row r="111218" spans="14:14">
      <c r="N111218" s="10"/>
    </row>
    <row r="111219" spans="14:14">
      <c r="N111219" s="10"/>
    </row>
    <row r="111220" spans="14:14">
      <c r="N111220" s="10"/>
    </row>
    <row r="111221" spans="14:14">
      <c r="N111221" s="10"/>
    </row>
    <row r="111222" spans="14:14">
      <c r="N111222" s="10"/>
    </row>
    <row r="111223" spans="14:14">
      <c r="N111223" s="10"/>
    </row>
    <row r="111224" spans="14:14">
      <c r="N111224" s="10"/>
    </row>
    <row r="111225" spans="14:14">
      <c r="N111225" s="10"/>
    </row>
    <row r="111226" spans="14:14">
      <c r="N111226" s="10"/>
    </row>
    <row r="111227" spans="14:14">
      <c r="N111227" s="10"/>
    </row>
    <row r="111228" spans="14:14">
      <c r="N111228" s="10"/>
    </row>
    <row r="111229" spans="14:14">
      <c r="N111229" s="10"/>
    </row>
    <row r="111230" spans="14:14">
      <c r="N111230" s="10"/>
    </row>
    <row r="111231" spans="14:14">
      <c r="N111231" s="10"/>
    </row>
    <row r="111232" spans="14:14">
      <c r="N111232" s="10"/>
    </row>
    <row r="111233" spans="14:14">
      <c r="N111233" s="10"/>
    </row>
    <row r="111234" spans="14:14">
      <c r="N111234" s="10"/>
    </row>
    <row r="111235" spans="14:14">
      <c r="N111235" s="10"/>
    </row>
    <row r="111236" spans="14:14">
      <c r="N111236" s="10"/>
    </row>
    <row r="111237" spans="14:14">
      <c r="N111237" s="10"/>
    </row>
    <row r="111238" spans="14:14">
      <c r="N111238" s="10"/>
    </row>
    <row r="111239" spans="14:14">
      <c r="N111239" s="10"/>
    </row>
    <row r="111240" spans="14:14">
      <c r="N111240" s="10"/>
    </row>
    <row r="111241" spans="14:14">
      <c r="N111241" s="10"/>
    </row>
    <row r="111242" spans="14:14">
      <c r="N111242" s="10"/>
    </row>
    <row r="111243" spans="14:14">
      <c r="N111243" s="10"/>
    </row>
    <row r="111244" spans="14:14">
      <c r="N111244" s="10"/>
    </row>
    <row r="111245" spans="14:14">
      <c r="N111245" s="10"/>
    </row>
    <row r="111246" spans="14:14">
      <c r="N111246" s="10"/>
    </row>
    <row r="111247" spans="14:14">
      <c r="N111247" s="10"/>
    </row>
    <row r="111248" spans="14:14">
      <c r="N111248" s="10"/>
    </row>
    <row r="111249" spans="14:14">
      <c r="N111249" s="10"/>
    </row>
    <row r="111250" spans="14:14">
      <c r="N111250" s="10"/>
    </row>
    <row r="111251" spans="14:14">
      <c r="N111251" s="10"/>
    </row>
    <row r="111252" spans="14:14">
      <c r="N111252" s="10"/>
    </row>
    <row r="111253" spans="14:14">
      <c r="N111253" s="10"/>
    </row>
    <row r="111254" spans="14:14">
      <c r="N111254" s="10"/>
    </row>
    <row r="111255" spans="14:14">
      <c r="N111255" s="10"/>
    </row>
    <row r="111256" spans="14:14">
      <c r="N111256" s="10"/>
    </row>
    <row r="111257" spans="14:14">
      <c r="N111257" s="10"/>
    </row>
    <row r="111258" spans="14:14">
      <c r="N111258" s="10"/>
    </row>
    <row r="111259" spans="14:14">
      <c r="N111259" s="10"/>
    </row>
    <row r="111260" spans="14:14">
      <c r="N111260" s="10"/>
    </row>
    <row r="111261" spans="14:14">
      <c r="N111261" s="10"/>
    </row>
    <row r="111262" spans="14:14">
      <c r="N111262" s="10"/>
    </row>
    <row r="111263" spans="14:14">
      <c r="N111263" s="10"/>
    </row>
    <row r="111264" spans="14:14">
      <c r="N111264" s="10"/>
    </row>
    <row r="111265" spans="14:14">
      <c r="N111265" s="10"/>
    </row>
    <row r="111266" spans="14:14">
      <c r="N111266" s="10"/>
    </row>
    <row r="111267" spans="14:14">
      <c r="N111267" s="10"/>
    </row>
    <row r="111268" spans="14:14">
      <c r="N111268" s="10"/>
    </row>
    <row r="111269" spans="14:14">
      <c r="N111269" s="10"/>
    </row>
    <row r="111270" spans="14:14">
      <c r="N111270" s="10"/>
    </row>
    <row r="111271" spans="14:14">
      <c r="N111271" s="10"/>
    </row>
    <row r="111272" spans="14:14">
      <c r="N111272" s="10"/>
    </row>
    <row r="111273" spans="14:14">
      <c r="N111273" s="10"/>
    </row>
    <row r="111274" spans="14:14">
      <c r="N111274" s="10"/>
    </row>
    <row r="111275" spans="14:14">
      <c r="N111275" s="10"/>
    </row>
    <row r="111276" spans="14:14">
      <c r="N111276" s="10"/>
    </row>
    <row r="111277" spans="14:14">
      <c r="N111277" s="10"/>
    </row>
    <row r="111278" spans="14:14">
      <c r="N111278" s="10"/>
    </row>
    <row r="111279" spans="14:14">
      <c r="N111279" s="10"/>
    </row>
    <row r="111280" spans="14:14">
      <c r="N111280" s="10"/>
    </row>
    <row r="111281" spans="14:14">
      <c r="N111281" s="10"/>
    </row>
    <row r="111282" spans="14:14">
      <c r="N111282" s="10"/>
    </row>
    <row r="111283" spans="14:14">
      <c r="N111283" s="10"/>
    </row>
    <row r="111284" spans="14:14">
      <c r="N111284" s="10"/>
    </row>
    <row r="111285" spans="14:14">
      <c r="N111285" s="10"/>
    </row>
    <row r="111286" spans="14:14">
      <c r="N111286" s="10"/>
    </row>
    <row r="111287" spans="14:14">
      <c r="N111287" s="10"/>
    </row>
    <row r="111288" spans="14:14">
      <c r="N111288" s="10"/>
    </row>
    <row r="111289" spans="14:14">
      <c r="N111289" s="10"/>
    </row>
    <row r="111290" spans="14:14">
      <c r="N111290" s="10"/>
    </row>
    <row r="111291" spans="14:14">
      <c r="N111291" s="10"/>
    </row>
    <row r="111292" spans="14:14">
      <c r="N111292" s="10"/>
    </row>
    <row r="111293" spans="14:14">
      <c r="N111293" s="10"/>
    </row>
    <row r="111294" spans="14:14">
      <c r="N111294" s="10"/>
    </row>
    <row r="111295" spans="14:14">
      <c r="N111295" s="10"/>
    </row>
    <row r="111296" spans="14:14">
      <c r="N111296" s="10"/>
    </row>
    <row r="111297" spans="14:14">
      <c r="N111297" s="10"/>
    </row>
    <row r="111298" spans="14:14">
      <c r="N111298" s="10"/>
    </row>
    <row r="111299" spans="14:14">
      <c r="N111299" s="10"/>
    </row>
    <row r="111300" spans="14:14">
      <c r="N111300" s="10"/>
    </row>
    <row r="111301" spans="14:14">
      <c r="N111301" s="10"/>
    </row>
    <row r="111302" spans="14:14">
      <c r="N111302" s="10"/>
    </row>
    <row r="111303" spans="14:14">
      <c r="N111303" s="10"/>
    </row>
    <row r="111304" spans="14:14">
      <c r="N111304" s="10"/>
    </row>
    <row r="111305" spans="14:14">
      <c r="N111305" s="10"/>
    </row>
    <row r="111306" spans="14:14">
      <c r="N111306" s="10"/>
    </row>
    <row r="111307" spans="14:14">
      <c r="N111307" s="10"/>
    </row>
    <row r="111308" spans="14:14">
      <c r="N111308" s="10"/>
    </row>
    <row r="111309" spans="14:14">
      <c r="N111309" s="10"/>
    </row>
    <row r="111310" spans="14:14">
      <c r="N111310" s="10"/>
    </row>
    <row r="111311" spans="14:14">
      <c r="N111311" s="10"/>
    </row>
    <row r="111312" spans="14:14">
      <c r="N111312" s="10"/>
    </row>
    <row r="111313" spans="14:14">
      <c r="N111313" s="10"/>
    </row>
    <row r="111314" spans="14:14">
      <c r="N111314" s="10"/>
    </row>
    <row r="111315" spans="14:14">
      <c r="N111315" s="10"/>
    </row>
    <row r="111316" spans="14:14">
      <c r="N111316" s="10"/>
    </row>
    <row r="111317" spans="14:14">
      <c r="N111317" s="10"/>
    </row>
    <row r="111318" spans="14:14">
      <c r="N111318" s="10"/>
    </row>
    <row r="111319" spans="14:14">
      <c r="N111319" s="10"/>
    </row>
    <row r="111320" spans="14:14">
      <c r="N111320" s="10"/>
    </row>
    <row r="111321" spans="14:14">
      <c r="N111321" s="10"/>
    </row>
    <row r="111322" spans="14:14">
      <c r="N111322" s="10"/>
    </row>
    <row r="111323" spans="14:14">
      <c r="N111323" s="10"/>
    </row>
    <row r="111324" spans="14:14">
      <c r="N111324" s="10"/>
    </row>
    <row r="111325" spans="14:14">
      <c r="N111325" s="10"/>
    </row>
    <row r="111326" spans="14:14">
      <c r="N111326" s="10"/>
    </row>
    <row r="111327" spans="14:14">
      <c r="N111327" s="10"/>
    </row>
    <row r="111328" spans="14:14">
      <c r="N111328" s="10"/>
    </row>
    <row r="111329" spans="14:14">
      <c r="N111329" s="10"/>
    </row>
    <row r="111330" spans="14:14">
      <c r="N111330" s="10"/>
    </row>
    <row r="111331" spans="14:14">
      <c r="N111331" s="10"/>
    </row>
    <row r="111332" spans="14:14">
      <c r="N111332" s="10"/>
    </row>
    <row r="111333" spans="14:14">
      <c r="N111333" s="10"/>
    </row>
    <row r="111334" spans="14:14">
      <c r="N111334" s="10"/>
    </row>
    <row r="111335" spans="14:14">
      <c r="N111335" s="10"/>
    </row>
    <row r="111336" spans="14:14">
      <c r="N111336" s="10"/>
    </row>
    <row r="111337" spans="14:14">
      <c r="N111337" s="10"/>
    </row>
    <row r="111338" spans="14:14">
      <c r="N111338" s="10"/>
    </row>
    <row r="111339" spans="14:14">
      <c r="N111339" s="10"/>
    </row>
    <row r="111340" spans="14:14">
      <c r="N111340" s="10"/>
    </row>
    <row r="111341" spans="14:14">
      <c r="N111341" s="10"/>
    </row>
    <row r="111342" spans="14:14">
      <c r="N111342" s="10"/>
    </row>
    <row r="111343" spans="14:14">
      <c r="N111343" s="10"/>
    </row>
    <row r="111344" spans="14:14">
      <c r="N111344" s="10"/>
    </row>
    <row r="111345" spans="14:14">
      <c r="N111345" s="10"/>
    </row>
    <row r="111346" spans="14:14">
      <c r="N111346" s="10"/>
    </row>
    <row r="111347" spans="14:14">
      <c r="N111347" s="10"/>
    </row>
    <row r="111348" spans="14:14">
      <c r="N111348" s="10"/>
    </row>
    <row r="111349" spans="14:14">
      <c r="N111349" s="10"/>
    </row>
    <row r="111350" spans="14:14">
      <c r="N111350" s="10"/>
    </row>
    <row r="111351" spans="14:14">
      <c r="N111351" s="10"/>
    </row>
    <row r="111352" spans="14:14">
      <c r="N111352" s="10"/>
    </row>
    <row r="111353" spans="14:14">
      <c r="N111353" s="10"/>
    </row>
    <row r="111354" spans="14:14">
      <c r="N111354" s="10"/>
    </row>
    <row r="111355" spans="14:14">
      <c r="N111355" s="10"/>
    </row>
    <row r="111356" spans="14:14">
      <c r="N111356" s="10"/>
    </row>
    <row r="111357" spans="14:14">
      <c r="N111357" s="10"/>
    </row>
    <row r="111358" spans="14:14">
      <c r="N111358" s="10"/>
    </row>
    <row r="111359" spans="14:14">
      <c r="N111359" s="10"/>
    </row>
    <row r="111360" spans="14:14">
      <c r="N111360" s="10"/>
    </row>
    <row r="111361" spans="14:14">
      <c r="N111361" s="10"/>
    </row>
    <row r="111362" spans="14:14">
      <c r="N111362" s="10"/>
    </row>
    <row r="111363" spans="14:14">
      <c r="N111363" s="10"/>
    </row>
    <row r="111364" spans="14:14">
      <c r="N111364" s="10"/>
    </row>
    <row r="111365" spans="14:14">
      <c r="N111365" s="10"/>
    </row>
    <row r="111366" spans="14:14">
      <c r="N111366" s="10"/>
    </row>
    <row r="111367" spans="14:14">
      <c r="N111367" s="10"/>
    </row>
    <row r="111368" spans="14:14">
      <c r="N111368" s="10"/>
    </row>
    <row r="111369" spans="14:14">
      <c r="N111369" s="10"/>
    </row>
    <row r="111370" spans="14:14">
      <c r="N111370" s="10"/>
    </row>
    <row r="111371" spans="14:14">
      <c r="N111371" s="10"/>
    </row>
    <row r="111372" spans="14:14">
      <c r="N111372" s="10"/>
    </row>
    <row r="111373" spans="14:14">
      <c r="N111373" s="10"/>
    </row>
    <row r="111374" spans="14:14">
      <c r="N111374" s="10"/>
    </row>
    <row r="111375" spans="14:14">
      <c r="N111375" s="10"/>
    </row>
    <row r="111376" spans="14:14">
      <c r="N111376" s="10"/>
    </row>
    <row r="111377" spans="14:14">
      <c r="N111377" s="10"/>
    </row>
    <row r="111378" spans="14:14">
      <c r="N111378" s="10"/>
    </row>
    <row r="111379" spans="14:14">
      <c r="N111379" s="10"/>
    </row>
    <row r="111380" spans="14:14">
      <c r="N111380" s="10"/>
    </row>
    <row r="111381" spans="14:14">
      <c r="N111381" s="10"/>
    </row>
    <row r="111382" spans="14:14">
      <c r="N111382" s="10"/>
    </row>
    <row r="111383" spans="14:14">
      <c r="N111383" s="10"/>
    </row>
    <row r="111384" spans="14:14">
      <c r="N111384" s="10"/>
    </row>
    <row r="111385" spans="14:14">
      <c r="N111385" s="10"/>
    </row>
    <row r="111386" spans="14:14">
      <c r="N111386" s="10"/>
    </row>
    <row r="111387" spans="14:14">
      <c r="N111387" s="10"/>
    </row>
    <row r="111388" spans="14:14">
      <c r="N111388" s="10"/>
    </row>
    <row r="111389" spans="14:14">
      <c r="N111389" s="10"/>
    </row>
    <row r="111390" spans="14:14">
      <c r="N111390" s="10"/>
    </row>
    <row r="111391" spans="14:14">
      <c r="N111391" s="10"/>
    </row>
    <row r="111392" spans="14:14">
      <c r="N111392" s="10"/>
    </row>
    <row r="111393" spans="14:14">
      <c r="N111393" s="10"/>
    </row>
    <row r="111394" spans="14:14">
      <c r="N111394" s="10"/>
    </row>
    <row r="111395" spans="14:14">
      <c r="N111395" s="10"/>
    </row>
    <row r="111396" spans="14:14">
      <c r="N111396" s="10"/>
    </row>
    <row r="111397" spans="14:14">
      <c r="N111397" s="10"/>
    </row>
    <row r="111398" spans="14:14">
      <c r="N111398" s="10"/>
    </row>
    <row r="111399" spans="14:14">
      <c r="N111399" s="10"/>
    </row>
    <row r="111400" spans="14:14">
      <c r="N111400" s="10"/>
    </row>
    <row r="111401" spans="14:14">
      <c r="N111401" s="10"/>
    </row>
    <row r="111402" spans="14:14">
      <c r="N111402" s="10"/>
    </row>
    <row r="111403" spans="14:14">
      <c r="N111403" s="10"/>
    </row>
    <row r="111404" spans="14:14">
      <c r="N111404" s="10"/>
    </row>
    <row r="111405" spans="14:14">
      <c r="N111405" s="10"/>
    </row>
    <row r="111406" spans="14:14">
      <c r="N111406" s="10"/>
    </row>
    <row r="111407" spans="14:14">
      <c r="N111407" s="10"/>
    </row>
    <row r="111408" spans="14:14">
      <c r="N111408" s="10"/>
    </row>
    <row r="111409" spans="14:14">
      <c r="N111409" s="10"/>
    </row>
    <row r="111410" spans="14:14">
      <c r="N111410" s="10"/>
    </row>
    <row r="111411" spans="14:14">
      <c r="N111411" s="10"/>
    </row>
    <row r="111412" spans="14:14">
      <c r="N111412" s="10"/>
    </row>
    <row r="111413" spans="14:14">
      <c r="N111413" s="10"/>
    </row>
    <row r="111414" spans="14:14">
      <c r="N111414" s="10"/>
    </row>
    <row r="111415" spans="14:14">
      <c r="N111415" s="10"/>
    </row>
    <row r="111416" spans="14:14">
      <c r="N111416" s="10"/>
    </row>
    <row r="111417" spans="14:14">
      <c r="N111417" s="10"/>
    </row>
    <row r="111418" spans="14:14">
      <c r="N111418" s="10"/>
    </row>
    <row r="111419" spans="14:14">
      <c r="N111419" s="10"/>
    </row>
    <row r="111420" spans="14:14">
      <c r="N111420" s="10"/>
    </row>
    <row r="111421" spans="14:14">
      <c r="N111421" s="10"/>
    </row>
    <row r="111422" spans="14:14">
      <c r="N111422" s="10"/>
    </row>
    <row r="111423" spans="14:14">
      <c r="N111423" s="10"/>
    </row>
    <row r="111424" spans="14:14">
      <c r="N111424" s="10"/>
    </row>
    <row r="111425" spans="14:14">
      <c r="N111425" s="10"/>
    </row>
    <row r="111426" spans="14:14">
      <c r="N111426" s="10"/>
    </row>
    <row r="111427" spans="14:14">
      <c r="N111427" s="10"/>
    </row>
    <row r="111428" spans="14:14">
      <c r="N111428" s="10"/>
    </row>
    <row r="111429" spans="14:14">
      <c r="N111429" s="10"/>
    </row>
    <row r="111430" spans="14:14">
      <c r="N111430" s="10"/>
    </row>
    <row r="111431" spans="14:14">
      <c r="N111431" s="10"/>
    </row>
    <row r="111432" spans="14:14">
      <c r="N111432" s="10"/>
    </row>
    <row r="111433" spans="14:14">
      <c r="N111433" s="10"/>
    </row>
    <row r="111434" spans="14:14">
      <c r="N111434" s="10"/>
    </row>
    <row r="111435" spans="14:14">
      <c r="N111435" s="10"/>
    </row>
    <row r="111436" spans="14:14">
      <c r="N111436" s="10"/>
    </row>
    <row r="111437" spans="14:14">
      <c r="N111437" s="10"/>
    </row>
    <row r="111438" spans="14:14">
      <c r="N111438" s="10"/>
    </row>
    <row r="111439" spans="14:14">
      <c r="N111439" s="10"/>
    </row>
    <row r="111440" spans="14:14">
      <c r="N111440" s="10"/>
    </row>
    <row r="111441" spans="14:14">
      <c r="N111441" s="10"/>
    </row>
    <row r="111442" spans="14:14">
      <c r="N111442" s="10"/>
    </row>
    <row r="111443" spans="14:14">
      <c r="N111443" s="10"/>
    </row>
    <row r="111444" spans="14:14">
      <c r="N111444" s="10"/>
    </row>
    <row r="111445" spans="14:14">
      <c r="N111445" s="10"/>
    </row>
    <row r="111446" spans="14:14">
      <c r="N111446" s="10"/>
    </row>
    <row r="111447" spans="14:14">
      <c r="N111447" s="10"/>
    </row>
    <row r="111448" spans="14:14">
      <c r="N111448" s="10"/>
    </row>
    <row r="111449" spans="14:14">
      <c r="N111449" s="10"/>
    </row>
    <row r="111450" spans="14:14">
      <c r="N111450" s="10"/>
    </row>
    <row r="111451" spans="14:14">
      <c r="N111451" s="10"/>
    </row>
    <row r="111452" spans="14:14">
      <c r="N111452" s="10"/>
    </row>
    <row r="111453" spans="14:14">
      <c r="N111453" s="10"/>
    </row>
    <row r="111454" spans="14:14">
      <c r="N111454" s="10"/>
    </row>
    <row r="111455" spans="14:14">
      <c r="N111455" s="10"/>
    </row>
    <row r="111456" spans="14:14">
      <c r="N111456" s="10"/>
    </row>
    <row r="111457" spans="14:14">
      <c r="N111457" s="10"/>
    </row>
    <row r="111458" spans="14:14">
      <c r="N111458" s="10"/>
    </row>
    <row r="111459" spans="14:14">
      <c r="N111459" s="10"/>
    </row>
    <row r="111460" spans="14:14">
      <c r="N111460" s="10"/>
    </row>
    <row r="111461" spans="14:14">
      <c r="N111461" s="10"/>
    </row>
    <row r="111462" spans="14:14">
      <c r="N111462" s="10"/>
    </row>
    <row r="111463" spans="14:14">
      <c r="N111463" s="10"/>
    </row>
    <row r="111464" spans="14:14">
      <c r="N111464" s="10"/>
    </row>
    <row r="111465" spans="14:14">
      <c r="N111465" s="10"/>
    </row>
    <row r="111466" spans="14:14">
      <c r="N111466" s="10"/>
    </row>
    <row r="111467" spans="14:14">
      <c r="N111467" s="10"/>
    </row>
    <row r="111468" spans="14:14">
      <c r="N111468" s="10"/>
    </row>
    <row r="111469" spans="14:14">
      <c r="N111469" s="10"/>
    </row>
    <row r="111470" spans="14:14">
      <c r="N111470" s="10"/>
    </row>
    <row r="111471" spans="14:14">
      <c r="N111471" s="10"/>
    </row>
    <row r="111472" spans="14:14">
      <c r="N111472" s="10"/>
    </row>
    <row r="111473" spans="14:14">
      <c r="N111473" s="10"/>
    </row>
    <row r="111474" spans="14:14">
      <c r="N111474" s="10"/>
    </row>
    <row r="111475" spans="14:14">
      <c r="N111475" s="10"/>
    </row>
    <row r="111476" spans="14:14">
      <c r="N111476" s="10"/>
    </row>
    <row r="111477" spans="14:14">
      <c r="N111477" s="10"/>
    </row>
    <row r="111478" spans="14:14">
      <c r="N111478" s="10"/>
    </row>
    <row r="111479" spans="14:14">
      <c r="N111479" s="10"/>
    </row>
    <row r="111480" spans="14:14">
      <c r="N111480" s="10"/>
    </row>
    <row r="111481" spans="14:14">
      <c r="N111481" s="10"/>
    </row>
    <row r="111482" spans="14:14">
      <c r="N111482" s="10"/>
    </row>
    <row r="111483" spans="14:14">
      <c r="N111483" s="10"/>
    </row>
    <row r="111484" spans="14:14">
      <c r="N111484" s="10"/>
    </row>
    <row r="111485" spans="14:14">
      <c r="N111485" s="10"/>
    </row>
    <row r="111486" spans="14:14">
      <c r="N111486" s="10"/>
    </row>
    <row r="111487" spans="14:14">
      <c r="N111487" s="10"/>
    </row>
    <row r="111488" spans="14:14">
      <c r="N111488" s="10"/>
    </row>
    <row r="111489" spans="14:14">
      <c r="N111489" s="10"/>
    </row>
    <row r="111490" spans="14:14">
      <c r="N111490" s="10"/>
    </row>
    <row r="111491" spans="14:14">
      <c r="N111491" s="10"/>
    </row>
    <row r="111492" spans="14:14">
      <c r="N111492" s="10"/>
    </row>
    <row r="111493" spans="14:14">
      <c r="N111493" s="10"/>
    </row>
    <row r="111494" spans="14:14">
      <c r="N111494" s="10"/>
    </row>
    <row r="111495" spans="14:14">
      <c r="N111495" s="10"/>
    </row>
    <row r="111496" spans="14:14">
      <c r="N111496" s="10"/>
    </row>
    <row r="111497" spans="14:14">
      <c r="N111497" s="10"/>
    </row>
    <row r="111498" spans="14:14">
      <c r="N111498" s="10"/>
    </row>
    <row r="111499" spans="14:14">
      <c r="N111499" s="10"/>
    </row>
    <row r="111500" spans="14:14">
      <c r="N111500" s="10"/>
    </row>
    <row r="111501" spans="14:14">
      <c r="N111501" s="10"/>
    </row>
    <row r="111502" spans="14:14">
      <c r="N111502" s="10"/>
    </row>
    <row r="111503" spans="14:14">
      <c r="N111503" s="10"/>
    </row>
    <row r="111504" spans="14:14">
      <c r="N111504" s="10"/>
    </row>
    <row r="111505" spans="14:14">
      <c r="N111505" s="10"/>
    </row>
    <row r="111506" spans="14:14">
      <c r="N111506" s="10"/>
    </row>
    <row r="111507" spans="14:14">
      <c r="N111507" s="10"/>
    </row>
    <row r="111508" spans="14:14">
      <c r="N111508" s="10"/>
    </row>
    <row r="111509" spans="14:14">
      <c r="N111509" s="10"/>
    </row>
    <row r="111510" spans="14:14">
      <c r="N111510" s="10"/>
    </row>
    <row r="111511" spans="14:14">
      <c r="N111511" s="10"/>
    </row>
    <row r="111512" spans="14:14">
      <c r="N111512" s="10"/>
    </row>
    <row r="111513" spans="14:14">
      <c r="N111513" s="10"/>
    </row>
    <row r="111514" spans="14:14">
      <c r="N111514" s="10"/>
    </row>
    <row r="111515" spans="14:14">
      <c r="N111515" s="10"/>
    </row>
    <row r="111516" spans="14:14">
      <c r="N111516" s="10"/>
    </row>
    <row r="111517" spans="14:14">
      <c r="N111517" s="10"/>
    </row>
    <row r="111518" spans="14:14">
      <c r="N111518" s="10"/>
    </row>
    <row r="111519" spans="14:14">
      <c r="N111519" s="10"/>
    </row>
    <row r="111520" spans="14:14">
      <c r="N111520" s="10"/>
    </row>
    <row r="111521" spans="14:14">
      <c r="N111521" s="10"/>
    </row>
    <row r="111522" spans="14:14">
      <c r="N111522" s="10"/>
    </row>
    <row r="111523" spans="14:14">
      <c r="N111523" s="10"/>
    </row>
    <row r="111524" spans="14:14">
      <c r="N111524" s="10"/>
    </row>
    <row r="111525" spans="14:14">
      <c r="N111525" s="10"/>
    </row>
    <row r="111526" spans="14:14">
      <c r="N111526" s="10"/>
    </row>
    <row r="111527" spans="14:14">
      <c r="N111527" s="10"/>
    </row>
    <row r="111528" spans="14:14">
      <c r="N111528" s="10"/>
    </row>
    <row r="111529" spans="14:14">
      <c r="N111529" s="10"/>
    </row>
    <row r="111530" spans="14:14">
      <c r="N111530" s="10"/>
    </row>
    <row r="111531" spans="14:14">
      <c r="N111531" s="10"/>
    </row>
    <row r="111532" spans="14:14">
      <c r="N111532" s="10"/>
    </row>
    <row r="111533" spans="14:14">
      <c r="N111533" s="10"/>
    </row>
    <row r="111534" spans="14:14">
      <c r="N111534" s="10"/>
    </row>
    <row r="111535" spans="14:14">
      <c r="N111535" s="10"/>
    </row>
    <row r="111536" spans="14:14">
      <c r="N111536" s="10"/>
    </row>
    <row r="111537" spans="14:14">
      <c r="N111537" s="10"/>
    </row>
    <row r="111538" spans="14:14">
      <c r="N111538" s="10"/>
    </row>
    <row r="111539" spans="14:14">
      <c r="N111539" s="10"/>
    </row>
    <row r="111540" spans="14:14">
      <c r="N111540" s="10"/>
    </row>
    <row r="111541" spans="14:14">
      <c r="N111541" s="10"/>
    </row>
    <row r="111542" spans="14:14">
      <c r="N111542" s="10"/>
    </row>
    <row r="111543" spans="14:14">
      <c r="N111543" s="10"/>
    </row>
    <row r="111544" spans="14:14">
      <c r="N111544" s="10"/>
    </row>
    <row r="111545" spans="14:14">
      <c r="N111545" s="10"/>
    </row>
    <row r="111546" spans="14:14">
      <c r="N111546" s="10"/>
    </row>
    <row r="111547" spans="14:14">
      <c r="N111547" s="10"/>
    </row>
    <row r="111548" spans="14:14">
      <c r="N111548" s="10"/>
    </row>
    <row r="111549" spans="14:14">
      <c r="N111549" s="10"/>
    </row>
    <row r="111550" spans="14:14">
      <c r="N111550" s="10"/>
    </row>
    <row r="111551" spans="14:14">
      <c r="N111551" s="10"/>
    </row>
    <row r="111552" spans="14:14">
      <c r="N111552" s="10"/>
    </row>
    <row r="111553" spans="14:14">
      <c r="N111553" s="10"/>
    </row>
    <row r="111554" spans="14:14">
      <c r="N111554" s="10"/>
    </row>
    <row r="111555" spans="14:14">
      <c r="N111555" s="10"/>
    </row>
    <row r="111556" spans="14:14">
      <c r="N111556" s="10"/>
    </row>
    <row r="111557" spans="14:14">
      <c r="N111557" s="10"/>
    </row>
    <row r="111558" spans="14:14">
      <c r="N111558" s="10"/>
    </row>
    <row r="111559" spans="14:14">
      <c r="N111559" s="10"/>
    </row>
    <row r="111560" spans="14:14">
      <c r="N111560" s="10"/>
    </row>
    <row r="111561" spans="14:14">
      <c r="N111561" s="10"/>
    </row>
    <row r="111562" spans="14:14">
      <c r="N111562" s="10"/>
    </row>
    <row r="111563" spans="14:14">
      <c r="N111563" s="10"/>
    </row>
    <row r="111564" spans="14:14">
      <c r="N111564" s="10"/>
    </row>
    <row r="111565" spans="14:14">
      <c r="N111565" s="10"/>
    </row>
    <row r="111566" spans="14:14">
      <c r="N111566" s="10"/>
    </row>
    <row r="111567" spans="14:14">
      <c r="N111567" s="10"/>
    </row>
    <row r="111568" spans="14:14">
      <c r="N111568" s="10"/>
    </row>
    <row r="111569" spans="14:14">
      <c r="N111569" s="10"/>
    </row>
    <row r="111570" spans="14:14">
      <c r="N111570" s="10"/>
    </row>
    <row r="111571" spans="14:14">
      <c r="N111571" s="10"/>
    </row>
    <row r="111572" spans="14:14">
      <c r="N111572" s="10"/>
    </row>
    <row r="111573" spans="14:14">
      <c r="N111573" s="10"/>
    </row>
    <row r="111574" spans="14:14">
      <c r="N111574" s="10"/>
    </row>
    <row r="111575" spans="14:14">
      <c r="N111575" s="10"/>
    </row>
    <row r="111576" spans="14:14">
      <c r="N111576" s="10"/>
    </row>
    <row r="111577" spans="14:14">
      <c r="N111577" s="10"/>
    </row>
    <row r="111578" spans="14:14">
      <c r="N111578" s="10"/>
    </row>
    <row r="111579" spans="14:14">
      <c r="N111579" s="10"/>
    </row>
    <row r="111580" spans="14:14">
      <c r="N111580" s="10"/>
    </row>
    <row r="111581" spans="14:14">
      <c r="N111581" s="10"/>
    </row>
    <row r="111582" spans="14:14">
      <c r="N111582" s="10"/>
    </row>
    <row r="111583" spans="14:14">
      <c r="N111583" s="10"/>
    </row>
    <row r="111584" spans="14:14">
      <c r="N111584" s="10"/>
    </row>
    <row r="111585" spans="14:14">
      <c r="N111585" s="10"/>
    </row>
    <row r="111586" spans="14:14">
      <c r="N111586" s="10"/>
    </row>
    <row r="111587" spans="14:14">
      <c r="N111587" s="10"/>
    </row>
    <row r="111588" spans="14:14">
      <c r="N111588" s="10"/>
    </row>
    <row r="111589" spans="14:14">
      <c r="N111589" s="10"/>
    </row>
    <row r="111590" spans="14:14">
      <c r="N111590" s="10"/>
    </row>
    <row r="111591" spans="14:14">
      <c r="N111591" s="10"/>
    </row>
    <row r="111592" spans="14:14">
      <c r="N111592" s="10"/>
    </row>
    <row r="111593" spans="14:14">
      <c r="N111593" s="10"/>
    </row>
    <row r="111594" spans="14:14">
      <c r="N111594" s="10"/>
    </row>
    <row r="111595" spans="14:14">
      <c r="N111595" s="10"/>
    </row>
    <row r="111596" spans="14:14">
      <c r="N111596" s="10"/>
    </row>
    <row r="111597" spans="14:14">
      <c r="N111597" s="10"/>
    </row>
    <row r="111598" spans="14:14">
      <c r="N111598" s="10"/>
    </row>
    <row r="111599" spans="14:14">
      <c r="N111599" s="10"/>
    </row>
    <row r="111600" spans="14:14">
      <c r="N111600" s="10"/>
    </row>
    <row r="111601" spans="14:14">
      <c r="N111601" s="10"/>
    </row>
    <row r="111602" spans="14:14">
      <c r="N111602" s="10"/>
    </row>
    <row r="111603" spans="14:14">
      <c r="N111603" s="10"/>
    </row>
    <row r="111604" spans="14:14">
      <c r="N111604" s="10"/>
    </row>
    <row r="111605" spans="14:14">
      <c r="N111605" s="10"/>
    </row>
    <row r="111606" spans="14:14">
      <c r="N111606" s="10"/>
    </row>
    <row r="111607" spans="14:14">
      <c r="N111607" s="10"/>
    </row>
    <row r="111608" spans="14:14">
      <c r="N111608" s="10"/>
    </row>
    <row r="111609" spans="14:14">
      <c r="N111609" s="10"/>
    </row>
    <row r="111610" spans="14:14">
      <c r="N111610" s="10"/>
    </row>
    <row r="111611" spans="14:14">
      <c r="N111611" s="10"/>
    </row>
    <row r="111612" spans="14:14">
      <c r="N111612" s="10"/>
    </row>
    <row r="111613" spans="14:14">
      <c r="N111613" s="10"/>
    </row>
    <row r="111614" spans="14:14">
      <c r="N111614" s="10"/>
    </row>
    <row r="111615" spans="14:14">
      <c r="N111615" s="10"/>
    </row>
    <row r="111616" spans="14:14">
      <c r="N111616" s="10"/>
    </row>
    <row r="111617" spans="14:14">
      <c r="N111617" s="10"/>
    </row>
    <row r="111618" spans="14:14">
      <c r="N111618" s="10"/>
    </row>
    <row r="111619" spans="14:14">
      <c r="N111619" s="10"/>
    </row>
    <row r="111620" spans="14:14">
      <c r="N111620" s="10"/>
    </row>
    <row r="111621" spans="14:14">
      <c r="N111621" s="10"/>
    </row>
    <row r="111622" spans="14:14">
      <c r="N111622" s="10"/>
    </row>
    <row r="111623" spans="14:14">
      <c r="N111623" s="10"/>
    </row>
    <row r="111624" spans="14:14">
      <c r="N111624" s="10"/>
    </row>
    <row r="111625" spans="14:14">
      <c r="N111625" s="10"/>
    </row>
    <row r="111626" spans="14:14">
      <c r="N111626" s="10"/>
    </row>
    <row r="111627" spans="14:14">
      <c r="N111627" s="10"/>
    </row>
    <row r="111628" spans="14:14">
      <c r="N111628" s="10"/>
    </row>
    <row r="111629" spans="14:14">
      <c r="N111629" s="10"/>
    </row>
    <row r="111630" spans="14:14">
      <c r="N111630" s="10"/>
    </row>
    <row r="111631" spans="14:14">
      <c r="N111631" s="10"/>
    </row>
    <row r="111632" spans="14:14">
      <c r="N111632" s="10"/>
    </row>
    <row r="111633" spans="14:14">
      <c r="N111633" s="10"/>
    </row>
    <row r="111634" spans="14:14">
      <c r="N111634" s="10"/>
    </row>
    <row r="111635" spans="14:14">
      <c r="N111635" s="10"/>
    </row>
    <row r="111636" spans="14:14">
      <c r="N111636" s="10"/>
    </row>
    <row r="111637" spans="14:14">
      <c r="N111637" s="10"/>
    </row>
    <row r="111638" spans="14:14">
      <c r="N111638" s="10"/>
    </row>
    <row r="111639" spans="14:14">
      <c r="N111639" s="10"/>
    </row>
    <row r="111640" spans="14:14">
      <c r="N111640" s="10"/>
    </row>
    <row r="111641" spans="14:14">
      <c r="N111641" s="10"/>
    </row>
    <row r="111642" spans="14:14">
      <c r="N111642" s="10"/>
    </row>
    <row r="111643" spans="14:14">
      <c r="N111643" s="10"/>
    </row>
    <row r="111644" spans="14:14">
      <c r="N111644" s="10"/>
    </row>
    <row r="111645" spans="14:14">
      <c r="N111645" s="10"/>
    </row>
    <row r="111646" spans="14:14">
      <c r="N111646" s="10"/>
    </row>
    <row r="111647" spans="14:14">
      <c r="N111647" s="10"/>
    </row>
    <row r="111648" spans="14:14">
      <c r="N111648" s="10"/>
    </row>
    <row r="111649" spans="14:14">
      <c r="N111649" s="10"/>
    </row>
    <row r="111650" spans="14:14">
      <c r="N111650" s="10"/>
    </row>
    <row r="111651" spans="14:14">
      <c r="N111651" s="10"/>
    </row>
    <row r="111652" spans="14:14">
      <c r="N111652" s="10"/>
    </row>
    <row r="111653" spans="14:14">
      <c r="N111653" s="10"/>
    </row>
    <row r="111654" spans="14:14">
      <c r="N111654" s="10"/>
    </row>
    <row r="111655" spans="14:14">
      <c r="N111655" s="10"/>
    </row>
    <row r="111656" spans="14:14">
      <c r="N111656" s="10"/>
    </row>
    <row r="111657" spans="14:14">
      <c r="N111657" s="10"/>
    </row>
    <row r="111658" spans="14:14">
      <c r="N111658" s="10"/>
    </row>
    <row r="111659" spans="14:14">
      <c r="N111659" s="10"/>
    </row>
    <row r="111660" spans="14:14">
      <c r="N111660" s="10"/>
    </row>
    <row r="111661" spans="14:14">
      <c r="N111661" s="10"/>
    </row>
    <row r="111662" spans="14:14">
      <c r="N111662" s="10"/>
    </row>
    <row r="111663" spans="14:14">
      <c r="N111663" s="10"/>
    </row>
    <row r="111664" spans="14:14">
      <c r="N111664" s="10"/>
    </row>
    <row r="111665" spans="14:14">
      <c r="N111665" s="10"/>
    </row>
    <row r="111666" spans="14:14">
      <c r="N111666" s="10"/>
    </row>
    <row r="111667" spans="14:14">
      <c r="N111667" s="10"/>
    </row>
    <row r="111668" spans="14:14">
      <c r="N111668" s="10"/>
    </row>
    <row r="111669" spans="14:14">
      <c r="N111669" s="10"/>
    </row>
    <row r="111670" spans="14:14">
      <c r="N111670" s="10"/>
    </row>
    <row r="111671" spans="14:14">
      <c r="N111671" s="10"/>
    </row>
    <row r="111672" spans="14:14">
      <c r="N111672" s="10"/>
    </row>
    <row r="111673" spans="14:14">
      <c r="N111673" s="10"/>
    </row>
    <row r="111674" spans="14:14">
      <c r="N111674" s="10"/>
    </row>
    <row r="111675" spans="14:14">
      <c r="N111675" s="10"/>
    </row>
    <row r="111676" spans="14:14">
      <c r="N111676" s="10"/>
    </row>
    <row r="111677" spans="14:14">
      <c r="N111677" s="10"/>
    </row>
    <row r="111678" spans="14:14">
      <c r="N111678" s="10"/>
    </row>
    <row r="111679" spans="14:14">
      <c r="N111679" s="10"/>
    </row>
    <row r="111680" spans="14:14">
      <c r="N111680" s="10"/>
    </row>
    <row r="111681" spans="14:14">
      <c r="N111681" s="10"/>
    </row>
    <row r="111682" spans="14:14">
      <c r="N111682" s="10"/>
    </row>
    <row r="111683" spans="14:14">
      <c r="N111683" s="10"/>
    </row>
    <row r="111684" spans="14:14">
      <c r="N111684" s="10"/>
    </row>
    <row r="111685" spans="14:14">
      <c r="N111685" s="10"/>
    </row>
    <row r="111686" spans="14:14">
      <c r="N111686" s="10"/>
    </row>
    <row r="111687" spans="14:14">
      <c r="N111687" s="10"/>
    </row>
    <row r="111688" spans="14:14">
      <c r="N111688" s="10"/>
    </row>
    <row r="111689" spans="14:14">
      <c r="N111689" s="10"/>
    </row>
    <row r="111690" spans="14:14">
      <c r="N111690" s="10"/>
    </row>
    <row r="111691" spans="14:14">
      <c r="N111691" s="10"/>
    </row>
    <row r="111692" spans="14:14">
      <c r="N111692" s="10"/>
    </row>
    <row r="111693" spans="14:14">
      <c r="N111693" s="10"/>
    </row>
    <row r="111694" spans="14:14">
      <c r="N111694" s="10"/>
    </row>
    <row r="111695" spans="14:14">
      <c r="N111695" s="10"/>
    </row>
    <row r="111696" spans="14:14">
      <c r="N111696" s="10"/>
    </row>
    <row r="111697" spans="14:14">
      <c r="N111697" s="10"/>
    </row>
    <row r="111698" spans="14:14">
      <c r="N111698" s="10"/>
    </row>
    <row r="111699" spans="14:14">
      <c r="N111699" s="10"/>
    </row>
    <row r="111700" spans="14:14">
      <c r="N111700" s="10"/>
    </row>
    <row r="111701" spans="14:14">
      <c r="N111701" s="10"/>
    </row>
    <row r="111702" spans="14:14">
      <c r="N111702" s="10"/>
    </row>
    <row r="111703" spans="14:14">
      <c r="N111703" s="10"/>
    </row>
    <row r="111704" spans="14:14">
      <c r="N111704" s="10"/>
    </row>
    <row r="111705" spans="14:14">
      <c r="N111705" s="10"/>
    </row>
    <row r="111706" spans="14:14">
      <c r="N111706" s="10"/>
    </row>
    <row r="111707" spans="14:14">
      <c r="N111707" s="10"/>
    </row>
    <row r="111708" spans="14:14">
      <c r="N111708" s="10"/>
    </row>
    <row r="111709" spans="14:14">
      <c r="N111709" s="10"/>
    </row>
    <row r="111710" spans="14:14">
      <c r="N111710" s="10"/>
    </row>
    <row r="111711" spans="14:14">
      <c r="N111711" s="10"/>
    </row>
    <row r="111712" spans="14:14">
      <c r="N111712" s="10"/>
    </row>
    <row r="111713" spans="14:14">
      <c r="N111713" s="10"/>
    </row>
    <row r="111714" spans="14:14">
      <c r="N111714" s="10"/>
    </row>
    <row r="111715" spans="14:14">
      <c r="N111715" s="10"/>
    </row>
    <row r="111716" spans="14:14">
      <c r="N111716" s="10"/>
    </row>
    <row r="111717" spans="14:14">
      <c r="N111717" s="10"/>
    </row>
    <row r="111718" spans="14:14">
      <c r="N111718" s="10"/>
    </row>
    <row r="111719" spans="14:14">
      <c r="N111719" s="10"/>
    </row>
    <row r="111720" spans="14:14">
      <c r="N111720" s="10"/>
    </row>
    <row r="111721" spans="14:14">
      <c r="N111721" s="10"/>
    </row>
    <row r="111722" spans="14:14">
      <c r="N111722" s="10"/>
    </row>
    <row r="111723" spans="14:14">
      <c r="N111723" s="10"/>
    </row>
    <row r="111724" spans="14:14">
      <c r="N111724" s="10"/>
    </row>
    <row r="111725" spans="14:14">
      <c r="N111725" s="10"/>
    </row>
    <row r="111726" spans="14:14">
      <c r="N111726" s="10"/>
    </row>
    <row r="111727" spans="14:14">
      <c r="N111727" s="10"/>
    </row>
    <row r="111728" spans="14:14">
      <c r="N111728" s="10"/>
    </row>
    <row r="111729" spans="14:14">
      <c r="N111729" s="10"/>
    </row>
    <row r="111730" spans="14:14">
      <c r="N111730" s="10"/>
    </row>
    <row r="111731" spans="14:14">
      <c r="N111731" s="10"/>
    </row>
    <row r="111732" spans="14:14">
      <c r="N111732" s="10"/>
    </row>
    <row r="111733" spans="14:14">
      <c r="N111733" s="10"/>
    </row>
    <row r="111734" spans="14:14">
      <c r="N111734" s="10"/>
    </row>
    <row r="111735" spans="14:14">
      <c r="N111735" s="10"/>
    </row>
    <row r="111736" spans="14:14">
      <c r="N111736" s="10"/>
    </row>
    <row r="111737" spans="14:14">
      <c r="N111737" s="10"/>
    </row>
    <row r="111738" spans="14:14">
      <c r="N111738" s="10"/>
    </row>
    <row r="111739" spans="14:14">
      <c r="N111739" s="10"/>
    </row>
    <row r="111740" spans="14:14">
      <c r="N111740" s="10"/>
    </row>
    <row r="111741" spans="14:14">
      <c r="N111741" s="10"/>
    </row>
    <row r="111742" spans="14:14">
      <c r="N111742" s="10"/>
    </row>
    <row r="111743" spans="14:14">
      <c r="N111743" s="10"/>
    </row>
    <row r="111744" spans="14:14">
      <c r="N111744" s="10"/>
    </row>
    <row r="111745" spans="14:14">
      <c r="N111745" s="10"/>
    </row>
    <row r="111746" spans="14:14">
      <c r="N111746" s="10"/>
    </row>
    <row r="111747" spans="14:14">
      <c r="N111747" s="10"/>
    </row>
    <row r="111748" spans="14:14">
      <c r="N111748" s="10"/>
    </row>
    <row r="111749" spans="14:14">
      <c r="N111749" s="10"/>
    </row>
    <row r="111750" spans="14:14">
      <c r="N111750" s="10"/>
    </row>
    <row r="111751" spans="14:14">
      <c r="N111751" s="10"/>
    </row>
    <row r="111752" spans="14:14">
      <c r="N111752" s="10"/>
    </row>
    <row r="111753" spans="14:14">
      <c r="N111753" s="10"/>
    </row>
    <row r="111754" spans="14:14">
      <c r="N111754" s="10"/>
    </row>
    <row r="111755" spans="14:14">
      <c r="N111755" s="10"/>
    </row>
    <row r="111756" spans="14:14">
      <c r="N111756" s="10"/>
    </row>
    <row r="111757" spans="14:14">
      <c r="N111757" s="10"/>
    </row>
    <row r="111758" spans="14:14">
      <c r="N111758" s="10"/>
    </row>
    <row r="111759" spans="14:14">
      <c r="N111759" s="10"/>
    </row>
    <row r="111760" spans="14:14">
      <c r="N111760" s="10"/>
    </row>
    <row r="111761" spans="14:14">
      <c r="N111761" s="10"/>
    </row>
    <row r="111762" spans="14:14">
      <c r="N111762" s="10"/>
    </row>
    <row r="111763" spans="14:14">
      <c r="N111763" s="10"/>
    </row>
    <row r="111764" spans="14:14">
      <c r="N111764" s="10"/>
    </row>
    <row r="111765" spans="14:14">
      <c r="N111765" s="10"/>
    </row>
    <row r="111766" spans="14:14">
      <c r="N111766" s="10"/>
    </row>
    <row r="111767" spans="14:14">
      <c r="N111767" s="10"/>
    </row>
    <row r="111768" spans="14:14">
      <c r="N111768" s="10"/>
    </row>
    <row r="111769" spans="14:14">
      <c r="N111769" s="10"/>
    </row>
    <row r="111770" spans="14:14">
      <c r="N111770" s="10"/>
    </row>
    <row r="111771" spans="14:14">
      <c r="N111771" s="10"/>
    </row>
    <row r="111772" spans="14:14">
      <c r="N111772" s="10"/>
    </row>
    <row r="111773" spans="14:14">
      <c r="N111773" s="10"/>
    </row>
    <row r="111774" spans="14:14">
      <c r="N111774" s="10"/>
    </row>
    <row r="111775" spans="14:14">
      <c r="N111775" s="10"/>
    </row>
    <row r="111776" spans="14:14">
      <c r="N111776" s="10"/>
    </row>
    <row r="111777" spans="14:14">
      <c r="N111777" s="10"/>
    </row>
    <row r="111778" spans="14:14">
      <c r="N111778" s="10"/>
    </row>
    <row r="111779" spans="14:14">
      <c r="N111779" s="10"/>
    </row>
    <row r="111780" spans="14:14">
      <c r="N111780" s="10"/>
    </row>
    <row r="111781" spans="14:14">
      <c r="N111781" s="10"/>
    </row>
    <row r="111782" spans="14:14">
      <c r="N111782" s="10"/>
    </row>
    <row r="111783" spans="14:14">
      <c r="N111783" s="10"/>
    </row>
    <row r="111784" spans="14:14">
      <c r="N111784" s="10"/>
    </row>
    <row r="111785" spans="14:14">
      <c r="N111785" s="10"/>
    </row>
    <row r="111786" spans="14:14">
      <c r="N111786" s="10"/>
    </row>
    <row r="111787" spans="14:14">
      <c r="N111787" s="10"/>
    </row>
    <row r="111788" spans="14:14">
      <c r="N111788" s="10"/>
    </row>
    <row r="111789" spans="14:14">
      <c r="N111789" s="10"/>
    </row>
    <row r="111790" spans="14:14">
      <c r="N111790" s="10"/>
    </row>
    <row r="111791" spans="14:14">
      <c r="N111791" s="10"/>
    </row>
    <row r="111792" spans="14:14">
      <c r="N111792" s="10"/>
    </row>
    <row r="111793" spans="14:14">
      <c r="N111793" s="10"/>
    </row>
    <row r="111794" spans="14:14">
      <c r="N111794" s="10"/>
    </row>
    <row r="111795" spans="14:14">
      <c r="N111795" s="10"/>
    </row>
    <row r="111796" spans="14:14">
      <c r="N111796" s="10"/>
    </row>
    <row r="111797" spans="14:14">
      <c r="N111797" s="10"/>
    </row>
    <row r="111798" spans="14:14">
      <c r="N111798" s="10"/>
    </row>
    <row r="111799" spans="14:14">
      <c r="N111799" s="10"/>
    </row>
    <row r="111800" spans="14:14">
      <c r="N111800" s="10"/>
    </row>
    <row r="111801" spans="14:14">
      <c r="N111801" s="10"/>
    </row>
    <row r="111802" spans="14:14">
      <c r="N111802" s="10"/>
    </row>
    <row r="111803" spans="14:14">
      <c r="N111803" s="10"/>
    </row>
    <row r="111804" spans="14:14">
      <c r="N111804" s="10"/>
    </row>
    <row r="111805" spans="14:14">
      <c r="N111805" s="10"/>
    </row>
    <row r="111806" spans="14:14">
      <c r="N111806" s="10"/>
    </row>
    <row r="111807" spans="14:14">
      <c r="N111807" s="10"/>
    </row>
    <row r="111808" spans="14:14">
      <c r="N111808" s="10"/>
    </row>
    <row r="111809" spans="14:14">
      <c r="N111809" s="10"/>
    </row>
    <row r="111810" spans="14:14">
      <c r="N111810" s="10"/>
    </row>
    <row r="111811" spans="14:14">
      <c r="N111811" s="10"/>
    </row>
    <row r="111812" spans="14:14">
      <c r="N111812" s="10"/>
    </row>
    <row r="111813" spans="14:14">
      <c r="N111813" s="10"/>
    </row>
    <row r="111814" spans="14:14">
      <c r="N111814" s="10"/>
    </row>
    <row r="111815" spans="14:14">
      <c r="N111815" s="10"/>
    </row>
    <row r="111816" spans="14:14">
      <c r="N111816" s="10"/>
    </row>
    <row r="111817" spans="14:14">
      <c r="N111817" s="10"/>
    </row>
    <row r="111818" spans="14:14">
      <c r="N111818" s="10"/>
    </row>
    <row r="111819" spans="14:14">
      <c r="N111819" s="10"/>
    </row>
    <row r="111820" spans="14:14">
      <c r="N111820" s="10"/>
    </row>
    <row r="111821" spans="14:14">
      <c r="N111821" s="10"/>
    </row>
    <row r="111822" spans="14:14">
      <c r="N111822" s="10"/>
    </row>
    <row r="111823" spans="14:14">
      <c r="N111823" s="10"/>
    </row>
    <row r="111824" spans="14:14">
      <c r="N111824" s="10"/>
    </row>
    <row r="111825" spans="14:14">
      <c r="N111825" s="10"/>
    </row>
    <row r="111826" spans="14:14">
      <c r="N111826" s="10"/>
    </row>
    <row r="111827" spans="14:14">
      <c r="N111827" s="10"/>
    </row>
    <row r="111828" spans="14:14">
      <c r="N111828" s="10"/>
    </row>
    <row r="111829" spans="14:14">
      <c r="N111829" s="10"/>
    </row>
    <row r="111830" spans="14:14">
      <c r="N111830" s="10"/>
    </row>
    <row r="111831" spans="14:14">
      <c r="N111831" s="10"/>
    </row>
    <row r="111832" spans="14:14">
      <c r="N111832" s="10"/>
    </row>
    <row r="111833" spans="14:14">
      <c r="N111833" s="10"/>
    </row>
    <row r="111834" spans="14:14">
      <c r="N111834" s="10"/>
    </row>
    <row r="111835" spans="14:14">
      <c r="N111835" s="10"/>
    </row>
    <row r="111836" spans="14:14">
      <c r="N111836" s="10"/>
    </row>
    <row r="111837" spans="14:14">
      <c r="N111837" s="10"/>
    </row>
    <row r="111838" spans="14:14">
      <c r="N111838" s="10"/>
    </row>
    <row r="111839" spans="14:14">
      <c r="N111839" s="10"/>
    </row>
    <row r="111840" spans="14:14">
      <c r="N111840" s="10"/>
    </row>
    <row r="111841" spans="14:14">
      <c r="N111841" s="10"/>
    </row>
    <row r="111842" spans="14:14">
      <c r="N111842" s="10"/>
    </row>
    <row r="111843" spans="14:14">
      <c r="N111843" s="10"/>
    </row>
    <row r="111844" spans="14:14">
      <c r="N111844" s="10"/>
    </row>
    <row r="111845" spans="14:14">
      <c r="N111845" s="10"/>
    </row>
    <row r="111846" spans="14:14">
      <c r="N111846" s="10"/>
    </row>
    <row r="111847" spans="14:14">
      <c r="N111847" s="10"/>
    </row>
    <row r="111848" spans="14:14">
      <c r="N111848" s="10"/>
    </row>
    <row r="111849" spans="14:14">
      <c r="N111849" s="10"/>
    </row>
    <row r="111850" spans="14:14">
      <c r="N111850" s="10"/>
    </row>
    <row r="111851" spans="14:14">
      <c r="N111851" s="10"/>
    </row>
    <row r="111852" spans="14:14">
      <c r="N111852" s="10"/>
    </row>
    <row r="111853" spans="14:14">
      <c r="N111853" s="10"/>
    </row>
    <row r="111854" spans="14:14">
      <c r="N111854" s="10"/>
    </row>
    <row r="111855" spans="14:14">
      <c r="N111855" s="10"/>
    </row>
    <row r="111856" spans="14:14">
      <c r="N111856" s="10"/>
    </row>
    <row r="111857" spans="14:14">
      <c r="N111857" s="10"/>
    </row>
    <row r="111858" spans="14:14">
      <c r="N111858" s="10"/>
    </row>
    <row r="111859" spans="14:14">
      <c r="N111859" s="10"/>
    </row>
    <row r="111860" spans="14:14">
      <c r="N111860" s="10"/>
    </row>
    <row r="111861" spans="14:14">
      <c r="N111861" s="10"/>
    </row>
    <row r="111862" spans="14:14">
      <c r="N111862" s="10"/>
    </row>
    <row r="111863" spans="14:14">
      <c r="N111863" s="10"/>
    </row>
    <row r="111864" spans="14:14">
      <c r="N111864" s="10"/>
    </row>
    <row r="111865" spans="14:14">
      <c r="N111865" s="10"/>
    </row>
    <row r="111866" spans="14:14">
      <c r="N111866" s="10"/>
    </row>
    <row r="111867" spans="14:14">
      <c r="N111867" s="10"/>
    </row>
    <row r="111868" spans="14:14">
      <c r="N111868" s="10"/>
    </row>
    <row r="111869" spans="14:14">
      <c r="N111869" s="10"/>
    </row>
    <row r="111870" spans="14:14">
      <c r="N111870" s="10"/>
    </row>
    <row r="111871" spans="14:14">
      <c r="N111871" s="10"/>
    </row>
    <row r="111872" spans="14:14">
      <c r="N111872" s="10"/>
    </row>
    <row r="111873" spans="14:14">
      <c r="N111873" s="10"/>
    </row>
    <row r="111874" spans="14:14">
      <c r="N111874" s="10"/>
    </row>
    <row r="111875" spans="14:14">
      <c r="N111875" s="10"/>
    </row>
    <row r="111876" spans="14:14">
      <c r="N111876" s="10"/>
    </row>
    <row r="111877" spans="14:14">
      <c r="N111877" s="10"/>
    </row>
    <row r="111878" spans="14:14">
      <c r="N111878" s="10"/>
    </row>
    <row r="111879" spans="14:14">
      <c r="N111879" s="10"/>
    </row>
    <row r="111880" spans="14:14">
      <c r="N111880" s="10"/>
    </row>
    <row r="111881" spans="14:14">
      <c r="N111881" s="10"/>
    </row>
    <row r="111882" spans="14:14">
      <c r="N111882" s="10"/>
    </row>
    <row r="111883" spans="14:14">
      <c r="N111883" s="10"/>
    </row>
    <row r="111884" spans="14:14">
      <c r="N111884" s="10"/>
    </row>
    <row r="111885" spans="14:14">
      <c r="N111885" s="10"/>
    </row>
    <row r="111886" spans="14:14">
      <c r="N111886" s="10"/>
    </row>
    <row r="111887" spans="14:14">
      <c r="N111887" s="10"/>
    </row>
    <row r="111888" spans="14:14">
      <c r="N111888" s="10"/>
    </row>
    <row r="111889" spans="14:14">
      <c r="N111889" s="10"/>
    </row>
    <row r="111890" spans="14:14">
      <c r="N111890" s="10"/>
    </row>
    <row r="111891" spans="14:14">
      <c r="N111891" s="10"/>
    </row>
    <row r="111892" spans="14:14">
      <c r="N111892" s="10"/>
    </row>
    <row r="111893" spans="14:14">
      <c r="N111893" s="10"/>
    </row>
    <row r="111894" spans="14:14">
      <c r="N111894" s="10"/>
    </row>
    <row r="111895" spans="14:14">
      <c r="N111895" s="10"/>
    </row>
    <row r="111896" spans="14:14">
      <c r="N111896" s="10"/>
    </row>
    <row r="111897" spans="14:14">
      <c r="N111897" s="10"/>
    </row>
    <row r="111898" spans="14:14">
      <c r="N111898" s="10"/>
    </row>
    <row r="111899" spans="14:14">
      <c r="N111899" s="10"/>
    </row>
    <row r="111900" spans="14:14">
      <c r="N111900" s="10"/>
    </row>
    <row r="111901" spans="14:14">
      <c r="N111901" s="10"/>
    </row>
    <row r="111902" spans="14:14">
      <c r="N111902" s="10"/>
    </row>
    <row r="111903" spans="14:14">
      <c r="N111903" s="10"/>
    </row>
    <row r="111904" spans="14:14">
      <c r="N111904" s="10"/>
    </row>
    <row r="111905" spans="14:14">
      <c r="N111905" s="10"/>
    </row>
    <row r="111906" spans="14:14">
      <c r="N111906" s="10"/>
    </row>
    <row r="111907" spans="14:14">
      <c r="N111907" s="10"/>
    </row>
    <row r="111908" spans="14:14">
      <c r="N111908" s="10"/>
    </row>
    <row r="111909" spans="14:14">
      <c r="N111909" s="10"/>
    </row>
    <row r="111910" spans="14:14">
      <c r="N111910" s="10"/>
    </row>
    <row r="111911" spans="14:14">
      <c r="N111911" s="10"/>
    </row>
    <row r="111912" spans="14:14">
      <c r="N111912" s="10"/>
    </row>
    <row r="111913" spans="14:14">
      <c r="N111913" s="10"/>
    </row>
    <row r="111914" spans="14:14">
      <c r="N111914" s="10"/>
    </row>
    <row r="111915" spans="14:14">
      <c r="N111915" s="10"/>
    </row>
    <row r="111916" spans="14:14">
      <c r="N111916" s="10"/>
    </row>
    <row r="111917" spans="14:14">
      <c r="N111917" s="10"/>
    </row>
    <row r="111918" spans="14:14">
      <c r="N111918" s="10"/>
    </row>
    <row r="111919" spans="14:14">
      <c r="N111919" s="10"/>
    </row>
    <row r="111920" spans="14:14">
      <c r="N111920" s="10"/>
    </row>
    <row r="111921" spans="14:14">
      <c r="N111921" s="10"/>
    </row>
    <row r="111922" spans="14:14">
      <c r="N111922" s="10"/>
    </row>
    <row r="111923" spans="14:14">
      <c r="N111923" s="10"/>
    </row>
    <row r="111924" spans="14:14">
      <c r="N111924" s="10"/>
    </row>
    <row r="111925" spans="14:14">
      <c r="N111925" s="10"/>
    </row>
    <row r="111926" spans="14:14">
      <c r="N111926" s="10"/>
    </row>
    <row r="111927" spans="14:14">
      <c r="N111927" s="10"/>
    </row>
    <row r="111928" spans="14:14">
      <c r="N111928" s="10"/>
    </row>
    <row r="111929" spans="14:14">
      <c r="N111929" s="10"/>
    </row>
    <row r="111930" spans="14:14">
      <c r="N111930" s="10"/>
    </row>
    <row r="111931" spans="14:14">
      <c r="N111931" s="10"/>
    </row>
    <row r="111932" spans="14:14">
      <c r="N111932" s="10"/>
    </row>
    <row r="111933" spans="14:14">
      <c r="N111933" s="10"/>
    </row>
    <row r="111934" spans="14:14">
      <c r="N111934" s="10"/>
    </row>
    <row r="111935" spans="14:14">
      <c r="N111935" s="10"/>
    </row>
    <row r="111936" spans="14:14">
      <c r="N111936" s="10"/>
    </row>
    <row r="111937" spans="14:14">
      <c r="N111937" s="10"/>
    </row>
    <row r="111938" spans="14:14">
      <c r="N111938" s="10"/>
    </row>
    <row r="111939" spans="14:14">
      <c r="N111939" s="10"/>
    </row>
    <row r="111940" spans="14:14">
      <c r="N111940" s="10"/>
    </row>
    <row r="111941" spans="14:14">
      <c r="N111941" s="10"/>
    </row>
    <row r="111942" spans="14:14">
      <c r="N111942" s="10"/>
    </row>
    <row r="111943" spans="14:14">
      <c r="N111943" s="10"/>
    </row>
    <row r="111944" spans="14:14">
      <c r="N111944" s="10"/>
    </row>
    <row r="111945" spans="14:14">
      <c r="N111945" s="10"/>
    </row>
    <row r="111946" spans="14:14">
      <c r="N111946" s="10"/>
    </row>
    <row r="111947" spans="14:14">
      <c r="N111947" s="10"/>
    </row>
    <row r="111948" spans="14:14">
      <c r="N111948" s="10"/>
    </row>
    <row r="111949" spans="14:14">
      <c r="N111949" s="10"/>
    </row>
    <row r="111950" spans="14:14">
      <c r="N111950" s="10"/>
    </row>
    <row r="111951" spans="14:14">
      <c r="N111951" s="10"/>
    </row>
    <row r="111952" spans="14:14">
      <c r="N111952" s="10"/>
    </row>
    <row r="111953" spans="14:14">
      <c r="N111953" s="10"/>
    </row>
    <row r="111954" spans="14:14">
      <c r="N111954" s="10"/>
    </row>
    <row r="111955" spans="14:14">
      <c r="N111955" s="10"/>
    </row>
    <row r="111956" spans="14:14">
      <c r="N111956" s="10"/>
    </row>
    <row r="111957" spans="14:14">
      <c r="N111957" s="10"/>
    </row>
    <row r="111958" spans="14:14">
      <c r="N111958" s="10"/>
    </row>
    <row r="111959" spans="14:14">
      <c r="N111959" s="10"/>
    </row>
    <row r="111960" spans="14:14">
      <c r="N111960" s="10"/>
    </row>
    <row r="111961" spans="14:14">
      <c r="N111961" s="10"/>
    </row>
    <row r="111962" spans="14:14">
      <c r="N111962" s="10"/>
    </row>
    <row r="111963" spans="14:14">
      <c r="N111963" s="10"/>
    </row>
    <row r="111964" spans="14:14">
      <c r="N111964" s="10"/>
    </row>
    <row r="111965" spans="14:14">
      <c r="N111965" s="10"/>
    </row>
    <row r="111966" spans="14:14">
      <c r="N111966" s="10"/>
    </row>
    <row r="111967" spans="14:14">
      <c r="N111967" s="10"/>
    </row>
    <row r="111968" spans="14:14">
      <c r="N111968" s="10"/>
    </row>
    <row r="111969" spans="14:14">
      <c r="N111969" s="10"/>
    </row>
    <row r="111970" spans="14:14">
      <c r="N111970" s="10"/>
    </row>
    <row r="111971" spans="14:14">
      <c r="N111971" s="10"/>
    </row>
    <row r="111972" spans="14:14">
      <c r="N111972" s="10"/>
    </row>
    <row r="111973" spans="14:14">
      <c r="N111973" s="10"/>
    </row>
    <row r="111974" spans="14:14">
      <c r="N111974" s="10"/>
    </row>
    <row r="111975" spans="14:14">
      <c r="N111975" s="10"/>
    </row>
    <row r="111976" spans="14:14">
      <c r="N111976" s="10"/>
    </row>
    <row r="111977" spans="14:14">
      <c r="N111977" s="10"/>
    </row>
    <row r="111978" spans="14:14">
      <c r="N111978" s="10"/>
    </row>
    <row r="111979" spans="14:14">
      <c r="N111979" s="10"/>
    </row>
    <row r="111980" spans="14:14">
      <c r="N111980" s="10"/>
    </row>
    <row r="111981" spans="14:14">
      <c r="N111981" s="10"/>
    </row>
    <row r="111982" spans="14:14">
      <c r="N111982" s="10"/>
    </row>
    <row r="111983" spans="14:14">
      <c r="N111983" s="10"/>
    </row>
    <row r="111984" spans="14:14">
      <c r="N111984" s="10"/>
    </row>
    <row r="111985" spans="14:14">
      <c r="N111985" s="10"/>
    </row>
    <row r="111986" spans="14:14">
      <c r="N111986" s="10"/>
    </row>
    <row r="111987" spans="14:14">
      <c r="N111987" s="10"/>
    </row>
    <row r="111988" spans="14:14">
      <c r="N111988" s="10"/>
    </row>
    <row r="111989" spans="14:14">
      <c r="N111989" s="10"/>
    </row>
    <row r="111990" spans="14:14">
      <c r="N111990" s="10"/>
    </row>
    <row r="111991" spans="14:14">
      <c r="N111991" s="10"/>
    </row>
    <row r="111992" spans="14:14">
      <c r="N111992" s="10"/>
    </row>
    <row r="111993" spans="14:14">
      <c r="N111993" s="10"/>
    </row>
    <row r="111994" spans="14:14">
      <c r="N111994" s="10"/>
    </row>
    <row r="111995" spans="14:14">
      <c r="N111995" s="10"/>
    </row>
    <row r="111996" spans="14:14">
      <c r="N111996" s="10"/>
    </row>
    <row r="111997" spans="14:14">
      <c r="N111997" s="10"/>
    </row>
    <row r="111998" spans="14:14">
      <c r="N111998" s="10"/>
    </row>
    <row r="111999" spans="14:14">
      <c r="N111999" s="10"/>
    </row>
    <row r="112000" spans="14:14">
      <c r="N112000" s="10"/>
    </row>
    <row r="112001" spans="14:14">
      <c r="N112001" s="10"/>
    </row>
    <row r="112002" spans="14:14">
      <c r="N112002" s="10"/>
    </row>
    <row r="112003" spans="14:14">
      <c r="N112003" s="10"/>
    </row>
    <row r="112004" spans="14:14">
      <c r="N112004" s="10"/>
    </row>
    <row r="112005" spans="14:14">
      <c r="N112005" s="10"/>
    </row>
    <row r="112006" spans="14:14">
      <c r="N112006" s="10"/>
    </row>
    <row r="112007" spans="14:14">
      <c r="N112007" s="10"/>
    </row>
    <row r="112008" spans="14:14">
      <c r="N112008" s="10"/>
    </row>
    <row r="112009" spans="14:14">
      <c r="N112009" s="10"/>
    </row>
    <row r="112010" spans="14:14">
      <c r="N112010" s="10"/>
    </row>
    <row r="112011" spans="14:14">
      <c r="N112011" s="10"/>
    </row>
    <row r="112012" spans="14:14">
      <c r="N112012" s="10"/>
    </row>
    <row r="112013" spans="14:14">
      <c r="N112013" s="10"/>
    </row>
    <row r="112014" spans="14:14">
      <c r="N112014" s="10"/>
    </row>
    <row r="112015" spans="14:14">
      <c r="N112015" s="10"/>
    </row>
    <row r="112016" spans="14:14">
      <c r="N112016" s="10"/>
    </row>
    <row r="112017" spans="14:14">
      <c r="N112017" s="10"/>
    </row>
    <row r="112018" spans="14:14">
      <c r="N112018" s="10"/>
    </row>
    <row r="112019" spans="14:14">
      <c r="N112019" s="10"/>
    </row>
    <row r="112020" spans="14:14">
      <c r="N112020" s="10"/>
    </row>
    <row r="112021" spans="14:14">
      <c r="N112021" s="10"/>
    </row>
    <row r="112022" spans="14:14">
      <c r="N112022" s="10"/>
    </row>
    <row r="112023" spans="14:14">
      <c r="N112023" s="10"/>
    </row>
    <row r="112024" spans="14:14">
      <c r="N112024" s="10"/>
    </row>
    <row r="112025" spans="14:14">
      <c r="N112025" s="10"/>
    </row>
    <row r="112026" spans="14:14">
      <c r="N112026" s="10"/>
    </row>
    <row r="112027" spans="14:14">
      <c r="N112027" s="10"/>
    </row>
    <row r="112028" spans="14:14">
      <c r="N112028" s="10"/>
    </row>
    <row r="112029" spans="14:14">
      <c r="N112029" s="10"/>
    </row>
    <row r="112030" spans="14:14">
      <c r="N112030" s="10"/>
    </row>
    <row r="112031" spans="14:14">
      <c r="N112031" s="10"/>
    </row>
    <row r="112032" spans="14:14">
      <c r="N112032" s="10"/>
    </row>
    <row r="112033" spans="14:14">
      <c r="N112033" s="10"/>
    </row>
    <row r="112034" spans="14:14">
      <c r="N112034" s="10"/>
    </row>
    <row r="112035" spans="14:14">
      <c r="N112035" s="10"/>
    </row>
    <row r="112036" spans="14:14">
      <c r="N112036" s="10"/>
    </row>
    <row r="112037" spans="14:14">
      <c r="N112037" s="10"/>
    </row>
    <row r="112038" spans="14:14">
      <c r="N112038" s="10"/>
    </row>
    <row r="112039" spans="14:14">
      <c r="N112039" s="10"/>
    </row>
    <row r="112040" spans="14:14">
      <c r="N112040" s="10"/>
    </row>
    <row r="112041" spans="14:14">
      <c r="N112041" s="10"/>
    </row>
    <row r="112042" spans="14:14">
      <c r="N112042" s="10"/>
    </row>
    <row r="112043" spans="14:14">
      <c r="N112043" s="10"/>
    </row>
    <row r="112044" spans="14:14">
      <c r="N112044" s="10"/>
    </row>
    <row r="112045" spans="14:14">
      <c r="N112045" s="10"/>
    </row>
    <row r="112046" spans="14:14">
      <c r="N112046" s="10"/>
    </row>
    <row r="112047" spans="14:14">
      <c r="N112047" s="10"/>
    </row>
    <row r="112048" spans="14:14">
      <c r="N112048" s="10"/>
    </row>
    <row r="112049" spans="14:14">
      <c r="N112049" s="10"/>
    </row>
    <row r="112050" spans="14:14">
      <c r="N112050" s="10"/>
    </row>
    <row r="112051" spans="14:14">
      <c r="N112051" s="10"/>
    </row>
    <row r="112052" spans="14:14">
      <c r="N112052" s="10"/>
    </row>
    <row r="112053" spans="14:14">
      <c r="N112053" s="10"/>
    </row>
    <row r="112054" spans="14:14">
      <c r="N112054" s="10"/>
    </row>
    <row r="112055" spans="14:14">
      <c r="N112055" s="10"/>
    </row>
    <row r="112056" spans="14:14">
      <c r="N112056" s="10"/>
    </row>
    <row r="112057" spans="14:14">
      <c r="N112057" s="10"/>
    </row>
    <row r="112058" spans="14:14">
      <c r="N112058" s="10"/>
    </row>
    <row r="112059" spans="14:14">
      <c r="N112059" s="10"/>
    </row>
    <row r="112060" spans="14:14">
      <c r="N112060" s="10"/>
    </row>
    <row r="112061" spans="14:14">
      <c r="N112061" s="10"/>
    </row>
    <row r="112062" spans="14:14">
      <c r="N112062" s="10"/>
    </row>
    <row r="112063" spans="14:14">
      <c r="N112063" s="10"/>
    </row>
    <row r="112064" spans="14:14">
      <c r="N112064" s="10"/>
    </row>
    <row r="112065" spans="14:14">
      <c r="N112065" s="10"/>
    </row>
    <row r="112066" spans="14:14">
      <c r="N112066" s="10"/>
    </row>
    <row r="112067" spans="14:14">
      <c r="N112067" s="10"/>
    </row>
    <row r="112068" spans="14:14">
      <c r="N112068" s="10"/>
    </row>
    <row r="112069" spans="14:14">
      <c r="N112069" s="10"/>
    </row>
    <row r="112070" spans="14:14">
      <c r="N112070" s="10"/>
    </row>
    <row r="112071" spans="14:14">
      <c r="N112071" s="10"/>
    </row>
    <row r="112072" spans="14:14">
      <c r="N112072" s="10"/>
    </row>
    <row r="112073" spans="14:14">
      <c r="N112073" s="10"/>
    </row>
    <row r="112074" spans="14:14">
      <c r="N112074" s="10"/>
    </row>
    <row r="112075" spans="14:14">
      <c r="N112075" s="10"/>
    </row>
    <row r="112076" spans="14:14">
      <c r="N112076" s="10"/>
    </row>
    <row r="112077" spans="14:14">
      <c r="N112077" s="10"/>
    </row>
    <row r="112078" spans="14:14">
      <c r="N112078" s="10"/>
    </row>
    <row r="112079" spans="14:14">
      <c r="N112079" s="10"/>
    </row>
    <row r="112080" spans="14:14">
      <c r="N112080" s="10"/>
    </row>
    <row r="112081" spans="14:14">
      <c r="N112081" s="10"/>
    </row>
    <row r="112082" spans="14:14">
      <c r="N112082" s="10"/>
    </row>
    <row r="112083" spans="14:14">
      <c r="N112083" s="10"/>
    </row>
    <row r="112084" spans="14:14">
      <c r="N112084" s="10"/>
    </row>
    <row r="112085" spans="14:14">
      <c r="N112085" s="10"/>
    </row>
    <row r="112086" spans="14:14">
      <c r="N112086" s="10"/>
    </row>
    <row r="112087" spans="14:14">
      <c r="N112087" s="10"/>
    </row>
    <row r="112088" spans="14:14">
      <c r="N112088" s="10"/>
    </row>
    <row r="112089" spans="14:14">
      <c r="N112089" s="10"/>
    </row>
    <row r="112090" spans="14:14">
      <c r="N112090" s="10"/>
    </row>
    <row r="112091" spans="14:14">
      <c r="N112091" s="10"/>
    </row>
    <row r="112092" spans="14:14">
      <c r="N112092" s="10"/>
    </row>
    <row r="112093" spans="14:14">
      <c r="N112093" s="10"/>
    </row>
    <row r="112094" spans="14:14">
      <c r="N112094" s="10"/>
    </row>
    <row r="112095" spans="14:14">
      <c r="N112095" s="10"/>
    </row>
    <row r="112096" spans="14:14">
      <c r="N112096" s="10"/>
    </row>
    <row r="112097" spans="14:14">
      <c r="N112097" s="10"/>
    </row>
    <row r="112098" spans="14:14">
      <c r="N112098" s="10"/>
    </row>
    <row r="112099" spans="14:14">
      <c r="N112099" s="10"/>
    </row>
    <row r="112100" spans="14:14">
      <c r="N112100" s="10"/>
    </row>
    <row r="112101" spans="14:14">
      <c r="N112101" s="10"/>
    </row>
    <row r="112102" spans="14:14">
      <c r="N112102" s="10"/>
    </row>
    <row r="112103" spans="14:14">
      <c r="N112103" s="10"/>
    </row>
    <row r="112104" spans="14:14">
      <c r="N112104" s="10"/>
    </row>
    <row r="112105" spans="14:14">
      <c r="N112105" s="10"/>
    </row>
    <row r="112106" spans="14:14">
      <c r="N112106" s="10"/>
    </row>
    <row r="112107" spans="14:14">
      <c r="N112107" s="10"/>
    </row>
    <row r="112108" spans="14:14">
      <c r="N112108" s="10"/>
    </row>
    <row r="112109" spans="14:14">
      <c r="N112109" s="10"/>
    </row>
    <row r="112110" spans="14:14">
      <c r="N112110" s="10"/>
    </row>
    <row r="112111" spans="14:14">
      <c r="N112111" s="10"/>
    </row>
    <row r="112112" spans="14:14">
      <c r="N112112" s="10"/>
    </row>
    <row r="112113" spans="14:14">
      <c r="N112113" s="10"/>
    </row>
    <row r="112114" spans="14:14">
      <c r="N112114" s="10"/>
    </row>
    <row r="112115" spans="14:14">
      <c r="N112115" s="10"/>
    </row>
    <row r="112116" spans="14:14">
      <c r="N112116" s="10"/>
    </row>
    <row r="112117" spans="14:14">
      <c r="N112117" s="10"/>
    </row>
    <row r="112118" spans="14:14">
      <c r="N112118" s="10"/>
    </row>
    <row r="112119" spans="14:14">
      <c r="N112119" s="10"/>
    </row>
    <row r="112120" spans="14:14">
      <c r="N112120" s="10"/>
    </row>
    <row r="112121" spans="14:14">
      <c r="N112121" s="10"/>
    </row>
    <row r="112122" spans="14:14">
      <c r="N112122" s="10"/>
    </row>
    <row r="112123" spans="14:14">
      <c r="N112123" s="10"/>
    </row>
    <row r="112124" spans="14:14">
      <c r="N112124" s="10"/>
    </row>
    <row r="112125" spans="14:14">
      <c r="N112125" s="10"/>
    </row>
    <row r="112126" spans="14:14">
      <c r="N112126" s="10"/>
    </row>
    <row r="112127" spans="14:14">
      <c r="N112127" s="10"/>
    </row>
    <row r="112128" spans="14:14">
      <c r="N112128" s="10"/>
    </row>
    <row r="112129" spans="14:14">
      <c r="N112129" s="10"/>
    </row>
    <row r="112130" spans="14:14">
      <c r="N112130" s="10"/>
    </row>
    <row r="112131" spans="14:14">
      <c r="N112131" s="10"/>
    </row>
    <row r="112132" spans="14:14">
      <c r="N112132" s="10"/>
    </row>
    <row r="112133" spans="14:14">
      <c r="N112133" s="10"/>
    </row>
    <row r="112134" spans="14:14">
      <c r="N112134" s="10"/>
    </row>
    <row r="112135" spans="14:14">
      <c r="N112135" s="10"/>
    </row>
    <row r="112136" spans="14:14">
      <c r="N112136" s="10"/>
    </row>
    <row r="112137" spans="14:14">
      <c r="N112137" s="10"/>
    </row>
    <row r="112138" spans="14:14">
      <c r="N112138" s="10"/>
    </row>
    <row r="112139" spans="14:14">
      <c r="N112139" s="10"/>
    </row>
    <row r="112140" spans="14:14">
      <c r="N112140" s="10"/>
    </row>
    <row r="112141" spans="14:14">
      <c r="N112141" s="10"/>
    </row>
    <row r="112142" spans="14:14">
      <c r="N112142" s="10"/>
    </row>
    <row r="112143" spans="14:14">
      <c r="N112143" s="10"/>
    </row>
    <row r="112144" spans="14:14">
      <c r="N112144" s="10"/>
    </row>
    <row r="112145" spans="14:14">
      <c r="N112145" s="10"/>
    </row>
    <row r="112146" spans="14:14">
      <c r="N112146" s="10"/>
    </row>
    <row r="112147" spans="14:14">
      <c r="N112147" s="10"/>
    </row>
    <row r="112148" spans="14:14">
      <c r="N112148" s="10"/>
    </row>
    <row r="112149" spans="14:14">
      <c r="N112149" s="10"/>
    </row>
    <row r="112150" spans="14:14">
      <c r="N112150" s="10"/>
    </row>
    <row r="112151" spans="14:14">
      <c r="N112151" s="10"/>
    </row>
    <row r="112152" spans="14:14">
      <c r="N112152" s="10"/>
    </row>
    <row r="112153" spans="14:14">
      <c r="N112153" s="10"/>
    </row>
    <row r="112154" spans="14:14">
      <c r="N112154" s="10"/>
    </row>
    <row r="112155" spans="14:14">
      <c r="N112155" s="10"/>
    </row>
    <row r="112156" spans="14:14">
      <c r="N112156" s="10"/>
    </row>
    <row r="112157" spans="14:14">
      <c r="N112157" s="10"/>
    </row>
    <row r="112158" spans="14:14">
      <c r="N112158" s="10"/>
    </row>
    <row r="112159" spans="14:14">
      <c r="N112159" s="10"/>
    </row>
    <row r="112160" spans="14:14">
      <c r="N112160" s="10"/>
    </row>
    <row r="112161" spans="14:14">
      <c r="N112161" s="10"/>
    </row>
    <row r="112162" spans="14:14">
      <c r="N112162" s="10"/>
    </row>
    <row r="112163" spans="14:14">
      <c r="N112163" s="10"/>
    </row>
    <row r="112164" spans="14:14">
      <c r="N112164" s="10"/>
    </row>
    <row r="112165" spans="14:14">
      <c r="N112165" s="10"/>
    </row>
    <row r="112166" spans="14:14">
      <c r="N112166" s="10"/>
    </row>
    <row r="112167" spans="14:14">
      <c r="N112167" s="10"/>
    </row>
    <row r="112168" spans="14:14">
      <c r="N112168" s="10"/>
    </row>
    <row r="112169" spans="14:14">
      <c r="N112169" s="10"/>
    </row>
    <row r="112170" spans="14:14">
      <c r="N112170" s="10"/>
    </row>
    <row r="112171" spans="14:14">
      <c r="N112171" s="10"/>
    </row>
    <row r="112172" spans="14:14">
      <c r="N112172" s="10"/>
    </row>
    <row r="112173" spans="14:14">
      <c r="N112173" s="10"/>
    </row>
    <row r="112174" spans="14:14">
      <c r="N112174" s="10"/>
    </row>
    <row r="112175" spans="14:14">
      <c r="N112175" s="10"/>
    </row>
    <row r="112176" spans="14:14">
      <c r="N112176" s="10"/>
    </row>
    <row r="112177" spans="14:14">
      <c r="N112177" s="10"/>
    </row>
    <row r="112178" spans="14:14">
      <c r="N112178" s="10"/>
    </row>
    <row r="112179" spans="14:14">
      <c r="N112179" s="10"/>
    </row>
    <row r="112180" spans="14:14">
      <c r="N112180" s="10"/>
    </row>
    <row r="112181" spans="14:14">
      <c r="N112181" s="10"/>
    </row>
    <row r="112182" spans="14:14">
      <c r="N112182" s="10"/>
    </row>
    <row r="112183" spans="14:14">
      <c r="N112183" s="10"/>
    </row>
    <row r="112184" spans="14:14">
      <c r="N112184" s="10"/>
    </row>
    <row r="112185" spans="14:14">
      <c r="N112185" s="10"/>
    </row>
    <row r="112186" spans="14:14">
      <c r="N112186" s="10"/>
    </row>
    <row r="112187" spans="14:14">
      <c r="N112187" s="10"/>
    </row>
    <row r="112188" spans="14:14">
      <c r="N112188" s="10"/>
    </row>
    <row r="112189" spans="14:14">
      <c r="N112189" s="10"/>
    </row>
    <row r="112190" spans="14:14">
      <c r="N112190" s="10"/>
    </row>
    <row r="112191" spans="14:14">
      <c r="N112191" s="10"/>
    </row>
    <row r="112192" spans="14:14">
      <c r="N112192" s="10"/>
    </row>
    <row r="112193" spans="14:14">
      <c r="N112193" s="10"/>
    </row>
    <row r="112194" spans="14:14">
      <c r="N112194" s="10"/>
    </row>
    <row r="112195" spans="14:14">
      <c r="N112195" s="10"/>
    </row>
    <row r="112196" spans="14:14">
      <c r="N112196" s="10"/>
    </row>
    <row r="112197" spans="14:14">
      <c r="N112197" s="10"/>
    </row>
    <row r="112198" spans="14:14">
      <c r="N112198" s="10"/>
    </row>
    <row r="112199" spans="14:14">
      <c r="N112199" s="10"/>
    </row>
    <row r="112200" spans="14:14">
      <c r="N112200" s="10"/>
    </row>
    <row r="112201" spans="14:14">
      <c r="N112201" s="10"/>
    </row>
    <row r="112202" spans="14:14">
      <c r="N112202" s="10"/>
    </row>
    <row r="112203" spans="14:14">
      <c r="N112203" s="10"/>
    </row>
    <row r="112204" spans="14:14">
      <c r="N112204" s="10"/>
    </row>
    <row r="112205" spans="14:14">
      <c r="N112205" s="10"/>
    </row>
    <row r="112206" spans="14:14">
      <c r="N112206" s="10"/>
    </row>
    <row r="112207" spans="14:14">
      <c r="N112207" s="10"/>
    </row>
    <row r="112208" spans="14:14">
      <c r="N112208" s="10"/>
    </row>
    <row r="112209" spans="14:14">
      <c r="N112209" s="10"/>
    </row>
    <row r="112210" spans="14:14">
      <c r="N112210" s="10"/>
    </row>
    <row r="112211" spans="14:14">
      <c r="N112211" s="10"/>
    </row>
    <row r="112212" spans="14:14">
      <c r="N112212" s="10"/>
    </row>
    <row r="112213" spans="14:14">
      <c r="N112213" s="10"/>
    </row>
    <row r="112214" spans="14:14">
      <c r="N112214" s="10"/>
    </row>
    <row r="112215" spans="14:14">
      <c r="N112215" s="10"/>
    </row>
    <row r="112216" spans="14:14">
      <c r="N112216" s="10"/>
    </row>
    <row r="112217" spans="14:14">
      <c r="N112217" s="10"/>
    </row>
    <row r="112218" spans="14:14">
      <c r="N112218" s="10"/>
    </row>
    <row r="112219" spans="14:14">
      <c r="N112219" s="10"/>
    </row>
    <row r="112220" spans="14:14">
      <c r="N112220" s="10"/>
    </row>
    <row r="112221" spans="14:14">
      <c r="N112221" s="10"/>
    </row>
    <row r="112222" spans="14:14">
      <c r="N112222" s="10"/>
    </row>
    <row r="112223" spans="14:14">
      <c r="N112223" s="10"/>
    </row>
    <row r="112224" spans="14:14">
      <c r="N112224" s="10"/>
    </row>
    <row r="112225" spans="14:14">
      <c r="N112225" s="10"/>
    </row>
    <row r="112226" spans="14:14">
      <c r="N112226" s="10"/>
    </row>
    <row r="112227" spans="14:14">
      <c r="N112227" s="10"/>
    </row>
    <row r="112228" spans="14:14">
      <c r="N112228" s="10"/>
    </row>
    <row r="112229" spans="14:14">
      <c r="N112229" s="10"/>
    </row>
    <row r="112230" spans="14:14">
      <c r="N112230" s="10"/>
    </row>
    <row r="112231" spans="14:14">
      <c r="N112231" s="10"/>
    </row>
    <row r="112232" spans="14:14">
      <c r="N112232" s="10"/>
    </row>
    <row r="112233" spans="14:14">
      <c r="N112233" s="10"/>
    </row>
    <row r="112234" spans="14:14">
      <c r="N112234" s="10"/>
    </row>
    <row r="112235" spans="14:14">
      <c r="N112235" s="10"/>
    </row>
    <row r="112236" spans="14:14">
      <c r="N112236" s="10"/>
    </row>
    <row r="112237" spans="14:14">
      <c r="N112237" s="10"/>
    </row>
    <row r="112238" spans="14:14">
      <c r="N112238" s="10"/>
    </row>
    <row r="112239" spans="14:14">
      <c r="N112239" s="10"/>
    </row>
    <row r="112240" spans="14:14">
      <c r="N112240" s="10"/>
    </row>
    <row r="112241" spans="14:14">
      <c r="N112241" s="10"/>
    </row>
    <row r="112242" spans="14:14">
      <c r="N112242" s="10"/>
    </row>
    <row r="112243" spans="14:14">
      <c r="N112243" s="10"/>
    </row>
    <row r="112244" spans="14:14">
      <c r="N112244" s="10"/>
    </row>
    <row r="112245" spans="14:14">
      <c r="N112245" s="10"/>
    </row>
    <row r="112246" spans="14:14">
      <c r="N112246" s="10"/>
    </row>
    <row r="112247" spans="14:14">
      <c r="N112247" s="10"/>
    </row>
    <row r="112248" spans="14:14">
      <c r="N112248" s="10"/>
    </row>
    <row r="112249" spans="14:14">
      <c r="N112249" s="10"/>
    </row>
    <row r="112250" spans="14:14">
      <c r="N112250" s="10"/>
    </row>
    <row r="112251" spans="14:14">
      <c r="N112251" s="10"/>
    </row>
    <row r="112252" spans="14:14">
      <c r="N112252" s="10"/>
    </row>
    <row r="112253" spans="14:14">
      <c r="N112253" s="10"/>
    </row>
    <row r="112254" spans="14:14">
      <c r="N112254" s="10"/>
    </row>
    <row r="112255" spans="14:14">
      <c r="N112255" s="10"/>
    </row>
    <row r="112256" spans="14:14">
      <c r="N112256" s="10"/>
    </row>
    <row r="112257" spans="14:14">
      <c r="N112257" s="10"/>
    </row>
    <row r="112258" spans="14:14">
      <c r="N112258" s="10"/>
    </row>
    <row r="112259" spans="14:14">
      <c r="N112259" s="10"/>
    </row>
    <row r="112260" spans="14:14">
      <c r="N112260" s="10"/>
    </row>
    <row r="112261" spans="14:14">
      <c r="N112261" s="10"/>
    </row>
    <row r="112262" spans="14:14">
      <c r="N112262" s="10"/>
    </row>
    <row r="112263" spans="14:14">
      <c r="N112263" s="10"/>
    </row>
    <row r="112264" spans="14:14">
      <c r="N112264" s="10"/>
    </row>
    <row r="112265" spans="14:14">
      <c r="N112265" s="10"/>
    </row>
    <row r="112266" spans="14:14">
      <c r="N112266" s="10"/>
    </row>
    <row r="112267" spans="14:14">
      <c r="N112267" s="10"/>
    </row>
    <row r="112268" spans="14:14">
      <c r="N112268" s="10"/>
    </row>
    <row r="112269" spans="14:14">
      <c r="N112269" s="10"/>
    </row>
    <row r="112270" spans="14:14">
      <c r="N112270" s="10"/>
    </row>
    <row r="112271" spans="14:14">
      <c r="N112271" s="10"/>
    </row>
    <row r="112272" spans="14:14">
      <c r="N112272" s="10"/>
    </row>
    <row r="112273" spans="14:14">
      <c r="N112273" s="10"/>
    </row>
    <row r="112274" spans="14:14">
      <c r="N112274" s="10"/>
    </row>
    <row r="112275" spans="14:14">
      <c r="N112275" s="10"/>
    </row>
    <row r="112276" spans="14:14">
      <c r="N112276" s="10"/>
    </row>
    <row r="112277" spans="14:14">
      <c r="N112277" s="10"/>
    </row>
    <row r="112278" spans="14:14">
      <c r="N112278" s="10"/>
    </row>
    <row r="112279" spans="14:14">
      <c r="N112279" s="10"/>
    </row>
    <row r="112280" spans="14:14">
      <c r="N112280" s="10"/>
    </row>
    <row r="112281" spans="14:14">
      <c r="N112281" s="10"/>
    </row>
    <row r="112282" spans="14:14">
      <c r="N112282" s="10"/>
    </row>
    <row r="112283" spans="14:14">
      <c r="N112283" s="10"/>
    </row>
    <row r="112284" spans="14:14">
      <c r="N112284" s="10"/>
    </row>
    <row r="112285" spans="14:14">
      <c r="N112285" s="10"/>
    </row>
    <row r="112286" spans="14:14">
      <c r="N112286" s="10"/>
    </row>
    <row r="112287" spans="14:14">
      <c r="N112287" s="10"/>
    </row>
    <row r="112288" spans="14:14">
      <c r="N112288" s="10"/>
    </row>
    <row r="112289" spans="14:14">
      <c r="N112289" s="10"/>
    </row>
    <row r="112290" spans="14:14">
      <c r="N112290" s="10"/>
    </row>
    <row r="112291" spans="14:14">
      <c r="N112291" s="10"/>
    </row>
    <row r="112292" spans="14:14">
      <c r="N112292" s="10"/>
    </row>
    <row r="112293" spans="14:14">
      <c r="N112293" s="10"/>
    </row>
    <row r="112294" spans="14:14">
      <c r="N112294" s="10"/>
    </row>
    <row r="112295" spans="14:14">
      <c r="N112295" s="10"/>
    </row>
    <row r="112296" spans="14:14">
      <c r="N112296" s="10"/>
    </row>
    <row r="112297" spans="14:14">
      <c r="N112297" s="10"/>
    </row>
    <row r="112298" spans="14:14">
      <c r="N112298" s="10"/>
    </row>
    <row r="112299" spans="14:14">
      <c r="N112299" s="10"/>
    </row>
    <row r="112300" spans="14:14">
      <c r="N112300" s="10"/>
    </row>
    <row r="112301" spans="14:14">
      <c r="N112301" s="10"/>
    </row>
    <row r="112302" spans="14:14">
      <c r="N112302" s="10"/>
    </row>
    <row r="112303" spans="14:14">
      <c r="N112303" s="10"/>
    </row>
    <row r="112304" spans="14:14">
      <c r="N112304" s="10"/>
    </row>
    <row r="112305" spans="14:14">
      <c r="N112305" s="10"/>
    </row>
    <row r="112306" spans="14:14">
      <c r="N112306" s="10"/>
    </row>
    <row r="112307" spans="14:14">
      <c r="N112307" s="10"/>
    </row>
    <row r="112308" spans="14:14">
      <c r="N112308" s="10"/>
    </row>
    <row r="112309" spans="14:14">
      <c r="N112309" s="10"/>
    </row>
    <row r="112310" spans="14:14">
      <c r="N112310" s="10"/>
    </row>
    <row r="112311" spans="14:14">
      <c r="N112311" s="10"/>
    </row>
    <row r="112312" spans="14:14">
      <c r="N112312" s="10"/>
    </row>
    <row r="112313" spans="14:14">
      <c r="N112313" s="10"/>
    </row>
    <row r="112314" spans="14:14">
      <c r="N112314" s="10"/>
    </row>
    <row r="112315" spans="14:14">
      <c r="N112315" s="10"/>
    </row>
    <row r="112316" spans="14:14">
      <c r="N112316" s="10"/>
    </row>
    <row r="112317" spans="14:14">
      <c r="N112317" s="10"/>
    </row>
    <row r="112318" spans="14:14">
      <c r="N112318" s="10"/>
    </row>
    <row r="112319" spans="14:14">
      <c r="N112319" s="10"/>
    </row>
    <row r="112320" spans="14:14">
      <c r="N112320" s="10"/>
    </row>
    <row r="112321" spans="14:14">
      <c r="N112321" s="10"/>
    </row>
    <row r="112322" spans="14:14">
      <c r="N112322" s="10"/>
    </row>
    <row r="112323" spans="14:14">
      <c r="N112323" s="10"/>
    </row>
    <row r="112324" spans="14:14">
      <c r="N112324" s="10"/>
    </row>
    <row r="112325" spans="14:14">
      <c r="N112325" s="10"/>
    </row>
    <row r="112326" spans="14:14">
      <c r="N112326" s="10"/>
    </row>
    <row r="112327" spans="14:14">
      <c r="N112327" s="10"/>
    </row>
    <row r="112328" spans="14:14">
      <c r="N112328" s="10"/>
    </row>
    <row r="112329" spans="14:14">
      <c r="N112329" s="10"/>
    </row>
    <row r="112330" spans="14:14">
      <c r="N112330" s="10"/>
    </row>
    <row r="112331" spans="14:14">
      <c r="N112331" s="10"/>
    </row>
    <row r="112332" spans="14:14">
      <c r="N112332" s="10"/>
    </row>
    <row r="112333" spans="14:14">
      <c r="N112333" s="10"/>
    </row>
    <row r="112334" spans="14:14">
      <c r="N112334" s="10"/>
    </row>
    <row r="112335" spans="14:14">
      <c r="N112335" s="10"/>
    </row>
    <row r="112336" spans="14:14">
      <c r="N112336" s="10"/>
    </row>
    <row r="112337" spans="14:14">
      <c r="N112337" s="10"/>
    </row>
    <row r="112338" spans="14:14">
      <c r="N112338" s="10"/>
    </row>
    <row r="112339" spans="14:14">
      <c r="N112339" s="10"/>
    </row>
    <row r="112340" spans="14:14">
      <c r="N112340" s="10"/>
    </row>
    <row r="112341" spans="14:14">
      <c r="N112341" s="10"/>
    </row>
    <row r="112342" spans="14:14">
      <c r="N112342" s="10"/>
    </row>
    <row r="112343" spans="14:14">
      <c r="N112343" s="10"/>
    </row>
    <row r="112344" spans="14:14">
      <c r="N112344" s="10"/>
    </row>
    <row r="112345" spans="14:14">
      <c r="N112345" s="10"/>
    </row>
    <row r="112346" spans="14:14">
      <c r="N112346" s="10"/>
    </row>
    <row r="112347" spans="14:14">
      <c r="N112347" s="10"/>
    </row>
    <row r="112348" spans="14:14">
      <c r="N112348" s="10"/>
    </row>
    <row r="112349" spans="14:14">
      <c r="N112349" s="10"/>
    </row>
    <row r="112350" spans="14:14">
      <c r="N112350" s="10"/>
    </row>
    <row r="112351" spans="14:14">
      <c r="N112351" s="10"/>
    </row>
    <row r="112352" spans="14:14">
      <c r="N112352" s="10"/>
    </row>
    <row r="112353" spans="14:14">
      <c r="N112353" s="10"/>
    </row>
    <row r="112354" spans="14:14">
      <c r="N112354" s="10"/>
    </row>
    <row r="112355" spans="14:14">
      <c r="N112355" s="10"/>
    </row>
    <row r="112356" spans="14:14">
      <c r="N112356" s="10"/>
    </row>
    <row r="112357" spans="14:14">
      <c r="N112357" s="10"/>
    </row>
    <row r="112358" spans="14:14">
      <c r="N112358" s="10"/>
    </row>
    <row r="112359" spans="14:14">
      <c r="N112359" s="10"/>
    </row>
    <row r="112360" spans="14:14">
      <c r="N112360" s="10"/>
    </row>
    <row r="112361" spans="14:14">
      <c r="N112361" s="10"/>
    </row>
    <row r="112362" spans="14:14">
      <c r="N112362" s="10"/>
    </row>
    <row r="112363" spans="14:14">
      <c r="N112363" s="10"/>
    </row>
    <row r="112364" spans="14:14">
      <c r="N112364" s="10"/>
    </row>
    <row r="112365" spans="14:14">
      <c r="N112365" s="10"/>
    </row>
    <row r="112366" spans="14:14">
      <c r="N112366" s="10"/>
    </row>
    <row r="112367" spans="14:14">
      <c r="N112367" s="10"/>
    </row>
    <row r="112368" spans="14:14">
      <c r="N112368" s="10"/>
    </row>
    <row r="112369" spans="14:14">
      <c r="N112369" s="10"/>
    </row>
    <row r="112370" spans="14:14">
      <c r="N112370" s="10"/>
    </row>
    <row r="112371" spans="14:14">
      <c r="N112371" s="10"/>
    </row>
    <row r="112372" spans="14:14">
      <c r="N112372" s="10"/>
    </row>
    <row r="112373" spans="14:14">
      <c r="N112373" s="10"/>
    </row>
    <row r="112374" spans="14:14">
      <c r="N112374" s="10"/>
    </row>
    <row r="112375" spans="14:14">
      <c r="N112375" s="10"/>
    </row>
    <row r="112376" spans="14:14">
      <c r="N112376" s="10"/>
    </row>
    <row r="112377" spans="14:14">
      <c r="N112377" s="10"/>
    </row>
    <row r="112378" spans="14:14">
      <c r="N112378" s="10"/>
    </row>
    <row r="112379" spans="14:14">
      <c r="N112379" s="10"/>
    </row>
    <row r="112380" spans="14:14">
      <c r="N112380" s="10"/>
    </row>
    <row r="112381" spans="14:14">
      <c r="N112381" s="10"/>
    </row>
    <row r="112382" spans="14:14">
      <c r="N112382" s="10"/>
    </row>
    <row r="112383" spans="14:14">
      <c r="N112383" s="10"/>
    </row>
    <row r="112384" spans="14:14">
      <c r="N112384" s="10"/>
    </row>
    <row r="112385" spans="14:14">
      <c r="N112385" s="10"/>
    </row>
    <row r="112386" spans="14:14">
      <c r="N112386" s="10"/>
    </row>
    <row r="112387" spans="14:14">
      <c r="N112387" s="10"/>
    </row>
    <row r="112388" spans="14:14">
      <c r="N112388" s="10"/>
    </row>
    <row r="112389" spans="14:14">
      <c r="N112389" s="10"/>
    </row>
    <row r="112390" spans="14:14">
      <c r="N112390" s="10"/>
    </row>
    <row r="112391" spans="14:14">
      <c r="N112391" s="10"/>
    </row>
    <row r="112392" spans="14:14">
      <c r="N112392" s="10"/>
    </row>
    <row r="112393" spans="14:14">
      <c r="N112393" s="10"/>
    </row>
    <row r="112394" spans="14:14">
      <c r="N112394" s="10"/>
    </row>
    <row r="112395" spans="14:14">
      <c r="N112395" s="10"/>
    </row>
    <row r="112396" spans="14:14">
      <c r="N112396" s="10"/>
    </row>
    <row r="112397" spans="14:14">
      <c r="N112397" s="10"/>
    </row>
    <row r="112398" spans="14:14">
      <c r="N112398" s="10"/>
    </row>
    <row r="112399" spans="14:14">
      <c r="N112399" s="10"/>
    </row>
    <row r="112400" spans="14:14">
      <c r="N112400" s="10"/>
    </row>
    <row r="112401" spans="14:14">
      <c r="N112401" s="10"/>
    </row>
    <row r="112402" spans="14:14">
      <c r="N112402" s="10"/>
    </row>
    <row r="112403" spans="14:14">
      <c r="N112403" s="10"/>
    </row>
    <row r="112404" spans="14:14">
      <c r="N112404" s="10"/>
    </row>
    <row r="112405" spans="14:14">
      <c r="N112405" s="10"/>
    </row>
    <row r="112406" spans="14:14">
      <c r="N112406" s="10"/>
    </row>
    <row r="112407" spans="14:14">
      <c r="N112407" s="10"/>
    </row>
    <row r="112408" spans="14:14">
      <c r="N112408" s="10"/>
    </row>
    <row r="112409" spans="14:14">
      <c r="N112409" s="10"/>
    </row>
    <row r="112410" spans="14:14">
      <c r="N112410" s="10"/>
    </row>
    <row r="112411" spans="14:14">
      <c r="N112411" s="10"/>
    </row>
    <row r="112412" spans="14:14">
      <c r="N112412" s="10"/>
    </row>
    <row r="112413" spans="14:14">
      <c r="N112413" s="10"/>
    </row>
    <row r="112414" spans="14:14">
      <c r="N112414" s="10"/>
    </row>
    <row r="112415" spans="14:14">
      <c r="N112415" s="10"/>
    </row>
    <row r="112416" spans="14:14">
      <c r="N112416" s="10"/>
    </row>
    <row r="112417" spans="14:14">
      <c r="N112417" s="10"/>
    </row>
    <row r="112418" spans="14:14">
      <c r="N112418" s="10"/>
    </row>
    <row r="112419" spans="14:14">
      <c r="N112419" s="10"/>
    </row>
    <row r="112420" spans="14:14">
      <c r="N112420" s="10"/>
    </row>
    <row r="112421" spans="14:14">
      <c r="N112421" s="10"/>
    </row>
    <row r="112422" spans="14:14">
      <c r="N112422" s="10"/>
    </row>
    <row r="112423" spans="14:14">
      <c r="N112423" s="10"/>
    </row>
    <row r="112424" spans="14:14">
      <c r="N112424" s="10"/>
    </row>
    <row r="112425" spans="14:14">
      <c r="N112425" s="10"/>
    </row>
    <row r="112426" spans="14:14">
      <c r="N112426" s="10"/>
    </row>
    <row r="112427" spans="14:14">
      <c r="N112427" s="10"/>
    </row>
    <row r="112428" spans="14:14">
      <c r="N112428" s="10"/>
    </row>
    <row r="112429" spans="14:14">
      <c r="N112429" s="10"/>
    </row>
    <row r="112430" spans="14:14">
      <c r="N112430" s="10"/>
    </row>
    <row r="112431" spans="14:14">
      <c r="N112431" s="10"/>
    </row>
    <row r="112432" spans="14:14">
      <c r="N112432" s="10"/>
    </row>
    <row r="112433" spans="14:14">
      <c r="N112433" s="10"/>
    </row>
    <row r="112434" spans="14:14">
      <c r="N112434" s="10"/>
    </row>
    <row r="112435" spans="14:14">
      <c r="N112435" s="10"/>
    </row>
    <row r="112436" spans="14:14">
      <c r="N112436" s="10"/>
    </row>
    <row r="112437" spans="14:14">
      <c r="N112437" s="10"/>
    </row>
    <row r="112438" spans="14:14">
      <c r="N112438" s="10"/>
    </row>
    <row r="112439" spans="14:14">
      <c r="N112439" s="10"/>
    </row>
    <row r="112440" spans="14:14">
      <c r="N112440" s="10"/>
    </row>
    <row r="112441" spans="14:14">
      <c r="N112441" s="10"/>
    </row>
    <row r="112442" spans="14:14">
      <c r="N112442" s="10"/>
    </row>
    <row r="112443" spans="14:14">
      <c r="N112443" s="10"/>
    </row>
    <row r="112444" spans="14:14">
      <c r="N112444" s="10"/>
    </row>
    <row r="112445" spans="14:14">
      <c r="N112445" s="10"/>
    </row>
    <row r="112446" spans="14:14">
      <c r="N112446" s="10"/>
    </row>
    <row r="112447" spans="14:14">
      <c r="N112447" s="10"/>
    </row>
    <row r="112448" spans="14:14">
      <c r="N112448" s="10"/>
    </row>
    <row r="112449" spans="14:14">
      <c r="N112449" s="10"/>
    </row>
    <row r="112450" spans="14:14">
      <c r="N112450" s="10"/>
    </row>
    <row r="112451" spans="14:14">
      <c r="N112451" s="10"/>
    </row>
    <row r="112452" spans="14:14">
      <c r="N112452" s="10"/>
    </row>
    <row r="112453" spans="14:14">
      <c r="N112453" s="10"/>
    </row>
    <row r="112454" spans="14:14">
      <c r="N112454" s="10"/>
    </row>
    <row r="112455" spans="14:14">
      <c r="N112455" s="10"/>
    </row>
    <row r="112456" spans="14:14">
      <c r="N112456" s="10"/>
    </row>
    <row r="112457" spans="14:14">
      <c r="N112457" s="10"/>
    </row>
    <row r="112458" spans="14:14">
      <c r="N112458" s="10"/>
    </row>
    <row r="112459" spans="14:14">
      <c r="N112459" s="10"/>
    </row>
    <row r="112460" spans="14:14">
      <c r="N112460" s="10"/>
    </row>
    <row r="112461" spans="14:14">
      <c r="N112461" s="10"/>
    </row>
    <row r="112462" spans="14:14">
      <c r="N112462" s="10"/>
    </row>
    <row r="112463" spans="14:14">
      <c r="N112463" s="10"/>
    </row>
    <row r="112464" spans="14:14">
      <c r="N112464" s="10"/>
    </row>
    <row r="112465" spans="14:14">
      <c r="N112465" s="10"/>
    </row>
    <row r="112466" spans="14:14">
      <c r="N112466" s="10"/>
    </row>
    <row r="112467" spans="14:14">
      <c r="N112467" s="10"/>
    </row>
    <row r="112468" spans="14:14">
      <c r="N112468" s="10"/>
    </row>
    <row r="112469" spans="14:14">
      <c r="N112469" s="10"/>
    </row>
    <row r="112470" spans="14:14">
      <c r="N112470" s="10"/>
    </row>
    <row r="112471" spans="14:14">
      <c r="N112471" s="10"/>
    </row>
    <row r="112472" spans="14:14">
      <c r="N112472" s="10"/>
    </row>
    <row r="112473" spans="14:14">
      <c r="N112473" s="10"/>
    </row>
    <row r="112474" spans="14:14">
      <c r="N112474" s="10"/>
    </row>
    <row r="112475" spans="14:14">
      <c r="N112475" s="10"/>
    </row>
    <row r="112476" spans="14:14">
      <c r="N112476" s="10"/>
    </row>
    <row r="112477" spans="14:14">
      <c r="N112477" s="10"/>
    </row>
    <row r="112478" spans="14:14">
      <c r="N112478" s="10"/>
    </row>
    <row r="112479" spans="14:14">
      <c r="N112479" s="10"/>
    </row>
    <row r="112480" spans="14:14">
      <c r="N112480" s="10"/>
    </row>
    <row r="112481" spans="14:14">
      <c r="N112481" s="10"/>
    </row>
    <row r="112482" spans="14:14">
      <c r="N112482" s="10"/>
    </row>
    <row r="112483" spans="14:14">
      <c r="N112483" s="10"/>
    </row>
    <row r="112484" spans="14:14">
      <c r="N112484" s="10"/>
    </row>
    <row r="112485" spans="14:14">
      <c r="N112485" s="10"/>
    </row>
    <row r="112486" spans="14:14">
      <c r="N112486" s="10"/>
    </row>
    <row r="112487" spans="14:14">
      <c r="N112487" s="10"/>
    </row>
    <row r="112488" spans="14:14">
      <c r="N112488" s="10"/>
    </row>
    <row r="112489" spans="14:14">
      <c r="N112489" s="10"/>
    </row>
    <row r="112490" spans="14:14">
      <c r="N112490" s="10"/>
    </row>
    <row r="112491" spans="14:14">
      <c r="N112491" s="10"/>
    </row>
    <row r="112492" spans="14:14">
      <c r="N112492" s="10"/>
    </row>
    <row r="112493" spans="14:14">
      <c r="N112493" s="10"/>
    </row>
    <row r="112494" spans="14:14">
      <c r="N112494" s="10"/>
    </row>
    <row r="112495" spans="14:14">
      <c r="N112495" s="10"/>
    </row>
    <row r="112496" spans="14:14">
      <c r="N112496" s="10"/>
    </row>
    <row r="112497" spans="14:14">
      <c r="N112497" s="10"/>
    </row>
    <row r="112498" spans="14:14">
      <c r="N112498" s="10"/>
    </row>
    <row r="112499" spans="14:14">
      <c r="N112499" s="10"/>
    </row>
    <row r="112500" spans="14:14">
      <c r="N112500" s="10"/>
    </row>
    <row r="112501" spans="14:14">
      <c r="N112501" s="10"/>
    </row>
    <row r="112502" spans="14:14">
      <c r="N112502" s="10"/>
    </row>
    <row r="112503" spans="14:14">
      <c r="N112503" s="10"/>
    </row>
    <row r="112504" spans="14:14">
      <c r="N112504" s="10"/>
    </row>
    <row r="112505" spans="14:14">
      <c r="N112505" s="10"/>
    </row>
    <row r="112506" spans="14:14">
      <c r="N112506" s="10"/>
    </row>
    <row r="112507" spans="14:14">
      <c r="N112507" s="10"/>
    </row>
    <row r="112508" spans="14:14">
      <c r="N112508" s="10"/>
    </row>
    <row r="112509" spans="14:14">
      <c r="N112509" s="10"/>
    </row>
    <row r="112510" spans="14:14">
      <c r="N112510" s="10"/>
    </row>
    <row r="112511" spans="14:14">
      <c r="N112511" s="10"/>
    </row>
    <row r="112512" spans="14:14">
      <c r="N112512" s="10"/>
    </row>
    <row r="112513" spans="14:14">
      <c r="N112513" s="10"/>
    </row>
    <row r="112514" spans="14:14">
      <c r="N112514" s="10"/>
    </row>
    <row r="112515" spans="14:14">
      <c r="N112515" s="10"/>
    </row>
    <row r="112516" spans="14:14">
      <c r="N112516" s="10"/>
    </row>
    <row r="112517" spans="14:14">
      <c r="N112517" s="10"/>
    </row>
    <row r="112518" spans="14:14">
      <c r="N112518" s="10"/>
    </row>
    <row r="112519" spans="14:14">
      <c r="N112519" s="10"/>
    </row>
    <row r="112520" spans="14:14">
      <c r="N112520" s="10"/>
    </row>
    <row r="112521" spans="14:14">
      <c r="N112521" s="10"/>
    </row>
    <row r="112522" spans="14:14">
      <c r="N112522" s="10"/>
    </row>
    <row r="112523" spans="14:14">
      <c r="N112523" s="10"/>
    </row>
    <row r="112524" spans="14:14">
      <c r="N112524" s="10"/>
    </row>
    <row r="112525" spans="14:14">
      <c r="N112525" s="10"/>
    </row>
    <row r="112526" spans="14:14">
      <c r="N112526" s="10"/>
    </row>
    <row r="112527" spans="14:14">
      <c r="N112527" s="10"/>
    </row>
    <row r="112528" spans="14:14">
      <c r="N112528" s="10"/>
    </row>
    <row r="112529" spans="14:14">
      <c r="N112529" s="10"/>
    </row>
    <row r="112530" spans="14:14">
      <c r="N112530" s="10"/>
    </row>
    <row r="112531" spans="14:14">
      <c r="N112531" s="10"/>
    </row>
    <row r="112532" spans="14:14">
      <c r="N112532" s="10"/>
    </row>
    <row r="112533" spans="14:14">
      <c r="N112533" s="10"/>
    </row>
    <row r="112534" spans="14:14">
      <c r="N112534" s="10"/>
    </row>
    <row r="112535" spans="14:14">
      <c r="N112535" s="10"/>
    </row>
    <row r="112536" spans="14:14">
      <c r="N112536" s="10"/>
    </row>
    <row r="112537" spans="14:14">
      <c r="N112537" s="10"/>
    </row>
    <row r="112538" spans="14:14">
      <c r="N112538" s="10"/>
    </row>
    <row r="112539" spans="14:14">
      <c r="N112539" s="10"/>
    </row>
    <row r="112540" spans="14:14">
      <c r="N112540" s="10"/>
    </row>
    <row r="112541" spans="14:14">
      <c r="N112541" s="10"/>
    </row>
    <row r="112542" spans="14:14">
      <c r="N112542" s="10"/>
    </row>
    <row r="112543" spans="14:14">
      <c r="N112543" s="10"/>
    </row>
    <row r="112544" spans="14:14">
      <c r="N112544" s="10"/>
    </row>
    <row r="112545" spans="14:14">
      <c r="N112545" s="10"/>
    </row>
    <row r="112546" spans="14:14">
      <c r="N112546" s="10"/>
    </row>
    <row r="112547" spans="14:14">
      <c r="N112547" s="10"/>
    </row>
    <row r="112548" spans="14:14">
      <c r="N112548" s="10"/>
    </row>
    <row r="112549" spans="14:14">
      <c r="N112549" s="10"/>
    </row>
    <row r="112550" spans="14:14">
      <c r="N112550" s="10"/>
    </row>
    <row r="112551" spans="14:14">
      <c r="N112551" s="10"/>
    </row>
    <row r="112552" spans="14:14">
      <c r="N112552" s="10"/>
    </row>
    <row r="112553" spans="14:14">
      <c r="N112553" s="10"/>
    </row>
    <row r="112554" spans="14:14">
      <c r="N112554" s="10"/>
    </row>
    <row r="112555" spans="14:14">
      <c r="N112555" s="10"/>
    </row>
    <row r="112556" spans="14:14">
      <c r="N112556" s="10"/>
    </row>
    <row r="112557" spans="14:14">
      <c r="N112557" s="10"/>
    </row>
    <row r="112558" spans="14:14">
      <c r="N112558" s="10"/>
    </row>
    <row r="112559" spans="14:14">
      <c r="N112559" s="10"/>
    </row>
    <row r="112560" spans="14:14">
      <c r="N112560" s="10"/>
    </row>
    <row r="112561" spans="14:14">
      <c r="N112561" s="10"/>
    </row>
    <row r="112562" spans="14:14">
      <c r="N112562" s="10"/>
    </row>
    <row r="112563" spans="14:14">
      <c r="N112563" s="10"/>
    </row>
    <row r="112564" spans="14:14">
      <c r="N112564" s="10"/>
    </row>
    <row r="112565" spans="14:14">
      <c r="N112565" s="10"/>
    </row>
    <row r="112566" spans="14:14">
      <c r="N112566" s="10"/>
    </row>
    <row r="112567" spans="14:14">
      <c r="N112567" s="10"/>
    </row>
    <row r="112568" spans="14:14">
      <c r="N112568" s="10"/>
    </row>
    <row r="112569" spans="14:14">
      <c r="N112569" s="10"/>
    </row>
    <row r="112570" spans="14:14">
      <c r="N112570" s="10"/>
    </row>
    <row r="112571" spans="14:14">
      <c r="N112571" s="10"/>
    </row>
    <row r="112572" spans="14:14">
      <c r="N112572" s="10"/>
    </row>
    <row r="112573" spans="14:14">
      <c r="N112573" s="10"/>
    </row>
    <row r="112574" spans="14:14">
      <c r="N112574" s="10"/>
    </row>
    <row r="112575" spans="14:14">
      <c r="N112575" s="10"/>
    </row>
    <row r="112576" spans="14:14">
      <c r="N112576" s="10"/>
    </row>
    <row r="112577" spans="14:14">
      <c r="N112577" s="10"/>
    </row>
    <row r="112578" spans="14:14">
      <c r="N112578" s="10"/>
    </row>
    <row r="112579" spans="14:14">
      <c r="N112579" s="10"/>
    </row>
    <row r="112580" spans="14:14">
      <c r="N112580" s="10"/>
    </row>
    <row r="112581" spans="14:14">
      <c r="N112581" s="10"/>
    </row>
    <row r="112582" spans="14:14">
      <c r="N112582" s="10"/>
    </row>
    <row r="112583" spans="14:14">
      <c r="N112583" s="10"/>
    </row>
    <row r="112584" spans="14:14">
      <c r="N112584" s="10"/>
    </row>
    <row r="112585" spans="14:14">
      <c r="N112585" s="10"/>
    </row>
    <row r="112586" spans="14:14">
      <c r="N112586" s="10"/>
    </row>
    <row r="112587" spans="14:14">
      <c r="N112587" s="10"/>
    </row>
    <row r="112588" spans="14:14">
      <c r="N112588" s="10"/>
    </row>
    <row r="112589" spans="14:14">
      <c r="N112589" s="10"/>
    </row>
    <row r="112590" spans="14:14">
      <c r="N112590" s="10"/>
    </row>
    <row r="112591" spans="14:14">
      <c r="N112591" s="10"/>
    </row>
    <row r="112592" spans="14:14">
      <c r="N112592" s="10"/>
    </row>
    <row r="112593" spans="14:14">
      <c r="N112593" s="10"/>
    </row>
    <row r="112594" spans="14:14">
      <c r="N112594" s="10"/>
    </row>
    <row r="112595" spans="14:14">
      <c r="N112595" s="10"/>
    </row>
    <row r="112596" spans="14:14">
      <c r="N112596" s="10"/>
    </row>
    <row r="112597" spans="14:14">
      <c r="N112597" s="10"/>
    </row>
    <row r="112598" spans="14:14">
      <c r="N112598" s="10"/>
    </row>
    <row r="112599" spans="14:14">
      <c r="N112599" s="10"/>
    </row>
    <row r="112600" spans="14:14">
      <c r="N112600" s="10"/>
    </row>
    <row r="112601" spans="14:14">
      <c r="N112601" s="10"/>
    </row>
    <row r="112602" spans="14:14">
      <c r="N112602" s="10"/>
    </row>
    <row r="112603" spans="14:14">
      <c r="N112603" s="10"/>
    </row>
    <row r="112604" spans="14:14">
      <c r="N112604" s="10"/>
    </row>
    <row r="112605" spans="14:14">
      <c r="N112605" s="10"/>
    </row>
    <row r="112606" spans="14:14">
      <c r="N112606" s="10"/>
    </row>
    <row r="112607" spans="14:14">
      <c r="N112607" s="10"/>
    </row>
    <row r="112608" spans="14:14">
      <c r="N112608" s="10"/>
    </row>
    <row r="112609" spans="14:14">
      <c r="N112609" s="10"/>
    </row>
    <row r="112610" spans="14:14">
      <c r="N112610" s="10"/>
    </row>
    <row r="112611" spans="14:14">
      <c r="N112611" s="10"/>
    </row>
    <row r="112612" spans="14:14">
      <c r="N112612" s="10"/>
    </row>
    <row r="112613" spans="14:14">
      <c r="N112613" s="10"/>
    </row>
    <row r="112614" spans="14:14">
      <c r="N112614" s="10"/>
    </row>
    <row r="112615" spans="14:14">
      <c r="N112615" s="10"/>
    </row>
    <row r="112616" spans="14:14">
      <c r="N112616" s="10"/>
    </row>
    <row r="112617" spans="14:14">
      <c r="N112617" s="10"/>
    </row>
    <row r="112618" spans="14:14">
      <c r="N112618" s="10"/>
    </row>
    <row r="112619" spans="14:14">
      <c r="N112619" s="10"/>
    </row>
    <row r="112620" spans="14:14">
      <c r="N112620" s="10"/>
    </row>
    <row r="112621" spans="14:14">
      <c r="N112621" s="10"/>
    </row>
    <row r="112622" spans="14:14">
      <c r="N112622" s="10"/>
    </row>
    <row r="112623" spans="14:14">
      <c r="N112623" s="10"/>
    </row>
    <row r="112624" spans="14:14">
      <c r="N112624" s="10"/>
    </row>
    <row r="112625" spans="14:14">
      <c r="N112625" s="10"/>
    </row>
    <row r="112626" spans="14:14">
      <c r="N112626" s="10"/>
    </row>
    <row r="112627" spans="14:14">
      <c r="N112627" s="10"/>
    </row>
    <row r="112628" spans="14:14">
      <c r="N112628" s="10"/>
    </row>
    <row r="112629" spans="14:14">
      <c r="N112629" s="10"/>
    </row>
    <row r="112630" spans="14:14">
      <c r="N112630" s="10"/>
    </row>
    <row r="112631" spans="14:14">
      <c r="N112631" s="10"/>
    </row>
    <row r="112632" spans="14:14">
      <c r="N112632" s="10"/>
    </row>
    <row r="112633" spans="14:14">
      <c r="N112633" s="10"/>
    </row>
    <row r="112634" spans="14:14">
      <c r="N112634" s="10"/>
    </row>
    <row r="112635" spans="14:14">
      <c r="N112635" s="10"/>
    </row>
    <row r="112636" spans="14:14">
      <c r="N112636" s="10"/>
    </row>
    <row r="112637" spans="14:14">
      <c r="N112637" s="10"/>
    </row>
    <row r="112638" spans="14:14">
      <c r="N112638" s="10"/>
    </row>
    <row r="112639" spans="14:14">
      <c r="N112639" s="10"/>
    </row>
    <row r="112640" spans="14:14">
      <c r="N112640" s="10"/>
    </row>
    <row r="112641" spans="14:14">
      <c r="N112641" s="10"/>
    </row>
    <row r="112642" spans="14:14">
      <c r="N112642" s="10"/>
    </row>
    <row r="112643" spans="14:14">
      <c r="N112643" s="10"/>
    </row>
    <row r="112644" spans="14:14">
      <c r="N112644" s="10"/>
    </row>
    <row r="112645" spans="14:14">
      <c r="N112645" s="10"/>
    </row>
    <row r="112646" spans="14:14">
      <c r="N112646" s="10"/>
    </row>
    <row r="112647" spans="14:14">
      <c r="N112647" s="10"/>
    </row>
    <row r="112648" spans="14:14">
      <c r="N112648" s="10"/>
    </row>
    <row r="112649" spans="14:14">
      <c r="N112649" s="10"/>
    </row>
    <row r="112650" spans="14:14">
      <c r="N112650" s="10"/>
    </row>
    <row r="112651" spans="14:14">
      <c r="N112651" s="10"/>
    </row>
    <row r="112652" spans="14:14">
      <c r="N112652" s="10"/>
    </row>
    <row r="112653" spans="14:14">
      <c r="N112653" s="10"/>
    </row>
    <row r="112654" spans="14:14">
      <c r="N112654" s="10"/>
    </row>
    <row r="112655" spans="14:14">
      <c r="N112655" s="10"/>
    </row>
    <row r="112656" spans="14:14">
      <c r="N112656" s="10"/>
    </row>
    <row r="112657" spans="14:14">
      <c r="N112657" s="10"/>
    </row>
    <row r="112658" spans="14:14">
      <c r="N112658" s="10"/>
    </row>
    <row r="112659" spans="14:14">
      <c r="N112659" s="10"/>
    </row>
    <row r="112660" spans="14:14">
      <c r="N112660" s="10"/>
    </row>
    <row r="112661" spans="14:14">
      <c r="N112661" s="10"/>
    </row>
    <row r="112662" spans="14:14">
      <c r="N112662" s="10"/>
    </row>
    <row r="112663" spans="14:14">
      <c r="N112663" s="10"/>
    </row>
    <row r="112664" spans="14:14">
      <c r="N112664" s="10"/>
    </row>
    <row r="112665" spans="14:14">
      <c r="N112665" s="10"/>
    </row>
    <row r="112666" spans="14:14">
      <c r="N112666" s="10"/>
    </row>
    <row r="112667" spans="14:14">
      <c r="N112667" s="10"/>
    </row>
    <row r="112668" spans="14:14">
      <c r="N112668" s="10"/>
    </row>
    <row r="112669" spans="14:14">
      <c r="N112669" s="10"/>
    </row>
    <row r="112670" spans="14:14">
      <c r="N112670" s="10"/>
    </row>
    <row r="112671" spans="14:14">
      <c r="N112671" s="10"/>
    </row>
    <row r="112672" spans="14:14">
      <c r="N112672" s="10"/>
    </row>
    <row r="112673" spans="14:14">
      <c r="N112673" s="10"/>
    </row>
    <row r="112674" spans="14:14">
      <c r="N112674" s="10"/>
    </row>
    <row r="112675" spans="14:14">
      <c r="N112675" s="10"/>
    </row>
    <row r="112676" spans="14:14">
      <c r="N112676" s="10"/>
    </row>
    <row r="112677" spans="14:14">
      <c r="N112677" s="10"/>
    </row>
    <row r="112678" spans="14:14">
      <c r="N112678" s="10"/>
    </row>
    <row r="112679" spans="14:14">
      <c r="N112679" s="10"/>
    </row>
    <row r="112680" spans="14:14">
      <c r="N112680" s="10"/>
    </row>
    <row r="112681" spans="14:14">
      <c r="N112681" s="10"/>
    </row>
    <row r="112682" spans="14:14">
      <c r="N112682" s="10"/>
    </row>
    <row r="112683" spans="14:14">
      <c r="N112683" s="10"/>
    </row>
    <row r="112684" spans="14:14">
      <c r="N112684" s="10"/>
    </row>
    <row r="112685" spans="14:14">
      <c r="N112685" s="10"/>
    </row>
    <row r="112686" spans="14:14">
      <c r="N112686" s="10"/>
    </row>
    <row r="112687" spans="14:14">
      <c r="N112687" s="10"/>
    </row>
    <row r="112688" spans="14:14">
      <c r="N112688" s="10"/>
    </row>
    <row r="112689" spans="14:14">
      <c r="N112689" s="10"/>
    </row>
    <row r="112690" spans="14:14">
      <c r="N112690" s="10"/>
    </row>
    <row r="112691" spans="14:14">
      <c r="N112691" s="10"/>
    </row>
    <row r="112692" spans="14:14">
      <c r="N112692" s="10"/>
    </row>
    <row r="112693" spans="14:14">
      <c r="N112693" s="10"/>
    </row>
    <row r="112694" spans="14:14">
      <c r="N112694" s="10"/>
    </row>
    <row r="112695" spans="14:14">
      <c r="N112695" s="10"/>
    </row>
    <row r="112696" spans="14:14">
      <c r="N112696" s="10"/>
    </row>
    <row r="112697" spans="14:14">
      <c r="N112697" s="10"/>
    </row>
    <row r="112698" spans="14:14">
      <c r="N112698" s="10"/>
    </row>
    <row r="112699" spans="14:14">
      <c r="N112699" s="10"/>
    </row>
    <row r="112700" spans="14:14">
      <c r="N112700" s="10"/>
    </row>
    <row r="112701" spans="14:14">
      <c r="N112701" s="10"/>
    </row>
    <row r="112702" spans="14:14">
      <c r="N112702" s="10"/>
    </row>
    <row r="112703" spans="14:14">
      <c r="N112703" s="10"/>
    </row>
    <row r="112704" spans="14:14">
      <c r="N112704" s="10"/>
    </row>
    <row r="112705" spans="14:14">
      <c r="N112705" s="10"/>
    </row>
    <row r="112706" spans="14:14">
      <c r="N112706" s="10"/>
    </row>
    <row r="112707" spans="14:14">
      <c r="N112707" s="10"/>
    </row>
    <row r="112708" spans="14:14">
      <c r="N112708" s="10"/>
    </row>
    <row r="112709" spans="14:14">
      <c r="N112709" s="10"/>
    </row>
    <row r="112710" spans="14:14">
      <c r="N112710" s="10"/>
    </row>
    <row r="112711" spans="14:14">
      <c r="N112711" s="10"/>
    </row>
    <row r="112712" spans="14:14">
      <c r="N112712" s="10"/>
    </row>
    <row r="112713" spans="14:14">
      <c r="N112713" s="10"/>
    </row>
    <row r="112714" spans="14:14">
      <c r="N112714" s="10"/>
    </row>
    <row r="112715" spans="14:14">
      <c r="N112715" s="10"/>
    </row>
    <row r="112716" spans="14:14">
      <c r="N112716" s="10"/>
    </row>
    <row r="112717" spans="14:14">
      <c r="N112717" s="10"/>
    </row>
    <row r="112718" spans="14:14">
      <c r="N112718" s="10"/>
    </row>
    <row r="112719" spans="14:14">
      <c r="N112719" s="10"/>
    </row>
    <row r="112720" spans="14:14">
      <c r="N112720" s="10"/>
    </row>
    <row r="112721" spans="14:14">
      <c r="N112721" s="10"/>
    </row>
    <row r="112722" spans="14:14">
      <c r="N112722" s="10"/>
    </row>
    <row r="112723" spans="14:14">
      <c r="N112723" s="10"/>
    </row>
    <row r="112724" spans="14:14">
      <c r="N112724" s="10"/>
    </row>
    <row r="112725" spans="14:14">
      <c r="N112725" s="10"/>
    </row>
    <row r="112726" spans="14:14">
      <c r="N112726" s="10"/>
    </row>
    <row r="112727" spans="14:14">
      <c r="N112727" s="10"/>
    </row>
    <row r="112728" spans="14:14">
      <c r="N112728" s="10"/>
    </row>
    <row r="112729" spans="14:14">
      <c r="N112729" s="10"/>
    </row>
    <row r="112730" spans="14:14">
      <c r="N112730" s="10"/>
    </row>
    <row r="112731" spans="14:14">
      <c r="N112731" s="10"/>
    </row>
    <row r="112732" spans="14:14">
      <c r="N112732" s="10"/>
    </row>
    <row r="112733" spans="14:14">
      <c r="N112733" s="10"/>
    </row>
    <row r="112734" spans="14:14">
      <c r="N112734" s="10"/>
    </row>
    <row r="112735" spans="14:14">
      <c r="N112735" s="10"/>
    </row>
    <row r="112736" spans="14:14">
      <c r="N112736" s="10"/>
    </row>
    <row r="112737" spans="14:14">
      <c r="N112737" s="10"/>
    </row>
    <row r="112738" spans="14:14">
      <c r="N112738" s="10"/>
    </row>
    <row r="112739" spans="14:14">
      <c r="N112739" s="10"/>
    </row>
    <row r="112740" spans="14:14">
      <c r="N112740" s="10"/>
    </row>
    <row r="112741" spans="14:14">
      <c r="N112741" s="10"/>
    </row>
    <row r="112742" spans="14:14">
      <c r="N112742" s="10"/>
    </row>
    <row r="112743" spans="14:14">
      <c r="N112743" s="10"/>
    </row>
    <row r="112744" spans="14:14">
      <c r="N112744" s="10"/>
    </row>
    <row r="112745" spans="14:14">
      <c r="N112745" s="10"/>
    </row>
    <row r="112746" spans="14:14">
      <c r="N112746" s="10"/>
    </row>
    <row r="112747" spans="14:14">
      <c r="N112747" s="10"/>
    </row>
    <row r="112748" spans="14:14">
      <c r="N112748" s="10"/>
    </row>
    <row r="112749" spans="14:14">
      <c r="N112749" s="10"/>
    </row>
    <row r="112750" spans="14:14">
      <c r="N112750" s="10"/>
    </row>
    <row r="112751" spans="14:14">
      <c r="N112751" s="10"/>
    </row>
    <row r="112752" spans="14:14">
      <c r="N112752" s="10"/>
    </row>
    <row r="112753" spans="14:14">
      <c r="N112753" s="10"/>
    </row>
    <row r="112754" spans="14:14">
      <c r="N112754" s="10"/>
    </row>
    <row r="112755" spans="14:14">
      <c r="N112755" s="10"/>
    </row>
    <row r="112756" spans="14:14">
      <c r="N112756" s="10"/>
    </row>
    <row r="112757" spans="14:14">
      <c r="N112757" s="10"/>
    </row>
    <row r="112758" spans="14:14">
      <c r="N112758" s="10"/>
    </row>
    <row r="112759" spans="14:14">
      <c r="N112759" s="10"/>
    </row>
    <row r="112760" spans="14:14">
      <c r="N112760" s="10"/>
    </row>
    <row r="112761" spans="14:14">
      <c r="N112761" s="10"/>
    </row>
    <row r="112762" spans="14:14">
      <c r="N112762" s="10"/>
    </row>
    <row r="112763" spans="14:14">
      <c r="N112763" s="10"/>
    </row>
    <row r="112764" spans="14:14">
      <c r="N112764" s="10"/>
    </row>
    <row r="112765" spans="14:14">
      <c r="N112765" s="10"/>
    </row>
    <row r="112766" spans="14:14">
      <c r="N112766" s="10"/>
    </row>
    <row r="112767" spans="14:14">
      <c r="N112767" s="10"/>
    </row>
    <row r="112768" spans="14:14">
      <c r="N112768" s="10"/>
    </row>
    <row r="112769" spans="14:14">
      <c r="N112769" s="10"/>
    </row>
    <row r="112770" spans="14:14">
      <c r="N112770" s="10"/>
    </row>
    <row r="112771" spans="14:14">
      <c r="N112771" s="10"/>
    </row>
    <row r="112772" spans="14:14">
      <c r="N112772" s="10"/>
    </row>
    <row r="112773" spans="14:14">
      <c r="N112773" s="10"/>
    </row>
    <row r="112774" spans="14:14">
      <c r="N112774" s="10"/>
    </row>
    <row r="112775" spans="14:14">
      <c r="N112775" s="10"/>
    </row>
    <row r="112776" spans="14:14">
      <c r="N112776" s="10"/>
    </row>
    <row r="112777" spans="14:14">
      <c r="N112777" s="10"/>
    </row>
    <row r="112778" spans="14:14">
      <c r="N112778" s="10"/>
    </row>
    <row r="112779" spans="14:14">
      <c r="N112779" s="10"/>
    </row>
    <row r="112780" spans="14:14">
      <c r="N112780" s="10"/>
    </row>
    <row r="112781" spans="14:14">
      <c r="N112781" s="10"/>
    </row>
    <row r="112782" spans="14:14">
      <c r="N112782" s="10"/>
    </row>
    <row r="112783" spans="14:14">
      <c r="N112783" s="10"/>
    </row>
    <row r="112784" spans="14:14">
      <c r="N112784" s="10"/>
    </row>
    <row r="112785" spans="14:14">
      <c r="N112785" s="10"/>
    </row>
    <row r="112786" spans="14:14">
      <c r="N112786" s="10"/>
    </row>
    <row r="112787" spans="14:14">
      <c r="N112787" s="10"/>
    </row>
    <row r="112788" spans="14:14">
      <c r="N112788" s="10"/>
    </row>
    <row r="112789" spans="14:14">
      <c r="N112789" s="10"/>
    </row>
    <row r="112790" spans="14:14">
      <c r="N112790" s="10"/>
    </row>
    <row r="112791" spans="14:14">
      <c r="N112791" s="10"/>
    </row>
    <row r="112792" spans="14:14">
      <c r="N112792" s="10"/>
    </row>
    <row r="112793" spans="14:14">
      <c r="N112793" s="10"/>
    </row>
    <row r="112794" spans="14:14">
      <c r="N112794" s="10"/>
    </row>
    <row r="112795" spans="14:14">
      <c r="N112795" s="10"/>
    </row>
    <row r="112796" spans="14:14">
      <c r="N112796" s="10"/>
    </row>
    <row r="112797" spans="14:14">
      <c r="N112797" s="10"/>
    </row>
    <row r="112798" spans="14:14">
      <c r="N112798" s="10"/>
    </row>
    <row r="112799" spans="14:14">
      <c r="N112799" s="10"/>
    </row>
    <row r="112800" spans="14:14">
      <c r="N112800" s="10"/>
    </row>
    <row r="112801" spans="14:14">
      <c r="N112801" s="10"/>
    </row>
    <row r="112802" spans="14:14">
      <c r="N112802" s="10"/>
    </row>
    <row r="112803" spans="14:14">
      <c r="N112803" s="10"/>
    </row>
    <row r="112804" spans="14:14">
      <c r="N112804" s="10"/>
    </row>
    <row r="112805" spans="14:14">
      <c r="N112805" s="10"/>
    </row>
    <row r="112806" spans="14:14">
      <c r="N112806" s="10"/>
    </row>
    <row r="112807" spans="14:14">
      <c r="N112807" s="10"/>
    </row>
    <row r="112808" spans="14:14">
      <c r="N112808" s="10"/>
    </row>
    <row r="112809" spans="14:14">
      <c r="N112809" s="10"/>
    </row>
    <row r="112810" spans="14:14">
      <c r="N112810" s="10"/>
    </row>
    <row r="112811" spans="14:14">
      <c r="N112811" s="10"/>
    </row>
    <row r="112812" spans="14:14">
      <c r="N112812" s="10"/>
    </row>
    <row r="112813" spans="14:14">
      <c r="N112813" s="10"/>
    </row>
    <row r="112814" spans="14:14">
      <c r="N112814" s="10"/>
    </row>
    <row r="112815" spans="14:14">
      <c r="N112815" s="10"/>
    </row>
    <row r="112816" spans="14:14">
      <c r="N112816" s="10"/>
    </row>
    <row r="112817" spans="14:14">
      <c r="N112817" s="10"/>
    </row>
    <row r="112818" spans="14:14">
      <c r="N112818" s="10"/>
    </row>
    <row r="112819" spans="14:14">
      <c r="N112819" s="10"/>
    </row>
    <row r="112820" spans="14:14">
      <c r="N112820" s="10"/>
    </row>
    <row r="112821" spans="14:14">
      <c r="N112821" s="10"/>
    </row>
    <row r="112822" spans="14:14">
      <c r="N112822" s="10"/>
    </row>
    <row r="112823" spans="14:14">
      <c r="N112823" s="10"/>
    </row>
    <row r="112824" spans="14:14">
      <c r="N112824" s="10"/>
    </row>
    <row r="112825" spans="14:14">
      <c r="N112825" s="10"/>
    </row>
    <row r="112826" spans="14:14">
      <c r="N112826" s="10"/>
    </row>
    <row r="112827" spans="14:14">
      <c r="N112827" s="10"/>
    </row>
    <row r="112828" spans="14:14">
      <c r="N112828" s="10"/>
    </row>
    <row r="112829" spans="14:14">
      <c r="N112829" s="10"/>
    </row>
    <row r="112830" spans="14:14">
      <c r="N112830" s="10"/>
    </row>
    <row r="112831" spans="14:14">
      <c r="N112831" s="10"/>
    </row>
    <row r="112832" spans="14:14">
      <c r="N112832" s="10"/>
    </row>
    <row r="112833" spans="14:14">
      <c r="N112833" s="10"/>
    </row>
    <row r="112834" spans="14:14">
      <c r="N112834" s="10"/>
    </row>
    <row r="112835" spans="14:14">
      <c r="N112835" s="10"/>
    </row>
    <row r="112836" spans="14:14">
      <c r="N112836" s="10"/>
    </row>
    <row r="112837" spans="14:14">
      <c r="N112837" s="10"/>
    </row>
    <row r="112838" spans="14:14">
      <c r="N112838" s="10"/>
    </row>
    <row r="112839" spans="14:14">
      <c r="N112839" s="10"/>
    </row>
    <row r="112840" spans="14:14">
      <c r="N112840" s="10"/>
    </row>
    <row r="112841" spans="14:14">
      <c r="N112841" s="10"/>
    </row>
    <row r="112842" spans="14:14">
      <c r="N112842" s="10"/>
    </row>
    <row r="112843" spans="14:14">
      <c r="N112843" s="10"/>
    </row>
    <row r="112844" spans="14:14">
      <c r="N112844" s="10"/>
    </row>
    <row r="112845" spans="14:14">
      <c r="N112845" s="10"/>
    </row>
    <row r="112846" spans="14:14">
      <c r="N112846" s="10"/>
    </row>
    <row r="112847" spans="14:14">
      <c r="N112847" s="10"/>
    </row>
    <row r="112848" spans="14:14">
      <c r="N112848" s="10"/>
    </row>
    <row r="112849" spans="14:14">
      <c r="N112849" s="10"/>
    </row>
    <row r="112850" spans="14:14">
      <c r="N112850" s="10"/>
    </row>
    <row r="112851" spans="14:14">
      <c r="N112851" s="10"/>
    </row>
    <row r="112852" spans="14:14">
      <c r="N112852" s="10"/>
    </row>
    <row r="112853" spans="14:14">
      <c r="N112853" s="10"/>
    </row>
    <row r="112854" spans="14:14">
      <c r="N112854" s="10"/>
    </row>
    <row r="112855" spans="14:14">
      <c r="N112855" s="10"/>
    </row>
    <row r="112856" spans="14:14">
      <c r="N112856" s="10"/>
    </row>
    <row r="112857" spans="14:14">
      <c r="N112857" s="10"/>
    </row>
    <row r="112858" spans="14:14">
      <c r="N112858" s="10"/>
    </row>
    <row r="112859" spans="14:14">
      <c r="N112859" s="10"/>
    </row>
    <row r="112860" spans="14:14">
      <c r="N112860" s="10"/>
    </row>
    <row r="112861" spans="14:14">
      <c r="N112861" s="10"/>
    </row>
    <row r="112862" spans="14:14">
      <c r="N112862" s="10"/>
    </row>
    <row r="112863" spans="14:14">
      <c r="N112863" s="10"/>
    </row>
    <row r="112864" spans="14:14">
      <c r="N112864" s="10"/>
    </row>
    <row r="112865" spans="14:14">
      <c r="N112865" s="10"/>
    </row>
    <row r="112866" spans="14:14">
      <c r="N112866" s="10"/>
    </row>
    <row r="112867" spans="14:14">
      <c r="N112867" s="10"/>
    </row>
    <row r="112868" spans="14:14">
      <c r="N112868" s="10"/>
    </row>
    <row r="112869" spans="14:14">
      <c r="N112869" s="10"/>
    </row>
    <row r="112870" spans="14:14">
      <c r="N112870" s="10"/>
    </row>
    <row r="112871" spans="14:14">
      <c r="N112871" s="10"/>
    </row>
    <row r="112872" spans="14:14">
      <c r="N112872" s="10"/>
    </row>
    <row r="112873" spans="14:14">
      <c r="N112873" s="10"/>
    </row>
    <row r="112874" spans="14:14">
      <c r="N112874" s="10"/>
    </row>
    <row r="112875" spans="14:14">
      <c r="N112875" s="10"/>
    </row>
    <row r="112876" spans="14:14">
      <c r="N112876" s="10"/>
    </row>
    <row r="112877" spans="14:14">
      <c r="N112877" s="10"/>
    </row>
    <row r="112878" spans="14:14">
      <c r="N112878" s="10"/>
    </row>
    <row r="112879" spans="14:14">
      <c r="N112879" s="10"/>
    </row>
    <row r="112880" spans="14:14">
      <c r="N112880" s="10"/>
    </row>
    <row r="112881" spans="14:14">
      <c r="N112881" s="10"/>
    </row>
    <row r="112882" spans="14:14">
      <c r="N112882" s="10"/>
    </row>
    <row r="112883" spans="14:14">
      <c r="N112883" s="10"/>
    </row>
    <row r="112884" spans="14:14">
      <c r="N112884" s="10"/>
    </row>
    <row r="112885" spans="14:14">
      <c r="N112885" s="10"/>
    </row>
    <row r="112886" spans="14:14">
      <c r="N112886" s="10"/>
    </row>
    <row r="112887" spans="14:14">
      <c r="N112887" s="10"/>
    </row>
    <row r="112888" spans="14:14">
      <c r="N112888" s="10"/>
    </row>
    <row r="112889" spans="14:14">
      <c r="N112889" s="10"/>
    </row>
    <row r="112890" spans="14:14">
      <c r="N112890" s="10"/>
    </row>
    <row r="112891" spans="14:14">
      <c r="N112891" s="10"/>
    </row>
    <row r="112892" spans="14:14">
      <c r="N112892" s="10"/>
    </row>
    <row r="112893" spans="14:14">
      <c r="N112893" s="10"/>
    </row>
    <row r="112894" spans="14:14">
      <c r="N112894" s="10"/>
    </row>
    <row r="112895" spans="14:14">
      <c r="N112895" s="10"/>
    </row>
    <row r="112896" spans="14:14">
      <c r="N112896" s="10"/>
    </row>
    <row r="112897" spans="14:14">
      <c r="N112897" s="10"/>
    </row>
    <row r="112898" spans="14:14">
      <c r="N112898" s="10"/>
    </row>
    <row r="112899" spans="14:14">
      <c r="N112899" s="10"/>
    </row>
    <row r="112900" spans="14:14">
      <c r="N112900" s="10"/>
    </row>
    <row r="112901" spans="14:14">
      <c r="N112901" s="10"/>
    </row>
    <row r="112902" spans="14:14">
      <c r="N112902" s="10"/>
    </row>
    <row r="112903" spans="14:14">
      <c r="N112903" s="10"/>
    </row>
    <row r="112904" spans="14:14">
      <c r="N112904" s="10"/>
    </row>
    <row r="112905" spans="14:14">
      <c r="N112905" s="10"/>
    </row>
    <row r="112906" spans="14:14">
      <c r="N112906" s="10"/>
    </row>
    <row r="112907" spans="14:14">
      <c r="N112907" s="10"/>
    </row>
    <row r="112908" spans="14:14">
      <c r="N112908" s="10"/>
    </row>
    <row r="112909" spans="14:14">
      <c r="N112909" s="10"/>
    </row>
    <row r="112910" spans="14:14">
      <c r="N112910" s="10"/>
    </row>
    <row r="112911" spans="14:14">
      <c r="N112911" s="10"/>
    </row>
    <row r="112912" spans="14:14">
      <c r="N112912" s="10"/>
    </row>
    <row r="112913" spans="14:14">
      <c r="N112913" s="10"/>
    </row>
    <row r="112914" spans="14:14">
      <c r="N112914" s="10"/>
    </row>
    <row r="112915" spans="14:14">
      <c r="N112915" s="10"/>
    </row>
    <row r="112916" spans="14:14">
      <c r="N112916" s="10"/>
    </row>
    <row r="112917" spans="14:14">
      <c r="N112917" s="10"/>
    </row>
    <row r="112918" spans="14:14">
      <c r="N112918" s="10"/>
    </row>
    <row r="112919" spans="14:14">
      <c r="N112919" s="10"/>
    </row>
    <row r="112920" spans="14:14">
      <c r="N112920" s="10"/>
    </row>
    <row r="112921" spans="14:14">
      <c r="N112921" s="10"/>
    </row>
    <row r="112922" spans="14:14">
      <c r="N112922" s="10"/>
    </row>
    <row r="112923" spans="14:14">
      <c r="N112923" s="10"/>
    </row>
    <row r="112924" spans="14:14">
      <c r="N112924" s="10"/>
    </row>
    <row r="112925" spans="14:14">
      <c r="N112925" s="10"/>
    </row>
    <row r="112926" spans="14:14">
      <c r="N112926" s="10"/>
    </row>
    <row r="112927" spans="14:14">
      <c r="N112927" s="10"/>
    </row>
    <row r="112928" spans="14:14">
      <c r="N112928" s="10"/>
    </row>
    <row r="112929" spans="14:14">
      <c r="N112929" s="10"/>
    </row>
    <row r="112930" spans="14:14">
      <c r="N112930" s="10"/>
    </row>
    <row r="112931" spans="14:14">
      <c r="N112931" s="10"/>
    </row>
    <row r="112932" spans="14:14">
      <c r="N112932" s="10"/>
    </row>
    <row r="112933" spans="14:14">
      <c r="N112933" s="10"/>
    </row>
    <row r="112934" spans="14:14">
      <c r="N112934" s="10"/>
    </row>
    <row r="112935" spans="14:14">
      <c r="N112935" s="10"/>
    </row>
    <row r="112936" spans="14:14">
      <c r="N112936" s="10"/>
    </row>
    <row r="112937" spans="14:14">
      <c r="N112937" s="10"/>
    </row>
    <row r="112938" spans="14:14">
      <c r="N112938" s="10"/>
    </row>
    <row r="112939" spans="14:14">
      <c r="N112939" s="10"/>
    </row>
    <row r="112940" spans="14:14">
      <c r="N112940" s="10"/>
    </row>
    <row r="112941" spans="14:14">
      <c r="N112941" s="10"/>
    </row>
    <row r="112942" spans="14:14">
      <c r="N112942" s="10"/>
    </row>
    <row r="112943" spans="14:14">
      <c r="N112943" s="10"/>
    </row>
    <row r="112944" spans="14:14">
      <c r="N112944" s="10"/>
    </row>
    <row r="112945" spans="14:14">
      <c r="N112945" s="10"/>
    </row>
    <row r="112946" spans="14:14">
      <c r="N112946" s="10"/>
    </row>
    <row r="112947" spans="14:14">
      <c r="N112947" s="10"/>
    </row>
    <row r="112948" spans="14:14">
      <c r="N112948" s="10"/>
    </row>
    <row r="112949" spans="14:14">
      <c r="N112949" s="10"/>
    </row>
    <row r="112950" spans="14:14">
      <c r="N112950" s="10"/>
    </row>
    <row r="112951" spans="14:14">
      <c r="N112951" s="10"/>
    </row>
    <row r="112952" spans="14:14">
      <c r="N112952" s="10"/>
    </row>
    <row r="112953" spans="14:14">
      <c r="N112953" s="10"/>
    </row>
    <row r="112954" spans="14:14">
      <c r="N112954" s="10"/>
    </row>
    <row r="112955" spans="14:14">
      <c r="N112955" s="10"/>
    </row>
    <row r="112956" spans="14:14">
      <c r="N112956" s="10"/>
    </row>
    <row r="112957" spans="14:14">
      <c r="N112957" s="10"/>
    </row>
    <row r="112958" spans="14:14">
      <c r="N112958" s="10"/>
    </row>
    <row r="112959" spans="14:14">
      <c r="N112959" s="10"/>
    </row>
    <row r="112960" spans="14:14">
      <c r="N112960" s="10"/>
    </row>
    <row r="112961" spans="14:14">
      <c r="N112961" s="10"/>
    </row>
    <row r="112962" spans="14:14">
      <c r="N112962" s="10"/>
    </row>
    <row r="112963" spans="14:14">
      <c r="N112963" s="10"/>
    </row>
    <row r="112964" spans="14:14">
      <c r="N112964" s="10"/>
    </row>
    <row r="112965" spans="14:14">
      <c r="N112965" s="10"/>
    </row>
    <row r="112966" spans="14:14">
      <c r="N112966" s="10"/>
    </row>
    <row r="112967" spans="14:14">
      <c r="N112967" s="10"/>
    </row>
    <row r="112968" spans="14:14">
      <c r="N112968" s="10"/>
    </row>
    <row r="112969" spans="14:14">
      <c r="N112969" s="10"/>
    </row>
    <row r="112970" spans="14:14">
      <c r="N112970" s="10"/>
    </row>
    <row r="112971" spans="14:14">
      <c r="N112971" s="10"/>
    </row>
    <row r="112972" spans="14:14">
      <c r="N112972" s="10"/>
    </row>
    <row r="112973" spans="14:14">
      <c r="N112973" s="10"/>
    </row>
    <row r="112974" spans="14:14">
      <c r="N112974" s="10"/>
    </row>
    <row r="112975" spans="14:14">
      <c r="N112975" s="10"/>
    </row>
    <row r="112976" spans="14:14">
      <c r="N112976" s="10"/>
    </row>
    <row r="112977" spans="14:14">
      <c r="N112977" s="10"/>
    </row>
    <row r="112978" spans="14:14">
      <c r="N112978" s="10"/>
    </row>
    <row r="112979" spans="14:14">
      <c r="N112979" s="10"/>
    </row>
    <row r="112980" spans="14:14">
      <c r="N112980" s="10"/>
    </row>
    <row r="112981" spans="14:14">
      <c r="N112981" s="10"/>
    </row>
    <row r="112982" spans="14:14">
      <c r="N112982" s="10"/>
    </row>
    <row r="112983" spans="14:14">
      <c r="N112983" s="10"/>
    </row>
    <row r="112984" spans="14:14">
      <c r="N112984" s="10"/>
    </row>
    <row r="112985" spans="14:14">
      <c r="N112985" s="10"/>
    </row>
    <row r="112986" spans="14:14">
      <c r="N112986" s="10"/>
    </row>
    <row r="112987" spans="14:14">
      <c r="N112987" s="10"/>
    </row>
    <row r="112988" spans="14:14">
      <c r="N112988" s="10"/>
    </row>
    <row r="112989" spans="14:14">
      <c r="N112989" s="10"/>
    </row>
    <row r="112990" spans="14:14">
      <c r="N112990" s="10"/>
    </row>
    <row r="112991" spans="14:14">
      <c r="N112991" s="10"/>
    </row>
    <row r="112992" spans="14:14">
      <c r="N112992" s="10"/>
    </row>
    <row r="112993" spans="14:14">
      <c r="N112993" s="10"/>
    </row>
    <row r="112994" spans="14:14">
      <c r="N112994" s="10"/>
    </row>
    <row r="112995" spans="14:14">
      <c r="N112995" s="10"/>
    </row>
    <row r="112996" spans="14:14">
      <c r="N112996" s="10"/>
    </row>
    <row r="112997" spans="14:14">
      <c r="N112997" s="10"/>
    </row>
    <row r="112998" spans="14:14">
      <c r="N112998" s="10"/>
    </row>
    <row r="112999" spans="14:14">
      <c r="N112999" s="10"/>
    </row>
    <row r="113000" spans="14:14">
      <c r="N113000" s="10"/>
    </row>
    <row r="113001" spans="14:14">
      <c r="N113001" s="10"/>
    </row>
    <row r="113002" spans="14:14">
      <c r="N113002" s="10"/>
    </row>
    <row r="113003" spans="14:14">
      <c r="N113003" s="10"/>
    </row>
    <row r="113004" spans="14:14">
      <c r="N113004" s="10"/>
    </row>
    <row r="113005" spans="14:14">
      <c r="N113005" s="10"/>
    </row>
    <row r="113006" spans="14:14">
      <c r="N113006" s="10"/>
    </row>
    <row r="113007" spans="14:14">
      <c r="N113007" s="10"/>
    </row>
    <row r="113008" spans="14:14">
      <c r="N113008" s="10"/>
    </row>
    <row r="113009" spans="14:14">
      <c r="N113009" s="10"/>
    </row>
    <row r="113010" spans="14:14">
      <c r="N113010" s="10"/>
    </row>
    <row r="113011" spans="14:14">
      <c r="N113011" s="10"/>
    </row>
    <row r="113012" spans="14:14">
      <c r="N113012" s="10"/>
    </row>
    <row r="113013" spans="14:14">
      <c r="N113013" s="10"/>
    </row>
    <row r="113014" spans="14:14">
      <c r="N113014" s="10"/>
    </row>
    <row r="113015" spans="14:14">
      <c r="N113015" s="10"/>
    </row>
    <row r="113016" spans="14:14">
      <c r="N113016" s="10"/>
    </row>
    <row r="113017" spans="14:14">
      <c r="N113017" s="10"/>
    </row>
    <row r="113018" spans="14:14">
      <c r="N113018" s="10"/>
    </row>
    <row r="113019" spans="14:14">
      <c r="N113019" s="10"/>
    </row>
    <row r="113020" spans="14:14">
      <c r="N113020" s="10"/>
    </row>
    <row r="113021" spans="14:14">
      <c r="N113021" s="10"/>
    </row>
    <row r="113022" spans="14:14">
      <c r="N113022" s="10"/>
    </row>
    <row r="113023" spans="14:14">
      <c r="N113023" s="10"/>
    </row>
    <row r="113024" spans="14:14">
      <c r="N113024" s="10"/>
    </row>
    <row r="113025" spans="14:14">
      <c r="N113025" s="10"/>
    </row>
    <row r="113026" spans="14:14">
      <c r="N113026" s="10"/>
    </row>
    <row r="113027" spans="14:14">
      <c r="N113027" s="10"/>
    </row>
    <row r="113028" spans="14:14">
      <c r="N113028" s="10"/>
    </row>
    <row r="113029" spans="14:14">
      <c r="N113029" s="10"/>
    </row>
    <row r="113030" spans="14:14">
      <c r="N113030" s="10"/>
    </row>
    <row r="113031" spans="14:14">
      <c r="N113031" s="10"/>
    </row>
    <row r="113032" spans="14:14">
      <c r="N113032" s="10"/>
    </row>
    <row r="113033" spans="14:14">
      <c r="N113033" s="10"/>
    </row>
    <row r="113034" spans="14:14">
      <c r="N113034" s="10"/>
    </row>
    <row r="113035" spans="14:14">
      <c r="N113035" s="10"/>
    </row>
    <row r="113036" spans="14:14">
      <c r="N113036" s="10"/>
    </row>
    <row r="113037" spans="14:14">
      <c r="N113037" s="10"/>
    </row>
    <row r="113038" spans="14:14">
      <c r="N113038" s="10"/>
    </row>
    <row r="113039" spans="14:14">
      <c r="N113039" s="10"/>
    </row>
    <row r="113040" spans="14:14">
      <c r="N113040" s="10"/>
    </row>
    <row r="113041" spans="14:14">
      <c r="N113041" s="10"/>
    </row>
    <row r="113042" spans="14:14">
      <c r="N113042" s="10"/>
    </row>
    <row r="113043" spans="14:14">
      <c r="N113043" s="10"/>
    </row>
    <row r="113044" spans="14:14">
      <c r="N113044" s="10"/>
    </row>
    <row r="113045" spans="14:14">
      <c r="N113045" s="10"/>
    </row>
    <row r="113046" spans="14:14">
      <c r="N113046" s="10"/>
    </row>
    <row r="113047" spans="14:14">
      <c r="N113047" s="10"/>
    </row>
    <row r="113048" spans="14:14">
      <c r="N113048" s="10"/>
    </row>
    <row r="113049" spans="14:14">
      <c r="N113049" s="10"/>
    </row>
    <row r="113050" spans="14:14">
      <c r="N113050" s="10"/>
    </row>
    <row r="113051" spans="14:14">
      <c r="N113051" s="10"/>
    </row>
    <row r="113052" spans="14:14">
      <c r="N113052" s="10"/>
    </row>
    <row r="113053" spans="14:14">
      <c r="N113053" s="10"/>
    </row>
    <row r="113054" spans="14:14">
      <c r="N113054" s="10"/>
    </row>
    <row r="113055" spans="14:14">
      <c r="N113055" s="10"/>
    </row>
    <row r="113056" spans="14:14">
      <c r="N113056" s="10"/>
    </row>
    <row r="113057" spans="14:14">
      <c r="N113057" s="10"/>
    </row>
    <row r="113058" spans="14:14">
      <c r="N113058" s="10"/>
    </row>
    <row r="113059" spans="14:14">
      <c r="N113059" s="10"/>
    </row>
    <row r="113060" spans="14:14">
      <c r="N113060" s="10"/>
    </row>
    <row r="113061" spans="14:14">
      <c r="N113061" s="10"/>
    </row>
    <row r="113062" spans="14:14">
      <c r="N113062" s="10"/>
    </row>
    <row r="113063" spans="14:14">
      <c r="N113063" s="10"/>
    </row>
    <row r="113064" spans="14:14">
      <c r="N113064" s="10"/>
    </row>
    <row r="113065" spans="14:14">
      <c r="N113065" s="10"/>
    </row>
    <row r="113066" spans="14:14">
      <c r="N113066" s="10"/>
    </row>
    <row r="113067" spans="14:14">
      <c r="N113067" s="10"/>
    </row>
    <row r="113068" spans="14:14">
      <c r="N113068" s="10"/>
    </row>
    <row r="113069" spans="14:14">
      <c r="N113069" s="10"/>
    </row>
    <row r="113070" spans="14:14">
      <c r="N113070" s="10"/>
    </row>
    <row r="113071" spans="14:14">
      <c r="N113071" s="10"/>
    </row>
    <row r="113072" spans="14:14">
      <c r="N113072" s="10"/>
    </row>
    <row r="113073" spans="14:14">
      <c r="N113073" s="10"/>
    </row>
    <row r="113074" spans="14:14">
      <c r="N113074" s="10"/>
    </row>
    <row r="113075" spans="14:14">
      <c r="N113075" s="10"/>
    </row>
    <row r="113076" spans="14:14">
      <c r="N113076" s="10"/>
    </row>
    <row r="113077" spans="14:14">
      <c r="N113077" s="10"/>
    </row>
    <row r="113078" spans="14:14">
      <c r="N113078" s="10"/>
    </row>
    <row r="113079" spans="14:14">
      <c r="N113079" s="10"/>
    </row>
    <row r="113080" spans="14:14">
      <c r="N113080" s="10"/>
    </row>
    <row r="113081" spans="14:14">
      <c r="N113081" s="10"/>
    </row>
    <row r="113082" spans="14:14">
      <c r="N113082" s="10"/>
    </row>
    <row r="113083" spans="14:14">
      <c r="N113083" s="10"/>
    </row>
    <row r="113084" spans="14:14">
      <c r="N113084" s="10"/>
    </row>
    <row r="113085" spans="14:14">
      <c r="N113085" s="10"/>
    </row>
    <row r="113086" spans="14:14">
      <c r="N113086" s="10"/>
    </row>
    <row r="113087" spans="14:14">
      <c r="N113087" s="10"/>
    </row>
    <row r="113088" spans="14:14">
      <c r="N113088" s="10"/>
    </row>
    <row r="113089" spans="14:14">
      <c r="N113089" s="10"/>
    </row>
    <row r="113090" spans="14:14">
      <c r="N113090" s="10"/>
    </row>
    <row r="113091" spans="14:14">
      <c r="N113091" s="10"/>
    </row>
    <row r="113092" spans="14:14">
      <c r="N113092" s="10"/>
    </row>
    <row r="113093" spans="14:14">
      <c r="N113093" s="10"/>
    </row>
    <row r="113094" spans="14:14">
      <c r="N113094" s="10"/>
    </row>
    <row r="113095" spans="14:14">
      <c r="N113095" s="10"/>
    </row>
    <row r="113096" spans="14:14">
      <c r="N113096" s="10"/>
    </row>
    <row r="113097" spans="14:14">
      <c r="N113097" s="10"/>
    </row>
    <row r="113098" spans="14:14">
      <c r="N113098" s="10"/>
    </row>
    <row r="113099" spans="14:14">
      <c r="N113099" s="10"/>
    </row>
    <row r="113100" spans="14:14">
      <c r="N113100" s="10"/>
    </row>
    <row r="113101" spans="14:14">
      <c r="N113101" s="10"/>
    </row>
    <row r="113102" spans="14:14">
      <c r="N113102" s="10"/>
    </row>
    <row r="113103" spans="14:14">
      <c r="N113103" s="10"/>
    </row>
    <row r="113104" spans="14:14">
      <c r="N113104" s="10"/>
    </row>
    <row r="113105" spans="14:14">
      <c r="N113105" s="10"/>
    </row>
    <row r="113106" spans="14:14">
      <c r="N113106" s="10"/>
    </row>
    <row r="113107" spans="14:14">
      <c r="N113107" s="10"/>
    </row>
    <row r="113108" spans="14:14">
      <c r="N113108" s="10"/>
    </row>
    <row r="113109" spans="14:14">
      <c r="N113109" s="10"/>
    </row>
    <row r="113110" spans="14:14">
      <c r="N113110" s="10"/>
    </row>
    <row r="113111" spans="14:14">
      <c r="N113111" s="10"/>
    </row>
    <row r="113112" spans="14:14">
      <c r="N113112" s="10"/>
    </row>
    <row r="113113" spans="14:14">
      <c r="N113113" s="10"/>
    </row>
    <row r="113114" spans="14:14">
      <c r="N113114" s="10"/>
    </row>
    <row r="113115" spans="14:14">
      <c r="N113115" s="10"/>
    </row>
    <row r="113116" spans="14:14">
      <c r="N113116" s="10"/>
    </row>
    <row r="113117" spans="14:14">
      <c r="N113117" s="10"/>
    </row>
    <row r="113118" spans="14:14">
      <c r="N113118" s="10"/>
    </row>
    <row r="113119" spans="14:14">
      <c r="N113119" s="10"/>
    </row>
    <row r="113120" spans="14:14">
      <c r="N113120" s="10"/>
    </row>
    <row r="113121" spans="14:14">
      <c r="N113121" s="10"/>
    </row>
    <row r="113122" spans="14:14">
      <c r="N113122" s="10"/>
    </row>
    <row r="113123" spans="14:14">
      <c r="N113123" s="10"/>
    </row>
    <row r="113124" spans="14:14">
      <c r="N113124" s="10"/>
    </row>
    <row r="113125" spans="14:14">
      <c r="N113125" s="10"/>
    </row>
    <row r="113126" spans="14:14">
      <c r="N113126" s="10"/>
    </row>
    <row r="113127" spans="14:14">
      <c r="N113127" s="10"/>
    </row>
    <row r="113128" spans="14:14">
      <c r="N113128" s="10"/>
    </row>
    <row r="113129" spans="14:14">
      <c r="N113129" s="10"/>
    </row>
    <row r="113130" spans="14:14">
      <c r="N113130" s="10"/>
    </row>
    <row r="113131" spans="14:14">
      <c r="N113131" s="10"/>
    </row>
    <row r="113132" spans="14:14">
      <c r="N113132" s="10"/>
    </row>
    <row r="113133" spans="14:14">
      <c r="N113133" s="10"/>
    </row>
    <row r="113134" spans="14:14">
      <c r="N113134" s="10"/>
    </row>
    <row r="113135" spans="14:14">
      <c r="N113135" s="10"/>
    </row>
    <row r="113136" spans="14:14">
      <c r="N113136" s="10"/>
    </row>
    <row r="113137" spans="14:14">
      <c r="N113137" s="10"/>
    </row>
    <row r="113138" spans="14:14">
      <c r="N113138" s="10"/>
    </row>
    <row r="113139" spans="14:14">
      <c r="N113139" s="10"/>
    </row>
    <row r="113140" spans="14:14">
      <c r="N113140" s="10"/>
    </row>
    <row r="113141" spans="14:14">
      <c r="N113141" s="10"/>
    </row>
    <row r="113142" spans="14:14">
      <c r="N113142" s="10"/>
    </row>
    <row r="113143" spans="14:14">
      <c r="N113143" s="10"/>
    </row>
    <row r="113144" spans="14:14">
      <c r="N113144" s="10"/>
    </row>
    <row r="113145" spans="14:14">
      <c r="N113145" s="10"/>
    </row>
    <row r="113146" spans="14:14">
      <c r="N113146" s="10"/>
    </row>
    <row r="113147" spans="14:14">
      <c r="N113147" s="10"/>
    </row>
    <row r="113148" spans="14:14">
      <c r="N113148" s="10"/>
    </row>
    <row r="113149" spans="14:14">
      <c r="N113149" s="10"/>
    </row>
    <row r="113150" spans="14:14">
      <c r="N113150" s="10"/>
    </row>
    <row r="113151" spans="14:14">
      <c r="N113151" s="10"/>
    </row>
    <row r="113152" spans="14:14">
      <c r="N113152" s="10"/>
    </row>
    <row r="113153" spans="14:14">
      <c r="N113153" s="10"/>
    </row>
    <row r="113154" spans="14:14">
      <c r="N113154" s="10"/>
    </row>
    <row r="113155" spans="14:14">
      <c r="N113155" s="10"/>
    </row>
    <row r="113156" spans="14:14">
      <c r="N113156" s="10"/>
    </row>
    <row r="113157" spans="14:14">
      <c r="N113157" s="10"/>
    </row>
    <row r="113158" spans="14:14">
      <c r="N113158" s="10"/>
    </row>
    <row r="113159" spans="14:14">
      <c r="N113159" s="10"/>
    </row>
    <row r="113160" spans="14:14">
      <c r="N113160" s="10"/>
    </row>
    <row r="113161" spans="14:14">
      <c r="N113161" s="10"/>
    </row>
    <row r="113162" spans="14:14">
      <c r="N113162" s="10"/>
    </row>
    <row r="113163" spans="14:14">
      <c r="N113163" s="10"/>
    </row>
    <row r="113164" spans="14:14">
      <c r="N113164" s="10"/>
    </row>
    <row r="113165" spans="14:14">
      <c r="N113165" s="10"/>
    </row>
    <row r="113166" spans="14:14">
      <c r="N113166" s="10"/>
    </row>
    <row r="113167" spans="14:14">
      <c r="N113167" s="10"/>
    </row>
    <row r="113168" spans="14:14">
      <c r="N113168" s="10"/>
    </row>
    <row r="113169" spans="14:14">
      <c r="N113169" s="10"/>
    </row>
    <row r="113170" spans="14:14">
      <c r="N113170" s="10"/>
    </row>
    <row r="113171" spans="14:14">
      <c r="N113171" s="10"/>
    </row>
    <row r="113172" spans="14:14">
      <c r="N113172" s="10"/>
    </row>
    <row r="113173" spans="14:14">
      <c r="N113173" s="10"/>
    </row>
    <row r="113174" spans="14:14">
      <c r="N113174" s="10"/>
    </row>
    <row r="113175" spans="14:14">
      <c r="N113175" s="10"/>
    </row>
    <row r="113176" spans="14:14">
      <c r="N113176" s="10"/>
    </row>
    <row r="113177" spans="14:14">
      <c r="N113177" s="10"/>
    </row>
    <row r="113178" spans="14:14">
      <c r="N113178" s="10"/>
    </row>
    <row r="113179" spans="14:14">
      <c r="N113179" s="10"/>
    </row>
    <row r="113180" spans="14:14">
      <c r="N113180" s="10"/>
    </row>
    <row r="113181" spans="14:14">
      <c r="N113181" s="10"/>
    </row>
    <row r="113182" spans="14:14">
      <c r="N113182" s="10"/>
    </row>
    <row r="113183" spans="14:14">
      <c r="N113183" s="10"/>
    </row>
    <row r="113184" spans="14:14">
      <c r="N113184" s="10"/>
    </row>
    <row r="113185" spans="14:14">
      <c r="N113185" s="10"/>
    </row>
    <row r="113186" spans="14:14">
      <c r="N113186" s="10"/>
    </row>
    <row r="113187" spans="14:14">
      <c r="N113187" s="10"/>
    </row>
    <row r="113188" spans="14:14">
      <c r="N113188" s="10"/>
    </row>
    <row r="113189" spans="14:14">
      <c r="N113189" s="10"/>
    </row>
    <row r="113190" spans="14:14">
      <c r="N113190" s="10"/>
    </row>
    <row r="113191" spans="14:14">
      <c r="N113191" s="10"/>
    </row>
    <row r="113192" spans="14:14">
      <c r="N113192" s="10"/>
    </row>
    <row r="113193" spans="14:14">
      <c r="N113193" s="10"/>
    </row>
    <row r="113194" spans="14:14">
      <c r="N113194" s="10"/>
    </row>
    <row r="113195" spans="14:14">
      <c r="N113195" s="10"/>
    </row>
    <row r="113196" spans="14:14">
      <c r="N113196" s="10"/>
    </row>
    <row r="113197" spans="14:14">
      <c r="N113197" s="10"/>
    </row>
    <row r="113198" spans="14:14">
      <c r="N113198" s="10"/>
    </row>
    <row r="113199" spans="14:14">
      <c r="N113199" s="10"/>
    </row>
    <row r="113200" spans="14:14">
      <c r="N113200" s="10"/>
    </row>
    <row r="113201" spans="14:14">
      <c r="N113201" s="10"/>
    </row>
    <row r="113202" spans="14:14">
      <c r="N113202" s="10"/>
    </row>
    <row r="113203" spans="14:14">
      <c r="N113203" s="10"/>
    </row>
    <row r="113204" spans="14:14">
      <c r="N113204" s="10"/>
    </row>
    <row r="113205" spans="14:14">
      <c r="N113205" s="10"/>
    </row>
    <row r="113206" spans="14:14">
      <c r="N113206" s="10"/>
    </row>
    <row r="113207" spans="14:14">
      <c r="N113207" s="10"/>
    </row>
    <row r="113208" spans="14:14">
      <c r="N113208" s="10"/>
    </row>
    <row r="113209" spans="14:14">
      <c r="N113209" s="10"/>
    </row>
    <row r="113210" spans="14:14">
      <c r="N113210" s="10"/>
    </row>
    <row r="113211" spans="14:14">
      <c r="N113211" s="10"/>
    </row>
    <row r="113212" spans="14:14">
      <c r="N113212" s="10"/>
    </row>
    <row r="113213" spans="14:14">
      <c r="N113213" s="10"/>
    </row>
    <row r="113214" spans="14:14">
      <c r="N113214" s="10"/>
    </row>
    <row r="113215" spans="14:14">
      <c r="N113215" s="10"/>
    </row>
    <row r="113216" spans="14:14">
      <c r="N113216" s="10"/>
    </row>
    <row r="113217" spans="14:14">
      <c r="N113217" s="10"/>
    </row>
    <row r="113218" spans="14:14">
      <c r="N113218" s="10"/>
    </row>
    <row r="113219" spans="14:14">
      <c r="N113219" s="10"/>
    </row>
    <row r="113220" spans="14:14">
      <c r="N113220" s="10"/>
    </row>
    <row r="113221" spans="14:14">
      <c r="N113221" s="10"/>
    </row>
    <row r="113222" spans="14:14">
      <c r="N113222" s="10"/>
    </row>
    <row r="113223" spans="14:14">
      <c r="N113223" s="10"/>
    </row>
    <row r="113224" spans="14:14">
      <c r="N113224" s="10"/>
    </row>
    <row r="113225" spans="14:14">
      <c r="N113225" s="10"/>
    </row>
    <row r="113226" spans="14:14">
      <c r="N113226" s="10"/>
    </row>
    <row r="113227" spans="14:14">
      <c r="N113227" s="10"/>
    </row>
    <row r="113228" spans="14:14">
      <c r="N113228" s="10"/>
    </row>
    <row r="113229" spans="14:14">
      <c r="N113229" s="10"/>
    </row>
    <row r="113230" spans="14:14">
      <c r="N113230" s="10"/>
    </row>
    <row r="113231" spans="14:14">
      <c r="N113231" s="10"/>
    </row>
    <row r="113232" spans="14:14">
      <c r="N113232" s="10"/>
    </row>
    <row r="113233" spans="14:14">
      <c r="N113233" s="10"/>
    </row>
    <row r="113234" spans="14:14">
      <c r="N113234" s="10"/>
    </row>
    <row r="113235" spans="14:14">
      <c r="N113235" s="10"/>
    </row>
    <row r="113236" spans="14:14">
      <c r="N113236" s="10"/>
    </row>
    <row r="113237" spans="14:14">
      <c r="N113237" s="10"/>
    </row>
    <row r="113238" spans="14:14">
      <c r="N113238" s="10"/>
    </row>
    <row r="113239" spans="14:14">
      <c r="N113239" s="10"/>
    </row>
    <row r="113240" spans="14:14">
      <c r="N113240" s="10"/>
    </row>
    <row r="113241" spans="14:14">
      <c r="N113241" s="10"/>
    </row>
    <row r="113242" spans="14:14">
      <c r="N113242" s="10"/>
    </row>
    <row r="113243" spans="14:14">
      <c r="N113243" s="10"/>
    </row>
    <row r="113244" spans="14:14">
      <c r="N113244" s="10"/>
    </row>
    <row r="113245" spans="14:14">
      <c r="N113245" s="10"/>
    </row>
    <row r="113246" spans="14:14">
      <c r="N113246" s="10"/>
    </row>
    <row r="113247" spans="14:14">
      <c r="N113247" s="10"/>
    </row>
    <row r="113248" spans="14:14">
      <c r="N113248" s="10"/>
    </row>
    <row r="113249" spans="14:14">
      <c r="N113249" s="10"/>
    </row>
    <row r="113250" spans="14:14">
      <c r="N113250" s="10"/>
    </row>
    <row r="113251" spans="14:14">
      <c r="N113251" s="10"/>
    </row>
    <row r="113252" spans="14:14">
      <c r="N113252" s="10"/>
    </row>
    <row r="113253" spans="14:14">
      <c r="N113253" s="10"/>
    </row>
    <row r="113254" spans="14:14">
      <c r="N113254" s="10"/>
    </row>
    <row r="113255" spans="14:14">
      <c r="N113255" s="10"/>
    </row>
    <row r="113256" spans="14:14">
      <c r="N113256" s="10"/>
    </row>
    <row r="113257" spans="14:14">
      <c r="N113257" s="10"/>
    </row>
    <row r="113258" spans="14:14">
      <c r="N113258" s="10"/>
    </row>
    <row r="113259" spans="14:14">
      <c r="N113259" s="10"/>
    </row>
    <row r="113260" spans="14:14">
      <c r="N113260" s="10"/>
    </row>
    <row r="113261" spans="14:14">
      <c r="N113261" s="10"/>
    </row>
    <row r="113262" spans="14:14">
      <c r="N113262" s="10"/>
    </row>
    <row r="113263" spans="14:14">
      <c r="N113263" s="10"/>
    </row>
    <row r="113264" spans="14:14">
      <c r="N113264" s="10"/>
    </row>
    <row r="113265" spans="14:14">
      <c r="N113265" s="10"/>
    </row>
    <row r="113266" spans="14:14">
      <c r="N113266" s="10"/>
    </row>
    <row r="113267" spans="14:14">
      <c r="N113267" s="10"/>
    </row>
    <row r="113268" spans="14:14">
      <c r="N113268" s="10"/>
    </row>
    <row r="113269" spans="14:14">
      <c r="N113269" s="10"/>
    </row>
    <row r="113270" spans="14:14">
      <c r="N113270" s="10"/>
    </row>
    <row r="113271" spans="14:14">
      <c r="N113271" s="10"/>
    </row>
    <row r="113272" spans="14:14">
      <c r="N113272" s="10"/>
    </row>
    <row r="113273" spans="14:14">
      <c r="N113273" s="10"/>
    </row>
    <row r="113274" spans="14:14">
      <c r="N113274" s="10"/>
    </row>
    <row r="113275" spans="14:14">
      <c r="N113275" s="10"/>
    </row>
    <row r="113276" spans="14:14">
      <c r="N113276" s="10"/>
    </row>
    <row r="113277" spans="14:14">
      <c r="N113277" s="10"/>
    </row>
    <row r="113278" spans="14:14">
      <c r="N113278" s="10"/>
    </row>
    <row r="113279" spans="14:14">
      <c r="N113279" s="10"/>
    </row>
    <row r="113280" spans="14:14">
      <c r="N113280" s="10"/>
    </row>
    <row r="113281" spans="14:14">
      <c r="N113281" s="10"/>
    </row>
    <row r="113282" spans="14:14">
      <c r="N113282" s="10"/>
    </row>
    <row r="113283" spans="14:14">
      <c r="N113283" s="10"/>
    </row>
    <row r="113284" spans="14:14">
      <c r="N113284" s="10"/>
    </row>
    <row r="113285" spans="14:14">
      <c r="N113285" s="10"/>
    </row>
    <row r="113286" spans="14:14">
      <c r="N113286" s="10"/>
    </row>
    <row r="113287" spans="14:14">
      <c r="N113287" s="10"/>
    </row>
    <row r="113288" spans="14:14">
      <c r="N113288" s="10"/>
    </row>
    <row r="113289" spans="14:14">
      <c r="N113289" s="10"/>
    </row>
    <row r="113290" spans="14:14">
      <c r="N113290" s="10"/>
    </row>
    <row r="113291" spans="14:14">
      <c r="N113291" s="10"/>
    </row>
    <row r="113292" spans="14:14">
      <c r="N113292" s="10"/>
    </row>
    <row r="113293" spans="14:14">
      <c r="N113293" s="10"/>
    </row>
    <row r="113294" spans="14:14">
      <c r="N113294" s="10"/>
    </row>
    <row r="113295" spans="14:14">
      <c r="N113295" s="10"/>
    </row>
    <row r="113296" spans="14:14">
      <c r="N113296" s="10"/>
    </row>
    <row r="113297" spans="14:14">
      <c r="N113297" s="10"/>
    </row>
    <row r="113298" spans="14:14">
      <c r="N113298" s="10"/>
    </row>
    <row r="113299" spans="14:14">
      <c r="N113299" s="10"/>
    </row>
    <row r="113300" spans="14:14">
      <c r="N113300" s="10"/>
    </row>
    <row r="113301" spans="14:14">
      <c r="N113301" s="10"/>
    </row>
    <row r="113302" spans="14:14">
      <c r="N113302" s="10"/>
    </row>
    <row r="113303" spans="14:14">
      <c r="N113303" s="10"/>
    </row>
    <row r="113304" spans="14:14">
      <c r="N113304" s="10"/>
    </row>
    <row r="113305" spans="14:14">
      <c r="N113305" s="10"/>
    </row>
    <row r="113306" spans="14:14">
      <c r="N113306" s="10"/>
    </row>
    <row r="113307" spans="14:14">
      <c r="N113307" s="10"/>
    </row>
    <row r="113308" spans="14:14">
      <c r="N113308" s="10"/>
    </row>
    <row r="113309" spans="14:14">
      <c r="N113309" s="10"/>
    </row>
    <row r="113310" spans="14:14">
      <c r="N113310" s="10"/>
    </row>
    <row r="113311" spans="14:14">
      <c r="N113311" s="10"/>
    </row>
    <row r="113312" spans="14:14">
      <c r="N113312" s="10"/>
    </row>
    <row r="113313" spans="14:14">
      <c r="N113313" s="10"/>
    </row>
    <row r="113314" spans="14:14">
      <c r="N113314" s="10"/>
    </row>
    <row r="113315" spans="14:14">
      <c r="N113315" s="10"/>
    </row>
    <row r="113316" spans="14:14">
      <c r="N113316" s="10"/>
    </row>
    <row r="113317" spans="14:14">
      <c r="N113317" s="10"/>
    </row>
    <row r="113318" spans="14:14">
      <c r="N113318" s="10"/>
    </row>
    <row r="113319" spans="14:14">
      <c r="N113319" s="10"/>
    </row>
    <row r="113320" spans="14:14">
      <c r="N113320" s="10"/>
    </row>
    <row r="113321" spans="14:14">
      <c r="N113321" s="10"/>
    </row>
    <row r="113322" spans="14:14">
      <c r="N113322" s="10"/>
    </row>
    <row r="113323" spans="14:14">
      <c r="N113323" s="10"/>
    </row>
    <row r="113324" spans="14:14">
      <c r="N113324" s="10"/>
    </row>
    <row r="113325" spans="14:14">
      <c r="N113325" s="10"/>
    </row>
    <row r="113326" spans="14:14">
      <c r="N113326" s="10"/>
    </row>
    <row r="113327" spans="14:14">
      <c r="N113327" s="10"/>
    </row>
    <row r="113328" spans="14:14">
      <c r="N113328" s="10"/>
    </row>
    <row r="113329" spans="14:14">
      <c r="N113329" s="10"/>
    </row>
    <row r="113330" spans="14:14">
      <c r="N113330" s="10"/>
    </row>
    <row r="113331" spans="14:14">
      <c r="N113331" s="10"/>
    </row>
    <row r="113332" spans="14:14">
      <c r="N113332" s="10"/>
    </row>
    <row r="113333" spans="14:14">
      <c r="N113333" s="10"/>
    </row>
    <row r="113334" spans="14:14">
      <c r="N113334" s="10"/>
    </row>
    <row r="113335" spans="14:14">
      <c r="N113335" s="10"/>
    </row>
    <row r="113336" spans="14:14">
      <c r="N113336" s="10"/>
    </row>
    <row r="113337" spans="14:14">
      <c r="N113337" s="10"/>
    </row>
    <row r="113338" spans="14:14">
      <c r="N113338" s="10"/>
    </row>
    <row r="113339" spans="14:14">
      <c r="N113339" s="10"/>
    </row>
    <row r="113340" spans="14:14">
      <c r="N113340" s="10"/>
    </row>
    <row r="113341" spans="14:14">
      <c r="N113341" s="10"/>
    </row>
    <row r="113342" spans="14:14">
      <c r="N113342" s="10"/>
    </row>
    <row r="113343" spans="14:14">
      <c r="N113343" s="10"/>
    </row>
    <row r="113344" spans="14:14">
      <c r="N113344" s="10"/>
    </row>
    <row r="113345" spans="14:14">
      <c r="N113345" s="10"/>
    </row>
    <row r="113346" spans="14:14">
      <c r="N113346" s="10"/>
    </row>
    <row r="113347" spans="14:14">
      <c r="N113347" s="10"/>
    </row>
    <row r="113348" spans="14:14">
      <c r="N113348" s="10"/>
    </row>
    <row r="113349" spans="14:14">
      <c r="N113349" s="10"/>
    </row>
    <row r="113350" spans="14:14">
      <c r="N113350" s="10"/>
    </row>
    <row r="113351" spans="14:14">
      <c r="N113351" s="10"/>
    </row>
    <row r="113352" spans="14:14">
      <c r="N113352" s="10"/>
    </row>
    <row r="113353" spans="14:14">
      <c r="N113353" s="10"/>
    </row>
    <row r="113354" spans="14:14">
      <c r="N113354" s="10"/>
    </row>
    <row r="113355" spans="14:14">
      <c r="N113355" s="10"/>
    </row>
    <row r="113356" spans="14:14">
      <c r="N113356" s="10"/>
    </row>
    <row r="113357" spans="14:14">
      <c r="N113357" s="10"/>
    </row>
    <row r="113358" spans="14:14">
      <c r="N113358" s="10"/>
    </row>
    <row r="113359" spans="14:14">
      <c r="N113359" s="10"/>
    </row>
    <row r="113360" spans="14:14">
      <c r="N113360" s="10"/>
    </row>
    <row r="113361" spans="14:14">
      <c r="N113361" s="10"/>
    </row>
    <row r="113362" spans="14:14">
      <c r="N113362" s="10"/>
    </row>
    <row r="113363" spans="14:14">
      <c r="N113363" s="10"/>
    </row>
    <row r="113364" spans="14:14">
      <c r="N113364" s="10"/>
    </row>
    <row r="113365" spans="14:14">
      <c r="N113365" s="10"/>
    </row>
    <row r="113366" spans="14:14">
      <c r="N113366" s="10"/>
    </row>
    <row r="113367" spans="14:14">
      <c r="N113367" s="10"/>
    </row>
    <row r="113368" spans="14:14">
      <c r="N113368" s="10"/>
    </row>
    <row r="113369" spans="14:14">
      <c r="N113369" s="10"/>
    </row>
    <row r="113370" spans="14:14">
      <c r="N113370" s="10"/>
    </row>
    <row r="113371" spans="14:14">
      <c r="N113371" s="10"/>
    </row>
    <row r="113372" spans="14:14">
      <c r="N113372" s="10"/>
    </row>
    <row r="113373" spans="14:14">
      <c r="N113373" s="10"/>
    </row>
    <row r="113374" spans="14:14">
      <c r="N113374" s="10"/>
    </row>
    <row r="113375" spans="14:14">
      <c r="N113375" s="10"/>
    </row>
    <row r="113376" spans="14:14">
      <c r="N113376" s="10"/>
    </row>
    <row r="113377" spans="14:14">
      <c r="N113377" s="10"/>
    </row>
    <row r="113378" spans="14:14">
      <c r="N113378" s="10"/>
    </row>
    <row r="113379" spans="14:14">
      <c r="N113379" s="10"/>
    </row>
    <row r="113380" spans="14:14">
      <c r="N113380" s="10"/>
    </row>
    <row r="113381" spans="14:14">
      <c r="N113381" s="10"/>
    </row>
    <row r="113382" spans="14:14">
      <c r="N113382" s="10"/>
    </row>
    <row r="113383" spans="14:14">
      <c r="N113383" s="10"/>
    </row>
    <row r="113384" spans="14:14">
      <c r="N113384" s="10"/>
    </row>
    <row r="113385" spans="14:14">
      <c r="N113385" s="10"/>
    </row>
    <row r="113386" spans="14:14">
      <c r="N113386" s="10"/>
    </row>
    <row r="113387" spans="14:14">
      <c r="N113387" s="10"/>
    </row>
    <row r="113388" spans="14:14">
      <c r="N113388" s="10"/>
    </row>
    <row r="113389" spans="14:14">
      <c r="N113389" s="10"/>
    </row>
    <row r="113390" spans="14:14">
      <c r="N113390" s="10"/>
    </row>
    <row r="113391" spans="14:14">
      <c r="N113391" s="10"/>
    </row>
    <row r="113392" spans="14:14">
      <c r="N113392" s="10"/>
    </row>
    <row r="113393" spans="14:14">
      <c r="N113393" s="10"/>
    </row>
    <row r="113394" spans="14:14">
      <c r="N113394" s="10"/>
    </row>
    <row r="113395" spans="14:14">
      <c r="N113395" s="10"/>
    </row>
    <row r="113396" spans="14:14">
      <c r="N113396" s="10"/>
    </row>
    <row r="113397" spans="14:14">
      <c r="N113397" s="10"/>
    </row>
    <row r="113398" spans="14:14">
      <c r="N113398" s="10"/>
    </row>
    <row r="113399" spans="14:14">
      <c r="N113399" s="10"/>
    </row>
    <row r="113400" spans="14:14">
      <c r="N113400" s="10"/>
    </row>
    <row r="113401" spans="14:14">
      <c r="N113401" s="10"/>
    </row>
    <row r="113402" spans="14:14">
      <c r="N113402" s="10"/>
    </row>
    <row r="113403" spans="14:14">
      <c r="N113403" s="10"/>
    </row>
    <row r="113404" spans="14:14">
      <c r="N113404" s="10"/>
    </row>
    <row r="113405" spans="14:14">
      <c r="N113405" s="10"/>
    </row>
    <row r="113406" spans="14:14">
      <c r="N113406" s="10"/>
    </row>
    <row r="113407" spans="14:14">
      <c r="N113407" s="10"/>
    </row>
    <row r="113408" spans="14:14">
      <c r="N113408" s="10"/>
    </row>
    <row r="113409" spans="14:14">
      <c r="N113409" s="10"/>
    </row>
    <row r="113410" spans="14:14">
      <c r="N113410" s="10"/>
    </row>
    <row r="113411" spans="14:14">
      <c r="N113411" s="10"/>
    </row>
    <row r="113412" spans="14:14">
      <c r="N113412" s="10"/>
    </row>
    <row r="113413" spans="14:14">
      <c r="N113413" s="10"/>
    </row>
    <row r="113414" spans="14:14">
      <c r="N113414" s="10"/>
    </row>
    <row r="113415" spans="14:14">
      <c r="N113415" s="10"/>
    </row>
    <row r="113416" spans="14:14">
      <c r="N113416" s="10"/>
    </row>
    <row r="113417" spans="14:14">
      <c r="N113417" s="10"/>
    </row>
    <row r="113418" spans="14:14">
      <c r="N113418" s="10"/>
    </row>
    <row r="113419" spans="14:14">
      <c r="N113419" s="10"/>
    </row>
    <row r="113420" spans="14:14">
      <c r="N113420" s="10"/>
    </row>
    <row r="113421" spans="14:14">
      <c r="N113421" s="10"/>
    </row>
    <row r="113422" spans="14:14">
      <c r="N113422" s="10"/>
    </row>
    <row r="113423" spans="14:14">
      <c r="N113423" s="10"/>
    </row>
    <row r="113424" spans="14:14">
      <c r="N113424" s="10"/>
    </row>
    <row r="113425" spans="14:14">
      <c r="N113425" s="10"/>
    </row>
    <row r="113426" spans="14:14">
      <c r="N113426" s="10"/>
    </row>
    <row r="113427" spans="14:14">
      <c r="N113427" s="10"/>
    </row>
    <row r="113428" spans="14:14">
      <c r="N113428" s="10"/>
    </row>
    <row r="113429" spans="14:14">
      <c r="N113429" s="10"/>
    </row>
    <row r="113430" spans="14:14">
      <c r="N113430" s="10"/>
    </row>
    <row r="113431" spans="14:14">
      <c r="N113431" s="10"/>
    </row>
    <row r="113432" spans="14:14">
      <c r="N113432" s="10"/>
    </row>
    <row r="113433" spans="14:14">
      <c r="N113433" s="10"/>
    </row>
    <row r="113434" spans="14:14">
      <c r="N113434" s="10"/>
    </row>
    <row r="113435" spans="14:14">
      <c r="N113435" s="10"/>
    </row>
    <row r="113436" spans="14:14">
      <c r="N113436" s="10"/>
    </row>
    <row r="113437" spans="14:14">
      <c r="N113437" s="10"/>
    </row>
    <row r="113438" spans="14:14">
      <c r="N113438" s="10"/>
    </row>
    <row r="113439" spans="14:14">
      <c r="N113439" s="10"/>
    </row>
    <row r="113440" spans="14:14">
      <c r="N113440" s="10"/>
    </row>
    <row r="113441" spans="14:14">
      <c r="N113441" s="10"/>
    </row>
    <row r="113442" spans="14:14">
      <c r="N113442" s="10"/>
    </row>
    <row r="113443" spans="14:14">
      <c r="N113443" s="10"/>
    </row>
    <row r="113444" spans="14:14">
      <c r="N113444" s="10"/>
    </row>
    <row r="113445" spans="14:14">
      <c r="N113445" s="10"/>
    </row>
    <row r="113446" spans="14:14">
      <c r="N113446" s="10"/>
    </row>
    <row r="113447" spans="14:14">
      <c r="N113447" s="10"/>
    </row>
    <row r="113448" spans="14:14">
      <c r="N113448" s="10"/>
    </row>
    <row r="113449" spans="14:14">
      <c r="N113449" s="10"/>
    </row>
    <row r="113450" spans="14:14">
      <c r="N113450" s="10"/>
    </row>
    <row r="113451" spans="14:14">
      <c r="N113451" s="10"/>
    </row>
    <row r="113452" spans="14:14">
      <c r="N113452" s="10"/>
    </row>
    <row r="113453" spans="14:14">
      <c r="N113453" s="10"/>
    </row>
    <row r="113454" spans="14:14">
      <c r="N113454" s="10"/>
    </row>
    <row r="113455" spans="14:14">
      <c r="N113455" s="10"/>
    </row>
    <row r="113456" spans="14:14">
      <c r="N113456" s="10"/>
    </row>
    <row r="113457" spans="14:14">
      <c r="N113457" s="10"/>
    </row>
    <row r="113458" spans="14:14">
      <c r="N113458" s="10"/>
    </row>
    <row r="113459" spans="14:14">
      <c r="N113459" s="10"/>
    </row>
    <row r="113460" spans="14:14">
      <c r="N113460" s="10"/>
    </row>
    <row r="113461" spans="14:14">
      <c r="N113461" s="10"/>
    </row>
    <row r="113462" spans="14:14">
      <c r="N113462" s="10"/>
    </row>
    <row r="113463" spans="14:14">
      <c r="N113463" s="10"/>
    </row>
    <row r="113464" spans="14:14">
      <c r="N113464" s="10"/>
    </row>
    <row r="113465" spans="14:14">
      <c r="N113465" s="10"/>
    </row>
    <row r="113466" spans="14:14">
      <c r="N113466" s="10"/>
    </row>
    <row r="113467" spans="14:14">
      <c r="N113467" s="10"/>
    </row>
    <row r="113468" spans="14:14">
      <c r="N113468" s="10"/>
    </row>
    <row r="113469" spans="14:14">
      <c r="N113469" s="10"/>
    </row>
    <row r="113470" spans="14:14">
      <c r="N113470" s="10"/>
    </row>
    <row r="113471" spans="14:14">
      <c r="N113471" s="10"/>
    </row>
    <row r="113472" spans="14:14">
      <c r="N113472" s="10"/>
    </row>
    <row r="113473" spans="14:14">
      <c r="N113473" s="10"/>
    </row>
    <row r="113474" spans="14:14">
      <c r="N113474" s="10"/>
    </row>
    <row r="113475" spans="14:14">
      <c r="N113475" s="10"/>
    </row>
    <row r="113476" spans="14:14">
      <c r="N113476" s="10"/>
    </row>
    <row r="113477" spans="14:14">
      <c r="N113477" s="10"/>
    </row>
    <row r="113478" spans="14:14">
      <c r="N113478" s="10"/>
    </row>
    <row r="113479" spans="14:14">
      <c r="N113479" s="10"/>
    </row>
    <row r="113480" spans="14:14">
      <c r="N113480" s="10"/>
    </row>
    <row r="113481" spans="14:14">
      <c r="N113481" s="10"/>
    </row>
    <row r="113482" spans="14:14">
      <c r="N113482" s="10"/>
    </row>
    <row r="113483" spans="14:14">
      <c r="N113483" s="10"/>
    </row>
    <row r="113484" spans="14:14">
      <c r="N113484" s="10"/>
    </row>
    <row r="113485" spans="14:14">
      <c r="N113485" s="10"/>
    </row>
    <row r="113486" spans="14:14">
      <c r="N113486" s="10"/>
    </row>
    <row r="113487" spans="14:14">
      <c r="N113487" s="10"/>
    </row>
    <row r="113488" spans="14:14">
      <c r="N113488" s="10"/>
    </row>
    <row r="113489" spans="14:14">
      <c r="N113489" s="10"/>
    </row>
    <row r="113490" spans="14:14">
      <c r="N113490" s="10"/>
    </row>
    <row r="113491" spans="14:14">
      <c r="N113491" s="10"/>
    </row>
    <row r="113492" spans="14:14">
      <c r="N113492" s="10"/>
    </row>
    <row r="113493" spans="14:14">
      <c r="N113493" s="10"/>
    </row>
    <row r="113494" spans="14:14">
      <c r="N113494" s="10"/>
    </row>
    <row r="113495" spans="14:14">
      <c r="N113495" s="10"/>
    </row>
    <row r="113496" spans="14:14">
      <c r="N113496" s="10"/>
    </row>
    <row r="113497" spans="14:14">
      <c r="N113497" s="10"/>
    </row>
    <row r="113498" spans="14:14">
      <c r="N113498" s="10"/>
    </row>
    <row r="113499" spans="14:14">
      <c r="N113499" s="10"/>
    </row>
    <row r="113500" spans="14:14">
      <c r="N113500" s="10"/>
    </row>
    <row r="113501" spans="14:14">
      <c r="N113501" s="10"/>
    </row>
    <row r="113502" spans="14:14">
      <c r="N113502" s="10"/>
    </row>
    <row r="113503" spans="14:14">
      <c r="N113503" s="10"/>
    </row>
    <row r="113504" spans="14:14">
      <c r="N113504" s="10"/>
    </row>
    <row r="113505" spans="14:14">
      <c r="N113505" s="10"/>
    </row>
    <row r="113506" spans="14:14">
      <c r="N113506" s="10"/>
    </row>
    <row r="113507" spans="14:14">
      <c r="N113507" s="10"/>
    </row>
    <row r="113508" spans="14:14">
      <c r="N113508" s="10"/>
    </row>
    <row r="113509" spans="14:14">
      <c r="N113509" s="10"/>
    </row>
    <row r="113510" spans="14:14">
      <c r="N113510" s="10"/>
    </row>
    <row r="113511" spans="14:14">
      <c r="N113511" s="10"/>
    </row>
    <row r="113512" spans="14:14">
      <c r="N113512" s="10"/>
    </row>
    <row r="113513" spans="14:14">
      <c r="N113513" s="10"/>
    </row>
    <row r="113514" spans="14:14">
      <c r="N113514" s="10"/>
    </row>
    <row r="113515" spans="14:14">
      <c r="N113515" s="10"/>
    </row>
    <row r="113516" spans="14:14">
      <c r="N113516" s="10"/>
    </row>
    <row r="113517" spans="14:14">
      <c r="N113517" s="10"/>
    </row>
    <row r="113518" spans="14:14">
      <c r="N113518" s="10"/>
    </row>
    <row r="113519" spans="14:14">
      <c r="N113519" s="10"/>
    </row>
    <row r="113520" spans="14:14">
      <c r="N113520" s="10"/>
    </row>
    <row r="113521" spans="14:14">
      <c r="N113521" s="10"/>
    </row>
    <row r="113522" spans="14:14">
      <c r="N113522" s="10"/>
    </row>
    <row r="113523" spans="14:14">
      <c r="N113523" s="10"/>
    </row>
    <row r="113524" spans="14:14">
      <c r="N113524" s="10"/>
    </row>
    <row r="113525" spans="14:14">
      <c r="N113525" s="10"/>
    </row>
    <row r="113526" spans="14:14">
      <c r="N113526" s="10"/>
    </row>
    <row r="113527" spans="14:14">
      <c r="N113527" s="10"/>
    </row>
    <row r="113528" spans="14:14">
      <c r="N113528" s="10"/>
    </row>
    <row r="113529" spans="14:14">
      <c r="N113529" s="10"/>
    </row>
    <row r="113530" spans="14:14">
      <c r="N113530" s="10"/>
    </row>
    <row r="113531" spans="14:14">
      <c r="N113531" s="10"/>
    </row>
    <row r="113532" spans="14:14">
      <c r="N113532" s="10"/>
    </row>
    <row r="113533" spans="14:14">
      <c r="N113533" s="10"/>
    </row>
    <row r="113534" spans="14:14">
      <c r="N113534" s="10"/>
    </row>
    <row r="113535" spans="14:14">
      <c r="N113535" s="10"/>
    </row>
    <row r="113536" spans="14:14">
      <c r="N113536" s="10"/>
    </row>
    <row r="113537" spans="14:14">
      <c r="N113537" s="10"/>
    </row>
    <row r="113538" spans="14:14">
      <c r="N113538" s="10"/>
    </row>
    <row r="113539" spans="14:14">
      <c r="N113539" s="10"/>
    </row>
    <row r="113540" spans="14:14">
      <c r="N113540" s="10"/>
    </row>
    <row r="113541" spans="14:14">
      <c r="N113541" s="10"/>
    </row>
    <row r="113542" spans="14:14">
      <c r="N113542" s="10"/>
    </row>
    <row r="113543" spans="14:14">
      <c r="N113543" s="10"/>
    </row>
    <row r="113544" spans="14:14">
      <c r="N113544" s="10"/>
    </row>
    <row r="113545" spans="14:14">
      <c r="N113545" s="10"/>
    </row>
    <row r="113546" spans="14:14">
      <c r="N113546" s="10"/>
    </row>
    <row r="113547" spans="14:14">
      <c r="N113547" s="10"/>
    </row>
    <row r="113548" spans="14:14">
      <c r="N113548" s="10"/>
    </row>
    <row r="113549" spans="14:14">
      <c r="N113549" s="10"/>
    </row>
    <row r="113550" spans="14:14">
      <c r="N113550" s="10"/>
    </row>
    <row r="113551" spans="14:14">
      <c r="N113551" s="10"/>
    </row>
    <row r="113552" spans="14:14">
      <c r="N113552" s="10"/>
    </row>
    <row r="113553" spans="14:14">
      <c r="N113553" s="10"/>
    </row>
    <row r="113554" spans="14:14">
      <c r="N113554" s="10"/>
    </row>
    <row r="113555" spans="14:14">
      <c r="N113555" s="10"/>
    </row>
    <row r="113556" spans="14:14">
      <c r="N113556" s="10"/>
    </row>
    <row r="113557" spans="14:14">
      <c r="N113557" s="10"/>
    </row>
    <row r="113558" spans="14:14">
      <c r="N113558" s="10"/>
    </row>
    <row r="113559" spans="14:14">
      <c r="N113559" s="10"/>
    </row>
    <row r="113560" spans="14:14">
      <c r="N113560" s="10"/>
    </row>
    <row r="113561" spans="14:14">
      <c r="N113561" s="10"/>
    </row>
    <row r="113562" spans="14:14">
      <c r="N113562" s="10"/>
    </row>
    <row r="113563" spans="14:14">
      <c r="N113563" s="10"/>
    </row>
    <row r="113564" spans="14:14">
      <c r="N113564" s="10"/>
    </row>
    <row r="113565" spans="14:14">
      <c r="N113565" s="10"/>
    </row>
    <row r="113566" spans="14:14">
      <c r="N113566" s="10"/>
    </row>
    <row r="113567" spans="14:14">
      <c r="N113567" s="10"/>
    </row>
    <row r="113568" spans="14:14">
      <c r="N113568" s="10"/>
    </row>
    <row r="113569" spans="14:14">
      <c r="N113569" s="10"/>
    </row>
    <row r="113570" spans="14:14">
      <c r="N113570" s="10"/>
    </row>
    <row r="113571" spans="14:14">
      <c r="N113571" s="10"/>
    </row>
    <row r="113572" spans="14:14">
      <c r="N113572" s="10"/>
    </row>
    <row r="113573" spans="14:14">
      <c r="N113573" s="10"/>
    </row>
    <row r="113574" spans="14:14">
      <c r="N113574" s="10"/>
    </row>
    <row r="113575" spans="14:14">
      <c r="N113575" s="10"/>
    </row>
    <row r="113576" spans="14:14">
      <c r="N113576" s="10"/>
    </row>
    <row r="113577" spans="14:14">
      <c r="N113577" s="10"/>
    </row>
    <row r="113578" spans="14:14">
      <c r="N113578" s="10"/>
    </row>
    <row r="113579" spans="14:14">
      <c r="N113579" s="10"/>
    </row>
    <row r="113580" spans="14:14">
      <c r="N113580" s="10"/>
    </row>
    <row r="113581" spans="14:14">
      <c r="N113581" s="10"/>
    </row>
    <row r="113582" spans="14:14">
      <c r="N113582" s="10"/>
    </row>
    <row r="113583" spans="14:14">
      <c r="N113583" s="10"/>
    </row>
    <row r="113584" spans="14:14">
      <c r="N113584" s="10"/>
    </row>
    <row r="113585" spans="14:14">
      <c r="N113585" s="10"/>
    </row>
    <row r="113586" spans="14:14">
      <c r="N113586" s="10"/>
    </row>
    <row r="113587" spans="14:14">
      <c r="N113587" s="10"/>
    </row>
    <row r="113588" spans="14:14">
      <c r="N113588" s="10"/>
    </row>
    <row r="113589" spans="14:14">
      <c r="N113589" s="10"/>
    </row>
    <row r="113590" spans="14:14">
      <c r="N113590" s="10"/>
    </row>
    <row r="113591" spans="14:14">
      <c r="N113591" s="10"/>
    </row>
    <row r="113592" spans="14:14">
      <c r="N113592" s="10"/>
    </row>
    <row r="113593" spans="14:14">
      <c r="N113593" s="10"/>
    </row>
    <row r="113594" spans="14:14">
      <c r="N113594" s="10"/>
    </row>
    <row r="113595" spans="14:14">
      <c r="N113595" s="10"/>
    </row>
    <row r="113596" spans="14:14">
      <c r="N113596" s="10"/>
    </row>
    <row r="113597" spans="14:14">
      <c r="N113597" s="10"/>
    </row>
    <row r="113598" spans="14:14">
      <c r="N113598" s="10"/>
    </row>
    <row r="113599" spans="14:14">
      <c r="N113599" s="10"/>
    </row>
    <row r="113600" spans="14:14">
      <c r="N113600" s="10"/>
    </row>
    <row r="113601" spans="14:14">
      <c r="N113601" s="10"/>
    </row>
    <row r="113602" spans="14:14">
      <c r="N113602" s="10"/>
    </row>
    <row r="113603" spans="14:14">
      <c r="N113603" s="10"/>
    </row>
    <row r="113604" spans="14:14">
      <c r="N113604" s="10"/>
    </row>
    <row r="113605" spans="14:14">
      <c r="N113605" s="10"/>
    </row>
    <row r="113606" spans="14:14">
      <c r="N113606" s="10"/>
    </row>
    <row r="113607" spans="14:14">
      <c r="N113607" s="10"/>
    </row>
    <row r="113608" spans="14:14">
      <c r="N113608" s="10"/>
    </row>
    <row r="113609" spans="14:14">
      <c r="N113609" s="10"/>
    </row>
    <row r="113610" spans="14:14">
      <c r="N113610" s="10"/>
    </row>
    <row r="113611" spans="14:14">
      <c r="N113611" s="10"/>
    </row>
    <row r="113612" spans="14:14">
      <c r="N113612" s="10"/>
    </row>
    <row r="113613" spans="14:14">
      <c r="N113613" s="10"/>
    </row>
    <row r="113614" spans="14:14">
      <c r="N113614" s="10"/>
    </row>
    <row r="113615" spans="14:14">
      <c r="N113615" s="10"/>
    </row>
    <row r="113616" spans="14:14">
      <c r="N113616" s="10"/>
    </row>
    <row r="113617" spans="14:14">
      <c r="N113617" s="10"/>
    </row>
    <row r="113618" spans="14:14">
      <c r="N113618" s="10"/>
    </row>
    <row r="113619" spans="14:14">
      <c r="N113619" s="10"/>
    </row>
    <row r="113620" spans="14:14">
      <c r="N113620" s="10"/>
    </row>
    <row r="113621" spans="14:14">
      <c r="N113621" s="10"/>
    </row>
    <row r="113622" spans="14:14">
      <c r="N113622" s="10"/>
    </row>
    <row r="113623" spans="14:14">
      <c r="N113623" s="10"/>
    </row>
    <row r="113624" spans="14:14">
      <c r="N113624" s="10"/>
    </row>
    <row r="113625" spans="14:14">
      <c r="N113625" s="10"/>
    </row>
    <row r="113626" spans="14:14">
      <c r="N113626" s="10"/>
    </row>
    <row r="113627" spans="14:14">
      <c r="N113627" s="10"/>
    </row>
    <row r="113628" spans="14:14">
      <c r="N113628" s="10"/>
    </row>
    <row r="113629" spans="14:14">
      <c r="N113629" s="10"/>
    </row>
    <row r="113630" spans="14:14">
      <c r="N113630" s="10"/>
    </row>
    <row r="113631" spans="14:14">
      <c r="N113631" s="10"/>
    </row>
    <row r="113632" spans="14:14">
      <c r="N113632" s="10"/>
    </row>
    <row r="113633" spans="14:14">
      <c r="N113633" s="10"/>
    </row>
    <row r="113634" spans="14:14">
      <c r="N113634" s="10"/>
    </row>
    <row r="113635" spans="14:14">
      <c r="N113635" s="10"/>
    </row>
    <row r="113636" spans="14:14">
      <c r="N113636" s="10"/>
    </row>
    <row r="113637" spans="14:14">
      <c r="N113637" s="10"/>
    </row>
    <row r="113638" spans="14:14">
      <c r="N113638" s="10"/>
    </row>
    <row r="113639" spans="14:14">
      <c r="N113639" s="10"/>
    </row>
    <row r="113640" spans="14:14">
      <c r="N113640" s="10"/>
    </row>
    <row r="113641" spans="14:14">
      <c r="N113641" s="10"/>
    </row>
    <row r="113642" spans="14:14">
      <c r="N113642" s="10"/>
    </row>
    <row r="113643" spans="14:14">
      <c r="N113643" s="10"/>
    </row>
    <row r="113644" spans="14:14">
      <c r="N113644" s="10"/>
    </row>
    <row r="113645" spans="14:14">
      <c r="N113645" s="10"/>
    </row>
    <row r="113646" spans="14:14">
      <c r="N113646" s="10"/>
    </row>
    <row r="113647" spans="14:14">
      <c r="N113647" s="10"/>
    </row>
    <row r="113648" spans="14:14">
      <c r="N113648" s="10"/>
    </row>
    <row r="113649" spans="14:14">
      <c r="N113649" s="10"/>
    </row>
    <row r="113650" spans="14:14">
      <c r="N113650" s="10"/>
    </row>
    <row r="113651" spans="14:14">
      <c r="N113651" s="10"/>
    </row>
    <row r="113652" spans="14:14">
      <c r="N113652" s="10"/>
    </row>
    <row r="113653" spans="14:14">
      <c r="N113653" s="10"/>
    </row>
    <row r="113654" spans="14:14">
      <c r="N113654" s="10"/>
    </row>
    <row r="113655" spans="14:14">
      <c r="N113655" s="10"/>
    </row>
    <row r="113656" spans="14:14">
      <c r="N113656" s="10"/>
    </row>
    <row r="113657" spans="14:14">
      <c r="N113657" s="10"/>
    </row>
    <row r="113658" spans="14:14">
      <c r="N113658" s="10"/>
    </row>
    <row r="113659" spans="14:14">
      <c r="N113659" s="10"/>
    </row>
    <row r="113660" spans="14:14">
      <c r="N113660" s="10"/>
    </row>
    <row r="113661" spans="14:14">
      <c r="N113661" s="10"/>
    </row>
    <row r="113662" spans="14:14">
      <c r="N113662" s="10"/>
    </row>
    <row r="113663" spans="14:14">
      <c r="N113663" s="10"/>
    </row>
    <row r="113664" spans="14:14">
      <c r="N113664" s="10"/>
    </row>
    <row r="113665" spans="14:14">
      <c r="N113665" s="10"/>
    </row>
    <row r="113666" spans="14:14">
      <c r="N113666" s="10"/>
    </row>
    <row r="113667" spans="14:14">
      <c r="N113667" s="10"/>
    </row>
    <row r="113668" spans="14:14">
      <c r="N113668" s="10"/>
    </row>
    <row r="113669" spans="14:14">
      <c r="N113669" s="10"/>
    </row>
    <row r="113670" spans="14:14">
      <c r="N113670" s="10"/>
    </row>
    <row r="113671" spans="14:14">
      <c r="N113671" s="10"/>
    </row>
    <row r="113672" spans="14:14">
      <c r="N113672" s="10"/>
    </row>
    <row r="113673" spans="14:14">
      <c r="N113673" s="10"/>
    </row>
    <row r="113674" spans="14:14">
      <c r="N113674" s="10"/>
    </row>
    <row r="113675" spans="14:14">
      <c r="N113675" s="10"/>
    </row>
    <row r="113676" spans="14:14">
      <c r="N113676" s="10"/>
    </row>
    <row r="113677" spans="14:14">
      <c r="N113677" s="10"/>
    </row>
    <row r="113678" spans="14:14">
      <c r="N113678" s="10"/>
    </row>
    <row r="113679" spans="14:14">
      <c r="N113679" s="10"/>
    </row>
    <row r="113680" spans="14:14">
      <c r="N113680" s="10"/>
    </row>
    <row r="113681" spans="14:14">
      <c r="N113681" s="10"/>
    </row>
    <row r="113682" spans="14:14">
      <c r="N113682" s="10"/>
    </row>
    <row r="113683" spans="14:14">
      <c r="N113683" s="10"/>
    </row>
    <row r="113684" spans="14:14">
      <c r="N113684" s="10"/>
    </row>
    <row r="113685" spans="14:14">
      <c r="N113685" s="10"/>
    </row>
    <row r="113686" spans="14:14">
      <c r="N113686" s="10"/>
    </row>
    <row r="113687" spans="14:14">
      <c r="N113687" s="10"/>
    </row>
    <row r="113688" spans="14:14">
      <c r="N113688" s="10"/>
    </row>
    <row r="113689" spans="14:14">
      <c r="N113689" s="10"/>
    </row>
    <row r="113690" spans="14:14">
      <c r="N113690" s="10"/>
    </row>
    <row r="113691" spans="14:14">
      <c r="N113691" s="10"/>
    </row>
    <row r="113692" spans="14:14">
      <c r="N113692" s="10"/>
    </row>
    <row r="113693" spans="14:14">
      <c r="N113693" s="10"/>
    </row>
    <row r="113694" spans="14:14">
      <c r="N113694" s="10"/>
    </row>
    <row r="113695" spans="14:14">
      <c r="N113695" s="10"/>
    </row>
    <row r="113696" spans="14:14">
      <c r="N113696" s="10"/>
    </row>
    <row r="113697" spans="14:14">
      <c r="N113697" s="10"/>
    </row>
    <row r="113698" spans="14:14">
      <c r="N113698" s="10"/>
    </row>
    <row r="113699" spans="14:14">
      <c r="N113699" s="10"/>
    </row>
    <row r="113700" spans="14:14">
      <c r="N113700" s="10"/>
    </row>
    <row r="113701" spans="14:14">
      <c r="N113701" s="10"/>
    </row>
    <row r="113702" spans="14:14">
      <c r="N113702" s="10"/>
    </row>
    <row r="113703" spans="14:14">
      <c r="N113703" s="10"/>
    </row>
    <row r="113704" spans="14:14">
      <c r="N113704" s="10"/>
    </row>
    <row r="113705" spans="14:14">
      <c r="N113705" s="10"/>
    </row>
    <row r="113706" spans="14:14">
      <c r="N113706" s="10"/>
    </row>
    <row r="113707" spans="14:14">
      <c r="N113707" s="10"/>
    </row>
    <row r="113708" spans="14:14">
      <c r="N113708" s="10"/>
    </row>
    <row r="113709" spans="14:14">
      <c r="N113709" s="10"/>
    </row>
    <row r="113710" spans="14:14">
      <c r="N113710" s="10"/>
    </row>
    <row r="113711" spans="14:14">
      <c r="N113711" s="10"/>
    </row>
    <row r="113712" spans="14:14">
      <c r="N113712" s="10"/>
    </row>
    <row r="113713" spans="14:14">
      <c r="N113713" s="10"/>
    </row>
    <row r="113714" spans="14:14">
      <c r="N113714" s="10"/>
    </row>
    <row r="113715" spans="14:14">
      <c r="N113715" s="10"/>
    </row>
    <row r="113716" spans="14:14">
      <c r="N113716" s="10"/>
    </row>
    <row r="113717" spans="14:14">
      <c r="N113717" s="10"/>
    </row>
    <row r="113718" spans="14:14">
      <c r="N113718" s="10"/>
    </row>
    <row r="113719" spans="14:14">
      <c r="N113719" s="10"/>
    </row>
    <row r="113720" spans="14:14">
      <c r="N113720" s="10"/>
    </row>
    <row r="113721" spans="14:14">
      <c r="N113721" s="10"/>
    </row>
    <row r="113722" spans="14:14">
      <c r="N113722" s="10"/>
    </row>
    <row r="113723" spans="14:14">
      <c r="N113723" s="10"/>
    </row>
    <row r="113724" spans="14:14">
      <c r="N113724" s="10"/>
    </row>
    <row r="113725" spans="14:14">
      <c r="N113725" s="10"/>
    </row>
    <row r="113726" spans="14:14">
      <c r="N113726" s="10"/>
    </row>
    <row r="113727" spans="14:14">
      <c r="N113727" s="10"/>
    </row>
    <row r="113728" spans="14:14">
      <c r="N113728" s="10"/>
    </row>
    <row r="113729" spans="14:14">
      <c r="N113729" s="10"/>
    </row>
    <row r="113730" spans="14:14">
      <c r="N113730" s="10"/>
    </row>
    <row r="113731" spans="14:14">
      <c r="N113731" s="10"/>
    </row>
    <row r="113732" spans="14:14">
      <c r="N113732" s="10"/>
    </row>
    <row r="113733" spans="14:14">
      <c r="N113733" s="10"/>
    </row>
    <row r="113734" spans="14:14">
      <c r="N113734" s="10"/>
    </row>
    <row r="113735" spans="14:14">
      <c r="N113735" s="10"/>
    </row>
    <row r="113736" spans="14:14">
      <c r="N113736" s="10"/>
    </row>
    <row r="113737" spans="14:14">
      <c r="N113737" s="10"/>
    </row>
    <row r="113738" spans="14:14">
      <c r="N113738" s="10"/>
    </row>
    <row r="113739" spans="14:14">
      <c r="N113739" s="10"/>
    </row>
    <row r="113740" spans="14:14">
      <c r="N113740" s="10"/>
    </row>
    <row r="113741" spans="14:14">
      <c r="N113741" s="10"/>
    </row>
    <row r="113742" spans="14:14">
      <c r="N113742" s="10"/>
    </row>
    <row r="113743" spans="14:14">
      <c r="N113743" s="10"/>
    </row>
    <row r="113744" spans="14:14">
      <c r="N113744" s="10"/>
    </row>
    <row r="113745" spans="14:14">
      <c r="N113745" s="10"/>
    </row>
    <row r="113746" spans="14:14">
      <c r="N113746" s="10"/>
    </row>
    <row r="113747" spans="14:14">
      <c r="N113747" s="10"/>
    </row>
    <row r="113748" spans="14:14">
      <c r="N113748" s="10"/>
    </row>
    <row r="113749" spans="14:14">
      <c r="N113749" s="10"/>
    </row>
    <row r="113750" spans="14:14">
      <c r="N113750" s="10"/>
    </row>
    <row r="113751" spans="14:14">
      <c r="N113751" s="10"/>
    </row>
    <row r="113752" spans="14:14">
      <c r="N113752" s="10"/>
    </row>
    <row r="113753" spans="14:14">
      <c r="N113753" s="10"/>
    </row>
    <row r="113754" spans="14:14">
      <c r="N113754" s="10"/>
    </row>
    <row r="113755" spans="14:14">
      <c r="N113755" s="10"/>
    </row>
    <row r="113756" spans="14:14">
      <c r="N113756" s="10"/>
    </row>
    <row r="113757" spans="14:14">
      <c r="N113757" s="10"/>
    </row>
    <row r="113758" spans="14:14">
      <c r="N113758" s="10"/>
    </row>
    <row r="113759" spans="14:14">
      <c r="N113759" s="10"/>
    </row>
    <row r="113760" spans="14:14">
      <c r="N113760" s="10"/>
    </row>
    <row r="113761" spans="14:14">
      <c r="N113761" s="10"/>
    </row>
    <row r="113762" spans="14:14">
      <c r="N113762" s="10"/>
    </row>
    <row r="113763" spans="14:14">
      <c r="N113763" s="10"/>
    </row>
    <row r="113764" spans="14:14">
      <c r="N113764" s="10"/>
    </row>
    <row r="113765" spans="14:14">
      <c r="N113765" s="10"/>
    </row>
    <row r="113766" spans="14:14">
      <c r="N113766" s="10"/>
    </row>
    <row r="113767" spans="14:14">
      <c r="N113767" s="10"/>
    </row>
    <row r="113768" spans="14:14">
      <c r="N113768" s="10"/>
    </row>
    <row r="113769" spans="14:14">
      <c r="N113769" s="10"/>
    </row>
    <row r="113770" spans="14:14">
      <c r="N113770" s="10"/>
    </row>
    <row r="113771" spans="14:14">
      <c r="N113771" s="10"/>
    </row>
    <row r="113772" spans="14:14">
      <c r="N113772" s="10"/>
    </row>
    <row r="113773" spans="14:14">
      <c r="N113773" s="10"/>
    </row>
    <row r="113774" spans="14:14">
      <c r="N113774" s="10"/>
    </row>
    <row r="113775" spans="14:14">
      <c r="N113775" s="10"/>
    </row>
    <row r="113776" spans="14:14">
      <c r="N113776" s="10"/>
    </row>
    <row r="113777" spans="14:14">
      <c r="N113777" s="10"/>
    </row>
    <row r="113778" spans="14:14">
      <c r="N113778" s="10"/>
    </row>
    <row r="113779" spans="14:14">
      <c r="N113779" s="10"/>
    </row>
    <row r="113780" spans="14:14">
      <c r="N113780" s="10"/>
    </row>
    <row r="113781" spans="14:14">
      <c r="N113781" s="10"/>
    </row>
    <row r="113782" spans="14:14">
      <c r="N113782" s="10"/>
    </row>
    <row r="113783" spans="14:14">
      <c r="N113783" s="10"/>
    </row>
    <row r="113784" spans="14:14">
      <c r="N113784" s="10"/>
    </row>
    <row r="113785" spans="14:14">
      <c r="N113785" s="10"/>
    </row>
    <row r="113786" spans="14:14">
      <c r="N113786" s="10"/>
    </row>
    <row r="113787" spans="14:14">
      <c r="N113787" s="10"/>
    </row>
    <row r="113788" spans="14:14">
      <c r="N113788" s="10"/>
    </row>
    <row r="113789" spans="14:14">
      <c r="N113789" s="10"/>
    </row>
    <row r="113790" spans="14:14">
      <c r="N113790" s="10"/>
    </row>
    <row r="113791" spans="14:14">
      <c r="N113791" s="10"/>
    </row>
    <row r="113792" spans="14:14">
      <c r="N113792" s="10"/>
    </row>
    <row r="113793" spans="14:14">
      <c r="N113793" s="10"/>
    </row>
    <row r="113794" spans="14:14">
      <c r="N113794" s="10"/>
    </row>
    <row r="113795" spans="14:14">
      <c r="N113795" s="10"/>
    </row>
    <row r="113796" spans="14:14">
      <c r="N113796" s="10"/>
    </row>
    <row r="113797" spans="14:14">
      <c r="N113797" s="10"/>
    </row>
    <row r="113798" spans="14:14">
      <c r="N113798" s="10"/>
    </row>
    <row r="113799" spans="14:14">
      <c r="N113799" s="10"/>
    </row>
    <row r="113800" spans="14:14">
      <c r="N113800" s="10"/>
    </row>
    <row r="113801" spans="14:14">
      <c r="N113801" s="10"/>
    </row>
    <row r="113802" spans="14:14">
      <c r="N113802" s="10"/>
    </row>
    <row r="113803" spans="14:14">
      <c r="N113803" s="10"/>
    </row>
    <row r="113804" spans="14:14">
      <c r="N113804" s="10"/>
    </row>
    <row r="113805" spans="14:14">
      <c r="N113805" s="10"/>
    </row>
    <row r="113806" spans="14:14">
      <c r="N113806" s="10"/>
    </row>
    <row r="113807" spans="14:14">
      <c r="N113807" s="10"/>
    </row>
    <row r="113808" spans="14:14">
      <c r="N113808" s="10"/>
    </row>
    <row r="113809" spans="14:14">
      <c r="N113809" s="10"/>
    </row>
    <row r="113810" spans="14:14">
      <c r="N113810" s="10"/>
    </row>
    <row r="113811" spans="14:14">
      <c r="N113811" s="10"/>
    </row>
    <row r="113812" spans="14:14">
      <c r="N113812" s="10"/>
    </row>
    <row r="113813" spans="14:14">
      <c r="N113813" s="10"/>
    </row>
    <row r="113814" spans="14:14">
      <c r="N113814" s="10"/>
    </row>
    <row r="113815" spans="14:14">
      <c r="N113815" s="10"/>
    </row>
    <row r="113816" spans="14:14">
      <c r="N113816" s="10"/>
    </row>
    <row r="113817" spans="14:14">
      <c r="N113817" s="10"/>
    </row>
    <row r="113818" spans="14:14">
      <c r="N113818" s="10"/>
    </row>
    <row r="113819" spans="14:14">
      <c r="N113819" s="10"/>
    </row>
    <row r="113820" spans="14:14">
      <c r="N113820" s="10"/>
    </row>
    <row r="113821" spans="14:14">
      <c r="N113821" s="10"/>
    </row>
    <row r="113822" spans="14:14">
      <c r="N113822" s="10"/>
    </row>
    <row r="113823" spans="14:14">
      <c r="N113823" s="10"/>
    </row>
    <row r="113824" spans="14:14">
      <c r="N113824" s="10"/>
    </row>
    <row r="113825" spans="14:14">
      <c r="N113825" s="10"/>
    </row>
    <row r="113826" spans="14:14">
      <c r="N113826" s="10"/>
    </row>
    <row r="113827" spans="14:14">
      <c r="N113827" s="10"/>
    </row>
    <row r="113828" spans="14:14">
      <c r="N113828" s="10"/>
    </row>
    <row r="113829" spans="14:14">
      <c r="N113829" s="10"/>
    </row>
    <row r="113830" spans="14:14">
      <c r="N113830" s="10"/>
    </row>
    <row r="113831" spans="14:14">
      <c r="N113831" s="10"/>
    </row>
    <row r="113832" spans="14:14">
      <c r="N113832" s="10"/>
    </row>
    <row r="113833" spans="14:14">
      <c r="N113833" s="10"/>
    </row>
    <row r="113834" spans="14:14">
      <c r="N113834" s="10"/>
    </row>
    <row r="113835" spans="14:14">
      <c r="N113835" s="10"/>
    </row>
    <row r="113836" spans="14:14">
      <c r="N113836" s="10"/>
    </row>
    <row r="113837" spans="14:14">
      <c r="N113837" s="10"/>
    </row>
    <row r="113838" spans="14:14">
      <c r="N113838" s="10"/>
    </row>
    <row r="113839" spans="14:14">
      <c r="N113839" s="10"/>
    </row>
    <row r="113840" spans="14:14">
      <c r="N113840" s="10"/>
    </row>
    <row r="113841" spans="14:14">
      <c r="N113841" s="10"/>
    </row>
    <row r="113842" spans="14:14">
      <c r="N113842" s="10"/>
    </row>
    <row r="113843" spans="14:14">
      <c r="N113843" s="10"/>
    </row>
    <row r="113844" spans="14:14">
      <c r="N113844" s="10"/>
    </row>
    <row r="113845" spans="14:14">
      <c r="N113845" s="10"/>
    </row>
    <row r="113846" spans="14:14">
      <c r="N113846" s="10"/>
    </row>
    <row r="113847" spans="14:14">
      <c r="N113847" s="10"/>
    </row>
    <row r="113848" spans="14:14">
      <c r="N113848" s="10"/>
    </row>
    <row r="113849" spans="14:14">
      <c r="N113849" s="10"/>
    </row>
    <row r="113850" spans="14:14">
      <c r="N113850" s="10"/>
    </row>
    <row r="113851" spans="14:14">
      <c r="N113851" s="10"/>
    </row>
    <row r="113852" spans="14:14">
      <c r="N113852" s="10"/>
    </row>
    <row r="113853" spans="14:14">
      <c r="N113853" s="10"/>
    </row>
    <row r="113854" spans="14:14">
      <c r="N113854" s="10"/>
    </row>
    <row r="113855" spans="14:14">
      <c r="N113855" s="10"/>
    </row>
    <row r="113856" spans="14:14">
      <c r="N113856" s="10"/>
    </row>
    <row r="113857" spans="14:14">
      <c r="N113857" s="10"/>
    </row>
    <row r="113858" spans="14:14">
      <c r="N113858" s="10"/>
    </row>
    <row r="113859" spans="14:14">
      <c r="N113859" s="10"/>
    </row>
    <row r="113860" spans="14:14">
      <c r="N113860" s="10"/>
    </row>
    <row r="113861" spans="14:14">
      <c r="N113861" s="10"/>
    </row>
    <row r="113862" spans="14:14">
      <c r="N113862" s="10"/>
    </row>
    <row r="113863" spans="14:14">
      <c r="N113863" s="10"/>
    </row>
    <row r="113864" spans="14:14">
      <c r="N113864" s="10"/>
    </row>
    <row r="113865" spans="14:14">
      <c r="N113865" s="10"/>
    </row>
    <row r="113866" spans="14:14">
      <c r="N113866" s="10"/>
    </row>
    <row r="113867" spans="14:14">
      <c r="N113867" s="10"/>
    </row>
    <row r="113868" spans="14:14">
      <c r="N113868" s="10"/>
    </row>
    <row r="113869" spans="14:14">
      <c r="N113869" s="10"/>
    </row>
    <row r="113870" spans="14:14">
      <c r="N113870" s="10"/>
    </row>
    <row r="113871" spans="14:14">
      <c r="N113871" s="10"/>
    </row>
    <row r="113872" spans="14:14">
      <c r="N113872" s="10"/>
    </row>
    <row r="113873" spans="14:14">
      <c r="N113873" s="10"/>
    </row>
    <row r="113874" spans="14:14">
      <c r="N113874" s="10"/>
    </row>
    <row r="113875" spans="14:14">
      <c r="N113875" s="10"/>
    </row>
    <row r="113876" spans="14:14">
      <c r="N113876" s="10"/>
    </row>
    <row r="113877" spans="14:14">
      <c r="N113877" s="10"/>
    </row>
    <row r="113878" spans="14:14">
      <c r="N113878" s="10"/>
    </row>
    <row r="113879" spans="14:14">
      <c r="N113879" s="10"/>
    </row>
    <row r="113880" spans="14:14">
      <c r="N113880" s="10"/>
    </row>
    <row r="113881" spans="14:14">
      <c r="N113881" s="10"/>
    </row>
    <row r="113882" spans="14:14">
      <c r="N113882" s="10"/>
    </row>
    <row r="113883" spans="14:14">
      <c r="N113883" s="10"/>
    </row>
    <row r="113884" spans="14:14">
      <c r="N113884" s="10"/>
    </row>
    <row r="113885" spans="14:14">
      <c r="N113885" s="10"/>
    </row>
    <row r="113886" spans="14:14">
      <c r="N113886" s="10"/>
    </row>
    <row r="113887" spans="14:14">
      <c r="N113887" s="10"/>
    </row>
    <row r="113888" spans="14:14">
      <c r="N113888" s="10"/>
    </row>
    <row r="113889" spans="14:14">
      <c r="N113889" s="10"/>
    </row>
    <row r="113890" spans="14:14">
      <c r="N113890" s="10"/>
    </row>
    <row r="113891" spans="14:14">
      <c r="N113891" s="10"/>
    </row>
    <row r="113892" spans="14:14">
      <c r="N113892" s="10"/>
    </row>
    <row r="113893" spans="14:14">
      <c r="N113893" s="10"/>
    </row>
    <row r="113894" spans="14:14">
      <c r="N113894" s="10"/>
    </row>
    <row r="113895" spans="14:14">
      <c r="N113895" s="10"/>
    </row>
    <row r="113896" spans="14:14">
      <c r="N113896" s="10"/>
    </row>
    <row r="113897" spans="14:14">
      <c r="N113897" s="10"/>
    </row>
    <row r="113898" spans="14:14">
      <c r="N113898" s="10"/>
    </row>
    <row r="113899" spans="14:14">
      <c r="N113899" s="10"/>
    </row>
    <row r="113900" spans="14:14">
      <c r="N113900" s="10"/>
    </row>
    <row r="113901" spans="14:14">
      <c r="N113901" s="10"/>
    </row>
    <row r="113902" spans="14:14">
      <c r="N113902" s="10"/>
    </row>
    <row r="113903" spans="14:14">
      <c r="N113903" s="10"/>
    </row>
    <row r="113904" spans="14:14">
      <c r="N113904" s="10"/>
    </row>
    <row r="113905" spans="14:14">
      <c r="N113905" s="10"/>
    </row>
    <row r="113906" spans="14:14">
      <c r="N113906" s="10"/>
    </row>
    <row r="113907" spans="14:14">
      <c r="N113907" s="10"/>
    </row>
    <row r="113908" spans="14:14">
      <c r="N113908" s="10"/>
    </row>
    <row r="113909" spans="14:14">
      <c r="N113909" s="10"/>
    </row>
    <row r="113910" spans="14:14">
      <c r="N113910" s="10"/>
    </row>
    <row r="113911" spans="14:14">
      <c r="N113911" s="10"/>
    </row>
    <row r="113912" spans="14:14">
      <c r="N113912" s="10"/>
    </row>
    <row r="113913" spans="14:14">
      <c r="N113913" s="10"/>
    </row>
    <row r="113914" spans="14:14">
      <c r="N113914" s="10"/>
    </row>
    <row r="113915" spans="14:14">
      <c r="N113915" s="10"/>
    </row>
    <row r="113916" spans="14:14">
      <c r="N113916" s="10"/>
    </row>
    <row r="113917" spans="14:14">
      <c r="N113917" s="10"/>
    </row>
    <row r="113918" spans="14:14">
      <c r="N113918" s="10"/>
    </row>
    <row r="113919" spans="14:14">
      <c r="N113919" s="10"/>
    </row>
    <row r="113920" spans="14:14">
      <c r="N113920" s="10"/>
    </row>
    <row r="113921" spans="14:14">
      <c r="N113921" s="10"/>
    </row>
    <row r="113922" spans="14:14">
      <c r="N113922" s="10"/>
    </row>
    <row r="113923" spans="14:14">
      <c r="N113923" s="10"/>
    </row>
    <row r="113924" spans="14:14">
      <c r="N113924" s="10"/>
    </row>
    <row r="113925" spans="14:14">
      <c r="N113925" s="10"/>
    </row>
    <row r="113926" spans="14:14">
      <c r="N113926" s="10"/>
    </row>
    <row r="113927" spans="14:14">
      <c r="N113927" s="10"/>
    </row>
    <row r="113928" spans="14:14">
      <c r="N113928" s="10"/>
    </row>
    <row r="113929" spans="14:14">
      <c r="N113929" s="10"/>
    </row>
    <row r="113930" spans="14:14">
      <c r="N113930" s="10"/>
    </row>
    <row r="113931" spans="14:14">
      <c r="N113931" s="10"/>
    </row>
    <row r="113932" spans="14:14">
      <c r="N113932" s="10"/>
    </row>
    <row r="113933" spans="14:14">
      <c r="N113933" s="10"/>
    </row>
    <row r="113934" spans="14:14">
      <c r="N113934" s="10"/>
    </row>
    <row r="113935" spans="14:14">
      <c r="N113935" s="10"/>
    </row>
    <row r="113936" spans="14:14">
      <c r="N113936" s="10"/>
    </row>
    <row r="113937" spans="14:14">
      <c r="N113937" s="10"/>
    </row>
    <row r="113938" spans="14:14">
      <c r="N113938" s="10"/>
    </row>
    <row r="113939" spans="14:14">
      <c r="N113939" s="10"/>
    </row>
    <row r="113940" spans="14:14">
      <c r="N113940" s="10"/>
    </row>
    <row r="113941" spans="14:14">
      <c r="N113941" s="10"/>
    </row>
    <row r="113942" spans="14:14">
      <c r="N113942" s="10"/>
    </row>
    <row r="113943" spans="14:14">
      <c r="N113943" s="10"/>
    </row>
    <row r="113944" spans="14:14">
      <c r="N113944" s="10"/>
    </row>
    <row r="113945" spans="14:14">
      <c r="N113945" s="10"/>
    </row>
    <row r="113946" spans="14:14">
      <c r="N113946" s="10"/>
    </row>
    <row r="113947" spans="14:14">
      <c r="N113947" s="10"/>
    </row>
    <row r="113948" spans="14:14">
      <c r="N113948" s="10"/>
    </row>
    <row r="113949" spans="14:14">
      <c r="N113949" s="10"/>
    </row>
    <row r="113950" spans="14:14">
      <c r="N113950" s="10"/>
    </row>
    <row r="113951" spans="14:14">
      <c r="N113951" s="10"/>
    </row>
    <row r="113952" spans="14:14">
      <c r="N113952" s="10"/>
    </row>
    <row r="113953" spans="14:14">
      <c r="N113953" s="10"/>
    </row>
    <row r="113954" spans="14:14">
      <c r="N113954" s="10"/>
    </row>
    <row r="113955" spans="14:14">
      <c r="N113955" s="10"/>
    </row>
    <row r="113956" spans="14:14">
      <c r="N113956" s="10"/>
    </row>
    <row r="113957" spans="14:14">
      <c r="N113957" s="10"/>
    </row>
    <row r="113958" spans="14:14">
      <c r="N113958" s="10"/>
    </row>
    <row r="113959" spans="14:14">
      <c r="N113959" s="10"/>
    </row>
    <row r="113960" spans="14:14">
      <c r="N113960" s="10"/>
    </row>
    <row r="113961" spans="14:14">
      <c r="N113961" s="10"/>
    </row>
    <row r="113962" spans="14:14">
      <c r="N113962" s="10"/>
    </row>
    <row r="113963" spans="14:14">
      <c r="N113963" s="10"/>
    </row>
    <row r="113964" spans="14:14">
      <c r="N113964" s="10"/>
    </row>
    <row r="113965" spans="14:14">
      <c r="N113965" s="10"/>
    </row>
    <row r="113966" spans="14:14">
      <c r="N113966" s="10"/>
    </row>
    <row r="113967" spans="14:14">
      <c r="N113967" s="10"/>
    </row>
    <row r="113968" spans="14:14">
      <c r="N113968" s="10"/>
    </row>
    <row r="113969" spans="14:14">
      <c r="N113969" s="10"/>
    </row>
    <row r="113970" spans="14:14">
      <c r="N113970" s="10"/>
    </row>
    <row r="113971" spans="14:14">
      <c r="N113971" s="10"/>
    </row>
    <row r="113972" spans="14:14">
      <c r="N113972" s="10"/>
    </row>
    <row r="113973" spans="14:14">
      <c r="N113973" s="10"/>
    </row>
    <row r="113974" spans="14:14">
      <c r="N113974" s="10"/>
    </row>
    <row r="113975" spans="14:14">
      <c r="N113975" s="10"/>
    </row>
    <row r="113976" spans="14:14">
      <c r="N113976" s="10"/>
    </row>
    <row r="113977" spans="14:14">
      <c r="N113977" s="10"/>
    </row>
    <row r="113978" spans="14:14">
      <c r="N113978" s="10"/>
    </row>
    <row r="113979" spans="14:14">
      <c r="N113979" s="10"/>
    </row>
    <row r="113980" spans="14:14">
      <c r="N113980" s="10"/>
    </row>
    <row r="113981" spans="14:14">
      <c r="N113981" s="10"/>
    </row>
    <row r="113982" spans="14:14">
      <c r="N113982" s="10"/>
    </row>
    <row r="113983" spans="14:14">
      <c r="N113983" s="10"/>
    </row>
    <row r="113984" spans="14:14">
      <c r="N113984" s="10"/>
    </row>
    <row r="113985" spans="14:14">
      <c r="N113985" s="10"/>
    </row>
    <row r="113986" spans="14:14">
      <c r="N113986" s="10"/>
    </row>
    <row r="113987" spans="14:14">
      <c r="N113987" s="10"/>
    </row>
    <row r="113988" spans="14:14">
      <c r="N113988" s="10"/>
    </row>
    <row r="113989" spans="14:14">
      <c r="N113989" s="10"/>
    </row>
    <row r="113990" spans="14:14">
      <c r="N113990" s="10"/>
    </row>
    <row r="113991" spans="14:14">
      <c r="N113991" s="10"/>
    </row>
    <row r="113992" spans="14:14">
      <c r="N113992" s="10"/>
    </row>
    <row r="113993" spans="14:14">
      <c r="N113993" s="10"/>
    </row>
    <row r="113994" spans="14:14">
      <c r="N113994" s="10"/>
    </row>
    <row r="113995" spans="14:14">
      <c r="N113995" s="10"/>
    </row>
    <row r="113996" spans="14:14">
      <c r="N113996" s="10"/>
    </row>
    <row r="113997" spans="14:14">
      <c r="N113997" s="10"/>
    </row>
    <row r="113998" spans="14:14">
      <c r="N113998" s="10"/>
    </row>
    <row r="113999" spans="14:14">
      <c r="N113999" s="10"/>
    </row>
    <row r="114000" spans="14:14">
      <c r="N114000" s="10"/>
    </row>
    <row r="114001" spans="14:14">
      <c r="N114001" s="10"/>
    </row>
    <row r="114002" spans="14:14">
      <c r="N114002" s="10"/>
    </row>
    <row r="114003" spans="14:14">
      <c r="N114003" s="10"/>
    </row>
    <row r="114004" spans="14:14">
      <c r="N114004" s="10"/>
    </row>
    <row r="114005" spans="14:14">
      <c r="N114005" s="10"/>
    </row>
    <row r="114006" spans="14:14">
      <c r="N114006" s="10"/>
    </row>
    <row r="114007" spans="14:14">
      <c r="N114007" s="10"/>
    </row>
    <row r="114008" spans="14:14">
      <c r="N114008" s="10"/>
    </row>
    <row r="114009" spans="14:14">
      <c r="N114009" s="10"/>
    </row>
    <row r="114010" spans="14:14">
      <c r="N114010" s="10"/>
    </row>
    <row r="114011" spans="14:14">
      <c r="N114011" s="10"/>
    </row>
    <row r="114012" spans="14:14">
      <c r="N114012" s="10"/>
    </row>
    <row r="114013" spans="14:14">
      <c r="N114013" s="10"/>
    </row>
    <row r="114014" spans="14:14">
      <c r="N114014" s="10"/>
    </row>
    <row r="114015" spans="14:14">
      <c r="N114015" s="10"/>
    </row>
    <row r="114016" spans="14:14">
      <c r="N114016" s="10"/>
    </row>
    <row r="114017" spans="14:14">
      <c r="N114017" s="10"/>
    </row>
    <row r="114018" spans="14:14">
      <c r="N114018" s="10"/>
    </row>
    <row r="114019" spans="14:14">
      <c r="N114019" s="10"/>
    </row>
    <row r="114020" spans="14:14">
      <c r="N114020" s="10"/>
    </row>
    <row r="114021" spans="14:14">
      <c r="N114021" s="10"/>
    </row>
    <row r="114022" spans="14:14">
      <c r="N114022" s="10"/>
    </row>
    <row r="114023" spans="14:14">
      <c r="N114023" s="10"/>
    </row>
    <row r="114024" spans="14:14">
      <c r="N114024" s="10"/>
    </row>
    <row r="114025" spans="14:14">
      <c r="N114025" s="10"/>
    </row>
    <row r="114026" spans="14:14">
      <c r="N114026" s="10"/>
    </row>
    <row r="114027" spans="14:14">
      <c r="N114027" s="10"/>
    </row>
    <row r="114028" spans="14:14">
      <c r="N114028" s="10"/>
    </row>
    <row r="114029" spans="14:14">
      <c r="N114029" s="10"/>
    </row>
    <row r="114030" spans="14:14">
      <c r="N114030" s="10"/>
    </row>
    <row r="114031" spans="14:14">
      <c r="N114031" s="10"/>
    </row>
    <row r="114032" spans="14:14">
      <c r="N114032" s="10"/>
    </row>
    <row r="114033" spans="14:14">
      <c r="N114033" s="10"/>
    </row>
    <row r="114034" spans="14:14">
      <c r="N114034" s="10"/>
    </row>
    <row r="114035" spans="14:14">
      <c r="N114035" s="10"/>
    </row>
    <row r="114036" spans="14:14">
      <c r="N114036" s="10"/>
    </row>
    <row r="114037" spans="14:14">
      <c r="N114037" s="10"/>
    </row>
    <row r="114038" spans="14:14">
      <c r="N114038" s="10"/>
    </row>
    <row r="114039" spans="14:14">
      <c r="N114039" s="10"/>
    </row>
    <row r="114040" spans="14:14">
      <c r="N114040" s="10"/>
    </row>
    <row r="114041" spans="14:14">
      <c r="N114041" s="10"/>
    </row>
    <row r="114042" spans="14:14">
      <c r="N114042" s="10"/>
    </row>
    <row r="114043" spans="14:14">
      <c r="N114043" s="10"/>
    </row>
    <row r="114044" spans="14:14">
      <c r="N114044" s="10"/>
    </row>
    <row r="114045" spans="14:14">
      <c r="N114045" s="10"/>
    </row>
    <row r="114046" spans="14:14">
      <c r="N114046" s="10"/>
    </row>
    <row r="114047" spans="14:14">
      <c r="N114047" s="10"/>
    </row>
    <row r="114048" spans="14:14">
      <c r="N114048" s="10"/>
    </row>
    <row r="114049" spans="14:14">
      <c r="N114049" s="10"/>
    </row>
    <row r="114050" spans="14:14">
      <c r="N114050" s="10"/>
    </row>
    <row r="114051" spans="14:14">
      <c r="N114051" s="10"/>
    </row>
    <row r="114052" spans="14:14">
      <c r="N114052" s="10"/>
    </row>
    <row r="114053" spans="14:14">
      <c r="N114053" s="10"/>
    </row>
    <row r="114054" spans="14:14">
      <c r="N114054" s="10"/>
    </row>
    <row r="114055" spans="14:14">
      <c r="N114055" s="10"/>
    </row>
    <row r="114056" spans="14:14">
      <c r="N114056" s="10"/>
    </row>
    <row r="114057" spans="14:14">
      <c r="N114057" s="10"/>
    </row>
    <row r="114058" spans="14:14">
      <c r="N114058" s="10"/>
    </row>
    <row r="114059" spans="14:14">
      <c r="N114059" s="10"/>
    </row>
    <row r="114060" spans="14:14">
      <c r="N114060" s="10"/>
    </row>
    <row r="114061" spans="14:14">
      <c r="N114061" s="10"/>
    </row>
    <row r="114062" spans="14:14">
      <c r="N114062" s="10"/>
    </row>
    <row r="114063" spans="14:14">
      <c r="N114063" s="10"/>
    </row>
    <row r="114064" spans="14:14">
      <c r="N114064" s="10"/>
    </row>
    <row r="114065" spans="14:14">
      <c r="N114065" s="10"/>
    </row>
    <row r="114066" spans="14:14">
      <c r="N114066" s="10"/>
    </row>
    <row r="114067" spans="14:14">
      <c r="N114067" s="10"/>
    </row>
    <row r="114068" spans="14:14">
      <c r="N114068" s="10"/>
    </row>
    <row r="114069" spans="14:14">
      <c r="N114069" s="10"/>
    </row>
    <row r="114070" spans="14:14">
      <c r="N114070" s="10"/>
    </row>
    <row r="114071" spans="14:14">
      <c r="N114071" s="10"/>
    </row>
    <row r="114072" spans="14:14">
      <c r="N114072" s="10"/>
    </row>
    <row r="114073" spans="14:14">
      <c r="N114073" s="10"/>
    </row>
    <row r="114074" spans="14:14">
      <c r="N114074" s="10"/>
    </row>
    <row r="114075" spans="14:14">
      <c r="N114075" s="10"/>
    </row>
    <row r="114076" spans="14:14">
      <c r="N114076" s="10"/>
    </row>
    <row r="114077" spans="14:14">
      <c r="N114077" s="10"/>
    </row>
    <row r="114078" spans="14:14">
      <c r="N114078" s="10"/>
    </row>
    <row r="114079" spans="14:14">
      <c r="N114079" s="10"/>
    </row>
    <row r="114080" spans="14:14">
      <c r="N114080" s="10"/>
    </row>
    <row r="114081" spans="14:14">
      <c r="N114081" s="10"/>
    </row>
    <row r="114082" spans="14:14">
      <c r="N114082" s="10"/>
    </row>
    <row r="114083" spans="14:14">
      <c r="N114083" s="10"/>
    </row>
    <row r="114084" spans="14:14">
      <c r="N114084" s="10"/>
    </row>
    <row r="114085" spans="14:14">
      <c r="N114085" s="10"/>
    </row>
    <row r="114086" spans="14:14">
      <c r="N114086" s="10"/>
    </row>
    <row r="114087" spans="14:14">
      <c r="N114087" s="10"/>
    </row>
    <row r="114088" spans="14:14">
      <c r="N114088" s="10"/>
    </row>
    <row r="114089" spans="14:14">
      <c r="N114089" s="10"/>
    </row>
    <row r="114090" spans="14:14">
      <c r="N114090" s="10"/>
    </row>
    <row r="114091" spans="14:14">
      <c r="N114091" s="10"/>
    </row>
    <row r="114092" spans="14:14">
      <c r="N114092" s="10"/>
    </row>
    <row r="114093" spans="14:14">
      <c r="N114093" s="10"/>
    </row>
    <row r="114094" spans="14:14">
      <c r="N114094" s="10"/>
    </row>
    <row r="114095" spans="14:14">
      <c r="N114095" s="10"/>
    </row>
    <row r="114096" spans="14:14">
      <c r="N114096" s="10"/>
    </row>
    <row r="114097" spans="14:14">
      <c r="N114097" s="10"/>
    </row>
    <row r="114098" spans="14:14">
      <c r="N114098" s="10"/>
    </row>
    <row r="114099" spans="14:14">
      <c r="N114099" s="10"/>
    </row>
    <row r="114100" spans="14:14">
      <c r="N114100" s="10"/>
    </row>
    <row r="114101" spans="14:14">
      <c r="N114101" s="10"/>
    </row>
    <row r="114102" spans="14:14">
      <c r="N114102" s="10"/>
    </row>
    <row r="114103" spans="14:14">
      <c r="N114103" s="10"/>
    </row>
    <row r="114104" spans="14:14">
      <c r="N114104" s="10"/>
    </row>
    <row r="114105" spans="14:14">
      <c r="N114105" s="10"/>
    </row>
    <row r="114106" spans="14:14">
      <c r="N114106" s="10"/>
    </row>
    <row r="114107" spans="14:14">
      <c r="N114107" s="10"/>
    </row>
    <row r="114108" spans="14:14">
      <c r="N114108" s="10"/>
    </row>
    <row r="114109" spans="14:14">
      <c r="N114109" s="10"/>
    </row>
    <row r="114110" spans="14:14">
      <c r="N114110" s="10"/>
    </row>
    <row r="114111" spans="14:14">
      <c r="N114111" s="10"/>
    </row>
    <row r="114112" spans="14:14">
      <c r="N114112" s="10"/>
    </row>
    <row r="114113" spans="14:14">
      <c r="N114113" s="10"/>
    </row>
    <row r="114114" spans="14:14">
      <c r="N114114" s="10"/>
    </row>
    <row r="114115" spans="14:14">
      <c r="N114115" s="10"/>
    </row>
    <row r="114116" spans="14:14">
      <c r="N114116" s="10"/>
    </row>
    <row r="114117" spans="14:14">
      <c r="N114117" s="10"/>
    </row>
    <row r="114118" spans="14:14">
      <c r="N114118" s="10"/>
    </row>
    <row r="114119" spans="14:14">
      <c r="N114119" s="10"/>
    </row>
    <row r="114120" spans="14:14">
      <c r="N114120" s="10"/>
    </row>
    <row r="114121" spans="14:14">
      <c r="N114121" s="10"/>
    </row>
    <row r="114122" spans="14:14">
      <c r="N114122" s="10"/>
    </row>
    <row r="114123" spans="14:14">
      <c r="N114123" s="10"/>
    </row>
    <row r="114124" spans="14:14">
      <c r="N114124" s="10"/>
    </row>
    <row r="114125" spans="14:14">
      <c r="N114125" s="10"/>
    </row>
    <row r="114126" spans="14:14">
      <c r="N114126" s="10"/>
    </row>
    <row r="114127" spans="14:14">
      <c r="N114127" s="10"/>
    </row>
    <row r="114128" spans="14:14">
      <c r="N114128" s="10"/>
    </row>
    <row r="114129" spans="14:14">
      <c r="N114129" s="10"/>
    </row>
    <row r="114130" spans="14:14">
      <c r="N114130" s="10"/>
    </row>
    <row r="114131" spans="14:14">
      <c r="N114131" s="10"/>
    </row>
    <row r="114132" spans="14:14">
      <c r="N114132" s="10"/>
    </row>
    <row r="114133" spans="14:14">
      <c r="N114133" s="10"/>
    </row>
    <row r="114134" spans="14:14">
      <c r="N114134" s="10"/>
    </row>
    <row r="114135" spans="14:14">
      <c r="N114135" s="10"/>
    </row>
    <row r="114136" spans="14:14">
      <c r="N114136" s="10"/>
    </row>
    <row r="114137" spans="14:14">
      <c r="N114137" s="10"/>
    </row>
    <row r="114138" spans="14:14">
      <c r="N114138" s="10"/>
    </row>
    <row r="114139" spans="14:14">
      <c r="N114139" s="10"/>
    </row>
    <row r="114140" spans="14:14">
      <c r="N114140" s="10"/>
    </row>
    <row r="114141" spans="14:14">
      <c r="N114141" s="10"/>
    </row>
    <row r="114142" spans="14:14">
      <c r="N114142" s="10"/>
    </row>
    <row r="114143" spans="14:14">
      <c r="N114143" s="10"/>
    </row>
    <row r="114144" spans="14:14">
      <c r="N114144" s="10"/>
    </row>
    <row r="114145" spans="14:14">
      <c r="N114145" s="10"/>
    </row>
    <row r="114146" spans="14:14">
      <c r="N114146" s="10"/>
    </row>
    <row r="114147" spans="14:14">
      <c r="N114147" s="10"/>
    </row>
    <row r="114148" spans="14:14">
      <c r="N114148" s="10"/>
    </row>
    <row r="114149" spans="14:14">
      <c r="N114149" s="10"/>
    </row>
    <row r="114150" spans="14:14">
      <c r="N114150" s="10"/>
    </row>
    <row r="114151" spans="14:14">
      <c r="N114151" s="10"/>
    </row>
    <row r="114152" spans="14:14">
      <c r="N114152" s="10"/>
    </row>
    <row r="114153" spans="14:14">
      <c r="N114153" s="10"/>
    </row>
    <row r="114154" spans="14:14">
      <c r="N114154" s="10"/>
    </row>
    <row r="114155" spans="14:14">
      <c r="N114155" s="10"/>
    </row>
    <row r="114156" spans="14:14">
      <c r="N114156" s="10"/>
    </row>
    <row r="114157" spans="14:14">
      <c r="N114157" s="10"/>
    </row>
    <row r="114158" spans="14:14">
      <c r="N114158" s="10"/>
    </row>
    <row r="114159" spans="14:14">
      <c r="N114159" s="10"/>
    </row>
    <row r="114160" spans="14:14">
      <c r="N114160" s="10"/>
    </row>
    <row r="114161" spans="14:14">
      <c r="N114161" s="10"/>
    </row>
    <row r="114162" spans="14:14">
      <c r="N114162" s="10"/>
    </row>
    <row r="114163" spans="14:14">
      <c r="N114163" s="10"/>
    </row>
    <row r="114164" spans="14:14">
      <c r="N114164" s="10"/>
    </row>
    <row r="114165" spans="14:14">
      <c r="N114165" s="10"/>
    </row>
    <row r="114166" spans="14:14">
      <c r="N114166" s="10"/>
    </row>
    <row r="114167" spans="14:14">
      <c r="N114167" s="10"/>
    </row>
    <row r="114168" spans="14:14">
      <c r="N114168" s="10"/>
    </row>
    <row r="114169" spans="14:14">
      <c r="N114169" s="10"/>
    </row>
    <row r="114170" spans="14:14">
      <c r="N114170" s="10"/>
    </row>
    <row r="114171" spans="14:14">
      <c r="N114171" s="10"/>
    </row>
    <row r="114172" spans="14:14">
      <c r="N114172" s="10"/>
    </row>
    <row r="114173" spans="14:14">
      <c r="N114173" s="10"/>
    </row>
    <row r="114174" spans="14:14">
      <c r="N114174" s="10"/>
    </row>
    <row r="114175" spans="14:14">
      <c r="N114175" s="10"/>
    </row>
    <row r="114176" spans="14:14">
      <c r="N114176" s="10"/>
    </row>
    <row r="114177" spans="14:14">
      <c r="N114177" s="10"/>
    </row>
    <row r="114178" spans="14:14">
      <c r="N114178" s="10"/>
    </row>
    <row r="114179" spans="14:14">
      <c r="N114179" s="10"/>
    </row>
    <row r="114180" spans="14:14">
      <c r="N114180" s="10"/>
    </row>
    <row r="114181" spans="14:14">
      <c r="N114181" s="10"/>
    </row>
    <row r="114182" spans="14:14">
      <c r="N114182" s="10"/>
    </row>
    <row r="114183" spans="14:14">
      <c r="N114183" s="10"/>
    </row>
    <row r="114184" spans="14:14">
      <c r="N114184" s="10"/>
    </row>
    <row r="114185" spans="14:14">
      <c r="N114185" s="10"/>
    </row>
    <row r="114186" spans="14:14">
      <c r="N114186" s="10"/>
    </row>
    <row r="114187" spans="14:14">
      <c r="N114187" s="10"/>
    </row>
    <row r="114188" spans="14:14">
      <c r="N114188" s="10"/>
    </row>
    <row r="114189" spans="14:14">
      <c r="N114189" s="10"/>
    </row>
    <row r="114190" spans="14:14">
      <c r="N114190" s="10"/>
    </row>
    <row r="114191" spans="14:14">
      <c r="N114191" s="10"/>
    </row>
    <row r="114192" spans="14:14">
      <c r="N114192" s="10"/>
    </row>
    <row r="114193" spans="14:14">
      <c r="N114193" s="10"/>
    </row>
    <row r="114194" spans="14:14">
      <c r="N114194" s="10"/>
    </row>
    <row r="114195" spans="14:14">
      <c r="N114195" s="10"/>
    </row>
    <row r="114196" spans="14:14">
      <c r="N114196" s="10"/>
    </row>
    <row r="114197" spans="14:14">
      <c r="N114197" s="10"/>
    </row>
    <row r="114198" spans="14:14">
      <c r="N114198" s="10"/>
    </row>
    <row r="114199" spans="14:14">
      <c r="N114199" s="10"/>
    </row>
    <row r="114200" spans="14:14">
      <c r="N114200" s="10"/>
    </row>
    <row r="114201" spans="14:14">
      <c r="N114201" s="10"/>
    </row>
    <row r="114202" spans="14:14">
      <c r="N114202" s="10"/>
    </row>
    <row r="114203" spans="14:14">
      <c r="N114203" s="10"/>
    </row>
    <row r="114204" spans="14:14">
      <c r="N114204" s="10"/>
    </row>
    <row r="114205" spans="14:14">
      <c r="N114205" s="10"/>
    </row>
    <row r="114206" spans="14:14">
      <c r="N114206" s="10"/>
    </row>
    <row r="114207" spans="14:14">
      <c r="N114207" s="10"/>
    </row>
    <row r="114208" spans="14:14">
      <c r="N114208" s="10"/>
    </row>
    <row r="114209" spans="14:14">
      <c r="N114209" s="10"/>
    </row>
    <row r="114210" spans="14:14">
      <c r="N114210" s="10"/>
    </row>
    <row r="114211" spans="14:14">
      <c r="N114211" s="10"/>
    </row>
    <row r="114212" spans="14:14">
      <c r="N114212" s="10"/>
    </row>
    <row r="114213" spans="14:14">
      <c r="N114213" s="10"/>
    </row>
    <row r="114214" spans="14:14">
      <c r="N114214" s="10"/>
    </row>
    <row r="114215" spans="14:14">
      <c r="N114215" s="10"/>
    </row>
    <row r="114216" spans="14:14">
      <c r="N114216" s="10"/>
    </row>
    <row r="114217" spans="14:14">
      <c r="N114217" s="10"/>
    </row>
    <row r="114218" spans="14:14">
      <c r="N114218" s="10"/>
    </row>
    <row r="114219" spans="14:14">
      <c r="N114219" s="10"/>
    </row>
    <row r="114220" spans="14:14">
      <c r="N114220" s="10"/>
    </row>
    <row r="114221" spans="14:14">
      <c r="N114221" s="10"/>
    </row>
    <row r="114222" spans="14:14">
      <c r="N114222" s="10"/>
    </row>
    <row r="114223" spans="14:14">
      <c r="N114223" s="10"/>
    </row>
    <row r="114224" spans="14:14">
      <c r="N114224" s="10"/>
    </row>
    <row r="114225" spans="14:14">
      <c r="N114225" s="10"/>
    </row>
    <row r="114226" spans="14:14">
      <c r="N114226" s="10"/>
    </row>
    <row r="114227" spans="14:14">
      <c r="N114227" s="10"/>
    </row>
    <row r="114228" spans="14:14">
      <c r="N114228" s="10"/>
    </row>
    <row r="114229" spans="14:14">
      <c r="N114229" s="10"/>
    </row>
    <row r="114230" spans="14:14">
      <c r="N114230" s="10"/>
    </row>
    <row r="114231" spans="14:14">
      <c r="N114231" s="10"/>
    </row>
    <row r="114232" spans="14:14">
      <c r="N114232" s="10"/>
    </row>
    <row r="114233" spans="14:14">
      <c r="N114233" s="10"/>
    </row>
    <row r="114234" spans="14:14">
      <c r="N114234" s="10"/>
    </row>
    <row r="114235" spans="14:14">
      <c r="N114235" s="10"/>
    </row>
    <row r="114236" spans="14:14">
      <c r="N114236" s="10"/>
    </row>
    <row r="114237" spans="14:14">
      <c r="N114237" s="10"/>
    </row>
    <row r="114238" spans="14:14">
      <c r="N114238" s="10"/>
    </row>
    <row r="114239" spans="14:14">
      <c r="N114239" s="10"/>
    </row>
    <row r="114240" spans="14:14">
      <c r="N114240" s="10"/>
    </row>
    <row r="114241" spans="14:14">
      <c r="N114241" s="10"/>
    </row>
    <row r="114242" spans="14:14">
      <c r="N114242" s="10"/>
    </row>
    <row r="114243" spans="14:14">
      <c r="N114243" s="10"/>
    </row>
    <row r="114244" spans="14:14">
      <c r="N114244" s="10"/>
    </row>
    <row r="114245" spans="14:14">
      <c r="N114245" s="10"/>
    </row>
    <row r="114246" spans="14:14">
      <c r="N114246" s="10"/>
    </row>
    <row r="114247" spans="14:14">
      <c r="N114247" s="10"/>
    </row>
    <row r="114248" spans="14:14">
      <c r="N114248" s="10"/>
    </row>
    <row r="114249" spans="14:14">
      <c r="N114249" s="10"/>
    </row>
    <row r="114250" spans="14:14">
      <c r="N114250" s="10"/>
    </row>
    <row r="114251" spans="14:14">
      <c r="N114251" s="10"/>
    </row>
    <row r="114252" spans="14:14">
      <c r="N114252" s="10"/>
    </row>
    <row r="114253" spans="14:14">
      <c r="N114253" s="10"/>
    </row>
    <row r="114254" spans="14:14">
      <c r="N114254" s="10"/>
    </row>
    <row r="114255" spans="14:14">
      <c r="N114255" s="10"/>
    </row>
    <row r="114256" spans="14:14">
      <c r="N114256" s="10"/>
    </row>
    <row r="114257" spans="14:14">
      <c r="N114257" s="10"/>
    </row>
    <row r="114258" spans="14:14">
      <c r="N114258" s="10"/>
    </row>
    <row r="114259" spans="14:14">
      <c r="N114259" s="10"/>
    </row>
    <row r="114260" spans="14:14">
      <c r="N114260" s="10"/>
    </row>
    <row r="114261" spans="14:14">
      <c r="N114261" s="10"/>
    </row>
    <row r="114262" spans="14:14">
      <c r="N114262" s="10"/>
    </row>
    <row r="114263" spans="14:14">
      <c r="N114263" s="10"/>
    </row>
    <row r="114264" spans="14:14">
      <c r="N114264" s="10"/>
    </row>
    <row r="114265" spans="14:14">
      <c r="N114265" s="10"/>
    </row>
    <row r="114266" spans="14:14">
      <c r="N114266" s="10"/>
    </row>
    <row r="114267" spans="14:14">
      <c r="N114267" s="10"/>
    </row>
    <row r="114268" spans="14:14">
      <c r="N114268" s="10"/>
    </row>
    <row r="114269" spans="14:14">
      <c r="N114269" s="10"/>
    </row>
    <row r="114270" spans="14:14">
      <c r="N114270" s="10"/>
    </row>
    <row r="114271" spans="14:14">
      <c r="N114271" s="10"/>
    </row>
    <row r="114272" spans="14:14">
      <c r="N114272" s="10"/>
    </row>
    <row r="114273" spans="14:14">
      <c r="N114273" s="10"/>
    </row>
    <row r="114274" spans="14:14">
      <c r="N114274" s="10"/>
    </row>
    <row r="114275" spans="14:14">
      <c r="N114275" s="10"/>
    </row>
    <row r="114276" spans="14:14">
      <c r="N114276" s="10"/>
    </row>
    <row r="114277" spans="14:14">
      <c r="N114277" s="10"/>
    </row>
    <row r="114278" spans="14:14">
      <c r="N114278" s="10"/>
    </row>
    <row r="114279" spans="14:14">
      <c r="N114279" s="10"/>
    </row>
    <row r="114280" spans="14:14">
      <c r="N114280" s="10"/>
    </row>
    <row r="114281" spans="14:14">
      <c r="N114281" s="10"/>
    </row>
    <row r="114282" spans="14:14">
      <c r="N114282" s="10"/>
    </row>
    <row r="114283" spans="14:14">
      <c r="N114283" s="10"/>
    </row>
    <row r="114284" spans="14:14">
      <c r="N114284" s="10"/>
    </row>
    <row r="114285" spans="14:14">
      <c r="N114285" s="10"/>
    </row>
    <row r="114286" spans="14:14">
      <c r="N114286" s="10"/>
    </row>
    <row r="114287" spans="14:14">
      <c r="N114287" s="10"/>
    </row>
    <row r="114288" spans="14:14">
      <c r="N114288" s="10"/>
    </row>
    <row r="114289" spans="14:14">
      <c r="N114289" s="10"/>
    </row>
    <row r="114290" spans="14:14">
      <c r="N114290" s="10"/>
    </row>
    <row r="114291" spans="14:14">
      <c r="N114291" s="10"/>
    </row>
    <row r="114292" spans="14:14">
      <c r="N114292" s="10"/>
    </row>
    <row r="114293" spans="14:14">
      <c r="N114293" s="10"/>
    </row>
    <row r="114294" spans="14:14">
      <c r="N114294" s="10"/>
    </row>
    <row r="114295" spans="14:14">
      <c r="N114295" s="10"/>
    </row>
    <row r="114296" spans="14:14">
      <c r="N114296" s="10"/>
    </row>
    <row r="114297" spans="14:14">
      <c r="N114297" s="10"/>
    </row>
    <row r="114298" spans="14:14">
      <c r="N114298" s="10"/>
    </row>
    <row r="114299" spans="14:14">
      <c r="N114299" s="10"/>
    </row>
    <row r="114300" spans="14:14">
      <c r="N114300" s="10"/>
    </row>
    <row r="114301" spans="14:14">
      <c r="N114301" s="10"/>
    </row>
    <row r="114302" spans="14:14">
      <c r="N114302" s="10"/>
    </row>
    <row r="114303" spans="14:14">
      <c r="N114303" s="10"/>
    </row>
    <row r="114304" spans="14:14">
      <c r="N114304" s="10"/>
    </row>
    <row r="114305" spans="14:14">
      <c r="N114305" s="10"/>
    </row>
    <row r="114306" spans="14:14">
      <c r="N114306" s="10"/>
    </row>
    <row r="114307" spans="14:14">
      <c r="N114307" s="10"/>
    </row>
    <row r="114308" spans="14:14">
      <c r="N114308" s="10"/>
    </row>
    <row r="114309" spans="14:14">
      <c r="N114309" s="10"/>
    </row>
    <row r="114310" spans="14:14">
      <c r="N114310" s="10"/>
    </row>
    <row r="114311" spans="14:14">
      <c r="N114311" s="10"/>
    </row>
    <row r="114312" spans="14:14">
      <c r="N114312" s="10"/>
    </row>
    <row r="114313" spans="14:14">
      <c r="N114313" s="10"/>
    </row>
    <row r="114314" spans="14:14">
      <c r="N114314" s="10"/>
    </row>
    <row r="114315" spans="14:14">
      <c r="N114315" s="10"/>
    </row>
    <row r="114316" spans="14:14">
      <c r="N114316" s="10"/>
    </row>
    <row r="114317" spans="14:14">
      <c r="N114317" s="10"/>
    </row>
    <row r="114318" spans="14:14">
      <c r="N114318" s="10"/>
    </row>
    <row r="114319" spans="14:14">
      <c r="N114319" s="10"/>
    </row>
    <row r="114320" spans="14:14">
      <c r="N114320" s="10"/>
    </row>
    <row r="114321" spans="14:14">
      <c r="N114321" s="10"/>
    </row>
    <row r="114322" spans="14:14">
      <c r="N114322" s="10"/>
    </row>
    <row r="114323" spans="14:14">
      <c r="N114323" s="10"/>
    </row>
    <row r="114324" spans="14:14">
      <c r="N114324" s="10"/>
    </row>
    <row r="114325" spans="14:14">
      <c r="N114325" s="10"/>
    </row>
    <row r="114326" spans="14:14">
      <c r="N114326" s="10"/>
    </row>
    <row r="114327" spans="14:14">
      <c r="N114327" s="10"/>
    </row>
    <row r="114328" spans="14:14">
      <c r="N114328" s="10"/>
    </row>
    <row r="114329" spans="14:14">
      <c r="N114329" s="10"/>
    </row>
    <row r="114330" spans="14:14">
      <c r="N114330" s="10"/>
    </row>
    <row r="114331" spans="14:14">
      <c r="N114331" s="10"/>
    </row>
    <row r="114332" spans="14:14">
      <c r="N114332" s="10"/>
    </row>
    <row r="114333" spans="14:14">
      <c r="N114333" s="10"/>
    </row>
    <row r="114334" spans="14:14">
      <c r="N114334" s="10"/>
    </row>
    <row r="114335" spans="14:14">
      <c r="N114335" s="10"/>
    </row>
    <row r="114336" spans="14:14">
      <c r="N114336" s="10"/>
    </row>
    <row r="114337" spans="14:14">
      <c r="N114337" s="10"/>
    </row>
    <row r="114338" spans="14:14">
      <c r="N114338" s="10"/>
    </row>
    <row r="114339" spans="14:14">
      <c r="N114339" s="10"/>
    </row>
    <row r="114340" spans="14:14">
      <c r="N114340" s="10"/>
    </row>
    <row r="114341" spans="14:14">
      <c r="N114341" s="10"/>
    </row>
    <row r="114342" spans="14:14">
      <c r="N114342" s="10"/>
    </row>
    <row r="114343" spans="14:14">
      <c r="N114343" s="10"/>
    </row>
    <row r="114344" spans="14:14">
      <c r="N114344" s="10"/>
    </row>
    <row r="114345" spans="14:14">
      <c r="N114345" s="10"/>
    </row>
    <row r="114346" spans="14:14">
      <c r="N114346" s="10"/>
    </row>
    <row r="114347" spans="14:14">
      <c r="N114347" s="10"/>
    </row>
    <row r="114348" spans="14:14">
      <c r="N114348" s="10"/>
    </row>
    <row r="114349" spans="14:14">
      <c r="N114349" s="10"/>
    </row>
    <row r="114350" spans="14:14">
      <c r="N114350" s="10"/>
    </row>
    <row r="114351" spans="14:14">
      <c r="N114351" s="10"/>
    </row>
    <row r="114352" spans="14:14">
      <c r="N114352" s="10"/>
    </row>
    <row r="114353" spans="14:14">
      <c r="N114353" s="10"/>
    </row>
    <row r="114354" spans="14:14">
      <c r="N114354" s="10"/>
    </row>
    <row r="114355" spans="14:14">
      <c r="N114355" s="10"/>
    </row>
    <row r="114356" spans="14:14">
      <c r="N114356" s="10"/>
    </row>
    <row r="114357" spans="14:14">
      <c r="N114357" s="10"/>
    </row>
    <row r="114358" spans="14:14">
      <c r="N114358" s="10"/>
    </row>
    <row r="114359" spans="14:14">
      <c r="N114359" s="10"/>
    </row>
    <row r="114360" spans="14:14">
      <c r="N114360" s="10"/>
    </row>
    <row r="114361" spans="14:14">
      <c r="N114361" s="10"/>
    </row>
    <row r="114362" spans="14:14">
      <c r="N114362" s="10"/>
    </row>
    <row r="114363" spans="14:14">
      <c r="N114363" s="10"/>
    </row>
    <row r="114364" spans="14:14">
      <c r="N114364" s="10"/>
    </row>
    <row r="114365" spans="14:14">
      <c r="N114365" s="10"/>
    </row>
    <row r="114366" spans="14:14">
      <c r="N114366" s="10"/>
    </row>
    <row r="114367" spans="14:14">
      <c r="N114367" s="10"/>
    </row>
    <row r="114368" spans="14:14">
      <c r="N114368" s="10"/>
    </row>
    <row r="114369" spans="14:14">
      <c r="N114369" s="10"/>
    </row>
    <row r="114370" spans="14:14">
      <c r="N114370" s="10"/>
    </row>
    <row r="114371" spans="14:14">
      <c r="N114371" s="10"/>
    </row>
    <row r="114372" spans="14:14">
      <c r="N114372" s="10"/>
    </row>
    <row r="114373" spans="14:14">
      <c r="N114373" s="10"/>
    </row>
    <row r="114374" spans="14:14">
      <c r="N114374" s="10"/>
    </row>
    <row r="114375" spans="14:14">
      <c r="N114375" s="10"/>
    </row>
    <row r="114376" spans="14:14">
      <c r="N114376" s="10"/>
    </row>
    <row r="114377" spans="14:14">
      <c r="N114377" s="10"/>
    </row>
    <row r="114378" spans="14:14">
      <c r="N114378" s="10"/>
    </row>
    <row r="114379" spans="14:14">
      <c r="N114379" s="10"/>
    </row>
    <row r="114380" spans="14:14">
      <c r="N114380" s="10"/>
    </row>
    <row r="114381" spans="14:14">
      <c r="N114381" s="10"/>
    </row>
    <row r="114382" spans="14:14">
      <c r="N114382" s="10"/>
    </row>
    <row r="114383" spans="14:14">
      <c r="N114383" s="10"/>
    </row>
    <row r="114384" spans="14:14">
      <c r="N114384" s="10"/>
    </row>
    <row r="114385" spans="14:14">
      <c r="N114385" s="10"/>
    </row>
    <row r="114386" spans="14:14">
      <c r="N114386" s="10"/>
    </row>
    <row r="114387" spans="14:14">
      <c r="N114387" s="10"/>
    </row>
    <row r="114388" spans="14:14">
      <c r="N114388" s="10"/>
    </row>
    <row r="114389" spans="14:14">
      <c r="N114389" s="10"/>
    </row>
    <row r="114390" spans="14:14">
      <c r="N114390" s="10"/>
    </row>
    <row r="114391" spans="14:14">
      <c r="N114391" s="10"/>
    </row>
    <row r="114392" spans="14:14">
      <c r="N114392" s="10"/>
    </row>
    <row r="114393" spans="14:14">
      <c r="N114393" s="10"/>
    </row>
    <row r="114394" spans="14:14">
      <c r="N114394" s="10"/>
    </row>
    <row r="114395" spans="14:14">
      <c r="N114395" s="10"/>
    </row>
    <row r="114396" spans="14:14">
      <c r="N114396" s="10"/>
    </row>
    <row r="114397" spans="14:14">
      <c r="N114397" s="10"/>
    </row>
    <row r="114398" spans="14:14">
      <c r="N114398" s="10"/>
    </row>
    <row r="114399" spans="14:14">
      <c r="N114399" s="10"/>
    </row>
    <row r="114400" spans="14:14">
      <c r="N114400" s="10"/>
    </row>
    <row r="114401" spans="14:14">
      <c r="N114401" s="10"/>
    </row>
    <row r="114402" spans="14:14">
      <c r="N114402" s="10"/>
    </row>
    <row r="114403" spans="14:14">
      <c r="N114403" s="10"/>
    </row>
    <row r="114404" spans="14:14">
      <c r="N114404" s="10"/>
    </row>
    <row r="114405" spans="14:14">
      <c r="N114405" s="10"/>
    </row>
    <row r="114406" spans="14:14">
      <c r="N114406" s="10"/>
    </row>
    <row r="114407" spans="14:14">
      <c r="N114407" s="10"/>
    </row>
    <row r="114408" spans="14:14">
      <c r="N114408" s="10"/>
    </row>
    <row r="114409" spans="14:14">
      <c r="N114409" s="10"/>
    </row>
    <row r="114410" spans="14:14">
      <c r="N114410" s="10"/>
    </row>
    <row r="114411" spans="14:14">
      <c r="N114411" s="10"/>
    </row>
    <row r="114412" spans="14:14">
      <c r="N114412" s="10"/>
    </row>
    <row r="114413" spans="14:14">
      <c r="N114413" s="10"/>
    </row>
    <row r="114414" spans="14:14">
      <c r="N114414" s="10"/>
    </row>
    <row r="114415" spans="14:14">
      <c r="N114415" s="10"/>
    </row>
    <row r="114416" spans="14:14">
      <c r="N114416" s="10"/>
    </row>
    <row r="114417" spans="14:14">
      <c r="N114417" s="10"/>
    </row>
    <row r="114418" spans="14:14">
      <c r="N114418" s="10"/>
    </row>
    <row r="114419" spans="14:14">
      <c r="N114419" s="10"/>
    </row>
    <row r="114420" spans="14:14">
      <c r="N114420" s="10"/>
    </row>
    <row r="114421" spans="14:14">
      <c r="N114421" s="10"/>
    </row>
    <row r="114422" spans="14:14">
      <c r="N114422" s="10"/>
    </row>
    <row r="114423" spans="14:14">
      <c r="N114423" s="10"/>
    </row>
    <row r="114424" spans="14:14">
      <c r="N114424" s="10"/>
    </row>
    <row r="114425" spans="14:14">
      <c r="N114425" s="10"/>
    </row>
    <row r="114426" spans="14:14">
      <c r="N114426" s="10"/>
    </row>
    <row r="114427" spans="14:14">
      <c r="N114427" s="10"/>
    </row>
    <row r="114428" spans="14:14">
      <c r="N114428" s="10"/>
    </row>
    <row r="114429" spans="14:14">
      <c r="N114429" s="10"/>
    </row>
    <row r="114430" spans="14:14">
      <c r="N114430" s="10"/>
    </row>
    <row r="114431" spans="14:14">
      <c r="N114431" s="10"/>
    </row>
    <row r="114432" spans="14:14">
      <c r="N114432" s="10"/>
    </row>
    <row r="114433" spans="14:14">
      <c r="N114433" s="10"/>
    </row>
    <row r="114434" spans="14:14">
      <c r="N114434" s="10"/>
    </row>
    <row r="114435" spans="14:14">
      <c r="N114435" s="10"/>
    </row>
    <row r="114436" spans="14:14">
      <c r="N114436" s="10"/>
    </row>
    <row r="114437" spans="14:14">
      <c r="N114437" s="10"/>
    </row>
    <row r="114438" spans="14:14">
      <c r="N114438" s="10"/>
    </row>
    <row r="114439" spans="14:14">
      <c r="N114439" s="10"/>
    </row>
    <row r="114440" spans="14:14">
      <c r="N114440" s="10"/>
    </row>
    <row r="114441" spans="14:14">
      <c r="N114441" s="10"/>
    </row>
    <row r="114442" spans="14:14">
      <c r="N114442" s="10"/>
    </row>
    <row r="114443" spans="14:14">
      <c r="N114443" s="10"/>
    </row>
    <row r="114444" spans="14:14">
      <c r="N114444" s="10"/>
    </row>
    <row r="114445" spans="14:14">
      <c r="N114445" s="10"/>
    </row>
    <row r="114446" spans="14:14">
      <c r="N114446" s="10"/>
    </row>
    <row r="114447" spans="14:14">
      <c r="N114447" s="10"/>
    </row>
    <row r="114448" spans="14:14">
      <c r="N114448" s="10"/>
    </row>
    <row r="114449" spans="14:14">
      <c r="N114449" s="10"/>
    </row>
    <row r="114450" spans="14:14">
      <c r="N114450" s="10"/>
    </row>
    <row r="114451" spans="14:14">
      <c r="N114451" s="10"/>
    </row>
    <row r="114452" spans="14:14">
      <c r="N114452" s="10"/>
    </row>
    <row r="114453" spans="14:14">
      <c r="N114453" s="10"/>
    </row>
    <row r="114454" spans="14:14">
      <c r="N114454" s="10"/>
    </row>
    <row r="114455" spans="14:14">
      <c r="N114455" s="10"/>
    </row>
    <row r="114456" spans="14:14">
      <c r="N114456" s="10"/>
    </row>
    <row r="114457" spans="14:14">
      <c r="N114457" s="10"/>
    </row>
    <row r="114458" spans="14:14">
      <c r="N114458" s="10"/>
    </row>
    <row r="114459" spans="14:14">
      <c r="N114459" s="10"/>
    </row>
    <row r="114460" spans="14:14">
      <c r="N114460" s="10"/>
    </row>
    <row r="114461" spans="14:14">
      <c r="N114461" s="10"/>
    </row>
    <row r="114462" spans="14:14">
      <c r="N114462" s="10"/>
    </row>
    <row r="114463" spans="14:14">
      <c r="N114463" s="10"/>
    </row>
    <row r="114464" spans="14:14">
      <c r="N114464" s="10"/>
    </row>
    <row r="114465" spans="14:14">
      <c r="N114465" s="10"/>
    </row>
    <row r="114466" spans="14:14">
      <c r="N114466" s="10"/>
    </row>
    <row r="114467" spans="14:14">
      <c r="N114467" s="10"/>
    </row>
    <row r="114468" spans="14:14">
      <c r="N114468" s="10"/>
    </row>
    <row r="114469" spans="14:14">
      <c r="N114469" s="10"/>
    </row>
    <row r="114470" spans="14:14">
      <c r="N114470" s="10"/>
    </row>
    <row r="114471" spans="14:14">
      <c r="N114471" s="10"/>
    </row>
    <row r="114472" spans="14:14">
      <c r="N114472" s="10"/>
    </row>
    <row r="114473" spans="14:14">
      <c r="N114473" s="10"/>
    </row>
    <row r="114474" spans="14:14">
      <c r="N114474" s="10"/>
    </row>
    <row r="114475" spans="14:14">
      <c r="N114475" s="10"/>
    </row>
    <row r="114476" spans="14:14">
      <c r="N114476" s="10"/>
    </row>
    <row r="114477" spans="14:14">
      <c r="N114477" s="10"/>
    </row>
    <row r="114478" spans="14:14">
      <c r="N114478" s="10"/>
    </row>
    <row r="114479" spans="14:14">
      <c r="N114479" s="10"/>
    </row>
    <row r="114480" spans="14:14">
      <c r="N114480" s="10"/>
    </row>
    <row r="114481" spans="14:14">
      <c r="N114481" s="10"/>
    </row>
    <row r="114482" spans="14:14">
      <c r="N114482" s="10"/>
    </row>
    <row r="114483" spans="14:14">
      <c r="N114483" s="10"/>
    </row>
    <row r="114484" spans="14:14">
      <c r="N114484" s="10"/>
    </row>
    <row r="114485" spans="14:14">
      <c r="N114485" s="10"/>
    </row>
    <row r="114486" spans="14:14">
      <c r="N114486" s="10"/>
    </row>
    <row r="114487" spans="14:14">
      <c r="N114487" s="10"/>
    </row>
    <row r="114488" spans="14:14">
      <c r="N114488" s="10"/>
    </row>
    <row r="114489" spans="14:14">
      <c r="N114489" s="10"/>
    </row>
    <row r="114490" spans="14:14">
      <c r="N114490" s="10"/>
    </row>
    <row r="114491" spans="14:14">
      <c r="N114491" s="10"/>
    </row>
    <row r="114492" spans="14:14">
      <c r="N114492" s="10"/>
    </row>
    <row r="114493" spans="14:14">
      <c r="N114493" s="10"/>
    </row>
    <row r="114494" spans="14:14">
      <c r="N114494" s="10"/>
    </row>
    <row r="114495" spans="14:14">
      <c r="N114495" s="10"/>
    </row>
    <row r="114496" spans="14:14">
      <c r="N114496" s="10"/>
    </row>
    <row r="114497" spans="14:14">
      <c r="N114497" s="10"/>
    </row>
    <row r="114498" spans="14:14">
      <c r="N114498" s="10"/>
    </row>
    <row r="114499" spans="14:14">
      <c r="N114499" s="10"/>
    </row>
    <row r="114500" spans="14:14">
      <c r="N114500" s="10"/>
    </row>
    <row r="114501" spans="14:14">
      <c r="N114501" s="10"/>
    </row>
    <row r="114502" spans="14:14">
      <c r="N114502" s="10"/>
    </row>
    <row r="114503" spans="14:14">
      <c r="N114503" s="10"/>
    </row>
    <row r="114504" spans="14:14">
      <c r="N114504" s="10"/>
    </row>
    <row r="114505" spans="14:14">
      <c r="N114505" s="10"/>
    </row>
    <row r="114506" spans="14:14">
      <c r="N114506" s="10"/>
    </row>
    <row r="114507" spans="14:14">
      <c r="N114507" s="10"/>
    </row>
    <row r="114508" spans="14:14">
      <c r="N114508" s="10"/>
    </row>
    <row r="114509" spans="14:14">
      <c r="N114509" s="10"/>
    </row>
    <row r="114510" spans="14:14">
      <c r="N114510" s="10"/>
    </row>
    <row r="114511" spans="14:14">
      <c r="N114511" s="10"/>
    </row>
    <row r="114512" spans="14:14">
      <c r="N114512" s="10"/>
    </row>
    <row r="114513" spans="14:14">
      <c r="N114513" s="10"/>
    </row>
    <row r="114514" spans="14:14">
      <c r="N114514" s="10"/>
    </row>
    <row r="114515" spans="14:14">
      <c r="N114515" s="10"/>
    </row>
    <row r="114516" spans="14:14">
      <c r="N114516" s="10"/>
    </row>
    <row r="114517" spans="14:14">
      <c r="N114517" s="10"/>
    </row>
    <row r="114518" spans="14:14">
      <c r="N114518" s="10"/>
    </row>
    <row r="114519" spans="14:14">
      <c r="N114519" s="10"/>
    </row>
    <row r="114520" spans="14:14">
      <c r="N114520" s="10"/>
    </row>
    <row r="114521" spans="14:14">
      <c r="N114521" s="10"/>
    </row>
    <row r="114522" spans="14:14">
      <c r="N114522" s="10"/>
    </row>
    <row r="114523" spans="14:14">
      <c r="N114523" s="10"/>
    </row>
    <row r="114524" spans="14:14">
      <c r="N114524" s="10"/>
    </row>
    <row r="114525" spans="14:14">
      <c r="N114525" s="10"/>
    </row>
    <row r="114526" spans="14:14">
      <c r="N114526" s="10"/>
    </row>
    <row r="114527" spans="14:14">
      <c r="N114527" s="10"/>
    </row>
    <row r="114528" spans="14:14">
      <c r="N114528" s="10"/>
    </row>
    <row r="114529" spans="14:14">
      <c r="N114529" s="10"/>
    </row>
    <row r="114530" spans="14:14">
      <c r="N114530" s="10"/>
    </row>
    <row r="114531" spans="14:14">
      <c r="N114531" s="10"/>
    </row>
    <row r="114532" spans="14:14">
      <c r="N114532" s="10"/>
    </row>
    <row r="114533" spans="14:14">
      <c r="N114533" s="10"/>
    </row>
    <row r="114534" spans="14:14">
      <c r="N114534" s="10"/>
    </row>
    <row r="114535" spans="14:14">
      <c r="N114535" s="10"/>
    </row>
    <row r="114536" spans="14:14">
      <c r="N114536" s="10"/>
    </row>
    <row r="114537" spans="14:14">
      <c r="N114537" s="10"/>
    </row>
    <row r="114538" spans="14:14">
      <c r="N114538" s="10"/>
    </row>
    <row r="114539" spans="14:14">
      <c r="N114539" s="10"/>
    </row>
    <row r="114540" spans="14:14">
      <c r="N114540" s="10"/>
    </row>
    <row r="114541" spans="14:14">
      <c r="N114541" s="10"/>
    </row>
    <row r="114542" spans="14:14">
      <c r="N114542" s="10"/>
    </row>
    <row r="114543" spans="14:14">
      <c r="N114543" s="10"/>
    </row>
    <row r="114544" spans="14:14">
      <c r="N114544" s="10"/>
    </row>
    <row r="114545" spans="14:14">
      <c r="N114545" s="10"/>
    </row>
    <row r="114546" spans="14:14">
      <c r="N114546" s="10"/>
    </row>
    <row r="114547" spans="14:14">
      <c r="N114547" s="10"/>
    </row>
    <row r="114548" spans="14:14">
      <c r="N114548" s="10"/>
    </row>
    <row r="114549" spans="14:14">
      <c r="N114549" s="10"/>
    </row>
    <row r="114550" spans="14:14">
      <c r="N114550" s="10"/>
    </row>
    <row r="114551" spans="14:14">
      <c r="N114551" s="10"/>
    </row>
    <row r="114552" spans="14:14">
      <c r="N114552" s="10"/>
    </row>
    <row r="114553" spans="14:14">
      <c r="N114553" s="10"/>
    </row>
    <row r="114554" spans="14:14">
      <c r="N114554" s="10"/>
    </row>
    <row r="114555" spans="14:14">
      <c r="N114555" s="10"/>
    </row>
    <row r="114556" spans="14:14">
      <c r="N114556" s="10"/>
    </row>
    <row r="114557" spans="14:14">
      <c r="N114557" s="10"/>
    </row>
    <row r="114558" spans="14:14">
      <c r="N114558" s="10"/>
    </row>
    <row r="114559" spans="14:14">
      <c r="N114559" s="10"/>
    </row>
    <row r="114560" spans="14:14">
      <c r="N114560" s="10"/>
    </row>
    <row r="114561" spans="14:14">
      <c r="N114561" s="10"/>
    </row>
    <row r="114562" spans="14:14">
      <c r="N114562" s="10"/>
    </row>
    <row r="114563" spans="14:14">
      <c r="N114563" s="10"/>
    </row>
    <row r="114564" spans="14:14">
      <c r="N114564" s="10"/>
    </row>
    <row r="114565" spans="14:14">
      <c r="N114565" s="10"/>
    </row>
    <row r="114566" spans="14:14">
      <c r="N114566" s="10"/>
    </row>
    <row r="114567" spans="14:14">
      <c r="N114567" s="10"/>
    </row>
    <row r="114568" spans="14:14">
      <c r="N114568" s="10"/>
    </row>
    <row r="114569" spans="14:14">
      <c r="N114569" s="10"/>
    </row>
    <row r="114570" spans="14:14">
      <c r="N114570" s="10"/>
    </row>
    <row r="114571" spans="14:14">
      <c r="N114571" s="10"/>
    </row>
    <row r="114572" spans="14:14">
      <c r="N114572" s="10"/>
    </row>
    <row r="114573" spans="14:14">
      <c r="N114573" s="10"/>
    </row>
    <row r="114574" spans="14:14">
      <c r="N114574" s="10"/>
    </row>
    <row r="114575" spans="14:14">
      <c r="N114575" s="10"/>
    </row>
    <row r="114576" spans="14:14">
      <c r="N114576" s="10"/>
    </row>
    <row r="114577" spans="14:14">
      <c r="N114577" s="10"/>
    </row>
    <row r="114578" spans="14:14">
      <c r="N114578" s="10"/>
    </row>
    <row r="114579" spans="14:14">
      <c r="N114579" s="10"/>
    </row>
    <row r="114580" spans="14:14">
      <c r="N114580" s="10"/>
    </row>
    <row r="114581" spans="14:14">
      <c r="N114581" s="10"/>
    </row>
    <row r="114582" spans="14:14">
      <c r="N114582" s="10"/>
    </row>
    <row r="114583" spans="14:14">
      <c r="N114583" s="10"/>
    </row>
    <row r="114584" spans="14:14">
      <c r="N114584" s="10"/>
    </row>
    <row r="114585" spans="14:14">
      <c r="N114585" s="10"/>
    </row>
    <row r="114586" spans="14:14">
      <c r="N114586" s="10"/>
    </row>
    <row r="114587" spans="14:14">
      <c r="N114587" s="10"/>
    </row>
    <row r="114588" spans="14:14">
      <c r="N114588" s="10"/>
    </row>
    <row r="114589" spans="14:14">
      <c r="N114589" s="10"/>
    </row>
    <row r="114590" spans="14:14">
      <c r="N114590" s="10"/>
    </row>
    <row r="114591" spans="14:14">
      <c r="N114591" s="10"/>
    </row>
    <row r="114592" spans="14:14">
      <c r="N114592" s="10"/>
    </row>
    <row r="114593" spans="14:14">
      <c r="N114593" s="10"/>
    </row>
    <row r="114594" spans="14:14">
      <c r="N114594" s="10"/>
    </row>
    <row r="114595" spans="14:14">
      <c r="N114595" s="10"/>
    </row>
    <row r="114596" spans="14:14">
      <c r="N114596" s="10"/>
    </row>
    <row r="114597" spans="14:14">
      <c r="N114597" s="10"/>
    </row>
    <row r="114598" spans="14:14">
      <c r="N114598" s="10"/>
    </row>
    <row r="114599" spans="14:14">
      <c r="N114599" s="10"/>
    </row>
    <row r="114600" spans="14:14">
      <c r="N114600" s="10"/>
    </row>
    <row r="114601" spans="14:14">
      <c r="N114601" s="10"/>
    </row>
    <row r="114602" spans="14:14">
      <c r="N114602" s="10"/>
    </row>
    <row r="114603" spans="14:14">
      <c r="N114603" s="10"/>
    </row>
    <row r="114604" spans="14:14">
      <c r="N114604" s="10"/>
    </row>
    <row r="114605" spans="14:14">
      <c r="N114605" s="10"/>
    </row>
    <row r="114606" spans="14:14">
      <c r="N114606" s="10"/>
    </row>
    <row r="114607" spans="14:14">
      <c r="N114607" s="10"/>
    </row>
    <row r="114608" spans="14:14">
      <c r="N114608" s="10"/>
    </row>
    <row r="114609" spans="14:14">
      <c r="N114609" s="10"/>
    </row>
    <row r="114610" spans="14:14">
      <c r="N114610" s="10"/>
    </row>
    <row r="114611" spans="14:14">
      <c r="N114611" s="10"/>
    </row>
    <row r="114612" spans="14:14">
      <c r="N114612" s="10"/>
    </row>
    <row r="114613" spans="14:14">
      <c r="N114613" s="10"/>
    </row>
    <row r="114614" spans="14:14">
      <c r="N114614" s="10"/>
    </row>
    <row r="114615" spans="14:14">
      <c r="N114615" s="10"/>
    </row>
    <row r="114616" spans="14:14">
      <c r="N114616" s="10"/>
    </row>
    <row r="114617" spans="14:14">
      <c r="N114617" s="10"/>
    </row>
    <row r="114618" spans="14:14">
      <c r="N114618" s="10"/>
    </row>
    <row r="114619" spans="14:14">
      <c r="N114619" s="10"/>
    </row>
    <row r="114620" spans="14:14">
      <c r="N114620" s="10"/>
    </row>
    <row r="114621" spans="14:14">
      <c r="N114621" s="10"/>
    </row>
    <row r="114622" spans="14:14">
      <c r="N114622" s="10"/>
    </row>
    <row r="114623" spans="14:14">
      <c r="N114623" s="10"/>
    </row>
    <row r="114624" spans="14:14">
      <c r="N114624" s="10"/>
    </row>
    <row r="114625" spans="14:14">
      <c r="N114625" s="10"/>
    </row>
    <row r="114626" spans="14:14">
      <c r="N114626" s="10"/>
    </row>
    <row r="114627" spans="14:14">
      <c r="N114627" s="10"/>
    </row>
    <row r="114628" spans="14:14">
      <c r="N114628" s="10"/>
    </row>
    <row r="114629" spans="14:14">
      <c r="N114629" s="10"/>
    </row>
    <row r="114630" spans="14:14">
      <c r="N114630" s="10"/>
    </row>
    <row r="114631" spans="14:14">
      <c r="N114631" s="10"/>
    </row>
    <row r="114632" spans="14:14">
      <c r="N114632" s="10"/>
    </row>
    <row r="114633" spans="14:14">
      <c r="N114633" s="10"/>
    </row>
    <row r="114634" spans="14:14">
      <c r="N114634" s="10"/>
    </row>
    <row r="114635" spans="14:14">
      <c r="N114635" s="10"/>
    </row>
    <row r="114636" spans="14:14">
      <c r="N114636" s="10"/>
    </row>
    <row r="114637" spans="14:14">
      <c r="N114637" s="10"/>
    </row>
    <row r="114638" spans="14:14">
      <c r="N114638" s="10"/>
    </row>
    <row r="114639" spans="14:14">
      <c r="N114639" s="10"/>
    </row>
    <row r="114640" spans="14:14">
      <c r="N114640" s="10"/>
    </row>
    <row r="114641" spans="14:14">
      <c r="N114641" s="10"/>
    </row>
    <row r="114642" spans="14:14">
      <c r="N114642" s="10"/>
    </row>
    <row r="114643" spans="14:14">
      <c r="N114643" s="10"/>
    </row>
    <row r="114644" spans="14:14">
      <c r="N114644" s="10"/>
    </row>
    <row r="114645" spans="14:14">
      <c r="N114645" s="10"/>
    </row>
    <row r="114646" spans="14:14">
      <c r="N114646" s="10"/>
    </row>
    <row r="114647" spans="14:14">
      <c r="N114647" s="10"/>
    </row>
    <row r="114648" spans="14:14">
      <c r="N114648" s="10"/>
    </row>
    <row r="114649" spans="14:14">
      <c r="N114649" s="10"/>
    </row>
    <row r="114650" spans="14:14">
      <c r="N114650" s="10"/>
    </row>
    <row r="114651" spans="14:14">
      <c r="N114651" s="10"/>
    </row>
    <row r="114652" spans="14:14">
      <c r="N114652" s="10"/>
    </row>
    <row r="114653" spans="14:14">
      <c r="N114653" s="10"/>
    </row>
    <row r="114654" spans="14:14">
      <c r="N114654" s="10"/>
    </row>
    <row r="114655" spans="14:14">
      <c r="N114655" s="10"/>
    </row>
    <row r="114656" spans="14:14">
      <c r="N114656" s="10"/>
    </row>
    <row r="114657" spans="14:14">
      <c r="N114657" s="10"/>
    </row>
    <row r="114658" spans="14:14">
      <c r="N114658" s="10"/>
    </row>
    <row r="114659" spans="14:14">
      <c r="N114659" s="10"/>
    </row>
    <row r="114660" spans="14:14">
      <c r="N114660" s="10"/>
    </row>
    <row r="114661" spans="14:14">
      <c r="N114661" s="10"/>
    </row>
    <row r="114662" spans="14:14">
      <c r="N114662" s="10"/>
    </row>
    <row r="114663" spans="14:14">
      <c r="N114663" s="10"/>
    </row>
    <row r="114664" spans="14:14">
      <c r="N114664" s="10"/>
    </row>
    <row r="114665" spans="14:14">
      <c r="N114665" s="10"/>
    </row>
    <row r="114666" spans="14:14">
      <c r="N114666" s="10"/>
    </row>
    <row r="114667" spans="14:14">
      <c r="N114667" s="10"/>
    </row>
    <row r="114668" spans="14:14">
      <c r="N114668" s="10"/>
    </row>
    <row r="114669" spans="14:14">
      <c r="N114669" s="10"/>
    </row>
    <row r="114670" spans="14:14">
      <c r="N114670" s="10"/>
    </row>
    <row r="114671" spans="14:14">
      <c r="N114671" s="10"/>
    </row>
    <row r="114672" spans="14:14">
      <c r="N114672" s="10"/>
    </row>
    <row r="114673" spans="14:14">
      <c r="N114673" s="10"/>
    </row>
    <row r="114674" spans="14:14">
      <c r="N114674" s="10"/>
    </row>
    <row r="114675" spans="14:14">
      <c r="N114675" s="10"/>
    </row>
    <row r="114676" spans="14:14">
      <c r="N114676" s="10"/>
    </row>
    <row r="114677" spans="14:14">
      <c r="N114677" s="10"/>
    </row>
    <row r="114678" spans="14:14">
      <c r="N114678" s="10"/>
    </row>
    <row r="114679" spans="14:14">
      <c r="N114679" s="10"/>
    </row>
    <row r="114680" spans="14:14">
      <c r="N114680" s="10"/>
    </row>
    <row r="114681" spans="14:14">
      <c r="N114681" s="10"/>
    </row>
    <row r="114682" spans="14:14">
      <c r="N114682" s="10"/>
    </row>
    <row r="114683" spans="14:14">
      <c r="N114683" s="10"/>
    </row>
    <row r="114684" spans="14:14">
      <c r="N114684" s="10"/>
    </row>
    <row r="114685" spans="14:14">
      <c r="N114685" s="10"/>
    </row>
    <row r="114686" spans="14:14">
      <c r="N114686" s="10"/>
    </row>
    <row r="114687" spans="14:14">
      <c r="N114687" s="10"/>
    </row>
    <row r="114688" spans="14:14">
      <c r="N114688" s="10"/>
    </row>
    <row r="114689" spans="14:14">
      <c r="N114689" s="10"/>
    </row>
    <row r="114690" spans="14:14">
      <c r="N114690" s="10"/>
    </row>
    <row r="114691" spans="14:14">
      <c r="N114691" s="10"/>
    </row>
    <row r="114692" spans="14:14">
      <c r="N114692" s="10"/>
    </row>
    <row r="114693" spans="14:14">
      <c r="N114693" s="10"/>
    </row>
    <row r="114694" spans="14:14">
      <c r="N114694" s="10"/>
    </row>
    <row r="114695" spans="14:14">
      <c r="N114695" s="10"/>
    </row>
    <row r="114696" spans="14:14">
      <c r="N114696" s="10"/>
    </row>
    <row r="114697" spans="14:14">
      <c r="N114697" s="10"/>
    </row>
    <row r="114698" spans="14:14">
      <c r="N114698" s="10"/>
    </row>
    <row r="114699" spans="14:14">
      <c r="N114699" s="10"/>
    </row>
    <row r="114700" spans="14:14">
      <c r="N114700" s="10"/>
    </row>
    <row r="114701" spans="14:14">
      <c r="N114701" s="10"/>
    </row>
    <row r="114702" spans="14:14">
      <c r="N114702" s="10"/>
    </row>
    <row r="114703" spans="14:14">
      <c r="N114703" s="10"/>
    </row>
    <row r="114704" spans="14:14">
      <c r="N114704" s="10"/>
    </row>
    <row r="114705" spans="14:14">
      <c r="N114705" s="10"/>
    </row>
    <row r="114706" spans="14:14">
      <c r="N114706" s="10"/>
    </row>
    <row r="114707" spans="14:14">
      <c r="N114707" s="10"/>
    </row>
    <row r="114708" spans="14:14">
      <c r="N114708" s="10"/>
    </row>
    <row r="114709" spans="14:14">
      <c r="N114709" s="10"/>
    </row>
    <row r="114710" spans="14:14">
      <c r="N114710" s="10"/>
    </row>
    <row r="114711" spans="14:14">
      <c r="N114711" s="10"/>
    </row>
    <row r="114712" spans="14:14">
      <c r="N114712" s="10"/>
    </row>
    <row r="114713" spans="14:14">
      <c r="N114713" s="10"/>
    </row>
    <row r="114714" spans="14:14">
      <c r="N114714" s="10"/>
    </row>
    <row r="114715" spans="14:14">
      <c r="N114715" s="10"/>
    </row>
    <row r="114716" spans="14:14">
      <c r="N114716" s="10"/>
    </row>
    <row r="114717" spans="14:14">
      <c r="N114717" s="10"/>
    </row>
    <row r="114718" spans="14:14">
      <c r="N114718" s="10"/>
    </row>
    <row r="114719" spans="14:14">
      <c r="N114719" s="10"/>
    </row>
    <row r="114720" spans="14:14">
      <c r="N114720" s="10"/>
    </row>
    <row r="114721" spans="14:14">
      <c r="N114721" s="10"/>
    </row>
    <row r="114722" spans="14:14">
      <c r="N114722" s="10"/>
    </row>
    <row r="114723" spans="14:14">
      <c r="N114723" s="10"/>
    </row>
    <row r="114724" spans="14:14">
      <c r="N114724" s="10"/>
    </row>
    <row r="114725" spans="14:14">
      <c r="N114725" s="10"/>
    </row>
    <row r="114726" spans="14:14">
      <c r="N114726" s="10"/>
    </row>
    <row r="114727" spans="14:14">
      <c r="N114727" s="10"/>
    </row>
    <row r="114728" spans="14:14">
      <c r="N114728" s="10"/>
    </row>
    <row r="114729" spans="14:14">
      <c r="N114729" s="10"/>
    </row>
    <row r="114730" spans="14:14">
      <c r="N114730" s="10"/>
    </row>
    <row r="114731" spans="14:14">
      <c r="N114731" s="10"/>
    </row>
    <row r="114732" spans="14:14">
      <c r="N114732" s="10"/>
    </row>
    <row r="114733" spans="14:14">
      <c r="N114733" s="10"/>
    </row>
    <row r="114734" spans="14:14">
      <c r="N114734" s="10"/>
    </row>
    <row r="114735" spans="14:14">
      <c r="N114735" s="10"/>
    </row>
    <row r="114736" spans="14:14">
      <c r="N114736" s="10"/>
    </row>
    <row r="114737" spans="14:14">
      <c r="N114737" s="10"/>
    </row>
    <row r="114738" spans="14:14">
      <c r="N114738" s="10"/>
    </row>
    <row r="114739" spans="14:14">
      <c r="N114739" s="10"/>
    </row>
    <row r="114740" spans="14:14">
      <c r="N114740" s="10"/>
    </row>
    <row r="114741" spans="14:14">
      <c r="N114741" s="10"/>
    </row>
    <row r="114742" spans="14:14">
      <c r="N114742" s="10"/>
    </row>
    <row r="114743" spans="14:14">
      <c r="N114743" s="10"/>
    </row>
    <row r="114744" spans="14:14">
      <c r="N114744" s="10"/>
    </row>
    <row r="114745" spans="14:14">
      <c r="N114745" s="10"/>
    </row>
    <row r="114746" spans="14:14">
      <c r="N114746" s="10"/>
    </row>
    <row r="114747" spans="14:14">
      <c r="N114747" s="10"/>
    </row>
    <row r="114748" spans="14:14">
      <c r="N114748" s="10"/>
    </row>
    <row r="114749" spans="14:14">
      <c r="N114749" s="10"/>
    </row>
    <row r="114750" spans="14:14">
      <c r="N114750" s="10"/>
    </row>
    <row r="114751" spans="14:14">
      <c r="N114751" s="10"/>
    </row>
    <row r="114752" spans="14:14">
      <c r="N114752" s="10"/>
    </row>
    <row r="114753" spans="14:14">
      <c r="N114753" s="10"/>
    </row>
    <row r="114754" spans="14:14">
      <c r="N114754" s="10"/>
    </row>
    <row r="114755" spans="14:14">
      <c r="N114755" s="10"/>
    </row>
    <row r="114756" spans="14:14">
      <c r="N114756" s="10"/>
    </row>
    <row r="114757" spans="14:14">
      <c r="N114757" s="10"/>
    </row>
    <row r="114758" spans="14:14">
      <c r="N114758" s="10"/>
    </row>
    <row r="114759" spans="14:14">
      <c r="N114759" s="10"/>
    </row>
    <row r="114760" spans="14:14">
      <c r="N114760" s="10"/>
    </row>
    <row r="114761" spans="14:14">
      <c r="N114761" s="10"/>
    </row>
    <row r="114762" spans="14:14">
      <c r="N114762" s="10"/>
    </row>
    <row r="114763" spans="14:14">
      <c r="N114763" s="10"/>
    </row>
    <row r="114764" spans="14:14">
      <c r="N114764" s="10"/>
    </row>
    <row r="114765" spans="14:14">
      <c r="N114765" s="10"/>
    </row>
    <row r="114766" spans="14:14">
      <c r="N114766" s="10"/>
    </row>
    <row r="114767" spans="14:14">
      <c r="N114767" s="10"/>
    </row>
    <row r="114768" spans="14:14">
      <c r="N114768" s="10"/>
    </row>
    <row r="114769" spans="14:14">
      <c r="N114769" s="10"/>
    </row>
    <row r="114770" spans="14:14">
      <c r="N114770" s="10"/>
    </row>
    <row r="114771" spans="14:14">
      <c r="N114771" s="10"/>
    </row>
    <row r="114772" spans="14:14">
      <c r="N114772" s="10"/>
    </row>
    <row r="114773" spans="14:14">
      <c r="N114773" s="10"/>
    </row>
    <row r="114774" spans="14:14">
      <c r="N114774" s="10"/>
    </row>
    <row r="114775" spans="14:14">
      <c r="N114775" s="10"/>
    </row>
    <row r="114776" spans="14:14">
      <c r="N114776" s="10"/>
    </row>
    <row r="114777" spans="14:14">
      <c r="N114777" s="10"/>
    </row>
    <row r="114778" spans="14:14">
      <c r="N114778" s="10"/>
    </row>
    <row r="114779" spans="14:14">
      <c r="N114779" s="10"/>
    </row>
    <row r="114780" spans="14:14">
      <c r="N114780" s="10"/>
    </row>
    <row r="114781" spans="14:14">
      <c r="N114781" s="10"/>
    </row>
    <row r="114782" spans="14:14">
      <c r="N114782" s="10"/>
    </row>
    <row r="114783" spans="14:14">
      <c r="N114783" s="10"/>
    </row>
    <row r="114784" spans="14:14">
      <c r="N114784" s="10"/>
    </row>
    <row r="114785" spans="14:14">
      <c r="N114785" s="10"/>
    </row>
    <row r="114786" spans="14:14">
      <c r="N114786" s="10"/>
    </row>
    <row r="114787" spans="14:14">
      <c r="N114787" s="10"/>
    </row>
    <row r="114788" spans="14:14">
      <c r="N114788" s="10"/>
    </row>
    <row r="114789" spans="14:14">
      <c r="N114789" s="10"/>
    </row>
    <row r="114790" spans="14:14">
      <c r="N114790" s="10"/>
    </row>
    <row r="114791" spans="14:14">
      <c r="N114791" s="10"/>
    </row>
    <row r="114792" spans="14:14">
      <c r="N114792" s="10"/>
    </row>
    <row r="114793" spans="14:14">
      <c r="N114793" s="10"/>
    </row>
    <row r="114794" spans="14:14">
      <c r="N114794" s="10"/>
    </row>
    <row r="114795" spans="14:14">
      <c r="N114795" s="10"/>
    </row>
    <row r="114796" spans="14:14">
      <c r="N114796" s="10"/>
    </row>
    <row r="114797" spans="14:14">
      <c r="N114797" s="10"/>
    </row>
    <row r="114798" spans="14:14">
      <c r="N114798" s="10"/>
    </row>
    <row r="114799" spans="14:14">
      <c r="N114799" s="10"/>
    </row>
    <row r="114800" spans="14:14">
      <c r="N114800" s="10"/>
    </row>
    <row r="114801" spans="14:14">
      <c r="N114801" s="10"/>
    </row>
    <row r="114802" spans="14:14">
      <c r="N114802" s="10"/>
    </row>
    <row r="114803" spans="14:14">
      <c r="N114803" s="10"/>
    </row>
    <row r="114804" spans="14:14">
      <c r="N114804" s="10"/>
    </row>
    <row r="114805" spans="14:14">
      <c r="N114805" s="10"/>
    </row>
    <row r="114806" spans="14:14">
      <c r="N114806" s="10"/>
    </row>
    <row r="114807" spans="14:14">
      <c r="N114807" s="10"/>
    </row>
    <row r="114808" spans="14:14">
      <c r="N114808" s="10"/>
    </row>
    <row r="114809" spans="14:14">
      <c r="N114809" s="10"/>
    </row>
    <row r="114810" spans="14:14">
      <c r="N114810" s="10"/>
    </row>
    <row r="114811" spans="14:14">
      <c r="N114811" s="10"/>
    </row>
    <row r="114812" spans="14:14">
      <c r="N114812" s="10"/>
    </row>
    <row r="114813" spans="14:14">
      <c r="N114813" s="10"/>
    </row>
    <row r="114814" spans="14:14">
      <c r="N114814" s="10"/>
    </row>
    <row r="114815" spans="14:14">
      <c r="N114815" s="10"/>
    </row>
    <row r="114816" spans="14:14">
      <c r="N114816" s="10"/>
    </row>
    <row r="114817" spans="14:14">
      <c r="N114817" s="10"/>
    </row>
    <row r="114818" spans="14:14">
      <c r="N114818" s="10"/>
    </row>
    <row r="114819" spans="14:14">
      <c r="N114819" s="10"/>
    </row>
    <row r="114820" spans="14:14">
      <c r="N114820" s="10"/>
    </row>
    <row r="114821" spans="14:14">
      <c r="N114821" s="10"/>
    </row>
    <row r="114822" spans="14:14">
      <c r="N114822" s="10"/>
    </row>
    <row r="114823" spans="14:14">
      <c r="N114823" s="10"/>
    </row>
    <row r="114824" spans="14:14">
      <c r="N114824" s="10"/>
    </row>
    <row r="114825" spans="14:14">
      <c r="N114825" s="10"/>
    </row>
    <row r="114826" spans="14:14">
      <c r="N114826" s="10"/>
    </row>
    <row r="114827" spans="14:14">
      <c r="N114827" s="10"/>
    </row>
    <row r="114828" spans="14:14">
      <c r="N114828" s="10"/>
    </row>
    <row r="114829" spans="14:14">
      <c r="N114829" s="10"/>
    </row>
    <row r="114830" spans="14:14">
      <c r="N114830" s="10"/>
    </row>
    <row r="114831" spans="14:14">
      <c r="N114831" s="10"/>
    </row>
    <row r="114832" spans="14:14">
      <c r="N114832" s="10"/>
    </row>
    <row r="114833" spans="14:14">
      <c r="N114833" s="10"/>
    </row>
    <row r="114834" spans="14:14">
      <c r="N114834" s="10"/>
    </row>
    <row r="114835" spans="14:14">
      <c r="N114835" s="10"/>
    </row>
    <row r="114836" spans="14:14">
      <c r="N114836" s="10"/>
    </row>
    <row r="114837" spans="14:14">
      <c r="N114837" s="10"/>
    </row>
    <row r="114838" spans="14:14">
      <c r="N114838" s="10"/>
    </row>
    <row r="114839" spans="14:14">
      <c r="N114839" s="10"/>
    </row>
    <row r="114840" spans="14:14">
      <c r="N114840" s="10"/>
    </row>
    <row r="114841" spans="14:14">
      <c r="N114841" s="10"/>
    </row>
    <row r="114842" spans="14:14">
      <c r="N114842" s="10"/>
    </row>
    <row r="114843" spans="14:14">
      <c r="N114843" s="10"/>
    </row>
    <row r="114844" spans="14:14">
      <c r="N114844" s="10"/>
    </row>
    <row r="114845" spans="14:14">
      <c r="N114845" s="10"/>
    </row>
    <row r="114846" spans="14:14">
      <c r="N114846" s="10"/>
    </row>
    <row r="114847" spans="14:14">
      <c r="N114847" s="10"/>
    </row>
    <row r="114848" spans="14:14">
      <c r="N114848" s="10"/>
    </row>
    <row r="114849" spans="14:14">
      <c r="N114849" s="10"/>
    </row>
    <row r="114850" spans="14:14">
      <c r="N114850" s="10"/>
    </row>
    <row r="114851" spans="14:14">
      <c r="N114851" s="10"/>
    </row>
    <row r="114852" spans="14:14">
      <c r="N114852" s="10"/>
    </row>
    <row r="114853" spans="14:14">
      <c r="N114853" s="10"/>
    </row>
    <row r="114854" spans="14:14">
      <c r="N114854" s="10"/>
    </row>
    <row r="114855" spans="14:14">
      <c r="N114855" s="10"/>
    </row>
    <row r="114856" spans="14:14">
      <c r="N114856" s="10"/>
    </row>
    <row r="114857" spans="14:14">
      <c r="N114857" s="10"/>
    </row>
    <row r="114858" spans="14:14">
      <c r="N114858" s="10"/>
    </row>
    <row r="114859" spans="14:14">
      <c r="N114859" s="10"/>
    </row>
    <row r="114860" spans="14:14">
      <c r="N114860" s="10"/>
    </row>
    <row r="114861" spans="14:14">
      <c r="N114861" s="10"/>
    </row>
    <row r="114862" spans="14:14">
      <c r="N114862" s="10"/>
    </row>
    <row r="114863" spans="14:14">
      <c r="N114863" s="10"/>
    </row>
    <row r="114864" spans="14:14">
      <c r="N114864" s="10"/>
    </row>
    <row r="114865" spans="14:14">
      <c r="N114865" s="10"/>
    </row>
    <row r="114866" spans="14:14">
      <c r="N114866" s="10"/>
    </row>
    <row r="114867" spans="14:14">
      <c r="N114867" s="10"/>
    </row>
    <row r="114868" spans="14:14">
      <c r="N114868" s="10"/>
    </row>
    <row r="114869" spans="14:14">
      <c r="N114869" s="10"/>
    </row>
    <row r="114870" spans="14:14">
      <c r="N114870" s="10"/>
    </row>
    <row r="114871" spans="14:14">
      <c r="N114871" s="10"/>
    </row>
    <row r="114872" spans="14:14">
      <c r="N114872" s="10"/>
    </row>
    <row r="114873" spans="14:14">
      <c r="N114873" s="10"/>
    </row>
    <row r="114874" spans="14:14">
      <c r="N114874" s="10"/>
    </row>
    <row r="114875" spans="14:14">
      <c r="N114875" s="10"/>
    </row>
    <row r="114876" spans="14:14">
      <c r="N114876" s="10"/>
    </row>
    <row r="114877" spans="14:14">
      <c r="N114877" s="10"/>
    </row>
    <row r="114878" spans="14:14">
      <c r="N114878" s="10"/>
    </row>
    <row r="114879" spans="14:14">
      <c r="N114879" s="10"/>
    </row>
    <row r="114880" spans="14:14">
      <c r="N114880" s="10"/>
    </row>
    <row r="114881" spans="14:14">
      <c r="N114881" s="10"/>
    </row>
    <row r="114882" spans="14:14">
      <c r="N114882" s="10"/>
    </row>
    <row r="114883" spans="14:14">
      <c r="N114883" s="10"/>
    </row>
    <row r="114884" spans="14:14">
      <c r="N114884" s="10"/>
    </row>
    <row r="114885" spans="14:14">
      <c r="N114885" s="10"/>
    </row>
    <row r="114886" spans="14:14">
      <c r="N114886" s="10"/>
    </row>
    <row r="114887" spans="14:14">
      <c r="N114887" s="10"/>
    </row>
    <row r="114888" spans="14:14">
      <c r="N114888" s="10"/>
    </row>
    <row r="114889" spans="14:14">
      <c r="N114889" s="10"/>
    </row>
    <row r="114890" spans="14:14">
      <c r="N114890" s="10"/>
    </row>
    <row r="114891" spans="14:14">
      <c r="N114891" s="10"/>
    </row>
    <row r="114892" spans="14:14">
      <c r="N114892" s="10"/>
    </row>
    <row r="114893" spans="14:14">
      <c r="N114893" s="10"/>
    </row>
    <row r="114894" spans="14:14">
      <c r="N114894" s="10"/>
    </row>
    <row r="114895" spans="14:14">
      <c r="N114895" s="10"/>
    </row>
    <row r="114896" spans="14:14">
      <c r="N114896" s="10"/>
    </row>
    <row r="114897" spans="14:14">
      <c r="N114897" s="10"/>
    </row>
    <row r="114898" spans="14:14">
      <c r="N114898" s="10"/>
    </row>
    <row r="114899" spans="14:14">
      <c r="N114899" s="10"/>
    </row>
    <row r="114900" spans="14:14">
      <c r="N114900" s="10"/>
    </row>
    <row r="114901" spans="14:14">
      <c r="N114901" s="10"/>
    </row>
    <row r="114902" spans="14:14">
      <c r="N114902" s="10"/>
    </row>
    <row r="114903" spans="14:14">
      <c r="N114903" s="10"/>
    </row>
    <row r="114904" spans="14:14">
      <c r="N114904" s="10"/>
    </row>
    <row r="114905" spans="14:14">
      <c r="N114905" s="10"/>
    </row>
    <row r="114906" spans="14:14">
      <c r="N114906" s="10"/>
    </row>
    <row r="114907" spans="14:14">
      <c r="N114907" s="10"/>
    </row>
    <row r="114908" spans="14:14">
      <c r="N114908" s="10"/>
    </row>
    <row r="114909" spans="14:14">
      <c r="N114909" s="10"/>
    </row>
    <row r="114910" spans="14:14">
      <c r="N114910" s="10"/>
    </row>
    <row r="114911" spans="14:14">
      <c r="N114911" s="10"/>
    </row>
    <row r="114912" spans="14:14">
      <c r="N114912" s="10"/>
    </row>
    <row r="114913" spans="14:14">
      <c r="N114913" s="10"/>
    </row>
    <row r="114914" spans="14:14">
      <c r="N114914" s="10"/>
    </row>
    <row r="114915" spans="14:14">
      <c r="N114915" s="10"/>
    </row>
    <row r="114916" spans="14:14">
      <c r="N114916" s="10"/>
    </row>
    <row r="114917" spans="14:14">
      <c r="N114917" s="10"/>
    </row>
    <row r="114918" spans="14:14">
      <c r="N114918" s="10"/>
    </row>
    <row r="114919" spans="14:14">
      <c r="N114919" s="10"/>
    </row>
    <row r="114920" spans="14:14">
      <c r="N114920" s="10"/>
    </row>
    <row r="114921" spans="14:14">
      <c r="N114921" s="10"/>
    </row>
    <row r="114922" spans="14:14">
      <c r="N114922" s="10"/>
    </row>
    <row r="114923" spans="14:14">
      <c r="N114923" s="10"/>
    </row>
    <row r="114924" spans="14:14">
      <c r="N114924" s="10"/>
    </row>
    <row r="114925" spans="14:14">
      <c r="N114925" s="10"/>
    </row>
    <row r="114926" spans="14:14">
      <c r="N114926" s="10"/>
    </row>
    <row r="114927" spans="14:14">
      <c r="N114927" s="10"/>
    </row>
    <row r="114928" spans="14:14">
      <c r="N114928" s="10"/>
    </row>
    <row r="114929" spans="14:14">
      <c r="N114929" s="10"/>
    </row>
    <row r="114930" spans="14:14">
      <c r="N114930" s="10"/>
    </row>
    <row r="114931" spans="14:14">
      <c r="N114931" s="10"/>
    </row>
    <row r="114932" spans="14:14">
      <c r="N114932" s="10"/>
    </row>
    <row r="114933" spans="14:14">
      <c r="N114933" s="10"/>
    </row>
    <row r="114934" spans="14:14">
      <c r="N114934" s="10"/>
    </row>
    <row r="114935" spans="14:14">
      <c r="N114935" s="10"/>
    </row>
    <row r="114936" spans="14:14">
      <c r="N114936" s="10"/>
    </row>
    <row r="114937" spans="14:14">
      <c r="N114937" s="10"/>
    </row>
    <row r="114938" spans="14:14">
      <c r="N114938" s="10"/>
    </row>
    <row r="114939" spans="14:14">
      <c r="N114939" s="10"/>
    </row>
    <row r="114940" spans="14:14">
      <c r="N114940" s="10"/>
    </row>
    <row r="114941" spans="14:14">
      <c r="N114941" s="10"/>
    </row>
    <row r="114942" spans="14:14">
      <c r="N114942" s="10"/>
    </row>
    <row r="114943" spans="14:14">
      <c r="N114943" s="10"/>
    </row>
    <row r="114944" spans="14:14">
      <c r="N114944" s="10"/>
    </row>
    <row r="114945" spans="14:14">
      <c r="N114945" s="10"/>
    </row>
    <row r="114946" spans="14:14">
      <c r="N114946" s="10"/>
    </row>
    <row r="114947" spans="14:14">
      <c r="N114947" s="10"/>
    </row>
    <row r="114948" spans="14:14">
      <c r="N114948" s="10"/>
    </row>
    <row r="114949" spans="14:14">
      <c r="N114949" s="10"/>
    </row>
    <row r="114950" spans="14:14">
      <c r="N114950" s="10"/>
    </row>
    <row r="114951" spans="14:14">
      <c r="N114951" s="10"/>
    </row>
    <row r="114952" spans="14:14">
      <c r="N114952" s="10"/>
    </row>
    <row r="114953" spans="14:14">
      <c r="N114953" s="10"/>
    </row>
    <row r="114954" spans="14:14">
      <c r="N114954" s="10"/>
    </row>
    <row r="114955" spans="14:14">
      <c r="N114955" s="10"/>
    </row>
    <row r="114956" spans="14:14">
      <c r="N114956" s="10"/>
    </row>
    <row r="114957" spans="14:14">
      <c r="N114957" s="10"/>
    </row>
    <row r="114958" spans="14:14">
      <c r="N114958" s="10"/>
    </row>
    <row r="114959" spans="14:14">
      <c r="N114959" s="10"/>
    </row>
    <row r="114960" spans="14:14">
      <c r="N114960" s="10"/>
    </row>
    <row r="114961" spans="14:14">
      <c r="N114961" s="10"/>
    </row>
    <row r="114962" spans="14:14">
      <c r="N114962" s="10"/>
    </row>
    <row r="114963" spans="14:14">
      <c r="N114963" s="10"/>
    </row>
    <row r="114964" spans="14:14">
      <c r="N114964" s="10"/>
    </row>
    <row r="114965" spans="14:14">
      <c r="N114965" s="10"/>
    </row>
    <row r="114966" spans="14:14">
      <c r="N114966" s="10"/>
    </row>
    <row r="114967" spans="14:14">
      <c r="N114967" s="10"/>
    </row>
    <row r="114968" spans="14:14">
      <c r="N114968" s="10"/>
    </row>
    <row r="114969" spans="14:14">
      <c r="N114969" s="10"/>
    </row>
    <row r="114970" spans="14:14">
      <c r="N114970" s="10"/>
    </row>
    <row r="114971" spans="14:14">
      <c r="N114971" s="10"/>
    </row>
    <row r="114972" spans="14:14">
      <c r="N114972" s="10"/>
    </row>
    <row r="114973" spans="14:14">
      <c r="N114973" s="10"/>
    </row>
    <row r="114974" spans="14:14">
      <c r="N114974" s="10"/>
    </row>
    <row r="114975" spans="14:14">
      <c r="N114975" s="10"/>
    </row>
    <row r="114976" spans="14:14">
      <c r="N114976" s="10"/>
    </row>
    <row r="114977" spans="14:14">
      <c r="N114977" s="10"/>
    </row>
    <row r="114978" spans="14:14">
      <c r="N114978" s="10"/>
    </row>
    <row r="114979" spans="14:14">
      <c r="N114979" s="10"/>
    </row>
    <row r="114980" spans="14:14">
      <c r="N114980" s="10"/>
    </row>
    <row r="114981" spans="14:14">
      <c r="N114981" s="10"/>
    </row>
    <row r="114982" spans="14:14">
      <c r="N114982" s="10"/>
    </row>
    <row r="114983" spans="14:14">
      <c r="N114983" s="10"/>
    </row>
    <row r="114984" spans="14:14">
      <c r="N114984" s="10"/>
    </row>
    <row r="114985" spans="14:14">
      <c r="N114985" s="10"/>
    </row>
    <row r="114986" spans="14:14">
      <c r="N114986" s="10"/>
    </row>
    <row r="114987" spans="14:14">
      <c r="N114987" s="10"/>
    </row>
    <row r="114988" spans="14:14">
      <c r="N114988" s="10"/>
    </row>
    <row r="114989" spans="14:14">
      <c r="N114989" s="10"/>
    </row>
    <row r="114990" spans="14:14">
      <c r="N114990" s="10"/>
    </row>
    <row r="114991" spans="14:14">
      <c r="N114991" s="10"/>
    </row>
    <row r="114992" spans="14:14">
      <c r="N114992" s="10"/>
    </row>
    <row r="114993" spans="14:14">
      <c r="N114993" s="10"/>
    </row>
    <row r="114994" spans="14:14">
      <c r="N114994" s="10"/>
    </row>
    <row r="114995" spans="14:14">
      <c r="N114995" s="10"/>
    </row>
    <row r="114996" spans="14:14">
      <c r="N114996" s="10"/>
    </row>
    <row r="114997" spans="14:14">
      <c r="N114997" s="10"/>
    </row>
    <row r="114998" spans="14:14">
      <c r="N114998" s="10"/>
    </row>
    <row r="114999" spans="14:14">
      <c r="N114999" s="10"/>
    </row>
    <row r="115000" spans="14:14">
      <c r="N115000" s="10"/>
    </row>
    <row r="115001" spans="14:14">
      <c r="N115001" s="10"/>
    </row>
    <row r="115002" spans="14:14">
      <c r="N115002" s="10"/>
    </row>
    <row r="115003" spans="14:14">
      <c r="N115003" s="10"/>
    </row>
    <row r="115004" spans="14:14">
      <c r="N115004" s="10"/>
    </row>
    <row r="115005" spans="14:14">
      <c r="N115005" s="10"/>
    </row>
    <row r="115006" spans="14:14">
      <c r="N115006" s="10"/>
    </row>
    <row r="115007" spans="14:14">
      <c r="N115007" s="10"/>
    </row>
    <row r="115008" spans="14:14">
      <c r="N115008" s="10"/>
    </row>
    <row r="115009" spans="14:14">
      <c r="N115009" s="10"/>
    </row>
    <row r="115010" spans="14:14">
      <c r="N115010" s="10"/>
    </row>
    <row r="115011" spans="14:14">
      <c r="N115011" s="10"/>
    </row>
    <row r="115012" spans="14:14">
      <c r="N115012" s="10"/>
    </row>
    <row r="115013" spans="14:14">
      <c r="N115013" s="10"/>
    </row>
    <row r="115014" spans="14:14">
      <c r="N115014" s="10"/>
    </row>
    <row r="115015" spans="14:14">
      <c r="N115015" s="10"/>
    </row>
    <row r="115016" spans="14:14">
      <c r="N115016" s="10"/>
    </row>
    <row r="115017" spans="14:14">
      <c r="N115017" s="10"/>
    </row>
    <row r="115018" spans="14:14">
      <c r="N115018" s="10"/>
    </row>
    <row r="115019" spans="14:14">
      <c r="N115019" s="10"/>
    </row>
    <row r="115020" spans="14:14">
      <c r="N115020" s="10"/>
    </row>
    <row r="115021" spans="14:14">
      <c r="N115021" s="10"/>
    </row>
    <row r="115022" spans="14:14">
      <c r="N115022" s="10"/>
    </row>
    <row r="115023" spans="14:14">
      <c r="N115023" s="10"/>
    </row>
    <row r="115024" spans="14:14">
      <c r="N115024" s="10"/>
    </row>
    <row r="115025" spans="14:14">
      <c r="N115025" s="10"/>
    </row>
    <row r="115026" spans="14:14">
      <c r="N115026" s="10"/>
    </row>
    <row r="115027" spans="14:14">
      <c r="N115027" s="10"/>
    </row>
    <row r="115028" spans="14:14">
      <c r="N115028" s="10"/>
    </row>
    <row r="115029" spans="14:14">
      <c r="N115029" s="10"/>
    </row>
    <row r="115030" spans="14:14">
      <c r="N115030" s="10"/>
    </row>
    <row r="115031" spans="14:14">
      <c r="N115031" s="10"/>
    </row>
    <row r="115032" spans="14:14">
      <c r="N115032" s="10"/>
    </row>
    <row r="115033" spans="14:14">
      <c r="N115033" s="10"/>
    </row>
    <row r="115034" spans="14:14">
      <c r="N115034" s="10"/>
    </row>
    <row r="115035" spans="14:14">
      <c r="N115035" s="10"/>
    </row>
    <row r="115036" spans="14:14">
      <c r="N115036" s="10"/>
    </row>
    <row r="115037" spans="14:14">
      <c r="N115037" s="10"/>
    </row>
    <row r="115038" spans="14:14">
      <c r="N115038" s="10"/>
    </row>
    <row r="115039" spans="14:14">
      <c r="N115039" s="10"/>
    </row>
    <row r="115040" spans="14:14">
      <c r="N115040" s="10"/>
    </row>
    <row r="115041" spans="14:14">
      <c r="N115041" s="10"/>
    </row>
    <row r="115042" spans="14:14">
      <c r="N115042" s="10"/>
    </row>
    <row r="115043" spans="14:14">
      <c r="N115043" s="10"/>
    </row>
    <row r="115044" spans="14:14">
      <c r="N115044" s="10"/>
    </row>
    <row r="115045" spans="14:14">
      <c r="N115045" s="10"/>
    </row>
    <row r="115046" spans="14:14">
      <c r="N115046" s="10"/>
    </row>
    <row r="115047" spans="14:14">
      <c r="N115047" s="10"/>
    </row>
    <row r="115048" spans="14:14">
      <c r="N115048" s="10"/>
    </row>
    <row r="115049" spans="14:14">
      <c r="N115049" s="10"/>
    </row>
    <row r="115050" spans="14:14">
      <c r="N115050" s="10"/>
    </row>
    <row r="115051" spans="14:14">
      <c r="N115051" s="10"/>
    </row>
    <row r="115052" spans="14:14">
      <c r="N115052" s="10"/>
    </row>
    <row r="115053" spans="14:14">
      <c r="N115053" s="10"/>
    </row>
    <row r="115054" spans="14:14">
      <c r="N115054" s="10"/>
    </row>
    <row r="115055" spans="14:14">
      <c r="N115055" s="10"/>
    </row>
    <row r="115056" spans="14:14">
      <c r="N115056" s="10"/>
    </row>
    <row r="115057" spans="14:14">
      <c r="N115057" s="10"/>
    </row>
    <row r="115058" spans="14:14">
      <c r="N115058" s="10"/>
    </row>
    <row r="115059" spans="14:14">
      <c r="N115059" s="10"/>
    </row>
    <row r="115060" spans="14:14">
      <c r="N115060" s="10"/>
    </row>
    <row r="115061" spans="14:14">
      <c r="N115061" s="10"/>
    </row>
    <row r="115062" spans="14:14">
      <c r="N115062" s="10"/>
    </row>
    <row r="115063" spans="14:14">
      <c r="N115063" s="10"/>
    </row>
    <row r="115064" spans="14:14">
      <c r="N115064" s="10"/>
    </row>
    <row r="115065" spans="14:14">
      <c r="N115065" s="10"/>
    </row>
    <row r="115066" spans="14:14">
      <c r="N115066" s="10"/>
    </row>
    <row r="115067" spans="14:14">
      <c r="N115067" s="10"/>
    </row>
    <row r="115068" spans="14:14">
      <c r="N115068" s="10"/>
    </row>
    <row r="115069" spans="14:14">
      <c r="N115069" s="10"/>
    </row>
    <row r="115070" spans="14:14">
      <c r="N115070" s="10"/>
    </row>
    <row r="115071" spans="14:14">
      <c r="N115071" s="10"/>
    </row>
    <row r="115072" spans="14:14">
      <c r="N115072" s="10"/>
    </row>
    <row r="115073" spans="14:14">
      <c r="N115073" s="10"/>
    </row>
    <row r="115074" spans="14:14">
      <c r="N115074" s="10"/>
    </row>
    <row r="115075" spans="14:14">
      <c r="N115075" s="10"/>
    </row>
    <row r="115076" spans="14:14">
      <c r="N115076" s="10"/>
    </row>
    <row r="115077" spans="14:14">
      <c r="N115077" s="10"/>
    </row>
    <row r="115078" spans="14:14">
      <c r="N115078" s="10"/>
    </row>
    <row r="115079" spans="14:14">
      <c r="N115079" s="10"/>
    </row>
    <row r="115080" spans="14:14">
      <c r="N115080" s="10"/>
    </row>
    <row r="115081" spans="14:14">
      <c r="N115081" s="10"/>
    </row>
    <row r="115082" spans="14:14">
      <c r="N115082" s="10"/>
    </row>
    <row r="115083" spans="14:14">
      <c r="N115083" s="10"/>
    </row>
    <row r="115084" spans="14:14">
      <c r="N115084" s="10"/>
    </row>
    <row r="115085" spans="14:14">
      <c r="N115085" s="10"/>
    </row>
    <row r="115086" spans="14:14">
      <c r="N115086" s="10"/>
    </row>
    <row r="115087" spans="14:14">
      <c r="N115087" s="10"/>
    </row>
    <row r="115088" spans="14:14">
      <c r="N115088" s="10"/>
    </row>
    <row r="115089" spans="14:14">
      <c r="N115089" s="10"/>
    </row>
    <row r="115090" spans="14:14">
      <c r="N115090" s="10"/>
    </row>
    <row r="115091" spans="14:14">
      <c r="N115091" s="10"/>
    </row>
    <row r="115092" spans="14:14">
      <c r="N115092" s="10"/>
    </row>
    <row r="115093" spans="14:14">
      <c r="N115093" s="10"/>
    </row>
    <row r="115094" spans="14:14">
      <c r="N115094" s="10"/>
    </row>
    <row r="115095" spans="14:14">
      <c r="N115095" s="10"/>
    </row>
    <row r="115096" spans="14:14">
      <c r="N115096" s="10"/>
    </row>
    <row r="115097" spans="14:14">
      <c r="N115097" s="10"/>
    </row>
    <row r="115098" spans="14:14">
      <c r="N115098" s="10"/>
    </row>
    <row r="115099" spans="14:14">
      <c r="N115099" s="10"/>
    </row>
    <row r="115100" spans="14:14">
      <c r="N115100" s="10"/>
    </row>
    <row r="115101" spans="14:14">
      <c r="N115101" s="10"/>
    </row>
    <row r="115102" spans="14:14">
      <c r="N115102" s="10"/>
    </row>
    <row r="115103" spans="14:14">
      <c r="N115103" s="10"/>
    </row>
    <row r="115104" spans="14:14">
      <c r="N115104" s="10"/>
    </row>
    <row r="115105" spans="14:14">
      <c r="N115105" s="10"/>
    </row>
    <row r="115106" spans="14:14">
      <c r="N115106" s="10"/>
    </row>
    <row r="115107" spans="14:14">
      <c r="N115107" s="10"/>
    </row>
    <row r="115108" spans="14:14">
      <c r="N115108" s="10"/>
    </row>
    <row r="115109" spans="14:14">
      <c r="N115109" s="10"/>
    </row>
    <row r="115110" spans="14:14">
      <c r="N115110" s="10"/>
    </row>
    <row r="115111" spans="14:14">
      <c r="N115111" s="10"/>
    </row>
    <row r="115112" spans="14:14">
      <c r="N115112" s="10"/>
    </row>
    <row r="115113" spans="14:14">
      <c r="N115113" s="10"/>
    </row>
    <row r="115114" spans="14:14">
      <c r="N115114" s="10"/>
    </row>
    <row r="115115" spans="14:14">
      <c r="N115115" s="10"/>
    </row>
    <row r="115116" spans="14:14">
      <c r="N115116" s="10"/>
    </row>
    <row r="115117" spans="14:14">
      <c r="N115117" s="10"/>
    </row>
    <row r="115118" spans="14:14">
      <c r="N115118" s="10"/>
    </row>
    <row r="115119" spans="14:14">
      <c r="N115119" s="10"/>
    </row>
    <row r="115120" spans="14:14">
      <c r="N115120" s="10"/>
    </row>
    <row r="115121" spans="14:14">
      <c r="N115121" s="10"/>
    </row>
    <row r="115122" spans="14:14">
      <c r="N115122" s="10"/>
    </row>
    <row r="115123" spans="14:14">
      <c r="N115123" s="10"/>
    </row>
    <row r="115124" spans="14:14">
      <c r="N115124" s="10"/>
    </row>
    <row r="115125" spans="14:14">
      <c r="N115125" s="10"/>
    </row>
    <row r="115126" spans="14:14">
      <c r="N115126" s="10"/>
    </row>
    <row r="115127" spans="14:14">
      <c r="N115127" s="10"/>
    </row>
    <row r="115128" spans="14:14">
      <c r="N115128" s="10"/>
    </row>
    <row r="115129" spans="14:14">
      <c r="N115129" s="10"/>
    </row>
    <row r="115130" spans="14:14">
      <c r="N115130" s="10"/>
    </row>
    <row r="115131" spans="14:14">
      <c r="N115131" s="10"/>
    </row>
    <row r="115132" spans="14:14">
      <c r="N115132" s="10"/>
    </row>
    <row r="115133" spans="14:14">
      <c r="N115133" s="10"/>
    </row>
    <row r="115134" spans="14:14">
      <c r="N115134" s="10"/>
    </row>
    <row r="115135" spans="14:14">
      <c r="N115135" s="10"/>
    </row>
    <row r="115136" spans="14:14">
      <c r="N115136" s="10"/>
    </row>
    <row r="115137" spans="14:14">
      <c r="N115137" s="10"/>
    </row>
    <row r="115138" spans="14:14">
      <c r="N115138" s="10"/>
    </row>
    <row r="115139" spans="14:14">
      <c r="N115139" s="10"/>
    </row>
    <row r="115140" spans="14:14">
      <c r="N115140" s="10"/>
    </row>
    <row r="115141" spans="14:14">
      <c r="N115141" s="10"/>
    </row>
    <row r="115142" spans="14:14">
      <c r="N115142" s="10"/>
    </row>
    <row r="115143" spans="14:14">
      <c r="N115143" s="10"/>
    </row>
    <row r="115144" spans="14:14">
      <c r="N115144" s="10"/>
    </row>
    <row r="115145" spans="14:14">
      <c r="N115145" s="10"/>
    </row>
    <row r="115146" spans="14:14">
      <c r="N115146" s="10"/>
    </row>
    <row r="115147" spans="14:14">
      <c r="N115147" s="10"/>
    </row>
    <row r="115148" spans="14:14">
      <c r="N115148" s="10"/>
    </row>
    <row r="115149" spans="14:14">
      <c r="N115149" s="10"/>
    </row>
    <row r="115150" spans="14:14">
      <c r="N115150" s="10"/>
    </row>
    <row r="115151" spans="14:14">
      <c r="N115151" s="10"/>
    </row>
    <row r="115152" spans="14:14">
      <c r="N115152" s="10"/>
    </row>
    <row r="115153" spans="14:14">
      <c r="N115153" s="10"/>
    </row>
    <row r="115154" spans="14:14">
      <c r="N115154" s="10"/>
    </row>
    <row r="115155" spans="14:14">
      <c r="N115155" s="10"/>
    </row>
    <row r="115156" spans="14:14">
      <c r="N115156" s="10"/>
    </row>
    <row r="115157" spans="14:14">
      <c r="N115157" s="10"/>
    </row>
    <row r="115158" spans="14:14">
      <c r="N115158" s="10"/>
    </row>
    <row r="115159" spans="14:14">
      <c r="N115159" s="10"/>
    </row>
    <row r="115160" spans="14:14">
      <c r="N115160" s="10"/>
    </row>
    <row r="115161" spans="14:14">
      <c r="N115161" s="10"/>
    </row>
    <row r="115162" spans="14:14">
      <c r="N115162" s="10"/>
    </row>
    <row r="115163" spans="14:14">
      <c r="N115163" s="10"/>
    </row>
    <row r="115164" spans="14:14">
      <c r="N115164" s="10"/>
    </row>
    <row r="115165" spans="14:14">
      <c r="N115165" s="10"/>
    </row>
    <row r="115166" spans="14:14">
      <c r="N115166" s="10"/>
    </row>
    <row r="115167" spans="14:14">
      <c r="N115167" s="10"/>
    </row>
    <row r="115168" spans="14:14">
      <c r="N115168" s="10"/>
    </row>
    <row r="115169" spans="14:14">
      <c r="N115169" s="10"/>
    </row>
    <row r="115170" spans="14:14">
      <c r="N115170" s="10"/>
    </row>
    <row r="115171" spans="14:14">
      <c r="N115171" s="10"/>
    </row>
    <row r="115172" spans="14:14">
      <c r="N115172" s="10"/>
    </row>
    <row r="115173" spans="14:14">
      <c r="N115173" s="10"/>
    </row>
    <row r="115174" spans="14:14">
      <c r="N115174" s="10"/>
    </row>
    <row r="115175" spans="14:14">
      <c r="N115175" s="10"/>
    </row>
    <row r="115176" spans="14:14">
      <c r="N115176" s="10"/>
    </row>
    <row r="115177" spans="14:14">
      <c r="N115177" s="10"/>
    </row>
    <row r="115178" spans="14:14">
      <c r="N115178" s="10"/>
    </row>
    <row r="115179" spans="14:14">
      <c r="N115179" s="10"/>
    </row>
    <row r="115180" spans="14:14">
      <c r="N115180" s="10"/>
    </row>
    <row r="115181" spans="14:14">
      <c r="N115181" s="10"/>
    </row>
    <row r="115182" spans="14:14">
      <c r="N115182" s="10"/>
    </row>
    <row r="115183" spans="14:14">
      <c r="N115183" s="10"/>
    </row>
    <row r="115184" spans="14:14">
      <c r="N115184" s="10"/>
    </row>
    <row r="115185" spans="14:14">
      <c r="N115185" s="10"/>
    </row>
    <row r="115186" spans="14:14">
      <c r="N115186" s="10"/>
    </row>
    <row r="115187" spans="14:14">
      <c r="N115187" s="10"/>
    </row>
    <row r="115188" spans="14:14">
      <c r="N115188" s="10"/>
    </row>
    <row r="115189" spans="14:14">
      <c r="N115189" s="10"/>
    </row>
    <row r="115190" spans="14:14">
      <c r="N115190" s="10"/>
    </row>
    <row r="115191" spans="14:14">
      <c r="N115191" s="10"/>
    </row>
    <row r="115192" spans="14:14">
      <c r="N115192" s="10"/>
    </row>
    <row r="115193" spans="14:14">
      <c r="N115193" s="10"/>
    </row>
    <row r="115194" spans="14:14">
      <c r="N115194" s="10"/>
    </row>
    <row r="115195" spans="14:14">
      <c r="N115195" s="10"/>
    </row>
    <row r="115196" spans="14:14">
      <c r="N115196" s="10"/>
    </row>
    <row r="115197" spans="14:14">
      <c r="N115197" s="10"/>
    </row>
    <row r="115198" spans="14:14">
      <c r="N115198" s="10"/>
    </row>
    <row r="115199" spans="14:14">
      <c r="N115199" s="10"/>
    </row>
    <row r="115200" spans="14:14">
      <c r="N115200" s="10"/>
    </row>
    <row r="115201" spans="14:14">
      <c r="N115201" s="10"/>
    </row>
    <row r="115202" spans="14:14">
      <c r="N115202" s="10"/>
    </row>
    <row r="115203" spans="14:14">
      <c r="N115203" s="10"/>
    </row>
    <row r="115204" spans="14:14">
      <c r="N115204" s="10"/>
    </row>
    <row r="115205" spans="14:14">
      <c r="N115205" s="10"/>
    </row>
    <row r="115206" spans="14:14">
      <c r="N115206" s="10"/>
    </row>
    <row r="115207" spans="14:14">
      <c r="N115207" s="10"/>
    </row>
    <row r="115208" spans="14:14">
      <c r="N115208" s="10"/>
    </row>
    <row r="115209" spans="14:14">
      <c r="N115209" s="10"/>
    </row>
    <row r="115210" spans="14:14">
      <c r="N115210" s="10"/>
    </row>
    <row r="115211" spans="14:14">
      <c r="N115211" s="10"/>
    </row>
    <row r="115212" spans="14:14">
      <c r="N115212" s="10"/>
    </row>
    <row r="115213" spans="14:14">
      <c r="N115213" s="10"/>
    </row>
    <row r="115214" spans="14:14">
      <c r="N115214" s="10"/>
    </row>
    <row r="115215" spans="14:14">
      <c r="N115215" s="10"/>
    </row>
    <row r="115216" spans="14:14">
      <c r="N115216" s="10"/>
    </row>
    <row r="115217" spans="14:14">
      <c r="N115217" s="10"/>
    </row>
    <row r="115218" spans="14:14">
      <c r="N115218" s="10"/>
    </row>
    <row r="115219" spans="14:14">
      <c r="N115219" s="10"/>
    </row>
    <row r="115220" spans="14:14">
      <c r="N115220" s="10"/>
    </row>
    <row r="115221" spans="14:14">
      <c r="N115221" s="10"/>
    </row>
    <row r="115222" spans="14:14">
      <c r="N115222" s="10"/>
    </row>
    <row r="115223" spans="14:14">
      <c r="N115223" s="10"/>
    </row>
    <row r="115224" spans="14:14">
      <c r="N115224" s="10"/>
    </row>
    <row r="115225" spans="14:14">
      <c r="N115225" s="10"/>
    </row>
    <row r="115226" spans="14:14">
      <c r="N115226" s="10"/>
    </row>
    <row r="115227" spans="14:14">
      <c r="N115227" s="10"/>
    </row>
    <row r="115228" spans="14:14">
      <c r="N115228" s="10"/>
    </row>
    <row r="115229" spans="14:14">
      <c r="N115229" s="10"/>
    </row>
    <row r="115230" spans="14:14">
      <c r="N115230" s="10"/>
    </row>
    <row r="115231" spans="14:14">
      <c r="N115231" s="10"/>
    </row>
    <row r="115232" spans="14:14">
      <c r="N115232" s="10"/>
    </row>
    <row r="115233" spans="14:14">
      <c r="N115233" s="10"/>
    </row>
    <row r="115234" spans="14:14">
      <c r="N115234" s="10"/>
    </row>
    <row r="115235" spans="14:14">
      <c r="N115235" s="10"/>
    </row>
    <row r="115236" spans="14:14">
      <c r="N115236" s="10"/>
    </row>
    <row r="115237" spans="14:14">
      <c r="N115237" s="10"/>
    </row>
    <row r="115238" spans="14:14">
      <c r="N115238" s="10"/>
    </row>
    <row r="115239" spans="14:14">
      <c r="N115239" s="10"/>
    </row>
    <row r="115240" spans="14:14">
      <c r="N115240" s="10"/>
    </row>
    <row r="115241" spans="14:14">
      <c r="N115241" s="10"/>
    </row>
    <row r="115242" spans="14:14">
      <c r="N115242" s="10"/>
    </row>
    <row r="115243" spans="14:14">
      <c r="N115243" s="10"/>
    </row>
    <row r="115244" spans="14:14">
      <c r="N115244" s="10"/>
    </row>
    <row r="115245" spans="14:14">
      <c r="N115245" s="10"/>
    </row>
    <row r="115246" spans="14:14">
      <c r="N115246" s="10"/>
    </row>
    <row r="115247" spans="14:14">
      <c r="N115247" s="10"/>
    </row>
    <row r="115248" spans="14:14">
      <c r="N115248" s="10"/>
    </row>
    <row r="115249" spans="14:14">
      <c r="N115249" s="10"/>
    </row>
    <row r="115250" spans="14:14">
      <c r="N115250" s="10"/>
    </row>
    <row r="115251" spans="14:14">
      <c r="N115251" s="10"/>
    </row>
    <row r="115252" spans="14:14">
      <c r="N115252" s="10"/>
    </row>
    <row r="115253" spans="14:14">
      <c r="N115253" s="10"/>
    </row>
    <row r="115254" spans="14:14">
      <c r="N115254" s="10"/>
    </row>
    <row r="115255" spans="14:14">
      <c r="N115255" s="10"/>
    </row>
    <row r="115256" spans="14:14">
      <c r="N115256" s="10"/>
    </row>
    <row r="115257" spans="14:14">
      <c r="N115257" s="10"/>
    </row>
    <row r="115258" spans="14:14">
      <c r="N115258" s="10"/>
    </row>
    <row r="115259" spans="14:14">
      <c r="N115259" s="10"/>
    </row>
    <row r="115260" spans="14:14">
      <c r="N115260" s="10"/>
    </row>
    <row r="115261" spans="14:14">
      <c r="N115261" s="10"/>
    </row>
    <row r="115262" spans="14:14">
      <c r="N115262" s="10"/>
    </row>
    <row r="115263" spans="14:14">
      <c r="N115263" s="10"/>
    </row>
    <row r="115264" spans="14:14">
      <c r="N115264" s="10"/>
    </row>
    <row r="115265" spans="14:14">
      <c r="N115265" s="10"/>
    </row>
    <row r="115266" spans="14:14">
      <c r="N115266" s="10"/>
    </row>
    <row r="115267" spans="14:14">
      <c r="N115267" s="10"/>
    </row>
    <row r="115268" spans="14:14">
      <c r="N115268" s="10"/>
    </row>
    <row r="115269" spans="14:14">
      <c r="N115269" s="10"/>
    </row>
    <row r="115270" spans="14:14">
      <c r="N115270" s="10"/>
    </row>
    <row r="115271" spans="14:14">
      <c r="N115271" s="10"/>
    </row>
    <row r="115272" spans="14:14">
      <c r="N115272" s="10"/>
    </row>
    <row r="115273" spans="14:14">
      <c r="N115273" s="10"/>
    </row>
    <row r="115274" spans="14:14">
      <c r="N115274" s="10"/>
    </row>
    <row r="115275" spans="14:14">
      <c r="N115275" s="10"/>
    </row>
    <row r="115276" spans="14:14">
      <c r="N115276" s="10"/>
    </row>
    <row r="115277" spans="14:14">
      <c r="N115277" s="10"/>
    </row>
    <row r="115278" spans="14:14">
      <c r="N115278" s="10"/>
    </row>
    <row r="115279" spans="14:14">
      <c r="N115279" s="10"/>
    </row>
    <row r="115280" spans="14:14">
      <c r="N115280" s="10"/>
    </row>
    <row r="115281" spans="14:14">
      <c r="N115281" s="10"/>
    </row>
    <row r="115282" spans="14:14">
      <c r="N115282" s="10"/>
    </row>
    <row r="115283" spans="14:14">
      <c r="N115283" s="10"/>
    </row>
    <row r="115284" spans="14:14">
      <c r="N115284" s="10"/>
    </row>
    <row r="115285" spans="14:14">
      <c r="N115285" s="10"/>
    </row>
    <row r="115286" spans="14:14">
      <c r="N115286" s="10"/>
    </row>
    <row r="115287" spans="14:14">
      <c r="N115287" s="10"/>
    </row>
    <row r="115288" spans="14:14">
      <c r="N115288" s="10"/>
    </row>
    <row r="115289" spans="14:14">
      <c r="N115289" s="10"/>
    </row>
    <row r="115290" spans="14:14">
      <c r="N115290" s="10"/>
    </row>
    <row r="115291" spans="14:14">
      <c r="N115291" s="10"/>
    </row>
    <row r="115292" spans="14:14">
      <c r="N115292" s="10"/>
    </row>
    <row r="115293" spans="14:14">
      <c r="N115293" s="10"/>
    </row>
    <row r="115294" spans="14:14">
      <c r="N115294" s="10"/>
    </row>
    <row r="115295" spans="14:14">
      <c r="N115295" s="10"/>
    </row>
    <row r="115296" spans="14:14">
      <c r="N115296" s="10"/>
    </row>
    <row r="115297" spans="14:14">
      <c r="N115297" s="10"/>
    </row>
    <row r="115298" spans="14:14">
      <c r="N115298" s="10"/>
    </row>
    <row r="115299" spans="14:14">
      <c r="N115299" s="10"/>
    </row>
    <row r="115300" spans="14:14">
      <c r="N115300" s="10"/>
    </row>
    <row r="115301" spans="14:14">
      <c r="N115301" s="10"/>
    </row>
    <row r="115302" spans="14:14">
      <c r="N115302" s="10"/>
    </row>
    <row r="115303" spans="14:14">
      <c r="N115303" s="10"/>
    </row>
    <row r="115304" spans="14:14">
      <c r="N115304" s="10"/>
    </row>
    <row r="115305" spans="14:14">
      <c r="N115305" s="10"/>
    </row>
    <row r="115306" spans="14:14">
      <c r="N115306" s="10"/>
    </row>
    <row r="115307" spans="14:14">
      <c r="N115307" s="10"/>
    </row>
    <row r="115308" spans="14:14">
      <c r="N115308" s="10"/>
    </row>
    <row r="115309" spans="14:14">
      <c r="N115309" s="10"/>
    </row>
    <row r="115310" spans="14:14">
      <c r="N115310" s="10"/>
    </row>
    <row r="115311" spans="14:14">
      <c r="N115311" s="10"/>
    </row>
    <row r="115312" spans="14:14">
      <c r="N115312" s="10"/>
    </row>
    <row r="115313" spans="14:14">
      <c r="N115313" s="10"/>
    </row>
    <row r="115314" spans="14:14">
      <c r="N115314" s="10"/>
    </row>
    <row r="115315" spans="14:14">
      <c r="N115315" s="10"/>
    </row>
    <row r="115316" spans="14:14">
      <c r="N115316" s="10"/>
    </row>
    <row r="115317" spans="14:14">
      <c r="N115317" s="10"/>
    </row>
    <row r="115318" spans="14:14">
      <c r="N115318" s="10"/>
    </row>
    <row r="115319" spans="14:14">
      <c r="N115319" s="10"/>
    </row>
    <row r="115320" spans="14:14">
      <c r="N115320" s="10"/>
    </row>
    <row r="115321" spans="14:14">
      <c r="N115321" s="10"/>
    </row>
    <row r="115322" spans="14:14">
      <c r="N115322" s="10"/>
    </row>
    <row r="115323" spans="14:14">
      <c r="N115323" s="10"/>
    </row>
    <row r="115324" spans="14:14">
      <c r="N115324" s="10"/>
    </row>
    <row r="115325" spans="14:14">
      <c r="N115325" s="10"/>
    </row>
    <row r="115326" spans="14:14">
      <c r="N115326" s="10"/>
    </row>
    <row r="115327" spans="14:14">
      <c r="N115327" s="10"/>
    </row>
    <row r="115328" spans="14:14">
      <c r="N115328" s="10"/>
    </row>
    <row r="115329" spans="14:14">
      <c r="N115329" s="10"/>
    </row>
    <row r="115330" spans="14:14">
      <c r="N115330" s="10"/>
    </row>
    <row r="115331" spans="14:14">
      <c r="N115331" s="10"/>
    </row>
    <row r="115332" spans="14:14">
      <c r="N115332" s="10"/>
    </row>
    <row r="115333" spans="14:14">
      <c r="N115333" s="10"/>
    </row>
    <row r="115334" spans="14:14">
      <c r="N115334" s="10"/>
    </row>
    <row r="115335" spans="14:14">
      <c r="N115335" s="10"/>
    </row>
    <row r="115336" spans="14:14">
      <c r="N115336" s="10"/>
    </row>
    <row r="115337" spans="14:14">
      <c r="N115337" s="10"/>
    </row>
    <row r="115338" spans="14:14">
      <c r="N115338" s="10"/>
    </row>
    <row r="115339" spans="14:14">
      <c r="N115339" s="10"/>
    </row>
    <row r="115340" spans="14:14">
      <c r="N115340" s="10"/>
    </row>
    <row r="115341" spans="14:14">
      <c r="N115341" s="10"/>
    </row>
    <row r="115342" spans="14:14">
      <c r="N115342" s="10"/>
    </row>
    <row r="115343" spans="14:14">
      <c r="N115343" s="10"/>
    </row>
    <row r="115344" spans="14:14">
      <c r="N115344" s="10"/>
    </row>
    <row r="115345" spans="14:14">
      <c r="N115345" s="10"/>
    </row>
    <row r="115346" spans="14:14">
      <c r="N115346" s="10"/>
    </row>
    <row r="115347" spans="14:14">
      <c r="N115347" s="10"/>
    </row>
    <row r="115348" spans="14:14">
      <c r="N115348" s="10"/>
    </row>
    <row r="115349" spans="14:14">
      <c r="N115349" s="10"/>
    </row>
    <row r="115350" spans="14:14">
      <c r="N115350" s="10"/>
    </row>
    <row r="115351" spans="14:14">
      <c r="N115351" s="10"/>
    </row>
    <row r="115352" spans="14:14">
      <c r="N115352" s="10"/>
    </row>
    <row r="115353" spans="14:14">
      <c r="N115353" s="10"/>
    </row>
    <row r="115354" spans="14:14">
      <c r="N115354" s="10"/>
    </row>
    <row r="115355" spans="14:14">
      <c r="N115355" s="10"/>
    </row>
    <row r="115356" spans="14:14">
      <c r="N115356" s="10"/>
    </row>
    <row r="115357" spans="14:14">
      <c r="N115357" s="10"/>
    </row>
    <row r="115358" spans="14:14">
      <c r="N115358" s="10"/>
    </row>
    <row r="115359" spans="14:14">
      <c r="N115359" s="10"/>
    </row>
    <row r="115360" spans="14:14">
      <c r="N115360" s="10"/>
    </row>
    <row r="115361" spans="14:14">
      <c r="N115361" s="10"/>
    </row>
    <row r="115362" spans="14:14">
      <c r="N115362" s="10"/>
    </row>
    <row r="115363" spans="14:14">
      <c r="N115363" s="10"/>
    </row>
    <row r="115364" spans="14:14">
      <c r="N115364" s="10"/>
    </row>
    <row r="115365" spans="14:14">
      <c r="N115365" s="10"/>
    </row>
    <row r="115366" spans="14:14">
      <c r="N115366" s="10"/>
    </row>
    <row r="115367" spans="14:14">
      <c r="N115367" s="10"/>
    </row>
    <row r="115368" spans="14:14">
      <c r="N115368" s="10"/>
    </row>
    <row r="115369" spans="14:14">
      <c r="N115369" s="10"/>
    </row>
    <row r="115370" spans="14:14">
      <c r="N115370" s="10"/>
    </row>
    <row r="115371" spans="14:14">
      <c r="N115371" s="10"/>
    </row>
    <row r="115372" spans="14:14">
      <c r="N115372" s="10"/>
    </row>
    <row r="115373" spans="14:14">
      <c r="N115373" s="10"/>
    </row>
    <row r="115374" spans="14:14">
      <c r="N115374" s="10"/>
    </row>
    <row r="115375" spans="14:14">
      <c r="N115375" s="10"/>
    </row>
    <row r="115376" spans="14:14">
      <c r="N115376" s="10"/>
    </row>
    <row r="115377" spans="14:14">
      <c r="N115377" s="10"/>
    </row>
    <row r="115378" spans="14:14">
      <c r="N115378" s="10"/>
    </row>
    <row r="115379" spans="14:14">
      <c r="N115379" s="10"/>
    </row>
    <row r="115380" spans="14:14">
      <c r="N115380" s="10"/>
    </row>
    <row r="115381" spans="14:14">
      <c r="N115381" s="10"/>
    </row>
    <row r="115382" spans="14:14">
      <c r="N115382" s="10"/>
    </row>
    <row r="115383" spans="14:14">
      <c r="N115383" s="10"/>
    </row>
    <row r="115384" spans="14:14">
      <c r="N115384" s="10"/>
    </row>
    <row r="115385" spans="14:14">
      <c r="N115385" s="10"/>
    </row>
    <row r="115386" spans="14:14">
      <c r="N115386" s="10"/>
    </row>
    <row r="115387" spans="14:14">
      <c r="N115387" s="10"/>
    </row>
    <row r="115388" spans="14:14">
      <c r="N115388" s="10"/>
    </row>
    <row r="115389" spans="14:14">
      <c r="N115389" s="10"/>
    </row>
    <row r="115390" spans="14:14">
      <c r="N115390" s="10"/>
    </row>
    <row r="115391" spans="14:14">
      <c r="N115391" s="10"/>
    </row>
    <row r="115392" spans="14:14">
      <c r="N115392" s="10"/>
    </row>
    <row r="115393" spans="14:14">
      <c r="N115393" s="10"/>
    </row>
    <row r="115394" spans="14:14">
      <c r="N115394" s="10"/>
    </row>
    <row r="115395" spans="14:14">
      <c r="N115395" s="10"/>
    </row>
    <row r="115396" spans="14:14">
      <c r="N115396" s="10"/>
    </row>
    <row r="115397" spans="14:14">
      <c r="N115397" s="10"/>
    </row>
    <row r="115398" spans="14:14">
      <c r="N115398" s="10"/>
    </row>
    <row r="115399" spans="14:14">
      <c r="N115399" s="10"/>
    </row>
    <row r="115400" spans="14:14">
      <c r="N115400" s="10"/>
    </row>
    <row r="115401" spans="14:14">
      <c r="N115401" s="10"/>
    </row>
    <row r="115402" spans="14:14">
      <c r="N115402" s="10"/>
    </row>
    <row r="115403" spans="14:14">
      <c r="N115403" s="10"/>
    </row>
    <row r="115404" spans="14:14">
      <c r="N115404" s="10"/>
    </row>
    <row r="115405" spans="14:14">
      <c r="N115405" s="10"/>
    </row>
    <row r="115406" spans="14:14">
      <c r="N115406" s="10"/>
    </row>
    <row r="115407" spans="14:14">
      <c r="N115407" s="10"/>
    </row>
    <row r="115408" spans="14:14">
      <c r="N115408" s="10"/>
    </row>
    <row r="115409" spans="14:14">
      <c r="N115409" s="10"/>
    </row>
    <row r="115410" spans="14:14">
      <c r="N115410" s="10"/>
    </row>
    <row r="115411" spans="14:14">
      <c r="N115411" s="10"/>
    </row>
    <row r="115412" spans="14:14">
      <c r="N115412" s="10"/>
    </row>
    <row r="115413" spans="14:14">
      <c r="N115413" s="10"/>
    </row>
    <row r="115414" spans="14:14">
      <c r="N115414" s="10"/>
    </row>
    <row r="115415" spans="14:14">
      <c r="N115415" s="10"/>
    </row>
    <row r="115416" spans="14:14">
      <c r="N115416" s="10"/>
    </row>
    <row r="115417" spans="14:14">
      <c r="N115417" s="10"/>
    </row>
    <row r="115418" spans="14:14">
      <c r="N115418" s="10"/>
    </row>
    <row r="115419" spans="14:14">
      <c r="N115419" s="10"/>
    </row>
    <row r="115420" spans="14:14">
      <c r="N115420" s="10"/>
    </row>
    <row r="115421" spans="14:14">
      <c r="N115421" s="10"/>
    </row>
    <row r="115422" spans="14:14">
      <c r="N115422" s="10"/>
    </row>
    <row r="115423" spans="14:14">
      <c r="N115423" s="10"/>
    </row>
    <row r="115424" spans="14:14">
      <c r="N115424" s="10"/>
    </row>
    <row r="115425" spans="14:14">
      <c r="N115425" s="10"/>
    </row>
    <row r="115426" spans="14:14">
      <c r="N115426" s="10"/>
    </row>
    <row r="115427" spans="14:14">
      <c r="N115427" s="10"/>
    </row>
    <row r="115428" spans="14:14">
      <c r="N115428" s="10"/>
    </row>
    <row r="115429" spans="14:14">
      <c r="N115429" s="10"/>
    </row>
    <row r="115430" spans="14:14">
      <c r="N115430" s="10"/>
    </row>
    <row r="115431" spans="14:14">
      <c r="N115431" s="10"/>
    </row>
    <row r="115432" spans="14:14">
      <c r="N115432" s="10"/>
    </row>
    <row r="115433" spans="14:14">
      <c r="N115433" s="10"/>
    </row>
    <row r="115434" spans="14:14">
      <c r="N115434" s="10"/>
    </row>
    <row r="115435" spans="14:14">
      <c r="N115435" s="10"/>
    </row>
    <row r="115436" spans="14:14">
      <c r="N115436" s="10"/>
    </row>
    <row r="115437" spans="14:14">
      <c r="N115437" s="10"/>
    </row>
    <row r="115438" spans="14:14">
      <c r="N115438" s="10"/>
    </row>
    <row r="115439" spans="14:14">
      <c r="N115439" s="10"/>
    </row>
    <row r="115440" spans="14:14">
      <c r="N115440" s="10"/>
    </row>
    <row r="115441" spans="14:14">
      <c r="N115441" s="10"/>
    </row>
    <row r="115442" spans="14:14">
      <c r="N115442" s="10"/>
    </row>
    <row r="115443" spans="14:14">
      <c r="N115443" s="10"/>
    </row>
    <row r="115444" spans="14:14">
      <c r="N115444" s="10"/>
    </row>
    <row r="115445" spans="14:14">
      <c r="N115445" s="10"/>
    </row>
    <row r="115446" spans="14:14">
      <c r="N115446" s="10"/>
    </row>
    <row r="115447" spans="14:14">
      <c r="N115447" s="10"/>
    </row>
    <row r="115448" spans="14:14">
      <c r="N115448" s="10"/>
    </row>
    <row r="115449" spans="14:14">
      <c r="N115449" s="10"/>
    </row>
    <row r="115450" spans="14:14">
      <c r="N115450" s="10"/>
    </row>
    <row r="115451" spans="14:14">
      <c r="N115451" s="10"/>
    </row>
    <row r="115452" spans="14:14">
      <c r="N115452" s="10"/>
    </row>
    <row r="115453" spans="14:14">
      <c r="N115453" s="10"/>
    </row>
    <row r="115454" spans="14:14">
      <c r="N115454" s="10"/>
    </row>
    <row r="115455" spans="14:14">
      <c r="N115455" s="10"/>
    </row>
    <row r="115456" spans="14:14">
      <c r="N115456" s="10"/>
    </row>
    <row r="115457" spans="14:14">
      <c r="N115457" s="10"/>
    </row>
    <row r="115458" spans="14:14">
      <c r="N115458" s="10"/>
    </row>
    <row r="115459" spans="14:14">
      <c r="N115459" s="10"/>
    </row>
    <row r="115460" spans="14:14">
      <c r="N115460" s="10"/>
    </row>
    <row r="115461" spans="14:14">
      <c r="N115461" s="10"/>
    </row>
    <row r="115462" spans="14:14">
      <c r="N115462" s="10"/>
    </row>
    <row r="115463" spans="14:14">
      <c r="N115463" s="10"/>
    </row>
    <row r="115464" spans="14:14">
      <c r="N115464" s="10"/>
    </row>
    <row r="115465" spans="14:14">
      <c r="N115465" s="10"/>
    </row>
    <row r="115466" spans="14:14">
      <c r="N115466" s="10"/>
    </row>
    <row r="115467" spans="14:14">
      <c r="N115467" s="10"/>
    </row>
    <row r="115468" spans="14:14">
      <c r="N115468" s="10"/>
    </row>
    <row r="115469" spans="14:14">
      <c r="N115469" s="10"/>
    </row>
    <row r="115470" spans="14:14">
      <c r="N115470" s="10"/>
    </row>
    <row r="115471" spans="14:14">
      <c r="N115471" s="10"/>
    </row>
    <row r="115472" spans="14:14">
      <c r="N115472" s="10"/>
    </row>
    <row r="115473" spans="14:14">
      <c r="N115473" s="10"/>
    </row>
    <row r="115474" spans="14:14">
      <c r="N115474" s="10"/>
    </row>
    <row r="115475" spans="14:14">
      <c r="N115475" s="10"/>
    </row>
    <row r="115476" spans="14:14">
      <c r="N115476" s="10"/>
    </row>
    <row r="115477" spans="14:14">
      <c r="N115477" s="10"/>
    </row>
    <row r="115478" spans="14:14">
      <c r="N115478" s="10"/>
    </row>
    <row r="115479" spans="14:14">
      <c r="N115479" s="10"/>
    </row>
    <row r="115480" spans="14:14">
      <c r="N115480" s="10"/>
    </row>
    <row r="115481" spans="14:14">
      <c r="N115481" s="10"/>
    </row>
    <row r="115482" spans="14:14">
      <c r="N115482" s="10"/>
    </row>
    <row r="115483" spans="14:14">
      <c r="N115483" s="10"/>
    </row>
    <row r="115484" spans="14:14">
      <c r="N115484" s="10"/>
    </row>
    <row r="115485" spans="14:14">
      <c r="N115485" s="10"/>
    </row>
    <row r="115486" spans="14:14">
      <c r="N115486" s="10"/>
    </row>
    <row r="115487" spans="14:14">
      <c r="N115487" s="10"/>
    </row>
    <row r="115488" spans="14:14">
      <c r="N115488" s="10"/>
    </row>
    <row r="115489" spans="14:14">
      <c r="N115489" s="10"/>
    </row>
    <row r="115490" spans="14:14">
      <c r="N115490" s="10"/>
    </row>
    <row r="115491" spans="14:14">
      <c r="N115491" s="10"/>
    </row>
    <row r="115492" spans="14:14">
      <c r="N115492" s="10"/>
    </row>
    <row r="115493" spans="14:14">
      <c r="N115493" s="10"/>
    </row>
    <row r="115494" spans="14:14">
      <c r="N115494" s="10"/>
    </row>
    <row r="115495" spans="14:14">
      <c r="N115495" s="10"/>
    </row>
    <row r="115496" spans="14:14">
      <c r="N115496" s="10"/>
    </row>
    <row r="115497" spans="14:14">
      <c r="N115497" s="10"/>
    </row>
    <row r="115498" spans="14:14">
      <c r="N115498" s="10"/>
    </row>
    <row r="115499" spans="14:14">
      <c r="N115499" s="10"/>
    </row>
    <row r="115500" spans="14:14">
      <c r="N115500" s="10"/>
    </row>
    <row r="115501" spans="14:14">
      <c r="N115501" s="10"/>
    </row>
    <row r="115502" spans="14:14">
      <c r="N115502" s="10"/>
    </row>
    <row r="115503" spans="14:14">
      <c r="N115503" s="10"/>
    </row>
    <row r="115504" spans="14:14">
      <c r="N115504" s="10"/>
    </row>
    <row r="115505" spans="14:14">
      <c r="N115505" s="10"/>
    </row>
    <row r="115506" spans="14:14">
      <c r="N115506" s="10"/>
    </row>
    <row r="115507" spans="14:14">
      <c r="N115507" s="10"/>
    </row>
    <row r="115508" spans="14:14">
      <c r="N115508" s="10"/>
    </row>
    <row r="115509" spans="14:14">
      <c r="N115509" s="10"/>
    </row>
    <row r="115510" spans="14:14">
      <c r="N115510" s="10"/>
    </row>
    <row r="115511" spans="14:14">
      <c r="N115511" s="10"/>
    </row>
    <row r="115512" spans="14:14">
      <c r="N115512" s="10"/>
    </row>
    <row r="115513" spans="14:14">
      <c r="N115513" s="10"/>
    </row>
    <row r="115514" spans="14:14">
      <c r="N115514" s="10"/>
    </row>
    <row r="115515" spans="14:14">
      <c r="N115515" s="10"/>
    </row>
    <row r="115516" spans="14:14">
      <c r="N115516" s="10"/>
    </row>
    <row r="115517" spans="14:14">
      <c r="N115517" s="10"/>
    </row>
    <row r="115518" spans="14:14">
      <c r="N115518" s="10"/>
    </row>
    <row r="115519" spans="14:14">
      <c r="N115519" s="10"/>
    </row>
    <row r="115520" spans="14:14">
      <c r="N115520" s="10"/>
    </row>
    <row r="115521" spans="14:14">
      <c r="N115521" s="10"/>
    </row>
    <row r="115522" spans="14:14">
      <c r="N115522" s="10"/>
    </row>
    <row r="115523" spans="14:14">
      <c r="N115523" s="10"/>
    </row>
    <row r="115524" spans="14:14">
      <c r="N115524" s="10"/>
    </row>
    <row r="115525" spans="14:14">
      <c r="N115525" s="10"/>
    </row>
    <row r="115526" spans="14:14">
      <c r="N115526" s="10"/>
    </row>
    <row r="115527" spans="14:14">
      <c r="N115527" s="10"/>
    </row>
    <row r="115528" spans="14:14">
      <c r="N115528" s="10"/>
    </row>
    <row r="115529" spans="14:14">
      <c r="N115529" s="10"/>
    </row>
    <row r="115530" spans="14:14">
      <c r="N115530" s="10"/>
    </row>
    <row r="115531" spans="14:14">
      <c r="N115531" s="10"/>
    </row>
    <row r="115532" spans="14:14">
      <c r="N115532" s="10"/>
    </row>
    <row r="115533" spans="14:14">
      <c r="N115533" s="10"/>
    </row>
    <row r="115534" spans="14:14">
      <c r="N115534" s="10"/>
    </row>
    <row r="115535" spans="14:14">
      <c r="N115535" s="10"/>
    </row>
    <row r="115536" spans="14:14">
      <c r="N115536" s="10"/>
    </row>
    <row r="115537" spans="14:14">
      <c r="N115537" s="10"/>
    </row>
    <row r="115538" spans="14:14">
      <c r="N115538" s="10"/>
    </row>
    <row r="115539" spans="14:14">
      <c r="N115539" s="10"/>
    </row>
    <row r="115540" spans="14:14">
      <c r="N115540" s="10"/>
    </row>
    <row r="115541" spans="14:14">
      <c r="N115541" s="10"/>
    </row>
    <row r="115542" spans="14:14">
      <c r="N115542" s="10"/>
    </row>
    <row r="115543" spans="14:14">
      <c r="N115543" s="10"/>
    </row>
    <row r="115544" spans="14:14">
      <c r="N115544" s="10"/>
    </row>
    <row r="115545" spans="14:14">
      <c r="N115545" s="10"/>
    </row>
    <row r="115546" spans="14:14">
      <c r="N115546" s="10"/>
    </row>
    <row r="115547" spans="14:14">
      <c r="N115547" s="10"/>
    </row>
    <row r="115548" spans="14:14">
      <c r="N115548" s="10"/>
    </row>
    <row r="115549" spans="14:14">
      <c r="N115549" s="10"/>
    </row>
    <row r="115550" spans="14:14">
      <c r="N115550" s="10"/>
    </row>
    <row r="115551" spans="14:14">
      <c r="N115551" s="10"/>
    </row>
    <row r="115552" spans="14:14">
      <c r="N115552" s="10"/>
    </row>
    <row r="115553" spans="14:14">
      <c r="N115553" s="10"/>
    </row>
    <row r="115554" spans="14:14">
      <c r="N115554" s="10"/>
    </row>
    <row r="115555" spans="14:14">
      <c r="N115555" s="10"/>
    </row>
    <row r="115556" spans="14:14">
      <c r="N115556" s="10"/>
    </row>
    <row r="115557" spans="14:14">
      <c r="N115557" s="10"/>
    </row>
    <row r="115558" spans="14:14">
      <c r="N115558" s="10"/>
    </row>
    <row r="115559" spans="14:14">
      <c r="N115559" s="10"/>
    </row>
    <row r="115560" spans="14:14">
      <c r="N115560" s="10"/>
    </row>
    <row r="115561" spans="14:14">
      <c r="N115561" s="10"/>
    </row>
    <row r="115562" spans="14:14">
      <c r="N115562" s="10"/>
    </row>
    <row r="115563" spans="14:14">
      <c r="N115563" s="10"/>
    </row>
    <row r="115564" spans="14:14">
      <c r="N115564" s="10"/>
    </row>
    <row r="115565" spans="14:14">
      <c r="N115565" s="10"/>
    </row>
    <row r="115566" spans="14:14">
      <c r="N115566" s="10"/>
    </row>
    <row r="115567" spans="14:14">
      <c r="N115567" s="10"/>
    </row>
    <row r="115568" spans="14:14">
      <c r="N115568" s="10"/>
    </row>
    <row r="115569" spans="14:14">
      <c r="N115569" s="10"/>
    </row>
    <row r="115570" spans="14:14">
      <c r="N115570" s="10"/>
    </row>
    <row r="115571" spans="14:14">
      <c r="N115571" s="10"/>
    </row>
    <row r="115572" spans="14:14">
      <c r="N115572" s="10"/>
    </row>
    <row r="115573" spans="14:14">
      <c r="N115573" s="10"/>
    </row>
    <row r="115574" spans="14:14">
      <c r="N115574" s="10"/>
    </row>
    <row r="115575" spans="14:14">
      <c r="N115575" s="10"/>
    </row>
    <row r="115576" spans="14:14">
      <c r="N115576" s="10"/>
    </row>
    <row r="115577" spans="14:14">
      <c r="N115577" s="10"/>
    </row>
    <row r="115578" spans="14:14">
      <c r="N115578" s="10"/>
    </row>
    <row r="115579" spans="14:14">
      <c r="N115579" s="10"/>
    </row>
    <row r="115580" spans="14:14">
      <c r="N115580" s="10"/>
    </row>
    <row r="115581" spans="14:14">
      <c r="N115581" s="10"/>
    </row>
    <row r="115582" spans="14:14">
      <c r="N115582" s="10"/>
    </row>
    <row r="115583" spans="14:14">
      <c r="N115583" s="10"/>
    </row>
    <row r="115584" spans="14:14">
      <c r="N115584" s="10"/>
    </row>
    <row r="115585" spans="14:14">
      <c r="N115585" s="10"/>
    </row>
    <row r="115586" spans="14:14">
      <c r="N115586" s="10"/>
    </row>
    <row r="115587" spans="14:14">
      <c r="N115587" s="10"/>
    </row>
    <row r="115588" spans="14:14">
      <c r="N115588" s="10"/>
    </row>
    <row r="115589" spans="14:14">
      <c r="N115589" s="10"/>
    </row>
    <row r="115590" spans="14:14">
      <c r="N115590" s="10"/>
    </row>
    <row r="115591" spans="14:14">
      <c r="N115591" s="10"/>
    </row>
    <row r="115592" spans="14:14">
      <c r="N115592" s="10"/>
    </row>
    <row r="115593" spans="14:14">
      <c r="N115593" s="10"/>
    </row>
    <row r="115594" spans="14:14">
      <c r="N115594" s="10"/>
    </row>
    <row r="115595" spans="14:14">
      <c r="N115595" s="10"/>
    </row>
    <row r="115596" spans="14:14">
      <c r="N115596" s="10"/>
    </row>
    <row r="115597" spans="14:14">
      <c r="N115597" s="10"/>
    </row>
    <row r="115598" spans="14:14">
      <c r="N115598" s="10"/>
    </row>
    <row r="115599" spans="14:14">
      <c r="N115599" s="10"/>
    </row>
    <row r="115600" spans="14:14">
      <c r="N115600" s="10"/>
    </row>
    <row r="115601" spans="14:14">
      <c r="N115601" s="10"/>
    </row>
    <row r="115602" spans="14:14">
      <c r="N115602" s="10"/>
    </row>
    <row r="115603" spans="14:14">
      <c r="N115603" s="10"/>
    </row>
    <row r="115604" spans="14:14">
      <c r="N115604" s="10"/>
    </row>
    <row r="115605" spans="14:14">
      <c r="N115605" s="10"/>
    </row>
    <row r="115606" spans="14:14">
      <c r="N115606" s="10"/>
    </row>
    <row r="115607" spans="14:14">
      <c r="N115607" s="10"/>
    </row>
    <row r="115608" spans="14:14">
      <c r="N115608" s="10"/>
    </row>
    <row r="115609" spans="14:14">
      <c r="N115609" s="10"/>
    </row>
    <row r="115610" spans="14:14">
      <c r="N115610" s="10"/>
    </row>
    <row r="115611" spans="14:14">
      <c r="N115611" s="10"/>
    </row>
    <row r="115612" spans="14:14">
      <c r="N115612" s="10"/>
    </row>
    <row r="115613" spans="14:14">
      <c r="N115613" s="10"/>
    </row>
    <row r="115614" spans="14:14">
      <c r="N115614" s="10"/>
    </row>
    <row r="115615" spans="14:14">
      <c r="N115615" s="10"/>
    </row>
    <row r="115616" spans="14:14">
      <c r="N115616" s="10"/>
    </row>
    <row r="115617" spans="14:14">
      <c r="N115617" s="10"/>
    </row>
    <row r="115618" spans="14:14">
      <c r="N115618" s="10"/>
    </row>
    <row r="115619" spans="14:14">
      <c r="N115619" s="10"/>
    </row>
    <row r="115620" spans="14:14">
      <c r="N115620" s="10"/>
    </row>
    <row r="115621" spans="14:14">
      <c r="N115621" s="10"/>
    </row>
    <row r="115622" spans="14:14">
      <c r="N115622" s="10"/>
    </row>
    <row r="115623" spans="14:14">
      <c r="N115623" s="10"/>
    </row>
    <row r="115624" spans="14:14">
      <c r="N115624" s="10"/>
    </row>
    <row r="115625" spans="14:14">
      <c r="N115625" s="10"/>
    </row>
    <row r="115626" spans="14:14">
      <c r="N115626" s="10"/>
    </row>
    <row r="115627" spans="14:14">
      <c r="N115627" s="10"/>
    </row>
    <row r="115628" spans="14:14">
      <c r="N115628" s="10"/>
    </row>
    <row r="115629" spans="14:14">
      <c r="N115629" s="10"/>
    </row>
    <row r="115630" spans="14:14">
      <c r="N115630" s="10"/>
    </row>
    <row r="115631" spans="14:14">
      <c r="N115631" s="10"/>
    </row>
    <row r="115632" spans="14:14">
      <c r="N115632" s="10"/>
    </row>
    <row r="115633" spans="14:14">
      <c r="N115633" s="10"/>
    </row>
    <row r="115634" spans="14:14">
      <c r="N115634" s="10"/>
    </row>
    <row r="115635" spans="14:14">
      <c r="N115635" s="10"/>
    </row>
    <row r="115636" spans="14:14">
      <c r="N115636" s="10"/>
    </row>
    <row r="115637" spans="14:14">
      <c r="N115637" s="10"/>
    </row>
    <row r="115638" spans="14:14">
      <c r="N115638" s="10"/>
    </row>
    <row r="115639" spans="14:14">
      <c r="N115639" s="10"/>
    </row>
    <row r="115640" spans="14:14">
      <c r="N115640" s="10"/>
    </row>
    <row r="115641" spans="14:14">
      <c r="N115641" s="10"/>
    </row>
    <row r="115642" spans="14:14">
      <c r="N115642" s="10"/>
    </row>
    <row r="115643" spans="14:14">
      <c r="N115643" s="10"/>
    </row>
    <row r="115644" spans="14:14">
      <c r="N115644" s="10"/>
    </row>
    <row r="115645" spans="14:14">
      <c r="N115645" s="10"/>
    </row>
    <row r="115646" spans="14:14">
      <c r="N115646" s="10"/>
    </row>
    <row r="115647" spans="14:14">
      <c r="N115647" s="10"/>
    </row>
    <row r="115648" spans="14:14">
      <c r="N115648" s="10"/>
    </row>
    <row r="115649" spans="14:14">
      <c r="N115649" s="10"/>
    </row>
    <row r="115650" spans="14:14">
      <c r="N115650" s="10"/>
    </row>
    <row r="115651" spans="14:14">
      <c r="N115651" s="10"/>
    </row>
    <row r="115652" spans="14:14">
      <c r="N115652" s="10"/>
    </row>
    <row r="115653" spans="14:14">
      <c r="N115653" s="10"/>
    </row>
    <row r="115654" spans="14:14">
      <c r="N115654" s="10"/>
    </row>
    <row r="115655" spans="14:14">
      <c r="N115655" s="10"/>
    </row>
    <row r="115656" spans="14:14">
      <c r="N115656" s="10"/>
    </row>
    <row r="115657" spans="14:14">
      <c r="N115657" s="10"/>
    </row>
    <row r="115658" spans="14:14">
      <c r="N115658" s="10"/>
    </row>
    <row r="115659" spans="14:14">
      <c r="N115659" s="10"/>
    </row>
    <row r="115660" spans="14:14">
      <c r="N115660" s="10"/>
    </row>
    <row r="115661" spans="14:14">
      <c r="N115661" s="10"/>
    </row>
    <row r="115662" spans="14:14">
      <c r="N115662" s="10"/>
    </row>
    <row r="115663" spans="14:14">
      <c r="N115663" s="10"/>
    </row>
    <row r="115664" spans="14:14">
      <c r="N115664" s="10"/>
    </row>
    <row r="115665" spans="14:14">
      <c r="N115665" s="10"/>
    </row>
    <row r="115666" spans="14:14">
      <c r="N115666" s="10"/>
    </row>
    <row r="115667" spans="14:14">
      <c r="N115667" s="10"/>
    </row>
    <row r="115668" spans="14:14">
      <c r="N115668" s="10"/>
    </row>
    <row r="115669" spans="14:14">
      <c r="N115669" s="10"/>
    </row>
    <row r="115670" spans="14:14">
      <c r="N115670" s="10"/>
    </row>
    <row r="115671" spans="14:14">
      <c r="N115671" s="10"/>
    </row>
    <row r="115672" spans="14:14">
      <c r="N115672" s="10"/>
    </row>
    <row r="115673" spans="14:14">
      <c r="N115673" s="10"/>
    </row>
    <row r="115674" spans="14:14">
      <c r="N115674" s="10"/>
    </row>
    <row r="115675" spans="14:14">
      <c r="N115675" s="10"/>
    </row>
    <row r="115676" spans="14:14">
      <c r="N115676" s="10"/>
    </row>
    <row r="115677" spans="14:14">
      <c r="N115677" s="10"/>
    </row>
    <row r="115678" spans="14:14">
      <c r="N115678" s="10"/>
    </row>
    <row r="115679" spans="14:14">
      <c r="N115679" s="10"/>
    </row>
    <row r="115680" spans="14:14">
      <c r="N115680" s="10"/>
    </row>
    <row r="115681" spans="14:14">
      <c r="N115681" s="10"/>
    </row>
    <row r="115682" spans="14:14">
      <c r="N115682" s="10"/>
    </row>
    <row r="115683" spans="14:14">
      <c r="N115683" s="10"/>
    </row>
    <row r="115684" spans="14:14">
      <c r="N115684" s="10"/>
    </row>
    <row r="115685" spans="14:14">
      <c r="N115685" s="10"/>
    </row>
    <row r="115686" spans="14:14">
      <c r="N115686" s="10"/>
    </row>
    <row r="115687" spans="14:14">
      <c r="N115687" s="10"/>
    </row>
    <row r="115688" spans="14:14">
      <c r="N115688" s="10"/>
    </row>
    <row r="115689" spans="14:14">
      <c r="N115689" s="10"/>
    </row>
    <row r="115690" spans="14:14">
      <c r="N115690" s="10"/>
    </row>
    <row r="115691" spans="14:14">
      <c r="N115691" s="10"/>
    </row>
    <row r="115692" spans="14:14">
      <c r="N115692" s="10"/>
    </row>
    <row r="115693" spans="14:14">
      <c r="N115693" s="10"/>
    </row>
    <row r="115694" spans="14:14">
      <c r="N115694" s="10"/>
    </row>
    <row r="115695" spans="14:14">
      <c r="N115695" s="10"/>
    </row>
    <row r="115696" spans="14:14">
      <c r="N115696" s="10"/>
    </row>
    <row r="115697" spans="14:14">
      <c r="N115697" s="10"/>
    </row>
    <row r="115698" spans="14:14">
      <c r="N115698" s="10"/>
    </row>
    <row r="115699" spans="14:14">
      <c r="N115699" s="10"/>
    </row>
    <row r="115700" spans="14:14">
      <c r="N115700" s="10"/>
    </row>
    <row r="115701" spans="14:14">
      <c r="N115701" s="10"/>
    </row>
    <row r="115702" spans="14:14">
      <c r="N115702" s="10"/>
    </row>
    <row r="115703" spans="14:14">
      <c r="N115703" s="10"/>
    </row>
    <row r="115704" spans="14:14">
      <c r="N115704" s="10"/>
    </row>
    <row r="115705" spans="14:14">
      <c r="N115705" s="10"/>
    </row>
    <row r="115706" spans="14:14">
      <c r="N115706" s="10"/>
    </row>
    <row r="115707" spans="14:14">
      <c r="N115707" s="10"/>
    </row>
    <row r="115708" spans="14:14">
      <c r="N115708" s="10"/>
    </row>
    <row r="115709" spans="14:14">
      <c r="N115709" s="10"/>
    </row>
    <row r="115710" spans="14:14">
      <c r="N115710" s="10"/>
    </row>
    <row r="115711" spans="14:14">
      <c r="N115711" s="10"/>
    </row>
    <row r="115712" spans="14:14">
      <c r="N115712" s="10"/>
    </row>
    <row r="115713" spans="14:14">
      <c r="N115713" s="10"/>
    </row>
    <row r="115714" spans="14:14">
      <c r="N115714" s="10"/>
    </row>
    <row r="115715" spans="14:14">
      <c r="N115715" s="10"/>
    </row>
    <row r="115716" spans="14:14">
      <c r="N115716" s="10"/>
    </row>
    <row r="115717" spans="14:14">
      <c r="N115717" s="10"/>
    </row>
    <row r="115718" spans="14:14">
      <c r="N115718" s="10"/>
    </row>
    <row r="115719" spans="14:14">
      <c r="N115719" s="10"/>
    </row>
    <row r="115720" spans="14:14">
      <c r="N115720" s="10"/>
    </row>
    <row r="115721" spans="14:14">
      <c r="N115721" s="10"/>
    </row>
    <row r="115722" spans="14:14">
      <c r="N115722" s="10"/>
    </row>
    <row r="115723" spans="14:14">
      <c r="N115723" s="10"/>
    </row>
    <row r="115724" spans="14:14">
      <c r="N115724" s="10"/>
    </row>
    <row r="115725" spans="14:14">
      <c r="N115725" s="10"/>
    </row>
    <row r="115726" spans="14:14">
      <c r="N115726" s="10"/>
    </row>
    <row r="115727" spans="14:14">
      <c r="N115727" s="10"/>
    </row>
    <row r="115728" spans="14:14">
      <c r="N115728" s="10"/>
    </row>
    <row r="115729" spans="14:14">
      <c r="N115729" s="10"/>
    </row>
    <row r="115730" spans="14:14">
      <c r="N115730" s="10"/>
    </row>
    <row r="115731" spans="14:14">
      <c r="N115731" s="10"/>
    </row>
    <row r="115732" spans="14:14">
      <c r="N115732" s="10"/>
    </row>
    <row r="115733" spans="14:14">
      <c r="N115733" s="10"/>
    </row>
    <row r="115734" spans="14:14">
      <c r="N115734" s="10"/>
    </row>
    <row r="115735" spans="14:14">
      <c r="N115735" s="10"/>
    </row>
    <row r="115736" spans="14:14">
      <c r="N115736" s="10"/>
    </row>
    <row r="115737" spans="14:14">
      <c r="N115737" s="10"/>
    </row>
    <row r="115738" spans="14:14">
      <c r="N115738" s="10"/>
    </row>
    <row r="115739" spans="14:14">
      <c r="N115739" s="10"/>
    </row>
    <row r="115740" spans="14:14">
      <c r="N115740" s="10"/>
    </row>
    <row r="115741" spans="14:14">
      <c r="N115741" s="10"/>
    </row>
    <row r="115742" spans="14:14">
      <c r="N115742" s="10"/>
    </row>
    <row r="115743" spans="14:14">
      <c r="N115743" s="10"/>
    </row>
    <row r="115744" spans="14:14">
      <c r="N115744" s="10"/>
    </row>
    <row r="115745" spans="14:14">
      <c r="N115745" s="10"/>
    </row>
    <row r="115746" spans="14:14">
      <c r="N115746" s="10"/>
    </row>
    <row r="115747" spans="14:14">
      <c r="N115747" s="10"/>
    </row>
    <row r="115748" spans="14:14">
      <c r="N115748" s="10"/>
    </row>
    <row r="115749" spans="14:14">
      <c r="N115749" s="10"/>
    </row>
    <row r="115750" spans="14:14">
      <c r="N115750" s="10"/>
    </row>
    <row r="115751" spans="14:14">
      <c r="N115751" s="10"/>
    </row>
    <row r="115752" spans="14:14">
      <c r="N115752" s="10"/>
    </row>
    <row r="115753" spans="14:14">
      <c r="N115753" s="10"/>
    </row>
    <row r="115754" spans="14:14">
      <c r="N115754" s="10"/>
    </row>
    <row r="115755" spans="14:14">
      <c r="N115755" s="10"/>
    </row>
    <row r="115756" spans="14:14">
      <c r="N115756" s="10"/>
    </row>
    <row r="115757" spans="14:14">
      <c r="N115757" s="10"/>
    </row>
    <row r="115758" spans="14:14">
      <c r="N115758" s="10"/>
    </row>
    <row r="115759" spans="14:14">
      <c r="N115759" s="10"/>
    </row>
    <row r="115760" spans="14:14">
      <c r="N115760" s="10"/>
    </row>
    <row r="115761" spans="14:14">
      <c r="N115761" s="10"/>
    </row>
    <row r="115762" spans="14:14">
      <c r="N115762" s="10"/>
    </row>
    <row r="115763" spans="14:14">
      <c r="N115763" s="10"/>
    </row>
    <row r="115764" spans="14:14">
      <c r="N115764" s="10"/>
    </row>
    <row r="115765" spans="14:14">
      <c r="N115765" s="10"/>
    </row>
    <row r="115766" spans="14:14">
      <c r="N115766" s="10"/>
    </row>
    <row r="115767" spans="14:14">
      <c r="N115767" s="10"/>
    </row>
    <row r="115768" spans="14:14">
      <c r="N115768" s="10"/>
    </row>
    <row r="115769" spans="14:14">
      <c r="N115769" s="10"/>
    </row>
    <row r="115770" spans="14:14">
      <c r="N115770" s="10"/>
    </row>
    <row r="115771" spans="14:14">
      <c r="N115771" s="10"/>
    </row>
    <row r="115772" spans="14:14">
      <c r="N115772" s="10"/>
    </row>
    <row r="115773" spans="14:14">
      <c r="N115773" s="10"/>
    </row>
    <row r="115774" spans="14:14">
      <c r="N115774" s="10"/>
    </row>
    <row r="115775" spans="14:14">
      <c r="N115775" s="10"/>
    </row>
    <row r="115776" spans="14:14">
      <c r="N115776" s="10"/>
    </row>
    <row r="115777" spans="14:14">
      <c r="N115777" s="10"/>
    </row>
    <row r="115778" spans="14:14">
      <c r="N115778" s="10"/>
    </row>
    <row r="115779" spans="14:14">
      <c r="N115779" s="10"/>
    </row>
    <row r="115780" spans="14:14">
      <c r="N115780" s="10"/>
    </row>
    <row r="115781" spans="14:14">
      <c r="N115781" s="10"/>
    </row>
    <row r="115782" spans="14:14">
      <c r="N115782" s="10"/>
    </row>
    <row r="115783" spans="14:14">
      <c r="N115783" s="10"/>
    </row>
    <row r="115784" spans="14:14">
      <c r="N115784" s="10"/>
    </row>
    <row r="115785" spans="14:14">
      <c r="N115785" s="10"/>
    </row>
    <row r="115786" spans="14:14">
      <c r="N115786" s="10"/>
    </row>
    <row r="115787" spans="14:14">
      <c r="N115787" s="10"/>
    </row>
    <row r="115788" spans="14:14">
      <c r="N115788" s="10"/>
    </row>
    <row r="115789" spans="14:14">
      <c r="N115789" s="10"/>
    </row>
    <row r="115790" spans="14:14">
      <c r="N115790" s="10"/>
    </row>
    <row r="115791" spans="14:14">
      <c r="N115791" s="10"/>
    </row>
    <row r="115792" spans="14:14">
      <c r="N115792" s="10"/>
    </row>
    <row r="115793" spans="14:14">
      <c r="N115793" s="10"/>
    </row>
    <row r="115794" spans="14:14">
      <c r="N115794" s="10"/>
    </row>
    <row r="115795" spans="14:14">
      <c r="N115795" s="10"/>
    </row>
    <row r="115796" spans="14:14">
      <c r="N115796" s="10"/>
    </row>
    <row r="115797" spans="14:14">
      <c r="N115797" s="10"/>
    </row>
    <row r="115798" spans="14:14">
      <c r="N115798" s="10"/>
    </row>
    <row r="115799" spans="14:14">
      <c r="N115799" s="10"/>
    </row>
    <row r="115800" spans="14:14">
      <c r="N115800" s="10"/>
    </row>
    <row r="115801" spans="14:14">
      <c r="N115801" s="10"/>
    </row>
    <row r="115802" spans="14:14">
      <c r="N115802" s="10"/>
    </row>
    <row r="115803" spans="14:14">
      <c r="N115803" s="10"/>
    </row>
    <row r="115804" spans="14:14">
      <c r="N115804" s="10"/>
    </row>
    <row r="115805" spans="14:14">
      <c r="N115805" s="10"/>
    </row>
    <row r="115806" spans="14:14">
      <c r="N115806" s="10"/>
    </row>
    <row r="115807" spans="14:14">
      <c r="N115807" s="10"/>
    </row>
    <row r="115808" spans="14:14">
      <c r="N115808" s="10"/>
    </row>
    <row r="115809" spans="14:14">
      <c r="N115809" s="10"/>
    </row>
    <row r="115810" spans="14:14">
      <c r="N115810" s="10"/>
    </row>
    <row r="115811" spans="14:14">
      <c r="N115811" s="10"/>
    </row>
    <row r="115812" spans="14:14">
      <c r="N115812" s="10"/>
    </row>
    <row r="115813" spans="14:14">
      <c r="N115813" s="10"/>
    </row>
    <row r="115814" spans="14:14">
      <c r="N115814" s="10"/>
    </row>
    <row r="115815" spans="14:14">
      <c r="N115815" s="10"/>
    </row>
    <row r="115816" spans="14:14">
      <c r="N115816" s="10"/>
    </row>
    <row r="115817" spans="14:14">
      <c r="N115817" s="10"/>
    </row>
    <row r="115818" spans="14:14">
      <c r="N115818" s="10"/>
    </row>
    <row r="115819" spans="14:14">
      <c r="N115819" s="10"/>
    </row>
    <row r="115820" spans="14:14">
      <c r="N115820" s="10"/>
    </row>
    <row r="115821" spans="14:14">
      <c r="N115821" s="10"/>
    </row>
    <row r="115822" spans="14:14">
      <c r="N115822" s="10"/>
    </row>
    <row r="115823" spans="14:14">
      <c r="N115823" s="10"/>
    </row>
    <row r="115824" spans="14:14">
      <c r="N115824" s="10"/>
    </row>
    <row r="115825" spans="14:14">
      <c r="N115825" s="10"/>
    </row>
    <row r="115826" spans="14:14">
      <c r="N115826" s="10"/>
    </row>
    <row r="115827" spans="14:14">
      <c r="N115827" s="10"/>
    </row>
    <row r="115828" spans="14:14">
      <c r="N115828" s="10"/>
    </row>
    <row r="115829" spans="14:14">
      <c r="N115829" s="10"/>
    </row>
    <row r="115830" spans="14:14">
      <c r="N115830" s="10"/>
    </row>
    <row r="115831" spans="14:14">
      <c r="N115831" s="10"/>
    </row>
    <row r="115832" spans="14:14">
      <c r="N115832" s="10"/>
    </row>
    <row r="115833" spans="14:14">
      <c r="N115833" s="10"/>
    </row>
    <row r="115834" spans="14:14">
      <c r="N115834" s="10"/>
    </row>
    <row r="115835" spans="14:14">
      <c r="N115835" s="10"/>
    </row>
    <row r="115836" spans="14:14">
      <c r="N115836" s="10"/>
    </row>
    <row r="115837" spans="14:14">
      <c r="N115837" s="10"/>
    </row>
    <row r="115838" spans="14:14">
      <c r="N115838" s="10"/>
    </row>
    <row r="115839" spans="14:14">
      <c r="N115839" s="10"/>
    </row>
    <row r="115840" spans="14:14">
      <c r="N115840" s="10"/>
    </row>
    <row r="115841" spans="14:14">
      <c r="N115841" s="10"/>
    </row>
    <row r="115842" spans="14:14">
      <c r="N115842" s="10"/>
    </row>
    <row r="115843" spans="14:14">
      <c r="N115843" s="10"/>
    </row>
    <row r="115844" spans="14:14">
      <c r="N115844" s="10"/>
    </row>
    <row r="115845" spans="14:14">
      <c r="N115845" s="10"/>
    </row>
    <row r="115846" spans="14:14">
      <c r="N115846" s="10"/>
    </row>
    <row r="115847" spans="14:14">
      <c r="N115847" s="10"/>
    </row>
    <row r="115848" spans="14:14">
      <c r="N115848" s="10"/>
    </row>
    <row r="115849" spans="14:14">
      <c r="N115849" s="10"/>
    </row>
    <row r="115850" spans="14:14">
      <c r="N115850" s="10"/>
    </row>
    <row r="115851" spans="14:14">
      <c r="N115851" s="10"/>
    </row>
    <row r="115852" spans="14:14">
      <c r="N115852" s="10"/>
    </row>
    <row r="115853" spans="14:14">
      <c r="N115853" s="10"/>
    </row>
    <row r="115854" spans="14:14">
      <c r="N115854" s="10"/>
    </row>
    <row r="115855" spans="14:14">
      <c r="N115855" s="10"/>
    </row>
    <row r="115856" spans="14:14">
      <c r="N115856" s="10"/>
    </row>
    <row r="115857" spans="14:14">
      <c r="N115857" s="10"/>
    </row>
    <row r="115858" spans="14:14">
      <c r="N115858" s="10"/>
    </row>
    <row r="115859" spans="14:14">
      <c r="N115859" s="10"/>
    </row>
    <row r="115860" spans="14:14">
      <c r="N115860" s="10"/>
    </row>
    <row r="115861" spans="14:14">
      <c r="N115861" s="10"/>
    </row>
    <row r="115862" spans="14:14">
      <c r="N115862" s="10"/>
    </row>
    <row r="115863" spans="14:14">
      <c r="N115863" s="10"/>
    </row>
    <row r="115864" spans="14:14">
      <c r="N115864" s="10"/>
    </row>
    <row r="115865" spans="14:14">
      <c r="N115865" s="10"/>
    </row>
    <row r="115866" spans="14:14">
      <c r="N115866" s="10"/>
    </row>
    <row r="115867" spans="14:14">
      <c r="N115867" s="10"/>
    </row>
    <row r="115868" spans="14:14">
      <c r="N115868" s="10"/>
    </row>
    <row r="115869" spans="14:14">
      <c r="N115869" s="10"/>
    </row>
    <row r="115870" spans="14:14">
      <c r="N115870" s="10"/>
    </row>
    <row r="115871" spans="14:14">
      <c r="N115871" s="10"/>
    </row>
    <row r="115872" spans="14:14">
      <c r="N115872" s="10"/>
    </row>
    <row r="115873" spans="14:14">
      <c r="N115873" s="10"/>
    </row>
    <row r="115874" spans="14:14">
      <c r="N115874" s="10"/>
    </row>
    <row r="115875" spans="14:14">
      <c r="N115875" s="10"/>
    </row>
    <row r="115876" spans="14:14">
      <c r="N115876" s="10"/>
    </row>
    <row r="115877" spans="14:14">
      <c r="N115877" s="10"/>
    </row>
    <row r="115878" spans="14:14">
      <c r="N115878" s="10"/>
    </row>
    <row r="115879" spans="14:14">
      <c r="N115879" s="10"/>
    </row>
    <row r="115880" spans="14:14">
      <c r="N115880" s="10"/>
    </row>
    <row r="115881" spans="14:14">
      <c r="N115881" s="10"/>
    </row>
    <row r="115882" spans="14:14">
      <c r="N115882" s="10"/>
    </row>
    <row r="115883" spans="14:14">
      <c r="N115883" s="10"/>
    </row>
    <row r="115884" spans="14:14">
      <c r="N115884" s="10"/>
    </row>
    <row r="115885" spans="14:14">
      <c r="N115885" s="10"/>
    </row>
    <row r="115886" spans="14:14">
      <c r="N115886" s="10"/>
    </row>
    <row r="115887" spans="14:14">
      <c r="N115887" s="10"/>
    </row>
    <row r="115888" spans="14:14">
      <c r="N115888" s="10"/>
    </row>
    <row r="115889" spans="14:14">
      <c r="N115889" s="10"/>
    </row>
    <row r="115890" spans="14:14">
      <c r="N115890" s="10"/>
    </row>
    <row r="115891" spans="14:14">
      <c r="N115891" s="10"/>
    </row>
    <row r="115892" spans="14:14">
      <c r="N115892" s="10"/>
    </row>
    <row r="115893" spans="14:14">
      <c r="N115893" s="10"/>
    </row>
    <row r="115894" spans="14:14">
      <c r="N115894" s="10"/>
    </row>
    <row r="115895" spans="14:14">
      <c r="N115895" s="10"/>
    </row>
    <row r="115896" spans="14:14">
      <c r="N115896" s="10"/>
    </row>
    <row r="115897" spans="14:14">
      <c r="N115897" s="10"/>
    </row>
    <row r="115898" spans="14:14">
      <c r="N115898" s="10"/>
    </row>
    <row r="115899" spans="14:14">
      <c r="N115899" s="10"/>
    </row>
    <row r="115900" spans="14:14">
      <c r="N115900" s="10"/>
    </row>
    <row r="115901" spans="14:14">
      <c r="N115901" s="10"/>
    </row>
    <row r="115902" spans="14:14">
      <c r="N115902" s="10"/>
    </row>
    <row r="115903" spans="14:14">
      <c r="N115903" s="10"/>
    </row>
    <row r="115904" spans="14:14">
      <c r="N115904" s="10"/>
    </row>
    <row r="115905" spans="14:14">
      <c r="N115905" s="10"/>
    </row>
    <row r="115906" spans="14:14">
      <c r="N115906" s="10"/>
    </row>
    <row r="115907" spans="14:14">
      <c r="N115907" s="10"/>
    </row>
    <row r="115908" spans="14:14">
      <c r="N115908" s="10"/>
    </row>
    <row r="115909" spans="14:14">
      <c r="N115909" s="10"/>
    </row>
    <row r="115910" spans="14:14">
      <c r="N115910" s="10"/>
    </row>
    <row r="115911" spans="14:14">
      <c r="N115911" s="10"/>
    </row>
    <row r="115912" spans="14:14">
      <c r="N115912" s="10"/>
    </row>
    <row r="115913" spans="14:14">
      <c r="N115913" s="10"/>
    </row>
    <row r="115914" spans="14:14">
      <c r="N115914" s="10"/>
    </row>
    <row r="115915" spans="14:14">
      <c r="N115915" s="10"/>
    </row>
    <row r="115916" spans="14:14">
      <c r="N115916" s="10"/>
    </row>
    <row r="115917" spans="14:14">
      <c r="N115917" s="10"/>
    </row>
    <row r="115918" spans="14:14">
      <c r="N115918" s="10"/>
    </row>
    <row r="115919" spans="14:14">
      <c r="N115919" s="10"/>
    </row>
    <row r="115920" spans="14:14">
      <c r="N115920" s="10"/>
    </row>
    <row r="115921" spans="14:14">
      <c r="N115921" s="10"/>
    </row>
    <row r="115922" spans="14:14">
      <c r="N115922" s="10"/>
    </row>
    <row r="115923" spans="14:14">
      <c r="N115923" s="10"/>
    </row>
    <row r="115924" spans="14:14">
      <c r="N115924" s="10"/>
    </row>
    <row r="115925" spans="14:14">
      <c r="N115925" s="10"/>
    </row>
    <row r="115926" spans="14:14">
      <c r="N115926" s="10"/>
    </row>
    <row r="115927" spans="14:14">
      <c r="N115927" s="10"/>
    </row>
    <row r="115928" spans="14:14">
      <c r="N115928" s="10"/>
    </row>
    <row r="115929" spans="14:14">
      <c r="N115929" s="10"/>
    </row>
    <row r="115930" spans="14:14">
      <c r="N115930" s="10"/>
    </row>
    <row r="115931" spans="14:14">
      <c r="N115931" s="10"/>
    </row>
    <row r="115932" spans="14:14">
      <c r="N115932" s="10"/>
    </row>
    <row r="115933" spans="14:14">
      <c r="N115933" s="10"/>
    </row>
    <row r="115934" spans="14:14">
      <c r="N115934" s="10"/>
    </row>
    <row r="115935" spans="14:14">
      <c r="N115935" s="10"/>
    </row>
    <row r="115936" spans="14:14">
      <c r="N115936" s="10"/>
    </row>
    <row r="115937" spans="14:14">
      <c r="N115937" s="10"/>
    </row>
    <row r="115938" spans="14:14">
      <c r="N115938" s="10"/>
    </row>
    <row r="115939" spans="14:14">
      <c r="N115939" s="10"/>
    </row>
    <row r="115940" spans="14:14">
      <c r="N115940" s="10"/>
    </row>
    <row r="115941" spans="14:14">
      <c r="N115941" s="10"/>
    </row>
    <row r="115942" spans="14:14">
      <c r="N115942" s="10"/>
    </row>
    <row r="115943" spans="14:14">
      <c r="N115943" s="10"/>
    </row>
    <row r="115944" spans="14:14">
      <c r="N115944" s="10"/>
    </row>
    <row r="115945" spans="14:14">
      <c r="N115945" s="10"/>
    </row>
    <row r="115946" spans="14:14">
      <c r="N115946" s="10"/>
    </row>
    <row r="115947" spans="14:14">
      <c r="N115947" s="10"/>
    </row>
    <row r="115948" spans="14:14">
      <c r="N115948" s="10"/>
    </row>
    <row r="115949" spans="14:14">
      <c r="N115949" s="10"/>
    </row>
    <row r="115950" spans="14:14">
      <c r="N115950" s="10"/>
    </row>
    <row r="115951" spans="14:14">
      <c r="N115951" s="10"/>
    </row>
    <row r="115952" spans="14:14">
      <c r="N115952" s="10"/>
    </row>
    <row r="115953" spans="14:14">
      <c r="N115953" s="10"/>
    </row>
    <row r="115954" spans="14:14">
      <c r="N115954" s="10"/>
    </row>
    <row r="115955" spans="14:14">
      <c r="N115955" s="10"/>
    </row>
    <row r="115956" spans="14:14">
      <c r="N115956" s="10"/>
    </row>
    <row r="115957" spans="14:14">
      <c r="N115957" s="10"/>
    </row>
    <row r="115958" spans="14:14">
      <c r="N115958" s="10"/>
    </row>
    <row r="115959" spans="14:14">
      <c r="N115959" s="10"/>
    </row>
    <row r="115960" spans="14:14">
      <c r="N115960" s="10"/>
    </row>
    <row r="115961" spans="14:14">
      <c r="N115961" s="10"/>
    </row>
    <row r="115962" spans="14:14">
      <c r="N115962" s="10"/>
    </row>
    <row r="115963" spans="14:14">
      <c r="N115963" s="10"/>
    </row>
    <row r="115964" spans="14:14">
      <c r="N115964" s="10"/>
    </row>
    <row r="115965" spans="14:14">
      <c r="N115965" s="10"/>
    </row>
    <row r="115966" spans="14:14">
      <c r="N115966" s="10"/>
    </row>
    <row r="115967" spans="14:14">
      <c r="N115967" s="10"/>
    </row>
    <row r="115968" spans="14:14">
      <c r="N115968" s="10"/>
    </row>
    <row r="115969" spans="14:14">
      <c r="N115969" s="10"/>
    </row>
    <row r="115970" spans="14:14">
      <c r="N115970" s="10"/>
    </row>
    <row r="115971" spans="14:14">
      <c r="N115971" s="10"/>
    </row>
    <row r="115972" spans="14:14">
      <c r="N115972" s="10"/>
    </row>
    <row r="115973" spans="14:14">
      <c r="N115973" s="10"/>
    </row>
    <row r="115974" spans="14:14">
      <c r="N115974" s="10"/>
    </row>
    <row r="115975" spans="14:14">
      <c r="N115975" s="10"/>
    </row>
    <row r="115976" spans="14:14">
      <c r="N115976" s="10"/>
    </row>
    <row r="115977" spans="14:14">
      <c r="N115977" s="10"/>
    </row>
    <row r="115978" spans="14:14">
      <c r="N115978" s="10"/>
    </row>
    <row r="115979" spans="14:14">
      <c r="N115979" s="10"/>
    </row>
    <row r="115980" spans="14:14">
      <c r="N115980" s="10"/>
    </row>
    <row r="115981" spans="14:14">
      <c r="N115981" s="10"/>
    </row>
    <row r="115982" spans="14:14">
      <c r="N115982" s="10"/>
    </row>
    <row r="115983" spans="14:14">
      <c r="N115983" s="10"/>
    </row>
    <row r="115984" spans="14:14">
      <c r="N115984" s="10"/>
    </row>
    <row r="115985" spans="14:14">
      <c r="N115985" s="10"/>
    </row>
    <row r="115986" spans="14:14">
      <c r="N115986" s="10"/>
    </row>
    <row r="115987" spans="14:14">
      <c r="N115987" s="10"/>
    </row>
    <row r="115988" spans="14:14">
      <c r="N115988" s="10"/>
    </row>
    <row r="115989" spans="14:14">
      <c r="N115989" s="10"/>
    </row>
    <row r="115990" spans="14:14">
      <c r="N115990" s="10"/>
    </row>
    <row r="115991" spans="14:14">
      <c r="N115991" s="10"/>
    </row>
    <row r="115992" spans="14:14">
      <c r="N115992" s="10"/>
    </row>
    <row r="115993" spans="14:14">
      <c r="N115993" s="10"/>
    </row>
    <row r="115994" spans="14:14">
      <c r="N115994" s="10"/>
    </row>
    <row r="115995" spans="14:14">
      <c r="N115995" s="10"/>
    </row>
    <row r="115996" spans="14:14">
      <c r="N115996" s="10"/>
    </row>
    <row r="115997" spans="14:14">
      <c r="N115997" s="10"/>
    </row>
    <row r="115998" spans="14:14">
      <c r="N115998" s="10"/>
    </row>
    <row r="115999" spans="14:14">
      <c r="N115999" s="10"/>
    </row>
    <row r="116000" spans="14:14">
      <c r="N116000" s="10"/>
    </row>
    <row r="116001" spans="14:14">
      <c r="N116001" s="10"/>
    </row>
    <row r="116002" spans="14:14">
      <c r="N116002" s="10"/>
    </row>
    <row r="116003" spans="14:14">
      <c r="N116003" s="10"/>
    </row>
    <row r="116004" spans="14:14">
      <c r="N116004" s="10"/>
    </row>
    <row r="116005" spans="14:14">
      <c r="N116005" s="10"/>
    </row>
    <row r="116006" spans="14:14">
      <c r="N116006" s="10"/>
    </row>
    <row r="116007" spans="14:14">
      <c r="N116007" s="10"/>
    </row>
    <row r="116008" spans="14:14">
      <c r="N116008" s="10"/>
    </row>
    <row r="116009" spans="14:14">
      <c r="N116009" s="10"/>
    </row>
    <row r="116010" spans="14:14">
      <c r="N116010" s="10"/>
    </row>
    <row r="116011" spans="14:14">
      <c r="N116011" s="10"/>
    </row>
    <row r="116012" spans="14:14">
      <c r="N116012" s="10"/>
    </row>
    <row r="116013" spans="14:14">
      <c r="N116013" s="10"/>
    </row>
    <row r="116014" spans="14:14">
      <c r="N116014" s="10"/>
    </row>
    <row r="116015" spans="14:14">
      <c r="N116015" s="10"/>
    </row>
    <row r="116016" spans="14:14">
      <c r="N116016" s="10"/>
    </row>
    <row r="116017" spans="14:14">
      <c r="N116017" s="10"/>
    </row>
    <row r="116018" spans="14:14">
      <c r="N116018" s="10"/>
    </row>
    <row r="116019" spans="14:14">
      <c r="N116019" s="10"/>
    </row>
    <row r="116020" spans="14:14">
      <c r="N116020" s="10"/>
    </row>
    <row r="116021" spans="14:14">
      <c r="N116021" s="10"/>
    </row>
    <row r="116022" spans="14:14">
      <c r="N116022" s="10"/>
    </row>
    <row r="116023" spans="14:14">
      <c r="N116023" s="10"/>
    </row>
    <row r="116024" spans="14:14">
      <c r="N116024" s="10"/>
    </row>
    <row r="116025" spans="14:14">
      <c r="N116025" s="10"/>
    </row>
    <row r="116026" spans="14:14">
      <c r="N116026" s="10"/>
    </row>
    <row r="116027" spans="14:14">
      <c r="N116027" s="10"/>
    </row>
    <row r="116028" spans="14:14">
      <c r="N116028" s="10"/>
    </row>
    <row r="116029" spans="14:14">
      <c r="N116029" s="10"/>
    </row>
    <row r="116030" spans="14:14">
      <c r="N116030" s="10"/>
    </row>
    <row r="116031" spans="14:14">
      <c r="N116031" s="10"/>
    </row>
    <row r="116032" spans="14:14">
      <c r="N116032" s="10"/>
    </row>
    <row r="116033" spans="14:14">
      <c r="N116033" s="10"/>
    </row>
    <row r="116034" spans="14:14">
      <c r="N116034" s="10"/>
    </row>
    <row r="116035" spans="14:14">
      <c r="N116035" s="10"/>
    </row>
    <row r="116036" spans="14:14">
      <c r="N116036" s="10"/>
    </row>
    <row r="116037" spans="14:14">
      <c r="N116037" s="10"/>
    </row>
    <row r="116038" spans="14:14">
      <c r="N116038" s="10"/>
    </row>
    <row r="116039" spans="14:14">
      <c r="N116039" s="10"/>
    </row>
    <row r="116040" spans="14:14">
      <c r="N116040" s="10"/>
    </row>
    <row r="116041" spans="14:14">
      <c r="N116041" s="10"/>
    </row>
    <row r="116042" spans="14:14">
      <c r="N116042" s="10"/>
    </row>
    <row r="116043" spans="14:14">
      <c r="N116043" s="10"/>
    </row>
    <row r="116044" spans="14:14">
      <c r="N116044" s="10"/>
    </row>
    <row r="116045" spans="14:14">
      <c r="N116045" s="10"/>
    </row>
    <row r="116046" spans="14:14">
      <c r="N116046" s="10"/>
    </row>
    <row r="116047" spans="14:14">
      <c r="N116047" s="10"/>
    </row>
    <row r="116048" spans="14:14">
      <c r="N116048" s="10"/>
    </row>
    <row r="116049" spans="14:14">
      <c r="N116049" s="10"/>
    </row>
    <row r="116050" spans="14:14">
      <c r="N116050" s="10"/>
    </row>
    <row r="116051" spans="14:14">
      <c r="N116051" s="10"/>
    </row>
    <row r="116052" spans="14:14">
      <c r="N116052" s="10"/>
    </row>
    <row r="116053" spans="14:14">
      <c r="N116053" s="10"/>
    </row>
    <row r="116054" spans="14:14">
      <c r="N116054" s="10"/>
    </row>
    <row r="116055" spans="14:14">
      <c r="N116055" s="10"/>
    </row>
    <row r="116056" spans="14:14">
      <c r="N116056" s="10"/>
    </row>
    <row r="116057" spans="14:14">
      <c r="N116057" s="10"/>
    </row>
    <row r="116058" spans="14:14">
      <c r="N116058" s="10"/>
    </row>
    <row r="116059" spans="14:14">
      <c r="N116059" s="10"/>
    </row>
    <row r="116060" spans="14:14">
      <c r="N116060" s="10"/>
    </row>
    <row r="116061" spans="14:14">
      <c r="N116061" s="10"/>
    </row>
    <row r="116062" spans="14:14">
      <c r="N116062" s="10"/>
    </row>
    <row r="116063" spans="14:14">
      <c r="N116063" s="10"/>
    </row>
    <row r="116064" spans="14:14">
      <c r="N116064" s="10"/>
    </row>
    <row r="116065" spans="14:14">
      <c r="N116065" s="10"/>
    </row>
    <row r="116066" spans="14:14">
      <c r="N116066" s="10"/>
    </row>
    <row r="116067" spans="14:14">
      <c r="N116067" s="10"/>
    </row>
    <row r="116068" spans="14:14">
      <c r="N116068" s="10"/>
    </row>
    <row r="116069" spans="14:14">
      <c r="N116069" s="10"/>
    </row>
    <row r="116070" spans="14:14">
      <c r="N116070" s="10"/>
    </row>
    <row r="116071" spans="14:14">
      <c r="N116071" s="10"/>
    </row>
    <row r="116072" spans="14:14">
      <c r="N116072" s="10"/>
    </row>
    <row r="116073" spans="14:14">
      <c r="N116073" s="10"/>
    </row>
    <row r="116074" spans="14:14">
      <c r="N116074" s="10"/>
    </row>
    <row r="116075" spans="14:14">
      <c r="N116075" s="10"/>
    </row>
    <row r="116076" spans="14:14">
      <c r="N116076" s="10"/>
    </row>
    <row r="116077" spans="14:14">
      <c r="N116077" s="10"/>
    </row>
    <row r="116078" spans="14:14">
      <c r="N116078" s="10"/>
    </row>
    <row r="116079" spans="14:14">
      <c r="N116079" s="10"/>
    </row>
    <row r="116080" spans="14:14">
      <c r="N116080" s="10"/>
    </row>
    <row r="116081" spans="14:14">
      <c r="N116081" s="10"/>
    </row>
    <row r="116082" spans="14:14">
      <c r="N116082" s="10"/>
    </row>
    <row r="116083" spans="14:14">
      <c r="N116083" s="10"/>
    </row>
    <row r="116084" spans="14:14">
      <c r="N116084" s="10"/>
    </row>
    <row r="116085" spans="14:14">
      <c r="N116085" s="10"/>
    </row>
    <row r="116086" spans="14:14">
      <c r="N116086" s="10"/>
    </row>
    <row r="116087" spans="14:14">
      <c r="N116087" s="10"/>
    </row>
    <row r="116088" spans="14:14">
      <c r="N116088" s="10"/>
    </row>
    <row r="116089" spans="14:14">
      <c r="N116089" s="10"/>
    </row>
    <row r="116090" spans="14:14">
      <c r="N116090" s="10"/>
    </row>
    <row r="116091" spans="14:14">
      <c r="N116091" s="10"/>
    </row>
    <row r="116092" spans="14:14">
      <c r="N116092" s="10"/>
    </row>
    <row r="116093" spans="14:14">
      <c r="N116093" s="10"/>
    </row>
    <row r="116094" spans="14:14">
      <c r="N116094" s="10"/>
    </row>
    <row r="116095" spans="14:14">
      <c r="N116095" s="10"/>
    </row>
    <row r="116096" spans="14:14">
      <c r="N116096" s="10"/>
    </row>
    <row r="116097" spans="14:14">
      <c r="N116097" s="10"/>
    </row>
    <row r="116098" spans="14:14">
      <c r="N116098" s="10"/>
    </row>
    <row r="116099" spans="14:14">
      <c r="N116099" s="10"/>
    </row>
    <row r="116100" spans="14:14">
      <c r="N116100" s="10"/>
    </row>
    <row r="116101" spans="14:14">
      <c r="N116101" s="10"/>
    </row>
    <row r="116102" spans="14:14">
      <c r="N116102" s="10"/>
    </row>
    <row r="116103" spans="14:14">
      <c r="N116103" s="10"/>
    </row>
    <row r="116104" spans="14:14">
      <c r="N116104" s="10"/>
    </row>
    <row r="116105" spans="14:14">
      <c r="N116105" s="10"/>
    </row>
    <row r="116106" spans="14:14">
      <c r="N116106" s="10"/>
    </row>
    <row r="116107" spans="14:14">
      <c r="N116107" s="10"/>
    </row>
    <row r="116108" spans="14:14">
      <c r="N116108" s="10"/>
    </row>
    <row r="116109" spans="14:14">
      <c r="N116109" s="10"/>
    </row>
    <row r="116110" spans="14:14">
      <c r="N116110" s="10"/>
    </row>
    <row r="116111" spans="14:14">
      <c r="N116111" s="10"/>
    </row>
    <row r="116112" spans="14:14">
      <c r="N116112" s="10"/>
    </row>
    <row r="116113" spans="14:14">
      <c r="N116113" s="10"/>
    </row>
    <row r="116114" spans="14:14">
      <c r="N116114" s="10"/>
    </row>
    <row r="116115" spans="14:14">
      <c r="N116115" s="10"/>
    </row>
    <row r="116116" spans="14:14">
      <c r="N116116" s="10"/>
    </row>
    <row r="116117" spans="14:14">
      <c r="N116117" s="10"/>
    </row>
    <row r="116118" spans="14:14">
      <c r="N116118" s="10"/>
    </row>
    <row r="116119" spans="14:14">
      <c r="N116119" s="10"/>
    </row>
    <row r="116120" spans="14:14">
      <c r="N116120" s="10"/>
    </row>
    <row r="116121" spans="14:14">
      <c r="N116121" s="10"/>
    </row>
    <row r="116122" spans="14:14">
      <c r="N116122" s="10"/>
    </row>
    <row r="116123" spans="14:14">
      <c r="N116123" s="10"/>
    </row>
    <row r="116124" spans="14:14">
      <c r="N116124" s="10"/>
    </row>
    <row r="116125" spans="14:14">
      <c r="N116125" s="10"/>
    </row>
    <row r="116126" spans="14:14">
      <c r="N116126" s="10"/>
    </row>
    <row r="116127" spans="14:14">
      <c r="N116127" s="10"/>
    </row>
    <row r="116128" spans="14:14">
      <c r="N116128" s="10"/>
    </row>
    <row r="116129" spans="14:14">
      <c r="N116129" s="10"/>
    </row>
    <row r="116130" spans="14:14">
      <c r="N116130" s="10"/>
    </row>
    <row r="116131" spans="14:14">
      <c r="N116131" s="10"/>
    </row>
    <row r="116132" spans="14:14">
      <c r="N116132" s="10"/>
    </row>
    <row r="116133" spans="14:14">
      <c r="N116133" s="10"/>
    </row>
    <row r="116134" spans="14:14">
      <c r="N116134" s="10"/>
    </row>
    <row r="116135" spans="14:14">
      <c r="N116135" s="10"/>
    </row>
    <row r="116136" spans="14:14">
      <c r="N116136" s="10"/>
    </row>
    <row r="116137" spans="14:14">
      <c r="N116137" s="10"/>
    </row>
    <row r="116138" spans="14:14">
      <c r="N116138" s="10"/>
    </row>
    <row r="116139" spans="14:14">
      <c r="N116139" s="10"/>
    </row>
    <row r="116140" spans="14:14">
      <c r="N116140" s="10"/>
    </row>
    <row r="116141" spans="14:14">
      <c r="N116141" s="10"/>
    </row>
    <row r="116142" spans="14:14">
      <c r="N116142" s="10"/>
    </row>
    <row r="116143" spans="14:14">
      <c r="N116143" s="10"/>
    </row>
    <row r="116144" spans="14:14">
      <c r="N116144" s="10"/>
    </row>
    <row r="116145" spans="14:14">
      <c r="N116145" s="10"/>
    </row>
    <row r="116146" spans="14:14">
      <c r="N116146" s="10"/>
    </row>
    <row r="116147" spans="14:14">
      <c r="N116147" s="10"/>
    </row>
    <row r="116148" spans="14:14">
      <c r="N116148" s="10"/>
    </row>
    <row r="116149" spans="14:14">
      <c r="N116149" s="10"/>
    </row>
    <row r="116150" spans="14:14">
      <c r="N116150" s="10"/>
    </row>
    <row r="116151" spans="14:14">
      <c r="N116151" s="10"/>
    </row>
    <row r="116152" spans="14:14">
      <c r="N116152" s="10"/>
    </row>
    <row r="116153" spans="14:14">
      <c r="N116153" s="10"/>
    </row>
    <row r="116154" spans="14:14">
      <c r="N116154" s="10"/>
    </row>
    <row r="116155" spans="14:14">
      <c r="N116155" s="10"/>
    </row>
    <row r="116156" spans="14:14">
      <c r="N116156" s="10"/>
    </row>
    <row r="116157" spans="14:14">
      <c r="N116157" s="10"/>
    </row>
    <row r="116158" spans="14:14">
      <c r="N116158" s="10"/>
    </row>
    <row r="116159" spans="14:14">
      <c r="N116159" s="10"/>
    </row>
    <row r="116160" spans="14:14">
      <c r="N116160" s="10"/>
    </row>
    <row r="116161" spans="14:14">
      <c r="N116161" s="10"/>
    </row>
    <row r="116162" spans="14:14">
      <c r="N116162" s="10"/>
    </row>
    <row r="116163" spans="14:14">
      <c r="N116163" s="10"/>
    </row>
    <row r="116164" spans="14:14">
      <c r="N116164" s="10"/>
    </row>
    <row r="116165" spans="14:14">
      <c r="N116165" s="10"/>
    </row>
    <row r="116166" spans="14:14">
      <c r="N116166" s="10"/>
    </row>
    <row r="116167" spans="14:14">
      <c r="N116167" s="10"/>
    </row>
    <row r="116168" spans="14:14">
      <c r="N116168" s="10"/>
    </row>
    <row r="116169" spans="14:14">
      <c r="N116169" s="10"/>
    </row>
    <row r="116170" spans="14:14">
      <c r="N116170" s="10"/>
    </row>
    <row r="116171" spans="14:14">
      <c r="N116171" s="10"/>
    </row>
    <row r="116172" spans="14:14">
      <c r="N116172" s="10"/>
    </row>
    <row r="116173" spans="14:14">
      <c r="N116173" s="10"/>
    </row>
    <row r="116174" spans="14:14">
      <c r="N116174" s="10"/>
    </row>
    <row r="116175" spans="14:14">
      <c r="N116175" s="10"/>
    </row>
    <row r="116176" spans="14:14">
      <c r="N116176" s="10"/>
    </row>
    <row r="116177" spans="14:14">
      <c r="N116177" s="10"/>
    </row>
    <row r="116178" spans="14:14">
      <c r="N116178" s="10"/>
    </row>
    <row r="116179" spans="14:14">
      <c r="N116179" s="10"/>
    </row>
    <row r="116180" spans="14:14">
      <c r="N116180" s="10"/>
    </row>
    <row r="116181" spans="14:14">
      <c r="N116181" s="10"/>
    </row>
    <row r="116182" spans="14:14">
      <c r="N116182" s="10"/>
    </row>
    <row r="116183" spans="14:14">
      <c r="N116183" s="10"/>
    </row>
    <row r="116184" spans="14:14">
      <c r="N116184" s="10"/>
    </row>
    <row r="116185" spans="14:14">
      <c r="N116185" s="10"/>
    </row>
    <row r="116186" spans="14:14">
      <c r="N116186" s="10"/>
    </row>
    <row r="116187" spans="14:14">
      <c r="N116187" s="10"/>
    </row>
    <row r="116188" spans="14:14">
      <c r="N116188" s="10"/>
    </row>
    <row r="116189" spans="14:14">
      <c r="N116189" s="10"/>
    </row>
    <row r="116190" spans="14:14">
      <c r="N116190" s="10"/>
    </row>
    <row r="116191" spans="14:14">
      <c r="N116191" s="10"/>
    </row>
    <row r="116192" spans="14:14">
      <c r="N116192" s="10"/>
    </row>
    <row r="116193" spans="14:14">
      <c r="N116193" s="10"/>
    </row>
    <row r="116194" spans="14:14">
      <c r="N116194" s="10"/>
    </row>
    <row r="116195" spans="14:14">
      <c r="N116195" s="10"/>
    </row>
    <row r="116196" spans="14:14">
      <c r="N116196" s="10"/>
    </row>
    <row r="116197" spans="14:14">
      <c r="N116197" s="10"/>
    </row>
    <row r="116198" spans="14:14">
      <c r="N116198" s="10"/>
    </row>
    <row r="116199" spans="14:14">
      <c r="N116199" s="10"/>
    </row>
    <row r="116200" spans="14:14">
      <c r="N116200" s="10"/>
    </row>
    <row r="116201" spans="14:14">
      <c r="N116201" s="10"/>
    </row>
    <row r="116202" spans="14:14">
      <c r="N116202" s="10"/>
    </row>
    <row r="116203" spans="14:14">
      <c r="N116203" s="10"/>
    </row>
    <row r="116204" spans="14:14">
      <c r="N116204" s="10"/>
    </row>
    <row r="116205" spans="14:14">
      <c r="N116205" s="10"/>
    </row>
    <row r="116206" spans="14:14">
      <c r="N116206" s="10"/>
    </row>
    <row r="116207" spans="14:14">
      <c r="N116207" s="10"/>
    </row>
    <row r="116208" spans="14:14">
      <c r="N116208" s="10"/>
    </row>
    <row r="116209" spans="14:14">
      <c r="N116209" s="10"/>
    </row>
    <row r="116210" spans="14:14">
      <c r="N116210" s="10"/>
    </row>
    <row r="116211" spans="14:14">
      <c r="N116211" s="10"/>
    </row>
    <row r="116212" spans="14:14">
      <c r="N116212" s="10"/>
    </row>
    <row r="116213" spans="14:14">
      <c r="N116213" s="10"/>
    </row>
    <row r="116214" spans="14:14">
      <c r="N116214" s="10"/>
    </row>
    <row r="116215" spans="14:14">
      <c r="N116215" s="10"/>
    </row>
    <row r="116216" spans="14:14">
      <c r="N116216" s="10"/>
    </row>
    <row r="116217" spans="14:14">
      <c r="N116217" s="10"/>
    </row>
    <row r="116218" spans="14:14">
      <c r="N116218" s="10"/>
    </row>
    <row r="116219" spans="14:14">
      <c r="N116219" s="10"/>
    </row>
    <row r="116220" spans="14:14">
      <c r="N116220" s="10"/>
    </row>
    <row r="116221" spans="14:14">
      <c r="N116221" s="10"/>
    </row>
    <row r="116222" spans="14:14">
      <c r="N116222" s="10"/>
    </row>
    <row r="116223" spans="14:14">
      <c r="N116223" s="10"/>
    </row>
    <row r="116224" spans="14:14">
      <c r="N116224" s="10"/>
    </row>
    <row r="116225" spans="14:14">
      <c r="N116225" s="10"/>
    </row>
    <row r="116226" spans="14:14">
      <c r="N116226" s="10"/>
    </row>
    <row r="116227" spans="14:14">
      <c r="N116227" s="10"/>
    </row>
    <row r="116228" spans="14:14">
      <c r="N116228" s="10"/>
    </row>
    <row r="116229" spans="14:14">
      <c r="N116229" s="10"/>
    </row>
    <row r="116230" spans="14:14">
      <c r="N116230" s="10"/>
    </row>
    <row r="116231" spans="14:14">
      <c r="N116231" s="10"/>
    </row>
    <row r="116232" spans="14:14">
      <c r="N116232" s="10"/>
    </row>
    <row r="116233" spans="14:14">
      <c r="N116233" s="10"/>
    </row>
    <row r="116234" spans="14:14">
      <c r="N116234" s="10"/>
    </row>
    <row r="116235" spans="14:14">
      <c r="N116235" s="10"/>
    </row>
    <row r="116236" spans="14:14">
      <c r="N116236" s="10"/>
    </row>
    <row r="116237" spans="14:14">
      <c r="N116237" s="10"/>
    </row>
    <row r="116238" spans="14:14">
      <c r="N116238" s="10"/>
    </row>
    <row r="116239" spans="14:14">
      <c r="N116239" s="10"/>
    </row>
    <row r="116240" spans="14:14">
      <c r="N116240" s="10"/>
    </row>
    <row r="116241" spans="14:14">
      <c r="N116241" s="10"/>
    </row>
    <row r="116242" spans="14:14">
      <c r="N116242" s="10"/>
    </row>
    <row r="116243" spans="14:14">
      <c r="N116243" s="10"/>
    </row>
    <row r="116244" spans="14:14">
      <c r="N116244" s="10"/>
    </row>
    <row r="116245" spans="14:14">
      <c r="N116245" s="10"/>
    </row>
    <row r="116246" spans="14:14">
      <c r="N116246" s="10"/>
    </row>
    <row r="116247" spans="14:14">
      <c r="N116247" s="10"/>
    </row>
    <row r="116248" spans="14:14">
      <c r="N116248" s="10"/>
    </row>
    <row r="116249" spans="14:14">
      <c r="N116249" s="10"/>
    </row>
    <row r="116250" spans="14:14">
      <c r="N116250" s="10"/>
    </row>
    <row r="116251" spans="14:14">
      <c r="N116251" s="10"/>
    </row>
    <row r="116252" spans="14:14">
      <c r="N116252" s="10"/>
    </row>
    <row r="116253" spans="14:14">
      <c r="N116253" s="10"/>
    </row>
    <row r="116254" spans="14:14">
      <c r="N116254" s="10"/>
    </row>
    <row r="116255" spans="14:14">
      <c r="N116255" s="10"/>
    </row>
    <row r="116256" spans="14:14">
      <c r="N116256" s="10"/>
    </row>
    <row r="116257" spans="14:14">
      <c r="N116257" s="10"/>
    </row>
    <row r="116258" spans="14:14">
      <c r="N116258" s="10"/>
    </row>
    <row r="116259" spans="14:14">
      <c r="N116259" s="10"/>
    </row>
    <row r="116260" spans="14:14">
      <c r="N116260" s="10"/>
    </row>
    <row r="116261" spans="14:14">
      <c r="N116261" s="10"/>
    </row>
    <row r="116262" spans="14:14">
      <c r="N116262" s="10"/>
    </row>
    <row r="116263" spans="14:14">
      <c r="N116263" s="10"/>
    </row>
    <row r="116264" spans="14:14">
      <c r="N116264" s="10"/>
    </row>
    <row r="116265" spans="14:14">
      <c r="N116265" s="10"/>
    </row>
    <row r="116266" spans="14:14">
      <c r="N116266" s="10"/>
    </row>
    <row r="116267" spans="14:14">
      <c r="N116267" s="10"/>
    </row>
    <row r="116268" spans="14:14">
      <c r="N116268" s="10"/>
    </row>
    <row r="116269" spans="14:14">
      <c r="N116269" s="10"/>
    </row>
    <row r="116270" spans="14:14">
      <c r="N116270" s="10"/>
    </row>
    <row r="116271" spans="14:14">
      <c r="N116271" s="10"/>
    </row>
    <row r="116272" spans="14:14">
      <c r="N116272" s="10"/>
    </row>
    <row r="116273" spans="14:14">
      <c r="N116273" s="10"/>
    </row>
    <row r="116274" spans="14:14">
      <c r="N116274" s="10"/>
    </row>
    <row r="116275" spans="14:14">
      <c r="N116275" s="10"/>
    </row>
    <row r="116276" spans="14:14">
      <c r="N116276" s="10"/>
    </row>
    <row r="116277" spans="14:14">
      <c r="N116277" s="10"/>
    </row>
    <row r="116278" spans="14:14">
      <c r="N116278" s="10"/>
    </row>
    <row r="116279" spans="14:14">
      <c r="N116279" s="10"/>
    </row>
    <row r="116280" spans="14:14">
      <c r="N116280" s="10"/>
    </row>
    <row r="116281" spans="14:14">
      <c r="N116281" s="10"/>
    </row>
    <row r="116282" spans="14:14">
      <c r="N116282" s="10"/>
    </row>
    <row r="116283" spans="14:14">
      <c r="N116283" s="10"/>
    </row>
    <row r="116284" spans="14:14">
      <c r="N116284" s="10"/>
    </row>
    <row r="116285" spans="14:14">
      <c r="N116285" s="10"/>
    </row>
    <row r="116286" spans="14:14">
      <c r="N116286" s="10"/>
    </row>
    <row r="116287" spans="14:14">
      <c r="N116287" s="10"/>
    </row>
    <row r="116288" spans="14:14">
      <c r="N116288" s="10"/>
    </row>
    <row r="116289" spans="14:14">
      <c r="N116289" s="10"/>
    </row>
    <row r="116290" spans="14:14">
      <c r="N116290" s="10"/>
    </row>
    <row r="116291" spans="14:14">
      <c r="N116291" s="10"/>
    </row>
    <row r="116292" spans="14:14">
      <c r="N116292" s="10"/>
    </row>
    <row r="116293" spans="14:14">
      <c r="N116293" s="10"/>
    </row>
    <row r="116294" spans="14:14">
      <c r="N116294" s="10"/>
    </row>
    <row r="116295" spans="14:14">
      <c r="N116295" s="10"/>
    </row>
    <row r="116296" spans="14:14">
      <c r="N116296" s="10"/>
    </row>
    <row r="116297" spans="14:14">
      <c r="N116297" s="10"/>
    </row>
    <row r="116298" spans="14:14">
      <c r="N116298" s="10"/>
    </row>
    <row r="116299" spans="14:14">
      <c r="N116299" s="10"/>
    </row>
    <row r="116300" spans="14:14">
      <c r="N116300" s="10"/>
    </row>
    <row r="116301" spans="14:14">
      <c r="N116301" s="10"/>
    </row>
    <row r="116302" spans="14:14">
      <c r="N116302" s="10"/>
    </row>
    <row r="116303" spans="14:14">
      <c r="N116303" s="10"/>
    </row>
    <row r="116304" spans="14:14">
      <c r="N116304" s="10"/>
    </row>
    <row r="116305" spans="14:14">
      <c r="N116305" s="10"/>
    </row>
    <row r="116306" spans="14:14">
      <c r="N116306" s="10"/>
    </row>
    <row r="116307" spans="14:14">
      <c r="N116307" s="10"/>
    </row>
    <row r="116308" spans="14:14">
      <c r="N116308" s="10"/>
    </row>
    <row r="116309" spans="14:14">
      <c r="N116309" s="10"/>
    </row>
    <row r="116310" spans="14:14">
      <c r="N116310" s="10"/>
    </row>
    <row r="116311" spans="14:14">
      <c r="N116311" s="10"/>
    </row>
    <row r="116312" spans="14:14">
      <c r="N116312" s="10"/>
    </row>
    <row r="116313" spans="14:14">
      <c r="N116313" s="10"/>
    </row>
    <row r="116314" spans="14:14">
      <c r="N116314" s="10"/>
    </row>
    <row r="116315" spans="14:14">
      <c r="N116315" s="10"/>
    </row>
    <row r="116316" spans="14:14">
      <c r="N116316" s="10"/>
    </row>
    <row r="116317" spans="14:14">
      <c r="N116317" s="10"/>
    </row>
    <row r="116318" spans="14:14">
      <c r="N116318" s="10"/>
    </row>
    <row r="116319" spans="14:14">
      <c r="N116319" s="10"/>
    </row>
    <row r="116320" spans="14:14">
      <c r="N116320" s="10"/>
    </row>
    <row r="116321" spans="14:14">
      <c r="N116321" s="10"/>
    </row>
    <row r="116322" spans="14:14">
      <c r="N116322" s="10"/>
    </row>
    <row r="116323" spans="14:14">
      <c r="N116323" s="10"/>
    </row>
    <row r="116324" spans="14:14">
      <c r="N116324" s="10"/>
    </row>
    <row r="116325" spans="14:14">
      <c r="N116325" s="10"/>
    </row>
    <row r="116326" spans="14:14">
      <c r="N116326" s="10"/>
    </row>
    <row r="116327" spans="14:14">
      <c r="N116327" s="10"/>
    </row>
    <row r="116328" spans="14:14">
      <c r="N116328" s="10"/>
    </row>
    <row r="116329" spans="14:14">
      <c r="N116329" s="10"/>
    </row>
    <row r="116330" spans="14:14">
      <c r="N116330" s="10"/>
    </row>
    <row r="116331" spans="14:14">
      <c r="N116331" s="10"/>
    </row>
    <row r="116332" spans="14:14">
      <c r="N116332" s="10"/>
    </row>
    <row r="116333" spans="14:14">
      <c r="N116333" s="10"/>
    </row>
    <row r="116334" spans="14:14">
      <c r="N116334" s="10"/>
    </row>
    <row r="116335" spans="14:14">
      <c r="N116335" s="10"/>
    </row>
    <row r="116336" spans="14:14">
      <c r="N116336" s="10"/>
    </row>
    <row r="116337" spans="14:14">
      <c r="N116337" s="10"/>
    </row>
    <row r="116338" spans="14:14">
      <c r="N116338" s="10"/>
    </row>
    <row r="116339" spans="14:14">
      <c r="N116339" s="10"/>
    </row>
    <row r="116340" spans="14:14">
      <c r="N116340" s="10"/>
    </row>
    <row r="116341" spans="14:14">
      <c r="N116341" s="10"/>
    </row>
    <row r="116342" spans="14:14">
      <c r="N116342" s="10"/>
    </row>
    <row r="116343" spans="14:14">
      <c r="N116343" s="10"/>
    </row>
    <row r="116344" spans="14:14">
      <c r="N116344" s="10"/>
    </row>
    <row r="116345" spans="14:14">
      <c r="N116345" s="10"/>
    </row>
    <row r="116346" spans="14:14">
      <c r="N116346" s="10"/>
    </row>
    <row r="116347" spans="14:14">
      <c r="N116347" s="10"/>
    </row>
    <row r="116348" spans="14:14">
      <c r="N116348" s="10"/>
    </row>
    <row r="116349" spans="14:14">
      <c r="N116349" s="10"/>
    </row>
    <row r="116350" spans="14:14">
      <c r="N116350" s="10"/>
    </row>
    <row r="116351" spans="14:14">
      <c r="N116351" s="10"/>
    </row>
    <row r="116352" spans="14:14">
      <c r="N116352" s="10"/>
    </row>
    <row r="116353" spans="14:14">
      <c r="N116353" s="10"/>
    </row>
    <row r="116354" spans="14:14">
      <c r="N116354" s="10"/>
    </row>
    <row r="116355" spans="14:14">
      <c r="N116355" s="10"/>
    </row>
    <row r="116356" spans="14:14">
      <c r="N116356" s="10"/>
    </row>
    <row r="116357" spans="14:14">
      <c r="N116357" s="10"/>
    </row>
    <row r="116358" spans="14:14">
      <c r="N116358" s="10"/>
    </row>
    <row r="116359" spans="14:14">
      <c r="N116359" s="10"/>
    </row>
    <row r="116360" spans="14:14">
      <c r="N116360" s="10"/>
    </row>
    <row r="116361" spans="14:14">
      <c r="N116361" s="10"/>
    </row>
    <row r="116362" spans="14:14">
      <c r="N116362" s="10"/>
    </row>
    <row r="116363" spans="14:14">
      <c r="N116363" s="10"/>
    </row>
    <row r="116364" spans="14:14">
      <c r="N116364" s="10"/>
    </row>
    <row r="116365" spans="14:14">
      <c r="N116365" s="10"/>
    </row>
    <row r="116366" spans="14:14">
      <c r="N116366" s="10"/>
    </row>
    <row r="116367" spans="14:14">
      <c r="N116367" s="10"/>
    </row>
    <row r="116368" spans="14:14">
      <c r="N116368" s="10"/>
    </row>
    <row r="116369" spans="14:14">
      <c r="N116369" s="10"/>
    </row>
    <row r="116370" spans="14:14">
      <c r="N116370" s="10"/>
    </row>
    <row r="116371" spans="14:14">
      <c r="N116371" s="10"/>
    </row>
    <row r="116372" spans="14:14">
      <c r="N116372" s="10"/>
    </row>
    <row r="116373" spans="14:14">
      <c r="N116373" s="10"/>
    </row>
    <row r="116374" spans="14:14">
      <c r="N116374" s="10"/>
    </row>
    <row r="116375" spans="14:14">
      <c r="N116375" s="10"/>
    </row>
    <row r="116376" spans="14:14">
      <c r="N116376" s="10"/>
    </row>
    <row r="116377" spans="14:14">
      <c r="N116377" s="10"/>
    </row>
    <row r="116378" spans="14:14">
      <c r="N116378" s="10"/>
    </row>
    <row r="116379" spans="14:14">
      <c r="N116379" s="10"/>
    </row>
    <row r="116380" spans="14:14">
      <c r="N116380" s="10"/>
    </row>
    <row r="116381" spans="14:14">
      <c r="N116381" s="10"/>
    </row>
    <row r="116382" spans="14:14">
      <c r="N116382" s="10"/>
    </row>
    <row r="116383" spans="14:14">
      <c r="N116383" s="10"/>
    </row>
    <row r="116384" spans="14:14">
      <c r="N116384" s="10"/>
    </row>
    <row r="116385" spans="14:14">
      <c r="N116385" s="10"/>
    </row>
    <row r="116386" spans="14:14">
      <c r="N116386" s="10"/>
    </row>
    <row r="116387" spans="14:14">
      <c r="N116387" s="10"/>
    </row>
    <row r="116388" spans="14:14">
      <c r="N116388" s="10"/>
    </row>
    <row r="116389" spans="14:14">
      <c r="N116389" s="10"/>
    </row>
    <row r="116390" spans="14:14">
      <c r="N116390" s="10"/>
    </row>
    <row r="116391" spans="14:14">
      <c r="N116391" s="10"/>
    </row>
    <row r="116392" spans="14:14">
      <c r="N116392" s="10"/>
    </row>
    <row r="116393" spans="14:14">
      <c r="N116393" s="10"/>
    </row>
    <row r="116394" spans="14:14">
      <c r="N116394" s="10"/>
    </row>
    <row r="116395" spans="14:14">
      <c r="N116395" s="10"/>
    </row>
    <row r="116396" spans="14:14">
      <c r="N116396" s="10"/>
    </row>
    <row r="116397" spans="14:14">
      <c r="N116397" s="10"/>
    </row>
    <row r="116398" spans="14:14">
      <c r="N116398" s="10"/>
    </row>
    <row r="116399" spans="14:14">
      <c r="N116399" s="10"/>
    </row>
    <row r="116400" spans="14:14">
      <c r="N116400" s="10"/>
    </row>
    <row r="116401" spans="14:14">
      <c r="N116401" s="10"/>
    </row>
    <row r="116402" spans="14:14">
      <c r="N116402" s="10"/>
    </row>
    <row r="116403" spans="14:14">
      <c r="N116403" s="10"/>
    </row>
    <row r="116404" spans="14:14">
      <c r="N116404" s="10"/>
    </row>
    <row r="116405" spans="14:14">
      <c r="N116405" s="10"/>
    </row>
    <row r="116406" spans="14:14">
      <c r="N116406" s="10"/>
    </row>
    <row r="116407" spans="14:14">
      <c r="N116407" s="10"/>
    </row>
    <row r="116408" spans="14:14">
      <c r="N116408" s="10"/>
    </row>
    <row r="116409" spans="14:14">
      <c r="N116409" s="10"/>
    </row>
    <row r="116410" spans="14:14">
      <c r="N116410" s="10"/>
    </row>
    <row r="116411" spans="14:14">
      <c r="N116411" s="10"/>
    </row>
    <row r="116412" spans="14:14">
      <c r="N116412" s="10"/>
    </row>
    <row r="116413" spans="14:14">
      <c r="N116413" s="10"/>
    </row>
    <row r="116414" spans="14:14">
      <c r="N116414" s="10"/>
    </row>
    <row r="116415" spans="14:14">
      <c r="N116415" s="10"/>
    </row>
    <row r="116416" spans="14:14">
      <c r="N116416" s="10"/>
    </row>
    <row r="116417" spans="14:14">
      <c r="N116417" s="10"/>
    </row>
    <row r="116418" spans="14:14">
      <c r="N116418" s="10"/>
    </row>
    <row r="116419" spans="14:14">
      <c r="N116419" s="10"/>
    </row>
    <row r="116420" spans="14:14">
      <c r="N116420" s="10"/>
    </row>
    <row r="116421" spans="14:14">
      <c r="N116421" s="10"/>
    </row>
    <row r="116422" spans="14:14">
      <c r="N116422" s="10"/>
    </row>
    <row r="116423" spans="14:14">
      <c r="N116423" s="10"/>
    </row>
    <row r="116424" spans="14:14">
      <c r="N116424" s="10"/>
    </row>
    <row r="116425" spans="14:14">
      <c r="N116425" s="10"/>
    </row>
    <row r="116426" spans="14:14">
      <c r="N116426" s="10"/>
    </row>
    <row r="116427" spans="14:14">
      <c r="N116427" s="10"/>
    </row>
    <row r="116428" spans="14:14">
      <c r="N116428" s="10"/>
    </row>
    <row r="116429" spans="14:14">
      <c r="N116429" s="10"/>
    </row>
    <row r="116430" spans="14:14">
      <c r="N116430" s="10"/>
    </row>
    <row r="116431" spans="14:14">
      <c r="N116431" s="10"/>
    </row>
    <row r="116432" spans="14:14">
      <c r="N116432" s="10"/>
    </row>
    <row r="116433" spans="14:14">
      <c r="N116433" s="10"/>
    </row>
    <row r="116434" spans="14:14">
      <c r="N116434" s="10"/>
    </row>
    <row r="116435" spans="14:14">
      <c r="N116435" s="10"/>
    </row>
    <row r="116436" spans="14:14">
      <c r="N116436" s="10"/>
    </row>
    <row r="116437" spans="14:14">
      <c r="N116437" s="10"/>
    </row>
    <row r="116438" spans="14:14">
      <c r="N116438" s="10"/>
    </row>
    <row r="116439" spans="14:14">
      <c r="N116439" s="10"/>
    </row>
    <row r="116440" spans="14:14">
      <c r="N116440" s="10"/>
    </row>
    <row r="116441" spans="14:14">
      <c r="N116441" s="10"/>
    </row>
    <row r="116442" spans="14:14">
      <c r="N116442" s="10"/>
    </row>
    <row r="116443" spans="14:14">
      <c r="N116443" s="10"/>
    </row>
    <row r="116444" spans="14:14">
      <c r="N116444" s="10"/>
    </row>
    <row r="116445" spans="14:14">
      <c r="N116445" s="10"/>
    </row>
    <row r="116446" spans="14:14">
      <c r="N116446" s="10"/>
    </row>
    <row r="116447" spans="14:14">
      <c r="N116447" s="10"/>
    </row>
    <row r="116448" spans="14:14">
      <c r="N116448" s="10"/>
    </row>
    <row r="116449" spans="14:14">
      <c r="N116449" s="10"/>
    </row>
    <row r="116450" spans="14:14">
      <c r="N116450" s="10"/>
    </row>
    <row r="116451" spans="14:14">
      <c r="N116451" s="10"/>
    </row>
    <row r="116452" spans="14:14">
      <c r="N116452" s="10"/>
    </row>
    <row r="116453" spans="14:14">
      <c r="N116453" s="10"/>
    </row>
    <row r="116454" spans="14:14">
      <c r="N116454" s="10"/>
    </row>
    <row r="116455" spans="14:14">
      <c r="N116455" s="10"/>
    </row>
    <row r="116456" spans="14:14">
      <c r="N116456" s="10"/>
    </row>
    <row r="116457" spans="14:14">
      <c r="N116457" s="10"/>
    </row>
    <row r="116458" spans="14:14">
      <c r="N116458" s="10"/>
    </row>
    <row r="116459" spans="14:14">
      <c r="N116459" s="10"/>
    </row>
    <row r="116460" spans="14:14">
      <c r="N116460" s="10"/>
    </row>
    <row r="116461" spans="14:14">
      <c r="N116461" s="10"/>
    </row>
    <row r="116462" spans="14:14">
      <c r="N116462" s="10"/>
    </row>
    <row r="116463" spans="14:14">
      <c r="N116463" s="10"/>
    </row>
    <row r="116464" spans="14:14">
      <c r="N116464" s="10"/>
    </row>
    <row r="116465" spans="14:14">
      <c r="N116465" s="10"/>
    </row>
    <row r="116466" spans="14:14">
      <c r="N116466" s="10"/>
    </row>
    <row r="116467" spans="14:14">
      <c r="N116467" s="10"/>
    </row>
    <row r="116468" spans="14:14">
      <c r="N116468" s="10"/>
    </row>
    <row r="116469" spans="14:14">
      <c r="N116469" s="10"/>
    </row>
    <row r="116470" spans="14:14">
      <c r="N116470" s="10"/>
    </row>
    <row r="116471" spans="14:14">
      <c r="N116471" s="10"/>
    </row>
    <row r="116472" spans="14:14">
      <c r="N116472" s="10"/>
    </row>
    <row r="116473" spans="14:14">
      <c r="N116473" s="10"/>
    </row>
    <row r="116474" spans="14:14">
      <c r="N116474" s="10"/>
    </row>
    <row r="116475" spans="14:14">
      <c r="N116475" s="10"/>
    </row>
    <row r="116476" spans="14:14">
      <c r="N116476" s="10"/>
    </row>
    <row r="116477" spans="14:14">
      <c r="N116477" s="10"/>
    </row>
    <row r="116478" spans="14:14">
      <c r="N116478" s="10"/>
    </row>
    <row r="116479" spans="14:14">
      <c r="N116479" s="10"/>
    </row>
    <row r="116480" spans="14:14">
      <c r="N116480" s="10"/>
    </row>
    <row r="116481" spans="14:14">
      <c r="N116481" s="10"/>
    </row>
    <row r="116482" spans="14:14">
      <c r="N116482" s="10"/>
    </row>
    <row r="116483" spans="14:14">
      <c r="N116483" s="10"/>
    </row>
    <row r="116484" spans="14:14">
      <c r="N116484" s="10"/>
    </row>
    <row r="116485" spans="14:14">
      <c r="N116485" s="10"/>
    </row>
    <row r="116486" spans="14:14">
      <c r="N116486" s="10"/>
    </row>
    <row r="116487" spans="14:14">
      <c r="N116487" s="10"/>
    </row>
    <row r="116488" spans="14:14">
      <c r="N116488" s="10"/>
    </row>
    <row r="116489" spans="14:14">
      <c r="N116489" s="10"/>
    </row>
    <row r="116490" spans="14:14">
      <c r="N116490" s="10"/>
    </row>
    <row r="116491" spans="14:14">
      <c r="N116491" s="10"/>
    </row>
    <row r="116492" spans="14:14">
      <c r="N116492" s="10"/>
    </row>
    <row r="116493" spans="14:14">
      <c r="N116493" s="10"/>
    </row>
    <row r="116494" spans="14:14">
      <c r="N116494" s="10"/>
    </row>
    <row r="116495" spans="14:14">
      <c r="N116495" s="10"/>
    </row>
    <row r="116496" spans="14:14">
      <c r="N116496" s="10"/>
    </row>
    <row r="116497" spans="14:14">
      <c r="N116497" s="10"/>
    </row>
    <row r="116498" spans="14:14">
      <c r="N116498" s="10"/>
    </row>
    <row r="116499" spans="14:14">
      <c r="N116499" s="10"/>
    </row>
    <row r="116500" spans="14:14">
      <c r="N116500" s="10"/>
    </row>
    <row r="116501" spans="14:14">
      <c r="N116501" s="10"/>
    </row>
    <row r="116502" spans="14:14">
      <c r="N116502" s="10"/>
    </row>
    <row r="116503" spans="14:14">
      <c r="N116503" s="10"/>
    </row>
    <row r="116504" spans="14:14">
      <c r="N116504" s="10"/>
    </row>
    <row r="116505" spans="14:14">
      <c r="N116505" s="10"/>
    </row>
    <row r="116506" spans="14:14">
      <c r="N116506" s="10"/>
    </row>
    <row r="116507" spans="14:14">
      <c r="N116507" s="10"/>
    </row>
    <row r="116508" spans="14:14">
      <c r="N116508" s="10"/>
    </row>
    <row r="116509" spans="14:14">
      <c r="N116509" s="10"/>
    </row>
    <row r="116510" spans="14:14">
      <c r="N116510" s="10"/>
    </row>
    <row r="116511" spans="14:14">
      <c r="N116511" s="10"/>
    </row>
    <row r="116512" spans="14:14">
      <c r="N116512" s="10"/>
    </row>
    <row r="116513" spans="14:14">
      <c r="N116513" s="10"/>
    </row>
    <row r="116514" spans="14:14">
      <c r="N116514" s="10"/>
    </row>
    <row r="116515" spans="14:14">
      <c r="N116515" s="10"/>
    </row>
    <row r="116516" spans="14:14">
      <c r="N116516" s="10"/>
    </row>
    <row r="116517" spans="14:14">
      <c r="N116517" s="10"/>
    </row>
    <row r="116518" spans="14:14">
      <c r="N116518" s="10"/>
    </row>
    <row r="116519" spans="14:14">
      <c r="N116519" s="10"/>
    </row>
    <row r="116520" spans="14:14">
      <c r="N116520" s="10"/>
    </row>
    <row r="116521" spans="14:14">
      <c r="N116521" s="10"/>
    </row>
    <row r="116522" spans="14:14">
      <c r="N116522" s="10"/>
    </row>
    <row r="116523" spans="14:14">
      <c r="N116523" s="10"/>
    </row>
    <row r="116524" spans="14:14">
      <c r="N116524" s="10"/>
    </row>
    <row r="116525" spans="14:14">
      <c r="N116525" s="10"/>
    </row>
    <row r="116526" spans="14:14">
      <c r="N116526" s="10"/>
    </row>
    <row r="116527" spans="14:14">
      <c r="N116527" s="10"/>
    </row>
    <row r="116528" spans="14:14">
      <c r="N116528" s="10"/>
    </row>
    <row r="116529" spans="14:14">
      <c r="N116529" s="10"/>
    </row>
    <row r="116530" spans="14:14">
      <c r="N116530" s="10"/>
    </row>
    <row r="116531" spans="14:14">
      <c r="N116531" s="10"/>
    </row>
    <row r="116532" spans="14:14">
      <c r="N116532" s="10"/>
    </row>
    <row r="116533" spans="14:14">
      <c r="N116533" s="10"/>
    </row>
    <row r="116534" spans="14:14">
      <c r="N116534" s="10"/>
    </row>
    <row r="116535" spans="14:14">
      <c r="N116535" s="10"/>
    </row>
    <row r="116536" spans="14:14">
      <c r="N116536" s="10"/>
    </row>
    <row r="116537" spans="14:14">
      <c r="N116537" s="10"/>
    </row>
    <row r="116538" spans="14:14">
      <c r="N116538" s="10"/>
    </row>
    <row r="116539" spans="14:14">
      <c r="N116539" s="10"/>
    </row>
    <row r="116540" spans="14:14">
      <c r="N116540" s="10"/>
    </row>
    <row r="116541" spans="14:14">
      <c r="N116541" s="10"/>
    </row>
    <row r="116542" spans="14:14">
      <c r="N116542" s="10"/>
    </row>
    <row r="116543" spans="14:14">
      <c r="N116543" s="10"/>
    </row>
    <row r="116544" spans="14:14">
      <c r="N116544" s="10"/>
    </row>
    <row r="116545" spans="14:14">
      <c r="N116545" s="10"/>
    </row>
    <row r="116546" spans="14:14">
      <c r="N116546" s="10"/>
    </row>
    <row r="116547" spans="14:14">
      <c r="N116547" s="10"/>
    </row>
    <row r="116548" spans="14:14">
      <c r="N116548" s="10"/>
    </row>
    <row r="116549" spans="14:14">
      <c r="N116549" s="10"/>
    </row>
    <row r="116550" spans="14:14">
      <c r="N116550" s="10"/>
    </row>
    <row r="116551" spans="14:14">
      <c r="N116551" s="10"/>
    </row>
    <row r="116552" spans="14:14">
      <c r="N116552" s="10"/>
    </row>
    <row r="116553" spans="14:14">
      <c r="N116553" s="10"/>
    </row>
    <row r="116554" spans="14:14">
      <c r="N116554" s="10"/>
    </row>
    <row r="116555" spans="14:14">
      <c r="N116555" s="10"/>
    </row>
    <row r="116556" spans="14:14">
      <c r="N116556" s="10"/>
    </row>
    <row r="116557" spans="14:14">
      <c r="N116557" s="10"/>
    </row>
    <row r="116558" spans="14:14">
      <c r="N116558" s="10"/>
    </row>
    <row r="116559" spans="14:14">
      <c r="N116559" s="10"/>
    </row>
    <row r="116560" spans="14:14">
      <c r="N116560" s="10"/>
    </row>
    <row r="116561" spans="14:14">
      <c r="N116561" s="10"/>
    </row>
    <row r="116562" spans="14:14">
      <c r="N116562" s="10"/>
    </row>
    <row r="116563" spans="14:14">
      <c r="N116563" s="10"/>
    </row>
    <row r="116564" spans="14:14">
      <c r="N116564" s="10"/>
    </row>
    <row r="116565" spans="14:14">
      <c r="N116565" s="10"/>
    </row>
    <row r="116566" spans="14:14">
      <c r="N116566" s="10"/>
    </row>
    <row r="116567" spans="14:14">
      <c r="N116567" s="10"/>
    </row>
    <row r="116568" spans="14:14">
      <c r="N116568" s="10"/>
    </row>
    <row r="116569" spans="14:14">
      <c r="N116569" s="10"/>
    </row>
    <row r="116570" spans="14:14">
      <c r="N116570" s="10"/>
    </row>
    <row r="116571" spans="14:14">
      <c r="N116571" s="10"/>
    </row>
    <row r="116572" spans="14:14">
      <c r="N116572" s="10"/>
    </row>
    <row r="116573" spans="14:14">
      <c r="N116573" s="10"/>
    </row>
    <row r="116574" spans="14:14">
      <c r="N116574" s="10"/>
    </row>
    <row r="116575" spans="14:14">
      <c r="N116575" s="10"/>
    </row>
    <row r="116576" spans="14:14">
      <c r="N116576" s="10"/>
    </row>
    <row r="116577" spans="14:14">
      <c r="N116577" s="10"/>
    </row>
    <row r="116578" spans="14:14">
      <c r="N116578" s="10"/>
    </row>
    <row r="116579" spans="14:14">
      <c r="N116579" s="10"/>
    </row>
    <row r="116580" spans="14:14">
      <c r="N116580" s="10"/>
    </row>
    <row r="116581" spans="14:14">
      <c r="N116581" s="10"/>
    </row>
    <row r="116582" spans="14:14">
      <c r="N116582" s="10"/>
    </row>
    <row r="116583" spans="14:14">
      <c r="N116583" s="10"/>
    </row>
    <row r="116584" spans="14:14">
      <c r="N116584" s="10"/>
    </row>
    <row r="116585" spans="14:14">
      <c r="N116585" s="10"/>
    </row>
    <row r="116586" spans="14:14">
      <c r="N116586" s="10"/>
    </row>
    <row r="116587" spans="14:14">
      <c r="N116587" s="10"/>
    </row>
    <row r="116588" spans="14:14">
      <c r="N116588" s="10"/>
    </row>
    <row r="116589" spans="14:14">
      <c r="N116589" s="10"/>
    </row>
    <row r="116590" spans="14:14">
      <c r="N116590" s="10"/>
    </row>
    <row r="116591" spans="14:14">
      <c r="N116591" s="10"/>
    </row>
    <row r="116592" spans="14:14">
      <c r="N116592" s="10"/>
    </row>
    <row r="116593" spans="14:14">
      <c r="N116593" s="10"/>
    </row>
    <row r="116594" spans="14:14">
      <c r="N116594" s="10"/>
    </row>
    <row r="116595" spans="14:14">
      <c r="N116595" s="10"/>
    </row>
    <row r="116596" spans="14:14">
      <c r="N116596" s="10"/>
    </row>
    <row r="116597" spans="14:14">
      <c r="N116597" s="10"/>
    </row>
    <row r="116598" spans="14:14">
      <c r="N116598" s="10"/>
    </row>
    <row r="116599" spans="14:14">
      <c r="N116599" s="10"/>
    </row>
    <row r="116600" spans="14:14">
      <c r="N116600" s="10"/>
    </row>
    <row r="116601" spans="14:14">
      <c r="N116601" s="10"/>
    </row>
    <row r="116602" spans="14:14">
      <c r="N116602" s="10"/>
    </row>
    <row r="116603" spans="14:14">
      <c r="N116603" s="10"/>
    </row>
    <row r="116604" spans="14:14">
      <c r="N116604" s="10"/>
    </row>
    <row r="116605" spans="14:14">
      <c r="N116605" s="10"/>
    </row>
    <row r="116606" spans="14:14">
      <c r="N116606" s="10"/>
    </row>
    <row r="116607" spans="14:14">
      <c r="N116607" s="10"/>
    </row>
    <row r="116608" spans="14:14">
      <c r="N116608" s="10"/>
    </row>
    <row r="116609" spans="14:14">
      <c r="N116609" s="10"/>
    </row>
    <row r="116610" spans="14:14">
      <c r="N116610" s="10"/>
    </row>
    <row r="116611" spans="14:14">
      <c r="N116611" s="10"/>
    </row>
    <row r="116612" spans="14:14">
      <c r="N116612" s="10"/>
    </row>
    <row r="116613" spans="14:14">
      <c r="N116613" s="10"/>
    </row>
    <row r="116614" spans="14:14">
      <c r="N116614" s="10"/>
    </row>
    <row r="116615" spans="14:14">
      <c r="N116615" s="10"/>
    </row>
    <row r="116616" spans="14:14">
      <c r="N116616" s="10"/>
    </row>
    <row r="116617" spans="14:14">
      <c r="N116617" s="10"/>
    </row>
    <row r="116618" spans="14:14">
      <c r="N116618" s="10"/>
    </row>
    <row r="116619" spans="14:14">
      <c r="N116619" s="10"/>
    </row>
    <row r="116620" spans="14:14">
      <c r="N116620" s="10"/>
    </row>
    <row r="116621" spans="14:14">
      <c r="N116621" s="10"/>
    </row>
    <row r="116622" spans="14:14">
      <c r="N116622" s="10"/>
    </row>
    <row r="116623" spans="14:14">
      <c r="N116623" s="10"/>
    </row>
    <row r="116624" spans="14:14">
      <c r="N116624" s="10"/>
    </row>
    <row r="116625" spans="14:14">
      <c r="N116625" s="10"/>
    </row>
    <row r="116626" spans="14:14">
      <c r="N116626" s="10"/>
    </row>
    <row r="116627" spans="14:14">
      <c r="N116627" s="10"/>
    </row>
    <row r="116628" spans="14:14">
      <c r="N116628" s="10"/>
    </row>
    <row r="116629" spans="14:14">
      <c r="N116629" s="10"/>
    </row>
    <row r="116630" spans="14:14">
      <c r="N116630" s="10"/>
    </row>
    <row r="116631" spans="14:14">
      <c r="N116631" s="10"/>
    </row>
    <row r="116632" spans="14:14">
      <c r="N116632" s="10"/>
    </row>
    <row r="116633" spans="14:14">
      <c r="N116633" s="10"/>
    </row>
    <row r="116634" spans="14:14">
      <c r="N116634" s="10"/>
    </row>
    <row r="116635" spans="14:14">
      <c r="N116635" s="10"/>
    </row>
    <row r="116636" spans="14:14">
      <c r="N116636" s="10"/>
    </row>
    <row r="116637" spans="14:14">
      <c r="N116637" s="10"/>
    </row>
    <row r="116638" spans="14:14">
      <c r="N116638" s="10"/>
    </row>
    <row r="116639" spans="14:14">
      <c r="N116639" s="10"/>
    </row>
    <row r="116640" spans="14:14">
      <c r="N116640" s="10"/>
    </row>
    <row r="116641" spans="14:14">
      <c r="N116641" s="10"/>
    </row>
    <row r="116642" spans="14:14">
      <c r="N116642" s="10"/>
    </row>
    <row r="116643" spans="14:14">
      <c r="N116643" s="10"/>
    </row>
    <row r="116644" spans="14:14">
      <c r="N116644" s="10"/>
    </row>
    <row r="116645" spans="14:14">
      <c r="N116645" s="10"/>
    </row>
    <row r="116646" spans="14:14">
      <c r="N116646" s="10"/>
    </row>
    <row r="116647" spans="14:14">
      <c r="N116647" s="10"/>
    </row>
    <row r="116648" spans="14:14">
      <c r="N116648" s="10"/>
    </row>
    <row r="116649" spans="14:14">
      <c r="N116649" s="10"/>
    </row>
    <row r="116650" spans="14:14">
      <c r="N116650" s="10"/>
    </row>
    <row r="116651" spans="14:14">
      <c r="N116651" s="10"/>
    </row>
    <row r="116652" spans="14:14">
      <c r="N116652" s="10"/>
    </row>
    <row r="116653" spans="14:14">
      <c r="N116653" s="10"/>
    </row>
    <row r="116654" spans="14:14">
      <c r="N116654" s="10"/>
    </row>
    <row r="116655" spans="14:14">
      <c r="N116655" s="10"/>
    </row>
    <row r="116656" spans="14:14">
      <c r="N116656" s="10"/>
    </row>
    <row r="116657" spans="14:14">
      <c r="N116657" s="10"/>
    </row>
    <row r="116658" spans="14:14">
      <c r="N116658" s="10"/>
    </row>
    <row r="116659" spans="14:14">
      <c r="N116659" s="10"/>
    </row>
    <row r="116660" spans="14:14">
      <c r="N116660" s="10"/>
    </row>
    <row r="116661" spans="14:14">
      <c r="N116661" s="10"/>
    </row>
    <row r="116662" spans="14:14">
      <c r="N116662" s="10"/>
    </row>
    <row r="116663" spans="14:14">
      <c r="N116663" s="10"/>
    </row>
    <row r="116664" spans="14:14">
      <c r="N116664" s="10"/>
    </row>
    <row r="116665" spans="14:14">
      <c r="N116665" s="10"/>
    </row>
    <row r="116666" spans="14:14">
      <c r="N116666" s="10"/>
    </row>
    <row r="116667" spans="14:14">
      <c r="N116667" s="10"/>
    </row>
    <row r="116668" spans="14:14">
      <c r="N116668" s="10"/>
    </row>
    <row r="116669" spans="14:14">
      <c r="N116669" s="10"/>
    </row>
    <row r="116670" spans="14:14">
      <c r="N116670" s="10"/>
    </row>
    <row r="116671" spans="14:14">
      <c r="N116671" s="10"/>
    </row>
    <row r="116672" spans="14:14">
      <c r="N116672" s="10"/>
    </row>
    <row r="116673" spans="14:14">
      <c r="N116673" s="10"/>
    </row>
    <row r="116674" spans="14:14">
      <c r="N116674" s="10"/>
    </row>
    <row r="116675" spans="14:14">
      <c r="N116675" s="10"/>
    </row>
    <row r="116676" spans="14:14">
      <c r="N116676" s="10"/>
    </row>
    <row r="116677" spans="14:14">
      <c r="N116677" s="10"/>
    </row>
    <row r="116678" spans="14:14">
      <c r="N116678" s="10"/>
    </row>
    <row r="116679" spans="14:14">
      <c r="N116679" s="10"/>
    </row>
    <row r="116680" spans="14:14">
      <c r="N116680" s="10"/>
    </row>
    <row r="116681" spans="14:14">
      <c r="N116681" s="10"/>
    </row>
    <row r="116682" spans="14:14">
      <c r="N116682" s="10"/>
    </row>
    <row r="116683" spans="14:14">
      <c r="N116683" s="10"/>
    </row>
    <row r="116684" spans="14:14">
      <c r="N116684" s="10"/>
    </row>
    <row r="116685" spans="14:14">
      <c r="N116685" s="10"/>
    </row>
    <row r="116686" spans="14:14">
      <c r="N116686" s="10"/>
    </row>
    <row r="116687" spans="14:14">
      <c r="N116687" s="10"/>
    </row>
    <row r="116688" spans="14:14">
      <c r="N116688" s="10"/>
    </row>
    <row r="116689" spans="14:14">
      <c r="N116689" s="10"/>
    </row>
    <row r="116690" spans="14:14">
      <c r="N116690" s="10"/>
    </row>
    <row r="116691" spans="14:14">
      <c r="N116691" s="10"/>
    </row>
    <row r="116692" spans="14:14">
      <c r="N116692" s="10"/>
    </row>
    <row r="116693" spans="14:14">
      <c r="N116693" s="10"/>
    </row>
    <row r="116694" spans="14:14">
      <c r="N116694" s="10"/>
    </row>
    <row r="116695" spans="14:14">
      <c r="N116695" s="10"/>
    </row>
    <row r="116696" spans="14:14">
      <c r="N116696" s="10"/>
    </row>
    <row r="116697" spans="14:14">
      <c r="N116697" s="10"/>
    </row>
    <row r="116698" spans="14:14">
      <c r="N116698" s="10"/>
    </row>
    <row r="116699" spans="14:14">
      <c r="N116699" s="10"/>
    </row>
    <row r="116700" spans="14:14">
      <c r="N116700" s="10"/>
    </row>
    <row r="116701" spans="14:14">
      <c r="N116701" s="10"/>
    </row>
    <row r="116702" spans="14:14">
      <c r="N116702" s="10"/>
    </row>
    <row r="116703" spans="14:14">
      <c r="N116703" s="10"/>
    </row>
    <row r="116704" spans="14:14">
      <c r="N116704" s="10"/>
    </row>
    <row r="116705" spans="14:14">
      <c r="N116705" s="10"/>
    </row>
    <row r="116706" spans="14:14">
      <c r="N116706" s="10"/>
    </row>
    <row r="116707" spans="14:14">
      <c r="N116707" s="10"/>
    </row>
    <row r="116708" spans="14:14">
      <c r="N116708" s="10"/>
    </row>
    <row r="116709" spans="14:14">
      <c r="N116709" s="10"/>
    </row>
    <row r="116710" spans="14:14">
      <c r="N116710" s="10"/>
    </row>
    <row r="116711" spans="14:14">
      <c r="N116711" s="10"/>
    </row>
    <row r="116712" spans="14:14">
      <c r="N116712" s="10"/>
    </row>
    <row r="116713" spans="14:14">
      <c r="N116713" s="10"/>
    </row>
    <row r="116714" spans="14:14">
      <c r="N116714" s="10"/>
    </row>
    <row r="116715" spans="14:14">
      <c r="N116715" s="10"/>
    </row>
    <row r="116716" spans="14:14">
      <c r="N116716" s="10"/>
    </row>
    <row r="116717" spans="14:14">
      <c r="N116717" s="10"/>
    </row>
    <row r="116718" spans="14:14">
      <c r="N116718" s="10"/>
    </row>
    <row r="116719" spans="14:14">
      <c r="N116719" s="10"/>
    </row>
    <row r="116720" spans="14:14">
      <c r="N116720" s="10"/>
    </row>
    <row r="116721" spans="14:14">
      <c r="N116721" s="10"/>
    </row>
    <row r="116722" spans="14:14">
      <c r="N116722" s="10"/>
    </row>
    <row r="116723" spans="14:14">
      <c r="N116723" s="10"/>
    </row>
    <row r="116724" spans="14:14">
      <c r="N116724" s="10"/>
    </row>
    <row r="116725" spans="14:14">
      <c r="N116725" s="10"/>
    </row>
    <row r="116726" spans="14:14">
      <c r="N116726" s="10"/>
    </row>
    <row r="116727" spans="14:14">
      <c r="N116727" s="10"/>
    </row>
    <row r="116728" spans="14:14">
      <c r="N116728" s="10"/>
    </row>
    <row r="116729" spans="14:14">
      <c r="N116729" s="10"/>
    </row>
    <row r="116730" spans="14:14">
      <c r="N116730" s="10"/>
    </row>
    <row r="116731" spans="14:14">
      <c r="N116731" s="10"/>
    </row>
    <row r="116732" spans="14:14">
      <c r="N116732" s="10"/>
    </row>
    <row r="116733" spans="14:14">
      <c r="N116733" s="10"/>
    </row>
    <row r="116734" spans="14:14">
      <c r="N116734" s="10"/>
    </row>
    <row r="116735" spans="14:14">
      <c r="N116735" s="10"/>
    </row>
    <row r="116736" spans="14:14">
      <c r="N116736" s="10"/>
    </row>
    <row r="116737" spans="14:14">
      <c r="N116737" s="10"/>
    </row>
    <row r="116738" spans="14:14">
      <c r="N116738" s="10"/>
    </row>
    <row r="116739" spans="14:14">
      <c r="N116739" s="10"/>
    </row>
    <row r="116740" spans="14:14">
      <c r="N116740" s="10"/>
    </row>
    <row r="116741" spans="14:14">
      <c r="N116741" s="10"/>
    </row>
    <row r="116742" spans="14:14">
      <c r="N116742" s="10"/>
    </row>
    <row r="116743" spans="14:14">
      <c r="N116743" s="10"/>
    </row>
    <row r="116744" spans="14:14">
      <c r="N116744" s="10"/>
    </row>
    <row r="116745" spans="14:14">
      <c r="N116745" s="10"/>
    </row>
    <row r="116746" spans="14:14">
      <c r="N116746" s="10"/>
    </row>
    <row r="116747" spans="14:14">
      <c r="N116747" s="10"/>
    </row>
    <row r="116748" spans="14:14">
      <c r="N116748" s="10"/>
    </row>
    <row r="116749" spans="14:14">
      <c r="N116749" s="10"/>
    </row>
    <row r="116750" spans="14:14">
      <c r="N116750" s="10"/>
    </row>
    <row r="116751" spans="14:14">
      <c r="N116751" s="10"/>
    </row>
    <row r="116752" spans="14:14">
      <c r="N116752" s="10"/>
    </row>
    <row r="116753" spans="14:14">
      <c r="N116753" s="10"/>
    </row>
    <row r="116754" spans="14:14">
      <c r="N116754" s="10"/>
    </row>
    <row r="116755" spans="14:14">
      <c r="N116755" s="10"/>
    </row>
    <row r="116756" spans="14:14">
      <c r="N116756" s="10"/>
    </row>
    <row r="116757" spans="14:14">
      <c r="N116757" s="10"/>
    </row>
    <row r="116758" spans="14:14">
      <c r="N116758" s="10"/>
    </row>
    <row r="116759" spans="14:14">
      <c r="N116759" s="10"/>
    </row>
    <row r="116760" spans="14:14">
      <c r="N116760" s="10"/>
    </row>
    <row r="116761" spans="14:14">
      <c r="N116761" s="10"/>
    </row>
    <row r="116762" spans="14:14">
      <c r="N116762" s="10"/>
    </row>
    <row r="116763" spans="14:14">
      <c r="N116763" s="10"/>
    </row>
    <row r="116764" spans="14:14">
      <c r="N116764" s="10"/>
    </row>
    <row r="116765" spans="14:14">
      <c r="N116765" s="10"/>
    </row>
    <row r="116766" spans="14:14">
      <c r="N116766" s="10"/>
    </row>
    <row r="116767" spans="14:14">
      <c r="N116767" s="10"/>
    </row>
    <row r="116768" spans="14:14">
      <c r="N116768" s="10"/>
    </row>
    <row r="116769" spans="14:14">
      <c r="N116769" s="10"/>
    </row>
    <row r="116770" spans="14:14">
      <c r="N116770" s="10"/>
    </row>
    <row r="116771" spans="14:14">
      <c r="N116771" s="10"/>
    </row>
    <row r="116772" spans="14:14">
      <c r="N116772" s="10"/>
    </row>
    <row r="116773" spans="14:14">
      <c r="N116773" s="10"/>
    </row>
    <row r="116774" spans="14:14">
      <c r="N116774" s="10"/>
    </row>
    <row r="116775" spans="14:14">
      <c r="N116775" s="10"/>
    </row>
    <row r="116776" spans="14:14">
      <c r="N116776" s="10"/>
    </row>
    <row r="116777" spans="14:14">
      <c r="N116777" s="10"/>
    </row>
    <row r="116778" spans="14:14">
      <c r="N116778" s="10"/>
    </row>
    <row r="116779" spans="14:14">
      <c r="N116779" s="10"/>
    </row>
    <row r="116780" spans="14:14">
      <c r="N116780" s="10"/>
    </row>
    <row r="116781" spans="14:14">
      <c r="N116781" s="10"/>
    </row>
    <row r="116782" spans="14:14">
      <c r="N116782" s="10"/>
    </row>
    <row r="116783" spans="14:14">
      <c r="N116783" s="10"/>
    </row>
    <row r="116784" spans="14:14">
      <c r="N116784" s="10"/>
    </row>
    <row r="116785" spans="14:14">
      <c r="N116785" s="10"/>
    </row>
    <row r="116786" spans="14:14">
      <c r="N116786" s="10"/>
    </row>
    <row r="116787" spans="14:14">
      <c r="N116787" s="10"/>
    </row>
    <row r="116788" spans="14:14">
      <c r="N116788" s="10"/>
    </row>
    <row r="116789" spans="14:14">
      <c r="N116789" s="10"/>
    </row>
    <row r="116790" spans="14:14">
      <c r="N116790" s="10"/>
    </row>
    <row r="116791" spans="14:14">
      <c r="N116791" s="10"/>
    </row>
    <row r="116792" spans="14:14">
      <c r="N116792" s="10"/>
    </row>
    <row r="116793" spans="14:14">
      <c r="N116793" s="10"/>
    </row>
    <row r="116794" spans="14:14">
      <c r="N116794" s="10"/>
    </row>
    <row r="116795" spans="14:14">
      <c r="N116795" s="10"/>
    </row>
    <row r="116796" spans="14:14">
      <c r="N116796" s="10"/>
    </row>
    <row r="116797" spans="14:14">
      <c r="N116797" s="10"/>
    </row>
    <row r="116798" spans="14:14">
      <c r="N116798" s="10"/>
    </row>
    <row r="116799" spans="14:14">
      <c r="N116799" s="10"/>
    </row>
    <row r="116800" spans="14:14">
      <c r="N116800" s="10"/>
    </row>
    <row r="116801" spans="14:14">
      <c r="N116801" s="10"/>
    </row>
    <row r="116802" spans="14:14">
      <c r="N116802" s="10"/>
    </row>
    <row r="116803" spans="14:14">
      <c r="N116803" s="10"/>
    </row>
    <row r="116804" spans="14:14">
      <c r="N116804" s="10"/>
    </row>
    <row r="116805" spans="14:14">
      <c r="N116805" s="10"/>
    </row>
    <row r="116806" spans="14:14">
      <c r="N116806" s="10"/>
    </row>
    <row r="116807" spans="14:14">
      <c r="N116807" s="10"/>
    </row>
    <row r="116808" spans="14:14">
      <c r="N116808" s="10"/>
    </row>
    <row r="116809" spans="14:14">
      <c r="N116809" s="10"/>
    </row>
    <row r="116810" spans="14:14">
      <c r="N116810" s="10"/>
    </row>
    <row r="116811" spans="14:14">
      <c r="N116811" s="10"/>
    </row>
    <row r="116812" spans="14:14">
      <c r="N116812" s="10"/>
    </row>
    <row r="116813" spans="14:14">
      <c r="N116813" s="10"/>
    </row>
    <row r="116814" spans="14:14">
      <c r="N116814" s="10"/>
    </row>
    <row r="116815" spans="14:14">
      <c r="N116815" s="10"/>
    </row>
    <row r="116816" spans="14:14">
      <c r="N116816" s="10"/>
    </row>
    <row r="116817" spans="14:14">
      <c r="N116817" s="10"/>
    </row>
    <row r="116818" spans="14:14">
      <c r="N116818" s="10"/>
    </row>
    <row r="116819" spans="14:14">
      <c r="N116819" s="10"/>
    </row>
    <row r="116820" spans="14:14">
      <c r="N116820" s="10"/>
    </row>
    <row r="116821" spans="14:14">
      <c r="N116821" s="10"/>
    </row>
    <row r="116822" spans="14:14">
      <c r="N116822" s="10"/>
    </row>
    <row r="116823" spans="14:14">
      <c r="N116823" s="10"/>
    </row>
    <row r="116824" spans="14:14">
      <c r="N116824" s="10"/>
    </row>
    <row r="116825" spans="14:14">
      <c r="N116825" s="10"/>
    </row>
    <row r="116826" spans="14:14">
      <c r="N116826" s="10"/>
    </row>
    <row r="116827" spans="14:14">
      <c r="N116827" s="10"/>
    </row>
    <row r="116828" spans="14:14">
      <c r="N116828" s="10"/>
    </row>
    <row r="116829" spans="14:14">
      <c r="N116829" s="10"/>
    </row>
    <row r="116830" spans="14:14">
      <c r="N116830" s="10"/>
    </row>
    <row r="116831" spans="14:14">
      <c r="N116831" s="10"/>
    </row>
    <row r="116832" spans="14:14">
      <c r="N116832" s="10"/>
    </row>
    <row r="116833" spans="14:14">
      <c r="N116833" s="10"/>
    </row>
    <row r="116834" spans="14:14">
      <c r="N116834" s="10"/>
    </row>
    <row r="116835" spans="14:14">
      <c r="N116835" s="10"/>
    </row>
    <row r="116836" spans="14:14">
      <c r="N116836" s="10"/>
    </row>
    <row r="116837" spans="14:14">
      <c r="N116837" s="10"/>
    </row>
    <row r="116838" spans="14:14">
      <c r="N116838" s="10"/>
    </row>
    <row r="116839" spans="14:14">
      <c r="N116839" s="10"/>
    </row>
    <row r="116840" spans="14:14">
      <c r="N116840" s="10"/>
    </row>
    <row r="116841" spans="14:14">
      <c r="N116841" s="10"/>
    </row>
    <row r="116842" spans="14:14">
      <c r="N116842" s="10"/>
    </row>
    <row r="116843" spans="14:14">
      <c r="N116843" s="10"/>
    </row>
    <row r="116844" spans="14:14">
      <c r="N116844" s="10"/>
    </row>
    <row r="116845" spans="14:14">
      <c r="N116845" s="10"/>
    </row>
    <row r="116846" spans="14:14">
      <c r="N116846" s="10"/>
    </row>
    <row r="116847" spans="14:14">
      <c r="N116847" s="10"/>
    </row>
    <row r="116848" spans="14:14">
      <c r="N116848" s="10"/>
    </row>
    <row r="116849" spans="14:14">
      <c r="N116849" s="10"/>
    </row>
    <row r="116850" spans="14:14">
      <c r="N116850" s="10"/>
    </row>
    <row r="116851" spans="14:14">
      <c r="N116851" s="10"/>
    </row>
    <row r="116852" spans="14:14">
      <c r="N116852" s="10"/>
    </row>
    <row r="116853" spans="14:14">
      <c r="N116853" s="10"/>
    </row>
    <row r="116854" spans="14:14">
      <c r="N116854" s="10"/>
    </row>
    <row r="116855" spans="14:14">
      <c r="N116855" s="10"/>
    </row>
    <row r="116856" spans="14:14">
      <c r="N116856" s="10"/>
    </row>
    <row r="116857" spans="14:14">
      <c r="N116857" s="10"/>
    </row>
    <row r="116858" spans="14:14">
      <c r="N116858" s="10"/>
    </row>
    <row r="116859" spans="14:14">
      <c r="N116859" s="10"/>
    </row>
    <row r="116860" spans="14:14">
      <c r="N116860" s="10"/>
    </row>
    <row r="116861" spans="14:14">
      <c r="N116861" s="10"/>
    </row>
    <row r="116862" spans="14:14">
      <c r="N116862" s="10"/>
    </row>
    <row r="116863" spans="14:14">
      <c r="N116863" s="10"/>
    </row>
    <row r="116864" spans="14:14">
      <c r="N116864" s="10"/>
    </row>
    <row r="116865" spans="14:14">
      <c r="N116865" s="10"/>
    </row>
    <row r="116866" spans="14:14">
      <c r="N116866" s="10"/>
    </row>
    <row r="116867" spans="14:14">
      <c r="N116867" s="10"/>
    </row>
    <row r="116868" spans="14:14">
      <c r="N116868" s="10"/>
    </row>
    <row r="116869" spans="14:14">
      <c r="N116869" s="10"/>
    </row>
    <row r="116870" spans="14:14">
      <c r="N116870" s="10"/>
    </row>
    <row r="116871" spans="14:14">
      <c r="N116871" s="10"/>
    </row>
    <row r="116872" spans="14:14">
      <c r="N116872" s="10"/>
    </row>
    <row r="116873" spans="14:14">
      <c r="N116873" s="10"/>
    </row>
    <row r="116874" spans="14:14">
      <c r="N116874" s="10"/>
    </row>
    <row r="116875" spans="14:14">
      <c r="N116875" s="10"/>
    </row>
    <row r="116876" spans="14:14">
      <c r="N116876" s="10"/>
    </row>
    <row r="116877" spans="14:14">
      <c r="N116877" s="10"/>
    </row>
    <row r="116878" spans="14:14">
      <c r="N116878" s="10"/>
    </row>
    <row r="116879" spans="14:14">
      <c r="N116879" s="10"/>
    </row>
    <row r="116880" spans="14:14">
      <c r="N116880" s="10"/>
    </row>
    <row r="116881" spans="14:14">
      <c r="N116881" s="10"/>
    </row>
    <row r="116882" spans="14:14">
      <c r="N116882" s="10"/>
    </row>
    <row r="116883" spans="14:14">
      <c r="N116883" s="10"/>
    </row>
    <row r="116884" spans="14:14">
      <c r="N116884" s="10"/>
    </row>
    <row r="116885" spans="14:14">
      <c r="N116885" s="10"/>
    </row>
    <row r="116886" spans="14:14">
      <c r="N116886" s="10"/>
    </row>
    <row r="116887" spans="14:14">
      <c r="N116887" s="10"/>
    </row>
    <row r="116888" spans="14:14">
      <c r="N116888" s="10"/>
    </row>
    <row r="116889" spans="14:14">
      <c r="N116889" s="10"/>
    </row>
    <row r="116890" spans="14:14">
      <c r="N116890" s="10"/>
    </row>
    <row r="116891" spans="14:14">
      <c r="N116891" s="10"/>
    </row>
    <row r="116892" spans="14:14">
      <c r="N116892" s="10"/>
    </row>
    <row r="116893" spans="14:14">
      <c r="N116893" s="10"/>
    </row>
    <row r="116894" spans="14:14">
      <c r="N116894" s="10"/>
    </row>
    <row r="116895" spans="14:14">
      <c r="N116895" s="10"/>
    </row>
    <row r="116896" spans="14:14">
      <c r="N116896" s="10"/>
    </row>
    <row r="116897" spans="14:14">
      <c r="N116897" s="10"/>
    </row>
    <row r="116898" spans="14:14">
      <c r="N116898" s="10"/>
    </row>
    <row r="116899" spans="14:14">
      <c r="N116899" s="10"/>
    </row>
    <row r="116900" spans="14:14">
      <c r="N116900" s="10"/>
    </row>
    <row r="116901" spans="14:14">
      <c r="N116901" s="10"/>
    </row>
    <row r="116902" spans="14:14">
      <c r="N116902" s="10"/>
    </row>
    <row r="116903" spans="14:14">
      <c r="N116903" s="10"/>
    </row>
    <row r="116904" spans="14:14">
      <c r="N116904" s="10"/>
    </row>
    <row r="116905" spans="14:14">
      <c r="N116905" s="10"/>
    </row>
    <row r="116906" spans="14:14">
      <c r="N116906" s="10"/>
    </row>
    <row r="116907" spans="14:14">
      <c r="N116907" s="10"/>
    </row>
    <row r="116908" spans="14:14">
      <c r="N116908" s="10"/>
    </row>
    <row r="116909" spans="14:14">
      <c r="N116909" s="10"/>
    </row>
    <row r="116910" spans="14:14">
      <c r="N116910" s="10"/>
    </row>
    <row r="116911" spans="14:14">
      <c r="N116911" s="10"/>
    </row>
    <row r="116912" spans="14:14">
      <c r="N116912" s="10"/>
    </row>
    <row r="116913" spans="14:14">
      <c r="N116913" s="10"/>
    </row>
    <row r="116914" spans="14:14">
      <c r="N116914" s="10"/>
    </row>
    <row r="116915" spans="14:14">
      <c r="N116915" s="10"/>
    </row>
    <row r="116916" spans="14:14">
      <c r="N116916" s="10"/>
    </row>
    <row r="116917" spans="14:14">
      <c r="N116917" s="10"/>
    </row>
    <row r="116918" spans="14:14">
      <c r="N116918" s="10"/>
    </row>
    <row r="116919" spans="14:14">
      <c r="N116919" s="10"/>
    </row>
    <row r="116920" spans="14:14">
      <c r="N116920" s="10"/>
    </row>
    <row r="116921" spans="14:14">
      <c r="N116921" s="10"/>
    </row>
    <row r="116922" spans="14:14">
      <c r="N116922" s="10"/>
    </row>
    <row r="116923" spans="14:14">
      <c r="N116923" s="10"/>
    </row>
    <row r="116924" spans="14:14">
      <c r="N116924" s="10"/>
    </row>
    <row r="116925" spans="14:14">
      <c r="N116925" s="10"/>
    </row>
    <row r="116926" spans="14:14">
      <c r="N116926" s="10"/>
    </row>
    <row r="116927" spans="14:14">
      <c r="N116927" s="10"/>
    </row>
    <row r="116928" spans="14:14">
      <c r="N116928" s="10"/>
    </row>
    <row r="116929" spans="14:14">
      <c r="N116929" s="10"/>
    </row>
    <row r="116930" spans="14:14">
      <c r="N116930" s="10"/>
    </row>
    <row r="116931" spans="14:14">
      <c r="N116931" s="10"/>
    </row>
    <row r="116932" spans="14:14">
      <c r="N116932" s="10"/>
    </row>
    <row r="116933" spans="14:14">
      <c r="N116933" s="10"/>
    </row>
    <row r="116934" spans="14:14">
      <c r="N116934" s="10"/>
    </row>
    <row r="116935" spans="14:14">
      <c r="N116935" s="10"/>
    </row>
    <row r="116936" spans="14:14">
      <c r="N116936" s="10"/>
    </row>
    <row r="116937" spans="14:14">
      <c r="N116937" s="10"/>
    </row>
    <row r="116938" spans="14:14">
      <c r="N116938" s="10"/>
    </row>
    <row r="116939" spans="14:14">
      <c r="N116939" s="10"/>
    </row>
    <row r="116940" spans="14:14">
      <c r="N116940" s="10"/>
    </row>
    <row r="116941" spans="14:14">
      <c r="N116941" s="10"/>
    </row>
    <row r="116942" spans="14:14">
      <c r="N116942" s="10"/>
    </row>
    <row r="116943" spans="14:14">
      <c r="N116943" s="10"/>
    </row>
    <row r="116944" spans="14:14">
      <c r="N116944" s="10"/>
    </row>
    <row r="116945" spans="14:14">
      <c r="N116945" s="10"/>
    </row>
    <row r="116946" spans="14:14">
      <c r="N116946" s="10"/>
    </row>
    <row r="116947" spans="14:14">
      <c r="N116947" s="10"/>
    </row>
    <row r="116948" spans="14:14">
      <c r="N116948" s="10"/>
    </row>
    <row r="116949" spans="14:14">
      <c r="N116949" s="10"/>
    </row>
    <row r="116950" spans="14:14">
      <c r="N116950" s="10"/>
    </row>
    <row r="116951" spans="14:14">
      <c r="N116951" s="10"/>
    </row>
    <row r="116952" spans="14:14">
      <c r="N116952" s="10"/>
    </row>
    <row r="116953" spans="14:14">
      <c r="N116953" s="10"/>
    </row>
    <row r="116954" spans="14:14">
      <c r="N116954" s="10"/>
    </row>
    <row r="116955" spans="14:14">
      <c r="N116955" s="10"/>
    </row>
    <row r="116956" spans="14:14">
      <c r="N116956" s="10"/>
    </row>
    <row r="116957" spans="14:14">
      <c r="N116957" s="10"/>
    </row>
    <row r="116958" spans="14:14">
      <c r="N116958" s="10"/>
    </row>
    <row r="116959" spans="14:14">
      <c r="N116959" s="10"/>
    </row>
    <row r="116960" spans="14:14">
      <c r="N116960" s="10"/>
    </row>
    <row r="116961" spans="14:14">
      <c r="N116961" s="10"/>
    </row>
    <row r="116962" spans="14:14">
      <c r="N116962" s="10"/>
    </row>
    <row r="116963" spans="14:14">
      <c r="N116963" s="10"/>
    </row>
    <row r="116964" spans="14:14">
      <c r="N116964" s="10"/>
    </row>
    <row r="116965" spans="14:14">
      <c r="N116965" s="10"/>
    </row>
    <row r="116966" spans="14:14">
      <c r="N116966" s="10"/>
    </row>
    <row r="116967" spans="14:14">
      <c r="N116967" s="10"/>
    </row>
    <row r="116968" spans="14:14">
      <c r="N116968" s="10"/>
    </row>
    <row r="116969" spans="14:14">
      <c r="N116969" s="10"/>
    </row>
    <row r="116970" spans="14:14">
      <c r="N116970" s="10"/>
    </row>
    <row r="116971" spans="14:14">
      <c r="N116971" s="10"/>
    </row>
    <row r="116972" spans="14:14">
      <c r="N116972" s="10"/>
    </row>
    <row r="116973" spans="14:14">
      <c r="N116973" s="10"/>
    </row>
    <row r="116974" spans="14:14">
      <c r="N116974" s="10"/>
    </row>
    <row r="116975" spans="14:14">
      <c r="N116975" s="10"/>
    </row>
    <row r="116976" spans="14:14">
      <c r="N116976" s="10"/>
    </row>
    <row r="116977" spans="14:14">
      <c r="N116977" s="10"/>
    </row>
    <row r="116978" spans="14:14">
      <c r="N116978" s="10"/>
    </row>
    <row r="116979" spans="14:14">
      <c r="N116979" s="10"/>
    </row>
    <row r="116980" spans="14:14">
      <c r="N116980" s="10"/>
    </row>
    <row r="116981" spans="14:14">
      <c r="N116981" s="10"/>
    </row>
    <row r="116982" spans="14:14">
      <c r="N116982" s="10"/>
    </row>
    <row r="116983" spans="14:14">
      <c r="N116983" s="10"/>
    </row>
    <row r="116984" spans="14:14">
      <c r="N116984" s="10"/>
    </row>
    <row r="116985" spans="14:14">
      <c r="N116985" s="10"/>
    </row>
    <row r="116986" spans="14:14">
      <c r="N116986" s="10"/>
    </row>
    <row r="116987" spans="14:14">
      <c r="N116987" s="10"/>
    </row>
    <row r="116988" spans="14:14">
      <c r="N116988" s="10"/>
    </row>
    <row r="116989" spans="14:14">
      <c r="N116989" s="10"/>
    </row>
    <row r="116990" spans="14:14">
      <c r="N116990" s="10"/>
    </row>
    <row r="116991" spans="14:14">
      <c r="N116991" s="10"/>
    </row>
    <row r="116992" spans="14:14">
      <c r="N116992" s="10"/>
    </row>
    <row r="116993" spans="14:14">
      <c r="N116993" s="10"/>
    </row>
    <row r="116994" spans="14:14">
      <c r="N116994" s="10"/>
    </row>
    <row r="116995" spans="14:14">
      <c r="N116995" s="10"/>
    </row>
    <row r="116996" spans="14:14">
      <c r="N116996" s="10"/>
    </row>
    <row r="116997" spans="14:14">
      <c r="N116997" s="10"/>
    </row>
    <row r="116998" spans="14:14">
      <c r="N116998" s="10"/>
    </row>
    <row r="116999" spans="14:14">
      <c r="N116999" s="10"/>
    </row>
    <row r="117000" spans="14:14">
      <c r="N117000" s="10"/>
    </row>
    <row r="117001" spans="14:14">
      <c r="N117001" s="10"/>
    </row>
    <row r="117002" spans="14:14">
      <c r="N117002" s="10"/>
    </row>
    <row r="117003" spans="14:14">
      <c r="N117003" s="10"/>
    </row>
    <row r="117004" spans="14:14">
      <c r="N117004" s="10"/>
    </row>
    <row r="117005" spans="14:14">
      <c r="N117005" s="10"/>
    </row>
    <row r="117006" spans="14:14">
      <c r="N117006" s="10"/>
    </row>
    <row r="117007" spans="14:14">
      <c r="N117007" s="10"/>
    </row>
    <row r="117008" spans="14:14">
      <c r="N117008" s="10"/>
    </row>
    <row r="117009" spans="14:14">
      <c r="N117009" s="10"/>
    </row>
    <row r="117010" spans="14:14">
      <c r="N117010" s="10"/>
    </row>
    <row r="117011" spans="14:14">
      <c r="N117011" s="10"/>
    </row>
    <row r="117012" spans="14:14">
      <c r="N117012" s="10"/>
    </row>
    <row r="117013" spans="14:14">
      <c r="N117013" s="10"/>
    </row>
    <row r="117014" spans="14:14">
      <c r="N117014" s="10"/>
    </row>
    <row r="117015" spans="14:14">
      <c r="N117015" s="10"/>
    </row>
    <row r="117016" spans="14:14">
      <c r="N117016" s="10"/>
    </row>
    <row r="117017" spans="14:14">
      <c r="N117017" s="10"/>
    </row>
    <row r="117018" spans="14:14">
      <c r="N117018" s="10"/>
    </row>
    <row r="117019" spans="14:14">
      <c r="N117019" s="10"/>
    </row>
    <row r="117020" spans="14:14">
      <c r="N117020" s="10"/>
    </row>
    <row r="117021" spans="14:14">
      <c r="N117021" s="10"/>
    </row>
    <row r="117022" spans="14:14">
      <c r="N117022" s="10"/>
    </row>
    <row r="117023" spans="14:14">
      <c r="N117023" s="10"/>
    </row>
    <row r="117024" spans="14:14">
      <c r="N117024" s="10"/>
    </row>
    <row r="117025" spans="14:14">
      <c r="N117025" s="10"/>
    </row>
    <row r="117026" spans="14:14">
      <c r="N117026" s="10"/>
    </row>
    <row r="117027" spans="14:14">
      <c r="N117027" s="10"/>
    </row>
    <row r="117028" spans="14:14">
      <c r="N117028" s="10"/>
    </row>
    <row r="117029" spans="14:14">
      <c r="N117029" s="10"/>
    </row>
    <row r="117030" spans="14:14">
      <c r="N117030" s="10"/>
    </row>
    <row r="117031" spans="14:14">
      <c r="N117031" s="10"/>
    </row>
    <row r="117032" spans="14:14">
      <c r="N117032" s="10"/>
    </row>
    <row r="117033" spans="14:14">
      <c r="N117033" s="10"/>
    </row>
    <row r="117034" spans="14:14">
      <c r="N117034" s="10"/>
    </row>
    <row r="117035" spans="14:14">
      <c r="N117035" s="10"/>
    </row>
    <row r="117036" spans="14:14">
      <c r="N117036" s="10"/>
    </row>
    <row r="117037" spans="14:14">
      <c r="N117037" s="10"/>
    </row>
    <row r="117038" spans="14:14">
      <c r="N117038" s="10"/>
    </row>
    <row r="117039" spans="14:14">
      <c r="N117039" s="10"/>
    </row>
    <row r="117040" spans="14:14">
      <c r="N117040" s="10"/>
    </row>
    <row r="117041" spans="14:14">
      <c r="N117041" s="10"/>
    </row>
    <row r="117042" spans="14:14">
      <c r="N117042" s="10"/>
    </row>
    <row r="117043" spans="14:14">
      <c r="N117043" s="10"/>
    </row>
    <row r="117044" spans="14:14">
      <c r="N117044" s="10"/>
    </row>
    <row r="117045" spans="14:14">
      <c r="N117045" s="10"/>
    </row>
    <row r="117046" spans="14:14">
      <c r="N117046" s="10"/>
    </row>
    <row r="117047" spans="14:14">
      <c r="N117047" s="10"/>
    </row>
    <row r="117048" spans="14:14">
      <c r="N117048" s="10"/>
    </row>
    <row r="117049" spans="14:14">
      <c r="N117049" s="10"/>
    </row>
    <row r="117050" spans="14:14">
      <c r="N117050" s="10"/>
    </row>
    <row r="117051" spans="14:14">
      <c r="N117051" s="10"/>
    </row>
    <row r="117052" spans="14:14">
      <c r="N117052" s="10"/>
    </row>
    <row r="117053" spans="14:14">
      <c r="N117053" s="10"/>
    </row>
    <row r="117054" spans="14:14">
      <c r="N117054" s="10"/>
    </row>
    <row r="117055" spans="14:14">
      <c r="N117055" s="10"/>
    </row>
    <row r="117056" spans="14:14">
      <c r="N117056" s="10"/>
    </row>
    <row r="117057" spans="14:14">
      <c r="N117057" s="10"/>
    </row>
    <row r="117058" spans="14:14">
      <c r="N117058" s="10"/>
    </row>
    <row r="117059" spans="14:14">
      <c r="N117059" s="10"/>
    </row>
    <row r="117060" spans="14:14">
      <c r="N117060" s="10"/>
    </row>
    <row r="117061" spans="14:14">
      <c r="N117061" s="10"/>
    </row>
    <row r="117062" spans="14:14">
      <c r="N117062" s="10"/>
    </row>
    <row r="117063" spans="14:14">
      <c r="N117063" s="10"/>
    </row>
    <row r="117064" spans="14:14">
      <c r="N117064" s="10"/>
    </row>
    <row r="117065" spans="14:14">
      <c r="N117065" s="10"/>
    </row>
    <row r="117066" spans="14:14">
      <c r="N117066" s="10"/>
    </row>
    <row r="117067" spans="14:14">
      <c r="N117067" s="10"/>
    </row>
    <row r="117068" spans="14:14">
      <c r="N117068" s="10"/>
    </row>
    <row r="117069" spans="14:14">
      <c r="N117069" s="10"/>
    </row>
    <row r="117070" spans="14:14">
      <c r="N117070" s="10"/>
    </row>
    <row r="117071" spans="14:14">
      <c r="N117071" s="10"/>
    </row>
    <row r="117072" spans="14:14">
      <c r="N117072" s="10"/>
    </row>
    <row r="117073" spans="14:14">
      <c r="N117073" s="10"/>
    </row>
    <row r="117074" spans="14:14">
      <c r="N117074" s="10"/>
    </row>
    <row r="117075" spans="14:14">
      <c r="N117075" s="10"/>
    </row>
    <row r="117076" spans="14:14">
      <c r="N117076" s="10"/>
    </row>
    <row r="117077" spans="14:14">
      <c r="N117077" s="10"/>
    </row>
    <row r="117078" spans="14:14">
      <c r="N117078" s="10"/>
    </row>
    <row r="117079" spans="14:14">
      <c r="N117079" s="10"/>
    </row>
    <row r="117080" spans="14:14">
      <c r="N117080" s="10"/>
    </row>
    <row r="117081" spans="14:14">
      <c r="N117081" s="10"/>
    </row>
    <row r="117082" spans="14:14">
      <c r="N117082" s="10"/>
    </row>
    <row r="117083" spans="14:14">
      <c r="N117083" s="10"/>
    </row>
    <row r="117084" spans="14:14">
      <c r="N117084" s="10"/>
    </row>
    <row r="117085" spans="14:14">
      <c r="N117085" s="10"/>
    </row>
    <row r="117086" spans="14:14">
      <c r="N117086" s="10"/>
    </row>
    <row r="117087" spans="14:14">
      <c r="N117087" s="10"/>
    </row>
    <row r="117088" spans="14:14">
      <c r="N117088" s="10"/>
    </row>
    <row r="117089" spans="14:14">
      <c r="N117089" s="10"/>
    </row>
    <row r="117090" spans="14:14">
      <c r="N117090" s="10"/>
    </row>
    <row r="117091" spans="14:14">
      <c r="N117091" s="10"/>
    </row>
    <row r="117092" spans="14:14">
      <c r="N117092" s="10"/>
    </row>
    <row r="117093" spans="14:14">
      <c r="N117093" s="10"/>
    </row>
    <row r="117094" spans="14:14">
      <c r="N117094" s="10"/>
    </row>
    <row r="117095" spans="14:14">
      <c r="N117095" s="10"/>
    </row>
    <row r="117096" spans="14:14">
      <c r="N117096" s="10"/>
    </row>
    <row r="117097" spans="14:14">
      <c r="N117097" s="10"/>
    </row>
    <row r="117098" spans="14:14">
      <c r="N117098" s="10"/>
    </row>
    <row r="117099" spans="14:14">
      <c r="N117099" s="10"/>
    </row>
    <row r="117100" spans="14:14">
      <c r="N117100" s="10"/>
    </row>
    <row r="117101" spans="14:14">
      <c r="N117101" s="10"/>
    </row>
    <row r="117102" spans="14:14">
      <c r="N117102" s="10"/>
    </row>
    <row r="117103" spans="14:14">
      <c r="N117103" s="10"/>
    </row>
    <row r="117104" spans="14:14">
      <c r="N117104" s="10"/>
    </row>
    <row r="117105" spans="14:14">
      <c r="N117105" s="10"/>
    </row>
    <row r="117106" spans="14:14">
      <c r="N117106" s="10"/>
    </row>
    <row r="117107" spans="14:14">
      <c r="N117107" s="10"/>
    </row>
    <row r="117108" spans="14:14">
      <c r="N117108" s="10"/>
    </row>
    <row r="117109" spans="14:14">
      <c r="N117109" s="10"/>
    </row>
    <row r="117110" spans="14:14">
      <c r="N117110" s="10"/>
    </row>
    <row r="117111" spans="14:14">
      <c r="N117111" s="10"/>
    </row>
    <row r="117112" spans="14:14">
      <c r="N117112" s="10"/>
    </row>
    <row r="117113" spans="14:14">
      <c r="N117113" s="10"/>
    </row>
    <row r="117114" spans="14:14">
      <c r="N117114" s="10"/>
    </row>
    <row r="117115" spans="14:14">
      <c r="N117115" s="10"/>
    </row>
    <row r="117116" spans="14:14">
      <c r="N117116" s="10"/>
    </row>
    <row r="117117" spans="14:14">
      <c r="N117117" s="10"/>
    </row>
    <row r="117118" spans="14:14">
      <c r="N117118" s="10"/>
    </row>
    <row r="117119" spans="14:14">
      <c r="N117119" s="10"/>
    </row>
    <row r="117120" spans="14:14">
      <c r="N117120" s="10"/>
    </row>
    <row r="117121" spans="14:14">
      <c r="N117121" s="10"/>
    </row>
    <row r="117122" spans="14:14">
      <c r="N117122" s="10"/>
    </row>
    <row r="117123" spans="14:14">
      <c r="N117123" s="10"/>
    </row>
    <row r="117124" spans="14:14">
      <c r="N117124" s="10"/>
    </row>
    <row r="117125" spans="14:14">
      <c r="N117125" s="10"/>
    </row>
    <row r="117126" spans="14:14">
      <c r="N117126" s="10"/>
    </row>
    <row r="117127" spans="14:14">
      <c r="N117127" s="10"/>
    </row>
    <row r="117128" spans="14:14">
      <c r="N117128" s="10"/>
    </row>
    <row r="117129" spans="14:14">
      <c r="N117129" s="10"/>
    </row>
    <row r="117130" spans="14:14">
      <c r="N117130" s="10"/>
    </row>
    <row r="117131" spans="14:14">
      <c r="N117131" s="10"/>
    </row>
    <row r="117132" spans="14:14">
      <c r="N117132" s="10"/>
    </row>
    <row r="117133" spans="14:14">
      <c r="N117133" s="10"/>
    </row>
    <row r="117134" spans="14:14">
      <c r="N117134" s="10"/>
    </row>
    <row r="117135" spans="14:14">
      <c r="N117135" s="10"/>
    </row>
    <row r="117136" spans="14:14">
      <c r="N117136" s="10"/>
    </row>
    <row r="117137" spans="14:14">
      <c r="N117137" s="10"/>
    </row>
    <row r="117138" spans="14:14">
      <c r="N117138" s="10"/>
    </row>
    <row r="117139" spans="14:14">
      <c r="N117139" s="10"/>
    </row>
    <row r="117140" spans="14:14">
      <c r="N117140" s="10"/>
    </row>
    <row r="117141" spans="14:14">
      <c r="N117141" s="10"/>
    </row>
    <row r="117142" spans="14:14">
      <c r="N117142" s="10"/>
    </row>
    <row r="117143" spans="14:14">
      <c r="N117143" s="10"/>
    </row>
    <row r="117144" spans="14:14">
      <c r="N117144" s="10"/>
    </row>
    <row r="117145" spans="14:14">
      <c r="N117145" s="10"/>
    </row>
    <row r="117146" spans="14:14">
      <c r="N117146" s="10"/>
    </row>
    <row r="117147" spans="14:14">
      <c r="N117147" s="10"/>
    </row>
    <row r="117148" spans="14:14">
      <c r="N117148" s="10"/>
    </row>
    <row r="117149" spans="14:14">
      <c r="N117149" s="10"/>
    </row>
    <row r="117150" spans="14:14">
      <c r="N117150" s="10"/>
    </row>
    <row r="117151" spans="14:14">
      <c r="N117151" s="10"/>
    </row>
    <row r="117152" spans="14:14">
      <c r="N117152" s="10"/>
    </row>
    <row r="117153" spans="14:14">
      <c r="N117153" s="10"/>
    </row>
    <row r="117154" spans="14:14">
      <c r="N117154" s="10"/>
    </row>
    <row r="117155" spans="14:14">
      <c r="N117155" s="10"/>
    </row>
    <row r="117156" spans="14:14">
      <c r="N117156" s="10"/>
    </row>
    <row r="117157" spans="14:14">
      <c r="N117157" s="10"/>
    </row>
    <row r="117158" spans="14:14">
      <c r="N117158" s="10"/>
    </row>
    <row r="117159" spans="14:14">
      <c r="N117159" s="10"/>
    </row>
    <row r="117160" spans="14:14">
      <c r="N117160" s="10"/>
    </row>
    <row r="117161" spans="14:14">
      <c r="N117161" s="10"/>
    </row>
    <row r="117162" spans="14:14">
      <c r="N117162" s="10"/>
    </row>
    <row r="117163" spans="14:14">
      <c r="N117163" s="10"/>
    </row>
    <row r="117164" spans="14:14">
      <c r="N117164" s="10"/>
    </row>
    <row r="117165" spans="14:14">
      <c r="N117165" s="10"/>
    </row>
    <row r="117166" spans="14:14">
      <c r="N117166" s="10"/>
    </row>
    <row r="117167" spans="14:14">
      <c r="N117167" s="10"/>
    </row>
    <row r="117168" spans="14:14">
      <c r="N117168" s="10"/>
    </row>
    <row r="117169" spans="14:14">
      <c r="N117169" s="10"/>
    </row>
    <row r="117170" spans="14:14">
      <c r="N117170" s="10"/>
    </row>
    <row r="117171" spans="14:14">
      <c r="N117171" s="10"/>
    </row>
    <row r="117172" spans="14:14">
      <c r="N117172" s="10"/>
    </row>
    <row r="117173" spans="14:14">
      <c r="N117173" s="10"/>
    </row>
    <row r="117174" spans="14:14">
      <c r="N117174" s="10"/>
    </row>
    <row r="117175" spans="14:14">
      <c r="N117175" s="10"/>
    </row>
    <row r="117176" spans="14:14">
      <c r="N117176" s="10"/>
    </row>
    <row r="117177" spans="14:14">
      <c r="N117177" s="10"/>
    </row>
    <row r="117178" spans="14:14">
      <c r="N117178" s="10"/>
    </row>
    <row r="117179" spans="14:14">
      <c r="N117179" s="10"/>
    </row>
    <row r="117180" spans="14:14">
      <c r="N117180" s="10"/>
    </row>
    <row r="117181" spans="14:14">
      <c r="N117181" s="10"/>
    </row>
    <row r="117182" spans="14:14">
      <c r="N117182" s="10"/>
    </row>
    <row r="117183" spans="14:14">
      <c r="N117183" s="10"/>
    </row>
    <row r="117184" spans="14:14">
      <c r="N117184" s="10"/>
    </row>
    <row r="117185" spans="14:14">
      <c r="N117185" s="10"/>
    </row>
    <row r="117186" spans="14:14">
      <c r="N117186" s="10"/>
    </row>
    <row r="117187" spans="14:14">
      <c r="N117187" s="10"/>
    </row>
    <row r="117188" spans="14:14">
      <c r="N117188" s="10"/>
    </row>
    <row r="117189" spans="14:14">
      <c r="N117189" s="10"/>
    </row>
    <row r="117190" spans="14:14">
      <c r="N117190" s="10"/>
    </row>
    <row r="117191" spans="14:14">
      <c r="N117191" s="10"/>
    </row>
    <row r="117192" spans="14:14">
      <c r="N117192" s="10"/>
    </row>
    <row r="117193" spans="14:14">
      <c r="N117193" s="10"/>
    </row>
    <row r="117194" spans="14:14">
      <c r="N117194" s="10"/>
    </row>
    <row r="117195" spans="14:14">
      <c r="N117195" s="10"/>
    </row>
    <row r="117196" spans="14:14">
      <c r="N117196" s="10"/>
    </row>
    <row r="117197" spans="14:14">
      <c r="N117197" s="10"/>
    </row>
    <row r="117198" spans="14:14">
      <c r="N117198" s="10"/>
    </row>
    <row r="117199" spans="14:14">
      <c r="N117199" s="10"/>
    </row>
    <row r="117200" spans="14:14">
      <c r="N117200" s="10"/>
    </row>
    <row r="117201" spans="14:14">
      <c r="N117201" s="10"/>
    </row>
    <row r="117202" spans="14:14">
      <c r="N117202" s="10"/>
    </row>
    <row r="117203" spans="14:14">
      <c r="N117203" s="10"/>
    </row>
    <row r="117204" spans="14:14">
      <c r="N117204" s="10"/>
    </row>
    <row r="117205" spans="14:14">
      <c r="N117205" s="10"/>
    </row>
    <row r="117206" spans="14:14">
      <c r="N117206" s="10"/>
    </row>
    <row r="117207" spans="14:14">
      <c r="N117207" s="10"/>
    </row>
    <row r="117208" spans="14:14">
      <c r="N117208" s="10"/>
    </row>
    <row r="117209" spans="14:14">
      <c r="N117209" s="10"/>
    </row>
    <row r="117210" spans="14:14">
      <c r="N117210" s="10"/>
    </row>
    <row r="117211" spans="14:14">
      <c r="N117211" s="10"/>
    </row>
    <row r="117212" spans="14:14">
      <c r="N117212" s="10"/>
    </row>
    <row r="117213" spans="14:14">
      <c r="N117213" s="10"/>
    </row>
    <row r="117214" spans="14:14">
      <c r="N117214" s="10"/>
    </row>
    <row r="117215" spans="14:14">
      <c r="N117215" s="10"/>
    </row>
    <row r="117216" spans="14:14">
      <c r="N117216" s="10"/>
    </row>
    <row r="117217" spans="14:14">
      <c r="N117217" s="10"/>
    </row>
    <row r="117218" spans="14:14">
      <c r="N117218" s="10"/>
    </row>
    <row r="117219" spans="14:14">
      <c r="N117219" s="10"/>
    </row>
    <row r="117220" spans="14:14">
      <c r="N117220" s="10"/>
    </row>
    <row r="117221" spans="14:14">
      <c r="N117221" s="10"/>
    </row>
    <row r="117222" spans="14:14">
      <c r="N117222" s="10"/>
    </row>
    <row r="117223" spans="14:14">
      <c r="N117223" s="10"/>
    </row>
    <row r="117224" spans="14:14">
      <c r="N117224" s="10"/>
    </row>
    <row r="117225" spans="14:14">
      <c r="N117225" s="10"/>
    </row>
    <row r="117226" spans="14:14">
      <c r="N117226" s="10"/>
    </row>
    <row r="117227" spans="14:14">
      <c r="N117227" s="10"/>
    </row>
    <row r="117228" spans="14:14">
      <c r="N117228" s="10"/>
    </row>
    <row r="117229" spans="14:14">
      <c r="N117229" s="10"/>
    </row>
    <row r="117230" spans="14:14">
      <c r="N117230" s="10"/>
    </row>
    <row r="117231" spans="14:14">
      <c r="N117231" s="10"/>
    </row>
    <row r="117232" spans="14:14">
      <c r="N117232" s="10"/>
    </row>
    <row r="117233" spans="14:14">
      <c r="N117233" s="10"/>
    </row>
    <row r="117234" spans="14:14">
      <c r="N117234" s="10"/>
    </row>
    <row r="117235" spans="14:14">
      <c r="N117235" s="10"/>
    </row>
    <row r="117236" spans="14:14">
      <c r="N117236" s="10"/>
    </row>
    <row r="117237" spans="14:14">
      <c r="N117237" s="10"/>
    </row>
    <row r="117238" spans="14:14">
      <c r="N117238" s="10"/>
    </row>
    <row r="117239" spans="14:14">
      <c r="N117239" s="10"/>
    </row>
    <row r="117240" spans="14:14">
      <c r="N117240" s="10"/>
    </row>
    <row r="117241" spans="14:14">
      <c r="N117241" s="10"/>
    </row>
    <row r="117242" spans="14:14">
      <c r="N117242" s="10"/>
    </row>
    <row r="117243" spans="14:14">
      <c r="N117243" s="10"/>
    </row>
    <row r="117244" spans="14:14">
      <c r="N117244" s="10"/>
    </row>
    <row r="117245" spans="14:14">
      <c r="N117245" s="10"/>
    </row>
    <row r="117246" spans="14:14">
      <c r="N117246" s="10"/>
    </row>
    <row r="117247" spans="14:14">
      <c r="N117247" s="10"/>
    </row>
    <row r="117248" spans="14:14">
      <c r="N117248" s="10"/>
    </row>
    <row r="117249" spans="14:14">
      <c r="N117249" s="10"/>
    </row>
    <row r="117250" spans="14:14">
      <c r="N117250" s="10"/>
    </row>
    <row r="117251" spans="14:14">
      <c r="N117251" s="10"/>
    </row>
    <row r="117252" spans="14:14">
      <c r="N117252" s="10"/>
    </row>
    <row r="117253" spans="14:14">
      <c r="N117253" s="10"/>
    </row>
    <row r="117254" spans="14:14">
      <c r="N117254" s="10"/>
    </row>
    <row r="117255" spans="14:14">
      <c r="N117255" s="10"/>
    </row>
    <row r="117256" spans="14:14">
      <c r="N117256" s="10"/>
    </row>
    <row r="117257" spans="14:14">
      <c r="N117257" s="10"/>
    </row>
    <row r="117258" spans="14:14">
      <c r="N117258" s="10"/>
    </row>
    <row r="117259" spans="14:14">
      <c r="N117259" s="10"/>
    </row>
    <row r="117260" spans="14:14">
      <c r="N117260" s="10"/>
    </row>
    <row r="117261" spans="14:14">
      <c r="N117261" s="10"/>
    </row>
    <row r="117262" spans="14:14">
      <c r="N117262" s="10"/>
    </row>
    <row r="117263" spans="14:14">
      <c r="N117263" s="10"/>
    </row>
    <row r="117264" spans="14:14">
      <c r="N117264" s="10"/>
    </row>
    <row r="117265" spans="14:14">
      <c r="N117265" s="10"/>
    </row>
    <row r="117266" spans="14:14">
      <c r="N117266" s="10"/>
    </row>
    <row r="117267" spans="14:14">
      <c r="N117267" s="10"/>
    </row>
    <row r="117268" spans="14:14">
      <c r="N117268" s="10"/>
    </row>
    <row r="117269" spans="14:14">
      <c r="N117269" s="10"/>
    </row>
    <row r="117270" spans="14:14">
      <c r="N117270" s="10"/>
    </row>
    <row r="117271" spans="14:14">
      <c r="N117271" s="10"/>
    </row>
    <row r="117272" spans="14:14">
      <c r="N117272" s="10"/>
    </row>
    <row r="117273" spans="14:14">
      <c r="N117273" s="10"/>
    </row>
    <row r="117274" spans="14:14">
      <c r="N117274" s="10"/>
    </row>
    <row r="117275" spans="14:14">
      <c r="N117275" s="10"/>
    </row>
    <row r="117276" spans="14:14">
      <c r="N117276" s="10"/>
    </row>
    <row r="117277" spans="14:14">
      <c r="N117277" s="10"/>
    </row>
    <row r="117278" spans="14:14">
      <c r="N117278" s="10"/>
    </row>
    <row r="117279" spans="14:14">
      <c r="N117279" s="10"/>
    </row>
    <row r="117280" spans="14:14">
      <c r="N117280" s="10"/>
    </row>
    <row r="117281" spans="14:14">
      <c r="N117281" s="10"/>
    </row>
    <row r="117282" spans="14:14">
      <c r="N117282" s="10"/>
    </row>
    <row r="117283" spans="14:14">
      <c r="N117283" s="10"/>
    </row>
    <row r="117284" spans="14:14">
      <c r="N117284" s="10"/>
    </row>
    <row r="117285" spans="14:14">
      <c r="N117285" s="10"/>
    </row>
    <row r="117286" spans="14:14">
      <c r="N117286" s="10"/>
    </row>
    <row r="117287" spans="14:14">
      <c r="N117287" s="10"/>
    </row>
    <row r="117288" spans="14:14">
      <c r="N117288" s="10"/>
    </row>
    <row r="117289" spans="14:14">
      <c r="N117289" s="10"/>
    </row>
    <row r="117290" spans="14:14">
      <c r="N117290" s="10"/>
    </row>
    <row r="117291" spans="14:14">
      <c r="N117291" s="10"/>
    </row>
    <row r="117292" spans="14:14">
      <c r="N117292" s="10"/>
    </row>
    <row r="117293" spans="14:14">
      <c r="N117293" s="10"/>
    </row>
    <row r="117294" spans="14:14">
      <c r="N117294" s="10"/>
    </row>
    <row r="117295" spans="14:14">
      <c r="N117295" s="10"/>
    </row>
    <row r="117296" spans="14:14">
      <c r="N117296" s="10"/>
    </row>
    <row r="117297" spans="14:14">
      <c r="N117297" s="10"/>
    </row>
    <row r="117298" spans="14:14">
      <c r="N117298" s="10"/>
    </row>
    <row r="117299" spans="14:14">
      <c r="N117299" s="10"/>
    </row>
    <row r="117300" spans="14:14">
      <c r="N117300" s="10"/>
    </row>
    <row r="117301" spans="14:14">
      <c r="N117301" s="10"/>
    </row>
    <row r="117302" spans="14:14">
      <c r="N117302" s="10"/>
    </row>
    <row r="117303" spans="14:14">
      <c r="N117303" s="10"/>
    </row>
    <row r="117304" spans="14:14">
      <c r="N117304" s="10"/>
    </row>
    <row r="117305" spans="14:14">
      <c r="N117305" s="10"/>
    </row>
    <row r="117306" spans="14:14">
      <c r="N117306" s="10"/>
    </row>
    <row r="117307" spans="14:14">
      <c r="N117307" s="10"/>
    </row>
    <row r="117308" spans="14:14">
      <c r="N117308" s="10"/>
    </row>
    <row r="117309" spans="14:14">
      <c r="N117309" s="10"/>
    </row>
    <row r="117310" spans="14:14">
      <c r="N117310" s="10"/>
    </row>
    <row r="117311" spans="14:14">
      <c r="N117311" s="10"/>
    </row>
    <row r="117312" spans="14:14">
      <c r="N117312" s="10"/>
    </row>
    <row r="117313" spans="14:14">
      <c r="N117313" s="10"/>
    </row>
    <row r="117314" spans="14:14">
      <c r="N117314" s="10"/>
    </row>
    <row r="117315" spans="14:14">
      <c r="N117315" s="10"/>
    </row>
    <row r="117316" spans="14:14">
      <c r="N117316" s="10"/>
    </row>
    <row r="117317" spans="14:14">
      <c r="N117317" s="10"/>
    </row>
    <row r="117318" spans="14:14">
      <c r="N117318" s="10"/>
    </row>
    <row r="117319" spans="14:14">
      <c r="N117319" s="10"/>
    </row>
    <row r="117320" spans="14:14">
      <c r="N117320" s="10"/>
    </row>
    <row r="117321" spans="14:14">
      <c r="N117321" s="10"/>
    </row>
    <row r="117322" spans="14:14">
      <c r="N117322" s="10"/>
    </row>
    <row r="117323" spans="14:14">
      <c r="N117323" s="10"/>
    </row>
    <row r="117324" spans="14:14">
      <c r="N117324" s="10"/>
    </row>
    <row r="117325" spans="14:14">
      <c r="N117325" s="10"/>
    </row>
    <row r="117326" spans="14:14">
      <c r="N117326" s="10"/>
    </row>
    <row r="117327" spans="14:14">
      <c r="N117327" s="10"/>
    </row>
    <row r="117328" spans="14:14">
      <c r="N117328" s="10"/>
    </row>
    <row r="117329" spans="14:14">
      <c r="N117329" s="10"/>
    </row>
    <row r="117330" spans="14:14">
      <c r="N117330" s="10"/>
    </row>
    <row r="117331" spans="14:14">
      <c r="N117331" s="10"/>
    </row>
    <row r="117332" spans="14:14">
      <c r="N117332" s="10"/>
    </row>
    <row r="117333" spans="14:14">
      <c r="N117333" s="10"/>
    </row>
    <row r="117334" spans="14:14">
      <c r="N117334" s="10"/>
    </row>
    <row r="117335" spans="14:14">
      <c r="N117335" s="10"/>
    </row>
    <row r="117336" spans="14:14">
      <c r="N117336" s="10"/>
    </row>
    <row r="117337" spans="14:14">
      <c r="N117337" s="10"/>
    </row>
    <row r="117338" spans="14:14">
      <c r="N117338" s="10"/>
    </row>
    <row r="117339" spans="14:14">
      <c r="N117339" s="10"/>
    </row>
    <row r="117340" spans="14:14">
      <c r="N117340" s="10"/>
    </row>
    <row r="117341" spans="14:14">
      <c r="N117341" s="10"/>
    </row>
    <row r="117342" spans="14:14">
      <c r="N117342" s="10"/>
    </row>
    <row r="117343" spans="14:14">
      <c r="N117343" s="10"/>
    </row>
    <row r="117344" spans="14:14">
      <c r="N117344" s="10"/>
    </row>
    <row r="117345" spans="14:14">
      <c r="N117345" s="10"/>
    </row>
    <row r="117346" spans="14:14">
      <c r="N117346" s="10"/>
    </row>
    <row r="117347" spans="14:14">
      <c r="N117347" s="10"/>
    </row>
    <row r="117348" spans="14:14">
      <c r="N117348" s="10"/>
    </row>
    <row r="117349" spans="14:14">
      <c r="N117349" s="10"/>
    </row>
    <row r="117350" spans="14:14">
      <c r="N117350" s="10"/>
    </row>
    <row r="117351" spans="14:14">
      <c r="N117351" s="10"/>
    </row>
    <row r="117352" spans="14:14">
      <c r="N117352" s="10"/>
    </row>
    <row r="117353" spans="14:14">
      <c r="N117353" s="10"/>
    </row>
    <row r="117354" spans="14:14">
      <c r="N117354" s="10"/>
    </row>
    <row r="117355" spans="14:14">
      <c r="N117355" s="10"/>
    </row>
    <row r="117356" spans="14:14">
      <c r="N117356" s="10"/>
    </row>
    <row r="117357" spans="14:14">
      <c r="N117357" s="10"/>
    </row>
    <row r="117358" spans="14:14">
      <c r="N117358" s="10"/>
    </row>
    <row r="117359" spans="14:14">
      <c r="N117359" s="10"/>
    </row>
    <row r="117360" spans="14:14">
      <c r="N117360" s="10"/>
    </row>
    <row r="117361" spans="14:14">
      <c r="N117361" s="10"/>
    </row>
    <row r="117362" spans="14:14">
      <c r="N117362" s="10"/>
    </row>
    <row r="117363" spans="14:14">
      <c r="N117363" s="10"/>
    </row>
    <row r="117364" spans="14:14">
      <c r="N117364" s="10"/>
    </row>
    <row r="117365" spans="14:14">
      <c r="N117365" s="10"/>
    </row>
    <row r="117366" spans="14:14">
      <c r="N117366" s="10"/>
    </row>
    <row r="117367" spans="14:14">
      <c r="N117367" s="10"/>
    </row>
    <row r="117368" spans="14:14">
      <c r="N117368" s="10"/>
    </row>
    <row r="117369" spans="14:14">
      <c r="N117369" s="10"/>
    </row>
    <row r="117370" spans="14:14">
      <c r="N117370" s="10"/>
    </row>
    <row r="117371" spans="14:14">
      <c r="N117371" s="10"/>
    </row>
    <row r="117372" spans="14:14">
      <c r="N117372" s="10"/>
    </row>
    <row r="117373" spans="14:14">
      <c r="N117373" s="10"/>
    </row>
    <row r="117374" spans="14:14">
      <c r="N117374" s="10"/>
    </row>
    <row r="117375" spans="14:14">
      <c r="N117375" s="10"/>
    </row>
    <row r="117376" spans="14:14">
      <c r="N117376" s="10"/>
    </row>
    <row r="117377" spans="14:14">
      <c r="N117377" s="10"/>
    </row>
    <row r="117378" spans="14:14">
      <c r="N117378" s="10"/>
    </row>
    <row r="117379" spans="14:14">
      <c r="N117379" s="10"/>
    </row>
    <row r="117380" spans="14:14">
      <c r="N117380" s="10"/>
    </row>
    <row r="117381" spans="14:14">
      <c r="N117381" s="10"/>
    </row>
    <row r="117382" spans="14:14">
      <c r="N117382" s="10"/>
    </row>
    <row r="117383" spans="14:14">
      <c r="N117383" s="10"/>
    </row>
    <row r="117384" spans="14:14">
      <c r="N117384" s="10"/>
    </row>
    <row r="117385" spans="14:14">
      <c r="N117385" s="10"/>
    </row>
    <row r="117386" spans="14:14">
      <c r="N117386" s="10"/>
    </row>
    <row r="117387" spans="14:14">
      <c r="N117387" s="10"/>
    </row>
    <row r="117388" spans="14:14">
      <c r="N117388" s="10"/>
    </row>
    <row r="117389" spans="14:14">
      <c r="N117389" s="10"/>
    </row>
    <row r="117390" spans="14:14">
      <c r="N117390" s="10"/>
    </row>
    <row r="117391" spans="14:14">
      <c r="N117391" s="10"/>
    </row>
    <row r="117392" spans="14:14">
      <c r="N117392" s="10"/>
    </row>
    <row r="117393" spans="14:14">
      <c r="N117393" s="10"/>
    </row>
    <row r="117394" spans="14:14">
      <c r="N117394" s="10"/>
    </row>
    <row r="117395" spans="14:14">
      <c r="N117395" s="10"/>
    </row>
    <row r="117396" spans="14:14">
      <c r="N117396" s="10"/>
    </row>
    <row r="117397" spans="14:14">
      <c r="N117397" s="10"/>
    </row>
    <row r="117398" spans="14:14">
      <c r="N117398" s="10"/>
    </row>
    <row r="117399" spans="14:14">
      <c r="N117399" s="10"/>
    </row>
    <row r="117400" spans="14:14">
      <c r="N117400" s="10"/>
    </row>
    <row r="117401" spans="14:14">
      <c r="N117401" s="10"/>
    </row>
    <row r="117402" spans="14:14">
      <c r="N117402" s="10"/>
    </row>
    <row r="117403" spans="14:14">
      <c r="N117403" s="10"/>
    </row>
    <row r="117404" spans="14:14">
      <c r="N117404" s="10"/>
    </row>
    <row r="117405" spans="14:14">
      <c r="N117405" s="10"/>
    </row>
    <row r="117406" spans="14:14">
      <c r="N117406" s="10"/>
    </row>
    <row r="117407" spans="14:14">
      <c r="N117407" s="10"/>
    </row>
    <row r="117408" spans="14:14">
      <c r="N117408" s="10"/>
    </row>
    <row r="117409" spans="14:14">
      <c r="N117409" s="10"/>
    </row>
    <row r="117410" spans="14:14">
      <c r="N117410" s="10"/>
    </row>
    <row r="117411" spans="14:14">
      <c r="N117411" s="10"/>
    </row>
    <row r="117412" spans="14:14">
      <c r="N117412" s="10"/>
    </row>
    <row r="117413" spans="14:14">
      <c r="N117413" s="10"/>
    </row>
    <row r="117414" spans="14:14">
      <c r="N117414" s="10"/>
    </row>
    <row r="117415" spans="14:14">
      <c r="N117415" s="10"/>
    </row>
    <row r="117416" spans="14:14">
      <c r="N117416" s="10"/>
    </row>
    <row r="117417" spans="14:14">
      <c r="N117417" s="10"/>
    </row>
    <row r="117418" spans="14:14">
      <c r="N117418" s="10"/>
    </row>
    <row r="117419" spans="14:14">
      <c r="N117419" s="10"/>
    </row>
    <row r="117420" spans="14:14">
      <c r="N117420" s="10"/>
    </row>
    <row r="117421" spans="14:14">
      <c r="N117421" s="10"/>
    </row>
    <row r="117422" spans="14:14">
      <c r="N117422" s="10"/>
    </row>
    <row r="117423" spans="14:14">
      <c r="N117423" s="10"/>
    </row>
    <row r="117424" spans="14:14">
      <c r="N117424" s="10"/>
    </row>
    <row r="117425" spans="14:14">
      <c r="N117425" s="10"/>
    </row>
    <row r="117426" spans="14:14">
      <c r="N117426" s="10"/>
    </row>
    <row r="117427" spans="14:14">
      <c r="N117427" s="10"/>
    </row>
    <row r="117428" spans="14:14">
      <c r="N117428" s="10"/>
    </row>
    <row r="117429" spans="14:14">
      <c r="N117429" s="10"/>
    </row>
    <row r="117430" spans="14:14">
      <c r="N117430" s="10"/>
    </row>
    <row r="117431" spans="14:14">
      <c r="N117431" s="10"/>
    </row>
    <row r="117432" spans="14:14">
      <c r="N117432" s="10"/>
    </row>
    <row r="117433" spans="14:14">
      <c r="N117433" s="10"/>
    </row>
    <row r="117434" spans="14:14">
      <c r="N117434" s="10"/>
    </row>
    <row r="117435" spans="14:14">
      <c r="N117435" s="10"/>
    </row>
    <row r="117436" spans="14:14">
      <c r="N117436" s="10"/>
    </row>
    <row r="117437" spans="14:14">
      <c r="N117437" s="10"/>
    </row>
    <row r="117438" spans="14:14">
      <c r="N117438" s="10"/>
    </row>
    <row r="117439" spans="14:14">
      <c r="N117439" s="10"/>
    </row>
    <row r="117440" spans="14:14">
      <c r="N117440" s="10"/>
    </row>
    <row r="117441" spans="14:14">
      <c r="N117441" s="10"/>
    </row>
    <row r="117442" spans="14:14">
      <c r="N117442" s="10"/>
    </row>
    <row r="117443" spans="14:14">
      <c r="N117443" s="10"/>
    </row>
    <row r="117444" spans="14:14">
      <c r="N117444" s="10"/>
    </row>
    <row r="117445" spans="14:14">
      <c r="N117445" s="10"/>
    </row>
    <row r="117446" spans="14:14">
      <c r="N117446" s="10"/>
    </row>
    <row r="117447" spans="14:14">
      <c r="N117447" s="10"/>
    </row>
    <row r="117448" spans="14:14">
      <c r="N117448" s="10"/>
    </row>
    <row r="117449" spans="14:14">
      <c r="N117449" s="10"/>
    </row>
    <row r="117450" spans="14:14">
      <c r="N117450" s="10"/>
    </row>
    <row r="117451" spans="14:14">
      <c r="N117451" s="10"/>
    </row>
    <row r="117452" spans="14:14">
      <c r="N117452" s="10"/>
    </row>
    <row r="117453" spans="14:14">
      <c r="N117453" s="10"/>
    </row>
    <row r="117454" spans="14:14">
      <c r="N117454" s="10"/>
    </row>
    <row r="117455" spans="14:14">
      <c r="N117455" s="10"/>
    </row>
    <row r="117456" spans="14:14">
      <c r="N117456" s="10"/>
    </row>
    <row r="117457" spans="14:14">
      <c r="N117457" s="10"/>
    </row>
    <row r="117458" spans="14:14">
      <c r="N117458" s="10"/>
    </row>
    <row r="117459" spans="14:14">
      <c r="N117459" s="10"/>
    </row>
    <row r="117460" spans="14:14">
      <c r="N117460" s="10"/>
    </row>
    <row r="117461" spans="14:14">
      <c r="N117461" s="10"/>
    </row>
    <row r="117462" spans="14:14">
      <c r="N117462" s="10"/>
    </row>
    <row r="117463" spans="14:14">
      <c r="N117463" s="10"/>
    </row>
    <row r="117464" spans="14:14">
      <c r="N117464" s="10"/>
    </row>
    <row r="117465" spans="14:14">
      <c r="N117465" s="10"/>
    </row>
    <row r="117466" spans="14:14">
      <c r="N117466" s="10"/>
    </row>
    <row r="117467" spans="14:14">
      <c r="N117467" s="10"/>
    </row>
    <row r="117468" spans="14:14">
      <c r="N117468" s="10"/>
    </row>
    <row r="117469" spans="14:14">
      <c r="N117469" s="10"/>
    </row>
    <row r="117470" spans="14:14">
      <c r="N117470" s="10"/>
    </row>
    <row r="117471" spans="14:14">
      <c r="N117471" s="10"/>
    </row>
    <row r="117472" spans="14:14">
      <c r="N117472" s="10"/>
    </row>
    <row r="117473" spans="14:14">
      <c r="N117473" s="10"/>
    </row>
    <row r="117474" spans="14:14">
      <c r="N117474" s="10"/>
    </row>
    <row r="117475" spans="14:14">
      <c r="N117475" s="10"/>
    </row>
    <row r="117476" spans="14:14">
      <c r="N117476" s="10"/>
    </row>
    <row r="117477" spans="14:14">
      <c r="N117477" s="10"/>
    </row>
    <row r="117478" spans="14:14">
      <c r="N117478" s="10"/>
    </row>
    <row r="117479" spans="14:14">
      <c r="N117479" s="10"/>
    </row>
    <row r="117480" spans="14:14">
      <c r="N117480" s="10"/>
    </row>
    <row r="117481" spans="14:14">
      <c r="N117481" s="10"/>
    </row>
    <row r="117482" spans="14:14">
      <c r="N117482" s="10"/>
    </row>
    <row r="117483" spans="14:14">
      <c r="N117483" s="10"/>
    </row>
    <row r="117484" spans="14:14">
      <c r="N117484" s="10"/>
    </row>
    <row r="117485" spans="14:14">
      <c r="N117485" s="10"/>
    </row>
    <row r="117486" spans="14:14">
      <c r="N117486" s="10"/>
    </row>
    <row r="117487" spans="14:14">
      <c r="N117487" s="10"/>
    </row>
    <row r="117488" spans="14:14">
      <c r="N117488" s="10"/>
    </row>
    <row r="117489" spans="14:14">
      <c r="N117489" s="10"/>
    </row>
    <row r="117490" spans="14:14">
      <c r="N117490" s="10"/>
    </row>
    <row r="117491" spans="14:14">
      <c r="N117491" s="10"/>
    </row>
    <row r="117492" spans="14:14">
      <c r="N117492" s="10"/>
    </row>
    <row r="117493" spans="14:14">
      <c r="N117493" s="10"/>
    </row>
    <row r="117494" spans="14:14">
      <c r="N117494" s="10"/>
    </row>
    <row r="117495" spans="14:14">
      <c r="N117495" s="10"/>
    </row>
    <row r="117496" spans="14:14">
      <c r="N117496" s="10"/>
    </row>
    <row r="117497" spans="14:14">
      <c r="N117497" s="10"/>
    </row>
    <row r="117498" spans="14:14">
      <c r="N117498" s="10"/>
    </row>
    <row r="117499" spans="14:14">
      <c r="N117499" s="10"/>
    </row>
    <row r="117500" spans="14:14">
      <c r="N117500" s="10"/>
    </row>
    <row r="117501" spans="14:14">
      <c r="N117501" s="10"/>
    </row>
    <row r="117502" spans="14:14">
      <c r="N117502" s="10"/>
    </row>
    <row r="117503" spans="14:14">
      <c r="N117503" s="10"/>
    </row>
    <row r="117504" spans="14:14">
      <c r="N117504" s="10"/>
    </row>
    <row r="117505" spans="14:14">
      <c r="N117505" s="10"/>
    </row>
    <row r="117506" spans="14:14">
      <c r="N117506" s="10"/>
    </row>
    <row r="117507" spans="14:14">
      <c r="N117507" s="10"/>
    </row>
    <row r="117508" spans="14:14">
      <c r="N117508" s="10"/>
    </row>
    <row r="117509" spans="14:14">
      <c r="N117509" s="10"/>
    </row>
    <row r="117510" spans="14:14">
      <c r="N117510" s="10"/>
    </row>
    <row r="117511" spans="14:14">
      <c r="N117511" s="10"/>
    </row>
    <row r="117512" spans="14:14">
      <c r="N117512" s="10"/>
    </row>
    <row r="117513" spans="14:14">
      <c r="N117513" s="10"/>
    </row>
    <row r="117514" spans="14:14">
      <c r="N117514" s="10"/>
    </row>
    <row r="117515" spans="14:14">
      <c r="N117515" s="10"/>
    </row>
    <row r="117516" spans="14:14">
      <c r="N117516" s="10"/>
    </row>
    <row r="117517" spans="14:14">
      <c r="N117517" s="10"/>
    </row>
    <row r="117518" spans="14:14">
      <c r="N117518" s="10"/>
    </row>
    <row r="117519" spans="14:14">
      <c r="N117519" s="10"/>
    </row>
    <row r="117520" spans="14:14">
      <c r="N117520" s="10"/>
    </row>
    <row r="117521" spans="14:14">
      <c r="N117521" s="10"/>
    </row>
    <row r="117522" spans="14:14">
      <c r="N117522" s="10"/>
    </row>
    <row r="117523" spans="14:14">
      <c r="N117523" s="10"/>
    </row>
    <row r="117524" spans="14:14">
      <c r="N117524" s="10"/>
    </row>
    <row r="117525" spans="14:14">
      <c r="N117525" s="10"/>
    </row>
    <row r="117526" spans="14:14">
      <c r="N117526" s="10"/>
    </row>
    <row r="117527" spans="14:14">
      <c r="N117527" s="10"/>
    </row>
    <row r="117528" spans="14:14">
      <c r="N117528" s="10"/>
    </row>
    <row r="117529" spans="14:14">
      <c r="N117529" s="10"/>
    </row>
    <row r="117530" spans="14:14">
      <c r="N117530" s="10"/>
    </row>
    <row r="117531" spans="14:14">
      <c r="N117531" s="10"/>
    </row>
    <row r="117532" spans="14:14">
      <c r="N117532" s="10"/>
    </row>
    <row r="117533" spans="14:14">
      <c r="N117533" s="10"/>
    </row>
    <row r="117534" spans="14:14">
      <c r="N117534" s="10"/>
    </row>
    <row r="117535" spans="14:14">
      <c r="N117535" s="10"/>
    </row>
    <row r="117536" spans="14:14">
      <c r="N117536" s="10"/>
    </row>
    <row r="117537" spans="14:14">
      <c r="N117537" s="10"/>
    </row>
    <row r="117538" spans="14:14">
      <c r="N117538" s="10"/>
    </row>
    <row r="117539" spans="14:14">
      <c r="N117539" s="10"/>
    </row>
    <row r="117540" spans="14:14">
      <c r="N117540" s="10"/>
    </row>
    <row r="117541" spans="14:14">
      <c r="N117541" s="10"/>
    </row>
    <row r="117542" spans="14:14">
      <c r="N117542" s="10"/>
    </row>
    <row r="117543" spans="14:14">
      <c r="N117543" s="10"/>
    </row>
    <row r="117544" spans="14:14">
      <c r="N117544" s="10"/>
    </row>
    <row r="117545" spans="14:14">
      <c r="N117545" s="10"/>
    </row>
    <row r="117546" spans="14:14">
      <c r="N117546" s="10"/>
    </row>
    <row r="117547" spans="14:14">
      <c r="N117547" s="10"/>
    </row>
    <row r="117548" spans="14:14">
      <c r="N117548" s="10"/>
    </row>
    <row r="117549" spans="14:14">
      <c r="N117549" s="10"/>
    </row>
    <row r="117550" spans="14:14">
      <c r="N117550" s="10"/>
    </row>
    <row r="117551" spans="14:14">
      <c r="N117551" s="10"/>
    </row>
    <row r="117552" spans="14:14">
      <c r="N117552" s="10"/>
    </row>
    <row r="117553" spans="14:14">
      <c r="N117553" s="10"/>
    </row>
    <row r="117554" spans="14:14">
      <c r="N117554" s="10"/>
    </row>
    <row r="117555" spans="14:14">
      <c r="N117555" s="10"/>
    </row>
    <row r="117556" spans="14:14">
      <c r="N117556" s="10"/>
    </row>
    <row r="117557" spans="14:14">
      <c r="N117557" s="10"/>
    </row>
    <row r="117558" spans="14:14">
      <c r="N117558" s="10"/>
    </row>
    <row r="117559" spans="14:14">
      <c r="N117559" s="10"/>
    </row>
    <row r="117560" spans="14:14">
      <c r="N117560" s="10"/>
    </row>
    <row r="117561" spans="14:14">
      <c r="N117561" s="10"/>
    </row>
    <row r="117562" spans="14:14">
      <c r="N117562" s="10"/>
    </row>
    <row r="117563" spans="14:14">
      <c r="N117563" s="10"/>
    </row>
    <row r="117564" spans="14:14">
      <c r="N117564" s="10"/>
    </row>
    <row r="117565" spans="14:14">
      <c r="N117565" s="10"/>
    </row>
    <row r="117566" spans="14:14">
      <c r="N117566" s="10"/>
    </row>
    <row r="117567" spans="14:14">
      <c r="N117567" s="10"/>
    </row>
    <row r="117568" spans="14:14">
      <c r="N117568" s="10"/>
    </row>
    <row r="117569" spans="14:14">
      <c r="N117569" s="10"/>
    </row>
    <row r="117570" spans="14:14">
      <c r="N117570" s="10"/>
    </row>
    <row r="117571" spans="14:14">
      <c r="N117571" s="10"/>
    </row>
    <row r="117572" spans="14:14">
      <c r="N117572" s="10"/>
    </row>
    <row r="117573" spans="14:14">
      <c r="N117573" s="10"/>
    </row>
    <row r="117574" spans="14:14">
      <c r="N117574" s="10"/>
    </row>
    <row r="117575" spans="14:14">
      <c r="N117575" s="10"/>
    </row>
    <row r="117576" spans="14:14">
      <c r="N117576" s="10"/>
    </row>
    <row r="117577" spans="14:14">
      <c r="N117577" s="10"/>
    </row>
    <row r="117578" spans="14:14">
      <c r="N117578" s="10"/>
    </row>
    <row r="117579" spans="14:14">
      <c r="N117579" s="10"/>
    </row>
    <row r="117580" spans="14:14">
      <c r="N117580" s="10"/>
    </row>
    <row r="117581" spans="14:14">
      <c r="N117581" s="10"/>
    </row>
    <row r="117582" spans="14:14">
      <c r="N117582" s="10"/>
    </row>
    <row r="117583" spans="14:14">
      <c r="N117583" s="10"/>
    </row>
    <row r="117584" spans="14:14">
      <c r="N117584" s="10"/>
    </row>
    <row r="117585" spans="14:14">
      <c r="N117585" s="10"/>
    </row>
    <row r="117586" spans="14:14">
      <c r="N117586" s="10"/>
    </row>
    <row r="117587" spans="14:14">
      <c r="N117587" s="10"/>
    </row>
    <row r="117588" spans="14:14">
      <c r="N117588" s="10"/>
    </row>
    <row r="117589" spans="14:14">
      <c r="N117589" s="10"/>
    </row>
    <row r="117590" spans="14:14">
      <c r="N117590" s="10"/>
    </row>
    <row r="117591" spans="14:14">
      <c r="N117591" s="10"/>
    </row>
    <row r="117592" spans="14:14">
      <c r="N117592" s="10"/>
    </row>
    <row r="117593" spans="14:14">
      <c r="N117593" s="10"/>
    </row>
    <row r="117594" spans="14:14">
      <c r="N117594" s="10"/>
    </row>
    <row r="117595" spans="14:14">
      <c r="N117595" s="10"/>
    </row>
    <row r="117596" spans="14:14">
      <c r="N117596" s="10"/>
    </row>
    <row r="117597" spans="14:14">
      <c r="N117597" s="10"/>
    </row>
    <row r="117598" spans="14:14">
      <c r="N117598" s="10"/>
    </row>
    <row r="117599" spans="14:14">
      <c r="N117599" s="10"/>
    </row>
    <row r="117600" spans="14:14">
      <c r="N117600" s="10"/>
    </row>
    <row r="117601" spans="14:14">
      <c r="N117601" s="10"/>
    </row>
    <row r="117602" spans="14:14">
      <c r="N117602" s="10"/>
    </row>
    <row r="117603" spans="14:14">
      <c r="N117603" s="10"/>
    </row>
    <row r="117604" spans="14:14">
      <c r="N117604" s="10"/>
    </row>
    <row r="117605" spans="14:14">
      <c r="N117605" s="10"/>
    </row>
    <row r="117606" spans="14:14">
      <c r="N117606" s="10"/>
    </row>
    <row r="117607" spans="14:14">
      <c r="N117607" s="10"/>
    </row>
    <row r="117608" spans="14:14">
      <c r="N117608" s="10"/>
    </row>
    <row r="117609" spans="14:14">
      <c r="N117609" s="10"/>
    </row>
    <row r="117610" spans="14:14">
      <c r="N117610" s="10"/>
    </row>
    <row r="117611" spans="14:14">
      <c r="N117611" s="10"/>
    </row>
    <row r="117612" spans="14:14">
      <c r="N117612" s="10"/>
    </row>
    <row r="117613" spans="14:14">
      <c r="N117613" s="10"/>
    </row>
    <row r="117614" spans="14:14">
      <c r="N117614" s="10"/>
    </row>
    <row r="117615" spans="14:14">
      <c r="N117615" s="10"/>
    </row>
    <row r="117616" spans="14:14">
      <c r="N117616" s="10"/>
    </row>
    <row r="117617" spans="14:14">
      <c r="N117617" s="10"/>
    </row>
    <row r="117618" spans="14:14">
      <c r="N117618" s="10"/>
    </row>
    <row r="117619" spans="14:14">
      <c r="N117619" s="10"/>
    </row>
    <row r="117620" spans="14:14">
      <c r="N117620" s="10"/>
    </row>
    <row r="117621" spans="14:14">
      <c r="N117621" s="10"/>
    </row>
    <row r="117622" spans="14:14">
      <c r="N117622" s="10"/>
    </row>
    <row r="117623" spans="14:14">
      <c r="N117623" s="10"/>
    </row>
    <row r="117624" spans="14:14">
      <c r="N117624" s="10"/>
    </row>
    <row r="117625" spans="14:14">
      <c r="N117625" s="10"/>
    </row>
    <row r="117626" spans="14:14">
      <c r="N117626" s="10"/>
    </row>
    <row r="117627" spans="14:14">
      <c r="N117627" s="10"/>
    </row>
    <row r="117628" spans="14:14">
      <c r="N117628" s="10"/>
    </row>
    <row r="117629" spans="14:14">
      <c r="N117629" s="10"/>
    </row>
    <row r="117630" spans="14:14">
      <c r="N117630" s="10"/>
    </row>
    <row r="117631" spans="14:14">
      <c r="N117631" s="10"/>
    </row>
    <row r="117632" spans="14:14">
      <c r="N117632" s="10"/>
    </row>
    <row r="117633" spans="14:14">
      <c r="N117633" s="10"/>
    </row>
    <row r="117634" spans="14:14">
      <c r="N117634" s="10"/>
    </row>
    <row r="117635" spans="14:14">
      <c r="N117635" s="10"/>
    </row>
    <row r="117636" spans="14:14">
      <c r="N117636" s="10"/>
    </row>
    <row r="117637" spans="14:14">
      <c r="N117637" s="10"/>
    </row>
    <row r="117638" spans="14:14">
      <c r="N117638" s="10"/>
    </row>
    <row r="117639" spans="14:14">
      <c r="N117639" s="10"/>
    </row>
    <row r="117640" spans="14:14">
      <c r="N117640" s="10"/>
    </row>
    <row r="117641" spans="14:14">
      <c r="N117641" s="10"/>
    </row>
    <row r="117642" spans="14:14">
      <c r="N117642" s="10"/>
    </row>
    <row r="117643" spans="14:14">
      <c r="N117643" s="10"/>
    </row>
    <row r="117644" spans="14:14">
      <c r="N117644" s="10"/>
    </row>
    <row r="117645" spans="14:14">
      <c r="N117645" s="10"/>
    </row>
    <row r="117646" spans="14:14">
      <c r="N117646" s="10"/>
    </row>
    <row r="117647" spans="14:14">
      <c r="N117647" s="10"/>
    </row>
    <row r="117648" spans="14:14">
      <c r="N117648" s="10"/>
    </row>
    <row r="117649" spans="14:14">
      <c r="N117649" s="10"/>
    </row>
    <row r="117650" spans="14:14">
      <c r="N117650" s="10"/>
    </row>
    <row r="117651" spans="14:14">
      <c r="N117651" s="10"/>
    </row>
    <row r="117652" spans="14:14">
      <c r="N117652" s="10"/>
    </row>
    <row r="117653" spans="14:14">
      <c r="N117653" s="10"/>
    </row>
    <row r="117654" spans="14:14">
      <c r="N117654" s="10"/>
    </row>
    <row r="117655" spans="14:14">
      <c r="N117655" s="10"/>
    </row>
    <row r="117656" spans="14:14">
      <c r="N117656" s="10"/>
    </row>
    <row r="117657" spans="14:14">
      <c r="N117657" s="10"/>
    </row>
    <row r="117658" spans="14:14">
      <c r="N117658" s="10"/>
    </row>
    <row r="117659" spans="14:14">
      <c r="N117659" s="10"/>
    </row>
    <row r="117660" spans="14:14">
      <c r="N117660" s="10"/>
    </row>
    <row r="117661" spans="14:14">
      <c r="N117661" s="10"/>
    </row>
    <row r="117662" spans="14:14">
      <c r="N117662" s="10"/>
    </row>
    <row r="117663" spans="14:14">
      <c r="N117663" s="10"/>
    </row>
    <row r="117664" spans="14:14">
      <c r="N117664" s="10"/>
    </row>
    <row r="117665" spans="14:14">
      <c r="N117665" s="10"/>
    </row>
    <row r="117666" spans="14:14">
      <c r="N117666" s="10"/>
    </row>
    <row r="117667" spans="14:14">
      <c r="N117667" s="10"/>
    </row>
    <row r="117668" spans="14:14">
      <c r="N117668" s="10"/>
    </row>
    <row r="117669" spans="14:14">
      <c r="N117669" s="10"/>
    </row>
    <row r="117670" spans="14:14">
      <c r="N117670" s="10"/>
    </row>
    <row r="117671" spans="14:14">
      <c r="N117671" s="10"/>
    </row>
    <row r="117672" spans="14:14">
      <c r="N117672" s="10"/>
    </row>
    <row r="117673" spans="14:14">
      <c r="N117673" s="10"/>
    </row>
    <row r="117674" spans="14:14">
      <c r="N117674" s="10"/>
    </row>
    <row r="117675" spans="14:14">
      <c r="N117675" s="10"/>
    </row>
    <row r="117676" spans="14:14">
      <c r="N117676" s="10"/>
    </row>
    <row r="117677" spans="14:14">
      <c r="N117677" s="10"/>
    </row>
    <row r="117678" spans="14:14">
      <c r="N117678" s="10"/>
    </row>
    <row r="117679" spans="14:14">
      <c r="N117679" s="10"/>
    </row>
    <row r="117680" spans="14:14">
      <c r="N117680" s="10"/>
    </row>
    <row r="117681" spans="14:14">
      <c r="N117681" s="10"/>
    </row>
    <row r="117682" spans="14:14">
      <c r="N117682" s="10"/>
    </row>
    <row r="117683" spans="14:14">
      <c r="N117683" s="10"/>
    </row>
    <row r="117684" spans="14:14">
      <c r="N117684" s="10"/>
    </row>
    <row r="117685" spans="14:14">
      <c r="N117685" s="10"/>
    </row>
    <row r="117686" spans="14:14">
      <c r="N117686" s="10"/>
    </row>
    <row r="117687" spans="14:14">
      <c r="N117687" s="10"/>
    </row>
    <row r="117688" spans="14:14">
      <c r="N117688" s="10"/>
    </row>
    <row r="117689" spans="14:14">
      <c r="N117689" s="10"/>
    </row>
    <row r="117690" spans="14:14">
      <c r="N117690" s="10"/>
    </row>
    <row r="117691" spans="14:14">
      <c r="N117691" s="10"/>
    </row>
    <row r="117692" spans="14:14">
      <c r="N117692" s="10"/>
    </row>
    <row r="117693" spans="14:14">
      <c r="N117693" s="10"/>
    </row>
    <row r="117694" spans="14:14">
      <c r="N117694" s="10"/>
    </row>
    <row r="117695" spans="14:14">
      <c r="N117695" s="10"/>
    </row>
    <row r="117696" spans="14:14">
      <c r="N117696" s="10"/>
    </row>
    <row r="117697" spans="14:14">
      <c r="N117697" s="10"/>
    </row>
    <row r="117698" spans="14:14">
      <c r="N117698" s="10"/>
    </row>
    <row r="117699" spans="14:14">
      <c r="N117699" s="10"/>
    </row>
    <row r="117700" spans="14:14">
      <c r="N117700" s="10"/>
    </row>
    <row r="117701" spans="14:14">
      <c r="N117701" s="10"/>
    </row>
    <row r="117702" spans="14:14">
      <c r="N117702" s="10"/>
    </row>
    <row r="117703" spans="14:14">
      <c r="N117703" s="10"/>
    </row>
    <row r="117704" spans="14:14">
      <c r="N117704" s="10"/>
    </row>
    <row r="117705" spans="14:14">
      <c r="N117705" s="10"/>
    </row>
    <row r="117706" spans="14:14">
      <c r="N117706" s="10"/>
    </row>
    <row r="117707" spans="14:14">
      <c r="N117707" s="10"/>
    </row>
    <row r="117708" spans="14:14">
      <c r="N117708" s="10"/>
    </row>
    <row r="117709" spans="14:14">
      <c r="N117709" s="10"/>
    </row>
    <row r="117710" spans="14:14">
      <c r="N117710" s="10"/>
    </row>
    <row r="117711" spans="14:14">
      <c r="N117711" s="10"/>
    </row>
    <row r="117712" spans="14:14">
      <c r="N117712" s="10"/>
    </row>
    <row r="117713" spans="14:14">
      <c r="N117713" s="10"/>
    </row>
    <row r="117714" spans="14:14">
      <c r="N117714" s="10"/>
    </row>
    <row r="117715" spans="14:14">
      <c r="N117715" s="10"/>
    </row>
    <row r="117716" spans="14:14">
      <c r="N117716" s="10"/>
    </row>
    <row r="117717" spans="14:14">
      <c r="N117717" s="10"/>
    </row>
    <row r="117718" spans="14:14">
      <c r="N117718" s="10"/>
    </row>
    <row r="117719" spans="14:14">
      <c r="N117719" s="10"/>
    </row>
    <row r="117720" spans="14:14">
      <c r="N117720" s="10"/>
    </row>
    <row r="117721" spans="14:14">
      <c r="N117721" s="10"/>
    </row>
    <row r="117722" spans="14:14">
      <c r="N117722" s="10"/>
    </row>
    <row r="117723" spans="14:14">
      <c r="N117723" s="10"/>
    </row>
    <row r="117724" spans="14:14">
      <c r="N117724" s="10"/>
    </row>
    <row r="117725" spans="14:14">
      <c r="N117725" s="10"/>
    </row>
    <row r="117726" spans="14:14">
      <c r="N117726" s="10"/>
    </row>
    <row r="117727" spans="14:14">
      <c r="N117727" s="10"/>
    </row>
    <row r="117728" spans="14:14">
      <c r="N117728" s="10"/>
    </row>
    <row r="117729" spans="14:14">
      <c r="N117729" s="10"/>
    </row>
    <row r="117730" spans="14:14">
      <c r="N117730" s="10"/>
    </row>
    <row r="117731" spans="14:14">
      <c r="N117731" s="10"/>
    </row>
    <row r="117732" spans="14:14">
      <c r="N117732" s="10"/>
    </row>
    <row r="117733" spans="14:14">
      <c r="N117733" s="10"/>
    </row>
    <row r="117734" spans="14:14">
      <c r="N117734" s="10"/>
    </row>
    <row r="117735" spans="14:14">
      <c r="N117735" s="10"/>
    </row>
    <row r="117736" spans="14:14">
      <c r="N117736" s="10"/>
    </row>
    <row r="117737" spans="14:14">
      <c r="N117737" s="10"/>
    </row>
    <row r="117738" spans="14:14">
      <c r="N117738" s="10"/>
    </row>
    <row r="117739" spans="14:14">
      <c r="N117739" s="10"/>
    </row>
    <row r="117740" spans="14:14">
      <c r="N117740" s="10"/>
    </row>
    <row r="117741" spans="14:14">
      <c r="N117741" s="10"/>
    </row>
    <row r="117742" spans="14:14">
      <c r="N117742" s="10"/>
    </row>
    <row r="117743" spans="14:14">
      <c r="N117743" s="10"/>
    </row>
    <row r="117744" spans="14:14">
      <c r="N117744" s="10"/>
    </row>
    <row r="117745" spans="14:14">
      <c r="N117745" s="10"/>
    </row>
    <row r="117746" spans="14:14">
      <c r="N117746" s="10"/>
    </row>
    <row r="117747" spans="14:14">
      <c r="N117747" s="10"/>
    </row>
    <row r="117748" spans="14:14">
      <c r="N117748" s="10"/>
    </row>
    <row r="117749" spans="14:14">
      <c r="N117749" s="10"/>
    </row>
    <row r="117750" spans="14:14">
      <c r="N117750" s="10"/>
    </row>
    <row r="117751" spans="14:14">
      <c r="N117751" s="10"/>
    </row>
    <row r="117752" spans="14:14">
      <c r="N117752" s="10"/>
    </row>
    <row r="117753" spans="14:14">
      <c r="N117753" s="10"/>
    </row>
    <row r="117754" spans="14:14">
      <c r="N117754" s="10"/>
    </row>
    <row r="117755" spans="14:14">
      <c r="N117755" s="10"/>
    </row>
    <row r="117756" spans="14:14">
      <c r="N117756" s="10"/>
    </row>
    <row r="117757" spans="14:14">
      <c r="N117757" s="10"/>
    </row>
    <row r="117758" spans="14:14">
      <c r="N117758" s="10"/>
    </row>
    <row r="117759" spans="14:14">
      <c r="N117759" s="10"/>
    </row>
    <row r="117760" spans="14:14">
      <c r="N117760" s="10"/>
    </row>
    <row r="117761" spans="14:14">
      <c r="N117761" s="10"/>
    </row>
    <row r="117762" spans="14:14">
      <c r="N117762" s="10"/>
    </row>
    <row r="117763" spans="14:14">
      <c r="N117763" s="10"/>
    </row>
    <row r="117764" spans="14:14">
      <c r="N117764" s="10"/>
    </row>
    <row r="117765" spans="14:14">
      <c r="N117765" s="10"/>
    </row>
    <row r="117766" spans="14:14">
      <c r="N117766" s="10"/>
    </row>
    <row r="117767" spans="14:14">
      <c r="N117767" s="10"/>
    </row>
    <row r="117768" spans="14:14">
      <c r="N117768" s="10"/>
    </row>
    <row r="117769" spans="14:14">
      <c r="N117769" s="10"/>
    </row>
    <row r="117770" spans="14:14">
      <c r="N117770" s="10"/>
    </row>
    <row r="117771" spans="14:14">
      <c r="N117771" s="10"/>
    </row>
    <row r="117772" spans="14:14">
      <c r="N117772" s="10"/>
    </row>
    <row r="117773" spans="14:14">
      <c r="N117773" s="10"/>
    </row>
    <row r="117774" spans="14:14">
      <c r="N117774" s="10"/>
    </row>
    <row r="117775" spans="14:14">
      <c r="N117775" s="10"/>
    </row>
    <row r="117776" spans="14:14">
      <c r="N117776" s="10"/>
    </row>
    <row r="117777" spans="14:14">
      <c r="N117777" s="10"/>
    </row>
    <row r="117778" spans="14:14">
      <c r="N117778" s="10"/>
    </row>
    <row r="117779" spans="14:14">
      <c r="N117779" s="10"/>
    </row>
    <row r="117780" spans="14:14">
      <c r="N117780" s="10"/>
    </row>
    <row r="117781" spans="14:14">
      <c r="N117781" s="10"/>
    </row>
    <row r="117782" spans="14:14">
      <c r="N117782" s="10"/>
    </row>
    <row r="117783" spans="14:14">
      <c r="N117783" s="10"/>
    </row>
    <row r="117784" spans="14:14">
      <c r="N117784" s="10"/>
    </row>
    <row r="117785" spans="14:14">
      <c r="N117785" s="10"/>
    </row>
    <row r="117786" spans="14:14">
      <c r="N117786" s="10"/>
    </row>
    <row r="117787" spans="14:14">
      <c r="N117787" s="10"/>
    </row>
    <row r="117788" spans="14:14">
      <c r="N117788" s="10"/>
    </row>
    <row r="117789" spans="14:14">
      <c r="N117789" s="10"/>
    </row>
    <row r="117790" spans="14:14">
      <c r="N117790" s="10"/>
    </row>
    <row r="117791" spans="14:14">
      <c r="N117791" s="10"/>
    </row>
    <row r="117792" spans="14:14">
      <c r="N117792" s="10"/>
    </row>
    <row r="117793" spans="14:14">
      <c r="N117793" s="10"/>
    </row>
    <row r="117794" spans="14:14">
      <c r="N117794" s="10"/>
    </row>
    <row r="117795" spans="14:14">
      <c r="N117795" s="10"/>
    </row>
    <row r="117796" spans="14:14">
      <c r="N117796" s="10"/>
    </row>
    <row r="117797" spans="14:14">
      <c r="N117797" s="10"/>
    </row>
    <row r="117798" spans="14:14">
      <c r="N117798" s="10"/>
    </row>
    <row r="117799" spans="14:14">
      <c r="N117799" s="10"/>
    </row>
    <row r="117800" spans="14:14">
      <c r="N117800" s="10"/>
    </row>
    <row r="117801" spans="14:14">
      <c r="N117801" s="10"/>
    </row>
    <row r="117802" spans="14:14">
      <c r="N117802" s="10"/>
    </row>
    <row r="117803" spans="14:14">
      <c r="N117803" s="10"/>
    </row>
    <row r="117804" spans="14:14">
      <c r="N117804" s="10"/>
    </row>
    <row r="117805" spans="14:14">
      <c r="N117805" s="10"/>
    </row>
    <row r="117806" spans="14:14">
      <c r="N117806" s="10"/>
    </row>
    <row r="117807" spans="14:14">
      <c r="N117807" s="10"/>
    </row>
    <row r="117808" spans="14:14">
      <c r="N117808" s="10"/>
    </row>
    <row r="117809" spans="14:14">
      <c r="N117809" s="10"/>
    </row>
    <row r="117810" spans="14:14">
      <c r="N117810" s="10"/>
    </row>
    <row r="117811" spans="14:14">
      <c r="N117811" s="10"/>
    </row>
    <row r="117812" spans="14:14">
      <c r="N117812" s="10"/>
    </row>
    <row r="117813" spans="14:14">
      <c r="N117813" s="10"/>
    </row>
    <row r="117814" spans="14:14">
      <c r="N117814" s="10"/>
    </row>
    <row r="117815" spans="14:14">
      <c r="N117815" s="10"/>
    </row>
    <row r="117816" spans="14:14">
      <c r="N117816" s="10"/>
    </row>
    <row r="117817" spans="14:14">
      <c r="N117817" s="10"/>
    </row>
    <row r="117818" spans="14:14">
      <c r="N117818" s="10"/>
    </row>
    <row r="117819" spans="14:14">
      <c r="N117819" s="10"/>
    </row>
    <row r="117820" spans="14:14">
      <c r="N117820" s="10"/>
    </row>
    <row r="117821" spans="14:14">
      <c r="N117821" s="10"/>
    </row>
    <row r="117822" spans="14:14">
      <c r="N117822" s="10"/>
    </row>
    <row r="117823" spans="14:14">
      <c r="N117823" s="10"/>
    </row>
    <row r="117824" spans="14:14">
      <c r="N117824" s="10"/>
    </row>
    <row r="117825" spans="14:14">
      <c r="N117825" s="10"/>
    </row>
    <row r="117826" spans="14:14">
      <c r="N117826" s="10"/>
    </row>
    <row r="117827" spans="14:14">
      <c r="N117827" s="10"/>
    </row>
    <row r="117828" spans="14:14">
      <c r="N117828" s="10"/>
    </row>
    <row r="117829" spans="14:14">
      <c r="N117829" s="10"/>
    </row>
    <row r="117830" spans="14:14">
      <c r="N117830" s="10"/>
    </row>
    <row r="117831" spans="14:14">
      <c r="N117831" s="10"/>
    </row>
    <row r="117832" spans="14:14">
      <c r="N117832" s="10"/>
    </row>
    <row r="117833" spans="14:14">
      <c r="N117833" s="10"/>
    </row>
    <row r="117834" spans="14:14">
      <c r="N117834" s="10"/>
    </row>
    <row r="117835" spans="14:14">
      <c r="N117835" s="10"/>
    </row>
    <row r="117836" spans="14:14">
      <c r="N117836" s="10"/>
    </row>
    <row r="117837" spans="14:14">
      <c r="N117837" s="10"/>
    </row>
    <row r="117838" spans="14:14">
      <c r="N117838" s="10"/>
    </row>
    <row r="117839" spans="14:14">
      <c r="N117839" s="10"/>
    </row>
    <row r="117840" spans="14:14">
      <c r="N117840" s="10"/>
    </row>
    <row r="117841" spans="14:14">
      <c r="N117841" s="10"/>
    </row>
    <row r="117842" spans="14:14">
      <c r="N117842" s="10"/>
    </row>
    <row r="117843" spans="14:14">
      <c r="N117843" s="10"/>
    </row>
    <row r="117844" spans="14:14">
      <c r="N117844" s="10"/>
    </row>
    <row r="117845" spans="14:14">
      <c r="N117845" s="10"/>
    </row>
    <row r="117846" spans="14:14">
      <c r="N117846" s="10"/>
    </row>
    <row r="117847" spans="14:14">
      <c r="N117847" s="10"/>
    </row>
    <row r="117848" spans="14:14">
      <c r="N117848" s="10"/>
    </row>
    <row r="117849" spans="14:14">
      <c r="N117849" s="10"/>
    </row>
    <row r="117850" spans="14:14">
      <c r="N117850" s="10"/>
    </row>
    <row r="117851" spans="14:14">
      <c r="N117851" s="10"/>
    </row>
    <row r="117852" spans="14:14">
      <c r="N117852" s="10"/>
    </row>
    <row r="117853" spans="14:14">
      <c r="N117853" s="10"/>
    </row>
    <row r="117854" spans="14:14">
      <c r="N117854" s="10"/>
    </row>
    <row r="117855" spans="14:14">
      <c r="N117855" s="10"/>
    </row>
    <row r="117856" spans="14:14">
      <c r="N117856" s="10"/>
    </row>
    <row r="117857" spans="14:14">
      <c r="N117857" s="10"/>
    </row>
    <row r="117858" spans="14:14">
      <c r="N117858" s="10"/>
    </row>
    <row r="117859" spans="14:14">
      <c r="N117859" s="10"/>
    </row>
    <row r="117860" spans="14:14">
      <c r="N117860" s="10"/>
    </row>
    <row r="117861" spans="14:14">
      <c r="N117861" s="10"/>
    </row>
    <row r="117862" spans="14:14">
      <c r="N117862" s="10"/>
    </row>
    <row r="117863" spans="14:14">
      <c r="N117863" s="10"/>
    </row>
    <row r="117864" spans="14:14">
      <c r="N117864" s="10"/>
    </row>
    <row r="117865" spans="14:14">
      <c r="N117865" s="10"/>
    </row>
    <row r="117866" spans="14:14">
      <c r="N117866" s="10"/>
    </row>
    <row r="117867" spans="14:14">
      <c r="N117867" s="10"/>
    </row>
    <row r="117868" spans="14:14">
      <c r="N117868" s="10"/>
    </row>
    <row r="117869" spans="14:14">
      <c r="N117869" s="10"/>
    </row>
    <row r="117870" spans="14:14">
      <c r="N117870" s="10"/>
    </row>
    <row r="117871" spans="14:14">
      <c r="N117871" s="10"/>
    </row>
    <row r="117872" spans="14:14">
      <c r="N117872" s="10"/>
    </row>
    <row r="117873" spans="14:14">
      <c r="N117873" s="10"/>
    </row>
    <row r="117874" spans="14:14">
      <c r="N117874" s="10"/>
    </row>
    <row r="117875" spans="14:14">
      <c r="N117875" s="10"/>
    </row>
    <row r="117876" spans="14:14">
      <c r="N117876" s="10"/>
    </row>
    <row r="117877" spans="14:14">
      <c r="N117877" s="10"/>
    </row>
    <row r="117878" spans="14:14">
      <c r="N117878" s="10"/>
    </row>
    <row r="117879" spans="14:14">
      <c r="N117879" s="10"/>
    </row>
    <row r="117880" spans="14:14">
      <c r="N117880" s="10"/>
    </row>
    <row r="117881" spans="14:14">
      <c r="N117881" s="10"/>
    </row>
    <row r="117882" spans="14:14">
      <c r="N117882" s="10"/>
    </row>
    <row r="117883" spans="14:14">
      <c r="N117883" s="10"/>
    </row>
    <row r="117884" spans="14:14">
      <c r="N117884" s="10"/>
    </row>
    <row r="117885" spans="14:14">
      <c r="N117885" s="10"/>
    </row>
    <row r="117886" spans="14:14">
      <c r="N117886" s="10"/>
    </row>
    <row r="117887" spans="14:14">
      <c r="N117887" s="10"/>
    </row>
    <row r="117888" spans="14:14">
      <c r="N117888" s="10"/>
    </row>
    <row r="117889" spans="14:14">
      <c r="N117889" s="10"/>
    </row>
    <row r="117890" spans="14:14">
      <c r="N117890" s="10"/>
    </row>
    <row r="117891" spans="14:14">
      <c r="N117891" s="10"/>
    </row>
    <row r="117892" spans="14:14">
      <c r="N117892" s="10"/>
    </row>
    <row r="117893" spans="14:14">
      <c r="N117893" s="10"/>
    </row>
    <row r="117894" spans="14:14">
      <c r="N117894" s="10"/>
    </row>
    <row r="117895" spans="14:14">
      <c r="N117895" s="10"/>
    </row>
    <row r="117896" spans="14:14">
      <c r="N117896" s="10"/>
    </row>
    <row r="117897" spans="14:14">
      <c r="N117897" s="10"/>
    </row>
    <row r="117898" spans="14:14">
      <c r="N117898" s="10"/>
    </row>
    <row r="117899" spans="14:14">
      <c r="N117899" s="10"/>
    </row>
    <row r="117900" spans="14:14">
      <c r="N117900" s="10"/>
    </row>
    <row r="117901" spans="14:14">
      <c r="N117901" s="10"/>
    </row>
    <row r="117902" spans="14:14">
      <c r="N117902" s="10"/>
    </row>
    <row r="117903" spans="14:14">
      <c r="N117903" s="10"/>
    </row>
    <row r="117904" spans="14:14">
      <c r="N117904" s="10"/>
    </row>
    <row r="117905" spans="14:14">
      <c r="N117905" s="10"/>
    </row>
    <row r="117906" spans="14:14">
      <c r="N117906" s="10"/>
    </row>
    <row r="117907" spans="14:14">
      <c r="N117907" s="10"/>
    </row>
    <row r="117908" spans="14:14">
      <c r="N117908" s="10"/>
    </row>
    <row r="117909" spans="14:14">
      <c r="N117909" s="10"/>
    </row>
    <row r="117910" spans="14:14">
      <c r="N117910" s="10"/>
    </row>
    <row r="117911" spans="14:14">
      <c r="N117911" s="10"/>
    </row>
    <row r="117912" spans="14:14">
      <c r="N117912" s="10"/>
    </row>
    <row r="117913" spans="14:14">
      <c r="N117913" s="10"/>
    </row>
    <row r="117914" spans="14:14">
      <c r="N117914" s="10"/>
    </row>
    <row r="117915" spans="14:14">
      <c r="N117915" s="10"/>
    </row>
    <row r="117916" spans="14:14">
      <c r="N117916" s="10"/>
    </row>
    <row r="117917" spans="14:14">
      <c r="N117917" s="10"/>
    </row>
    <row r="117918" spans="14:14">
      <c r="N117918" s="10"/>
    </row>
    <row r="117919" spans="14:14">
      <c r="N117919" s="10"/>
    </row>
    <row r="117920" spans="14:14">
      <c r="N117920" s="10"/>
    </row>
    <row r="117921" spans="14:14">
      <c r="N117921" s="10"/>
    </row>
    <row r="117922" spans="14:14">
      <c r="N117922" s="10"/>
    </row>
    <row r="117923" spans="14:14">
      <c r="N117923" s="10"/>
    </row>
    <row r="117924" spans="14:14">
      <c r="N117924" s="10"/>
    </row>
    <row r="117925" spans="14:14">
      <c r="N117925" s="10"/>
    </row>
    <row r="117926" spans="14:14">
      <c r="N117926" s="10"/>
    </row>
    <row r="117927" spans="14:14">
      <c r="N117927" s="10"/>
    </row>
    <row r="117928" spans="14:14">
      <c r="N117928" s="10"/>
    </row>
    <row r="117929" spans="14:14">
      <c r="N117929" s="10"/>
    </row>
    <row r="117930" spans="14:14">
      <c r="N117930" s="10"/>
    </row>
    <row r="117931" spans="14:14">
      <c r="N117931" s="10"/>
    </row>
    <row r="117932" spans="14:14">
      <c r="N117932" s="10"/>
    </row>
    <row r="117933" spans="14:14">
      <c r="N117933" s="10"/>
    </row>
    <row r="117934" spans="14:14">
      <c r="N117934" s="10"/>
    </row>
    <row r="117935" spans="14:14">
      <c r="N117935" s="10"/>
    </row>
    <row r="117936" spans="14:14">
      <c r="N117936" s="10"/>
    </row>
    <row r="117937" spans="14:14">
      <c r="N117937" s="10"/>
    </row>
    <row r="117938" spans="14:14">
      <c r="N117938" s="10"/>
    </row>
    <row r="117939" spans="14:14">
      <c r="N117939" s="10"/>
    </row>
    <row r="117940" spans="14:14">
      <c r="N117940" s="10"/>
    </row>
    <row r="117941" spans="14:14">
      <c r="N117941" s="10"/>
    </row>
    <row r="117942" spans="14:14">
      <c r="N117942" s="10"/>
    </row>
    <row r="117943" spans="14:14">
      <c r="N117943" s="10"/>
    </row>
    <row r="117944" spans="14:14">
      <c r="N117944" s="10"/>
    </row>
    <row r="117945" spans="14:14">
      <c r="N117945" s="10"/>
    </row>
    <row r="117946" spans="14:14">
      <c r="N117946" s="10"/>
    </row>
    <row r="117947" spans="14:14">
      <c r="N117947" s="10"/>
    </row>
    <row r="117948" spans="14:14">
      <c r="N117948" s="10"/>
    </row>
    <row r="117949" spans="14:14">
      <c r="N117949" s="10"/>
    </row>
    <row r="117950" spans="14:14">
      <c r="N117950" s="10"/>
    </row>
    <row r="117951" spans="14:14">
      <c r="N117951" s="10"/>
    </row>
    <row r="117952" spans="14:14">
      <c r="N117952" s="10"/>
    </row>
    <row r="117953" spans="14:14">
      <c r="N117953" s="10"/>
    </row>
    <row r="117954" spans="14:14">
      <c r="N117954" s="10"/>
    </row>
    <row r="117955" spans="14:14">
      <c r="N117955" s="10"/>
    </row>
    <row r="117956" spans="14:14">
      <c r="N117956" s="10"/>
    </row>
    <row r="117957" spans="14:14">
      <c r="N117957" s="10"/>
    </row>
    <row r="117958" spans="14:14">
      <c r="N117958" s="10"/>
    </row>
    <row r="117959" spans="14:14">
      <c r="N117959" s="10"/>
    </row>
    <row r="117960" spans="14:14">
      <c r="N117960" s="10"/>
    </row>
    <row r="117961" spans="14:14">
      <c r="N117961" s="10"/>
    </row>
    <row r="117962" spans="14:14">
      <c r="N117962" s="10"/>
    </row>
    <row r="117963" spans="14:14">
      <c r="N117963" s="10"/>
    </row>
    <row r="117964" spans="14:14">
      <c r="N117964" s="10"/>
    </row>
    <row r="117965" spans="14:14">
      <c r="N117965" s="10"/>
    </row>
    <row r="117966" spans="14:14">
      <c r="N117966" s="10"/>
    </row>
    <row r="117967" spans="14:14">
      <c r="N117967" s="10"/>
    </row>
    <row r="117968" spans="14:14">
      <c r="N117968" s="10"/>
    </row>
    <row r="117969" spans="14:14">
      <c r="N117969" s="10"/>
    </row>
    <row r="117970" spans="14:14">
      <c r="N117970" s="10"/>
    </row>
    <row r="117971" spans="14:14">
      <c r="N117971" s="10"/>
    </row>
    <row r="117972" spans="14:14">
      <c r="N117972" s="10"/>
    </row>
    <row r="117973" spans="14:14">
      <c r="N117973" s="10"/>
    </row>
    <row r="117974" spans="14:14">
      <c r="N117974" s="10"/>
    </row>
    <row r="117975" spans="14:14">
      <c r="N117975" s="10"/>
    </row>
    <row r="117976" spans="14:14">
      <c r="N117976" s="10"/>
    </row>
    <row r="117977" spans="14:14">
      <c r="N117977" s="10"/>
    </row>
    <row r="117978" spans="14:14">
      <c r="N117978" s="10"/>
    </row>
    <row r="117979" spans="14:14">
      <c r="N117979" s="10"/>
    </row>
    <row r="117980" spans="14:14">
      <c r="N117980" s="10"/>
    </row>
    <row r="117981" spans="14:14">
      <c r="N117981" s="10"/>
    </row>
    <row r="117982" spans="14:14">
      <c r="N117982" s="10"/>
    </row>
    <row r="117983" spans="14:14">
      <c r="N117983" s="10"/>
    </row>
    <row r="117984" spans="14:14">
      <c r="N117984" s="10"/>
    </row>
    <row r="117985" spans="14:14">
      <c r="N117985" s="10"/>
    </row>
    <row r="117986" spans="14:14">
      <c r="N117986" s="10"/>
    </row>
    <row r="117987" spans="14:14">
      <c r="N117987" s="10"/>
    </row>
    <row r="117988" spans="14:14">
      <c r="N117988" s="10"/>
    </row>
    <row r="117989" spans="14:14">
      <c r="N117989" s="10"/>
    </row>
    <row r="117990" spans="14:14">
      <c r="N117990" s="10"/>
    </row>
    <row r="117991" spans="14:14">
      <c r="N117991" s="10"/>
    </row>
    <row r="117992" spans="14:14">
      <c r="N117992" s="10"/>
    </row>
    <row r="117993" spans="14:14">
      <c r="N117993" s="10"/>
    </row>
    <row r="117994" spans="14:14">
      <c r="N117994" s="10"/>
    </row>
    <row r="117995" spans="14:14">
      <c r="N117995" s="10"/>
    </row>
    <row r="117996" spans="14:14">
      <c r="N117996" s="10"/>
    </row>
    <row r="117997" spans="14:14">
      <c r="N117997" s="10"/>
    </row>
    <row r="117998" spans="14:14">
      <c r="N117998" s="10"/>
    </row>
    <row r="117999" spans="14:14">
      <c r="N117999" s="10"/>
    </row>
    <row r="118000" spans="14:14">
      <c r="N118000" s="10"/>
    </row>
    <row r="118001" spans="14:14">
      <c r="N118001" s="10"/>
    </row>
    <row r="118002" spans="14:14">
      <c r="N118002" s="10"/>
    </row>
    <row r="118003" spans="14:14">
      <c r="N118003" s="10"/>
    </row>
    <row r="118004" spans="14:14">
      <c r="N118004" s="10"/>
    </row>
    <row r="118005" spans="14:14">
      <c r="N118005" s="10"/>
    </row>
    <row r="118006" spans="14:14">
      <c r="N118006" s="10"/>
    </row>
    <row r="118007" spans="14:14">
      <c r="N118007" s="10"/>
    </row>
    <row r="118008" spans="14:14">
      <c r="N118008" s="10"/>
    </row>
    <row r="118009" spans="14:14">
      <c r="N118009" s="10"/>
    </row>
    <row r="118010" spans="14:14">
      <c r="N118010" s="10"/>
    </row>
    <row r="118011" spans="14:14">
      <c r="N118011" s="10"/>
    </row>
    <row r="118012" spans="14:14">
      <c r="N118012" s="10"/>
    </row>
    <row r="118013" spans="14:14">
      <c r="N118013" s="10"/>
    </row>
    <row r="118014" spans="14:14">
      <c r="N118014" s="10"/>
    </row>
    <row r="118015" spans="14:14">
      <c r="N118015" s="10"/>
    </row>
    <row r="118016" spans="14:14">
      <c r="N118016" s="10"/>
    </row>
    <row r="118017" spans="14:14">
      <c r="N118017" s="10"/>
    </row>
    <row r="118018" spans="14:14">
      <c r="N118018" s="10"/>
    </row>
    <row r="118019" spans="14:14">
      <c r="N118019" s="10"/>
    </row>
    <row r="118020" spans="14:14">
      <c r="N118020" s="10"/>
    </row>
    <row r="118021" spans="14:14">
      <c r="N118021" s="10"/>
    </row>
    <row r="118022" spans="14:14">
      <c r="N118022" s="10"/>
    </row>
    <row r="118023" spans="14:14">
      <c r="N118023" s="10"/>
    </row>
    <row r="118024" spans="14:14">
      <c r="N118024" s="10"/>
    </row>
    <row r="118025" spans="14:14">
      <c r="N118025" s="10"/>
    </row>
    <row r="118026" spans="14:14">
      <c r="N118026" s="10"/>
    </row>
    <row r="118027" spans="14:14">
      <c r="N118027" s="10"/>
    </row>
    <row r="118028" spans="14:14">
      <c r="N118028" s="10"/>
    </row>
    <row r="118029" spans="14:14">
      <c r="N118029" s="10"/>
    </row>
    <row r="118030" spans="14:14">
      <c r="N118030" s="10"/>
    </row>
    <row r="118031" spans="14:14">
      <c r="N118031" s="10"/>
    </row>
    <row r="118032" spans="14:14">
      <c r="N118032" s="10"/>
    </row>
    <row r="118033" spans="14:14">
      <c r="N118033" s="10"/>
    </row>
    <row r="118034" spans="14:14">
      <c r="N118034" s="10"/>
    </row>
    <row r="118035" spans="14:14">
      <c r="N118035" s="10"/>
    </row>
    <row r="118036" spans="14:14">
      <c r="N118036" s="10"/>
    </row>
    <row r="118037" spans="14:14">
      <c r="N118037" s="10"/>
    </row>
    <row r="118038" spans="14:14">
      <c r="N118038" s="10"/>
    </row>
    <row r="118039" spans="14:14">
      <c r="N118039" s="10"/>
    </row>
    <row r="118040" spans="14:14">
      <c r="N118040" s="10"/>
    </row>
    <row r="118041" spans="14:14">
      <c r="N118041" s="10"/>
    </row>
    <row r="118042" spans="14:14">
      <c r="N118042" s="10"/>
    </row>
    <row r="118043" spans="14:14">
      <c r="N118043" s="10"/>
    </row>
    <row r="118044" spans="14:14">
      <c r="N118044" s="10"/>
    </row>
    <row r="118045" spans="14:14">
      <c r="N118045" s="10"/>
    </row>
    <row r="118046" spans="14:14">
      <c r="N118046" s="10"/>
    </row>
    <row r="118047" spans="14:14">
      <c r="N118047" s="10"/>
    </row>
    <row r="118048" spans="14:14">
      <c r="N118048" s="10"/>
    </row>
    <row r="118049" spans="14:14">
      <c r="N118049" s="10"/>
    </row>
    <row r="118050" spans="14:14">
      <c r="N118050" s="10"/>
    </row>
    <row r="118051" spans="14:14">
      <c r="N118051" s="10"/>
    </row>
    <row r="118052" spans="14:14">
      <c r="N118052" s="10"/>
    </row>
    <row r="118053" spans="14:14">
      <c r="N118053" s="10"/>
    </row>
    <row r="118054" spans="14:14">
      <c r="N118054" s="10"/>
    </row>
    <row r="118055" spans="14:14">
      <c r="N118055" s="10"/>
    </row>
    <row r="118056" spans="14:14">
      <c r="N118056" s="10"/>
    </row>
    <row r="118057" spans="14:14">
      <c r="N118057" s="10"/>
    </row>
    <row r="118058" spans="14:14">
      <c r="N118058" s="10"/>
    </row>
    <row r="118059" spans="14:14">
      <c r="N118059" s="10"/>
    </row>
    <row r="118060" spans="14:14">
      <c r="N118060" s="10"/>
    </row>
    <row r="118061" spans="14:14">
      <c r="N118061" s="10"/>
    </row>
    <row r="118062" spans="14:14">
      <c r="N118062" s="10"/>
    </row>
    <row r="118063" spans="14:14">
      <c r="N118063" s="10"/>
    </row>
    <row r="118064" spans="14:14">
      <c r="N118064" s="10"/>
    </row>
    <row r="118065" spans="14:14">
      <c r="N118065" s="10"/>
    </row>
    <row r="118066" spans="14:14">
      <c r="N118066" s="10"/>
    </row>
    <row r="118067" spans="14:14">
      <c r="N118067" s="10"/>
    </row>
    <row r="118068" spans="14:14">
      <c r="N118068" s="10"/>
    </row>
    <row r="118069" spans="14:14">
      <c r="N118069" s="10"/>
    </row>
    <row r="118070" spans="14:14">
      <c r="N118070" s="10"/>
    </row>
    <row r="118071" spans="14:14">
      <c r="N118071" s="10"/>
    </row>
    <row r="118072" spans="14:14">
      <c r="N118072" s="10"/>
    </row>
    <row r="118073" spans="14:14">
      <c r="N118073" s="10"/>
    </row>
    <row r="118074" spans="14:14">
      <c r="N118074" s="10"/>
    </row>
    <row r="118075" spans="14:14">
      <c r="N118075" s="10"/>
    </row>
    <row r="118076" spans="14:14">
      <c r="N118076" s="10"/>
    </row>
    <row r="118077" spans="14:14">
      <c r="N118077" s="10"/>
    </row>
    <row r="118078" spans="14:14">
      <c r="N118078" s="10"/>
    </row>
    <row r="118079" spans="14:14">
      <c r="N118079" s="10"/>
    </row>
    <row r="118080" spans="14:14">
      <c r="N118080" s="10"/>
    </row>
    <row r="118081" spans="14:14">
      <c r="N118081" s="10"/>
    </row>
    <row r="118082" spans="14:14">
      <c r="N118082" s="10"/>
    </row>
    <row r="118083" spans="14:14">
      <c r="N118083" s="10"/>
    </row>
    <row r="118084" spans="14:14">
      <c r="N118084" s="10"/>
    </row>
    <row r="118085" spans="14:14">
      <c r="N118085" s="10"/>
    </row>
    <row r="118086" spans="14:14">
      <c r="N118086" s="10"/>
    </row>
    <row r="118087" spans="14:14">
      <c r="N118087" s="10"/>
    </row>
    <row r="118088" spans="14:14">
      <c r="N118088" s="10"/>
    </row>
    <row r="118089" spans="14:14">
      <c r="N118089" s="10"/>
    </row>
    <row r="118090" spans="14:14">
      <c r="N118090" s="10"/>
    </row>
    <row r="118091" spans="14:14">
      <c r="N118091" s="10"/>
    </row>
    <row r="118092" spans="14:14">
      <c r="N118092" s="10"/>
    </row>
    <row r="118093" spans="14:14">
      <c r="N118093" s="10"/>
    </row>
    <row r="118094" spans="14:14">
      <c r="N118094" s="10"/>
    </row>
    <row r="118095" spans="14:14">
      <c r="N118095" s="10"/>
    </row>
    <row r="118096" spans="14:14">
      <c r="N118096" s="10"/>
    </row>
    <row r="118097" spans="14:14">
      <c r="N118097" s="10"/>
    </row>
    <row r="118098" spans="14:14">
      <c r="N118098" s="10"/>
    </row>
    <row r="118099" spans="14:14">
      <c r="N118099" s="10"/>
    </row>
    <row r="118100" spans="14:14">
      <c r="N118100" s="10"/>
    </row>
    <row r="118101" spans="14:14">
      <c r="N118101" s="10"/>
    </row>
    <row r="118102" spans="14:14">
      <c r="N118102" s="10"/>
    </row>
    <row r="118103" spans="14:14">
      <c r="N118103" s="10"/>
    </row>
    <row r="118104" spans="14:14">
      <c r="N118104" s="10"/>
    </row>
    <row r="118105" spans="14:14">
      <c r="N118105" s="10"/>
    </row>
    <row r="118106" spans="14:14">
      <c r="N118106" s="10"/>
    </row>
    <row r="118107" spans="14:14">
      <c r="N118107" s="10"/>
    </row>
    <row r="118108" spans="14:14">
      <c r="N118108" s="10"/>
    </row>
    <row r="118109" spans="14:14">
      <c r="N118109" s="10"/>
    </row>
    <row r="118110" spans="14:14">
      <c r="N118110" s="10"/>
    </row>
    <row r="118111" spans="14:14">
      <c r="N118111" s="10"/>
    </row>
    <row r="118112" spans="14:14">
      <c r="N118112" s="10"/>
    </row>
    <row r="118113" spans="14:14">
      <c r="N118113" s="10"/>
    </row>
    <row r="118114" spans="14:14">
      <c r="N118114" s="10"/>
    </row>
    <row r="118115" spans="14:14">
      <c r="N118115" s="10"/>
    </row>
    <row r="118116" spans="14:14">
      <c r="N118116" s="10"/>
    </row>
    <row r="118117" spans="14:14">
      <c r="N118117" s="10"/>
    </row>
    <row r="118118" spans="14:14">
      <c r="N118118" s="10"/>
    </row>
    <row r="118119" spans="14:14">
      <c r="N118119" s="10"/>
    </row>
    <row r="118120" spans="14:14">
      <c r="N118120" s="10"/>
    </row>
    <row r="118121" spans="14:14">
      <c r="N118121" s="10"/>
    </row>
    <row r="118122" spans="14:14">
      <c r="N118122" s="10"/>
    </row>
    <row r="118123" spans="14:14">
      <c r="N118123" s="10"/>
    </row>
    <row r="118124" spans="14:14">
      <c r="N118124" s="10"/>
    </row>
    <row r="118125" spans="14:14">
      <c r="N118125" s="10"/>
    </row>
    <row r="118126" spans="14:14">
      <c r="N118126" s="10"/>
    </row>
    <row r="118127" spans="14:14">
      <c r="N118127" s="10"/>
    </row>
    <row r="118128" spans="14:14">
      <c r="N118128" s="10"/>
    </row>
    <row r="118129" spans="14:14">
      <c r="N118129" s="10"/>
    </row>
    <row r="118130" spans="14:14">
      <c r="N118130" s="10"/>
    </row>
    <row r="118131" spans="14:14">
      <c r="N118131" s="10"/>
    </row>
    <row r="118132" spans="14:14">
      <c r="N118132" s="10"/>
    </row>
    <row r="118133" spans="14:14">
      <c r="N118133" s="10"/>
    </row>
    <row r="118134" spans="14:14">
      <c r="N118134" s="10"/>
    </row>
    <row r="118135" spans="14:14">
      <c r="N118135" s="10"/>
    </row>
    <row r="118136" spans="14:14">
      <c r="N118136" s="10"/>
    </row>
    <row r="118137" spans="14:14">
      <c r="N118137" s="10"/>
    </row>
    <row r="118138" spans="14:14">
      <c r="N118138" s="10"/>
    </row>
    <row r="118139" spans="14:14">
      <c r="N118139" s="10"/>
    </row>
    <row r="118140" spans="14:14">
      <c r="N118140" s="10"/>
    </row>
    <row r="118141" spans="14:14">
      <c r="N118141" s="10"/>
    </row>
    <row r="118142" spans="14:14">
      <c r="N118142" s="10"/>
    </row>
    <row r="118143" spans="14:14">
      <c r="N118143" s="10"/>
    </row>
    <row r="118144" spans="14:14">
      <c r="N118144" s="10"/>
    </row>
    <row r="118145" spans="14:14">
      <c r="N118145" s="10"/>
    </row>
    <row r="118146" spans="14:14">
      <c r="N118146" s="10"/>
    </row>
    <row r="118147" spans="14:14">
      <c r="N118147" s="10"/>
    </row>
    <row r="118148" spans="14:14">
      <c r="N118148" s="10"/>
    </row>
    <row r="118149" spans="14:14">
      <c r="N118149" s="10"/>
    </row>
    <row r="118150" spans="14:14">
      <c r="N118150" s="10"/>
    </row>
    <row r="118151" spans="14:14">
      <c r="N118151" s="10"/>
    </row>
    <row r="118152" spans="14:14">
      <c r="N118152" s="10"/>
    </row>
    <row r="118153" spans="14:14">
      <c r="N118153" s="10"/>
    </row>
    <row r="118154" spans="14:14">
      <c r="N118154" s="10"/>
    </row>
    <row r="118155" spans="14:14">
      <c r="N118155" s="10"/>
    </row>
    <row r="118156" spans="14:14">
      <c r="N118156" s="10"/>
    </row>
    <row r="118157" spans="14:14">
      <c r="N118157" s="10"/>
    </row>
    <row r="118158" spans="14:14">
      <c r="N118158" s="10"/>
    </row>
    <row r="118159" spans="14:14">
      <c r="N118159" s="10"/>
    </row>
    <row r="118160" spans="14:14">
      <c r="N118160" s="10"/>
    </row>
    <row r="118161" spans="14:14">
      <c r="N118161" s="10"/>
    </row>
    <row r="118162" spans="14:14">
      <c r="N118162" s="10"/>
    </row>
    <row r="118163" spans="14:14">
      <c r="N118163" s="10"/>
    </row>
    <row r="118164" spans="14:14">
      <c r="N118164" s="10"/>
    </row>
    <row r="118165" spans="14:14">
      <c r="N118165" s="10"/>
    </row>
    <row r="118166" spans="14:14">
      <c r="N118166" s="10"/>
    </row>
    <row r="118167" spans="14:14">
      <c r="N118167" s="10"/>
    </row>
    <row r="118168" spans="14:14">
      <c r="N118168" s="10"/>
    </row>
    <row r="118169" spans="14:14">
      <c r="N118169" s="10"/>
    </row>
    <row r="118170" spans="14:14">
      <c r="N118170" s="10"/>
    </row>
    <row r="118171" spans="14:14">
      <c r="N118171" s="10"/>
    </row>
    <row r="118172" spans="14:14">
      <c r="N118172" s="10"/>
    </row>
    <row r="118173" spans="14:14">
      <c r="N118173" s="10"/>
    </row>
    <row r="118174" spans="14:14">
      <c r="N118174" s="10"/>
    </row>
    <row r="118175" spans="14:14">
      <c r="N118175" s="10"/>
    </row>
    <row r="118176" spans="14:14">
      <c r="N118176" s="10"/>
    </row>
    <row r="118177" spans="14:14">
      <c r="N118177" s="10"/>
    </row>
    <row r="118178" spans="14:14">
      <c r="N118178" s="10"/>
    </row>
    <row r="118179" spans="14:14">
      <c r="N118179" s="10"/>
    </row>
    <row r="118180" spans="14:14">
      <c r="N118180" s="10"/>
    </row>
    <row r="118181" spans="14:14">
      <c r="N118181" s="10"/>
    </row>
    <row r="118182" spans="14:14">
      <c r="N118182" s="10"/>
    </row>
    <row r="118183" spans="14:14">
      <c r="N118183" s="10"/>
    </row>
    <row r="118184" spans="14:14">
      <c r="N118184" s="10"/>
    </row>
    <row r="118185" spans="14:14">
      <c r="N118185" s="10"/>
    </row>
    <row r="118186" spans="14:14">
      <c r="N118186" s="10"/>
    </row>
    <row r="118187" spans="14:14">
      <c r="N118187" s="10"/>
    </row>
    <row r="118188" spans="14:14">
      <c r="N118188" s="10"/>
    </row>
    <row r="118189" spans="14:14">
      <c r="N118189" s="10"/>
    </row>
    <row r="118190" spans="14:14">
      <c r="N118190" s="10"/>
    </row>
    <row r="118191" spans="14:14">
      <c r="N118191" s="10"/>
    </row>
    <row r="118192" spans="14:14">
      <c r="N118192" s="10"/>
    </row>
    <row r="118193" spans="14:14">
      <c r="N118193" s="10"/>
    </row>
    <row r="118194" spans="14:14">
      <c r="N118194" s="10"/>
    </row>
    <row r="118195" spans="14:14">
      <c r="N118195" s="10"/>
    </row>
    <row r="118196" spans="14:14">
      <c r="N118196" s="10"/>
    </row>
    <row r="118197" spans="14:14">
      <c r="N118197" s="10"/>
    </row>
    <row r="118198" spans="14:14">
      <c r="N118198" s="10"/>
    </row>
    <row r="118199" spans="14:14">
      <c r="N118199" s="10"/>
    </row>
    <row r="118200" spans="14:14">
      <c r="N118200" s="10"/>
    </row>
    <row r="118201" spans="14:14">
      <c r="N118201" s="10"/>
    </row>
    <row r="118202" spans="14:14">
      <c r="N118202" s="10"/>
    </row>
    <row r="118203" spans="14:14">
      <c r="N118203" s="10"/>
    </row>
    <row r="118204" spans="14:14">
      <c r="N118204" s="10"/>
    </row>
    <row r="118205" spans="14:14">
      <c r="N118205" s="10"/>
    </row>
    <row r="118206" spans="14:14">
      <c r="N118206" s="10"/>
    </row>
    <row r="118207" spans="14:14">
      <c r="N118207" s="10"/>
    </row>
    <row r="118208" spans="14:14">
      <c r="N118208" s="10"/>
    </row>
    <row r="118209" spans="14:14">
      <c r="N118209" s="10"/>
    </row>
    <row r="118210" spans="14:14">
      <c r="N118210" s="10"/>
    </row>
    <row r="118211" spans="14:14">
      <c r="N118211" s="10"/>
    </row>
    <row r="118212" spans="14:14">
      <c r="N118212" s="10"/>
    </row>
    <row r="118213" spans="14:14">
      <c r="N118213" s="10"/>
    </row>
    <row r="118214" spans="14:14">
      <c r="N118214" s="10"/>
    </row>
    <row r="118215" spans="14:14">
      <c r="N118215" s="10"/>
    </row>
    <row r="118216" spans="14:14">
      <c r="N118216" s="10"/>
    </row>
    <row r="118217" spans="14:14">
      <c r="N118217" s="10"/>
    </row>
    <row r="118218" spans="14:14">
      <c r="N118218" s="10"/>
    </row>
    <row r="118219" spans="14:14">
      <c r="N118219" s="10"/>
    </row>
    <row r="118220" spans="14:14">
      <c r="N118220" s="10"/>
    </row>
    <row r="118221" spans="14:14">
      <c r="N118221" s="10"/>
    </row>
    <row r="118222" spans="14:14">
      <c r="N118222" s="10"/>
    </row>
    <row r="118223" spans="14:14">
      <c r="N118223" s="10"/>
    </row>
    <row r="118224" spans="14:14">
      <c r="N118224" s="10"/>
    </row>
    <row r="118225" spans="14:14">
      <c r="N118225" s="10"/>
    </row>
    <row r="118226" spans="14:14">
      <c r="N118226" s="10"/>
    </row>
    <row r="118227" spans="14:14">
      <c r="N118227" s="10"/>
    </row>
    <row r="118228" spans="14:14">
      <c r="N118228" s="10"/>
    </row>
    <row r="118229" spans="14:14">
      <c r="N118229" s="10"/>
    </row>
    <row r="118230" spans="14:14">
      <c r="N118230" s="10"/>
    </row>
    <row r="118231" spans="14:14">
      <c r="N118231" s="10"/>
    </row>
    <row r="118232" spans="14:14">
      <c r="N118232" s="10"/>
    </row>
    <row r="118233" spans="14:14">
      <c r="N118233" s="10"/>
    </row>
    <row r="118234" spans="14:14">
      <c r="N118234" s="10"/>
    </row>
    <row r="118235" spans="14:14">
      <c r="N118235" s="10"/>
    </row>
    <row r="118236" spans="14:14">
      <c r="N118236" s="10"/>
    </row>
    <row r="118237" spans="14:14">
      <c r="N118237" s="10"/>
    </row>
    <row r="118238" spans="14:14">
      <c r="N118238" s="10"/>
    </row>
    <row r="118239" spans="14:14">
      <c r="N118239" s="10"/>
    </row>
    <row r="118240" spans="14:14">
      <c r="N118240" s="10"/>
    </row>
    <row r="118241" spans="14:14">
      <c r="N118241" s="10"/>
    </row>
    <row r="118242" spans="14:14">
      <c r="N118242" s="10"/>
    </row>
    <row r="118243" spans="14:14">
      <c r="N118243" s="10"/>
    </row>
    <row r="118244" spans="14:14">
      <c r="N118244" s="10"/>
    </row>
    <row r="118245" spans="14:14">
      <c r="N118245" s="10"/>
    </row>
    <row r="118246" spans="14:14">
      <c r="N118246" s="10"/>
    </row>
    <row r="118247" spans="14:14">
      <c r="N118247" s="10"/>
    </row>
    <row r="118248" spans="14:14">
      <c r="N118248" s="10"/>
    </row>
    <row r="118249" spans="14:14">
      <c r="N118249" s="10"/>
    </row>
    <row r="118250" spans="14:14">
      <c r="N118250" s="10"/>
    </row>
    <row r="118251" spans="14:14">
      <c r="N118251" s="10"/>
    </row>
    <row r="118252" spans="14:14">
      <c r="N118252" s="10"/>
    </row>
    <row r="118253" spans="14:14">
      <c r="N118253" s="10"/>
    </row>
    <row r="118254" spans="14:14">
      <c r="N118254" s="10"/>
    </row>
    <row r="118255" spans="14:14">
      <c r="N118255" s="10"/>
    </row>
    <row r="118256" spans="14:14">
      <c r="N118256" s="10"/>
    </row>
    <row r="118257" spans="14:14">
      <c r="N118257" s="10"/>
    </row>
    <row r="118258" spans="14:14">
      <c r="N118258" s="10"/>
    </row>
    <row r="118259" spans="14:14">
      <c r="N118259" s="10"/>
    </row>
    <row r="118260" spans="14:14">
      <c r="N118260" s="10"/>
    </row>
    <row r="118261" spans="14:14">
      <c r="N118261" s="10"/>
    </row>
    <row r="118262" spans="14:14">
      <c r="N118262" s="10"/>
    </row>
    <row r="118263" spans="14:14">
      <c r="N118263" s="10"/>
    </row>
    <row r="118264" spans="14:14">
      <c r="N118264" s="10"/>
    </row>
    <row r="118265" spans="14:14">
      <c r="N118265" s="10"/>
    </row>
    <row r="118266" spans="14:14">
      <c r="N118266" s="10"/>
    </row>
    <row r="118267" spans="14:14">
      <c r="N118267" s="10"/>
    </row>
    <row r="118268" spans="14:14">
      <c r="N118268" s="10"/>
    </row>
    <row r="118269" spans="14:14">
      <c r="N118269" s="10"/>
    </row>
    <row r="118270" spans="14:14">
      <c r="N118270" s="10"/>
    </row>
    <row r="118271" spans="14:14">
      <c r="N118271" s="10"/>
    </row>
    <row r="118272" spans="14:14">
      <c r="N118272" s="10"/>
    </row>
    <row r="118273" spans="14:14">
      <c r="N118273" s="10"/>
    </row>
    <row r="118274" spans="14:14">
      <c r="N118274" s="10"/>
    </row>
    <row r="118275" spans="14:14">
      <c r="N118275" s="10"/>
    </row>
    <row r="118276" spans="14:14">
      <c r="N118276" s="10"/>
    </row>
    <row r="118277" spans="14:14">
      <c r="N118277" s="10"/>
    </row>
    <row r="118278" spans="14:14">
      <c r="N118278" s="10"/>
    </row>
    <row r="118279" spans="14:14">
      <c r="N118279" s="10"/>
    </row>
    <row r="118280" spans="14:14">
      <c r="N118280" s="10"/>
    </row>
    <row r="118281" spans="14:14">
      <c r="N118281" s="10"/>
    </row>
    <row r="118282" spans="14:14">
      <c r="N118282" s="10"/>
    </row>
    <row r="118283" spans="14:14">
      <c r="N118283" s="10"/>
    </row>
    <row r="118284" spans="14:14">
      <c r="N118284" s="10"/>
    </row>
    <row r="118285" spans="14:14">
      <c r="N118285" s="10"/>
    </row>
    <row r="118286" spans="14:14">
      <c r="N118286" s="10"/>
    </row>
    <row r="118287" spans="14:14">
      <c r="N118287" s="10"/>
    </row>
    <row r="118288" spans="14:14">
      <c r="N118288" s="10"/>
    </row>
    <row r="118289" spans="14:14">
      <c r="N118289" s="10"/>
    </row>
    <row r="118290" spans="14:14">
      <c r="N118290" s="10"/>
    </row>
    <row r="118291" spans="14:14">
      <c r="N118291" s="10"/>
    </row>
    <row r="118292" spans="14:14">
      <c r="N118292" s="10"/>
    </row>
    <row r="118293" spans="14:14">
      <c r="N118293" s="10"/>
    </row>
    <row r="118294" spans="14:14">
      <c r="N118294" s="10"/>
    </row>
    <row r="118295" spans="14:14">
      <c r="N118295" s="10"/>
    </row>
    <row r="118296" spans="14:14">
      <c r="N118296" s="10"/>
    </row>
    <row r="118297" spans="14:14">
      <c r="N118297" s="10"/>
    </row>
    <row r="118298" spans="14:14">
      <c r="N118298" s="10"/>
    </row>
    <row r="118299" spans="14:14">
      <c r="N118299" s="10"/>
    </row>
    <row r="118300" spans="14:14">
      <c r="N118300" s="10"/>
    </row>
    <row r="118301" spans="14:14">
      <c r="N118301" s="10"/>
    </row>
    <row r="118302" spans="14:14">
      <c r="N118302" s="10"/>
    </row>
    <row r="118303" spans="14:14">
      <c r="N118303" s="10"/>
    </row>
    <row r="118304" spans="14:14">
      <c r="N118304" s="10"/>
    </row>
    <row r="118305" spans="14:14">
      <c r="N118305" s="10"/>
    </row>
    <row r="118306" spans="14:14">
      <c r="N118306" s="10"/>
    </row>
    <row r="118307" spans="14:14">
      <c r="N118307" s="10"/>
    </row>
    <row r="118308" spans="14:14">
      <c r="N118308" s="10"/>
    </row>
    <row r="118309" spans="14:14">
      <c r="N118309" s="10"/>
    </row>
    <row r="118310" spans="14:14">
      <c r="N118310" s="10"/>
    </row>
    <row r="118311" spans="14:14">
      <c r="N118311" s="10"/>
    </row>
    <row r="118312" spans="14:14">
      <c r="N118312" s="10"/>
    </row>
    <row r="118313" spans="14:14">
      <c r="N118313" s="10"/>
    </row>
    <row r="118314" spans="14:14">
      <c r="N118314" s="10"/>
    </row>
    <row r="118315" spans="14:14">
      <c r="N118315" s="10"/>
    </row>
    <row r="118316" spans="14:14">
      <c r="N118316" s="10"/>
    </row>
    <row r="118317" spans="14:14">
      <c r="N118317" s="10"/>
    </row>
    <row r="118318" spans="14:14">
      <c r="N118318" s="10"/>
    </row>
    <row r="118319" spans="14:14">
      <c r="N118319" s="10"/>
    </row>
    <row r="118320" spans="14:14">
      <c r="N118320" s="10"/>
    </row>
    <row r="118321" spans="14:14">
      <c r="N118321" s="10"/>
    </row>
    <row r="118322" spans="14:14">
      <c r="N118322" s="10"/>
    </row>
    <row r="118323" spans="14:14">
      <c r="N118323" s="10"/>
    </row>
    <row r="118324" spans="14:14">
      <c r="N118324" s="10"/>
    </row>
    <row r="118325" spans="14:14">
      <c r="N118325" s="10"/>
    </row>
    <row r="118326" spans="14:14">
      <c r="N118326" s="10"/>
    </row>
    <row r="118327" spans="14:14">
      <c r="N118327" s="10"/>
    </row>
    <row r="118328" spans="14:14">
      <c r="N118328" s="10"/>
    </row>
    <row r="118329" spans="14:14">
      <c r="N118329" s="10"/>
    </row>
    <row r="118330" spans="14:14">
      <c r="N118330" s="10"/>
    </row>
    <row r="118331" spans="14:14">
      <c r="N118331" s="10"/>
    </row>
    <row r="118332" spans="14:14">
      <c r="N118332" s="10"/>
    </row>
    <row r="118333" spans="14:14">
      <c r="N118333" s="10"/>
    </row>
    <row r="118334" spans="14:14">
      <c r="N118334" s="10"/>
    </row>
    <row r="118335" spans="14:14">
      <c r="N118335" s="10"/>
    </row>
    <row r="118336" spans="14:14">
      <c r="N118336" s="10"/>
    </row>
    <row r="118337" spans="14:14">
      <c r="N118337" s="10"/>
    </row>
    <row r="118338" spans="14:14">
      <c r="N118338" s="10"/>
    </row>
    <row r="118339" spans="14:14">
      <c r="N118339" s="10"/>
    </row>
    <row r="118340" spans="14:14">
      <c r="N118340" s="10"/>
    </row>
    <row r="118341" spans="14:14">
      <c r="N118341" s="10"/>
    </row>
    <row r="118342" spans="14:14">
      <c r="N118342" s="10"/>
    </row>
    <row r="118343" spans="14:14">
      <c r="N118343" s="10"/>
    </row>
    <row r="118344" spans="14:14">
      <c r="N118344" s="10"/>
    </row>
    <row r="118345" spans="14:14">
      <c r="N118345" s="10"/>
    </row>
    <row r="118346" spans="14:14">
      <c r="N118346" s="10"/>
    </row>
    <row r="118347" spans="14:14">
      <c r="N118347" s="10"/>
    </row>
    <row r="118348" spans="14:14">
      <c r="N118348" s="10"/>
    </row>
    <row r="118349" spans="14:14">
      <c r="N118349" s="10"/>
    </row>
    <row r="118350" spans="14:14">
      <c r="N118350" s="10"/>
    </row>
    <row r="118351" spans="14:14">
      <c r="N118351" s="10"/>
    </row>
    <row r="118352" spans="14:14">
      <c r="N118352" s="10"/>
    </row>
    <row r="118353" spans="14:14">
      <c r="N118353" s="10"/>
    </row>
    <row r="118354" spans="14:14">
      <c r="N118354" s="10"/>
    </row>
    <row r="118355" spans="14:14">
      <c r="N118355" s="10"/>
    </row>
    <row r="118356" spans="14:14">
      <c r="N118356" s="10"/>
    </row>
    <row r="118357" spans="14:14">
      <c r="N118357" s="10"/>
    </row>
    <row r="118358" spans="14:14">
      <c r="N118358" s="10"/>
    </row>
    <row r="118359" spans="14:14">
      <c r="N118359" s="10"/>
    </row>
    <row r="118360" spans="14:14">
      <c r="N118360" s="10"/>
    </row>
    <row r="118361" spans="14:14">
      <c r="N118361" s="10"/>
    </row>
    <row r="118362" spans="14:14">
      <c r="N118362" s="10"/>
    </row>
    <row r="118363" spans="14:14">
      <c r="N118363" s="10"/>
    </row>
    <row r="118364" spans="14:14">
      <c r="N118364" s="10"/>
    </row>
    <row r="118365" spans="14:14">
      <c r="N118365" s="10"/>
    </row>
    <row r="118366" spans="14:14">
      <c r="N118366" s="10"/>
    </row>
    <row r="118367" spans="14:14">
      <c r="N118367" s="10"/>
    </row>
    <row r="118368" spans="14:14">
      <c r="N118368" s="10"/>
    </row>
    <row r="118369" spans="14:14">
      <c r="N118369" s="10"/>
    </row>
    <row r="118370" spans="14:14">
      <c r="N118370" s="10"/>
    </row>
    <row r="118371" spans="14:14">
      <c r="N118371" s="10"/>
    </row>
    <row r="118372" spans="14:14">
      <c r="N118372" s="10"/>
    </row>
    <row r="118373" spans="14:14">
      <c r="N118373" s="10"/>
    </row>
    <row r="118374" spans="14:14">
      <c r="N118374" s="10"/>
    </row>
    <row r="118375" spans="14:14">
      <c r="N118375" s="10"/>
    </row>
    <row r="118376" spans="14:14">
      <c r="N118376" s="10"/>
    </row>
    <row r="118377" spans="14:14">
      <c r="N118377" s="10"/>
    </row>
    <row r="118378" spans="14:14">
      <c r="N118378" s="10"/>
    </row>
    <row r="118379" spans="14:14">
      <c r="N118379" s="10"/>
    </row>
    <row r="118380" spans="14:14">
      <c r="N118380" s="10"/>
    </row>
    <row r="118381" spans="14:14">
      <c r="N118381" s="10"/>
    </row>
    <row r="118382" spans="14:14">
      <c r="N118382" s="10"/>
    </row>
    <row r="118383" spans="14:14">
      <c r="N118383" s="10"/>
    </row>
    <row r="118384" spans="14:14">
      <c r="N118384" s="10"/>
    </row>
    <row r="118385" spans="14:14">
      <c r="N118385" s="10"/>
    </row>
    <row r="118386" spans="14:14">
      <c r="N118386" s="10"/>
    </row>
    <row r="118387" spans="14:14">
      <c r="N118387" s="10"/>
    </row>
    <row r="118388" spans="14:14">
      <c r="N118388" s="10"/>
    </row>
    <row r="118389" spans="14:14">
      <c r="N118389" s="10"/>
    </row>
    <row r="118390" spans="14:14">
      <c r="N118390" s="10"/>
    </row>
    <row r="118391" spans="14:14">
      <c r="N118391" s="10"/>
    </row>
    <row r="118392" spans="14:14">
      <c r="N118392" s="10"/>
    </row>
    <row r="118393" spans="14:14">
      <c r="N118393" s="10"/>
    </row>
    <row r="118394" spans="14:14">
      <c r="N118394" s="10"/>
    </row>
    <row r="118395" spans="14:14">
      <c r="N118395" s="10"/>
    </row>
    <row r="118396" spans="14:14">
      <c r="N118396" s="10"/>
    </row>
    <row r="118397" spans="14:14">
      <c r="N118397" s="10"/>
    </row>
    <row r="118398" spans="14:14">
      <c r="N118398" s="10"/>
    </row>
    <row r="118399" spans="14:14">
      <c r="N118399" s="10"/>
    </row>
    <row r="118400" spans="14:14">
      <c r="N118400" s="10"/>
    </row>
    <row r="118401" spans="14:14">
      <c r="N118401" s="10"/>
    </row>
    <row r="118402" spans="14:14">
      <c r="N118402" s="10"/>
    </row>
    <row r="118403" spans="14:14">
      <c r="N118403" s="10"/>
    </row>
    <row r="118404" spans="14:14">
      <c r="N118404" s="10"/>
    </row>
    <row r="118405" spans="14:14">
      <c r="N118405" s="10"/>
    </row>
    <row r="118406" spans="14:14">
      <c r="N118406" s="10"/>
    </row>
    <row r="118407" spans="14:14">
      <c r="N118407" s="10"/>
    </row>
    <row r="118408" spans="14:14">
      <c r="N118408" s="10"/>
    </row>
    <row r="118409" spans="14:14">
      <c r="N118409" s="10"/>
    </row>
    <row r="118410" spans="14:14">
      <c r="N118410" s="10"/>
    </row>
    <row r="118411" spans="14:14">
      <c r="N118411" s="10"/>
    </row>
    <row r="118412" spans="14:14">
      <c r="N118412" s="10"/>
    </row>
    <row r="118413" spans="14:14">
      <c r="N118413" s="10"/>
    </row>
    <row r="118414" spans="14:14">
      <c r="N118414" s="10"/>
    </row>
    <row r="118415" spans="14:14">
      <c r="N118415" s="10"/>
    </row>
    <row r="118416" spans="14:14">
      <c r="N118416" s="10"/>
    </row>
    <row r="118417" spans="14:14">
      <c r="N118417" s="10"/>
    </row>
    <row r="118418" spans="14:14">
      <c r="N118418" s="10"/>
    </row>
    <row r="118419" spans="14:14">
      <c r="N118419" s="10"/>
    </row>
    <row r="118420" spans="14:14">
      <c r="N118420" s="10"/>
    </row>
    <row r="118421" spans="14:14">
      <c r="N118421" s="10"/>
    </row>
    <row r="118422" spans="14:14">
      <c r="N118422" s="10"/>
    </row>
    <row r="118423" spans="14:14">
      <c r="N118423" s="10"/>
    </row>
    <row r="118424" spans="14:14">
      <c r="N118424" s="10"/>
    </row>
    <row r="118425" spans="14:14">
      <c r="N118425" s="10"/>
    </row>
    <row r="118426" spans="14:14">
      <c r="N118426" s="10"/>
    </row>
    <row r="118427" spans="14:14">
      <c r="N118427" s="10"/>
    </row>
    <row r="118428" spans="14:14">
      <c r="N118428" s="10"/>
    </row>
    <row r="118429" spans="14:14">
      <c r="N118429" s="10"/>
    </row>
    <row r="118430" spans="14:14">
      <c r="N118430" s="10"/>
    </row>
    <row r="118431" spans="14:14">
      <c r="N118431" s="10"/>
    </row>
    <row r="118432" spans="14:14">
      <c r="N118432" s="10"/>
    </row>
    <row r="118433" spans="14:14">
      <c r="N118433" s="10"/>
    </row>
    <row r="118434" spans="14:14">
      <c r="N118434" s="10"/>
    </row>
    <row r="118435" spans="14:14">
      <c r="N118435" s="10"/>
    </row>
    <row r="118436" spans="14:14">
      <c r="N118436" s="10"/>
    </row>
    <row r="118437" spans="14:14">
      <c r="N118437" s="10"/>
    </row>
    <row r="118438" spans="14:14">
      <c r="N118438" s="10"/>
    </row>
    <row r="118439" spans="14:14">
      <c r="N118439" s="10"/>
    </row>
    <row r="118440" spans="14:14">
      <c r="N118440" s="10"/>
    </row>
    <row r="118441" spans="14:14">
      <c r="N118441" s="10"/>
    </row>
    <row r="118442" spans="14:14">
      <c r="N118442" s="10"/>
    </row>
    <row r="118443" spans="14:14">
      <c r="N118443" s="10"/>
    </row>
    <row r="118444" spans="14:14">
      <c r="N118444" s="10"/>
    </row>
    <row r="118445" spans="14:14">
      <c r="N118445" s="10"/>
    </row>
    <row r="118446" spans="14:14">
      <c r="N118446" s="10"/>
    </row>
    <row r="118447" spans="14:14">
      <c r="N118447" s="10"/>
    </row>
    <row r="118448" spans="14:14">
      <c r="N118448" s="10"/>
    </row>
    <row r="118449" spans="14:14">
      <c r="N118449" s="10"/>
    </row>
    <row r="118450" spans="14:14">
      <c r="N118450" s="10"/>
    </row>
    <row r="118451" spans="14:14">
      <c r="N118451" s="10"/>
    </row>
    <row r="118452" spans="14:14">
      <c r="N118452" s="10"/>
    </row>
    <row r="118453" spans="14:14">
      <c r="N118453" s="10"/>
    </row>
    <row r="118454" spans="14:14">
      <c r="N118454" s="10"/>
    </row>
    <row r="118455" spans="14:14">
      <c r="N118455" s="10"/>
    </row>
    <row r="118456" spans="14:14">
      <c r="N118456" s="10"/>
    </row>
    <row r="118457" spans="14:14">
      <c r="N118457" s="10"/>
    </row>
    <row r="118458" spans="14:14">
      <c r="N118458" s="10"/>
    </row>
    <row r="118459" spans="14:14">
      <c r="N118459" s="10"/>
    </row>
    <row r="118460" spans="14:14">
      <c r="N118460" s="10"/>
    </row>
    <row r="118461" spans="14:14">
      <c r="N118461" s="10"/>
    </row>
    <row r="118462" spans="14:14">
      <c r="N118462" s="10"/>
    </row>
    <row r="118463" spans="14:14">
      <c r="N118463" s="10"/>
    </row>
    <row r="118464" spans="14:14">
      <c r="N118464" s="10"/>
    </row>
    <row r="118465" spans="14:14">
      <c r="N118465" s="10"/>
    </row>
    <row r="118466" spans="14:14">
      <c r="N118466" s="10"/>
    </row>
    <row r="118467" spans="14:14">
      <c r="N118467" s="10"/>
    </row>
    <row r="118468" spans="14:14">
      <c r="N118468" s="10"/>
    </row>
    <row r="118469" spans="14:14">
      <c r="N118469" s="10"/>
    </row>
    <row r="118470" spans="14:14">
      <c r="N118470" s="10"/>
    </row>
    <row r="118471" spans="14:14">
      <c r="N118471" s="10"/>
    </row>
    <row r="118472" spans="14:14">
      <c r="N118472" s="10"/>
    </row>
    <row r="118473" spans="14:14">
      <c r="N118473" s="10"/>
    </row>
    <row r="118474" spans="14:14">
      <c r="N118474" s="10"/>
    </row>
    <row r="118475" spans="14:14">
      <c r="N118475" s="10"/>
    </row>
    <row r="118476" spans="14:14">
      <c r="N118476" s="10"/>
    </row>
    <row r="118477" spans="14:14">
      <c r="N118477" s="10"/>
    </row>
    <row r="118478" spans="14:14">
      <c r="N118478" s="10"/>
    </row>
    <row r="118479" spans="14:14">
      <c r="N118479" s="10"/>
    </row>
    <row r="118480" spans="14:14">
      <c r="N118480" s="10"/>
    </row>
    <row r="118481" spans="14:14">
      <c r="N118481" s="10"/>
    </row>
    <row r="118482" spans="14:14">
      <c r="N118482" s="10"/>
    </row>
    <row r="118483" spans="14:14">
      <c r="N118483" s="10"/>
    </row>
    <row r="118484" spans="14:14">
      <c r="N118484" s="10"/>
    </row>
    <row r="118485" spans="14:14">
      <c r="N118485" s="10"/>
    </row>
    <row r="118486" spans="14:14">
      <c r="N118486" s="10"/>
    </row>
    <row r="118487" spans="14:14">
      <c r="N118487" s="10"/>
    </row>
    <row r="118488" spans="14:14">
      <c r="N118488" s="10"/>
    </row>
    <row r="118489" spans="14:14">
      <c r="N118489" s="10"/>
    </row>
    <row r="118490" spans="14:14">
      <c r="N118490" s="10"/>
    </row>
    <row r="118491" spans="14:14">
      <c r="N118491" s="10"/>
    </row>
    <row r="118492" spans="14:14">
      <c r="N118492" s="10"/>
    </row>
    <row r="118493" spans="14:14">
      <c r="N118493" s="10"/>
    </row>
    <row r="118494" spans="14:14">
      <c r="N118494" s="10"/>
    </row>
    <row r="118495" spans="14:14">
      <c r="N118495" s="10"/>
    </row>
    <row r="118496" spans="14:14">
      <c r="N118496" s="10"/>
    </row>
    <row r="118497" spans="14:14">
      <c r="N118497" s="10"/>
    </row>
    <row r="118498" spans="14:14">
      <c r="N118498" s="10"/>
    </row>
    <row r="118499" spans="14:14">
      <c r="N118499" s="10"/>
    </row>
    <row r="118500" spans="14:14">
      <c r="N118500" s="10"/>
    </row>
    <row r="118501" spans="14:14">
      <c r="N118501" s="10"/>
    </row>
    <row r="118502" spans="14:14">
      <c r="N118502" s="10"/>
    </row>
    <row r="118503" spans="14:14">
      <c r="N118503" s="10"/>
    </row>
    <row r="118504" spans="14:14">
      <c r="N118504" s="10"/>
    </row>
    <row r="118505" spans="14:14">
      <c r="N118505" s="10"/>
    </row>
    <row r="118506" spans="14:14">
      <c r="N118506" s="10"/>
    </row>
    <row r="118507" spans="14:14">
      <c r="N118507" s="10"/>
    </row>
    <row r="118508" spans="14:14">
      <c r="N118508" s="10"/>
    </row>
    <row r="118509" spans="14:14">
      <c r="N118509" s="10"/>
    </row>
    <row r="118510" spans="14:14">
      <c r="N118510" s="10"/>
    </row>
    <row r="118511" spans="14:14">
      <c r="N118511" s="10"/>
    </row>
    <row r="118512" spans="14:14">
      <c r="N118512" s="10"/>
    </row>
    <row r="118513" spans="14:14">
      <c r="N118513" s="10"/>
    </row>
    <row r="118514" spans="14:14">
      <c r="N118514" s="10"/>
    </row>
    <row r="118515" spans="14:14">
      <c r="N118515" s="10"/>
    </row>
    <row r="118516" spans="14:14">
      <c r="N118516" s="10"/>
    </row>
    <row r="118517" spans="14:14">
      <c r="N118517" s="10"/>
    </row>
    <row r="118518" spans="14:14">
      <c r="N118518" s="10"/>
    </row>
    <row r="118519" spans="14:14">
      <c r="N118519" s="10"/>
    </row>
    <row r="118520" spans="14:14">
      <c r="N118520" s="10"/>
    </row>
    <row r="118521" spans="14:14">
      <c r="N118521" s="10"/>
    </row>
    <row r="118522" spans="14:14">
      <c r="N118522" s="10"/>
    </row>
    <row r="118523" spans="14:14">
      <c r="N118523" s="10"/>
    </row>
    <row r="118524" spans="14:14">
      <c r="N118524" s="10"/>
    </row>
    <row r="118525" spans="14:14">
      <c r="N118525" s="10"/>
    </row>
    <row r="118526" spans="14:14">
      <c r="N118526" s="10"/>
    </row>
    <row r="118527" spans="14:14">
      <c r="N118527" s="10"/>
    </row>
    <row r="118528" spans="14:14">
      <c r="N118528" s="10"/>
    </row>
    <row r="118529" spans="14:14">
      <c r="N118529" s="10"/>
    </row>
    <row r="118530" spans="14:14">
      <c r="N118530" s="10"/>
    </row>
    <row r="118531" spans="14:14">
      <c r="N118531" s="10"/>
    </row>
    <row r="118532" spans="14:14">
      <c r="N118532" s="10"/>
    </row>
    <row r="118533" spans="14:14">
      <c r="N118533" s="10"/>
    </row>
    <row r="118534" spans="14:14">
      <c r="N118534" s="10"/>
    </row>
    <row r="118535" spans="14:14">
      <c r="N118535" s="10"/>
    </row>
    <row r="118536" spans="14:14">
      <c r="N118536" s="10"/>
    </row>
    <row r="118537" spans="14:14">
      <c r="N118537" s="10"/>
    </row>
    <row r="118538" spans="14:14">
      <c r="N118538" s="10"/>
    </row>
    <row r="118539" spans="14:14">
      <c r="N118539" s="10"/>
    </row>
    <row r="118540" spans="14:14">
      <c r="N118540" s="10"/>
    </row>
    <row r="118541" spans="14:14">
      <c r="N118541" s="10"/>
    </row>
    <row r="118542" spans="14:14">
      <c r="N118542" s="10"/>
    </row>
    <row r="118543" spans="14:14">
      <c r="N118543" s="10"/>
    </row>
    <row r="118544" spans="14:14">
      <c r="N118544" s="10"/>
    </row>
    <row r="118545" spans="14:14">
      <c r="N118545" s="10"/>
    </row>
    <row r="118546" spans="14:14">
      <c r="N118546" s="10"/>
    </row>
    <row r="118547" spans="14:14">
      <c r="N118547" s="10"/>
    </row>
    <row r="118548" spans="14:14">
      <c r="N118548" s="10"/>
    </row>
    <row r="118549" spans="14:14">
      <c r="N118549" s="10"/>
    </row>
    <row r="118550" spans="14:14">
      <c r="N118550" s="10"/>
    </row>
    <row r="118551" spans="14:14">
      <c r="N118551" s="10"/>
    </row>
    <row r="118552" spans="14:14">
      <c r="N118552" s="10"/>
    </row>
    <row r="118553" spans="14:14">
      <c r="N118553" s="10"/>
    </row>
    <row r="118554" spans="14:14">
      <c r="N118554" s="10"/>
    </row>
    <row r="118555" spans="14:14">
      <c r="N118555" s="10"/>
    </row>
    <row r="118556" spans="14:14">
      <c r="N118556" s="10"/>
    </row>
    <row r="118557" spans="14:14">
      <c r="N118557" s="10"/>
    </row>
    <row r="118558" spans="14:14">
      <c r="N118558" s="10"/>
    </row>
    <row r="118559" spans="14:14">
      <c r="N118559" s="10"/>
    </row>
    <row r="118560" spans="14:14">
      <c r="N118560" s="10"/>
    </row>
    <row r="118561" spans="14:14">
      <c r="N118561" s="10"/>
    </row>
    <row r="118562" spans="14:14">
      <c r="N118562" s="10"/>
    </row>
    <row r="118563" spans="14:14">
      <c r="N118563" s="10"/>
    </row>
    <row r="118564" spans="14:14">
      <c r="N118564" s="10"/>
    </row>
    <row r="118565" spans="14:14">
      <c r="N118565" s="10"/>
    </row>
    <row r="118566" spans="14:14">
      <c r="N118566" s="10"/>
    </row>
    <row r="118567" spans="14:14">
      <c r="N118567" s="10"/>
    </row>
    <row r="118568" spans="14:14">
      <c r="N118568" s="10"/>
    </row>
    <row r="118569" spans="14:14">
      <c r="N118569" s="10"/>
    </row>
    <row r="118570" spans="14:14">
      <c r="N118570" s="10"/>
    </row>
    <row r="118571" spans="14:14">
      <c r="N118571" s="10"/>
    </row>
    <row r="118572" spans="14:14">
      <c r="N118572" s="10"/>
    </row>
    <row r="118573" spans="14:14">
      <c r="N118573" s="10"/>
    </row>
    <row r="118574" spans="14:14">
      <c r="N118574" s="10"/>
    </row>
    <row r="118575" spans="14:14">
      <c r="N118575" s="10"/>
    </row>
    <row r="118576" spans="14:14">
      <c r="N118576" s="10"/>
    </row>
    <row r="118577" spans="14:14">
      <c r="N118577" s="10"/>
    </row>
    <row r="118578" spans="14:14">
      <c r="N118578" s="10"/>
    </row>
    <row r="118579" spans="14:14">
      <c r="N118579" s="10"/>
    </row>
    <row r="118580" spans="14:14">
      <c r="N118580" s="10"/>
    </row>
    <row r="118581" spans="14:14">
      <c r="N118581" s="10"/>
    </row>
    <row r="118582" spans="14:14">
      <c r="N118582" s="10"/>
    </row>
    <row r="118583" spans="14:14">
      <c r="N118583" s="10"/>
    </row>
    <row r="118584" spans="14:14">
      <c r="N118584" s="10"/>
    </row>
    <row r="118585" spans="14:14">
      <c r="N118585" s="10"/>
    </row>
    <row r="118586" spans="14:14">
      <c r="N118586" s="10"/>
    </row>
    <row r="118587" spans="14:14">
      <c r="N118587" s="10"/>
    </row>
    <row r="118588" spans="14:14">
      <c r="N118588" s="10"/>
    </row>
    <row r="118589" spans="14:14">
      <c r="N118589" s="10"/>
    </row>
    <row r="118590" spans="14:14">
      <c r="N118590" s="10"/>
    </row>
    <row r="118591" spans="14:14">
      <c r="N118591" s="10"/>
    </row>
    <row r="118592" spans="14:14">
      <c r="N118592" s="10"/>
    </row>
    <row r="118593" spans="14:14">
      <c r="N118593" s="10"/>
    </row>
    <row r="118594" spans="14:14">
      <c r="N118594" s="10"/>
    </row>
    <row r="118595" spans="14:14">
      <c r="N118595" s="10"/>
    </row>
    <row r="118596" spans="14:14">
      <c r="N118596" s="10"/>
    </row>
    <row r="118597" spans="14:14">
      <c r="N118597" s="10"/>
    </row>
    <row r="118598" spans="14:14">
      <c r="N118598" s="10"/>
    </row>
    <row r="118599" spans="14:14">
      <c r="N118599" s="10"/>
    </row>
    <row r="118600" spans="14:14">
      <c r="N118600" s="10"/>
    </row>
    <row r="118601" spans="14:14">
      <c r="N118601" s="10"/>
    </row>
    <row r="118602" spans="14:14">
      <c r="N118602" s="10"/>
    </row>
    <row r="118603" spans="14:14">
      <c r="N118603" s="10"/>
    </row>
    <row r="118604" spans="14:14">
      <c r="N118604" s="10"/>
    </row>
    <row r="118605" spans="14:14">
      <c r="N118605" s="10"/>
    </row>
    <row r="118606" spans="14:14">
      <c r="N118606" s="10"/>
    </row>
    <row r="118607" spans="14:14">
      <c r="N118607" s="10"/>
    </row>
    <row r="118608" spans="14:14">
      <c r="N118608" s="10"/>
    </row>
    <row r="118609" spans="14:14">
      <c r="N118609" s="10"/>
    </row>
    <row r="118610" spans="14:14">
      <c r="N118610" s="10"/>
    </row>
    <row r="118611" spans="14:14">
      <c r="N118611" s="10"/>
    </row>
    <row r="118612" spans="14:14">
      <c r="N118612" s="10"/>
    </row>
    <row r="118613" spans="14:14">
      <c r="N118613" s="10"/>
    </row>
    <row r="118614" spans="14:14">
      <c r="N118614" s="10"/>
    </row>
    <row r="118615" spans="14:14">
      <c r="N118615" s="10"/>
    </row>
    <row r="118616" spans="14:14">
      <c r="N118616" s="10"/>
    </row>
    <row r="118617" spans="14:14">
      <c r="N118617" s="10"/>
    </row>
    <row r="118618" spans="14:14">
      <c r="N118618" s="10"/>
    </row>
    <row r="118619" spans="14:14">
      <c r="N118619" s="10"/>
    </row>
    <row r="118620" spans="14:14">
      <c r="N118620" s="10"/>
    </row>
    <row r="118621" spans="14:14">
      <c r="N118621" s="10"/>
    </row>
    <row r="118622" spans="14:14">
      <c r="N118622" s="10"/>
    </row>
    <row r="118623" spans="14:14">
      <c r="N118623" s="10"/>
    </row>
    <row r="118624" spans="14:14">
      <c r="N118624" s="10"/>
    </row>
    <row r="118625" spans="14:14">
      <c r="N118625" s="10"/>
    </row>
    <row r="118626" spans="14:14">
      <c r="N118626" s="10"/>
    </row>
    <row r="118627" spans="14:14">
      <c r="N118627" s="10"/>
    </row>
    <row r="118628" spans="14:14">
      <c r="N118628" s="10"/>
    </row>
    <row r="118629" spans="14:14">
      <c r="N118629" s="10"/>
    </row>
    <row r="118630" spans="14:14">
      <c r="N118630" s="10"/>
    </row>
    <row r="118631" spans="14:14">
      <c r="N118631" s="10"/>
    </row>
    <row r="118632" spans="14:14">
      <c r="N118632" s="10"/>
    </row>
    <row r="118633" spans="14:14">
      <c r="N118633" s="10"/>
    </row>
    <row r="118634" spans="14:14">
      <c r="N118634" s="10"/>
    </row>
    <row r="118635" spans="14:14">
      <c r="N118635" s="10"/>
    </row>
    <row r="118636" spans="14:14">
      <c r="N118636" s="10"/>
    </row>
    <row r="118637" spans="14:14">
      <c r="N118637" s="10"/>
    </row>
    <row r="118638" spans="14:14">
      <c r="N118638" s="10"/>
    </row>
    <row r="118639" spans="14:14">
      <c r="N118639" s="10"/>
    </row>
    <row r="118640" spans="14:14">
      <c r="N118640" s="10"/>
    </row>
    <row r="118641" spans="14:14">
      <c r="N118641" s="10"/>
    </row>
    <row r="118642" spans="14:14">
      <c r="N118642" s="10"/>
    </row>
    <row r="118643" spans="14:14">
      <c r="N118643" s="10"/>
    </row>
    <row r="118644" spans="14:14">
      <c r="N118644" s="10"/>
    </row>
    <row r="118645" spans="14:14">
      <c r="N118645" s="10"/>
    </row>
    <row r="118646" spans="14:14">
      <c r="N118646" s="10"/>
    </row>
    <row r="118647" spans="14:14">
      <c r="N118647" s="10"/>
    </row>
    <row r="118648" spans="14:14">
      <c r="N118648" s="10"/>
    </row>
    <row r="118649" spans="14:14">
      <c r="N118649" s="10"/>
    </row>
    <row r="118650" spans="14:14">
      <c r="N118650" s="10"/>
    </row>
    <row r="118651" spans="14:14">
      <c r="N118651" s="10"/>
    </row>
    <row r="118652" spans="14:14">
      <c r="N118652" s="10"/>
    </row>
    <row r="118653" spans="14:14">
      <c r="N118653" s="10"/>
    </row>
    <row r="118654" spans="14:14">
      <c r="N118654" s="10"/>
    </row>
    <row r="118655" spans="14:14">
      <c r="N118655" s="10"/>
    </row>
    <row r="118656" spans="14:14">
      <c r="N118656" s="10"/>
    </row>
    <row r="118657" spans="14:14">
      <c r="N118657" s="10"/>
    </row>
    <row r="118658" spans="14:14">
      <c r="N118658" s="10"/>
    </row>
    <row r="118659" spans="14:14">
      <c r="N118659" s="10"/>
    </row>
    <row r="118660" spans="14:14">
      <c r="N118660" s="10"/>
    </row>
    <row r="118661" spans="14:14">
      <c r="N118661" s="10"/>
    </row>
    <row r="118662" spans="14:14">
      <c r="N118662" s="10"/>
    </row>
    <row r="118663" spans="14:14">
      <c r="N118663" s="10"/>
    </row>
    <row r="118664" spans="14:14">
      <c r="N118664" s="10"/>
    </row>
    <row r="118665" spans="14:14">
      <c r="N118665" s="10"/>
    </row>
    <row r="118666" spans="14:14">
      <c r="N118666" s="10"/>
    </row>
    <row r="118667" spans="14:14">
      <c r="N118667" s="10"/>
    </row>
    <row r="118668" spans="14:14">
      <c r="N118668" s="10"/>
    </row>
    <row r="118669" spans="14:14">
      <c r="N118669" s="10"/>
    </row>
    <row r="118670" spans="14:14">
      <c r="N118670" s="10"/>
    </row>
    <row r="118671" spans="14:14">
      <c r="N118671" s="10"/>
    </row>
    <row r="118672" spans="14:14">
      <c r="N118672" s="10"/>
    </row>
    <row r="118673" spans="14:14">
      <c r="N118673" s="10"/>
    </row>
    <row r="118674" spans="14:14">
      <c r="N118674" s="10"/>
    </row>
    <row r="118675" spans="14:14">
      <c r="N118675" s="10"/>
    </row>
    <row r="118676" spans="14:14">
      <c r="N118676" s="10"/>
    </row>
    <row r="118677" spans="14:14">
      <c r="N118677" s="10"/>
    </row>
    <row r="118678" spans="14:14">
      <c r="N118678" s="10"/>
    </row>
    <row r="118679" spans="14:14">
      <c r="N118679" s="10"/>
    </row>
    <row r="118680" spans="14:14">
      <c r="N118680" s="10"/>
    </row>
    <row r="118681" spans="14:14">
      <c r="N118681" s="10"/>
    </row>
    <row r="118682" spans="14:14">
      <c r="N118682" s="10"/>
    </row>
    <row r="118683" spans="14:14">
      <c r="N118683" s="10"/>
    </row>
    <row r="118684" spans="14:14">
      <c r="N118684" s="10"/>
    </row>
    <row r="118685" spans="14:14">
      <c r="N118685" s="10"/>
    </row>
    <row r="118686" spans="14:14">
      <c r="N118686" s="10"/>
    </row>
    <row r="118687" spans="14:14">
      <c r="N118687" s="10"/>
    </row>
    <row r="118688" spans="14:14">
      <c r="N118688" s="10"/>
    </row>
    <row r="118689" spans="14:14">
      <c r="N118689" s="10"/>
    </row>
    <row r="118690" spans="14:14">
      <c r="N118690" s="10"/>
    </row>
    <row r="118691" spans="14:14">
      <c r="N118691" s="10"/>
    </row>
    <row r="118692" spans="14:14">
      <c r="N118692" s="10"/>
    </row>
    <row r="118693" spans="14:14">
      <c r="N118693" s="10"/>
    </row>
    <row r="118694" spans="14:14">
      <c r="N118694" s="10"/>
    </row>
    <row r="118695" spans="14:14">
      <c r="N118695" s="10"/>
    </row>
    <row r="118696" spans="14:14">
      <c r="N118696" s="10"/>
    </row>
    <row r="118697" spans="14:14">
      <c r="N118697" s="10"/>
    </row>
    <row r="118698" spans="14:14">
      <c r="N118698" s="10"/>
    </row>
    <row r="118699" spans="14:14">
      <c r="N118699" s="10"/>
    </row>
    <row r="118700" spans="14:14">
      <c r="N118700" s="10"/>
    </row>
    <row r="118701" spans="14:14">
      <c r="N118701" s="10"/>
    </row>
    <row r="118702" spans="14:14">
      <c r="N118702" s="10"/>
    </row>
    <row r="118703" spans="14:14">
      <c r="N118703" s="10"/>
    </row>
    <row r="118704" spans="14:14">
      <c r="N118704" s="10"/>
    </row>
    <row r="118705" spans="14:14">
      <c r="N118705" s="10"/>
    </row>
    <row r="118706" spans="14:14">
      <c r="N118706" s="10"/>
    </row>
    <row r="118707" spans="14:14">
      <c r="N118707" s="10"/>
    </row>
    <row r="118708" spans="14:14">
      <c r="N118708" s="10"/>
    </row>
    <row r="118709" spans="14:14">
      <c r="N118709" s="10"/>
    </row>
    <row r="118710" spans="14:14">
      <c r="N118710" s="10"/>
    </row>
    <row r="118711" spans="14:14">
      <c r="N118711" s="10"/>
    </row>
    <row r="118712" spans="14:14">
      <c r="N118712" s="10"/>
    </row>
    <row r="118713" spans="14:14">
      <c r="N118713" s="10"/>
    </row>
    <row r="118714" spans="14:14">
      <c r="N118714" s="10"/>
    </row>
    <row r="118715" spans="14:14">
      <c r="N118715" s="10"/>
    </row>
    <row r="118716" spans="14:14">
      <c r="N118716" s="10"/>
    </row>
    <row r="118717" spans="14:14">
      <c r="N118717" s="10"/>
    </row>
    <row r="118718" spans="14:14">
      <c r="N118718" s="10"/>
    </row>
    <row r="118719" spans="14:14">
      <c r="N118719" s="10"/>
    </row>
    <row r="118720" spans="14:14">
      <c r="N118720" s="10"/>
    </row>
    <row r="118721" spans="14:14">
      <c r="N118721" s="10"/>
    </row>
    <row r="118722" spans="14:14">
      <c r="N118722" s="10"/>
    </row>
    <row r="118723" spans="14:14">
      <c r="N118723" s="10"/>
    </row>
    <row r="118724" spans="14:14">
      <c r="N118724" s="10"/>
    </row>
    <row r="118725" spans="14:14">
      <c r="N118725" s="10"/>
    </row>
    <row r="118726" spans="14:14">
      <c r="N118726" s="10"/>
    </row>
    <row r="118727" spans="14:14">
      <c r="N118727" s="10"/>
    </row>
    <row r="118728" spans="14:14">
      <c r="N118728" s="10"/>
    </row>
    <row r="118729" spans="14:14">
      <c r="N118729" s="10"/>
    </row>
    <row r="118730" spans="14:14">
      <c r="N118730" s="10"/>
    </row>
    <row r="118731" spans="14:14">
      <c r="N118731" s="10"/>
    </row>
    <row r="118732" spans="14:14">
      <c r="N118732" s="10"/>
    </row>
    <row r="118733" spans="14:14">
      <c r="N118733" s="10"/>
    </row>
    <row r="118734" spans="14:14">
      <c r="N118734" s="10"/>
    </row>
    <row r="118735" spans="14:14">
      <c r="N118735" s="10"/>
    </row>
    <row r="118736" spans="14:14">
      <c r="N118736" s="10"/>
    </row>
    <row r="118737" spans="14:14">
      <c r="N118737" s="10"/>
    </row>
    <row r="118738" spans="14:14">
      <c r="N118738" s="10"/>
    </row>
    <row r="118739" spans="14:14">
      <c r="N118739" s="10"/>
    </row>
    <row r="118740" spans="14:14">
      <c r="N118740" s="10"/>
    </row>
    <row r="118741" spans="14:14">
      <c r="N118741" s="10"/>
    </row>
    <row r="118742" spans="14:14">
      <c r="N118742" s="10"/>
    </row>
    <row r="118743" spans="14:14">
      <c r="N118743" s="10"/>
    </row>
    <row r="118744" spans="14:14">
      <c r="N118744" s="10"/>
    </row>
    <row r="118745" spans="14:14">
      <c r="N118745" s="10"/>
    </row>
    <row r="118746" spans="14:14">
      <c r="N118746" s="10"/>
    </row>
    <row r="118747" spans="14:14">
      <c r="N118747" s="10"/>
    </row>
    <row r="118748" spans="14:14">
      <c r="N118748" s="10"/>
    </row>
    <row r="118749" spans="14:14">
      <c r="N118749" s="10"/>
    </row>
    <row r="118750" spans="14:14">
      <c r="N118750" s="10"/>
    </row>
    <row r="118751" spans="14:14">
      <c r="N118751" s="10"/>
    </row>
    <row r="118752" spans="14:14">
      <c r="N118752" s="10"/>
    </row>
    <row r="118753" spans="14:14">
      <c r="N118753" s="10"/>
    </row>
    <row r="118754" spans="14:14">
      <c r="N118754" s="10"/>
    </row>
    <row r="118755" spans="14:14">
      <c r="N118755" s="10"/>
    </row>
    <row r="118756" spans="14:14">
      <c r="N118756" s="10"/>
    </row>
    <row r="118757" spans="14:14">
      <c r="N118757" s="10"/>
    </row>
    <row r="118758" spans="14:14">
      <c r="N118758" s="10"/>
    </row>
    <row r="118759" spans="14:14">
      <c r="N118759" s="10"/>
    </row>
    <row r="118760" spans="14:14">
      <c r="N118760" s="10"/>
    </row>
    <row r="118761" spans="14:14">
      <c r="N118761" s="10"/>
    </row>
    <row r="118762" spans="14:14">
      <c r="N118762" s="10"/>
    </row>
    <row r="118763" spans="14:14">
      <c r="N118763" s="10"/>
    </row>
    <row r="118764" spans="14:14">
      <c r="N118764" s="10"/>
    </row>
    <row r="118765" spans="14:14">
      <c r="N118765" s="10"/>
    </row>
    <row r="118766" spans="14:14">
      <c r="N118766" s="10"/>
    </row>
    <row r="118767" spans="14:14">
      <c r="N118767" s="10"/>
    </row>
    <row r="118768" spans="14:14">
      <c r="N118768" s="10"/>
    </row>
    <row r="118769" spans="14:14">
      <c r="N118769" s="10"/>
    </row>
    <row r="118770" spans="14:14">
      <c r="N118770" s="10"/>
    </row>
    <row r="118771" spans="14:14">
      <c r="N118771" s="10"/>
    </row>
    <row r="118772" spans="14:14">
      <c r="N118772" s="10"/>
    </row>
    <row r="118773" spans="14:14">
      <c r="N118773" s="10"/>
    </row>
    <row r="118774" spans="14:14">
      <c r="N118774" s="10"/>
    </row>
    <row r="118775" spans="14:14">
      <c r="N118775" s="10"/>
    </row>
    <row r="118776" spans="14:14">
      <c r="N118776" s="10"/>
    </row>
    <row r="118777" spans="14:14">
      <c r="N118777" s="10"/>
    </row>
    <row r="118778" spans="14:14">
      <c r="N118778" s="10"/>
    </row>
    <row r="118779" spans="14:14">
      <c r="N118779" s="10"/>
    </row>
    <row r="118780" spans="14:14">
      <c r="N118780" s="10"/>
    </row>
    <row r="118781" spans="14:14">
      <c r="N118781" s="10"/>
    </row>
    <row r="118782" spans="14:14">
      <c r="N118782" s="10"/>
    </row>
    <row r="118783" spans="14:14">
      <c r="N118783" s="10"/>
    </row>
    <row r="118784" spans="14:14">
      <c r="N118784" s="10"/>
    </row>
    <row r="118785" spans="14:14">
      <c r="N118785" s="10"/>
    </row>
    <row r="118786" spans="14:14">
      <c r="N118786" s="10"/>
    </row>
    <row r="118787" spans="14:14">
      <c r="N118787" s="10"/>
    </row>
    <row r="118788" spans="14:14">
      <c r="N118788" s="10"/>
    </row>
    <row r="118789" spans="14:14">
      <c r="N118789" s="10"/>
    </row>
    <row r="118790" spans="14:14">
      <c r="N118790" s="10"/>
    </row>
    <row r="118791" spans="14:14">
      <c r="N118791" s="10"/>
    </row>
    <row r="118792" spans="14:14">
      <c r="N118792" s="10"/>
    </row>
    <row r="118793" spans="14:14">
      <c r="N118793" s="10"/>
    </row>
    <row r="118794" spans="14:14">
      <c r="N118794" s="10"/>
    </row>
    <row r="118795" spans="14:14">
      <c r="N118795" s="10"/>
    </row>
    <row r="118796" spans="14:14">
      <c r="N118796" s="10"/>
    </row>
    <row r="118797" spans="14:14">
      <c r="N118797" s="10"/>
    </row>
    <row r="118798" spans="14:14">
      <c r="N118798" s="10"/>
    </row>
    <row r="118799" spans="14:14">
      <c r="N118799" s="10"/>
    </row>
    <row r="118800" spans="14:14">
      <c r="N118800" s="10"/>
    </row>
    <row r="118801" spans="14:14">
      <c r="N118801" s="10"/>
    </row>
    <row r="118802" spans="14:14">
      <c r="N118802" s="10"/>
    </row>
    <row r="118803" spans="14:14">
      <c r="N118803" s="10"/>
    </row>
    <row r="118804" spans="14:14">
      <c r="N118804" s="10"/>
    </row>
    <row r="118805" spans="14:14">
      <c r="N118805" s="10"/>
    </row>
    <row r="118806" spans="14:14">
      <c r="N118806" s="10"/>
    </row>
    <row r="118807" spans="14:14">
      <c r="N118807" s="10"/>
    </row>
    <row r="118808" spans="14:14">
      <c r="N118808" s="10"/>
    </row>
    <row r="118809" spans="14:14">
      <c r="N118809" s="10"/>
    </row>
    <row r="118810" spans="14:14">
      <c r="N118810" s="10"/>
    </row>
    <row r="118811" spans="14:14">
      <c r="N118811" s="10"/>
    </row>
    <row r="118812" spans="14:14">
      <c r="N118812" s="10"/>
    </row>
    <row r="118813" spans="14:14">
      <c r="N118813" s="10"/>
    </row>
    <row r="118814" spans="14:14">
      <c r="N118814" s="10"/>
    </row>
    <row r="118815" spans="14:14">
      <c r="N118815" s="10"/>
    </row>
    <row r="118816" spans="14:14">
      <c r="N118816" s="10"/>
    </row>
    <row r="118817" spans="14:14">
      <c r="N118817" s="10"/>
    </row>
    <row r="118818" spans="14:14">
      <c r="N118818" s="10"/>
    </row>
    <row r="118819" spans="14:14">
      <c r="N118819" s="10"/>
    </row>
    <row r="118820" spans="14:14">
      <c r="N118820" s="10"/>
    </row>
    <row r="118821" spans="14:14">
      <c r="N118821" s="10"/>
    </row>
    <row r="118822" spans="14:14">
      <c r="N118822" s="10"/>
    </row>
    <row r="118823" spans="14:14">
      <c r="N118823" s="10"/>
    </row>
    <row r="118824" spans="14:14">
      <c r="N118824" s="10"/>
    </row>
    <row r="118825" spans="14:14">
      <c r="N118825" s="10"/>
    </row>
    <row r="118826" spans="14:14">
      <c r="N118826" s="10"/>
    </row>
    <row r="118827" spans="14:14">
      <c r="N118827" s="10"/>
    </row>
    <row r="118828" spans="14:14">
      <c r="N118828" s="10"/>
    </row>
    <row r="118829" spans="14:14">
      <c r="N118829" s="10"/>
    </row>
    <row r="118830" spans="14:14">
      <c r="N118830" s="10"/>
    </row>
    <row r="118831" spans="14:14">
      <c r="N118831" s="10"/>
    </row>
    <row r="118832" spans="14:14">
      <c r="N118832" s="10"/>
    </row>
    <row r="118833" spans="14:14">
      <c r="N118833" s="10"/>
    </row>
    <row r="118834" spans="14:14">
      <c r="N118834" s="10"/>
    </row>
    <row r="118835" spans="14:14">
      <c r="N118835" s="10"/>
    </row>
    <row r="118836" spans="14:14">
      <c r="N118836" s="10"/>
    </row>
    <row r="118837" spans="14:14">
      <c r="N118837" s="10"/>
    </row>
    <row r="118838" spans="14:14">
      <c r="N118838" s="10"/>
    </row>
    <row r="118839" spans="14:14">
      <c r="N118839" s="10"/>
    </row>
    <row r="118840" spans="14:14">
      <c r="N118840" s="10"/>
    </row>
    <row r="118841" spans="14:14">
      <c r="N118841" s="10"/>
    </row>
    <row r="118842" spans="14:14">
      <c r="N118842" s="10"/>
    </row>
    <row r="118843" spans="14:14">
      <c r="N118843" s="10"/>
    </row>
    <row r="118844" spans="14:14">
      <c r="N118844" s="10"/>
    </row>
    <row r="118845" spans="14:14">
      <c r="N118845" s="10"/>
    </row>
    <row r="118846" spans="14:14">
      <c r="N118846" s="10"/>
    </row>
    <row r="118847" spans="14:14">
      <c r="N118847" s="10"/>
    </row>
    <row r="118848" spans="14:14">
      <c r="N118848" s="10"/>
    </row>
    <row r="118849" spans="14:14">
      <c r="N118849" s="10"/>
    </row>
    <row r="118850" spans="14:14">
      <c r="N118850" s="10"/>
    </row>
    <row r="118851" spans="14:14">
      <c r="N118851" s="10"/>
    </row>
    <row r="118852" spans="14:14">
      <c r="N118852" s="10"/>
    </row>
    <row r="118853" spans="14:14">
      <c r="N118853" s="10"/>
    </row>
    <row r="118854" spans="14:14">
      <c r="N118854" s="10"/>
    </row>
    <row r="118855" spans="14:14">
      <c r="N118855" s="10"/>
    </row>
    <row r="118856" spans="14:14">
      <c r="N118856" s="10"/>
    </row>
    <row r="118857" spans="14:14">
      <c r="N118857" s="10"/>
    </row>
    <row r="118858" spans="14:14">
      <c r="N118858" s="10"/>
    </row>
    <row r="118859" spans="14:14">
      <c r="N118859" s="10"/>
    </row>
    <row r="118860" spans="14:14">
      <c r="N118860" s="10"/>
    </row>
    <row r="118861" spans="14:14">
      <c r="N118861" s="10"/>
    </row>
    <row r="118862" spans="14:14">
      <c r="N118862" s="10"/>
    </row>
    <row r="118863" spans="14:14">
      <c r="N118863" s="10"/>
    </row>
    <row r="118864" spans="14:14">
      <c r="N118864" s="10"/>
    </row>
    <row r="118865" spans="14:14">
      <c r="N118865" s="10"/>
    </row>
    <row r="118866" spans="14:14">
      <c r="N118866" s="10"/>
    </row>
    <row r="118867" spans="14:14">
      <c r="N118867" s="10"/>
    </row>
    <row r="118868" spans="14:14">
      <c r="N118868" s="10"/>
    </row>
    <row r="118869" spans="14:14">
      <c r="N118869" s="10"/>
    </row>
    <row r="118870" spans="14:14">
      <c r="N118870" s="10"/>
    </row>
    <row r="118871" spans="14:14">
      <c r="N118871" s="10"/>
    </row>
    <row r="118872" spans="14:14">
      <c r="N118872" s="10"/>
    </row>
    <row r="118873" spans="14:14">
      <c r="N118873" s="10"/>
    </row>
    <row r="118874" spans="14:14">
      <c r="N118874" s="10"/>
    </row>
    <row r="118875" spans="14:14">
      <c r="N118875" s="10"/>
    </row>
    <row r="118876" spans="14:14">
      <c r="N118876" s="10"/>
    </row>
    <row r="118877" spans="14:14">
      <c r="N118877" s="10"/>
    </row>
    <row r="118878" spans="14:14">
      <c r="N118878" s="10"/>
    </row>
    <row r="118879" spans="14:14">
      <c r="N118879" s="10"/>
    </row>
    <row r="118880" spans="14:14">
      <c r="N118880" s="10"/>
    </row>
    <row r="118881" spans="14:14">
      <c r="N118881" s="10"/>
    </row>
    <row r="118882" spans="14:14">
      <c r="N118882" s="10"/>
    </row>
    <row r="118883" spans="14:14">
      <c r="N118883" s="10"/>
    </row>
    <row r="118884" spans="14:14">
      <c r="N118884" s="10"/>
    </row>
    <row r="118885" spans="14:14">
      <c r="N118885" s="10"/>
    </row>
    <row r="118886" spans="14:14">
      <c r="N118886" s="10"/>
    </row>
    <row r="118887" spans="14:14">
      <c r="N118887" s="10"/>
    </row>
    <row r="118888" spans="14:14">
      <c r="N118888" s="10"/>
    </row>
    <row r="118889" spans="14:14">
      <c r="N118889" s="10"/>
    </row>
    <row r="118890" spans="14:14">
      <c r="N118890" s="10"/>
    </row>
    <row r="118891" spans="14:14">
      <c r="N118891" s="10"/>
    </row>
    <row r="118892" spans="14:14">
      <c r="N118892" s="10"/>
    </row>
    <row r="118893" spans="14:14">
      <c r="N118893" s="10"/>
    </row>
    <row r="118894" spans="14:14">
      <c r="N118894" s="10"/>
    </row>
    <row r="118895" spans="14:14">
      <c r="N118895" s="10"/>
    </row>
    <row r="118896" spans="14:14">
      <c r="N118896" s="10"/>
    </row>
    <row r="118897" spans="14:14">
      <c r="N118897" s="10"/>
    </row>
    <row r="118898" spans="14:14">
      <c r="N118898" s="10"/>
    </row>
    <row r="118899" spans="14:14">
      <c r="N118899" s="10"/>
    </row>
    <row r="118900" spans="14:14">
      <c r="N118900" s="10"/>
    </row>
    <row r="118901" spans="14:14">
      <c r="N118901" s="10"/>
    </row>
    <row r="118902" spans="14:14">
      <c r="N118902" s="10"/>
    </row>
    <row r="118903" spans="14:14">
      <c r="N118903" s="10"/>
    </row>
    <row r="118904" spans="14:14">
      <c r="N118904" s="10"/>
    </row>
    <row r="118905" spans="14:14">
      <c r="N118905" s="10"/>
    </row>
    <row r="118906" spans="14:14">
      <c r="N118906" s="10"/>
    </row>
    <row r="118907" spans="14:14">
      <c r="N118907" s="10"/>
    </row>
    <row r="118908" spans="14:14">
      <c r="N118908" s="10"/>
    </row>
    <row r="118909" spans="14:14">
      <c r="N118909" s="10"/>
    </row>
    <row r="118910" spans="14:14">
      <c r="N118910" s="10"/>
    </row>
    <row r="118911" spans="14:14">
      <c r="N118911" s="10"/>
    </row>
    <row r="118912" spans="14:14">
      <c r="N118912" s="10"/>
    </row>
    <row r="118913" spans="14:14">
      <c r="N118913" s="10"/>
    </row>
    <row r="118914" spans="14:14">
      <c r="N118914" s="10"/>
    </row>
    <row r="118915" spans="14:14">
      <c r="N118915" s="10"/>
    </row>
    <row r="118916" spans="14:14">
      <c r="N118916" s="10"/>
    </row>
    <row r="118917" spans="14:14">
      <c r="N118917" s="10"/>
    </row>
    <row r="118918" spans="14:14">
      <c r="N118918" s="10"/>
    </row>
    <row r="118919" spans="14:14">
      <c r="N118919" s="10"/>
    </row>
    <row r="118920" spans="14:14">
      <c r="N118920" s="10"/>
    </row>
    <row r="118921" spans="14:14">
      <c r="N118921" s="10"/>
    </row>
    <row r="118922" spans="14:14">
      <c r="N118922" s="10"/>
    </row>
    <row r="118923" spans="14:14">
      <c r="N118923" s="10"/>
    </row>
    <row r="118924" spans="14:14">
      <c r="N118924" s="10"/>
    </row>
    <row r="118925" spans="14:14">
      <c r="N118925" s="10"/>
    </row>
    <row r="118926" spans="14:14">
      <c r="N118926" s="10"/>
    </row>
    <row r="118927" spans="14:14">
      <c r="N118927" s="10"/>
    </row>
    <row r="118928" spans="14:14">
      <c r="N118928" s="10"/>
    </row>
    <row r="118929" spans="14:14">
      <c r="N118929" s="10"/>
    </row>
    <row r="118930" spans="14:14">
      <c r="N118930" s="10"/>
    </row>
    <row r="118931" spans="14:14">
      <c r="N118931" s="10"/>
    </row>
    <row r="118932" spans="14:14">
      <c r="N118932" s="10"/>
    </row>
    <row r="118933" spans="14:14">
      <c r="N118933" s="10"/>
    </row>
    <row r="118934" spans="14:14">
      <c r="N118934" s="10"/>
    </row>
    <row r="118935" spans="14:14">
      <c r="N118935" s="10"/>
    </row>
    <row r="118936" spans="14:14">
      <c r="N118936" s="10"/>
    </row>
    <row r="118937" spans="14:14">
      <c r="N118937" s="10"/>
    </row>
    <row r="118938" spans="14:14">
      <c r="N118938" s="10"/>
    </row>
    <row r="118939" spans="14:14">
      <c r="N118939" s="10"/>
    </row>
    <row r="118940" spans="14:14">
      <c r="N118940" s="10"/>
    </row>
    <row r="118941" spans="14:14">
      <c r="N118941" s="10"/>
    </row>
    <row r="118942" spans="14:14">
      <c r="N118942" s="10"/>
    </row>
    <row r="118943" spans="14:14">
      <c r="N118943" s="10"/>
    </row>
    <row r="118944" spans="14:14">
      <c r="N118944" s="10"/>
    </row>
    <row r="118945" spans="14:14">
      <c r="N118945" s="10"/>
    </row>
    <row r="118946" spans="14:14">
      <c r="N118946" s="10"/>
    </row>
    <row r="118947" spans="14:14">
      <c r="N118947" s="10"/>
    </row>
    <row r="118948" spans="14:14">
      <c r="N118948" s="10"/>
    </row>
    <row r="118949" spans="14:14">
      <c r="N118949" s="10"/>
    </row>
    <row r="118950" spans="14:14">
      <c r="N118950" s="10"/>
    </row>
    <row r="118951" spans="14:14">
      <c r="N118951" s="10"/>
    </row>
    <row r="118952" spans="14:14">
      <c r="N118952" s="10"/>
    </row>
    <row r="118953" spans="14:14">
      <c r="N118953" s="10"/>
    </row>
    <row r="118954" spans="14:14">
      <c r="N118954" s="10"/>
    </row>
    <row r="118955" spans="14:14">
      <c r="N118955" s="10"/>
    </row>
    <row r="118956" spans="14:14">
      <c r="N118956" s="10"/>
    </row>
    <row r="118957" spans="14:14">
      <c r="N118957" s="10"/>
    </row>
    <row r="118958" spans="14:14">
      <c r="N118958" s="10"/>
    </row>
    <row r="118959" spans="14:14">
      <c r="N118959" s="10"/>
    </row>
    <row r="118960" spans="14:14">
      <c r="N118960" s="10"/>
    </row>
    <row r="118961" spans="14:14">
      <c r="N118961" s="10"/>
    </row>
    <row r="118962" spans="14:14">
      <c r="N118962" s="10"/>
    </row>
    <row r="118963" spans="14:14">
      <c r="N118963" s="10"/>
    </row>
    <row r="118964" spans="14:14">
      <c r="N118964" s="10"/>
    </row>
    <row r="118965" spans="14:14">
      <c r="N118965" s="10"/>
    </row>
    <row r="118966" spans="14:14">
      <c r="N118966" s="10"/>
    </row>
    <row r="118967" spans="14:14">
      <c r="N118967" s="10"/>
    </row>
    <row r="118968" spans="14:14">
      <c r="N118968" s="10"/>
    </row>
    <row r="118969" spans="14:14">
      <c r="N118969" s="10"/>
    </row>
    <row r="118970" spans="14:14">
      <c r="N118970" s="10"/>
    </row>
    <row r="118971" spans="14:14">
      <c r="N118971" s="10"/>
    </row>
    <row r="118972" spans="14:14">
      <c r="N118972" s="10"/>
    </row>
    <row r="118973" spans="14:14">
      <c r="N118973" s="10"/>
    </row>
    <row r="118974" spans="14:14">
      <c r="N118974" s="10"/>
    </row>
    <row r="118975" spans="14:14">
      <c r="N118975" s="10"/>
    </row>
    <row r="118976" spans="14:14">
      <c r="N118976" s="10"/>
    </row>
    <row r="118977" spans="14:14">
      <c r="N118977" s="10"/>
    </row>
    <row r="118978" spans="14:14">
      <c r="N118978" s="10"/>
    </row>
    <row r="118979" spans="14:14">
      <c r="N118979" s="10"/>
    </row>
    <row r="118980" spans="14:14">
      <c r="N118980" s="10"/>
    </row>
    <row r="118981" spans="14:14">
      <c r="N118981" s="10"/>
    </row>
    <row r="118982" spans="14:14">
      <c r="N118982" s="10"/>
    </row>
    <row r="118983" spans="14:14">
      <c r="N118983" s="10"/>
    </row>
    <row r="118984" spans="14:14">
      <c r="N118984" s="10"/>
    </row>
    <row r="118985" spans="14:14">
      <c r="N118985" s="10"/>
    </row>
    <row r="118986" spans="14:14">
      <c r="N118986" s="10"/>
    </row>
    <row r="118987" spans="14:14">
      <c r="N118987" s="10"/>
    </row>
    <row r="118988" spans="14:14">
      <c r="N118988" s="10"/>
    </row>
    <row r="118989" spans="14:14">
      <c r="N118989" s="10"/>
    </row>
    <row r="118990" spans="14:14">
      <c r="N118990" s="10"/>
    </row>
    <row r="118991" spans="14:14">
      <c r="N118991" s="10"/>
    </row>
    <row r="118992" spans="14:14">
      <c r="N118992" s="10"/>
    </row>
    <row r="118993" spans="14:14">
      <c r="N118993" s="10"/>
    </row>
    <row r="118994" spans="14:14">
      <c r="N118994" s="10"/>
    </row>
    <row r="118995" spans="14:14">
      <c r="N118995" s="10"/>
    </row>
    <row r="118996" spans="14:14">
      <c r="N118996" s="10"/>
    </row>
    <row r="118997" spans="14:14">
      <c r="N118997" s="10"/>
    </row>
    <row r="118998" spans="14:14">
      <c r="N118998" s="10"/>
    </row>
    <row r="118999" spans="14:14">
      <c r="N118999" s="10"/>
    </row>
    <row r="119000" spans="14:14">
      <c r="N119000" s="10"/>
    </row>
    <row r="119001" spans="14:14">
      <c r="N119001" s="10"/>
    </row>
    <row r="119002" spans="14:14">
      <c r="N119002" s="10"/>
    </row>
    <row r="119003" spans="14:14">
      <c r="N119003" s="10"/>
    </row>
    <row r="119004" spans="14:14">
      <c r="N119004" s="10"/>
    </row>
    <row r="119005" spans="14:14">
      <c r="N119005" s="10"/>
    </row>
    <row r="119006" spans="14:14">
      <c r="N119006" s="10"/>
    </row>
    <row r="119007" spans="14:14">
      <c r="N119007" s="10"/>
    </row>
    <row r="119008" spans="14:14">
      <c r="N119008" s="10"/>
    </row>
    <row r="119009" spans="14:14">
      <c r="N119009" s="10"/>
    </row>
    <row r="119010" spans="14:14">
      <c r="N119010" s="10"/>
    </row>
    <row r="119011" spans="14:14">
      <c r="N119011" s="10"/>
    </row>
    <row r="119012" spans="14:14">
      <c r="N119012" s="10"/>
    </row>
    <row r="119013" spans="14:14">
      <c r="N119013" s="10"/>
    </row>
    <row r="119014" spans="14:14">
      <c r="N119014" s="10"/>
    </row>
    <row r="119015" spans="14:14">
      <c r="N119015" s="10"/>
    </row>
    <row r="119016" spans="14:14">
      <c r="N119016" s="10"/>
    </row>
    <row r="119017" spans="14:14">
      <c r="N119017" s="10"/>
    </row>
    <row r="119018" spans="14:14">
      <c r="N119018" s="10"/>
    </row>
    <row r="119019" spans="14:14">
      <c r="N119019" s="10"/>
    </row>
    <row r="119020" spans="14:14">
      <c r="N119020" s="10"/>
    </row>
    <row r="119021" spans="14:14">
      <c r="N119021" s="10"/>
    </row>
    <row r="119022" spans="14:14">
      <c r="N119022" s="10"/>
    </row>
    <row r="119023" spans="14:14">
      <c r="N119023" s="10"/>
    </row>
    <row r="119024" spans="14:14">
      <c r="N119024" s="10"/>
    </row>
    <row r="119025" spans="14:14">
      <c r="N119025" s="10"/>
    </row>
    <row r="119026" spans="14:14">
      <c r="N119026" s="10"/>
    </row>
    <row r="119027" spans="14:14">
      <c r="N119027" s="10"/>
    </row>
    <row r="119028" spans="14:14">
      <c r="N119028" s="10"/>
    </row>
    <row r="119029" spans="14:14">
      <c r="N119029" s="10"/>
    </row>
    <row r="119030" spans="14:14">
      <c r="N119030" s="10"/>
    </row>
    <row r="119031" spans="14:14">
      <c r="N119031" s="10"/>
    </row>
    <row r="119032" spans="14:14">
      <c r="N119032" s="10"/>
    </row>
    <row r="119033" spans="14:14">
      <c r="N119033" s="10"/>
    </row>
    <row r="119034" spans="14:14">
      <c r="N119034" s="10"/>
    </row>
    <row r="119035" spans="14:14">
      <c r="N119035" s="10"/>
    </row>
    <row r="119036" spans="14:14">
      <c r="N119036" s="10"/>
    </row>
    <row r="119037" spans="14:14">
      <c r="N119037" s="10"/>
    </row>
    <row r="119038" spans="14:14">
      <c r="N119038" s="10"/>
    </row>
    <row r="119039" spans="14:14">
      <c r="N119039" s="10"/>
    </row>
    <row r="119040" spans="14:14">
      <c r="N119040" s="10"/>
    </row>
    <row r="119041" spans="14:14">
      <c r="N119041" s="10"/>
    </row>
    <row r="119042" spans="14:14">
      <c r="N119042" s="10"/>
    </row>
    <row r="119043" spans="14:14">
      <c r="N119043" s="10"/>
    </row>
    <row r="119044" spans="14:14">
      <c r="N119044" s="10"/>
    </row>
    <row r="119045" spans="14:14">
      <c r="N119045" s="10"/>
    </row>
    <row r="119046" spans="14:14">
      <c r="N119046" s="10"/>
    </row>
    <row r="119047" spans="14:14">
      <c r="N119047" s="10"/>
    </row>
    <row r="119048" spans="14:14">
      <c r="N119048" s="10"/>
    </row>
    <row r="119049" spans="14:14">
      <c r="N119049" s="10"/>
    </row>
    <row r="119050" spans="14:14">
      <c r="N119050" s="10"/>
    </row>
    <row r="119051" spans="14:14">
      <c r="N119051" s="10"/>
    </row>
    <row r="119052" spans="14:14">
      <c r="N119052" s="10"/>
    </row>
    <row r="119053" spans="14:14">
      <c r="N119053" s="10"/>
    </row>
    <row r="119054" spans="14:14">
      <c r="N119054" s="10"/>
    </row>
    <row r="119055" spans="14:14">
      <c r="N119055" s="10"/>
    </row>
    <row r="119056" spans="14:14">
      <c r="N119056" s="10"/>
    </row>
    <row r="119057" spans="14:14">
      <c r="N119057" s="10"/>
    </row>
    <row r="119058" spans="14:14">
      <c r="N119058" s="10"/>
    </row>
    <row r="119059" spans="14:14">
      <c r="N119059" s="10"/>
    </row>
    <row r="119060" spans="14:14">
      <c r="N119060" s="10"/>
    </row>
    <row r="119061" spans="14:14">
      <c r="N119061" s="10"/>
    </row>
    <row r="119062" spans="14:14">
      <c r="N119062" s="10"/>
    </row>
    <row r="119063" spans="14:14">
      <c r="N119063" s="10"/>
    </row>
    <row r="119064" spans="14:14">
      <c r="N119064" s="10"/>
    </row>
    <row r="119065" spans="14:14">
      <c r="N119065" s="10"/>
    </row>
    <row r="119066" spans="14:14">
      <c r="N119066" s="10"/>
    </row>
    <row r="119067" spans="14:14">
      <c r="N119067" s="10"/>
    </row>
    <row r="119068" spans="14:14">
      <c r="N119068" s="10"/>
    </row>
    <row r="119069" spans="14:14">
      <c r="N119069" s="10"/>
    </row>
    <row r="119070" spans="14:14">
      <c r="N119070" s="10"/>
    </row>
    <row r="119071" spans="14:14">
      <c r="N119071" s="10"/>
    </row>
    <row r="119072" spans="14:14">
      <c r="N119072" s="10"/>
    </row>
    <row r="119073" spans="14:14">
      <c r="N119073" s="10"/>
    </row>
    <row r="119074" spans="14:14">
      <c r="N119074" s="10"/>
    </row>
    <row r="119075" spans="14:14">
      <c r="N119075" s="10"/>
    </row>
    <row r="119076" spans="14:14">
      <c r="N119076" s="10"/>
    </row>
    <row r="119077" spans="14:14">
      <c r="N119077" s="10"/>
    </row>
    <row r="119078" spans="14:14">
      <c r="N119078" s="10"/>
    </row>
    <row r="119079" spans="14:14">
      <c r="N119079" s="10"/>
    </row>
    <row r="119080" spans="14:14">
      <c r="N119080" s="10"/>
    </row>
    <row r="119081" spans="14:14">
      <c r="N119081" s="10"/>
    </row>
    <row r="119082" spans="14:14">
      <c r="N119082" s="10"/>
    </row>
    <row r="119083" spans="14:14">
      <c r="N119083" s="10"/>
    </row>
    <row r="119084" spans="14:14">
      <c r="N119084" s="10"/>
    </row>
    <row r="119085" spans="14:14">
      <c r="N119085" s="10"/>
    </row>
    <row r="119086" spans="14:14">
      <c r="N119086" s="10"/>
    </row>
    <row r="119087" spans="14:14">
      <c r="N119087" s="10"/>
    </row>
    <row r="119088" spans="14:14">
      <c r="N119088" s="10"/>
    </row>
    <row r="119089" spans="14:14">
      <c r="N119089" s="10"/>
    </row>
    <row r="119090" spans="14:14">
      <c r="N119090" s="10"/>
    </row>
    <row r="119091" spans="14:14">
      <c r="N119091" s="10"/>
    </row>
    <row r="119092" spans="14:14">
      <c r="N119092" s="10"/>
    </row>
    <row r="119093" spans="14:14">
      <c r="N119093" s="10"/>
    </row>
    <row r="119094" spans="14:14">
      <c r="N119094" s="10"/>
    </row>
    <row r="119095" spans="14:14">
      <c r="N119095" s="10"/>
    </row>
    <row r="119096" spans="14:14">
      <c r="N119096" s="10"/>
    </row>
    <row r="119097" spans="14:14">
      <c r="N119097" s="10"/>
    </row>
    <row r="119098" spans="14:14">
      <c r="N119098" s="10"/>
    </row>
    <row r="119099" spans="14:14">
      <c r="N119099" s="10"/>
    </row>
    <row r="119100" spans="14:14">
      <c r="N119100" s="10"/>
    </row>
    <row r="119101" spans="14:14">
      <c r="N119101" s="10"/>
    </row>
    <row r="119102" spans="14:14">
      <c r="N119102" s="10"/>
    </row>
    <row r="119103" spans="14:14">
      <c r="N119103" s="10"/>
    </row>
    <row r="119104" spans="14:14">
      <c r="N119104" s="10"/>
    </row>
    <row r="119105" spans="14:14">
      <c r="N119105" s="10"/>
    </row>
    <row r="119106" spans="14:14">
      <c r="N119106" s="10"/>
    </row>
    <row r="119107" spans="14:14">
      <c r="N119107" s="10"/>
    </row>
    <row r="119108" spans="14:14">
      <c r="N119108" s="10"/>
    </row>
    <row r="119109" spans="14:14">
      <c r="N119109" s="10"/>
    </row>
    <row r="119110" spans="14:14">
      <c r="N119110" s="10"/>
    </row>
    <row r="119111" spans="14:14">
      <c r="N119111" s="10"/>
    </row>
    <row r="119112" spans="14:14">
      <c r="N119112" s="10"/>
    </row>
    <row r="119113" spans="14:14">
      <c r="N119113" s="10"/>
    </row>
    <row r="119114" spans="14:14">
      <c r="N119114" s="10"/>
    </row>
    <row r="119115" spans="14:14">
      <c r="N119115" s="10"/>
    </row>
    <row r="119116" spans="14:14">
      <c r="N119116" s="10"/>
    </row>
    <row r="119117" spans="14:14">
      <c r="N119117" s="10"/>
    </row>
    <row r="119118" spans="14:14">
      <c r="N119118" s="10"/>
    </row>
    <row r="119119" spans="14:14">
      <c r="N119119" s="10"/>
    </row>
    <row r="119120" spans="14:14">
      <c r="N119120" s="10"/>
    </row>
    <row r="119121" spans="14:14">
      <c r="N119121" s="10"/>
    </row>
    <row r="119122" spans="14:14">
      <c r="N119122" s="10"/>
    </row>
    <row r="119123" spans="14:14">
      <c r="N119123" s="10"/>
    </row>
    <row r="119124" spans="14:14">
      <c r="N119124" s="10"/>
    </row>
    <row r="119125" spans="14:14">
      <c r="N119125" s="10"/>
    </row>
    <row r="119126" spans="14:14">
      <c r="N119126" s="10"/>
    </row>
    <row r="119127" spans="14:14">
      <c r="N119127" s="10"/>
    </row>
    <row r="119128" spans="14:14">
      <c r="N119128" s="10"/>
    </row>
    <row r="119129" spans="14:14">
      <c r="N119129" s="10"/>
    </row>
    <row r="119130" spans="14:14">
      <c r="N119130" s="10"/>
    </row>
    <row r="119131" spans="14:14">
      <c r="N119131" s="10"/>
    </row>
    <row r="119132" spans="14:14">
      <c r="N119132" s="10"/>
    </row>
    <row r="119133" spans="14:14">
      <c r="N119133" s="10"/>
    </row>
    <row r="119134" spans="14:14">
      <c r="N119134" s="10"/>
    </row>
    <row r="119135" spans="14:14">
      <c r="N119135" s="10"/>
    </row>
    <row r="119136" spans="14:14">
      <c r="N119136" s="10"/>
    </row>
    <row r="119137" spans="14:14">
      <c r="N119137" s="10"/>
    </row>
    <row r="119138" spans="14:14">
      <c r="N119138" s="10"/>
    </row>
    <row r="119139" spans="14:14">
      <c r="N119139" s="10"/>
    </row>
    <row r="119140" spans="14:14">
      <c r="N119140" s="10"/>
    </row>
    <row r="119141" spans="14:14">
      <c r="N119141" s="10"/>
    </row>
    <row r="119142" spans="14:14">
      <c r="N119142" s="10"/>
    </row>
    <row r="119143" spans="14:14">
      <c r="N119143" s="10"/>
    </row>
    <row r="119144" spans="14:14">
      <c r="N119144" s="10"/>
    </row>
    <row r="119145" spans="14:14">
      <c r="N119145" s="10"/>
    </row>
    <row r="119146" spans="14:14">
      <c r="N119146" s="10"/>
    </row>
    <row r="119147" spans="14:14">
      <c r="N119147" s="10"/>
    </row>
    <row r="119148" spans="14:14">
      <c r="N119148" s="10"/>
    </row>
    <row r="119149" spans="14:14">
      <c r="N119149" s="10"/>
    </row>
    <row r="119150" spans="14:14">
      <c r="N119150" s="10"/>
    </row>
    <row r="119151" spans="14:14">
      <c r="N119151" s="10"/>
    </row>
    <row r="119152" spans="14:14">
      <c r="N119152" s="10"/>
    </row>
    <row r="119153" spans="14:14">
      <c r="N119153" s="10"/>
    </row>
    <row r="119154" spans="14:14">
      <c r="N119154" s="10"/>
    </row>
    <row r="119155" spans="14:14">
      <c r="N119155" s="10"/>
    </row>
    <row r="119156" spans="14:14">
      <c r="N119156" s="10"/>
    </row>
    <row r="119157" spans="14:14">
      <c r="N119157" s="10"/>
    </row>
    <row r="119158" spans="14:14">
      <c r="N119158" s="10"/>
    </row>
    <row r="119159" spans="14:14">
      <c r="N119159" s="10"/>
    </row>
    <row r="119160" spans="14:14">
      <c r="N119160" s="10"/>
    </row>
    <row r="119161" spans="14:14">
      <c r="N119161" s="10"/>
    </row>
    <row r="119162" spans="14:14">
      <c r="N119162" s="10"/>
    </row>
    <row r="119163" spans="14:14">
      <c r="N119163" s="10"/>
    </row>
    <row r="119164" spans="14:14">
      <c r="N119164" s="10"/>
    </row>
    <row r="119165" spans="14:14">
      <c r="N119165" s="10"/>
    </row>
    <row r="119166" spans="14:14">
      <c r="N119166" s="10"/>
    </row>
    <row r="119167" spans="14:14">
      <c r="N119167" s="10"/>
    </row>
    <row r="119168" spans="14:14">
      <c r="N119168" s="10"/>
    </row>
    <row r="119169" spans="14:14">
      <c r="N119169" s="10"/>
    </row>
    <row r="119170" spans="14:14">
      <c r="N119170" s="10"/>
    </row>
    <row r="119171" spans="14:14">
      <c r="N119171" s="10"/>
    </row>
    <row r="119172" spans="14:14">
      <c r="N119172" s="10"/>
    </row>
    <row r="119173" spans="14:14">
      <c r="N119173" s="10"/>
    </row>
    <row r="119174" spans="14:14">
      <c r="N119174" s="10"/>
    </row>
    <row r="119175" spans="14:14">
      <c r="N119175" s="10"/>
    </row>
    <row r="119176" spans="14:14">
      <c r="N119176" s="10"/>
    </row>
    <row r="119177" spans="14:14">
      <c r="N119177" s="10"/>
    </row>
    <row r="119178" spans="14:14">
      <c r="N119178" s="10"/>
    </row>
    <row r="119179" spans="14:14">
      <c r="N119179" s="10"/>
    </row>
    <row r="119180" spans="14:14">
      <c r="N119180" s="10"/>
    </row>
    <row r="119181" spans="14:14">
      <c r="N119181" s="10"/>
    </row>
    <row r="119182" spans="14:14">
      <c r="N119182" s="10"/>
    </row>
    <row r="119183" spans="14:14">
      <c r="N119183" s="10"/>
    </row>
    <row r="119184" spans="14:14">
      <c r="N119184" s="10"/>
    </row>
    <row r="119185" spans="14:14">
      <c r="N119185" s="10"/>
    </row>
    <row r="119186" spans="14:14">
      <c r="N119186" s="10"/>
    </row>
    <row r="119187" spans="14:14">
      <c r="N119187" s="10"/>
    </row>
    <row r="119188" spans="14:14">
      <c r="N119188" s="10"/>
    </row>
    <row r="119189" spans="14:14">
      <c r="N119189" s="10"/>
    </row>
    <row r="119190" spans="14:14">
      <c r="N119190" s="10"/>
    </row>
    <row r="119191" spans="14:14">
      <c r="N119191" s="10"/>
    </row>
    <row r="119192" spans="14:14">
      <c r="N119192" s="10"/>
    </row>
    <row r="119193" spans="14:14">
      <c r="N119193" s="10"/>
    </row>
    <row r="119194" spans="14:14">
      <c r="N119194" s="10"/>
    </row>
    <row r="119195" spans="14:14">
      <c r="N119195" s="10"/>
    </row>
    <row r="119196" spans="14:14">
      <c r="N119196" s="10"/>
    </row>
    <row r="119197" spans="14:14">
      <c r="N119197" s="10"/>
    </row>
    <row r="119198" spans="14:14">
      <c r="N119198" s="10"/>
    </row>
    <row r="119199" spans="14:14">
      <c r="N119199" s="10"/>
    </row>
    <row r="119200" spans="14:14">
      <c r="N119200" s="10"/>
    </row>
    <row r="119201" spans="14:14">
      <c r="N119201" s="10"/>
    </row>
    <row r="119202" spans="14:14">
      <c r="N119202" s="10"/>
    </row>
    <row r="119203" spans="14:14">
      <c r="N119203" s="10"/>
    </row>
    <row r="119204" spans="14:14">
      <c r="N119204" s="10"/>
    </row>
    <row r="119205" spans="14:14">
      <c r="N119205" s="10"/>
    </row>
    <row r="119206" spans="14:14">
      <c r="N119206" s="10"/>
    </row>
    <row r="119207" spans="14:14">
      <c r="N119207" s="10"/>
    </row>
    <row r="119208" spans="14:14">
      <c r="N119208" s="10"/>
    </row>
    <row r="119209" spans="14:14">
      <c r="N119209" s="10"/>
    </row>
    <row r="119210" spans="14:14">
      <c r="N119210" s="10"/>
    </row>
    <row r="119211" spans="14:14">
      <c r="N119211" s="10"/>
    </row>
    <row r="119212" spans="14:14">
      <c r="N119212" s="10"/>
    </row>
    <row r="119213" spans="14:14">
      <c r="N119213" s="10"/>
    </row>
    <row r="119214" spans="14:14">
      <c r="N119214" s="10"/>
    </row>
    <row r="119215" spans="14:14">
      <c r="N119215" s="10"/>
    </row>
    <row r="119216" spans="14:14">
      <c r="N119216" s="10"/>
    </row>
    <row r="119217" spans="14:14">
      <c r="N119217" s="10"/>
    </row>
    <row r="119218" spans="14:14">
      <c r="N119218" s="10"/>
    </row>
    <row r="119219" spans="14:14">
      <c r="N119219" s="10"/>
    </row>
    <row r="119220" spans="14:14">
      <c r="N119220" s="10"/>
    </row>
    <row r="119221" spans="14:14">
      <c r="N119221" s="10"/>
    </row>
    <row r="119222" spans="14:14">
      <c r="N119222" s="10"/>
    </row>
    <row r="119223" spans="14:14">
      <c r="N119223" s="10"/>
    </row>
    <row r="119224" spans="14:14">
      <c r="N119224" s="10"/>
    </row>
    <row r="119225" spans="14:14">
      <c r="N119225" s="10"/>
    </row>
    <row r="119226" spans="14:14">
      <c r="N119226" s="10"/>
    </row>
    <row r="119227" spans="14:14">
      <c r="N119227" s="10"/>
    </row>
    <row r="119228" spans="14:14">
      <c r="N119228" s="10"/>
    </row>
    <row r="119229" spans="14:14">
      <c r="N119229" s="10"/>
    </row>
    <row r="119230" spans="14:14">
      <c r="N119230" s="10"/>
    </row>
    <row r="119231" spans="14:14">
      <c r="N119231" s="10"/>
    </row>
    <row r="119232" spans="14:14">
      <c r="N119232" s="10"/>
    </row>
    <row r="119233" spans="14:14">
      <c r="N119233" s="10"/>
    </row>
    <row r="119234" spans="14:14">
      <c r="N119234" s="10"/>
    </row>
    <row r="119235" spans="14:14">
      <c r="N119235" s="10"/>
    </row>
    <row r="119236" spans="14:14">
      <c r="N119236" s="10"/>
    </row>
    <row r="119237" spans="14:14">
      <c r="N119237" s="10"/>
    </row>
    <row r="119238" spans="14:14">
      <c r="N119238" s="10"/>
    </row>
    <row r="119239" spans="14:14">
      <c r="N119239" s="10"/>
    </row>
    <row r="119240" spans="14:14">
      <c r="N119240" s="10"/>
    </row>
    <row r="119241" spans="14:14">
      <c r="N119241" s="10"/>
    </row>
    <row r="119242" spans="14:14">
      <c r="N119242" s="10"/>
    </row>
    <row r="119243" spans="14:14">
      <c r="N119243" s="10"/>
    </row>
    <row r="119244" spans="14:14">
      <c r="N119244" s="10"/>
    </row>
    <row r="119245" spans="14:14">
      <c r="N119245" s="10"/>
    </row>
    <row r="119246" spans="14:14">
      <c r="N119246" s="10"/>
    </row>
    <row r="119247" spans="14:14">
      <c r="N119247" s="10"/>
    </row>
    <row r="119248" spans="14:14">
      <c r="N119248" s="10"/>
    </row>
    <row r="119249" spans="14:14">
      <c r="N119249" s="10"/>
    </row>
    <row r="119250" spans="14:14">
      <c r="N119250" s="10"/>
    </row>
    <row r="119251" spans="14:14">
      <c r="N119251" s="10"/>
    </row>
    <row r="119252" spans="14:14">
      <c r="N119252" s="10"/>
    </row>
    <row r="119253" spans="14:14">
      <c r="N119253" s="10"/>
    </row>
    <row r="119254" spans="14:14">
      <c r="N119254" s="10"/>
    </row>
    <row r="119255" spans="14:14">
      <c r="N119255" s="10"/>
    </row>
    <row r="119256" spans="14:14">
      <c r="N119256" s="10"/>
    </row>
    <row r="119257" spans="14:14">
      <c r="N119257" s="10"/>
    </row>
    <row r="119258" spans="14:14">
      <c r="N119258" s="10"/>
    </row>
    <row r="119259" spans="14:14">
      <c r="N119259" s="10"/>
    </row>
    <row r="119260" spans="14:14">
      <c r="N119260" s="10"/>
    </row>
    <row r="119261" spans="14:14">
      <c r="N119261" s="10"/>
    </row>
    <row r="119262" spans="14:14">
      <c r="N119262" s="10"/>
    </row>
    <row r="119263" spans="14:14">
      <c r="N119263" s="10"/>
    </row>
    <row r="119264" spans="14:14">
      <c r="N119264" s="10"/>
    </row>
    <row r="119265" spans="14:14">
      <c r="N119265" s="10"/>
    </row>
    <row r="119266" spans="14:14">
      <c r="N119266" s="10"/>
    </row>
    <row r="119267" spans="14:14">
      <c r="N119267" s="10"/>
    </row>
    <row r="119268" spans="14:14">
      <c r="N119268" s="10"/>
    </row>
    <row r="119269" spans="14:14">
      <c r="N119269" s="10"/>
    </row>
    <row r="119270" spans="14:14">
      <c r="N119270" s="10"/>
    </row>
    <row r="119271" spans="14:14">
      <c r="N119271" s="10"/>
    </row>
    <row r="119272" spans="14:14">
      <c r="N119272" s="10"/>
    </row>
    <row r="119273" spans="14:14">
      <c r="N119273" s="10"/>
    </row>
    <row r="119274" spans="14:14">
      <c r="N119274" s="10"/>
    </row>
    <row r="119275" spans="14:14">
      <c r="N119275" s="10"/>
    </row>
    <row r="119276" spans="14:14">
      <c r="N119276" s="10"/>
    </row>
    <row r="119277" spans="14:14">
      <c r="N119277" s="10"/>
    </row>
    <row r="119278" spans="14:14">
      <c r="N119278" s="10"/>
    </row>
    <row r="119279" spans="14:14">
      <c r="N119279" s="10"/>
    </row>
    <row r="119280" spans="14:14">
      <c r="N119280" s="10"/>
    </row>
    <row r="119281" spans="14:14">
      <c r="N119281" s="10"/>
    </row>
    <row r="119282" spans="14:14">
      <c r="N119282" s="10"/>
    </row>
    <row r="119283" spans="14:14">
      <c r="N119283" s="10"/>
    </row>
    <row r="119284" spans="14:14">
      <c r="N119284" s="10"/>
    </row>
    <row r="119285" spans="14:14">
      <c r="N119285" s="10"/>
    </row>
    <row r="119286" spans="14:14">
      <c r="N119286" s="10"/>
    </row>
    <row r="119287" spans="14:14">
      <c r="N119287" s="10"/>
    </row>
    <row r="119288" spans="14:14">
      <c r="N119288" s="10"/>
    </row>
    <row r="119289" spans="14:14">
      <c r="N119289" s="10"/>
    </row>
    <row r="119290" spans="14:14">
      <c r="N119290" s="10"/>
    </row>
    <row r="119291" spans="14:14">
      <c r="N119291" s="10"/>
    </row>
    <row r="119292" spans="14:14">
      <c r="N119292" s="10"/>
    </row>
    <row r="119293" spans="14:14">
      <c r="N119293" s="10"/>
    </row>
    <row r="119294" spans="14:14">
      <c r="N119294" s="10"/>
    </row>
    <row r="119295" spans="14:14">
      <c r="N119295" s="10"/>
    </row>
    <row r="119296" spans="14:14">
      <c r="N119296" s="10"/>
    </row>
    <row r="119297" spans="14:14">
      <c r="N119297" s="10"/>
    </row>
    <row r="119298" spans="14:14">
      <c r="N119298" s="10"/>
    </row>
    <row r="119299" spans="14:14">
      <c r="N119299" s="10"/>
    </row>
    <row r="119300" spans="14:14">
      <c r="N119300" s="10"/>
    </row>
    <row r="119301" spans="14:14">
      <c r="N119301" s="10"/>
    </row>
    <row r="119302" spans="14:14">
      <c r="N119302" s="10"/>
    </row>
    <row r="119303" spans="14:14">
      <c r="N119303" s="10"/>
    </row>
    <row r="119304" spans="14:14">
      <c r="N119304" s="10"/>
    </row>
    <row r="119305" spans="14:14">
      <c r="N119305" s="10"/>
    </row>
    <row r="119306" spans="14:14">
      <c r="N119306" s="10"/>
    </row>
    <row r="119307" spans="14:14">
      <c r="N119307" s="10"/>
    </row>
    <row r="119308" spans="14:14">
      <c r="N119308" s="10"/>
    </row>
    <row r="119309" spans="14:14">
      <c r="N119309" s="10"/>
    </row>
    <row r="119310" spans="14:14">
      <c r="N119310" s="10"/>
    </row>
    <row r="119311" spans="14:14">
      <c r="N119311" s="10"/>
    </row>
    <row r="119312" spans="14:14">
      <c r="N119312" s="10"/>
    </row>
    <row r="119313" spans="14:14">
      <c r="N119313" s="10"/>
    </row>
    <row r="119314" spans="14:14">
      <c r="N119314" s="10"/>
    </row>
    <row r="119315" spans="14:14">
      <c r="N119315" s="10"/>
    </row>
    <row r="119316" spans="14:14">
      <c r="N119316" s="10"/>
    </row>
    <row r="119317" spans="14:14">
      <c r="N119317" s="10"/>
    </row>
    <row r="119318" spans="14:14">
      <c r="N119318" s="10"/>
    </row>
    <row r="119319" spans="14:14">
      <c r="N119319" s="10"/>
    </row>
    <row r="119320" spans="14:14">
      <c r="N119320" s="10"/>
    </row>
    <row r="119321" spans="14:14">
      <c r="N119321" s="10"/>
    </row>
    <row r="119322" spans="14:14">
      <c r="N119322" s="10"/>
    </row>
    <row r="119323" spans="14:14">
      <c r="N119323" s="10"/>
    </row>
    <row r="119324" spans="14:14">
      <c r="N119324" s="10"/>
    </row>
    <row r="119325" spans="14:14">
      <c r="N119325" s="10"/>
    </row>
    <row r="119326" spans="14:14">
      <c r="N119326" s="10"/>
    </row>
    <row r="119327" spans="14:14">
      <c r="N119327" s="10"/>
    </row>
    <row r="119328" spans="14:14">
      <c r="N119328" s="10"/>
    </row>
    <row r="119329" spans="14:14">
      <c r="N119329" s="10"/>
    </row>
    <row r="119330" spans="14:14">
      <c r="N119330" s="10"/>
    </row>
    <row r="119331" spans="14:14">
      <c r="N119331" s="10"/>
    </row>
    <row r="119332" spans="14:14">
      <c r="N119332" s="10"/>
    </row>
    <row r="119333" spans="14:14">
      <c r="N119333" s="10"/>
    </row>
    <row r="119334" spans="14:14">
      <c r="N119334" s="10"/>
    </row>
    <row r="119335" spans="14:14">
      <c r="N119335" s="10"/>
    </row>
    <row r="119336" spans="14:14">
      <c r="N119336" s="10"/>
    </row>
    <row r="119337" spans="14:14">
      <c r="N119337" s="10"/>
    </row>
    <row r="119338" spans="14:14">
      <c r="N119338" s="10"/>
    </row>
    <row r="119339" spans="14:14">
      <c r="N119339" s="10"/>
    </row>
    <row r="119340" spans="14:14">
      <c r="N119340" s="10"/>
    </row>
    <row r="119341" spans="14:14">
      <c r="N119341" s="10"/>
    </row>
    <row r="119342" spans="14:14">
      <c r="N119342" s="10"/>
    </row>
    <row r="119343" spans="14:14">
      <c r="N119343" s="10"/>
    </row>
    <row r="119344" spans="14:14">
      <c r="N119344" s="10"/>
    </row>
    <row r="119345" spans="14:14">
      <c r="N119345" s="10"/>
    </row>
    <row r="119346" spans="14:14">
      <c r="N119346" s="10"/>
    </row>
    <row r="119347" spans="14:14">
      <c r="N119347" s="10"/>
    </row>
    <row r="119348" spans="14:14">
      <c r="N119348" s="10"/>
    </row>
    <row r="119349" spans="14:14">
      <c r="N119349" s="10"/>
    </row>
    <row r="119350" spans="14:14">
      <c r="N119350" s="10"/>
    </row>
    <row r="119351" spans="14:14">
      <c r="N119351" s="10"/>
    </row>
    <row r="119352" spans="14:14">
      <c r="N119352" s="10"/>
    </row>
    <row r="119353" spans="14:14">
      <c r="N119353" s="10"/>
    </row>
    <row r="119354" spans="14:14">
      <c r="N119354" s="10"/>
    </row>
    <row r="119355" spans="14:14">
      <c r="N119355" s="10"/>
    </row>
    <row r="119356" spans="14:14">
      <c r="N119356" s="10"/>
    </row>
    <row r="119357" spans="14:14">
      <c r="N119357" s="10"/>
    </row>
    <row r="119358" spans="14:14">
      <c r="N119358" s="10"/>
    </row>
    <row r="119359" spans="14:14">
      <c r="N119359" s="10"/>
    </row>
    <row r="119360" spans="14:14">
      <c r="N119360" s="10"/>
    </row>
    <row r="119361" spans="14:14">
      <c r="N119361" s="10"/>
    </row>
    <row r="119362" spans="14:14">
      <c r="N119362" s="10"/>
    </row>
    <row r="119363" spans="14:14">
      <c r="N119363" s="10"/>
    </row>
    <row r="119364" spans="14:14">
      <c r="N119364" s="10"/>
    </row>
    <row r="119365" spans="14:14">
      <c r="N119365" s="10"/>
    </row>
    <row r="119366" spans="14:14">
      <c r="N119366" s="10"/>
    </row>
    <row r="119367" spans="14:14">
      <c r="N119367" s="10"/>
    </row>
    <row r="119368" spans="14:14">
      <c r="N119368" s="10"/>
    </row>
    <row r="119369" spans="14:14">
      <c r="N119369" s="10"/>
    </row>
    <row r="119370" spans="14:14">
      <c r="N119370" s="10"/>
    </row>
    <row r="119371" spans="14:14">
      <c r="N119371" s="10"/>
    </row>
    <row r="119372" spans="14:14">
      <c r="N119372" s="10"/>
    </row>
    <row r="119373" spans="14:14">
      <c r="N119373" s="10"/>
    </row>
    <row r="119374" spans="14:14">
      <c r="N119374" s="10"/>
    </row>
    <row r="119375" spans="14:14">
      <c r="N119375" s="10"/>
    </row>
    <row r="119376" spans="14:14">
      <c r="N119376" s="10"/>
    </row>
    <row r="119377" spans="14:14">
      <c r="N119377" s="10"/>
    </row>
    <row r="119378" spans="14:14">
      <c r="N119378" s="10"/>
    </row>
    <row r="119379" spans="14:14">
      <c r="N119379" s="10"/>
    </row>
    <row r="119380" spans="14:14">
      <c r="N119380" s="10"/>
    </row>
    <row r="119381" spans="14:14">
      <c r="N119381" s="10"/>
    </row>
    <row r="119382" spans="14:14">
      <c r="N119382" s="10"/>
    </row>
    <row r="119383" spans="14:14">
      <c r="N119383" s="10"/>
    </row>
    <row r="119384" spans="14:14">
      <c r="N119384" s="10"/>
    </row>
    <row r="119385" spans="14:14">
      <c r="N119385" s="10"/>
    </row>
    <row r="119386" spans="14:14">
      <c r="N119386" s="10"/>
    </row>
    <row r="119387" spans="14:14">
      <c r="N119387" s="10"/>
    </row>
    <row r="119388" spans="14:14">
      <c r="N119388" s="10"/>
    </row>
    <row r="119389" spans="14:14">
      <c r="N119389" s="10"/>
    </row>
    <row r="119390" spans="14:14">
      <c r="N119390" s="10"/>
    </row>
    <row r="119391" spans="14:14">
      <c r="N119391" s="10"/>
    </row>
    <row r="119392" spans="14:14">
      <c r="N119392" s="10"/>
    </row>
    <row r="119393" spans="14:14">
      <c r="N119393" s="10"/>
    </row>
    <row r="119394" spans="14:14">
      <c r="N119394" s="10"/>
    </row>
    <row r="119395" spans="14:14">
      <c r="N119395" s="10"/>
    </row>
    <row r="119396" spans="14:14">
      <c r="N119396" s="10"/>
    </row>
    <row r="119397" spans="14:14">
      <c r="N119397" s="10"/>
    </row>
    <row r="119398" spans="14:14">
      <c r="N119398" s="10"/>
    </row>
    <row r="119399" spans="14:14">
      <c r="N119399" s="10"/>
    </row>
    <row r="119400" spans="14:14">
      <c r="N119400" s="10"/>
    </row>
    <row r="119401" spans="14:14">
      <c r="N119401" s="10"/>
    </row>
    <row r="119402" spans="14:14">
      <c r="N119402" s="10"/>
    </row>
    <row r="119403" spans="14:14">
      <c r="N119403" s="10"/>
    </row>
    <row r="119404" spans="14:14">
      <c r="N119404" s="10"/>
    </row>
    <row r="119405" spans="14:14">
      <c r="N119405" s="10"/>
    </row>
    <row r="119406" spans="14:14">
      <c r="N119406" s="10"/>
    </row>
    <row r="119407" spans="14:14">
      <c r="N119407" s="10"/>
    </row>
    <row r="119408" spans="14:14">
      <c r="N119408" s="10"/>
    </row>
    <row r="119409" spans="14:14">
      <c r="N119409" s="10"/>
    </row>
    <row r="119410" spans="14:14">
      <c r="N119410" s="10"/>
    </row>
    <row r="119411" spans="14:14">
      <c r="N119411" s="10"/>
    </row>
    <row r="119412" spans="14:14">
      <c r="N119412" s="10"/>
    </row>
    <row r="119413" spans="14:14">
      <c r="N119413" s="10"/>
    </row>
    <row r="119414" spans="14:14">
      <c r="N119414" s="10"/>
    </row>
    <row r="119415" spans="14:14">
      <c r="N119415" s="10"/>
    </row>
    <row r="119416" spans="14:14">
      <c r="N119416" s="10"/>
    </row>
    <row r="119417" spans="14:14">
      <c r="N119417" s="10"/>
    </row>
    <row r="119418" spans="14:14">
      <c r="N119418" s="10"/>
    </row>
    <row r="119419" spans="14:14">
      <c r="N119419" s="10"/>
    </row>
    <row r="119420" spans="14:14">
      <c r="N119420" s="10"/>
    </row>
    <row r="119421" spans="14:14">
      <c r="N119421" s="10"/>
    </row>
    <row r="119422" spans="14:14">
      <c r="N119422" s="10"/>
    </row>
    <row r="119423" spans="14:14">
      <c r="N119423" s="10"/>
    </row>
    <row r="119424" spans="14:14">
      <c r="N119424" s="10"/>
    </row>
    <row r="119425" spans="14:14">
      <c r="N119425" s="10"/>
    </row>
    <row r="119426" spans="14:14">
      <c r="N119426" s="10"/>
    </row>
    <row r="119427" spans="14:14">
      <c r="N119427" s="10"/>
    </row>
    <row r="119428" spans="14:14">
      <c r="N119428" s="10"/>
    </row>
    <row r="119429" spans="14:14">
      <c r="N119429" s="10"/>
    </row>
    <row r="119430" spans="14:14">
      <c r="N119430" s="10"/>
    </row>
    <row r="119431" spans="14:14">
      <c r="N119431" s="10"/>
    </row>
    <row r="119432" spans="14:14">
      <c r="N119432" s="10"/>
    </row>
    <row r="119433" spans="14:14">
      <c r="N119433" s="10"/>
    </row>
    <row r="119434" spans="14:14">
      <c r="N119434" s="10"/>
    </row>
    <row r="119435" spans="14:14">
      <c r="N119435" s="10"/>
    </row>
    <row r="119436" spans="14:14">
      <c r="N119436" s="10"/>
    </row>
    <row r="119437" spans="14:14">
      <c r="N119437" s="10"/>
    </row>
    <row r="119438" spans="14:14">
      <c r="N119438" s="10"/>
    </row>
    <row r="119439" spans="14:14">
      <c r="N119439" s="10"/>
    </row>
    <row r="119440" spans="14:14">
      <c r="N119440" s="10"/>
    </row>
    <row r="119441" spans="14:14">
      <c r="N119441" s="10"/>
    </row>
    <row r="119442" spans="14:14">
      <c r="N119442" s="10"/>
    </row>
    <row r="119443" spans="14:14">
      <c r="N119443" s="10"/>
    </row>
    <row r="119444" spans="14:14">
      <c r="N119444" s="10"/>
    </row>
    <row r="119445" spans="14:14">
      <c r="N119445" s="10"/>
    </row>
    <row r="119446" spans="14:14">
      <c r="N119446" s="10"/>
    </row>
    <row r="119447" spans="14:14">
      <c r="N119447" s="10"/>
    </row>
    <row r="119448" spans="14:14">
      <c r="N119448" s="10"/>
    </row>
    <row r="119449" spans="14:14">
      <c r="N119449" s="10"/>
    </row>
    <row r="119450" spans="14:14">
      <c r="N119450" s="10"/>
    </row>
    <row r="119451" spans="14:14">
      <c r="N119451" s="10"/>
    </row>
    <row r="119452" spans="14:14">
      <c r="N119452" s="10"/>
    </row>
    <row r="119453" spans="14:14">
      <c r="N119453" s="10"/>
    </row>
    <row r="119454" spans="14:14">
      <c r="N119454" s="10"/>
    </row>
    <row r="119455" spans="14:14">
      <c r="N119455" s="10"/>
    </row>
    <row r="119456" spans="14:14">
      <c r="N119456" s="10"/>
    </row>
    <row r="119457" spans="14:14">
      <c r="N119457" s="10"/>
    </row>
    <row r="119458" spans="14:14">
      <c r="N119458" s="10"/>
    </row>
    <row r="119459" spans="14:14">
      <c r="N119459" s="10"/>
    </row>
    <row r="119460" spans="14:14">
      <c r="N119460" s="10"/>
    </row>
    <row r="119461" spans="14:14">
      <c r="N119461" s="10"/>
    </row>
    <row r="119462" spans="14:14">
      <c r="N119462" s="10"/>
    </row>
    <row r="119463" spans="14:14">
      <c r="N119463" s="10"/>
    </row>
    <row r="119464" spans="14:14">
      <c r="N119464" s="10"/>
    </row>
    <row r="119465" spans="14:14">
      <c r="N119465" s="10"/>
    </row>
    <row r="119466" spans="14:14">
      <c r="N119466" s="10"/>
    </row>
    <row r="119467" spans="14:14">
      <c r="N119467" s="10"/>
    </row>
    <row r="119468" spans="14:14">
      <c r="N119468" s="10"/>
    </row>
    <row r="119469" spans="14:14">
      <c r="N119469" s="10"/>
    </row>
    <row r="119470" spans="14:14">
      <c r="N119470" s="10"/>
    </row>
    <row r="119471" spans="14:14">
      <c r="N119471" s="10"/>
    </row>
    <row r="119472" spans="14:14">
      <c r="N119472" s="10"/>
    </row>
    <row r="119473" spans="14:14">
      <c r="N119473" s="10"/>
    </row>
    <row r="119474" spans="14:14">
      <c r="N119474" s="10"/>
    </row>
    <row r="119475" spans="14:14">
      <c r="N119475" s="10"/>
    </row>
    <row r="119476" spans="14:14">
      <c r="N119476" s="10"/>
    </row>
    <row r="119477" spans="14:14">
      <c r="N119477" s="10"/>
    </row>
    <row r="119478" spans="14:14">
      <c r="N119478" s="10"/>
    </row>
    <row r="119479" spans="14:14">
      <c r="N119479" s="10"/>
    </row>
    <row r="119480" spans="14:14">
      <c r="N119480" s="10"/>
    </row>
    <row r="119481" spans="14:14">
      <c r="N119481" s="10"/>
    </row>
    <row r="119482" spans="14:14">
      <c r="N119482" s="10"/>
    </row>
    <row r="119483" spans="14:14">
      <c r="N119483" s="10"/>
    </row>
    <row r="119484" spans="14:14">
      <c r="N119484" s="10"/>
    </row>
    <row r="119485" spans="14:14">
      <c r="N119485" s="10"/>
    </row>
    <row r="119486" spans="14:14">
      <c r="N119486" s="10"/>
    </row>
    <row r="119487" spans="14:14">
      <c r="N119487" s="10"/>
    </row>
    <row r="119488" spans="14:14">
      <c r="N119488" s="10"/>
    </row>
    <row r="119489" spans="14:14">
      <c r="N119489" s="10"/>
    </row>
    <row r="119490" spans="14:14">
      <c r="N119490" s="10"/>
    </row>
    <row r="119491" spans="14:14">
      <c r="N119491" s="10"/>
    </row>
    <row r="119492" spans="14:14">
      <c r="N119492" s="10"/>
    </row>
    <row r="119493" spans="14:14">
      <c r="N119493" s="10"/>
    </row>
    <row r="119494" spans="14:14">
      <c r="N119494" s="10"/>
    </row>
    <row r="119495" spans="14:14">
      <c r="N119495" s="10"/>
    </row>
    <row r="119496" spans="14:14">
      <c r="N119496" s="10"/>
    </row>
    <row r="119497" spans="14:14">
      <c r="N119497" s="10"/>
    </row>
    <row r="119498" spans="14:14">
      <c r="N119498" s="10"/>
    </row>
    <row r="119499" spans="14:14">
      <c r="N119499" s="10"/>
    </row>
    <row r="119500" spans="14:14">
      <c r="N119500" s="10"/>
    </row>
    <row r="119501" spans="14:14">
      <c r="N119501" s="10"/>
    </row>
    <row r="119502" spans="14:14">
      <c r="N119502" s="10"/>
    </row>
    <row r="119503" spans="14:14">
      <c r="N119503" s="10"/>
    </row>
    <row r="119504" spans="14:14">
      <c r="N119504" s="10"/>
    </row>
    <row r="119505" spans="14:14">
      <c r="N119505" s="10"/>
    </row>
    <row r="119506" spans="14:14">
      <c r="N119506" s="10"/>
    </row>
    <row r="119507" spans="14:14">
      <c r="N119507" s="10"/>
    </row>
    <row r="119508" spans="14:14">
      <c r="N119508" s="10"/>
    </row>
    <row r="119509" spans="14:14">
      <c r="N119509" s="10"/>
    </row>
    <row r="119510" spans="14:14">
      <c r="N119510" s="10"/>
    </row>
    <row r="119511" spans="14:14">
      <c r="N119511" s="10"/>
    </row>
    <row r="119512" spans="14:14">
      <c r="N119512" s="10"/>
    </row>
    <row r="119513" spans="14:14">
      <c r="N119513" s="10"/>
    </row>
    <row r="119514" spans="14:14">
      <c r="N119514" s="10"/>
    </row>
    <row r="119515" spans="14:14">
      <c r="N119515" s="10"/>
    </row>
    <row r="119516" spans="14:14">
      <c r="N119516" s="10"/>
    </row>
    <row r="119517" spans="14:14">
      <c r="N119517" s="10"/>
    </row>
    <row r="119518" spans="14:14">
      <c r="N119518" s="10"/>
    </row>
    <row r="119519" spans="14:14">
      <c r="N119519" s="10"/>
    </row>
    <row r="119520" spans="14:14">
      <c r="N119520" s="10"/>
    </row>
    <row r="119521" spans="14:14">
      <c r="N119521" s="10"/>
    </row>
    <row r="119522" spans="14:14">
      <c r="N119522" s="10"/>
    </row>
    <row r="119523" spans="14:14">
      <c r="N119523" s="10"/>
    </row>
    <row r="119524" spans="14:14">
      <c r="N119524" s="10"/>
    </row>
    <row r="119525" spans="14:14">
      <c r="N119525" s="10"/>
    </row>
    <row r="119526" spans="14:14">
      <c r="N119526" s="10"/>
    </row>
    <row r="119527" spans="14:14">
      <c r="N119527" s="10"/>
    </row>
    <row r="119528" spans="14:14">
      <c r="N119528" s="10"/>
    </row>
    <row r="119529" spans="14:14">
      <c r="N119529" s="10"/>
    </row>
    <row r="119530" spans="14:14">
      <c r="N119530" s="10"/>
    </row>
    <row r="119531" spans="14:14">
      <c r="N119531" s="10"/>
    </row>
    <row r="119532" spans="14:14">
      <c r="N119532" s="10"/>
    </row>
    <row r="119533" spans="14:14">
      <c r="N119533" s="10"/>
    </row>
    <row r="119534" spans="14:14">
      <c r="N119534" s="10"/>
    </row>
    <row r="119535" spans="14:14">
      <c r="N119535" s="10"/>
    </row>
    <row r="119536" spans="14:14">
      <c r="N119536" s="10"/>
    </row>
    <row r="119537" spans="14:14">
      <c r="N119537" s="10"/>
    </row>
    <row r="119538" spans="14:14">
      <c r="N119538" s="10"/>
    </row>
    <row r="119539" spans="14:14">
      <c r="N119539" s="10"/>
    </row>
    <row r="119540" spans="14:14">
      <c r="N119540" s="10"/>
    </row>
    <row r="119541" spans="14:14">
      <c r="N119541" s="10"/>
    </row>
    <row r="119542" spans="14:14">
      <c r="N119542" s="10"/>
    </row>
    <row r="119543" spans="14:14">
      <c r="N119543" s="10"/>
    </row>
    <row r="119544" spans="14:14">
      <c r="N119544" s="10"/>
    </row>
    <row r="119545" spans="14:14">
      <c r="N119545" s="10"/>
    </row>
    <row r="119546" spans="14:14">
      <c r="N119546" s="10"/>
    </row>
    <row r="119547" spans="14:14">
      <c r="N119547" s="10"/>
    </row>
    <row r="119548" spans="14:14">
      <c r="N119548" s="10"/>
    </row>
    <row r="119549" spans="14:14">
      <c r="N119549" s="10"/>
    </row>
    <row r="119550" spans="14:14">
      <c r="N119550" s="10"/>
    </row>
    <row r="119551" spans="14:14">
      <c r="N119551" s="10"/>
    </row>
    <row r="119552" spans="14:14">
      <c r="N119552" s="10"/>
    </row>
    <row r="119553" spans="14:14">
      <c r="N119553" s="10"/>
    </row>
    <row r="119554" spans="14:14">
      <c r="N119554" s="10"/>
    </row>
    <row r="119555" spans="14:14">
      <c r="N119555" s="10"/>
    </row>
    <row r="119556" spans="14:14">
      <c r="N119556" s="10"/>
    </row>
    <row r="119557" spans="14:14">
      <c r="N119557" s="10"/>
    </row>
    <row r="119558" spans="14:14">
      <c r="N119558" s="10"/>
    </row>
    <row r="119559" spans="14:14">
      <c r="N119559" s="10"/>
    </row>
    <row r="119560" spans="14:14">
      <c r="N119560" s="10"/>
    </row>
    <row r="119561" spans="14:14">
      <c r="N119561" s="10"/>
    </row>
    <row r="119562" spans="14:14">
      <c r="N119562" s="10"/>
    </row>
    <row r="119563" spans="14:14">
      <c r="N119563" s="10"/>
    </row>
    <row r="119564" spans="14:14">
      <c r="N119564" s="10"/>
    </row>
    <row r="119565" spans="14:14">
      <c r="N119565" s="10"/>
    </row>
    <row r="119566" spans="14:14">
      <c r="N119566" s="10"/>
    </row>
    <row r="119567" spans="14:14">
      <c r="N119567" s="10"/>
    </row>
    <row r="119568" spans="14:14">
      <c r="N119568" s="10"/>
    </row>
    <row r="119569" spans="14:14">
      <c r="N119569" s="10"/>
    </row>
    <row r="119570" spans="14:14">
      <c r="N119570" s="10"/>
    </row>
    <row r="119571" spans="14:14">
      <c r="N119571" s="10"/>
    </row>
    <row r="119572" spans="14:14">
      <c r="N119572" s="10"/>
    </row>
    <row r="119573" spans="14:14">
      <c r="N119573" s="10"/>
    </row>
    <row r="119574" spans="14:14">
      <c r="N119574" s="10"/>
    </row>
    <row r="119575" spans="14:14">
      <c r="N119575" s="10"/>
    </row>
    <row r="119576" spans="14:14">
      <c r="N119576" s="10"/>
    </row>
    <row r="119577" spans="14:14">
      <c r="N119577" s="10"/>
    </row>
    <row r="119578" spans="14:14">
      <c r="N119578" s="10"/>
    </row>
    <row r="119579" spans="14:14">
      <c r="N119579" s="10"/>
    </row>
    <row r="119580" spans="14:14">
      <c r="N119580" s="10"/>
    </row>
    <row r="119581" spans="14:14">
      <c r="N119581" s="10"/>
    </row>
    <row r="119582" spans="14:14">
      <c r="N119582" s="10"/>
    </row>
    <row r="119583" spans="14:14">
      <c r="N119583" s="10"/>
    </row>
    <row r="119584" spans="14:14">
      <c r="N119584" s="10"/>
    </row>
    <row r="119585" spans="14:14">
      <c r="N119585" s="10"/>
    </row>
    <row r="119586" spans="14:14">
      <c r="N119586" s="10"/>
    </row>
    <row r="119587" spans="14:14">
      <c r="N119587" s="10"/>
    </row>
    <row r="119588" spans="14:14">
      <c r="N119588" s="10"/>
    </row>
    <row r="119589" spans="14:14">
      <c r="N119589" s="10"/>
    </row>
    <row r="119590" spans="14:14">
      <c r="N119590" s="10"/>
    </row>
    <row r="119591" spans="14:14">
      <c r="N119591" s="10"/>
    </row>
    <row r="119592" spans="14:14">
      <c r="N119592" s="10"/>
    </row>
    <row r="119593" spans="14:14">
      <c r="N119593" s="10"/>
    </row>
    <row r="119594" spans="14:14">
      <c r="N119594" s="10"/>
    </row>
    <row r="119595" spans="14:14">
      <c r="N119595" s="10"/>
    </row>
    <row r="119596" spans="14:14">
      <c r="N119596" s="10"/>
    </row>
    <row r="119597" spans="14:14">
      <c r="N119597" s="10"/>
    </row>
    <row r="119598" spans="14:14">
      <c r="N119598" s="10"/>
    </row>
    <row r="119599" spans="14:14">
      <c r="N119599" s="10"/>
    </row>
    <row r="119600" spans="14:14">
      <c r="N119600" s="10"/>
    </row>
    <row r="119601" spans="14:14">
      <c r="N119601" s="10"/>
    </row>
    <row r="119602" spans="14:14">
      <c r="N119602" s="10"/>
    </row>
    <row r="119603" spans="14:14">
      <c r="N119603" s="10"/>
    </row>
    <row r="119604" spans="14:14">
      <c r="N119604" s="10"/>
    </row>
    <row r="119605" spans="14:14">
      <c r="N119605" s="10"/>
    </row>
    <row r="119606" spans="14:14">
      <c r="N119606" s="10"/>
    </row>
    <row r="119607" spans="14:14">
      <c r="N119607" s="10"/>
    </row>
    <row r="119608" spans="14:14">
      <c r="N119608" s="10"/>
    </row>
    <row r="119609" spans="14:14">
      <c r="N119609" s="10"/>
    </row>
    <row r="119610" spans="14:14">
      <c r="N119610" s="10"/>
    </row>
    <row r="119611" spans="14:14">
      <c r="N119611" s="10"/>
    </row>
    <row r="119612" spans="14:14">
      <c r="N119612" s="10"/>
    </row>
    <row r="119613" spans="14:14">
      <c r="N119613" s="10"/>
    </row>
    <row r="119614" spans="14:14">
      <c r="N119614" s="10"/>
    </row>
    <row r="119615" spans="14:14">
      <c r="N119615" s="10"/>
    </row>
    <row r="119616" spans="14:14">
      <c r="N119616" s="10"/>
    </row>
    <row r="119617" spans="14:14">
      <c r="N119617" s="10"/>
    </row>
    <row r="119618" spans="14:14">
      <c r="N119618" s="10"/>
    </row>
    <row r="119619" spans="14:14">
      <c r="N119619" s="10"/>
    </row>
    <row r="119620" spans="14:14">
      <c r="N119620" s="10"/>
    </row>
    <row r="119621" spans="14:14">
      <c r="N119621" s="10"/>
    </row>
    <row r="119622" spans="14:14">
      <c r="N119622" s="10"/>
    </row>
    <row r="119623" spans="14:14">
      <c r="N119623" s="10"/>
    </row>
    <row r="119624" spans="14:14">
      <c r="N119624" s="10"/>
    </row>
    <row r="119625" spans="14:14">
      <c r="N119625" s="10"/>
    </row>
    <row r="119626" spans="14:14">
      <c r="N119626" s="10"/>
    </row>
    <row r="119627" spans="14:14">
      <c r="N119627" s="10"/>
    </row>
    <row r="119628" spans="14:14">
      <c r="N119628" s="10"/>
    </row>
    <row r="119629" spans="14:14">
      <c r="N119629" s="10"/>
    </row>
    <row r="119630" spans="14:14">
      <c r="N119630" s="10"/>
    </row>
    <row r="119631" spans="14:14">
      <c r="N119631" s="10"/>
    </row>
    <row r="119632" spans="14:14">
      <c r="N119632" s="10"/>
    </row>
    <row r="119633" spans="14:14">
      <c r="N119633" s="10"/>
    </row>
    <row r="119634" spans="14:14">
      <c r="N119634" s="10"/>
    </row>
    <row r="119635" spans="14:14">
      <c r="N119635" s="10"/>
    </row>
    <row r="119636" spans="14:14">
      <c r="N119636" s="10"/>
    </row>
    <row r="119637" spans="14:14">
      <c r="N119637" s="10"/>
    </row>
    <row r="119638" spans="14:14">
      <c r="N119638" s="10"/>
    </row>
    <row r="119639" spans="14:14">
      <c r="N119639" s="10"/>
    </row>
    <row r="119640" spans="14:14">
      <c r="N119640" s="10"/>
    </row>
    <row r="119641" spans="14:14">
      <c r="N119641" s="10"/>
    </row>
    <row r="119642" spans="14:14">
      <c r="N119642" s="10"/>
    </row>
    <row r="119643" spans="14:14">
      <c r="N119643" s="10"/>
    </row>
    <row r="119644" spans="14:14">
      <c r="N119644" s="10"/>
    </row>
    <row r="119645" spans="14:14">
      <c r="N119645" s="10"/>
    </row>
    <row r="119646" spans="14:14">
      <c r="N119646" s="10"/>
    </row>
    <row r="119647" spans="14:14">
      <c r="N119647" s="10"/>
    </row>
    <row r="119648" spans="14:14">
      <c r="N119648" s="10"/>
    </row>
    <row r="119649" spans="14:14">
      <c r="N119649" s="10"/>
    </row>
    <row r="119650" spans="14:14">
      <c r="N119650" s="10"/>
    </row>
    <row r="119651" spans="14:14">
      <c r="N119651" s="10"/>
    </row>
    <row r="119652" spans="14:14">
      <c r="N119652" s="10"/>
    </row>
    <row r="119653" spans="14:14">
      <c r="N119653" s="10"/>
    </row>
    <row r="119654" spans="14:14">
      <c r="N119654" s="10"/>
    </row>
    <row r="119655" spans="14:14">
      <c r="N119655" s="10"/>
    </row>
    <row r="119656" spans="14:14">
      <c r="N119656" s="10"/>
    </row>
    <row r="119657" spans="14:14">
      <c r="N119657" s="10"/>
    </row>
    <row r="119658" spans="14:14">
      <c r="N119658" s="10"/>
    </row>
    <row r="119659" spans="14:14">
      <c r="N119659" s="10"/>
    </row>
    <row r="119660" spans="14:14">
      <c r="N119660" s="10"/>
    </row>
    <row r="119661" spans="14:14">
      <c r="N119661" s="10"/>
    </row>
    <row r="119662" spans="14:14">
      <c r="N119662" s="10"/>
    </row>
    <row r="119663" spans="14:14">
      <c r="N119663" s="10"/>
    </row>
    <row r="119664" spans="14:14">
      <c r="N119664" s="10"/>
    </row>
    <row r="119665" spans="14:14">
      <c r="N119665" s="10"/>
    </row>
    <row r="119666" spans="14:14">
      <c r="N119666" s="10"/>
    </row>
    <row r="119667" spans="14:14">
      <c r="N119667" s="10"/>
    </row>
    <row r="119668" spans="14:14">
      <c r="N119668" s="10"/>
    </row>
    <row r="119669" spans="14:14">
      <c r="N119669" s="10"/>
    </row>
    <row r="119670" spans="14:14">
      <c r="N119670" s="10"/>
    </row>
    <row r="119671" spans="14:14">
      <c r="N119671" s="10"/>
    </row>
    <row r="119672" spans="14:14">
      <c r="N119672" s="10"/>
    </row>
    <row r="119673" spans="14:14">
      <c r="N119673" s="10"/>
    </row>
    <row r="119674" spans="14:14">
      <c r="N119674" s="10"/>
    </row>
    <row r="119675" spans="14:14">
      <c r="N119675" s="10"/>
    </row>
    <row r="119676" spans="14:14">
      <c r="N119676" s="10"/>
    </row>
    <row r="119677" spans="14:14">
      <c r="N119677" s="10"/>
    </row>
    <row r="119678" spans="14:14">
      <c r="N119678" s="10"/>
    </row>
    <row r="119679" spans="14:14">
      <c r="N119679" s="10"/>
    </row>
    <row r="119680" spans="14:14">
      <c r="N119680" s="10"/>
    </row>
    <row r="119681" spans="14:14">
      <c r="N119681" s="10"/>
    </row>
    <row r="119682" spans="14:14">
      <c r="N119682" s="10"/>
    </row>
    <row r="119683" spans="14:14">
      <c r="N119683" s="10"/>
    </row>
    <row r="119684" spans="14:14">
      <c r="N119684" s="10"/>
    </row>
    <row r="119685" spans="14:14">
      <c r="N119685" s="10"/>
    </row>
    <row r="119686" spans="14:14">
      <c r="N119686" s="10"/>
    </row>
    <row r="119687" spans="14:14">
      <c r="N119687" s="10"/>
    </row>
    <row r="119688" spans="14:14">
      <c r="N119688" s="10"/>
    </row>
    <row r="119689" spans="14:14">
      <c r="N119689" s="10"/>
    </row>
    <row r="119690" spans="14:14">
      <c r="N119690" s="10"/>
    </row>
    <row r="119691" spans="14:14">
      <c r="N119691" s="10"/>
    </row>
    <row r="119692" spans="14:14">
      <c r="N119692" s="10"/>
    </row>
    <row r="119693" spans="14:14">
      <c r="N119693" s="10"/>
    </row>
    <row r="119694" spans="14:14">
      <c r="N119694" s="10"/>
    </row>
    <row r="119695" spans="14:14">
      <c r="N119695" s="10"/>
    </row>
    <row r="119696" spans="14:14">
      <c r="N119696" s="10"/>
    </row>
    <row r="119697" spans="14:14">
      <c r="N119697" s="10"/>
    </row>
    <row r="119698" spans="14:14">
      <c r="N119698" s="10"/>
    </row>
    <row r="119699" spans="14:14">
      <c r="N119699" s="10"/>
    </row>
    <row r="119700" spans="14:14">
      <c r="N119700" s="10"/>
    </row>
    <row r="119701" spans="14:14">
      <c r="N119701" s="10"/>
    </row>
    <row r="119702" spans="14:14">
      <c r="N119702" s="10"/>
    </row>
    <row r="119703" spans="14:14">
      <c r="N119703" s="10"/>
    </row>
    <row r="119704" spans="14:14">
      <c r="N119704" s="10"/>
    </row>
    <row r="119705" spans="14:14">
      <c r="N119705" s="10"/>
    </row>
    <row r="119706" spans="14:14">
      <c r="N119706" s="10"/>
    </row>
    <row r="119707" spans="14:14">
      <c r="N119707" s="10"/>
    </row>
    <row r="119708" spans="14:14">
      <c r="N119708" s="10"/>
    </row>
    <row r="119709" spans="14:14">
      <c r="N119709" s="10"/>
    </row>
    <row r="119710" spans="14:14">
      <c r="N119710" s="10"/>
    </row>
    <row r="119711" spans="14:14">
      <c r="N119711" s="10"/>
    </row>
    <row r="119712" spans="14:14">
      <c r="N119712" s="10"/>
    </row>
    <row r="119713" spans="14:14">
      <c r="N119713" s="10"/>
    </row>
    <row r="119714" spans="14:14">
      <c r="N119714" s="10"/>
    </row>
    <row r="119715" spans="14:14">
      <c r="N119715" s="10"/>
    </row>
    <row r="119716" spans="14:14">
      <c r="N119716" s="10"/>
    </row>
    <row r="119717" spans="14:14">
      <c r="N119717" s="10"/>
    </row>
    <row r="119718" spans="14:14">
      <c r="N119718" s="10"/>
    </row>
    <row r="119719" spans="14:14">
      <c r="N119719" s="10"/>
    </row>
    <row r="119720" spans="14:14">
      <c r="N119720" s="10"/>
    </row>
    <row r="119721" spans="14:14">
      <c r="N119721" s="10"/>
    </row>
    <row r="119722" spans="14:14">
      <c r="N119722" s="10"/>
    </row>
    <row r="119723" spans="14:14">
      <c r="N119723" s="10"/>
    </row>
    <row r="119724" spans="14:14">
      <c r="N119724" s="10"/>
    </row>
    <row r="119725" spans="14:14">
      <c r="N119725" s="10"/>
    </row>
    <row r="119726" spans="14:14">
      <c r="N119726" s="10"/>
    </row>
    <row r="119727" spans="14:14">
      <c r="N119727" s="10"/>
    </row>
    <row r="119728" spans="14:14">
      <c r="N119728" s="10"/>
    </row>
    <row r="119729" spans="14:14">
      <c r="N119729" s="10"/>
    </row>
    <row r="119730" spans="14:14">
      <c r="N119730" s="10"/>
    </row>
    <row r="119731" spans="14:14">
      <c r="N119731" s="10"/>
    </row>
    <row r="119732" spans="14:14">
      <c r="N119732" s="10"/>
    </row>
    <row r="119733" spans="14:14">
      <c r="N119733" s="10"/>
    </row>
    <row r="119734" spans="14:14">
      <c r="N119734" s="10"/>
    </row>
    <row r="119735" spans="14:14">
      <c r="N119735" s="10"/>
    </row>
    <row r="119736" spans="14:14">
      <c r="N119736" s="10"/>
    </row>
    <row r="119737" spans="14:14">
      <c r="N119737" s="10"/>
    </row>
    <row r="119738" spans="14:14">
      <c r="N119738" s="10"/>
    </row>
    <row r="119739" spans="14:14">
      <c r="N119739" s="10"/>
    </row>
    <row r="119740" spans="14:14">
      <c r="N119740" s="10"/>
    </row>
    <row r="119741" spans="14:14">
      <c r="N119741" s="10"/>
    </row>
    <row r="119742" spans="14:14">
      <c r="N119742" s="10"/>
    </row>
    <row r="119743" spans="14:14">
      <c r="N119743" s="10"/>
    </row>
    <row r="119744" spans="14:14">
      <c r="N119744" s="10"/>
    </row>
    <row r="119745" spans="14:14">
      <c r="N119745" s="10"/>
    </row>
    <row r="119746" spans="14:14">
      <c r="N119746" s="10"/>
    </row>
    <row r="119747" spans="14:14">
      <c r="N119747" s="10"/>
    </row>
    <row r="119748" spans="14:14">
      <c r="N119748" s="10"/>
    </row>
    <row r="119749" spans="14:14">
      <c r="N119749" s="10"/>
    </row>
    <row r="119750" spans="14:14">
      <c r="N119750" s="10"/>
    </row>
    <row r="119751" spans="14:14">
      <c r="N119751" s="10"/>
    </row>
    <row r="119752" spans="14:14">
      <c r="N119752" s="10"/>
    </row>
    <row r="119753" spans="14:14">
      <c r="N119753" s="10"/>
    </row>
    <row r="119754" spans="14:14">
      <c r="N119754" s="10"/>
    </row>
    <row r="119755" spans="14:14">
      <c r="N119755" s="10"/>
    </row>
    <row r="119756" spans="14:14">
      <c r="N119756" s="10"/>
    </row>
    <row r="119757" spans="14:14">
      <c r="N119757" s="10"/>
    </row>
    <row r="119758" spans="14:14">
      <c r="N119758" s="10"/>
    </row>
    <row r="119759" spans="14:14">
      <c r="N119759" s="10"/>
    </row>
    <row r="119760" spans="14:14">
      <c r="N119760" s="10"/>
    </row>
    <row r="119761" spans="14:14">
      <c r="N119761" s="10"/>
    </row>
    <row r="119762" spans="14:14">
      <c r="N119762" s="10"/>
    </row>
    <row r="119763" spans="14:14">
      <c r="N119763" s="10"/>
    </row>
    <row r="119764" spans="14:14">
      <c r="N119764" s="10"/>
    </row>
    <row r="119765" spans="14:14">
      <c r="N119765" s="10"/>
    </row>
    <row r="119766" spans="14:14">
      <c r="N119766" s="10"/>
    </row>
    <row r="119767" spans="14:14">
      <c r="N119767" s="10"/>
    </row>
    <row r="119768" spans="14:14">
      <c r="N119768" s="10"/>
    </row>
    <row r="119769" spans="14:14">
      <c r="N119769" s="10"/>
    </row>
    <row r="119770" spans="14:14">
      <c r="N119770" s="10"/>
    </row>
    <row r="119771" spans="14:14">
      <c r="N119771" s="10"/>
    </row>
    <row r="119772" spans="14:14">
      <c r="N119772" s="10"/>
    </row>
    <row r="119773" spans="14:14">
      <c r="N119773" s="10"/>
    </row>
    <row r="119774" spans="14:14">
      <c r="N119774" s="10"/>
    </row>
    <row r="119775" spans="14:14">
      <c r="N119775" s="10"/>
    </row>
    <row r="119776" spans="14:14">
      <c r="N119776" s="10"/>
    </row>
    <row r="119777" spans="14:14">
      <c r="N119777" s="10"/>
    </row>
    <row r="119778" spans="14:14">
      <c r="N119778" s="10"/>
    </row>
    <row r="119779" spans="14:14">
      <c r="N119779" s="10"/>
    </row>
    <row r="119780" spans="14:14">
      <c r="N119780" s="10"/>
    </row>
    <row r="119781" spans="14:14">
      <c r="N119781" s="10"/>
    </row>
    <row r="119782" spans="14:14">
      <c r="N119782" s="10"/>
    </row>
    <row r="119783" spans="14:14">
      <c r="N119783" s="10"/>
    </row>
    <row r="119784" spans="14:14">
      <c r="N119784" s="10"/>
    </row>
    <row r="119785" spans="14:14">
      <c r="N119785" s="10"/>
    </row>
    <row r="119786" spans="14:14">
      <c r="N119786" s="10"/>
    </row>
    <row r="119787" spans="14:14">
      <c r="N119787" s="10"/>
    </row>
    <row r="119788" spans="14:14">
      <c r="N119788" s="10"/>
    </row>
    <row r="119789" spans="14:14">
      <c r="N119789" s="10"/>
    </row>
    <row r="119790" spans="14:14">
      <c r="N119790" s="10"/>
    </row>
    <row r="119791" spans="14:14">
      <c r="N119791" s="10"/>
    </row>
    <row r="119792" spans="14:14">
      <c r="N119792" s="10"/>
    </row>
    <row r="119793" spans="14:14">
      <c r="N119793" s="10"/>
    </row>
    <row r="119794" spans="14:14">
      <c r="N119794" s="10"/>
    </row>
    <row r="119795" spans="14:14">
      <c r="N119795" s="10"/>
    </row>
    <row r="119796" spans="14:14">
      <c r="N119796" s="10"/>
    </row>
    <row r="119797" spans="14:14">
      <c r="N119797" s="10"/>
    </row>
    <row r="119798" spans="14:14">
      <c r="N119798" s="10"/>
    </row>
    <row r="119799" spans="14:14">
      <c r="N119799" s="10"/>
    </row>
    <row r="119800" spans="14:14">
      <c r="N119800" s="10"/>
    </row>
    <row r="119801" spans="14:14">
      <c r="N119801" s="10"/>
    </row>
    <row r="119802" spans="14:14">
      <c r="N119802" s="10"/>
    </row>
    <row r="119803" spans="14:14">
      <c r="N119803" s="10"/>
    </row>
    <row r="119804" spans="14:14">
      <c r="N119804" s="10"/>
    </row>
    <row r="119805" spans="14:14">
      <c r="N119805" s="10"/>
    </row>
    <row r="119806" spans="14:14">
      <c r="N119806" s="10"/>
    </row>
    <row r="119807" spans="14:14">
      <c r="N119807" s="10"/>
    </row>
    <row r="119808" spans="14:14">
      <c r="N119808" s="10"/>
    </row>
    <row r="119809" spans="14:14">
      <c r="N119809" s="10"/>
    </row>
    <row r="119810" spans="14:14">
      <c r="N119810" s="10"/>
    </row>
    <row r="119811" spans="14:14">
      <c r="N119811" s="10"/>
    </row>
    <row r="119812" spans="14:14">
      <c r="N119812" s="10"/>
    </row>
    <row r="119813" spans="14:14">
      <c r="N119813" s="10"/>
    </row>
    <row r="119814" spans="14:14">
      <c r="N119814" s="10"/>
    </row>
    <row r="119815" spans="14:14">
      <c r="N119815" s="10"/>
    </row>
    <row r="119816" spans="14:14">
      <c r="N119816" s="10"/>
    </row>
    <row r="119817" spans="14:14">
      <c r="N119817" s="10"/>
    </row>
    <row r="119818" spans="14:14">
      <c r="N119818" s="10"/>
    </row>
    <row r="119819" spans="14:14">
      <c r="N119819" s="10"/>
    </row>
    <row r="119820" spans="14:14">
      <c r="N119820" s="10"/>
    </row>
    <row r="119821" spans="14:14">
      <c r="N119821" s="10"/>
    </row>
    <row r="119822" spans="14:14">
      <c r="N119822" s="10"/>
    </row>
    <row r="119823" spans="14:14">
      <c r="N119823" s="10"/>
    </row>
    <row r="119824" spans="14:14">
      <c r="N119824" s="10"/>
    </row>
    <row r="119825" spans="14:14">
      <c r="N119825" s="10"/>
    </row>
    <row r="119826" spans="14:14">
      <c r="N119826" s="10"/>
    </row>
    <row r="119827" spans="14:14">
      <c r="N119827" s="10"/>
    </row>
    <row r="119828" spans="14:14">
      <c r="N119828" s="10"/>
    </row>
    <row r="119829" spans="14:14">
      <c r="N119829" s="10"/>
    </row>
    <row r="119830" spans="14:14">
      <c r="N119830" s="10"/>
    </row>
    <row r="119831" spans="14:14">
      <c r="N119831" s="10"/>
    </row>
    <row r="119832" spans="14:14">
      <c r="N119832" s="10"/>
    </row>
    <row r="119833" spans="14:14">
      <c r="N119833" s="10"/>
    </row>
    <row r="119834" spans="14:14">
      <c r="N119834" s="10"/>
    </row>
    <row r="119835" spans="14:14">
      <c r="N119835" s="10"/>
    </row>
    <row r="119836" spans="14:14">
      <c r="N119836" s="10"/>
    </row>
    <row r="119837" spans="14:14">
      <c r="N119837" s="10"/>
    </row>
    <row r="119838" spans="14:14">
      <c r="N119838" s="10"/>
    </row>
    <row r="119839" spans="14:14">
      <c r="N119839" s="10"/>
    </row>
    <row r="119840" spans="14:14">
      <c r="N119840" s="10"/>
    </row>
    <row r="119841" spans="14:14">
      <c r="N119841" s="10"/>
    </row>
    <row r="119842" spans="14:14">
      <c r="N119842" s="10"/>
    </row>
    <row r="119843" spans="14:14">
      <c r="N119843" s="10"/>
    </row>
    <row r="119844" spans="14:14">
      <c r="N119844" s="10"/>
    </row>
    <row r="119845" spans="14:14">
      <c r="N119845" s="10"/>
    </row>
    <row r="119846" spans="14:14">
      <c r="N119846" s="10"/>
    </row>
    <row r="119847" spans="14:14">
      <c r="N119847" s="10"/>
    </row>
    <row r="119848" spans="14:14">
      <c r="N119848" s="10"/>
    </row>
    <row r="119849" spans="14:14">
      <c r="N119849" s="10"/>
    </row>
    <row r="119850" spans="14:14">
      <c r="N119850" s="10"/>
    </row>
    <row r="119851" spans="14:14">
      <c r="N119851" s="10"/>
    </row>
    <row r="119852" spans="14:14">
      <c r="N119852" s="10"/>
    </row>
    <row r="119853" spans="14:14">
      <c r="N119853" s="10"/>
    </row>
    <row r="119854" spans="14:14">
      <c r="N119854" s="10"/>
    </row>
    <row r="119855" spans="14:14">
      <c r="N119855" s="10"/>
    </row>
    <row r="119856" spans="14:14">
      <c r="N119856" s="10"/>
    </row>
    <row r="119857" spans="14:14">
      <c r="N119857" s="10"/>
    </row>
    <row r="119858" spans="14:14">
      <c r="N119858" s="10"/>
    </row>
    <row r="119859" spans="14:14">
      <c r="N119859" s="10"/>
    </row>
    <row r="119860" spans="14:14">
      <c r="N119860" s="10"/>
    </row>
    <row r="119861" spans="14:14">
      <c r="N119861" s="10"/>
    </row>
    <row r="119862" spans="14:14">
      <c r="N119862" s="10"/>
    </row>
    <row r="119863" spans="14:14">
      <c r="N119863" s="10"/>
    </row>
    <row r="119864" spans="14:14">
      <c r="N119864" s="10"/>
    </row>
    <row r="119865" spans="14:14">
      <c r="N119865" s="10"/>
    </row>
    <row r="119866" spans="14:14">
      <c r="N119866" s="10"/>
    </row>
    <row r="119867" spans="14:14">
      <c r="N119867" s="10"/>
    </row>
    <row r="119868" spans="14:14">
      <c r="N119868" s="10"/>
    </row>
    <row r="119869" spans="14:14">
      <c r="N119869" s="10"/>
    </row>
    <row r="119870" spans="14:14">
      <c r="N119870" s="10"/>
    </row>
    <row r="119871" spans="14:14">
      <c r="N119871" s="10"/>
    </row>
    <row r="119872" spans="14:14">
      <c r="N119872" s="10"/>
    </row>
    <row r="119873" spans="14:14">
      <c r="N119873" s="10"/>
    </row>
    <row r="119874" spans="14:14">
      <c r="N119874" s="10"/>
    </row>
    <row r="119875" spans="14:14">
      <c r="N119875" s="10"/>
    </row>
    <row r="119876" spans="14:14">
      <c r="N119876" s="10"/>
    </row>
    <row r="119877" spans="14:14">
      <c r="N119877" s="10"/>
    </row>
    <row r="119878" spans="14:14">
      <c r="N119878" s="10"/>
    </row>
    <row r="119879" spans="14:14">
      <c r="N119879" s="10"/>
    </row>
    <row r="119880" spans="14:14">
      <c r="N119880" s="10"/>
    </row>
    <row r="119881" spans="14:14">
      <c r="N119881" s="10"/>
    </row>
    <row r="119882" spans="14:14">
      <c r="N119882" s="10"/>
    </row>
    <row r="119883" spans="14:14">
      <c r="N119883" s="10"/>
    </row>
    <row r="119884" spans="14:14">
      <c r="N119884" s="10"/>
    </row>
    <row r="119885" spans="14:14">
      <c r="N119885" s="10"/>
    </row>
    <row r="119886" spans="14:14">
      <c r="N119886" s="10"/>
    </row>
    <row r="119887" spans="14:14">
      <c r="N119887" s="10"/>
    </row>
    <row r="119888" spans="14:14">
      <c r="N119888" s="10"/>
    </row>
    <row r="119889" spans="14:14">
      <c r="N119889" s="10"/>
    </row>
    <row r="119890" spans="14:14">
      <c r="N119890" s="10"/>
    </row>
    <row r="119891" spans="14:14">
      <c r="N119891" s="10"/>
    </row>
    <row r="119892" spans="14:14">
      <c r="N119892" s="10"/>
    </row>
    <row r="119893" spans="14:14">
      <c r="N119893" s="10"/>
    </row>
    <row r="119894" spans="14:14">
      <c r="N119894" s="10"/>
    </row>
    <row r="119895" spans="14:14">
      <c r="N119895" s="10"/>
    </row>
    <row r="119896" spans="14:14">
      <c r="N119896" s="10"/>
    </row>
    <row r="119897" spans="14:14">
      <c r="N119897" s="10"/>
    </row>
    <row r="119898" spans="14:14">
      <c r="N119898" s="10"/>
    </row>
    <row r="119899" spans="14:14">
      <c r="N119899" s="10"/>
    </row>
    <row r="119900" spans="14:14">
      <c r="N119900" s="10"/>
    </row>
    <row r="119901" spans="14:14">
      <c r="N119901" s="10"/>
    </row>
    <row r="119902" spans="14:14">
      <c r="N119902" s="10"/>
    </row>
    <row r="119903" spans="14:14">
      <c r="N119903" s="10"/>
    </row>
    <row r="119904" spans="14:14">
      <c r="N119904" s="10"/>
    </row>
    <row r="119905" spans="14:14">
      <c r="N119905" s="10"/>
    </row>
    <row r="119906" spans="14:14">
      <c r="N119906" s="10"/>
    </row>
    <row r="119907" spans="14:14">
      <c r="N119907" s="10"/>
    </row>
    <row r="119908" spans="14:14">
      <c r="N119908" s="10"/>
    </row>
    <row r="119909" spans="14:14">
      <c r="N119909" s="10"/>
    </row>
    <row r="119910" spans="14:14">
      <c r="N119910" s="10"/>
    </row>
    <row r="119911" spans="14:14">
      <c r="N119911" s="10"/>
    </row>
    <row r="119912" spans="14:14">
      <c r="N119912" s="10"/>
    </row>
    <row r="119913" spans="14:14">
      <c r="N119913" s="10"/>
    </row>
    <row r="119914" spans="14:14">
      <c r="N119914" s="10"/>
    </row>
    <row r="119915" spans="14:14">
      <c r="N119915" s="10"/>
    </row>
    <row r="119916" spans="14:14">
      <c r="N119916" s="10"/>
    </row>
    <row r="119917" spans="14:14">
      <c r="N119917" s="10"/>
    </row>
    <row r="119918" spans="14:14">
      <c r="N119918" s="10"/>
    </row>
    <row r="119919" spans="14:14">
      <c r="N119919" s="10"/>
    </row>
    <row r="119920" spans="14:14">
      <c r="N119920" s="10"/>
    </row>
    <row r="119921" spans="14:14">
      <c r="N119921" s="10"/>
    </row>
    <row r="119922" spans="14:14">
      <c r="N119922" s="10"/>
    </row>
    <row r="119923" spans="14:14">
      <c r="N119923" s="10"/>
    </row>
    <row r="119924" spans="14:14">
      <c r="N119924" s="10"/>
    </row>
    <row r="119925" spans="14:14">
      <c r="N119925" s="10"/>
    </row>
    <row r="119926" spans="14:14">
      <c r="N119926" s="10"/>
    </row>
    <row r="119927" spans="14:14">
      <c r="N119927" s="10"/>
    </row>
    <row r="119928" spans="14:14">
      <c r="N119928" s="10"/>
    </row>
    <row r="119929" spans="14:14">
      <c r="N119929" s="10"/>
    </row>
    <row r="119930" spans="14:14">
      <c r="N119930" s="10"/>
    </row>
    <row r="119931" spans="14:14">
      <c r="N119931" s="10"/>
    </row>
    <row r="119932" spans="14:14">
      <c r="N119932" s="10"/>
    </row>
    <row r="119933" spans="14:14">
      <c r="N119933" s="10"/>
    </row>
    <row r="119934" spans="14:14">
      <c r="N119934" s="10"/>
    </row>
    <row r="119935" spans="14:14">
      <c r="N119935" s="10"/>
    </row>
    <row r="119936" spans="14:14">
      <c r="N119936" s="10"/>
    </row>
    <row r="119937" spans="14:14">
      <c r="N119937" s="10"/>
    </row>
    <row r="119938" spans="14:14">
      <c r="N119938" s="10"/>
    </row>
    <row r="119939" spans="14:14">
      <c r="N119939" s="10"/>
    </row>
    <row r="119940" spans="14:14">
      <c r="N119940" s="10"/>
    </row>
    <row r="119941" spans="14:14">
      <c r="N119941" s="10"/>
    </row>
    <row r="119942" spans="14:14">
      <c r="N119942" s="10"/>
    </row>
    <row r="119943" spans="14:14">
      <c r="N119943" s="10"/>
    </row>
    <row r="119944" spans="14:14">
      <c r="N119944" s="10"/>
    </row>
    <row r="119945" spans="14:14">
      <c r="N119945" s="10"/>
    </row>
    <row r="119946" spans="14:14">
      <c r="N119946" s="10"/>
    </row>
    <row r="119947" spans="14:14">
      <c r="N119947" s="10"/>
    </row>
    <row r="119948" spans="14:14">
      <c r="N119948" s="10"/>
    </row>
    <row r="119949" spans="14:14">
      <c r="N119949" s="10"/>
    </row>
    <row r="119950" spans="14:14">
      <c r="N119950" s="10"/>
    </row>
    <row r="119951" spans="14:14">
      <c r="N119951" s="10"/>
    </row>
    <row r="119952" spans="14:14">
      <c r="N119952" s="10"/>
    </row>
    <row r="119953" spans="14:14">
      <c r="N119953" s="10"/>
    </row>
    <row r="119954" spans="14:14">
      <c r="N119954" s="10"/>
    </row>
    <row r="119955" spans="14:14">
      <c r="N119955" s="10"/>
    </row>
    <row r="119956" spans="14:14">
      <c r="N119956" s="10"/>
    </row>
    <row r="119957" spans="14:14">
      <c r="N119957" s="10"/>
    </row>
    <row r="119958" spans="14:14">
      <c r="N119958" s="10"/>
    </row>
    <row r="119959" spans="14:14">
      <c r="N119959" s="10"/>
    </row>
    <row r="119960" spans="14:14">
      <c r="N119960" s="10"/>
    </row>
    <row r="119961" spans="14:14">
      <c r="N119961" s="10"/>
    </row>
    <row r="119962" spans="14:14">
      <c r="N119962" s="10"/>
    </row>
    <row r="119963" spans="14:14">
      <c r="N119963" s="10"/>
    </row>
    <row r="119964" spans="14:14">
      <c r="N119964" s="10"/>
    </row>
    <row r="119965" spans="14:14">
      <c r="N119965" s="10"/>
    </row>
    <row r="119966" spans="14:14">
      <c r="N119966" s="10"/>
    </row>
    <row r="119967" spans="14:14">
      <c r="N119967" s="10"/>
    </row>
    <row r="119968" spans="14:14">
      <c r="N119968" s="10"/>
    </row>
    <row r="119969" spans="14:14">
      <c r="N119969" s="10"/>
    </row>
    <row r="119970" spans="14:14">
      <c r="N119970" s="10"/>
    </row>
    <row r="119971" spans="14:14">
      <c r="N119971" s="10"/>
    </row>
    <row r="119972" spans="14:14">
      <c r="N119972" s="10"/>
    </row>
    <row r="119973" spans="14:14">
      <c r="N119973" s="10"/>
    </row>
    <row r="119974" spans="14:14">
      <c r="N119974" s="10"/>
    </row>
    <row r="119975" spans="14:14">
      <c r="N119975" s="10"/>
    </row>
    <row r="119976" spans="14:14">
      <c r="N119976" s="10"/>
    </row>
    <row r="119977" spans="14:14">
      <c r="N119977" s="10"/>
    </row>
    <row r="119978" spans="14:14">
      <c r="N119978" s="10"/>
    </row>
    <row r="119979" spans="14:14">
      <c r="N119979" s="10"/>
    </row>
    <row r="119980" spans="14:14">
      <c r="N119980" s="10"/>
    </row>
    <row r="119981" spans="14:14">
      <c r="N119981" s="10"/>
    </row>
    <row r="119982" spans="14:14">
      <c r="N119982" s="10"/>
    </row>
    <row r="119983" spans="14:14">
      <c r="N119983" s="10"/>
    </row>
    <row r="119984" spans="14:14">
      <c r="N119984" s="10"/>
    </row>
    <row r="119985" spans="14:14">
      <c r="N119985" s="10"/>
    </row>
    <row r="119986" spans="14:14">
      <c r="N119986" s="10"/>
    </row>
    <row r="119987" spans="14:14">
      <c r="N119987" s="10"/>
    </row>
    <row r="119988" spans="14:14">
      <c r="N119988" s="10"/>
    </row>
    <row r="119989" spans="14:14">
      <c r="N119989" s="10"/>
    </row>
    <row r="119990" spans="14:14">
      <c r="N119990" s="10"/>
    </row>
    <row r="119991" spans="14:14">
      <c r="N119991" s="10"/>
    </row>
    <row r="119992" spans="14:14">
      <c r="N119992" s="10"/>
    </row>
    <row r="119993" spans="14:14">
      <c r="N119993" s="10"/>
    </row>
    <row r="119994" spans="14:14">
      <c r="N119994" s="10"/>
    </row>
    <row r="119995" spans="14:14">
      <c r="N119995" s="10"/>
    </row>
    <row r="119996" spans="14:14">
      <c r="N119996" s="10"/>
    </row>
    <row r="119997" spans="14:14">
      <c r="N119997" s="10"/>
    </row>
    <row r="119998" spans="14:14">
      <c r="N119998" s="10"/>
    </row>
    <row r="119999" spans="14:14">
      <c r="N119999" s="10"/>
    </row>
    <row r="120000" spans="14:14">
      <c r="N120000" s="10"/>
    </row>
    <row r="120001" spans="14:14">
      <c r="N120001" s="10"/>
    </row>
    <row r="120002" spans="14:14">
      <c r="N120002" s="10"/>
    </row>
    <row r="120003" spans="14:14">
      <c r="N120003" s="10"/>
    </row>
    <row r="120004" spans="14:14">
      <c r="N120004" s="10"/>
    </row>
    <row r="120005" spans="14:14">
      <c r="N120005" s="10"/>
    </row>
    <row r="120006" spans="14:14">
      <c r="N120006" s="10"/>
    </row>
    <row r="120007" spans="14:14">
      <c r="N120007" s="10"/>
    </row>
    <row r="120008" spans="14:14">
      <c r="N120008" s="10"/>
    </row>
    <row r="120009" spans="14:14">
      <c r="N120009" s="10"/>
    </row>
    <row r="120010" spans="14:14">
      <c r="N120010" s="10"/>
    </row>
    <row r="120011" spans="14:14">
      <c r="N120011" s="10"/>
    </row>
    <row r="120012" spans="14:14">
      <c r="N120012" s="10"/>
    </row>
    <row r="120013" spans="14:14">
      <c r="N120013" s="10"/>
    </row>
    <row r="120014" spans="14:14">
      <c r="N120014" s="10"/>
    </row>
    <row r="120015" spans="14:14">
      <c r="N120015" s="10"/>
    </row>
    <row r="120016" spans="14:14">
      <c r="N120016" s="10"/>
    </row>
    <row r="120017" spans="14:14">
      <c r="N120017" s="10"/>
    </row>
    <row r="120018" spans="14:14">
      <c r="N120018" s="10"/>
    </row>
    <row r="120019" spans="14:14">
      <c r="N120019" s="10"/>
    </row>
    <row r="120020" spans="14:14">
      <c r="N120020" s="10"/>
    </row>
    <row r="120021" spans="14:14">
      <c r="N120021" s="10"/>
    </row>
    <row r="120022" spans="14:14">
      <c r="N120022" s="10"/>
    </row>
    <row r="120023" spans="14:14">
      <c r="N120023" s="10"/>
    </row>
    <row r="120024" spans="14:14">
      <c r="N120024" s="10"/>
    </row>
    <row r="120025" spans="14:14">
      <c r="N120025" s="10"/>
    </row>
    <row r="120026" spans="14:14">
      <c r="N120026" s="10"/>
    </row>
    <row r="120027" spans="14:14">
      <c r="N120027" s="10"/>
    </row>
    <row r="120028" spans="14:14">
      <c r="N120028" s="10"/>
    </row>
    <row r="120029" spans="14:14">
      <c r="N120029" s="10"/>
    </row>
    <row r="120030" spans="14:14">
      <c r="N120030" s="10"/>
    </row>
    <row r="120031" spans="14:14">
      <c r="N120031" s="10"/>
    </row>
    <row r="120032" spans="14:14">
      <c r="N120032" s="10"/>
    </row>
    <row r="120033" spans="14:14">
      <c r="N120033" s="10"/>
    </row>
    <row r="120034" spans="14:14">
      <c r="N120034" s="10"/>
    </row>
    <row r="120035" spans="14:14">
      <c r="N120035" s="10"/>
    </row>
    <row r="120036" spans="14:14">
      <c r="N120036" s="10"/>
    </row>
    <row r="120037" spans="14:14">
      <c r="N120037" s="10"/>
    </row>
    <row r="120038" spans="14:14">
      <c r="N120038" s="10"/>
    </row>
    <row r="120039" spans="14:14">
      <c r="N120039" s="10"/>
    </row>
    <row r="120040" spans="14:14">
      <c r="N120040" s="10"/>
    </row>
    <row r="120041" spans="14:14">
      <c r="N120041" s="10"/>
    </row>
    <row r="120042" spans="14:14">
      <c r="N120042" s="10"/>
    </row>
    <row r="120043" spans="14:14">
      <c r="N120043" s="10"/>
    </row>
    <row r="120044" spans="14:14">
      <c r="N120044" s="10"/>
    </row>
    <row r="120045" spans="14:14">
      <c r="N120045" s="10"/>
    </row>
    <row r="120046" spans="14:14">
      <c r="N120046" s="10"/>
    </row>
    <row r="120047" spans="14:14">
      <c r="N120047" s="10"/>
    </row>
    <row r="120048" spans="14:14">
      <c r="N120048" s="10"/>
    </row>
    <row r="120049" spans="14:14">
      <c r="N120049" s="10"/>
    </row>
    <row r="120050" spans="14:14">
      <c r="N120050" s="10"/>
    </row>
    <row r="120051" spans="14:14">
      <c r="N120051" s="10"/>
    </row>
    <row r="120052" spans="14:14">
      <c r="N120052" s="10"/>
    </row>
    <row r="120053" spans="14:14">
      <c r="N120053" s="10"/>
    </row>
    <row r="120054" spans="14:14">
      <c r="N120054" s="10"/>
    </row>
    <row r="120055" spans="14:14">
      <c r="N120055" s="10"/>
    </row>
    <row r="120056" spans="14:14">
      <c r="N120056" s="10"/>
    </row>
    <row r="120057" spans="14:14">
      <c r="N120057" s="10"/>
    </row>
    <row r="120058" spans="14:14">
      <c r="N120058" s="10"/>
    </row>
    <row r="120059" spans="14:14">
      <c r="N120059" s="10"/>
    </row>
    <row r="120060" spans="14:14">
      <c r="N120060" s="10"/>
    </row>
    <row r="120061" spans="14:14">
      <c r="N120061" s="10"/>
    </row>
    <row r="120062" spans="14:14">
      <c r="N120062" s="10"/>
    </row>
    <row r="120063" spans="14:14">
      <c r="N120063" s="10"/>
    </row>
    <row r="120064" spans="14:14">
      <c r="N120064" s="10"/>
    </row>
    <row r="120065" spans="14:14">
      <c r="N120065" s="10"/>
    </row>
    <row r="120066" spans="14:14">
      <c r="N120066" s="10"/>
    </row>
    <row r="120067" spans="14:14">
      <c r="N120067" s="10"/>
    </row>
    <row r="120068" spans="14:14">
      <c r="N120068" s="10"/>
    </row>
    <row r="120069" spans="14:14">
      <c r="N120069" s="10"/>
    </row>
    <row r="120070" spans="14:14">
      <c r="N120070" s="10"/>
    </row>
    <row r="120071" spans="14:14">
      <c r="N120071" s="10"/>
    </row>
    <row r="120072" spans="14:14">
      <c r="N120072" s="10"/>
    </row>
    <row r="120073" spans="14:14">
      <c r="N120073" s="10"/>
    </row>
    <row r="120074" spans="14:14">
      <c r="N120074" s="10"/>
    </row>
    <row r="120075" spans="14:14">
      <c r="N120075" s="10"/>
    </row>
    <row r="120076" spans="14:14">
      <c r="N120076" s="10"/>
    </row>
    <row r="120077" spans="14:14">
      <c r="N120077" s="10"/>
    </row>
    <row r="120078" spans="14:14">
      <c r="N120078" s="10"/>
    </row>
    <row r="120079" spans="14:14">
      <c r="N120079" s="10"/>
    </row>
    <row r="120080" spans="14:14">
      <c r="N120080" s="10"/>
    </row>
    <row r="120081" spans="14:14">
      <c r="N120081" s="10"/>
    </row>
    <row r="120082" spans="14:14">
      <c r="N120082" s="10"/>
    </row>
    <row r="120083" spans="14:14">
      <c r="N120083" s="10"/>
    </row>
    <row r="120084" spans="14:14">
      <c r="N120084" s="10"/>
    </row>
    <row r="120085" spans="14:14">
      <c r="N120085" s="10"/>
    </row>
    <row r="120086" spans="14:14">
      <c r="N120086" s="10"/>
    </row>
    <row r="120087" spans="14:14">
      <c r="N120087" s="10"/>
    </row>
    <row r="120088" spans="14:14">
      <c r="N120088" s="10"/>
    </row>
    <row r="120089" spans="14:14">
      <c r="N120089" s="10"/>
    </row>
    <row r="120090" spans="14:14">
      <c r="N120090" s="10"/>
    </row>
    <row r="120091" spans="14:14">
      <c r="N120091" s="10"/>
    </row>
    <row r="120092" spans="14:14">
      <c r="N120092" s="10"/>
    </row>
    <row r="120093" spans="14:14">
      <c r="N120093" s="10"/>
    </row>
    <row r="120094" spans="14:14">
      <c r="N120094" s="10"/>
    </row>
    <row r="120095" spans="14:14">
      <c r="N120095" s="10"/>
    </row>
    <row r="120096" spans="14:14">
      <c r="N120096" s="10"/>
    </row>
    <row r="120097" spans="14:14">
      <c r="N120097" s="10"/>
    </row>
    <row r="120098" spans="14:14">
      <c r="N120098" s="10"/>
    </row>
    <row r="120099" spans="14:14">
      <c r="N120099" s="10"/>
    </row>
    <row r="120100" spans="14:14">
      <c r="N120100" s="10"/>
    </row>
    <row r="120101" spans="14:14">
      <c r="N120101" s="10"/>
    </row>
    <row r="120102" spans="14:14">
      <c r="N120102" s="10"/>
    </row>
    <row r="120103" spans="14:14">
      <c r="N120103" s="10"/>
    </row>
    <row r="120104" spans="14:14">
      <c r="N120104" s="10"/>
    </row>
    <row r="120105" spans="14:14">
      <c r="N120105" s="10"/>
    </row>
    <row r="120106" spans="14:14">
      <c r="N120106" s="10"/>
    </row>
    <row r="120107" spans="14:14">
      <c r="N120107" s="10"/>
    </row>
    <row r="120108" spans="14:14">
      <c r="N120108" s="10"/>
    </row>
    <row r="120109" spans="14:14">
      <c r="N120109" s="10"/>
    </row>
    <row r="120110" spans="14:14">
      <c r="N120110" s="10"/>
    </row>
    <row r="120111" spans="14:14">
      <c r="N120111" s="10"/>
    </row>
    <row r="120112" spans="14:14">
      <c r="N120112" s="10"/>
    </row>
    <row r="120113" spans="14:14">
      <c r="N120113" s="10"/>
    </row>
    <row r="120114" spans="14:14">
      <c r="N120114" s="10"/>
    </row>
    <row r="120115" spans="14:14">
      <c r="N120115" s="10"/>
    </row>
    <row r="120116" spans="14:14">
      <c r="N120116" s="10"/>
    </row>
    <row r="120117" spans="14:14">
      <c r="N120117" s="10"/>
    </row>
    <row r="120118" spans="14:14">
      <c r="N120118" s="10"/>
    </row>
    <row r="120119" spans="14:14">
      <c r="N120119" s="10"/>
    </row>
    <row r="120120" spans="14:14">
      <c r="N120120" s="10"/>
    </row>
    <row r="120121" spans="14:14">
      <c r="N120121" s="10"/>
    </row>
    <row r="120122" spans="14:14">
      <c r="N120122" s="10"/>
    </row>
    <row r="120123" spans="14:14">
      <c r="N120123" s="10"/>
    </row>
    <row r="120124" spans="14:14">
      <c r="N120124" s="10"/>
    </row>
    <row r="120125" spans="14:14">
      <c r="N120125" s="10"/>
    </row>
    <row r="120126" spans="14:14">
      <c r="N120126" s="10"/>
    </row>
    <row r="120127" spans="14:14">
      <c r="N120127" s="10"/>
    </row>
    <row r="120128" spans="14:14">
      <c r="N120128" s="10"/>
    </row>
    <row r="120129" spans="14:14">
      <c r="N120129" s="10"/>
    </row>
    <row r="120130" spans="14:14">
      <c r="N120130" s="10"/>
    </row>
    <row r="120131" spans="14:14">
      <c r="N120131" s="10"/>
    </row>
    <row r="120132" spans="14:14">
      <c r="N120132" s="10"/>
    </row>
    <row r="120133" spans="14:14">
      <c r="N120133" s="10"/>
    </row>
    <row r="120134" spans="14:14">
      <c r="N120134" s="10"/>
    </row>
    <row r="120135" spans="14:14">
      <c r="N120135" s="10"/>
    </row>
    <row r="120136" spans="14:14">
      <c r="N120136" s="10"/>
    </row>
    <row r="120137" spans="14:14">
      <c r="N120137" s="10"/>
    </row>
    <row r="120138" spans="14:14">
      <c r="N120138" s="10"/>
    </row>
    <row r="120139" spans="14:14">
      <c r="N120139" s="10"/>
    </row>
    <row r="120140" spans="14:14">
      <c r="N120140" s="10"/>
    </row>
    <row r="120141" spans="14:14">
      <c r="N120141" s="10"/>
    </row>
    <row r="120142" spans="14:14">
      <c r="N120142" s="10"/>
    </row>
    <row r="120143" spans="14:14">
      <c r="N120143" s="10"/>
    </row>
    <row r="120144" spans="14:14">
      <c r="N120144" s="10"/>
    </row>
    <row r="120145" spans="14:14">
      <c r="N120145" s="10"/>
    </row>
    <row r="120146" spans="14:14">
      <c r="N120146" s="10"/>
    </row>
    <row r="120147" spans="14:14">
      <c r="N120147" s="10"/>
    </row>
    <row r="120148" spans="14:14">
      <c r="N120148" s="10"/>
    </row>
    <row r="120149" spans="14:14">
      <c r="N120149" s="10"/>
    </row>
    <row r="120150" spans="14:14">
      <c r="N120150" s="10"/>
    </row>
    <row r="120151" spans="14:14">
      <c r="N120151" s="10"/>
    </row>
    <row r="120152" spans="14:14">
      <c r="N120152" s="10"/>
    </row>
    <row r="120153" spans="14:14">
      <c r="N120153" s="10"/>
    </row>
    <row r="120154" spans="14:14">
      <c r="N120154" s="10"/>
    </row>
    <row r="120155" spans="14:14">
      <c r="N120155" s="10"/>
    </row>
    <row r="120156" spans="14:14">
      <c r="N120156" s="10"/>
    </row>
    <row r="120157" spans="14:14">
      <c r="N120157" s="10"/>
    </row>
    <row r="120158" spans="14:14">
      <c r="N120158" s="10"/>
    </row>
    <row r="120159" spans="14:14">
      <c r="N120159" s="10"/>
    </row>
    <row r="120160" spans="14:14">
      <c r="N120160" s="10"/>
    </row>
    <row r="120161" spans="14:14">
      <c r="N120161" s="10"/>
    </row>
    <row r="120162" spans="14:14">
      <c r="N120162" s="10"/>
    </row>
    <row r="120163" spans="14:14">
      <c r="N120163" s="10"/>
    </row>
    <row r="120164" spans="14:14">
      <c r="N120164" s="10"/>
    </row>
    <row r="120165" spans="14:14">
      <c r="N120165" s="10"/>
    </row>
    <row r="120166" spans="14:14">
      <c r="N120166" s="10"/>
    </row>
    <row r="120167" spans="14:14">
      <c r="N120167" s="10"/>
    </row>
    <row r="120168" spans="14:14">
      <c r="N120168" s="10"/>
    </row>
    <row r="120169" spans="14:14">
      <c r="N120169" s="10"/>
    </row>
    <row r="120170" spans="14:14">
      <c r="N120170" s="10"/>
    </row>
    <row r="120171" spans="14:14">
      <c r="N120171" s="10"/>
    </row>
    <row r="120172" spans="14:14">
      <c r="N120172" s="10"/>
    </row>
    <row r="120173" spans="14:14">
      <c r="N120173" s="10"/>
    </row>
    <row r="120174" spans="14:14">
      <c r="N120174" s="10"/>
    </row>
    <row r="120175" spans="14:14">
      <c r="N120175" s="10"/>
    </row>
    <row r="120176" spans="14:14">
      <c r="N120176" s="10"/>
    </row>
    <row r="120177" spans="14:14">
      <c r="N120177" s="10"/>
    </row>
    <row r="120178" spans="14:14">
      <c r="N120178" s="10"/>
    </row>
    <row r="120179" spans="14:14">
      <c r="N120179" s="10"/>
    </row>
    <row r="120180" spans="14:14">
      <c r="N120180" s="10"/>
    </row>
    <row r="120181" spans="14:14">
      <c r="N120181" s="10"/>
    </row>
    <row r="120182" spans="14:14">
      <c r="N120182" s="10"/>
    </row>
    <row r="120183" spans="14:14">
      <c r="N120183" s="10"/>
    </row>
    <row r="120184" spans="14:14">
      <c r="N120184" s="10"/>
    </row>
    <row r="120185" spans="14:14">
      <c r="N120185" s="10"/>
    </row>
    <row r="120186" spans="14:14">
      <c r="N120186" s="10"/>
    </row>
    <row r="120187" spans="14:14">
      <c r="N120187" s="10"/>
    </row>
    <row r="120188" spans="14:14">
      <c r="N120188" s="10"/>
    </row>
    <row r="120189" spans="14:14">
      <c r="N120189" s="10"/>
    </row>
    <row r="120190" spans="14:14">
      <c r="N120190" s="10"/>
    </row>
    <row r="120191" spans="14:14">
      <c r="N120191" s="10"/>
    </row>
    <row r="120192" spans="14:14">
      <c r="N120192" s="10"/>
    </row>
    <row r="120193" spans="14:14">
      <c r="N120193" s="10"/>
    </row>
    <row r="120194" spans="14:14">
      <c r="N120194" s="10"/>
    </row>
    <row r="120195" spans="14:14">
      <c r="N120195" s="10"/>
    </row>
    <row r="120196" spans="14:14">
      <c r="N120196" s="10"/>
    </row>
    <row r="120197" spans="14:14">
      <c r="N120197" s="10"/>
    </row>
    <row r="120198" spans="14:14">
      <c r="N120198" s="10"/>
    </row>
    <row r="120199" spans="14:14">
      <c r="N120199" s="10"/>
    </row>
    <row r="120200" spans="14:14">
      <c r="N120200" s="10"/>
    </row>
    <row r="120201" spans="14:14">
      <c r="N120201" s="10"/>
    </row>
    <row r="120202" spans="14:14">
      <c r="N120202" s="10"/>
    </row>
    <row r="120203" spans="14:14">
      <c r="N120203" s="10"/>
    </row>
    <row r="120204" spans="14:14">
      <c r="N120204" s="10"/>
    </row>
    <row r="120205" spans="14:14">
      <c r="N120205" s="10"/>
    </row>
    <row r="120206" spans="14:14">
      <c r="N120206" s="10"/>
    </row>
    <row r="120207" spans="14:14">
      <c r="N120207" s="10"/>
    </row>
    <row r="120208" spans="14:14">
      <c r="N120208" s="10"/>
    </row>
    <row r="120209" spans="14:14">
      <c r="N120209" s="10"/>
    </row>
    <row r="120210" spans="14:14">
      <c r="N120210" s="10"/>
    </row>
    <row r="120211" spans="14:14">
      <c r="N120211" s="10"/>
    </row>
    <row r="120212" spans="14:14">
      <c r="N120212" s="10"/>
    </row>
    <row r="120213" spans="14:14">
      <c r="N120213" s="10"/>
    </row>
    <row r="120214" spans="14:14">
      <c r="N120214" s="10"/>
    </row>
    <row r="120215" spans="14:14">
      <c r="N120215" s="10"/>
    </row>
    <row r="120216" spans="14:14">
      <c r="N120216" s="10"/>
    </row>
    <row r="120217" spans="14:14">
      <c r="N120217" s="10"/>
    </row>
    <row r="120218" spans="14:14">
      <c r="N120218" s="10"/>
    </row>
    <row r="120219" spans="14:14">
      <c r="N120219" s="10"/>
    </row>
    <row r="120220" spans="14:14">
      <c r="N120220" s="10"/>
    </row>
    <row r="120221" spans="14:14">
      <c r="N120221" s="10"/>
    </row>
    <row r="120222" spans="14:14">
      <c r="N120222" s="10"/>
    </row>
    <row r="120223" spans="14:14">
      <c r="N120223" s="10"/>
    </row>
    <row r="120224" spans="14:14">
      <c r="N120224" s="10"/>
    </row>
    <row r="120225" spans="14:14">
      <c r="N120225" s="10"/>
    </row>
    <row r="120226" spans="14:14">
      <c r="N120226" s="10"/>
    </row>
    <row r="120227" spans="14:14">
      <c r="N120227" s="10"/>
    </row>
    <row r="120228" spans="14:14">
      <c r="N120228" s="10"/>
    </row>
    <row r="120229" spans="14:14">
      <c r="N120229" s="10"/>
    </row>
    <row r="120230" spans="14:14">
      <c r="N120230" s="10"/>
    </row>
    <row r="120231" spans="14:14">
      <c r="N120231" s="10"/>
    </row>
    <row r="120232" spans="14:14">
      <c r="N120232" s="10"/>
    </row>
    <row r="120233" spans="14:14">
      <c r="N120233" s="10"/>
    </row>
    <row r="120234" spans="14:14">
      <c r="N120234" s="10"/>
    </row>
    <row r="120235" spans="14:14">
      <c r="N120235" s="10"/>
    </row>
    <row r="120236" spans="14:14">
      <c r="N120236" s="10"/>
    </row>
    <row r="120237" spans="14:14">
      <c r="N120237" s="10"/>
    </row>
    <row r="120238" spans="14:14">
      <c r="N120238" s="10"/>
    </row>
    <row r="120239" spans="14:14">
      <c r="N120239" s="10"/>
    </row>
    <row r="120240" spans="14:14">
      <c r="N120240" s="10"/>
    </row>
    <row r="120241" spans="14:14">
      <c r="N120241" s="10"/>
    </row>
    <row r="120242" spans="14:14">
      <c r="N120242" s="10"/>
    </row>
    <row r="120243" spans="14:14">
      <c r="N120243" s="10"/>
    </row>
    <row r="120244" spans="14:14">
      <c r="N120244" s="10"/>
    </row>
    <row r="120245" spans="14:14">
      <c r="N120245" s="10"/>
    </row>
    <row r="120246" spans="14:14">
      <c r="N120246" s="10"/>
    </row>
    <row r="120247" spans="14:14">
      <c r="N120247" s="10"/>
    </row>
    <row r="120248" spans="14:14">
      <c r="N120248" s="10"/>
    </row>
    <row r="120249" spans="14:14">
      <c r="N120249" s="10"/>
    </row>
    <row r="120250" spans="14:14">
      <c r="N120250" s="10"/>
    </row>
    <row r="120251" spans="14:14">
      <c r="N120251" s="10"/>
    </row>
    <row r="120252" spans="14:14">
      <c r="N120252" s="10"/>
    </row>
    <row r="120253" spans="14:14">
      <c r="N120253" s="10"/>
    </row>
    <row r="120254" spans="14:14">
      <c r="N120254" s="10"/>
    </row>
    <row r="120255" spans="14:14">
      <c r="N120255" s="10"/>
    </row>
    <row r="120256" spans="14:14">
      <c r="N120256" s="10"/>
    </row>
    <row r="120257" spans="14:14">
      <c r="N120257" s="10"/>
    </row>
    <row r="120258" spans="14:14">
      <c r="N120258" s="10"/>
    </row>
    <row r="120259" spans="14:14">
      <c r="N120259" s="10"/>
    </row>
    <row r="120260" spans="14:14">
      <c r="N120260" s="10"/>
    </row>
    <row r="120261" spans="14:14">
      <c r="N120261" s="10"/>
    </row>
    <row r="120262" spans="14:14">
      <c r="N120262" s="10"/>
    </row>
    <row r="120263" spans="14:14">
      <c r="N120263" s="10"/>
    </row>
    <row r="120264" spans="14:14">
      <c r="N120264" s="10"/>
    </row>
    <row r="120265" spans="14:14">
      <c r="N120265" s="10"/>
    </row>
    <row r="120266" spans="14:14">
      <c r="N120266" s="10"/>
    </row>
    <row r="120267" spans="14:14">
      <c r="N120267" s="10"/>
    </row>
    <row r="120268" spans="14:14">
      <c r="N120268" s="10"/>
    </row>
    <row r="120269" spans="14:14">
      <c r="N120269" s="10"/>
    </row>
    <row r="120270" spans="14:14">
      <c r="N120270" s="10"/>
    </row>
    <row r="120271" spans="14:14">
      <c r="N120271" s="10"/>
    </row>
    <row r="120272" spans="14:14">
      <c r="N120272" s="10"/>
    </row>
    <row r="120273" spans="14:14">
      <c r="N120273" s="10"/>
    </row>
    <row r="120274" spans="14:14">
      <c r="N120274" s="10"/>
    </row>
    <row r="120275" spans="14:14">
      <c r="N120275" s="10"/>
    </row>
    <row r="120276" spans="14:14">
      <c r="N120276" s="10"/>
    </row>
    <row r="120277" spans="14:14">
      <c r="N120277" s="10"/>
    </row>
    <row r="120278" spans="14:14">
      <c r="N120278" s="10"/>
    </row>
    <row r="120279" spans="14:14">
      <c r="N120279" s="10"/>
    </row>
    <row r="120280" spans="14:14">
      <c r="N120280" s="10"/>
    </row>
    <row r="120281" spans="14:14">
      <c r="N120281" s="10"/>
    </row>
    <row r="120282" spans="14:14">
      <c r="N120282" s="10"/>
    </row>
    <row r="120283" spans="14:14">
      <c r="N120283" s="10"/>
    </row>
    <row r="120284" spans="14:14">
      <c r="N120284" s="10"/>
    </row>
    <row r="120285" spans="14:14">
      <c r="N120285" s="10"/>
    </row>
    <row r="120286" spans="14:14">
      <c r="N120286" s="10"/>
    </row>
    <row r="120287" spans="14:14">
      <c r="N120287" s="10"/>
    </row>
    <row r="120288" spans="14:14">
      <c r="N120288" s="10"/>
    </row>
    <row r="120289" spans="14:14">
      <c r="N120289" s="10"/>
    </row>
    <row r="120290" spans="14:14">
      <c r="N120290" s="10"/>
    </row>
    <row r="120291" spans="14:14">
      <c r="N120291" s="10"/>
    </row>
    <row r="120292" spans="14:14">
      <c r="N120292" s="10"/>
    </row>
    <row r="120293" spans="14:14">
      <c r="N120293" s="10"/>
    </row>
    <row r="120294" spans="14:14">
      <c r="N120294" s="10"/>
    </row>
    <row r="120295" spans="14:14">
      <c r="N120295" s="10"/>
    </row>
    <row r="120296" spans="14:14">
      <c r="N120296" s="10"/>
    </row>
    <row r="120297" spans="14:14">
      <c r="N120297" s="10"/>
    </row>
    <row r="120298" spans="14:14">
      <c r="N120298" s="10"/>
    </row>
    <row r="120299" spans="14:14">
      <c r="N120299" s="10"/>
    </row>
    <row r="120300" spans="14:14">
      <c r="N120300" s="10"/>
    </row>
    <row r="120301" spans="14:14">
      <c r="N120301" s="10"/>
    </row>
    <row r="120302" spans="14:14">
      <c r="N120302" s="10"/>
    </row>
    <row r="120303" spans="14:14">
      <c r="N120303" s="10"/>
    </row>
    <row r="120304" spans="14:14">
      <c r="N120304" s="10"/>
    </row>
    <row r="120305" spans="14:14">
      <c r="N120305" s="10"/>
    </row>
    <row r="120306" spans="14:14">
      <c r="N120306" s="10"/>
    </row>
    <row r="120307" spans="14:14">
      <c r="N120307" s="10"/>
    </row>
    <row r="120308" spans="14:14">
      <c r="N120308" s="10"/>
    </row>
    <row r="120309" spans="14:14">
      <c r="N120309" s="10"/>
    </row>
    <row r="120310" spans="14:14">
      <c r="N120310" s="10"/>
    </row>
    <row r="120311" spans="14:14">
      <c r="N120311" s="10"/>
    </row>
    <row r="120312" spans="14:14">
      <c r="N120312" s="10"/>
    </row>
    <row r="120313" spans="14:14">
      <c r="N120313" s="10"/>
    </row>
    <row r="120314" spans="14:14">
      <c r="N120314" s="10"/>
    </row>
    <row r="120315" spans="14:14">
      <c r="N120315" s="10"/>
    </row>
    <row r="120316" spans="14:14">
      <c r="N120316" s="10"/>
    </row>
    <row r="120317" spans="14:14">
      <c r="N120317" s="10"/>
    </row>
    <row r="120318" spans="14:14">
      <c r="N120318" s="10"/>
    </row>
    <row r="120319" spans="14:14">
      <c r="N120319" s="10"/>
    </row>
    <row r="120320" spans="14:14">
      <c r="N120320" s="10"/>
    </row>
    <row r="120321" spans="14:14">
      <c r="N120321" s="10"/>
    </row>
    <row r="120322" spans="14:14">
      <c r="N120322" s="10"/>
    </row>
    <row r="120323" spans="14:14">
      <c r="N120323" s="10"/>
    </row>
    <row r="120324" spans="14:14">
      <c r="N120324" s="10"/>
    </row>
    <row r="120325" spans="14:14">
      <c r="N120325" s="10"/>
    </row>
    <row r="120326" spans="14:14">
      <c r="N120326" s="10"/>
    </row>
    <row r="120327" spans="14:14">
      <c r="N120327" s="10"/>
    </row>
    <row r="120328" spans="14:14">
      <c r="N120328" s="10"/>
    </row>
    <row r="120329" spans="14:14">
      <c r="N120329" s="10"/>
    </row>
    <row r="120330" spans="14:14">
      <c r="N120330" s="10"/>
    </row>
    <row r="120331" spans="14:14">
      <c r="N120331" s="10"/>
    </row>
    <row r="120332" spans="14:14">
      <c r="N120332" s="10"/>
    </row>
    <row r="120333" spans="14:14">
      <c r="N120333" s="10"/>
    </row>
    <row r="120334" spans="14:14">
      <c r="N120334" s="10"/>
    </row>
    <row r="120335" spans="14:14">
      <c r="N120335" s="10"/>
    </row>
    <row r="120336" spans="14:14">
      <c r="N120336" s="10"/>
    </row>
    <row r="120337" spans="14:14">
      <c r="N120337" s="10"/>
    </row>
    <row r="120338" spans="14:14">
      <c r="N120338" s="10"/>
    </row>
    <row r="120339" spans="14:14">
      <c r="N120339" s="10"/>
    </row>
    <row r="120340" spans="14:14">
      <c r="N120340" s="10"/>
    </row>
    <row r="120341" spans="14:14">
      <c r="N120341" s="10"/>
    </row>
    <row r="120342" spans="14:14">
      <c r="N120342" s="10"/>
    </row>
    <row r="120343" spans="14:14">
      <c r="N120343" s="10"/>
    </row>
    <row r="120344" spans="14:14">
      <c r="N120344" s="10"/>
    </row>
    <row r="120345" spans="14:14">
      <c r="N120345" s="10"/>
    </row>
    <row r="120346" spans="14:14">
      <c r="N120346" s="10"/>
    </row>
    <row r="120347" spans="14:14">
      <c r="N120347" s="10"/>
    </row>
    <row r="120348" spans="14:14">
      <c r="N120348" s="10"/>
    </row>
    <row r="120349" spans="14:14">
      <c r="N120349" s="10"/>
    </row>
    <row r="120350" spans="14:14">
      <c r="N120350" s="10"/>
    </row>
    <row r="120351" spans="14:14">
      <c r="N120351" s="10"/>
    </row>
    <row r="120352" spans="14:14">
      <c r="N120352" s="10"/>
    </row>
    <row r="120353" spans="14:14">
      <c r="N120353" s="10"/>
    </row>
    <row r="120354" spans="14:14">
      <c r="N120354" s="10"/>
    </row>
    <row r="120355" spans="14:14">
      <c r="N120355" s="10"/>
    </row>
    <row r="120356" spans="14:14">
      <c r="N120356" s="10"/>
    </row>
    <row r="120357" spans="14:14">
      <c r="N120357" s="10"/>
    </row>
    <row r="120358" spans="14:14">
      <c r="N120358" s="10"/>
    </row>
    <row r="120359" spans="14:14">
      <c r="N120359" s="10"/>
    </row>
    <row r="120360" spans="14:14">
      <c r="N120360" s="10"/>
    </row>
    <row r="120361" spans="14:14">
      <c r="N120361" s="10"/>
    </row>
    <row r="120362" spans="14:14">
      <c r="N120362" s="10"/>
    </row>
    <row r="120363" spans="14:14">
      <c r="N120363" s="10"/>
    </row>
    <row r="120364" spans="14:14">
      <c r="N120364" s="10"/>
    </row>
    <row r="120365" spans="14:14">
      <c r="N120365" s="10"/>
    </row>
    <row r="120366" spans="14:14">
      <c r="N120366" s="10"/>
    </row>
    <row r="120367" spans="14:14">
      <c r="N120367" s="10"/>
    </row>
    <row r="120368" spans="14:14">
      <c r="N120368" s="10"/>
    </row>
    <row r="120369" spans="14:14">
      <c r="N120369" s="10"/>
    </row>
    <row r="120370" spans="14:14">
      <c r="N120370" s="10"/>
    </row>
    <row r="120371" spans="14:14">
      <c r="N120371" s="10"/>
    </row>
    <row r="120372" spans="14:14">
      <c r="N120372" s="10"/>
    </row>
    <row r="120373" spans="14:14">
      <c r="N120373" s="10"/>
    </row>
    <row r="120374" spans="14:14">
      <c r="N120374" s="10"/>
    </row>
    <row r="120375" spans="14:14">
      <c r="N120375" s="10"/>
    </row>
    <row r="120376" spans="14:14">
      <c r="N120376" s="10"/>
    </row>
    <row r="120377" spans="14:14">
      <c r="N120377" s="10"/>
    </row>
    <row r="120378" spans="14:14">
      <c r="N120378" s="10"/>
    </row>
    <row r="120379" spans="14:14">
      <c r="N120379" s="10"/>
    </row>
    <row r="120380" spans="14:14">
      <c r="N120380" s="10"/>
    </row>
    <row r="120381" spans="14:14">
      <c r="N120381" s="10"/>
    </row>
    <row r="120382" spans="14:14">
      <c r="N120382" s="10"/>
    </row>
    <row r="120383" spans="14:14">
      <c r="N120383" s="10"/>
    </row>
    <row r="120384" spans="14:14">
      <c r="N120384" s="10"/>
    </row>
    <row r="120385" spans="14:14">
      <c r="N120385" s="10"/>
    </row>
    <row r="120386" spans="14:14">
      <c r="N120386" s="10"/>
    </row>
    <row r="120387" spans="14:14">
      <c r="N120387" s="10"/>
    </row>
    <row r="120388" spans="14:14">
      <c r="N120388" s="10"/>
    </row>
    <row r="120389" spans="14:14">
      <c r="N120389" s="10"/>
    </row>
    <row r="120390" spans="14:14">
      <c r="N120390" s="10"/>
    </row>
    <row r="120391" spans="14:14">
      <c r="N120391" s="10"/>
    </row>
    <row r="120392" spans="14:14">
      <c r="N120392" s="10"/>
    </row>
    <row r="120393" spans="14:14">
      <c r="N120393" s="10"/>
    </row>
    <row r="120394" spans="14:14">
      <c r="N120394" s="10"/>
    </row>
    <row r="120395" spans="14:14">
      <c r="N120395" s="10"/>
    </row>
    <row r="120396" spans="14:14">
      <c r="N120396" s="10"/>
    </row>
    <row r="120397" spans="14:14">
      <c r="N120397" s="10"/>
    </row>
    <row r="120398" spans="14:14">
      <c r="N120398" s="10"/>
    </row>
    <row r="120399" spans="14:14">
      <c r="N120399" s="10"/>
    </row>
    <row r="120400" spans="14:14">
      <c r="N120400" s="10"/>
    </row>
    <row r="120401" spans="14:14">
      <c r="N120401" s="10"/>
    </row>
    <row r="120402" spans="14:14">
      <c r="N120402" s="10"/>
    </row>
    <row r="120403" spans="14:14">
      <c r="N120403" s="10"/>
    </row>
    <row r="120404" spans="14:14">
      <c r="N120404" s="10"/>
    </row>
    <row r="120405" spans="14:14">
      <c r="N120405" s="10"/>
    </row>
    <row r="120406" spans="14:14">
      <c r="N120406" s="10"/>
    </row>
    <row r="120407" spans="14:14">
      <c r="N120407" s="10"/>
    </row>
    <row r="120408" spans="14:14">
      <c r="N120408" s="10"/>
    </row>
    <row r="120409" spans="14:14">
      <c r="N120409" s="10"/>
    </row>
    <row r="120410" spans="14:14">
      <c r="N120410" s="10"/>
    </row>
    <row r="120411" spans="14:14">
      <c r="N120411" s="10"/>
    </row>
    <row r="120412" spans="14:14">
      <c r="N120412" s="10"/>
    </row>
    <row r="120413" spans="14:14">
      <c r="N120413" s="10"/>
    </row>
    <row r="120414" spans="14:14">
      <c r="N120414" s="10"/>
    </row>
    <row r="120415" spans="14:14">
      <c r="N120415" s="10"/>
    </row>
    <row r="120416" spans="14:14">
      <c r="N120416" s="10"/>
    </row>
    <row r="120417" spans="14:14">
      <c r="N120417" s="10"/>
    </row>
    <row r="120418" spans="14:14">
      <c r="N120418" s="10"/>
    </row>
    <row r="120419" spans="14:14">
      <c r="N120419" s="10"/>
    </row>
    <row r="120420" spans="14:14">
      <c r="N120420" s="10"/>
    </row>
    <row r="120421" spans="14:14">
      <c r="N120421" s="10"/>
    </row>
    <row r="120422" spans="14:14">
      <c r="N120422" s="10"/>
    </row>
    <row r="120423" spans="14:14">
      <c r="N120423" s="10"/>
    </row>
    <row r="120424" spans="14:14">
      <c r="N120424" s="10"/>
    </row>
    <row r="120425" spans="14:14">
      <c r="N120425" s="10"/>
    </row>
    <row r="120426" spans="14:14">
      <c r="N120426" s="10"/>
    </row>
    <row r="120427" spans="14:14">
      <c r="N120427" s="10"/>
    </row>
    <row r="120428" spans="14:14">
      <c r="N120428" s="10"/>
    </row>
    <row r="120429" spans="14:14">
      <c r="N120429" s="10"/>
    </row>
    <row r="120430" spans="14:14">
      <c r="N120430" s="10"/>
    </row>
    <row r="120431" spans="14:14">
      <c r="N120431" s="10"/>
    </row>
    <row r="120432" spans="14:14">
      <c r="N120432" s="10"/>
    </row>
    <row r="120433" spans="14:14">
      <c r="N120433" s="10"/>
    </row>
    <row r="120434" spans="14:14">
      <c r="N120434" s="10"/>
    </row>
    <row r="120435" spans="14:14">
      <c r="N120435" s="10"/>
    </row>
    <row r="120436" spans="14:14">
      <c r="N120436" s="10"/>
    </row>
    <row r="120437" spans="14:14">
      <c r="N120437" s="10"/>
    </row>
    <row r="120438" spans="14:14">
      <c r="N120438" s="10"/>
    </row>
    <row r="120439" spans="14:14">
      <c r="N120439" s="10"/>
    </row>
    <row r="120440" spans="14:14">
      <c r="N120440" s="10"/>
    </row>
    <row r="120441" spans="14:14">
      <c r="N120441" s="10"/>
    </row>
    <row r="120442" spans="14:14">
      <c r="N120442" s="10"/>
    </row>
    <row r="120443" spans="14:14">
      <c r="N120443" s="10"/>
    </row>
    <row r="120444" spans="14:14">
      <c r="N120444" s="10"/>
    </row>
    <row r="120445" spans="14:14">
      <c r="N120445" s="10"/>
    </row>
    <row r="120446" spans="14:14">
      <c r="N120446" s="10"/>
    </row>
    <row r="120447" spans="14:14">
      <c r="N120447" s="10"/>
    </row>
    <row r="120448" spans="14:14">
      <c r="N120448" s="10"/>
    </row>
    <row r="120449" spans="14:14">
      <c r="N120449" s="10"/>
    </row>
    <row r="120450" spans="14:14">
      <c r="N120450" s="10"/>
    </row>
    <row r="120451" spans="14:14">
      <c r="N120451" s="10"/>
    </row>
    <row r="120452" spans="14:14">
      <c r="N120452" s="10"/>
    </row>
    <row r="120453" spans="14:14">
      <c r="N120453" s="10"/>
    </row>
    <row r="120454" spans="14:14">
      <c r="N120454" s="10"/>
    </row>
    <row r="120455" spans="14:14">
      <c r="N120455" s="10"/>
    </row>
    <row r="120456" spans="14:14">
      <c r="N120456" s="10"/>
    </row>
    <row r="120457" spans="14:14">
      <c r="N120457" s="10"/>
    </row>
    <row r="120458" spans="14:14">
      <c r="N120458" s="10"/>
    </row>
    <row r="120459" spans="14:14">
      <c r="N120459" s="10"/>
    </row>
    <row r="120460" spans="14:14">
      <c r="N120460" s="10"/>
    </row>
    <row r="120461" spans="14:14">
      <c r="N120461" s="10"/>
    </row>
    <row r="120462" spans="14:14">
      <c r="N120462" s="10"/>
    </row>
    <row r="120463" spans="14:14">
      <c r="N120463" s="10"/>
    </row>
    <row r="120464" spans="14:14">
      <c r="N120464" s="10"/>
    </row>
    <row r="120465" spans="14:14">
      <c r="N120465" s="10"/>
    </row>
    <row r="120466" spans="14:14">
      <c r="N120466" s="10"/>
    </row>
    <row r="120467" spans="14:14">
      <c r="N120467" s="10"/>
    </row>
    <row r="120468" spans="14:14">
      <c r="N120468" s="10"/>
    </row>
    <row r="120469" spans="14:14">
      <c r="N120469" s="10"/>
    </row>
    <row r="120470" spans="14:14">
      <c r="N120470" s="10"/>
    </row>
    <row r="120471" spans="14:14">
      <c r="N120471" s="10"/>
    </row>
    <row r="120472" spans="14:14">
      <c r="N120472" s="10"/>
    </row>
    <row r="120473" spans="14:14">
      <c r="N120473" s="10"/>
    </row>
    <row r="120474" spans="14:14">
      <c r="N120474" s="10"/>
    </row>
    <row r="120475" spans="14:14">
      <c r="N120475" s="10"/>
    </row>
    <row r="120476" spans="14:14">
      <c r="N120476" s="10"/>
    </row>
    <row r="120477" spans="14:14">
      <c r="N120477" s="10"/>
    </row>
    <row r="120478" spans="14:14">
      <c r="N120478" s="10"/>
    </row>
    <row r="120479" spans="14:14">
      <c r="N120479" s="10"/>
    </row>
    <row r="120480" spans="14:14">
      <c r="N120480" s="10"/>
    </row>
    <row r="120481" spans="14:14">
      <c r="N120481" s="10"/>
    </row>
    <row r="120482" spans="14:14">
      <c r="N120482" s="10"/>
    </row>
    <row r="120483" spans="14:14">
      <c r="N120483" s="10"/>
    </row>
    <row r="120484" spans="14:14">
      <c r="N120484" s="10"/>
    </row>
    <row r="120485" spans="14:14">
      <c r="N120485" s="10"/>
    </row>
    <row r="120486" spans="14:14">
      <c r="N120486" s="10"/>
    </row>
    <row r="120487" spans="14:14">
      <c r="N120487" s="10"/>
    </row>
    <row r="120488" spans="14:14">
      <c r="N120488" s="10"/>
    </row>
    <row r="120489" spans="14:14">
      <c r="N120489" s="10"/>
    </row>
    <row r="120490" spans="14:14">
      <c r="N120490" s="10"/>
    </row>
    <row r="120491" spans="14:14">
      <c r="N120491" s="10"/>
    </row>
    <row r="120492" spans="14:14">
      <c r="N120492" s="10"/>
    </row>
    <row r="120493" spans="14:14">
      <c r="N120493" s="10"/>
    </row>
    <row r="120494" spans="14:14">
      <c r="N120494" s="10"/>
    </row>
    <row r="120495" spans="14:14">
      <c r="N120495" s="10"/>
    </row>
    <row r="120496" spans="14:14">
      <c r="N120496" s="10"/>
    </row>
    <row r="120497" spans="14:14">
      <c r="N120497" s="10"/>
    </row>
    <row r="120498" spans="14:14">
      <c r="N120498" s="10"/>
    </row>
    <row r="120499" spans="14:14">
      <c r="N120499" s="10"/>
    </row>
    <row r="120500" spans="14:14">
      <c r="N120500" s="10"/>
    </row>
    <row r="120501" spans="14:14">
      <c r="N120501" s="10"/>
    </row>
    <row r="120502" spans="14:14">
      <c r="N120502" s="10"/>
    </row>
    <row r="120503" spans="14:14">
      <c r="N120503" s="10"/>
    </row>
    <row r="120504" spans="14:14">
      <c r="N120504" s="10"/>
    </row>
    <row r="120505" spans="14:14">
      <c r="N120505" s="10"/>
    </row>
    <row r="120506" spans="14:14">
      <c r="N120506" s="10"/>
    </row>
    <row r="120507" spans="14:14">
      <c r="N120507" s="10"/>
    </row>
    <row r="120508" spans="14:14">
      <c r="N120508" s="10"/>
    </row>
    <row r="120509" spans="14:14">
      <c r="N120509" s="10"/>
    </row>
    <row r="120510" spans="14:14">
      <c r="N120510" s="10"/>
    </row>
    <row r="120511" spans="14:14">
      <c r="N120511" s="10"/>
    </row>
    <row r="120512" spans="14:14">
      <c r="N120512" s="10"/>
    </row>
    <row r="120513" spans="14:14">
      <c r="N120513" s="10"/>
    </row>
    <row r="120514" spans="14:14">
      <c r="N120514" s="10"/>
    </row>
    <row r="120515" spans="14:14">
      <c r="N120515" s="10"/>
    </row>
    <row r="120516" spans="14:14">
      <c r="N120516" s="10"/>
    </row>
    <row r="120517" spans="14:14">
      <c r="N120517" s="10"/>
    </row>
    <row r="120518" spans="14:14">
      <c r="N120518" s="10"/>
    </row>
    <row r="120519" spans="14:14">
      <c r="N120519" s="10"/>
    </row>
    <row r="120520" spans="14:14">
      <c r="N120520" s="10"/>
    </row>
    <row r="120521" spans="14:14">
      <c r="N120521" s="10"/>
    </row>
    <row r="120522" spans="14:14">
      <c r="N120522" s="10"/>
    </row>
    <row r="120523" spans="14:14">
      <c r="N120523" s="10"/>
    </row>
    <row r="120524" spans="14:14">
      <c r="N120524" s="10"/>
    </row>
    <row r="120525" spans="14:14">
      <c r="N120525" s="10"/>
    </row>
    <row r="120526" spans="14:14">
      <c r="N120526" s="10"/>
    </row>
    <row r="120527" spans="14:14">
      <c r="N120527" s="10"/>
    </row>
    <row r="120528" spans="14:14">
      <c r="N120528" s="10"/>
    </row>
    <row r="120529" spans="14:14">
      <c r="N120529" s="10"/>
    </row>
    <row r="120530" spans="14:14">
      <c r="N120530" s="10"/>
    </row>
    <row r="120531" spans="14:14">
      <c r="N120531" s="10"/>
    </row>
    <row r="120532" spans="14:14">
      <c r="N120532" s="10"/>
    </row>
    <row r="120533" spans="14:14">
      <c r="N120533" s="10"/>
    </row>
    <row r="120534" spans="14:14">
      <c r="N120534" s="10"/>
    </row>
    <row r="120535" spans="14:14">
      <c r="N120535" s="10"/>
    </row>
    <row r="120536" spans="14:14">
      <c r="N120536" s="10"/>
    </row>
    <row r="120537" spans="14:14">
      <c r="N120537" s="10"/>
    </row>
    <row r="120538" spans="14:14">
      <c r="N120538" s="10"/>
    </row>
    <row r="120539" spans="14:14">
      <c r="N120539" s="10"/>
    </row>
    <row r="120540" spans="14:14">
      <c r="N120540" s="10"/>
    </row>
    <row r="120541" spans="14:14">
      <c r="N120541" s="10"/>
    </row>
    <row r="120542" spans="14:14">
      <c r="N120542" s="10"/>
    </row>
    <row r="120543" spans="14:14">
      <c r="N120543" s="10"/>
    </row>
    <row r="120544" spans="14:14">
      <c r="N120544" s="10"/>
    </row>
    <row r="120545" spans="14:14">
      <c r="N120545" s="10"/>
    </row>
    <row r="120546" spans="14:14">
      <c r="N120546" s="10"/>
    </row>
    <row r="120547" spans="14:14">
      <c r="N120547" s="10"/>
    </row>
    <row r="120548" spans="14:14">
      <c r="N120548" s="10"/>
    </row>
    <row r="120549" spans="14:14">
      <c r="N120549" s="10"/>
    </row>
    <row r="120550" spans="14:14">
      <c r="N120550" s="10"/>
    </row>
    <row r="120551" spans="14:14">
      <c r="N120551" s="10"/>
    </row>
    <row r="120552" spans="14:14">
      <c r="N120552" s="10"/>
    </row>
    <row r="120553" spans="14:14">
      <c r="N120553" s="10"/>
    </row>
    <row r="120554" spans="14:14">
      <c r="N120554" s="10"/>
    </row>
    <row r="120555" spans="14:14">
      <c r="N120555" s="10"/>
    </row>
    <row r="120556" spans="14:14">
      <c r="N120556" s="10"/>
    </row>
    <row r="120557" spans="14:14">
      <c r="N120557" s="10"/>
    </row>
    <row r="120558" spans="14:14">
      <c r="N120558" s="10"/>
    </row>
    <row r="120559" spans="14:14">
      <c r="N120559" s="10"/>
    </row>
    <row r="120560" spans="14:14">
      <c r="N120560" s="10"/>
    </row>
    <row r="120561" spans="14:14">
      <c r="N120561" s="10"/>
    </row>
    <row r="120562" spans="14:14">
      <c r="N120562" s="10"/>
    </row>
    <row r="120563" spans="14:14">
      <c r="N120563" s="10"/>
    </row>
    <row r="120564" spans="14:14">
      <c r="N120564" s="10"/>
    </row>
    <row r="120565" spans="14:14">
      <c r="N120565" s="10"/>
    </row>
    <row r="120566" spans="14:14">
      <c r="N120566" s="10"/>
    </row>
    <row r="120567" spans="14:14">
      <c r="N120567" s="10"/>
    </row>
    <row r="120568" spans="14:14">
      <c r="N120568" s="10"/>
    </row>
    <row r="120569" spans="14:14">
      <c r="N120569" s="10"/>
    </row>
    <row r="120570" spans="14:14">
      <c r="N120570" s="10"/>
    </row>
    <row r="120571" spans="14:14">
      <c r="N120571" s="10"/>
    </row>
    <row r="120572" spans="14:14">
      <c r="N120572" s="10"/>
    </row>
    <row r="120573" spans="14:14">
      <c r="N120573" s="10"/>
    </row>
    <row r="120574" spans="14:14">
      <c r="N120574" s="10"/>
    </row>
    <row r="120575" spans="14:14">
      <c r="N120575" s="10"/>
    </row>
    <row r="120576" spans="14:14">
      <c r="N120576" s="10"/>
    </row>
    <row r="120577" spans="14:14">
      <c r="N120577" s="10"/>
    </row>
    <row r="120578" spans="14:14">
      <c r="N120578" s="10"/>
    </row>
    <row r="120579" spans="14:14">
      <c r="N120579" s="10"/>
    </row>
    <row r="120580" spans="14:14">
      <c r="N120580" s="10"/>
    </row>
    <row r="120581" spans="14:14">
      <c r="N120581" s="10"/>
    </row>
    <row r="120582" spans="14:14">
      <c r="N120582" s="10"/>
    </row>
    <row r="120583" spans="14:14">
      <c r="N120583" s="10"/>
    </row>
    <row r="120584" spans="14:14">
      <c r="N120584" s="10"/>
    </row>
    <row r="120585" spans="14:14">
      <c r="N120585" s="10"/>
    </row>
    <row r="120586" spans="14:14">
      <c r="N120586" s="10"/>
    </row>
    <row r="120587" spans="14:14">
      <c r="N120587" s="10"/>
    </row>
    <row r="120588" spans="14:14">
      <c r="N120588" s="10"/>
    </row>
    <row r="120589" spans="14:14">
      <c r="N120589" s="10"/>
    </row>
    <row r="120590" spans="14:14">
      <c r="N120590" s="10"/>
    </row>
    <row r="120591" spans="14:14">
      <c r="N120591" s="10"/>
    </row>
    <row r="120592" spans="14:14">
      <c r="N120592" s="10"/>
    </row>
    <row r="120593" spans="14:14">
      <c r="N120593" s="10"/>
    </row>
    <row r="120594" spans="14:14">
      <c r="N120594" s="10"/>
    </row>
    <row r="120595" spans="14:14">
      <c r="N120595" s="10"/>
    </row>
    <row r="120596" spans="14:14">
      <c r="N120596" s="10"/>
    </row>
    <row r="120597" spans="14:14">
      <c r="N120597" s="10"/>
    </row>
    <row r="120598" spans="14:14">
      <c r="N120598" s="10"/>
    </row>
    <row r="120599" spans="14:14">
      <c r="N120599" s="10"/>
    </row>
    <row r="120600" spans="14:14">
      <c r="N120600" s="10"/>
    </row>
    <row r="120601" spans="14:14">
      <c r="N120601" s="10"/>
    </row>
    <row r="120602" spans="14:14">
      <c r="N120602" s="10"/>
    </row>
    <row r="120603" spans="14:14">
      <c r="N120603" s="10"/>
    </row>
    <row r="120604" spans="14:14">
      <c r="N120604" s="10"/>
    </row>
    <row r="120605" spans="14:14">
      <c r="N120605" s="10"/>
    </row>
    <row r="120606" spans="14:14">
      <c r="N120606" s="10"/>
    </row>
    <row r="120607" spans="14:14">
      <c r="N120607" s="10"/>
    </row>
    <row r="120608" spans="14:14">
      <c r="N120608" s="10"/>
    </row>
    <row r="120609" spans="14:14">
      <c r="N120609" s="10"/>
    </row>
    <row r="120610" spans="14:14">
      <c r="N120610" s="10"/>
    </row>
    <row r="120611" spans="14:14">
      <c r="N120611" s="10"/>
    </row>
    <row r="120612" spans="14:14">
      <c r="N120612" s="10"/>
    </row>
    <row r="120613" spans="14:14">
      <c r="N120613" s="10"/>
    </row>
    <row r="120614" spans="14:14">
      <c r="N120614" s="10"/>
    </row>
    <row r="120615" spans="14:14">
      <c r="N120615" s="10"/>
    </row>
    <row r="120616" spans="14:14">
      <c r="N120616" s="10"/>
    </row>
    <row r="120617" spans="14:14">
      <c r="N120617" s="10"/>
    </row>
    <row r="120618" spans="14:14">
      <c r="N120618" s="10"/>
    </row>
    <row r="120619" spans="14:14">
      <c r="N120619" s="10"/>
    </row>
    <row r="120620" spans="14:14">
      <c r="N120620" s="10"/>
    </row>
    <row r="120621" spans="14:14">
      <c r="N120621" s="10"/>
    </row>
    <row r="120622" spans="14:14">
      <c r="N120622" s="10"/>
    </row>
    <row r="120623" spans="14:14">
      <c r="N120623" s="10"/>
    </row>
    <row r="120624" spans="14:14">
      <c r="N120624" s="10"/>
    </row>
    <row r="120625" spans="14:14">
      <c r="N120625" s="10"/>
    </row>
    <row r="120626" spans="14:14">
      <c r="N120626" s="10"/>
    </row>
    <row r="120627" spans="14:14">
      <c r="N120627" s="10"/>
    </row>
    <row r="120628" spans="14:14">
      <c r="N120628" s="10"/>
    </row>
    <row r="120629" spans="14:14">
      <c r="N120629" s="10"/>
    </row>
    <row r="120630" spans="14:14">
      <c r="N120630" s="10"/>
    </row>
    <row r="120631" spans="14:14">
      <c r="N120631" s="10"/>
    </row>
    <row r="120632" spans="14:14">
      <c r="N120632" s="10"/>
    </row>
    <row r="120633" spans="14:14">
      <c r="N120633" s="10"/>
    </row>
    <row r="120634" spans="14:14">
      <c r="N120634" s="10"/>
    </row>
    <row r="120635" spans="14:14">
      <c r="N120635" s="10"/>
    </row>
    <row r="120636" spans="14:14">
      <c r="N120636" s="10"/>
    </row>
    <row r="120637" spans="14:14">
      <c r="N120637" s="10"/>
    </row>
    <row r="120638" spans="14:14">
      <c r="N120638" s="10"/>
    </row>
    <row r="120639" spans="14:14">
      <c r="N120639" s="10"/>
    </row>
    <row r="120640" spans="14:14">
      <c r="N120640" s="10"/>
    </row>
    <row r="120641" spans="14:14">
      <c r="N120641" s="10"/>
    </row>
    <row r="120642" spans="14:14">
      <c r="N120642" s="10"/>
    </row>
    <row r="120643" spans="14:14">
      <c r="N120643" s="10"/>
    </row>
    <row r="120644" spans="14:14">
      <c r="N120644" s="10"/>
    </row>
    <row r="120645" spans="14:14">
      <c r="N120645" s="10"/>
    </row>
    <row r="120646" spans="14:14">
      <c r="N120646" s="10"/>
    </row>
    <row r="120647" spans="14:14">
      <c r="N120647" s="10"/>
    </row>
    <row r="120648" spans="14:14">
      <c r="N120648" s="10"/>
    </row>
    <row r="120649" spans="14:14">
      <c r="N120649" s="10"/>
    </row>
    <row r="120650" spans="14:14">
      <c r="N120650" s="10"/>
    </row>
    <row r="120651" spans="14:14">
      <c r="N120651" s="10"/>
    </row>
    <row r="120652" spans="14:14">
      <c r="N120652" s="10"/>
    </row>
    <row r="120653" spans="14:14">
      <c r="N120653" s="10"/>
    </row>
    <row r="120654" spans="14:14">
      <c r="N120654" s="10"/>
    </row>
    <row r="120655" spans="14:14">
      <c r="N120655" s="10"/>
    </row>
    <row r="120656" spans="14:14">
      <c r="N120656" s="10"/>
    </row>
    <row r="120657" spans="14:14">
      <c r="N120657" s="10"/>
    </row>
    <row r="120658" spans="14:14">
      <c r="N120658" s="10"/>
    </row>
    <row r="120659" spans="14:14">
      <c r="N120659" s="10"/>
    </row>
    <row r="120660" spans="14:14">
      <c r="N120660" s="10"/>
    </row>
    <row r="120661" spans="14:14">
      <c r="N120661" s="10"/>
    </row>
    <row r="120662" spans="14:14">
      <c r="N120662" s="10"/>
    </row>
    <row r="120663" spans="14:14">
      <c r="N120663" s="10"/>
    </row>
    <row r="120664" spans="14:14">
      <c r="N120664" s="10"/>
    </row>
    <row r="120665" spans="14:14">
      <c r="N120665" s="10"/>
    </row>
    <row r="120666" spans="14:14">
      <c r="N120666" s="10"/>
    </row>
    <row r="120667" spans="14:14">
      <c r="N120667" s="10"/>
    </row>
    <row r="120668" spans="14:14">
      <c r="N120668" s="10"/>
    </row>
    <row r="120669" spans="14:14">
      <c r="N120669" s="10"/>
    </row>
    <row r="120670" spans="14:14">
      <c r="N120670" s="10"/>
    </row>
    <row r="120671" spans="14:14">
      <c r="N120671" s="10"/>
    </row>
    <row r="120672" spans="14:14">
      <c r="N120672" s="10"/>
    </row>
    <row r="120673" spans="14:14">
      <c r="N120673" s="10"/>
    </row>
    <row r="120674" spans="14:14">
      <c r="N120674" s="10"/>
    </row>
    <row r="120675" spans="14:14">
      <c r="N120675" s="10"/>
    </row>
    <row r="120676" spans="14:14">
      <c r="N120676" s="10"/>
    </row>
    <row r="120677" spans="14:14">
      <c r="N120677" s="10"/>
    </row>
    <row r="120678" spans="14:14">
      <c r="N120678" s="10"/>
    </row>
    <row r="120679" spans="14:14">
      <c r="N120679" s="10"/>
    </row>
    <row r="120680" spans="14:14">
      <c r="N120680" s="10"/>
    </row>
    <row r="120681" spans="14:14">
      <c r="N120681" s="10"/>
    </row>
    <row r="120682" spans="14:14">
      <c r="N120682" s="10"/>
    </row>
    <row r="120683" spans="14:14">
      <c r="N120683" s="10"/>
    </row>
    <row r="120684" spans="14:14">
      <c r="N120684" s="10"/>
    </row>
    <row r="120685" spans="14:14">
      <c r="N120685" s="10"/>
    </row>
    <row r="120686" spans="14:14">
      <c r="N120686" s="10"/>
    </row>
    <row r="120687" spans="14:14">
      <c r="N120687" s="10"/>
    </row>
    <row r="120688" spans="14:14">
      <c r="N120688" s="10"/>
    </row>
    <row r="120689" spans="14:14">
      <c r="N120689" s="10"/>
    </row>
    <row r="120690" spans="14:14">
      <c r="N120690" s="10"/>
    </row>
    <row r="120691" spans="14:14">
      <c r="N120691" s="10"/>
    </row>
    <row r="120692" spans="14:14">
      <c r="N120692" s="10"/>
    </row>
    <row r="120693" spans="14:14">
      <c r="N120693" s="10"/>
    </row>
    <row r="120694" spans="14:14">
      <c r="N120694" s="10"/>
    </row>
    <row r="120695" spans="14:14">
      <c r="N120695" s="10"/>
    </row>
    <row r="120696" spans="14:14">
      <c r="N120696" s="10"/>
    </row>
    <row r="120697" spans="14:14">
      <c r="N120697" s="10"/>
    </row>
    <row r="120698" spans="14:14">
      <c r="N120698" s="10"/>
    </row>
    <row r="120699" spans="14:14">
      <c r="N120699" s="10"/>
    </row>
    <row r="120700" spans="14:14">
      <c r="N120700" s="10"/>
    </row>
    <row r="120701" spans="14:14">
      <c r="N120701" s="10"/>
    </row>
    <row r="120702" spans="14:14">
      <c r="N120702" s="10"/>
    </row>
    <row r="120703" spans="14:14">
      <c r="N120703" s="10"/>
    </row>
    <row r="120704" spans="14:14">
      <c r="N120704" s="10"/>
    </row>
    <row r="120705" spans="14:14">
      <c r="N120705" s="10"/>
    </row>
    <row r="120706" spans="14:14">
      <c r="N120706" s="10"/>
    </row>
    <row r="120707" spans="14:14">
      <c r="N120707" s="10"/>
    </row>
    <row r="120708" spans="14:14">
      <c r="N120708" s="10"/>
    </row>
    <row r="120709" spans="14:14">
      <c r="N120709" s="10"/>
    </row>
    <row r="120710" spans="14:14">
      <c r="N120710" s="10"/>
    </row>
    <row r="120711" spans="14:14">
      <c r="N120711" s="10"/>
    </row>
    <row r="120712" spans="14:14">
      <c r="N120712" s="10"/>
    </row>
    <row r="120713" spans="14:14">
      <c r="N120713" s="10"/>
    </row>
    <row r="120714" spans="14:14">
      <c r="N120714" s="10"/>
    </row>
    <row r="120715" spans="14:14">
      <c r="N120715" s="10"/>
    </row>
    <row r="120716" spans="14:14">
      <c r="N120716" s="10"/>
    </row>
    <row r="120717" spans="14:14">
      <c r="N120717" s="10"/>
    </row>
    <row r="120718" spans="14:14">
      <c r="N120718" s="10"/>
    </row>
    <row r="120719" spans="14:14">
      <c r="N120719" s="10"/>
    </row>
    <row r="120720" spans="14:14">
      <c r="N120720" s="10"/>
    </row>
    <row r="120721" spans="14:14">
      <c r="N120721" s="10"/>
    </row>
    <row r="120722" spans="14:14">
      <c r="N120722" s="10"/>
    </row>
    <row r="120723" spans="14:14">
      <c r="N120723" s="10"/>
    </row>
    <row r="120724" spans="14:14">
      <c r="N120724" s="10"/>
    </row>
    <row r="120725" spans="14:14">
      <c r="N120725" s="10"/>
    </row>
    <row r="120726" spans="14:14">
      <c r="N120726" s="10"/>
    </row>
    <row r="120727" spans="14:14">
      <c r="N120727" s="10"/>
    </row>
    <row r="120728" spans="14:14">
      <c r="N120728" s="10"/>
    </row>
    <row r="120729" spans="14:14">
      <c r="N120729" s="10"/>
    </row>
    <row r="120730" spans="14:14">
      <c r="N120730" s="10"/>
    </row>
    <row r="120731" spans="14:14">
      <c r="N120731" s="10"/>
    </row>
    <row r="120732" spans="14:14">
      <c r="N120732" s="10"/>
    </row>
    <row r="120733" spans="14:14">
      <c r="N120733" s="10"/>
    </row>
    <row r="120734" spans="14:14">
      <c r="N120734" s="10"/>
    </row>
    <row r="120735" spans="14:14">
      <c r="N120735" s="10"/>
    </row>
    <row r="120736" spans="14:14">
      <c r="N120736" s="10"/>
    </row>
    <row r="120737" spans="14:14">
      <c r="N120737" s="10"/>
    </row>
    <row r="120738" spans="14:14">
      <c r="N120738" s="10"/>
    </row>
    <row r="120739" spans="14:14">
      <c r="N120739" s="10"/>
    </row>
    <row r="120740" spans="14:14">
      <c r="N120740" s="10"/>
    </row>
    <row r="120741" spans="14:14">
      <c r="N120741" s="10"/>
    </row>
    <row r="120742" spans="14:14">
      <c r="N120742" s="10"/>
    </row>
    <row r="120743" spans="14:14">
      <c r="N120743" s="10"/>
    </row>
    <row r="120744" spans="14:14">
      <c r="N120744" s="10"/>
    </row>
    <row r="120745" spans="14:14">
      <c r="N120745" s="10"/>
    </row>
    <row r="120746" spans="14:14">
      <c r="N120746" s="10"/>
    </row>
    <row r="120747" spans="14:14">
      <c r="N120747" s="10"/>
    </row>
    <row r="120748" spans="14:14">
      <c r="N120748" s="10"/>
    </row>
    <row r="120749" spans="14:14">
      <c r="N120749" s="10"/>
    </row>
    <row r="120750" spans="14:14">
      <c r="N120750" s="10"/>
    </row>
    <row r="120751" spans="14:14">
      <c r="N120751" s="10"/>
    </row>
    <row r="120752" spans="14:14">
      <c r="N120752" s="10"/>
    </row>
    <row r="120753" spans="14:14">
      <c r="N120753" s="10"/>
    </row>
    <row r="120754" spans="14:14">
      <c r="N120754" s="10"/>
    </row>
    <row r="120755" spans="14:14">
      <c r="N120755" s="10"/>
    </row>
    <row r="120756" spans="14:14">
      <c r="N120756" s="10"/>
    </row>
    <row r="120757" spans="14:14">
      <c r="N120757" s="10"/>
    </row>
    <row r="120758" spans="14:14">
      <c r="N120758" s="10"/>
    </row>
    <row r="120759" spans="14:14">
      <c r="N120759" s="10"/>
    </row>
    <row r="120760" spans="14:14">
      <c r="N120760" s="10"/>
    </row>
    <row r="120761" spans="14:14">
      <c r="N120761" s="10"/>
    </row>
    <row r="120762" spans="14:14">
      <c r="N120762" s="10"/>
    </row>
    <row r="120763" spans="14:14">
      <c r="N120763" s="10"/>
    </row>
    <row r="120764" spans="14:14">
      <c r="N120764" s="10"/>
    </row>
    <row r="120765" spans="14:14">
      <c r="N120765" s="10"/>
    </row>
    <row r="120766" spans="14:14">
      <c r="N120766" s="10"/>
    </row>
    <row r="120767" spans="14:14">
      <c r="N120767" s="10"/>
    </row>
    <row r="120768" spans="14:14">
      <c r="N120768" s="10"/>
    </row>
    <row r="120769" spans="14:14">
      <c r="N120769" s="10"/>
    </row>
    <row r="120770" spans="14:14">
      <c r="N120770" s="10"/>
    </row>
    <row r="120771" spans="14:14">
      <c r="N120771" s="10"/>
    </row>
    <row r="120772" spans="14:14">
      <c r="N120772" s="10"/>
    </row>
    <row r="120773" spans="14:14">
      <c r="N120773" s="10"/>
    </row>
    <row r="120774" spans="14:14">
      <c r="N120774" s="10"/>
    </row>
    <row r="120775" spans="14:14">
      <c r="N120775" s="10"/>
    </row>
    <row r="120776" spans="14:14">
      <c r="N120776" s="10"/>
    </row>
    <row r="120777" spans="14:14">
      <c r="N120777" s="10"/>
    </row>
    <row r="120778" spans="14:14">
      <c r="N120778" s="10"/>
    </row>
    <row r="120779" spans="14:14">
      <c r="N120779" s="10"/>
    </row>
    <row r="120780" spans="14:14">
      <c r="N120780" s="10"/>
    </row>
    <row r="120781" spans="14:14">
      <c r="N120781" s="10"/>
    </row>
    <row r="120782" spans="14:14">
      <c r="N120782" s="10"/>
    </row>
    <row r="120783" spans="14:14">
      <c r="N120783" s="10"/>
    </row>
    <row r="120784" spans="14:14">
      <c r="N120784" s="10"/>
    </row>
    <row r="120785" spans="14:14">
      <c r="N120785" s="10"/>
    </row>
    <row r="120786" spans="14:14">
      <c r="N120786" s="10"/>
    </row>
    <row r="120787" spans="14:14">
      <c r="N120787" s="10"/>
    </row>
    <row r="120788" spans="14:14">
      <c r="N120788" s="10"/>
    </row>
    <row r="120789" spans="14:14">
      <c r="N120789" s="10"/>
    </row>
    <row r="120790" spans="14:14">
      <c r="N120790" s="10"/>
    </row>
    <row r="120791" spans="14:14">
      <c r="N120791" s="10"/>
    </row>
    <row r="120792" spans="14:14">
      <c r="N120792" s="10"/>
    </row>
    <row r="120793" spans="14:14">
      <c r="N120793" s="10"/>
    </row>
    <row r="120794" spans="14:14">
      <c r="N120794" s="10"/>
    </row>
    <row r="120795" spans="14:14">
      <c r="N120795" s="10"/>
    </row>
    <row r="120796" spans="14:14">
      <c r="N120796" s="10"/>
    </row>
    <row r="120797" spans="14:14">
      <c r="N120797" s="10"/>
    </row>
    <row r="120798" spans="14:14">
      <c r="N120798" s="10"/>
    </row>
    <row r="120799" spans="14:14">
      <c r="N120799" s="10"/>
    </row>
    <row r="120800" spans="14:14">
      <c r="N120800" s="10"/>
    </row>
    <row r="120801" spans="14:14">
      <c r="N120801" s="10"/>
    </row>
    <row r="120802" spans="14:14">
      <c r="N120802" s="10"/>
    </row>
    <row r="120803" spans="14:14">
      <c r="N120803" s="10"/>
    </row>
    <row r="120804" spans="14:14">
      <c r="N120804" s="10"/>
    </row>
    <row r="120805" spans="14:14">
      <c r="N120805" s="10"/>
    </row>
    <row r="120806" spans="14:14">
      <c r="N120806" s="10"/>
    </row>
    <row r="120807" spans="14:14">
      <c r="N120807" s="10"/>
    </row>
    <row r="120808" spans="14:14">
      <c r="N120808" s="10"/>
    </row>
    <row r="120809" spans="14:14">
      <c r="N120809" s="10"/>
    </row>
    <row r="120810" spans="14:14">
      <c r="N120810" s="10"/>
    </row>
    <row r="120811" spans="14:14">
      <c r="N120811" s="10"/>
    </row>
    <row r="120812" spans="14:14">
      <c r="N120812" s="10"/>
    </row>
    <row r="120813" spans="14:14">
      <c r="N120813" s="10"/>
    </row>
    <row r="120814" spans="14:14">
      <c r="N120814" s="10"/>
    </row>
    <row r="120815" spans="14:14">
      <c r="N120815" s="10"/>
    </row>
    <row r="120816" spans="14:14">
      <c r="N120816" s="10"/>
    </row>
    <row r="120817" spans="14:14">
      <c r="N120817" s="10"/>
    </row>
    <row r="120818" spans="14:14">
      <c r="N120818" s="10"/>
    </row>
    <row r="120819" spans="14:14">
      <c r="N120819" s="10"/>
    </row>
    <row r="120820" spans="14:14">
      <c r="N120820" s="10"/>
    </row>
    <row r="120821" spans="14:14">
      <c r="N120821" s="10"/>
    </row>
    <row r="120822" spans="14:14">
      <c r="N120822" s="10"/>
    </row>
    <row r="120823" spans="14:14">
      <c r="N120823" s="10"/>
    </row>
    <row r="120824" spans="14:14">
      <c r="N120824" s="10"/>
    </row>
    <row r="120825" spans="14:14">
      <c r="N120825" s="10"/>
    </row>
    <row r="120826" spans="14:14">
      <c r="N120826" s="10"/>
    </row>
    <row r="120827" spans="14:14">
      <c r="N120827" s="10"/>
    </row>
    <row r="120828" spans="14:14">
      <c r="N120828" s="10"/>
    </row>
    <row r="120829" spans="14:14">
      <c r="N120829" s="10"/>
    </row>
    <row r="120830" spans="14:14">
      <c r="N120830" s="10"/>
    </row>
    <row r="120831" spans="14:14">
      <c r="N120831" s="10"/>
    </row>
    <row r="120832" spans="14:14">
      <c r="N120832" s="10"/>
    </row>
    <row r="120833" spans="14:14">
      <c r="N120833" s="10"/>
    </row>
    <row r="120834" spans="14:14">
      <c r="N120834" s="10"/>
    </row>
    <row r="120835" spans="14:14">
      <c r="N120835" s="10"/>
    </row>
    <row r="120836" spans="14:14">
      <c r="N120836" s="10"/>
    </row>
    <row r="120837" spans="14:14">
      <c r="N120837" s="10"/>
    </row>
    <row r="120838" spans="14:14">
      <c r="N120838" s="10"/>
    </row>
    <row r="120839" spans="14:14">
      <c r="N120839" s="10"/>
    </row>
    <row r="120840" spans="14:14">
      <c r="N120840" s="10"/>
    </row>
    <row r="120841" spans="14:14">
      <c r="N120841" s="10"/>
    </row>
    <row r="120842" spans="14:14">
      <c r="N120842" s="10"/>
    </row>
    <row r="120843" spans="14:14">
      <c r="N120843" s="10"/>
    </row>
    <row r="120844" spans="14:14">
      <c r="N120844" s="10"/>
    </row>
    <row r="120845" spans="14:14">
      <c r="N120845" s="10"/>
    </row>
    <row r="120846" spans="14:14">
      <c r="N120846" s="10"/>
    </row>
    <row r="120847" spans="14:14">
      <c r="N120847" s="10"/>
    </row>
    <row r="120848" spans="14:14">
      <c r="N120848" s="10"/>
    </row>
    <row r="120849" spans="14:14">
      <c r="N120849" s="10"/>
    </row>
    <row r="120850" spans="14:14">
      <c r="N120850" s="10"/>
    </row>
    <row r="120851" spans="14:14">
      <c r="N120851" s="10"/>
    </row>
    <row r="120852" spans="14:14">
      <c r="N120852" s="10"/>
    </row>
    <row r="120853" spans="14:14">
      <c r="N120853" s="10"/>
    </row>
    <row r="120854" spans="14:14">
      <c r="N120854" s="10"/>
    </row>
    <row r="120855" spans="14:14">
      <c r="N120855" s="10"/>
    </row>
    <row r="120856" spans="14:14">
      <c r="N120856" s="10"/>
    </row>
    <row r="120857" spans="14:14">
      <c r="N120857" s="10"/>
    </row>
    <row r="120858" spans="14:14">
      <c r="N120858" s="10"/>
    </row>
    <row r="120859" spans="14:14">
      <c r="N120859" s="10"/>
    </row>
    <row r="120860" spans="14:14">
      <c r="N120860" s="10"/>
    </row>
    <row r="120861" spans="14:14">
      <c r="N120861" s="10"/>
    </row>
    <row r="120862" spans="14:14">
      <c r="N120862" s="10"/>
    </row>
    <row r="120863" spans="14:14">
      <c r="N120863" s="10"/>
    </row>
    <row r="120864" spans="14:14">
      <c r="N120864" s="10"/>
    </row>
    <row r="120865" spans="14:14">
      <c r="N120865" s="10"/>
    </row>
    <row r="120866" spans="14:14">
      <c r="N120866" s="10"/>
    </row>
    <row r="120867" spans="14:14">
      <c r="N120867" s="10"/>
    </row>
    <row r="120868" spans="14:14">
      <c r="N120868" s="10"/>
    </row>
    <row r="120869" spans="14:14">
      <c r="N120869" s="10"/>
    </row>
    <row r="120870" spans="14:14">
      <c r="N120870" s="10"/>
    </row>
    <row r="120871" spans="14:14">
      <c r="N120871" s="10"/>
    </row>
    <row r="120872" spans="14:14">
      <c r="N120872" s="10"/>
    </row>
    <row r="120873" spans="14:14">
      <c r="N120873" s="10"/>
    </row>
    <row r="120874" spans="14:14">
      <c r="N120874" s="10"/>
    </row>
    <row r="120875" spans="14:14">
      <c r="N120875" s="10"/>
    </row>
    <row r="120876" spans="14:14">
      <c r="N120876" s="10"/>
    </row>
    <row r="120877" spans="14:14">
      <c r="N120877" s="10"/>
    </row>
    <row r="120878" spans="14:14">
      <c r="N120878" s="10"/>
    </row>
    <row r="120879" spans="14:14">
      <c r="N120879" s="10"/>
    </row>
    <row r="120880" spans="14:14">
      <c r="N120880" s="10"/>
    </row>
    <row r="120881" spans="14:14">
      <c r="N120881" s="10"/>
    </row>
    <row r="120882" spans="14:14">
      <c r="N120882" s="10"/>
    </row>
    <row r="120883" spans="14:14">
      <c r="N120883" s="10"/>
    </row>
    <row r="120884" spans="14:14">
      <c r="N120884" s="10"/>
    </row>
    <row r="120885" spans="14:14">
      <c r="N120885" s="10"/>
    </row>
    <row r="120886" spans="14:14">
      <c r="N120886" s="10"/>
    </row>
    <row r="120887" spans="14:14">
      <c r="N120887" s="10"/>
    </row>
    <row r="120888" spans="14:14">
      <c r="N120888" s="10"/>
    </row>
    <row r="120889" spans="14:14">
      <c r="N120889" s="10"/>
    </row>
    <row r="120890" spans="14:14">
      <c r="N120890" s="10"/>
    </row>
    <row r="120891" spans="14:14">
      <c r="N120891" s="10"/>
    </row>
    <row r="120892" spans="14:14">
      <c r="N120892" s="10"/>
    </row>
    <row r="120893" spans="14:14">
      <c r="N120893" s="10"/>
    </row>
    <row r="120894" spans="14:14">
      <c r="N120894" s="10"/>
    </row>
    <row r="120895" spans="14:14">
      <c r="N120895" s="10"/>
    </row>
    <row r="120896" spans="14:14">
      <c r="N120896" s="10"/>
    </row>
    <row r="120897" spans="14:14">
      <c r="N120897" s="10"/>
    </row>
    <row r="120898" spans="14:14">
      <c r="N120898" s="10"/>
    </row>
    <row r="120899" spans="14:14">
      <c r="N120899" s="10"/>
    </row>
    <row r="120900" spans="14:14">
      <c r="N120900" s="10"/>
    </row>
    <row r="120901" spans="14:14">
      <c r="N120901" s="10"/>
    </row>
    <row r="120902" spans="14:14">
      <c r="N120902" s="10"/>
    </row>
    <row r="120903" spans="14:14">
      <c r="N120903" s="10"/>
    </row>
    <row r="120904" spans="14:14">
      <c r="N120904" s="10"/>
    </row>
    <row r="120905" spans="14:14">
      <c r="N120905" s="10"/>
    </row>
    <row r="120906" spans="14:14">
      <c r="N120906" s="10"/>
    </row>
    <row r="120907" spans="14:14">
      <c r="N120907" s="10"/>
    </row>
    <row r="120908" spans="14:14">
      <c r="N120908" s="10"/>
    </row>
    <row r="120909" spans="14:14">
      <c r="N120909" s="10"/>
    </row>
    <row r="120910" spans="14:14">
      <c r="N120910" s="10"/>
    </row>
    <row r="120911" spans="14:14">
      <c r="N120911" s="10"/>
    </row>
    <row r="120912" spans="14:14">
      <c r="N120912" s="10"/>
    </row>
    <row r="120913" spans="14:14">
      <c r="N120913" s="10"/>
    </row>
    <row r="120914" spans="14:14">
      <c r="N120914" s="10"/>
    </row>
    <row r="120915" spans="14:14">
      <c r="N120915" s="10"/>
    </row>
    <row r="120916" spans="14:14">
      <c r="N120916" s="10"/>
    </row>
    <row r="120917" spans="14:14">
      <c r="N120917" s="10"/>
    </row>
    <row r="120918" spans="14:14">
      <c r="N120918" s="10"/>
    </row>
    <row r="120919" spans="14:14">
      <c r="N120919" s="10"/>
    </row>
    <row r="120920" spans="14:14">
      <c r="N120920" s="10"/>
    </row>
    <row r="120921" spans="14:14">
      <c r="N120921" s="10"/>
    </row>
    <row r="120922" spans="14:14">
      <c r="N120922" s="10"/>
    </row>
    <row r="120923" spans="14:14">
      <c r="N120923" s="10"/>
    </row>
    <row r="120924" spans="14:14">
      <c r="N120924" s="10"/>
    </row>
    <row r="120925" spans="14:14">
      <c r="N120925" s="10"/>
    </row>
    <row r="120926" spans="14:14">
      <c r="N120926" s="10"/>
    </row>
    <row r="120927" spans="14:14">
      <c r="N120927" s="10"/>
    </row>
    <row r="120928" spans="14:14">
      <c r="N120928" s="10"/>
    </row>
    <row r="120929" spans="14:14">
      <c r="N120929" s="10"/>
    </row>
    <row r="120930" spans="14:14">
      <c r="N120930" s="10"/>
    </row>
    <row r="120931" spans="14:14">
      <c r="N120931" s="10"/>
    </row>
    <row r="120932" spans="14:14">
      <c r="N120932" s="10"/>
    </row>
    <row r="120933" spans="14:14">
      <c r="N120933" s="10"/>
    </row>
    <row r="120934" spans="14:14">
      <c r="N120934" s="10"/>
    </row>
    <row r="120935" spans="14:14">
      <c r="N120935" s="10"/>
    </row>
    <row r="120936" spans="14:14">
      <c r="N120936" s="10"/>
    </row>
    <row r="120937" spans="14:14">
      <c r="N120937" s="10"/>
    </row>
    <row r="120938" spans="14:14">
      <c r="N120938" s="10"/>
    </row>
    <row r="120939" spans="14:14">
      <c r="N120939" s="10"/>
    </row>
    <row r="120940" spans="14:14">
      <c r="N120940" s="10"/>
    </row>
    <row r="120941" spans="14:14">
      <c r="N120941" s="10"/>
    </row>
    <row r="120942" spans="14:14">
      <c r="N120942" s="10"/>
    </row>
    <row r="120943" spans="14:14">
      <c r="N120943" s="10"/>
    </row>
    <row r="120944" spans="14:14">
      <c r="N120944" s="10"/>
    </row>
    <row r="120945" spans="14:14">
      <c r="N120945" s="10"/>
    </row>
    <row r="120946" spans="14:14">
      <c r="N120946" s="10"/>
    </row>
    <row r="120947" spans="14:14">
      <c r="N120947" s="10"/>
    </row>
    <row r="120948" spans="14:14">
      <c r="N120948" s="10"/>
    </row>
    <row r="120949" spans="14:14">
      <c r="N120949" s="10"/>
    </row>
    <row r="120950" spans="14:14">
      <c r="N120950" s="10"/>
    </row>
    <row r="120951" spans="14:14">
      <c r="N120951" s="10"/>
    </row>
    <row r="120952" spans="14:14">
      <c r="N120952" s="10"/>
    </row>
    <row r="120953" spans="14:14">
      <c r="N120953" s="10"/>
    </row>
    <row r="120954" spans="14:14">
      <c r="N120954" s="10"/>
    </row>
    <row r="120955" spans="14:14">
      <c r="N120955" s="10"/>
    </row>
    <row r="120956" spans="14:14">
      <c r="N120956" s="10"/>
    </row>
    <row r="120957" spans="14:14">
      <c r="N120957" s="10"/>
    </row>
    <row r="120958" spans="14:14">
      <c r="N120958" s="10"/>
    </row>
    <row r="120959" spans="14:14">
      <c r="N120959" s="10"/>
    </row>
    <row r="120960" spans="14:14">
      <c r="N120960" s="10"/>
    </row>
    <row r="120961" spans="14:14">
      <c r="N120961" s="10"/>
    </row>
    <row r="120962" spans="14:14">
      <c r="N120962" s="10"/>
    </row>
    <row r="120963" spans="14:14">
      <c r="N120963" s="10"/>
    </row>
    <row r="120964" spans="14:14">
      <c r="N120964" s="10"/>
    </row>
    <row r="120965" spans="14:14">
      <c r="N120965" s="10"/>
    </row>
    <row r="120966" spans="14:14">
      <c r="N120966" s="10"/>
    </row>
    <row r="120967" spans="14:14">
      <c r="N120967" s="10"/>
    </row>
    <row r="120968" spans="14:14">
      <c r="N120968" s="10"/>
    </row>
    <row r="120969" spans="14:14">
      <c r="N120969" s="10"/>
    </row>
    <row r="120970" spans="14:14">
      <c r="N120970" s="10"/>
    </row>
    <row r="120971" spans="14:14">
      <c r="N120971" s="10"/>
    </row>
    <row r="120972" spans="14:14">
      <c r="N120972" s="10"/>
    </row>
    <row r="120973" spans="14:14">
      <c r="N120973" s="10"/>
    </row>
    <row r="120974" spans="14:14">
      <c r="N120974" s="10"/>
    </row>
    <row r="120975" spans="14:14">
      <c r="N120975" s="10"/>
    </row>
    <row r="120976" spans="14:14">
      <c r="N120976" s="10"/>
    </row>
    <row r="120977" spans="14:14">
      <c r="N120977" s="10"/>
    </row>
    <row r="120978" spans="14:14">
      <c r="N120978" s="10"/>
    </row>
    <row r="120979" spans="14:14">
      <c r="N120979" s="10"/>
    </row>
    <row r="120980" spans="14:14">
      <c r="N120980" s="10"/>
    </row>
    <row r="120981" spans="14:14">
      <c r="N120981" s="10"/>
    </row>
    <row r="120982" spans="14:14">
      <c r="N120982" s="10"/>
    </row>
    <row r="120983" spans="14:14">
      <c r="N120983" s="10"/>
    </row>
    <row r="120984" spans="14:14">
      <c r="N120984" s="10"/>
    </row>
    <row r="120985" spans="14:14">
      <c r="N120985" s="10"/>
    </row>
    <row r="120986" spans="14:14">
      <c r="N120986" s="10"/>
    </row>
    <row r="120987" spans="14:14">
      <c r="N120987" s="10"/>
    </row>
    <row r="120988" spans="14:14">
      <c r="N120988" s="10"/>
    </row>
    <row r="120989" spans="14:14">
      <c r="N120989" s="10"/>
    </row>
    <row r="120990" spans="14:14">
      <c r="N120990" s="10"/>
    </row>
    <row r="120991" spans="14:14">
      <c r="N120991" s="10"/>
    </row>
    <row r="120992" spans="14:14">
      <c r="N120992" s="10"/>
    </row>
    <row r="120993" spans="14:14">
      <c r="N120993" s="10"/>
    </row>
    <row r="120994" spans="14:14">
      <c r="N120994" s="10"/>
    </row>
    <row r="120995" spans="14:14">
      <c r="N120995" s="10"/>
    </row>
    <row r="120996" spans="14:14">
      <c r="N120996" s="10"/>
    </row>
    <row r="120997" spans="14:14">
      <c r="N120997" s="10"/>
    </row>
    <row r="120998" spans="14:14">
      <c r="N120998" s="10"/>
    </row>
    <row r="120999" spans="14:14">
      <c r="N120999" s="10"/>
    </row>
    <row r="121000" spans="14:14">
      <c r="N121000" s="10"/>
    </row>
    <row r="121001" spans="14:14">
      <c r="N121001" s="10"/>
    </row>
    <row r="121002" spans="14:14">
      <c r="N121002" s="10"/>
    </row>
    <row r="121003" spans="14:14">
      <c r="N121003" s="10"/>
    </row>
    <row r="121004" spans="14:14">
      <c r="N121004" s="10"/>
    </row>
    <row r="121005" spans="14:14">
      <c r="N121005" s="10"/>
    </row>
    <row r="121006" spans="14:14">
      <c r="N121006" s="10"/>
    </row>
    <row r="121007" spans="14:14">
      <c r="N121007" s="10"/>
    </row>
    <row r="121008" spans="14:14">
      <c r="N121008" s="10"/>
    </row>
    <row r="121009" spans="14:14">
      <c r="N121009" s="10"/>
    </row>
    <row r="121010" spans="14:14">
      <c r="N121010" s="10"/>
    </row>
    <row r="121011" spans="14:14">
      <c r="N121011" s="10"/>
    </row>
    <row r="121012" spans="14:14">
      <c r="N121012" s="10"/>
    </row>
    <row r="121013" spans="14:14">
      <c r="N121013" s="10"/>
    </row>
    <row r="121014" spans="14:14">
      <c r="N121014" s="10"/>
    </row>
    <row r="121015" spans="14:14">
      <c r="N121015" s="10"/>
    </row>
    <row r="121016" spans="14:14">
      <c r="N121016" s="10"/>
    </row>
    <row r="121017" spans="14:14">
      <c r="N121017" s="10"/>
    </row>
    <row r="121018" spans="14:14">
      <c r="N121018" s="10"/>
    </row>
    <row r="121019" spans="14:14">
      <c r="N121019" s="10"/>
    </row>
    <row r="121020" spans="14:14">
      <c r="N121020" s="10"/>
    </row>
    <row r="121021" spans="14:14">
      <c r="N121021" s="10"/>
    </row>
    <row r="121022" spans="14:14">
      <c r="N121022" s="10"/>
    </row>
    <row r="121023" spans="14:14">
      <c r="N121023" s="10"/>
    </row>
    <row r="121024" spans="14:14">
      <c r="N121024" s="10"/>
    </row>
    <row r="121025" spans="14:14">
      <c r="N121025" s="10"/>
    </row>
    <row r="121026" spans="14:14">
      <c r="N121026" s="10"/>
    </row>
    <row r="121027" spans="14:14">
      <c r="N121027" s="10"/>
    </row>
    <row r="121028" spans="14:14">
      <c r="N121028" s="10"/>
    </row>
    <row r="121029" spans="14:14">
      <c r="N121029" s="10"/>
    </row>
    <row r="121030" spans="14:14">
      <c r="N121030" s="10"/>
    </row>
    <row r="121031" spans="14:14">
      <c r="N121031" s="10"/>
    </row>
    <row r="121032" spans="14:14">
      <c r="N121032" s="10"/>
    </row>
    <row r="121033" spans="14:14">
      <c r="N121033" s="10"/>
    </row>
    <row r="121034" spans="14:14">
      <c r="N121034" s="10"/>
    </row>
    <row r="121035" spans="14:14">
      <c r="N121035" s="10"/>
    </row>
    <row r="121036" spans="14:14">
      <c r="N121036" s="10"/>
    </row>
    <row r="121037" spans="14:14">
      <c r="N121037" s="10"/>
    </row>
    <row r="121038" spans="14:14">
      <c r="N121038" s="10"/>
    </row>
    <row r="121039" spans="14:14">
      <c r="N121039" s="10"/>
    </row>
    <row r="121040" spans="14:14">
      <c r="N121040" s="10"/>
    </row>
    <row r="121041" spans="14:14">
      <c r="N121041" s="10"/>
    </row>
    <row r="121042" spans="14:14">
      <c r="N121042" s="10"/>
    </row>
    <row r="121043" spans="14:14">
      <c r="N121043" s="10"/>
    </row>
    <row r="121044" spans="14:14">
      <c r="N121044" s="10"/>
    </row>
    <row r="121045" spans="14:14">
      <c r="N121045" s="10"/>
    </row>
    <row r="121046" spans="14:14">
      <c r="N121046" s="10"/>
    </row>
    <row r="121047" spans="14:14">
      <c r="N121047" s="10"/>
    </row>
    <row r="121048" spans="14:14">
      <c r="N121048" s="10"/>
    </row>
    <row r="121049" spans="14:14">
      <c r="N121049" s="10"/>
    </row>
    <row r="121050" spans="14:14">
      <c r="N121050" s="10"/>
    </row>
    <row r="121051" spans="14:14">
      <c r="N121051" s="10"/>
    </row>
    <row r="121052" spans="14:14">
      <c r="N121052" s="10"/>
    </row>
    <row r="121053" spans="14:14">
      <c r="N121053" s="10"/>
    </row>
    <row r="121054" spans="14:14">
      <c r="N121054" s="10"/>
    </row>
    <row r="121055" spans="14:14">
      <c r="N121055" s="10"/>
    </row>
    <row r="121056" spans="14:14">
      <c r="N121056" s="10"/>
    </row>
    <row r="121057" spans="14:14">
      <c r="N121057" s="10"/>
    </row>
    <row r="121058" spans="14:14">
      <c r="N121058" s="10"/>
    </row>
    <row r="121059" spans="14:14">
      <c r="N121059" s="10"/>
    </row>
    <row r="121060" spans="14:14">
      <c r="N121060" s="10"/>
    </row>
    <row r="121061" spans="14:14">
      <c r="N121061" s="10"/>
    </row>
    <row r="121062" spans="14:14">
      <c r="N121062" s="10"/>
    </row>
    <row r="121063" spans="14:14">
      <c r="N121063" s="10"/>
    </row>
    <row r="121064" spans="14:14">
      <c r="N121064" s="10"/>
    </row>
    <row r="121065" spans="14:14">
      <c r="N121065" s="10"/>
    </row>
    <row r="121066" spans="14:14">
      <c r="N121066" s="10"/>
    </row>
    <row r="121067" spans="14:14">
      <c r="N121067" s="10"/>
    </row>
    <row r="121068" spans="14:14">
      <c r="N121068" s="10"/>
    </row>
    <row r="121069" spans="14:14">
      <c r="N121069" s="10"/>
    </row>
    <row r="121070" spans="14:14">
      <c r="N121070" s="10"/>
    </row>
    <row r="121071" spans="14:14">
      <c r="N121071" s="10"/>
    </row>
    <row r="121072" spans="14:14">
      <c r="N121072" s="10"/>
    </row>
    <row r="121073" spans="14:14">
      <c r="N121073" s="10"/>
    </row>
    <row r="121074" spans="14:14">
      <c r="N121074" s="10"/>
    </row>
    <row r="121075" spans="14:14">
      <c r="N121075" s="10"/>
    </row>
    <row r="121076" spans="14:14">
      <c r="N121076" s="10"/>
    </row>
    <row r="121077" spans="14:14">
      <c r="N121077" s="10"/>
    </row>
    <row r="121078" spans="14:14">
      <c r="N121078" s="10"/>
    </row>
    <row r="121079" spans="14:14">
      <c r="N121079" s="10"/>
    </row>
    <row r="121080" spans="14:14">
      <c r="N121080" s="10"/>
    </row>
    <row r="121081" spans="14:14">
      <c r="N121081" s="10"/>
    </row>
    <row r="121082" spans="14:14">
      <c r="N121082" s="10"/>
    </row>
    <row r="121083" spans="14:14">
      <c r="N121083" s="10"/>
    </row>
    <row r="121084" spans="14:14">
      <c r="N121084" s="10"/>
    </row>
    <row r="121085" spans="14:14">
      <c r="N121085" s="10"/>
    </row>
    <row r="121086" spans="14:14">
      <c r="N121086" s="10"/>
    </row>
    <row r="121087" spans="14:14">
      <c r="N121087" s="10"/>
    </row>
    <row r="121088" spans="14:14">
      <c r="N121088" s="10"/>
    </row>
    <row r="121089" spans="14:14">
      <c r="N121089" s="10"/>
    </row>
    <row r="121090" spans="14:14">
      <c r="N121090" s="10"/>
    </row>
    <row r="121091" spans="14:14">
      <c r="N121091" s="10"/>
    </row>
    <row r="121092" spans="14:14">
      <c r="N121092" s="10"/>
    </row>
    <row r="121093" spans="14:14">
      <c r="N121093" s="10"/>
    </row>
    <row r="121094" spans="14:14">
      <c r="N121094" s="10"/>
    </row>
    <row r="121095" spans="14:14">
      <c r="N121095" s="10"/>
    </row>
    <row r="121096" spans="14:14">
      <c r="N121096" s="10"/>
    </row>
    <row r="121097" spans="14:14">
      <c r="N121097" s="10"/>
    </row>
    <row r="121098" spans="14:14">
      <c r="N121098" s="10"/>
    </row>
    <row r="121099" spans="14:14">
      <c r="N121099" s="10"/>
    </row>
    <row r="121100" spans="14:14">
      <c r="N121100" s="10"/>
    </row>
    <row r="121101" spans="14:14">
      <c r="N121101" s="10"/>
    </row>
    <row r="121102" spans="14:14">
      <c r="N121102" s="10"/>
    </row>
    <row r="121103" spans="14:14">
      <c r="N121103" s="10"/>
    </row>
    <row r="121104" spans="14:14">
      <c r="N121104" s="10"/>
    </row>
    <row r="121105" spans="14:14">
      <c r="N121105" s="10"/>
    </row>
    <row r="121106" spans="14:14">
      <c r="N121106" s="10"/>
    </row>
    <row r="121107" spans="14:14">
      <c r="N121107" s="10"/>
    </row>
    <row r="121108" spans="14:14">
      <c r="N121108" s="10"/>
    </row>
    <row r="121109" spans="14:14">
      <c r="N121109" s="10"/>
    </row>
    <row r="121110" spans="14:14">
      <c r="N121110" s="10"/>
    </row>
    <row r="121111" spans="14:14">
      <c r="N121111" s="10"/>
    </row>
    <row r="121112" spans="14:14">
      <c r="N121112" s="10"/>
    </row>
    <row r="121113" spans="14:14">
      <c r="N121113" s="10"/>
    </row>
    <row r="121114" spans="14:14">
      <c r="N121114" s="10"/>
    </row>
    <row r="121115" spans="14:14">
      <c r="N121115" s="10"/>
    </row>
    <row r="121116" spans="14:14">
      <c r="N121116" s="10"/>
    </row>
    <row r="121117" spans="14:14">
      <c r="N121117" s="10"/>
    </row>
    <row r="121118" spans="14:14">
      <c r="N121118" s="10"/>
    </row>
    <row r="121119" spans="14:14">
      <c r="N121119" s="10"/>
    </row>
    <row r="121120" spans="14:14">
      <c r="N121120" s="10"/>
    </row>
    <row r="121121" spans="14:14">
      <c r="N121121" s="10"/>
    </row>
    <row r="121122" spans="14:14">
      <c r="N121122" s="10"/>
    </row>
    <row r="121123" spans="14:14">
      <c r="N121123" s="10"/>
    </row>
    <row r="121124" spans="14:14">
      <c r="N121124" s="10"/>
    </row>
    <row r="121125" spans="14:14">
      <c r="N121125" s="10"/>
    </row>
    <row r="121126" spans="14:14">
      <c r="N121126" s="10"/>
    </row>
    <row r="121127" spans="14:14">
      <c r="N121127" s="10"/>
    </row>
    <row r="121128" spans="14:14">
      <c r="N121128" s="10"/>
    </row>
    <row r="121129" spans="14:14">
      <c r="N121129" s="10"/>
    </row>
    <row r="121130" spans="14:14">
      <c r="N121130" s="10"/>
    </row>
    <row r="121131" spans="14:14">
      <c r="N121131" s="10"/>
    </row>
    <row r="121132" spans="14:14">
      <c r="N121132" s="10"/>
    </row>
    <row r="121133" spans="14:14">
      <c r="N121133" s="10"/>
    </row>
    <row r="121134" spans="14:14">
      <c r="N121134" s="10"/>
    </row>
    <row r="121135" spans="14:14">
      <c r="N121135" s="10"/>
    </row>
    <row r="121136" spans="14:14">
      <c r="N121136" s="10"/>
    </row>
    <row r="121137" spans="14:14">
      <c r="N121137" s="10"/>
    </row>
    <row r="121138" spans="14:14">
      <c r="N121138" s="10"/>
    </row>
    <row r="121139" spans="14:14">
      <c r="N121139" s="10"/>
    </row>
    <row r="121140" spans="14:14">
      <c r="N121140" s="10"/>
    </row>
    <row r="121141" spans="14:14">
      <c r="N121141" s="10"/>
    </row>
    <row r="121142" spans="14:14">
      <c r="N121142" s="10"/>
    </row>
    <row r="121143" spans="14:14">
      <c r="N121143" s="10"/>
    </row>
    <row r="121144" spans="14:14">
      <c r="N121144" s="10"/>
    </row>
    <row r="121145" spans="14:14">
      <c r="N121145" s="10"/>
    </row>
    <row r="121146" spans="14:14">
      <c r="N121146" s="10"/>
    </row>
    <row r="121147" spans="14:14">
      <c r="N121147" s="10"/>
    </row>
    <row r="121148" spans="14:14">
      <c r="N121148" s="10"/>
    </row>
    <row r="121149" spans="14:14">
      <c r="N121149" s="10"/>
    </row>
    <row r="121150" spans="14:14">
      <c r="N121150" s="10"/>
    </row>
    <row r="121151" spans="14:14">
      <c r="N121151" s="10"/>
    </row>
    <row r="121152" spans="14:14">
      <c r="N121152" s="10"/>
    </row>
    <row r="121153" spans="14:14">
      <c r="N121153" s="10"/>
    </row>
    <row r="121154" spans="14:14">
      <c r="N121154" s="10"/>
    </row>
    <row r="121155" spans="14:14">
      <c r="N121155" s="10"/>
    </row>
    <row r="121156" spans="14:14">
      <c r="N121156" s="10"/>
    </row>
    <row r="121157" spans="14:14">
      <c r="N121157" s="10"/>
    </row>
    <row r="121158" spans="14:14">
      <c r="N121158" s="10"/>
    </row>
    <row r="121159" spans="14:14">
      <c r="N121159" s="10"/>
    </row>
    <row r="121160" spans="14:14">
      <c r="N121160" s="10"/>
    </row>
    <row r="121161" spans="14:14">
      <c r="N121161" s="10"/>
    </row>
    <row r="121162" spans="14:14">
      <c r="N121162" s="10"/>
    </row>
    <row r="121163" spans="14:14">
      <c r="N121163" s="10"/>
    </row>
    <row r="121164" spans="14:14">
      <c r="N121164" s="10"/>
    </row>
    <row r="121165" spans="14:14">
      <c r="N121165" s="10"/>
    </row>
    <row r="121166" spans="14:14">
      <c r="N121166" s="10"/>
    </row>
    <row r="121167" spans="14:14">
      <c r="N121167" s="10"/>
    </row>
    <row r="121168" spans="14:14">
      <c r="N121168" s="10"/>
    </row>
    <row r="121169" spans="14:14">
      <c r="N121169" s="10"/>
    </row>
    <row r="121170" spans="14:14">
      <c r="N121170" s="10"/>
    </row>
    <row r="121171" spans="14:14">
      <c r="N121171" s="10"/>
    </row>
    <row r="121172" spans="14:14">
      <c r="N121172" s="10"/>
    </row>
    <row r="121173" spans="14:14">
      <c r="N121173" s="10"/>
    </row>
    <row r="121174" spans="14:14">
      <c r="N121174" s="10"/>
    </row>
    <row r="121175" spans="14:14">
      <c r="N121175" s="10"/>
    </row>
    <row r="121176" spans="14:14">
      <c r="N121176" s="10"/>
    </row>
    <row r="121177" spans="14:14">
      <c r="N121177" s="10"/>
    </row>
    <row r="121178" spans="14:14">
      <c r="N121178" s="10"/>
    </row>
    <row r="121179" spans="14:14">
      <c r="N121179" s="10"/>
    </row>
    <row r="121180" spans="14:14">
      <c r="N121180" s="10"/>
    </row>
    <row r="121181" spans="14:14">
      <c r="N121181" s="10"/>
    </row>
    <row r="121182" spans="14:14">
      <c r="N121182" s="10"/>
    </row>
    <row r="121183" spans="14:14">
      <c r="N121183" s="10"/>
    </row>
    <row r="121184" spans="14:14">
      <c r="N121184" s="10"/>
    </row>
    <row r="121185" spans="14:14">
      <c r="N121185" s="10"/>
    </row>
    <row r="121186" spans="14:14">
      <c r="N121186" s="10"/>
    </row>
    <row r="121187" spans="14:14">
      <c r="N121187" s="10"/>
    </row>
    <row r="121188" spans="14:14">
      <c r="N121188" s="10"/>
    </row>
    <row r="121189" spans="14:14">
      <c r="N121189" s="10"/>
    </row>
    <row r="121190" spans="14:14">
      <c r="N121190" s="10"/>
    </row>
    <row r="121191" spans="14:14">
      <c r="N121191" s="10"/>
    </row>
    <row r="121192" spans="14:14">
      <c r="N121192" s="10"/>
    </row>
    <row r="121193" spans="14:14">
      <c r="N121193" s="10"/>
    </row>
    <row r="121194" spans="14:14">
      <c r="N121194" s="10"/>
    </row>
    <row r="121195" spans="14:14">
      <c r="N121195" s="10"/>
    </row>
    <row r="121196" spans="14:14">
      <c r="N121196" s="10"/>
    </row>
    <row r="121197" spans="14:14">
      <c r="N121197" s="10"/>
    </row>
    <row r="121198" spans="14:14">
      <c r="N121198" s="10"/>
    </row>
    <row r="121199" spans="14:14">
      <c r="N121199" s="10"/>
    </row>
    <row r="121200" spans="14:14">
      <c r="N121200" s="10"/>
    </row>
    <row r="121201" spans="14:14">
      <c r="N121201" s="10"/>
    </row>
    <row r="121202" spans="14:14">
      <c r="N121202" s="10"/>
    </row>
    <row r="121203" spans="14:14">
      <c r="N121203" s="10"/>
    </row>
    <row r="121204" spans="14:14">
      <c r="N121204" s="10"/>
    </row>
    <row r="121205" spans="14:14">
      <c r="N121205" s="10"/>
    </row>
    <row r="121206" spans="14:14">
      <c r="N121206" s="10"/>
    </row>
    <row r="121207" spans="14:14">
      <c r="N121207" s="10"/>
    </row>
    <row r="121208" spans="14:14">
      <c r="N121208" s="10"/>
    </row>
    <row r="121209" spans="14:14">
      <c r="N121209" s="10"/>
    </row>
    <row r="121210" spans="14:14">
      <c r="N121210" s="10"/>
    </row>
    <row r="121211" spans="14:14">
      <c r="N121211" s="10"/>
    </row>
    <row r="121212" spans="14:14">
      <c r="N121212" s="10"/>
    </row>
    <row r="121213" spans="14:14">
      <c r="N121213" s="10"/>
    </row>
    <row r="121214" spans="14:14">
      <c r="N121214" s="10"/>
    </row>
    <row r="121215" spans="14:14">
      <c r="N121215" s="10"/>
    </row>
    <row r="121216" spans="14:14">
      <c r="N121216" s="10"/>
    </row>
    <row r="121217" spans="14:14">
      <c r="N121217" s="10"/>
    </row>
    <row r="121218" spans="14:14">
      <c r="N121218" s="10"/>
    </row>
    <row r="121219" spans="14:14">
      <c r="N121219" s="10"/>
    </row>
    <row r="121220" spans="14:14">
      <c r="N121220" s="10"/>
    </row>
    <row r="121221" spans="14:14">
      <c r="N121221" s="10"/>
    </row>
    <row r="121222" spans="14:14">
      <c r="N121222" s="10"/>
    </row>
    <row r="121223" spans="14:14">
      <c r="N121223" s="10"/>
    </row>
    <row r="121224" spans="14:14">
      <c r="N121224" s="10"/>
    </row>
    <row r="121225" spans="14:14">
      <c r="N121225" s="10"/>
    </row>
    <row r="121226" spans="14:14">
      <c r="N121226" s="10"/>
    </row>
    <row r="121227" spans="14:14">
      <c r="N121227" s="10"/>
    </row>
    <row r="121228" spans="14:14">
      <c r="N121228" s="10"/>
    </row>
    <row r="121229" spans="14:14">
      <c r="N121229" s="10"/>
    </row>
    <row r="121230" spans="14:14">
      <c r="N121230" s="10"/>
    </row>
    <row r="121231" spans="14:14">
      <c r="N121231" s="10"/>
    </row>
    <row r="121232" spans="14:14">
      <c r="N121232" s="10"/>
    </row>
    <row r="121233" spans="14:14">
      <c r="N121233" s="10"/>
    </row>
    <row r="121234" spans="14:14">
      <c r="N121234" s="10"/>
    </row>
    <row r="121235" spans="14:14">
      <c r="N121235" s="10"/>
    </row>
    <row r="121236" spans="14:14">
      <c r="N121236" s="10"/>
    </row>
    <row r="121237" spans="14:14">
      <c r="N121237" s="10"/>
    </row>
    <row r="121238" spans="14:14">
      <c r="N121238" s="10"/>
    </row>
    <row r="121239" spans="14:14">
      <c r="N121239" s="10"/>
    </row>
    <row r="121240" spans="14:14">
      <c r="N121240" s="10"/>
    </row>
    <row r="121241" spans="14:14">
      <c r="N121241" s="10"/>
    </row>
    <row r="121242" spans="14:14">
      <c r="N121242" s="10"/>
    </row>
    <row r="121243" spans="14:14">
      <c r="N121243" s="10"/>
    </row>
    <row r="121244" spans="14:14">
      <c r="N121244" s="10"/>
    </row>
    <row r="121245" spans="14:14">
      <c r="N121245" s="10"/>
    </row>
    <row r="121246" spans="14:14">
      <c r="N121246" s="10"/>
    </row>
    <row r="121247" spans="14:14">
      <c r="N121247" s="10"/>
    </row>
    <row r="121248" spans="14:14">
      <c r="N121248" s="10"/>
    </row>
    <row r="121249" spans="14:14">
      <c r="N121249" s="10"/>
    </row>
    <row r="121250" spans="14:14">
      <c r="N121250" s="10"/>
    </row>
    <row r="121251" spans="14:14">
      <c r="N121251" s="10"/>
    </row>
    <row r="121252" spans="14:14">
      <c r="N121252" s="10"/>
    </row>
    <row r="121253" spans="14:14">
      <c r="N121253" s="10"/>
    </row>
    <row r="121254" spans="14:14">
      <c r="N121254" s="10"/>
    </row>
    <row r="121255" spans="14:14">
      <c r="N121255" s="10"/>
    </row>
    <row r="121256" spans="14:14">
      <c r="N121256" s="10"/>
    </row>
    <row r="121257" spans="14:14">
      <c r="N121257" s="10"/>
    </row>
    <row r="121258" spans="14:14">
      <c r="N121258" s="10"/>
    </row>
    <row r="121259" spans="14:14">
      <c r="N121259" s="10"/>
    </row>
    <row r="121260" spans="14:14">
      <c r="N121260" s="10"/>
    </row>
    <row r="121261" spans="14:14">
      <c r="N121261" s="10"/>
    </row>
    <row r="121262" spans="14:14">
      <c r="N121262" s="10"/>
    </row>
    <row r="121263" spans="14:14">
      <c r="N121263" s="10"/>
    </row>
    <row r="121264" spans="14:14">
      <c r="N121264" s="10"/>
    </row>
    <row r="121265" spans="14:14">
      <c r="N121265" s="10"/>
    </row>
    <row r="121266" spans="14:14">
      <c r="N121266" s="10"/>
    </row>
    <row r="121267" spans="14:14">
      <c r="N121267" s="10"/>
    </row>
    <row r="121268" spans="14:14">
      <c r="N121268" s="10"/>
    </row>
    <row r="121269" spans="14:14">
      <c r="N121269" s="10"/>
    </row>
    <row r="121270" spans="14:14">
      <c r="N121270" s="10"/>
    </row>
    <row r="121271" spans="14:14">
      <c r="N121271" s="10"/>
    </row>
    <row r="121272" spans="14:14">
      <c r="N121272" s="10"/>
    </row>
    <row r="121273" spans="14:14">
      <c r="N121273" s="10"/>
    </row>
    <row r="121274" spans="14:14">
      <c r="N121274" s="10"/>
    </row>
    <row r="121275" spans="14:14">
      <c r="N121275" s="10"/>
    </row>
    <row r="121276" spans="14:14">
      <c r="N121276" s="10"/>
    </row>
    <row r="121277" spans="14:14">
      <c r="N121277" s="10"/>
    </row>
    <row r="121278" spans="14:14">
      <c r="N121278" s="10"/>
    </row>
    <row r="121279" spans="14:14">
      <c r="N121279" s="10"/>
    </row>
    <row r="121280" spans="14:14">
      <c r="N121280" s="10"/>
    </row>
    <row r="121281" spans="14:14">
      <c r="N121281" s="10"/>
    </row>
    <row r="121282" spans="14:14">
      <c r="N121282" s="10"/>
    </row>
    <row r="121283" spans="14:14">
      <c r="N121283" s="10"/>
    </row>
    <row r="121284" spans="14:14">
      <c r="N121284" s="10"/>
    </row>
    <row r="121285" spans="14:14">
      <c r="N121285" s="10"/>
    </row>
    <row r="121286" spans="14:14">
      <c r="N121286" s="10"/>
    </row>
    <row r="121287" spans="14:14">
      <c r="N121287" s="10"/>
    </row>
    <row r="121288" spans="14:14">
      <c r="N121288" s="10"/>
    </row>
    <row r="121289" spans="14:14">
      <c r="N121289" s="10"/>
    </row>
    <row r="121290" spans="14:14">
      <c r="N121290" s="10"/>
    </row>
    <row r="121291" spans="14:14">
      <c r="N121291" s="10"/>
    </row>
    <row r="121292" spans="14:14">
      <c r="N121292" s="10"/>
    </row>
    <row r="121293" spans="14:14">
      <c r="N121293" s="10"/>
    </row>
    <row r="121294" spans="14:14">
      <c r="N121294" s="10"/>
    </row>
    <row r="121295" spans="14:14">
      <c r="N121295" s="10"/>
    </row>
    <row r="121296" spans="14:14">
      <c r="N121296" s="10"/>
    </row>
    <row r="121297" spans="14:14">
      <c r="N121297" s="10"/>
    </row>
    <row r="121298" spans="14:14">
      <c r="N121298" s="10"/>
    </row>
    <row r="121299" spans="14:14">
      <c r="N121299" s="10"/>
    </row>
    <row r="121300" spans="14:14">
      <c r="N121300" s="10"/>
    </row>
    <row r="121301" spans="14:14">
      <c r="N121301" s="10"/>
    </row>
    <row r="121302" spans="14:14">
      <c r="N121302" s="10"/>
    </row>
    <row r="121303" spans="14:14">
      <c r="N121303" s="10"/>
    </row>
    <row r="121304" spans="14:14">
      <c r="N121304" s="10"/>
    </row>
    <row r="121305" spans="14:14">
      <c r="N121305" s="10"/>
    </row>
    <row r="121306" spans="14:14">
      <c r="N121306" s="10"/>
    </row>
    <row r="121307" spans="14:14">
      <c r="N121307" s="10"/>
    </row>
    <row r="121308" spans="14:14">
      <c r="N121308" s="10"/>
    </row>
    <row r="121309" spans="14:14">
      <c r="N121309" s="10"/>
    </row>
    <row r="121310" spans="14:14">
      <c r="N121310" s="10"/>
    </row>
    <row r="121311" spans="14:14">
      <c r="N121311" s="10"/>
    </row>
    <row r="121312" spans="14:14">
      <c r="N121312" s="10"/>
    </row>
    <row r="121313" spans="14:14">
      <c r="N121313" s="10"/>
    </row>
    <row r="121314" spans="14:14">
      <c r="N121314" s="10"/>
    </row>
    <row r="121315" spans="14:14">
      <c r="N121315" s="10"/>
    </row>
    <row r="121316" spans="14:14">
      <c r="N121316" s="10"/>
    </row>
    <row r="121317" spans="14:14">
      <c r="N121317" s="10"/>
    </row>
    <row r="121318" spans="14:14">
      <c r="N121318" s="10"/>
    </row>
    <row r="121319" spans="14:14">
      <c r="N121319" s="10"/>
    </row>
    <row r="121320" spans="14:14">
      <c r="N121320" s="10"/>
    </row>
    <row r="121321" spans="14:14">
      <c r="N121321" s="10"/>
    </row>
    <row r="121322" spans="14:14">
      <c r="N121322" s="10"/>
    </row>
    <row r="121323" spans="14:14">
      <c r="N121323" s="10"/>
    </row>
    <row r="121324" spans="14:14">
      <c r="N121324" s="10"/>
    </row>
    <row r="121325" spans="14:14">
      <c r="N121325" s="10"/>
    </row>
    <row r="121326" spans="14:14">
      <c r="N121326" s="10"/>
    </row>
    <row r="121327" spans="14:14">
      <c r="N121327" s="10"/>
    </row>
    <row r="121328" spans="14:14">
      <c r="N121328" s="10"/>
    </row>
    <row r="121329" spans="14:14">
      <c r="N121329" s="10"/>
    </row>
    <row r="121330" spans="14:14">
      <c r="N121330" s="10"/>
    </row>
    <row r="121331" spans="14:14">
      <c r="N121331" s="10"/>
    </row>
    <row r="121332" spans="14:14">
      <c r="N121332" s="10"/>
    </row>
    <row r="121333" spans="14:14">
      <c r="N121333" s="10"/>
    </row>
    <row r="121334" spans="14:14">
      <c r="N121334" s="10"/>
    </row>
    <row r="121335" spans="14:14">
      <c r="N121335" s="10"/>
    </row>
    <row r="121336" spans="14:14">
      <c r="N121336" s="10"/>
    </row>
    <row r="121337" spans="14:14">
      <c r="N121337" s="10"/>
    </row>
    <row r="121338" spans="14:14">
      <c r="N121338" s="10"/>
    </row>
    <row r="121339" spans="14:14">
      <c r="N121339" s="10"/>
    </row>
    <row r="121340" spans="14:14">
      <c r="N121340" s="10"/>
    </row>
    <row r="121341" spans="14:14">
      <c r="N121341" s="10"/>
    </row>
    <row r="121342" spans="14:14">
      <c r="N121342" s="10"/>
    </row>
    <row r="121343" spans="14:14">
      <c r="N121343" s="10"/>
    </row>
    <row r="121344" spans="14:14">
      <c r="N121344" s="10"/>
    </row>
    <row r="121345" spans="14:14">
      <c r="N121345" s="10"/>
    </row>
    <row r="121346" spans="14:14">
      <c r="N121346" s="10"/>
    </row>
    <row r="121347" spans="14:14">
      <c r="N121347" s="10"/>
    </row>
    <row r="121348" spans="14:14">
      <c r="N121348" s="10"/>
    </row>
    <row r="121349" spans="14:14">
      <c r="N121349" s="10"/>
    </row>
    <row r="121350" spans="14:14">
      <c r="N121350" s="10"/>
    </row>
    <row r="121351" spans="14:14">
      <c r="N121351" s="10"/>
    </row>
    <row r="121352" spans="14:14">
      <c r="N121352" s="10"/>
    </row>
    <row r="121353" spans="14:14">
      <c r="N121353" s="10"/>
    </row>
    <row r="121354" spans="14:14">
      <c r="N121354" s="10"/>
    </row>
    <row r="121355" spans="14:14">
      <c r="N121355" s="10"/>
    </row>
    <row r="121356" spans="14:14">
      <c r="N121356" s="10"/>
    </row>
    <row r="121357" spans="14:14">
      <c r="N121357" s="10"/>
    </row>
    <row r="121358" spans="14:14">
      <c r="N121358" s="10"/>
    </row>
    <row r="121359" spans="14:14">
      <c r="N121359" s="10"/>
    </row>
    <row r="121360" spans="14:14">
      <c r="N121360" s="10"/>
    </row>
    <row r="121361" spans="14:14">
      <c r="N121361" s="10"/>
    </row>
    <row r="121362" spans="14:14">
      <c r="N121362" s="10"/>
    </row>
    <row r="121363" spans="14:14">
      <c r="N121363" s="10"/>
    </row>
    <row r="121364" spans="14:14">
      <c r="N121364" s="10"/>
    </row>
    <row r="121365" spans="14:14">
      <c r="N121365" s="10"/>
    </row>
    <row r="121366" spans="14:14">
      <c r="N121366" s="10"/>
    </row>
    <row r="121367" spans="14:14">
      <c r="N121367" s="10"/>
    </row>
    <row r="121368" spans="14:14">
      <c r="N121368" s="10"/>
    </row>
    <row r="121369" spans="14:14">
      <c r="N121369" s="10"/>
    </row>
    <row r="121370" spans="14:14">
      <c r="N121370" s="10"/>
    </row>
    <row r="121371" spans="14:14">
      <c r="N121371" s="10"/>
    </row>
    <row r="121372" spans="14:14">
      <c r="N121372" s="10"/>
    </row>
    <row r="121373" spans="14:14">
      <c r="N121373" s="10"/>
    </row>
    <row r="121374" spans="14:14">
      <c r="N121374" s="10"/>
    </row>
    <row r="121375" spans="14:14">
      <c r="N121375" s="10"/>
    </row>
    <row r="121376" spans="14:14">
      <c r="N121376" s="10"/>
    </row>
    <row r="121377" spans="14:14">
      <c r="N121377" s="10"/>
    </row>
    <row r="121378" spans="14:14">
      <c r="N121378" s="10"/>
    </row>
    <row r="121379" spans="14:14">
      <c r="N121379" s="10"/>
    </row>
    <row r="121380" spans="14:14">
      <c r="N121380" s="10"/>
    </row>
    <row r="121381" spans="14:14">
      <c r="N121381" s="10"/>
    </row>
    <row r="121382" spans="14:14">
      <c r="N121382" s="10"/>
    </row>
    <row r="121383" spans="14:14">
      <c r="N121383" s="10"/>
    </row>
    <row r="121384" spans="14:14">
      <c r="N121384" s="10"/>
    </row>
    <row r="121385" spans="14:14">
      <c r="N121385" s="10"/>
    </row>
    <row r="121386" spans="14:14">
      <c r="N121386" s="10"/>
    </row>
    <row r="121387" spans="14:14">
      <c r="N121387" s="10"/>
    </row>
    <row r="121388" spans="14:14">
      <c r="N121388" s="10"/>
    </row>
    <row r="121389" spans="14:14">
      <c r="N121389" s="10"/>
    </row>
    <row r="121390" spans="14:14">
      <c r="N121390" s="10"/>
    </row>
    <row r="121391" spans="14:14">
      <c r="N121391" s="10"/>
    </row>
    <row r="121392" spans="14:14">
      <c r="N121392" s="10"/>
    </row>
    <row r="121393" spans="14:14">
      <c r="N121393" s="10"/>
    </row>
    <row r="121394" spans="14:14">
      <c r="N121394" s="10"/>
    </row>
    <row r="121395" spans="14:14">
      <c r="N121395" s="10"/>
    </row>
    <row r="121396" spans="14:14">
      <c r="N121396" s="10"/>
    </row>
    <row r="121397" spans="14:14">
      <c r="N121397" s="10"/>
    </row>
    <row r="121398" spans="14:14">
      <c r="N121398" s="10"/>
    </row>
    <row r="121399" spans="14:14">
      <c r="N121399" s="10"/>
    </row>
    <row r="121400" spans="14:14">
      <c r="N121400" s="10"/>
    </row>
    <row r="121401" spans="14:14">
      <c r="N121401" s="10"/>
    </row>
    <row r="121402" spans="14:14">
      <c r="N121402" s="10"/>
    </row>
    <row r="121403" spans="14:14">
      <c r="N121403" s="10"/>
    </row>
    <row r="121404" spans="14:14">
      <c r="N121404" s="10"/>
    </row>
    <row r="121405" spans="14:14">
      <c r="N121405" s="10"/>
    </row>
    <row r="121406" spans="14:14">
      <c r="N121406" s="10"/>
    </row>
    <row r="121407" spans="14:14">
      <c r="N121407" s="10"/>
    </row>
    <row r="121408" spans="14:14">
      <c r="N121408" s="10"/>
    </row>
    <row r="121409" spans="14:14">
      <c r="N121409" s="10"/>
    </row>
    <row r="121410" spans="14:14">
      <c r="N121410" s="10"/>
    </row>
    <row r="121411" spans="14:14">
      <c r="N121411" s="10"/>
    </row>
    <row r="121412" spans="14:14">
      <c r="N121412" s="10"/>
    </row>
    <row r="121413" spans="14:14">
      <c r="N121413" s="10"/>
    </row>
    <row r="121414" spans="14:14">
      <c r="N121414" s="10"/>
    </row>
    <row r="121415" spans="14:14">
      <c r="N121415" s="10"/>
    </row>
    <row r="121416" spans="14:14">
      <c r="N121416" s="10"/>
    </row>
    <row r="121417" spans="14:14">
      <c r="N121417" s="10"/>
    </row>
    <row r="121418" spans="14:14">
      <c r="N121418" s="10"/>
    </row>
    <row r="121419" spans="14:14">
      <c r="N121419" s="10"/>
    </row>
    <row r="121420" spans="14:14">
      <c r="N121420" s="10"/>
    </row>
    <row r="121421" spans="14:14">
      <c r="N121421" s="10"/>
    </row>
    <row r="121422" spans="14:14">
      <c r="N121422" s="10"/>
    </row>
    <row r="121423" spans="14:14">
      <c r="N121423" s="10"/>
    </row>
    <row r="121424" spans="14:14">
      <c r="N121424" s="10"/>
    </row>
    <row r="121425" spans="14:14">
      <c r="N121425" s="10"/>
    </row>
    <row r="121426" spans="14:14">
      <c r="N121426" s="10"/>
    </row>
    <row r="121427" spans="14:14">
      <c r="N121427" s="10"/>
    </row>
    <row r="121428" spans="14:14">
      <c r="N121428" s="10"/>
    </row>
    <row r="121429" spans="14:14">
      <c r="N121429" s="10"/>
    </row>
    <row r="121430" spans="14:14">
      <c r="N121430" s="10"/>
    </row>
    <row r="121431" spans="14:14">
      <c r="N121431" s="10"/>
    </row>
    <row r="121432" spans="14:14">
      <c r="N121432" s="10"/>
    </row>
    <row r="121433" spans="14:14">
      <c r="N121433" s="10"/>
    </row>
    <row r="121434" spans="14:14">
      <c r="N121434" s="10"/>
    </row>
    <row r="121435" spans="14:14">
      <c r="N121435" s="10"/>
    </row>
    <row r="121436" spans="14:14">
      <c r="N121436" s="10"/>
    </row>
    <row r="121437" spans="14:14">
      <c r="N121437" s="10"/>
    </row>
    <row r="121438" spans="14:14">
      <c r="N121438" s="10"/>
    </row>
    <row r="121439" spans="14:14">
      <c r="N121439" s="10"/>
    </row>
    <row r="121440" spans="14:14">
      <c r="N121440" s="10"/>
    </row>
    <row r="121441" spans="14:14">
      <c r="N121441" s="10"/>
    </row>
    <row r="121442" spans="14:14">
      <c r="N121442" s="10"/>
    </row>
    <row r="121443" spans="14:14">
      <c r="N121443" s="10"/>
    </row>
    <row r="121444" spans="14:14">
      <c r="N121444" s="10"/>
    </row>
    <row r="121445" spans="14:14">
      <c r="N121445" s="10"/>
    </row>
    <row r="121446" spans="14:14">
      <c r="N121446" s="10"/>
    </row>
    <row r="121447" spans="14:14">
      <c r="N121447" s="10"/>
    </row>
    <row r="121448" spans="14:14">
      <c r="N121448" s="10"/>
    </row>
    <row r="121449" spans="14:14">
      <c r="N121449" s="10"/>
    </row>
    <row r="121450" spans="14:14">
      <c r="N121450" s="10"/>
    </row>
    <row r="121451" spans="14:14">
      <c r="N121451" s="10"/>
    </row>
    <row r="121452" spans="14:14">
      <c r="N121452" s="10"/>
    </row>
    <row r="121453" spans="14:14">
      <c r="N121453" s="10"/>
    </row>
    <row r="121454" spans="14:14">
      <c r="N121454" s="10"/>
    </row>
    <row r="121455" spans="14:14">
      <c r="N121455" s="10"/>
    </row>
    <row r="121456" spans="14:14">
      <c r="N121456" s="10"/>
    </row>
    <row r="121457" spans="14:14">
      <c r="N121457" s="10"/>
    </row>
    <row r="121458" spans="14:14">
      <c r="N121458" s="10"/>
    </row>
    <row r="121459" spans="14:14">
      <c r="N121459" s="10"/>
    </row>
    <row r="121460" spans="14:14">
      <c r="N121460" s="10"/>
    </row>
    <row r="121461" spans="14:14">
      <c r="N121461" s="10"/>
    </row>
    <row r="121462" spans="14:14">
      <c r="N121462" s="10"/>
    </row>
    <row r="121463" spans="14:14">
      <c r="N121463" s="10"/>
    </row>
    <row r="121464" spans="14:14">
      <c r="N121464" s="10"/>
    </row>
    <row r="121465" spans="14:14">
      <c r="N121465" s="10"/>
    </row>
    <row r="121466" spans="14:14">
      <c r="N121466" s="10"/>
    </row>
    <row r="121467" spans="14:14">
      <c r="N121467" s="10"/>
    </row>
    <row r="121468" spans="14:14">
      <c r="N121468" s="10"/>
    </row>
    <row r="121469" spans="14:14">
      <c r="N121469" s="10"/>
    </row>
    <row r="121470" spans="14:14">
      <c r="N121470" s="10"/>
    </row>
    <row r="121471" spans="14:14">
      <c r="N121471" s="10"/>
    </row>
    <row r="121472" spans="14:14">
      <c r="N121472" s="10"/>
    </row>
    <row r="121473" spans="14:14">
      <c r="N121473" s="10"/>
    </row>
    <row r="121474" spans="14:14">
      <c r="N121474" s="10"/>
    </row>
    <row r="121475" spans="14:14">
      <c r="N121475" s="10"/>
    </row>
    <row r="121476" spans="14:14">
      <c r="N121476" s="10"/>
    </row>
    <row r="121477" spans="14:14">
      <c r="N121477" s="10"/>
    </row>
    <row r="121478" spans="14:14">
      <c r="N121478" s="10"/>
    </row>
    <row r="121479" spans="14:14">
      <c r="N121479" s="10"/>
    </row>
    <row r="121480" spans="14:14">
      <c r="N121480" s="10"/>
    </row>
    <row r="121481" spans="14:14">
      <c r="N121481" s="10"/>
    </row>
    <row r="121482" spans="14:14">
      <c r="N121482" s="10"/>
    </row>
    <row r="121483" spans="14:14">
      <c r="N121483" s="10"/>
    </row>
    <row r="121484" spans="14:14">
      <c r="N121484" s="10"/>
    </row>
    <row r="121485" spans="14:14">
      <c r="N121485" s="10"/>
    </row>
    <row r="121486" spans="14:14">
      <c r="N121486" s="10"/>
    </row>
    <row r="121487" spans="14:14">
      <c r="N121487" s="10"/>
    </row>
    <row r="121488" spans="14:14">
      <c r="N121488" s="10"/>
    </row>
    <row r="121489" spans="14:14">
      <c r="N121489" s="10"/>
    </row>
    <row r="121490" spans="14:14">
      <c r="N121490" s="10"/>
    </row>
    <row r="121491" spans="14:14">
      <c r="N121491" s="10"/>
    </row>
    <row r="121492" spans="14:14">
      <c r="N121492" s="10"/>
    </row>
    <row r="121493" spans="14:14">
      <c r="N121493" s="10"/>
    </row>
    <row r="121494" spans="14:14">
      <c r="N121494" s="10"/>
    </row>
    <row r="121495" spans="14:14">
      <c r="N121495" s="10"/>
    </row>
    <row r="121496" spans="14:14">
      <c r="N121496" s="10"/>
    </row>
    <row r="121497" spans="14:14">
      <c r="N121497" s="10"/>
    </row>
    <row r="121498" spans="14:14">
      <c r="N121498" s="10"/>
    </row>
    <row r="121499" spans="14:14">
      <c r="N121499" s="10"/>
    </row>
    <row r="121500" spans="14:14">
      <c r="N121500" s="10"/>
    </row>
    <row r="121501" spans="14:14">
      <c r="N121501" s="10"/>
    </row>
    <row r="121502" spans="14:14">
      <c r="N121502" s="10"/>
    </row>
    <row r="121503" spans="14:14">
      <c r="N121503" s="10"/>
    </row>
    <row r="121504" spans="14:14">
      <c r="N121504" s="10"/>
    </row>
    <row r="121505" spans="14:14">
      <c r="N121505" s="10"/>
    </row>
    <row r="121506" spans="14:14">
      <c r="N121506" s="10"/>
    </row>
    <row r="121507" spans="14:14">
      <c r="N121507" s="10"/>
    </row>
    <row r="121508" spans="14:14">
      <c r="N121508" s="10"/>
    </row>
    <row r="121509" spans="14:14">
      <c r="N121509" s="10"/>
    </row>
    <row r="121510" spans="14:14">
      <c r="N121510" s="10"/>
    </row>
    <row r="121511" spans="14:14">
      <c r="N121511" s="10"/>
    </row>
    <row r="121512" spans="14:14">
      <c r="N121512" s="10"/>
    </row>
    <row r="121513" spans="14:14">
      <c r="N121513" s="10"/>
    </row>
    <row r="121514" spans="14:14">
      <c r="N121514" s="10"/>
    </row>
    <row r="121515" spans="14:14">
      <c r="N121515" s="10"/>
    </row>
    <row r="121516" spans="14:14">
      <c r="N121516" s="10"/>
    </row>
    <row r="121517" spans="14:14">
      <c r="N121517" s="10"/>
    </row>
    <row r="121518" spans="14:14">
      <c r="N121518" s="10"/>
    </row>
    <row r="121519" spans="14:14">
      <c r="N121519" s="10"/>
    </row>
    <row r="121520" spans="14:14">
      <c r="N121520" s="10"/>
    </row>
    <row r="121521" spans="14:14">
      <c r="N121521" s="10"/>
    </row>
    <row r="121522" spans="14:14">
      <c r="N121522" s="10"/>
    </row>
    <row r="121523" spans="14:14">
      <c r="N121523" s="10"/>
    </row>
    <row r="121524" spans="14:14">
      <c r="N121524" s="10"/>
    </row>
    <row r="121525" spans="14:14">
      <c r="N121525" s="10"/>
    </row>
    <row r="121526" spans="14:14">
      <c r="N121526" s="10"/>
    </row>
    <row r="121527" spans="14:14">
      <c r="N121527" s="10"/>
    </row>
    <row r="121528" spans="14:14">
      <c r="N121528" s="10"/>
    </row>
    <row r="121529" spans="14:14">
      <c r="N121529" s="10"/>
    </row>
    <row r="121530" spans="14:14">
      <c r="N121530" s="10"/>
    </row>
    <row r="121531" spans="14:14">
      <c r="N121531" s="10"/>
    </row>
    <row r="121532" spans="14:14">
      <c r="N121532" s="10"/>
    </row>
    <row r="121533" spans="14:14">
      <c r="N121533" s="10"/>
    </row>
    <row r="121534" spans="14:14">
      <c r="N121534" s="10"/>
    </row>
    <row r="121535" spans="14:14">
      <c r="N121535" s="10"/>
    </row>
    <row r="121536" spans="14:14">
      <c r="N121536" s="10"/>
    </row>
    <row r="121537" spans="14:14">
      <c r="N121537" s="10"/>
    </row>
    <row r="121538" spans="14:14">
      <c r="N121538" s="10"/>
    </row>
    <row r="121539" spans="14:14">
      <c r="N121539" s="10"/>
    </row>
    <row r="121540" spans="14:14">
      <c r="N121540" s="10"/>
    </row>
    <row r="121541" spans="14:14">
      <c r="N121541" s="10"/>
    </row>
    <row r="121542" spans="14:14">
      <c r="N121542" s="10"/>
    </row>
    <row r="121543" spans="14:14">
      <c r="N121543" s="10"/>
    </row>
    <row r="121544" spans="14:14">
      <c r="N121544" s="10"/>
    </row>
    <row r="121545" spans="14:14">
      <c r="N121545" s="10"/>
    </row>
    <row r="121546" spans="14:14">
      <c r="N121546" s="10"/>
    </row>
    <row r="121547" spans="14:14">
      <c r="N121547" s="10"/>
    </row>
    <row r="121548" spans="14:14">
      <c r="N121548" s="10"/>
    </row>
    <row r="121549" spans="14:14">
      <c r="N121549" s="10"/>
    </row>
    <row r="121550" spans="14:14">
      <c r="N121550" s="10"/>
    </row>
    <row r="121551" spans="14:14">
      <c r="N121551" s="10"/>
    </row>
    <row r="121552" spans="14:14">
      <c r="N121552" s="10"/>
    </row>
    <row r="121553" spans="14:14">
      <c r="N121553" s="10"/>
    </row>
    <row r="121554" spans="14:14">
      <c r="N121554" s="10"/>
    </row>
    <row r="121555" spans="14:14">
      <c r="N121555" s="10"/>
    </row>
    <row r="121556" spans="14:14">
      <c r="N121556" s="10"/>
    </row>
    <row r="121557" spans="14:14">
      <c r="N121557" s="10"/>
    </row>
    <row r="121558" spans="14:14">
      <c r="N121558" s="10"/>
    </row>
    <row r="121559" spans="14:14">
      <c r="N121559" s="10"/>
    </row>
    <row r="121560" spans="14:14">
      <c r="N121560" s="10"/>
    </row>
    <row r="121561" spans="14:14">
      <c r="N121561" s="10"/>
    </row>
    <row r="121562" spans="14:14">
      <c r="N121562" s="10"/>
    </row>
    <row r="121563" spans="14:14">
      <c r="N121563" s="10"/>
    </row>
    <row r="121564" spans="14:14">
      <c r="N121564" s="10"/>
    </row>
    <row r="121565" spans="14:14">
      <c r="N121565" s="10"/>
    </row>
    <row r="121566" spans="14:14">
      <c r="N121566" s="10"/>
    </row>
    <row r="121567" spans="14:14">
      <c r="N121567" s="10"/>
    </row>
    <row r="121568" spans="14:14">
      <c r="N121568" s="10"/>
    </row>
    <row r="121569" spans="14:14">
      <c r="N121569" s="10"/>
    </row>
    <row r="121570" spans="14:14">
      <c r="N121570" s="10"/>
    </row>
    <row r="121571" spans="14:14">
      <c r="N121571" s="10"/>
    </row>
    <row r="121572" spans="14:14">
      <c r="N121572" s="10"/>
    </row>
    <row r="121573" spans="14:14">
      <c r="N121573" s="10"/>
    </row>
    <row r="121574" spans="14:14">
      <c r="N121574" s="10"/>
    </row>
    <row r="121575" spans="14:14">
      <c r="N121575" s="10"/>
    </row>
    <row r="121576" spans="14:14">
      <c r="N121576" s="10"/>
    </row>
    <row r="121577" spans="14:14">
      <c r="N121577" s="10"/>
    </row>
    <row r="121578" spans="14:14">
      <c r="N121578" s="10"/>
    </row>
    <row r="121579" spans="14:14">
      <c r="N121579" s="10"/>
    </row>
    <row r="121580" spans="14:14">
      <c r="N121580" s="10"/>
    </row>
    <row r="121581" spans="14:14">
      <c r="N121581" s="10"/>
    </row>
    <row r="121582" spans="14:14">
      <c r="N121582" s="10"/>
    </row>
    <row r="121583" spans="14:14">
      <c r="N121583" s="10"/>
    </row>
    <row r="121584" spans="14:14">
      <c r="N121584" s="10"/>
    </row>
    <row r="121585" spans="14:14">
      <c r="N121585" s="10"/>
    </row>
    <row r="121586" spans="14:14">
      <c r="N121586" s="10"/>
    </row>
    <row r="121587" spans="14:14">
      <c r="N121587" s="10"/>
    </row>
    <row r="121588" spans="14:14">
      <c r="N121588" s="10"/>
    </row>
    <row r="121589" spans="14:14">
      <c r="N121589" s="10"/>
    </row>
    <row r="121590" spans="14:14">
      <c r="N121590" s="10"/>
    </row>
    <row r="121591" spans="14:14">
      <c r="N121591" s="10"/>
    </row>
    <row r="121592" spans="14:14">
      <c r="N121592" s="10"/>
    </row>
    <row r="121593" spans="14:14">
      <c r="N121593" s="10"/>
    </row>
    <row r="121594" spans="14:14">
      <c r="N121594" s="10"/>
    </row>
    <row r="121595" spans="14:14">
      <c r="N121595" s="10"/>
    </row>
    <row r="121596" spans="14:14">
      <c r="N121596" s="10"/>
    </row>
    <row r="121597" spans="14:14">
      <c r="N121597" s="10"/>
    </row>
    <row r="121598" spans="14:14">
      <c r="N121598" s="10"/>
    </row>
    <row r="121599" spans="14:14">
      <c r="N121599" s="10"/>
    </row>
    <row r="121600" spans="14:14">
      <c r="N121600" s="10"/>
    </row>
    <row r="121601" spans="14:14">
      <c r="N121601" s="10"/>
    </row>
    <row r="121602" spans="14:14">
      <c r="N121602" s="10"/>
    </row>
    <row r="121603" spans="14:14">
      <c r="N121603" s="10"/>
    </row>
    <row r="121604" spans="14:14">
      <c r="N121604" s="10"/>
    </row>
    <row r="121605" spans="14:14">
      <c r="N121605" s="10"/>
    </row>
    <row r="121606" spans="14:14">
      <c r="N121606" s="10"/>
    </row>
    <row r="121607" spans="14:14">
      <c r="N121607" s="10"/>
    </row>
    <row r="121608" spans="14:14">
      <c r="N121608" s="10"/>
    </row>
    <row r="121609" spans="14:14">
      <c r="N121609" s="10"/>
    </row>
    <row r="121610" spans="14:14">
      <c r="N121610" s="10"/>
    </row>
    <row r="121611" spans="14:14">
      <c r="N121611" s="10"/>
    </row>
    <row r="121612" spans="14:14">
      <c r="N121612" s="10"/>
    </row>
    <row r="121613" spans="14:14">
      <c r="N121613" s="10"/>
    </row>
    <row r="121614" spans="14:14">
      <c r="N121614" s="10"/>
    </row>
    <row r="121615" spans="14:14">
      <c r="N121615" s="10"/>
    </row>
    <row r="121616" spans="14:14">
      <c r="N121616" s="10"/>
    </row>
    <row r="121617" spans="14:14">
      <c r="N121617" s="10"/>
    </row>
    <row r="121618" spans="14:14">
      <c r="N121618" s="10"/>
    </row>
    <row r="121619" spans="14:14">
      <c r="N121619" s="10"/>
    </row>
    <row r="121620" spans="14:14">
      <c r="N121620" s="10"/>
    </row>
    <row r="121621" spans="14:14">
      <c r="N121621" s="10"/>
    </row>
    <row r="121622" spans="14:14">
      <c r="N121622" s="10"/>
    </row>
    <row r="121623" spans="14:14">
      <c r="N121623" s="10"/>
    </row>
    <row r="121624" spans="14:14">
      <c r="N121624" s="10"/>
    </row>
    <row r="121625" spans="14:14">
      <c r="N121625" s="10"/>
    </row>
    <row r="121626" spans="14:14">
      <c r="N121626" s="10"/>
    </row>
    <row r="121627" spans="14:14">
      <c r="N121627" s="10"/>
    </row>
    <row r="121628" spans="14:14">
      <c r="N121628" s="10"/>
    </row>
    <row r="121629" spans="14:14">
      <c r="N121629" s="10"/>
    </row>
    <row r="121630" spans="14:14">
      <c r="N121630" s="10"/>
    </row>
    <row r="121631" spans="14:14">
      <c r="N121631" s="10"/>
    </row>
    <row r="121632" spans="14:14">
      <c r="N121632" s="10"/>
    </row>
    <row r="121633" spans="14:14">
      <c r="N121633" s="10"/>
    </row>
    <row r="121634" spans="14:14">
      <c r="N121634" s="10"/>
    </row>
    <row r="121635" spans="14:14">
      <c r="N121635" s="10"/>
    </row>
    <row r="121636" spans="14:14">
      <c r="N121636" s="10"/>
    </row>
    <row r="121637" spans="14:14">
      <c r="N121637" s="10"/>
    </row>
    <row r="121638" spans="14:14">
      <c r="N121638" s="10"/>
    </row>
    <row r="121639" spans="14:14">
      <c r="N121639" s="10"/>
    </row>
    <row r="121640" spans="14:14">
      <c r="N121640" s="10"/>
    </row>
    <row r="121641" spans="14:14">
      <c r="N121641" s="10"/>
    </row>
    <row r="121642" spans="14:14">
      <c r="N121642" s="10"/>
    </row>
    <row r="121643" spans="14:14">
      <c r="N121643" s="10"/>
    </row>
    <row r="121644" spans="14:14">
      <c r="N121644" s="10"/>
    </row>
    <row r="121645" spans="14:14">
      <c r="N121645" s="10"/>
    </row>
    <row r="121646" spans="14:14">
      <c r="N121646" s="10"/>
    </row>
    <row r="121647" spans="14:14">
      <c r="N121647" s="10"/>
    </row>
    <row r="121648" spans="14:14">
      <c r="N121648" s="10"/>
    </row>
    <row r="121649" spans="14:14">
      <c r="N121649" s="10"/>
    </row>
    <row r="121650" spans="14:14">
      <c r="N121650" s="10"/>
    </row>
    <row r="121651" spans="14:14">
      <c r="N121651" s="10"/>
    </row>
    <row r="121652" spans="14:14">
      <c r="N121652" s="10"/>
    </row>
    <row r="121653" spans="14:14">
      <c r="N121653" s="10"/>
    </row>
    <row r="121654" spans="14:14">
      <c r="N121654" s="10"/>
    </row>
    <row r="121655" spans="14:14">
      <c r="N121655" s="10"/>
    </row>
    <row r="121656" spans="14:14">
      <c r="N121656" s="10"/>
    </row>
    <row r="121657" spans="14:14">
      <c r="N121657" s="10"/>
    </row>
    <row r="121658" spans="14:14">
      <c r="N121658" s="10"/>
    </row>
    <row r="121659" spans="14:14">
      <c r="N121659" s="10"/>
    </row>
    <row r="121660" spans="14:14">
      <c r="N121660" s="10"/>
    </row>
    <row r="121661" spans="14:14">
      <c r="N121661" s="10"/>
    </row>
    <row r="121662" spans="14:14">
      <c r="N121662" s="10"/>
    </row>
    <row r="121663" spans="14:14">
      <c r="N121663" s="10"/>
    </row>
    <row r="121664" spans="14:14">
      <c r="N121664" s="10"/>
    </row>
    <row r="121665" spans="14:14">
      <c r="N121665" s="10"/>
    </row>
    <row r="121666" spans="14:14">
      <c r="N121666" s="10"/>
    </row>
    <row r="121667" spans="14:14">
      <c r="N121667" s="10"/>
    </row>
    <row r="121668" spans="14:14">
      <c r="N121668" s="10"/>
    </row>
    <row r="121669" spans="14:14">
      <c r="N121669" s="10"/>
    </row>
    <row r="121670" spans="14:14">
      <c r="N121670" s="10"/>
    </row>
    <row r="121671" spans="14:14">
      <c r="N121671" s="10"/>
    </row>
    <row r="121672" spans="14:14">
      <c r="N121672" s="10"/>
    </row>
    <row r="121673" spans="14:14">
      <c r="N121673" s="10"/>
    </row>
    <row r="121674" spans="14:14">
      <c r="N121674" s="10"/>
    </row>
    <row r="121675" spans="14:14">
      <c r="N121675" s="10"/>
    </row>
    <row r="121676" spans="14:14">
      <c r="N121676" s="10"/>
    </row>
    <row r="121677" spans="14:14">
      <c r="N121677" s="10"/>
    </row>
    <row r="121678" spans="14:14">
      <c r="N121678" s="10"/>
    </row>
    <row r="121679" spans="14:14">
      <c r="N121679" s="10"/>
    </row>
    <row r="121680" spans="14:14">
      <c r="N121680" s="10"/>
    </row>
    <row r="121681" spans="14:14">
      <c r="N121681" s="10"/>
    </row>
    <row r="121682" spans="14:14">
      <c r="N121682" s="10"/>
    </row>
    <row r="121683" spans="14:14">
      <c r="N121683" s="10"/>
    </row>
    <row r="121684" spans="14:14">
      <c r="N121684" s="10"/>
    </row>
    <row r="121685" spans="14:14">
      <c r="N121685" s="10"/>
    </row>
    <row r="121686" spans="14:14">
      <c r="N121686" s="10"/>
    </row>
    <row r="121687" spans="14:14">
      <c r="N121687" s="10"/>
    </row>
    <row r="121688" spans="14:14">
      <c r="N121688" s="10"/>
    </row>
    <row r="121689" spans="14:14">
      <c r="N121689" s="10"/>
    </row>
    <row r="121690" spans="14:14">
      <c r="N121690" s="10"/>
    </row>
    <row r="121691" spans="14:14">
      <c r="N121691" s="10"/>
    </row>
    <row r="121692" spans="14:14">
      <c r="N121692" s="10"/>
    </row>
    <row r="121693" spans="14:14">
      <c r="N121693" s="10"/>
    </row>
    <row r="121694" spans="14:14">
      <c r="N121694" s="10"/>
    </row>
    <row r="121695" spans="14:14">
      <c r="N121695" s="10"/>
    </row>
    <row r="121696" spans="14:14">
      <c r="N121696" s="10"/>
    </row>
    <row r="121697" spans="14:14">
      <c r="N121697" s="10"/>
    </row>
    <row r="121698" spans="14:14">
      <c r="N121698" s="10"/>
    </row>
    <row r="121699" spans="14:14">
      <c r="N121699" s="10"/>
    </row>
    <row r="121700" spans="14:14">
      <c r="N121700" s="10"/>
    </row>
    <row r="121701" spans="14:14">
      <c r="N121701" s="10"/>
    </row>
    <row r="121702" spans="14:14">
      <c r="N121702" s="10"/>
    </row>
    <row r="121703" spans="14:14">
      <c r="N121703" s="10"/>
    </row>
    <row r="121704" spans="14:14">
      <c r="N121704" s="10"/>
    </row>
    <row r="121705" spans="14:14">
      <c r="N121705" s="10"/>
    </row>
    <row r="121706" spans="14:14">
      <c r="N121706" s="10"/>
    </row>
    <row r="121707" spans="14:14">
      <c r="N121707" s="10"/>
    </row>
    <row r="121708" spans="14:14">
      <c r="N121708" s="10"/>
    </row>
    <row r="121709" spans="14:14">
      <c r="N121709" s="10"/>
    </row>
    <row r="121710" spans="14:14">
      <c r="N121710" s="10"/>
    </row>
    <row r="121711" spans="14:14">
      <c r="N121711" s="10"/>
    </row>
    <row r="121712" spans="14:14">
      <c r="N121712" s="10"/>
    </row>
    <row r="121713" spans="14:14">
      <c r="N121713" s="10"/>
    </row>
    <row r="121714" spans="14:14">
      <c r="N121714" s="10"/>
    </row>
    <row r="121715" spans="14:14">
      <c r="N121715" s="10"/>
    </row>
    <row r="121716" spans="14:14">
      <c r="N121716" s="10"/>
    </row>
    <row r="121717" spans="14:14">
      <c r="N121717" s="10"/>
    </row>
    <row r="121718" spans="14:14">
      <c r="N121718" s="10"/>
    </row>
    <row r="121719" spans="14:14">
      <c r="N121719" s="10"/>
    </row>
    <row r="121720" spans="14:14">
      <c r="N121720" s="10"/>
    </row>
    <row r="121721" spans="14:14">
      <c r="N121721" s="10"/>
    </row>
    <row r="121722" spans="14:14">
      <c r="N121722" s="10"/>
    </row>
    <row r="121723" spans="14:14">
      <c r="N121723" s="10"/>
    </row>
    <row r="121724" spans="14:14">
      <c r="N121724" s="10"/>
    </row>
    <row r="121725" spans="14:14">
      <c r="N121725" s="10"/>
    </row>
    <row r="121726" spans="14:14">
      <c r="N121726" s="10"/>
    </row>
    <row r="121727" spans="14:14">
      <c r="N121727" s="10"/>
    </row>
    <row r="121728" spans="14:14">
      <c r="N121728" s="10"/>
    </row>
    <row r="121729" spans="14:14">
      <c r="N121729" s="10"/>
    </row>
    <row r="121730" spans="14:14">
      <c r="N121730" s="10"/>
    </row>
    <row r="121731" spans="14:14">
      <c r="N121731" s="10"/>
    </row>
    <row r="121732" spans="14:14">
      <c r="N121732" s="10"/>
    </row>
    <row r="121733" spans="14:14">
      <c r="N121733" s="10"/>
    </row>
    <row r="121734" spans="14:14">
      <c r="N121734" s="10"/>
    </row>
    <row r="121735" spans="14:14">
      <c r="N121735" s="10"/>
    </row>
    <row r="121736" spans="14:14">
      <c r="N121736" s="10"/>
    </row>
    <row r="121737" spans="14:14">
      <c r="N121737" s="10"/>
    </row>
    <row r="121738" spans="14:14">
      <c r="N121738" s="10"/>
    </row>
    <row r="121739" spans="14:14">
      <c r="N121739" s="10"/>
    </row>
    <row r="121740" spans="14:14">
      <c r="N121740" s="10"/>
    </row>
    <row r="121741" spans="14:14">
      <c r="N121741" s="10"/>
    </row>
    <row r="121742" spans="14:14">
      <c r="N121742" s="10"/>
    </row>
    <row r="121743" spans="14:14">
      <c r="N121743" s="10"/>
    </row>
    <row r="121744" spans="14:14">
      <c r="N121744" s="10"/>
    </row>
    <row r="121745" spans="14:14">
      <c r="N121745" s="10"/>
    </row>
    <row r="121746" spans="14:14">
      <c r="N121746" s="10"/>
    </row>
    <row r="121747" spans="14:14">
      <c r="N121747" s="10"/>
    </row>
    <row r="121748" spans="14:14">
      <c r="N121748" s="10"/>
    </row>
    <row r="121749" spans="14:14">
      <c r="N121749" s="10"/>
    </row>
    <row r="121750" spans="14:14">
      <c r="N121750" s="10"/>
    </row>
    <row r="121751" spans="14:14">
      <c r="N121751" s="10"/>
    </row>
    <row r="121752" spans="14:14">
      <c r="N121752" s="10"/>
    </row>
    <row r="121753" spans="14:14">
      <c r="N121753" s="10"/>
    </row>
    <row r="121754" spans="14:14">
      <c r="N121754" s="10"/>
    </row>
    <row r="121755" spans="14:14">
      <c r="N121755" s="10"/>
    </row>
    <row r="121756" spans="14:14">
      <c r="N121756" s="10"/>
    </row>
    <row r="121757" spans="14:14">
      <c r="N121757" s="10"/>
    </row>
    <row r="121758" spans="14:14">
      <c r="N121758" s="10"/>
    </row>
    <row r="121759" spans="14:14">
      <c r="N121759" s="10"/>
    </row>
    <row r="121760" spans="14:14">
      <c r="N121760" s="10"/>
    </row>
    <row r="121761" spans="14:14">
      <c r="N121761" s="10"/>
    </row>
    <row r="121762" spans="14:14">
      <c r="N121762" s="10"/>
    </row>
    <row r="121763" spans="14:14">
      <c r="N121763" s="10"/>
    </row>
    <row r="121764" spans="14:14">
      <c r="N121764" s="10"/>
    </row>
    <row r="121765" spans="14:14">
      <c r="N121765" s="10"/>
    </row>
    <row r="121766" spans="14:14">
      <c r="N121766" s="10"/>
    </row>
    <row r="121767" spans="14:14">
      <c r="N121767" s="10"/>
    </row>
    <row r="121768" spans="14:14">
      <c r="N121768" s="10"/>
    </row>
    <row r="121769" spans="14:14">
      <c r="N121769" s="10"/>
    </row>
    <row r="121770" spans="14:14">
      <c r="N121770" s="10"/>
    </row>
    <row r="121771" spans="14:14">
      <c r="N121771" s="10"/>
    </row>
    <row r="121772" spans="14:14">
      <c r="N121772" s="10"/>
    </row>
    <row r="121773" spans="14:14">
      <c r="N121773" s="10"/>
    </row>
    <row r="121774" spans="14:14">
      <c r="N121774" s="10"/>
    </row>
    <row r="121775" spans="14:14">
      <c r="N121775" s="10"/>
    </row>
    <row r="121776" spans="14:14">
      <c r="N121776" s="10"/>
    </row>
    <row r="121777" spans="14:14">
      <c r="N121777" s="10"/>
    </row>
    <row r="121778" spans="14:14">
      <c r="N121778" s="10"/>
    </row>
    <row r="121779" spans="14:14">
      <c r="N121779" s="10"/>
    </row>
    <row r="121780" spans="14:14">
      <c r="N121780" s="10"/>
    </row>
    <row r="121781" spans="14:14">
      <c r="N121781" s="10"/>
    </row>
    <row r="121782" spans="14:14">
      <c r="N121782" s="10"/>
    </row>
    <row r="121783" spans="14:14">
      <c r="N121783" s="10"/>
    </row>
    <row r="121784" spans="14:14">
      <c r="N121784" s="10"/>
    </row>
    <row r="121785" spans="14:14">
      <c r="N121785" s="10"/>
    </row>
    <row r="121786" spans="14:14">
      <c r="N121786" s="10"/>
    </row>
    <row r="121787" spans="14:14">
      <c r="N121787" s="10"/>
    </row>
    <row r="121788" spans="14:14">
      <c r="N121788" s="10"/>
    </row>
    <row r="121789" spans="14:14">
      <c r="N121789" s="10"/>
    </row>
    <row r="121790" spans="14:14">
      <c r="N121790" s="10"/>
    </row>
    <row r="121791" spans="14:14">
      <c r="N121791" s="10"/>
    </row>
    <row r="121792" spans="14:14">
      <c r="N121792" s="10"/>
    </row>
    <row r="121793" spans="14:14">
      <c r="N121793" s="10"/>
    </row>
    <row r="121794" spans="14:14">
      <c r="N121794" s="10"/>
    </row>
    <row r="121795" spans="14:14">
      <c r="N121795" s="10"/>
    </row>
    <row r="121796" spans="14:14">
      <c r="N121796" s="10"/>
    </row>
    <row r="121797" spans="14:14">
      <c r="N121797" s="10"/>
    </row>
    <row r="121798" spans="14:14">
      <c r="N121798" s="10"/>
    </row>
    <row r="121799" spans="14:14">
      <c r="N121799" s="10"/>
    </row>
    <row r="121800" spans="14:14">
      <c r="N121800" s="10"/>
    </row>
    <row r="121801" spans="14:14">
      <c r="N121801" s="10"/>
    </row>
    <row r="121802" spans="14:14">
      <c r="N121802" s="10"/>
    </row>
    <row r="121803" spans="14:14">
      <c r="N121803" s="10"/>
    </row>
    <row r="121804" spans="14:14">
      <c r="N121804" s="10"/>
    </row>
    <row r="121805" spans="14:14">
      <c r="N121805" s="10"/>
    </row>
    <row r="121806" spans="14:14">
      <c r="N121806" s="10"/>
    </row>
    <row r="121807" spans="14:14">
      <c r="N121807" s="10"/>
    </row>
    <row r="121808" spans="14:14">
      <c r="N121808" s="10"/>
    </row>
    <row r="121809" spans="14:14">
      <c r="N121809" s="10"/>
    </row>
    <row r="121810" spans="14:14">
      <c r="N121810" s="10"/>
    </row>
    <row r="121811" spans="14:14">
      <c r="N121811" s="10"/>
    </row>
    <row r="121812" spans="14:14">
      <c r="N121812" s="10"/>
    </row>
    <row r="121813" spans="14:14">
      <c r="N121813" s="10"/>
    </row>
    <row r="121814" spans="14:14">
      <c r="N121814" s="10"/>
    </row>
    <row r="121815" spans="14:14">
      <c r="N121815" s="10"/>
    </row>
    <row r="121816" spans="14:14">
      <c r="N121816" s="10"/>
    </row>
    <row r="121817" spans="14:14">
      <c r="N121817" s="10"/>
    </row>
    <row r="121818" spans="14:14">
      <c r="N121818" s="10"/>
    </row>
    <row r="121819" spans="14:14">
      <c r="N121819" s="10"/>
    </row>
    <row r="121820" spans="14:14">
      <c r="N121820" s="10"/>
    </row>
    <row r="121821" spans="14:14">
      <c r="N121821" s="10"/>
    </row>
    <row r="121822" spans="14:14">
      <c r="N121822" s="10"/>
    </row>
    <row r="121823" spans="14:14">
      <c r="N121823" s="10"/>
    </row>
    <row r="121824" spans="14:14">
      <c r="N121824" s="10"/>
    </row>
    <row r="121825" spans="14:14">
      <c r="N121825" s="10"/>
    </row>
    <row r="121826" spans="14:14">
      <c r="N121826" s="10"/>
    </row>
    <row r="121827" spans="14:14">
      <c r="N121827" s="10"/>
    </row>
    <row r="121828" spans="14:14">
      <c r="N121828" s="10"/>
    </row>
    <row r="121829" spans="14:14">
      <c r="N121829" s="10"/>
    </row>
    <row r="121830" spans="14:14">
      <c r="N121830" s="10"/>
    </row>
    <row r="121831" spans="14:14">
      <c r="N121831" s="10"/>
    </row>
    <row r="121832" spans="14:14">
      <c r="N121832" s="10"/>
    </row>
    <row r="121833" spans="14:14">
      <c r="N121833" s="10"/>
    </row>
    <row r="121834" spans="14:14">
      <c r="N121834" s="10"/>
    </row>
    <row r="121835" spans="14:14">
      <c r="N121835" s="10"/>
    </row>
    <row r="121836" spans="14:14">
      <c r="N121836" s="10"/>
    </row>
    <row r="121837" spans="14:14">
      <c r="N121837" s="10"/>
    </row>
    <row r="121838" spans="14:14">
      <c r="N121838" s="10"/>
    </row>
    <row r="121839" spans="14:14">
      <c r="N121839" s="10"/>
    </row>
    <row r="121840" spans="14:14">
      <c r="N121840" s="10"/>
    </row>
    <row r="121841" spans="14:14">
      <c r="N121841" s="10"/>
    </row>
    <row r="121842" spans="14:14">
      <c r="N121842" s="10"/>
    </row>
    <row r="121843" spans="14:14">
      <c r="N121843" s="10"/>
    </row>
    <row r="121844" spans="14:14">
      <c r="N121844" s="10"/>
    </row>
    <row r="121845" spans="14:14">
      <c r="N121845" s="10"/>
    </row>
    <row r="121846" spans="14:14">
      <c r="N121846" s="10"/>
    </row>
    <row r="121847" spans="14:14">
      <c r="N121847" s="10"/>
    </row>
    <row r="121848" spans="14:14">
      <c r="N121848" s="10"/>
    </row>
    <row r="121849" spans="14:14">
      <c r="N121849" s="10"/>
    </row>
    <row r="121850" spans="14:14">
      <c r="N121850" s="10"/>
    </row>
    <row r="121851" spans="14:14">
      <c r="N121851" s="10"/>
    </row>
    <row r="121852" spans="14:14">
      <c r="N121852" s="10"/>
    </row>
    <row r="121853" spans="14:14">
      <c r="N121853" s="10"/>
    </row>
    <row r="121854" spans="14:14">
      <c r="N121854" s="10"/>
    </row>
    <row r="121855" spans="14:14">
      <c r="N121855" s="10"/>
    </row>
    <row r="121856" spans="14:14">
      <c r="N121856" s="10"/>
    </row>
    <row r="121857" spans="14:14">
      <c r="N121857" s="10"/>
    </row>
    <row r="121858" spans="14:14">
      <c r="N121858" s="10"/>
    </row>
    <row r="121859" spans="14:14">
      <c r="N121859" s="10"/>
    </row>
    <row r="121860" spans="14:14">
      <c r="N121860" s="10"/>
    </row>
    <row r="121861" spans="14:14">
      <c r="N121861" s="10"/>
    </row>
    <row r="121862" spans="14:14">
      <c r="N121862" s="10"/>
    </row>
    <row r="121863" spans="14:14">
      <c r="N121863" s="10"/>
    </row>
    <row r="121864" spans="14:14">
      <c r="N121864" s="10"/>
    </row>
    <row r="121865" spans="14:14">
      <c r="N121865" s="10"/>
    </row>
    <row r="121866" spans="14:14">
      <c r="N121866" s="10"/>
    </row>
    <row r="121867" spans="14:14">
      <c r="N121867" s="10"/>
    </row>
    <row r="121868" spans="14:14">
      <c r="N121868" s="10"/>
    </row>
    <row r="121869" spans="14:14">
      <c r="N121869" s="10"/>
    </row>
    <row r="121870" spans="14:14">
      <c r="N121870" s="10"/>
    </row>
    <row r="121871" spans="14:14">
      <c r="N121871" s="10"/>
    </row>
    <row r="121872" spans="14:14">
      <c r="N121872" s="10"/>
    </row>
    <row r="121873" spans="14:14">
      <c r="N121873" s="10"/>
    </row>
    <row r="121874" spans="14:14">
      <c r="N121874" s="10"/>
    </row>
    <row r="121875" spans="14:14">
      <c r="N121875" s="10"/>
    </row>
    <row r="121876" spans="14:14">
      <c r="N121876" s="10"/>
    </row>
    <row r="121877" spans="14:14">
      <c r="N121877" s="10"/>
    </row>
    <row r="121878" spans="14:14">
      <c r="N121878" s="10"/>
    </row>
    <row r="121879" spans="14:14">
      <c r="N121879" s="10"/>
    </row>
    <row r="121880" spans="14:14">
      <c r="N121880" s="10"/>
    </row>
    <row r="121881" spans="14:14">
      <c r="N121881" s="10"/>
    </row>
    <row r="121882" spans="14:14">
      <c r="N121882" s="10"/>
    </row>
    <row r="121883" spans="14:14">
      <c r="N121883" s="10"/>
    </row>
    <row r="121884" spans="14:14">
      <c r="N121884" s="10"/>
    </row>
    <row r="121885" spans="14:14">
      <c r="N121885" s="10"/>
    </row>
    <row r="121886" spans="14:14">
      <c r="N121886" s="10"/>
    </row>
    <row r="121887" spans="14:14">
      <c r="N121887" s="10"/>
    </row>
    <row r="121888" spans="14:14">
      <c r="N121888" s="10"/>
    </row>
    <row r="121889" spans="14:14">
      <c r="N121889" s="10"/>
    </row>
    <row r="121890" spans="14:14">
      <c r="N121890" s="10"/>
    </row>
    <row r="121891" spans="14:14">
      <c r="N121891" s="10"/>
    </row>
    <row r="121892" spans="14:14">
      <c r="N121892" s="10"/>
    </row>
    <row r="121893" spans="14:14">
      <c r="N121893" s="10"/>
    </row>
    <row r="121894" spans="14:14">
      <c r="N121894" s="10"/>
    </row>
    <row r="121895" spans="14:14">
      <c r="N121895" s="10"/>
    </row>
    <row r="121896" spans="14:14">
      <c r="N121896" s="10"/>
    </row>
    <row r="121897" spans="14:14">
      <c r="N121897" s="10"/>
    </row>
    <row r="121898" spans="14:14">
      <c r="N121898" s="10"/>
    </row>
    <row r="121899" spans="14:14">
      <c r="N121899" s="10"/>
    </row>
    <row r="121900" spans="14:14">
      <c r="N121900" s="10"/>
    </row>
    <row r="121901" spans="14:14">
      <c r="N121901" s="10"/>
    </row>
    <row r="121902" spans="14:14">
      <c r="N121902" s="10"/>
    </row>
    <row r="121903" spans="14:14">
      <c r="N121903" s="10"/>
    </row>
    <row r="121904" spans="14:14">
      <c r="N121904" s="10"/>
    </row>
    <row r="121905" spans="14:14">
      <c r="N121905" s="10"/>
    </row>
    <row r="121906" spans="14:14">
      <c r="N121906" s="10"/>
    </row>
    <row r="121907" spans="14:14">
      <c r="N121907" s="10"/>
    </row>
    <row r="121908" spans="14:14">
      <c r="N121908" s="10"/>
    </row>
    <row r="121909" spans="14:14">
      <c r="N121909" s="10"/>
    </row>
    <row r="121910" spans="14:14">
      <c r="N121910" s="10"/>
    </row>
    <row r="121911" spans="14:14">
      <c r="N121911" s="10"/>
    </row>
    <row r="121912" spans="14:14">
      <c r="N121912" s="10"/>
    </row>
    <row r="121913" spans="14:14">
      <c r="N121913" s="10"/>
    </row>
    <row r="121914" spans="14:14">
      <c r="N121914" s="10"/>
    </row>
    <row r="121915" spans="14:14">
      <c r="N121915" s="10"/>
    </row>
    <row r="121916" spans="14:14">
      <c r="N121916" s="10"/>
    </row>
    <row r="121917" spans="14:14">
      <c r="N121917" s="10"/>
    </row>
    <row r="121918" spans="14:14">
      <c r="N121918" s="10"/>
    </row>
    <row r="121919" spans="14:14">
      <c r="N121919" s="10"/>
    </row>
    <row r="121920" spans="14:14">
      <c r="N121920" s="10"/>
    </row>
    <row r="121921" spans="14:14">
      <c r="N121921" s="10"/>
    </row>
    <row r="121922" spans="14:14">
      <c r="N121922" s="10"/>
    </row>
    <row r="121923" spans="14:14">
      <c r="N121923" s="10"/>
    </row>
    <row r="121924" spans="14:14">
      <c r="N121924" s="10"/>
    </row>
    <row r="121925" spans="14:14">
      <c r="N121925" s="10"/>
    </row>
    <row r="121926" spans="14:14">
      <c r="N121926" s="10"/>
    </row>
    <row r="121927" spans="14:14">
      <c r="N121927" s="10"/>
    </row>
    <row r="121928" spans="14:14">
      <c r="N121928" s="10"/>
    </row>
    <row r="121929" spans="14:14">
      <c r="N121929" s="10"/>
    </row>
    <row r="121930" spans="14:14">
      <c r="N121930" s="10"/>
    </row>
    <row r="121931" spans="14:14">
      <c r="N121931" s="10"/>
    </row>
    <row r="121932" spans="14:14">
      <c r="N121932" s="10"/>
    </row>
    <row r="121933" spans="14:14">
      <c r="N121933" s="10"/>
    </row>
    <row r="121934" spans="14:14">
      <c r="N121934" s="10"/>
    </row>
    <row r="121935" spans="14:14">
      <c r="N121935" s="10"/>
    </row>
    <row r="121936" spans="14:14">
      <c r="N121936" s="10"/>
    </row>
    <row r="121937" spans="14:14">
      <c r="N121937" s="10"/>
    </row>
    <row r="121938" spans="14:14">
      <c r="N121938" s="10"/>
    </row>
    <row r="121939" spans="14:14">
      <c r="N121939" s="10"/>
    </row>
    <row r="121940" spans="14:14">
      <c r="N121940" s="10"/>
    </row>
    <row r="121941" spans="14:14">
      <c r="N121941" s="10"/>
    </row>
    <row r="121942" spans="14:14">
      <c r="N121942" s="10"/>
    </row>
    <row r="121943" spans="14:14">
      <c r="N121943" s="10"/>
    </row>
    <row r="121944" spans="14:14">
      <c r="N121944" s="10"/>
    </row>
    <row r="121945" spans="14:14">
      <c r="N121945" s="10"/>
    </row>
    <row r="121946" spans="14:14">
      <c r="N121946" s="10"/>
    </row>
    <row r="121947" spans="14:14">
      <c r="N121947" s="10"/>
    </row>
    <row r="121948" spans="14:14">
      <c r="N121948" s="10"/>
    </row>
    <row r="121949" spans="14:14">
      <c r="N121949" s="10"/>
    </row>
    <row r="121950" spans="14:14">
      <c r="N121950" s="10"/>
    </row>
    <row r="121951" spans="14:14">
      <c r="N121951" s="10"/>
    </row>
    <row r="121952" spans="14:14">
      <c r="N121952" s="10"/>
    </row>
    <row r="121953" spans="14:14">
      <c r="N121953" s="10"/>
    </row>
    <row r="121954" spans="14:14">
      <c r="N121954" s="10"/>
    </row>
    <row r="121955" spans="14:14">
      <c r="N121955" s="10"/>
    </row>
    <row r="121956" spans="14:14">
      <c r="N121956" s="10"/>
    </row>
    <row r="121957" spans="14:14">
      <c r="N121957" s="10"/>
    </row>
    <row r="121958" spans="14:14">
      <c r="N121958" s="10"/>
    </row>
    <row r="121959" spans="14:14">
      <c r="N121959" s="10"/>
    </row>
    <row r="121960" spans="14:14">
      <c r="N121960" s="10"/>
    </row>
    <row r="121961" spans="14:14">
      <c r="N121961" s="10"/>
    </row>
    <row r="121962" spans="14:14">
      <c r="N121962" s="10"/>
    </row>
    <row r="121963" spans="14:14">
      <c r="N121963" s="10"/>
    </row>
    <row r="121964" spans="14:14">
      <c r="N121964" s="10"/>
    </row>
    <row r="121965" spans="14:14">
      <c r="N121965" s="10"/>
    </row>
    <row r="121966" spans="14:14">
      <c r="N121966" s="10"/>
    </row>
    <row r="121967" spans="14:14">
      <c r="N121967" s="10"/>
    </row>
    <row r="121968" spans="14:14">
      <c r="N121968" s="10"/>
    </row>
    <row r="121969" spans="14:14">
      <c r="N121969" s="10"/>
    </row>
    <row r="121970" spans="14:14">
      <c r="N121970" s="10"/>
    </row>
    <row r="121971" spans="14:14">
      <c r="N121971" s="10"/>
    </row>
    <row r="121972" spans="14:14">
      <c r="N121972" s="10"/>
    </row>
    <row r="121973" spans="14:14">
      <c r="N121973" s="10"/>
    </row>
    <row r="121974" spans="14:14">
      <c r="N121974" s="10"/>
    </row>
    <row r="121975" spans="14:14">
      <c r="N121975" s="10"/>
    </row>
    <row r="121976" spans="14:14">
      <c r="N121976" s="10"/>
    </row>
    <row r="121977" spans="14:14">
      <c r="N121977" s="10"/>
    </row>
    <row r="121978" spans="14:14">
      <c r="N121978" s="10"/>
    </row>
    <row r="121979" spans="14:14">
      <c r="N121979" s="10"/>
    </row>
    <row r="121980" spans="14:14">
      <c r="N121980" s="10"/>
    </row>
    <row r="121981" spans="14:14">
      <c r="N121981" s="10"/>
    </row>
    <row r="121982" spans="14:14">
      <c r="N121982" s="10"/>
    </row>
    <row r="121983" spans="14:14">
      <c r="N121983" s="10"/>
    </row>
    <row r="121984" spans="14:14">
      <c r="N121984" s="10"/>
    </row>
    <row r="121985" spans="14:14">
      <c r="N121985" s="10"/>
    </row>
    <row r="121986" spans="14:14">
      <c r="N121986" s="10"/>
    </row>
    <row r="121987" spans="14:14">
      <c r="N121987" s="10"/>
    </row>
    <row r="121988" spans="14:14">
      <c r="N121988" s="10"/>
    </row>
    <row r="121989" spans="14:14">
      <c r="N121989" s="10"/>
    </row>
    <row r="121990" spans="14:14">
      <c r="N121990" s="10"/>
    </row>
    <row r="121991" spans="14:14">
      <c r="N121991" s="10"/>
    </row>
    <row r="121992" spans="14:14">
      <c r="N121992" s="10"/>
    </row>
    <row r="121993" spans="14:14">
      <c r="N121993" s="10"/>
    </row>
    <row r="121994" spans="14:14">
      <c r="N121994" s="10"/>
    </row>
    <row r="121995" spans="14:14">
      <c r="N121995" s="10"/>
    </row>
    <row r="121996" spans="14:14">
      <c r="N121996" s="10"/>
    </row>
    <row r="121997" spans="14:14">
      <c r="N121997" s="10"/>
    </row>
    <row r="121998" spans="14:14">
      <c r="N121998" s="10"/>
    </row>
    <row r="121999" spans="14:14">
      <c r="N121999" s="10"/>
    </row>
    <row r="122000" spans="14:14">
      <c r="N122000" s="10"/>
    </row>
    <row r="122001" spans="14:14">
      <c r="N122001" s="10"/>
    </row>
    <row r="122002" spans="14:14">
      <c r="N122002" s="10"/>
    </row>
    <row r="122003" spans="14:14">
      <c r="N122003" s="10"/>
    </row>
    <row r="122004" spans="14:14">
      <c r="N122004" s="10"/>
    </row>
    <row r="122005" spans="14:14">
      <c r="N122005" s="10"/>
    </row>
    <row r="122006" spans="14:14">
      <c r="N122006" s="10"/>
    </row>
    <row r="122007" spans="14:14">
      <c r="N122007" s="10"/>
    </row>
    <row r="122008" spans="14:14">
      <c r="N122008" s="10"/>
    </row>
    <row r="122009" spans="14:14">
      <c r="N122009" s="10"/>
    </row>
    <row r="122010" spans="14:14">
      <c r="N122010" s="10"/>
    </row>
    <row r="122011" spans="14:14">
      <c r="N122011" s="10"/>
    </row>
    <row r="122012" spans="14:14">
      <c r="N122012" s="10"/>
    </row>
    <row r="122013" spans="14:14">
      <c r="N122013" s="10"/>
    </row>
    <row r="122014" spans="14:14">
      <c r="N122014" s="10"/>
    </row>
    <row r="122015" spans="14:14">
      <c r="N122015" s="10"/>
    </row>
    <row r="122016" spans="14:14">
      <c r="N122016" s="10"/>
    </row>
    <row r="122017" spans="14:14">
      <c r="N122017" s="10"/>
    </row>
    <row r="122018" spans="14:14">
      <c r="N122018" s="10"/>
    </row>
    <row r="122019" spans="14:14">
      <c r="N122019" s="10"/>
    </row>
    <row r="122020" spans="14:14">
      <c r="N122020" s="10"/>
    </row>
    <row r="122021" spans="14:14">
      <c r="N122021" s="10"/>
    </row>
    <row r="122022" spans="14:14">
      <c r="N122022" s="10"/>
    </row>
    <row r="122023" spans="14:14">
      <c r="N122023" s="10"/>
    </row>
    <row r="122024" spans="14:14">
      <c r="N122024" s="10"/>
    </row>
    <row r="122025" spans="14:14">
      <c r="N122025" s="10"/>
    </row>
    <row r="122026" spans="14:14">
      <c r="N122026" s="10"/>
    </row>
    <row r="122027" spans="14:14">
      <c r="N122027" s="10"/>
    </row>
    <row r="122028" spans="14:14">
      <c r="N122028" s="10"/>
    </row>
    <row r="122029" spans="14:14">
      <c r="N122029" s="10"/>
    </row>
    <row r="122030" spans="14:14">
      <c r="N122030" s="10"/>
    </row>
    <row r="122031" spans="14:14">
      <c r="N122031" s="10"/>
    </row>
    <row r="122032" spans="14:14">
      <c r="N122032" s="10"/>
    </row>
    <row r="122033" spans="14:14">
      <c r="N122033" s="10"/>
    </row>
    <row r="122034" spans="14:14">
      <c r="N122034" s="10"/>
    </row>
    <row r="122035" spans="14:14">
      <c r="N122035" s="10"/>
    </row>
    <row r="122036" spans="14:14">
      <c r="N122036" s="10"/>
    </row>
    <row r="122037" spans="14:14">
      <c r="N122037" s="10"/>
    </row>
    <row r="122038" spans="14:14">
      <c r="N122038" s="10"/>
    </row>
    <row r="122039" spans="14:14">
      <c r="N122039" s="10"/>
    </row>
    <row r="122040" spans="14:14">
      <c r="N122040" s="10"/>
    </row>
    <row r="122041" spans="14:14">
      <c r="N122041" s="10"/>
    </row>
    <row r="122042" spans="14:14">
      <c r="N122042" s="10"/>
    </row>
    <row r="122043" spans="14:14">
      <c r="N122043" s="10"/>
    </row>
    <row r="122044" spans="14:14">
      <c r="N122044" s="10"/>
    </row>
    <row r="122045" spans="14:14">
      <c r="N122045" s="10"/>
    </row>
    <row r="122046" spans="14:14">
      <c r="N122046" s="10"/>
    </row>
    <row r="122047" spans="14:14">
      <c r="N122047" s="10"/>
    </row>
    <row r="122048" spans="14:14">
      <c r="N122048" s="10"/>
    </row>
    <row r="122049" spans="14:14">
      <c r="N122049" s="10"/>
    </row>
    <row r="122050" spans="14:14">
      <c r="N122050" s="10"/>
    </row>
    <row r="122051" spans="14:14">
      <c r="N122051" s="10"/>
    </row>
    <row r="122052" spans="14:14">
      <c r="N122052" s="10"/>
    </row>
    <row r="122053" spans="14:14">
      <c r="N122053" s="10"/>
    </row>
    <row r="122054" spans="14:14">
      <c r="N122054" s="10"/>
    </row>
    <row r="122055" spans="14:14">
      <c r="N122055" s="10"/>
    </row>
    <row r="122056" spans="14:14">
      <c r="N122056" s="10"/>
    </row>
    <row r="122057" spans="14:14">
      <c r="N122057" s="10"/>
    </row>
    <row r="122058" spans="14:14">
      <c r="N122058" s="10"/>
    </row>
    <row r="122059" spans="14:14">
      <c r="N122059" s="10"/>
    </row>
    <row r="122060" spans="14:14">
      <c r="N122060" s="10"/>
    </row>
    <row r="122061" spans="14:14">
      <c r="N122061" s="10"/>
    </row>
    <row r="122062" spans="14:14">
      <c r="N122062" s="10"/>
    </row>
    <row r="122063" spans="14:14">
      <c r="N122063" s="10"/>
    </row>
    <row r="122064" spans="14:14">
      <c r="N122064" s="10"/>
    </row>
    <row r="122065" spans="14:14">
      <c r="N122065" s="10"/>
    </row>
    <row r="122066" spans="14:14">
      <c r="N122066" s="10"/>
    </row>
    <row r="122067" spans="14:14">
      <c r="N122067" s="10"/>
    </row>
    <row r="122068" spans="14:14">
      <c r="N122068" s="10"/>
    </row>
    <row r="122069" spans="14:14">
      <c r="N122069" s="10"/>
    </row>
    <row r="122070" spans="14:14">
      <c r="N122070" s="10"/>
    </row>
    <row r="122071" spans="14:14">
      <c r="N122071" s="10"/>
    </row>
    <row r="122072" spans="14:14">
      <c r="N122072" s="10"/>
    </row>
    <row r="122073" spans="14:14">
      <c r="N122073" s="10"/>
    </row>
    <row r="122074" spans="14:14">
      <c r="N122074" s="10"/>
    </row>
    <row r="122075" spans="14:14">
      <c r="N122075" s="10"/>
    </row>
    <row r="122076" spans="14:14">
      <c r="N122076" s="10"/>
    </row>
    <row r="122077" spans="14:14">
      <c r="N122077" s="10"/>
    </row>
    <row r="122078" spans="14:14">
      <c r="N122078" s="10"/>
    </row>
    <row r="122079" spans="14:14">
      <c r="N122079" s="10"/>
    </row>
    <row r="122080" spans="14:14">
      <c r="N122080" s="10"/>
    </row>
    <row r="122081" spans="14:14">
      <c r="N122081" s="10"/>
    </row>
    <row r="122082" spans="14:14">
      <c r="N122082" s="10"/>
    </row>
    <row r="122083" spans="14:14">
      <c r="N122083" s="10"/>
    </row>
    <row r="122084" spans="14:14">
      <c r="N122084" s="10"/>
    </row>
    <row r="122085" spans="14:14">
      <c r="N122085" s="10"/>
    </row>
    <row r="122086" spans="14:14">
      <c r="N122086" s="10"/>
    </row>
    <row r="122087" spans="14:14">
      <c r="N122087" s="10"/>
    </row>
    <row r="122088" spans="14:14">
      <c r="N122088" s="10"/>
    </row>
    <row r="122089" spans="14:14">
      <c r="N122089" s="10"/>
    </row>
    <row r="122090" spans="14:14">
      <c r="N122090" s="10"/>
    </row>
    <row r="122091" spans="14:14">
      <c r="N122091" s="10"/>
    </row>
    <row r="122092" spans="14:14">
      <c r="N122092" s="10"/>
    </row>
    <row r="122093" spans="14:14">
      <c r="N122093" s="10"/>
    </row>
    <row r="122094" spans="14:14">
      <c r="N122094" s="10"/>
    </row>
    <row r="122095" spans="14:14">
      <c r="N122095" s="10"/>
    </row>
    <row r="122096" spans="14:14">
      <c r="N122096" s="10"/>
    </row>
    <row r="122097" spans="14:14">
      <c r="N122097" s="10"/>
    </row>
    <row r="122098" spans="14:14">
      <c r="N122098" s="10"/>
    </row>
    <row r="122099" spans="14:14">
      <c r="N122099" s="10"/>
    </row>
    <row r="122100" spans="14:14">
      <c r="N122100" s="10"/>
    </row>
    <row r="122101" spans="14:14">
      <c r="N122101" s="10"/>
    </row>
    <row r="122102" spans="14:14">
      <c r="N122102" s="10"/>
    </row>
    <row r="122103" spans="14:14">
      <c r="N122103" s="10"/>
    </row>
    <row r="122104" spans="14:14">
      <c r="N122104" s="10"/>
    </row>
    <row r="122105" spans="14:14">
      <c r="N122105" s="10"/>
    </row>
    <row r="122106" spans="14:14">
      <c r="N122106" s="10"/>
    </row>
    <row r="122107" spans="14:14">
      <c r="N122107" s="10"/>
    </row>
    <row r="122108" spans="14:14">
      <c r="N122108" s="10"/>
    </row>
    <row r="122109" spans="14:14">
      <c r="N122109" s="10"/>
    </row>
    <row r="122110" spans="14:14">
      <c r="N122110" s="10"/>
    </row>
    <row r="122111" spans="14:14">
      <c r="N122111" s="10"/>
    </row>
    <row r="122112" spans="14:14">
      <c r="N122112" s="10"/>
    </row>
    <row r="122113" spans="14:14">
      <c r="N122113" s="10"/>
    </row>
    <row r="122114" spans="14:14">
      <c r="N122114" s="10"/>
    </row>
    <row r="122115" spans="14:14">
      <c r="N122115" s="10"/>
    </row>
    <row r="122116" spans="14:14">
      <c r="N122116" s="10"/>
    </row>
    <row r="122117" spans="14:14">
      <c r="N122117" s="10"/>
    </row>
    <row r="122118" spans="14:14">
      <c r="N122118" s="10"/>
    </row>
    <row r="122119" spans="14:14">
      <c r="N122119" s="10"/>
    </row>
    <row r="122120" spans="14:14">
      <c r="N122120" s="10"/>
    </row>
    <row r="122121" spans="14:14">
      <c r="N122121" s="10"/>
    </row>
    <row r="122122" spans="14:14">
      <c r="N122122" s="10"/>
    </row>
    <row r="122123" spans="14:14">
      <c r="N122123" s="10"/>
    </row>
    <row r="122124" spans="14:14">
      <c r="N122124" s="10"/>
    </row>
    <row r="122125" spans="14:14">
      <c r="N122125" s="10"/>
    </row>
    <row r="122126" spans="14:14">
      <c r="N122126" s="10"/>
    </row>
    <row r="122127" spans="14:14">
      <c r="N122127" s="10"/>
    </row>
    <row r="122128" spans="14:14">
      <c r="N122128" s="10"/>
    </row>
    <row r="122129" spans="14:14">
      <c r="N122129" s="10"/>
    </row>
    <row r="122130" spans="14:14">
      <c r="N122130" s="10"/>
    </row>
    <row r="122131" spans="14:14">
      <c r="N122131" s="10"/>
    </row>
    <row r="122132" spans="14:14">
      <c r="N122132" s="10"/>
    </row>
    <row r="122133" spans="14:14">
      <c r="N122133" s="10"/>
    </row>
    <row r="122134" spans="14:14">
      <c r="N122134" s="10"/>
    </row>
    <row r="122135" spans="14:14">
      <c r="N122135" s="10"/>
    </row>
    <row r="122136" spans="14:14">
      <c r="N122136" s="10"/>
    </row>
    <row r="122137" spans="14:14">
      <c r="N122137" s="10"/>
    </row>
    <row r="122138" spans="14:14">
      <c r="N122138" s="10"/>
    </row>
    <row r="122139" spans="14:14">
      <c r="N122139" s="10"/>
    </row>
    <row r="122140" spans="14:14">
      <c r="N122140" s="10"/>
    </row>
    <row r="122141" spans="14:14">
      <c r="N122141" s="10"/>
    </row>
    <row r="122142" spans="14:14">
      <c r="N122142" s="10"/>
    </row>
    <row r="122143" spans="14:14">
      <c r="N122143" s="10"/>
    </row>
    <row r="122144" spans="14:14">
      <c r="N122144" s="10"/>
    </row>
    <row r="122145" spans="14:14">
      <c r="N122145" s="10"/>
    </row>
    <row r="122146" spans="14:14">
      <c r="N122146" s="10"/>
    </row>
    <row r="122147" spans="14:14">
      <c r="N122147" s="10"/>
    </row>
    <row r="122148" spans="14:14">
      <c r="N122148" s="10"/>
    </row>
    <row r="122149" spans="14:14">
      <c r="N122149" s="10"/>
    </row>
    <row r="122150" spans="14:14">
      <c r="N122150" s="10"/>
    </row>
    <row r="122151" spans="14:14">
      <c r="N122151" s="10"/>
    </row>
    <row r="122152" spans="14:14">
      <c r="N122152" s="10"/>
    </row>
    <row r="122153" spans="14:14">
      <c r="N122153" s="10"/>
    </row>
    <row r="122154" spans="14:14">
      <c r="N122154" s="10"/>
    </row>
    <row r="122155" spans="14:14">
      <c r="N122155" s="10"/>
    </row>
    <row r="122156" spans="14:14">
      <c r="N122156" s="10"/>
    </row>
    <row r="122157" spans="14:14">
      <c r="N122157" s="10"/>
    </row>
    <row r="122158" spans="14:14">
      <c r="N122158" s="10"/>
    </row>
    <row r="122159" spans="14:14">
      <c r="N122159" s="10"/>
    </row>
    <row r="122160" spans="14:14">
      <c r="N122160" s="10"/>
    </row>
    <row r="122161" spans="14:14">
      <c r="N122161" s="10"/>
    </row>
    <row r="122162" spans="14:14">
      <c r="N122162" s="10"/>
    </row>
    <row r="122163" spans="14:14">
      <c r="N122163" s="10"/>
    </row>
    <row r="122164" spans="14:14">
      <c r="N122164" s="10"/>
    </row>
    <row r="122165" spans="14:14">
      <c r="N122165" s="10"/>
    </row>
    <row r="122166" spans="14:14">
      <c r="N122166" s="10"/>
    </row>
    <row r="122167" spans="14:14">
      <c r="N122167" s="10"/>
    </row>
    <row r="122168" spans="14:14">
      <c r="N122168" s="10"/>
    </row>
    <row r="122169" spans="14:14">
      <c r="N122169" s="10"/>
    </row>
    <row r="122170" spans="14:14">
      <c r="N122170" s="10"/>
    </row>
    <row r="122171" spans="14:14">
      <c r="N122171" s="10"/>
    </row>
    <row r="122172" spans="14:14">
      <c r="N122172" s="10"/>
    </row>
    <row r="122173" spans="14:14">
      <c r="N122173" s="10"/>
    </row>
    <row r="122174" spans="14:14">
      <c r="N122174" s="10"/>
    </row>
    <row r="122175" spans="14:14">
      <c r="N122175" s="10"/>
    </row>
    <row r="122176" spans="14:14">
      <c r="N122176" s="10"/>
    </row>
    <row r="122177" spans="14:14">
      <c r="N122177" s="10"/>
    </row>
    <row r="122178" spans="14:14">
      <c r="N122178" s="10"/>
    </row>
    <row r="122179" spans="14:14">
      <c r="N122179" s="10"/>
    </row>
    <row r="122180" spans="14:14">
      <c r="N122180" s="10"/>
    </row>
    <row r="122181" spans="14:14">
      <c r="N122181" s="10"/>
    </row>
    <row r="122182" spans="14:14">
      <c r="N122182" s="10"/>
    </row>
    <row r="122183" spans="14:14">
      <c r="N122183" s="10"/>
    </row>
    <row r="122184" spans="14:14">
      <c r="N122184" s="10"/>
    </row>
    <row r="122185" spans="14:14">
      <c r="N122185" s="10"/>
    </row>
    <row r="122186" spans="14:14">
      <c r="N122186" s="10"/>
    </row>
    <row r="122187" spans="14:14">
      <c r="N122187" s="10"/>
    </row>
    <row r="122188" spans="14:14">
      <c r="N122188" s="10"/>
    </row>
    <row r="122189" spans="14:14">
      <c r="N122189" s="10"/>
    </row>
    <row r="122190" spans="14:14">
      <c r="N122190" s="10"/>
    </row>
    <row r="122191" spans="14:14">
      <c r="N122191" s="10"/>
    </row>
    <row r="122192" spans="14:14">
      <c r="N122192" s="10"/>
    </row>
    <row r="122193" spans="14:14">
      <c r="N122193" s="10"/>
    </row>
    <row r="122194" spans="14:14">
      <c r="N122194" s="10"/>
    </row>
    <row r="122195" spans="14:14">
      <c r="N122195" s="10"/>
    </row>
    <row r="122196" spans="14:14">
      <c r="N122196" s="10"/>
    </row>
    <row r="122197" spans="14:14">
      <c r="N122197" s="10"/>
    </row>
    <row r="122198" spans="14:14">
      <c r="N122198" s="10"/>
    </row>
    <row r="122199" spans="14:14">
      <c r="N122199" s="10"/>
    </row>
    <row r="122200" spans="14:14">
      <c r="N122200" s="10"/>
    </row>
    <row r="122201" spans="14:14">
      <c r="N122201" s="10"/>
    </row>
    <row r="122202" spans="14:14">
      <c r="N122202" s="10"/>
    </row>
    <row r="122203" spans="14:14">
      <c r="N122203" s="10"/>
    </row>
    <row r="122204" spans="14:14">
      <c r="N122204" s="10"/>
    </row>
    <row r="122205" spans="14:14">
      <c r="N122205" s="10"/>
    </row>
    <row r="122206" spans="14:14">
      <c r="N122206" s="10"/>
    </row>
    <row r="122207" spans="14:14">
      <c r="N122207" s="10"/>
    </row>
    <row r="122208" spans="14:14">
      <c r="N122208" s="10"/>
    </row>
    <row r="122209" spans="14:14">
      <c r="N122209" s="10"/>
    </row>
    <row r="122210" spans="14:14">
      <c r="N122210" s="10"/>
    </row>
    <row r="122211" spans="14:14">
      <c r="N122211" s="10"/>
    </row>
    <row r="122212" spans="14:14">
      <c r="N122212" s="10"/>
    </row>
    <row r="122213" spans="14:14">
      <c r="N122213" s="10"/>
    </row>
    <row r="122214" spans="14:14">
      <c r="N122214" s="10"/>
    </row>
    <row r="122215" spans="14:14">
      <c r="N122215" s="10"/>
    </row>
    <row r="122216" spans="14:14">
      <c r="N122216" s="10"/>
    </row>
    <row r="122217" spans="14:14">
      <c r="N122217" s="10"/>
    </row>
    <row r="122218" spans="14:14">
      <c r="N122218" s="10"/>
    </row>
    <row r="122219" spans="14:14">
      <c r="N122219" s="10"/>
    </row>
    <row r="122220" spans="14:14">
      <c r="N122220" s="10"/>
    </row>
    <row r="122221" spans="14:14">
      <c r="N122221" s="10"/>
    </row>
    <row r="122222" spans="14:14">
      <c r="N122222" s="10"/>
    </row>
    <row r="122223" spans="14:14">
      <c r="N122223" s="10"/>
    </row>
    <row r="122224" spans="14:14">
      <c r="N122224" s="10"/>
    </row>
    <row r="122225" spans="14:14">
      <c r="N122225" s="10"/>
    </row>
    <row r="122226" spans="14:14">
      <c r="N122226" s="10"/>
    </row>
    <row r="122227" spans="14:14">
      <c r="N122227" s="10"/>
    </row>
    <row r="122228" spans="14:14">
      <c r="N122228" s="10"/>
    </row>
    <row r="122229" spans="14:14">
      <c r="N122229" s="10"/>
    </row>
    <row r="122230" spans="14:14">
      <c r="N122230" s="10"/>
    </row>
    <row r="122231" spans="14:14">
      <c r="N122231" s="10"/>
    </row>
    <row r="122232" spans="14:14">
      <c r="N122232" s="10"/>
    </row>
    <row r="122233" spans="14:14">
      <c r="N122233" s="10"/>
    </row>
    <row r="122234" spans="14:14">
      <c r="N122234" s="10"/>
    </row>
    <row r="122235" spans="14:14">
      <c r="N122235" s="10"/>
    </row>
    <row r="122236" spans="14:14">
      <c r="N122236" s="10"/>
    </row>
    <row r="122237" spans="14:14">
      <c r="N122237" s="10"/>
    </row>
    <row r="122238" spans="14:14">
      <c r="N122238" s="10"/>
    </row>
    <row r="122239" spans="14:14">
      <c r="N122239" s="10"/>
    </row>
    <row r="122240" spans="14:14">
      <c r="N122240" s="10"/>
    </row>
    <row r="122241" spans="14:14">
      <c r="N122241" s="10"/>
    </row>
    <row r="122242" spans="14:14">
      <c r="N122242" s="10"/>
    </row>
    <row r="122243" spans="14:14">
      <c r="N122243" s="10"/>
    </row>
    <row r="122244" spans="14:14">
      <c r="N122244" s="10"/>
    </row>
    <row r="122245" spans="14:14">
      <c r="N122245" s="10"/>
    </row>
    <row r="122246" spans="14:14">
      <c r="N122246" s="10"/>
    </row>
    <row r="122247" spans="14:14">
      <c r="N122247" s="10"/>
    </row>
    <row r="122248" spans="14:14">
      <c r="N122248" s="10"/>
    </row>
    <row r="122249" spans="14:14">
      <c r="N122249" s="10"/>
    </row>
    <row r="122250" spans="14:14">
      <c r="N122250" s="10"/>
    </row>
    <row r="122251" spans="14:14">
      <c r="N122251" s="10"/>
    </row>
    <row r="122252" spans="14:14">
      <c r="N122252" s="10"/>
    </row>
    <row r="122253" spans="14:14">
      <c r="N122253" s="10"/>
    </row>
    <row r="122254" spans="14:14">
      <c r="N122254" s="10"/>
    </row>
    <row r="122255" spans="14:14">
      <c r="N122255" s="10"/>
    </row>
    <row r="122256" spans="14:14">
      <c r="N122256" s="10"/>
    </row>
    <row r="122257" spans="14:14">
      <c r="N122257" s="10"/>
    </row>
    <row r="122258" spans="14:14">
      <c r="N122258" s="10"/>
    </row>
    <row r="122259" spans="14:14">
      <c r="N122259" s="10"/>
    </row>
    <row r="122260" spans="14:14">
      <c r="N122260" s="10"/>
    </row>
    <row r="122261" spans="14:14">
      <c r="N122261" s="10"/>
    </row>
    <row r="122262" spans="14:14">
      <c r="N122262" s="10"/>
    </row>
    <row r="122263" spans="14:14">
      <c r="N122263" s="10"/>
    </row>
    <row r="122264" spans="14:14">
      <c r="N122264" s="10"/>
    </row>
    <row r="122265" spans="14:14">
      <c r="N122265" s="10"/>
    </row>
    <row r="122266" spans="14:14">
      <c r="N122266" s="10"/>
    </row>
    <row r="122267" spans="14:14">
      <c r="N122267" s="10"/>
    </row>
    <row r="122268" spans="14:14">
      <c r="N122268" s="10"/>
    </row>
    <row r="122269" spans="14:14">
      <c r="N122269" s="10"/>
    </row>
    <row r="122270" spans="14:14">
      <c r="N122270" s="10"/>
    </row>
    <row r="122271" spans="14:14">
      <c r="N122271" s="10"/>
    </row>
    <row r="122272" spans="14:14">
      <c r="N122272" s="10"/>
    </row>
    <row r="122273" spans="14:14">
      <c r="N122273" s="10"/>
    </row>
    <row r="122274" spans="14:14">
      <c r="N122274" s="10"/>
    </row>
    <row r="122275" spans="14:14">
      <c r="N122275" s="10"/>
    </row>
    <row r="122276" spans="14:14">
      <c r="N122276" s="10"/>
    </row>
    <row r="122277" spans="14:14">
      <c r="N122277" s="10"/>
    </row>
    <row r="122278" spans="14:14">
      <c r="N122278" s="10"/>
    </row>
    <row r="122279" spans="14:14">
      <c r="N122279" s="10"/>
    </row>
    <row r="122280" spans="14:14">
      <c r="N122280" s="10"/>
    </row>
    <row r="122281" spans="14:14">
      <c r="N122281" s="10"/>
    </row>
    <row r="122282" spans="14:14">
      <c r="N122282" s="10"/>
    </row>
    <row r="122283" spans="14:14">
      <c r="N122283" s="10"/>
    </row>
    <row r="122284" spans="14:14">
      <c r="N122284" s="10"/>
    </row>
    <row r="122285" spans="14:14">
      <c r="N122285" s="10"/>
    </row>
    <row r="122286" spans="14:14">
      <c r="N122286" s="10"/>
    </row>
    <row r="122287" spans="14:14">
      <c r="N122287" s="10"/>
    </row>
    <row r="122288" spans="14:14">
      <c r="N122288" s="10"/>
    </row>
    <row r="122289" spans="14:14">
      <c r="N122289" s="10"/>
    </row>
    <row r="122290" spans="14:14">
      <c r="N122290" s="10"/>
    </row>
    <row r="122291" spans="14:14">
      <c r="N122291" s="10"/>
    </row>
    <row r="122292" spans="14:14">
      <c r="N122292" s="10"/>
    </row>
    <row r="122293" spans="14:14">
      <c r="N122293" s="10"/>
    </row>
    <row r="122294" spans="14:14">
      <c r="N122294" s="10"/>
    </row>
    <row r="122295" spans="14:14">
      <c r="N122295" s="10"/>
    </row>
    <row r="122296" spans="14:14">
      <c r="N122296" s="10"/>
    </row>
    <row r="122297" spans="14:14">
      <c r="N122297" s="10"/>
    </row>
    <row r="122298" spans="14:14">
      <c r="N122298" s="10"/>
    </row>
    <row r="122299" spans="14:14">
      <c r="N122299" s="10"/>
    </row>
    <row r="122300" spans="14:14">
      <c r="N122300" s="10"/>
    </row>
    <row r="122301" spans="14:14">
      <c r="N122301" s="10"/>
    </row>
    <row r="122302" spans="14:14">
      <c r="N122302" s="10"/>
    </row>
    <row r="122303" spans="14:14">
      <c r="N122303" s="10"/>
    </row>
    <row r="122304" spans="14:14">
      <c r="N122304" s="10"/>
    </row>
    <row r="122305" spans="14:14">
      <c r="N122305" s="10"/>
    </row>
    <row r="122306" spans="14:14">
      <c r="N122306" s="10"/>
    </row>
    <row r="122307" spans="14:14">
      <c r="N122307" s="10"/>
    </row>
    <row r="122308" spans="14:14">
      <c r="N122308" s="10"/>
    </row>
    <row r="122309" spans="14:14">
      <c r="N122309" s="10"/>
    </row>
    <row r="122310" spans="14:14">
      <c r="N122310" s="10"/>
    </row>
    <row r="122311" spans="14:14">
      <c r="N122311" s="10"/>
    </row>
    <row r="122312" spans="14:14">
      <c r="N122312" s="10"/>
    </row>
    <row r="122313" spans="14:14">
      <c r="N122313" s="10"/>
    </row>
    <row r="122314" spans="14:14">
      <c r="N122314" s="10"/>
    </row>
    <row r="122315" spans="14:14">
      <c r="N122315" s="10"/>
    </row>
    <row r="122316" spans="14:14">
      <c r="N122316" s="10"/>
    </row>
    <row r="122317" spans="14:14">
      <c r="N122317" s="10"/>
    </row>
    <row r="122318" spans="14:14">
      <c r="N122318" s="10"/>
    </row>
    <row r="122319" spans="14:14">
      <c r="N122319" s="10"/>
    </row>
    <row r="122320" spans="14:14">
      <c r="N122320" s="10"/>
    </row>
    <row r="122321" spans="14:14">
      <c r="N122321" s="10"/>
    </row>
    <row r="122322" spans="14:14">
      <c r="N122322" s="10"/>
    </row>
    <row r="122323" spans="14:14">
      <c r="N122323" s="10"/>
    </row>
    <row r="122324" spans="14:14">
      <c r="N122324" s="10"/>
    </row>
    <row r="122325" spans="14:14">
      <c r="N122325" s="10"/>
    </row>
    <row r="122326" spans="14:14">
      <c r="N122326" s="10"/>
    </row>
    <row r="122327" spans="14:14">
      <c r="N122327" s="10"/>
    </row>
    <row r="122328" spans="14:14">
      <c r="N122328" s="10"/>
    </row>
    <row r="122329" spans="14:14">
      <c r="N122329" s="10"/>
    </row>
    <row r="122330" spans="14:14">
      <c r="N122330" s="10"/>
    </row>
    <row r="122331" spans="14:14">
      <c r="N122331" s="10"/>
    </row>
    <row r="122332" spans="14:14">
      <c r="N122332" s="10"/>
    </row>
    <row r="122333" spans="14:14">
      <c r="N122333" s="10"/>
    </row>
    <row r="122334" spans="14:14">
      <c r="N122334" s="10"/>
    </row>
    <row r="122335" spans="14:14">
      <c r="N122335" s="10"/>
    </row>
    <row r="122336" spans="14:14">
      <c r="N122336" s="10"/>
    </row>
    <row r="122337" spans="14:14">
      <c r="N122337" s="10"/>
    </row>
    <row r="122338" spans="14:14">
      <c r="N122338" s="10"/>
    </row>
    <row r="122339" spans="14:14">
      <c r="N122339" s="10"/>
    </row>
    <row r="122340" spans="14:14">
      <c r="N122340" s="10"/>
    </row>
    <row r="122341" spans="14:14">
      <c r="N122341" s="10"/>
    </row>
    <row r="122342" spans="14:14">
      <c r="N122342" s="10"/>
    </row>
    <row r="122343" spans="14:14">
      <c r="N122343" s="10"/>
    </row>
    <row r="122344" spans="14:14">
      <c r="N122344" s="10"/>
    </row>
    <row r="122345" spans="14:14">
      <c r="N122345" s="10"/>
    </row>
    <row r="122346" spans="14:14">
      <c r="N122346" s="10"/>
    </row>
    <row r="122347" spans="14:14">
      <c r="N122347" s="10"/>
    </row>
    <row r="122348" spans="14:14">
      <c r="N122348" s="10"/>
    </row>
    <row r="122349" spans="14:14">
      <c r="N122349" s="10"/>
    </row>
    <row r="122350" spans="14:14">
      <c r="N122350" s="10"/>
    </row>
    <row r="122351" spans="14:14">
      <c r="N122351" s="10"/>
    </row>
    <row r="122352" spans="14:14">
      <c r="N122352" s="10"/>
    </row>
    <row r="122353" spans="14:14">
      <c r="N122353" s="10"/>
    </row>
    <row r="122354" spans="14:14">
      <c r="N122354" s="10"/>
    </row>
    <row r="122355" spans="14:14">
      <c r="N122355" s="10"/>
    </row>
    <row r="122356" spans="14:14">
      <c r="N122356" s="10"/>
    </row>
    <row r="122357" spans="14:14">
      <c r="N122357" s="10"/>
    </row>
    <row r="122358" spans="14:14">
      <c r="N122358" s="10"/>
    </row>
    <row r="122359" spans="14:14">
      <c r="N122359" s="10"/>
    </row>
    <row r="122360" spans="14:14">
      <c r="N122360" s="10"/>
    </row>
    <row r="122361" spans="14:14">
      <c r="N122361" s="10"/>
    </row>
    <row r="122362" spans="14:14">
      <c r="N122362" s="10"/>
    </row>
    <row r="122363" spans="14:14">
      <c r="N122363" s="10"/>
    </row>
    <row r="122364" spans="14:14">
      <c r="N122364" s="10"/>
    </row>
    <row r="122365" spans="14:14">
      <c r="N122365" s="10"/>
    </row>
    <row r="122366" spans="14:14">
      <c r="N122366" s="10"/>
    </row>
    <row r="122367" spans="14:14">
      <c r="N122367" s="10"/>
    </row>
    <row r="122368" spans="14:14">
      <c r="N122368" s="10"/>
    </row>
    <row r="122369" spans="14:14">
      <c r="N122369" s="10"/>
    </row>
    <row r="122370" spans="14:14">
      <c r="N122370" s="10"/>
    </row>
    <row r="122371" spans="14:14">
      <c r="N122371" s="10"/>
    </row>
    <row r="122372" spans="14:14">
      <c r="N122372" s="10"/>
    </row>
    <row r="122373" spans="14:14">
      <c r="N122373" s="10"/>
    </row>
    <row r="122374" spans="14:14">
      <c r="N122374" s="10"/>
    </row>
    <row r="122375" spans="14:14">
      <c r="N122375" s="10"/>
    </row>
    <row r="122376" spans="14:14">
      <c r="N122376" s="10"/>
    </row>
    <row r="122377" spans="14:14">
      <c r="N122377" s="10"/>
    </row>
    <row r="122378" spans="14:14">
      <c r="N122378" s="10"/>
    </row>
    <row r="122379" spans="14:14">
      <c r="N122379" s="10"/>
    </row>
    <row r="122380" spans="14:14">
      <c r="N122380" s="10"/>
    </row>
    <row r="122381" spans="14:14">
      <c r="N122381" s="10"/>
    </row>
    <row r="122382" spans="14:14">
      <c r="N122382" s="10"/>
    </row>
    <row r="122383" spans="14:14">
      <c r="N122383" s="10"/>
    </row>
    <row r="122384" spans="14:14">
      <c r="N122384" s="10"/>
    </row>
    <row r="122385" spans="14:14">
      <c r="N122385" s="10"/>
    </row>
    <row r="122386" spans="14:14">
      <c r="N122386" s="10"/>
    </row>
    <row r="122387" spans="14:14">
      <c r="N122387" s="10"/>
    </row>
    <row r="122388" spans="14:14">
      <c r="N122388" s="10"/>
    </row>
    <row r="122389" spans="14:14">
      <c r="N122389" s="10"/>
    </row>
    <row r="122390" spans="14:14">
      <c r="N122390" s="10"/>
    </row>
    <row r="122391" spans="14:14">
      <c r="N122391" s="10"/>
    </row>
    <row r="122392" spans="14:14">
      <c r="N122392" s="10"/>
    </row>
    <row r="122393" spans="14:14">
      <c r="N122393" s="10"/>
    </row>
    <row r="122394" spans="14:14">
      <c r="N122394" s="10"/>
    </row>
    <row r="122395" spans="14:14">
      <c r="N122395" s="10"/>
    </row>
    <row r="122396" spans="14:14">
      <c r="N122396" s="10"/>
    </row>
    <row r="122397" spans="14:14">
      <c r="N122397" s="10"/>
    </row>
    <row r="122398" spans="14:14">
      <c r="N122398" s="10"/>
    </row>
    <row r="122399" spans="14:14">
      <c r="N122399" s="10"/>
    </row>
    <row r="122400" spans="14:14">
      <c r="N122400" s="10"/>
    </row>
    <row r="122401" spans="14:14">
      <c r="N122401" s="10"/>
    </row>
    <row r="122402" spans="14:14">
      <c r="N122402" s="10"/>
    </row>
    <row r="122403" spans="14:14">
      <c r="N122403" s="10"/>
    </row>
    <row r="122404" spans="14:14">
      <c r="N122404" s="10"/>
    </row>
    <row r="122405" spans="14:14">
      <c r="N122405" s="10"/>
    </row>
    <row r="122406" spans="14:14">
      <c r="N122406" s="10"/>
    </row>
    <row r="122407" spans="14:14">
      <c r="N122407" s="10"/>
    </row>
    <row r="122408" spans="14:14">
      <c r="N122408" s="10"/>
    </row>
    <row r="122409" spans="14:14">
      <c r="N122409" s="10"/>
    </row>
    <row r="122410" spans="14:14">
      <c r="N122410" s="10"/>
    </row>
    <row r="122411" spans="14:14">
      <c r="N122411" s="10"/>
    </row>
    <row r="122412" spans="14:14">
      <c r="N122412" s="10"/>
    </row>
    <row r="122413" spans="14:14">
      <c r="N122413" s="10"/>
    </row>
    <row r="122414" spans="14:14">
      <c r="N122414" s="10"/>
    </row>
    <row r="122415" spans="14:14">
      <c r="N122415" s="10"/>
    </row>
    <row r="122416" spans="14:14">
      <c r="N122416" s="10"/>
    </row>
    <row r="122417" spans="14:14">
      <c r="N122417" s="10"/>
    </row>
    <row r="122418" spans="14:14">
      <c r="N122418" s="10"/>
    </row>
    <row r="122419" spans="14:14">
      <c r="N122419" s="10"/>
    </row>
    <row r="122420" spans="14:14">
      <c r="N122420" s="10"/>
    </row>
    <row r="122421" spans="14:14">
      <c r="N122421" s="10"/>
    </row>
    <row r="122422" spans="14:14">
      <c r="N122422" s="10"/>
    </row>
    <row r="122423" spans="14:14">
      <c r="N122423" s="10"/>
    </row>
    <row r="122424" spans="14:14">
      <c r="N122424" s="10"/>
    </row>
    <row r="122425" spans="14:14">
      <c r="N122425" s="10"/>
    </row>
    <row r="122426" spans="14:14">
      <c r="N122426" s="10"/>
    </row>
    <row r="122427" spans="14:14">
      <c r="N122427" s="10"/>
    </row>
    <row r="122428" spans="14:14">
      <c r="N122428" s="10"/>
    </row>
    <row r="122429" spans="14:14">
      <c r="N122429" s="10"/>
    </row>
    <row r="122430" spans="14:14">
      <c r="N122430" s="10"/>
    </row>
    <row r="122431" spans="14:14">
      <c r="N122431" s="10"/>
    </row>
    <row r="122432" spans="14:14">
      <c r="N122432" s="10"/>
    </row>
    <row r="122433" spans="14:14">
      <c r="N122433" s="10"/>
    </row>
    <row r="122434" spans="14:14">
      <c r="N122434" s="10"/>
    </row>
    <row r="122435" spans="14:14">
      <c r="N122435" s="10"/>
    </row>
    <row r="122436" spans="14:14">
      <c r="N122436" s="10"/>
    </row>
    <row r="122437" spans="14:14">
      <c r="N122437" s="10"/>
    </row>
    <row r="122438" spans="14:14">
      <c r="N122438" s="10"/>
    </row>
    <row r="122439" spans="14:14">
      <c r="N122439" s="10"/>
    </row>
    <row r="122440" spans="14:14">
      <c r="N122440" s="10"/>
    </row>
    <row r="122441" spans="14:14">
      <c r="N122441" s="10"/>
    </row>
    <row r="122442" spans="14:14">
      <c r="N122442" s="10"/>
    </row>
    <row r="122443" spans="14:14">
      <c r="N122443" s="10"/>
    </row>
    <row r="122444" spans="14:14">
      <c r="N122444" s="10"/>
    </row>
    <row r="122445" spans="14:14">
      <c r="N122445" s="10"/>
    </row>
    <row r="122446" spans="14:14">
      <c r="N122446" s="10"/>
    </row>
    <row r="122447" spans="14:14">
      <c r="N122447" s="10"/>
    </row>
    <row r="122448" spans="14:14">
      <c r="N122448" s="10"/>
    </row>
    <row r="122449" spans="14:14">
      <c r="N122449" s="10"/>
    </row>
    <row r="122450" spans="14:14">
      <c r="N122450" s="10"/>
    </row>
    <row r="122451" spans="14:14">
      <c r="N122451" s="10"/>
    </row>
    <row r="122452" spans="14:14">
      <c r="N122452" s="10"/>
    </row>
    <row r="122453" spans="14:14">
      <c r="N122453" s="10"/>
    </row>
    <row r="122454" spans="14:14">
      <c r="N122454" s="10"/>
    </row>
    <row r="122455" spans="14:14">
      <c r="N122455" s="10"/>
    </row>
    <row r="122456" spans="14:14">
      <c r="N122456" s="10"/>
    </row>
    <row r="122457" spans="14:14">
      <c r="N122457" s="10"/>
    </row>
    <row r="122458" spans="14:14">
      <c r="N122458" s="10"/>
    </row>
    <row r="122459" spans="14:14">
      <c r="N122459" s="10"/>
    </row>
    <row r="122460" spans="14:14">
      <c r="N122460" s="10"/>
    </row>
    <row r="122461" spans="14:14">
      <c r="N122461" s="10"/>
    </row>
    <row r="122462" spans="14:14">
      <c r="N122462" s="10"/>
    </row>
    <row r="122463" spans="14:14">
      <c r="N122463" s="10"/>
    </row>
    <row r="122464" spans="14:14">
      <c r="N122464" s="10"/>
    </row>
    <row r="122465" spans="14:14">
      <c r="N122465" s="10"/>
    </row>
    <row r="122466" spans="14:14">
      <c r="N122466" s="10"/>
    </row>
    <row r="122467" spans="14:14">
      <c r="N122467" s="10"/>
    </row>
    <row r="122468" spans="14:14">
      <c r="N122468" s="10"/>
    </row>
    <row r="122469" spans="14:14">
      <c r="N122469" s="10"/>
    </row>
    <row r="122470" spans="14:14">
      <c r="N122470" s="10"/>
    </row>
    <row r="122471" spans="14:14">
      <c r="N122471" s="10"/>
    </row>
    <row r="122472" spans="14:14">
      <c r="N122472" s="10"/>
    </row>
    <row r="122473" spans="14:14">
      <c r="N122473" s="10"/>
    </row>
    <row r="122474" spans="14:14">
      <c r="N122474" s="10"/>
    </row>
    <row r="122475" spans="14:14">
      <c r="N122475" s="10"/>
    </row>
    <row r="122476" spans="14:14">
      <c r="N122476" s="10"/>
    </row>
    <row r="122477" spans="14:14">
      <c r="N122477" s="10"/>
    </row>
    <row r="122478" spans="14:14">
      <c r="N122478" s="10"/>
    </row>
    <row r="122479" spans="14:14">
      <c r="N122479" s="10"/>
    </row>
    <row r="122480" spans="14:14">
      <c r="N122480" s="10"/>
    </row>
    <row r="122481" spans="14:14">
      <c r="N122481" s="10"/>
    </row>
    <row r="122482" spans="14:14">
      <c r="N122482" s="10"/>
    </row>
    <row r="122483" spans="14:14">
      <c r="N122483" s="10"/>
    </row>
    <row r="122484" spans="14:14">
      <c r="N122484" s="10"/>
    </row>
    <row r="122485" spans="14:14">
      <c r="N122485" s="10"/>
    </row>
    <row r="122486" spans="14:14">
      <c r="N122486" s="10"/>
    </row>
    <row r="122487" spans="14:14">
      <c r="N122487" s="10"/>
    </row>
    <row r="122488" spans="14:14">
      <c r="N122488" s="10"/>
    </row>
    <row r="122489" spans="14:14">
      <c r="N122489" s="10"/>
    </row>
    <row r="122490" spans="14:14">
      <c r="N122490" s="10"/>
    </row>
    <row r="122491" spans="14:14">
      <c r="N122491" s="10"/>
    </row>
    <row r="122492" spans="14:14">
      <c r="N122492" s="10"/>
    </row>
    <row r="122493" spans="14:14">
      <c r="N122493" s="10"/>
    </row>
    <row r="122494" spans="14:14">
      <c r="N122494" s="10"/>
    </row>
    <row r="122495" spans="14:14">
      <c r="N122495" s="10"/>
    </row>
    <row r="122496" spans="14:14">
      <c r="N122496" s="10"/>
    </row>
    <row r="122497" spans="14:14">
      <c r="N122497" s="10"/>
    </row>
    <row r="122498" spans="14:14">
      <c r="N122498" s="10"/>
    </row>
    <row r="122499" spans="14:14">
      <c r="N122499" s="10"/>
    </row>
    <row r="122500" spans="14:14">
      <c r="N122500" s="10"/>
    </row>
    <row r="122501" spans="14:14">
      <c r="N122501" s="10"/>
    </row>
    <row r="122502" spans="14:14">
      <c r="N122502" s="10"/>
    </row>
    <row r="122503" spans="14:14">
      <c r="N122503" s="10"/>
    </row>
    <row r="122504" spans="14:14">
      <c r="N122504" s="10"/>
    </row>
    <row r="122505" spans="14:14">
      <c r="N122505" s="10"/>
    </row>
    <row r="122506" spans="14:14">
      <c r="N122506" s="10"/>
    </row>
    <row r="122507" spans="14:14">
      <c r="N122507" s="10"/>
    </row>
    <row r="122508" spans="14:14">
      <c r="N122508" s="10"/>
    </row>
    <row r="122509" spans="14:14">
      <c r="N122509" s="10"/>
    </row>
    <row r="122510" spans="14:14">
      <c r="N122510" s="10"/>
    </row>
    <row r="122511" spans="14:14">
      <c r="N122511" s="10"/>
    </row>
    <row r="122512" spans="14:14">
      <c r="N122512" s="10"/>
    </row>
    <row r="122513" spans="14:14">
      <c r="N122513" s="10"/>
    </row>
    <row r="122514" spans="14:14">
      <c r="N122514" s="10"/>
    </row>
    <row r="122515" spans="14:14">
      <c r="N122515" s="10"/>
    </row>
    <row r="122516" spans="14:14">
      <c r="N122516" s="10"/>
    </row>
    <row r="122517" spans="14:14">
      <c r="N122517" s="10"/>
    </row>
    <row r="122518" spans="14:14">
      <c r="N122518" s="10"/>
    </row>
    <row r="122519" spans="14:14">
      <c r="N122519" s="10"/>
    </row>
    <row r="122520" spans="14:14">
      <c r="N122520" s="10"/>
    </row>
    <row r="122521" spans="14:14">
      <c r="N122521" s="10"/>
    </row>
    <row r="122522" spans="14:14">
      <c r="N122522" s="10"/>
    </row>
    <row r="122523" spans="14:14">
      <c r="N122523" s="10"/>
    </row>
    <row r="122524" spans="14:14">
      <c r="N122524" s="10"/>
    </row>
    <row r="122525" spans="14:14">
      <c r="N122525" s="10"/>
    </row>
    <row r="122526" spans="14:14">
      <c r="N122526" s="10"/>
    </row>
    <row r="122527" spans="14:14">
      <c r="N122527" s="10"/>
    </row>
    <row r="122528" spans="14:14">
      <c r="N122528" s="10"/>
    </row>
    <row r="122529" spans="14:14">
      <c r="N122529" s="10"/>
    </row>
    <row r="122530" spans="14:14">
      <c r="N122530" s="10"/>
    </row>
    <row r="122531" spans="14:14">
      <c r="N122531" s="10"/>
    </row>
    <row r="122532" spans="14:14">
      <c r="N122532" s="10"/>
    </row>
    <row r="122533" spans="14:14">
      <c r="N122533" s="10"/>
    </row>
    <row r="122534" spans="14:14">
      <c r="N122534" s="10"/>
    </row>
    <row r="122535" spans="14:14">
      <c r="N122535" s="10"/>
    </row>
    <row r="122536" spans="14:14">
      <c r="N122536" s="10"/>
    </row>
    <row r="122537" spans="14:14">
      <c r="N122537" s="10"/>
    </row>
    <row r="122538" spans="14:14">
      <c r="N122538" s="10"/>
    </row>
    <row r="122539" spans="14:14">
      <c r="N122539" s="10"/>
    </row>
    <row r="122540" spans="14:14">
      <c r="N122540" s="10"/>
    </row>
    <row r="122541" spans="14:14">
      <c r="N122541" s="10"/>
    </row>
    <row r="122542" spans="14:14">
      <c r="N122542" s="10"/>
    </row>
    <row r="122543" spans="14:14">
      <c r="N122543" s="10"/>
    </row>
    <row r="122544" spans="14:14">
      <c r="N122544" s="10"/>
    </row>
    <row r="122545" spans="14:14">
      <c r="N122545" s="10"/>
    </row>
    <row r="122546" spans="14:14">
      <c r="N122546" s="10"/>
    </row>
    <row r="122547" spans="14:14">
      <c r="N122547" s="10"/>
    </row>
    <row r="122548" spans="14:14">
      <c r="N122548" s="10"/>
    </row>
    <row r="122549" spans="14:14">
      <c r="N122549" s="10"/>
    </row>
    <row r="122550" spans="14:14">
      <c r="N122550" s="10"/>
    </row>
    <row r="122551" spans="14:14">
      <c r="N122551" s="10"/>
    </row>
    <row r="122552" spans="14:14">
      <c r="N122552" s="10"/>
    </row>
    <row r="122553" spans="14:14">
      <c r="N122553" s="10"/>
    </row>
    <row r="122554" spans="14:14">
      <c r="N122554" s="10"/>
    </row>
    <row r="122555" spans="14:14">
      <c r="N122555" s="10"/>
    </row>
    <row r="122556" spans="14:14">
      <c r="N122556" s="10"/>
    </row>
    <row r="122557" spans="14:14">
      <c r="N122557" s="10"/>
    </row>
    <row r="122558" spans="14:14">
      <c r="N122558" s="10"/>
    </row>
    <row r="122559" spans="14:14">
      <c r="N122559" s="10"/>
    </row>
    <row r="122560" spans="14:14">
      <c r="N122560" s="10"/>
    </row>
    <row r="122561" spans="14:14">
      <c r="N122561" s="10"/>
    </row>
    <row r="122562" spans="14:14">
      <c r="N122562" s="10"/>
    </row>
    <row r="122563" spans="14:14">
      <c r="N122563" s="10"/>
    </row>
    <row r="122564" spans="14:14">
      <c r="N122564" s="10"/>
    </row>
    <row r="122565" spans="14:14">
      <c r="N122565" s="10"/>
    </row>
    <row r="122566" spans="14:14">
      <c r="N122566" s="10"/>
    </row>
    <row r="122567" spans="14:14">
      <c r="N122567" s="10"/>
    </row>
    <row r="122568" spans="14:14">
      <c r="N122568" s="10"/>
    </row>
    <row r="122569" spans="14:14">
      <c r="N122569" s="10"/>
    </row>
    <row r="122570" spans="14:14">
      <c r="N122570" s="10"/>
    </row>
    <row r="122571" spans="14:14">
      <c r="N122571" s="10"/>
    </row>
    <row r="122572" spans="14:14">
      <c r="N122572" s="10"/>
    </row>
    <row r="122573" spans="14:14">
      <c r="N122573" s="10"/>
    </row>
    <row r="122574" spans="14:14">
      <c r="N122574" s="10"/>
    </row>
    <row r="122575" spans="14:14">
      <c r="N122575" s="10"/>
    </row>
    <row r="122576" spans="14:14">
      <c r="N122576" s="10"/>
    </row>
    <row r="122577" spans="14:14">
      <c r="N122577" s="10"/>
    </row>
    <row r="122578" spans="14:14">
      <c r="N122578" s="10"/>
    </row>
    <row r="122579" spans="14:14">
      <c r="N122579" s="10"/>
    </row>
    <row r="122580" spans="14:14">
      <c r="N122580" s="10"/>
    </row>
    <row r="122581" spans="14:14">
      <c r="N122581" s="10"/>
    </row>
    <row r="122582" spans="14:14">
      <c r="N122582" s="10"/>
    </row>
    <row r="122583" spans="14:14">
      <c r="N122583" s="10"/>
    </row>
    <row r="122584" spans="14:14">
      <c r="N122584" s="10"/>
    </row>
    <row r="122585" spans="14:14">
      <c r="N122585" s="10"/>
    </row>
    <row r="122586" spans="14:14">
      <c r="N122586" s="10"/>
    </row>
    <row r="122587" spans="14:14">
      <c r="N122587" s="10"/>
    </row>
    <row r="122588" spans="14:14">
      <c r="N122588" s="10"/>
    </row>
    <row r="122589" spans="14:14">
      <c r="N122589" s="10"/>
    </row>
    <row r="122590" spans="14:14">
      <c r="N122590" s="10"/>
    </row>
    <row r="122591" spans="14:14">
      <c r="N122591" s="10"/>
    </row>
    <row r="122592" spans="14:14">
      <c r="N122592" s="10"/>
    </row>
    <row r="122593" spans="14:14">
      <c r="N122593" s="10"/>
    </row>
    <row r="122594" spans="14:14">
      <c r="N122594" s="10"/>
    </row>
    <row r="122595" spans="14:14">
      <c r="N122595" s="10"/>
    </row>
    <row r="122596" spans="14:14">
      <c r="N122596" s="10"/>
    </row>
    <row r="122597" spans="14:14">
      <c r="N122597" s="10"/>
    </row>
    <row r="122598" spans="14:14">
      <c r="N122598" s="10"/>
    </row>
    <row r="122599" spans="14:14">
      <c r="N122599" s="10"/>
    </row>
    <row r="122600" spans="14:14">
      <c r="N122600" s="10"/>
    </row>
    <row r="122601" spans="14:14">
      <c r="N122601" s="10"/>
    </row>
    <row r="122602" spans="14:14">
      <c r="N122602" s="10"/>
    </row>
    <row r="122603" spans="14:14">
      <c r="N122603" s="10"/>
    </row>
    <row r="122604" spans="14:14">
      <c r="N122604" s="10"/>
    </row>
    <row r="122605" spans="14:14">
      <c r="N122605" s="10"/>
    </row>
    <row r="122606" spans="14:14">
      <c r="N122606" s="10"/>
    </row>
    <row r="122607" spans="14:14">
      <c r="N122607" s="10"/>
    </row>
    <row r="122608" spans="14:14">
      <c r="N122608" s="10"/>
    </row>
    <row r="122609" spans="14:14">
      <c r="N122609" s="10"/>
    </row>
    <row r="122610" spans="14:14">
      <c r="N122610" s="10"/>
    </row>
    <row r="122611" spans="14:14">
      <c r="N122611" s="10"/>
    </row>
    <row r="122612" spans="14:14">
      <c r="N122612" s="10"/>
    </row>
    <row r="122613" spans="14:14">
      <c r="N122613" s="10"/>
    </row>
    <row r="122614" spans="14:14">
      <c r="N122614" s="10"/>
    </row>
    <row r="122615" spans="14:14">
      <c r="N122615" s="10"/>
    </row>
    <row r="122616" spans="14:14">
      <c r="N122616" s="10"/>
    </row>
    <row r="122617" spans="14:14">
      <c r="N122617" s="10"/>
    </row>
    <row r="122618" spans="14:14">
      <c r="N122618" s="10"/>
    </row>
    <row r="122619" spans="14:14">
      <c r="N122619" s="10"/>
    </row>
    <row r="122620" spans="14:14">
      <c r="N122620" s="10"/>
    </row>
    <row r="122621" spans="14:14">
      <c r="N122621" s="10"/>
    </row>
    <row r="122622" spans="14:14">
      <c r="N122622" s="10"/>
    </row>
    <row r="122623" spans="14:14">
      <c r="N122623" s="10"/>
    </row>
    <row r="122624" spans="14:14">
      <c r="N122624" s="10"/>
    </row>
    <row r="122625" spans="14:14">
      <c r="N122625" s="10"/>
    </row>
    <row r="122626" spans="14:14">
      <c r="N122626" s="10"/>
    </row>
    <row r="122627" spans="14:14">
      <c r="N122627" s="10"/>
    </row>
    <row r="122628" spans="14:14">
      <c r="N122628" s="10"/>
    </row>
    <row r="122629" spans="14:14">
      <c r="N122629" s="10"/>
    </row>
    <row r="122630" spans="14:14">
      <c r="N122630" s="10"/>
    </row>
    <row r="122631" spans="14:14">
      <c r="N122631" s="10"/>
    </row>
    <row r="122632" spans="14:14">
      <c r="N122632" s="10"/>
    </row>
    <row r="122633" spans="14:14">
      <c r="N122633" s="10"/>
    </row>
    <row r="122634" spans="14:14">
      <c r="N122634" s="10"/>
    </row>
    <row r="122635" spans="14:14">
      <c r="N122635" s="10"/>
    </row>
    <row r="122636" spans="14:14">
      <c r="N122636" s="10"/>
    </row>
    <row r="122637" spans="14:14">
      <c r="N122637" s="10"/>
    </row>
    <row r="122638" spans="14:14">
      <c r="N122638" s="10"/>
    </row>
    <row r="122639" spans="14:14">
      <c r="N122639" s="10"/>
    </row>
    <row r="122640" spans="14:14">
      <c r="N122640" s="10"/>
    </row>
    <row r="122641" spans="14:14">
      <c r="N122641" s="10"/>
    </row>
    <row r="122642" spans="14:14">
      <c r="N122642" s="10"/>
    </row>
    <row r="122643" spans="14:14">
      <c r="N122643" s="10"/>
    </row>
    <row r="122644" spans="14:14">
      <c r="N122644" s="10"/>
    </row>
    <row r="122645" spans="14:14">
      <c r="N122645" s="10"/>
    </row>
    <row r="122646" spans="14:14">
      <c r="N122646" s="10"/>
    </row>
    <row r="122647" spans="14:14">
      <c r="N122647" s="10"/>
    </row>
    <row r="122648" spans="14:14">
      <c r="N122648" s="10"/>
    </row>
    <row r="122649" spans="14:14">
      <c r="N122649" s="10"/>
    </row>
    <row r="122650" spans="14:14">
      <c r="N122650" s="10"/>
    </row>
    <row r="122651" spans="14:14">
      <c r="N122651" s="10"/>
    </row>
    <row r="122652" spans="14:14">
      <c r="N122652" s="10"/>
    </row>
    <row r="122653" spans="14:14">
      <c r="N122653" s="10"/>
    </row>
    <row r="122654" spans="14:14">
      <c r="N122654" s="10"/>
    </row>
    <row r="122655" spans="14:14">
      <c r="N122655" s="10"/>
    </row>
    <row r="122656" spans="14:14">
      <c r="N122656" s="10"/>
    </row>
    <row r="122657" spans="14:14">
      <c r="N122657" s="10"/>
    </row>
    <row r="122658" spans="14:14">
      <c r="N122658" s="10"/>
    </row>
    <row r="122659" spans="14:14">
      <c r="N122659" s="10"/>
    </row>
    <row r="122660" spans="14:14">
      <c r="N122660" s="10"/>
    </row>
    <row r="122661" spans="14:14">
      <c r="N122661" s="10"/>
    </row>
    <row r="122662" spans="14:14">
      <c r="N122662" s="10"/>
    </row>
    <row r="122663" spans="14:14">
      <c r="N122663" s="10"/>
    </row>
    <row r="122664" spans="14:14">
      <c r="N122664" s="10"/>
    </row>
    <row r="122665" spans="14:14">
      <c r="N122665" s="10"/>
    </row>
    <row r="122666" spans="14:14">
      <c r="N122666" s="10"/>
    </row>
    <row r="122667" spans="14:14">
      <c r="N122667" s="10"/>
    </row>
    <row r="122668" spans="14:14">
      <c r="N122668" s="10"/>
    </row>
    <row r="122669" spans="14:14">
      <c r="N122669" s="10"/>
    </row>
    <row r="122670" spans="14:14">
      <c r="N122670" s="10"/>
    </row>
    <row r="122671" spans="14:14">
      <c r="N122671" s="10"/>
    </row>
    <row r="122672" spans="14:14">
      <c r="N122672" s="10"/>
    </row>
    <row r="122673" spans="14:14">
      <c r="N122673" s="10"/>
    </row>
    <row r="122674" spans="14:14">
      <c r="N122674" s="10"/>
    </row>
    <row r="122675" spans="14:14">
      <c r="N122675" s="10"/>
    </row>
    <row r="122676" spans="14:14">
      <c r="N122676" s="10"/>
    </row>
    <row r="122677" spans="14:14">
      <c r="N122677" s="10"/>
    </row>
    <row r="122678" spans="14:14">
      <c r="N122678" s="10"/>
    </row>
    <row r="122679" spans="14:14">
      <c r="N122679" s="10"/>
    </row>
    <row r="122680" spans="14:14">
      <c r="N122680" s="10"/>
    </row>
    <row r="122681" spans="14:14">
      <c r="N122681" s="10"/>
    </row>
    <row r="122682" spans="14:14">
      <c r="N122682" s="10"/>
    </row>
    <row r="122683" spans="14:14">
      <c r="N122683" s="10"/>
    </row>
    <row r="122684" spans="14:14">
      <c r="N122684" s="10"/>
    </row>
    <row r="122685" spans="14:14">
      <c r="N122685" s="10"/>
    </row>
    <row r="122686" spans="14:14">
      <c r="N122686" s="10"/>
    </row>
    <row r="122687" spans="14:14">
      <c r="N122687" s="10"/>
    </row>
    <row r="122688" spans="14:14">
      <c r="N122688" s="10"/>
    </row>
    <row r="122689" spans="14:14">
      <c r="N122689" s="10"/>
    </row>
    <row r="122690" spans="14:14">
      <c r="N122690" s="10"/>
    </row>
    <row r="122691" spans="14:14">
      <c r="N122691" s="10"/>
    </row>
    <row r="122692" spans="14:14">
      <c r="N122692" s="10"/>
    </row>
    <row r="122693" spans="14:14">
      <c r="N122693" s="10"/>
    </row>
    <row r="122694" spans="14:14">
      <c r="N122694" s="10"/>
    </row>
    <row r="122695" spans="14:14">
      <c r="N122695" s="10"/>
    </row>
    <row r="122696" spans="14:14">
      <c r="N122696" s="10"/>
    </row>
    <row r="122697" spans="14:14">
      <c r="N122697" s="10"/>
    </row>
    <row r="122698" spans="14:14">
      <c r="N122698" s="10"/>
    </row>
    <row r="122699" spans="14:14">
      <c r="N122699" s="10"/>
    </row>
    <row r="122700" spans="14:14">
      <c r="N122700" s="10"/>
    </row>
    <row r="122701" spans="14:14">
      <c r="N122701" s="10"/>
    </row>
    <row r="122702" spans="14:14">
      <c r="N122702" s="10"/>
    </row>
    <row r="122703" spans="14:14">
      <c r="N122703" s="10"/>
    </row>
    <row r="122704" spans="14:14">
      <c r="N122704" s="10"/>
    </row>
    <row r="122705" spans="14:14">
      <c r="N122705" s="10"/>
    </row>
    <row r="122706" spans="14:14">
      <c r="N122706" s="10"/>
    </row>
    <row r="122707" spans="14:14">
      <c r="N122707" s="10"/>
    </row>
    <row r="122708" spans="14:14">
      <c r="N122708" s="10"/>
    </row>
    <row r="122709" spans="14:14">
      <c r="N122709" s="10"/>
    </row>
    <row r="122710" spans="14:14">
      <c r="N122710" s="10"/>
    </row>
    <row r="122711" spans="14:14">
      <c r="N122711" s="10"/>
    </row>
    <row r="122712" spans="14:14">
      <c r="N122712" s="10"/>
    </row>
    <row r="122713" spans="14:14">
      <c r="N122713" s="10"/>
    </row>
    <row r="122714" spans="14:14">
      <c r="N122714" s="10"/>
    </row>
    <row r="122715" spans="14:14">
      <c r="N122715" s="10"/>
    </row>
    <row r="122716" spans="14:14">
      <c r="N122716" s="10"/>
    </row>
    <row r="122717" spans="14:14">
      <c r="N122717" s="10"/>
    </row>
    <row r="122718" spans="14:14">
      <c r="N122718" s="10"/>
    </row>
    <row r="122719" spans="14:14">
      <c r="N122719" s="10"/>
    </row>
    <row r="122720" spans="14:14">
      <c r="N122720" s="10"/>
    </row>
    <row r="122721" spans="14:14">
      <c r="N122721" s="10"/>
    </row>
    <row r="122722" spans="14:14">
      <c r="N122722" s="10"/>
    </row>
    <row r="122723" spans="14:14">
      <c r="N122723" s="10"/>
    </row>
    <row r="122724" spans="14:14">
      <c r="N122724" s="10"/>
    </row>
    <row r="122725" spans="14:14">
      <c r="N122725" s="10"/>
    </row>
    <row r="122726" spans="14:14">
      <c r="N122726" s="10"/>
    </row>
    <row r="122727" spans="14:14">
      <c r="N122727" s="10"/>
    </row>
    <row r="122728" spans="14:14">
      <c r="N122728" s="10"/>
    </row>
    <row r="122729" spans="14:14">
      <c r="N122729" s="10"/>
    </row>
    <row r="122730" spans="14:14">
      <c r="N122730" s="10"/>
    </row>
    <row r="122731" spans="14:14">
      <c r="N122731" s="10"/>
    </row>
    <row r="122732" spans="14:14">
      <c r="N122732" s="10"/>
    </row>
    <row r="122733" spans="14:14">
      <c r="N122733" s="10"/>
    </row>
    <row r="122734" spans="14:14">
      <c r="N122734" s="10"/>
    </row>
    <row r="122735" spans="14:14">
      <c r="N122735" s="10"/>
    </row>
    <row r="122736" spans="14:14">
      <c r="N122736" s="10"/>
    </row>
    <row r="122737" spans="14:14">
      <c r="N122737" s="10"/>
    </row>
    <row r="122738" spans="14:14">
      <c r="N122738" s="10"/>
    </row>
    <row r="122739" spans="14:14">
      <c r="N122739" s="10"/>
    </row>
    <row r="122740" spans="14:14">
      <c r="N122740" s="10"/>
    </row>
    <row r="122741" spans="14:14">
      <c r="N122741" s="10"/>
    </row>
    <row r="122742" spans="14:14">
      <c r="N122742" s="10"/>
    </row>
    <row r="122743" spans="14:14">
      <c r="N122743" s="10"/>
    </row>
    <row r="122744" spans="14:14">
      <c r="N122744" s="10"/>
    </row>
    <row r="122745" spans="14:14">
      <c r="N122745" s="10"/>
    </row>
    <row r="122746" spans="14:14">
      <c r="N122746" s="10"/>
    </row>
    <row r="122747" spans="14:14">
      <c r="N122747" s="10"/>
    </row>
    <row r="122748" spans="14:14">
      <c r="N122748" s="10"/>
    </row>
    <row r="122749" spans="14:14">
      <c r="N122749" s="10"/>
    </row>
    <row r="122750" spans="14:14">
      <c r="N122750" s="10"/>
    </row>
    <row r="122751" spans="14:14">
      <c r="N122751" s="10"/>
    </row>
    <row r="122752" spans="14:14">
      <c r="N122752" s="10"/>
    </row>
    <row r="122753" spans="14:14">
      <c r="N122753" s="10"/>
    </row>
    <row r="122754" spans="14:14">
      <c r="N122754" s="10"/>
    </row>
    <row r="122755" spans="14:14">
      <c r="N122755" s="10"/>
    </row>
    <row r="122756" spans="14:14">
      <c r="N122756" s="10"/>
    </row>
    <row r="122757" spans="14:14">
      <c r="N122757" s="10"/>
    </row>
    <row r="122758" spans="14:14">
      <c r="N122758" s="10"/>
    </row>
    <row r="122759" spans="14:14">
      <c r="N122759" s="10"/>
    </row>
    <row r="122760" spans="14:14">
      <c r="N122760" s="10"/>
    </row>
    <row r="122761" spans="14:14">
      <c r="N122761" s="10"/>
    </row>
    <row r="122762" spans="14:14">
      <c r="N122762" s="10"/>
    </row>
    <row r="122763" spans="14:14">
      <c r="N122763" s="10"/>
    </row>
    <row r="122764" spans="14:14">
      <c r="N122764" s="10"/>
    </row>
    <row r="122765" spans="14:14">
      <c r="N122765" s="10"/>
    </row>
    <row r="122766" spans="14:14">
      <c r="N122766" s="10"/>
    </row>
    <row r="122767" spans="14:14">
      <c r="N122767" s="10"/>
    </row>
    <row r="122768" spans="14:14">
      <c r="N122768" s="10"/>
    </row>
    <row r="122769" spans="14:14">
      <c r="N122769" s="10"/>
    </row>
    <row r="122770" spans="14:14">
      <c r="N122770" s="10"/>
    </row>
    <row r="122771" spans="14:14">
      <c r="N122771" s="10"/>
    </row>
    <row r="122772" spans="14:14">
      <c r="N122772" s="10"/>
    </row>
    <row r="122773" spans="14:14">
      <c r="N122773" s="10"/>
    </row>
    <row r="122774" spans="14:14">
      <c r="N122774" s="10"/>
    </row>
    <row r="122775" spans="14:14">
      <c r="N122775" s="10"/>
    </row>
    <row r="122776" spans="14:14">
      <c r="N122776" s="10"/>
    </row>
    <row r="122777" spans="14:14">
      <c r="N122777" s="10"/>
    </row>
    <row r="122778" spans="14:14">
      <c r="N122778" s="10"/>
    </row>
    <row r="122779" spans="14:14">
      <c r="N122779" s="10"/>
    </row>
    <row r="122780" spans="14:14">
      <c r="N122780" s="10"/>
    </row>
    <row r="122781" spans="14:14">
      <c r="N122781" s="10"/>
    </row>
    <row r="122782" spans="14:14">
      <c r="N122782" s="10"/>
    </row>
    <row r="122783" spans="14:14">
      <c r="N122783" s="10"/>
    </row>
    <row r="122784" spans="14:14">
      <c r="N122784" s="10"/>
    </row>
    <row r="122785" spans="14:14">
      <c r="N122785" s="10"/>
    </row>
    <row r="122786" spans="14:14">
      <c r="N122786" s="10"/>
    </row>
    <row r="122787" spans="14:14">
      <c r="N122787" s="10"/>
    </row>
    <row r="122788" spans="14:14">
      <c r="N122788" s="10"/>
    </row>
    <row r="122789" spans="14:14">
      <c r="N122789" s="10"/>
    </row>
    <row r="122790" spans="14:14">
      <c r="N122790" s="10"/>
    </row>
    <row r="122791" spans="14:14">
      <c r="N122791" s="10"/>
    </row>
    <row r="122792" spans="14:14">
      <c r="N122792" s="10"/>
    </row>
    <row r="122793" spans="14:14">
      <c r="N122793" s="10"/>
    </row>
    <row r="122794" spans="14:14">
      <c r="N122794" s="10"/>
    </row>
    <row r="122795" spans="14:14">
      <c r="N122795" s="10"/>
    </row>
    <row r="122796" spans="14:14">
      <c r="N122796" s="10"/>
    </row>
    <row r="122797" spans="14:14">
      <c r="N122797" s="10"/>
    </row>
    <row r="122798" spans="14:14">
      <c r="N122798" s="10"/>
    </row>
    <row r="122799" spans="14:14">
      <c r="N122799" s="10"/>
    </row>
    <row r="122800" spans="14:14">
      <c r="N122800" s="10"/>
    </row>
    <row r="122801" spans="14:14">
      <c r="N122801" s="10"/>
    </row>
    <row r="122802" spans="14:14">
      <c r="N122802" s="10"/>
    </row>
    <row r="122803" spans="14:14">
      <c r="N122803" s="10"/>
    </row>
    <row r="122804" spans="14:14">
      <c r="N122804" s="10"/>
    </row>
    <row r="122805" spans="14:14">
      <c r="N122805" s="10"/>
    </row>
    <row r="122806" spans="14:14">
      <c r="N122806" s="10"/>
    </row>
    <row r="122807" spans="14:14">
      <c r="N122807" s="10"/>
    </row>
    <row r="122808" spans="14:14">
      <c r="N122808" s="10"/>
    </row>
    <row r="122809" spans="14:14">
      <c r="N122809" s="10"/>
    </row>
    <row r="122810" spans="14:14">
      <c r="N122810" s="10"/>
    </row>
    <row r="122811" spans="14:14">
      <c r="N122811" s="10"/>
    </row>
    <row r="122812" spans="14:14">
      <c r="N122812" s="10"/>
    </row>
    <row r="122813" spans="14:14">
      <c r="N122813" s="10"/>
    </row>
    <row r="122814" spans="14:14">
      <c r="N122814" s="10"/>
    </row>
    <row r="122815" spans="14:14">
      <c r="N122815" s="10"/>
    </row>
    <row r="122816" spans="14:14">
      <c r="N122816" s="10"/>
    </row>
    <row r="122817" spans="14:14">
      <c r="N122817" s="10"/>
    </row>
    <row r="122818" spans="14:14">
      <c r="N122818" s="10"/>
    </row>
    <row r="122819" spans="14:14">
      <c r="N122819" s="10"/>
    </row>
    <row r="122820" spans="14:14">
      <c r="N122820" s="10"/>
    </row>
    <row r="122821" spans="14:14">
      <c r="N122821" s="10"/>
    </row>
    <row r="122822" spans="14:14">
      <c r="N122822" s="10"/>
    </row>
    <row r="122823" spans="14:14">
      <c r="N122823" s="10"/>
    </row>
    <row r="122824" spans="14:14">
      <c r="N122824" s="10"/>
    </row>
    <row r="122825" spans="14:14">
      <c r="N122825" s="10"/>
    </row>
    <row r="122826" spans="14:14">
      <c r="N122826" s="10"/>
    </row>
    <row r="122827" spans="14:14">
      <c r="N122827" s="10"/>
    </row>
    <row r="122828" spans="14:14">
      <c r="N122828" s="10"/>
    </row>
    <row r="122829" spans="14:14">
      <c r="N122829" s="10"/>
    </row>
    <row r="122830" spans="14:14">
      <c r="N122830" s="10"/>
    </row>
    <row r="122831" spans="14:14">
      <c r="N122831" s="10"/>
    </row>
    <row r="122832" spans="14:14">
      <c r="N122832" s="10"/>
    </row>
    <row r="122833" spans="14:14">
      <c r="N122833" s="10"/>
    </row>
    <row r="122834" spans="14:14">
      <c r="N122834" s="10"/>
    </row>
    <row r="122835" spans="14:14">
      <c r="N122835" s="10"/>
    </row>
    <row r="122836" spans="14:14">
      <c r="N122836" s="10"/>
    </row>
    <row r="122837" spans="14:14">
      <c r="N122837" s="10"/>
    </row>
    <row r="122838" spans="14:14">
      <c r="N122838" s="10"/>
    </row>
    <row r="122839" spans="14:14">
      <c r="N122839" s="10"/>
    </row>
    <row r="122840" spans="14:14">
      <c r="N122840" s="10"/>
    </row>
    <row r="122841" spans="14:14">
      <c r="N122841" s="10"/>
    </row>
    <row r="122842" spans="14:14">
      <c r="N122842" s="10"/>
    </row>
    <row r="122843" spans="14:14">
      <c r="N122843" s="10"/>
    </row>
    <row r="122844" spans="14:14">
      <c r="N122844" s="10"/>
    </row>
    <row r="122845" spans="14:14">
      <c r="N122845" s="10"/>
    </row>
    <row r="122846" spans="14:14">
      <c r="N122846" s="10"/>
    </row>
    <row r="122847" spans="14:14">
      <c r="N122847" s="10"/>
    </row>
    <row r="122848" spans="14:14">
      <c r="N122848" s="10"/>
    </row>
    <row r="122849" spans="14:14">
      <c r="N122849" s="10"/>
    </row>
    <row r="122850" spans="14:14">
      <c r="N122850" s="10"/>
    </row>
    <row r="122851" spans="14:14">
      <c r="N122851" s="10"/>
    </row>
    <row r="122852" spans="14:14">
      <c r="N122852" s="10"/>
    </row>
    <row r="122853" spans="14:14">
      <c r="N122853" s="10"/>
    </row>
    <row r="122854" spans="14:14">
      <c r="N122854" s="10"/>
    </row>
    <row r="122855" spans="14:14">
      <c r="N122855" s="10"/>
    </row>
    <row r="122856" spans="14:14">
      <c r="N122856" s="10"/>
    </row>
    <row r="122857" spans="14:14">
      <c r="N122857" s="10"/>
    </row>
    <row r="122858" spans="14:14">
      <c r="N122858" s="10"/>
    </row>
    <row r="122859" spans="14:14">
      <c r="N122859" s="10"/>
    </row>
    <row r="122860" spans="14:14">
      <c r="N122860" s="10"/>
    </row>
    <row r="122861" spans="14:14">
      <c r="N122861" s="10"/>
    </row>
    <row r="122862" spans="14:14">
      <c r="N122862" s="10"/>
    </row>
    <row r="122863" spans="14:14">
      <c r="N122863" s="10"/>
    </row>
    <row r="122864" spans="14:14">
      <c r="N122864" s="10"/>
    </row>
    <row r="122865" spans="14:14">
      <c r="N122865" s="10"/>
    </row>
    <row r="122866" spans="14:14">
      <c r="N122866" s="10"/>
    </row>
    <row r="122867" spans="14:14">
      <c r="N122867" s="10"/>
    </row>
    <row r="122868" spans="14:14">
      <c r="N122868" s="10"/>
    </row>
    <row r="122869" spans="14:14">
      <c r="N122869" s="10"/>
    </row>
    <row r="122870" spans="14:14">
      <c r="N122870" s="10"/>
    </row>
    <row r="122871" spans="14:14">
      <c r="N122871" s="10"/>
    </row>
    <row r="122872" spans="14:14">
      <c r="N122872" s="10"/>
    </row>
    <row r="122873" spans="14:14">
      <c r="N122873" s="10"/>
    </row>
    <row r="122874" spans="14:14">
      <c r="N122874" s="10"/>
    </row>
    <row r="122875" spans="14:14">
      <c r="N122875" s="10"/>
    </row>
    <row r="122876" spans="14:14">
      <c r="N122876" s="10"/>
    </row>
    <row r="122877" spans="14:14">
      <c r="N122877" s="10"/>
    </row>
    <row r="122878" spans="14:14">
      <c r="N122878" s="10"/>
    </row>
    <row r="122879" spans="14:14">
      <c r="N122879" s="10"/>
    </row>
    <row r="122880" spans="14:14">
      <c r="N122880" s="10"/>
    </row>
    <row r="122881" spans="14:14">
      <c r="N122881" s="10"/>
    </row>
    <row r="122882" spans="14:14">
      <c r="N122882" s="10"/>
    </row>
    <row r="122883" spans="14:14">
      <c r="N122883" s="10"/>
    </row>
    <row r="122884" spans="14:14">
      <c r="N122884" s="10"/>
    </row>
    <row r="122885" spans="14:14">
      <c r="N122885" s="10"/>
    </row>
    <row r="122886" spans="14:14">
      <c r="N122886" s="10"/>
    </row>
    <row r="122887" spans="14:14">
      <c r="N122887" s="10"/>
    </row>
    <row r="122888" spans="14:14">
      <c r="N122888" s="10"/>
    </row>
    <row r="122889" spans="14:14">
      <c r="N122889" s="10"/>
    </row>
    <row r="122890" spans="14:14">
      <c r="N122890" s="10"/>
    </row>
    <row r="122891" spans="14:14">
      <c r="N122891" s="10"/>
    </row>
    <row r="122892" spans="14:14">
      <c r="N122892" s="10"/>
    </row>
    <row r="122893" spans="14:14">
      <c r="N122893" s="10"/>
    </row>
    <row r="122894" spans="14:14">
      <c r="N122894" s="10"/>
    </row>
    <row r="122895" spans="14:14">
      <c r="N122895" s="10"/>
    </row>
    <row r="122896" spans="14:14">
      <c r="N122896" s="10"/>
    </row>
    <row r="122897" spans="14:14">
      <c r="N122897" s="10"/>
    </row>
    <row r="122898" spans="14:14">
      <c r="N122898" s="10"/>
    </row>
    <row r="122899" spans="14:14">
      <c r="N122899" s="10"/>
    </row>
    <row r="122900" spans="14:14">
      <c r="N122900" s="10"/>
    </row>
    <row r="122901" spans="14:14">
      <c r="N122901" s="10"/>
    </row>
    <row r="122902" spans="14:14">
      <c r="N122902" s="10"/>
    </row>
    <row r="122903" spans="14:14">
      <c r="N122903" s="10"/>
    </row>
    <row r="122904" spans="14:14">
      <c r="N122904" s="10"/>
    </row>
    <row r="122905" spans="14:14">
      <c r="N122905" s="10"/>
    </row>
    <row r="122906" spans="14:14">
      <c r="N122906" s="10"/>
    </row>
    <row r="122907" spans="14:14">
      <c r="N122907" s="10"/>
    </row>
    <row r="122908" spans="14:14">
      <c r="N122908" s="10"/>
    </row>
    <row r="122909" spans="14:14">
      <c r="N122909" s="10"/>
    </row>
    <row r="122910" spans="14:14">
      <c r="N122910" s="10"/>
    </row>
    <row r="122911" spans="14:14">
      <c r="N122911" s="10"/>
    </row>
    <row r="122912" spans="14:14">
      <c r="N122912" s="10"/>
    </row>
    <row r="122913" spans="14:14">
      <c r="N122913" s="10"/>
    </row>
    <row r="122914" spans="14:14">
      <c r="N122914" s="10"/>
    </row>
    <row r="122915" spans="14:14">
      <c r="N122915" s="10"/>
    </row>
    <row r="122916" spans="14:14">
      <c r="N122916" s="10"/>
    </row>
    <row r="122917" spans="14:14">
      <c r="N122917" s="10"/>
    </row>
    <row r="122918" spans="14:14">
      <c r="N122918" s="10"/>
    </row>
    <row r="122919" spans="14:14">
      <c r="N122919" s="10"/>
    </row>
    <row r="122920" spans="14:14">
      <c r="N122920" s="10"/>
    </row>
    <row r="122921" spans="14:14">
      <c r="N122921" s="10"/>
    </row>
    <row r="122922" spans="14:14">
      <c r="N122922" s="10"/>
    </row>
    <row r="122923" spans="14:14">
      <c r="N122923" s="10"/>
    </row>
    <row r="122924" spans="14:14">
      <c r="N122924" s="10"/>
    </row>
    <row r="122925" spans="14:14">
      <c r="N122925" s="10"/>
    </row>
    <row r="122926" spans="14:14">
      <c r="N122926" s="10"/>
    </row>
    <row r="122927" spans="14:14">
      <c r="N122927" s="10"/>
    </row>
    <row r="122928" spans="14:14">
      <c r="N122928" s="10"/>
    </row>
    <row r="122929" spans="14:14">
      <c r="N122929" s="10"/>
    </row>
    <row r="122930" spans="14:14">
      <c r="N122930" s="10"/>
    </row>
    <row r="122931" spans="14:14">
      <c r="N122931" s="10"/>
    </row>
    <row r="122932" spans="14:14">
      <c r="N122932" s="10"/>
    </row>
    <row r="122933" spans="14:14">
      <c r="N122933" s="10"/>
    </row>
    <row r="122934" spans="14:14">
      <c r="N122934" s="10"/>
    </row>
    <row r="122935" spans="14:14">
      <c r="N122935" s="10"/>
    </row>
    <row r="122936" spans="14:14">
      <c r="N122936" s="10"/>
    </row>
    <row r="122937" spans="14:14">
      <c r="N122937" s="10"/>
    </row>
    <row r="122938" spans="14:14">
      <c r="N122938" s="10"/>
    </row>
    <row r="122939" spans="14:14">
      <c r="N122939" s="10"/>
    </row>
    <row r="122940" spans="14:14">
      <c r="N122940" s="10"/>
    </row>
    <row r="122941" spans="14:14">
      <c r="N122941" s="10"/>
    </row>
    <row r="122942" spans="14:14">
      <c r="N122942" s="10"/>
    </row>
    <row r="122943" spans="14:14">
      <c r="N122943" s="10"/>
    </row>
    <row r="122944" spans="14:14">
      <c r="N122944" s="10"/>
    </row>
    <row r="122945" spans="14:14">
      <c r="N122945" s="10"/>
    </row>
    <row r="122946" spans="14:14">
      <c r="N122946" s="10"/>
    </row>
    <row r="122947" spans="14:14">
      <c r="N122947" s="10"/>
    </row>
    <row r="122948" spans="14:14">
      <c r="N122948" s="10"/>
    </row>
    <row r="122949" spans="14:14">
      <c r="N122949" s="10"/>
    </row>
    <row r="122950" spans="14:14">
      <c r="N122950" s="10"/>
    </row>
    <row r="122951" spans="14:14">
      <c r="N122951" s="10"/>
    </row>
    <row r="122952" spans="14:14">
      <c r="N122952" s="10"/>
    </row>
    <row r="122953" spans="14:14">
      <c r="N122953" s="10"/>
    </row>
    <row r="122954" spans="14:14">
      <c r="N122954" s="10"/>
    </row>
    <row r="122955" spans="14:14">
      <c r="N122955" s="10"/>
    </row>
    <row r="122956" spans="14:14">
      <c r="N122956" s="10"/>
    </row>
    <row r="122957" spans="14:14">
      <c r="N122957" s="10"/>
    </row>
    <row r="122958" spans="14:14">
      <c r="N122958" s="10"/>
    </row>
    <row r="122959" spans="14:14">
      <c r="N122959" s="10"/>
    </row>
    <row r="122960" spans="14:14">
      <c r="N122960" s="10"/>
    </row>
    <row r="122961" spans="14:14">
      <c r="N122961" s="10"/>
    </row>
    <row r="122962" spans="14:14">
      <c r="N122962" s="10"/>
    </row>
    <row r="122963" spans="14:14">
      <c r="N122963" s="10"/>
    </row>
    <row r="122964" spans="14:14">
      <c r="N122964" s="10"/>
    </row>
    <row r="122965" spans="14:14">
      <c r="N122965" s="10"/>
    </row>
    <row r="122966" spans="14:14">
      <c r="N122966" s="10"/>
    </row>
    <row r="122967" spans="14:14">
      <c r="N122967" s="10"/>
    </row>
    <row r="122968" spans="14:14">
      <c r="N122968" s="10"/>
    </row>
    <row r="122969" spans="14:14">
      <c r="N122969" s="10"/>
    </row>
    <row r="122970" spans="14:14">
      <c r="N122970" s="10"/>
    </row>
    <row r="122971" spans="14:14">
      <c r="N122971" s="10"/>
    </row>
    <row r="122972" spans="14:14">
      <c r="N122972" s="10"/>
    </row>
    <row r="122973" spans="14:14">
      <c r="N122973" s="10"/>
    </row>
    <row r="122974" spans="14:14">
      <c r="N122974" s="10"/>
    </row>
    <row r="122975" spans="14:14">
      <c r="N122975" s="10"/>
    </row>
    <row r="122976" spans="14:14">
      <c r="N122976" s="10"/>
    </row>
    <row r="122977" spans="14:14">
      <c r="N122977" s="10"/>
    </row>
    <row r="122978" spans="14:14">
      <c r="N122978" s="10"/>
    </row>
    <row r="122979" spans="14:14">
      <c r="N122979" s="10"/>
    </row>
    <row r="122980" spans="14:14">
      <c r="N122980" s="10"/>
    </row>
    <row r="122981" spans="14:14">
      <c r="N122981" s="10"/>
    </row>
    <row r="122982" spans="14:14">
      <c r="N122982" s="10"/>
    </row>
    <row r="122983" spans="14:14">
      <c r="N122983" s="10"/>
    </row>
    <row r="122984" spans="14:14">
      <c r="N122984" s="10"/>
    </row>
    <row r="122985" spans="14:14">
      <c r="N122985" s="10"/>
    </row>
    <row r="122986" spans="14:14">
      <c r="N122986" s="10"/>
    </row>
    <row r="122987" spans="14:14">
      <c r="N122987" s="10"/>
    </row>
    <row r="122988" spans="14:14">
      <c r="N122988" s="10"/>
    </row>
    <row r="122989" spans="14:14">
      <c r="N122989" s="10"/>
    </row>
    <row r="122990" spans="14:14">
      <c r="N122990" s="10"/>
    </row>
    <row r="122991" spans="14:14">
      <c r="N122991" s="10"/>
    </row>
    <row r="122992" spans="14:14">
      <c r="N122992" s="10"/>
    </row>
    <row r="122993" spans="14:14">
      <c r="N122993" s="10"/>
    </row>
    <row r="122994" spans="14:14">
      <c r="N122994" s="10"/>
    </row>
    <row r="122995" spans="14:14">
      <c r="N122995" s="10"/>
    </row>
    <row r="122996" spans="14:14">
      <c r="N122996" s="10"/>
    </row>
    <row r="122997" spans="14:14">
      <c r="N122997" s="10"/>
    </row>
    <row r="122998" spans="14:14">
      <c r="N122998" s="10"/>
    </row>
    <row r="122999" spans="14:14">
      <c r="N122999" s="10"/>
    </row>
    <row r="123000" spans="14:14">
      <c r="N123000" s="10"/>
    </row>
    <row r="123001" spans="14:14">
      <c r="N123001" s="10"/>
    </row>
    <row r="123002" spans="14:14">
      <c r="N123002" s="10"/>
    </row>
    <row r="123003" spans="14:14">
      <c r="N123003" s="10"/>
    </row>
    <row r="123004" spans="14:14">
      <c r="N123004" s="10"/>
    </row>
    <row r="123005" spans="14:14">
      <c r="N123005" s="10"/>
    </row>
    <row r="123006" spans="14:14">
      <c r="N123006" s="10"/>
    </row>
    <row r="123007" spans="14:14">
      <c r="N123007" s="10"/>
    </row>
    <row r="123008" spans="14:14">
      <c r="N123008" s="10"/>
    </row>
    <row r="123009" spans="14:14">
      <c r="N123009" s="10"/>
    </row>
    <row r="123010" spans="14:14">
      <c r="N123010" s="10"/>
    </row>
    <row r="123011" spans="14:14">
      <c r="N123011" s="10"/>
    </row>
    <row r="123012" spans="14:14">
      <c r="N123012" s="10"/>
    </row>
    <row r="123013" spans="14:14">
      <c r="N123013" s="10"/>
    </row>
    <row r="123014" spans="14:14">
      <c r="N123014" s="10"/>
    </row>
    <row r="123015" spans="14:14">
      <c r="N123015" s="10"/>
    </row>
    <row r="123016" spans="14:14">
      <c r="N123016" s="10"/>
    </row>
    <row r="123017" spans="14:14">
      <c r="N123017" s="10"/>
    </row>
    <row r="123018" spans="14:14">
      <c r="N123018" s="10"/>
    </row>
    <row r="123019" spans="14:14">
      <c r="N123019" s="10"/>
    </row>
    <row r="123020" spans="14:14">
      <c r="N123020" s="10"/>
    </row>
    <row r="123021" spans="14:14">
      <c r="N123021" s="10"/>
    </row>
    <row r="123022" spans="14:14">
      <c r="N123022" s="10"/>
    </row>
    <row r="123023" spans="14:14">
      <c r="N123023" s="10"/>
    </row>
    <row r="123024" spans="14:14">
      <c r="N123024" s="10"/>
    </row>
    <row r="123025" spans="14:14">
      <c r="N123025" s="10"/>
    </row>
    <row r="123026" spans="14:14">
      <c r="N123026" s="10"/>
    </row>
    <row r="123027" spans="14:14">
      <c r="N123027" s="10"/>
    </row>
    <row r="123028" spans="14:14">
      <c r="N123028" s="10"/>
    </row>
    <row r="123029" spans="14:14">
      <c r="N123029" s="10"/>
    </row>
    <row r="123030" spans="14:14">
      <c r="N123030" s="10"/>
    </row>
    <row r="123031" spans="14:14">
      <c r="N123031" s="10"/>
    </row>
    <row r="123032" spans="14:14">
      <c r="N123032" s="10"/>
    </row>
    <row r="123033" spans="14:14">
      <c r="N123033" s="10"/>
    </row>
    <row r="123034" spans="14:14">
      <c r="N123034" s="10"/>
    </row>
    <row r="123035" spans="14:14">
      <c r="N123035" s="10"/>
    </row>
    <row r="123036" spans="14:14">
      <c r="N123036" s="10"/>
    </row>
    <row r="123037" spans="14:14">
      <c r="N123037" s="10"/>
    </row>
    <row r="123038" spans="14:14">
      <c r="N123038" s="10"/>
    </row>
    <row r="123039" spans="14:14">
      <c r="N123039" s="10"/>
    </row>
    <row r="123040" spans="14:14">
      <c r="N123040" s="10"/>
    </row>
    <row r="123041" spans="14:14">
      <c r="N123041" s="10"/>
    </row>
    <row r="123042" spans="14:14">
      <c r="N123042" s="10"/>
    </row>
    <row r="123043" spans="14:14">
      <c r="N123043" s="10"/>
    </row>
    <row r="123044" spans="14:14">
      <c r="N123044" s="10"/>
    </row>
    <row r="123045" spans="14:14">
      <c r="N123045" s="10"/>
    </row>
    <row r="123046" spans="14:14">
      <c r="N123046" s="10"/>
    </row>
    <row r="123047" spans="14:14">
      <c r="N123047" s="10"/>
    </row>
    <row r="123048" spans="14:14">
      <c r="N123048" s="10"/>
    </row>
    <row r="123049" spans="14:14">
      <c r="N123049" s="10"/>
    </row>
    <row r="123050" spans="14:14">
      <c r="N123050" s="10"/>
    </row>
    <row r="123051" spans="14:14">
      <c r="N123051" s="10"/>
    </row>
    <row r="123052" spans="14:14">
      <c r="N123052" s="10"/>
    </row>
    <row r="123053" spans="14:14">
      <c r="N123053" s="10"/>
    </row>
    <row r="123054" spans="14:14">
      <c r="N123054" s="10"/>
    </row>
    <row r="123055" spans="14:14">
      <c r="N123055" s="10"/>
    </row>
    <row r="123056" spans="14:14">
      <c r="N123056" s="10"/>
    </row>
    <row r="123057" spans="14:14">
      <c r="N123057" s="10"/>
    </row>
    <row r="123058" spans="14:14">
      <c r="N123058" s="10"/>
    </row>
    <row r="123059" spans="14:14">
      <c r="N123059" s="10"/>
    </row>
    <row r="123060" spans="14:14">
      <c r="N123060" s="10"/>
    </row>
    <row r="123061" spans="14:14">
      <c r="N123061" s="10"/>
    </row>
    <row r="123062" spans="14:14">
      <c r="N123062" s="10"/>
    </row>
    <row r="123063" spans="14:14">
      <c r="N123063" s="10"/>
    </row>
    <row r="123064" spans="14:14">
      <c r="N123064" s="10"/>
    </row>
    <row r="123065" spans="14:14">
      <c r="N123065" s="10"/>
    </row>
    <row r="123066" spans="14:14">
      <c r="N123066" s="10"/>
    </row>
    <row r="123067" spans="14:14">
      <c r="N123067" s="10"/>
    </row>
    <row r="123068" spans="14:14">
      <c r="N123068" s="10"/>
    </row>
    <row r="123069" spans="14:14">
      <c r="N123069" s="10"/>
    </row>
    <row r="123070" spans="14:14">
      <c r="N123070" s="10"/>
    </row>
    <row r="123071" spans="14:14">
      <c r="N123071" s="10"/>
    </row>
    <row r="123072" spans="14:14">
      <c r="N123072" s="10"/>
    </row>
    <row r="123073" spans="14:14">
      <c r="N123073" s="10"/>
    </row>
    <row r="123074" spans="14:14">
      <c r="N123074" s="10"/>
    </row>
    <row r="123075" spans="14:14">
      <c r="N123075" s="10"/>
    </row>
    <row r="123076" spans="14:14">
      <c r="N123076" s="10"/>
    </row>
    <row r="123077" spans="14:14">
      <c r="N123077" s="10"/>
    </row>
    <row r="123078" spans="14:14">
      <c r="N123078" s="10"/>
    </row>
    <row r="123079" spans="14:14">
      <c r="N123079" s="10"/>
    </row>
    <row r="123080" spans="14:14">
      <c r="N123080" s="10"/>
    </row>
    <row r="123081" spans="14:14">
      <c r="N123081" s="10"/>
    </row>
    <row r="123082" spans="14:14">
      <c r="N123082" s="10"/>
    </row>
    <row r="123083" spans="14:14">
      <c r="N123083" s="10"/>
    </row>
    <row r="123084" spans="14:14">
      <c r="N123084" s="10"/>
    </row>
    <row r="123085" spans="14:14">
      <c r="N123085" s="10"/>
    </row>
    <row r="123086" spans="14:14">
      <c r="N123086" s="10"/>
    </row>
    <row r="123087" spans="14:14">
      <c r="N123087" s="10"/>
    </row>
    <row r="123088" spans="14:14">
      <c r="N123088" s="10"/>
    </row>
    <row r="123089" spans="14:14">
      <c r="N123089" s="10"/>
    </row>
    <row r="123090" spans="14:14">
      <c r="N123090" s="10"/>
    </row>
    <row r="123091" spans="14:14">
      <c r="N123091" s="10"/>
    </row>
    <row r="123092" spans="14:14">
      <c r="N123092" s="10"/>
    </row>
    <row r="123093" spans="14:14">
      <c r="N123093" s="10"/>
    </row>
    <row r="123094" spans="14:14">
      <c r="N123094" s="10"/>
    </row>
    <row r="123095" spans="14:14">
      <c r="N123095" s="10"/>
    </row>
    <row r="123096" spans="14:14">
      <c r="N123096" s="10"/>
    </row>
    <row r="123097" spans="14:14">
      <c r="N123097" s="10"/>
    </row>
    <row r="123098" spans="14:14">
      <c r="N123098" s="10"/>
    </row>
    <row r="123099" spans="14:14">
      <c r="N123099" s="10"/>
    </row>
    <row r="123100" spans="14:14">
      <c r="N123100" s="10"/>
    </row>
    <row r="123101" spans="14:14">
      <c r="N123101" s="10"/>
    </row>
    <row r="123102" spans="14:14">
      <c r="N123102" s="10"/>
    </row>
    <row r="123103" spans="14:14">
      <c r="N123103" s="10"/>
    </row>
    <row r="123104" spans="14:14">
      <c r="N123104" s="10"/>
    </row>
    <row r="123105" spans="14:14">
      <c r="N123105" s="10"/>
    </row>
    <row r="123106" spans="14:14">
      <c r="N123106" s="10"/>
    </row>
    <row r="123107" spans="14:14">
      <c r="N123107" s="10"/>
    </row>
    <row r="123108" spans="14:14">
      <c r="N123108" s="10"/>
    </row>
    <row r="123109" spans="14:14">
      <c r="N123109" s="10"/>
    </row>
    <row r="123110" spans="14:14">
      <c r="N123110" s="10"/>
    </row>
    <row r="123111" spans="14:14">
      <c r="N123111" s="10"/>
    </row>
    <row r="123112" spans="14:14">
      <c r="N123112" s="10"/>
    </row>
    <row r="123113" spans="14:14">
      <c r="N123113" s="10"/>
    </row>
    <row r="123114" spans="14:14">
      <c r="N123114" s="10"/>
    </row>
    <row r="123115" spans="14:14">
      <c r="N123115" s="10"/>
    </row>
    <row r="123116" spans="14:14">
      <c r="N123116" s="10"/>
    </row>
    <row r="123117" spans="14:14">
      <c r="N123117" s="10"/>
    </row>
    <row r="123118" spans="14:14">
      <c r="N123118" s="10"/>
    </row>
    <row r="123119" spans="14:14">
      <c r="N123119" s="10"/>
    </row>
    <row r="123120" spans="14:14">
      <c r="N123120" s="10"/>
    </row>
    <row r="123121" spans="14:14">
      <c r="N123121" s="10"/>
    </row>
    <row r="123122" spans="14:14">
      <c r="N123122" s="10"/>
    </row>
    <row r="123123" spans="14:14">
      <c r="N123123" s="10"/>
    </row>
    <row r="123124" spans="14:14">
      <c r="N123124" s="10"/>
    </row>
    <row r="123125" spans="14:14">
      <c r="N123125" s="10"/>
    </row>
    <row r="123126" spans="14:14">
      <c r="N123126" s="10"/>
    </row>
    <row r="123127" spans="14:14">
      <c r="N123127" s="10"/>
    </row>
    <row r="123128" spans="14:14">
      <c r="N123128" s="10"/>
    </row>
    <row r="123129" spans="14:14">
      <c r="N123129" s="10"/>
    </row>
    <row r="123130" spans="14:14">
      <c r="N123130" s="10"/>
    </row>
    <row r="123131" spans="14:14">
      <c r="N123131" s="10"/>
    </row>
    <row r="123132" spans="14:14">
      <c r="N123132" s="10"/>
    </row>
    <row r="123133" spans="14:14">
      <c r="N123133" s="10"/>
    </row>
    <row r="123134" spans="14:14">
      <c r="N123134" s="10"/>
    </row>
    <row r="123135" spans="14:14">
      <c r="N123135" s="10"/>
    </row>
    <row r="123136" spans="14:14">
      <c r="N123136" s="10"/>
    </row>
    <row r="123137" spans="14:14">
      <c r="N123137" s="10"/>
    </row>
    <row r="123138" spans="14:14">
      <c r="N123138" s="10"/>
    </row>
    <row r="123139" spans="14:14">
      <c r="N123139" s="10"/>
    </row>
    <row r="123140" spans="14:14">
      <c r="N123140" s="10"/>
    </row>
    <row r="123141" spans="14:14">
      <c r="N123141" s="10"/>
    </row>
    <row r="123142" spans="14:14">
      <c r="N123142" s="10"/>
    </row>
    <row r="123143" spans="14:14">
      <c r="N123143" s="10"/>
    </row>
    <row r="123144" spans="14:14">
      <c r="N123144" s="10"/>
    </row>
    <row r="123145" spans="14:14">
      <c r="N123145" s="10"/>
    </row>
    <row r="123146" spans="14:14">
      <c r="N123146" s="10"/>
    </row>
    <row r="123147" spans="14:14">
      <c r="N123147" s="10"/>
    </row>
    <row r="123148" spans="14:14">
      <c r="N123148" s="10"/>
    </row>
    <row r="123149" spans="14:14">
      <c r="N123149" s="10"/>
    </row>
    <row r="123150" spans="14:14">
      <c r="N123150" s="10"/>
    </row>
    <row r="123151" spans="14:14">
      <c r="N123151" s="10"/>
    </row>
    <row r="123152" spans="14:14">
      <c r="N123152" s="10"/>
    </row>
    <row r="123153" spans="14:14">
      <c r="N123153" s="10"/>
    </row>
    <row r="123154" spans="14:14">
      <c r="N123154" s="10"/>
    </row>
    <row r="123155" spans="14:14">
      <c r="N123155" s="10"/>
    </row>
    <row r="123156" spans="14:14">
      <c r="N123156" s="10"/>
    </row>
    <row r="123157" spans="14:14">
      <c r="N123157" s="10"/>
    </row>
    <row r="123158" spans="14:14">
      <c r="N123158" s="10"/>
    </row>
    <row r="123159" spans="14:14">
      <c r="N123159" s="10"/>
    </row>
    <row r="123160" spans="14:14">
      <c r="N123160" s="10"/>
    </row>
    <row r="123161" spans="14:14">
      <c r="N123161" s="10"/>
    </row>
    <row r="123162" spans="14:14">
      <c r="N123162" s="10"/>
    </row>
    <row r="123163" spans="14:14">
      <c r="N123163" s="10"/>
    </row>
    <row r="123164" spans="14:14">
      <c r="N123164" s="10"/>
    </row>
    <row r="123165" spans="14:14">
      <c r="N123165" s="10"/>
    </row>
    <row r="123166" spans="14:14">
      <c r="N123166" s="10"/>
    </row>
    <row r="123167" spans="14:14">
      <c r="N123167" s="10"/>
    </row>
    <row r="123168" spans="14:14">
      <c r="N123168" s="10"/>
    </row>
    <row r="123169" spans="14:14">
      <c r="N123169" s="10"/>
    </row>
    <row r="123170" spans="14:14">
      <c r="N123170" s="10"/>
    </row>
    <row r="123171" spans="14:14">
      <c r="N123171" s="10"/>
    </row>
    <row r="123172" spans="14:14">
      <c r="N123172" s="10"/>
    </row>
    <row r="123173" spans="14:14">
      <c r="N123173" s="10"/>
    </row>
    <row r="123174" spans="14:14">
      <c r="N123174" s="10"/>
    </row>
    <row r="123175" spans="14:14">
      <c r="N123175" s="10"/>
    </row>
    <row r="123176" spans="14:14">
      <c r="N123176" s="10"/>
    </row>
    <row r="123177" spans="14:14">
      <c r="N123177" s="10"/>
    </row>
    <row r="123178" spans="14:14">
      <c r="N123178" s="10"/>
    </row>
    <row r="123179" spans="14:14">
      <c r="N123179" s="10"/>
    </row>
    <row r="123180" spans="14:14">
      <c r="N123180" s="10"/>
    </row>
    <row r="123181" spans="14:14">
      <c r="N123181" s="10"/>
    </row>
    <row r="123182" spans="14:14">
      <c r="N123182" s="10"/>
    </row>
    <row r="123183" spans="14:14">
      <c r="N123183" s="10"/>
    </row>
    <row r="123184" spans="14:14">
      <c r="N123184" s="10"/>
    </row>
    <row r="123185" spans="14:14">
      <c r="N123185" s="10"/>
    </row>
    <row r="123186" spans="14:14">
      <c r="N123186" s="10"/>
    </row>
    <row r="123187" spans="14:14">
      <c r="N123187" s="10"/>
    </row>
    <row r="123188" spans="14:14">
      <c r="N123188" s="10"/>
    </row>
    <row r="123189" spans="14:14">
      <c r="N123189" s="10"/>
    </row>
    <row r="123190" spans="14:14">
      <c r="N123190" s="10"/>
    </row>
    <row r="123191" spans="14:14">
      <c r="N123191" s="10"/>
    </row>
    <row r="123192" spans="14:14">
      <c r="N123192" s="10"/>
    </row>
    <row r="123193" spans="14:14">
      <c r="N123193" s="10"/>
    </row>
    <row r="123194" spans="14:14">
      <c r="N123194" s="10"/>
    </row>
    <row r="123195" spans="14:14">
      <c r="N123195" s="10"/>
    </row>
    <row r="123196" spans="14:14">
      <c r="N123196" s="10"/>
    </row>
    <row r="123197" spans="14:14">
      <c r="N123197" s="10"/>
    </row>
    <row r="123198" spans="14:14">
      <c r="N123198" s="10"/>
    </row>
    <row r="123199" spans="14:14">
      <c r="N123199" s="10"/>
    </row>
    <row r="123200" spans="14:14">
      <c r="N123200" s="10"/>
    </row>
    <row r="123201" spans="14:14">
      <c r="N123201" s="10"/>
    </row>
    <row r="123202" spans="14:14">
      <c r="N123202" s="10"/>
    </row>
    <row r="123203" spans="14:14">
      <c r="N123203" s="10"/>
    </row>
    <row r="123204" spans="14:14">
      <c r="N123204" s="10"/>
    </row>
    <row r="123205" spans="14:14">
      <c r="N123205" s="10"/>
    </row>
    <row r="123206" spans="14:14">
      <c r="N123206" s="10"/>
    </row>
    <row r="123207" spans="14:14">
      <c r="N123207" s="10"/>
    </row>
    <row r="123208" spans="14:14">
      <c r="N123208" s="10"/>
    </row>
    <row r="123209" spans="14:14">
      <c r="N123209" s="10"/>
    </row>
    <row r="123210" spans="14:14">
      <c r="N123210" s="10"/>
    </row>
    <row r="123211" spans="14:14">
      <c r="N123211" s="10"/>
    </row>
    <row r="123212" spans="14:14">
      <c r="N123212" s="10"/>
    </row>
    <row r="123213" spans="14:14">
      <c r="N123213" s="10"/>
    </row>
    <row r="123214" spans="14:14">
      <c r="N123214" s="10"/>
    </row>
    <row r="123215" spans="14:14">
      <c r="N123215" s="10"/>
    </row>
    <row r="123216" spans="14:14">
      <c r="N123216" s="10"/>
    </row>
    <row r="123217" spans="14:14">
      <c r="N123217" s="10"/>
    </row>
    <row r="123218" spans="14:14">
      <c r="N123218" s="10"/>
    </row>
    <row r="123219" spans="14:14">
      <c r="N123219" s="10"/>
    </row>
    <row r="123220" spans="14:14">
      <c r="N123220" s="10"/>
    </row>
    <row r="123221" spans="14:14">
      <c r="N123221" s="10"/>
    </row>
    <row r="123222" spans="14:14">
      <c r="N123222" s="10"/>
    </row>
    <row r="123223" spans="14:14">
      <c r="N123223" s="10"/>
    </row>
    <row r="123224" spans="14:14">
      <c r="N123224" s="10"/>
    </row>
    <row r="123225" spans="14:14">
      <c r="N123225" s="10"/>
    </row>
    <row r="123226" spans="14:14">
      <c r="N123226" s="10"/>
    </row>
    <row r="123227" spans="14:14">
      <c r="N123227" s="10"/>
    </row>
    <row r="123228" spans="14:14">
      <c r="N123228" s="10"/>
    </row>
    <row r="123229" spans="14:14">
      <c r="N123229" s="10"/>
    </row>
    <row r="123230" spans="14:14">
      <c r="N123230" s="10"/>
    </row>
    <row r="123231" spans="14:14">
      <c r="N123231" s="10"/>
    </row>
    <row r="123232" spans="14:14">
      <c r="N123232" s="10"/>
    </row>
    <row r="123233" spans="14:14">
      <c r="N123233" s="10"/>
    </row>
    <row r="123234" spans="14:14">
      <c r="N123234" s="10"/>
    </row>
    <row r="123235" spans="14:14">
      <c r="N123235" s="10"/>
    </row>
    <row r="123236" spans="14:14">
      <c r="N123236" s="10"/>
    </row>
    <row r="123237" spans="14:14">
      <c r="N123237" s="10"/>
    </row>
    <row r="123238" spans="14:14">
      <c r="N123238" s="10"/>
    </row>
    <row r="123239" spans="14:14">
      <c r="N123239" s="10"/>
    </row>
    <row r="123240" spans="14:14">
      <c r="N123240" s="10"/>
    </row>
    <row r="123241" spans="14:14">
      <c r="N123241" s="10"/>
    </row>
    <row r="123242" spans="14:14">
      <c r="N123242" s="10"/>
    </row>
    <row r="123243" spans="14:14">
      <c r="N123243" s="10"/>
    </row>
    <row r="123244" spans="14:14">
      <c r="N123244" s="10"/>
    </row>
    <row r="123245" spans="14:14">
      <c r="N123245" s="10"/>
    </row>
    <row r="123246" spans="14:14">
      <c r="N123246" s="10"/>
    </row>
    <row r="123247" spans="14:14">
      <c r="N123247" s="10"/>
    </row>
    <row r="123248" spans="14:14">
      <c r="N123248" s="10"/>
    </row>
    <row r="123249" spans="14:14">
      <c r="N123249" s="10"/>
    </row>
    <row r="123250" spans="14:14">
      <c r="N123250" s="10"/>
    </row>
    <row r="123251" spans="14:14">
      <c r="N123251" s="10"/>
    </row>
    <row r="123252" spans="14:14">
      <c r="N123252" s="10"/>
    </row>
    <row r="123253" spans="14:14">
      <c r="N123253" s="10"/>
    </row>
    <row r="123254" spans="14:14">
      <c r="N123254" s="10"/>
    </row>
    <row r="123255" spans="14:14">
      <c r="N123255" s="10"/>
    </row>
    <row r="123256" spans="14:14">
      <c r="N123256" s="10"/>
    </row>
    <row r="123257" spans="14:14">
      <c r="N123257" s="10"/>
    </row>
    <row r="123258" spans="14:14">
      <c r="N123258" s="10"/>
    </row>
    <row r="123259" spans="14:14">
      <c r="N123259" s="10"/>
    </row>
    <row r="123260" spans="14:14">
      <c r="N123260" s="10"/>
    </row>
    <row r="123261" spans="14:14">
      <c r="N123261" s="10"/>
    </row>
    <row r="123262" spans="14:14">
      <c r="N123262" s="10"/>
    </row>
    <row r="123263" spans="14:14">
      <c r="N123263" s="10"/>
    </row>
    <row r="123264" spans="14:14">
      <c r="N123264" s="10"/>
    </row>
    <row r="123265" spans="14:14">
      <c r="N123265" s="10"/>
    </row>
    <row r="123266" spans="14:14">
      <c r="N123266" s="10"/>
    </row>
    <row r="123267" spans="14:14">
      <c r="N123267" s="10"/>
    </row>
    <row r="123268" spans="14:14">
      <c r="N123268" s="10"/>
    </row>
    <row r="123269" spans="14:14">
      <c r="N123269" s="10"/>
    </row>
    <row r="123270" spans="14:14">
      <c r="N123270" s="10"/>
    </row>
    <row r="123271" spans="14:14">
      <c r="N123271" s="10"/>
    </row>
    <row r="123272" spans="14:14">
      <c r="N123272" s="10"/>
    </row>
    <row r="123273" spans="14:14">
      <c r="N123273" s="10"/>
    </row>
    <row r="123274" spans="14:14">
      <c r="N123274" s="10"/>
    </row>
    <row r="123275" spans="14:14">
      <c r="N123275" s="10"/>
    </row>
    <row r="123276" spans="14:14">
      <c r="N123276" s="10"/>
    </row>
    <row r="123277" spans="14:14">
      <c r="N123277" s="10"/>
    </row>
    <row r="123278" spans="14:14">
      <c r="N123278" s="10"/>
    </row>
    <row r="123279" spans="14:14">
      <c r="N123279" s="10"/>
    </row>
    <row r="123280" spans="14:14">
      <c r="N123280" s="10"/>
    </row>
    <row r="123281" spans="14:14">
      <c r="N123281" s="10"/>
    </row>
    <row r="123282" spans="14:14">
      <c r="N123282" s="10"/>
    </row>
    <row r="123283" spans="14:14">
      <c r="N123283" s="10"/>
    </row>
    <row r="123284" spans="14:14">
      <c r="N123284" s="10"/>
    </row>
    <row r="123285" spans="14:14">
      <c r="N123285" s="10"/>
    </row>
    <row r="123286" spans="14:14">
      <c r="N123286" s="10"/>
    </row>
    <row r="123287" spans="14:14">
      <c r="N123287" s="10"/>
    </row>
    <row r="123288" spans="14:14">
      <c r="N123288" s="10"/>
    </row>
    <row r="123289" spans="14:14">
      <c r="N123289" s="10"/>
    </row>
    <row r="123290" spans="14:14">
      <c r="N123290" s="10"/>
    </row>
    <row r="123291" spans="14:14">
      <c r="N123291" s="10"/>
    </row>
    <row r="123292" spans="14:14">
      <c r="N123292" s="10"/>
    </row>
    <row r="123293" spans="14:14">
      <c r="N123293" s="10"/>
    </row>
    <row r="123294" spans="14:14">
      <c r="N123294" s="10"/>
    </row>
    <row r="123295" spans="14:14">
      <c r="N123295" s="10"/>
    </row>
    <row r="123296" spans="14:14">
      <c r="N123296" s="10"/>
    </row>
    <row r="123297" spans="14:14">
      <c r="N123297" s="10"/>
    </row>
    <row r="123298" spans="14:14">
      <c r="N123298" s="10"/>
    </row>
    <row r="123299" spans="14:14">
      <c r="N123299" s="10"/>
    </row>
    <row r="123300" spans="14:14">
      <c r="N123300" s="10"/>
    </row>
    <row r="123301" spans="14:14">
      <c r="N123301" s="10"/>
    </row>
    <row r="123302" spans="14:14">
      <c r="N123302" s="10"/>
    </row>
    <row r="123303" spans="14:14">
      <c r="N123303" s="10"/>
    </row>
    <row r="123304" spans="14:14">
      <c r="N123304" s="10"/>
    </row>
    <row r="123305" spans="14:14">
      <c r="N123305" s="10"/>
    </row>
    <row r="123306" spans="14:14">
      <c r="N123306" s="10"/>
    </row>
    <row r="123307" spans="14:14">
      <c r="N123307" s="10"/>
    </row>
    <row r="123308" spans="14:14">
      <c r="N123308" s="10"/>
    </row>
    <row r="123309" spans="14:14">
      <c r="N123309" s="10"/>
    </row>
    <row r="123310" spans="14:14">
      <c r="N123310" s="10"/>
    </row>
    <row r="123311" spans="14:14">
      <c r="N123311" s="10"/>
    </row>
    <row r="123312" spans="14:14">
      <c r="N123312" s="10"/>
    </row>
    <row r="123313" spans="14:14">
      <c r="N123313" s="10"/>
    </row>
    <row r="123314" spans="14:14">
      <c r="N123314" s="10"/>
    </row>
    <row r="123315" spans="14:14">
      <c r="N123315" s="10"/>
    </row>
    <row r="123316" spans="14:14">
      <c r="N123316" s="10"/>
    </row>
    <row r="123317" spans="14:14">
      <c r="N123317" s="10"/>
    </row>
    <row r="123318" spans="14:14">
      <c r="N123318" s="10"/>
    </row>
    <row r="123319" spans="14:14">
      <c r="N123319" s="10"/>
    </row>
    <row r="123320" spans="14:14">
      <c r="N123320" s="10"/>
    </row>
    <row r="123321" spans="14:14">
      <c r="N123321" s="10"/>
    </row>
    <row r="123322" spans="14:14">
      <c r="N123322" s="10"/>
    </row>
    <row r="123323" spans="14:14">
      <c r="N123323" s="10"/>
    </row>
    <row r="123324" spans="14:14">
      <c r="N123324" s="10"/>
    </row>
    <row r="123325" spans="14:14">
      <c r="N123325" s="10"/>
    </row>
    <row r="123326" spans="14:14">
      <c r="N123326" s="10"/>
    </row>
    <row r="123327" spans="14:14">
      <c r="N123327" s="10"/>
    </row>
    <row r="123328" spans="14:14">
      <c r="N123328" s="10"/>
    </row>
    <row r="123329" spans="14:14">
      <c r="N123329" s="10"/>
    </row>
    <row r="123330" spans="14:14">
      <c r="N123330" s="10"/>
    </row>
    <row r="123331" spans="14:14">
      <c r="N123331" s="10"/>
    </row>
    <row r="123332" spans="14:14">
      <c r="N123332" s="10"/>
    </row>
    <row r="123333" spans="14:14">
      <c r="N123333" s="10"/>
    </row>
    <row r="123334" spans="14:14">
      <c r="N123334" s="10"/>
    </row>
    <row r="123335" spans="14:14">
      <c r="N123335" s="10"/>
    </row>
    <row r="123336" spans="14:14">
      <c r="N123336" s="10"/>
    </row>
    <row r="123337" spans="14:14">
      <c r="N123337" s="10"/>
    </row>
    <row r="123338" spans="14:14">
      <c r="N123338" s="10"/>
    </row>
    <row r="123339" spans="14:14">
      <c r="N123339" s="10"/>
    </row>
    <row r="123340" spans="14:14">
      <c r="N123340" s="10"/>
    </row>
    <row r="123341" spans="14:14">
      <c r="N123341" s="10"/>
    </row>
    <row r="123342" spans="14:14">
      <c r="N123342" s="10"/>
    </row>
    <row r="123343" spans="14:14">
      <c r="N123343" s="10"/>
    </row>
    <row r="123344" spans="14:14">
      <c r="N123344" s="10"/>
    </row>
    <row r="123345" spans="14:14">
      <c r="N123345" s="10"/>
    </row>
    <row r="123346" spans="14:14">
      <c r="N123346" s="10"/>
    </row>
    <row r="123347" spans="14:14">
      <c r="N123347" s="10"/>
    </row>
    <row r="123348" spans="14:14">
      <c r="N123348" s="10"/>
    </row>
    <row r="123349" spans="14:14">
      <c r="N123349" s="10"/>
    </row>
    <row r="123350" spans="14:14">
      <c r="N123350" s="10"/>
    </row>
    <row r="123351" spans="14:14">
      <c r="N123351" s="10"/>
    </row>
    <row r="123352" spans="14:14">
      <c r="N123352" s="10"/>
    </row>
    <row r="123353" spans="14:14">
      <c r="N123353" s="10"/>
    </row>
    <row r="123354" spans="14:14">
      <c r="N123354" s="10"/>
    </row>
    <row r="123355" spans="14:14">
      <c r="N123355" s="10"/>
    </row>
    <row r="123356" spans="14:14">
      <c r="N123356" s="10"/>
    </row>
    <row r="123357" spans="14:14">
      <c r="N123357" s="10"/>
    </row>
    <row r="123358" spans="14:14">
      <c r="N123358" s="10"/>
    </row>
    <row r="123359" spans="14:14">
      <c r="N123359" s="10"/>
    </row>
    <row r="123360" spans="14:14">
      <c r="N123360" s="10"/>
    </row>
    <row r="123361" spans="14:14">
      <c r="N123361" s="10"/>
    </row>
    <row r="123362" spans="14:14">
      <c r="N123362" s="10"/>
    </row>
    <row r="123363" spans="14:14">
      <c r="N123363" s="10"/>
    </row>
    <row r="123364" spans="14:14">
      <c r="N123364" s="10"/>
    </row>
    <row r="123365" spans="14:14">
      <c r="N123365" s="10"/>
    </row>
    <row r="123366" spans="14:14">
      <c r="N123366" s="10"/>
    </row>
    <row r="123367" spans="14:14">
      <c r="N123367" s="10"/>
    </row>
    <row r="123368" spans="14:14">
      <c r="N123368" s="10"/>
    </row>
    <row r="123369" spans="14:14">
      <c r="N123369" s="10"/>
    </row>
    <row r="123370" spans="14:14">
      <c r="N123370" s="10"/>
    </row>
    <row r="123371" spans="14:14">
      <c r="N123371" s="10"/>
    </row>
    <row r="123372" spans="14:14">
      <c r="N123372" s="10"/>
    </row>
    <row r="123373" spans="14:14">
      <c r="N123373" s="10"/>
    </row>
    <row r="123374" spans="14:14">
      <c r="N123374" s="10"/>
    </row>
    <row r="123375" spans="14:14">
      <c r="N123375" s="10"/>
    </row>
    <row r="123376" spans="14:14">
      <c r="N123376" s="10"/>
    </row>
    <row r="123377" spans="14:14">
      <c r="N123377" s="10"/>
    </row>
    <row r="123378" spans="14:14">
      <c r="N123378" s="10"/>
    </row>
    <row r="123379" spans="14:14">
      <c r="N123379" s="10"/>
    </row>
    <row r="123380" spans="14:14">
      <c r="N123380" s="10"/>
    </row>
    <row r="123381" spans="14:14">
      <c r="N123381" s="10"/>
    </row>
    <row r="123382" spans="14:14">
      <c r="N123382" s="10"/>
    </row>
    <row r="123383" spans="14:14">
      <c r="N123383" s="10"/>
    </row>
    <row r="123384" spans="14:14">
      <c r="N123384" s="10"/>
    </row>
    <row r="123385" spans="14:14">
      <c r="N123385" s="10"/>
    </row>
    <row r="123386" spans="14:14">
      <c r="N123386" s="10"/>
    </row>
    <row r="123387" spans="14:14">
      <c r="N123387" s="10"/>
    </row>
    <row r="123388" spans="14:14">
      <c r="N123388" s="10"/>
    </row>
    <row r="123389" spans="14:14">
      <c r="N123389" s="10"/>
    </row>
    <row r="123390" spans="14:14">
      <c r="N123390" s="10"/>
    </row>
    <row r="123391" spans="14:14">
      <c r="N123391" s="10"/>
    </row>
    <row r="123392" spans="14:14">
      <c r="N123392" s="10"/>
    </row>
    <row r="123393" spans="14:14">
      <c r="N123393" s="10"/>
    </row>
    <row r="123394" spans="14:14">
      <c r="N123394" s="10"/>
    </row>
    <row r="123395" spans="14:14">
      <c r="N123395" s="10"/>
    </row>
    <row r="123396" spans="14:14">
      <c r="N123396" s="10"/>
    </row>
    <row r="123397" spans="14:14">
      <c r="N123397" s="10"/>
    </row>
    <row r="123398" spans="14:14">
      <c r="N123398" s="10"/>
    </row>
    <row r="123399" spans="14:14">
      <c r="N123399" s="10"/>
    </row>
    <row r="123400" spans="14:14">
      <c r="N123400" s="10"/>
    </row>
    <row r="123401" spans="14:14">
      <c r="N123401" s="10"/>
    </row>
    <row r="123402" spans="14:14">
      <c r="N123402" s="10"/>
    </row>
    <row r="123403" spans="14:14">
      <c r="N123403" s="10"/>
    </row>
    <row r="123404" spans="14:14">
      <c r="N123404" s="10"/>
    </row>
    <row r="123405" spans="14:14">
      <c r="N123405" s="10"/>
    </row>
    <row r="123406" spans="14:14">
      <c r="N123406" s="10"/>
    </row>
    <row r="123407" spans="14:14">
      <c r="N123407" s="10"/>
    </row>
    <row r="123408" spans="14:14">
      <c r="N123408" s="10"/>
    </row>
    <row r="123409" spans="14:14">
      <c r="N123409" s="10"/>
    </row>
    <row r="123410" spans="14:14">
      <c r="N123410" s="10"/>
    </row>
    <row r="123411" spans="14:14">
      <c r="N123411" s="10"/>
    </row>
    <row r="123412" spans="14:14">
      <c r="N123412" s="10"/>
    </row>
    <row r="123413" spans="14:14">
      <c r="N123413" s="10"/>
    </row>
    <row r="123414" spans="14:14">
      <c r="N123414" s="10"/>
    </row>
    <row r="123415" spans="14:14">
      <c r="N123415" s="10"/>
    </row>
    <row r="123416" spans="14:14">
      <c r="N123416" s="10"/>
    </row>
    <row r="123417" spans="14:14">
      <c r="N123417" s="10"/>
    </row>
    <row r="123418" spans="14:14">
      <c r="N123418" s="10"/>
    </row>
    <row r="123419" spans="14:14">
      <c r="N123419" s="10"/>
    </row>
    <row r="123420" spans="14:14">
      <c r="N123420" s="10"/>
    </row>
    <row r="123421" spans="14:14">
      <c r="N123421" s="10"/>
    </row>
    <row r="123422" spans="14:14">
      <c r="N123422" s="10"/>
    </row>
    <row r="123423" spans="14:14">
      <c r="N123423" s="10"/>
    </row>
    <row r="123424" spans="14:14">
      <c r="N123424" s="10"/>
    </row>
    <row r="123425" spans="14:14">
      <c r="N123425" s="10"/>
    </row>
    <row r="123426" spans="14:14">
      <c r="N123426" s="10"/>
    </row>
    <row r="123427" spans="14:14">
      <c r="N123427" s="10"/>
    </row>
    <row r="123428" spans="14:14">
      <c r="N123428" s="10"/>
    </row>
    <row r="123429" spans="14:14">
      <c r="N123429" s="10"/>
    </row>
    <row r="123430" spans="14:14">
      <c r="N123430" s="10"/>
    </row>
    <row r="123431" spans="14:14">
      <c r="N123431" s="10"/>
    </row>
    <row r="123432" spans="14:14">
      <c r="N123432" s="10"/>
    </row>
    <row r="123433" spans="14:14">
      <c r="N123433" s="10"/>
    </row>
    <row r="123434" spans="14:14">
      <c r="N123434" s="10"/>
    </row>
    <row r="123435" spans="14:14">
      <c r="N123435" s="10"/>
    </row>
    <row r="123436" spans="14:14">
      <c r="N123436" s="10"/>
    </row>
    <row r="123437" spans="14:14">
      <c r="N123437" s="10"/>
    </row>
    <row r="123438" spans="14:14">
      <c r="N123438" s="10"/>
    </row>
    <row r="123439" spans="14:14">
      <c r="N123439" s="10"/>
    </row>
    <row r="123440" spans="14:14">
      <c r="N123440" s="10"/>
    </row>
    <row r="123441" spans="14:14">
      <c r="N123441" s="10"/>
    </row>
    <row r="123442" spans="14:14">
      <c r="N123442" s="10"/>
    </row>
    <row r="123443" spans="14:14">
      <c r="N123443" s="10"/>
    </row>
    <row r="123444" spans="14:14">
      <c r="N123444" s="10"/>
    </row>
    <row r="123445" spans="14:14">
      <c r="N123445" s="10"/>
    </row>
    <row r="123446" spans="14:14">
      <c r="N123446" s="10"/>
    </row>
    <row r="123447" spans="14:14">
      <c r="N123447" s="10"/>
    </row>
    <row r="123448" spans="14:14">
      <c r="N123448" s="10"/>
    </row>
    <row r="123449" spans="14:14">
      <c r="N123449" s="10"/>
    </row>
    <row r="123450" spans="14:14">
      <c r="N123450" s="10"/>
    </row>
    <row r="123451" spans="14:14">
      <c r="N123451" s="10"/>
    </row>
    <row r="123452" spans="14:14">
      <c r="N123452" s="10"/>
    </row>
    <row r="123453" spans="14:14">
      <c r="N123453" s="10"/>
    </row>
    <row r="123454" spans="14:14">
      <c r="N123454" s="10"/>
    </row>
    <row r="123455" spans="14:14">
      <c r="N123455" s="10"/>
    </row>
    <row r="123456" spans="14:14">
      <c r="N123456" s="10"/>
    </row>
    <row r="123457" spans="14:14">
      <c r="N123457" s="10"/>
    </row>
    <row r="123458" spans="14:14">
      <c r="N123458" s="10"/>
    </row>
    <row r="123459" spans="14:14">
      <c r="N123459" s="10"/>
    </row>
    <row r="123460" spans="14:14">
      <c r="N123460" s="10"/>
    </row>
    <row r="123461" spans="14:14">
      <c r="N123461" s="10"/>
    </row>
    <row r="123462" spans="14:14">
      <c r="N123462" s="10"/>
    </row>
    <row r="123463" spans="14:14">
      <c r="N123463" s="10"/>
    </row>
    <row r="123464" spans="14:14">
      <c r="N123464" s="10"/>
    </row>
    <row r="123465" spans="14:14">
      <c r="N123465" s="10"/>
    </row>
    <row r="123466" spans="14:14">
      <c r="N123466" s="10"/>
    </row>
    <row r="123467" spans="14:14">
      <c r="N123467" s="10"/>
    </row>
    <row r="123468" spans="14:14">
      <c r="N123468" s="10"/>
    </row>
    <row r="123469" spans="14:14">
      <c r="N123469" s="10"/>
    </row>
    <row r="123470" spans="14:14">
      <c r="N123470" s="10"/>
    </row>
    <row r="123471" spans="14:14">
      <c r="N123471" s="10"/>
    </row>
    <row r="123472" spans="14:14">
      <c r="N123472" s="10"/>
    </row>
    <row r="123473" spans="14:14">
      <c r="N123473" s="10"/>
    </row>
    <row r="123474" spans="14:14">
      <c r="N123474" s="10"/>
    </row>
    <row r="123475" spans="14:14">
      <c r="N123475" s="10"/>
    </row>
    <row r="123476" spans="14:14">
      <c r="N123476" s="10"/>
    </row>
    <row r="123477" spans="14:14">
      <c r="N123477" s="10"/>
    </row>
    <row r="123478" spans="14:14">
      <c r="N123478" s="10"/>
    </row>
    <row r="123479" spans="14:14">
      <c r="N123479" s="10"/>
    </row>
    <row r="123480" spans="14:14">
      <c r="N123480" s="10"/>
    </row>
    <row r="123481" spans="14:14">
      <c r="N123481" s="10"/>
    </row>
    <row r="123482" spans="14:14">
      <c r="N123482" s="10"/>
    </row>
    <row r="123483" spans="14:14">
      <c r="N123483" s="10"/>
    </row>
    <row r="123484" spans="14:14">
      <c r="N123484" s="10"/>
    </row>
    <row r="123485" spans="14:14">
      <c r="N123485" s="10"/>
    </row>
    <row r="123486" spans="14:14">
      <c r="N123486" s="10"/>
    </row>
    <row r="123487" spans="14:14">
      <c r="N123487" s="10"/>
    </row>
    <row r="123488" spans="14:14">
      <c r="N123488" s="10"/>
    </row>
    <row r="123489" spans="14:14">
      <c r="N123489" s="10"/>
    </row>
    <row r="123490" spans="14:14">
      <c r="N123490" s="10"/>
    </row>
    <row r="123491" spans="14:14">
      <c r="N123491" s="10"/>
    </row>
    <row r="123492" spans="14:14">
      <c r="N123492" s="10"/>
    </row>
    <row r="123493" spans="14:14">
      <c r="N123493" s="10"/>
    </row>
    <row r="123494" spans="14:14">
      <c r="N123494" s="10"/>
    </row>
    <row r="123495" spans="14:14">
      <c r="N123495" s="10"/>
    </row>
    <row r="123496" spans="14:14">
      <c r="N123496" s="10"/>
    </row>
    <row r="123497" spans="14:14">
      <c r="N123497" s="10"/>
    </row>
    <row r="123498" spans="14:14">
      <c r="N123498" s="10"/>
    </row>
    <row r="123499" spans="14:14">
      <c r="N123499" s="10"/>
    </row>
    <row r="123500" spans="14:14">
      <c r="N123500" s="10"/>
    </row>
    <row r="123501" spans="14:14">
      <c r="N123501" s="10"/>
    </row>
    <row r="123502" spans="14:14">
      <c r="N123502" s="10"/>
    </row>
    <row r="123503" spans="14:14">
      <c r="N123503" s="10"/>
    </row>
    <row r="123504" spans="14:14">
      <c r="N123504" s="10"/>
    </row>
    <row r="123505" spans="14:14">
      <c r="N123505" s="10"/>
    </row>
    <row r="123506" spans="14:14">
      <c r="N123506" s="10"/>
    </row>
    <row r="123507" spans="14:14">
      <c r="N123507" s="10"/>
    </row>
    <row r="123508" spans="14:14">
      <c r="N123508" s="10"/>
    </row>
    <row r="123509" spans="14:14">
      <c r="N123509" s="10"/>
    </row>
    <row r="123510" spans="14:14">
      <c r="N123510" s="10"/>
    </row>
    <row r="123511" spans="14:14">
      <c r="N123511" s="10"/>
    </row>
    <row r="123512" spans="14:14">
      <c r="N123512" s="10"/>
    </row>
    <row r="123513" spans="14:14">
      <c r="N123513" s="10"/>
    </row>
    <row r="123514" spans="14:14">
      <c r="N123514" s="10"/>
    </row>
    <row r="123515" spans="14:14">
      <c r="N123515" s="10"/>
    </row>
    <row r="123516" spans="14:14">
      <c r="N123516" s="10"/>
    </row>
    <row r="123517" spans="14:14">
      <c r="N123517" s="10"/>
    </row>
    <row r="123518" spans="14:14">
      <c r="N123518" s="10"/>
    </row>
    <row r="123519" spans="14:14">
      <c r="N123519" s="10"/>
    </row>
    <row r="123520" spans="14:14">
      <c r="N123520" s="10"/>
    </row>
    <row r="123521" spans="14:14">
      <c r="N123521" s="10"/>
    </row>
    <row r="123522" spans="14:14">
      <c r="N123522" s="10"/>
    </row>
    <row r="123523" spans="14:14">
      <c r="N123523" s="10"/>
    </row>
    <row r="123524" spans="14:14">
      <c r="N123524" s="10"/>
    </row>
    <row r="123525" spans="14:14">
      <c r="N123525" s="10"/>
    </row>
    <row r="123526" spans="14:14">
      <c r="N123526" s="10"/>
    </row>
    <row r="123527" spans="14:14">
      <c r="N123527" s="10"/>
    </row>
    <row r="123528" spans="14:14">
      <c r="N123528" s="10"/>
    </row>
    <row r="123529" spans="14:14">
      <c r="N123529" s="10"/>
    </row>
    <row r="123530" spans="14:14">
      <c r="N123530" s="10"/>
    </row>
    <row r="123531" spans="14:14">
      <c r="N123531" s="10"/>
    </row>
    <row r="123532" spans="14:14">
      <c r="N123532" s="10"/>
    </row>
    <row r="123533" spans="14:14">
      <c r="N123533" s="10"/>
    </row>
    <row r="123534" spans="14:14">
      <c r="N123534" s="10"/>
    </row>
    <row r="123535" spans="14:14">
      <c r="N123535" s="10"/>
    </row>
    <row r="123536" spans="14:14">
      <c r="N123536" s="10"/>
    </row>
    <row r="123537" spans="14:14">
      <c r="N123537" s="10"/>
    </row>
    <row r="123538" spans="14:14">
      <c r="N123538" s="10"/>
    </row>
    <row r="123539" spans="14:14">
      <c r="N123539" s="10"/>
    </row>
    <row r="123540" spans="14:14">
      <c r="N123540" s="10"/>
    </row>
    <row r="123541" spans="14:14">
      <c r="N123541" s="10"/>
    </row>
    <row r="123542" spans="14:14">
      <c r="N123542" s="10"/>
    </row>
    <row r="123543" spans="14:14">
      <c r="N123543" s="10"/>
    </row>
    <row r="123544" spans="14:14">
      <c r="N123544" s="10"/>
    </row>
    <row r="123545" spans="14:14">
      <c r="N123545" s="10"/>
    </row>
    <row r="123546" spans="14:14">
      <c r="N123546" s="10"/>
    </row>
    <row r="123547" spans="14:14">
      <c r="N123547" s="10"/>
    </row>
    <row r="123548" spans="14:14">
      <c r="N123548" s="10"/>
    </row>
    <row r="123549" spans="14:14">
      <c r="N123549" s="10"/>
    </row>
    <row r="123550" spans="14:14">
      <c r="N123550" s="10"/>
    </row>
    <row r="123551" spans="14:14">
      <c r="N123551" s="10"/>
    </row>
    <row r="123552" spans="14:14">
      <c r="N123552" s="10"/>
    </row>
    <row r="123553" spans="14:14">
      <c r="N123553" s="10"/>
    </row>
    <row r="123554" spans="14:14">
      <c r="N123554" s="10"/>
    </row>
    <row r="123555" spans="14:14">
      <c r="N123555" s="10"/>
    </row>
    <row r="123556" spans="14:14">
      <c r="N123556" s="10"/>
    </row>
    <row r="123557" spans="14:14">
      <c r="N123557" s="10"/>
    </row>
    <row r="123558" spans="14:14">
      <c r="N123558" s="10"/>
    </row>
    <row r="123559" spans="14:14">
      <c r="N123559" s="10"/>
    </row>
    <row r="123560" spans="14:14">
      <c r="N123560" s="10"/>
    </row>
    <row r="123561" spans="14:14">
      <c r="N123561" s="10"/>
    </row>
    <row r="123562" spans="14:14">
      <c r="N123562" s="10"/>
    </row>
    <row r="123563" spans="14:14">
      <c r="N123563" s="10"/>
    </row>
    <row r="123564" spans="14:14">
      <c r="N123564" s="10"/>
    </row>
    <row r="123565" spans="14:14">
      <c r="N123565" s="10"/>
    </row>
    <row r="123566" spans="14:14">
      <c r="N123566" s="10"/>
    </row>
    <row r="123567" spans="14:14">
      <c r="N123567" s="10"/>
    </row>
    <row r="123568" spans="14:14">
      <c r="N123568" s="10"/>
    </row>
    <row r="123569" spans="14:14">
      <c r="N123569" s="10"/>
    </row>
    <row r="123570" spans="14:14">
      <c r="N123570" s="10"/>
    </row>
    <row r="123571" spans="14:14">
      <c r="N123571" s="10"/>
    </row>
    <row r="123572" spans="14:14">
      <c r="N123572" s="10"/>
    </row>
    <row r="123573" spans="14:14">
      <c r="N123573" s="10"/>
    </row>
    <row r="123574" spans="14:14">
      <c r="N123574" s="10"/>
    </row>
    <row r="123575" spans="14:14">
      <c r="N123575" s="10"/>
    </row>
    <row r="123576" spans="14:14">
      <c r="N123576" s="10"/>
    </row>
    <row r="123577" spans="14:14">
      <c r="N123577" s="10"/>
    </row>
    <row r="123578" spans="14:14">
      <c r="N123578" s="10"/>
    </row>
    <row r="123579" spans="14:14">
      <c r="N123579" s="10"/>
    </row>
    <row r="123580" spans="14:14">
      <c r="N123580" s="10"/>
    </row>
    <row r="123581" spans="14:14">
      <c r="N123581" s="10"/>
    </row>
    <row r="123582" spans="14:14">
      <c r="N123582" s="10"/>
    </row>
    <row r="123583" spans="14:14">
      <c r="N123583" s="10"/>
    </row>
    <row r="123584" spans="14:14">
      <c r="N123584" s="10"/>
    </row>
    <row r="123585" spans="14:14">
      <c r="N123585" s="10"/>
    </row>
    <row r="123586" spans="14:14">
      <c r="N123586" s="10"/>
    </row>
    <row r="123587" spans="14:14">
      <c r="N123587" s="10"/>
    </row>
    <row r="123588" spans="14:14">
      <c r="N123588" s="10"/>
    </row>
    <row r="123589" spans="14:14">
      <c r="N123589" s="10"/>
    </row>
    <row r="123590" spans="14:14">
      <c r="N123590" s="10"/>
    </row>
    <row r="123591" spans="14:14">
      <c r="N123591" s="10"/>
    </row>
    <row r="123592" spans="14:14">
      <c r="N123592" s="10"/>
    </row>
    <row r="123593" spans="14:14">
      <c r="N123593" s="10"/>
    </row>
    <row r="123594" spans="14:14">
      <c r="N123594" s="10"/>
    </row>
    <row r="123595" spans="14:14">
      <c r="N123595" s="10"/>
    </row>
    <row r="123596" spans="14:14">
      <c r="N123596" s="10"/>
    </row>
    <row r="123597" spans="14:14">
      <c r="N123597" s="10"/>
    </row>
    <row r="123598" spans="14:14">
      <c r="N123598" s="10"/>
    </row>
    <row r="123599" spans="14:14">
      <c r="N123599" s="10"/>
    </row>
    <row r="123600" spans="14:14">
      <c r="N123600" s="10"/>
    </row>
    <row r="123601" spans="14:14">
      <c r="N123601" s="10"/>
    </row>
    <row r="123602" spans="14:14">
      <c r="N123602" s="10"/>
    </row>
    <row r="123603" spans="14:14">
      <c r="N123603" s="10"/>
    </row>
    <row r="123604" spans="14:14">
      <c r="N123604" s="10"/>
    </row>
    <row r="123605" spans="14:14">
      <c r="N123605" s="10"/>
    </row>
    <row r="123606" spans="14:14">
      <c r="N123606" s="10"/>
    </row>
    <row r="123607" spans="14:14">
      <c r="N123607" s="10"/>
    </row>
    <row r="123608" spans="14:14">
      <c r="N123608" s="10"/>
    </row>
    <row r="123609" spans="14:14">
      <c r="N123609" s="10"/>
    </row>
    <row r="123610" spans="14:14">
      <c r="N123610" s="10"/>
    </row>
    <row r="123611" spans="14:14">
      <c r="N123611" s="10"/>
    </row>
    <row r="123612" spans="14:14">
      <c r="N123612" s="10"/>
    </row>
    <row r="123613" spans="14:14">
      <c r="N123613" s="10"/>
    </row>
    <row r="123614" spans="14:14">
      <c r="N123614" s="10"/>
    </row>
    <row r="123615" spans="14:14">
      <c r="N123615" s="10"/>
    </row>
    <row r="123616" spans="14:14">
      <c r="N123616" s="10"/>
    </row>
    <row r="123617" spans="14:14">
      <c r="N123617" s="10"/>
    </row>
    <row r="123618" spans="14:14">
      <c r="N123618" s="10"/>
    </row>
    <row r="123619" spans="14:14">
      <c r="N123619" s="10"/>
    </row>
    <row r="123620" spans="14:14">
      <c r="N123620" s="10"/>
    </row>
    <row r="123621" spans="14:14">
      <c r="N123621" s="10"/>
    </row>
    <row r="123622" spans="14:14">
      <c r="N123622" s="10"/>
    </row>
    <row r="123623" spans="14:14">
      <c r="N123623" s="10"/>
    </row>
    <row r="123624" spans="14:14">
      <c r="N123624" s="10"/>
    </row>
    <row r="123625" spans="14:14">
      <c r="N123625" s="10"/>
    </row>
    <row r="123626" spans="14:14">
      <c r="N123626" s="10"/>
    </row>
    <row r="123627" spans="14:14">
      <c r="N123627" s="10"/>
    </row>
    <row r="123628" spans="14:14">
      <c r="N123628" s="10"/>
    </row>
    <row r="123629" spans="14:14">
      <c r="N123629" s="10"/>
    </row>
    <row r="123630" spans="14:14">
      <c r="N123630" s="10"/>
    </row>
    <row r="123631" spans="14:14">
      <c r="N123631" s="10"/>
    </row>
    <row r="123632" spans="14:14">
      <c r="N123632" s="10"/>
    </row>
    <row r="123633" spans="14:14">
      <c r="N123633" s="10"/>
    </row>
    <row r="123634" spans="14:14">
      <c r="N123634" s="10"/>
    </row>
    <row r="123635" spans="14:14">
      <c r="N123635" s="10"/>
    </row>
    <row r="123636" spans="14:14">
      <c r="N123636" s="10"/>
    </row>
    <row r="123637" spans="14:14">
      <c r="N123637" s="10"/>
    </row>
    <row r="123638" spans="14:14">
      <c r="N123638" s="10"/>
    </row>
    <row r="123639" spans="14:14">
      <c r="N123639" s="10"/>
    </row>
    <row r="123640" spans="14:14">
      <c r="N123640" s="10"/>
    </row>
    <row r="123641" spans="14:14">
      <c r="N123641" s="10"/>
    </row>
    <row r="123642" spans="14:14">
      <c r="N123642" s="10"/>
    </row>
    <row r="123643" spans="14:14">
      <c r="N123643" s="10"/>
    </row>
    <row r="123644" spans="14:14">
      <c r="N123644" s="10"/>
    </row>
    <row r="123645" spans="14:14">
      <c r="N123645" s="10"/>
    </row>
    <row r="123646" spans="14:14">
      <c r="N123646" s="10"/>
    </row>
    <row r="123647" spans="14:14">
      <c r="N123647" s="10"/>
    </row>
    <row r="123648" spans="14:14">
      <c r="N123648" s="10"/>
    </row>
    <row r="123649" spans="14:14">
      <c r="N123649" s="10"/>
    </row>
    <row r="123650" spans="14:14">
      <c r="N123650" s="10"/>
    </row>
    <row r="123651" spans="14:14">
      <c r="N123651" s="10"/>
    </row>
    <row r="123652" spans="14:14">
      <c r="N123652" s="10"/>
    </row>
    <row r="123653" spans="14:14">
      <c r="N123653" s="10"/>
    </row>
    <row r="123654" spans="14:14">
      <c r="N123654" s="10"/>
    </row>
    <row r="123655" spans="14:14">
      <c r="N123655" s="10"/>
    </row>
    <row r="123656" spans="14:14">
      <c r="N123656" s="10"/>
    </row>
    <row r="123657" spans="14:14">
      <c r="N123657" s="10"/>
    </row>
    <row r="123658" spans="14:14">
      <c r="N123658" s="10"/>
    </row>
    <row r="123659" spans="14:14">
      <c r="N123659" s="10"/>
    </row>
    <row r="123660" spans="14:14">
      <c r="N123660" s="10"/>
    </row>
    <row r="123661" spans="14:14">
      <c r="N123661" s="10"/>
    </row>
    <row r="123662" spans="14:14">
      <c r="N123662" s="10"/>
    </row>
    <row r="123663" spans="14:14">
      <c r="N123663" s="10"/>
    </row>
    <row r="123664" spans="14:14">
      <c r="N123664" s="10"/>
    </row>
    <row r="123665" spans="14:14">
      <c r="N123665" s="10"/>
    </row>
    <row r="123666" spans="14:14">
      <c r="N123666" s="10"/>
    </row>
    <row r="123667" spans="14:14">
      <c r="N123667" s="10"/>
    </row>
    <row r="123668" spans="14:14">
      <c r="N123668" s="10"/>
    </row>
    <row r="123669" spans="14:14">
      <c r="N123669" s="10"/>
    </row>
    <row r="123670" spans="14:14">
      <c r="N123670" s="10"/>
    </row>
    <row r="123671" spans="14:14">
      <c r="N123671" s="10"/>
    </row>
    <row r="123672" spans="14:14">
      <c r="N123672" s="10"/>
    </row>
    <row r="123673" spans="14:14">
      <c r="N123673" s="10"/>
    </row>
    <row r="123674" spans="14:14">
      <c r="N123674" s="10"/>
    </row>
    <row r="123675" spans="14:14">
      <c r="N123675" s="10"/>
    </row>
    <row r="123676" spans="14:14">
      <c r="N123676" s="10"/>
    </row>
    <row r="123677" spans="14:14">
      <c r="N123677" s="10"/>
    </row>
    <row r="123678" spans="14:14">
      <c r="N123678" s="10"/>
    </row>
    <row r="123679" spans="14:14">
      <c r="N123679" s="10"/>
    </row>
    <row r="123680" spans="14:14">
      <c r="N123680" s="10"/>
    </row>
    <row r="123681" spans="14:14">
      <c r="N123681" s="10"/>
    </row>
    <row r="123682" spans="14:14">
      <c r="N123682" s="10"/>
    </row>
    <row r="123683" spans="14:14">
      <c r="N123683" s="10"/>
    </row>
    <row r="123684" spans="14:14">
      <c r="N123684" s="10"/>
    </row>
    <row r="123685" spans="14:14">
      <c r="N123685" s="10"/>
    </row>
    <row r="123686" spans="14:14">
      <c r="N123686" s="10"/>
    </row>
    <row r="123687" spans="14:14">
      <c r="N123687" s="10"/>
    </row>
    <row r="123688" spans="14:14">
      <c r="N123688" s="10"/>
    </row>
    <row r="123689" spans="14:14">
      <c r="N123689" s="10"/>
    </row>
    <row r="123690" spans="14:14">
      <c r="N123690" s="10"/>
    </row>
    <row r="123691" spans="14:14">
      <c r="N123691" s="10"/>
    </row>
    <row r="123692" spans="14:14">
      <c r="N123692" s="10"/>
    </row>
    <row r="123693" spans="14:14">
      <c r="N123693" s="10"/>
    </row>
    <row r="123694" spans="14:14">
      <c r="N123694" s="10"/>
    </row>
    <row r="123695" spans="14:14">
      <c r="N123695" s="10"/>
    </row>
    <row r="123696" spans="14:14">
      <c r="N123696" s="10"/>
    </row>
    <row r="123697" spans="14:14">
      <c r="N123697" s="10"/>
    </row>
    <row r="123698" spans="14:14">
      <c r="N123698" s="10"/>
    </row>
    <row r="123699" spans="14:14">
      <c r="N123699" s="10"/>
    </row>
    <row r="123700" spans="14:14">
      <c r="N123700" s="10"/>
    </row>
    <row r="123701" spans="14:14">
      <c r="N123701" s="10"/>
    </row>
    <row r="123702" spans="14:14">
      <c r="N123702" s="10"/>
    </row>
    <row r="123703" spans="14:14">
      <c r="N123703" s="10"/>
    </row>
    <row r="123704" spans="14:14">
      <c r="N123704" s="10"/>
    </row>
    <row r="123705" spans="14:14">
      <c r="N123705" s="10"/>
    </row>
    <row r="123706" spans="14:14">
      <c r="N123706" s="10"/>
    </row>
    <row r="123707" spans="14:14">
      <c r="N123707" s="10"/>
    </row>
    <row r="123708" spans="14:14">
      <c r="N123708" s="10"/>
    </row>
    <row r="123709" spans="14:14">
      <c r="N123709" s="10"/>
    </row>
    <row r="123710" spans="14:14">
      <c r="N123710" s="10"/>
    </row>
    <row r="123711" spans="14:14">
      <c r="N123711" s="10"/>
    </row>
    <row r="123712" spans="14:14">
      <c r="N123712" s="10"/>
    </row>
    <row r="123713" spans="14:14">
      <c r="N123713" s="10"/>
    </row>
    <row r="123714" spans="14:14">
      <c r="N123714" s="10"/>
    </row>
    <row r="123715" spans="14:14">
      <c r="N123715" s="10"/>
    </row>
    <row r="123716" spans="14:14">
      <c r="N123716" s="10"/>
    </row>
    <row r="123717" spans="14:14">
      <c r="N123717" s="10"/>
    </row>
    <row r="123718" spans="14:14">
      <c r="N123718" s="10"/>
    </row>
    <row r="123719" spans="14:14">
      <c r="N123719" s="10"/>
    </row>
    <row r="123720" spans="14:14">
      <c r="N123720" s="10"/>
    </row>
    <row r="123721" spans="14:14">
      <c r="N123721" s="10"/>
    </row>
    <row r="123722" spans="14:14">
      <c r="N123722" s="10"/>
    </row>
    <row r="123723" spans="14:14">
      <c r="N123723" s="10"/>
    </row>
    <row r="123724" spans="14:14">
      <c r="N123724" s="10"/>
    </row>
    <row r="123725" spans="14:14">
      <c r="N123725" s="10"/>
    </row>
    <row r="123726" spans="14:14">
      <c r="N123726" s="10"/>
    </row>
    <row r="123727" spans="14:14">
      <c r="N123727" s="10"/>
    </row>
    <row r="123728" spans="14:14">
      <c r="N123728" s="10"/>
    </row>
    <row r="123729" spans="14:14">
      <c r="N123729" s="10"/>
    </row>
    <row r="123730" spans="14:14">
      <c r="N123730" s="10"/>
    </row>
    <row r="123731" spans="14:14">
      <c r="N123731" s="10"/>
    </row>
    <row r="123732" spans="14:14">
      <c r="N123732" s="10"/>
    </row>
    <row r="123733" spans="14:14">
      <c r="N123733" s="10"/>
    </row>
    <row r="123734" spans="14:14">
      <c r="N123734" s="10"/>
    </row>
    <row r="123735" spans="14:14">
      <c r="N123735" s="10"/>
    </row>
    <row r="123736" spans="14:14">
      <c r="N123736" s="10"/>
    </row>
    <row r="123737" spans="14:14">
      <c r="N123737" s="10"/>
    </row>
    <row r="123738" spans="14:14">
      <c r="N123738" s="10"/>
    </row>
    <row r="123739" spans="14:14">
      <c r="N123739" s="10"/>
    </row>
    <row r="123740" spans="14:14">
      <c r="N123740" s="10"/>
    </row>
    <row r="123741" spans="14:14">
      <c r="N123741" s="10"/>
    </row>
    <row r="123742" spans="14:14">
      <c r="N123742" s="10"/>
    </row>
    <row r="123743" spans="14:14">
      <c r="N123743" s="10"/>
    </row>
    <row r="123744" spans="14:14">
      <c r="N123744" s="10"/>
    </row>
    <row r="123745" spans="14:14">
      <c r="N123745" s="10"/>
    </row>
    <row r="123746" spans="14:14">
      <c r="N123746" s="10"/>
    </row>
    <row r="123747" spans="14:14">
      <c r="N123747" s="10"/>
    </row>
    <row r="123748" spans="14:14">
      <c r="N123748" s="10"/>
    </row>
    <row r="123749" spans="14:14">
      <c r="N123749" s="10"/>
    </row>
    <row r="123750" spans="14:14">
      <c r="N123750" s="10"/>
    </row>
    <row r="123751" spans="14:14">
      <c r="N123751" s="10"/>
    </row>
    <row r="123752" spans="14:14">
      <c r="N123752" s="10"/>
    </row>
    <row r="123753" spans="14:14">
      <c r="N123753" s="10"/>
    </row>
    <row r="123754" spans="14:14">
      <c r="N123754" s="10"/>
    </row>
    <row r="123755" spans="14:14">
      <c r="N123755" s="10"/>
    </row>
    <row r="123756" spans="14:14">
      <c r="N123756" s="10"/>
    </row>
    <row r="123757" spans="14:14">
      <c r="N123757" s="10"/>
    </row>
    <row r="123758" spans="14:14">
      <c r="N123758" s="10"/>
    </row>
    <row r="123759" spans="14:14">
      <c r="N123759" s="10"/>
    </row>
    <row r="123760" spans="14:14">
      <c r="N123760" s="10"/>
    </row>
    <row r="123761" spans="14:14">
      <c r="N123761" s="10"/>
    </row>
    <row r="123762" spans="14:14">
      <c r="N123762" s="10"/>
    </row>
    <row r="123763" spans="14:14">
      <c r="N123763" s="10"/>
    </row>
    <row r="123764" spans="14:14">
      <c r="N123764" s="10"/>
    </row>
    <row r="123765" spans="14:14">
      <c r="N123765" s="10"/>
    </row>
    <row r="123766" spans="14:14">
      <c r="N123766" s="10"/>
    </row>
    <row r="123767" spans="14:14">
      <c r="N123767" s="10"/>
    </row>
    <row r="123768" spans="14:14">
      <c r="N123768" s="10"/>
    </row>
    <row r="123769" spans="14:14">
      <c r="N123769" s="10"/>
    </row>
    <row r="123770" spans="14:14">
      <c r="N123770" s="10"/>
    </row>
    <row r="123771" spans="14:14">
      <c r="N123771" s="10"/>
    </row>
    <row r="123772" spans="14:14">
      <c r="N123772" s="10"/>
    </row>
    <row r="123773" spans="14:14">
      <c r="N123773" s="10"/>
    </row>
    <row r="123774" spans="14:14">
      <c r="N123774" s="10"/>
    </row>
    <row r="123775" spans="14:14">
      <c r="N123775" s="10"/>
    </row>
    <row r="123776" spans="14:14">
      <c r="N123776" s="10"/>
    </row>
    <row r="123777" spans="14:14">
      <c r="N123777" s="10"/>
    </row>
    <row r="123778" spans="14:14">
      <c r="N123778" s="10"/>
    </row>
    <row r="123779" spans="14:14">
      <c r="N123779" s="10"/>
    </row>
    <row r="123780" spans="14:14">
      <c r="N123780" s="10"/>
    </row>
    <row r="123781" spans="14:14">
      <c r="N123781" s="10"/>
    </row>
    <row r="123782" spans="14:14">
      <c r="N123782" s="10"/>
    </row>
    <row r="123783" spans="14:14">
      <c r="N123783" s="10"/>
    </row>
    <row r="123784" spans="14:14">
      <c r="N123784" s="10"/>
    </row>
    <row r="123785" spans="14:14">
      <c r="N123785" s="10"/>
    </row>
    <row r="123786" spans="14:14">
      <c r="N123786" s="10"/>
    </row>
    <row r="123787" spans="14:14">
      <c r="N123787" s="10"/>
    </row>
    <row r="123788" spans="14:14">
      <c r="N123788" s="10"/>
    </row>
    <row r="123789" spans="14:14">
      <c r="N123789" s="10"/>
    </row>
    <row r="123790" spans="14:14">
      <c r="N123790" s="10"/>
    </row>
    <row r="123791" spans="14:14">
      <c r="N123791" s="10"/>
    </row>
    <row r="123792" spans="14:14">
      <c r="N123792" s="10"/>
    </row>
    <row r="123793" spans="14:14">
      <c r="N123793" s="10"/>
    </row>
    <row r="123794" spans="14:14">
      <c r="N123794" s="10"/>
    </row>
    <row r="123795" spans="14:14">
      <c r="N123795" s="10"/>
    </row>
    <row r="123796" spans="14:14">
      <c r="N123796" s="10"/>
    </row>
    <row r="123797" spans="14:14">
      <c r="N123797" s="10"/>
    </row>
    <row r="123798" spans="14:14">
      <c r="N123798" s="10"/>
    </row>
    <row r="123799" spans="14:14">
      <c r="N123799" s="10"/>
    </row>
    <row r="123800" spans="14:14">
      <c r="N123800" s="10"/>
    </row>
    <row r="123801" spans="14:14">
      <c r="N123801" s="10"/>
    </row>
    <row r="123802" spans="14:14">
      <c r="N123802" s="10"/>
    </row>
    <row r="123803" spans="14:14">
      <c r="N123803" s="10"/>
    </row>
    <row r="123804" spans="14:14">
      <c r="N123804" s="10"/>
    </row>
    <row r="123805" spans="14:14">
      <c r="N123805" s="10"/>
    </row>
    <row r="123806" spans="14:14">
      <c r="N123806" s="10"/>
    </row>
    <row r="123807" spans="14:14">
      <c r="N123807" s="10"/>
    </row>
    <row r="123808" spans="14:14">
      <c r="N123808" s="10"/>
    </row>
    <row r="123809" spans="14:14">
      <c r="N123809" s="10"/>
    </row>
    <row r="123810" spans="14:14">
      <c r="N123810" s="10"/>
    </row>
    <row r="123811" spans="14:14">
      <c r="N123811" s="10"/>
    </row>
    <row r="123812" spans="14:14">
      <c r="N123812" s="10"/>
    </row>
    <row r="123813" spans="14:14">
      <c r="N123813" s="10"/>
    </row>
    <row r="123814" spans="14:14">
      <c r="N123814" s="10"/>
    </row>
    <row r="123815" spans="14:14">
      <c r="N123815" s="10"/>
    </row>
    <row r="123816" spans="14:14">
      <c r="N123816" s="10"/>
    </row>
    <row r="123817" spans="14:14">
      <c r="N123817" s="10"/>
    </row>
    <row r="123818" spans="14:14">
      <c r="N123818" s="10"/>
    </row>
    <row r="123819" spans="14:14">
      <c r="N123819" s="10"/>
    </row>
    <row r="123820" spans="14:14">
      <c r="N123820" s="10"/>
    </row>
    <row r="123821" spans="14:14">
      <c r="N123821" s="10"/>
    </row>
    <row r="123822" spans="14:14">
      <c r="N123822" s="10"/>
    </row>
    <row r="123823" spans="14:14">
      <c r="N123823" s="10"/>
    </row>
    <row r="123824" spans="14:14">
      <c r="N123824" s="10"/>
    </row>
    <row r="123825" spans="14:14">
      <c r="N123825" s="10"/>
    </row>
    <row r="123826" spans="14:14">
      <c r="N123826" s="10"/>
    </row>
    <row r="123827" spans="14:14">
      <c r="N123827" s="10"/>
    </row>
    <row r="123828" spans="14:14">
      <c r="N123828" s="10"/>
    </row>
    <row r="123829" spans="14:14">
      <c r="N123829" s="10"/>
    </row>
    <row r="123830" spans="14:14">
      <c r="N123830" s="10"/>
    </row>
    <row r="123831" spans="14:14">
      <c r="N123831" s="10"/>
    </row>
    <row r="123832" spans="14:14">
      <c r="N123832" s="10"/>
    </row>
    <row r="123833" spans="14:14">
      <c r="N123833" s="10"/>
    </row>
    <row r="123834" spans="14:14">
      <c r="N123834" s="10"/>
    </row>
    <row r="123835" spans="14:14">
      <c r="N123835" s="10"/>
    </row>
    <row r="123836" spans="14:14">
      <c r="N123836" s="10"/>
    </row>
    <row r="123837" spans="14:14">
      <c r="N123837" s="10"/>
    </row>
    <row r="123838" spans="14:14">
      <c r="N123838" s="10"/>
    </row>
    <row r="123839" spans="14:14">
      <c r="N123839" s="10"/>
    </row>
    <row r="123840" spans="14:14">
      <c r="N123840" s="10"/>
    </row>
    <row r="123841" spans="14:14">
      <c r="N123841" s="10"/>
    </row>
    <row r="123842" spans="14:14">
      <c r="N123842" s="10"/>
    </row>
    <row r="123843" spans="14:14">
      <c r="N123843" s="10"/>
    </row>
    <row r="123844" spans="14:14">
      <c r="N123844" s="10"/>
    </row>
    <row r="123845" spans="14:14">
      <c r="N123845" s="10"/>
    </row>
    <row r="123846" spans="14:14">
      <c r="N123846" s="10"/>
    </row>
    <row r="123847" spans="14:14">
      <c r="N123847" s="10"/>
    </row>
    <row r="123848" spans="14:14">
      <c r="N123848" s="10"/>
    </row>
    <row r="123849" spans="14:14">
      <c r="N123849" s="10"/>
    </row>
    <row r="123850" spans="14:14">
      <c r="N123850" s="10"/>
    </row>
    <row r="123851" spans="14:14">
      <c r="N123851" s="10"/>
    </row>
    <row r="123852" spans="14:14">
      <c r="N123852" s="10"/>
    </row>
    <row r="123853" spans="14:14">
      <c r="N123853" s="10"/>
    </row>
    <row r="123854" spans="14:14">
      <c r="N123854" s="10"/>
    </row>
    <row r="123855" spans="14:14">
      <c r="N123855" s="10"/>
    </row>
    <row r="123856" spans="14:14">
      <c r="N123856" s="10"/>
    </row>
    <row r="123857" spans="14:14">
      <c r="N123857" s="10"/>
    </row>
    <row r="123858" spans="14:14">
      <c r="N123858" s="10"/>
    </row>
    <row r="123859" spans="14:14">
      <c r="N123859" s="10"/>
    </row>
    <row r="123860" spans="14:14">
      <c r="N123860" s="10"/>
    </row>
    <row r="123861" spans="14:14">
      <c r="N123861" s="10"/>
    </row>
    <row r="123862" spans="14:14">
      <c r="N123862" s="10"/>
    </row>
    <row r="123863" spans="14:14">
      <c r="N123863" s="10"/>
    </row>
    <row r="123864" spans="14:14">
      <c r="N123864" s="10"/>
    </row>
    <row r="123865" spans="14:14">
      <c r="N123865" s="10"/>
    </row>
    <row r="123866" spans="14:14">
      <c r="N123866" s="10"/>
    </row>
    <row r="123867" spans="14:14">
      <c r="N123867" s="10"/>
    </row>
    <row r="123868" spans="14:14">
      <c r="N123868" s="10"/>
    </row>
    <row r="123869" spans="14:14">
      <c r="N123869" s="10"/>
    </row>
    <row r="123870" spans="14:14">
      <c r="N123870" s="10"/>
    </row>
    <row r="123871" spans="14:14">
      <c r="N123871" s="10"/>
    </row>
    <row r="123872" spans="14:14">
      <c r="N123872" s="10"/>
    </row>
    <row r="123873" spans="14:14">
      <c r="N123873" s="10"/>
    </row>
    <row r="123874" spans="14:14">
      <c r="N123874" s="10"/>
    </row>
    <row r="123875" spans="14:14">
      <c r="N123875" s="10"/>
    </row>
    <row r="123876" spans="14:14">
      <c r="N123876" s="10"/>
    </row>
    <row r="123877" spans="14:14">
      <c r="N123877" s="10"/>
    </row>
    <row r="123878" spans="14:14">
      <c r="N123878" s="10"/>
    </row>
    <row r="123879" spans="14:14">
      <c r="N123879" s="10"/>
    </row>
    <row r="123880" spans="14:14">
      <c r="N123880" s="10"/>
    </row>
    <row r="123881" spans="14:14">
      <c r="N123881" s="10"/>
    </row>
    <row r="123882" spans="14:14">
      <c r="N123882" s="10"/>
    </row>
    <row r="123883" spans="14:14">
      <c r="N123883" s="10"/>
    </row>
    <row r="123884" spans="14:14">
      <c r="N123884" s="10"/>
    </row>
    <row r="123885" spans="14:14">
      <c r="N123885" s="10"/>
    </row>
    <row r="123886" spans="14:14">
      <c r="N123886" s="10"/>
    </row>
    <row r="123887" spans="14:14">
      <c r="N123887" s="10"/>
    </row>
    <row r="123888" spans="14:14">
      <c r="N123888" s="10"/>
    </row>
    <row r="123889" spans="14:14">
      <c r="N123889" s="10"/>
    </row>
    <row r="123890" spans="14:14">
      <c r="N123890" s="10"/>
    </row>
    <row r="123891" spans="14:14">
      <c r="N123891" s="10"/>
    </row>
    <row r="123892" spans="14:14">
      <c r="N123892" s="10"/>
    </row>
    <row r="123893" spans="14:14">
      <c r="N123893" s="10"/>
    </row>
    <row r="123894" spans="14:14">
      <c r="N123894" s="10"/>
    </row>
    <row r="123895" spans="14:14">
      <c r="N123895" s="10"/>
    </row>
    <row r="123896" spans="14:14">
      <c r="N123896" s="10"/>
    </row>
    <row r="123897" spans="14:14">
      <c r="N123897" s="10"/>
    </row>
    <row r="123898" spans="14:14">
      <c r="N123898" s="10"/>
    </row>
    <row r="123899" spans="14:14">
      <c r="N123899" s="10"/>
    </row>
    <row r="123900" spans="14:14">
      <c r="N123900" s="10"/>
    </row>
    <row r="123901" spans="14:14">
      <c r="N123901" s="10"/>
    </row>
    <row r="123902" spans="14:14">
      <c r="N123902" s="10"/>
    </row>
    <row r="123903" spans="14:14">
      <c r="N123903" s="10"/>
    </row>
    <row r="123904" spans="14:14">
      <c r="N123904" s="10"/>
    </row>
    <row r="123905" spans="14:14">
      <c r="N123905" s="10"/>
    </row>
    <row r="123906" spans="14:14">
      <c r="N123906" s="10"/>
    </row>
    <row r="123907" spans="14:14">
      <c r="N123907" s="10"/>
    </row>
    <row r="123908" spans="14:14">
      <c r="N123908" s="10"/>
    </row>
    <row r="123909" spans="14:14">
      <c r="N123909" s="10"/>
    </row>
    <row r="123910" spans="14:14">
      <c r="N123910" s="10"/>
    </row>
    <row r="123911" spans="14:14">
      <c r="N123911" s="10"/>
    </row>
    <row r="123912" spans="14:14">
      <c r="N123912" s="10"/>
    </row>
    <row r="123913" spans="14:14">
      <c r="N123913" s="10"/>
    </row>
    <row r="123914" spans="14:14">
      <c r="N123914" s="10"/>
    </row>
    <row r="123915" spans="14:14">
      <c r="N123915" s="10"/>
    </row>
    <row r="123916" spans="14:14">
      <c r="N123916" s="10"/>
    </row>
    <row r="123917" spans="14:14">
      <c r="N123917" s="10"/>
    </row>
    <row r="123918" spans="14:14">
      <c r="N123918" s="10"/>
    </row>
    <row r="123919" spans="14:14">
      <c r="N123919" s="10"/>
    </row>
    <row r="123920" spans="14:14">
      <c r="N123920" s="10"/>
    </row>
    <row r="123921" spans="14:14">
      <c r="N123921" s="10"/>
    </row>
    <row r="123922" spans="14:14">
      <c r="N123922" s="10"/>
    </row>
    <row r="123923" spans="14:14">
      <c r="N123923" s="10"/>
    </row>
    <row r="123924" spans="14:14">
      <c r="N123924" s="10"/>
    </row>
    <row r="123925" spans="14:14">
      <c r="N123925" s="10"/>
    </row>
    <row r="123926" spans="14:14">
      <c r="N123926" s="10"/>
    </row>
    <row r="123927" spans="14:14">
      <c r="N123927" s="10"/>
    </row>
    <row r="123928" spans="14:14">
      <c r="N123928" s="10"/>
    </row>
    <row r="123929" spans="14:14">
      <c r="N123929" s="10"/>
    </row>
    <row r="123930" spans="14:14">
      <c r="N123930" s="10"/>
    </row>
    <row r="123931" spans="14:14">
      <c r="N123931" s="10"/>
    </row>
    <row r="123932" spans="14:14">
      <c r="N123932" s="10"/>
    </row>
    <row r="123933" spans="14:14">
      <c r="N123933" s="10"/>
    </row>
    <row r="123934" spans="14:14">
      <c r="N123934" s="10"/>
    </row>
    <row r="123935" spans="14:14">
      <c r="N123935" s="10"/>
    </row>
    <row r="123936" spans="14:14">
      <c r="N123936" s="10"/>
    </row>
    <row r="123937" spans="14:14">
      <c r="N123937" s="10"/>
    </row>
    <row r="123938" spans="14:14">
      <c r="N123938" s="10"/>
    </row>
    <row r="123939" spans="14:14">
      <c r="N123939" s="10"/>
    </row>
    <row r="123940" spans="14:14">
      <c r="N123940" s="10"/>
    </row>
    <row r="123941" spans="14:14">
      <c r="N123941" s="10"/>
    </row>
    <row r="123942" spans="14:14">
      <c r="N123942" s="10"/>
    </row>
    <row r="123943" spans="14:14">
      <c r="N123943" s="10"/>
    </row>
    <row r="123944" spans="14:14">
      <c r="N123944" s="10"/>
    </row>
    <row r="123945" spans="14:14">
      <c r="N123945" s="10"/>
    </row>
    <row r="123946" spans="14:14">
      <c r="N123946" s="10"/>
    </row>
    <row r="123947" spans="14:14">
      <c r="N123947" s="10"/>
    </row>
    <row r="123948" spans="14:14">
      <c r="N123948" s="10"/>
    </row>
    <row r="123949" spans="14:14">
      <c r="N123949" s="10"/>
    </row>
    <row r="123950" spans="14:14">
      <c r="N123950" s="10"/>
    </row>
    <row r="123951" spans="14:14">
      <c r="N123951" s="10"/>
    </row>
    <row r="123952" spans="14:14">
      <c r="N123952" s="10"/>
    </row>
    <row r="123953" spans="14:14">
      <c r="N123953" s="10"/>
    </row>
    <row r="123954" spans="14:14">
      <c r="N123954" s="10"/>
    </row>
    <row r="123955" spans="14:14">
      <c r="N123955" s="10"/>
    </row>
    <row r="123956" spans="14:14">
      <c r="N123956" s="10"/>
    </row>
    <row r="123957" spans="14:14">
      <c r="N123957" s="10"/>
    </row>
    <row r="123958" spans="14:14">
      <c r="N123958" s="10"/>
    </row>
    <row r="123959" spans="14:14">
      <c r="N123959" s="10"/>
    </row>
    <row r="123960" spans="14:14">
      <c r="N123960" s="10"/>
    </row>
    <row r="123961" spans="14:14">
      <c r="N123961" s="10"/>
    </row>
    <row r="123962" spans="14:14">
      <c r="N123962" s="10"/>
    </row>
    <row r="123963" spans="14:14">
      <c r="N123963" s="10"/>
    </row>
    <row r="123964" spans="14:14">
      <c r="N123964" s="10"/>
    </row>
    <row r="123965" spans="14:14">
      <c r="N123965" s="10"/>
    </row>
    <row r="123966" spans="14:14">
      <c r="N123966" s="10"/>
    </row>
    <row r="123967" spans="14:14">
      <c r="N123967" s="10"/>
    </row>
    <row r="123968" spans="14:14">
      <c r="N123968" s="10"/>
    </row>
    <row r="123969" spans="14:14">
      <c r="N123969" s="10"/>
    </row>
    <row r="123970" spans="14:14">
      <c r="N123970" s="10"/>
    </row>
    <row r="123971" spans="14:14">
      <c r="N123971" s="10"/>
    </row>
    <row r="123972" spans="14:14">
      <c r="N123972" s="10"/>
    </row>
    <row r="123973" spans="14:14">
      <c r="N123973" s="10"/>
    </row>
    <row r="123974" spans="14:14">
      <c r="N123974" s="10"/>
    </row>
    <row r="123975" spans="14:14">
      <c r="N123975" s="10"/>
    </row>
    <row r="123976" spans="14:14">
      <c r="N123976" s="10"/>
    </row>
    <row r="123977" spans="14:14">
      <c r="N123977" s="10"/>
    </row>
    <row r="123978" spans="14:14">
      <c r="N123978" s="10"/>
    </row>
    <row r="123979" spans="14:14">
      <c r="N123979" s="10"/>
    </row>
    <row r="123980" spans="14:14">
      <c r="N123980" s="10"/>
    </row>
    <row r="123981" spans="14:14">
      <c r="N123981" s="10"/>
    </row>
    <row r="123982" spans="14:14">
      <c r="N123982" s="10"/>
    </row>
    <row r="123983" spans="14:14">
      <c r="N123983" s="10"/>
    </row>
    <row r="123984" spans="14:14">
      <c r="N123984" s="10"/>
    </row>
    <row r="123985" spans="14:14">
      <c r="N123985" s="10"/>
    </row>
    <row r="123986" spans="14:14">
      <c r="N123986" s="10"/>
    </row>
    <row r="123987" spans="14:14">
      <c r="N123987" s="10"/>
    </row>
    <row r="123988" spans="14:14">
      <c r="N123988" s="10"/>
    </row>
    <row r="123989" spans="14:14">
      <c r="N123989" s="10"/>
    </row>
    <row r="123990" spans="14:14">
      <c r="N123990" s="10"/>
    </row>
    <row r="123991" spans="14:14">
      <c r="N123991" s="10"/>
    </row>
    <row r="123992" spans="14:14">
      <c r="N123992" s="10"/>
    </row>
    <row r="123993" spans="14:14">
      <c r="N123993" s="10"/>
    </row>
    <row r="123994" spans="14:14">
      <c r="N123994" s="10"/>
    </row>
    <row r="123995" spans="14:14">
      <c r="N123995" s="10"/>
    </row>
    <row r="123996" spans="14:14">
      <c r="N123996" s="10"/>
    </row>
    <row r="123997" spans="14:14">
      <c r="N123997" s="10"/>
    </row>
    <row r="123998" spans="14:14">
      <c r="N123998" s="10"/>
    </row>
    <row r="123999" spans="14:14">
      <c r="N123999" s="10"/>
    </row>
    <row r="124000" spans="14:14">
      <c r="N124000" s="10"/>
    </row>
    <row r="124001" spans="14:14">
      <c r="N124001" s="10"/>
    </row>
    <row r="124002" spans="14:14">
      <c r="N124002" s="10"/>
    </row>
    <row r="124003" spans="14:14">
      <c r="N124003" s="10"/>
    </row>
    <row r="124004" spans="14:14">
      <c r="N124004" s="10"/>
    </row>
    <row r="124005" spans="14:14">
      <c r="N124005" s="10"/>
    </row>
    <row r="124006" spans="14:14">
      <c r="N124006" s="10"/>
    </row>
    <row r="124007" spans="14:14">
      <c r="N124007" s="10"/>
    </row>
    <row r="124008" spans="14:14">
      <c r="N124008" s="10"/>
    </row>
    <row r="124009" spans="14:14">
      <c r="N124009" s="10"/>
    </row>
    <row r="124010" spans="14:14">
      <c r="N124010" s="10"/>
    </row>
    <row r="124011" spans="14:14">
      <c r="N124011" s="10"/>
    </row>
    <row r="124012" spans="14:14">
      <c r="N124012" s="10"/>
    </row>
    <row r="124013" spans="14:14">
      <c r="N124013" s="10"/>
    </row>
    <row r="124014" spans="14:14">
      <c r="N124014" s="10"/>
    </row>
    <row r="124015" spans="14:14">
      <c r="N124015" s="10"/>
    </row>
    <row r="124016" spans="14:14">
      <c r="N124016" s="10"/>
    </row>
    <row r="124017" spans="14:14">
      <c r="N124017" s="10"/>
    </row>
    <row r="124018" spans="14:14">
      <c r="N124018" s="10"/>
    </row>
    <row r="124019" spans="14:14">
      <c r="N124019" s="10"/>
    </row>
    <row r="124020" spans="14:14">
      <c r="N124020" s="10"/>
    </row>
    <row r="124021" spans="14:14">
      <c r="N124021" s="10"/>
    </row>
    <row r="124022" spans="14:14">
      <c r="N124022" s="10"/>
    </row>
    <row r="124023" spans="14:14">
      <c r="N124023" s="10"/>
    </row>
    <row r="124024" spans="14:14">
      <c r="N124024" s="10"/>
    </row>
    <row r="124025" spans="14:14">
      <c r="N124025" s="10"/>
    </row>
    <row r="124026" spans="14:14">
      <c r="N124026" s="10"/>
    </row>
    <row r="124027" spans="14:14">
      <c r="N124027" s="10"/>
    </row>
    <row r="124028" spans="14:14">
      <c r="N124028" s="10"/>
    </row>
    <row r="124029" spans="14:14">
      <c r="N124029" s="10"/>
    </row>
    <row r="124030" spans="14:14">
      <c r="N124030" s="10"/>
    </row>
    <row r="124031" spans="14:14">
      <c r="N124031" s="10"/>
    </row>
    <row r="124032" spans="14:14">
      <c r="N124032" s="10"/>
    </row>
    <row r="124033" spans="14:14">
      <c r="N124033" s="10"/>
    </row>
    <row r="124034" spans="14:14">
      <c r="N124034" s="10"/>
    </row>
    <row r="124035" spans="14:14">
      <c r="N124035" s="10"/>
    </row>
    <row r="124036" spans="14:14">
      <c r="N124036" s="10"/>
    </row>
    <row r="124037" spans="14:14">
      <c r="N124037" s="10"/>
    </row>
    <row r="124038" spans="14:14">
      <c r="N124038" s="10"/>
    </row>
    <row r="124039" spans="14:14">
      <c r="N124039" s="10"/>
    </row>
    <row r="124040" spans="14:14">
      <c r="N124040" s="10"/>
    </row>
    <row r="124041" spans="14:14">
      <c r="N124041" s="10"/>
    </row>
    <row r="124042" spans="14:14">
      <c r="N124042" s="10"/>
    </row>
    <row r="124043" spans="14:14">
      <c r="N124043" s="10"/>
    </row>
    <row r="124044" spans="14:14">
      <c r="N124044" s="10"/>
    </row>
    <row r="124045" spans="14:14">
      <c r="N124045" s="10"/>
    </row>
    <row r="124046" spans="14:14">
      <c r="N124046" s="10"/>
    </row>
    <row r="124047" spans="14:14">
      <c r="N124047" s="10"/>
    </row>
    <row r="124048" spans="14:14">
      <c r="N124048" s="10"/>
    </row>
    <row r="124049" spans="14:14">
      <c r="N124049" s="10"/>
    </row>
    <row r="124050" spans="14:14">
      <c r="N124050" s="10"/>
    </row>
    <row r="124051" spans="14:14">
      <c r="N124051" s="10"/>
    </row>
    <row r="124052" spans="14:14">
      <c r="N124052" s="10"/>
    </row>
    <row r="124053" spans="14:14">
      <c r="N124053" s="10"/>
    </row>
    <row r="124054" spans="14:14">
      <c r="N124054" s="10"/>
    </row>
    <row r="124055" spans="14:14">
      <c r="N124055" s="10"/>
    </row>
    <row r="124056" spans="14:14">
      <c r="N124056" s="10"/>
    </row>
    <row r="124057" spans="14:14">
      <c r="N124057" s="10"/>
    </row>
    <row r="124058" spans="14:14">
      <c r="N124058" s="10"/>
    </row>
    <row r="124059" spans="14:14">
      <c r="N124059" s="10"/>
    </row>
    <row r="124060" spans="14:14">
      <c r="N124060" s="10"/>
    </row>
    <row r="124061" spans="14:14">
      <c r="N124061" s="10"/>
    </row>
    <row r="124062" spans="14:14">
      <c r="N124062" s="10"/>
    </row>
    <row r="124063" spans="14:14">
      <c r="N124063" s="10"/>
    </row>
    <row r="124064" spans="14:14">
      <c r="N124064" s="10"/>
    </row>
    <row r="124065" spans="14:14">
      <c r="N124065" s="10"/>
    </row>
    <row r="124066" spans="14:14">
      <c r="N124066" s="10"/>
    </row>
    <row r="124067" spans="14:14">
      <c r="N124067" s="10"/>
    </row>
    <row r="124068" spans="14:14">
      <c r="N124068" s="10"/>
    </row>
    <row r="124069" spans="14:14">
      <c r="N124069" s="10"/>
    </row>
    <row r="124070" spans="14:14">
      <c r="N124070" s="10"/>
    </row>
    <row r="124071" spans="14:14">
      <c r="N124071" s="10"/>
    </row>
    <row r="124072" spans="14:14">
      <c r="N124072" s="10"/>
    </row>
    <row r="124073" spans="14:14">
      <c r="N124073" s="10"/>
    </row>
    <row r="124074" spans="14:14">
      <c r="N124074" s="10"/>
    </row>
    <row r="124075" spans="14:14">
      <c r="N124075" s="10"/>
    </row>
    <row r="124076" spans="14:14">
      <c r="N124076" s="10"/>
    </row>
    <row r="124077" spans="14:14">
      <c r="N124077" s="10"/>
    </row>
    <row r="124078" spans="14:14">
      <c r="N124078" s="10"/>
    </row>
    <row r="124079" spans="14:14">
      <c r="N124079" s="10"/>
    </row>
    <row r="124080" spans="14:14">
      <c r="N124080" s="10"/>
    </row>
    <row r="124081" spans="14:14">
      <c r="N124081" s="10"/>
    </row>
    <row r="124082" spans="14:14">
      <c r="N124082" s="10"/>
    </row>
    <row r="124083" spans="14:14">
      <c r="N124083" s="10"/>
    </row>
    <row r="124084" spans="14:14">
      <c r="N124084" s="10"/>
    </row>
    <row r="124085" spans="14:14">
      <c r="N124085" s="10"/>
    </row>
    <row r="124086" spans="14:14">
      <c r="N124086" s="10"/>
    </row>
    <row r="124087" spans="14:14">
      <c r="N124087" s="10"/>
    </row>
    <row r="124088" spans="14:14">
      <c r="N124088" s="10"/>
    </row>
    <row r="124089" spans="14:14">
      <c r="N124089" s="10"/>
    </row>
    <row r="124090" spans="14:14">
      <c r="N124090" s="10"/>
    </row>
    <row r="124091" spans="14:14">
      <c r="N124091" s="10"/>
    </row>
    <row r="124092" spans="14:14">
      <c r="N124092" s="10"/>
    </row>
    <row r="124093" spans="14:14">
      <c r="N124093" s="10"/>
    </row>
    <row r="124094" spans="14:14">
      <c r="N124094" s="10"/>
    </row>
    <row r="124095" spans="14:14">
      <c r="N124095" s="10"/>
    </row>
    <row r="124096" spans="14:14">
      <c r="N124096" s="10"/>
    </row>
    <row r="124097" spans="14:14">
      <c r="N124097" s="10"/>
    </row>
    <row r="124098" spans="14:14">
      <c r="N124098" s="10"/>
    </row>
    <row r="124099" spans="14:14">
      <c r="N124099" s="10"/>
    </row>
    <row r="124100" spans="14:14">
      <c r="N124100" s="10"/>
    </row>
    <row r="124101" spans="14:14">
      <c r="N124101" s="10"/>
    </row>
    <row r="124102" spans="14:14">
      <c r="N124102" s="10"/>
    </row>
    <row r="124103" spans="14:14">
      <c r="N124103" s="10"/>
    </row>
    <row r="124104" spans="14:14">
      <c r="N124104" s="10"/>
    </row>
    <row r="124105" spans="14:14">
      <c r="N124105" s="10"/>
    </row>
    <row r="124106" spans="14:14">
      <c r="N124106" s="10"/>
    </row>
    <row r="124107" spans="14:14">
      <c r="N124107" s="10"/>
    </row>
    <row r="124108" spans="14:14">
      <c r="N124108" s="10"/>
    </row>
    <row r="124109" spans="14:14">
      <c r="N124109" s="10"/>
    </row>
    <row r="124110" spans="14:14">
      <c r="N124110" s="10"/>
    </row>
    <row r="124111" spans="14:14">
      <c r="N124111" s="10"/>
    </row>
    <row r="124112" spans="14:14">
      <c r="N124112" s="10"/>
    </row>
    <row r="124113" spans="14:14">
      <c r="N124113" s="10"/>
    </row>
    <row r="124114" spans="14:14">
      <c r="N124114" s="10"/>
    </row>
    <row r="124115" spans="14:14">
      <c r="N124115" s="10"/>
    </row>
    <row r="124116" spans="14:14">
      <c r="N124116" s="10"/>
    </row>
    <row r="124117" spans="14:14">
      <c r="N124117" s="10"/>
    </row>
    <row r="124118" spans="14:14">
      <c r="N124118" s="10"/>
    </row>
    <row r="124119" spans="14:14">
      <c r="N124119" s="10"/>
    </row>
    <row r="124120" spans="14:14">
      <c r="N124120" s="10"/>
    </row>
    <row r="124121" spans="14:14">
      <c r="N124121" s="10"/>
    </row>
    <row r="124122" spans="14:14">
      <c r="N124122" s="10"/>
    </row>
    <row r="124123" spans="14:14">
      <c r="N124123" s="10"/>
    </row>
    <row r="124124" spans="14:14">
      <c r="N124124" s="10"/>
    </row>
    <row r="124125" spans="14:14">
      <c r="N124125" s="10"/>
    </row>
    <row r="124126" spans="14:14">
      <c r="N124126" s="10"/>
    </row>
    <row r="124127" spans="14:14">
      <c r="N124127" s="10"/>
    </row>
    <row r="124128" spans="14:14">
      <c r="N124128" s="10"/>
    </row>
    <row r="124129" spans="14:14">
      <c r="N124129" s="10"/>
    </row>
    <row r="124130" spans="14:14">
      <c r="N124130" s="10"/>
    </row>
    <row r="124131" spans="14:14">
      <c r="N124131" s="10"/>
    </row>
    <row r="124132" spans="14:14">
      <c r="N124132" s="10"/>
    </row>
    <row r="124133" spans="14:14">
      <c r="N124133" s="10"/>
    </row>
    <row r="124134" spans="14:14">
      <c r="N124134" s="10"/>
    </row>
    <row r="124135" spans="14:14">
      <c r="N124135" s="10"/>
    </row>
    <row r="124136" spans="14:14">
      <c r="N124136" s="10"/>
    </row>
    <row r="124137" spans="14:14">
      <c r="N124137" s="10"/>
    </row>
    <row r="124138" spans="14:14">
      <c r="N124138" s="10"/>
    </row>
    <row r="124139" spans="14:14">
      <c r="N124139" s="10"/>
    </row>
    <row r="124140" spans="14:14">
      <c r="N124140" s="10"/>
    </row>
    <row r="124141" spans="14:14">
      <c r="N124141" s="10"/>
    </row>
    <row r="124142" spans="14:14">
      <c r="N124142" s="10"/>
    </row>
    <row r="124143" spans="14:14">
      <c r="N124143" s="10"/>
    </row>
    <row r="124144" spans="14:14">
      <c r="N124144" s="10"/>
    </row>
    <row r="124145" spans="14:14">
      <c r="N124145" s="10"/>
    </row>
    <row r="124146" spans="14:14">
      <c r="N124146" s="10"/>
    </row>
    <row r="124147" spans="14:14">
      <c r="N124147" s="10"/>
    </row>
    <row r="124148" spans="14:14">
      <c r="N124148" s="10"/>
    </row>
    <row r="124149" spans="14:14">
      <c r="N124149" s="10"/>
    </row>
    <row r="124150" spans="14:14">
      <c r="N124150" s="10"/>
    </row>
    <row r="124151" spans="14:14">
      <c r="N124151" s="10"/>
    </row>
    <row r="124152" spans="14:14">
      <c r="N124152" s="10"/>
    </row>
    <row r="124153" spans="14:14">
      <c r="N124153" s="10"/>
    </row>
    <row r="124154" spans="14:14">
      <c r="N124154" s="10"/>
    </row>
    <row r="124155" spans="14:14">
      <c r="N124155" s="10"/>
    </row>
    <row r="124156" spans="14:14">
      <c r="N124156" s="10"/>
    </row>
    <row r="124157" spans="14:14">
      <c r="N124157" s="10"/>
    </row>
    <row r="124158" spans="14:14">
      <c r="N124158" s="10"/>
    </row>
    <row r="124159" spans="14:14">
      <c r="N124159" s="10"/>
    </row>
    <row r="124160" spans="14:14">
      <c r="N124160" s="10"/>
    </row>
    <row r="124161" spans="14:14">
      <c r="N124161" s="10"/>
    </row>
    <row r="124162" spans="14:14">
      <c r="N124162" s="10"/>
    </row>
    <row r="124163" spans="14:14">
      <c r="N124163" s="10"/>
    </row>
    <row r="124164" spans="14:14">
      <c r="N124164" s="10"/>
    </row>
    <row r="124165" spans="14:14">
      <c r="N124165" s="10"/>
    </row>
    <row r="124166" spans="14:14">
      <c r="N124166" s="10"/>
    </row>
    <row r="124167" spans="14:14">
      <c r="N124167" s="10"/>
    </row>
    <row r="124168" spans="14:14">
      <c r="N124168" s="10"/>
    </row>
    <row r="124169" spans="14:14">
      <c r="N124169" s="10"/>
    </row>
    <row r="124170" spans="14:14">
      <c r="N124170" s="10"/>
    </row>
    <row r="124171" spans="14:14">
      <c r="N124171" s="10"/>
    </row>
    <row r="124172" spans="14:14">
      <c r="N124172" s="10"/>
    </row>
    <row r="124173" spans="14:14">
      <c r="N124173" s="10"/>
    </row>
    <row r="124174" spans="14:14">
      <c r="N124174" s="10"/>
    </row>
    <row r="124175" spans="14:14">
      <c r="N124175" s="10"/>
    </row>
    <row r="124176" spans="14:14">
      <c r="N124176" s="10"/>
    </row>
    <row r="124177" spans="14:14">
      <c r="N124177" s="10"/>
    </row>
    <row r="124178" spans="14:14">
      <c r="N124178" s="10"/>
    </row>
    <row r="124179" spans="14:14">
      <c r="N124179" s="10"/>
    </row>
    <row r="124180" spans="14:14">
      <c r="N124180" s="10"/>
    </row>
    <row r="124181" spans="14:14">
      <c r="N124181" s="10"/>
    </row>
    <row r="124182" spans="14:14">
      <c r="N124182" s="10"/>
    </row>
    <row r="124183" spans="14:14">
      <c r="N124183" s="10"/>
    </row>
    <row r="124184" spans="14:14">
      <c r="N124184" s="10"/>
    </row>
    <row r="124185" spans="14:14">
      <c r="N124185" s="10"/>
    </row>
    <row r="124186" spans="14:14">
      <c r="N124186" s="10"/>
    </row>
    <row r="124187" spans="14:14">
      <c r="N124187" s="10"/>
    </row>
    <row r="124188" spans="14:14">
      <c r="N124188" s="10"/>
    </row>
    <row r="124189" spans="14:14">
      <c r="N124189" s="10"/>
    </row>
    <row r="124190" spans="14:14">
      <c r="N124190" s="10"/>
    </row>
    <row r="124191" spans="14:14">
      <c r="N124191" s="10"/>
    </row>
    <row r="124192" spans="14:14">
      <c r="N124192" s="10"/>
    </row>
    <row r="124193" spans="14:14">
      <c r="N124193" s="10"/>
    </row>
    <row r="124194" spans="14:14">
      <c r="N124194" s="10"/>
    </row>
    <row r="124195" spans="14:14">
      <c r="N124195" s="10"/>
    </row>
    <row r="124196" spans="14:14">
      <c r="N124196" s="10"/>
    </row>
    <row r="124197" spans="14:14">
      <c r="N124197" s="10"/>
    </row>
    <row r="124198" spans="14:14">
      <c r="N124198" s="10"/>
    </row>
    <row r="124199" spans="14:14">
      <c r="N124199" s="10"/>
    </row>
    <row r="124200" spans="14:14">
      <c r="N124200" s="10"/>
    </row>
    <row r="124201" spans="14:14">
      <c r="N124201" s="10"/>
    </row>
    <row r="124202" spans="14:14">
      <c r="N124202" s="10"/>
    </row>
    <row r="124203" spans="14:14">
      <c r="N124203" s="10"/>
    </row>
    <row r="124204" spans="14:14">
      <c r="N124204" s="10"/>
    </row>
    <row r="124205" spans="14:14">
      <c r="N124205" s="10"/>
    </row>
    <row r="124206" spans="14:14">
      <c r="N124206" s="10"/>
    </row>
    <row r="124207" spans="14:14">
      <c r="N124207" s="10"/>
    </row>
    <row r="124208" spans="14:14">
      <c r="N124208" s="10"/>
    </row>
    <row r="124209" spans="14:14">
      <c r="N124209" s="10"/>
    </row>
    <row r="124210" spans="14:14">
      <c r="N124210" s="10"/>
    </row>
    <row r="124211" spans="14:14">
      <c r="N124211" s="10"/>
    </row>
    <row r="124212" spans="14:14">
      <c r="N124212" s="10"/>
    </row>
    <row r="124213" spans="14:14">
      <c r="N124213" s="10"/>
    </row>
    <row r="124214" spans="14:14">
      <c r="N124214" s="10"/>
    </row>
    <row r="124215" spans="14:14">
      <c r="N124215" s="10"/>
    </row>
    <row r="124216" spans="14:14">
      <c r="N124216" s="10"/>
    </row>
    <row r="124217" spans="14:14">
      <c r="N124217" s="10"/>
    </row>
    <row r="124218" spans="14:14">
      <c r="N124218" s="10"/>
    </row>
    <row r="124219" spans="14:14">
      <c r="N124219" s="10"/>
    </row>
    <row r="124220" spans="14:14">
      <c r="N124220" s="10"/>
    </row>
    <row r="124221" spans="14:14">
      <c r="N124221" s="10"/>
    </row>
    <row r="124222" spans="14:14">
      <c r="N124222" s="10"/>
    </row>
    <row r="124223" spans="14:14">
      <c r="N124223" s="10"/>
    </row>
    <row r="124224" spans="14:14">
      <c r="N124224" s="10"/>
    </row>
    <row r="124225" spans="14:14">
      <c r="N124225" s="10"/>
    </row>
    <row r="124226" spans="14:14">
      <c r="N124226" s="10"/>
    </row>
    <row r="124227" spans="14:14">
      <c r="N124227" s="10"/>
    </row>
    <row r="124228" spans="14:14">
      <c r="N124228" s="10"/>
    </row>
    <row r="124229" spans="14:14">
      <c r="N124229" s="10"/>
    </row>
    <row r="124230" spans="14:14">
      <c r="N124230" s="10"/>
    </row>
    <row r="124231" spans="14:14">
      <c r="N124231" s="10"/>
    </row>
    <row r="124232" spans="14:14">
      <c r="N124232" s="10"/>
    </row>
    <row r="124233" spans="14:14">
      <c r="N124233" s="10"/>
    </row>
    <row r="124234" spans="14:14">
      <c r="N124234" s="10"/>
    </row>
    <row r="124235" spans="14:14">
      <c r="N124235" s="10"/>
    </row>
    <row r="124236" spans="14:14">
      <c r="N124236" s="10"/>
    </row>
    <row r="124237" spans="14:14">
      <c r="N124237" s="10"/>
    </row>
    <row r="124238" spans="14:14">
      <c r="N124238" s="10"/>
    </row>
    <row r="124239" spans="14:14">
      <c r="N124239" s="10"/>
    </row>
    <row r="124240" spans="14:14">
      <c r="N124240" s="10"/>
    </row>
    <row r="124241" spans="14:14">
      <c r="N124241" s="10"/>
    </row>
    <row r="124242" spans="14:14">
      <c r="N124242" s="10"/>
    </row>
    <row r="124243" spans="14:14">
      <c r="N124243" s="10"/>
    </row>
    <row r="124244" spans="14:14">
      <c r="N124244" s="10"/>
    </row>
    <row r="124245" spans="14:14">
      <c r="N124245" s="10"/>
    </row>
    <row r="124246" spans="14:14">
      <c r="N124246" s="10"/>
    </row>
    <row r="124247" spans="14:14">
      <c r="N124247" s="10"/>
    </row>
    <row r="124248" spans="14:14">
      <c r="N124248" s="10"/>
    </row>
    <row r="124249" spans="14:14">
      <c r="N124249" s="10"/>
    </row>
    <row r="124250" spans="14:14">
      <c r="N124250" s="10"/>
    </row>
    <row r="124251" spans="14:14">
      <c r="N124251" s="10"/>
    </row>
    <row r="124252" spans="14:14">
      <c r="N124252" s="10"/>
    </row>
    <row r="124253" spans="14:14">
      <c r="N124253" s="10"/>
    </row>
    <row r="124254" spans="14:14">
      <c r="N124254" s="10"/>
    </row>
    <row r="124255" spans="14:14">
      <c r="N124255" s="10"/>
    </row>
    <row r="124256" spans="14:14">
      <c r="N124256" s="10"/>
    </row>
    <row r="124257" spans="14:14">
      <c r="N124257" s="10"/>
    </row>
    <row r="124258" spans="14:14">
      <c r="N124258" s="10"/>
    </row>
    <row r="124259" spans="14:14">
      <c r="N124259" s="10"/>
    </row>
    <row r="124260" spans="14:14">
      <c r="N124260" s="10"/>
    </row>
    <row r="124261" spans="14:14">
      <c r="N124261" s="10"/>
    </row>
    <row r="124262" spans="14:14">
      <c r="N124262" s="10"/>
    </row>
    <row r="124263" spans="14:14">
      <c r="N124263" s="10"/>
    </row>
    <row r="124264" spans="14:14">
      <c r="N124264" s="10"/>
    </row>
    <row r="124265" spans="14:14">
      <c r="N124265" s="10"/>
    </row>
    <row r="124266" spans="14:14">
      <c r="N124266" s="10"/>
    </row>
    <row r="124267" spans="14:14">
      <c r="N124267" s="10"/>
    </row>
    <row r="124268" spans="14:14">
      <c r="N124268" s="10"/>
    </row>
    <row r="124269" spans="14:14">
      <c r="N124269" s="10"/>
    </row>
    <row r="124270" spans="14:14">
      <c r="N124270" s="10"/>
    </row>
    <row r="124271" spans="14:14">
      <c r="N124271" s="10"/>
    </row>
    <row r="124272" spans="14:14">
      <c r="N124272" s="10"/>
    </row>
    <row r="124273" spans="14:14">
      <c r="N124273" s="10"/>
    </row>
    <row r="124274" spans="14:14">
      <c r="N124274" s="10"/>
    </row>
    <row r="124275" spans="14:14">
      <c r="N124275" s="10"/>
    </row>
    <row r="124276" spans="14:14">
      <c r="N124276" s="10"/>
    </row>
    <row r="124277" spans="14:14">
      <c r="N124277" s="10"/>
    </row>
    <row r="124278" spans="14:14">
      <c r="N124278" s="10"/>
    </row>
    <row r="124279" spans="14:14">
      <c r="N124279" s="10"/>
    </row>
    <row r="124280" spans="14:14">
      <c r="N124280" s="10"/>
    </row>
    <row r="124281" spans="14:14">
      <c r="N124281" s="10"/>
    </row>
    <row r="124282" spans="14:14">
      <c r="N124282" s="10"/>
    </row>
    <row r="124283" spans="14:14">
      <c r="N124283" s="10"/>
    </row>
    <row r="124284" spans="14:14">
      <c r="N124284" s="10"/>
    </row>
    <row r="124285" spans="14:14">
      <c r="N124285" s="10"/>
    </row>
    <row r="124286" spans="14:14">
      <c r="N124286" s="10"/>
    </row>
    <row r="124287" spans="14:14">
      <c r="N124287" s="10"/>
    </row>
    <row r="124288" spans="14:14">
      <c r="N124288" s="10"/>
    </row>
    <row r="124289" spans="14:14">
      <c r="N124289" s="10"/>
    </row>
    <row r="124290" spans="14:14">
      <c r="N124290" s="10"/>
    </row>
    <row r="124291" spans="14:14">
      <c r="N124291" s="10"/>
    </row>
    <row r="124292" spans="14:14">
      <c r="N124292" s="10"/>
    </row>
    <row r="124293" spans="14:14">
      <c r="N124293" s="10"/>
    </row>
    <row r="124294" spans="14:14">
      <c r="N124294" s="10"/>
    </row>
    <row r="124295" spans="14:14">
      <c r="N124295" s="10"/>
    </row>
    <row r="124296" spans="14:14">
      <c r="N124296" s="10"/>
    </row>
    <row r="124297" spans="14:14">
      <c r="N124297" s="10"/>
    </row>
    <row r="124298" spans="14:14">
      <c r="N124298" s="10"/>
    </row>
    <row r="124299" spans="14:14">
      <c r="N124299" s="10"/>
    </row>
    <row r="124300" spans="14:14">
      <c r="N124300" s="10"/>
    </row>
    <row r="124301" spans="14:14">
      <c r="N124301" s="10"/>
    </row>
    <row r="124302" spans="14:14">
      <c r="N124302" s="10"/>
    </row>
    <row r="124303" spans="14:14">
      <c r="N124303" s="10"/>
    </row>
    <row r="124304" spans="14:14">
      <c r="N124304" s="10"/>
    </row>
    <row r="124305" spans="14:14">
      <c r="N124305" s="10"/>
    </row>
    <row r="124306" spans="14:14">
      <c r="N124306" s="10"/>
    </row>
    <row r="124307" spans="14:14">
      <c r="N124307" s="10"/>
    </row>
    <row r="124308" spans="14:14">
      <c r="N124308" s="10"/>
    </row>
    <row r="124309" spans="14:14">
      <c r="N124309" s="10"/>
    </row>
    <row r="124310" spans="14:14">
      <c r="N124310" s="10"/>
    </row>
    <row r="124311" spans="14:14">
      <c r="N124311" s="10"/>
    </row>
    <row r="124312" spans="14:14">
      <c r="N124312" s="10"/>
    </row>
    <row r="124313" spans="14:14">
      <c r="N124313" s="10"/>
    </row>
    <row r="124314" spans="14:14">
      <c r="N124314" s="10"/>
    </row>
    <row r="124315" spans="14:14">
      <c r="N124315" s="10"/>
    </row>
    <row r="124316" spans="14:14">
      <c r="N124316" s="10"/>
    </row>
    <row r="124317" spans="14:14">
      <c r="N124317" s="10"/>
    </row>
    <row r="124318" spans="14:14">
      <c r="N124318" s="10"/>
    </row>
    <row r="124319" spans="14:14">
      <c r="N124319" s="10"/>
    </row>
    <row r="124320" spans="14:14">
      <c r="N124320" s="10"/>
    </row>
    <row r="124321" spans="14:14">
      <c r="N124321" s="10"/>
    </row>
    <row r="124322" spans="14:14">
      <c r="N124322" s="10"/>
    </row>
    <row r="124323" spans="14:14">
      <c r="N124323" s="10"/>
    </row>
    <row r="124324" spans="14:14">
      <c r="N124324" s="10"/>
    </row>
    <row r="124325" spans="14:14">
      <c r="N124325" s="10"/>
    </row>
    <row r="124326" spans="14:14">
      <c r="N124326" s="10"/>
    </row>
    <row r="124327" spans="14:14">
      <c r="N124327" s="10"/>
    </row>
    <row r="124328" spans="14:14">
      <c r="N124328" s="10"/>
    </row>
    <row r="124329" spans="14:14">
      <c r="N124329" s="10"/>
    </row>
    <row r="124330" spans="14:14">
      <c r="N124330" s="10"/>
    </row>
    <row r="124331" spans="14:14">
      <c r="N124331" s="10"/>
    </row>
    <row r="124332" spans="14:14">
      <c r="N124332" s="10"/>
    </row>
    <row r="124333" spans="14:14">
      <c r="N124333" s="10"/>
    </row>
    <row r="124334" spans="14:14">
      <c r="N124334" s="10"/>
    </row>
    <row r="124335" spans="14:14">
      <c r="N124335" s="10"/>
    </row>
    <row r="124336" spans="14:14">
      <c r="N124336" s="10"/>
    </row>
    <row r="124337" spans="14:14">
      <c r="N124337" s="10"/>
    </row>
    <row r="124338" spans="14:14">
      <c r="N124338" s="10"/>
    </row>
    <row r="124339" spans="14:14">
      <c r="N124339" s="10"/>
    </row>
    <row r="124340" spans="14:14">
      <c r="N124340" s="10"/>
    </row>
    <row r="124341" spans="14:14">
      <c r="N124341" s="10"/>
    </row>
    <row r="124342" spans="14:14">
      <c r="N124342" s="10"/>
    </row>
    <row r="124343" spans="14:14">
      <c r="N124343" s="10"/>
    </row>
    <row r="124344" spans="14:14">
      <c r="N124344" s="10"/>
    </row>
    <row r="124345" spans="14:14">
      <c r="N124345" s="10"/>
    </row>
    <row r="124346" spans="14:14">
      <c r="N124346" s="10"/>
    </row>
    <row r="124347" spans="14:14">
      <c r="N124347" s="10"/>
    </row>
    <row r="124348" spans="14:14">
      <c r="N124348" s="10"/>
    </row>
    <row r="124349" spans="14:14">
      <c r="N124349" s="10"/>
    </row>
    <row r="124350" spans="14:14">
      <c r="N124350" s="10"/>
    </row>
    <row r="124351" spans="14:14">
      <c r="N124351" s="10"/>
    </row>
    <row r="124352" spans="14:14">
      <c r="N124352" s="10"/>
    </row>
    <row r="124353" spans="14:14">
      <c r="N124353" s="10"/>
    </row>
    <row r="124354" spans="14:14">
      <c r="N124354" s="10"/>
    </row>
    <row r="124355" spans="14:14">
      <c r="N124355" s="10"/>
    </row>
    <row r="124356" spans="14:14">
      <c r="N124356" s="10"/>
    </row>
    <row r="124357" spans="14:14">
      <c r="N124357" s="10"/>
    </row>
    <row r="124358" spans="14:14">
      <c r="N124358" s="10"/>
    </row>
    <row r="124359" spans="14:14">
      <c r="N124359" s="10"/>
    </row>
    <row r="124360" spans="14:14">
      <c r="N124360" s="10"/>
    </row>
    <row r="124361" spans="14:14">
      <c r="N124361" s="10"/>
    </row>
    <row r="124362" spans="14:14">
      <c r="N124362" s="10"/>
    </row>
    <row r="124363" spans="14:14">
      <c r="N124363" s="10"/>
    </row>
    <row r="124364" spans="14:14">
      <c r="N124364" s="10"/>
    </row>
    <row r="124365" spans="14:14">
      <c r="N124365" s="10"/>
    </row>
    <row r="124366" spans="14:14">
      <c r="N124366" s="10"/>
    </row>
    <row r="124367" spans="14:14">
      <c r="N124367" s="10"/>
    </row>
    <row r="124368" spans="14:14">
      <c r="N124368" s="10"/>
    </row>
    <row r="124369" spans="14:14">
      <c r="N124369" s="10"/>
    </row>
    <row r="124370" spans="14:14">
      <c r="N124370" s="10"/>
    </row>
    <row r="124371" spans="14:14">
      <c r="N124371" s="10"/>
    </row>
    <row r="124372" spans="14:14">
      <c r="N124372" s="10"/>
    </row>
    <row r="124373" spans="14:14">
      <c r="N124373" s="10"/>
    </row>
    <row r="124374" spans="14:14">
      <c r="N124374" s="10"/>
    </row>
    <row r="124375" spans="14:14">
      <c r="N124375" s="10"/>
    </row>
    <row r="124376" spans="14:14">
      <c r="N124376" s="10"/>
    </row>
    <row r="124377" spans="14:14">
      <c r="N124377" s="10"/>
    </row>
    <row r="124378" spans="14:14">
      <c r="N124378" s="10"/>
    </row>
    <row r="124379" spans="14:14">
      <c r="N124379" s="10"/>
    </row>
    <row r="124380" spans="14:14">
      <c r="N124380" s="10"/>
    </row>
    <row r="124381" spans="14:14">
      <c r="N124381" s="10"/>
    </row>
    <row r="124382" spans="14:14">
      <c r="N124382" s="10"/>
    </row>
    <row r="124383" spans="14:14">
      <c r="N124383" s="10"/>
    </row>
    <row r="124384" spans="14:14">
      <c r="N124384" s="10"/>
    </row>
    <row r="124385" spans="14:14">
      <c r="N124385" s="10"/>
    </row>
    <row r="124386" spans="14:14">
      <c r="N124386" s="10"/>
    </row>
    <row r="124387" spans="14:14">
      <c r="N124387" s="10"/>
    </row>
    <row r="124388" spans="14:14">
      <c r="N124388" s="10"/>
    </row>
    <row r="124389" spans="14:14">
      <c r="N124389" s="10"/>
    </row>
    <row r="124390" spans="14:14">
      <c r="N124390" s="10"/>
    </row>
    <row r="124391" spans="14:14">
      <c r="N124391" s="10"/>
    </row>
    <row r="124392" spans="14:14">
      <c r="N124392" s="10"/>
    </row>
    <row r="124393" spans="14:14">
      <c r="N124393" s="10"/>
    </row>
    <row r="124394" spans="14:14">
      <c r="N124394" s="10"/>
    </row>
    <row r="124395" spans="14:14">
      <c r="N124395" s="10"/>
    </row>
    <row r="124396" spans="14:14">
      <c r="N124396" s="10"/>
    </row>
    <row r="124397" spans="14:14">
      <c r="N124397" s="10"/>
    </row>
    <row r="124398" spans="14:14">
      <c r="N124398" s="10"/>
    </row>
    <row r="124399" spans="14:14">
      <c r="N124399" s="10"/>
    </row>
    <row r="124400" spans="14:14">
      <c r="N124400" s="10"/>
    </row>
    <row r="124401" spans="14:14">
      <c r="N124401" s="10"/>
    </row>
    <row r="124402" spans="14:14">
      <c r="N124402" s="10"/>
    </row>
    <row r="124403" spans="14:14">
      <c r="N124403" s="10"/>
    </row>
    <row r="124404" spans="14:14">
      <c r="N124404" s="10"/>
    </row>
    <row r="124405" spans="14:14">
      <c r="N124405" s="10"/>
    </row>
    <row r="124406" spans="14:14">
      <c r="N124406" s="10"/>
    </row>
    <row r="124407" spans="14:14">
      <c r="N124407" s="10"/>
    </row>
    <row r="124408" spans="14:14">
      <c r="N124408" s="10"/>
    </row>
    <row r="124409" spans="14:14">
      <c r="N124409" s="10"/>
    </row>
    <row r="124410" spans="14:14">
      <c r="N124410" s="10"/>
    </row>
    <row r="124411" spans="14:14">
      <c r="N124411" s="10"/>
    </row>
    <row r="124412" spans="14:14">
      <c r="N124412" s="10"/>
    </row>
    <row r="124413" spans="14:14">
      <c r="N124413" s="10"/>
    </row>
    <row r="124414" spans="14:14">
      <c r="N124414" s="10"/>
    </row>
    <row r="124415" spans="14:14">
      <c r="N124415" s="10"/>
    </row>
    <row r="124416" spans="14:14">
      <c r="N124416" s="10"/>
    </row>
    <row r="124417" spans="14:14">
      <c r="N124417" s="10"/>
    </row>
    <row r="124418" spans="14:14">
      <c r="N124418" s="10"/>
    </row>
    <row r="124419" spans="14:14">
      <c r="N124419" s="10"/>
    </row>
    <row r="124420" spans="14:14">
      <c r="N124420" s="10"/>
    </row>
    <row r="124421" spans="14:14">
      <c r="N124421" s="10"/>
    </row>
    <row r="124422" spans="14:14">
      <c r="N124422" s="10"/>
    </row>
    <row r="124423" spans="14:14">
      <c r="N124423" s="10"/>
    </row>
    <row r="124424" spans="14:14">
      <c r="N124424" s="10"/>
    </row>
    <row r="124425" spans="14:14">
      <c r="N124425" s="10"/>
    </row>
    <row r="124426" spans="14:14">
      <c r="N124426" s="10"/>
    </row>
    <row r="124427" spans="14:14">
      <c r="N124427" s="10"/>
    </row>
    <row r="124428" spans="14:14">
      <c r="N124428" s="10"/>
    </row>
    <row r="124429" spans="14:14">
      <c r="N124429" s="10"/>
    </row>
    <row r="124430" spans="14:14">
      <c r="N124430" s="10"/>
    </row>
    <row r="124431" spans="14:14">
      <c r="N124431" s="10"/>
    </row>
    <row r="124432" spans="14:14">
      <c r="N124432" s="10"/>
    </row>
    <row r="124433" spans="14:14">
      <c r="N124433" s="10"/>
    </row>
    <row r="124434" spans="14:14">
      <c r="N124434" s="10"/>
    </row>
    <row r="124435" spans="14:14">
      <c r="N124435" s="10"/>
    </row>
    <row r="124436" spans="14:14">
      <c r="N124436" s="10"/>
    </row>
    <row r="124437" spans="14:14">
      <c r="N124437" s="10"/>
    </row>
    <row r="124438" spans="14:14">
      <c r="N124438" s="10"/>
    </row>
    <row r="124439" spans="14:14">
      <c r="N124439" s="10"/>
    </row>
    <row r="124440" spans="14:14">
      <c r="N124440" s="10"/>
    </row>
    <row r="124441" spans="14:14">
      <c r="N124441" s="10"/>
    </row>
    <row r="124442" spans="14:14">
      <c r="N124442" s="10"/>
    </row>
    <row r="124443" spans="14:14">
      <c r="N124443" s="10"/>
    </row>
    <row r="124444" spans="14:14">
      <c r="N124444" s="10"/>
    </row>
    <row r="124445" spans="14:14">
      <c r="N124445" s="10"/>
    </row>
    <row r="124446" spans="14:14">
      <c r="N124446" s="10"/>
    </row>
    <row r="124447" spans="14:14">
      <c r="N124447" s="10"/>
    </row>
    <row r="124448" spans="14:14">
      <c r="N124448" s="10"/>
    </row>
    <row r="124449" spans="14:14">
      <c r="N124449" s="10"/>
    </row>
    <row r="124450" spans="14:14">
      <c r="N124450" s="10"/>
    </row>
    <row r="124451" spans="14:14">
      <c r="N124451" s="10"/>
    </row>
    <row r="124452" spans="14:14">
      <c r="N124452" s="10"/>
    </row>
    <row r="124453" spans="14:14">
      <c r="N124453" s="10"/>
    </row>
    <row r="124454" spans="14:14">
      <c r="N124454" s="10"/>
    </row>
    <row r="124455" spans="14:14">
      <c r="N124455" s="10"/>
    </row>
    <row r="124456" spans="14:14">
      <c r="N124456" s="10"/>
    </row>
    <row r="124457" spans="14:14">
      <c r="N124457" s="10"/>
    </row>
    <row r="124458" spans="14:14">
      <c r="N124458" s="10"/>
    </row>
    <row r="124459" spans="14:14">
      <c r="N124459" s="10"/>
    </row>
    <row r="124460" spans="14:14">
      <c r="N124460" s="10"/>
    </row>
    <row r="124461" spans="14:14">
      <c r="N124461" s="10"/>
    </row>
    <row r="124462" spans="14:14">
      <c r="N124462" s="10"/>
    </row>
    <row r="124463" spans="14:14">
      <c r="N124463" s="10"/>
    </row>
    <row r="124464" spans="14:14">
      <c r="N124464" s="10"/>
    </row>
    <row r="124465" spans="14:14">
      <c r="N124465" s="10"/>
    </row>
    <row r="124466" spans="14:14">
      <c r="N124466" s="10"/>
    </row>
    <row r="124467" spans="14:14">
      <c r="N124467" s="10"/>
    </row>
    <row r="124468" spans="14:14">
      <c r="N124468" s="10"/>
    </row>
    <row r="124469" spans="14:14">
      <c r="N124469" s="10"/>
    </row>
    <row r="124470" spans="14:14">
      <c r="N124470" s="10"/>
    </row>
    <row r="124471" spans="14:14">
      <c r="N124471" s="10"/>
    </row>
    <row r="124472" spans="14:14">
      <c r="N124472" s="10"/>
    </row>
    <row r="124473" spans="14:14">
      <c r="N124473" s="10"/>
    </row>
    <row r="124474" spans="14:14">
      <c r="N124474" s="10"/>
    </row>
    <row r="124475" spans="14:14">
      <c r="N124475" s="10"/>
    </row>
    <row r="124476" spans="14:14">
      <c r="N124476" s="10"/>
    </row>
    <row r="124477" spans="14:14">
      <c r="N124477" s="10"/>
    </row>
    <row r="124478" spans="14:14">
      <c r="N124478" s="10"/>
    </row>
    <row r="124479" spans="14:14">
      <c r="N124479" s="10"/>
    </row>
    <row r="124480" spans="14:14">
      <c r="N124480" s="10"/>
    </row>
    <row r="124481" spans="14:14">
      <c r="N124481" s="10"/>
    </row>
    <row r="124482" spans="14:14">
      <c r="N124482" s="10"/>
    </row>
    <row r="124483" spans="14:14">
      <c r="N124483" s="10"/>
    </row>
    <row r="124484" spans="14:14">
      <c r="N124484" s="10"/>
    </row>
    <row r="124485" spans="14:14">
      <c r="N124485" s="10"/>
    </row>
    <row r="124486" spans="14:14">
      <c r="N124486" s="10"/>
    </row>
    <row r="124487" spans="14:14">
      <c r="N124487" s="10"/>
    </row>
    <row r="124488" spans="14:14">
      <c r="N124488" s="10"/>
    </row>
    <row r="124489" spans="14:14">
      <c r="N124489" s="10"/>
    </row>
    <row r="124490" spans="14:14">
      <c r="N124490" s="10"/>
    </row>
    <row r="124491" spans="14:14">
      <c r="N124491" s="10"/>
    </row>
    <row r="124492" spans="14:14">
      <c r="N124492" s="10"/>
    </row>
    <row r="124493" spans="14:14">
      <c r="N124493" s="10"/>
    </row>
    <row r="124494" spans="14:14">
      <c r="N124494" s="10"/>
    </row>
    <row r="124495" spans="14:14">
      <c r="N124495" s="10"/>
    </row>
    <row r="124496" spans="14:14">
      <c r="N124496" s="10"/>
    </row>
    <row r="124497" spans="14:14">
      <c r="N124497" s="10"/>
    </row>
    <row r="124498" spans="14:14">
      <c r="N124498" s="10"/>
    </row>
    <row r="124499" spans="14:14">
      <c r="N124499" s="10"/>
    </row>
    <row r="124500" spans="14:14">
      <c r="N124500" s="10"/>
    </row>
    <row r="124501" spans="14:14">
      <c r="N124501" s="10"/>
    </row>
    <row r="124502" spans="14:14">
      <c r="N124502" s="10"/>
    </row>
    <row r="124503" spans="14:14">
      <c r="N124503" s="10"/>
    </row>
    <row r="124504" spans="14:14">
      <c r="N124504" s="10"/>
    </row>
    <row r="124505" spans="14:14">
      <c r="N124505" s="10"/>
    </row>
    <row r="124506" spans="14:14">
      <c r="N124506" s="10"/>
    </row>
    <row r="124507" spans="14:14">
      <c r="N124507" s="10"/>
    </row>
    <row r="124508" spans="14:14">
      <c r="N124508" s="10"/>
    </row>
    <row r="124509" spans="14:14">
      <c r="N124509" s="10"/>
    </row>
    <row r="124510" spans="14:14">
      <c r="N124510" s="10"/>
    </row>
    <row r="124511" spans="14:14">
      <c r="N124511" s="10"/>
    </row>
    <row r="124512" spans="14:14">
      <c r="N124512" s="10"/>
    </row>
    <row r="124513" spans="14:14">
      <c r="N124513" s="10"/>
    </row>
    <row r="124514" spans="14:14">
      <c r="N124514" s="10"/>
    </row>
    <row r="124515" spans="14:14">
      <c r="N124515" s="10"/>
    </row>
    <row r="124516" spans="14:14">
      <c r="N124516" s="10"/>
    </row>
    <row r="124517" spans="14:14">
      <c r="N124517" s="10"/>
    </row>
    <row r="124518" spans="14:14">
      <c r="N124518" s="10"/>
    </row>
    <row r="124519" spans="14:14">
      <c r="N124519" s="10"/>
    </row>
    <row r="124520" spans="14:14">
      <c r="N124520" s="10"/>
    </row>
    <row r="124521" spans="14:14">
      <c r="N124521" s="10"/>
    </row>
    <row r="124522" spans="14:14">
      <c r="N124522" s="10"/>
    </row>
    <row r="124523" spans="14:14">
      <c r="N124523" s="10"/>
    </row>
    <row r="124524" spans="14:14">
      <c r="N124524" s="10"/>
    </row>
    <row r="124525" spans="14:14">
      <c r="N124525" s="10"/>
    </row>
    <row r="124526" spans="14:14">
      <c r="N124526" s="10"/>
    </row>
    <row r="124527" spans="14:14">
      <c r="N124527" s="10"/>
    </row>
    <row r="124528" spans="14:14">
      <c r="N124528" s="10"/>
    </row>
    <row r="124529" spans="14:14">
      <c r="N124529" s="10"/>
    </row>
    <row r="124530" spans="14:14">
      <c r="N124530" s="10"/>
    </row>
    <row r="124531" spans="14:14">
      <c r="N124531" s="10"/>
    </row>
    <row r="124532" spans="14:14">
      <c r="N124532" s="10"/>
    </row>
    <row r="124533" spans="14:14">
      <c r="N124533" s="10"/>
    </row>
    <row r="124534" spans="14:14">
      <c r="N124534" s="10"/>
    </row>
    <row r="124535" spans="14:14">
      <c r="N124535" s="10"/>
    </row>
    <row r="124536" spans="14:14">
      <c r="N124536" s="10"/>
    </row>
    <row r="124537" spans="14:14">
      <c r="N124537" s="10"/>
    </row>
    <row r="124538" spans="14:14">
      <c r="N124538" s="10"/>
    </row>
    <row r="124539" spans="14:14">
      <c r="N124539" s="10"/>
    </row>
    <row r="124540" spans="14:14">
      <c r="N124540" s="10"/>
    </row>
    <row r="124541" spans="14:14">
      <c r="N124541" s="10"/>
    </row>
    <row r="124542" spans="14:14">
      <c r="N124542" s="10"/>
    </row>
    <row r="124543" spans="14:14">
      <c r="N124543" s="10"/>
    </row>
    <row r="124544" spans="14:14">
      <c r="N124544" s="10"/>
    </row>
    <row r="124545" spans="14:14">
      <c r="N124545" s="10"/>
    </row>
    <row r="124546" spans="14:14">
      <c r="N124546" s="10"/>
    </row>
    <row r="124547" spans="14:14">
      <c r="N124547" s="10"/>
    </row>
    <row r="124548" spans="14:14">
      <c r="N124548" s="10"/>
    </row>
    <row r="124549" spans="14:14">
      <c r="N124549" s="10"/>
    </row>
    <row r="124550" spans="14:14">
      <c r="N124550" s="10"/>
    </row>
    <row r="124551" spans="14:14">
      <c r="N124551" s="10"/>
    </row>
    <row r="124552" spans="14:14">
      <c r="N124552" s="10"/>
    </row>
    <row r="124553" spans="14:14">
      <c r="N124553" s="10"/>
    </row>
    <row r="124554" spans="14:14">
      <c r="N124554" s="10"/>
    </row>
    <row r="124555" spans="14:14">
      <c r="N124555" s="10"/>
    </row>
    <row r="124556" spans="14:14">
      <c r="N124556" s="10"/>
    </row>
    <row r="124557" spans="14:14">
      <c r="N124557" s="10"/>
    </row>
    <row r="124558" spans="14:14">
      <c r="N124558" s="10"/>
    </row>
    <row r="124559" spans="14:14">
      <c r="N124559" s="10"/>
    </row>
    <row r="124560" spans="14:14">
      <c r="N124560" s="10"/>
    </row>
    <row r="124561" spans="14:14">
      <c r="N124561" s="10"/>
    </row>
    <row r="124562" spans="14:14">
      <c r="N124562" s="10"/>
    </row>
    <row r="124563" spans="14:14">
      <c r="N124563" s="10"/>
    </row>
    <row r="124564" spans="14:14">
      <c r="N124564" s="10"/>
    </row>
    <row r="124565" spans="14:14">
      <c r="N124565" s="10"/>
    </row>
    <row r="124566" spans="14:14">
      <c r="N124566" s="10"/>
    </row>
    <row r="124567" spans="14:14">
      <c r="N124567" s="10"/>
    </row>
    <row r="124568" spans="14:14">
      <c r="N124568" s="10"/>
    </row>
    <row r="124569" spans="14:14">
      <c r="N124569" s="10"/>
    </row>
    <row r="124570" spans="14:14">
      <c r="N124570" s="10"/>
    </row>
    <row r="124571" spans="14:14">
      <c r="N124571" s="10"/>
    </row>
    <row r="124572" spans="14:14">
      <c r="N124572" s="10"/>
    </row>
    <row r="124573" spans="14:14">
      <c r="N124573" s="10"/>
    </row>
    <row r="124574" spans="14:14">
      <c r="N124574" s="10"/>
    </row>
    <row r="124575" spans="14:14">
      <c r="N124575" s="10"/>
    </row>
    <row r="124576" spans="14:14">
      <c r="N124576" s="10"/>
    </row>
    <row r="124577" spans="14:14">
      <c r="N124577" s="10"/>
    </row>
    <row r="124578" spans="14:14">
      <c r="N124578" s="10"/>
    </row>
    <row r="124579" spans="14:14">
      <c r="N124579" s="10"/>
    </row>
    <row r="124580" spans="14:14">
      <c r="N124580" s="10"/>
    </row>
    <row r="124581" spans="14:14">
      <c r="N124581" s="10"/>
    </row>
    <row r="124582" spans="14:14">
      <c r="N124582" s="10"/>
    </row>
    <row r="124583" spans="14:14">
      <c r="N124583" s="10"/>
    </row>
    <row r="124584" spans="14:14">
      <c r="N124584" s="10"/>
    </row>
    <row r="124585" spans="14:14">
      <c r="N124585" s="10"/>
    </row>
    <row r="124586" spans="14:14">
      <c r="N124586" s="10"/>
    </row>
    <row r="124587" spans="14:14">
      <c r="N124587" s="10"/>
    </row>
    <row r="124588" spans="14:14">
      <c r="N124588" s="10"/>
    </row>
    <row r="124589" spans="14:14">
      <c r="N124589" s="10"/>
    </row>
    <row r="124590" spans="14:14">
      <c r="N124590" s="10"/>
    </row>
    <row r="124591" spans="14:14">
      <c r="N124591" s="10"/>
    </row>
    <row r="124592" spans="14:14">
      <c r="N124592" s="10"/>
    </row>
    <row r="124593" spans="14:14">
      <c r="N124593" s="10"/>
    </row>
    <row r="124594" spans="14:14">
      <c r="N124594" s="10"/>
    </row>
    <row r="124595" spans="14:14">
      <c r="N124595" s="10"/>
    </row>
    <row r="124596" spans="14:14">
      <c r="N124596" s="10"/>
    </row>
    <row r="124597" spans="14:14">
      <c r="N124597" s="10"/>
    </row>
    <row r="124598" spans="14:14">
      <c r="N124598" s="10"/>
    </row>
    <row r="124599" spans="14:14">
      <c r="N124599" s="10"/>
    </row>
    <row r="124600" spans="14:14">
      <c r="N124600" s="10"/>
    </row>
    <row r="124601" spans="14:14">
      <c r="N124601" s="10"/>
    </row>
    <row r="124602" spans="14:14">
      <c r="N124602" s="10"/>
    </row>
    <row r="124603" spans="14:14">
      <c r="N124603" s="10"/>
    </row>
    <row r="124604" spans="14:14">
      <c r="N124604" s="10"/>
    </row>
    <row r="124605" spans="14:14">
      <c r="N124605" s="10"/>
    </row>
    <row r="124606" spans="14:14">
      <c r="N124606" s="10"/>
    </row>
    <row r="124607" spans="14:14">
      <c r="N124607" s="10"/>
    </row>
    <row r="124608" spans="14:14">
      <c r="N124608" s="10"/>
    </row>
    <row r="124609" spans="14:14">
      <c r="N124609" s="10"/>
    </row>
    <row r="124610" spans="14:14">
      <c r="N124610" s="10"/>
    </row>
    <row r="124611" spans="14:14">
      <c r="N124611" s="10"/>
    </row>
    <row r="124612" spans="14:14">
      <c r="N124612" s="10"/>
    </row>
    <row r="124613" spans="14:14">
      <c r="N124613" s="10"/>
    </row>
    <row r="124614" spans="14:14">
      <c r="N124614" s="10"/>
    </row>
    <row r="124615" spans="14:14">
      <c r="N124615" s="10"/>
    </row>
    <row r="124616" spans="14:14">
      <c r="N124616" s="10"/>
    </row>
    <row r="124617" spans="14:14">
      <c r="N124617" s="10"/>
    </row>
    <row r="124618" spans="14:14">
      <c r="N124618" s="10"/>
    </row>
    <row r="124619" spans="14:14">
      <c r="N124619" s="10"/>
    </row>
    <row r="124620" spans="14:14">
      <c r="N124620" s="10"/>
    </row>
    <row r="124621" spans="14:14">
      <c r="N124621" s="10"/>
    </row>
    <row r="124622" spans="14:14">
      <c r="N124622" s="10"/>
    </row>
    <row r="124623" spans="14:14">
      <c r="N124623" s="10"/>
    </row>
    <row r="124624" spans="14:14">
      <c r="N124624" s="10"/>
    </row>
    <row r="124625" spans="14:14">
      <c r="N124625" s="10"/>
    </row>
    <row r="124626" spans="14:14">
      <c r="N124626" s="10"/>
    </row>
    <row r="124627" spans="14:14">
      <c r="N124627" s="10"/>
    </row>
    <row r="124628" spans="14:14">
      <c r="N124628" s="10"/>
    </row>
    <row r="124629" spans="14:14">
      <c r="N124629" s="10"/>
    </row>
    <row r="124630" spans="14:14">
      <c r="N124630" s="10"/>
    </row>
    <row r="124631" spans="14:14">
      <c r="N124631" s="10"/>
    </row>
    <row r="124632" spans="14:14">
      <c r="N124632" s="10"/>
    </row>
    <row r="124633" spans="14:14">
      <c r="N124633" s="10"/>
    </row>
    <row r="124634" spans="14:14">
      <c r="N124634" s="10"/>
    </row>
    <row r="124635" spans="14:14">
      <c r="N124635" s="10"/>
    </row>
    <row r="124636" spans="14:14">
      <c r="N124636" s="10"/>
    </row>
    <row r="124637" spans="14:14">
      <c r="N124637" s="10"/>
    </row>
    <row r="124638" spans="14:14">
      <c r="N124638" s="10"/>
    </row>
    <row r="124639" spans="14:14">
      <c r="N124639" s="10"/>
    </row>
    <row r="124640" spans="14:14">
      <c r="N124640" s="10"/>
    </row>
    <row r="124641" spans="14:14">
      <c r="N124641" s="10"/>
    </row>
    <row r="124642" spans="14:14">
      <c r="N124642" s="10"/>
    </row>
    <row r="124643" spans="14:14">
      <c r="N124643" s="10"/>
    </row>
    <row r="124644" spans="14:14">
      <c r="N124644" s="10"/>
    </row>
    <row r="124645" spans="14:14">
      <c r="N124645" s="10"/>
    </row>
    <row r="124646" spans="14:14">
      <c r="N124646" s="10"/>
    </row>
    <row r="124647" spans="14:14">
      <c r="N124647" s="10"/>
    </row>
    <row r="124648" spans="14:14">
      <c r="N124648" s="10"/>
    </row>
    <row r="124649" spans="14:14">
      <c r="N124649" s="10"/>
    </row>
    <row r="124650" spans="14:14">
      <c r="N124650" s="10"/>
    </row>
    <row r="124651" spans="14:14">
      <c r="N124651" s="10"/>
    </row>
    <row r="124652" spans="14:14">
      <c r="N124652" s="10"/>
    </row>
    <row r="124653" spans="14:14">
      <c r="N124653" s="10"/>
    </row>
    <row r="124654" spans="14:14">
      <c r="N124654" s="10"/>
    </row>
    <row r="124655" spans="14:14">
      <c r="N124655" s="10"/>
    </row>
    <row r="124656" spans="14:14">
      <c r="N124656" s="10"/>
    </row>
    <row r="124657" spans="14:14">
      <c r="N124657" s="10"/>
    </row>
    <row r="124658" spans="14:14">
      <c r="N124658" s="10"/>
    </row>
    <row r="124659" spans="14:14">
      <c r="N124659" s="10"/>
    </row>
    <row r="124660" spans="14:14">
      <c r="N124660" s="10"/>
    </row>
    <row r="124661" spans="14:14">
      <c r="N124661" s="10"/>
    </row>
    <row r="124662" spans="14:14">
      <c r="N124662" s="10"/>
    </row>
    <row r="124663" spans="14:14">
      <c r="N124663" s="10"/>
    </row>
    <row r="124664" spans="14:14">
      <c r="N124664" s="10"/>
    </row>
    <row r="124665" spans="14:14">
      <c r="N124665" s="10"/>
    </row>
    <row r="124666" spans="14:14">
      <c r="N124666" s="10"/>
    </row>
    <row r="124667" spans="14:14">
      <c r="N124667" s="10"/>
    </row>
    <row r="124668" spans="14:14">
      <c r="N124668" s="10"/>
    </row>
    <row r="124669" spans="14:14">
      <c r="N124669" s="10"/>
    </row>
    <row r="124670" spans="14:14">
      <c r="N124670" s="10"/>
    </row>
    <row r="124671" spans="14:14">
      <c r="N124671" s="10"/>
    </row>
    <row r="124672" spans="14:14">
      <c r="N124672" s="10"/>
    </row>
    <row r="124673" spans="14:14">
      <c r="N124673" s="10"/>
    </row>
    <row r="124674" spans="14:14">
      <c r="N124674" s="10"/>
    </row>
    <row r="124675" spans="14:14">
      <c r="N124675" s="10"/>
    </row>
    <row r="124676" spans="14:14">
      <c r="N124676" s="10"/>
    </row>
    <row r="124677" spans="14:14">
      <c r="N124677" s="10"/>
    </row>
    <row r="124678" spans="14:14">
      <c r="N124678" s="10"/>
    </row>
    <row r="124679" spans="14:14">
      <c r="N124679" s="10"/>
    </row>
    <row r="124680" spans="14:14">
      <c r="N124680" s="10"/>
    </row>
    <row r="124681" spans="14:14">
      <c r="N124681" s="10"/>
    </row>
    <row r="124682" spans="14:14">
      <c r="N124682" s="10"/>
    </row>
    <row r="124683" spans="14:14">
      <c r="N124683" s="10"/>
    </row>
    <row r="124684" spans="14:14">
      <c r="N124684" s="10"/>
    </row>
    <row r="124685" spans="14:14">
      <c r="N124685" s="10"/>
    </row>
    <row r="124686" spans="14:14">
      <c r="N124686" s="10"/>
    </row>
    <row r="124687" spans="14:14">
      <c r="N124687" s="10"/>
    </row>
    <row r="124688" spans="14:14">
      <c r="N124688" s="10"/>
    </row>
    <row r="124689" spans="14:14">
      <c r="N124689" s="10"/>
    </row>
    <row r="124690" spans="14:14">
      <c r="N124690" s="10"/>
    </row>
    <row r="124691" spans="14:14">
      <c r="N124691" s="10"/>
    </row>
    <row r="124692" spans="14:14">
      <c r="N124692" s="10"/>
    </row>
    <row r="124693" spans="14:14">
      <c r="N124693" s="10"/>
    </row>
    <row r="124694" spans="14:14">
      <c r="N124694" s="10"/>
    </row>
    <row r="124695" spans="14:14">
      <c r="N124695" s="10"/>
    </row>
    <row r="124696" spans="14:14">
      <c r="N124696" s="10"/>
    </row>
    <row r="124697" spans="14:14">
      <c r="N124697" s="10"/>
    </row>
    <row r="124698" spans="14:14">
      <c r="N124698" s="10"/>
    </row>
    <row r="124699" spans="14:14">
      <c r="N124699" s="10"/>
    </row>
    <row r="124700" spans="14:14">
      <c r="N124700" s="10"/>
    </row>
    <row r="124701" spans="14:14">
      <c r="N124701" s="10"/>
    </row>
    <row r="124702" spans="14:14">
      <c r="N124702" s="10"/>
    </row>
    <row r="124703" spans="14:14">
      <c r="N124703" s="10"/>
    </row>
    <row r="124704" spans="14:14">
      <c r="N124704" s="10"/>
    </row>
    <row r="124705" spans="14:14">
      <c r="N124705" s="10"/>
    </row>
    <row r="124706" spans="14:14">
      <c r="N124706" s="10"/>
    </row>
    <row r="124707" spans="14:14">
      <c r="N124707" s="10"/>
    </row>
    <row r="124708" spans="14:14">
      <c r="N124708" s="10"/>
    </row>
    <row r="124709" spans="14:14">
      <c r="N124709" s="10"/>
    </row>
    <row r="124710" spans="14:14">
      <c r="N124710" s="10"/>
    </row>
    <row r="124711" spans="14:14">
      <c r="N124711" s="10"/>
    </row>
    <row r="124712" spans="14:14">
      <c r="N124712" s="10"/>
    </row>
    <row r="124713" spans="14:14">
      <c r="N124713" s="10"/>
    </row>
    <row r="124714" spans="14:14">
      <c r="N124714" s="10"/>
    </row>
    <row r="124715" spans="14:14">
      <c r="N124715" s="10"/>
    </row>
    <row r="124716" spans="14:14">
      <c r="N124716" s="10"/>
    </row>
    <row r="124717" spans="14:14">
      <c r="N124717" s="10"/>
    </row>
    <row r="124718" spans="14:14">
      <c r="N124718" s="10"/>
    </row>
    <row r="124719" spans="14:14">
      <c r="N124719" s="10"/>
    </row>
    <row r="124720" spans="14:14">
      <c r="N124720" s="10"/>
    </row>
    <row r="124721" spans="14:14">
      <c r="N124721" s="10"/>
    </row>
    <row r="124722" spans="14:14">
      <c r="N124722" s="10"/>
    </row>
    <row r="124723" spans="14:14">
      <c r="N124723" s="10"/>
    </row>
    <row r="124724" spans="14:14">
      <c r="N124724" s="10"/>
    </row>
    <row r="124725" spans="14:14">
      <c r="N124725" s="10"/>
    </row>
    <row r="124726" spans="14:14">
      <c r="N124726" s="10"/>
    </row>
    <row r="124727" spans="14:14">
      <c r="N124727" s="10"/>
    </row>
    <row r="124728" spans="14:14">
      <c r="N124728" s="10"/>
    </row>
    <row r="124729" spans="14:14">
      <c r="N124729" s="10"/>
    </row>
    <row r="124730" spans="14:14">
      <c r="N124730" s="10"/>
    </row>
    <row r="124731" spans="14:14">
      <c r="N124731" s="10"/>
    </row>
    <row r="124732" spans="14:14">
      <c r="N124732" s="10"/>
    </row>
    <row r="124733" spans="14:14">
      <c r="N124733" s="10"/>
    </row>
    <row r="124734" spans="14:14">
      <c r="N124734" s="10"/>
    </row>
    <row r="124735" spans="14:14">
      <c r="N124735" s="10"/>
    </row>
    <row r="124736" spans="14:14">
      <c r="N124736" s="10"/>
    </row>
    <row r="124737" spans="14:14">
      <c r="N124737" s="10"/>
    </row>
    <row r="124738" spans="14:14">
      <c r="N124738" s="10"/>
    </row>
    <row r="124739" spans="14:14">
      <c r="N124739" s="10"/>
    </row>
    <row r="124740" spans="14:14">
      <c r="N124740" s="10"/>
    </row>
    <row r="124741" spans="14:14">
      <c r="N124741" s="10"/>
    </row>
    <row r="124742" spans="14:14">
      <c r="N124742" s="10"/>
    </row>
    <row r="124743" spans="14:14">
      <c r="N124743" s="10"/>
    </row>
    <row r="124744" spans="14:14">
      <c r="N124744" s="10"/>
    </row>
    <row r="124745" spans="14:14">
      <c r="N124745" s="10"/>
    </row>
    <row r="124746" spans="14:14">
      <c r="N124746" s="10"/>
    </row>
    <row r="124747" spans="14:14">
      <c r="N124747" s="10"/>
    </row>
    <row r="124748" spans="14:14">
      <c r="N124748" s="10"/>
    </row>
    <row r="124749" spans="14:14">
      <c r="N124749" s="10"/>
    </row>
    <row r="124750" spans="14:14">
      <c r="N124750" s="10"/>
    </row>
    <row r="124751" spans="14:14">
      <c r="N124751" s="10"/>
    </row>
    <row r="124752" spans="14:14">
      <c r="N124752" s="10"/>
    </row>
    <row r="124753" spans="14:14">
      <c r="N124753" s="10"/>
    </row>
    <row r="124754" spans="14:14">
      <c r="N124754" s="10"/>
    </row>
    <row r="124755" spans="14:14">
      <c r="N124755" s="10"/>
    </row>
    <row r="124756" spans="14:14">
      <c r="N124756" s="10"/>
    </row>
    <row r="124757" spans="14:14">
      <c r="N124757" s="10"/>
    </row>
    <row r="124758" spans="14:14">
      <c r="N124758" s="10"/>
    </row>
    <row r="124759" spans="14:14">
      <c r="N124759" s="10"/>
    </row>
    <row r="124760" spans="14:14">
      <c r="N124760" s="10"/>
    </row>
    <row r="124761" spans="14:14">
      <c r="N124761" s="10"/>
    </row>
    <row r="124762" spans="14:14">
      <c r="N124762" s="10"/>
    </row>
    <row r="124763" spans="14:14">
      <c r="N124763" s="10"/>
    </row>
    <row r="124764" spans="14:14">
      <c r="N124764" s="10"/>
    </row>
    <row r="124765" spans="14:14">
      <c r="N124765" s="10"/>
    </row>
    <row r="124766" spans="14:14">
      <c r="N124766" s="10"/>
    </row>
    <row r="124767" spans="14:14">
      <c r="N124767" s="10"/>
    </row>
    <row r="124768" spans="14:14">
      <c r="N124768" s="10"/>
    </row>
    <row r="124769" spans="14:14">
      <c r="N124769" s="10"/>
    </row>
    <row r="124770" spans="14:14">
      <c r="N124770" s="10"/>
    </row>
    <row r="124771" spans="14:14">
      <c r="N124771" s="10"/>
    </row>
    <row r="124772" spans="14:14">
      <c r="N124772" s="10"/>
    </row>
    <row r="124773" spans="14:14">
      <c r="N124773" s="10"/>
    </row>
    <row r="124774" spans="14:14">
      <c r="N124774" s="10"/>
    </row>
    <row r="124775" spans="14:14">
      <c r="N124775" s="10"/>
    </row>
    <row r="124776" spans="14:14">
      <c r="N124776" s="10"/>
    </row>
    <row r="124777" spans="14:14">
      <c r="N124777" s="10"/>
    </row>
    <row r="124778" spans="14:14">
      <c r="N124778" s="10"/>
    </row>
    <row r="124779" spans="14:14">
      <c r="N124779" s="10"/>
    </row>
    <row r="124780" spans="14:14">
      <c r="N124780" s="10"/>
    </row>
    <row r="124781" spans="14:14">
      <c r="N124781" s="10"/>
    </row>
    <row r="124782" spans="14:14">
      <c r="N124782" s="10"/>
    </row>
    <row r="124783" spans="14:14">
      <c r="N124783" s="10"/>
    </row>
    <row r="124784" spans="14:14">
      <c r="N124784" s="10"/>
    </row>
    <row r="124785" spans="14:14">
      <c r="N124785" s="10"/>
    </row>
    <row r="124786" spans="14:14">
      <c r="N124786" s="10"/>
    </row>
    <row r="124787" spans="14:14">
      <c r="N124787" s="10"/>
    </row>
    <row r="124788" spans="14:14">
      <c r="N124788" s="10"/>
    </row>
    <row r="124789" spans="14:14">
      <c r="N124789" s="10"/>
    </row>
    <row r="124790" spans="14:14">
      <c r="N124790" s="10"/>
    </row>
    <row r="124791" spans="14:14">
      <c r="N124791" s="10"/>
    </row>
    <row r="124792" spans="14:14">
      <c r="N124792" s="10"/>
    </row>
    <row r="124793" spans="14:14">
      <c r="N124793" s="10"/>
    </row>
    <row r="124794" spans="14:14">
      <c r="N124794" s="10"/>
    </row>
    <row r="124795" spans="14:14">
      <c r="N124795" s="10"/>
    </row>
    <row r="124796" spans="14:14">
      <c r="N124796" s="10"/>
    </row>
    <row r="124797" spans="14:14">
      <c r="N124797" s="10"/>
    </row>
    <row r="124798" spans="14:14">
      <c r="N124798" s="10"/>
    </row>
    <row r="124799" spans="14:14">
      <c r="N124799" s="10"/>
    </row>
    <row r="124800" spans="14:14">
      <c r="N124800" s="10"/>
    </row>
    <row r="124801" spans="14:14">
      <c r="N124801" s="10"/>
    </row>
    <row r="124802" spans="14:14">
      <c r="N124802" s="10"/>
    </row>
    <row r="124803" spans="14:14">
      <c r="N124803" s="10"/>
    </row>
    <row r="124804" spans="14:14">
      <c r="N124804" s="10"/>
    </row>
    <row r="124805" spans="14:14">
      <c r="N124805" s="10"/>
    </row>
    <row r="124806" spans="14:14">
      <c r="N124806" s="10"/>
    </row>
    <row r="124807" spans="14:14">
      <c r="N124807" s="10"/>
    </row>
    <row r="124808" spans="14:14">
      <c r="N124808" s="10"/>
    </row>
    <row r="124809" spans="14:14">
      <c r="N124809" s="10"/>
    </row>
    <row r="124810" spans="14:14">
      <c r="N124810" s="10"/>
    </row>
    <row r="124811" spans="14:14">
      <c r="N124811" s="10"/>
    </row>
    <row r="124812" spans="14:14">
      <c r="N124812" s="10"/>
    </row>
    <row r="124813" spans="14:14">
      <c r="N124813" s="10"/>
    </row>
    <row r="124814" spans="14:14">
      <c r="N124814" s="10"/>
    </row>
    <row r="124815" spans="14:14">
      <c r="N124815" s="10"/>
    </row>
    <row r="124816" spans="14:14">
      <c r="N124816" s="10"/>
    </row>
    <row r="124817" spans="14:14">
      <c r="N124817" s="10"/>
    </row>
    <row r="124818" spans="14:14">
      <c r="N124818" s="10"/>
    </row>
    <row r="124819" spans="14:14">
      <c r="N124819" s="10"/>
    </row>
    <row r="124820" spans="14:14">
      <c r="N124820" s="10"/>
    </row>
    <row r="124821" spans="14:14">
      <c r="N124821" s="10"/>
    </row>
    <row r="124822" spans="14:14">
      <c r="N124822" s="10"/>
    </row>
    <row r="124823" spans="14:14">
      <c r="N124823" s="10"/>
    </row>
    <row r="124824" spans="14:14">
      <c r="N124824" s="10"/>
    </row>
    <row r="124825" spans="14:14">
      <c r="N124825" s="10"/>
    </row>
    <row r="124826" spans="14:14">
      <c r="N124826" s="10"/>
    </row>
    <row r="124827" spans="14:14">
      <c r="N124827" s="10"/>
    </row>
    <row r="124828" spans="14:14">
      <c r="N124828" s="10"/>
    </row>
    <row r="124829" spans="14:14">
      <c r="N124829" s="10"/>
    </row>
    <row r="124830" spans="14:14">
      <c r="N124830" s="10"/>
    </row>
    <row r="124831" spans="14:14">
      <c r="N124831" s="10"/>
    </row>
    <row r="124832" spans="14:14">
      <c r="N124832" s="10"/>
    </row>
    <row r="124833" spans="14:14">
      <c r="N124833" s="10"/>
    </row>
    <row r="124834" spans="14:14">
      <c r="N124834" s="10"/>
    </row>
    <row r="124835" spans="14:14">
      <c r="N124835" s="10"/>
    </row>
    <row r="124836" spans="14:14">
      <c r="N124836" s="10"/>
    </row>
    <row r="124837" spans="14:14">
      <c r="N124837" s="10"/>
    </row>
    <row r="124838" spans="14:14">
      <c r="N124838" s="10"/>
    </row>
    <row r="124839" spans="14:14">
      <c r="N124839" s="10"/>
    </row>
    <row r="124840" spans="14:14">
      <c r="N124840" s="10"/>
    </row>
    <row r="124841" spans="14:14">
      <c r="N124841" s="10"/>
    </row>
    <row r="124842" spans="14:14">
      <c r="N124842" s="10"/>
    </row>
    <row r="124843" spans="14:14">
      <c r="N124843" s="10"/>
    </row>
    <row r="124844" spans="14:14">
      <c r="N124844" s="10"/>
    </row>
    <row r="124845" spans="14:14">
      <c r="N124845" s="10"/>
    </row>
    <row r="124846" spans="14:14">
      <c r="N124846" s="10"/>
    </row>
    <row r="124847" spans="14:14">
      <c r="N124847" s="10"/>
    </row>
    <row r="124848" spans="14:14">
      <c r="N124848" s="10"/>
    </row>
    <row r="124849" spans="14:14">
      <c r="N124849" s="10"/>
    </row>
    <row r="124850" spans="14:14">
      <c r="N124850" s="10"/>
    </row>
    <row r="124851" spans="14:14">
      <c r="N124851" s="10"/>
    </row>
    <row r="124852" spans="14:14">
      <c r="N124852" s="10"/>
    </row>
    <row r="124853" spans="14:14">
      <c r="N124853" s="10"/>
    </row>
    <row r="124854" spans="14:14">
      <c r="N124854" s="10"/>
    </row>
    <row r="124855" spans="14:14">
      <c r="N124855" s="10"/>
    </row>
    <row r="124856" spans="14:14">
      <c r="N124856" s="10"/>
    </row>
    <row r="124857" spans="14:14">
      <c r="N124857" s="10"/>
    </row>
    <row r="124858" spans="14:14">
      <c r="N124858" s="10"/>
    </row>
    <row r="124859" spans="14:14">
      <c r="N124859" s="10"/>
    </row>
    <row r="124860" spans="14:14">
      <c r="N124860" s="10"/>
    </row>
    <row r="124861" spans="14:14">
      <c r="N124861" s="10"/>
    </row>
    <row r="124862" spans="14:14">
      <c r="N124862" s="10"/>
    </row>
    <row r="124863" spans="14:14">
      <c r="N124863" s="10"/>
    </row>
    <row r="124864" spans="14:14">
      <c r="N124864" s="10"/>
    </row>
    <row r="124865" spans="14:14">
      <c r="N124865" s="10"/>
    </row>
    <row r="124866" spans="14:14">
      <c r="N124866" s="10"/>
    </row>
    <row r="124867" spans="14:14">
      <c r="N124867" s="10"/>
    </row>
    <row r="124868" spans="14:14">
      <c r="N124868" s="10"/>
    </row>
    <row r="124869" spans="14:14">
      <c r="N124869" s="10"/>
    </row>
    <row r="124870" spans="14:14">
      <c r="N124870" s="10"/>
    </row>
    <row r="124871" spans="14:14">
      <c r="N124871" s="10"/>
    </row>
    <row r="124872" spans="14:14">
      <c r="N124872" s="10"/>
    </row>
    <row r="124873" spans="14:14">
      <c r="N124873" s="10"/>
    </row>
    <row r="124874" spans="14:14">
      <c r="N124874" s="10"/>
    </row>
    <row r="124875" spans="14:14">
      <c r="N124875" s="10"/>
    </row>
    <row r="124876" spans="14:14">
      <c r="N124876" s="10"/>
    </row>
    <row r="124877" spans="14:14">
      <c r="N124877" s="10"/>
    </row>
    <row r="124878" spans="14:14">
      <c r="N124878" s="10"/>
    </row>
    <row r="124879" spans="14:14">
      <c r="N124879" s="10"/>
    </row>
    <row r="124880" spans="14:14">
      <c r="N124880" s="10"/>
    </row>
    <row r="124881" spans="14:14">
      <c r="N124881" s="10"/>
    </row>
    <row r="124882" spans="14:14">
      <c r="N124882" s="10"/>
    </row>
    <row r="124883" spans="14:14">
      <c r="N124883" s="10"/>
    </row>
    <row r="124884" spans="14:14">
      <c r="N124884" s="10"/>
    </row>
    <row r="124885" spans="14:14">
      <c r="N124885" s="10"/>
    </row>
    <row r="124886" spans="14:14">
      <c r="N124886" s="10"/>
    </row>
    <row r="124887" spans="14:14">
      <c r="N124887" s="10"/>
    </row>
    <row r="124888" spans="14:14">
      <c r="N124888" s="10"/>
    </row>
    <row r="124889" spans="14:14">
      <c r="N124889" s="10"/>
    </row>
    <row r="124890" spans="14:14">
      <c r="N124890" s="10"/>
    </row>
    <row r="124891" spans="14:14">
      <c r="N124891" s="10"/>
    </row>
    <row r="124892" spans="14:14">
      <c r="N124892" s="10"/>
    </row>
    <row r="124893" spans="14:14">
      <c r="N124893" s="10"/>
    </row>
    <row r="124894" spans="14:14">
      <c r="N124894" s="10"/>
    </row>
    <row r="124895" spans="14:14">
      <c r="N124895" s="10"/>
    </row>
    <row r="124896" spans="14:14">
      <c r="N124896" s="10"/>
    </row>
    <row r="124897" spans="14:14">
      <c r="N124897" s="10"/>
    </row>
    <row r="124898" spans="14:14">
      <c r="N124898" s="10"/>
    </row>
    <row r="124899" spans="14:14">
      <c r="N124899" s="10"/>
    </row>
    <row r="124900" spans="14:14">
      <c r="N124900" s="10"/>
    </row>
    <row r="124901" spans="14:14">
      <c r="N124901" s="10"/>
    </row>
    <row r="124902" spans="14:14">
      <c r="N124902" s="10"/>
    </row>
    <row r="124903" spans="14:14">
      <c r="N124903" s="10"/>
    </row>
    <row r="124904" spans="14:14">
      <c r="N124904" s="10"/>
    </row>
    <row r="124905" spans="14:14">
      <c r="N124905" s="10"/>
    </row>
    <row r="124906" spans="14:14">
      <c r="N124906" s="10"/>
    </row>
    <row r="124907" spans="14:14">
      <c r="N124907" s="10"/>
    </row>
    <row r="124908" spans="14:14">
      <c r="N124908" s="10"/>
    </row>
    <row r="124909" spans="14:14">
      <c r="N124909" s="10"/>
    </row>
    <row r="124910" spans="14:14">
      <c r="N124910" s="10"/>
    </row>
    <row r="124911" spans="14:14">
      <c r="N124911" s="10"/>
    </row>
    <row r="124912" spans="14:14">
      <c r="N124912" s="10"/>
    </row>
    <row r="124913" spans="14:14">
      <c r="N124913" s="10"/>
    </row>
    <row r="124914" spans="14:14">
      <c r="N124914" s="10"/>
    </row>
    <row r="124915" spans="14:14">
      <c r="N124915" s="10"/>
    </row>
    <row r="124916" spans="14:14">
      <c r="N124916" s="10"/>
    </row>
    <row r="124917" spans="14:14">
      <c r="N124917" s="10"/>
    </row>
    <row r="124918" spans="14:14">
      <c r="N124918" s="10"/>
    </row>
    <row r="124919" spans="14:14">
      <c r="N124919" s="10"/>
    </row>
    <row r="124920" spans="14:14">
      <c r="N124920" s="10"/>
    </row>
    <row r="124921" spans="14:14">
      <c r="N124921" s="10"/>
    </row>
    <row r="124922" spans="14:14">
      <c r="N124922" s="10"/>
    </row>
    <row r="124923" spans="14:14">
      <c r="N124923" s="10"/>
    </row>
    <row r="124924" spans="14:14">
      <c r="N124924" s="10"/>
    </row>
    <row r="124925" spans="14:14">
      <c r="N124925" s="10"/>
    </row>
    <row r="124926" spans="14:14">
      <c r="N124926" s="10"/>
    </row>
    <row r="124927" spans="14:14">
      <c r="N124927" s="10"/>
    </row>
    <row r="124928" spans="14:14">
      <c r="N124928" s="10"/>
    </row>
    <row r="124929" spans="14:14">
      <c r="N124929" s="10"/>
    </row>
    <row r="124930" spans="14:14">
      <c r="N124930" s="10"/>
    </row>
    <row r="124931" spans="14:14">
      <c r="N124931" s="10"/>
    </row>
    <row r="124932" spans="14:14">
      <c r="N124932" s="10"/>
    </row>
    <row r="124933" spans="14:14">
      <c r="N124933" s="10"/>
    </row>
    <row r="124934" spans="14:14">
      <c r="N124934" s="10"/>
    </row>
    <row r="124935" spans="14:14">
      <c r="N124935" s="10"/>
    </row>
    <row r="124936" spans="14:14">
      <c r="N124936" s="10"/>
    </row>
    <row r="124937" spans="14:14">
      <c r="N124937" s="10"/>
    </row>
    <row r="124938" spans="14:14">
      <c r="N124938" s="10"/>
    </row>
    <row r="124939" spans="14:14">
      <c r="N124939" s="10"/>
    </row>
    <row r="124940" spans="14:14">
      <c r="N124940" s="10"/>
    </row>
    <row r="124941" spans="14:14">
      <c r="N124941" s="10"/>
    </row>
    <row r="124942" spans="14:14">
      <c r="N124942" s="10"/>
    </row>
    <row r="124943" spans="14:14">
      <c r="N124943" s="10"/>
    </row>
    <row r="124944" spans="14:14">
      <c r="N124944" s="10"/>
    </row>
    <row r="124945" spans="14:14">
      <c r="N124945" s="10"/>
    </row>
    <row r="124946" spans="14:14">
      <c r="N124946" s="10"/>
    </row>
    <row r="124947" spans="14:14">
      <c r="N124947" s="10"/>
    </row>
    <row r="124948" spans="14:14">
      <c r="N124948" s="10"/>
    </row>
    <row r="124949" spans="14:14">
      <c r="N124949" s="10"/>
    </row>
    <row r="124950" spans="14:14">
      <c r="N124950" s="10"/>
    </row>
    <row r="124951" spans="14:14">
      <c r="N124951" s="10"/>
    </row>
    <row r="124952" spans="14:14">
      <c r="N124952" s="10"/>
    </row>
    <row r="124953" spans="14:14">
      <c r="N124953" s="10"/>
    </row>
    <row r="124954" spans="14:14">
      <c r="N124954" s="10"/>
    </row>
    <row r="124955" spans="14:14">
      <c r="N124955" s="10"/>
    </row>
    <row r="124956" spans="14:14">
      <c r="N124956" s="10"/>
    </row>
    <row r="124957" spans="14:14">
      <c r="N124957" s="10"/>
    </row>
    <row r="124958" spans="14:14">
      <c r="N124958" s="10"/>
    </row>
    <row r="124959" spans="14:14">
      <c r="N124959" s="10"/>
    </row>
    <row r="124960" spans="14:14">
      <c r="N124960" s="10"/>
    </row>
    <row r="124961" spans="14:14">
      <c r="N124961" s="10"/>
    </row>
    <row r="124962" spans="14:14">
      <c r="N124962" s="10"/>
    </row>
    <row r="124963" spans="14:14">
      <c r="N124963" s="10"/>
    </row>
    <row r="124964" spans="14:14">
      <c r="N124964" s="10"/>
    </row>
    <row r="124965" spans="14:14">
      <c r="N124965" s="10"/>
    </row>
    <row r="124966" spans="14:14">
      <c r="N124966" s="10"/>
    </row>
    <row r="124967" spans="14:14">
      <c r="N124967" s="10"/>
    </row>
    <row r="124968" spans="14:14">
      <c r="N124968" s="10"/>
    </row>
    <row r="124969" spans="14:14">
      <c r="N124969" s="10"/>
    </row>
    <row r="124970" spans="14:14">
      <c r="N124970" s="10"/>
    </row>
    <row r="124971" spans="14:14">
      <c r="N124971" s="10"/>
    </row>
    <row r="124972" spans="14:14">
      <c r="N124972" s="10"/>
    </row>
    <row r="124973" spans="14:14">
      <c r="N124973" s="10"/>
    </row>
    <row r="124974" spans="14:14">
      <c r="N124974" s="10"/>
    </row>
    <row r="124975" spans="14:14">
      <c r="N124975" s="10"/>
    </row>
    <row r="124976" spans="14:14">
      <c r="N124976" s="10"/>
    </row>
    <row r="124977" spans="14:14">
      <c r="N124977" s="10"/>
    </row>
    <row r="124978" spans="14:14">
      <c r="N124978" s="10"/>
    </row>
    <row r="124979" spans="14:14">
      <c r="N124979" s="10"/>
    </row>
    <row r="124980" spans="14:14">
      <c r="N124980" s="10"/>
    </row>
    <row r="124981" spans="14:14">
      <c r="N124981" s="10"/>
    </row>
    <row r="124982" spans="14:14">
      <c r="N124982" s="10"/>
    </row>
    <row r="124983" spans="14:14">
      <c r="N124983" s="10"/>
    </row>
    <row r="124984" spans="14:14">
      <c r="N124984" s="10"/>
    </row>
    <row r="124985" spans="14:14">
      <c r="N124985" s="10"/>
    </row>
    <row r="124986" spans="14:14">
      <c r="N124986" s="10"/>
    </row>
    <row r="124987" spans="14:14">
      <c r="N124987" s="10"/>
    </row>
    <row r="124988" spans="14:14">
      <c r="N124988" s="10"/>
    </row>
    <row r="124989" spans="14:14">
      <c r="N124989" s="10"/>
    </row>
    <row r="124990" spans="14:14">
      <c r="N124990" s="10"/>
    </row>
    <row r="124991" spans="14:14">
      <c r="N124991" s="10"/>
    </row>
    <row r="124992" spans="14:14">
      <c r="N124992" s="10"/>
    </row>
    <row r="124993" spans="14:14">
      <c r="N124993" s="10"/>
    </row>
    <row r="124994" spans="14:14">
      <c r="N124994" s="10"/>
    </row>
    <row r="124995" spans="14:14">
      <c r="N124995" s="10"/>
    </row>
    <row r="124996" spans="14:14">
      <c r="N124996" s="10"/>
    </row>
    <row r="124997" spans="14:14">
      <c r="N124997" s="10"/>
    </row>
    <row r="124998" spans="14:14">
      <c r="N124998" s="10"/>
    </row>
    <row r="124999" spans="14:14">
      <c r="N124999" s="10"/>
    </row>
    <row r="125000" spans="14:14">
      <c r="N125000" s="10"/>
    </row>
    <row r="125001" spans="14:14">
      <c r="N125001" s="10"/>
    </row>
    <row r="125002" spans="14:14">
      <c r="N125002" s="10"/>
    </row>
    <row r="125003" spans="14:14">
      <c r="N125003" s="10"/>
    </row>
    <row r="125004" spans="14:14">
      <c r="N125004" s="10"/>
    </row>
    <row r="125005" spans="14:14">
      <c r="N125005" s="10"/>
    </row>
    <row r="125006" spans="14:14">
      <c r="N125006" s="10"/>
    </row>
    <row r="125007" spans="14:14">
      <c r="N125007" s="10"/>
    </row>
    <row r="125008" spans="14:14">
      <c r="N125008" s="10"/>
    </row>
    <row r="125009" spans="14:14">
      <c r="N125009" s="10"/>
    </row>
    <row r="125010" spans="14:14">
      <c r="N125010" s="10"/>
    </row>
    <row r="125011" spans="14:14">
      <c r="N125011" s="10"/>
    </row>
    <row r="125012" spans="14:14">
      <c r="N125012" s="10"/>
    </row>
    <row r="125013" spans="14:14">
      <c r="N125013" s="10"/>
    </row>
    <row r="125014" spans="14:14">
      <c r="N125014" s="10"/>
    </row>
    <row r="125015" spans="14:14">
      <c r="N125015" s="10"/>
    </row>
    <row r="125016" spans="14:14">
      <c r="N125016" s="10"/>
    </row>
    <row r="125017" spans="14:14">
      <c r="N125017" s="10"/>
    </row>
    <row r="125018" spans="14:14">
      <c r="N125018" s="10"/>
    </row>
    <row r="125019" spans="14:14">
      <c r="N125019" s="10"/>
    </row>
    <row r="125020" spans="14:14">
      <c r="N125020" s="10"/>
    </row>
    <row r="125021" spans="14:14">
      <c r="N125021" s="10"/>
    </row>
    <row r="125022" spans="14:14">
      <c r="N125022" s="10"/>
    </row>
    <row r="125023" spans="14:14">
      <c r="N125023" s="10"/>
    </row>
    <row r="125024" spans="14:14">
      <c r="N125024" s="10"/>
    </row>
    <row r="125025" spans="14:14">
      <c r="N125025" s="10"/>
    </row>
    <row r="125026" spans="14:14">
      <c r="N125026" s="10"/>
    </row>
    <row r="125027" spans="14:14">
      <c r="N125027" s="10"/>
    </row>
    <row r="125028" spans="14:14">
      <c r="N125028" s="10"/>
    </row>
    <row r="125029" spans="14:14">
      <c r="N125029" s="10"/>
    </row>
    <row r="125030" spans="14:14">
      <c r="N125030" s="10"/>
    </row>
    <row r="125031" spans="14:14">
      <c r="N125031" s="10"/>
    </row>
    <row r="125032" spans="14:14">
      <c r="N125032" s="10"/>
    </row>
    <row r="125033" spans="14:14">
      <c r="N125033" s="10"/>
    </row>
    <row r="125034" spans="14:14">
      <c r="N125034" s="10"/>
    </row>
    <row r="125035" spans="14:14">
      <c r="N125035" s="10"/>
    </row>
    <row r="125036" spans="14:14">
      <c r="N125036" s="10"/>
    </row>
    <row r="125037" spans="14:14">
      <c r="N125037" s="10"/>
    </row>
    <row r="125038" spans="14:14">
      <c r="N125038" s="10"/>
    </row>
    <row r="125039" spans="14:14">
      <c r="N125039" s="10"/>
    </row>
    <row r="125040" spans="14:14">
      <c r="N125040" s="10"/>
    </row>
    <row r="125041" spans="14:14">
      <c r="N125041" s="10"/>
    </row>
    <row r="125042" spans="14:14">
      <c r="N125042" s="10"/>
    </row>
    <row r="125043" spans="14:14">
      <c r="N125043" s="10"/>
    </row>
    <row r="125044" spans="14:14">
      <c r="N125044" s="10"/>
    </row>
    <row r="125045" spans="14:14">
      <c r="N125045" s="10"/>
    </row>
    <row r="125046" spans="14:14">
      <c r="N125046" s="10"/>
    </row>
    <row r="125047" spans="14:14">
      <c r="N125047" s="10"/>
    </row>
    <row r="125048" spans="14:14">
      <c r="N125048" s="10"/>
    </row>
    <row r="125049" spans="14:14">
      <c r="N125049" s="10"/>
    </row>
    <row r="125050" spans="14:14">
      <c r="N125050" s="10"/>
    </row>
    <row r="125051" spans="14:14">
      <c r="N125051" s="10"/>
    </row>
    <row r="125052" spans="14:14">
      <c r="N125052" s="10"/>
    </row>
    <row r="125053" spans="14:14">
      <c r="N125053" s="10"/>
    </row>
    <row r="125054" spans="14:14">
      <c r="N125054" s="10"/>
    </row>
    <row r="125055" spans="14:14">
      <c r="N125055" s="10"/>
    </row>
    <row r="125056" spans="14:14">
      <c r="N125056" s="10"/>
    </row>
    <row r="125057" spans="14:14">
      <c r="N125057" s="10"/>
    </row>
    <row r="125058" spans="14:14">
      <c r="N125058" s="10"/>
    </row>
    <row r="125059" spans="14:14">
      <c r="N125059" s="10"/>
    </row>
    <row r="125060" spans="14:14">
      <c r="N125060" s="10"/>
    </row>
    <row r="125061" spans="14:14">
      <c r="N125061" s="10"/>
    </row>
    <row r="125062" spans="14:14">
      <c r="N125062" s="10"/>
    </row>
    <row r="125063" spans="14:14">
      <c r="N125063" s="10"/>
    </row>
    <row r="125064" spans="14:14">
      <c r="N125064" s="10"/>
    </row>
    <row r="125065" spans="14:14">
      <c r="N125065" s="10"/>
    </row>
    <row r="125066" spans="14:14">
      <c r="N125066" s="10"/>
    </row>
    <row r="125067" spans="14:14">
      <c r="N125067" s="10"/>
    </row>
    <row r="125068" spans="14:14">
      <c r="N125068" s="10"/>
    </row>
    <row r="125069" spans="14:14">
      <c r="N125069" s="10"/>
    </row>
    <row r="125070" spans="14:14">
      <c r="N125070" s="10"/>
    </row>
    <row r="125071" spans="14:14">
      <c r="N125071" s="10"/>
    </row>
    <row r="125072" spans="14:14">
      <c r="N125072" s="10"/>
    </row>
    <row r="125073" spans="14:14">
      <c r="N125073" s="10"/>
    </row>
    <row r="125074" spans="14:14">
      <c r="N125074" s="10"/>
    </row>
    <row r="125075" spans="14:14">
      <c r="N125075" s="10"/>
    </row>
    <row r="125076" spans="14:14">
      <c r="N125076" s="10"/>
    </row>
    <row r="125077" spans="14:14">
      <c r="N125077" s="10"/>
    </row>
    <row r="125078" spans="14:14">
      <c r="N125078" s="10"/>
    </row>
    <row r="125079" spans="14:14">
      <c r="N125079" s="10"/>
    </row>
    <row r="125080" spans="14:14">
      <c r="N125080" s="10"/>
    </row>
    <row r="125081" spans="14:14">
      <c r="N125081" s="10"/>
    </row>
    <row r="125082" spans="14:14">
      <c r="N125082" s="10"/>
    </row>
    <row r="125083" spans="14:14">
      <c r="N125083" s="10"/>
    </row>
    <row r="125084" spans="14:14">
      <c r="N125084" s="10"/>
    </row>
    <row r="125085" spans="14:14">
      <c r="N125085" s="10"/>
    </row>
    <row r="125086" spans="14:14">
      <c r="N125086" s="10"/>
    </row>
    <row r="125087" spans="14:14">
      <c r="N125087" s="10"/>
    </row>
    <row r="125088" spans="14:14">
      <c r="N125088" s="10"/>
    </row>
    <row r="125089" spans="14:14">
      <c r="N125089" s="10"/>
    </row>
    <row r="125090" spans="14:14">
      <c r="N125090" s="10"/>
    </row>
    <row r="125091" spans="14:14">
      <c r="N125091" s="10"/>
    </row>
    <row r="125092" spans="14:14">
      <c r="N125092" s="10"/>
    </row>
    <row r="125093" spans="14:14">
      <c r="N125093" s="10"/>
    </row>
    <row r="125094" spans="14:14">
      <c r="N125094" s="10"/>
    </row>
    <row r="125095" spans="14:14">
      <c r="N125095" s="10"/>
    </row>
    <row r="125096" spans="14:14">
      <c r="N125096" s="10"/>
    </row>
    <row r="125097" spans="14:14">
      <c r="N125097" s="10"/>
    </row>
    <row r="125098" spans="14:14">
      <c r="N125098" s="10"/>
    </row>
    <row r="125099" spans="14:14">
      <c r="N125099" s="10"/>
    </row>
    <row r="125100" spans="14:14">
      <c r="N125100" s="10"/>
    </row>
    <row r="125101" spans="14:14">
      <c r="N125101" s="10"/>
    </row>
    <row r="125102" spans="14:14">
      <c r="N125102" s="10"/>
    </row>
    <row r="125103" spans="14:14">
      <c r="N125103" s="10"/>
    </row>
    <row r="125104" spans="14:14">
      <c r="N125104" s="10"/>
    </row>
    <row r="125105" spans="14:14">
      <c r="N125105" s="10"/>
    </row>
    <row r="125106" spans="14:14">
      <c r="N125106" s="10"/>
    </row>
    <row r="125107" spans="14:14">
      <c r="N125107" s="10"/>
    </row>
    <row r="125108" spans="14:14">
      <c r="N125108" s="10"/>
    </row>
    <row r="125109" spans="14:14">
      <c r="N125109" s="10"/>
    </row>
    <row r="125110" spans="14:14">
      <c r="N125110" s="10"/>
    </row>
    <row r="125111" spans="14:14">
      <c r="N125111" s="10"/>
    </row>
    <row r="125112" spans="14:14">
      <c r="N125112" s="10"/>
    </row>
    <row r="125113" spans="14:14">
      <c r="N125113" s="10"/>
    </row>
    <row r="125114" spans="14:14">
      <c r="N125114" s="10"/>
    </row>
    <row r="125115" spans="14:14">
      <c r="N125115" s="10"/>
    </row>
    <row r="125116" spans="14:14">
      <c r="N125116" s="10"/>
    </row>
    <row r="125117" spans="14:14">
      <c r="N125117" s="10"/>
    </row>
    <row r="125118" spans="14:14">
      <c r="N125118" s="10"/>
    </row>
    <row r="125119" spans="14:14">
      <c r="N125119" s="10"/>
    </row>
    <row r="125120" spans="14:14">
      <c r="N125120" s="10"/>
    </row>
    <row r="125121" spans="14:14">
      <c r="N125121" s="10"/>
    </row>
    <row r="125122" spans="14:14">
      <c r="N125122" s="10"/>
    </row>
    <row r="125123" spans="14:14">
      <c r="N125123" s="10"/>
    </row>
    <row r="125124" spans="14:14">
      <c r="N125124" s="10"/>
    </row>
    <row r="125125" spans="14:14">
      <c r="N125125" s="10"/>
    </row>
    <row r="125126" spans="14:14">
      <c r="N125126" s="10"/>
    </row>
    <row r="125127" spans="14:14">
      <c r="N125127" s="10"/>
    </row>
    <row r="125128" spans="14:14">
      <c r="N125128" s="10"/>
    </row>
    <row r="125129" spans="14:14">
      <c r="N125129" s="10"/>
    </row>
    <row r="125130" spans="14:14">
      <c r="N125130" s="10"/>
    </row>
    <row r="125131" spans="14:14">
      <c r="N125131" s="10"/>
    </row>
    <row r="125132" spans="14:14">
      <c r="N125132" s="10"/>
    </row>
    <row r="125133" spans="14:14">
      <c r="N125133" s="10"/>
    </row>
    <row r="125134" spans="14:14">
      <c r="N125134" s="10"/>
    </row>
    <row r="125135" spans="14:14">
      <c r="N125135" s="10"/>
    </row>
    <row r="125136" spans="14:14">
      <c r="N125136" s="10"/>
    </row>
    <row r="125137" spans="14:14">
      <c r="N125137" s="10"/>
    </row>
    <row r="125138" spans="14:14">
      <c r="N125138" s="10"/>
    </row>
    <row r="125139" spans="14:14">
      <c r="N125139" s="10"/>
    </row>
    <row r="125140" spans="14:14">
      <c r="N125140" s="10"/>
    </row>
    <row r="125141" spans="14:14">
      <c r="N125141" s="10"/>
    </row>
    <row r="125142" spans="14:14">
      <c r="N125142" s="10"/>
    </row>
    <row r="125143" spans="14:14">
      <c r="N125143" s="10"/>
    </row>
    <row r="125144" spans="14:14">
      <c r="N125144" s="10"/>
    </row>
    <row r="125145" spans="14:14">
      <c r="N125145" s="10"/>
    </row>
    <row r="125146" spans="14:14">
      <c r="N125146" s="10"/>
    </row>
    <row r="125147" spans="14:14">
      <c r="N125147" s="10"/>
    </row>
    <row r="125148" spans="14:14">
      <c r="N125148" s="10"/>
    </row>
    <row r="125149" spans="14:14">
      <c r="N125149" s="10"/>
    </row>
    <row r="125150" spans="14:14">
      <c r="N125150" s="10"/>
    </row>
    <row r="125151" spans="14:14">
      <c r="N125151" s="10"/>
    </row>
    <row r="125152" spans="14:14">
      <c r="N125152" s="10"/>
    </row>
    <row r="125153" spans="14:14">
      <c r="N125153" s="10"/>
    </row>
    <row r="125154" spans="14:14">
      <c r="N125154" s="10"/>
    </row>
    <row r="125155" spans="14:14">
      <c r="N125155" s="10"/>
    </row>
    <row r="125156" spans="14:14">
      <c r="N125156" s="10"/>
    </row>
    <row r="125157" spans="14:14">
      <c r="N125157" s="10"/>
    </row>
    <row r="125158" spans="14:14">
      <c r="N125158" s="10"/>
    </row>
    <row r="125159" spans="14:14">
      <c r="N125159" s="10"/>
    </row>
    <row r="125160" spans="14:14">
      <c r="N125160" s="10"/>
    </row>
    <row r="125161" spans="14:14">
      <c r="N125161" s="10"/>
    </row>
    <row r="125162" spans="14:14">
      <c r="N125162" s="10"/>
    </row>
    <row r="125163" spans="14:14">
      <c r="N125163" s="10"/>
    </row>
    <row r="125164" spans="14:14">
      <c r="N125164" s="10"/>
    </row>
    <row r="125165" spans="14:14">
      <c r="N125165" s="10"/>
    </row>
    <row r="125166" spans="14:14">
      <c r="N125166" s="10"/>
    </row>
    <row r="125167" spans="14:14">
      <c r="N125167" s="10"/>
    </row>
    <row r="125168" spans="14:14">
      <c r="N125168" s="10"/>
    </row>
    <row r="125169" spans="14:14">
      <c r="N125169" s="10"/>
    </row>
    <row r="125170" spans="14:14">
      <c r="N125170" s="10"/>
    </row>
    <row r="125171" spans="14:14">
      <c r="N125171" s="10"/>
    </row>
    <row r="125172" spans="14:14">
      <c r="N125172" s="10"/>
    </row>
    <row r="125173" spans="14:14">
      <c r="N125173" s="10"/>
    </row>
    <row r="125174" spans="14:14">
      <c r="N125174" s="10"/>
    </row>
    <row r="125175" spans="14:14">
      <c r="N125175" s="10"/>
    </row>
    <row r="125176" spans="14:14">
      <c r="N125176" s="10"/>
    </row>
    <row r="125177" spans="14:14">
      <c r="N125177" s="10"/>
    </row>
    <row r="125178" spans="14:14">
      <c r="N125178" s="10"/>
    </row>
    <row r="125179" spans="14:14">
      <c r="N125179" s="10"/>
    </row>
    <row r="125180" spans="14:14">
      <c r="N125180" s="10"/>
    </row>
    <row r="125181" spans="14:14">
      <c r="N125181" s="10"/>
    </row>
    <row r="125182" spans="14:14">
      <c r="N125182" s="10"/>
    </row>
    <row r="125183" spans="14:14">
      <c r="N125183" s="10"/>
    </row>
    <row r="125184" spans="14:14">
      <c r="N125184" s="10"/>
    </row>
    <row r="125185" spans="14:14">
      <c r="N125185" s="10"/>
    </row>
    <row r="125186" spans="14:14">
      <c r="N125186" s="10"/>
    </row>
    <row r="125187" spans="14:14">
      <c r="N125187" s="10"/>
    </row>
    <row r="125188" spans="14:14">
      <c r="N125188" s="10"/>
    </row>
    <row r="125189" spans="14:14">
      <c r="N125189" s="10"/>
    </row>
    <row r="125190" spans="14:14">
      <c r="N125190" s="10"/>
    </row>
    <row r="125191" spans="14:14">
      <c r="N125191" s="10"/>
    </row>
    <row r="125192" spans="14:14">
      <c r="N125192" s="10"/>
    </row>
    <row r="125193" spans="14:14">
      <c r="N125193" s="10"/>
    </row>
    <row r="125194" spans="14:14">
      <c r="N125194" s="10"/>
    </row>
    <row r="125195" spans="14:14">
      <c r="N125195" s="10"/>
    </row>
    <row r="125196" spans="14:14">
      <c r="N125196" s="10"/>
    </row>
    <row r="125197" spans="14:14">
      <c r="N125197" s="10"/>
    </row>
    <row r="125198" spans="14:14">
      <c r="N125198" s="10"/>
    </row>
    <row r="125199" spans="14:14">
      <c r="N125199" s="10"/>
    </row>
    <row r="125200" spans="14:14">
      <c r="N125200" s="10"/>
    </row>
    <row r="125201" spans="14:14">
      <c r="N125201" s="10"/>
    </row>
    <row r="125202" spans="14:14">
      <c r="N125202" s="10"/>
    </row>
    <row r="125203" spans="14:14">
      <c r="N125203" s="10"/>
    </row>
    <row r="125204" spans="14:14">
      <c r="N125204" s="10"/>
    </row>
    <row r="125205" spans="14:14">
      <c r="N125205" s="10"/>
    </row>
    <row r="125206" spans="14:14">
      <c r="N125206" s="10"/>
    </row>
    <row r="125207" spans="14:14">
      <c r="N125207" s="10"/>
    </row>
    <row r="125208" spans="14:14">
      <c r="N125208" s="10"/>
    </row>
    <row r="125209" spans="14:14">
      <c r="N125209" s="10"/>
    </row>
    <row r="125210" spans="14:14">
      <c r="N125210" s="10"/>
    </row>
    <row r="125211" spans="14:14">
      <c r="N125211" s="10"/>
    </row>
    <row r="125212" spans="14:14">
      <c r="N125212" s="10"/>
    </row>
    <row r="125213" spans="14:14">
      <c r="N125213" s="10"/>
    </row>
    <row r="125214" spans="14:14">
      <c r="N125214" s="10"/>
    </row>
    <row r="125215" spans="14:14">
      <c r="N125215" s="10"/>
    </row>
    <row r="125216" spans="14:14">
      <c r="N125216" s="10"/>
    </row>
    <row r="125217" spans="14:14">
      <c r="N125217" s="10"/>
    </row>
    <row r="125218" spans="14:14">
      <c r="N125218" s="10"/>
    </row>
    <row r="125219" spans="14:14">
      <c r="N125219" s="10"/>
    </row>
    <row r="125220" spans="14:14">
      <c r="N125220" s="10"/>
    </row>
    <row r="125221" spans="14:14">
      <c r="N125221" s="10"/>
    </row>
    <row r="125222" spans="14:14">
      <c r="N125222" s="10"/>
    </row>
    <row r="125223" spans="14:14">
      <c r="N125223" s="10"/>
    </row>
    <row r="125224" spans="14:14">
      <c r="N125224" s="10"/>
    </row>
    <row r="125225" spans="14:14">
      <c r="N125225" s="10"/>
    </row>
    <row r="125226" spans="14:14">
      <c r="N125226" s="10"/>
    </row>
    <row r="125227" spans="14:14">
      <c r="N125227" s="10"/>
    </row>
    <row r="125228" spans="14:14">
      <c r="N125228" s="10"/>
    </row>
    <row r="125229" spans="14:14">
      <c r="N125229" s="10"/>
    </row>
    <row r="125230" spans="14:14">
      <c r="N125230" s="10"/>
    </row>
    <row r="125231" spans="14:14">
      <c r="N125231" s="10"/>
    </row>
    <row r="125232" spans="14:14">
      <c r="N125232" s="10"/>
    </row>
    <row r="125233" spans="14:14">
      <c r="N125233" s="10"/>
    </row>
    <row r="125234" spans="14:14">
      <c r="N125234" s="10"/>
    </row>
    <row r="125235" spans="14:14">
      <c r="N125235" s="10"/>
    </row>
    <row r="125236" spans="14:14">
      <c r="N125236" s="10"/>
    </row>
    <row r="125237" spans="14:14">
      <c r="N125237" s="10"/>
    </row>
    <row r="125238" spans="14:14">
      <c r="N125238" s="10"/>
    </row>
    <row r="125239" spans="14:14">
      <c r="N125239" s="10"/>
    </row>
    <row r="125240" spans="14:14">
      <c r="N125240" s="10"/>
    </row>
    <row r="125241" spans="14:14">
      <c r="N125241" s="10"/>
    </row>
    <row r="125242" spans="14:14">
      <c r="N125242" s="10"/>
    </row>
    <row r="125243" spans="14:14">
      <c r="N125243" s="10"/>
    </row>
    <row r="125244" spans="14:14">
      <c r="N125244" s="10"/>
    </row>
    <row r="125245" spans="14:14">
      <c r="N125245" s="10"/>
    </row>
    <row r="125246" spans="14:14">
      <c r="N125246" s="10"/>
    </row>
    <row r="125247" spans="14:14">
      <c r="N125247" s="10"/>
    </row>
    <row r="125248" spans="14:14">
      <c r="N125248" s="10"/>
    </row>
    <row r="125249" spans="14:14">
      <c r="N125249" s="10"/>
    </row>
    <row r="125250" spans="14:14">
      <c r="N125250" s="10"/>
    </row>
    <row r="125251" spans="14:14">
      <c r="N125251" s="10"/>
    </row>
    <row r="125252" spans="14:14">
      <c r="N125252" s="10"/>
    </row>
    <row r="125253" spans="14:14">
      <c r="N125253" s="10"/>
    </row>
    <row r="125254" spans="14:14">
      <c r="N125254" s="10"/>
    </row>
    <row r="125255" spans="14:14">
      <c r="N125255" s="10"/>
    </row>
    <row r="125256" spans="14:14">
      <c r="N125256" s="10"/>
    </row>
    <row r="125257" spans="14:14">
      <c r="N125257" s="10"/>
    </row>
    <row r="125258" spans="14:14">
      <c r="N125258" s="10"/>
    </row>
    <row r="125259" spans="14:14">
      <c r="N125259" s="10"/>
    </row>
    <row r="125260" spans="14:14">
      <c r="N125260" s="10"/>
    </row>
    <row r="125261" spans="14:14">
      <c r="N125261" s="10"/>
    </row>
    <row r="125262" spans="14:14">
      <c r="N125262" s="10"/>
    </row>
    <row r="125263" spans="14:14">
      <c r="N125263" s="10"/>
    </row>
    <row r="125264" spans="14:14">
      <c r="N125264" s="10"/>
    </row>
    <row r="125265" spans="14:14">
      <c r="N125265" s="10"/>
    </row>
    <row r="125266" spans="14:14">
      <c r="N125266" s="10"/>
    </row>
    <row r="125267" spans="14:14">
      <c r="N125267" s="10"/>
    </row>
    <row r="125268" spans="14:14">
      <c r="N125268" s="10"/>
    </row>
    <row r="125269" spans="14:14">
      <c r="N125269" s="10"/>
    </row>
    <row r="125270" spans="14:14">
      <c r="N125270" s="10"/>
    </row>
    <row r="125271" spans="14:14">
      <c r="N125271" s="10"/>
    </row>
    <row r="125272" spans="14:14">
      <c r="N125272" s="10"/>
    </row>
    <row r="125273" spans="14:14">
      <c r="N125273" s="10"/>
    </row>
    <row r="125274" spans="14:14">
      <c r="N125274" s="10"/>
    </row>
    <row r="125275" spans="14:14">
      <c r="N125275" s="10"/>
    </row>
    <row r="125276" spans="14:14">
      <c r="N125276" s="10"/>
    </row>
    <row r="125277" spans="14:14">
      <c r="N125277" s="10"/>
    </row>
    <row r="125278" spans="14:14">
      <c r="N125278" s="10"/>
    </row>
    <row r="125279" spans="14:14">
      <c r="N125279" s="10"/>
    </row>
    <row r="125280" spans="14:14">
      <c r="N125280" s="10"/>
    </row>
    <row r="125281" spans="14:14">
      <c r="N125281" s="10"/>
    </row>
    <row r="125282" spans="14:14">
      <c r="N125282" s="10"/>
    </row>
    <row r="125283" spans="14:14">
      <c r="N125283" s="10"/>
    </row>
    <row r="125284" spans="14:14">
      <c r="N125284" s="10"/>
    </row>
    <row r="125285" spans="14:14">
      <c r="N125285" s="10"/>
    </row>
    <row r="125286" spans="14:14">
      <c r="N125286" s="10"/>
    </row>
    <row r="125287" spans="14:14">
      <c r="N125287" s="10"/>
    </row>
    <row r="125288" spans="14:14">
      <c r="N125288" s="10"/>
    </row>
    <row r="125289" spans="14:14">
      <c r="N125289" s="10"/>
    </row>
    <row r="125290" spans="14:14">
      <c r="N125290" s="10"/>
    </row>
    <row r="125291" spans="14:14">
      <c r="N125291" s="10"/>
    </row>
    <row r="125292" spans="14:14">
      <c r="N125292" s="10"/>
    </row>
    <row r="125293" spans="14:14">
      <c r="N125293" s="10"/>
    </row>
    <row r="125294" spans="14:14">
      <c r="N125294" s="10"/>
    </row>
    <row r="125295" spans="14:14">
      <c r="N125295" s="10"/>
    </row>
    <row r="125296" spans="14:14">
      <c r="N125296" s="10"/>
    </row>
    <row r="125297" spans="14:14">
      <c r="N125297" s="10"/>
    </row>
    <row r="125298" spans="14:14">
      <c r="N125298" s="10"/>
    </row>
    <row r="125299" spans="14:14">
      <c r="N125299" s="10"/>
    </row>
    <row r="125300" spans="14:14">
      <c r="N125300" s="10"/>
    </row>
    <row r="125301" spans="14:14">
      <c r="N125301" s="10"/>
    </row>
    <row r="125302" spans="14:14">
      <c r="N125302" s="10"/>
    </row>
    <row r="125303" spans="14:14">
      <c r="N125303" s="10"/>
    </row>
    <row r="125304" spans="14:14">
      <c r="N125304" s="10"/>
    </row>
    <row r="125305" spans="14:14">
      <c r="N125305" s="10"/>
    </row>
    <row r="125306" spans="14:14">
      <c r="N125306" s="10"/>
    </row>
    <row r="125307" spans="14:14">
      <c r="N125307" s="10"/>
    </row>
    <row r="125308" spans="14:14">
      <c r="N125308" s="10"/>
    </row>
    <row r="125309" spans="14:14">
      <c r="N125309" s="10"/>
    </row>
    <row r="125310" spans="14:14">
      <c r="N125310" s="10"/>
    </row>
    <row r="125311" spans="14:14">
      <c r="N125311" s="10"/>
    </row>
    <row r="125312" spans="14:14">
      <c r="N125312" s="10"/>
    </row>
    <row r="125313" spans="14:14">
      <c r="N125313" s="10"/>
    </row>
    <row r="125314" spans="14:14">
      <c r="N125314" s="10"/>
    </row>
    <row r="125315" spans="14:14">
      <c r="N125315" s="10"/>
    </row>
    <row r="125316" spans="14:14">
      <c r="N125316" s="10"/>
    </row>
    <row r="125317" spans="14:14">
      <c r="N125317" s="10"/>
    </row>
    <row r="125318" spans="14:14">
      <c r="N125318" s="10"/>
    </row>
    <row r="125319" spans="14:14">
      <c r="N125319" s="10"/>
    </row>
    <row r="125320" spans="14:14">
      <c r="N125320" s="10"/>
    </row>
    <row r="125321" spans="14:14">
      <c r="N125321" s="10"/>
    </row>
    <row r="125322" spans="14:14">
      <c r="N125322" s="10"/>
    </row>
    <row r="125323" spans="14:14">
      <c r="N125323" s="10"/>
    </row>
    <row r="125324" spans="14:14">
      <c r="N125324" s="10"/>
    </row>
    <row r="125325" spans="14:14">
      <c r="N125325" s="10"/>
    </row>
    <row r="125326" spans="14:14">
      <c r="N125326" s="10"/>
    </row>
    <row r="125327" spans="14:14">
      <c r="N125327" s="10"/>
    </row>
    <row r="125328" spans="14:14">
      <c r="N125328" s="10"/>
    </row>
    <row r="125329" spans="14:14">
      <c r="N125329" s="10"/>
    </row>
    <row r="125330" spans="14:14">
      <c r="N125330" s="10"/>
    </row>
    <row r="125331" spans="14:14">
      <c r="N125331" s="10"/>
    </row>
    <row r="125332" spans="14:14">
      <c r="N125332" s="10"/>
    </row>
    <row r="125333" spans="14:14">
      <c r="N125333" s="10"/>
    </row>
    <row r="125334" spans="14:14">
      <c r="N125334" s="10"/>
    </row>
    <row r="125335" spans="14:14">
      <c r="N125335" s="10"/>
    </row>
    <row r="125336" spans="14:14">
      <c r="N125336" s="10"/>
    </row>
    <row r="125337" spans="14:14">
      <c r="N125337" s="10"/>
    </row>
    <row r="125338" spans="14:14">
      <c r="N125338" s="10"/>
    </row>
    <row r="125339" spans="14:14">
      <c r="N125339" s="10"/>
    </row>
    <row r="125340" spans="14:14">
      <c r="N125340" s="10"/>
    </row>
    <row r="125341" spans="14:14">
      <c r="N125341" s="10"/>
    </row>
    <row r="125342" spans="14:14">
      <c r="N125342" s="10"/>
    </row>
    <row r="125343" spans="14:14">
      <c r="N125343" s="10"/>
    </row>
    <row r="125344" spans="14:14">
      <c r="N125344" s="10"/>
    </row>
    <row r="125345" spans="14:14">
      <c r="N125345" s="10"/>
    </row>
    <row r="125346" spans="14:14">
      <c r="N125346" s="10"/>
    </row>
    <row r="125347" spans="14:14">
      <c r="N125347" s="10"/>
    </row>
    <row r="125348" spans="14:14">
      <c r="N125348" s="10"/>
    </row>
    <row r="125349" spans="14:14">
      <c r="N125349" s="10"/>
    </row>
    <row r="125350" spans="14:14">
      <c r="N125350" s="10"/>
    </row>
    <row r="125351" spans="14:14">
      <c r="N125351" s="10"/>
    </row>
    <row r="125352" spans="14:14">
      <c r="N125352" s="10"/>
    </row>
    <row r="125353" spans="14:14">
      <c r="N125353" s="10"/>
    </row>
    <row r="125354" spans="14:14">
      <c r="N125354" s="10"/>
    </row>
    <row r="125355" spans="14:14">
      <c r="N125355" s="10"/>
    </row>
    <row r="125356" spans="14:14">
      <c r="N125356" s="10"/>
    </row>
    <row r="125357" spans="14:14">
      <c r="N125357" s="10"/>
    </row>
    <row r="125358" spans="14:14">
      <c r="N125358" s="10"/>
    </row>
    <row r="125359" spans="14:14">
      <c r="N125359" s="10"/>
    </row>
    <row r="125360" spans="14:14">
      <c r="N125360" s="10"/>
    </row>
    <row r="125361" spans="14:14">
      <c r="N125361" s="10"/>
    </row>
    <row r="125362" spans="14:14">
      <c r="N125362" s="10"/>
    </row>
    <row r="125363" spans="14:14">
      <c r="N125363" s="10"/>
    </row>
    <row r="125364" spans="14:14">
      <c r="N125364" s="10"/>
    </row>
    <row r="125365" spans="14:14">
      <c r="N125365" s="10"/>
    </row>
    <row r="125366" spans="14:14">
      <c r="N125366" s="10"/>
    </row>
    <row r="125367" spans="14:14">
      <c r="N125367" s="10"/>
    </row>
    <row r="125368" spans="14:14">
      <c r="N125368" s="10"/>
    </row>
    <row r="125369" spans="14:14">
      <c r="N125369" s="10"/>
    </row>
    <row r="125370" spans="14:14">
      <c r="N125370" s="10"/>
    </row>
    <row r="125371" spans="14:14">
      <c r="N125371" s="10"/>
    </row>
    <row r="125372" spans="14:14">
      <c r="N125372" s="10"/>
    </row>
    <row r="125373" spans="14:14">
      <c r="N125373" s="10"/>
    </row>
    <row r="125374" spans="14:14">
      <c r="N125374" s="10"/>
    </row>
    <row r="125375" spans="14:14">
      <c r="N125375" s="10"/>
    </row>
    <row r="125376" spans="14:14">
      <c r="N125376" s="10"/>
    </row>
    <row r="125377" spans="14:14">
      <c r="N125377" s="10"/>
    </row>
    <row r="125378" spans="14:14">
      <c r="N125378" s="10"/>
    </row>
    <row r="125379" spans="14:14">
      <c r="N125379" s="10"/>
    </row>
    <row r="125380" spans="14:14">
      <c r="N125380" s="10"/>
    </row>
    <row r="125381" spans="14:14">
      <c r="N125381" s="10"/>
    </row>
    <row r="125382" spans="14:14">
      <c r="N125382" s="10"/>
    </row>
    <row r="125383" spans="14:14">
      <c r="N125383" s="10"/>
    </row>
    <row r="125384" spans="14:14">
      <c r="N125384" s="10"/>
    </row>
    <row r="125385" spans="14:14">
      <c r="N125385" s="10"/>
    </row>
    <row r="125386" spans="14:14">
      <c r="N125386" s="10"/>
    </row>
    <row r="125387" spans="14:14">
      <c r="N125387" s="10"/>
    </row>
    <row r="125388" spans="14:14">
      <c r="N125388" s="10"/>
    </row>
    <row r="125389" spans="14:14">
      <c r="N125389" s="10"/>
    </row>
    <row r="125390" spans="14:14">
      <c r="N125390" s="10"/>
    </row>
    <row r="125391" spans="14:14">
      <c r="N125391" s="10"/>
    </row>
    <row r="125392" spans="14:14">
      <c r="N125392" s="10"/>
    </row>
    <row r="125393" spans="14:14">
      <c r="N125393" s="10"/>
    </row>
    <row r="125394" spans="14:14">
      <c r="N125394" s="10"/>
    </row>
    <row r="125395" spans="14:14">
      <c r="N125395" s="10"/>
    </row>
    <row r="125396" spans="14:14">
      <c r="N125396" s="10"/>
    </row>
    <row r="125397" spans="14:14">
      <c r="N125397" s="10"/>
    </row>
    <row r="125398" spans="14:14">
      <c r="N125398" s="10"/>
    </row>
    <row r="125399" spans="14:14">
      <c r="N125399" s="10"/>
    </row>
    <row r="125400" spans="14:14">
      <c r="N125400" s="10"/>
    </row>
    <row r="125401" spans="14:14">
      <c r="N125401" s="10"/>
    </row>
    <row r="125402" spans="14:14">
      <c r="N125402" s="10"/>
    </row>
    <row r="125403" spans="14:14">
      <c r="N125403" s="10"/>
    </row>
    <row r="125404" spans="14:14">
      <c r="N125404" s="10"/>
    </row>
    <row r="125405" spans="14:14">
      <c r="N125405" s="10"/>
    </row>
    <row r="125406" spans="14:14">
      <c r="N125406" s="10"/>
    </row>
    <row r="125407" spans="14:14">
      <c r="N125407" s="10"/>
    </row>
    <row r="125408" spans="14:14">
      <c r="N125408" s="10"/>
    </row>
    <row r="125409" spans="14:14">
      <c r="N125409" s="10"/>
    </row>
    <row r="125410" spans="14:14">
      <c r="N125410" s="10"/>
    </row>
    <row r="125411" spans="14:14">
      <c r="N125411" s="10"/>
    </row>
    <row r="125412" spans="14:14">
      <c r="N125412" s="10"/>
    </row>
    <row r="125413" spans="14:14">
      <c r="N125413" s="10"/>
    </row>
    <row r="125414" spans="14:14">
      <c r="N125414" s="10"/>
    </row>
    <row r="125415" spans="14:14">
      <c r="N125415" s="10"/>
    </row>
    <row r="125416" spans="14:14">
      <c r="N125416" s="10"/>
    </row>
    <row r="125417" spans="14:14">
      <c r="N125417" s="10"/>
    </row>
    <row r="125418" spans="14:14">
      <c r="N125418" s="10"/>
    </row>
    <row r="125419" spans="14:14">
      <c r="N125419" s="10"/>
    </row>
    <row r="125420" spans="14:14">
      <c r="N125420" s="10"/>
    </row>
    <row r="125421" spans="14:14">
      <c r="N125421" s="10"/>
    </row>
    <row r="125422" spans="14:14">
      <c r="N125422" s="10"/>
    </row>
    <row r="125423" spans="14:14">
      <c r="N125423" s="10"/>
    </row>
    <row r="125424" spans="14:14">
      <c r="N125424" s="10"/>
    </row>
    <row r="125425" spans="14:14">
      <c r="N125425" s="10"/>
    </row>
    <row r="125426" spans="14:14">
      <c r="N125426" s="10"/>
    </row>
    <row r="125427" spans="14:14">
      <c r="N125427" s="10"/>
    </row>
    <row r="125428" spans="14:14">
      <c r="N125428" s="10"/>
    </row>
    <row r="125429" spans="14:14">
      <c r="N125429" s="10"/>
    </row>
    <row r="125430" spans="14:14">
      <c r="N125430" s="10"/>
    </row>
    <row r="125431" spans="14:14">
      <c r="N125431" s="10"/>
    </row>
    <row r="125432" spans="14:14">
      <c r="N125432" s="10"/>
    </row>
    <row r="125433" spans="14:14">
      <c r="N125433" s="10"/>
    </row>
    <row r="125434" spans="14:14">
      <c r="N125434" s="10"/>
    </row>
    <row r="125435" spans="14:14">
      <c r="N125435" s="10"/>
    </row>
    <row r="125436" spans="14:14">
      <c r="N125436" s="10"/>
    </row>
    <row r="125437" spans="14:14">
      <c r="N125437" s="10"/>
    </row>
    <row r="125438" spans="14:14">
      <c r="N125438" s="10"/>
    </row>
    <row r="125439" spans="14:14">
      <c r="N125439" s="10"/>
    </row>
    <row r="125440" spans="14:14">
      <c r="N125440" s="10"/>
    </row>
    <row r="125441" spans="14:14">
      <c r="N125441" s="10"/>
    </row>
    <row r="125442" spans="14:14">
      <c r="N125442" s="10"/>
    </row>
    <row r="125443" spans="14:14">
      <c r="N125443" s="10"/>
    </row>
    <row r="125444" spans="14:14">
      <c r="N125444" s="10"/>
    </row>
    <row r="125445" spans="14:14">
      <c r="N125445" s="10"/>
    </row>
    <row r="125446" spans="14:14">
      <c r="N125446" s="10"/>
    </row>
    <row r="125447" spans="14:14">
      <c r="N125447" s="10"/>
    </row>
    <row r="125448" spans="14:14">
      <c r="N125448" s="10"/>
    </row>
    <row r="125449" spans="14:14">
      <c r="N125449" s="10"/>
    </row>
    <row r="125450" spans="14:14">
      <c r="N125450" s="10"/>
    </row>
    <row r="125451" spans="14:14">
      <c r="N125451" s="10"/>
    </row>
    <row r="125452" spans="14:14">
      <c r="N125452" s="10"/>
    </row>
    <row r="125453" spans="14:14">
      <c r="N125453" s="10"/>
    </row>
    <row r="125454" spans="14:14">
      <c r="N125454" s="10"/>
    </row>
    <row r="125455" spans="14:14">
      <c r="N125455" s="10"/>
    </row>
    <row r="125456" spans="14:14">
      <c r="N125456" s="10"/>
    </row>
    <row r="125457" spans="14:14">
      <c r="N125457" s="10"/>
    </row>
    <row r="125458" spans="14:14">
      <c r="N125458" s="10"/>
    </row>
    <row r="125459" spans="14:14">
      <c r="N125459" s="10"/>
    </row>
    <row r="125460" spans="14:14">
      <c r="N125460" s="10"/>
    </row>
    <row r="125461" spans="14:14">
      <c r="N125461" s="10"/>
    </row>
    <row r="125462" spans="14:14">
      <c r="N125462" s="10"/>
    </row>
    <row r="125463" spans="14:14">
      <c r="N125463" s="10"/>
    </row>
    <row r="125464" spans="14:14">
      <c r="N125464" s="10"/>
    </row>
    <row r="125465" spans="14:14">
      <c r="N125465" s="10"/>
    </row>
    <row r="125466" spans="14:14">
      <c r="N125466" s="10"/>
    </row>
    <row r="125467" spans="14:14">
      <c r="N125467" s="10"/>
    </row>
    <row r="125468" spans="14:14">
      <c r="N125468" s="10"/>
    </row>
    <row r="125469" spans="14:14">
      <c r="N125469" s="10"/>
    </row>
    <row r="125470" spans="14:14">
      <c r="N125470" s="10"/>
    </row>
    <row r="125471" spans="14:14">
      <c r="N125471" s="10"/>
    </row>
    <row r="125472" spans="14:14">
      <c r="N125472" s="10"/>
    </row>
    <row r="125473" spans="14:14">
      <c r="N125473" s="10"/>
    </row>
    <row r="125474" spans="14:14">
      <c r="N125474" s="10"/>
    </row>
    <row r="125475" spans="14:14">
      <c r="N125475" s="10"/>
    </row>
    <row r="125476" spans="14:14">
      <c r="N125476" s="10"/>
    </row>
    <row r="125477" spans="14:14">
      <c r="N125477" s="10"/>
    </row>
    <row r="125478" spans="14:14">
      <c r="N125478" s="10"/>
    </row>
    <row r="125479" spans="14:14">
      <c r="N125479" s="10"/>
    </row>
    <row r="125480" spans="14:14">
      <c r="N125480" s="10"/>
    </row>
    <row r="125481" spans="14:14">
      <c r="N125481" s="10"/>
    </row>
    <row r="125482" spans="14:14">
      <c r="N125482" s="10"/>
    </row>
    <row r="125483" spans="14:14">
      <c r="N125483" s="10"/>
    </row>
    <row r="125484" spans="14:14">
      <c r="N125484" s="10"/>
    </row>
    <row r="125485" spans="14:14">
      <c r="N125485" s="10"/>
    </row>
    <row r="125486" spans="14:14">
      <c r="N125486" s="10"/>
    </row>
    <row r="125487" spans="14:14">
      <c r="N125487" s="10"/>
    </row>
    <row r="125488" spans="14:14">
      <c r="N125488" s="10"/>
    </row>
    <row r="125489" spans="14:14">
      <c r="N125489" s="10"/>
    </row>
    <row r="125490" spans="14:14">
      <c r="N125490" s="10"/>
    </row>
    <row r="125491" spans="14:14">
      <c r="N125491" s="10"/>
    </row>
    <row r="125492" spans="14:14">
      <c r="N125492" s="10"/>
    </row>
    <row r="125493" spans="14:14">
      <c r="N125493" s="10"/>
    </row>
    <row r="125494" spans="14:14">
      <c r="N125494" s="10"/>
    </row>
    <row r="125495" spans="14:14">
      <c r="N125495" s="10"/>
    </row>
    <row r="125496" spans="14:14">
      <c r="N125496" s="10"/>
    </row>
    <row r="125497" spans="14:14">
      <c r="N125497" s="10"/>
    </row>
    <row r="125498" spans="14:14">
      <c r="N125498" s="10"/>
    </row>
    <row r="125499" spans="14:14">
      <c r="N125499" s="10"/>
    </row>
    <row r="125500" spans="14:14">
      <c r="N125500" s="10"/>
    </row>
    <row r="125501" spans="14:14">
      <c r="N125501" s="10"/>
    </row>
    <row r="125502" spans="14:14">
      <c r="N125502" s="10"/>
    </row>
    <row r="125503" spans="14:14">
      <c r="N125503" s="10"/>
    </row>
    <row r="125504" spans="14:14">
      <c r="N125504" s="10"/>
    </row>
    <row r="125505" spans="14:14">
      <c r="N125505" s="10"/>
    </row>
    <row r="125506" spans="14:14">
      <c r="N125506" s="10"/>
    </row>
    <row r="125507" spans="14:14">
      <c r="N125507" s="10"/>
    </row>
    <row r="125508" spans="14:14">
      <c r="N125508" s="10"/>
    </row>
    <row r="125509" spans="14:14">
      <c r="N125509" s="10"/>
    </row>
    <row r="125510" spans="14:14">
      <c r="N125510" s="10"/>
    </row>
    <row r="125511" spans="14:14">
      <c r="N125511" s="10"/>
    </row>
    <row r="125512" spans="14:14">
      <c r="N125512" s="10"/>
    </row>
    <row r="125513" spans="14:14">
      <c r="N125513" s="10"/>
    </row>
    <row r="125514" spans="14:14">
      <c r="N125514" s="10"/>
    </row>
    <row r="125515" spans="14:14">
      <c r="N125515" s="10"/>
    </row>
    <row r="125516" spans="14:14">
      <c r="N125516" s="10"/>
    </row>
    <row r="125517" spans="14:14">
      <c r="N125517" s="10"/>
    </row>
    <row r="125518" spans="14:14">
      <c r="N125518" s="10"/>
    </row>
    <row r="125519" spans="14:14">
      <c r="N125519" s="10"/>
    </row>
    <row r="125520" spans="14:14">
      <c r="N125520" s="10"/>
    </row>
    <row r="125521" spans="14:14">
      <c r="N125521" s="10"/>
    </row>
    <row r="125522" spans="14:14">
      <c r="N125522" s="10"/>
    </row>
    <row r="125523" spans="14:14">
      <c r="N125523" s="10"/>
    </row>
    <row r="125524" spans="14:14">
      <c r="N125524" s="10"/>
    </row>
    <row r="125525" spans="14:14">
      <c r="N125525" s="10"/>
    </row>
    <row r="125526" spans="14:14">
      <c r="N125526" s="10"/>
    </row>
    <row r="125527" spans="14:14">
      <c r="N125527" s="10"/>
    </row>
    <row r="125528" spans="14:14">
      <c r="N125528" s="10"/>
    </row>
    <row r="125529" spans="14:14">
      <c r="N125529" s="10"/>
    </row>
    <row r="125530" spans="14:14">
      <c r="N125530" s="10"/>
    </row>
    <row r="125531" spans="14:14">
      <c r="N125531" s="10"/>
    </row>
    <row r="125532" spans="14:14">
      <c r="N125532" s="10"/>
    </row>
    <row r="125533" spans="14:14">
      <c r="N125533" s="10"/>
    </row>
    <row r="125534" spans="14:14">
      <c r="N125534" s="10"/>
    </row>
    <row r="125535" spans="14:14">
      <c r="N125535" s="10"/>
    </row>
    <row r="125536" spans="14:14">
      <c r="N125536" s="10"/>
    </row>
    <row r="125537" spans="14:14">
      <c r="N125537" s="10"/>
    </row>
    <row r="125538" spans="14:14">
      <c r="N125538" s="10"/>
    </row>
    <row r="125539" spans="14:14">
      <c r="N125539" s="10"/>
    </row>
    <row r="125540" spans="14:14">
      <c r="N125540" s="10"/>
    </row>
    <row r="125541" spans="14:14">
      <c r="N125541" s="10"/>
    </row>
    <row r="125542" spans="14:14">
      <c r="N125542" s="10"/>
    </row>
    <row r="125543" spans="14:14">
      <c r="N125543" s="10"/>
    </row>
    <row r="125544" spans="14:14">
      <c r="N125544" s="10"/>
    </row>
    <row r="125545" spans="14:14">
      <c r="N125545" s="10"/>
    </row>
    <row r="125546" spans="14:14">
      <c r="N125546" s="10"/>
    </row>
    <row r="125547" spans="14:14">
      <c r="N125547" s="10"/>
    </row>
    <row r="125548" spans="14:14">
      <c r="N125548" s="10"/>
    </row>
    <row r="125549" spans="14:14">
      <c r="N125549" s="10"/>
    </row>
    <row r="125550" spans="14:14">
      <c r="N125550" s="10"/>
    </row>
    <row r="125551" spans="14:14">
      <c r="N125551" s="10"/>
    </row>
    <row r="125552" spans="14:14">
      <c r="N125552" s="10"/>
    </row>
    <row r="125553" spans="14:14">
      <c r="N125553" s="10"/>
    </row>
    <row r="125554" spans="14:14">
      <c r="N125554" s="10"/>
    </row>
    <row r="125555" spans="14:14">
      <c r="N125555" s="10"/>
    </row>
    <row r="125556" spans="14:14">
      <c r="N125556" s="10"/>
    </row>
    <row r="125557" spans="14:14">
      <c r="N125557" s="10"/>
    </row>
    <row r="125558" spans="14:14">
      <c r="N125558" s="10"/>
    </row>
    <row r="125559" spans="14:14">
      <c r="N125559" s="10"/>
    </row>
    <row r="125560" spans="14:14">
      <c r="N125560" s="10"/>
    </row>
    <row r="125561" spans="14:14">
      <c r="N125561" s="10"/>
    </row>
    <row r="125562" spans="14:14">
      <c r="N125562" s="10"/>
    </row>
    <row r="125563" spans="14:14">
      <c r="N125563" s="10"/>
    </row>
    <row r="125564" spans="14:14">
      <c r="N125564" s="10"/>
    </row>
    <row r="125565" spans="14:14">
      <c r="N125565" s="10"/>
    </row>
    <row r="125566" spans="14:14">
      <c r="N125566" s="10"/>
    </row>
    <row r="125567" spans="14:14">
      <c r="N125567" s="10"/>
    </row>
    <row r="125568" spans="14:14">
      <c r="N125568" s="10"/>
    </row>
    <row r="125569" spans="14:14">
      <c r="N125569" s="10"/>
    </row>
    <row r="125570" spans="14:14">
      <c r="N125570" s="10"/>
    </row>
    <row r="125571" spans="14:14">
      <c r="N125571" s="10"/>
    </row>
    <row r="125572" spans="14:14">
      <c r="N125572" s="10"/>
    </row>
    <row r="125573" spans="14:14">
      <c r="N125573" s="10"/>
    </row>
    <row r="125574" spans="14:14">
      <c r="N125574" s="10"/>
    </row>
    <row r="125575" spans="14:14">
      <c r="N125575" s="10"/>
    </row>
    <row r="125576" spans="14:14">
      <c r="N125576" s="10"/>
    </row>
    <row r="125577" spans="14:14">
      <c r="N125577" s="10"/>
    </row>
    <row r="125578" spans="14:14">
      <c r="N125578" s="10"/>
    </row>
    <row r="125579" spans="14:14">
      <c r="N125579" s="10"/>
    </row>
    <row r="125580" spans="14:14">
      <c r="N125580" s="10"/>
    </row>
    <row r="125581" spans="14:14">
      <c r="N125581" s="10"/>
    </row>
    <row r="125582" spans="14:14">
      <c r="N125582" s="10"/>
    </row>
    <row r="125583" spans="14:14">
      <c r="N125583" s="10"/>
    </row>
    <row r="125584" spans="14:14">
      <c r="N125584" s="10"/>
    </row>
    <row r="125585" spans="14:14">
      <c r="N125585" s="10"/>
    </row>
    <row r="125586" spans="14:14">
      <c r="N125586" s="10"/>
    </row>
    <row r="125587" spans="14:14">
      <c r="N125587" s="10"/>
    </row>
    <row r="125588" spans="14:14">
      <c r="N125588" s="10"/>
    </row>
    <row r="125589" spans="14:14">
      <c r="N125589" s="10"/>
    </row>
    <row r="125590" spans="14:14">
      <c r="N125590" s="10"/>
    </row>
    <row r="125591" spans="14:14">
      <c r="N125591" s="10"/>
    </row>
    <row r="125592" spans="14:14">
      <c r="N125592" s="10"/>
    </row>
    <row r="125593" spans="14:14">
      <c r="N125593" s="10"/>
    </row>
    <row r="125594" spans="14:14">
      <c r="N125594" s="10"/>
    </row>
    <row r="125595" spans="14:14">
      <c r="N125595" s="10"/>
    </row>
    <row r="125596" spans="14:14">
      <c r="N125596" s="10"/>
    </row>
    <row r="125597" spans="14:14">
      <c r="N125597" s="10"/>
    </row>
    <row r="125598" spans="14:14">
      <c r="N125598" s="10"/>
    </row>
    <row r="125599" spans="14:14">
      <c r="N125599" s="10"/>
    </row>
    <row r="125600" spans="14:14">
      <c r="N125600" s="10"/>
    </row>
    <row r="125601" spans="14:14">
      <c r="N125601" s="10"/>
    </row>
    <row r="125602" spans="14:14">
      <c r="N125602" s="10"/>
    </row>
    <row r="125603" spans="14:14">
      <c r="N125603" s="10"/>
    </row>
    <row r="125604" spans="14:14">
      <c r="N125604" s="10"/>
    </row>
    <row r="125605" spans="14:14">
      <c r="N125605" s="10"/>
    </row>
    <row r="125606" spans="14:14">
      <c r="N125606" s="10"/>
    </row>
    <row r="125607" spans="14:14">
      <c r="N125607" s="10"/>
    </row>
    <row r="125608" spans="14:14">
      <c r="N125608" s="10"/>
    </row>
    <row r="125609" spans="14:14">
      <c r="N125609" s="10"/>
    </row>
    <row r="125610" spans="14:14">
      <c r="N125610" s="10"/>
    </row>
    <row r="125611" spans="14:14">
      <c r="N125611" s="10"/>
    </row>
    <row r="125612" spans="14:14">
      <c r="N125612" s="10"/>
    </row>
    <row r="125613" spans="14:14">
      <c r="N125613" s="10"/>
    </row>
    <row r="125614" spans="14:14">
      <c r="N125614" s="10"/>
    </row>
    <row r="125615" spans="14:14">
      <c r="N125615" s="10"/>
    </row>
    <row r="125616" spans="14:14">
      <c r="N125616" s="10"/>
    </row>
    <row r="125617" spans="14:14">
      <c r="N125617" s="10"/>
    </row>
    <row r="125618" spans="14:14">
      <c r="N125618" s="10"/>
    </row>
    <row r="125619" spans="14:14">
      <c r="N125619" s="10"/>
    </row>
    <row r="125620" spans="14:14">
      <c r="N125620" s="10"/>
    </row>
    <row r="125621" spans="14:14">
      <c r="N125621" s="10"/>
    </row>
    <row r="125622" spans="14:14">
      <c r="N125622" s="10"/>
    </row>
    <row r="125623" spans="14:14">
      <c r="N125623" s="10"/>
    </row>
    <row r="125624" spans="14:14">
      <c r="N125624" s="10"/>
    </row>
    <row r="125625" spans="14:14">
      <c r="N125625" s="10"/>
    </row>
    <row r="125626" spans="14:14">
      <c r="N125626" s="10"/>
    </row>
    <row r="125627" spans="14:14">
      <c r="N125627" s="10"/>
    </row>
    <row r="125628" spans="14:14">
      <c r="N125628" s="10"/>
    </row>
    <row r="125629" spans="14:14">
      <c r="N125629" s="10"/>
    </row>
    <row r="125630" spans="14:14">
      <c r="N125630" s="10"/>
    </row>
    <row r="125631" spans="14:14">
      <c r="N125631" s="10"/>
    </row>
    <row r="125632" spans="14:14">
      <c r="N125632" s="10"/>
    </row>
    <row r="125633" spans="14:14">
      <c r="N125633" s="10"/>
    </row>
    <row r="125634" spans="14:14">
      <c r="N125634" s="10"/>
    </row>
    <row r="125635" spans="14:14">
      <c r="N125635" s="10"/>
    </row>
    <row r="125636" spans="14:14">
      <c r="N125636" s="10"/>
    </row>
    <row r="125637" spans="14:14">
      <c r="N125637" s="10"/>
    </row>
    <row r="125638" spans="14:14">
      <c r="N125638" s="10"/>
    </row>
    <row r="125639" spans="14:14">
      <c r="N125639" s="10"/>
    </row>
    <row r="125640" spans="14:14">
      <c r="N125640" s="10"/>
    </row>
    <row r="125641" spans="14:14">
      <c r="N125641" s="10"/>
    </row>
    <row r="125642" spans="14:14">
      <c r="N125642" s="10"/>
    </row>
    <row r="125643" spans="14:14">
      <c r="N125643" s="10"/>
    </row>
    <row r="125644" spans="14:14">
      <c r="N125644" s="10"/>
    </row>
    <row r="125645" spans="14:14">
      <c r="N125645" s="10"/>
    </row>
    <row r="125646" spans="14:14">
      <c r="N125646" s="10"/>
    </row>
    <row r="125647" spans="14:14">
      <c r="N125647" s="10"/>
    </row>
    <row r="125648" spans="14:14">
      <c r="N125648" s="10"/>
    </row>
    <row r="125649" spans="14:14">
      <c r="N125649" s="10"/>
    </row>
    <row r="125650" spans="14:14">
      <c r="N125650" s="10"/>
    </row>
    <row r="125651" spans="14:14">
      <c r="N125651" s="10"/>
    </row>
    <row r="125652" spans="14:14">
      <c r="N125652" s="10"/>
    </row>
    <row r="125653" spans="14:14">
      <c r="N125653" s="10"/>
    </row>
    <row r="125654" spans="14:14">
      <c r="N125654" s="10"/>
    </row>
    <row r="125655" spans="14:14">
      <c r="N125655" s="10"/>
    </row>
    <row r="125656" spans="14:14">
      <c r="N125656" s="10"/>
    </row>
    <row r="125657" spans="14:14">
      <c r="N125657" s="10"/>
    </row>
    <row r="125658" spans="14:14">
      <c r="N125658" s="10"/>
    </row>
    <row r="125659" spans="14:14">
      <c r="N125659" s="10"/>
    </row>
    <row r="125660" spans="14:14">
      <c r="N125660" s="10"/>
    </row>
    <row r="125661" spans="14:14">
      <c r="N125661" s="10"/>
    </row>
    <row r="125662" spans="14:14">
      <c r="N125662" s="10"/>
    </row>
    <row r="125663" spans="14:14">
      <c r="N125663" s="10"/>
    </row>
    <row r="125664" spans="14:14">
      <c r="N125664" s="10"/>
    </row>
    <row r="125665" spans="14:14">
      <c r="N125665" s="10"/>
    </row>
    <row r="125666" spans="14:14">
      <c r="N125666" s="10"/>
    </row>
    <row r="125667" spans="14:14">
      <c r="N125667" s="10"/>
    </row>
    <row r="125668" spans="14:14">
      <c r="N125668" s="10"/>
    </row>
    <row r="125669" spans="14:14">
      <c r="N125669" s="10"/>
    </row>
    <row r="125670" spans="14:14">
      <c r="N125670" s="10"/>
    </row>
    <row r="125671" spans="14:14">
      <c r="N125671" s="10"/>
    </row>
    <row r="125672" spans="14:14">
      <c r="N125672" s="10"/>
    </row>
    <row r="125673" spans="14:14">
      <c r="N125673" s="10"/>
    </row>
    <row r="125674" spans="14:14">
      <c r="N125674" s="10"/>
    </row>
    <row r="125675" spans="14:14">
      <c r="N125675" s="10"/>
    </row>
    <row r="125676" spans="14:14">
      <c r="N125676" s="10"/>
    </row>
    <row r="125677" spans="14:14">
      <c r="N125677" s="10"/>
    </row>
    <row r="125678" spans="14:14">
      <c r="N125678" s="10"/>
    </row>
    <row r="125679" spans="14:14">
      <c r="N125679" s="10"/>
    </row>
    <row r="125680" spans="14:14">
      <c r="N125680" s="10"/>
    </row>
    <row r="125681" spans="14:14">
      <c r="N125681" s="10"/>
    </row>
    <row r="125682" spans="14:14">
      <c r="N125682" s="10"/>
    </row>
    <row r="125683" spans="14:14">
      <c r="N125683" s="10"/>
    </row>
    <row r="125684" spans="14:14">
      <c r="N125684" s="10"/>
    </row>
    <row r="125685" spans="14:14">
      <c r="N125685" s="10"/>
    </row>
    <row r="125686" spans="14:14">
      <c r="N125686" s="10"/>
    </row>
    <row r="125687" spans="14:14">
      <c r="N125687" s="10"/>
    </row>
    <row r="125688" spans="14:14">
      <c r="N125688" s="10"/>
    </row>
    <row r="125689" spans="14:14">
      <c r="N125689" s="10"/>
    </row>
    <row r="125690" spans="14:14">
      <c r="N125690" s="10"/>
    </row>
    <row r="125691" spans="14:14">
      <c r="N125691" s="10"/>
    </row>
    <row r="125692" spans="14:14">
      <c r="N125692" s="10"/>
    </row>
    <row r="125693" spans="14:14">
      <c r="N125693" s="10"/>
    </row>
    <row r="125694" spans="14:14">
      <c r="N125694" s="10"/>
    </row>
    <row r="125695" spans="14:14">
      <c r="N125695" s="10"/>
    </row>
    <row r="125696" spans="14:14">
      <c r="N125696" s="10"/>
    </row>
    <row r="125697" spans="14:14">
      <c r="N125697" s="10"/>
    </row>
    <row r="125698" spans="14:14">
      <c r="N125698" s="10"/>
    </row>
    <row r="125699" spans="14:14">
      <c r="N125699" s="10"/>
    </row>
    <row r="125700" spans="14:14">
      <c r="N125700" s="10"/>
    </row>
    <row r="125701" spans="14:14">
      <c r="N125701" s="10"/>
    </row>
    <row r="125702" spans="14:14">
      <c r="N125702" s="10"/>
    </row>
    <row r="125703" spans="14:14">
      <c r="N125703" s="10"/>
    </row>
    <row r="125704" spans="14:14">
      <c r="N125704" s="10"/>
    </row>
    <row r="125705" spans="14:14">
      <c r="N125705" s="10"/>
    </row>
    <row r="125706" spans="14:14">
      <c r="N125706" s="10"/>
    </row>
    <row r="125707" spans="14:14">
      <c r="N125707" s="10"/>
    </row>
    <row r="125708" spans="14:14">
      <c r="N125708" s="10"/>
    </row>
    <row r="125709" spans="14:14">
      <c r="N125709" s="10"/>
    </row>
    <row r="125710" spans="14:14">
      <c r="N125710" s="10"/>
    </row>
    <row r="125711" spans="14:14">
      <c r="N125711" s="10"/>
    </row>
    <row r="125712" spans="14:14">
      <c r="N125712" s="10"/>
    </row>
    <row r="125713" spans="14:14">
      <c r="N125713" s="10"/>
    </row>
    <row r="125714" spans="14:14">
      <c r="N125714" s="10"/>
    </row>
    <row r="125715" spans="14:14">
      <c r="N125715" s="10"/>
    </row>
    <row r="125716" spans="14:14">
      <c r="N125716" s="10"/>
    </row>
    <row r="125717" spans="14:14">
      <c r="N125717" s="10"/>
    </row>
    <row r="125718" spans="14:14">
      <c r="N125718" s="10"/>
    </row>
    <row r="125719" spans="14:14">
      <c r="N125719" s="10"/>
    </row>
    <row r="125720" spans="14:14">
      <c r="N125720" s="10"/>
    </row>
    <row r="125721" spans="14:14">
      <c r="N125721" s="10"/>
    </row>
    <row r="125722" spans="14:14">
      <c r="N125722" s="10"/>
    </row>
    <row r="125723" spans="14:14">
      <c r="N125723" s="10"/>
    </row>
    <row r="125724" spans="14:14">
      <c r="N125724" s="10"/>
    </row>
    <row r="125725" spans="14:14">
      <c r="N125725" s="10"/>
    </row>
    <row r="125726" spans="14:14">
      <c r="N125726" s="10"/>
    </row>
    <row r="125727" spans="14:14">
      <c r="N125727" s="10"/>
    </row>
    <row r="125728" spans="14:14">
      <c r="N125728" s="10"/>
    </row>
    <row r="125729" spans="14:14">
      <c r="N125729" s="10"/>
    </row>
    <row r="125730" spans="14:14">
      <c r="N125730" s="10"/>
    </row>
    <row r="125731" spans="14:14">
      <c r="N125731" s="10"/>
    </row>
    <row r="125732" spans="14:14">
      <c r="N125732" s="10"/>
    </row>
    <row r="125733" spans="14:14">
      <c r="N125733" s="10"/>
    </row>
    <row r="125734" spans="14:14">
      <c r="N125734" s="10"/>
    </row>
    <row r="125735" spans="14:14">
      <c r="N125735" s="10"/>
    </row>
    <row r="125736" spans="14:14">
      <c r="N125736" s="10"/>
    </row>
    <row r="125737" spans="14:14">
      <c r="N125737" s="10"/>
    </row>
    <row r="125738" spans="14:14">
      <c r="N125738" s="10"/>
    </row>
    <row r="125739" spans="14:14">
      <c r="N125739" s="10"/>
    </row>
    <row r="125740" spans="14:14">
      <c r="N125740" s="10"/>
    </row>
    <row r="125741" spans="14:14">
      <c r="N125741" s="10"/>
    </row>
    <row r="125742" spans="14:14">
      <c r="N125742" s="10"/>
    </row>
    <row r="125743" spans="14:14">
      <c r="N125743" s="10"/>
    </row>
    <row r="125744" spans="14:14">
      <c r="N125744" s="10"/>
    </row>
    <row r="125745" spans="14:14">
      <c r="N125745" s="10"/>
    </row>
    <row r="125746" spans="14:14">
      <c r="N125746" s="10"/>
    </row>
    <row r="125747" spans="14:14">
      <c r="N125747" s="10"/>
    </row>
    <row r="125748" spans="14:14">
      <c r="N125748" s="10"/>
    </row>
    <row r="125749" spans="14:14">
      <c r="N125749" s="10"/>
    </row>
    <row r="125750" spans="14:14">
      <c r="N125750" s="10"/>
    </row>
    <row r="125751" spans="14:14">
      <c r="N125751" s="10"/>
    </row>
    <row r="125752" spans="14:14">
      <c r="N125752" s="10"/>
    </row>
    <row r="125753" spans="14:14">
      <c r="N125753" s="10"/>
    </row>
    <row r="125754" spans="14:14">
      <c r="N125754" s="10"/>
    </row>
    <row r="125755" spans="14:14">
      <c r="N125755" s="10"/>
    </row>
    <row r="125756" spans="14:14">
      <c r="N125756" s="10"/>
    </row>
    <row r="125757" spans="14:14">
      <c r="N125757" s="10"/>
    </row>
    <row r="125758" spans="14:14">
      <c r="N125758" s="10"/>
    </row>
    <row r="125759" spans="14:14">
      <c r="N125759" s="10"/>
    </row>
    <row r="125760" spans="14:14">
      <c r="N125760" s="10"/>
    </row>
    <row r="125761" spans="14:14">
      <c r="N125761" s="10"/>
    </row>
    <row r="125762" spans="14:14">
      <c r="N125762" s="10"/>
    </row>
    <row r="125763" spans="14:14">
      <c r="N125763" s="10"/>
    </row>
    <row r="125764" spans="14:14">
      <c r="N125764" s="10"/>
    </row>
    <row r="125765" spans="14:14">
      <c r="N125765" s="10"/>
    </row>
    <row r="125766" spans="14:14">
      <c r="N125766" s="10"/>
    </row>
    <row r="125767" spans="14:14">
      <c r="N125767" s="10"/>
    </row>
    <row r="125768" spans="14:14">
      <c r="N125768" s="10"/>
    </row>
    <row r="125769" spans="14:14">
      <c r="N125769" s="10"/>
    </row>
    <row r="125770" spans="14:14">
      <c r="N125770" s="10"/>
    </row>
    <row r="125771" spans="14:14">
      <c r="N125771" s="10"/>
    </row>
    <row r="125772" spans="14:14">
      <c r="N125772" s="10"/>
    </row>
    <row r="125773" spans="14:14">
      <c r="N125773" s="10"/>
    </row>
    <row r="125774" spans="14:14">
      <c r="N125774" s="10"/>
    </row>
    <row r="125775" spans="14:14">
      <c r="N125775" s="10"/>
    </row>
    <row r="125776" spans="14:14">
      <c r="N125776" s="10"/>
    </row>
    <row r="125777" spans="14:14">
      <c r="N125777" s="10"/>
    </row>
    <row r="125778" spans="14:14">
      <c r="N125778" s="10"/>
    </row>
    <row r="125779" spans="14:14">
      <c r="N125779" s="10"/>
    </row>
    <row r="125780" spans="14:14">
      <c r="N125780" s="10"/>
    </row>
    <row r="125781" spans="14:14">
      <c r="N125781" s="10"/>
    </row>
    <row r="125782" spans="14:14">
      <c r="N125782" s="10"/>
    </row>
    <row r="125783" spans="14:14">
      <c r="N125783" s="10"/>
    </row>
    <row r="125784" spans="14:14">
      <c r="N125784" s="10"/>
    </row>
    <row r="125785" spans="14:14">
      <c r="N125785" s="10"/>
    </row>
    <row r="125786" spans="14:14">
      <c r="N125786" s="10"/>
    </row>
    <row r="125787" spans="14:14">
      <c r="N125787" s="10"/>
    </row>
    <row r="125788" spans="14:14">
      <c r="N125788" s="10"/>
    </row>
    <row r="125789" spans="14:14">
      <c r="N125789" s="10"/>
    </row>
    <row r="125790" spans="14:14">
      <c r="N125790" s="10"/>
    </row>
    <row r="125791" spans="14:14">
      <c r="N125791" s="10"/>
    </row>
    <row r="125792" spans="14:14">
      <c r="N125792" s="10"/>
    </row>
    <row r="125793" spans="14:14">
      <c r="N125793" s="10"/>
    </row>
    <row r="125794" spans="14:14">
      <c r="N125794" s="10"/>
    </row>
    <row r="125795" spans="14:14">
      <c r="N125795" s="10"/>
    </row>
    <row r="125796" spans="14:14">
      <c r="N125796" s="10"/>
    </row>
    <row r="125797" spans="14:14">
      <c r="N125797" s="10"/>
    </row>
    <row r="125798" spans="14:14">
      <c r="N125798" s="10"/>
    </row>
    <row r="125799" spans="14:14">
      <c r="N125799" s="10"/>
    </row>
    <row r="125800" spans="14:14">
      <c r="N125800" s="10"/>
    </row>
    <row r="125801" spans="14:14">
      <c r="N125801" s="10"/>
    </row>
    <row r="125802" spans="14:14">
      <c r="N125802" s="10"/>
    </row>
    <row r="125803" spans="14:14">
      <c r="N125803" s="10"/>
    </row>
    <row r="125804" spans="14:14">
      <c r="N125804" s="10"/>
    </row>
    <row r="125805" spans="14:14">
      <c r="N125805" s="10"/>
    </row>
    <row r="125806" spans="14:14">
      <c r="N125806" s="10"/>
    </row>
    <row r="125807" spans="14:14">
      <c r="N125807" s="10"/>
    </row>
    <row r="125808" spans="14:14">
      <c r="N125808" s="10"/>
    </row>
    <row r="125809" spans="14:14">
      <c r="N125809" s="10"/>
    </row>
    <row r="125810" spans="14:14">
      <c r="N125810" s="10"/>
    </row>
    <row r="125811" spans="14:14">
      <c r="N125811" s="10"/>
    </row>
    <row r="125812" spans="14:14">
      <c r="N125812" s="10"/>
    </row>
    <row r="125813" spans="14:14">
      <c r="N125813" s="10"/>
    </row>
    <row r="125814" spans="14:14">
      <c r="N125814" s="10"/>
    </row>
    <row r="125815" spans="14:14">
      <c r="N125815" s="10"/>
    </row>
    <row r="125816" spans="14:14">
      <c r="N125816" s="10"/>
    </row>
    <row r="125817" spans="14:14">
      <c r="N125817" s="10"/>
    </row>
    <row r="125818" spans="14:14">
      <c r="N125818" s="10"/>
    </row>
    <row r="125819" spans="14:14">
      <c r="N125819" s="10"/>
    </row>
    <row r="125820" spans="14:14">
      <c r="N125820" s="10"/>
    </row>
    <row r="125821" spans="14:14">
      <c r="N125821" s="10"/>
    </row>
    <row r="125822" spans="14:14">
      <c r="N125822" s="10"/>
    </row>
    <row r="125823" spans="14:14">
      <c r="N125823" s="10"/>
    </row>
    <row r="125824" spans="14:14">
      <c r="N125824" s="10"/>
    </row>
    <row r="125825" spans="14:14">
      <c r="N125825" s="10"/>
    </row>
    <row r="125826" spans="14:14">
      <c r="N125826" s="10"/>
    </row>
    <row r="125827" spans="14:14">
      <c r="N125827" s="10"/>
    </row>
    <row r="125828" spans="14:14">
      <c r="N125828" s="10"/>
    </row>
    <row r="125829" spans="14:14">
      <c r="N125829" s="10"/>
    </row>
    <row r="125830" spans="14:14">
      <c r="N125830" s="10"/>
    </row>
    <row r="125831" spans="14:14">
      <c r="N125831" s="10"/>
    </row>
    <row r="125832" spans="14:14">
      <c r="N125832" s="10"/>
    </row>
    <row r="125833" spans="14:14">
      <c r="N125833" s="10"/>
    </row>
    <row r="125834" spans="14:14">
      <c r="N125834" s="10"/>
    </row>
    <row r="125835" spans="14:14">
      <c r="N125835" s="10"/>
    </row>
    <row r="125836" spans="14:14">
      <c r="N125836" s="10"/>
    </row>
    <row r="125837" spans="14:14">
      <c r="N125837" s="10"/>
    </row>
    <row r="125838" spans="14:14">
      <c r="N125838" s="10"/>
    </row>
    <row r="125839" spans="14:14">
      <c r="N125839" s="10"/>
    </row>
    <row r="125840" spans="14:14">
      <c r="N125840" s="10"/>
    </row>
    <row r="125841" spans="14:14">
      <c r="N125841" s="10"/>
    </row>
    <row r="125842" spans="14:14">
      <c r="N125842" s="10"/>
    </row>
    <row r="125843" spans="14:14">
      <c r="N125843" s="10"/>
    </row>
    <row r="125844" spans="14:14">
      <c r="N125844" s="10"/>
    </row>
    <row r="125845" spans="14:14">
      <c r="N125845" s="10"/>
    </row>
    <row r="125846" spans="14:14">
      <c r="N125846" s="10"/>
    </row>
    <row r="125847" spans="14:14">
      <c r="N125847" s="10"/>
    </row>
    <row r="125848" spans="14:14">
      <c r="N125848" s="10"/>
    </row>
    <row r="125849" spans="14:14">
      <c r="N125849" s="10"/>
    </row>
    <row r="125850" spans="14:14">
      <c r="N125850" s="10"/>
    </row>
    <row r="125851" spans="14:14">
      <c r="N125851" s="10"/>
    </row>
    <row r="125852" spans="14:14">
      <c r="N125852" s="10"/>
    </row>
    <row r="125853" spans="14:14">
      <c r="N125853" s="10"/>
    </row>
    <row r="125854" spans="14:14">
      <c r="N125854" s="10"/>
    </row>
    <row r="125855" spans="14:14">
      <c r="N125855" s="10"/>
    </row>
    <row r="125856" spans="14:14">
      <c r="N125856" s="10"/>
    </row>
    <row r="125857" spans="14:14">
      <c r="N125857" s="10"/>
    </row>
    <row r="125858" spans="14:14">
      <c r="N125858" s="10"/>
    </row>
    <row r="125859" spans="14:14">
      <c r="N125859" s="10"/>
    </row>
    <row r="125860" spans="14:14">
      <c r="N125860" s="10"/>
    </row>
    <row r="125861" spans="14:14">
      <c r="N125861" s="10"/>
    </row>
    <row r="125862" spans="14:14">
      <c r="N125862" s="10"/>
    </row>
    <row r="125863" spans="14:14">
      <c r="N125863" s="10"/>
    </row>
    <row r="125864" spans="14:14">
      <c r="N125864" s="10"/>
    </row>
    <row r="125865" spans="14:14">
      <c r="N125865" s="10"/>
    </row>
    <row r="125866" spans="14:14">
      <c r="N125866" s="10"/>
    </row>
    <row r="125867" spans="14:14">
      <c r="N125867" s="10"/>
    </row>
    <row r="125868" spans="14:14">
      <c r="N125868" s="10"/>
    </row>
    <row r="125869" spans="14:14">
      <c r="N125869" s="10"/>
    </row>
    <row r="125870" spans="14:14">
      <c r="N125870" s="10"/>
    </row>
    <row r="125871" spans="14:14">
      <c r="N125871" s="10"/>
    </row>
    <row r="125872" spans="14:14">
      <c r="N125872" s="10"/>
    </row>
    <row r="125873" spans="14:14">
      <c r="N125873" s="10"/>
    </row>
    <row r="125874" spans="14:14">
      <c r="N125874" s="10"/>
    </row>
    <row r="125875" spans="14:14">
      <c r="N125875" s="10"/>
    </row>
    <row r="125876" spans="14:14">
      <c r="N125876" s="10"/>
    </row>
    <row r="125877" spans="14:14">
      <c r="N125877" s="10"/>
    </row>
    <row r="125878" spans="14:14">
      <c r="N125878" s="10"/>
    </row>
    <row r="125879" spans="14:14">
      <c r="N125879" s="10"/>
    </row>
    <row r="125880" spans="14:14">
      <c r="N125880" s="10"/>
    </row>
    <row r="125881" spans="14:14">
      <c r="N125881" s="10"/>
    </row>
    <row r="125882" spans="14:14">
      <c r="N125882" s="10"/>
    </row>
    <row r="125883" spans="14:14">
      <c r="N125883" s="10"/>
    </row>
    <row r="125884" spans="14:14">
      <c r="N125884" s="10"/>
    </row>
    <row r="125885" spans="14:14">
      <c r="N125885" s="10"/>
    </row>
    <row r="125886" spans="14:14">
      <c r="N125886" s="10"/>
    </row>
    <row r="125887" spans="14:14">
      <c r="N125887" s="10"/>
    </row>
    <row r="125888" spans="14:14">
      <c r="N125888" s="10"/>
    </row>
    <row r="125889" spans="14:14">
      <c r="N125889" s="10"/>
    </row>
    <row r="125890" spans="14:14">
      <c r="N125890" s="10"/>
    </row>
    <row r="125891" spans="14:14">
      <c r="N125891" s="10"/>
    </row>
    <row r="125892" spans="14:14">
      <c r="N125892" s="10"/>
    </row>
    <row r="125893" spans="14:14">
      <c r="N125893" s="10"/>
    </row>
    <row r="125894" spans="14:14">
      <c r="N125894" s="10"/>
    </row>
    <row r="125895" spans="14:14">
      <c r="N125895" s="10"/>
    </row>
    <row r="125896" spans="14:14">
      <c r="N125896" s="10"/>
    </row>
    <row r="125897" spans="14:14">
      <c r="N125897" s="10"/>
    </row>
    <row r="125898" spans="14:14">
      <c r="N125898" s="10"/>
    </row>
    <row r="125899" spans="14:14">
      <c r="N125899" s="10"/>
    </row>
    <row r="125900" spans="14:14">
      <c r="N125900" s="10"/>
    </row>
    <row r="125901" spans="14:14">
      <c r="N125901" s="10"/>
    </row>
    <row r="125902" spans="14:14">
      <c r="N125902" s="10"/>
    </row>
    <row r="125903" spans="14:14">
      <c r="N125903" s="10"/>
    </row>
    <row r="125904" spans="14:14">
      <c r="N125904" s="10"/>
    </row>
    <row r="125905" spans="14:14">
      <c r="N125905" s="10"/>
    </row>
    <row r="125906" spans="14:14">
      <c r="N125906" s="10"/>
    </row>
    <row r="125907" spans="14:14">
      <c r="N125907" s="10"/>
    </row>
    <row r="125908" spans="14:14">
      <c r="N125908" s="10"/>
    </row>
    <row r="125909" spans="14:14">
      <c r="N125909" s="10"/>
    </row>
    <row r="125910" spans="14:14">
      <c r="N125910" s="10"/>
    </row>
    <row r="125911" spans="14:14">
      <c r="N125911" s="10"/>
    </row>
    <row r="125912" spans="14:14">
      <c r="N125912" s="10"/>
    </row>
    <row r="125913" spans="14:14">
      <c r="N125913" s="10"/>
    </row>
    <row r="125914" spans="14:14">
      <c r="N125914" s="10"/>
    </row>
    <row r="125915" spans="14:14">
      <c r="N125915" s="10"/>
    </row>
    <row r="125916" spans="14:14">
      <c r="N125916" s="10"/>
    </row>
    <row r="125917" spans="14:14">
      <c r="N125917" s="10"/>
    </row>
    <row r="125918" spans="14:14">
      <c r="N125918" s="10"/>
    </row>
    <row r="125919" spans="14:14">
      <c r="N125919" s="10"/>
    </row>
    <row r="125920" spans="14:14">
      <c r="N125920" s="10"/>
    </row>
    <row r="125921" spans="14:14">
      <c r="N125921" s="10"/>
    </row>
    <row r="125922" spans="14:14">
      <c r="N125922" s="10"/>
    </row>
    <row r="125923" spans="14:14">
      <c r="N125923" s="10"/>
    </row>
    <row r="125924" spans="14:14">
      <c r="N125924" s="10"/>
    </row>
    <row r="125925" spans="14:14">
      <c r="N125925" s="10"/>
    </row>
    <row r="125926" spans="14:14">
      <c r="N125926" s="10"/>
    </row>
    <row r="125927" spans="14:14">
      <c r="N125927" s="10"/>
    </row>
    <row r="125928" spans="14:14">
      <c r="N125928" s="10"/>
    </row>
    <row r="125929" spans="14:14">
      <c r="N125929" s="10"/>
    </row>
    <row r="125930" spans="14:14">
      <c r="N125930" s="10"/>
    </row>
    <row r="125931" spans="14:14">
      <c r="N125931" s="10"/>
    </row>
    <row r="125932" spans="14:14">
      <c r="N125932" s="10"/>
    </row>
    <row r="125933" spans="14:14">
      <c r="N125933" s="10"/>
    </row>
    <row r="125934" spans="14:14">
      <c r="N125934" s="10"/>
    </row>
    <row r="125935" spans="14:14">
      <c r="N125935" s="10"/>
    </row>
    <row r="125936" spans="14:14">
      <c r="N125936" s="10"/>
    </row>
    <row r="125937" spans="14:14">
      <c r="N125937" s="10"/>
    </row>
    <row r="125938" spans="14:14">
      <c r="N125938" s="10"/>
    </row>
    <row r="125939" spans="14:14">
      <c r="N125939" s="10"/>
    </row>
    <row r="125940" spans="14:14">
      <c r="N125940" s="10"/>
    </row>
    <row r="125941" spans="14:14">
      <c r="N125941" s="10"/>
    </row>
    <row r="125942" spans="14:14">
      <c r="N125942" s="10"/>
    </row>
    <row r="125943" spans="14:14">
      <c r="N125943" s="10"/>
    </row>
    <row r="125944" spans="14:14">
      <c r="N125944" s="10"/>
    </row>
    <row r="125945" spans="14:14">
      <c r="N125945" s="10"/>
    </row>
    <row r="125946" spans="14:14">
      <c r="N125946" s="10"/>
    </row>
    <row r="125947" spans="14:14">
      <c r="N125947" s="10"/>
    </row>
    <row r="125948" spans="14:14">
      <c r="N125948" s="10"/>
    </row>
    <row r="125949" spans="14:14">
      <c r="N125949" s="10"/>
    </row>
    <row r="125950" spans="14:14">
      <c r="N125950" s="10"/>
    </row>
    <row r="125951" spans="14:14">
      <c r="N125951" s="10"/>
    </row>
    <row r="125952" spans="14:14">
      <c r="N125952" s="10"/>
    </row>
    <row r="125953" spans="14:14">
      <c r="N125953" s="10"/>
    </row>
    <row r="125954" spans="14:14">
      <c r="N125954" s="10"/>
    </row>
    <row r="125955" spans="14:14">
      <c r="N125955" s="10"/>
    </row>
    <row r="125956" spans="14:14">
      <c r="N125956" s="10"/>
    </row>
    <row r="125957" spans="14:14">
      <c r="N125957" s="10"/>
    </row>
    <row r="125958" spans="14:14">
      <c r="N125958" s="10"/>
    </row>
    <row r="125959" spans="14:14">
      <c r="N125959" s="10"/>
    </row>
    <row r="125960" spans="14:14">
      <c r="N125960" s="10"/>
    </row>
    <row r="125961" spans="14:14">
      <c r="N125961" s="10"/>
    </row>
    <row r="125962" spans="14:14">
      <c r="N125962" s="10"/>
    </row>
    <row r="125963" spans="14:14">
      <c r="N125963" s="10"/>
    </row>
    <row r="125964" spans="14:14">
      <c r="N125964" s="10"/>
    </row>
    <row r="125965" spans="14:14">
      <c r="N125965" s="10"/>
    </row>
    <row r="125966" spans="14:14">
      <c r="N125966" s="10"/>
    </row>
    <row r="125967" spans="14:14">
      <c r="N125967" s="10"/>
    </row>
    <row r="125968" spans="14:14">
      <c r="N125968" s="10"/>
    </row>
    <row r="125969" spans="14:14">
      <c r="N125969" s="10"/>
    </row>
    <row r="125970" spans="14:14">
      <c r="N125970" s="10"/>
    </row>
    <row r="125971" spans="14:14">
      <c r="N125971" s="10"/>
    </row>
    <row r="125972" spans="14:14">
      <c r="N125972" s="10"/>
    </row>
    <row r="125973" spans="14:14">
      <c r="N125973" s="10"/>
    </row>
    <row r="125974" spans="14:14">
      <c r="N125974" s="10"/>
    </row>
    <row r="125975" spans="14:14">
      <c r="N125975" s="10"/>
    </row>
    <row r="125976" spans="14:14">
      <c r="N125976" s="10"/>
    </row>
    <row r="125977" spans="14:14">
      <c r="N125977" s="10"/>
    </row>
    <row r="125978" spans="14:14">
      <c r="N125978" s="10"/>
    </row>
    <row r="125979" spans="14:14">
      <c r="N125979" s="10"/>
    </row>
    <row r="125980" spans="14:14">
      <c r="N125980" s="10"/>
    </row>
    <row r="125981" spans="14:14">
      <c r="N125981" s="10"/>
    </row>
    <row r="125982" spans="14:14">
      <c r="N125982" s="10"/>
    </row>
    <row r="125983" spans="14:14">
      <c r="N125983" s="10"/>
    </row>
    <row r="125984" spans="14:14">
      <c r="N125984" s="10"/>
    </row>
    <row r="125985" spans="14:14">
      <c r="N125985" s="10"/>
    </row>
    <row r="125986" spans="14:14">
      <c r="N125986" s="10"/>
    </row>
    <row r="125987" spans="14:14">
      <c r="N125987" s="10"/>
    </row>
    <row r="125988" spans="14:14">
      <c r="N125988" s="10"/>
    </row>
    <row r="125989" spans="14:14">
      <c r="N125989" s="10"/>
    </row>
    <row r="125990" spans="14:14">
      <c r="N125990" s="10"/>
    </row>
    <row r="125991" spans="14:14">
      <c r="N125991" s="10"/>
    </row>
    <row r="125992" spans="14:14">
      <c r="N125992" s="10"/>
    </row>
    <row r="125993" spans="14:14">
      <c r="N125993" s="10"/>
    </row>
    <row r="125994" spans="14:14">
      <c r="N125994" s="10"/>
    </row>
    <row r="125995" spans="14:14">
      <c r="N125995" s="10"/>
    </row>
    <row r="125996" spans="14:14">
      <c r="N125996" s="10"/>
    </row>
    <row r="125997" spans="14:14">
      <c r="N125997" s="10"/>
    </row>
    <row r="125998" spans="14:14">
      <c r="N125998" s="10"/>
    </row>
    <row r="125999" spans="14:14">
      <c r="N125999" s="10"/>
    </row>
    <row r="126000" spans="14:14">
      <c r="N126000" s="10"/>
    </row>
    <row r="126001" spans="14:14">
      <c r="N126001" s="10"/>
    </row>
    <row r="126002" spans="14:14">
      <c r="N126002" s="10"/>
    </row>
    <row r="126003" spans="14:14">
      <c r="N126003" s="10"/>
    </row>
    <row r="126004" spans="14:14">
      <c r="N126004" s="10"/>
    </row>
    <row r="126005" spans="14:14">
      <c r="N126005" s="10"/>
    </row>
    <row r="126006" spans="14:14">
      <c r="N126006" s="10"/>
    </row>
    <row r="126007" spans="14:14">
      <c r="N126007" s="10"/>
    </row>
    <row r="126008" spans="14:14">
      <c r="N126008" s="10"/>
    </row>
    <row r="126009" spans="14:14">
      <c r="N126009" s="10"/>
    </row>
    <row r="126010" spans="14:14">
      <c r="N126010" s="10"/>
    </row>
    <row r="126011" spans="14:14">
      <c r="N126011" s="10"/>
    </row>
    <row r="126012" spans="14:14">
      <c r="N126012" s="10"/>
    </row>
    <row r="126013" spans="14:14">
      <c r="N126013" s="10"/>
    </row>
    <row r="126014" spans="14:14">
      <c r="N126014" s="10"/>
    </row>
    <row r="126015" spans="14:14">
      <c r="N126015" s="10"/>
    </row>
    <row r="126016" spans="14:14">
      <c r="N126016" s="10"/>
    </row>
    <row r="126017" spans="14:14">
      <c r="N126017" s="10"/>
    </row>
    <row r="126018" spans="14:14">
      <c r="N126018" s="10"/>
    </row>
    <row r="126019" spans="14:14">
      <c r="N126019" s="10"/>
    </row>
    <row r="126020" spans="14:14">
      <c r="N126020" s="10"/>
    </row>
    <row r="126021" spans="14:14">
      <c r="N126021" s="10"/>
    </row>
    <row r="126022" spans="14:14">
      <c r="N126022" s="10"/>
    </row>
    <row r="126023" spans="14:14">
      <c r="N126023" s="10"/>
    </row>
    <row r="126024" spans="14:14">
      <c r="N126024" s="10"/>
    </row>
    <row r="126025" spans="14:14">
      <c r="N126025" s="10"/>
    </row>
    <row r="126026" spans="14:14">
      <c r="N126026" s="10"/>
    </row>
    <row r="126027" spans="14:14">
      <c r="N126027" s="10"/>
    </row>
    <row r="126028" spans="14:14">
      <c r="N126028" s="10"/>
    </row>
    <row r="126029" spans="14:14">
      <c r="N126029" s="10"/>
    </row>
    <row r="126030" spans="14:14">
      <c r="N126030" s="10"/>
    </row>
    <row r="126031" spans="14:14">
      <c r="N126031" s="10"/>
    </row>
    <row r="126032" spans="14:14">
      <c r="N126032" s="10"/>
    </row>
    <row r="126033" spans="14:14">
      <c r="N126033" s="10"/>
    </row>
    <row r="126034" spans="14:14">
      <c r="N126034" s="10"/>
    </row>
    <row r="126035" spans="14:14">
      <c r="N126035" s="10"/>
    </row>
    <row r="126036" spans="14:14">
      <c r="N126036" s="10"/>
    </row>
    <row r="126037" spans="14:14">
      <c r="N126037" s="10"/>
    </row>
    <row r="126038" spans="14:14">
      <c r="N126038" s="10"/>
    </row>
    <row r="126039" spans="14:14">
      <c r="N126039" s="10"/>
    </row>
    <row r="126040" spans="14:14">
      <c r="N126040" s="10"/>
    </row>
    <row r="126041" spans="14:14">
      <c r="N126041" s="10"/>
    </row>
    <row r="126042" spans="14:14">
      <c r="N126042" s="10"/>
    </row>
    <row r="126043" spans="14:14">
      <c r="N126043" s="10"/>
    </row>
    <row r="126044" spans="14:14">
      <c r="N126044" s="10"/>
    </row>
    <row r="126045" spans="14:14">
      <c r="N126045" s="10"/>
    </row>
    <row r="126046" spans="14:14">
      <c r="N126046" s="10"/>
    </row>
    <row r="126047" spans="14:14">
      <c r="N126047" s="10"/>
    </row>
    <row r="126048" spans="14:14">
      <c r="N126048" s="10"/>
    </row>
    <row r="126049" spans="14:14">
      <c r="N126049" s="10"/>
    </row>
    <row r="126050" spans="14:14">
      <c r="N126050" s="10"/>
    </row>
    <row r="126051" spans="14:14">
      <c r="N126051" s="10"/>
    </row>
    <row r="126052" spans="14:14">
      <c r="N126052" s="10"/>
    </row>
    <row r="126053" spans="14:14">
      <c r="N126053" s="10"/>
    </row>
    <row r="126054" spans="14:14">
      <c r="N126054" s="10"/>
    </row>
    <row r="126055" spans="14:14">
      <c r="N126055" s="10"/>
    </row>
    <row r="126056" spans="14:14">
      <c r="N126056" s="10"/>
    </row>
    <row r="126057" spans="14:14">
      <c r="N126057" s="10"/>
    </row>
    <row r="126058" spans="14:14">
      <c r="N126058" s="10"/>
    </row>
    <row r="126059" spans="14:14">
      <c r="N126059" s="10"/>
    </row>
    <row r="126060" spans="14:14">
      <c r="N126060" s="10"/>
    </row>
    <row r="126061" spans="14:14">
      <c r="N126061" s="10"/>
    </row>
    <row r="126062" spans="14:14">
      <c r="N126062" s="10"/>
    </row>
    <row r="126063" spans="14:14">
      <c r="N126063" s="10"/>
    </row>
    <row r="126064" spans="14:14">
      <c r="N126064" s="10"/>
    </row>
    <row r="126065" spans="14:14">
      <c r="N126065" s="10"/>
    </row>
    <row r="126066" spans="14:14">
      <c r="N126066" s="10"/>
    </row>
    <row r="126067" spans="14:14">
      <c r="N126067" s="10"/>
    </row>
    <row r="126068" spans="14:14">
      <c r="N126068" s="10"/>
    </row>
    <row r="126069" spans="14:14">
      <c r="N126069" s="10"/>
    </row>
    <row r="126070" spans="14:14">
      <c r="N126070" s="10"/>
    </row>
    <row r="126071" spans="14:14">
      <c r="N126071" s="10"/>
    </row>
    <row r="126072" spans="14:14">
      <c r="N126072" s="10"/>
    </row>
    <row r="126073" spans="14:14">
      <c r="N126073" s="10"/>
    </row>
    <row r="126074" spans="14:14">
      <c r="N126074" s="10"/>
    </row>
    <row r="126075" spans="14:14">
      <c r="N126075" s="10"/>
    </row>
    <row r="126076" spans="14:14">
      <c r="N126076" s="10"/>
    </row>
    <row r="126077" spans="14:14">
      <c r="N126077" s="10"/>
    </row>
    <row r="126078" spans="14:14">
      <c r="N126078" s="10"/>
    </row>
    <row r="126079" spans="14:14">
      <c r="N126079" s="10"/>
    </row>
    <row r="126080" spans="14:14">
      <c r="N126080" s="10"/>
    </row>
    <row r="126081" spans="14:14">
      <c r="N126081" s="10"/>
    </row>
    <row r="126082" spans="14:14">
      <c r="N126082" s="10"/>
    </row>
    <row r="126083" spans="14:14">
      <c r="N126083" s="10"/>
    </row>
    <row r="126084" spans="14:14">
      <c r="N126084" s="10"/>
    </row>
    <row r="126085" spans="14:14">
      <c r="N126085" s="10"/>
    </row>
    <row r="126086" spans="14:14">
      <c r="N126086" s="10"/>
    </row>
    <row r="126087" spans="14:14">
      <c r="N126087" s="10"/>
    </row>
    <row r="126088" spans="14:14">
      <c r="N126088" s="10"/>
    </row>
    <row r="126089" spans="14:14">
      <c r="N126089" s="10"/>
    </row>
    <row r="126090" spans="14:14">
      <c r="N126090" s="10"/>
    </row>
    <row r="126091" spans="14:14">
      <c r="N126091" s="10"/>
    </row>
    <row r="126092" spans="14:14">
      <c r="N126092" s="10"/>
    </row>
    <row r="126093" spans="14:14">
      <c r="N126093" s="10"/>
    </row>
    <row r="126094" spans="14:14">
      <c r="N126094" s="10"/>
    </row>
    <row r="126095" spans="14:14">
      <c r="N126095" s="10"/>
    </row>
    <row r="126096" spans="14:14">
      <c r="N126096" s="10"/>
    </row>
    <row r="126097" spans="14:14">
      <c r="N126097" s="10"/>
    </row>
    <row r="126098" spans="14:14">
      <c r="N126098" s="10"/>
    </row>
    <row r="126099" spans="14:14">
      <c r="N126099" s="10"/>
    </row>
    <row r="126100" spans="14:14">
      <c r="N126100" s="10"/>
    </row>
    <row r="126101" spans="14:14">
      <c r="N126101" s="10"/>
    </row>
    <row r="126102" spans="14:14">
      <c r="N126102" s="10"/>
    </row>
    <row r="126103" spans="14:14">
      <c r="N126103" s="10"/>
    </row>
    <row r="126104" spans="14:14">
      <c r="N126104" s="10"/>
    </row>
    <row r="126105" spans="14:14">
      <c r="N126105" s="10"/>
    </row>
    <row r="126106" spans="14:14">
      <c r="N126106" s="10"/>
    </row>
    <row r="126107" spans="14:14">
      <c r="N126107" s="10"/>
    </row>
    <row r="126108" spans="14:14">
      <c r="N126108" s="10"/>
    </row>
    <row r="126109" spans="14:14">
      <c r="N126109" s="10"/>
    </row>
    <row r="126110" spans="14:14">
      <c r="N126110" s="10"/>
    </row>
    <row r="126111" spans="14:14">
      <c r="N126111" s="10"/>
    </row>
    <row r="126112" spans="14:14">
      <c r="N126112" s="10"/>
    </row>
    <row r="126113" spans="14:14">
      <c r="N126113" s="10"/>
    </row>
    <row r="126114" spans="14:14">
      <c r="N126114" s="10"/>
    </row>
    <row r="126115" spans="14:14">
      <c r="N126115" s="10"/>
    </row>
    <row r="126116" spans="14:14">
      <c r="N126116" s="10"/>
    </row>
    <row r="126117" spans="14:14">
      <c r="N126117" s="10"/>
    </row>
    <row r="126118" spans="14:14">
      <c r="N126118" s="10"/>
    </row>
    <row r="126119" spans="14:14">
      <c r="N126119" s="10"/>
    </row>
    <row r="126120" spans="14:14">
      <c r="N126120" s="10"/>
    </row>
    <row r="126121" spans="14:14">
      <c r="N126121" s="10"/>
    </row>
    <row r="126122" spans="14:14">
      <c r="N126122" s="10"/>
    </row>
    <row r="126123" spans="14:14">
      <c r="N126123" s="10"/>
    </row>
    <row r="126124" spans="14:14">
      <c r="N126124" s="10"/>
    </row>
    <row r="126125" spans="14:14">
      <c r="N126125" s="10"/>
    </row>
    <row r="126126" spans="14:14">
      <c r="N126126" s="10"/>
    </row>
    <row r="126127" spans="14:14">
      <c r="N126127" s="10"/>
    </row>
    <row r="126128" spans="14:14">
      <c r="N126128" s="10"/>
    </row>
    <row r="126129" spans="14:14">
      <c r="N126129" s="10"/>
    </row>
    <row r="126130" spans="14:14">
      <c r="N126130" s="10"/>
    </row>
    <row r="126131" spans="14:14">
      <c r="N126131" s="10"/>
    </row>
    <row r="126132" spans="14:14">
      <c r="N126132" s="10"/>
    </row>
    <row r="126133" spans="14:14">
      <c r="N126133" s="10"/>
    </row>
    <row r="126134" spans="14:14">
      <c r="N126134" s="10"/>
    </row>
    <row r="126135" spans="14:14">
      <c r="N126135" s="10"/>
    </row>
    <row r="126136" spans="14:14">
      <c r="N126136" s="10"/>
    </row>
    <row r="126137" spans="14:14">
      <c r="N126137" s="10"/>
    </row>
    <row r="126138" spans="14:14">
      <c r="N126138" s="10"/>
    </row>
    <row r="126139" spans="14:14">
      <c r="N126139" s="10"/>
    </row>
    <row r="126140" spans="14:14">
      <c r="N126140" s="10"/>
    </row>
    <row r="126141" spans="14:14">
      <c r="N126141" s="10"/>
    </row>
    <row r="126142" spans="14:14">
      <c r="N126142" s="10"/>
    </row>
    <row r="126143" spans="14:14">
      <c r="N126143" s="10"/>
    </row>
    <row r="126144" spans="14:14">
      <c r="N126144" s="10"/>
    </row>
    <row r="126145" spans="14:14">
      <c r="N126145" s="10"/>
    </row>
    <row r="126146" spans="14:14">
      <c r="N126146" s="10"/>
    </row>
    <row r="126147" spans="14:14">
      <c r="N126147" s="10"/>
    </row>
    <row r="126148" spans="14:14">
      <c r="N126148" s="10"/>
    </row>
    <row r="126149" spans="14:14">
      <c r="N126149" s="10"/>
    </row>
    <row r="126150" spans="14:14">
      <c r="N126150" s="10"/>
    </row>
    <row r="126151" spans="14:14">
      <c r="N126151" s="10"/>
    </row>
    <row r="126152" spans="14:14">
      <c r="N126152" s="10"/>
    </row>
    <row r="126153" spans="14:14">
      <c r="N126153" s="10"/>
    </row>
    <row r="126154" spans="14:14">
      <c r="N126154" s="10"/>
    </row>
    <row r="126155" spans="14:14">
      <c r="N126155" s="10"/>
    </row>
    <row r="126156" spans="14:14">
      <c r="N126156" s="10"/>
    </row>
    <row r="126157" spans="14:14">
      <c r="N126157" s="10"/>
    </row>
    <row r="126158" spans="14:14">
      <c r="N126158" s="10"/>
    </row>
    <row r="126159" spans="14:14">
      <c r="N126159" s="10"/>
    </row>
    <row r="126160" spans="14:14">
      <c r="N126160" s="10"/>
    </row>
    <row r="126161" spans="14:14">
      <c r="N126161" s="10"/>
    </row>
    <row r="126162" spans="14:14">
      <c r="N126162" s="10"/>
    </row>
    <row r="126163" spans="14:14">
      <c r="N126163" s="10"/>
    </row>
    <row r="126164" spans="14:14">
      <c r="N126164" s="10"/>
    </row>
    <row r="126165" spans="14:14">
      <c r="N126165" s="10"/>
    </row>
    <row r="126166" spans="14:14">
      <c r="N126166" s="10"/>
    </row>
    <row r="126167" spans="14:14">
      <c r="N126167" s="10"/>
    </row>
    <row r="126168" spans="14:14">
      <c r="N126168" s="10"/>
    </row>
    <row r="126169" spans="14:14">
      <c r="N126169" s="10"/>
    </row>
    <row r="126170" spans="14:14">
      <c r="N126170" s="10"/>
    </row>
    <row r="126171" spans="14:14">
      <c r="N126171" s="10"/>
    </row>
    <row r="126172" spans="14:14">
      <c r="N126172" s="10"/>
    </row>
    <row r="126173" spans="14:14">
      <c r="N126173" s="10"/>
    </row>
    <row r="126174" spans="14:14">
      <c r="N126174" s="10"/>
    </row>
    <row r="126175" spans="14:14">
      <c r="N126175" s="10"/>
    </row>
    <row r="126176" spans="14:14">
      <c r="N126176" s="10"/>
    </row>
    <row r="126177" spans="14:14">
      <c r="N126177" s="10"/>
    </row>
    <row r="126178" spans="14:14">
      <c r="N126178" s="10"/>
    </row>
    <row r="126179" spans="14:14">
      <c r="N126179" s="10"/>
    </row>
    <row r="126180" spans="14:14">
      <c r="N126180" s="10"/>
    </row>
    <row r="126181" spans="14:14">
      <c r="N126181" s="10"/>
    </row>
    <row r="126182" spans="14:14">
      <c r="N126182" s="10"/>
    </row>
    <row r="126183" spans="14:14">
      <c r="N126183" s="10"/>
    </row>
    <row r="126184" spans="14:14">
      <c r="N126184" s="10"/>
    </row>
    <row r="126185" spans="14:14">
      <c r="N126185" s="10"/>
    </row>
    <row r="126186" spans="14:14">
      <c r="N126186" s="10"/>
    </row>
    <row r="126187" spans="14:14">
      <c r="N126187" s="10"/>
    </row>
    <row r="126188" spans="14:14">
      <c r="N126188" s="10"/>
    </row>
    <row r="126189" spans="14:14">
      <c r="N126189" s="10"/>
    </row>
    <row r="126190" spans="14:14">
      <c r="N126190" s="10"/>
    </row>
    <row r="126191" spans="14:14">
      <c r="N126191" s="10"/>
    </row>
    <row r="126192" spans="14:14">
      <c r="N126192" s="10"/>
    </row>
    <row r="126193" spans="14:14">
      <c r="N126193" s="10"/>
    </row>
    <row r="126194" spans="14:14">
      <c r="N126194" s="10"/>
    </row>
    <row r="126195" spans="14:14">
      <c r="N126195" s="10"/>
    </row>
    <row r="126196" spans="14:14">
      <c r="N126196" s="10"/>
    </row>
    <row r="126197" spans="14:14">
      <c r="N126197" s="10"/>
    </row>
    <row r="126198" spans="14:14">
      <c r="N126198" s="10"/>
    </row>
    <row r="126199" spans="14:14">
      <c r="N126199" s="10"/>
    </row>
    <row r="126200" spans="14:14">
      <c r="N126200" s="10"/>
    </row>
    <row r="126201" spans="14:14">
      <c r="N126201" s="10"/>
    </row>
    <row r="126202" spans="14:14">
      <c r="N126202" s="10"/>
    </row>
    <row r="126203" spans="14:14">
      <c r="N126203" s="10"/>
    </row>
    <row r="126204" spans="14:14">
      <c r="N126204" s="10"/>
    </row>
    <row r="126205" spans="14:14">
      <c r="N126205" s="10"/>
    </row>
    <row r="126206" spans="14:14">
      <c r="N126206" s="10"/>
    </row>
    <row r="126207" spans="14:14">
      <c r="N126207" s="10"/>
    </row>
    <row r="126208" spans="14:14">
      <c r="N126208" s="10"/>
    </row>
    <row r="126209" spans="14:14">
      <c r="N126209" s="10"/>
    </row>
    <row r="126210" spans="14:14">
      <c r="N126210" s="10"/>
    </row>
    <row r="126211" spans="14:14">
      <c r="N126211" s="10"/>
    </row>
    <row r="126212" spans="14:14">
      <c r="N126212" s="10"/>
    </row>
    <row r="126213" spans="14:14">
      <c r="N126213" s="10"/>
    </row>
    <row r="126214" spans="14:14">
      <c r="N126214" s="10"/>
    </row>
    <row r="126215" spans="14:14">
      <c r="N126215" s="10"/>
    </row>
    <row r="126216" spans="14:14">
      <c r="N126216" s="10"/>
    </row>
    <row r="126217" spans="14:14">
      <c r="N126217" s="10"/>
    </row>
    <row r="126218" spans="14:14">
      <c r="N126218" s="10"/>
    </row>
    <row r="126219" spans="14:14">
      <c r="N126219" s="10"/>
    </row>
    <row r="126220" spans="14:14">
      <c r="N126220" s="10"/>
    </row>
    <row r="126221" spans="14:14">
      <c r="N126221" s="10"/>
    </row>
    <row r="126222" spans="14:14">
      <c r="N126222" s="10"/>
    </row>
    <row r="126223" spans="14:14">
      <c r="N126223" s="10"/>
    </row>
    <row r="126224" spans="14:14">
      <c r="N126224" s="10"/>
    </row>
    <row r="126225" spans="14:14">
      <c r="N126225" s="10"/>
    </row>
    <row r="126226" spans="14:14">
      <c r="N126226" s="10"/>
    </row>
    <row r="126227" spans="14:14">
      <c r="N126227" s="10"/>
    </row>
    <row r="126228" spans="14:14">
      <c r="N126228" s="10"/>
    </row>
    <row r="126229" spans="14:14">
      <c r="N126229" s="10"/>
    </row>
    <row r="126230" spans="14:14">
      <c r="N126230" s="10"/>
    </row>
    <row r="126231" spans="14:14">
      <c r="N126231" s="10"/>
    </row>
    <row r="126232" spans="14:14">
      <c r="N126232" s="10"/>
    </row>
    <row r="126233" spans="14:14">
      <c r="N126233" s="10"/>
    </row>
    <row r="126234" spans="14:14">
      <c r="N126234" s="10"/>
    </row>
    <row r="126235" spans="14:14">
      <c r="N126235" s="10"/>
    </row>
    <row r="126236" spans="14:14">
      <c r="N126236" s="10"/>
    </row>
    <row r="126237" spans="14:14">
      <c r="N126237" s="10"/>
    </row>
    <row r="126238" spans="14:14">
      <c r="N126238" s="10"/>
    </row>
    <row r="126239" spans="14:14">
      <c r="N126239" s="10"/>
    </row>
    <row r="126240" spans="14:14">
      <c r="N126240" s="10"/>
    </row>
    <row r="126241" spans="14:14">
      <c r="N126241" s="10"/>
    </row>
    <row r="126242" spans="14:14">
      <c r="N126242" s="10"/>
    </row>
    <row r="126243" spans="14:14">
      <c r="N126243" s="10"/>
    </row>
    <row r="126244" spans="14:14">
      <c r="N126244" s="10"/>
    </row>
    <row r="126245" spans="14:14">
      <c r="N126245" s="10"/>
    </row>
    <row r="126246" spans="14:14">
      <c r="N126246" s="10"/>
    </row>
    <row r="126247" spans="14:14">
      <c r="N126247" s="10"/>
    </row>
    <row r="126248" spans="14:14">
      <c r="N126248" s="10"/>
    </row>
    <row r="126249" spans="14:14">
      <c r="N126249" s="10"/>
    </row>
    <row r="126250" spans="14:14">
      <c r="N126250" s="10"/>
    </row>
    <row r="126251" spans="14:14">
      <c r="N126251" s="10"/>
    </row>
    <row r="126252" spans="14:14">
      <c r="N126252" s="10"/>
    </row>
    <row r="126253" spans="14:14">
      <c r="N126253" s="10"/>
    </row>
    <row r="126254" spans="14:14">
      <c r="N126254" s="10"/>
    </row>
    <row r="126255" spans="14:14">
      <c r="N126255" s="10"/>
    </row>
    <row r="126256" spans="14:14">
      <c r="N126256" s="10"/>
    </row>
    <row r="126257" spans="14:14">
      <c r="N126257" s="10"/>
    </row>
    <row r="126258" spans="14:14">
      <c r="N126258" s="10"/>
    </row>
    <row r="126259" spans="14:14">
      <c r="N126259" s="10"/>
    </row>
    <row r="126260" spans="14:14">
      <c r="N126260" s="10"/>
    </row>
    <row r="126261" spans="14:14">
      <c r="N126261" s="10"/>
    </row>
    <row r="126262" spans="14:14">
      <c r="N126262" s="10"/>
    </row>
    <row r="126263" spans="14:14">
      <c r="N126263" s="10"/>
    </row>
    <row r="126264" spans="14:14">
      <c r="N126264" s="10"/>
    </row>
    <row r="126265" spans="14:14">
      <c r="N126265" s="10"/>
    </row>
    <row r="126266" spans="14:14">
      <c r="N126266" s="10"/>
    </row>
    <row r="126267" spans="14:14">
      <c r="N126267" s="10"/>
    </row>
    <row r="126268" spans="14:14">
      <c r="N126268" s="10"/>
    </row>
    <row r="126269" spans="14:14">
      <c r="N126269" s="10"/>
    </row>
    <row r="126270" spans="14:14">
      <c r="N126270" s="10"/>
    </row>
    <row r="126271" spans="14:14">
      <c r="N126271" s="10"/>
    </row>
    <row r="126272" spans="14:14">
      <c r="N126272" s="10"/>
    </row>
    <row r="126273" spans="14:14">
      <c r="N126273" s="10"/>
    </row>
    <row r="126274" spans="14:14">
      <c r="N126274" s="10"/>
    </row>
    <row r="126275" spans="14:14">
      <c r="N126275" s="10"/>
    </row>
    <row r="126276" spans="14:14">
      <c r="N126276" s="10"/>
    </row>
    <row r="126277" spans="14:14">
      <c r="N126277" s="10"/>
    </row>
    <row r="126278" spans="14:14">
      <c r="N126278" s="10"/>
    </row>
    <row r="126279" spans="14:14">
      <c r="N126279" s="10"/>
    </row>
    <row r="126280" spans="14:14">
      <c r="N126280" s="10"/>
    </row>
    <row r="126281" spans="14:14">
      <c r="N126281" s="10"/>
    </row>
    <row r="126282" spans="14:14">
      <c r="N126282" s="10"/>
    </row>
    <row r="126283" spans="14:14">
      <c r="N126283" s="10"/>
    </row>
    <row r="126284" spans="14:14">
      <c r="N126284" s="10"/>
    </row>
    <row r="126285" spans="14:14">
      <c r="N126285" s="10"/>
    </row>
    <row r="126286" spans="14:14">
      <c r="N126286" s="10"/>
    </row>
    <row r="126287" spans="14:14">
      <c r="N126287" s="10"/>
    </row>
    <row r="126288" spans="14:14">
      <c r="N126288" s="10"/>
    </row>
    <row r="126289" spans="14:14">
      <c r="N126289" s="10"/>
    </row>
    <row r="126290" spans="14:14">
      <c r="N126290" s="10"/>
    </row>
    <row r="126291" spans="14:14">
      <c r="N126291" s="10"/>
    </row>
    <row r="126292" spans="14:14">
      <c r="N126292" s="10"/>
    </row>
    <row r="126293" spans="14:14">
      <c r="N126293" s="10"/>
    </row>
    <row r="126294" spans="14:14">
      <c r="N126294" s="10"/>
    </row>
    <row r="126295" spans="14:14">
      <c r="N126295" s="10"/>
    </row>
    <row r="126296" spans="14:14">
      <c r="N126296" s="10"/>
    </row>
    <row r="126297" spans="14:14">
      <c r="N126297" s="10"/>
    </row>
    <row r="126298" spans="14:14">
      <c r="N126298" s="10"/>
    </row>
    <row r="126299" spans="14:14">
      <c r="N126299" s="10"/>
    </row>
    <row r="126300" spans="14:14">
      <c r="N126300" s="10"/>
    </row>
    <row r="126301" spans="14:14">
      <c r="N126301" s="10"/>
    </row>
    <row r="126302" spans="14:14">
      <c r="N126302" s="10"/>
    </row>
    <row r="126303" spans="14:14">
      <c r="N126303" s="10"/>
    </row>
    <row r="126304" spans="14:14">
      <c r="N126304" s="10"/>
    </row>
    <row r="126305" spans="14:14">
      <c r="N126305" s="10"/>
    </row>
    <row r="126306" spans="14:14">
      <c r="N126306" s="10"/>
    </row>
    <row r="126307" spans="14:14">
      <c r="N126307" s="10"/>
    </row>
    <row r="126308" spans="14:14">
      <c r="N126308" s="10"/>
    </row>
    <row r="126309" spans="14:14">
      <c r="N126309" s="10"/>
    </row>
    <row r="126310" spans="14:14">
      <c r="N126310" s="10"/>
    </row>
    <row r="126311" spans="14:14">
      <c r="N126311" s="10"/>
    </row>
    <row r="126312" spans="14:14">
      <c r="N126312" s="10"/>
    </row>
    <row r="126313" spans="14:14">
      <c r="N126313" s="10"/>
    </row>
    <row r="126314" spans="14:14">
      <c r="N126314" s="10"/>
    </row>
    <row r="126315" spans="14:14">
      <c r="N126315" s="10"/>
    </row>
    <row r="126316" spans="14:14">
      <c r="N126316" s="10"/>
    </row>
    <row r="126317" spans="14:14">
      <c r="N126317" s="10"/>
    </row>
    <row r="126318" spans="14:14">
      <c r="N126318" s="10"/>
    </row>
    <row r="126319" spans="14:14">
      <c r="N126319" s="10"/>
    </row>
    <row r="126320" spans="14:14">
      <c r="N126320" s="10"/>
    </row>
    <row r="126321" spans="14:14">
      <c r="N126321" s="10"/>
    </row>
    <row r="126322" spans="14:14">
      <c r="N126322" s="10"/>
    </row>
    <row r="126323" spans="14:14">
      <c r="N126323" s="10"/>
    </row>
    <row r="126324" spans="14:14">
      <c r="N126324" s="10"/>
    </row>
    <row r="126325" spans="14:14">
      <c r="N126325" s="10"/>
    </row>
    <row r="126326" spans="14:14">
      <c r="N126326" s="10"/>
    </row>
    <row r="126327" spans="14:14">
      <c r="N126327" s="10"/>
    </row>
    <row r="126328" spans="14:14">
      <c r="N126328" s="10"/>
    </row>
    <row r="126329" spans="14:14">
      <c r="N126329" s="10"/>
    </row>
    <row r="126330" spans="14:14">
      <c r="N126330" s="10"/>
    </row>
    <row r="126331" spans="14:14">
      <c r="N126331" s="10"/>
    </row>
    <row r="126332" spans="14:14">
      <c r="N126332" s="10"/>
    </row>
    <row r="126333" spans="14:14">
      <c r="N126333" s="10"/>
    </row>
    <row r="126334" spans="14:14">
      <c r="N126334" s="10"/>
    </row>
    <row r="126335" spans="14:14">
      <c r="N126335" s="10"/>
    </row>
    <row r="126336" spans="14:14">
      <c r="N126336" s="10"/>
    </row>
    <row r="126337" spans="14:14">
      <c r="N126337" s="10"/>
    </row>
    <row r="126338" spans="14:14">
      <c r="N126338" s="10"/>
    </row>
    <row r="126339" spans="14:14">
      <c r="N126339" s="10"/>
    </row>
    <row r="126340" spans="14:14">
      <c r="N126340" s="10"/>
    </row>
    <row r="126341" spans="14:14">
      <c r="N126341" s="10"/>
    </row>
    <row r="126342" spans="14:14">
      <c r="N126342" s="10"/>
    </row>
    <row r="126343" spans="14:14">
      <c r="N126343" s="10"/>
    </row>
    <row r="126344" spans="14:14">
      <c r="N126344" s="10"/>
    </row>
    <row r="126345" spans="14:14">
      <c r="N126345" s="10"/>
    </row>
    <row r="126346" spans="14:14">
      <c r="N126346" s="10"/>
    </row>
    <row r="126347" spans="14:14">
      <c r="N126347" s="10"/>
    </row>
    <row r="126348" spans="14:14">
      <c r="N126348" s="10"/>
    </row>
    <row r="126349" spans="14:14">
      <c r="N126349" s="10"/>
    </row>
    <row r="126350" spans="14:14">
      <c r="N126350" s="10"/>
    </row>
    <row r="126351" spans="14:14">
      <c r="N126351" s="10"/>
    </row>
    <row r="126352" spans="14:14">
      <c r="N126352" s="10"/>
    </row>
    <row r="126353" spans="14:14">
      <c r="N126353" s="10"/>
    </row>
    <row r="126354" spans="14:14">
      <c r="N126354" s="10"/>
    </row>
    <row r="126355" spans="14:14">
      <c r="N126355" s="10"/>
    </row>
    <row r="126356" spans="14:14">
      <c r="N126356" s="10"/>
    </row>
    <row r="126357" spans="14:14">
      <c r="N126357" s="10"/>
    </row>
    <row r="126358" spans="14:14">
      <c r="N126358" s="10"/>
    </row>
    <row r="126359" spans="14:14">
      <c r="N126359" s="10"/>
    </row>
    <row r="126360" spans="14:14">
      <c r="N126360" s="10"/>
    </row>
    <row r="126361" spans="14:14">
      <c r="N126361" s="10"/>
    </row>
    <row r="126362" spans="14:14">
      <c r="N126362" s="10"/>
    </row>
    <row r="126363" spans="14:14">
      <c r="N126363" s="10"/>
    </row>
    <row r="126364" spans="14:14">
      <c r="N126364" s="10"/>
    </row>
    <row r="126365" spans="14:14">
      <c r="N126365" s="10"/>
    </row>
    <row r="126366" spans="14:14">
      <c r="N126366" s="10"/>
    </row>
    <row r="126367" spans="14:14">
      <c r="N126367" s="10"/>
    </row>
    <row r="126368" spans="14:14">
      <c r="N126368" s="10"/>
    </row>
    <row r="126369" spans="14:14">
      <c r="N126369" s="10"/>
    </row>
    <row r="126370" spans="14:14">
      <c r="N126370" s="10"/>
    </row>
    <row r="126371" spans="14:14">
      <c r="N126371" s="10"/>
    </row>
    <row r="126372" spans="14:14">
      <c r="N126372" s="10"/>
    </row>
    <row r="126373" spans="14:14">
      <c r="N126373" s="10"/>
    </row>
    <row r="126374" spans="14:14">
      <c r="N126374" s="10"/>
    </row>
    <row r="126375" spans="14:14">
      <c r="N126375" s="10"/>
    </row>
    <row r="126376" spans="14:14">
      <c r="N126376" s="10"/>
    </row>
    <row r="126377" spans="14:14">
      <c r="N126377" s="10"/>
    </row>
    <row r="126378" spans="14:14">
      <c r="N126378" s="10"/>
    </row>
    <row r="126379" spans="14:14">
      <c r="N126379" s="10"/>
    </row>
    <row r="126380" spans="14:14">
      <c r="N126380" s="10"/>
    </row>
    <row r="126381" spans="14:14">
      <c r="N126381" s="10"/>
    </row>
    <row r="126382" spans="14:14">
      <c r="N126382" s="10"/>
    </row>
    <row r="126383" spans="14:14">
      <c r="N126383" s="10"/>
    </row>
    <row r="126384" spans="14:14">
      <c r="N126384" s="10"/>
    </row>
    <row r="126385" spans="14:14">
      <c r="N126385" s="10"/>
    </row>
    <row r="126386" spans="14:14">
      <c r="N126386" s="10"/>
    </row>
    <row r="126387" spans="14:14">
      <c r="N126387" s="10"/>
    </row>
    <row r="126388" spans="14:14">
      <c r="N126388" s="10"/>
    </row>
    <row r="126389" spans="14:14">
      <c r="N126389" s="10"/>
    </row>
    <row r="126390" spans="14:14">
      <c r="N126390" s="10"/>
    </row>
    <row r="126391" spans="14:14">
      <c r="N126391" s="10"/>
    </row>
    <row r="126392" spans="14:14">
      <c r="N126392" s="10"/>
    </row>
    <row r="126393" spans="14:14">
      <c r="N126393" s="10"/>
    </row>
    <row r="126394" spans="14:14">
      <c r="N126394" s="10"/>
    </row>
    <row r="126395" spans="14:14">
      <c r="N126395" s="10"/>
    </row>
    <row r="126396" spans="14:14">
      <c r="N126396" s="10"/>
    </row>
    <row r="126397" spans="14:14">
      <c r="N126397" s="10"/>
    </row>
    <row r="126398" spans="14:14">
      <c r="N126398" s="10"/>
    </row>
    <row r="126399" spans="14:14">
      <c r="N126399" s="10"/>
    </row>
    <row r="126400" spans="14:14">
      <c r="N126400" s="10"/>
    </row>
    <row r="126401" spans="14:14">
      <c r="N126401" s="10"/>
    </row>
    <row r="126402" spans="14:14">
      <c r="N126402" s="10"/>
    </row>
    <row r="126403" spans="14:14">
      <c r="N126403" s="10"/>
    </row>
    <row r="126404" spans="14:14">
      <c r="N126404" s="10"/>
    </row>
    <row r="126405" spans="14:14">
      <c r="N126405" s="10"/>
    </row>
    <row r="126406" spans="14:14">
      <c r="N126406" s="10"/>
    </row>
    <row r="126407" spans="14:14">
      <c r="N126407" s="10"/>
    </row>
    <row r="126408" spans="14:14">
      <c r="N126408" s="10"/>
    </row>
    <row r="126409" spans="14:14">
      <c r="N126409" s="10"/>
    </row>
    <row r="126410" spans="14:14">
      <c r="N126410" s="10"/>
    </row>
    <row r="126411" spans="14:14">
      <c r="N126411" s="10"/>
    </row>
    <row r="126412" spans="14:14">
      <c r="N126412" s="10"/>
    </row>
    <row r="126413" spans="14:14">
      <c r="N126413" s="10"/>
    </row>
    <row r="126414" spans="14:14">
      <c r="N126414" s="10"/>
    </row>
    <row r="126415" spans="14:14">
      <c r="N126415" s="10"/>
    </row>
    <row r="126416" spans="14:14">
      <c r="N126416" s="10"/>
    </row>
    <row r="126417" spans="14:14">
      <c r="N126417" s="10"/>
    </row>
    <row r="126418" spans="14:14">
      <c r="N126418" s="10"/>
    </row>
    <row r="126419" spans="14:14">
      <c r="N126419" s="10"/>
    </row>
    <row r="126420" spans="14:14">
      <c r="N126420" s="10"/>
    </row>
    <row r="126421" spans="14:14">
      <c r="N126421" s="10"/>
    </row>
    <row r="126422" spans="14:14">
      <c r="N126422" s="10"/>
    </row>
    <row r="126423" spans="14:14">
      <c r="N126423" s="10"/>
    </row>
    <row r="126424" spans="14:14">
      <c r="N126424" s="10"/>
    </row>
    <row r="126425" spans="14:14">
      <c r="N126425" s="10"/>
    </row>
    <row r="126426" spans="14:14">
      <c r="N126426" s="10"/>
    </row>
    <row r="126427" spans="14:14">
      <c r="N126427" s="10"/>
    </row>
    <row r="126428" spans="14:14">
      <c r="N126428" s="10"/>
    </row>
    <row r="126429" spans="14:14">
      <c r="N126429" s="10"/>
    </row>
    <row r="126430" spans="14:14">
      <c r="N126430" s="10"/>
    </row>
    <row r="126431" spans="14:14">
      <c r="N126431" s="10"/>
    </row>
    <row r="126432" spans="14:14">
      <c r="N126432" s="10"/>
    </row>
    <row r="126433" spans="14:14">
      <c r="N126433" s="10"/>
    </row>
    <row r="126434" spans="14:14">
      <c r="N126434" s="10"/>
    </row>
    <row r="126435" spans="14:14">
      <c r="N126435" s="10"/>
    </row>
    <row r="126436" spans="14:14">
      <c r="N126436" s="10"/>
    </row>
    <row r="126437" spans="14:14">
      <c r="N126437" s="10"/>
    </row>
    <row r="126438" spans="14:14">
      <c r="N126438" s="10"/>
    </row>
    <row r="126439" spans="14:14">
      <c r="N126439" s="10"/>
    </row>
    <row r="126440" spans="14:14">
      <c r="N126440" s="10"/>
    </row>
    <row r="126441" spans="14:14">
      <c r="N126441" s="10"/>
    </row>
    <row r="126442" spans="14:14">
      <c r="N126442" s="10"/>
    </row>
    <row r="126443" spans="14:14">
      <c r="N126443" s="10"/>
    </row>
    <row r="126444" spans="14:14">
      <c r="N126444" s="10"/>
    </row>
    <row r="126445" spans="14:14">
      <c r="N126445" s="10"/>
    </row>
    <row r="126446" spans="14:14">
      <c r="N126446" s="10"/>
    </row>
    <row r="126447" spans="14:14">
      <c r="N126447" s="10"/>
    </row>
    <row r="126448" spans="14:14">
      <c r="N126448" s="10"/>
    </row>
    <row r="126449" spans="14:14">
      <c r="N126449" s="10"/>
    </row>
    <row r="126450" spans="14:14">
      <c r="N126450" s="10"/>
    </row>
    <row r="126451" spans="14:14">
      <c r="N126451" s="10"/>
    </row>
    <row r="126452" spans="14:14">
      <c r="N126452" s="10"/>
    </row>
    <row r="126453" spans="14:14">
      <c r="N126453" s="10"/>
    </row>
    <row r="126454" spans="14:14">
      <c r="N126454" s="10"/>
    </row>
    <row r="126455" spans="14:14">
      <c r="N126455" s="10"/>
    </row>
    <row r="126456" spans="14:14">
      <c r="N126456" s="10"/>
    </row>
    <row r="126457" spans="14:14">
      <c r="N126457" s="10"/>
    </row>
    <row r="126458" spans="14:14">
      <c r="N126458" s="10"/>
    </row>
    <row r="126459" spans="14:14">
      <c r="N126459" s="10"/>
    </row>
    <row r="126460" spans="14:14">
      <c r="N126460" s="10"/>
    </row>
    <row r="126461" spans="14:14">
      <c r="N126461" s="10"/>
    </row>
    <row r="126462" spans="14:14">
      <c r="N126462" s="10"/>
    </row>
    <row r="126463" spans="14:14">
      <c r="N126463" s="10"/>
    </row>
    <row r="126464" spans="14:14">
      <c r="N126464" s="10"/>
    </row>
    <row r="126465" spans="14:14">
      <c r="N126465" s="10"/>
    </row>
    <row r="126466" spans="14:14">
      <c r="N126466" s="10"/>
    </row>
    <row r="126467" spans="14:14">
      <c r="N126467" s="10"/>
    </row>
    <row r="126468" spans="14:14">
      <c r="N126468" s="10"/>
    </row>
    <row r="126469" spans="14:14">
      <c r="N126469" s="10"/>
    </row>
    <row r="126470" spans="14:14">
      <c r="N126470" s="10"/>
    </row>
    <row r="126471" spans="14:14">
      <c r="N126471" s="10"/>
    </row>
    <row r="126472" spans="14:14">
      <c r="N126472" s="10"/>
    </row>
    <row r="126473" spans="14:14">
      <c r="N126473" s="10"/>
    </row>
    <row r="126474" spans="14:14">
      <c r="N126474" s="10"/>
    </row>
    <row r="126475" spans="14:14">
      <c r="N126475" s="10"/>
    </row>
    <row r="126476" spans="14:14">
      <c r="N126476" s="10"/>
    </row>
    <row r="126477" spans="14:14">
      <c r="N126477" s="10"/>
    </row>
    <row r="126478" spans="14:14">
      <c r="N126478" s="10"/>
    </row>
    <row r="126479" spans="14:14">
      <c r="N126479" s="10"/>
    </row>
    <row r="126480" spans="14:14">
      <c r="N126480" s="10"/>
    </row>
    <row r="126481" spans="14:14">
      <c r="N126481" s="10"/>
    </row>
    <row r="126482" spans="14:14">
      <c r="N126482" s="10"/>
    </row>
    <row r="126483" spans="14:14">
      <c r="N126483" s="10"/>
    </row>
    <row r="126484" spans="14:14">
      <c r="N126484" s="10"/>
    </row>
    <row r="126485" spans="14:14">
      <c r="N126485" s="10"/>
    </row>
    <row r="126486" spans="14:14">
      <c r="N126486" s="10"/>
    </row>
    <row r="126487" spans="14:14">
      <c r="N126487" s="10"/>
    </row>
    <row r="126488" spans="14:14">
      <c r="N126488" s="10"/>
    </row>
    <row r="126489" spans="14:14">
      <c r="N126489" s="10"/>
    </row>
    <row r="126490" spans="14:14">
      <c r="N126490" s="10"/>
    </row>
    <row r="126491" spans="14:14">
      <c r="N126491" s="10"/>
    </row>
    <row r="126492" spans="14:14">
      <c r="N126492" s="10"/>
    </row>
    <row r="126493" spans="14:14">
      <c r="N126493" s="10"/>
    </row>
    <row r="126494" spans="14:14">
      <c r="N126494" s="10"/>
    </row>
    <row r="126495" spans="14:14">
      <c r="N126495" s="10"/>
    </row>
    <row r="126496" spans="14:14">
      <c r="N126496" s="10"/>
    </row>
    <row r="126497" spans="14:14">
      <c r="N126497" s="10"/>
    </row>
    <row r="126498" spans="14:14">
      <c r="N126498" s="10"/>
    </row>
    <row r="126499" spans="14:14">
      <c r="N126499" s="10"/>
    </row>
    <row r="126500" spans="14:14">
      <c r="N126500" s="10"/>
    </row>
    <row r="126501" spans="14:14">
      <c r="N126501" s="10"/>
    </row>
    <row r="126502" spans="14:14">
      <c r="N126502" s="10"/>
    </row>
    <row r="126503" spans="14:14">
      <c r="N126503" s="10"/>
    </row>
    <row r="126504" spans="14:14">
      <c r="N126504" s="10"/>
    </row>
    <row r="126505" spans="14:14">
      <c r="N126505" s="10"/>
    </row>
    <row r="126506" spans="14:14">
      <c r="N126506" s="10"/>
    </row>
    <row r="126507" spans="14:14">
      <c r="N126507" s="10"/>
    </row>
    <row r="126508" spans="14:14">
      <c r="N126508" s="10"/>
    </row>
    <row r="126509" spans="14:14">
      <c r="N126509" s="10"/>
    </row>
    <row r="126510" spans="14:14">
      <c r="N126510" s="10"/>
    </row>
    <row r="126511" spans="14:14">
      <c r="N126511" s="10"/>
    </row>
    <row r="126512" spans="14:14">
      <c r="N126512" s="10"/>
    </row>
    <row r="126513" spans="14:14">
      <c r="N126513" s="10"/>
    </row>
    <row r="126514" spans="14:14">
      <c r="N126514" s="10"/>
    </row>
    <row r="126515" spans="14:14">
      <c r="N126515" s="10"/>
    </row>
    <row r="126516" spans="14:14">
      <c r="N126516" s="10"/>
    </row>
    <row r="126517" spans="14:14">
      <c r="N126517" s="10"/>
    </row>
    <row r="126518" spans="14:14">
      <c r="N126518" s="10"/>
    </row>
    <row r="126519" spans="14:14">
      <c r="N126519" s="10"/>
    </row>
    <row r="126520" spans="14:14">
      <c r="N126520" s="10"/>
    </row>
    <row r="126521" spans="14:14">
      <c r="N126521" s="10"/>
    </row>
    <row r="126522" spans="14:14">
      <c r="N126522" s="10"/>
    </row>
    <row r="126523" spans="14:14">
      <c r="N126523" s="10"/>
    </row>
    <row r="126524" spans="14:14">
      <c r="N126524" s="10"/>
    </row>
    <row r="126525" spans="14:14">
      <c r="N126525" s="10"/>
    </row>
    <row r="126526" spans="14:14">
      <c r="N126526" s="10"/>
    </row>
    <row r="126527" spans="14:14">
      <c r="N126527" s="10"/>
    </row>
    <row r="126528" spans="14:14">
      <c r="N126528" s="10"/>
    </row>
    <row r="126529" spans="14:14">
      <c r="N126529" s="10"/>
    </row>
    <row r="126530" spans="14:14">
      <c r="N126530" s="10"/>
    </row>
    <row r="126531" spans="14:14">
      <c r="N126531" s="10"/>
    </row>
    <row r="126532" spans="14:14">
      <c r="N126532" s="10"/>
    </row>
    <row r="126533" spans="14:14">
      <c r="N126533" s="10"/>
    </row>
    <row r="126534" spans="14:14">
      <c r="N126534" s="10"/>
    </row>
    <row r="126535" spans="14:14">
      <c r="N126535" s="10"/>
    </row>
    <row r="126536" spans="14:14">
      <c r="N126536" s="10"/>
    </row>
    <row r="126537" spans="14:14">
      <c r="N126537" s="10"/>
    </row>
    <row r="126538" spans="14:14">
      <c r="N126538" s="10"/>
    </row>
    <row r="126539" spans="14:14">
      <c r="N126539" s="10"/>
    </row>
    <row r="126540" spans="14:14">
      <c r="N126540" s="10"/>
    </row>
    <row r="126541" spans="14:14">
      <c r="N126541" s="10"/>
    </row>
    <row r="126542" spans="14:14">
      <c r="N126542" s="10"/>
    </row>
    <row r="126543" spans="14:14">
      <c r="N126543" s="10"/>
    </row>
    <row r="126544" spans="14:14">
      <c r="N126544" s="10"/>
    </row>
    <row r="126545" spans="14:14">
      <c r="N126545" s="10"/>
    </row>
    <row r="126546" spans="14:14">
      <c r="N126546" s="10"/>
    </row>
    <row r="126547" spans="14:14">
      <c r="N126547" s="10"/>
    </row>
    <row r="126548" spans="14:14">
      <c r="N126548" s="10"/>
    </row>
    <row r="126549" spans="14:14">
      <c r="N126549" s="10"/>
    </row>
    <row r="126550" spans="14:14">
      <c r="N126550" s="10"/>
    </row>
    <row r="126551" spans="14:14">
      <c r="N126551" s="10"/>
    </row>
    <row r="126552" spans="14:14">
      <c r="N126552" s="10"/>
    </row>
    <row r="126553" spans="14:14">
      <c r="N126553" s="10"/>
    </row>
    <row r="126554" spans="14:14">
      <c r="N126554" s="10"/>
    </row>
    <row r="126555" spans="14:14">
      <c r="N126555" s="10"/>
    </row>
    <row r="126556" spans="14:14">
      <c r="N126556" s="10"/>
    </row>
    <row r="126557" spans="14:14">
      <c r="N126557" s="10"/>
    </row>
    <row r="126558" spans="14:14">
      <c r="N126558" s="10"/>
    </row>
    <row r="126559" spans="14:14">
      <c r="N126559" s="10"/>
    </row>
    <row r="126560" spans="14:14">
      <c r="N126560" s="10"/>
    </row>
    <row r="126561" spans="14:14">
      <c r="N126561" s="10"/>
    </row>
    <row r="126562" spans="14:14">
      <c r="N126562" s="10"/>
    </row>
    <row r="126563" spans="14:14">
      <c r="N126563" s="10"/>
    </row>
    <row r="126564" spans="14:14">
      <c r="N126564" s="10"/>
    </row>
    <row r="126565" spans="14:14">
      <c r="N126565" s="10"/>
    </row>
    <row r="126566" spans="14:14">
      <c r="N126566" s="10"/>
    </row>
    <row r="126567" spans="14:14">
      <c r="N126567" s="10"/>
    </row>
    <row r="126568" spans="14:14">
      <c r="N126568" s="10"/>
    </row>
    <row r="126569" spans="14:14">
      <c r="N126569" s="10"/>
    </row>
    <row r="126570" spans="14:14">
      <c r="N126570" s="10"/>
    </row>
    <row r="126571" spans="14:14">
      <c r="N126571" s="10"/>
    </row>
    <row r="126572" spans="14:14">
      <c r="N126572" s="10"/>
    </row>
    <row r="126573" spans="14:14">
      <c r="N126573" s="10"/>
    </row>
    <row r="126574" spans="14:14">
      <c r="N126574" s="10"/>
    </row>
    <row r="126575" spans="14:14">
      <c r="N126575" s="10"/>
    </row>
    <row r="126576" spans="14:14">
      <c r="N126576" s="10"/>
    </row>
    <row r="126577" spans="14:14">
      <c r="N126577" s="10"/>
    </row>
    <row r="126578" spans="14:14">
      <c r="N126578" s="10"/>
    </row>
    <row r="126579" spans="14:14">
      <c r="N126579" s="10"/>
    </row>
    <row r="126580" spans="14:14">
      <c r="N126580" s="10"/>
    </row>
    <row r="126581" spans="14:14">
      <c r="N126581" s="10"/>
    </row>
    <row r="126582" spans="14:14">
      <c r="N126582" s="10"/>
    </row>
    <row r="126583" spans="14:14">
      <c r="N126583" s="10"/>
    </row>
    <row r="126584" spans="14:14">
      <c r="N126584" s="10"/>
    </row>
    <row r="126585" spans="14:14">
      <c r="N126585" s="10"/>
    </row>
    <row r="126586" spans="14:14">
      <c r="N126586" s="10"/>
    </row>
    <row r="126587" spans="14:14">
      <c r="N126587" s="10"/>
    </row>
    <row r="126588" spans="14:14">
      <c r="N126588" s="10"/>
    </row>
    <row r="126589" spans="14:14">
      <c r="N126589" s="10"/>
    </row>
    <row r="126590" spans="14:14">
      <c r="N126590" s="10"/>
    </row>
    <row r="126591" spans="14:14">
      <c r="N126591" s="10"/>
    </row>
    <row r="126592" spans="14:14">
      <c r="N126592" s="10"/>
    </row>
    <row r="126593" spans="14:14">
      <c r="N126593" s="10"/>
    </row>
    <row r="126594" spans="14:14">
      <c r="N126594" s="10"/>
    </row>
    <row r="126595" spans="14:14">
      <c r="N126595" s="10"/>
    </row>
    <row r="126596" spans="14:14">
      <c r="N126596" s="10"/>
    </row>
    <row r="126597" spans="14:14">
      <c r="N126597" s="10"/>
    </row>
    <row r="126598" spans="14:14">
      <c r="N126598" s="10"/>
    </row>
    <row r="126599" spans="14:14">
      <c r="N126599" s="10"/>
    </row>
    <row r="126600" spans="14:14">
      <c r="N126600" s="10"/>
    </row>
    <row r="126601" spans="14:14">
      <c r="N126601" s="10"/>
    </row>
    <row r="126602" spans="14:14">
      <c r="N126602" s="10"/>
    </row>
    <row r="126603" spans="14:14">
      <c r="N126603" s="10"/>
    </row>
    <row r="126604" spans="14:14">
      <c r="N126604" s="10"/>
    </row>
    <row r="126605" spans="14:14">
      <c r="N126605" s="10"/>
    </row>
    <row r="126606" spans="14:14">
      <c r="N126606" s="10"/>
    </row>
    <row r="126607" spans="14:14">
      <c r="N126607" s="10"/>
    </row>
    <row r="126608" spans="14:14">
      <c r="N126608" s="10"/>
    </row>
    <row r="126609" spans="14:14">
      <c r="N126609" s="10"/>
    </row>
    <row r="126610" spans="14:14">
      <c r="N126610" s="10"/>
    </row>
    <row r="126611" spans="14:14">
      <c r="N126611" s="10"/>
    </row>
    <row r="126612" spans="14:14">
      <c r="N126612" s="10"/>
    </row>
    <row r="126613" spans="14:14">
      <c r="N126613" s="10"/>
    </row>
    <row r="126614" spans="14:14">
      <c r="N126614" s="10"/>
    </row>
    <row r="126615" spans="14:14">
      <c r="N126615" s="10"/>
    </row>
    <row r="126616" spans="14:14">
      <c r="N126616" s="10"/>
    </row>
    <row r="126617" spans="14:14">
      <c r="N126617" s="10"/>
    </row>
    <row r="126618" spans="14:14">
      <c r="N126618" s="10"/>
    </row>
    <row r="126619" spans="14:14">
      <c r="N126619" s="10"/>
    </row>
    <row r="126620" spans="14:14">
      <c r="N126620" s="10"/>
    </row>
    <row r="126621" spans="14:14">
      <c r="N126621" s="10"/>
    </row>
    <row r="126622" spans="14:14">
      <c r="N126622" s="10"/>
    </row>
    <row r="126623" spans="14:14">
      <c r="N126623" s="10"/>
    </row>
    <row r="126624" spans="14:14">
      <c r="N126624" s="10"/>
    </row>
    <row r="126625" spans="14:14">
      <c r="N126625" s="10"/>
    </row>
    <row r="126626" spans="14:14">
      <c r="N126626" s="10"/>
    </row>
    <row r="126627" spans="14:14">
      <c r="N126627" s="10"/>
    </row>
    <row r="126628" spans="14:14">
      <c r="N126628" s="10"/>
    </row>
    <row r="126629" spans="14:14">
      <c r="N126629" s="10"/>
    </row>
    <row r="126630" spans="14:14">
      <c r="N126630" s="10"/>
    </row>
    <row r="126631" spans="14:14">
      <c r="N126631" s="10"/>
    </row>
    <row r="126632" spans="14:14">
      <c r="N126632" s="10"/>
    </row>
    <row r="126633" spans="14:14">
      <c r="N126633" s="10"/>
    </row>
    <row r="126634" spans="14:14">
      <c r="N126634" s="10"/>
    </row>
    <row r="126635" spans="14:14">
      <c r="N126635" s="10"/>
    </row>
    <row r="126636" spans="14:14">
      <c r="N126636" s="10"/>
    </row>
    <row r="126637" spans="14:14">
      <c r="N126637" s="10"/>
    </row>
    <row r="126638" spans="14:14">
      <c r="N126638" s="10"/>
    </row>
    <row r="126639" spans="14:14">
      <c r="N126639" s="10"/>
    </row>
    <row r="126640" spans="14:14">
      <c r="N126640" s="10"/>
    </row>
    <row r="126641" spans="14:14">
      <c r="N126641" s="10"/>
    </row>
    <row r="126642" spans="14:14">
      <c r="N126642" s="10"/>
    </row>
    <row r="126643" spans="14:14">
      <c r="N126643" s="10"/>
    </row>
    <row r="126644" spans="14:14">
      <c r="N126644" s="10"/>
    </row>
    <row r="126645" spans="14:14">
      <c r="N126645" s="10"/>
    </row>
    <row r="126646" spans="14:14">
      <c r="N126646" s="10"/>
    </row>
    <row r="126647" spans="14:14">
      <c r="N126647" s="10"/>
    </row>
    <row r="126648" spans="14:14">
      <c r="N126648" s="10"/>
    </row>
    <row r="126649" spans="14:14">
      <c r="N126649" s="10"/>
    </row>
    <row r="126650" spans="14:14">
      <c r="N126650" s="10"/>
    </row>
    <row r="126651" spans="14:14">
      <c r="N126651" s="10"/>
    </row>
    <row r="126652" spans="14:14">
      <c r="N126652" s="10"/>
    </row>
    <row r="126653" spans="14:14">
      <c r="N126653" s="10"/>
    </row>
    <row r="126654" spans="14:14">
      <c r="N126654" s="10"/>
    </row>
    <row r="126655" spans="14:14">
      <c r="N126655" s="10"/>
    </row>
    <row r="126656" spans="14:14">
      <c r="N126656" s="10"/>
    </row>
    <row r="126657" spans="14:14">
      <c r="N126657" s="10"/>
    </row>
    <row r="126658" spans="14:14">
      <c r="N126658" s="10"/>
    </row>
    <row r="126659" spans="14:14">
      <c r="N126659" s="10"/>
    </row>
    <row r="126660" spans="14:14">
      <c r="N126660" s="10"/>
    </row>
    <row r="126661" spans="14:14">
      <c r="N126661" s="10"/>
    </row>
    <row r="126662" spans="14:14">
      <c r="N126662" s="10"/>
    </row>
    <row r="126663" spans="14:14">
      <c r="N126663" s="10"/>
    </row>
    <row r="126664" spans="14:14">
      <c r="N126664" s="10"/>
    </row>
    <row r="126665" spans="14:14">
      <c r="N126665" s="10"/>
    </row>
    <row r="126666" spans="14:14">
      <c r="N126666" s="10"/>
    </row>
    <row r="126667" spans="14:14">
      <c r="N126667" s="10"/>
    </row>
    <row r="126668" spans="14:14">
      <c r="N126668" s="10"/>
    </row>
    <row r="126669" spans="14:14">
      <c r="N126669" s="10"/>
    </row>
    <row r="126670" spans="14:14">
      <c r="N126670" s="10"/>
    </row>
    <row r="126671" spans="14:14">
      <c r="N126671" s="10"/>
    </row>
    <row r="126672" spans="14:14">
      <c r="N126672" s="10"/>
    </row>
    <row r="126673" spans="14:14">
      <c r="N126673" s="10"/>
    </row>
    <row r="126674" spans="14:14">
      <c r="N126674" s="10"/>
    </row>
    <row r="126675" spans="14:14">
      <c r="N126675" s="10"/>
    </row>
    <row r="126676" spans="14:14">
      <c r="N126676" s="10"/>
    </row>
    <row r="126677" spans="14:14">
      <c r="N126677" s="10"/>
    </row>
    <row r="126678" spans="14:14">
      <c r="N126678" s="10"/>
    </row>
    <row r="126679" spans="14:14">
      <c r="N126679" s="10"/>
    </row>
    <row r="126680" spans="14:14">
      <c r="N126680" s="10"/>
    </row>
    <row r="126681" spans="14:14">
      <c r="N126681" s="10"/>
    </row>
    <row r="126682" spans="14:14">
      <c r="N126682" s="10"/>
    </row>
    <row r="126683" spans="14:14">
      <c r="N126683" s="10"/>
    </row>
    <row r="126684" spans="14:14">
      <c r="N126684" s="10"/>
    </row>
    <row r="126685" spans="14:14">
      <c r="N126685" s="10"/>
    </row>
    <row r="126686" spans="14:14">
      <c r="N126686" s="10"/>
    </row>
    <row r="126687" spans="14:14">
      <c r="N126687" s="10"/>
    </row>
    <row r="126688" spans="14:14">
      <c r="N126688" s="10"/>
    </row>
    <row r="126689" spans="14:14">
      <c r="N126689" s="10"/>
    </row>
    <row r="126690" spans="14:14">
      <c r="N126690" s="10"/>
    </row>
    <row r="126691" spans="14:14">
      <c r="N126691" s="10"/>
    </row>
    <row r="126692" spans="14:14">
      <c r="N126692" s="10"/>
    </row>
    <row r="126693" spans="14:14">
      <c r="N126693" s="10"/>
    </row>
    <row r="126694" spans="14:14">
      <c r="N126694" s="10"/>
    </row>
    <row r="126695" spans="14:14">
      <c r="N126695" s="10"/>
    </row>
    <row r="126696" spans="14:14">
      <c r="N126696" s="10"/>
    </row>
    <row r="126697" spans="14:14">
      <c r="N126697" s="10"/>
    </row>
    <row r="126698" spans="14:14">
      <c r="N126698" s="10"/>
    </row>
    <row r="126699" spans="14:14">
      <c r="N126699" s="10"/>
    </row>
    <row r="126700" spans="14:14">
      <c r="N126700" s="10"/>
    </row>
    <row r="126701" spans="14:14">
      <c r="N126701" s="10"/>
    </row>
    <row r="126702" spans="14:14">
      <c r="N126702" s="10"/>
    </row>
    <row r="126703" spans="14:14">
      <c r="N126703" s="10"/>
    </row>
    <row r="126704" spans="14:14">
      <c r="N126704" s="10"/>
    </row>
    <row r="126705" spans="14:14">
      <c r="N126705" s="10"/>
    </row>
    <row r="126706" spans="14:14">
      <c r="N126706" s="10"/>
    </row>
    <row r="126707" spans="14:14">
      <c r="N126707" s="10"/>
    </row>
    <row r="126708" spans="14:14">
      <c r="N126708" s="10"/>
    </row>
    <row r="126709" spans="14:14">
      <c r="N126709" s="10"/>
    </row>
    <row r="126710" spans="14:14">
      <c r="N126710" s="10"/>
    </row>
    <row r="126711" spans="14:14">
      <c r="N126711" s="10"/>
    </row>
    <row r="126712" spans="14:14">
      <c r="N126712" s="10"/>
    </row>
    <row r="126713" spans="14:14">
      <c r="N126713" s="10"/>
    </row>
    <row r="126714" spans="14:14">
      <c r="N126714" s="10"/>
    </row>
    <row r="126715" spans="14:14">
      <c r="N126715" s="10"/>
    </row>
    <row r="126716" spans="14:14">
      <c r="N126716" s="10"/>
    </row>
    <row r="126717" spans="14:14">
      <c r="N126717" s="10"/>
    </row>
    <row r="126718" spans="14:14">
      <c r="N126718" s="10"/>
    </row>
    <row r="126719" spans="14:14">
      <c r="N126719" s="10"/>
    </row>
    <row r="126720" spans="14:14">
      <c r="N126720" s="10"/>
    </row>
    <row r="126721" spans="14:14">
      <c r="N126721" s="10"/>
    </row>
    <row r="126722" spans="14:14">
      <c r="N126722" s="10"/>
    </row>
    <row r="126723" spans="14:14">
      <c r="N126723" s="10"/>
    </row>
    <row r="126724" spans="14:14">
      <c r="N126724" s="10"/>
    </row>
    <row r="126725" spans="14:14">
      <c r="N126725" s="10"/>
    </row>
    <row r="126726" spans="14:14">
      <c r="N126726" s="10"/>
    </row>
    <row r="126727" spans="14:14">
      <c r="N126727" s="10"/>
    </row>
    <row r="126728" spans="14:14">
      <c r="N126728" s="10"/>
    </row>
    <row r="126729" spans="14:14">
      <c r="N126729" s="10"/>
    </row>
    <row r="126730" spans="14:14">
      <c r="N126730" s="10"/>
    </row>
    <row r="126731" spans="14:14">
      <c r="N126731" s="10"/>
    </row>
    <row r="126732" spans="14:14">
      <c r="N126732" s="10"/>
    </row>
    <row r="126733" spans="14:14">
      <c r="N126733" s="10"/>
    </row>
    <row r="126734" spans="14:14">
      <c r="N126734" s="10"/>
    </row>
    <row r="126735" spans="14:14">
      <c r="N126735" s="10"/>
    </row>
    <row r="126736" spans="14:14">
      <c r="N126736" s="10"/>
    </row>
    <row r="126737" spans="14:14">
      <c r="N126737" s="10"/>
    </row>
    <row r="126738" spans="14:14">
      <c r="N126738" s="10"/>
    </row>
    <row r="126739" spans="14:14">
      <c r="N126739" s="10"/>
    </row>
    <row r="126740" spans="14:14">
      <c r="N126740" s="10"/>
    </row>
    <row r="126741" spans="14:14">
      <c r="N126741" s="10"/>
    </row>
    <row r="126742" spans="14:14">
      <c r="N126742" s="10"/>
    </row>
    <row r="126743" spans="14:14">
      <c r="N126743" s="10"/>
    </row>
    <row r="126744" spans="14:14">
      <c r="N126744" s="10"/>
    </row>
    <row r="126745" spans="14:14">
      <c r="N126745" s="10"/>
    </row>
    <row r="126746" spans="14:14">
      <c r="N126746" s="10"/>
    </row>
    <row r="126747" spans="14:14">
      <c r="N126747" s="10"/>
    </row>
    <row r="126748" spans="14:14">
      <c r="N126748" s="10"/>
    </row>
    <row r="126749" spans="14:14">
      <c r="N126749" s="10"/>
    </row>
    <row r="126750" spans="14:14">
      <c r="N126750" s="10"/>
    </row>
    <row r="126751" spans="14:14">
      <c r="N126751" s="10"/>
    </row>
    <row r="126752" spans="14:14">
      <c r="N126752" s="10"/>
    </row>
    <row r="126753" spans="14:14">
      <c r="N126753" s="10"/>
    </row>
    <row r="126754" spans="14:14">
      <c r="N126754" s="10"/>
    </row>
    <row r="126755" spans="14:14">
      <c r="N126755" s="10"/>
    </row>
    <row r="126756" spans="14:14">
      <c r="N126756" s="10"/>
    </row>
    <row r="126757" spans="14:14">
      <c r="N126757" s="10"/>
    </row>
    <row r="126758" spans="14:14">
      <c r="N126758" s="10"/>
    </row>
    <row r="126759" spans="14:14">
      <c r="N126759" s="10"/>
    </row>
    <row r="126760" spans="14:14">
      <c r="N126760" s="10"/>
    </row>
    <row r="126761" spans="14:14">
      <c r="N126761" s="10"/>
    </row>
    <row r="126762" spans="14:14">
      <c r="N126762" s="10"/>
    </row>
    <row r="126763" spans="14:14">
      <c r="N126763" s="10"/>
    </row>
    <row r="126764" spans="14:14">
      <c r="N126764" s="10"/>
    </row>
    <row r="126765" spans="14:14">
      <c r="N126765" s="10"/>
    </row>
    <row r="126766" spans="14:14">
      <c r="N126766" s="10"/>
    </row>
    <row r="126767" spans="14:14">
      <c r="N126767" s="10"/>
    </row>
    <row r="126768" spans="14:14">
      <c r="N126768" s="10"/>
    </row>
    <row r="126769" spans="14:14">
      <c r="N126769" s="10"/>
    </row>
    <row r="126770" spans="14:14">
      <c r="N126770" s="10"/>
    </row>
    <row r="126771" spans="14:14">
      <c r="N126771" s="10"/>
    </row>
    <row r="126772" spans="14:14">
      <c r="N126772" s="10"/>
    </row>
    <row r="126773" spans="14:14">
      <c r="N126773" s="10"/>
    </row>
    <row r="126774" spans="14:14">
      <c r="N126774" s="10"/>
    </row>
    <row r="126775" spans="14:14">
      <c r="N126775" s="10"/>
    </row>
    <row r="126776" spans="14:14">
      <c r="N126776" s="10"/>
    </row>
    <row r="126777" spans="14:14">
      <c r="N126777" s="10"/>
    </row>
    <row r="126778" spans="14:14">
      <c r="N126778" s="10"/>
    </row>
    <row r="126779" spans="14:14">
      <c r="N126779" s="10"/>
    </row>
    <row r="126780" spans="14:14">
      <c r="N126780" s="10"/>
    </row>
    <row r="126781" spans="14:14">
      <c r="N126781" s="10"/>
    </row>
    <row r="126782" spans="14:14">
      <c r="N126782" s="10"/>
    </row>
    <row r="126783" spans="14:14">
      <c r="N126783" s="10"/>
    </row>
    <row r="126784" spans="14:14">
      <c r="N126784" s="10"/>
    </row>
    <row r="126785" spans="14:14">
      <c r="N126785" s="10"/>
    </row>
    <row r="126786" spans="14:14">
      <c r="N126786" s="10"/>
    </row>
    <row r="126787" spans="14:14">
      <c r="N126787" s="10"/>
    </row>
    <row r="126788" spans="14:14">
      <c r="N126788" s="10"/>
    </row>
    <row r="126789" spans="14:14">
      <c r="N126789" s="10"/>
    </row>
    <row r="126790" spans="14:14">
      <c r="N126790" s="10"/>
    </row>
    <row r="126791" spans="14:14">
      <c r="N126791" s="10"/>
    </row>
    <row r="126792" spans="14:14">
      <c r="N126792" s="10"/>
    </row>
    <row r="126793" spans="14:14">
      <c r="N126793" s="10"/>
    </row>
    <row r="126794" spans="14:14">
      <c r="N126794" s="10"/>
    </row>
    <row r="126795" spans="14:14">
      <c r="N126795" s="10"/>
    </row>
    <row r="126796" spans="14:14">
      <c r="N126796" s="10"/>
    </row>
    <row r="126797" spans="14:14">
      <c r="N126797" s="10"/>
    </row>
    <row r="126798" spans="14:14">
      <c r="N126798" s="10"/>
    </row>
    <row r="126799" spans="14:14">
      <c r="N126799" s="10"/>
    </row>
    <row r="126800" spans="14:14">
      <c r="N126800" s="10"/>
    </row>
    <row r="126801" spans="14:14">
      <c r="N126801" s="10"/>
    </row>
    <row r="126802" spans="14:14">
      <c r="N126802" s="10"/>
    </row>
    <row r="126803" spans="14:14">
      <c r="N126803" s="10"/>
    </row>
    <row r="126804" spans="14:14">
      <c r="N126804" s="10"/>
    </row>
    <row r="126805" spans="14:14">
      <c r="N126805" s="10"/>
    </row>
    <row r="126806" spans="14:14">
      <c r="N126806" s="10"/>
    </row>
    <row r="126807" spans="14:14">
      <c r="N126807" s="10"/>
    </row>
    <row r="126808" spans="14:14">
      <c r="N126808" s="10"/>
    </row>
    <row r="126809" spans="14:14">
      <c r="N126809" s="10"/>
    </row>
    <row r="126810" spans="14:14">
      <c r="N126810" s="10"/>
    </row>
    <row r="126811" spans="14:14">
      <c r="N126811" s="10"/>
    </row>
    <row r="126812" spans="14:14">
      <c r="N126812" s="10"/>
    </row>
    <row r="126813" spans="14:14">
      <c r="N126813" s="10"/>
    </row>
    <row r="126814" spans="14:14">
      <c r="N126814" s="10"/>
    </row>
    <row r="126815" spans="14:14">
      <c r="N126815" s="10"/>
    </row>
    <row r="126816" spans="14:14">
      <c r="N126816" s="10"/>
    </row>
    <row r="126817" spans="14:14">
      <c r="N126817" s="10"/>
    </row>
    <row r="126818" spans="14:14">
      <c r="N126818" s="10"/>
    </row>
    <row r="126819" spans="14:14">
      <c r="N126819" s="10"/>
    </row>
    <row r="126820" spans="14:14">
      <c r="N126820" s="10"/>
    </row>
    <row r="126821" spans="14:14">
      <c r="N126821" s="10"/>
    </row>
    <row r="126822" spans="14:14">
      <c r="N126822" s="10"/>
    </row>
    <row r="126823" spans="14:14">
      <c r="N126823" s="10"/>
    </row>
    <row r="126824" spans="14:14">
      <c r="N126824" s="10"/>
    </row>
    <row r="126825" spans="14:14">
      <c r="N126825" s="10"/>
    </row>
    <row r="126826" spans="14:14">
      <c r="N126826" s="10"/>
    </row>
    <row r="126827" spans="14:14">
      <c r="N126827" s="10"/>
    </row>
    <row r="126828" spans="14:14">
      <c r="N126828" s="10"/>
    </row>
    <row r="126829" spans="14:14">
      <c r="N126829" s="10"/>
    </row>
    <row r="126830" spans="14:14">
      <c r="N126830" s="10"/>
    </row>
    <row r="126831" spans="14:14">
      <c r="N126831" s="10"/>
    </row>
    <row r="126832" spans="14:14">
      <c r="N126832" s="10"/>
    </row>
    <row r="126833" spans="14:14">
      <c r="N126833" s="10"/>
    </row>
    <row r="126834" spans="14:14">
      <c r="N126834" s="10"/>
    </row>
    <row r="126835" spans="14:14">
      <c r="N126835" s="10"/>
    </row>
    <row r="126836" spans="14:14">
      <c r="N126836" s="10"/>
    </row>
    <row r="126837" spans="14:14">
      <c r="N126837" s="10"/>
    </row>
    <row r="126838" spans="14:14">
      <c r="N126838" s="10"/>
    </row>
    <row r="126839" spans="14:14">
      <c r="N126839" s="10"/>
    </row>
    <row r="126840" spans="14:14">
      <c r="N126840" s="10"/>
    </row>
    <row r="126841" spans="14:14">
      <c r="N126841" s="10"/>
    </row>
    <row r="126842" spans="14:14">
      <c r="N126842" s="10"/>
    </row>
    <row r="126843" spans="14:14">
      <c r="N126843" s="10"/>
    </row>
    <row r="126844" spans="14:14">
      <c r="N126844" s="10"/>
    </row>
    <row r="126845" spans="14:14">
      <c r="N126845" s="10"/>
    </row>
    <row r="126846" spans="14:14">
      <c r="N126846" s="10"/>
    </row>
    <row r="126847" spans="14:14">
      <c r="N126847" s="10"/>
    </row>
    <row r="126848" spans="14:14">
      <c r="N126848" s="10"/>
    </row>
    <row r="126849" spans="14:14">
      <c r="N126849" s="10"/>
    </row>
    <row r="126850" spans="14:14">
      <c r="N126850" s="10"/>
    </row>
    <row r="126851" spans="14:14">
      <c r="N126851" s="10"/>
    </row>
    <row r="126852" spans="14:14">
      <c r="N126852" s="10"/>
    </row>
    <row r="126853" spans="14:14">
      <c r="N126853" s="10"/>
    </row>
    <row r="126854" spans="14:14">
      <c r="N126854" s="10"/>
    </row>
    <row r="126855" spans="14:14">
      <c r="N126855" s="10"/>
    </row>
    <row r="126856" spans="14:14">
      <c r="N126856" s="10"/>
    </row>
    <row r="126857" spans="14:14">
      <c r="N126857" s="10"/>
    </row>
    <row r="126858" spans="14:14">
      <c r="N126858" s="10"/>
    </row>
    <row r="126859" spans="14:14">
      <c r="N126859" s="10"/>
    </row>
    <row r="126860" spans="14:14">
      <c r="N126860" s="10"/>
    </row>
    <row r="126861" spans="14:14">
      <c r="N126861" s="10"/>
    </row>
    <row r="126862" spans="14:14">
      <c r="N126862" s="10"/>
    </row>
    <row r="126863" spans="14:14">
      <c r="N126863" s="10"/>
    </row>
    <row r="126864" spans="14:14">
      <c r="N126864" s="10"/>
    </row>
    <row r="126865" spans="14:14">
      <c r="N126865" s="10"/>
    </row>
    <row r="126866" spans="14:14">
      <c r="N126866" s="10"/>
    </row>
    <row r="126867" spans="14:14">
      <c r="N126867" s="10"/>
    </row>
    <row r="126868" spans="14:14">
      <c r="N126868" s="10"/>
    </row>
    <row r="126869" spans="14:14">
      <c r="N126869" s="10"/>
    </row>
    <row r="126870" spans="14:14">
      <c r="N126870" s="10"/>
    </row>
    <row r="126871" spans="14:14">
      <c r="N126871" s="10"/>
    </row>
    <row r="126872" spans="14:14">
      <c r="N126872" s="10"/>
    </row>
    <row r="126873" spans="14:14">
      <c r="N126873" s="10"/>
    </row>
    <row r="126874" spans="14:14">
      <c r="N126874" s="10"/>
    </row>
    <row r="126875" spans="14:14">
      <c r="N126875" s="10"/>
    </row>
    <row r="126876" spans="14:14">
      <c r="N126876" s="10"/>
    </row>
    <row r="126877" spans="14:14">
      <c r="N126877" s="10"/>
    </row>
    <row r="126878" spans="14:14">
      <c r="N126878" s="10"/>
    </row>
    <row r="126879" spans="14:14">
      <c r="N126879" s="10"/>
    </row>
    <row r="126880" spans="14:14">
      <c r="N126880" s="10"/>
    </row>
    <row r="126881" spans="14:14">
      <c r="N126881" s="10"/>
    </row>
    <row r="126882" spans="14:14">
      <c r="N126882" s="10"/>
    </row>
    <row r="126883" spans="14:14">
      <c r="N126883" s="10"/>
    </row>
    <row r="126884" spans="14:14">
      <c r="N126884" s="10"/>
    </row>
    <row r="126885" spans="14:14">
      <c r="N126885" s="10"/>
    </row>
    <row r="126886" spans="14:14">
      <c r="N126886" s="10"/>
    </row>
    <row r="126887" spans="14:14">
      <c r="N126887" s="10"/>
    </row>
    <row r="126888" spans="14:14">
      <c r="N126888" s="10"/>
    </row>
    <row r="126889" spans="14:14">
      <c r="N126889" s="10"/>
    </row>
    <row r="126890" spans="14:14">
      <c r="N126890" s="10"/>
    </row>
    <row r="126891" spans="14:14">
      <c r="N126891" s="10"/>
    </row>
    <row r="126892" spans="14:14">
      <c r="N126892" s="10"/>
    </row>
    <row r="126893" spans="14:14">
      <c r="N126893" s="10"/>
    </row>
    <row r="126894" spans="14:14">
      <c r="N126894" s="10"/>
    </row>
    <row r="126895" spans="14:14">
      <c r="N126895" s="10"/>
    </row>
    <row r="126896" spans="14:14">
      <c r="N126896" s="10"/>
    </row>
    <row r="126897" spans="14:14">
      <c r="N126897" s="10"/>
    </row>
    <row r="126898" spans="14:14">
      <c r="N126898" s="10"/>
    </row>
    <row r="126899" spans="14:14">
      <c r="N126899" s="10"/>
    </row>
    <row r="126900" spans="14:14">
      <c r="N126900" s="10"/>
    </row>
    <row r="126901" spans="14:14">
      <c r="N126901" s="10"/>
    </row>
    <row r="126902" spans="14:14">
      <c r="N126902" s="10"/>
    </row>
    <row r="126903" spans="14:14">
      <c r="N126903" s="10"/>
    </row>
    <row r="126904" spans="14:14">
      <c r="N126904" s="10"/>
    </row>
    <row r="126905" spans="14:14">
      <c r="N126905" s="10"/>
    </row>
    <row r="126906" spans="14:14">
      <c r="N126906" s="10"/>
    </row>
    <row r="126907" spans="14:14">
      <c r="N126907" s="10"/>
    </row>
    <row r="126908" spans="14:14">
      <c r="N126908" s="10"/>
    </row>
    <row r="126909" spans="14:14">
      <c r="N126909" s="10"/>
    </row>
    <row r="126910" spans="14:14">
      <c r="N126910" s="10"/>
    </row>
    <row r="126911" spans="14:14">
      <c r="N126911" s="10"/>
    </row>
    <row r="126912" spans="14:14">
      <c r="N126912" s="10"/>
    </row>
    <row r="126913" spans="14:14">
      <c r="N126913" s="10"/>
    </row>
    <row r="126914" spans="14:14">
      <c r="N126914" s="10"/>
    </row>
    <row r="126915" spans="14:14">
      <c r="N126915" s="10"/>
    </row>
    <row r="126916" spans="14:14">
      <c r="N126916" s="10"/>
    </row>
    <row r="126917" spans="14:14">
      <c r="N126917" s="10"/>
    </row>
    <row r="126918" spans="14:14">
      <c r="N126918" s="10"/>
    </row>
    <row r="126919" spans="14:14">
      <c r="N126919" s="10"/>
    </row>
    <row r="126920" spans="14:14">
      <c r="N126920" s="10"/>
    </row>
    <row r="126921" spans="14:14">
      <c r="N126921" s="10"/>
    </row>
    <row r="126922" spans="14:14">
      <c r="N126922" s="10"/>
    </row>
    <row r="126923" spans="14:14">
      <c r="N126923" s="10"/>
    </row>
    <row r="126924" spans="14:14">
      <c r="N126924" s="10"/>
    </row>
    <row r="126925" spans="14:14">
      <c r="N126925" s="10"/>
    </row>
    <row r="126926" spans="14:14">
      <c r="N126926" s="10"/>
    </row>
    <row r="126927" spans="14:14">
      <c r="N126927" s="10"/>
    </row>
    <row r="126928" spans="14:14">
      <c r="N126928" s="10"/>
    </row>
    <row r="126929" spans="14:14">
      <c r="N126929" s="10"/>
    </row>
    <row r="126930" spans="14:14">
      <c r="N126930" s="10"/>
    </row>
    <row r="126931" spans="14:14">
      <c r="N126931" s="10"/>
    </row>
    <row r="126932" spans="14:14">
      <c r="N126932" s="10"/>
    </row>
    <row r="126933" spans="14:14">
      <c r="N126933" s="10"/>
    </row>
    <row r="126934" spans="14:14">
      <c r="N126934" s="10"/>
    </row>
    <row r="126935" spans="14:14">
      <c r="N126935" s="10"/>
    </row>
    <row r="126936" spans="14:14">
      <c r="N126936" s="10"/>
    </row>
    <row r="126937" spans="14:14">
      <c r="N126937" s="10"/>
    </row>
    <row r="126938" spans="14:14">
      <c r="N126938" s="10"/>
    </row>
    <row r="126939" spans="14:14">
      <c r="N126939" s="10"/>
    </row>
    <row r="126940" spans="14:14">
      <c r="N126940" s="10"/>
    </row>
    <row r="126941" spans="14:14">
      <c r="N126941" s="10"/>
    </row>
    <row r="126942" spans="14:14">
      <c r="N126942" s="10"/>
    </row>
    <row r="126943" spans="14:14">
      <c r="N126943" s="10"/>
    </row>
    <row r="126944" spans="14:14">
      <c r="N126944" s="10"/>
    </row>
    <row r="126945" spans="14:14">
      <c r="N126945" s="10"/>
    </row>
    <row r="126946" spans="14:14">
      <c r="N126946" s="10"/>
    </row>
    <row r="126947" spans="14:14">
      <c r="N126947" s="10"/>
    </row>
    <row r="126948" spans="14:14">
      <c r="N126948" s="10"/>
    </row>
    <row r="126949" spans="14:14">
      <c r="N126949" s="10"/>
    </row>
    <row r="126950" spans="14:14">
      <c r="N126950" s="10"/>
    </row>
    <row r="126951" spans="14:14">
      <c r="N126951" s="10"/>
    </row>
    <row r="126952" spans="14:14">
      <c r="N126952" s="10"/>
    </row>
    <row r="126953" spans="14:14">
      <c r="N126953" s="10"/>
    </row>
    <row r="126954" spans="14:14">
      <c r="N126954" s="10"/>
    </row>
    <row r="126955" spans="14:14">
      <c r="N126955" s="10"/>
    </row>
    <row r="126956" spans="14:14">
      <c r="N126956" s="10"/>
    </row>
    <row r="126957" spans="14:14">
      <c r="N126957" s="10"/>
    </row>
    <row r="126958" spans="14:14">
      <c r="N126958" s="10"/>
    </row>
    <row r="126959" spans="14:14">
      <c r="N126959" s="10"/>
    </row>
    <row r="126960" spans="14:14">
      <c r="N126960" s="10"/>
    </row>
    <row r="126961" spans="14:14">
      <c r="N126961" s="10"/>
    </row>
    <row r="126962" spans="14:14">
      <c r="N126962" s="10"/>
    </row>
    <row r="126963" spans="14:14">
      <c r="N126963" s="10"/>
    </row>
    <row r="126964" spans="14:14">
      <c r="N126964" s="10"/>
    </row>
    <row r="126965" spans="14:14">
      <c r="N126965" s="10"/>
    </row>
    <row r="126966" spans="14:14">
      <c r="N126966" s="10"/>
    </row>
    <row r="126967" spans="14:14">
      <c r="N126967" s="10"/>
    </row>
    <row r="126968" spans="14:14">
      <c r="N126968" s="10"/>
    </row>
    <row r="126969" spans="14:14">
      <c r="N126969" s="10"/>
    </row>
    <row r="126970" spans="14:14">
      <c r="N126970" s="10"/>
    </row>
    <row r="126971" spans="14:14">
      <c r="N126971" s="10"/>
    </row>
    <row r="126972" spans="14:14">
      <c r="N126972" s="10"/>
    </row>
    <row r="126973" spans="14:14">
      <c r="N126973" s="10"/>
    </row>
    <row r="126974" spans="14:14">
      <c r="N126974" s="10"/>
    </row>
    <row r="126975" spans="14:14">
      <c r="N126975" s="10"/>
    </row>
    <row r="126976" spans="14:14">
      <c r="N126976" s="10"/>
    </row>
    <row r="126977" spans="14:14">
      <c r="N126977" s="10"/>
    </row>
    <row r="126978" spans="14:14">
      <c r="N126978" s="10"/>
    </row>
    <row r="126979" spans="14:14">
      <c r="N126979" s="10"/>
    </row>
    <row r="126980" spans="14:14">
      <c r="N126980" s="10"/>
    </row>
    <row r="126981" spans="14:14">
      <c r="N126981" s="10"/>
    </row>
    <row r="126982" spans="14:14">
      <c r="N126982" s="10"/>
    </row>
    <row r="126983" spans="14:14">
      <c r="N126983" s="10"/>
    </row>
    <row r="126984" spans="14:14">
      <c r="N126984" s="10"/>
    </row>
    <row r="126985" spans="14:14">
      <c r="N126985" s="10"/>
    </row>
    <row r="126986" spans="14:14">
      <c r="N126986" s="10"/>
    </row>
    <row r="126987" spans="14:14">
      <c r="N126987" s="10"/>
    </row>
    <row r="126988" spans="14:14">
      <c r="N126988" s="10"/>
    </row>
    <row r="126989" spans="14:14">
      <c r="N126989" s="10"/>
    </row>
    <row r="126990" spans="14:14">
      <c r="N126990" s="10"/>
    </row>
    <row r="126991" spans="14:14">
      <c r="N126991" s="10"/>
    </row>
    <row r="126992" spans="14:14">
      <c r="N126992" s="10"/>
    </row>
    <row r="126993" spans="14:14">
      <c r="N126993" s="10"/>
    </row>
    <row r="126994" spans="14:14">
      <c r="N126994" s="10"/>
    </row>
    <row r="126995" spans="14:14">
      <c r="N126995" s="10"/>
    </row>
    <row r="126996" spans="14:14">
      <c r="N126996" s="10"/>
    </row>
    <row r="126997" spans="14:14">
      <c r="N126997" s="10"/>
    </row>
    <row r="126998" spans="14:14">
      <c r="N126998" s="10"/>
    </row>
    <row r="126999" spans="14:14">
      <c r="N126999" s="10"/>
    </row>
    <row r="127000" spans="14:14">
      <c r="N127000" s="10"/>
    </row>
    <row r="127001" spans="14:14">
      <c r="N127001" s="10"/>
    </row>
    <row r="127002" spans="14:14">
      <c r="N127002" s="10"/>
    </row>
    <row r="127003" spans="14:14">
      <c r="N127003" s="10"/>
    </row>
    <row r="127004" spans="14:14">
      <c r="N127004" s="10"/>
    </row>
    <row r="127005" spans="14:14">
      <c r="N127005" s="10"/>
    </row>
    <row r="127006" spans="14:14">
      <c r="N127006" s="10"/>
    </row>
    <row r="127007" spans="14:14">
      <c r="N127007" s="10"/>
    </row>
    <row r="127008" spans="14:14">
      <c r="N127008" s="10"/>
    </row>
    <row r="127009" spans="14:14">
      <c r="N127009" s="10"/>
    </row>
    <row r="127010" spans="14:14">
      <c r="N127010" s="10"/>
    </row>
    <row r="127011" spans="14:14">
      <c r="N127011" s="10"/>
    </row>
    <row r="127012" spans="14:14">
      <c r="N127012" s="10"/>
    </row>
    <row r="127013" spans="14:14">
      <c r="N127013" s="10"/>
    </row>
    <row r="127014" spans="14:14">
      <c r="N127014" s="10"/>
    </row>
    <row r="127015" spans="14:14">
      <c r="N127015" s="10"/>
    </row>
    <row r="127016" spans="14:14">
      <c r="N127016" s="10"/>
    </row>
    <row r="127017" spans="14:14">
      <c r="N127017" s="10"/>
    </row>
    <row r="127018" spans="14:14">
      <c r="N127018" s="10"/>
    </row>
    <row r="127019" spans="14:14">
      <c r="N127019" s="10"/>
    </row>
    <row r="127020" spans="14:14">
      <c r="N127020" s="10"/>
    </row>
    <row r="127021" spans="14:14">
      <c r="N127021" s="10"/>
    </row>
    <row r="127022" spans="14:14">
      <c r="N127022" s="10"/>
    </row>
    <row r="127023" spans="14:14">
      <c r="N127023" s="10"/>
    </row>
    <row r="127024" spans="14:14">
      <c r="N127024" s="10"/>
    </row>
    <row r="127025" spans="14:14">
      <c r="N127025" s="10"/>
    </row>
    <row r="127026" spans="14:14">
      <c r="N127026" s="10"/>
    </row>
    <row r="127027" spans="14:14">
      <c r="N127027" s="10"/>
    </row>
    <row r="127028" spans="14:14">
      <c r="N127028" s="10"/>
    </row>
    <row r="127029" spans="14:14">
      <c r="N127029" s="10"/>
    </row>
    <row r="127030" spans="14:14">
      <c r="N127030" s="10"/>
    </row>
    <row r="127031" spans="14:14">
      <c r="N127031" s="10"/>
    </row>
    <row r="127032" spans="14:14">
      <c r="N127032" s="10"/>
    </row>
    <row r="127033" spans="14:14">
      <c r="N127033" s="10"/>
    </row>
    <row r="127034" spans="14:14">
      <c r="N127034" s="10"/>
    </row>
    <row r="127035" spans="14:14">
      <c r="N127035" s="10"/>
    </row>
    <row r="127036" spans="14:14">
      <c r="N127036" s="10"/>
    </row>
    <row r="127037" spans="14:14">
      <c r="N127037" s="10"/>
    </row>
    <row r="127038" spans="14:14">
      <c r="N127038" s="10"/>
    </row>
    <row r="127039" spans="14:14">
      <c r="N127039" s="10"/>
    </row>
    <row r="127040" spans="14:14">
      <c r="N127040" s="10"/>
    </row>
    <row r="127041" spans="14:14">
      <c r="N127041" s="10"/>
    </row>
    <row r="127042" spans="14:14">
      <c r="N127042" s="10"/>
    </row>
    <row r="127043" spans="14:14">
      <c r="N127043" s="10"/>
    </row>
    <row r="127044" spans="14:14">
      <c r="N127044" s="10"/>
    </row>
    <row r="127045" spans="14:14">
      <c r="N127045" s="10"/>
    </row>
    <row r="127046" spans="14:14">
      <c r="N127046" s="10"/>
    </row>
    <row r="127047" spans="14:14">
      <c r="N127047" s="10"/>
    </row>
    <row r="127048" spans="14:14">
      <c r="N127048" s="10"/>
    </row>
    <row r="127049" spans="14:14">
      <c r="N127049" s="10"/>
    </row>
    <row r="127050" spans="14:14">
      <c r="N127050" s="10"/>
    </row>
    <row r="127051" spans="14:14">
      <c r="N127051" s="10"/>
    </row>
    <row r="127052" spans="14:14">
      <c r="N127052" s="10"/>
    </row>
    <row r="127053" spans="14:14">
      <c r="N127053" s="10"/>
    </row>
    <row r="127054" spans="14:14">
      <c r="N127054" s="10"/>
    </row>
    <row r="127055" spans="14:14">
      <c r="N127055" s="10"/>
    </row>
    <row r="127056" spans="14:14">
      <c r="N127056" s="10"/>
    </row>
    <row r="127057" spans="14:14">
      <c r="N127057" s="10"/>
    </row>
    <row r="127058" spans="14:14">
      <c r="N127058" s="10"/>
    </row>
    <row r="127059" spans="14:14">
      <c r="N127059" s="10"/>
    </row>
    <row r="127060" spans="14:14">
      <c r="N127060" s="10"/>
    </row>
    <row r="127061" spans="14:14">
      <c r="N127061" s="10"/>
    </row>
    <row r="127062" spans="14:14">
      <c r="N127062" s="10"/>
    </row>
    <row r="127063" spans="14:14">
      <c r="N127063" s="10"/>
    </row>
    <row r="127064" spans="14:14">
      <c r="N127064" s="10"/>
    </row>
    <row r="127065" spans="14:14">
      <c r="N127065" s="10"/>
    </row>
    <row r="127066" spans="14:14">
      <c r="N127066" s="10"/>
    </row>
    <row r="127067" spans="14:14">
      <c r="N127067" s="10"/>
    </row>
    <row r="127068" spans="14:14">
      <c r="N127068" s="10"/>
    </row>
    <row r="127069" spans="14:14">
      <c r="N127069" s="10"/>
    </row>
    <row r="127070" spans="14:14">
      <c r="N127070" s="10"/>
    </row>
    <row r="127071" spans="14:14">
      <c r="N127071" s="10"/>
    </row>
    <row r="127072" spans="14:14">
      <c r="N127072" s="10"/>
    </row>
    <row r="127073" spans="14:14">
      <c r="N127073" s="10"/>
    </row>
    <row r="127074" spans="14:14">
      <c r="N127074" s="10"/>
    </row>
    <row r="127075" spans="14:14">
      <c r="N127075" s="10"/>
    </row>
    <row r="127076" spans="14:14">
      <c r="N127076" s="10"/>
    </row>
    <row r="127077" spans="14:14">
      <c r="N127077" s="10"/>
    </row>
    <row r="127078" spans="14:14">
      <c r="N127078" s="10"/>
    </row>
    <row r="127079" spans="14:14">
      <c r="N127079" s="10"/>
    </row>
    <row r="127080" spans="14:14">
      <c r="N127080" s="10"/>
    </row>
    <row r="127081" spans="14:14">
      <c r="N127081" s="10"/>
    </row>
    <row r="127082" spans="14:14">
      <c r="N127082" s="10"/>
    </row>
    <row r="127083" spans="14:14">
      <c r="N127083" s="10"/>
    </row>
    <row r="127084" spans="14:14">
      <c r="N127084" s="10"/>
    </row>
    <row r="127085" spans="14:14">
      <c r="N127085" s="10"/>
    </row>
    <row r="127086" spans="14:14">
      <c r="N127086" s="10"/>
    </row>
    <row r="127087" spans="14:14">
      <c r="N127087" s="10"/>
    </row>
    <row r="127088" spans="14:14">
      <c r="N127088" s="10"/>
    </row>
    <row r="127089" spans="14:14">
      <c r="N127089" s="10"/>
    </row>
    <row r="127090" spans="14:14">
      <c r="N127090" s="10"/>
    </row>
    <row r="127091" spans="14:14">
      <c r="N127091" s="10"/>
    </row>
    <row r="127092" spans="14:14">
      <c r="N127092" s="10"/>
    </row>
    <row r="127093" spans="14:14">
      <c r="N127093" s="10"/>
    </row>
    <row r="127094" spans="14:14">
      <c r="N127094" s="10"/>
    </row>
    <row r="127095" spans="14:14">
      <c r="N127095" s="10"/>
    </row>
    <row r="127096" spans="14:14">
      <c r="N127096" s="10"/>
    </row>
    <row r="127097" spans="14:14">
      <c r="N127097" s="10"/>
    </row>
    <row r="127098" spans="14:14">
      <c r="N127098" s="10"/>
    </row>
    <row r="127099" spans="14:14">
      <c r="N127099" s="10"/>
    </row>
    <row r="127100" spans="14:14">
      <c r="N127100" s="10"/>
    </row>
    <row r="127101" spans="14:14">
      <c r="N127101" s="10"/>
    </row>
    <row r="127102" spans="14:14">
      <c r="N127102" s="10"/>
    </row>
    <row r="127103" spans="14:14">
      <c r="N127103" s="10"/>
    </row>
    <row r="127104" spans="14:14">
      <c r="N127104" s="10"/>
    </row>
    <row r="127105" spans="14:14">
      <c r="N127105" s="10"/>
    </row>
    <row r="127106" spans="14:14">
      <c r="N127106" s="10"/>
    </row>
    <row r="127107" spans="14:14">
      <c r="N127107" s="10"/>
    </row>
    <row r="127108" spans="14:14">
      <c r="N127108" s="10"/>
    </row>
    <row r="127109" spans="14:14">
      <c r="N127109" s="10"/>
    </row>
    <row r="127110" spans="14:14">
      <c r="N127110" s="10"/>
    </row>
    <row r="127111" spans="14:14">
      <c r="N127111" s="10"/>
    </row>
    <row r="127112" spans="14:14">
      <c r="N127112" s="10"/>
    </row>
    <row r="127113" spans="14:14">
      <c r="N127113" s="10"/>
    </row>
    <row r="127114" spans="14:14">
      <c r="N127114" s="10"/>
    </row>
    <row r="127115" spans="14:14">
      <c r="N127115" s="10"/>
    </row>
    <row r="127116" spans="14:14">
      <c r="N127116" s="10"/>
    </row>
    <row r="127117" spans="14:14">
      <c r="N127117" s="10"/>
    </row>
    <row r="127118" spans="14:14">
      <c r="N127118" s="10"/>
    </row>
    <row r="127119" spans="14:14">
      <c r="N127119" s="10"/>
    </row>
    <row r="127120" spans="14:14">
      <c r="N127120" s="10"/>
    </row>
    <row r="127121" spans="14:14">
      <c r="N127121" s="10"/>
    </row>
    <row r="127122" spans="14:14">
      <c r="N127122" s="10"/>
    </row>
    <row r="127123" spans="14:14">
      <c r="N127123" s="10"/>
    </row>
    <row r="127124" spans="14:14">
      <c r="N127124" s="10"/>
    </row>
    <row r="127125" spans="14:14">
      <c r="N127125" s="10"/>
    </row>
    <row r="127126" spans="14:14">
      <c r="N127126" s="10"/>
    </row>
    <row r="127127" spans="14:14">
      <c r="N127127" s="10"/>
    </row>
    <row r="127128" spans="14:14">
      <c r="N127128" s="10"/>
    </row>
    <row r="127129" spans="14:14">
      <c r="N127129" s="10"/>
    </row>
    <row r="127130" spans="14:14">
      <c r="N127130" s="10"/>
    </row>
    <row r="127131" spans="14:14">
      <c r="N127131" s="10"/>
    </row>
    <row r="127132" spans="14:14">
      <c r="N127132" s="10"/>
    </row>
    <row r="127133" spans="14:14">
      <c r="N127133" s="10"/>
    </row>
    <row r="127134" spans="14:14">
      <c r="N127134" s="10"/>
    </row>
    <row r="127135" spans="14:14">
      <c r="N127135" s="10"/>
    </row>
    <row r="127136" spans="14:14">
      <c r="N127136" s="10"/>
    </row>
    <row r="127137" spans="14:14">
      <c r="N127137" s="10"/>
    </row>
    <row r="127138" spans="14:14">
      <c r="N127138" s="10"/>
    </row>
    <row r="127139" spans="14:14">
      <c r="N127139" s="10"/>
    </row>
    <row r="127140" spans="14:14">
      <c r="N127140" s="10"/>
    </row>
    <row r="127141" spans="14:14">
      <c r="N127141" s="10"/>
    </row>
    <row r="127142" spans="14:14">
      <c r="N127142" s="10"/>
    </row>
    <row r="127143" spans="14:14">
      <c r="N127143" s="10"/>
    </row>
    <row r="127144" spans="14:14">
      <c r="N127144" s="10"/>
    </row>
    <row r="127145" spans="14:14">
      <c r="N127145" s="10"/>
    </row>
    <row r="127146" spans="14:14">
      <c r="N127146" s="10"/>
    </row>
    <row r="127147" spans="14:14">
      <c r="N127147" s="10"/>
    </row>
    <row r="127148" spans="14:14">
      <c r="N127148" s="10"/>
    </row>
    <row r="127149" spans="14:14">
      <c r="N127149" s="10"/>
    </row>
    <row r="127150" spans="14:14">
      <c r="N127150" s="10"/>
    </row>
    <row r="127151" spans="14:14">
      <c r="N127151" s="10"/>
    </row>
    <row r="127152" spans="14:14">
      <c r="N127152" s="10"/>
    </row>
    <row r="127153" spans="14:14">
      <c r="N127153" s="10"/>
    </row>
    <row r="127154" spans="14:14">
      <c r="N127154" s="10"/>
    </row>
    <row r="127155" spans="14:14">
      <c r="N127155" s="10"/>
    </row>
    <row r="127156" spans="14:14">
      <c r="N127156" s="10"/>
    </row>
    <row r="127157" spans="14:14">
      <c r="N127157" s="10"/>
    </row>
    <row r="127158" spans="14:14">
      <c r="N127158" s="10"/>
    </row>
    <row r="127159" spans="14:14">
      <c r="N127159" s="10"/>
    </row>
    <row r="127160" spans="14:14">
      <c r="N127160" s="10"/>
    </row>
    <row r="127161" spans="14:14">
      <c r="N127161" s="10"/>
    </row>
    <row r="127162" spans="14:14">
      <c r="N127162" s="10"/>
    </row>
    <row r="127163" spans="14:14">
      <c r="N127163" s="10"/>
    </row>
    <row r="127164" spans="14:14">
      <c r="N127164" s="10"/>
    </row>
    <row r="127165" spans="14:14">
      <c r="N127165" s="10"/>
    </row>
    <row r="127166" spans="14:14">
      <c r="N127166" s="10"/>
    </row>
    <row r="127167" spans="14:14">
      <c r="N127167" s="10"/>
    </row>
    <row r="127168" spans="14:14">
      <c r="N127168" s="10"/>
    </row>
    <row r="127169" spans="14:14">
      <c r="N127169" s="10"/>
    </row>
    <row r="127170" spans="14:14">
      <c r="N127170" s="10"/>
    </row>
    <row r="127171" spans="14:14">
      <c r="N127171" s="10"/>
    </row>
    <row r="127172" spans="14:14">
      <c r="N127172" s="10"/>
    </row>
    <row r="127173" spans="14:14">
      <c r="N127173" s="10"/>
    </row>
    <row r="127174" spans="14:14">
      <c r="N127174" s="10"/>
    </row>
    <row r="127175" spans="14:14">
      <c r="N127175" s="10"/>
    </row>
    <row r="127176" spans="14:14">
      <c r="N127176" s="10"/>
    </row>
    <row r="127177" spans="14:14">
      <c r="N127177" s="10"/>
    </row>
    <row r="127178" spans="14:14">
      <c r="N127178" s="10"/>
    </row>
    <row r="127179" spans="14:14">
      <c r="N127179" s="10"/>
    </row>
    <row r="127180" spans="14:14">
      <c r="N127180" s="10"/>
    </row>
    <row r="127181" spans="14:14">
      <c r="N127181" s="10"/>
    </row>
    <row r="127182" spans="14:14">
      <c r="N127182" s="10"/>
    </row>
    <row r="127183" spans="14:14">
      <c r="N127183" s="10"/>
    </row>
    <row r="127184" spans="14:14">
      <c r="N127184" s="10"/>
    </row>
    <row r="127185" spans="14:14">
      <c r="N127185" s="10"/>
    </row>
    <row r="127186" spans="14:14">
      <c r="N127186" s="10"/>
    </row>
    <row r="127187" spans="14:14">
      <c r="N127187" s="10"/>
    </row>
    <row r="127188" spans="14:14">
      <c r="N127188" s="10"/>
    </row>
    <row r="127189" spans="14:14">
      <c r="N127189" s="10"/>
    </row>
    <row r="127190" spans="14:14">
      <c r="N127190" s="10"/>
    </row>
    <row r="127191" spans="14:14">
      <c r="N127191" s="10"/>
    </row>
    <row r="127192" spans="14:14">
      <c r="N127192" s="10"/>
    </row>
    <row r="127193" spans="14:14">
      <c r="N127193" s="10"/>
    </row>
    <row r="127194" spans="14:14">
      <c r="N127194" s="10"/>
    </row>
    <row r="127195" spans="14:14">
      <c r="N127195" s="10"/>
    </row>
    <row r="127196" spans="14:14">
      <c r="N127196" s="10"/>
    </row>
    <row r="127197" spans="14:14">
      <c r="N127197" s="10"/>
    </row>
    <row r="127198" spans="14:14">
      <c r="N127198" s="10"/>
    </row>
    <row r="127199" spans="14:14">
      <c r="N127199" s="10"/>
    </row>
    <row r="127200" spans="14:14">
      <c r="N127200" s="10"/>
    </row>
    <row r="127201" spans="14:14">
      <c r="N127201" s="10"/>
    </row>
    <row r="127202" spans="14:14">
      <c r="N127202" s="10"/>
    </row>
    <row r="127203" spans="14:14">
      <c r="N127203" s="10"/>
    </row>
    <row r="127204" spans="14:14">
      <c r="N127204" s="10"/>
    </row>
    <row r="127205" spans="14:14">
      <c r="N127205" s="10"/>
    </row>
    <row r="127206" spans="14:14">
      <c r="N127206" s="10"/>
    </row>
    <row r="127207" spans="14:14">
      <c r="N127207" s="10"/>
    </row>
    <row r="127208" spans="14:14">
      <c r="N127208" s="10"/>
    </row>
    <row r="127209" spans="14:14">
      <c r="N127209" s="10"/>
    </row>
    <row r="127210" spans="14:14">
      <c r="N127210" s="10"/>
    </row>
    <row r="127211" spans="14:14">
      <c r="N127211" s="10"/>
    </row>
    <row r="127212" spans="14:14">
      <c r="N127212" s="10"/>
    </row>
    <row r="127213" spans="14:14">
      <c r="N127213" s="10"/>
    </row>
    <row r="127214" spans="14:14">
      <c r="N127214" s="10"/>
    </row>
    <row r="127215" spans="14:14">
      <c r="N127215" s="10"/>
    </row>
    <row r="127216" spans="14:14">
      <c r="N127216" s="10"/>
    </row>
    <row r="127217" spans="14:14">
      <c r="N127217" s="10"/>
    </row>
    <row r="127218" spans="14:14">
      <c r="N127218" s="10"/>
    </row>
    <row r="127219" spans="14:14">
      <c r="N127219" s="10"/>
    </row>
    <row r="127220" spans="14:14">
      <c r="N127220" s="10"/>
    </row>
    <row r="127221" spans="14:14">
      <c r="N127221" s="10"/>
    </row>
    <row r="127222" spans="14:14">
      <c r="N127222" s="10"/>
    </row>
    <row r="127223" spans="14:14">
      <c r="N127223" s="10"/>
    </row>
    <row r="127224" spans="14:14">
      <c r="N127224" s="10"/>
    </row>
    <row r="127225" spans="14:14">
      <c r="N127225" s="10"/>
    </row>
    <row r="127226" spans="14:14">
      <c r="N127226" s="10"/>
    </row>
    <row r="127227" spans="14:14">
      <c r="N127227" s="10"/>
    </row>
    <row r="127228" spans="14:14">
      <c r="N127228" s="10"/>
    </row>
    <row r="127229" spans="14:14">
      <c r="N127229" s="10"/>
    </row>
    <row r="127230" spans="14:14">
      <c r="N127230" s="10"/>
    </row>
    <row r="127231" spans="14:14">
      <c r="N127231" s="10"/>
    </row>
    <row r="127232" spans="14:14">
      <c r="N127232" s="10"/>
    </row>
    <row r="127233" spans="14:14">
      <c r="N127233" s="10"/>
    </row>
    <row r="127234" spans="14:14">
      <c r="N127234" s="10"/>
    </row>
    <row r="127235" spans="14:14">
      <c r="N127235" s="10"/>
    </row>
    <row r="127236" spans="14:14">
      <c r="N127236" s="10"/>
    </row>
    <row r="127237" spans="14:14">
      <c r="N127237" s="10"/>
    </row>
    <row r="127238" spans="14:14">
      <c r="N127238" s="10"/>
    </row>
    <row r="127239" spans="14:14">
      <c r="N127239" s="10"/>
    </row>
    <row r="127240" spans="14:14">
      <c r="N127240" s="10"/>
    </row>
    <row r="127241" spans="14:14">
      <c r="N127241" s="10"/>
    </row>
    <row r="127242" spans="14:14">
      <c r="N127242" s="10"/>
    </row>
    <row r="127243" spans="14:14">
      <c r="N127243" s="10"/>
    </row>
    <row r="127244" spans="14:14">
      <c r="N127244" s="10"/>
    </row>
    <row r="127245" spans="14:14">
      <c r="N127245" s="10"/>
    </row>
    <row r="127246" spans="14:14">
      <c r="N127246" s="10"/>
    </row>
    <row r="127247" spans="14:14">
      <c r="N127247" s="10"/>
    </row>
    <row r="127248" spans="14:14">
      <c r="N127248" s="10"/>
    </row>
    <row r="127249" spans="14:14">
      <c r="N127249" s="10"/>
    </row>
    <row r="127250" spans="14:14">
      <c r="N127250" s="10"/>
    </row>
    <row r="127251" spans="14:14">
      <c r="N127251" s="10"/>
    </row>
    <row r="127252" spans="14:14">
      <c r="N127252" s="10"/>
    </row>
    <row r="127253" spans="14:14">
      <c r="N127253" s="10"/>
    </row>
    <row r="127254" spans="14:14">
      <c r="N127254" s="10"/>
    </row>
    <row r="127255" spans="14:14">
      <c r="N127255" s="10"/>
    </row>
    <row r="127256" spans="14:14">
      <c r="N127256" s="10"/>
    </row>
    <row r="127257" spans="14:14">
      <c r="N127257" s="10"/>
    </row>
    <row r="127258" spans="14:14">
      <c r="N127258" s="10"/>
    </row>
    <row r="127259" spans="14:14">
      <c r="N127259" s="10"/>
    </row>
    <row r="127260" spans="14:14">
      <c r="N127260" s="10"/>
    </row>
    <row r="127261" spans="14:14">
      <c r="N127261" s="10"/>
    </row>
    <row r="127262" spans="14:14">
      <c r="N127262" s="10"/>
    </row>
    <row r="127263" spans="14:14">
      <c r="N127263" s="10"/>
    </row>
    <row r="127264" spans="14:14">
      <c r="N127264" s="10"/>
    </row>
    <row r="127265" spans="14:14">
      <c r="N127265" s="10"/>
    </row>
    <row r="127266" spans="14:14">
      <c r="N127266" s="10"/>
    </row>
    <row r="127267" spans="14:14">
      <c r="N127267" s="10"/>
    </row>
    <row r="127268" spans="14:14">
      <c r="N127268" s="10"/>
    </row>
    <row r="127269" spans="14:14">
      <c r="N127269" s="10"/>
    </row>
    <row r="127270" spans="14:14">
      <c r="N127270" s="10"/>
    </row>
    <row r="127271" spans="14:14">
      <c r="N127271" s="10"/>
    </row>
    <row r="127272" spans="14:14">
      <c r="N127272" s="10"/>
    </row>
    <row r="127273" spans="14:14">
      <c r="N127273" s="10"/>
    </row>
    <row r="127274" spans="14:14">
      <c r="N127274" s="10"/>
    </row>
    <row r="127275" spans="14:14">
      <c r="N127275" s="10"/>
    </row>
    <row r="127276" spans="14:14">
      <c r="N127276" s="10"/>
    </row>
    <row r="127277" spans="14:14">
      <c r="N127277" s="10"/>
    </row>
    <row r="127278" spans="14:14">
      <c r="N127278" s="10"/>
    </row>
    <row r="127279" spans="14:14">
      <c r="N127279" s="10"/>
    </row>
    <row r="127280" spans="14:14">
      <c r="N127280" s="10"/>
    </row>
    <row r="127281" spans="14:14">
      <c r="N127281" s="10"/>
    </row>
    <row r="127282" spans="14:14">
      <c r="N127282" s="10"/>
    </row>
    <row r="127283" spans="14:14">
      <c r="N127283" s="10"/>
    </row>
    <row r="127284" spans="14:14">
      <c r="N127284" s="10"/>
    </row>
    <row r="127285" spans="14:14">
      <c r="N127285" s="10"/>
    </row>
    <row r="127286" spans="14:14">
      <c r="N127286" s="10"/>
    </row>
    <row r="127287" spans="14:14">
      <c r="N127287" s="10"/>
    </row>
    <row r="127288" spans="14:14">
      <c r="N127288" s="10"/>
    </row>
    <row r="127289" spans="14:14">
      <c r="N127289" s="10"/>
    </row>
    <row r="127290" spans="14:14">
      <c r="N127290" s="10"/>
    </row>
    <row r="127291" spans="14:14">
      <c r="N127291" s="10"/>
    </row>
    <row r="127292" spans="14:14">
      <c r="N127292" s="10"/>
    </row>
    <row r="127293" spans="14:14">
      <c r="N127293" s="10"/>
    </row>
    <row r="127294" spans="14:14">
      <c r="N127294" s="10"/>
    </row>
    <row r="127295" spans="14:14">
      <c r="N127295" s="10"/>
    </row>
    <row r="127296" spans="14:14">
      <c r="N127296" s="10"/>
    </row>
    <row r="127297" spans="14:14">
      <c r="N127297" s="10"/>
    </row>
    <row r="127298" spans="14:14">
      <c r="N127298" s="10"/>
    </row>
    <row r="127299" spans="14:14">
      <c r="N127299" s="10"/>
    </row>
    <row r="127300" spans="14:14">
      <c r="N127300" s="10"/>
    </row>
    <row r="127301" spans="14:14">
      <c r="N127301" s="10"/>
    </row>
    <row r="127302" spans="14:14">
      <c r="N127302" s="10"/>
    </row>
    <row r="127303" spans="14:14">
      <c r="N127303" s="10"/>
    </row>
    <row r="127304" spans="14:14">
      <c r="N127304" s="10"/>
    </row>
    <row r="127305" spans="14:14">
      <c r="N127305" s="10"/>
    </row>
    <row r="127306" spans="14:14">
      <c r="N127306" s="10"/>
    </row>
    <row r="127307" spans="14:14">
      <c r="N127307" s="10"/>
    </row>
    <row r="127308" spans="14:14">
      <c r="N127308" s="10"/>
    </row>
    <row r="127309" spans="14:14">
      <c r="N127309" s="10"/>
    </row>
    <row r="127310" spans="14:14">
      <c r="N127310" s="10"/>
    </row>
    <row r="127311" spans="14:14">
      <c r="N127311" s="10"/>
    </row>
    <row r="127312" spans="14:14">
      <c r="N127312" s="10"/>
    </row>
    <row r="127313" spans="14:14">
      <c r="N127313" s="10"/>
    </row>
    <row r="127314" spans="14:14">
      <c r="N127314" s="10"/>
    </row>
    <row r="127315" spans="14:14">
      <c r="N127315" s="10"/>
    </row>
    <row r="127316" spans="14:14">
      <c r="N127316" s="10"/>
    </row>
    <row r="127317" spans="14:14">
      <c r="N127317" s="10"/>
    </row>
    <row r="127318" spans="14:14">
      <c r="N127318" s="10"/>
    </row>
    <row r="127319" spans="14:14">
      <c r="N127319" s="10"/>
    </row>
    <row r="127320" spans="14:14">
      <c r="N127320" s="10"/>
    </row>
    <row r="127321" spans="14:14">
      <c r="N127321" s="10"/>
    </row>
    <row r="127322" spans="14:14">
      <c r="N127322" s="10"/>
    </row>
    <row r="127323" spans="14:14">
      <c r="N127323" s="10"/>
    </row>
    <row r="127324" spans="14:14">
      <c r="N127324" s="10"/>
    </row>
    <row r="127325" spans="14:14">
      <c r="N127325" s="10"/>
    </row>
    <row r="127326" spans="14:14">
      <c r="N127326" s="10"/>
    </row>
    <row r="127327" spans="14:14">
      <c r="N127327" s="10"/>
    </row>
    <row r="127328" spans="14:14">
      <c r="N127328" s="10"/>
    </row>
    <row r="127329" spans="14:14">
      <c r="N127329" s="10"/>
    </row>
    <row r="127330" spans="14:14">
      <c r="N127330" s="10"/>
    </row>
    <row r="127331" spans="14:14">
      <c r="N127331" s="10"/>
    </row>
    <row r="127332" spans="14:14">
      <c r="N127332" s="10"/>
    </row>
    <row r="127333" spans="14:14">
      <c r="N127333" s="10"/>
    </row>
    <row r="127334" spans="14:14">
      <c r="N127334" s="10"/>
    </row>
    <row r="127335" spans="14:14">
      <c r="N127335" s="10"/>
    </row>
    <row r="127336" spans="14:14">
      <c r="N127336" s="10"/>
    </row>
    <row r="127337" spans="14:14">
      <c r="N127337" s="10"/>
    </row>
    <row r="127338" spans="14:14">
      <c r="N127338" s="10"/>
    </row>
    <row r="127339" spans="14:14">
      <c r="N127339" s="10"/>
    </row>
    <row r="127340" spans="14:14">
      <c r="N127340" s="10"/>
    </row>
    <row r="127341" spans="14:14">
      <c r="N127341" s="10"/>
    </row>
    <row r="127342" spans="14:14">
      <c r="N127342" s="10"/>
    </row>
    <row r="127343" spans="14:14">
      <c r="N127343" s="10"/>
    </row>
    <row r="127344" spans="14:14">
      <c r="N127344" s="10"/>
    </row>
    <row r="127345" spans="14:14">
      <c r="N127345" s="10"/>
    </row>
    <row r="127346" spans="14:14">
      <c r="N127346" s="10"/>
    </row>
    <row r="127347" spans="14:14">
      <c r="N127347" s="10"/>
    </row>
    <row r="127348" spans="14:14">
      <c r="N127348" s="10"/>
    </row>
    <row r="127349" spans="14:14">
      <c r="N127349" s="10"/>
    </row>
    <row r="127350" spans="14:14">
      <c r="N127350" s="10"/>
    </row>
    <row r="127351" spans="14:14">
      <c r="N127351" s="10"/>
    </row>
    <row r="127352" spans="14:14">
      <c r="N127352" s="10"/>
    </row>
    <row r="127353" spans="14:14">
      <c r="N127353" s="10"/>
    </row>
    <row r="127354" spans="14:14">
      <c r="N127354" s="10"/>
    </row>
    <row r="127355" spans="14:14">
      <c r="N127355" s="10"/>
    </row>
    <row r="127356" spans="14:14">
      <c r="N127356" s="10"/>
    </row>
    <row r="127357" spans="14:14">
      <c r="N127357" s="10"/>
    </row>
    <row r="127358" spans="14:14">
      <c r="N127358" s="10"/>
    </row>
    <row r="127359" spans="14:14">
      <c r="N127359" s="10"/>
    </row>
    <row r="127360" spans="14:14">
      <c r="N127360" s="10"/>
    </row>
    <row r="127361" spans="14:14">
      <c r="N127361" s="10"/>
    </row>
    <row r="127362" spans="14:14">
      <c r="N127362" s="10"/>
    </row>
    <row r="127363" spans="14:14">
      <c r="N127363" s="10"/>
    </row>
    <row r="127364" spans="14:14">
      <c r="N127364" s="10"/>
    </row>
    <row r="127365" spans="14:14">
      <c r="N127365" s="10"/>
    </row>
    <row r="127366" spans="14:14">
      <c r="N127366" s="10"/>
    </row>
    <row r="127367" spans="14:14">
      <c r="N127367" s="10"/>
    </row>
    <row r="127368" spans="14:14">
      <c r="N127368" s="10"/>
    </row>
    <row r="127369" spans="14:14">
      <c r="N127369" s="10"/>
    </row>
    <row r="127370" spans="14:14">
      <c r="N127370" s="10"/>
    </row>
    <row r="127371" spans="14:14">
      <c r="N127371" s="10"/>
    </row>
    <row r="127372" spans="14:14">
      <c r="N127372" s="10"/>
    </row>
    <row r="127373" spans="14:14">
      <c r="N127373" s="10"/>
    </row>
    <row r="127374" spans="14:14">
      <c r="N127374" s="10"/>
    </row>
    <row r="127375" spans="14:14">
      <c r="N127375" s="10"/>
    </row>
    <row r="127376" spans="14:14">
      <c r="N127376" s="10"/>
    </row>
    <row r="127377" spans="14:14">
      <c r="N127377" s="10"/>
    </row>
    <row r="127378" spans="14:14">
      <c r="N127378" s="10"/>
    </row>
    <row r="127379" spans="14:14">
      <c r="N127379" s="10"/>
    </row>
    <row r="127380" spans="14:14">
      <c r="N127380" s="10"/>
    </row>
    <row r="127381" spans="14:14">
      <c r="N127381" s="10"/>
    </row>
    <row r="127382" spans="14:14">
      <c r="N127382" s="10"/>
    </row>
    <row r="127383" spans="14:14">
      <c r="N127383" s="10"/>
    </row>
    <row r="127384" spans="14:14">
      <c r="N127384" s="10"/>
    </row>
    <row r="127385" spans="14:14">
      <c r="N127385" s="10"/>
    </row>
    <row r="127386" spans="14:14">
      <c r="N127386" s="10"/>
    </row>
    <row r="127387" spans="14:14">
      <c r="N127387" s="10"/>
    </row>
    <row r="127388" spans="14:14">
      <c r="N127388" s="10"/>
    </row>
    <row r="127389" spans="14:14">
      <c r="N127389" s="10"/>
    </row>
    <row r="127390" spans="14:14">
      <c r="N127390" s="10"/>
    </row>
    <row r="127391" spans="14:14">
      <c r="N127391" s="10"/>
    </row>
    <row r="127392" spans="14:14">
      <c r="N127392" s="10"/>
    </row>
    <row r="127393" spans="14:14">
      <c r="N127393" s="10"/>
    </row>
    <row r="127394" spans="14:14">
      <c r="N127394" s="10"/>
    </row>
    <row r="127395" spans="14:14">
      <c r="N127395" s="10"/>
    </row>
    <row r="127396" spans="14:14">
      <c r="N127396" s="10"/>
    </row>
    <row r="127397" spans="14:14">
      <c r="N127397" s="10"/>
    </row>
    <row r="127398" spans="14:14">
      <c r="N127398" s="10"/>
    </row>
    <row r="127399" spans="14:14">
      <c r="N127399" s="10"/>
    </row>
    <row r="127400" spans="14:14">
      <c r="N127400" s="10"/>
    </row>
    <row r="127401" spans="14:14">
      <c r="N127401" s="10"/>
    </row>
    <row r="127402" spans="14:14">
      <c r="N127402" s="10"/>
    </row>
    <row r="127403" spans="14:14">
      <c r="N127403" s="10"/>
    </row>
    <row r="127404" spans="14:14">
      <c r="N127404" s="10"/>
    </row>
    <row r="127405" spans="14:14">
      <c r="N127405" s="10"/>
    </row>
    <row r="127406" spans="14:14">
      <c r="N127406" s="10"/>
    </row>
    <row r="127407" spans="14:14">
      <c r="N127407" s="10"/>
    </row>
    <row r="127408" spans="14:14">
      <c r="N127408" s="10"/>
    </row>
    <row r="127409" spans="14:14">
      <c r="N127409" s="10"/>
    </row>
    <row r="127410" spans="14:14">
      <c r="N127410" s="10"/>
    </row>
    <row r="127411" spans="14:14">
      <c r="N127411" s="10"/>
    </row>
    <row r="127412" spans="14:14">
      <c r="N127412" s="10"/>
    </row>
    <row r="127413" spans="14:14">
      <c r="N127413" s="10"/>
    </row>
    <row r="127414" spans="14:14">
      <c r="N127414" s="10"/>
    </row>
    <row r="127415" spans="14:14">
      <c r="N127415" s="10"/>
    </row>
    <row r="127416" spans="14:14">
      <c r="N127416" s="10"/>
    </row>
    <row r="127417" spans="14:14">
      <c r="N127417" s="10"/>
    </row>
    <row r="127418" spans="14:14">
      <c r="N127418" s="10"/>
    </row>
    <row r="127419" spans="14:14">
      <c r="N127419" s="10"/>
    </row>
    <row r="127420" spans="14:14">
      <c r="N127420" s="10"/>
    </row>
    <row r="127421" spans="14:14">
      <c r="N127421" s="10"/>
    </row>
    <row r="127422" spans="14:14">
      <c r="N127422" s="10"/>
    </row>
    <row r="127423" spans="14:14">
      <c r="N127423" s="10"/>
    </row>
    <row r="127424" spans="14:14">
      <c r="N127424" s="10"/>
    </row>
    <row r="127425" spans="14:14">
      <c r="N127425" s="10"/>
    </row>
    <row r="127426" spans="14:14">
      <c r="N127426" s="10"/>
    </row>
    <row r="127427" spans="14:14">
      <c r="N127427" s="10"/>
    </row>
    <row r="127428" spans="14:14">
      <c r="N127428" s="10"/>
    </row>
    <row r="127429" spans="14:14">
      <c r="N127429" s="10"/>
    </row>
    <row r="127430" spans="14:14">
      <c r="N127430" s="10"/>
    </row>
    <row r="127431" spans="14:14">
      <c r="N127431" s="10"/>
    </row>
    <row r="127432" spans="14:14">
      <c r="N127432" s="10"/>
    </row>
    <row r="127433" spans="14:14">
      <c r="N127433" s="10"/>
    </row>
    <row r="127434" spans="14:14">
      <c r="N127434" s="10"/>
    </row>
    <row r="127435" spans="14:14">
      <c r="N127435" s="10"/>
    </row>
    <row r="127436" spans="14:14">
      <c r="N127436" s="10"/>
    </row>
    <row r="127437" spans="14:14">
      <c r="N127437" s="10"/>
    </row>
    <row r="127438" spans="14:14">
      <c r="N127438" s="10"/>
    </row>
    <row r="127439" spans="14:14">
      <c r="N127439" s="10"/>
    </row>
    <row r="127440" spans="14:14">
      <c r="N127440" s="10"/>
    </row>
    <row r="127441" spans="14:14">
      <c r="N127441" s="10"/>
    </row>
    <row r="127442" spans="14:14">
      <c r="N127442" s="10"/>
    </row>
    <row r="127443" spans="14:14">
      <c r="N127443" s="10"/>
    </row>
    <row r="127444" spans="14:14">
      <c r="N127444" s="10"/>
    </row>
    <row r="127445" spans="14:14">
      <c r="N127445" s="10"/>
    </row>
    <row r="127446" spans="14:14">
      <c r="N127446" s="10"/>
    </row>
    <row r="127447" spans="14:14">
      <c r="N127447" s="10"/>
    </row>
    <row r="127448" spans="14:14">
      <c r="N127448" s="10"/>
    </row>
    <row r="127449" spans="14:14">
      <c r="N127449" s="10"/>
    </row>
    <row r="127450" spans="14:14">
      <c r="N127450" s="10"/>
    </row>
    <row r="127451" spans="14:14">
      <c r="N127451" s="10"/>
    </row>
    <row r="127452" spans="14:14">
      <c r="N127452" s="10"/>
    </row>
    <row r="127453" spans="14:14">
      <c r="N127453" s="10"/>
    </row>
    <row r="127454" spans="14:14">
      <c r="N127454" s="10"/>
    </row>
    <row r="127455" spans="14:14">
      <c r="N127455" s="10"/>
    </row>
    <row r="127456" spans="14:14">
      <c r="N127456" s="10"/>
    </row>
    <row r="127457" spans="14:14">
      <c r="N127457" s="10"/>
    </row>
    <row r="127458" spans="14:14">
      <c r="N127458" s="10"/>
    </row>
    <row r="127459" spans="14:14">
      <c r="N127459" s="10"/>
    </row>
    <row r="127460" spans="14:14">
      <c r="N127460" s="10"/>
    </row>
    <row r="127461" spans="14:14">
      <c r="N127461" s="10"/>
    </row>
    <row r="127462" spans="14:14">
      <c r="N127462" s="10"/>
    </row>
    <row r="127463" spans="14:14">
      <c r="N127463" s="10"/>
    </row>
    <row r="127464" spans="14:14">
      <c r="N127464" s="10"/>
    </row>
    <row r="127465" spans="14:14">
      <c r="N127465" s="10"/>
    </row>
    <row r="127466" spans="14:14">
      <c r="N127466" s="10"/>
    </row>
    <row r="127467" spans="14:14">
      <c r="N127467" s="10"/>
    </row>
    <row r="127468" spans="14:14">
      <c r="N127468" s="10"/>
    </row>
    <row r="127469" spans="14:14">
      <c r="N127469" s="10"/>
    </row>
    <row r="127470" spans="14:14">
      <c r="N127470" s="10"/>
    </row>
    <row r="127471" spans="14:14">
      <c r="N127471" s="10"/>
    </row>
    <row r="127472" spans="14:14">
      <c r="N127472" s="10"/>
    </row>
    <row r="127473" spans="14:14">
      <c r="N127473" s="10"/>
    </row>
    <row r="127474" spans="14:14">
      <c r="N127474" s="10"/>
    </row>
    <row r="127475" spans="14:14">
      <c r="N127475" s="10"/>
    </row>
    <row r="127476" spans="14:14">
      <c r="N127476" s="10"/>
    </row>
    <row r="127477" spans="14:14">
      <c r="N127477" s="10"/>
    </row>
    <row r="127478" spans="14:14">
      <c r="N127478" s="10"/>
    </row>
    <row r="127479" spans="14:14">
      <c r="N127479" s="10"/>
    </row>
    <row r="127480" spans="14:14">
      <c r="N127480" s="10"/>
    </row>
    <row r="127481" spans="14:14">
      <c r="N127481" s="10"/>
    </row>
    <row r="127482" spans="14:14">
      <c r="N127482" s="10"/>
    </row>
    <row r="127483" spans="14:14">
      <c r="N127483" s="10"/>
    </row>
    <row r="127484" spans="14:14">
      <c r="N127484" s="10"/>
    </row>
    <row r="127485" spans="14:14">
      <c r="N127485" s="10"/>
    </row>
    <row r="127486" spans="14:14">
      <c r="N127486" s="10"/>
    </row>
    <row r="127487" spans="14:14">
      <c r="N127487" s="10"/>
    </row>
    <row r="127488" spans="14:14">
      <c r="N127488" s="10"/>
    </row>
    <row r="127489" spans="14:14">
      <c r="N127489" s="10"/>
    </row>
    <row r="127490" spans="14:14">
      <c r="N127490" s="10"/>
    </row>
    <row r="127491" spans="14:14">
      <c r="N127491" s="10"/>
    </row>
    <row r="127492" spans="14:14">
      <c r="N127492" s="10"/>
    </row>
    <row r="127493" spans="14:14">
      <c r="N127493" s="10"/>
    </row>
    <row r="127494" spans="14:14">
      <c r="N127494" s="10"/>
    </row>
    <row r="127495" spans="14:14">
      <c r="N127495" s="10"/>
    </row>
    <row r="127496" spans="14:14">
      <c r="N127496" s="10"/>
    </row>
    <row r="127497" spans="14:14">
      <c r="N127497" s="10"/>
    </row>
    <row r="127498" spans="14:14">
      <c r="N127498" s="10"/>
    </row>
    <row r="127499" spans="14:14">
      <c r="N127499" s="10"/>
    </row>
    <row r="127500" spans="14:14">
      <c r="N127500" s="10"/>
    </row>
    <row r="127501" spans="14:14">
      <c r="N127501" s="10"/>
    </row>
    <row r="127502" spans="14:14">
      <c r="N127502" s="10"/>
    </row>
    <row r="127503" spans="14:14">
      <c r="N127503" s="10"/>
    </row>
    <row r="127504" spans="14:14">
      <c r="N127504" s="10"/>
    </row>
    <row r="127505" spans="14:14">
      <c r="N127505" s="10"/>
    </row>
    <row r="127506" spans="14:14">
      <c r="N127506" s="10"/>
    </row>
    <row r="127507" spans="14:14">
      <c r="N127507" s="10"/>
    </row>
    <row r="127508" spans="14:14">
      <c r="N127508" s="10"/>
    </row>
    <row r="127509" spans="14:14">
      <c r="N127509" s="10"/>
    </row>
    <row r="127510" spans="14:14">
      <c r="N127510" s="10"/>
    </row>
    <row r="127511" spans="14:14">
      <c r="N127511" s="10"/>
    </row>
    <row r="127512" spans="14:14">
      <c r="N127512" s="10"/>
    </row>
    <row r="127513" spans="14:14">
      <c r="N127513" s="10"/>
    </row>
    <row r="127514" spans="14:14">
      <c r="N127514" s="10"/>
    </row>
    <row r="127515" spans="14:14">
      <c r="N127515" s="10"/>
    </row>
    <row r="127516" spans="14:14">
      <c r="N127516" s="10"/>
    </row>
    <row r="127517" spans="14:14">
      <c r="N127517" s="10"/>
    </row>
    <row r="127518" spans="14:14">
      <c r="N127518" s="10"/>
    </row>
    <row r="127519" spans="14:14">
      <c r="N127519" s="10"/>
    </row>
    <row r="127520" spans="14:14">
      <c r="N127520" s="10"/>
    </row>
    <row r="127521" spans="14:14">
      <c r="N127521" s="10"/>
    </row>
    <row r="127522" spans="14:14">
      <c r="N127522" s="10"/>
    </row>
    <row r="127523" spans="14:14">
      <c r="N127523" s="10"/>
    </row>
    <row r="127524" spans="14:14">
      <c r="N127524" s="10"/>
    </row>
    <row r="127525" spans="14:14">
      <c r="N127525" s="10"/>
    </row>
    <row r="127526" spans="14:14">
      <c r="N127526" s="10"/>
    </row>
    <row r="127527" spans="14:14">
      <c r="N127527" s="10"/>
    </row>
    <row r="127528" spans="14:14">
      <c r="N127528" s="10"/>
    </row>
    <row r="127529" spans="14:14">
      <c r="N127529" s="10"/>
    </row>
    <row r="127530" spans="14:14">
      <c r="N127530" s="10"/>
    </row>
    <row r="127531" spans="14:14">
      <c r="N127531" s="10"/>
    </row>
    <row r="127532" spans="14:14">
      <c r="N127532" s="10"/>
    </row>
    <row r="127533" spans="14:14">
      <c r="N127533" s="10"/>
    </row>
    <row r="127534" spans="14:14">
      <c r="N127534" s="10"/>
    </row>
    <row r="127535" spans="14:14">
      <c r="N127535" s="10"/>
    </row>
    <row r="127536" spans="14:14">
      <c r="N127536" s="10"/>
    </row>
    <row r="127537" spans="14:14">
      <c r="N127537" s="10"/>
    </row>
    <row r="127538" spans="14:14">
      <c r="N127538" s="10"/>
    </row>
    <row r="127539" spans="14:14">
      <c r="N127539" s="10"/>
    </row>
    <row r="127540" spans="14:14">
      <c r="N127540" s="10"/>
    </row>
    <row r="127541" spans="14:14">
      <c r="N127541" s="10"/>
    </row>
    <row r="127542" spans="14:14">
      <c r="N127542" s="10"/>
    </row>
    <row r="127543" spans="14:14">
      <c r="N127543" s="10"/>
    </row>
    <row r="127544" spans="14:14">
      <c r="N127544" s="10"/>
    </row>
    <row r="127545" spans="14:14">
      <c r="N127545" s="10"/>
    </row>
    <row r="127546" spans="14:14">
      <c r="N127546" s="10"/>
    </row>
    <row r="127547" spans="14:14">
      <c r="N127547" s="10"/>
    </row>
    <row r="127548" spans="14:14">
      <c r="N127548" s="10"/>
    </row>
    <row r="127549" spans="14:14">
      <c r="N127549" s="10"/>
    </row>
    <row r="127550" spans="14:14">
      <c r="N127550" s="10"/>
    </row>
    <row r="127551" spans="14:14">
      <c r="N127551" s="10"/>
    </row>
    <row r="127552" spans="14:14">
      <c r="N127552" s="10"/>
    </row>
    <row r="127553" spans="14:14">
      <c r="N127553" s="10"/>
    </row>
    <row r="127554" spans="14:14">
      <c r="N127554" s="10"/>
    </row>
    <row r="127555" spans="14:14">
      <c r="N127555" s="10"/>
    </row>
    <row r="127556" spans="14:14">
      <c r="N127556" s="10"/>
    </row>
    <row r="127557" spans="14:14">
      <c r="N127557" s="10"/>
    </row>
    <row r="127558" spans="14:14">
      <c r="N127558" s="10"/>
    </row>
    <row r="127559" spans="14:14">
      <c r="N127559" s="10"/>
    </row>
    <row r="127560" spans="14:14">
      <c r="N127560" s="10"/>
    </row>
    <row r="127561" spans="14:14">
      <c r="N127561" s="10"/>
    </row>
    <row r="127562" spans="14:14">
      <c r="N127562" s="10"/>
    </row>
    <row r="127563" spans="14:14">
      <c r="N127563" s="10"/>
    </row>
    <row r="127564" spans="14:14">
      <c r="N127564" s="10"/>
    </row>
    <row r="127565" spans="14:14">
      <c r="N127565" s="10"/>
    </row>
    <row r="127566" spans="14:14">
      <c r="N127566" s="10"/>
    </row>
    <row r="127567" spans="14:14">
      <c r="N127567" s="10"/>
    </row>
    <row r="127568" spans="14:14">
      <c r="N127568" s="10"/>
    </row>
    <row r="127569" spans="14:14">
      <c r="N127569" s="10"/>
    </row>
    <row r="127570" spans="14:14">
      <c r="N127570" s="10"/>
    </row>
    <row r="127571" spans="14:14">
      <c r="N127571" s="10"/>
    </row>
    <row r="127572" spans="14:14">
      <c r="N127572" s="10"/>
    </row>
    <row r="127573" spans="14:14">
      <c r="N127573" s="10"/>
    </row>
    <row r="127574" spans="14:14">
      <c r="N127574" s="10"/>
    </row>
    <row r="127575" spans="14:14">
      <c r="N127575" s="10"/>
    </row>
    <row r="127576" spans="14:14">
      <c r="N127576" s="10"/>
    </row>
    <row r="127577" spans="14:14">
      <c r="N127577" s="10"/>
    </row>
    <row r="127578" spans="14:14">
      <c r="N127578" s="10"/>
    </row>
    <row r="127579" spans="14:14">
      <c r="N127579" s="10"/>
    </row>
    <row r="127580" spans="14:14">
      <c r="N127580" s="10"/>
    </row>
    <row r="127581" spans="14:14">
      <c r="N127581" s="10"/>
    </row>
    <row r="127582" spans="14:14">
      <c r="N127582" s="10"/>
    </row>
    <row r="127583" spans="14:14">
      <c r="N127583" s="10"/>
    </row>
    <row r="127584" spans="14:14">
      <c r="N127584" s="10"/>
    </row>
    <row r="127585" spans="14:14">
      <c r="N127585" s="10"/>
    </row>
    <row r="127586" spans="14:14">
      <c r="N127586" s="10"/>
    </row>
    <row r="127587" spans="14:14">
      <c r="N127587" s="10"/>
    </row>
    <row r="127588" spans="14:14">
      <c r="N127588" s="10"/>
    </row>
    <row r="127589" spans="14:14">
      <c r="N127589" s="10"/>
    </row>
    <row r="127590" spans="14:14">
      <c r="N127590" s="10"/>
    </row>
    <row r="127591" spans="14:14">
      <c r="N127591" s="10"/>
    </row>
    <row r="127592" spans="14:14">
      <c r="N127592" s="10"/>
    </row>
    <row r="127593" spans="14:14">
      <c r="N127593" s="10"/>
    </row>
    <row r="127594" spans="14:14">
      <c r="N127594" s="10"/>
    </row>
    <row r="127595" spans="14:14">
      <c r="N127595" s="10"/>
    </row>
    <row r="127596" spans="14:14">
      <c r="N127596" s="10"/>
    </row>
    <row r="127597" spans="14:14">
      <c r="N127597" s="10"/>
    </row>
    <row r="127598" spans="14:14">
      <c r="N127598" s="10"/>
    </row>
    <row r="127599" spans="14:14">
      <c r="N127599" s="10"/>
    </row>
    <row r="127600" spans="14:14">
      <c r="N127600" s="10"/>
    </row>
    <row r="127601" spans="14:14">
      <c r="N127601" s="10"/>
    </row>
    <row r="127602" spans="14:14">
      <c r="N127602" s="10"/>
    </row>
    <row r="127603" spans="14:14">
      <c r="N127603" s="10"/>
    </row>
    <row r="127604" spans="14:14">
      <c r="N127604" s="10"/>
    </row>
    <row r="127605" spans="14:14">
      <c r="N127605" s="10"/>
    </row>
    <row r="127606" spans="14:14">
      <c r="N127606" s="10"/>
    </row>
    <row r="127607" spans="14:14">
      <c r="N127607" s="10"/>
    </row>
    <row r="127608" spans="14:14">
      <c r="N127608" s="10"/>
    </row>
    <row r="127609" spans="14:14">
      <c r="N127609" s="10"/>
    </row>
    <row r="127610" spans="14:14">
      <c r="N127610" s="10"/>
    </row>
    <row r="127611" spans="14:14">
      <c r="N127611" s="10"/>
    </row>
    <row r="127612" spans="14:14">
      <c r="N127612" s="10"/>
    </row>
    <row r="127613" spans="14:14">
      <c r="N127613" s="10"/>
    </row>
    <row r="127614" spans="14:14">
      <c r="N127614" s="10"/>
    </row>
    <row r="127615" spans="14:14">
      <c r="N127615" s="10"/>
    </row>
    <row r="127616" spans="14:14">
      <c r="N127616" s="10"/>
    </row>
    <row r="127617" spans="14:14">
      <c r="N127617" s="10"/>
    </row>
    <row r="127618" spans="14:14">
      <c r="N127618" s="10"/>
    </row>
    <row r="127619" spans="14:14">
      <c r="N127619" s="10"/>
    </row>
    <row r="127620" spans="14:14">
      <c r="N127620" s="10"/>
    </row>
    <row r="127621" spans="14:14">
      <c r="N127621" s="10"/>
    </row>
    <row r="127622" spans="14:14">
      <c r="N127622" s="10"/>
    </row>
    <row r="127623" spans="14:14">
      <c r="N127623" s="10"/>
    </row>
    <row r="127624" spans="14:14">
      <c r="N127624" s="10"/>
    </row>
    <row r="127625" spans="14:14">
      <c r="N127625" s="10"/>
    </row>
    <row r="127626" spans="14:14">
      <c r="N127626" s="10"/>
    </row>
    <row r="127627" spans="14:14">
      <c r="N127627" s="10"/>
    </row>
    <row r="127628" spans="14:14">
      <c r="N127628" s="10"/>
    </row>
    <row r="127629" spans="14:14">
      <c r="N127629" s="10"/>
    </row>
    <row r="127630" spans="14:14">
      <c r="N127630" s="10"/>
    </row>
    <row r="127631" spans="14:14">
      <c r="N127631" s="10"/>
    </row>
    <row r="127632" spans="14:14">
      <c r="N127632" s="10"/>
    </row>
    <row r="127633" spans="14:14">
      <c r="N127633" s="10"/>
    </row>
    <row r="127634" spans="14:14">
      <c r="N127634" s="10"/>
    </row>
    <row r="127635" spans="14:14">
      <c r="N127635" s="10"/>
    </row>
    <row r="127636" spans="14:14">
      <c r="N127636" s="10"/>
    </row>
    <row r="127637" spans="14:14">
      <c r="N127637" s="10"/>
    </row>
    <row r="127638" spans="14:14">
      <c r="N127638" s="10"/>
    </row>
    <row r="127639" spans="14:14">
      <c r="N127639" s="10"/>
    </row>
    <row r="127640" spans="14:14">
      <c r="N127640" s="10"/>
    </row>
    <row r="127641" spans="14:14">
      <c r="N127641" s="10"/>
    </row>
    <row r="127642" spans="14:14">
      <c r="N127642" s="10"/>
    </row>
    <row r="127643" spans="14:14">
      <c r="N127643" s="10"/>
    </row>
    <row r="127644" spans="14:14">
      <c r="N127644" s="10"/>
    </row>
    <row r="127645" spans="14:14">
      <c r="N127645" s="10"/>
    </row>
    <row r="127646" spans="14:14">
      <c r="N127646" s="10"/>
    </row>
    <row r="127647" spans="14:14">
      <c r="N127647" s="10"/>
    </row>
    <row r="127648" spans="14:14">
      <c r="N127648" s="10"/>
    </row>
    <row r="127649" spans="14:14">
      <c r="N127649" s="10"/>
    </row>
    <row r="127650" spans="14:14">
      <c r="N127650" s="10"/>
    </row>
    <row r="127651" spans="14:14">
      <c r="N127651" s="10"/>
    </row>
    <row r="127652" spans="14:14">
      <c r="N127652" s="10"/>
    </row>
    <row r="127653" spans="14:14">
      <c r="N127653" s="10"/>
    </row>
    <row r="127654" spans="14:14">
      <c r="N127654" s="10"/>
    </row>
    <row r="127655" spans="14:14">
      <c r="N127655" s="10"/>
    </row>
    <row r="127656" spans="14:14">
      <c r="N127656" s="10"/>
    </row>
    <row r="127657" spans="14:14">
      <c r="N127657" s="10"/>
    </row>
    <row r="127658" spans="14:14">
      <c r="N127658" s="10"/>
    </row>
    <row r="127659" spans="14:14">
      <c r="N127659" s="10"/>
    </row>
    <row r="127660" spans="14:14">
      <c r="N127660" s="10"/>
    </row>
    <row r="127661" spans="14:14">
      <c r="N127661" s="10"/>
    </row>
    <row r="127662" spans="14:14">
      <c r="N127662" s="10"/>
    </row>
    <row r="127663" spans="14:14">
      <c r="N127663" s="10"/>
    </row>
    <row r="127664" spans="14:14">
      <c r="N127664" s="10"/>
    </row>
    <row r="127665" spans="14:14">
      <c r="N127665" s="10"/>
    </row>
    <row r="127666" spans="14:14">
      <c r="N127666" s="10"/>
    </row>
    <row r="127667" spans="14:14">
      <c r="N127667" s="10"/>
    </row>
    <row r="127668" spans="14:14">
      <c r="N127668" s="10"/>
    </row>
    <row r="127669" spans="14:14">
      <c r="N127669" s="10"/>
    </row>
    <row r="127670" spans="14:14">
      <c r="N127670" s="10"/>
    </row>
    <row r="127671" spans="14:14">
      <c r="N127671" s="10"/>
    </row>
    <row r="127672" spans="14:14">
      <c r="N127672" s="10"/>
    </row>
    <row r="127673" spans="14:14">
      <c r="N127673" s="10"/>
    </row>
    <row r="127674" spans="14:14">
      <c r="N127674" s="10"/>
    </row>
    <row r="127675" spans="14:14">
      <c r="N127675" s="10"/>
    </row>
    <row r="127676" spans="14:14">
      <c r="N127676" s="10"/>
    </row>
    <row r="127677" spans="14:14">
      <c r="N127677" s="10"/>
    </row>
    <row r="127678" spans="14:14">
      <c r="N127678" s="10"/>
    </row>
    <row r="127679" spans="14:14">
      <c r="N127679" s="10"/>
    </row>
    <row r="127680" spans="14:14">
      <c r="N127680" s="10"/>
    </row>
    <row r="127681" spans="14:14">
      <c r="N127681" s="10"/>
    </row>
    <row r="127682" spans="14:14">
      <c r="N127682" s="10"/>
    </row>
    <row r="127683" spans="14:14">
      <c r="N127683" s="10"/>
    </row>
    <row r="127684" spans="14:14">
      <c r="N127684" s="10"/>
    </row>
    <row r="127685" spans="14:14">
      <c r="N127685" s="10"/>
    </row>
    <row r="127686" spans="14:14">
      <c r="N127686" s="10"/>
    </row>
    <row r="127687" spans="14:14">
      <c r="N127687" s="10"/>
    </row>
    <row r="127688" spans="14:14">
      <c r="N127688" s="10"/>
    </row>
    <row r="127689" spans="14:14">
      <c r="N127689" s="10"/>
    </row>
    <row r="127690" spans="14:14">
      <c r="N127690" s="10"/>
    </row>
    <row r="127691" spans="14:14">
      <c r="N127691" s="10"/>
    </row>
    <row r="127692" spans="14:14">
      <c r="N127692" s="10"/>
    </row>
    <row r="127693" spans="14:14">
      <c r="N127693" s="10"/>
    </row>
    <row r="127694" spans="14:14">
      <c r="N127694" s="10"/>
    </row>
    <row r="127695" spans="14:14">
      <c r="N127695" s="10"/>
    </row>
    <row r="127696" spans="14:14">
      <c r="N127696" s="10"/>
    </row>
    <row r="127697" spans="14:14">
      <c r="N127697" s="10"/>
    </row>
    <row r="127698" spans="14:14">
      <c r="N127698" s="10"/>
    </row>
    <row r="127699" spans="14:14">
      <c r="N127699" s="10"/>
    </row>
    <row r="127700" spans="14:14">
      <c r="N127700" s="10"/>
    </row>
    <row r="127701" spans="14:14">
      <c r="N127701" s="10"/>
    </row>
    <row r="127702" spans="14:14">
      <c r="N127702" s="10"/>
    </row>
    <row r="127703" spans="14:14">
      <c r="N127703" s="10"/>
    </row>
    <row r="127704" spans="14:14">
      <c r="N127704" s="10"/>
    </row>
    <row r="127705" spans="14:14">
      <c r="N127705" s="10"/>
    </row>
    <row r="127706" spans="14:14">
      <c r="N127706" s="10"/>
    </row>
    <row r="127707" spans="14:14">
      <c r="N127707" s="10"/>
    </row>
    <row r="127708" spans="14:14">
      <c r="N127708" s="10"/>
    </row>
    <row r="127709" spans="14:14">
      <c r="N127709" s="10"/>
    </row>
    <row r="127710" spans="14:14">
      <c r="N127710" s="10"/>
    </row>
    <row r="127711" spans="14:14">
      <c r="N127711" s="10"/>
    </row>
    <row r="127712" spans="14:14">
      <c r="N127712" s="10"/>
    </row>
    <row r="127713" spans="14:14">
      <c r="N127713" s="10"/>
    </row>
    <row r="127714" spans="14:14">
      <c r="N127714" s="10"/>
    </row>
    <row r="127715" spans="14:14">
      <c r="N127715" s="10"/>
    </row>
    <row r="127716" spans="14:14">
      <c r="N127716" s="10"/>
    </row>
    <row r="127717" spans="14:14">
      <c r="N127717" s="10"/>
    </row>
    <row r="127718" spans="14:14">
      <c r="N127718" s="10"/>
    </row>
    <row r="127719" spans="14:14">
      <c r="N127719" s="10"/>
    </row>
    <row r="127720" spans="14:14">
      <c r="N127720" s="10"/>
    </row>
    <row r="127721" spans="14:14">
      <c r="N127721" s="10"/>
    </row>
    <row r="127722" spans="14:14">
      <c r="N127722" s="10"/>
    </row>
    <row r="127723" spans="14:14">
      <c r="N127723" s="10"/>
    </row>
    <row r="127724" spans="14:14">
      <c r="N127724" s="10"/>
    </row>
    <row r="127725" spans="14:14">
      <c r="N127725" s="10"/>
    </row>
    <row r="127726" spans="14:14">
      <c r="N127726" s="10"/>
    </row>
    <row r="127727" spans="14:14">
      <c r="N127727" s="10"/>
    </row>
    <row r="127728" spans="14:14">
      <c r="N127728" s="10"/>
    </row>
    <row r="127729" spans="14:14">
      <c r="N127729" s="10"/>
    </row>
    <row r="127730" spans="14:14">
      <c r="N127730" s="10"/>
    </row>
    <row r="127731" spans="14:14">
      <c r="N127731" s="10"/>
    </row>
    <row r="127732" spans="14:14">
      <c r="N127732" s="10"/>
    </row>
    <row r="127733" spans="14:14">
      <c r="N127733" s="10"/>
    </row>
    <row r="127734" spans="14:14">
      <c r="N127734" s="10"/>
    </row>
    <row r="127735" spans="14:14">
      <c r="N127735" s="10"/>
    </row>
    <row r="127736" spans="14:14">
      <c r="N127736" s="10"/>
    </row>
    <row r="127737" spans="14:14">
      <c r="N127737" s="10"/>
    </row>
    <row r="127738" spans="14:14">
      <c r="N127738" s="10"/>
    </row>
    <row r="127739" spans="14:14">
      <c r="N127739" s="10"/>
    </row>
    <row r="127740" spans="14:14">
      <c r="N127740" s="10"/>
    </row>
    <row r="127741" spans="14:14">
      <c r="N127741" s="10"/>
    </row>
    <row r="127742" spans="14:14">
      <c r="N127742" s="10"/>
    </row>
    <row r="127743" spans="14:14">
      <c r="N127743" s="10"/>
    </row>
    <row r="127744" spans="14:14">
      <c r="N127744" s="10"/>
    </row>
    <row r="127745" spans="14:14">
      <c r="N127745" s="10"/>
    </row>
    <row r="127746" spans="14:14">
      <c r="N127746" s="10"/>
    </row>
    <row r="127747" spans="14:14">
      <c r="N127747" s="10"/>
    </row>
    <row r="127748" spans="14:14">
      <c r="N127748" s="10"/>
    </row>
    <row r="127749" spans="14:14">
      <c r="N127749" s="10"/>
    </row>
    <row r="127750" spans="14:14">
      <c r="N127750" s="10"/>
    </row>
    <row r="127751" spans="14:14">
      <c r="N127751" s="10"/>
    </row>
    <row r="127752" spans="14:14">
      <c r="N127752" s="10"/>
    </row>
    <row r="127753" spans="14:14">
      <c r="N127753" s="10"/>
    </row>
    <row r="127754" spans="14:14">
      <c r="N127754" s="10"/>
    </row>
    <row r="127755" spans="14:14">
      <c r="N127755" s="10"/>
    </row>
    <row r="127756" spans="14:14">
      <c r="N127756" s="10"/>
    </row>
    <row r="127757" spans="14:14">
      <c r="N127757" s="10"/>
    </row>
    <row r="127758" spans="14:14">
      <c r="N127758" s="10"/>
    </row>
    <row r="127759" spans="14:14">
      <c r="N127759" s="10"/>
    </row>
    <row r="127760" spans="14:14">
      <c r="N127760" s="10"/>
    </row>
    <row r="127761" spans="14:14">
      <c r="N127761" s="10"/>
    </row>
    <row r="127762" spans="14:14">
      <c r="N127762" s="10"/>
    </row>
    <row r="127763" spans="14:14">
      <c r="N127763" s="10"/>
    </row>
    <row r="127764" spans="14:14">
      <c r="N127764" s="10"/>
    </row>
    <row r="127765" spans="14:14">
      <c r="N127765" s="10"/>
    </row>
    <row r="127766" spans="14:14">
      <c r="N127766" s="10"/>
    </row>
    <row r="127767" spans="14:14">
      <c r="N127767" s="10"/>
    </row>
    <row r="127768" spans="14:14">
      <c r="N127768" s="10"/>
    </row>
    <row r="127769" spans="14:14">
      <c r="N127769" s="10"/>
    </row>
    <row r="127770" spans="14:14">
      <c r="N127770" s="10"/>
    </row>
    <row r="127771" spans="14:14">
      <c r="N127771" s="10"/>
    </row>
    <row r="127772" spans="14:14">
      <c r="N127772" s="10"/>
    </row>
    <row r="127773" spans="14:14">
      <c r="N127773" s="10"/>
    </row>
    <row r="127774" spans="14:14">
      <c r="N127774" s="10"/>
    </row>
    <row r="127775" spans="14:14">
      <c r="N127775" s="10"/>
    </row>
    <row r="127776" spans="14:14">
      <c r="N127776" s="10"/>
    </row>
    <row r="127777" spans="14:14">
      <c r="N127777" s="10"/>
    </row>
    <row r="127778" spans="14:14">
      <c r="N127778" s="10"/>
    </row>
    <row r="127779" spans="14:14">
      <c r="N127779" s="10"/>
    </row>
    <row r="127780" spans="14:14">
      <c r="N127780" s="10"/>
    </row>
    <row r="127781" spans="14:14">
      <c r="N127781" s="10"/>
    </row>
    <row r="127782" spans="14:14">
      <c r="N127782" s="10"/>
    </row>
    <row r="127783" spans="14:14">
      <c r="N127783" s="10"/>
    </row>
    <row r="127784" spans="14:14">
      <c r="N127784" s="10"/>
    </row>
    <row r="127785" spans="14:14">
      <c r="N127785" s="10"/>
    </row>
    <row r="127786" spans="14:14">
      <c r="N127786" s="10"/>
    </row>
    <row r="127787" spans="14:14">
      <c r="N127787" s="10"/>
    </row>
    <row r="127788" spans="14:14">
      <c r="N127788" s="10"/>
    </row>
    <row r="127789" spans="14:14">
      <c r="N127789" s="10"/>
    </row>
    <row r="127790" spans="14:14">
      <c r="N127790" s="10"/>
    </row>
    <row r="127791" spans="14:14">
      <c r="N127791" s="10"/>
    </row>
    <row r="127792" spans="14:14">
      <c r="N127792" s="10"/>
    </row>
    <row r="127793" spans="14:14">
      <c r="N127793" s="10"/>
    </row>
    <row r="127794" spans="14:14">
      <c r="N127794" s="10"/>
    </row>
    <row r="127795" spans="14:14">
      <c r="N127795" s="10"/>
    </row>
    <row r="127796" spans="14:14">
      <c r="N127796" s="10"/>
    </row>
    <row r="127797" spans="14:14">
      <c r="N127797" s="10"/>
    </row>
    <row r="127798" spans="14:14">
      <c r="N127798" s="10"/>
    </row>
    <row r="127799" spans="14:14">
      <c r="N127799" s="10"/>
    </row>
    <row r="127800" spans="14:14">
      <c r="N127800" s="10"/>
    </row>
    <row r="127801" spans="14:14">
      <c r="N127801" s="10"/>
    </row>
    <row r="127802" spans="14:14">
      <c r="N127802" s="10"/>
    </row>
    <row r="127803" spans="14:14">
      <c r="N127803" s="10"/>
    </row>
    <row r="127804" spans="14:14">
      <c r="N127804" s="10"/>
    </row>
    <row r="127805" spans="14:14">
      <c r="N127805" s="10"/>
    </row>
    <row r="127806" spans="14:14">
      <c r="N127806" s="10"/>
    </row>
    <row r="127807" spans="14:14">
      <c r="N127807" s="10"/>
    </row>
    <row r="127808" spans="14:14">
      <c r="N127808" s="10"/>
    </row>
    <row r="127809" spans="14:14">
      <c r="N127809" s="10"/>
    </row>
    <row r="127810" spans="14:14">
      <c r="N127810" s="10"/>
    </row>
    <row r="127811" spans="14:14">
      <c r="N127811" s="10"/>
    </row>
    <row r="127812" spans="14:14">
      <c r="N127812" s="10"/>
    </row>
    <row r="127813" spans="14:14">
      <c r="N127813" s="10"/>
    </row>
    <row r="127814" spans="14:14">
      <c r="N127814" s="10"/>
    </row>
    <row r="127815" spans="14:14">
      <c r="N127815" s="10"/>
    </row>
    <row r="127816" spans="14:14">
      <c r="N127816" s="10"/>
    </row>
    <row r="127817" spans="14:14">
      <c r="N127817" s="10"/>
    </row>
    <row r="127818" spans="14:14">
      <c r="N127818" s="10"/>
    </row>
    <row r="127819" spans="14:14">
      <c r="N127819" s="10"/>
    </row>
    <row r="127820" spans="14:14">
      <c r="N127820" s="10"/>
    </row>
    <row r="127821" spans="14:14">
      <c r="N127821" s="10"/>
    </row>
    <row r="127822" spans="14:14">
      <c r="N127822" s="10"/>
    </row>
    <row r="127823" spans="14:14">
      <c r="N127823" s="10"/>
    </row>
    <row r="127824" spans="14:14">
      <c r="N127824" s="10"/>
    </row>
    <row r="127825" spans="14:14">
      <c r="N127825" s="10"/>
    </row>
    <row r="127826" spans="14:14">
      <c r="N127826" s="10"/>
    </row>
    <row r="127827" spans="14:14">
      <c r="N127827" s="10"/>
    </row>
    <row r="127828" spans="14:14">
      <c r="N127828" s="10"/>
    </row>
    <row r="127829" spans="14:14">
      <c r="N127829" s="10"/>
    </row>
    <row r="127830" spans="14:14">
      <c r="N127830" s="10"/>
    </row>
    <row r="127831" spans="14:14">
      <c r="N127831" s="10"/>
    </row>
    <row r="127832" spans="14:14">
      <c r="N127832" s="10"/>
    </row>
    <row r="127833" spans="14:14">
      <c r="N127833" s="10"/>
    </row>
    <row r="127834" spans="14:14">
      <c r="N127834" s="10"/>
    </row>
    <row r="127835" spans="14:14">
      <c r="N127835" s="10"/>
    </row>
    <row r="127836" spans="14:14">
      <c r="N127836" s="10"/>
    </row>
    <row r="127837" spans="14:14">
      <c r="N127837" s="10"/>
    </row>
    <row r="127838" spans="14:14">
      <c r="N127838" s="10"/>
    </row>
    <row r="127839" spans="14:14">
      <c r="N127839" s="10"/>
    </row>
    <row r="127840" spans="14:14">
      <c r="N127840" s="10"/>
    </row>
    <row r="127841" spans="14:14">
      <c r="N127841" s="10"/>
    </row>
    <row r="127842" spans="14:14">
      <c r="N127842" s="10"/>
    </row>
    <row r="127843" spans="14:14">
      <c r="N127843" s="10"/>
    </row>
    <row r="127844" spans="14:14">
      <c r="N127844" s="10"/>
    </row>
    <row r="127845" spans="14:14">
      <c r="N127845" s="10"/>
    </row>
    <row r="127846" spans="14:14">
      <c r="N127846" s="10"/>
    </row>
    <row r="127847" spans="14:14">
      <c r="N127847" s="10"/>
    </row>
    <row r="127848" spans="14:14">
      <c r="N127848" s="10"/>
    </row>
    <row r="127849" spans="14:14">
      <c r="N127849" s="10"/>
    </row>
    <row r="127850" spans="14:14">
      <c r="N127850" s="10"/>
    </row>
    <row r="127851" spans="14:14">
      <c r="N127851" s="10"/>
    </row>
    <row r="127852" spans="14:14">
      <c r="N127852" s="10"/>
    </row>
    <row r="127853" spans="14:14">
      <c r="N127853" s="10"/>
    </row>
    <row r="127854" spans="14:14">
      <c r="N127854" s="10"/>
    </row>
    <row r="127855" spans="14:14">
      <c r="N127855" s="10"/>
    </row>
    <row r="127856" spans="14:14">
      <c r="N127856" s="10"/>
    </row>
    <row r="127857" spans="14:14">
      <c r="N127857" s="10"/>
    </row>
    <row r="127858" spans="14:14">
      <c r="N127858" s="10"/>
    </row>
    <row r="127859" spans="14:14">
      <c r="N127859" s="10"/>
    </row>
    <row r="127860" spans="14:14">
      <c r="N127860" s="10"/>
    </row>
    <row r="127861" spans="14:14">
      <c r="N127861" s="10"/>
    </row>
    <row r="127862" spans="14:14">
      <c r="N127862" s="10"/>
    </row>
    <row r="127863" spans="14:14">
      <c r="N127863" s="10"/>
    </row>
    <row r="127864" spans="14:14">
      <c r="N127864" s="10"/>
    </row>
    <row r="127865" spans="14:14">
      <c r="N127865" s="10"/>
    </row>
    <row r="127866" spans="14:14">
      <c r="N127866" s="10"/>
    </row>
    <row r="127867" spans="14:14">
      <c r="N127867" s="10"/>
    </row>
    <row r="127868" spans="14:14">
      <c r="N127868" s="10"/>
    </row>
    <row r="127869" spans="14:14">
      <c r="N127869" s="10"/>
    </row>
    <row r="127870" spans="14:14">
      <c r="N127870" s="10"/>
    </row>
    <row r="127871" spans="14:14">
      <c r="N127871" s="10"/>
    </row>
    <row r="127872" spans="14:14">
      <c r="N127872" s="10"/>
    </row>
    <row r="127873" spans="14:14">
      <c r="N127873" s="10"/>
    </row>
    <row r="127874" spans="14:14">
      <c r="N127874" s="10"/>
    </row>
    <row r="127875" spans="14:14">
      <c r="N127875" s="10"/>
    </row>
    <row r="127876" spans="14:14">
      <c r="N127876" s="10"/>
    </row>
    <row r="127877" spans="14:14">
      <c r="N127877" s="10"/>
    </row>
    <row r="127878" spans="14:14">
      <c r="N127878" s="10"/>
    </row>
    <row r="127879" spans="14:14">
      <c r="N127879" s="10"/>
    </row>
    <row r="127880" spans="14:14">
      <c r="N127880" s="10"/>
    </row>
    <row r="127881" spans="14:14">
      <c r="N127881" s="10"/>
    </row>
    <row r="127882" spans="14:14">
      <c r="N127882" s="10"/>
    </row>
    <row r="127883" spans="14:14">
      <c r="N127883" s="10"/>
    </row>
    <row r="127884" spans="14:14">
      <c r="N127884" s="10"/>
    </row>
    <row r="127885" spans="14:14">
      <c r="N127885" s="10"/>
    </row>
    <row r="127886" spans="14:14">
      <c r="N127886" s="10"/>
    </row>
    <row r="127887" spans="14:14">
      <c r="N127887" s="10"/>
    </row>
    <row r="127888" spans="14:14">
      <c r="N127888" s="10"/>
    </row>
    <row r="127889" spans="14:14">
      <c r="N127889" s="10"/>
    </row>
    <row r="127890" spans="14:14">
      <c r="N127890" s="10"/>
    </row>
    <row r="127891" spans="14:14">
      <c r="N127891" s="10"/>
    </row>
    <row r="127892" spans="14:14">
      <c r="N127892" s="10"/>
    </row>
    <row r="127893" spans="14:14">
      <c r="N127893" s="10"/>
    </row>
    <row r="127894" spans="14:14">
      <c r="N127894" s="10"/>
    </row>
    <row r="127895" spans="14:14">
      <c r="N127895" s="10"/>
    </row>
    <row r="127896" spans="14:14">
      <c r="N127896" s="10"/>
    </row>
    <row r="127897" spans="14:14">
      <c r="N127897" s="10"/>
    </row>
    <row r="127898" spans="14:14">
      <c r="N127898" s="10"/>
    </row>
    <row r="127899" spans="14:14">
      <c r="N127899" s="10"/>
    </row>
    <row r="127900" spans="14:14">
      <c r="N127900" s="10"/>
    </row>
    <row r="127901" spans="14:14">
      <c r="N127901" s="10"/>
    </row>
    <row r="127902" spans="14:14">
      <c r="N127902" s="10"/>
    </row>
    <row r="127903" spans="14:14">
      <c r="N127903" s="10"/>
    </row>
    <row r="127904" spans="14:14">
      <c r="N127904" s="10"/>
    </row>
    <row r="127905" spans="14:14">
      <c r="N127905" s="10"/>
    </row>
    <row r="127906" spans="14:14">
      <c r="N127906" s="10"/>
    </row>
    <row r="127907" spans="14:14">
      <c r="N127907" s="10"/>
    </row>
    <row r="127908" spans="14:14">
      <c r="N127908" s="10"/>
    </row>
    <row r="127909" spans="14:14">
      <c r="N127909" s="10"/>
    </row>
    <row r="127910" spans="14:14">
      <c r="N127910" s="10"/>
    </row>
    <row r="127911" spans="14:14">
      <c r="N127911" s="10"/>
    </row>
    <row r="127912" spans="14:14">
      <c r="N127912" s="10"/>
    </row>
    <row r="127913" spans="14:14">
      <c r="N127913" s="10"/>
    </row>
    <row r="127914" spans="14:14">
      <c r="N127914" s="10"/>
    </row>
    <row r="127915" spans="14:14">
      <c r="N127915" s="10"/>
    </row>
    <row r="127916" spans="14:14">
      <c r="N127916" s="10"/>
    </row>
    <row r="127917" spans="14:14">
      <c r="N127917" s="10"/>
    </row>
    <row r="127918" spans="14:14">
      <c r="N127918" s="10"/>
    </row>
    <row r="127919" spans="14:14">
      <c r="N127919" s="10"/>
    </row>
    <row r="127920" spans="14:14">
      <c r="N127920" s="10"/>
    </row>
    <row r="127921" spans="14:14">
      <c r="N127921" s="10"/>
    </row>
    <row r="127922" spans="14:14">
      <c r="N127922" s="10"/>
    </row>
    <row r="127923" spans="14:14">
      <c r="N127923" s="10"/>
    </row>
    <row r="127924" spans="14:14">
      <c r="N127924" s="10"/>
    </row>
    <row r="127925" spans="14:14">
      <c r="N127925" s="10"/>
    </row>
    <row r="127926" spans="14:14">
      <c r="N127926" s="10"/>
    </row>
    <row r="127927" spans="14:14">
      <c r="N127927" s="10"/>
    </row>
    <row r="127928" spans="14:14">
      <c r="N127928" s="10"/>
    </row>
    <row r="127929" spans="14:14">
      <c r="N127929" s="10"/>
    </row>
    <row r="127930" spans="14:14">
      <c r="N127930" s="10"/>
    </row>
    <row r="127931" spans="14:14">
      <c r="N127931" s="10"/>
    </row>
    <row r="127932" spans="14:14">
      <c r="N127932" s="10"/>
    </row>
    <row r="127933" spans="14:14">
      <c r="N127933" s="10"/>
    </row>
    <row r="127934" spans="14:14">
      <c r="N127934" s="10"/>
    </row>
    <row r="127935" spans="14:14">
      <c r="N127935" s="10"/>
    </row>
    <row r="127936" spans="14:14">
      <c r="N127936" s="10"/>
    </row>
    <row r="127937" spans="14:14">
      <c r="N127937" s="10"/>
    </row>
    <row r="127938" spans="14:14">
      <c r="N127938" s="10"/>
    </row>
    <row r="127939" spans="14:14">
      <c r="N127939" s="10"/>
    </row>
    <row r="127940" spans="14:14">
      <c r="N127940" s="10"/>
    </row>
    <row r="127941" spans="14:14">
      <c r="N127941" s="10"/>
    </row>
    <row r="127942" spans="14:14">
      <c r="N127942" s="10"/>
    </row>
    <row r="127943" spans="14:14">
      <c r="N127943" s="10"/>
    </row>
    <row r="127944" spans="14:14">
      <c r="N127944" s="10"/>
    </row>
    <row r="127945" spans="14:14">
      <c r="N127945" s="10"/>
    </row>
    <row r="127946" spans="14:14">
      <c r="N127946" s="10"/>
    </row>
    <row r="127947" spans="14:14">
      <c r="N127947" s="10"/>
    </row>
    <row r="127948" spans="14:14">
      <c r="N127948" s="10"/>
    </row>
    <row r="127949" spans="14:14">
      <c r="N127949" s="10"/>
    </row>
    <row r="127950" spans="14:14">
      <c r="N127950" s="10"/>
    </row>
    <row r="127951" spans="14:14">
      <c r="N127951" s="10"/>
    </row>
    <row r="127952" spans="14:14">
      <c r="N127952" s="10"/>
    </row>
    <row r="127953" spans="14:14">
      <c r="N127953" s="10"/>
    </row>
    <row r="127954" spans="14:14">
      <c r="N127954" s="10"/>
    </row>
    <row r="127955" spans="14:14">
      <c r="N127955" s="10"/>
    </row>
    <row r="127956" spans="14:14">
      <c r="N127956" s="10"/>
    </row>
    <row r="127957" spans="14:14">
      <c r="N127957" s="10"/>
    </row>
    <row r="127958" spans="14:14">
      <c r="N127958" s="10"/>
    </row>
    <row r="127959" spans="14:14">
      <c r="N127959" s="10"/>
    </row>
    <row r="127960" spans="14:14">
      <c r="N127960" s="10"/>
    </row>
    <row r="127961" spans="14:14">
      <c r="N127961" s="10"/>
    </row>
    <row r="127962" spans="14:14">
      <c r="N127962" s="10"/>
    </row>
    <row r="127963" spans="14:14">
      <c r="N127963" s="10"/>
    </row>
    <row r="127964" spans="14:14">
      <c r="N127964" s="10"/>
    </row>
    <row r="127965" spans="14:14">
      <c r="N127965" s="10"/>
    </row>
    <row r="127966" spans="14:14">
      <c r="N127966" s="10"/>
    </row>
    <row r="127967" spans="14:14">
      <c r="N127967" s="10"/>
    </row>
    <row r="127968" spans="14:14">
      <c r="N127968" s="10"/>
    </row>
    <row r="127969" spans="14:14">
      <c r="N127969" s="10"/>
    </row>
    <row r="127970" spans="14:14">
      <c r="N127970" s="10"/>
    </row>
    <row r="127971" spans="14:14">
      <c r="N127971" s="10"/>
    </row>
    <row r="127972" spans="14:14">
      <c r="N127972" s="10"/>
    </row>
    <row r="127973" spans="14:14">
      <c r="N127973" s="10"/>
    </row>
    <row r="127974" spans="14:14">
      <c r="N127974" s="10"/>
    </row>
    <row r="127975" spans="14:14">
      <c r="N127975" s="10"/>
    </row>
    <row r="127976" spans="14:14">
      <c r="N127976" s="10"/>
    </row>
    <row r="127977" spans="14:14">
      <c r="N127977" s="10"/>
    </row>
    <row r="127978" spans="14:14">
      <c r="N127978" s="10"/>
    </row>
    <row r="127979" spans="14:14">
      <c r="N127979" s="10"/>
    </row>
    <row r="127980" spans="14:14">
      <c r="N127980" s="10"/>
    </row>
    <row r="127981" spans="14:14">
      <c r="N127981" s="10"/>
    </row>
    <row r="127982" spans="14:14">
      <c r="N127982" s="10"/>
    </row>
    <row r="127983" spans="14:14">
      <c r="N127983" s="10"/>
    </row>
    <row r="127984" spans="14:14">
      <c r="N127984" s="10"/>
    </row>
    <row r="127985" spans="14:14">
      <c r="N127985" s="10"/>
    </row>
    <row r="127986" spans="14:14">
      <c r="N127986" s="10"/>
    </row>
    <row r="127987" spans="14:14">
      <c r="N127987" s="10"/>
    </row>
    <row r="127988" spans="14:14">
      <c r="N127988" s="10"/>
    </row>
    <row r="127989" spans="14:14">
      <c r="N127989" s="10"/>
    </row>
    <row r="127990" spans="14:14">
      <c r="N127990" s="10"/>
    </row>
    <row r="127991" spans="14:14">
      <c r="N127991" s="10"/>
    </row>
    <row r="127992" spans="14:14">
      <c r="N127992" s="10"/>
    </row>
    <row r="127993" spans="14:14">
      <c r="N127993" s="10"/>
    </row>
    <row r="127994" spans="14:14">
      <c r="N127994" s="10"/>
    </row>
    <row r="127995" spans="14:14">
      <c r="N127995" s="10"/>
    </row>
    <row r="127996" spans="14:14">
      <c r="N127996" s="10"/>
    </row>
    <row r="127997" spans="14:14">
      <c r="N127997" s="10"/>
    </row>
    <row r="127998" spans="14:14">
      <c r="N127998" s="10"/>
    </row>
    <row r="127999" spans="14:14">
      <c r="N127999" s="10"/>
    </row>
    <row r="128000" spans="14:14">
      <c r="N128000" s="10"/>
    </row>
    <row r="128001" spans="14:14">
      <c r="N128001" s="10"/>
    </row>
    <row r="128002" spans="14:14">
      <c r="N128002" s="10"/>
    </row>
    <row r="128003" spans="14:14">
      <c r="N128003" s="10"/>
    </row>
    <row r="128004" spans="14:14">
      <c r="N128004" s="10"/>
    </row>
    <row r="128005" spans="14:14">
      <c r="N128005" s="10"/>
    </row>
    <row r="128006" spans="14:14">
      <c r="N128006" s="10"/>
    </row>
    <row r="128007" spans="14:14">
      <c r="N128007" s="10"/>
    </row>
    <row r="128008" spans="14:14">
      <c r="N128008" s="10"/>
    </row>
    <row r="128009" spans="14:14">
      <c r="N128009" s="10"/>
    </row>
    <row r="128010" spans="14:14">
      <c r="N128010" s="10"/>
    </row>
    <row r="128011" spans="14:14">
      <c r="N128011" s="10"/>
    </row>
    <row r="128012" spans="14:14">
      <c r="N128012" s="10"/>
    </row>
    <row r="128013" spans="14:14">
      <c r="N128013" s="10"/>
    </row>
    <row r="128014" spans="14:14">
      <c r="N128014" s="10"/>
    </row>
    <row r="128015" spans="14:14">
      <c r="N128015" s="10"/>
    </row>
    <row r="128016" spans="14:14">
      <c r="N128016" s="10"/>
    </row>
    <row r="128017" spans="14:14">
      <c r="N128017" s="10"/>
    </row>
    <row r="128018" spans="14:14">
      <c r="N128018" s="10"/>
    </row>
    <row r="128019" spans="14:14">
      <c r="N128019" s="10"/>
    </row>
    <row r="128020" spans="14:14">
      <c r="N128020" s="10"/>
    </row>
    <row r="128021" spans="14:14">
      <c r="N128021" s="10"/>
    </row>
    <row r="128022" spans="14:14">
      <c r="N128022" s="10"/>
    </row>
    <row r="128023" spans="14:14">
      <c r="N128023" s="10"/>
    </row>
    <row r="128024" spans="14:14">
      <c r="N128024" s="10"/>
    </row>
    <row r="128025" spans="14:14">
      <c r="N128025" s="10"/>
    </row>
    <row r="128026" spans="14:14">
      <c r="N128026" s="10"/>
    </row>
    <row r="128027" spans="14:14">
      <c r="N128027" s="10"/>
    </row>
    <row r="128028" spans="14:14">
      <c r="N128028" s="10"/>
    </row>
    <row r="128029" spans="14:14">
      <c r="N128029" s="10"/>
    </row>
    <row r="128030" spans="14:14">
      <c r="N128030" s="10"/>
    </row>
    <row r="128031" spans="14:14">
      <c r="N128031" s="10"/>
    </row>
    <row r="128032" spans="14:14">
      <c r="N128032" s="10"/>
    </row>
    <row r="128033" spans="14:14">
      <c r="N128033" s="10"/>
    </row>
    <row r="128034" spans="14:14">
      <c r="N128034" s="10"/>
    </row>
    <row r="128035" spans="14:14">
      <c r="N128035" s="10"/>
    </row>
    <row r="128036" spans="14:14">
      <c r="N128036" s="10"/>
    </row>
    <row r="128037" spans="14:14">
      <c r="N128037" s="10"/>
    </row>
    <row r="128038" spans="14:14">
      <c r="N128038" s="10"/>
    </row>
    <row r="128039" spans="14:14">
      <c r="N128039" s="10"/>
    </row>
    <row r="128040" spans="14:14">
      <c r="N128040" s="10"/>
    </row>
    <row r="128041" spans="14:14">
      <c r="N128041" s="10"/>
    </row>
    <row r="128042" spans="14:14">
      <c r="N128042" s="10"/>
    </row>
    <row r="128043" spans="14:14">
      <c r="N128043" s="10"/>
    </row>
    <row r="128044" spans="14:14">
      <c r="N128044" s="10"/>
    </row>
    <row r="128045" spans="14:14">
      <c r="N128045" s="10"/>
    </row>
    <row r="128046" spans="14:14">
      <c r="N128046" s="10"/>
    </row>
    <row r="128047" spans="14:14">
      <c r="N128047" s="10"/>
    </row>
    <row r="128048" spans="14:14">
      <c r="N128048" s="10"/>
    </row>
    <row r="128049" spans="14:14">
      <c r="N128049" s="10"/>
    </row>
    <row r="128050" spans="14:14">
      <c r="N128050" s="10"/>
    </row>
    <row r="128051" spans="14:14">
      <c r="N128051" s="10"/>
    </row>
    <row r="128052" spans="14:14">
      <c r="N128052" s="10"/>
    </row>
    <row r="128053" spans="14:14">
      <c r="N128053" s="10"/>
    </row>
    <row r="128054" spans="14:14">
      <c r="N128054" s="10"/>
    </row>
    <row r="128055" spans="14:14">
      <c r="N128055" s="10"/>
    </row>
    <row r="128056" spans="14:14">
      <c r="N128056" s="10"/>
    </row>
    <row r="128057" spans="14:14">
      <c r="N128057" s="10"/>
    </row>
    <row r="128058" spans="14:14">
      <c r="N128058" s="10"/>
    </row>
    <row r="128059" spans="14:14">
      <c r="N128059" s="10"/>
    </row>
    <row r="128060" spans="14:14">
      <c r="N128060" s="10"/>
    </row>
    <row r="128061" spans="14:14">
      <c r="N128061" s="10"/>
    </row>
    <row r="128062" spans="14:14">
      <c r="N128062" s="10"/>
    </row>
    <row r="128063" spans="14:14">
      <c r="N128063" s="10"/>
    </row>
    <row r="128064" spans="14:14">
      <c r="N128064" s="10"/>
    </row>
    <row r="128065" spans="14:14">
      <c r="N128065" s="10"/>
    </row>
    <row r="128066" spans="14:14">
      <c r="N128066" s="10"/>
    </row>
    <row r="128067" spans="14:14">
      <c r="N128067" s="10"/>
    </row>
    <row r="128068" spans="14:14">
      <c r="N128068" s="10"/>
    </row>
    <row r="128069" spans="14:14">
      <c r="N128069" s="10"/>
    </row>
    <row r="128070" spans="14:14">
      <c r="N128070" s="10"/>
    </row>
    <row r="128071" spans="14:14">
      <c r="N128071" s="10"/>
    </row>
    <row r="128072" spans="14:14">
      <c r="N128072" s="10"/>
    </row>
    <row r="128073" spans="14:14">
      <c r="N128073" s="10"/>
    </row>
    <row r="128074" spans="14:14">
      <c r="N128074" s="10"/>
    </row>
    <row r="128075" spans="14:14">
      <c r="N128075" s="10"/>
    </row>
    <row r="128076" spans="14:14">
      <c r="N128076" s="10"/>
    </row>
    <row r="128077" spans="14:14">
      <c r="N128077" s="10"/>
    </row>
    <row r="128078" spans="14:14">
      <c r="N128078" s="10"/>
    </row>
    <row r="128079" spans="14:14">
      <c r="N128079" s="10"/>
    </row>
    <row r="128080" spans="14:14">
      <c r="N128080" s="10"/>
    </row>
    <row r="128081" spans="14:14">
      <c r="N128081" s="10"/>
    </row>
    <row r="128082" spans="14:14">
      <c r="N128082" s="10"/>
    </row>
    <row r="128083" spans="14:14">
      <c r="N128083" s="10"/>
    </row>
    <row r="128084" spans="14:14">
      <c r="N128084" s="10"/>
    </row>
    <row r="128085" spans="14:14">
      <c r="N128085" s="10"/>
    </row>
    <row r="128086" spans="14:14">
      <c r="N128086" s="10"/>
    </row>
    <row r="128087" spans="14:14">
      <c r="N128087" s="10"/>
    </row>
    <row r="128088" spans="14:14">
      <c r="N128088" s="10"/>
    </row>
    <row r="128089" spans="14:14">
      <c r="N128089" s="10"/>
    </row>
    <row r="128090" spans="14:14">
      <c r="N128090" s="10"/>
    </row>
    <row r="128091" spans="14:14">
      <c r="N128091" s="10"/>
    </row>
    <row r="128092" spans="14:14">
      <c r="N128092" s="10"/>
    </row>
    <row r="128093" spans="14:14">
      <c r="N128093" s="10"/>
    </row>
    <row r="128094" spans="14:14">
      <c r="N128094" s="10"/>
    </row>
    <row r="128095" spans="14:14">
      <c r="N128095" s="10"/>
    </row>
    <row r="128096" spans="14:14">
      <c r="N128096" s="10"/>
    </row>
    <row r="128097" spans="14:14">
      <c r="N128097" s="10"/>
    </row>
    <row r="128098" spans="14:14">
      <c r="N128098" s="10"/>
    </row>
    <row r="128099" spans="14:14">
      <c r="N128099" s="10"/>
    </row>
    <row r="128100" spans="14:14">
      <c r="N128100" s="10"/>
    </row>
    <row r="128101" spans="14:14">
      <c r="N128101" s="10"/>
    </row>
    <row r="128102" spans="14:14">
      <c r="N128102" s="10"/>
    </row>
    <row r="128103" spans="14:14">
      <c r="N128103" s="10"/>
    </row>
    <row r="128104" spans="14:14">
      <c r="N128104" s="10"/>
    </row>
    <row r="128105" spans="14:14">
      <c r="N128105" s="10"/>
    </row>
    <row r="128106" spans="14:14">
      <c r="N128106" s="10"/>
    </row>
    <row r="128107" spans="14:14">
      <c r="N128107" s="10"/>
    </row>
    <row r="128108" spans="14:14">
      <c r="N128108" s="10"/>
    </row>
    <row r="128109" spans="14:14">
      <c r="N128109" s="10"/>
    </row>
    <row r="128110" spans="14:14">
      <c r="N128110" s="10"/>
    </row>
    <row r="128111" spans="14:14">
      <c r="N128111" s="10"/>
    </row>
    <row r="128112" spans="14:14">
      <c r="N128112" s="10"/>
    </row>
    <row r="128113" spans="14:14">
      <c r="N128113" s="10"/>
    </row>
    <row r="128114" spans="14:14">
      <c r="N128114" s="10"/>
    </row>
    <row r="128115" spans="14:14">
      <c r="N128115" s="10"/>
    </row>
    <row r="128116" spans="14:14">
      <c r="N128116" s="10"/>
    </row>
    <row r="128117" spans="14:14">
      <c r="N128117" s="10"/>
    </row>
    <row r="128118" spans="14:14">
      <c r="N128118" s="10"/>
    </row>
    <row r="128119" spans="14:14">
      <c r="N128119" s="10"/>
    </row>
    <row r="128120" spans="14:14">
      <c r="N128120" s="10"/>
    </row>
    <row r="128121" spans="14:14">
      <c r="N128121" s="10"/>
    </row>
    <row r="128122" spans="14:14">
      <c r="N128122" s="10"/>
    </row>
    <row r="128123" spans="14:14">
      <c r="N128123" s="10"/>
    </row>
    <row r="128124" spans="14:14">
      <c r="N128124" s="10"/>
    </row>
    <row r="128125" spans="14:14">
      <c r="N128125" s="10"/>
    </row>
    <row r="128126" spans="14:14">
      <c r="N128126" s="10"/>
    </row>
    <row r="128127" spans="14:14">
      <c r="N128127" s="10"/>
    </row>
    <row r="128128" spans="14:14">
      <c r="N128128" s="10"/>
    </row>
    <row r="128129" spans="14:14">
      <c r="N128129" s="10"/>
    </row>
    <row r="128130" spans="14:14">
      <c r="N128130" s="10"/>
    </row>
    <row r="128131" spans="14:14">
      <c r="N128131" s="10"/>
    </row>
    <row r="128132" spans="14:14">
      <c r="N128132" s="10"/>
    </row>
    <row r="128133" spans="14:14">
      <c r="N128133" s="10"/>
    </row>
    <row r="128134" spans="14:14">
      <c r="N128134" s="10"/>
    </row>
    <row r="128135" spans="14:14">
      <c r="N128135" s="10"/>
    </row>
    <row r="128136" spans="14:14">
      <c r="N128136" s="10"/>
    </row>
    <row r="128137" spans="14:14">
      <c r="N128137" s="10"/>
    </row>
    <row r="128138" spans="14:14">
      <c r="N128138" s="10"/>
    </row>
    <row r="128139" spans="14:14">
      <c r="N128139" s="10"/>
    </row>
    <row r="128140" spans="14:14">
      <c r="N128140" s="10"/>
    </row>
    <row r="128141" spans="14:14">
      <c r="N128141" s="10"/>
    </row>
    <row r="128142" spans="14:14">
      <c r="N128142" s="10"/>
    </row>
    <row r="128143" spans="14:14">
      <c r="N128143" s="10"/>
    </row>
    <row r="128144" spans="14:14">
      <c r="N128144" s="10"/>
    </row>
    <row r="128145" spans="14:14">
      <c r="N128145" s="10"/>
    </row>
    <row r="128146" spans="14:14">
      <c r="N128146" s="10"/>
    </row>
    <row r="128147" spans="14:14">
      <c r="N128147" s="10"/>
    </row>
    <row r="128148" spans="14:14">
      <c r="N128148" s="10"/>
    </row>
    <row r="128149" spans="14:14">
      <c r="N128149" s="10"/>
    </row>
    <row r="128150" spans="14:14">
      <c r="N128150" s="10"/>
    </row>
    <row r="128151" spans="14:14">
      <c r="N128151" s="10"/>
    </row>
    <row r="128152" spans="14:14">
      <c r="N128152" s="10"/>
    </row>
    <row r="128153" spans="14:14">
      <c r="N128153" s="10"/>
    </row>
    <row r="128154" spans="14:14">
      <c r="N128154" s="10"/>
    </row>
    <row r="128155" spans="14:14">
      <c r="N128155" s="10"/>
    </row>
    <row r="128156" spans="14:14">
      <c r="N128156" s="10"/>
    </row>
    <row r="128157" spans="14:14">
      <c r="N128157" s="10"/>
    </row>
    <row r="128158" spans="14:14">
      <c r="N128158" s="10"/>
    </row>
    <row r="128159" spans="14:14">
      <c r="N128159" s="10"/>
    </row>
    <row r="128160" spans="14:14">
      <c r="N128160" s="10"/>
    </row>
    <row r="128161" spans="14:14">
      <c r="N128161" s="10"/>
    </row>
    <row r="128162" spans="14:14">
      <c r="N128162" s="10"/>
    </row>
    <row r="128163" spans="14:14">
      <c r="N128163" s="10"/>
    </row>
    <row r="128164" spans="14:14">
      <c r="N128164" s="10"/>
    </row>
    <row r="128165" spans="14:14">
      <c r="N128165" s="10"/>
    </row>
    <row r="128166" spans="14:14">
      <c r="N128166" s="10"/>
    </row>
    <row r="128167" spans="14:14">
      <c r="N128167" s="10"/>
    </row>
    <row r="128168" spans="14:14">
      <c r="N128168" s="10"/>
    </row>
    <row r="128169" spans="14:14">
      <c r="N128169" s="10"/>
    </row>
    <row r="128170" spans="14:14">
      <c r="N128170" s="10"/>
    </row>
    <row r="128171" spans="14:14">
      <c r="N128171" s="10"/>
    </row>
    <row r="128172" spans="14:14">
      <c r="N128172" s="10"/>
    </row>
    <row r="128173" spans="14:14">
      <c r="N128173" s="10"/>
    </row>
    <row r="128174" spans="14:14">
      <c r="N128174" s="10"/>
    </row>
    <row r="128175" spans="14:14">
      <c r="N128175" s="10"/>
    </row>
    <row r="128176" spans="14:14">
      <c r="N128176" s="10"/>
    </row>
    <row r="128177" spans="14:14">
      <c r="N128177" s="10"/>
    </row>
    <row r="128178" spans="14:14">
      <c r="N128178" s="10"/>
    </row>
    <row r="128179" spans="14:14">
      <c r="N128179" s="10"/>
    </row>
    <row r="128180" spans="14:14">
      <c r="N128180" s="10"/>
    </row>
    <row r="128181" spans="14:14">
      <c r="N128181" s="10"/>
    </row>
    <row r="128182" spans="14:14">
      <c r="N128182" s="10"/>
    </row>
    <row r="128183" spans="14:14">
      <c r="N128183" s="10"/>
    </row>
    <row r="128184" spans="14:14">
      <c r="N128184" s="10"/>
    </row>
    <row r="128185" spans="14:14">
      <c r="N128185" s="10"/>
    </row>
    <row r="128186" spans="14:14">
      <c r="N128186" s="10"/>
    </row>
    <row r="128187" spans="14:14">
      <c r="N128187" s="10"/>
    </row>
    <row r="128188" spans="14:14">
      <c r="N128188" s="10"/>
    </row>
    <row r="128189" spans="14:14">
      <c r="N128189" s="10"/>
    </row>
    <row r="128190" spans="14:14">
      <c r="N128190" s="10"/>
    </row>
    <row r="128191" spans="14:14">
      <c r="N128191" s="10"/>
    </row>
    <row r="128192" spans="14:14">
      <c r="N128192" s="10"/>
    </row>
    <row r="128193" spans="14:14">
      <c r="N128193" s="10"/>
    </row>
    <row r="128194" spans="14:14">
      <c r="N128194" s="10"/>
    </row>
    <row r="128195" spans="14:14">
      <c r="N128195" s="10"/>
    </row>
    <row r="128196" spans="14:14">
      <c r="N128196" s="10"/>
    </row>
    <row r="128197" spans="14:14">
      <c r="N128197" s="10"/>
    </row>
    <row r="128198" spans="14:14">
      <c r="N128198" s="10"/>
    </row>
    <row r="128199" spans="14:14">
      <c r="N128199" s="10"/>
    </row>
    <row r="128200" spans="14:14">
      <c r="N128200" s="10"/>
    </row>
    <row r="128201" spans="14:14">
      <c r="N128201" s="10"/>
    </row>
    <row r="128202" spans="14:14">
      <c r="N128202" s="10"/>
    </row>
    <row r="128203" spans="14:14">
      <c r="N128203" s="10"/>
    </row>
    <row r="128204" spans="14:14">
      <c r="N128204" s="10"/>
    </row>
    <row r="128205" spans="14:14">
      <c r="N128205" s="10"/>
    </row>
    <row r="128206" spans="14:14">
      <c r="N128206" s="10"/>
    </row>
    <row r="128207" spans="14:14">
      <c r="N128207" s="10"/>
    </row>
    <row r="128208" spans="14:14">
      <c r="N128208" s="10"/>
    </row>
    <row r="128209" spans="14:14">
      <c r="N128209" s="10"/>
    </row>
    <row r="128210" spans="14:14">
      <c r="N128210" s="10"/>
    </row>
    <row r="128211" spans="14:14">
      <c r="N128211" s="10"/>
    </row>
    <row r="128212" spans="14:14">
      <c r="N128212" s="10"/>
    </row>
    <row r="128213" spans="14:14">
      <c r="N128213" s="10"/>
    </row>
    <row r="128214" spans="14:14">
      <c r="N128214" s="10"/>
    </row>
    <row r="128215" spans="14:14">
      <c r="N128215" s="10"/>
    </row>
    <row r="128216" spans="14:14">
      <c r="N128216" s="10"/>
    </row>
    <row r="128217" spans="14:14">
      <c r="N128217" s="10"/>
    </row>
    <row r="128218" spans="14:14">
      <c r="N128218" s="10"/>
    </row>
    <row r="128219" spans="14:14">
      <c r="N128219" s="10"/>
    </row>
    <row r="128220" spans="14:14">
      <c r="N128220" s="10"/>
    </row>
    <row r="128221" spans="14:14">
      <c r="N128221" s="10"/>
    </row>
    <row r="128222" spans="14:14">
      <c r="N128222" s="10"/>
    </row>
    <row r="128223" spans="14:14">
      <c r="N128223" s="10"/>
    </row>
    <row r="128224" spans="14:14">
      <c r="N128224" s="10"/>
    </row>
    <row r="128225" spans="14:14">
      <c r="N128225" s="10"/>
    </row>
    <row r="128226" spans="14:14">
      <c r="N128226" s="10"/>
    </row>
    <row r="128227" spans="14:14">
      <c r="N128227" s="10"/>
    </row>
    <row r="128228" spans="14:14">
      <c r="N128228" s="10"/>
    </row>
    <row r="128229" spans="14:14">
      <c r="N128229" s="10"/>
    </row>
    <row r="128230" spans="14:14">
      <c r="N128230" s="10"/>
    </row>
    <row r="128231" spans="14:14">
      <c r="N128231" s="10"/>
    </row>
    <row r="128232" spans="14:14">
      <c r="N128232" s="10"/>
    </row>
    <row r="128233" spans="14:14">
      <c r="N128233" s="10"/>
    </row>
    <row r="128234" spans="14:14">
      <c r="N128234" s="10"/>
    </row>
    <row r="128235" spans="14:14">
      <c r="N128235" s="10"/>
    </row>
    <row r="128236" spans="14:14">
      <c r="N128236" s="10"/>
    </row>
    <row r="128237" spans="14:14">
      <c r="N128237" s="10"/>
    </row>
    <row r="128238" spans="14:14">
      <c r="N128238" s="10"/>
    </row>
    <row r="128239" spans="14:14">
      <c r="N128239" s="10"/>
    </row>
    <row r="128240" spans="14:14">
      <c r="N128240" s="10"/>
    </row>
    <row r="128241" spans="14:14">
      <c r="N128241" s="10"/>
    </row>
    <row r="128242" spans="14:14">
      <c r="N128242" s="10"/>
    </row>
    <row r="128243" spans="14:14">
      <c r="N128243" s="10"/>
    </row>
    <row r="128244" spans="14:14">
      <c r="N128244" s="10"/>
    </row>
    <row r="128245" spans="14:14">
      <c r="N128245" s="10"/>
    </row>
    <row r="128246" spans="14:14">
      <c r="N128246" s="10"/>
    </row>
    <row r="128247" spans="14:14">
      <c r="N128247" s="10"/>
    </row>
    <row r="128248" spans="14:14">
      <c r="N128248" s="10"/>
    </row>
    <row r="128249" spans="14:14">
      <c r="N128249" s="10"/>
    </row>
    <row r="128250" spans="14:14">
      <c r="N128250" s="10"/>
    </row>
    <row r="128251" spans="14:14">
      <c r="N128251" s="10"/>
    </row>
    <row r="128252" spans="14:14">
      <c r="N128252" s="10"/>
    </row>
    <row r="128253" spans="14:14">
      <c r="N128253" s="10"/>
    </row>
    <row r="128254" spans="14:14">
      <c r="N128254" s="10"/>
    </row>
    <row r="128255" spans="14:14">
      <c r="N128255" s="10"/>
    </row>
    <row r="128256" spans="14:14">
      <c r="N128256" s="10"/>
    </row>
    <row r="128257" spans="14:14">
      <c r="N128257" s="10"/>
    </row>
    <row r="128258" spans="14:14">
      <c r="N128258" s="10"/>
    </row>
    <row r="128259" spans="14:14">
      <c r="N128259" s="10"/>
    </row>
    <row r="128260" spans="14:14">
      <c r="N128260" s="10"/>
    </row>
    <row r="128261" spans="14:14">
      <c r="N128261" s="10"/>
    </row>
    <row r="128262" spans="14:14">
      <c r="N128262" s="10"/>
    </row>
    <row r="128263" spans="14:14">
      <c r="N128263" s="10"/>
    </row>
    <row r="128264" spans="14:14">
      <c r="N128264" s="10"/>
    </row>
    <row r="128265" spans="14:14">
      <c r="N128265" s="10"/>
    </row>
    <row r="128266" spans="14:14">
      <c r="N128266" s="10"/>
    </row>
    <row r="128267" spans="14:14">
      <c r="N128267" s="10"/>
    </row>
    <row r="128268" spans="14:14">
      <c r="N128268" s="10"/>
    </row>
    <row r="128269" spans="14:14">
      <c r="N128269" s="10"/>
    </row>
    <row r="128270" spans="14:14">
      <c r="N128270" s="10"/>
    </row>
    <row r="128271" spans="14:14">
      <c r="N128271" s="10"/>
    </row>
    <row r="128272" spans="14:14">
      <c r="N128272" s="10"/>
    </row>
    <row r="128273" spans="14:14">
      <c r="N128273" s="10"/>
    </row>
    <row r="128274" spans="14:14">
      <c r="N128274" s="10"/>
    </row>
    <row r="128275" spans="14:14">
      <c r="N128275" s="10"/>
    </row>
    <row r="128276" spans="14:14">
      <c r="N128276" s="10"/>
    </row>
    <row r="128277" spans="14:14">
      <c r="N128277" s="10"/>
    </row>
    <row r="128278" spans="14:14">
      <c r="N128278" s="10"/>
    </row>
    <row r="128279" spans="14:14">
      <c r="N128279" s="10"/>
    </row>
    <row r="128280" spans="14:14">
      <c r="N128280" s="10"/>
    </row>
    <row r="128281" spans="14:14">
      <c r="N128281" s="10"/>
    </row>
    <row r="128282" spans="14:14">
      <c r="N128282" s="10"/>
    </row>
    <row r="128283" spans="14:14">
      <c r="N128283" s="10"/>
    </row>
    <row r="128284" spans="14:14">
      <c r="N128284" s="10"/>
    </row>
    <row r="128285" spans="14:14">
      <c r="N128285" s="10"/>
    </row>
    <row r="128286" spans="14:14">
      <c r="N128286" s="10"/>
    </row>
    <row r="128287" spans="14:14">
      <c r="N128287" s="10"/>
    </row>
    <row r="128288" spans="14:14">
      <c r="N128288" s="10"/>
    </row>
    <row r="128289" spans="14:14">
      <c r="N128289" s="10"/>
    </row>
    <row r="128290" spans="14:14">
      <c r="N128290" s="10"/>
    </row>
    <row r="128291" spans="14:14">
      <c r="N128291" s="10"/>
    </row>
    <row r="128292" spans="14:14">
      <c r="N128292" s="10"/>
    </row>
    <row r="128293" spans="14:14">
      <c r="N128293" s="10"/>
    </row>
    <row r="128294" spans="14:14">
      <c r="N128294" s="10"/>
    </row>
    <row r="128295" spans="14:14">
      <c r="N128295" s="10"/>
    </row>
    <row r="128296" spans="14:14">
      <c r="N128296" s="10"/>
    </row>
    <row r="128297" spans="14:14">
      <c r="N128297" s="10"/>
    </row>
    <row r="128298" spans="14:14">
      <c r="N128298" s="10"/>
    </row>
    <row r="128299" spans="14:14">
      <c r="N128299" s="10"/>
    </row>
    <row r="128300" spans="14:14">
      <c r="N128300" s="10"/>
    </row>
    <row r="128301" spans="14:14">
      <c r="N128301" s="10"/>
    </row>
    <row r="128302" spans="14:14">
      <c r="N128302" s="10"/>
    </row>
    <row r="128303" spans="14:14">
      <c r="N128303" s="10"/>
    </row>
    <row r="128304" spans="14:14">
      <c r="N128304" s="10"/>
    </row>
    <row r="128305" spans="14:14">
      <c r="N128305" s="10"/>
    </row>
    <row r="128306" spans="14:14">
      <c r="N128306" s="10"/>
    </row>
    <row r="128307" spans="14:14">
      <c r="N128307" s="10"/>
    </row>
    <row r="128308" spans="14:14">
      <c r="N128308" s="10"/>
    </row>
    <row r="128309" spans="14:14">
      <c r="N128309" s="10"/>
    </row>
    <row r="128310" spans="14:14">
      <c r="N128310" s="10"/>
    </row>
    <row r="128311" spans="14:14">
      <c r="N128311" s="10"/>
    </row>
    <row r="128312" spans="14:14">
      <c r="N128312" s="10"/>
    </row>
    <row r="128313" spans="14:14">
      <c r="N128313" s="10"/>
    </row>
    <row r="128314" spans="14:14">
      <c r="N128314" s="10"/>
    </row>
    <row r="128315" spans="14:14">
      <c r="N128315" s="10"/>
    </row>
    <row r="128316" spans="14:14">
      <c r="N128316" s="10"/>
    </row>
    <row r="128317" spans="14:14">
      <c r="N128317" s="10"/>
    </row>
    <row r="128318" spans="14:14">
      <c r="N128318" s="10"/>
    </row>
    <row r="128319" spans="14:14">
      <c r="N128319" s="10"/>
    </row>
    <row r="128320" spans="14:14">
      <c r="N128320" s="10"/>
    </row>
    <row r="128321" spans="14:14">
      <c r="N128321" s="10"/>
    </row>
    <row r="128322" spans="14:14">
      <c r="N128322" s="10"/>
    </row>
    <row r="128323" spans="14:14">
      <c r="N128323" s="10"/>
    </row>
    <row r="128324" spans="14:14">
      <c r="N128324" s="10"/>
    </row>
    <row r="128325" spans="14:14">
      <c r="N128325" s="10"/>
    </row>
    <row r="128326" spans="14:14">
      <c r="N128326" s="10"/>
    </row>
    <row r="128327" spans="14:14">
      <c r="N128327" s="10"/>
    </row>
    <row r="128328" spans="14:14">
      <c r="N128328" s="10"/>
    </row>
    <row r="128329" spans="14:14">
      <c r="N128329" s="10"/>
    </row>
    <row r="128330" spans="14:14">
      <c r="N128330" s="10"/>
    </row>
    <row r="128331" spans="14:14">
      <c r="N128331" s="10"/>
    </row>
    <row r="128332" spans="14:14">
      <c r="N128332" s="10"/>
    </row>
    <row r="128333" spans="14:14">
      <c r="N128333" s="10"/>
    </row>
    <row r="128334" spans="14:14">
      <c r="N128334" s="10"/>
    </row>
    <row r="128335" spans="14:14">
      <c r="N128335" s="10"/>
    </row>
    <row r="128336" spans="14:14">
      <c r="N128336" s="10"/>
    </row>
    <row r="128337" spans="14:14">
      <c r="N128337" s="10"/>
    </row>
    <row r="128338" spans="14:14">
      <c r="N128338" s="10"/>
    </row>
    <row r="128339" spans="14:14">
      <c r="N128339" s="10"/>
    </row>
    <row r="128340" spans="14:14">
      <c r="N128340" s="10"/>
    </row>
    <row r="128341" spans="14:14">
      <c r="N128341" s="10"/>
    </row>
    <row r="128342" spans="14:14">
      <c r="N128342" s="10"/>
    </row>
    <row r="128343" spans="14:14">
      <c r="N128343" s="10"/>
    </row>
    <row r="128344" spans="14:14">
      <c r="N128344" s="10"/>
    </row>
    <row r="128345" spans="14:14">
      <c r="N128345" s="10"/>
    </row>
    <row r="128346" spans="14:14">
      <c r="N128346" s="10"/>
    </row>
    <row r="128347" spans="14:14">
      <c r="N128347" s="10"/>
    </row>
    <row r="128348" spans="14:14">
      <c r="N128348" s="10"/>
    </row>
    <row r="128349" spans="14:14">
      <c r="N128349" s="10"/>
    </row>
    <row r="128350" spans="14:14">
      <c r="N128350" s="10"/>
    </row>
    <row r="128351" spans="14:14">
      <c r="N128351" s="10"/>
    </row>
    <row r="128352" spans="14:14">
      <c r="N128352" s="10"/>
    </row>
    <row r="128353" spans="14:14">
      <c r="N128353" s="10"/>
    </row>
    <row r="128354" spans="14:14">
      <c r="N128354" s="10"/>
    </row>
    <row r="128355" spans="14:14">
      <c r="N128355" s="10"/>
    </row>
    <row r="128356" spans="14:14">
      <c r="N128356" s="10"/>
    </row>
    <row r="128357" spans="14:14">
      <c r="N128357" s="10"/>
    </row>
    <row r="128358" spans="14:14">
      <c r="N128358" s="10"/>
    </row>
    <row r="128359" spans="14:14">
      <c r="N128359" s="10"/>
    </row>
    <row r="128360" spans="14:14">
      <c r="N128360" s="10"/>
    </row>
    <row r="128361" spans="14:14">
      <c r="N128361" s="10"/>
    </row>
    <row r="128362" spans="14:14">
      <c r="N128362" s="10"/>
    </row>
    <row r="128363" spans="14:14">
      <c r="N128363" s="10"/>
    </row>
    <row r="128364" spans="14:14">
      <c r="N128364" s="10"/>
    </row>
    <row r="128365" spans="14:14">
      <c r="N128365" s="10"/>
    </row>
    <row r="128366" spans="14:14">
      <c r="N128366" s="10"/>
    </row>
    <row r="128367" spans="14:14">
      <c r="N128367" s="10"/>
    </row>
    <row r="128368" spans="14:14">
      <c r="N128368" s="10"/>
    </row>
    <row r="128369" spans="14:14">
      <c r="N128369" s="10"/>
    </row>
    <row r="128370" spans="14:14">
      <c r="N128370" s="10"/>
    </row>
    <row r="128371" spans="14:14">
      <c r="N128371" s="10"/>
    </row>
    <row r="128372" spans="14:14">
      <c r="N128372" s="10"/>
    </row>
    <row r="128373" spans="14:14">
      <c r="N128373" s="10"/>
    </row>
    <row r="128374" spans="14:14">
      <c r="N128374" s="10"/>
    </row>
    <row r="128375" spans="14:14">
      <c r="N128375" s="10"/>
    </row>
    <row r="128376" spans="14:14">
      <c r="N128376" s="10"/>
    </row>
    <row r="128377" spans="14:14">
      <c r="N128377" s="10"/>
    </row>
    <row r="128378" spans="14:14">
      <c r="N128378" s="10"/>
    </row>
    <row r="128379" spans="14:14">
      <c r="N128379" s="10"/>
    </row>
    <row r="128380" spans="14:14">
      <c r="N128380" s="10"/>
    </row>
    <row r="128381" spans="14:14">
      <c r="N128381" s="10"/>
    </row>
    <row r="128382" spans="14:14">
      <c r="N128382" s="10"/>
    </row>
    <row r="128383" spans="14:14">
      <c r="N128383" s="10"/>
    </row>
    <row r="128384" spans="14:14">
      <c r="N128384" s="10"/>
    </row>
    <row r="128385" spans="14:14">
      <c r="N128385" s="10"/>
    </row>
    <row r="128386" spans="14:14">
      <c r="N128386" s="10"/>
    </row>
    <row r="128387" spans="14:14">
      <c r="N128387" s="10"/>
    </row>
    <row r="128388" spans="14:14">
      <c r="N128388" s="10"/>
    </row>
    <row r="128389" spans="14:14">
      <c r="N128389" s="10"/>
    </row>
    <row r="128390" spans="14:14">
      <c r="N128390" s="10"/>
    </row>
    <row r="128391" spans="14:14">
      <c r="N128391" s="10"/>
    </row>
    <row r="128392" spans="14:14">
      <c r="N128392" s="10"/>
    </row>
    <row r="128393" spans="14:14">
      <c r="N128393" s="10"/>
    </row>
    <row r="128394" spans="14:14">
      <c r="N128394" s="10"/>
    </row>
    <row r="128395" spans="14:14">
      <c r="N128395" s="10"/>
    </row>
    <row r="128396" spans="14:14">
      <c r="N128396" s="10"/>
    </row>
    <row r="128397" spans="14:14">
      <c r="N128397" s="10"/>
    </row>
    <row r="128398" spans="14:14">
      <c r="N128398" s="10"/>
    </row>
    <row r="128399" spans="14:14">
      <c r="N128399" s="10"/>
    </row>
    <row r="128400" spans="14:14">
      <c r="N128400" s="10"/>
    </row>
    <row r="128401" spans="14:14">
      <c r="N128401" s="10"/>
    </row>
    <row r="128402" spans="14:14">
      <c r="N128402" s="10"/>
    </row>
    <row r="128403" spans="14:14">
      <c r="N128403" s="10"/>
    </row>
    <row r="128404" spans="14:14">
      <c r="N128404" s="10"/>
    </row>
    <row r="128405" spans="14:14">
      <c r="N128405" s="10"/>
    </row>
    <row r="128406" spans="14:14">
      <c r="N128406" s="10"/>
    </row>
    <row r="128407" spans="14:14">
      <c r="N128407" s="10"/>
    </row>
    <row r="128408" spans="14:14">
      <c r="N128408" s="10"/>
    </row>
    <row r="128409" spans="14:14">
      <c r="N128409" s="10"/>
    </row>
    <row r="128410" spans="14:14">
      <c r="N128410" s="10"/>
    </row>
    <row r="128411" spans="14:14">
      <c r="N128411" s="10"/>
    </row>
    <row r="128412" spans="14:14">
      <c r="N128412" s="10"/>
    </row>
    <row r="128413" spans="14:14">
      <c r="N128413" s="10"/>
    </row>
    <row r="128414" spans="14:14">
      <c r="N128414" s="10"/>
    </row>
    <row r="128415" spans="14:14">
      <c r="N128415" s="10"/>
    </row>
    <row r="128416" spans="14:14">
      <c r="N128416" s="10"/>
    </row>
    <row r="128417" spans="14:14">
      <c r="N128417" s="10"/>
    </row>
    <row r="128418" spans="14:14">
      <c r="N128418" s="10"/>
    </row>
    <row r="128419" spans="14:14">
      <c r="N128419" s="10"/>
    </row>
    <row r="128420" spans="14:14">
      <c r="N128420" s="10"/>
    </row>
    <row r="128421" spans="14:14">
      <c r="N128421" s="10"/>
    </row>
    <row r="128422" spans="14:14">
      <c r="N128422" s="10"/>
    </row>
    <row r="128423" spans="14:14">
      <c r="N128423" s="10"/>
    </row>
    <row r="128424" spans="14:14">
      <c r="N128424" s="10"/>
    </row>
    <row r="128425" spans="14:14">
      <c r="N128425" s="10"/>
    </row>
    <row r="128426" spans="14:14">
      <c r="N128426" s="10"/>
    </row>
    <row r="128427" spans="14:14">
      <c r="N128427" s="10"/>
    </row>
    <row r="128428" spans="14:14">
      <c r="N128428" s="10"/>
    </row>
    <row r="128429" spans="14:14">
      <c r="N128429" s="10"/>
    </row>
    <row r="128430" spans="14:14">
      <c r="N128430" s="10"/>
    </row>
    <row r="128431" spans="14:14">
      <c r="N128431" s="10"/>
    </row>
    <row r="128432" spans="14:14">
      <c r="N128432" s="10"/>
    </row>
    <row r="128433" spans="14:14">
      <c r="N128433" s="10"/>
    </row>
    <row r="128434" spans="14:14">
      <c r="N128434" s="10"/>
    </row>
    <row r="128435" spans="14:14">
      <c r="N128435" s="10"/>
    </row>
    <row r="128436" spans="14:14">
      <c r="N128436" s="10"/>
    </row>
    <row r="128437" spans="14:14">
      <c r="N128437" s="10"/>
    </row>
    <row r="128438" spans="14:14">
      <c r="N128438" s="10"/>
    </row>
    <row r="128439" spans="14:14">
      <c r="N128439" s="10"/>
    </row>
    <row r="128440" spans="14:14">
      <c r="N128440" s="10"/>
    </row>
    <row r="128441" spans="14:14">
      <c r="N128441" s="10"/>
    </row>
    <row r="128442" spans="14:14">
      <c r="N128442" s="10"/>
    </row>
    <row r="128443" spans="14:14">
      <c r="N128443" s="10"/>
    </row>
    <row r="128444" spans="14:14">
      <c r="N128444" s="10"/>
    </row>
    <row r="128445" spans="14:14">
      <c r="N128445" s="10"/>
    </row>
    <row r="128446" spans="14:14">
      <c r="N128446" s="10"/>
    </row>
    <row r="128447" spans="14:14">
      <c r="N128447" s="10"/>
    </row>
    <row r="128448" spans="14:14">
      <c r="N128448" s="10"/>
    </row>
    <row r="128449" spans="14:14">
      <c r="N128449" s="10"/>
    </row>
    <row r="128450" spans="14:14">
      <c r="N128450" s="10"/>
    </row>
    <row r="128451" spans="14:14">
      <c r="N128451" s="10"/>
    </row>
    <row r="128452" spans="14:14">
      <c r="N128452" s="10"/>
    </row>
    <row r="128453" spans="14:14">
      <c r="N128453" s="10"/>
    </row>
    <row r="128454" spans="14:14">
      <c r="N128454" s="10"/>
    </row>
    <row r="128455" spans="14:14">
      <c r="N128455" s="10"/>
    </row>
    <row r="128456" spans="14:14">
      <c r="N128456" s="10"/>
    </row>
    <row r="128457" spans="14:14">
      <c r="N128457" s="10"/>
    </row>
    <row r="128458" spans="14:14">
      <c r="N128458" s="10"/>
    </row>
    <row r="128459" spans="14:14">
      <c r="N128459" s="10"/>
    </row>
    <row r="128460" spans="14:14">
      <c r="N128460" s="10"/>
    </row>
    <row r="128461" spans="14:14">
      <c r="N128461" s="10"/>
    </row>
    <row r="128462" spans="14:14">
      <c r="N128462" s="10"/>
    </row>
    <row r="128463" spans="14:14">
      <c r="N128463" s="10"/>
    </row>
    <row r="128464" spans="14:14">
      <c r="N128464" s="10"/>
    </row>
    <row r="128465" spans="14:14">
      <c r="N128465" s="10"/>
    </row>
    <row r="128466" spans="14:14">
      <c r="N128466" s="10"/>
    </row>
    <row r="128467" spans="14:14">
      <c r="N128467" s="10"/>
    </row>
    <row r="128468" spans="14:14">
      <c r="N128468" s="10"/>
    </row>
    <row r="128469" spans="14:14">
      <c r="N128469" s="10"/>
    </row>
    <row r="128470" spans="14:14">
      <c r="N128470" s="10"/>
    </row>
    <row r="128471" spans="14:14">
      <c r="N128471" s="10"/>
    </row>
    <row r="128472" spans="14:14">
      <c r="N128472" s="10"/>
    </row>
    <row r="128473" spans="14:14">
      <c r="N128473" s="10"/>
    </row>
    <row r="128474" spans="14:14">
      <c r="N128474" s="10"/>
    </row>
    <row r="128475" spans="14:14">
      <c r="N128475" s="10"/>
    </row>
    <row r="128476" spans="14:14">
      <c r="N128476" s="10"/>
    </row>
    <row r="128477" spans="14:14">
      <c r="N128477" s="10"/>
    </row>
    <row r="128478" spans="14:14">
      <c r="N128478" s="10"/>
    </row>
    <row r="128479" spans="14:14">
      <c r="N128479" s="10"/>
    </row>
    <row r="128480" spans="14:14">
      <c r="N128480" s="10"/>
    </row>
    <row r="128481" spans="14:14">
      <c r="N128481" s="10"/>
    </row>
    <row r="128482" spans="14:14">
      <c r="N128482" s="10"/>
    </row>
    <row r="128483" spans="14:14">
      <c r="N128483" s="10"/>
    </row>
    <row r="128484" spans="14:14">
      <c r="N128484" s="10"/>
    </row>
    <row r="128485" spans="14:14">
      <c r="N128485" s="10"/>
    </row>
    <row r="128486" spans="14:14">
      <c r="N128486" s="10"/>
    </row>
    <row r="128487" spans="14:14">
      <c r="N128487" s="10"/>
    </row>
    <row r="128488" spans="14:14">
      <c r="N128488" s="10"/>
    </row>
    <row r="128489" spans="14:14">
      <c r="N128489" s="10"/>
    </row>
    <row r="128490" spans="14:14">
      <c r="N128490" s="10"/>
    </row>
    <row r="128491" spans="14:14">
      <c r="N128491" s="10"/>
    </row>
    <row r="128492" spans="14:14">
      <c r="N128492" s="10"/>
    </row>
    <row r="128493" spans="14:14">
      <c r="N128493" s="10"/>
    </row>
    <row r="128494" spans="14:14">
      <c r="N128494" s="10"/>
    </row>
    <row r="128495" spans="14:14">
      <c r="N128495" s="10"/>
    </row>
    <row r="128496" spans="14:14">
      <c r="N128496" s="10"/>
    </row>
    <row r="128497" spans="14:14">
      <c r="N128497" s="10"/>
    </row>
    <row r="128498" spans="14:14">
      <c r="N128498" s="10"/>
    </row>
    <row r="128499" spans="14:14">
      <c r="N128499" s="10"/>
    </row>
    <row r="128500" spans="14:14">
      <c r="N128500" s="10"/>
    </row>
    <row r="128501" spans="14:14">
      <c r="N128501" s="10"/>
    </row>
    <row r="128502" spans="14:14">
      <c r="N128502" s="10"/>
    </row>
    <row r="128503" spans="14:14">
      <c r="N128503" s="10"/>
    </row>
    <row r="128504" spans="14:14">
      <c r="N128504" s="10"/>
    </row>
    <row r="128505" spans="14:14">
      <c r="N128505" s="10"/>
    </row>
    <row r="128506" spans="14:14">
      <c r="N128506" s="10"/>
    </row>
    <row r="128507" spans="14:14">
      <c r="N128507" s="10"/>
    </row>
    <row r="128508" spans="14:14">
      <c r="N128508" s="10"/>
    </row>
    <row r="128509" spans="14:14">
      <c r="N128509" s="10"/>
    </row>
    <row r="128510" spans="14:14">
      <c r="N128510" s="10"/>
    </row>
    <row r="128511" spans="14:14">
      <c r="N128511" s="10"/>
    </row>
    <row r="128512" spans="14:14">
      <c r="N128512" s="10"/>
    </row>
    <row r="128513" spans="14:14">
      <c r="N128513" s="10"/>
    </row>
    <row r="128514" spans="14:14">
      <c r="N128514" s="10"/>
    </row>
    <row r="128515" spans="14:14">
      <c r="N128515" s="10"/>
    </row>
    <row r="128516" spans="14:14">
      <c r="N128516" s="10"/>
    </row>
    <row r="128517" spans="14:14">
      <c r="N128517" s="10"/>
    </row>
    <row r="128518" spans="14:14">
      <c r="N128518" s="10"/>
    </row>
    <row r="128519" spans="14:14">
      <c r="N128519" s="10"/>
    </row>
    <row r="128520" spans="14:14">
      <c r="N128520" s="10"/>
    </row>
    <row r="128521" spans="14:14">
      <c r="N128521" s="10"/>
    </row>
    <row r="128522" spans="14:14">
      <c r="N128522" s="10"/>
    </row>
    <row r="128523" spans="14:14">
      <c r="N128523" s="10"/>
    </row>
    <row r="128524" spans="14:14">
      <c r="N128524" s="10"/>
    </row>
    <row r="128525" spans="14:14">
      <c r="N128525" s="10"/>
    </row>
    <row r="128526" spans="14:14">
      <c r="N128526" s="10"/>
    </row>
    <row r="128527" spans="14:14">
      <c r="N128527" s="10"/>
    </row>
    <row r="128528" spans="14:14">
      <c r="N128528" s="10"/>
    </row>
    <row r="128529" spans="14:14">
      <c r="N128529" s="10"/>
    </row>
    <row r="128530" spans="14:14">
      <c r="N128530" s="10"/>
    </row>
    <row r="128531" spans="14:14">
      <c r="N128531" s="10"/>
    </row>
    <row r="128532" spans="14:14">
      <c r="N128532" s="10"/>
    </row>
    <row r="128533" spans="14:14">
      <c r="N128533" s="10"/>
    </row>
    <row r="128534" spans="14:14">
      <c r="N128534" s="10"/>
    </row>
    <row r="128535" spans="14:14">
      <c r="N128535" s="10"/>
    </row>
    <row r="128536" spans="14:14">
      <c r="N128536" s="10"/>
    </row>
    <row r="128537" spans="14:14">
      <c r="N128537" s="10"/>
    </row>
    <row r="128538" spans="14:14">
      <c r="N128538" s="10"/>
    </row>
    <row r="128539" spans="14:14">
      <c r="N128539" s="10"/>
    </row>
    <row r="128540" spans="14:14">
      <c r="N128540" s="10"/>
    </row>
    <row r="128541" spans="14:14">
      <c r="N128541" s="10"/>
    </row>
    <row r="128542" spans="14:14">
      <c r="N128542" s="10"/>
    </row>
    <row r="128543" spans="14:14">
      <c r="N128543" s="10"/>
    </row>
    <row r="128544" spans="14:14">
      <c r="N128544" s="10"/>
    </row>
    <row r="128545" spans="14:14">
      <c r="N128545" s="10"/>
    </row>
    <row r="128546" spans="14:14">
      <c r="N128546" s="10"/>
    </row>
    <row r="128547" spans="14:14">
      <c r="N128547" s="10"/>
    </row>
    <row r="128548" spans="14:14">
      <c r="N128548" s="10"/>
    </row>
    <row r="128549" spans="14:14">
      <c r="N128549" s="10"/>
    </row>
    <row r="128550" spans="14:14">
      <c r="N128550" s="10"/>
    </row>
    <row r="128551" spans="14:14">
      <c r="N128551" s="10"/>
    </row>
    <row r="128552" spans="14:14">
      <c r="N128552" s="10"/>
    </row>
    <row r="128553" spans="14:14">
      <c r="N128553" s="10"/>
    </row>
    <row r="128554" spans="14:14">
      <c r="N128554" s="10"/>
    </row>
    <row r="128555" spans="14:14">
      <c r="N128555" s="10"/>
    </row>
    <row r="128556" spans="14:14">
      <c r="N128556" s="10"/>
    </row>
    <row r="128557" spans="14:14">
      <c r="N128557" s="10"/>
    </row>
    <row r="128558" spans="14:14">
      <c r="N128558" s="10"/>
    </row>
    <row r="128559" spans="14:14">
      <c r="N128559" s="10"/>
    </row>
    <row r="128560" spans="14:14">
      <c r="N128560" s="10"/>
    </row>
    <row r="128561" spans="14:14">
      <c r="N128561" s="10"/>
    </row>
    <row r="128562" spans="14:14">
      <c r="N128562" s="10"/>
    </row>
    <row r="128563" spans="14:14">
      <c r="N128563" s="10"/>
    </row>
    <row r="128564" spans="14:14">
      <c r="N128564" s="10"/>
    </row>
    <row r="128565" spans="14:14">
      <c r="N128565" s="10"/>
    </row>
    <row r="128566" spans="14:14">
      <c r="N128566" s="10"/>
    </row>
    <row r="128567" spans="14:14">
      <c r="N128567" s="10"/>
    </row>
    <row r="128568" spans="14:14">
      <c r="N128568" s="10"/>
    </row>
    <row r="128569" spans="14:14">
      <c r="N128569" s="10"/>
    </row>
    <row r="128570" spans="14:14">
      <c r="N128570" s="10"/>
    </row>
    <row r="128571" spans="14:14">
      <c r="N128571" s="10"/>
    </row>
    <row r="128572" spans="14:14">
      <c r="N128572" s="10"/>
    </row>
    <row r="128573" spans="14:14">
      <c r="N128573" s="10"/>
    </row>
    <row r="128574" spans="14:14">
      <c r="N128574" s="10"/>
    </row>
    <row r="128575" spans="14:14">
      <c r="N128575" s="10"/>
    </row>
    <row r="128576" spans="14:14">
      <c r="N128576" s="10"/>
    </row>
    <row r="128577" spans="14:14">
      <c r="N128577" s="10"/>
    </row>
    <row r="128578" spans="14:14">
      <c r="N128578" s="10"/>
    </row>
    <row r="128579" spans="14:14">
      <c r="N128579" s="10"/>
    </row>
    <row r="128580" spans="14:14">
      <c r="N128580" s="10"/>
    </row>
    <row r="128581" spans="14:14">
      <c r="N128581" s="10"/>
    </row>
    <row r="128582" spans="14:14">
      <c r="N128582" s="10"/>
    </row>
    <row r="128583" spans="14:14">
      <c r="N128583" s="10"/>
    </row>
    <row r="128584" spans="14:14">
      <c r="N128584" s="10"/>
    </row>
    <row r="128585" spans="14:14">
      <c r="N128585" s="10"/>
    </row>
    <row r="128586" spans="14:14">
      <c r="N128586" s="10"/>
    </row>
    <row r="128587" spans="14:14">
      <c r="N128587" s="10"/>
    </row>
    <row r="128588" spans="14:14">
      <c r="N128588" s="10"/>
    </row>
    <row r="128589" spans="14:14">
      <c r="N128589" s="10"/>
    </row>
    <row r="128590" spans="14:14">
      <c r="N128590" s="10"/>
    </row>
    <row r="128591" spans="14:14">
      <c r="N128591" s="10"/>
    </row>
    <row r="128592" spans="14:14">
      <c r="N128592" s="10"/>
    </row>
    <row r="128593" spans="14:14">
      <c r="N128593" s="10"/>
    </row>
    <row r="128594" spans="14:14">
      <c r="N128594" s="10"/>
    </row>
    <row r="128595" spans="14:14">
      <c r="N128595" s="10"/>
    </row>
    <row r="128596" spans="14:14">
      <c r="N128596" s="10"/>
    </row>
    <row r="128597" spans="14:14">
      <c r="N128597" s="10"/>
    </row>
    <row r="128598" spans="14:14">
      <c r="N128598" s="10"/>
    </row>
    <row r="128599" spans="14:14">
      <c r="N128599" s="10"/>
    </row>
    <row r="128600" spans="14:14">
      <c r="N128600" s="10"/>
    </row>
    <row r="128601" spans="14:14">
      <c r="N128601" s="10"/>
    </row>
    <row r="128602" spans="14:14">
      <c r="N128602" s="10"/>
    </row>
    <row r="128603" spans="14:14">
      <c r="N128603" s="10"/>
    </row>
    <row r="128604" spans="14:14">
      <c r="N128604" s="10"/>
    </row>
    <row r="128605" spans="14:14">
      <c r="N128605" s="10"/>
    </row>
    <row r="128606" spans="14:14">
      <c r="N128606" s="10"/>
    </row>
    <row r="128607" spans="14:14">
      <c r="N128607" s="10"/>
    </row>
    <row r="128608" spans="14:14">
      <c r="N128608" s="10"/>
    </row>
    <row r="128609" spans="14:14">
      <c r="N128609" s="10"/>
    </row>
    <row r="128610" spans="14:14">
      <c r="N128610" s="10"/>
    </row>
    <row r="128611" spans="14:14">
      <c r="N128611" s="10"/>
    </row>
    <row r="128612" spans="14:14">
      <c r="N128612" s="10"/>
    </row>
    <row r="128613" spans="14:14">
      <c r="N128613" s="10"/>
    </row>
    <row r="128614" spans="14:14">
      <c r="N128614" s="10"/>
    </row>
    <row r="128615" spans="14:14">
      <c r="N128615" s="10"/>
    </row>
    <row r="128616" spans="14:14">
      <c r="N128616" s="10"/>
    </row>
    <row r="128617" spans="14:14">
      <c r="N128617" s="10"/>
    </row>
    <row r="128618" spans="14:14">
      <c r="N128618" s="10"/>
    </row>
    <row r="128619" spans="14:14">
      <c r="N128619" s="10"/>
    </row>
    <row r="128620" spans="14:14">
      <c r="N128620" s="10"/>
    </row>
    <row r="128621" spans="14:14">
      <c r="N128621" s="10"/>
    </row>
    <row r="128622" spans="14:14">
      <c r="N128622" s="10"/>
    </row>
    <row r="128623" spans="14:14">
      <c r="N128623" s="10"/>
    </row>
    <row r="128624" spans="14:14">
      <c r="N128624" s="10"/>
    </row>
    <row r="128625" spans="14:14">
      <c r="N128625" s="10"/>
    </row>
    <row r="128626" spans="14:14">
      <c r="N128626" s="10"/>
    </row>
    <row r="128627" spans="14:14">
      <c r="N128627" s="10"/>
    </row>
    <row r="128628" spans="14:14">
      <c r="N128628" s="10"/>
    </row>
    <row r="128629" spans="14:14">
      <c r="N128629" s="10"/>
    </row>
    <row r="128630" spans="14:14">
      <c r="N128630" s="10"/>
    </row>
    <row r="128631" spans="14:14">
      <c r="N128631" s="10"/>
    </row>
    <row r="128632" spans="14:14">
      <c r="N128632" s="10"/>
    </row>
    <row r="128633" spans="14:14">
      <c r="N128633" s="10"/>
    </row>
    <row r="128634" spans="14:14">
      <c r="N128634" s="10"/>
    </row>
    <row r="128635" spans="14:14">
      <c r="N128635" s="10"/>
    </row>
    <row r="128636" spans="14:14">
      <c r="N128636" s="10"/>
    </row>
    <row r="128637" spans="14:14">
      <c r="N128637" s="10"/>
    </row>
    <row r="128638" spans="14:14">
      <c r="N128638" s="10"/>
    </row>
    <row r="128639" spans="14:14">
      <c r="N128639" s="10"/>
    </row>
    <row r="128640" spans="14:14">
      <c r="N128640" s="10"/>
    </row>
    <row r="128641" spans="14:14">
      <c r="N128641" s="10"/>
    </row>
    <row r="128642" spans="14:14">
      <c r="N128642" s="10"/>
    </row>
    <row r="128643" spans="14:14">
      <c r="N128643" s="10"/>
    </row>
    <row r="128644" spans="14:14">
      <c r="N128644" s="10"/>
    </row>
    <row r="128645" spans="14:14">
      <c r="N128645" s="10"/>
    </row>
    <row r="128646" spans="14:14">
      <c r="N128646" s="10"/>
    </row>
    <row r="128647" spans="14:14">
      <c r="N128647" s="10"/>
    </row>
    <row r="128648" spans="14:14">
      <c r="N128648" s="10"/>
    </row>
    <row r="128649" spans="14:14">
      <c r="N128649" s="10"/>
    </row>
    <row r="128650" spans="14:14">
      <c r="N128650" s="10"/>
    </row>
    <row r="128651" spans="14:14">
      <c r="N128651" s="10"/>
    </row>
    <row r="128652" spans="14:14">
      <c r="N128652" s="10"/>
    </row>
    <row r="128653" spans="14:14">
      <c r="N128653" s="10"/>
    </row>
    <row r="128654" spans="14:14">
      <c r="N128654" s="10"/>
    </row>
    <row r="128655" spans="14:14">
      <c r="N128655" s="10"/>
    </row>
    <row r="128656" spans="14:14">
      <c r="N128656" s="10"/>
    </row>
    <row r="128657" spans="14:14">
      <c r="N128657" s="10"/>
    </row>
    <row r="128658" spans="14:14">
      <c r="N128658" s="10"/>
    </row>
    <row r="128659" spans="14:14">
      <c r="N128659" s="10"/>
    </row>
    <row r="128660" spans="14:14">
      <c r="N128660" s="10"/>
    </row>
    <row r="128661" spans="14:14">
      <c r="N128661" s="10"/>
    </row>
    <row r="128662" spans="14:14">
      <c r="N128662" s="10"/>
    </row>
    <row r="128663" spans="14:14">
      <c r="N128663" s="10"/>
    </row>
    <row r="128664" spans="14:14">
      <c r="N128664" s="10"/>
    </row>
    <row r="128665" spans="14:14">
      <c r="N128665" s="10"/>
    </row>
    <row r="128666" spans="14:14">
      <c r="N128666" s="10"/>
    </row>
    <row r="128667" spans="14:14">
      <c r="N128667" s="10"/>
    </row>
    <row r="128668" spans="14:14">
      <c r="N128668" s="10"/>
    </row>
    <row r="128669" spans="14:14">
      <c r="N128669" s="10"/>
    </row>
    <row r="128670" spans="14:14">
      <c r="N128670" s="10"/>
    </row>
    <row r="128671" spans="14:14">
      <c r="N128671" s="10"/>
    </row>
    <row r="128672" spans="14:14">
      <c r="N128672" s="10"/>
    </row>
    <row r="128673" spans="14:14">
      <c r="N128673" s="10"/>
    </row>
    <row r="128674" spans="14:14">
      <c r="N128674" s="10"/>
    </row>
    <row r="128675" spans="14:14">
      <c r="N128675" s="10"/>
    </row>
    <row r="128676" spans="14:14">
      <c r="N128676" s="10"/>
    </row>
    <row r="128677" spans="14:14">
      <c r="N128677" s="10"/>
    </row>
    <row r="128678" spans="14:14">
      <c r="N128678" s="10"/>
    </row>
    <row r="128679" spans="14:14">
      <c r="N128679" s="10"/>
    </row>
    <row r="128680" spans="14:14">
      <c r="N128680" s="10"/>
    </row>
    <row r="128681" spans="14:14">
      <c r="N128681" s="10"/>
    </row>
    <row r="128682" spans="14:14">
      <c r="N128682" s="10"/>
    </row>
    <row r="128683" spans="14:14">
      <c r="N128683" s="10"/>
    </row>
    <row r="128684" spans="14:14">
      <c r="N128684" s="10"/>
    </row>
    <row r="128685" spans="14:14">
      <c r="N128685" s="10"/>
    </row>
    <row r="128686" spans="14:14">
      <c r="N128686" s="10"/>
    </row>
    <row r="128687" spans="14:14">
      <c r="N128687" s="10"/>
    </row>
    <row r="128688" spans="14:14">
      <c r="N128688" s="10"/>
    </row>
    <row r="128689" spans="14:14">
      <c r="N128689" s="10"/>
    </row>
    <row r="128690" spans="14:14">
      <c r="N128690" s="10"/>
    </row>
    <row r="128691" spans="14:14">
      <c r="N128691" s="10"/>
    </row>
    <row r="128692" spans="14:14">
      <c r="N128692" s="10"/>
    </row>
    <row r="128693" spans="14:14">
      <c r="N128693" s="10"/>
    </row>
    <row r="128694" spans="14:14">
      <c r="N128694" s="10"/>
    </row>
    <row r="128695" spans="14:14">
      <c r="N128695" s="10"/>
    </row>
    <row r="128696" spans="14:14">
      <c r="N128696" s="10"/>
    </row>
    <row r="128697" spans="14:14">
      <c r="N128697" s="10"/>
    </row>
    <row r="128698" spans="14:14">
      <c r="N128698" s="10"/>
    </row>
    <row r="128699" spans="14:14">
      <c r="N128699" s="10"/>
    </row>
    <row r="128700" spans="14:14">
      <c r="N128700" s="10"/>
    </row>
    <row r="128701" spans="14:14">
      <c r="N128701" s="10"/>
    </row>
    <row r="128702" spans="14:14">
      <c r="N128702" s="10"/>
    </row>
    <row r="128703" spans="14:14">
      <c r="N128703" s="10"/>
    </row>
    <row r="128704" spans="14:14">
      <c r="N128704" s="10"/>
    </row>
    <row r="128705" spans="14:14">
      <c r="N128705" s="10"/>
    </row>
    <row r="128706" spans="14:14">
      <c r="N128706" s="10"/>
    </row>
    <row r="128707" spans="14:14">
      <c r="N128707" s="10"/>
    </row>
    <row r="128708" spans="14:14">
      <c r="N128708" s="10"/>
    </row>
    <row r="128709" spans="14:14">
      <c r="N128709" s="10"/>
    </row>
    <row r="128710" spans="14:14">
      <c r="N128710" s="10"/>
    </row>
    <row r="128711" spans="14:14">
      <c r="N128711" s="10"/>
    </row>
    <row r="128712" spans="14:14">
      <c r="N128712" s="10"/>
    </row>
    <row r="128713" spans="14:14">
      <c r="N128713" s="10"/>
    </row>
    <row r="128714" spans="14:14">
      <c r="N128714" s="10"/>
    </row>
    <row r="128715" spans="14:14">
      <c r="N128715" s="10"/>
    </row>
    <row r="128716" spans="14:14">
      <c r="N128716" s="10"/>
    </row>
    <row r="128717" spans="14:14">
      <c r="N128717" s="10"/>
    </row>
    <row r="128718" spans="14:14">
      <c r="N128718" s="10"/>
    </row>
    <row r="128719" spans="14:14">
      <c r="N128719" s="10"/>
    </row>
    <row r="128720" spans="14:14">
      <c r="N128720" s="10"/>
    </row>
    <row r="128721" spans="14:14">
      <c r="N128721" s="10"/>
    </row>
    <row r="128722" spans="14:14">
      <c r="N128722" s="10"/>
    </row>
    <row r="128723" spans="14:14">
      <c r="N128723" s="10"/>
    </row>
    <row r="128724" spans="14:14">
      <c r="N128724" s="10"/>
    </row>
    <row r="128725" spans="14:14">
      <c r="N128725" s="10"/>
    </row>
    <row r="128726" spans="14:14">
      <c r="N128726" s="10"/>
    </row>
    <row r="128727" spans="14:14">
      <c r="N128727" s="10"/>
    </row>
    <row r="128728" spans="14:14">
      <c r="N128728" s="10"/>
    </row>
    <row r="128729" spans="14:14">
      <c r="N128729" s="10"/>
    </row>
    <row r="128730" spans="14:14">
      <c r="N128730" s="10"/>
    </row>
    <row r="128731" spans="14:14">
      <c r="N128731" s="10"/>
    </row>
    <row r="128732" spans="14:14">
      <c r="N128732" s="10"/>
    </row>
    <row r="128733" spans="14:14">
      <c r="N128733" s="10"/>
    </row>
    <row r="128734" spans="14:14">
      <c r="N128734" s="10"/>
    </row>
    <row r="128735" spans="14:14">
      <c r="N128735" s="10"/>
    </row>
    <row r="128736" spans="14:14">
      <c r="N128736" s="10"/>
    </row>
    <row r="128737" spans="14:14">
      <c r="N128737" s="10"/>
    </row>
    <row r="128738" spans="14:14">
      <c r="N128738" s="10"/>
    </row>
    <row r="128739" spans="14:14">
      <c r="N128739" s="10"/>
    </row>
    <row r="128740" spans="14:14">
      <c r="N128740" s="10"/>
    </row>
    <row r="128741" spans="14:14">
      <c r="N128741" s="10"/>
    </row>
    <row r="128742" spans="14:14">
      <c r="N128742" s="10"/>
    </row>
    <row r="128743" spans="14:14">
      <c r="N128743" s="10"/>
    </row>
    <row r="128744" spans="14:14">
      <c r="N128744" s="10"/>
    </row>
    <row r="128745" spans="14:14">
      <c r="N128745" s="10"/>
    </row>
    <row r="128746" spans="14:14">
      <c r="N128746" s="10"/>
    </row>
    <row r="128747" spans="14:14">
      <c r="N128747" s="10"/>
    </row>
    <row r="128748" spans="14:14">
      <c r="N128748" s="10"/>
    </row>
    <row r="128749" spans="14:14">
      <c r="N128749" s="10"/>
    </row>
    <row r="128750" spans="14:14">
      <c r="N128750" s="10"/>
    </row>
    <row r="128751" spans="14:14">
      <c r="N128751" s="10"/>
    </row>
    <row r="128752" spans="14:14">
      <c r="N128752" s="10"/>
    </row>
    <row r="128753" spans="14:14">
      <c r="N128753" s="10"/>
    </row>
    <row r="128754" spans="14:14">
      <c r="N128754" s="10"/>
    </row>
    <row r="128755" spans="14:14">
      <c r="N128755" s="10"/>
    </row>
    <row r="128756" spans="14:14">
      <c r="N128756" s="10"/>
    </row>
    <row r="128757" spans="14:14">
      <c r="N128757" s="10"/>
    </row>
    <row r="128758" spans="14:14">
      <c r="N128758" s="10"/>
    </row>
    <row r="128759" spans="14:14">
      <c r="N128759" s="10"/>
    </row>
    <row r="128760" spans="14:14">
      <c r="N128760" s="10"/>
    </row>
    <row r="128761" spans="14:14">
      <c r="N128761" s="10"/>
    </row>
    <row r="128762" spans="14:14">
      <c r="N128762" s="10"/>
    </row>
    <row r="128763" spans="14:14">
      <c r="N128763" s="10"/>
    </row>
    <row r="128764" spans="14:14">
      <c r="N128764" s="10"/>
    </row>
    <row r="128765" spans="14:14">
      <c r="N128765" s="10"/>
    </row>
    <row r="128766" spans="14:14">
      <c r="N128766" s="10"/>
    </row>
    <row r="128767" spans="14:14">
      <c r="N128767" s="10"/>
    </row>
    <row r="128768" spans="14:14">
      <c r="N128768" s="10"/>
    </row>
    <row r="128769" spans="14:14">
      <c r="N128769" s="10"/>
    </row>
    <row r="128770" spans="14:14">
      <c r="N128770" s="10"/>
    </row>
    <row r="128771" spans="14:14">
      <c r="N128771" s="10"/>
    </row>
    <row r="128772" spans="14:14">
      <c r="N128772" s="10"/>
    </row>
    <row r="128773" spans="14:14">
      <c r="N128773" s="10"/>
    </row>
    <row r="128774" spans="14:14">
      <c r="N128774" s="10"/>
    </row>
    <row r="128775" spans="14:14">
      <c r="N128775" s="10"/>
    </row>
    <row r="128776" spans="14:14">
      <c r="N128776" s="10"/>
    </row>
    <row r="128777" spans="14:14">
      <c r="N128777" s="10"/>
    </row>
    <row r="128778" spans="14:14">
      <c r="N128778" s="10"/>
    </row>
    <row r="128779" spans="14:14">
      <c r="N128779" s="10"/>
    </row>
    <row r="128780" spans="14:14">
      <c r="N128780" s="10"/>
    </row>
    <row r="128781" spans="14:14">
      <c r="N128781" s="10"/>
    </row>
    <row r="128782" spans="14:14">
      <c r="N128782" s="10"/>
    </row>
    <row r="128783" spans="14:14">
      <c r="N128783" s="10"/>
    </row>
    <row r="128784" spans="14:14">
      <c r="N128784" s="10"/>
    </row>
    <row r="128785" spans="14:14">
      <c r="N128785" s="10"/>
    </row>
    <row r="128786" spans="14:14">
      <c r="N128786" s="10"/>
    </row>
    <row r="128787" spans="14:14">
      <c r="N128787" s="10"/>
    </row>
    <row r="128788" spans="14:14">
      <c r="N128788" s="10"/>
    </row>
    <row r="128789" spans="14:14">
      <c r="N128789" s="10"/>
    </row>
    <row r="128790" spans="14:14">
      <c r="N128790" s="10"/>
    </row>
    <row r="128791" spans="14:14">
      <c r="N128791" s="10"/>
    </row>
    <row r="128792" spans="14:14">
      <c r="N128792" s="10"/>
    </row>
    <row r="128793" spans="14:14">
      <c r="N128793" s="10"/>
    </row>
    <row r="128794" spans="14:14">
      <c r="N128794" s="10"/>
    </row>
    <row r="128795" spans="14:14">
      <c r="N128795" s="10"/>
    </row>
    <row r="128796" spans="14:14">
      <c r="N128796" s="10"/>
    </row>
    <row r="128797" spans="14:14">
      <c r="N128797" s="10"/>
    </row>
    <row r="128798" spans="14:14">
      <c r="N128798" s="10"/>
    </row>
    <row r="128799" spans="14:14">
      <c r="N128799" s="10"/>
    </row>
    <row r="128800" spans="14:14">
      <c r="N128800" s="10"/>
    </row>
    <row r="128801" spans="14:14">
      <c r="N128801" s="10"/>
    </row>
    <row r="128802" spans="14:14">
      <c r="N128802" s="10"/>
    </row>
    <row r="128803" spans="14:14">
      <c r="N128803" s="10"/>
    </row>
    <row r="128804" spans="14:14">
      <c r="N128804" s="10"/>
    </row>
    <row r="128805" spans="14:14">
      <c r="N128805" s="10"/>
    </row>
    <row r="128806" spans="14:14">
      <c r="N128806" s="10"/>
    </row>
    <row r="128807" spans="14:14">
      <c r="N128807" s="10"/>
    </row>
    <row r="128808" spans="14:14">
      <c r="N128808" s="10"/>
    </row>
    <row r="128809" spans="14:14">
      <c r="N128809" s="10"/>
    </row>
    <row r="128810" spans="14:14">
      <c r="N128810" s="10"/>
    </row>
    <row r="128811" spans="14:14">
      <c r="N128811" s="10"/>
    </row>
    <row r="128812" spans="14:14">
      <c r="N128812" s="10"/>
    </row>
    <row r="128813" spans="14:14">
      <c r="N128813" s="10"/>
    </row>
    <row r="128814" spans="14:14">
      <c r="N128814" s="10"/>
    </row>
    <row r="128815" spans="14:14">
      <c r="N128815" s="10"/>
    </row>
    <row r="128816" spans="14:14">
      <c r="N128816" s="10"/>
    </row>
    <row r="128817" spans="14:14">
      <c r="N128817" s="10"/>
    </row>
    <row r="128818" spans="14:14">
      <c r="N128818" s="10"/>
    </row>
    <row r="128819" spans="14:14">
      <c r="N128819" s="10"/>
    </row>
    <row r="128820" spans="14:14">
      <c r="N128820" s="10"/>
    </row>
    <row r="128821" spans="14:14">
      <c r="N128821" s="10"/>
    </row>
    <row r="128822" spans="14:14">
      <c r="N128822" s="10"/>
    </row>
    <row r="128823" spans="14:14">
      <c r="N128823" s="10"/>
    </row>
    <row r="128824" spans="14:14">
      <c r="N128824" s="10"/>
    </row>
    <row r="128825" spans="14:14">
      <c r="N128825" s="10"/>
    </row>
    <row r="128826" spans="14:14">
      <c r="N128826" s="10"/>
    </row>
    <row r="128827" spans="14:14">
      <c r="N128827" s="10"/>
    </row>
    <row r="128828" spans="14:14">
      <c r="N128828" s="10"/>
    </row>
    <row r="128829" spans="14:14">
      <c r="N128829" s="10"/>
    </row>
    <row r="128830" spans="14:14">
      <c r="N128830" s="10"/>
    </row>
    <row r="128831" spans="14:14">
      <c r="N128831" s="10"/>
    </row>
    <row r="128832" spans="14:14">
      <c r="N128832" s="10"/>
    </row>
    <row r="128833" spans="14:14">
      <c r="N128833" s="10"/>
    </row>
    <row r="128834" spans="14:14">
      <c r="N128834" s="10"/>
    </row>
    <row r="128835" spans="14:14">
      <c r="N128835" s="10"/>
    </row>
    <row r="128836" spans="14:14">
      <c r="N128836" s="10"/>
    </row>
    <row r="128837" spans="14:14">
      <c r="N128837" s="10"/>
    </row>
    <row r="128838" spans="14:14">
      <c r="N128838" s="10"/>
    </row>
    <row r="128839" spans="14:14">
      <c r="N128839" s="10"/>
    </row>
    <row r="128840" spans="14:14">
      <c r="N128840" s="10"/>
    </row>
    <row r="128841" spans="14:14">
      <c r="N128841" s="10"/>
    </row>
    <row r="128842" spans="14:14">
      <c r="N128842" s="10"/>
    </row>
    <row r="128843" spans="14:14">
      <c r="N128843" s="10"/>
    </row>
    <row r="128844" spans="14:14">
      <c r="N128844" s="10"/>
    </row>
    <row r="128845" spans="14:14">
      <c r="N128845" s="10"/>
    </row>
    <row r="128846" spans="14:14">
      <c r="N128846" s="10"/>
    </row>
    <row r="128847" spans="14:14">
      <c r="N128847" s="10"/>
    </row>
    <row r="128848" spans="14:14">
      <c r="N128848" s="10"/>
    </row>
    <row r="128849" spans="14:14">
      <c r="N128849" s="10"/>
    </row>
    <row r="128850" spans="14:14">
      <c r="N128850" s="10"/>
    </row>
    <row r="128851" spans="14:14">
      <c r="N128851" s="10"/>
    </row>
    <row r="128852" spans="14:14">
      <c r="N128852" s="10"/>
    </row>
    <row r="128853" spans="14:14">
      <c r="N128853" s="10"/>
    </row>
    <row r="128854" spans="14:14">
      <c r="N128854" s="10"/>
    </row>
    <row r="128855" spans="14:14">
      <c r="N128855" s="10"/>
    </row>
    <row r="128856" spans="14:14">
      <c r="N128856" s="10"/>
    </row>
    <row r="128857" spans="14:14">
      <c r="N128857" s="10"/>
    </row>
    <row r="128858" spans="14:14">
      <c r="N128858" s="10"/>
    </row>
    <row r="128859" spans="14:14">
      <c r="N128859" s="10"/>
    </row>
    <row r="128860" spans="14:14">
      <c r="N128860" s="10"/>
    </row>
    <row r="128861" spans="14:14">
      <c r="N128861" s="10"/>
    </row>
    <row r="128862" spans="14:14">
      <c r="N128862" s="10"/>
    </row>
    <row r="128863" spans="14:14">
      <c r="N128863" s="10"/>
    </row>
    <row r="128864" spans="14:14">
      <c r="N128864" s="10"/>
    </row>
    <row r="128865" spans="14:14">
      <c r="N128865" s="10"/>
    </row>
    <row r="128866" spans="14:14">
      <c r="N128866" s="10"/>
    </row>
    <row r="128867" spans="14:14">
      <c r="N128867" s="10"/>
    </row>
    <row r="128868" spans="14:14">
      <c r="N128868" s="10"/>
    </row>
    <row r="128869" spans="14:14">
      <c r="N128869" s="10"/>
    </row>
    <row r="128870" spans="14:14">
      <c r="N128870" s="10"/>
    </row>
    <row r="128871" spans="14:14">
      <c r="N128871" s="10"/>
    </row>
    <row r="128872" spans="14:14">
      <c r="N128872" s="10"/>
    </row>
    <row r="128873" spans="14:14">
      <c r="N128873" s="10"/>
    </row>
    <row r="128874" spans="14:14">
      <c r="N128874" s="10"/>
    </row>
    <row r="128875" spans="14:14">
      <c r="N128875" s="10"/>
    </row>
    <row r="128876" spans="14:14">
      <c r="N128876" s="10"/>
    </row>
    <row r="128877" spans="14:14">
      <c r="N128877" s="10"/>
    </row>
    <row r="128878" spans="14:14">
      <c r="N128878" s="10"/>
    </row>
    <row r="128879" spans="14:14">
      <c r="N128879" s="10"/>
    </row>
    <row r="128880" spans="14:14">
      <c r="N128880" s="10"/>
    </row>
    <row r="128881" spans="14:14">
      <c r="N128881" s="10"/>
    </row>
    <row r="128882" spans="14:14">
      <c r="N128882" s="10"/>
    </row>
    <row r="128883" spans="14:14">
      <c r="N128883" s="10"/>
    </row>
    <row r="128884" spans="14:14">
      <c r="N128884" s="10"/>
    </row>
    <row r="128885" spans="14:14">
      <c r="N128885" s="10"/>
    </row>
    <row r="128886" spans="14:14">
      <c r="N128886" s="10"/>
    </row>
    <row r="128887" spans="14:14">
      <c r="N128887" s="10"/>
    </row>
    <row r="128888" spans="14:14">
      <c r="N128888" s="10"/>
    </row>
    <row r="128889" spans="14:14">
      <c r="N128889" s="10"/>
    </row>
    <row r="128890" spans="14:14">
      <c r="N128890" s="10"/>
    </row>
    <row r="128891" spans="14:14">
      <c r="N128891" s="10"/>
    </row>
    <row r="128892" spans="14:14">
      <c r="N128892" s="10"/>
    </row>
    <row r="128893" spans="14:14">
      <c r="N128893" s="10"/>
    </row>
    <row r="128894" spans="14:14">
      <c r="N128894" s="10"/>
    </row>
    <row r="128895" spans="14:14">
      <c r="N128895" s="10"/>
    </row>
    <row r="128896" spans="14:14">
      <c r="N128896" s="10"/>
    </row>
    <row r="128897" spans="14:14">
      <c r="N128897" s="10"/>
    </row>
    <row r="128898" spans="14:14">
      <c r="N128898" s="10"/>
    </row>
    <row r="128899" spans="14:14">
      <c r="N128899" s="10"/>
    </row>
    <row r="128900" spans="14:14">
      <c r="N128900" s="10"/>
    </row>
    <row r="128901" spans="14:14">
      <c r="N128901" s="10"/>
    </row>
    <row r="128902" spans="14:14">
      <c r="N128902" s="10"/>
    </row>
    <row r="128903" spans="14:14">
      <c r="N128903" s="10"/>
    </row>
    <row r="128904" spans="14:14">
      <c r="N128904" s="10"/>
    </row>
    <row r="128905" spans="14:14">
      <c r="N128905" s="10"/>
    </row>
    <row r="128906" spans="14:14">
      <c r="N128906" s="10"/>
    </row>
    <row r="128907" spans="14:14">
      <c r="N128907" s="10"/>
    </row>
    <row r="128908" spans="14:14">
      <c r="N128908" s="10"/>
    </row>
    <row r="128909" spans="14:14">
      <c r="N128909" s="10"/>
    </row>
    <row r="128910" spans="14:14">
      <c r="N128910" s="10"/>
    </row>
    <row r="128911" spans="14:14">
      <c r="N128911" s="10"/>
    </row>
    <row r="128912" spans="14:14">
      <c r="N128912" s="10"/>
    </row>
    <row r="128913" spans="14:14">
      <c r="N128913" s="10"/>
    </row>
    <row r="128914" spans="14:14">
      <c r="N128914" s="10"/>
    </row>
    <row r="128915" spans="14:14">
      <c r="N128915" s="10"/>
    </row>
    <row r="128916" spans="14:14">
      <c r="N128916" s="10"/>
    </row>
    <row r="128917" spans="14:14">
      <c r="N128917" s="10"/>
    </row>
    <row r="128918" spans="14:14">
      <c r="N128918" s="10"/>
    </row>
    <row r="128919" spans="14:14">
      <c r="N128919" s="10"/>
    </row>
    <row r="128920" spans="14:14">
      <c r="N128920" s="10"/>
    </row>
    <row r="128921" spans="14:14">
      <c r="N128921" s="10"/>
    </row>
    <row r="128922" spans="14:14">
      <c r="N128922" s="10"/>
    </row>
    <row r="128923" spans="14:14">
      <c r="N128923" s="10"/>
    </row>
    <row r="128924" spans="14:14">
      <c r="N128924" s="10"/>
    </row>
    <row r="128925" spans="14:14">
      <c r="N128925" s="10"/>
    </row>
    <row r="128926" spans="14:14">
      <c r="N128926" s="10"/>
    </row>
    <row r="128927" spans="14:14">
      <c r="N128927" s="10"/>
    </row>
    <row r="128928" spans="14:14">
      <c r="N128928" s="10"/>
    </row>
    <row r="128929" spans="14:14">
      <c r="N128929" s="10"/>
    </row>
    <row r="128930" spans="14:14">
      <c r="N128930" s="10"/>
    </row>
    <row r="128931" spans="14:14">
      <c r="N128931" s="10"/>
    </row>
    <row r="128932" spans="14:14">
      <c r="N128932" s="10"/>
    </row>
    <row r="128933" spans="14:14">
      <c r="N128933" s="10"/>
    </row>
    <row r="128934" spans="14:14">
      <c r="N128934" s="10"/>
    </row>
    <row r="128935" spans="14:14">
      <c r="N128935" s="10"/>
    </row>
    <row r="128936" spans="14:14">
      <c r="N128936" s="10"/>
    </row>
    <row r="128937" spans="14:14">
      <c r="N128937" s="10"/>
    </row>
    <row r="128938" spans="14:14">
      <c r="N128938" s="10"/>
    </row>
    <row r="128939" spans="14:14">
      <c r="N128939" s="10"/>
    </row>
    <row r="128940" spans="14:14">
      <c r="N128940" s="10"/>
    </row>
    <row r="128941" spans="14:14">
      <c r="N128941" s="10"/>
    </row>
    <row r="128942" spans="14:14">
      <c r="N128942" s="10"/>
    </row>
    <row r="128943" spans="14:14">
      <c r="N128943" s="10"/>
    </row>
    <row r="128944" spans="14:14">
      <c r="N128944" s="10"/>
    </row>
    <row r="128945" spans="14:14">
      <c r="N128945" s="10"/>
    </row>
    <row r="128946" spans="14:14">
      <c r="N128946" s="10"/>
    </row>
    <row r="128947" spans="14:14">
      <c r="N128947" s="10"/>
    </row>
    <row r="128948" spans="14:14">
      <c r="N128948" s="10"/>
    </row>
    <row r="128949" spans="14:14">
      <c r="N128949" s="10"/>
    </row>
    <row r="128950" spans="14:14">
      <c r="N128950" s="10"/>
    </row>
    <row r="128951" spans="14:14">
      <c r="N128951" s="10"/>
    </row>
    <row r="128952" spans="14:14">
      <c r="N128952" s="10"/>
    </row>
    <row r="128953" spans="14:14">
      <c r="N128953" s="10"/>
    </row>
    <row r="128954" spans="14:14">
      <c r="N128954" s="10"/>
    </row>
    <row r="128955" spans="14:14">
      <c r="N128955" s="10"/>
    </row>
    <row r="128956" spans="14:14">
      <c r="N128956" s="10"/>
    </row>
    <row r="128957" spans="14:14">
      <c r="N128957" s="10"/>
    </row>
    <row r="128958" spans="14:14">
      <c r="N128958" s="10"/>
    </row>
    <row r="128959" spans="14:14">
      <c r="N128959" s="10"/>
    </row>
    <row r="128960" spans="14:14">
      <c r="N128960" s="10"/>
    </row>
    <row r="128961" spans="14:14">
      <c r="N128961" s="10"/>
    </row>
    <row r="128962" spans="14:14">
      <c r="N128962" s="10"/>
    </row>
    <row r="128963" spans="14:14">
      <c r="N128963" s="10"/>
    </row>
    <row r="128964" spans="14:14">
      <c r="N128964" s="10"/>
    </row>
    <row r="128965" spans="14:14">
      <c r="N128965" s="10"/>
    </row>
    <row r="128966" spans="14:14">
      <c r="N128966" s="10"/>
    </row>
    <row r="128967" spans="14:14">
      <c r="N128967" s="10"/>
    </row>
    <row r="128968" spans="14:14">
      <c r="N128968" s="10"/>
    </row>
    <row r="128969" spans="14:14">
      <c r="N128969" s="10"/>
    </row>
    <row r="128970" spans="14:14">
      <c r="N128970" s="10"/>
    </row>
    <row r="128971" spans="14:14">
      <c r="N128971" s="10"/>
    </row>
    <row r="128972" spans="14:14">
      <c r="N128972" s="10"/>
    </row>
    <row r="128973" spans="14:14">
      <c r="N128973" s="10"/>
    </row>
    <row r="128974" spans="14:14">
      <c r="N128974" s="10"/>
    </row>
    <row r="128975" spans="14:14">
      <c r="N128975" s="10"/>
    </row>
    <row r="128976" spans="14:14">
      <c r="N128976" s="10"/>
    </row>
    <row r="128977" spans="14:14">
      <c r="N128977" s="10"/>
    </row>
    <row r="128978" spans="14:14">
      <c r="N128978" s="10"/>
    </row>
    <row r="128979" spans="14:14">
      <c r="N128979" s="10"/>
    </row>
    <row r="128980" spans="14:14">
      <c r="N128980" s="10"/>
    </row>
    <row r="128981" spans="14:14">
      <c r="N128981" s="10"/>
    </row>
    <row r="128982" spans="14:14">
      <c r="N128982" s="10"/>
    </row>
    <row r="128983" spans="14:14">
      <c r="N128983" s="10"/>
    </row>
    <row r="128984" spans="14:14">
      <c r="N128984" s="10"/>
    </row>
    <row r="128985" spans="14:14">
      <c r="N128985" s="10"/>
    </row>
    <row r="128986" spans="14:14">
      <c r="N128986" s="10"/>
    </row>
    <row r="128987" spans="14:14">
      <c r="N128987" s="10"/>
    </row>
    <row r="128988" spans="14:14">
      <c r="N128988" s="10"/>
    </row>
    <row r="128989" spans="14:14">
      <c r="N128989" s="10"/>
    </row>
    <row r="128990" spans="14:14">
      <c r="N128990" s="10"/>
    </row>
    <row r="128991" spans="14:14">
      <c r="N128991" s="10"/>
    </row>
    <row r="128992" spans="14:14">
      <c r="N128992" s="10"/>
    </row>
    <row r="128993" spans="14:14">
      <c r="N128993" s="10"/>
    </row>
    <row r="128994" spans="14:14">
      <c r="N128994" s="10"/>
    </row>
    <row r="128995" spans="14:14">
      <c r="N128995" s="10"/>
    </row>
    <row r="128996" spans="14:14">
      <c r="N128996" s="10"/>
    </row>
    <row r="128997" spans="14:14">
      <c r="N128997" s="10"/>
    </row>
    <row r="128998" spans="14:14">
      <c r="N128998" s="10"/>
    </row>
    <row r="128999" spans="14:14">
      <c r="N128999" s="10"/>
    </row>
    <row r="129000" spans="14:14">
      <c r="N129000" s="10"/>
    </row>
    <row r="129001" spans="14:14">
      <c r="N129001" s="10"/>
    </row>
    <row r="129002" spans="14:14">
      <c r="N129002" s="10"/>
    </row>
    <row r="129003" spans="14:14">
      <c r="N129003" s="10"/>
    </row>
    <row r="129004" spans="14:14">
      <c r="N129004" s="10"/>
    </row>
    <row r="129005" spans="14:14">
      <c r="N129005" s="10"/>
    </row>
    <row r="129006" spans="14:14">
      <c r="N129006" s="10"/>
    </row>
    <row r="129007" spans="14:14">
      <c r="N129007" s="10"/>
    </row>
    <row r="129008" spans="14:14">
      <c r="N129008" s="10"/>
    </row>
    <row r="129009" spans="14:14">
      <c r="N129009" s="10"/>
    </row>
    <row r="129010" spans="14:14">
      <c r="N129010" s="10"/>
    </row>
    <row r="129011" spans="14:14">
      <c r="N129011" s="10"/>
    </row>
    <row r="129012" spans="14:14">
      <c r="N129012" s="10"/>
    </row>
    <row r="129013" spans="14:14">
      <c r="N129013" s="10"/>
    </row>
    <row r="129014" spans="14:14">
      <c r="N129014" s="10"/>
    </row>
    <row r="129015" spans="14:14">
      <c r="N129015" s="10"/>
    </row>
    <row r="129016" spans="14:14">
      <c r="N129016" s="10"/>
    </row>
    <row r="129017" spans="14:14">
      <c r="N129017" s="10"/>
    </row>
    <row r="129018" spans="14:14">
      <c r="N129018" s="10"/>
    </row>
    <row r="129019" spans="14:14">
      <c r="N129019" s="10"/>
    </row>
    <row r="129020" spans="14:14">
      <c r="N129020" s="10"/>
    </row>
    <row r="129021" spans="14:14">
      <c r="N129021" s="10"/>
    </row>
    <row r="129022" spans="14:14">
      <c r="N129022" s="10"/>
    </row>
    <row r="129023" spans="14:14">
      <c r="N129023" s="10"/>
    </row>
    <row r="129024" spans="14:14">
      <c r="N129024" s="10"/>
    </row>
    <row r="129025" spans="14:14">
      <c r="N129025" s="10"/>
    </row>
    <row r="129026" spans="14:14">
      <c r="N129026" s="10"/>
    </row>
    <row r="129027" spans="14:14">
      <c r="N129027" s="10"/>
    </row>
    <row r="129028" spans="14:14">
      <c r="N129028" s="10"/>
    </row>
    <row r="129029" spans="14:14">
      <c r="N129029" s="10"/>
    </row>
    <row r="129030" spans="14:14">
      <c r="N129030" s="10"/>
    </row>
    <row r="129031" spans="14:14">
      <c r="N129031" s="10"/>
    </row>
    <row r="129032" spans="14:14">
      <c r="N129032" s="10"/>
    </row>
    <row r="129033" spans="14:14">
      <c r="N129033" s="10"/>
    </row>
    <row r="129034" spans="14:14">
      <c r="N129034" s="10"/>
    </row>
    <row r="129035" spans="14:14">
      <c r="N129035" s="10"/>
    </row>
    <row r="129036" spans="14:14">
      <c r="N129036" s="10"/>
    </row>
    <row r="129037" spans="14:14">
      <c r="N129037" s="10"/>
    </row>
    <row r="129038" spans="14:14">
      <c r="N129038" s="10"/>
    </row>
    <row r="129039" spans="14:14">
      <c r="N129039" s="10"/>
    </row>
    <row r="129040" spans="14:14">
      <c r="N129040" s="10"/>
    </row>
    <row r="129041" spans="14:14">
      <c r="N129041" s="10"/>
    </row>
    <row r="129042" spans="14:14">
      <c r="N129042" s="10"/>
    </row>
    <row r="129043" spans="14:14">
      <c r="N129043" s="10"/>
    </row>
    <row r="129044" spans="14:14">
      <c r="N129044" s="10"/>
    </row>
    <row r="129045" spans="14:14">
      <c r="N129045" s="10"/>
    </row>
    <row r="129046" spans="14:14">
      <c r="N129046" s="10"/>
    </row>
    <row r="129047" spans="14:14">
      <c r="N129047" s="10"/>
    </row>
    <row r="129048" spans="14:14">
      <c r="N129048" s="10"/>
    </row>
    <row r="129049" spans="14:14">
      <c r="N129049" s="10"/>
    </row>
    <row r="129050" spans="14:14">
      <c r="N129050" s="10"/>
    </row>
    <row r="129051" spans="14:14">
      <c r="N129051" s="10"/>
    </row>
    <row r="129052" spans="14:14">
      <c r="N129052" s="10"/>
    </row>
    <row r="129053" spans="14:14">
      <c r="N129053" s="10"/>
    </row>
    <row r="129054" spans="14:14">
      <c r="N129054" s="10"/>
    </row>
    <row r="129055" spans="14:14">
      <c r="N129055" s="10"/>
    </row>
    <row r="129056" spans="14:14">
      <c r="N129056" s="10"/>
    </row>
    <row r="129057" spans="14:14">
      <c r="N129057" s="10"/>
    </row>
    <row r="129058" spans="14:14">
      <c r="N129058" s="10"/>
    </row>
    <row r="129059" spans="14:14">
      <c r="N129059" s="10"/>
    </row>
    <row r="129060" spans="14:14">
      <c r="N129060" s="10"/>
    </row>
    <row r="129061" spans="14:14">
      <c r="N129061" s="10"/>
    </row>
    <row r="129062" spans="14:14">
      <c r="N129062" s="10"/>
    </row>
    <row r="129063" spans="14:14">
      <c r="N129063" s="10"/>
    </row>
    <row r="129064" spans="14:14">
      <c r="N129064" s="10"/>
    </row>
    <row r="129065" spans="14:14">
      <c r="N129065" s="10"/>
    </row>
    <row r="129066" spans="14:14">
      <c r="N129066" s="10"/>
    </row>
    <row r="129067" spans="14:14">
      <c r="N129067" s="10"/>
    </row>
    <row r="129068" spans="14:14">
      <c r="N129068" s="10"/>
    </row>
    <row r="129069" spans="14:14">
      <c r="N129069" s="10"/>
    </row>
    <row r="129070" spans="14:14">
      <c r="N129070" s="10"/>
    </row>
    <row r="129071" spans="14:14">
      <c r="N129071" s="10"/>
    </row>
    <row r="129072" spans="14:14">
      <c r="N129072" s="10"/>
    </row>
    <row r="129073" spans="14:14">
      <c r="N129073" s="10"/>
    </row>
    <row r="129074" spans="14:14">
      <c r="N129074" s="10"/>
    </row>
    <row r="129075" spans="14:14">
      <c r="N129075" s="10"/>
    </row>
    <row r="129076" spans="14:14">
      <c r="N129076" s="10"/>
    </row>
    <row r="129077" spans="14:14">
      <c r="N129077" s="10"/>
    </row>
    <row r="129078" spans="14:14">
      <c r="N129078" s="10"/>
    </row>
    <row r="129079" spans="14:14">
      <c r="N129079" s="10"/>
    </row>
    <row r="129080" spans="14:14">
      <c r="N129080" s="10"/>
    </row>
    <row r="129081" spans="14:14">
      <c r="N129081" s="10"/>
    </row>
    <row r="129082" spans="14:14">
      <c r="N129082" s="10"/>
    </row>
    <row r="129083" spans="14:14">
      <c r="N129083" s="10"/>
    </row>
    <row r="129084" spans="14:14">
      <c r="N129084" s="10"/>
    </row>
    <row r="129085" spans="14:14">
      <c r="N129085" s="10"/>
    </row>
    <row r="129086" spans="14:14">
      <c r="N129086" s="10"/>
    </row>
    <row r="129087" spans="14:14">
      <c r="N129087" s="10"/>
    </row>
    <row r="129088" spans="14:14">
      <c r="N129088" s="10"/>
    </row>
    <row r="129089" spans="14:14">
      <c r="N129089" s="10"/>
    </row>
    <row r="129090" spans="14:14">
      <c r="N129090" s="10"/>
    </row>
    <row r="129091" spans="14:14">
      <c r="N129091" s="10"/>
    </row>
    <row r="129092" spans="14:14">
      <c r="N129092" s="10"/>
    </row>
    <row r="129093" spans="14:14">
      <c r="N129093" s="10"/>
    </row>
    <row r="129094" spans="14:14">
      <c r="N129094" s="10"/>
    </row>
    <row r="129095" spans="14:14">
      <c r="N129095" s="10"/>
    </row>
    <row r="129096" spans="14:14">
      <c r="N129096" s="10"/>
    </row>
    <row r="129097" spans="14:14">
      <c r="N129097" s="10"/>
    </row>
    <row r="129098" spans="14:14">
      <c r="N129098" s="10"/>
    </row>
    <row r="129099" spans="14:14">
      <c r="N129099" s="10"/>
    </row>
    <row r="129100" spans="14:14">
      <c r="N129100" s="10"/>
    </row>
    <row r="129101" spans="14:14">
      <c r="N129101" s="10"/>
    </row>
    <row r="129102" spans="14:14">
      <c r="N129102" s="10"/>
    </row>
    <row r="129103" spans="14:14">
      <c r="N129103" s="10"/>
    </row>
    <row r="129104" spans="14:14">
      <c r="N129104" s="10"/>
    </row>
    <row r="129105" spans="14:14">
      <c r="N129105" s="10"/>
    </row>
    <row r="129106" spans="14:14">
      <c r="N129106" s="10"/>
    </row>
    <row r="129107" spans="14:14">
      <c r="N129107" s="10"/>
    </row>
    <row r="129108" spans="14:14">
      <c r="N129108" s="10"/>
    </row>
    <row r="129109" spans="14:14">
      <c r="N129109" s="10"/>
    </row>
    <row r="129110" spans="14:14">
      <c r="N129110" s="10"/>
    </row>
    <row r="129111" spans="14:14">
      <c r="N129111" s="10"/>
    </row>
    <row r="129112" spans="14:14">
      <c r="N129112" s="10"/>
    </row>
    <row r="129113" spans="14:14">
      <c r="N129113" s="10"/>
    </row>
    <row r="129114" spans="14:14">
      <c r="N129114" s="10"/>
    </row>
    <row r="129115" spans="14:14">
      <c r="N129115" s="10"/>
    </row>
    <row r="129116" spans="14:14">
      <c r="N129116" s="10"/>
    </row>
    <row r="129117" spans="14:14">
      <c r="N129117" s="10"/>
    </row>
    <row r="129118" spans="14:14">
      <c r="N129118" s="10"/>
    </row>
    <row r="129119" spans="14:14">
      <c r="N129119" s="10"/>
    </row>
    <row r="129120" spans="14:14">
      <c r="N129120" s="10"/>
    </row>
    <row r="129121" spans="14:14">
      <c r="N129121" s="10"/>
    </row>
    <row r="129122" spans="14:14">
      <c r="N129122" s="10"/>
    </row>
    <row r="129123" spans="14:14">
      <c r="N129123" s="10"/>
    </row>
    <row r="129124" spans="14:14">
      <c r="N129124" s="10"/>
    </row>
    <row r="129125" spans="14:14">
      <c r="N129125" s="10"/>
    </row>
    <row r="129126" spans="14:14">
      <c r="N129126" s="10"/>
    </row>
    <row r="129127" spans="14:14">
      <c r="N129127" s="10"/>
    </row>
    <row r="129128" spans="14:14">
      <c r="N129128" s="10"/>
    </row>
    <row r="129129" spans="14:14">
      <c r="N129129" s="10"/>
    </row>
    <row r="129130" spans="14:14">
      <c r="N129130" s="10"/>
    </row>
    <row r="129131" spans="14:14">
      <c r="N129131" s="10"/>
    </row>
    <row r="129132" spans="14:14">
      <c r="N129132" s="10"/>
    </row>
    <row r="129133" spans="14:14">
      <c r="N129133" s="10"/>
    </row>
    <row r="129134" spans="14:14">
      <c r="N129134" s="10"/>
    </row>
    <row r="129135" spans="14:14">
      <c r="N129135" s="10"/>
    </row>
    <row r="129136" spans="14:14">
      <c r="N129136" s="10"/>
    </row>
    <row r="129137" spans="14:14">
      <c r="N129137" s="10"/>
    </row>
    <row r="129138" spans="14:14">
      <c r="N129138" s="10"/>
    </row>
    <row r="129139" spans="14:14">
      <c r="N129139" s="10"/>
    </row>
    <row r="129140" spans="14:14">
      <c r="N129140" s="10"/>
    </row>
    <row r="129141" spans="14:14">
      <c r="N129141" s="10"/>
    </row>
    <row r="129142" spans="14:14">
      <c r="N129142" s="10"/>
    </row>
    <row r="129143" spans="14:14">
      <c r="N129143" s="10"/>
    </row>
    <row r="129144" spans="14:14">
      <c r="N129144" s="10"/>
    </row>
    <row r="129145" spans="14:14">
      <c r="N129145" s="10"/>
    </row>
    <row r="129146" spans="14:14">
      <c r="N129146" s="10"/>
    </row>
    <row r="129147" spans="14:14">
      <c r="N129147" s="10"/>
    </row>
    <row r="129148" spans="14:14">
      <c r="N129148" s="10"/>
    </row>
    <row r="129149" spans="14:14">
      <c r="N129149" s="10"/>
    </row>
    <row r="129150" spans="14:14">
      <c r="N129150" s="10"/>
    </row>
    <row r="129151" spans="14:14">
      <c r="N129151" s="10"/>
    </row>
    <row r="129152" spans="14:14">
      <c r="N129152" s="10"/>
    </row>
    <row r="129153" spans="14:14">
      <c r="N129153" s="10"/>
    </row>
    <row r="129154" spans="14:14">
      <c r="N129154" s="10"/>
    </row>
    <row r="129155" spans="14:14">
      <c r="N129155" s="10"/>
    </row>
    <row r="129156" spans="14:14">
      <c r="N129156" s="10"/>
    </row>
    <row r="129157" spans="14:14">
      <c r="N129157" s="10"/>
    </row>
    <row r="129158" spans="14:14">
      <c r="N129158" s="10"/>
    </row>
    <row r="129159" spans="14:14">
      <c r="N129159" s="10"/>
    </row>
    <row r="129160" spans="14:14">
      <c r="N129160" s="10"/>
    </row>
    <row r="129161" spans="14:14">
      <c r="N129161" s="10"/>
    </row>
    <row r="129162" spans="14:14">
      <c r="N129162" s="10"/>
    </row>
    <row r="129163" spans="14:14">
      <c r="N129163" s="10"/>
    </row>
    <row r="129164" spans="14:14">
      <c r="N129164" s="10"/>
    </row>
    <row r="129165" spans="14:14">
      <c r="N129165" s="10"/>
    </row>
    <row r="129166" spans="14:14">
      <c r="N129166" s="10"/>
    </row>
    <row r="129167" spans="14:14">
      <c r="N129167" s="10"/>
    </row>
    <row r="129168" spans="14:14">
      <c r="N129168" s="10"/>
    </row>
    <row r="129169" spans="14:14">
      <c r="N129169" s="10"/>
    </row>
    <row r="129170" spans="14:14">
      <c r="N129170" s="10"/>
    </row>
    <row r="129171" spans="14:14">
      <c r="N129171" s="10"/>
    </row>
    <row r="129172" spans="14:14">
      <c r="N129172" s="10"/>
    </row>
    <row r="129173" spans="14:14">
      <c r="N129173" s="10"/>
    </row>
    <row r="129174" spans="14:14">
      <c r="N129174" s="10"/>
    </row>
    <row r="129175" spans="14:14">
      <c r="N129175" s="10"/>
    </row>
    <row r="129176" spans="14:14">
      <c r="N129176" s="10"/>
    </row>
    <row r="129177" spans="14:14">
      <c r="N129177" s="10"/>
    </row>
    <row r="129178" spans="14:14">
      <c r="N129178" s="10"/>
    </row>
    <row r="129179" spans="14:14">
      <c r="N129179" s="10"/>
    </row>
    <row r="129180" spans="14:14">
      <c r="N129180" s="10"/>
    </row>
    <row r="129181" spans="14:14">
      <c r="N129181" s="10"/>
    </row>
    <row r="129182" spans="14:14">
      <c r="N129182" s="10"/>
    </row>
    <row r="129183" spans="14:14">
      <c r="N129183" s="10"/>
    </row>
    <row r="129184" spans="14:14">
      <c r="N129184" s="10"/>
    </row>
    <row r="129185" spans="14:14">
      <c r="N129185" s="10"/>
    </row>
    <row r="129186" spans="14:14">
      <c r="N129186" s="10"/>
    </row>
    <row r="129187" spans="14:14">
      <c r="N129187" s="10"/>
    </row>
    <row r="129188" spans="14:14">
      <c r="N129188" s="10"/>
    </row>
    <row r="129189" spans="14:14">
      <c r="N129189" s="10"/>
    </row>
    <row r="129190" spans="14:14">
      <c r="N129190" s="10"/>
    </row>
    <row r="129191" spans="14:14">
      <c r="N129191" s="10"/>
    </row>
    <row r="129192" spans="14:14">
      <c r="N129192" s="10"/>
    </row>
    <row r="129193" spans="14:14">
      <c r="N129193" s="10"/>
    </row>
    <row r="129194" spans="14:14">
      <c r="N129194" s="10"/>
    </row>
    <row r="129195" spans="14:14">
      <c r="N129195" s="10"/>
    </row>
    <row r="129196" spans="14:14">
      <c r="N129196" s="10"/>
    </row>
    <row r="129197" spans="14:14">
      <c r="N129197" s="10"/>
    </row>
    <row r="129198" spans="14:14">
      <c r="N129198" s="10"/>
    </row>
    <row r="129199" spans="14:14">
      <c r="N129199" s="10"/>
    </row>
    <row r="129200" spans="14:14">
      <c r="N129200" s="10"/>
    </row>
    <row r="129201" spans="14:14">
      <c r="N129201" s="10"/>
    </row>
    <row r="129202" spans="14:14">
      <c r="N129202" s="10"/>
    </row>
    <row r="129203" spans="14:14">
      <c r="N129203" s="10"/>
    </row>
    <row r="129204" spans="14:14">
      <c r="N129204" s="10"/>
    </row>
    <row r="129205" spans="14:14">
      <c r="N129205" s="10"/>
    </row>
    <row r="129206" spans="14:14">
      <c r="N129206" s="10"/>
    </row>
    <row r="129207" spans="14:14">
      <c r="N129207" s="10"/>
    </row>
    <row r="129208" spans="14:14">
      <c r="N129208" s="10"/>
    </row>
    <row r="129209" spans="14:14">
      <c r="N129209" s="10"/>
    </row>
    <row r="129210" spans="14:14">
      <c r="N129210" s="10"/>
    </row>
    <row r="129211" spans="14:14">
      <c r="N129211" s="10"/>
    </row>
    <row r="129212" spans="14:14">
      <c r="N129212" s="10"/>
    </row>
    <row r="129213" spans="14:14">
      <c r="N129213" s="10"/>
    </row>
    <row r="129214" spans="14:14">
      <c r="N129214" s="10"/>
    </row>
    <row r="129215" spans="14:14">
      <c r="N129215" s="10"/>
    </row>
    <row r="129216" spans="14:14">
      <c r="N129216" s="10"/>
    </row>
    <row r="129217" spans="14:14">
      <c r="N129217" s="10"/>
    </row>
    <row r="129218" spans="14:14">
      <c r="N129218" s="10"/>
    </row>
    <row r="129219" spans="14:14">
      <c r="N129219" s="10"/>
    </row>
    <row r="129220" spans="14:14">
      <c r="N129220" s="10"/>
    </row>
    <row r="129221" spans="14:14">
      <c r="N129221" s="10"/>
    </row>
    <row r="129222" spans="14:14">
      <c r="N129222" s="10"/>
    </row>
    <row r="129223" spans="14:14">
      <c r="N129223" s="10"/>
    </row>
    <row r="129224" spans="14:14">
      <c r="N129224" s="10"/>
    </row>
    <row r="129225" spans="14:14">
      <c r="N129225" s="10"/>
    </row>
    <row r="129226" spans="14:14">
      <c r="N129226" s="10"/>
    </row>
    <row r="129227" spans="14:14">
      <c r="N129227" s="10"/>
    </row>
    <row r="129228" spans="14:14">
      <c r="N129228" s="10"/>
    </row>
    <row r="129229" spans="14:14">
      <c r="N129229" s="10"/>
    </row>
    <row r="129230" spans="14:14">
      <c r="N129230" s="10"/>
    </row>
    <row r="129231" spans="14:14">
      <c r="N129231" s="10"/>
    </row>
    <row r="129232" spans="14:14">
      <c r="N129232" s="10"/>
    </row>
    <row r="129233" spans="14:14">
      <c r="N129233" s="10"/>
    </row>
    <row r="129234" spans="14:14">
      <c r="N129234" s="10"/>
    </row>
    <row r="129235" spans="14:14">
      <c r="N129235" s="10"/>
    </row>
    <row r="129236" spans="14:14">
      <c r="N129236" s="10"/>
    </row>
    <row r="129237" spans="14:14">
      <c r="N129237" s="10"/>
    </row>
    <row r="129238" spans="14:14">
      <c r="N129238" s="10"/>
    </row>
    <row r="129239" spans="14:14">
      <c r="N129239" s="10"/>
    </row>
    <row r="129240" spans="14:14">
      <c r="N129240" s="10"/>
    </row>
    <row r="129241" spans="14:14">
      <c r="N129241" s="10"/>
    </row>
    <row r="129242" spans="14:14">
      <c r="N129242" s="10"/>
    </row>
    <row r="129243" spans="14:14">
      <c r="N129243" s="10"/>
    </row>
    <row r="129244" spans="14:14">
      <c r="N129244" s="10"/>
    </row>
    <row r="129245" spans="14:14">
      <c r="N129245" s="10"/>
    </row>
    <row r="129246" spans="14:14">
      <c r="N129246" s="10"/>
    </row>
    <row r="129247" spans="14:14">
      <c r="N129247" s="10"/>
    </row>
    <row r="129248" spans="14:14">
      <c r="N129248" s="10"/>
    </row>
    <row r="129249" spans="14:14">
      <c r="N129249" s="10"/>
    </row>
    <row r="129250" spans="14:14">
      <c r="N129250" s="10"/>
    </row>
    <row r="129251" spans="14:14">
      <c r="N129251" s="10"/>
    </row>
    <row r="129252" spans="14:14">
      <c r="N129252" s="10"/>
    </row>
    <row r="129253" spans="14:14">
      <c r="N129253" s="10"/>
    </row>
    <row r="129254" spans="14:14">
      <c r="N129254" s="10"/>
    </row>
    <row r="129255" spans="14:14">
      <c r="N129255" s="10"/>
    </row>
    <row r="129256" spans="14:14">
      <c r="N129256" s="10"/>
    </row>
    <row r="129257" spans="14:14">
      <c r="N129257" s="10"/>
    </row>
    <row r="129258" spans="14:14">
      <c r="N129258" s="10"/>
    </row>
    <row r="129259" spans="14:14">
      <c r="N129259" s="10"/>
    </row>
    <row r="129260" spans="14:14">
      <c r="N129260" s="10"/>
    </row>
    <row r="129261" spans="14:14">
      <c r="N129261" s="10"/>
    </row>
    <row r="129262" spans="14:14">
      <c r="N129262" s="10"/>
    </row>
    <row r="129263" spans="14:14">
      <c r="N129263" s="10"/>
    </row>
    <row r="129264" spans="14:14">
      <c r="N129264" s="10"/>
    </row>
    <row r="129265" spans="14:14">
      <c r="N129265" s="10"/>
    </row>
    <row r="129266" spans="14:14">
      <c r="N129266" s="10"/>
    </row>
    <row r="129267" spans="14:14">
      <c r="N129267" s="10"/>
    </row>
    <row r="129268" spans="14:14">
      <c r="N129268" s="10"/>
    </row>
    <row r="129269" spans="14:14">
      <c r="N129269" s="10"/>
    </row>
    <row r="129270" spans="14:14">
      <c r="N129270" s="10"/>
    </row>
    <row r="129271" spans="14:14">
      <c r="N129271" s="10"/>
    </row>
    <row r="129272" spans="14:14">
      <c r="N129272" s="10"/>
    </row>
    <row r="129273" spans="14:14">
      <c r="N129273" s="10"/>
    </row>
    <row r="129274" spans="14:14">
      <c r="N129274" s="10"/>
    </row>
    <row r="129275" spans="14:14">
      <c r="N129275" s="10"/>
    </row>
    <row r="129276" spans="14:14">
      <c r="N129276" s="10"/>
    </row>
    <row r="129277" spans="14:14">
      <c r="N129277" s="10"/>
    </row>
    <row r="129278" spans="14:14">
      <c r="N129278" s="10"/>
    </row>
    <row r="129279" spans="14:14">
      <c r="N129279" s="10"/>
    </row>
    <row r="129280" spans="14:14">
      <c r="N129280" s="10"/>
    </row>
    <row r="129281" spans="14:14">
      <c r="N129281" s="10"/>
    </row>
    <row r="129282" spans="14:14">
      <c r="N129282" s="10"/>
    </row>
    <row r="129283" spans="14:14">
      <c r="N129283" s="10"/>
    </row>
    <row r="129284" spans="14:14">
      <c r="N129284" s="10"/>
    </row>
    <row r="129285" spans="14:14">
      <c r="N129285" s="10"/>
    </row>
    <row r="129286" spans="14:14">
      <c r="N129286" s="10"/>
    </row>
    <row r="129287" spans="14:14">
      <c r="N129287" s="10"/>
    </row>
    <row r="129288" spans="14:14">
      <c r="N129288" s="10"/>
    </row>
    <row r="129289" spans="14:14">
      <c r="N129289" s="10"/>
    </row>
    <row r="129290" spans="14:14">
      <c r="N129290" s="10"/>
    </row>
    <row r="129291" spans="14:14">
      <c r="N129291" s="10"/>
    </row>
    <row r="129292" spans="14:14">
      <c r="N129292" s="10"/>
    </row>
    <row r="129293" spans="14:14">
      <c r="N129293" s="10"/>
    </row>
    <row r="129294" spans="14:14">
      <c r="N129294" s="10"/>
    </row>
    <row r="129295" spans="14:14">
      <c r="N129295" s="10"/>
    </row>
    <row r="129296" spans="14:14">
      <c r="N129296" s="10"/>
    </row>
    <row r="129297" spans="14:14">
      <c r="N129297" s="10"/>
    </row>
    <row r="129298" spans="14:14">
      <c r="N129298" s="10"/>
    </row>
    <row r="129299" spans="14:14">
      <c r="N129299" s="10"/>
    </row>
    <row r="129300" spans="14:14">
      <c r="N129300" s="10"/>
    </row>
    <row r="129301" spans="14:14">
      <c r="N129301" s="10"/>
    </row>
    <row r="129302" spans="14:14">
      <c r="N129302" s="10"/>
    </row>
    <row r="129303" spans="14:14">
      <c r="N129303" s="10"/>
    </row>
    <row r="129304" spans="14:14">
      <c r="N129304" s="10"/>
    </row>
    <row r="129305" spans="14:14">
      <c r="N129305" s="10"/>
    </row>
    <row r="129306" spans="14:14">
      <c r="N129306" s="10"/>
    </row>
    <row r="129307" spans="14:14">
      <c r="N129307" s="10"/>
    </row>
    <row r="129308" spans="14:14">
      <c r="N129308" s="10"/>
    </row>
    <row r="129309" spans="14:14">
      <c r="N129309" s="10"/>
    </row>
    <row r="129310" spans="14:14">
      <c r="N129310" s="10"/>
    </row>
    <row r="129311" spans="14:14">
      <c r="N129311" s="10"/>
    </row>
    <row r="129312" spans="14:14">
      <c r="N129312" s="10"/>
    </row>
    <row r="129313" spans="14:14">
      <c r="N129313" s="10"/>
    </row>
    <row r="129314" spans="14:14">
      <c r="N129314" s="10"/>
    </row>
    <row r="129315" spans="14:14">
      <c r="N129315" s="10"/>
    </row>
    <row r="129316" spans="14:14">
      <c r="N129316" s="10"/>
    </row>
    <row r="129317" spans="14:14">
      <c r="N129317" s="10"/>
    </row>
    <row r="129318" spans="14:14">
      <c r="N129318" s="10"/>
    </row>
    <row r="129319" spans="14:14">
      <c r="N129319" s="10"/>
    </row>
    <row r="129320" spans="14:14">
      <c r="N129320" s="10"/>
    </row>
    <row r="129321" spans="14:14">
      <c r="N129321" s="10"/>
    </row>
    <row r="129322" spans="14:14">
      <c r="N129322" s="10"/>
    </row>
    <row r="129323" spans="14:14">
      <c r="N129323" s="10"/>
    </row>
    <row r="129324" spans="14:14">
      <c r="N129324" s="10"/>
    </row>
    <row r="129325" spans="14:14">
      <c r="N129325" s="10"/>
    </row>
    <row r="129326" spans="14:14">
      <c r="N129326" s="10"/>
    </row>
    <row r="129327" spans="14:14">
      <c r="N129327" s="10"/>
    </row>
    <row r="129328" spans="14:14">
      <c r="N129328" s="10"/>
    </row>
    <row r="129329" spans="14:14">
      <c r="N129329" s="10"/>
    </row>
    <row r="129330" spans="14:14">
      <c r="N129330" s="10"/>
    </row>
    <row r="129331" spans="14:14">
      <c r="N129331" s="10"/>
    </row>
    <row r="129332" spans="14:14">
      <c r="N129332" s="10"/>
    </row>
    <row r="129333" spans="14:14">
      <c r="N129333" s="10"/>
    </row>
    <row r="129334" spans="14:14">
      <c r="N129334" s="10"/>
    </row>
    <row r="129335" spans="14:14">
      <c r="N129335" s="10"/>
    </row>
    <row r="129336" spans="14:14">
      <c r="N129336" s="10"/>
    </row>
    <row r="129337" spans="14:14">
      <c r="N129337" s="10"/>
    </row>
    <row r="129338" spans="14:14">
      <c r="N129338" s="10"/>
    </row>
    <row r="129339" spans="14:14">
      <c r="N129339" s="10"/>
    </row>
    <row r="129340" spans="14:14">
      <c r="N129340" s="10"/>
    </row>
    <row r="129341" spans="14:14">
      <c r="N129341" s="10"/>
    </row>
    <row r="129342" spans="14:14">
      <c r="N129342" s="10"/>
    </row>
    <row r="129343" spans="14:14">
      <c r="N129343" s="10"/>
    </row>
    <row r="129344" spans="14:14">
      <c r="N129344" s="10"/>
    </row>
    <row r="129345" spans="14:14">
      <c r="N129345" s="10"/>
    </row>
    <row r="129346" spans="14:14">
      <c r="N129346" s="10"/>
    </row>
    <row r="129347" spans="14:14">
      <c r="N129347" s="10"/>
    </row>
    <row r="129348" spans="14:14">
      <c r="N129348" s="10"/>
    </row>
    <row r="129349" spans="14:14">
      <c r="N129349" s="10"/>
    </row>
    <row r="129350" spans="14:14">
      <c r="N129350" s="10"/>
    </row>
    <row r="129351" spans="14:14">
      <c r="N129351" s="10"/>
    </row>
    <row r="129352" spans="14:14">
      <c r="N129352" s="10"/>
    </row>
    <row r="129353" spans="14:14">
      <c r="N129353" s="10"/>
    </row>
    <row r="129354" spans="14:14">
      <c r="N129354" s="10"/>
    </row>
    <row r="129355" spans="14:14">
      <c r="N129355" s="10"/>
    </row>
    <row r="129356" spans="14:14">
      <c r="N129356" s="10"/>
    </row>
    <row r="129357" spans="14:14">
      <c r="N129357" s="10"/>
    </row>
    <row r="129358" spans="14:14">
      <c r="N129358" s="10"/>
    </row>
    <row r="129359" spans="14:14">
      <c r="N129359" s="10"/>
    </row>
    <row r="129360" spans="14:14">
      <c r="N129360" s="10"/>
    </row>
    <row r="129361" spans="14:14">
      <c r="N129361" s="10"/>
    </row>
    <row r="129362" spans="14:14">
      <c r="N129362" s="10"/>
    </row>
    <row r="129363" spans="14:14">
      <c r="N129363" s="10"/>
    </row>
    <row r="129364" spans="14:14">
      <c r="N129364" s="10"/>
    </row>
    <row r="129365" spans="14:14">
      <c r="N129365" s="10"/>
    </row>
    <row r="129366" spans="14:14">
      <c r="N129366" s="10"/>
    </row>
    <row r="129367" spans="14:14">
      <c r="N129367" s="10"/>
    </row>
    <row r="129368" spans="14:14">
      <c r="N129368" s="10"/>
    </row>
    <row r="129369" spans="14:14">
      <c r="N129369" s="10"/>
    </row>
    <row r="129370" spans="14:14">
      <c r="N129370" s="10"/>
    </row>
    <row r="129371" spans="14:14">
      <c r="N129371" s="10"/>
    </row>
    <row r="129372" spans="14:14">
      <c r="N129372" s="10"/>
    </row>
    <row r="129373" spans="14:14">
      <c r="N129373" s="10"/>
    </row>
    <row r="129374" spans="14:14">
      <c r="N129374" s="10"/>
    </row>
    <row r="129375" spans="14:14">
      <c r="N129375" s="10"/>
    </row>
    <row r="129376" spans="14:14">
      <c r="N129376" s="10"/>
    </row>
    <row r="129377" spans="14:14">
      <c r="N129377" s="10"/>
    </row>
    <row r="129378" spans="14:14">
      <c r="N129378" s="10"/>
    </row>
    <row r="129379" spans="14:14">
      <c r="N129379" s="10"/>
    </row>
    <row r="129380" spans="14:14">
      <c r="N129380" s="10"/>
    </row>
    <row r="129381" spans="14:14">
      <c r="N129381" s="10"/>
    </row>
    <row r="129382" spans="14:14">
      <c r="N129382" s="10"/>
    </row>
    <row r="129383" spans="14:14">
      <c r="N129383" s="10"/>
    </row>
    <row r="129384" spans="14:14">
      <c r="N129384" s="10"/>
    </row>
    <row r="129385" spans="14:14">
      <c r="N129385" s="10"/>
    </row>
    <row r="129386" spans="14:14">
      <c r="N129386" s="10"/>
    </row>
    <row r="129387" spans="14:14">
      <c r="N129387" s="10"/>
    </row>
    <row r="129388" spans="14:14">
      <c r="N129388" s="10"/>
    </row>
    <row r="129389" spans="14:14">
      <c r="N129389" s="10"/>
    </row>
    <row r="129390" spans="14:14">
      <c r="N129390" s="10"/>
    </row>
    <row r="129391" spans="14:14">
      <c r="N129391" s="10"/>
    </row>
    <row r="129392" spans="14:14">
      <c r="N129392" s="10"/>
    </row>
    <row r="129393" spans="14:14">
      <c r="N129393" s="10"/>
    </row>
    <row r="129394" spans="14:14">
      <c r="N129394" s="10"/>
    </row>
    <row r="129395" spans="14:14">
      <c r="N129395" s="10"/>
    </row>
    <row r="129396" spans="14:14">
      <c r="N129396" s="10"/>
    </row>
    <row r="129397" spans="14:14">
      <c r="N129397" s="10"/>
    </row>
    <row r="129398" spans="14:14">
      <c r="N129398" s="10"/>
    </row>
    <row r="129399" spans="14:14">
      <c r="N129399" s="10"/>
    </row>
    <row r="129400" spans="14:14">
      <c r="N129400" s="10"/>
    </row>
    <row r="129401" spans="14:14">
      <c r="N129401" s="10"/>
    </row>
    <row r="129402" spans="14:14">
      <c r="N129402" s="10"/>
    </row>
    <row r="129403" spans="14:14">
      <c r="N129403" s="10"/>
    </row>
    <row r="129404" spans="14:14">
      <c r="N129404" s="10"/>
    </row>
    <row r="129405" spans="14:14">
      <c r="N129405" s="10"/>
    </row>
    <row r="129406" spans="14:14">
      <c r="N129406" s="10"/>
    </row>
    <row r="129407" spans="14:14">
      <c r="N129407" s="10"/>
    </row>
    <row r="129408" spans="14:14">
      <c r="N129408" s="10"/>
    </row>
    <row r="129409" spans="14:14">
      <c r="N129409" s="10"/>
    </row>
    <row r="129410" spans="14:14">
      <c r="N129410" s="10"/>
    </row>
    <row r="129411" spans="14:14">
      <c r="N129411" s="10"/>
    </row>
    <row r="129412" spans="14:14">
      <c r="N129412" s="10"/>
    </row>
    <row r="129413" spans="14:14">
      <c r="N129413" s="10"/>
    </row>
    <row r="129414" spans="14:14">
      <c r="N129414" s="10"/>
    </row>
    <row r="129415" spans="14:14">
      <c r="N129415" s="10"/>
    </row>
    <row r="129416" spans="14:14">
      <c r="N129416" s="10"/>
    </row>
    <row r="129417" spans="14:14">
      <c r="N129417" s="10"/>
    </row>
    <row r="129418" spans="14:14">
      <c r="N129418" s="10"/>
    </row>
    <row r="129419" spans="14:14">
      <c r="N129419" s="10"/>
    </row>
    <row r="129420" spans="14:14">
      <c r="N129420" s="10"/>
    </row>
    <row r="129421" spans="14:14">
      <c r="N129421" s="10"/>
    </row>
    <row r="129422" spans="14:14">
      <c r="N129422" s="10"/>
    </row>
    <row r="129423" spans="14:14">
      <c r="N129423" s="10"/>
    </row>
    <row r="129424" spans="14:14">
      <c r="N129424" s="10"/>
    </row>
    <row r="129425" spans="14:14">
      <c r="N129425" s="10"/>
    </row>
    <row r="129426" spans="14:14">
      <c r="N129426" s="10"/>
    </row>
    <row r="129427" spans="14:14">
      <c r="N129427" s="10"/>
    </row>
    <row r="129428" spans="14:14">
      <c r="N129428" s="10"/>
    </row>
    <row r="129429" spans="14:14">
      <c r="N129429" s="10"/>
    </row>
    <row r="129430" spans="14:14">
      <c r="N129430" s="10"/>
    </row>
    <row r="129431" spans="14:14">
      <c r="N129431" s="10"/>
    </row>
    <row r="129432" spans="14:14">
      <c r="N129432" s="10"/>
    </row>
    <row r="129433" spans="14:14">
      <c r="N129433" s="10"/>
    </row>
    <row r="129434" spans="14:14">
      <c r="N129434" s="10"/>
    </row>
    <row r="129435" spans="14:14">
      <c r="N129435" s="10"/>
    </row>
    <row r="129436" spans="14:14">
      <c r="N129436" s="10"/>
    </row>
    <row r="129437" spans="14:14">
      <c r="N129437" s="10"/>
    </row>
    <row r="129438" spans="14:14">
      <c r="N129438" s="10"/>
    </row>
    <row r="129439" spans="14:14">
      <c r="N129439" s="10"/>
    </row>
    <row r="129440" spans="14:14">
      <c r="N129440" s="10"/>
    </row>
    <row r="129441" spans="14:14">
      <c r="N129441" s="10"/>
    </row>
    <row r="129442" spans="14:14">
      <c r="N129442" s="10"/>
    </row>
    <row r="129443" spans="14:14">
      <c r="N129443" s="10"/>
    </row>
    <row r="129444" spans="14:14">
      <c r="N129444" s="10"/>
    </row>
    <row r="129445" spans="14:14">
      <c r="N129445" s="10"/>
    </row>
    <row r="129446" spans="14:14">
      <c r="N129446" s="10"/>
    </row>
    <row r="129447" spans="14:14">
      <c r="N129447" s="10"/>
    </row>
    <row r="129448" spans="14:14">
      <c r="N129448" s="10"/>
    </row>
    <row r="129449" spans="14:14">
      <c r="N129449" s="10"/>
    </row>
    <row r="129450" spans="14:14">
      <c r="N129450" s="10"/>
    </row>
    <row r="129451" spans="14:14">
      <c r="N129451" s="10"/>
    </row>
    <row r="129452" spans="14:14">
      <c r="N129452" s="10"/>
    </row>
    <row r="129453" spans="14:14">
      <c r="N129453" s="10"/>
    </row>
    <row r="129454" spans="14:14">
      <c r="N129454" s="10"/>
    </row>
    <row r="129455" spans="14:14">
      <c r="N129455" s="10"/>
    </row>
    <row r="129456" spans="14:14">
      <c r="N129456" s="10"/>
    </row>
    <row r="129457" spans="14:14">
      <c r="N129457" s="10"/>
    </row>
    <row r="129458" spans="14:14">
      <c r="N129458" s="10"/>
    </row>
    <row r="129459" spans="14:14">
      <c r="N129459" s="10"/>
    </row>
    <row r="129460" spans="14:14">
      <c r="N129460" s="10"/>
    </row>
    <row r="129461" spans="14:14">
      <c r="N129461" s="10"/>
    </row>
    <row r="129462" spans="14:14">
      <c r="N129462" s="10"/>
    </row>
    <row r="129463" spans="14:14">
      <c r="N129463" s="10"/>
    </row>
    <row r="129464" spans="14:14">
      <c r="N129464" s="10"/>
    </row>
    <row r="129465" spans="14:14">
      <c r="N129465" s="10"/>
    </row>
    <row r="129466" spans="14:14">
      <c r="N129466" s="10"/>
    </row>
    <row r="129467" spans="14:14">
      <c r="N129467" s="10"/>
    </row>
    <row r="129468" spans="14:14">
      <c r="N129468" s="10"/>
    </row>
    <row r="129469" spans="14:14">
      <c r="N129469" s="10"/>
    </row>
    <row r="129470" spans="14:14">
      <c r="N129470" s="10"/>
    </row>
    <row r="129471" spans="14:14">
      <c r="N129471" s="10"/>
    </row>
    <row r="129472" spans="14:14">
      <c r="N129472" s="10"/>
    </row>
    <row r="129473" spans="14:14">
      <c r="N129473" s="10"/>
    </row>
    <row r="129474" spans="14:14">
      <c r="N129474" s="10"/>
    </row>
    <row r="129475" spans="14:14">
      <c r="N129475" s="10"/>
    </row>
    <row r="129476" spans="14:14">
      <c r="N129476" s="10"/>
    </row>
    <row r="129477" spans="14:14">
      <c r="N129477" s="10"/>
    </row>
    <row r="129478" spans="14:14">
      <c r="N129478" s="10"/>
    </row>
    <row r="129479" spans="14:14">
      <c r="N129479" s="10"/>
    </row>
    <row r="129480" spans="14:14">
      <c r="N129480" s="10"/>
    </row>
    <row r="129481" spans="14:14">
      <c r="N129481" s="10"/>
    </row>
    <row r="129482" spans="14:14">
      <c r="N129482" s="10"/>
    </row>
    <row r="129483" spans="14:14">
      <c r="N129483" s="10"/>
    </row>
    <row r="129484" spans="14:14">
      <c r="N129484" s="10"/>
    </row>
    <row r="129485" spans="14:14">
      <c r="N129485" s="10"/>
    </row>
    <row r="129486" spans="14:14">
      <c r="N129486" s="10"/>
    </row>
    <row r="129487" spans="14:14">
      <c r="N129487" s="10"/>
    </row>
    <row r="129488" spans="14:14">
      <c r="N129488" s="10"/>
    </row>
    <row r="129489" spans="14:14">
      <c r="N129489" s="10"/>
    </row>
    <row r="129490" spans="14:14">
      <c r="N129490" s="10"/>
    </row>
    <row r="129491" spans="14:14">
      <c r="N129491" s="10"/>
    </row>
    <row r="129492" spans="14:14">
      <c r="N129492" s="10"/>
    </row>
    <row r="129493" spans="14:14">
      <c r="N129493" s="10"/>
    </row>
    <row r="129494" spans="14:14">
      <c r="N129494" s="10"/>
    </row>
    <row r="129495" spans="14:14">
      <c r="N129495" s="10"/>
    </row>
    <row r="129496" spans="14:14">
      <c r="N129496" s="10"/>
    </row>
    <row r="129497" spans="14:14">
      <c r="N129497" s="10"/>
    </row>
    <row r="129498" spans="14:14">
      <c r="N129498" s="10"/>
    </row>
    <row r="129499" spans="14:14">
      <c r="N129499" s="10"/>
    </row>
    <row r="129500" spans="14:14">
      <c r="N129500" s="10"/>
    </row>
    <row r="129501" spans="14:14">
      <c r="N129501" s="10"/>
    </row>
    <row r="129502" spans="14:14">
      <c r="N129502" s="10"/>
    </row>
    <row r="129503" spans="14:14">
      <c r="N129503" s="10"/>
    </row>
    <row r="129504" spans="14:14">
      <c r="N129504" s="10"/>
    </row>
    <row r="129505" spans="14:14">
      <c r="N129505" s="10"/>
    </row>
    <row r="129506" spans="14:14">
      <c r="N129506" s="10"/>
    </row>
    <row r="129507" spans="14:14">
      <c r="N129507" s="10"/>
    </row>
    <row r="129508" spans="14:14">
      <c r="N129508" s="10"/>
    </row>
    <row r="129509" spans="14:14">
      <c r="N129509" s="10"/>
    </row>
    <row r="129510" spans="14:14">
      <c r="N129510" s="10"/>
    </row>
    <row r="129511" spans="14:14">
      <c r="N129511" s="10"/>
    </row>
    <row r="129512" spans="14:14">
      <c r="N129512" s="10"/>
    </row>
    <row r="129513" spans="14:14">
      <c r="N129513" s="10"/>
    </row>
    <row r="129514" spans="14:14">
      <c r="N129514" s="10"/>
    </row>
    <row r="129515" spans="14:14">
      <c r="N129515" s="10"/>
    </row>
    <row r="129516" spans="14:14">
      <c r="N129516" s="10"/>
    </row>
    <row r="129517" spans="14:14">
      <c r="N129517" s="10"/>
    </row>
    <row r="129518" spans="14:14">
      <c r="N129518" s="10"/>
    </row>
    <row r="129519" spans="14:14">
      <c r="N129519" s="10"/>
    </row>
    <row r="129520" spans="14:14">
      <c r="N129520" s="10"/>
    </row>
    <row r="129521" spans="14:14">
      <c r="N129521" s="10"/>
    </row>
    <row r="129522" spans="14:14">
      <c r="N129522" s="10"/>
    </row>
    <row r="129523" spans="14:14">
      <c r="N129523" s="10"/>
    </row>
    <row r="129524" spans="14:14">
      <c r="N129524" s="10"/>
    </row>
    <row r="129525" spans="14:14">
      <c r="N129525" s="10"/>
    </row>
    <row r="129526" spans="14:14">
      <c r="N129526" s="10"/>
    </row>
    <row r="129527" spans="14:14">
      <c r="N129527" s="10"/>
    </row>
    <row r="129528" spans="14:14">
      <c r="N129528" s="10"/>
    </row>
    <row r="129529" spans="14:14">
      <c r="N129529" s="10"/>
    </row>
    <row r="129530" spans="14:14">
      <c r="N129530" s="10"/>
    </row>
    <row r="129531" spans="14:14">
      <c r="N129531" s="10"/>
    </row>
    <row r="129532" spans="14:14">
      <c r="N129532" s="10"/>
    </row>
    <row r="129533" spans="14:14">
      <c r="N129533" s="10"/>
    </row>
    <row r="129534" spans="14:14">
      <c r="N129534" s="10"/>
    </row>
    <row r="129535" spans="14:14">
      <c r="N129535" s="10"/>
    </row>
    <row r="129536" spans="14:14">
      <c r="N129536" s="10"/>
    </row>
    <row r="129537" spans="14:14">
      <c r="N129537" s="10"/>
    </row>
    <row r="129538" spans="14:14">
      <c r="N129538" s="10"/>
    </row>
    <row r="129539" spans="14:14">
      <c r="N129539" s="10"/>
    </row>
    <row r="129540" spans="14:14">
      <c r="N129540" s="10"/>
    </row>
    <row r="129541" spans="14:14">
      <c r="N129541" s="10"/>
    </row>
    <row r="129542" spans="14:14">
      <c r="N129542" s="10"/>
    </row>
    <row r="129543" spans="14:14">
      <c r="N129543" s="10"/>
    </row>
    <row r="129544" spans="14:14">
      <c r="N129544" s="10"/>
    </row>
    <row r="129545" spans="14:14">
      <c r="N129545" s="10"/>
    </row>
    <row r="129546" spans="14:14">
      <c r="N129546" s="10"/>
    </row>
    <row r="129547" spans="14:14">
      <c r="N129547" s="10"/>
    </row>
    <row r="129548" spans="14:14">
      <c r="N129548" s="10"/>
    </row>
    <row r="129549" spans="14:14">
      <c r="N129549" s="10"/>
    </row>
    <row r="129550" spans="14:14">
      <c r="N129550" s="10"/>
    </row>
    <row r="129551" spans="14:14">
      <c r="N129551" s="10"/>
    </row>
    <row r="129552" spans="14:14">
      <c r="N129552" s="10"/>
    </row>
    <row r="129553" spans="14:14">
      <c r="N129553" s="10"/>
    </row>
    <row r="129554" spans="14:14">
      <c r="N129554" s="10"/>
    </row>
    <row r="129555" spans="14:14">
      <c r="N129555" s="10"/>
    </row>
    <row r="129556" spans="14:14">
      <c r="N129556" s="10"/>
    </row>
    <row r="129557" spans="14:14">
      <c r="N129557" s="10"/>
    </row>
    <row r="129558" spans="14:14">
      <c r="N129558" s="10"/>
    </row>
    <row r="129559" spans="14:14">
      <c r="N129559" s="10"/>
    </row>
    <row r="129560" spans="14:14">
      <c r="N129560" s="10"/>
    </row>
    <row r="129561" spans="14:14">
      <c r="N129561" s="10"/>
    </row>
    <row r="129562" spans="14:14">
      <c r="N129562" s="10"/>
    </row>
    <row r="129563" spans="14:14">
      <c r="N129563" s="10"/>
    </row>
    <row r="129564" spans="14:14">
      <c r="N129564" s="10"/>
    </row>
    <row r="129565" spans="14:14">
      <c r="N129565" s="10"/>
    </row>
    <row r="129566" spans="14:14">
      <c r="N129566" s="10"/>
    </row>
    <row r="129567" spans="14:14">
      <c r="N129567" s="10"/>
    </row>
    <row r="129568" spans="14:14">
      <c r="N129568" s="10"/>
    </row>
    <row r="129569" spans="14:14">
      <c r="N129569" s="10"/>
    </row>
    <row r="129570" spans="14:14">
      <c r="N129570" s="10"/>
    </row>
    <row r="129571" spans="14:14">
      <c r="N129571" s="10"/>
    </row>
    <row r="129572" spans="14:14">
      <c r="N129572" s="10"/>
    </row>
    <row r="129573" spans="14:14">
      <c r="N129573" s="10"/>
    </row>
    <row r="129574" spans="14:14">
      <c r="N129574" s="10"/>
    </row>
    <row r="129575" spans="14:14">
      <c r="N129575" s="10"/>
    </row>
    <row r="129576" spans="14:14">
      <c r="N129576" s="10"/>
    </row>
    <row r="129577" spans="14:14">
      <c r="N129577" s="10"/>
    </row>
    <row r="129578" spans="14:14">
      <c r="N129578" s="10"/>
    </row>
    <row r="129579" spans="14:14">
      <c r="N129579" s="10"/>
    </row>
    <row r="129580" spans="14:14">
      <c r="N129580" s="10"/>
    </row>
    <row r="129581" spans="14:14">
      <c r="N129581" s="10"/>
    </row>
    <row r="129582" spans="14:14">
      <c r="N129582" s="10"/>
    </row>
    <row r="129583" spans="14:14">
      <c r="N129583" s="10"/>
    </row>
    <row r="129584" spans="14:14">
      <c r="N129584" s="10"/>
    </row>
    <row r="129585" spans="14:14">
      <c r="N129585" s="10"/>
    </row>
    <row r="129586" spans="14:14">
      <c r="N129586" s="10"/>
    </row>
    <row r="129587" spans="14:14">
      <c r="N129587" s="10"/>
    </row>
    <row r="129588" spans="14:14">
      <c r="N129588" s="10"/>
    </row>
    <row r="129589" spans="14:14">
      <c r="N129589" s="10"/>
    </row>
    <row r="129590" spans="14:14">
      <c r="N129590" s="10"/>
    </row>
    <row r="129591" spans="14:14">
      <c r="N129591" s="10"/>
    </row>
    <row r="129592" spans="14:14">
      <c r="N129592" s="10"/>
    </row>
    <row r="129593" spans="14:14">
      <c r="N129593" s="10"/>
    </row>
    <row r="129594" spans="14:14">
      <c r="N129594" s="10"/>
    </row>
    <row r="129595" spans="14:14">
      <c r="N129595" s="10"/>
    </row>
    <row r="129596" spans="14:14">
      <c r="N129596" s="10"/>
    </row>
    <row r="129597" spans="14:14">
      <c r="N129597" s="10"/>
    </row>
    <row r="129598" spans="14:14">
      <c r="N129598" s="10"/>
    </row>
    <row r="129599" spans="14:14">
      <c r="N129599" s="10"/>
    </row>
    <row r="129600" spans="14:14">
      <c r="N129600" s="10"/>
    </row>
    <row r="129601" spans="14:14">
      <c r="N129601" s="10"/>
    </row>
    <row r="129602" spans="14:14">
      <c r="N129602" s="10"/>
    </row>
    <row r="129603" spans="14:14">
      <c r="N129603" s="10"/>
    </row>
    <row r="129604" spans="14:14">
      <c r="N129604" s="10"/>
    </row>
    <row r="129605" spans="14:14">
      <c r="N129605" s="10"/>
    </row>
    <row r="129606" spans="14:14">
      <c r="N129606" s="10"/>
    </row>
    <row r="129607" spans="14:14">
      <c r="N129607" s="10"/>
    </row>
    <row r="129608" spans="14:14">
      <c r="N129608" s="10"/>
    </row>
    <row r="129609" spans="14:14">
      <c r="N129609" s="10"/>
    </row>
    <row r="129610" spans="14:14">
      <c r="N129610" s="10"/>
    </row>
    <row r="129611" spans="14:14">
      <c r="N129611" s="10"/>
    </row>
    <row r="129612" spans="14:14">
      <c r="N129612" s="10"/>
    </row>
    <row r="129613" spans="14:14">
      <c r="N129613" s="10"/>
    </row>
    <row r="129614" spans="14:14">
      <c r="N129614" s="10"/>
    </row>
    <row r="129615" spans="14:14">
      <c r="N129615" s="10"/>
    </row>
    <row r="129616" spans="14:14">
      <c r="N129616" s="10"/>
    </row>
    <row r="129617" spans="14:14">
      <c r="N129617" s="10"/>
    </row>
    <row r="129618" spans="14:14">
      <c r="N129618" s="10"/>
    </row>
    <row r="129619" spans="14:14">
      <c r="N129619" s="10"/>
    </row>
    <row r="129620" spans="14:14">
      <c r="N129620" s="10"/>
    </row>
    <row r="129621" spans="14:14">
      <c r="N129621" s="10"/>
    </row>
    <row r="129622" spans="14:14">
      <c r="N129622" s="10"/>
    </row>
    <row r="129623" spans="14:14">
      <c r="N129623" s="10"/>
    </row>
    <row r="129624" spans="14:14">
      <c r="N129624" s="10"/>
    </row>
    <row r="129625" spans="14:14">
      <c r="N129625" s="10"/>
    </row>
    <row r="129626" spans="14:14">
      <c r="N129626" s="10"/>
    </row>
    <row r="129627" spans="14:14">
      <c r="N129627" s="10"/>
    </row>
    <row r="129628" spans="14:14">
      <c r="N129628" s="10"/>
    </row>
    <row r="129629" spans="14:14">
      <c r="N129629" s="10"/>
    </row>
    <row r="129630" spans="14:14">
      <c r="N129630" s="10"/>
    </row>
    <row r="129631" spans="14:14">
      <c r="N129631" s="10"/>
    </row>
    <row r="129632" spans="14:14">
      <c r="N129632" s="10"/>
    </row>
    <row r="129633" spans="14:14">
      <c r="N129633" s="10"/>
    </row>
    <row r="129634" spans="14:14">
      <c r="N129634" s="10"/>
    </row>
    <row r="129635" spans="14:14">
      <c r="N129635" s="10"/>
    </row>
    <row r="129636" spans="14:14">
      <c r="N129636" s="10"/>
    </row>
    <row r="129637" spans="14:14">
      <c r="N129637" s="10"/>
    </row>
    <row r="129638" spans="14:14">
      <c r="N129638" s="10"/>
    </row>
    <row r="129639" spans="14:14">
      <c r="N129639" s="10"/>
    </row>
    <row r="129640" spans="14:14">
      <c r="N129640" s="10"/>
    </row>
    <row r="129641" spans="14:14">
      <c r="N129641" s="10"/>
    </row>
    <row r="129642" spans="14:14">
      <c r="N129642" s="10"/>
    </row>
    <row r="129643" spans="14:14">
      <c r="N129643" s="10"/>
    </row>
    <row r="129644" spans="14:14">
      <c r="N129644" s="10"/>
    </row>
    <row r="129645" spans="14:14">
      <c r="N129645" s="10"/>
    </row>
    <row r="129646" spans="14:14">
      <c r="N129646" s="10"/>
    </row>
    <row r="129647" spans="14:14">
      <c r="N129647" s="10"/>
    </row>
    <row r="129648" spans="14:14">
      <c r="N129648" s="10"/>
    </row>
    <row r="129649" spans="14:14">
      <c r="N129649" s="10"/>
    </row>
    <row r="129650" spans="14:14">
      <c r="N129650" s="10"/>
    </row>
    <row r="129651" spans="14:14">
      <c r="N129651" s="10"/>
    </row>
    <row r="129652" spans="14:14">
      <c r="N129652" s="10"/>
    </row>
    <row r="129653" spans="14:14">
      <c r="N129653" s="10"/>
    </row>
    <row r="129654" spans="14:14">
      <c r="N129654" s="10"/>
    </row>
    <row r="129655" spans="14:14">
      <c r="N129655" s="10"/>
    </row>
    <row r="129656" spans="14:14">
      <c r="N129656" s="10"/>
    </row>
    <row r="129657" spans="14:14">
      <c r="N129657" s="10"/>
    </row>
    <row r="129658" spans="14:14">
      <c r="N129658" s="10"/>
    </row>
    <row r="129659" spans="14:14">
      <c r="N129659" s="10"/>
    </row>
    <row r="129660" spans="14:14">
      <c r="N129660" s="10"/>
    </row>
    <row r="129661" spans="14:14">
      <c r="N129661" s="10"/>
    </row>
    <row r="129662" spans="14:14">
      <c r="N129662" s="10"/>
    </row>
    <row r="129663" spans="14:14">
      <c r="N129663" s="10"/>
    </row>
    <row r="129664" spans="14:14">
      <c r="N129664" s="10"/>
    </row>
    <row r="129665" spans="14:14">
      <c r="N129665" s="10"/>
    </row>
    <row r="129666" spans="14:14">
      <c r="N129666" s="10"/>
    </row>
    <row r="129667" spans="14:14">
      <c r="N129667" s="10"/>
    </row>
    <row r="129668" spans="14:14">
      <c r="N129668" s="10"/>
    </row>
    <row r="129669" spans="14:14">
      <c r="N129669" s="10"/>
    </row>
    <row r="129670" spans="14:14">
      <c r="N129670" s="10"/>
    </row>
    <row r="129671" spans="14:14">
      <c r="N129671" s="10"/>
    </row>
    <row r="129672" spans="14:14">
      <c r="N129672" s="10"/>
    </row>
    <row r="129673" spans="14:14">
      <c r="N129673" s="10"/>
    </row>
    <row r="129674" spans="14:14">
      <c r="N129674" s="10"/>
    </row>
    <row r="129675" spans="14:14">
      <c r="N129675" s="10"/>
    </row>
    <row r="129676" spans="14:14">
      <c r="N129676" s="10"/>
    </row>
    <row r="129677" spans="14:14">
      <c r="N129677" s="10"/>
    </row>
    <row r="129678" spans="14:14">
      <c r="N129678" s="10"/>
    </row>
    <row r="129679" spans="14:14">
      <c r="N129679" s="10"/>
    </row>
    <row r="129680" spans="14:14">
      <c r="N129680" s="10"/>
    </row>
    <row r="129681" spans="14:14">
      <c r="N129681" s="10"/>
    </row>
    <row r="129682" spans="14:14">
      <c r="N129682" s="10"/>
    </row>
    <row r="129683" spans="14:14">
      <c r="N129683" s="10"/>
    </row>
    <row r="129684" spans="14:14">
      <c r="N129684" s="10"/>
    </row>
    <row r="129685" spans="14:14">
      <c r="N129685" s="10"/>
    </row>
    <row r="129686" spans="14:14">
      <c r="N129686" s="10"/>
    </row>
    <row r="129687" spans="14:14">
      <c r="N129687" s="10"/>
    </row>
    <row r="129688" spans="14:14">
      <c r="N129688" s="10"/>
    </row>
    <row r="129689" spans="14:14">
      <c r="N129689" s="10"/>
    </row>
    <row r="129690" spans="14:14">
      <c r="N129690" s="10"/>
    </row>
    <row r="129691" spans="14:14">
      <c r="N129691" s="10"/>
    </row>
    <row r="129692" spans="14:14">
      <c r="N129692" s="10"/>
    </row>
    <row r="129693" spans="14:14">
      <c r="N129693" s="10"/>
    </row>
    <row r="129694" spans="14:14">
      <c r="N129694" s="10"/>
    </row>
    <row r="129695" spans="14:14">
      <c r="N129695" s="10"/>
    </row>
    <row r="129696" spans="14:14">
      <c r="N129696" s="10"/>
    </row>
    <row r="129697" spans="14:14">
      <c r="N129697" s="10"/>
    </row>
    <row r="129698" spans="14:14">
      <c r="N129698" s="10"/>
    </row>
    <row r="129699" spans="14:14">
      <c r="N129699" s="10"/>
    </row>
    <row r="129700" spans="14:14">
      <c r="N129700" s="10"/>
    </row>
    <row r="129701" spans="14:14">
      <c r="N129701" s="10"/>
    </row>
    <row r="129702" spans="14:14">
      <c r="N129702" s="10"/>
    </row>
    <row r="129703" spans="14:14">
      <c r="N129703" s="10"/>
    </row>
    <row r="129704" spans="14:14">
      <c r="N129704" s="10"/>
    </row>
    <row r="129705" spans="14:14">
      <c r="N129705" s="10"/>
    </row>
    <row r="129706" spans="14:14">
      <c r="N129706" s="10"/>
    </row>
    <row r="129707" spans="14:14">
      <c r="N129707" s="10"/>
    </row>
    <row r="129708" spans="14:14">
      <c r="N129708" s="10"/>
    </row>
    <row r="129709" spans="14:14">
      <c r="N129709" s="10"/>
    </row>
    <row r="129710" spans="14:14">
      <c r="N129710" s="10"/>
    </row>
    <row r="129711" spans="14:14">
      <c r="N129711" s="10"/>
    </row>
    <row r="129712" spans="14:14">
      <c r="N129712" s="10"/>
    </row>
    <row r="129713" spans="14:14">
      <c r="N129713" s="10"/>
    </row>
    <row r="129714" spans="14:14">
      <c r="N129714" s="10"/>
    </row>
    <row r="129715" spans="14:14">
      <c r="N129715" s="10"/>
    </row>
    <row r="129716" spans="14:14">
      <c r="N129716" s="10"/>
    </row>
    <row r="129717" spans="14:14">
      <c r="N129717" s="10"/>
    </row>
    <row r="129718" spans="14:14">
      <c r="N129718" s="10"/>
    </row>
    <row r="129719" spans="14:14">
      <c r="N129719" s="10"/>
    </row>
    <row r="129720" spans="14:14">
      <c r="N129720" s="10"/>
    </row>
    <row r="129721" spans="14:14">
      <c r="N129721" s="10"/>
    </row>
    <row r="129722" spans="14:14">
      <c r="N129722" s="10"/>
    </row>
    <row r="129723" spans="14:14">
      <c r="N129723" s="10"/>
    </row>
    <row r="129724" spans="14:14">
      <c r="N129724" s="10"/>
    </row>
    <row r="129725" spans="14:14">
      <c r="N129725" s="10"/>
    </row>
    <row r="129726" spans="14:14">
      <c r="N129726" s="10"/>
    </row>
    <row r="129727" spans="14:14">
      <c r="N129727" s="10"/>
    </row>
    <row r="129728" spans="14:14">
      <c r="N129728" s="10"/>
    </row>
    <row r="129729" spans="14:14">
      <c r="N129729" s="10"/>
    </row>
    <row r="129730" spans="14:14">
      <c r="N129730" s="10"/>
    </row>
    <row r="129731" spans="14:14">
      <c r="N129731" s="10"/>
    </row>
    <row r="129732" spans="14:14">
      <c r="N129732" s="10"/>
    </row>
    <row r="129733" spans="14:14">
      <c r="N129733" s="10"/>
    </row>
    <row r="129734" spans="14:14">
      <c r="N129734" s="10"/>
    </row>
    <row r="129735" spans="14:14">
      <c r="N129735" s="10"/>
    </row>
    <row r="129736" spans="14:14">
      <c r="N129736" s="10"/>
    </row>
    <row r="129737" spans="14:14">
      <c r="N129737" s="10"/>
    </row>
    <row r="129738" spans="14:14">
      <c r="N129738" s="10"/>
    </row>
    <row r="129739" spans="14:14">
      <c r="N129739" s="10"/>
    </row>
    <row r="129740" spans="14:14">
      <c r="N129740" s="10"/>
    </row>
    <row r="129741" spans="14:14">
      <c r="N129741" s="10"/>
    </row>
    <row r="129742" spans="14:14">
      <c r="N129742" s="10"/>
    </row>
    <row r="129743" spans="14:14">
      <c r="N129743" s="10"/>
    </row>
    <row r="129744" spans="14:14">
      <c r="N129744" s="10"/>
    </row>
    <row r="129745" spans="14:14">
      <c r="N129745" s="10"/>
    </row>
    <row r="129746" spans="14:14">
      <c r="N129746" s="10"/>
    </row>
    <row r="129747" spans="14:14">
      <c r="N129747" s="10"/>
    </row>
    <row r="129748" spans="14:14">
      <c r="N129748" s="10"/>
    </row>
    <row r="129749" spans="14:14">
      <c r="N129749" s="10"/>
    </row>
    <row r="129750" spans="14:14">
      <c r="N129750" s="10"/>
    </row>
    <row r="129751" spans="14:14">
      <c r="N129751" s="10"/>
    </row>
    <row r="129752" spans="14:14">
      <c r="N129752" s="10"/>
    </row>
    <row r="129753" spans="14:14">
      <c r="N129753" s="10"/>
    </row>
    <row r="129754" spans="14:14">
      <c r="N129754" s="10"/>
    </row>
    <row r="129755" spans="14:14">
      <c r="N129755" s="10"/>
    </row>
    <row r="129756" spans="14:14">
      <c r="N129756" s="10"/>
    </row>
    <row r="129757" spans="14:14">
      <c r="N129757" s="10"/>
    </row>
    <row r="129758" spans="14:14">
      <c r="N129758" s="10"/>
    </row>
    <row r="129759" spans="14:14">
      <c r="N129759" s="10"/>
    </row>
    <row r="129760" spans="14:14">
      <c r="N129760" s="10"/>
    </row>
    <row r="129761" spans="14:14">
      <c r="N129761" s="10"/>
    </row>
    <row r="129762" spans="14:14">
      <c r="N129762" s="10"/>
    </row>
    <row r="129763" spans="14:14">
      <c r="N129763" s="10"/>
    </row>
    <row r="129764" spans="14:14">
      <c r="N129764" s="10"/>
    </row>
    <row r="129765" spans="14:14">
      <c r="N129765" s="10"/>
    </row>
    <row r="129766" spans="14:14">
      <c r="N129766" s="10"/>
    </row>
    <row r="129767" spans="14:14">
      <c r="N129767" s="10"/>
    </row>
    <row r="129768" spans="14:14">
      <c r="N129768" s="10"/>
    </row>
    <row r="129769" spans="14:14">
      <c r="N129769" s="10"/>
    </row>
    <row r="129770" spans="14:14">
      <c r="N129770" s="10"/>
    </row>
    <row r="129771" spans="14:14">
      <c r="N129771" s="10"/>
    </row>
    <row r="129772" spans="14:14">
      <c r="N129772" s="10"/>
    </row>
    <row r="129773" spans="14:14">
      <c r="N129773" s="10"/>
    </row>
    <row r="129774" spans="14:14">
      <c r="N129774" s="10"/>
    </row>
    <row r="129775" spans="14:14">
      <c r="N129775" s="10"/>
    </row>
    <row r="129776" spans="14:14">
      <c r="N129776" s="10"/>
    </row>
    <row r="129777" spans="14:14">
      <c r="N129777" s="10"/>
    </row>
    <row r="129778" spans="14:14">
      <c r="N129778" s="10"/>
    </row>
    <row r="129779" spans="14:14">
      <c r="N129779" s="10"/>
    </row>
    <row r="129780" spans="14:14">
      <c r="N129780" s="10"/>
    </row>
    <row r="129781" spans="14:14">
      <c r="N129781" s="10"/>
    </row>
    <row r="129782" spans="14:14">
      <c r="N129782" s="10"/>
    </row>
    <row r="129783" spans="14:14">
      <c r="N129783" s="10"/>
    </row>
    <row r="129784" spans="14:14">
      <c r="N129784" s="10"/>
    </row>
    <row r="129785" spans="14:14">
      <c r="N129785" s="10"/>
    </row>
    <row r="129786" spans="14:14">
      <c r="N129786" s="10"/>
    </row>
    <row r="129787" spans="14:14">
      <c r="N129787" s="10"/>
    </row>
    <row r="129788" spans="14:14">
      <c r="N129788" s="10"/>
    </row>
    <row r="129789" spans="14:14">
      <c r="N129789" s="10"/>
    </row>
    <row r="129790" spans="14:14">
      <c r="N129790" s="10"/>
    </row>
    <row r="129791" spans="14:14">
      <c r="N129791" s="10"/>
    </row>
    <row r="129792" spans="14:14">
      <c r="N129792" s="10"/>
    </row>
    <row r="129793" spans="14:14">
      <c r="N129793" s="10"/>
    </row>
    <row r="129794" spans="14:14">
      <c r="N129794" s="10"/>
    </row>
    <row r="129795" spans="14:14">
      <c r="N129795" s="10"/>
    </row>
    <row r="129796" spans="14:14">
      <c r="N129796" s="10"/>
    </row>
    <row r="129797" spans="14:14">
      <c r="N129797" s="10"/>
    </row>
    <row r="129798" spans="14:14">
      <c r="N129798" s="10"/>
    </row>
    <row r="129799" spans="14:14">
      <c r="N129799" s="10"/>
    </row>
    <row r="129800" spans="14:14">
      <c r="N129800" s="10"/>
    </row>
    <row r="129801" spans="14:14">
      <c r="N129801" s="10"/>
    </row>
    <row r="129802" spans="14:14">
      <c r="N129802" s="10"/>
    </row>
    <row r="129803" spans="14:14">
      <c r="N129803" s="10"/>
    </row>
    <row r="129804" spans="14:14">
      <c r="N129804" s="10"/>
    </row>
    <row r="129805" spans="14:14">
      <c r="N129805" s="10"/>
    </row>
    <row r="129806" spans="14:14">
      <c r="N129806" s="10"/>
    </row>
    <row r="129807" spans="14:14">
      <c r="N129807" s="10"/>
    </row>
    <row r="129808" spans="14:14">
      <c r="N129808" s="10"/>
    </row>
    <row r="129809" spans="14:14">
      <c r="N129809" s="10"/>
    </row>
    <row r="129810" spans="14:14">
      <c r="N129810" s="10"/>
    </row>
    <row r="129811" spans="14:14">
      <c r="N129811" s="10"/>
    </row>
    <row r="129812" spans="14:14">
      <c r="N129812" s="10"/>
    </row>
    <row r="129813" spans="14:14">
      <c r="N129813" s="10"/>
    </row>
    <row r="129814" spans="14:14">
      <c r="N129814" s="10"/>
    </row>
    <row r="129815" spans="14:14">
      <c r="N129815" s="10"/>
    </row>
    <row r="129816" spans="14:14">
      <c r="N129816" s="10"/>
    </row>
    <row r="129817" spans="14:14">
      <c r="N129817" s="10"/>
    </row>
    <row r="129818" spans="14:14">
      <c r="N129818" s="10"/>
    </row>
    <row r="129819" spans="14:14">
      <c r="N129819" s="10"/>
    </row>
    <row r="129820" spans="14:14">
      <c r="N129820" s="10"/>
    </row>
    <row r="129821" spans="14:14">
      <c r="N129821" s="10"/>
    </row>
    <row r="129822" spans="14:14">
      <c r="N129822" s="10"/>
    </row>
    <row r="129823" spans="14:14">
      <c r="N129823" s="10"/>
    </row>
    <row r="129824" spans="14:14">
      <c r="N129824" s="10"/>
    </row>
    <row r="129825" spans="14:14">
      <c r="N129825" s="10"/>
    </row>
    <row r="129826" spans="14:14">
      <c r="N129826" s="10"/>
    </row>
    <row r="129827" spans="14:14">
      <c r="N129827" s="10"/>
    </row>
    <row r="129828" spans="14:14">
      <c r="N129828" s="10"/>
    </row>
    <row r="129829" spans="14:14">
      <c r="N129829" s="10"/>
    </row>
    <row r="129830" spans="14:14">
      <c r="N129830" s="10"/>
    </row>
    <row r="129831" spans="14:14">
      <c r="N129831" s="10"/>
    </row>
    <row r="129832" spans="14:14">
      <c r="N129832" s="10"/>
    </row>
    <row r="129833" spans="14:14">
      <c r="N129833" s="10"/>
    </row>
    <row r="129834" spans="14:14">
      <c r="N129834" s="10"/>
    </row>
    <row r="129835" spans="14:14">
      <c r="N129835" s="10"/>
    </row>
    <row r="129836" spans="14:14">
      <c r="N129836" s="10"/>
    </row>
    <row r="129837" spans="14:14">
      <c r="N129837" s="10"/>
    </row>
    <row r="129838" spans="14:14">
      <c r="N129838" s="10"/>
    </row>
    <row r="129839" spans="14:14">
      <c r="N129839" s="10"/>
    </row>
    <row r="129840" spans="14:14">
      <c r="N129840" s="10"/>
    </row>
    <row r="129841" spans="14:14">
      <c r="N129841" s="10"/>
    </row>
    <row r="129842" spans="14:14">
      <c r="N129842" s="10"/>
    </row>
    <row r="129843" spans="14:14">
      <c r="N129843" s="10"/>
    </row>
    <row r="129844" spans="14:14">
      <c r="N129844" s="10"/>
    </row>
    <row r="129845" spans="14:14">
      <c r="N129845" s="10"/>
    </row>
    <row r="129846" spans="14:14">
      <c r="N129846" s="10"/>
    </row>
    <row r="129847" spans="14:14">
      <c r="N129847" s="10"/>
    </row>
    <row r="129848" spans="14:14">
      <c r="N129848" s="10"/>
    </row>
    <row r="129849" spans="14:14">
      <c r="N129849" s="10"/>
    </row>
    <row r="129850" spans="14:14">
      <c r="N129850" s="10"/>
    </row>
    <row r="129851" spans="14:14">
      <c r="N129851" s="10"/>
    </row>
    <row r="129852" spans="14:14">
      <c r="N129852" s="10"/>
    </row>
    <row r="129853" spans="14:14">
      <c r="N129853" s="10"/>
    </row>
    <row r="129854" spans="14:14">
      <c r="N129854" s="10"/>
    </row>
    <row r="129855" spans="14:14">
      <c r="N129855" s="10"/>
    </row>
    <row r="129856" spans="14:14">
      <c r="N129856" s="10"/>
    </row>
    <row r="129857" spans="14:14">
      <c r="N129857" s="10"/>
    </row>
    <row r="129858" spans="14:14">
      <c r="N129858" s="10"/>
    </row>
    <row r="129859" spans="14:14">
      <c r="N129859" s="10"/>
    </row>
    <row r="129860" spans="14:14">
      <c r="N129860" s="10"/>
    </row>
    <row r="129861" spans="14:14">
      <c r="N129861" s="10"/>
    </row>
    <row r="129862" spans="14:14">
      <c r="N129862" s="10"/>
    </row>
    <row r="129863" spans="14:14">
      <c r="N129863" s="10"/>
    </row>
    <row r="129864" spans="14:14">
      <c r="N129864" s="10"/>
    </row>
    <row r="129865" spans="14:14">
      <c r="N129865" s="10"/>
    </row>
    <row r="129866" spans="14:14">
      <c r="N129866" s="10"/>
    </row>
    <row r="129867" spans="14:14">
      <c r="N129867" s="10"/>
    </row>
    <row r="129868" spans="14:14">
      <c r="N129868" s="10"/>
    </row>
    <row r="129869" spans="14:14">
      <c r="N129869" s="10"/>
    </row>
    <row r="129870" spans="14:14">
      <c r="N129870" s="10"/>
    </row>
    <row r="129871" spans="14:14">
      <c r="N129871" s="10"/>
    </row>
    <row r="129872" spans="14:14">
      <c r="N129872" s="10"/>
    </row>
    <row r="129873" spans="14:14">
      <c r="N129873" s="10"/>
    </row>
    <row r="129874" spans="14:14">
      <c r="N129874" s="10"/>
    </row>
    <row r="129875" spans="14:14">
      <c r="N129875" s="10"/>
    </row>
    <row r="129876" spans="14:14">
      <c r="N129876" s="10"/>
    </row>
    <row r="129877" spans="14:14">
      <c r="N129877" s="10"/>
    </row>
    <row r="129878" spans="14:14">
      <c r="N129878" s="10"/>
    </row>
    <row r="129879" spans="14:14">
      <c r="N129879" s="10"/>
    </row>
    <row r="129880" spans="14:14">
      <c r="N129880" s="10"/>
    </row>
    <row r="129881" spans="14:14">
      <c r="N129881" s="10"/>
    </row>
    <row r="129882" spans="14:14">
      <c r="N129882" s="10"/>
    </row>
    <row r="129883" spans="14:14">
      <c r="N129883" s="10"/>
    </row>
    <row r="129884" spans="14:14">
      <c r="N129884" s="10"/>
    </row>
    <row r="129885" spans="14:14">
      <c r="N129885" s="10"/>
    </row>
    <row r="129886" spans="14:14">
      <c r="N129886" s="10"/>
    </row>
    <row r="129887" spans="14:14">
      <c r="N129887" s="10"/>
    </row>
    <row r="129888" spans="14:14">
      <c r="N129888" s="10"/>
    </row>
    <row r="129889" spans="14:14">
      <c r="N129889" s="10"/>
    </row>
    <row r="129890" spans="14:14">
      <c r="N129890" s="10"/>
    </row>
    <row r="129891" spans="14:14">
      <c r="N129891" s="10"/>
    </row>
    <row r="129892" spans="14:14">
      <c r="N129892" s="10"/>
    </row>
    <row r="129893" spans="14:14">
      <c r="N129893" s="10"/>
    </row>
    <row r="129894" spans="14:14">
      <c r="N129894" s="10"/>
    </row>
    <row r="129895" spans="14:14">
      <c r="N129895" s="10"/>
    </row>
    <row r="129896" spans="14:14">
      <c r="N129896" s="10"/>
    </row>
    <row r="129897" spans="14:14">
      <c r="N129897" s="10"/>
    </row>
    <row r="129898" spans="14:14">
      <c r="N129898" s="10"/>
    </row>
    <row r="129899" spans="14:14">
      <c r="N129899" s="10"/>
    </row>
    <row r="129900" spans="14:14">
      <c r="N129900" s="10"/>
    </row>
    <row r="129901" spans="14:14">
      <c r="N129901" s="10"/>
    </row>
    <row r="129902" spans="14:14">
      <c r="N129902" s="10"/>
    </row>
    <row r="129903" spans="14:14">
      <c r="N129903" s="10"/>
    </row>
    <row r="129904" spans="14:14">
      <c r="N129904" s="10"/>
    </row>
    <row r="129905" spans="14:14">
      <c r="N129905" s="10"/>
    </row>
    <row r="129906" spans="14:14">
      <c r="N129906" s="10"/>
    </row>
    <row r="129907" spans="14:14">
      <c r="N129907" s="10"/>
    </row>
    <row r="129908" spans="14:14">
      <c r="N129908" s="10"/>
    </row>
    <row r="129909" spans="14:14">
      <c r="N129909" s="10"/>
    </row>
    <row r="129910" spans="14:14">
      <c r="N129910" s="10"/>
    </row>
    <row r="129911" spans="14:14">
      <c r="N129911" s="10"/>
    </row>
    <row r="129912" spans="14:14">
      <c r="N129912" s="10"/>
    </row>
    <row r="129913" spans="14:14">
      <c r="N129913" s="10"/>
    </row>
    <row r="129914" spans="14:14">
      <c r="N129914" s="10"/>
    </row>
    <row r="129915" spans="14:14">
      <c r="N129915" s="10"/>
    </row>
    <row r="129916" spans="14:14">
      <c r="N129916" s="10"/>
    </row>
    <row r="129917" spans="14:14">
      <c r="N129917" s="10"/>
    </row>
    <row r="129918" spans="14:14">
      <c r="N129918" s="10"/>
    </row>
    <row r="129919" spans="14:14">
      <c r="N129919" s="10"/>
    </row>
    <row r="129920" spans="14:14">
      <c r="N129920" s="10"/>
    </row>
    <row r="129921" spans="14:14">
      <c r="N129921" s="10"/>
    </row>
    <row r="129922" spans="14:14">
      <c r="N129922" s="10"/>
    </row>
    <row r="129923" spans="14:14">
      <c r="N129923" s="10"/>
    </row>
    <row r="129924" spans="14:14">
      <c r="N129924" s="10"/>
    </row>
    <row r="129925" spans="14:14">
      <c r="N129925" s="10"/>
    </row>
    <row r="129926" spans="14:14">
      <c r="N129926" s="10"/>
    </row>
    <row r="129927" spans="14:14">
      <c r="N129927" s="10"/>
    </row>
    <row r="129928" spans="14:14">
      <c r="N129928" s="10"/>
    </row>
    <row r="129929" spans="14:14">
      <c r="N129929" s="10"/>
    </row>
    <row r="129930" spans="14:14">
      <c r="N129930" s="10"/>
    </row>
    <row r="129931" spans="14:14">
      <c r="N129931" s="10"/>
    </row>
    <row r="129932" spans="14:14">
      <c r="N129932" s="10"/>
    </row>
    <row r="129933" spans="14:14">
      <c r="N129933" s="10"/>
    </row>
    <row r="129934" spans="14:14">
      <c r="N129934" s="10"/>
    </row>
    <row r="129935" spans="14:14">
      <c r="N129935" s="10"/>
    </row>
    <row r="129936" spans="14:14">
      <c r="N129936" s="10"/>
    </row>
    <row r="129937" spans="14:14">
      <c r="N129937" s="10"/>
    </row>
    <row r="129938" spans="14:14">
      <c r="N129938" s="10"/>
    </row>
    <row r="129939" spans="14:14">
      <c r="N129939" s="10"/>
    </row>
    <row r="129940" spans="14:14">
      <c r="N129940" s="10"/>
    </row>
    <row r="129941" spans="14:14">
      <c r="N129941" s="10"/>
    </row>
    <row r="129942" spans="14:14">
      <c r="N129942" s="10"/>
    </row>
    <row r="129943" spans="14:14">
      <c r="N129943" s="10"/>
    </row>
    <row r="129944" spans="14:14">
      <c r="N129944" s="10"/>
    </row>
    <row r="129945" spans="14:14">
      <c r="N129945" s="10"/>
    </row>
    <row r="129946" spans="14:14">
      <c r="N129946" s="10"/>
    </row>
    <row r="129947" spans="14:14">
      <c r="N129947" s="10"/>
    </row>
    <row r="129948" spans="14:14">
      <c r="N129948" s="10"/>
    </row>
    <row r="129949" spans="14:14">
      <c r="N129949" s="10"/>
    </row>
    <row r="129950" spans="14:14">
      <c r="N129950" s="10"/>
    </row>
    <row r="129951" spans="14:14">
      <c r="N129951" s="10"/>
    </row>
    <row r="129952" spans="14:14">
      <c r="N129952" s="10"/>
    </row>
    <row r="129953" spans="14:14">
      <c r="N129953" s="10"/>
    </row>
    <row r="129954" spans="14:14">
      <c r="N129954" s="10"/>
    </row>
    <row r="129955" spans="14:14">
      <c r="N129955" s="10"/>
    </row>
    <row r="129956" spans="14:14">
      <c r="N129956" s="10"/>
    </row>
    <row r="129957" spans="14:14">
      <c r="N129957" s="10"/>
    </row>
    <row r="129958" spans="14:14">
      <c r="N129958" s="10"/>
    </row>
    <row r="129959" spans="14:14">
      <c r="N129959" s="10"/>
    </row>
    <row r="129960" spans="14:14">
      <c r="N129960" s="10"/>
    </row>
    <row r="129961" spans="14:14">
      <c r="N129961" s="10"/>
    </row>
    <row r="129962" spans="14:14">
      <c r="N129962" s="10"/>
    </row>
    <row r="129963" spans="14:14">
      <c r="N129963" s="10"/>
    </row>
    <row r="129964" spans="14:14">
      <c r="N129964" s="10"/>
    </row>
    <row r="129965" spans="14:14">
      <c r="N129965" s="10"/>
    </row>
    <row r="129966" spans="14:14">
      <c r="N129966" s="10"/>
    </row>
    <row r="129967" spans="14:14">
      <c r="N129967" s="10"/>
    </row>
    <row r="129968" spans="14:14">
      <c r="N129968" s="10"/>
    </row>
    <row r="129969" spans="14:14">
      <c r="N129969" s="10"/>
    </row>
    <row r="129970" spans="14:14">
      <c r="N129970" s="10"/>
    </row>
    <row r="129971" spans="14:14">
      <c r="N129971" s="10"/>
    </row>
    <row r="129972" spans="14:14">
      <c r="N129972" s="10"/>
    </row>
    <row r="129973" spans="14:14">
      <c r="N129973" s="10"/>
    </row>
    <row r="129974" spans="14:14">
      <c r="N129974" s="10"/>
    </row>
    <row r="129975" spans="14:14">
      <c r="N129975" s="10"/>
    </row>
    <row r="129976" spans="14:14">
      <c r="N129976" s="10"/>
    </row>
    <row r="129977" spans="14:14">
      <c r="N129977" s="10"/>
    </row>
    <row r="129978" spans="14:14">
      <c r="N129978" s="10"/>
    </row>
    <row r="129979" spans="14:14">
      <c r="N129979" s="10"/>
    </row>
    <row r="129980" spans="14:14">
      <c r="N129980" s="10"/>
    </row>
    <row r="129981" spans="14:14">
      <c r="N129981" s="10"/>
    </row>
    <row r="129982" spans="14:14">
      <c r="N129982" s="10"/>
    </row>
    <row r="129983" spans="14:14">
      <c r="N129983" s="10"/>
    </row>
    <row r="129984" spans="14:14">
      <c r="N129984" s="10"/>
    </row>
    <row r="129985" spans="14:14">
      <c r="N129985" s="10"/>
    </row>
    <row r="129986" spans="14:14">
      <c r="N129986" s="10"/>
    </row>
    <row r="129987" spans="14:14">
      <c r="N129987" s="10"/>
    </row>
    <row r="129988" spans="14:14">
      <c r="N129988" s="10"/>
    </row>
    <row r="129989" spans="14:14">
      <c r="N129989" s="10"/>
    </row>
    <row r="129990" spans="14:14">
      <c r="N129990" s="10"/>
    </row>
    <row r="129991" spans="14:14">
      <c r="N129991" s="10"/>
    </row>
    <row r="129992" spans="14:14">
      <c r="N129992" s="10"/>
    </row>
    <row r="129993" spans="14:14">
      <c r="N129993" s="10"/>
    </row>
    <row r="129994" spans="14:14">
      <c r="N129994" s="10"/>
    </row>
    <row r="129995" spans="14:14">
      <c r="N129995" s="10"/>
    </row>
    <row r="129996" spans="14:14">
      <c r="N129996" s="10"/>
    </row>
    <row r="129997" spans="14:14">
      <c r="N129997" s="10"/>
    </row>
    <row r="129998" spans="14:14">
      <c r="N129998" s="10"/>
    </row>
    <row r="129999" spans="14:14">
      <c r="N129999" s="10"/>
    </row>
    <row r="130000" spans="14:14">
      <c r="N130000" s="10"/>
    </row>
    <row r="130001" spans="14:14">
      <c r="N130001" s="10"/>
    </row>
    <row r="130002" spans="14:14">
      <c r="N130002" s="10"/>
    </row>
    <row r="130003" spans="14:14">
      <c r="N130003" s="10"/>
    </row>
    <row r="130004" spans="14:14">
      <c r="N130004" s="10"/>
    </row>
    <row r="130005" spans="14:14">
      <c r="N130005" s="10"/>
    </row>
    <row r="130006" spans="14:14">
      <c r="N130006" s="10"/>
    </row>
    <row r="130007" spans="14:14">
      <c r="N130007" s="10"/>
    </row>
    <row r="130008" spans="14:14">
      <c r="N130008" s="10"/>
    </row>
    <row r="130009" spans="14:14">
      <c r="N130009" s="10"/>
    </row>
    <row r="130010" spans="14:14">
      <c r="N130010" s="10"/>
    </row>
    <row r="130011" spans="14:14">
      <c r="N130011" s="10"/>
    </row>
    <row r="130012" spans="14:14">
      <c r="N130012" s="10"/>
    </row>
    <row r="130013" spans="14:14">
      <c r="N130013" s="10"/>
    </row>
    <row r="130014" spans="14:14">
      <c r="N130014" s="10"/>
    </row>
    <row r="130015" spans="14:14">
      <c r="N130015" s="10"/>
    </row>
    <row r="130016" spans="14:14">
      <c r="N130016" s="10"/>
    </row>
    <row r="130017" spans="14:14">
      <c r="N130017" s="10"/>
    </row>
    <row r="130018" spans="14:14">
      <c r="N130018" s="10"/>
    </row>
    <row r="130019" spans="14:14">
      <c r="N130019" s="10"/>
    </row>
    <row r="130020" spans="14:14">
      <c r="N130020" s="10"/>
    </row>
    <row r="130021" spans="14:14">
      <c r="N130021" s="10"/>
    </row>
    <row r="130022" spans="14:14">
      <c r="N130022" s="10"/>
    </row>
    <row r="130023" spans="14:14">
      <c r="N130023" s="10"/>
    </row>
    <row r="130024" spans="14:14">
      <c r="N130024" s="10"/>
    </row>
    <row r="130025" spans="14:14">
      <c r="N130025" s="10"/>
    </row>
    <row r="130026" spans="14:14">
      <c r="N130026" s="10"/>
    </row>
    <row r="130027" spans="14:14">
      <c r="N130027" s="10"/>
    </row>
    <row r="130028" spans="14:14">
      <c r="N130028" s="10"/>
    </row>
    <row r="130029" spans="14:14">
      <c r="N130029" s="10"/>
    </row>
    <row r="130030" spans="14:14">
      <c r="N130030" s="10"/>
    </row>
    <row r="130031" spans="14:14">
      <c r="N130031" s="10"/>
    </row>
    <row r="130032" spans="14:14">
      <c r="N130032" s="10"/>
    </row>
    <row r="130033" spans="14:14">
      <c r="N130033" s="10"/>
    </row>
    <row r="130034" spans="14:14">
      <c r="N130034" s="10"/>
    </row>
    <row r="130035" spans="14:14">
      <c r="N130035" s="10"/>
    </row>
    <row r="130036" spans="14:14">
      <c r="N130036" s="10"/>
    </row>
    <row r="130037" spans="14:14">
      <c r="N130037" s="10"/>
    </row>
    <row r="130038" spans="14:14">
      <c r="N130038" s="10"/>
    </row>
    <row r="130039" spans="14:14">
      <c r="N130039" s="10"/>
    </row>
    <row r="130040" spans="14:14">
      <c r="N130040" s="10"/>
    </row>
    <row r="130041" spans="14:14">
      <c r="N130041" s="10"/>
    </row>
    <row r="130042" spans="14:14">
      <c r="N130042" s="10"/>
    </row>
    <row r="130043" spans="14:14">
      <c r="N130043" s="10"/>
    </row>
    <row r="130044" spans="14:14">
      <c r="N130044" s="10"/>
    </row>
    <row r="130045" spans="14:14">
      <c r="N130045" s="10"/>
    </row>
    <row r="130046" spans="14:14">
      <c r="N130046" s="10"/>
    </row>
    <row r="130047" spans="14:14">
      <c r="N130047" s="10"/>
    </row>
    <row r="130048" spans="14:14">
      <c r="N130048" s="10"/>
    </row>
    <row r="130049" spans="14:14">
      <c r="N130049" s="10"/>
    </row>
    <row r="130050" spans="14:14">
      <c r="N130050" s="10"/>
    </row>
    <row r="130051" spans="14:14">
      <c r="N130051" s="10"/>
    </row>
    <row r="130052" spans="14:14">
      <c r="N130052" s="10"/>
    </row>
    <row r="130053" spans="14:14">
      <c r="N130053" s="10"/>
    </row>
    <row r="130054" spans="14:14">
      <c r="N130054" s="10"/>
    </row>
    <row r="130055" spans="14:14">
      <c r="N130055" s="10"/>
    </row>
    <row r="130056" spans="14:14">
      <c r="N130056" s="10"/>
    </row>
    <row r="130057" spans="14:14">
      <c r="N130057" s="10"/>
    </row>
    <row r="130058" spans="14:14">
      <c r="N130058" s="10"/>
    </row>
    <row r="130059" spans="14:14">
      <c r="N130059" s="10"/>
    </row>
    <row r="130060" spans="14:14">
      <c r="N130060" s="10"/>
    </row>
    <row r="130061" spans="14:14">
      <c r="N130061" s="10"/>
    </row>
    <row r="130062" spans="14:14">
      <c r="N130062" s="10"/>
    </row>
    <row r="130063" spans="14:14">
      <c r="N130063" s="10"/>
    </row>
    <row r="130064" spans="14:14">
      <c r="N130064" s="10"/>
    </row>
    <row r="130065" spans="14:14">
      <c r="N130065" s="10"/>
    </row>
    <row r="130066" spans="14:14">
      <c r="N130066" s="10"/>
    </row>
    <row r="130067" spans="14:14">
      <c r="N130067" s="10"/>
    </row>
    <row r="130068" spans="14:14">
      <c r="N130068" s="10"/>
    </row>
    <row r="130069" spans="14:14">
      <c r="N130069" s="10"/>
    </row>
    <row r="130070" spans="14:14">
      <c r="N130070" s="10"/>
    </row>
    <row r="130071" spans="14:14">
      <c r="N130071" s="10"/>
    </row>
    <row r="130072" spans="14:14">
      <c r="N130072" s="10"/>
    </row>
    <row r="130073" spans="14:14">
      <c r="N130073" s="10"/>
    </row>
    <row r="130074" spans="14:14">
      <c r="N130074" s="10"/>
    </row>
    <row r="130075" spans="14:14">
      <c r="N130075" s="10"/>
    </row>
    <row r="130076" spans="14:14">
      <c r="N130076" s="10"/>
    </row>
    <row r="130077" spans="14:14">
      <c r="N130077" s="10"/>
    </row>
    <row r="130078" spans="14:14">
      <c r="N130078" s="10"/>
    </row>
    <row r="130079" spans="14:14">
      <c r="N130079" s="10"/>
    </row>
    <row r="130080" spans="14:14">
      <c r="N130080" s="10"/>
    </row>
    <row r="130081" spans="14:14">
      <c r="N130081" s="10"/>
    </row>
    <row r="130082" spans="14:14">
      <c r="N130082" s="10"/>
    </row>
    <row r="130083" spans="14:14">
      <c r="N130083" s="10"/>
    </row>
    <row r="130084" spans="14:14">
      <c r="N130084" s="10"/>
    </row>
    <row r="130085" spans="14:14">
      <c r="N130085" s="10"/>
    </row>
    <row r="130086" spans="14:14">
      <c r="N130086" s="10"/>
    </row>
    <row r="130087" spans="14:14">
      <c r="N130087" s="10"/>
    </row>
    <row r="130088" spans="14:14">
      <c r="N130088" s="10"/>
    </row>
    <row r="130089" spans="14:14">
      <c r="N130089" s="10"/>
    </row>
    <row r="130090" spans="14:14">
      <c r="N130090" s="10"/>
    </row>
    <row r="130091" spans="14:14">
      <c r="N130091" s="10"/>
    </row>
    <row r="130092" spans="14:14">
      <c r="N130092" s="10"/>
    </row>
    <row r="130093" spans="14:14">
      <c r="N130093" s="10"/>
    </row>
    <row r="130094" spans="14:14">
      <c r="N130094" s="10"/>
    </row>
    <row r="130095" spans="14:14">
      <c r="N130095" s="10"/>
    </row>
    <row r="130096" spans="14:14">
      <c r="N130096" s="10"/>
    </row>
    <row r="130097" spans="14:14">
      <c r="N130097" s="10"/>
    </row>
    <row r="130098" spans="14:14">
      <c r="N130098" s="10"/>
    </row>
    <row r="130099" spans="14:14">
      <c r="N130099" s="10"/>
    </row>
    <row r="130100" spans="14:14">
      <c r="N130100" s="10"/>
    </row>
    <row r="130101" spans="14:14">
      <c r="N130101" s="10"/>
    </row>
    <row r="130102" spans="14:14">
      <c r="N130102" s="10"/>
    </row>
    <row r="130103" spans="14:14">
      <c r="N130103" s="10"/>
    </row>
    <row r="130104" spans="14:14">
      <c r="N130104" s="10"/>
    </row>
    <row r="130105" spans="14:14">
      <c r="N130105" s="10"/>
    </row>
    <row r="130106" spans="14:14">
      <c r="N130106" s="10"/>
    </row>
    <row r="130107" spans="14:14">
      <c r="N130107" s="10"/>
    </row>
    <row r="130108" spans="14:14">
      <c r="N130108" s="10"/>
    </row>
    <row r="130109" spans="14:14">
      <c r="N130109" s="10"/>
    </row>
    <row r="130110" spans="14:14">
      <c r="N130110" s="10"/>
    </row>
    <row r="130111" spans="14:14">
      <c r="N130111" s="10"/>
    </row>
    <row r="130112" spans="14:14">
      <c r="N130112" s="10"/>
    </row>
    <row r="130113" spans="14:14">
      <c r="N130113" s="10"/>
    </row>
    <row r="130114" spans="14:14">
      <c r="N130114" s="10"/>
    </row>
    <row r="130115" spans="14:14">
      <c r="N130115" s="10"/>
    </row>
    <row r="130116" spans="14:14">
      <c r="N130116" s="10"/>
    </row>
    <row r="130117" spans="14:14">
      <c r="N130117" s="10"/>
    </row>
    <row r="130118" spans="14:14">
      <c r="N130118" s="10"/>
    </row>
    <row r="130119" spans="14:14">
      <c r="N130119" s="10"/>
    </row>
    <row r="130120" spans="14:14">
      <c r="N130120" s="10"/>
    </row>
    <row r="130121" spans="14:14">
      <c r="N130121" s="10"/>
    </row>
    <row r="130122" spans="14:14">
      <c r="N130122" s="10"/>
    </row>
    <row r="130123" spans="14:14">
      <c r="N130123" s="10"/>
    </row>
    <row r="130124" spans="14:14">
      <c r="N130124" s="10"/>
    </row>
    <row r="130125" spans="14:14">
      <c r="N130125" s="10"/>
    </row>
    <row r="130126" spans="14:14">
      <c r="N130126" s="10"/>
    </row>
    <row r="130127" spans="14:14">
      <c r="N130127" s="10"/>
    </row>
    <row r="130128" spans="14:14">
      <c r="N130128" s="10"/>
    </row>
    <row r="130129" spans="14:14">
      <c r="N130129" s="10"/>
    </row>
    <row r="130130" spans="14:14">
      <c r="N130130" s="10"/>
    </row>
    <row r="130131" spans="14:14">
      <c r="N130131" s="10"/>
    </row>
    <row r="130132" spans="14:14">
      <c r="N130132" s="10"/>
    </row>
    <row r="130133" spans="14:14">
      <c r="N130133" s="10"/>
    </row>
    <row r="130134" spans="14:14">
      <c r="N130134" s="10"/>
    </row>
    <row r="130135" spans="14:14">
      <c r="N130135" s="10"/>
    </row>
    <row r="130136" spans="14:14">
      <c r="N130136" s="10"/>
    </row>
    <row r="130137" spans="14:14">
      <c r="N130137" s="10"/>
    </row>
    <row r="130138" spans="14:14">
      <c r="N130138" s="10"/>
    </row>
    <row r="130139" spans="14:14">
      <c r="N130139" s="10"/>
    </row>
    <row r="130140" spans="14:14">
      <c r="N130140" s="10"/>
    </row>
    <row r="130141" spans="14:14">
      <c r="N130141" s="10"/>
    </row>
    <row r="130142" spans="14:14">
      <c r="N130142" s="10"/>
    </row>
    <row r="130143" spans="14:14">
      <c r="N130143" s="10"/>
    </row>
    <row r="130144" spans="14:14">
      <c r="N130144" s="10"/>
    </row>
    <row r="130145" spans="14:14">
      <c r="N130145" s="10"/>
    </row>
    <row r="130146" spans="14:14">
      <c r="N130146" s="10"/>
    </row>
    <row r="130147" spans="14:14">
      <c r="N130147" s="10"/>
    </row>
    <row r="130148" spans="14:14">
      <c r="N130148" s="10"/>
    </row>
    <row r="130149" spans="14:14">
      <c r="N130149" s="10"/>
    </row>
    <row r="130150" spans="14:14">
      <c r="N130150" s="10"/>
    </row>
    <row r="130151" spans="14:14">
      <c r="N130151" s="10"/>
    </row>
    <row r="130152" spans="14:14">
      <c r="N130152" s="10"/>
    </row>
    <row r="130153" spans="14:14">
      <c r="N130153" s="10"/>
    </row>
    <row r="130154" spans="14:14">
      <c r="N130154" s="10"/>
    </row>
    <row r="130155" spans="14:14">
      <c r="N130155" s="10"/>
    </row>
    <row r="130156" spans="14:14">
      <c r="N130156" s="10"/>
    </row>
    <row r="130157" spans="14:14">
      <c r="N130157" s="10"/>
    </row>
    <row r="130158" spans="14:14">
      <c r="N130158" s="10"/>
    </row>
    <row r="130159" spans="14:14">
      <c r="N130159" s="10"/>
    </row>
    <row r="130160" spans="14:14">
      <c r="N130160" s="10"/>
    </row>
    <row r="130161" spans="14:14">
      <c r="N130161" s="10"/>
    </row>
    <row r="130162" spans="14:14">
      <c r="N130162" s="10"/>
    </row>
    <row r="130163" spans="14:14">
      <c r="N130163" s="10"/>
    </row>
    <row r="130164" spans="14:14">
      <c r="N130164" s="10"/>
    </row>
    <row r="130165" spans="14:14">
      <c r="N130165" s="10"/>
    </row>
    <row r="130166" spans="14:14">
      <c r="N130166" s="10"/>
    </row>
    <row r="130167" spans="14:14">
      <c r="N130167" s="10"/>
    </row>
    <row r="130168" spans="14:14">
      <c r="N130168" s="10"/>
    </row>
    <row r="130169" spans="14:14">
      <c r="N130169" s="10"/>
    </row>
    <row r="130170" spans="14:14">
      <c r="N130170" s="10"/>
    </row>
    <row r="130171" spans="14:14">
      <c r="N130171" s="10"/>
    </row>
    <row r="130172" spans="14:14">
      <c r="N130172" s="10"/>
    </row>
    <row r="130173" spans="14:14">
      <c r="N130173" s="10"/>
    </row>
    <row r="130174" spans="14:14">
      <c r="N130174" s="10"/>
    </row>
    <row r="130175" spans="14:14">
      <c r="N130175" s="10"/>
    </row>
    <row r="130176" spans="14:14">
      <c r="N130176" s="10"/>
    </row>
    <row r="130177" spans="14:14">
      <c r="N130177" s="10"/>
    </row>
    <row r="130178" spans="14:14">
      <c r="N130178" s="10"/>
    </row>
    <row r="130179" spans="14:14">
      <c r="N130179" s="10"/>
    </row>
    <row r="130180" spans="14:14">
      <c r="N130180" s="10"/>
    </row>
    <row r="130181" spans="14:14">
      <c r="N130181" s="10"/>
    </row>
    <row r="130182" spans="14:14">
      <c r="N130182" s="10"/>
    </row>
    <row r="130183" spans="14:14">
      <c r="N130183" s="10"/>
    </row>
    <row r="130184" spans="14:14">
      <c r="N130184" s="10"/>
    </row>
    <row r="130185" spans="14:14">
      <c r="N130185" s="10"/>
    </row>
    <row r="130186" spans="14:14">
      <c r="N130186" s="10"/>
    </row>
    <row r="130187" spans="14:14">
      <c r="N130187" s="10"/>
    </row>
    <row r="130188" spans="14:14">
      <c r="N130188" s="10"/>
    </row>
    <row r="130189" spans="14:14">
      <c r="N130189" s="10"/>
    </row>
    <row r="130190" spans="14:14">
      <c r="N130190" s="10"/>
    </row>
    <row r="130191" spans="14:14">
      <c r="N130191" s="10"/>
    </row>
    <row r="130192" spans="14:14">
      <c r="N130192" s="10"/>
    </row>
    <row r="130193" spans="14:14">
      <c r="N130193" s="10"/>
    </row>
    <row r="130194" spans="14:14">
      <c r="N130194" s="10"/>
    </row>
    <row r="130195" spans="14:14">
      <c r="N130195" s="10"/>
    </row>
    <row r="130196" spans="14:14">
      <c r="N130196" s="10"/>
    </row>
    <row r="130197" spans="14:14">
      <c r="N130197" s="10"/>
    </row>
    <row r="130198" spans="14:14">
      <c r="N130198" s="10"/>
    </row>
    <row r="130199" spans="14:14">
      <c r="N130199" s="10"/>
    </row>
    <row r="130200" spans="14:14">
      <c r="N130200" s="10"/>
    </row>
    <row r="130201" spans="14:14">
      <c r="N130201" s="10"/>
    </row>
    <row r="130202" spans="14:14">
      <c r="N130202" s="10"/>
    </row>
    <row r="130203" spans="14:14">
      <c r="N130203" s="10"/>
    </row>
    <row r="130204" spans="14:14">
      <c r="N130204" s="10"/>
    </row>
    <row r="130205" spans="14:14">
      <c r="N130205" s="10"/>
    </row>
    <row r="130206" spans="14:14">
      <c r="N130206" s="10"/>
    </row>
    <row r="130207" spans="14:14">
      <c r="N130207" s="10"/>
    </row>
    <row r="130208" spans="14:14">
      <c r="N130208" s="10"/>
    </row>
    <row r="130209" spans="14:14">
      <c r="N130209" s="10"/>
    </row>
    <row r="130210" spans="14:14">
      <c r="N130210" s="10"/>
    </row>
    <row r="130211" spans="14:14">
      <c r="N130211" s="10"/>
    </row>
    <row r="130212" spans="14:14">
      <c r="N130212" s="10"/>
    </row>
    <row r="130213" spans="14:14">
      <c r="N130213" s="10"/>
    </row>
    <row r="130214" spans="14:14">
      <c r="N130214" s="10"/>
    </row>
    <row r="130215" spans="14:14">
      <c r="N130215" s="10"/>
    </row>
    <row r="130216" spans="14:14">
      <c r="N130216" s="10"/>
    </row>
    <row r="130217" spans="14:14">
      <c r="N130217" s="10"/>
    </row>
    <row r="130218" spans="14:14">
      <c r="N130218" s="10"/>
    </row>
    <row r="130219" spans="14:14">
      <c r="N130219" s="10"/>
    </row>
    <row r="130220" spans="14:14">
      <c r="N130220" s="10"/>
    </row>
    <row r="130221" spans="14:14">
      <c r="N130221" s="10"/>
    </row>
    <row r="130222" spans="14:14">
      <c r="N130222" s="10"/>
    </row>
    <row r="130223" spans="14:14">
      <c r="N130223" s="10"/>
    </row>
    <row r="130224" spans="14:14">
      <c r="N130224" s="10"/>
    </row>
    <row r="130225" spans="14:14">
      <c r="N130225" s="10"/>
    </row>
    <row r="130226" spans="14:14">
      <c r="N130226" s="10"/>
    </row>
    <row r="130227" spans="14:14">
      <c r="N130227" s="10"/>
    </row>
    <row r="130228" spans="14:14">
      <c r="N130228" s="10"/>
    </row>
    <row r="130229" spans="14:14">
      <c r="N130229" s="10"/>
    </row>
    <row r="130230" spans="14:14">
      <c r="N130230" s="10"/>
    </row>
    <row r="130231" spans="14:14">
      <c r="N130231" s="10"/>
    </row>
    <row r="130232" spans="14:14">
      <c r="N130232" s="10"/>
    </row>
    <row r="130233" spans="14:14">
      <c r="N130233" s="10"/>
    </row>
    <row r="130234" spans="14:14">
      <c r="N130234" s="10"/>
    </row>
    <row r="130235" spans="14:14">
      <c r="N130235" s="10"/>
    </row>
    <row r="130236" spans="14:14">
      <c r="N130236" s="10"/>
    </row>
    <row r="130237" spans="14:14">
      <c r="N130237" s="10"/>
    </row>
    <row r="130238" spans="14:14">
      <c r="N130238" s="10"/>
    </row>
    <row r="130239" spans="14:14">
      <c r="N130239" s="10"/>
    </row>
    <row r="130240" spans="14:14">
      <c r="N130240" s="10"/>
    </row>
    <row r="130241" spans="14:14">
      <c r="N130241" s="10"/>
    </row>
    <row r="130242" spans="14:14">
      <c r="N130242" s="10"/>
    </row>
    <row r="130243" spans="14:14">
      <c r="N130243" s="10"/>
    </row>
    <row r="130244" spans="14:14">
      <c r="N130244" s="10"/>
    </row>
    <row r="130245" spans="14:14">
      <c r="N130245" s="10"/>
    </row>
    <row r="130246" spans="14:14">
      <c r="N130246" s="10"/>
    </row>
    <row r="130247" spans="14:14">
      <c r="N130247" s="10"/>
    </row>
    <row r="130248" spans="14:14">
      <c r="N130248" s="10"/>
    </row>
    <row r="130249" spans="14:14">
      <c r="N130249" s="10"/>
    </row>
    <row r="130250" spans="14:14">
      <c r="N130250" s="10"/>
    </row>
    <row r="130251" spans="14:14">
      <c r="N130251" s="10"/>
    </row>
    <row r="130252" spans="14:14">
      <c r="N130252" s="10"/>
    </row>
    <row r="130253" spans="14:14">
      <c r="N130253" s="10"/>
    </row>
    <row r="130254" spans="14:14">
      <c r="N130254" s="10"/>
    </row>
    <row r="130255" spans="14:14">
      <c r="N130255" s="10"/>
    </row>
    <row r="130256" spans="14:14">
      <c r="N130256" s="10"/>
    </row>
    <row r="130257" spans="14:14">
      <c r="N130257" s="10"/>
    </row>
    <row r="130258" spans="14:14">
      <c r="N130258" s="10"/>
    </row>
    <row r="130259" spans="14:14">
      <c r="N130259" s="10"/>
    </row>
    <row r="130260" spans="14:14">
      <c r="N130260" s="10"/>
    </row>
    <row r="130261" spans="14:14">
      <c r="N130261" s="10"/>
    </row>
    <row r="130262" spans="14:14">
      <c r="N130262" s="10"/>
    </row>
    <row r="130263" spans="14:14">
      <c r="N130263" s="10"/>
    </row>
    <row r="130264" spans="14:14">
      <c r="N130264" s="10"/>
    </row>
    <row r="130265" spans="14:14">
      <c r="N130265" s="10"/>
    </row>
    <row r="130266" spans="14:14">
      <c r="N130266" s="10"/>
    </row>
    <row r="130267" spans="14:14">
      <c r="N130267" s="10"/>
    </row>
    <row r="130268" spans="14:14">
      <c r="N130268" s="10"/>
    </row>
    <row r="130269" spans="14:14">
      <c r="N130269" s="10"/>
    </row>
    <row r="130270" spans="14:14">
      <c r="N130270" s="10"/>
    </row>
    <row r="130271" spans="14:14">
      <c r="N130271" s="10"/>
    </row>
    <row r="130272" spans="14:14">
      <c r="N130272" s="10"/>
    </row>
    <row r="130273" spans="14:14">
      <c r="N130273" s="10"/>
    </row>
    <row r="130274" spans="14:14">
      <c r="N130274" s="10"/>
    </row>
    <row r="130275" spans="14:14">
      <c r="N130275" s="10"/>
    </row>
    <row r="130276" spans="14:14">
      <c r="N130276" s="10"/>
    </row>
    <row r="130277" spans="14:14">
      <c r="N130277" s="10"/>
    </row>
    <row r="130278" spans="14:14">
      <c r="N130278" s="10"/>
    </row>
    <row r="130279" spans="14:14">
      <c r="N130279" s="10"/>
    </row>
    <row r="130280" spans="14:14">
      <c r="N130280" s="10"/>
    </row>
    <row r="130281" spans="14:14">
      <c r="N130281" s="10"/>
    </row>
    <row r="130282" spans="14:14">
      <c r="N130282" s="10"/>
    </row>
    <row r="130283" spans="14:14">
      <c r="N130283" s="10"/>
    </row>
    <row r="130284" spans="14:14">
      <c r="N130284" s="10"/>
    </row>
    <row r="130285" spans="14:14">
      <c r="N130285" s="10"/>
    </row>
    <row r="130286" spans="14:14">
      <c r="N130286" s="10"/>
    </row>
    <row r="130287" spans="14:14">
      <c r="N130287" s="10"/>
    </row>
    <row r="130288" spans="14:14">
      <c r="N130288" s="10"/>
    </row>
    <row r="130289" spans="14:14">
      <c r="N130289" s="10"/>
    </row>
    <row r="130290" spans="14:14">
      <c r="N130290" s="10"/>
    </row>
    <row r="130291" spans="14:14">
      <c r="N130291" s="10"/>
    </row>
    <row r="130292" spans="14:14">
      <c r="N130292" s="10"/>
    </row>
    <row r="130293" spans="14:14">
      <c r="N130293" s="10"/>
    </row>
    <row r="130294" spans="14:14">
      <c r="N130294" s="10"/>
    </row>
    <row r="130295" spans="14:14">
      <c r="N130295" s="10"/>
    </row>
    <row r="130296" spans="14:14">
      <c r="N130296" s="10"/>
    </row>
    <row r="130297" spans="14:14">
      <c r="N130297" s="10"/>
    </row>
    <row r="130298" spans="14:14">
      <c r="N130298" s="10"/>
    </row>
    <row r="130299" spans="14:14">
      <c r="N130299" s="10"/>
    </row>
    <row r="130300" spans="14:14">
      <c r="N130300" s="10"/>
    </row>
    <row r="130301" spans="14:14">
      <c r="N130301" s="10"/>
    </row>
    <row r="130302" spans="14:14">
      <c r="N130302" s="10"/>
    </row>
    <row r="130303" spans="14:14">
      <c r="N130303" s="10"/>
    </row>
    <row r="130304" spans="14:14">
      <c r="N130304" s="10"/>
    </row>
    <row r="130305" spans="14:14">
      <c r="N130305" s="10"/>
    </row>
    <row r="130306" spans="14:14">
      <c r="N130306" s="10"/>
    </row>
    <row r="130307" spans="14:14">
      <c r="N130307" s="10"/>
    </row>
    <row r="130308" spans="14:14">
      <c r="N130308" s="10"/>
    </row>
    <row r="130309" spans="14:14">
      <c r="N130309" s="10"/>
    </row>
    <row r="130310" spans="14:14">
      <c r="N130310" s="10"/>
    </row>
    <row r="130311" spans="14:14">
      <c r="N130311" s="10"/>
    </row>
    <row r="130312" spans="14:14">
      <c r="N130312" s="10"/>
    </row>
    <row r="130313" spans="14:14">
      <c r="N130313" s="10"/>
    </row>
    <row r="130314" spans="14:14">
      <c r="N130314" s="10"/>
    </row>
    <row r="130315" spans="14:14">
      <c r="N130315" s="10"/>
    </row>
    <row r="130316" spans="14:14">
      <c r="N130316" s="10"/>
    </row>
    <row r="130317" spans="14:14">
      <c r="N130317" s="10"/>
    </row>
    <row r="130318" spans="14:14">
      <c r="N130318" s="10"/>
    </row>
    <row r="130319" spans="14:14">
      <c r="N130319" s="10"/>
    </row>
    <row r="130320" spans="14:14">
      <c r="N130320" s="10"/>
    </row>
    <row r="130321" spans="14:14">
      <c r="N130321" s="10"/>
    </row>
    <row r="130322" spans="14:14">
      <c r="N130322" s="10"/>
    </row>
    <row r="130323" spans="14:14">
      <c r="N130323" s="10"/>
    </row>
    <row r="130324" spans="14:14">
      <c r="N130324" s="10"/>
    </row>
    <row r="130325" spans="14:14">
      <c r="N130325" s="10"/>
    </row>
    <row r="130326" spans="14:14">
      <c r="N130326" s="10"/>
    </row>
    <row r="130327" spans="14:14">
      <c r="N130327" s="10"/>
    </row>
    <row r="130328" spans="14:14">
      <c r="N130328" s="10"/>
    </row>
    <row r="130329" spans="14:14">
      <c r="N130329" s="10"/>
    </row>
    <row r="130330" spans="14:14">
      <c r="N130330" s="10"/>
    </row>
    <row r="130331" spans="14:14">
      <c r="N130331" s="10"/>
    </row>
    <row r="130332" spans="14:14">
      <c r="N130332" s="10"/>
    </row>
    <row r="130333" spans="14:14">
      <c r="N130333" s="10"/>
    </row>
    <row r="130334" spans="14:14">
      <c r="N130334" s="10"/>
    </row>
    <row r="130335" spans="14:14">
      <c r="N130335" s="10"/>
    </row>
    <row r="130336" spans="14:14">
      <c r="N130336" s="10"/>
    </row>
    <row r="130337" spans="14:14">
      <c r="N130337" s="10"/>
    </row>
    <row r="130338" spans="14:14">
      <c r="N130338" s="10"/>
    </row>
    <row r="130339" spans="14:14">
      <c r="N130339" s="10"/>
    </row>
    <row r="130340" spans="14:14">
      <c r="N130340" s="10"/>
    </row>
    <row r="130341" spans="14:14">
      <c r="N130341" s="10"/>
    </row>
    <row r="130342" spans="14:14">
      <c r="N130342" s="10"/>
    </row>
    <row r="130343" spans="14:14">
      <c r="N130343" s="10"/>
    </row>
    <row r="130344" spans="14:14">
      <c r="N130344" s="10"/>
    </row>
    <row r="130345" spans="14:14">
      <c r="N130345" s="10"/>
    </row>
    <row r="130346" spans="14:14">
      <c r="N130346" s="10"/>
    </row>
    <row r="130347" spans="14:14">
      <c r="N130347" s="10"/>
    </row>
    <row r="130348" spans="14:14">
      <c r="N130348" s="10"/>
    </row>
    <row r="130349" spans="14:14">
      <c r="N130349" s="10"/>
    </row>
    <row r="130350" spans="14:14">
      <c r="N130350" s="10"/>
    </row>
    <row r="130351" spans="14:14">
      <c r="N130351" s="10"/>
    </row>
    <row r="130352" spans="14:14">
      <c r="N130352" s="10"/>
    </row>
    <row r="130353" spans="14:14">
      <c r="N130353" s="10"/>
    </row>
    <row r="130354" spans="14:14">
      <c r="N130354" s="10"/>
    </row>
    <row r="130355" spans="14:14">
      <c r="N130355" s="10"/>
    </row>
    <row r="130356" spans="14:14">
      <c r="N130356" s="10"/>
    </row>
    <row r="130357" spans="14:14">
      <c r="N130357" s="10"/>
    </row>
    <row r="130358" spans="14:14">
      <c r="N130358" s="10"/>
    </row>
    <row r="130359" spans="14:14">
      <c r="N130359" s="10"/>
    </row>
    <row r="130360" spans="14:14">
      <c r="N130360" s="10"/>
    </row>
    <row r="130361" spans="14:14">
      <c r="N130361" s="10"/>
    </row>
    <row r="130362" spans="14:14">
      <c r="N130362" s="10"/>
    </row>
    <row r="130363" spans="14:14">
      <c r="N130363" s="10"/>
    </row>
    <row r="130364" spans="14:14">
      <c r="N130364" s="10"/>
    </row>
    <row r="130365" spans="14:14">
      <c r="N130365" s="10"/>
    </row>
    <row r="130366" spans="14:14">
      <c r="N130366" s="10"/>
    </row>
    <row r="130367" spans="14:14">
      <c r="N130367" s="10"/>
    </row>
    <row r="130368" spans="14:14">
      <c r="N130368" s="10"/>
    </row>
    <row r="130369" spans="14:14">
      <c r="N130369" s="10"/>
    </row>
    <row r="130370" spans="14:14">
      <c r="N130370" s="10"/>
    </row>
    <row r="130371" spans="14:14">
      <c r="N130371" s="10"/>
    </row>
    <row r="130372" spans="14:14">
      <c r="N130372" s="10"/>
    </row>
    <row r="130373" spans="14:14">
      <c r="N130373" s="10"/>
    </row>
    <row r="130374" spans="14:14">
      <c r="N130374" s="10"/>
    </row>
    <row r="130375" spans="14:14">
      <c r="N130375" s="10"/>
    </row>
    <row r="130376" spans="14:14">
      <c r="N130376" s="10"/>
    </row>
    <row r="130377" spans="14:14">
      <c r="N130377" s="10"/>
    </row>
    <row r="130378" spans="14:14">
      <c r="N130378" s="10"/>
    </row>
    <row r="130379" spans="14:14">
      <c r="N130379" s="10"/>
    </row>
    <row r="130380" spans="14:14">
      <c r="N130380" s="10"/>
    </row>
    <row r="130381" spans="14:14">
      <c r="N130381" s="10"/>
    </row>
    <row r="130382" spans="14:14">
      <c r="N130382" s="10"/>
    </row>
    <row r="130383" spans="14:14">
      <c r="N130383" s="10"/>
    </row>
    <row r="130384" spans="14:14">
      <c r="N130384" s="10"/>
    </row>
    <row r="130385" spans="14:14">
      <c r="N130385" s="10"/>
    </row>
    <row r="130386" spans="14:14">
      <c r="N130386" s="10"/>
    </row>
    <row r="130387" spans="14:14">
      <c r="N130387" s="10"/>
    </row>
    <row r="130388" spans="14:14">
      <c r="N130388" s="10"/>
    </row>
    <row r="130389" spans="14:14">
      <c r="N130389" s="10"/>
    </row>
    <row r="130390" spans="14:14">
      <c r="N130390" s="10"/>
    </row>
    <row r="130391" spans="14:14">
      <c r="N130391" s="10"/>
    </row>
    <row r="130392" spans="14:14">
      <c r="N130392" s="10"/>
    </row>
    <row r="130393" spans="14:14">
      <c r="N130393" s="10"/>
    </row>
    <row r="130394" spans="14:14">
      <c r="N130394" s="10"/>
    </row>
    <row r="130395" spans="14:14">
      <c r="N130395" s="10"/>
    </row>
    <row r="130396" spans="14:14">
      <c r="N130396" s="10"/>
    </row>
    <row r="130397" spans="14:14">
      <c r="N130397" s="10"/>
    </row>
    <row r="130398" spans="14:14">
      <c r="N130398" s="10"/>
    </row>
    <row r="130399" spans="14:14">
      <c r="N130399" s="10"/>
    </row>
    <row r="130400" spans="14:14">
      <c r="N130400" s="10"/>
    </row>
    <row r="130401" spans="14:14">
      <c r="N130401" s="10"/>
    </row>
    <row r="130402" spans="14:14">
      <c r="N130402" s="10"/>
    </row>
    <row r="130403" spans="14:14">
      <c r="N130403" s="10"/>
    </row>
    <row r="130404" spans="14:14">
      <c r="N130404" s="10"/>
    </row>
    <row r="130405" spans="14:14">
      <c r="N130405" s="10"/>
    </row>
    <row r="130406" spans="14:14">
      <c r="N130406" s="10"/>
    </row>
    <row r="130407" spans="14:14">
      <c r="N130407" s="10"/>
    </row>
    <row r="130408" spans="14:14">
      <c r="N130408" s="10"/>
    </row>
    <row r="130409" spans="14:14">
      <c r="N130409" s="10"/>
    </row>
    <row r="130410" spans="14:14">
      <c r="N130410" s="10"/>
    </row>
    <row r="130411" spans="14:14">
      <c r="N130411" s="10"/>
    </row>
    <row r="130412" spans="14:14">
      <c r="N130412" s="10"/>
    </row>
    <row r="130413" spans="14:14">
      <c r="N130413" s="10"/>
    </row>
    <row r="130414" spans="14:14">
      <c r="N130414" s="10"/>
    </row>
    <row r="130415" spans="14:14">
      <c r="N130415" s="10"/>
    </row>
    <row r="130416" spans="14:14">
      <c r="N130416" s="10"/>
    </row>
    <row r="130417" spans="14:14">
      <c r="N130417" s="10"/>
    </row>
    <row r="130418" spans="14:14">
      <c r="N130418" s="10"/>
    </row>
    <row r="130419" spans="14:14">
      <c r="N130419" s="10"/>
    </row>
    <row r="130420" spans="14:14">
      <c r="N130420" s="10"/>
    </row>
    <row r="130421" spans="14:14">
      <c r="N130421" s="10"/>
    </row>
    <row r="130422" spans="14:14">
      <c r="N130422" s="10"/>
    </row>
    <row r="130423" spans="14:14">
      <c r="N130423" s="10"/>
    </row>
    <row r="130424" spans="14:14">
      <c r="N130424" s="10"/>
    </row>
    <row r="130425" spans="14:14">
      <c r="N130425" s="10"/>
    </row>
    <row r="130426" spans="14:14">
      <c r="N130426" s="10"/>
    </row>
    <row r="130427" spans="14:14">
      <c r="N130427" s="10"/>
    </row>
    <row r="130428" spans="14:14">
      <c r="N130428" s="10"/>
    </row>
    <row r="130429" spans="14:14">
      <c r="N130429" s="10"/>
    </row>
    <row r="130430" spans="14:14">
      <c r="N130430" s="10"/>
    </row>
    <row r="130431" spans="14:14">
      <c r="N130431" s="10"/>
    </row>
    <row r="130432" spans="14:14">
      <c r="N130432" s="10"/>
    </row>
    <row r="130433" spans="14:14">
      <c r="N130433" s="10"/>
    </row>
    <row r="130434" spans="14:14">
      <c r="N130434" s="10"/>
    </row>
    <row r="130435" spans="14:14">
      <c r="N130435" s="10"/>
    </row>
    <row r="130436" spans="14:14">
      <c r="N130436" s="10"/>
    </row>
    <row r="130437" spans="14:14">
      <c r="N130437" s="10"/>
    </row>
    <row r="130438" spans="14:14">
      <c r="N130438" s="10"/>
    </row>
    <row r="130439" spans="14:14">
      <c r="N130439" s="10"/>
    </row>
    <row r="130440" spans="14:14">
      <c r="N130440" s="10"/>
    </row>
    <row r="130441" spans="14:14">
      <c r="N130441" s="10"/>
    </row>
    <row r="130442" spans="14:14">
      <c r="N130442" s="10"/>
    </row>
    <row r="130443" spans="14:14">
      <c r="N130443" s="10"/>
    </row>
    <row r="130444" spans="14:14">
      <c r="N130444" s="10"/>
    </row>
    <row r="130445" spans="14:14">
      <c r="N130445" s="10"/>
    </row>
    <row r="130446" spans="14:14">
      <c r="N130446" s="10"/>
    </row>
    <row r="130447" spans="14:14">
      <c r="N130447" s="10"/>
    </row>
    <row r="130448" spans="14:14">
      <c r="N130448" s="10"/>
    </row>
    <row r="130449" spans="14:14">
      <c r="N130449" s="10"/>
    </row>
    <row r="130450" spans="14:14">
      <c r="N130450" s="10"/>
    </row>
    <row r="130451" spans="14:14">
      <c r="N130451" s="10"/>
    </row>
    <row r="130452" spans="14:14">
      <c r="N130452" s="10"/>
    </row>
    <row r="130453" spans="14:14">
      <c r="N130453" s="10"/>
    </row>
    <row r="130454" spans="14:14">
      <c r="N130454" s="10"/>
    </row>
    <row r="130455" spans="14:14">
      <c r="N130455" s="10"/>
    </row>
    <row r="130456" spans="14:14">
      <c r="N130456" s="10"/>
    </row>
    <row r="130457" spans="14:14">
      <c r="N130457" s="10"/>
    </row>
    <row r="130458" spans="14:14">
      <c r="N130458" s="10"/>
    </row>
    <row r="130459" spans="14:14">
      <c r="N130459" s="10"/>
    </row>
    <row r="130460" spans="14:14">
      <c r="N130460" s="10"/>
    </row>
    <row r="130461" spans="14:14">
      <c r="N130461" s="10"/>
    </row>
    <row r="130462" spans="14:14">
      <c r="N130462" s="10"/>
    </row>
    <row r="130463" spans="14:14">
      <c r="N130463" s="10"/>
    </row>
    <row r="130464" spans="14:14">
      <c r="N130464" s="10"/>
    </row>
    <row r="130465" spans="14:14">
      <c r="N130465" s="10"/>
    </row>
    <row r="130466" spans="14:14">
      <c r="N130466" s="10"/>
    </row>
    <row r="130467" spans="14:14">
      <c r="N130467" s="10"/>
    </row>
    <row r="130468" spans="14:14">
      <c r="N130468" s="10"/>
    </row>
    <row r="130469" spans="14:14">
      <c r="N130469" s="10"/>
    </row>
    <row r="130470" spans="14:14">
      <c r="N130470" s="10"/>
    </row>
    <row r="130471" spans="14:14">
      <c r="N130471" s="10"/>
    </row>
    <row r="130472" spans="14:14">
      <c r="N130472" s="10"/>
    </row>
    <row r="130473" spans="14:14">
      <c r="N130473" s="10"/>
    </row>
    <row r="130474" spans="14:14">
      <c r="N130474" s="10"/>
    </row>
    <row r="130475" spans="14:14">
      <c r="N130475" s="10"/>
    </row>
    <row r="130476" spans="14:14">
      <c r="N130476" s="10"/>
    </row>
    <row r="130477" spans="14:14">
      <c r="N130477" s="10"/>
    </row>
    <row r="130478" spans="14:14">
      <c r="N130478" s="10"/>
    </row>
    <row r="130479" spans="14:14">
      <c r="N130479" s="10"/>
    </row>
    <row r="130480" spans="14:14">
      <c r="N130480" s="10"/>
    </row>
    <row r="130481" spans="14:14">
      <c r="N130481" s="10"/>
    </row>
    <row r="130482" spans="14:14">
      <c r="N130482" s="10"/>
    </row>
    <row r="130483" spans="14:14">
      <c r="N130483" s="10"/>
    </row>
    <row r="130484" spans="14:14">
      <c r="N130484" s="10"/>
    </row>
    <row r="130485" spans="14:14">
      <c r="N130485" s="10"/>
    </row>
    <row r="130486" spans="14:14">
      <c r="N130486" s="10"/>
    </row>
    <row r="130487" spans="14:14">
      <c r="N130487" s="10"/>
    </row>
    <row r="130488" spans="14:14">
      <c r="N130488" s="10"/>
    </row>
    <row r="130489" spans="14:14">
      <c r="N130489" s="10"/>
    </row>
    <row r="130490" spans="14:14">
      <c r="N130490" s="10"/>
    </row>
    <row r="130491" spans="14:14">
      <c r="N130491" s="10"/>
    </row>
    <row r="130492" spans="14:14">
      <c r="N130492" s="10"/>
    </row>
    <row r="130493" spans="14:14">
      <c r="N130493" s="10"/>
    </row>
    <row r="130494" spans="14:14">
      <c r="N130494" s="10"/>
    </row>
    <row r="130495" spans="14:14">
      <c r="N130495" s="10"/>
    </row>
    <row r="130496" spans="14:14">
      <c r="N130496" s="10"/>
    </row>
    <row r="130497" spans="14:14">
      <c r="N130497" s="10"/>
    </row>
    <row r="130498" spans="14:14">
      <c r="N130498" s="10"/>
    </row>
    <row r="130499" spans="14:14">
      <c r="N130499" s="10"/>
    </row>
    <row r="130500" spans="14:14">
      <c r="N130500" s="10"/>
    </row>
    <row r="130501" spans="14:14">
      <c r="N130501" s="10"/>
    </row>
    <row r="130502" spans="14:14">
      <c r="N130502" s="10"/>
    </row>
    <row r="130503" spans="14:14">
      <c r="N130503" s="10"/>
    </row>
    <row r="130504" spans="14:14">
      <c r="N130504" s="10"/>
    </row>
    <row r="130505" spans="14:14">
      <c r="N130505" s="10"/>
    </row>
    <row r="130506" spans="14:14">
      <c r="N130506" s="10"/>
    </row>
    <row r="130507" spans="14:14">
      <c r="N130507" s="10"/>
    </row>
    <row r="130508" spans="14:14">
      <c r="N130508" s="10"/>
    </row>
    <row r="130509" spans="14:14">
      <c r="N130509" s="10"/>
    </row>
    <row r="130510" spans="14:14">
      <c r="N130510" s="10"/>
    </row>
    <row r="130511" spans="14:14">
      <c r="N130511" s="10"/>
    </row>
    <row r="130512" spans="14:14">
      <c r="N130512" s="10"/>
    </row>
    <row r="130513" spans="14:14">
      <c r="N130513" s="10"/>
    </row>
    <row r="130514" spans="14:14">
      <c r="N130514" s="10"/>
    </row>
    <row r="130515" spans="14:14">
      <c r="N130515" s="10"/>
    </row>
    <row r="130516" spans="14:14">
      <c r="N130516" s="10"/>
    </row>
    <row r="130517" spans="14:14">
      <c r="N130517" s="10"/>
    </row>
    <row r="130518" spans="14:14">
      <c r="N130518" s="10"/>
    </row>
    <row r="130519" spans="14:14">
      <c r="N130519" s="10"/>
    </row>
    <row r="130520" spans="14:14">
      <c r="N130520" s="10"/>
    </row>
    <row r="130521" spans="14:14">
      <c r="N130521" s="10"/>
    </row>
    <row r="130522" spans="14:14">
      <c r="N130522" s="10"/>
    </row>
    <row r="130523" spans="14:14">
      <c r="N130523" s="10"/>
    </row>
    <row r="130524" spans="14:14">
      <c r="N130524" s="10"/>
    </row>
    <row r="130525" spans="14:14">
      <c r="N130525" s="10"/>
    </row>
    <row r="130526" spans="14:14">
      <c r="N130526" s="10"/>
    </row>
    <row r="130527" spans="14:14">
      <c r="N130527" s="10"/>
    </row>
    <row r="130528" spans="14:14">
      <c r="N130528" s="10"/>
    </row>
    <row r="130529" spans="14:14">
      <c r="N130529" s="10"/>
    </row>
    <row r="130530" spans="14:14">
      <c r="N130530" s="10"/>
    </row>
    <row r="130531" spans="14:14">
      <c r="N130531" s="10"/>
    </row>
    <row r="130532" spans="14:14">
      <c r="N130532" s="10"/>
    </row>
    <row r="130533" spans="14:14">
      <c r="N130533" s="10"/>
    </row>
    <row r="130534" spans="14:14">
      <c r="N130534" s="10"/>
    </row>
    <row r="130535" spans="14:14">
      <c r="N130535" s="10"/>
    </row>
    <row r="130536" spans="14:14">
      <c r="N130536" s="10"/>
    </row>
    <row r="130537" spans="14:14">
      <c r="N130537" s="10"/>
    </row>
    <row r="130538" spans="14:14">
      <c r="N130538" s="10"/>
    </row>
    <row r="130539" spans="14:14">
      <c r="N130539" s="10"/>
    </row>
    <row r="130540" spans="14:14">
      <c r="N130540" s="10"/>
    </row>
    <row r="130541" spans="14:14">
      <c r="N130541" s="10"/>
    </row>
    <row r="130542" spans="14:14">
      <c r="N130542" s="10"/>
    </row>
    <row r="130543" spans="14:14">
      <c r="N130543" s="10"/>
    </row>
    <row r="130544" spans="14:14">
      <c r="N130544" s="10"/>
    </row>
    <row r="130545" spans="14:14">
      <c r="N130545" s="10"/>
    </row>
    <row r="130546" spans="14:14">
      <c r="N130546" s="10"/>
    </row>
    <row r="130547" spans="14:14">
      <c r="N130547" s="10"/>
    </row>
    <row r="130548" spans="14:14">
      <c r="N130548" s="10"/>
    </row>
    <row r="130549" spans="14:14">
      <c r="N130549" s="10"/>
    </row>
    <row r="130550" spans="14:14">
      <c r="N130550" s="10"/>
    </row>
    <row r="130551" spans="14:14">
      <c r="N130551" s="10"/>
    </row>
    <row r="130552" spans="14:14">
      <c r="N130552" s="10"/>
    </row>
    <row r="130553" spans="14:14">
      <c r="N130553" s="10"/>
    </row>
    <row r="130554" spans="14:14">
      <c r="N130554" s="10"/>
    </row>
    <row r="130555" spans="14:14">
      <c r="N130555" s="10"/>
    </row>
    <row r="130556" spans="14:14">
      <c r="N130556" s="10"/>
    </row>
    <row r="130557" spans="14:14">
      <c r="N130557" s="10"/>
    </row>
    <row r="130558" spans="14:14">
      <c r="N130558" s="10"/>
    </row>
    <row r="130559" spans="14:14">
      <c r="N130559" s="10"/>
    </row>
    <row r="130560" spans="14:14">
      <c r="N130560" s="10"/>
    </row>
    <row r="130561" spans="14:14">
      <c r="N130561" s="10"/>
    </row>
    <row r="130562" spans="14:14">
      <c r="N130562" s="10"/>
    </row>
    <row r="130563" spans="14:14">
      <c r="N130563" s="10"/>
    </row>
    <row r="130564" spans="14:14">
      <c r="N130564" s="10"/>
    </row>
    <row r="130565" spans="14:14">
      <c r="N130565" s="10"/>
    </row>
    <row r="130566" spans="14:14">
      <c r="N130566" s="10"/>
    </row>
    <row r="130567" spans="14:14">
      <c r="N130567" s="10"/>
    </row>
    <row r="130568" spans="14:14">
      <c r="N130568" s="10"/>
    </row>
    <row r="130569" spans="14:14">
      <c r="N130569" s="10"/>
    </row>
    <row r="130570" spans="14:14">
      <c r="N130570" s="10"/>
    </row>
    <row r="130571" spans="14:14">
      <c r="N130571" s="10"/>
    </row>
    <row r="130572" spans="14:14">
      <c r="N130572" s="10"/>
    </row>
    <row r="130573" spans="14:14">
      <c r="N130573" s="10"/>
    </row>
    <row r="130574" spans="14:14">
      <c r="N130574" s="10"/>
    </row>
    <row r="130575" spans="14:14">
      <c r="N130575" s="10"/>
    </row>
    <row r="130576" spans="14:14">
      <c r="N130576" s="10"/>
    </row>
    <row r="130577" spans="14:14">
      <c r="N130577" s="10"/>
    </row>
    <row r="130578" spans="14:14">
      <c r="N130578" s="10"/>
    </row>
    <row r="130579" spans="14:14">
      <c r="N130579" s="10"/>
    </row>
    <row r="130580" spans="14:14">
      <c r="N130580" s="10"/>
    </row>
    <row r="130581" spans="14:14">
      <c r="N130581" s="10"/>
    </row>
    <row r="130582" spans="14:14">
      <c r="N130582" s="10"/>
    </row>
    <row r="130583" spans="14:14">
      <c r="N130583" s="10"/>
    </row>
    <row r="130584" spans="14:14">
      <c r="N130584" s="10"/>
    </row>
    <row r="130585" spans="14:14">
      <c r="N130585" s="10"/>
    </row>
    <row r="130586" spans="14:14">
      <c r="N130586" s="10"/>
    </row>
    <row r="130587" spans="14:14">
      <c r="N130587" s="10"/>
    </row>
    <row r="130588" spans="14:14">
      <c r="N130588" s="10"/>
    </row>
    <row r="130589" spans="14:14">
      <c r="N130589" s="10"/>
    </row>
    <row r="130590" spans="14:14">
      <c r="N130590" s="10"/>
    </row>
    <row r="130591" spans="14:14">
      <c r="N130591" s="10"/>
    </row>
    <row r="130592" spans="14:14">
      <c r="N130592" s="10"/>
    </row>
    <row r="130593" spans="14:14">
      <c r="N130593" s="10"/>
    </row>
    <row r="130594" spans="14:14">
      <c r="N130594" s="10"/>
    </row>
    <row r="130595" spans="14:14">
      <c r="N130595" s="10"/>
    </row>
    <row r="130596" spans="14:14">
      <c r="N130596" s="10"/>
    </row>
    <row r="130597" spans="14:14">
      <c r="N130597" s="10"/>
    </row>
    <row r="130598" spans="14:14">
      <c r="N130598" s="10"/>
    </row>
    <row r="130599" spans="14:14">
      <c r="N130599" s="10"/>
    </row>
    <row r="130600" spans="14:14">
      <c r="N130600" s="10"/>
    </row>
    <row r="130601" spans="14:14">
      <c r="N130601" s="10"/>
    </row>
    <row r="130602" spans="14:14">
      <c r="N130602" s="10"/>
    </row>
    <row r="130603" spans="14:14">
      <c r="N130603" s="10"/>
    </row>
    <row r="130604" spans="14:14">
      <c r="N130604" s="10"/>
    </row>
    <row r="130605" spans="14:14">
      <c r="N130605" s="10"/>
    </row>
    <row r="130606" spans="14:14">
      <c r="N130606" s="10"/>
    </row>
    <row r="130607" spans="14:14">
      <c r="N130607" s="10"/>
    </row>
    <row r="130608" spans="14:14">
      <c r="N130608" s="10"/>
    </row>
    <row r="130609" spans="14:14">
      <c r="N130609" s="10"/>
    </row>
    <row r="130610" spans="14:14">
      <c r="N130610" s="10"/>
    </row>
    <row r="130611" spans="14:14">
      <c r="N130611" s="10"/>
    </row>
    <row r="130612" spans="14:14">
      <c r="N130612" s="10"/>
    </row>
    <row r="130613" spans="14:14">
      <c r="N130613" s="10"/>
    </row>
    <row r="130614" spans="14:14">
      <c r="N130614" s="10"/>
    </row>
    <row r="130615" spans="14:14">
      <c r="N130615" s="10"/>
    </row>
    <row r="130616" spans="14:14">
      <c r="N130616" s="10"/>
    </row>
    <row r="130617" spans="14:14">
      <c r="N130617" s="10"/>
    </row>
    <row r="130618" spans="14:14">
      <c r="N130618" s="10"/>
    </row>
    <row r="130619" spans="14:14">
      <c r="N130619" s="10"/>
    </row>
    <row r="130620" spans="14:14">
      <c r="N130620" s="10"/>
    </row>
    <row r="130621" spans="14:14">
      <c r="N130621" s="10"/>
    </row>
    <row r="130622" spans="14:14">
      <c r="N130622" s="10"/>
    </row>
    <row r="130623" spans="14:14">
      <c r="N130623" s="10"/>
    </row>
    <row r="130624" spans="14:14">
      <c r="N130624" s="10"/>
    </row>
    <row r="130625" spans="14:14">
      <c r="N130625" s="10"/>
    </row>
    <row r="130626" spans="14:14">
      <c r="N130626" s="10"/>
    </row>
    <row r="130627" spans="14:14">
      <c r="N130627" s="10"/>
    </row>
    <row r="130628" spans="14:14">
      <c r="N130628" s="10"/>
    </row>
    <row r="130629" spans="14:14">
      <c r="N130629" s="10"/>
    </row>
    <row r="130630" spans="14:14">
      <c r="N130630" s="10"/>
    </row>
    <row r="130631" spans="14:14">
      <c r="N130631" s="10"/>
    </row>
    <row r="130632" spans="14:14">
      <c r="N130632" s="10"/>
    </row>
    <row r="130633" spans="14:14">
      <c r="N130633" s="10"/>
    </row>
    <row r="130634" spans="14:14">
      <c r="N130634" s="10"/>
    </row>
    <row r="130635" spans="14:14">
      <c r="N130635" s="10"/>
    </row>
    <row r="130636" spans="14:14">
      <c r="N130636" s="10"/>
    </row>
    <row r="130637" spans="14:14">
      <c r="N130637" s="10"/>
    </row>
    <row r="130638" spans="14:14">
      <c r="N130638" s="10"/>
    </row>
    <row r="130639" spans="14:14">
      <c r="N130639" s="10"/>
    </row>
    <row r="130640" spans="14:14">
      <c r="N130640" s="10"/>
    </row>
    <row r="130641" spans="14:14">
      <c r="N130641" s="10"/>
    </row>
    <row r="130642" spans="14:14">
      <c r="N130642" s="10"/>
    </row>
    <row r="130643" spans="14:14">
      <c r="N130643" s="10"/>
    </row>
    <row r="130644" spans="14:14">
      <c r="N130644" s="10"/>
    </row>
    <row r="130645" spans="14:14">
      <c r="N130645" s="10"/>
    </row>
    <row r="130646" spans="14:14">
      <c r="N130646" s="10"/>
    </row>
    <row r="130647" spans="14:14">
      <c r="N130647" s="10"/>
    </row>
    <row r="130648" spans="14:14">
      <c r="N130648" s="10"/>
    </row>
    <row r="130649" spans="14:14">
      <c r="N130649" s="10"/>
    </row>
    <row r="130650" spans="14:14">
      <c r="N130650" s="10"/>
    </row>
    <row r="130651" spans="14:14">
      <c r="N130651" s="10"/>
    </row>
    <row r="130652" spans="14:14">
      <c r="N130652" s="10"/>
    </row>
    <row r="130653" spans="14:14">
      <c r="N130653" s="10"/>
    </row>
    <row r="130654" spans="14:14">
      <c r="N130654" s="10"/>
    </row>
    <row r="130655" spans="14:14">
      <c r="N130655" s="10"/>
    </row>
    <row r="130656" spans="14:14">
      <c r="N130656" s="10"/>
    </row>
    <row r="130657" spans="14:14">
      <c r="N130657" s="10"/>
    </row>
    <row r="130658" spans="14:14">
      <c r="N130658" s="10"/>
    </row>
    <row r="130659" spans="14:14">
      <c r="N130659" s="10"/>
    </row>
    <row r="130660" spans="14:14">
      <c r="N130660" s="10"/>
    </row>
    <row r="130661" spans="14:14">
      <c r="N130661" s="10"/>
    </row>
    <row r="130662" spans="14:14">
      <c r="N130662" s="10"/>
    </row>
    <row r="130663" spans="14:14">
      <c r="N130663" s="10"/>
    </row>
    <row r="130664" spans="14:14">
      <c r="N130664" s="10"/>
    </row>
    <row r="130665" spans="14:14">
      <c r="N130665" s="10"/>
    </row>
    <row r="130666" spans="14:14">
      <c r="N130666" s="10"/>
    </row>
    <row r="130667" spans="14:14">
      <c r="N130667" s="10"/>
    </row>
    <row r="130668" spans="14:14">
      <c r="N130668" s="10"/>
    </row>
    <row r="130669" spans="14:14">
      <c r="N130669" s="10"/>
    </row>
    <row r="130670" spans="14:14">
      <c r="N130670" s="10"/>
    </row>
    <row r="130671" spans="14:14">
      <c r="N130671" s="10"/>
    </row>
    <row r="130672" spans="14:14">
      <c r="N130672" s="10"/>
    </row>
    <row r="130673" spans="14:14">
      <c r="N130673" s="10"/>
    </row>
    <row r="130674" spans="14:14">
      <c r="N130674" s="10"/>
    </row>
    <row r="130675" spans="14:14">
      <c r="N130675" s="10"/>
    </row>
    <row r="130676" spans="14:14">
      <c r="N130676" s="10"/>
    </row>
    <row r="130677" spans="14:14">
      <c r="N130677" s="10"/>
    </row>
    <row r="130678" spans="14:14">
      <c r="N130678" s="10"/>
    </row>
    <row r="130679" spans="14:14">
      <c r="N130679" s="10"/>
    </row>
    <row r="130680" spans="14:14">
      <c r="N130680" s="10"/>
    </row>
    <row r="130681" spans="14:14">
      <c r="N130681" s="10"/>
    </row>
    <row r="130682" spans="14:14">
      <c r="N130682" s="10"/>
    </row>
    <row r="130683" spans="14:14">
      <c r="N130683" s="10"/>
    </row>
    <row r="130684" spans="14:14">
      <c r="N130684" s="10"/>
    </row>
    <row r="130685" spans="14:14">
      <c r="N130685" s="10"/>
    </row>
    <row r="130686" spans="14:14">
      <c r="N130686" s="10"/>
    </row>
    <row r="130687" spans="14:14">
      <c r="N130687" s="10"/>
    </row>
    <row r="130688" spans="14:14">
      <c r="N130688" s="10"/>
    </row>
    <row r="130689" spans="14:14">
      <c r="N130689" s="10"/>
    </row>
    <row r="130690" spans="14:14">
      <c r="N130690" s="10"/>
    </row>
    <row r="130691" spans="14:14">
      <c r="N130691" s="10"/>
    </row>
    <row r="130692" spans="14:14">
      <c r="N130692" s="10"/>
    </row>
    <row r="130693" spans="14:14">
      <c r="N130693" s="10"/>
    </row>
    <row r="130694" spans="14:14">
      <c r="N130694" s="10"/>
    </row>
    <row r="130695" spans="14:14">
      <c r="N130695" s="10"/>
    </row>
    <row r="130696" spans="14:14">
      <c r="N130696" s="10"/>
    </row>
    <row r="130697" spans="14:14">
      <c r="N130697" s="10"/>
    </row>
    <row r="130698" spans="14:14">
      <c r="N130698" s="10"/>
    </row>
    <row r="130699" spans="14:14">
      <c r="N130699" s="10"/>
    </row>
    <row r="130700" spans="14:14">
      <c r="N130700" s="10"/>
    </row>
    <row r="130701" spans="14:14">
      <c r="N130701" s="10"/>
    </row>
    <row r="130702" spans="14:14">
      <c r="N130702" s="10"/>
    </row>
    <row r="130703" spans="14:14">
      <c r="N130703" s="10"/>
    </row>
    <row r="130704" spans="14:14">
      <c r="N130704" s="10"/>
    </row>
    <row r="130705" spans="14:14">
      <c r="N130705" s="10"/>
    </row>
    <row r="130706" spans="14:14">
      <c r="N130706" s="10"/>
    </row>
    <row r="130707" spans="14:14">
      <c r="N130707" s="10"/>
    </row>
    <row r="130708" spans="14:14">
      <c r="N130708" s="10"/>
    </row>
    <row r="130709" spans="14:14">
      <c r="N130709" s="10"/>
    </row>
    <row r="130710" spans="14:14">
      <c r="N130710" s="10"/>
    </row>
    <row r="130711" spans="14:14">
      <c r="N130711" s="10"/>
    </row>
    <row r="130712" spans="14:14">
      <c r="N130712" s="10"/>
    </row>
    <row r="130713" spans="14:14">
      <c r="N130713" s="10"/>
    </row>
    <row r="130714" spans="14:14">
      <c r="N130714" s="10"/>
    </row>
    <row r="130715" spans="14:14">
      <c r="N130715" s="10"/>
    </row>
    <row r="130716" spans="14:14">
      <c r="N130716" s="10"/>
    </row>
    <row r="130717" spans="14:14">
      <c r="N130717" s="10"/>
    </row>
    <row r="130718" spans="14:14">
      <c r="N130718" s="10"/>
    </row>
    <row r="130719" spans="14:14">
      <c r="N130719" s="10"/>
    </row>
    <row r="130720" spans="14:14">
      <c r="N130720" s="10"/>
    </row>
    <row r="130721" spans="14:14">
      <c r="N130721" s="10"/>
    </row>
    <row r="130722" spans="14:14">
      <c r="N130722" s="10"/>
    </row>
    <row r="130723" spans="14:14">
      <c r="N130723" s="10"/>
    </row>
    <row r="130724" spans="14:14">
      <c r="N130724" s="10"/>
    </row>
    <row r="130725" spans="14:14">
      <c r="N130725" s="10"/>
    </row>
    <row r="130726" spans="14:14">
      <c r="N130726" s="10"/>
    </row>
    <row r="130727" spans="14:14">
      <c r="N130727" s="10"/>
    </row>
    <row r="130728" spans="14:14">
      <c r="N130728" s="10"/>
    </row>
    <row r="130729" spans="14:14">
      <c r="N130729" s="10"/>
    </row>
    <row r="130730" spans="14:14">
      <c r="N130730" s="10"/>
    </row>
    <row r="130731" spans="14:14">
      <c r="N130731" s="10"/>
    </row>
    <row r="130732" spans="14:14">
      <c r="N130732" s="10"/>
    </row>
    <row r="130733" spans="14:14">
      <c r="N130733" s="10"/>
    </row>
    <row r="130734" spans="14:14">
      <c r="N130734" s="10"/>
    </row>
    <row r="130735" spans="14:14">
      <c r="N130735" s="10"/>
    </row>
    <row r="130736" spans="14:14">
      <c r="N130736" s="10"/>
    </row>
    <row r="130737" spans="14:14">
      <c r="N130737" s="10"/>
    </row>
    <row r="130738" spans="14:14">
      <c r="N130738" s="10"/>
    </row>
    <row r="130739" spans="14:14">
      <c r="N130739" s="10"/>
    </row>
    <row r="130740" spans="14:14">
      <c r="N130740" s="10"/>
    </row>
    <row r="130741" spans="14:14">
      <c r="N130741" s="10"/>
    </row>
    <row r="130742" spans="14:14">
      <c r="N130742" s="10"/>
    </row>
    <row r="130743" spans="14:14">
      <c r="N130743" s="10"/>
    </row>
    <row r="130744" spans="14:14">
      <c r="N130744" s="10"/>
    </row>
    <row r="130745" spans="14:14">
      <c r="N130745" s="10"/>
    </row>
    <row r="130746" spans="14:14">
      <c r="N130746" s="10"/>
    </row>
    <row r="130747" spans="14:14">
      <c r="N130747" s="10"/>
    </row>
    <row r="130748" spans="14:14">
      <c r="N130748" s="10"/>
    </row>
    <row r="130749" spans="14:14">
      <c r="N130749" s="10"/>
    </row>
    <row r="130750" spans="14:14">
      <c r="N130750" s="10"/>
    </row>
    <row r="130751" spans="14:14">
      <c r="N130751" s="10"/>
    </row>
    <row r="130752" spans="14:14">
      <c r="N130752" s="10"/>
    </row>
    <row r="130753" spans="14:14">
      <c r="N130753" s="10"/>
    </row>
    <row r="130754" spans="14:14">
      <c r="N130754" s="10"/>
    </row>
    <row r="130755" spans="14:14">
      <c r="N130755" s="10"/>
    </row>
    <row r="130756" spans="14:14">
      <c r="N130756" s="10"/>
    </row>
    <row r="130757" spans="14:14">
      <c r="N130757" s="10"/>
    </row>
    <row r="130758" spans="14:14">
      <c r="N130758" s="10"/>
    </row>
    <row r="130759" spans="14:14">
      <c r="N130759" s="10"/>
    </row>
    <row r="130760" spans="14:14">
      <c r="N130760" s="10"/>
    </row>
    <row r="130761" spans="14:14">
      <c r="N130761" s="10"/>
    </row>
    <row r="130762" spans="14:14">
      <c r="N130762" s="10"/>
    </row>
    <row r="130763" spans="14:14">
      <c r="N130763" s="10"/>
    </row>
    <row r="130764" spans="14:14">
      <c r="N130764" s="10"/>
    </row>
    <row r="130765" spans="14:14">
      <c r="N130765" s="10"/>
    </row>
    <row r="130766" spans="14:14">
      <c r="N130766" s="10"/>
    </row>
    <row r="130767" spans="14:14">
      <c r="N130767" s="10"/>
    </row>
    <row r="130768" spans="14:14">
      <c r="N130768" s="10"/>
    </row>
    <row r="130769" spans="14:14">
      <c r="N130769" s="10"/>
    </row>
    <row r="130770" spans="14:14">
      <c r="N130770" s="10"/>
    </row>
    <row r="130771" spans="14:14">
      <c r="N130771" s="10"/>
    </row>
    <row r="130772" spans="14:14">
      <c r="N130772" s="10"/>
    </row>
    <row r="130773" spans="14:14">
      <c r="N130773" s="10"/>
    </row>
    <row r="130774" spans="14:14">
      <c r="N130774" s="10"/>
    </row>
    <row r="130775" spans="14:14">
      <c r="N130775" s="10"/>
    </row>
    <row r="130776" spans="14:14">
      <c r="N130776" s="10"/>
    </row>
    <row r="130777" spans="14:14">
      <c r="N130777" s="10"/>
    </row>
    <row r="130778" spans="14:14">
      <c r="N130778" s="10"/>
    </row>
    <row r="130779" spans="14:14">
      <c r="N130779" s="10"/>
    </row>
    <row r="130780" spans="14:14">
      <c r="N130780" s="10"/>
    </row>
    <row r="130781" spans="14:14">
      <c r="N130781" s="10"/>
    </row>
    <row r="130782" spans="14:14">
      <c r="N130782" s="10"/>
    </row>
    <row r="130783" spans="14:14">
      <c r="N130783" s="10"/>
    </row>
    <row r="130784" spans="14:14">
      <c r="N130784" s="10"/>
    </row>
    <row r="130785" spans="14:14">
      <c r="N130785" s="10"/>
    </row>
    <row r="130786" spans="14:14">
      <c r="N130786" s="10"/>
    </row>
    <row r="130787" spans="14:14">
      <c r="N130787" s="10"/>
    </row>
    <row r="130788" spans="14:14">
      <c r="N130788" s="10"/>
    </row>
    <row r="130789" spans="14:14">
      <c r="N130789" s="10"/>
    </row>
    <row r="130790" spans="14:14">
      <c r="N130790" s="10"/>
    </row>
    <row r="130791" spans="14:14">
      <c r="N130791" s="10"/>
    </row>
    <row r="130792" spans="14:14">
      <c r="N130792" s="10"/>
    </row>
    <row r="130793" spans="14:14">
      <c r="N130793" s="10"/>
    </row>
    <row r="130794" spans="14:14">
      <c r="N130794" s="10"/>
    </row>
    <row r="130795" spans="14:14">
      <c r="N130795" s="10"/>
    </row>
    <row r="130796" spans="14:14">
      <c r="N130796" s="10"/>
    </row>
    <row r="130797" spans="14:14">
      <c r="N130797" s="10"/>
    </row>
    <row r="130798" spans="14:14">
      <c r="N130798" s="10"/>
    </row>
    <row r="130799" spans="14:14">
      <c r="N130799" s="10"/>
    </row>
    <row r="130800" spans="14:14">
      <c r="N130800" s="10"/>
    </row>
    <row r="130801" spans="14:14">
      <c r="N130801" s="10"/>
    </row>
    <row r="130802" spans="14:14">
      <c r="N130802" s="10"/>
    </row>
    <row r="130803" spans="14:14">
      <c r="N130803" s="10"/>
    </row>
    <row r="130804" spans="14:14">
      <c r="N130804" s="10"/>
    </row>
    <row r="130805" spans="14:14">
      <c r="N130805" s="10"/>
    </row>
    <row r="130806" spans="14:14">
      <c r="N130806" s="10"/>
    </row>
    <row r="130807" spans="14:14">
      <c r="N130807" s="10"/>
    </row>
    <row r="130808" spans="14:14">
      <c r="N130808" s="10"/>
    </row>
    <row r="130809" spans="14:14">
      <c r="N130809" s="10"/>
    </row>
    <row r="130810" spans="14:14">
      <c r="N130810" s="10"/>
    </row>
    <row r="130811" spans="14:14">
      <c r="N130811" s="10"/>
    </row>
    <row r="130812" spans="14:14">
      <c r="N130812" s="10"/>
    </row>
    <row r="130813" spans="14:14">
      <c r="N130813" s="10"/>
    </row>
    <row r="130814" spans="14:14">
      <c r="N130814" s="10"/>
    </row>
    <row r="130815" spans="14:14">
      <c r="N130815" s="10"/>
    </row>
    <row r="130816" spans="14:14">
      <c r="N130816" s="10"/>
    </row>
    <row r="130817" spans="14:14">
      <c r="N130817" s="10"/>
    </row>
    <row r="130818" spans="14:14">
      <c r="N130818" s="10"/>
    </row>
    <row r="130819" spans="14:14">
      <c r="N130819" s="10"/>
    </row>
    <row r="130820" spans="14:14">
      <c r="N130820" s="10"/>
    </row>
    <row r="130821" spans="14:14">
      <c r="N130821" s="10"/>
    </row>
    <row r="130822" spans="14:14">
      <c r="N130822" s="10"/>
    </row>
    <row r="130823" spans="14:14">
      <c r="N130823" s="10"/>
    </row>
    <row r="130824" spans="14:14">
      <c r="N130824" s="10"/>
    </row>
    <row r="130825" spans="14:14">
      <c r="N130825" s="10"/>
    </row>
    <row r="130826" spans="14:14">
      <c r="N130826" s="10"/>
    </row>
    <row r="130827" spans="14:14">
      <c r="N130827" s="10"/>
    </row>
    <row r="130828" spans="14:14">
      <c r="N130828" s="10"/>
    </row>
    <row r="130829" spans="14:14">
      <c r="N130829" s="10"/>
    </row>
    <row r="130830" spans="14:14">
      <c r="N130830" s="10"/>
    </row>
    <row r="130831" spans="14:14">
      <c r="N130831" s="10"/>
    </row>
    <row r="130832" spans="14:14">
      <c r="N130832" s="10"/>
    </row>
    <row r="130833" spans="14:14">
      <c r="N130833" s="10"/>
    </row>
    <row r="130834" spans="14:14">
      <c r="N130834" s="10"/>
    </row>
    <row r="130835" spans="14:14">
      <c r="N130835" s="10"/>
    </row>
    <row r="130836" spans="14:14">
      <c r="N130836" s="10"/>
    </row>
    <row r="130837" spans="14:14">
      <c r="N130837" s="10"/>
    </row>
    <row r="130838" spans="14:14">
      <c r="N130838" s="10"/>
    </row>
    <row r="130839" spans="14:14">
      <c r="N130839" s="10"/>
    </row>
    <row r="130840" spans="14:14">
      <c r="N130840" s="10"/>
    </row>
    <row r="130841" spans="14:14">
      <c r="N130841" s="10"/>
    </row>
    <row r="130842" spans="14:14">
      <c r="N130842" s="10"/>
    </row>
    <row r="130843" spans="14:14">
      <c r="N130843" s="10"/>
    </row>
    <row r="130844" spans="14:14">
      <c r="N130844" s="10"/>
    </row>
    <row r="130845" spans="14:14">
      <c r="N130845" s="10"/>
    </row>
    <row r="130846" spans="14:14">
      <c r="N130846" s="10"/>
    </row>
    <row r="130847" spans="14:14">
      <c r="N130847" s="10"/>
    </row>
    <row r="130848" spans="14:14">
      <c r="N130848" s="10"/>
    </row>
    <row r="130849" spans="14:14">
      <c r="N130849" s="10"/>
    </row>
    <row r="130850" spans="14:14">
      <c r="N130850" s="10"/>
    </row>
    <row r="130851" spans="14:14">
      <c r="N130851" s="10"/>
    </row>
    <row r="130852" spans="14:14">
      <c r="N130852" s="10"/>
    </row>
    <row r="130853" spans="14:14">
      <c r="N130853" s="10"/>
    </row>
    <row r="130854" spans="14:14">
      <c r="N130854" s="10"/>
    </row>
    <row r="130855" spans="14:14">
      <c r="N130855" s="10"/>
    </row>
    <row r="130856" spans="14:14">
      <c r="N130856" s="10"/>
    </row>
    <row r="130857" spans="14:14">
      <c r="N130857" s="10"/>
    </row>
    <row r="130858" spans="14:14">
      <c r="N130858" s="10"/>
    </row>
    <row r="130859" spans="14:14">
      <c r="N130859" s="10"/>
    </row>
    <row r="130860" spans="14:14">
      <c r="N130860" s="10"/>
    </row>
    <row r="130861" spans="14:14">
      <c r="N130861" s="10"/>
    </row>
    <row r="130862" spans="14:14">
      <c r="N130862" s="10"/>
    </row>
    <row r="130863" spans="14:14">
      <c r="N130863" s="10"/>
    </row>
    <row r="130864" spans="14:14">
      <c r="N130864" s="10"/>
    </row>
    <row r="130865" spans="14:14">
      <c r="N130865" s="10"/>
    </row>
    <row r="130866" spans="14:14">
      <c r="N130866" s="10"/>
    </row>
    <row r="130867" spans="14:14">
      <c r="N130867" s="10"/>
    </row>
    <row r="130868" spans="14:14">
      <c r="N130868" s="10"/>
    </row>
    <row r="130869" spans="14:14">
      <c r="N130869" s="10"/>
    </row>
    <row r="130870" spans="14:14">
      <c r="N130870" s="10"/>
    </row>
    <row r="130871" spans="14:14">
      <c r="N130871" s="10"/>
    </row>
    <row r="130872" spans="14:14">
      <c r="N130872" s="10"/>
    </row>
    <row r="130873" spans="14:14">
      <c r="N130873" s="10"/>
    </row>
    <row r="130874" spans="14:14">
      <c r="N130874" s="10"/>
    </row>
    <row r="130875" spans="14:14">
      <c r="N130875" s="10"/>
    </row>
    <row r="130876" spans="14:14">
      <c r="N130876" s="10"/>
    </row>
    <row r="130877" spans="14:14">
      <c r="N130877" s="10"/>
    </row>
    <row r="130878" spans="14:14">
      <c r="N130878" s="10"/>
    </row>
    <row r="130879" spans="14:14">
      <c r="N130879" s="10"/>
    </row>
    <row r="130880" spans="14:14">
      <c r="N130880" s="10"/>
    </row>
    <row r="130881" spans="14:14">
      <c r="N130881" s="10"/>
    </row>
    <row r="130882" spans="14:14">
      <c r="N130882" s="10"/>
    </row>
    <row r="130883" spans="14:14">
      <c r="N130883" s="10"/>
    </row>
    <row r="130884" spans="14:14">
      <c r="N130884" s="10"/>
    </row>
    <row r="130885" spans="14:14">
      <c r="N130885" s="10"/>
    </row>
    <row r="130886" spans="14:14">
      <c r="N130886" s="10"/>
    </row>
    <row r="130887" spans="14:14">
      <c r="N130887" s="10"/>
    </row>
    <row r="130888" spans="14:14">
      <c r="N130888" s="10"/>
    </row>
    <row r="130889" spans="14:14">
      <c r="N130889" s="10"/>
    </row>
    <row r="130890" spans="14:14">
      <c r="N130890" s="10"/>
    </row>
    <row r="130891" spans="14:14">
      <c r="N130891" s="10"/>
    </row>
    <row r="130892" spans="14:14">
      <c r="N130892" s="10"/>
    </row>
    <row r="130893" spans="14:14">
      <c r="N130893" s="10"/>
    </row>
    <row r="130894" spans="14:14">
      <c r="N130894" s="10"/>
    </row>
    <row r="130895" spans="14:14">
      <c r="N130895" s="10"/>
    </row>
    <row r="130896" spans="14:14">
      <c r="N130896" s="10"/>
    </row>
    <row r="130897" spans="14:14">
      <c r="N130897" s="10"/>
    </row>
    <row r="130898" spans="14:14">
      <c r="N130898" s="10"/>
    </row>
    <row r="130899" spans="14:14">
      <c r="N130899" s="10"/>
    </row>
    <row r="130900" spans="14:14">
      <c r="N130900" s="10"/>
    </row>
    <row r="130901" spans="14:14">
      <c r="N130901" s="10"/>
    </row>
    <row r="130902" spans="14:14">
      <c r="N130902" s="10"/>
    </row>
    <row r="130903" spans="14:14">
      <c r="N130903" s="10"/>
    </row>
    <row r="130904" spans="14:14">
      <c r="N130904" s="10"/>
    </row>
    <row r="130905" spans="14:14">
      <c r="N130905" s="10"/>
    </row>
    <row r="130906" spans="14:14">
      <c r="N130906" s="10"/>
    </row>
    <row r="130907" spans="14:14">
      <c r="N130907" s="10"/>
    </row>
    <row r="130908" spans="14:14">
      <c r="N130908" s="10"/>
    </row>
    <row r="130909" spans="14:14">
      <c r="N130909" s="10"/>
    </row>
    <row r="130910" spans="14:14">
      <c r="N130910" s="10"/>
    </row>
    <row r="130911" spans="14:14">
      <c r="N130911" s="10"/>
    </row>
    <row r="130912" spans="14:14">
      <c r="N130912" s="10"/>
    </row>
    <row r="130913" spans="14:14">
      <c r="N130913" s="10"/>
    </row>
    <row r="130914" spans="14:14">
      <c r="N130914" s="10"/>
    </row>
    <row r="130915" spans="14:14">
      <c r="N130915" s="10"/>
    </row>
    <row r="130916" spans="14:14">
      <c r="N130916" s="10"/>
    </row>
    <row r="130917" spans="14:14">
      <c r="N130917" s="10"/>
    </row>
    <row r="130918" spans="14:14">
      <c r="N130918" s="10"/>
    </row>
    <row r="130919" spans="14:14">
      <c r="N130919" s="10"/>
    </row>
    <row r="130920" spans="14:14">
      <c r="N130920" s="10"/>
    </row>
    <row r="130921" spans="14:14">
      <c r="N130921" s="10"/>
    </row>
    <row r="130922" spans="14:14">
      <c r="N130922" s="10"/>
    </row>
    <row r="130923" spans="14:14">
      <c r="N130923" s="10"/>
    </row>
    <row r="130924" spans="14:14">
      <c r="N130924" s="10"/>
    </row>
    <row r="130925" spans="14:14">
      <c r="N130925" s="10"/>
    </row>
    <row r="130926" spans="14:14">
      <c r="N130926" s="10"/>
    </row>
    <row r="130927" spans="14:14">
      <c r="N130927" s="10"/>
    </row>
    <row r="130928" spans="14:14">
      <c r="N130928" s="10"/>
    </row>
    <row r="130929" spans="14:14">
      <c r="N130929" s="10"/>
    </row>
    <row r="130930" spans="14:14">
      <c r="N130930" s="10"/>
    </row>
    <row r="130931" spans="14:14">
      <c r="N130931" s="10"/>
    </row>
    <row r="130932" spans="14:14">
      <c r="N130932" s="10"/>
    </row>
    <row r="130933" spans="14:14">
      <c r="N130933" s="10"/>
    </row>
    <row r="130934" spans="14:14">
      <c r="N130934" s="10"/>
    </row>
    <row r="130935" spans="14:14">
      <c r="N130935" s="10"/>
    </row>
    <row r="130936" spans="14:14">
      <c r="N130936" s="10"/>
    </row>
    <row r="130937" spans="14:14">
      <c r="N130937" s="10"/>
    </row>
    <row r="130938" spans="14:14">
      <c r="N130938" s="10"/>
    </row>
    <row r="130939" spans="14:14">
      <c r="N130939" s="10"/>
    </row>
    <row r="130940" spans="14:14">
      <c r="N130940" s="10"/>
    </row>
    <row r="130941" spans="14:14">
      <c r="N130941" s="10"/>
    </row>
    <row r="130942" spans="14:14">
      <c r="N130942" s="10"/>
    </row>
    <row r="130943" spans="14:14">
      <c r="N130943" s="10"/>
    </row>
    <row r="130944" spans="14:14">
      <c r="N130944" s="10"/>
    </row>
    <row r="130945" spans="14:14">
      <c r="N130945" s="10"/>
    </row>
    <row r="130946" spans="14:14">
      <c r="N130946" s="10"/>
    </row>
    <row r="130947" spans="14:14">
      <c r="N130947" s="10"/>
    </row>
    <row r="130948" spans="14:14">
      <c r="N130948" s="10"/>
    </row>
    <row r="130949" spans="14:14">
      <c r="N130949" s="10"/>
    </row>
    <row r="130950" spans="14:14">
      <c r="N130950" s="10"/>
    </row>
    <row r="130951" spans="14:14">
      <c r="N130951" s="10"/>
    </row>
    <row r="130952" spans="14:14">
      <c r="N130952" s="10"/>
    </row>
    <row r="130953" spans="14:14">
      <c r="N130953" s="10"/>
    </row>
    <row r="130954" spans="14:14">
      <c r="N130954" s="10"/>
    </row>
    <row r="130955" spans="14:14">
      <c r="N130955" s="10"/>
    </row>
    <row r="130956" spans="14:14">
      <c r="N130956" s="10"/>
    </row>
    <row r="130957" spans="14:14">
      <c r="N130957" s="10"/>
    </row>
    <row r="130958" spans="14:14">
      <c r="N130958" s="10"/>
    </row>
    <row r="130959" spans="14:14">
      <c r="N130959" s="10"/>
    </row>
    <row r="130960" spans="14:14">
      <c r="N130960" s="10"/>
    </row>
    <row r="130961" spans="14:14">
      <c r="N130961" s="10"/>
    </row>
    <row r="130962" spans="14:14">
      <c r="N130962" s="10"/>
    </row>
    <row r="130963" spans="14:14">
      <c r="N130963" s="10"/>
    </row>
    <row r="130964" spans="14:14">
      <c r="N130964" s="10"/>
    </row>
    <row r="130965" spans="14:14">
      <c r="N130965" s="10"/>
    </row>
    <row r="130966" spans="14:14">
      <c r="N130966" s="10"/>
    </row>
    <row r="130967" spans="14:14">
      <c r="N130967" s="10"/>
    </row>
    <row r="130968" spans="14:14">
      <c r="N130968" s="10"/>
    </row>
    <row r="130969" spans="14:14">
      <c r="N130969" s="10"/>
    </row>
    <row r="130970" spans="14:14">
      <c r="N130970" s="10"/>
    </row>
    <row r="130971" spans="14:14">
      <c r="N130971" s="10"/>
    </row>
    <row r="130972" spans="14:14">
      <c r="N130972" s="10"/>
    </row>
    <row r="130973" spans="14:14">
      <c r="N130973" s="10"/>
    </row>
    <row r="130974" spans="14:14">
      <c r="N130974" s="10"/>
    </row>
    <row r="130975" spans="14:14">
      <c r="N130975" s="10"/>
    </row>
    <row r="130976" spans="14:14">
      <c r="N130976" s="10"/>
    </row>
    <row r="130977" spans="14:14">
      <c r="N130977" s="10"/>
    </row>
    <row r="130978" spans="14:14">
      <c r="N130978" s="10"/>
    </row>
    <row r="130979" spans="14:14">
      <c r="N130979" s="10"/>
    </row>
    <row r="130980" spans="14:14">
      <c r="N130980" s="10"/>
    </row>
    <row r="130981" spans="14:14">
      <c r="N130981" s="10"/>
    </row>
    <row r="130982" spans="14:14">
      <c r="N130982" s="10"/>
    </row>
    <row r="130983" spans="14:14">
      <c r="N130983" s="10"/>
    </row>
    <row r="130984" spans="14:14">
      <c r="N130984" s="10"/>
    </row>
    <row r="130985" spans="14:14">
      <c r="N130985" s="10"/>
    </row>
    <row r="130986" spans="14:14">
      <c r="N130986" s="10"/>
    </row>
    <row r="130987" spans="14:14">
      <c r="N130987" s="10"/>
    </row>
    <row r="130988" spans="14:14">
      <c r="N130988" s="10"/>
    </row>
    <row r="130989" spans="14:14">
      <c r="N130989" s="10"/>
    </row>
    <row r="130990" spans="14:14">
      <c r="N130990" s="10"/>
    </row>
    <row r="130991" spans="14:14">
      <c r="N130991" s="10"/>
    </row>
    <row r="130992" spans="14:14">
      <c r="N130992" s="10"/>
    </row>
    <row r="130993" spans="14:14">
      <c r="N130993" s="10"/>
    </row>
    <row r="130994" spans="14:14">
      <c r="N130994" s="10"/>
    </row>
    <row r="130995" spans="14:14">
      <c r="N130995" s="10"/>
    </row>
    <row r="130996" spans="14:14">
      <c r="N130996" s="10"/>
    </row>
    <row r="130997" spans="14:14">
      <c r="N130997" s="10"/>
    </row>
    <row r="130998" spans="14:14">
      <c r="N130998" s="10"/>
    </row>
    <row r="130999" spans="14:14">
      <c r="N130999" s="10"/>
    </row>
    <row r="131000" spans="14:14">
      <c r="N131000" s="10"/>
    </row>
    <row r="131001" spans="14:14">
      <c r="N131001" s="10"/>
    </row>
    <row r="131002" spans="14:14">
      <c r="N131002" s="10"/>
    </row>
    <row r="131003" spans="14:14">
      <c r="N131003" s="10"/>
    </row>
    <row r="131004" spans="14:14">
      <c r="N131004" s="10"/>
    </row>
    <row r="131005" spans="14:14">
      <c r="N131005" s="10"/>
    </row>
    <row r="131006" spans="14:14">
      <c r="N131006" s="10"/>
    </row>
    <row r="131007" spans="14:14">
      <c r="N131007" s="10"/>
    </row>
    <row r="131008" spans="14:14">
      <c r="N131008" s="10"/>
    </row>
    <row r="131009" spans="14:14">
      <c r="N131009" s="10"/>
    </row>
    <row r="131010" spans="14:14">
      <c r="N131010" s="10"/>
    </row>
    <row r="131011" spans="14:14">
      <c r="N131011" s="10"/>
    </row>
    <row r="131012" spans="14:14">
      <c r="N131012" s="10"/>
    </row>
    <row r="131013" spans="14:14">
      <c r="N131013" s="10"/>
    </row>
    <row r="131014" spans="14:14">
      <c r="N131014" s="10"/>
    </row>
    <row r="131015" spans="14:14">
      <c r="N131015" s="10"/>
    </row>
    <row r="131016" spans="14:14">
      <c r="N131016" s="10"/>
    </row>
    <row r="131017" spans="14:14">
      <c r="N131017" s="10"/>
    </row>
    <row r="131018" spans="14:14">
      <c r="N131018" s="10"/>
    </row>
    <row r="131019" spans="14:14">
      <c r="N131019" s="10"/>
    </row>
    <row r="131020" spans="14:14">
      <c r="N131020" s="10"/>
    </row>
    <row r="131021" spans="14:14">
      <c r="N131021" s="10"/>
    </row>
    <row r="131022" spans="14:14">
      <c r="N131022" s="10"/>
    </row>
    <row r="131023" spans="14:14">
      <c r="N131023" s="10"/>
    </row>
    <row r="131024" spans="14:14">
      <c r="N131024" s="10"/>
    </row>
    <row r="131025" spans="14:14">
      <c r="N131025" s="10"/>
    </row>
    <row r="131026" spans="14:14">
      <c r="N131026" s="10"/>
    </row>
    <row r="131027" spans="14:14">
      <c r="N131027" s="10"/>
    </row>
    <row r="131028" spans="14:14">
      <c r="N131028" s="10"/>
    </row>
    <row r="131029" spans="14:14">
      <c r="N131029" s="10"/>
    </row>
    <row r="131030" spans="14:14">
      <c r="N131030" s="10"/>
    </row>
    <row r="131031" spans="14:14">
      <c r="N131031" s="10"/>
    </row>
    <row r="131032" spans="14:14">
      <c r="N131032" s="10"/>
    </row>
    <row r="131033" spans="14:14">
      <c r="N131033" s="10"/>
    </row>
    <row r="131034" spans="14:14">
      <c r="N131034" s="10"/>
    </row>
    <row r="131035" spans="14:14">
      <c r="N131035" s="10"/>
    </row>
    <row r="131036" spans="14:14">
      <c r="N131036" s="10"/>
    </row>
    <row r="131037" spans="14:14">
      <c r="N131037" s="10"/>
    </row>
    <row r="131038" spans="14:14">
      <c r="N131038" s="10"/>
    </row>
    <row r="131039" spans="14:14">
      <c r="N131039" s="10"/>
    </row>
    <row r="131040" spans="14:14">
      <c r="N131040" s="10"/>
    </row>
    <row r="131041" spans="14:14">
      <c r="N131041" s="10"/>
    </row>
    <row r="131042" spans="14:14">
      <c r="N131042" s="10"/>
    </row>
    <row r="131043" spans="14:14">
      <c r="N131043" s="10"/>
    </row>
    <row r="131044" spans="14:14">
      <c r="N131044" s="10"/>
    </row>
    <row r="131045" spans="14:14">
      <c r="N131045" s="10"/>
    </row>
    <row r="131046" spans="14:14">
      <c r="N131046" s="10"/>
    </row>
    <row r="131047" spans="14:14">
      <c r="N131047" s="10"/>
    </row>
    <row r="131048" spans="14:14">
      <c r="N131048" s="10"/>
    </row>
    <row r="131049" spans="14:14">
      <c r="N131049" s="10"/>
    </row>
    <row r="131050" spans="14:14">
      <c r="N131050" s="10"/>
    </row>
    <row r="131051" spans="14:14">
      <c r="N131051" s="10"/>
    </row>
    <row r="131052" spans="14:14">
      <c r="N131052" s="10"/>
    </row>
    <row r="131053" spans="14:14">
      <c r="N131053" s="10"/>
    </row>
    <row r="131054" spans="14:14">
      <c r="N131054" s="10"/>
    </row>
    <row r="131055" spans="14:14">
      <c r="N131055" s="10"/>
    </row>
    <row r="131056" spans="14:14">
      <c r="N131056" s="10"/>
    </row>
    <row r="131057" spans="14:14">
      <c r="N131057" s="10"/>
    </row>
    <row r="131058" spans="14:14">
      <c r="N131058" s="10"/>
    </row>
    <row r="131059" spans="14:14">
      <c r="N131059" s="10"/>
    </row>
    <row r="131060" spans="14:14">
      <c r="N131060" s="10"/>
    </row>
    <row r="131061" spans="14:14">
      <c r="N131061" s="10"/>
    </row>
    <row r="131062" spans="14:14">
      <c r="N131062" s="10"/>
    </row>
    <row r="131063" spans="14:14">
      <c r="N131063" s="10"/>
    </row>
    <row r="131064" spans="14:14">
      <c r="N131064" s="10"/>
    </row>
    <row r="131065" spans="14:14">
      <c r="N131065" s="10"/>
    </row>
    <row r="131066" spans="14:14">
      <c r="N131066" s="10"/>
    </row>
    <row r="131067" spans="14:14">
      <c r="N131067" s="10"/>
    </row>
    <row r="131068" spans="14:14">
      <c r="N131068" s="10"/>
    </row>
    <row r="131069" spans="14:14">
      <c r="N131069" s="10"/>
    </row>
    <row r="131070" spans="14:14">
      <c r="N131070" s="10"/>
    </row>
    <row r="131071" spans="14:14">
      <c r="N131071" s="10"/>
    </row>
    <row r="131072" spans="14:14">
      <c r="N131072" s="10"/>
    </row>
    <row r="131073" spans="14:14">
      <c r="N131073" s="10"/>
    </row>
    <row r="131074" spans="14:14">
      <c r="N131074" s="10"/>
    </row>
    <row r="131075" spans="14:14">
      <c r="N131075" s="10"/>
    </row>
    <row r="131076" spans="14:14">
      <c r="N131076" s="10"/>
    </row>
    <row r="131077" spans="14:14">
      <c r="N131077" s="10"/>
    </row>
    <row r="131078" spans="14:14">
      <c r="N131078" s="10"/>
    </row>
    <row r="131079" spans="14:14">
      <c r="N131079" s="10"/>
    </row>
    <row r="131080" spans="14:14">
      <c r="N131080" s="10"/>
    </row>
    <row r="131081" spans="14:14">
      <c r="N131081" s="10"/>
    </row>
    <row r="131082" spans="14:14">
      <c r="N131082" s="10"/>
    </row>
    <row r="131083" spans="14:14">
      <c r="N131083" s="10"/>
    </row>
    <row r="131084" spans="14:14">
      <c r="N131084" s="10"/>
    </row>
    <row r="131085" spans="14:14">
      <c r="N131085" s="10"/>
    </row>
    <row r="131086" spans="14:14">
      <c r="N131086" s="10"/>
    </row>
    <row r="131087" spans="14:14">
      <c r="N131087" s="10"/>
    </row>
    <row r="131088" spans="14:14">
      <c r="N131088" s="10"/>
    </row>
    <row r="131089" spans="14:14">
      <c r="N131089" s="10"/>
    </row>
    <row r="131090" spans="14:14">
      <c r="N131090" s="10"/>
    </row>
    <row r="131091" spans="14:14">
      <c r="N131091" s="10"/>
    </row>
    <row r="131092" spans="14:14">
      <c r="N131092" s="10"/>
    </row>
    <row r="131093" spans="14:14">
      <c r="N131093" s="10"/>
    </row>
    <row r="131094" spans="14:14">
      <c r="N131094" s="10"/>
    </row>
    <row r="131095" spans="14:14">
      <c r="N131095" s="10"/>
    </row>
    <row r="131096" spans="14:14">
      <c r="N131096" s="10"/>
    </row>
    <row r="131097" spans="14:14">
      <c r="N131097" s="10"/>
    </row>
    <row r="131098" spans="14:14">
      <c r="N131098" s="10"/>
    </row>
    <row r="131099" spans="14:14">
      <c r="N131099" s="10"/>
    </row>
    <row r="131100" spans="14:14">
      <c r="N131100" s="10"/>
    </row>
    <row r="131101" spans="14:14">
      <c r="N131101" s="10"/>
    </row>
    <row r="131102" spans="14:14">
      <c r="N131102" s="10"/>
    </row>
    <row r="131103" spans="14:14">
      <c r="N131103" s="10"/>
    </row>
    <row r="131104" spans="14:14">
      <c r="N131104" s="10"/>
    </row>
    <row r="131105" spans="14:14">
      <c r="N131105" s="10"/>
    </row>
    <row r="131106" spans="14:14">
      <c r="N131106" s="10"/>
    </row>
    <row r="131107" spans="14:14">
      <c r="N131107" s="10"/>
    </row>
    <row r="131108" spans="14:14">
      <c r="N131108" s="10"/>
    </row>
    <row r="131109" spans="14:14">
      <c r="N131109" s="10"/>
    </row>
    <row r="131110" spans="14:14">
      <c r="N131110" s="10"/>
    </row>
    <row r="131111" spans="14:14">
      <c r="N131111" s="10"/>
    </row>
    <row r="131112" spans="14:14">
      <c r="N131112" s="10"/>
    </row>
    <row r="131113" spans="14:14">
      <c r="N131113" s="10"/>
    </row>
    <row r="131114" spans="14:14">
      <c r="N131114" s="10"/>
    </row>
    <row r="131115" spans="14:14">
      <c r="N131115" s="10"/>
    </row>
    <row r="131116" spans="14:14">
      <c r="N131116" s="10"/>
    </row>
    <row r="131117" spans="14:14">
      <c r="N131117" s="10"/>
    </row>
    <row r="131118" spans="14:14">
      <c r="N131118" s="10"/>
    </row>
    <row r="131119" spans="14:14">
      <c r="N131119" s="10"/>
    </row>
    <row r="131120" spans="14:14">
      <c r="N131120" s="10"/>
    </row>
    <row r="131121" spans="14:14">
      <c r="N131121" s="10"/>
    </row>
    <row r="131122" spans="14:14">
      <c r="N131122" s="10"/>
    </row>
    <row r="131123" spans="14:14">
      <c r="N131123" s="10"/>
    </row>
    <row r="131124" spans="14:14">
      <c r="N131124" s="10"/>
    </row>
    <row r="131125" spans="14:14">
      <c r="N131125" s="10"/>
    </row>
    <row r="131126" spans="14:14">
      <c r="N131126" s="10"/>
    </row>
    <row r="131127" spans="14:14">
      <c r="N131127" s="10"/>
    </row>
    <row r="131128" spans="14:14">
      <c r="N131128" s="10"/>
    </row>
    <row r="131129" spans="14:14">
      <c r="N131129" s="10"/>
    </row>
    <row r="131130" spans="14:14">
      <c r="N131130" s="10"/>
    </row>
    <row r="131131" spans="14:14">
      <c r="N131131" s="10"/>
    </row>
    <row r="131132" spans="14:14">
      <c r="N131132" s="10"/>
    </row>
    <row r="131133" spans="14:14">
      <c r="N131133" s="10"/>
    </row>
    <row r="131134" spans="14:14">
      <c r="N131134" s="10"/>
    </row>
    <row r="131135" spans="14:14">
      <c r="N131135" s="10"/>
    </row>
    <row r="131136" spans="14:14">
      <c r="N131136" s="10"/>
    </row>
    <row r="131137" spans="14:14">
      <c r="N131137" s="10"/>
    </row>
    <row r="131138" spans="14:14">
      <c r="N131138" s="10"/>
    </row>
    <row r="131139" spans="14:14">
      <c r="N131139" s="10"/>
    </row>
    <row r="131140" spans="14:14">
      <c r="N131140" s="10"/>
    </row>
    <row r="131141" spans="14:14">
      <c r="N131141" s="10"/>
    </row>
    <row r="131142" spans="14:14">
      <c r="N131142" s="10"/>
    </row>
    <row r="131143" spans="14:14">
      <c r="N131143" s="10"/>
    </row>
    <row r="131144" spans="14:14">
      <c r="N131144" s="10"/>
    </row>
    <row r="131145" spans="14:14">
      <c r="N131145" s="10"/>
    </row>
    <row r="131146" spans="14:14">
      <c r="N131146" s="10"/>
    </row>
    <row r="131147" spans="14:14">
      <c r="N131147" s="10"/>
    </row>
    <row r="131148" spans="14:14">
      <c r="N131148" s="10"/>
    </row>
    <row r="131149" spans="14:14">
      <c r="N131149" s="10"/>
    </row>
    <row r="131150" spans="14:14">
      <c r="N131150" s="10"/>
    </row>
    <row r="131151" spans="14:14">
      <c r="N131151" s="10"/>
    </row>
    <row r="131152" spans="14:14">
      <c r="N131152" s="10"/>
    </row>
    <row r="131153" spans="14:14">
      <c r="N131153" s="10"/>
    </row>
    <row r="131154" spans="14:14">
      <c r="N131154" s="10"/>
    </row>
    <row r="131155" spans="14:14">
      <c r="N131155" s="10"/>
    </row>
    <row r="131156" spans="14:14">
      <c r="N131156" s="10"/>
    </row>
    <row r="131157" spans="14:14">
      <c r="N131157" s="10"/>
    </row>
    <row r="131158" spans="14:14">
      <c r="N131158" s="10"/>
    </row>
    <row r="131159" spans="14:14">
      <c r="N131159" s="10"/>
    </row>
    <row r="131160" spans="14:14">
      <c r="N131160" s="10"/>
    </row>
    <row r="131161" spans="14:14">
      <c r="N131161" s="10"/>
    </row>
    <row r="131162" spans="14:14">
      <c r="N131162" s="10"/>
    </row>
    <row r="131163" spans="14:14">
      <c r="N131163" s="10"/>
    </row>
    <row r="131164" spans="14:14">
      <c r="N131164" s="10"/>
    </row>
    <row r="131165" spans="14:14">
      <c r="N131165" s="10"/>
    </row>
    <row r="131166" spans="14:14">
      <c r="N131166" s="10"/>
    </row>
    <row r="131167" spans="14:14">
      <c r="N131167" s="10"/>
    </row>
    <row r="131168" spans="14:14">
      <c r="N131168" s="10"/>
    </row>
    <row r="131169" spans="14:14">
      <c r="N131169" s="10"/>
    </row>
    <row r="131170" spans="14:14">
      <c r="N131170" s="10"/>
    </row>
    <row r="131171" spans="14:14">
      <c r="N131171" s="10"/>
    </row>
    <row r="131172" spans="14:14">
      <c r="N131172" s="10"/>
    </row>
    <row r="131173" spans="14:14">
      <c r="N131173" s="10"/>
    </row>
    <row r="131174" spans="14:14">
      <c r="N131174" s="10"/>
    </row>
    <row r="131175" spans="14:14">
      <c r="N131175" s="10"/>
    </row>
    <row r="131176" spans="14:14">
      <c r="N131176" s="10"/>
    </row>
    <row r="131177" spans="14:14">
      <c r="N131177" s="10"/>
    </row>
    <row r="131178" spans="14:14">
      <c r="N131178" s="10"/>
    </row>
    <row r="131179" spans="14:14">
      <c r="N131179" s="10"/>
    </row>
    <row r="131180" spans="14:14">
      <c r="N131180" s="10"/>
    </row>
    <row r="131181" spans="14:14">
      <c r="N131181" s="10"/>
    </row>
    <row r="131182" spans="14:14">
      <c r="N131182" s="10"/>
    </row>
    <row r="131183" spans="14:14">
      <c r="N131183" s="10"/>
    </row>
    <row r="131184" spans="14:14">
      <c r="N131184" s="10"/>
    </row>
    <row r="131185" spans="14:14">
      <c r="N131185" s="10"/>
    </row>
    <row r="131186" spans="14:14">
      <c r="N131186" s="10"/>
    </row>
    <row r="131187" spans="14:14">
      <c r="N131187" s="10"/>
    </row>
    <row r="131188" spans="14:14">
      <c r="N131188" s="10"/>
    </row>
    <row r="131189" spans="14:14">
      <c r="N131189" s="10"/>
    </row>
    <row r="131190" spans="14:14">
      <c r="N131190" s="10"/>
    </row>
    <row r="131191" spans="14:14">
      <c r="N131191" s="10"/>
    </row>
    <row r="131192" spans="14:14">
      <c r="N131192" s="10"/>
    </row>
    <row r="131193" spans="14:14">
      <c r="N131193" s="10"/>
    </row>
    <row r="131194" spans="14:14">
      <c r="N131194" s="10"/>
    </row>
    <row r="131195" spans="14:14">
      <c r="N131195" s="10"/>
    </row>
    <row r="131196" spans="14:14">
      <c r="N131196" s="10"/>
    </row>
    <row r="131197" spans="14:14">
      <c r="N131197" s="10"/>
    </row>
    <row r="131198" spans="14:14">
      <c r="N131198" s="10"/>
    </row>
    <row r="131199" spans="14:14">
      <c r="N131199" s="10"/>
    </row>
    <row r="131200" spans="14:14">
      <c r="N131200" s="10"/>
    </row>
    <row r="131201" spans="14:14">
      <c r="N131201" s="10"/>
    </row>
    <row r="131202" spans="14:14">
      <c r="N131202" s="10"/>
    </row>
    <row r="131203" spans="14:14">
      <c r="N131203" s="10"/>
    </row>
    <row r="131204" spans="14:14">
      <c r="N131204" s="10"/>
    </row>
    <row r="131205" spans="14:14">
      <c r="N131205" s="10"/>
    </row>
    <row r="131206" spans="14:14">
      <c r="N131206" s="10"/>
    </row>
    <row r="131207" spans="14:14">
      <c r="N131207" s="10"/>
    </row>
    <row r="131208" spans="14:14">
      <c r="N131208" s="10"/>
    </row>
    <row r="131209" spans="14:14">
      <c r="N131209" s="10"/>
    </row>
    <row r="131210" spans="14:14">
      <c r="N131210" s="10"/>
    </row>
    <row r="131211" spans="14:14">
      <c r="N131211" s="10"/>
    </row>
    <row r="131212" spans="14:14">
      <c r="N131212" s="10"/>
    </row>
    <row r="131213" spans="14:14">
      <c r="N131213" s="10"/>
    </row>
    <row r="131214" spans="14:14">
      <c r="N131214" s="10"/>
    </row>
    <row r="131215" spans="14:14">
      <c r="N131215" s="10"/>
    </row>
    <row r="131216" spans="14:14">
      <c r="N131216" s="10"/>
    </row>
    <row r="131217" spans="14:14">
      <c r="N131217" s="10"/>
    </row>
    <row r="131218" spans="14:14">
      <c r="N131218" s="10"/>
    </row>
    <row r="131219" spans="14:14">
      <c r="N131219" s="10"/>
    </row>
    <row r="131220" spans="14:14">
      <c r="N131220" s="10"/>
    </row>
    <row r="131221" spans="14:14">
      <c r="N131221" s="10"/>
    </row>
    <row r="131222" spans="14:14">
      <c r="N131222" s="10"/>
    </row>
    <row r="131223" spans="14:14">
      <c r="N131223" s="10"/>
    </row>
    <row r="131224" spans="14:14">
      <c r="N131224" s="10"/>
    </row>
    <row r="131225" spans="14:14">
      <c r="N131225" s="10"/>
    </row>
    <row r="131226" spans="14:14">
      <c r="N131226" s="10"/>
    </row>
    <row r="131227" spans="14:14">
      <c r="N131227" s="10"/>
    </row>
    <row r="131228" spans="14:14">
      <c r="N131228" s="10"/>
    </row>
    <row r="131229" spans="14:14">
      <c r="N131229" s="10"/>
    </row>
    <row r="131230" spans="14:14">
      <c r="N131230" s="10"/>
    </row>
    <row r="131231" spans="14:14">
      <c r="N131231" s="10"/>
    </row>
    <row r="131232" spans="14:14">
      <c r="N131232" s="10"/>
    </row>
    <row r="131233" spans="14:14">
      <c r="N131233" s="10"/>
    </row>
    <row r="131234" spans="14:14">
      <c r="N131234" s="10"/>
    </row>
    <row r="131235" spans="14:14">
      <c r="N131235" s="10"/>
    </row>
    <row r="131236" spans="14:14">
      <c r="N131236" s="10"/>
    </row>
    <row r="131237" spans="14:14">
      <c r="N131237" s="10"/>
    </row>
    <row r="131238" spans="14:14">
      <c r="N131238" s="10"/>
    </row>
    <row r="131239" spans="14:14">
      <c r="N131239" s="10"/>
    </row>
    <row r="131240" spans="14:14">
      <c r="N131240" s="10"/>
    </row>
    <row r="131241" spans="14:14">
      <c r="N131241" s="10"/>
    </row>
    <row r="131242" spans="14:14">
      <c r="N131242" s="10"/>
    </row>
    <row r="131243" spans="14:14">
      <c r="N131243" s="10"/>
    </row>
    <row r="131244" spans="14:14">
      <c r="N131244" s="10"/>
    </row>
    <row r="131245" spans="14:14">
      <c r="N131245" s="10"/>
    </row>
    <row r="131246" spans="14:14">
      <c r="N131246" s="10"/>
    </row>
    <row r="131247" spans="14:14">
      <c r="N131247" s="10"/>
    </row>
    <row r="131248" spans="14:14">
      <c r="N131248" s="10"/>
    </row>
    <row r="131249" spans="14:14">
      <c r="N131249" s="10"/>
    </row>
    <row r="131250" spans="14:14">
      <c r="N131250" s="10"/>
    </row>
    <row r="131251" spans="14:14">
      <c r="N131251" s="10"/>
    </row>
    <row r="131252" spans="14:14">
      <c r="N131252" s="10"/>
    </row>
    <row r="131253" spans="14:14">
      <c r="N131253" s="10"/>
    </row>
    <row r="131254" spans="14:14">
      <c r="N131254" s="10"/>
    </row>
    <row r="131255" spans="14:14">
      <c r="N131255" s="10"/>
    </row>
    <row r="131256" spans="14:14">
      <c r="N131256" s="10"/>
    </row>
    <row r="131257" spans="14:14">
      <c r="N131257" s="10"/>
    </row>
    <row r="131258" spans="14:14">
      <c r="N131258" s="10"/>
    </row>
    <row r="131259" spans="14:14">
      <c r="N131259" s="10"/>
    </row>
    <row r="131260" spans="14:14">
      <c r="N131260" s="10"/>
    </row>
    <row r="131261" spans="14:14">
      <c r="N131261" s="10"/>
    </row>
    <row r="131262" spans="14:14">
      <c r="N131262" s="10"/>
    </row>
    <row r="131263" spans="14:14">
      <c r="N131263" s="10"/>
    </row>
    <row r="131264" spans="14:14">
      <c r="N131264" s="10"/>
    </row>
    <row r="131265" spans="14:14">
      <c r="N131265" s="10"/>
    </row>
    <row r="131266" spans="14:14">
      <c r="N131266" s="10"/>
    </row>
    <row r="131267" spans="14:14">
      <c r="N131267" s="10"/>
    </row>
    <row r="131268" spans="14:14">
      <c r="N131268" s="10"/>
    </row>
    <row r="131269" spans="14:14">
      <c r="N131269" s="10"/>
    </row>
    <row r="131270" spans="14:14">
      <c r="N131270" s="10"/>
    </row>
    <row r="131271" spans="14:14">
      <c r="N131271" s="10"/>
    </row>
    <row r="131272" spans="14:14">
      <c r="N131272" s="10"/>
    </row>
    <row r="131273" spans="14:14">
      <c r="N131273" s="10"/>
    </row>
    <row r="131274" spans="14:14">
      <c r="N131274" s="10"/>
    </row>
    <row r="131275" spans="14:14">
      <c r="N131275" s="10"/>
    </row>
    <row r="131276" spans="14:14">
      <c r="N131276" s="10"/>
    </row>
    <row r="131277" spans="14:14">
      <c r="N131277" s="10"/>
    </row>
    <row r="131278" spans="14:14">
      <c r="N131278" s="10"/>
    </row>
    <row r="131279" spans="14:14">
      <c r="N131279" s="10"/>
    </row>
    <row r="131280" spans="14:14">
      <c r="N131280" s="10"/>
    </row>
    <row r="131281" spans="14:14">
      <c r="N131281" s="10"/>
    </row>
    <row r="131282" spans="14:14">
      <c r="N131282" s="10"/>
    </row>
    <row r="131283" spans="14:14">
      <c r="N131283" s="10"/>
    </row>
    <row r="131284" spans="14:14">
      <c r="N131284" s="10"/>
    </row>
    <row r="131285" spans="14:14">
      <c r="N131285" s="10"/>
    </row>
    <row r="131286" spans="14:14">
      <c r="N131286" s="10"/>
    </row>
    <row r="131287" spans="14:14">
      <c r="N131287" s="10"/>
    </row>
    <row r="131288" spans="14:14">
      <c r="N131288" s="10"/>
    </row>
    <row r="131289" spans="14:14">
      <c r="N131289" s="10"/>
    </row>
    <row r="131290" spans="14:14">
      <c r="N131290" s="10"/>
    </row>
    <row r="131291" spans="14:14">
      <c r="N131291" s="10"/>
    </row>
    <row r="131292" spans="14:14">
      <c r="N131292" s="10"/>
    </row>
    <row r="131293" spans="14:14">
      <c r="N131293" s="10"/>
    </row>
    <row r="131294" spans="14:14">
      <c r="N131294" s="10"/>
    </row>
    <row r="131295" spans="14:14">
      <c r="N131295" s="10"/>
    </row>
    <row r="131296" spans="14:14">
      <c r="N131296" s="10"/>
    </row>
    <row r="131297" spans="14:14">
      <c r="N131297" s="10"/>
    </row>
    <row r="131298" spans="14:14">
      <c r="N131298" s="10"/>
    </row>
    <row r="131299" spans="14:14">
      <c r="N131299" s="10"/>
    </row>
    <row r="131300" spans="14:14">
      <c r="N131300" s="10"/>
    </row>
    <row r="131301" spans="14:14">
      <c r="N131301" s="10"/>
    </row>
    <row r="131302" spans="14:14">
      <c r="N131302" s="10"/>
    </row>
    <row r="131303" spans="14:14">
      <c r="N131303" s="10"/>
    </row>
    <row r="131304" spans="14:14">
      <c r="N131304" s="10"/>
    </row>
    <row r="131305" spans="14:14">
      <c r="N131305" s="10"/>
    </row>
    <row r="131306" spans="14:14">
      <c r="N131306" s="10"/>
    </row>
    <row r="131307" spans="14:14">
      <c r="N131307" s="10"/>
    </row>
    <row r="131308" spans="14:14">
      <c r="N131308" s="10"/>
    </row>
    <row r="131309" spans="14:14">
      <c r="N131309" s="10"/>
    </row>
    <row r="131310" spans="14:14">
      <c r="N131310" s="10"/>
    </row>
    <row r="131311" spans="14:14">
      <c r="N131311" s="10"/>
    </row>
    <row r="131312" spans="14:14">
      <c r="N131312" s="10"/>
    </row>
    <row r="131313" spans="14:14">
      <c r="N131313" s="10"/>
    </row>
    <row r="131314" spans="14:14">
      <c r="N131314" s="10"/>
    </row>
    <row r="131315" spans="14:14">
      <c r="N131315" s="10"/>
    </row>
    <row r="131316" spans="14:14">
      <c r="N131316" s="10"/>
    </row>
    <row r="131317" spans="14:14">
      <c r="N131317" s="10"/>
    </row>
    <row r="131318" spans="14:14">
      <c r="N131318" s="10"/>
    </row>
    <row r="131319" spans="14:14">
      <c r="N131319" s="10"/>
    </row>
    <row r="131320" spans="14:14">
      <c r="N131320" s="10"/>
    </row>
    <row r="131321" spans="14:14">
      <c r="N131321" s="10"/>
    </row>
    <row r="131322" spans="14:14">
      <c r="N131322" s="10"/>
    </row>
    <row r="131323" spans="14:14">
      <c r="N131323" s="10"/>
    </row>
    <row r="131324" spans="14:14">
      <c r="N131324" s="10"/>
    </row>
    <row r="131325" spans="14:14">
      <c r="N131325" s="10"/>
    </row>
    <row r="131326" spans="14:14">
      <c r="N131326" s="10"/>
    </row>
    <row r="131327" spans="14:14">
      <c r="N131327" s="10"/>
    </row>
    <row r="131328" spans="14:14">
      <c r="N131328" s="10"/>
    </row>
    <row r="131329" spans="14:14">
      <c r="N131329" s="10"/>
    </row>
    <row r="131330" spans="14:14">
      <c r="N131330" s="10"/>
    </row>
    <row r="131331" spans="14:14">
      <c r="N131331" s="10"/>
    </row>
    <row r="131332" spans="14:14">
      <c r="N131332" s="10"/>
    </row>
    <row r="131333" spans="14:14">
      <c r="N131333" s="10"/>
    </row>
    <row r="131334" spans="14:14">
      <c r="N131334" s="10"/>
    </row>
    <row r="131335" spans="14:14">
      <c r="N131335" s="10"/>
    </row>
    <row r="131336" spans="14:14">
      <c r="N131336" s="10"/>
    </row>
    <row r="131337" spans="14:14">
      <c r="N131337" s="10"/>
    </row>
    <row r="131338" spans="14:14">
      <c r="N131338" s="10"/>
    </row>
    <row r="131339" spans="14:14">
      <c r="N131339" s="10"/>
    </row>
    <row r="131340" spans="14:14">
      <c r="N131340" s="10"/>
    </row>
    <row r="131341" spans="14:14">
      <c r="N131341" s="10"/>
    </row>
    <row r="131342" spans="14:14">
      <c r="N131342" s="10"/>
    </row>
    <row r="131343" spans="14:14">
      <c r="N131343" s="10"/>
    </row>
    <row r="131344" spans="14:14">
      <c r="N131344" s="10"/>
    </row>
    <row r="131345" spans="14:14">
      <c r="N131345" s="10"/>
    </row>
    <row r="131346" spans="14:14">
      <c r="N131346" s="10"/>
    </row>
    <row r="131347" spans="14:14">
      <c r="N131347" s="10"/>
    </row>
    <row r="131348" spans="14:14">
      <c r="N131348" s="10"/>
    </row>
    <row r="131349" spans="14:14">
      <c r="N131349" s="10"/>
    </row>
    <row r="131350" spans="14:14">
      <c r="N131350" s="10"/>
    </row>
    <row r="131351" spans="14:14">
      <c r="N131351" s="10"/>
    </row>
    <row r="131352" spans="14:14">
      <c r="N131352" s="10"/>
    </row>
    <row r="131353" spans="14:14">
      <c r="N131353" s="10"/>
    </row>
    <row r="131354" spans="14:14">
      <c r="N131354" s="10"/>
    </row>
    <row r="131355" spans="14:14">
      <c r="N131355" s="10"/>
    </row>
    <row r="131356" spans="14:14">
      <c r="N131356" s="10"/>
    </row>
    <row r="131357" spans="14:14">
      <c r="N131357" s="10"/>
    </row>
    <row r="131358" spans="14:14">
      <c r="N131358" s="10"/>
    </row>
    <row r="131359" spans="14:14">
      <c r="N131359" s="10"/>
    </row>
    <row r="131360" spans="14:14">
      <c r="N131360" s="10"/>
    </row>
    <row r="131361" spans="14:14">
      <c r="N131361" s="10"/>
    </row>
    <row r="131362" spans="14:14">
      <c r="N131362" s="10"/>
    </row>
    <row r="131363" spans="14:14">
      <c r="N131363" s="10"/>
    </row>
    <row r="131364" spans="14:14">
      <c r="N131364" s="10"/>
    </row>
    <row r="131365" spans="14:14">
      <c r="N131365" s="10"/>
    </row>
    <row r="131366" spans="14:14">
      <c r="N131366" s="10"/>
    </row>
    <row r="131367" spans="14:14">
      <c r="N131367" s="10"/>
    </row>
    <row r="131368" spans="14:14">
      <c r="N131368" s="10"/>
    </row>
    <row r="131369" spans="14:14">
      <c r="N131369" s="10"/>
    </row>
    <row r="131370" spans="14:14">
      <c r="N131370" s="10"/>
    </row>
    <row r="131371" spans="14:14">
      <c r="N131371" s="10"/>
    </row>
    <row r="131372" spans="14:14">
      <c r="N131372" s="10"/>
    </row>
    <row r="131373" spans="14:14">
      <c r="N131373" s="10"/>
    </row>
    <row r="131374" spans="14:14">
      <c r="N131374" s="10"/>
    </row>
    <row r="131375" spans="14:14">
      <c r="N131375" s="10"/>
    </row>
    <row r="131376" spans="14:14">
      <c r="N131376" s="10"/>
    </row>
    <row r="131377" spans="14:14">
      <c r="N131377" s="10"/>
    </row>
    <row r="131378" spans="14:14">
      <c r="N131378" s="10"/>
    </row>
    <row r="131379" spans="14:14">
      <c r="N131379" s="10"/>
    </row>
    <row r="131380" spans="14:14">
      <c r="N131380" s="10"/>
    </row>
    <row r="131381" spans="14:14">
      <c r="N131381" s="10"/>
    </row>
    <row r="131382" spans="14:14">
      <c r="N131382" s="10"/>
    </row>
    <row r="131383" spans="14:14">
      <c r="N131383" s="10"/>
    </row>
    <row r="131384" spans="14:14">
      <c r="N131384" s="10"/>
    </row>
    <row r="131385" spans="14:14">
      <c r="N131385" s="10"/>
    </row>
    <row r="131386" spans="14:14">
      <c r="N131386" s="10"/>
    </row>
    <row r="131387" spans="14:14">
      <c r="N131387" s="10"/>
    </row>
    <row r="131388" spans="14:14">
      <c r="N131388" s="10"/>
    </row>
    <row r="131389" spans="14:14">
      <c r="N131389" s="10"/>
    </row>
    <row r="131390" spans="14:14">
      <c r="N131390" s="10"/>
    </row>
    <row r="131391" spans="14:14">
      <c r="N131391" s="10"/>
    </row>
    <row r="131392" spans="14:14">
      <c r="N131392" s="10"/>
    </row>
    <row r="131393" spans="14:14">
      <c r="N131393" s="10"/>
    </row>
    <row r="131394" spans="14:14">
      <c r="N131394" s="10"/>
    </row>
    <row r="131395" spans="14:14">
      <c r="N131395" s="10"/>
    </row>
    <row r="131396" spans="14:14">
      <c r="N131396" s="10"/>
    </row>
    <row r="131397" spans="14:14">
      <c r="N131397" s="10"/>
    </row>
    <row r="131398" spans="14:14">
      <c r="N131398" s="10"/>
    </row>
    <row r="131399" spans="14:14">
      <c r="N131399" s="10"/>
    </row>
    <row r="131400" spans="14:14">
      <c r="N131400" s="10"/>
    </row>
    <row r="131401" spans="14:14">
      <c r="N131401" s="10"/>
    </row>
    <row r="131402" spans="14:14">
      <c r="N131402" s="10"/>
    </row>
    <row r="131403" spans="14:14">
      <c r="N131403" s="10"/>
    </row>
    <row r="131404" spans="14:14">
      <c r="N131404" s="10"/>
    </row>
    <row r="131405" spans="14:14">
      <c r="N131405" s="10"/>
    </row>
    <row r="131406" spans="14:14">
      <c r="N131406" s="10"/>
    </row>
    <row r="131407" spans="14:14">
      <c r="N131407" s="10"/>
    </row>
    <row r="131408" spans="14:14">
      <c r="N131408" s="10"/>
    </row>
    <row r="131409" spans="14:14">
      <c r="N131409" s="10"/>
    </row>
    <row r="131410" spans="14:14">
      <c r="N131410" s="10"/>
    </row>
    <row r="131411" spans="14:14">
      <c r="N131411" s="10"/>
    </row>
    <row r="131412" spans="14:14">
      <c r="N131412" s="10"/>
    </row>
    <row r="131413" spans="14:14">
      <c r="N131413" s="10"/>
    </row>
    <row r="131414" spans="14:14">
      <c r="N131414" s="10"/>
    </row>
    <row r="131415" spans="14:14">
      <c r="N131415" s="10"/>
    </row>
    <row r="131416" spans="14:14">
      <c r="N131416" s="10"/>
    </row>
    <row r="131417" spans="14:14">
      <c r="N131417" s="10"/>
    </row>
    <row r="131418" spans="14:14">
      <c r="N131418" s="10"/>
    </row>
    <row r="131419" spans="14:14">
      <c r="N131419" s="10"/>
    </row>
    <row r="131420" spans="14:14">
      <c r="N131420" s="10"/>
    </row>
    <row r="131421" spans="14:14">
      <c r="N131421" s="10"/>
    </row>
    <row r="131422" spans="14:14">
      <c r="N131422" s="10"/>
    </row>
    <row r="131423" spans="14:14">
      <c r="N131423" s="10"/>
    </row>
    <row r="131424" spans="14:14">
      <c r="N131424" s="10"/>
    </row>
    <row r="131425" spans="14:14">
      <c r="N131425" s="10"/>
    </row>
    <row r="131426" spans="14:14">
      <c r="N131426" s="10"/>
    </row>
    <row r="131427" spans="14:14">
      <c r="N131427" s="10"/>
    </row>
    <row r="131428" spans="14:14">
      <c r="N131428" s="10"/>
    </row>
    <row r="131429" spans="14:14">
      <c r="N131429" s="10"/>
    </row>
    <row r="131430" spans="14:14">
      <c r="N131430" s="10"/>
    </row>
    <row r="131431" spans="14:14">
      <c r="N131431" s="10"/>
    </row>
    <row r="131432" spans="14:14">
      <c r="N131432" s="10"/>
    </row>
    <row r="131433" spans="14:14">
      <c r="N131433" s="10"/>
    </row>
    <row r="131434" spans="14:14">
      <c r="N131434" s="10"/>
    </row>
    <row r="131435" spans="14:14">
      <c r="N131435" s="10"/>
    </row>
    <row r="131436" spans="14:14">
      <c r="N131436" s="10"/>
    </row>
    <row r="131437" spans="14:14">
      <c r="N131437" s="10"/>
    </row>
    <row r="131438" spans="14:14">
      <c r="N131438" s="10"/>
    </row>
    <row r="131439" spans="14:14">
      <c r="N131439" s="10"/>
    </row>
    <row r="131440" spans="14:14">
      <c r="N131440" s="10"/>
    </row>
    <row r="131441" spans="14:14">
      <c r="N131441" s="10"/>
    </row>
    <row r="131442" spans="14:14">
      <c r="N131442" s="10"/>
    </row>
    <row r="131443" spans="14:14">
      <c r="N131443" s="10"/>
    </row>
    <row r="131444" spans="14:14">
      <c r="N131444" s="10"/>
    </row>
    <row r="131445" spans="14:14">
      <c r="N131445" s="10"/>
    </row>
    <row r="131446" spans="14:14">
      <c r="N131446" s="10"/>
    </row>
    <row r="131447" spans="14:14">
      <c r="N131447" s="10"/>
    </row>
    <row r="131448" spans="14:14">
      <c r="N131448" s="10"/>
    </row>
    <row r="131449" spans="14:14">
      <c r="N131449" s="10"/>
    </row>
    <row r="131450" spans="14:14">
      <c r="N131450" s="10"/>
    </row>
    <row r="131451" spans="14:14">
      <c r="N131451" s="10"/>
    </row>
    <row r="131452" spans="14:14">
      <c r="N131452" s="10"/>
    </row>
    <row r="131453" spans="14:14">
      <c r="N131453" s="10"/>
    </row>
    <row r="131454" spans="14:14">
      <c r="N131454" s="10"/>
    </row>
    <row r="131455" spans="14:14">
      <c r="N131455" s="10"/>
    </row>
    <row r="131456" spans="14:14">
      <c r="N131456" s="10"/>
    </row>
    <row r="131457" spans="14:14">
      <c r="N131457" s="10"/>
    </row>
    <row r="131458" spans="14:14">
      <c r="N131458" s="10"/>
    </row>
    <row r="131459" spans="14:14">
      <c r="N131459" s="10"/>
    </row>
    <row r="131460" spans="14:14">
      <c r="N131460" s="10"/>
    </row>
    <row r="131461" spans="14:14">
      <c r="N131461" s="10"/>
    </row>
    <row r="131462" spans="14:14">
      <c r="N131462" s="10"/>
    </row>
    <row r="131463" spans="14:14">
      <c r="N131463" s="10"/>
    </row>
    <row r="131464" spans="14:14">
      <c r="N131464" s="10"/>
    </row>
    <row r="131465" spans="14:14">
      <c r="N131465" s="10"/>
    </row>
    <row r="131466" spans="14:14">
      <c r="N131466" s="10"/>
    </row>
    <row r="131467" spans="14:14">
      <c r="N131467" s="10"/>
    </row>
    <row r="131468" spans="14:14">
      <c r="N131468" s="10"/>
    </row>
    <row r="131469" spans="14:14">
      <c r="N131469" s="10"/>
    </row>
    <row r="131470" spans="14:14">
      <c r="N131470" s="10"/>
    </row>
    <row r="131471" spans="14:14">
      <c r="N131471" s="10"/>
    </row>
    <row r="131472" spans="14:14">
      <c r="N131472" s="10"/>
    </row>
    <row r="131473" spans="14:14">
      <c r="N131473" s="10"/>
    </row>
    <row r="131474" spans="14:14">
      <c r="N131474" s="10"/>
    </row>
    <row r="131475" spans="14:14">
      <c r="N131475" s="10"/>
    </row>
    <row r="131476" spans="14:14">
      <c r="N131476" s="10"/>
    </row>
    <row r="131477" spans="14:14">
      <c r="N131477" s="10"/>
    </row>
    <row r="131478" spans="14:14">
      <c r="N131478" s="10"/>
    </row>
    <row r="131479" spans="14:14">
      <c r="N131479" s="10"/>
    </row>
    <row r="131480" spans="14:14">
      <c r="N131480" s="10"/>
    </row>
    <row r="131481" spans="14:14">
      <c r="N131481" s="10"/>
    </row>
    <row r="131482" spans="14:14">
      <c r="N131482" s="10"/>
    </row>
    <row r="131483" spans="14:14">
      <c r="N131483" s="10"/>
    </row>
    <row r="131484" spans="14:14">
      <c r="N131484" s="10"/>
    </row>
    <row r="131485" spans="14:14">
      <c r="N131485" s="10"/>
    </row>
    <row r="131486" spans="14:14">
      <c r="N131486" s="10"/>
    </row>
    <row r="131487" spans="14:14">
      <c r="N131487" s="10"/>
    </row>
    <row r="131488" spans="14:14">
      <c r="N131488" s="10"/>
    </row>
    <row r="131489" spans="14:14">
      <c r="N131489" s="10"/>
    </row>
    <row r="131490" spans="14:14">
      <c r="N131490" s="10"/>
    </row>
    <row r="131491" spans="14:14">
      <c r="N131491" s="10"/>
    </row>
    <row r="131492" spans="14:14">
      <c r="N131492" s="10"/>
    </row>
    <row r="131493" spans="14:14">
      <c r="N131493" s="10"/>
    </row>
    <row r="131494" spans="14:14">
      <c r="N131494" s="10"/>
    </row>
    <row r="131495" spans="14:14">
      <c r="N131495" s="10"/>
    </row>
    <row r="131496" spans="14:14">
      <c r="N131496" s="10"/>
    </row>
    <row r="131497" spans="14:14">
      <c r="N131497" s="10"/>
    </row>
    <row r="131498" spans="14:14">
      <c r="N131498" s="10"/>
    </row>
    <row r="131499" spans="14:14">
      <c r="N131499" s="10"/>
    </row>
    <row r="131500" spans="14:14">
      <c r="N131500" s="10"/>
    </row>
    <row r="131501" spans="14:14">
      <c r="N131501" s="10"/>
    </row>
    <row r="131502" spans="14:14">
      <c r="N131502" s="10"/>
    </row>
    <row r="131503" spans="14:14">
      <c r="N131503" s="10"/>
    </row>
    <row r="131504" spans="14:14">
      <c r="N131504" s="10"/>
    </row>
    <row r="131505" spans="14:14">
      <c r="N131505" s="10"/>
    </row>
    <row r="131506" spans="14:14">
      <c r="N131506" s="10"/>
    </row>
    <row r="131507" spans="14:14">
      <c r="N131507" s="10"/>
    </row>
    <row r="131508" spans="14:14">
      <c r="N131508" s="10"/>
    </row>
    <row r="131509" spans="14:14">
      <c r="N131509" s="10"/>
    </row>
    <row r="131510" spans="14:14">
      <c r="N131510" s="10"/>
    </row>
    <row r="131511" spans="14:14">
      <c r="N131511" s="10"/>
    </row>
    <row r="131512" spans="14:14">
      <c r="N131512" s="10"/>
    </row>
    <row r="131513" spans="14:14">
      <c r="N131513" s="10"/>
    </row>
    <row r="131514" spans="14:14">
      <c r="N131514" s="10"/>
    </row>
    <row r="131515" spans="14:14">
      <c r="N131515" s="10"/>
    </row>
    <row r="131516" spans="14:14">
      <c r="N131516" s="10"/>
    </row>
    <row r="131517" spans="14:14">
      <c r="N131517" s="10"/>
    </row>
    <row r="131518" spans="14:14">
      <c r="N131518" s="10"/>
    </row>
    <row r="131519" spans="14:14">
      <c r="N131519" s="10"/>
    </row>
    <row r="131520" spans="14:14">
      <c r="N131520" s="10"/>
    </row>
    <row r="131521" spans="14:14">
      <c r="N131521" s="10"/>
    </row>
    <row r="131522" spans="14:14">
      <c r="N131522" s="10"/>
    </row>
    <row r="131523" spans="14:14">
      <c r="N131523" s="10"/>
    </row>
    <row r="131524" spans="14:14">
      <c r="N131524" s="10"/>
    </row>
    <row r="131525" spans="14:14">
      <c r="N131525" s="10"/>
    </row>
    <row r="131526" spans="14:14">
      <c r="N131526" s="10"/>
    </row>
    <row r="131527" spans="14:14">
      <c r="N131527" s="10"/>
    </row>
    <row r="131528" spans="14:14">
      <c r="N131528" s="10"/>
    </row>
    <row r="131529" spans="14:14">
      <c r="N131529" s="10"/>
    </row>
    <row r="131530" spans="14:14">
      <c r="N131530" s="10"/>
    </row>
    <row r="131531" spans="14:14">
      <c r="N131531" s="10"/>
    </row>
    <row r="131532" spans="14:14">
      <c r="N131532" s="10"/>
    </row>
    <row r="131533" spans="14:14">
      <c r="N131533" s="10"/>
    </row>
    <row r="131534" spans="14:14">
      <c r="N131534" s="10"/>
    </row>
    <row r="131535" spans="14:14">
      <c r="N131535" s="10"/>
    </row>
    <row r="131536" spans="14:14">
      <c r="N131536" s="10"/>
    </row>
    <row r="131537" spans="14:14">
      <c r="N131537" s="10"/>
    </row>
    <row r="131538" spans="14:14">
      <c r="N131538" s="10"/>
    </row>
    <row r="131539" spans="14:14">
      <c r="N131539" s="10"/>
    </row>
    <row r="131540" spans="14:14">
      <c r="N131540" s="10"/>
    </row>
    <row r="131541" spans="14:14">
      <c r="N131541" s="10"/>
    </row>
    <row r="131542" spans="14:14">
      <c r="N131542" s="10"/>
    </row>
    <row r="131543" spans="14:14">
      <c r="N131543" s="10"/>
    </row>
    <row r="131544" spans="14:14">
      <c r="N131544" s="10"/>
    </row>
    <row r="131545" spans="14:14">
      <c r="N131545" s="10"/>
    </row>
    <row r="131546" spans="14:14">
      <c r="N131546" s="10"/>
    </row>
    <row r="131547" spans="14:14">
      <c r="N131547" s="10"/>
    </row>
    <row r="131548" spans="14:14">
      <c r="N131548" s="10"/>
    </row>
    <row r="131549" spans="14:14">
      <c r="N131549" s="10"/>
    </row>
    <row r="131550" spans="14:14">
      <c r="N131550" s="10"/>
    </row>
    <row r="131551" spans="14:14">
      <c r="N131551" s="10"/>
    </row>
    <row r="131552" spans="14:14">
      <c r="N131552" s="10"/>
    </row>
    <row r="131553" spans="14:14">
      <c r="N131553" s="10"/>
    </row>
    <row r="131554" spans="14:14">
      <c r="N131554" s="10"/>
    </row>
    <row r="131555" spans="14:14">
      <c r="N131555" s="10"/>
    </row>
    <row r="131556" spans="14:14">
      <c r="N131556" s="10"/>
    </row>
    <row r="131557" spans="14:14">
      <c r="N131557" s="10"/>
    </row>
    <row r="131558" spans="14:14">
      <c r="N131558" s="10"/>
    </row>
    <row r="131559" spans="14:14">
      <c r="N131559" s="10"/>
    </row>
    <row r="131560" spans="14:14">
      <c r="N131560" s="10"/>
    </row>
    <row r="131561" spans="14:14">
      <c r="N131561" s="10"/>
    </row>
    <row r="131562" spans="14:14">
      <c r="N131562" s="10"/>
    </row>
    <row r="131563" spans="14:14">
      <c r="N131563" s="10"/>
    </row>
    <row r="131564" spans="14:14">
      <c r="N131564" s="10"/>
    </row>
    <row r="131565" spans="14:14">
      <c r="N131565" s="10"/>
    </row>
    <row r="131566" spans="14:14">
      <c r="N131566" s="10"/>
    </row>
    <row r="131567" spans="14:14">
      <c r="N131567" s="10"/>
    </row>
    <row r="131568" spans="14:14">
      <c r="N131568" s="10"/>
    </row>
    <row r="131569" spans="14:14">
      <c r="N131569" s="10"/>
    </row>
    <row r="131570" spans="14:14">
      <c r="N131570" s="10"/>
    </row>
    <row r="131571" spans="14:14">
      <c r="N131571" s="10"/>
    </row>
    <row r="131572" spans="14:14">
      <c r="N131572" s="10"/>
    </row>
    <row r="131573" spans="14:14">
      <c r="N131573" s="10"/>
    </row>
    <row r="131574" spans="14:14">
      <c r="N131574" s="10"/>
    </row>
    <row r="131575" spans="14:14">
      <c r="N131575" s="10"/>
    </row>
    <row r="131576" spans="14:14">
      <c r="N131576" s="10"/>
    </row>
    <row r="131577" spans="14:14">
      <c r="N131577" s="10"/>
    </row>
    <row r="131578" spans="14:14">
      <c r="N131578" s="10"/>
    </row>
    <row r="131579" spans="14:14">
      <c r="N131579" s="10"/>
    </row>
    <row r="131580" spans="14:14">
      <c r="N131580" s="10"/>
    </row>
    <row r="131581" spans="14:14">
      <c r="N131581" s="10"/>
    </row>
    <row r="131582" spans="14:14">
      <c r="N131582" s="10"/>
    </row>
    <row r="131583" spans="14:14">
      <c r="N131583" s="10"/>
    </row>
    <row r="131584" spans="14:14">
      <c r="N131584" s="10"/>
    </row>
    <row r="131585" spans="14:14">
      <c r="N131585" s="10"/>
    </row>
    <row r="131586" spans="14:14">
      <c r="N131586" s="10"/>
    </row>
    <row r="131587" spans="14:14">
      <c r="N131587" s="10"/>
    </row>
    <row r="131588" spans="14:14">
      <c r="N131588" s="10"/>
    </row>
    <row r="131589" spans="14:14">
      <c r="N131589" s="10"/>
    </row>
    <row r="131590" spans="14:14">
      <c r="N131590" s="10"/>
    </row>
    <row r="131591" spans="14:14">
      <c r="N131591" s="10"/>
    </row>
    <row r="131592" spans="14:14">
      <c r="N131592" s="10"/>
    </row>
    <row r="131593" spans="14:14">
      <c r="N131593" s="10"/>
    </row>
    <row r="131594" spans="14:14">
      <c r="N131594" s="10"/>
    </row>
    <row r="131595" spans="14:14">
      <c r="N131595" s="10"/>
    </row>
    <row r="131596" spans="14:14">
      <c r="N131596" s="10"/>
    </row>
    <row r="131597" spans="14:14">
      <c r="N131597" s="10"/>
    </row>
    <row r="131598" spans="14:14">
      <c r="N131598" s="10"/>
    </row>
    <row r="131599" spans="14:14">
      <c r="N131599" s="10"/>
    </row>
    <row r="131600" spans="14:14">
      <c r="N131600" s="10"/>
    </row>
    <row r="131601" spans="14:14">
      <c r="N131601" s="10"/>
    </row>
    <row r="131602" spans="14:14">
      <c r="N131602" s="10"/>
    </row>
    <row r="131603" spans="14:14">
      <c r="N131603" s="10"/>
    </row>
    <row r="131604" spans="14:14">
      <c r="N131604" s="10"/>
    </row>
    <row r="131605" spans="14:14">
      <c r="N131605" s="10"/>
    </row>
    <row r="131606" spans="14:14">
      <c r="N131606" s="10"/>
    </row>
    <row r="131607" spans="14:14">
      <c r="N131607" s="10"/>
    </row>
    <row r="131608" spans="14:14">
      <c r="N131608" s="10"/>
    </row>
    <row r="131609" spans="14:14">
      <c r="N131609" s="10"/>
    </row>
    <row r="131610" spans="14:14">
      <c r="N131610" s="10"/>
    </row>
    <row r="131611" spans="14:14">
      <c r="N131611" s="10"/>
    </row>
    <row r="131612" spans="14:14">
      <c r="N131612" s="10"/>
    </row>
    <row r="131613" spans="14:14">
      <c r="N131613" s="10"/>
    </row>
    <row r="131614" spans="14:14">
      <c r="N131614" s="10"/>
    </row>
    <row r="131615" spans="14:14">
      <c r="N131615" s="10"/>
    </row>
    <row r="131616" spans="14:14">
      <c r="N131616" s="10"/>
    </row>
    <row r="131617" spans="14:14">
      <c r="N131617" s="10"/>
    </row>
    <row r="131618" spans="14:14">
      <c r="N131618" s="10"/>
    </row>
    <row r="131619" spans="14:14">
      <c r="N131619" s="10"/>
    </row>
    <row r="131620" spans="14:14">
      <c r="N131620" s="10"/>
    </row>
    <row r="131621" spans="14:14">
      <c r="N131621" s="10"/>
    </row>
    <row r="131622" spans="14:14">
      <c r="N131622" s="10"/>
    </row>
    <row r="131623" spans="14:14">
      <c r="N131623" s="10"/>
    </row>
    <row r="131624" spans="14:14">
      <c r="N131624" s="10"/>
    </row>
    <row r="131625" spans="14:14">
      <c r="N131625" s="10"/>
    </row>
    <row r="131626" spans="14:14">
      <c r="N131626" s="10"/>
    </row>
    <row r="131627" spans="14:14">
      <c r="N131627" s="10"/>
    </row>
    <row r="131628" spans="14:14">
      <c r="N131628" s="10"/>
    </row>
    <row r="131629" spans="14:14">
      <c r="N131629" s="10"/>
    </row>
    <row r="131630" spans="14:14">
      <c r="N131630" s="10"/>
    </row>
    <row r="131631" spans="14:14">
      <c r="N131631" s="10"/>
    </row>
    <row r="131632" spans="14:14">
      <c r="N131632" s="10"/>
    </row>
    <row r="131633" spans="14:14">
      <c r="N131633" s="10"/>
    </row>
    <row r="131634" spans="14:14">
      <c r="N131634" s="10"/>
    </row>
    <row r="131635" spans="14:14">
      <c r="N131635" s="10"/>
    </row>
    <row r="131636" spans="14:14">
      <c r="N131636" s="10"/>
    </row>
    <row r="131637" spans="14:14">
      <c r="N131637" s="10"/>
    </row>
    <row r="131638" spans="14:14">
      <c r="N131638" s="10"/>
    </row>
    <row r="131639" spans="14:14">
      <c r="N131639" s="10"/>
    </row>
    <row r="131640" spans="14:14">
      <c r="N131640" s="10"/>
    </row>
    <row r="131641" spans="14:14">
      <c r="N131641" s="10"/>
    </row>
    <row r="131642" spans="14:14">
      <c r="N131642" s="10"/>
    </row>
    <row r="131643" spans="14:14">
      <c r="N131643" s="10"/>
    </row>
    <row r="131644" spans="14:14">
      <c r="N131644" s="10"/>
    </row>
    <row r="131645" spans="14:14">
      <c r="N131645" s="10"/>
    </row>
    <row r="131646" spans="14:14">
      <c r="N131646" s="10"/>
    </row>
    <row r="131647" spans="14:14">
      <c r="N131647" s="10"/>
    </row>
    <row r="131648" spans="14:14">
      <c r="N131648" s="10"/>
    </row>
    <row r="131649" spans="14:14">
      <c r="N131649" s="10"/>
    </row>
    <row r="131650" spans="14:14">
      <c r="N131650" s="10"/>
    </row>
    <row r="131651" spans="14:14">
      <c r="N131651" s="10"/>
    </row>
    <row r="131652" spans="14:14">
      <c r="N131652" s="10"/>
    </row>
    <row r="131653" spans="14:14">
      <c r="N131653" s="10"/>
    </row>
    <row r="131654" spans="14:14">
      <c r="N131654" s="10"/>
    </row>
    <row r="131655" spans="14:14">
      <c r="N131655" s="10"/>
    </row>
    <row r="131656" spans="14:14">
      <c r="N131656" s="10"/>
    </row>
    <row r="131657" spans="14:14">
      <c r="N131657" s="10"/>
    </row>
    <row r="131658" spans="14:14">
      <c r="N131658" s="10"/>
    </row>
    <row r="131659" spans="14:14">
      <c r="N131659" s="10"/>
    </row>
    <row r="131660" spans="14:14">
      <c r="N131660" s="10"/>
    </row>
    <row r="131661" spans="14:14">
      <c r="N131661" s="10"/>
    </row>
    <row r="131662" spans="14:14">
      <c r="N131662" s="10"/>
    </row>
    <row r="131663" spans="14:14">
      <c r="N131663" s="10"/>
    </row>
    <row r="131664" spans="14:14">
      <c r="N131664" s="10"/>
    </row>
    <row r="131665" spans="14:14">
      <c r="N131665" s="10"/>
    </row>
    <row r="131666" spans="14:14">
      <c r="N131666" s="10"/>
    </row>
    <row r="131667" spans="14:14">
      <c r="N131667" s="10"/>
    </row>
    <row r="131668" spans="14:14">
      <c r="N131668" s="10"/>
    </row>
    <row r="131669" spans="14:14">
      <c r="N131669" s="10"/>
    </row>
    <row r="131670" spans="14:14">
      <c r="N131670" s="10"/>
    </row>
    <row r="131671" spans="14:14">
      <c r="N131671" s="10"/>
    </row>
    <row r="131672" spans="14:14">
      <c r="N131672" s="10"/>
    </row>
    <row r="131673" spans="14:14">
      <c r="N131673" s="10"/>
    </row>
    <row r="131674" spans="14:14">
      <c r="N131674" s="10"/>
    </row>
    <row r="131675" spans="14:14">
      <c r="N131675" s="10"/>
    </row>
    <row r="131676" spans="14:14">
      <c r="N131676" s="10"/>
    </row>
    <row r="131677" spans="14:14">
      <c r="N131677" s="10"/>
    </row>
    <row r="131678" spans="14:14">
      <c r="N131678" s="10"/>
    </row>
    <row r="131679" spans="14:14">
      <c r="N131679" s="10"/>
    </row>
    <row r="131680" spans="14:14">
      <c r="N131680" s="10"/>
    </row>
    <row r="131681" spans="14:14">
      <c r="N131681" s="10"/>
    </row>
    <row r="131682" spans="14:14">
      <c r="N131682" s="10"/>
    </row>
    <row r="131683" spans="14:14">
      <c r="N131683" s="10"/>
    </row>
    <row r="131684" spans="14:14">
      <c r="N131684" s="10"/>
    </row>
    <row r="131685" spans="14:14">
      <c r="N131685" s="10"/>
    </row>
    <row r="131686" spans="14:14">
      <c r="N131686" s="10"/>
    </row>
    <row r="131687" spans="14:14">
      <c r="N131687" s="10"/>
    </row>
    <row r="131688" spans="14:14">
      <c r="N131688" s="10"/>
    </row>
    <row r="131689" spans="14:14">
      <c r="N131689" s="10"/>
    </row>
    <row r="131690" spans="14:14">
      <c r="N131690" s="10"/>
    </row>
    <row r="131691" spans="14:14">
      <c r="N131691" s="10"/>
    </row>
    <row r="131692" spans="14:14">
      <c r="N131692" s="10"/>
    </row>
    <row r="131693" spans="14:14">
      <c r="N131693" s="10"/>
    </row>
    <row r="131694" spans="14:14">
      <c r="N131694" s="10"/>
    </row>
    <row r="131695" spans="14:14">
      <c r="N131695" s="10"/>
    </row>
    <row r="131696" spans="14:14">
      <c r="N131696" s="10"/>
    </row>
    <row r="131697" spans="14:14">
      <c r="N131697" s="10"/>
    </row>
    <row r="131698" spans="14:14">
      <c r="N131698" s="10"/>
    </row>
    <row r="131699" spans="14:14">
      <c r="N131699" s="10"/>
    </row>
    <row r="131700" spans="14:14">
      <c r="N131700" s="10"/>
    </row>
    <row r="131701" spans="14:14">
      <c r="N131701" s="10"/>
    </row>
    <row r="131702" spans="14:14">
      <c r="N131702" s="10"/>
    </row>
    <row r="131703" spans="14:14">
      <c r="N131703" s="10"/>
    </row>
    <row r="131704" spans="14:14">
      <c r="N131704" s="10"/>
    </row>
    <row r="131705" spans="14:14">
      <c r="N131705" s="10"/>
    </row>
    <row r="131706" spans="14:14">
      <c r="N131706" s="10"/>
    </row>
    <row r="131707" spans="14:14">
      <c r="N131707" s="10"/>
    </row>
    <row r="131708" spans="14:14">
      <c r="N131708" s="10"/>
    </row>
    <row r="131709" spans="14:14">
      <c r="N131709" s="10"/>
    </row>
    <row r="131710" spans="14:14">
      <c r="N131710" s="10"/>
    </row>
    <row r="131711" spans="14:14">
      <c r="N131711" s="10"/>
    </row>
    <row r="131712" spans="14:14">
      <c r="N131712" s="10"/>
    </row>
    <row r="131713" spans="14:14">
      <c r="N131713" s="10"/>
    </row>
    <row r="131714" spans="14:14">
      <c r="N131714" s="10"/>
    </row>
    <row r="131715" spans="14:14">
      <c r="N131715" s="10"/>
    </row>
    <row r="131716" spans="14:14">
      <c r="N131716" s="10"/>
    </row>
    <row r="131717" spans="14:14">
      <c r="N131717" s="10"/>
    </row>
    <row r="131718" spans="14:14">
      <c r="N131718" s="10"/>
    </row>
    <row r="131719" spans="14:14">
      <c r="N131719" s="10"/>
    </row>
    <row r="131720" spans="14:14">
      <c r="N131720" s="10"/>
    </row>
    <row r="131721" spans="14:14">
      <c r="N131721" s="10"/>
    </row>
    <row r="131722" spans="14:14">
      <c r="N131722" s="10"/>
    </row>
    <row r="131723" spans="14:14">
      <c r="N131723" s="10"/>
    </row>
    <row r="131724" spans="14:14">
      <c r="N131724" s="10"/>
    </row>
    <row r="131725" spans="14:14">
      <c r="N131725" s="10"/>
    </row>
    <row r="131726" spans="14:14">
      <c r="N131726" s="10"/>
    </row>
    <row r="131727" spans="14:14">
      <c r="N131727" s="10"/>
    </row>
    <row r="131728" spans="14:14">
      <c r="N131728" s="10"/>
    </row>
    <row r="131729" spans="14:14">
      <c r="N131729" s="10"/>
    </row>
    <row r="131730" spans="14:14">
      <c r="N131730" s="10"/>
    </row>
    <row r="131731" spans="14:14">
      <c r="N131731" s="10"/>
    </row>
    <row r="131732" spans="14:14">
      <c r="N131732" s="10"/>
    </row>
    <row r="131733" spans="14:14">
      <c r="N131733" s="10"/>
    </row>
    <row r="131734" spans="14:14">
      <c r="N131734" s="10"/>
    </row>
    <row r="131735" spans="14:14">
      <c r="N131735" s="10"/>
    </row>
    <row r="131736" spans="14:14">
      <c r="N131736" s="10"/>
    </row>
    <row r="131737" spans="14:14">
      <c r="N131737" s="10"/>
    </row>
    <row r="131738" spans="14:14">
      <c r="N131738" s="10"/>
    </row>
    <row r="131739" spans="14:14">
      <c r="N131739" s="10"/>
    </row>
    <row r="131740" spans="14:14">
      <c r="N131740" s="10"/>
    </row>
    <row r="131741" spans="14:14">
      <c r="N131741" s="10"/>
    </row>
    <row r="131742" spans="14:14">
      <c r="N131742" s="10"/>
    </row>
    <row r="131743" spans="14:14">
      <c r="N131743" s="10"/>
    </row>
    <row r="131744" spans="14:14">
      <c r="N131744" s="10"/>
    </row>
    <row r="131745" spans="14:14">
      <c r="N131745" s="10"/>
    </row>
    <row r="131746" spans="14:14">
      <c r="N131746" s="10"/>
    </row>
    <row r="131747" spans="14:14">
      <c r="N131747" s="10"/>
    </row>
    <row r="131748" spans="14:14">
      <c r="N131748" s="10"/>
    </row>
    <row r="131749" spans="14:14">
      <c r="N131749" s="10"/>
    </row>
    <row r="131750" spans="14:14">
      <c r="N131750" s="10"/>
    </row>
    <row r="131751" spans="14:14">
      <c r="N131751" s="10"/>
    </row>
    <row r="131752" spans="14:14">
      <c r="N131752" s="10"/>
    </row>
    <row r="131753" spans="14:14">
      <c r="N131753" s="10"/>
    </row>
    <row r="131754" spans="14:14">
      <c r="N131754" s="10"/>
    </row>
    <row r="131755" spans="14:14">
      <c r="N131755" s="10"/>
    </row>
    <row r="131756" spans="14:14">
      <c r="N131756" s="10"/>
    </row>
    <row r="131757" spans="14:14">
      <c r="N131757" s="10"/>
    </row>
    <row r="131758" spans="14:14">
      <c r="N131758" s="10"/>
    </row>
    <row r="131759" spans="14:14">
      <c r="N131759" s="10"/>
    </row>
    <row r="131760" spans="14:14">
      <c r="N131760" s="10"/>
    </row>
    <row r="131761" spans="14:14">
      <c r="N131761" s="10"/>
    </row>
    <row r="131762" spans="14:14">
      <c r="N131762" s="10"/>
    </row>
    <row r="131763" spans="14:14">
      <c r="N131763" s="10"/>
    </row>
    <row r="131764" spans="14:14">
      <c r="N131764" s="10"/>
    </row>
    <row r="131765" spans="14:14">
      <c r="N131765" s="10"/>
    </row>
    <row r="131766" spans="14:14">
      <c r="N131766" s="10"/>
    </row>
    <row r="131767" spans="14:14">
      <c r="N131767" s="10"/>
    </row>
    <row r="131768" spans="14:14">
      <c r="N131768" s="10"/>
    </row>
    <row r="131769" spans="14:14">
      <c r="N131769" s="10"/>
    </row>
    <row r="131770" spans="14:14">
      <c r="N131770" s="10"/>
    </row>
    <row r="131771" spans="14:14">
      <c r="N131771" s="10"/>
    </row>
    <row r="131772" spans="14:14">
      <c r="N131772" s="10"/>
    </row>
    <row r="131773" spans="14:14">
      <c r="N131773" s="10"/>
    </row>
    <row r="131774" spans="14:14">
      <c r="N131774" s="10"/>
    </row>
    <row r="131775" spans="14:14">
      <c r="N131775" s="10"/>
    </row>
    <row r="131776" spans="14:14">
      <c r="N131776" s="10"/>
    </row>
    <row r="131777" spans="14:14">
      <c r="N131777" s="10"/>
    </row>
    <row r="131778" spans="14:14">
      <c r="N131778" s="10"/>
    </row>
    <row r="131779" spans="14:14">
      <c r="N131779" s="10"/>
    </row>
    <row r="131780" spans="14:14">
      <c r="N131780" s="10"/>
    </row>
    <row r="131781" spans="14:14">
      <c r="N131781" s="10"/>
    </row>
    <row r="131782" spans="14:14">
      <c r="N131782" s="10"/>
    </row>
    <row r="131783" spans="14:14">
      <c r="N131783" s="10"/>
    </row>
    <row r="131784" spans="14:14">
      <c r="N131784" s="10"/>
    </row>
    <row r="131785" spans="14:14">
      <c r="N131785" s="10"/>
    </row>
    <row r="131786" spans="14:14">
      <c r="N131786" s="10"/>
    </row>
    <row r="131787" spans="14:14">
      <c r="N131787" s="10"/>
    </row>
    <row r="131788" spans="14:14">
      <c r="N131788" s="10"/>
    </row>
    <row r="131789" spans="14:14">
      <c r="N131789" s="10"/>
    </row>
    <row r="131790" spans="14:14">
      <c r="N131790" s="10"/>
    </row>
    <row r="131791" spans="14:14">
      <c r="N131791" s="10"/>
    </row>
    <row r="131792" spans="14:14">
      <c r="N131792" s="10"/>
    </row>
    <row r="131793" spans="14:14">
      <c r="N131793" s="10"/>
    </row>
    <row r="131794" spans="14:14">
      <c r="N131794" s="10"/>
    </row>
    <row r="131795" spans="14:14">
      <c r="N131795" s="10"/>
    </row>
    <row r="131796" spans="14:14">
      <c r="N131796" s="10"/>
    </row>
    <row r="131797" spans="14:14">
      <c r="N131797" s="10"/>
    </row>
    <row r="131798" spans="14:14">
      <c r="N131798" s="10"/>
    </row>
    <row r="131799" spans="14:14">
      <c r="N131799" s="10"/>
    </row>
    <row r="131800" spans="14:14">
      <c r="N131800" s="10"/>
    </row>
    <row r="131801" spans="14:14">
      <c r="N131801" s="10"/>
    </row>
    <row r="131802" spans="14:14">
      <c r="N131802" s="10"/>
    </row>
    <row r="131803" spans="14:14">
      <c r="N131803" s="10"/>
    </row>
    <row r="131804" spans="14:14">
      <c r="N131804" s="10"/>
    </row>
    <row r="131805" spans="14:14">
      <c r="N131805" s="10"/>
    </row>
    <row r="131806" spans="14:14">
      <c r="N131806" s="10"/>
    </row>
    <row r="131807" spans="14:14">
      <c r="N131807" s="10"/>
    </row>
    <row r="131808" spans="14:14">
      <c r="N131808" s="10"/>
    </row>
    <row r="131809" spans="14:14">
      <c r="N131809" s="10"/>
    </row>
    <row r="131810" spans="14:14">
      <c r="N131810" s="10"/>
    </row>
    <row r="131811" spans="14:14">
      <c r="N131811" s="10"/>
    </row>
    <row r="131812" spans="14:14">
      <c r="N131812" s="10"/>
    </row>
    <row r="131813" spans="14:14">
      <c r="N131813" s="10"/>
    </row>
    <row r="131814" spans="14:14">
      <c r="N131814" s="10"/>
    </row>
    <row r="131815" spans="14:14">
      <c r="N131815" s="10"/>
    </row>
    <row r="131816" spans="14:14">
      <c r="N131816" s="10"/>
    </row>
    <row r="131817" spans="14:14">
      <c r="N131817" s="10"/>
    </row>
    <row r="131818" spans="14:14">
      <c r="N131818" s="10"/>
    </row>
    <row r="131819" spans="14:14">
      <c r="N131819" s="10"/>
    </row>
    <row r="131820" spans="14:14">
      <c r="N131820" s="10"/>
    </row>
    <row r="131821" spans="14:14">
      <c r="N131821" s="10"/>
    </row>
    <row r="131822" spans="14:14">
      <c r="N131822" s="10"/>
    </row>
    <row r="131823" spans="14:14">
      <c r="N131823" s="10"/>
    </row>
    <row r="131824" spans="14:14">
      <c r="N131824" s="10"/>
    </row>
    <row r="131825" spans="14:14">
      <c r="N131825" s="10"/>
    </row>
    <row r="131826" spans="14:14">
      <c r="N131826" s="10"/>
    </row>
    <row r="131827" spans="14:14">
      <c r="N131827" s="10"/>
    </row>
    <row r="131828" spans="14:14">
      <c r="N131828" s="10"/>
    </row>
    <row r="131829" spans="14:14">
      <c r="N131829" s="10"/>
    </row>
    <row r="131830" spans="14:14">
      <c r="N131830" s="10"/>
    </row>
    <row r="131831" spans="14:14">
      <c r="N131831" s="10"/>
    </row>
    <row r="131832" spans="14:14">
      <c r="N131832" s="10"/>
    </row>
    <row r="131833" spans="14:14">
      <c r="N131833" s="10"/>
    </row>
    <row r="131834" spans="14:14">
      <c r="N131834" s="10"/>
    </row>
    <row r="131835" spans="14:14">
      <c r="N131835" s="10"/>
    </row>
    <row r="131836" spans="14:14">
      <c r="N131836" s="10"/>
    </row>
    <row r="131837" spans="14:14">
      <c r="N131837" s="10"/>
    </row>
    <row r="131838" spans="14:14">
      <c r="N131838" s="10"/>
    </row>
    <row r="131839" spans="14:14">
      <c r="N131839" s="10"/>
    </row>
    <row r="131840" spans="14:14">
      <c r="N131840" s="10"/>
    </row>
    <row r="131841" spans="14:14">
      <c r="N131841" s="10"/>
    </row>
    <row r="131842" spans="14:14">
      <c r="N131842" s="10"/>
    </row>
    <row r="131843" spans="14:14">
      <c r="N131843" s="10"/>
    </row>
    <row r="131844" spans="14:14">
      <c r="N131844" s="10"/>
    </row>
    <row r="131845" spans="14:14">
      <c r="N131845" s="10"/>
    </row>
    <row r="131846" spans="14:14">
      <c r="N131846" s="10"/>
    </row>
    <row r="131847" spans="14:14">
      <c r="N131847" s="10"/>
    </row>
    <row r="131848" spans="14:14">
      <c r="N131848" s="10"/>
    </row>
    <row r="131849" spans="14:14">
      <c r="N131849" s="10"/>
    </row>
    <row r="131850" spans="14:14">
      <c r="N131850" s="10"/>
    </row>
    <row r="131851" spans="14:14">
      <c r="N131851" s="10"/>
    </row>
    <row r="131852" spans="14:14">
      <c r="N131852" s="10"/>
    </row>
    <row r="131853" spans="14:14">
      <c r="N131853" s="10"/>
    </row>
    <row r="131854" spans="14:14">
      <c r="N131854" s="10"/>
    </row>
    <row r="131855" spans="14:14">
      <c r="N131855" s="10"/>
    </row>
    <row r="131856" spans="14:14">
      <c r="N131856" s="10"/>
    </row>
    <row r="131857" spans="14:14">
      <c r="N131857" s="10"/>
    </row>
    <row r="131858" spans="14:14">
      <c r="N131858" s="10"/>
    </row>
    <row r="131859" spans="14:14">
      <c r="N131859" s="10"/>
    </row>
    <row r="131860" spans="14:14">
      <c r="N131860" s="10"/>
    </row>
    <row r="131861" spans="14:14">
      <c r="N131861" s="10"/>
    </row>
    <row r="131862" spans="14:14">
      <c r="N131862" s="10"/>
    </row>
    <row r="131863" spans="14:14">
      <c r="N131863" s="10"/>
    </row>
    <row r="131864" spans="14:14">
      <c r="N131864" s="10"/>
    </row>
    <row r="131865" spans="14:14">
      <c r="N131865" s="10"/>
    </row>
    <row r="131866" spans="14:14">
      <c r="N131866" s="10"/>
    </row>
    <row r="131867" spans="14:14">
      <c r="N131867" s="10"/>
    </row>
    <row r="131868" spans="14:14">
      <c r="N131868" s="10"/>
    </row>
    <row r="131869" spans="14:14">
      <c r="N131869" s="10"/>
    </row>
    <row r="131870" spans="14:14">
      <c r="N131870" s="10"/>
    </row>
    <row r="131871" spans="14:14">
      <c r="N131871" s="10"/>
    </row>
    <row r="131872" spans="14:14">
      <c r="N131872" s="10"/>
    </row>
    <row r="131873" spans="14:14">
      <c r="N131873" s="10"/>
    </row>
    <row r="131874" spans="14:14">
      <c r="N131874" s="10"/>
    </row>
    <row r="131875" spans="14:14">
      <c r="N131875" s="10"/>
    </row>
    <row r="131876" spans="14:14">
      <c r="N131876" s="10"/>
    </row>
    <row r="131877" spans="14:14">
      <c r="N131877" s="10"/>
    </row>
    <row r="131878" spans="14:14">
      <c r="N131878" s="10"/>
    </row>
    <row r="131879" spans="14:14">
      <c r="N131879" s="10"/>
    </row>
    <row r="131880" spans="14:14">
      <c r="N131880" s="10"/>
    </row>
    <row r="131881" spans="14:14">
      <c r="N131881" s="10"/>
    </row>
    <row r="131882" spans="14:14">
      <c r="N131882" s="10"/>
    </row>
    <row r="131883" spans="14:14">
      <c r="N131883" s="10"/>
    </row>
    <row r="131884" spans="14:14">
      <c r="N131884" s="10"/>
    </row>
    <row r="131885" spans="14:14">
      <c r="N131885" s="10"/>
    </row>
    <row r="131886" spans="14:14">
      <c r="N131886" s="10"/>
    </row>
    <row r="131887" spans="14:14">
      <c r="N131887" s="10"/>
    </row>
    <row r="131888" spans="14:14">
      <c r="N131888" s="10"/>
    </row>
    <row r="131889" spans="14:14">
      <c r="N131889" s="10"/>
    </row>
    <row r="131890" spans="14:14">
      <c r="N131890" s="10"/>
    </row>
    <row r="131891" spans="14:14">
      <c r="N131891" s="10"/>
    </row>
    <row r="131892" spans="14:14">
      <c r="N131892" s="10"/>
    </row>
    <row r="131893" spans="14:14">
      <c r="N131893" s="10"/>
    </row>
    <row r="131894" spans="14:14">
      <c r="N131894" s="10"/>
    </row>
    <row r="131895" spans="14:14">
      <c r="N131895" s="10"/>
    </row>
    <row r="131896" spans="14:14">
      <c r="N131896" s="10"/>
    </row>
    <row r="131897" spans="14:14">
      <c r="N131897" s="10"/>
    </row>
    <row r="131898" spans="14:14">
      <c r="N131898" s="10"/>
    </row>
    <row r="131899" spans="14:14">
      <c r="N131899" s="10"/>
    </row>
    <row r="131900" spans="14:14">
      <c r="N131900" s="10"/>
    </row>
    <row r="131901" spans="14:14">
      <c r="N131901" s="10"/>
    </row>
    <row r="131902" spans="14:14">
      <c r="N131902" s="10"/>
    </row>
    <row r="131903" spans="14:14">
      <c r="N131903" s="10"/>
    </row>
    <row r="131904" spans="14:14">
      <c r="N131904" s="10"/>
    </row>
    <row r="131905" spans="14:14">
      <c r="N131905" s="10"/>
    </row>
    <row r="131906" spans="14:14">
      <c r="N131906" s="10"/>
    </row>
    <row r="131907" spans="14:14">
      <c r="N131907" s="10"/>
    </row>
    <row r="131908" spans="14:14">
      <c r="N131908" s="10"/>
    </row>
    <row r="131909" spans="14:14">
      <c r="N131909" s="10"/>
    </row>
    <row r="131910" spans="14:14">
      <c r="N131910" s="10"/>
    </row>
    <row r="131911" spans="14:14">
      <c r="N131911" s="10"/>
    </row>
    <row r="131912" spans="14:14">
      <c r="N131912" s="10"/>
    </row>
    <row r="131913" spans="14:14">
      <c r="N131913" s="10"/>
    </row>
    <row r="131914" spans="14:14">
      <c r="N131914" s="10"/>
    </row>
    <row r="131915" spans="14:14">
      <c r="N131915" s="10"/>
    </row>
    <row r="131916" spans="14:14">
      <c r="N131916" s="10"/>
    </row>
    <row r="131917" spans="14:14">
      <c r="N131917" s="10"/>
    </row>
    <row r="131918" spans="14:14">
      <c r="N131918" s="10"/>
    </row>
    <row r="131919" spans="14:14">
      <c r="N131919" s="10"/>
    </row>
    <row r="131920" spans="14:14">
      <c r="N131920" s="10"/>
    </row>
    <row r="131921" spans="14:14">
      <c r="N131921" s="10"/>
    </row>
    <row r="131922" spans="14:14">
      <c r="N131922" s="10"/>
    </row>
    <row r="131923" spans="14:14">
      <c r="N131923" s="10"/>
    </row>
    <row r="131924" spans="14:14">
      <c r="N131924" s="10"/>
    </row>
    <row r="131925" spans="14:14">
      <c r="N131925" s="10"/>
    </row>
    <row r="131926" spans="14:14">
      <c r="N131926" s="10"/>
    </row>
    <row r="131927" spans="14:14">
      <c r="N131927" s="10"/>
    </row>
    <row r="131928" spans="14:14">
      <c r="N131928" s="10"/>
    </row>
    <row r="131929" spans="14:14">
      <c r="N131929" s="10"/>
    </row>
    <row r="131930" spans="14:14">
      <c r="N131930" s="10"/>
    </row>
    <row r="131931" spans="14:14">
      <c r="N131931" s="10"/>
    </row>
    <row r="131932" spans="14:14">
      <c r="N131932" s="10"/>
    </row>
    <row r="131933" spans="14:14">
      <c r="N131933" s="10"/>
    </row>
    <row r="131934" spans="14:14">
      <c r="N131934" s="10"/>
    </row>
    <row r="131935" spans="14:14">
      <c r="N131935" s="10"/>
    </row>
    <row r="131936" spans="14:14">
      <c r="N131936" s="10"/>
    </row>
    <row r="131937" spans="14:14">
      <c r="N131937" s="10"/>
    </row>
    <row r="131938" spans="14:14">
      <c r="N131938" s="10"/>
    </row>
    <row r="131939" spans="14:14">
      <c r="N131939" s="10"/>
    </row>
    <row r="131940" spans="14:14">
      <c r="N131940" s="10"/>
    </row>
    <row r="131941" spans="14:14">
      <c r="N131941" s="10"/>
    </row>
    <row r="131942" spans="14:14">
      <c r="N131942" s="10"/>
    </row>
    <row r="131943" spans="14:14">
      <c r="N131943" s="10"/>
    </row>
    <row r="131944" spans="14:14">
      <c r="N131944" s="10"/>
    </row>
    <row r="131945" spans="14:14">
      <c r="N131945" s="10"/>
    </row>
    <row r="131946" spans="14:14">
      <c r="N131946" s="10"/>
    </row>
    <row r="131947" spans="14:14">
      <c r="N131947" s="10"/>
    </row>
    <row r="131948" spans="14:14">
      <c r="N131948" s="10"/>
    </row>
    <row r="131949" spans="14:14">
      <c r="N131949" s="10"/>
    </row>
    <row r="131950" spans="14:14">
      <c r="N131950" s="10"/>
    </row>
    <row r="131951" spans="14:14">
      <c r="N131951" s="10"/>
    </row>
    <row r="131952" spans="14:14">
      <c r="N131952" s="10"/>
    </row>
    <row r="131953" spans="14:14">
      <c r="N131953" s="10"/>
    </row>
    <row r="131954" spans="14:14">
      <c r="N131954" s="10"/>
    </row>
    <row r="131955" spans="14:14">
      <c r="N131955" s="10"/>
    </row>
    <row r="131956" spans="14:14">
      <c r="N131956" s="10"/>
    </row>
    <row r="131957" spans="14:14">
      <c r="N131957" s="10"/>
    </row>
    <row r="131958" spans="14:14">
      <c r="N131958" s="10"/>
    </row>
    <row r="131959" spans="14:14">
      <c r="N131959" s="10"/>
    </row>
    <row r="131960" spans="14:14">
      <c r="N131960" s="10"/>
    </row>
    <row r="131961" spans="14:14">
      <c r="N131961" s="10"/>
    </row>
    <row r="131962" spans="14:14">
      <c r="N131962" s="10"/>
    </row>
    <row r="131963" spans="14:14">
      <c r="N131963" s="10"/>
    </row>
    <row r="131964" spans="14:14">
      <c r="N131964" s="10"/>
    </row>
    <row r="131965" spans="14:14">
      <c r="N131965" s="10"/>
    </row>
    <row r="131966" spans="14:14">
      <c r="N131966" s="10"/>
    </row>
    <row r="131967" spans="14:14">
      <c r="N131967" s="10"/>
    </row>
    <row r="131968" spans="14:14">
      <c r="N131968" s="10"/>
    </row>
    <row r="131969" spans="14:14">
      <c r="N131969" s="10"/>
    </row>
    <row r="131970" spans="14:14">
      <c r="N131970" s="10"/>
    </row>
    <row r="131971" spans="14:14">
      <c r="N131971" s="10"/>
    </row>
    <row r="131972" spans="14:14">
      <c r="N131972" s="10"/>
    </row>
    <row r="131973" spans="14:14">
      <c r="N131973" s="10"/>
    </row>
    <row r="131974" spans="14:14">
      <c r="N131974" s="10"/>
    </row>
    <row r="131975" spans="14:14">
      <c r="N131975" s="10"/>
    </row>
    <row r="131976" spans="14:14">
      <c r="N131976" s="10"/>
    </row>
    <row r="131977" spans="14:14">
      <c r="N131977" s="10"/>
    </row>
    <row r="131978" spans="14:14">
      <c r="N131978" s="10"/>
    </row>
    <row r="131979" spans="14:14">
      <c r="N131979" s="10"/>
    </row>
    <row r="131980" spans="14:14">
      <c r="N131980" s="10"/>
    </row>
    <row r="131981" spans="14:14">
      <c r="N131981" s="10"/>
    </row>
    <row r="131982" spans="14:14">
      <c r="N131982" s="10"/>
    </row>
    <row r="131983" spans="14:14">
      <c r="N131983" s="10"/>
    </row>
    <row r="131984" spans="14:14">
      <c r="N131984" s="10"/>
    </row>
    <row r="131985" spans="14:14">
      <c r="N131985" s="10"/>
    </row>
    <row r="131986" spans="14:14">
      <c r="N131986" s="10"/>
    </row>
    <row r="131987" spans="14:14">
      <c r="N131987" s="10"/>
    </row>
    <row r="131988" spans="14:14">
      <c r="N131988" s="10"/>
    </row>
    <row r="131989" spans="14:14">
      <c r="N131989" s="10"/>
    </row>
    <row r="131990" spans="14:14">
      <c r="N131990" s="10"/>
    </row>
    <row r="131991" spans="14:14">
      <c r="N131991" s="10"/>
    </row>
    <row r="131992" spans="14:14">
      <c r="N131992" s="10"/>
    </row>
    <row r="131993" spans="14:14">
      <c r="N131993" s="10"/>
    </row>
    <row r="131994" spans="14:14">
      <c r="N131994" s="10"/>
    </row>
    <row r="131995" spans="14:14">
      <c r="N131995" s="10"/>
    </row>
    <row r="131996" spans="14:14">
      <c r="N131996" s="10"/>
    </row>
    <row r="131997" spans="14:14">
      <c r="N131997" s="10"/>
    </row>
    <row r="131998" spans="14:14">
      <c r="N131998" s="10"/>
    </row>
    <row r="131999" spans="14:14">
      <c r="N131999" s="10"/>
    </row>
    <row r="132000" spans="14:14">
      <c r="N132000" s="10"/>
    </row>
    <row r="132001" spans="14:14">
      <c r="N132001" s="10"/>
    </row>
    <row r="132002" spans="14:14">
      <c r="N132002" s="10"/>
    </row>
    <row r="132003" spans="14:14">
      <c r="N132003" s="10"/>
    </row>
    <row r="132004" spans="14:14">
      <c r="N132004" s="10"/>
    </row>
    <row r="132005" spans="14:14">
      <c r="N132005" s="10"/>
    </row>
    <row r="132006" spans="14:14">
      <c r="N132006" s="10"/>
    </row>
    <row r="132007" spans="14:14">
      <c r="N132007" s="10"/>
    </row>
    <row r="132008" spans="14:14">
      <c r="N132008" s="10"/>
    </row>
    <row r="132009" spans="14:14">
      <c r="N132009" s="10"/>
    </row>
    <row r="132010" spans="14:14">
      <c r="N132010" s="10"/>
    </row>
    <row r="132011" spans="14:14">
      <c r="N132011" s="10"/>
    </row>
    <row r="132012" spans="14:14">
      <c r="N132012" s="10"/>
    </row>
    <row r="132013" spans="14:14">
      <c r="N132013" s="10"/>
    </row>
    <row r="132014" spans="14:14">
      <c r="N132014" s="10"/>
    </row>
    <row r="132015" spans="14:14">
      <c r="N132015" s="10"/>
    </row>
    <row r="132016" spans="14:14">
      <c r="N132016" s="10"/>
    </row>
    <row r="132017" spans="14:14">
      <c r="N132017" s="10"/>
    </row>
    <row r="132018" spans="14:14">
      <c r="N132018" s="10"/>
    </row>
    <row r="132019" spans="14:14">
      <c r="N132019" s="10"/>
    </row>
    <row r="132020" spans="14:14">
      <c r="N132020" s="10"/>
    </row>
    <row r="132021" spans="14:14">
      <c r="N132021" s="10"/>
    </row>
    <row r="132022" spans="14:14">
      <c r="N132022" s="10"/>
    </row>
    <row r="132023" spans="14:14">
      <c r="N132023" s="10"/>
    </row>
    <row r="132024" spans="14:14">
      <c r="N132024" s="10"/>
    </row>
    <row r="132025" spans="14:14">
      <c r="N132025" s="10"/>
    </row>
    <row r="132026" spans="14:14">
      <c r="N132026" s="10"/>
    </row>
    <row r="132027" spans="14:14">
      <c r="N132027" s="10"/>
    </row>
    <row r="132028" spans="14:14">
      <c r="N132028" s="10"/>
    </row>
    <row r="132029" spans="14:14">
      <c r="N132029" s="10"/>
    </row>
    <row r="132030" spans="14:14">
      <c r="N132030" s="10"/>
    </row>
    <row r="132031" spans="14:14">
      <c r="N132031" s="10"/>
    </row>
    <row r="132032" spans="14:14">
      <c r="N132032" s="10"/>
    </row>
    <row r="132033" spans="14:14">
      <c r="N132033" s="10"/>
    </row>
    <row r="132034" spans="14:14">
      <c r="N132034" s="10"/>
    </row>
    <row r="132035" spans="14:14">
      <c r="N132035" s="10"/>
    </row>
    <row r="132036" spans="14:14">
      <c r="N132036" s="10"/>
    </row>
    <row r="132037" spans="14:14">
      <c r="N132037" s="10"/>
    </row>
    <row r="132038" spans="14:14">
      <c r="N132038" s="10"/>
    </row>
    <row r="132039" spans="14:14">
      <c r="N132039" s="10"/>
    </row>
    <row r="132040" spans="14:14">
      <c r="N132040" s="10"/>
    </row>
    <row r="132041" spans="14:14">
      <c r="N132041" s="10"/>
    </row>
    <row r="132042" spans="14:14">
      <c r="N132042" s="10"/>
    </row>
    <row r="132043" spans="14:14">
      <c r="N132043" s="10"/>
    </row>
    <row r="132044" spans="14:14">
      <c r="N132044" s="10"/>
    </row>
    <row r="132045" spans="14:14">
      <c r="N132045" s="10"/>
    </row>
    <row r="132046" spans="14:14">
      <c r="N132046" s="10"/>
    </row>
    <row r="132047" spans="14:14">
      <c r="N132047" s="10"/>
    </row>
    <row r="132048" spans="14:14">
      <c r="N132048" s="10"/>
    </row>
    <row r="132049" spans="14:14">
      <c r="N132049" s="10"/>
    </row>
    <row r="132050" spans="14:14">
      <c r="N132050" s="10"/>
    </row>
    <row r="132051" spans="14:14">
      <c r="N132051" s="10"/>
    </row>
    <row r="132052" spans="14:14">
      <c r="N132052" s="10"/>
    </row>
    <row r="132053" spans="14:14">
      <c r="N132053" s="10"/>
    </row>
    <row r="132054" spans="14:14">
      <c r="N132054" s="10"/>
    </row>
    <row r="132055" spans="14:14">
      <c r="N132055" s="10"/>
    </row>
    <row r="132056" spans="14:14">
      <c r="N132056" s="10"/>
    </row>
    <row r="132057" spans="14:14">
      <c r="N132057" s="10"/>
    </row>
    <row r="132058" spans="14:14">
      <c r="N132058" s="10"/>
    </row>
    <row r="132059" spans="14:14">
      <c r="N132059" s="10"/>
    </row>
    <row r="132060" spans="14:14">
      <c r="N132060" s="10"/>
    </row>
    <row r="132061" spans="14:14">
      <c r="N132061" s="10"/>
    </row>
    <row r="132062" spans="14:14">
      <c r="N132062" s="10"/>
    </row>
    <row r="132063" spans="14:14">
      <c r="N132063" s="10"/>
    </row>
    <row r="132064" spans="14:14">
      <c r="N132064" s="10"/>
    </row>
    <row r="132065" spans="14:14">
      <c r="N132065" s="10"/>
    </row>
    <row r="132066" spans="14:14">
      <c r="N132066" s="10"/>
    </row>
    <row r="132067" spans="14:14">
      <c r="N132067" s="10"/>
    </row>
    <row r="132068" spans="14:14">
      <c r="N132068" s="10"/>
    </row>
    <row r="132069" spans="14:14">
      <c r="N132069" s="10"/>
    </row>
    <row r="132070" spans="14:14">
      <c r="N132070" s="10"/>
    </row>
    <row r="132071" spans="14:14">
      <c r="N132071" s="10"/>
    </row>
    <row r="132072" spans="14:14">
      <c r="N132072" s="10"/>
    </row>
    <row r="132073" spans="14:14">
      <c r="N132073" s="10"/>
    </row>
    <row r="132074" spans="14:14">
      <c r="N132074" s="10"/>
    </row>
    <row r="132075" spans="14:14">
      <c r="N132075" s="10"/>
    </row>
    <row r="132076" spans="14:14">
      <c r="N132076" s="10"/>
    </row>
    <row r="132077" spans="14:14">
      <c r="N132077" s="10"/>
    </row>
    <row r="132078" spans="14:14">
      <c r="N132078" s="10"/>
    </row>
    <row r="132079" spans="14:14">
      <c r="N132079" s="10"/>
    </row>
    <row r="132080" spans="14:14">
      <c r="N132080" s="10"/>
    </row>
    <row r="132081" spans="14:14">
      <c r="N132081" s="10"/>
    </row>
    <row r="132082" spans="14:14">
      <c r="N132082" s="10"/>
    </row>
    <row r="132083" spans="14:14">
      <c r="N132083" s="10"/>
    </row>
    <row r="132084" spans="14:14">
      <c r="N132084" s="10"/>
    </row>
    <row r="132085" spans="14:14">
      <c r="N132085" s="10"/>
    </row>
    <row r="132086" spans="14:14">
      <c r="N132086" s="10"/>
    </row>
    <row r="132087" spans="14:14">
      <c r="N132087" s="10"/>
    </row>
    <row r="132088" spans="14:14">
      <c r="N132088" s="10"/>
    </row>
    <row r="132089" spans="14:14">
      <c r="N132089" s="10"/>
    </row>
    <row r="132090" spans="14:14">
      <c r="N132090" s="10"/>
    </row>
    <row r="132091" spans="14:14">
      <c r="N132091" s="10"/>
    </row>
    <row r="132092" spans="14:14">
      <c r="N132092" s="10"/>
    </row>
    <row r="132093" spans="14:14">
      <c r="N132093" s="10"/>
    </row>
    <row r="132094" spans="14:14">
      <c r="N132094" s="10"/>
    </row>
    <row r="132095" spans="14:14">
      <c r="N132095" s="10"/>
    </row>
    <row r="132096" spans="14:14">
      <c r="N132096" s="10"/>
    </row>
    <row r="132097" spans="14:14">
      <c r="N132097" s="10"/>
    </row>
    <row r="132098" spans="14:14">
      <c r="N132098" s="10"/>
    </row>
    <row r="132099" spans="14:14">
      <c r="N132099" s="10"/>
    </row>
    <row r="132100" spans="14:14">
      <c r="N132100" s="10"/>
    </row>
    <row r="132101" spans="14:14">
      <c r="N132101" s="10"/>
    </row>
    <row r="132102" spans="14:14">
      <c r="N132102" s="10"/>
    </row>
    <row r="132103" spans="14:14">
      <c r="N132103" s="10"/>
    </row>
    <row r="132104" spans="14:14">
      <c r="N132104" s="10"/>
    </row>
    <row r="132105" spans="14:14">
      <c r="N132105" s="10"/>
    </row>
    <row r="132106" spans="14:14">
      <c r="N132106" s="10"/>
    </row>
    <row r="132107" spans="14:14">
      <c r="N132107" s="10"/>
    </row>
    <row r="132108" spans="14:14">
      <c r="N132108" s="10"/>
    </row>
    <row r="132109" spans="14:14">
      <c r="N132109" s="10"/>
    </row>
    <row r="132110" spans="14:14">
      <c r="N132110" s="10"/>
    </row>
    <row r="132111" spans="14:14">
      <c r="N132111" s="10"/>
    </row>
    <row r="132112" spans="14:14">
      <c r="N132112" s="10"/>
    </row>
    <row r="132113" spans="14:14">
      <c r="N132113" s="10"/>
    </row>
    <row r="132114" spans="14:14">
      <c r="N132114" s="10"/>
    </row>
    <row r="132115" spans="14:14">
      <c r="N132115" s="10"/>
    </row>
    <row r="132116" spans="14:14">
      <c r="N132116" s="10"/>
    </row>
    <row r="132117" spans="14:14">
      <c r="N132117" s="10"/>
    </row>
    <row r="132118" spans="14:14">
      <c r="N132118" s="10"/>
    </row>
    <row r="132119" spans="14:14">
      <c r="N132119" s="10"/>
    </row>
    <row r="132120" spans="14:14">
      <c r="N132120" s="10"/>
    </row>
    <row r="132121" spans="14:14">
      <c r="N132121" s="10"/>
    </row>
    <row r="132122" spans="14:14">
      <c r="N132122" s="10"/>
    </row>
    <row r="132123" spans="14:14">
      <c r="N132123" s="10"/>
    </row>
    <row r="132124" spans="14:14">
      <c r="N132124" s="10"/>
    </row>
    <row r="132125" spans="14:14">
      <c r="N132125" s="10"/>
    </row>
    <row r="132126" spans="14:14">
      <c r="N132126" s="10"/>
    </row>
    <row r="132127" spans="14:14">
      <c r="N132127" s="10"/>
    </row>
    <row r="132128" spans="14:14">
      <c r="N132128" s="10"/>
    </row>
    <row r="132129" spans="14:14">
      <c r="N132129" s="10"/>
    </row>
    <row r="132130" spans="14:14">
      <c r="N132130" s="10"/>
    </row>
    <row r="132131" spans="14:14">
      <c r="N132131" s="10"/>
    </row>
    <row r="132132" spans="14:14">
      <c r="N132132" s="10"/>
    </row>
    <row r="132133" spans="14:14">
      <c r="N132133" s="10"/>
    </row>
    <row r="132134" spans="14:14">
      <c r="N132134" s="10"/>
    </row>
    <row r="132135" spans="14:14">
      <c r="N132135" s="10"/>
    </row>
    <row r="132136" spans="14:14">
      <c r="N132136" s="10"/>
    </row>
    <row r="132137" spans="14:14">
      <c r="N132137" s="10"/>
    </row>
    <row r="132138" spans="14:14">
      <c r="N132138" s="10"/>
    </row>
    <row r="132139" spans="14:14">
      <c r="N132139" s="10"/>
    </row>
    <row r="132140" spans="14:14">
      <c r="N132140" s="10"/>
    </row>
    <row r="132141" spans="14:14">
      <c r="N132141" s="10"/>
    </row>
    <row r="132142" spans="14:14">
      <c r="N132142" s="10"/>
    </row>
    <row r="132143" spans="14:14">
      <c r="N132143" s="10"/>
    </row>
    <row r="132144" spans="14:14">
      <c r="N132144" s="10"/>
    </row>
    <row r="132145" spans="14:14">
      <c r="N132145" s="10"/>
    </row>
    <row r="132146" spans="14:14">
      <c r="N132146" s="10"/>
    </row>
    <row r="132147" spans="14:14">
      <c r="N132147" s="10"/>
    </row>
    <row r="132148" spans="14:14">
      <c r="N132148" s="10"/>
    </row>
    <row r="132149" spans="14:14">
      <c r="N132149" s="10"/>
    </row>
    <row r="132150" spans="14:14">
      <c r="N132150" s="10"/>
    </row>
    <row r="132151" spans="14:14">
      <c r="N132151" s="10"/>
    </row>
    <row r="132152" spans="14:14">
      <c r="N132152" s="10"/>
    </row>
    <row r="132153" spans="14:14">
      <c r="N132153" s="10"/>
    </row>
    <row r="132154" spans="14:14">
      <c r="N132154" s="10"/>
    </row>
    <row r="132155" spans="14:14">
      <c r="N132155" s="10"/>
    </row>
    <row r="132156" spans="14:14">
      <c r="N132156" s="10"/>
    </row>
    <row r="132157" spans="14:14">
      <c r="N132157" s="10"/>
    </row>
    <row r="132158" spans="14:14">
      <c r="N132158" s="10"/>
    </row>
    <row r="132159" spans="14:14">
      <c r="N132159" s="10"/>
    </row>
    <row r="132160" spans="14:14">
      <c r="N132160" s="10"/>
    </row>
    <row r="132161" spans="14:14">
      <c r="N132161" s="10"/>
    </row>
    <row r="132162" spans="14:14">
      <c r="N132162" s="10"/>
    </row>
    <row r="132163" spans="14:14">
      <c r="N132163" s="10"/>
    </row>
    <row r="132164" spans="14:14">
      <c r="N132164" s="10"/>
    </row>
    <row r="132165" spans="14:14">
      <c r="N132165" s="10"/>
    </row>
    <row r="132166" spans="14:14">
      <c r="N132166" s="10"/>
    </row>
    <row r="132167" spans="14:14">
      <c r="N132167" s="10"/>
    </row>
    <row r="132168" spans="14:14">
      <c r="N132168" s="10"/>
    </row>
    <row r="132169" spans="14:14">
      <c r="N132169" s="10"/>
    </row>
    <row r="132170" spans="14:14">
      <c r="N132170" s="10"/>
    </row>
    <row r="132171" spans="14:14">
      <c r="N132171" s="10"/>
    </row>
    <row r="132172" spans="14:14">
      <c r="N132172" s="10"/>
    </row>
    <row r="132173" spans="14:14">
      <c r="N132173" s="10"/>
    </row>
    <row r="132174" spans="14:14">
      <c r="N132174" s="10"/>
    </row>
    <row r="132175" spans="14:14">
      <c r="N132175" s="10"/>
    </row>
    <row r="132176" spans="14:14">
      <c r="N132176" s="10"/>
    </row>
    <row r="132177" spans="14:14">
      <c r="N132177" s="10"/>
    </row>
    <row r="132178" spans="14:14">
      <c r="N132178" s="10"/>
    </row>
    <row r="132179" spans="14:14">
      <c r="N132179" s="10"/>
    </row>
    <row r="132180" spans="14:14">
      <c r="N132180" s="10"/>
    </row>
    <row r="132181" spans="14:14">
      <c r="N132181" s="10"/>
    </row>
    <row r="132182" spans="14:14">
      <c r="N132182" s="10"/>
    </row>
    <row r="132183" spans="14:14">
      <c r="N132183" s="10"/>
    </row>
    <row r="132184" spans="14:14">
      <c r="N132184" s="10"/>
    </row>
    <row r="132185" spans="14:14">
      <c r="N132185" s="10"/>
    </row>
    <row r="132186" spans="14:14">
      <c r="N132186" s="10"/>
    </row>
    <row r="132187" spans="14:14">
      <c r="N132187" s="10"/>
    </row>
    <row r="132188" spans="14:14">
      <c r="N132188" s="10"/>
    </row>
    <row r="132189" spans="14:14">
      <c r="N132189" s="10"/>
    </row>
    <row r="132190" spans="14:14">
      <c r="N132190" s="10"/>
    </row>
    <row r="132191" spans="14:14">
      <c r="N132191" s="10"/>
    </row>
    <row r="132192" spans="14:14">
      <c r="N132192" s="10"/>
    </row>
    <row r="132193" spans="14:14">
      <c r="N132193" s="10"/>
    </row>
    <row r="132194" spans="14:14">
      <c r="N132194" s="10"/>
    </row>
    <row r="132195" spans="14:14">
      <c r="N132195" s="10"/>
    </row>
    <row r="132196" spans="14:14">
      <c r="N132196" s="10"/>
    </row>
    <row r="132197" spans="14:14">
      <c r="N132197" s="10"/>
    </row>
    <row r="132198" spans="14:14">
      <c r="N132198" s="10"/>
    </row>
    <row r="132199" spans="14:14">
      <c r="N132199" s="10"/>
    </row>
    <row r="132200" spans="14:14">
      <c r="N132200" s="10"/>
    </row>
    <row r="132201" spans="14:14">
      <c r="N132201" s="10"/>
    </row>
    <row r="132202" spans="14:14">
      <c r="N132202" s="10"/>
    </row>
    <row r="132203" spans="14:14">
      <c r="N132203" s="10"/>
    </row>
    <row r="132204" spans="14:14">
      <c r="N132204" s="10"/>
    </row>
    <row r="132205" spans="14:14">
      <c r="N132205" s="10"/>
    </row>
    <row r="132206" spans="14:14">
      <c r="N132206" s="10"/>
    </row>
    <row r="132207" spans="14:14">
      <c r="N132207" s="10"/>
    </row>
    <row r="132208" spans="14:14">
      <c r="N132208" s="10"/>
    </row>
    <row r="132209" spans="14:14">
      <c r="N132209" s="10"/>
    </row>
    <row r="132210" spans="14:14">
      <c r="N132210" s="10"/>
    </row>
    <row r="132211" spans="14:14">
      <c r="N132211" s="10"/>
    </row>
    <row r="132212" spans="14:14">
      <c r="N132212" s="10"/>
    </row>
    <row r="132213" spans="14:14">
      <c r="N132213" s="10"/>
    </row>
    <row r="132214" spans="14:14">
      <c r="N132214" s="10"/>
    </row>
    <row r="132215" spans="14:14">
      <c r="N132215" s="10"/>
    </row>
    <row r="132216" spans="14:14">
      <c r="N132216" s="10"/>
    </row>
    <row r="132217" spans="14:14">
      <c r="N132217" s="10"/>
    </row>
    <row r="132218" spans="14:14">
      <c r="N132218" s="10"/>
    </row>
    <row r="132219" spans="14:14">
      <c r="N132219" s="10"/>
    </row>
    <row r="132220" spans="14:14">
      <c r="N132220" s="10"/>
    </row>
    <row r="132221" spans="14:14">
      <c r="N132221" s="10"/>
    </row>
    <row r="132222" spans="14:14">
      <c r="N132222" s="10"/>
    </row>
    <row r="132223" spans="14:14">
      <c r="N132223" s="10"/>
    </row>
    <row r="132224" spans="14:14">
      <c r="N132224" s="10"/>
    </row>
    <row r="132225" spans="14:14">
      <c r="N132225" s="10"/>
    </row>
    <row r="132226" spans="14:14">
      <c r="N132226" s="10"/>
    </row>
    <row r="132227" spans="14:14">
      <c r="N132227" s="10"/>
    </row>
    <row r="132228" spans="14:14">
      <c r="N132228" s="10"/>
    </row>
    <row r="132229" spans="14:14">
      <c r="N132229" s="10"/>
    </row>
    <row r="132230" spans="14:14">
      <c r="N132230" s="10"/>
    </row>
    <row r="132231" spans="14:14">
      <c r="N132231" s="10"/>
    </row>
    <row r="132232" spans="14:14">
      <c r="N132232" s="10"/>
    </row>
    <row r="132233" spans="14:14">
      <c r="N132233" s="10"/>
    </row>
    <row r="132234" spans="14:14">
      <c r="N132234" s="10"/>
    </row>
    <row r="132235" spans="14:14">
      <c r="N132235" s="10"/>
    </row>
    <row r="132236" spans="14:14">
      <c r="N132236" s="10"/>
    </row>
    <row r="132237" spans="14:14">
      <c r="N132237" s="10"/>
    </row>
    <row r="132238" spans="14:14">
      <c r="N132238" s="10"/>
    </row>
    <row r="132239" spans="14:14">
      <c r="N132239" s="10"/>
    </row>
    <row r="132240" spans="14:14">
      <c r="N132240" s="10"/>
    </row>
    <row r="132241" spans="14:14">
      <c r="N132241" s="10"/>
    </row>
    <row r="132242" spans="14:14">
      <c r="N132242" s="10"/>
    </row>
    <row r="132243" spans="14:14">
      <c r="N132243" s="10"/>
    </row>
    <row r="132244" spans="14:14">
      <c r="N132244" s="10"/>
    </row>
    <row r="132245" spans="14:14">
      <c r="N132245" s="10"/>
    </row>
    <row r="132246" spans="14:14">
      <c r="N132246" s="10"/>
    </row>
    <row r="132247" spans="14:14">
      <c r="N132247" s="10"/>
    </row>
    <row r="132248" spans="14:14">
      <c r="N132248" s="10"/>
    </row>
    <row r="132249" spans="14:14">
      <c r="N132249" s="10"/>
    </row>
    <row r="132250" spans="14:14">
      <c r="N132250" s="10"/>
    </row>
    <row r="132251" spans="14:14">
      <c r="N132251" s="10"/>
    </row>
    <row r="132252" spans="14:14">
      <c r="N132252" s="10"/>
    </row>
    <row r="132253" spans="14:14">
      <c r="N132253" s="10"/>
    </row>
    <row r="132254" spans="14:14">
      <c r="N132254" s="10"/>
    </row>
    <row r="132255" spans="14:14">
      <c r="N132255" s="10"/>
    </row>
    <row r="132256" spans="14:14">
      <c r="N132256" s="10"/>
    </row>
    <row r="132257" spans="14:14">
      <c r="N132257" s="10"/>
    </row>
    <row r="132258" spans="14:14">
      <c r="N132258" s="10"/>
    </row>
    <row r="132259" spans="14:14">
      <c r="N132259" s="10"/>
    </row>
    <row r="132260" spans="14:14">
      <c r="N132260" s="10"/>
    </row>
    <row r="132261" spans="14:14">
      <c r="N132261" s="10"/>
    </row>
    <row r="132262" spans="14:14">
      <c r="N132262" s="10"/>
    </row>
    <row r="132263" spans="14:14">
      <c r="N132263" s="10"/>
    </row>
    <row r="132264" spans="14:14">
      <c r="N132264" s="10"/>
    </row>
    <row r="132265" spans="14:14">
      <c r="N132265" s="10"/>
    </row>
    <row r="132266" spans="14:14">
      <c r="N132266" s="10"/>
    </row>
    <row r="132267" spans="14:14">
      <c r="N132267" s="10"/>
    </row>
    <row r="132268" spans="14:14">
      <c r="N132268" s="10"/>
    </row>
    <row r="132269" spans="14:14">
      <c r="N132269" s="10"/>
    </row>
    <row r="132270" spans="14:14">
      <c r="N132270" s="10"/>
    </row>
    <row r="132271" spans="14:14">
      <c r="N132271" s="10"/>
    </row>
    <row r="132272" spans="14:14">
      <c r="N132272" s="10"/>
    </row>
    <row r="132273" spans="14:14">
      <c r="N132273" s="10"/>
    </row>
    <row r="132274" spans="14:14">
      <c r="N132274" s="10"/>
    </row>
    <row r="132275" spans="14:14">
      <c r="N132275" s="10"/>
    </row>
    <row r="132276" spans="14:14">
      <c r="N132276" s="10"/>
    </row>
    <row r="132277" spans="14:14">
      <c r="N132277" s="10"/>
    </row>
    <row r="132278" spans="14:14">
      <c r="N132278" s="10"/>
    </row>
    <row r="132279" spans="14:14">
      <c r="N132279" s="10"/>
    </row>
    <row r="132280" spans="14:14">
      <c r="N132280" s="10"/>
    </row>
    <row r="132281" spans="14:14">
      <c r="N132281" s="10"/>
    </row>
    <row r="132282" spans="14:14">
      <c r="N132282" s="10"/>
    </row>
    <row r="132283" spans="14:14">
      <c r="N132283" s="10"/>
    </row>
    <row r="132284" spans="14:14">
      <c r="N132284" s="10"/>
    </row>
    <row r="132285" spans="14:14">
      <c r="N132285" s="10"/>
    </row>
    <row r="132286" spans="14:14">
      <c r="N132286" s="10"/>
    </row>
    <row r="132287" spans="14:14">
      <c r="N132287" s="10"/>
    </row>
    <row r="132288" spans="14:14">
      <c r="N132288" s="10"/>
    </row>
    <row r="132289" spans="14:14">
      <c r="N132289" s="10"/>
    </row>
    <row r="132290" spans="14:14">
      <c r="N132290" s="10"/>
    </row>
    <row r="132291" spans="14:14">
      <c r="N132291" s="10"/>
    </row>
    <row r="132292" spans="14:14">
      <c r="N132292" s="10"/>
    </row>
    <row r="132293" spans="14:14">
      <c r="N132293" s="10"/>
    </row>
    <row r="132294" spans="14:14">
      <c r="N132294" s="10"/>
    </row>
    <row r="132295" spans="14:14">
      <c r="N132295" s="10"/>
    </row>
    <row r="132296" spans="14:14">
      <c r="N132296" s="10"/>
    </row>
    <row r="132297" spans="14:14">
      <c r="N132297" s="10"/>
    </row>
    <row r="132298" spans="14:14">
      <c r="N132298" s="10"/>
    </row>
    <row r="132299" spans="14:14">
      <c r="N132299" s="10"/>
    </row>
    <row r="132300" spans="14:14">
      <c r="N132300" s="10"/>
    </row>
    <row r="132301" spans="14:14">
      <c r="N132301" s="10"/>
    </row>
    <row r="132302" spans="14:14">
      <c r="N132302" s="10"/>
    </row>
    <row r="132303" spans="14:14">
      <c r="N132303" s="10"/>
    </row>
    <row r="132304" spans="14:14">
      <c r="N132304" s="10"/>
    </row>
    <row r="132305" spans="14:14">
      <c r="N132305" s="10"/>
    </row>
    <row r="132306" spans="14:14">
      <c r="N132306" s="10"/>
    </row>
    <row r="132307" spans="14:14">
      <c r="N132307" s="10"/>
    </row>
    <row r="132308" spans="14:14">
      <c r="N132308" s="10"/>
    </row>
    <row r="132309" spans="14:14">
      <c r="N132309" s="10"/>
    </row>
    <row r="132310" spans="14:14">
      <c r="N132310" s="10"/>
    </row>
    <row r="132311" spans="14:14">
      <c r="N132311" s="10"/>
    </row>
    <row r="132312" spans="14:14">
      <c r="N132312" s="10"/>
    </row>
    <row r="132313" spans="14:14">
      <c r="N132313" s="10"/>
    </row>
    <row r="132314" spans="14:14">
      <c r="N132314" s="10"/>
    </row>
    <row r="132315" spans="14:14">
      <c r="N132315" s="10"/>
    </row>
    <row r="132316" spans="14:14">
      <c r="N132316" s="10"/>
    </row>
    <row r="132317" spans="14:14">
      <c r="N132317" s="10"/>
    </row>
    <row r="132318" spans="14:14">
      <c r="N132318" s="10"/>
    </row>
    <row r="132319" spans="14:14">
      <c r="N132319" s="10"/>
    </row>
    <row r="132320" spans="14:14">
      <c r="N132320" s="10"/>
    </row>
    <row r="132321" spans="14:14">
      <c r="N132321" s="10"/>
    </row>
    <row r="132322" spans="14:14">
      <c r="N132322" s="10"/>
    </row>
    <row r="132323" spans="14:14">
      <c r="N132323" s="10"/>
    </row>
    <row r="132324" spans="14:14">
      <c r="N132324" s="10"/>
    </row>
    <row r="132325" spans="14:14">
      <c r="N132325" s="10"/>
    </row>
    <row r="132326" spans="14:14">
      <c r="N132326" s="10"/>
    </row>
    <row r="132327" spans="14:14">
      <c r="N132327" s="10"/>
    </row>
    <row r="132328" spans="14:14">
      <c r="N132328" s="10"/>
    </row>
    <row r="132329" spans="14:14">
      <c r="N132329" s="10"/>
    </row>
    <row r="132330" spans="14:14">
      <c r="N132330" s="10"/>
    </row>
    <row r="132331" spans="14:14">
      <c r="N132331" s="10"/>
    </row>
    <row r="132332" spans="14:14">
      <c r="N132332" s="10"/>
    </row>
    <row r="132333" spans="14:14">
      <c r="N132333" s="10"/>
    </row>
    <row r="132334" spans="14:14">
      <c r="N132334" s="10"/>
    </row>
    <row r="132335" spans="14:14">
      <c r="N132335" s="10"/>
    </row>
    <row r="132336" spans="14:14">
      <c r="N132336" s="10"/>
    </row>
    <row r="132337" spans="14:14">
      <c r="N132337" s="10"/>
    </row>
    <row r="132338" spans="14:14">
      <c r="N132338" s="10"/>
    </row>
    <row r="132339" spans="14:14">
      <c r="N132339" s="10"/>
    </row>
    <row r="132340" spans="14:14">
      <c r="N132340" s="10"/>
    </row>
    <row r="132341" spans="14:14">
      <c r="N132341" s="10"/>
    </row>
    <row r="132342" spans="14:14">
      <c r="N132342" s="10"/>
    </row>
    <row r="132343" spans="14:14">
      <c r="N132343" s="10"/>
    </row>
    <row r="132344" spans="14:14">
      <c r="N132344" s="10"/>
    </row>
    <row r="132345" spans="14:14">
      <c r="N132345" s="10"/>
    </row>
    <row r="132346" spans="14:14">
      <c r="N132346" s="10"/>
    </row>
    <row r="132347" spans="14:14">
      <c r="N132347" s="10"/>
    </row>
    <row r="132348" spans="14:14">
      <c r="N132348" s="10"/>
    </row>
    <row r="132349" spans="14:14">
      <c r="N132349" s="10"/>
    </row>
    <row r="132350" spans="14:14">
      <c r="N132350" s="10"/>
    </row>
    <row r="132351" spans="14:14">
      <c r="N132351" s="10"/>
    </row>
    <row r="132352" spans="14:14">
      <c r="N132352" s="10"/>
    </row>
    <row r="132353" spans="14:14">
      <c r="N132353" s="10"/>
    </row>
    <row r="132354" spans="14:14">
      <c r="N132354" s="10"/>
    </row>
    <row r="132355" spans="14:14">
      <c r="N132355" s="10"/>
    </row>
    <row r="132356" spans="14:14">
      <c r="N132356" s="10"/>
    </row>
    <row r="132357" spans="14:14">
      <c r="N132357" s="10"/>
    </row>
    <row r="132358" spans="14:14">
      <c r="N132358" s="10"/>
    </row>
    <row r="132359" spans="14:14">
      <c r="N132359" s="10"/>
    </row>
    <row r="132360" spans="14:14">
      <c r="N132360" s="10"/>
    </row>
    <row r="132361" spans="14:14">
      <c r="N132361" s="10"/>
    </row>
    <row r="132362" spans="14:14">
      <c r="N132362" s="10"/>
    </row>
    <row r="132363" spans="14:14">
      <c r="N132363" s="10"/>
    </row>
    <row r="132364" spans="14:14">
      <c r="N132364" s="10"/>
    </row>
    <row r="132365" spans="14:14">
      <c r="N132365" s="10"/>
    </row>
    <row r="132366" spans="14:14">
      <c r="N132366" s="10"/>
    </row>
    <row r="132367" spans="14:14">
      <c r="N132367" s="10"/>
    </row>
    <row r="132368" spans="14:14">
      <c r="N132368" s="10"/>
    </row>
    <row r="132369" spans="14:14">
      <c r="N132369" s="10"/>
    </row>
    <row r="132370" spans="14:14">
      <c r="N132370" s="10"/>
    </row>
    <row r="132371" spans="14:14">
      <c r="N132371" s="10"/>
    </row>
    <row r="132372" spans="14:14">
      <c r="N132372" s="10"/>
    </row>
    <row r="132373" spans="14:14">
      <c r="N132373" s="10"/>
    </row>
    <row r="132374" spans="14:14">
      <c r="N132374" s="10"/>
    </row>
    <row r="132375" spans="14:14">
      <c r="N132375" s="10"/>
    </row>
    <row r="132376" spans="14:14">
      <c r="N132376" s="10"/>
    </row>
    <row r="132377" spans="14:14">
      <c r="N132377" s="10"/>
    </row>
    <row r="132378" spans="14:14">
      <c r="N132378" s="10"/>
    </row>
    <row r="132379" spans="14:14">
      <c r="N132379" s="10"/>
    </row>
    <row r="132380" spans="14:14">
      <c r="N132380" s="10"/>
    </row>
    <row r="132381" spans="14:14">
      <c r="N132381" s="10"/>
    </row>
    <row r="132382" spans="14:14">
      <c r="N132382" s="10"/>
    </row>
    <row r="132383" spans="14:14">
      <c r="N132383" s="10"/>
    </row>
    <row r="132384" spans="14:14">
      <c r="N132384" s="10"/>
    </row>
    <row r="132385" spans="14:14">
      <c r="N132385" s="10"/>
    </row>
    <row r="132386" spans="14:14">
      <c r="N132386" s="10"/>
    </row>
    <row r="132387" spans="14:14">
      <c r="N132387" s="10"/>
    </row>
    <row r="132388" spans="14:14">
      <c r="N132388" s="10"/>
    </row>
    <row r="132389" spans="14:14">
      <c r="N132389" s="10"/>
    </row>
    <row r="132390" spans="14:14">
      <c r="N132390" s="10"/>
    </row>
    <row r="132391" spans="14:14">
      <c r="N132391" s="10"/>
    </row>
    <row r="132392" spans="14:14">
      <c r="N132392" s="10"/>
    </row>
    <row r="132393" spans="14:14">
      <c r="N132393" s="10"/>
    </row>
    <row r="132394" spans="14:14">
      <c r="N132394" s="10"/>
    </row>
    <row r="132395" spans="14:14">
      <c r="N132395" s="10"/>
    </row>
    <row r="132396" spans="14:14">
      <c r="N132396" s="10"/>
    </row>
    <row r="132397" spans="14:14">
      <c r="N132397" s="10"/>
    </row>
    <row r="132398" spans="14:14">
      <c r="N132398" s="10"/>
    </row>
    <row r="132399" spans="14:14">
      <c r="N132399" s="10"/>
    </row>
    <row r="132400" spans="14:14">
      <c r="N132400" s="10"/>
    </row>
    <row r="132401" spans="14:14">
      <c r="N132401" s="10"/>
    </row>
    <row r="132402" spans="14:14">
      <c r="N132402" s="10"/>
    </row>
    <row r="132403" spans="14:14">
      <c r="N132403" s="10"/>
    </row>
    <row r="132404" spans="14:14">
      <c r="N132404" s="10"/>
    </row>
    <row r="132405" spans="14:14">
      <c r="N132405" s="10"/>
    </row>
    <row r="132406" spans="14:14">
      <c r="N132406" s="10"/>
    </row>
    <row r="132407" spans="14:14">
      <c r="N132407" s="10"/>
    </row>
    <row r="132408" spans="14:14">
      <c r="N132408" s="10"/>
    </row>
    <row r="132409" spans="14:14">
      <c r="N132409" s="10"/>
    </row>
    <row r="132410" spans="14:14">
      <c r="N132410" s="10"/>
    </row>
    <row r="132411" spans="14:14">
      <c r="N132411" s="10"/>
    </row>
    <row r="132412" spans="14:14">
      <c r="N132412" s="10"/>
    </row>
    <row r="132413" spans="14:14">
      <c r="N132413" s="10"/>
    </row>
    <row r="132414" spans="14:14">
      <c r="N132414" s="10"/>
    </row>
    <row r="132415" spans="14:14">
      <c r="N132415" s="10"/>
    </row>
    <row r="132416" spans="14:14">
      <c r="N132416" s="10"/>
    </row>
    <row r="132417" spans="14:14">
      <c r="N132417" s="10"/>
    </row>
    <row r="132418" spans="14:14">
      <c r="N132418" s="10"/>
    </row>
    <row r="132419" spans="14:14">
      <c r="N132419" s="10"/>
    </row>
    <row r="132420" spans="14:14">
      <c r="N132420" s="10"/>
    </row>
    <row r="132421" spans="14:14">
      <c r="N132421" s="10"/>
    </row>
    <row r="132422" spans="14:14">
      <c r="N132422" s="10"/>
    </row>
    <row r="132423" spans="14:14">
      <c r="N132423" s="10"/>
    </row>
    <row r="132424" spans="14:14">
      <c r="N132424" s="10"/>
    </row>
    <row r="132425" spans="14:14">
      <c r="N132425" s="10"/>
    </row>
    <row r="132426" spans="14:14">
      <c r="N132426" s="10"/>
    </row>
    <row r="132427" spans="14:14">
      <c r="N132427" s="10"/>
    </row>
    <row r="132428" spans="14:14">
      <c r="N132428" s="10"/>
    </row>
    <row r="132429" spans="14:14">
      <c r="N132429" s="10"/>
    </row>
    <row r="132430" spans="14:14">
      <c r="N132430" s="10"/>
    </row>
    <row r="132431" spans="14:14">
      <c r="N132431" s="10"/>
    </row>
    <row r="132432" spans="14:14">
      <c r="N132432" s="10"/>
    </row>
    <row r="132433" spans="14:14">
      <c r="N132433" s="10"/>
    </row>
    <row r="132434" spans="14:14">
      <c r="N132434" s="10"/>
    </row>
    <row r="132435" spans="14:14">
      <c r="N132435" s="10"/>
    </row>
    <row r="132436" spans="14:14">
      <c r="N132436" s="10"/>
    </row>
    <row r="132437" spans="14:14">
      <c r="N132437" s="10"/>
    </row>
    <row r="132438" spans="14:14">
      <c r="N132438" s="10"/>
    </row>
    <row r="132439" spans="14:14">
      <c r="N132439" s="10"/>
    </row>
    <row r="132440" spans="14:14">
      <c r="N132440" s="10"/>
    </row>
    <row r="132441" spans="14:14">
      <c r="N132441" s="10"/>
    </row>
    <row r="132442" spans="14:14">
      <c r="N132442" s="10"/>
    </row>
    <row r="132443" spans="14:14">
      <c r="N132443" s="10"/>
    </row>
    <row r="132444" spans="14:14">
      <c r="N132444" s="10"/>
    </row>
    <row r="132445" spans="14:14">
      <c r="N132445" s="10"/>
    </row>
    <row r="132446" spans="14:14">
      <c r="N132446" s="10"/>
    </row>
    <row r="132447" spans="14:14">
      <c r="N132447" s="10"/>
    </row>
    <row r="132448" spans="14:14">
      <c r="N132448" s="10"/>
    </row>
    <row r="132449" spans="14:14">
      <c r="N132449" s="10"/>
    </row>
    <row r="132450" spans="14:14">
      <c r="N132450" s="10"/>
    </row>
    <row r="132451" spans="14:14">
      <c r="N132451" s="10"/>
    </row>
    <row r="132452" spans="14:14">
      <c r="N132452" s="10"/>
    </row>
    <row r="132453" spans="14:14">
      <c r="N132453" s="10"/>
    </row>
    <row r="132454" spans="14:14">
      <c r="N132454" s="10"/>
    </row>
    <row r="132455" spans="14:14">
      <c r="N132455" s="10"/>
    </row>
    <row r="132456" spans="14:14">
      <c r="N132456" s="10"/>
    </row>
    <row r="132457" spans="14:14">
      <c r="N132457" s="10"/>
    </row>
    <row r="132458" spans="14:14">
      <c r="N132458" s="10"/>
    </row>
    <row r="132459" spans="14:14">
      <c r="N132459" s="10"/>
    </row>
    <row r="132460" spans="14:14">
      <c r="N132460" s="10"/>
    </row>
    <row r="132461" spans="14:14">
      <c r="N132461" s="10"/>
    </row>
    <row r="132462" spans="14:14">
      <c r="N132462" s="10"/>
    </row>
    <row r="132463" spans="14:14">
      <c r="N132463" s="10"/>
    </row>
    <row r="132464" spans="14:14">
      <c r="N132464" s="10"/>
    </row>
    <row r="132465" spans="14:14">
      <c r="N132465" s="10"/>
    </row>
    <row r="132466" spans="14:14">
      <c r="N132466" s="10"/>
    </row>
    <row r="132467" spans="14:14">
      <c r="N132467" s="10"/>
    </row>
    <row r="132468" spans="14:14">
      <c r="N132468" s="10"/>
    </row>
    <row r="132469" spans="14:14">
      <c r="N132469" s="10"/>
    </row>
    <row r="132470" spans="14:14">
      <c r="N132470" s="10"/>
    </row>
    <row r="132471" spans="14:14">
      <c r="N132471" s="10"/>
    </row>
    <row r="132472" spans="14:14">
      <c r="N132472" s="10"/>
    </row>
    <row r="132473" spans="14:14">
      <c r="N132473" s="10"/>
    </row>
    <row r="132474" spans="14:14">
      <c r="N132474" s="10"/>
    </row>
    <row r="132475" spans="14:14">
      <c r="N132475" s="10"/>
    </row>
    <row r="132476" spans="14:14">
      <c r="N132476" s="10"/>
    </row>
    <row r="132477" spans="14:14">
      <c r="N132477" s="10"/>
    </row>
    <row r="132478" spans="14:14">
      <c r="N132478" s="10"/>
    </row>
    <row r="132479" spans="14:14">
      <c r="N132479" s="10"/>
    </row>
    <row r="132480" spans="14:14">
      <c r="N132480" s="10"/>
    </row>
    <row r="132481" spans="14:14">
      <c r="N132481" s="10"/>
    </row>
    <row r="132482" spans="14:14">
      <c r="N132482" s="10"/>
    </row>
    <row r="132483" spans="14:14">
      <c r="N132483" s="10"/>
    </row>
    <row r="132484" spans="14:14">
      <c r="N132484" s="10"/>
    </row>
    <row r="132485" spans="14:14">
      <c r="N132485" s="10"/>
    </row>
    <row r="132486" spans="14:14">
      <c r="N132486" s="10"/>
    </row>
    <row r="132487" spans="14:14">
      <c r="N132487" s="10"/>
    </row>
    <row r="132488" spans="14:14">
      <c r="N132488" s="10"/>
    </row>
    <row r="132489" spans="14:14">
      <c r="N132489" s="10"/>
    </row>
    <row r="132490" spans="14:14">
      <c r="N132490" s="10"/>
    </row>
    <row r="132491" spans="14:14">
      <c r="N132491" s="10"/>
    </row>
    <row r="132492" spans="14:14">
      <c r="N132492" s="10"/>
    </row>
    <row r="132493" spans="14:14">
      <c r="N132493" s="10"/>
    </row>
    <row r="132494" spans="14:14">
      <c r="N132494" s="10"/>
    </row>
    <row r="132495" spans="14:14">
      <c r="N132495" s="10"/>
    </row>
    <row r="132496" spans="14:14">
      <c r="N132496" s="10"/>
    </row>
    <row r="132497" spans="14:14">
      <c r="N132497" s="10"/>
    </row>
    <row r="132498" spans="14:14">
      <c r="N132498" s="10"/>
    </row>
    <row r="132499" spans="14:14">
      <c r="N132499" s="10"/>
    </row>
    <row r="132500" spans="14:14">
      <c r="N132500" s="10"/>
    </row>
    <row r="132501" spans="14:14">
      <c r="N132501" s="10"/>
    </row>
    <row r="132502" spans="14:14">
      <c r="N132502" s="10"/>
    </row>
    <row r="132503" spans="14:14">
      <c r="N132503" s="10"/>
    </row>
    <row r="132504" spans="14:14">
      <c r="N132504" s="10"/>
    </row>
    <row r="132505" spans="14:14">
      <c r="N132505" s="10"/>
    </row>
    <row r="132506" spans="14:14">
      <c r="N132506" s="10"/>
    </row>
    <row r="132507" spans="14:14">
      <c r="N132507" s="10"/>
    </row>
    <row r="132508" spans="14:14">
      <c r="N132508" s="10"/>
    </row>
    <row r="132509" spans="14:14">
      <c r="N132509" s="10"/>
    </row>
    <row r="132510" spans="14:14">
      <c r="N132510" s="10"/>
    </row>
    <row r="132511" spans="14:14">
      <c r="N132511" s="10"/>
    </row>
    <row r="132512" spans="14:14">
      <c r="N132512" s="10"/>
    </row>
    <row r="132513" spans="14:14">
      <c r="N132513" s="10"/>
    </row>
    <row r="132514" spans="14:14">
      <c r="N132514" s="10"/>
    </row>
    <row r="132515" spans="14:14">
      <c r="N132515" s="10"/>
    </row>
    <row r="132516" spans="14:14">
      <c r="N132516" s="10"/>
    </row>
    <row r="132517" spans="14:14">
      <c r="N132517" s="10"/>
    </row>
    <row r="132518" spans="14:14">
      <c r="N132518" s="10"/>
    </row>
    <row r="132519" spans="14:14">
      <c r="N132519" s="10"/>
    </row>
    <row r="132520" spans="14:14">
      <c r="N132520" s="10"/>
    </row>
    <row r="132521" spans="14:14">
      <c r="N132521" s="10"/>
    </row>
    <row r="132522" spans="14:14">
      <c r="N132522" s="10"/>
    </row>
    <row r="132523" spans="14:14">
      <c r="N132523" s="10"/>
    </row>
    <row r="132524" spans="14:14">
      <c r="N132524" s="10"/>
    </row>
    <row r="132525" spans="14:14">
      <c r="N132525" s="10"/>
    </row>
    <row r="132526" spans="14:14">
      <c r="N132526" s="10"/>
    </row>
    <row r="132527" spans="14:14">
      <c r="N132527" s="10"/>
    </row>
    <row r="132528" spans="14:14">
      <c r="N132528" s="10"/>
    </row>
    <row r="132529" spans="14:14">
      <c r="N132529" s="10"/>
    </row>
    <row r="132530" spans="14:14">
      <c r="N132530" s="10"/>
    </row>
    <row r="132531" spans="14:14">
      <c r="N132531" s="10"/>
    </row>
    <row r="132532" spans="14:14">
      <c r="N132532" s="10"/>
    </row>
    <row r="132533" spans="14:14">
      <c r="N132533" s="10"/>
    </row>
    <row r="132534" spans="14:14">
      <c r="N132534" s="10"/>
    </row>
    <row r="132535" spans="14:14">
      <c r="N132535" s="10"/>
    </row>
    <row r="132536" spans="14:14">
      <c r="N132536" s="10"/>
    </row>
    <row r="132537" spans="14:14">
      <c r="N132537" s="10"/>
    </row>
    <row r="132538" spans="14:14">
      <c r="N132538" s="10"/>
    </row>
    <row r="132539" spans="14:14">
      <c r="N132539" s="10"/>
    </row>
    <row r="132540" spans="14:14">
      <c r="N132540" s="10"/>
    </row>
    <row r="132541" spans="14:14">
      <c r="N132541" s="10"/>
    </row>
    <row r="132542" spans="14:14">
      <c r="N132542" s="10"/>
    </row>
    <row r="132543" spans="14:14">
      <c r="N132543" s="10"/>
    </row>
    <row r="132544" spans="14:14">
      <c r="N132544" s="10"/>
    </row>
    <row r="132545" spans="14:14">
      <c r="N132545" s="10"/>
    </row>
    <row r="132546" spans="14:14">
      <c r="N132546" s="10"/>
    </row>
    <row r="132547" spans="14:14">
      <c r="N132547" s="10"/>
    </row>
    <row r="132548" spans="14:14">
      <c r="N132548" s="10"/>
    </row>
    <row r="132549" spans="14:14">
      <c r="N132549" s="10"/>
    </row>
    <row r="132550" spans="14:14">
      <c r="N132550" s="10"/>
    </row>
    <row r="132551" spans="14:14">
      <c r="N132551" s="10"/>
    </row>
    <row r="132552" spans="14:14">
      <c r="N132552" s="10"/>
    </row>
    <row r="132553" spans="14:14">
      <c r="N132553" s="10"/>
    </row>
    <row r="132554" spans="14:14">
      <c r="N132554" s="10"/>
    </row>
    <row r="132555" spans="14:14">
      <c r="N132555" s="10"/>
    </row>
    <row r="132556" spans="14:14">
      <c r="N132556" s="10"/>
    </row>
    <row r="132557" spans="14:14">
      <c r="N132557" s="10"/>
    </row>
    <row r="132558" spans="14:14">
      <c r="N132558" s="10"/>
    </row>
    <row r="132559" spans="14:14">
      <c r="N132559" s="10"/>
    </row>
    <row r="132560" spans="14:14">
      <c r="N132560" s="10"/>
    </row>
    <row r="132561" spans="14:14">
      <c r="N132561" s="10"/>
    </row>
    <row r="132562" spans="14:14">
      <c r="N132562" s="10"/>
    </row>
    <row r="132563" spans="14:14">
      <c r="N132563" s="10"/>
    </row>
    <row r="132564" spans="14:14">
      <c r="N132564" s="10"/>
    </row>
    <row r="132565" spans="14:14">
      <c r="N132565" s="10"/>
    </row>
    <row r="132566" spans="14:14">
      <c r="N132566" s="10"/>
    </row>
    <row r="132567" spans="14:14">
      <c r="N132567" s="10"/>
    </row>
    <row r="132568" spans="14:14">
      <c r="N132568" s="10"/>
    </row>
    <row r="132569" spans="14:14">
      <c r="N132569" s="10"/>
    </row>
    <row r="132570" spans="14:14">
      <c r="N132570" s="10"/>
    </row>
    <row r="132571" spans="14:14">
      <c r="N132571" s="10"/>
    </row>
    <row r="132572" spans="14:14">
      <c r="N132572" s="10"/>
    </row>
    <row r="132573" spans="14:14">
      <c r="N132573" s="10"/>
    </row>
    <row r="132574" spans="14:14">
      <c r="N132574" s="10"/>
    </row>
    <row r="132575" spans="14:14">
      <c r="N132575" s="10"/>
    </row>
    <row r="132576" spans="14:14">
      <c r="N132576" s="10"/>
    </row>
    <row r="132577" spans="14:14">
      <c r="N132577" s="10"/>
    </row>
    <row r="132578" spans="14:14">
      <c r="N132578" s="10"/>
    </row>
    <row r="132579" spans="14:14">
      <c r="N132579" s="10"/>
    </row>
    <row r="132580" spans="14:14">
      <c r="N132580" s="10"/>
    </row>
    <row r="132581" spans="14:14">
      <c r="N132581" s="10"/>
    </row>
    <row r="132582" spans="14:14">
      <c r="N132582" s="10"/>
    </row>
    <row r="132583" spans="14:14">
      <c r="N132583" s="10"/>
    </row>
    <row r="132584" spans="14:14">
      <c r="N132584" s="10"/>
    </row>
    <row r="132585" spans="14:14">
      <c r="N132585" s="10"/>
    </row>
    <row r="132586" spans="14:14">
      <c r="N132586" s="10"/>
    </row>
    <row r="132587" spans="14:14">
      <c r="N132587" s="10"/>
    </row>
    <row r="132588" spans="14:14">
      <c r="N132588" s="10"/>
    </row>
    <row r="132589" spans="14:14">
      <c r="N132589" s="10"/>
    </row>
    <row r="132590" spans="14:14">
      <c r="N132590" s="10"/>
    </row>
    <row r="132591" spans="14:14">
      <c r="N132591" s="10"/>
    </row>
    <row r="132592" spans="14:14">
      <c r="N132592" s="10"/>
    </row>
    <row r="132593" spans="14:14">
      <c r="N132593" s="10"/>
    </row>
    <row r="132594" spans="14:14">
      <c r="N132594" s="10"/>
    </row>
    <row r="132595" spans="14:14">
      <c r="N132595" s="10"/>
    </row>
    <row r="132596" spans="14:14">
      <c r="N132596" s="10"/>
    </row>
    <row r="132597" spans="14:14">
      <c r="N132597" s="10"/>
    </row>
    <row r="132598" spans="14:14">
      <c r="N132598" s="10"/>
    </row>
    <row r="132599" spans="14:14">
      <c r="N132599" s="10"/>
    </row>
    <row r="132600" spans="14:14">
      <c r="N132600" s="10"/>
    </row>
    <row r="132601" spans="14:14">
      <c r="N132601" s="10"/>
    </row>
    <row r="132602" spans="14:14">
      <c r="N132602" s="10"/>
    </row>
    <row r="132603" spans="14:14">
      <c r="N132603" s="10"/>
    </row>
    <row r="132604" spans="14:14">
      <c r="N132604" s="10"/>
    </row>
    <row r="132605" spans="14:14">
      <c r="N132605" s="10"/>
    </row>
    <row r="132606" spans="14:14">
      <c r="N132606" s="10"/>
    </row>
    <row r="132607" spans="14:14">
      <c r="N132607" s="10"/>
    </row>
    <row r="132608" spans="14:14">
      <c r="N132608" s="10"/>
    </row>
    <row r="132609" spans="14:14">
      <c r="N132609" s="10"/>
    </row>
    <row r="132610" spans="14:14">
      <c r="N132610" s="10"/>
    </row>
    <row r="132611" spans="14:14">
      <c r="N132611" s="10"/>
    </row>
    <row r="132612" spans="14:14">
      <c r="N132612" s="10"/>
    </row>
    <row r="132613" spans="14:14">
      <c r="N132613" s="10"/>
    </row>
    <row r="132614" spans="14:14">
      <c r="N132614" s="10"/>
    </row>
    <row r="132615" spans="14:14">
      <c r="N132615" s="10"/>
    </row>
    <row r="132616" spans="14:14">
      <c r="N132616" s="10"/>
    </row>
    <row r="132617" spans="14:14">
      <c r="N132617" s="10"/>
    </row>
    <row r="132618" spans="14:14">
      <c r="N132618" s="10"/>
    </row>
    <row r="132619" spans="14:14">
      <c r="N132619" s="10"/>
    </row>
    <row r="132620" spans="14:14">
      <c r="N132620" s="10"/>
    </row>
    <row r="132621" spans="14:14">
      <c r="N132621" s="10"/>
    </row>
    <row r="132622" spans="14:14">
      <c r="N132622" s="10"/>
    </row>
    <row r="132623" spans="14:14">
      <c r="N132623" s="10"/>
    </row>
    <row r="132624" spans="14:14">
      <c r="N132624" s="10"/>
    </row>
    <row r="132625" spans="14:14">
      <c r="N132625" s="10"/>
    </row>
    <row r="132626" spans="14:14">
      <c r="N132626" s="10"/>
    </row>
    <row r="132627" spans="14:14">
      <c r="N132627" s="10"/>
    </row>
    <row r="132628" spans="14:14">
      <c r="N132628" s="10"/>
    </row>
    <row r="132629" spans="14:14">
      <c r="N132629" s="10"/>
    </row>
    <row r="132630" spans="14:14">
      <c r="N132630" s="10"/>
    </row>
    <row r="132631" spans="14:14">
      <c r="N132631" s="10"/>
    </row>
    <row r="132632" spans="14:14">
      <c r="N132632" s="10"/>
    </row>
    <row r="132633" spans="14:14">
      <c r="N132633" s="10"/>
    </row>
    <row r="132634" spans="14:14">
      <c r="N132634" s="10"/>
    </row>
    <row r="132635" spans="14:14">
      <c r="N132635" s="10"/>
    </row>
    <row r="132636" spans="14:14">
      <c r="N132636" s="10"/>
    </row>
    <row r="132637" spans="14:14">
      <c r="N132637" s="10"/>
    </row>
    <row r="132638" spans="14:14">
      <c r="N132638" s="10"/>
    </row>
    <row r="132639" spans="14:14">
      <c r="N132639" s="10"/>
    </row>
    <row r="132640" spans="14:14">
      <c r="N132640" s="10"/>
    </row>
    <row r="132641" spans="14:14">
      <c r="N132641" s="10"/>
    </row>
    <row r="132642" spans="14:14">
      <c r="N132642" s="10"/>
    </row>
    <row r="132643" spans="14:14">
      <c r="N132643" s="10"/>
    </row>
    <row r="132644" spans="14:14">
      <c r="N132644" s="10"/>
    </row>
    <row r="132645" spans="14:14">
      <c r="N132645" s="10"/>
    </row>
    <row r="132646" spans="14:14">
      <c r="N132646" s="10"/>
    </row>
    <row r="132647" spans="14:14">
      <c r="N132647" s="10"/>
    </row>
    <row r="132648" spans="14:14">
      <c r="N132648" s="10"/>
    </row>
    <row r="132649" spans="14:14">
      <c r="N132649" s="10"/>
    </row>
    <row r="132650" spans="14:14">
      <c r="N132650" s="10"/>
    </row>
    <row r="132651" spans="14:14">
      <c r="N132651" s="10"/>
    </row>
    <row r="132652" spans="14:14">
      <c r="N132652" s="10"/>
    </row>
    <row r="132653" spans="14:14">
      <c r="N132653" s="10"/>
    </row>
    <row r="132654" spans="14:14">
      <c r="N132654" s="10"/>
    </row>
    <row r="132655" spans="14:14">
      <c r="N132655" s="10"/>
    </row>
    <row r="132656" spans="14:14">
      <c r="N132656" s="10"/>
    </row>
    <row r="132657" spans="14:14">
      <c r="N132657" s="10"/>
    </row>
    <row r="132658" spans="14:14">
      <c r="N132658" s="10"/>
    </row>
    <row r="132659" spans="14:14">
      <c r="N132659" s="10"/>
    </row>
    <row r="132660" spans="14:14">
      <c r="N132660" s="10"/>
    </row>
    <row r="132661" spans="14:14">
      <c r="N132661" s="10"/>
    </row>
    <row r="132662" spans="14:14">
      <c r="N132662" s="10"/>
    </row>
    <row r="132663" spans="14:14">
      <c r="N132663" s="10"/>
    </row>
    <row r="132664" spans="14:14">
      <c r="N132664" s="10"/>
    </row>
    <row r="132665" spans="14:14">
      <c r="N132665" s="10"/>
    </row>
    <row r="132666" spans="14:14">
      <c r="N132666" s="10"/>
    </row>
    <row r="132667" spans="14:14">
      <c r="N132667" s="10"/>
    </row>
    <row r="132668" spans="14:14">
      <c r="N132668" s="10"/>
    </row>
    <row r="132669" spans="14:14">
      <c r="N132669" s="10"/>
    </row>
    <row r="132670" spans="14:14">
      <c r="N132670" s="10"/>
    </row>
    <row r="132671" spans="14:14">
      <c r="N132671" s="10"/>
    </row>
    <row r="132672" spans="14:14">
      <c r="N132672" s="10"/>
    </row>
    <row r="132673" spans="14:14">
      <c r="N132673" s="10"/>
    </row>
    <row r="132674" spans="14:14">
      <c r="N132674" s="10"/>
    </row>
    <row r="132675" spans="14:14">
      <c r="N132675" s="10"/>
    </row>
    <row r="132676" spans="14:14">
      <c r="N132676" s="10"/>
    </row>
    <row r="132677" spans="14:14">
      <c r="N132677" s="10"/>
    </row>
    <row r="132678" spans="14:14">
      <c r="N132678" s="10"/>
    </row>
    <row r="132679" spans="14:14">
      <c r="N132679" s="10"/>
    </row>
    <row r="132680" spans="14:14">
      <c r="N132680" s="10"/>
    </row>
    <row r="132681" spans="14:14">
      <c r="N132681" s="10"/>
    </row>
    <row r="132682" spans="14:14">
      <c r="N132682" s="10"/>
    </row>
    <row r="132683" spans="14:14">
      <c r="N132683" s="10"/>
    </row>
    <row r="132684" spans="14:14">
      <c r="N132684" s="10"/>
    </row>
    <row r="132685" spans="14:14">
      <c r="N132685" s="10"/>
    </row>
    <row r="132686" spans="14:14">
      <c r="N132686" s="10"/>
    </row>
    <row r="132687" spans="14:14">
      <c r="N132687" s="10"/>
    </row>
    <row r="132688" spans="14:14">
      <c r="N132688" s="10"/>
    </row>
    <row r="132689" spans="14:14">
      <c r="N132689" s="10"/>
    </row>
    <row r="132690" spans="14:14">
      <c r="N132690" s="10"/>
    </row>
    <row r="132691" spans="14:14">
      <c r="N132691" s="10"/>
    </row>
    <row r="132692" spans="14:14">
      <c r="N132692" s="10"/>
    </row>
    <row r="132693" spans="14:14">
      <c r="N132693" s="10"/>
    </row>
    <row r="132694" spans="14:14">
      <c r="N132694" s="10"/>
    </row>
    <row r="132695" spans="14:14">
      <c r="N132695" s="10"/>
    </row>
    <row r="132696" spans="14:14">
      <c r="N132696" s="10"/>
    </row>
    <row r="132697" spans="14:14">
      <c r="N132697" s="10"/>
    </row>
    <row r="132698" spans="14:14">
      <c r="N132698" s="10"/>
    </row>
    <row r="132699" spans="14:14">
      <c r="N132699" s="10"/>
    </row>
    <row r="132700" spans="14:14">
      <c r="N132700" s="10"/>
    </row>
    <row r="132701" spans="14:14">
      <c r="N132701" s="10"/>
    </row>
    <row r="132702" spans="14:14">
      <c r="N132702" s="10"/>
    </row>
    <row r="132703" spans="14:14">
      <c r="N132703" s="10"/>
    </row>
    <row r="132704" spans="14:14">
      <c r="N132704" s="10"/>
    </row>
    <row r="132705" spans="14:14">
      <c r="N132705" s="10"/>
    </row>
    <row r="132706" spans="14:14">
      <c r="N132706" s="10"/>
    </row>
    <row r="132707" spans="14:14">
      <c r="N132707" s="10"/>
    </row>
    <row r="132708" spans="14:14">
      <c r="N132708" s="10"/>
    </row>
    <row r="132709" spans="14:14">
      <c r="N132709" s="10"/>
    </row>
    <row r="132710" spans="14:14">
      <c r="N132710" s="10"/>
    </row>
    <row r="132711" spans="14:14">
      <c r="N132711" s="10"/>
    </row>
    <row r="132712" spans="14:14">
      <c r="N132712" s="10"/>
    </row>
    <row r="132713" spans="14:14">
      <c r="N132713" s="10"/>
    </row>
    <row r="132714" spans="14:14">
      <c r="N132714" s="10"/>
    </row>
    <row r="132715" spans="14:14">
      <c r="N132715" s="10"/>
    </row>
    <row r="132716" spans="14:14">
      <c r="N132716" s="10"/>
    </row>
    <row r="132717" spans="14:14">
      <c r="N132717" s="10"/>
    </row>
    <row r="132718" spans="14:14">
      <c r="N132718" s="10"/>
    </row>
    <row r="132719" spans="14:14">
      <c r="N132719" s="10"/>
    </row>
    <row r="132720" spans="14:14">
      <c r="N132720" s="10"/>
    </row>
    <row r="132721" spans="14:14">
      <c r="N132721" s="10"/>
    </row>
    <row r="132722" spans="14:14">
      <c r="N132722" s="10"/>
    </row>
    <row r="132723" spans="14:14">
      <c r="N132723" s="10"/>
    </row>
    <row r="132724" spans="14:14">
      <c r="N132724" s="10"/>
    </row>
    <row r="132725" spans="14:14">
      <c r="N132725" s="10"/>
    </row>
    <row r="132726" spans="14:14">
      <c r="N132726" s="10"/>
    </row>
    <row r="132727" spans="14:14">
      <c r="N132727" s="10"/>
    </row>
    <row r="132728" spans="14:14">
      <c r="N132728" s="10"/>
    </row>
    <row r="132729" spans="14:14">
      <c r="N132729" s="10"/>
    </row>
    <row r="132730" spans="14:14">
      <c r="N132730" s="10"/>
    </row>
    <row r="132731" spans="14:14">
      <c r="N132731" s="10"/>
    </row>
    <row r="132732" spans="14:14">
      <c r="N132732" s="10"/>
    </row>
    <row r="132733" spans="14:14">
      <c r="N132733" s="10"/>
    </row>
    <row r="132734" spans="14:14">
      <c r="N132734" s="10"/>
    </row>
    <row r="132735" spans="14:14">
      <c r="N132735" s="10"/>
    </row>
    <row r="132736" spans="14:14">
      <c r="N132736" s="10"/>
    </row>
    <row r="132737" spans="14:14">
      <c r="N132737" s="10"/>
    </row>
    <row r="132738" spans="14:14">
      <c r="N132738" s="10"/>
    </row>
    <row r="132739" spans="14:14">
      <c r="N132739" s="10"/>
    </row>
    <row r="132740" spans="14:14">
      <c r="N132740" s="10"/>
    </row>
    <row r="132741" spans="14:14">
      <c r="N132741" s="10"/>
    </row>
    <row r="132742" spans="14:14">
      <c r="N132742" s="10"/>
    </row>
    <row r="132743" spans="14:14">
      <c r="N132743" s="10"/>
    </row>
    <row r="132744" spans="14:14">
      <c r="N132744" s="10"/>
    </row>
    <row r="132745" spans="14:14">
      <c r="N132745" s="10"/>
    </row>
    <row r="132746" spans="14:14">
      <c r="N132746" s="10"/>
    </row>
    <row r="132747" spans="14:14">
      <c r="N132747" s="10"/>
    </row>
    <row r="132748" spans="14:14">
      <c r="N132748" s="10"/>
    </row>
    <row r="132749" spans="14:14">
      <c r="N132749" s="10"/>
    </row>
    <row r="132750" spans="14:14">
      <c r="N132750" s="10"/>
    </row>
    <row r="132751" spans="14:14">
      <c r="N132751" s="10"/>
    </row>
    <row r="132752" spans="14:14">
      <c r="N132752" s="10"/>
    </row>
    <row r="132753" spans="14:14">
      <c r="N132753" s="10"/>
    </row>
    <row r="132754" spans="14:14">
      <c r="N132754" s="10"/>
    </row>
    <row r="132755" spans="14:14">
      <c r="N132755" s="10"/>
    </row>
    <row r="132756" spans="14:14">
      <c r="N132756" s="10"/>
    </row>
    <row r="132757" spans="14:14">
      <c r="N132757" s="10"/>
    </row>
    <row r="132758" spans="14:14">
      <c r="N132758" s="10"/>
    </row>
    <row r="132759" spans="14:14">
      <c r="N132759" s="10"/>
    </row>
    <row r="132760" spans="14:14">
      <c r="N132760" s="10"/>
    </row>
    <row r="132761" spans="14:14">
      <c r="N132761" s="10"/>
    </row>
    <row r="132762" spans="14:14">
      <c r="N132762" s="10"/>
    </row>
    <row r="132763" spans="14:14">
      <c r="N132763" s="10"/>
    </row>
    <row r="132764" spans="14:14">
      <c r="N132764" s="10"/>
    </row>
    <row r="132765" spans="14:14">
      <c r="N132765" s="10"/>
    </row>
    <row r="132766" spans="14:14">
      <c r="N132766" s="10"/>
    </row>
    <row r="132767" spans="14:14">
      <c r="N132767" s="10"/>
    </row>
    <row r="132768" spans="14:14">
      <c r="N132768" s="10"/>
    </row>
    <row r="132769" spans="14:14">
      <c r="N132769" s="10"/>
    </row>
    <row r="132770" spans="14:14">
      <c r="N132770" s="10"/>
    </row>
    <row r="132771" spans="14:14">
      <c r="N132771" s="10"/>
    </row>
    <row r="132772" spans="14:14">
      <c r="N132772" s="10"/>
    </row>
    <row r="132773" spans="14:14">
      <c r="N132773" s="10"/>
    </row>
    <row r="132774" spans="14:14">
      <c r="N132774" s="10"/>
    </row>
    <row r="132775" spans="14:14">
      <c r="N132775" s="10"/>
    </row>
    <row r="132776" spans="14:14">
      <c r="N132776" s="10"/>
    </row>
    <row r="132777" spans="14:14">
      <c r="N132777" s="10"/>
    </row>
    <row r="132778" spans="14:14">
      <c r="N132778" s="10"/>
    </row>
    <row r="132779" spans="14:14">
      <c r="N132779" s="10"/>
    </row>
    <row r="132780" spans="14:14">
      <c r="N132780" s="10"/>
    </row>
    <row r="132781" spans="14:14">
      <c r="N132781" s="10"/>
    </row>
    <row r="132782" spans="14:14">
      <c r="N132782" s="10"/>
    </row>
    <row r="132783" spans="14:14">
      <c r="N132783" s="10"/>
    </row>
    <row r="132784" spans="14:14">
      <c r="N132784" s="10"/>
    </row>
    <row r="132785" spans="14:14">
      <c r="N132785" s="10"/>
    </row>
    <row r="132786" spans="14:14">
      <c r="N132786" s="10"/>
    </row>
    <row r="132787" spans="14:14">
      <c r="N132787" s="10"/>
    </row>
    <row r="132788" spans="14:14">
      <c r="N132788" s="10"/>
    </row>
    <row r="132789" spans="14:14">
      <c r="N132789" s="10"/>
    </row>
    <row r="132790" spans="14:14">
      <c r="N132790" s="10"/>
    </row>
    <row r="132791" spans="14:14">
      <c r="N132791" s="10"/>
    </row>
    <row r="132792" spans="14:14">
      <c r="N132792" s="10"/>
    </row>
    <row r="132793" spans="14:14">
      <c r="N132793" s="10"/>
    </row>
    <row r="132794" spans="14:14">
      <c r="N132794" s="10"/>
    </row>
    <row r="132795" spans="14:14">
      <c r="N132795" s="10"/>
    </row>
    <row r="132796" spans="14:14">
      <c r="N132796" s="10"/>
    </row>
    <row r="132797" spans="14:14">
      <c r="N132797" s="10"/>
    </row>
    <row r="132798" spans="14:14">
      <c r="N132798" s="10"/>
    </row>
    <row r="132799" spans="14:14">
      <c r="N132799" s="10"/>
    </row>
    <row r="132800" spans="14:14">
      <c r="N132800" s="10"/>
    </row>
    <row r="132801" spans="14:14">
      <c r="N132801" s="10"/>
    </row>
    <row r="132802" spans="14:14">
      <c r="N132802" s="10"/>
    </row>
    <row r="132803" spans="14:14">
      <c r="N132803" s="10"/>
    </row>
    <row r="132804" spans="14:14">
      <c r="N132804" s="10"/>
    </row>
    <row r="132805" spans="14:14">
      <c r="N132805" s="10"/>
    </row>
    <row r="132806" spans="14:14">
      <c r="N132806" s="10"/>
    </row>
    <row r="132807" spans="14:14">
      <c r="N132807" s="10"/>
    </row>
    <row r="132808" spans="14:14">
      <c r="N132808" s="10"/>
    </row>
    <row r="132809" spans="14:14">
      <c r="N132809" s="10"/>
    </row>
    <row r="132810" spans="14:14">
      <c r="N132810" s="10"/>
    </row>
    <row r="132811" spans="14:14">
      <c r="N132811" s="10"/>
    </row>
    <row r="132812" spans="14:14">
      <c r="N132812" s="10"/>
    </row>
    <row r="132813" spans="14:14">
      <c r="N132813" s="10"/>
    </row>
    <row r="132814" spans="14:14">
      <c r="N132814" s="10"/>
    </row>
    <row r="132815" spans="14:14">
      <c r="N132815" s="10"/>
    </row>
    <row r="132816" spans="14:14">
      <c r="N132816" s="10"/>
    </row>
    <row r="132817" spans="14:14">
      <c r="N132817" s="10"/>
    </row>
    <row r="132818" spans="14:14">
      <c r="N132818" s="10"/>
    </row>
    <row r="132819" spans="14:14">
      <c r="N132819" s="10"/>
    </row>
    <row r="132820" spans="14:14">
      <c r="N132820" s="10"/>
    </row>
    <row r="132821" spans="14:14">
      <c r="N132821" s="10"/>
    </row>
    <row r="132822" spans="14:14">
      <c r="N132822" s="10"/>
    </row>
    <row r="132823" spans="14:14">
      <c r="N132823" s="10"/>
    </row>
    <row r="132824" spans="14:14">
      <c r="N132824" s="10"/>
    </row>
    <row r="132825" spans="14:14">
      <c r="N132825" s="10"/>
    </row>
    <row r="132826" spans="14:14">
      <c r="N132826" s="10"/>
    </row>
    <row r="132827" spans="14:14">
      <c r="N132827" s="10"/>
    </row>
    <row r="132828" spans="14:14">
      <c r="N132828" s="10"/>
    </row>
    <row r="132829" spans="14:14">
      <c r="N132829" s="10"/>
    </row>
    <row r="132830" spans="14:14">
      <c r="N132830" s="10"/>
    </row>
    <row r="132831" spans="14:14">
      <c r="N132831" s="10"/>
    </row>
    <row r="132832" spans="14:14">
      <c r="N132832" s="10"/>
    </row>
    <row r="132833" spans="14:14">
      <c r="N132833" s="10"/>
    </row>
    <row r="132834" spans="14:14">
      <c r="N132834" s="10"/>
    </row>
    <row r="132835" spans="14:14">
      <c r="N132835" s="10"/>
    </row>
    <row r="132836" spans="14:14">
      <c r="N132836" s="10"/>
    </row>
    <row r="132837" spans="14:14">
      <c r="N132837" s="10"/>
    </row>
    <row r="132838" spans="14:14">
      <c r="N132838" s="10"/>
    </row>
    <row r="132839" spans="14:14">
      <c r="N132839" s="10"/>
    </row>
    <row r="132840" spans="14:14">
      <c r="N132840" s="10"/>
    </row>
    <row r="132841" spans="14:14">
      <c r="N132841" s="10"/>
    </row>
    <row r="132842" spans="14:14">
      <c r="N132842" s="10"/>
    </row>
    <row r="132843" spans="14:14">
      <c r="N132843" s="10"/>
    </row>
    <row r="132844" spans="14:14">
      <c r="N132844" s="10"/>
    </row>
    <row r="132845" spans="14:14">
      <c r="N132845" s="10"/>
    </row>
    <row r="132846" spans="14:14">
      <c r="N132846" s="10"/>
    </row>
    <row r="132847" spans="14:14">
      <c r="N132847" s="10"/>
    </row>
    <row r="132848" spans="14:14">
      <c r="N132848" s="10"/>
    </row>
    <row r="132849" spans="14:14">
      <c r="N132849" s="10"/>
    </row>
    <row r="132850" spans="14:14">
      <c r="N132850" s="10"/>
    </row>
    <row r="132851" spans="14:14">
      <c r="N132851" s="10"/>
    </row>
    <row r="132852" spans="14:14">
      <c r="N132852" s="10"/>
    </row>
    <row r="132853" spans="14:14">
      <c r="N132853" s="10"/>
    </row>
    <row r="132854" spans="14:14">
      <c r="N132854" s="10"/>
    </row>
    <row r="132855" spans="14:14">
      <c r="N132855" s="10"/>
    </row>
    <row r="132856" spans="14:14">
      <c r="N132856" s="10"/>
    </row>
    <row r="132857" spans="14:14">
      <c r="N132857" s="10"/>
    </row>
    <row r="132858" spans="14:14">
      <c r="N132858" s="10"/>
    </row>
    <row r="132859" spans="14:14">
      <c r="N132859" s="10"/>
    </row>
    <row r="132860" spans="14:14">
      <c r="N132860" s="10"/>
    </row>
    <row r="132861" spans="14:14">
      <c r="N132861" s="10"/>
    </row>
    <row r="132862" spans="14:14">
      <c r="N132862" s="10"/>
    </row>
    <row r="132863" spans="14:14">
      <c r="N132863" s="10"/>
    </row>
    <row r="132864" spans="14:14">
      <c r="N132864" s="10"/>
    </row>
    <row r="132865" spans="14:14">
      <c r="N132865" s="10"/>
    </row>
    <row r="132866" spans="14:14">
      <c r="N132866" s="10"/>
    </row>
    <row r="132867" spans="14:14">
      <c r="N132867" s="10"/>
    </row>
    <row r="132868" spans="14:14">
      <c r="N132868" s="10"/>
    </row>
    <row r="132869" spans="14:14">
      <c r="N132869" s="10"/>
    </row>
    <row r="132870" spans="14:14">
      <c r="N132870" s="10"/>
    </row>
    <row r="132871" spans="14:14">
      <c r="N132871" s="10"/>
    </row>
    <row r="132872" spans="14:14">
      <c r="N132872" s="10"/>
    </row>
    <row r="132873" spans="14:14">
      <c r="N132873" s="10"/>
    </row>
    <row r="132874" spans="14:14">
      <c r="N132874" s="10"/>
    </row>
    <row r="132875" spans="14:14">
      <c r="N132875" s="10"/>
    </row>
    <row r="132876" spans="14:14">
      <c r="N132876" s="10"/>
    </row>
    <row r="132877" spans="14:14">
      <c r="N132877" s="10"/>
    </row>
    <row r="132878" spans="14:14">
      <c r="N132878" s="10"/>
    </row>
    <row r="132879" spans="14:14">
      <c r="N132879" s="10"/>
    </row>
    <row r="132880" spans="14:14">
      <c r="N132880" s="10"/>
    </row>
    <row r="132881" spans="14:14">
      <c r="N132881" s="10"/>
    </row>
    <row r="132882" spans="14:14">
      <c r="N132882" s="10"/>
    </row>
    <row r="132883" spans="14:14">
      <c r="N132883" s="10"/>
    </row>
    <row r="132884" spans="14:14">
      <c r="N132884" s="10"/>
    </row>
    <row r="132885" spans="14:14">
      <c r="N132885" s="10"/>
    </row>
    <row r="132886" spans="14:14">
      <c r="N132886" s="10"/>
    </row>
    <row r="132887" spans="14:14">
      <c r="N132887" s="10"/>
    </row>
    <row r="132888" spans="14:14">
      <c r="N132888" s="10"/>
    </row>
    <row r="132889" spans="14:14">
      <c r="N132889" s="10"/>
    </row>
    <row r="132890" spans="14:14">
      <c r="N132890" s="10"/>
    </row>
    <row r="132891" spans="14:14">
      <c r="N132891" s="10"/>
    </row>
    <row r="132892" spans="14:14">
      <c r="N132892" s="10"/>
    </row>
    <row r="132893" spans="14:14">
      <c r="N132893" s="10"/>
    </row>
    <row r="132894" spans="14:14">
      <c r="N132894" s="10"/>
    </row>
    <row r="132895" spans="14:14">
      <c r="N132895" s="10"/>
    </row>
    <row r="132896" spans="14:14">
      <c r="N132896" s="10"/>
    </row>
    <row r="132897" spans="14:14">
      <c r="N132897" s="10"/>
    </row>
    <row r="132898" spans="14:14">
      <c r="N132898" s="10"/>
    </row>
    <row r="132899" spans="14:14">
      <c r="N132899" s="10"/>
    </row>
    <row r="132900" spans="14:14">
      <c r="N132900" s="10"/>
    </row>
    <row r="132901" spans="14:14">
      <c r="N132901" s="10"/>
    </row>
    <row r="132902" spans="14:14">
      <c r="N132902" s="10"/>
    </row>
    <row r="132903" spans="14:14">
      <c r="N132903" s="10"/>
    </row>
    <row r="132904" spans="14:14">
      <c r="N132904" s="10"/>
    </row>
    <row r="132905" spans="14:14">
      <c r="N132905" s="10"/>
    </row>
    <row r="132906" spans="14:14">
      <c r="N132906" s="10"/>
    </row>
    <row r="132907" spans="14:14">
      <c r="N132907" s="10"/>
    </row>
    <row r="132908" spans="14:14">
      <c r="N132908" s="10"/>
    </row>
    <row r="132909" spans="14:14">
      <c r="N132909" s="10"/>
    </row>
    <row r="132910" spans="14:14">
      <c r="N132910" s="10"/>
    </row>
    <row r="132911" spans="14:14">
      <c r="N132911" s="10"/>
    </row>
    <row r="132912" spans="14:14">
      <c r="N132912" s="10"/>
    </row>
    <row r="132913" spans="14:14">
      <c r="N132913" s="10"/>
    </row>
    <row r="132914" spans="14:14">
      <c r="N132914" s="10"/>
    </row>
    <row r="132915" spans="14:14">
      <c r="N132915" s="10"/>
    </row>
    <row r="132916" spans="14:14">
      <c r="N132916" s="10"/>
    </row>
    <row r="132917" spans="14:14">
      <c r="N132917" s="10"/>
    </row>
    <row r="132918" spans="14:14">
      <c r="N132918" s="10"/>
    </row>
    <row r="132919" spans="14:14">
      <c r="N132919" s="10"/>
    </row>
    <row r="132920" spans="14:14">
      <c r="N132920" s="10"/>
    </row>
    <row r="132921" spans="14:14">
      <c r="N132921" s="10"/>
    </row>
    <row r="132922" spans="14:14">
      <c r="N132922" s="10"/>
    </row>
    <row r="132923" spans="14:14">
      <c r="N132923" s="10"/>
    </row>
    <row r="132924" spans="14:14">
      <c r="N132924" s="10"/>
    </row>
    <row r="132925" spans="14:14">
      <c r="N132925" s="10"/>
    </row>
    <row r="132926" spans="14:14">
      <c r="N132926" s="10"/>
    </row>
    <row r="132927" spans="14:14">
      <c r="N132927" s="10"/>
    </row>
    <row r="132928" spans="14:14">
      <c r="N132928" s="10"/>
    </row>
    <row r="132929" spans="14:14">
      <c r="N132929" s="10"/>
    </row>
    <row r="132930" spans="14:14">
      <c r="N132930" s="10"/>
    </row>
    <row r="132931" spans="14:14">
      <c r="N132931" s="10"/>
    </row>
    <row r="132932" spans="14:14">
      <c r="N132932" s="10"/>
    </row>
    <row r="132933" spans="14:14">
      <c r="N132933" s="10"/>
    </row>
    <row r="132934" spans="14:14">
      <c r="N132934" s="10"/>
    </row>
    <row r="132935" spans="14:14">
      <c r="N132935" s="10"/>
    </row>
    <row r="132936" spans="14:14">
      <c r="N132936" s="10"/>
    </row>
    <row r="132937" spans="14:14">
      <c r="N132937" s="10"/>
    </row>
    <row r="132938" spans="14:14">
      <c r="N132938" s="10"/>
    </row>
    <row r="132939" spans="14:14">
      <c r="N132939" s="10"/>
    </row>
    <row r="132940" spans="14:14">
      <c r="N132940" s="10"/>
    </row>
    <row r="132941" spans="14:14">
      <c r="N132941" s="10"/>
    </row>
    <row r="132942" spans="14:14">
      <c r="N132942" s="10"/>
    </row>
    <row r="132943" spans="14:14">
      <c r="N132943" s="10"/>
    </row>
    <row r="132944" spans="14:14">
      <c r="N132944" s="10"/>
    </row>
    <row r="132945" spans="14:14">
      <c r="N132945" s="10"/>
    </row>
    <row r="132946" spans="14:14">
      <c r="N132946" s="10"/>
    </row>
    <row r="132947" spans="14:14">
      <c r="N132947" s="10"/>
    </row>
    <row r="132948" spans="14:14">
      <c r="N132948" s="10"/>
    </row>
    <row r="132949" spans="14:14">
      <c r="N132949" s="10"/>
    </row>
    <row r="132950" spans="14:14">
      <c r="N132950" s="10"/>
    </row>
    <row r="132951" spans="14:14">
      <c r="N132951" s="10"/>
    </row>
    <row r="132952" spans="14:14">
      <c r="N132952" s="10"/>
    </row>
    <row r="132953" spans="14:14">
      <c r="N132953" s="10"/>
    </row>
    <row r="132954" spans="14:14">
      <c r="N132954" s="10"/>
    </row>
    <row r="132955" spans="14:14">
      <c r="N132955" s="10"/>
    </row>
    <row r="132956" spans="14:14">
      <c r="N132956" s="10"/>
    </row>
    <row r="132957" spans="14:14">
      <c r="N132957" s="10"/>
    </row>
    <row r="132958" spans="14:14">
      <c r="N132958" s="10"/>
    </row>
    <row r="132959" spans="14:14">
      <c r="N132959" s="10"/>
    </row>
    <row r="132960" spans="14:14">
      <c r="N132960" s="10"/>
    </row>
    <row r="132961" spans="14:14">
      <c r="N132961" s="10"/>
    </row>
    <row r="132962" spans="14:14">
      <c r="N132962" s="10"/>
    </row>
    <row r="132963" spans="14:14">
      <c r="N132963" s="10"/>
    </row>
    <row r="132964" spans="14:14">
      <c r="N132964" s="10"/>
    </row>
    <row r="132965" spans="14:14">
      <c r="N132965" s="10"/>
    </row>
    <row r="132966" spans="14:14">
      <c r="N132966" s="10"/>
    </row>
    <row r="132967" spans="14:14">
      <c r="N132967" s="10"/>
    </row>
    <row r="132968" spans="14:14">
      <c r="N132968" s="10"/>
    </row>
    <row r="132969" spans="14:14">
      <c r="N132969" s="10"/>
    </row>
    <row r="132970" spans="14:14">
      <c r="N132970" s="10"/>
    </row>
    <row r="132971" spans="14:14">
      <c r="N132971" s="10"/>
    </row>
    <row r="132972" spans="14:14">
      <c r="N132972" s="10"/>
    </row>
    <row r="132973" spans="14:14">
      <c r="N132973" s="10"/>
    </row>
    <row r="132974" spans="14:14">
      <c r="N132974" s="10"/>
    </row>
    <row r="132975" spans="14:14">
      <c r="N132975" s="10"/>
    </row>
    <row r="132976" spans="14:14">
      <c r="N132976" s="10"/>
    </row>
    <row r="132977" spans="14:14">
      <c r="N132977" s="10"/>
    </row>
    <row r="132978" spans="14:14">
      <c r="N132978" s="10"/>
    </row>
    <row r="132979" spans="14:14">
      <c r="N132979" s="10"/>
    </row>
    <row r="132980" spans="14:14">
      <c r="N132980" s="10"/>
    </row>
    <row r="132981" spans="14:14">
      <c r="N132981" s="10"/>
    </row>
    <row r="132982" spans="14:14">
      <c r="N132982" s="10"/>
    </row>
    <row r="132983" spans="14:14">
      <c r="N132983" s="10"/>
    </row>
    <row r="132984" spans="14:14">
      <c r="N132984" s="10"/>
    </row>
    <row r="132985" spans="14:14">
      <c r="N132985" s="10"/>
    </row>
    <row r="132986" spans="14:14">
      <c r="N132986" s="10"/>
    </row>
    <row r="132987" spans="14:14">
      <c r="N132987" s="10"/>
    </row>
    <row r="132988" spans="14:14">
      <c r="N132988" s="10"/>
    </row>
    <row r="132989" spans="14:14">
      <c r="N132989" s="10"/>
    </row>
    <row r="132990" spans="14:14">
      <c r="N132990" s="10"/>
    </row>
    <row r="132991" spans="14:14">
      <c r="N132991" s="10"/>
    </row>
    <row r="132992" spans="14:14">
      <c r="N132992" s="10"/>
    </row>
    <row r="132993" spans="14:14">
      <c r="N132993" s="10"/>
    </row>
    <row r="132994" spans="14:14">
      <c r="N132994" s="10"/>
    </row>
    <row r="132995" spans="14:14">
      <c r="N132995" s="10"/>
    </row>
    <row r="132996" spans="14:14">
      <c r="N132996" s="10"/>
    </row>
    <row r="132997" spans="14:14">
      <c r="N132997" s="10"/>
    </row>
    <row r="132998" spans="14:14">
      <c r="N132998" s="10"/>
    </row>
    <row r="132999" spans="14:14">
      <c r="N132999" s="10"/>
    </row>
    <row r="133000" spans="14:14">
      <c r="N133000" s="10"/>
    </row>
    <row r="133001" spans="14:14">
      <c r="N133001" s="10"/>
    </row>
    <row r="133002" spans="14:14">
      <c r="N133002" s="10"/>
    </row>
    <row r="133003" spans="14:14">
      <c r="N133003" s="10"/>
    </row>
    <row r="133004" spans="14:14">
      <c r="N133004" s="10"/>
    </row>
    <row r="133005" spans="14:14">
      <c r="N133005" s="10"/>
    </row>
    <row r="133006" spans="14:14">
      <c r="N133006" s="10"/>
    </row>
    <row r="133007" spans="14:14">
      <c r="N133007" s="10"/>
    </row>
    <row r="133008" spans="14:14">
      <c r="N133008" s="10"/>
    </row>
    <row r="133009" spans="14:14">
      <c r="N133009" s="10"/>
    </row>
    <row r="133010" spans="14:14">
      <c r="N133010" s="10"/>
    </row>
    <row r="133011" spans="14:14">
      <c r="N133011" s="10"/>
    </row>
    <row r="133012" spans="14:14">
      <c r="N133012" s="10"/>
    </row>
    <row r="133013" spans="14:14">
      <c r="N133013" s="10"/>
    </row>
    <row r="133014" spans="14:14">
      <c r="N133014" s="10"/>
    </row>
    <row r="133015" spans="14:14">
      <c r="N133015" s="10"/>
    </row>
    <row r="133016" spans="14:14">
      <c r="N133016" s="10"/>
    </row>
    <row r="133017" spans="14:14">
      <c r="N133017" s="10"/>
    </row>
    <row r="133018" spans="14:14">
      <c r="N133018" s="10"/>
    </row>
    <row r="133019" spans="14:14">
      <c r="N133019" s="10"/>
    </row>
    <row r="133020" spans="14:14">
      <c r="N133020" s="10"/>
    </row>
    <row r="133021" spans="14:14">
      <c r="N133021" s="10"/>
    </row>
    <row r="133022" spans="14:14">
      <c r="N133022" s="10"/>
    </row>
    <row r="133023" spans="14:14">
      <c r="N133023" s="10"/>
    </row>
    <row r="133024" spans="14:14">
      <c r="N133024" s="10"/>
    </row>
    <row r="133025" spans="14:14">
      <c r="N133025" s="10"/>
    </row>
    <row r="133026" spans="14:14">
      <c r="N133026" s="10"/>
    </row>
    <row r="133027" spans="14:14">
      <c r="N133027" s="10"/>
    </row>
    <row r="133028" spans="14:14">
      <c r="N133028" s="10"/>
    </row>
    <row r="133029" spans="14:14">
      <c r="N133029" s="10"/>
    </row>
    <row r="133030" spans="14:14">
      <c r="N133030" s="10"/>
    </row>
    <row r="133031" spans="14:14">
      <c r="N133031" s="10"/>
    </row>
    <row r="133032" spans="14:14">
      <c r="N133032" s="10"/>
    </row>
    <row r="133033" spans="14:14">
      <c r="N133033" s="10"/>
    </row>
    <row r="133034" spans="14:14">
      <c r="N133034" s="10"/>
    </row>
    <row r="133035" spans="14:14">
      <c r="N133035" s="10"/>
    </row>
    <row r="133036" spans="14:14">
      <c r="N133036" s="10"/>
    </row>
    <row r="133037" spans="14:14">
      <c r="N133037" s="10"/>
    </row>
    <row r="133038" spans="14:14">
      <c r="N133038" s="10"/>
    </row>
    <row r="133039" spans="14:14">
      <c r="N133039" s="10"/>
    </row>
    <row r="133040" spans="14:14">
      <c r="N133040" s="10"/>
    </row>
    <row r="133041" spans="14:14">
      <c r="N133041" s="10"/>
    </row>
    <row r="133042" spans="14:14">
      <c r="N133042" s="10"/>
    </row>
    <row r="133043" spans="14:14">
      <c r="N133043" s="10"/>
    </row>
    <row r="133044" spans="14:14">
      <c r="N133044" s="10"/>
    </row>
    <row r="133045" spans="14:14">
      <c r="N133045" s="10"/>
    </row>
    <row r="133046" spans="14:14">
      <c r="N133046" s="10"/>
    </row>
    <row r="133047" spans="14:14">
      <c r="N133047" s="10"/>
    </row>
    <row r="133048" spans="14:14">
      <c r="N133048" s="10"/>
    </row>
    <row r="133049" spans="14:14">
      <c r="N133049" s="10"/>
    </row>
    <row r="133050" spans="14:14">
      <c r="N133050" s="10"/>
    </row>
    <row r="133051" spans="14:14">
      <c r="N133051" s="10"/>
    </row>
    <row r="133052" spans="14:14">
      <c r="N133052" s="10"/>
    </row>
    <row r="133053" spans="14:14">
      <c r="N133053" s="10"/>
    </row>
    <row r="133054" spans="14:14">
      <c r="N133054" s="10"/>
    </row>
    <row r="133055" spans="14:14">
      <c r="N133055" s="10"/>
    </row>
    <row r="133056" spans="14:14">
      <c r="N133056" s="10"/>
    </row>
    <row r="133057" spans="14:14">
      <c r="N133057" s="10"/>
    </row>
    <row r="133058" spans="14:14">
      <c r="N133058" s="10"/>
    </row>
    <row r="133059" spans="14:14">
      <c r="N133059" s="10"/>
    </row>
    <row r="133060" spans="14:14">
      <c r="N133060" s="10"/>
    </row>
    <row r="133061" spans="14:14">
      <c r="N133061" s="10"/>
    </row>
    <row r="133062" spans="14:14">
      <c r="N133062" s="10"/>
    </row>
    <row r="133063" spans="14:14">
      <c r="N133063" s="10"/>
    </row>
    <row r="133064" spans="14:14">
      <c r="N133064" s="10"/>
    </row>
    <row r="133065" spans="14:14">
      <c r="N133065" s="10"/>
    </row>
    <row r="133066" spans="14:14">
      <c r="N133066" s="10"/>
    </row>
    <row r="133067" spans="14:14">
      <c r="N133067" s="10"/>
    </row>
    <row r="133068" spans="14:14">
      <c r="N133068" s="10"/>
    </row>
    <row r="133069" spans="14:14">
      <c r="N133069" s="10"/>
    </row>
    <row r="133070" spans="14:14">
      <c r="N133070" s="10"/>
    </row>
    <row r="133071" spans="14:14">
      <c r="N133071" s="10"/>
    </row>
    <row r="133072" spans="14:14">
      <c r="N133072" s="10"/>
    </row>
    <row r="133073" spans="14:14">
      <c r="N133073" s="10"/>
    </row>
    <row r="133074" spans="14:14">
      <c r="N133074" s="10"/>
    </row>
    <row r="133075" spans="14:14">
      <c r="N133075" s="10"/>
    </row>
    <row r="133076" spans="14:14">
      <c r="N133076" s="10"/>
    </row>
    <row r="133077" spans="14:14">
      <c r="N133077" s="10"/>
    </row>
    <row r="133078" spans="14:14">
      <c r="N133078" s="10"/>
    </row>
    <row r="133079" spans="14:14">
      <c r="N133079" s="10"/>
    </row>
    <row r="133080" spans="14:14">
      <c r="N133080" s="10"/>
    </row>
    <row r="133081" spans="14:14">
      <c r="N133081" s="10"/>
    </row>
    <row r="133082" spans="14:14">
      <c r="N133082" s="10"/>
    </row>
    <row r="133083" spans="14:14">
      <c r="N133083" s="10"/>
    </row>
    <row r="133084" spans="14:14">
      <c r="N133084" s="10"/>
    </row>
    <row r="133085" spans="14:14">
      <c r="N133085" s="10"/>
    </row>
    <row r="133086" spans="14:14">
      <c r="N133086" s="10"/>
    </row>
    <row r="133087" spans="14:14">
      <c r="N133087" s="10"/>
    </row>
    <row r="133088" spans="14:14">
      <c r="N133088" s="10"/>
    </row>
    <row r="133089" spans="14:14">
      <c r="N133089" s="10"/>
    </row>
    <row r="133090" spans="14:14">
      <c r="N133090" s="10"/>
    </row>
    <row r="133091" spans="14:14">
      <c r="N133091" s="10"/>
    </row>
    <row r="133092" spans="14:14">
      <c r="N133092" s="10"/>
    </row>
    <row r="133093" spans="14:14">
      <c r="N133093" s="10"/>
    </row>
    <row r="133094" spans="14:14">
      <c r="N133094" s="10"/>
    </row>
    <row r="133095" spans="14:14">
      <c r="N133095" s="10"/>
    </row>
    <row r="133096" spans="14:14">
      <c r="N133096" s="10"/>
    </row>
    <row r="133097" spans="14:14">
      <c r="N133097" s="10"/>
    </row>
    <row r="133098" spans="14:14">
      <c r="N133098" s="10"/>
    </row>
    <row r="133099" spans="14:14">
      <c r="N133099" s="10"/>
    </row>
    <row r="133100" spans="14:14">
      <c r="N133100" s="10"/>
    </row>
    <row r="133101" spans="14:14">
      <c r="N133101" s="10"/>
    </row>
    <row r="133102" spans="14:14">
      <c r="N133102" s="10"/>
    </row>
    <row r="133103" spans="14:14">
      <c r="N133103" s="10"/>
    </row>
    <row r="133104" spans="14:14">
      <c r="N133104" s="10"/>
    </row>
    <row r="133105" spans="14:14">
      <c r="N133105" s="10"/>
    </row>
    <row r="133106" spans="14:14">
      <c r="N133106" s="10"/>
    </row>
    <row r="133107" spans="14:14">
      <c r="N133107" s="10"/>
    </row>
    <row r="133108" spans="14:14">
      <c r="N133108" s="10"/>
    </row>
    <row r="133109" spans="14:14">
      <c r="N133109" s="10"/>
    </row>
    <row r="133110" spans="14:14">
      <c r="N133110" s="10"/>
    </row>
    <row r="133111" spans="14:14">
      <c r="N133111" s="10"/>
    </row>
    <row r="133112" spans="14:14">
      <c r="N133112" s="10"/>
    </row>
    <row r="133113" spans="14:14">
      <c r="N133113" s="10"/>
    </row>
    <row r="133114" spans="14:14">
      <c r="N133114" s="10"/>
    </row>
    <row r="133115" spans="14:14">
      <c r="N133115" s="10"/>
    </row>
    <row r="133116" spans="14:14">
      <c r="N133116" s="10"/>
    </row>
    <row r="133117" spans="14:14">
      <c r="N133117" s="10"/>
    </row>
    <row r="133118" spans="14:14">
      <c r="N133118" s="10"/>
    </row>
    <row r="133119" spans="14:14">
      <c r="N133119" s="10"/>
    </row>
    <row r="133120" spans="14:14">
      <c r="N133120" s="10"/>
    </row>
    <row r="133121" spans="14:14">
      <c r="N133121" s="10"/>
    </row>
    <row r="133122" spans="14:14">
      <c r="N133122" s="10"/>
    </row>
    <row r="133123" spans="14:14">
      <c r="N133123" s="10"/>
    </row>
    <row r="133124" spans="14:14">
      <c r="N133124" s="10"/>
    </row>
    <row r="133125" spans="14:14">
      <c r="N133125" s="10"/>
    </row>
    <row r="133126" spans="14:14">
      <c r="N133126" s="10"/>
    </row>
    <row r="133127" spans="14:14">
      <c r="N133127" s="10"/>
    </row>
    <row r="133128" spans="14:14">
      <c r="N133128" s="10"/>
    </row>
    <row r="133129" spans="14:14">
      <c r="N133129" s="10"/>
    </row>
    <row r="133130" spans="14:14">
      <c r="N133130" s="10"/>
    </row>
    <row r="133131" spans="14:14">
      <c r="N133131" s="10"/>
    </row>
    <row r="133132" spans="14:14">
      <c r="N133132" s="10"/>
    </row>
    <row r="133133" spans="14:14">
      <c r="N133133" s="10"/>
    </row>
    <row r="133134" spans="14:14">
      <c r="N133134" s="10"/>
    </row>
    <row r="133135" spans="14:14">
      <c r="N133135" s="10"/>
    </row>
    <row r="133136" spans="14:14">
      <c r="N133136" s="10"/>
    </row>
    <row r="133137" spans="14:14">
      <c r="N133137" s="10"/>
    </row>
    <row r="133138" spans="14:14">
      <c r="N133138" s="10"/>
    </row>
    <row r="133139" spans="14:14">
      <c r="N133139" s="10"/>
    </row>
    <row r="133140" spans="14:14">
      <c r="N133140" s="10"/>
    </row>
    <row r="133141" spans="14:14">
      <c r="N133141" s="10"/>
    </row>
    <row r="133142" spans="14:14">
      <c r="N133142" s="10"/>
    </row>
    <row r="133143" spans="14:14">
      <c r="N133143" s="10"/>
    </row>
    <row r="133144" spans="14:14">
      <c r="N133144" s="10"/>
    </row>
    <row r="133145" spans="14:14">
      <c r="N133145" s="10"/>
    </row>
    <row r="133146" spans="14:14">
      <c r="N133146" s="10"/>
    </row>
    <row r="133147" spans="14:14">
      <c r="N133147" s="10"/>
    </row>
    <row r="133148" spans="14:14">
      <c r="N133148" s="10"/>
    </row>
    <row r="133149" spans="14:14">
      <c r="N133149" s="10"/>
    </row>
    <row r="133150" spans="14:14">
      <c r="N133150" s="10"/>
    </row>
    <row r="133151" spans="14:14">
      <c r="N133151" s="10"/>
    </row>
    <row r="133152" spans="14:14">
      <c r="N133152" s="10"/>
    </row>
    <row r="133153" spans="14:14">
      <c r="N133153" s="10"/>
    </row>
    <row r="133154" spans="14:14">
      <c r="N133154" s="10"/>
    </row>
    <row r="133155" spans="14:14">
      <c r="N133155" s="10"/>
    </row>
    <row r="133156" spans="14:14">
      <c r="N133156" s="10"/>
    </row>
    <row r="133157" spans="14:14">
      <c r="N133157" s="10"/>
    </row>
    <row r="133158" spans="14:14">
      <c r="N133158" s="10"/>
    </row>
    <row r="133159" spans="14:14">
      <c r="N133159" s="10"/>
    </row>
    <row r="133160" spans="14:14">
      <c r="N133160" s="10"/>
    </row>
    <row r="133161" spans="14:14">
      <c r="N133161" s="10"/>
    </row>
    <row r="133162" spans="14:14">
      <c r="N133162" s="10"/>
    </row>
    <row r="133163" spans="14:14">
      <c r="N133163" s="10"/>
    </row>
    <row r="133164" spans="14:14">
      <c r="N133164" s="10"/>
    </row>
    <row r="133165" spans="14:14">
      <c r="N133165" s="10"/>
    </row>
    <row r="133166" spans="14:14">
      <c r="N133166" s="10"/>
    </row>
    <row r="133167" spans="14:14">
      <c r="N133167" s="10"/>
    </row>
    <row r="133168" spans="14:14">
      <c r="N133168" s="10"/>
    </row>
    <row r="133169" spans="14:14">
      <c r="N133169" s="10"/>
    </row>
    <row r="133170" spans="14:14">
      <c r="N133170" s="10"/>
    </row>
    <row r="133171" spans="14:14">
      <c r="N133171" s="10"/>
    </row>
    <row r="133172" spans="14:14">
      <c r="N133172" s="10"/>
    </row>
    <row r="133173" spans="14:14">
      <c r="N133173" s="10"/>
    </row>
    <row r="133174" spans="14:14">
      <c r="N133174" s="10"/>
    </row>
    <row r="133175" spans="14:14">
      <c r="N133175" s="10"/>
    </row>
    <row r="133176" spans="14:14">
      <c r="N133176" s="10"/>
    </row>
    <row r="133177" spans="14:14">
      <c r="N133177" s="10"/>
    </row>
    <row r="133178" spans="14:14">
      <c r="N133178" s="10"/>
    </row>
    <row r="133179" spans="14:14">
      <c r="N133179" s="10"/>
    </row>
    <row r="133180" spans="14:14">
      <c r="N133180" s="10"/>
    </row>
    <row r="133181" spans="14:14">
      <c r="N133181" s="10"/>
    </row>
    <row r="133182" spans="14:14">
      <c r="N133182" s="10"/>
    </row>
    <row r="133183" spans="14:14">
      <c r="N133183" s="10"/>
    </row>
    <row r="133184" spans="14:14">
      <c r="N133184" s="10"/>
    </row>
    <row r="133185" spans="14:14">
      <c r="N133185" s="10"/>
    </row>
    <row r="133186" spans="14:14">
      <c r="N133186" s="10"/>
    </row>
    <row r="133187" spans="14:14">
      <c r="N133187" s="10"/>
    </row>
    <row r="133188" spans="14:14">
      <c r="N133188" s="10"/>
    </row>
    <row r="133189" spans="14:14">
      <c r="N133189" s="10"/>
    </row>
    <row r="133190" spans="14:14">
      <c r="N133190" s="10"/>
    </row>
    <row r="133191" spans="14:14">
      <c r="N133191" s="10"/>
    </row>
    <row r="133192" spans="14:14">
      <c r="N133192" s="10"/>
    </row>
    <row r="133193" spans="14:14">
      <c r="N133193" s="10"/>
    </row>
    <row r="133194" spans="14:14">
      <c r="N133194" s="10"/>
    </row>
    <row r="133195" spans="14:14">
      <c r="N133195" s="10"/>
    </row>
    <row r="133196" spans="14:14">
      <c r="N133196" s="10"/>
    </row>
    <row r="133197" spans="14:14">
      <c r="N133197" s="10"/>
    </row>
    <row r="133198" spans="14:14">
      <c r="N133198" s="10"/>
    </row>
    <row r="133199" spans="14:14">
      <c r="N133199" s="10"/>
    </row>
    <row r="133200" spans="14:14">
      <c r="N133200" s="10"/>
    </row>
    <row r="133201" spans="14:14">
      <c r="N133201" s="10"/>
    </row>
    <row r="133202" spans="14:14">
      <c r="N133202" s="10"/>
    </row>
    <row r="133203" spans="14:14">
      <c r="N133203" s="10"/>
    </row>
    <row r="133204" spans="14:14">
      <c r="N133204" s="10"/>
    </row>
    <row r="133205" spans="14:14">
      <c r="N133205" s="10"/>
    </row>
    <row r="133206" spans="14:14">
      <c r="N133206" s="10"/>
    </row>
    <row r="133207" spans="14:14">
      <c r="N133207" s="10"/>
    </row>
    <row r="133208" spans="14:14">
      <c r="N133208" s="10"/>
    </row>
    <row r="133209" spans="14:14">
      <c r="N133209" s="10"/>
    </row>
    <row r="133210" spans="14:14">
      <c r="N133210" s="10"/>
    </row>
    <row r="133211" spans="14:14">
      <c r="N133211" s="10"/>
    </row>
    <row r="133212" spans="14:14">
      <c r="N133212" s="10"/>
    </row>
    <row r="133213" spans="14:14">
      <c r="N133213" s="10"/>
    </row>
    <row r="133214" spans="14:14">
      <c r="N133214" s="10"/>
    </row>
    <row r="133215" spans="14:14">
      <c r="N133215" s="10"/>
    </row>
    <row r="133216" spans="14:14">
      <c r="N133216" s="10"/>
    </row>
    <row r="133217" spans="14:14">
      <c r="N133217" s="10"/>
    </row>
    <row r="133218" spans="14:14">
      <c r="N133218" s="10"/>
    </row>
    <row r="133219" spans="14:14">
      <c r="N133219" s="10"/>
    </row>
    <row r="133220" spans="14:14">
      <c r="N133220" s="10"/>
    </row>
    <row r="133221" spans="14:14">
      <c r="N133221" s="10"/>
    </row>
    <row r="133222" spans="14:14">
      <c r="N133222" s="10"/>
    </row>
    <row r="133223" spans="14:14">
      <c r="N133223" s="10"/>
    </row>
    <row r="133224" spans="14:14">
      <c r="N133224" s="10"/>
    </row>
    <row r="133225" spans="14:14">
      <c r="N133225" s="10"/>
    </row>
    <row r="133226" spans="14:14">
      <c r="N133226" s="10"/>
    </row>
    <row r="133227" spans="14:14">
      <c r="N133227" s="10"/>
    </row>
    <row r="133228" spans="14:14">
      <c r="N133228" s="10"/>
    </row>
    <row r="133229" spans="14:14">
      <c r="N133229" s="10"/>
    </row>
    <row r="133230" spans="14:14">
      <c r="N133230" s="10"/>
    </row>
    <row r="133231" spans="14:14">
      <c r="N133231" s="10"/>
    </row>
    <row r="133232" spans="14:14">
      <c r="N133232" s="10"/>
    </row>
    <row r="133233" spans="14:14">
      <c r="N133233" s="10"/>
    </row>
    <row r="133234" spans="14:14">
      <c r="N133234" s="10"/>
    </row>
    <row r="133235" spans="14:14">
      <c r="N133235" s="10"/>
    </row>
    <row r="133236" spans="14:14">
      <c r="N133236" s="10"/>
    </row>
    <row r="133237" spans="14:14">
      <c r="N133237" s="10"/>
    </row>
    <row r="133238" spans="14:14">
      <c r="N133238" s="10"/>
    </row>
    <row r="133239" spans="14:14">
      <c r="N133239" s="10"/>
    </row>
    <row r="133240" spans="14:14">
      <c r="N133240" s="10"/>
    </row>
    <row r="133241" spans="14:14">
      <c r="N133241" s="10"/>
    </row>
    <row r="133242" spans="14:14">
      <c r="N133242" s="10"/>
    </row>
    <row r="133243" spans="14:14">
      <c r="N133243" s="10"/>
    </row>
    <row r="133244" spans="14:14">
      <c r="N133244" s="10"/>
    </row>
    <row r="133245" spans="14:14">
      <c r="N133245" s="10"/>
    </row>
    <row r="133246" spans="14:14">
      <c r="N133246" s="10"/>
    </row>
    <row r="133247" spans="14:14">
      <c r="N133247" s="10"/>
    </row>
    <row r="133248" spans="14:14">
      <c r="N133248" s="10"/>
    </row>
    <row r="133249" spans="14:14">
      <c r="N133249" s="10"/>
    </row>
    <row r="133250" spans="14:14">
      <c r="N133250" s="10"/>
    </row>
    <row r="133251" spans="14:14">
      <c r="N133251" s="10"/>
    </row>
    <row r="133252" spans="14:14">
      <c r="N133252" s="10"/>
    </row>
    <row r="133253" spans="14:14">
      <c r="N133253" s="10"/>
    </row>
    <row r="133254" spans="14:14">
      <c r="N133254" s="10"/>
    </row>
    <row r="133255" spans="14:14">
      <c r="N133255" s="10"/>
    </row>
    <row r="133256" spans="14:14">
      <c r="N133256" s="10"/>
    </row>
    <row r="133257" spans="14:14">
      <c r="N133257" s="10"/>
    </row>
    <row r="133258" spans="14:14">
      <c r="N133258" s="10"/>
    </row>
    <row r="133259" spans="14:14">
      <c r="N133259" s="10"/>
    </row>
    <row r="133260" spans="14:14">
      <c r="N133260" s="10"/>
    </row>
    <row r="133261" spans="14:14">
      <c r="N133261" s="10"/>
    </row>
    <row r="133262" spans="14:14">
      <c r="N133262" s="10"/>
    </row>
    <row r="133263" spans="14:14">
      <c r="N133263" s="10"/>
    </row>
    <row r="133264" spans="14:14">
      <c r="N133264" s="10"/>
    </row>
    <row r="133265" spans="14:14">
      <c r="N133265" s="10"/>
    </row>
    <row r="133266" spans="14:14">
      <c r="N133266" s="10"/>
    </row>
    <row r="133267" spans="14:14">
      <c r="N133267" s="10"/>
    </row>
    <row r="133268" spans="14:14">
      <c r="N133268" s="10"/>
    </row>
    <row r="133269" spans="14:14">
      <c r="N133269" s="10"/>
    </row>
    <row r="133270" spans="14:14">
      <c r="N133270" s="10"/>
    </row>
    <row r="133271" spans="14:14">
      <c r="N133271" s="10"/>
    </row>
    <row r="133272" spans="14:14">
      <c r="N133272" s="10"/>
    </row>
    <row r="133273" spans="14:14">
      <c r="N133273" s="10"/>
    </row>
    <row r="133274" spans="14:14">
      <c r="N133274" s="10"/>
    </row>
    <row r="133275" spans="14:14">
      <c r="N133275" s="10"/>
    </row>
    <row r="133276" spans="14:14">
      <c r="N133276" s="10"/>
    </row>
    <row r="133277" spans="14:14">
      <c r="N133277" s="10"/>
    </row>
    <row r="133278" spans="14:14">
      <c r="N133278" s="10"/>
    </row>
    <row r="133279" spans="14:14">
      <c r="N133279" s="10"/>
    </row>
    <row r="133280" spans="14:14">
      <c r="N133280" s="10"/>
    </row>
    <row r="133281" spans="14:14">
      <c r="N133281" s="10"/>
    </row>
    <row r="133282" spans="14:14">
      <c r="N133282" s="10"/>
    </row>
    <row r="133283" spans="14:14">
      <c r="N133283" s="10"/>
    </row>
    <row r="133284" spans="14:14">
      <c r="N133284" s="10"/>
    </row>
    <row r="133285" spans="14:14">
      <c r="N133285" s="10"/>
    </row>
    <row r="133286" spans="14:14">
      <c r="N133286" s="10"/>
    </row>
    <row r="133287" spans="14:14">
      <c r="N133287" s="10"/>
    </row>
    <row r="133288" spans="14:14">
      <c r="N133288" s="10"/>
    </row>
    <row r="133289" spans="14:14">
      <c r="N133289" s="10"/>
    </row>
    <row r="133290" spans="14:14">
      <c r="N133290" s="10"/>
    </row>
    <row r="133291" spans="14:14">
      <c r="N133291" s="10"/>
    </row>
    <row r="133292" spans="14:14">
      <c r="N133292" s="10"/>
    </row>
    <row r="133293" spans="14:14">
      <c r="N133293" s="10"/>
    </row>
    <row r="133294" spans="14:14">
      <c r="N133294" s="10"/>
    </row>
    <row r="133295" spans="14:14">
      <c r="N133295" s="10"/>
    </row>
    <row r="133296" spans="14:14">
      <c r="N133296" s="10"/>
    </row>
    <row r="133297" spans="14:14">
      <c r="N133297" s="10"/>
    </row>
    <row r="133298" spans="14:14">
      <c r="N133298" s="10"/>
    </row>
    <row r="133299" spans="14:14">
      <c r="N133299" s="10"/>
    </row>
    <row r="133300" spans="14:14">
      <c r="N133300" s="10"/>
    </row>
    <row r="133301" spans="14:14">
      <c r="N133301" s="10"/>
    </row>
    <row r="133302" spans="14:14">
      <c r="N133302" s="10"/>
    </row>
    <row r="133303" spans="14:14">
      <c r="N133303" s="10"/>
    </row>
    <row r="133304" spans="14:14">
      <c r="N133304" s="10"/>
    </row>
    <row r="133305" spans="14:14">
      <c r="N133305" s="10"/>
    </row>
    <row r="133306" spans="14:14">
      <c r="N133306" s="10"/>
    </row>
    <row r="133307" spans="14:14">
      <c r="N133307" s="10"/>
    </row>
    <row r="133308" spans="14:14">
      <c r="N133308" s="10"/>
    </row>
    <row r="133309" spans="14:14">
      <c r="N133309" s="10"/>
    </row>
    <row r="133310" spans="14:14">
      <c r="N133310" s="10"/>
    </row>
    <row r="133311" spans="14:14">
      <c r="N133311" s="10"/>
    </row>
    <row r="133312" spans="14:14">
      <c r="N133312" s="10"/>
    </row>
    <row r="133313" spans="14:14">
      <c r="N133313" s="10"/>
    </row>
    <row r="133314" spans="14:14">
      <c r="N133314" s="10"/>
    </row>
    <row r="133315" spans="14:14">
      <c r="N133315" s="10"/>
    </row>
    <row r="133316" spans="14:14">
      <c r="N133316" s="10"/>
    </row>
    <row r="133317" spans="14:14">
      <c r="N133317" s="10"/>
    </row>
    <row r="133318" spans="14:14">
      <c r="N133318" s="10"/>
    </row>
    <row r="133319" spans="14:14">
      <c r="N133319" s="10"/>
    </row>
    <row r="133320" spans="14:14">
      <c r="N133320" s="10"/>
    </row>
    <row r="133321" spans="14:14">
      <c r="N133321" s="10"/>
    </row>
    <row r="133322" spans="14:14">
      <c r="N133322" s="10"/>
    </row>
    <row r="133323" spans="14:14">
      <c r="N133323" s="10"/>
    </row>
    <row r="133324" spans="14:14">
      <c r="N133324" s="10"/>
    </row>
    <row r="133325" spans="14:14">
      <c r="N133325" s="10"/>
    </row>
    <row r="133326" spans="14:14">
      <c r="N133326" s="10"/>
    </row>
    <row r="133327" spans="14:14">
      <c r="N133327" s="10"/>
    </row>
    <row r="133328" spans="14:14">
      <c r="N133328" s="10"/>
    </row>
    <row r="133329" spans="14:14">
      <c r="N133329" s="10"/>
    </row>
    <row r="133330" spans="14:14">
      <c r="N133330" s="10"/>
    </row>
    <row r="133331" spans="14:14">
      <c r="N133331" s="10"/>
    </row>
    <row r="133332" spans="14:14">
      <c r="N133332" s="10"/>
    </row>
    <row r="133333" spans="14:14">
      <c r="N133333" s="10"/>
    </row>
    <row r="133334" spans="14:14">
      <c r="N133334" s="10"/>
    </row>
    <row r="133335" spans="14:14">
      <c r="N133335" s="10"/>
    </row>
    <row r="133336" spans="14:14">
      <c r="N133336" s="10"/>
    </row>
    <row r="133337" spans="14:14">
      <c r="N133337" s="10"/>
    </row>
    <row r="133338" spans="14:14">
      <c r="N133338" s="10"/>
    </row>
    <row r="133339" spans="14:14">
      <c r="N133339" s="10"/>
    </row>
    <row r="133340" spans="14:14">
      <c r="N133340" s="10"/>
    </row>
    <row r="133341" spans="14:14">
      <c r="N133341" s="10"/>
    </row>
    <row r="133342" spans="14:14">
      <c r="N133342" s="10"/>
    </row>
    <row r="133343" spans="14:14">
      <c r="N133343" s="10"/>
    </row>
    <row r="133344" spans="14:14">
      <c r="N133344" s="10"/>
    </row>
    <row r="133345" spans="14:14">
      <c r="N133345" s="10"/>
    </row>
    <row r="133346" spans="14:14">
      <c r="N133346" s="10"/>
    </row>
    <row r="133347" spans="14:14">
      <c r="N133347" s="10"/>
    </row>
    <row r="133348" spans="14:14">
      <c r="N133348" s="10"/>
    </row>
    <row r="133349" spans="14:14">
      <c r="N133349" s="10"/>
    </row>
    <row r="133350" spans="14:14">
      <c r="N133350" s="10"/>
    </row>
    <row r="133351" spans="14:14">
      <c r="N133351" s="10"/>
    </row>
    <row r="133352" spans="14:14">
      <c r="N133352" s="10"/>
    </row>
    <row r="133353" spans="14:14">
      <c r="N133353" s="10"/>
    </row>
    <row r="133354" spans="14:14">
      <c r="N133354" s="10"/>
    </row>
    <row r="133355" spans="14:14">
      <c r="N133355" s="10"/>
    </row>
    <row r="133356" spans="14:14">
      <c r="N133356" s="10"/>
    </row>
    <row r="133357" spans="14:14">
      <c r="N133357" s="10"/>
    </row>
    <row r="133358" spans="14:14">
      <c r="N133358" s="10"/>
    </row>
    <row r="133359" spans="14:14">
      <c r="N133359" s="10"/>
    </row>
    <row r="133360" spans="14:14">
      <c r="N133360" s="10"/>
    </row>
    <row r="133361" spans="14:14">
      <c r="N133361" s="10"/>
    </row>
    <row r="133362" spans="14:14">
      <c r="N133362" s="10"/>
    </row>
    <row r="133363" spans="14:14">
      <c r="N133363" s="10"/>
    </row>
    <row r="133364" spans="14:14">
      <c r="N133364" s="10"/>
    </row>
    <row r="133365" spans="14:14">
      <c r="N133365" s="10"/>
    </row>
    <row r="133366" spans="14:14">
      <c r="N133366" s="10"/>
    </row>
    <row r="133367" spans="14:14">
      <c r="N133367" s="10"/>
    </row>
    <row r="133368" spans="14:14">
      <c r="N133368" s="10"/>
    </row>
    <row r="133369" spans="14:14">
      <c r="N133369" s="10"/>
    </row>
    <row r="133370" spans="14:14">
      <c r="N133370" s="10"/>
    </row>
    <row r="133371" spans="14:14">
      <c r="N133371" s="10"/>
    </row>
    <row r="133372" spans="14:14">
      <c r="N133372" s="10"/>
    </row>
    <row r="133373" spans="14:14">
      <c r="N133373" s="10"/>
    </row>
    <row r="133374" spans="14:14">
      <c r="N133374" s="10"/>
    </row>
    <row r="133375" spans="14:14">
      <c r="N133375" s="10"/>
    </row>
    <row r="133376" spans="14:14">
      <c r="N133376" s="10"/>
    </row>
    <row r="133377" spans="14:14">
      <c r="N133377" s="10"/>
    </row>
    <row r="133378" spans="14:14">
      <c r="N133378" s="10"/>
    </row>
    <row r="133379" spans="14:14">
      <c r="N133379" s="10"/>
    </row>
    <row r="133380" spans="14:14">
      <c r="N133380" s="10"/>
    </row>
    <row r="133381" spans="14:14">
      <c r="N133381" s="10"/>
    </row>
    <row r="133382" spans="14:14">
      <c r="N133382" s="10"/>
    </row>
    <row r="133383" spans="14:14">
      <c r="N133383" s="10"/>
    </row>
    <row r="133384" spans="14:14">
      <c r="N133384" s="10"/>
    </row>
    <row r="133385" spans="14:14">
      <c r="N133385" s="10"/>
    </row>
    <row r="133386" spans="14:14">
      <c r="N133386" s="10"/>
    </row>
    <row r="133387" spans="14:14">
      <c r="N133387" s="10"/>
    </row>
    <row r="133388" spans="14:14">
      <c r="N133388" s="10"/>
    </row>
    <row r="133389" spans="14:14">
      <c r="N133389" s="10"/>
    </row>
    <row r="133390" spans="14:14">
      <c r="N133390" s="10"/>
    </row>
    <row r="133391" spans="14:14">
      <c r="N133391" s="10"/>
    </row>
    <row r="133392" spans="14:14">
      <c r="N133392" s="10"/>
    </row>
    <row r="133393" spans="14:14">
      <c r="N133393" s="10"/>
    </row>
    <row r="133394" spans="14:14">
      <c r="N133394" s="10"/>
    </row>
    <row r="133395" spans="14:14">
      <c r="N133395" s="10"/>
    </row>
    <row r="133396" spans="14:14">
      <c r="N133396" s="10"/>
    </row>
    <row r="133397" spans="14:14">
      <c r="N133397" s="10"/>
    </row>
    <row r="133398" spans="14:14">
      <c r="N133398" s="10"/>
    </row>
    <row r="133399" spans="14:14">
      <c r="N133399" s="10"/>
    </row>
    <row r="133400" spans="14:14">
      <c r="N133400" s="10"/>
    </row>
    <row r="133401" spans="14:14">
      <c r="N133401" s="10"/>
    </row>
    <row r="133402" spans="14:14">
      <c r="N133402" s="10"/>
    </row>
    <row r="133403" spans="14:14">
      <c r="N133403" s="10"/>
    </row>
    <row r="133404" spans="14:14">
      <c r="N133404" s="10"/>
    </row>
    <row r="133405" spans="14:14">
      <c r="N133405" s="10"/>
    </row>
    <row r="133406" spans="14:14">
      <c r="N133406" s="10"/>
    </row>
    <row r="133407" spans="14:14">
      <c r="N133407" s="10"/>
    </row>
    <row r="133408" spans="14:14">
      <c r="N133408" s="10"/>
    </row>
    <row r="133409" spans="14:14">
      <c r="N133409" s="10"/>
    </row>
    <row r="133410" spans="14:14">
      <c r="N133410" s="10"/>
    </row>
    <row r="133411" spans="14:14">
      <c r="N133411" s="10"/>
    </row>
    <row r="133412" spans="14:14">
      <c r="N133412" s="10"/>
    </row>
    <row r="133413" spans="14:14">
      <c r="N133413" s="10"/>
    </row>
    <row r="133414" spans="14:14">
      <c r="N133414" s="10"/>
    </row>
    <row r="133415" spans="14:14">
      <c r="N133415" s="10"/>
    </row>
    <row r="133416" spans="14:14">
      <c r="N133416" s="10"/>
    </row>
    <row r="133417" spans="14:14">
      <c r="N133417" s="10"/>
    </row>
    <row r="133418" spans="14:14">
      <c r="N133418" s="10"/>
    </row>
    <row r="133419" spans="14:14">
      <c r="N133419" s="10"/>
    </row>
    <row r="133420" spans="14:14">
      <c r="N133420" s="10"/>
    </row>
    <row r="133421" spans="14:14">
      <c r="N133421" s="10"/>
    </row>
    <row r="133422" spans="14:14">
      <c r="N133422" s="10"/>
    </row>
    <row r="133423" spans="14:14">
      <c r="N133423" s="10"/>
    </row>
    <row r="133424" spans="14:14">
      <c r="N133424" s="10"/>
    </row>
    <row r="133425" spans="14:14">
      <c r="N133425" s="10"/>
    </row>
    <row r="133426" spans="14:14">
      <c r="N133426" s="10"/>
    </row>
    <row r="133427" spans="14:14">
      <c r="N133427" s="10"/>
    </row>
    <row r="133428" spans="14:14">
      <c r="N133428" s="10"/>
    </row>
    <row r="133429" spans="14:14">
      <c r="N133429" s="10"/>
    </row>
    <row r="133430" spans="14:14">
      <c r="N133430" s="10"/>
    </row>
    <row r="133431" spans="14:14">
      <c r="N133431" s="10"/>
    </row>
    <row r="133432" spans="14:14">
      <c r="N133432" s="10"/>
    </row>
    <row r="133433" spans="14:14">
      <c r="N133433" s="10"/>
    </row>
    <row r="133434" spans="14:14">
      <c r="N133434" s="10"/>
    </row>
    <row r="133435" spans="14:14">
      <c r="N133435" s="10"/>
    </row>
    <row r="133436" spans="14:14">
      <c r="N133436" s="10"/>
    </row>
    <row r="133437" spans="14:14">
      <c r="N133437" s="10"/>
    </row>
    <row r="133438" spans="14:14">
      <c r="N133438" s="10"/>
    </row>
    <row r="133439" spans="14:14">
      <c r="N133439" s="10"/>
    </row>
    <row r="133440" spans="14:14">
      <c r="N133440" s="10"/>
    </row>
    <row r="133441" spans="14:14">
      <c r="N133441" s="10"/>
    </row>
    <row r="133442" spans="14:14">
      <c r="N133442" s="10"/>
    </row>
    <row r="133443" spans="14:14">
      <c r="N133443" s="10"/>
    </row>
    <row r="133444" spans="14:14">
      <c r="N133444" s="10"/>
    </row>
    <row r="133445" spans="14:14">
      <c r="N133445" s="10"/>
    </row>
    <row r="133446" spans="14:14">
      <c r="N133446" s="10"/>
    </row>
    <row r="133447" spans="14:14">
      <c r="N133447" s="10"/>
    </row>
    <row r="133448" spans="14:14">
      <c r="N133448" s="10"/>
    </row>
    <row r="133449" spans="14:14">
      <c r="N133449" s="10"/>
    </row>
    <row r="133450" spans="14:14">
      <c r="N133450" s="10"/>
    </row>
    <row r="133451" spans="14:14">
      <c r="N133451" s="10"/>
    </row>
    <row r="133452" spans="14:14">
      <c r="N133452" s="10"/>
    </row>
    <row r="133453" spans="14:14">
      <c r="N133453" s="10"/>
    </row>
    <row r="133454" spans="14:14">
      <c r="N133454" s="10"/>
    </row>
    <row r="133455" spans="14:14">
      <c r="N133455" s="10"/>
    </row>
    <row r="133456" spans="14:14">
      <c r="N133456" s="10"/>
    </row>
    <row r="133457" spans="14:14">
      <c r="N133457" s="10"/>
    </row>
    <row r="133458" spans="14:14">
      <c r="N133458" s="10"/>
    </row>
    <row r="133459" spans="14:14">
      <c r="N133459" s="10"/>
    </row>
    <row r="133460" spans="14:14">
      <c r="N133460" s="10"/>
    </row>
    <row r="133461" spans="14:14">
      <c r="N133461" s="10"/>
    </row>
    <row r="133462" spans="14:14">
      <c r="N133462" s="10"/>
    </row>
    <row r="133463" spans="14:14">
      <c r="N133463" s="10"/>
    </row>
    <row r="133464" spans="14:14">
      <c r="N133464" s="10"/>
    </row>
    <row r="133465" spans="14:14">
      <c r="N133465" s="10"/>
    </row>
    <row r="133466" spans="14:14">
      <c r="N133466" s="10"/>
    </row>
    <row r="133467" spans="14:14">
      <c r="N133467" s="10"/>
    </row>
    <row r="133468" spans="14:14">
      <c r="N133468" s="10"/>
    </row>
    <row r="133469" spans="14:14">
      <c r="N133469" s="10"/>
    </row>
    <row r="133470" spans="14:14">
      <c r="N133470" s="10"/>
    </row>
    <row r="133471" spans="14:14">
      <c r="N133471" s="10"/>
    </row>
    <row r="133472" spans="14:14">
      <c r="N133472" s="10"/>
    </row>
    <row r="133473" spans="14:14">
      <c r="N133473" s="10"/>
    </row>
    <row r="133474" spans="14:14">
      <c r="N133474" s="10"/>
    </row>
    <row r="133475" spans="14:14">
      <c r="N133475" s="10"/>
    </row>
    <row r="133476" spans="14:14">
      <c r="N133476" s="10"/>
    </row>
    <row r="133477" spans="14:14">
      <c r="N133477" s="10"/>
    </row>
    <row r="133478" spans="14:14">
      <c r="N133478" s="10"/>
    </row>
    <row r="133479" spans="14:14">
      <c r="N133479" s="10"/>
    </row>
    <row r="133480" spans="14:14">
      <c r="N133480" s="10"/>
    </row>
    <row r="133481" spans="14:14">
      <c r="N133481" s="10"/>
    </row>
    <row r="133482" spans="14:14">
      <c r="N133482" s="10"/>
    </row>
    <row r="133483" spans="14:14">
      <c r="N133483" s="10"/>
    </row>
    <row r="133484" spans="14:14">
      <c r="N133484" s="10"/>
    </row>
    <row r="133485" spans="14:14">
      <c r="N133485" s="10"/>
    </row>
    <row r="133486" spans="14:14">
      <c r="N133486" s="10"/>
    </row>
    <row r="133487" spans="14:14">
      <c r="N133487" s="10"/>
    </row>
    <row r="133488" spans="14:14">
      <c r="N133488" s="10"/>
    </row>
    <row r="133489" spans="14:14">
      <c r="N133489" s="10"/>
    </row>
    <row r="133490" spans="14:14">
      <c r="N133490" s="10"/>
    </row>
    <row r="133491" spans="14:14">
      <c r="N133491" s="10"/>
    </row>
    <row r="133492" spans="14:14">
      <c r="N133492" s="10"/>
    </row>
    <row r="133493" spans="14:14">
      <c r="N133493" s="10"/>
    </row>
    <row r="133494" spans="14:14">
      <c r="N133494" s="10"/>
    </row>
    <row r="133495" spans="14:14">
      <c r="N133495" s="10"/>
    </row>
    <row r="133496" spans="14:14">
      <c r="N133496" s="10"/>
    </row>
    <row r="133497" spans="14:14">
      <c r="N133497" s="10"/>
    </row>
    <row r="133498" spans="14:14">
      <c r="N133498" s="10"/>
    </row>
    <row r="133499" spans="14:14">
      <c r="N133499" s="10"/>
    </row>
    <row r="133500" spans="14:14">
      <c r="N133500" s="10"/>
    </row>
    <row r="133501" spans="14:14">
      <c r="N133501" s="10"/>
    </row>
    <row r="133502" spans="14:14">
      <c r="N133502" s="10"/>
    </row>
    <row r="133503" spans="14:14">
      <c r="N133503" s="10"/>
    </row>
    <row r="133504" spans="14:14">
      <c r="N133504" s="10"/>
    </row>
    <row r="133505" spans="14:14">
      <c r="N133505" s="10"/>
    </row>
    <row r="133506" spans="14:14">
      <c r="N133506" s="10"/>
    </row>
    <row r="133507" spans="14:14">
      <c r="N133507" s="10"/>
    </row>
    <row r="133508" spans="14:14">
      <c r="N133508" s="10"/>
    </row>
    <row r="133509" spans="14:14">
      <c r="N133509" s="10"/>
    </row>
    <row r="133510" spans="14:14">
      <c r="N133510" s="10"/>
    </row>
    <row r="133511" spans="14:14">
      <c r="N133511" s="10"/>
    </row>
    <row r="133512" spans="14:14">
      <c r="N133512" s="10"/>
    </row>
    <row r="133513" spans="14:14">
      <c r="N133513" s="10"/>
    </row>
    <row r="133514" spans="14:14">
      <c r="N133514" s="10"/>
    </row>
    <row r="133515" spans="14:14">
      <c r="N133515" s="10"/>
    </row>
    <row r="133516" spans="14:14">
      <c r="N133516" s="10"/>
    </row>
    <row r="133517" spans="14:14">
      <c r="N133517" s="10"/>
    </row>
    <row r="133518" spans="14:14">
      <c r="N133518" s="10"/>
    </row>
    <row r="133519" spans="14:14">
      <c r="N133519" s="10"/>
    </row>
    <row r="133520" spans="14:14">
      <c r="N133520" s="10"/>
    </row>
    <row r="133521" spans="14:14">
      <c r="N133521" s="10"/>
    </row>
    <row r="133522" spans="14:14">
      <c r="N133522" s="10"/>
    </row>
    <row r="133523" spans="14:14">
      <c r="N133523" s="10"/>
    </row>
    <row r="133524" spans="14:14">
      <c r="N133524" s="10"/>
    </row>
    <row r="133525" spans="14:14">
      <c r="N133525" s="10"/>
    </row>
    <row r="133526" spans="14:14">
      <c r="N133526" s="10"/>
    </row>
    <row r="133527" spans="14:14">
      <c r="N133527" s="10"/>
    </row>
    <row r="133528" spans="14:14">
      <c r="N133528" s="10"/>
    </row>
    <row r="133529" spans="14:14">
      <c r="N133529" s="10"/>
    </row>
    <row r="133530" spans="14:14">
      <c r="N133530" s="10"/>
    </row>
    <row r="133531" spans="14:14">
      <c r="N133531" s="10"/>
    </row>
    <row r="133532" spans="14:14">
      <c r="N133532" s="10"/>
    </row>
    <row r="133533" spans="14:14">
      <c r="N133533" s="10"/>
    </row>
    <row r="133534" spans="14:14">
      <c r="N133534" s="10"/>
    </row>
    <row r="133535" spans="14:14">
      <c r="N133535" s="10"/>
    </row>
    <row r="133536" spans="14:14">
      <c r="N133536" s="10"/>
    </row>
    <row r="133537" spans="14:14">
      <c r="N133537" s="10"/>
    </row>
    <row r="133538" spans="14:14">
      <c r="N133538" s="10"/>
    </row>
    <row r="133539" spans="14:14">
      <c r="N133539" s="10"/>
    </row>
    <row r="133540" spans="14:14">
      <c r="N133540" s="10"/>
    </row>
    <row r="133541" spans="14:14">
      <c r="N133541" s="10"/>
    </row>
    <row r="133542" spans="14:14">
      <c r="N133542" s="10"/>
    </row>
    <row r="133543" spans="14:14">
      <c r="N133543" s="10"/>
    </row>
    <row r="133544" spans="14:14">
      <c r="N133544" s="10"/>
    </row>
    <row r="133545" spans="14:14">
      <c r="N133545" s="10"/>
    </row>
    <row r="133546" spans="14:14">
      <c r="N133546" s="10"/>
    </row>
    <row r="133547" spans="14:14">
      <c r="N133547" s="10"/>
    </row>
    <row r="133548" spans="14:14">
      <c r="N133548" s="10"/>
    </row>
    <row r="133549" spans="14:14">
      <c r="N133549" s="10"/>
    </row>
    <row r="133550" spans="14:14">
      <c r="N133550" s="10"/>
    </row>
    <row r="133551" spans="14:14">
      <c r="N133551" s="10"/>
    </row>
    <row r="133552" spans="14:14">
      <c r="N133552" s="10"/>
    </row>
    <row r="133553" spans="14:14">
      <c r="N133553" s="10"/>
    </row>
    <row r="133554" spans="14:14">
      <c r="N133554" s="10"/>
    </row>
    <row r="133555" spans="14:14">
      <c r="N133555" s="10"/>
    </row>
    <row r="133556" spans="14:14">
      <c r="N133556" s="10"/>
    </row>
    <row r="133557" spans="14:14">
      <c r="N133557" s="10"/>
    </row>
    <row r="133558" spans="14:14">
      <c r="N133558" s="10"/>
    </row>
    <row r="133559" spans="14:14">
      <c r="N133559" s="10"/>
    </row>
    <row r="133560" spans="14:14">
      <c r="N133560" s="10"/>
    </row>
    <row r="133561" spans="14:14">
      <c r="N133561" s="10"/>
    </row>
    <row r="133562" spans="14:14">
      <c r="N133562" s="10"/>
    </row>
    <row r="133563" spans="14:14">
      <c r="N133563" s="10"/>
    </row>
    <row r="133564" spans="14:14">
      <c r="N133564" s="10"/>
    </row>
    <row r="133565" spans="14:14">
      <c r="N133565" s="10"/>
    </row>
    <row r="133566" spans="14:14">
      <c r="N133566" s="10"/>
    </row>
    <row r="133567" spans="14:14">
      <c r="N133567" s="10"/>
    </row>
    <row r="133568" spans="14:14">
      <c r="N133568" s="10"/>
    </row>
    <row r="133569" spans="14:14">
      <c r="N133569" s="10"/>
    </row>
    <row r="133570" spans="14:14">
      <c r="N133570" s="10"/>
    </row>
    <row r="133571" spans="14:14">
      <c r="N133571" s="10"/>
    </row>
    <row r="133572" spans="14:14">
      <c r="N133572" s="10"/>
    </row>
    <row r="133573" spans="14:14">
      <c r="N133573" s="10"/>
    </row>
    <row r="133574" spans="14:14">
      <c r="N133574" s="10"/>
    </row>
    <row r="133575" spans="14:14">
      <c r="N133575" s="10"/>
    </row>
    <row r="133576" spans="14:14">
      <c r="N133576" s="10"/>
    </row>
    <row r="133577" spans="14:14">
      <c r="N133577" s="10"/>
    </row>
    <row r="133578" spans="14:14">
      <c r="N133578" s="10"/>
    </row>
    <row r="133579" spans="14:14">
      <c r="N133579" s="10"/>
    </row>
    <row r="133580" spans="14:14">
      <c r="N133580" s="10"/>
    </row>
    <row r="133581" spans="14:14">
      <c r="N133581" s="10"/>
    </row>
    <row r="133582" spans="14:14">
      <c r="N133582" s="10"/>
    </row>
    <row r="133583" spans="14:14">
      <c r="N133583" s="10"/>
    </row>
    <row r="133584" spans="14:14">
      <c r="N133584" s="10"/>
    </row>
    <row r="133585" spans="14:14">
      <c r="N133585" s="10"/>
    </row>
    <row r="133586" spans="14:14">
      <c r="N133586" s="10"/>
    </row>
    <row r="133587" spans="14:14">
      <c r="N133587" s="10"/>
    </row>
    <row r="133588" spans="14:14">
      <c r="N133588" s="10"/>
    </row>
    <row r="133589" spans="14:14">
      <c r="N133589" s="10"/>
    </row>
    <row r="133590" spans="14:14">
      <c r="N133590" s="10"/>
    </row>
    <row r="133591" spans="14:14">
      <c r="N133591" s="10"/>
    </row>
    <row r="133592" spans="14:14">
      <c r="N133592" s="10"/>
    </row>
    <row r="133593" spans="14:14">
      <c r="N133593" s="10"/>
    </row>
    <row r="133594" spans="14:14">
      <c r="N133594" s="10"/>
    </row>
    <row r="133595" spans="14:14">
      <c r="N133595" s="10"/>
    </row>
    <row r="133596" spans="14:14">
      <c r="N133596" s="10"/>
    </row>
    <row r="133597" spans="14:14">
      <c r="N133597" s="10"/>
    </row>
    <row r="133598" spans="14:14">
      <c r="N133598" s="10"/>
    </row>
    <row r="133599" spans="14:14">
      <c r="N133599" s="10"/>
    </row>
    <row r="133600" spans="14:14">
      <c r="N133600" s="10"/>
    </row>
    <row r="133601" spans="14:14">
      <c r="N133601" s="10"/>
    </row>
    <row r="133602" spans="14:14">
      <c r="N133602" s="10"/>
    </row>
    <row r="133603" spans="14:14">
      <c r="N133603" s="10"/>
    </row>
    <row r="133604" spans="14:14">
      <c r="N133604" s="10"/>
    </row>
    <row r="133605" spans="14:14">
      <c r="N133605" s="10"/>
    </row>
    <row r="133606" spans="14:14">
      <c r="N133606" s="10"/>
    </row>
    <row r="133607" spans="14:14">
      <c r="N133607" s="10"/>
    </row>
    <row r="133608" spans="14:14">
      <c r="N133608" s="10"/>
    </row>
    <row r="133609" spans="14:14">
      <c r="N133609" s="10"/>
    </row>
    <row r="133610" spans="14:14">
      <c r="N133610" s="10"/>
    </row>
    <row r="133611" spans="14:14">
      <c r="N133611" s="10"/>
    </row>
    <row r="133612" spans="14:14">
      <c r="N133612" s="10"/>
    </row>
    <row r="133613" spans="14:14">
      <c r="N133613" s="10"/>
    </row>
    <row r="133614" spans="14:14">
      <c r="N133614" s="10"/>
    </row>
    <row r="133615" spans="14:14">
      <c r="N133615" s="10"/>
    </row>
    <row r="133616" spans="14:14">
      <c r="N133616" s="10"/>
    </row>
    <row r="133617" spans="14:14">
      <c r="N133617" s="10"/>
    </row>
    <row r="133618" spans="14:14">
      <c r="N133618" s="10"/>
    </row>
    <row r="133619" spans="14:14">
      <c r="N133619" s="10"/>
    </row>
    <row r="133620" spans="14:14">
      <c r="N133620" s="10"/>
    </row>
    <row r="133621" spans="14:14">
      <c r="N133621" s="10"/>
    </row>
    <row r="133622" spans="14:14">
      <c r="N133622" s="10"/>
    </row>
    <row r="133623" spans="14:14">
      <c r="N133623" s="10"/>
    </row>
    <row r="133624" spans="14:14">
      <c r="N133624" s="10"/>
    </row>
    <row r="133625" spans="14:14">
      <c r="N133625" s="10"/>
    </row>
    <row r="133626" spans="14:14">
      <c r="N133626" s="10"/>
    </row>
    <row r="133627" spans="14:14">
      <c r="N133627" s="10"/>
    </row>
    <row r="133628" spans="14:14">
      <c r="N133628" s="10"/>
    </row>
    <row r="133629" spans="14:14">
      <c r="N133629" s="10"/>
    </row>
    <row r="133630" spans="14:14">
      <c r="N133630" s="10"/>
    </row>
    <row r="133631" spans="14:14">
      <c r="N133631" s="10"/>
    </row>
    <row r="133632" spans="14:14">
      <c r="N133632" s="10"/>
    </row>
    <row r="133633" spans="14:14">
      <c r="N133633" s="10"/>
    </row>
    <row r="133634" spans="14:14">
      <c r="N133634" s="10"/>
    </row>
    <row r="133635" spans="14:14">
      <c r="N133635" s="10"/>
    </row>
    <row r="133636" spans="14:14">
      <c r="N133636" s="10"/>
    </row>
    <row r="133637" spans="14:14">
      <c r="N133637" s="10"/>
    </row>
    <row r="133638" spans="14:14">
      <c r="N133638" s="10"/>
    </row>
    <row r="133639" spans="14:14">
      <c r="N133639" s="10"/>
    </row>
    <row r="133640" spans="14:14">
      <c r="N133640" s="10"/>
    </row>
    <row r="133641" spans="14:14">
      <c r="N133641" s="10"/>
    </row>
    <row r="133642" spans="14:14">
      <c r="N133642" s="10"/>
    </row>
    <row r="133643" spans="14:14">
      <c r="N133643" s="10"/>
    </row>
    <row r="133644" spans="14:14">
      <c r="N133644" s="10"/>
    </row>
    <row r="133645" spans="14:14">
      <c r="N133645" s="10"/>
    </row>
    <row r="133646" spans="14:14">
      <c r="N133646" s="10"/>
    </row>
    <row r="133647" spans="14:14">
      <c r="N133647" s="10"/>
    </row>
    <row r="133648" spans="14:14">
      <c r="N133648" s="10"/>
    </row>
    <row r="133649" spans="14:14">
      <c r="N133649" s="10"/>
    </row>
    <row r="133650" spans="14:14">
      <c r="N133650" s="10"/>
    </row>
    <row r="133651" spans="14:14">
      <c r="N133651" s="10"/>
    </row>
    <row r="133652" spans="14:14">
      <c r="N133652" s="10"/>
    </row>
    <row r="133653" spans="14:14">
      <c r="N133653" s="10"/>
    </row>
    <row r="133654" spans="14:14">
      <c r="N133654" s="10"/>
    </row>
    <row r="133655" spans="14:14">
      <c r="N133655" s="10"/>
    </row>
    <row r="133656" spans="14:14">
      <c r="N133656" s="10"/>
    </row>
    <row r="133657" spans="14:14">
      <c r="N133657" s="10"/>
    </row>
    <row r="133658" spans="14:14">
      <c r="N133658" s="10"/>
    </row>
    <row r="133659" spans="14:14">
      <c r="N133659" s="10"/>
    </row>
    <row r="133660" spans="14:14">
      <c r="N133660" s="10"/>
    </row>
    <row r="133661" spans="14:14">
      <c r="N133661" s="10"/>
    </row>
    <row r="133662" spans="14:14">
      <c r="N133662" s="10"/>
    </row>
    <row r="133663" spans="14:14">
      <c r="N133663" s="10"/>
    </row>
    <row r="133664" spans="14:14">
      <c r="N133664" s="10"/>
    </row>
    <row r="133665" spans="14:14">
      <c r="N133665" s="10"/>
    </row>
    <row r="133666" spans="14:14">
      <c r="N133666" s="10"/>
    </row>
    <row r="133667" spans="14:14">
      <c r="N133667" s="10"/>
    </row>
    <row r="133668" spans="14:14">
      <c r="N133668" s="10"/>
    </row>
    <row r="133669" spans="14:14">
      <c r="N133669" s="10"/>
    </row>
    <row r="133670" spans="14:14">
      <c r="N133670" s="10"/>
    </row>
    <row r="133671" spans="14:14">
      <c r="N133671" s="10"/>
    </row>
    <row r="133672" spans="14:14">
      <c r="N133672" s="10"/>
    </row>
    <row r="133673" spans="14:14">
      <c r="N133673" s="10"/>
    </row>
    <row r="133674" spans="14:14">
      <c r="N133674" s="10"/>
    </row>
    <row r="133675" spans="14:14">
      <c r="N133675" s="10"/>
    </row>
    <row r="133676" spans="14:14">
      <c r="N133676" s="10"/>
    </row>
    <row r="133677" spans="14:14">
      <c r="N133677" s="10"/>
    </row>
    <row r="133678" spans="14:14">
      <c r="N133678" s="10"/>
    </row>
    <row r="133679" spans="14:14">
      <c r="N133679" s="10"/>
    </row>
    <row r="133680" spans="14:14">
      <c r="N133680" s="10"/>
    </row>
    <row r="133681" spans="14:14">
      <c r="N133681" s="10"/>
    </row>
    <row r="133682" spans="14:14">
      <c r="N133682" s="10"/>
    </row>
    <row r="133683" spans="14:14">
      <c r="N133683" s="10"/>
    </row>
    <row r="133684" spans="14:14">
      <c r="N133684" s="10"/>
    </row>
    <row r="133685" spans="14:14">
      <c r="N133685" s="10"/>
    </row>
    <row r="133686" spans="14:14">
      <c r="N133686" s="10"/>
    </row>
    <row r="133687" spans="14:14">
      <c r="N133687" s="10"/>
    </row>
    <row r="133688" spans="14:14">
      <c r="N133688" s="10"/>
    </row>
    <row r="133689" spans="14:14">
      <c r="N133689" s="10"/>
    </row>
    <row r="133690" spans="14:14">
      <c r="N133690" s="10"/>
    </row>
    <row r="133691" spans="14:14">
      <c r="N133691" s="10"/>
    </row>
    <row r="133692" spans="14:14">
      <c r="N133692" s="10"/>
    </row>
    <row r="133693" spans="14:14">
      <c r="N133693" s="10"/>
    </row>
    <row r="133694" spans="14:14">
      <c r="N133694" s="10"/>
    </row>
    <row r="133695" spans="14:14">
      <c r="N133695" s="10"/>
    </row>
    <row r="133696" spans="14:14">
      <c r="N133696" s="10"/>
    </row>
    <row r="133697" spans="14:14">
      <c r="N133697" s="10"/>
    </row>
    <row r="133698" spans="14:14">
      <c r="N133698" s="10"/>
    </row>
    <row r="133699" spans="14:14">
      <c r="N133699" s="10"/>
    </row>
    <row r="133700" spans="14:14">
      <c r="N133700" s="10"/>
    </row>
    <row r="133701" spans="14:14">
      <c r="N133701" s="10"/>
    </row>
    <row r="133702" spans="14:14">
      <c r="N133702" s="10"/>
    </row>
    <row r="133703" spans="14:14">
      <c r="N133703" s="10"/>
    </row>
    <row r="133704" spans="14:14">
      <c r="N133704" s="10"/>
    </row>
    <row r="133705" spans="14:14">
      <c r="N133705" s="10"/>
    </row>
    <row r="133706" spans="14:14">
      <c r="N133706" s="10"/>
    </row>
    <row r="133707" spans="14:14">
      <c r="N133707" s="10"/>
    </row>
    <row r="133708" spans="14:14">
      <c r="N133708" s="10"/>
    </row>
    <row r="133709" spans="14:14">
      <c r="N133709" s="10"/>
    </row>
    <row r="133710" spans="14:14">
      <c r="N133710" s="10"/>
    </row>
    <row r="133711" spans="14:14">
      <c r="N133711" s="10"/>
    </row>
    <row r="133712" spans="14:14">
      <c r="N133712" s="10"/>
    </row>
    <row r="133713" spans="14:14">
      <c r="N133713" s="10"/>
    </row>
    <row r="133714" spans="14:14">
      <c r="N133714" s="10"/>
    </row>
    <row r="133715" spans="14:14">
      <c r="N133715" s="10"/>
    </row>
    <row r="133716" spans="14:14">
      <c r="N133716" s="10"/>
    </row>
    <row r="133717" spans="14:14">
      <c r="N133717" s="10"/>
    </row>
    <row r="133718" spans="14:14">
      <c r="N133718" s="10"/>
    </row>
    <row r="133719" spans="14:14">
      <c r="N133719" s="10"/>
    </row>
    <row r="133720" spans="14:14">
      <c r="N133720" s="10"/>
    </row>
    <row r="133721" spans="14:14">
      <c r="N133721" s="10"/>
    </row>
    <row r="133722" spans="14:14">
      <c r="N133722" s="10"/>
    </row>
    <row r="133723" spans="14:14">
      <c r="N133723" s="10"/>
    </row>
    <row r="133724" spans="14:14">
      <c r="N133724" s="10"/>
    </row>
    <row r="133725" spans="14:14">
      <c r="N133725" s="10"/>
    </row>
    <row r="133726" spans="14:14">
      <c r="N133726" s="10"/>
    </row>
    <row r="133727" spans="14:14">
      <c r="N133727" s="10"/>
    </row>
    <row r="133728" spans="14:14">
      <c r="N133728" s="10"/>
    </row>
    <row r="133729" spans="14:14">
      <c r="N133729" s="10"/>
    </row>
    <row r="133730" spans="14:14">
      <c r="N133730" s="10"/>
    </row>
    <row r="133731" spans="14:14">
      <c r="N133731" s="10"/>
    </row>
    <row r="133732" spans="14:14">
      <c r="N133732" s="10"/>
    </row>
    <row r="133733" spans="14:14">
      <c r="N133733" s="10"/>
    </row>
    <row r="133734" spans="14:14">
      <c r="N133734" s="10"/>
    </row>
    <row r="133735" spans="14:14">
      <c r="N133735" s="10"/>
    </row>
    <row r="133736" spans="14:14">
      <c r="N133736" s="10"/>
    </row>
    <row r="133737" spans="14:14">
      <c r="N133737" s="10"/>
    </row>
    <row r="133738" spans="14:14">
      <c r="N133738" s="10"/>
    </row>
    <row r="133739" spans="14:14">
      <c r="N133739" s="10"/>
    </row>
    <row r="133740" spans="14:14">
      <c r="N133740" s="10"/>
    </row>
    <row r="133741" spans="14:14">
      <c r="N133741" s="10"/>
    </row>
    <row r="133742" spans="14:14">
      <c r="N133742" s="10"/>
    </row>
    <row r="133743" spans="14:14">
      <c r="N133743" s="10"/>
    </row>
    <row r="133744" spans="14:14">
      <c r="N133744" s="10"/>
    </row>
    <row r="133745" spans="14:14">
      <c r="N133745" s="10"/>
    </row>
    <row r="133746" spans="14:14">
      <c r="N133746" s="10"/>
    </row>
    <row r="133747" spans="14:14">
      <c r="N133747" s="10"/>
    </row>
    <row r="133748" spans="14:14">
      <c r="N133748" s="10"/>
    </row>
    <row r="133749" spans="14:14">
      <c r="N133749" s="10"/>
    </row>
    <row r="133750" spans="14:14">
      <c r="N133750" s="10"/>
    </row>
    <row r="133751" spans="14:14">
      <c r="N133751" s="10"/>
    </row>
    <row r="133752" spans="14:14">
      <c r="N133752" s="10"/>
    </row>
    <row r="133753" spans="14:14">
      <c r="N133753" s="10"/>
    </row>
    <row r="133754" spans="14:14">
      <c r="N133754" s="10"/>
    </row>
    <row r="133755" spans="14:14">
      <c r="N133755" s="10"/>
    </row>
    <row r="133756" spans="14:14">
      <c r="N133756" s="10"/>
    </row>
    <row r="133757" spans="14:14">
      <c r="N133757" s="10"/>
    </row>
    <row r="133758" spans="14:14">
      <c r="N133758" s="10"/>
    </row>
    <row r="133759" spans="14:14">
      <c r="N133759" s="10"/>
    </row>
    <row r="133760" spans="14:14">
      <c r="N133760" s="10"/>
    </row>
    <row r="133761" spans="14:14">
      <c r="N133761" s="10"/>
    </row>
    <row r="133762" spans="14:14">
      <c r="N133762" s="10"/>
    </row>
    <row r="133763" spans="14:14">
      <c r="N133763" s="10"/>
    </row>
    <row r="133764" spans="14:14">
      <c r="N133764" s="10"/>
    </row>
    <row r="133765" spans="14:14">
      <c r="N133765" s="10"/>
    </row>
    <row r="133766" spans="14:14">
      <c r="N133766" s="10"/>
    </row>
    <row r="133767" spans="14:14">
      <c r="N133767" s="10"/>
    </row>
    <row r="133768" spans="14:14">
      <c r="N133768" s="10"/>
    </row>
    <row r="133769" spans="14:14">
      <c r="N133769" s="10"/>
    </row>
    <row r="133770" spans="14:14">
      <c r="N133770" s="10"/>
    </row>
    <row r="133771" spans="14:14">
      <c r="N133771" s="10"/>
    </row>
    <row r="133772" spans="14:14">
      <c r="N133772" s="10"/>
    </row>
    <row r="133773" spans="14:14">
      <c r="N133773" s="10"/>
    </row>
    <row r="133774" spans="14:14">
      <c r="N133774" s="10"/>
    </row>
    <row r="133775" spans="14:14">
      <c r="N133775" s="10"/>
    </row>
    <row r="133776" spans="14:14">
      <c r="N133776" s="10"/>
    </row>
    <row r="133777" spans="14:14">
      <c r="N133777" s="10"/>
    </row>
    <row r="133778" spans="14:14">
      <c r="N133778" s="10"/>
    </row>
    <row r="133779" spans="14:14">
      <c r="N133779" s="10"/>
    </row>
    <row r="133780" spans="14:14">
      <c r="N133780" s="10"/>
    </row>
    <row r="133781" spans="14:14">
      <c r="N133781" s="10"/>
    </row>
    <row r="133782" spans="14:14">
      <c r="N133782" s="10"/>
    </row>
    <row r="133783" spans="14:14">
      <c r="N133783" s="10"/>
    </row>
    <row r="133784" spans="14:14">
      <c r="N133784" s="10"/>
    </row>
    <row r="133785" spans="14:14">
      <c r="N133785" s="10"/>
    </row>
    <row r="133786" spans="14:14">
      <c r="N133786" s="10"/>
    </row>
    <row r="133787" spans="14:14">
      <c r="N133787" s="10"/>
    </row>
    <row r="133788" spans="14:14">
      <c r="N133788" s="10"/>
    </row>
    <row r="133789" spans="14:14">
      <c r="N133789" s="10"/>
    </row>
    <row r="133790" spans="14:14">
      <c r="N133790" s="10"/>
    </row>
    <row r="133791" spans="14:14">
      <c r="N133791" s="10"/>
    </row>
    <row r="133792" spans="14:14">
      <c r="N133792" s="10"/>
    </row>
    <row r="133793" spans="14:14">
      <c r="N133793" s="10"/>
    </row>
    <row r="133794" spans="14:14">
      <c r="N133794" s="10"/>
    </row>
    <row r="133795" spans="14:14">
      <c r="N133795" s="10"/>
    </row>
    <row r="133796" spans="14:14">
      <c r="N133796" s="10"/>
    </row>
    <row r="133797" spans="14:14">
      <c r="N133797" s="10"/>
    </row>
    <row r="133798" spans="14:14">
      <c r="N133798" s="10"/>
    </row>
    <row r="133799" spans="14:14">
      <c r="N133799" s="10"/>
    </row>
    <row r="133800" spans="14:14">
      <c r="N133800" s="10"/>
    </row>
    <row r="133801" spans="14:14">
      <c r="N133801" s="10"/>
    </row>
    <row r="133802" spans="14:14">
      <c r="N133802" s="10"/>
    </row>
    <row r="133803" spans="14:14">
      <c r="N133803" s="10"/>
    </row>
    <row r="133804" spans="14:14">
      <c r="N133804" s="10"/>
    </row>
    <row r="133805" spans="14:14">
      <c r="N133805" s="10"/>
    </row>
    <row r="133806" spans="14:14">
      <c r="N133806" s="10"/>
    </row>
    <row r="133807" spans="14:14">
      <c r="N133807" s="10"/>
    </row>
    <row r="133808" spans="14:14">
      <c r="N133808" s="10"/>
    </row>
    <row r="133809" spans="14:14">
      <c r="N133809" s="10"/>
    </row>
    <row r="133810" spans="14:14">
      <c r="N133810" s="10"/>
    </row>
    <row r="133811" spans="14:14">
      <c r="N133811" s="10"/>
    </row>
    <row r="133812" spans="14:14">
      <c r="N133812" s="10"/>
    </row>
    <row r="133813" spans="14:14">
      <c r="N133813" s="10"/>
    </row>
    <row r="133814" spans="14:14">
      <c r="N133814" s="10"/>
    </row>
    <row r="133815" spans="14:14">
      <c r="N133815" s="10"/>
    </row>
    <row r="133816" spans="14:14">
      <c r="N133816" s="10"/>
    </row>
    <row r="133817" spans="14:14">
      <c r="N133817" s="10"/>
    </row>
    <row r="133818" spans="14:14">
      <c r="N133818" s="10"/>
    </row>
    <row r="133819" spans="14:14">
      <c r="N133819" s="10"/>
    </row>
    <row r="133820" spans="14:14">
      <c r="N133820" s="10"/>
    </row>
    <row r="133821" spans="14:14">
      <c r="N133821" s="10"/>
    </row>
    <row r="133822" spans="14:14">
      <c r="N133822" s="10"/>
    </row>
    <row r="133823" spans="14:14">
      <c r="N133823" s="10"/>
    </row>
    <row r="133824" spans="14:14">
      <c r="N133824" s="10"/>
    </row>
    <row r="133825" spans="14:14">
      <c r="N133825" s="10"/>
    </row>
    <row r="133826" spans="14:14">
      <c r="N133826" s="10"/>
    </row>
    <row r="133827" spans="14:14">
      <c r="N133827" s="10"/>
    </row>
    <row r="133828" spans="14:14">
      <c r="N133828" s="10"/>
    </row>
    <row r="133829" spans="14:14">
      <c r="N133829" s="10"/>
    </row>
    <row r="133830" spans="14:14">
      <c r="N133830" s="10"/>
    </row>
    <row r="133831" spans="14:14">
      <c r="N133831" s="10"/>
    </row>
    <row r="133832" spans="14:14">
      <c r="N133832" s="10"/>
    </row>
    <row r="133833" spans="14:14">
      <c r="N133833" s="10"/>
    </row>
    <row r="133834" spans="14:14">
      <c r="N133834" s="10"/>
    </row>
    <row r="133835" spans="14:14">
      <c r="N133835" s="10"/>
    </row>
    <row r="133836" spans="14:14">
      <c r="N133836" s="10"/>
    </row>
    <row r="133837" spans="14:14">
      <c r="N133837" s="10"/>
    </row>
    <row r="133838" spans="14:14">
      <c r="N133838" s="10"/>
    </row>
    <row r="133839" spans="14:14">
      <c r="N133839" s="10"/>
    </row>
    <row r="133840" spans="14:14">
      <c r="N133840" s="10"/>
    </row>
    <row r="133841" spans="14:14">
      <c r="N133841" s="10"/>
    </row>
    <row r="133842" spans="14:14">
      <c r="N133842" s="10"/>
    </row>
    <row r="133843" spans="14:14">
      <c r="N133843" s="10"/>
    </row>
    <row r="133844" spans="14:14">
      <c r="N133844" s="10"/>
    </row>
    <row r="133845" spans="14:14">
      <c r="N133845" s="10"/>
    </row>
    <row r="133846" spans="14:14">
      <c r="N133846" s="10"/>
    </row>
    <row r="133847" spans="14:14">
      <c r="N133847" s="10"/>
    </row>
    <row r="133848" spans="14:14">
      <c r="N133848" s="10"/>
    </row>
    <row r="133849" spans="14:14">
      <c r="N133849" s="10"/>
    </row>
    <row r="133850" spans="14:14">
      <c r="N133850" s="10"/>
    </row>
    <row r="133851" spans="14:14">
      <c r="N133851" s="10"/>
    </row>
    <row r="133852" spans="14:14">
      <c r="N133852" s="10"/>
    </row>
    <row r="133853" spans="14:14">
      <c r="N133853" s="10"/>
    </row>
    <row r="133854" spans="14:14">
      <c r="N133854" s="10"/>
    </row>
    <row r="133855" spans="14:14">
      <c r="N133855" s="10"/>
    </row>
    <row r="133856" spans="14:14">
      <c r="N133856" s="10"/>
    </row>
    <row r="133857" spans="14:14">
      <c r="N133857" s="10"/>
    </row>
    <row r="133858" spans="14:14">
      <c r="N133858" s="10"/>
    </row>
    <row r="133859" spans="14:14">
      <c r="N133859" s="10"/>
    </row>
    <row r="133860" spans="14:14">
      <c r="N133860" s="10"/>
    </row>
    <row r="133861" spans="14:14">
      <c r="N133861" s="10"/>
    </row>
    <row r="133862" spans="14:14">
      <c r="N133862" s="10"/>
    </row>
    <row r="133863" spans="14:14">
      <c r="N133863" s="10"/>
    </row>
    <row r="133864" spans="14:14">
      <c r="N133864" s="10"/>
    </row>
    <row r="133865" spans="14:14">
      <c r="N133865" s="10"/>
    </row>
    <row r="133866" spans="14:14">
      <c r="N133866" s="10"/>
    </row>
    <row r="133867" spans="14:14">
      <c r="N133867" s="10"/>
    </row>
    <row r="133868" spans="14:14">
      <c r="N133868" s="10"/>
    </row>
    <row r="133869" spans="14:14">
      <c r="N133869" s="10"/>
    </row>
    <row r="133870" spans="14:14">
      <c r="N133870" s="10"/>
    </row>
    <row r="133871" spans="14:14">
      <c r="N133871" s="10"/>
    </row>
    <row r="133872" spans="14:14">
      <c r="N133872" s="10"/>
    </row>
    <row r="133873" spans="14:14">
      <c r="N133873" s="10"/>
    </row>
    <row r="133874" spans="14:14">
      <c r="N133874" s="10"/>
    </row>
    <row r="133875" spans="14:14">
      <c r="N133875" s="10"/>
    </row>
    <row r="133876" spans="14:14">
      <c r="N133876" s="10"/>
    </row>
    <row r="133877" spans="14:14">
      <c r="N133877" s="10"/>
    </row>
    <row r="133878" spans="14:14">
      <c r="N133878" s="10"/>
    </row>
    <row r="133879" spans="14:14">
      <c r="N133879" s="10"/>
    </row>
    <row r="133880" spans="14:14">
      <c r="N133880" s="10"/>
    </row>
    <row r="133881" spans="14:14">
      <c r="N133881" s="10"/>
    </row>
    <row r="133882" spans="14:14">
      <c r="N133882" s="10"/>
    </row>
    <row r="133883" spans="14:14">
      <c r="N133883" s="10"/>
    </row>
    <row r="133884" spans="14:14">
      <c r="N133884" s="10"/>
    </row>
    <row r="133885" spans="14:14">
      <c r="N133885" s="10"/>
    </row>
    <row r="133886" spans="14:14">
      <c r="N133886" s="10"/>
    </row>
    <row r="133887" spans="14:14">
      <c r="N133887" s="10"/>
    </row>
    <row r="133888" spans="14:14">
      <c r="N133888" s="10"/>
    </row>
    <row r="133889" spans="14:14">
      <c r="N133889" s="10"/>
    </row>
    <row r="133890" spans="14:14">
      <c r="N133890" s="10"/>
    </row>
    <row r="133891" spans="14:14">
      <c r="N133891" s="10"/>
    </row>
    <row r="133892" spans="14:14">
      <c r="N133892" s="10"/>
    </row>
    <row r="133893" spans="14:14">
      <c r="N133893" s="10"/>
    </row>
    <row r="133894" spans="14:14">
      <c r="N133894" s="10"/>
    </row>
    <row r="133895" spans="14:14">
      <c r="N133895" s="10"/>
    </row>
    <row r="133896" spans="14:14">
      <c r="N133896" s="10"/>
    </row>
    <row r="133897" spans="14:14">
      <c r="N133897" s="10"/>
    </row>
    <row r="133898" spans="14:14">
      <c r="N133898" s="10"/>
    </row>
    <row r="133899" spans="14:14">
      <c r="N133899" s="10"/>
    </row>
    <row r="133900" spans="14:14">
      <c r="N133900" s="10"/>
    </row>
    <row r="133901" spans="14:14">
      <c r="N133901" s="10"/>
    </row>
    <row r="133902" spans="14:14">
      <c r="N133902" s="10"/>
    </row>
    <row r="133903" spans="14:14">
      <c r="N133903" s="10"/>
    </row>
    <row r="133904" spans="14:14">
      <c r="N133904" s="10"/>
    </row>
    <row r="133905" spans="14:14">
      <c r="N133905" s="10"/>
    </row>
    <row r="133906" spans="14:14">
      <c r="N133906" s="10"/>
    </row>
    <row r="133907" spans="14:14">
      <c r="N133907" s="10"/>
    </row>
    <row r="133908" spans="14:14">
      <c r="N133908" s="10"/>
    </row>
    <row r="133909" spans="14:14">
      <c r="N133909" s="10"/>
    </row>
    <row r="133910" spans="14:14">
      <c r="N133910" s="10"/>
    </row>
    <row r="133911" spans="14:14">
      <c r="N133911" s="10"/>
    </row>
    <row r="133912" spans="14:14">
      <c r="N133912" s="10"/>
    </row>
    <row r="133913" spans="14:14">
      <c r="N133913" s="10"/>
    </row>
    <row r="133914" spans="14:14">
      <c r="N133914" s="10"/>
    </row>
    <row r="133915" spans="14:14">
      <c r="N133915" s="10"/>
    </row>
    <row r="133916" spans="14:14">
      <c r="N133916" s="10"/>
    </row>
    <row r="133917" spans="14:14">
      <c r="N133917" s="10"/>
    </row>
    <row r="133918" spans="14:14">
      <c r="N133918" s="10"/>
    </row>
    <row r="133919" spans="14:14">
      <c r="N133919" s="10"/>
    </row>
    <row r="133920" spans="14:14">
      <c r="N133920" s="10"/>
    </row>
    <row r="133921" spans="14:14">
      <c r="N133921" s="10"/>
    </row>
    <row r="133922" spans="14:14">
      <c r="N133922" s="10"/>
    </row>
    <row r="133923" spans="14:14">
      <c r="N133923" s="10"/>
    </row>
    <row r="133924" spans="14:14">
      <c r="N133924" s="10"/>
    </row>
    <row r="133925" spans="14:14">
      <c r="N133925" s="10"/>
    </row>
    <row r="133926" spans="14:14">
      <c r="N133926" s="10"/>
    </row>
    <row r="133927" spans="14:14">
      <c r="N133927" s="10"/>
    </row>
    <row r="133928" spans="14:14">
      <c r="N133928" s="10"/>
    </row>
    <row r="133929" spans="14:14">
      <c r="N133929" s="10"/>
    </row>
    <row r="133930" spans="14:14">
      <c r="N133930" s="10"/>
    </row>
    <row r="133931" spans="14:14">
      <c r="N133931" s="10"/>
    </row>
    <row r="133932" spans="14:14">
      <c r="N133932" s="10"/>
    </row>
    <row r="133933" spans="14:14">
      <c r="N133933" s="10"/>
    </row>
    <row r="133934" spans="14:14">
      <c r="N133934" s="10"/>
    </row>
    <row r="133935" spans="14:14">
      <c r="N133935" s="10"/>
    </row>
    <row r="133936" spans="14:14">
      <c r="N133936" s="10"/>
    </row>
    <row r="133937" spans="14:14">
      <c r="N133937" s="10"/>
    </row>
    <row r="133938" spans="14:14">
      <c r="N133938" s="10"/>
    </row>
    <row r="133939" spans="14:14">
      <c r="N133939" s="10"/>
    </row>
    <row r="133940" spans="14:14">
      <c r="N133940" s="10"/>
    </row>
    <row r="133941" spans="14:14">
      <c r="N133941" s="10"/>
    </row>
    <row r="133942" spans="14:14">
      <c r="N133942" s="10"/>
    </row>
    <row r="133943" spans="14:14">
      <c r="N133943" s="10"/>
    </row>
    <row r="133944" spans="14:14">
      <c r="N133944" s="10"/>
    </row>
    <row r="133945" spans="14:14">
      <c r="N133945" s="10"/>
    </row>
    <row r="133946" spans="14:14">
      <c r="N133946" s="10"/>
    </row>
    <row r="133947" spans="14:14">
      <c r="N133947" s="10"/>
    </row>
    <row r="133948" spans="14:14">
      <c r="N133948" s="10"/>
    </row>
    <row r="133949" spans="14:14">
      <c r="N133949" s="10"/>
    </row>
    <row r="133950" spans="14:14">
      <c r="N133950" s="10"/>
    </row>
    <row r="133951" spans="14:14">
      <c r="N133951" s="10"/>
    </row>
    <row r="133952" spans="14:14">
      <c r="N133952" s="10"/>
    </row>
    <row r="133953" spans="14:14">
      <c r="N133953" s="10"/>
    </row>
    <row r="133954" spans="14:14">
      <c r="N133954" s="10"/>
    </row>
    <row r="133955" spans="14:14">
      <c r="N133955" s="10"/>
    </row>
    <row r="133956" spans="14:14">
      <c r="N133956" s="10"/>
    </row>
    <row r="133957" spans="14:14">
      <c r="N133957" s="10"/>
    </row>
    <row r="133958" spans="14:14">
      <c r="N133958" s="10"/>
    </row>
    <row r="133959" spans="14:14">
      <c r="N133959" s="10"/>
    </row>
    <row r="133960" spans="14:14">
      <c r="N133960" s="10"/>
    </row>
    <row r="133961" spans="14:14">
      <c r="N133961" s="10"/>
    </row>
    <row r="133962" spans="14:14">
      <c r="N133962" s="10"/>
    </row>
    <row r="133963" spans="14:14">
      <c r="N133963" s="10"/>
    </row>
    <row r="133964" spans="14:14">
      <c r="N133964" s="10"/>
    </row>
    <row r="133965" spans="14:14">
      <c r="N133965" s="10"/>
    </row>
    <row r="133966" spans="14:14">
      <c r="N133966" s="10"/>
    </row>
    <row r="133967" spans="14:14">
      <c r="N133967" s="10"/>
    </row>
    <row r="133968" spans="14:14">
      <c r="N133968" s="10"/>
    </row>
    <row r="133969" spans="14:14">
      <c r="N133969" s="10"/>
    </row>
    <row r="133970" spans="14:14">
      <c r="N133970" s="10"/>
    </row>
    <row r="133971" spans="14:14">
      <c r="N133971" s="10"/>
    </row>
    <row r="133972" spans="14:14">
      <c r="N133972" s="10"/>
    </row>
    <row r="133973" spans="14:14">
      <c r="N133973" s="10"/>
    </row>
    <row r="133974" spans="14:14">
      <c r="N133974" s="10"/>
    </row>
    <row r="133975" spans="14:14">
      <c r="N133975" s="10"/>
    </row>
    <row r="133976" spans="14:14">
      <c r="N133976" s="10"/>
    </row>
    <row r="133977" spans="14:14">
      <c r="N133977" s="10"/>
    </row>
    <row r="133978" spans="14:14">
      <c r="N133978" s="10"/>
    </row>
    <row r="133979" spans="14:14">
      <c r="N133979" s="10"/>
    </row>
    <row r="133980" spans="14:14">
      <c r="N133980" s="10"/>
    </row>
    <row r="133981" spans="14:14">
      <c r="N133981" s="10"/>
    </row>
    <row r="133982" spans="14:14">
      <c r="N133982" s="10"/>
    </row>
    <row r="133983" spans="14:14">
      <c r="N133983" s="10"/>
    </row>
    <row r="133984" spans="14:14">
      <c r="N133984" s="10"/>
    </row>
    <row r="133985" spans="14:14">
      <c r="N133985" s="10"/>
    </row>
    <row r="133986" spans="14:14">
      <c r="N133986" s="10"/>
    </row>
    <row r="133987" spans="14:14">
      <c r="N133987" s="10"/>
    </row>
    <row r="133988" spans="14:14">
      <c r="N133988" s="10"/>
    </row>
    <row r="133989" spans="14:14">
      <c r="N133989" s="10"/>
    </row>
    <row r="133990" spans="14:14">
      <c r="N133990" s="10"/>
    </row>
    <row r="133991" spans="14:14">
      <c r="N133991" s="10"/>
    </row>
    <row r="133992" spans="14:14">
      <c r="N133992" s="10"/>
    </row>
    <row r="133993" spans="14:14">
      <c r="N133993" s="10"/>
    </row>
    <row r="133994" spans="14:14">
      <c r="N133994" s="10"/>
    </row>
    <row r="133995" spans="14:14">
      <c r="N133995" s="10"/>
    </row>
    <row r="133996" spans="14:14">
      <c r="N133996" s="10"/>
    </row>
    <row r="133997" spans="14:14">
      <c r="N133997" s="10"/>
    </row>
    <row r="133998" spans="14:14">
      <c r="N133998" s="10"/>
    </row>
    <row r="133999" spans="14:14">
      <c r="N133999" s="10"/>
    </row>
    <row r="134000" spans="14:14">
      <c r="N134000" s="10"/>
    </row>
    <row r="134001" spans="14:14">
      <c r="N134001" s="10"/>
    </row>
    <row r="134002" spans="14:14">
      <c r="N134002" s="10"/>
    </row>
    <row r="134003" spans="14:14">
      <c r="N134003" s="10"/>
    </row>
    <row r="134004" spans="14:14">
      <c r="N134004" s="10"/>
    </row>
    <row r="134005" spans="14:14">
      <c r="N134005" s="10"/>
    </row>
    <row r="134006" spans="14:14">
      <c r="N134006" s="10"/>
    </row>
    <row r="134007" spans="14:14">
      <c r="N134007" s="10"/>
    </row>
    <row r="134008" spans="14:14">
      <c r="N134008" s="10"/>
    </row>
    <row r="134009" spans="14:14">
      <c r="N134009" s="10"/>
    </row>
    <row r="134010" spans="14:14">
      <c r="N134010" s="10"/>
    </row>
    <row r="134011" spans="14:14">
      <c r="N134011" s="10"/>
    </row>
    <row r="134012" spans="14:14">
      <c r="N134012" s="10"/>
    </row>
    <row r="134013" spans="14:14">
      <c r="N134013" s="10"/>
    </row>
    <row r="134014" spans="14:14">
      <c r="N134014" s="10"/>
    </row>
    <row r="134015" spans="14:14">
      <c r="N134015" s="10"/>
    </row>
    <row r="134016" spans="14:14">
      <c r="N134016" s="10"/>
    </row>
    <row r="134017" spans="14:14">
      <c r="N134017" s="10"/>
    </row>
    <row r="134018" spans="14:14">
      <c r="N134018" s="10"/>
    </row>
    <row r="134019" spans="14:14">
      <c r="N134019" s="10"/>
    </row>
    <row r="134020" spans="14:14">
      <c r="N134020" s="10"/>
    </row>
    <row r="134021" spans="14:14">
      <c r="N134021" s="10"/>
    </row>
    <row r="134022" spans="14:14">
      <c r="N134022" s="10"/>
    </row>
    <row r="134023" spans="14:14">
      <c r="N134023" s="10"/>
    </row>
    <row r="134024" spans="14:14">
      <c r="N134024" s="10"/>
    </row>
    <row r="134025" spans="14:14">
      <c r="N134025" s="10"/>
    </row>
    <row r="134026" spans="14:14">
      <c r="N134026" s="10"/>
    </row>
    <row r="134027" spans="14:14">
      <c r="N134027" s="10"/>
    </row>
    <row r="134028" spans="14:14">
      <c r="N134028" s="10"/>
    </row>
    <row r="134029" spans="14:14">
      <c r="N134029" s="10"/>
    </row>
    <row r="134030" spans="14:14">
      <c r="N134030" s="10"/>
    </row>
    <row r="134031" spans="14:14">
      <c r="N134031" s="10"/>
    </row>
    <row r="134032" spans="14:14">
      <c r="N134032" s="10"/>
    </row>
    <row r="134033" spans="14:14">
      <c r="N134033" s="10"/>
    </row>
    <row r="134034" spans="14:14">
      <c r="N134034" s="10"/>
    </row>
    <row r="134035" spans="14:14">
      <c r="N134035" s="10"/>
    </row>
    <row r="134036" spans="14:14">
      <c r="N134036" s="10"/>
    </row>
    <row r="134037" spans="14:14">
      <c r="N134037" s="10"/>
    </row>
    <row r="134038" spans="14:14">
      <c r="N134038" s="10"/>
    </row>
    <row r="134039" spans="14:14">
      <c r="N134039" s="10"/>
    </row>
    <row r="134040" spans="14:14">
      <c r="N134040" s="10"/>
    </row>
    <row r="134041" spans="14:14">
      <c r="N134041" s="10"/>
    </row>
    <row r="134042" spans="14:14">
      <c r="N134042" s="10"/>
    </row>
    <row r="134043" spans="14:14">
      <c r="N134043" s="10"/>
    </row>
    <row r="134044" spans="14:14">
      <c r="N134044" s="10"/>
    </row>
    <row r="134045" spans="14:14">
      <c r="N134045" s="10"/>
    </row>
    <row r="134046" spans="14:14">
      <c r="N134046" s="10"/>
    </row>
    <row r="134047" spans="14:14">
      <c r="N134047" s="10"/>
    </row>
    <row r="134048" spans="14:14">
      <c r="N134048" s="10"/>
    </row>
    <row r="134049" spans="14:14">
      <c r="N134049" s="10"/>
    </row>
    <row r="134050" spans="14:14">
      <c r="N134050" s="10"/>
    </row>
    <row r="134051" spans="14:14">
      <c r="N134051" s="10"/>
    </row>
    <row r="134052" spans="14:14">
      <c r="N134052" s="10"/>
    </row>
    <row r="134053" spans="14:14">
      <c r="N134053" s="10"/>
    </row>
    <row r="134054" spans="14:14">
      <c r="N134054" s="10"/>
    </row>
    <row r="134055" spans="14:14">
      <c r="N134055" s="10"/>
    </row>
    <row r="134056" spans="14:14">
      <c r="N134056" s="10"/>
    </row>
    <row r="134057" spans="14:14">
      <c r="N134057" s="10"/>
    </row>
    <row r="134058" spans="14:14">
      <c r="N134058" s="10"/>
    </row>
    <row r="134059" spans="14:14">
      <c r="N134059" s="10"/>
    </row>
    <row r="134060" spans="14:14">
      <c r="N134060" s="10"/>
    </row>
    <row r="134061" spans="14:14">
      <c r="N134061" s="10"/>
    </row>
    <row r="134062" spans="14:14">
      <c r="N134062" s="10"/>
    </row>
    <row r="134063" spans="14:14">
      <c r="N134063" s="10"/>
    </row>
    <row r="134064" spans="14:14">
      <c r="N134064" s="10"/>
    </row>
    <row r="134065" spans="14:14">
      <c r="N134065" s="10"/>
    </row>
    <row r="134066" spans="14:14">
      <c r="N134066" s="10"/>
    </row>
    <row r="134067" spans="14:14">
      <c r="N134067" s="10"/>
    </row>
    <row r="134068" spans="14:14">
      <c r="N134068" s="10"/>
    </row>
    <row r="134069" spans="14:14">
      <c r="N134069" s="10"/>
    </row>
    <row r="134070" spans="14:14">
      <c r="N134070" s="10"/>
    </row>
    <row r="134071" spans="14:14">
      <c r="N134071" s="10"/>
    </row>
    <row r="134072" spans="14:14">
      <c r="N134072" s="10"/>
    </row>
    <row r="134073" spans="14:14">
      <c r="N134073" s="10"/>
    </row>
    <row r="134074" spans="14:14">
      <c r="N134074" s="10"/>
    </row>
    <row r="134075" spans="14:14">
      <c r="N134075" s="10"/>
    </row>
    <row r="134076" spans="14:14">
      <c r="N134076" s="10"/>
    </row>
    <row r="134077" spans="14:14">
      <c r="N134077" s="10"/>
    </row>
    <row r="134078" spans="14:14">
      <c r="N134078" s="10"/>
    </row>
    <row r="134079" spans="14:14">
      <c r="N134079" s="10"/>
    </row>
    <row r="134080" spans="14:14">
      <c r="N134080" s="10"/>
    </row>
    <row r="134081" spans="14:14">
      <c r="N134081" s="10"/>
    </row>
    <row r="134082" spans="14:14">
      <c r="N134082" s="10"/>
    </row>
    <row r="134083" spans="14:14">
      <c r="N134083" s="10"/>
    </row>
    <row r="134084" spans="14:14">
      <c r="N134084" s="10"/>
    </row>
    <row r="134085" spans="14:14">
      <c r="N134085" s="10"/>
    </row>
    <row r="134086" spans="14:14">
      <c r="N134086" s="10"/>
    </row>
    <row r="134087" spans="14:14">
      <c r="N134087" s="10"/>
    </row>
    <row r="134088" spans="14:14">
      <c r="N134088" s="10"/>
    </row>
    <row r="134089" spans="14:14">
      <c r="N134089" s="10"/>
    </row>
    <row r="134090" spans="14:14">
      <c r="N134090" s="10"/>
    </row>
    <row r="134091" spans="14:14">
      <c r="N134091" s="10"/>
    </row>
    <row r="134092" spans="14:14">
      <c r="N134092" s="10"/>
    </row>
    <row r="134093" spans="14:14">
      <c r="N134093" s="10"/>
    </row>
    <row r="134094" spans="14:14">
      <c r="N134094" s="10"/>
    </row>
    <row r="134095" spans="14:14">
      <c r="N134095" s="10"/>
    </row>
    <row r="134096" spans="14:14">
      <c r="N134096" s="10"/>
    </row>
    <row r="134097" spans="14:14">
      <c r="N134097" s="10"/>
    </row>
    <row r="134098" spans="14:14">
      <c r="N134098" s="10"/>
    </row>
    <row r="134099" spans="14:14">
      <c r="N134099" s="10"/>
    </row>
    <row r="134100" spans="14:14">
      <c r="N134100" s="10"/>
    </row>
    <row r="134101" spans="14:14">
      <c r="N134101" s="10"/>
    </row>
    <row r="134102" spans="14:14">
      <c r="N134102" s="10"/>
    </row>
    <row r="134103" spans="14:14">
      <c r="N134103" s="10"/>
    </row>
    <row r="134104" spans="14:14">
      <c r="N134104" s="10"/>
    </row>
    <row r="134105" spans="14:14">
      <c r="N134105" s="10"/>
    </row>
    <row r="134106" spans="14:14">
      <c r="N134106" s="10"/>
    </row>
    <row r="134107" spans="14:14">
      <c r="N134107" s="10"/>
    </row>
    <row r="134108" spans="14:14">
      <c r="N134108" s="10"/>
    </row>
    <row r="134109" spans="14:14">
      <c r="N134109" s="10"/>
    </row>
    <row r="134110" spans="14:14">
      <c r="N134110" s="10"/>
    </row>
    <row r="134111" spans="14:14">
      <c r="N134111" s="10"/>
    </row>
    <row r="134112" spans="14:14">
      <c r="N134112" s="10"/>
    </row>
    <row r="134113" spans="14:14">
      <c r="N134113" s="10"/>
    </row>
    <row r="134114" spans="14:14">
      <c r="N134114" s="10"/>
    </row>
    <row r="134115" spans="14:14">
      <c r="N134115" s="10"/>
    </row>
    <row r="134116" spans="14:14">
      <c r="N134116" s="10"/>
    </row>
    <row r="134117" spans="14:14">
      <c r="N134117" s="10"/>
    </row>
    <row r="134118" spans="14:14">
      <c r="N134118" s="10"/>
    </row>
    <row r="134119" spans="14:14">
      <c r="N134119" s="10"/>
    </row>
    <row r="134120" spans="14:14">
      <c r="N134120" s="10"/>
    </row>
    <row r="134121" spans="14:14">
      <c r="N134121" s="10"/>
    </row>
    <row r="134122" spans="14:14">
      <c r="N134122" s="10"/>
    </row>
    <row r="134123" spans="14:14">
      <c r="N134123" s="10"/>
    </row>
    <row r="134124" spans="14:14">
      <c r="N134124" s="10"/>
    </row>
    <row r="134125" spans="14:14">
      <c r="N134125" s="10"/>
    </row>
    <row r="134126" spans="14:14">
      <c r="N134126" s="10"/>
    </row>
    <row r="134127" spans="14:14">
      <c r="N134127" s="10"/>
    </row>
    <row r="134128" spans="14:14">
      <c r="N134128" s="10"/>
    </row>
    <row r="134129" spans="14:14">
      <c r="N134129" s="10"/>
    </row>
    <row r="134130" spans="14:14">
      <c r="N134130" s="10"/>
    </row>
    <row r="134131" spans="14:14">
      <c r="N134131" s="10"/>
    </row>
    <row r="134132" spans="14:14">
      <c r="N134132" s="10"/>
    </row>
    <row r="134133" spans="14:14">
      <c r="N134133" s="10"/>
    </row>
    <row r="134134" spans="14:14">
      <c r="N134134" s="10"/>
    </row>
    <row r="134135" spans="14:14">
      <c r="N134135" s="10"/>
    </row>
    <row r="134136" spans="14:14">
      <c r="N134136" s="10"/>
    </row>
    <row r="134137" spans="14:14">
      <c r="N134137" s="10"/>
    </row>
    <row r="134138" spans="14:14">
      <c r="N134138" s="10"/>
    </row>
    <row r="134139" spans="14:14">
      <c r="N134139" s="10"/>
    </row>
    <row r="134140" spans="14:14">
      <c r="N134140" s="10"/>
    </row>
    <row r="134141" spans="14:14">
      <c r="N134141" s="10"/>
    </row>
    <row r="134142" spans="14:14">
      <c r="N134142" s="10"/>
    </row>
    <row r="134143" spans="14:14">
      <c r="N134143" s="10"/>
    </row>
    <row r="134144" spans="14:14">
      <c r="N134144" s="10"/>
    </row>
    <row r="134145" spans="14:14">
      <c r="N134145" s="10"/>
    </row>
    <row r="134146" spans="14:14">
      <c r="N134146" s="10"/>
    </row>
    <row r="134147" spans="14:14">
      <c r="N134147" s="10"/>
    </row>
    <row r="134148" spans="14:14">
      <c r="N134148" s="10"/>
    </row>
    <row r="134149" spans="14:14">
      <c r="N134149" s="10"/>
    </row>
    <row r="134150" spans="14:14">
      <c r="N134150" s="10"/>
    </row>
    <row r="134151" spans="14:14">
      <c r="N134151" s="10"/>
    </row>
    <row r="134152" spans="14:14">
      <c r="N134152" s="10"/>
    </row>
    <row r="134153" spans="14:14">
      <c r="N134153" s="10"/>
    </row>
    <row r="134154" spans="14:14">
      <c r="N134154" s="10"/>
    </row>
    <row r="134155" spans="14:14">
      <c r="N134155" s="10"/>
    </row>
    <row r="134156" spans="14:14">
      <c r="N134156" s="10"/>
    </row>
    <row r="134157" spans="14:14">
      <c r="N134157" s="10"/>
    </row>
    <row r="134158" spans="14:14">
      <c r="N134158" s="10"/>
    </row>
    <row r="134159" spans="14:14">
      <c r="N134159" s="10"/>
    </row>
    <row r="134160" spans="14:14">
      <c r="N134160" s="10"/>
    </row>
    <row r="134161" spans="14:14">
      <c r="N134161" s="10"/>
    </row>
    <row r="134162" spans="14:14">
      <c r="N134162" s="10"/>
    </row>
    <row r="134163" spans="14:14">
      <c r="N134163" s="10"/>
    </row>
    <row r="134164" spans="14:14">
      <c r="N134164" s="10"/>
    </row>
    <row r="134165" spans="14:14">
      <c r="N134165" s="10"/>
    </row>
    <row r="134166" spans="14:14">
      <c r="N134166" s="10"/>
    </row>
    <row r="134167" spans="14:14">
      <c r="N134167" s="10"/>
    </row>
    <row r="134168" spans="14:14">
      <c r="N134168" s="10"/>
    </row>
    <row r="134169" spans="14:14">
      <c r="N134169" s="10"/>
    </row>
    <row r="134170" spans="14:14">
      <c r="N134170" s="10"/>
    </row>
    <row r="134171" spans="14:14">
      <c r="N134171" s="10"/>
    </row>
    <row r="134172" spans="14:14">
      <c r="N134172" s="10"/>
    </row>
    <row r="134173" spans="14:14">
      <c r="N134173" s="10"/>
    </row>
    <row r="134174" spans="14:14">
      <c r="N134174" s="10"/>
    </row>
    <row r="134175" spans="14:14">
      <c r="N134175" s="10"/>
    </row>
    <row r="134176" spans="14:14">
      <c r="N134176" s="10"/>
    </row>
    <row r="134177" spans="14:14">
      <c r="N134177" s="10"/>
    </row>
    <row r="134178" spans="14:14">
      <c r="N134178" s="10"/>
    </row>
    <row r="134179" spans="14:14">
      <c r="N134179" s="10"/>
    </row>
    <row r="134180" spans="14:14">
      <c r="N134180" s="10"/>
    </row>
    <row r="134181" spans="14:14">
      <c r="N134181" s="10"/>
    </row>
    <row r="134182" spans="14:14">
      <c r="N134182" s="10"/>
    </row>
    <row r="134183" spans="14:14">
      <c r="N134183" s="10"/>
    </row>
    <row r="134184" spans="14:14">
      <c r="N134184" s="10"/>
    </row>
    <row r="134185" spans="14:14">
      <c r="N134185" s="10"/>
    </row>
    <row r="134186" spans="14:14">
      <c r="N134186" s="10"/>
    </row>
    <row r="134187" spans="14:14">
      <c r="N134187" s="10"/>
    </row>
    <row r="134188" spans="14:14">
      <c r="N134188" s="10"/>
    </row>
    <row r="134189" spans="14:14">
      <c r="N134189" s="10"/>
    </row>
    <row r="134190" spans="14:14">
      <c r="N134190" s="10"/>
    </row>
    <row r="134191" spans="14:14">
      <c r="N134191" s="10"/>
    </row>
    <row r="134192" spans="14:14">
      <c r="N134192" s="10"/>
    </row>
    <row r="134193" spans="14:14">
      <c r="N134193" s="10"/>
    </row>
    <row r="134194" spans="14:14">
      <c r="N134194" s="10"/>
    </row>
    <row r="134195" spans="14:14">
      <c r="N134195" s="10"/>
    </row>
    <row r="134196" spans="14:14">
      <c r="N134196" s="10"/>
    </row>
    <row r="134197" spans="14:14">
      <c r="N134197" s="10"/>
    </row>
    <row r="134198" spans="14:14">
      <c r="N134198" s="10"/>
    </row>
    <row r="134199" spans="14:14">
      <c r="N134199" s="10"/>
    </row>
    <row r="134200" spans="14:14">
      <c r="N134200" s="10"/>
    </row>
    <row r="134201" spans="14:14">
      <c r="N134201" s="10"/>
    </row>
    <row r="134202" spans="14:14">
      <c r="N134202" s="10"/>
    </row>
    <row r="134203" spans="14:14">
      <c r="N134203" s="10"/>
    </row>
    <row r="134204" spans="14:14">
      <c r="N134204" s="10"/>
    </row>
    <row r="134205" spans="14:14">
      <c r="N134205" s="10"/>
    </row>
    <row r="134206" spans="14:14">
      <c r="N134206" s="10"/>
    </row>
    <row r="134207" spans="14:14">
      <c r="N134207" s="10"/>
    </row>
    <row r="134208" spans="14:14">
      <c r="N134208" s="10"/>
    </row>
    <row r="134209" spans="14:14">
      <c r="N134209" s="10"/>
    </row>
    <row r="134210" spans="14:14">
      <c r="N134210" s="10"/>
    </row>
    <row r="134211" spans="14:14">
      <c r="N134211" s="10"/>
    </row>
    <row r="134212" spans="14:14">
      <c r="N134212" s="10"/>
    </row>
    <row r="134213" spans="14:14">
      <c r="N134213" s="10"/>
    </row>
    <row r="134214" spans="14:14">
      <c r="N134214" s="10"/>
    </row>
    <row r="134215" spans="14:14">
      <c r="N134215" s="10"/>
    </row>
    <row r="134216" spans="14:14">
      <c r="N134216" s="10"/>
    </row>
    <row r="134217" spans="14:14">
      <c r="N134217" s="10"/>
    </row>
    <row r="134218" spans="14:14">
      <c r="N134218" s="10"/>
    </row>
    <row r="134219" spans="14:14">
      <c r="N134219" s="10"/>
    </row>
    <row r="134220" spans="14:14">
      <c r="N134220" s="10"/>
    </row>
    <row r="134221" spans="14:14">
      <c r="N134221" s="10"/>
    </row>
    <row r="134222" spans="14:14">
      <c r="N134222" s="10"/>
    </row>
    <row r="134223" spans="14:14">
      <c r="N134223" s="10"/>
    </row>
    <row r="134224" spans="14:14">
      <c r="N134224" s="10"/>
    </row>
    <row r="134225" spans="14:14">
      <c r="N134225" s="10"/>
    </row>
    <row r="134226" spans="14:14">
      <c r="N134226" s="10"/>
    </row>
    <row r="134227" spans="14:14">
      <c r="N134227" s="10"/>
    </row>
    <row r="134228" spans="14:14">
      <c r="N134228" s="10"/>
    </row>
    <row r="134229" spans="14:14">
      <c r="N134229" s="10"/>
    </row>
    <row r="134230" spans="14:14">
      <c r="N134230" s="10"/>
    </row>
    <row r="134231" spans="14:14">
      <c r="N134231" s="10"/>
    </row>
    <row r="134232" spans="14:14">
      <c r="N134232" s="10"/>
    </row>
    <row r="134233" spans="14:14">
      <c r="N134233" s="10"/>
    </row>
    <row r="134234" spans="14:14">
      <c r="N134234" s="10"/>
    </row>
    <row r="134235" spans="14:14">
      <c r="N134235" s="10"/>
    </row>
    <row r="134236" spans="14:14">
      <c r="N134236" s="10"/>
    </row>
    <row r="134237" spans="14:14">
      <c r="N134237" s="10"/>
    </row>
    <row r="134238" spans="14:14">
      <c r="N134238" s="10"/>
    </row>
    <row r="134239" spans="14:14">
      <c r="N134239" s="10"/>
    </row>
    <row r="134240" spans="14:14">
      <c r="N134240" s="10"/>
    </row>
    <row r="134241" spans="14:14">
      <c r="N134241" s="10"/>
    </row>
    <row r="134242" spans="14:14">
      <c r="N134242" s="10"/>
    </row>
    <row r="134243" spans="14:14">
      <c r="N134243" s="10"/>
    </row>
    <row r="134244" spans="14:14">
      <c r="N134244" s="10"/>
    </row>
    <row r="134245" spans="14:14">
      <c r="N134245" s="10"/>
    </row>
    <row r="134246" spans="14:14">
      <c r="N134246" s="10"/>
    </row>
    <row r="134247" spans="14:14">
      <c r="N134247" s="10"/>
    </row>
    <row r="134248" spans="14:14">
      <c r="N134248" s="10"/>
    </row>
    <row r="134249" spans="14:14">
      <c r="N134249" s="10"/>
    </row>
    <row r="134250" spans="14:14">
      <c r="N134250" s="10"/>
    </row>
    <row r="134251" spans="14:14">
      <c r="N134251" s="10"/>
    </row>
    <row r="134252" spans="14:14">
      <c r="N134252" s="10"/>
    </row>
    <row r="134253" spans="14:14">
      <c r="N134253" s="10"/>
    </row>
    <row r="134254" spans="14:14">
      <c r="N134254" s="10"/>
    </row>
    <row r="134255" spans="14:14">
      <c r="N134255" s="10"/>
    </row>
    <row r="134256" spans="14:14">
      <c r="N134256" s="10"/>
    </row>
    <row r="134257" spans="14:14">
      <c r="N134257" s="10"/>
    </row>
    <row r="134258" spans="14:14">
      <c r="N134258" s="10"/>
    </row>
    <row r="134259" spans="14:14">
      <c r="N134259" s="10"/>
    </row>
    <row r="134260" spans="14:14">
      <c r="N134260" s="10"/>
    </row>
    <row r="134261" spans="14:14">
      <c r="N134261" s="10"/>
    </row>
    <row r="134262" spans="14:14">
      <c r="N134262" s="10"/>
    </row>
    <row r="134263" spans="14:14">
      <c r="N134263" s="10"/>
    </row>
    <row r="134264" spans="14:14">
      <c r="N134264" s="10"/>
    </row>
    <row r="134265" spans="14:14">
      <c r="N134265" s="10"/>
    </row>
    <row r="134266" spans="14:14">
      <c r="N134266" s="10"/>
    </row>
    <row r="134267" spans="14:14">
      <c r="N134267" s="10"/>
    </row>
    <row r="134268" spans="14:14">
      <c r="N134268" s="10"/>
    </row>
    <row r="134269" spans="14:14">
      <c r="N134269" s="10"/>
    </row>
    <row r="134270" spans="14:14">
      <c r="N134270" s="10"/>
    </row>
    <row r="134271" spans="14:14">
      <c r="N134271" s="10"/>
    </row>
    <row r="134272" spans="14:14">
      <c r="N134272" s="10"/>
    </row>
    <row r="134273" spans="14:14">
      <c r="N134273" s="10"/>
    </row>
    <row r="134274" spans="14:14">
      <c r="N134274" s="10"/>
    </row>
    <row r="134275" spans="14:14">
      <c r="N134275" s="10"/>
    </row>
    <row r="134276" spans="14:14">
      <c r="N134276" s="10"/>
    </row>
    <row r="134277" spans="14:14">
      <c r="N134277" s="10"/>
    </row>
    <row r="134278" spans="14:14">
      <c r="N134278" s="10"/>
    </row>
    <row r="134279" spans="14:14">
      <c r="N134279" s="10"/>
    </row>
    <row r="134280" spans="14:14">
      <c r="N134280" s="10"/>
    </row>
    <row r="134281" spans="14:14">
      <c r="N134281" s="10"/>
    </row>
    <row r="134282" spans="14:14">
      <c r="N134282" s="10"/>
    </row>
    <row r="134283" spans="14:14">
      <c r="N134283" s="10"/>
    </row>
    <row r="134284" spans="14:14">
      <c r="N134284" s="10"/>
    </row>
    <row r="134285" spans="14:14">
      <c r="N134285" s="10"/>
    </row>
    <row r="134286" spans="14:14">
      <c r="N134286" s="10"/>
    </row>
    <row r="134287" spans="14:14">
      <c r="N134287" s="10"/>
    </row>
    <row r="134288" spans="14:14">
      <c r="N134288" s="10"/>
    </row>
    <row r="134289" spans="14:14">
      <c r="N134289" s="10"/>
    </row>
    <row r="134290" spans="14:14">
      <c r="N134290" s="10"/>
    </row>
    <row r="134291" spans="14:14">
      <c r="N134291" s="10"/>
    </row>
    <row r="134292" spans="14:14">
      <c r="N134292" s="10"/>
    </row>
    <row r="134293" spans="14:14">
      <c r="N134293" s="10"/>
    </row>
    <row r="134294" spans="14:14">
      <c r="N134294" s="10"/>
    </row>
    <row r="134295" spans="14:14">
      <c r="N134295" s="10"/>
    </row>
    <row r="134296" spans="14:14">
      <c r="N134296" s="10"/>
    </row>
    <row r="134297" spans="14:14">
      <c r="N134297" s="10"/>
    </row>
    <row r="134298" spans="14:14">
      <c r="N134298" s="10"/>
    </row>
    <row r="134299" spans="14:14">
      <c r="N134299" s="10"/>
    </row>
    <row r="134300" spans="14:14">
      <c r="N134300" s="10"/>
    </row>
    <row r="134301" spans="14:14">
      <c r="N134301" s="10"/>
    </row>
    <row r="134302" spans="14:14">
      <c r="N134302" s="10"/>
    </row>
    <row r="134303" spans="14:14">
      <c r="N134303" s="10"/>
    </row>
    <row r="134304" spans="14:14">
      <c r="N134304" s="10"/>
    </row>
    <row r="134305" spans="14:14">
      <c r="N134305" s="10"/>
    </row>
    <row r="134306" spans="14:14">
      <c r="N134306" s="10"/>
    </row>
    <row r="134307" spans="14:14">
      <c r="N134307" s="10"/>
    </row>
    <row r="134308" spans="14:14">
      <c r="N134308" s="10"/>
    </row>
    <row r="134309" spans="14:14">
      <c r="N134309" s="10"/>
    </row>
    <row r="134310" spans="14:14">
      <c r="N134310" s="10"/>
    </row>
    <row r="134311" spans="14:14">
      <c r="N134311" s="10"/>
    </row>
    <row r="134312" spans="14:14">
      <c r="N134312" s="10"/>
    </row>
    <row r="134313" spans="14:14">
      <c r="N134313" s="10"/>
    </row>
    <row r="134314" spans="14:14">
      <c r="N134314" s="10"/>
    </row>
    <row r="134315" spans="14:14">
      <c r="N134315" s="10"/>
    </row>
    <row r="134316" spans="14:14">
      <c r="N134316" s="10"/>
    </row>
    <row r="134317" spans="14:14">
      <c r="N134317" s="10"/>
    </row>
    <row r="134318" spans="14:14">
      <c r="N134318" s="10"/>
    </row>
    <row r="134319" spans="14:14">
      <c r="N134319" s="10"/>
    </row>
    <row r="134320" spans="14:14">
      <c r="N134320" s="10"/>
    </row>
    <row r="134321" spans="14:14">
      <c r="N134321" s="10"/>
    </row>
    <row r="134322" spans="14:14">
      <c r="N134322" s="10"/>
    </row>
    <row r="134323" spans="14:14">
      <c r="N134323" s="10"/>
    </row>
    <row r="134324" spans="14:14">
      <c r="N134324" s="10"/>
    </row>
    <row r="134325" spans="14:14">
      <c r="N134325" s="10"/>
    </row>
    <row r="134326" spans="14:14">
      <c r="N134326" s="10"/>
    </row>
    <row r="134327" spans="14:14">
      <c r="N134327" s="10"/>
    </row>
    <row r="134328" spans="14:14">
      <c r="N134328" s="10"/>
    </row>
    <row r="134329" spans="14:14">
      <c r="N134329" s="10"/>
    </row>
    <row r="134330" spans="14:14">
      <c r="N134330" s="10"/>
    </row>
    <row r="134331" spans="14:14">
      <c r="N134331" s="10"/>
    </row>
    <row r="134332" spans="14:14">
      <c r="N134332" s="10"/>
    </row>
    <row r="134333" spans="14:14">
      <c r="N134333" s="10"/>
    </row>
    <row r="134334" spans="14:14">
      <c r="N134334" s="10"/>
    </row>
    <row r="134335" spans="14:14">
      <c r="N134335" s="10"/>
    </row>
    <row r="134336" spans="14:14">
      <c r="N134336" s="10"/>
    </row>
    <row r="134337" spans="14:14">
      <c r="N134337" s="10"/>
    </row>
    <row r="134338" spans="14:14">
      <c r="N134338" s="10"/>
    </row>
    <row r="134339" spans="14:14">
      <c r="N134339" s="10"/>
    </row>
    <row r="134340" spans="14:14">
      <c r="N134340" s="10"/>
    </row>
    <row r="134341" spans="14:14">
      <c r="N134341" s="10"/>
    </row>
    <row r="134342" spans="14:14">
      <c r="N134342" s="10"/>
    </row>
    <row r="134343" spans="14:14">
      <c r="N134343" s="10"/>
    </row>
    <row r="134344" spans="14:14">
      <c r="N134344" s="10"/>
    </row>
    <row r="134345" spans="14:14">
      <c r="N134345" s="10"/>
    </row>
    <row r="134346" spans="14:14">
      <c r="N134346" s="10"/>
    </row>
    <row r="134347" spans="14:14">
      <c r="N134347" s="10"/>
    </row>
    <row r="134348" spans="14:14">
      <c r="N134348" s="10"/>
    </row>
    <row r="134349" spans="14:14">
      <c r="N134349" s="10"/>
    </row>
    <row r="134350" spans="14:14">
      <c r="N134350" s="10"/>
    </row>
    <row r="134351" spans="14:14">
      <c r="N134351" s="10"/>
    </row>
    <row r="134352" spans="14:14">
      <c r="N134352" s="10"/>
    </row>
    <row r="134353" spans="14:14">
      <c r="N134353" s="10"/>
    </row>
    <row r="134354" spans="14:14">
      <c r="N134354" s="10"/>
    </row>
    <row r="134355" spans="14:14">
      <c r="N134355" s="10"/>
    </row>
    <row r="134356" spans="14:14">
      <c r="N134356" s="10"/>
    </row>
    <row r="134357" spans="14:14">
      <c r="N134357" s="10"/>
    </row>
    <row r="134358" spans="14:14">
      <c r="N134358" s="10"/>
    </row>
    <row r="134359" spans="14:14">
      <c r="N134359" s="10"/>
    </row>
    <row r="134360" spans="14:14">
      <c r="N134360" s="10"/>
    </row>
    <row r="134361" spans="14:14">
      <c r="N134361" s="10"/>
    </row>
    <row r="134362" spans="14:14">
      <c r="N134362" s="10"/>
    </row>
    <row r="134363" spans="14:14">
      <c r="N134363" s="10"/>
    </row>
    <row r="134364" spans="14:14">
      <c r="N134364" s="10"/>
    </row>
    <row r="134365" spans="14:14">
      <c r="N134365" s="10"/>
    </row>
    <row r="134366" spans="14:14">
      <c r="N134366" s="10"/>
    </row>
    <row r="134367" spans="14:14">
      <c r="N134367" s="10"/>
    </row>
    <row r="134368" spans="14:14">
      <c r="N134368" s="10"/>
    </row>
    <row r="134369" spans="14:14">
      <c r="N134369" s="10"/>
    </row>
    <row r="134370" spans="14:14">
      <c r="N134370" s="10"/>
    </row>
    <row r="134371" spans="14:14">
      <c r="N134371" s="10"/>
    </row>
    <row r="134372" spans="14:14">
      <c r="N134372" s="10"/>
    </row>
    <row r="134373" spans="14:14">
      <c r="N134373" s="10"/>
    </row>
    <row r="134374" spans="14:14">
      <c r="N134374" s="10"/>
    </row>
    <row r="134375" spans="14:14">
      <c r="N134375" s="10"/>
    </row>
    <row r="134376" spans="14:14">
      <c r="N134376" s="10"/>
    </row>
    <row r="134377" spans="14:14">
      <c r="N134377" s="10"/>
    </row>
    <row r="134378" spans="14:14">
      <c r="N134378" s="10"/>
    </row>
    <row r="134379" spans="14:14">
      <c r="N134379" s="10"/>
    </row>
    <row r="134380" spans="14:14">
      <c r="N134380" s="10"/>
    </row>
    <row r="134381" spans="14:14">
      <c r="N134381" s="10"/>
    </row>
    <row r="134382" spans="14:14">
      <c r="N134382" s="10"/>
    </row>
    <row r="134383" spans="14:14">
      <c r="N134383" s="10"/>
    </row>
    <row r="134384" spans="14:14">
      <c r="N134384" s="10"/>
    </row>
    <row r="134385" spans="14:14">
      <c r="N134385" s="10"/>
    </row>
    <row r="134386" spans="14:14">
      <c r="N134386" s="10"/>
    </row>
    <row r="134387" spans="14:14">
      <c r="N134387" s="10"/>
    </row>
    <row r="134388" spans="14:14">
      <c r="N134388" s="10"/>
    </row>
    <row r="134389" spans="14:14">
      <c r="N134389" s="10"/>
    </row>
    <row r="134390" spans="14:14">
      <c r="N134390" s="10"/>
    </row>
    <row r="134391" spans="14:14">
      <c r="N134391" s="10"/>
    </row>
    <row r="134392" spans="14:14">
      <c r="N134392" s="10"/>
    </row>
    <row r="134393" spans="14:14">
      <c r="N134393" s="10"/>
    </row>
    <row r="134394" spans="14:14">
      <c r="N134394" s="10"/>
    </row>
    <row r="134395" spans="14:14">
      <c r="N134395" s="10"/>
    </row>
    <row r="134396" spans="14:14">
      <c r="N134396" s="10"/>
    </row>
    <row r="134397" spans="14:14">
      <c r="N134397" s="10"/>
    </row>
    <row r="134398" spans="14:14">
      <c r="N134398" s="10"/>
    </row>
    <row r="134399" spans="14:14">
      <c r="N134399" s="10"/>
    </row>
    <row r="134400" spans="14:14">
      <c r="N134400" s="10"/>
    </row>
    <row r="134401" spans="14:14">
      <c r="N134401" s="10"/>
    </row>
    <row r="134402" spans="14:14">
      <c r="N134402" s="10"/>
    </row>
    <row r="134403" spans="14:14">
      <c r="N134403" s="10"/>
    </row>
    <row r="134404" spans="14:14">
      <c r="N134404" s="10"/>
    </row>
    <row r="134405" spans="14:14">
      <c r="N134405" s="10"/>
    </row>
    <row r="134406" spans="14:14">
      <c r="N134406" s="10"/>
    </row>
    <row r="134407" spans="14:14">
      <c r="N134407" s="10"/>
    </row>
    <row r="134408" spans="14:14">
      <c r="N134408" s="10"/>
    </row>
    <row r="134409" spans="14:14">
      <c r="N134409" s="10"/>
    </row>
    <row r="134410" spans="14:14">
      <c r="N134410" s="10"/>
    </row>
    <row r="134411" spans="14:14">
      <c r="N134411" s="10"/>
    </row>
    <row r="134412" spans="14:14">
      <c r="N134412" s="10"/>
    </row>
    <row r="134413" spans="14:14">
      <c r="N134413" s="10"/>
    </row>
    <row r="134414" spans="14:14">
      <c r="N134414" s="10"/>
    </row>
    <row r="134415" spans="14:14">
      <c r="N134415" s="10"/>
    </row>
    <row r="134416" spans="14:14">
      <c r="N134416" s="10"/>
    </row>
    <row r="134417" spans="14:14">
      <c r="N134417" s="10"/>
    </row>
    <row r="134418" spans="14:14">
      <c r="N134418" s="10"/>
    </row>
    <row r="134419" spans="14:14">
      <c r="N134419" s="10"/>
    </row>
    <row r="134420" spans="14:14">
      <c r="N134420" s="10"/>
    </row>
    <row r="134421" spans="14:14">
      <c r="N134421" s="10"/>
    </row>
    <row r="134422" spans="14:14">
      <c r="N134422" s="10"/>
    </row>
    <row r="134423" spans="14:14">
      <c r="N134423" s="10"/>
    </row>
    <row r="134424" spans="14:14">
      <c r="N134424" s="10"/>
    </row>
    <row r="134425" spans="14:14">
      <c r="N134425" s="10"/>
    </row>
    <row r="134426" spans="14:14">
      <c r="N134426" s="10"/>
    </row>
    <row r="134427" spans="14:14">
      <c r="N134427" s="10"/>
    </row>
    <row r="134428" spans="14:14">
      <c r="N134428" s="10"/>
    </row>
    <row r="134429" spans="14:14">
      <c r="N134429" s="10"/>
    </row>
    <row r="134430" spans="14:14">
      <c r="N134430" s="10"/>
    </row>
    <row r="134431" spans="14:14">
      <c r="N134431" s="10"/>
    </row>
    <row r="134432" spans="14:14">
      <c r="N134432" s="10"/>
    </row>
    <row r="134433" spans="14:14">
      <c r="N134433" s="10"/>
    </row>
    <row r="134434" spans="14:14">
      <c r="N134434" s="10"/>
    </row>
    <row r="134435" spans="14:14">
      <c r="N134435" s="10"/>
    </row>
    <row r="134436" spans="14:14">
      <c r="N134436" s="10"/>
    </row>
    <row r="134437" spans="14:14">
      <c r="N134437" s="10"/>
    </row>
    <row r="134438" spans="14:14">
      <c r="N134438" s="10"/>
    </row>
    <row r="134439" spans="14:14">
      <c r="N134439" s="10"/>
    </row>
    <row r="134440" spans="14:14">
      <c r="N134440" s="10"/>
    </row>
    <row r="134441" spans="14:14">
      <c r="N134441" s="10"/>
    </row>
    <row r="134442" spans="14:14">
      <c r="N134442" s="10"/>
    </row>
    <row r="134443" spans="14:14">
      <c r="N134443" s="10"/>
    </row>
    <row r="134444" spans="14:14">
      <c r="N134444" s="10"/>
    </row>
    <row r="134445" spans="14:14">
      <c r="N134445" s="10"/>
    </row>
    <row r="134446" spans="14:14">
      <c r="N134446" s="10"/>
    </row>
    <row r="134447" spans="14:14">
      <c r="N134447" s="10"/>
    </row>
    <row r="134448" spans="14:14">
      <c r="N134448" s="10"/>
    </row>
    <row r="134449" spans="14:14">
      <c r="N134449" s="10"/>
    </row>
    <row r="134450" spans="14:14">
      <c r="N134450" s="10"/>
    </row>
    <row r="134451" spans="14:14">
      <c r="N134451" s="10"/>
    </row>
    <row r="134452" spans="14:14">
      <c r="N134452" s="10"/>
    </row>
    <row r="134453" spans="14:14">
      <c r="N134453" s="10"/>
    </row>
    <row r="134454" spans="14:14">
      <c r="N134454" s="10"/>
    </row>
    <row r="134455" spans="14:14">
      <c r="N134455" s="10"/>
    </row>
    <row r="134456" spans="14:14">
      <c r="N134456" s="10"/>
    </row>
    <row r="134457" spans="14:14">
      <c r="N134457" s="10"/>
    </row>
    <row r="134458" spans="14:14">
      <c r="N134458" s="10"/>
    </row>
    <row r="134459" spans="14:14">
      <c r="N134459" s="10"/>
    </row>
    <row r="134460" spans="14:14">
      <c r="N134460" s="10"/>
    </row>
    <row r="134461" spans="14:14">
      <c r="N134461" s="10"/>
    </row>
    <row r="134462" spans="14:14">
      <c r="N134462" s="10"/>
    </row>
    <row r="134463" spans="14:14">
      <c r="N134463" s="10"/>
    </row>
    <row r="134464" spans="14:14">
      <c r="N134464" s="10"/>
    </row>
    <row r="134465" spans="14:14">
      <c r="N134465" s="10"/>
    </row>
    <row r="134466" spans="14:14">
      <c r="N134466" s="10"/>
    </row>
    <row r="134467" spans="14:14">
      <c r="N134467" s="10"/>
    </row>
    <row r="134468" spans="14:14">
      <c r="N134468" s="10"/>
    </row>
    <row r="134469" spans="14:14">
      <c r="N134469" s="10"/>
    </row>
    <row r="134470" spans="14:14">
      <c r="N134470" s="10"/>
    </row>
    <row r="134471" spans="14:14">
      <c r="N134471" s="10"/>
    </row>
    <row r="134472" spans="14:14">
      <c r="N134472" s="10"/>
    </row>
    <row r="134473" spans="14:14">
      <c r="N134473" s="10"/>
    </row>
    <row r="134474" spans="14:14">
      <c r="N134474" s="10"/>
    </row>
    <row r="134475" spans="14:14">
      <c r="N134475" s="10"/>
    </row>
    <row r="134476" spans="14:14">
      <c r="N134476" s="10"/>
    </row>
    <row r="134477" spans="14:14">
      <c r="N134477" s="10"/>
    </row>
    <row r="134478" spans="14:14">
      <c r="N134478" s="10"/>
    </row>
    <row r="134479" spans="14:14">
      <c r="N134479" s="10"/>
    </row>
    <row r="134480" spans="14:14">
      <c r="N134480" s="10"/>
    </row>
    <row r="134481" spans="14:14">
      <c r="N134481" s="10"/>
    </row>
    <row r="134482" spans="14:14">
      <c r="N134482" s="10"/>
    </row>
    <row r="134483" spans="14:14">
      <c r="N134483" s="10"/>
    </row>
    <row r="134484" spans="14:14">
      <c r="N134484" s="10"/>
    </row>
    <row r="134485" spans="14:14">
      <c r="N134485" s="10"/>
    </row>
    <row r="134486" spans="14:14">
      <c r="N134486" s="10"/>
    </row>
    <row r="134487" spans="14:14">
      <c r="N134487" s="10"/>
    </row>
    <row r="134488" spans="14:14">
      <c r="N134488" s="10"/>
    </row>
    <row r="134489" spans="14:14">
      <c r="N134489" s="10"/>
    </row>
    <row r="134490" spans="14:14">
      <c r="N134490" s="10"/>
    </row>
    <row r="134491" spans="14:14">
      <c r="N134491" s="10"/>
    </row>
    <row r="134492" spans="14:14">
      <c r="N134492" s="10"/>
    </row>
    <row r="134493" spans="14:14">
      <c r="N134493" s="10"/>
    </row>
    <row r="134494" spans="14:14">
      <c r="N134494" s="10"/>
    </row>
    <row r="134495" spans="14:14">
      <c r="N134495" s="10"/>
    </row>
    <row r="134496" spans="14:14">
      <c r="N134496" s="10"/>
    </row>
    <row r="134497" spans="14:14">
      <c r="N134497" s="10"/>
    </row>
    <row r="134498" spans="14:14">
      <c r="N134498" s="10"/>
    </row>
    <row r="134499" spans="14:14">
      <c r="N134499" s="10"/>
    </row>
    <row r="134500" spans="14:14">
      <c r="N134500" s="10"/>
    </row>
    <row r="134501" spans="14:14">
      <c r="N134501" s="10"/>
    </row>
    <row r="134502" spans="14:14">
      <c r="N134502" s="10"/>
    </row>
    <row r="134503" spans="14:14">
      <c r="N134503" s="10"/>
    </row>
    <row r="134504" spans="14:14">
      <c r="N134504" s="10"/>
    </row>
    <row r="134505" spans="14:14">
      <c r="N134505" s="10"/>
    </row>
    <row r="134506" spans="14:14">
      <c r="N134506" s="10"/>
    </row>
    <row r="134507" spans="14:14">
      <c r="N134507" s="10"/>
    </row>
    <row r="134508" spans="14:14">
      <c r="N134508" s="10"/>
    </row>
    <row r="134509" spans="14:14">
      <c r="N134509" s="10"/>
    </row>
    <row r="134510" spans="14:14">
      <c r="N134510" s="10"/>
    </row>
    <row r="134511" spans="14:14">
      <c r="N134511" s="10"/>
    </row>
    <row r="134512" spans="14:14">
      <c r="N134512" s="10"/>
    </row>
    <row r="134513" spans="14:14">
      <c r="N134513" s="10"/>
    </row>
    <row r="134514" spans="14:14">
      <c r="N134514" s="10"/>
    </row>
    <row r="134515" spans="14:14">
      <c r="N134515" s="10"/>
    </row>
    <row r="134516" spans="14:14">
      <c r="N134516" s="10"/>
    </row>
    <row r="134517" spans="14:14">
      <c r="N134517" s="10"/>
    </row>
    <row r="134518" spans="14:14">
      <c r="N134518" s="10"/>
    </row>
    <row r="134519" spans="14:14">
      <c r="N134519" s="10"/>
    </row>
    <row r="134520" spans="14:14">
      <c r="N134520" s="10"/>
    </row>
    <row r="134521" spans="14:14">
      <c r="N134521" s="10"/>
    </row>
    <row r="134522" spans="14:14">
      <c r="N134522" s="10"/>
    </row>
    <row r="134523" spans="14:14">
      <c r="N134523" s="10"/>
    </row>
    <row r="134524" spans="14:14">
      <c r="N134524" s="10"/>
    </row>
    <row r="134525" spans="14:14">
      <c r="N134525" s="10"/>
    </row>
    <row r="134526" spans="14:14">
      <c r="N134526" s="10"/>
    </row>
    <row r="134527" spans="14:14">
      <c r="N134527" s="10"/>
    </row>
    <row r="134528" spans="14:14">
      <c r="N134528" s="10"/>
    </row>
    <row r="134529" spans="14:14">
      <c r="N134529" s="10"/>
    </row>
    <row r="134530" spans="14:14">
      <c r="N134530" s="10"/>
    </row>
    <row r="134531" spans="14:14">
      <c r="N134531" s="10"/>
    </row>
    <row r="134532" spans="14:14">
      <c r="N134532" s="10"/>
    </row>
    <row r="134533" spans="14:14">
      <c r="N134533" s="10"/>
    </row>
    <row r="134534" spans="14:14">
      <c r="N134534" s="10"/>
    </row>
    <row r="134535" spans="14:14">
      <c r="N134535" s="10"/>
    </row>
    <row r="134536" spans="14:14">
      <c r="N134536" s="10"/>
    </row>
    <row r="134537" spans="14:14">
      <c r="N134537" s="10"/>
    </row>
    <row r="134538" spans="14:14">
      <c r="N134538" s="10"/>
    </row>
    <row r="134539" spans="14:14">
      <c r="N134539" s="10"/>
    </row>
    <row r="134540" spans="14:14">
      <c r="N134540" s="10"/>
    </row>
    <row r="134541" spans="14:14">
      <c r="N134541" s="10"/>
    </row>
    <row r="134542" spans="14:14">
      <c r="N134542" s="10"/>
    </row>
    <row r="134543" spans="14:14">
      <c r="N134543" s="10"/>
    </row>
    <row r="134544" spans="14:14">
      <c r="N134544" s="10"/>
    </row>
    <row r="134545" spans="14:14">
      <c r="N134545" s="10"/>
    </row>
    <row r="134546" spans="14:14">
      <c r="N134546" s="10"/>
    </row>
    <row r="134547" spans="14:14">
      <c r="N134547" s="10"/>
    </row>
    <row r="134548" spans="14:14">
      <c r="N134548" s="10"/>
    </row>
    <row r="134549" spans="14:14">
      <c r="N134549" s="10"/>
    </row>
    <row r="134550" spans="14:14">
      <c r="N134550" s="10"/>
    </row>
    <row r="134551" spans="14:14">
      <c r="N134551" s="10"/>
    </row>
    <row r="134552" spans="14:14">
      <c r="N134552" s="10"/>
    </row>
    <row r="134553" spans="14:14">
      <c r="N134553" s="10"/>
    </row>
    <row r="134554" spans="14:14">
      <c r="N134554" s="10"/>
    </row>
    <row r="134555" spans="14:14">
      <c r="N134555" s="10"/>
    </row>
    <row r="134556" spans="14:14">
      <c r="N134556" s="10"/>
    </row>
    <row r="134557" spans="14:14">
      <c r="N134557" s="10"/>
    </row>
    <row r="134558" spans="14:14">
      <c r="N134558" s="10"/>
    </row>
    <row r="134559" spans="14:14">
      <c r="N134559" s="10"/>
    </row>
    <row r="134560" spans="14:14">
      <c r="N134560" s="10"/>
    </row>
    <row r="134561" spans="14:14">
      <c r="N134561" s="10"/>
    </row>
    <row r="134562" spans="14:14">
      <c r="N134562" s="10"/>
    </row>
    <row r="134563" spans="14:14">
      <c r="N134563" s="10"/>
    </row>
    <row r="134564" spans="14:14">
      <c r="N134564" s="10"/>
    </row>
    <row r="134565" spans="14:14">
      <c r="N134565" s="10"/>
    </row>
    <row r="134566" spans="14:14">
      <c r="N134566" s="10"/>
    </row>
    <row r="134567" spans="14:14">
      <c r="N134567" s="10"/>
    </row>
    <row r="134568" spans="14:14">
      <c r="N134568" s="10"/>
    </row>
    <row r="134569" spans="14:14">
      <c r="N134569" s="10"/>
    </row>
    <row r="134570" spans="14:14">
      <c r="N134570" s="10"/>
    </row>
    <row r="134571" spans="14:14">
      <c r="N134571" s="10"/>
    </row>
    <row r="134572" spans="14:14">
      <c r="N134572" s="10"/>
    </row>
    <row r="134573" spans="14:14">
      <c r="N134573" s="10"/>
    </row>
    <row r="134574" spans="14:14">
      <c r="N134574" s="10"/>
    </row>
    <row r="134575" spans="14:14">
      <c r="N134575" s="10"/>
    </row>
    <row r="134576" spans="14:14">
      <c r="N134576" s="10"/>
    </row>
    <row r="134577" spans="14:14">
      <c r="N134577" s="10"/>
    </row>
    <row r="134578" spans="14:14">
      <c r="N134578" s="10"/>
    </row>
    <row r="134579" spans="14:14">
      <c r="N134579" s="10"/>
    </row>
    <row r="134580" spans="14:14">
      <c r="N134580" s="10"/>
    </row>
    <row r="134581" spans="14:14">
      <c r="N134581" s="10"/>
    </row>
    <row r="134582" spans="14:14">
      <c r="N134582" s="10"/>
    </row>
    <row r="134583" spans="14:14">
      <c r="N134583" s="10"/>
    </row>
    <row r="134584" spans="14:14">
      <c r="N134584" s="10"/>
    </row>
    <row r="134585" spans="14:14">
      <c r="N134585" s="10"/>
    </row>
    <row r="134586" spans="14:14">
      <c r="N134586" s="10"/>
    </row>
    <row r="134587" spans="14:14">
      <c r="N134587" s="10"/>
    </row>
    <row r="134588" spans="14:14">
      <c r="N134588" s="10"/>
    </row>
    <row r="134589" spans="14:14">
      <c r="N134589" s="10"/>
    </row>
    <row r="134590" spans="14:14">
      <c r="N134590" s="10"/>
    </row>
    <row r="134591" spans="14:14">
      <c r="N134591" s="10"/>
    </row>
    <row r="134592" spans="14:14">
      <c r="N134592" s="10"/>
    </row>
    <row r="134593" spans="14:14">
      <c r="N134593" s="10"/>
    </row>
    <row r="134594" spans="14:14">
      <c r="N134594" s="10"/>
    </row>
    <row r="134595" spans="14:14">
      <c r="N134595" s="10"/>
    </row>
    <row r="134596" spans="14:14">
      <c r="N134596" s="10"/>
    </row>
    <row r="134597" spans="14:14">
      <c r="N134597" s="10"/>
    </row>
    <row r="134598" spans="14:14">
      <c r="N134598" s="10"/>
    </row>
    <row r="134599" spans="14:14">
      <c r="N134599" s="10"/>
    </row>
    <row r="134600" spans="14:14">
      <c r="N134600" s="10"/>
    </row>
    <row r="134601" spans="14:14">
      <c r="N134601" s="10"/>
    </row>
    <row r="134602" spans="14:14">
      <c r="N134602" s="10"/>
    </row>
    <row r="134603" spans="14:14">
      <c r="N134603" s="10"/>
    </row>
    <row r="134604" spans="14:14">
      <c r="N134604" s="10"/>
    </row>
    <row r="134605" spans="14:14">
      <c r="N134605" s="10"/>
    </row>
    <row r="134606" spans="14:14">
      <c r="N134606" s="10"/>
    </row>
    <row r="134607" spans="14:14">
      <c r="N134607" s="10"/>
    </row>
    <row r="134608" spans="14:14">
      <c r="N134608" s="10"/>
    </row>
    <row r="134609" spans="14:14">
      <c r="N134609" s="10"/>
    </row>
    <row r="134610" spans="14:14">
      <c r="N134610" s="10"/>
    </row>
    <row r="134611" spans="14:14">
      <c r="N134611" s="10"/>
    </row>
    <row r="134612" spans="14:14">
      <c r="N134612" s="10"/>
    </row>
    <row r="134613" spans="14:14">
      <c r="N134613" s="10"/>
    </row>
    <row r="134614" spans="14:14">
      <c r="N134614" s="10"/>
    </row>
    <row r="134615" spans="14:14">
      <c r="N134615" s="10"/>
    </row>
    <row r="134616" spans="14:14">
      <c r="N134616" s="10"/>
    </row>
    <row r="134617" spans="14:14">
      <c r="N134617" s="10"/>
    </row>
    <row r="134618" spans="14:14">
      <c r="N134618" s="10"/>
    </row>
    <row r="134619" spans="14:14">
      <c r="N134619" s="10"/>
    </row>
    <row r="134620" spans="14:14">
      <c r="N134620" s="10"/>
    </row>
    <row r="134621" spans="14:14">
      <c r="N134621" s="10"/>
    </row>
    <row r="134622" spans="14:14">
      <c r="N134622" s="10"/>
    </row>
    <row r="134623" spans="14:14">
      <c r="N134623" s="10"/>
    </row>
    <row r="134624" spans="14:14">
      <c r="N134624" s="10"/>
    </row>
    <row r="134625" spans="14:14">
      <c r="N134625" s="10"/>
    </row>
    <row r="134626" spans="14:14">
      <c r="N134626" s="10"/>
    </row>
    <row r="134627" spans="14:14">
      <c r="N134627" s="10"/>
    </row>
    <row r="134628" spans="14:14">
      <c r="N134628" s="10"/>
    </row>
    <row r="134629" spans="14:14">
      <c r="N134629" s="10"/>
    </row>
    <row r="134630" spans="14:14">
      <c r="N134630" s="10"/>
    </row>
    <row r="134631" spans="14:14">
      <c r="N134631" s="10"/>
    </row>
    <row r="134632" spans="14:14">
      <c r="N134632" s="10"/>
    </row>
    <row r="134633" spans="14:14">
      <c r="N134633" s="10"/>
    </row>
    <row r="134634" spans="14:14">
      <c r="N134634" s="10"/>
    </row>
    <row r="134635" spans="14:14">
      <c r="N134635" s="10"/>
    </row>
    <row r="134636" spans="14:14">
      <c r="N134636" s="10"/>
    </row>
    <row r="134637" spans="14:14">
      <c r="N134637" s="10"/>
    </row>
    <row r="134638" spans="14:14">
      <c r="N134638" s="10"/>
    </row>
    <row r="134639" spans="14:14">
      <c r="N134639" s="10"/>
    </row>
    <row r="134640" spans="14:14">
      <c r="N134640" s="10"/>
    </row>
    <row r="134641" spans="14:14">
      <c r="N134641" s="10"/>
    </row>
    <row r="134642" spans="14:14">
      <c r="N134642" s="10"/>
    </row>
    <row r="134643" spans="14:14">
      <c r="N134643" s="10"/>
    </row>
    <row r="134644" spans="14:14">
      <c r="N134644" s="10"/>
    </row>
    <row r="134645" spans="14:14">
      <c r="N134645" s="10"/>
    </row>
    <row r="134646" spans="14:14">
      <c r="N134646" s="10"/>
    </row>
    <row r="134647" spans="14:14">
      <c r="N134647" s="10"/>
    </row>
    <row r="134648" spans="14:14">
      <c r="N134648" s="10"/>
    </row>
    <row r="134649" spans="14:14">
      <c r="N134649" s="10"/>
    </row>
    <row r="134650" spans="14:14">
      <c r="N134650" s="10"/>
    </row>
    <row r="134651" spans="14:14">
      <c r="N134651" s="10"/>
    </row>
    <row r="134652" spans="14:14">
      <c r="N134652" s="10"/>
    </row>
    <row r="134653" spans="14:14">
      <c r="N134653" s="10"/>
    </row>
    <row r="134654" spans="14:14">
      <c r="N134654" s="10"/>
    </row>
    <row r="134655" spans="14:14">
      <c r="N134655" s="10"/>
    </row>
    <row r="134656" spans="14:14">
      <c r="N134656" s="10"/>
    </row>
    <row r="134657" spans="14:14">
      <c r="N134657" s="10"/>
    </row>
    <row r="134658" spans="14:14">
      <c r="N134658" s="10"/>
    </row>
    <row r="134659" spans="14:14">
      <c r="N134659" s="10"/>
    </row>
    <row r="134660" spans="14:14">
      <c r="N134660" s="10"/>
    </row>
    <row r="134661" spans="14:14">
      <c r="N134661" s="10"/>
    </row>
    <row r="134662" spans="14:14">
      <c r="N134662" s="10"/>
    </row>
    <row r="134663" spans="14:14">
      <c r="N134663" s="10"/>
    </row>
    <row r="134664" spans="14:14">
      <c r="N134664" s="10"/>
    </row>
    <row r="134665" spans="14:14">
      <c r="N134665" s="10"/>
    </row>
    <row r="134666" spans="14:14">
      <c r="N134666" s="10"/>
    </row>
    <row r="134667" spans="14:14">
      <c r="N134667" s="10"/>
    </row>
    <row r="134668" spans="14:14">
      <c r="N134668" s="10"/>
    </row>
    <row r="134669" spans="14:14">
      <c r="N134669" s="10"/>
    </row>
    <row r="134670" spans="14:14">
      <c r="N134670" s="10"/>
    </row>
    <row r="134671" spans="14:14">
      <c r="N134671" s="10"/>
    </row>
    <row r="134672" spans="14:14">
      <c r="N134672" s="10"/>
    </row>
    <row r="134673" spans="14:14">
      <c r="N134673" s="10"/>
    </row>
    <row r="134674" spans="14:14">
      <c r="N134674" s="10"/>
    </row>
    <row r="134675" spans="14:14">
      <c r="N134675" s="10"/>
    </row>
    <row r="134676" spans="14:14">
      <c r="N134676" s="10"/>
    </row>
    <row r="134677" spans="14:14">
      <c r="N134677" s="10"/>
    </row>
    <row r="134678" spans="14:14">
      <c r="N134678" s="10"/>
    </row>
    <row r="134679" spans="14:14">
      <c r="N134679" s="10"/>
    </row>
    <row r="134680" spans="14:14">
      <c r="N134680" s="10"/>
    </row>
    <row r="134681" spans="14:14">
      <c r="N134681" s="10"/>
    </row>
    <row r="134682" spans="14:14">
      <c r="N134682" s="10"/>
    </row>
    <row r="134683" spans="14:14">
      <c r="N134683" s="10"/>
    </row>
    <row r="134684" spans="14:14">
      <c r="N134684" s="10"/>
    </row>
    <row r="134685" spans="14:14">
      <c r="N134685" s="10"/>
    </row>
    <row r="134686" spans="14:14">
      <c r="N134686" s="10"/>
    </row>
    <row r="134687" spans="14:14">
      <c r="N134687" s="10"/>
    </row>
    <row r="134688" spans="14:14">
      <c r="N134688" s="10"/>
    </row>
    <row r="134689" spans="14:14">
      <c r="N134689" s="10"/>
    </row>
    <row r="134690" spans="14:14">
      <c r="N134690" s="10"/>
    </row>
    <row r="134691" spans="14:14">
      <c r="N134691" s="10"/>
    </row>
    <row r="134692" spans="14:14">
      <c r="N134692" s="10"/>
    </row>
    <row r="134693" spans="14:14">
      <c r="N134693" s="10"/>
    </row>
    <row r="134694" spans="14:14">
      <c r="N134694" s="10"/>
    </row>
    <row r="134695" spans="14:14">
      <c r="N134695" s="10"/>
    </row>
    <row r="134696" spans="14:14">
      <c r="N134696" s="10"/>
    </row>
    <row r="134697" spans="14:14">
      <c r="N134697" s="10"/>
    </row>
    <row r="134698" spans="14:14">
      <c r="N134698" s="10"/>
    </row>
    <row r="134699" spans="14:14">
      <c r="N134699" s="10"/>
    </row>
    <row r="134700" spans="14:14">
      <c r="N134700" s="10"/>
    </row>
    <row r="134701" spans="14:14">
      <c r="N134701" s="10"/>
    </row>
    <row r="134702" spans="14:14">
      <c r="N134702" s="10"/>
    </row>
    <row r="134703" spans="14:14">
      <c r="N134703" s="10"/>
    </row>
    <row r="134704" spans="14:14">
      <c r="N134704" s="10"/>
    </row>
    <row r="134705" spans="14:14">
      <c r="N134705" s="10"/>
    </row>
    <row r="134706" spans="14:14">
      <c r="N134706" s="10"/>
    </row>
    <row r="134707" spans="14:14">
      <c r="N134707" s="10"/>
    </row>
    <row r="134708" spans="14:14">
      <c r="N134708" s="10"/>
    </row>
    <row r="134709" spans="14:14">
      <c r="N134709" s="10"/>
    </row>
    <row r="134710" spans="14:14">
      <c r="N134710" s="10"/>
    </row>
    <row r="134711" spans="14:14">
      <c r="N134711" s="10"/>
    </row>
    <row r="134712" spans="14:14">
      <c r="N134712" s="10"/>
    </row>
    <row r="134713" spans="14:14">
      <c r="N134713" s="10"/>
    </row>
    <row r="134714" spans="14:14">
      <c r="N134714" s="10"/>
    </row>
    <row r="134715" spans="14:14">
      <c r="N134715" s="10"/>
    </row>
    <row r="134716" spans="14:14">
      <c r="N134716" s="10"/>
    </row>
    <row r="134717" spans="14:14">
      <c r="N134717" s="10"/>
    </row>
    <row r="134718" spans="14:14">
      <c r="N134718" s="10"/>
    </row>
    <row r="134719" spans="14:14">
      <c r="N134719" s="10"/>
    </row>
    <row r="134720" spans="14:14">
      <c r="N134720" s="10"/>
    </row>
    <row r="134721" spans="14:14">
      <c r="N134721" s="10"/>
    </row>
    <row r="134722" spans="14:14">
      <c r="N134722" s="10"/>
    </row>
    <row r="134723" spans="14:14">
      <c r="N134723" s="10"/>
    </row>
    <row r="134724" spans="14:14">
      <c r="N134724" s="10"/>
    </row>
    <row r="134725" spans="14:14">
      <c r="N134725" s="10"/>
    </row>
    <row r="134726" spans="14:14">
      <c r="N134726" s="10"/>
    </row>
    <row r="134727" spans="14:14">
      <c r="N134727" s="10"/>
    </row>
    <row r="134728" spans="14:14">
      <c r="N134728" s="10"/>
    </row>
    <row r="134729" spans="14:14">
      <c r="N134729" s="10"/>
    </row>
    <row r="134730" spans="14:14">
      <c r="N134730" s="10"/>
    </row>
    <row r="134731" spans="14:14">
      <c r="N134731" s="10"/>
    </row>
    <row r="134732" spans="14:14">
      <c r="N134732" s="10"/>
    </row>
    <row r="134733" spans="14:14">
      <c r="N134733" s="10"/>
    </row>
    <row r="134734" spans="14:14">
      <c r="N134734" s="10"/>
    </row>
    <row r="134735" spans="14:14">
      <c r="N134735" s="10"/>
    </row>
    <row r="134736" spans="14:14">
      <c r="N134736" s="10"/>
    </row>
    <row r="134737" spans="14:14">
      <c r="N134737" s="10"/>
    </row>
    <row r="134738" spans="14:14">
      <c r="N134738" s="10"/>
    </row>
    <row r="134739" spans="14:14">
      <c r="N134739" s="10"/>
    </row>
    <row r="134740" spans="14:14">
      <c r="N134740" s="10"/>
    </row>
    <row r="134741" spans="14:14">
      <c r="N134741" s="10"/>
    </row>
    <row r="134742" spans="14:14">
      <c r="N134742" s="10"/>
    </row>
    <row r="134743" spans="14:14">
      <c r="N134743" s="10"/>
    </row>
    <row r="134744" spans="14:14">
      <c r="N134744" s="10"/>
    </row>
    <row r="134745" spans="14:14">
      <c r="N134745" s="10"/>
    </row>
    <row r="134746" spans="14:14">
      <c r="N134746" s="10"/>
    </row>
    <row r="134747" spans="14:14">
      <c r="N134747" s="10"/>
    </row>
    <row r="134748" spans="14:14">
      <c r="N134748" s="10"/>
    </row>
    <row r="134749" spans="14:14">
      <c r="N134749" s="10"/>
    </row>
    <row r="134750" spans="14:14">
      <c r="N134750" s="10"/>
    </row>
    <row r="134751" spans="14:14">
      <c r="N134751" s="10"/>
    </row>
    <row r="134752" spans="14:14">
      <c r="N134752" s="10"/>
    </row>
    <row r="134753" spans="14:14">
      <c r="N134753" s="10"/>
    </row>
    <row r="134754" spans="14:14">
      <c r="N134754" s="10"/>
    </row>
    <row r="134755" spans="14:14">
      <c r="N134755" s="10"/>
    </row>
    <row r="134756" spans="14:14">
      <c r="N134756" s="10"/>
    </row>
    <row r="134757" spans="14:14">
      <c r="N134757" s="10"/>
    </row>
    <row r="134758" spans="14:14">
      <c r="N134758" s="10"/>
    </row>
    <row r="134759" spans="14:14">
      <c r="N134759" s="10"/>
    </row>
    <row r="134760" spans="14:14">
      <c r="N134760" s="10"/>
    </row>
    <row r="134761" spans="14:14">
      <c r="N134761" s="10"/>
    </row>
    <row r="134762" spans="14:14">
      <c r="N134762" s="10"/>
    </row>
    <row r="134763" spans="14:14">
      <c r="N134763" s="10"/>
    </row>
    <row r="134764" spans="14:14">
      <c r="N134764" s="10"/>
    </row>
    <row r="134765" spans="14:14">
      <c r="N134765" s="10"/>
    </row>
    <row r="134766" spans="14:14">
      <c r="N134766" s="10"/>
    </row>
    <row r="134767" spans="14:14">
      <c r="N134767" s="10"/>
    </row>
    <row r="134768" spans="14:14">
      <c r="N134768" s="10"/>
    </row>
    <row r="134769" spans="14:14">
      <c r="N134769" s="10"/>
    </row>
    <row r="134770" spans="14:14">
      <c r="N134770" s="10"/>
    </row>
    <row r="134771" spans="14:14">
      <c r="N134771" s="10"/>
    </row>
    <row r="134772" spans="14:14">
      <c r="N134772" s="10"/>
    </row>
    <row r="134773" spans="14:14">
      <c r="N134773" s="10"/>
    </row>
    <row r="134774" spans="14:14">
      <c r="N134774" s="10"/>
    </row>
    <row r="134775" spans="14:14">
      <c r="N134775" s="10"/>
    </row>
    <row r="134776" spans="14:14">
      <c r="N134776" s="10"/>
    </row>
    <row r="134777" spans="14:14">
      <c r="N134777" s="10"/>
    </row>
    <row r="134778" spans="14:14">
      <c r="N134778" s="10"/>
    </row>
    <row r="134779" spans="14:14">
      <c r="N134779" s="10"/>
    </row>
    <row r="134780" spans="14:14">
      <c r="N134780" s="10"/>
    </row>
    <row r="134781" spans="14:14">
      <c r="N134781" s="10"/>
    </row>
    <row r="134782" spans="14:14">
      <c r="N134782" s="10"/>
    </row>
    <row r="134783" spans="14:14">
      <c r="N134783" s="10"/>
    </row>
    <row r="134784" spans="14:14">
      <c r="N134784" s="10"/>
    </row>
    <row r="134785" spans="14:14">
      <c r="N134785" s="10"/>
    </row>
    <row r="134786" spans="14:14">
      <c r="N134786" s="10"/>
    </row>
    <row r="134787" spans="14:14">
      <c r="N134787" s="10"/>
    </row>
    <row r="134788" spans="14:14">
      <c r="N134788" s="10"/>
    </row>
    <row r="134789" spans="14:14">
      <c r="N134789" s="10"/>
    </row>
    <row r="134790" spans="14:14">
      <c r="N134790" s="10"/>
    </row>
    <row r="134791" spans="14:14">
      <c r="N134791" s="10"/>
    </row>
    <row r="134792" spans="14:14">
      <c r="N134792" s="10"/>
    </row>
    <row r="134793" spans="14:14">
      <c r="N134793" s="10"/>
    </row>
    <row r="134794" spans="14:14">
      <c r="N134794" s="10"/>
    </row>
    <row r="134795" spans="14:14">
      <c r="N134795" s="10"/>
    </row>
    <row r="134796" spans="14:14">
      <c r="N134796" s="10"/>
    </row>
    <row r="134797" spans="14:14">
      <c r="N134797" s="10"/>
    </row>
    <row r="134798" spans="14:14">
      <c r="N134798" s="10"/>
    </row>
    <row r="134799" spans="14:14">
      <c r="N134799" s="10"/>
    </row>
    <row r="134800" spans="14:14">
      <c r="N134800" s="10"/>
    </row>
    <row r="134801" spans="14:14">
      <c r="N134801" s="10"/>
    </row>
    <row r="134802" spans="14:14">
      <c r="N134802" s="10"/>
    </row>
    <row r="134803" spans="14:14">
      <c r="N134803" s="10"/>
    </row>
    <row r="134804" spans="14:14">
      <c r="N134804" s="10"/>
    </row>
    <row r="134805" spans="14:14">
      <c r="N134805" s="10"/>
    </row>
    <row r="134806" spans="14:14">
      <c r="N134806" s="10"/>
    </row>
    <row r="134807" spans="14:14">
      <c r="N134807" s="10"/>
    </row>
    <row r="134808" spans="14:14">
      <c r="N134808" s="10"/>
    </row>
    <row r="134809" spans="14:14">
      <c r="N134809" s="10"/>
    </row>
    <row r="134810" spans="14:14">
      <c r="N134810" s="10"/>
    </row>
    <row r="134811" spans="14:14">
      <c r="N134811" s="10"/>
    </row>
    <row r="134812" spans="14:14">
      <c r="N134812" s="10"/>
    </row>
    <row r="134813" spans="14:14">
      <c r="N134813" s="10"/>
    </row>
    <row r="134814" spans="14:14">
      <c r="N134814" s="10"/>
    </row>
    <row r="134815" spans="14:14">
      <c r="N134815" s="10"/>
    </row>
    <row r="134816" spans="14:14">
      <c r="N134816" s="10"/>
    </row>
    <row r="134817" spans="14:14">
      <c r="N134817" s="10"/>
    </row>
    <row r="134818" spans="14:14">
      <c r="N134818" s="10"/>
    </row>
    <row r="134819" spans="14:14">
      <c r="N134819" s="10"/>
    </row>
    <row r="134820" spans="14:14">
      <c r="N134820" s="10"/>
    </row>
    <row r="134821" spans="14:14">
      <c r="N134821" s="10"/>
    </row>
    <row r="134822" spans="14:14">
      <c r="N134822" s="10"/>
    </row>
    <row r="134823" spans="14:14">
      <c r="N134823" s="10"/>
    </row>
    <row r="134824" spans="14:14">
      <c r="N134824" s="10"/>
    </row>
    <row r="134825" spans="14:14">
      <c r="N134825" s="10"/>
    </row>
    <row r="134826" spans="14:14">
      <c r="N134826" s="10"/>
    </row>
    <row r="134827" spans="14:14">
      <c r="N134827" s="10"/>
    </row>
    <row r="134828" spans="14:14">
      <c r="N134828" s="10"/>
    </row>
    <row r="134829" spans="14:14">
      <c r="N134829" s="10"/>
    </row>
    <row r="134830" spans="14:14">
      <c r="N134830" s="10"/>
    </row>
    <row r="134831" spans="14:14">
      <c r="N134831" s="10"/>
    </row>
    <row r="134832" spans="14:14">
      <c r="N134832" s="10"/>
    </row>
    <row r="134833" spans="14:14">
      <c r="N134833" s="10"/>
    </row>
    <row r="134834" spans="14:14">
      <c r="N134834" s="10"/>
    </row>
    <row r="134835" spans="14:14">
      <c r="N134835" s="10"/>
    </row>
    <row r="134836" spans="14:14">
      <c r="N134836" s="10"/>
    </row>
    <row r="134837" spans="14:14">
      <c r="N134837" s="10"/>
    </row>
    <row r="134838" spans="14:14">
      <c r="N134838" s="10"/>
    </row>
    <row r="134839" spans="14:14">
      <c r="N134839" s="10"/>
    </row>
    <row r="134840" spans="14:14">
      <c r="N134840" s="10"/>
    </row>
    <row r="134841" spans="14:14">
      <c r="N134841" s="10"/>
    </row>
    <row r="134842" spans="14:14">
      <c r="N134842" s="10"/>
    </row>
    <row r="134843" spans="14:14">
      <c r="N134843" s="10"/>
    </row>
    <row r="134844" spans="14:14">
      <c r="N134844" s="10"/>
    </row>
    <row r="134845" spans="14:14">
      <c r="N134845" s="10"/>
    </row>
    <row r="134846" spans="14:14">
      <c r="N134846" s="10"/>
    </row>
    <row r="134847" spans="14:14">
      <c r="N134847" s="10"/>
    </row>
    <row r="134848" spans="14:14">
      <c r="N134848" s="10"/>
    </row>
    <row r="134849" spans="14:14">
      <c r="N134849" s="10"/>
    </row>
    <row r="134850" spans="14:14">
      <c r="N134850" s="10"/>
    </row>
    <row r="134851" spans="14:14">
      <c r="N134851" s="10"/>
    </row>
    <row r="134852" spans="14:14">
      <c r="N134852" s="10"/>
    </row>
    <row r="134853" spans="14:14">
      <c r="N134853" s="10"/>
    </row>
    <row r="134854" spans="14:14">
      <c r="N134854" s="10"/>
    </row>
    <row r="134855" spans="14:14">
      <c r="N134855" s="10"/>
    </row>
    <row r="134856" spans="14:14">
      <c r="N134856" s="10"/>
    </row>
    <row r="134857" spans="14:14">
      <c r="N134857" s="10"/>
    </row>
    <row r="134858" spans="14:14">
      <c r="N134858" s="10"/>
    </row>
    <row r="134859" spans="14:14">
      <c r="N134859" s="10"/>
    </row>
    <row r="134860" spans="14:14">
      <c r="N134860" s="10"/>
    </row>
    <row r="134861" spans="14:14">
      <c r="N134861" s="10"/>
    </row>
    <row r="134862" spans="14:14">
      <c r="N134862" s="10"/>
    </row>
    <row r="134863" spans="14:14">
      <c r="N134863" s="10"/>
    </row>
    <row r="134864" spans="14:14">
      <c r="N134864" s="10"/>
    </row>
    <row r="134865" spans="14:14">
      <c r="N134865" s="10"/>
    </row>
    <row r="134866" spans="14:14">
      <c r="N134866" s="10"/>
    </row>
    <row r="134867" spans="14:14">
      <c r="N134867" s="10"/>
    </row>
    <row r="134868" spans="14:14">
      <c r="N134868" s="10"/>
    </row>
    <row r="134869" spans="14:14">
      <c r="N134869" s="10"/>
    </row>
    <row r="134870" spans="14:14">
      <c r="N134870" s="10"/>
    </row>
    <row r="134871" spans="14:14">
      <c r="N134871" s="10"/>
    </row>
    <row r="134872" spans="14:14">
      <c r="N134872" s="10"/>
    </row>
    <row r="134873" spans="14:14">
      <c r="N134873" s="10"/>
    </row>
    <row r="134874" spans="14:14">
      <c r="N134874" s="10"/>
    </row>
    <row r="134875" spans="14:14">
      <c r="N134875" s="10"/>
    </row>
    <row r="134876" spans="14:14">
      <c r="N134876" s="10"/>
    </row>
    <row r="134877" spans="14:14">
      <c r="N134877" s="10"/>
    </row>
    <row r="134878" spans="14:14">
      <c r="N134878" s="10"/>
    </row>
    <row r="134879" spans="14:14">
      <c r="N134879" s="10"/>
    </row>
    <row r="134880" spans="14:14">
      <c r="N134880" s="10"/>
    </row>
    <row r="134881" spans="14:14">
      <c r="N134881" s="10"/>
    </row>
    <row r="134882" spans="14:14">
      <c r="N134882" s="10"/>
    </row>
    <row r="134883" spans="14:14">
      <c r="N134883" s="10"/>
    </row>
    <row r="134884" spans="14:14">
      <c r="N134884" s="10"/>
    </row>
    <row r="134885" spans="14:14">
      <c r="N134885" s="10"/>
    </row>
    <row r="134886" spans="14:14">
      <c r="N134886" s="10"/>
    </row>
    <row r="134887" spans="14:14">
      <c r="N134887" s="10"/>
    </row>
    <row r="134888" spans="14:14">
      <c r="N134888" s="10"/>
    </row>
    <row r="134889" spans="14:14">
      <c r="N134889" s="10"/>
    </row>
    <row r="134890" spans="14:14">
      <c r="N134890" s="10"/>
    </row>
    <row r="134891" spans="14:14">
      <c r="N134891" s="10"/>
    </row>
    <row r="134892" spans="14:14">
      <c r="N134892" s="10"/>
    </row>
    <row r="134893" spans="14:14">
      <c r="N134893" s="10"/>
    </row>
    <row r="134894" spans="14:14">
      <c r="N134894" s="10"/>
    </row>
    <row r="134895" spans="14:14">
      <c r="N134895" s="10"/>
    </row>
    <row r="134896" spans="14:14">
      <c r="N134896" s="10"/>
    </row>
    <row r="134897" spans="14:14">
      <c r="N134897" s="10"/>
    </row>
    <row r="134898" spans="14:14">
      <c r="N134898" s="10"/>
    </row>
    <row r="134899" spans="14:14">
      <c r="N134899" s="10"/>
    </row>
    <row r="134900" spans="14:14">
      <c r="N134900" s="10"/>
    </row>
    <row r="134901" spans="14:14">
      <c r="N134901" s="10"/>
    </row>
    <row r="134902" spans="14:14">
      <c r="N134902" s="10"/>
    </row>
    <row r="134903" spans="14:14">
      <c r="N134903" s="10"/>
    </row>
    <row r="134904" spans="14:14">
      <c r="N134904" s="10"/>
    </row>
    <row r="134905" spans="14:14">
      <c r="N134905" s="10"/>
    </row>
    <row r="134906" spans="14:14">
      <c r="N134906" s="10"/>
    </row>
    <row r="134907" spans="14:14">
      <c r="N134907" s="10"/>
    </row>
    <row r="134908" spans="14:14">
      <c r="N134908" s="10"/>
    </row>
    <row r="134909" spans="14:14">
      <c r="N134909" s="10"/>
    </row>
    <row r="134910" spans="14:14">
      <c r="N134910" s="10"/>
    </row>
    <row r="134911" spans="14:14">
      <c r="N134911" s="10"/>
    </row>
    <row r="134912" spans="14:14">
      <c r="N134912" s="10"/>
    </row>
    <row r="134913" spans="14:14">
      <c r="N134913" s="10"/>
    </row>
    <row r="134914" spans="14:14">
      <c r="N134914" s="10"/>
    </row>
    <row r="134915" spans="14:14">
      <c r="N134915" s="10"/>
    </row>
    <row r="134916" spans="14:14">
      <c r="N134916" s="10"/>
    </row>
    <row r="134917" spans="14:14">
      <c r="N134917" s="10"/>
    </row>
    <row r="134918" spans="14:14">
      <c r="N134918" s="10"/>
    </row>
    <row r="134919" spans="14:14">
      <c r="N134919" s="10"/>
    </row>
    <row r="134920" spans="14:14">
      <c r="N134920" s="10"/>
    </row>
    <row r="134921" spans="14:14">
      <c r="N134921" s="10"/>
    </row>
    <row r="134922" spans="14:14">
      <c r="N134922" s="10"/>
    </row>
    <row r="134923" spans="14:14">
      <c r="N134923" s="10"/>
    </row>
    <row r="134924" spans="14:14">
      <c r="N134924" s="10"/>
    </row>
    <row r="134925" spans="14:14">
      <c r="N134925" s="10"/>
    </row>
    <row r="134926" spans="14:14">
      <c r="N134926" s="10"/>
    </row>
    <row r="134927" spans="14:14">
      <c r="N134927" s="10"/>
    </row>
    <row r="134928" spans="14:14">
      <c r="N134928" s="10"/>
    </row>
    <row r="134929" spans="14:14">
      <c r="N134929" s="10"/>
    </row>
    <row r="134930" spans="14:14">
      <c r="N134930" s="10"/>
    </row>
    <row r="134931" spans="14:14">
      <c r="N134931" s="10"/>
    </row>
    <row r="134932" spans="14:14">
      <c r="N134932" s="10"/>
    </row>
    <row r="134933" spans="14:14">
      <c r="N134933" s="10"/>
    </row>
    <row r="134934" spans="14:14">
      <c r="N134934" s="10"/>
    </row>
    <row r="134935" spans="14:14">
      <c r="N134935" s="10"/>
    </row>
    <row r="134936" spans="14:14">
      <c r="N134936" s="10"/>
    </row>
    <row r="134937" spans="14:14">
      <c r="N134937" s="10"/>
    </row>
    <row r="134938" spans="14:14">
      <c r="N134938" s="10"/>
    </row>
    <row r="134939" spans="14:14">
      <c r="N134939" s="10"/>
    </row>
    <row r="134940" spans="14:14">
      <c r="N134940" s="10"/>
    </row>
    <row r="134941" spans="14:14">
      <c r="N134941" s="10"/>
    </row>
    <row r="134942" spans="14:14">
      <c r="N134942" s="10"/>
    </row>
    <row r="134943" spans="14:14">
      <c r="N134943" s="10"/>
    </row>
    <row r="134944" spans="14:14">
      <c r="N134944" s="10"/>
    </row>
    <row r="134945" spans="14:14">
      <c r="N134945" s="10"/>
    </row>
    <row r="134946" spans="14:14">
      <c r="N134946" s="10"/>
    </row>
    <row r="134947" spans="14:14">
      <c r="N134947" s="10"/>
    </row>
    <row r="134948" spans="14:14">
      <c r="N134948" s="10"/>
    </row>
    <row r="134949" spans="14:14">
      <c r="N134949" s="10"/>
    </row>
    <row r="134950" spans="14:14">
      <c r="N134950" s="10"/>
    </row>
    <row r="134951" spans="14:14">
      <c r="N134951" s="10"/>
    </row>
    <row r="134952" spans="14:14">
      <c r="N134952" s="10"/>
    </row>
    <row r="134953" spans="14:14">
      <c r="N134953" s="10"/>
    </row>
    <row r="134954" spans="14:14">
      <c r="N134954" s="10"/>
    </row>
    <row r="134955" spans="14:14">
      <c r="N134955" s="10"/>
    </row>
    <row r="134956" spans="14:14">
      <c r="N134956" s="10"/>
    </row>
    <row r="134957" spans="14:14">
      <c r="N134957" s="10"/>
    </row>
    <row r="134958" spans="14:14">
      <c r="N134958" s="10"/>
    </row>
    <row r="134959" spans="14:14">
      <c r="N134959" s="10"/>
    </row>
    <row r="134960" spans="14:14">
      <c r="N134960" s="10"/>
    </row>
    <row r="134961" spans="14:14">
      <c r="N134961" s="10"/>
    </row>
    <row r="134962" spans="14:14">
      <c r="N134962" s="10"/>
    </row>
    <row r="134963" spans="14:14">
      <c r="N134963" s="10"/>
    </row>
    <row r="134964" spans="14:14">
      <c r="N134964" s="10"/>
    </row>
    <row r="134965" spans="14:14">
      <c r="N134965" s="10"/>
    </row>
    <row r="134966" spans="14:14">
      <c r="N134966" s="10"/>
    </row>
    <row r="134967" spans="14:14">
      <c r="N134967" s="10"/>
    </row>
    <row r="134968" spans="14:14">
      <c r="N134968" s="10"/>
    </row>
    <row r="134969" spans="14:14">
      <c r="N134969" s="10"/>
    </row>
    <row r="134970" spans="14:14">
      <c r="N134970" s="10"/>
    </row>
    <row r="134971" spans="14:14">
      <c r="N134971" s="10"/>
    </row>
    <row r="134972" spans="14:14">
      <c r="N134972" s="10"/>
    </row>
    <row r="134973" spans="14:14">
      <c r="N134973" s="10"/>
    </row>
    <row r="134974" spans="14:14">
      <c r="N134974" s="10"/>
    </row>
    <row r="134975" spans="14:14">
      <c r="N134975" s="10"/>
    </row>
    <row r="134976" spans="14:14">
      <c r="N134976" s="10"/>
    </row>
    <row r="134977" spans="14:14">
      <c r="N134977" s="10"/>
    </row>
    <row r="134978" spans="14:14">
      <c r="N134978" s="10"/>
    </row>
    <row r="134979" spans="14:14">
      <c r="N134979" s="10"/>
    </row>
    <row r="134980" spans="14:14">
      <c r="N134980" s="10"/>
    </row>
    <row r="134981" spans="14:14">
      <c r="N134981" s="10"/>
    </row>
    <row r="134982" spans="14:14">
      <c r="N134982" s="10"/>
    </row>
    <row r="134983" spans="14:14">
      <c r="N134983" s="10"/>
    </row>
    <row r="134984" spans="14:14">
      <c r="N134984" s="10"/>
    </row>
    <row r="134985" spans="14:14">
      <c r="N134985" s="10"/>
    </row>
    <row r="134986" spans="14:14">
      <c r="N134986" s="10"/>
    </row>
    <row r="134987" spans="14:14">
      <c r="N134987" s="10"/>
    </row>
    <row r="134988" spans="14:14">
      <c r="N134988" s="10"/>
    </row>
    <row r="134989" spans="14:14">
      <c r="N134989" s="10"/>
    </row>
    <row r="134990" spans="14:14">
      <c r="N134990" s="10"/>
    </row>
    <row r="134991" spans="14:14">
      <c r="N134991" s="10"/>
    </row>
    <row r="134992" spans="14:14">
      <c r="N134992" s="10"/>
    </row>
    <row r="134993" spans="14:14">
      <c r="N134993" s="10"/>
    </row>
    <row r="134994" spans="14:14">
      <c r="N134994" s="10"/>
    </row>
    <row r="134995" spans="14:14">
      <c r="N134995" s="10"/>
    </row>
    <row r="134996" spans="14:14">
      <c r="N134996" s="10"/>
    </row>
    <row r="134997" spans="14:14">
      <c r="N134997" s="10"/>
    </row>
    <row r="134998" spans="14:14">
      <c r="N134998" s="10"/>
    </row>
    <row r="134999" spans="14:14">
      <c r="N134999" s="10"/>
    </row>
    <row r="135000" spans="14:14">
      <c r="N135000" s="10"/>
    </row>
    <row r="135001" spans="14:14">
      <c r="N135001" s="10"/>
    </row>
    <row r="135002" spans="14:14">
      <c r="N135002" s="10"/>
    </row>
    <row r="135003" spans="14:14">
      <c r="N135003" s="10"/>
    </row>
    <row r="135004" spans="14:14">
      <c r="N135004" s="10"/>
    </row>
    <row r="135005" spans="14:14">
      <c r="N135005" s="10"/>
    </row>
    <row r="135006" spans="14:14">
      <c r="N135006" s="10"/>
    </row>
    <row r="135007" spans="14:14">
      <c r="N135007" s="10"/>
    </row>
    <row r="135008" spans="14:14">
      <c r="N135008" s="10"/>
    </row>
    <row r="135009" spans="14:14">
      <c r="N135009" s="10"/>
    </row>
    <row r="135010" spans="14:14">
      <c r="N135010" s="10"/>
    </row>
    <row r="135011" spans="14:14">
      <c r="N135011" s="10"/>
    </row>
    <row r="135012" spans="14:14">
      <c r="N135012" s="10"/>
    </row>
    <row r="135013" spans="14:14">
      <c r="N135013" s="10"/>
    </row>
    <row r="135014" spans="14:14">
      <c r="N135014" s="10"/>
    </row>
    <row r="135015" spans="14:14">
      <c r="N135015" s="10"/>
    </row>
    <row r="135016" spans="14:14">
      <c r="N135016" s="10"/>
    </row>
    <row r="135017" spans="14:14">
      <c r="N135017" s="10"/>
    </row>
    <row r="135018" spans="14:14">
      <c r="N135018" s="10"/>
    </row>
    <row r="135019" spans="14:14">
      <c r="N135019" s="10"/>
    </row>
    <row r="135020" spans="14:14">
      <c r="N135020" s="10"/>
    </row>
    <row r="135021" spans="14:14">
      <c r="N135021" s="10"/>
    </row>
    <row r="135022" spans="14:14">
      <c r="N135022" s="10"/>
    </row>
    <row r="135023" spans="14:14">
      <c r="N135023" s="10"/>
    </row>
    <row r="135024" spans="14:14">
      <c r="N135024" s="10"/>
    </row>
    <row r="135025" spans="14:14">
      <c r="N135025" s="10"/>
    </row>
    <row r="135026" spans="14:14">
      <c r="N135026" s="10"/>
    </row>
    <row r="135027" spans="14:14">
      <c r="N135027" s="10"/>
    </row>
    <row r="135028" spans="14:14">
      <c r="N135028" s="10"/>
    </row>
    <row r="135029" spans="14:14">
      <c r="N135029" s="10"/>
    </row>
    <row r="135030" spans="14:14">
      <c r="N135030" s="10"/>
    </row>
    <row r="135031" spans="14:14">
      <c r="N135031" s="10"/>
    </row>
    <row r="135032" spans="14:14">
      <c r="N135032" s="10"/>
    </row>
    <row r="135033" spans="14:14">
      <c r="N135033" s="10"/>
    </row>
    <row r="135034" spans="14:14">
      <c r="N135034" s="10"/>
    </row>
    <row r="135035" spans="14:14">
      <c r="N135035" s="10"/>
    </row>
    <row r="135036" spans="14:14">
      <c r="N135036" s="10"/>
    </row>
    <row r="135037" spans="14:14">
      <c r="N135037" s="10"/>
    </row>
    <row r="135038" spans="14:14">
      <c r="N135038" s="10"/>
    </row>
    <row r="135039" spans="14:14">
      <c r="N135039" s="10"/>
    </row>
    <row r="135040" spans="14:14">
      <c r="N135040" s="10"/>
    </row>
    <row r="135041" spans="14:14">
      <c r="N135041" s="10"/>
    </row>
    <row r="135042" spans="14:14">
      <c r="N135042" s="10"/>
    </row>
    <row r="135043" spans="14:14">
      <c r="N135043" s="10"/>
    </row>
    <row r="135044" spans="14:14">
      <c r="N135044" s="10"/>
    </row>
    <row r="135045" spans="14:14">
      <c r="N135045" s="10"/>
    </row>
    <row r="135046" spans="14:14">
      <c r="N135046" s="10"/>
    </row>
    <row r="135047" spans="14:14">
      <c r="N135047" s="10"/>
    </row>
    <row r="135048" spans="14:14">
      <c r="N135048" s="10"/>
    </row>
    <row r="135049" spans="14:14">
      <c r="N135049" s="10"/>
    </row>
    <row r="135050" spans="14:14">
      <c r="N135050" s="10"/>
    </row>
    <row r="135051" spans="14:14">
      <c r="N135051" s="10"/>
    </row>
    <row r="135052" spans="14:14">
      <c r="N135052" s="10"/>
    </row>
    <row r="135053" spans="14:14">
      <c r="N135053" s="10"/>
    </row>
    <row r="135054" spans="14:14">
      <c r="N135054" s="10"/>
    </row>
    <row r="135055" spans="14:14">
      <c r="N135055" s="10"/>
    </row>
    <row r="135056" spans="14:14">
      <c r="N135056" s="10"/>
    </row>
    <row r="135057" spans="14:14">
      <c r="N135057" s="10"/>
    </row>
    <row r="135058" spans="14:14">
      <c r="N135058" s="10"/>
    </row>
    <row r="135059" spans="14:14">
      <c r="N135059" s="10"/>
    </row>
    <row r="135060" spans="14:14">
      <c r="N135060" s="10"/>
    </row>
    <row r="135061" spans="14:14">
      <c r="N135061" s="10"/>
    </row>
    <row r="135062" spans="14:14">
      <c r="N135062" s="10"/>
    </row>
    <row r="135063" spans="14:14">
      <c r="N135063" s="10"/>
    </row>
    <row r="135064" spans="14:14">
      <c r="N135064" s="10"/>
    </row>
    <row r="135065" spans="14:14">
      <c r="N135065" s="10"/>
    </row>
    <row r="135066" spans="14:14">
      <c r="N135066" s="10"/>
    </row>
    <row r="135067" spans="14:14">
      <c r="N135067" s="10"/>
    </row>
    <row r="135068" spans="14:14">
      <c r="N135068" s="10"/>
    </row>
    <row r="135069" spans="14:14">
      <c r="N135069" s="10"/>
    </row>
    <row r="135070" spans="14:14">
      <c r="N135070" s="10"/>
    </row>
    <row r="135071" spans="14:14">
      <c r="N135071" s="10"/>
    </row>
    <row r="135072" spans="14:14">
      <c r="N135072" s="10"/>
    </row>
    <row r="135073" spans="14:14">
      <c r="N135073" s="10"/>
    </row>
    <row r="135074" spans="14:14">
      <c r="N135074" s="10"/>
    </row>
    <row r="135075" spans="14:14">
      <c r="N135075" s="10"/>
    </row>
    <row r="135076" spans="14:14">
      <c r="N135076" s="10"/>
    </row>
    <row r="135077" spans="14:14">
      <c r="N135077" s="10"/>
    </row>
    <row r="135078" spans="14:14">
      <c r="N135078" s="10"/>
    </row>
    <row r="135079" spans="14:14">
      <c r="N135079" s="10"/>
    </row>
    <row r="135080" spans="14:14">
      <c r="N135080" s="10"/>
    </row>
    <row r="135081" spans="14:14">
      <c r="N135081" s="10"/>
    </row>
    <row r="135082" spans="14:14">
      <c r="N135082" s="10"/>
    </row>
    <row r="135083" spans="14:14">
      <c r="N135083" s="10"/>
    </row>
    <row r="135084" spans="14:14">
      <c r="N135084" s="10"/>
    </row>
    <row r="135085" spans="14:14">
      <c r="N135085" s="10"/>
    </row>
    <row r="135086" spans="14:14">
      <c r="N135086" s="10"/>
    </row>
    <row r="135087" spans="14:14">
      <c r="N135087" s="10"/>
    </row>
    <row r="135088" spans="14:14">
      <c r="N135088" s="10"/>
    </row>
    <row r="135089" spans="14:14">
      <c r="N135089" s="10"/>
    </row>
    <row r="135090" spans="14:14">
      <c r="N135090" s="10"/>
    </row>
    <row r="135091" spans="14:14">
      <c r="N135091" s="10"/>
    </row>
    <row r="135092" spans="14:14">
      <c r="N135092" s="10"/>
    </row>
    <row r="135093" spans="14:14">
      <c r="N135093" s="10"/>
    </row>
    <row r="135094" spans="14:14">
      <c r="N135094" s="10"/>
    </row>
    <row r="135095" spans="14:14">
      <c r="N135095" s="10"/>
    </row>
    <row r="135096" spans="14:14">
      <c r="N135096" s="10"/>
    </row>
    <row r="135097" spans="14:14">
      <c r="N135097" s="10"/>
    </row>
    <row r="135098" spans="14:14">
      <c r="N135098" s="10"/>
    </row>
    <row r="135099" spans="14:14">
      <c r="N135099" s="10"/>
    </row>
    <row r="135100" spans="14:14">
      <c r="N135100" s="10"/>
    </row>
    <row r="135101" spans="14:14">
      <c r="N135101" s="10"/>
    </row>
    <row r="135102" spans="14:14">
      <c r="N135102" s="10"/>
    </row>
    <row r="135103" spans="14:14">
      <c r="N135103" s="10"/>
    </row>
    <row r="135104" spans="14:14">
      <c r="N135104" s="10"/>
    </row>
    <row r="135105" spans="14:14">
      <c r="N135105" s="10"/>
    </row>
    <row r="135106" spans="14:14">
      <c r="N135106" s="10"/>
    </row>
    <row r="135107" spans="14:14">
      <c r="N135107" s="10"/>
    </row>
    <row r="135108" spans="14:14">
      <c r="N135108" s="10"/>
    </row>
    <row r="135109" spans="14:14">
      <c r="N135109" s="10"/>
    </row>
    <row r="135110" spans="14:14">
      <c r="N135110" s="10"/>
    </row>
    <row r="135111" spans="14:14">
      <c r="N135111" s="10"/>
    </row>
    <row r="135112" spans="14:14">
      <c r="N135112" s="10"/>
    </row>
    <row r="135113" spans="14:14">
      <c r="N135113" s="10"/>
    </row>
    <row r="135114" spans="14:14">
      <c r="N135114" s="10"/>
    </row>
    <row r="135115" spans="14:14">
      <c r="N135115" s="10"/>
    </row>
    <row r="135116" spans="14:14">
      <c r="N135116" s="10"/>
    </row>
    <row r="135117" spans="14:14">
      <c r="N135117" s="10"/>
    </row>
    <row r="135118" spans="14:14">
      <c r="N135118" s="10"/>
    </row>
    <row r="135119" spans="14:14">
      <c r="N135119" s="10"/>
    </row>
    <row r="135120" spans="14:14">
      <c r="N135120" s="10"/>
    </row>
    <row r="135121" spans="14:14">
      <c r="N135121" s="10"/>
    </row>
    <row r="135122" spans="14:14">
      <c r="N135122" s="10"/>
    </row>
    <row r="135123" spans="14:14">
      <c r="N135123" s="10"/>
    </row>
    <row r="135124" spans="14:14">
      <c r="N135124" s="10"/>
    </row>
    <row r="135125" spans="14:14">
      <c r="N135125" s="10"/>
    </row>
    <row r="135126" spans="14:14">
      <c r="N135126" s="10"/>
    </row>
    <row r="135127" spans="14:14">
      <c r="N135127" s="10"/>
    </row>
    <row r="135128" spans="14:14">
      <c r="N135128" s="10"/>
    </row>
    <row r="135129" spans="14:14">
      <c r="N135129" s="10"/>
    </row>
    <row r="135130" spans="14:14">
      <c r="N135130" s="10"/>
    </row>
    <row r="135131" spans="14:14">
      <c r="N135131" s="10"/>
    </row>
    <row r="135132" spans="14:14">
      <c r="N135132" s="10"/>
    </row>
    <row r="135133" spans="14:14">
      <c r="N135133" s="10"/>
    </row>
    <row r="135134" spans="14:14">
      <c r="N135134" s="10"/>
    </row>
    <row r="135135" spans="14:14">
      <c r="N135135" s="10"/>
    </row>
    <row r="135136" spans="14:14">
      <c r="N135136" s="10"/>
    </row>
    <row r="135137" spans="14:14">
      <c r="N135137" s="10"/>
    </row>
    <row r="135138" spans="14:14">
      <c r="N135138" s="10"/>
    </row>
    <row r="135139" spans="14:14">
      <c r="N135139" s="10"/>
    </row>
    <row r="135140" spans="14:14">
      <c r="N135140" s="10"/>
    </row>
    <row r="135141" spans="14:14">
      <c r="N135141" s="10"/>
    </row>
    <row r="135142" spans="14:14">
      <c r="N135142" s="10"/>
    </row>
    <row r="135143" spans="14:14">
      <c r="N135143" s="10"/>
    </row>
    <row r="135144" spans="14:14">
      <c r="N135144" s="10"/>
    </row>
    <row r="135145" spans="14:14">
      <c r="N135145" s="10"/>
    </row>
    <row r="135146" spans="14:14">
      <c r="N135146" s="10"/>
    </row>
    <row r="135147" spans="14:14">
      <c r="N135147" s="10"/>
    </row>
    <row r="135148" spans="14:14">
      <c r="N135148" s="10"/>
    </row>
    <row r="135149" spans="14:14">
      <c r="N135149" s="10"/>
    </row>
    <row r="135150" spans="14:14">
      <c r="N135150" s="10"/>
    </row>
    <row r="135151" spans="14:14">
      <c r="N135151" s="10"/>
    </row>
    <row r="135152" spans="14:14">
      <c r="N135152" s="10"/>
    </row>
    <row r="135153" spans="14:14">
      <c r="N135153" s="10"/>
    </row>
    <row r="135154" spans="14:14">
      <c r="N135154" s="10"/>
    </row>
    <row r="135155" spans="14:14">
      <c r="N135155" s="10"/>
    </row>
    <row r="135156" spans="14:14">
      <c r="N135156" s="10"/>
    </row>
    <row r="135157" spans="14:14">
      <c r="N135157" s="10"/>
    </row>
    <row r="135158" spans="14:14">
      <c r="N135158" s="10"/>
    </row>
    <row r="135159" spans="14:14">
      <c r="N135159" s="10"/>
    </row>
    <row r="135160" spans="14:14">
      <c r="N135160" s="10"/>
    </row>
    <row r="135161" spans="14:14">
      <c r="N135161" s="10"/>
    </row>
    <row r="135162" spans="14:14">
      <c r="N135162" s="10"/>
    </row>
    <row r="135163" spans="14:14">
      <c r="N135163" s="10"/>
    </row>
    <row r="135164" spans="14:14">
      <c r="N135164" s="10"/>
    </row>
    <row r="135165" spans="14:14">
      <c r="N135165" s="10"/>
    </row>
    <row r="135166" spans="14:14">
      <c r="N135166" s="10"/>
    </row>
    <row r="135167" spans="14:14">
      <c r="N135167" s="10"/>
    </row>
    <row r="135168" spans="14:14">
      <c r="N135168" s="10"/>
    </row>
    <row r="135169" spans="14:14">
      <c r="N135169" s="10"/>
    </row>
    <row r="135170" spans="14:14">
      <c r="N135170" s="10"/>
    </row>
    <row r="135171" spans="14:14">
      <c r="N135171" s="10"/>
    </row>
    <row r="135172" spans="14:14">
      <c r="N135172" s="10"/>
    </row>
    <row r="135173" spans="14:14">
      <c r="N135173" s="10"/>
    </row>
    <row r="135174" spans="14:14">
      <c r="N135174" s="10"/>
    </row>
    <row r="135175" spans="14:14">
      <c r="N135175" s="10"/>
    </row>
    <row r="135176" spans="14:14">
      <c r="N135176" s="10"/>
    </row>
    <row r="135177" spans="14:14">
      <c r="N135177" s="10"/>
    </row>
    <row r="135178" spans="14:14">
      <c r="N135178" s="10"/>
    </row>
    <row r="135179" spans="14:14">
      <c r="N135179" s="10"/>
    </row>
    <row r="135180" spans="14:14">
      <c r="N135180" s="10"/>
    </row>
    <row r="135181" spans="14:14">
      <c r="N135181" s="10"/>
    </row>
    <row r="135182" spans="14:14">
      <c r="N135182" s="10"/>
    </row>
    <row r="135183" spans="14:14">
      <c r="N135183" s="10"/>
    </row>
    <row r="135184" spans="14:14">
      <c r="N135184" s="10"/>
    </row>
    <row r="135185" spans="14:14">
      <c r="N135185" s="10"/>
    </row>
    <row r="135186" spans="14:14">
      <c r="N135186" s="10"/>
    </row>
    <row r="135187" spans="14:14">
      <c r="N135187" s="10"/>
    </row>
    <row r="135188" spans="14:14">
      <c r="N135188" s="10"/>
    </row>
    <row r="135189" spans="14:14">
      <c r="N135189" s="10"/>
    </row>
    <row r="135190" spans="14:14">
      <c r="N135190" s="10"/>
    </row>
    <row r="135191" spans="14:14">
      <c r="N135191" s="10"/>
    </row>
    <row r="135192" spans="14:14">
      <c r="N135192" s="10"/>
    </row>
    <row r="135193" spans="14:14">
      <c r="N135193" s="10"/>
    </row>
    <row r="135194" spans="14:14">
      <c r="N135194" s="10"/>
    </row>
    <row r="135195" spans="14:14">
      <c r="N135195" s="10"/>
    </row>
    <row r="135196" spans="14:14">
      <c r="N135196" s="10"/>
    </row>
    <row r="135197" spans="14:14">
      <c r="N135197" s="10"/>
    </row>
    <row r="135198" spans="14:14">
      <c r="N135198" s="10"/>
    </row>
    <row r="135199" spans="14:14">
      <c r="N135199" s="10"/>
    </row>
    <row r="135200" spans="14:14">
      <c r="N135200" s="10"/>
    </row>
    <row r="135201" spans="14:14">
      <c r="N135201" s="10"/>
    </row>
    <row r="135202" spans="14:14">
      <c r="N135202" s="10"/>
    </row>
    <row r="135203" spans="14:14">
      <c r="N135203" s="10"/>
    </row>
    <row r="135204" spans="14:14">
      <c r="N135204" s="10"/>
    </row>
    <row r="135205" spans="14:14">
      <c r="N135205" s="10"/>
    </row>
    <row r="135206" spans="14:14">
      <c r="N135206" s="10"/>
    </row>
    <row r="135207" spans="14:14">
      <c r="N135207" s="10"/>
    </row>
    <row r="135208" spans="14:14">
      <c r="N135208" s="10"/>
    </row>
    <row r="135209" spans="14:14">
      <c r="N135209" s="10"/>
    </row>
    <row r="135210" spans="14:14">
      <c r="N135210" s="10"/>
    </row>
    <row r="135211" spans="14:14">
      <c r="N135211" s="10"/>
    </row>
    <row r="135212" spans="14:14">
      <c r="N135212" s="10"/>
    </row>
    <row r="135213" spans="14:14">
      <c r="N135213" s="10"/>
    </row>
    <row r="135214" spans="14:14">
      <c r="N135214" s="10"/>
    </row>
    <row r="135215" spans="14:14">
      <c r="N135215" s="10"/>
    </row>
    <row r="135216" spans="14:14">
      <c r="N135216" s="10"/>
    </row>
    <row r="135217" spans="14:14">
      <c r="N135217" s="10"/>
    </row>
    <row r="135218" spans="14:14">
      <c r="N135218" s="10"/>
    </row>
    <row r="135219" spans="14:14">
      <c r="N135219" s="10"/>
    </row>
    <row r="135220" spans="14:14">
      <c r="N135220" s="10"/>
    </row>
    <row r="135221" spans="14:14">
      <c r="N135221" s="10"/>
    </row>
    <row r="135222" spans="14:14">
      <c r="N135222" s="10"/>
    </row>
    <row r="135223" spans="14:14">
      <c r="N135223" s="10"/>
    </row>
    <row r="135224" spans="14:14">
      <c r="N135224" s="10"/>
    </row>
    <row r="135225" spans="14:14">
      <c r="N135225" s="10"/>
    </row>
    <row r="135226" spans="14:14">
      <c r="N135226" s="10"/>
    </row>
    <row r="135227" spans="14:14">
      <c r="N135227" s="10"/>
    </row>
    <row r="135228" spans="14:14">
      <c r="N135228" s="10"/>
    </row>
    <row r="135229" spans="14:14">
      <c r="N135229" s="10"/>
    </row>
    <row r="135230" spans="14:14">
      <c r="N135230" s="10"/>
    </row>
    <row r="135231" spans="14:14">
      <c r="N135231" s="10"/>
    </row>
    <row r="135232" spans="14:14">
      <c r="N135232" s="10"/>
    </row>
    <row r="135233" spans="14:14">
      <c r="N135233" s="10"/>
    </row>
    <row r="135234" spans="14:14">
      <c r="N135234" s="10"/>
    </row>
    <row r="135235" spans="14:14">
      <c r="N135235" s="10"/>
    </row>
    <row r="135236" spans="14:14">
      <c r="N135236" s="10"/>
    </row>
    <row r="135237" spans="14:14">
      <c r="N135237" s="10"/>
    </row>
    <row r="135238" spans="14:14">
      <c r="N135238" s="10"/>
    </row>
    <row r="135239" spans="14:14">
      <c r="N135239" s="10"/>
    </row>
    <row r="135240" spans="14:14">
      <c r="N135240" s="10"/>
    </row>
    <row r="135241" spans="14:14">
      <c r="N135241" s="10"/>
    </row>
    <row r="135242" spans="14:14">
      <c r="N135242" s="10"/>
    </row>
    <row r="135243" spans="14:14">
      <c r="N135243" s="10"/>
    </row>
    <row r="135244" spans="14:14">
      <c r="N135244" s="10"/>
    </row>
    <row r="135245" spans="14:14">
      <c r="N135245" s="10"/>
    </row>
    <row r="135246" spans="14:14">
      <c r="N135246" s="10"/>
    </row>
    <row r="135247" spans="14:14">
      <c r="N135247" s="10"/>
    </row>
    <row r="135248" spans="14:14">
      <c r="N135248" s="10"/>
    </row>
    <row r="135249" spans="14:14">
      <c r="N135249" s="10"/>
    </row>
    <row r="135250" spans="14:14">
      <c r="N135250" s="10"/>
    </row>
    <row r="135251" spans="14:14">
      <c r="N135251" s="10"/>
    </row>
    <row r="135252" spans="14:14">
      <c r="N135252" s="10"/>
    </row>
    <row r="135253" spans="14:14">
      <c r="N135253" s="10"/>
    </row>
    <row r="135254" spans="14:14">
      <c r="N135254" s="10"/>
    </row>
    <row r="135255" spans="14:14">
      <c r="N135255" s="10"/>
    </row>
    <row r="135256" spans="14:14">
      <c r="N135256" s="10"/>
    </row>
    <row r="135257" spans="14:14">
      <c r="N135257" s="10"/>
    </row>
    <row r="135258" spans="14:14">
      <c r="N135258" s="10"/>
    </row>
    <row r="135259" spans="14:14">
      <c r="N135259" s="10"/>
    </row>
    <row r="135260" spans="14:14">
      <c r="N135260" s="10"/>
    </row>
    <row r="135261" spans="14:14">
      <c r="N135261" s="10"/>
    </row>
    <row r="135262" spans="14:14">
      <c r="N135262" s="10"/>
    </row>
    <row r="135263" spans="14:14">
      <c r="N135263" s="10"/>
    </row>
    <row r="135264" spans="14:14">
      <c r="N135264" s="10"/>
    </row>
    <row r="135265" spans="14:14">
      <c r="N135265" s="10"/>
    </row>
    <row r="135266" spans="14:14">
      <c r="N135266" s="10"/>
    </row>
    <row r="135267" spans="14:14">
      <c r="N135267" s="10"/>
    </row>
    <row r="135268" spans="14:14">
      <c r="N135268" s="10"/>
    </row>
    <row r="135269" spans="14:14">
      <c r="N135269" s="10"/>
    </row>
    <row r="135270" spans="14:14">
      <c r="N135270" s="10"/>
    </row>
    <row r="135271" spans="14:14">
      <c r="N135271" s="10"/>
    </row>
    <row r="135272" spans="14:14">
      <c r="N135272" s="10"/>
    </row>
    <row r="135273" spans="14:14">
      <c r="N135273" s="10"/>
    </row>
    <row r="135274" spans="14:14">
      <c r="N135274" s="10"/>
    </row>
    <row r="135275" spans="14:14">
      <c r="N135275" s="10"/>
    </row>
    <row r="135276" spans="14:14">
      <c r="N135276" s="10"/>
    </row>
    <row r="135277" spans="14:14">
      <c r="N135277" s="10"/>
    </row>
    <row r="135278" spans="14:14">
      <c r="N135278" s="10"/>
    </row>
    <row r="135279" spans="14:14">
      <c r="N135279" s="10"/>
    </row>
    <row r="135280" spans="14:14">
      <c r="N135280" s="10"/>
    </row>
    <row r="135281" spans="14:14">
      <c r="N135281" s="10"/>
    </row>
    <row r="135282" spans="14:14">
      <c r="N135282" s="10"/>
    </row>
    <row r="135283" spans="14:14">
      <c r="N135283" s="10"/>
    </row>
    <row r="135284" spans="14:14">
      <c r="N135284" s="10"/>
    </row>
    <row r="135285" spans="14:14">
      <c r="N135285" s="10"/>
    </row>
    <row r="135286" spans="14:14">
      <c r="N135286" s="10"/>
    </row>
    <row r="135287" spans="14:14">
      <c r="N135287" s="10"/>
    </row>
    <row r="135288" spans="14:14">
      <c r="N135288" s="10"/>
    </row>
    <row r="135289" spans="14:14">
      <c r="N135289" s="10"/>
    </row>
    <row r="135290" spans="14:14">
      <c r="N135290" s="10"/>
    </row>
    <row r="135291" spans="14:14">
      <c r="N135291" s="10"/>
    </row>
    <row r="135292" spans="14:14">
      <c r="N135292" s="10"/>
    </row>
    <row r="135293" spans="14:14">
      <c r="N135293" s="10"/>
    </row>
    <row r="135294" spans="14:14">
      <c r="N135294" s="10"/>
    </row>
    <row r="135295" spans="14:14">
      <c r="N135295" s="10"/>
    </row>
    <row r="135296" spans="14:14">
      <c r="N135296" s="10"/>
    </row>
    <row r="135297" spans="14:14">
      <c r="N135297" s="10"/>
    </row>
    <row r="135298" spans="14:14">
      <c r="N135298" s="10"/>
    </row>
    <row r="135299" spans="14:14">
      <c r="N135299" s="10"/>
    </row>
    <row r="135300" spans="14:14">
      <c r="N135300" s="10"/>
    </row>
    <row r="135301" spans="14:14">
      <c r="N135301" s="10"/>
    </row>
    <row r="135302" spans="14:14">
      <c r="N135302" s="10"/>
    </row>
    <row r="135303" spans="14:14">
      <c r="N135303" s="10"/>
    </row>
    <row r="135304" spans="14:14">
      <c r="N135304" s="10"/>
    </row>
    <row r="135305" spans="14:14">
      <c r="N135305" s="10"/>
    </row>
    <row r="135306" spans="14:14">
      <c r="N135306" s="10"/>
    </row>
    <row r="135307" spans="14:14">
      <c r="N135307" s="10"/>
    </row>
    <row r="135308" spans="14:14">
      <c r="N135308" s="10"/>
    </row>
    <row r="135309" spans="14:14">
      <c r="N135309" s="10"/>
    </row>
    <row r="135310" spans="14:14">
      <c r="N135310" s="10"/>
    </row>
    <row r="135311" spans="14:14">
      <c r="N135311" s="10"/>
    </row>
    <row r="135312" spans="14:14">
      <c r="N135312" s="10"/>
    </row>
    <row r="135313" spans="14:14">
      <c r="N135313" s="10"/>
    </row>
    <row r="135314" spans="14:14">
      <c r="N135314" s="10"/>
    </row>
    <row r="135315" spans="14:14">
      <c r="N135315" s="10"/>
    </row>
    <row r="135316" spans="14:14">
      <c r="N135316" s="10"/>
    </row>
    <row r="135317" spans="14:14">
      <c r="N135317" s="10"/>
    </row>
    <row r="135318" spans="14:14">
      <c r="N135318" s="10"/>
    </row>
    <row r="135319" spans="14:14">
      <c r="N135319" s="10"/>
    </row>
    <row r="135320" spans="14:14">
      <c r="N135320" s="10"/>
    </row>
    <row r="135321" spans="14:14">
      <c r="N135321" s="10"/>
    </row>
    <row r="135322" spans="14:14">
      <c r="N135322" s="10"/>
    </row>
    <row r="135323" spans="14:14">
      <c r="N135323" s="10"/>
    </row>
    <row r="135324" spans="14:14">
      <c r="N135324" s="10"/>
    </row>
    <row r="135325" spans="14:14">
      <c r="N135325" s="10"/>
    </row>
    <row r="135326" spans="14:14">
      <c r="N135326" s="10"/>
    </row>
    <row r="135327" spans="14:14">
      <c r="N135327" s="10"/>
    </row>
    <row r="135328" spans="14:14">
      <c r="N135328" s="10"/>
    </row>
    <row r="135329" spans="14:14">
      <c r="N135329" s="10"/>
    </row>
    <row r="135330" spans="14:14">
      <c r="N135330" s="10"/>
    </row>
    <row r="135331" spans="14:14">
      <c r="N135331" s="10"/>
    </row>
    <row r="135332" spans="14:14">
      <c r="N135332" s="10"/>
    </row>
    <row r="135333" spans="14:14">
      <c r="N135333" s="10"/>
    </row>
    <row r="135334" spans="14:14">
      <c r="N135334" s="10"/>
    </row>
    <row r="135335" spans="14:14">
      <c r="N135335" s="10"/>
    </row>
    <row r="135336" spans="14:14">
      <c r="N135336" s="10"/>
    </row>
    <row r="135337" spans="14:14">
      <c r="N135337" s="10"/>
    </row>
    <row r="135338" spans="14:14">
      <c r="N135338" s="10"/>
    </row>
    <row r="135339" spans="14:14">
      <c r="N135339" s="10"/>
    </row>
    <row r="135340" spans="14:14">
      <c r="N135340" s="10"/>
    </row>
    <row r="135341" spans="14:14">
      <c r="N135341" s="10"/>
    </row>
    <row r="135342" spans="14:14">
      <c r="N135342" s="10"/>
    </row>
    <row r="135343" spans="14:14">
      <c r="N135343" s="10"/>
    </row>
    <row r="135344" spans="14:14">
      <c r="N135344" s="10"/>
    </row>
    <row r="135345" spans="14:14">
      <c r="N135345" s="10"/>
    </row>
    <row r="135346" spans="14:14">
      <c r="N135346" s="10"/>
    </row>
    <row r="135347" spans="14:14">
      <c r="N135347" s="10"/>
    </row>
    <row r="135348" spans="14:14">
      <c r="N135348" s="10"/>
    </row>
    <row r="135349" spans="14:14">
      <c r="N135349" s="10"/>
    </row>
    <row r="135350" spans="14:14">
      <c r="N135350" s="10"/>
    </row>
    <row r="135351" spans="14:14">
      <c r="N135351" s="10"/>
    </row>
    <row r="135352" spans="14:14">
      <c r="N135352" s="10"/>
    </row>
    <row r="135353" spans="14:14">
      <c r="N135353" s="10"/>
    </row>
    <row r="135354" spans="14:14">
      <c r="N135354" s="10"/>
    </row>
    <row r="135355" spans="14:14">
      <c r="N135355" s="10"/>
    </row>
    <row r="135356" spans="14:14">
      <c r="N135356" s="10"/>
    </row>
    <row r="135357" spans="14:14">
      <c r="N135357" s="10"/>
    </row>
    <row r="135358" spans="14:14">
      <c r="N135358" s="10"/>
    </row>
    <row r="135359" spans="14:14">
      <c r="N135359" s="10"/>
    </row>
    <row r="135360" spans="14:14">
      <c r="N135360" s="10"/>
    </row>
    <row r="135361" spans="14:14">
      <c r="N135361" s="10"/>
    </row>
    <row r="135362" spans="14:14">
      <c r="N135362" s="10"/>
    </row>
    <row r="135363" spans="14:14">
      <c r="N135363" s="10"/>
    </row>
    <row r="135364" spans="14:14">
      <c r="N135364" s="10"/>
    </row>
    <row r="135365" spans="14:14">
      <c r="N135365" s="10"/>
    </row>
    <row r="135366" spans="14:14">
      <c r="N135366" s="10"/>
    </row>
    <row r="135367" spans="14:14">
      <c r="N135367" s="10"/>
    </row>
    <row r="135368" spans="14:14">
      <c r="N135368" s="10"/>
    </row>
    <row r="135369" spans="14:14">
      <c r="N135369" s="10"/>
    </row>
    <row r="135370" spans="14:14">
      <c r="N135370" s="10"/>
    </row>
    <row r="135371" spans="14:14">
      <c r="N135371" s="10"/>
    </row>
    <row r="135372" spans="14:14">
      <c r="N135372" s="10"/>
    </row>
    <row r="135373" spans="14:14">
      <c r="N135373" s="10"/>
    </row>
    <row r="135374" spans="14:14">
      <c r="N135374" s="10"/>
    </row>
    <row r="135375" spans="14:14">
      <c r="N135375" s="10"/>
    </row>
    <row r="135376" spans="14:14">
      <c r="N135376" s="10"/>
    </row>
    <row r="135377" spans="14:14">
      <c r="N135377" s="10"/>
    </row>
    <row r="135378" spans="14:14">
      <c r="N135378" s="10"/>
    </row>
    <row r="135379" spans="14:14">
      <c r="N135379" s="10"/>
    </row>
    <row r="135380" spans="14:14">
      <c r="N135380" s="10"/>
    </row>
    <row r="135381" spans="14:14">
      <c r="N135381" s="10"/>
    </row>
    <row r="135382" spans="14:14">
      <c r="N135382" s="10"/>
    </row>
    <row r="135383" spans="14:14">
      <c r="N135383" s="10"/>
    </row>
    <row r="135384" spans="14:14">
      <c r="N135384" s="10"/>
    </row>
    <row r="135385" spans="14:14">
      <c r="N135385" s="10"/>
    </row>
    <row r="135386" spans="14:14">
      <c r="N135386" s="10"/>
    </row>
    <row r="135387" spans="14:14">
      <c r="N135387" s="10"/>
    </row>
    <row r="135388" spans="14:14">
      <c r="N135388" s="10"/>
    </row>
    <row r="135389" spans="14:14">
      <c r="N135389" s="10"/>
    </row>
    <row r="135390" spans="14:14">
      <c r="N135390" s="10"/>
    </row>
    <row r="135391" spans="14:14">
      <c r="N135391" s="10"/>
    </row>
    <row r="135392" spans="14:14">
      <c r="N135392" s="10"/>
    </row>
    <row r="135393" spans="14:14">
      <c r="N135393" s="10"/>
    </row>
    <row r="135394" spans="14:14">
      <c r="N135394" s="10"/>
    </row>
    <row r="135395" spans="14:14">
      <c r="N135395" s="10"/>
    </row>
    <row r="135396" spans="14:14">
      <c r="N135396" s="10"/>
    </row>
    <row r="135397" spans="14:14">
      <c r="N135397" s="10"/>
    </row>
    <row r="135398" spans="14:14">
      <c r="N135398" s="10"/>
    </row>
    <row r="135399" spans="14:14">
      <c r="N135399" s="10"/>
    </row>
    <row r="135400" spans="14:14">
      <c r="N135400" s="10"/>
    </row>
    <row r="135401" spans="14:14">
      <c r="N135401" s="10"/>
    </row>
    <row r="135402" spans="14:14">
      <c r="N135402" s="10"/>
    </row>
    <row r="135403" spans="14:14">
      <c r="N135403" s="10"/>
    </row>
    <row r="135404" spans="14:14">
      <c r="N135404" s="10"/>
    </row>
    <row r="135405" spans="14:14">
      <c r="N135405" s="10"/>
    </row>
    <row r="135406" spans="14:14">
      <c r="N135406" s="10"/>
    </row>
    <row r="135407" spans="14:14">
      <c r="N135407" s="10"/>
    </row>
    <row r="135408" spans="14:14">
      <c r="N135408" s="10"/>
    </row>
    <row r="135409" spans="14:14">
      <c r="N135409" s="10"/>
    </row>
    <row r="135410" spans="14:14">
      <c r="N135410" s="10"/>
    </row>
    <row r="135411" spans="14:14">
      <c r="N135411" s="10"/>
    </row>
    <row r="135412" spans="14:14">
      <c r="N135412" s="10"/>
    </row>
    <row r="135413" spans="14:14">
      <c r="N135413" s="10"/>
    </row>
    <row r="135414" spans="14:14">
      <c r="N135414" s="10"/>
    </row>
    <row r="135415" spans="14:14">
      <c r="N135415" s="10"/>
    </row>
    <row r="135416" spans="14:14">
      <c r="N135416" s="10"/>
    </row>
    <row r="135417" spans="14:14">
      <c r="N135417" s="10"/>
    </row>
    <row r="135418" spans="14:14">
      <c r="N135418" s="10"/>
    </row>
    <row r="135419" spans="14:14">
      <c r="N135419" s="10"/>
    </row>
    <row r="135420" spans="14:14">
      <c r="N135420" s="10"/>
    </row>
    <row r="135421" spans="14:14">
      <c r="N135421" s="10"/>
    </row>
    <row r="135422" spans="14:14">
      <c r="N135422" s="10"/>
    </row>
    <row r="135423" spans="14:14">
      <c r="N135423" s="10"/>
    </row>
    <row r="135424" spans="14:14">
      <c r="N135424" s="10"/>
    </row>
    <row r="135425" spans="14:14">
      <c r="N135425" s="10"/>
    </row>
    <row r="135426" spans="14:14">
      <c r="N135426" s="10"/>
    </row>
    <row r="135427" spans="14:14">
      <c r="N135427" s="10"/>
    </row>
    <row r="135428" spans="14:14">
      <c r="N135428" s="10"/>
    </row>
    <row r="135429" spans="14:14">
      <c r="N135429" s="10"/>
    </row>
    <row r="135430" spans="14:14">
      <c r="N135430" s="10"/>
    </row>
    <row r="135431" spans="14:14">
      <c r="N135431" s="10"/>
    </row>
    <row r="135432" spans="14:14">
      <c r="N135432" s="10"/>
    </row>
    <row r="135433" spans="14:14">
      <c r="N135433" s="10"/>
    </row>
    <row r="135434" spans="14:14">
      <c r="N135434" s="10"/>
    </row>
    <row r="135435" spans="14:14">
      <c r="N135435" s="10"/>
    </row>
    <row r="135436" spans="14:14">
      <c r="N135436" s="10"/>
    </row>
    <row r="135437" spans="14:14">
      <c r="N135437" s="10"/>
    </row>
    <row r="135438" spans="14:14">
      <c r="N135438" s="10"/>
    </row>
    <row r="135439" spans="14:14">
      <c r="N135439" s="10"/>
    </row>
    <row r="135440" spans="14:14">
      <c r="N135440" s="10"/>
    </row>
    <row r="135441" spans="14:14">
      <c r="N135441" s="10"/>
    </row>
    <row r="135442" spans="14:14">
      <c r="N135442" s="10"/>
    </row>
    <row r="135443" spans="14:14">
      <c r="N135443" s="10"/>
    </row>
    <row r="135444" spans="14:14">
      <c r="N135444" s="10"/>
    </row>
    <row r="135445" spans="14:14">
      <c r="N135445" s="10"/>
    </row>
    <row r="135446" spans="14:14">
      <c r="N135446" s="10"/>
    </row>
    <row r="135447" spans="14:14">
      <c r="N135447" s="10"/>
    </row>
    <row r="135448" spans="14:14">
      <c r="N135448" s="10"/>
    </row>
    <row r="135449" spans="14:14">
      <c r="N135449" s="10"/>
    </row>
    <row r="135450" spans="14:14">
      <c r="N135450" s="10"/>
    </row>
    <row r="135451" spans="14:14">
      <c r="N135451" s="10"/>
    </row>
    <row r="135452" spans="14:14">
      <c r="N135452" s="10"/>
    </row>
    <row r="135453" spans="14:14">
      <c r="N135453" s="10"/>
    </row>
    <row r="135454" spans="14:14">
      <c r="N135454" s="10"/>
    </row>
    <row r="135455" spans="14:14">
      <c r="N135455" s="10"/>
    </row>
    <row r="135456" spans="14:14">
      <c r="N135456" s="10"/>
    </row>
    <row r="135457" spans="14:14">
      <c r="N135457" s="10"/>
    </row>
    <row r="135458" spans="14:14">
      <c r="N135458" s="10"/>
    </row>
    <row r="135459" spans="14:14">
      <c r="N135459" s="10"/>
    </row>
    <row r="135460" spans="14:14">
      <c r="N135460" s="10"/>
    </row>
    <row r="135461" spans="14:14">
      <c r="N135461" s="10"/>
    </row>
    <row r="135462" spans="14:14">
      <c r="N135462" s="10"/>
    </row>
    <row r="135463" spans="14:14">
      <c r="N135463" s="10"/>
    </row>
    <row r="135464" spans="14:14">
      <c r="N135464" s="10"/>
    </row>
    <row r="135465" spans="14:14">
      <c r="N135465" s="10"/>
    </row>
    <row r="135466" spans="14:14">
      <c r="N135466" s="10"/>
    </row>
    <row r="135467" spans="14:14">
      <c r="N135467" s="10"/>
    </row>
    <row r="135468" spans="14:14">
      <c r="N135468" s="10"/>
    </row>
    <row r="135469" spans="14:14">
      <c r="N135469" s="10"/>
    </row>
    <row r="135470" spans="14:14">
      <c r="N135470" s="10"/>
    </row>
    <row r="135471" spans="14:14">
      <c r="N135471" s="10"/>
    </row>
    <row r="135472" spans="14:14">
      <c r="N135472" s="10"/>
    </row>
    <row r="135473" spans="14:14">
      <c r="N135473" s="10"/>
    </row>
    <row r="135474" spans="14:14">
      <c r="N135474" s="10"/>
    </row>
    <row r="135475" spans="14:14">
      <c r="N135475" s="10"/>
    </row>
    <row r="135476" spans="14:14">
      <c r="N135476" s="10"/>
    </row>
    <row r="135477" spans="14:14">
      <c r="N135477" s="10"/>
    </row>
    <row r="135478" spans="14:14">
      <c r="N135478" s="10"/>
    </row>
    <row r="135479" spans="14:14">
      <c r="N135479" s="10"/>
    </row>
    <row r="135480" spans="14:14">
      <c r="N135480" s="10"/>
    </row>
    <row r="135481" spans="14:14">
      <c r="N135481" s="10"/>
    </row>
    <row r="135482" spans="14:14">
      <c r="N135482" s="10"/>
    </row>
    <row r="135483" spans="14:14">
      <c r="N135483" s="10"/>
    </row>
    <row r="135484" spans="14:14">
      <c r="N135484" s="10"/>
    </row>
    <row r="135485" spans="14:14">
      <c r="N135485" s="10"/>
    </row>
    <row r="135486" spans="14:14">
      <c r="N135486" s="10"/>
    </row>
    <row r="135487" spans="14:14">
      <c r="N135487" s="10"/>
    </row>
    <row r="135488" spans="14:14">
      <c r="N135488" s="10"/>
    </row>
    <row r="135489" spans="14:14">
      <c r="N135489" s="10"/>
    </row>
    <row r="135490" spans="14:14">
      <c r="N135490" s="10"/>
    </row>
    <row r="135491" spans="14:14">
      <c r="N135491" s="10"/>
    </row>
    <row r="135492" spans="14:14">
      <c r="N135492" s="10"/>
    </row>
    <row r="135493" spans="14:14">
      <c r="N135493" s="10"/>
    </row>
    <row r="135494" spans="14:14">
      <c r="N135494" s="10"/>
    </row>
    <row r="135495" spans="14:14">
      <c r="N135495" s="10"/>
    </row>
    <row r="135496" spans="14:14">
      <c r="N135496" s="10"/>
    </row>
    <row r="135497" spans="14:14">
      <c r="N135497" s="10"/>
    </row>
    <row r="135498" spans="14:14">
      <c r="N135498" s="10"/>
    </row>
    <row r="135499" spans="14:14">
      <c r="N135499" s="10"/>
    </row>
    <row r="135500" spans="14:14">
      <c r="N135500" s="10"/>
    </row>
    <row r="135501" spans="14:14">
      <c r="N135501" s="10"/>
    </row>
    <row r="135502" spans="14:14">
      <c r="N135502" s="10"/>
    </row>
    <row r="135503" spans="14:14">
      <c r="N135503" s="10"/>
    </row>
    <row r="135504" spans="14:14">
      <c r="N135504" s="10"/>
    </row>
    <row r="135505" spans="14:14">
      <c r="N135505" s="10"/>
    </row>
    <row r="135506" spans="14:14">
      <c r="N135506" s="10"/>
    </row>
    <row r="135507" spans="14:14">
      <c r="N135507" s="10"/>
    </row>
    <row r="135508" spans="14:14">
      <c r="N135508" s="10"/>
    </row>
    <row r="135509" spans="14:14">
      <c r="N135509" s="10"/>
    </row>
    <row r="135510" spans="14:14">
      <c r="N135510" s="10"/>
    </row>
    <row r="135511" spans="14:14">
      <c r="N135511" s="10"/>
    </row>
    <row r="135512" spans="14:14">
      <c r="N135512" s="10"/>
    </row>
    <row r="135513" spans="14:14">
      <c r="N135513" s="10"/>
    </row>
    <row r="135514" spans="14:14">
      <c r="N135514" s="10"/>
    </row>
    <row r="135515" spans="14:14">
      <c r="N135515" s="10"/>
    </row>
    <row r="135516" spans="14:14">
      <c r="N135516" s="10"/>
    </row>
    <row r="135517" spans="14:14">
      <c r="N135517" s="10"/>
    </row>
    <row r="135518" spans="14:14">
      <c r="N135518" s="10"/>
    </row>
    <row r="135519" spans="14:14">
      <c r="N135519" s="10"/>
    </row>
    <row r="135520" spans="14:14">
      <c r="N135520" s="10"/>
    </row>
    <row r="135521" spans="14:14">
      <c r="N135521" s="10"/>
    </row>
    <row r="135522" spans="14:14">
      <c r="N135522" s="10"/>
    </row>
    <row r="135523" spans="14:14">
      <c r="N135523" s="10"/>
    </row>
    <row r="135524" spans="14:14">
      <c r="N135524" s="10"/>
    </row>
    <row r="135525" spans="14:14">
      <c r="N135525" s="10"/>
    </row>
    <row r="135526" spans="14:14">
      <c r="N135526" s="10"/>
    </row>
    <row r="135527" spans="14:14">
      <c r="N135527" s="10"/>
    </row>
    <row r="135528" spans="14:14">
      <c r="N135528" s="10"/>
    </row>
    <row r="135529" spans="14:14">
      <c r="N135529" s="10"/>
    </row>
    <row r="135530" spans="14:14">
      <c r="N135530" s="10"/>
    </row>
    <row r="135531" spans="14:14">
      <c r="N135531" s="10"/>
    </row>
    <row r="135532" spans="14:14">
      <c r="N135532" s="10"/>
    </row>
    <row r="135533" spans="14:14">
      <c r="N135533" s="10"/>
    </row>
    <row r="135534" spans="14:14">
      <c r="N135534" s="10"/>
    </row>
    <row r="135535" spans="14:14">
      <c r="N135535" s="10"/>
    </row>
    <row r="135536" spans="14:14">
      <c r="N135536" s="10"/>
    </row>
    <row r="135537" spans="14:14">
      <c r="N135537" s="10"/>
    </row>
    <row r="135538" spans="14:14">
      <c r="N135538" s="10"/>
    </row>
    <row r="135539" spans="14:14">
      <c r="N135539" s="10"/>
    </row>
    <row r="135540" spans="14:14">
      <c r="N135540" s="10"/>
    </row>
    <row r="135541" spans="14:14">
      <c r="N135541" s="10"/>
    </row>
    <row r="135542" spans="14:14">
      <c r="N135542" s="10"/>
    </row>
    <row r="135543" spans="14:14">
      <c r="N135543" s="10"/>
    </row>
    <row r="135544" spans="14:14">
      <c r="N135544" s="10"/>
    </row>
    <row r="135545" spans="14:14">
      <c r="N135545" s="10"/>
    </row>
    <row r="135546" spans="14:14">
      <c r="N135546" s="10"/>
    </row>
    <row r="135547" spans="14:14">
      <c r="N135547" s="10"/>
    </row>
    <row r="135548" spans="14:14">
      <c r="N135548" s="10"/>
    </row>
    <row r="135549" spans="14:14">
      <c r="N135549" s="10"/>
    </row>
    <row r="135550" spans="14:14">
      <c r="N135550" s="10"/>
    </row>
    <row r="135551" spans="14:14">
      <c r="N135551" s="10"/>
    </row>
    <row r="135552" spans="14:14">
      <c r="N135552" s="10"/>
    </row>
    <row r="135553" spans="14:14">
      <c r="N135553" s="10"/>
    </row>
    <row r="135554" spans="14:14">
      <c r="N135554" s="10"/>
    </row>
    <row r="135555" spans="14:14">
      <c r="N135555" s="10"/>
    </row>
    <row r="135556" spans="14:14">
      <c r="N135556" s="10"/>
    </row>
    <row r="135557" spans="14:14">
      <c r="N135557" s="10"/>
    </row>
    <row r="135558" spans="14:14">
      <c r="N135558" s="10"/>
    </row>
    <row r="135559" spans="14:14">
      <c r="N135559" s="10"/>
    </row>
    <row r="135560" spans="14:14">
      <c r="N135560" s="10"/>
    </row>
    <row r="135561" spans="14:14">
      <c r="N135561" s="10"/>
    </row>
    <row r="135562" spans="14:14">
      <c r="N135562" s="10"/>
    </row>
    <row r="135563" spans="14:14">
      <c r="N135563" s="10"/>
    </row>
    <row r="135564" spans="14:14">
      <c r="N135564" s="10"/>
    </row>
    <row r="135565" spans="14:14">
      <c r="N135565" s="10"/>
    </row>
    <row r="135566" spans="14:14">
      <c r="N135566" s="10"/>
    </row>
    <row r="135567" spans="14:14">
      <c r="N135567" s="10"/>
    </row>
    <row r="135568" spans="14:14">
      <c r="N135568" s="10"/>
    </row>
    <row r="135569" spans="14:14">
      <c r="N135569" s="10"/>
    </row>
    <row r="135570" spans="14:14">
      <c r="N135570" s="10"/>
    </row>
    <row r="135571" spans="14:14">
      <c r="N135571" s="10"/>
    </row>
    <row r="135572" spans="14:14">
      <c r="N135572" s="10"/>
    </row>
    <row r="135573" spans="14:14">
      <c r="N135573" s="10"/>
    </row>
    <row r="135574" spans="14:14">
      <c r="N135574" s="10"/>
    </row>
    <row r="135575" spans="14:14">
      <c r="N135575" s="10"/>
    </row>
    <row r="135576" spans="14:14">
      <c r="N135576" s="10"/>
    </row>
    <row r="135577" spans="14:14">
      <c r="N135577" s="10"/>
    </row>
    <row r="135578" spans="14:14">
      <c r="N135578" s="10"/>
    </row>
    <row r="135579" spans="14:14">
      <c r="N135579" s="10"/>
    </row>
    <row r="135580" spans="14:14">
      <c r="N135580" s="10"/>
    </row>
    <row r="135581" spans="14:14">
      <c r="N135581" s="10"/>
    </row>
    <row r="135582" spans="14:14">
      <c r="N135582" s="10"/>
    </row>
    <row r="135583" spans="14:14">
      <c r="N135583" s="10"/>
    </row>
    <row r="135584" spans="14:14">
      <c r="N135584" s="10"/>
    </row>
    <row r="135585" spans="14:14">
      <c r="N135585" s="10"/>
    </row>
    <row r="135586" spans="14:14">
      <c r="N135586" s="10"/>
    </row>
    <row r="135587" spans="14:14">
      <c r="N135587" s="10"/>
    </row>
    <row r="135588" spans="14:14">
      <c r="N135588" s="10"/>
    </row>
    <row r="135589" spans="14:14">
      <c r="N135589" s="10"/>
    </row>
    <row r="135590" spans="14:14">
      <c r="N135590" s="10"/>
    </row>
    <row r="135591" spans="14:14">
      <c r="N135591" s="10"/>
    </row>
    <row r="135592" spans="14:14">
      <c r="N135592" s="10"/>
    </row>
    <row r="135593" spans="14:14">
      <c r="N135593" s="10"/>
    </row>
    <row r="135594" spans="14:14">
      <c r="N135594" s="10"/>
    </row>
    <row r="135595" spans="14:14">
      <c r="N135595" s="10"/>
    </row>
    <row r="135596" spans="14:14">
      <c r="N135596" s="10"/>
    </row>
    <row r="135597" spans="14:14">
      <c r="N135597" s="10"/>
    </row>
    <row r="135598" spans="14:14">
      <c r="N135598" s="10"/>
    </row>
    <row r="135599" spans="14:14">
      <c r="N135599" s="10"/>
    </row>
    <row r="135600" spans="14:14">
      <c r="N135600" s="10"/>
    </row>
    <row r="135601" spans="14:14">
      <c r="N135601" s="10"/>
    </row>
    <row r="135602" spans="14:14">
      <c r="N135602" s="10"/>
    </row>
    <row r="135603" spans="14:14">
      <c r="N135603" s="10"/>
    </row>
    <row r="135604" spans="14:14">
      <c r="N135604" s="10"/>
    </row>
    <row r="135605" spans="14:14">
      <c r="N135605" s="10"/>
    </row>
    <row r="135606" spans="14:14">
      <c r="N135606" s="10"/>
    </row>
    <row r="135607" spans="14:14">
      <c r="N135607" s="10"/>
    </row>
    <row r="135608" spans="14:14">
      <c r="N135608" s="10"/>
    </row>
    <row r="135609" spans="14:14">
      <c r="N135609" s="10"/>
    </row>
    <row r="135610" spans="14:14">
      <c r="N135610" s="10"/>
    </row>
    <row r="135611" spans="14:14">
      <c r="N135611" s="10"/>
    </row>
    <row r="135612" spans="14:14">
      <c r="N135612" s="10"/>
    </row>
    <row r="135613" spans="14:14">
      <c r="N135613" s="10"/>
    </row>
    <row r="135614" spans="14:14">
      <c r="N135614" s="10"/>
    </row>
    <row r="135615" spans="14:14">
      <c r="N135615" s="10"/>
    </row>
    <row r="135616" spans="14:14">
      <c r="N135616" s="10"/>
    </row>
    <row r="135617" spans="14:14">
      <c r="N135617" s="10"/>
    </row>
    <row r="135618" spans="14:14">
      <c r="N135618" s="10"/>
    </row>
    <row r="135619" spans="14:14">
      <c r="N135619" s="10"/>
    </row>
    <row r="135620" spans="14:14">
      <c r="N135620" s="10"/>
    </row>
    <row r="135621" spans="14:14">
      <c r="N135621" s="10"/>
    </row>
    <row r="135622" spans="14:14">
      <c r="N135622" s="10"/>
    </row>
    <row r="135623" spans="14:14">
      <c r="N135623" s="10"/>
    </row>
    <row r="135624" spans="14:14">
      <c r="N135624" s="10"/>
    </row>
    <row r="135625" spans="14:14">
      <c r="N135625" s="10"/>
    </row>
    <row r="135626" spans="14:14">
      <c r="N135626" s="10"/>
    </row>
    <row r="135627" spans="14:14">
      <c r="N135627" s="10"/>
    </row>
    <row r="135628" spans="14:14">
      <c r="N135628" s="10"/>
    </row>
    <row r="135629" spans="14:14">
      <c r="N135629" s="10"/>
    </row>
    <row r="135630" spans="14:14">
      <c r="N135630" s="10"/>
    </row>
    <row r="135631" spans="14:14">
      <c r="N135631" s="10"/>
    </row>
    <row r="135632" spans="14:14">
      <c r="N135632" s="10"/>
    </row>
    <row r="135633" spans="14:14">
      <c r="N135633" s="10"/>
    </row>
    <row r="135634" spans="14:14">
      <c r="N135634" s="10"/>
    </row>
    <row r="135635" spans="14:14">
      <c r="N135635" s="10"/>
    </row>
    <row r="135636" spans="14:14">
      <c r="N135636" s="10"/>
    </row>
    <row r="135637" spans="14:14">
      <c r="N135637" s="10"/>
    </row>
    <row r="135638" spans="14:14">
      <c r="N135638" s="10"/>
    </row>
    <row r="135639" spans="14:14">
      <c r="N135639" s="10"/>
    </row>
    <row r="135640" spans="14:14">
      <c r="N135640" s="10"/>
    </row>
    <row r="135641" spans="14:14">
      <c r="N135641" s="10"/>
    </row>
    <row r="135642" spans="14:14">
      <c r="N135642" s="10"/>
    </row>
    <row r="135643" spans="14:14">
      <c r="N135643" s="10"/>
    </row>
    <row r="135644" spans="14:14">
      <c r="N135644" s="10"/>
    </row>
    <row r="135645" spans="14:14">
      <c r="N135645" s="10"/>
    </row>
    <row r="135646" spans="14:14">
      <c r="N135646" s="10"/>
    </row>
    <row r="135647" spans="14:14">
      <c r="N135647" s="10"/>
    </row>
    <row r="135648" spans="14:14">
      <c r="N135648" s="10"/>
    </row>
    <row r="135649" spans="14:14">
      <c r="N135649" s="10"/>
    </row>
    <row r="135650" spans="14:14">
      <c r="N135650" s="10"/>
    </row>
    <row r="135651" spans="14:14">
      <c r="N135651" s="10"/>
    </row>
    <row r="135652" spans="14:14">
      <c r="N135652" s="10"/>
    </row>
    <row r="135653" spans="14:14">
      <c r="N135653" s="10"/>
    </row>
    <row r="135654" spans="14:14">
      <c r="N135654" s="10"/>
    </row>
    <row r="135655" spans="14:14">
      <c r="N135655" s="10"/>
    </row>
    <row r="135656" spans="14:14">
      <c r="N135656" s="10"/>
    </row>
    <row r="135657" spans="14:14">
      <c r="N135657" s="10"/>
    </row>
    <row r="135658" spans="14:14">
      <c r="N135658" s="10"/>
    </row>
    <row r="135659" spans="14:14">
      <c r="N135659" s="10"/>
    </row>
    <row r="135660" spans="14:14">
      <c r="N135660" s="10"/>
    </row>
    <row r="135661" spans="14:14">
      <c r="N135661" s="10"/>
    </row>
    <row r="135662" spans="14:14">
      <c r="N135662" s="10"/>
    </row>
    <row r="135663" spans="14:14">
      <c r="N135663" s="10"/>
    </row>
    <row r="135664" spans="14:14">
      <c r="N135664" s="10"/>
    </row>
    <row r="135665" spans="14:14">
      <c r="N135665" s="10"/>
    </row>
    <row r="135666" spans="14:14">
      <c r="N135666" s="10"/>
    </row>
    <row r="135667" spans="14:14">
      <c r="N135667" s="10"/>
    </row>
    <row r="135668" spans="14:14">
      <c r="N135668" s="10"/>
    </row>
    <row r="135669" spans="14:14">
      <c r="N135669" s="10"/>
    </row>
    <row r="135670" spans="14:14">
      <c r="N135670" s="10"/>
    </row>
    <row r="135671" spans="14:14">
      <c r="N135671" s="10"/>
    </row>
    <row r="135672" spans="14:14">
      <c r="N135672" s="10"/>
    </row>
    <row r="135673" spans="14:14">
      <c r="N135673" s="10"/>
    </row>
    <row r="135674" spans="14:14">
      <c r="N135674" s="10"/>
    </row>
    <row r="135675" spans="14:14">
      <c r="N135675" s="10"/>
    </row>
    <row r="135676" spans="14:14">
      <c r="N135676" s="10"/>
    </row>
    <row r="135677" spans="14:14">
      <c r="N135677" s="10"/>
    </row>
    <row r="135678" spans="14:14">
      <c r="N135678" s="10"/>
    </row>
    <row r="135679" spans="14:14">
      <c r="N135679" s="10"/>
    </row>
    <row r="135680" spans="14:14">
      <c r="N135680" s="10"/>
    </row>
    <row r="135681" spans="14:14">
      <c r="N135681" s="10"/>
    </row>
    <row r="135682" spans="14:14">
      <c r="N135682" s="10"/>
    </row>
    <row r="135683" spans="14:14">
      <c r="N135683" s="10"/>
    </row>
    <row r="135684" spans="14:14">
      <c r="N135684" s="10"/>
    </row>
    <row r="135685" spans="14:14">
      <c r="N135685" s="10"/>
    </row>
    <row r="135686" spans="14:14">
      <c r="N135686" s="10"/>
    </row>
    <row r="135687" spans="14:14">
      <c r="N135687" s="10"/>
    </row>
    <row r="135688" spans="14:14">
      <c r="N135688" s="10"/>
    </row>
    <row r="135689" spans="14:14">
      <c r="N135689" s="10"/>
    </row>
    <row r="135690" spans="14:14">
      <c r="N135690" s="10"/>
    </row>
    <row r="135691" spans="14:14">
      <c r="N135691" s="10"/>
    </row>
    <row r="135692" spans="14:14">
      <c r="N135692" s="10"/>
    </row>
    <row r="135693" spans="14:14">
      <c r="N135693" s="10"/>
    </row>
    <row r="135694" spans="14:14">
      <c r="N135694" s="10"/>
    </row>
    <row r="135695" spans="14:14">
      <c r="N135695" s="10"/>
    </row>
    <row r="135696" spans="14:14">
      <c r="N135696" s="10"/>
    </row>
    <row r="135697" spans="14:14">
      <c r="N135697" s="10"/>
    </row>
    <row r="135698" spans="14:14">
      <c r="N135698" s="10"/>
    </row>
    <row r="135699" spans="14:14">
      <c r="N135699" s="10"/>
    </row>
    <row r="135700" spans="14:14">
      <c r="N135700" s="10"/>
    </row>
    <row r="135701" spans="14:14">
      <c r="N135701" s="10"/>
    </row>
    <row r="135702" spans="14:14">
      <c r="N135702" s="10"/>
    </row>
    <row r="135703" spans="14:14">
      <c r="N135703" s="10"/>
    </row>
    <row r="135704" spans="14:14">
      <c r="N135704" s="10"/>
    </row>
    <row r="135705" spans="14:14">
      <c r="N135705" s="10"/>
    </row>
    <row r="135706" spans="14:14">
      <c r="N135706" s="10"/>
    </row>
    <row r="135707" spans="14:14">
      <c r="N135707" s="10"/>
    </row>
    <row r="135708" spans="14:14">
      <c r="N135708" s="10"/>
    </row>
    <row r="135709" spans="14:14">
      <c r="N135709" s="10"/>
    </row>
    <row r="135710" spans="14:14">
      <c r="N135710" s="10"/>
    </row>
    <row r="135711" spans="14:14">
      <c r="N135711" s="10"/>
    </row>
    <row r="135712" spans="14:14">
      <c r="N135712" s="10"/>
    </row>
    <row r="135713" spans="14:14">
      <c r="N135713" s="10"/>
    </row>
    <row r="135714" spans="14:14">
      <c r="N135714" s="10"/>
    </row>
    <row r="135715" spans="14:14">
      <c r="N135715" s="10"/>
    </row>
    <row r="135716" spans="14:14">
      <c r="N135716" s="10"/>
    </row>
    <row r="135717" spans="14:14">
      <c r="N135717" s="10"/>
    </row>
    <row r="135718" spans="14:14">
      <c r="N135718" s="10"/>
    </row>
    <row r="135719" spans="14:14">
      <c r="N135719" s="10"/>
    </row>
    <row r="135720" spans="14:14">
      <c r="N135720" s="10"/>
    </row>
    <row r="135721" spans="14:14">
      <c r="N135721" s="10"/>
    </row>
    <row r="135722" spans="14:14">
      <c r="N135722" s="10"/>
    </row>
    <row r="135723" spans="14:14">
      <c r="N135723" s="10"/>
    </row>
    <row r="135724" spans="14:14">
      <c r="N135724" s="10"/>
    </row>
    <row r="135725" spans="14:14">
      <c r="N135725" s="10"/>
    </row>
    <row r="135726" spans="14:14">
      <c r="N135726" s="10"/>
    </row>
    <row r="135727" spans="14:14">
      <c r="N135727" s="10"/>
    </row>
    <row r="135728" spans="14:14">
      <c r="N135728" s="10"/>
    </row>
    <row r="135729" spans="14:14">
      <c r="N135729" s="10"/>
    </row>
    <row r="135730" spans="14:14">
      <c r="N135730" s="10"/>
    </row>
    <row r="135731" spans="14:14">
      <c r="N135731" s="10"/>
    </row>
    <row r="135732" spans="14:14">
      <c r="N135732" s="10"/>
    </row>
    <row r="135733" spans="14:14">
      <c r="N135733" s="10"/>
    </row>
    <row r="135734" spans="14:14">
      <c r="N135734" s="10"/>
    </row>
    <row r="135735" spans="14:14">
      <c r="N135735" s="10"/>
    </row>
    <row r="135736" spans="14:14">
      <c r="N135736" s="10"/>
    </row>
    <row r="135737" spans="14:14">
      <c r="N135737" s="10"/>
    </row>
    <row r="135738" spans="14:14">
      <c r="N135738" s="10"/>
    </row>
    <row r="135739" spans="14:14">
      <c r="N135739" s="10"/>
    </row>
    <row r="135740" spans="14:14">
      <c r="N135740" s="10"/>
    </row>
    <row r="135741" spans="14:14">
      <c r="N135741" s="10"/>
    </row>
    <row r="135742" spans="14:14">
      <c r="N135742" s="10"/>
    </row>
    <row r="135743" spans="14:14">
      <c r="N135743" s="10"/>
    </row>
    <row r="135744" spans="14:14">
      <c r="N135744" s="10"/>
    </row>
    <row r="135745" spans="14:14">
      <c r="N135745" s="10"/>
    </row>
    <row r="135746" spans="14:14">
      <c r="N135746" s="10"/>
    </row>
    <row r="135747" spans="14:14">
      <c r="N135747" s="10"/>
    </row>
    <row r="135748" spans="14:14">
      <c r="N135748" s="10"/>
    </row>
    <row r="135749" spans="14:14">
      <c r="N135749" s="10"/>
    </row>
    <row r="135750" spans="14:14">
      <c r="N135750" s="10"/>
    </row>
    <row r="135751" spans="14:14">
      <c r="N135751" s="10"/>
    </row>
    <row r="135752" spans="14:14">
      <c r="N135752" s="10"/>
    </row>
    <row r="135753" spans="14:14">
      <c r="N135753" s="10"/>
    </row>
    <row r="135754" spans="14:14">
      <c r="N135754" s="10"/>
    </row>
    <row r="135755" spans="14:14">
      <c r="N135755" s="10"/>
    </row>
    <row r="135756" spans="14:14">
      <c r="N135756" s="10"/>
    </row>
    <row r="135757" spans="14:14">
      <c r="N135757" s="10"/>
    </row>
    <row r="135758" spans="14:14">
      <c r="N135758" s="10"/>
    </row>
    <row r="135759" spans="14:14">
      <c r="N135759" s="10"/>
    </row>
    <row r="135760" spans="14:14">
      <c r="N135760" s="10"/>
    </row>
    <row r="135761" spans="14:14">
      <c r="N135761" s="10"/>
    </row>
    <row r="135762" spans="14:14">
      <c r="N135762" s="10"/>
    </row>
    <row r="135763" spans="14:14">
      <c r="N135763" s="10"/>
    </row>
    <row r="135764" spans="14:14">
      <c r="N135764" s="10"/>
    </row>
    <row r="135765" spans="14:14">
      <c r="N135765" s="10"/>
    </row>
    <row r="135766" spans="14:14">
      <c r="N135766" s="10"/>
    </row>
    <row r="135767" spans="14:14">
      <c r="N135767" s="10"/>
    </row>
    <row r="135768" spans="14:14">
      <c r="N135768" s="10"/>
    </row>
    <row r="135769" spans="14:14">
      <c r="N135769" s="10"/>
    </row>
    <row r="135770" spans="14:14">
      <c r="N135770" s="10"/>
    </row>
    <row r="135771" spans="14:14">
      <c r="N135771" s="10"/>
    </row>
    <row r="135772" spans="14:14">
      <c r="N135772" s="10"/>
    </row>
    <row r="135773" spans="14:14">
      <c r="N135773" s="10"/>
    </row>
    <row r="135774" spans="14:14">
      <c r="N135774" s="10"/>
    </row>
    <row r="135775" spans="14:14">
      <c r="N135775" s="10"/>
    </row>
    <row r="135776" spans="14:14">
      <c r="N135776" s="10"/>
    </row>
    <row r="135777" spans="14:14">
      <c r="N135777" s="10"/>
    </row>
    <row r="135778" spans="14:14">
      <c r="N135778" s="10"/>
    </row>
    <row r="135779" spans="14:14">
      <c r="N135779" s="10"/>
    </row>
    <row r="135780" spans="14:14">
      <c r="N135780" s="10"/>
    </row>
    <row r="135781" spans="14:14">
      <c r="N135781" s="10"/>
    </row>
    <row r="135782" spans="14:14">
      <c r="N135782" s="10"/>
    </row>
    <row r="135783" spans="14:14">
      <c r="N135783" s="10"/>
    </row>
    <row r="135784" spans="14:14">
      <c r="N135784" s="10"/>
    </row>
    <row r="135785" spans="14:14">
      <c r="N135785" s="10"/>
    </row>
    <row r="135786" spans="14:14">
      <c r="N135786" s="10"/>
    </row>
    <row r="135787" spans="14:14">
      <c r="N135787" s="10"/>
    </row>
    <row r="135788" spans="14:14">
      <c r="N135788" s="10"/>
    </row>
    <row r="135789" spans="14:14">
      <c r="N135789" s="10"/>
    </row>
    <row r="135790" spans="14:14">
      <c r="N135790" s="10"/>
    </row>
    <row r="135791" spans="14:14">
      <c r="N135791" s="10"/>
    </row>
    <row r="135792" spans="14:14">
      <c r="N135792" s="10"/>
    </row>
    <row r="135793" spans="14:14">
      <c r="N135793" s="10"/>
    </row>
    <row r="135794" spans="14:14">
      <c r="N135794" s="10"/>
    </row>
    <row r="135795" spans="14:14">
      <c r="N135795" s="10"/>
    </row>
    <row r="135796" spans="14:14">
      <c r="N135796" s="10"/>
    </row>
    <row r="135797" spans="14:14">
      <c r="N135797" s="10"/>
    </row>
    <row r="135798" spans="14:14">
      <c r="N135798" s="10"/>
    </row>
    <row r="135799" spans="14:14">
      <c r="N135799" s="10"/>
    </row>
    <row r="135800" spans="14:14">
      <c r="N135800" s="10"/>
    </row>
    <row r="135801" spans="14:14">
      <c r="N135801" s="10"/>
    </row>
    <row r="135802" spans="14:14">
      <c r="N135802" s="10"/>
    </row>
    <row r="135803" spans="14:14">
      <c r="N135803" s="10"/>
    </row>
    <row r="135804" spans="14:14">
      <c r="N135804" s="10"/>
    </row>
    <row r="135805" spans="14:14">
      <c r="N135805" s="10"/>
    </row>
    <row r="135806" spans="14:14">
      <c r="N135806" s="10"/>
    </row>
    <row r="135807" spans="14:14">
      <c r="N135807" s="10"/>
    </row>
    <row r="135808" spans="14:14">
      <c r="N135808" s="10"/>
    </row>
    <row r="135809" spans="14:14">
      <c r="N135809" s="10"/>
    </row>
    <row r="135810" spans="14:14">
      <c r="N135810" s="10"/>
    </row>
    <row r="135811" spans="14:14">
      <c r="N135811" s="10"/>
    </row>
    <row r="135812" spans="14:14">
      <c r="N135812" s="10"/>
    </row>
    <row r="135813" spans="14:14">
      <c r="N135813" s="10"/>
    </row>
    <row r="135814" spans="14:14">
      <c r="N135814" s="10"/>
    </row>
    <row r="135815" spans="14:14">
      <c r="N135815" s="10"/>
    </row>
    <row r="135816" spans="14:14">
      <c r="N135816" s="10"/>
    </row>
    <row r="135817" spans="14:14">
      <c r="N135817" s="10"/>
    </row>
    <row r="135818" spans="14:14">
      <c r="N135818" s="10"/>
    </row>
    <row r="135819" spans="14:14">
      <c r="N135819" s="10"/>
    </row>
    <row r="135820" spans="14:14">
      <c r="N135820" s="10"/>
    </row>
    <row r="135821" spans="14:14">
      <c r="N135821" s="10"/>
    </row>
    <row r="135822" spans="14:14">
      <c r="N135822" s="10"/>
    </row>
    <row r="135823" spans="14:14">
      <c r="N135823" s="10"/>
    </row>
    <row r="135824" spans="14:14">
      <c r="N135824" s="10"/>
    </row>
    <row r="135825" spans="14:14">
      <c r="N135825" s="10"/>
    </row>
    <row r="135826" spans="14:14">
      <c r="N135826" s="10"/>
    </row>
    <row r="135827" spans="14:14">
      <c r="N135827" s="10"/>
    </row>
    <row r="135828" spans="14:14">
      <c r="N135828" s="10"/>
    </row>
    <row r="135829" spans="14:14">
      <c r="N135829" s="10"/>
    </row>
    <row r="135830" spans="14:14">
      <c r="N135830" s="10"/>
    </row>
    <row r="135831" spans="14:14">
      <c r="N135831" s="10"/>
    </row>
    <row r="135832" spans="14:14">
      <c r="N135832" s="10"/>
    </row>
    <row r="135833" spans="14:14">
      <c r="N135833" s="10"/>
    </row>
    <row r="135834" spans="14:14">
      <c r="N135834" s="10"/>
    </row>
    <row r="135835" spans="14:14">
      <c r="N135835" s="10"/>
    </row>
    <row r="135836" spans="14:14">
      <c r="N135836" s="10"/>
    </row>
    <row r="135837" spans="14:14">
      <c r="N135837" s="10"/>
    </row>
    <row r="135838" spans="14:14">
      <c r="N135838" s="10"/>
    </row>
    <row r="135839" spans="14:14">
      <c r="N135839" s="10"/>
    </row>
    <row r="135840" spans="14:14">
      <c r="N135840" s="10"/>
    </row>
    <row r="135841" spans="14:14">
      <c r="N135841" s="10"/>
    </row>
    <row r="135842" spans="14:14">
      <c r="N135842" s="10"/>
    </row>
    <row r="135843" spans="14:14">
      <c r="N135843" s="10"/>
    </row>
    <row r="135844" spans="14:14">
      <c r="N135844" s="10"/>
    </row>
    <row r="135845" spans="14:14">
      <c r="N135845" s="10"/>
    </row>
    <row r="135846" spans="14:14">
      <c r="N135846" s="10"/>
    </row>
    <row r="135847" spans="14:14">
      <c r="N135847" s="10"/>
    </row>
    <row r="135848" spans="14:14">
      <c r="N135848" s="10"/>
    </row>
    <row r="135849" spans="14:14">
      <c r="N135849" s="10"/>
    </row>
    <row r="135850" spans="14:14">
      <c r="N135850" s="10"/>
    </row>
    <row r="135851" spans="14:14">
      <c r="N135851" s="10"/>
    </row>
    <row r="135852" spans="14:14">
      <c r="N135852" s="10"/>
    </row>
    <row r="135853" spans="14:14">
      <c r="N135853" s="10"/>
    </row>
    <row r="135854" spans="14:14">
      <c r="N135854" s="10"/>
    </row>
    <row r="135855" spans="14:14">
      <c r="N135855" s="10"/>
    </row>
    <row r="135856" spans="14:14">
      <c r="N135856" s="10"/>
    </row>
    <row r="135857" spans="14:14">
      <c r="N135857" s="10"/>
    </row>
    <row r="135858" spans="14:14">
      <c r="N135858" s="10"/>
    </row>
    <row r="135859" spans="14:14">
      <c r="N135859" s="10"/>
    </row>
    <row r="135860" spans="14:14">
      <c r="N135860" s="10"/>
    </row>
    <row r="135861" spans="14:14">
      <c r="N135861" s="10"/>
    </row>
    <row r="135862" spans="14:14">
      <c r="N135862" s="10"/>
    </row>
    <row r="135863" spans="14:14">
      <c r="N135863" s="10"/>
    </row>
    <row r="135864" spans="14:14">
      <c r="N135864" s="10"/>
    </row>
    <row r="135865" spans="14:14">
      <c r="N135865" s="10"/>
    </row>
    <row r="135866" spans="14:14">
      <c r="N135866" s="10"/>
    </row>
    <row r="135867" spans="14:14">
      <c r="N135867" s="10"/>
    </row>
    <row r="135868" spans="14:14">
      <c r="N135868" s="10"/>
    </row>
    <row r="135869" spans="14:14">
      <c r="N135869" s="10"/>
    </row>
    <row r="135870" spans="14:14">
      <c r="N135870" s="10"/>
    </row>
    <row r="135871" spans="14:14">
      <c r="N135871" s="10"/>
    </row>
    <row r="135872" spans="14:14">
      <c r="N135872" s="10"/>
    </row>
    <row r="135873" spans="14:14">
      <c r="N135873" s="10"/>
    </row>
    <row r="135874" spans="14:14">
      <c r="N135874" s="10"/>
    </row>
    <row r="135875" spans="14:14">
      <c r="N135875" s="10"/>
    </row>
    <row r="135876" spans="14:14">
      <c r="N135876" s="10"/>
    </row>
    <row r="135877" spans="14:14">
      <c r="N135877" s="10"/>
    </row>
    <row r="135878" spans="14:14">
      <c r="N135878" s="10"/>
    </row>
    <row r="135879" spans="14:14">
      <c r="N135879" s="10"/>
    </row>
    <row r="135880" spans="14:14">
      <c r="N135880" s="10"/>
    </row>
    <row r="135881" spans="14:14">
      <c r="N135881" s="10"/>
    </row>
    <row r="135882" spans="14:14">
      <c r="N135882" s="10"/>
    </row>
    <row r="135883" spans="14:14">
      <c r="N135883" s="10"/>
    </row>
    <row r="135884" spans="14:14">
      <c r="N135884" s="10"/>
    </row>
    <row r="135885" spans="14:14">
      <c r="N135885" s="10"/>
    </row>
    <row r="135886" spans="14:14">
      <c r="N135886" s="10"/>
    </row>
    <row r="135887" spans="14:14">
      <c r="N135887" s="10"/>
    </row>
    <row r="135888" spans="14:14">
      <c r="N135888" s="10"/>
    </row>
    <row r="135889" spans="14:14">
      <c r="N135889" s="10"/>
    </row>
    <row r="135890" spans="14:14">
      <c r="N135890" s="10"/>
    </row>
    <row r="135891" spans="14:14">
      <c r="N135891" s="10"/>
    </row>
    <row r="135892" spans="14:14">
      <c r="N135892" s="10"/>
    </row>
    <row r="135893" spans="14:14">
      <c r="N135893" s="10"/>
    </row>
    <row r="135894" spans="14:14">
      <c r="N135894" s="10"/>
    </row>
    <row r="135895" spans="14:14">
      <c r="N135895" s="10"/>
    </row>
    <row r="135896" spans="14:14">
      <c r="N135896" s="10"/>
    </row>
    <row r="135897" spans="14:14">
      <c r="N135897" s="10"/>
    </row>
    <row r="135898" spans="14:14">
      <c r="N135898" s="10"/>
    </row>
    <row r="135899" spans="14:14">
      <c r="N135899" s="10"/>
    </row>
    <row r="135900" spans="14:14">
      <c r="N135900" s="10"/>
    </row>
    <row r="135901" spans="14:14">
      <c r="N135901" s="10"/>
    </row>
    <row r="135902" spans="14:14">
      <c r="N135902" s="10"/>
    </row>
    <row r="135903" spans="14:14">
      <c r="N135903" s="10"/>
    </row>
    <row r="135904" spans="14:14">
      <c r="N135904" s="10"/>
    </row>
    <row r="135905" spans="14:14">
      <c r="N135905" s="10"/>
    </row>
    <row r="135906" spans="14:14">
      <c r="N135906" s="10"/>
    </row>
    <row r="135907" spans="14:14">
      <c r="N135907" s="10"/>
    </row>
    <row r="135908" spans="14:14">
      <c r="N135908" s="10"/>
    </row>
    <row r="135909" spans="14:14">
      <c r="N135909" s="10"/>
    </row>
    <row r="135910" spans="14:14">
      <c r="N135910" s="10"/>
    </row>
    <row r="135911" spans="14:14">
      <c r="N135911" s="10"/>
    </row>
    <row r="135912" spans="14:14">
      <c r="N135912" s="10"/>
    </row>
    <row r="135913" spans="14:14">
      <c r="N135913" s="10"/>
    </row>
    <row r="135914" spans="14:14">
      <c r="N135914" s="10"/>
    </row>
    <row r="135915" spans="14:14">
      <c r="N135915" s="10"/>
    </row>
    <row r="135916" spans="14:14">
      <c r="N135916" s="10"/>
    </row>
    <row r="135917" spans="14:14">
      <c r="N135917" s="10"/>
    </row>
    <row r="135918" spans="14:14">
      <c r="N135918" s="10"/>
    </row>
    <row r="135919" spans="14:14">
      <c r="N135919" s="10"/>
    </row>
    <row r="135920" spans="14:14">
      <c r="N135920" s="10"/>
    </row>
    <row r="135921" spans="14:14">
      <c r="N135921" s="10"/>
    </row>
    <row r="135922" spans="14:14">
      <c r="N135922" s="10"/>
    </row>
    <row r="135923" spans="14:14">
      <c r="N135923" s="10"/>
    </row>
    <row r="135924" spans="14:14">
      <c r="N135924" s="10"/>
    </row>
    <row r="135925" spans="14:14">
      <c r="N135925" s="10"/>
    </row>
    <row r="135926" spans="14:14">
      <c r="N135926" s="10"/>
    </row>
    <row r="135927" spans="14:14">
      <c r="N135927" s="10"/>
    </row>
    <row r="135928" spans="14:14">
      <c r="N135928" s="10"/>
    </row>
    <row r="135929" spans="14:14">
      <c r="N135929" s="10"/>
    </row>
    <row r="135930" spans="14:14">
      <c r="N135930" s="10"/>
    </row>
    <row r="135931" spans="14:14">
      <c r="N135931" s="10"/>
    </row>
    <row r="135932" spans="14:14">
      <c r="N135932" s="10"/>
    </row>
    <row r="135933" spans="14:14">
      <c r="N135933" s="10"/>
    </row>
    <row r="135934" spans="14:14">
      <c r="N135934" s="10"/>
    </row>
    <row r="135935" spans="14:14">
      <c r="N135935" s="10"/>
    </row>
    <row r="135936" spans="14:14">
      <c r="N135936" s="10"/>
    </row>
    <row r="135937" spans="14:14">
      <c r="N135937" s="10"/>
    </row>
    <row r="135938" spans="14:14">
      <c r="N135938" s="10"/>
    </row>
    <row r="135939" spans="14:14">
      <c r="N135939" s="10"/>
    </row>
    <row r="135940" spans="14:14">
      <c r="N135940" s="10"/>
    </row>
    <row r="135941" spans="14:14">
      <c r="N135941" s="10"/>
    </row>
    <row r="135942" spans="14:14">
      <c r="N135942" s="10"/>
    </row>
    <row r="135943" spans="14:14">
      <c r="N135943" s="10"/>
    </row>
    <row r="135944" spans="14:14">
      <c r="N135944" s="10"/>
    </row>
    <row r="135945" spans="14:14">
      <c r="N135945" s="10"/>
    </row>
    <row r="135946" spans="14:14">
      <c r="N135946" s="10"/>
    </row>
    <row r="135947" spans="14:14">
      <c r="N135947" s="10"/>
    </row>
    <row r="135948" spans="14:14">
      <c r="N135948" s="10"/>
    </row>
    <row r="135949" spans="14:14">
      <c r="N135949" s="10"/>
    </row>
    <row r="135950" spans="14:14">
      <c r="N135950" s="10"/>
    </row>
    <row r="135951" spans="14:14">
      <c r="N135951" s="10"/>
    </row>
    <row r="135952" spans="14:14">
      <c r="N135952" s="10"/>
    </row>
    <row r="135953" spans="14:14">
      <c r="N135953" s="10"/>
    </row>
    <row r="135954" spans="14:14">
      <c r="N135954" s="10"/>
    </row>
    <row r="135955" spans="14:14">
      <c r="N135955" s="10"/>
    </row>
    <row r="135956" spans="14:14">
      <c r="N135956" s="10"/>
    </row>
    <row r="135957" spans="14:14">
      <c r="N135957" s="10"/>
    </row>
    <row r="135958" spans="14:14">
      <c r="N135958" s="10"/>
    </row>
    <row r="135959" spans="14:14">
      <c r="N135959" s="10"/>
    </row>
    <row r="135960" spans="14:14">
      <c r="N135960" s="10"/>
    </row>
    <row r="135961" spans="14:14">
      <c r="N135961" s="10"/>
    </row>
    <row r="135962" spans="14:14">
      <c r="N135962" s="10"/>
    </row>
    <row r="135963" spans="14:14">
      <c r="N135963" s="10"/>
    </row>
    <row r="135964" spans="14:14">
      <c r="N135964" s="10"/>
    </row>
    <row r="135965" spans="14:14">
      <c r="N135965" s="10"/>
    </row>
    <row r="135966" spans="14:14">
      <c r="N135966" s="10"/>
    </row>
    <row r="135967" spans="14:14">
      <c r="N135967" s="10"/>
    </row>
    <row r="135968" spans="14:14">
      <c r="N135968" s="10"/>
    </row>
    <row r="135969" spans="14:14">
      <c r="N135969" s="10"/>
    </row>
    <row r="135970" spans="14:14">
      <c r="N135970" s="10"/>
    </row>
    <row r="135971" spans="14:14">
      <c r="N135971" s="10"/>
    </row>
    <row r="135972" spans="14:14">
      <c r="N135972" s="10"/>
    </row>
    <row r="135973" spans="14:14">
      <c r="N135973" s="10"/>
    </row>
    <row r="135974" spans="14:14">
      <c r="N135974" s="10"/>
    </row>
    <row r="135975" spans="14:14">
      <c r="N135975" s="10"/>
    </row>
    <row r="135976" spans="14:14">
      <c r="N135976" s="10"/>
    </row>
    <row r="135977" spans="14:14">
      <c r="N135977" s="10"/>
    </row>
    <row r="135978" spans="14:14">
      <c r="N135978" s="10"/>
    </row>
    <row r="135979" spans="14:14">
      <c r="N135979" s="10"/>
    </row>
    <row r="135980" spans="14:14">
      <c r="N135980" s="10"/>
    </row>
    <row r="135981" spans="14:14">
      <c r="N135981" s="10"/>
    </row>
    <row r="135982" spans="14:14">
      <c r="N135982" s="10"/>
    </row>
    <row r="135983" spans="14:14">
      <c r="N135983" s="10"/>
    </row>
    <row r="135984" spans="14:14">
      <c r="N135984" s="10"/>
    </row>
    <row r="135985" spans="14:14">
      <c r="N135985" s="10"/>
    </row>
    <row r="135986" spans="14:14">
      <c r="N135986" s="10"/>
    </row>
    <row r="135987" spans="14:14">
      <c r="N135987" s="10"/>
    </row>
    <row r="135988" spans="14:14">
      <c r="N135988" s="10"/>
    </row>
    <row r="135989" spans="14:14">
      <c r="N135989" s="10"/>
    </row>
    <row r="135990" spans="14:14">
      <c r="N135990" s="10"/>
    </row>
    <row r="135991" spans="14:14">
      <c r="N135991" s="10"/>
    </row>
    <row r="135992" spans="14:14">
      <c r="N135992" s="10"/>
    </row>
    <row r="135993" spans="14:14">
      <c r="N135993" s="10"/>
    </row>
    <row r="135994" spans="14:14">
      <c r="N135994" s="10"/>
    </row>
    <row r="135995" spans="14:14">
      <c r="N135995" s="10"/>
    </row>
    <row r="135996" spans="14:14">
      <c r="N135996" s="10"/>
    </row>
    <row r="135997" spans="14:14">
      <c r="N135997" s="10"/>
    </row>
    <row r="135998" spans="14:14">
      <c r="N135998" s="10"/>
    </row>
    <row r="135999" spans="14:14">
      <c r="N135999" s="10"/>
    </row>
    <row r="136000" spans="14:14">
      <c r="N136000" s="10"/>
    </row>
    <row r="136001" spans="14:14">
      <c r="N136001" s="10"/>
    </row>
    <row r="136002" spans="14:14">
      <c r="N136002" s="10"/>
    </row>
    <row r="136003" spans="14:14">
      <c r="N136003" s="10"/>
    </row>
    <row r="136004" spans="14:14">
      <c r="N136004" s="10"/>
    </row>
    <row r="136005" spans="14:14">
      <c r="N136005" s="10"/>
    </row>
    <row r="136006" spans="14:14">
      <c r="N136006" s="10"/>
    </row>
    <row r="136007" spans="14:14">
      <c r="N136007" s="10"/>
    </row>
    <row r="136008" spans="14:14">
      <c r="N136008" s="10"/>
    </row>
    <row r="136009" spans="14:14">
      <c r="N136009" s="10"/>
    </row>
    <row r="136010" spans="14:14">
      <c r="N136010" s="10"/>
    </row>
    <row r="136011" spans="14:14">
      <c r="N136011" s="10"/>
    </row>
    <row r="136012" spans="14:14">
      <c r="N136012" s="10"/>
    </row>
    <row r="136013" spans="14:14">
      <c r="N136013" s="10"/>
    </row>
    <row r="136014" spans="14:14">
      <c r="N136014" s="10"/>
    </row>
    <row r="136015" spans="14:14">
      <c r="N136015" s="10"/>
    </row>
    <row r="136016" spans="14:14">
      <c r="N136016" s="10"/>
    </row>
    <row r="136017" spans="14:14">
      <c r="N136017" s="10"/>
    </row>
    <row r="136018" spans="14:14">
      <c r="N136018" s="10"/>
    </row>
    <row r="136019" spans="14:14">
      <c r="N136019" s="10"/>
    </row>
    <row r="136020" spans="14:14">
      <c r="N136020" s="10"/>
    </row>
    <row r="136021" spans="14:14">
      <c r="N136021" s="10"/>
    </row>
    <row r="136022" spans="14:14">
      <c r="N136022" s="10"/>
    </row>
    <row r="136023" spans="14:14">
      <c r="N136023" s="10"/>
    </row>
    <row r="136024" spans="14:14">
      <c r="N136024" s="10"/>
    </row>
    <row r="136025" spans="14:14">
      <c r="N136025" s="10"/>
    </row>
    <row r="136026" spans="14:14">
      <c r="N136026" s="10"/>
    </row>
    <row r="136027" spans="14:14">
      <c r="N136027" s="10"/>
    </row>
    <row r="136028" spans="14:14">
      <c r="N136028" s="10"/>
    </row>
    <row r="136029" spans="14:14">
      <c r="N136029" s="10"/>
    </row>
    <row r="136030" spans="14:14">
      <c r="N136030" s="10"/>
    </row>
    <row r="136031" spans="14:14">
      <c r="N136031" s="10"/>
    </row>
    <row r="136032" spans="14:14">
      <c r="N136032" s="10"/>
    </row>
    <row r="136033" spans="14:14">
      <c r="N136033" s="10"/>
    </row>
    <row r="136034" spans="14:14">
      <c r="N136034" s="10"/>
    </row>
    <row r="136035" spans="14:14">
      <c r="N136035" s="10"/>
    </row>
    <row r="136036" spans="14:14">
      <c r="N136036" s="10"/>
    </row>
    <row r="136037" spans="14:14">
      <c r="N136037" s="10"/>
    </row>
    <row r="136038" spans="14:14">
      <c r="N136038" s="10"/>
    </row>
    <row r="136039" spans="14:14">
      <c r="N136039" s="10"/>
    </row>
    <row r="136040" spans="14:14">
      <c r="N136040" s="10"/>
    </row>
    <row r="136041" spans="14:14">
      <c r="N136041" s="10"/>
    </row>
    <row r="136042" spans="14:14">
      <c r="N136042" s="10"/>
    </row>
    <row r="136043" spans="14:14">
      <c r="N136043" s="10"/>
    </row>
    <row r="136044" spans="14:14">
      <c r="N136044" s="10"/>
    </row>
    <row r="136045" spans="14:14">
      <c r="N136045" s="10"/>
    </row>
    <row r="136046" spans="14:14">
      <c r="N136046" s="10"/>
    </row>
    <row r="136047" spans="14:14">
      <c r="N136047" s="10"/>
    </row>
    <row r="136048" spans="14:14">
      <c r="N136048" s="10"/>
    </row>
    <row r="136049" spans="14:14">
      <c r="N136049" s="10"/>
    </row>
    <row r="136050" spans="14:14">
      <c r="N136050" s="10"/>
    </row>
    <row r="136051" spans="14:14">
      <c r="N136051" s="10"/>
    </row>
    <row r="136052" spans="14:14">
      <c r="N136052" s="10"/>
    </row>
    <row r="136053" spans="14:14">
      <c r="N136053" s="10"/>
    </row>
    <row r="136054" spans="14:14">
      <c r="N136054" s="10"/>
    </row>
    <row r="136055" spans="14:14">
      <c r="N136055" s="10"/>
    </row>
    <row r="136056" spans="14:14">
      <c r="N136056" s="10"/>
    </row>
    <row r="136057" spans="14:14">
      <c r="N136057" s="10"/>
    </row>
    <row r="136058" spans="14:14">
      <c r="N136058" s="10"/>
    </row>
    <row r="136059" spans="14:14">
      <c r="N136059" s="10"/>
    </row>
    <row r="136060" spans="14:14">
      <c r="N136060" s="10"/>
    </row>
    <row r="136061" spans="14:14">
      <c r="N136061" s="10"/>
    </row>
    <row r="136062" spans="14:14">
      <c r="N136062" s="10"/>
    </row>
    <row r="136063" spans="14:14">
      <c r="N136063" s="10"/>
    </row>
    <row r="136064" spans="14:14">
      <c r="N136064" s="10"/>
    </row>
    <row r="136065" spans="14:14">
      <c r="N136065" s="10"/>
    </row>
    <row r="136066" spans="14:14">
      <c r="N136066" s="10"/>
    </row>
    <row r="136067" spans="14:14">
      <c r="N136067" s="10"/>
    </row>
    <row r="136068" spans="14:14">
      <c r="N136068" s="10"/>
    </row>
    <row r="136069" spans="14:14">
      <c r="N136069" s="10"/>
    </row>
    <row r="136070" spans="14:14">
      <c r="N136070" s="10"/>
    </row>
    <row r="136071" spans="14:14">
      <c r="N136071" s="10"/>
    </row>
    <row r="136072" spans="14:14">
      <c r="N136072" s="10"/>
    </row>
    <row r="136073" spans="14:14">
      <c r="N136073" s="10"/>
    </row>
    <row r="136074" spans="14:14">
      <c r="N136074" s="10"/>
    </row>
    <row r="136075" spans="14:14">
      <c r="N136075" s="10"/>
    </row>
    <row r="136076" spans="14:14">
      <c r="N136076" s="10"/>
    </row>
    <row r="136077" spans="14:14">
      <c r="N136077" s="10"/>
    </row>
    <row r="136078" spans="14:14">
      <c r="N136078" s="10"/>
    </row>
    <row r="136079" spans="14:14">
      <c r="N136079" s="10"/>
    </row>
    <row r="136080" spans="14:14">
      <c r="N136080" s="10"/>
    </row>
    <row r="136081" spans="14:14">
      <c r="N136081" s="10"/>
    </row>
    <row r="136082" spans="14:14">
      <c r="N136082" s="10"/>
    </row>
    <row r="136083" spans="14:14">
      <c r="N136083" s="10"/>
    </row>
    <row r="136084" spans="14:14">
      <c r="N136084" s="10"/>
    </row>
    <row r="136085" spans="14:14">
      <c r="N136085" s="10"/>
    </row>
    <row r="136086" spans="14:14">
      <c r="N136086" s="10"/>
    </row>
    <row r="136087" spans="14:14">
      <c r="N136087" s="10"/>
    </row>
    <row r="136088" spans="14:14">
      <c r="N136088" s="10"/>
    </row>
    <row r="136089" spans="14:14">
      <c r="N136089" s="10"/>
    </row>
    <row r="136090" spans="14:14">
      <c r="N136090" s="10"/>
    </row>
    <row r="136091" spans="14:14">
      <c r="N136091" s="10"/>
    </row>
    <row r="136092" spans="14:14">
      <c r="N136092" s="10"/>
    </row>
    <row r="136093" spans="14:14">
      <c r="N136093" s="10"/>
    </row>
    <row r="136094" spans="14:14">
      <c r="N136094" s="10"/>
    </row>
    <row r="136095" spans="14:14">
      <c r="N136095" s="10"/>
    </row>
    <row r="136096" spans="14:14">
      <c r="N136096" s="10"/>
    </row>
    <row r="136097" spans="14:14">
      <c r="N136097" s="10"/>
    </row>
    <row r="136098" spans="14:14">
      <c r="N136098" s="10"/>
    </row>
    <row r="136099" spans="14:14">
      <c r="N136099" s="10"/>
    </row>
    <row r="136100" spans="14:14">
      <c r="N136100" s="10"/>
    </row>
    <row r="136101" spans="14:14">
      <c r="N136101" s="10"/>
    </row>
    <row r="136102" spans="14:14">
      <c r="N136102" s="10"/>
    </row>
    <row r="136103" spans="14:14">
      <c r="N136103" s="10"/>
    </row>
    <row r="136104" spans="14:14">
      <c r="N136104" s="10"/>
    </row>
    <row r="136105" spans="14:14">
      <c r="N136105" s="10"/>
    </row>
    <row r="136106" spans="14:14">
      <c r="N136106" s="10"/>
    </row>
    <row r="136107" spans="14:14">
      <c r="N136107" s="10"/>
    </row>
    <row r="136108" spans="14:14">
      <c r="N136108" s="10"/>
    </row>
    <row r="136109" spans="14:14">
      <c r="N136109" s="10"/>
    </row>
    <row r="136110" spans="14:14">
      <c r="N136110" s="10"/>
    </row>
    <row r="136111" spans="14:14">
      <c r="N136111" s="10"/>
    </row>
    <row r="136112" spans="14:14">
      <c r="N136112" s="10"/>
    </row>
    <row r="136113" spans="14:14">
      <c r="N136113" s="10"/>
    </row>
    <row r="136114" spans="14:14">
      <c r="N136114" s="10"/>
    </row>
    <row r="136115" spans="14:14">
      <c r="N136115" s="10"/>
    </row>
    <row r="136116" spans="14:14">
      <c r="N136116" s="10"/>
    </row>
    <row r="136117" spans="14:14">
      <c r="N136117" s="10"/>
    </row>
    <row r="136118" spans="14:14">
      <c r="N136118" s="10"/>
    </row>
    <row r="136119" spans="14:14">
      <c r="N136119" s="10"/>
    </row>
    <row r="136120" spans="14:14">
      <c r="N136120" s="10"/>
    </row>
    <row r="136121" spans="14:14">
      <c r="N136121" s="10"/>
    </row>
    <row r="136122" spans="14:14">
      <c r="N136122" s="10"/>
    </row>
    <row r="136123" spans="14:14">
      <c r="N136123" s="10"/>
    </row>
    <row r="136124" spans="14:14">
      <c r="N136124" s="10"/>
    </row>
    <row r="136125" spans="14:14">
      <c r="N136125" s="10"/>
    </row>
    <row r="136126" spans="14:14">
      <c r="N136126" s="10"/>
    </row>
    <row r="136127" spans="14:14">
      <c r="N136127" s="10"/>
    </row>
    <row r="136128" spans="14:14">
      <c r="N136128" s="10"/>
    </row>
    <row r="136129" spans="14:14">
      <c r="N136129" s="10"/>
    </row>
    <row r="136130" spans="14:14">
      <c r="N136130" s="10"/>
    </row>
    <row r="136131" spans="14:14">
      <c r="N136131" s="10"/>
    </row>
    <row r="136132" spans="14:14">
      <c r="N136132" s="10"/>
    </row>
    <row r="136133" spans="14:14">
      <c r="N136133" s="10"/>
    </row>
    <row r="136134" spans="14:14">
      <c r="N136134" s="10"/>
    </row>
    <row r="136135" spans="14:14">
      <c r="N136135" s="10"/>
    </row>
    <row r="136136" spans="14:14">
      <c r="N136136" s="10"/>
    </row>
    <row r="136137" spans="14:14">
      <c r="N136137" s="10"/>
    </row>
    <row r="136138" spans="14:14">
      <c r="N136138" s="10"/>
    </row>
    <row r="136139" spans="14:14">
      <c r="N136139" s="10"/>
    </row>
    <row r="136140" spans="14:14">
      <c r="N136140" s="10"/>
    </row>
    <row r="136141" spans="14:14">
      <c r="N136141" s="10"/>
    </row>
    <row r="136142" spans="14:14">
      <c r="N136142" s="10"/>
    </row>
    <row r="136143" spans="14:14">
      <c r="N136143" s="10"/>
    </row>
    <row r="136144" spans="14:14">
      <c r="N136144" s="10"/>
    </row>
    <row r="136145" spans="14:14">
      <c r="N136145" s="10"/>
    </row>
    <row r="136146" spans="14:14">
      <c r="N136146" s="10"/>
    </row>
    <row r="136147" spans="14:14">
      <c r="N136147" s="10"/>
    </row>
    <row r="136148" spans="14:14">
      <c r="N136148" s="10"/>
    </row>
    <row r="136149" spans="14:14">
      <c r="N136149" s="10"/>
    </row>
    <row r="136150" spans="14:14">
      <c r="N136150" s="10"/>
    </row>
    <row r="136151" spans="14:14">
      <c r="N136151" s="10"/>
    </row>
    <row r="136152" spans="14:14">
      <c r="N136152" s="10"/>
    </row>
    <row r="136153" spans="14:14">
      <c r="N136153" s="10"/>
    </row>
    <row r="136154" spans="14:14">
      <c r="N136154" s="10"/>
    </row>
    <row r="136155" spans="14:14">
      <c r="N136155" s="10"/>
    </row>
    <row r="136156" spans="14:14">
      <c r="N136156" s="10"/>
    </row>
    <row r="136157" spans="14:14">
      <c r="N136157" s="10"/>
    </row>
    <row r="136158" spans="14:14">
      <c r="N136158" s="10"/>
    </row>
    <row r="136159" spans="14:14">
      <c r="N136159" s="10"/>
    </row>
    <row r="136160" spans="14:14">
      <c r="N136160" s="10"/>
    </row>
    <row r="136161" spans="14:14">
      <c r="N136161" s="10"/>
    </row>
    <row r="136162" spans="14:14">
      <c r="N136162" s="10"/>
    </row>
    <row r="136163" spans="14:14">
      <c r="N136163" s="10"/>
    </row>
    <row r="136164" spans="14:14">
      <c r="N136164" s="10"/>
    </row>
    <row r="136165" spans="14:14">
      <c r="N136165" s="10"/>
    </row>
    <row r="136166" spans="14:14">
      <c r="N136166" s="10"/>
    </row>
    <row r="136167" spans="14:14">
      <c r="N136167" s="10"/>
    </row>
    <row r="136168" spans="14:14">
      <c r="N136168" s="10"/>
    </row>
    <row r="136169" spans="14:14">
      <c r="N136169" s="10"/>
    </row>
    <row r="136170" spans="14:14">
      <c r="N136170" s="10"/>
    </row>
    <row r="136171" spans="14:14">
      <c r="N136171" s="10"/>
    </row>
    <row r="136172" spans="14:14">
      <c r="N136172" s="10"/>
    </row>
    <row r="136173" spans="14:14">
      <c r="N136173" s="10"/>
    </row>
    <row r="136174" spans="14:14">
      <c r="N136174" s="10"/>
    </row>
    <row r="136175" spans="14:14">
      <c r="N136175" s="10"/>
    </row>
    <row r="136176" spans="14:14">
      <c r="N136176" s="10"/>
    </row>
    <row r="136177" spans="14:14">
      <c r="N136177" s="10"/>
    </row>
    <row r="136178" spans="14:14">
      <c r="N136178" s="10"/>
    </row>
    <row r="136179" spans="14:14">
      <c r="N136179" s="10"/>
    </row>
    <row r="136180" spans="14:14">
      <c r="N136180" s="10"/>
    </row>
    <row r="136181" spans="14:14">
      <c r="N136181" s="10"/>
    </row>
    <row r="136182" spans="14:14">
      <c r="N136182" s="10"/>
    </row>
    <row r="136183" spans="14:14">
      <c r="N136183" s="10"/>
    </row>
    <row r="136184" spans="14:14">
      <c r="N136184" s="10"/>
    </row>
    <row r="136185" spans="14:14">
      <c r="N136185" s="10"/>
    </row>
    <row r="136186" spans="14:14">
      <c r="N136186" s="10"/>
    </row>
    <row r="136187" spans="14:14">
      <c r="N136187" s="10"/>
    </row>
    <row r="136188" spans="14:14">
      <c r="N136188" s="10"/>
    </row>
    <row r="136189" spans="14:14">
      <c r="N136189" s="10"/>
    </row>
    <row r="136190" spans="14:14">
      <c r="N136190" s="10"/>
    </row>
    <row r="136191" spans="14:14">
      <c r="N136191" s="10"/>
    </row>
    <row r="136192" spans="14:14">
      <c r="N136192" s="10"/>
    </row>
    <row r="136193" spans="14:14">
      <c r="N136193" s="10"/>
    </row>
    <row r="136194" spans="14:14">
      <c r="N136194" s="10"/>
    </row>
    <row r="136195" spans="14:14">
      <c r="N136195" s="10"/>
    </row>
    <row r="136196" spans="14:14">
      <c r="N136196" s="10"/>
    </row>
    <row r="136197" spans="14:14">
      <c r="N136197" s="10"/>
    </row>
    <row r="136198" spans="14:14">
      <c r="N136198" s="10"/>
    </row>
    <row r="136199" spans="14:14">
      <c r="N136199" s="10"/>
    </row>
    <row r="136200" spans="14:14">
      <c r="N136200" s="10"/>
    </row>
    <row r="136201" spans="14:14">
      <c r="N136201" s="10"/>
    </row>
    <row r="136202" spans="14:14">
      <c r="N136202" s="10"/>
    </row>
    <row r="136203" spans="14:14">
      <c r="N136203" s="10"/>
    </row>
    <row r="136204" spans="14:14">
      <c r="N136204" s="10"/>
    </row>
    <row r="136205" spans="14:14">
      <c r="N136205" s="10"/>
    </row>
    <row r="136206" spans="14:14">
      <c r="N136206" s="10"/>
    </row>
    <row r="136207" spans="14:14">
      <c r="N136207" s="10"/>
    </row>
    <row r="136208" spans="14:14">
      <c r="N136208" s="10"/>
    </row>
    <row r="136209" spans="14:14">
      <c r="N136209" s="10"/>
    </row>
    <row r="136210" spans="14:14">
      <c r="N136210" s="10"/>
    </row>
    <row r="136211" spans="14:14">
      <c r="N136211" s="10"/>
    </row>
    <row r="136212" spans="14:14">
      <c r="N136212" s="10"/>
    </row>
    <row r="136213" spans="14:14">
      <c r="N136213" s="10"/>
    </row>
    <row r="136214" spans="14:14">
      <c r="N136214" s="10"/>
    </row>
    <row r="136215" spans="14:14">
      <c r="N136215" s="10"/>
    </row>
    <row r="136216" spans="14:14">
      <c r="N136216" s="10"/>
    </row>
    <row r="136217" spans="14:14">
      <c r="N136217" s="10"/>
    </row>
    <row r="136218" spans="14:14">
      <c r="N136218" s="10"/>
    </row>
    <row r="136219" spans="14:14">
      <c r="N136219" s="10"/>
    </row>
    <row r="136220" spans="14:14">
      <c r="N136220" s="10"/>
    </row>
    <row r="136221" spans="14:14">
      <c r="N136221" s="10"/>
    </row>
    <row r="136222" spans="14:14">
      <c r="N136222" s="10"/>
    </row>
    <row r="136223" spans="14:14">
      <c r="N136223" s="10"/>
    </row>
    <row r="136224" spans="14:14">
      <c r="N136224" s="10"/>
    </row>
    <row r="136225" spans="14:14">
      <c r="N136225" s="10"/>
    </row>
    <row r="136226" spans="14:14">
      <c r="N136226" s="10"/>
    </row>
    <row r="136227" spans="14:14">
      <c r="N136227" s="10"/>
    </row>
    <row r="136228" spans="14:14">
      <c r="N136228" s="10"/>
    </row>
    <row r="136229" spans="14:14">
      <c r="N136229" s="10"/>
    </row>
    <row r="136230" spans="14:14">
      <c r="N136230" s="10"/>
    </row>
    <row r="136231" spans="14:14">
      <c r="N136231" s="10"/>
    </row>
    <row r="136232" spans="14:14">
      <c r="N136232" s="10"/>
    </row>
    <row r="136233" spans="14:14">
      <c r="N136233" s="10"/>
    </row>
    <row r="136234" spans="14:14">
      <c r="N136234" s="10"/>
    </row>
    <row r="136235" spans="14:14">
      <c r="N136235" s="10"/>
    </row>
    <row r="136236" spans="14:14">
      <c r="N136236" s="10"/>
    </row>
    <row r="136237" spans="14:14">
      <c r="N136237" s="10"/>
    </row>
    <row r="136238" spans="14:14">
      <c r="N136238" s="10"/>
    </row>
    <row r="136239" spans="14:14">
      <c r="N136239" s="10"/>
    </row>
    <row r="136240" spans="14:14">
      <c r="N136240" s="10"/>
    </row>
    <row r="136241" spans="14:14">
      <c r="N136241" s="10"/>
    </row>
    <row r="136242" spans="14:14">
      <c r="N136242" s="10"/>
    </row>
    <row r="136243" spans="14:14">
      <c r="N136243" s="10"/>
    </row>
    <row r="136244" spans="14:14">
      <c r="N136244" s="10"/>
    </row>
    <row r="136245" spans="14:14">
      <c r="N136245" s="10"/>
    </row>
    <row r="136246" spans="14:14">
      <c r="N136246" s="10"/>
    </row>
    <row r="136247" spans="14:14">
      <c r="N136247" s="10"/>
    </row>
    <row r="136248" spans="14:14">
      <c r="N136248" s="10"/>
    </row>
    <row r="136249" spans="14:14">
      <c r="N136249" s="10"/>
    </row>
    <row r="136250" spans="14:14">
      <c r="N136250" s="10"/>
    </row>
    <row r="136251" spans="14:14">
      <c r="N136251" s="10"/>
    </row>
    <row r="136252" spans="14:14">
      <c r="N136252" s="10"/>
    </row>
    <row r="136253" spans="14:14">
      <c r="N136253" s="10"/>
    </row>
    <row r="136254" spans="14:14">
      <c r="N136254" s="10"/>
    </row>
    <row r="136255" spans="14:14">
      <c r="N136255" s="10"/>
    </row>
    <row r="136256" spans="14:14">
      <c r="N136256" s="10"/>
    </row>
    <row r="136257" spans="14:14">
      <c r="N136257" s="10"/>
    </row>
    <row r="136258" spans="14:14">
      <c r="N136258" s="10"/>
    </row>
    <row r="136259" spans="14:14">
      <c r="N136259" s="10"/>
    </row>
    <row r="136260" spans="14:14">
      <c r="N136260" s="10"/>
    </row>
    <row r="136261" spans="14:14">
      <c r="N136261" s="10"/>
    </row>
    <row r="136262" spans="14:14">
      <c r="N136262" s="10"/>
    </row>
    <row r="136263" spans="14:14">
      <c r="N136263" s="10"/>
    </row>
    <row r="136264" spans="14:14">
      <c r="N136264" s="10"/>
    </row>
    <row r="136265" spans="14:14">
      <c r="N136265" s="10"/>
    </row>
    <row r="136266" spans="14:14">
      <c r="N136266" s="10"/>
    </row>
    <row r="136267" spans="14:14">
      <c r="N136267" s="10"/>
    </row>
    <row r="136268" spans="14:14">
      <c r="N136268" s="10"/>
    </row>
    <row r="136269" spans="14:14">
      <c r="N136269" s="10"/>
    </row>
    <row r="136270" spans="14:14">
      <c r="N136270" s="10"/>
    </row>
    <row r="136271" spans="14:14">
      <c r="N136271" s="10"/>
    </row>
    <row r="136272" spans="14:14">
      <c r="N136272" s="10"/>
    </row>
    <row r="136273" spans="14:14">
      <c r="N136273" s="10"/>
    </row>
    <row r="136274" spans="14:14">
      <c r="N136274" s="10"/>
    </row>
    <row r="136275" spans="14:14">
      <c r="N136275" s="10"/>
    </row>
    <row r="136276" spans="14:14">
      <c r="N136276" s="10"/>
    </row>
    <row r="136277" spans="14:14">
      <c r="N136277" s="10"/>
    </row>
    <row r="136278" spans="14:14">
      <c r="N136278" s="10"/>
    </row>
    <row r="136279" spans="14:14">
      <c r="N136279" s="10"/>
    </row>
    <row r="136280" spans="14:14">
      <c r="N136280" s="10"/>
    </row>
    <row r="136281" spans="14:14">
      <c r="N136281" s="10"/>
    </row>
    <row r="136282" spans="14:14">
      <c r="N136282" s="10"/>
    </row>
    <row r="136283" spans="14:14">
      <c r="N136283" s="10"/>
    </row>
    <row r="136284" spans="14:14">
      <c r="N136284" s="10"/>
    </row>
    <row r="136285" spans="14:14">
      <c r="N136285" s="10"/>
    </row>
    <row r="136286" spans="14:14">
      <c r="N136286" s="10"/>
    </row>
    <row r="136287" spans="14:14">
      <c r="N136287" s="10"/>
    </row>
    <row r="136288" spans="14:14">
      <c r="N136288" s="10"/>
    </row>
    <row r="136289" spans="14:14">
      <c r="N136289" s="10"/>
    </row>
    <row r="136290" spans="14:14">
      <c r="N136290" s="10"/>
    </row>
    <row r="136291" spans="14:14">
      <c r="N136291" s="10"/>
    </row>
    <row r="136292" spans="14:14">
      <c r="N136292" s="10"/>
    </row>
    <row r="136293" spans="14:14">
      <c r="N136293" s="10"/>
    </row>
    <row r="136294" spans="14:14">
      <c r="N136294" s="10"/>
    </row>
    <row r="136295" spans="14:14">
      <c r="N136295" s="10"/>
    </row>
    <row r="136296" spans="14:14">
      <c r="N136296" s="10"/>
    </row>
    <row r="136297" spans="14:14">
      <c r="N136297" s="10"/>
    </row>
    <row r="136298" spans="14:14">
      <c r="N136298" s="10"/>
    </row>
    <row r="136299" spans="14:14">
      <c r="N136299" s="10"/>
    </row>
    <row r="136300" spans="14:14">
      <c r="N136300" s="10"/>
    </row>
    <row r="136301" spans="14:14">
      <c r="N136301" s="10"/>
    </row>
    <row r="136302" spans="14:14">
      <c r="N136302" s="10"/>
    </row>
    <row r="136303" spans="14:14">
      <c r="N136303" s="10"/>
    </row>
    <row r="136304" spans="14:14">
      <c r="N136304" s="10"/>
    </row>
    <row r="136305" spans="14:14">
      <c r="N136305" s="10"/>
    </row>
    <row r="136306" spans="14:14">
      <c r="N136306" s="10"/>
    </row>
    <row r="136307" spans="14:14">
      <c r="N136307" s="10"/>
    </row>
    <row r="136308" spans="14:14">
      <c r="N136308" s="10"/>
    </row>
    <row r="136309" spans="14:14">
      <c r="N136309" s="10"/>
    </row>
    <row r="136310" spans="14:14">
      <c r="N136310" s="10"/>
    </row>
    <row r="136311" spans="14:14">
      <c r="N136311" s="10"/>
    </row>
    <row r="136312" spans="14:14">
      <c r="N136312" s="10"/>
    </row>
    <row r="136313" spans="14:14">
      <c r="N136313" s="10"/>
    </row>
    <row r="136314" spans="14:14">
      <c r="N136314" s="10"/>
    </row>
    <row r="136315" spans="14:14">
      <c r="N136315" s="10"/>
    </row>
    <row r="136316" spans="14:14">
      <c r="N136316" s="10"/>
    </row>
    <row r="136317" spans="14:14">
      <c r="N136317" s="10"/>
    </row>
    <row r="136318" spans="14:14">
      <c r="N136318" s="10"/>
    </row>
    <row r="136319" spans="14:14">
      <c r="N136319" s="10"/>
    </row>
    <row r="136320" spans="14:14">
      <c r="N136320" s="10"/>
    </row>
    <row r="136321" spans="14:14">
      <c r="N136321" s="10"/>
    </row>
    <row r="136322" spans="14:14">
      <c r="N136322" s="10"/>
    </row>
    <row r="136323" spans="14:14">
      <c r="N136323" s="10"/>
    </row>
    <row r="136324" spans="14:14">
      <c r="N136324" s="10"/>
    </row>
    <row r="136325" spans="14:14">
      <c r="N136325" s="10"/>
    </row>
    <row r="136326" spans="14:14">
      <c r="N136326" s="10"/>
    </row>
    <row r="136327" spans="14:14">
      <c r="N136327" s="10"/>
    </row>
    <row r="136328" spans="14:14">
      <c r="N136328" s="10"/>
    </row>
    <row r="136329" spans="14:14">
      <c r="N136329" s="10"/>
    </row>
    <row r="136330" spans="14:14">
      <c r="N136330" s="10"/>
    </row>
    <row r="136331" spans="14:14">
      <c r="N136331" s="10"/>
    </row>
    <row r="136332" spans="14:14">
      <c r="N136332" s="10"/>
    </row>
    <row r="136333" spans="14:14">
      <c r="N136333" s="10"/>
    </row>
    <row r="136334" spans="14:14">
      <c r="N136334" s="10"/>
    </row>
    <row r="136335" spans="14:14">
      <c r="N136335" s="10"/>
    </row>
    <row r="136336" spans="14:14">
      <c r="N136336" s="10"/>
    </row>
    <row r="136337" spans="14:14">
      <c r="N136337" s="10"/>
    </row>
    <row r="136338" spans="14:14">
      <c r="N136338" s="10"/>
    </row>
    <row r="136339" spans="14:14">
      <c r="N136339" s="10"/>
    </row>
    <row r="136340" spans="14:14">
      <c r="N136340" s="10"/>
    </row>
    <row r="136341" spans="14:14">
      <c r="N136341" s="10"/>
    </row>
    <row r="136342" spans="14:14">
      <c r="N136342" s="10"/>
    </row>
    <row r="136343" spans="14:14">
      <c r="N136343" s="10"/>
    </row>
    <row r="136344" spans="14:14">
      <c r="N136344" s="10"/>
    </row>
    <row r="136345" spans="14:14">
      <c r="N136345" s="10"/>
    </row>
    <row r="136346" spans="14:14">
      <c r="N136346" s="10"/>
    </row>
    <row r="136347" spans="14:14">
      <c r="N136347" s="10"/>
    </row>
    <row r="136348" spans="14:14">
      <c r="N136348" s="10"/>
    </row>
    <row r="136349" spans="14:14">
      <c r="N136349" s="10"/>
    </row>
    <row r="136350" spans="14:14">
      <c r="N136350" s="10"/>
    </row>
    <row r="136351" spans="14:14">
      <c r="N136351" s="10"/>
    </row>
    <row r="136352" spans="14:14">
      <c r="N136352" s="10"/>
    </row>
    <row r="136353" spans="14:14">
      <c r="N136353" s="10"/>
    </row>
    <row r="136354" spans="14:14">
      <c r="N136354" s="10"/>
    </row>
    <row r="136355" spans="14:14">
      <c r="N136355" s="10"/>
    </row>
    <row r="136356" spans="14:14">
      <c r="N136356" s="10"/>
    </row>
    <row r="136357" spans="14:14">
      <c r="N136357" s="10"/>
    </row>
    <row r="136358" spans="14:14">
      <c r="N136358" s="10"/>
    </row>
    <row r="136359" spans="14:14">
      <c r="N136359" s="10"/>
    </row>
    <row r="136360" spans="14:14">
      <c r="N136360" s="10"/>
    </row>
    <row r="136361" spans="14:14">
      <c r="N136361" s="10"/>
    </row>
    <row r="136362" spans="14:14">
      <c r="N136362" s="10"/>
    </row>
    <row r="136363" spans="14:14">
      <c r="N136363" s="10"/>
    </row>
    <row r="136364" spans="14:14">
      <c r="N136364" s="10"/>
    </row>
    <row r="136365" spans="14:14">
      <c r="N136365" s="10"/>
    </row>
    <row r="136366" spans="14:14">
      <c r="N136366" s="10"/>
    </row>
    <row r="136367" spans="14:14">
      <c r="N136367" s="10"/>
    </row>
    <row r="136368" spans="14:14">
      <c r="N136368" s="10"/>
    </row>
    <row r="136369" spans="14:14">
      <c r="N136369" s="10"/>
    </row>
    <row r="136370" spans="14:14">
      <c r="N136370" s="10"/>
    </row>
    <row r="136371" spans="14:14">
      <c r="N136371" s="10"/>
    </row>
    <row r="136372" spans="14:14">
      <c r="N136372" s="10"/>
    </row>
    <row r="136373" spans="14:14">
      <c r="N136373" s="10"/>
    </row>
    <row r="136374" spans="14:14">
      <c r="N136374" s="10"/>
    </row>
    <row r="136375" spans="14:14">
      <c r="N136375" s="10"/>
    </row>
    <row r="136376" spans="14:14">
      <c r="N136376" s="10"/>
    </row>
    <row r="136377" spans="14:14">
      <c r="N136377" s="10"/>
    </row>
    <row r="136378" spans="14:14">
      <c r="N136378" s="10"/>
    </row>
    <row r="136379" spans="14:14">
      <c r="N136379" s="10"/>
    </row>
    <row r="136380" spans="14:14">
      <c r="N136380" s="10"/>
    </row>
    <row r="136381" spans="14:14">
      <c r="N136381" s="10"/>
    </row>
    <row r="136382" spans="14:14">
      <c r="N136382" s="10"/>
    </row>
    <row r="136383" spans="14:14">
      <c r="N136383" s="10"/>
    </row>
    <row r="136384" spans="14:14">
      <c r="N136384" s="10"/>
    </row>
    <row r="136385" spans="14:14">
      <c r="N136385" s="10"/>
    </row>
    <row r="136386" spans="14:14">
      <c r="N136386" s="10"/>
    </row>
    <row r="136387" spans="14:14">
      <c r="N136387" s="10"/>
    </row>
    <row r="136388" spans="14:14">
      <c r="N136388" s="10"/>
    </row>
    <row r="136389" spans="14:14">
      <c r="N136389" s="10"/>
    </row>
    <row r="136390" spans="14:14">
      <c r="N136390" s="10"/>
    </row>
    <row r="136391" spans="14:14">
      <c r="N136391" s="10"/>
    </row>
    <row r="136392" spans="14:14">
      <c r="N136392" s="10"/>
    </row>
    <row r="136393" spans="14:14">
      <c r="N136393" s="10"/>
    </row>
    <row r="136394" spans="14:14">
      <c r="N136394" s="10"/>
    </row>
    <row r="136395" spans="14:14">
      <c r="N136395" s="10"/>
    </row>
    <row r="136396" spans="14:14">
      <c r="N136396" s="10"/>
    </row>
    <row r="136397" spans="14:14">
      <c r="N136397" s="10"/>
    </row>
    <row r="136398" spans="14:14">
      <c r="N136398" s="10"/>
    </row>
    <row r="136399" spans="14:14">
      <c r="N136399" s="10"/>
    </row>
    <row r="136400" spans="14:14">
      <c r="N136400" s="10"/>
    </row>
    <row r="136401" spans="14:14">
      <c r="N136401" s="10"/>
    </row>
    <row r="136402" spans="14:14">
      <c r="N136402" s="10"/>
    </row>
    <row r="136403" spans="14:14">
      <c r="N136403" s="10"/>
    </row>
    <row r="136404" spans="14:14">
      <c r="N136404" s="10"/>
    </row>
    <row r="136405" spans="14:14">
      <c r="N136405" s="10"/>
    </row>
    <row r="136406" spans="14:14">
      <c r="N136406" s="10"/>
    </row>
    <row r="136407" spans="14:14">
      <c r="N136407" s="10"/>
    </row>
    <row r="136408" spans="14:14">
      <c r="N136408" s="10"/>
    </row>
    <row r="136409" spans="14:14">
      <c r="N136409" s="10"/>
    </row>
    <row r="136410" spans="14:14">
      <c r="N136410" s="10"/>
    </row>
    <row r="136411" spans="14:14">
      <c r="N136411" s="10"/>
    </row>
    <row r="136412" spans="14:14">
      <c r="N136412" s="10"/>
    </row>
    <row r="136413" spans="14:14">
      <c r="N136413" s="10"/>
    </row>
    <row r="136414" spans="14:14">
      <c r="N136414" s="10"/>
    </row>
    <row r="136415" spans="14:14">
      <c r="N136415" s="10"/>
    </row>
    <row r="136416" spans="14:14">
      <c r="N136416" s="10"/>
    </row>
    <row r="136417" spans="14:14">
      <c r="N136417" s="10"/>
    </row>
    <row r="136418" spans="14:14">
      <c r="N136418" s="10"/>
    </row>
    <row r="136419" spans="14:14">
      <c r="N136419" s="10"/>
    </row>
    <row r="136420" spans="14:14">
      <c r="N136420" s="10"/>
    </row>
    <row r="136421" spans="14:14">
      <c r="N136421" s="10"/>
    </row>
    <row r="136422" spans="14:14">
      <c r="N136422" s="10"/>
    </row>
    <row r="136423" spans="14:14">
      <c r="N136423" s="10"/>
    </row>
    <row r="136424" spans="14:14">
      <c r="N136424" s="10"/>
    </row>
    <row r="136425" spans="14:14">
      <c r="N136425" s="10"/>
    </row>
    <row r="136426" spans="14:14">
      <c r="N136426" s="10"/>
    </row>
    <row r="136427" spans="14:14">
      <c r="N136427" s="10"/>
    </row>
    <row r="136428" spans="14:14">
      <c r="N136428" s="10"/>
    </row>
    <row r="136429" spans="14:14">
      <c r="N136429" s="10"/>
    </row>
    <row r="136430" spans="14:14">
      <c r="N136430" s="10"/>
    </row>
    <row r="136431" spans="14:14">
      <c r="N136431" s="10"/>
    </row>
    <row r="136432" spans="14:14">
      <c r="N136432" s="10"/>
    </row>
    <row r="136433" spans="14:14">
      <c r="N136433" s="10"/>
    </row>
    <row r="136434" spans="14:14">
      <c r="N136434" s="10"/>
    </row>
    <row r="136435" spans="14:14">
      <c r="N136435" s="10"/>
    </row>
    <row r="136436" spans="14:14">
      <c r="N136436" s="10"/>
    </row>
    <row r="136437" spans="14:14">
      <c r="N136437" s="10"/>
    </row>
    <row r="136438" spans="14:14">
      <c r="N136438" s="10"/>
    </row>
    <row r="136439" spans="14:14">
      <c r="N136439" s="10"/>
    </row>
    <row r="136440" spans="14:14">
      <c r="N136440" s="10"/>
    </row>
    <row r="136441" spans="14:14">
      <c r="N136441" s="10"/>
    </row>
    <row r="136442" spans="14:14">
      <c r="N136442" s="10"/>
    </row>
    <row r="136443" spans="14:14">
      <c r="N136443" s="10"/>
    </row>
    <row r="136444" spans="14:14">
      <c r="N136444" s="10"/>
    </row>
    <row r="136445" spans="14:14">
      <c r="N136445" s="10"/>
    </row>
    <row r="136446" spans="14:14">
      <c r="N136446" s="10"/>
    </row>
    <row r="136447" spans="14:14">
      <c r="N136447" s="10"/>
    </row>
    <row r="136448" spans="14:14">
      <c r="N136448" s="10"/>
    </row>
    <row r="136449" spans="14:14">
      <c r="N136449" s="10"/>
    </row>
    <row r="136450" spans="14:14">
      <c r="N136450" s="10"/>
    </row>
    <row r="136451" spans="14:14">
      <c r="N136451" s="10"/>
    </row>
    <row r="136452" spans="14:14">
      <c r="N136452" s="10"/>
    </row>
    <row r="136453" spans="14:14">
      <c r="N136453" s="10"/>
    </row>
    <row r="136454" spans="14:14">
      <c r="N136454" s="10"/>
    </row>
    <row r="136455" spans="14:14">
      <c r="N136455" s="10"/>
    </row>
    <row r="136456" spans="14:14">
      <c r="N136456" s="10"/>
    </row>
    <row r="136457" spans="14:14">
      <c r="N136457" s="10"/>
    </row>
    <row r="136458" spans="14:14">
      <c r="N136458" s="10"/>
    </row>
    <row r="136459" spans="14:14">
      <c r="N136459" s="10"/>
    </row>
    <row r="136460" spans="14:14">
      <c r="N136460" s="10"/>
    </row>
    <row r="136461" spans="14:14">
      <c r="N136461" s="10"/>
    </row>
    <row r="136462" spans="14:14">
      <c r="N136462" s="10"/>
    </row>
    <row r="136463" spans="14:14">
      <c r="N136463" s="10"/>
    </row>
    <row r="136464" spans="14:14">
      <c r="N136464" s="10"/>
    </row>
    <row r="136465" spans="14:14">
      <c r="N136465" s="10"/>
    </row>
    <row r="136466" spans="14:14">
      <c r="N136466" s="10"/>
    </row>
    <row r="136467" spans="14:14">
      <c r="N136467" s="10"/>
    </row>
    <row r="136468" spans="14:14">
      <c r="N136468" s="10"/>
    </row>
    <row r="136469" spans="14:14">
      <c r="N136469" s="10"/>
    </row>
    <row r="136470" spans="14:14">
      <c r="N136470" s="10"/>
    </row>
    <row r="136471" spans="14:14">
      <c r="N136471" s="10"/>
    </row>
    <row r="136472" spans="14:14">
      <c r="N136472" s="10"/>
    </row>
    <row r="136473" spans="14:14">
      <c r="N136473" s="10"/>
    </row>
    <row r="136474" spans="14:14">
      <c r="N136474" s="10"/>
    </row>
    <row r="136475" spans="14:14">
      <c r="N136475" s="10"/>
    </row>
    <row r="136476" spans="14:14">
      <c r="N136476" s="10"/>
    </row>
    <row r="136477" spans="14:14">
      <c r="N136477" s="10"/>
    </row>
    <row r="136478" spans="14:14">
      <c r="N136478" s="10"/>
    </row>
    <row r="136479" spans="14:14">
      <c r="N136479" s="10"/>
    </row>
    <row r="136480" spans="14:14">
      <c r="N136480" s="10"/>
    </row>
    <row r="136481" spans="14:14">
      <c r="N136481" s="10"/>
    </row>
    <row r="136482" spans="14:14">
      <c r="N136482" s="10"/>
    </row>
    <row r="136483" spans="14:14">
      <c r="N136483" s="10"/>
    </row>
    <row r="136484" spans="14:14">
      <c r="N136484" s="10"/>
    </row>
    <row r="136485" spans="14:14">
      <c r="N136485" s="10"/>
    </row>
    <row r="136486" spans="14:14">
      <c r="N136486" s="10"/>
    </row>
    <row r="136487" spans="14:14">
      <c r="N136487" s="10"/>
    </row>
    <row r="136488" spans="14:14">
      <c r="N136488" s="10"/>
    </row>
    <row r="136489" spans="14:14">
      <c r="N136489" s="10"/>
    </row>
    <row r="136490" spans="14:14">
      <c r="N136490" s="10"/>
    </row>
    <row r="136491" spans="14:14">
      <c r="N136491" s="10"/>
    </row>
    <row r="136492" spans="14:14">
      <c r="N136492" s="10"/>
    </row>
    <row r="136493" spans="14:14">
      <c r="N136493" s="10"/>
    </row>
    <row r="136494" spans="14:14">
      <c r="N136494" s="10"/>
    </row>
    <row r="136495" spans="14:14">
      <c r="N136495" s="10"/>
    </row>
    <row r="136496" spans="14:14">
      <c r="N136496" s="10"/>
    </row>
    <row r="136497" spans="14:14">
      <c r="N136497" s="10"/>
    </row>
    <row r="136498" spans="14:14">
      <c r="N136498" s="10"/>
    </row>
    <row r="136499" spans="14:14">
      <c r="N136499" s="10"/>
    </row>
    <row r="136500" spans="14:14">
      <c r="N136500" s="10"/>
    </row>
    <row r="136501" spans="14:14">
      <c r="N136501" s="10"/>
    </row>
    <row r="136502" spans="14:14">
      <c r="N136502" s="10"/>
    </row>
    <row r="136503" spans="14:14">
      <c r="N136503" s="10"/>
    </row>
    <row r="136504" spans="14:14">
      <c r="N136504" s="10"/>
    </row>
    <row r="136505" spans="14:14">
      <c r="N136505" s="10"/>
    </row>
    <row r="136506" spans="14:14">
      <c r="N136506" s="10"/>
    </row>
    <row r="136507" spans="14:14">
      <c r="N136507" s="10"/>
    </row>
    <row r="136508" spans="14:14">
      <c r="N136508" s="10"/>
    </row>
    <row r="136509" spans="14:14">
      <c r="N136509" s="10"/>
    </row>
    <row r="136510" spans="14:14">
      <c r="N136510" s="10"/>
    </row>
    <row r="136511" spans="14:14">
      <c r="N136511" s="10"/>
    </row>
    <row r="136512" spans="14:14">
      <c r="N136512" s="10"/>
    </row>
    <row r="136513" spans="14:14">
      <c r="N136513" s="10"/>
    </row>
    <row r="136514" spans="14:14">
      <c r="N136514" s="10"/>
    </row>
    <row r="136515" spans="14:14">
      <c r="N136515" s="10"/>
    </row>
    <row r="136516" spans="14:14">
      <c r="N136516" s="10"/>
    </row>
    <row r="136517" spans="14:14">
      <c r="N136517" s="10"/>
    </row>
    <row r="136518" spans="14:14">
      <c r="N136518" s="10"/>
    </row>
    <row r="136519" spans="14:14">
      <c r="N136519" s="10"/>
    </row>
    <row r="136520" spans="14:14">
      <c r="N136520" s="10"/>
    </row>
    <row r="136521" spans="14:14">
      <c r="N136521" s="10"/>
    </row>
    <row r="136522" spans="14:14">
      <c r="N136522" s="10"/>
    </row>
    <row r="136523" spans="14:14">
      <c r="N136523" s="10"/>
    </row>
    <row r="136524" spans="14:14">
      <c r="N136524" s="10"/>
    </row>
    <row r="136525" spans="14:14">
      <c r="N136525" s="10"/>
    </row>
    <row r="136526" spans="14:14">
      <c r="N136526" s="10"/>
    </row>
    <row r="136527" spans="14:14">
      <c r="N136527" s="10"/>
    </row>
    <row r="136528" spans="14:14">
      <c r="N136528" s="10"/>
    </row>
    <row r="136529" spans="14:14">
      <c r="N136529" s="10"/>
    </row>
    <row r="136530" spans="14:14">
      <c r="N136530" s="10"/>
    </row>
    <row r="136531" spans="14:14">
      <c r="N136531" s="10"/>
    </row>
    <row r="136532" spans="14:14">
      <c r="N136532" s="10"/>
    </row>
    <row r="136533" spans="14:14">
      <c r="N136533" s="10"/>
    </row>
    <row r="136534" spans="14:14">
      <c r="N136534" s="10"/>
    </row>
    <row r="136535" spans="14:14">
      <c r="N136535" s="10"/>
    </row>
    <row r="136536" spans="14:14">
      <c r="N136536" s="10"/>
    </row>
    <row r="136537" spans="14:14">
      <c r="N136537" s="10"/>
    </row>
    <row r="136538" spans="14:14">
      <c r="N136538" s="10"/>
    </row>
    <row r="136539" spans="14:14">
      <c r="N136539" s="10"/>
    </row>
    <row r="136540" spans="14:14">
      <c r="N136540" s="10"/>
    </row>
    <row r="136541" spans="14:14">
      <c r="N136541" s="10"/>
    </row>
    <row r="136542" spans="14:14">
      <c r="N136542" s="10"/>
    </row>
    <row r="136543" spans="14:14">
      <c r="N136543" s="10"/>
    </row>
    <row r="136544" spans="14:14">
      <c r="N136544" s="10"/>
    </row>
    <row r="136545" spans="14:14">
      <c r="N136545" s="10"/>
    </row>
    <row r="136546" spans="14:14">
      <c r="N136546" s="10"/>
    </row>
    <row r="136547" spans="14:14">
      <c r="N136547" s="10"/>
    </row>
    <row r="136548" spans="14:14">
      <c r="N136548" s="10"/>
    </row>
    <row r="136549" spans="14:14">
      <c r="N136549" s="10"/>
    </row>
    <row r="136550" spans="14:14">
      <c r="N136550" s="10"/>
    </row>
    <row r="136551" spans="14:14">
      <c r="N136551" s="10"/>
    </row>
    <row r="136552" spans="14:14">
      <c r="N136552" s="10"/>
    </row>
    <row r="136553" spans="14:14">
      <c r="N136553" s="10"/>
    </row>
    <row r="136554" spans="14:14">
      <c r="N136554" s="10"/>
    </row>
    <row r="136555" spans="14:14">
      <c r="N136555" s="10"/>
    </row>
    <row r="136556" spans="14:14">
      <c r="N136556" s="10"/>
    </row>
    <row r="136557" spans="14:14">
      <c r="N136557" s="10"/>
    </row>
    <row r="136558" spans="14:14">
      <c r="N136558" s="10"/>
    </row>
    <row r="136559" spans="14:14">
      <c r="N136559" s="10"/>
    </row>
    <row r="136560" spans="14:14">
      <c r="N136560" s="10"/>
    </row>
    <row r="136561" spans="14:14">
      <c r="N136561" s="10"/>
    </row>
    <row r="136562" spans="14:14">
      <c r="N136562" s="10"/>
    </row>
    <row r="136563" spans="14:14">
      <c r="N136563" s="10"/>
    </row>
    <row r="136564" spans="14:14">
      <c r="N136564" s="10"/>
    </row>
    <row r="136565" spans="14:14">
      <c r="N136565" s="10"/>
    </row>
    <row r="136566" spans="14:14">
      <c r="N136566" s="10"/>
    </row>
    <row r="136567" spans="14:14">
      <c r="N136567" s="10"/>
    </row>
    <row r="136568" spans="14:14">
      <c r="N136568" s="10"/>
    </row>
    <row r="136569" spans="14:14">
      <c r="N136569" s="10"/>
    </row>
    <row r="136570" spans="14:14">
      <c r="N136570" s="10"/>
    </row>
    <row r="136571" spans="14:14">
      <c r="N136571" s="10"/>
    </row>
    <row r="136572" spans="14:14">
      <c r="N136572" s="10"/>
    </row>
    <row r="136573" spans="14:14">
      <c r="N136573" s="10"/>
    </row>
    <row r="136574" spans="14:14">
      <c r="N136574" s="10"/>
    </row>
    <row r="136575" spans="14:14">
      <c r="N136575" s="10"/>
    </row>
    <row r="136576" spans="14:14">
      <c r="N136576" s="10"/>
    </row>
    <row r="136577" spans="14:14">
      <c r="N136577" s="10"/>
    </row>
    <row r="136578" spans="14:14">
      <c r="N136578" s="10"/>
    </row>
    <row r="136579" spans="14:14">
      <c r="N136579" s="10"/>
    </row>
    <row r="136580" spans="14:14">
      <c r="N136580" s="10"/>
    </row>
    <row r="136581" spans="14:14">
      <c r="N136581" s="10"/>
    </row>
    <row r="136582" spans="14:14">
      <c r="N136582" s="10"/>
    </row>
    <row r="136583" spans="14:14">
      <c r="N136583" s="10"/>
    </row>
    <row r="136584" spans="14:14">
      <c r="N136584" s="10"/>
    </row>
    <row r="136585" spans="14:14">
      <c r="N136585" s="10"/>
    </row>
    <row r="136586" spans="14:14">
      <c r="N136586" s="10"/>
    </row>
    <row r="136587" spans="14:14">
      <c r="N136587" s="10"/>
    </row>
    <row r="136588" spans="14:14">
      <c r="N136588" s="10"/>
    </row>
    <row r="136589" spans="14:14">
      <c r="N136589" s="10"/>
    </row>
    <row r="136590" spans="14:14">
      <c r="N136590" s="10"/>
    </row>
    <row r="136591" spans="14:14">
      <c r="N136591" s="10"/>
    </row>
    <row r="136592" spans="14:14">
      <c r="N136592" s="10"/>
    </row>
    <row r="136593" spans="14:14">
      <c r="N136593" s="10"/>
    </row>
    <row r="136594" spans="14:14">
      <c r="N136594" s="10"/>
    </row>
    <row r="136595" spans="14:14">
      <c r="N136595" s="10"/>
    </row>
    <row r="136596" spans="14:14">
      <c r="N136596" s="10"/>
    </row>
    <row r="136597" spans="14:14">
      <c r="N136597" s="10"/>
    </row>
    <row r="136598" spans="14:14">
      <c r="N136598" s="10"/>
    </row>
    <row r="136599" spans="14:14">
      <c r="N136599" s="10"/>
    </row>
    <row r="136600" spans="14:14">
      <c r="N136600" s="10"/>
    </row>
    <row r="136601" spans="14:14">
      <c r="N136601" s="10"/>
    </row>
    <row r="136602" spans="14:14">
      <c r="N136602" s="10"/>
    </row>
    <row r="136603" spans="14:14">
      <c r="N136603" s="10"/>
    </row>
    <row r="136604" spans="14:14">
      <c r="N136604" s="10"/>
    </row>
    <row r="136605" spans="14:14">
      <c r="N136605" s="10"/>
    </row>
    <row r="136606" spans="14:14">
      <c r="N136606" s="10"/>
    </row>
    <row r="136607" spans="14:14">
      <c r="N136607" s="10"/>
    </row>
    <row r="136608" spans="14:14">
      <c r="N136608" s="10"/>
    </row>
    <row r="136609" spans="14:14">
      <c r="N136609" s="10"/>
    </row>
    <row r="136610" spans="14:14">
      <c r="N136610" s="10"/>
    </row>
    <row r="136611" spans="14:14">
      <c r="N136611" s="10"/>
    </row>
    <row r="136612" spans="14:14">
      <c r="N136612" s="10"/>
    </row>
    <row r="136613" spans="14:14">
      <c r="N136613" s="10"/>
    </row>
    <row r="136614" spans="14:14">
      <c r="N136614" s="10"/>
    </row>
    <row r="136615" spans="14:14">
      <c r="N136615" s="10"/>
    </row>
    <row r="136616" spans="14:14">
      <c r="N136616" s="10"/>
    </row>
    <row r="136617" spans="14:14">
      <c r="N136617" s="10"/>
    </row>
    <row r="136618" spans="14:14">
      <c r="N136618" s="10"/>
    </row>
    <row r="136619" spans="14:14">
      <c r="N136619" s="10"/>
    </row>
    <row r="136620" spans="14:14">
      <c r="N136620" s="10"/>
    </row>
    <row r="136621" spans="14:14">
      <c r="N136621" s="10"/>
    </row>
    <row r="136622" spans="14:14">
      <c r="N136622" s="10"/>
    </row>
    <row r="136623" spans="14:14">
      <c r="N136623" s="10"/>
    </row>
    <row r="136624" spans="14:14">
      <c r="N136624" s="10"/>
    </row>
    <row r="136625" spans="14:14">
      <c r="N136625" s="10"/>
    </row>
    <row r="136626" spans="14:14">
      <c r="N136626" s="10"/>
    </row>
    <row r="136627" spans="14:14">
      <c r="N136627" s="10"/>
    </row>
    <row r="136628" spans="14:14">
      <c r="N136628" s="10"/>
    </row>
    <row r="136629" spans="14:14">
      <c r="N136629" s="10"/>
    </row>
    <row r="136630" spans="14:14">
      <c r="N136630" s="10"/>
    </row>
    <row r="136631" spans="14:14">
      <c r="N136631" s="10"/>
    </row>
    <row r="136632" spans="14:14">
      <c r="N136632" s="10"/>
    </row>
    <row r="136633" spans="14:14">
      <c r="N136633" s="10"/>
    </row>
    <row r="136634" spans="14:14">
      <c r="N136634" s="10"/>
    </row>
    <row r="136635" spans="14:14">
      <c r="N136635" s="10"/>
    </row>
    <row r="136636" spans="14:14">
      <c r="N136636" s="10"/>
    </row>
    <row r="136637" spans="14:14">
      <c r="N136637" s="10"/>
    </row>
    <row r="136638" spans="14:14">
      <c r="N136638" s="10"/>
    </row>
    <row r="136639" spans="14:14">
      <c r="N136639" s="10"/>
    </row>
    <row r="136640" spans="14:14">
      <c r="N136640" s="10"/>
    </row>
    <row r="136641" spans="14:14">
      <c r="N136641" s="10"/>
    </row>
    <row r="136642" spans="14:14">
      <c r="N136642" s="10"/>
    </row>
    <row r="136643" spans="14:14">
      <c r="N136643" s="10"/>
    </row>
    <row r="136644" spans="14:14">
      <c r="N136644" s="10"/>
    </row>
    <row r="136645" spans="14:14">
      <c r="N136645" s="10"/>
    </row>
    <row r="136646" spans="14:14">
      <c r="N136646" s="10"/>
    </row>
    <row r="136647" spans="14:14">
      <c r="N136647" s="10"/>
    </row>
    <row r="136648" spans="14:14">
      <c r="N136648" s="10"/>
    </row>
    <row r="136649" spans="14:14">
      <c r="N136649" s="10"/>
    </row>
    <row r="136650" spans="14:14">
      <c r="N136650" s="10"/>
    </row>
    <row r="136651" spans="14:14">
      <c r="N136651" s="10"/>
    </row>
    <row r="136652" spans="14:14">
      <c r="N136652" s="10"/>
    </row>
    <row r="136653" spans="14:14">
      <c r="N136653" s="10"/>
    </row>
    <row r="136654" spans="14:14">
      <c r="N136654" s="10"/>
    </row>
    <row r="136655" spans="14:14">
      <c r="N136655" s="10"/>
    </row>
    <row r="136656" spans="14:14">
      <c r="N136656" s="10"/>
    </row>
    <row r="136657" spans="14:14">
      <c r="N136657" s="10"/>
    </row>
    <row r="136658" spans="14:14">
      <c r="N136658" s="10"/>
    </row>
    <row r="136659" spans="14:14">
      <c r="N136659" s="10"/>
    </row>
    <row r="136660" spans="14:14">
      <c r="N136660" s="10"/>
    </row>
    <row r="136661" spans="14:14">
      <c r="N136661" s="10"/>
    </row>
    <row r="136662" spans="14:14">
      <c r="N136662" s="10"/>
    </row>
    <row r="136663" spans="14:14">
      <c r="N136663" s="10"/>
    </row>
    <row r="136664" spans="14:14">
      <c r="N136664" s="10"/>
    </row>
    <row r="136665" spans="14:14">
      <c r="N136665" s="10"/>
    </row>
    <row r="136666" spans="14:14">
      <c r="N136666" s="10"/>
    </row>
    <row r="136667" spans="14:14">
      <c r="N136667" s="10"/>
    </row>
    <row r="136668" spans="14:14">
      <c r="N136668" s="10"/>
    </row>
    <row r="136669" spans="14:14">
      <c r="N136669" s="10"/>
    </row>
    <row r="136670" spans="14:14">
      <c r="N136670" s="10"/>
    </row>
    <row r="136671" spans="14:14">
      <c r="N136671" s="10"/>
    </row>
    <row r="136672" spans="14:14">
      <c r="N136672" s="10"/>
    </row>
    <row r="136673" spans="14:14">
      <c r="N136673" s="10"/>
    </row>
    <row r="136674" spans="14:14">
      <c r="N136674" s="10"/>
    </row>
    <row r="136675" spans="14:14">
      <c r="N136675" s="10"/>
    </row>
    <row r="136676" spans="14:14">
      <c r="N136676" s="10"/>
    </row>
    <row r="136677" spans="14:14">
      <c r="N136677" s="10"/>
    </row>
    <row r="136678" spans="14:14">
      <c r="N136678" s="10"/>
    </row>
    <row r="136679" spans="14:14">
      <c r="N136679" s="10"/>
    </row>
    <row r="136680" spans="14:14">
      <c r="N136680" s="10"/>
    </row>
    <row r="136681" spans="14:14">
      <c r="N136681" s="10"/>
    </row>
    <row r="136682" spans="14:14">
      <c r="N136682" s="10"/>
    </row>
    <row r="136683" spans="14:14">
      <c r="N136683" s="10"/>
    </row>
    <row r="136684" spans="14:14">
      <c r="N136684" s="10"/>
    </row>
    <row r="136685" spans="14:14">
      <c r="N136685" s="10"/>
    </row>
    <row r="136686" spans="14:14">
      <c r="N136686" s="10"/>
    </row>
    <row r="136687" spans="14:14">
      <c r="N136687" s="10"/>
    </row>
    <row r="136688" spans="14:14">
      <c r="N136688" s="10"/>
    </row>
    <row r="136689" spans="14:14">
      <c r="N136689" s="10"/>
    </row>
    <row r="136690" spans="14:14">
      <c r="N136690" s="10"/>
    </row>
    <row r="136691" spans="14:14">
      <c r="N136691" s="10"/>
    </row>
    <row r="136692" spans="14:14">
      <c r="N136692" s="10"/>
    </row>
    <row r="136693" spans="14:14">
      <c r="N136693" s="10"/>
    </row>
    <row r="136694" spans="14:14">
      <c r="N136694" s="10"/>
    </row>
    <row r="136695" spans="14:14">
      <c r="N136695" s="10"/>
    </row>
    <row r="136696" spans="14:14">
      <c r="N136696" s="10"/>
    </row>
    <row r="136697" spans="14:14">
      <c r="N136697" s="10"/>
    </row>
    <row r="136698" spans="14:14">
      <c r="N136698" s="10"/>
    </row>
    <row r="136699" spans="14:14">
      <c r="N136699" s="10"/>
    </row>
    <row r="136700" spans="14:14">
      <c r="N136700" s="10"/>
    </row>
    <row r="136701" spans="14:14">
      <c r="N136701" s="10"/>
    </row>
    <row r="136702" spans="14:14">
      <c r="N136702" s="10"/>
    </row>
    <row r="136703" spans="14:14">
      <c r="N136703" s="10"/>
    </row>
    <row r="136704" spans="14:14">
      <c r="N136704" s="10"/>
    </row>
    <row r="136705" spans="14:14">
      <c r="N136705" s="10"/>
    </row>
    <row r="136706" spans="14:14">
      <c r="N136706" s="10"/>
    </row>
    <row r="136707" spans="14:14">
      <c r="N136707" s="10"/>
    </row>
    <row r="136708" spans="14:14">
      <c r="N136708" s="10"/>
    </row>
    <row r="136709" spans="14:14">
      <c r="N136709" s="10"/>
    </row>
    <row r="136710" spans="14:14">
      <c r="N136710" s="10"/>
    </row>
    <row r="136711" spans="14:14">
      <c r="N136711" s="10"/>
    </row>
    <row r="136712" spans="14:14">
      <c r="N136712" s="10"/>
    </row>
    <row r="136713" spans="14:14">
      <c r="N136713" s="10"/>
    </row>
    <row r="136714" spans="14:14">
      <c r="N136714" s="10"/>
    </row>
    <row r="136715" spans="14:14">
      <c r="N136715" s="10"/>
    </row>
    <row r="136716" spans="14:14">
      <c r="N136716" s="10"/>
    </row>
    <row r="136717" spans="14:14">
      <c r="N136717" s="10"/>
    </row>
    <row r="136718" spans="14:14">
      <c r="N136718" s="10"/>
    </row>
    <row r="136719" spans="14:14">
      <c r="N136719" s="10"/>
    </row>
    <row r="136720" spans="14:14">
      <c r="N136720" s="10"/>
    </row>
    <row r="136721" spans="14:14">
      <c r="N136721" s="10"/>
    </row>
    <row r="136722" spans="14:14">
      <c r="N136722" s="10"/>
    </row>
    <row r="136723" spans="14:14">
      <c r="N136723" s="10"/>
    </row>
    <row r="136724" spans="14:14">
      <c r="N136724" s="10"/>
    </row>
    <row r="136725" spans="14:14">
      <c r="N136725" s="10"/>
    </row>
    <row r="136726" spans="14:14">
      <c r="N136726" s="10"/>
    </row>
    <row r="136727" spans="14:14">
      <c r="N136727" s="10"/>
    </row>
    <row r="136728" spans="14:14">
      <c r="N136728" s="10"/>
    </row>
    <row r="136729" spans="14:14">
      <c r="N136729" s="10"/>
    </row>
    <row r="136730" spans="14:14">
      <c r="N136730" s="10"/>
    </row>
    <row r="136731" spans="14:14">
      <c r="N136731" s="10"/>
    </row>
    <row r="136732" spans="14:14">
      <c r="N136732" s="10"/>
    </row>
    <row r="136733" spans="14:14">
      <c r="N136733" s="10"/>
    </row>
    <row r="136734" spans="14:14">
      <c r="N136734" s="10"/>
    </row>
    <row r="136735" spans="14:14">
      <c r="N136735" s="10"/>
    </row>
    <row r="136736" spans="14:14">
      <c r="N136736" s="10"/>
    </row>
    <row r="136737" spans="14:14">
      <c r="N136737" s="10"/>
    </row>
    <row r="136738" spans="14:14">
      <c r="N136738" s="10"/>
    </row>
    <row r="136739" spans="14:14">
      <c r="N136739" s="10"/>
    </row>
    <row r="136740" spans="14:14">
      <c r="N136740" s="10"/>
    </row>
    <row r="136741" spans="14:14">
      <c r="N136741" s="10"/>
    </row>
    <row r="136742" spans="14:14">
      <c r="N136742" s="10"/>
    </row>
    <row r="136743" spans="14:14">
      <c r="N136743" s="10"/>
    </row>
    <row r="136744" spans="14:14">
      <c r="N136744" s="10"/>
    </row>
    <row r="136745" spans="14:14">
      <c r="N136745" s="10"/>
    </row>
    <row r="136746" spans="14:14">
      <c r="N136746" s="10"/>
    </row>
    <row r="136747" spans="14:14">
      <c r="N136747" s="10"/>
    </row>
    <row r="136748" spans="14:14">
      <c r="N136748" s="10"/>
    </row>
    <row r="136749" spans="14:14">
      <c r="N136749" s="10"/>
    </row>
    <row r="136750" spans="14:14">
      <c r="N136750" s="10"/>
    </row>
    <row r="136751" spans="14:14">
      <c r="N136751" s="10"/>
    </row>
    <row r="136752" spans="14:14">
      <c r="N136752" s="10"/>
    </row>
    <row r="136753" spans="14:14">
      <c r="N136753" s="10"/>
    </row>
    <row r="136754" spans="14:14">
      <c r="N136754" s="10"/>
    </row>
    <row r="136755" spans="14:14">
      <c r="N136755" s="10"/>
    </row>
    <row r="136756" spans="14:14">
      <c r="N136756" s="10"/>
    </row>
    <row r="136757" spans="14:14">
      <c r="N136757" s="10"/>
    </row>
    <row r="136758" spans="14:14">
      <c r="N136758" s="10"/>
    </row>
    <row r="136759" spans="14:14">
      <c r="N136759" s="10"/>
    </row>
    <row r="136760" spans="14:14">
      <c r="N136760" s="10"/>
    </row>
    <row r="136761" spans="14:14">
      <c r="N136761" s="10"/>
    </row>
    <row r="136762" spans="14:14">
      <c r="N136762" s="10"/>
    </row>
    <row r="136763" spans="14:14">
      <c r="N136763" s="10"/>
    </row>
    <row r="136764" spans="14:14">
      <c r="N136764" s="10"/>
    </row>
    <row r="136765" spans="14:14">
      <c r="N136765" s="10"/>
    </row>
    <row r="136766" spans="14:14">
      <c r="N136766" s="10"/>
    </row>
    <row r="136767" spans="14:14">
      <c r="N136767" s="10"/>
    </row>
    <row r="136768" spans="14:14">
      <c r="N136768" s="10"/>
    </row>
    <row r="136769" spans="14:14">
      <c r="N136769" s="10"/>
    </row>
    <row r="136770" spans="14:14">
      <c r="N136770" s="10"/>
    </row>
    <row r="136771" spans="14:14">
      <c r="N136771" s="10"/>
    </row>
    <row r="136772" spans="14:14">
      <c r="N136772" s="10"/>
    </row>
    <row r="136773" spans="14:14">
      <c r="N136773" s="10"/>
    </row>
    <row r="136774" spans="14:14">
      <c r="N136774" s="10"/>
    </row>
    <row r="136775" spans="14:14">
      <c r="N136775" s="10"/>
    </row>
    <row r="136776" spans="14:14">
      <c r="N136776" s="10"/>
    </row>
    <row r="136777" spans="14:14">
      <c r="N136777" s="10"/>
    </row>
    <row r="136778" spans="14:14">
      <c r="N136778" s="10"/>
    </row>
    <row r="136779" spans="14:14">
      <c r="N136779" s="10"/>
    </row>
    <row r="136780" spans="14:14">
      <c r="N136780" s="10"/>
    </row>
    <row r="136781" spans="14:14">
      <c r="N136781" s="10"/>
    </row>
    <row r="136782" spans="14:14">
      <c r="N136782" s="10"/>
    </row>
    <row r="136783" spans="14:14">
      <c r="N136783" s="10"/>
    </row>
    <row r="136784" spans="14:14">
      <c r="N136784" s="10"/>
    </row>
    <row r="136785" spans="14:14">
      <c r="N136785" s="10"/>
    </row>
    <row r="136786" spans="14:14">
      <c r="N136786" s="10"/>
    </row>
    <row r="136787" spans="14:14">
      <c r="N136787" s="10"/>
    </row>
    <row r="136788" spans="14:14">
      <c r="N136788" s="10"/>
    </row>
    <row r="136789" spans="14:14">
      <c r="N136789" s="10"/>
    </row>
    <row r="136790" spans="14:14">
      <c r="N136790" s="10"/>
    </row>
    <row r="136791" spans="14:14">
      <c r="N136791" s="10"/>
    </row>
    <row r="136792" spans="14:14">
      <c r="N136792" s="10"/>
    </row>
    <row r="136793" spans="14:14">
      <c r="N136793" s="10"/>
    </row>
    <row r="136794" spans="14:14">
      <c r="N136794" s="10"/>
    </row>
    <row r="136795" spans="14:14">
      <c r="N136795" s="10"/>
    </row>
    <row r="136796" spans="14:14">
      <c r="N136796" s="10"/>
    </row>
    <row r="136797" spans="14:14">
      <c r="N136797" s="10"/>
    </row>
    <row r="136798" spans="14:14">
      <c r="N136798" s="10"/>
    </row>
    <row r="136799" spans="14:14">
      <c r="N136799" s="10"/>
    </row>
    <row r="136800" spans="14:14">
      <c r="N136800" s="10"/>
    </row>
    <row r="136801" spans="14:14">
      <c r="N136801" s="10"/>
    </row>
    <row r="136802" spans="14:14">
      <c r="N136802" s="10"/>
    </row>
    <row r="136803" spans="14:14">
      <c r="N136803" s="10"/>
    </row>
    <row r="136804" spans="14:14">
      <c r="N136804" s="10"/>
    </row>
    <row r="136805" spans="14:14">
      <c r="N136805" s="10"/>
    </row>
    <row r="136806" spans="14:14">
      <c r="N136806" s="10"/>
    </row>
    <row r="136807" spans="14:14">
      <c r="N136807" s="10"/>
    </row>
    <row r="136808" spans="14:14">
      <c r="N136808" s="10"/>
    </row>
    <row r="136809" spans="14:14">
      <c r="N136809" s="10"/>
    </row>
    <row r="136810" spans="14:14">
      <c r="N136810" s="10"/>
    </row>
    <row r="136811" spans="14:14">
      <c r="N136811" s="10"/>
    </row>
    <row r="136812" spans="14:14">
      <c r="N136812" s="10"/>
    </row>
    <row r="136813" spans="14:14">
      <c r="N136813" s="10"/>
    </row>
    <row r="136814" spans="14:14">
      <c r="N136814" s="10"/>
    </row>
    <row r="136815" spans="14:14">
      <c r="N136815" s="10"/>
    </row>
    <row r="136816" spans="14:14">
      <c r="N136816" s="10"/>
    </row>
    <row r="136817" spans="14:14">
      <c r="N136817" s="10"/>
    </row>
    <row r="136818" spans="14:14">
      <c r="N136818" s="10"/>
    </row>
    <row r="136819" spans="14:14">
      <c r="N136819" s="10"/>
    </row>
    <row r="136820" spans="14:14">
      <c r="N136820" s="10"/>
    </row>
    <row r="136821" spans="14:14">
      <c r="N136821" s="10"/>
    </row>
    <row r="136822" spans="14:14">
      <c r="N136822" s="10"/>
    </row>
    <row r="136823" spans="14:14">
      <c r="N136823" s="10"/>
    </row>
    <row r="136824" spans="14:14">
      <c r="N136824" s="10"/>
    </row>
    <row r="136825" spans="14:14">
      <c r="N136825" s="10"/>
    </row>
    <row r="136826" spans="14:14">
      <c r="N136826" s="10"/>
    </row>
    <row r="136827" spans="14:14">
      <c r="N136827" s="10"/>
    </row>
    <row r="136828" spans="14:14">
      <c r="N136828" s="10"/>
    </row>
    <row r="136829" spans="14:14">
      <c r="N136829" s="10"/>
    </row>
    <row r="136830" spans="14:14">
      <c r="N136830" s="10"/>
    </row>
    <row r="136831" spans="14:14">
      <c r="N136831" s="10"/>
    </row>
    <row r="136832" spans="14:14">
      <c r="N136832" s="10"/>
    </row>
    <row r="136833" spans="14:14">
      <c r="N136833" s="10"/>
    </row>
    <row r="136834" spans="14:14">
      <c r="N136834" s="10"/>
    </row>
    <row r="136835" spans="14:14">
      <c r="N136835" s="10"/>
    </row>
    <row r="136836" spans="14:14">
      <c r="N136836" s="10"/>
    </row>
    <row r="136837" spans="14:14">
      <c r="N136837" s="10"/>
    </row>
    <row r="136838" spans="14:14">
      <c r="N136838" s="10"/>
    </row>
    <row r="136839" spans="14:14">
      <c r="N136839" s="10"/>
    </row>
    <row r="136840" spans="14:14">
      <c r="N136840" s="10"/>
    </row>
    <row r="136841" spans="14:14">
      <c r="N136841" s="10"/>
    </row>
    <row r="136842" spans="14:14">
      <c r="N136842" s="10"/>
    </row>
    <row r="136843" spans="14:14">
      <c r="N136843" s="10"/>
    </row>
    <row r="136844" spans="14:14">
      <c r="N136844" s="10"/>
    </row>
    <row r="136845" spans="14:14">
      <c r="N136845" s="10"/>
    </row>
    <row r="136846" spans="14:14">
      <c r="N136846" s="10"/>
    </row>
    <row r="136847" spans="14:14">
      <c r="N136847" s="10"/>
    </row>
    <row r="136848" spans="14:14">
      <c r="N136848" s="10"/>
    </row>
    <row r="136849" spans="14:14">
      <c r="N136849" s="10"/>
    </row>
    <row r="136850" spans="14:14">
      <c r="N136850" s="10"/>
    </row>
    <row r="136851" spans="14:14">
      <c r="N136851" s="10"/>
    </row>
    <row r="136852" spans="14:14">
      <c r="N136852" s="10"/>
    </row>
    <row r="136853" spans="14:14">
      <c r="N136853" s="10"/>
    </row>
    <row r="136854" spans="14:14">
      <c r="N136854" s="10"/>
    </row>
    <row r="136855" spans="14:14">
      <c r="N136855" s="10"/>
    </row>
    <row r="136856" spans="14:14">
      <c r="N136856" s="10"/>
    </row>
    <row r="136857" spans="14:14">
      <c r="N136857" s="10"/>
    </row>
    <row r="136858" spans="14:14">
      <c r="N136858" s="10"/>
    </row>
    <row r="136859" spans="14:14">
      <c r="N136859" s="10"/>
    </row>
    <row r="136860" spans="14:14">
      <c r="N136860" s="10"/>
    </row>
    <row r="136861" spans="14:14">
      <c r="N136861" s="10"/>
    </row>
    <row r="136862" spans="14:14">
      <c r="N136862" s="10"/>
    </row>
    <row r="136863" spans="14:14">
      <c r="N136863" s="10"/>
    </row>
    <row r="136864" spans="14:14">
      <c r="N136864" s="10"/>
    </row>
    <row r="136865" spans="14:14">
      <c r="N136865" s="10"/>
    </row>
    <row r="136866" spans="14:14">
      <c r="N136866" s="10"/>
    </row>
    <row r="136867" spans="14:14">
      <c r="N136867" s="10"/>
    </row>
    <row r="136868" spans="14:14">
      <c r="N136868" s="10"/>
    </row>
    <row r="136869" spans="14:14">
      <c r="N136869" s="10"/>
    </row>
    <row r="136870" spans="14:14">
      <c r="N136870" s="10"/>
    </row>
    <row r="136871" spans="14:14">
      <c r="N136871" s="10"/>
    </row>
    <row r="136872" spans="14:14">
      <c r="N136872" s="10"/>
    </row>
    <row r="136873" spans="14:14">
      <c r="N136873" s="10"/>
    </row>
    <row r="136874" spans="14:14">
      <c r="N136874" s="10"/>
    </row>
    <row r="136875" spans="14:14">
      <c r="N136875" s="10"/>
    </row>
    <row r="136876" spans="14:14">
      <c r="N136876" s="10"/>
    </row>
    <row r="136877" spans="14:14">
      <c r="N136877" s="10"/>
    </row>
    <row r="136878" spans="14:14">
      <c r="N136878" s="10"/>
    </row>
    <row r="136879" spans="14:14">
      <c r="N136879" s="10"/>
    </row>
    <row r="136880" spans="14:14">
      <c r="N136880" s="10"/>
    </row>
    <row r="136881" spans="14:14">
      <c r="N136881" s="10"/>
    </row>
    <row r="136882" spans="14:14">
      <c r="N136882" s="10"/>
    </row>
    <row r="136883" spans="14:14">
      <c r="N136883" s="10"/>
    </row>
    <row r="136884" spans="14:14">
      <c r="N136884" s="10"/>
    </row>
    <row r="136885" spans="14:14">
      <c r="N136885" s="10"/>
    </row>
    <row r="136886" spans="14:14">
      <c r="N136886" s="10"/>
    </row>
    <row r="136887" spans="14:14">
      <c r="N136887" s="10"/>
    </row>
    <row r="136888" spans="14:14">
      <c r="N136888" s="10"/>
    </row>
    <row r="136889" spans="14:14">
      <c r="N136889" s="10"/>
    </row>
    <row r="136890" spans="14:14">
      <c r="N136890" s="10"/>
    </row>
    <row r="136891" spans="14:14">
      <c r="N136891" s="10"/>
    </row>
    <row r="136892" spans="14:14">
      <c r="N136892" s="10"/>
    </row>
    <row r="136893" spans="14:14">
      <c r="N136893" s="10"/>
    </row>
    <row r="136894" spans="14:14">
      <c r="N136894" s="10"/>
    </row>
    <row r="136895" spans="14:14">
      <c r="N136895" s="10"/>
    </row>
    <row r="136896" spans="14:14">
      <c r="N136896" s="10"/>
    </row>
    <row r="136897" spans="14:14">
      <c r="N136897" s="10"/>
    </row>
    <row r="136898" spans="14:14">
      <c r="N136898" s="10"/>
    </row>
    <row r="136899" spans="14:14">
      <c r="N136899" s="10"/>
    </row>
    <row r="136900" spans="14:14">
      <c r="N136900" s="10"/>
    </row>
    <row r="136901" spans="14:14">
      <c r="N136901" s="10"/>
    </row>
    <row r="136902" spans="14:14">
      <c r="N136902" s="10"/>
    </row>
    <row r="136903" spans="14:14">
      <c r="N136903" s="10"/>
    </row>
    <row r="136904" spans="14:14">
      <c r="N136904" s="10"/>
    </row>
    <row r="136905" spans="14:14">
      <c r="N136905" s="10"/>
    </row>
    <row r="136906" spans="14:14">
      <c r="N136906" s="10"/>
    </row>
    <row r="136907" spans="14:14">
      <c r="N136907" s="10"/>
    </row>
    <row r="136908" spans="14:14">
      <c r="N136908" s="10"/>
    </row>
    <row r="136909" spans="14:14">
      <c r="N136909" s="10"/>
    </row>
    <row r="136910" spans="14:14">
      <c r="N136910" s="10"/>
    </row>
    <row r="136911" spans="14:14">
      <c r="N136911" s="10"/>
    </row>
    <row r="136912" spans="14:14">
      <c r="N136912" s="10"/>
    </row>
    <row r="136913" spans="14:14">
      <c r="N136913" s="10"/>
    </row>
    <row r="136914" spans="14:14">
      <c r="N136914" s="10"/>
    </row>
    <row r="136915" spans="14:14">
      <c r="N136915" s="10"/>
    </row>
    <row r="136916" spans="14:14">
      <c r="N136916" s="10"/>
    </row>
    <row r="136917" spans="14:14">
      <c r="N136917" s="10"/>
    </row>
    <row r="136918" spans="14:14">
      <c r="N136918" s="10"/>
    </row>
    <row r="136919" spans="14:14">
      <c r="N136919" s="10"/>
    </row>
    <row r="136920" spans="14:14">
      <c r="N136920" s="10"/>
    </row>
    <row r="136921" spans="14:14">
      <c r="N136921" s="10"/>
    </row>
    <row r="136922" spans="14:14">
      <c r="N136922" s="10"/>
    </row>
    <row r="136923" spans="14:14">
      <c r="N136923" s="10"/>
    </row>
    <row r="136924" spans="14:14">
      <c r="N136924" s="10"/>
    </row>
    <row r="136925" spans="14:14">
      <c r="N136925" s="10"/>
    </row>
    <row r="136926" spans="14:14">
      <c r="N136926" s="10"/>
    </row>
    <row r="136927" spans="14:14">
      <c r="N136927" s="10"/>
    </row>
    <row r="136928" spans="14:14">
      <c r="N136928" s="10"/>
    </row>
    <row r="136929" spans="14:14">
      <c r="N136929" s="10"/>
    </row>
    <row r="136930" spans="14:14">
      <c r="N136930" s="10"/>
    </row>
    <row r="136931" spans="14:14">
      <c r="N136931" s="10"/>
    </row>
    <row r="136932" spans="14:14">
      <c r="N136932" s="10"/>
    </row>
    <row r="136933" spans="14:14">
      <c r="N136933" s="10"/>
    </row>
    <row r="136934" spans="14:14">
      <c r="N136934" s="10"/>
    </row>
    <row r="136935" spans="14:14">
      <c r="N136935" s="10"/>
    </row>
    <row r="136936" spans="14:14">
      <c r="N136936" s="10"/>
    </row>
    <row r="136937" spans="14:14">
      <c r="N136937" s="10"/>
    </row>
    <row r="136938" spans="14:14">
      <c r="N136938" s="10"/>
    </row>
    <row r="136939" spans="14:14">
      <c r="N136939" s="10"/>
    </row>
    <row r="136940" spans="14:14">
      <c r="N136940" s="10"/>
    </row>
    <row r="136941" spans="14:14">
      <c r="N136941" s="10"/>
    </row>
    <row r="136942" spans="14:14">
      <c r="N136942" s="10"/>
    </row>
    <row r="136943" spans="14:14">
      <c r="N136943" s="10"/>
    </row>
    <row r="136944" spans="14:14">
      <c r="N136944" s="10"/>
    </row>
    <row r="136945" spans="14:14">
      <c r="N136945" s="10"/>
    </row>
    <row r="136946" spans="14:14">
      <c r="N136946" s="10"/>
    </row>
    <row r="136947" spans="14:14">
      <c r="N136947" s="10"/>
    </row>
    <row r="136948" spans="14:14">
      <c r="N136948" s="10"/>
    </row>
    <row r="136949" spans="14:14">
      <c r="N136949" s="10"/>
    </row>
    <row r="136950" spans="14:14">
      <c r="N136950" s="10"/>
    </row>
    <row r="136951" spans="14:14">
      <c r="N136951" s="10"/>
    </row>
    <row r="136952" spans="14:14">
      <c r="N136952" s="10"/>
    </row>
    <row r="136953" spans="14:14">
      <c r="N136953" s="10"/>
    </row>
    <row r="136954" spans="14:14">
      <c r="N136954" s="10"/>
    </row>
    <row r="136955" spans="14:14">
      <c r="N136955" s="10"/>
    </row>
    <row r="136956" spans="14:14">
      <c r="N136956" s="10"/>
    </row>
    <row r="136957" spans="14:14">
      <c r="N136957" s="10"/>
    </row>
    <row r="136958" spans="14:14">
      <c r="N136958" s="10"/>
    </row>
    <row r="136959" spans="14:14">
      <c r="N136959" s="10"/>
    </row>
    <row r="136960" spans="14:14">
      <c r="N136960" s="10"/>
    </row>
    <row r="136961" spans="14:14">
      <c r="N136961" s="10"/>
    </row>
    <row r="136962" spans="14:14">
      <c r="N136962" s="10"/>
    </row>
    <row r="136963" spans="14:14">
      <c r="N136963" s="10"/>
    </row>
    <row r="136964" spans="14:14">
      <c r="N136964" s="10"/>
    </row>
    <row r="136965" spans="14:14">
      <c r="N136965" s="10"/>
    </row>
    <row r="136966" spans="14:14">
      <c r="N136966" s="10"/>
    </row>
    <row r="136967" spans="14:14">
      <c r="N136967" s="10"/>
    </row>
    <row r="136968" spans="14:14">
      <c r="N136968" s="10"/>
    </row>
    <row r="136969" spans="14:14">
      <c r="N136969" s="10"/>
    </row>
    <row r="136970" spans="14:14">
      <c r="N136970" s="10"/>
    </row>
    <row r="136971" spans="14:14">
      <c r="N136971" s="10"/>
    </row>
    <row r="136972" spans="14:14">
      <c r="N136972" s="10"/>
    </row>
    <row r="136973" spans="14:14">
      <c r="N136973" s="10"/>
    </row>
    <row r="136974" spans="14:14">
      <c r="N136974" s="10"/>
    </row>
    <row r="136975" spans="14:14">
      <c r="N136975" s="10"/>
    </row>
    <row r="136976" spans="14:14">
      <c r="N136976" s="10"/>
    </row>
    <row r="136977" spans="14:14">
      <c r="N136977" s="10"/>
    </row>
    <row r="136978" spans="14:14">
      <c r="N136978" s="10"/>
    </row>
    <row r="136979" spans="14:14">
      <c r="N136979" s="10"/>
    </row>
    <row r="136980" spans="14:14">
      <c r="N136980" s="10"/>
    </row>
    <row r="136981" spans="14:14">
      <c r="N136981" s="10"/>
    </row>
    <row r="136982" spans="14:14">
      <c r="N136982" s="10"/>
    </row>
    <row r="136983" spans="14:14">
      <c r="N136983" s="10"/>
    </row>
    <row r="136984" spans="14:14">
      <c r="N136984" s="10"/>
    </row>
    <row r="136985" spans="14:14">
      <c r="N136985" s="10"/>
    </row>
    <row r="136986" spans="14:14">
      <c r="N136986" s="10"/>
    </row>
    <row r="136987" spans="14:14">
      <c r="N136987" s="10"/>
    </row>
    <row r="136988" spans="14:14">
      <c r="N136988" s="10"/>
    </row>
    <row r="136989" spans="14:14">
      <c r="N136989" s="10"/>
    </row>
    <row r="136990" spans="14:14">
      <c r="N136990" s="10"/>
    </row>
    <row r="136991" spans="14:14">
      <c r="N136991" s="10"/>
    </row>
    <row r="136992" spans="14:14">
      <c r="N136992" s="10"/>
    </row>
    <row r="136993" spans="14:14">
      <c r="N136993" s="10"/>
    </row>
    <row r="136994" spans="14:14">
      <c r="N136994" s="10"/>
    </row>
    <row r="136995" spans="14:14">
      <c r="N136995" s="10"/>
    </row>
    <row r="136996" spans="14:14">
      <c r="N136996" s="10"/>
    </row>
    <row r="136997" spans="14:14">
      <c r="N136997" s="10"/>
    </row>
    <row r="136998" spans="14:14">
      <c r="N136998" s="10"/>
    </row>
    <row r="136999" spans="14:14">
      <c r="N136999" s="10"/>
    </row>
    <row r="137000" spans="14:14">
      <c r="N137000" s="10"/>
    </row>
    <row r="137001" spans="14:14">
      <c r="N137001" s="10"/>
    </row>
    <row r="137002" spans="14:14">
      <c r="N137002" s="10"/>
    </row>
    <row r="137003" spans="14:14">
      <c r="N137003" s="10"/>
    </row>
    <row r="137004" spans="14:14">
      <c r="N137004" s="10"/>
    </row>
    <row r="137005" spans="14:14">
      <c r="N137005" s="10"/>
    </row>
    <row r="137006" spans="14:14">
      <c r="N137006" s="10"/>
    </row>
    <row r="137007" spans="14:14">
      <c r="N137007" s="10"/>
    </row>
    <row r="137008" spans="14:14">
      <c r="N137008" s="10"/>
    </row>
    <row r="137009" spans="14:14">
      <c r="N137009" s="10"/>
    </row>
    <row r="137010" spans="14:14">
      <c r="N137010" s="10"/>
    </row>
    <row r="137011" spans="14:14">
      <c r="N137011" s="10"/>
    </row>
    <row r="137012" spans="14:14">
      <c r="N137012" s="10"/>
    </row>
    <row r="137013" spans="14:14">
      <c r="N137013" s="10"/>
    </row>
    <row r="137014" spans="14:14">
      <c r="N137014" s="10"/>
    </row>
    <row r="137015" spans="14:14">
      <c r="N137015" s="10"/>
    </row>
    <row r="137016" spans="14:14">
      <c r="N137016" s="10"/>
    </row>
    <row r="137017" spans="14:14">
      <c r="N137017" s="10"/>
    </row>
    <row r="137018" spans="14:14">
      <c r="N137018" s="10"/>
    </row>
    <row r="137019" spans="14:14">
      <c r="N137019" s="10"/>
    </row>
    <row r="137020" spans="14:14">
      <c r="N137020" s="10"/>
    </row>
    <row r="137021" spans="14:14">
      <c r="N137021" s="10"/>
    </row>
    <row r="137022" spans="14:14">
      <c r="N137022" s="10"/>
    </row>
    <row r="137023" spans="14:14">
      <c r="N137023" s="10"/>
    </row>
    <row r="137024" spans="14:14">
      <c r="N137024" s="10"/>
    </row>
    <row r="137025" spans="14:14">
      <c r="N137025" s="10"/>
    </row>
    <row r="137026" spans="14:14">
      <c r="N137026" s="10"/>
    </row>
    <row r="137027" spans="14:14">
      <c r="N137027" s="10"/>
    </row>
    <row r="137028" spans="14:14">
      <c r="N137028" s="10"/>
    </row>
    <row r="137029" spans="14:14">
      <c r="N137029" s="10"/>
    </row>
    <row r="137030" spans="14:14">
      <c r="N137030" s="10"/>
    </row>
    <row r="137031" spans="14:14">
      <c r="N137031" s="10"/>
    </row>
    <row r="137032" spans="14:14">
      <c r="N137032" s="10"/>
    </row>
    <row r="137033" spans="14:14">
      <c r="N137033" s="10"/>
    </row>
    <row r="137034" spans="14:14">
      <c r="N137034" s="10"/>
    </row>
    <row r="137035" spans="14:14">
      <c r="N137035" s="10"/>
    </row>
    <row r="137036" spans="14:14">
      <c r="N137036" s="10"/>
    </row>
    <row r="137037" spans="14:14">
      <c r="N137037" s="10"/>
    </row>
    <row r="137038" spans="14:14">
      <c r="N137038" s="10"/>
    </row>
    <row r="137039" spans="14:14">
      <c r="N137039" s="10"/>
    </row>
    <row r="137040" spans="14:14">
      <c r="N137040" s="10"/>
    </row>
    <row r="137041" spans="14:14">
      <c r="N137041" s="10"/>
    </row>
    <row r="137042" spans="14:14">
      <c r="N137042" s="10"/>
    </row>
    <row r="137043" spans="14:14">
      <c r="N137043" s="10"/>
    </row>
    <row r="137044" spans="14:14">
      <c r="N137044" s="10"/>
    </row>
    <row r="137045" spans="14:14">
      <c r="N137045" s="10"/>
    </row>
    <row r="137046" spans="14:14">
      <c r="N137046" s="10"/>
    </row>
    <row r="137047" spans="14:14">
      <c r="N137047" s="10"/>
    </row>
    <row r="137048" spans="14:14">
      <c r="N137048" s="10"/>
    </row>
    <row r="137049" spans="14:14">
      <c r="N137049" s="10"/>
    </row>
    <row r="137050" spans="14:14">
      <c r="N137050" s="10"/>
    </row>
    <row r="137051" spans="14:14">
      <c r="N137051" s="10"/>
    </row>
    <row r="137052" spans="14:14">
      <c r="N137052" s="10"/>
    </row>
    <row r="137053" spans="14:14">
      <c r="N137053" s="10"/>
    </row>
    <row r="137054" spans="14:14">
      <c r="N137054" s="10"/>
    </row>
    <row r="137055" spans="14:14">
      <c r="N137055" s="10"/>
    </row>
    <row r="137056" spans="14:14">
      <c r="N137056" s="10"/>
    </row>
    <row r="137057" spans="14:14">
      <c r="N137057" s="10"/>
    </row>
    <row r="137058" spans="14:14">
      <c r="N137058" s="10"/>
    </row>
    <row r="137059" spans="14:14">
      <c r="N137059" s="10"/>
    </row>
    <row r="137060" spans="14:14">
      <c r="N137060" s="10"/>
    </row>
    <row r="137061" spans="14:14">
      <c r="N137061" s="10"/>
    </row>
    <row r="137062" spans="14:14">
      <c r="N137062" s="10"/>
    </row>
    <row r="137063" spans="14:14">
      <c r="N137063" s="10"/>
    </row>
    <row r="137064" spans="14:14">
      <c r="N137064" s="10"/>
    </row>
    <row r="137065" spans="14:14">
      <c r="N137065" s="10"/>
    </row>
    <row r="137066" spans="14:14">
      <c r="N137066" s="10"/>
    </row>
    <row r="137067" spans="14:14">
      <c r="N137067" s="10"/>
    </row>
    <row r="137068" spans="14:14">
      <c r="N137068" s="10"/>
    </row>
    <row r="137069" spans="14:14">
      <c r="N137069" s="10"/>
    </row>
    <row r="137070" spans="14:14">
      <c r="N137070" s="10"/>
    </row>
    <row r="137071" spans="14:14">
      <c r="N137071" s="10"/>
    </row>
    <row r="137072" spans="14:14">
      <c r="N137072" s="10"/>
    </row>
    <row r="137073" spans="14:14">
      <c r="N137073" s="10"/>
    </row>
    <row r="137074" spans="14:14">
      <c r="N137074" s="10"/>
    </row>
    <row r="137075" spans="14:14">
      <c r="N137075" s="10"/>
    </row>
    <row r="137076" spans="14:14">
      <c r="N137076" s="10"/>
    </row>
    <row r="137077" spans="14:14">
      <c r="N137077" s="10"/>
    </row>
    <row r="137078" spans="14:14">
      <c r="N137078" s="10"/>
    </row>
    <row r="137079" spans="14:14">
      <c r="N137079" s="10"/>
    </row>
    <row r="137080" spans="14:14">
      <c r="N137080" s="10"/>
    </row>
    <row r="137081" spans="14:14">
      <c r="N137081" s="10"/>
    </row>
    <row r="137082" spans="14:14">
      <c r="N137082" s="10"/>
    </row>
    <row r="137083" spans="14:14">
      <c r="N137083" s="10"/>
    </row>
    <row r="137084" spans="14:14">
      <c r="N137084" s="10"/>
    </row>
    <row r="137085" spans="14:14">
      <c r="N137085" s="10"/>
    </row>
    <row r="137086" spans="14:14">
      <c r="N137086" s="10"/>
    </row>
    <row r="137087" spans="14:14">
      <c r="N137087" s="10"/>
    </row>
    <row r="137088" spans="14:14">
      <c r="N137088" s="10"/>
    </row>
    <row r="137089" spans="14:14">
      <c r="N137089" s="10"/>
    </row>
    <row r="137090" spans="14:14">
      <c r="N137090" s="10"/>
    </row>
    <row r="137091" spans="14:14">
      <c r="N137091" s="10"/>
    </row>
    <row r="137092" spans="14:14">
      <c r="N137092" s="10"/>
    </row>
    <row r="137093" spans="14:14">
      <c r="N137093" s="10"/>
    </row>
    <row r="137094" spans="14:14">
      <c r="N137094" s="10"/>
    </row>
    <row r="137095" spans="14:14">
      <c r="N137095" s="10"/>
    </row>
    <row r="137096" spans="14:14">
      <c r="N137096" s="10"/>
    </row>
    <row r="137097" spans="14:14">
      <c r="N137097" s="10"/>
    </row>
    <row r="137098" spans="14:14">
      <c r="N137098" s="10"/>
    </row>
    <row r="137099" spans="14:14">
      <c r="N137099" s="10"/>
    </row>
    <row r="137100" spans="14:14">
      <c r="N137100" s="10"/>
    </row>
    <row r="137101" spans="14:14">
      <c r="N137101" s="10"/>
    </row>
    <row r="137102" spans="14:14">
      <c r="N137102" s="10"/>
    </row>
    <row r="137103" spans="14:14">
      <c r="N137103" s="10"/>
    </row>
    <row r="137104" spans="14:14">
      <c r="N137104" s="10"/>
    </row>
    <row r="137105" spans="14:14">
      <c r="N137105" s="10"/>
    </row>
    <row r="137106" spans="14:14">
      <c r="N137106" s="10"/>
    </row>
    <row r="137107" spans="14:14">
      <c r="N137107" s="10"/>
    </row>
    <row r="137108" spans="14:14">
      <c r="N137108" s="10"/>
    </row>
    <row r="137109" spans="14:14">
      <c r="N137109" s="10"/>
    </row>
    <row r="137110" spans="14:14">
      <c r="N137110" s="10"/>
    </row>
    <row r="137111" spans="14:14">
      <c r="N137111" s="10"/>
    </row>
    <row r="137112" spans="14:14">
      <c r="N137112" s="10"/>
    </row>
    <row r="137113" spans="14:14">
      <c r="N137113" s="10"/>
    </row>
    <row r="137114" spans="14:14">
      <c r="N137114" s="10"/>
    </row>
    <row r="137115" spans="14:14">
      <c r="N137115" s="10"/>
    </row>
    <row r="137116" spans="14:14">
      <c r="N137116" s="10"/>
    </row>
    <row r="137117" spans="14:14">
      <c r="N137117" s="10"/>
    </row>
    <row r="137118" spans="14:14">
      <c r="N137118" s="10"/>
    </row>
    <row r="137119" spans="14:14">
      <c r="N137119" s="10"/>
    </row>
    <row r="137120" spans="14:14">
      <c r="N137120" s="10"/>
    </row>
    <row r="137121" spans="14:14">
      <c r="N137121" s="10"/>
    </row>
    <row r="137122" spans="14:14">
      <c r="N137122" s="10"/>
    </row>
    <row r="137123" spans="14:14">
      <c r="N137123" s="10"/>
    </row>
    <row r="137124" spans="14:14">
      <c r="N137124" s="10"/>
    </row>
    <row r="137125" spans="14:14">
      <c r="N137125" s="10"/>
    </row>
    <row r="137126" spans="14:14">
      <c r="N137126" s="10"/>
    </row>
    <row r="137127" spans="14:14">
      <c r="N137127" s="10"/>
    </row>
    <row r="137128" spans="14:14">
      <c r="N137128" s="10"/>
    </row>
    <row r="137129" spans="14:14">
      <c r="N137129" s="10"/>
    </row>
    <row r="137130" spans="14:14">
      <c r="N137130" s="10"/>
    </row>
    <row r="137131" spans="14:14">
      <c r="N137131" s="10"/>
    </row>
    <row r="137132" spans="14:14">
      <c r="N137132" s="10"/>
    </row>
    <row r="137133" spans="14:14">
      <c r="N137133" s="10"/>
    </row>
    <row r="137134" spans="14:14">
      <c r="N137134" s="10"/>
    </row>
    <row r="137135" spans="14:14">
      <c r="N137135" s="10"/>
    </row>
    <row r="137136" spans="14:14">
      <c r="N137136" s="10"/>
    </row>
    <row r="137137" spans="14:14">
      <c r="N137137" s="10"/>
    </row>
    <row r="137138" spans="14:14">
      <c r="N137138" s="10"/>
    </row>
    <row r="137139" spans="14:14">
      <c r="N137139" s="10"/>
    </row>
    <row r="137140" spans="14:14">
      <c r="N137140" s="10"/>
    </row>
    <row r="137141" spans="14:14">
      <c r="N137141" s="10"/>
    </row>
    <row r="137142" spans="14:14">
      <c r="N137142" s="10"/>
    </row>
    <row r="137143" spans="14:14">
      <c r="N137143" s="10"/>
    </row>
    <row r="137144" spans="14:14">
      <c r="N137144" s="10"/>
    </row>
    <row r="137145" spans="14:14">
      <c r="N137145" s="10"/>
    </row>
    <row r="137146" spans="14:14">
      <c r="N137146" s="10"/>
    </row>
    <row r="137147" spans="14:14">
      <c r="N137147" s="10"/>
    </row>
    <row r="137148" spans="14:14">
      <c r="N137148" s="10"/>
    </row>
    <row r="137149" spans="14:14">
      <c r="N137149" s="10"/>
    </row>
    <row r="137150" spans="14:14">
      <c r="N137150" s="10"/>
    </row>
    <row r="137151" spans="14:14">
      <c r="N137151" s="10"/>
    </row>
    <row r="137152" spans="14:14">
      <c r="N137152" s="10"/>
    </row>
    <row r="137153" spans="14:14">
      <c r="N137153" s="10"/>
    </row>
    <row r="137154" spans="14:14">
      <c r="N137154" s="10"/>
    </row>
    <row r="137155" spans="14:14">
      <c r="N137155" s="10"/>
    </row>
    <row r="137156" spans="14:14">
      <c r="N137156" s="10"/>
    </row>
    <row r="137157" spans="14:14">
      <c r="N137157" s="10"/>
    </row>
    <row r="137158" spans="14:14">
      <c r="N137158" s="10"/>
    </row>
    <row r="137159" spans="14:14">
      <c r="N137159" s="10"/>
    </row>
    <row r="137160" spans="14:14">
      <c r="N137160" s="10"/>
    </row>
    <row r="137161" spans="14:14">
      <c r="N137161" s="10"/>
    </row>
    <row r="137162" spans="14:14">
      <c r="N137162" s="10"/>
    </row>
    <row r="137163" spans="14:14">
      <c r="N137163" s="10"/>
    </row>
    <row r="137164" spans="14:14">
      <c r="N137164" s="10"/>
    </row>
    <row r="137165" spans="14:14">
      <c r="N137165" s="10"/>
    </row>
    <row r="137166" spans="14:14">
      <c r="N137166" s="10"/>
    </row>
    <row r="137167" spans="14:14">
      <c r="N137167" s="10"/>
    </row>
    <row r="137168" spans="14:14">
      <c r="N137168" s="10"/>
    </row>
    <row r="137169" spans="14:14">
      <c r="N137169" s="10"/>
    </row>
    <row r="137170" spans="14:14">
      <c r="N137170" s="10"/>
    </row>
    <row r="137171" spans="14:14">
      <c r="N137171" s="10"/>
    </row>
    <row r="137172" spans="14:14">
      <c r="N137172" s="10"/>
    </row>
    <row r="137173" spans="14:14">
      <c r="N137173" s="10"/>
    </row>
    <row r="137174" spans="14:14">
      <c r="N137174" s="10"/>
    </row>
    <row r="137175" spans="14:14">
      <c r="N137175" s="10"/>
    </row>
    <row r="137176" spans="14:14">
      <c r="N137176" s="10"/>
    </row>
    <row r="137177" spans="14:14">
      <c r="N137177" s="10"/>
    </row>
    <row r="137178" spans="14:14">
      <c r="N137178" s="10"/>
    </row>
    <row r="137179" spans="14:14">
      <c r="N137179" s="10"/>
    </row>
    <row r="137180" spans="14:14">
      <c r="N137180" s="10"/>
    </row>
    <row r="137181" spans="14:14">
      <c r="N137181" s="10"/>
    </row>
    <row r="137182" spans="14:14">
      <c r="N137182" s="10"/>
    </row>
    <row r="137183" spans="14:14">
      <c r="N137183" s="10"/>
    </row>
    <row r="137184" spans="14:14">
      <c r="N137184" s="10"/>
    </row>
    <row r="137185" spans="14:14">
      <c r="N137185" s="10"/>
    </row>
    <row r="137186" spans="14:14">
      <c r="N137186" s="10"/>
    </row>
    <row r="137187" spans="14:14">
      <c r="N137187" s="10"/>
    </row>
    <row r="137188" spans="14:14">
      <c r="N137188" s="10"/>
    </row>
    <row r="137189" spans="14:14">
      <c r="N137189" s="10"/>
    </row>
    <row r="137190" spans="14:14">
      <c r="N137190" s="10"/>
    </row>
    <row r="137191" spans="14:14">
      <c r="N137191" s="10"/>
    </row>
    <row r="137192" spans="14:14">
      <c r="N137192" s="10"/>
    </row>
    <row r="137193" spans="14:14">
      <c r="N137193" s="10"/>
    </row>
    <row r="137194" spans="14:14">
      <c r="N137194" s="10"/>
    </row>
    <row r="137195" spans="14:14">
      <c r="N137195" s="10"/>
    </row>
    <row r="137196" spans="14:14">
      <c r="N137196" s="10"/>
    </row>
    <row r="137197" spans="14:14">
      <c r="N137197" s="10"/>
    </row>
    <row r="137198" spans="14:14">
      <c r="N137198" s="10"/>
    </row>
    <row r="137199" spans="14:14">
      <c r="N137199" s="10"/>
    </row>
    <row r="137200" spans="14:14">
      <c r="N137200" s="10"/>
    </row>
    <row r="137201" spans="14:14">
      <c r="N137201" s="10"/>
    </row>
    <row r="137202" spans="14:14">
      <c r="N137202" s="10"/>
    </row>
    <row r="137203" spans="14:14">
      <c r="N137203" s="10"/>
    </row>
    <row r="137204" spans="14:14">
      <c r="N137204" s="10"/>
    </row>
    <row r="137205" spans="14:14">
      <c r="N137205" s="10"/>
    </row>
    <row r="137206" spans="14:14">
      <c r="N137206" s="10"/>
    </row>
    <row r="137207" spans="14:14">
      <c r="N137207" s="10"/>
    </row>
    <row r="137208" spans="14:14">
      <c r="N137208" s="10"/>
    </row>
    <row r="137209" spans="14:14">
      <c r="N137209" s="10"/>
    </row>
    <row r="137210" spans="14:14">
      <c r="N137210" s="10"/>
    </row>
    <row r="137211" spans="14:14">
      <c r="N137211" s="10"/>
    </row>
    <row r="137212" spans="14:14">
      <c r="N137212" s="10"/>
    </row>
    <row r="137213" spans="14:14">
      <c r="N137213" s="10"/>
    </row>
    <row r="137214" spans="14:14">
      <c r="N137214" s="10"/>
    </row>
    <row r="137215" spans="14:14">
      <c r="N137215" s="10"/>
    </row>
    <row r="137216" spans="14:14">
      <c r="N137216" s="10"/>
    </row>
    <row r="137217" spans="14:14">
      <c r="N137217" s="10"/>
    </row>
    <row r="137218" spans="14:14">
      <c r="N137218" s="10"/>
    </row>
    <row r="137219" spans="14:14">
      <c r="N137219" s="10"/>
    </row>
    <row r="137220" spans="14:14">
      <c r="N137220" s="10"/>
    </row>
    <row r="137221" spans="14:14">
      <c r="N137221" s="10"/>
    </row>
    <row r="137222" spans="14:14">
      <c r="N137222" s="10"/>
    </row>
    <row r="137223" spans="14:14">
      <c r="N137223" s="10"/>
    </row>
    <row r="137224" spans="14:14">
      <c r="N137224" s="10"/>
    </row>
    <row r="137225" spans="14:14">
      <c r="N137225" s="10"/>
    </row>
    <row r="137226" spans="14:14">
      <c r="N137226" s="10"/>
    </row>
    <row r="137227" spans="14:14">
      <c r="N137227" s="10"/>
    </row>
    <row r="137228" spans="14:14">
      <c r="N137228" s="10"/>
    </row>
    <row r="137229" spans="14:14">
      <c r="N137229" s="10"/>
    </row>
    <row r="137230" spans="14:14">
      <c r="N137230" s="10"/>
    </row>
    <row r="137231" spans="14:14">
      <c r="N137231" s="10"/>
    </row>
    <row r="137232" spans="14:14">
      <c r="N137232" s="10"/>
    </row>
    <row r="137233" spans="14:14">
      <c r="N137233" s="10"/>
    </row>
    <row r="137234" spans="14:14">
      <c r="N137234" s="10"/>
    </row>
    <row r="137235" spans="14:14">
      <c r="N137235" s="10"/>
    </row>
    <row r="137236" spans="14:14">
      <c r="N137236" s="10"/>
    </row>
    <row r="137237" spans="14:14">
      <c r="N137237" s="10"/>
    </row>
    <row r="137238" spans="14:14">
      <c r="N137238" s="10"/>
    </row>
    <row r="137239" spans="14:14">
      <c r="N137239" s="10"/>
    </row>
    <row r="137240" spans="14:14">
      <c r="N137240" s="10"/>
    </row>
    <row r="137241" spans="14:14">
      <c r="N137241" s="10"/>
    </row>
    <row r="137242" spans="14:14">
      <c r="N137242" s="10"/>
    </row>
    <row r="137243" spans="14:14">
      <c r="N137243" s="10"/>
    </row>
    <row r="137244" spans="14:14">
      <c r="N137244" s="10"/>
    </row>
    <row r="137245" spans="14:14">
      <c r="N137245" s="10"/>
    </row>
    <row r="137246" spans="14:14">
      <c r="N137246" s="10"/>
    </row>
    <row r="137247" spans="14:14">
      <c r="N137247" s="10"/>
    </row>
    <row r="137248" spans="14:14">
      <c r="N137248" s="10"/>
    </row>
    <row r="137249" spans="14:14">
      <c r="N137249" s="10"/>
    </row>
    <row r="137250" spans="14:14">
      <c r="N137250" s="10"/>
    </row>
    <row r="137251" spans="14:14">
      <c r="N137251" s="10"/>
    </row>
    <row r="137252" spans="14:14">
      <c r="N137252" s="10"/>
    </row>
    <row r="137253" spans="14:14">
      <c r="N137253" s="10"/>
    </row>
    <row r="137254" spans="14:14">
      <c r="N137254" s="10"/>
    </row>
    <row r="137255" spans="14:14">
      <c r="N137255" s="10"/>
    </row>
    <row r="137256" spans="14:14">
      <c r="N137256" s="10"/>
    </row>
    <row r="137257" spans="14:14">
      <c r="N137257" s="10"/>
    </row>
    <row r="137258" spans="14:14">
      <c r="N137258" s="10"/>
    </row>
    <row r="137259" spans="14:14">
      <c r="N137259" s="10"/>
    </row>
    <row r="137260" spans="14:14">
      <c r="N137260" s="10"/>
    </row>
    <row r="137261" spans="14:14">
      <c r="N137261" s="10"/>
    </row>
    <row r="137262" spans="14:14">
      <c r="N137262" s="10"/>
    </row>
    <row r="137263" spans="14:14">
      <c r="N137263" s="10"/>
    </row>
    <row r="137264" spans="14:14">
      <c r="N137264" s="10"/>
    </row>
    <row r="137265" spans="14:14">
      <c r="N137265" s="10"/>
    </row>
    <row r="137266" spans="14:14">
      <c r="N137266" s="10"/>
    </row>
    <row r="137267" spans="14:14">
      <c r="N137267" s="10"/>
    </row>
    <row r="137268" spans="14:14">
      <c r="N137268" s="10"/>
    </row>
    <row r="137269" spans="14:14">
      <c r="N137269" s="10"/>
    </row>
    <row r="137270" spans="14:14">
      <c r="N137270" s="10"/>
    </row>
    <row r="137271" spans="14:14">
      <c r="N137271" s="10"/>
    </row>
    <row r="137272" spans="14:14">
      <c r="N137272" s="10"/>
    </row>
    <row r="137273" spans="14:14">
      <c r="N137273" s="10"/>
    </row>
    <row r="137274" spans="14:14">
      <c r="N137274" s="10"/>
    </row>
    <row r="137275" spans="14:14">
      <c r="N137275" s="10"/>
    </row>
    <row r="137276" spans="14:14">
      <c r="N137276" s="10"/>
    </row>
    <row r="137277" spans="14:14">
      <c r="N137277" s="10"/>
    </row>
    <row r="137278" spans="14:14">
      <c r="N137278" s="10"/>
    </row>
    <row r="137279" spans="14:14">
      <c r="N137279" s="10"/>
    </row>
    <row r="137280" spans="14:14">
      <c r="N137280" s="10"/>
    </row>
    <row r="137281" spans="14:14">
      <c r="N137281" s="10"/>
    </row>
    <row r="137282" spans="14:14">
      <c r="N137282" s="10"/>
    </row>
    <row r="137283" spans="14:14">
      <c r="N137283" s="10"/>
    </row>
    <row r="137284" spans="14:14">
      <c r="N137284" s="10"/>
    </row>
    <row r="137285" spans="14:14">
      <c r="N137285" s="10"/>
    </row>
    <row r="137286" spans="14:14">
      <c r="N137286" s="10"/>
    </row>
    <row r="137287" spans="14:14">
      <c r="N137287" s="10"/>
    </row>
    <row r="137288" spans="14:14">
      <c r="N137288" s="10"/>
    </row>
    <row r="137289" spans="14:14">
      <c r="N137289" s="10"/>
    </row>
    <row r="137290" spans="14:14">
      <c r="N137290" s="10"/>
    </row>
    <row r="137291" spans="14:14">
      <c r="N137291" s="10"/>
    </row>
    <row r="137292" spans="14:14">
      <c r="N137292" s="10"/>
    </row>
    <row r="137293" spans="14:14">
      <c r="N137293" s="10"/>
    </row>
    <row r="137294" spans="14:14">
      <c r="N137294" s="10"/>
    </row>
    <row r="137295" spans="14:14">
      <c r="N137295" s="10"/>
    </row>
    <row r="137296" spans="14:14">
      <c r="N137296" s="10"/>
    </row>
    <row r="137297" spans="14:14">
      <c r="N137297" s="10"/>
    </row>
    <row r="137298" spans="14:14">
      <c r="N137298" s="10"/>
    </row>
    <row r="137299" spans="14:14">
      <c r="N137299" s="10"/>
    </row>
    <row r="137300" spans="14:14">
      <c r="N137300" s="10"/>
    </row>
    <row r="137301" spans="14:14">
      <c r="N137301" s="10"/>
    </row>
    <row r="137302" spans="14:14">
      <c r="N137302" s="10"/>
    </row>
    <row r="137303" spans="14:14">
      <c r="N137303" s="10"/>
    </row>
    <row r="137304" spans="14:14">
      <c r="N137304" s="10"/>
    </row>
    <row r="137305" spans="14:14">
      <c r="N137305" s="10"/>
    </row>
    <row r="137306" spans="14:14">
      <c r="N137306" s="10"/>
    </row>
    <row r="137307" spans="14:14">
      <c r="N137307" s="10"/>
    </row>
    <row r="137308" spans="14:14">
      <c r="N137308" s="10"/>
    </row>
    <row r="137309" spans="14:14">
      <c r="N137309" s="10"/>
    </row>
    <row r="137310" spans="14:14">
      <c r="N137310" s="10"/>
    </row>
    <row r="137311" spans="14:14">
      <c r="N137311" s="10"/>
    </row>
    <row r="137312" spans="14:14">
      <c r="N137312" s="10"/>
    </row>
    <row r="137313" spans="14:14">
      <c r="N137313" s="10"/>
    </row>
    <row r="137314" spans="14:14">
      <c r="N137314" s="10"/>
    </row>
    <row r="137315" spans="14:14">
      <c r="N137315" s="10"/>
    </row>
    <row r="137316" spans="14:14">
      <c r="N137316" s="10"/>
    </row>
    <row r="137317" spans="14:14">
      <c r="N137317" s="10"/>
    </row>
    <row r="137318" spans="14:14">
      <c r="N137318" s="10"/>
    </row>
    <row r="137319" spans="14:14">
      <c r="N137319" s="10"/>
    </row>
    <row r="137320" spans="14:14">
      <c r="N137320" s="10"/>
    </row>
    <row r="137321" spans="14:14">
      <c r="N137321" s="10"/>
    </row>
    <row r="137322" spans="14:14">
      <c r="N137322" s="10"/>
    </row>
    <row r="137323" spans="14:14">
      <c r="N137323" s="10"/>
    </row>
    <row r="137324" spans="14:14">
      <c r="N137324" s="10"/>
    </row>
    <row r="137325" spans="14:14">
      <c r="N137325" s="10"/>
    </row>
    <row r="137326" spans="14:14">
      <c r="N137326" s="10"/>
    </row>
    <row r="137327" spans="14:14">
      <c r="N137327" s="10"/>
    </row>
    <row r="137328" spans="14:14">
      <c r="N137328" s="10"/>
    </row>
    <row r="137329" spans="14:14">
      <c r="N137329" s="10"/>
    </row>
    <row r="137330" spans="14:14">
      <c r="N137330" s="10"/>
    </row>
    <row r="137331" spans="14:14">
      <c r="N137331" s="10"/>
    </row>
    <row r="137332" spans="14:14">
      <c r="N137332" s="10"/>
    </row>
    <row r="137333" spans="14:14">
      <c r="N137333" s="10"/>
    </row>
    <row r="137334" spans="14:14">
      <c r="N137334" s="10"/>
    </row>
    <row r="137335" spans="14:14">
      <c r="N137335" s="10"/>
    </row>
    <row r="137336" spans="14:14">
      <c r="N137336" s="10"/>
    </row>
    <row r="137337" spans="14:14">
      <c r="N137337" s="10"/>
    </row>
    <row r="137338" spans="14:14">
      <c r="N137338" s="10"/>
    </row>
    <row r="137339" spans="14:14">
      <c r="N137339" s="10"/>
    </row>
    <row r="137340" spans="14:14">
      <c r="N137340" s="10"/>
    </row>
    <row r="137341" spans="14:14">
      <c r="N137341" s="10"/>
    </row>
    <row r="137342" spans="14:14">
      <c r="N137342" s="10"/>
    </row>
    <row r="137343" spans="14:14">
      <c r="N137343" s="10"/>
    </row>
    <row r="137344" spans="14:14">
      <c r="N137344" s="10"/>
    </row>
    <row r="137345" spans="14:14">
      <c r="N137345" s="10"/>
    </row>
    <row r="137346" spans="14:14">
      <c r="N137346" s="10"/>
    </row>
    <row r="137347" spans="14:14">
      <c r="N137347" s="10"/>
    </row>
    <row r="137348" spans="14:14">
      <c r="N137348" s="10"/>
    </row>
    <row r="137349" spans="14:14">
      <c r="N137349" s="10"/>
    </row>
    <row r="137350" spans="14:14">
      <c r="N137350" s="10"/>
    </row>
    <row r="137351" spans="14:14">
      <c r="N137351" s="10"/>
    </row>
    <row r="137352" spans="14:14">
      <c r="N137352" s="10"/>
    </row>
    <row r="137353" spans="14:14">
      <c r="N137353" s="10"/>
    </row>
    <row r="137354" spans="14:14">
      <c r="N137354" s="10"/>
    </row>
    <row r="137355" spans="14:14">
      <c r="N137355" s="10"/>
    </row>
    <row r="137356" spans="14:14">
      <c r="N137356" s="10"/>
    </row>
    <row r="137357" spans="14:14">
      <c r="N137357" s="10"/>
    </row>
    <row r="137358" spans="14:14">
      <c r="N137358" s="10"/>
    </row>
    <row r="137359" spans="14:14">
      <c r="N137359" s="10"/>
    </row>
    <row r="137360" spans="14:14">
      <c r="N137360" s="10"/>
    </row>
    <row r="137361" spans="14:14">
      <c r="N137361" s="10"/>
    </row>
    <row r="137362" spans="14:14">
      <c r="N137362" s="10"/>
    </row>
    <row r="137363" spans="14:14">
      <c r="N137363" s="10"/>
    </row>
    <row r="137364" spans="14:14">
      <c r="N137364" s="10"/>
    </row>
    <row r="137365" spans="14:14">
      <c r="N137365" s="10"/>
    </row>
    <row r="137366" spans="14:14">
      <c r="N137366" s="10"/>
    </row>
    <row r="137367" spans="14:14">
      <c r="N137367" s="10"/>
    </row>
    <row r="137368" spans="14:14">
      <c r="N137368" s="10"/>
    </row>
    <row r="137369" spans="14:14">
      <c r="N137369" s="10"/>
    </row>
    <row r="137370" spans="14:14">
      <c r="N137370" s="10"/>
    </row>
    <row r="137371" spans="14:14">
      <c r="N137371" s="10"/>
    </row>
    <row r="137372" spans="14:14">
      <c r="N137372" s="10"/>
    </row>
    <row r="137373" spans="14:14">
      <c r="N137373" s="10"/>
    </row>
    <row r="137374" spans="14:14">
      <c r="N137374" s="10"/>
    </row>
    <row r="137375" spans="14:14">
      <c r="N137375" s="10"/>
    </row>
    <row r="137376" spans="14:14">
      <c r="N137376" s="10"/>
    </row>
    <row r="137377" spans="14:14">
      <c r="N137377" s="10"/>
    </row>
    <row r="137378" spans="14:14">
      <c r="N137378" s="10"/>
    </row>
    <row r="137379" spans="14:14">
      <c r="N137379" s="10"/>
    </row>
    <row r="137380" spans="14:14">
      <c r="N137380" s="10"/>
    </row>
    <row r="137381" spans="14:14">
      <c r="N137381" s="10"/>
    </row>
    <row r="137382" spans="14:14">
      <c r="N137382" s="10"/>
    </row>
    <row r="137383" spans="14:14">
      <c r="N137383" s="10"/>
    </row>
    <row r="137384" spans="14:14">
      <c r="N137384" s="10"/>
    </row>
    <row r="137385" spans="14:14">
      <c r="N137385" s="10"/>
    </row>
    <row r="137386" spans="14:14">
      <c r="N137386" s="10"/>
    </row>
    <row r="137387" spans="14:14">
      <c r="N137387" s="10"/>
    </row>
    <row r="137388" spans="14:14">
      <c r="N137388" s="10"/>
    </row>
    <row r="137389" spans="14:14">
      <c r="N137389" s="10"/>
    </row>
    <row r="137390" spans="14:14">
      <c r="N137390" s="10"/>
    </row>
    <row r="137391" spans="14:14">
      <c r="N137391" s="10"/>
    </row>
    <row r="137392" spans="14:14">
      <c r="N137392" s="10"/>
    </row>
    <row r="137393" spans="14:14">
      <c r="N137393" s="10"/>
    </row>
    <row r="137394" spans="14:14">
      <c r="N137394" s="10"/>
    </row>
    <row r="137395" spans="14:14">
      <c r="N137395" s="10"/>
    </row>
    <row r="137396" spans="14:14">
      <c r="N137396" s="10"/>
    </row>
    <row r="137397" spans="14:14">
      <c r="N137397" s="10"/>
    </row>
    <row r="137398" spans="14:14">
      <c r="N137398" s="10"/>
    </row>
    <row r="137399" spans="14:14">
      <c r="N137399" s="10"/>
    </row>
    <row r="137400" spans="14:14">
      <c r="N137400" s="10"/>
    </row>
    <row r="137401" spans="14:14">
      <c r="N137401" s="10"/>
    </row>
    <row r="137402" spans="14:14">
      <c r="N137402" s="10"/>
    </row>
    <row r="137403" spans="14:14">
      <c r="N137403" s="10"/>
    </row>
    <row r="137404" spans="14:14">
      <c r="N137404" s="10"/>
    </row>
    <row r="137405" spans="14:14">
      <c r="N137405" s="10"/>
    </row>
    <row r="137406" spans="14:14">
      <c r="N137406" s="10"/>
    </row>
    <row r="137407" spans="14:14">
      <c r="N137407" s="10"/>
    </row>
    <row r="137408" spans="14:14">
      <c r="N137408" s="10"/>
    </row>
    <row r="137409" spans="14:14">
      <c r="N137409" s="10"/>
    </row>
    <row r="137410" spans="14:14">
      <c r="N137410" s="10"/>
    </row>
    <row r="137411" spans="14:14">
      <c r="N137411" s="10"/>
    </row>
    <row r="137412" spans="14:14">
      <c r="N137412" s="10"/>
    </row>
    <row r="137413" spans="14:14">
      <c r="N137413" s="10"/>
    </row>
    <row r="137414" spans="14:14">
      <c r="N137414" s="10"/>
    </row>
    <row r="137415" spans="14:14">
      <c r="N137415" s="10"/>
    </row>
    <row r="137416" spans="14:14">
      <c r="N137416" s="10"/>
    </row>
    <row r="137417" spans="14:14">
      <c r="N137417" s="10"/>
    </row>
    <row r="137418" spans="14:14">
      <c r="N137418" s="10"/>
    </row>
    <row r="137419" spans="14:14">
      <c r="N137419" s="10"/>
    </row>
    <row r="137420" spans="14:14">
      <c r="N137420" s="10"/>
    </row>
    <row r="137421" spans="14:14">
      <c r="N137421" s="10"/>
    </row>
    <row r="137422" spans="14:14">
      <c r="N137422" s="10"/>
    </row>
    <row r="137423" spans="14:14">
      <c r="N137423" s="10"/>
    </row>
    <row r="137424" spans="14:14">
      <c r="N137424" s="10"/>
    </row>
    <row r="137425" spans="14:14">
      <c r="N137425" s="10"/>
    </row>
    <row r="137426" spans="14:14">
      <c r="N137426" s="10"/>
    </row>
    <row r="137427" spans="14:14">
      <c r="N137427" s="10"/>
    </row>
    <row r="137428" spans="14:14">
      <c r="N137428" s="10"/>
    </row>
    <row r="137429" spans="14:14">
      <c r="N137429" s="10"/>
    </row>
    <row r="137430" spans="14:14">
      <c r="N137430" s="10"/>
    </row>
    <row r="137431" spans="14:14">
      <c r="N137431" s="10"/>
    </row>
    <row r="137432" spans="14:14">
      <c r="N137432" s="10"/>
    </row>
    <row r="137433" spans="14:14">
      <c r="N137433" s="10"/>
    </row>
    <row r="137434" spans="14:14">
      <c r="N137434" s="10"/>
    </row>
    <row r="137435" spans="14:14">
      <c r="N137435" s="10"/>
    </row>
    <row r="137436" spans="14:14">
      <c r="N137436" s="10"/>
    </row>
    <row r="137437" spans="14:14">
      <c r="N137437" s="10"/>
    </row>
    <row r="137438" spans="14:14">
      <c r="N137438" s="10"/>
    </row>
    <row r="137439" spans="14:14">
      <c r="N137439" s="10"/>
    </row>
    <row r="137440" spans="14:14">
      <c r="N137440" s="10"/>
    </row>
    <row r="137441" spans="14:14">
      <c r="N137441" s="10"/>
    </row>
    <row r="137442" spans="14:14">
      <c r="N137442" s="10"/>
    </row>
    <row r="137443" spans="14:14">
      <c r="N137443" s="10"/>
    </row>
    <row r="137444" spans="14:14">
      <c r="N137444" s="10"/>
    </row>
    <row r="137445" spans="14:14">
      <c r="N137445" s="10"/>
    </row>
    <row r="137446" spans="14:14">
      <c r="N137446" s="10"/>
    </row>
    <row r="137447" spans="14:14">
      <c r="N137447" s="10"/>
    </row>
    <row r="137448" spans="14:14">
      <c r="N137448" s="10"/>
    </row>
    <row r="137449" spans="14:14">
      <c r="N137449" s="10"/>
    </row>
    <row r="137450" spans="14:14">
      <c r="N137450" s="10"/>
    </row>
    <row r="137451" spans="14:14">
      <c r="N137451" s="10"/>
    </row>
    <row r="137452" spans="14:14">
      <c r="N137452" s="10"/>
    </row>
    <row r="137453" spans="14:14">
      <c r="N137453" s="10"/>
    </row>
    <row r="137454" spans="14:14">
      <c r="N137454" s="10"/>
    </row>
    <row r="137455" spans="14:14">
      <c r="N137455" s="10"/>
    </row>
    <row r="137456" spans="14:14">
      <c r="N137456" s="10"/>
    </row>
    <row r="137457" spans="14:14">
      <c r="N137457" s="10"/>
    </row>
    <row r="137458" spans="14:14">
      <c r="N137458" s="10"/>
    </row>
    <row r="137459" spans="14:14">
      <c r="N137459" s="10"/>
    </row>
    <row r="137460" spans="14:14">
      <c r="N137460" s="10"/>
    </row>
    <row r="137461" spans="14:14">
      <c r="N137461" s="10"/>
    </row>
    <row r="137462" spans="14:14">
      <c r="N137462" s="10"/>
    </row>
    <row r="137463" spans="14:14">
      <c r="N137463" s="10"/>
    </row>
    <row r="137464" spans="14:14">
      <c r="N137464" s="10"/>
    </row>
    <row r="137465" spans="14:14">
      <c r="N137465" s="10"/>
    </row>
    <row r="137466" spans="14:14">
      <c r="N137466" s="10"/>
    </row>
    <row r="137467" spans="14:14">
      <c r="N137467" s="10"/>
    </row>
    <row r="137468" spans="14:14">
      <c r="N137468" s="10"/>
    </row>
    <row r="137469" spans="14:14">
      <c r="N137469" s="10"/>
    </row>
    <row r="137470" spans="14:14">
      <c r="N137470" s="10"/>
    </row>
    <row r="137471" spans="14:14">
      <c r="N137471" s="10"/>
    </row>
    <row r="137472" spans="14:14">
      <c r="N137472" s="10"/>
    </row>
    <row r="137473" spans="14:14">
      <c r="N137473" s="10"/>
    </row>
    <row r="137474" spans="14:14">
      <c r="N137474" s="10"/>
    </row>
    <row r="137475" spans="14:14">
      <c r="N137475" s="10"/>
    </row>
    <row r="137476" spans="14:14">
      <c r="N137476" s="10"/>
    </row>
    <row r="137477" spans="14:14">
      <c r="N137477" s="10"/>
    </row>
    <row r="137478" spans="14:14">
      <c r="N137478" s="10"/>
    </row>
    <row r="137479" spans="14:14">
      <c r="N137479" s="10"/>
    </row>
    <row r="137480" spans="14:14">
      <c r="N137480" s="10"/>
    </row>
    <row r="137481" spans="14:14">
      <c r="N137481" s="10"/>
    </row>
    <row r="137482" spans="14:14">
      <c r="N137482" s="10"/>
    </row>
    <row r="137483" spans="14:14">
      <c r="N137483" s="10"/>
    </row>
    <row r="137484" spans="14:14">
      <c r="N137484" s="10"/>
    </row>
    <row r="137485" spans="14:14">
      <c r="N137485" s="10"/>
    </row>
    <row r="137486" spans="14:14">
      <c r="N137486" s="10"/>
    </row>
    <row r="137487" spans="14:14">
      <c r="N137487" s="10"/>
    </row>
    <row r="137488" spans="14:14">
      <c r="N137488" s="10"/>
    </row>
    <row r="137489" spans="14:14">
      <c r="N137489" s="10"/>
    </row>
    <row r="137490" spans="14:14">
      <c r="N137490" s="10"/>
    </row>
    <row r="137491" spans="14:14">
      <c r="N137491" s="10"/>
    </row>
    <row r="137492" spans="14:14">
      <c r="N137492" s="10"/>
    </row>
    <row r="137493" spans="14:14">
      <c r="N137493" s="10"/>
    </row>
    <row r="137494" spans="14:14">
      <c r="N137494" s="10"/>
    </row>
    <row r="137495" spans="14:14">
      <c r="N137495" s="10"/>
    </row>
    <row r="137496" spans="14:14">
      <c r="N137496" s="10"/>
    </row>
    <row r="137497" spans="14:14">
      <c r="N137497" s="10"/>
    </row>
    <row r="137498" spans="14:14">
      <c r="N137498" s="10"/>
    </row>
    <row r="137499" spans="14:14">
      <c r="N137499" s="10"/>
    </row>
    <row r="137500" spans="14:14">
      <c r="N137500" s="10"/>
    </row>
    <row r="137501" spans="14:14">
      <c r="N137501" s="10"/>
    </row>
    <row r="137502" spans="14:14">
      <c r="N137502" s="10"/>
    </row>
    <row r="137503" spans="14:14">
      <c r="N137503" s="10"/>
    </row>
    <row r="137504" spans="14:14">
      <c r="N137504" s="10"/>
    </row>
    <row r="137505" spans="14:14">
      <c r="N137505" s="10"/>
    </row>
    <row r="137506" spans="14:14">
      <c r="N137506" s="10"/>
    </row>
    <row r="137507" spans="14:14">
      <c r="N137507" s="10"/>
    </row>
    <row r="137508" spans="14:14">
      <c r="N137508" s="10"/>
    </row>
    <row r="137509" spans="14:14">
      <c r="N137509" s="10"/>
    </row>
    <row r="137510" spans="14:14">
      <c r="N137510" s="10"/>
    </row>
    <row r="137511" spans="14:14">
      <c r="N137511" s="10"/>
    </row>
    <row r="137512" spans="14:14">
      <c r="N137512" s="10"/>
    </row>
    <row r="137513" spans="14:14">
      <c r="N137513" s="10"/>
    </row>
    <row r="137514" spans="14:14">
      <c r="N137514" s="10"/>
    </row>
    <row r="137515" spans="14:14">
      <c r="N137515" s="10"/>
    </row>
    <row r="137516" spans="14:14">
      <c r="N137516" s="10"/>
    </row>
    <row r="137517" spans="14:14">
      <c r="N137517" s="10"/>
    </row>
    <row r="137518" spans="14:14">
      <c r="N137518" s="10"/>
    </row>
    <row r="137519" spans="14:14">
      <c r="N137519" s="10"/>
    </row>
    <row r="137520" spans="14:14">
      <c r="N137520" s="10"/>
    </row>
    <row r="137521" spans="14:14">
      <c r="N137521" s="10"/>
    </row>
    <row r="137522" spans="14:14">
      <c r="N137522" s="10"/>
    </row>
    <row r="137523" spans="14:14">
      <c r="N137523" s="10"/>
    </row>
    <row r="137524" spans="14:14">
      <c r="N137524" s="10"/>
    </row>
    <row r="137525" spans="14:14">
      <c r="N137525" s="10"/>
    </row>
    <row r="137526" spans="14:14">
      <c r="N137526" s="10"/>
    </row>
    <row r="137527" spans="14:14">
      <c r="N137527" s="10"/>
    </row>
    <row r="137528" spans="14:14">
      <c r="N137528" s="10"/>
    </row>
    <row r="137529" spans="14:14">
      <c r="N137529" s="10"/>
    </row>
    <row r="137530" spans="14:14">
      <c r="N137530" s="10"/>
    </row>
    <row r="137531" spans="14:14">
      <c r="N137531" s="10"/>
    </row>
    <row r="137532" spans="14:14">
      <c r="N137532" s="10"/>
    </row>
    <row r="137533" spans="14:14">
      <c r="N137533" s="10"/>
    </row>
    <row r="137534" spans="14:14">
      <c r="N137534" s="10"/>
    </row>
    <row r="137535" spans="14:14">
      <c r="N137535" s="10"/>
    </row>
    <row r="137536" spans="14:14">
      <c r="N137536" s="10"/>
    </row>
    <row r="137537" spans="14:14">
      <c r="N137537" s="10"/>
    </row>
    <row r="137538" spans="14:14">
      <c r="N137538" s="10"/>
    </row>
    <row r="137539" spans="14:14">
      <c r="N137539" s="10"/>
    </row>
    <row r="137540" spans="14:14">
      <c r="N137540" s="10"/>
    </row>
    <row r="137541" spans="14:14">
      <c r="N137541" s="10"/>
    </row>
    <row r="137542" spans="14:14">
      <c r="N137542" s="10"/>
    </row>
    <row r="137543" spans="14:14">
      <c r="N137543" s="10"/>
    </row>
    <row r="137544" spans="14:14">
      <c r="N137544" s="10"/>
    </row>
    <row r="137545" spans="14:14">
      <c r="N137545" s="10"/>
    </row>
    <row r="137546" spans="14:14">
      <c r="N137546" s="10"/>
    </row>
    <row r="137547" spans="14:14">
      <c r="N137547" s="10"/>
    </row>
    <row r="137548" spans="14:14">
      <c r="N137548" s="10"/>
    </row>
    <row r="137549" spans="14:14">
      <c r="N137549" s="10"/>
    </row>
    <row r="137550" spans="14:14">
      <c r="N137550" s="10"/>
    </row>
    <row r="137551" spans="14:14">
      <c r="N137551" s="10"/>
    </row>
    <row r="137552" spans="14:14">
      <c r="N137552" s="10"/>
    </row>
    <row r="137553" spans="14:14">
      <c r="N137553" s="10"/>
    </row>
    <row r="137554" spans="14:14">
      <c r="N137554" s="10"/>
    </row>
    <row r="137555" spans="14:14">
      <c r="N137555" s="10"/>
    </row>
    <row r="137556" spans="14:14">
      <c r="N137556" s="10"/>
    </row>
    <row r="137557" spans="14:14">
      <c r="N137557" s="10"/>
    </row>
    <row r="137558" spans="14:14">
      <c r="N137558" s="10"/>
    </row>
    <row r="137559" spans="14:14">
      <c r="N137559" s="10"/>
    </row>
    <row r="137560" spans="14:14">
      <c r="N137560" s="10"/>
    </row>
    <row r="137561" spans="14:14">
      <c r="N137561" s="10"/>
    </row>
    <row r="137562" spans="14:14">
      <c r="N137562" s="10"/>
    </row>
    <row r="137563" spans="14:14">
      <c r="N137563" s="10"/>
    </row>
    <row r="137564" spans="14:14">
      <c r="N137564" s="10"/>
    </row>
    <row r="137565" spans="14:14">
      <c r="N137565" s="10"/>
    </row>
    <row r="137566" spans="14:14">
      <c r="N137566" s="10"/>
    </row>
    <row r="137567" spans="14:14">
      <c r="N137567" s="10"/>
    </row>
    <row r="137568" spans="14:14">
      <c r="N137568" s="10"/>
    </row>
    <row r="137569" spans="14:14">
      <c r="N137569" s="10"/>
    </row>
    <row r="137570" spans="14:14">
      <c r="N137570" s="10"/>
    </row>
    <row r="137571" spans="14:14">
      <c r="N137571" s="10"/>
    </row>
    <row r="137572" spans="14:14">
      <c r="N137572" s="10"/>
    </row>
    <row r="137573" spans="14:14">
      <c r="N137573" s="10"/>
    </row>
    <row r="137574" spans="14:14">
      <c r="N137574" s="10"/>
    </row>
    <row r="137575" spans="14:14">
      <c r="N137575" s="10"/>
    </row>
    <row r="137576" spans="14:14">
      <c r="N137576" s="10"/>
    </row>
    <row r="137577" spans="14:14">
      <c r="N137577" s="10"/>
    </row>
    <row r="137578" spans="14:14">
      <c r="N137578" s="10"/>
    </row>
    <row r="137579" spans="14:14">
      <c r="N137579" s="10"/>
    </row>
    <row r="137580" spans="14:14">
      <c r="N137580" s="10"/>
    </row>
    <row r="137581" spans="14:14">
      <c r="N137581" s="10"/>
    </row>
    <row r="137582" spans="14:14">
      <c r="N137582" s="10"/>
    </row>
    <row r="137583" spans="14:14">
      <c r="N137583" s="10"/>
    </row>
    <row r="137584" spans="14:14">
      <c r="N137584" s="10"/>
    </row>
    <row r="137585" spans="14:14">
      <c r="N137585" s="10"/>
    </row>
    <row r="137586" spans="14:14">
      <c r="N137586" s="10"/>
    </row>
    <row r="137587" spans="14:14">
      <c r="N137587" s="10"/>
    </row>
    <row r="137588" spans="14:14">
      <c r="N137588" s="10"/>
    </row>
    <row r="137589" spans="14:14">
      <c r="N137589" s="10"/>
    </row>
    <row r="137590" spans="14:14">
      <c r="N137590" s="10"/>
    </row>
    <row r="137591" spans="14:14">
      <c r="N137591" s="10"/>
    </row>
    <row r="137592" spans="14:14">
      <c r="N137592" s="10"/>
    </row>
    <row r="137593" spans="14:14">
      <c r="N137593" s="10"/>
    </row>
    <row r="137594" spans="14:14">
      <c r="N137594" s="10"/>
    </row>
    <row r="137595" spans="14:14">
      <c r="N137595" s="10"/>
    </row>
    <row r="137596" spans="14:14">
      <c r="N137596" s="10"/>
    </row>
    <row r="137597" spans="14:14">
      <c r="N137597" s="10"/>
    </row>
    <row r="137598" spans="14:14">
      <c r="N137598" s="10"/>
    </row>
    <row r="137599" spans="14:14">
      <c r="N137599" s="10"/>
    </row>
    <row r="137600" spans="14:14">
      <c r="N137600" s="10"/>
    </row>
    <row r="137601" spans="14:14">
      <c r="N137601" s="10"/>
    </row>
    <row r="137602" spans="14:14">
      <c r="N137602" s="10"/>
    </row>
    <row r="137603" spans="14:14">
      <c r="N137603" s="10"/>
    </row>
    <row r="137604" spans="14:14">
      <c r="N137604" s="10"/>
    </row>
    <row r="137605" spans="14:14">
      <c r="N137605" s="10"/>
    </row>
    <row r="137606" spans="14:14">
      <c r="N137606" s="10"/>
    </row>
    <row r="137607" spans="14:14">
      <c r="N137607" s="10"/>
    </row>
    <row r="137608" spans="14:14">
      <c r="N137608" s="10"/>
    </row>
    <row r="137609" spans="14:14">
      <c r="N137609" s="10"/>
    </row>
    <row r="137610" spans="14:14">
      <c r="N137610" s="10"/>
    </row>
    <row r="137611" spans="14:14">
      <c r="N137611" s="10"/>
    </row>
    <row r="137612" spans="14:14">
      <c r="N137612" s="10"/>
    </row>
    <row r="137613" spans="14:14">
      <c r="N137613" s="10"/>
    </row>
    <row r="137614" spans="14:14">
      <c r="N137614" s="10"/>
    </row>
    <row r="137615" spans="14:14">
      <c r="N137615" s="10"/>
    </row>
    <row r="137616" spans="14:14">
      <c r="N137616" s="10"/>
    </row>
    <row r="137617" spans="14:14">
      <c r="N137617" s="10"/>
    </row>
    <row r="137618" spans="14:14">
      <c r="N137618" s="10"/>
    </row>
    <row r="137619" spans="14:14">
      <c r="N137619" s="10"/>
    </row>
    <row r="137620" spans="14:14">
      <c r="N137620" s="10"/>
    </row>
    <row r="137621" spans="14:14">
      <c r="N137621" s="10"/>
    </row>
    <row r="137622" spans="14:14">
      <c r="N137622" s="10"/>
    </row>
    <row r="137623" spans="14:14">
      <c r="N137623" s="10"/>
    </row>
    <row r="137624" spans="14:14">
      <c r="N137624" s="10"/>
    </row>
    <row r="137625" spans="14:14">
      <c r="N137625" s="10"/>
    </row>
    <row r="137626" spans="14:14">
      <c r="N137626" s="10"/>
    </row>
    <row r="137627" spans="14:14">
      <c r="N137627" s="10"/>
    </row>
    <row r="137628" spans="14:14">
      <c r="N137628" s="10"/>
    </row>
    <row r="137629" spans="14:14">
      <c r="N137629" s="10"/>
    </row>
    <row r="137630" spans="14:14">
      <c r="N137630" s="10"/>
    </row>
    <row r="137631" spans="14:14">
      <c r="N137631" s="10"/>
    </row>
    <row r="137632" spans="14:14">
      <c r="N137632" s="10"/>
    </row>
    <row r="137633" spans="14:14">
      <c r="N137633" s="10"/>
    </row>
    <row r="137634" spans="14:14">
      <c r="N137634" s="10"/>
    </row>
    <row r="137635" spans="14:14">
      <c r="N137635" s="10"/>
    </row>
    <row r="137636" spans="14:14">
      <c r="N137636" s="10"/>
    </row>
    <row r="137637" spans="14:14">
      <c r="N137637" s="10"/>
    </row>
    <row r="137638" spans="14:14">
      <c r="N137638" s="10"/>
    </row>
    <row r="137639" spans="14:14">
      <c r="N137639" s="10"/>
    </row>
    <row r="137640" spans="14:14">
      <c r="N137640" s="10"/>
    </row>
    <row r="137641" spans="14:14">
      <c r="N137641" s="10"/>
    </row>
    <row r="137642" spans="14:14">
      <c r="N137642" s="10"/>
    </row>
    <row r="137643" spans="14:14">
      <c r="N137643" s="10"/>
    </row>
    <row r="137644" spans="14:14">
      <c r="N137644" s="10"/>
    </row>
    <row r="137645" spans="14:14">
      <c r="N137645" s="10"/>
    </row>
    <row r="137646" spans="14:14">
      <c r="N137646" s="10"/>
    </row>
    <row r="137647" spans="14:14">
      <c r="N137647" s="10"/>
    </row>
    <row r="137648" spans="14:14">
      <c r="N137648" s="10"/>
    </row>
    <row r="137649" spans="14:14">
      <c r="N137649" s="10"/>
    </row>
    <row r="137650" spans="14:14">
      <c r="N137650" s="10"/>
    </row>
    <row r="137651" spans="14:14">
      <c r="N137651" s="10"/>
    </row>
    <row r="137652" spans="14:14">
      <c r="N137652" s="10"/>
    </row>
    <row r="137653" spans="14:14">
      <c r="N137653" s="10"/>
    </row>
    <row r="137654" spans="14:14">
      <c r="N137654" s="10"/>
    </row>
    <row r="137655" spans="14:14">
      <c r="N137655" s="10"/>
    </row>
    <row r="137656" spans="14:14">
      <c r="N137656" s="10"/>
    </row>
    <row r="137657" spans="14:14">
      <c r="N137657" s="10"/>
    </row>
    <row r="137658" spans="14:14">
      <c r="N137658" s="10"/>
    </row>
    <row r="137659" spans="14:14">
      <c r="N137659" s="10"/>
    </row>
    <row r="137660" spans="14:14">
      <c r="N137660" s="10"/>
    </row>
    <row r="137661" spans="14:14">
      <c r="N137661" s="10"/>
    </row>
    <row r="137662" spans="14:14">
      <c r="N137662" s="10"/>
    </row>
    <row r="137663" spans="14:14">
      <c r="N137663" s="10"/>
    </row>
    <row r="137664" spans="14:14">
      <c r="N137664" s="10"/>
    </row>
    <row r="137665" spans="14:14">
      <c r="N137665" s="10"/>
    </row>
    <row r="137666" spans="14:14">
      <c r="N137666" s="10"/>
    </row>
    <row r="137667" spans="14:14">
      <c r="N137667" s="10"/>
    </row>
    <row r="137668" spans="14:14">
      <c r="N137668" s="10"/>
    </row>
    <row r="137669" spans="14:14">
      <c r="N137669" s="10"/>
    </row>
    <row r="137670" spans="14:14">
      <c r="N137670" s="10"/>
    </row>
    <row r="137671" spans="14:14">
      <c r="N137671" s="10"/>
    </row>
    <row r="137672" spans="14:14">
      <c r="N137672" s="10"/>
    </row>
    <row r="137673" spans="14:14">
      <c r="N137673" s="10"/>
    </row>
    <row r="137674" spans="14:14">
      <c r="N137674" s="10"/>
    </row>
    <row r="137675" spans="14:14">
      <c r="N137675" s="10"/>
    </row>
    <row r="137676" spans="14:14">
      <c r="N137676" s="10"/>
    </row>
    <row r="137677" spans="14:14">
      <c r="N137677" s="10"/>
    </row>
    <row r="137678" spans="14:14">
      <c r="N137678" s="10"/>
    </row>
    <row r="137679" spans="14:14">
      <c r="N137679" s="10"/>
    </row>
    <row r="137680" spans="14:14">
      <c r="N137680" s="10"/>
    </row>
    <row r="137681" spans="14:14">
      <c r="N137681" s="10"/>
    </row>
    <row r="137682" spans="14:14">
      <c r="N137682" s="10"/>
    </row>
    <row r="137683" spans="14:14">
      <c r="N137683" s="10"/>
    </row>
    <row r="137684" spans="14:14">
      <c r="N137684" s="10"/>
    </row>
    <row r="137685" spans="14:14">
      <c r="N137685" s="10"/>
    </row>
    <row r="137686" spans="14:14">
      <c r="N137686" s="10"/>
    </row>
    <row r="137687" spans="14:14">
      <c r="N137687" s="10"/>
    </row>
    <row r="137688" spans="14:14">
      <c r="N137688" s="10"/>
    </row>
    <row r="137689" spans="14:14">
      <c r="N137689" s="10"/>
    </row>
    <row r="137690" spans="14:14">
      <c r="N137690" s="10"/>
    </row>
    <row r="137691" spans="14:14">
      <c r="N137691" s="10"/>
    </row>
    <row r="137692" spans="14:14">
      <c r="N137692" s="10"/>
    </row>
    <row r="137693" spans="14:14">
      <c r="N137693" s="10"/>
    </row>
    <row r="137694" spans="14:14">
      <c r="N137694" s="10"/>
    </row>
    <row r="137695" spans="14:14">
      <c r="N137695" s="10"/>
    </row>
    <row r="137696" spans="14:14">
      <c r="N137696" s="10"/>
    </row>
    <row r="137697" spans="14:14">
      <c r="N137697" s="10"/>
    </row>
    <row r="137698" spans="14:14">
      <c r="N137698" s="10"/>
    </row>
    <row r="137699" spans="14:14">
      <c r="N137699" s="10"/>
    </row>
    <row r="137700" spans="14:14">
      <c r="N137700" s="10"/>
    </row>
    <row r="137701" spans="14:14">
      <c r="N137701" s="10"/>
    </row>
    <row r="137702" spans="14:14">
      <c r="N137702" s="10"/>
    </row>
    <row r="137703" spans="14:14">
      <c r="N137703" s="10"/>
    </row>
    <row r="137704" spans="14:14">
      <c r="N137704" s="10"/>
    </row>
    <row r="137705" spans="14:14">
      <c r="N137705" s="10"/>
    </row>
    <row r="137706" spans="14:14">
      <c r="N137706" s="10"/>
    </row>
    <row r="137707" spans="14:14">
      <c r="N137707" s="10"/>
    </row>
    <row r="137708" spans="14:14">
      <c r="N137708" s="10"/>
    </row>
    <row r="137709" spans="14:14">
      <c r="N137709" s="10"/>
    </row>
    <row r="137710" spans="14:14">
      <c r="N137710" s="10"/>
    </row>
    <row r="137711" spans="14:14">
      <c r="N137711" s="10"/>
    </row>
    <row r="137712" spans="14:14">
      <c r="N137712" s="10"/>
    </row>
    <row r="137713" spans="14:14">
      <c r="N137713" s="10"/>
    </row>
    <row r="137714" spans="14:14">
      <c r="N137714" s="10"/>
    </row>
    <row r="137715" spans="14:14">
      <c r="N137715" s="10"/>
    </row>
    <row r="137716" spans="14:14">
      <c r="N137716" s="10"/>
    </row>
    <row r="137717" spans="14:14">
      <c r="N137717" s="10"/>
    </row>
    <row r="137718" spans="14:14">
      <c r="N137718" s="10"/>
    </row>
    <row r="137719" spans="14:14">
      <c r="N137719" s="10"/>
    </row>
    <row r="137720" spans="14:14">
      <c r="N137720" s="10"/>
    </row>
    <row r="137721" spans="14:14">
      <c r="N137721" s="10"/>
    </row>
    <row r="137722" spans="14:14">
      <c r="N137722" s="10"/>
    </row>
    <row r="137723" spans="14:14">
      <c r="N137723" s="10"/>
    </row>
    <row r="137724" spans="14:14">
      <c r="N137724" s="10"/>
    </row>
    <row r="137725" spans="14:14">
      <c r="N137725" s="10"/>
    </row>
    <row r="137726" spans="14:14">
      <c r="N137726" s="10"/>
    </row>
    <row r="137727" spans="14:14">
      <c r="N137727" s="10"/>
    </row>
    <row r="137728" spans="14:14">
      <c r="N137728" s="10"/>
    </row>
    <row r="137729" spans="14:14">
      <c r="N137729" s="10"/>
    </row>
    <row r="137730" spans="14:14">
      <c r="N137730" s="10"/>
    </row>
    <row r="137731" spans="14:14">
      <c r="N137731" s="10"/>
    </row>
    <row r="137732" spans="14:14">
      <c r="N137732" s="10"/>
    </row>
    <row r="137733" spans="14:14">
      <c r="N137733" s="10"/>
    </row>
    <row r="137734" spans="14:14">
      <c r="N137734" s="10"/>
    </row>
    <row r="137735" spans="14:14">
      <c r="N137735" s="10"/>
    </row>
    <row r="137736" spans="14:14">
      <c r="N137736" s="10"/>
    </row>
    <row r="137737" spans="14:14">
      <c r="N137737" s="10"/>
    </row>
    <row r="137738" spans="14:14">
      <c r="N137738" s="10"/>
    </row>
    <row r="137739" spans="14:14">
      <c r="N137739" s="10"/>
    </row>
    <row r="137740" spans="14:14">
      <c r="N137740" s="10"/>
    </row>
    <row r="137741" spans="14:14">
      <c r="N137741" s="10"/>
    </row>
    <row r="137742" spans="14:14">
      <c r="N137742" s="10"/>
    </row>
    <row r="137743" spans="14:14">
      <c r="N137743" s="10"/>
    </row>
    <row r="137744" spans="14:14">
      <c r="N137744" s="10"/>
    </row>
    <row r="137745" spans="14:14">
      <c r="N137745" s="10"/>
    </row>
    <row r="137746" spans="14:14">
      <c r="N137746" s="10"/>
    </row>
    <row r="137747" spans="14:14">
      <c r="N137747" s="10"/>
    </row>
    <row r="137748" spans="14:14">
      <c r="N137748" s="10"/>
    </row>
    <row r="137749" spans="14:14">
      <c r="N137749" s="10"/>
    </row>
    <row r="137750" spans="14:14">
      <c r="N137750" s="10"/>
    </row>
    <row r="137751" spans="14:14">
      <c r="N137751" s="10"/>
    </row>
    <row r="137752" spans="14:14">
      <c r="N137752" s="10"/>
    </row>
    <row r="137753" spans="14:14">
      <c r="N137753" s="10"/>
    </row>
    <row r="137754" spans="14:14">
      <c r="N137754" s="10"/>
    </row>
    <row r="137755" spans="14:14">
      <c r="N137755" s="10"/>
    </row>
    <row r="137756" spans="14:14">
      <c r="N137756" s="10"/>
    </row>
    <row r="137757" spans="14:14">
      <c r="N137757" s="10"/>
    </row>
    <row r="137758" spans="14:14">
      <c r="N137758" s="10"/>
    </row>
    <row r="137759" spans="14:14">
      <c r="N137759" s="10"/>
    </row>
    <row r="137760" spans="14:14">
      <c r="N137760" s="10"/>
    </row>
    <row r="137761" spans="14:14">
      <c r="N137761" s="10"/>
    </row>
    <row r="137762" spans="14:14">
      <c r="N137762" s="10"/>
    </row>
    <row r="137763" spans="14:14">
      <c r="N137763" s="10"/>
    </row>
    <row r="137764" spans="14:14">
      <c r="N137764" s="10"/>
    </row>
    <row r="137765" spans="14:14">
      <c r="N137765" s="10"/>
    </row>
    <row r="137766" spans="14:14">
      <c r="N137766" s="10"/>
    </row>
    <row r="137767" spans="14:14">
      <c r="N137767" s="10"/>
    </row>
    <row r="137768" spans="14:14">
      <c r="N137768" s="10"/>
    </row>
    <row r="137769" spans="14:14">
      <c r="N137769" s="10"/>
    </row>
    <row r="137770" spans="14:14">
      <c r="N137770" s="10"/>
    </row>
    <row r="137771" spans="14:14">
      <c r="N137771" s="10"/>
    </row>
    <row r="137772" spans="14:14">
      <c r="N137772" s="10"/>
    </row>
    <row r="137773" spans="14:14">
      <c r="N137773" s="10"/>
    </row>
    <row r="137774" spans="14:14">
      <c r="N137774" s="10"/>
    </row>
    <row r="137775" spans="14:14">
      <c r="N137775" s="10"/>
    </row>
    <row r="137776" spans="14:14">
      <c r="N137776" s="10"/>
    </row>
    <row r="137777" spans="14:14">
      <c r="N137777" s="10"/>
    </row>
    <row r="137778" spans="14:14">
      <c r="N137778" s="10"/>
    </row>
    <row r="137779" spans="14:14">
      <c r="N137779" s="10"/>
    </row>
    <row r="137780" spans="14:14">
      <c r="N137780" s="10"/>
    </row>
    <row r="137781" spans="14:14">
      <c r="N137781" s="10"/>
    </row>
    <row r="137782" spans="14:14">
      <c r="N137782" s="10"/>
    </row>
    <row r="137783" spans="14:14">
      <c r="N137783" s="10"/>
    </row>
    <row r="137784" spans="14:14">
      <c r="N137784" s="10"/>
    </row>
    <row r="137785" spans="14:14">
      <c r="N137785" s="10"/>
    </row>
    <row r="137786" spans="14:14">
      <c r="N137786" s="10"/>
    </row>
    <row r="137787" spans="14:14">
      <c r="N137787" s="10"/>
    </row>
    <row r="137788" spans="14:14">
      <c r="N137788" s="10"/>
    </row>
    <row r="137789" spans="14:14">
      <c r="N137789" s="10"/>
    </row>
    <row r="137790" spans="14:14">
      <c r="N137790" s="10"/>
    </row>
    <row r="137791" spans="14:14">
      <c r="N137791" s="10"/>
    </row>
    <row r="137792" spans="14:14">
      <c r="N137792" s="10"/>
    </row>
    <row r="137793" spans="14:14">
      <c r="N137793" s="10"/>
    </row>
    <row r="137794" spans="14:14">
      <c r="N137794" s="10"/>
    </row>
    <row r="137795" spans="14:14">
      <c r="N137795" s="10"/>
    </row>
    <row r="137796" spans="14:14">
      <c r="N137796" s="10"/>
    </row>
    <row r="137797" spans="14:14">
      <c r="N137797" s="10"/>
    </row>
    <row r="137798" spans="14:14">
      <c r="N137798" s="10"/>
    </row>
    <row r="137799" spans="14:14">
      <c r="N137799" s="10"/>
    </row>
    <row r="137800" spans="14:14">
      <c r="N137800" s="10"/>
    </row>
    <row r="137801" spans="14:14">
      <c r="N137801" s="10"/>
    </row>
    <row r="137802" spans="14:14">
      <c r="N137802" s="10"/>
    </row>
    <row r="137803" spans="14:14">
      <c r="N137803" s="10"/>
    </row>
    <row r="137804" spans="14:14">
      <c r="N137804" s="10"/>
    </row>
    <row r="137805" spans="14:14">
      <c r="N137805" s="10"/>
    </row>
    <row r="137806" spans="14:14">
      <c r="N137806" s="10"/>
    </row>
    <row r="137807" spans="14:14">
      <c r="N137807" s="10"/>
    </row>
    <row r="137808" spans="14:14">
      <c r="N137808" s="10"/>
    </row>
    <row r="137809" spans="14:14">
      <c r="N137809" s="10"/>
    </row>
    <row r="137810" spans="14:14">
      <c r="N137810" s="10"/>
    </row>
    <row r="137811" spans="14:14">
      <c r="N137811" s="10"/>
    </row>
    <row r="137812" spans="14:14">
      <c r="N137812" s="10"/>
    </row>
    <row r="137813" spans="14:14">
      <c r="N137813" s="10"/>
    </row>
    <row r="137814" spans="14:14">
      <c r="N137814" s="10"/>
    </row>
    <row r="137815" spans="14:14">
      <c r="N137815" s="10"/>
    </row>
    <row r="137816" spans="14:14">
      <c r="N137816" s="10"/>
    </row>
    <row r="137817" spans="14:14">
      <c r="N137817" s="10"/>
    </row>
    <row r="137818" spans="14:14">
      <c r="N137818" s="10"/>
    </row>
    <row r="137819" spans="14:14">
      <c r="N137819" s="10"/>
    </row>
    <row r="137820" spans="14:14">
      <c r="N137820" s="10"/>
    </row>
    <row r="137821" spans="14:14">
      <c r="N137821" s="10"/>
    </row>
    <row r="137822" spans="14:14">
      <c r="N137822" s="10"/>
    </row>
    <row r="137823" spans="14:14">
      <c r="N137823" s="10"/>
    </row>
    <row r="137824" spans="14:14">
      <c r="N137824" s="10"/>
    </row>
    <row r="137825" spans="14:14">
      <c r="N137825" s="10"/>
    </row>
    <row r="137826" spans="14:14">
      <c r="N137826" s="10"/>
    </row>
    <row r="137827" spans="14:14">
      <c r="N137827" s="10"/>
    </row>
    <row r="137828" spans="14:14">
      <c r="N137828" s="10"/>
    </row>
    <row r="137829" spans="14:14">
      <c r="N137829" s="10"/>
    </row>
    <row r="137830" spans="14:14">
      <c r="N137830" s="10"/>
    </row>
    <row r="137831" spans="14:14">
      <c r="N137831" s="10"/>
    </row>
    <row r="137832" spans="14:14">
      <c r="N137832" s="10"/>
    </row>
    <row r="137833" spans="14:14">
      <c r="N137833" s="10"/>
    </row>
    <row r="137834" spans="14:14">
      <c r="N137834" s="10"/>
    </row>
    <row r="137835" spans="14:14">
      <c r="N137835" s="10"/>
    </row>
    <row r="137836" spans="14:14">
      <c r="N137836" s="10"/>
    </row>
    <row r="137837" spans="14:14">
      <c r="N137837" s="10"/>
    </row>
    <row r="137838" spans="14:14">
      <c r="N137838" s="10"/>
    </row>
    <row r="137839" spans="14:14">
      <c r="N137839" s="10"/>
    </row>
    <row r="137840" spans="14:14">
      <c r="N137840" s="10"/>
    </row>
    <row r="137841" spans="14:14">
      <c r="N137841" s="10"/>
    </row>
    <row r="137842" spans="14:14">
      <c r="N137842" s="10"/>
    </row>
    <row r="137843" spans="14:14">
      <c r="N137843" s="10"/>
    </row>
    <row r="137844" spans="14:14">
      <c r="N137844" s="10"/>
    </row>
    <row r="137845" spans="14:14">
      <c r="N137845" s="10"/>
    </row>
    <row r="137846" spans="14:14">
      <c r="N137846" s="10"/>
    </row>
    <row r="137847" spans="14:14">
      <c r="N137847" s="10"/>
    </row>
    <row r="137848" spans="14:14">
      <c r="N137848" s="10"/>
    </row>
    <row r="137849" spans="14:14">
      <c r="N137849" s="10"/>
    </row>
    <row r="137850" spans="14:14">
      <c r="N137850" s="10"/>
    </row>
    <row r="137851" spans="14:14">
      <c r="N137851" s="10"/>
    </row>
    <row r="137852" spans="14:14">
      <c r="N137852" s="10"/>
    </row>
    <row r="137853" spans="14:14">
      <c r="N137853" s="10"/>
    </row>
    <row r="137854" spans="14:14">
      <c r="N137854" s="10"/>
    </row>
    <row r="137855" spans="14:14">
      <c r="N137855" s="10"/>
    </row>
    <row r="137856" spans="14:14">
      <c r="N137856" s="10"/>
    </row>
    <row r="137857" spans="14:14">
      <c r="N137857" s="10"/>
    </row>
    <row r="137858" spans="14:14">
      <c r="N137858" s="10"/>
    </row>
    <row r="137859" spans="14:14">
      <c r="N137859" s="10"/>
    </row>
    <row r="137860" spans="14:14">
      <c r="N137860" s="10"/>
    </row>
    <row r="137861" spans="14:14">
      <c r="N137861" s="10"/>
    </row>
    <row r="137862" spans="14:14">
      <c r="N137862" s="10"/>
    </row>
    <row r="137863" spans="14:14">
      <c r="N137863" s="10"/>
    </row>
    <row r="137864" spans="14:14">
      <c r="N137864" s="10"/>
    </row>
    <row r="137865" spans="14:14">
      <c r="N137865" s="10"/>
    </row>
    <row r="137866" spans="14:14">
      <c r="N137866" s="10"/>
    </row>
    <row r="137867" spans="14:14">
      <c r="N137867" s="10"/>
    </row>
    <row r="137868" spans="14:14">
      <c r="N137868" s="10"/>
    </row>
    <row r="137869" spans="14:14">
      <c r="N137869" s="10"/>
    </row>
    <row r="137870" spans="14:14">
      <c r="N137870" s="10"/>
    </row>
    <row r="137871" spans="14:14">
      <c r="N137871" s="10"/>
    </row>
    <row r="137872" spans="14:14">
      <c r="N137872" s="10"/>
    </row>
    <row r="137873" spans="14:14">
      <c r="N137873" s="10"/>
    </row>
    <row r="137874" spans="14:14">
      <c r="N137874" s="10"/>
    </row>
    <row r="137875" spans="14:14">
      <c r="N137875" s="10"/>
    </row>
    <row r="137876" spans="14:14">
      <c r="N137876" s="10"/>
    </row>
    <row r="137877" spans="14:14">
      <c r="N137877" s="10"/>
    </row>
    <row r="137878" spans="14:14">
      <c r="N137878" s="10"/>
    </row>
    <row r="137879" spans="14:14">
      <c r="N137879" s="10"/>
    </row>
    <row r="137880" spans="14:14">
      <c r="N137880" s="10"/>
    </row>
    <row r="137881" spans="14:14">
      <c r="N137881" s="10"/>
    </row>
    <row r="137882" spans="14:14">
      <c r="N137882" s="10"/>
    </row>
    <row r="137883" spans="14:14">
      <c r="N137883" s="10"/>
    </row>
    <row r="137884" spans="14:14">
      <c r="N137884" s="10"/>
    </row>
    <row r="137885" spans="14:14">
      <c r="N137885" s="10"/>
    </row>
    <row r="137886" spans="14:14">
      <c r="N137886" s="10"/>
    </row>
    <row r="137887" spans="14:14">
      <c r="N137887" s="10"/>
    </row>
    <row r="137888" spans="14:14">
      <c r="N137888" s="10"/>
    </row>
    <row r="137889" spans="14:14">
      <c r="N137889" s="10"/>
    </row>
    <row r="137890" spans="14:14">
      <c r="N137890" s="10"/>
    </row>
    <row r="137891" spans="14:14">
      <c r="N137891" s="10"/>
    </row>
    <row r="137892" spans="14:14">
      <c r="N137892" s="10"/>
    </row>
    <row r="137893" spans="14:14">
      <c r="N137893" s="10"/>
    </row>
    <row r="137894" spans="14:14">
      <c r="N137894" s="10"/>
    </row>
    <row r="137895" spans="14:14">
      <c r="N137895" s="10"/>
    </row>
    <row r="137896" spans="14:14">
      <c r="N137896" s="10"/>
    </row>
    <row r="137897" spans="14:14">
      <c r="N137897" s="10"/>
    </row>
    <row r="137898" spans="14:14">
      <c r="N137898" s="10"/>
    </row>
    <row r="137899" spans="14:14">
      <c r="N137899" s="10"/>
    </row>
    <row r="137900" spans="14:14">
      <c r="N137900" s="10"/>
    </row>
    <row r="137901" spans="14:14">
      <c r="N137901" s="10"/>
    </row>
    <row r="137902" spans="14:14">
      <c r="N137902" s="10"/>
    </row>
    <row r="137903" spans="14:14">
      <c r="N137903" s="10"/>
    </row>
    <row r="137904" spans="14:14">
      <c r="N137904" s="10"/>
    </row>
    <row r="137905" spans="14:14">
      <c r="N137905" s="10"/>
    </row>
    <row r="137906" spans="14:14">
      <c r="N137906" s="10"/>
    </row>
    <row r="137907" spans="14:14">
      <c r="N137907" s="10"/>
    </row>
    <row r="137908" spans="14:14">
      <c r="N137908" s="10"/>
    </row>
    <row r="137909" spans="14:14">
      <c r="N137909" s="10"/>
    </row>
    <row r="137910" spans="14:14">
      <c r="N137910" s="10"/>
    </row>
    <row r="137911" spans="14:14">
      <c r="N137911" s="10"/>
    </row>
    <row r="137912" spans="14:14">
      <c r="N137912" s="10"/>
    </row>
    <row r="137913" spans="14:14">
      <c r="N137913" s="10"/>
    </row>
    <row r="137914" spans="14:14">
      <c r="N137914" s="10"/>
    </row>
    <row r="137915" spans="14:14">
      <c r="N137915" s="10"/>
    </row>
    <row r="137916" spans="14:14">
      <c r="N137916" s="10"/>
    </row>
    <row r="137917" spans="14:14">
      <c r="N137917" s="10"/>
    </row>
    <row r="137918" spans="14:14">
      <c r="N137918" s="10"/>
    </row>
    <row r="137919" spans="14:14">
      <c r="N137919" s="10"/>
    </row>
    <row r="137920" spans="14:14">
      <c r="N137920" s="10"/>
    </row>
    <row r="137921" spans="14:14">
      <c r="N137921" s="10"/>
    </row>
    <row r="137922" spans="14:14">
      <c r="N137922" s="10"/>
    </row>
    <row r="137923" spans="14:14">
      <c r="N137923" s="10"/>
    </row>
    <row r="137924" spans="14:14">
      <c r="N137924" s="10"/>
    </row>
    <row r="137925" spans="14:14">
      <c r="N137925" s="10"/>
    </row>
    <row r="137926" spans="14:14">
      <c r="N137926" s="10"/>
    </row>
    <row r="137927" spans="14:14">
      <c r="N137927" s="10"/>
    </row>
    <row r="137928" spans="14:14">
      <c r="N137928" s="10"/>
    </row>
    <row r="137929" spans="14:14">
      <c r="N137929" s="10"/>
    </row>
    <row r="137930" spans="14:14">
      <c r="N137930" s="10"/>
    </row>
    <row r="137931" spans="14:14">
      <c r="N137931" s="10"/>
    </row>
    <row r="137932" spans="14:14">
      <c r="N137932" s="10"/>
    </row>
    <row r="137933" spans="14:14">
      <c r="N137933" s="10"/>
    </row>
    <row r="137934" spans="14:14">
      <c r="N137934" s="10"/>
    </row>
    <row r="137935" spans="14:14">
      <c r="N137935" s="10"/>
    </row>
    <row r="137936" spans="14:14">
      <c r="N137936" s="10"/>
    </row>
    <row r="137937" spans="14:14">
      <c r="N137937" s="10"/>
    </row>
    <row r="137938" spans="14:14">
      <c r="N137938" s="10"/>
    </row>
    <row r="137939" spans="14:14">
      <c r="N137939" s="10"/>
    </row>
    <row r="137940" spans="14:14">
      <c r="N137940" s="10"/>
    </row>
    <row r="137941" spans="14:14">
      <c r="N137941" s="10"/>
    </row>
    <row r="137942" spans="14:14">
      <c r="N137942" s="10"/>
    </row>
    <row r="137943" spans="14:14">
      <c r="N137943" s="10"/>
    </row>
    <row r="137944" spans="14:14">
      <c r="N137944" s="10"/>
    </row>
    <row r="137945" spans="14:14">
      <c r="N137945" s="10"/>
    </row>
    <row r="137946" spans="14:14">
      <c r="N137946" s="10"/>
    </row>
    <row r="137947" spans="14:14">
      <c r="N137947" s="10"/>
    </row>
    <row r="137948" spans="14:14">
      <c r="N137948" s="10"/>
    </row>
    <row r="137949" spans="14:14">
      <c r="N137949" s="10"/>
    </row>
    <row r="137950" spans="14:14">
      <c r="N137950" s="10"/>
    </row>
    <row r="137951" spans="14:14">
      <c r="N137951" s="10"/>
    </row>
    <row r="137952" spans="14:14">
      <c r="N137952" s="10"/>
    </row>
    <row r="137953" spans="14:14">
      <c r="N137953" s="10"/>
    </row>
    <row r="137954" spans="14:14">
      <c r="N137954" s="10"/>
    </row>
    <row r="137955" spans="14:14">
      <c r="N137955" s="10"/>
    </row>
    <row r="137956" spans="14:14">
      <c r="N137956" s="10"/>
    </row>
    <row r="137957" spans="14:14">
      <c r="N137957" s="10"/>
    </row>
    <row r="137958" spans="14:14">
      <c r="N137958" s="10"/>
    </row>
    <row r="137959" spans="14:14">
      <c r="N137959" s="10"/>
    </row>
    <row r="137960" spans="14:14">
      <c r="N137960" s="10"/>
    </row>
    <row r="137961" spans="14:14">
      <c r="N137961" s="10"/>
    </row>
    <row r="137962" spans="14:14">
      <c r="N137962" s="10"/>
    </row>
    <row r="137963" spans="14:14">
      <c r="N137963" s="10"/>
    </row>
    <row r="137964" spans="14:14">
      <c r="N137964" s="10"/>
    </row>
    <row r="137965" spans="14:14">
      <c r="N137965" s="10"/>
    </row>
    <row r="137966" spans="14:14">
      <c r="N137966" s="10"/>
    </row>
    <row r="137967" spans="14:14">
      <c r="N137967" s="10"/>
    </row>
    <row r="137968" spans="14:14">
      <c r="N137968" s="10"/>
    </row>
    <row r="137969" spans="14:14">
      <c r="N137969" s="10"/>
    </row>
    <row r="137970" spans="14:14">
      <c r="N137970" s="10"/>
    </row>
    <row r="137971" spans="14:14">
      <c r="N137971" s="10"/>
    </row>
    <row r="137972" spans="14:14">
      <c r="N137972" s="10"/>
    </row>
    <row r="137973" spans="14:14">
      <c r="N137973" s="10"/>
    </row>
    <row r="137974" spans="14:14">
      <c r="N137974" s="10"/>
    </row>
    <row r="137975" spans="14:14">
      <c r="N137975" s="10"/>
    </row>
    <row r="137976" spans="14:14">
      <c r="N137976" s="10"/>
    </row>
    <row r="137977" spans="14:14">
      <c r="N137977" s="10"/>
    </row>
    <row r="137978" spans="14:14">
      <c r="N137978" s="10"/>
    </row>
    <row r="137979" spans="14:14">
      <c r="N137979" s="10"/>
    </row>
    <row r="137980" spans="14:14">
      <c r="N137980" s="10"/>
    </row>
    <row r="137981" spans="14:14">
      <c r="N137981" s="10"/>
    </row>
    <row r="137982" spans="14:14">
      <c r="N137982" s="10"/>
    </row>
    <row r="137983" spans="14:14">
      <c r="N137983" s="10"/>
    </row>
    <row r="137984" spans="14:14">
      <c r="N137984" s="10"/>
    </row>
    <row r="137985" spans="14:14">
      <c r="N137985" s="10"/>
    </row>
    <row r="137986" spans="14:14">
      <c r="N137986" s="10"/>
    </row>
    <row r="137987" spans="14:14">
      <c r="N137987" s="10"/>
    </row>
    <row r="137988" spans="14:14">
      <c r="N137988" s="10"/>
    </row>
    <row r="137989" spans="14:14">
      <c r="N137989" s="10"/>
    </row>
    <row r="137990" spans="14:14">
      <c r="N137990" s="10"/>
    </row>
    <row r="137991" spans="14:14">
      <c r="N137991" s="10"/>
    </row>
    <row r="137992" spans="14:14">
      <c r="N137992" s="10"/>
    </row>
    <row r="137993" spans="14:14">
      <c r="N137993" s="10"/>
    </row>
    <row r="137994" spans="14:14">
      <c r="N137994" s="10"/>
    </row>
    <row r="137995" spans="14:14">
      <c r="N137995" s="10"/>
    </row>
    <row r="137996" spans="14:14">
      <c r="N137996" s="10"/>
    </row>
    <row r="137997" spans="14:14">
      <c r="N137997" s="10"/>
    </row>
    <row r="137998" spans="14:14">
      <c r="N137998" s="10"/>
    </row>
    <row r="137999" spans="14:14">
      <c r="N137999" s="10"/>
    </row>
    <row r="138000" spans="14:14">
      <c r="N138000" s="10"/>
    </row>
    <row r="138001" spans="14:14">
      <c r="N138001" s="10"/>
    </row>
    <row r="138002" spans="14:14">
      <c r="N138002" s="10"/>
    </row>
    <row r="138003" spans="14:14">
      <c r="N138003" s="10"/>
    </row>
    <row r="138004" spans="14:14">
      <c r="N138004" s="10"/>
    </row>
    <row r="138005" spans="14:14">
      <c r="N138005" s="10"/>
    </row>
    <row r="138006" spans="14:14">
      <c r="N138006" s="10"/>
    </row>
    <row r="138007" spans="14:14">
      <c r="N138007" s="10"/>
    </row>
    <row r="138008" spans="14:14">
      <c r="N138008" s="10"/>
    </row>
    <row r="138009" spans="14:14">
      <c r="N138009" s="10"/>
    </row>
    <row r="138010" spans="14:14">
      <c r="N138010" s="10"/>
    </row>
    <row r="138011" spans="14:14">
      <c r="N138011" s="10"/>
    </row>
    <row r="138012" spans="14:14">
      <c r="N138012" s="10"/>
    </row>
    <row r="138013" spans="14:14">
      <c r="N138013" s="10"/>
    </row>
    <row r="138014" spans="14:14">
      <c r="N138014" s="10"/>
    </row>
    <row r="138015" spans="14:14">
      <c r="N138015" s="10"/>
    </row>
    <row r="138016" spans="14:14">
      <c r="N138016" s="10"/>
    </row>
    <row r="138017" spans="14:14">
      <c r="N138017" s="10"/>
    </row>
    <row r="138018" spans="14:14">
      <c r="N138018" s="10"/>
    </row>
    <row r="138019" spans="14:14">
      <c r="N138019" s="10"/>
    </row>
    <row r="138020" spans="14:14">
      <c r="N138020" s="10"/>
    </row>
    <row r="138021" spans="14:14">
      <c r="N138021" s="10"/>
    </row>
    <row r="138022" spans="14:14">
      <c r="N138022" s="10"/>
    </row>
    <row r="138023" spans="14:14">
      <c r="N138023" s="10"/>
    </row>
    <row r="138024" spans="14:14">
      <c r="N138024" s="10"/>
    </row>
    <row r="138025" spans="14:14">
      <c r="N138025" s="10"/>
    </row>
    <row r="138026" spans="14:14">
      <c r="N138026" s="10"/>
    </row>
    <row r="138027" spans="14:14">
      <c r="N138027" s="10"/>
    </row>
    <row r="138028" spans="14:14">
      <c r="N138028" s="10"/>
    </row>
    <row r="138029" spans="14:14">
      <c r="N138029" s="10"/>
    </row>
    <row r="138030" spans="14:14">
      <c r="N138030" s="10"/>
    </row>
    <row r="138031" spans="14:14">
      <c r="N138031" s="10"/>
    </row>
    <row r="138032" spans="14:14">
      <c r="N138032" s="10"/>
    </row>
    <row r="138033" spans="14:14">
      <c r="N138033" s="10"/>
    </row>
    <row r="138034" spans="14:14">
      <c r="N138034" s="10"/>
    </row>
    <row r="138035" spans="14:14">
      <c r="N138035" s="10"/>
    </row>
    <row r="138036" spans="14:14">
      <c r="N138036" s="10"/>
    </row>
    <row r="138037" spans="14:14">
      <c r="N138037" s="10"/>
    </row>
    <row r="138038" spans="14:14">
      <c r="N138038" s="10"/>
    </row>
    <row r="138039" spans="14:14">
      <c r="N138039" s="10"/>
    </row>
    <row r="138040" spans="14:14">
      <c r="N138040" s="10"/>
    </row>
    <row r="138041" spans="14:14">
      <c r="N138041" s="10"/>
    </row>
    <row r="138042" spans="14:14">
      <c r="N138042" s="10"/>
    </row>
    <row r="138043" spans="14:14">
      <c r="N138043" s="10"/>
    </row>
    <row r="138044" spans="14:14">
      <c r="N138044" s="10"/>
    </row>
    <row r="138045" spans="14:14">
      <c r="N138045" s="10"/>
    </row>
    <row r="138046" spans="14:14">
      <c r="N138046" s="10"/>
    </row>
    <row r="138047" spans="14:14">
      <c r="N138047" s="10"/>
    </row>
    <row r="138048" spans="14:14">
      <c r="N138048" s="10"/>
    </row>
    <row r="138049" spans="14:14">
      <c r="N138049" s="10"/>
    </row>
    <row r="138050" spans="14:14">
      <c r="N138050" s="10"/>
    </row>
    <row r="138051" spans="14:14">
      <c r="N138051" s="10"/>
    </row>
    <row r="138052" spans="14:14">
      <c r="N138052" s="10"/>
    </row>
    <row r="138053" spans="14:14">
      <c r="N138053" s="10"/>
    </row>
    <row r="138054" spans="14:14">
      <c r="N138054" s="10"/>
    </row>
    <row r="138055" spans="14:14">
      <c r="N138055" s="10"/>
    </row>
    <row r="138056" spans="14:14">
      <c r="N138056" s="10"/>
    </row>
    <row r="138057" spans="14:14">
      <c r="N138057" s="10"/>
    </row>
    <row r="138058" spans="14:14">
      <c r="N138058" s="10"/>
    </row>
    <row r="138059" spans="14:14">
      <c r="N138059" s="10"/>
    </row>
    <row r="138060" spans="14:14">
      <c r="N138060" s="10"/>
    </row>
    <row r="138061" spans="14:14">
      <c r="N138061" s="10"/>
    </row>
    <row r="138062" spans="14:14">
      <c r="N138062" s="10"/>
    </row>
    <row r="138063" spans="14:14">
      <c r="N138063" s="10"/>
    </row>
    <row r="138064" spans="14:14">
      <c r="N138064" s="10"/>
    </row>
    <row r="138065" spans="14:14">
      <c r="N138065" s="10"/>
    </row>
    <row r="138066" spans="14:14">
      <c r="N138066" s="10"/>
    </row>
    <row r="138067" spans="14:14">
      <c r="N138067" s="10"/>
    </row>
    <row r="138068" spans="14:14">
      <c r="N138068" s="10"/>
    </row>
    <row r="138069" spans="14:14">
      <c r="N138069" s="10"/>
    </row>
    <row r="138070" spans="14:14">
      <c r="N138070" s="10"/>
    </row>
    <row r="138071" spans="14:14">
      <c r="N138071" s="10"/>
    </row>
    <row r="138072" spans="14:14">
      <c r="N138072" s="10"/>
    </row>
    <row r="138073" spans="14:14">
      <c r="N138073" s="10"/>
    </row>
    <row r="138074" spans="14:14">
      <c r="N138074" s="10"/>
    </row>
    <row r="138075" spans="14:14">
      <c r="N138075" s="10"/>
    </row>
    <row r="138076" spans="14:14">
      <c r="N138076" s="10"/>
    </row>
    <row r="138077" spans="14:14">
      <c r="N138077" s="10"/>
    </row>
    <row r="138078" spans="14:14">
      <c r="N138078" s="10"/>
    </row>
    <row r="138079" spans="14:14">
      <c r="N138079" s="10"/>
    </row>
    <row r="138080" spans="14:14">
      <c r="N138080" s="10"/>
    </row>
    <row r="138081" spans="14:14">
      <c r="N138081" s="10"/>
    </row>
    <row r="138082" spans="14:14">
      <c r="N138082" s="10"/>
    </row>
    <row r="138083" spans="14:14">
      <c r="N138083" s="10"/>
    </row>
    <row r="138084" spans="14:14">
      <c r="N138084" s="10"/>
    </row>
    <row r="138085" spans="14:14">
      <c r="N138085" s="10"/>
    </row>
    <row r="138086" spans="14:14">
      <c r="N138086" s="10"/>
    </row>
    <row r="138087" spans="14:14">
      <c r="N138087" s="10"/>
    </row>
    <row r="138088" spans="14:14">
      <c r="N138088" s="10"/>
    </row>
    <row r="138089" spans="14:14">
      <c r="N138089" s="10"/>
    </row>
    <row r="138090" spans="14:14">
      <c r="N138090" s="10"/>
    </row>
    <row r="138091" spans="14:14">
      <c r="N138091" s="10"/>
    </row>
    <row r="138092" spans="14:14">
      <c r="N138092" s="10"/>
    </row>
    <row r="138093" spans="14:14">
      <c r="N138093" s="10"/>
    </row>
    <row r="138094" spans="14:14">
      <c r="N138094" s="10"/>
    </row>
    <row r="138095" spans="14:14">
      <c r="N138095" s="10"/>
    </row>
    <row r="138096" spans="14:14">
      <c r="N138096" s="10"/>
    </row>
    <row r="138097" spans="14:14">
      <c r="N138097" s="10"/>
    </row>
    <row r="138098" spans="14:14">
      <c r="N138098" s="10"/>
    </row>
    <row r="138099" spans="14:14">
      <c r="N138099" s="10"/>
    </row>
    <row r="138100" spans="14:14">
      <c r="N138100" s="10"/>
    </row>
    <row r="138101" spans="14:14">
      <c r="N138101" s="10"/>
    </row>
    <row r="138102" spans="14:14">
      <c r="N138102" s="10"/>
    </row>
    <row r="138103" spans="14:14">
      <c r="N138103" s="10"/>
    </row>
    <row r="138104" spans="14:14">
      <c r="N138104" s="10"/>
    </row>
    <row r="138105" spans="14:14">
      <c r="N138105" s="10"/>
    </row>
    <row r="138106" spans="14:14">
      <c r="N138106" s="10"/>
    </row>
    <row r="138107" spans="14:14">
      <c r="N138107" s="10"/>
    </row>
    <row r="138108" spans="14:14">
      <c r="N138108" s="10"/>
    </row>
    <row r="138109" spans="14:14">
      <c r="N138109" s="10"/>
    </row>
    <row r="138110" spans="14:14">
      <c r="N138110" s="10"/>
    </row>
    <row r="138111" spans="14:14">
      <c r="N138111" s="10"/>
    </row>
    <row r="138112" spans="14:14">
      <c r="N138112" s="10"/>
    </row>
    <row r="138113" spans="14:14">
      <c r="N138113" s="10"/>
    </row>
    <row r="138114" spans="14:14">
      <c r="N138114" s="10"/>
    </row>
    <row r="138115" spans="14:14">
      <c r="N138115" s="10"/>
    </row>
    <row r="138116" spans="14:14">
      <c r="N138116" s="10"/>
    </row>
    <row r="138117" spans="14:14">
      <c r="N138117" s="10"/>
    </row>
    <row r="138118" spans="14:14">
      <c r="N138118" s="10"/>
    </row>
    <row r="138119" spans="14:14">
      <c r="N138119" s="10"/>
    </row>
    <row r="138120" spans="14:14">
      <c r="N138120" s="10"/>
    </row>
    <row r="138121" spans="14:14">
      <c r="N138121" s="10"/>
    </row>
    <row r="138122" spans="14:14">
      <c r="N138122" s="10"/>
    </row>
    <row r="138123" spans="14:14">
      <c r="N138123" s="10"/>
    </row>
    <row r="138124" spans="14:14">
      <c r="N138124" s="10"/>
    </row>
    <row r="138125" spans="14:14">
      <c r="N138125" s="10"/>
    </row>
    <row r="138126" spans="14:14">
      <c r="N138126" s="10"/>
    </row>
    <row r="138127" spans="14:14">
      <c r="N138127" s="10"/>
    </row>
    <row r="138128" spans="14:14">
      <c r="N138128" s="10"/>
    </row>
    <row r="138129" spans="14:14">
      <c r="N138129" s="10"/>
    </row>
    <row r="138130" spans="14:14">
      <c r="N138130" s="10"/>
    </row>
    <row r="138131" spans="14:14">
      <c r="N138131" s="10"/>
    </row>
    <row r="138132" spans="14:14">
      <c r="N138132" s="10"/>
    </row>
    <row r="138133" spans="14:14">
      <c r="N138133" s="10"/>
    </row>
    <row r="138134" spans="14:14">
      <c r="N138134" s="10"/>
    </row>
    <row r="138135" spans="14:14">
      <c r="N138135" s="10"/>
    </row>
    <row r="138136" spans="14:14">
      <c r="N138136" s="10"/>
    </row>
    <row r="138137" spans="14:14">
      <c r="N138137" s="10"/>
    </row>
    <row r="138138" spans="14:14">
      <c r="N138138" s="10"/>
    </row>
    <row r="138139" spans="14:14">
      <c r="N138139" s="10"/>
    </row>
    <row r="138140" spans="14:14">
      <c r="N138140" s="10"/>
    </row>
    <row r="138141" spans="14:14">
      <c r="N138141" s="10"/>
    </row>
    <row r="138142" spans="14:14">
      <c r="N138142" s="10"/>
    </row>
    <row r="138143" spans="14:14">
      <c r="N138143" s="10"/>
    </row>
    <row r="138144" spans="14:14">
      <c r="N138144" s="10"/>
    </row>
    <row r="138145" spans="14:14">
      <c r="N138145" s="10"/>
    </row>
    <row r="138146" spans="14:14">
      <c r="N138146" s="10"/>
    </row>
    <row r="138147" spans="14:14">
      <c r="N138147" s="10"/>
    </row>
    <row r="138148" spans="14:14">
      <c r="N138148" s="10"/>
    </row>
    <row r="138149" spans="14:14">
      <c r="N138149" s="10"/>
    </row>
    <row r="138150" spans="14:14">
      <c r="N138150" s="10"/>
    </row>
    <row r="138151" spans="14:14">
      <c r="N138151" s="10"/>
    </row>
    <row r="138152" spans="14:14">
      <c r="N138152" s="10"/>
    </row>
    <row r="138153" spans="14:14">
      <c r="N138153" s="10"/>
    </row>
    <row r="138154" spans="14:14">
      <c r="N138154" s="10"/>
    </row>
    <row r="138155" spans="14:14">
      <c r="N138155" s="10"/>
    </row>
    <row r="138156" spans="14:14">
      <c r="N138156" s="10"/>
    </row>
    <row r="138157" spans="14:14">
      <c r="N138157" s="10"/>
    </row>
    <row r="138158" spans="14:14">
      <c r="N138158" s="10"/>
    </row>
    <row r="138159" spans="14:14">
      <c r="N138159" s="10"/>
    </row>
    <row r="138160" spans="14:14">
      <c r="N138160" s="10"/>
    </row>
    <row r="138161" spans="14:14">
      <c r="N138161" s="10"/>
    </row>
    <row r="138162" spans="14:14">
      <c r="N138162" s="10"/>
    </row>
    <row r="138163" spans="14:14">
      <c r="N138163" s="10"/>
    </row>
    <row r="138164" spans="14:14">
      <c r="N138164" s="10"/>
    </row>
    <row r="138165" spans="14:14">
      <c r="N138165" s="10"/>
    </row>
    <row r="138166" spans="14:14">
      <c r="N138166" s="10"/>
    </row>
    <row r="138167" spans="14:14">
      <c r="N138167" s="10"/>
    </row>
    <row r="138168" spans="14:14">
      <c r="N138168" s="10"/>
    </row>
    <row r="138169" spans="14:14">
      <c r="N138169" s="10"/>
    </row>
    <row r="138170" spans="14:14">
      <c r="N138170" s="10"/>
    </row>
    <row r="138171" spans="14:14">
      <c r="N138171" s="10"/>
    </row>
    <row r="138172" spans="14:14">
      <c r="N138172" s="10"/>
    </row>
    <row r="138173" spans="14:14">
      <c r="N138173" s="10"/>
    </row>
    <row r="138174" spans="14:14">
      <c r="N138174" s="10"/>
    </row>
    <row r="138175" spans="14:14">
      <c r="N138175" s="10"/>
    </row>
    <row r="138176" spans="14:14">
      <c r="N138176" s="10"/>
    </row>
    <row r="138177" spans="14:14">
      <c r="N138177" s="10"/>
    </row>
    <row r="138178" spans="14:14">
      <c r="N138178" s="10"/>
    </row>
    <row r="138179" spans="14:14">
      <c r="N138179" s="10"/>
    </row>
    <row r="138180" spans="14:14">
      <c r="N138180" s="10"/>
    </row>
    <row r="138181" spans="14:14">
      <c r="N138181" s="10"/>
    </row>
    <row r="138182" spans="14:14">
      <c r="N138182" s="10"/>
    </row>
    <row r="138183" spans="14:14">
      <c r="N138183" s="10"/>
    </row>
    <row r="138184" spans="14:14">
      <c r="N138184" s="10"/>
    </row>
    <row r="138185" spans="14:14">
      <c r="N138185" s="10"/>
    </row>
    <row r="138186" spans="14:14">
      <c r="N138186" s="10"/>
    </row>
    <row r="138187" spans="14:14">
      <c r="N138187" s="10"/>
    </row>
    <row r="138188" spans="14:14">
      <c r="N138188" s="10"/>
    </row>
    <row r="138189" spans="14:14">
      <c r="N138189" s="10"/>
    </row>
    <row r="138190" spans="14:14">
      <c r="N138190" s="10"/>
    </row>
    <row r="138191" spans="14:14">
      <c r="N138191" s="10"/>
    </row>
    <row r="138192" spans="14:14">
      <c r="N138192" s="10"/>
    </row>
    <row r="138193" spans="14:14">
      <c r="N138193" s="10"/>
    </row>
    <row r="138194" spans="14:14">
      <c r="N138194" s="10"/>
    </row>
    <row r="138195" spans="14:14">
      <c r="N138195" s="10"/>
    </row>
    <row r="138196" spans="14:14">
      <c r="N138196" s="10"/>
    </row>
    <row r="138197" spans="14:14">
      <c r="N138197" s="10"/>
    </row>
    <row r="138198" spans="14:14">
      <c r="N138198" s="10"/>
    </row>
    <row r="138199" spans="14:14">
      <c r="N138199" s="10"/>
    </row>
    <row r="138200" spans="14:14">
      <c r="N138200" s="10"/>
    </row>
    <row r="138201" spans="14:14">
      <c r="N138201" s="10"/>
    </row>
    <row r="138202" spans="14:14">
      <c r="N138202" s="10"/>
    </row>
    <row r="138203" spans="14:14">
      <c r="N138203" s="10"/>
    </row>
    <row r="138204" spans="14:14">
      <c r="N138204" s="10"/>
    </row>
    <row r="138205" spans="14:14">
      <c r="N138205" s="10"/>
    </row>
    <row r="138206" spans="14:14">
      <c r="N138206" s="10"/>
    </row>
    <row r="138207" spans="14:14">
      <c r="N138207" s="10"/>
    </row>
    <row r="138208" spans="14:14">
      <c r="N138208" s="10"/>
    </row>
    <row r="138209" spans="14:14">
      <c r="N138209" s="10"/>
    </row>
    <row r="138210" spans="14:14">
      <c r="N138210" s="10"/>
    </row>
    <row r="138211" spans="14:14">
      <c r="N138211" s="10"/>
    </row>
    <row r="138212" spans="14:14">
      <c r="N138212" s="10"/>
    </row>
    <row r="138213" spans="14:14">
      <c r="N138213" s="10"/>
    </row>
    <row r="138214" spans="14:14">
      <c r="N138214" s="10"/>
    </row>
    <row r="138215" spans="14:14">
      <c r="N138215" s="10"/>
    </row>
    <row r="138216" spans="14:14">
      <c r="N138216" s="10"/>
    </row>
    <row r="138217" spans="14:14">
      <c r="N138217" s="10"/>
    </row>
    <row r="138218" spans="14:14">
      <c r="N138218" s="10"/>
    </row>
    <row r="138219" spans="14:14">
      <c r="N138219" s="10"/>
    </row>
    <row r="138220" spans="14:14">
      <c r="N138220" s="10"/>
    </row>
    <row r="138221" spans="14:14">
      <c r="N138221" s="10"/>
    </row>
    <row r="138222" spans="14:14">
      <c r="N138222" s="10"/>
    </row>
    <row r="138223" spans="14:14">
      <c r="N138223" s="10"/>
    </row>
    <row r="138224" spans="14:14">
      <c r="N138224" s="10"/>
    </row>
    <row r="138225" spans="14:14">
      <c r="N138225" s="10"/>
    </row>
    <row r="138226" spans="14:14">
      <c r="N138226" s="10"/>
    </row>
    <row r="138227" spans="14:14">
      <c r="N138227" s="10"/>
    </row>
    <row r="138228" spans="14:14">
      <c r="N138228" s="10"/>
    </row>
    <row r="138229" spans="14:14">
      <c r="N138229" s="10"/>
    </row>
    <row r="138230" spans="14:14">
      <c r="N138230" s="10"/>
    </row>
    <row r="138231" spans="14:14">
      <c r="N138231" s="10"/>
    </row>
    <row r="138232" spans="14:14">
      <c r="N138232" s="10"/>
    </row>
    <row r="138233" spans="14:14">
      <c r="N138233" s="10"/>
    </row>
    <row r="138234" spans="14:14">
      <c r="N138234" s="10"/>
    </row>
    <row r="138235" spans="14:14">
      <c r="N138235" s="10"/>
    </row>
    <row r="138236" spans="14:14">
      <c r="N138236" s="10"/>
    </row>
    <row r="138237" spans="14:14">
      <c r="N138237" s="10"/>
    </row>
    <row r="138238" spans="14:14">
      <c r="N138238" s="10"/>
    </row>
    <row r="138239" spans="14:14">
      <c r="N138239" s="10"/>
    </row>
    <row r="138240" spans="14:14">
      <c r="N138240" s="10"/>
    </row>
    <row r="138241" spans="14:14">
      <c r="N138241" s="10"/>
    </row>
    <row r="138242" spans="14:14">
      <c r="N138242" s="10"/>
    </row>
    <row r="138243" spans="14:14">
      <c r="N138243" s="10"/>
    </row>
    <row r="138244" spans="14:14">
      <c r="N138244" s="10"/>
    </row>
    <row r="138245" spans="14:14">
      <c r="N138245" s="10"/>
    </row>
    <row r="138246" spans="14:14">
      <c r="N138246" s="10"/>
    </row>
    <row r="138247" spans="14:14">
      <c r="N138247" s="10"/>
    </row>
    <row r="138248" spans="14:14">
      <c r="N138248" s="10"/>
    </row>
    <row r="138249" spans="14:14">
      <c r="N138249" s="10"/>
    </row>
    <row r="138250" spans="14:14">
      <c r="N138250" s="10"/>
    </row>
    <row r="138251" spans="14:14">
      <c r="N138251" s="10"/>
    </row>
    <row r="138252" spans="14:14">
      <c r="N138252" s="10"/>
    </row>
    <row r="138253" spans="14:14">
      <c r="N138253" s="10"/>
    </row>
    <row r="138254" spans="14:14">
      <c r="N138254" s="10"/>
    </row>
    <row r="138255" spans="14:14">
      <c r="N138255" s="10"/>
    </row>
    <row r="138256" spans="14:14">
      <c r="N138256" s="10"/>
    </row>
    <row r="138257" spans="14:14">
      <c r="N138257" s="10"/>
    </row>
    <row r="138258" spans="14:14">
      <c r="N138258" s="10"/>
    </row>
    <row r="138259" spans="14:14">
      <c r="N138259" s="10"/>
    </row>
    <row r="138260" spans="14:14">
      <c r="N138260" s="10"/>
    </row>
    <row r="138261" spans="14:14">
      <c r="N138261" s="10"/>
    </row>
    <row r="138262" spans="14:14">
      <c r="N138262" s="10"/>
    </row>
    <row r="138263" spans="14:14">
      <c r="N138263" s="10"/>
    </row>
    <row r="138264" spans="14:14">
      <c r="N138264" s="10"/>
    </row>
    <row r="138265" spans="14:14">
      <c r="N138265" s="10"/>
    </row>
    <row r="138266" spans="14:14">
      <c r="N138266" s="10"/>
    </row>
    <row r="138267" spans="14:14">
      <c r="N138267" s="10"/>
    </row>
    <row r="138268" spans="14:14">
      <c r="N138268" s="10"/>
    </row>
    <row r="138269" spans="14:14">
      <c r="N138269" s="10"/>
    </row>
    <row r="138270" spans="14:14">
      <c r="N138270" s="10"/>
    </row>
    <row r="138271" spans="14:14">
      <c r="N138271" s="10"/>
    </row>
    <row r="138272" spans="14:14">
      <c r="N138272" s="10"/>
    </row>
    <row r="138273" spans="14:14">
      <c r="N138273" s="10"/>
    </row>
    <row r="138274" spans="14:14">
      <c r="N138274" s="10"/>
    </row>
    <row r="138275" spans="14:14">
      <c r="N138275" s="10"/>
    </row>
    <row r="138276" spans="14:14">
      <c r="N138276" s="10"/>
    </row>
    <row r="138277" spans="14:14">
      <c r="N138277" s="10"/>
    </row>
    <row r="138278" spans="14:14">
      <c r="N138278" s="10"/>
    </row>
    <row r="138279" spans="14:14">
      <c r="N138279" s="10"/>
    </row>
    <row r="138280" spans="14:14">
      <c r="N138280" s="10"/>
    </row>
    <row r="138281" spans="14:14">
      <c r="N138281" s="10"/>
    </row>
    <row r="138282" spans="14:14">
      <c r="N138282" s="10"/>
    </row>
    <row r="138283" spans="14:14">
      <c r="N138283" s="10"/>
    </row>
    <row r="138284" spans="14:14">
      <c r="N138284" s="10"/>
    </row>
    <row r="138285" spans="14:14">
      <c r="N138285" s="10"/>
    </row>
    <row r="138286" spans="14:14">
      <c r="N138286" s="10"/>
    </row>
    <row r="138287" spans="14:14">
      <c r="N138287" s="10"/>
    </row>
    <row r="138288" spans="14:14">
      <c r="N138288" s="10"/>
    </row>
    <row r="138289" spans="14:14">
      <c r="N138289" s="10"/>
    </row>
    <row r="138290" spans="14:14">
      <c r="N138290" s="10"/>
    </row>
    <row r="138291" spans="14:14">
      <c r="N138291" s="10"/>
    </row>
    <row r="138292" spans="14:14">
      <c r="N138292" s="10"/>
    </row>
    <row r="138293" spans="14:14">
      <c r="N138293" s="10"/>
    </row>
    <row r="138294" spans="14:14">
      <c r="N138294" s="10"/>
    </row>
    <row r="138295" spans="14:14">
      <c r="N138295" s="10"/>
    </row>
    <row r="138296" spans="14:14">
      <c r="N138296" s="10"/>
    </row>
    <row r="138297" spans="14:14">
      <c r="N138297" s="10"/>
    </row>
    <row r="138298" spans="14:14">
      <c r="N138298" s="10"/>
    </row>
    <row r="138299" spans="14:14">
      <c r="N138299" s="10"/>
    </row>
    <row r="138300" spans="14:14">
      <c r="N138300" s="10"/>
    </row>
    <row r="138301" spans="14:14">
      <c r="N138301" s="10"/>
    </row>
    <row r="138302" spans="14:14">
      <c r="N138302" s="10"/>
    </row>
    <row r="138303" spans="14:14">
      <c r="N138303" s="10"/>
    </row>
    <row r="138304" spans="14:14">
      <c r="N138304" s="10"/>
    </row>
    <row r="138305" spans="14:14">
      <c r="N138305" s="10"/>
    </row>
    <row r="138306" spans="14:14">
      <c r="N138306" s="10"/>
    </row>
    <row r="138307" spans="14:14">
      <c r="N138307" s="10"/>
    </row>
    <row r="138308" spans="14:14">
      <c r="N138308" s="10"/>
    </row>
    <row r="138309" spans="14:14">
      <c r="N138309" s="10"/>
    </row>
    <row r="138310" spans="14:14">
      <c r="N138310" s="10"/>
    </row>
    <row r="138311" spans="14:14">
      <c r="N138311" s="10"/>
    </row>
    <row r="138312" spans="14:14">
      <c r="N138312" s="10"/>
    </row>
    <row r="138313" spans="14:14">
      <c r="N138313" s="10"/>
    </row>
    <row r="138314" spans="14:14">
      <c r="N138314" s="10"/>
    </row>
    <row r="138315" spans="14:14">
      <c r="N138315" s="10"/>
    </row>
    <row r="138316" spans="14:14">
      <c r="N138316" s="10"/>
    </row>
    <row r="138317" spans="14:14">
      <c r="N138317" s="10"/>
    </row>
    <row r="138318" spans="14:14">
      <c r="N138318" s="10"/>
    </row>
    <row r="138319" spans="14:14">
      <c r="N138319" s="10"/>
    </row>
    <row r="138320" spans="14:14">
      <c r="N138320" s="10"/>
    </row>
    <row r="138321" spans="14:14">
      <c r="N138321" s="10"/>
    </row>
    <row r="138322" spans="14:14">
      <c r="N138322" s="10"/>
    </row>
    <row r="138323" spans="14:14">
      <c r="N138323" s="10"/>
    </row>
    <row r="138324" spans="14:14">
      <c r="N138324" s="10"/>
    </row>
    <row r="138325" spans="14:14">
      <c r="N138325" s="10"/>
    </row>
    <row r="138326" spans="14:14">
      <c r="N138326" s="10"/>
    </row>
    <row r="138327" spans="14:14">
      <c r="N138327" s="10"/>
    </row>
    <row r="138328" spans="14:14">
      <c r="N138328" s="10"/>
    </row>
    <row r="138329" spans="14:14">
      <c r="N138329" s="10"/>
    </row>
    <row r="138330" spans="14:14">
      <c r="N138330" s="10"/>
    </row>
    <row r="138331" spans="14:14">
      <c r="N138331" s="10"/>
    </row>
    <row r="138332" spans="14:14">
      <c r="N138332" s="10"/>
    </row>
    <row r="138333" spans="14:14">
      <c r="N138333" s="10"/>
    </row>
    <row r="138334" spans="14:14">
      <c r="N138334" s="10"/>
    </row>
    <row r="138335" spans="14:14">
      <c r="N138335" s="10"/>
    </row>
    <row r="138336" spans="14:14">
      <c r="N138336" s="10"/>
    </row>
    <row r="138337" spans="14:14">
      <c r="N138337" s="10"/>
    </row>
    <row r="138338" spans="14:14">
      <c r="N138338" s="10"/>
    </row>
    <row r="138339" spans="14:14">
      <c r="N138339" s="10"/>
    </row>
    <row r="138340" spans="14:14">
      <c r="N138340" s="10"/>
    </row>
    <row r="138341" spans="14:14">
      <c r="N138341" s="10"/>
    </row>
    <row r="138342" spans="14:14">
      <c r="N138342" s="10"/>
    </row>
    <row r="138343" spans="14:14">
      <c r="N138343" s="10"/>
    </row>
    <row r="138344" spans="14:14">
      <c r="N138344" s="10"/>
    </row>
    <row r="138345" spans="14:14">
      <c r="N138345" s="10"/>
    </row>
    <row r="138346" spans="14:14">
      <c r="N138346" s="10"/>
    </row>
    <row r="138347" spans="14:14">
      <c r="N138347" s="10"/>
    </row>
    <row r="138348" spans="14:14">
      <c r="N138348" s="10"/>
    </row>
    <row r="138349" spans="14:14">
      <c r="N138349" s="10"/>
    </row>
    <row r="138350" spans="14:14">
      <c r="N138350" s="10"/>
    </row>
    <row r="138351" spans="14:14">
      <c r="N138351" s="10"/>
    </row>
    <row r="138352" spans="14:14">
      <c r="N138352" s="10"/>
    </row>
    <row r="138353" spans="14:14">
      <c r="N138353" s="10"/>
    </row>
    <row r="138354" spans="14:14">
      <c r="N138354" s="10"/>
    </row>
    <row r="138355" spans="14:14">
      <c r="N138355" s="10"/>
    </row>
    <row r="138356" spans="14:14">
      <c r="N138356" s="10"/>
    </row>
    <row r="138357" spans="14:14">
      <c r="N138357" s="10"/>
    </row>
    <row r="138358" spans="14:14">
      <c r="N138358" s="10"/>
    </row>
    <row r="138359" spans="14:14">
      <c r="N138359" s="10"/>
    </row>
    <row r="138360" spans="14:14">
      <c r="N138360" s="10"/>
    </row>
    <row r="138361" spans="14:14">
      <c r="N138361" s="10"/>
    </row>
    <row r="138362" spans="14:14">
      <c r="N138362" s="10"/>
    </row>
    <row r="138363" spans="14:14">
      <c r="N138363" s="10"/>
    </row>
    <row r="138364" spans="14:14">
      <c r="N138364" s="10"/>
    </row>
    <row r="138365" spans="14:14">
      <c r="N138365" s="10"/>
    </row>
    <row r="138366" spans="14:14">
      <c r="N138366" s="10"/>
    </row>
    <row r="138367" spans="14:14">
      <c r="N138367" s="10"/>
    </row>
    <row r="138368" spans="14:14">
      <c r="N138368" s="10"/>
    </row>
    <row r="138369" spans="14:14">
      <c r="N138369" s="10"/>
    </row>
    <row r="138370" spans="14:14">
      <c r="N138370" s="10"/>
    </row>
    <row r="138371" spans="14:14">
      <c r="N138371" s="10"/>
    </row>
    <row r="138372" spans="14:14">
      <c r="N138372" s="10"/>
    </row>
    <row r="138373" spans="14:14">
      <c r="N138373" s="10"/>
    </row>
    <row r="138374" spans="14:14">
      <c r="N138374" s="10"/>
    </row>
    <row r="138375" spans="14:14">
      <c r="N138375" s="10"/>
    </row>
    <row r="138376" spans="14:14">
      <c r="N138376" s="10"/>
    </row>
    <row r="138377" spans="14:14">
      <c r="N138377" s="10"/>
    </row>
    <row r="138378" spans="14:14">
      <c r="N138378" s="10"/>
    </row>
    <row r="138379" spans="14:14">
      <c r="N138379" s="10"/>
    </row>
    <row r="138380" spans="14:14">
      <c r="N138380" s="10"/>
    </row>
    <row r="138381" spans="14:14">
      <c r="N138381" s="10"/>
    </row>
    <row r="138382" spans="14:14">
      <c r="N138382" s="10"/>
    </row>
    <row r="138383" spans="14:14">
      <c r="N138383" s="10"/>
    </row>
    <row r="138384" spans="14:14">
      <c r="N138384" s="10"/>
    </row>
    <row r="138385" spans="14:14">
      <c r="N138385" s="10"/>
    </row>
    <row r="138386" spans="14:14">
      <c r="N138386" s="10"/>
    </row>
    <row r="138387" spans="14:14">
      <c r="N138387" s="10"/>
    </row>
    <row r="138388" spans="14:14">
      <c r="N138388" s="10"/>
    </row>
    <row r="138389" spans="14:14">
      <c r="N138389" s="10"/>
    </row>
    <row r="138390" spans="14:14">
      <c r="N138390" s="10"/>
    </row>
    <row r="138391" spans="14:14">
      <c r="N138391" s="10"/>
    </row>
    <row r="138392" spans="14:14">
      <c r="N138392" s="10"/>
    </row>
    <row r="138393" spans="14:14">
      <c r="N138393" s="10"/>
    </row>
    <row r="138394" spans="14:14">
      <c r="N138394" s="10"/>
    </row>
    <row r="138395" spans="14:14">
      <c r="N138395" s="10"/>
    </row>
    <row r="138396" spans="14:14">
      <c r="N138396" s="10"/>
    </row>
    <row r="138397" spans="14:14">
      <c r="N138397" s="10"/>
    </row>
    <row r="138398" spans="14:14">
      <c r="N138398" s="10"/>
    </row>
    <row r="138399" spans="14:14">
      <c r="N138399" s="10"/>
    </row>
    <row r="138400" spans="14:14">
      <c r="N138400" s="10"/>
    </row>
    <row r="138401" spans="14:14">
      <c r="N138401" s="10"/>
    </row>
    <row r="138402" spans="14:14">
      <c r="N138402" s="10"/>
    </row>
    <row r="138403" spans="14:14">
      <c r="N138403" s="10"/>
    </row>
    <row r="138404" spans="14:14">
      <c r="N138404" s="10"/>
    </row>
    <row r="138405" spans="14:14">
      <c r="N138405" s="10"/>
    </row>
    <row r="138406" spans="14:14">
      <c r="N138406" s="10"/>
    </row>
    <row r="138407" spans="14:14">
      <c r="N138407" s="10"/>
    </row>
    <row r="138408" spans="14:14">
      <c r="N138408" s="10"/>
    </row>
    <row r="138409" spans="14:14">
      <c r="N138409" s="10"/>
    </row>
    <row r="138410" spans="14:14">
      <c r="N138410" s="10"/>
    </row>
    <row r="138411" spans="14:14">
      <c r="N138411" s="10"/>
    </row>
    <row r="138412" spans="14:14">
      <c r="N138412" s="10"/>
    </row>
    <row r="138413" spans="14:14">
      <c r="N138413" s="10"/>
    </row>
    <row r="138414" spans="14:14">
      <c r="N138414" s="10"/>
    </row>
    <row r="138415" spans="14:14">
      <c r="N138415" s="10"/>
    </row>
    <row r="138416" spans="14:14">
      <c r="N138416" s="10"/>
    </row>
    <row r="138417" spans="14:14">
      <c r="N138417" s="10"/>
    </row>
    <row r="138418" spans="14:14">
      <c r="N138418" s="10"/>
    </row>
    <row r="138419" spans="14:14">
      <c r="N138419" s="10"/>
    </row>
    <row r="138420" spans="14:14">
      <c r="N138420" s="10"/>
    </row>
    <row r="138421" spans="14:14">
      <c r="N138421" s="10"/>
    </row>
    <row r="138422" spans="14:14">
      <c r="N138422" s="10"/>
    </row>
    <row r="138423" spans="14:14">
      <c r="N138423" s="10"/>
    </row>
    <row r="138424" spans="14:14">
      <c r="N138424" s="10"/>
    </row>
    <row r="138425" spans="14:14">
      <c r="N138425" s="10"/>
    </row>
    <row r="138426" spans="14:14">
      <c r="N138426" s="10"/>
    </row>
    <row r="138427" spans="14:14">
      <c r="N138427" s="10"/>
    </row>
    <row r="138428" spans="14:14">
      <c r="N138428" s="10"/>
    </row>
    <row r="138429" spans="14:14">
      <c r="N138429" s="10"/>
    </row>
    <row r="138430" spans="14:14">
      <c r="N138430" s="10"/>
    </row>
    <row r="138431" spans="14:14">
      <c r="N138431" s="10"/>
    </row>
    <row r="138432" spans="14:14">
      <c r="N138432" s="10"/>
    </row>
    <row r="138433" spans="14:14">
      <c r="N138433" s="10"/>
    </row>
    <row r="138434" spans="14:14">
      <c r="N138434" s="10"/>
    </row>
    <row r="138435" spans="14:14">
      <c r="N138435" s="10"/>
    </row>
    <row r="138436" spans="14:14">
      <c r="N138436" s="10"/>
    </row>
    <row r="138437" spans="14:14">
      <c r="N138437" s="10"/>
    </row>
    <row r="138438" spans="14:14">
      <c r="N138438" s="10"/>
    </row>
    <row r="138439" spans="14:14">
      <c r="N138439" s="10"/>
    </row>
    <row r="138440" spans="14:14">
      <c r="N138440" s="10"/>
    </row>
    <row r="138441" spans="14:14">
      <c r="N138441" s="10"/>
    </row>
    <row r="138442" spans="14:14">
      <c r="N138442" s="10"/>
    </row>
    <row r="138443" spans="14:14">
      <c r="N138443" s="10"/>
    </row>
    <row r="138444" spans="14:14">
      <c r="N138444" s="10"/>
    </row>
    <row r="138445" spans="14:14">
      <c r="N138445" s="10"/>
    </row>
    <row r="138446" spans="14:14">
      <c r="N138446" s="10"/>
    </row>
    <row r="138447" spans="14:14">
      <c r="N138447" s="10"/>
    </row>
    <row r="138448" spans="14:14">
      <c r="N138448" s="10"/>
    </row>
    <row r="138449" spans="14:14">
      <c r="N138449" s="10"/>
    </row>
    <row r="138450" spans="14:14">
      <c r="N138450" s="10"/>
    </row>
    <row r="138451" spans="14:14">
      <c r="N138451" s="10"/>
    </row>
    <row r="138452" spans="14:14">
      <c r="N138452" s="10"/>
    </row>
    <row r="138453" spans="14:14">
      <c r="N138453" s="10"/>
    </row>
    <row r="138454" spans="14:14">
      <c r="N138454" s="10"/>
    </row>
    <row r="138455" spans="14:14">
      <c r="N138455" s="10"/>
    </row>
    <row r="138456" spans="14:14">
      <c r="N138456" s="10"/>
    </row>
    <row r="138457" spans="14:14">
      <c r="N138457" s="10"/>
    </row>
    <row r="138458" spans="14:14">
      <c r="N138458" s="10"/>
    </row>
    <row r="138459" spans="14:14">
      <c r="N138459" s="10"/>
    </row>
    <row r="138460" spans="14:14">
      <c r="N138460" s="10"/>
    </row>
    <row r="138461" spans="14:14">
      <c r="N138461" s="10"/>
    </row>
    <row r="138462" spans="14:14">
      <c r="N138462" s="10"/>
    </row>
    <row r="138463" spans="14:14">
      <c r="N138463" s="10"/>
    </row>
    <row r="138464" spans="14:14">
      <c r="N138464" s="10"/>
    </row>
    <row r="138465" spans="14:14">
      <c r="N138465" s="10"/>
    </row>
    <row r="138466" spans="14:14">
      <c r="N138466" s="10"/>
    </row>
    <row r="138467" spans="14:14">
      <c r="N138467" s="10"/>
    </row>
    <row r="138468" spans="14:14">
      <c r="N138468" s="10"/>
    </row>
    <row r="138469" spans="14:14">
      <c r="N138469" s="10"/>
    </row>
    <row r="138470" spans="14:14">
      <c r="N138470" s="10"/>
    </row>
    <row r="138471" spans="14:14">
      <c r="N138471" s="10"/>
    </row>
    <row r="138472" spans="14:14">
      <c r="N138472" s="10"/>
    </row>
    <row r="138473" spans="14:14">
      <c r="N138473" s="10"/>
    </row>
    <row r="138474" spans="14:14">
      <c r="N138474" s="10"/>
    </row>
    <row r="138475" spans="14:14">
      <c r="N138475" s="10"/>
    </row>
    <row r="138476" spans="14:14">
      <c r="N138476" s="10"/>
    </row>
    <row r="138477" spans="14:14">
      <c r="N138477" s="10"/>
    </row>
    <row r="138478" spans="14:14">
      <c r="N138478" s="10"/>
    </row>
    <row r="138479" spans="14:14">
      <c r="N138479" s="10"/>
    </row>
    <row r="138480" spans="14:14">
      <c r="N138480" s="10"/>
    </row>
    <row r="138481" spans="14:14">
      <c r="N138481" s="10"/>
    </row>
    <row r="138482" spans="14:14">
      <c r="N138482" s="10"/>
    </row>
    <row r="138483" spans="14:14">
      <c r="N138483" s="10"/>
    </row>
    <row r="138484" spans="14:14">
      <c r="N138484" s="10"/>
    </row>
    <row r="138485" spans="14:14">
      <c r="N138485" s="10"/>
    </row>
    <row r="138486" spans="14:14">
      <c r="N138486" s="10"/>
    </row>
    <row r="138487" spans="14:14">
      <c r="N138487" s="10"/>
    </row>
    <row r="138488" spans="14:14">
      <c r="N138488" s="10"/>
    </row>
    <row r="138489" spans="14:14">
      <c r="N138489" s="10"/>
    </row>
    <row r="138490" spans="14:14">
      <c r="N138490" s="10"/>
    </row>
    <row r="138491" spans="14:14">
      <c r="N138491" s="10"/>
    </row>
    <row r="138492" spans="14:14">
      <c r="N138492" s="10"/>
    </row>
    <row r="138493" spans="14:14">
      <c r="N138493" s="10"/>
    </row>
    <row r="138494" spans="14:14">
      <c r="N138494" s="10"/>
    </row>
    <row r="138495" spans="14:14">
      <c r="N138495" s="10"/>
    </row>
    <row r="138496" spans="14:14">
      <c r="N138496" s="10"/>
    </row>
    <row r="138497" spans="14:14">
      <c r="N138497" s="10"/>
    </row>
    <row r="138498" spans="14:14">
      <c r="N138498" s="10"/>
    </row>
    <row r="138499" spans="14:14">
      <c r="N138499" s="10"/>
    </row>
    <row r="138500" spans="14:14">
      <c r="N138500" s="10"/>
    </row>
    <row r="138501" spans="14:14">
      <c r="N138501" s="10"/>
    </row>
    <row r="138502" spans="14:14">
      <c r="N138502" s="10"/>
    </row>
    <row r="138503" spans="14:14">
      <c r="N138503" s="10"/>
    </row>
    <row r="138504" spans="14:14">
      <c r="N138504" s="10"/>
    </row>
    <row r="138505" spans="14:14">
      <c r="N138505" s="10"/>
    </row>
    <row r="138506" spans="14:14">
      <c r="N138506" s="10"/>
    </row>
    <row r="138507" spans="14:14">
      <c r="N138507" s="10"/>
    </row>
    <row r="138508" spans="14:14">
      <c r="N138508" s="10"/>
    </row>
    <row r="138509" spans="14:14">
      <c r="N138509" s="10"/>
    </row>
    <row r="138510" spans="14:14">
      <c r="N138510" s="10"/>
    </row>
    <row r="138511" spans="14:14">
      <c r="N138511" s="10"/>
    </row>
    <row r="138512" spans="14:14">
      <c r="N138512" s="10"/>
    </row>
    <row r="138513" spans="14:14">
      <c r="N138513" s="10"/>
    </row>
    <row r="138514" spans="14:14">
      <c r="N138514" s="10"/>
    </row>
    <row r="138515" spans="14:14">
      <c r="N138515" s="10"/>
    </row>
    <row r="138516" spans="14:14">
      <c r="N138516" s="10"/>
    </row>
    <row r="138517" spans="14:14">
      <c r="N138517" s="10"/>
    </row>
    <row r="138518" spans="14:14">
      <c r="N138518" s="10"/>
    </row>
    <row r="138519" spans="14:14">
      <c r="N138519" s="10"/>
    </row>
    <row r="138520" spans="14:14">
      <c r="N138520" s="10"/>
    </row>
    <row r="138521" spans="14:14">
      <c r="N138521" s="10"/>
    </row>
    <row r="138522" spans="14:14">
      <c r="N138522" s="10"/>
    </row>
    <row r="138523" spans="14:14">
      <c r="N138523" s="10"/>
    </row>
    <row r="138524" spans="14:14">
      <c r="N138524" s="10"/>
    </row>
    <row r="138525" spans="14:14">
      <c r="N138525" s="10"/>
    </row>
    <row r="138526" spans="14:14">
      <c r="N138526" s="10"/>
    </row>
    <row r="138527" spans="14:14">
      <c r="N138527" s="10"/>
    </row>
    <row r="138528" spans="14:14">
      <c r="N138528" s="10"/>
    </row>
    <row r="138529" spans="14:14">
      <c r="N138529" s="10"/>
    </row>
    <row r="138530" spans="14:14">
      <c r="N138530" s="10"/>
    </row>
    <row r="138531" spans="14:14">
      <c r="N138531" s="10"/>
    </row>
    <row r="138532" spans="14:14">
      <c r="N138532" s="10"/>
    </row>
    <row r="138533" spans="14:14">
      <c r="N138533" s="10"/>
    </row>
    <row r="138534" spans="14:14">
      <c r="N138534" s="10"/>
    </row>
    <row r="138535" spans="14:14">
      <c r="N138535" s="10"/>
    </row>
    <row r="138536" spans="14:14">
      <c r="N138536" s="10"/>
    </row>
    <row r="138537" spans="14:14">
      <c r="N138537" s="10"/>
    </row>
    <row r="138538" spans="14:14">
      <c r="N138538" s="10"/>
    </row>
    <row r="138539" spans="14:14">
      <c r="N138539" s="10"/>
    </row>
    <row r="138540" spans="14:14">
      <c r="N138540" s="10"/>
    </row>
    <row r="138541" spans="14:14">
      <c r="N138541" s="10"/>
    </row>
    <row r="138542" spans="14:14">
      <c r="N138542" s="10"/>
    </row>
    <row r="138543" spans="14:14">
      <c r="N138543" s="10"/>
    </row>
    <row r="138544" spans="14:14">
      <c r="N138544" s="10"/>
    </row>
    <row r="138545" spans="14:14">
      <c r="N138545" s="10"/>
    </row>
    <row r="138546" spans="14:14">
      <c r="N138546" s="10"/>
    </row>
    <row r="138547" spans="14:14">
      <c r="N138547" s="10"/>
    </row>
    <row r="138548" spans="14:14">
      <c r="N138548" s="10"/>
    </row>
    <row r="138549" spans="14:14">
      <c r="N138549" s="10"/>
    </row>
    <row r="138550" spans="14:14">
      <c r="N138550" s="10"/>
    </row>
    <row r="138551" spans="14:14">
      <c r="N138551" s="10"/>
    </row>
    <row r="138552" spans="14:14">
      <c r="N138552" s="10"/>
    </row>
    <row r="138553" spans="14:14">
      <c r="N138553" s="10"/>
    </row>
    <row r="138554" spans="14:14">
      <c r="N138554" s="10"/>
    </row>
    <row r="138555" spans="14:14">
      <c r="N138555" s="10"/>
    </row>
    <row r="138556" spans="14:14">
      <c r="N138556" s="10"/>
    </row>
    <row r="138557" spans="14:14">
      <c r="N138557" s="10"/>
    </row>
    <row r="138558" spans="14:14">
      <c r="N138558" s="10"/>
    </row>
    <row r="138559" spans="14:14">
      <c r="N138559" s="10"/>
    </row>
    <row r="138560" spans="14:14">
      <c r="N138560" s="10"/>
    </row>
    <row r="138561" spans="14:14">
      <c r="N138561" s="10"/>
    </row>
    <row r="138562" spans="14:14">
      <c r="N138562" s="10"/>
    </row>
    <row r="138563" spans="14:14">
      <c r="N138563" s="10"/>
    </row>
    <row r="138564" spans="14:14">
      <c r="N138564" s="10"/>
    </row>
    <row r="138565" spans="14:14">
      <c r="N138565" s="10"/>
    </row>
    <row r="138566" spans="14:14">
      <c r="N138566" s="10"/>
    </row>
    <row r="138567" spans="14:14">
      <c r="N138567" s="10"/>
    </row>
    <row r="138568" spans="14:14">
      <c r="N138568" s="10"/>
    </row>
    <row r="138569" spans="14:14">
      <c r="N138569" s="10"/>
    </row>
    <row r="138570" spans="14:14">
      <c r="N138570" s="10"/>
    </row>
    <row r="138571" spans="14:14">
      <c r="N138571" s="10"/>
    </row>
    <row r="138572" spans="14:14">
      <c r="N138572" s="10"/>
    </row>
    <row r="138573" spans="14:14">
      <c r="N138573" s="10"/>
    </row>
    <row r="138574" spans="14:14">
      <c r="N138574" s="10"/>
    </row>
    <row r="138575" spans="14:14">
      <c r="N138575" s="10"/>
    </row>
    <row r="138576" spans="14:14">
      <c r="N138576" s="10"/>
    </row>
    <row r="138577" spans="14:14">
      <c r="N138577" s="10"/>
    </row>
    <row r="138578" spans="14:14">
      <c r="N138578" s="10"/>
    </row>
    <row r="138579" spans="14:14">
      <c r="N138579" s="10"/>
    </row>
    <row r="138580" spans="14:14">
      <c r="N138580" s="10"/>
    </row>
    <row r="138581" spans="14:14">
      <c r="N138581" s="10"/>
    </row>
    <row r="138582" spans="14:14">
      <c r="N138582" s="10"/>
    </row>
    <row r="138583" spans="14:14">
      <c r="N138583" s="10"/>
    </row>
    <row r="138584" spans="14:14">
      <c r="N138584" s="10"/>
    </row>
    <row r="138585" spans="14:14">
      <c r="N138585" s="10"/>
    </row>
    <row r="138586" spans="14:14">
      <c r="N138586" s="10"/>
    </row>
    <row r="138587" spans="14:14">
      <c r="N138587" s="10"/>
    </row>
    <row r="138588" spans="14:14">
      <c r="N138588" s="10"/>
    </row>
    <row r="138589" spans="14:14">
      <c r="N138589" s="10"/>
    </row>
    <row r="138590" spans="14:14">
      <c r="N138590" s="10"/>
    </row>
    <row r="138591" spans="14:14">
      <c r="N138591" s="10"/>
    </row>
    <row r="138592" spans="14:14">
      <c r="N138592" s="10"/>
    </row>
    <row r="138593" spans="14:14">
      <c r="N138593" s="10"/>
    </row>
    <row r="138594" spans="14:14">
      <c r="N138594" s="10"/>
    </row>
    <row r="138595" spans="14:14">
      <c r="N138595" s="10"/>
    </row>
    <row r="138596" spans="14:14">
      <c r="N138596" s="10"/>
    </row>
    <row r="138597" spans="14:14">
      <c r="N138597" s="10"/>
    </row>
    <row r="138598" spans="14:14">
      <c r="N138598" s="10"/>
    </row>
    <row r="138599" spans="14:14">
      <c r="N138599" s="10"/>
    </row>
    <row r="138600" spans="14:14">
      <c r="N138600" s="10"/>
    </row>
    <row r="138601" spans="14:14">
      <c r="N138601" s="10"/>
    </row>
    <row r="138602" spans="14:14">
      <c r="N138602" s="10"/>
    </row>
    <row r="138603" spans="14:14">
      <c r="N138603" s="10"/>
    </row>
    <row r="138604" spans="14:14">
      <c r="N138604" s="10"/>
    </row>
    <row r="138605" spans="14:14">
      <c r="N138605" s="10"/>
    </row>
    <row r="138606" spans="14:14">
      <c r="N138606" s="10"/>
    </row>
    <row r="138607" spans="14:14">
      <c r="N138607" s="10"/>
    </row>
    <row r="138608" spans="14:14">
      <c r="N138608" s="10"/>
    </row>
    <row r="138609" spans="14:14">
      <c r="N138609" s="10"/>
    </row>
    <row r="138610" spans="14:14">
      <c r="N138610" s="10"/>
    </row>
    <row r="138611" spans="14:14">
      <c r="N138611" s="10"/>
    </row>
    <row r="138612" spans="14:14">
      <c r="N138612" s="10"/>
    </row>
    <row r="138613" spans="14:14">
      <c r="N138613" s="10"/>
    </row>
    <row r="138614" spans="14:14">
      <c r="N138614" s="10"/>
    </row>
    <row r="138615" spans="14:14">
      <c r="N138615" s="10"/>
    </row>
    <row r="138616" spans="14:14">
      <c r="N138616" s="10"/>
    </row>
    <row r="138617" spans="14:14">
      <c r="N138617" s="10"/>
    </row>
    <row r="138618" spans="14:14">
      <c r="N138618" s="10"/>
    </row>
    <row r="138619" spans="14:14">
      <c r="N138619" s="10"/>
    </row>
    <row r="138620" spans="14:14">
      <c r="N138620" s="10"/>
    </row>
    <row r="138621" spans="14:14">
      <c r="N138621" s="10"/>
    </row>
    <row r="138622" spans="14:14">
      <c r="N138622" s="10"/>
    </row>
    <row r="138623" spans="14:14">
      <c r="N138623" s="10"/>
    </row>
    <row r="138624" spans="14:14">
      <c r="N138624" s="10"/>
    </row>
    <row r="138625" spans="14:14">
      <c r="N138625" s="10"/>
    </row>
    <row r="138626" spans="14:14">
      <c r="N138626" s="10"/>
    </row>
    <row r="138627" spans="14:14">
      <c r="N138627" s="10"/>
    </row>
    <row r="138628" spans="14:14">
      <c r="N138628" s="10"/>
    </row>
    <row r="138629" spans="14:14">
      <c r="N138629" s="10"/>
    </row>
    <row r="138630" spans="14:14">
      <c r="N138630" s="10"/>
    </row>
    <row r="138631" spans="14:14">
      <c r="N138631" s="10"/>
    </row>
    <row r="138632" spans="14:14">
      <c r="N138632" s="10"/>
    </row>
    <row r="138633" spans="14:14">
      <c r="N138633" s="10"/>
    </row>
    <row r="138634" spans="14:14">
      <c r="N138634" s="10"/>
    </row>
    <row r="138635" spans="14:14">
      <c r="N138635" s="10"/>
    </row>
    <row r="138636" spans="14:14">
      <c r="N138636" s="10"/>
    </row>
    <row r="138637" spans="14:14">
      <c r="N138637" s="10"/>
    </row>
    <row r="138638" spans="14:14">
      <c r="N138638" s="10"/>
    </row>
    <row r="138639" spans="14:14">
      <c r="N138639" s="10"/>
    </row>
    <row r="138640" spans="14:14">
      <c r="N138640" s="10"/>
    </row>
    <row r="138641" spans="14:14">
      <c r="N138641" s="10"/>
    </row>
    <row r="138642" spans="14:14">
      <c r="N138642" s="10"/>
    </row>
    <row r="138643" spans="14:14">
      <c r="N138643" s="10"/>
    </row>
    <row r="138644" spans="14:14">
      <c r="N138644" s="10"/>
    </row>
    <row r="138645" spans="14:14">
      <c r="N138645" s="10"/>
    </row>
    <row r="138646" spans="14:14">
      <c r="N138646" s="10"/>
    </row>
    <row r="138647" spans="14:14">
      <c r="N138647" s="10"/>
    </row>
    <row r="138648" spans="14:14">
      <c r="N138648" s="10"/>
    </row>
    <row r="138649" spans="14:14">
      <c r="N138649" s="10"/>
    </row>
    <row r="138650" spans="14:14">
      <c r="N138650" s="10"/>
    </row>
    <row r="138651" spans="14:14">
      <c r="N138651" s="10"/>
    </row>
    <row r="138652" spans="14:14">
      <c r="N138652" s="10"/>
    </row>
    <row r="138653" spans="14:14">
      <c r="N138653" s="10"/>
    </row>
    <row r="138654" spans="14:14">
      <c r="N138654" s="10"/>
    </row>
    <row r="138655" spans="14:14">
      <c r="N138655" s="10"/>
    </row>
    <row r="138656" spans="14:14">
      <c r="N138656" s="10"/>
    </row>
    <row r="138657" spans="14:14">
      <c r="N138657" s="10"/>
    </row>
    <row r="138658" spans="14:14">
      <c r="N138658" s="10"/>
    </row>
    <row r="138659" spans="14:14">
      <c r="N138659" s="10"/>
    </row>
    <row r="138660" spans="14:14">
      <c r="N138660" s="10"/>
    </row>
    <row r="138661" spans="14:14">
      <c r="N138661" s="10"/>
    </row>
    <row r="138662" spans="14:14">
      <c r="N138662" s="10"/>
    </row>
    <row r="138663" spans="14:14">
      <c r="N138663" s="10"/>
    </row>
    <row r="138664" spans="14:14">
      <c r="N138664" s="10"/>
    </row>
    <row r="138665" spans="14:14">
      <c r="N138665" s="10"/>
    </row>
    <row r="138666" spans="14:14">
      <c r="N138666" s="10"/>
    </row>
    <row r="138667" spans="14:14">
      <c r="N138667" s="10"/>
    </row>
    <row r="138668" spans="14:14">
      <c r="N138668" s="10"/>
    </row>
    <row r="138669" spans="14:14">
      <c r="N138669" s="10"/>
    </row>
    <row r="138670" spans="14:14">
      <c r="N138670" s="10"/>
    </row>
    <row r="138671" spans="14:14">
      <c r="N138671" s="10"/>
    </row>
    <row r="138672" spans="14:14">
      <c r="N138672" s="10"/>
    </row>
    <row r="138673" spans="14:14">
      <c r="N138673" s="10"/>
    </row>
    <row r="138674" spans="14:14">
      <c r="N138674" s="10"/>
    </row>
    <row r="138675" spans="14:14">
      <c r="N138675" s="10"/>
    </row>
    <row r="138676" spans="14:14">
      <c r="N138676" s="10"/>
    </row>
    <row r="138677" spans="14:14">
      <c r="N138677" s="10"/>
    </row>
    <row r="138678" spans="14:14">
      <c r="N138678" s="10"/>
    </row>
    <row r="138679" spans="14:14">
      <c r="N138679" s="10"/>
    </row>
    <row r="138680" spans="14:14">
      <c r="N138680" s="10"/>
    </row>
    <row r="138681" spans="14:14">
      <c r="N138681" s="10"/>
    </row>
    <row r="138682" spans="14:14">
      <c r="N138682" s="10"/>
    </row>
    <row r="138683" spans="14:14">
      <c r="N138683" s="10"/>
    </row>
    <row r="138684" spans="14:14">
      <c r="N138684" s="10"/>
    </row>
    <row r="138685" spans="14:14">
      <c r="N138685" s="10"/>
    </row>
    <row r="138686" spans="14:14">
      <c r="N138686" s="10"/>
    </row>
    <row r="138687" spans="14:14">
      <c r="N138687" s="10"/>
    </row>
    <row r="138688" spans="14:14">
      <c r="N138688" s="10"/>
    </row>
    <row r="138689" spans="14:14">
      <c r="N138689" s="10"/>
    </row>
    <row r="138690" spans="14:14">
      <c r="N138690" s="10"/>
    </row>
    <row r="138691" spans="14:14">
      <c r="N138691" s="10"/>
    </row>
    <row r="138692" spans="14:14">
      <c r="N138692" s="10"/>
    </row>
    <row r="138693" spans="14:14">
      <c r="N138693" s="10"/>
    </row>
    <row r="138694" spans="14:14">
      <c r="N138694" s="10"/>
    </row>
    <row r="138695" spans="14:14">
      <c r="N138695" s="10"/>
    </row>
    <row r="138696" spans="14:14">
      <c r="N138696" s="10"/>
    </row>
    <row r="138697" spans="14:14">
      <c r="N138697" s="10"/>
    </row>
    <row r="138698" spans="14:14">
      <c r="N138698" s="10"/>
    </row>
    <row r="138699" spans="14:14">
      <c r="N138699" s="10"/>
    </row>
    <row r="138700" spans="14:14">
      <c r="N138700" s="10"/>
    </row>
    <row r="138701" spans="14:14">
      <c r="N138701" s="10"/>
    </row>
    <row r="138702" spans="14:14">
      <c r="N138702" s="10"/>
    </row>
    <row r="138703" spans="14:14">
      <c r="N138703" s="10"/>
    </row>
    <row r="138704" spans="14:14">
      <c r="N138704" s="10"/>
    </row>
    <row r="138705" spans="14:14">
      <c r="N138705" s="10"/>
    </row>
    <row r="138706" spans="14:14">
      <c r="N138706" s="10"/>
    </row>
    <row r="138707" spans="14:14">
      <c r="N138707" s="10"/>
    </row>
    <row r="138708" spans="14:14">
      <c r="N138708" s="10"/>
    </row>
    <row r="138709" spans="14:14">
      <c r="N138709" s="10"/>
    </row>
    <row r="138710" spans="14:14">
      <c r="N138710" s="10"/>
    </row>
    <row r="138711" spans="14:14">
      <c r="N138711" s="10"/>
    </row>
    <row r="138712" spans="14:14">
      <c r="N138712" s="10"/>
    </row>
    <row r="138713" spans="14:14">
      <c r="N138713" s="10"/>
    </row>
    <row r="138714" spans="14:14">
      <c r="N138714" s="10"/>
    </row>
    <row r="138715" spans="14:14">
      <c r="N138715" s="10"/>
    </row>
    <row r="138716" spans="14:14">
      <c r="N138716" s="10"/>
    </row>
    <row r="138717" spans="14:14">
      <c r="N138717" s="10"/>
    </row>
    <row r="138718" spans="14:14">
      <c r="N138718" s="10"/>
    </row>
    <row r="138719" spans="14:14">
      <c r="N138719" s="10"/>
    </row>
    <row r="138720" spans="14:14">
      <c r="N138720" s="10"/>
    </row>
    <row r="138721" spans="14:14">
      <c r="N138721" s="10"/>
    </row>
    <row r="138722" spans="14:14">
      <c r="N138722" s="10"/>
    </row>
    <row r="138723" spans="14:14">
      <c r="N138723" s="10"/>
    </row>
    <row r="138724" spans="14:14">
      <c r="N138724" s="10"/>
    </row>
    <row r="138725" spans="14:14">
      <c r="N138725" s="10"/>
    </row>
    <row r="138726" spans="14:14">
      <c r="N138726" s="10"/>
    </row>
    <row r="138727" spans="14:14">
      <c r="N138727" s="10"/>
    </row>
    <row r="138728" spans="14:14">
      <c r="N138728" s="10"/>
    </row>
    <row r="138729" spans="14:14">
      <c r="N138729" s="10"/>
    </row>
    <row r="138730" spans="14:14">
      <c r="N138730" s="10"/>
    </row>
    <row r="138731" spans="14:14">
      <c r="N138731" s="10"/>
    </row>
    <row r="138732" spans="14:14">
      <c r="N138732" s="10"/>
    </row>
    <row r="138733" spans="14:14">
      <c r="N138733" s="10"/>
    </row>
    <row r="138734" spans="14:14">
      <c r="N138734" s="10"/>
    </row>
    <row r="138735" spans="14:14">
      <c r="N138735" s="10"/>
    </row>
    <row r="138736" spans="14:14">
      <c r="N138736" s="10"/>
    </row>
    <row r="138737" spans="14:14">
      <c r="N138737" s="10"/>
    </row>
    <row r="138738" spans="14:14">
      <c r="N138738" s="10"/>
    </row>
    <row r="138739" spans="14:14">
      <c r="N138739" s="10"/>
    </row>
    <row r="138740" spans="14:14">
      <c r="N138740" s="10"/>
    </row>
    <row r="138741" spans="14:14">
      <c r="N138741" s="10"/>
    </row>
    <row r="138742" spans="14:14">
      <c r="N138742" s="10"/>
    </row>
    <row r="138743" spans="14:14">
      <c r="N138743" s="10"/>
    </row>
    <row r="138744" spans="14:14">
      <c r="N138744" s="10"/>
    </row>
    <row r="138745" spans="14:14">
      <c r="N138745" s="10"/>
    </row>
    <row r="138746" spans="14:14">
      <c r="N138746" s="10"/>
    </row>
    <row r="138747" spans="14:14">
      <c r="N138747" s="10"/>
    </row>
    <row r="138748" spans="14:14">
      <c r="N138748" s="10"/>
    </row>
    <row r="138749" spans="14:14">
      <c r="N138749" s="10"/>
    </row>
    <row r="138750" spans="14:14">
      <c r="N138750" s="10"/>
    </row>
    <row r="138751" spans="14:14">
      <c r="N138751" s="10"/>
    </row>
    <row r="138752" spans="14:14">
      <c r="N138752" s="10"/>
    </row>
    <row r="138753" spans="14:14">
      <c r="N138753" s="10"/>
    </row>
    <row r="138754" spans="14:14">
      <c r="N138754" s="10"/>
    </row>
    <row r="138755" spans="14:14">
      <c r="N138755" s="10"/>
    </row>
    <row r="138756" spans="14:14">
      <c r="N138756" s="10"/>
    </row>
    <row r="138757" spans="14:14">
      <c r="N138757" s="10"/>
    </row>
    <row r="138758" spans="14:14">
      <c r="N138758" s="10"/>
    </row>
    <row r="138759" spans="14:14">
      <c r="N138759" s="10"/>
    </row>
    <row r="138760" spans="14:14">
      <c r="N138760" s="10"/>
    </row>
    <row r="138761" spans="14:14">
      <c r="N138761" s="10"/>
    </row>
    <row r="138762" spans="14:14">
      <c r="N138762" s="10"/>
    </row>
    <row r="138763" spans="14:14">
      <c r="N138763" s="10"/>
    </row>
    <row r="138764" spans="14:14">
      <c r="N138764" s="10"/>
    </row>
    <row r="138765" spans="14:14">
      <c r="N138765" s="10"/>
    </row>
    <row r="138766" spans="14:14">
      <c r="N138766" s="10"/>
    </row>
    <row r="138767" spans="14:14">
      <c r="N138767" s="10"/>
    </row>
    <row r="138768" spans="14:14">
      <c r="N138768" s="10"/>
    </row>
    <row r="138769" spans="14:14">
      <c r="N138769" s="10"/>
    </row>
    <row r="138770" spans="14:14">
      <c r="N138770" s="10"/>
    </row>
    <row r="138771" spans="14:14">
      <c r="N138771" s="10"/>
    </row>
    <row r="138772" spans="14:14">
      <c r="N138772" s="10"/>
    </row>
    <row r="138773" spans="14:14">
      <c r="N138773" s="10"/>
    </row>
    <row r="138774" spans="14:14">
      <c r="N138774" s="10"/>
    </row>
    <row r="138775" spans="14:14">
      <c r="N138775" s="10"/>
    </row>
    <row r="138776" spans="14:14">
      <c r="N138776" s="10"/>
    </row>
    <row r="138777" spans="14:14">
      <c r="N138777" s="10"/>
    </row>
    <row r="138778" spans="14:14">
      <c r="N138778" s="10"/>
    </row>
    <row r="138779" spans="14:14">
      <c r="N138779" s="10"/>
    </row>
    <row r="138780" spans="14:14">
      <c r="N138780" s="10"/>
    </row>
    <row r="138781" spans="14:14">
      <c r="N138781" s="10"/>
    </row>
    <row r="138782" spans="14:14">
      <c r="N138782" s="10"/>
    </row>
    <row r="138783" spans="14:14">
      <c r="N138783" s="10"/>
    </row>
    <row r="138784" spans="14:14">
      <c r="N138784" s="10"/>
    </row>
    <row r="138785" spans="14:14">
      <c r="N138785" s="10"/>
    </row>
    <row r="138786" spans="14:14">
      <c r="N138786" s="10"/>
    </row>
    <row r="138787" spans="14:14">
      <c r="N138787" s="10"/>
    </row>
    <row r="138788" spans="14:14">
      <c r="N138788" s="10"/>
    </row>
    <row r="138789" spans="14:14">
      <c r="N138789" s="10"/>
    </row>
    <row r="138790" spans="14:14">
      <c r="N138790" s="10"/>
    </row>
    <row r="138791" spans="14:14">
      <c r="N138791" s="10"/>
    </row>
    <row r="138792" spans="14:14">
      <c r="N138792" s="10"/>
    </row>
    <row r="138793" spans="14:14">
      <c r="N138793" s="10"/>
    </row>
    <row r="138794" spans="14:14">
      <c r="N138794" s="10"/>
    </row>
    <row r="138795" spans="14:14">
      <c r="N138795" s="10"/>
    </row>
    <row r="138796" spans="14:14">
      <c r="N138796" s="10"/>
    </row>
    <row r="138797" spans="14:14">
      <c r="N138797" s="10"/>
    </row>
    <row r="138798" spans="14:14">
      <c r="N138798" s="10"/>
    </row>
    <row r="138799" spans="14:14">
      <c r="N138799" s="10"/>
    </row>
    <row r="138800" spans="14:14">
      <c r="N138800" s="10"/>
    </row>
    <row r="138801" spans="14:14">
      <c r="N138801" s="10"/>
    </row>
    <row r="138802" spans="14:14">
      <c r="N138802" s="10"/>
    </row>
    <row r="138803" spans="14:14">
      <c r="N138803" s="10"/>
    </row>
    <row r="138804" spans="14:14">
      <c r="N138804" s="10"/>
    </row>
    <row r="138805" spans="14:14">
      <c r="N138805" s="10"/>
    </row>
    <row r="138806" spans="14:14">
      <c r="N138806" s="10"/>
    </row>
    <row r="138807" spans="14:14">
      <c r="N138807" s="10"/>
    </row>
    <row r="138808" spans="14:14">
      <c r="N138808" s="10"/>
    </row>
    <row r="138809" spans="14:14">
      <c r="N138809" s="10"/>
    </row>
    <row r="138810" spans="14:14">
      <c r="N138810" s="10"/>
    </row>
    <row r="138811" spans="14:14">
      <c r="N138811" s="10"/>
    </row>
    <row r="138812" spans="14:14">
      <c r="N138812" s="10"/>
    </row>
    <row r="138813" spans="14:14">
      <c r="N138813" s="10"/>
    </row>
    <row r="138814" spans="14:14">
      <c r="N138814" s="10"/>
    </row>
    <row r="138815" spans="14:14">
      <c r="N138815" s="10"/>
    </row>
    <row r="138816" spans="14:14">
      <c r="N138816" s="10"/>
    </row>
    <row r="138817" spans="14:14">
      <c r="N138817" s="10"/>
    </row>
    <row r="138818" spans="14:14">
      <c r="N138818" s="10"/>
    </row>
    <row r="138819" spans="14:14">
      <c r="N138819" s="10"/>
    </row>
    <row r="138820" spans="14:14">
      <c r="N138820" s="10"/>
    </row>
    <row r="138821" spans="14:14">
      <c r="N138821" s="10"/>
    </row>
    <row r="138822" spans="14:14">
      <c r="N138822" s="10"/>
    </row>
    <row r="138823" spans="14:14">
      <c r="N138823" s="10"/>
    </row>
    <row r="138824" spans="14:14">
      <c r="N138824" s="10"/>
    </row>
    <row r="138825" spans="14:14">
      <c r="N138825" s="10"/>
    </row>
    <row r="138826" spans="14:14">
      <c r="N138826" s="10"/>
    </row>
    <row r="138827" spans="14:14">
      <c r="N138827" s="10"/>
    </row>
    <row r="138828" spans="14:14">
      <c r="N138828" s="10"/>
    </row>
    <row r="138829" spans="14:14">
      <c r="N138829" s="10"/>
    </row>
    <row r="138830" spans="14:14">
      <c r="N138830" s="10"/>
    </row>
    <row r="138831" spans="14:14">
      <c r="N138831" s="10"/>
    </row>
    <row r="138832" spans="14:14">
      <c r="N138832" s="10"/>
    </row>
    <row r="138833" spans="14:14">
      <c r="N138833" s="10"/>
    </row>
    <row r="138834" spans="14:14">
      <c r="N138834" s="10"/>
    </row>
    <row r="138835" spans="14:14">
      <c r="N138835" s="10"/>
    </row>
    <row r="138836" spans="14:14">
      <c r="N138836" s="10"/>
    </row>
    <row r="138837" spans="14:14">
      <c r="N138837" s="10"/>
    </row>
    <row r="138838" spans="14:14">
      <c r="N138838" s="10"/>
    </row>
    <row r="138839" spans="14:14">
      <c r="N138839" s="10"/>
    </row>
    <row r="138840" spans="14:14">
      <c r="N138840" s="10"/>
    </row>
    <row r="138841" spans="14:14">
      <c r="N138841" s="10"/>
    </row>
    <row r="138842" spans="14:14">
      <c r="N138842" s="10"/>
    </row>
    <row r="138843" spans="14:14">
      <c r="N138843" s="10"/>
    </row>
    <row r="138844" spans="14:14">
      <c r="N138844" s="10"/>
    </row>
    <row r="138845" spans="14:14">
      <c r="N138845" s="10"/>
    </row>
    <row r="138846" spans="14:14">
      <c r="N138846" s="10"/>
    </row>
    <row r="138847" spans="14:14">
      <c r="N138847" s="10"/>
    </row>
    <row r="138848" spans="14:14">
      <c r="N138848" s="10"/>
    </row>
    <row r="138849" spans="14:14">
      <c r="N138849" s="10"/>
    </row>
    <row r="138850" spans="14:14">
      <c r="N138850" s="10"/>
    </row>
    <row r="138851" spans="14:14">
      <c r="N138851" s="10"/>
    </row>
    <row r="138852" spans="14:14">
      <c r="N138852" s="10"/>
    </row>
    <row r="138853" spans="14:14">
      <c r="N138853" s="10"/>
    </row>
    <row r="138854" spans="14:14">
      <c r="N138854" s="10"/>
    </row>
    <row r="138855" spans="14:14">
      <c r="N138855" s="10"/>
    </row>
    <row r="138856" spans="14:14">
      <c r="N138856" s="10"/>
    </row>
    <row r="138857" spans="14:14">
      <c r="N138857" s="10"/>
    </row>
    <row r="138858" spans="14:14">
      <c r="N138858" s="10"/>
    </row>
    <row r="138859" spans="14:14">
      <c r="N138859" s="10"/>
    </row>
    <row r="138860" spans="14:14">
      <c r="N138860" s="10"/>
    </row>
    <row r="138861" spans="14:14">
      <c r="N138861" s="10"/>
    </row>
    <row r="138862" spans="14:14">
      <c r="N138862" s="10"/>
    </row>
    <row r="138863" spans="14:14">
      <c r="N138863" s="10"/>
    </row>
    <row r="138864" spans="14:14">
      <c r="N138864" s="10"/>
    </row>
    <row r="138865" spans="14:14">
      <c r="N138865" s="10"/>
    </row>
    <row r="138866" spans="14:14">
      <c r="N138866" s="10"/>
    </row>
    <row r="138867" spans="14:14">
      <c r="N138867" s="10"/>
    </row>
    <row r="138868" spans="14:14">
      <c r="N138868" s="10"/>
    </row>
    <row r="138869" spans="14:14">
      <c r="N138869" s="10"/>
    </row>
    <row r="138870" spans="14:14">
      <c r="N138870" s="10"/>
    </row>
    <row r="138871" spans="14:14">
      <c r="N138871" s="10"/>
    </row>
    <row r="138872" spans="14:14">
      <c r="N138872" s="10"/>
    </row>
    <row r="138873" spans="14:14">
      <c r="N138873" s="10"/>
    </row>
    <row r="138874" spans="14:14">
      <c r="N138874" s="10"/>
    </row>
    <row r="138875" spans="14:14">
      <c r="N138875" s="10"/>
    </row>
    <row r="138876" spans="14:14">
      <c r="N138876" s="10"/>
    </row>
    <row r="138877" spans="14:14">
      <c r="N138877" s="10"/>
    </row>
    <row r="138878" spans="14:14">
      <c r="N138878" s="10"/>
    </row>
    <row r="138879" spans="14:14">
      <c r="N138879" s="10"/>
    </row>
    <row r="138880" spans="14:14">
      <c r="N138880" s="10"/>
    </row>
    <row r="138881" spans="14:14">
      <c r="N138881" s="10"/>
    </row>
    <row r="138882" spans="14:14">
      <c r="N138882" s="10"/>
    </row>
    <row r="138883" spans="14:14">
      <c r="N138883" s="10"/>
    </row>
    <row r="138884" spans="14:14">
      <c r="N138884" s="10"/>
    </row>
    <row r="138885" spans="14:14">
      <c r="N138885" s="10"/>
    </row>
    <row r="138886" spans="14:14">
      <c r="N138886" s="10"/>
    </row>
    <row r="138887" spans="14:14">
      <c r="N138887" s="10"/>
    </row>
    <row r="138888" spans="14:14">
      <c r="N138888" s="10"/>
    </row>
    <row r="138889" spans="14:14">
      <c r="N138889" s="10"/>
    </row>
    <row r="138890" spans="14:14">
      <c r="N138890" s="10"/>
    </row>
    <row r="138891" spans="14:14">
      <c r="N138891" s="10"/>
    </row>
    <row r="138892" spans="14:14">
      <c r="N138892" s="10"/>
    </row>
    <row r="138893" spans="14:14">
      <c r="N138893" s="10"/>
    </row>
    <row r="138894" spans="14:14">
      <c r="N138894" s="10"/>
    </row>
    <row r="138895" spans="14:14">
      <c r="N138895" s="10"/>
    </row>
    <row r="138896" spans="14:14">
      <c r="N138896" s="10"/>
    </row>
    <row r="138897" spans="14:14">
      <c r="N138897" s="10"/>
    </row>
    <row r="138898" spans="14:14">
      <c r="N138898" s="10"/>
    </row>
    <row r="138899" spans="14:14">
      <c r="N138899" s="10"/>
    </row>
    <row r="138900" spans="14:14">
      <c r="N138900" s="10"/>
    </row>
    <row r="138901" spans="14:14">
      <c r="N138901" s="10"/>
    </row>
    <row r="138902" spans="14:14">
      <c r="N138902" s="10"/>
    </row>
    <row r="138903" spans="14:14">
      <c r="N138903" s="10"/>
    </row>
    <row r="138904" spans="14:14">
      <c r="N138904" s="10"/>
    </row>
    <row r="138905" spans="14:14">
      <c r="N138905" s="10"/>
    </row>
    <row r="138906" spans="14:14">
      <c r="N138906" s="10"/>
    </row>
    <row r="138907" spans="14:14">
      <c r="N138907" s="10"/>
    </row>
    <row r="138908" spans="14:14">
      <c r="N138908" s="10"/>
    </row>
    <row r="138909" spans="14:14">
      <c r="N138909" s="10"/>
    </row>
    <row r="138910" spans="14:14">
      <c r="N138910" s="10"/>
    </row>
    <row r="138911" spans="14:14">
      <c r="N138911" s="10"/>
    </row>
    <row r="138912" spans="14:14">
      <c r="N138912" s="10"/>
    </row>
    <row r="138913" spans="14:14">
      <c r="N138913" s="10"/>
    </row>
    <row r="138914" spans="14:14">
      <c r="N138914" s="10"/>
    </row>
    <row r="138915" spans="14:14">
      <c r="N138915" s="10"/>
    </row>
    <row r="138916" spans="14:14">
      <c r="N138916" s="10"/>
    </row>
    <row r="138917" spans="14:14">
      <c r="N138917" s="10"/>
    </row>
    <row r="138918" spans="14:14">
      <c r="N138918" s="10"/>
    </row>
    <row r="138919" spans="14:14">
      <c r="N138919" s="10"/>
    </row>
    <row r="138920" spans="14:14">
      <c r="N138920" s="10"/>
    </row>
    <row r="138921" spans="14:14">
      <c r="N138921" s="10"/>
    </row>
    <row r="138922" spans="14:14">
      <c r="N138922" s="10"/>
    </row>
    <row r="138923" spans="14:14">
      <c r="N138923" s="10"/>
    </row>
    <row r="138924" spans="14:14">
      <c r="N138924" s="10"/>
    </row>
    <row r="138925" spans="14:14">
      <c r="N138925" s="10"/>
    </row>
    <row r="138926" spans="14:14">
      <c r="N138926" s="10"/>
    </row>
    <row r="138927" spans="14:14">
      <c r="N138927" s="10"/>
    </row>
    <row r="138928" spans="14:14">
      <c r="N138928" s="10"/>
    </row>
    <row r="138929" spans="14:14">
      <c r="N138929" s="10"/>
    </row>
    <row r="138930" spans="14:14">
      <c r="N138930" s="10"/>
    </row>
    <row r="138931" spans="14:14">
      <c r="N138931" s="10"/>
    </row>
    <row r="138932" spans="14:14">
      <c r="N138932" s="10"/>
    </row>
    <row r="138933" spans="14:14">
      <c r="N138933" s="10"/>
    </row>
    <row r="138934" spans="14:14">
      <c r="N138934" s="10"/>
    </row>
    <row r="138935" spans="14:14">
      <c r="N138935" s="10"/>
    </row>
    <row r="138936" spans="14:14">
      <c r="N138936" s="10"/>
    </row>
    <row r="138937" spans="14:14">
      <c r="N138937" s="10"/>
    </row>
    <row r="138938" spans="14:14">
      <c r="N138938" s="10"/>
    </row>
    <row r="138939" spans="14:14">
      <c r="N138939" s="10"/>
    </row>
    <row r="138940" spans="14:14">
      <c r="N138940" s="10"/>
    </row>
    <row r="138941" spans="14:14">
      <c r="N138941" s="10"/>
    </row>
    <row r="138942" spans="14:14">
      <c r="N138942" s="10"/>
    </row>
    <row r="138943" spans="14:14">
      <c r="N138943" s="10"/>
    </row>
    <row r="138944" spans="14:14">
      <c r="N138944" s="10"/>
    </row>
    <row r="138945" spans="14:14">
      <c r="N138945" s="10"/>
    </row>
    <row r="138946" spans="14:14">
      <c r="N138946" s="10"/>
    </row>
    <row r="138947" spans="14:14">
      <c r="N138947" s="10"/>
    </row>
    <row r="138948" spans="14:14">
      <c r="N138948" s="10"/>
    </row>
    <row r="138949" spans="14:14">
      <c r="N138949" s="10"/>
    </row>
    <row r="138950" spans="14:14">
      <c r="N138950" s="10"/>
    </row>
    <row r="138951" spans="14:14">
      <c r="N138951" s="10"/>
    </row>
    <row r="138952" spans="14:14">
      <c r="N138952" s="10"/>
    </row>
    <row r="138953" spans="14:14">
      <c r="N138953" s="10"/>
    </row>
    <row r="138954" spans="14:14">
      <c r="N138954" s="10"/>
    </row>
    <row r="138955" spans="14:14">
      <c r="N138955" s="10"/>
    </row>
    <row r="138956" spans="14:14">
      <c r="N138956" s="10"/>
    </row>
    <row r="138957" spans="14:14">
      <c r="N138957" s="10"/>
    </row>
    <row r="138958" spans="14:14">
      <c r="N138958" s="10"/>
    </row>
    <row r="138959" spans="14:14">
      <c r="N138959" s="10"/>
    </row>
    <row r="138960" spans="14:14">
      <c r="N138960" s="10"/>
    </row>
    <row r="138961" spans="14:14">
      <c r="N138961" s="10"/>
    </row>
    <row r="138962" spans="14:14">
      <c r="N138962" s="10"/>
    </row>
    <row r="138963" spans="14:14">
      <c r="N138963" s="10"/>
    </row>
    <row r="138964" spans="14:14">
      <c r="N138964" s="10"/>
    </row>
    <row r="138965" spans="14:14">
      <c r="N138965" s="10"/>
    </row>
    <row r="138966" spans="14:14">
      <c r="N138966" s="10"/>
    </row>
    <row r="138967" spans="14:14">
      <c r="N138967" s="10"/>
    </row>
    <row r="138968" spans="14:14">
      <c r="N138968" s="10"/>
    </row>
    <row r="138969" spans="14:14">
      <c r="N138969" s="10"/>
    </row>
    <row r="138970" spans="14:14">
      <c r="N138970" s="10"/>
    </row>
    <row r="138971" spans="14:14">
      <c r="N138971" s="10"/>
    </row>
    <row r="138972" spans="14:14">
      <c r="N138972" s="10"/>
    </row>
    <row r="138973" spans="14:14">
      <c r="N138973" s="10"/>
    </row>
    <row r="138974" spans="14:14">
      <c r="N138974" s="10"/>
    </row>
    <row r="138975" spans="14:14">
      <c r="N138975" s="10"/>
    </row>
    <row r="138976" spans="14:14">
      <c r="N138976" s="10"/>
    </row>
    <row r="138977" spans="14:14">
      <c r="N138977" s="10"/>
    </row>
    <row r="138978" spans="14:14">
      <c r="N138978" s="10"/>
    </row>
    <row r="138979" spans="14:14">
      <c r="N138979" s="10"/>
    </row>
    <row r="138980" spans="14:14">
      <c r="N138980" s="10"/>
    </row>
    <row r="138981" spans="14:14">
      <c r="N138981" s="10"/>
    </row>
    <row r="138982" spans="14:14">
      <c r="N138982" s="10"/>
    </row>
    <row r="138983" spans="14:14">
      <c r="N138983" s="10"/>
    </row>
    <row r="138984" spans="14:14">
      <c r="N138984" s="10"/>
    </row>
    <row r="138985" spans="14:14">
      <c r="N138985" s="10"/>
    </row>
    <row r="138986" spans="14:14">
      <c r="N138986" s="10"/>
    </row>
    <row r="138987" spans="14:14">
      <c r="N138987" s="10"/>
    </row>
    <row r="138988" spans="14:14">
      <c r="N138988" s="10"/>
    </row>
    <row r="138989" spans="14:14">
      <c r="N138989" s="10"/>
    </row>
    <row r="138990" spans="14:14">
      <c r="N138990" s="10"/>
    </row>
    <row r="138991" spans="14:14">
      <c r="N138991" s="10"/>
    </row>
    <row r="138992" spans="14:14">
      <c r="N138992" s="10"/>
    </row>
    <row r="138993" spans="14:14">
      <c r="N138993" s="10"/>
    </row>
    <row r="138994" spans="14:14">
      <c r="N138994" s="10"/>
    </row>
    <row r="138995" spans="14:14">
      <c r="N138995" s="10"/>
    </row>
    <row r="138996" spans="14:14">
      <c r="N138996" s="10"/>
    </row>
    <row r="138997" spans="14:14">
      <c r="N138997" s="10"/>
    </row>
    <row r="138998" spans="14:14">
      <c r="N138998" s="10"/>
    </row>
    <row r="138999" spans="14:14">
      <c r="N138999" s="10"/>
    </row>
    <row r="139000" spans="14:14">
      <c r="N139000" s="10"/>
    </row>
    <row r="139001" spans="14:14">
      <c r="N139001" s="10"/>
    </row>
    <row r="139002" spans="14:14">
      <c r="N139002" s="10"/>
    </row>
    <row r="139003" spans="14:14">
      <c r="N139003" s="10"/>
    </row>
    <row r="139004" spans="14:14">
      <c r="N139004" s="10"/>
    </row>
    <row r="139005" spans="14:14">
      <c r="N139005" s="10"/>
    </row>
    <row r="139006" spans="14:14">
      <c r="N139006" s="10"/>
    </row>
    <row r="139007" spans="14:14">
      <c r="N139007" s="10"/>
    </row>
    <row r="139008" spans="14:14">
      <c r="N139008" s="10"/>
    </row>
    <row r="139009" spans="14:14">
      <c r="N139009" s="10"/>
    </row>
    <row r="139010" spans="14:14">
      <c r="N139010" s="10"/>
    </row>
    <row r="139011" spans="14:14">
      <c r="N139011" s="10"/>
    </row>
    <row r="139012" spans="14:14">
      <c r="N139012" s="10"/>
    </row>
    <row r="139013" spans="14:14">
      <c r="N139013" s="10"/>
    </row>
    <row r="139014" spans="14:14">
      <c r="N139014" s="10"/>
    </row>
    <row r="139015" spans="14:14">
      <c r="N139015" s="10"/>
    </row>
    <row r="139016" spans="14:14">
      <c r="N139016" s="10"/>
    </row>
    <row r="139017" spans="14:14">
      <c r="N139017" s="10"/>
    </row>
    <row r="139018" spans="14:14">
      <c r="N139018" s="10"/>
    </row>
    <row r="139019" spans="14:14">
      <c r="N139019" s="10"/>
    </row>
    <row r="139020" spans="14:14">
      <c r="N139020" s="10"/>
    </row>
    <row r="139021" spans="14:14">
      <c r="N139021" s="10"/>
    </row>
    <row r="139022" spans="14:14">
      <c r="N139022" s="10"/>
    </row>
    <row r="139023" spans="14:14">
      <c r="N139023" s="10"/>
    </row>
    <row r="139024" spans="14:14">
      <c r="N139024" s="10"/>
    </row>
    <row r="139025" spans="14:14">
      <c r="N139025" s="10"/>
    </row>
    <row r="139026" spans="14:14">
      <c r="N139026" s="10"/>
    </row>
    <row r="139027" spans="14:14">
      <c r="N139027" s="10"/>
    </row>
    <row r="139028" spans="14:14">
      <c r="N139028" s="10"/>
    </row>
    <row r="139029" spans="14:14">
      <c r="N139029" s="10"/>
    </row>
    <row r="139030" spans="14:14">
      <c r="N139030" s="10"/>
    </row>
    <row r="139031" spans="14:14">
      <c r="N139031" s="10"/>
    </row>
    <row r="139032" spans="14:14">
      <c r="N139032" s="10"/>
    </row>
    <row r="139033" spans="14:14">
      <c r="N139033" s="10"/>
    </row>
    <row r="139034" spans="14:14">
      <c r="N139034" s="10"/>
    </row>
    <row r="139035" spans="14:14">
      <c r="N139035" s="10"/>
    </row>
    <row r="139036" spans="14:14">
      <c r="N139036" s="10"/>
    </row>
    <row r="139037" spans="14:14">
      <c r="N139037" s="10"/>
    </row>
    <row r="139038" spans="14:14">
      <c r="N139038" s="10"/>
    </row>
    <row r="139039" spans="14:14">
      <c r="N139039" s="10"/>
    </row>
    <row r="139040" spans="14:14">
      <c r="N139040" s="10"/>
    </row>
    <row r="139041" spans="14:14">
      <c r="N139041" s="10"/>
    </row>
    <row r="139042" spans="14:14">
      <c r="N139042" s="10"/>
    </row>
    <row r="139043" spans="14:14">
      <c r="N139043" s="10"/>
    </row>
    <row r="139044" spans="14:14">
      <c r="N139044" s="10"/>
    </row>
    <row r="139045" spans="14:14">
      <c r="N139045" s="10"/>
    </row>
    <row r="139046" spans="14:14">
      <c r="N139046" s="10"/>
    </row>
    <row r="139047" spans="14:14">
      <c r="N139047" s="10"/>
    </row>
    <row r="139048" spans="14:14">
      <c r="N139048" s="10"/>
    </row>
    <row r="139049" spans="14:14">
      <c r="N139049" s="10"/>
    </row>
    <row r="139050" spans="14:14">
      <c r="N139050" s="10"/>
    </row>
    <row r="139051" spans="14:14">
      <c r="N139051" s="10"/>
    </row>
    <row r="139052" spans="14:14">
      <c r="N139052" s="10"/>
    </row>
    <row r="139053" spans="14:14">
      <c r="N139053" s="10"/>
    </row>
    <row r="139054" spans="14:14">
      <c r="N139054" s="10"/>
    </row>
    <row r="139055" spans="14:14">
      <c r="N139055" s="10"/>
    </row>
    <row r="139056" spans="14:14">
      <c r="N139056" s="10"/>
    </row>
    <row r="139057" spans="14:14">
      <c r="N139057" s="10"/>
    </row>
    <row r="139058" spans="14:14">
      <c r="N139058" s="10"/>
    </row>
    <row r="139059" spans="14:14">
      <c r="N139059" s="10"/>
    </row>
    <row r="139060" spans="14:14">
      <c r="N139060" s="10"/>
    </row>
    <row r="139061" spans="14:14">
      <c r="N139061" s="10"/>
    </row>
    <row r="139062" spans="14:14">
      <c r="N139062" s="10"/>
    </row>
    <row r="139063" spans="14:14">
      <c r="N139063" s="10"/>
    </row>
    <row r="139064" spans="14:14">
      <c r="N139064" s="10"/>
    </row>
    <row r="139065" spans="14:14">
      <c r="N139065" s="10"/>
    </row>
    <row r="139066" spans="14:14">
      <c r="N139066" s="10"/>
    </row>
    <row r="139067" spans="14:14">
      <c r="N139067" s="10"/>
    </row>
    <row r="139068" spans="14:14">
      <c r="N139068" s="10"/>
    </row>
    <row r="139069" spans="14:14">
      <c r="N139069" s="10"/>
    </row>
    <row r="139070" spans="14:14">
      <c r="N139070" s="10"/>
    </row>
    <row r="139071" spans="14:14">
      <c r="N139071" s="10"/>
    </row>
    <row r="139072" spans="14:14">
      <c r="N139072" s="10"/>
    </row>
    <row r="139073" spans="14:14">
      <c r="N139073" s="10"/>
    </row>
    <row r="139074" spans="14:14">
      <c r="N139074" s="10"/>
    </row>
    <row r="139075" spans="14:14">
      <c r="N139075" s="10"/>
    </row>
    <row r="139076" spans="14:14">
      <c r="N139076" s="10"/>
    </row>
    <row r="139077" spans="14:14">
      <c r="N139077" s="10"/>
    </row>
    <row r="139078" spans="14:14">
      <c r="N139078" s="10"/>
    </row>
    <row r="139079" spans="14:14">
      <c r="N139079" s="10"/>
    </row>
    <row r="139080" spans="14:14">
      <c r="N139080" s="10"/>
    </row>
    <row r="139081" spans="14:14">
      <c r="N139081" s="10"/>
    </row>
    <row r="139082" spans="14:14">
      <c r="N139082" s="10"/>
    </row>
    <row r="139083" spans="14:14">
      <c r="N139083" s="10"/>
    </row>
    <row r="139084" spans="14:14">
      <c r="N139084" s="10"/>
    </row>
    <row r="139085" spans="14:14">
      <c r="N139085" s="10"/>
    </row>
    <row r="139086" spans="14:14">
      <c r="N139086" s="10"/>
    </row>
    <row r="139087" spans="14:14">
      <c r="N139087" s="10"/>
    </row>
    <row r="139088" spans="14:14">
      <c r="N139088" s="10"/>
    </row>
    <row r="139089" spans="14:14">
      <c r="N139089" s="10"/>
    </row>
    <row r="139090" spans="14:14">
      <c r="N139090" s="10"/>
    </row>
    <row r="139091" spans="14:14">
      <c r="N139091" s="10"/>
    </row>
    <row r="139092" spans="14:14">
      <c r="N139092" s="10"/>
    </row>
    <row r="139093" spans="14:14">
      <c r="N139093" s="10"/>
    </row>
    <row r="139094" spans="14:14">
      <c r="N139094" s="10"/>
    </row>
    <row r="139095" spans="14:14">
      <c r="N139095" s="10"/>
    </row>
    <row r="139096" spans="14:14">
      <c r="N139096" s="10"/>
    </row>
    <row r="139097" spans="14:14">
      <c r="N139097" s="10"/>
    </row>
    <row r="139098" spans="14:14">
      <c r="N139098" s="10"/>
    </row>
    <row r="139099" spans="14:14">
      <c r="N139099" s="10"/>
    </row>
    <row r="139100" spans="14:14">
      <c r="N139100" s="10"/>
    </row>
    <row r="139101" spans="14:14">
      <c r="N139101" s="10"/>
    </row>
    <row r="139102" spans="14:14">
      <c r="N139102" s="10"/>
    </row>
    <row r="139103" spans="14:14">
      <c r="N139103" s="10"/>
    </row>
    <row r="139104" spans="14:14">
      <c r="N139104" s="10"/>
    </row>
    <row r="139105" spans="14:14">
      <c r="N139105" s="10"/>
    </row>
    <row r="139106" spans="14:14">
      <c r="N139106" s="10"/>
    </row>
    <row r="139107" spans="14:14">
      <c r="N139107" s="10"/>
    </row>
    <row r="139108" spans="14:14">
      <c r="N139108" s="10"/>
    </row>
    <row r="139109" spans="14:14">
      <c r="N139109" s="10"/>
    </row>
    <row r="139110" spans="14:14">
      <c r="N139110" s="10"/>
    </row>
    <row r="139111" spans="14:14">
      <c r="N139111" s="10"/>
    </row>
    <row r="139112" spans="14:14">
      <c r="N139112" s="10"/>
    </row>
    <row r="139113" spans="14:14">
      <c r="N139113" s="10"/>
    </row>
    <row r="139114" spans="14:14">
      <c r="N139114" s="10"/>
    </row>
    <row r="139115" spans="14:14">
      <c r="N139115" s="10"/>
    </row>
    <row r="139116" spans="14:14">
      <c r="N139116" s="10"/>
    </row>
    <row r="139117" spans="14:14">
      <c r="N139117" s="10"/>
    </row>
    <row r="139118" spans="14:14">
      <c r="N139118" s="10"/>
    </row>
    <row r="139119" spans="14:14">
      <c r="N139119" s="10"/>
    </row>
    <row r="139120" spans="14:14">
      <c r="N139120" s="10"/>
    </row>
    <row r="139121" spans="14:14">
      <c r="N139121" s="10"/>
    </row>
    <row r="139122" spans="14:14">
      <c r="N139122" s="10"/>
    </row>
    <row r="139123" spans="14:14">
      <c r="N139123" s="10"/>
    </row>
    <row r="139124" spans="14:14">
      <c r="N139124" s="10"/>
    </row>
    <row r="139125" spans="14:14">
      <c r="N139125" s="10"/>
    </row>
    <row r="139126" spans="14:14">
      <c r="N139126" s="10"/>
    </row>
    <row r="139127" spans="14:14">
      <c r="N139127" s="10"/>
    </row>
    <row r="139128" spans="14:14">
      <c r="N139128" s="10"/>
    </row>
    <row r="139129" spans="14:14">
      <c r="N139129" s="10"/>
    </row>
    <row r="139130" spans="14:14">
      <c r="N139130" s="10"/>
    </row>
    <row r="139131" spans="14:14">
      <c r="N139131" s="10"/>
    </row>
    <row r="139132" spans="14:14">
      <c r="N139132" s="10"/>
    </row>
    <row r="139133" spans="14:14">
      <c r="N139133" s="10"/>
    </row>
    <row r="139134" spans="14:14">
      <c r="N139134" s="10"/>
    </row>
    <row r="139135" spans="14:14">
      <c r="N139135" s="10"/>
    </row>
    <row r="139136" spans="14:14">
      <c r="N139136" s="10"/>
    </row>
    <row r="139137" spans="14:14">
      <c r="N139137" s="10"/>
    </row>
    <row r="139138" spans="14:14">
      <c r="N139138" s="10"/>
    </row>
    <row r="139139" spans="14:14">
      <c r="N139139" s="10"/>
    </row>
    <row r="139140" spans="14:14">
      <c r="N139140" s="10"/>
    </row>
    <row r="139141" spans="14:14">
      <c r="N139141" s="10"/>
    </row>
    <row r="139142" spans="14:14">
      <c r="N139142" s="10"/>
    </row>
    <row r="139143" spans="14:14">
      <c r="N139143" s="10"/>
    </row>
    <row r="139144" spans="14:14">
      <c r="N139144" s="10"/>
    </row>
    <row r="139145" spans="14:14">
      <c r="N139145" s="10"/>
    </row>
    <row r="139146" spans="14:14">
      <c r="N139146" s="10"/>
    </row>
    <row r="139147" spans="14:14">
      <c r="N139147" s="10"/>
    </row>
    <row r="139148" spans="14:14">
      <c r="N139148" s="10"/>
    </row>
    <row r="139149" spans="14:14">
      <c r="N139149" s="10"/>
    </row>
    <row r="139150" spans="14:14">
      <c r="N139150" s="10"/>
    </row>
    <row r="139151" spans="14:14">
      <c r="N139151" s="10"/>
    </row>
    <row r="139152" spans="14:14">
      <c r="N139152" s="10"/>
    </row>
    <row r="139153" spans="14:14">
      <c r="N139153" s="10"/>
    </row>
    <row r="139154" spans="14:14">
      <c r="N139154" s="10"/>
    </row>
    <row r="139155" spans="14:14">
      <c r="N139155" s="10"/>
    </row>
    <row r="139156" spans="14:14">
      <c r="N139156" s="10"/>
    </row>
    <row r="139157" spans="14:14">
      <c r="N139157" s="10"/>
    </row>
    <row r="139158" spans="14:14">
      <c r="N139158" s="10"/>
    </row>
    <row r="139159" spans="14:14">
      <c r="N139159" s="10"/>
    </row>
    <row r="139160" spans="14:14">
      <c r="N139160" s="10"/>
    </row>
    <row r="139161" spans="14:14">
      <c r="N139161" s="10"/>
    </row>
    <row r="139162" spans="14:14">
      <c r="N139162" s="10"/>
    </row>
    <row r="139163" spans="14:14">
      <c r="N139163" s="10"/>
    </row>
    <row r="139164" spans="14:14">
      <c r="N139164" s="10"/>
    </row>
    <row r="139165" spans="14:14">
      <c r="N139165" s="10"/>
    </row>
    <row r="139166" spans="14:14">
      <c r="N139166" s="10"/>
    </row>
    <row r="139167" spans="14:14">
      <c r="N139167" s="10"/>
    </row>
    <row r="139168" spans="14:14">
      <c r="N139168" s="10"/>
    </row>
    <row r="139169" spans="14:14">
      <c r="N139169" s="10"/>
    </row>
    <row r="139170" spans="14:14">
      <c r="N139170" s="10"/>
    </row>
    <row r="139171" spans="14:14">
      <c r="N139171" s="10"/>
    </row>
    <row r="139172" spans="14:14">
      <c r="N139172" s="10"/>
    </row>
    <row r="139173" spans="14:14">
      <c r="N139173" s="10"/>
    </row>
    <row r="139174" spans="14:14">
      <c r="N139174" s="10"/>
    </row>
    <row r="139175" spans="14:14">
      <c r="N139175" s="10"/>
    </row>
    <row r="139176" spans="14:14">
      <c r="N139176" s="10"/>
    </row>
    <row r="139177" spans="14:14">
      <c r="N139177" s="10"/>
    </row>
    <row r="139178" spans="14:14">
      <c r="N139178" s="10"/>
    </row>
    <row r="139179" spans="14:14">
      <c r="N139179" s="10"/>
    </row>
    <row r="139180" spans="14:14">
      <c r="N139180" s="10"/>
    </row>
    <row r="139181" spans="14:14">
      <c r="N139181" s="10"/>
    </row>
    <row r="139182" spans="14:14">
      <c r="N139182" s="10"/>
    </row>
    <row r="139183" spans="14:14">
      <c r="N139183" s="10"/>
    </row>
    <row r="139184" spans="14:14">
      <c r="N139184" s="10"/>
    </row>
    <row r="139185" spans="14:14">
      <c r="N139185" s="10"/>
    </row>
    <row r="139186" spans="14:14">
      <c r="N139186" s="10"/>
    </row>
    <row r="139187" spans="14:14">
      <c r="N139187" s="10"/>
    </row>
    <row r="139188" spans="14:14">
      <c r="N139188" s="10"/>
    </row>
    <row r="139189" spans="14:14">
      <c r="N139189" s="10"/>
    </row>
    <row r="139190" spans="14:14">
      <c r="N139190" s="10"/>
    </row>
    <row r="139191" spans="14:14">
      <c r="N139191" s="10"/>
    </row>
    <row r="139192" spans="14:14">
      <c r="N139192" s="10"/>
    </row>
    <row r="139193" spans="14:14">
      <c r="N139193" s="10"/>
    </row>
    <row r="139194" spans="14:14">
      <c r="N139194" s="10"/>
    </row>
    <row r="139195" spans="14:14">
      <c r="N139195" s="10"/>
    </row>
    <row r="139196" spans="14:14">
      <c r="N139196" s="10"/>
    </row>
    <row r="139197" spans="14:14">
      <c r="N139197" s="10"/>
    </row>
    <row r="139198" spans="14:14">
      <c r="N139198" s="10"/>
    </row>
    <row r="139199" spans="14:14">
      <c r="N139199" s="10"/>
    </row>
    <row r="139200" spans="14:14">
      <c r="N139200" s="10"/>
    </row>
    <row r="139201" spans="14:14">
      <c r="N139201" s="10"/>
    </row>
    <row r="139202" spans="14:14">
      <c r="N139202" s="10"/>
    </row>
    <row r="139203" spans="14:14">
      <c r="N139203" s="10"/>
    </row>
    <row r="139204" spans="14:14">
      <c r="N139204" s="10"/>
    </row>
    <row r="139205" spans="14:14">
      <c r="N139205" s="10"/>
    </row>
    <row r="139206" spans="14:14">
      <c r="N139206" s="10"/>
    </row>
    <row r="139207" spans="14:14">
      <c r="N139207" s="10"/>
    </row>
    <row r="139208" spans="14:14">
      <c r="N139208" s="10"/>
    </row>
    <row r="139209" spans="14:14">
      <c r="N139209" s="10"/>
    </row>
    <row r="139210" spans="14:14">
      <c r="N139210" s="10"/>
    </row>
    <row r="139211" spans="14:14">
      <c r="N139211" s="10"/>
    </row>
    <row r="139212" spans="14:14">
      <c r="N139212" s="10"/>
    </row>
    <row r="139213" spans="14:14">
      <c r="N139213" s="10"/>
    </row>
    <row r="139214" spans="14:14">
      <c r="N139214" s="10"/>
    </row>
    <row r="139215" spans="14:14">
      <c r="N139215" s="10"/>
    </row>
    <row r="139216" spans="14:14">
      <c r="N139216" s="10"/>
    </row>
    <row r="139217" spans="14:14">
      <c r="N139217" s="10"/>
    </row>
    <row r="139218" spans="14:14">
      <c r="N139218" s="10"/>
    </row>
    <row r="139219" spans="14:14">
      <c r="N139219" s="10"/>
    </row>
    <row r="139220" spans="14:14">
      <c r="N139220" s="10"/>
    </row>
    <row r="139221" spans="14:14">
      <c r="N139221" s="10"/>
    </row>
    <row r="139222" spans="14:14">
      <c r="N139222" s="10"/>
    </row>
    <row r="139223" spans="14:14">
      <c r="N139223" s="10"/>
    </row>
    <row r="139224" spans="14:14">
      <c r="N139224" s="10"/>
    </row>
    <row r="139225" spans="14:14">
      <c r="N139225" s="10"/>
    </row>
    <row r="139226" spans="14:14">
      <c r="N139226" s="10"/>
    </row>
    <row r="139227" spans="14:14">
      <c r="N139227" s="10"/>
    </row>
    <row r="139228" spans="14:14">
      <c r="N139228" s="10"/>
    </row>
    <row r="139229" spans="14:14">
      <c r="N139229" s="10"/>
    </row>
    <row r="139230" spans="14:14">
      <c r="N139230" s="10"/>
    </row>
    <row r="139231" spans="14:14">
      <c r="N139231" s="10"/>
    </row>
    <row r="139232" spans="14:14">
      <c r="N139232" s="10"/>
    </row>
    <row r="139233" spans="14:14">
      <c r="N139233" s="10"/>
    </row>
    <row r="139234" spans="14:14">
      <c r="N139234" s="10"/>
    </row>
    <row r="139235" spans="14:14">
      <c r="N139235" s="10"/>
    </row>
    <row r="139236" spans="14:14">
      <c r="N139236" s="10"/>
    </row>
    <row r="139237" spans="14:14">
      <c r="N139237" s="10"/>
    </row>
    <row r="139238" spans="14:14">
      <c r="N139238" s="10"/>
    </row>
    <row r="139239" spans="14:14">
      <c r="N139239" s="10"/>
    </row>
    <row r="139240" spans="14:14">
      <c r="N139240" s="10"/>
    </row>
    <row r="139241" spans="14:14">
      <c r="N139241" s="10"/>
    </row>
    <row r="139242" spans="14:14">
      <c r="N139242" s="10"/>
    </row>
    <row r="139243" spans="14:14">
      <c r="N139243" s="10"/>
    </row>
    <row r="139244" spans="14:14">
      <c r="N139244" s="10"/>
    </row>
    <row r="139245" spans="14:14">
      <c r="N139245" s="10"/>
    </row>
    <row r="139246" spans="14:14">
      <c r="N139246" s="10"/>
    </row>
    <row r="139247" spans="14:14">
      <c r="N139247" s="10"/>
    </row>
    <row r="139248" spans="14:14">
      <c r="N139248" s="10"/>
    </row>
    <row r="139249" spans="14:14">
      <c r="N139249" s="10"/>
    </row>
    <row r="139250" spans="14:14">
      <c r="N139250" s="10"/>
    </row>
    <row r="139251" spans="14:14">
      <c r="N139251" s="10"/>
    </row>
    <row r="139252" spans="14:14">
      <c r="N139252" s="10"/>
    </row>
    <row r="139253" spans="14:14">
      <c r="N139253" s="10"/>
    </row>
    <row r="139254" spans="14:14">
      <c r="N139254" s="10"/>
    </row>
    <row r="139255" spans="14:14">
      <c r="N139255" s="10"/>
    </row>
    <row r="139256" spans="14:14">
      <c r="N139256" s="10"/>
    </row>
    <row r="139257" spans="14:14">
      <c r="N139257" s="10"/>
    </row>
    <row r="139258" spans="14:14">
      <c r="N139258" s="10"/>
    </row>
    <row r="139259" spans="14:14">
      <c r="N139259" s="10"/>
    </row>
    <row r="139260" spans="14:14">
      <c r="N139260" s="10"/>
    </row>
    <row r="139261" spans="14:14">
      <c r="N139261" s="10"/>
    </row>
    <row r="139262" spans="14:14">
      <c r="N139262" s="10"/>
    </row>
    <row r="139263" spans="14:14">
      <c r="N139263" s="10"/>
    </row>
    <row r="139264" spans="14:14">
      <c r="N139264" s="10"/>
    </row>
    <row r="139265" spans="14:14">
      <c r="N139265" s="10"/>
    </row>
    <row r="139266" spans="14:14">
      <c r="N139266" s="10"/>
    </row>
    <row r="139267" spans="14:14">
      <c r="N139267" s="10"/>
    </row>
    <row r="139268" spans="14:14">
      <c r="N139268" s="10"/>
    </row>
    <row r="139269" spans="14:14">
      <c r="N139269" s="10"/>
    </row>
    <row r="139270" spans="14:14">
      <c r="N139270" s="10"/>
    </row>
    <row r="139271" spans="14:14">
      <c r="N139271" s="10"/>
    </row>
    <row r="139272" spans="14:14">
      <c r="N139272" s="10"/>
    </row>
    <row r="139273" spans="14:14">
      <c r="N139273" s="10"/>
    </row>
    <row r="139274" spans="14:14">
      <c r="N139274" s="10"/>
    </row>
    <row r="139275" spans="14:14">
      <c r="N139275" s="10"/>
    </row>
    <row r="139276" spans="14:14">
      <c r="N139276" s="10"/>
    </row>
    <row r="139277" spans="14:14">
      <c r="N139277" s="10"/>
    </row>
    <row r="139278" spans="14:14">
      <c r="N139278" s="10"/>
    </row>
    <row r="139279" spans="14:14">
      <c r="N139279" s="10"/>
    </row>
    <row r="139280" spans="14:14">
      <c r="N139280" s="10"/>
    </row>
    <row r="139281" spans="14:14">
      <c r="N139281" s="10"/>
    </row>
    <row r="139282" spans="14:14">
      <c r="N139282" s="10"/>
    </row>
    <row r="139283" spans="14:14">
      <c r="N139283" s="10"/>
    </row>
    <row r="139284" spans="14:14">
      <c r="N139284" s="10"/>
    </row>
    <row r="139285" spans="14:14">
      <c r="N139285" s="10"/>
    </row>
    <row r="139286" spans="14:14">
      <c r="N139286" s="10"/>
    </row>
    <row r="139287" spans="14:14">
      <c r="N139287" s="10"/>
    </row>
    <row r="139288" spans="14:14">
      <c r="N139288" s="10"/>
    </row>
    <row r="139289" spans="14:14">
      <c r="N139289" s="10"/>
    </row>
    <row r="139290" spans="14:14">
      <c r="N139290" s="10"/>
    </row>
    <row r="139291" spans="14:14">
      <c r="N139291" s="10"/>
    </row>
    <row r="139292" spans="14:14">
      <c r="N139292" s="10"/>
    </row>
    <row r="139293" spans="14:14">
      <c r="N139293" s="10"/>
    </row>
    <row r="139294" spans="14:14">
      <c r="N139294" s="10"/>
    </row>
    <row r="139295" spans="14:14">
      <c r="N139295" s="10"/>
    </row>
    <row r="139296" spans="14:14">
      <c r="N139296" s="10"/>
    </row>
    <row r="139297" spans="14:14">
      <c r="N139297" s="10"/>
    </row>
    <row r="139298" spans="14:14">
      <c r="N139298" s="10"/>
    </row>
    <row r="139299" spans="14:14">
      <c r="N139299" s="10"/>
    </row>
    <row r="139300" spans="14:14">
      <c r="N139300" s="10"/>
    </row>
    <row r="139301" spans="14:14">
      <c r="N139301" s="10"/>
    </row>
    <row r="139302" spans="14:14">
      <c r="N139302" s="10"/>
    </row>
    <row r="139303" spans="14:14">
      <c r="N139303" s="10"/>
    </row>
    <row r="139304" spans="14:14">
      <c r="N139304" s="10"/>
    </row>
    <row r="139305" spans="14:14">
      <c r="N139305" s="10"/>
    </row>
    <row r="139306" spans="14:14">
      <c r="N139306" s="10"/>
    </row>
    <row r="139307" spans="14:14">
      <c r="N139307" s="10"/>
    </row>
    <row r="139308" spans="14:14">
      <c r="N139308" s="10"/>
    </row>
    <row r="139309" spans="14:14">
      <c r="N139309" s="10"/>
    </row>
    <row r="139310" spans="14:14">
      <c r="N139310" s="10"/>
    </row>
    <row r="139311" spans="14:14">
      <c r="N139311" s="10"/>
    </row>
    <row r="139312" spans="14:14">
      <c r="N139312" s="10"/>
    </row>
    <row r="139313" spans="14:14">
      <c r="N139313" s="10"/>
    </row>
    <row r="139314" spans="14:14">
      <c r="N139314" s="10"/>
    </row>
    <row r="139315" spans="14:14">
      <c r="N139315" s="10"/>
    </row>
    <row r="139316" spans="14:14">
      <c r="N139316" s="10"/>
    </row>
    <row r="139317" spans="14:14">
      <c r="N139317" s="10"/>
    </row>
    <row r="139318" spans="14:14">
      <c r="N139318" s="10"/>
    </row>
    <row r="139319" spans="14:14">
      <c r="N139319" s="10"/>
    </row>
    <row r="139320" spans="14:14">
      <c r="N139320" s="10"/>
    </row>
    <row r="139321" spans="14:14">
      <c r="N139321" s="10"/>
    </row>
    <row r="139322" spans="14:14">
      <c r="N139322" s="10"/>
    </row>
    <row r="139323" spans="14:14">
      <c r="N139323" s="10"/>
    </row>
    <row r="139324" spans="14:14">
      <c r="N139324" s="10"/>
    </row>
    <row r="139325" spans="14:14">
      <c r="N139325" s="10"/>
    </row>
    <row r="139326" spans="14:14">
      <c r="N139326" s="10"/>
    </row>
    <row r="139327" spans="14:14">
      <c r="N139327" s="10"/>
    </row>
    <row r="139328" spans="14:14">
      <c r="N139328" s="10"/>
    </row>
    <row r="139329" spans="14:14">
      <c r="N139329" s="10"/>
    </row>
    <row r="139330" spans="14:14">
      <c r="N139330" s="10"/>
    </row>
    <row r="139331" spans="14:14">
      <c r="N139331" s="10"/>
    </row>
    <row r="139332" spans="14:14">
      <c r="N139332" s="10"/>
    </row>
    <row r="139333" spans="14:14">
      <c r="N139333" s="10"/>
    </row>
    <row r="139334" spans="14:14">
      <c r="N139334" s="10"/>
    </row>
    <row r="139335" spans="14:14">
      <c r="N139335" s="10"/>
    </row>
    <row r="139336" spans="14:14">
      <c r="N139336" s="10"/>
    </row>
    <row r="139337" spans="14:14">
      <c r="N139337" s="10"/>
    </row>
    <row r="139338" spans="14:14">
      <c r="N139338" s="10"/>
    </row>
    <row r="139339" spans="14:14">
      <c r="N139339" s="10"/>
    </row>
    <row r="139340" spans="14:14">
      <c r="N139340" s="10"/>
    </row>
    <row r="139341" spans="14:14">
      <c r="N139341" s="10"/>
    </row>
    <row r="139342" spans="14:14">
      <c r="N139342" s="10"/>
    </row>
    <row r="139343" spans="14:14">
      <c r="N139343" s="10"/>
    </row>
    <row r="139344" spans="14:14">
      <c r="N139344" s="10"/>
    </row>
    <row r="139345" spans="14:14">
      <c r="N139345" s="10"/>
    </row>
    <row r="139346" spans="14:14">
      <c r="N139346" s="10"/>
    </row>
    <row r="139347" spans="14:14">
      <c r="N139347" s="10"/>
    </row>
    <row r="139348" spans="14:14">
      <c r="N139348" s="10"/>
    </row>
    <row r="139349" spans="14:14">
      <c r="N139349" s="10"/>
    </row>
    <row r="139350" spans="14:14">
      <c r="N139350" s="10"/>
    </row>
    <row r="139351" spans="14:14">
      <c r="N139351" s="10"/>
    </row>
    <row r="139352" spans="14:14">
      <c r="N139352" s="10"/>
    </row>
    <row r="139353" spans="14:14">
      <c r="N139353" s="10"/>
    </row>
    <row r="139354" spans="14:14">
      <c r="N139354" s="10"/>
    </row>
    <row r="139355" spans="14:14">
      <c r="N139355" s="10"/>
    </row>
    <row r="139356" spans="14:14">
      <c r="N139356" s="10"/>
    </row>
    <row r="139357" spans="14:14">
      <c r="N139357" s="10"/>
    </row>
    <row r="139358" spans="14:14">
      <c r="N139358" s="10"/>
    </row>
    <row r="139359" spans="14:14">
      <c r="N139359" s="10"/>
    </row>
    <row r="139360" spans="14:14">
      <c r="N139360" s="10"/>
    </row>
    <row r="139361" spans="14:14">
      <c r="N139361" s="10"/>
    </row>
    <row r="139362" spans="14:14">
      <c r="N139362" s="10"/>
    </row>
    <row r="139363" spans="14:14">
      <c r="N139363" s="10"/>
    </row>
    <row r="139364" spans="14:14">
      <c r="N139364" s="10"/>
    </row>
    <row r="139365" spans="14:14">
      <c r="N139365" s="10"/>
    </row>
    <row r="139366" spans="14:14">
      <c r="N139366" s="10"/>
    </row>
    <row r="139367" spans="14:14">
      <c r="N139367" s="10"/>
    </row>
    <row r="139368" spans="14:14">
      <c r="N139368" s="10"/>
    </row>
    <row r="139369" spans="14:14">
      <c r="N139369" s="10"/>
    </row>
    <row r="139370" spans="14:14">
      <c r="N139370" s="10"/>
    </row>
    <row r="139371" spans="14:14">
      <c r="N139371" s="10"/>
    </row>
    <row r="139372" spans="14:14">
      <c r="N139372" s="10"/>
    </row>
    <row r="139373" spans="14:14">
      <c r="N139373" s="10"/>
    </row>
    <row r="139374" spans="14:14">
      <c r="N139374" s="10"/>
    </row>
    <row r="139375" spans="14:14">
      <c r="N139375" s="10"/>
    </row>
    <row r="139376" spans="14:14">
      <c r="N139376" s="10"/>
    </row>
    <row r="139377" spans="14:14">
      <c r="N139377" s="10"/>
    </row>
    <row r="139378" spans="14:14">
      <c r="N139378" s="10"/>
    </row>
    <row r="139379" spans="14:14">
      <c r="N139379" s="10"/>
    </row>
    <row r="139380" spans="14:14">
      <c r="N139380" s="10"/>
    </row>
    <row r="139381" spans="14:14">
      <c r="N139381" s="10"/>
    </row>
    <row r="139382" spans="14:14">
      <c r="N139382" s="10"/>
    </row>
    <row r="139383" spans="14:14">
      <c r="N139383" s="10"/>
    </row>
    <row r="139384" spans="14:14">
      <c r="N139384" s="10"/>
    </row>
    <row r="139385" spans="14:14">
      <c r="N139385" s="10"/>
    </row>
    <row r="139386" spans="14:14">
      <c r="N139386" s="10"/>
    </row>
    <row r="139387" spans="14:14">
      <c r="N139387" s="10"/>
    </row>
    <row r="139388" spans="14:14">
      <c r="N139388" s="10"/>
    </row>
    <row r="139389" spans="14:14">
      <c r="N139389" s="10"/>
    </row>
    <row r="139390" spans="14:14">
      <c r="N139390" s="10"/>
    </row>
    <row r="139391" spans="14:14">
      <c r="N139391" s="10"/>
    </row>
    <row r="139392" spans="14:14">
      <c r="N139392" s="10"/>
    </row>
    <row r="139393" spans="14:14">
      <c r="N139393" s="10"/>
    </row>
    <row r="139394" spans="14:14">
      <c r="N139394" s="10"/>
    </row>
    <row r="139395" spans="14:14">
      <c r="N139395" s="10"/>
    </row>
    <row r="139396" spans="14:14">
      <c r="N139396" s="10"/>
    </row>
    <row r="139397" spans="14:14">
      <c r="N139397" s="10"/>
    </row>
    <row r="139398" spans="14:14">
      <c r="N139398" s="10"/>
    </row>
    <row r="139399" spans="14:14">
      <c r="N139399" s="10"/>
    </row>
    <row r="139400" spans="14:14">
      <c r="N139400" s="10"/>
    </row>
    <row r="139401" spans="14:14">
      <c r="N139401" s="10"/>
    </row>
    <row r="139402" spans="14:14">
      <c r="N139402" s="10"/>
    </row>
    <row r="139403" spans="14:14">
      <c r="N139403" s="10"/>
    </row>
    <row r="139404" spans="14:14">
      <c r="N139404" s="10"/>
    </row>
    <row r="139405" spans="14:14">
      <c r="N139405" s="10"/>
    </row>
    <row r="139406" spans="14:14">
      <c r="N139406" s="10"/>
    </row>
    <row r="139407" spans="14:14">
      <c r="N139407" s="10"/>
    </row>
    <row r="139408" spans="14:14">
      <c r="N139408" s="10"/>
    </row>
    <row r="139409" spans="14:14">
      <c r="N139409" s="10"/>
    </row>
    <row r="139410" spans="14:14">
      <c r="N139410" s="10"/>
    </row>
    <row r="139411" spans="14:14">
      <c r="N139411" s="10"/>
    </row>
    <row r="139412" spans="14:14">
      <c r="N139412" s="10"/>
    </row>
    <row r="139413" spans="14:14">
      <c r="N139413" s="10"/>
    </row>
    <row r="139414" spans="14:14">
      <c r="N139414" s="10"/>
    </row>
    <row r="139415" spans="14:14">
      <c r="N139415" s="10"/>
    </row>
    <row r="139416" spans="14:14">
      <c r="N139416" s="10"/>
    </row>
    <row r="139417" spans="14:14">
      <c r="N139417" s="10"/>
    </row>
    <row r="139418" spans="14:14">
      <c r="N139418" s="10"/>
    </row>
    <row r="139419" spans="14:14">
      <c r="N139419" s="10"/>
    </row>
    <row r="139420" spans="14:14">
      <c r="N139420" s="10"/>
    </row>
    <row r="139421" spans="14:14">
      <c r="N139421" s="10"/>
    </row>
    <row r="139422" spans="14:14">
      <c r="N139422" s="10"/>
    </row>
    <row r="139423" spans="14:14">
      <c r="N139423" s="10"/>
    </row>
    <row r="139424" spans="14:14">
      <c r="N139424" s="10"/>
    </row>
    <row r="139425" spans="14:14">
      <c r="N139425" s="10"/>
    </row>
    <row r="139426" spans="14:14">
      <c r="N139426" s="10"/>
    </row>
    <row r="139427" spans="14:14">
      <c r="N139427" s="10"/>
    </row>
    <row r="139428" spans="14:14">
      <c r="N139428" s="10"/>
    </row>
    <row r="139429" spans="14:14">
      <c r="N139429" s="10"/>
    </row>
    <row r="139430" spans="14:14">
      <c r="N139430" s="10"/>
    </row>
    <row r="139431" spans="14:14">
      <c r="N139431" s="10"/>
    </row>
    <row r="139432" spans="14:14">
      <c r="N139432" s="10"/>
    </row>
    <row r="139433" spans="14:14">
      <c r="N139433" s="10"/>
    </row>
    <row r="139434" spans="14:14">
      <c r="N139434" s="10"/>
    </row>
    <row r="139435" spans="14:14">
      <c r="N139435" s="10"/>
    </row>
    <row r="139436" spans="14:14">
      <c r="N139436" s="10"/>
    </row>
    <row r="139437" spans="14:14">
      <c r="N139437" s="10"/>
    </row>
    <row r="139438" spans="14:14">
      <c r="N139438" s="10"/>
    </row>
    <row r="139439" spans="14:14">
      <c r="N139439" s="10"/>
    </row>
    <row r="139440" spans="14:14">
      <c r="N139440" s="10"/>
    </row>
    <row r="139441" spans="14:14">
      <c r="N139441" s="10"/>
    </row>
    <row r="139442" spans="14:14">
      <c r="N139442" s="10"/>
    </row>
    <row r="139443" spans="14:14">
      <c r="N139443" s="10"/>
    </row>
    <row r="139444" spans="14:14">
      <c r="N139444" s="10"/>
    </row>
    <row r="139445" spans="14:14">
      <c r="N139445" s="10"/>
    </row>
    <row r="139446" spans="14:14">
      <c r="N139446" s="10"/>
    </row>
    <row r="139447" spans="14:14">
      <c r="N139447" s="10"/>
    </row>
    <row r="139448" spans="14:14">
      <c r="N139448" s="10"/>
    </row>
    <row r="139449" spans="14:14">
      <c r="N139449" s="10"/>
    </row>
    <row r="139450" spans="14:14">
      <c r="N139450" s="10"/>
    </row>
    <row r="139451" spans="14:14">
      <c r="N139451" s="10"/>
    </row>
    <row r="139452" spans="14:14">
      <c r="N139452" s="10"/>
    </row>
    <row r="139453" spans="14:14">
      <c r="N139453" s="10"/>
    </row>
    <row r="139454" spans="14:14">
      <c r="N139454" s="10"/>
    </row>
    <row r="139455" spans="14:14">
      <c r="N139455" s="10"/>
    </row>
    <row r="139456" spans="14:14">
      <c r="N139456" s="10"/>
    </row>
    <row r="139457" spans="14:14">
      <c r="N139457" s="10"/>
    </row>
    <row r="139458" spans="14:14">
      <c r="N139458" s="10"/>
    </row>
    <row r="139459" spans="14:14">
      <c r="N139459" s="10"/>
    </row>
    <row r="139460" spans="14:14">
      <c r="N139460" s="10"/>
    </row>
    <row r="139461" spans="14:14">
      <c r="N139461" s="10"/>
    </row>
    <row r="139462" spans="14:14">
      <c r="N139462" s="10"/>
    </row>
    <row r="139463" spans="14:14">
      <c r="N139463" s="10"/>
    </row>
    <row r="139464" spans="14:14">
      <c r="N139464" s="10"/>
    </row>
    <row r="139465" spans="14:14">
      <c r="N139465" s="10"/>
    </row>
    <row r="139466" spans="14:14">
      <c r="N139466" s="10"/>
    </row>
    <row r="139467" spans="14:14">
      <c r="N139467" s="10"/>
    </row>
    <row r="139468" spans="14:14">
      <c r="N139468" s="10"/>
    </row>
    <row r="139469" spans="14:14">
      <c r="N139469" s="10"/>
    </row>
    <row r="139470" spans="14:14">
      <c r="N139470" s="10"/>
    </row>
    <row r="139471" spans="14:14">
      <c r="N139471" s="10"/>
    </row>
    <row r="139472" spans="14:14">
      <c r="N139472" s="10"/>
    </row>
    <row r="139473" spans="14:14">
      <c r="N139473" s="10"/>
    </row>
    <row r="139474" spans="14:14">
      <c r="N139474" s="10"/>
    </row>
    <row r="139475" spans="14:14">
      <c r="N139475" s="10"/>
    </row>
    <row r="139476" spans="14:14">
      <c r="N139476" s="10"/>
    </row>
    <row r="139477" spans="14:14">
      <c r="N139477" s="10"/>
    </row>
    <row r="139478" spans="14:14">
      <c r="N139478" s="10"/>
    </row>
    <row r="139479" spans="14:14">
      <c r="N139479" s="10"/>
    </row>
    <row r="139480" spans="14:14">
      <c r="N139480" s="10"/>
    </row>
    <row r="139481" spans="14:14">
      <c r="N139481" s="10"/>
    </row>
    <row r="139482" spans="14:14">
      <c r="N139482" s="10"/>
    </row>
    <row r="139483" spans="14:14">
      <c r="N139483" s="10"/>
    </row>
    <row r="139484" spans="14:14">
      <c r="N139484" s="10"/>
    </row>
    <row r="139485" spans="14:14">
      <c r="N139485" s="10"/>
    </row>
    <row r="139486" spans="14:14">
      <c r="N139486" s="10"/>
    </row>
    <row r="139487" spans="14:14">
      <c r="N139487" s="10"/>
    </row>
    <row r="139488" spans="14:14">
      <c r="N139488" s="10"/>
    </row>
    <row r="139489" spans="14:14">
      <c r="N139489" s="10"/>
    </row>
    <row r="139490" spans="14:14">
      <c r="N139490" s="10"/>
    </row>
    <row r="139491" spans="14:14">
      <c r="N139491" s="10"/>
    </row>
    <row r="139492" spans="14:14">
      <c r="N139492" s="10"/>
    </row>
    <row r="139493" spans="14:14">
      <c r="N139493" s="10"/>
    </row>
    <row r="139494" spans="14:14">
      <c r="N139494" s="10"/>
    </row>
    <row r="139495" spans="14:14">
      <c r="N139495" s="10"/>
    </row>
    <row r="139496" spans="14:14">
      <c r="N139496" s="10"/>
    </row>
    <row r="139497" spans="14:14">
      <c r="N139497" s="10"/>
    </row>
    <row r="139498" spans="14:14">
      <c r="N139498" s="10"/>
    </row>
    <row r="139499" spans="14:14">
      <c r="N139499" s="10"/>
    </row>
    <row r="139500" spans="14:14">
      <c r="N139500" s="10"/>
    </row>
    <row r="139501" spans="14:14">
      <c r="N139501" s="10"/>
    </row>
    <row r="139502" spans="14:14">
      <c r="N139502" s="10"/>
    </row>
    <row r="139503" spans="14:14">
      <c r="N139503" s="10"/>
    </row>
    <row r="139504" spans="14:14">
      <c r="N139504" s="10"/>
    </row>
    <row r="139505" spans="14:14">
      <c r="N139505" s="10"/>
    </row>
    <row r="139506" spans="14:14">
      <c r="N139506" s="10"/>
    </row>
    <row r="139507" spans="14:14">
      <c r="N139507" s="10"/>
    </row>
    <row r="139508" spans="14:14">
      <c r="N139508" s="10"/>
    </row>
    <row r="139509" spans="14:14">
      <c r="N139509" s="10"/>
    </row>
    <row r="139510" spans="14:14">
      <c r="N139510" s="10"/>
    </row>
    <row r="139511" spans="14:14">
      <c r="N139511" s="10"/>
    </row>
    <row r="139512" spans="14:14">
      <c r="N139512" s="10"/>
    </row>
    <row r="139513" spans="14:14">
      <c r="N139513" s="10"/>
    </row>
    <row r="139514" spans="14:14">
      <c r="N139514" s="10"/>
    </row>
    <row r="139515" spans="14:14">
      <c r="N139515" s="10"/>
    </row>
    <row r="139516" spans="14:14">
      <c r="N139516" s="10"/>
    </row>
    <row r="139517" spans="14:14">
      <c r="N139517" s="10"/>
    </row>
    <row r="139518" spans="14:14">
      <c r="N139518" s="10"/>
    </row>
    <row r="139519" spans="14:14">
      <c r="N139519" s="10"/>
    </row>
    <row r="139520" spans="14:14">
      <c r="N139520" s="10"/>
    </row>
    <row r="139521" spans="14:14">
      <c r="N139521" s="10"/>
    </row>
    <row r="139522" spans="14:14">
      <c r="N139522" s="10"/>
    </row>
    <row r="139523" spans="14:14">
      <c r="N139523" s="10"/>
    </row>
    <row r="139524" spans="14:14">
      <c r="N139524" s="10"/>
    </row>
    <row r="139525" spans="14:14">
      <c r="N139525" s="10"/>
    </row>
    <row r="139526" spans="14:14">
      <c r="N139526" s="10"/>
    </row>
    <row r="139527" spans="14:14">
      <c r="N139527" s="10"/>
    </row>
    <row r="139528" spans="14:14">
      <c r="N139528" s="10"/>
    </row>
    <row r="139529" spans="14:14">
      <c r="N139529" s="10"/>
    </row>
    <row r="139530" spans="14:14">
      <c r="N139530" s="10"/>
    </row>
    <row r="139531" spans="14:14">
      <c r="N139531" s="10"/>
    </row>
    <row r="139532" spans="14:14">
      <c r="N139532" s="10"/>
    </row>
    <row r="139533" spans="14:14">
      <c r="N139533" s="10"/>
    </row>
    <row r="139534" spans="14:14">
      <c r="N139534" s="10"/>
    </row>
    <row r="139535" spans="14:14">
      <c r="N139535" s="10"/>
    </row>
    <row r="139536" spans="14:14">
      <c r="N139536" s="10"/>
    </row>
    <row r="139537" spans="14:14">
      <c r="N139537" s="10"/>
    </row>
    <row r="139538" spans="14:14">
      <c r="N139538" s="10"/>
    </row>
    <row r="139539" spans="14:14">
      <c r="N139539" s="10"/>
    </row>
    <row r="139540" spans="14:14">
      <c r="N139540" s="10"/>
    </row>
    <row r="139541" spans="14:14">
      <c r="N139541" s="10"/>
    </row>
    <row r="139542" spans="14:14">
      <c r="N139542" s="10"/>
    </row>
    <row r="139543" spans="14:14">
      <c r="N139543" s="10"/>
    </row>
    <row r="139544" spans="14:14">
      <c r="N139544" s="10"/>
    </row>
    <row r="139545" spans="14:14">
      <c r="N139545" s="10"/>
    </row>
    <row r="139546" spans="14:14">
      <c r="N139546" s="10"/>
    </row>
    <row r="139547" spans="14:14">
      <c r="N139547" s="10"/>
    </row>
    <row r="139548" spans="14:14">
      <c r="N139548" s="10"/>
    </row>
    <row r="139549" spans="14:14">
      <c r="N139549" s="10"/>
    </row>
    <row r="139550" spans="14:14">
      <c r="N139550" s="10"/>
    </row>
    <row r="139551" spans="14:14">
      <c r="N139551" s="10"/>
    </row>
    <row r="139552" spans="14:14">
      <c r="N139552" s="10"/>
    </row>
    <row r="139553" spans="14:14">
      <c r="N139553" s="10"/>
    </row>
    <row r="139554" spans="14:14">
      <c r="N139554" s="10"/>
    </row>
    <row r="139555" spans="14:14">
      <c r="N139555" s="10"/>
    </row>
    <row r="139556" spans="14:14">
      <c r="N139556" s="10"/>
    </row>
    <row r="139557" spans="14:14">
      <c r="N139557" s="10"/>
    </row>
    <row r="139558" spans="14:14">
      <c r="N139558" s="10"/>
    </row>
    <row r="139559" spans="14:14">
      <c r="N139559" s="10"/>
    </row>
    <row r="139560" spans="14:14">
      <c r="N139560" s="10"/>
    </row>
    <row r="139561" spans="14:14">
      <c r="N139561" s="10"/>
    </row>
    <row r="139562" spans="14:14">
      <c r="N139562" s="10"/>
    </row>
    <row r="139563" spans="14:14">
      <c r="N139563" s="10"/>
    </row>
    <row r="139564" spans="14:14">
      <c r="N139564" s="10"/>
    </row>
    <row r="139565" spans="14:14">
      <c r="N139565" s="10"/>
    </row>
    <row r="139566" spans="14:14">
      <c r="N139566" s="10"/>
    </row>
    <row r="139567" spans="14:14">
      <c r="N139567" s="10"/>
    </row>
    <row r="139568" spans="14:14">
      <c r="N139568" s="10"/>
    </row>
    <row r="139569" spans="14:14">
      <c r="N139569" s="10"/>
    </row>
    <row r="139570" spans="14:14">
      <c r="N139570" s="10"/>
    </row>
    <row r="139571" spans="14:14">
      <c r="N139571" s="10"/>
    </row>
    <row r="139572" spans="14:14">
      <c r="N139572" s="10"/>
    </row>
    <row r="139573" spans="14:14">
      <c r="N139573" s="10"/>
    </row>
    <row r="139574" spans="14:14">
      <c r="N139574" s="10"/>
    </row>
    <row r="139575" spans="14:14">
      <c r="N139575" s="10"/>
    </row>
    <row r="139576" spans="14:14">
      <c r="N139576" s="10"/>
    </row>
    <row r="139577" spans="14:14">
      <c r="N139577" s="10"/>
    </row>
    <row r="139578" spans="14:14">
      <c r="N139578" s="10"/>
    </row>
    <row r="139579" spans="14:14">
      <c r="N139579" s="10"/>
    </row>
    <row r="139580" spans="14:14">
      <c r="N139580" s="10"/>
    </row>
    <row r="139581" spans="14:14">
      <c r="N139581" s="10"/>
    </row>
    <row r="139582" spans="14:14">
      <c r="N139582" s="10"/>
    </row>
    <row r="139583" spans="14:14">
      <c r="N139583" s="10"/>
    </row>
    <row r="139584" spans="14:14">
      <c r="N139584" s="10"/>
    </row>
    <row r="139585" spans="14:14">
      <c r="N139585" s="10"/>
    </row>
    <row r="139586" spans="14:14">
      <c r="N139586" s="10"/>
    </row>
    <row r="139587" spans="14:14">
      <c r="N139587" s="10"/>
    </row>
    <row r="139588" spans="14:14">
      <c r="N139588" s="10"/>
    </row>
    <row r="139589" spans="14:14">
      <c r="N139589" s="10"/>
    </row>
    <row r="139590" spans="14:14">
      <c r="N139590" s="10"/>
    </row>
    <row r="139591" spans="14:14">
      <c r="N139591" s="10"/>
    </row>
    <row r="139592" spans="14:14">
      <c r="N139592" s="10"/>
    </row>
    <row r="139593" spans="14:14">
      <c r="N139593" s="10"/>
    </row>
    <row r="139594" spans="14:14">
      <c r="N139594" s="10"/>
    </row>
    <row r="139595" spans="14:14">
      <c r="N139595" s="10"/>
    </row>
    <row r="139596" spans="14:14">
      <c r="N139596" s="10"/>
    </row>
    <row r="139597" spans="14:14">
      <c r="N139597" s="10"/>
    </row>
    <row r="139598" spans="14:14">
      <c r="N139598" s="10"/>
    </row>
    <row r="139599" spans="14:14">
      <c r="N139599" s="10"/>
    </row>
    <row r="139600" spans="14:14">
      <c r="N139600" s="10"/>
    </row>
    <row r="139601" spans="14:14">
      <c r="N139601" s="10"/>
    </row>
    <row r="139602" spans="14:14">
      <c r="N139602" s="10"/>
    </row>
    <row r="139603" spans="14:14">
      <c r="N139603" s="10"/>
    </row>
    <row r="139604" spans="14:14">
      <c r="N139604" s="10"/>
    </row>
    <row r="139605" spans="14:14">
      <c r="N139605" s="10"/>
    </row>
    <row r="139606" spans="14:14">
      <c r="N139606" s="10"/>
    </row>
    <row r="139607" spans="14:14">
      <c r="N139607" s="10"/>
    </row>
    <row r="139608" spans="14:14">
      <c r="N139608" s="10"/>
    </row>
    <row r="139609" spans="14:14">
      <c r="N139609" s="10"/>
    </row>
    <row r="139610" spans="14:14">
      <c r="N139610" s="10"/>
    </row>
    <row r="139611" spans="14:14">
      <c r="N139611" s="10"/>
    </row>
    <row r="139612" spans="14:14">
      <c r="N139612" s="10"/>
    </row>
    <row r="139613" spans="14:14">
      <c r="N139613" s="10"/>
    </row>
    <row r="139614" spans="14:14">
      <c r="N139614" s="10"/>
    </row>
    <row r="139615" spans="14:14">
      <c r="N139615" s="10"/>
    </row>
    <row r="139616" spans="14:14">
      <c r="N139616" s="10"/>
    </row>
    <row r="139617" spans="14:14">
      <c r="N139617" s="10"/>
    </row>
    <row r="139618" spans="14:14">
      <c r="N139618" s="10"/>
    </row>
    <row r="139619" spans="14:14">
      <c r="N139619" s="10"/>
    </row>
    <row r="139620" spans="14:14">
      <c r="N139620" s="10"/>
    </row>
    <row r="139621" spans="14:14">
      <c r="N139621" s="10"/>
    </row>
    <row r="139622" spans="14:14">
      <c r="N139622" s="10"/>
    </row>
    <row r="139623" spans="14:14">
      <c r="N139623" s="10"/>
    </row>
    <row r="139624" spans="14:14">
      <c r="N139624" s="10"/>
    </row>
    <row r="139625" spans="14:14">
      <c r="N139625" s="10"/>
    </row>
    <row r="139626" spans="14:14">
      <c r="N139626" s="10"/>
    </row>
    <row r="139627" spans="14:14">
      <c r="N139627" s="10"/>
    </row>
    <row r="139628" spans="14:14">
      <c r="N139628" s="10"/>
    </row>
    <row r="139629" spans="14:14">
      <c r="N139629" s="10"/>
    </row>
    <row r="139630" spans="14:14">
      <c r="N139630" s="10"/>
    </row>
    <row r="139631" spans="14:14">
      <c r="N139631" s="10"/>
    </row>
    <row r="139632" spans="14:14">
      <c r="N139632" s="10"/>
    </row>
    <row r="139633" spans="14:14">
      <c r="N139633" s="10"/>
    </row>
    <row r="139634" spans="14:14">
      <c r="N139634" s="10"/>
    </row>
    <row r="139635" spans="14:14">
      <c r="N139635" s="10"/>
    </row>
    <row r="139636" spans="14:14">
      <c r="N139636" s="10"/>
    </row>
    <row r="139637" spans="14:14">
      <c r="N139637" s="10"/>
    </row>
    <row r="139638" spans="14:14">
      <c r="N139638" s="10"/>
    </row>
    <row r="139639" spans="14:14">
      <c r="N139639" s="10"/>
    </row>
    <row r="139640" spans="14:14">
      <c r="N139640" s="10"/>
    </row>
    <row r="139641" spans="14:14">
      <c r="N139641" s="10"/>
    </row>
    <row r="139642" spans="14:14">
      <c r="N139642" s="10"/>
    </row>
    <row r="139643" spans="14:14">
      <c r="N139643" s="10"/>
    </row>
    <row r="139644" spans="14:14">
      <c r="N139644" s="10"/>
    </row>
    <row r="139645" spans="14:14">
      <c r="N139645" s="10"/>
    </row>
    <row r="139646" spans="14:14">
      <c r="N139646" s="10"/>
    </row>
    <row r="139647" spans="14:14">
      <c r="N139647" s="10"/>
    </row>
    <row r="139648" spans="14:14">
      <c r="N139648" s="10"/>
    </row>
    <row r="139649" spans="14:14">
      <c r="N139649" s="10"/>
    </row>
    <row r="139650" spans="14:14">
      <c r="N139650" s="10"/>
    </row>
    <row r="139651" spans="14:14">
      <c r="N139651" s="10"/>
    </row>
    <row r="139652" spans="14:14">
      <c r="N139652" s="10"/>
    </row>
    <row r="139653" spans="14:14">
      <c r="N139653" s="10"/>
    </row>
    <row r="139654" spans="14:14">
      <c r="N139654" s="10"/>
    </row>
    <row r="139655" spans="14:14">
      <c r="N139655" s="10"/>
    </row>
    <row r="139656" spans="14:14">
      <c r="N139656" s="10"/>
    </row>
    <row r="139657" spans="14:14">
      <c r="N139657" s="10"/>
    </row>
    <row r="139658" spans="14:14">
      <c r="N139658" s="10"/>
    </row>
    <row r="139659" spans="14:14">
      <c r="N139659" s="10"/>
    </row>
    <row r="139660" spans="14:14">
      <c r="N139660" s="10"/>
    </row>
    <row r="139661" spans="14:14">
      <c r="N139661" s="10"/>
    </row>
    <row r="139662" spans="14:14">
      <c r="N139662" s="10"/>
    </row>
    <row r="139663" spans="14:14">
      <c r="N139663" s="10"/>
    </row>
    <row r="139664" spans="14:14">
      <c r="N139664" s="10"/>
    </row>
    <row r="139665" spans="14:14">
      <c r="N139665" s="10"/>
    </row>
    <row r="139666" spans="14:14">
      <c r="N139666" s="10"/>
    </row>
    <row r="139667" spans="14:14">
      <c r="N139667" s="10"/>
    </row>
    <row r="139668" spans="14:14">
      <c r="N139668" s="10"/>
    </row>
    <row r="139669" spans="14:14">
      <c r="N139669" s="10"/>
    </row>
    <row r="139670" spans="14:14">
      <c r="N139670" s="10"/>
    </row>
    <row r="139671" spans="14:14">
      <c r="N139671" s="10"/>
    </row>
    <row r="139672" spans="14:14">
      <c r="N139672" s="10"/>
    </row>
    <row r="139673" spans="14:14">
      <c r="N139673" s="10"/>
    </row>
    <row r="139674" spans="14:14">
      <c r="N139674" s="10"/>
    </row>
    <row r="139675" spans="14:14">
      <c r="N139675" s="10"/>
    </row>
    <row r="139676" spans="14:14">
      <c r="N139676" s="10"/>
    </row>
    <row r="139677" spans="14:14">
      <c r="N139677" s="10"/>
    </row>
    <row r="139678" spans="14:14">
      <c r="N139678" s="10"/>
    </row>
    <row r="139679" spans="14:14">
      <c r="N139679" s="10"/>
    </row>
    <row r="139680" spans="14:14">
      <c r="N139680" s="10"/>
    </row>
    <row r="139681" spans="14:14">
      <c r="N139681" s="10"/>
    </row>
    <row r="139682" spans="14:14">
      <c r="N139682" s="10"/>
    </row>
    <row r="139683" spans="14:14">
      <c r="N139683" s="10"/>
    </row>
    <row r="139684" spans="14:14">
      <c r="N139684" s="10"/>
    </row>
    <row r="139685" spans="14:14">
      <c r="N139685" s="10"/>
    </row>
    <row r="139686" spans="14:14">
      <c r="N139686" s="10"/>
    </row>
    <row r="139687" spans="14:14">
      <c r="N139687" s="10"/>
    </row>
    <row r="139688" spans="14:14">
      <c r="N139688" s="10"/>
    </row>
    <row r="139689" spans="14:14">
      <c r="N139689" s="10"/>
    </row>
    <row r="139690" spans="14:14">
      <c r="N139690" s="10"/>
    </row>
    <row r="139691" spans="14:14">
      <c r="N139691" s="10"/>
    </row>
    <row r="139692" spans="14:14">
      <c r="N139692" s="10"/>
    </row>
    <row r="139693" spans="14:14">
      <c r="N139693" s="10"/>
    </row>
    <row r="139694" spans="14:14">
      <c r="N139694" s="10"/>
    </row>
    <row r="139695" spans="14:14">
      <c r="N139695" s="10"/>
    </row>
    <row r="139696" spans="14:14">
      <c r="N139696" s="10"/>
    </row>
    <row r="139697" spans="14:14">
      <c r="N139697" s="10"/>
    </row>
    <row r="139698" spans="14:14">
      <c r="N139698" s="10"/>
    </row>
    <row r="139699" spans="14:14">
      <c r="N139699" s="10"/>
    </row>
    <row r="139700" spans="14:14">
      <c r="N139700" s="10"/>
    </row>
    <row r="139701" spans="14:14">
      <c r="N139701" s="10"/>
    </row>
    <row r="139702" spans="14:14">
      <c r="N139702" s="10"/>
    </row>
    <row r="139703" spans="14:14">
      <c r="N139703" s="10"/>
    </row>
    <row r="139704" spans="14:14">
      <c r="N139704" s="10"/>
    </row>
    <row r="139705" spans="14:14">
      <c r="N139705" s="10"/>
    </row>
    <row r="139706" spans="14:14">
      <c r="N139706" s="10"/>
    </row>
    <row r="139707" spans="14:14">
      <c r="N139707" s="10"/>
    </row>
    <row r="139708" spans="14:14">
      <c r="N139708" s="10"/>
    </row>
    <row r="139709" spans="14:14">
      <c r="N139709" s="10"/>
    </row>
    <row r="139710" spans="14:14">
      <c r="N139710" s="10"/>
    </row>
    <row r="139711" spans="14:14">
      <c r="N139711" s="10"/>
    </row>
    <row r="139712" spans="14:14">
      <c r="N139712" s="10"/>
    </row>
    <row r="139713" spans="14:14">
      <c r="N139713" s="10"/>
    </row>
    <row r="139714" spans="14:14">
      <c r="N139714" s="10"/>
    </row>
    <row r="139715" spans="14:14">
      <c r="N139715" s="10"/>
    </row>
    <row r="139716" spans="14:14">
      <c r="N139716" s="10"/>
    </row>
    <row r="139717" spans="14:14">
      <c r="N139717" s="10"/>
    </row>
    <row r="139718" spans="14:14">
      <c r="N139718" s="10"/>
    </row>
    <row r="139719" spans="14:14">
      <c r="N139719" s="10"/>
    </row>
    <row r="139720" spans="14:14">
      <c r="N139720" s="10"/>
    </row>
    <row r="139721" spans="14:14">
      <c r="N139721" s="10"/>
    </row>
    <row r="139722" spans="14:14">
      <c r="N139722" s="10"/>
    </row>
    <row r="139723" spans="14:14">
      <c r="N139723" s="10"/>
    </row>
    <row r="139724" spans="14:14">
      <c r="N139724" s="10"/>
    </row>
    <row r="139725" spans="14:14">
      <c r="N139725" s="10"/>
    </row>
    <row r="139726" spans="14:14">
      <c r="N139726" s="10"/>
    </row>
    <row r="139727" spans="14:14">
      <c r="N139727" s="10"/>
    </row>
    <row r="139728" spans="14:14">
      <c r="N139728" s="10"/>
    </row>
    <row r="139729" spans="14:14">
      <c r="N139729" s="10"/>
    </row>
    <row r="139730" spans="14:14">
      <c r="N139730" s="10"/>
    </row>
    <row r="139731" spans="14:14">
      <c r="N139731" s="10"/>
    </row>
    <row r="139732" spans="14:14">
      <c r="N139732" s="10"/>
    </row>
    <row r="139733" spans="14:14">
      <c r="N139733" s="10"/>
    </row>
    <row r="139734" spans="14:14">
      <c r="N139734" s="10"/>
    </row>
    <row r="139735" spans="14:14">
      <c r="N139735" s="10"/>
    </row>
    <row r="139736" spans="14:14">
      <c r="N139736" s="10"/>
    </row>
    <row r="139737" spans="14:14">
      <c r="N139737" s="10"/>
    </row>
    <row r="139738" spans="14:14">
      <c r="N139738" s="10"/>
    </row>
    <row r="139739" spans="14:14">
      <c r="N139739" s="10"/>
    </row>
    <row r="139740" spans="14:14">
      <c r="N139740" s="10"/>
    </row>
    <row r="139741" spans="14:14">
      <c r="N139741" s="10"/>
    </row>
    <row r="139742" spans="14:14">
      <c r="N139742" s="10"/>
    </row>
    <row r="139743" spans="14:14">
      <c r="N139743" s="10"/>
    </row>
    <row r="139744" spans="14:14">
      <c r="N139744" s="10"/>
    </row>
    <row r="139745" spans="14:14">
      <c r="N139745" s="10"/>
    </row>
    <row r="139746" spans="14:14">
      <c r="N139746" s="10"/>
    </row>
    <row r="139747" spans="14:14">
      <c r="N139747" s="10"/>
    </row>
    <row r="139748" spans="14:14">
      <c r="N139748" s="10"/>
    </row>
    <row r="139749" spans="14:14">
      <c r="N139749" s="10"/>
    </row>
    <row r="139750" spans="14:14">
      <c r="N139750" s="10"/>
    </row>
    <row r="139751" spans="14:14">
      <c r="N139751" s="10"/>
    </row>
    <row r="139752" spans="14:14">
      <c r="N139752" s="10"/>
    </row>
    <row r="139753" spans="14:14">
      <c r="N139753" s="10"/>
    </row>
    <row r="139754" spans="14:14">
      <c r="N139754" s="10"/>
    </row>
    <row r="139755" spans="14:14">
      <c r="N139755" s="10"/>
    </row>
    <row r="139756" spans="14:14">
      <c r="N139756" s="10"/>
    </row>
    <row r="139757" spans="14:14">
      <c r="N139757" s="10"/>
    </row>
    <row r="139758" spans="14:14">
      <c r="N139758" s="10"/>
    </row>
    <row r="139759" spans="14:14">
      <c r="N139759" s="10"/>
    </row>
    <row r="139760" spans="14:14">
      <c r="N139760" s="10"/>
    </row>
    <row r="139761" spans="14:14">
      <c r="N139761" s="10"/>
    </row>
    <row r="139762" spans="14:14">
      <c r="N139762" s="10"/>
    </row>
    <row r="139763" spans="14:14">
      <c r="N139763" s="10"/>
    </row>
    <row r="139764" spans="14:14">
      <c r="N139764" s="10"/>
    </row>
    <row r="139765" spans="14:14">
      <c r="N139765" s="10"/>
    </row>
    <row r="139766" spans="14:14">
      <c r="N139766" s="10"/>
    </row>
    <row r="139767" spans="14:14">
      <c r="N139767" s="10"/>
    </row>
    <row r="139768" spans="14:14">
      <c r="N139768" s="10"/>
    </row>
    <row r="139769" spans="14:14">
      <c r="N139769" s="10"/>
    </row>
    <row r="139770" spans="14:14">
      <c r="N139770" s="10"/>
    </row>
    <row r="139771" spans="14:14">
      <c r="N139771" s="10"/>
    </row>
    <row r="139772" spans="14:14">
      <c r="N139772" s="10"/>
    </row>
    <row r="139773" spans="14:14">
      <c r="N139773" s="10"/>
    </row>
    <row r="139774" spans="14:14">
      <c r="N139774" s="10"/>
    </row>
    <row r="139775" spans="14:14">
      <c r="N139775" s="10"/>
    </row>
    <row r="139776" spans="14:14">
      <c r="N139776" s="10"/>
    </row>
    <row r="139777" spans="14:14">
      <c r="N139777" s="10"/>
    </row>
    <row r="139778" spans="14:14">
      <c r="N139778" s="10"/>
    </row>
    <row r="139779" spans="14:14">
      <c r="N139779" s="10"/>
    </row>
    <row r="139780" spans="14:14">
      <c r="N139780" s="10"/>
    </row>
    <row r="139781" spans="14:14">
      <c r="N139781" s="10"/>
    </row>
    <row r="139782" spans="14:14">
      <c r="N139782" s="10"/>
    </row>
    <row r="139783" spans="14:14">
      <c r="N139783" s="10"/>
    </row>
    <row r="139784" spans="14:14">
      <c r="N139784" s="10"/>
    </row>
    <row r="139785" spans="14:14">
      <c r="N139785" s="10"/>
    </row>
    <row r="139786" spans="14:14">
      <c r="N139786" s="10"/>
    </row>
    <row r="139787" spans="14:14">
      <c r="N139787" s="10"/>
    </row>
    <row r="139788" spans="14:14">
      <c r="N139788" s="10"/>
    </row>
    <row r="139789" spans="14:14">
      <c r="N139789" s="10"/>
    </row>
    <row r="139790" spans="14:14">
      <c r="N139790" s="10"/>
    </row>
    <row r="139791" spans="14:14">
      <c r="N139791" s="10"/>
    </row>
    <row r="139792" spans="14:14">
      <c r="N139792" s="10"/>
    </row>
    <row r="139793" spans="14:14">
      <c r="N139793" s="10"/>
    </row>
    <row r="139794" spans="14:14">
      <c r="N139794" s="10"/>
    </row>
    <row r="139795" spans="14:14">
      <c r="N139795" s="10"/>
    </row>
    <row r="139796" spans="14:14">
      <c r="N139796" s="10"/>
    </row>
    <row r="139797" spans="14:14">
      <c r="N139797" s="10"/>
    </row>
    <row r="139798" spans="14:14">
      <c r="N139798" s="10"/>
    </row>
    <row r="139799" spans="14:14">
      <c r="N139799" s="10"/>
    </row>
    <row r="139800" spans="14:14">
      <c r="N139800" s="10"/>
    </row>
    <row r="139801" spans="14:14">
      <c r="N139801" s="10"/>
    </row>
    <row r="139802" spans="14:14">
      <c r="N139802" s="10"/>
    </row>
    <row r="139803" spans="14:14">
      <c r="N139803" s="10"/>
    </row>
    <row r="139804" spans="14:14">
      <c r="N139804" s="10"/>
    </row>
    <row r="139805" spans="14:14">
      <c r="N139805" s="10"/>
    </row>
    <row r="139806" spans="14:14">
      <c r="N139806" s="10"/>
    </row>
    <row r="139807" spans="14:14">
      <c r="N139807" s="10"/>
    </row>
    <row r="139808" spans="14:14">
      <c r="N139808" s="10"/>
    </row>
    <row r="139809" spans="14:14">
      <c r="N139809" s="10"/>
    </row>
    <row r="139810" spans="14:14">
      <c r="N139810" s="10"/>
    </row>
    <row r="139811" spans="14:14">
      <c r="N139811" s="10"/>
    </row>
    <row r="139812" spans="14:14">
      <c r="N139812" s="10"/>
    </row>
    <row r="139813" spans="14:14">
      <c r="N139813" s="10"/>
    </row>
    <row r="139814" spans="14:14">
      <c r="N139814" s="10"/>
    </row>
    <row r="139815" spans="14:14">
      <c r="N139815" s="10"/>
    </row>
    <row r="139816" spans="14:14">
      <c r="N139816" s="10"/>
    </row>
    <row r="139817" spans="14:14">
      <c r="N139817" s="10"/>
    </row>
    <row r="139818" spans="14:14">
      <c r="N139818" s="10"/>
    </row>
    <row r="139819" spans="14:14">
      <c r="N139819" s="10"/>
    </row>
    <row r="139820" spans="14:14">
      <c r="N139820" s="10"/>
    </row>
    <row r="139821" spans="14:14">
      <c r="N139821" s="10"/>
    </row>
    <row r="139822" spans="14:14">
      <c r="N139822" s="10"/>
    </row>
    <row r="139823" spans="14:14">
      <c r="N139823" s="10"/>
    </row>
    <row r="139824" spans="14:14">
      <c r="N139824" s="10"/>
    </row>
    <row r="139825" spans="14:14">
      <c r="N139825" s="10"/>
    </row>
    <row r="139826" spans="14:14">
      <c r="N139826" s="10"/>
    </row>
    <row r="139827" spans="14:14">
      <c r="N139827" s="10"/>
    </row>
    <row r="139828" spans="14:14">
      <c r="N139828" s="10"/>
    </row>
    <row r="139829" spans="14:14">
      <c r="N139829" s="10"/>
    </row>
    <row r="139830" spans="14:14">
      <c r="N139830" s="10"/>
    </row>
    <row r="139831" spans="14:14">
      <c r="N139831" s="10"/>
    </row>
    <row r="139832" spans="14:14">
      <c r="N139832" s="10"/>
    </row>
    <row r="139833" spans="14:14">
      <c r="N139833" s="10"/>
    </row>
    <row r="139834" spans="14:14">
      <c r="N139834" s="10"/>
    </row>
    <row r="139835" spans="14:14">
      <c r="N139835" s="10"/>
    </row>
    <row r="139836" spans="14:14">
      <c r="N139836" s="10"/>
    </row>
    <row r="139837" spans="14:14">
      <c r="N139837" s="10"/>
    </row>
    <row r="139838" spans="14:14">
      <c r="N139838" s="10"/>
    </row>
    <row r="139839" spans="14:14">
      <c r="N139839" s="10"/>
    </row>
    <row r="139840" spans="14:14">
      <c r="N139840" s="10"/>
    </row>
    <row r="139841" spans="14:14">
      <c r="N139841" s="10"/>
    </row>
    <row r="139842" spans="14:14">
      <c r="N139842" s="10"/>
    </row>
    <row r="139843" spans="14:14">
      <c r="N139843" s="10"/>
    </row>
    <row r="139844" spans="14:14">
      <c r="N139844" s="10"/>
    </row>
    <row r="139845" spans="14:14">
      <c r="N139845" s="10"/>
    </row>
    <row r="139846" spans="14:14">
      <c r="N139846" s="10"/>
    </row>
    <row r="139847" spans="14:14">
      <c r="N139847" s="10"/>
    </row>
    <row r="139848" spans="14:14">
      <c r="N139848" s="10"/>
    </row>
    <row r="139849" spans="14:14">
      <c r="N139849" s="10"/>
    </row>
    <row r="139850" spans="14:14">
      <c r="N139850" s="10"/>
    </row>
    <row r="139851" spans="14:14">
      <c r="N139851" s="10"/>
    </row>
    <row r="139852" spans="14:14">
      <c r="N139852" s="10"/>
    </row>
    <row r="139853" spans="14:14">
      <c r="N139853" s="10"/>
    </row>
    <row r="139854" spans="14:14">
      <c r="N139854" s="10"/>
    </row>
    <row r="139855" spans="14:14">
      <c r="N139855" s="10"/>
    </row>
    <row r="139856" spans="14:14">
      <c r="N139856" s="10"/>
    </row>
    <row r="139857" spans="14:14">
      <c r="N139857" s="10"/>
    </row>
    <row r="139858" spans="14:14">
      <c r="N139858" s="10"/>
    </row>
    <row r="139859" spans="14:14">
      <c r="N139859" s="10"/>
    </row>
    <row r="139860" spans="14:14">
      <c r="N139860" s="10"/>
    </row>
    <row r="139861" spans="14:14">
      <c r="N139861" s="10"/>
    </row>
    <row r="139862" spans="14:14">
      <c r="N139862" s="10"/>
    </row>
    <row r="139863" spans="14:14">
      <c r="N139863" s="10"/>
    </row>
    <row r="139864" spans="14:14">
      <c r="N139864" s="10"/>
    </row>
    <row r="139865" spans="14:14">
      <c r="N139865" s="10"/>
    </row>
    <row r="139866" spans="14:14">
      <c r="N139866" s="10"/>
    </row>
    <row r="139867" spans="14:14">
      <c r="N139867" s="10"/>
    </row>
    <row r="139868" spans="14:14">
      <c r="N139868" s="10"/>
    </row>
    <row r="139869" spans="14:14">
      <c r="N139869" s="10"/>
    </row>
    <row r="139870" spans="14:14">
      <c r="N139870" s="10"/>
    </row>
    <row r="139871" spans="14:14">
      <c r="N139871" s="10"/>
    </row>
    <row r="139872" spans="14:14">
      <c r="N139872" s="10"/>
    </row>
    <row r="139873" spans="14:14">
      <c r="N139873" s="10"/>
    </row>
    <row r="139874" spans="14:14">
      <c r="N139874" s="10"/>
    </row>
    <row r="139875" spans="14:14">
      <c r="N139875" s="10"/>
    </row>
    <row r="139876" spans="14:14">
      <c r="N139876" s="10"/>
    </row>
    <row r="139877" spans="14:14">
      <c r="N139877" s="10"/>
    </row>
    <row r="139878" spans="14:14">
      <c r="N139878" s="10"/>
    </row>
    <row r="139879" spans="14:14">
      <c r="N139879" s="10"/>
    </row>
    <row r="139880" spans="14:14">
      <c r="N139880" s="10"/>
    </row>
    <row r="139881" spans="14:14">
      <c r="N139881" s="10"/>
    </row>
    <row r="139882" spans="14:14">
      <c r="N139882" s="10"/>
    </row>
    <row r="139883" spans="14:14">
      <c r="N139883" s="10"/>
    </row>
    <row r="139884" spans="14:14">
      <c r="N139884" s="10"/>
    </row>
    <row r="139885" spans="14:14">
      <c r="N139885" s="10"/>
    </row>
    <row r="139886" spans="14:14">
      <c r="N139886" s="10"/>
    </row>
    <row r="139887" spans="14:14">
      <c r="N139887" s="10"/>
    </row>
    <row r="139888" spans="14:14">
      <c r="N139888" s="10"/>
    </row>
    <row r="139889" spans="14:14">
      <c r="N139889" s="10"/>
    </row>
    <row r="139890" spans="14:14">
      <c r="N139890" s="10"/>
    </row>
    <row r="139891" spans="14:14">
      <c r="N139891" s="10"/>
    </row>
    <row r="139892" spans="14:14">
      <c r="N139892" s="10"/>
    </row>
    <row r="139893" spans="14:14">
      <c r="N139893" s="10"/>
    </row>
    <row r="139894" spans="14:14">
      <c r="N139894" s="10"/>
    </row>
    <row r="139895" spans="14:14">
      <c r="N139895" s="10"/>
    </row>
    <row r="139896" spans="14:14">
      <c r="N139896" s="10"/>
    </row>
    <row r="139897" spans="14:14">
      <c r="N139897" s="10"/>
    </row>
    <row r="139898" spans="14:14">
      <c r="N139898" s="10"/>
    </row>
    <row r="139899" spans="14:14">
      <c r="N139899" s="10"/>
    </row>
    <row r="139900" spans="14:14">
      <c r="N139900" s="10"/>
    </row>
    <row r="139901" spans="14:14">
      <c r="N139901" s="10"/>
    </row>
    <row r="139902" spans="14:14">
      <c r="N139902" s="10"/>
    </row>
    <row r="139903" spans="14:14">
      <c r="N139903" s="10"/>
    </row>
    <row r="139904" spans="14:14">
      <c r="N139904" s="10"/>
    </row>
    <row r="139905" spans="14:14">
      <c r="N139905" s="10"/>
    </row>
    <row r="139906" spans="14:14">
      <c r="N139906" s="10"/>
    </row>
    <row r="139907" spans="14:14">
      <c r="N139907" s="10"/>
    </row>
    <row r="139908" spans="14:14">
      <c r="N139908" s="10"/>
    </row>
    <row r="139909" spans="14:14">
      <c r="N139909" s="10"/>
    </row>
    <row r="139910" spans="14:14">
      <c r="N139910" s="10"/>
    </row>
    <row r="139911" spans="14:14">
      <c r="N139911" s="10"/>
    </row>
    <row r="139912" spans="14:14">
      <c r="N139912" s="10"/>
    </row>
    <row r="139913" spans="14:14">
      <c r="N139913" s="10"/>
    </row>
    <row r="139914" spans="14:14">
      <c r="N139914" s="10"/>
    </row>
    <row r="139915" spans="14:14">
      <c r="N139915" s="10"/>
    </row>
    <row r="139916" spans="14:14">
      <c r="N139916" s="10"/>
    </row>
    <row r="139917" spans="14:14">
      <c r="N139917" s="10"/>
    </row>
    <row r="139918" spans="14:14">
      <c r="N139918" s="10"/>
    </row>
    <row r="139919" spans="14:14">
      <c r="N139919" s="10"/>
    </row>
    <row r="139920" spans="14:14">
      <c r="N139920" s="10"/>
    </row>
    <row r="139921" spans="14:14">
      <c r="N139921" s="10"/>
    </row>
    <row r="139922" spans="14:14">
      <c r="N139922" s="10"/>
    </row>
    <row r="139923" spans="14:14">
      <c r="N139923" s="10"/>
    </row>
    <row r="139924" spans="14:14">
      <c r="N139924" s="10"/>
    </row>
    <row r="139925" spans="14:14">
      <c r="N139925" s="10"/>
    </row>
    <row r="139926" spans="14:14">
      <c r="N139926" s="10"/>
    </row>
    <row r="139927" spans="14:14">
      <c r="N139927" s="10"/>
    </row>
    <row r="139928" spans="14:14">
      <c r="N139928" s="10"/>
    </row>
    <row r="139929" spans="14:14">
      <c r="N139929" s="10"/>
    </row>
    <row r="139930" spans="14:14">
      <c r="N139930" s="10"/>
    </row>
    <row r="139931" spans="14:14">
      <c r="N139931" s="10"/>
    </row>
    <row r="139932" spans="14:14">
      <c r="N139932" s="10"/>
    </row>
    <row r="139933" spans="14:14">
      <c r="N139933" s="10"/>
    </row>
    <row r="139934" spans="14:14">
      <c r="N139934" s="10"/>
    </row>
    <row r="139935" spans="14:14">
      <c r="N139935" s="10"/>
    </row>
    <row r="139936" spans="14:14">
      <c r="N139936" s="10"/>
    </row>
    <row r="139937" spans="14:14">
      <c r="N139937" s="10"/>
    </row>
    <row r="139938" spans="14:14">
      <c r="N139938" s="10"/>
    </row>
    <row r="139939" spans="14:14">
      <c r="N139939" s="10"/>
    </row>
    <row r="139940" spans="14:14">
      <c r="N139940" s="10"/>
    </row>
    <row r="139941" spans="14:14">
      <c r="N139941" s="10"/>
    </row>
    <row r="139942" spans="14:14">
      <c r="N139942" s="10"/>
    </row>
    <row r="139943" spans="14:14">
      <c r="N139943" s="10"/>
    </row>
    <row r="139944" spans="14:14">
      <c r="N139944" s="10"/>
    </row>
    <row r="139945" spans="14:14">
      <c r="N139945" s="10"/>
    </row>
    <row r="139946" spans="14:14">
      <c r="N139946" s="10"/>
    </row>
    <row r="139947" spans="14:14">
      <c r="N139947" s="10"/>
    </row>
    <row r="139948" spans="14:14">
      <c r="N139948" s="10"/>
    </row>
    <row r="139949" spans="14:14">
      <c r="N139949" s="10"/>
    </row>
    <row r="139950" spans="14:14">
      <c r="N139950" s="10"/>
    </row>
    <row r="139951" spans="14:14">
      <c r="N139951" s="10"/>
    </row>
    <row r="139952" spans="14:14">
      <c r="N139952" s="10"/>
    </row>
    <row r="139953" spans="14:14">
      <c r="N139953" s="10"/>
    </row>
    <row r="139954" spans="14:14">
      <c r="N139954" s="10"/>
    </row>
    <row r="139955" spans="14:14">
      <c r="N139955" s="10"/>
    </row>
    <row r="139956" spans="14:14">
      <c r="N139956" s="10"/>
    </row>
    <row r="139957" spans="14:14">
      <c r="N139957" s="10"/>
    </row>
    <row r="139958" spans="14:14">
      <c r="N139958" s="10"/>
    </row>
    <row r="139959" spans="14:14">
      <c r="N139959" s="10"/>
    </row>
    <row r="139960" spans="14:14">
      <c r="N139960" s="10"/>
    </row>
    <row r="139961" spans="14:14">
      <c r="N139961" s="10"/>
    </row>
    <row r="139962" spans="14:14">
      <c r="N139962" s="10"/>
    </row>
    <row r="139963" spans="14:14">
      <c r="N139963" s="10"/>
    </row>
    <row r="139964" spans="14:14">
      <c r="N139964" s="10"/>
    </row>
    <row r="139965" spans="14:14">
      <c r="N139965" s="10"/>
    </row>
    <row r="139966" spans="14:14">
      <c r="N139966" s="10"/>
    </row>
    <row r="139967" spans="14:14">
      <c r="N139967" s="10"/>
    </row>
    <row r="139968" spans="14:14">
      <c r="N139968" s="10"/>
    </row>
    <row r="139969" spans="14:14">
      <c r="N139969" s="10"/>
    </row>
    <row r="139970" spans="14:14">
      <c r="N139970" s="10"/>
    </row>
    <row r="139971" spans="14:14">
      <c r="N139971" s="10"/>
    </row>
    <row r="139972" spans="14:14">
      <c r="N139972" s="10"/>
    </row>
    <row r="139973" spans="14:14">
      <c r="N139973" s="10"/>
    </row>
    <row r="139974" spans="14:14">
      <c r="N139974" s="10"/>
    </row>
    <row r="139975" spans="14:14">
      <c r="N139975" s="10"/>
    </row>
    <row r="139976" spans="14:14">
      <c r="N139976" s="10"/>
    </row>
    <row r="139977" spans="14:14">
      <c r="N139977" s="10"/>
    </row>
    <row r="139978" spans="14:14">
      <c r="N139978" s="10"/>
    </row>
    <row r="139979" spans="14:14">
      <c r="N139979" s="10"/>
    </row>
    <row r="139980" spans="14:14">
      <c r="N139980" s="10"/>
    </row>
    <row r="139981" spans="14:14">
      <c r="N139981" s="10"/>
    </row>
    <row r="139982" spans="14:14">
      <c r="N139982" s="10"/>
    </row>
    <row r="139983" spans="14:14">
      <c r="N139983" s="10"/>
    </row>
    <row r="139984" spans="14:14">
      <c r="N139984" s="10"/>
    </row>
    <row r="139985" spans="14:14">
      <c r="N139985" s="10"/>
    </row>
    <row r="139986" spans="14:14">
      <c r="N139986" s="10"/>
    </row>
    <row r="139987" spans="14:14">
      <c r="N139987" s="10"/>
    </row>
    <row r="139988" spans="14:14">
      <c r="N139988" s="10"/>
    </row>
    <row r="139989" spans="14:14">
      <c r="N139989" s="10"/>
    </row>
    <row r="139990" spans="14:14">
      <c r="N139990" s="10"/>
    </row>
    <row r="139991" spans="14:14">
      <c r="N139991" s="10"/>
    </row>
    <row r="139992" spans="14:14">
      <c r="N139992" s="10"/>
    </row>
    <row r="139993" spans="14:14">
      <c r="N139993" s="10"/>
    </row>
    <row r="139994" spans="14:14">
      <c r="N139994" s="10"/>
    </row>
    <row r="139995" spans="14:14">
      <c r="N139995" s="10"/>
    </row>
    <row r="139996" spans="14:14">
      <c r="N139996" s="10"/>
    </row>
    <row r="139997" spans="14:14">
      <c r="N139997" s="10"/>
    </row>
    <row r="139998" spans="14:14">
      <c r="N139998" s="10"/>
    </row>
    <row r="139999" spans="14:14">
      <c r="N139999" s="10"/>
    </row>
    <row r="140000" spans="14:14">
      <c r="N140000" s="10"/>
    </row>
    <row r="140001" spans="14:14">
      <c r="N140001" s="10"/>
    </row>
    <row r="140002" spans="14:14">
      <c r="N140002" s="10"/>
    </row>
    <row r="140003" spans="14:14">
      <c r="N140003" s="10"/>
    </row>
    <row r="140004" spans="14:14">
      <c r="N140004" s="10"/>
    </row>
    <row r="140005" spans="14:14">
      <c r="N140005" s="10"/>
    </row>
    <row r="140006" spans="14:14">
      <c r="N140006" s="10"/>
    </row>
    <row r="140007" spans="14:14">
      <c r="N140007" s="10"/>
    </row>
    <row r="140008" spans="14:14">
      <c r="N140008" s="10"/>
    </row>
    <row r="140009" spans="14:14">
      <c r="N140009" s="10"/>
    </row>
    <row r="140010" spans="14:14">
      <c r="N140010" s="10"/>
    </row>
    <row r="140011" spans="14:14">
      <c r="N140011" s="10"/>
    </row>
    <row r="140012" spans="14:14">
      <c r="N140012" s="10"/>
    </row>
    <row r="140013" spans="14:14">
      <c r="N140013" s="10"/>
    </row>
    <row r="140014" spans="14:14">
      <c r="N140014" s="10"/>
    </row>
    <row r="140015" spans="14:14">
      <c r="N140015" s="10"/>
    </row>
    <row r="140016" spans="14:14">
      <c r="N140016" s="10"/>
    </row>
    <row r="140017" spans="14:14">
      <c r="N140017" s="10"/>
    </row>
    <row r="140018" spans="14:14">
      <c r="N140018" s="10"/>
    </row>
    <row r="140019" spans="14:14">
      <c r="N140019" s="10"/>
    </row>
    <row r="140020" spans="14:14">
      <c r="N140020" s="10"/>
    </row>
    <row r="140021" spans="14:14">
      <c r="N140021" s="10"/>
    </row>
    <row r="140022" spans="14:14">
      <c r="N140022" s="10"/>
    </row>
    <row r="140023" spans="14:14">
      <c r="N140023" s="10"/>
    </row>
    <row r="140024" spans="14:14">
      <c r="N140024" s="10"/>
    </row>
    <row r="140025" spans="14:14">
      <c r="N140025" s="10"/>
    </row>
    <row r="140026" spans="14:14">
      <c r="N140026" s="10"/>
    </row>
    <row r="140027" spans="14:14">
      <c r="N140027" s="10"/>
    </row>
    <row r="140028" spans="14:14">
      <c r="N140028" s="10"/>
    </row>
    <row r="140029" spans="14:14">
      <c r="N140029" s="10"/>
    </row>
    <row r="140030" spans="14:14">
      <c r="N140030" s="10"/>
    </row>
    <row r="140031" spans="14:14">
      <c r="N140031" s="10"/>
    </row>
    <row r="140032" spans="14:14">
      <c r="N140032" s="10"/>
    </row>
    <row r="140033" spans="14:14">
      <c r="N140033" s="10"/>
    </row>
    <row r="140034" spans="14:14">
      <c r="N140034" s="10"/>
    </row>
    <row r="140035" spans="14:14">
      <c r="N140035" s="10"/>
    </row>
    <row r="140036" spans="14:14">
      <c r="N140036" s="10"/>
    </row>
    <row r="140037" spans="14:14">
      <c r="N140037" s="10"/>
    </row>
    <row r="140038" spans="14:14">
      <c r="N140038" s="10"/>
    </row>
    <row r="140039" spans="14:14">
      <c r="N140039" s="10"/>
    </row>
    <row r="140040" spans="14:14">
      <c r="N140040" s="10"/>
    </row>
    <row r="140041" spans="14:14">
      <c r="N140041" s="10"/>
    </row>
    <row r="140042" spans="14:14">
      <c r="N140042" s="10"/>
    </row>
    <row r="140043" spans="14:14">
      <c r="N140043" s="10"/>
    </row>
    <row r="140044" spans="14:14">
      <c r="N140044" s="10"/>
    </row>
    <row r="140045" spans="14:14">
      <c r="N140045" s="10"/>
    </row>
    <row r="140046" spans="14:14">
      <c r="N140046" s="10"/>
    </row>
    <row r="140047" spans="14:14">
      <c r="N140047" s="10"/>
    </row>
    <row r="140048" spans="14:14">
      <c r="N140048" s="10"/>
    </row>
    <row r="140049" spans="14:14">
      <c r="N140049" s="10"/>
    </row>
    <row r="140050" spans="14:14">
      <c r="N140050" s="10"/>
    </row>
    <row r="140051" spans="14:14">
      <c r="N140051" s="10"/>
    </row>
    <row r="140052" spans="14:14">
      <c r="N140052" s="10"/>
    </row>
    <row r="140053" spans="14:14">
      <c r="N140053" s="10"/>
    </row>
    <row r="140054" spans="14:14">
      <c r="N140054" s="10"/>
    </row>
    <row r="140055" spans="14:14">
      <c r="N140055" s="10"/>
    </row>
    <row r="140056" spans="14:14">
      <c r="N140056" s="10"/>
    </row>
    <row r="140057" spans="14:14">
      <c r="N140057" s="10"/>
    </row>
    <row r="140058" spans="14:14">
      <c r="N140058" s="10"/>
    </row>
    <row r="140059" spans="14:14">
      <c r="N140059" s="10"/>
    </row>
    <row r="140060" spans="14:14">
      <c r="N140060" s="10"/>
    </row>
    <row r="140061" spans="14:14">
      <c r="N140061" s="10"/>
    </row>
    <row r="140062" spans="14:14">
      <c r="N140062" s="10"/>
    </row>
    <row r="140063" spans="14:14">
      <c r="N140063" s="10"/>
    </row>
    <row r="140064" spans="14:14">
      <c r="N140064" s="10"/>
    </row>
    <row r="140065" spans="14:14">
      <c r="N140065" s="10"/>
    </row>
    <row r="140066" spans="14:14">
      <c r="N140066" s="10"/>
    </row>
    <row r="140067" spans="14:14">
      <c r="N140067" s="10"/>
    </row>
    <row r="140068" spans="14:14">
      <c r="N140068" s="10"/>
    </row>
    <row r="140069" spans="14:14">
      <c r="N140069" s="10"/>
    </row>
    <row r="140070" spans="14:14">
      <c r="N140070" s="10"/>
    </row>
    <row r="140071" spans="14:14">
      <c r="N140071" s="10"/>
    </row>
    <row r="140072" spans="14:14">
      <c r="N140072" s="10"/>
    </row>
    <row r="140073" spans="14:14">
      <c r="N140073" s="10"/>
    </row>
    <row r="140074" spans="14:14">
      <c r="N140074" s="10"/>
    </row>
    <row r="140075" spans="14:14">
      <c r="N140075" s="10"/>
    </row>
    <row r="140076" spans="14:14">
      <c r="N140076" s="10"/>
    </row>
    <row r="140077" spans="14:14">
      <c r="N140077" s="10"/>
    </row>
    <row r="140078" spans="14:14">
      <c r="N140078" s="10"/>
    </row>
    <row r="140079" spans="14:14">
      <c r="N140079" s="10"/>
    </row>
    <row r="140080" spans="14:14">
      <c r="N140080" s="10"/>
    </row>
    <row r="140081" spans="14:14">
      <c r="N140081" s="10"/>
    </row>
    <row r="140082" spans="14:14">
      <c r="N140082" s="10"/>
    </row>
    <row r="140083" spans="14:14">
      <c r="N140083" s="10"/>
    </row>
    <row r="140084" spans="14:14">
      <c r="N140084" s="10"/>
    </row>
    <row r="140085" spans="14:14">
      <c r="N140085" s="10"/>
    </row>
    <row r="140086" spans="14:14">
      <c r="N140086" s="10"/>
    </row>
    <row r="140087" spans="14:14">
      <c r="N140087" s="10"/>
    </row>
    <row r="140088" spans="14:14">
      <c r="N140088" s="10"/>
    </row>
    <row r="140089" spans="14:14">
      <c r="N140089" s="10"/>
    </row>
    <row r="140090" spans="14:14">
      <c r="N140090" s="10"/>
    </row>
    <row r="140091" spans="14:14">
      <c r="N140091" s="10"/>
    </row>
    <row r="140092" spans="14:14">
      <c r="N140092" s="10"/>
    </row>
    <row r="140093" spans="14:14">
      <c r="N140093" s="10"/>
    </row>
    <row r="140094" spans="14:14">
      <c r="N140094" s="10"/>
    </row>
    <row r="140095" spans="14:14">
      <c r="N140095" s="10"/>
    </row>
    <row r="140096" spans="14:14">
      <c r="N140096" s="10"/>
    </row>
    <row r="140097" spans="14:14">
      <c r="N140097" s="10"/>
    </row>
    <row r="140098" spans="14:14">
      <c r="N140098" s="10"/>
    </row>
    <row r="140099" spans="14:14">
      <c r="N140099" s="10"/>
    </row>
    <row r="140100" spans="14:14">
      <c r="N140100" s="10"/>
    </row>
    <row r="140101" spans="14:14">
      <c r="N140101" s="10"/>
    </row>
    <row r="140102" spans="14:14">
      <c r="N140102" s="10"/>
    </row>
    <row r="140103" spans="14:14">
      <c r="N140103" s="10"/>
    </row>
    <row r="140104" spans="14:14">
      <c r="N140104" s="10"/>
    </row>
    <row r="140105" spans="14:14">
      <c r="N140105" s="10"/>
    </row>
    <row r="140106" spans="14:14">
      <c r="N140106" s="10"/>
    </row>
    <row r="140107" spans="14:14">
      <c r="N140107" s="10"/>
    </row>
    <row r="140108" spans="14:14">
      <c r="N140108" s="10"/>
    </row>
    <row r="140109" spans="14:14">
      <c r="N140109" s="10"/>
    </row>
    <row r="140110" spans="14:14">
      <c r="N140110" s="10"/>
    </row>
    <row r="140111" spans="14:14">
      <c r="N140111" s="10"/>
    </row>
    <row r="140112" spans="14:14">
      <c r="N140112" s="10"/>
    </row>
    <row r="140113" spans="14:14">
      <c r="N140113" s="10"/>
    </row>
    <row r="140114" spans="14:14">
      <c r="N140114" s="10"/>
    </row>
    <row r="140115" spans="14:14">
      <c r="N140115" s="10"/>
    </row>
    <row r="140116" spans="14:14">
      <c r="N140116" s="10"/>
    </row>
    <row r="140117" spans="14:14">
      <c r="N140117" s="10"/>
    </row>
    <row r="140118" spans="14:14">
      <c r="N140118" s="10"/>
    </row>
    <row r="140119" spans="14:14">
      <c r="N140119" s="10"/>
    </row>
    <row r="140120" spans="14:14">
      <c r="N140120" s="10"/>
    </row>
    <row r="140121" spans="14:14">
      <c r="N140121" s="10"/>
    </row>
    <row r="140122" spans="14:14">
      <c r="N140122" s="10"/>
    </row>
    <row r="140123" spans="14:14">
      <c r="N140123" s="10"/>
    </row>
    <row r="140124" spans="14:14">
      <c r="N140124" s="10"/>
    </row>
    <row r="140125" spans="14:14">
      <c r="N140125" s="10"/>
    </row>
    <row r="140126" spans="14:14">
      <c r="N140126" s="10"/>
    </row>
    <row r="140127" spans="14:14">
      <c r="N140127" s="10"/>
    </row>
    <row r="140128" spans="14:14">
      <c r="N140128" s="10"/>
    </row>
    <row r="140129" spans="14:14">
      <c r="N140129" s="10"/>
    </row>
    <row r="140130" spans="14:14">
      <c r="N140130" s="10"/>
    </row>
    <row r="140131" spans="14:14">
      <c r="N140131" s="10"/>
    </row>
    <row r="140132" spans="14:14">
      <c r="N140132" s="10"/>
    </row>
    <row r="140133" spans="14:14">
      <c r="N140133" s="10"/>
    </row>
    <row r="140134" spans="14:14">
      <c r="N140134" s="10"/>
    </row>
    <row r="140135" spans="14:14">
      <c r="N140135" s="10"/>
    </row>
    <row r="140136" spans="14:14">
      <c r="N140136" s="10"/>
    </row>
    <row r="140137" spans="14:14">
      <c r="N140137" s="10"/>
    </row>
    <row r="140138" spans="14:14">
      <c r="N140138" s="10"/>
    </row>
    <row r="140139" spans="14:14">
      <c r="N140139" s="10"/>
    </row>
    <row r="140140" spans="14:14">
      <c r="N140140" s="10"/>
    </row>
    <row r="140141" spans="14:14">
      <c r="N140141" s="10"/>
    </row>
    <row r="140142" spans="14:14">
      <c r="N140142" s="10"/>
    </row>
    <row r="140143" spans="14:14">
      <c r="N140143" s="10"/>
    </row>
    <row r="140144" spans="14:14">
      <c r="N140144" s="10"/>
    </row>
    <row r="140145" spans="14:14">
      <c r="N140145" s="10"/>
    </row>
    <row r="140146" spans="14:14">
      <c r="N140146" s="10"/>
    </row>
    <row r="140147" spans="14:14">
      <c r="N140147" s="10"/>
    </row>
    <row r="140148" spans="14:14">
      <c r="N140148" s="10"/>
    </row>
    <row r="140149" spans="14:14">
      <c r="N140149" s="10"/>
    </row>
    <row r="140150" spans="14:14">
      <c r="N140150" s="10"/>
    </row>
    <row r="140151" spans="14:14">
      <c r="N140151" s="10"/>
    </row>
    <row r="140152" spans="14:14">
      <c r="N140152" s="10"/>
    </row>
    <row r="140153" spans="14:14">
      <c r="N140153" s="10"/>
    </row>
    <row r="140154" spans="14:14">
      <c r="N140154" s="10"/>
    </row>
    <row r="140155" spans="14:14">
      <c r="N140155" s="10"/>
    </row>
    <row r="140156" spans="14:14">
      <c r="N140156" s="10"/>
    </row>
    <row r="140157" spans="14:14">
      <c r="N140157" s="10"/>
    </row>
    <row r="140158" spans="14:14">
      <c r="N140158" s="10"/>
    </row>
    <row r="140159" spans="14:14">
      <c r="N140159" s="10"/>
    </row>
    <row r="140160" spans="14:14">
      <c r="N140160" s="10"/>
    </row>
    <row r="140161" spans="14:14">
      <c r="N140161" s="10"/>
    </row>
    <row r="140162" spans="14:14">
      <c r="N140162" s="10"/>
    </row>
    <row r="140163" spans="14:14">
      <c r="N140163" s="10"/>
    </row>
    <row r="140164" spans="14:14">
      <c r="N140164" s="10"/>
    </row>
    <row r="140165" spans="14:14">
      <c r="N140165" s="10"/>
    </row>
    <row r="140166" spans="14:14">
      <c r="N140166" s="10"/>
    </row>
    <row r="140167" spans="14:14">
      <c r="N140167" s="10"/>
    </row>
    <row r="140168" spans="14:14">
      <c r="N140168" s="10"/>
    </row>
    <row r="140169" spans="14:14">
      <c r="N140169" s="10"/>
    </row>
    <row r="140170" spans="14:14">
      <c r="N140170" s="10"/>
    </row>
    <row r="140171" spans="14:14">
      <c r="N140171" s="10"/>
    </row>
    <row r="140172" spans="14:14">
      <c r="N140172" s="10"/>
    </row>
    <row r="140173" spans="14:14">
      <c r="N140173" s="10"/>
    </row>
    <row r="140174" spans="14:14">
      <c r="N140174" s="10"/>
    </row>
    <row r="140175" spans="14:14">
      <c r="N140175" s="10"/>
    </row>
    <row r="140176" spans="14:14">
      <c r="N140176" s="10"/>
    </row>
    <row r="140177" spans="14:14">
      <c r="N140177" s="10"/>
    </row>
    <row r="140178" spans="14:14">
      <c r="N140178" s="10"/>
    </row>
    <row r="140179" spans="14:14">
      <c r="N140179" s="10"/>
    </row>
    <row r="140180" spans="14:14">
      <c r="N140180" s="10"/>
    </row>
    <row r="140181" spans="14:14">
      <c r="N140181" s="10"/>
    </row>
    <row r="140182" spans="14:14">
      <c r="N140182" s="10"/>
    </row>
    <row r="140183" spans="14:14">
      <c r="N140183" s="10"/>
    </row>
    <row r="140184" spans="14:14">
      <c r="N140184" s="10"/>
    </row>
    <row r="140185" spans="14:14">
      <c r="N140185" s="10"/>
    </row>
    <row r="140186" spans="14:14">
      <c r="N140186" s="10"/>
    </row>
    <row r="140187" spans="14:14">
      <c r="N140187" s="10"/>
    </row>
    <row r="140188" spans="14:14">
      <c r="N140188" s="10"/>
    </row>
    <row r="140189" spans="14:14">
      <c r="N140189" s="10"/>
    </row>
    <row r="140190" spans="14:14">
      <c r="N140190" s="10"/>
    </row>
    <row r="140191" spans="14:14">
      <c r="N140191" s="10"/>
    </row>
    <row r="140192" spans="14:14">
      <c r="N140192" s="10"/>
    </row>
    <row r="140193" spans="14:14">
      <c r="N140193" s="10"/>
    </row>
    <row r="140194" spans="14:14">
      <c r="N140194" s="10"/>
    </row>
    <row r="140195" spans="14:14">
      <c r="N140195" s="10"/>
    </row>
    <row r="140196" spans="14:14">
      <c r="N140196" s="10"/>
    </row>
    <row r="140197" spans="14:14">
      <c r="N140197" s="10"/>
    </row>
    <row r="140198" spans="14:14">
      <c r="N140198" s="10"/>
    </row>
    <row r="140199" spans="14:14">
      <c r="N140199" s="10"/>
    </row>
    <row r="140200" spans="14:14">
      <c r="N140200" s="10"/>
    </row>
    <row r="140201" spans="14:14">
      <c r="N140201" s="10"/>
    </row>
    <row r="140202" spans="14:14">
      <c r="N140202" s="10"/>
    </row>
    <row r="140203" spans="14:14">
      <c r="N140203" s="10"/>
    </row>
    <row r="140204" spans="14:14">
      <c r="N140204" s="10"/>
    </row>
    <row r="140205" spans="14:14">
      <c r="N140205" s="10"/>
    </row>
    <row r="140206" spans="14:14">
      <c r="N140206" s="10"/>
    </row>
    <row r="140207" spans="14:14">
      <c r="N140207" s="10"/>
    </row>
    <row r="140208" spans="14:14">
      <c r="N140208" s="10"/>
    </row>
    <row r="140209" spans="14:14">
      <c r="N140209" s="10"/>
    </row>
    <row r="140210" spans="14:14">
      <c r="N140210" s="10"/>
    </row>
    <row r="140211" spans="14:14">
      <c r="N140211" s="10"/>
    </row>
    <row r="140212" spans="14:14">
      <c r="N140212" s="10"/>
    </row>
    <row r="140213" spans="14:14">
      <c r="N140213" s="10"/>
    </row>
    <row r="140214" spans="14:14">
      <c r="N140214" s="10"/>
    </row>
    <row r="140215" spans="14:14">
      <c r="N140215" s="10"/>
    </row>
    <row r="140216" spans="14:14">
      <c r="N140216" s="10"/>
    </row>
    <row r="140217" spans="14:14">
      <c r="N140217" s="10"/>
    </row>
    <row r="140218" spans="14:14">
      <c r="N140218" s="10"/>
    </row>
    <row r="140219" spans="14:14">
      <c r="N140219" s="10"/>
    </row>
    <row r="140220" spans="14:14">
      <c r="N140220" s="10"/>
    </row>
    <row r="140221" spans="14:14">
      <c r="N140221" s="10"/>
    </row>
    <row r="140222" spans="14:14">
      <c r="N140222" s="10"/>
    </row>
    <row r="140223" spans="14:14">
      <c r="N140223" s="10"/>
    </row>
    <row r="140224" spans="14:14">
      <c r="N140224" s="10"/>
    </row>
    <row r="140225" spans="14:14">
      <c r="N140225" s="10"/>
    </row>
    <row r="140226" spans="14:14">
      <c r="N140226" s="10"/>
    </row>
    <row r="140227" spans="14:14">
      <c r="N140227" s="10"/>
    </row>
    <row r="140228" spans="14:14">
      <c r="N140228" s="10"/>
    </row>
    <row r="140229" spans="14:14">
      <c r="N140229" s="10"/>
    </row>
    <row r="140230" spans="14:14">
      <c r="N140230" s="10"/>
    </row>
    <row r="140231" spans="14:14">
      <c r="N140231" s="10"/>
    </row>
    <row r="140232" spans="14:14">
      <c r="N140232" s="10"/>
    </row>
    <row r="140233" spans="14:14">
      <c r="N140233" s="10"/>
    </row>
    <row r="140234" spans="14:14">
      <c r="N140234" s="10"/>
    </row>
    <row r="140235" spans="14:14">
      <c r="N140235" s="10"/>
    </row>
    <row r="140236" spans="14:14">
      <c r="N140236" s="10"/>
    </row>
    <row r="140237" spans="14:14">
      <c r="N140237" s="10"/>
    </row>
    <row r="140238" spans="14:14">
      <c r="N140238" s="10"/>
    </row>
    <row r="140239" spans="14:14">
      <c r="N140239" s="10"/>
    </row>
    <row r="140240" spans="14:14">
      <c r="N140240" s="10"/>
    </row>
    <row r="140241" spans="14:14">
      <c r="N140241" s="10"/>
    </row>
    <row r="140242" spans="14:14">
      <c r="N140242" s="10"/>
    </row>
    <row r="140243" spans="14:14">
      <c r="N140243" s="10"/>
    </row>
    <row r="140244" spans="14:14">
      <c r="N140244" s="10"/>
    </row>
    <row r="140245" spans="14:14">
      <c r="N140245" s="10"/>
    </row>
    <row r="140246" spans="14:14">
      <c r="N140246" s="10"/>
    </row>
    <row r="140247" spans="14:14">
      <c r="N140247" s="10"/>
    </row>
    <row r="140248" spans="14:14">
      <c r="N140248" s="10"/>
    </row>
    <row r="140249" spans="14:14">
      <c r="N140249" s="10"/>
    </row>
    <row r="140250" spans="14:14">
      <c r="N140250" s="10"/>
    </row>
    <row r="140251" spans="14:14">
      <c r="N140251" s="10"/>
    </row>
    <row r="140252" spans="14:14">
      <c r="N140252" s="10"/>
    </row>
    <row r="140253" spans="14:14">
      <c r="N140253" s="10"/>
    </row>
    <row r="140254" spans="14:14">
      <c r="N140254" s="10"/>
    </row>
    <row r="140255" spans="14:14">
      <c r="N140255" s="10"/>
    </row>
    <row r="140256" spans="14:14">
      <c r="N140256" s="10"/>
    </row>
    <row r="140257" spans="14:14">
      <c r="N140257" s="10"/>
    </row>
    <row r="140258" spans="14:14">
      <c r="N140258" s="10"/>
    </row>
    <row r="140259" spans="14:14">
      <c r="N140259" s="10"/>
    </row>
    <row r="140260" spans="14:14">
      <c r="N140260" s="10"/>
    </row>
    <row r="140261" spans="14:14">
      <c r="N140261" s="10"/>
    </row>
    <row r="140262" spans="14:14">
      <c r="N140262" s="10"/>
    </row>
    <row r="140263" spans="14:14">
      <c r="N140263" s="10"/>
    </row>
    <row r="140264" spans="14:14">
      <c r="N140264" s="10"/>
    </row>
    <row r="140265" spans="14:14">
      <c r="N140265" s="10"/>
    </row>
    <row r="140266" spans="14:14">
      <c r="N140266" s="10"/>
    </row>
    <row r="140267" spans="14:14">
      <c r="N140267" s="10"/>
    </row>
    <row r="140268" spans="14:14">
      <c r="N140268" s="10"/>
    </row>
    <row r="140269" spans="14:14">
      <c r="N140269" s="10"/>
    </row>
    <row r="140270" spans="14:14">
      <c r="N140270" s="10"/>
    </row>
    <row r="140271" spans="14:14">
      <c r="N140271" s="10"/>
    </row>
    <row r="140272" spans="14:14">
      <c r="N140272" s="10"/>
    </row>
    <row r="140273" spans="14:14">
      <c r="N140273" s="10"/>
    </row>
    <row r="140274" spans="14:14">
      <c r="N140274" s="10"/>
    </row>
    <row r="140275" spans="14:14">
      <c r="N140275" s="10"/>
    </row>
    <row r="140276" spans="14:14">
      <c r="N140276" s="10"/>
    </row>
    <row r="140277" spans="14:14">
      <c r="N140277" s="10"/>
    </row>
    <row r="140278" spans="14:14">
      <c r="N140278" s="10"/>
    </row>
    <row r="140279" spans="14:14">
      <c r="N140279" s="10"/>
    </row>
    <row r="140280" spans="14:14">
      <c r="N140280" s="10"/>
    </row>
    <row r="140281" spans="14:14">
      <c r="N140281" s="10"/>
    </row>
    <row r="140282" spans="14:14">
      <c r="N140282" s="10"/>
    </row>
    <row r="140283" spans="14:14">
      <c r="N140283" s="10"/>
    </row>
    <row r="140284" spans="14:14">
      <c r="N140284" s="10"/>
    </row>
    <row r="140285" spans="14:14">
      <c r="N140285" s="10"/>
    </row>
    <row r="140286" spans="14:14">
      <c r="N140286" s="10"/>
    </row>
    <row r="140287" spans="14:14">
      <c r="N140287" s="10"/>
    </row>
    <row r="140288" spans="14:14">
      <c r="N140288" s="10"/>
    </row>
    <row r="140289" spans="14:14">
      <c r="N140289" s="10"/>
    </row>
    <row r="140290" spans="14:14">
      <c r="N140290" s="10"/>
    </row>
    <row r="140291" spans="14:14">
      <c r="N140291" s="10"/>
    </row>
    <row r="140292" spans="14:14">
      <c r="N140292" s="10"/>
    </row>
    <row r="140293" spans="14:14">
      <c r="N140293" s="10"/>
    </row>
    <row r="140294" spans="14:14">
      <c r="N140294" s="10"/>
    </row>
    <row r="140295" spans="14:14">
      <c r="N140295" s="10"/>
    </row>
    <row r="140296" spans="14:14">
      <c r="N140296" s="10"/>
    </row>
    <row r="140297" spans="14:14">
      <c r="N140297" s="10"/>
    </row>
    <row r="140298" spans="14:14">
      <c r="N140298" s="10"/>
    </row>
    <row r="140299" spans="14:14">
      <c r="N140299" s="10"/>
    </row>
    <row r="140300" spans="14:14">
      <c r="N140300" s="10"/>
    </row>
    <row r="140301" spans="14:14">
      <c r="N140301" s="10"/>
    </row>
    <row r="140302" spans="14:14">
      <c r="N140302" s="10"/>
    </row>
    <row r="140303" spans="14:14">
      <c r="N140303" s="10"/>
    </row>
    <row r="140304" spans="14:14">
      <c r="N140304" s="10"/>
    </row>
    <row r="140305" spans="14:14">
      <c r="N140305" s="10"/>
    </row>
    <row r="140306" spans="14:14">
      <c r="N140306" s="10"/>
    </row>
    <row r="140307" spans="14:14">
      <c r="N140307" s="10"/>
    </row>
    <row r="140308" spans="14:14">
      <c r="N140308" s="10"/>
    </row>
    <row r="140309" spans="14:14">
      <c r="N140309" s="10"/>
    </row>
    <row r="140310" spans="14:14">
      <c r="N140310" s="10"/>
    </row>
    <row r="140311" spans="14:14">
      <c r="N140311" s="10"/>
    </row>
    <row r="140312" spans="14:14">
      <c r="N140312" s="10"/>
    </row>
    <row r="140313" spans="14:14">
      <c r="N140313" s="10"/>
    </row>
    <row r="140314" spans="14:14">
      <c r="N140314" s="10"/>
    </row>
    <row r="140315" spans="14:14">
      <c r="N140315" s="10"/>
    </row>
    <row r="140316" spans="14:14">
      <c r="N140316" s="10"/>
    </row>
    <row r="140317" spans="14:14">
      <c r="N140317" s="10"/>
    </row>
    <row r="140318" spans="14:14">
      <c r="N140318" s="10"/>
    </row>
    <row r="140319" spans="14:14">
      <c r="N140319" s="10"/>
    </row>
    <row r="140320" spans="14:14">
      <c r="N140320" s="10"/>
    </row>
    <row r="140321" spans="14:14">
      <c r="N140321" s="10"/>
    </row>
    <row r="140322" spans="14:14">
      <c r="N140322" s="10"/>
    </row>
    <row r="140323" spans="14:14">
      <c r="N140323" s="10"/>
    </row>
    <row r="140324" spans="14:14">
      <c r="N140324" s="10"/>
    </row>
    <row r="140325" spans="14:14">
      <c r="N140325" s="10"/>
    </row>
    <row r="140326" spans="14:14">
      <c r="N140326" s="10"/>
    </row>
    <row r="140327" spans="14:14">
      <c r="N140327" s="10"/>
    </row>
    <row r="140328" spans="14:14">
      <c r="N140328" s="10"/>
    </row>
    <row r="140329" spans="14:14">
      <c r="N140329" s="10"/>
    </row>
    <row r="140330" spans="14:14">
      <c r="N140330" s="10"/>
    </row>
    <row r="140331" spans="14:14">
      <c r="N140331" s="10"/>
    </row>
    <row r="140332" spans="14:14">
      <c r="N140332" s="10"/>
    </row>
    <row r="140333" spans="14:14">
      <c r="N140333" s="10"/>
    </row>
    <row r="140334" spans="14:14">
      <c r="N140334" s="10"/>
    </row>
    <row r="140335" spans="14:14">
      <c r="N140335" s="10"/>
    </row>
    <row r="140336" spans="14:14">
      <c r="N140336" s="10"/>
    </row>
    <row r="140337" spans="14:14">
      <c r="N140337" s="10"/>
    </row>
    <row r="140338" spans="14:14">
      <c r="N140338" s="10"/>
    </row>
    <row r="140339" spans="14:14">
      <c r="N140339" s="10"/>
    </row>
    <row r="140340" spans="14:14">
      <c r="N140340" s="10"/>
    </row>
    <row r="140341" spans="14:14">
      <c r="N140341" s="10"/>
    </row>
    <row r="140342" spans="14:14">
      <c r="N140342" s="10"/>
    </row>
    <row r="140343" spans="14:14">
      <c r="N140343" s="10"/>
    </row>
    <row r="140344" spans="14:14">
      <c r="N140344" s="10"/>
    </row>
    <row r="140345" spans="14:14">
      <c r="N140345" s="10"/>
    </row>
    <row r="140346" spans="14:14">
      <c r="N140346" s="10"/>
    </row>
    <row r="140347" spans="14:14">
      <c r="N140347" s="10"/>
    </row>
    <row r="140348" spans="14:14">
      <c r="N140348" s="10"/>
    </row>
    <row r="140349" spans="14:14">
      <c r="N140349" s="10"/>
    </row>
    <row r="140350" spans="14:14">
      <c r="N140350" s="10"/>
    </row>
    <row r="140351" spans="14:14">
      <c r="N140351" s="10"/>
    </row>
    <row r="140352" spans="14:14">
      <c r="N140352" s="10"/>
    </row>
    <row r="140353" spans="14:14">
      <c r="N140353" s="10"/>
    </row>
    <row r="140354" spans="14:14">
      <c r="N140354" s="10"/>
    </row>
    <row r="140355" spans="14:14">
      <c r="N140355" s="10"/>
    </row>
    <row r="140356" spans="14:14">
      <c r="N140356" s="10"/>
    </row>
    <row r="140357" spans="14:14">
      <c r="N140357" s="10"/>
    </row>
    <row r="140358" spans="14:14">
      <c r="N140358" s="10"/>
    </row>
    <row r="140359" spans="14:14">
      <c r="N140359" s="10"/>
    </row>
    <row r="140360" spans="14:14">
      <c r="N140360" s="10"/>
    </row>
    <row r="140361" spans="14:14">
      <c r="N140361" s="10"/>
    </row>
    <row r="140362" spans="14:14">
      <c r="N140362" s="10"/>
    </row>
    <row r="140363" spans="14:14">
      <c r="N140363" s="10"/>
    </row>
    <row r="140364" spans="14:14">
      <c r="N140364" s="10"/>
    </row>
    <row r="140365" spans="14:14">
      <c r="N140365" s="10"/>
    </row>
    <row r="140366" spans="14:14">
      <c r="N140366" s="10"/>
    </row>
    <row r="140367" spans="14:14">
      <c r="N140367" s="10"/>
    </row>
    <row r="140368" spans="14:14">
      <c r="N140368" s="10"/>
    </row>
    <row r="140369" spans="14:14">
      <c r="N140369" s="10"/>
    </row>
    <row r="140370" spans="14:14">
      <c r="N140370" s="10"/>
    </row>
    <row r="140371" spans="14:14">
      <c r="N140371" s="10"/>
    </row>
    <row r="140372" spans="14:14">
      <c r="N140372" s="10"/>
    </row>
    <row r="140373" spans="14:14">
      <c r="N140373" s="10"/>
    </row>
    <row r="140374" spans="14:14">
      <c r="N140374" s="10"/>
    </row>
    <row r="140375" spans="14:14">
      <c r="N140375" s="10"/>
    </row>
    <row r="140376" spans="14:14">
      <c r="N140376" s="10"/>
    </row>
    <row r="140377" spans="14:14">
      <c r="N140377" s="10"/>
    </row>
    <row r="140378" spans="14:14">
      <c r="N140378" s="10"/>
    </row>
    <row r="140379" spans="14:14">
      <c r="N140379" s="10"/>
    </row>
    <row r="140380" spans="14:14">
      <c r="N140380" s="10"/>
    </row>
    <row r="140381" spans="14:14">
      <c r="N140381" s="10"/>
    </row>
    <row r="140382" spans="14:14">
      <c r="N140382" s="10"/>
    </row>
    <row r="140383" spans="14:14">
      <c r="N140383" s="10"/>
    </row>
    <row r="140384" spans="14:14">
      <c r="N140384" s="10"/>
    </row>
    <row r="140385" spans="14:14">
      <c r="N140385" s="10"/>
    </row>
    <row r="140386" spans="14:14">
      <c r="N140386" s="10"/>
    </row>
    <row r="140387" spans="14:14">
      <c r="N140387" s="10"/>
    </row>
    <row r="140388" spans="14:14">
      <c r="N140388" s="10"/>
    </row>
    <row r="140389" spans="14:14">
      <c r="N140389" s="10"/>
    </row>
    <row r="140390" spans="14:14">
      <c r="N140390" s="10"/>
    </row>
    <row r="140391" spans="14:14">
      <c r="N140391" s="10"/>
    </row>
    <row r="140392" spans="14:14">
      <c r="N140392" s="10"/>
    </row>
    <row r="140393" spans="14:14">
      <c r="N140393" s="10"/>
    </row>
    <row r="140394" spans="14:14">
      <c r="N140394" s="10"/>
    </row>
    <row r="140395" spans="14:14">
      <c r="N140395" s="10"/>
    </row>
    <row r="140396" spans="14:14">
      <c r="N140396" s="10"/>
    </row>
    <row r="140397" spans="14:14">
      <c r="N140397" s="10"/>
    </row>
    <row r="140398" spans="14:14">
      <c r="N140398" s="10"/>
    </row>
    <row r="140399" spans="14:14">
      <c r="N140399" s="10"/>
    </row>
    <row r="140400" spans="14:14">
      <c r="N140400" s="10"/>
    </row>
    <row r="140401" spans="14:14">
      <c r="N140401" s="10"/>
    </row>
    <row r="140402" spans="14:14">
      <c r="N140402" s="10"/>
    </row>
    <row r="140403" spans="14:14">
      <c r="N140403" s="10"/>
    </row>
    <row r="140404" spans="14:14">
      <c r="N140404" s="10"/>
    </row>
    <row r="140405" spans="14:14">
      <c r="N140405" s="10"/>
    </row>
    <row r="140406" spans="14:14">
      <c r="N140406" s="10"/>
    </row>
    <row r="140407" spans="14:14">
      <c r="N140407" s="10"/>
    </row>
    <row r="140408" spans="14:14">
      <c r="N140408" s="10"/>
    </row>
    <row r="140409" spans="14:14">
      <c r="N140409" s="10"/>
    </row>
    <row r="140410" spans="14:14">
      <c r="N140410" s="10"/>
    </row>
    <row r="140411" spans="14:14">
      <c r="N140411" s="10"/>
    </row>
    <row r="140412" spans="14:14">
      <c r="N140412" s="10"/>
    </row>
    <row r="140413" spans="14:14">
      <c r="N140413" s="10"/>
    </row>
    <row r="140414" spans="14:14">
      <c r="N140414" s="10"/>
    </row>
    <row r="140415" spans="14:14">
      <c r="N140415" s="10"/>
    </row>
    <row r="140416" spans="14:14">
      <c r="N140416" s="10"/>
    </row>
    <row r="140417" spans="14:14">
      <c r="N140417" s="10"/>
    </row>
    <row r="140418" spans="14:14">
      <c r="N140418" s="10"/>
    </row>
    <row r="140419" spans="14:14">
      <c r="N140419" s="10"/>
    </row>
    <row r="140420" spans="14:14">
      <c r="N140420" s="10"/>
    </row>
    <row r="140421" spans="14:14">
      <c r="N140421" s="10"/>
    </row>
    <row r="140422" spans="14:14">
      <c r="N140422" s="10"/>
    </row>
    <row r="140423" spans="14:14">
      <c r="N140423" s="10"/>
    </row>
    <row r="140424" spans="14:14">
      <c r="N140424" s="10"/>
    </row>
    <row r="140425" spans="14:14">
      <c r="N140425" s="10"/>
    </row>
    <row r="140426" spans="14:14">
      <c r="N140426" s="10"/>
    </row>
    <row r="140427" spans="14:14">
      <c r="N140427" s="10"/>
    </row>
    <row r="140428" spans="14:14">
      <c r="N140428" s="10"/>
    </row>
    <row r="140429" spans="14:14">
      <c r="N140429" s="10"/>
    </row>
    <row r="140430" spans="14:14">
      <c r="N140430" s="10"/>
    </row>
    <row r="140431" spans="14:14">
      <c r="N140431" s="10"/>
    </row>
    <row r="140432" spans="14:14">
      <c r="N140432" s="10"/>
    </row>
    <row r="140433" spans="14:14">
      <c r="N140433" s="10"/>
    </row>
    <row r="140434" spans="14:14">
      <c r="N140434" s="10"/>
    </row>
    <row r="140435" spans="14:14">
      <c r="N140435" s="10"/>
    </row>
    <row r="140436" spans="14:14">
      <c r="N140436" s="10"/>
    </row>
    <row r="140437" spans="14:14">
      <c r="N140437" s="10"/>
    </row>
    <row r="140438" spans="14:14">
      <c r="N140438" s="10"/>
    </row>
    <row r="140439" spans="14:14">
      <c r="N140439" s="10"/>
    </row>
    <row r="140440" spans="14:14">
      <c r="N140440" s="10"/>
    </row>
    <row r="140441" spans="14:14">
      <c r="N140441" s="10"/>
    </row>
    <row r="140442" spans="14:14">
      <c r="N140442" s="10"/>
    </row>
    <row r="140443" spans="14:14">
      <c r="N140443" s="10"/>
    </row>
    <row r="140444" spans="14:14">
      <c r="N140444" s="10"/>
    </row>
    <row r="140445" spans="14:14">
      <c r="N140445" s="10"/>
    </row>
    <row r="140446" spans="14:14">
      <c r="N140446" s="10"/>
    </row>
    <row r="140447" spans="14:14">
      <c r="N140447" s="10"/>
    </row>
    <row r="140448" spans="14:14">
      <c r="N140448" s="10"/>
    </row>
    <row r="140449" spans="14:14">
      <c r="N140449" s="10"/>
    </row>
    <row r="140450" spans="14:14">
      <c r="N140450" s="10"/>
    </row>
    <row r="140451" spans="14:14">
      <c r="N140451" s="10"/>
    </row>
    <row r="140452" spans="14:14">
      <c r="N140452" s="10"/>
    </row>
    <row r="140453" spans="14:14">
      <c r="N140453" s="10"/>
    </row>
    <row r="140454" spans="14:14">
      <c r="N140454" s="10"/>
    </row>
    <row r="140455" spans="14:14">
      <c r="N140455" s="10"/>
    </row>
    <row r="140456" spans="14:14">
      <c r="N140456" s="10"/>
    </row>
    <row r="140457" spans="14:14">
      <c r="N140457" s="10"/>
    </row>
    <row r="140458" spans="14:14">
      <c r="N140458" s="10"/>
    </row>
    <row r="140459" spans="14:14">
      <c r="N140459" s="10"/>
    </row>
    <row r="140460" spans="14:14">
      <c r="N140460" s="10"/>
    </row>
    <row r="140461" spans="14:14">
      <c r="N140461" s="10"/>
    </row>
    <row r="140462" spans="14:14">
      <c r="N140462" s="10"/>
    </row>
    <row r="140463" spans="14:14">
      <c r="N140463" s="10"/>
    </row>
    <row r="140464" spans="14:14">
      <c r="N140464" s="10"/>
    </row>
    <row r="140465" spans="14:14">
      <c r="N140465" s="10"/>
    </row>
    <row r="140466" spans="14:14">
      <c r="N140466" s="10"/>
    </row>
    <row r="140467" spans="14:14">
      <c r="N140467" s="10"/>
    </row>
    <row r="140468" spans="14:14">
      <c r="N140468" s="10"/>
    </row>
    <row r="140469" spans="14:14">
      <c r="N140469" s="10"/>
    </row>
    <row r="140470" spans="14:14">
      <c r="N140470" s="10"/>
    </row>
    <row r="140471" spans="14:14">
      <c r="N140471" s="10"/>
    </row>
    <row r="140472" spans="14:14">
      <c r="N140472" s="10"/>
    </row>
    <row r="140473" spans="14:14">
      <c r="N140473" s="10"/>
    </row>
    <row r="140474" spans="14:14">
      <c r="N140474" s="10"/>
    </row>
    <row r="140475" spans="14:14">
      <c r="N140475" s="10"/>
    </row>
    <row r="140476" spans="14:14">
      <c r="N140476" s="10"/>
    </row>
    <row r="140477" spans="14:14">
      <c r="N140477" s="10"/>
    </row>
    <row r="140478" spans="14:14">
      <c r="N140478" s="10"/>
    </row>
    <row r="140479" spans="14:14">
      <c r="N140479" s="10"/>
    </row>
    <row r="140480" spans="14:14">
      <c r="N140480" s="10"/>
    </row>
    <row r="140481" spans="14:14">
      <c r="N140481" s="10"/>
    </row>
    <row r="140482" spans="14:14">
      <c r="N140482" s="10"/>
    </row>
    <row r="140483" spans="14:14">
      <c r="N140483" s="10"/>
    </row>
    <row r="140484" spans="14:14">
      <c r="N140484" s="10"/>
    </row>
    <row r="140485" spans="14:14">
      <c r="N140485" s="10"/>
    </row>
    <row r="140486" spans="14:14">
      <c r="N140486" s="10"/>
    </row>
    <row r="140487" spans="14:14">
      <c r="N140487" s="10"/>
    </row>
    <row r="140488" spans="14:14">
      <c r="N140488" s="10"/>
    </row>
    <row r="140489" spans="14:14">
      <c r="N140489" s="10"/>
    </row>
    <row r="140490" spans="14:14">
      <c r="N140490" s="10"/>
    </row>
    <row r="140491" spans="14:14">
      <c r="N140491" s="10"/>
    </row>
    <row r="140492" spans="14:14">
      <c r="N140492" s="10"/>
    </row>
    <row r="140493" spans="14:14">
      <c r="N140493" s="10"/>
    </row>
    <row r="140494" spans="14:14">
      <c r="N140494" s="10"/>
    </row>
    <row r="140495" spans="14:14">
      <c r="N140495" s="10"/>
    </row>
    <row r="140496" spans="14:14">
      <c r="N140496" s="10"/>
    </row>
    <row r="140497" spans="14:14">
      <c r="N140497" s="10"/>
    </row>
    <row r="140498" spans="14:14">
      <c r="N140498" s="10"/>
    </row>
    <row r="140499" spans="14:14">
      <c r="N140499" s="10"/>
    </row>
    <row r="140500" spans="14:14">
      <c r="N140500" s="10"/>
    </row>
    <row r="140501" spans="14:14">
      <c r="N140501" s="10"/>
    </row>
    <row r="140502" spans="14:14">
      <c r="N140502" s="10"/>
    </row>
    <row r="140503" spans="14:14">
      <c r="N140503" s="10"/>
    </row>
    <row r="140504" spans="14:14">
      <c r="N140504" s="10"/>
    </row>
    <row r="140505" spans="14:14">
      <c r="N140505" s="10"/>
    </row>
    <row r="140506" spans="14:14">
      <c r="N140506" s="10"/>
    </row>
    <row r="140507" spans="14:14">
      <c r="N140507" s="10"/>
    </row>
    <row r="140508" spans="14:14">
      <c r="N140508" s="10"/>
    </row>
    <row r="140509" spans="14:14">
      <c r="N140509" s="10"/>
    </row>
    <row r="140510" spans="14:14">
      <c r="N140510" s="10"/>
    </row>
    <row r="140511" spans="14:14">
      <c r="N140511" s="10"/>
    </row>
    <row r="140512" spans="14:14">
      <c r="N140512" s="10"/>
    </row>
    <row r="140513" spans="14:14">
      <c r="N140513" s="10"/>
    </row>
    <row r="140514" spans="14:14">
      <c r="N140514" s="10"/>
    </row>
    <row r="140515" spans="14:14">
      <c r="N140515" s="10"/>
    </row>
    <row r="140516" spans="14:14">
      <c r="N140516" s="10"/>
    </row>
    <row r="140517" spans="14:14">
      <c r="N140517" s="10"/>
    </row>
    <row r="140518" spans="14:14">
      <c r="N140518" s="10"/>
    </row>
    <row r="140519" spans="14:14">
      <c r="N140519" s="10"/>
    </row>
    <row r="140520" spans="14:14">
      <c r="N140520" s="10"/>
    </row>
    <row r="140521" spans="14:14">
      <c r="N140521" s="10"/>
    </row>
    <row r="140522" spans="14:14">
      <c r="N140522" s="10"/>
    </row>
    <row r="140523" spans="14:14">
      <c r="N140523" s="10"/>
    </row>
    <row r="140524" spans="14:14">
      <c r="N140524" s="10"/>
    </row>
    <row r="140525" spans="14:14">
      <c r="N140525" s="10"/>
    </row>
    <row r="140526" spans="14:14">
      <c r="N140526" s="10"/>
    </row>
    <row r="140527" spans="14:14">
      <c r="N140527" s="10"/>
    </row>
    <row r="140528" spans="14:14">
      <c r="N140528" s="10"/>
    </row>
    <row r="140529" spans="14:14">
      <c r="N140529" s="10"/>
    </row>
    <row r="140530" spans="14:14">
      <c r="N140530" s="10"/>
    </row>
    <row r="140531" spans="14:14">
      <c r="N140531" s="10"/>
    </row>
    <row r="140532" spans="14:14">
      <c r="N140532" s="10"/>
    </row>
    <row r="140533" spans="14:14">
      <c r="N140533" s="10"/>
    </row>
    <row r="140534" spans="14:14">
      <c r="N140534" s="10"/>
    </row>
    <row r="140535" spans="14:14">
      <c r="N140535" s="10"/>
    </row>
    <row r="140536" spans="14:14">
      <c r="N140536" s="10"/>
    </row>
    <row r="140537" spans="14:14">
      <c r="N140537" s="10"/>
    </row>
    <row r="140538" spans="14:14">
      <c r="N140538" s="10"/>
    </row>
    <row r="140539" spans="14:14">
      <c r="N140539" s="10"/>
    </row>
    <row r="140540" spans="14:14">
      <c r="N140540" s="10"/>
    </row>
    <row r="140541" spans="14:14">
      <c r="N140541" s="10"/>
    </row>
    <row r="140542" spans="14:14">
      <c r="N140542" s="10"/>
    </row>
    <row r="140543" spans="14:14">
      <c r="N140543" s="10"/>
    </row>
    <row r="140544" spans="14:14">
      <c r="N140544" s="10"/>
    </row>
    <row r="140545" spans="14:14">
      <c r="N140545" s="10"/>
    </row>
    <row r="140546" spans="14:14">
      <c r="N140546" s="10"/>
    </row>
    <row r="140547" spans="14:14">
      <c r="N140547" s="10"/>
    </row>
    <row r="140548" spans="14:14">
      <c r="N140548" s="10"/>
    </row>
    <row r="140549" spans="14:14">
      <c r="N140549" s="10"/>
    </row>
    <row r="140550" spans="14:14">
      <c r="N140550" s="10"/>
    </row>
    <row r="140551" spans="14:14">
      <c r="N140551" s="10"/>
    </row>
    <row r="140552" spans="14:14">
      <c r="N140552" s="10"/>
    </row>
    <row r="140553" spans="14:14">
      <c r="N140553" s="10"/>
    </row>
    <row r="140554" spans="14:14">
      <c r="N140554" s="10"/>
    </row>
    <row r="140555" spans="14:14">
      <c r="N140555" s="10"/>
    </row>
    <row r="140556" spans="14:14">
      <c r="N140556" s="10"/>
    </row>
    <row r="140557" spans="14:14">
      <c r="N140557" s="10"/>
    </row>
    <row r="140558" spans="14:14">
      <c r="N140558" s="10"/>
    </row>
    <row r="140559" spans="14:14">
      <c r="N140559" s="10"/>
    </row>
    <row r="140560" spans="14:14">
      <c r="N140560" s="10"/>
    </row>
    <row r="140561" spans="14:14">
      <c r="N140561" s="10"/>
    </row>
    <row r="140562" spans="14:14">
      <c r="N140562" s="10"/>
    </row>
    <row r="140563" spans="14:14">
      <c r="N140563" s="10"/>
    </row>
    <row r="140564" spans="14:14">
      <c r="N140564" s="10"/>
    </row>
    <row r="140565" spans="14:14">
      <c r="N140565" s="10"/>
    </row>
    <row r="140566" spans="14:14">
      <c r="N140566" s="10"/>
    </row>
    <row r="140567" spans="14:14">
      <c r="N140567" s="10"/>
    </row>
    <row r="140568" spans="14:14">
      <c r="N140568" s="10"/>
    </row>
    <row r="140569" spans="14:14">
      <c r="N140569" s="10"/>
    </row>
    <row r="140570" spans="14:14">
      <c r="N140570" s="10"/>
    </row>
    <row r="140571" spans="14:14">
      <c r="N140571" s="10"/>
    </row>
    <row r="140572" spans="14:14">
      <c r="N140572" s="10"/>
    </row>
    <row r="140573" spans="14:14">
      <c r="N140573" s="10"/>
    </row>
    <row r="140574" spans="14:14">
      <c r="N140574" s="10"/>
    </row>
    <row r="140575" spans="14:14">
      <c r="N140575" s="10"/>
    </row>
    <row r="140576" spans="14:14">
      <c r="N140576" s="10"/>
    </row>
    <row r="140577" spans="14:14">
      <c r="N140577" s="10"/>
    </row>
    <row r="140578" spans="14:14">
      <c r="N140578" s="10"/>
    </row>
    <row r="140579" spans="14:14">
      <c r="N140579" s="10"/>
    </row>
    <row r="140580" spans="14:14">
      <c r="N140580" s="10"/>
    </row>
    <row r="140581" spans="14:14">
      <c r="N140581" s="10"/>
    </row>
    <row r="140582" spans="14:14">
      <c r="N140582" s="10"/>
    </row>
    <row r="140583" spans="14:14">
      <c r="N140583" s="10"/>
    </row>
    <row r="140584" spans="14:14">
      <c r="N140584" s="10"/>
    </row>
    <row r="140585" spans="14:14">
      <c r="N140585" s="10"/>
    </row>
    <row r="140586" spans="14:14">
      <c r="N140586" s="10"/>
    </row>
    <row r="140587" spans="14:14">
      <c r="N140587" s="10"/>
    </row>
    <row r="140588" spans="14:14">
      <c r="N140588" s="10"/>
    </row>
    <row r="140589" spans="14:14">
      <c r="N140589" s="10"/>
    </row>
    <row r="140590" spans="14:14">
      <c r="N140590" s="10"/>
    </row>
    <row r="140591" spans="14:14">
      <c r="N140591" s="10"/>
    </row>
    <row r="140592" spans="14:14">
      <c r="N140592" s="10"/>
    </row>
    <row r="140593" spans="14:14">
      <c r="N140593" s="10"/>
    </row>
    <row r="140594" spans="14:14">
      <c r="N140594" s="10"/>
    </row>
    <row r="140595" spans="14:14">
      <c r="N140595" s="10"/>
    </row>
    <row r="140596" spans="14:14">
      <c r="N140596" s="10"/>
    </row>
    <row r="140597" spans="14:14">
      <c r="N140597" s="10"/>
    </row>
    <row r="140598" spans="14:14">
      <c r="N140598" s="10"/>
    </row>
    <row r="140599" spans="14:14">
      <c r="N140599" s="10"/>
    </row>
    <row r="140600" spans="14:14">
      <c r="N140600" s="10"/>
    </row>
    <row r="140601" spans="14:14">
      <c r="N140601" s="10"/>
    </row>
    <row r="140602" spans="14:14">
      <c r="N140602" s="10"/>
    </row>
    <row r="140603" spans="14:14">
      <c r="N140603" s="10"/>
    </row>
    <row r="140604" spans="14:14">
      <c r="N140604" s="10"/>
    </row>
    <row r="140605" spans="14:14">
      <c r="N140605" s="10"/>
    </row>
    <row r="140606" spans="14:14">
      <c r="N140606" s="10"/>
    </row>
    <row r="140607" spans="14:14">
      <c r="N140607" s="10"/>
    </row>
    <row r="140608" spans="14:14">
      <c r="N140608" s="10"/>
    </row>
    <row r="140609" spans="14:14">
      <c r="N140609" s="10"/>
    </row>
    <row r="140610" spans="14:14">
      <c r="N140610" s="10"/>
    </row>
    <row r="140611" spans="14:14">
      <c r="N140611" s="10"/>
    </row>
    <row r="140612" spans="14:14">
      <c r="N140612" s="10"/>
    </row>
    <row r="140613" spans="14:14">
      <c r="N140613" s="10"/>
    </row>
    <row r="140614" spans="14:14">
      <c r="N140614" s="10"/>
    </row>
    <row r="140615" spans="14:14">
      <c r="N140615" s="10"/>
    </row>
    <row r="140616" spans="14:14">
      <c r="N140616" s="10"/>
    </row>
    <row r="140617" spans="14:14">
      <c r="N140617" s="10"/>
    </row>
    <row r="140618" spans="14:14">
      <c r="N140618" s="10"/>
    </row>
    <row r="140619" spans="14:14">
      <c r="N140619" s="10"/>
    </row>
    <row r="140620" spans="14:14">
      <c r="N140620" s="10"/>
    </row>
    <row r="140621" spans="14:14">
      <c r="N140621" s="10"/>
    </row>
    <row r="140622" spans="14:14">
      <c r="N140622" s="10"/>
    </row>
    <row r="140623" spans="14:14">
      <c r="N140623" s="10"/>
    </row>
    <row r="140624" spans="14:14">
      <c r="N140624" s="10"/>
    </row>
    <row r="140625" spans="14:14">
      <c r="N140625" s="10"/>
    </row>
    <row r="140626" spans="14:14">
      <c r="N140626" s="10"/>
    </row>
    <row r="140627" spans="14:14">
      <c r="N140627" s="10"/>
    </row>
    <row r="140628" spans="14:14">
      <c r="N140628" s="10"/>
    </row>
    <row r="140629" spans="14:14">
      <c r="N140629" s="10"/>
    </row>
    <row r="140630" spans="14:14">
      <c r="N140630" s="10"/>
    </row>
    <row r="140631" spans="14:14">
      <c r="N140631" s="10"/>
    </row>
    <row r="140632" spans="14:14">
      <c r="N140632" s="10"/>
    </row>
    <row r="140633" spans="14:14">
      <c r="N140633" s="10"/>
    </row>
    <row r="140634" spans="14:14">
      <c r="N140634" s="10"/>
    </row>
    <row r="140635" spans="14:14">
      <c r="N140635" s="10"/>
    </row>
    <row r="140636" spans="14:14">
      <c r="N140636" s="10"/>
    </row>
    <row r="140637" spans="14:14">
      <c r="N140637" s="10"/>
    </row>
    <row r="140638" spans="14:14">
      <c r="N140638" s="10"/>
    </row>
    <row r="140639" spans="14:14">
      <c r="N140639" s="10"/>
    </row>
    <row r="140640" spans="14:14">
      <c r="N140640" s="10"/>
    </row>
    <row r="140641" spans="14:14">
      <c r="N140641" s="10"/>
    </row>
    <row r="140642" spans="14:14">
      <c r="N140642" s="10"/>
    </row>
    <row r="140643" spans="14:14">
      <c r="N140643" s="10"/>
    </row>
    <row r="140644" spans="14:14">
      <c r="N140644" s="10"/>
    </row>
    <row r="140645" spans="14:14">
      <c r="N140645" s="10"/>
    </row>
    <row r="140646" spans="14:14">
      <c r="N140646" s="10"/>
    </row>
    <row r="140647" spans="14:14">
      <c r="N140647" s="10"/>
    </row>
    <row r="140648" spans="14:14">
      <c r="N140648" s="10"/>
    </row>
    <row r="140649" spans="14:14">
      <c r="N140649" s="10"/>
    </row>
    <row r="140650" spans="14:14">
      <c r="N140650" s="10"/>
    </row>
    <row r="140651" spans="14:14">
      <c r="N140651" s="10"/>
    </row>
    <row r="140652" spans="14:14">
      <c r="N140652" s="10"/>
    </row>
    <row r="140653" spans="14:14">
      <c r="N140653" s="10"/>
    </row>
    <row r="140654" spans="14:14">
      <c r="N140654" s="10"/>
    </row>
    <row r="140655" spans="14:14">
      <c r="N140655" s="10"/>
    </row>
    <row r="140656" spans="14:14">
      <c r="N140656" s="10"/>
    </row>
    <row r="140657" spans="14:14">
      <c r="N140657" s="10"/>
    </row>
    <row r="140658" spans="14:14">
      <c r="N140658" s="10"/>
    </row>
    <row r="140659" spans="14:14">
      <c r="N140659" s="10"/>
    </row>
    <row r="140660" spans="14:14">
      <c r="N140660" s="10"/>
    </row>
    <row r="140661" spans="14:14">
      <c r="N140661" s="10"/>
    </row>
    <row r="140662" spans="14:14">
      <c r="N140662" s="10"/>
    </row>
    <row r="140663" spans="14:14">
      <c r="N140663" s="10"/>
    </row>
    <row r="140664" spans="14:14">
      <c r="N140664" s="10"/>
    </row>
    <row r="140665" spans="14:14">
      <c r="N140665" s="10"/>
    </row>
    <row r="140666" spans="14:14">
      <c r="N140666" s="10"/>
    </row>
    <row r="140667" spans="14:14">
      <c r="N140667" s="10"/>
    </row>
    <row r="140668" spans="14:14">
      <c r="N140668" s="10"/>
    </row>
    <row r="140669" spans="14:14">
      <c r="N140669" s="10"/>
    </row>
    <row r="140670" spans="14:14">
      <c r="N140670" s="10"/>
    </row>
    <row r="140671" spans="14:14">
      <c r="N140671" s="10"/>
    </row>
    <row r="140672" spans="14:14">
      <c r="N140672" s="10"/>
    </row>
    <row r="140673" spans="14:14">
      <c r="N140673" s="10"/>
    </row>
    <row r="140674" spans="14:14">
      <c r="N140674" s="10"/>
    </row>
    <row r="140675" spans="14:14">
      <c r="N140675" s="10"/>
    </row>
    <row r="140676" spans="14:14">
      <c r="N140676" s="10"/>
    </row>
    <row r="140677" spans="14:14">
      <c r="N140677" s="10"/>
    </row>
    <row r="140678" spans="14:14">
      <c r="N140678" s="10"/>
    </row>
    <row r="140679" spans="14:14">
      <c r="N140679" s="10"/>
    </row>
    <row r="140680" spans="14:14">
      <c r="N140680" s="10"/>
    </row>
    <row r="140681" spans="14:14">
      <c r="N140681" s="10"/>
    </row>
    <row r="140682" spans="14:14">
      <c r="N140682" s="10"/>
    </row>
    <row r="140683" spans="14:14">
      <c r="N140683" s="10"/>
    </row>
    <row r="140684" spans="14:14">
      <c r="N140684" s="10"/>
    </row>
    <row r="140685" spans="14:14">
      <c r="N140685" s="10"/>
    </row>
    <row r="140686" spans="14:14">
      <c r="N140686" s="10"/>
    </row>
    <row r="140687" spans="14:14">
      <c r="N140687" s="10"/>
    </row>
    <row r="140688" spans="14:14">
      <c r="N140688" s="10"/>
    </row>
    <row r="140689" spans="14:14">
      <c r="N140689" s="10"/>
    </row>
    <row r="140690" spans="14:14">
      <c r="N140690" s="10"/>
    </row>
    <row r="140691" spans="14:14">
      <c r="N140691" s="10"/>
    </row>
    <row r="140692" spans="14:14">
      <c r="N140692" s="10"/>
    </row>
    <row r="140693" spans="14:14">
      <c r="N140693" s="10"/>
    </row>
    <row r="140694" spans="14:14">
      <c r="N140694" s="10"/>
    </row>
    <row r="140695" spans="14:14">
      <c r="N140695" s="10"/>
    </row>
    <row r="140696" spans="14:14">
      <c r="N140696" s="10"/>
    </row>
    <row r="140697" spans="14:14">
      <c r="N140697" s="10"/>
    </row>
    <row r="140698" spans="14:14">
      <c r="N140698" s="10"/>
    </row>
    <row r="140699" spans="14:14">
      <c r="N140699" s="10"/>
    </row>
    <row r="140700" spans="14:14">
      <c r="N140700" s="10"/>
    </row>
    <row r="140701" spans="14:14">
      <c r="N140701" s="10"/>
    </row>
    <row r="140702" spans="14:14">
      <c r="N140702" s="10"/>
    </row>
    <row r="140703" spans="14:14">
      <c r="N140703" s="10"/>
    </row>
    <row r="140704" spans="14:14">
      <c r="N140704" s="10"/>
    </row>
    <row r="140705" spans="14:14">
      <c r="N140705" s="10"/>
    </row>
    <row r="140706" spans="14:14">
      <c r="N140706" s="10"/>
    </row>
    <row r="140707" spans="14:14">
      <c r="N140707" s="10"/>
    </row>
    <row r="140708" spans="14:14">
      <c r="N140708" s="10"/>
    </row>
    <row r="140709" spans="14:14">
      <c r="N140709" s="10"/>
    </row>
    <row r="140710" spans="14:14">
      <c r="N140710" s="10"/>
    </row>
    <row r="140711" spans="14:14">
      <c r="N140711" s="10"/>
    </row>
    <row r="140712" spans="14:14">
      <c r="N140712" s="10"/>
    </row>
    <row r="140713" spans="14:14">
      <c r="N140713" s="10"/>
    </row>
    <row r="140714" spans="14:14">
      <c r="N140714" s="10"/>
    </row>
    <row r="140715" spans="14:14">
      <c r="N140715" s="10"/>
    </row>
    <row r="140716" spans="14:14">
      <c r="N140716" s="10"/>
    </row>
    <row r="140717" spans="14:14">
      <c r="N140717" s="10"/>
    </row>
    <row r="140718" spans="14:14">
      <c r="N140718" s="10"/>
    </row>
    <row r="140719" spans="14:14">
      <c r="N140719" s="10"/>
    </row>
    <row r="140720" spans="14:14">
      <c r="N140720" s="10"/>
    </row>
    <row r="140721" spans="14:14">
      <c r="N140721" s="10"/>
    </row>
    <row r="140722" spans="14:14">
      <c r="N140722" s="10"/>
    </row>
    <row r="140723" spans="14:14">
      <c r="N140723" s="10"/>
    </row>
    <row r="140724" spans="14:14">
      <c r="N140724" s="10"/>
    </row>
    <row r="140725" spans="14:14">
      <c r="N140725" s="10"/>
    </row>
    <row r="140726" spans="14:14">
      <c r="N140726" s="10"/>
    </row>
    <row r="140727" spans="14:14">
      <c r="N140727" s="10"/>
    </row>
    <row r="140728" spans="14:14">
      <c r="N140728" s="10"/>
    </row>
    <row r="140729" spans="14:14">
      <c r="N140729" s="10"/>
    </row>
    <row r="140730" spans="14:14">
      <c r="N140730" s="10"/>
    </row>
    <row r="140731" spans="14:14">
      <c r="N140731" s="10"/>
    </row>
    <row r="140732" spans="14:14">
      <c r="N140732" s="10"/>
    </row>
    <row r="140733" spans="14:14">
      <c r="N140733" s="10"/>
    </row>
    <row r="140734" spans="14:14">
      <c r="N140734" s="10"/>
    </row>
    <row r="140735" spans="14:14">
      <c r="N140735" s="10"/>
    </row>
    <row r="140736" spans="14:14">
      <c r="N140736" s="10"/>
    </row>
    <row r="140737" spans="14:14">
      <c r="N140737" s="10"/>
    </row>
    <row r="140738" spans="14:14">
      <c r="N140738" s="10"/>
    </row>
    <row r="140739" spans="14:14">
      <c r="N140739" s="10"/>
    </row>
    <row r="140740" spans="14:14">
      <c r="N140740" s="10"/>
    </row>
    <row r="140741" spans="14:14">
      <c r="N140741" s="10"/>
    </row>
    <row r="140742" spans="14:14">
      <c r="N140742" s="10"/>
    </row>
    <row r="140743" spans="14:14">
      <c r="N140743" s="10"/>
    </row>
    <row r="140744" spans="14:14">
      <c r="N140744" s="10"/>
    </row>
    <row r="140745" spans="14:14">
      <c r="N140745" s="10"/>
    </row>
    <row r="140746" spans="14:14">
      <c r="N140746" s="10"/>
    </row>
    <row r="140747" spans="14:14">
      <c r="N140747" s="10"/>
    </row>
    <row r="140748" spans="14:14">
      <c r="N140748" s="10"/>
    </row>
    <row r="140749" spans="14:14">
      <c r="N140749" s="10"/>
    </row>
    <row r="140750" spans="14:14">
      <c r="N140750" s="10"/>
    </row>
    <row r="140751" spans="14:14">
      <c r="N140751" s="10"/>
    </row>
    <row r="140752" spans="14:14">
      <c r="N140752" s="10"/>
    </row>
    <row r="140753" spans="14:14">
      <c r="N140753" s="10"/>
    </row>
    <row r="140754" spans="14:14">
      <c r="N140754" s="10"/>
    </row>
    <row r="140755" spans="14:14">
      <c r="N140755" s="10"/>
    </row>
    <row r="140756" spans="14:14">
      <c r="N140756" s="10"/>
    </row>
    <row r="140757" spans="14:14">
      <c r="N140757" s="10"/>
    </row>
    <row r="140758" spans="14:14">
      <c r="N140758" s="10"/>
    </row>
    <row r="140759" spans="14:14">
      <c r="N140759" s="10"/>
    </row>
    <row r="140760" spans="14:14">
      <c r="N140760" s="10"/>
    </row>
    <row r="140761" spans="14:14">
      <c r="N140761" s="10"/>
    </row>
    <row r="140762" spans="14:14">
      <c r="N140762" s="10"/>
    </row>
    <row r="140763" spans="14:14">
      <c r="N140763" s="10"/>
    </row>
    <row r="140764" spans="14:14">
      <c r="N140764" s="10"/>
    </row>
    <row r="140765" spans="14:14">
      <c r="N140765" s="10"/>
    </row>
    <row r="140766" spans="14:14">
      <c r="N140766" s="10"/>
    </row>
    <row r="140767" spans="14:14">
      <c r="N140767" s="10"/>
    </row>
    <row r="140768" spans="14:14">
      <c r="N140768" s="10"/>
    </row>
    <row r="140769" spans="14:14">
      <c r="N140769" s="10"/>
    </row>
    <row r="140770" spans="14:14">
      <c r="N140770" s="10"/>
    </row>
    <row r="140771" spans="14:14">
      <c r="N140771" s="10"/>
    </row>
    <row r="140772" spans="14:14">
      <c r="N140772" s="10"/>
    </row>
    <row r="140773" spans="14:14">
      <c r="N140773" s="10"/>
    </row>
    <row r="140774" spans="14:14">
      <c r="N140774" s="10"/>
    </row>
    <row r="140775" spans="14:14">
      <c r="N140775" s="10"/>
    </row>
    <row r="140776" spans="14:14">
      <c r="N140776" s="10"/>
    </row>
    <row r="140777" spans="14:14">
      <c r="N140777" s="10"/>
    </row>
    <row r="140778" spans="14:14">
      <c r="N140778" s="10"/>
    </row>
    <row r="140779" spans="14:14">
      <c r="N140779" s="10"/>
    </row>
    <row r="140780" spans="14:14">
      <c r="N140780" s="10"/>
    </row>
    <row r="140781" spans="14:14">
      <c r="N140781" s="10"/>
    </row>
    <row r="140782" spans="14:14">
      <c r="N140782" s="10"/>
    </row>
    <row r="140783" spans="14:14">
      <c r="N140783" s="10"/>
    </row>
    <row r="140784" spans="14:14">
      <c r="N140784" s="10"/>
    </row>
    <row r="140785" spans="14:14">
      <c r="N140785" s="10"/>
    </row>
    <row r="140786" spans="14:14">
      <c r="N140786" s="10"/>
    </row>
    <row r="140787" spans="14:14">
      <c r="N140787" s="10"/>
    </row>
    <row r="140788" spans="14:14">
      <c r="N140788" s="10"/>
    </row>
    <row r="140789" spans="14:14">
      <c r="N140789" s="10"/>
    </row>
    <row r="140790" spans="14:14">
      <c r="N140790" s="10"/>
    </row>
    <row r="140791" spans="14:14">
      <c r="N140791" s="10"/>
    </row>
    <row r="140792" spans="14:14">
      <c r="N140792" s="10"/>
    </row>
    <row r="140793" spans="14:14">
      <c r="N140793" s="10"/>
    </row>
    <row r="140794" spans="14:14">
      <c r="N140794" s="10"/>
    </row>
    <row r="140795" spans="14:14">
      <c r="N140795" s="10"/>
    </row>
    <row r="140796" spans="14:14">
      <c r="N140796" s="10"/>
    </row>
    <row r="140797" spans="14:14">
      <c r="N140797" s="10"/>
    </row>
    <row r="140798" spans="14:14">
      <c r="N140798" s="10"/>
    </row>
    <row r="140799" spans="14:14">
      <c r="N140799" s="10"/>
    </row>
    <row r="140800" spans="14:14">
      <c r="N140800" s="10"/>
    </row>
    <row r="140801" spans="14:14">
      <c r="N140801" s="10"/>
    </row>
    <row r="140802" spans="14:14">
      <c r="N140802" s="10"/>
    </row>
    <row r="140803" spans="14:14">
      <c r="N140803" s="10"/>
    </row>
    <row r="140804" spans="14:14">
      <c r="N140804" s="10"/>
    </row>
    <row r="140805" spans="14:14">
      <c r="N140805" s="10"/>
    </row>
    <row r="140806" spans="14:14">
      <c r="N140806" s="10"/>
    </row>
    <row r="140807" spans="14:14">
      <c r="N140807" s="10"/>
    </row>
    <row r="140808" spans="14:14">
      <c r="N140808" s="10"/>
    </row>
    <row r="140809" spans="14:14">
      <c r="N140809" s="10"/>
    </row>
    <row r="140810" spans="14:14">
      <c r="N140810" s="10"/>
    </row>
    <row r="140811" spans="14:14">
      <c r="N140811" s="10"/>
    </row>
    <row r="140812" spans="14:14">
      <c r="N140812" s="10"/>
    </row>
    <row r="140813" spans="14:14">
      <c r="N140813" s="10"/>
    </row>
    <row r="140814" spans="14:14">
      <c r="N140814" s="10"/>
    </row>
    <row r="140815" spans="14:14">
      <c r="N140815" s="10"/>
    </row>
    <row r="140816" spans="14:14">
      <c r="N140816" s="10"/>
    </row>
    <row r="140817" spans="14:14">
      <c r="N140817" s="10"/>
    </row>
    <row r="140818" spans="14:14">
      <c r="N140818" s="10"/>
    </row>
    <row r="140819" spans="14:14">
      <c r="N140819" s="10"/>
    </row>
    <row r="140820" spans="14:14">
      <c r="N140820" s="10"/>
    </row>
    <row r="140821" spans="14:14">
      <c r="N140821" s="10"/>
    </row>
    <row r="140822" spans="14:14">
      <c r="N140822" s="10"/>
    </row>
    <row r="140823" spans="14:14">
      <c r="N140823" s="10"/>
    </row>
    <row r="140824" spans="14:14">
      <c r="N140824" s="10"/>
    </row>
    <row r="140825" spans="14:14">
      <c r="N140825" s="10"/>
    </row>
    <row r="140826" spans="14:14">
      <c r="N140826" s="10"/>
    </row>
    <row r="140827" spans="14:14">
      <c r="N140827" s="10"/>
    </row>
    <row r="140828" spans="14:14">
      <c r="N140828" s="10"/>
    </row>
    <row r="140829" spans="14:14">
      <c r="N140829" s="10"/>
    </row>
    <row r="140830" spans="14:14">
      <c r="N140830" s="10"/>
    </row>
    <row r="140831" spans="14:14">
      <c r="N140831" s="10"/>
    </row>
    <row r="140832" spans="14:14">
      <c r="N140832" s="10"/>
    </row>
    <row r="140833" spans="14:14">
      <c r="N140833" s="10"/>
    </row>
    <row r="140834" spans="14:14">
      <c r="N140834" s="10"/>
    </row>
    <row r="140835" spans="14:14">
      <c r="N140835" s="10"/>
    </row>
    <row r="140836" spans="14:14">
      <c r="N140836" s="10"/>
    </row>
    <row r="140837" spans="14:14">
      <c r="N140837" s="10"/>
    </row>
    <row r="140838" spans="14:14">
      <c r="N140838" s="10"/>
    </row>
    <row r="140839" spans="14:14">
      <c r="N140839" s="10"/>
    </row>
    <row r="140840" spans="14:14">
      <c r="N140840" s="10"/>
    </row>
    <row r="140841" spans="14:14">
      <c r="N140841" s="10"/>
    </row>
    <row r="140842" spans="14:14">
      <c r="N140842" s="10"/>
    </row>
    <row r="140843" spans="14:14">
      <c r="N140843" s="10"/>
    </row>
    <row r="140844" spans="14:14">
      <c r="N140844" s="10"/>
    </row>
    <row r="140845" spans="14:14">
      <c r="N140845" s="10"/>
    </row>
    <row r="140846" spans="14:14">
      <c r="N140846" s="10"/>
    </row>
    <row r="140847" spans="14:14">
      <c r="N140847" s="10"/>
    </row>
    <row r="140848" spans="14:14">
      <c r="N140848" s="10"/>
    </row>
    <row r="140849" spans="14:14">
      <c r="N140849" s="10"/>
    </row>
    <row r="140850" spans="14:14">
      <c r="N140850" s="10"/>
    </row>
    <row r="140851" spans="14:14">
      <c r="N140851" s="10"/>
    </row>
    <row r="140852" spans="14:14">
      <c r="N140852" s="10"/>
    </row>
    <row r="140853" spans="14:14">
      <c r="N140853" s="10"/>
    </row>
    <row r="140854" spans="14:14">
      <c r="N140854" s="10"/>
    </row>
    <row r="140855" spans="14:14">
      <c r="N140855" s="10"/>
    </row>
    <row r="140856" spans="14:14">
      <c r="N140856" s="10"/>
    </row>
    <row r="140857" spans="14:14">
      <c r="N140857" s="10"/>
    </row>
    <row r="140858" spans="14:14">
      <c r="N140858" s="10"/>
    </row>
    <row r="140859" spans="14:14">
      <c r="N140859" s="10"/>
    </row>
    <row r="140860" spans="14:14">
      <c r="N140860" s="10"/>
    </row>
    <row r="140861" spans="14:14">
      <c r="N140861" s="10"/>
    </row>
    <row r="140862" spans="14:14">
      <c r="N140862" s="10"/>
    </row>
    <row r="140863" spans="14:14">
      <c r="N140863" s="10"/>
    </row>
    <row r="140864" spans="14:14">
      <c r="N140864" s="10"/>
    </row>
    <row r="140865" spans="14:14">
      <c r="N140865" s="10"/>
    </row>
    <row r="140866" spans="14:14">
      <c r="N140866" s="10"/>
    </row>
    <row r="140867" spans="14:14">
      <c r="N140867" s="10"/>
    </row>
    <row r="140868" spans="14:14">
      <c r="N140868" s="10"/>
    </row>
    <row r="140869" spans="14:14">
      <c r="N140869" s="10"/>
    </row>
    <row r="140870" spans="14:14">
      <c r="N140870" s="10"/>
    </row>
    <row r="140871" spans="14:14">
      <c r="N140871" s="10"/>
    </row>
    <row r="140872" spans="14:14">
      <c r="N140872" s="10"/>
    </row>
    <row r="140873" spans="14:14">
      <c r="N140873" s="10"/>
    </row>
    <row r="140874" spans="14:14">
      <c r="N140874" s="10"/>
    </row>
    <row r="140875" spans="14:14">
      <c r="N140875" s="10"/>
    </row>
    <row r="140876" spans="14:14">
      <c r="N140876" s="10"/>
    </row>
    <row r="140877" spans="14:14">
      <c r="N140877" s="10"/>
    </row>
    <row r="140878" spans="14:14">
      <c r="N140878" s="10"/>
    </row>
    <row r="140879" spans="14:14">
      <c r="N140879" s="10"/>
    </row>
    <row r="140880" spans="14:14">
      <c r="N140880" s="10"/>
    </row>
    <row r="140881" spans="14:14">
      <c r="N140881" s="10"/>
    </row>
    <row r="140882" spans="14:14">
      <c r="N140882" s="10"/>
    </row>
    <row r="140883" spans="14:14">
      <c r="N140883" s="10"/>
    </row>
    <row r="140884" spans="14:14">
      <c r="N140884" s="10"/>
    </row>
    <row r="140885" spans="14:14">
      <c r="N140885" s="10"/>
    </row>
    <row r="140886" spans="14:14">
      <c r="N140886" s="10"/>
    </row>
    <row r="140887" spans="14:14">
      <c r="N140887" s="10"/>
    </row>
    <row r="140888" spans="14:14">
      <c r="N140888" s="10"/>
    </row>
    <row r="140889" spans="14:14">
      <c r="N140889" s="10"/>
    </row>
    <row r="140890" spans="14:14">
      <c r="N140890" s="10"/>
    </row>
    <row r="140891" spans="14:14">
      <c r="N140891" s="10"/>
    </row>
    <row r="140892" spans="14:14">
      <c r="N140892" s="10"/>
    </row>
    <row r="140893" spans="14:14">
      <c r="N140893" s="10"/>
    </row>
    <row r="140894" spans="14:14">
      <c r="N140894" s="10"/>
    </row>
    <row r="140895" spans="14:14">
      <c r="N140895" s="10"/>
    </row>
    <row r="140896" spans="14:14">
      <c r="N140896" s="10"/>
    </row>
    <row r="140897" spans="14:14">
      <c r="N140897" s="10"/>
    </row>
    <row r="140898" spans="14:14">
      <c r="N140898" s="10"/>
    </row>
    <row r="140899" spans="14:14">
      <c r="N140899" s="10"/>
    </row>
    <row r="140900" spans="14:14">
      <c r="N140900" s="10"/>
    </row>
    <row r="140901" spans="14:14">
      <c r="N140901" s="10"/>
    </row>
    <row r="140902" spans="14:14">
      <c r="N140902" s="10"/>
    </row>
    <row r="140903" spans="14:14">
      <c r="N140903" s="10"/>
    </row>
    <row r="140904" spans="14:14">
      <c r="N140904" s="10"/>
    </row>
    <row r="140905" spans="14:14">
      <c r="N140905" s="10"/>
    </row>
    <row r="140906" spans="14:14">
      <c r="N140906" s="10"/>
    </row>
    <row r="140907" spans="14:14">
      <c r="N140907" s="10"/>
    </row>
    <row r="140908" spans="14:14">
      <c r="N140908" s="10"/>
    </row>
    <row r="140909" spans="14:14">
      <c r="N140909" s="10"/>
    </row>
    <row r="140910" spans="14:14">
      <c r="N140910" s="10"/>
    </row>
    <row r="140911" spans="14:14">
      <c r="N140911" s="10"/>
    </row>
    <row r="140912" spans="14:14">
      <c r="N140912" s="10"/>
    </row>
    <row r="140913" spans="14:14">
      <c r="N140913" s="10"/>
    </row>
    <row r="140914" spans="14:14">
      <c r="N140914" s="10"/>
    </row>
    <row r="140915" spans="14:14">
      <c r="N140915" s="10"/>
    </row>
    <row r="140916" spans="14:14">
      <c r="N140916" s="10"/>
    </row>
    <row r="140917" spans="14:14">
      <c r="N140917" s="10"/>
    </row>
    <row r="140918" spans="14:14">
      <c r="N140918" s="10"/>
    </row>
    <row r="140919" spans="14:14">
      <c r="N140919" s="10"/>
    </row>
    <row r="140920" spans="14:14">
      <c r="N140920" s="10"/>
    </row>
    <row r="140921" spans="14:14">
      <c r="N140921" s="10"/>
    </row>
    <row r="140922" spans="14:14">
      <c r="N140922" s="10"/>
    </row>
    <row r="140923" spans="14:14">
      <c r="N140923" s="10"/>
    </row>
    <row r="140924" spans="14:14">
      <c r="N140924" s="10"/>
    </row>
    <row r="140925" spans="14:14">
      <c r="N140925" s="10"/>
    </row>
    <row r="140926" spans="14:14">
      <c r="N140926" s="10"/>
    </row>
    <row r="140927" spans="14:14">
      <c r="N140927" s="10"/>
    </row>
    <row r="140928" spans="14:14">
      <c r="N140928" s="10"/>
    </row>
    <row r="140929" spans="14:14">
      <c r="N140929" s="10"/>
    </row>
    <row r="140930" spans="14:14">
      <c r="N140930" s="10"/>
    </row>
    <row r="140931" spans="14:14">
      <c r="N140931" s="10"/>
    </row>
    <row r="140932" spans="14:14">
      <c r="N140932" s="10"/>
    </row>
    <row r="140933" spans="14:14">
      <c r="N140933" s="10"/>
    </row>
    <row r="140934" spans="14:14">
      <c r="N140934" s="10"/>
    </row>
    <row r="140935" spans="14:14">
      <c r="N140935" s="10"/>
    </row>
    <row r="140936" spans="14:14">
      <c r="N140936" s="10"/>
    </row>
    <row r="140937" spans="14:14">
      <c r="N140937" s="10"/>
    </row>
    <row r="140938" spans="14:14">
      <c r="N140938" s="10"/>
    </row>
    <row r="140939" spans="14:14">
      <c r="N140939" s="10"/>
    </row>
    <row r="140940" spans="14:14">
      <c r="N140940" s="10"/>
    </row>
    <row r="140941" spans="14:14">
      <c r="N140941" s="10"/>
    </row>
    <row r="140942" spans="14:14">
      <c r="N140942" s="10"/>
    </row>
    <row r="140943" spans="14:14">
      <c r="N140943" s="10"/>
    </row>
    <row r="140944" spans="14:14">
      <c r="N140944" s="10"/>
    </row>
    <row r="140945" spans="14:14">
      <c r="N140945" s="10"/>
    </row>
    <row r="140946" spans="14:14">
      <c r="N140946" s="10"/>
    </row>
    <row r="140947" spans="14:14">
      <c r="N140947" s="10"/>
    </row>
    <row r="140948" spans="14:14">
      <c r="N140948" s="10"/>
    </row>
    <row r="140949" spans="14:14">
      <c r="N140949" s="10"/>
    </row>
    <row r="140950" spans="14:14">
      <c r="N140950" s="10"/>
    </row>
    <row r="140951" spans="14:14">
      <c r="N140951" s="10"/>
    </row>
    <row r="140952" spans="14:14">
      <c r="N140952" s="10"/>
    </row>
    <row r="140953" spans="14:14">
      <c r="N140953" s="10"/>
    </row>
    <row r="140954" spans="14:14">
      <c r="N140954" s="10"/>
    </row>
    <row r="140955" spans="14:14">
      <c r="N140955" s="10"/>
    </row>
    <row r="140956" spans="14:14">
      <c r="N140956" s="10"/>
    </row>
    <row r="140957" spans="14:14">
      <c r="N140957" s="10"/>
    </row>
    <row r="140958" spans="14:14">
      <c r="N140958" s="10"/>
    </row>
    <row r="140959" spans="14:14">
      <c r="N140959" s="10"/>
    </row>
    <row r="140960" spans="14:14">
      <c r="N140960" s="10"/>
    </row>
    <row r="140961" spans="14:14">
      <c r="N140961" s="10"/>
    </row>
    <row r="140962" spans="14:14">
      <c r="N140962" s="10"/>
    </row>
    <row r="140963" spans="14:14">
      <c r="N140963" s="10"/>
    </row>
    <row r="140964" spans="14:14">
      <c r="N140964" s="10"/>
    </row>
    <row r="140965" spans="14:14">
      <c r="N140965" s="10"/>
    </row>
    <row r="140966" spans="14:14">
      <c r="N140966" s="10"/>
    </row>
    <row r="140967" spans="14:14">
      <c r="N140967" s="10"/>
    </row>
    <row r="140968" spans="14:14">
      <c r="N140968" s="10"/>
    </row>
    <row r="140969" spans="14:14">
      <c r="N140969" s="10"/>
    </row>
    <row r="140970" spans="14:14">
      <c r="N140970" s="10"/>
    </row>
    <row r="140971" spans="14:14">
      <c r="N140971" s="10"/>
    </row>
    <row r="140972" spans="14:14">
      <c r="N140972" s="10"/>
    </row>
    <row r="140973" spans="14:14">
      <c r="N140973" s="10"/>
    </row>
    <row r="140974" spans="14:14">
      <c r="N140974" s="10"/>
    </row>
    <row r="140975" spans="14:14">
      <c r="N140975" s="10"/>
    </row>
    <row r="140976" spans="14:14">
      <c r="N140976" s="10"/>
    </row>
    <row r="140977" spans="14:14">
      <c r="N140977" s="10"/>
    </row>
    <row r="140978" spans="14:14">
      <c r="N140978" s="10"/>
    </row>
    <row r="140979" spans="14:14">
      <c r="N140979" s="10"/>
    </row>
    <row r="140980" spans="14:14">
      <c r="N140980" s="10"/>
    </row>
    <row r="140981" spans="14:14">
      <c r="N140981" s="10"/>
    </row>
    <row r="140982" spans="14:14">
      <c r="N140982" s="10"/>
    </row>
    <row r="140983" spans="14:14">
      <c r="N140983" s="10"/>
    </row>
    <row r="140984" spans="14:14">
      <c r="N140984" s="10"/>
    </row>
    <row r="140985" spans="14:14">
      <c r="N140985" s="10"/>
    </row>
    <row r="140986" spans="14:14">
      <c r="N140986" s="10"/>
    </row>
    <row r="140987" spans="14:14">
      <c r="N140987" s="10"/>
    </row>
    <row r="140988" spans="14:14">
      <c r="N140988" s="10"/>
    </row>
    <row r="140989" spans="14:14">
      <c r="N140989" s="10"/>
    </row>
    <row r="140990" spans="14:14">
      <c r="N140990" s="10"/>
    </row>
    <row r="140991" spans="14:14">
      <c r="N140991" s="10"/>
    </row>
    <row r="140992" spans="14:14">
      <c r="N140992" s="10"/>
    </row>
    <row r="140993" spans="14:14">
      <c r="N140993" s="10"/>
    </row>
    <row r="140994" spans="14:14">
      <c r="N140994" s="10"/>
    </row>
    <row r="140995" spans="14:14">
      <c r="N140995" s="10"/>
    </row>
    <row r="140996" spans="14:14">
      <c r="N140996" s="10"/>
    </row>
    <row r="140997" spans="14:14">
      <c r="N140997" s="10"/>
    </row>
    <row r="140998" spans="14:14">
      <c r="N140998" s="10"/>
    </row>
    <row r="140999" spans="14:14">
      <c r="N140999" s="10"/>
    </row>
    <row r="141000" spans="14:14">
      <c r="N141000" s="10"/>
    </row>
    <row r="141001" spans="14:14">
      <c r="N141001" s="10"/>
    </row>
    <row r="141002" spans="14:14">
      <c r="N141002" s="10"/>
    </row>
    <row r="141003" spans="14:14">
      <c r="N141003" s="10"/>
    </row>
    <row r="141004" spans="14:14">
      <c r="N141004" s="10"/>
    </row>
    <row r="141005" spans="14:14">
      <c r="N141005" s="10"/>
    </row>
    <row r="141006" spans="14:14">
      <c r="N141006" s="10"/>
    </row>
    <row r="141007" spans="14:14">
      <c r="N141007" s="10"/>
    </row>
    <row r="141008" spans="14:14">
      <c r="N141008" s="10"/>
    </row>
    <row r="141009" spans="14:14">
      <c r="N141009" s="10"/>
    </row>
    <row r="141010" spans="14:14">
      <c r="N141010" s="10"/>
    </row>
    <row r="141011" spans="14:14">
      <c r="N141011" s="10"/>
    </row>
    <row r="141012" spans="14:14">
      <c r="N141012" s="10"/>
    </row>
    <row r="141013" spans="14:14">
      <c r="N141013" s="10"/>
    </row>
    <row r="141014" spans="14:14">
      <c r="N141014" s="10"/>
    </row>
    <row r="141015" spans="14:14">
      <c r="N141015" s="10"/>
    </row>
    <row r="141016" spans="14:14">
      <c r="N141016" s="10"/>
    </row>
    <row r="141017" spans="14:14">
      <c r="N141017" s="10"/>
    </row>
    <row r="141018" spans="14:14">
      <c r="N141018" s="10"/>
    </row>
    <row r="141019" spans="14:14">
      <c r="N141019" s="10"/>
    </row>
    <row r="141020" spans="14:14">
      <c r="N141020" s="10"/>
    </row>
    <row r="141021" spans="14:14">
      <c r="N141021" s="10"/>
    </row>
    <row r="141022" spans="14:14">
      <c r="N141022" s="10"/>
    </row>
    <row r="141023" spans="14:14">
      <c r="N141023" s="10"/>
    </row>
    <row r="141024" spans="14:14">
      <c r="N141024" s="10"/>
    </row>
    <row r="141025" spans="14:14">
      <c r="N141025" s="10"/>
    </row>
    <row r="141026" spans="14:14">
      <c r="N141026" s="10"/>
    </row>
    <row r="141027" spans="14:14">
      <c r="N141027" s="10"/>
    </row>
    <row r="141028" spans="14:14">
      <c r="N141028" s="10"/>
    </row>
    <row r="141029" spans="14:14">
      <c r="N141029" s="10"/>
    </row>
    <row r="141030" spans="14:14">
      <c r="N141030" s="10"/>
    </row>
    <row r="141031" spans="14:14">
      <c r="N141031" s="10"/>
    </row>
    <row r="141032" spans="14:14">
      <c r="N141032" s="10"/>
    </row>
    <row r="141033" spans="14:14">
      <c r="N141033" s="10"/>
    </row>
    <row r="141034" spans="14:14">
      <c r="N141034" s="10"/>
    </row>
    <row r="141035" spans="14:14">
      <c r="N141035" s="10"/>
    </row>
    <row r="141036" spans="14:14">
      <c r="N141036" s="10"/>
    </row>
    <row r="141037" spans="14:14">
      <c r="N141037" s="10"/>
    </row>
    <row r="141038" spans="14:14">
      <c r="N141038" s="10"/>
    </row>
    <row r="141039" spans="14:14">
      <c r="N141039" s="10"/>
    </row>
    <row r="141040" spans="14:14">
      <c r="N141040" s="10"/>
    </row>
    <row r="141041" spans="14:14">
      <c r="N141041" s="10"/>
    </row>
    <row r="141042" spans="14:14">
      <c r="N141042" s="10"/>
    </row>
    <row r="141043" spans="14:14">
      <c r="N141043" s="10"/>
    </row>
    <row r="141044" spans="14:14">
      <c r="N141044" s="10"/>
    </row>
    <row r="141045" spans="14:14">
      <c r="N141045" s="10"/>
    </row>
    <row r="141046" spans="14:14">
      <c r="N141046" s="10"/>
    </row>
    <row r="141047" spans="14:14">
      <c r="N141047" s="10"/>
    </row>
    <row r="141048" spans="14:14">
      <c r="N141048" s="10"/>
    </row>
    <row r="141049" spans="14:14">
      <c r="N141049" s="10"/>
    </row>
    <row r="141050" spans="14:14">
      <c r="N141050" s="10"/>
    </row>
    <row r="141051" spans="14:14">
      <c r="N141051" s="10"/>
    </row>
    <row r="141052" spans="14:14">
      <c r="N141052" s="10"/>
    </row>
    <row r="141053" spans="14:14">
      <c r="N141053" s="10"/>
    </row>
    <row r="141054" spans="14:14">
      <c r="N141054" s="10"/>
    </row>
    <row r="141055" spans="14:14">
      <c r="N141055" s="10"/>
    </row>
    <row r="141056" spans="14:14">
      <c r="N141056" s="10"/>
    </row>
    <row r="141057" spans="14:14">
      <c r="N141057" s="10"/>
    </row>
    <row r="141058" spans="14:14">
      <c r="N141058" s="10"/>
    </row>
    <row r="141059" spans="14:14">
      <c r="N141059" s="10"/>
    </row>
    <row r="141060" spans="14:14">
      <c r="N141060" s="10"/>
    </row>
    <row r="141061" spans="14:14">
      <c r="N141061" s="10"/>
    </row>
    <row r="141062" spans="14:14">
      <c r="N141062" s="10"/>
    </row>
    <row r="141063" spans="14:14">
      <c r="N141063" s="10"/>
    </row>
    <row r="141064" spans="14:14">
      <c r="N141064" s="10"/>
    </row>
    <row r="141065" spans="14:14">
      <c r="N141065" s="10"/>
    </row>
    <row r="141066" spans="14:14">
      <c r="N141066" s="10"/>
    </row>
    <row r="141067" spans="14:14">
      <c r="N141067" s="10"/>
    </row>
    <row r="141068" spans="14:14">
      <c r="N141068" s="10"/>
    </row>
    <row r="141069" spans="14:14">
      <c r="N141069" s="10"/>
    </row>
    <row r="141070" spans="14:14">
      <c r="N141070" s="10"/>
    </row>
    <row r="141071" spans="14:14">
      <c r="N141071" s="10"/>
    </row>
    <row r="141072" spans="14:14">
      <c r="N141072" s="10"/>
    </row>
    <row r="141073" spans="14:14">
      <c r="N141073" s="10"/>
    </row>
    <row r="141074" spans="14:14">
      <c r="N141074" s="10"/>
    </row>
    <row r="141075" spans="14:14">
      <c r="N141075" s="10"/>
    </row>
    <row r="141076" spans="14:14">
      <c r="N141076" s="10"/>
    </row>
    <row r="141077" spans="14:14">
      <c r="N141077" s="10"/>
    </row>
    <row r="141078" spans="14:14">
      <c r="N141078" s="10"/>
    </row>
    <row r="141079" spans="14:14">
      <c r="N141079" s="10"/>
    </row>
    <row r="141080" spans="14:14">
      <c r="N141080" s="10"/>
    </row>
    <row r="141081" spans="14:14">
      <c r="N141081" s="10"/>
    </row>
    <row r="141082" spans="14:14">
      <c r="N141082" s="10"/>
    </row>
    <row r="141083" spans="14:14">
      <c r="N141083" s="10"/>
    </row>
    <row r="141084" spans="14:14">
      <c r="N141084" s="10"/>
    </row>
    <row r="141085" spans="14:14">
      <c r="N141085" s="10"/>
    </row>
    <row r="141086" spans="14:14">
      <c r="N141086" s="10"/>
    </row>
    <row r="141087" spans="14:14">
      <c r="N141087" s="10"/>
    </row>
    <row r="141088" spans="14:14">
      <c r="N141088" s="10"/>
    </row>
    <row r="141089" spans="14:14">
      <c r="N141089" s="10"/>
    </row>
    <row r="141090" spans="14:14">
      <c r="N141090" s="10"/>
    </row>
    <row r="141091" spans="14:14">
      <c r="N141091" s="10"/>
    </row>
    <row r="141092" spans="14:14">
      <c r="N141092" s="10"/>
    </row>
    <row r="141093" spans="14:14">
      <c r="N141093" s="10"/>
    </row>
    <row r="141094" spans="14:14">
      <c r="N141094" s="10"/>
    </row>
    <row r="141095" spans="14:14">
      <c r="N141095" s="10"/>
    </row>
    <row r="141096" spans="14:14">
      <c r="N141096" s="10"/>
    </row>
    <row r="141097" spans="14:14">
      <c r="N141097" s="10"/>
    </row>
    <row r="141098" spans="14:14">
      <c r="N141098" s="10"/>
    </row>
    <row r="141099" spans="14:14">
      <c r="N141099" s="10"/>
    </row>
    <row r="141100" spans="14:14">
      <c r="N141100" s="10"/>
    </row>
    <row r="141101" spans="14:14">
      <c r="N141101" s="10"/>
    </row>
    <row r="141102" spans="14:14">
      <c r="N141102" s="10"/>
    </row>
    <row r="141103" spans="14:14">
      <c r="N141103" s="10"/>
    </row>
    <row r="141104" spans="14:14">
      <c r="N141104" s="10"/>
    </row>
    <row r="141105" spans="14:14">
      <c r="N141105" s="10"/>
    </row>
    <row r="141106" spans="14:14">
      <c r="N141106" s="10"/>
    </row>
    <row r="141107" spans="14:14">
      <c r="N141107" s="10"/>
    </row>
    <row r="141108" spans="14:14">
      <c r="N141108" s="10"/>
    </row>
    <row r="141109" spans="14:14">
      <c r="N141109" s="10"/>
    </row>
    <row r="141110" spans="14:14">
      <c r="N141110" s="10"/>
    </row>
    <row r="141111" spans="14:14">
      <c r="N141111" s="10"/>
    </row>
    <row r="141112" spans="14:14">
      <c r="N141112" s="10"/>
    </row>
    <row r="141113" spans="14:14">
      <c r="N141113" s="10"/>
    </row>
    <row r="141114" spans="14:14">
      <c r="N141114" s="10"/>
    </row>
    <row r="141115" spans="14:14">
      <c r="N141115" s="10"/>
    </row>
    <row r="141116" spans="14:14">
      <c r="N141116" s="10"/>
    </row>
    <row r="141117" spans="14:14">
      <c r="N141117" s="10"/>
    </row>
    <row r="141118" spans="14:14">
      <c r="N141118" s="10"/>
    </row>
    <row r="141119" spans="14:14">
      <c r="N141119" s="10"/>
    </row>
    <row r="141120" spans="14:14">
      <c r="N141120" s="10"/>
    </row>
    <row r="141121" spans="14:14">
      <c r="N141121" s="10"/>
    </row>
    <row r="141122" spans="14:14">
      <c r="N141122" s="10"/>
    </row>
    <row r="141123" spans="14:14">
      <c r="N141123" s="10"/>
    </row>
    <row r="141124" spans="14:14">
      <c r="N141124" s="10"/>
    </row>
    <row r="141125" spans="14:14">
      <c r="N141125" s="10"/>
    </row>
    <row r="141126" spans="14:14">
      <c r="N141126" s="10"/>
    </row>
    <row r="141127" spans="14:14">
      <c r="N141127" s="10"/>
    </row>
    <row r="141128" spans="14:14">
      <c r="N141128" s="10"/>
    </row>
    <row r="141129" spans="14:14">
      <c r="N141129" s="10"/>
    </row>
    <row r="141130" spans="14:14">
      <c r="N141130" s="10"/>
    </row>
    <row r="141131" spans="14:14">
      <c r="N141131" s="10"/>
    </row>
    <row r="141132" spans="14:14">
      <c r="N141132" s="10"/>
    </row>
    <row r="141133" spans="14:14">
      <c r="N141133" s="10"/>
    </row>
    <row r="141134" spans="14:14">
      <c r="N141134" s="10"/>
    </row>
    <row r="141135" spans="14:14">
      <c r="N141135" s="10"/>
    </row>
    <row r="141136" spans="14:14">
      <c r="N141136" s="10"/>
    </row>
    <row r="141137" spans="14:14">
      <c r="N141137" s="10"/>
    </row>
    <row r="141138" spans="14:14">
      <c r="N141138" s="10"/>
    </row>
    <row r="141139" spans="14:14">
      <c r="N141139" s="10"/>
    </row>
    <row r="141140" spans="14:14">
      <c r="N141140" s="10"/>
    </row>
    <row r="141141" spans="14:14">
      <c r="N141141" s="10"/>
    </row>
    <row r="141142" spans="14:14">
      <c r="N141142" s="10"/>
    </row>
    <row r="141143" spans="14:14">
      <c r="N141143" s="10"/>
    </row>
    <row r="141144" spans="14:14">
      <c r="N141144" s="10"/>
    </row>
    <row r="141145" spans="14:14">
      <c r="N141145" s="10"/>
    </row>
    <row r="141146" spans="14:14">
      <c r="N141146" s="10"/>
    </row>
    <row r="141147" spans="14:14">
      <c r="N141147" s="10"/>
    </row>
    <row r="141148" spans="14:14">
      <c r="N141148" s="10"/>
    </row>
    <row r="141149" spans="14:14">
      <c r="N141149" s="10"/>
    </row>
    <row r="141150" spans="14:14">
      <c r="N141150" s="10"/>
    </row>
    <row r="141151" spans="14:14">
      <c r="N141151" s="10"/>
    </row>
    <row r="141152" spans="14:14">
      <c r="N141152" s="10"/>
    </row>
    <row r="141153" spans="14:14">
      <c r="N141153" s="10"/>
    </row>
    <row r="141154" spans="14:14">
      <c r="N141154" s="10"/>
    </row>
    <row r="141155" spans="14:14">
      <c r="N141155" s="10"/>
    </row>
    <row r="141156" spans="14:14">
      <c r="N141156" s="10"/>
    </row>
    <row r="141157" spans="14:14">
      <c r="N141157" s="10"/>
    </row>
    <row r="141158" spans="14:14">
      <c r="N141158" s="10"/>
    </row>
    <row r="141159" spans="14:14">
      <c r="N141159" s="10"/>
    </row>
    <row r="141160" spans="14:14">
      <c r="N141160" s="10"/>
    </row>
    <row r="141161" spans="14:14">
      <c r="N141161" s="10"/>
    </row>
    <row r="141162" spans="14:14">
      <c r="N141162" s="10"/>
    </row>
    <row r="141163" spans="14:14">
      <c r="N141163" s="10"/>
    </row>
    <row r="141164" spans="14:14">
      <c r="N141164" s="10"/>
    </row>
    <row r="141165" spans="14:14">
      <c r="N141165" s="10"/>
    </row>
    <row r="141166" spans="14:14">
      <c r="N141166" s="10"/>
    </row>
    <row r="141167" spans="14:14">
      <c r="N141167" s="10"/>
    </row>
    <row r="141168" spans="14:14">
      <c r="N141168" s="10"/>
    </row>
    <row r="141169" spans="14:14">
      <c r="N141169" s="10"/>
    </row>
    <row r="141170" spans="14:14">
      <c r="N141170" s="10"/>
    </row>
    <row r="141171" spans="14:14">
      <c r="N141171" s="10"/>
    </row>
    <row r="141172" spans="14:14">
      <c r="N141172" s="10"/>
    </row>
    <row r="141173" spans="14:14">
      <c r="N141173" s="10"/>
    </row>
    <row r="141174" spans="14:14">
      <c r="N141174" s="10"/>
    </row>
    <row r="141175" spans="14:14">
      <c r="N141175" s="10"/>
    </row>
    <row r="141176" spans="14:14">
      <c r="N141176" s="10"/>
    </row>
    <row r="141177" spans="14:14">
      <c r="N141177" s="10"/>
    </row>
    <row r="141178" spans="14:14">
      <c r="N141178" s="10"/>
    </row>
    <row r="141179" spans="14:14">
      <c r="N141179" s="10"/>
    </row>
    <row r="141180" spans="14:14">
      <c r="N141180" s="10"/>
    </row>
    <row r="141181" spans="14:14">
      <c r="N141181" s="10"/>
    </row>
    <row r="141182" spans="14:14">
      <c r="N141182" s="10"/>
    </row>
    <row r="141183" spans="14:14">
      <c r="N141183" s="10"/>
    </row>
    <row r="141184" spans="14:14">
      <c r="N141184" s="10"/>
    </row>
    <row r="141185" spans="14:14">
      <c r="N141185" s="10"/>
    </row>
    <row r="141186" spans="14:14">
      <c r="N141186" s="10"/>
    </row>
    <row r="141187" spans="14:14">
      <c r="N141187" s="10"/>
    </row>
    <row r="141188" spans="14:14">
      <c r="N141188" s="10"/>
    </row>
    <row r="141189" spans="14:14">
      <c r="N141189" s="10"/>
    </row>
    <row r="141190" spans="14:14">
      <c r="N141190" s="10"/>
    </row>
    <row r="141191" spans="14:14">
      <c r="N141191" s="10"/>
    </row>
    <row r="141192" spans="14:14">
      <c r="N141192" s="10"/>
    </row>
    <row r="141193" spans="14:14">
      <c r="N141193" s="10"/>
    </row>
    <row r="141194" spans="14:14">
      <c r="N141194" s="10"/>
    </row>
    <row r="141195" spans="14:14">
      <c r="N141195" s="10"/>
    </row>
    <row r="141196" spans="14:14">
      <c r="N141196" s="10"/>
    </row>
    <row r="141197" spans="14:14">
      <c r="N141197" s="10"/>
    </row>
    <row r="141198" spans="14:14">
      <c r="N141198" s="10"/>
    </row>
    <row r="141199" spans="14:14">
      <c r="N141199" s="10"/>
    </row>
    <row r="141200" spans="14:14">
      <c r="N141200" s="10"/>
    </row>
    <row r="141201" spans="14:14">
      <c r="N141201" s="10"/>
    </row>
    <row r="141202" spans="14:14">
      <c r="N141202" s="10"/>
    </row>
    <row r="141203" spans="14:14">
      <c r="N141203" s="10"/>
    </row>
    <row r="141204" spans="14:14">
      <c r="N141204" s="10"/>
    </row>
    <row r="141205" spans="14:14">
      <c r="N141205" s="10"/>
    </row>
    <row r="141206" spans="14:14">
      <c r="N141206" s="10"/>
    </row>
    <row r="141207" spans="14:14">
      <c r="N141207" s="10"/>
    </row>
    <row r="141208" spans="14:14">
      <c r="N141208" s="10"/>
    </row>
    <row r="141209" spans="14:14">
      <c r="N141209" s="10"/>
    </row>
    <row r="141210" spans="14:14">
      <c r="N141210" s="10"/>
    </row>
    <row r="141211" spans="14:14">
      <c r="N141211" s="10"/>
    </row>
    <row r="141212" spans="14:14">
      <c r="N141212" s="10"/>
    </row>
    <row r="141213" spans="14:14">
      <c r="N141213" s="10"/>
    </row>
    <row r="141214" spans="14:14">
      <c r="N141214" s="10"/>
    </row>
    <row r="141215" spans="14:14">
      <c r="N141215" s="10"/>
    </row>
    <row r="141216" spans="14:14">
      <c r="N141216" s="10"/>
    </row>
    <row r="141217" spans="14:14">
      <c r="N141217" s="10"/>
    </row>
    <row r="141218" spans="14:14">
      <c r="N141218" s="10"/>
    </row>
    <row r="141219" spans="14:14">
      <c r="N141219" s="10"/>
    </row>
    <row r="141220" spans="14:14">
      <c r="N141220" s="10"/>
    </row>
    <row r="141221" spans="14:14">
      <c r="N141221" s="10"/>
    </row>
    <row r="141222" spans="14:14">
      <c r="N141222" s="10"/>
    </row>
    <row r="141223" spans="14:14">
      <c r="N141223" s="10"/>
    </row>
    <row r="141224" spans="14:14">
      <c r="N141224" s="10"/>
    </row>
    <row r="141225" spans="14:14">
      <c r="N141225" s="10"/>
    </row>
    <row r="141226" spans="14:14">
      <c r="N141226" s="10"/>
    </row>
    <row r="141227" spans="14:14">
      <c r="N141227" s="10"/>
    </row>
    <row r="141228" spans="14:14">
      <c r="N141228" s="10"/>
    </row>
    <row r="141229" spans="14:14">
      <c r="N141229" s="10"/>
    </row>
    <row r="141230" spans="14:14">
      <c r="N141230" s="10"/>
    </row>
    <row r="141231" spans="14:14">
      <c r="N141231" s="10"/>
    </row>
    <row r="141232" spans="14:14">
      <c r="N141232" s="10"/>
    </row>
    <row r="141233" spans="14:14">
      <c r="N141233" s="10"/>
    </row>
    <row r="141234" spans="14:14">
      <c r="N141234" s="10"/>
    </row>
    <row r="141235" spans="14:14">
      <c r="N141235" s="10"/>
    </row>
    <row r="141236" spans="14:14">
      <c r="N141236" s="10"/>
    </row>
    <row r="141237" spans="14:14">
      <c r="N141237" s="10"/>
    </row>
    <row r="141238" spans="14:14">
      <c r="N141238" s="10"/>
    </row>
    <row r="141239" spans="14:14">
      <c r="N141239" s="10"/>
    </row>
    <row r="141240" spans="14:14">
      <c r="N141240" s="10"/>
    </row>
    <row r="141241" spans="14:14">
      <c r="N141241" s="10"/>
    </row>
    <row r="141242" spans="14:14">
      <c r="N141242" s="10"/>
    </row>
    <row r="141243" spans="14:14">
      <c r="N141243" s="10"/>
    </row>
    <row r="141244" spans="14:14">
      <c r="N141244" s="10"/>
    </row>
    <row r="141245" spans="14:14">
      <c r="N141245" s="10"/>
    </row>
    <row r="141246" spans="14:14">
      <c r="N141246" s="10"/>
    </row>
    <row r="141247" spans="14:14">
      <c r="N141247" s="10"/>
    </row>
    <row r="141248" spans="14:14">
      <c r="N141248" s="10"/>
    </row>
    <row r="141249" spans="14:14">
      <c r="N141249" s="10"/>
    </row>
    <row r="141250" spans="14:14">
      <c r="N141250" s="10"/>
    </row>
    <row r="141251" spans="14:14">
      <c r="N141251" s="10"/>
    </row>
    <row r="141252" spans="14:14">
      <c r="N141252" s="10"/>
    </row>
    <row r="141253" spans="14:14">
      <c r="N141253" s="10"/>
    </row>
    <row r="141254" spans="14:14">
      <c r="N141254" s="10"/>
    </row>
    <row r="141255" spans="14:14">
      <c r="N141255" s="10"/>
    </row>
    <row r="141256" spans="14:14">
      <c r="N141256" s="10"/>
    </row>
    <row r="141257" spans="14:14">
      <c r="N141257" s="10"/>
    </row>
    <row r="141258" spans="14:14">
      <c r="N141258" s="10"/>
    </row>
    <row r="141259" spans="14:14">
      <c r="N141259" s="10"/>
    </row>
    <row r="141260" spans="14:14">
      <c r="N141260" s="10"/>
    </row>
    <row r="141261" spans="14:14">
      <c r="N141261" s="10"/>
    </row>
    <row r="141262" spans="14:14">
      <c r="N141262" s="10"/>
    </row>
    <row r="141263" spans="14:14">
      <c r="N141263" s="10"/>
    </row>
    <row r="141264" spans="14:14">
      <c r="N141264" s="10"/>
    </row>
    <row r="141265" spans="14:14">
      <c r="N141265" s="10"/>
    </row>
    <row r="141266" spans="14:14">
      <c r="N141266" s="10"/>
    </row>
    <row r="141267" spans="14:14">
      <c r="N141267" s="10"/>
    </row>
    <row r="141268" spans="14:14">
      <c r="N141268" s="10"/>
    </row>
    <row r="141269" spans="14:14">
      <c r="N141269" s="10"/>
    </row>
    <row r="141270" spans="14:14">
      <c r="N141270" s="10"/>
    </row>
    <row r="141271" spans="14:14">
      <c r="N141271" s="10"/>
    </row>
    <row r="141272" spans="14:14">
      <c r="N141272" s="10"/>
    </row>
    <row r="141273" spans="14:14">
      <c r="N141273" s="10"/>
    </row>
    <row r="141274" spans="14:14">
      <c r="N141274" s="10"/>
    </row>
    <row r="141275" spans="14:14">
      <c r="N141275" s="10"/>
    </row>
    <row r="141276" spans="14:14">
      <c r="N141276" s="10"/>
    </row>
    <row r="141277" spans="14:14">
      <c r="N141277" s="10"/>
    </row>
    <row r="141278" spans="14:14">
      <c r="N141278" s="10"/>
    </row>
    <row r="141279" spans="14:14">
      <c r="N141279" s="10"/>
    </row>
    <row r="141280" spans="14:14">
      <c r="N141280" s="10"/>
    </row>
    <row r="141281" spans="14:14">
      <c r="N141281" s="10"/>
    </row>
    <row r="141282" spans="14:14">
      <c r="N141282" s="10"/>
    </row>
    <row r="141283" spans="14:14">
      <c r="N141283" s="10"/>
    </row>
    <row r="141284" spans="14:14">
      <c r="N141284" s="10"/>
    </row>
    <row r="141285" spans="14:14">
      <c r="N141285" s="10"/>
    </row>
    <row r="141286" spans="14:14">
      <c r="N141286" s="10"/>
    </row>
    <row r="141287" spans="14:14">
      <c r="N141287" s="10"/>
    </row>
    <row r="141288" spans="14:14">
      <c r="N141288" s="10"/>
    </row>
    <row r="141289" spans="14:14">
      <c r="N141289" s="10"/>
    </row>
    <row r="141290" spans="14:14">
      <c r="N141290" s="10"/>
    </row>
    <row r="141291" spans="14:14">
      <c r="N141291" s="10"/>
    </row>
    <row r="141292" spans="14:14">
      <c r="N141292" s="10"/>
    </row>
    <row r="141293" spans="14:14">
      <c r="N141293" s="10"/>
    </row>
    <row r="141294" spans="14:14">
      <c r="N141294" s="10"/>
    </row>
    <row r="141295" spans="14:14">
      <c r="N141295" s="10"/>
    </row>
    <row r="141296" spans="14:14">
      <c r="N141296" s="10"/>
    </row>
    <row r="141297" spans="14:14">
      <c r="N141297" s="10"/>
    </row>
    <row r="141298" spans="14:14">
      <c r="N141298" s="10"/>
    </row>
    <row r="141299" spans="14:14">
      <c r="N141299" s="10"/>
    </row>
    <row r="141300" spans="14:14">
      <c r="N141300" s="10"/>
    </row>
    <row r="141301" spans="14:14">
      <c r="N141301" s="10"/>
    </row>
    <row r="141302" spans="14:14">
      <c r="N141302" s="10"/>
    </row>
    <row r="141303" spans="14:14">
      <c r="N141303" s="10"/>
    </row>
    <row r="141304" spans="14:14">
      <c r="N141304" s="10"/>
    </row>
    <row r="141305" spans="14:14">
      <c r="N141305" s="10"/>
    </row>
    <row r="141306" spans="14:14">
      <c r="N141306" s="10"/>
    </row>
    <row r="141307" spans="14:14">
      <c r="N141307" s="10"/>
    </row>
    <row r="141308" spans="14:14">
      <c r="N141308" s="10"/>
    </row>
    <row r="141309" spans="14:14">
      <c r="N141309" s="10"/>
    </row>
    <row r="141310" spans="14:14">
      <c r="N141310" s="10"/>
    </row>
    <row r="141311" spans="14:14">
      <c r="N141311" s="10"/>
    </row>
    <row r="141312" spans="14:14">
      <c r="N141312" s="10"/>
    </row>
    <row r="141313" spans="14:14">
      <c r="N141313" s="10"/>
    </row>
    <row r="141314" spans="14:14">
      <c r="N141314" s="10"/>
    </row>
    <row r="141315" spans="14:14">
      <c r="N141315" s="10"/>
    </row>
    <row r="141316" spans="14:14">
      <c r="N141316" s="10"/>
    </row>
    <row r="141317" spans="14:14">
      <c r="N141317" s="10"/>
    </row>
    <row r="141318" spans="14:14">
      <c r="N141318" s="10"/>
    </row>
    <row r="141319" spans="14:14">
      <c r="N141319" s="10"/>
    </row>
    <row r="141320" spans="14:14">
      <c r="N141320" s="10"/>
    </row>
    <row r="141321" spans="14:14">
      <c r="N141321" s="10"/>
    </row>
    <row r="141322" spans="14:14">
      <c r="N141322" s="10"/>
    </row>
    <row r="141323" spans="14:14">
      <c r="N141323" s="10"/>
    </row>
    <row r="141324" spans="14:14">
      <c r="N141324" s="10"/>
    </row>
    <row r="141325" spans="14:14">
      <c r="N141325" s="10"/>
    </row>
    <row r="141326" spans="14:14">
      <c r="N141326" s="10"/>
    </row>
    <row r="141327" spans="14:14">
      <c r="N141327" s="10"/>
    </row>
    <row r="141328" spans="14:14">
      <c r="N141328" s="10"/>
    </row>
    <row r="141329" spans="14:14">
      <c r="N141329" s="10"/>
    </row>
    <row r="141330" spans="14:14">
      <c r="N141330" s="10"/>
    </row>
    <row r="141331" spans="14:14">
      <c r="N141331" s="10"/>
    </row>
    <row r="141332" spans="14:14">
      <c r="N141332" s="10"/>
    </row>
    <row r="141333" spans="14:14">
      <c r="N141333" s="10"/>
    </row>
    <row r="141334" spans="14:14">
      <c r="N141334" s="10"/>
    </row>
    <row r="141335" spans="14:14">
      <c r="N141335" s="10"/>
    </row>
    <row r="141336" spans="14:14">
      <c r="N141336" s="10"/>
    </row>
    <row r="141337" spans="14:14">
      <c r="N141337" s="10"/>
    </row>
    <row r="141338" spans="14:14">
      <c r="N141338" s="10"/>
    </row>
    <row r="141339" spans="14:14">
      <c r="N141339" s="10"/>
    </row>
    <row r="141340" spans="14:14">
      <c r="N141340" s="10"/>
    </row>
    <row r="141341" spans="14:14">
      <c r="N141341" s="10"/>
    </row>
    <row r="141342" spans="14:14">
      <c r="N141342" s="10"/>
    </row>
    <row r="141343" spans="14:14">
      <c r="N141343" s="10"/>
    </row>
    <row r="141344" spans="14:14">
      <c r="N141344" s="10"/>
    </row>
    <row r="141345" spans="14:14">
      <c r="N141345" s="10"/>
    </row>
    <row r="141346" spans="14:14">
      <c r="N141346" s="10"/>
    </row>
    <row r="141347" spans="14:14">
      <c r="N141347" s="10"/>
    </row>
    <row r="141348" spans="14:14">
      <c r="N141348" s="10"/>
    </row>
    <row r="141349" spans="14:14">
      <c r="N141349" s="10"/>
    </row>
    <row r="141350" spans="14:14">
      <c r="N141350" s="10"/>
    </row>
    <row r="141351" spans="14:14">
      <c r="N141351" s="10"/>
    </row>
    <row r="141352" spans="14:14">
      <c r="N141352" s="10"/>
    </row>
    <row r="141353" spans="14:14">
      <c r="N141353" s="10"/>
    </row>
    <row r="141354" spans="14:14">
      <c r="N141354" s="10"/>
    </row>
    <row r="141355" spans="14:14">
      <c r="N141355" s="10"/>
    </row>
    <row r="141356" spans="14:14">
      <c r="N141356" s="10"/>
    </row>
    <row r="141357" spans="14:14">
      <c r="N141357" s="10"/>
    </row>
    <row r="141358" spans="14:14">
      <c r="N141358" s="10"/>
    </row>
    <row r="141359" spans="14:14">
      <c r="N141359" s="10"/>
    </row>
    <row r="141360" spans="14:14">
      <c r="N141360" s="10"/>
    </row>
    <row r="141361" spans="14:14">
      <c r="N141361" s="10"/>
    </row>
    <row r="141362" spans="14:14">
      <c r="N141362" s="10"/>
    </row>
    <row r="141363" spans="14:14">
      <c r="N141363" s="10"/>
    </row>
    <row r="141364" spans="14:14">
      <c r="N141364" s="10"/>
    </row>
    <row r="141365" spans="14:14">
      <c r="N141365" s="10"/>
    </row>
    <row r="141366" spans="14:14">
      <c r="N141366" s="10"/>
    </row>
    <row r="141367" spans="14:14">
      <c r="N141367" s="10"/>
    </row>
    <row r="141368" spans="14:14">
      <c r="N141368" s="10"/>
    </row>
    <row r="141369" spans="14:14">
      <c r="N141369" s="10"/>
    </row>
    <row r="141370" spans="14:14">
      <c r="N141370" s="10"/>
    </row>
    <row r="141371" spans="14:14">
      <c r="N141371" s="10"/>
    </row>
    <row r="141372" spans="14:14">
      <c r="N141372" s="10"/>
    </row>
    <row r="141373" spans="14:14">
      <c r="N141373" s="10"/>
    </row>
    <row r="141374" spans="14:14">
      <c r="N141374" s="10"/>
    </row>
    <row r="141375" spans="14:14">
      <c r="N141375" s="10"/>
    </row>
    <row r="141376" spans="14:14">
      <c r="N141376" s="10"/>
    </row>
    <row r="141377" spans="14:14">
      <c r="N141377" s="10"/>
    </row>
    <row r="141378" spans="14:14">
      <c r="N141378" s="10"/>
    </row>
    <row r="141379" spans="14:14">
      <c r="N141379" s="10"/>
    </row>
    <row r="141380" spans="14:14">
      <c r="N141380" s="10"/>
    </row>
    <row r="141381" spans="14:14">
      <c r="N141381" s="10"/>
    </row>
    <row r="141382" spans="14:14">
      <c r="N141382" s="10"/>
    </row>
    <row r="141383" spans="14:14">
      <c r="N141383" s="10"/>
    </row>
    <row r="141384" spans="14:14">
      <c r="N141384" s="10"/>
    </row>
    <row r="141385" spans="14:14">
      <c r="N141385" s="10"/>
    </row>
    <row r="141386" spans="14:14">
      <c r="N141386" s="10"/>
    </row>
    <row r="141387" spans="14:14">
      <c r="N141387" s="10"/>
    </row>
    <row r="141388" spans="14:14">
      <c r="N141388" s="10"/>
    </row>
    <row r="141389" spans="14:14">
      <c r="N141389" s="10"/>
    </row>
    <row r="141390" spans="14:14">
      <c r="N141390" s="10"/>
    </row>
    <row r="141391" spans="14:14">
      <c r="N141391" s="10"/>
    </row>
    <row r="141392" spans="14:14">
      <c r="N141392" s="10"/>
    </row>
    <row r="141393" spans="14:14">
      <c r="N141393" s="10"/>
    </row>
    <row r="141394" spans="14:14">
      <c r="N141394" s="10"/>
    </row>
    <row r="141395" spans="14:14">
      <c r="N141395" s="10"/>
    </row>
    <row r="141396" spans="14:14">
      <c r="N141396" s="10"/>
    </row>
    <row r="141397" spans="14:14">
      <c r="N141397" s="10"/>
    </row>
    <row r="141398" spans="14:14">
      <c r="N141398" s="10"/>
    </row>
    <row r="141399" spans="14:14">
      <c r="N141399" s="10"/>
    </row>
    <row r="141400" spans="14:14">
      <c r="N141400" s="10"/>
    </row>
    <row r="141401" spans="14:14">
      <c r="N141401" s="10"/>
    </row>
    <row r="141402" spans="14:14">
      <c r="N141402" s="10"/>
    </row>
    <row r="141403" spans="14:14">
      <c r="N141403" s="10"/>
    </row>
    <row r="141404" spans="14:14">
      <c r="N141404" s="10"/>
    </row>
    <row r="141405" spans="14:14">
      <c r="N141405" s="10"/>
    </row>
    <row r="141406" spans="14:14">
      <c r="N141406" s="10"/>
    </row>
    <row r="141407" spans="14:14">
      <c r="N141407" s="10"/>
    </row>
    <row r="141408" spans="14:14">
      <c r="N141408" s="10"/>
    </row>
    <row r="141409" spans="14:14">
      <c r="N141409" s="10"/>
    </row>
    <row r="141410" spans="14:14">
      <c r="N141410" s="10"/>
    </row>
    <row r="141411" spans="14:14">
      <c r="N141411" s="10"/>
    </row>
    <row r="141412" spans="14:14">
      <c r="N141412" s="10"/>
    </row>
    <row r="141413" spans="14:14">
      <c r="N141413" s="10"/>
    </row>
    <row r="141414" spans="14:14">
      <c r="N141414" s="10"/>
    </row>
    <row r="141415" spans="14:14">
      <c r="N141415" s="10"/>
    </row>
    <row r="141416" spans="14:14">
      <c r="N141416" s="10"/>
    </row>
    <row r="141417" spans="14:14">
      <c r="N141417" s="10"/>
    </row>
    <row r="141418" spans="14:14">
      <c r="N141418" s="10"/>
    </row>
    <row r="141419" spans="14:14">
      <c r="N141419" s="10"/>
    </row>
    <row r="141420" spans="14:14">
      <c r="N141420" s="10"/>
    </row>
    <row r="141421" spans="14:14">
      <c r="N141421" s="10"/>
    </row>
    <row r="141422" spans="14:14">
      <c r="N141422" s="10"/>
    </row>
    <row r="141423" spans="14:14">
      <c r="N141423" s="10"/>
    </row>
    <row r="141424" spans="14:14">
      <c r="N141424" s="10"/>
    </row>
    <row r="141425" spans="14:14">
      <c r="N141425" s="10"/>
    </row>
    <row r="141426" spans="14:14">
      <c r="N141426" s="10"/>
    </row>
    <row r="141427" spans="14:14">
      <c r="N141427" s="10"/>
    </row>
    <row r="141428" spans="14:14">
      <c r="N141428" s="10"/>
    </row>
    <row r="141429" spans="14:14">
      <c r="N141429" s="10"/>
    </row>
    <row r="141430" spans="14:14">
      <c r="N141430" s="10"/>
    </row>
    <row r="141431" spans="14:14">
      <c r="N141431" s="10"/>
    </row>
    <row r="141432" spans="14:14">
      <c r="N141432" s="10"/>
    </row>
    <row r="141433" spans="14:14">
      <c r="N141433" s="10"/>
    </row>
    <row r="141434" spans="14:14">
      <c r="N141434" s="10"/>
    </row>
    <row r="141435" spans="14:14">
      <c r="N141435" s="10"/>
    </row>
    <row r="141436" spans="14:14">
      <c r="N141436" s="10"/>
    </row>
    <row r="141437" spans="14:14">
      <c r="N141437" s="10"/>
    </row>
    <row r="141438" spans="14:14">
      <c r="N141438" s="10"/>
    </row>
    <row r="141439" spans="14:14">
      <c r="N141439" s="10"/>
    </row>
    <row r="141440" spans="14:14">
      <c r="N141440" s="10"/>
    </row>
    <row r="141441" spans="14:14">
      <c r="N141441" s="10"/>
    </row>
    <row r="141442" spans="14:14">
      <c r="N141442" s="10"/>
    </row>
    <row r="141443" spans="14:14">
      <c r="N141443" s="10"/>
    </row>
    <row r="141444" spans="14:14">
      <c r="N141444" s="10"/>
    </row>
    <row r="141445" spans="14:14">
      <c r="N141445" s="10"/>
    </row>
    <row r="141446" spans="14:14">
      <c r="N141446" s="10"/>
    </row>
    <row r="141447" spans="14:14">
      <c r="N141447" s="10"/>
    </row>
    <row r="141448" spans="14:14">
      <c r="N141448" s="10"/>
    </row>
    <row r="141449" spans="14:14">
      <c r="N141449" s="10"/>
    </row>
    <row r="141450" spans="14:14">
      <c r="N141450" s="10"/>
    </row>
    <row r="141451" spans="14:14">
      <c r="N141451" s="10"/>
    </row>
    <row r="141452" spans="14:14">
      <c r="N141452" s="10"/>
    </row>
    <row r="141453" spans="14:14">
      <c r="N141453" s="10"/>
    </row>
    <row r="141454" spans="14:14">
      <c r="N141454" s="10"/>
    </row>
    <row r="141455" spans="14:14">
      <c r="N141455" s="10"/>
    </row>
    <row r="141456" spans="14:14">
      <c r="N141456" s="10"/>
    </row>
    <row r="141457" spans="14:14">
      <c r="N141457" s="10"/>
    </row>
    <row r="141458" spans="14:14">
      <c r="N141458" s="10"/>
    </row>
    <row r="141459" spans="14:14">
      <c r="N141459" s="10"/>
    </row>
    <row r="141460" spans="14:14">
      <c r="N141460" s="10"/>
    </row>
    <row r="141461" spans="14:14">
      <c r="N141461" s="10"/>
    </row>
    <row r="141462" spans="14:14">
      <c r="N141462" s="10"/>
    </row>
    <row r="141463" spans="14:14">
      <c r="N141463" s="10"/>
    </row>
    <row r="141464" spans="14:14">
      <c r="N141464" s="10"/>
    </row>
    <row r="141465" spans="14:14">
      <c r="N141465" s="10"/>
    </row>
    <row r="141466" spans="14:14">
      <c r="N141466" s="10"/>
    </row>
    <row r="141467" spans="14:14">
      <c r="N141467" s="10"/>
    </row>
    <row r="141468" spans="14:14">
      <c r="N141468" s="10"/>
    </row>
    <row r="141469" spans="14:14">
      <c r="N141469" s="10"/>
    </row>
    <row r="141470" spans="14:14">
      <c r="N141470" s="10"/>
    </row>
    <row r="141471" spans="14:14">
      <c r="N141471" s="10"/>
    </row>
    <row r="141472" spans="14:14">
      <c r="N141472" s="10"/>
    </row>
    <row r="141473" spans="14:14">
      <c r="N141473" s="10"/>
    </row>
    <row r="141474" spans="14:14">
      <c r="N141474" s="10"/>
    </row>
    <row r="141475" spans="14:14">
      <c r="N141475" s="10"/>
    </row>
    <row r="141476" spans="14:14">
      <c r="N141476" s="10"/>
    </row>
    <row r="141477" spans="14:14">
      <c r="N141477" s="10"/>
    </row>
    <row r="141478" spans="14:14">
      <c r="N141478" s="10"/>
    </row>
    <row r="141479" spans="14:14">
      <c r="N141479" s="10"/>
    </row>
    <row r="141480" spans="14:14">
      <c r="N141480" s="10"/>
    </row>
    <row r="141481" spans="14:14">
      <c r="N141481" s="10"/>
    </row>
    <row r="141482" spans="14:14">
      <c r="N141482" s="10"/>
    </row>
    <row r="141483" spans="14:14">
      <c r="N141483" s="10"/>
    </row>
    <row r="141484" spans="14:14">
      <c r="N141484" s="10"/>
    </row>
    <row r="141485" spans="14:14">
      <c r="N141485" s="10"/>
    </row>
    <row r="141486" spans="14:14">
      <c r="N141486" s="10"/>
    </row>
    <row r="141487" spans="14:14">
      <c r="N141487" s="10"/>
    </row>
    <row r="141488" spans="14:14">
      <c r="N141488" s="10"/>
    </row>
    <row r="141489" spans="14:14">
      <c r="N141489" s="10"/>
    </row>
    <row r="141490" spans="14:14">
      <c r="N141490" s="10"/>
    </row>
    <row r="141491" spans="14:14">
      <c r="N141491" s="10"/>
    </row>
    <row r="141492" spans="14:14">
      <c r="N141492" s="10"/>
    </row>
    <row r="141493" spans="14:14">
      <c r="N141493" s="10"/>
    </row>
    <row r="141494" spans="14:14">
      <c r="N141494" s="10"/>
    </row>
    <row r="141495" spans="14:14">
      <c r="N141495" s="10"/>
    </row>
    <row r="141496" spans="14:14">
      <c r="N141496" s="10"/>
    </row>
    <row r="141497" spans="14:14">
      <c r="N141497" s="10"/>
    </row>
    <row r="141498" spans="14:14">
      <c r="N141498" s="10"/>
    </row>
    <row r="141499" spans="14:14">
      <c r="N141499" s="10"/>
    </row>
    <row r="141500" spans="14:14">
      <c r="N141500" s="10"/>
    </row>
    <row r="141501" spans="14:14">
      <c r="N141501" s="10"/>
    </row>
    <row r="141502" spans="14:14">
      <c r="N141502" s="10"/>
    </row>
    <row r="141503" spans="14:14">
      <c r="N141503" s="10"/>
    </row>
    <row r="141504" spans="14:14">
      <c r="N141504" s="10"/>
    </row>
    <row r="141505" spans="14:14">
      <c r="N141505" s="10"/>
    </row>
    <row r="141506" spans="14:14">
      <c r="N141506" s="10"/>
    </row>
    <row r="141507" spans="14:14">
      <c r="N141507" s="10"/>
    </row>
    <row r="141508" spans="14:14">
      <c r="N141508" s="10"/>
    </row>
    <row r="141509" spans="14:14">
      <c r="N141509" s="10"/>
    </row>
    <row r="141510" spans="14:14">
      <c r="N141510" s="10"/>
    </row>
    <row r="141511" spans="14:14">
      <c r="N141511" s="10"/>
    </row>
    <row r="141512" spans="14:14">
      <c r="N141512" s="10"/>
    </row>
    <row r="141513" spans="14:14">
      <c r="N141513" s="10"/>
    </row>
    <row r="141514" spans="14:14">
      <c r="N141514" s="10"/>
    </row>
    <row r="141515" spans="14:14">
      <c r="N141515" s="10"/>
    </row>
    <row r="141516" spans="14:14">
      <c r="N141516" s="10"/>
    </row>
    <row r="141517" spans="14:14">
      <c r="N141517" s="10"/>
    </row>
    <row r="141518" spans="14:14">
      <c r="N141518" s="10"/>
    </row>
    <row r="141519" spans="14:14">
      <c r="N141519" s="10"/>
    </row>
    <row r="141520" spans="14:14">
      <c r="N141520" s="10"/>
    </row>
    <row r="141521" spans="14:14">
      <c r="N141521" s="10"/>
    </row>
    <row r="141522" spans="14:14">
      <c r="N141522" s="10"/>
    </row>
    <row r="141523" spans="14:14">
      <c r="N141523" s="10"/>
    </row>
    <row r="141524" spans="14:14">
      <c r="N141524" s="10"/>
    </row>
    <row r="141525" spans="14:14">
      <c r="N141525" s="10"/>
    </row>
    <row r="141526" spans="14:14">
      <c r="N141526" s="10"/>
    </row>
    <row r="141527" spans="14:14">
      <c r="N141527" s="10"/>
    </row>
    <row r="141528" spans="14:14">
      <c r="N141528" s="10"/>
    </row>
    <row r="141529" spans="14:14">
      <c r="N141529" s="10"/>
    </row>
    <row r="141530" spans="14:14">
      <c r="N141530" s="10"/>
    </row>
    <row r="141531" spans="14:14">
      <c r="N141531" s="10"/>
    </row>
    <row r="141532" spans="14:14">
      <c r="N141532" s="10"/>
    </row>
    <row r="141533" spans="14:14">
      <c r="N141533" s="10"/>
    </row>
    <row r="141534" spans="14:14">
      <c r="N141534" s="10"/>
    </row>
    <row r="141535" spans="14:14">
      <c r="N141535" s="10"/>
    </row>
    <row r="141536" spans="14:14">
      <c r="N141536" s="10"/>
    </row>
    <row r="141537" spans="14:14">
      <c r="N141537" s="10"/>
    </row>
    <row r="141538" spans="14:14">
      <c r="N141538" s="10"/>
    </row>
    <row r="141539" spans="14:14">
      <c r="N141539" s="10"/>
    </row>
    <row r="141540" spans="14:14">
      <c r="N141540" s="10"/>
    </row>
    <row r="141541" spans="14:14">
      <c r="N141541" s="10"/>
    </row>
    <row r="141542" spans="14:14">
      <c r="N141542" s="10"/>
    </row>
    <row r="141543" spans="14:14">
      <c r="N141543" s="10"/>
    </row>
    <row r="141544" spans="14:14">
      <c r="N141544" s="10"/>
    </row>
    <row r="141545" spans="14:14">
      <c r="N141545" s="10"/>
    </row>
    <row r="141546" spans="14:14">
      <c r="N141546" s="10"/>
    </row>
    <row r="141547" spans="14:14">
      <c r="N141547" s="10"/>
    </row>
    <row r="141548" spans="14:14">
      <c r="N141548" s="10"/>
    </row>
    <row r="141549" spans="14:14">
      <c r="N141549" s="10"/>
    </row>
    <row r="141550" spans="14:14">
      <c r="N141550" s="10"/>
    </row>
    <row r="141551" spans="14:14">
      <c r="N141551" s="10"/>
    </row>
    <row r="141552" spans="14:14">
      <c r="N141552" s="10"/>
    </row>
    <row r="141553" spans="14:14">
      <c r="N141553" s="10"/>
    </row>
    <row r="141554" spans="14:14">
      <c r="N141554" s="10"/>
    </row>
    <row r="141555" spans="14:14">
      <c r="N141555" s="10"/>
    </row>
    <row r="141556" spans="14:14">
      <c r="N141556" s="10"/>
    </row>
    <row r="141557" spans="14:14">
      <c r="N141557" s="10"/>
    </row>
    <row r="141558" spans="14:14">
      <c r="N141558" s="10"/>
    </row>
    <row r="141559" spans="14:14">
      <c r="N141559" s="10"/>
    </row>
    <row r="141560" spans="14:14">
      <c r="N141560" s="10"/>
    </row>
    <row r="141561" spans="14:14">
      <c r="N141561" s="10"/>
    </row>
    <row r="141562" spans="14:14">
      <c r="N141562" s="10"/>
    </row>
    <row r="141563" spans="14:14">
      <c r="N141563" s="10"/>
    </row>
    <row r="141564" spans="14:14">
      <c r="N141564" s="10"/>
    </row>
    <row r="141565" spans="14:14">
      <c r="N141565" s="10"/>
    </row>
    <row r="141566" spans="14:14">
      <c r="N141566" s="10"/>
    </row>
    <row r="141567" spans="14:14">
      <c r="N141567" s="10"/>
    </row>
    <row r="141568" spans="14:14">
      <c r="N141568" s="10"/>
    </row>
    <row r="141569" spans="14:14">
      <c r="N141569" s="10"/>
    </row>
    <row r="141570" spans="14:14">
      <c r="N141570" s="10"/>
    </row>
    <row r="141571" spans="14:14">
      <c r="N141571" s="10"/>
    </row>
    <row r="141572" spans="14:14">
      <c r="N141572" s="10"/>
    </row>
    <row r="141573" spans="14:14">
      <c r="N141573" s="10"/>
    </row>
    <row r="141574" spans="14:14">
      <c r="N141574" s="10"/>
    </row>
    <row r="141575" spans="14:14">
      <c r="N141575" s="10"/>
    </row>
    <row r="141576" spans="14:14">
      <c r="N141576" s="10"/>
    </row>
    <row r="141577" spans="14:14">
      <c r="N141577" s="10"/>
    </row>
    <row r="141578" spans="14:14">
      <c r="N141578" s="10"/>
    </row>
    <row r="141579" spans="14:14">
      <c r="N141579" s="10"/>
    </row>
    <row r="141580" spans="14:14">
      <c r="N141580" s="10"/>
    </row>
    <row r="141581" spans="14:14">
      <c r="N141581" s="10"/>
    </row>
    <row r="141582" spans="14:14">
      <c r="N141582" s="10"/>
    </row>
    <row r="141583" spans="14:14">
      <c r="N141583" s="10"/>
    </row>
    <row r="141584" spans="14:14">
      <c r="N141584" s="10"/>
    </row>
    <row r="141585" spans="14:14">
      <c r="N141585" s="10"/>
    </row>
    <row r="141586" spans="14:14">
      <c r="N141586" s="10"/>
    </row>
    <row r="141587" spans="14:14">
      <c r="N141587" s="10"/>
    </row>
    <row r="141588" spans="14:14">
      <c r="N141588" s="10"/>
    </row>
    <row r="141589" spans="14:14">
      <c r="N141589" s="10"/>
    </row>
    <row r="141590" spans="14:14">
      <c r="N141590" s="10"/>
    </row>
    <row r="141591" spans="14:14">
      <c r="N141591" s="10"/>
    </row>
    <row r="141592" spans="14:14">
      <c r="N141592" s="10"/>
    </row>
    <row r="141593" spans="14:14">
      <c r="N141593" s="10"/>
    </row>
    <row r="141594" spans="14:14">
      <c r="N141594" s="10"/>
    </row>
    <row r="141595" spans="14:14">
      <c r="N141595" s="10"/>
    </row>
    <row r="141596" spans="14:14">
      <c r="N141596" s="10"/>
    </row>
    <row r="141597" spans="14:14">
      <c r="N141597" s="10"/>
    </row>
    <row r="141598" spans="14:14">
      <c r="N141598" s="10"/>
    </row>
    <row r="141599" spans="14:14">
      <c r="N141599" s="10"/>
    </row>
    <row r="141600" spans="14:14">
      <c r="N141600" s="10"/>
    </row>
    <row r="141601" spans="14:14">
      <c r="N141601" s="10"/>
    </row>
    <row r="141602" spans="14:14">
      <c r="N141602" s="10"/>
    </row>
    <row r="141603" spans="14:14">
      <c r="N141603" s="10"/>
    </row>
    <row r="141604" spans="14:14">
      <c r="N141604" s="10"/>
    </row>
    <row r="141605" spans="14:14">
      <c r="N141605" s="10"/>
    </row>
    <row r="141606" spans="14:14">
      <c r="N141606" s="10"/>
    </row>
    <row r="141607" spans="14:14">
      <c r="N141607" s="10"/>
    </row>
    <row r="141608" spans="14:14">
      <c r="N141608" s="10"/>
    </row>
    <row r="141609" spans="14:14">
      <c r="N141609" s="10"/>
    </row>
    <row r="141610" spans="14:14">
      <c r="N141610" s="10"/>
    </row>
    <row r="141611" spans="14:14">
      <c r="N141611" s="10"/>
    </row>
    <row r="141612" spans="14:14">
      <c r="N141612" s="10"/>
    </row>
    <row r="141613" spans="14:14">
      <c r="N141613" s="10"/>
    </row>
    <row r="141614" spans="14:14">
      <c r="N141614" s="10"/>
    </row>
    <row r="141615" spans="14:14">
      <c r="N141615" s="10"/>
    </row>
    <row r="141616" spans="14:14">
      <c r="N141616" s="10"/>
    </row>
    <row r="141617" spans="14:14">
      <c r="N141617" s="10"/>
    </row>
    <row r="141618" spans="14:14">
      <c r="N141618" s="10"/>
    </row>
    <row r="141619" spans="14:14">
      <c r="N141619" s="10"/>
    </row>
    <row r="141620" spans="14:14">
      <c r="N141620" s="10"/>
    </row>
    <row r="141621" spans="14:14">
      <c r="N141621" s="10"/>
    </row>
    <row r="141622" spans="14:14">
      <c r="N141622" s="10"/>
    </row>
    <row r="141623" spans="14:14">
      <c r="N141623" s="10"/>
    </row>
    <row r="141624" spans="14:14">
      <c r="N141624" s="10"/>
    </row>
    <row r="141625" spans="14:14">
      <c r="N141625" s="10"/>
    </row>
    <row r="141626" spans="14:14">
      <c r="N141626" s="10"/>
    </row>
    <row r="141627" spans="14:14">
      <c r="N141627" s="10"/>
    </row>
    <row r="141628" spans="14:14">
      <c r="N141628" s="10"/>
    </row>
    <row r="141629" spans="14:14">
      <c r="N141629" s="10"/>
    </row>
    <row r="141630" spans="14:14">
      <c r="N141630" s="10"/>
    </row>
    <row r="141631" spans="14:14">
      <c r="N141631" s="10"/>
    </row>
    <row r="141632" spans="14:14">
      <c r="N141632" s="10"/>
    </row>
    <row r="141633" spans="14:14">
      <c r="N141633" s="10"/>
    </row>
    <row r="141634" spans="14:14">
      <c r="N141634" s="10"/>
    </row>
    <row r="141635" spans="14:14">
      <c r="N141635" s="10"/>
    </row>
    <row r="141636" spans="14:14">
      <c r="N141636" s="10"/>
    </row>
    <row r="141637" spans="14:14">
      <c r="N141637" s="10"/>
    </row>
    <row r="141638" spans="14:14">
      <c r="N141638" s="10"/>
    </row>
    <row r="141639" spans="14:14">
      <c r="N141639" s="10"/>
    </row>
    <row r="141640" spans="14:14">
      <c r="N141640" s="10"/>
    </row>
    <row r="141641" spans="14:14">
      <c r="N141641" s="10"/>
    </row>
    <row r="141642" spans="14:14">
      <c r="N141642" s="10"/>
    </row>
    <row r="141643" spans="14:14">
      <c r="N141643" s="10"/>
    </row>
    <row r="141644" spans="14:14">
      <c r="N141644" s="10"/>
    </row>
    <row r="141645" spans="14:14">
      <c r="N141645" s="10"/>
    </row>
    <row r="141646" spans="14:14">
      <c r="N141646" s="10"/>
    </row>
    <row r="141647" spans="14:14">
      <c r="N141647" s="10"/>
    </row>
    <row r="141648" spans="14:14">
      <c r="N141648" s="10"/>
    </row>
    <row r="141649" spans="14:14">
      <c r="N141649" s="10"/>
    </row>
    <row r="141650" spans="14:14">
      <c r="N141650" s="10"/>
    </row>
    <row r="141651" spans="14:14">
      <c r="N141651" s="10"/>
    </row>
    <row r="141652" spans="14:14">
      <c r="N141652" s="10"/>
    </row>
    <row r="141653" spans="14:14">
      <c r="N141653" s="10"/>
    </row>
    <row r="141654" spans="14:14">
      <c r="N141654" s="10"/>
    </row>
    <row r="141655" spans="14:14">
      <c r="N141655" s="10"/>
    </row>
    <row r="141656" spans="14:14">
      <c r="N141656" s="10"/>
    </row>
    <row r="141657" spans="14:14">
      <c r="N141657" s="10"/>
    </row>
    <row r="141658" spans="14:14">
      <c r="N141658" s="10"/>
    </row>
    <row r="141659" spans="14:14">
      <c r="N141659" s="10"/>
    </row>
    <row r="141660" spans="14:14">
      <c r="N141660" s="10"/>
    </row>
    <row r="141661" spans="14:14">
      <c r="N141661" s="10"/>
    </row>
    <row r="141662" spans="14:14">
      <c r="N141662" s="10"/>
    </row>
    <row r="141663" spans="14:14">
      <c r="N141663" s="10"/>
    </row>
    <row r="141664" spans="14:14">
      <c r="N141664" s="10"/>
    </row>
    <row r="141665" spans="14:14">
      <c r="N141665" s="10"/>
    </row>
    <row r="141666" spans="14:14">
      <c r="N141666" s="10"/>
    </row>
    <row r="141667" spans="14:14">
      <c r="N141667" s="10"/>
    </row>
    <row r="141668" spans="14:14">
      <c r="N141668" s="10"/>
    </row>
    <row r="141669" spans="14:14">
      <c r="N141669" s="10"/>
    </row>
    <row r="141670" spans="14:14">
      <c r="N141670" s="10"/>
    </row>
    <row r="141671" spans="14:14">
      <c r="N141671" s="10"/>
    </row>
    <row r="141672" spans="14:14">
      <c r="N141672" s="10"/>
    </row>
    <row r="141673" spans="14:14">
      <c r="N141673" s="10"/>
    </row>
    <row r="141674" spans="14:14">
      <c r="N141674" s="10"/>
    </row>
    <row r="141675" spans="14:14">
      <c r="N141675" s="10"/>
    </row>
    <row r="141676" spans="14:14">
      <c r="N141676" s="10"/>
    </row>
    <row r="141677" spans="14:14">
      <c r="N141677" s="10"/>
    </row>
    <row r="141678" spans="14:14">
      <c r="N141678" s="10"/>
    </row>
    <row r="141679" spans="14:14">
      <c r="N141679" s="10"/>
    </row>
    <row r="141680" spans="14:14">
      <c r="N141680" s="10"/>
    </row>
    <row r="141681" spans="14:14">
      <c r="N141681" s="10"/>
    </row>
    <row r="141682" spans="14:14">
      <c r="N141682" s="10"/>
    </row>
    <row r="141683" spans="14:14">
      <c r="N141683" s="10"/>
    </row>
    <row r="141684" spans="14:14">
      <c r="N141684" s="10"/>
    </row>
    <row r="141685" spans="14:14">
      <c r="N141685" s="10"/>
    </row>
    <row r="141686" spans="14:14">
      <c r="N141686" s="10"/>
    </row>
    <row r="141687" spans="14:14">
      <c r="N141687" s="10"/>
    </row>
    <row r="141688" spans="14:14">
      <c r="N141688" s="10"/>
    </row>
    <row r="141689" spans="14:14">
      <c r="N141689" s="10"/>
    </row>
    <row r="141690" spans="14:14">
      <c r="N141690" s="10"/>
    </row>
    <row r="141691" spans="14:14">
      <c r="N141691" s="10"/>
    </row>
    <row r="141692" spans="14:14">
      <c r="N141692" s="10"/>
    </row>
    <row r="141693" spans="14:14">
      <c r="N141693" s="10"/>
    </row>
    <row r="141694" spans="14:14">
      <c r="N141694" s="10"/>
    </row>
    <row r="141695" spans="14:14">
      <c r="N141695" s="10"/>
    </row>
    <row r="141696" spans="14:14">
      <c r="N141696" s="10"/>
    </row>
    <row r="141697" spans="14:14">
      <c r="N141697" s="10"/>
    </row>
    <row r="141698" spans="14:14">
      <c r="N141698" s="10"/>
    </row>
    <row r="141699" spans="14:14">
      <c r="N141699" s="10"/>
    </row>
    <row r="141700" spans="14:14">
      <c r="N141700" s="10"/>
    </row>
    <row r="141701" spans="14:14">
      <c r="N141701" s="10"/>
    </row>
    <row r="141702" spans="14:14">
      <c r="N141702" s="10"/>
    </row>
    <row r="141703" spans="14:14">
      <c r="N141703" s="10"/>
    </row>
    <row r="141704" spans="14:14">
      <c r="N141704" s="10"/>
    </row>
    <row r="141705" spans="14:14">
      <c r="N141705" s="10"/>
    </row>
    <row r="141706" spans="14:14">
      <c r="N141706" s="10"/>
    </row>
    <row r="141707" spans="14:14">
      <c r="N141707" s="10"/>
    </row>
    <row r="141708" spans="14:14">
      <c r="N141708" s="10"/>
    </row>
    <row r="141709" spans="14:14">
      <c r="N141709" s="10"/>
    </row>
    <row r="141710" spans="14:14">
      <c r="N141710" s="10"/>
    </row>
    <row r="141711" spans="14:14">
      <c r="N141711" s="10"/>
    </row>
    <row r="141712" spans="14:14">
      <c r="N141712" s="10"/>
    </row>
    <row r="141713" spans="14:14">
      <c r="N141713" s="10"/>
    </row>
    <row r="141714" spans="14:14">
      <c r="N141714" s="10"/>
    </row>
    <row r="141715" spans="14:14">
      <c r="N141715" s="10"/>
    </row>
    <row r="141716" spans="14:14">
      <c r="N141716" s="10"/>
    </row>
    <row r="141717" spans="14:14">
      <c r="N141717" s="10"/>
    </row>
    <row r="141718" spans="14:14">
      <c r="N141718" s="10"/>
    </row>
    <row r="141719" spans="14:14">
      <c r="N141719" s="10"/>
    </row>
    <row r="141720" spans="14:14">
      <c r="N141720" s="10"/>
    </row>
    <row r="141721" spans="14:14">
      <c r="N141721" s="10"/>
    </row>
    <row r="141722" spans="14:14">
      <c r="N141722" s="10"/>
    </row>
    <row r="141723" spans="14:14">
      <c r="N141723" s="10"/>
    </row>
    <row r="141724" spans="14:14">
      <c r="N141724" s="10"/>
    </row>
    <row r="141725" spans="14:14">
      <c r="N141725" s="10"/>
    </row>
    <row r="141726" spans="14:14">
      <c r="N141726" s="10"/>
    </row>
    <row r="141727" spans="14:14">
      <c r="N141727" s="10"/>
    </row>
    <row r="141728" spans="14:14">
      <c r="N141728" s="10"/>
    </row>
    <row r="141729" spans="14:14">
      <c r="N141729" s="10"/>
    </row>
    <row r="141730" spans="14:14">
      <c r="N141730" s="10"/>
    </row>
    <row r="141731" spans="14:14">
      <c r="N141731" s="10"/>
    </row>
    <row r="141732" spans="14:14">
      <c r="N141732" s="10"/>
    </row>
    <row r="141733" spans="14:14">
      <c r="N141733" s="10"/>
    </row>
    <row r="141734" spans="14:14">
      <c r="N141734" s="10"/>
    </row>
    <row r="141735" spans="14:14">
      <c r="N141735" s="10"/>
    </row>
    <row r="141736" spans="14:14">
      <c r="N141736" s="10"/>
    </row>
    <row r="141737" spans="14:14">
      <c r="N141737" s="10"/>
    </row>
    <row r="141738" spans="14:14">
      <c r="N141738" s="10"/>
    </row>
    <row r="141739" spans="14:14">
      <c r="N141739" s="10"/>
    </row>
    <row r="141740" spans="14:14">
      <c r="N141740" s="10"/>
    </row>
    <row r="141741" spans="14:14">
      <c r="N141741" s="10"/>
    </row>
    <row r="141742" spans="14:14">
      <c r="N141742" s="10"/>
    </row>
    <row r="141743" spans="14:14">
      <c r="N141743" s="10"/>
    </row>
    <row r="141744" spans="14:14">
      <c r="N141744" s="10"/>
    </row>
    <row r="141745" spans="14:14">
      <c r="N141745" s="10"/>
    </row>
    <row r="141746" spans="14:14">
      <c r="N141746" s="10"/>
    </row>
    <row r="141747" spans="14:14">
      <c r="N141747" s="10"/>
    </row>
    <row r="141748" spans="14:14">
      <c r="N141748" s="10"/>
    </row>
    <row r="141749" spans="14:14">
      <c r="N141749" s="10"/>
    </row>
    <row r="141750" spans="14:14">
      <c r="N141750" s="10"/>
    </row>
    <row r="141751" spans="14:14">
      <c r="N141751" s="10"/>
    </row>
    <row r="141752" spans="14:14">
      <c r="N141752" s="10"/>
    </row>
    <row r="141753" spans="14:14">
      <c r="N141753" s="10"/>
    </row>
    <row r="141754" spans="14:14">
      <c r="N141754" s="10"/>
    </row>
    <row r="141755" spans="14:14">
      <c r="N141755" s="10"/>
    </row>
    <row r="141756" spans="14:14">
      <c r="N141756" s="10"/>
    </row>
    <row r="141757" spans="14:14">
      <c r="N141757" s="10"/>
    </row>
    <row r="141758" spans="14:14">
      <c r="N141758" s="10"/>
    </row>
    <row r="141759" spans="14:14">
      <c r="N141759" s="10"/>
    </row>
    <row r="141760" spans="14:14">
      <c r="N141760" s="10"/>
    </row>
    <row r="141761" spans="14:14">
      <c r="N141761" s="10"/>
    </row>
    <row r="141762" spans="14:14">
      <c r="N141762" s="10"/>
    </row>
    <row r="141763" spans="14:14">
      <c r="N141763" s="10"/>
    </row>
    <row r="141764" spans="14:14">
      <c r="N141764" s="10"/>
    </row>
    <row r="141765" spans="14:14">
      <c r="N141765" s="10"/>
    </row>
    <row r="141766" spans="14:14">
      <c r="N141766" s="10"/>
    </row>
    <row r="141767" spans="14:14">
      <c r="N141767" s="10"/>
    </row>
    <row r="141768" spans="14:14">
      <c r="N141768" s="10"/>
    </row>
    <row r="141769" spans="14:14">
      <c r="N141769" s="10"/>
    </row>
    <row r="141770" spans="14:14">
      <c r="N141770" s="10"/>
    </row>
    <row r="141771" spans="14:14">
      <c r="N141771" s="10"/>
    </row>
    <row r="141772" spans="14:14">
      <c r="N141772" s="10"/>
    </row>
    <row r="141773" spans="14:14">
      <c r="N141773" s="10"/>
    </row>
    <row r="141774" spans="14:14">
      <c r="N141774" s="10"/>
    </row>
    <row r="141775" spans="14:14">
      <c r="N141775" s="10"/>
    </row>
    <row r="141776" spans="14:14">
      <c r="N141776" s="10"/>
    </row>
    <row r="141777" spans="14:14">
      <c r="N141777" s="10"/>
    </row>
    <row r="141778" spans="14:14">
      <c r="N141778" s="10"/>
    </row>
    <row r="141779" spans="14:14">
      <c r="N141779" s="10"/>
    </row>
    <row r="141780" spans="14:14">
      <c r="N141780" s="10"/>
    </row>
    <row r="141781" spans="14:14">
      <c r="N141781" s="10"/>
    </row>
    <row r="141782" spans="14:14">
      <c r="N141782" s="10"/>
    </row>
    <row r="141783" spans="14:14">
      <c r="N141783" s="10"/>
    </row>
    <row r="141784" spans="14:14">
      <c r="N141784" s="10"/>
    </row>
    <row r="141785" spans="14:14">
      <c r="N141785" s="10"/>
    </row>
    <row r="141786" spans="14:14">
      <c r="N141786" s="10"/>
    </row>
    <row r="141787" spans="14:14">
      <c r="N141787" s="10"/>
    </row>
    <row r="141788" spans="14:14">
      <c r="N141788" s="10"/>
    </row>
    <row r="141789" spans="14:14">
      <c r="N141789" s="10"/>
    </row>
    <row r="141790" spans="14:14">
      <c r="N141790" s="10"/>
    </row>
    <row r="141791" spans="14:14">
      <c r="N141791" s="10"/>
    </row>
    <row r="141792" spans="14:14">
      <c r="N141792" s="10"/>
    </row>
    <row r="141793" spans="14:14">
      <c r="N141793" s="10"/>
    </row>
    <row r="141794" spans="14:14">
      <c r="N141794" s="10"/>
    </row>
    <row r="141795" spans="14:14">
      <c r="N141795" s="10"/>
    </row>
    <row r="141796" spans="14:14">
      <c r="N141796" s="10"/>
    </row>
    <row r="141797" spans="14:14">
      <c r="N141797" s="10"/>
    </row>
    <row r="141798" spans="14:14">
      <c r="N141798" s="10"/>
    </row>
    <row r="141799" spans="14:14">
      <c r="N141799" s="10"/>
    </row>
    <row r="141800" spans="14:14">
      <c r="N141800" s="10"/>
    </row>
    <row r="141801" spans="14:14">
      <c r="N141801" s="10"/>
    </row>
    <row r="141802" spans="14:14">
      <c r="N141802" s="10"/>
    </row>
    <row r="141803" spans="14:14">
      <c r="N141803" s="10"/>
    </row>
    <row r="141804" spans="14:14">
      <c r="N141804" s="10"/>
    </row>
    <row r="141805" spans="14:14">
      <c r="N141805" s="10"/>
    </row>
    <row r="141806" spans="14:14">
      <c r="N141806" s="10"/>
    </row>
    <row r="141807" spans="14:14">
      <c r="N141807" s="10"/>
    </row>
    <row r="141808" spans="14:14">
      <c r="N141808" s="10"/>
    </row>
    <row r="141809" spans="14:14">
      <c r="N141809" s="10"/>
    </row>
    <row r="141810" spans="14:14">
      <c r="N141810" s="10"/>
    </row>
    <row r="141811" spans="14:14">
      <c r="N141811" s="10"/>
    </row>
    <row r="141812" spans="14:14">
      <c r="N141812" s="10"/>
    </row>
    <row r="141813" spans="14:14">
      <c r="N141813" s="10"/>
    </row>
    <row r="141814" spans="14:14">
      <c r="N141814" s="10"/>
    </row>
    <row r="141815" spans="14:14">
      <c r="N141815" s="10"/>
    </row>
    <row r="141816" spans="14:14">
      <c r="N141816" s="10"/>
    </row>
    <row r="141817" spans="14:14">
      <c r="N141817" s="10"/>
    </row>
    <row r="141818" spans="14:14">
      <c r="N141818" s="10"/>
    </row>
    <row r="141819" spans="14:14">
      <c r="N141819" s="10"/>
    </row>
    <row r="141820" spans="14:14">
      <c r="N141820" s="10"/>
    </row>
    <row r="141821" spans="14:14">
      <c r="N141821" s="10"/>
    </row>
    <row r="141822" spans="14:14">
      <c r="N141822" s="10"/>
    </row>
    <row r="141823" spans="14:14">
      <c r="N141823" s="10"/>
    </row>
    <row r="141824" spans="14:14">
      <c r="N141824" s="10"/>
    </row>
    <row r="141825" spans="14:14">
      <c r="N141825" s="10"/>
    </row>
    <row r="141826" spans="14:14">
      <c r="N141826" s="10"/>
    </row>
    <row r="141827" spans="14:14">
      <c r="N141827" s="10"/>
    </row>
    <row r="141828" spans="14:14">
      <c r="N141828" s="10"/>
    </row>
    <row r="141829" spans="14:14">
      <c r="N141829" s="10"/>
    </row>
    <row r="141830" spans="14:14">
      <c r="N141830" s="10"/>
    </row>
    <row r="141831" spans="14:14">
      <c r="N141831" s="10"/>
    </row>
    <row r="141832" spans="14:14">
      <c r="N141832" s="10"/>
    </row>
    <row r="141833" spans="14:14">
      <c r="N141833" s="10"/>
    </row>
    <row r="141834" spans="14:14">
      <c r="N141834" s="10"/>
    </row>
    <row r="141835" spans="14:14">
      <c r="N141835" s="10"/>
    </row>
    <row r="141836" spans="14:14">
      <c r="N141836" s="10"/>
    </row>
    <row r="141837" spans="14:14">
      <c r="N141837" s="10"/>
    </row>
    <row r="141838" spans="14:14">
      <c r="N141838" s="10"/>
    </row>
    <row r="141839" spans="14:14">
      <c r="N141839" s="10"/>
    </row>
    <row r="141840" spans="14:14">
      <c r="N141840" s="10"/>
    </row>
    <row r="141841" spans="14:14">
      <c r="N141841" s="10"/>
    </row>
    <row r="141842" spans="14:14">
      <c r="N141842" s="10"/>
    </row>
    <row r="141843" spans="14:14">
      <c r="N141843" s="10"/>
    </row>
    <row r="141844" spans="14:14">
      <c r="N141844" s="10"/>
    </row>
    <row r="141845" spans="14:14">
      <c r="N141845" s="10"/>
    </row>
    <row r="141846" spans="14:14">
      <c r="N141846" s="10"/>
    </row>
    <row r="141847" spans="14:14">
      <c r="N141847" s="10"/>
    </row>
    <row r="141848" spans="14:14">
      <c r="N141848" s="10"/>
    </row>
    <row r="141849" spans="14:14">
      <c r="N141849" s="10"/>
    </row>
    <row r="141850" spans="14:14">
      <c r="N141850" s="10"/>
    </row>
    <row r="141851" spans="14:14">
      <c r="N141851" s="10"/>
    </row>
    <row r="141852" spans="14:14">
      <c r="N141852" s="10"/>
    </row>
    <row r="141853" spans="14:14">
      <c r="N141853" s="10"/>
    </row>
    <row r="141854" spans="14:14">
      <c r="N141854" s="10"/>
    </row>
    <row r="141855" spans="14:14">
      <c r="N141855" s="10"/>
    </row>
    <row r="141856" spans="14:14">
      <c r="N141856" s="10"/>
    </row>
    <row r="141857" spans="14:14">
      <c r="N141857" s="10"/>
    </row>
    <row r="141858" spans="14:14">
      <c r="N141858" s="10"/>
    </row>
    <row r="141859" spans="14:14">
      <c r="N141859" s="10"/>
    </row>
    <row r="141860" spans="14:14">
      <c r="N141860" s="10"/>
    </row>
    <row r="141861" spans="14:14">
      <c r="N141861" s="10"/>
    </row>
    <row r="141862" spans="14:14">
      <c r="N141862" s="10"/>
    </row>
    <row r="141863" spans="14:14">
      <c r="N141863" s="10"/>
    </row>
    <row r="141864" spans="14:14">
      <c r="N141864" s="10"/>
    </row>
    <row r="141865" spans="14:14">
      <c r="N141865" s="10"/>
    </row>
    <row r="141866" spans="14:14">
      <c r="N141866" s="10"/>
    </row>
    <row r="141867" spans="14:14">
      <c r="N141867" s="10"/>
    </row>
    <row r="141868" spans="14:14">
      <c r="N141868" s="10"/>
    </row>
    <row r="141869" spans="14:14">
      <c r="N141869" s="10"/>
    </row>
    <row r="141870" spans="14:14">
      <c r="N141870" s="10"/>
    </row>
    <row r="141871" spans="14:14">
      <c r="N141871" s="10"/>
    </row>
    <row r="141872" spans="14:14">
      <c r="N141872" s="10"/>
    </row>
    <row r="141873" spans="14:14">
      <c r="N141873" s="10"/>
    </row>
    <row r="141874" spans="14:14">
      <c r="N141874" s="10"/>
    </row>
    <row r="141875" spans="14:14">
      <c r="N141875" s="10"/>
    </row>
    <row r="141876" spans="14:14">
      <c r="N141876" s="10"/>
    </row>
    <row r="141877" spans="14:14">
      <c r="N141877" s="10"/>
    </row>
    <row r="141878" spans="14:14">
      <c r="N141878" s="10"/>
    </row>
    <row r="141879" spans="14:14">
      <c r="N141879" s="10"/>
    </row>
    <row r="141880" spans="14:14">
      <c r="N141880" s="10"/>
    </row>
    <row r="141881" spans="14:14">
      <c r="N141881" s="10"/>
    </row>
    <row r="141882" spans="14:14">
      <c r="N141882" s="10"/>
    </row>
    <row r="141883" spans="14:14">
      <c r="N141883" s="10"/>
    </row>
    <row r="141884" spans="14:14">
      <c r="N141884" s="10"/>
    </row>
    <row r="141885" spans="14:14">
      <c r="N141885" s="10"/>
    </row>
    <row r="141886" spans="14:14">
      <c r="N141886" s="10"/>
    </row>
    <row r="141887" spans="14:14">
      <c r="N141887" s="10"/>
    </row>
    <row r="141888" spans="14:14">
      <c r="N141888" s="10"/>
    </row>
    <row r="141889" spans="14:14">
      <c r="N141889" s="10"/>
    </row>
    <row r="141890" spans="14:14">
      <c r="N141890" s="10"/>
    </row>
    <row r="141891" spans="14:14">
      <c r="N141891" s="10"/>
    </row>
    <row r="141892" spans="14:14">
      <c r="N141892" s="10"/>
    </row>
    <row r="141893" spans="14:14">
      <c r="N141893" s="10"/>
    </row>
    <row r="141894" spans="14:14">
      <c r="N141894" s="10"/>
    </row>
    <row r="141895" spans="14:14">
      <c r="N141895" s="10"/>
    </row>
    <row r="141896" spans="14:14">
      <c r="N141896" s="10"/>
    </row>
    <row r="141897" spans="14:14">
      <c r="N141897" s="10"/>
    </row>
    <row r="141898" spans="14:14">
      <c r="N141898" s="10"/>
    </row>
    <row r="141899" spans="14:14">
      <c r="N141899" s="10"/>
    </row>
    <row r="141900" spans="14:14">
      <c r="N141900" s="10"/>
    </row>
    <row r="141901" spans="14:14">
      <c r="N141901" s="10"/>
    </row>
    <row r="141902" spans="14:14">
      <c r="N141902" s="10"/>
    </row>
    <row r="141903" spans="14:14">
      <c r="N141903" s="10"/>
    </row>
    <row r="141904" spans="14:14">
      <c r="N141904" s="10"/>
    </row>
    <row r="141905" spans="14:14">
      <c r="N141905" s="10"/>
    </row>
    <row r="141906" spans="14:14">
      <c r="N141906" s="10"/>
    </row>
    <row r="141907" spans="14:14">
      <c r="N141907" s="10"/>
    </row>
    <row r="141908" spans="14:14">
      <c r="N141908" s="10"/>
    </row>
    <row r="141909" spans="14:14">
      <c r="N141909" s="10"/>
    </row>
    <row r="141910" spans="14:14">
      <c r="N141910" s="10"/>
    </row>
    <row r="141911" spans="14:14">
      <c r="N141911" s="10"/>
    </row>
    <row r="141912" spans="14:14">
      <c r="N141912" s="10"/>
    </row>
    <row r="141913" spans="14:14">
      <c r="N141913" s="10"/>
    </row>
    <row r="141914" spans="14:14">
      <c r="N141914" s="10"/>
    </row>
    <row r="141915" spans="14:14">
      <c r="N141915" s="10"/>
    </row>
    <row r="141916" spans="14:14">
      <c r="N141916" s="10"/>
    </row>
    <row r="141917" spans="14:14">
      <c r="N141917" s="10"/>
    </row>
    <row r="141918" spans="14:14">
      <c r="N141918" s="10"/>
    </row>
    <row r="141919" spans="14:14">
      <c r="N141919" s="10"/>
    </row>
    <row r="141920" spans="14:14">
      <c r="N141920" s="10"/>
    </row>
    <row r="141921" spans="14:14">
      <c r="N141921" s="10"/>
    </row>
    <row r="141922" spans="14:14">
      <c r="N141922" s="10"/>
    </row>
    <row r="141923" spans="14:14">
      <c r="N141923" s="10"/>
    </row>
    <row r="141924" spans="14:14">
      <c r="N141924" s="10"/>
    </row>
    <row r="141925" spans="14:14">
      <c r="N141925" s="10"/>
    </row>
    <row r="141926" spans="14:14">
      <c r="N141926" s="10"/>
    </row>
    <row r="141927" spans="14:14">
      <c r="N141927" s="10"/>
    </row>
    <row r="141928" spans="14:14">
      <c r="N141928" s="10"/>
    </row>
    <row r="141929" spans="14:14">
      <c r="N141929" s="10"/>
    </row>
    <row r="141930" spans="14:14">
      <c r="N141930" s="10"/>
    </row>
    <row r="141931" spans="14:14">
      <c r="N141931" s="10"/>
    </row>
    <row r="141932" spans="14:14">
      <c r="N141932" s="10"/>
    </row>
    <row r="141933" spans="14:14">
      <c r="N141933" s="10"/>
    </row>
    <row r="141934" spans="14:14">
      <c r="N141934" s="10"/>
    </row>
    <row r="141935" spans="14:14">
      <c r="N141935" s="10"/>
    </row>
    <row r="141936" spans="14:14">
      <c r="N141936" s="10"/>
    </row>
    <row r="141937" spans="14:14">
      <c r="N141937" s="10"/>
    </row>
    <row r="141938" spans="14:14">
      <c r="N141938" s="10"/>
    </row>
    <row r="141939" spans="14:14">
      <c r="N141939" s="10"/>
    </row>
    <row r="141940" spans="14:14">
      <c r="N141940" s="10"/>
    </row>
    <row r="141941" spans="14:14">
      <c r="N141941" s="10"/>
    </row>
    <row r="141942" spans="14:14">
      <c r="N141942" s="10"/>
    </row>
    <row r="141943" spans="14:14">
      <c r="N141943" s="10"/>
    </row>
    <row r="141944" spans="14:14">
      <c r="N141944" s="10"/>
    </row>
    <row r="141945" spans="14:14">
      <c r="N141945" s="10"/>
    </row>
    <row r="141946" spans="14:14">
      <c r="N141946" s="10"/>
    </row>
    <row r="141947" spans="14:14">
      <c r="N141947" s="10"/>
    </row>
    <row r="141948" spans="14:14">
      <c r="N141948" s="10"/>
    </row>
    <row r="141949" spans="14:14">
      <c r="N141949" s="10"/>
    </row>
    <row r="141950" spans="14:14">
      <c r="N141950" s="10"/>
    </row>
    <row r="141951" spans="14:14">
      <c r="N141951" s="10"/>
    </row>
    <row r="141952" spans="14:14">
      <c r="N141952" s="10"/>
    </row>
    <row r="141953" spans="14:14">
      <c r="N141953" s="10"/>
    </row>
    <row r="141954" spans="14:14">
      <c r="N141954" s="10"/>
    </row>
    <row r="141955" spans="14:14">
      <c r="N141955" s="10"/>
    </row>
    <row r="141956" spans="14:14">
      <c r="N141956" s="10"/>
    </row>
    <row r="141957" spans="14:14">
      <c r="N141957" s="10"/>
    </row>
    <row r="141958" spans="14:14">
      <c r="N141958" s="10"/>
    </row>
    <row r="141959" spans="14:14">
      <c r="N141959" s="10"/>
    </row>
    <row r="141960" spans="14:14">
      <c r="N141960" s="10"/>
    </row>
    <row r="141961" spans="14:14">
      <c r="N141961" s="10"/>
    </row>
    <row r="141962" spans="14:14">
      <c r="N141962" s="10"/>
    </row>
    <row r="141963" spans="14:14">
      <c r="N141963" s="10"/>
    </row>
    <row r="141964" spans="14:14">
      <c r="N141964" s="10"/>
    </row>
    <row r="141965" spans="14:14">
      <c r="N141965" s="10"/>
    </row>
    <row r="141966" spans="14:14">
      <c r="N141966" s="10"/>
    </row>
    <row r="141967" spans="14:14">
      <c r="N141967" s="10"/>
    </row>
    <row r="141968" spans="14:14">
      <c r="N141968" s="10"/>
    </row>
    <row r="141969" spans="14:14">
      <c r="N141969" s="10"/>
    </row>
    <row r="141970" spans="14:14">
      <c r="N141970" s="10"/>
    </row>
    <row r="141971" spans="14:14">
      <c r="N141971" s="10"/>
    </row>
    <row r="141972" spans="14:14">
      <c r="N141972" s="10"/>
    </row>
    <row r="141973" spans="14:14">
      <c r="N141973" s="10"/>
    </row>
    <row r="141974" spans="14:14">
      <c r="N141974" s="10"/>
    </row>
    <row r="141975" spans="14:14">
      <c r="N141975" s="10"/>
    </row>
    <row r="141976" spans="14:14">
      <c r="N141976" s="10"/>
    </row>
    <row r="141977" spans="14:14">
      <c r="N141977" s="10"/>
    </row>
    <row r="141978" spans="14:14">
      <c r="N141978" s="10"/>
    </row>
    <row r="141979" spans="14:14">
      <c r="N141979" s="10"/>
    </row>
    <row r="141980" spans="14:14">
      <c r="N141980" s="10"/>
    </row>
    <row r="141981" spans="14:14">
      <c r="N141981" s="10"/>
    </row>
    <row r="141982" spans="14:14">
      <c r="N141982" s="10"/>
    </row>
    <row r="141983" spans="14:14">
      <c r="N141983" s="10"/>
    </row>
    <row r="141984" spans="14:14">
      <c r="N141984" s="10"/>
    </row>
    <row r="141985" spans="14:14">
      <c r="N141985" s="10"/>
    </row>
    <row r="141986" spans="14:14">
      <c r="N141986" s="10"/>
    </row>
    <row r="141987" spans="14:14">
      <c r="N141987" s="10"/>
    </row>
    <row r="141988" spans="14:14">
      <c r="N141988" s="10"/>
    </row>
    <row r="141989" spans="14:14">
      <c r="N141989" s="10"/>
    </row>
    <row r="141990" spans="14:14">
      <c r="N141990" s="10"/>
    </row>
    <row r="141991" spans="14:14">
      <c r="N141991" s="10"/>
    </row>
    <row r="141992" spans="14:14">
      <c r="N141992" s="10"/>
    </row>
    <row r="141993" spans="14:14">
      <c r="N141993" s="10"/>
    </row>
    <row r="141994" spans="14:14">
      <c r="N141994" s="10"/>
    </row>
    <row r="141995" spans="14:14">
      <c r="N141995" s="10"/>
    </row>
    <row r="141996" spans="14:14">
      <c r="N141996" s="10"/>
    </row>
    <row r="141997" spans="14:14">
      <c r="N141997" s="10"/>
    </row>
    <row r="141998" spans="14:14">
      <c r="N141998" s="10"/>
    </row>
    <row r="141999" spans="14:14">
      <c r="N141999" s="10"/>
    </row>
    <row r="142000" spans="14:14">
      <c r="N142000" s="10"/>
    </row>
    <row r="142001" spans="14:14">
      <c r="N142001" s="10"/>
    </row>
    <row r="142002" spans="14:14">
      <c r="N142002" s="10"/>
    </row>
    <row r="142003" spans="14:14">
      <c r="N142003" s="10"/>
    </row>
    <row r="142004" spans="14:14">
      <c r="N142004" s="10"/>
    </row>
    <row r="142005" spans="14:14">
      <c r="N142005" s="10"/>
    </row>
    <row r="142006" spans="14:14">
      <c r="N142006" s="10"/>
    </row>
    <row r="142007" spans="14:14">
      <c r="N142007" s="10"/>
    </row>
    <row r="142008" spans="14:14">
      <c r="N142008" s="10"/>
    </row>
    <row r="142009" spans="14:14">
      <c r="N142009" s="10"/>
    </row>
    <row r="142010" spans="14:14">
      <c r="N142010" s="10"/>
    </row>
    <row r="142011" spans="14:14">
      <c r="N142011" s="10"/>
    </row>
    <row r="142012" spans="14:14">
      <c r="N142012" s="10"/>
    </row>
    <row r="142013" spans="14:14">
      <c r="N142013" s="10"/>
    </row>
    <row r="142014" spans="14:14">
      <c r="N142014" s="10"/>
    </row>
    <row r="142015" spans="14:14">
      <c r="N142015" s="10"/>
    </row>
    <row r="142016" spans="14:14">
      <c r="N142016" s="10"/>
    </row>
    <row r="142017" spans="14:14">
      <c r="N142017" s="10"/>
    </row>
    <row r="142018" spans="14:14">
      <c r="N142018" s="10"/>
    </row>
    <row r="142019" spans="14:14">
      <c r="N142019" s="10"/>
    </row>
    <row r="142020" spans="14:14">
      <c r="N142020" s="10"/>
    </row>
    <row r="142021" spans="14:14">
      <c r="N142021" s="10"/>
    </row>
    <row r="142022" spans="14:14">
      <c r="N142022" s="10"/>
    </row>
    <row r="142023" spans="14:14">
      <c r="N142023" s="10"/>
    </row>
    <row r="142024" spans="14:14">
      <c r="N142024" s="10"/>
    </row>
    <row r="142025" spans="14:14">
      <c r="N142025" s="10"/>
    </row>
    <row r="142026" spans="14:14">
      <c r="N142026" s="10"/>
    </row>
    <row r="142027" spans="14:14">
      <c r="N142027" s="10"/>
    </row>
    <row r="142028" spans="14:14">
      <c r="N142028" s="10"/>
    </row>
    <row r="142029" spans="14:14">
      <c r="N142029" s="10"/>
    </row>
    <row r="142030" spans="14:14">
      <c r="N142030" s="10"/>
    </row>
    <row r="142031" spans="14:14">
      <c r="N142031" s="10"/>
    </row>
    <row r="142032" spans="14:14">
      <c r="N142032" s="10"/>
    </row>
    <row r="142033" spans="14:14">
      <c r="N142033" s="10"/>
    </row>
    <row r="142034" spans="14:14">
      <c r="N142034" s="10"/>
    </row>
    <row r="142035" spans="14:14">
      <c r="N142035" s="10"/>
    </row>
    <row r="142036" spans="14:14">
      <c r="N142036" s="10"/>
    </row>
    <row r="142037" spans="14:14">
      <c r="N142037" s="10"/>
    </row>
    <row r="142038" spans="14:14">
      <c r="N142038" s="10"/>
    </row>
    <row r="142039" spans="14:14">
      <c r="N142039" s="10"/>
    </row>
    <row r="142040" spans="14:14">
      <c r="N142040" s="10"/>
    </row>
    <row r="142041" spans="14:14">
      <c r="N142041" s="10"/>
    </row>
    <row r="142042" spans="14:14">
      <c r="N142042" s="10"/>
    </row>
    <row r="142043" spans="14:14">
      <c r="N142043" s="10"/>
    </row>
    <row r="142044" spans="14:14">
      <c r="N142044" s="10"/>
    </row>
    <row r="142045" spans="14:14">
      <c r="N142045" s="10"/>
    </row>
    <row r="142046" spans="14:14">
      <c r="N142046" s="10"/>
    </row>
    <row r="142047" spans="14:14">
      <c r="N142047" s="10"/>
    </row>
    <row r="142048" spans="14:14">
      <c r="N142048" s="10"/>
    </row>
    <row r="142049" spans="14:14">
      <c r="N142049" s="10"/>
    </row>
    <row r="142050" spans="14:14">
      <c r="N142050" s="10"/>
    </row>
    <row r="142051" spans="14:14">
      <c r="N142051" s="10"/>
    </row>
    <row r="142052" spans="14:14">
      <c r="N142052" s="10"/>
    </row>
    <row r="142053" spans="14:14">
      <c r="N142053" s="10"/>
    </row>
    <row r="142054" spans="14:14">
      <c r="N142054" s="10"/>
    </row>
    <row r="142055" spans="14:14">
      <c r="N142055" s="10"/>
    </row>
    <row r="142056" spans="14:14">
      <c r="N142056" s="10"/>
    </row>
    <row r="142057" spans="14:14">
      <c r="N142057" s="10"/>
    </row>
    <row r="142058" spans="14:14">
      <c r="N142058" s="10"/>
    </row>
    <row r="142059" spans="14:14">
      <c r="N142059" s="10"/>
    </row>
    <row r="142060" spans="14:14">
      <c r="N142060" s="10"/>
    </row>
    <row r="142061" spans="14:14">
      <c r="N142061" s="10"/>
    </row>
    <row r="142062" spans="14:14">
      <c r="N142062" s="10"/>
    </row>
    <row r="142063" spans="14:14">
      <c r="N142063" s="10"/>
    </row>
    <row r="142064" spans="14:14">
      <c r="N142064" s="10"/>
    </row>
    <row r="142065" spans="14:14">
      <c r="N142065" s="10"/>
    </row>
    <row r="142066" spans="14:14">
      <c r="N142066" s="10"/>
    </row>
    <row r="142067" spans="14:14">
      <c r="N142067" s="10"/>
    </row>
    <row r="142068" spans="14:14">
      <c r="N142068" s="10"/>
    </row>
    <row r="142069" spans="14:14">
      <c r="N142069" s="10"/>
    </row>
    <row r="142070" spans="14:14">
      <c r="N142070" s="10"/>
    </row>
    <row r="142071" spans="14:14">
      <c r="N142071" s="10"/>
    </row>
    <row r="142072" spans="14:14">
      <c r="N142072" s="10"/>
    </row>
    <row r="142073" spans="14:14">
      <c r="N142073" s="10"/>
    </row>
    <row r="142074" spans="14:14">
      <c r="N142074" s="10"/>
    </row>
    <row r="142075" spans="14:14">
      <c r="N142075" s="10"/>
    </row>
    <row r="142076" spans="14:14">
      <c r="N142076" s="10"/>
    </row>
    <row r="142077" spans="14:14">
      <c r="N142077" s="10"/>
    </row>
    <row r="142078" spans="14:14">
      <c r="N142078" s="10"/>
    </row>
    <row r="142079" spans="14:14">
      <c r="N142079" s="10"/>
    </row>
    <row r="142080" spans="14:14">
      <c r="N142080" s="10"/>
    </row>
    <row r="142081" spans="14:14">
      <c r="N142081" s="10"/>
    </row>
    <row r="142082" spans="14:14">
      <c r="N142082" s="10"/>
    </row>
    <row r="142083" spans="14:14">
      <c r="N142083" s="10"/>
    </row>
    <row r="142084" spans="14:14">
      <c r="N142084" s="10"/>
    </row>
    <row r="142085" spans="14:14">
      <c r="N142085" s="10"/>
    </row>
    <row r="142086" spans="14:14">
      <c r="N142086" s="10"/>
    </row>
    <row r="142087" spans="14:14">
      <c r="N142087" s="10"/>
    </row>
    <row r="142088" spans="14:14">
      <c r="N142088" s="10"/>
    </row>
    <row r="142089" spans="14:14">
      <c r="N142089" s="10"/>
    </row>
    <row r="142090" spans="14:14">
      <c r="N142090" s="10"/>
    </row>
    <row r="142091" spans="14:14">
      <c r="N142091" s="10"/>
    </row>
    <row r="142092" spans="14:14">
      <c r="N142092" s="10"/>
    </row>
    <row r="142093" spans="14:14">
      <c r="N142093" s="10"/>
    </row>
    <row r="142094" spans="14:14">
      <c r="N142094" s="10"/>
    </row>
    <row r="142095" spans="14:14">
      <c r="N142095" s="10"/>
    </row>
    <row r="142096" spans="14:14">
      <c r="N142096" s="10"/>
    </row>
    <row r="142097" spans="14:14">
      <c r="N142097" s="10"/>
    </row>
    <row r="142098" spans="14:14">
      <c r="N142098" s="10"/>
    </row>
    <row r="142099" spans="14:14">
      <c r="N142099" s="10"/>
    </row>
    <row r="142100" spans="14:14">
      <c r="N142100" s="10"/>
    </row>
    <row r="142101" spans="14:14">
      <c r="N142101" s="10"/>
    </row>
    <row r="142102" spans="14:14">
      <c r="N142102" s="10"/>
    </row>
    <row r="142103" spans="14:14">
      <c r="N142103" s="10"/>
    </row>
    <row r="142104" spans="14:14">
      <c r="N142104" s="10"/>
    </row>
    <row r="142105" spans="14:14">
      <c r="N142105" s="10"/>
    </row>
    <row r="142106" spans="14:14">
      <c r="N142106" s="10"/>
    </row>
    <row r="142107" spans="14:14">
      <c r="N142107" s="10"/>
    </row>
    <row r="142108" spans="14:14">
      <c r="N142108" s="10"/>
    </row>
    <row r="142109" spans="14:14">
      <c r="N142109" s="10"/>
    </row>
    <row r="142110" spans="14:14">
      <c r="N142110" s="10"/>
    </row>
    <row r="142111" spans="14:14">
      <c r="N142111" s="10"/>
    </row>
    <row r="142112" spans="14:14">
      <c r="N142112" s="10"/>
    </row>
    <row r="142113" spans="14:14">
      <c r="N142113" s="10"/>
    </row>
    <row r="142114" spans="14:14">
      <c r="N142114" s="10"/>
    </row>
    <row r="142115" spans="14:14">
      <c r="N142115" s="10"/>
    </row>
    <row r="142116" spans="14:14">
      <c r="N142116" s="10"/>
    </row>
    <row r="142117" spans="14:14">
      <c r="N142117" s="10"/>
    </row>
    <row r="142118" spans="14:14">
      <c r="N142118" s="10"/>
    </row>
    <row r="142119" spans="14:14">
      <c r="N142119" s="10"/>
    </row>
    <row r="142120" spans="14:14">
      <c r="N142120" s="10"/>
    </row>
    <row r="142121" spans="14:14">
      <c r="N142121" s="10"/>
    </row>
    <row r="142122" spans="14:14">
      <c r="N142122" s="10"/>
    </row>
    <row r="142123" spans="14:14">
      <c r="N142123" s="10"/>
    </row>
    <row r="142124" spans="14:14">
      <c r="N142124" s="10"/>
    </row>
    <row r="142125" spans="14:14">
      <c r="N142125" s="10"/>
    </row>
    <row r="142126" spans="14:14">
      <c r="N142126" s="10"/>
    </row>
    <row r="142127" spans="14:14">
      <c r="N142127" s="10"/>
    </row>
    <row r="142128" spans="14:14">
      <c r="N142128" s="10"/>
    </row>
    <row r="142129" spans="14:14">
      <c r="N142129" s="10"/>
    </row>
    <row r="142130" spans="14:14">
      <c r="N142130" s="10"/>
    </row>
    <row r="142131" spans="14:14">
      <c r="N142131" s="10"/>
    </row>
    <row r="142132" spans="14:14">
      <c r="N142132" s="10"/>
    </row>
    <row r="142133" spans="14:14">
      <c r="N142133" s="10"/>
    </row>
    <row r="142134" spans="14:14">
      <c r="N142134" s="10"/>
    </row>
    <row r="142135" spans="14:14">
      <c r="N142135" s="10"/>
    </row>
    <row r="142136" spans="14:14">
      <c r="N142136" s="10"/>
    </row>
    <row r="142137" spans="14:14">
      <c r="N142137" s="10"/>
    </row>
    <row r="142138" spans="14:14">
      <c r="N142138" s="10"/>
    </row>
    <row r="142139" spans="14:14">
      <c r="N142139" s="10"/>
    </row>
    <row r="142140" spans="14:14">
      <c r="N142140" s="10"/>
    </row>
    <row r="142141" spans="14:14">
      <c r="N142141" s="10"/>
    </row>
    <row r="142142" spans="14:14">
      <c r="N142142" s="10"/>
    </row>
    <row r="142143" spans="14:14">
      <c r="N142143" s="10"/>
    </row>
    <row r="142144" spans="14:14">
      <c r="N142144" s="10"/>
    </row>
    <row r="142145" spans="14:14">
      <c r="N142145" s="10"/>
    </row>
    <row r="142146" spans="14:14">
      <c r="N142146" s="10"/>
    </row>
    <row r="142147" spans="14:14">
      <c r="N142147" s="10"/>
    </row>
    <row r="142148" spans="14:14">
      <c r="N142148" s="10"/>
    </row>
    <row r="142149" spans="14:14">
      <c r="N142149" s="10"/>
    </row>
    <row r="142150" spans="14:14">
      <c r="N142150" s="10"/>
    </row>
    <row r="142151" spans="14:14">
      <c r="N142151" s="10"/>
    </row>
    <row r="142152" spans="14:14">
      <c r="N142152" s="10"/>
    </row>
    <row r="142153" spans="14:14">
      <c r="N142153" s="10"/>
    </row>
    <row r="142154" spans="14:14">
      <c r="N142154" s="10"/>
    </row>
    <row r="142155" spans="14:14">
      <c r="N142155" s="10"/>
    </row>
    <row r="142156" spans="14:14">
      <c r="N142156" s="10"/>
    </row>
    <row r="142157" spans="14:14">
      <c r="N142157" s="10"/>
    </row>
    <row r="142158" spans="14:14">
      <c r="N142158" s="10"/>
    </row>
    <row r="142159" spans="14:14">
      <c r="N142159" s="10"/>
    </row>
    <row r="142160" spans="14:14">
      <c r="N142160" s="10"/>
    </row>
    <row r="142161" spans="14:14">
      <c r="N142161" s="10"/>
    </row>
    <row r="142162" spans="14:14">
      <c r="N142162" s="10"/>
    </row>
    <row r="142163" spans="14:14">
      <c r="N142163" s="10"/>
    </row>
    <row r="142164" spans="14:14">
      <c r="N142164" s="10"/>
    </row>
    <row r="142165" spans="14:14">
      <c r="N142165" s="10"/>
    </row>
    <row r="142166" spans="14:14">
      <c r="N142166" s="10"/>
    </row>
    <row r="142167" spans="14:14">
      <c r="N142167" s="10"/>
    </row>
    <row r="142168" spans="14:14">
      <c r="N142168" s="10"/>
    </row>
    <row r="142169" spans="14:14">
      <c r="N142169" s="10"/>
    </row>
    <row r="142170" spans="14:14">
      <c r="N142170" s="10"/>
    </row>
    <row r="142171" spans="14:14">
      <c r="N142171" s="10"/>
    </row>
    <row r="142172" spans="14:14">
      <c r="N142172" s="10"/>
    </row>
    <row r="142173" spans="14:14">
      <c r="N142173" s="10"/>
    </row>
    <row r="142174" spans="14:14">
      <c r="N142174" s="10"/>
    </row>
    <row r="142175" spans="14:14">
      <c r="N142175" s="10"/>
    </row>
    <row r="142176" spans="14:14">
      <c r="N142176" s="10"/>
    </row>
    <row r="142177" spans="14:14">
      <c r="N142177" s="10"/>
    </row>
    <row r="142178" spans="14:14">
      <c r="N142178" s="10"/>
    </row>
    <row r="142179" spans="14:14">
      <c r="N142179" s="10"/>
    </row>
    <row r="142180" spans="14:14">
      <c r="N142180" s="10"/>
    </row>
    <row r="142181" spans="14:14">
      <c r="N142181" s="10"/>
    </row>
    <row r="142182" spans="14:14">
      <c r="N142182" s="10"/>
    </row>
    <row r="142183" spans="14:14">
      <c r="N142183" s="10"/>
    </row>
    <row r="142184" spans="14:14">
      <c r="N142184" s="10"/>
    </row>
    <row r="142185" spans="14:14">
      <c r="N142185" s="10"/>
    </row>
    <row r="142186" spans="14:14">
      <c r="N142186" s="10"/>
    </row>
    <row r="142187" spans="14:14">
      <c r="N142187" s="10"/>
    </row>
    <row r="142188" spans="14:14">
      <c r="N142188" s="10"/>
    </row>
    <row r="142189" spans="14:14">
      <c r="N142189" s="10"/>
    </row>
    <row r="142190" spans="14:14">
      <c r="N142190" s="10"/>
    </row>
    <row r="142191" spans="14:14">
      <c r="N142191" s="10"/>
    </row>
    <row r="142192" spans="14:14">
      <c r="N142192" s="10"/>
    </row>
    <row r="142193" spans="14:14">
      <c r="N142193" s="10"/>
    </row>
    <row r="142194" spans="14:14">
      <c r="N142194" s="10"/>
    </row>
    <row r="142195" spans="14:14">
      <c r="N142195" s="10"/>
    </row>
    <row r="142196" spans="14:14">
      <c r="N142196" s="10"/>
    </row>
    <row r="142197" spans="14:14">
      <c r="N142197" s="10"/>
    </row>
    <row r="142198" spans="14:14">
      <c r="N142198" s="10"/>
    </row>
    <row r="142199" spans="14:14">
      <c r="N142199" s="10"/>
    </row>
    <row r="142200" spans="14:14">
      <c r="N142200" s="10"/>
    </row>
    <row r="142201" spans="14:14">
      <c r="N142201" s="10"/>
    </row>
    <row r="142202" spans="14:14">
      <c r="N142202" s="10"/>
    </row>
    <row r="142203" spans="14:14">
      <c r="N142203" s="10"/>
    </row>
    <row r="142204" spans="14:14">
      <c r="N142204" s="10"/>
    </row>
    <row r="142205" spans="14:14">
      <c r="N142205" s="10"/>
    </row>
    <row r="142206" spans="14:14">
      <c r="N142206" s="10"/>
    </row>
    <row r="142207" spans="14:14">
      <c r="N142207" s="10"/>
    </row>
    <row r="142208" spans="14:14">
      <c r="N142208" s="10"/>
    </row>
    <row r="142209" spans="14:14">
      <c r="N142209" s="10"/>
    </row>
    <row r="142210" spans="14:14">
      <c r="N142210" s="10"/>
    </row>
    <row r="142211" spans="14:14">
      <c r="N142211" s="10"/>
    </row>
    <row r="142212" spans="14:14">
      <c r="N142212" s="10"/>
    </row>
    <row r="142213" spans="14:14">
      <c r="N142213" s="10"/>
    </row>
    <row r="142214" spans="14:14">
      <c r="N142214" s="10"/>
    </row>
    <row r="142215" spans="14:14">
      <c r="N142215" s="10"/>
    </row>
    <row r="142216" spans="14:14">
      <c r="N142216" s="10"/>
    </row>
    <row r="142217" spans="14:14">
      <c r="N142217" s="10"/>
    </row>
    <row r="142218" spans="14:14">
      <c r="N142218" s="10"/>
    </row>
    <row r="142219" spans="14:14">
      <c r="N142219" s="10"/>
    </row>
    <row r="142220" spans="14:14">
      <c r="N142220" s="10"/>
    </row>
    <row r="142221" spans="14:14">
      <c r="N142221" s="10"/>
    </row>
    <row r="142222" spans="14:14">
      <c r="N142222" s="10"/>
    </row>
    <row r="142223" spans="14:14">
      <c r="N142223" s="10"/>
    </row>
    <row r="142224" spans="14:14">
      <c r="N142224" s="10"/>
    </row>
    <row r="142225" spans="14:14">
      <c r="N142225" s="10"/>
    </row>
    <row r="142226" spans="14:14">
      <c r="N142226" s="10"/>
    </row>
    <row r="142227" spans="14:14">
      <c r="N142227" s="10"/>
    </row>
    <row r="142228" spans="14:14">
      <c r="N142228" s="10"/>
    </row>
    <row r="142229" spans="14:14">
      <c r="N142229" s="10"/>
    </row>
    <row r="142230" spans="14:14">
      <c r="N142230" s="10"/>
    </row>
    <row r="142231" spans="14:14">
      <c r="N142231" s="10"/>
    </row>
    <row r="142232" spans="14:14">
      <c r="N142232" s="10"/>
    </row>
    <row r="142233" spans="14:14">
      <c r="N142233" s="10"/>
    </row>
    <row r="142234" spans="14:14">
      <c r="N142234" s="10"/>
    </row>
    <row r="142235" spans="14:14">
      <c r="N142235" s="10"/>
    </row>
    <row r="142236" spans="14:14">
      <c r="N142236" s="10"/>
    </row>
    <row r="142237" spans="14:14">
      <c r="N142237" s="10"/>
    </row>
    <row r="142238" spans="14:14">
      <c r="N142238" s="10"/>
    </row>
    <row r="142239" spans="14:14">
      <c r="N142239" s="10"/>
    </row>
    <row r="142240" spans="14:14">
      <c r="N142240" s="10"/>
    </row>
    <row r="142241" spans="14:14">
      <c r="N142241" s="10"/>
    </row>
    <row r="142242" spans="14:14">
      <c r="N142242" s="10"/>
    </row>
    <row r="142243" spans="14:14">
      <c r="N142243" s="10"/>
    </row>
    <row r="142244" spans="14:14">
      <c r="N142244" s="10"/>
    </row>
    <row r="142245" spans="14:14">
      <c r="N142245" s="10"/>
    </row>
    <row r="142246" spans="14:14">
      <c r="N142246" s="10"/>
    </row>
    <row r="142247" spans="14:14">
      <c r="N142247" s="10"/>
    </row>
    <row r="142248" spans="14:14">
      <c r="N142248" s="10"/>
    </row>
    <row r="142249" spans="14:14">
      <c r="N142249" s="10"/>
    </row>
    <row r="142250" spans="14:14">
      <c r="N142250" s="10"/>
    </row>
    <row r="142251" spans="14:14">
      <c r="N142251" s="10"/>
    </row>
    <row r="142252" spans="14:14">
      <c r="N142252" s="10"/>
    </row>
    <row r="142253" spans="14:14">
      <c r="N142253" s="10"/>
    </row>
    <row r="142254" spans="14:14">
      <c r="N142254" s="10"/>
    </row>
    <row r="142255" spans="14:14">
      <c r="N142255" s="10"/>
    </row>
    <row r="142256" spans="14:14">
      <c r="N142256" s="10"/>
    </row>
    <row r="142257" spans="14:14">
      <c r="N142257" s="10"/>
    </row>
    <row r="142258" spans="14:14">
      <c r="N142258" s="10"/>
    </row>
    <row r="142259" spans="14:14">
      <c r="N142259" s="10"/>
    </row>
    <row r="142260" spans="14:14">
      <c r="N142260" s="10"/>
    </row>
    <row r="142261" spans="14:14">
      <c r="N142261" s="10"/>
    </row>
    <row r="142262" spans="14:14">
      <c r="N142262" s="10"/>
    </row>
    <row r="142263" spans="14:14">
      <c r="N142263" s="10"/>
    </row>
    <row r="142264" spans="14:14">
      <c r="N142264" s="10"/>
    </row>
    <row r="142265" spans="14:14">
      <c r="N142265" s="10"/>
    </row>
    <row r="142266" spans="14:14">
      <c r="N142266" s="10"/>
    </row>
    <row r="142267" spans="14:14">
      <c r="N142267" s="10"/>
    </row>
    <row r="142268" spans="14:14">
      <c r="N142268" s="10"/>
    </row>
    <row r="142269" spans="14:14">
      <c r="N142269" s="10"/>
    </row>
    <row r="142270" spans="14:14">
      <c r="N142270" s="10"/>
    </row>
    <row r="142271" spans="14:14">
      <c r="N142271" s="10"/>
    </row>
    <row r="142272" spans="14:14">
      <c r="N142272" s="10"/>
    </row>
    <row r="142273" spans="14:14">
      <c r="N142273" s="10"/>
    </row>
    <row r="142274" spans="14:14">
      <c r="N142274" s="10"/>
    </row>
    <row r="142275" spans="14:14">
      <c r="N142275" s="10"/>
    </row>
    <row r="142276" spans="14:14">
      <c r="N142276" s="10"/>
    </row>
    <row r="142277" spans="14:14">
      <c r="N142277" s="10"/>
    </row>
    <row r="142278" spans="14:14">
      <c r="N142278" s="10"/>
    </row>
    <row r="142279" spans="14:14">
      <c r="N142279" s="10"/>
    </row>
    <row r="142280" spans="14:14">
      <c r="N142280" s="10"/>
    </row>
    <row r="142281" spans="14:14">
      <c r="N142281" s="10"/>
    </row>
    <row r="142282" spans="14:14">
      <c r="N142282" s="10"/>
    </row>
    <row r="142283" spans="14:14">
      <c r="N142283" s="10"/>
    </row>
    <row r="142284" spans="14:14">
      <c r="N142284" s="10"/>
    </row>
    <row r="142285" spans="14:14">
      <c r="N142285" s="10"/>
    </row>
    <row r="142286" spans="14:14">
      <c r="N142286" s="10"/>
    </row>
    <row r="142287" spans="14:14">
      <c r="N142287" s="10"/>
    </row>
    <row r="142288" spans="14:14">
      <c r="N142288" s="10"/>
    </row>
    <row r="142289" spans="14:14">
      <c r="N142289" s="10"/>
    </row>
    <row r="142290" spans="14:14">
      <c r="N142290" s="10"/>
    </row>
    <row r="142291" spans="14:14">
      <c r="N142291" s="10"/>
    </row>
    <row r="142292" spans="14:14">
      <c r="N142292" s="10"/>
    </row>
    <row r="142293" spans="14:14">
      <c r="N142293" s="10"/>
    </row>
    <row r="142294" spans="14:14">
      <c r="N142294" s="10"/>
    </row>
    <row r="142295" spans="14:14">
      <c r="N142295" s="10"/>
    </row>
    <row r="142296" spans="14:14">
      <c r="N142296" s="10"/>
    </row>
    <row r="142297" spans="14:14">
      <c r="N142297" s="10"/>
    </row>
    <row r="142298" spans="14:14">
      <c r="N142298" s="10"/>
    </row>
    <row r="142299" spans="14:14">
      <c r="N142299" s="10"/>
    </row>
    <row r="142300" spans="14:14">
      <c r="N142300" s="10"/>
    </row>
    <row r="142301" spans="14:14">
      <c r="N142301" s="10"/>
    </row>
    <row r="142302" spans="14:14">
      <c r="N142302" s="10"/>
    </row>
    <row r="142303" spans="14:14">
      <c r="N142303" s="10"/>
    </row>
    <row r="142304" spans="14:14">
      <c r="N142304" s="10"/>
    </row>
    <row r="142305" spans="14:14">
      <c r="N142305" s="10"/>
    </row>
    <row r="142306" spans="14:14">
      <c r="N142306" s="10"/>
    </row>
    <row r="142307" spans="14:14">
      <c r="N142307" s="10"/>
    </row>
    <row r="142308" spans="14:14">
      <c r="N142308" s="10"/>
    </row>
    <row r="142309" spans="14:14">
      <c r="N142309" s="10"/>
    </row>
    <row r="142310" spans="14:14">
      <c r="N142310" s="10"/>
    </row>
    <row r="142311" spans="14:14">
      <c r="N142311" s="10"/>
    </row>
    <row r="142312" spans="14:14">
      <c r="N142312" s="10"/>
    </row>
    <row r="142313" spans="14:14">
      <c r="N142313" s="10"/>
    </row>
    <row r="142314" spans="14:14">
      <c r="N142314" s="10"/>
    </row>
    <row r="142315" spans="14:14">
      <c r="N142315" s="10"/>
    </row>
    <row r="142316" spans="14:14">
      <c r="N142316" s="10"/>
    </row>
    <row r="142317" spans="14:14">
      <c r="N142317" s="10"/>
    </row>
    <row r="142318" spans="14:14">
      <c r="N142318" s="10"/>
    </row>
    <row r="142319" spans="14:14">
      <c r="N142319" s="10"/>
    </row>
    <row r="142320" spans="14:14">
      <c r="N142320" s="10"/>
    </row>
    <row r="142321" spans="14:14">
      <c r="N142321" s="10"/>
    </row>
    <row r="142322" spans="14:14">
      <c r="N142322" s="10"/>
    </row>
    <row r="142323" spans="14:14">
      <c r="N142323" s="10"/>
    </row>
    <row r="142324" spans="14:14">
      <c r="N142324" s="10"/>
    </row>
    <row r="142325" spans="14:14">
      <c r="N142325" s="10"/>
    </row>
    <row r="142326" spans="14:14">
      <c r="N142326" s="10"/>
    </row>
    <row r="142327" spans="14:14">
      <c r="N142327" s="10"/>
    </row>
    <row r="142328" spans="14:14">
      <c r="N142328" s="10"/>
    </row>
    <row r="142329" spans="14:14">
      <c r="N142329" s="10"/>
    </row>
    <row r="142330" spans="14:14">
      <c r="N142330" s="10"/>
    </row>
    <row r="142331" spans="14:14">
      <c r="N142331" s="10"/>
    </row>
    <row r="142332" spans="14:14">
      <c r="N142332" s="10"/>
    </row>
    <row r="142333" spans="14:14">
      <c r="N142333" s="10"/>
    </row>
    <row r="142334" spans="14:14">
      <c r="N142334" s="10"/>
    </row>
    <row r="142335" spans="14:14">
      <c r="N142335" s="10"/>
    </row>
    <row r="142336" spans="14:14">
      <c r="N142336" s="10"/>
    </row>
    <row r="142337" spans="14:14">
      <c r="N142337" s="10"/>
    </row>
    <row r="142338" spans="14:14">
      <c r="N142338" s="10"/>
    </row>
    <row r="142339" spans="14:14">
      <c r="N142339" s="10"/>
    </row>
    <row r="142340" spans="14:14">
      <c r="N142340" s="10"/>
    </row>
    <row r="142341" spans="14:14">
      <c r="N142341" s="10"/>
    </row>
    <row r="142342" spans="14:14">
      <c r="N142342" s="10"/>
    </row>
    <row r="142343" spans="14:14">
      <c r="N142343" s="10"/>
    </row>
    <row r="142344" spans="14:14">
      <c r="N142344" s="10"/>
    </row>
    <row r="142345" spans="14:14">
      <c r="N142345" s="10"/>
    </row>
    <row r="142346" spans="14:14">
      <c r="N142346" s="10"/>
    </row>
    <row r="142347" spans="14:14">
      <c r="N142347" s="10"/>
    </row>
    <row r="142348" spans="14:14">
      <c r="N142348" s="10"/>
    </row>
    <row r="142349" spans="14:14">
      <c r="N142349" s="10"/>
    </row>
    <row r="142350" spans="14:14">
      <c r="N142350" s="10"/>
    </row>
    <row r="142351" spans="14:14">
      <c r="N142351" s="10"/>
    </row>
    <row r="142352" spans="14:14">
      <c r="N142352" s="10"/>
    </row>
    <row r="142353" spans="14:14">
      <c r="N142353" s="10"/>
    </row>
    <row r="142354" spans="14:14">
      <c r="N142354" s="10"/>
    </row>
    <row r="142355" spans="14:14">
      <c r="N142355" s="10"/>
    </row>
    <row r="142356" spans="14:14">
      <c r="N142356" s="10"/>
    </row>
    <row r="142357" spans="14:14">
      <c r="N142357" s="10"/>
    </row>
    <row r="142358" spans="14:14">
      <c r="N142358" s="10"/>
    </row>
    <row r="142359" spans="14:14">
      <c r="N142359" s="10"/>
    </row>
    <row r="142360" spans="14:14">
      <c r="N142360" s="10"/>
    </row>
    <row r="142361" spans="14:14">
      <c r="N142361" s="10"/>
    </row>
    <row r="142362" spans="14:14">
      <c r="N142362" s="10"/>
    </row>
    <row r="142363" spans="14:14">
      <c r="N142363" s="10"/>
    </row>
    <row r="142364" spans="14:14">
      <c r="N142364" s="10"/>
    </row>
    <row r="142365" spans="14:14">
      <c r="N142365" s="10"/>
    </row>
    <row r="142366" spans="14:14">
      <c r="N142366" s="10"/>
    </row>
    <row r="142367" spans="14:14">
      <c r="N142367" s="10"/>
    </row>
    <row r="142368" spans="14:14">
      <c r="N142368" s="10"/>
    </row>
    <row r="142369" spans="14:14">
      <c r="N142369" s="10"/>
    </row>
    <row r="142370" spans="14:14">
      <c r="N142370" s="10"/>
    </row>
    <row r="142371" spans="14:14">
      <c r="N142371" s="10"/>
    </row>
    <row r="142372" spans="14:14">
      <c r="N142372" s="10"/>
    </row>
    <row r="142373" spans="14:14">
      <c r="N142373" s="10"/>
    </row>
    <row r="142374" spans="14:14">
      <c r="N142374" s="10"/>
    </row>
    <row r="142375" spans="14:14">
      <c r="N142375" s="10"/>
    </row>
    <row r="142376" spans="14:14">
      <c r="N142376" s="10"/>
    </row>
    <row r="142377" spans="14:14">
      <c r="N142377" s="10"/>
    </row>
    <row r="142378" spans="14:14">
      <c r="N142378" s="10"/>
    </row>
    <row r="142379" spans="14:14">
      <c r="N142379" s="10"/>
    </row>
    <row r="142380" spans="14:14">
      <c r="N142380" s="10"/>
    </row>
    <row r="142381" spans="14:14">
      <c r="N142381" s="10"/>
    </row>
    <row r="142382" spans="14:14">
      <c r="N142382" s="10"/>
    </row>
    <row r="142383" spans="14:14">
      <c r="N142383" s="10"/>
    </row>
    <row r="142384" spans="14:14">
      <c r="N142384" s="10"/>
    </row>
    <row r="142385" spans="14:14">
      <c r="N142385" s="10"/>
    </row>
    <row r="142386" spans="14:14">
      <c r="N142386" s="10"/>
    </row>
    <row r="142387" spans="14:14">
      <c r="N142387" s="10"/>
    </row>
    <row r="142388" spans="14:14">
      <c r="N142388" s="10"/>
    </row>
    <row r="142389" spans="14:14">
      <c r="N142389" s="10"/>
    </row>
    <row r="142390" spans="14:14">
      <c r="N142390" s="10"/>
    </row>
    <row r="142391" spans="14:14">
      <c r="N142391" s="10"/>
    </row>
    <row r="142392" spans="14:14">
      <c r="N142392" s="10"/>
    </row>
    <row r="142393" spans="14:14">
      <c r="N142393" s="10"/>
    </row>
    <row r="142394" spans="14:14">
      <c r="N142394" s="10"/>
    </row>
    <row r="142395" spans="14:14">
      <c r="N142395" s="10"/>
    </row>
    <row r="142396" spans="14:14">
      <c r="N142396" s="10"/>
    </row>
    <row r="142397" spans="14:14">
      <c r="N142397" s="10"/>
    </row>
    <row r="142398" spans="14:14">
      <c r="N142398" s="10"/>
    </row>
    <row r="142399" spans="14:14">
      <c r="N142399" s="10"/>
    </row>
    <row r="142400" spans="14:14">
      <c r="N142400" s="10"/>
    </row>
    <row r="142401" spans="14:14">
      <c r="N142401" s="10"/>
    </row>
    <row r="142402" spans="14:14">
      <c r="N142402" s="10"/>
    </row>
    <row r="142403" spans="14:14">
      <c r="N142403" s="10"/>
    </row>
    <row r="142404" spans="14:14">
      <c r="N142404" s="10"/>
    </row>
    <row r="142405" spans="14:14">
      <c r="N142405" s="10"/>
    </row>
    <row r="142406" spans="14:14">
      <c r="N142406" s="10"/>
    </row>
    <row r="142407" spans="14:14">
      <c r="N142407" s="10"/>
    </row>
    <row r="142408" spans="14:14">
      <c r="N142408" s="10"/>
    </row>
    <row r="142409" spans="14:14">
      <c r="N142409" s="10"/>
    </row>
    <row r="142410" spans="14:14">
      <c r="N142410" s="10"/>
    </row>
    <row r="142411" spans="14:14">
      <c r="N142411" s="10"/>
    </row>
    <row r="142412" spans="14:14">
      <c r="N142412" s="10"/>
    </row>
    <row r="142413" spans="14:14">
      <c r="N142413" s="10"/>
    </row>
    <row r="142414" spans="14:14">
      <c r="N142414" s="10"/>
    </row>
    <row r="142415" spans="14:14">
      <c r="N142415" s="10"/>
    </row>
    <row r="142416" spans="14:14">
      <c r="N142416" s="10"/>
    </row>
    <row r="142417" spans="14:14">
      <c r="N142417" s="10"/>
    </row>
    <row r="142418" spans="14:14">
      <c r="N142418" s="10"/>
    </row>
    <row r="142419" spans="14:14">
      <c r="N142419" s="10"/>
    </row>
    <row r="142420" spans="14:14">
      <c r="N142420" s="10"/>
    </row>
    <row r="142421" spans="14:14">
      <c r="N142421" s="10"/>
    </row>
    <row r="142422" spans="14:14">
      <c r="N142422" s="10"/>
    </row>
    <row r="142423" spans="14:14">
      <c r="N142423" s="10"/>
    </row>
    <row r="142424" spans="14:14">
      <c r="N142424" s="10"/>
    </row>
    <row r="142425" spans="14:14">
      <c r="N142425" s="10"/>
    </row>
    <row r="142426" spans="14:14">
      <c r="N142426" s="10"/>
    </row>
    <row r="142427" spans="14:14">
      <c r="N142427" s="10"/>
    </row>
    <row r="142428" spans="14:14">
      <c r="N142428" s="10"/>
    </row>
    <row r="142429" spans="14:14">
      <c r="N142429" s="10"/>
    </row>
    <row r="142430" spans="14:14">
      <c r="N142430" s="10"/>
    </row>
    <row r="142431" spans="14:14">
      <c r="N142431" s="10"/>
    </row>
    <row r="142432" spans="14:14">
      <c r="N142432" s="10"/>
    </row>
    <row r="142433" spans="14:14">
      <c r="N142433" s="10"/>
    </row>
    <row r="142434" spans="14:14">
      <c r="N142434" s="10"/>
    </row>
    <row r="142435" spans="14:14">
      <c r="N142435" s="10"/>
    </row>
    <row r="142436" spans="14:14">
      <c r="N142436" s="10"/>
    </row>
    <row r="142437" spans="14:14">
      <c r="N142437" s="10"/>
    </row>
    <row r="142438" spans="14:14">
      <c r="N142438" s="10"/>
    </row>
    <row r="142439" spans="14:14">
      <c r="N142439" s="10"/>
    </row>
    <row r="142440" spans="14:14">
      <c r="N142440" s="10"/>
    </row>
    <row r="142441" spans="14:14">
      <c r="N142441" s="10"/>
    </row>
    <row r="142442" spans="14:14">
      <c r="N142442" s="10"/>
    </row>
    <row r="142443" spans="14:14">
      <c r="N142443" s="10"/>
    </row>
    <row r="142444" spans="14:14">
      <c r="N142444" s="10"/>
    </row>
    <row r="142445" spans="14:14">
      <c r="N142445" s="10"/>
    </row>
    <row r="142446" spans="14:14">
      <c r="N142446" s="10"/>
    </row>
    <row r="142447" spans="14:14">
      <c r="N142447" s="10"/>
    </row>
    <row r="142448" spans="14:14">
      <c r="N142448" s="10"/>
    </row>
    <row r="142449" spans="14:14">
      <c r="N142449" s="10"/>
    </row>
    <row r="142450" spans="14:14">
      <c r="N142450" s="10"/>
    </row>
    <row r="142451" spans="14:14">
      <c r="N142451" s="10"/>
    </row>
    <row r="142452" spans="14:14">
      <c r="N142452" s="10"/>
    </row>
    <row r="142453" spans="14:14">
      <c r="N142453" s="10"/>
    </row>
    <row r="142454" spans="14:14">
      <c r="N142454" s="10"/>
    </row>
    <row r="142455" spans="14:14">
      <c r="N142455" s="10"/>
    </row>
    <row r="142456" spans="14:14">
      <c r="N142456" s="10"/>
    </row>
    <row r="142457" spans="14:14">
      <c r="N142457" s="10"/>
    </row>
    <row r="142458" spans="14:14">
      <c r="N142458" s="10"/>
    </row>
    <row r="142459" spans="14:14">
      <c r="N142459" s="10"/>
    </row>
    <row r="142460" spans="14:14">
      <c r="N142460" s="10"/>
    </row>
    <row r="142461" spans="14:14">
      <c r="N142461" s="10"/>
    </row>
    <row r="142462" spans="14:14">
      <c r="N142462" s="10"/>
    </row>
    <row r="142463" spans="14:14">
      <c r="N142463" s="10"/>
    </row>
    <row r="142464" spans="14:14">
      <c r="N142464" s="10"/>
    </row>
    <row r="142465" spans="14:14">
      <c r="N142465" s="10"/>
    </row>
    <row r="142466" spans="14:14">
      <c r="N142466" s="10"/>
    </row>
    <row r="142467" spans="14:14">
      <c r="N142467" s="10"/>
    </row>
    <row r="142468" spans="14:14">
      <c r="N142468" s="10"/>
    </row>
    <row r="142469" spans="14:14">
      <c r="N142469" s="10"/>
    </row>
    <row r="142470" spans="14:14">
      <c r="N142470" s="10"/>
    </row>
    <row r="142471" spans="14:14">
      <c r="N142471" s="10"/>
    </row>
    <row r="142472" spans="14:14">
      <c r="N142472" s="10"/>
    </row>
    <row r="142473" spans="14:14">
      <c r="N142473" s="10"/>
    </row>
    <row r="142474" spans="14:14">
      <c r="N142474" s="10"/>
    </row>
    <row r="142475" spans="14:14">
      <c r="N142475" s="10"/>
    </row>
    <row r="142476" spans="14:14">
      <c r="N142476" s="10"/>
    </row>
    <row r="142477" spans="14:14">
      <c r="N142477" s="10"/>
    </row>
    <row r="142478" spans="14:14">
      <c r="N142478" s="10"/>
    </row>
    <row r="142479" spans="14:14">
      <c r="N142479" s="10"/>
    </row>
    <row r="142480" spans="14:14">
      <c r="N142480" s="10"/>
    </row>
    <row r="142481" spans="14:14">
      <c r="N142481" s="10"/>
    </row>
    <row r="142482" spans="14:14">
      <c r="N142482" s="10"/>
    </row>
    <row r="142483" spans="14:14">
      <c r="N142483" s="10"/>
    </row>
    <row r="142484" spans="14:14">
      <c r="N142484" s="10"/>
    </row>
    <row r="142485" spans="14:14">
      <c r="N142485" s="10"/>
    </row>
    <row r="142486" spans="14:14">
      <c r="N142486" s="10"/>
    </row>
    <row r="142487" spans="14:14">
      <c r="N142487" s="10"/>
    </row>
    <row r="142488" spans="14:14">
      <c r="N142488" s="10"/>
    </row>
    <row r="142489" spans="14:14">
      <c r="N142489" s="10"/>
    </row>
    <row r="142490" spans="14:14">
      <c r="N142490" s="10"/>
    </row>
    <row r="142491" spans="14:14">
      <c r="N142491" s="10"/>
    </row>
    <row r="142492" spans="14:14">
      <c r="N142492" s="10"/>
    </row>
    <row r="142493" spans="14:14">
      <c r="N142493" s="10"/>
    </row>
    <row r="142494" spans="14:14">
      <c r="N142494" s="10"/>
    </row>
    <row r="142495" spans="14:14">
      <c r="N142495" s="10"/>
    </row>
    <row r="142496" spans="14:14">
      <c r="N142496" s="10"/>
    </row>
    <row r="142497" spans="14:14">
      <c r="N142497" s="10"/>
    </row>
    <row r="142498" spans="14:14">
      <c r="N142498" s="10"/>
    </row>
    <row r="142499" spans="14:14">
      <c r="N142499" s="10"/>
    </row>
    <row r="142500" spans="14:14">
      <c r="N142500" s="10"/>
    </row>
    <row r="142501" spans="14:14">
      <c r="N142501" s="10"/>
    </row>
    <row r="142502" spans="14:14">
      <c r="N142502" s="10"/>
    </row>
    <row r="142503" spans="14:14">
      <c r="N142503" s="10"/>
    </row>
    <row r="142504" spans="14:14">
      <c r="N142504" s="10"/>
    </row>
    <row r="142505" spans="14:14">
      <c r="N142505" s="10"/>
    </row>
    <row r="142506" spans="14:14">
      <c r="N142506" s="10"/>
    </row>
    <row r="142507" spans="14:14">
      <c r="N142507" s="10"/>
    </row>
    <row r="142508" spans="14:14">
      <c r="N142508" s="10"/>
    </row>
    <row r="142509" spans="14:14">
      <c r="N142509" s="10"/>
    </row>
    <row r="142510" spans="14:14">
      <c r="N142510" s="10"/>
    </row>
    <row r="142511" spans="14:14">
      <c r="N142511" s="10"/>
    </row>
    <row r="142512" spans="14:14">
      <c r="N142512" s="10"/>
    </row>
    <row r="142513" spans="14:14">
      <c r="N142513" s="10"/>
    </row>
    <row r="142514" spans="14:14">
      <c r="N142514" s="10"/>
    </row>
    <row r="142515" spans="14:14">
      <c r="N142515" s="10"/>
    </row>
    <row r="142516" spans="14:14">
      <c r="N142516" s="10"/>
    </row>
    <row r="142517" spans="14:14">
      <c r="N142517" s="10"/>
    </row>
    <row r="142518" spans="14:14">
      <c r="N142518" s="10"/>
    </row>
    <row r="142519" spans="14:14">
      <c r="N142519" s="10"/>
    </row>
    <row r="142520" spans="14:14">
      <c r="N142520" s="10"/>
    </row>
    <row r="142521" spans="14:14">
      <c r="N142521" s="10"/>
    </row>
    <row r="142522" spans="14:14">
      <c r="N142522" s="10"/>
    </row>
    <row r="142523" spans="14:14">
      <c r="N142523" s="10"/>
    </row>
    <row r="142524" spans="14:14">
      <c r="N142524" s="10"/>
    </row>
    <row r="142525" spans="14:14">
      <c r="N142525" s="10"/>
    </row>
    <row r="142526" spans="14:14">
      <c r="N142526" s="10"/>
    </row>
    <row r="142527" spans="14:14">
      <c r="N142527" s="10"/>
    </row>
    <row r="142528" spans="14:14">
      <c r="N142528" s="10"/>
    </row>
    <row r="142529" spans="14:14">
      <c r="N142529" s="10"/>
    </row>
    <row r="142530" spans="14:14">
      <c r="N142530" s="10"/>
    </row>
    <row r="142531" spans="14:14">
      <c r="N142531" s="10"/>
    </row>
    <row r="142532" spans="14:14">
      <c r="N142532" s="10"/>
    </row>
    <row r="142533" spans="14:14">
      <c r="N142533" s="10"/>
    </row>
    <row r="142534" spans="14:14">
      <c r="N142534" s="10"/>
    </row>
    <row r="142535" spans="14:14">
      <c r="N142535" s="10"/>
    </row>
    <row r="142536" spans="14:14">
      <c r="N142536" s="10"/>
    </row>
    <row r="142537" spans="14:14">
      <c r="N142537" s="10"/>
    </row>
    <row r="142538" spans="14:14">
      <c r="N142538" s="10"/>
    </row>
    <row r="142539" spans="14:14">
      <c r="N142539" s="10"/>
    </row>
    <row r="142540" spans="14:14">
      <c r="N142540" s="10"/>
    </row>
    <row r="142541" spans="14:14">
      <c r="N142541" s="10"/>
    </row>
    <row r="142542" spans="14:14">
      <c r="N142542" s="10"/>
    </row>
    <row r="142543" spans="14:14">
      <c r="N142543" s="10"/>
    </row>
    <row r="142544" spans="14:14">
      <c r="N142544" s="10"/>
    </row>
    <row r="142545" spans="14:14">
      <c r="N142545" s="10"/>
    </row>
    <row r="142546" spans="14:14">
      <c r="N142546" s="10"/>
    </row>
    <row r="142547" spans="14:14">
      <c r="N142547" s="10"/>
    </row>
    <row r="142548" spans="14:14">
      <c r="N142548" s="10"/>
    </row>
    <row r="142549" spans="14:14">
      <c r="N142549" s="10"/>
    </row>
    <row r="142550" spans="14:14">
      <c r="N142550" s="10"/>
    </row>
    <row r="142551" spans="14:14">
      <c r="N142551" s="10"/>
    </row>
    <row r="142552" spans="14:14">
      <c r="N142552" s="10"/>
    </row>
    <row r="142553" spans="14:14">
      <c r="N142553" s="10"/>
    </row>
    <row r="142554" spans="14:14">
      <c r="N142554" s="10"/>
    </row>
    <row r="142555" spans="14:14">
      <c r="N142555" s="10"/>
    </row>
    <row r="142556" spans="14:14">
      <c r="N142556" s="10"/>
    </row>
    <row r="142557" spans="14:14">
      <c r="N142557" s="10"/>
    </row>
    <row r="142558" spans="14:14">
      <c r="N142558" s="10"/>
    </row>
    <row r="142559" spans="14:14">
      <c r="N142559" s="10"/>
    </row>
    <row r="142560" spans="14:14">
      <c r="N142560" s="10"/>
    </row>
    <row r="142561" spans="14:14">
      <c r="N142561" s="10"/>
    </row>
    <row r="142562" spans="14:14">
      <c r="N142562" s="10"/>
    </row>
    <row r="142563" spans="14:14">
      <c r="N142563" s="10"/>
    </row>
    <row r="142564" spans="14:14">
      <c r="N142564" s="10"/>
    </row>
    <row r="142565" spans="14:14">
      <c r="N142565" s="10"/>
    </row>
    <row r="142566" spans="14:14">
      <c r="N142566" s="10"/>
    </row>
    <row r="142567" spans="14:14">
      <c r="N142567" s="10"/>
    </row>
    <row r="142568" spans="14:14">
      <c r="N142568" s="10"/>
    </row>
    <row r="142569" spans="14:14">
      <c r="N142569" s="10"/>
    </row>
    <row r="142570" spans="14:14">
      <c r="N142570" s="10"/>
    </row>
    <row r="142571" spans="14:14">
      <c r="N142571" s="10"/>
    </row>
    <row r="142572" spans="14:14">
      <c r="N142572" s="10"/>
    </row>
    <row r="142573" spans="14:14">
      <c r="N142573" s="10"/>
    </row>
    <row r="142574" spans="14:14">
      <c r="N142574" s="10"/>
    </row>
    <row r="142575" spans="14:14">
      <c r="N142575" s="10"/>
    </row>
    <row r="142576" spans="14:14">
      <c r="N142576" s="10"/>
    </row>
    <row r="142577" spans="14:14">
      <c r="N142577" s="10"/>
    </row>
    <row r="142578" spans="14:14">
      <c r="N142578" s="10"/>
    </row>
    <row r="142579" spans="14:14">
      <c r="N142579" s="10"/>
    </row>
    <row r="142580" spans="14:14">
      <c r="N142580" s="10"/>
    </row>
    <row r="142581" spans="14:14">
      <c r="N142581" s="10"/>
    </row>
    <row r="142582" spans="14:14">
      <c r="N142582" s="10"/>
    </row>
    <row r="142583" spans="14:14">
      <c r="N142583" s="10"/>
    </row>
    <row r="142584" spans="14:14">
      <c r="N142584" s="10"/>
    </row>
    <row r="142585" spans="14:14">
      <c r="N142585" s="10"/>
    </row>
    <row r="142586" spans="14:14">
      <c r="N142586" s="10"/>
    </row>
    <row r="142587" spans="14:14">
      <c r="N142587" s="10"/>
    </row>
    <row r="142588" spans="14:14">
      <c r="N142588" s="10"/>
    </row>
    <row r="142589" spans="14:14">
      <c r="N142589" s="10"/>
    </row>
    <row r="142590" spans="14:14">
      <c r="N142590" s="10"/>
    </row>
    <row r="142591" spans="14:14">
      <c r="N142591" s="10"/>
    </row>
    <row r="142592" spans="14:14">
      <c r="N142592" s="10"/>
    </row>
    <row r="142593" spans="14:14">
      <c r="N142593" s="10"/>
    </row>
    <row r="142594" spans="14:14">
      <c r="N142594" s="10"/>
    </row>
    <row r="142595" spans="14:14">
      <c r="N142595" s="10"/>
    </row>
    <row r="142596" spans="14:14">
      <c r="N142596" s="10"/>
    </row>
    <row r="142597" spans="14:14">
      <c r="N142597" s="10"/>
    </row>
    <row r="142598" spans="14:14">
      <c r="N142598" s="10"/>
    </row>
    <row r="142599" spans="14:14">
      <c r="N142599" s="10"/>
    </row>
    <row r="142600" spans="14:14">
      <c r="N142600" s="10"/>
    </row>
    <row r="142601" spans="14:14">
      <c r="N142601" s="10"/>
    </row>
    <row r="142602" spans="14:14">
      <c r="N142602" s="10"/>
    </row>
    <row r="142603" spans="14:14">
      <c r="N142603" s="10"/>
    </row>
    <row r="142604" spans="14:14">
      <c r="N142604" s="10"/>
    </row>
    <row r="142605" spans="14:14">
      <c r="N142605" s="10"/>
    </row>
    <row r="142606" spans="14:14">
      <c r="N142606" s="10"/>
    </row>
    <row r="142607" spans="14:14">
      <c r="N142607" s="10"/>
    </row>
    <row r="142608" spans="14:14">
      <c r="N142608" s="10"/>
    </row>
    <row r="142609" spans="14:14">
      <c r="N142609" s="10"/>
    </row>
    <row r="142610" spans="14:14">
      <c r="N142610" s="10"/>
    </row>
    <row r="142611" spans="14:14">
      <c r="N142611" s="10"/>
    </row>
    <row r="142612" spans="14:14">
      <c r="N142612" s="10"/>
    </row>
    <row r="142613" spans="14:14">
      <c r="N142613" s="10"/>
    </row>
    <row r="142614" spans="14:14">
      <c r="N142614" s="10"/>
    </row>
    <row r="142615" spans="14:14">
      <c r="N142615" s="10"/>
    </row>
    <row r="142616" spans="14:14">
      <c r="N142616" s="10"/>
    </row>
    <row r="142617" spans="14:14">
      <c r="N142617" s="10"/>
    </row>
    <row r="142618" spans="14:14">
      <c r="N142618" s="10"/>
    </row>
    <row r="142619" spans="14:14">
      <c r="N142619" s="10"/>
    </row>
    <row r="142620" spans="14:14">
      <c r="N142620" s="10"/>
    </row>
    <row r="142621" spans="14:14">
      <c r="N142621" s="10"/>
    </row>
    <row r="142622" spans="14:14">
      <c r="N142622" s="10"/>
    </row>
    <row r="142623" spans="14:14">
      <c r="N142623" s="10"/>
    </row>
    <row r="142624" spans="14:14">
      <c r="N142624" s="10"/>
    </row>
    <row r="142625" spans="14:14">
      <c r="N142625" s="10"/>
    </row>
    <row r="142626" spans="14:14">
      <c r="N142626" s="10"/>
    </row>
    <row r="142627" spans="14:14">
      <c r="N142627" s="10"/>
    </row>
    <row r="142628" spans="14:14">
      <c r="N142628" s="10"/>
    </row>
    <row r="142629" spans="14:14">
      <c r="N142629" s="10"/>
    </row>
    <row r="142630" spans="14:14">
      <c r="N142630" s="10"/>
    </row>
    <row r="142631" spans="14:14">
      <c r="N142631" s="10"/>
    </row>
    <row r="142632" spans="14:14">
      <c r="N142632" s="10"/>
    </row>
    <row r="142633" spans="14:14">
      <c r="N142633" s="10"/>
    </row>
    <row r="142634" spans="14:14">
      <c r="N142634" s="10"/>
    </row>
    <row r="142635" spans="14:14">
      <c r="N142635" s="10"/>
    </row>
    <row r="142636" spans="14:14">
      <c r="N142636" s="10"/>
    </row>
    <row r="142637" spans="14:14">
      <c r="N142637" s="10"/>
    </row>
    <row r="142638" spans="14:14">
      <c r="N142638" s="10"/>
    </row>
    <row r="142639" spans="14:14">
      <c r="N142639" s="10"/>
    </row>
    <row r="142640" spans="14:14">
      <c r="N142640" s="10"/>
    </row>
    <row r="142641" spans="14:14">
      <c r="N142641" s="10"/>
    </row>
    <row r="142642" spans="14:14">
      <c r="N142642" s="10"/>
    </row>
    <row r="142643" spans="14:14">
      <c r="N142643" s="10"/>
    </row>
    <row r="142644" spans="14:14">
      <c r="N142644" s="10"/>
    </row>
    <row r="142645" spans="14:14">
      <c r="N142645" s="10"/>
    </row>
    <row r="142646" spans="14:14">
      <c r="N142646" s="10"/>
    </row>
    <row r="142647" spans="14:14">
      <c r="N142647" s="10"/>
    </row>
    <row r="142648" spans="14:14">
      <c r="N142648" s="10"/>
    </row>
    <row r="142649" spans="14:14">
      <c r="N142649" s="10"/>
    </row>
    <row r="142650" spans="14:14">
      <c r="N142650" s="10"/>
    </row>
    <row r="142651" spans="14:14">
      <c r="N142651" s="10"/>
    </row>
    <row r="142652" spans="14:14">
      <c r="N142652" s="10"/>
    </row>
    <row r="142653" spans="14:14">
      <c r="N142653" s="10"/>
    </row>
    <row r="142654" spans="14:14">
      <c r="N142654" s="10"/>
    </row>
    <row r="142655" spans="14:14">
      <c r="N142655" s="10"/>
    </row>
    <row r="142656" spans="14:14">
      <c r="N142656" s="10"/>
    </row>
    <row r="142657" spans="14:14">
      <c r="N142657" s="10"/>
    </row>
    <row r="142658" spans="14:14">
      <c r="N142658" s="10"/>
    </row>
    <row r="142659" spans="14:14">
      <c r="N142659" s="10"/>
    </row>
    <row r="142660" spans="14:14">
      <c r="N142660" s="10"/>
    </row>
    <row r="142661" spans="14:14">
      <c r="N142661" s="10"/>
    </row>
    <row r="142662" spans="14:14">
      <c r="N142662" s="10"/>
    </row>
    <row r="142663" spans="14:14">
      <c r="N142663" s="10"/>
    </row>
    <row r="142664" spans="14:14">
      <c r="N142664" s="10"/>
    </row>
    <row r="142665" spans="14:14">
      <c r="N142665" s="10"/>
    </row>
    <row r="142666" spans="14:14">
      <c r="N142666" s="10"/>
    </row>
    <row r="142667" spans="14:14">
      <c r="N142667" s="10"/>
    </row>
    <row r="142668" spans="14:14">
      <c r="N142668" s="10"/>
    </row>
    <row r="142669" spans="14:14">
      <c r="N142669" s="10"/>
    </row>
    <row r="142670" spans="14:14">
      <c r="N142670" s="10"/>
    </row>
    <row r="142671" spans="14:14">
      <c r="N142671" s="10"/>
    </row>
    <row r="142672" spans="14:14">
      <c r="N142672" s="10"/>
    </row>
    <row r="142673" spans="14:14">
      <c r="N142673" s="10"/>
    </row>
    <row r="142674" spans="14:14">
      <c r="N142674" s="10"/>
    </row>
    <row r="142675" spans="14:14">
      <c r="N142675" s="10"/>
    </row>
    <row r="142676" spans="14:14">
      <c r="N142676" s="10"/>
    </row>
    <row r="142677" spans="14:14">
      <c r="N142677" s="10"/>
    </row>
    <row r="142678" spans="14:14">
      <c r="N142678" s="10"/>
    </row>
    <row r="142679" spans="14:14">
      <c r="N142679" s="10"/>
    </row>
    <row r="142680" spans="14:14">
      <c r="N142680" s="10"/>
    </row>
    <row r="142681" spans="14:14">
      <c r="N142681" s="10"/>
    </row>
    <row r="142682" spans="14:14">
      <c r="N142682" s="10"/>
    </row>
    <row r="142683" spans="14:14">
      <c r="N142683" s="10"/>
    </row>
    <row r="142684" spans="14:14">
      <c r="N142684" s="10"/>
    </row>
    <row r="142685" spans="14:14">
      <c r="N142685" s="10"/>
    </row>
    <row r="142686" spans="14:14">
      <c r="N142686" s="10"/>
    </row>
    <row r="142687" spans="14:14">
      <c r="N142687" s="10"/>
    </row>
    <row r="142688" spans="14:14">
      <c r="N142688" s="10"/>
    </row>
    <row r="142689" spans="14:14">
      <c r="N142689" s="10"/>
    </row>
    <row r="142690" spans="14:14">
      <c r="N142690" s="10"/>
    </row>
    <row r="142691" spans="14:14">
      <c r="N142691" s="10"/>
    </row>
    <row r="142692" spans="14:14">
      <c r="N142692" s="10"/>
    </row>
    <row r="142693" spans="14:14">
      <c r="N142693" s="10"/>
    </row>
    <row r="142694" spans="14:14">
      <c r="N142694" s="10"/>
    </row>
    <row r="142695" spans="14:14">
      <c r="N142695" s="10"/>
    </row>
    <row r="142696" spans="14:14">
      <c r="N142696" s="10"/>
    </row>
    <row r="142697" spans="14:14">
      <c r="N142697" s="10"/>
    </row>
    <row r="142698" spans="14:14">
      <c r="N142698" s="10"/>
    </row>
    <row r="142699" spans="14:14">
      <c r="N142699" s="10"/>
    </row>
    <row r="142700" spans="14:14">
      <c r="N142700" s="10"/>
    </row>
    <row r="142701" spans="14:14">
      <c r="N142701" s="10"/>
    </row>
    <row r="142702" spans="14:14">
      <c r="N142702" s="10"/>
    </row>
    <row r="142703" spans="14:14">
      <c r="N142703" s="10"/>
    </row>
    <row r="142704" spans="14:14">
      <c r="N142704" s="10"/>
    </row>
    <row r="142705" spans="14:14">
      <c r="N142705" s="10"/>
    </row>
    <row r="142706" spans="14:14">
      <c r="N142706" s="10"/>
    </row>
    <row r="142707" spans="14:14">
      <c r="N142707" s="10"/>
    </row>
    <row r="142708" spans="14:14">
      <c r="N142708" s="10"/>
    </row>
    <row r="142709" spans="14:14">
      <c r="N142709" s="10"/>
    </row>
    <row r="142710" spans="14:14">
      <c r="N142710" s="10"/>
    </row>
    <row r="142711" spans="14:14">
      <c r="N142711" s="10"/>
    </row>
    <row r="142712" spans="14:14">
      <c r="N142712" s="10"/>
    </row>
    <row r="142713" spans="14:14">
      <c r="N142713" s="10"/>
    </row>
    <row r="142714" spans="14:14">
      <c r="N142714" s="10"/>
    </row>
    <row r="142715" spans="14:14">
      <c r="N142715" s="10"/>
    </row>
    <row r="142716" spans="14:14">
      <c r="N142716" s="10"/>
    </row>
    <row r="142717" spans="14:14">
      <c r="N142717" s="10"/>
    </row>
    <row r="142718" spans="14:14">
      <c r="N142718" s="10"/>
    </row>
    <row r="142719" spans="14:14">
      <c r="N142719" s="10"/>
    </row>
    <row r="142720" spans="14:14">
      <c r="N142720" s="10"/>
    </row>
    <row r="142721" spans="14:14">
      <c r="N142721" s="10"/>
    </row>
    <row r="142722" spans="14:14">
      <c r="N142722" s="10"/>
    </row>
    <row r="142723" spans="14:14">
      <c r="N142723" s="10"/>
    </row>
    <row r="142724" spans="14:14">
      <c r="N142724" s="10"/>
    </row>
    <row r="142725" spans="14:14">
      <c r="N142725" s="10"/>
    </row>
    <row r="142726" spans="14:14">
      <c r="N142726" s="10"/>
    </row>
    <row r="142727" spans="14:14">
      <c r="N142727" s="10"/>
    </row>
    <row r="142728" spans="14:14">
      <c r="N142728" s="10"/>
    </row>
    <row r="142729" spans="14:14">
      <c r="N142729" s="10"/>
    </row>
    <row r="142730" spans="14:14">
      <c r="N142730" s="10"/>
    </row>
    <row r="142731" spans="14:14">
      <c r="N142731" s="10"/>
    </row>
    <row r="142732" spans="14:14">
      <c r="N142732" s="10"/>
    </row>
    <row r="142733" spans="14:14">
      <c r="N142733" s="10"/>
    </row>
    <row r="142734" spans="14:14">
      <c r="N142734" s="10"/>
    </row>
    <row r="142735" spans="14:14">
      <c r="N142735" s="10"/>
    </row>
    <row r="142736" spans="14:14">
      <c r="N142736" s="10"/>
    </row>
    <row r="142737" spans="14:14">
      <c r="N142737" s="10"/>
    </row>
    <row r="142738" spans="14:14">
      <c r="N142738" s="10"/>
    </row>
    <row r="142739" spans="14:14">
      <c r="N142739" s="10"/>
    </row>
    <row r="142740" spans="14:14">
      <c r="N142740" s="10"/>
    </row>
    <row r="142741" spans="14:14">
      <c r="N142741" s="10"/>
    </row>
    <row r="142742" spans="14:14">
      <c r="N142742" s="10"/>
    </row>
    <row r="142743" spans="14:14">
      <c r="N142743" s="10"/>
    </row>
    <row r="142744" spans="14:14">
      <c r="N142744" s="10"/>
    </row>
    <row r="142745" spans="14:14">
      <c r="N142745" s="10"/>
    </row>
    <row r="142746" spans="14:14">
      <c r="N142746" s="10"/>
    </row>
    <row r="142747" spans="14:14">
      <c r="N142747" s="10"/>
    </row>
    <row r="142748" spans="14:14">
      <c r="N142748" s="10"/>
    </row>
    <row r="142749" spans="14:14">
      <c r="N142749" s="10"/>
    </row>
    <row r="142750" spans="14:14">
      <c r="N142750" s="10"/>
    </row>
    <row r="142751" spans="14:14">
      <c r="N142751" s="10"/>
    </row>
    <row r="142752" spans="14:14">
      <c r="N142752" s="10"/>
    </row>
    <row r="142753" spans="14:14">
      <c r="N142753" s="10"/>
    </row>
    <row r="142754" spans="14:14">
      <c r="N142754" s="10"/>
    </row>
    <row r="142755" spans="14:14">
      <c r="N142755" s="10"/>
    </row>
    <row r="142756" spans="14:14">
      <c r="N142756" s="10"/>
    </row>
    <row r="142757" spans="14:14">
      <c r="N142757" s="10"/>
    </row>
    <row r="142758" spans="14:14">
      <c r="N142758" s="10"/>
    </row>
    <row r="142759" spans="14:14">
      <c r="N142759" s="10"/>
    </row>
    <row r="142760" spans="14:14">
      <c r="N142760" s="10"/>
    </row>
    <row r="142761" spans="14:14">
      <c r="N142761" s="10"/>
    </row>
    <row r="142762" spans="14:14">
      <c r="N142762" s="10"/>
    </row>
    <row r="142763" spans="14:14">
      <c r="N142763" s="10"/>
    </row>
    <row r="142764" spans="14:14">
      <c r="N142764" s="10"/>
    </row>
    <row r="142765" spans="14:14">
      <c r="N142765" s="10"/>
    </row>
    <row r="142766" spans="14:14">
      <c r="N142766" s="10"/>
    </row>
    <row r="142767" spans="14:14">
      <c r="N142767" s="10"/>
    </row>
    <row r="142768" spans="14:14">
      <c r="N142768" s="10"/>
    </row>
    <row r="142769" spans="14:14">
      <c r="N142769" s="10"/>
    </row>
    <row r="142770" spans="14:14">
      <c r="N142770" s="10"/>
    </row>
    <row r="142771" spans="14:14">
      <c r="N142771" s="10"/>
    </row>
    <row r="142772" spans="14:14">
      <c r="N142772" s="10"/>
    </row>
    <row r="142773" spans="14:14">
      <c r="N142773" s="10"/>
    </row>
    <row r="142774" spans="14:14">
      <c r="N142774" s="10"/>
    </row>
    <row r="142775" spans="14:14">
      <c r="N142775" s="10"/>
    </row>
    <row r="142776" spans="14:14">
      <c r="N142776" s="10"/>
    </row>
    <row r="142777" spans="14:14">
      <c r="N142777" s="10"/>
    </row>
    <row r="142778" spans="14:14">
      <c r="N142778" s="10"/>
    </row>
    <row r="142779" spans="14:14">
      <c r="N142779" s="10"/>
    </row>
    <row r="142780" spans="14:14">
      <c r="N142780" s="10"/>
    </row>
    <row r="142781" spans="14:14">
      <c r="N142781" s="10"/>
    </row>
    <row r="142782" spans="14:14">
      <c r="N142782" s="10"/>
    </row>
    <row r="142783" spans="14:14">
      <c r="N142783" s="10"/>
    </row>
    <row r="142784" spans="14:14">
      <c r="N142784" s="10"/>
    </row>
    <row r="142785" spans="14:14">
      <c r="N142785" s="10"/>
    </row>
    <row r="142786" spans="14:14">
      <c r="N142786" s="10"/>
    </row>
    <row r="142787" spans="14:14">
      <c r="N142787" s="10"/>
    </row>
    <row r="142788" spans="14:14">
      <c r="N142788" s="10"/>
    </row>
    <row r="142789" spans="14:14">
      <c r="N142789" s="10"/>
    </row>
    <row r="142790" spans="14:14">
      <c r="N142790" s="10"/>
    </row>
    <row r="142791" spans="14:14">
      <c r="N142791" s="10"/>
    </row>
    <row r="142792" spans="14:14">
      <c r="N142792" s="10"/>
    </row>
    <row r="142793" spans="14:14">
      <c r="N142793" s="10"/>
    </row>
    <row r="142794" spans="14:14">
      <c r="N142794" s="10"/>
    </row>
    <row r="142795" spans="14:14">
      <c r="N142795" s="10"/>
    </row>
    <row r="142796" spans="14:14">
      <c r="N142796" s="10"/>
    </row>
    <row r="142797" spans="14:14">
      <c r="N142797" s="10"/>
    </row>
    <row r="142798" spans="14:14">
      <c r="N142798" s="10"/>
    </row>
    <row r="142799" spans="14:14">
      <c r="N142799" s="10"/>
    </row>
    <row r="142800" spans="14:14">
      <c r="N142800" s="10"/>
    </row>
    <row r="142801" spans="14:14">
      <c r="N142801" s="10"/>
    </row>
    <row r="142802" spans="14:14">
      <c r="N142802" s="10"/>
    </row>
    <row r="142803" spans="14:14">
      <c r="N142803" s="10"/>
    </row>
    <row r="142804" spans="14:14">
      <c r="N142804" s="10"/>
    </row>
    <row r="142805" spans="14:14">
      <c r="N142805" s="10"/>
    </row>
    <row r="142806" spans="14:14">
      <c r="N142806" s="10"/>
    </row>
    <row r="142807" spans="14:14">
      <c r="N142807" s="10"/>
    </row>
    <row r="142808" spans="14:14">
      <c r="N142808" s="10"/>
    </row>
    <row r="142809" spans="14:14">
      <c r="N142809" s="10"/>
    </row>
    <row r="142810" spans="14:14">
      <c r="N142810" s="10"/>
    </row>
    <row r="142811" spans="14:14">
      <c r="N142811" s="10"/>
    </row>
    <row r="142812" spans="14:14">
      <c r="N142812" s="10"/>
    </row>
    <row r="142813" spans="14:14">
      <c r="N142813" s="10"/>
    </row>
    <row r="142814" spans="14:14">
      <c r="N142814" s="10"/>
    </row>
    <row r="142815" spans="14:14">
      <c r="N142815" s="10"/>
    </row>
    <row r="142816" spans="14:14">
      <c r="N142816" s="10"/>
    </row>
    <row r="142817" spans="14:14">
      <c r="N142817" s="10"/>
    </row>
    <row r="142818" spans="14:14">
      <c r="N142818" s="10"/>
    </row>
    <row r="142819" spans="14:14">
      <c r="N142819" s="10"/>
    </row>
    <row r="142820" spans="14:14">
      <c r="N142820" s="10"/>
    </row>
    <row r="142821" spans="14:14">
      <c r="N142821" s="10"/>
    </row>
    <row r="142822" spans="14:14">
      <c r="N142822" s="10"/>
    </row>
    <row r="142823" spans="14:14">
      <c r="N142823" s="10"/>
    </row>
    <row r="142824" spans="14:14">
      <c r="N142824" s="10"/>
    </row>
    <row r="142825" spans="14:14">
      <c r="N142825" s="10"/>
    </row>
    <row r="142826" spans="14:14">
      <c r="N142826" s="10"/>
    </row>
    <row r="142827" spans="14:14">
      <c r="N142827" s="10"/>
    </row>
    <row r="142828" spans="14:14">
      <c r="N142828" s="10"/>
    </row>
    <row r="142829" spans="14:14">
      <c r="N142829" s="10"/>
    </row>
    <row r="142830" spans="14:14">
      <c r="N142830" s="10"/>
    </row>
    <row r="142831" spans="14:14">
      <c r="N142831" s="10"/>
    </row>
    <row r="142832" spans="14:14">
      <c r="N142832" s="10"/>
    </row>
    <row r="142833" spans="14:14">
      <c r="N142833" s="10"/>
    </row>
    <row r="142834" spans="14:14">
      <c r="N142834" s="10"/>
    </row>
    <row r="142835" spans="14:14">
      <c r="N142835" s="10"/>
    </row>
    <row r="142836" spans="14:14">
      <c r="N142836" s="10"/>
    </row>
    <row r="142837" spans="14:14">
      <c r="N142837" s="10"/>
    </row>
    <row r="142838" spans="14:14">
      <c r="N142838" s="10"/>
    </row>
    <row r="142839" spans="14:14">
      <c r="N142839" s="10"/>
    </row>
    <row r="142840" spans="14:14">
      <c r="N142840" s="10"/>
    </row>
    <row r="142841" spans="14:14">
      <c r="N142841" s="10"/>
    </row>
    <row r="142842" spans="14:14">
      <c r="N142842" s="10"/>
    </row>
    <row r="142843" spans="14:14">
      <c r="N142843" s="10"/>
    </row>
    <row r="142844" spans="14:14">
      <c r="N142844" s="10"/>
    </row>
    <row r="142845" spans="14:14">
      <c r="N142845" s="10"/>
    </row>
    <row r="142846" spans="14:14">
      <c r="N142846" s="10"/>
    </row>
    <row r="142847" spans="14:14">
      <c r="N142847" s="10"/>
    </row>
    <row r="142848" spans="14:14">
      <c r="N142848" s="10"/>
    </row>
    <row r="142849" spans="14:14">
      <c r="N142849" s="10"/>
    </row>
    <row r="142850" spans="14:14">
      <c r="N142850" s="10"/>
    </row>
    <row r="142851" spans="14:14">
      <c r="N142851" s="10"/>
    </row>
    <row r="142852" spans="14:14">
      <c r="N142852" s="10"/>
    </row>
    <row r="142853" spans="14:14">
      <c r="N142853" s="10"/>
    </row>
    <row r="142854" spans="14:14">
      <c r="N142854" s="10"/>
    </row>
    <row r="142855" spans="14:14">
      <c r="N142855" s="10"/>
    </row>
    <row r="142856" spans="14:14">
      <c r="N142856" s="10"/>
    </row>
    <row r="142857" spans="14:14">
      <c r="N142857" s="10"/>
    </row>
    <row r="142858" spans="14:14">
      <c r="N142858" s="10"/>
    </row>
    <row r="142859" spans="14:14">
      <c r="N142859" s="10"/>
    </row>
    <row r="142860" spans="14:14">
      <c r="N142860" s="10"/>
    </row>
    <row r="142861" spans="14:14">
      <c r="N142861" s="10"/>
    </row>
    <row r="142862" spans="14:14">
      <c r="N142862" s="10"/>
    </row>
    <row r="142863" spans="14:14">
      <c r="N142863" s="10"/>
    </row>
    <row r="142864" spans="14:14">
      <c r="N142864" s="10"/>
    </row>
    <row r="142865" spans="14:14">
      <c r="N142865" s="10"/>
    </row>
    <row r="142866" spans="14:14">
      <c r="N142866" s="10"/>
    </row>
    <row r="142867" spans="14:14">
      <c r="N142867" s="10"/>
    </row>
    <row r="142868" spans="14:14">
      <c r="N142868" s="10"/>
    </row>
    <row r="142869" spans="14:14">
      <c r="N142869" s="10"/>
    </row>
    <row r="142870" spans="14:14">
      <c r="N142870" s="10"/>
    </row>
    <row r="142871" spans="14:14">
      <c r="N142871" s="10"/>
    </row>
    <row r="142872" spans="14:14">
      <c r="N142872" s="10"/>
    </row>
    <row r="142873" spans="14:14">
      <c r="N142873" s="10"/>
    </row>
    <row r="142874" spans="14:14">
      <c r="N142874" s="10"/>
    </row>
    <row r="142875" spans="14:14">
      <c r="N142875" s="10"/>
    </row>
    <row r="142876" spans="14:14">
      <c r="N142876" s="10"/>
    </row>
    <row r="142877" spans="14:14">
      <c r="N142877" s="10"/>
    </row>
    <row r="142878" spans="14:14">
      <c r="N142878" s="10"/>
    </row>
    <row r="142879" spans="14:14">
      <c r="N142879" s="10"/>
    </row>
    <row r="142880" spans="14:14">
      <c r="N142880" s="10"/>
    </row>
    <row r="142881" spans="14:14">
      <c r="N142881" s="10"/>
    </row>
    <row r="142882" spans="14:14">
      <c r="N142882" s="10"/>
    </row>
    <row r="142883" spans="14:14">
      <c r="N142883" s="10"/>
    </row>
    <row r="142884" spans="14:14">
      <c r="N142884" s="10"/>
    </row>
    <row r="142885" spans="14:14">
      <c r="N142885" s="10"/>
    </row>
    <row r="142886" spans="14:14">
      <c r="N142886" s="10"/>
    </row>
    <row r="142887" spans="14:14">
      <c r="N142887" s="10"/>
    </row>
    <row r="142888" spans="14:14">
      <c r="N142888" s="10"/>
    </row>
    <row r="142889" spans="14:14">
      <c r="N142889" s="10"/>
    </row>
    <row r="142890" spans="14:14">
      <c r="N142890" s="10"/>
    </row>
    <row r="142891" spans="14:14">
      <c r="N142891" s="10"/>
    </row>
    <row r="142892" spans="14:14">
      <c r="N142892" s="10"/>
    </row>
    <row r="142893" spans="14:14">
      <c r="N142893" s="10"/>
    </row>
    <row r="142894" spans="14:14">
      <c r="N142894" s="10"/>
    </row>
    <row r="142895" spans="14:14">
      <c r="N142895" s="10"/>
    </row>
    <row r="142896" spans="14:14">
      <c r="N142896" s="10"/>
    </row>
    <row r="142897" spans="14:14">
      <c r="N142897" s="10"/>
    </row>
    <row r="142898" spans="14:14">
      <c r="N142898" s="10"/>
    </row>
    <row r="142899" spans="14:14">
      <c r="N142899" s="10"/>
    </row>
    <row r="142900" spans="14:14">
      <c r="N142900" s="10"/>
    </row>
    <row r="142901" spans="14:14">
      <c r="N142901" s="10"/>
    </row>
    <row r="142902" spans="14:14">
      <c r="N142902" s="10"/>
    </row>
    <row r="142903" spans="14:14">
      <c r="N142903" s="10"/>
    </row>
    <row r="142904" spans="14:14">
      <c r="N142904" s="10"/>
    </row>
    <row r="142905" spans="14:14">
      <c r="N142905" s="10"/>
    </row>
    <row r="142906" spans="14:14">
      <c r="N142906" s="10"/>
    </row>
    <row r="142907" spans="14:14">
      <c r="N142907" s="10"/>
    </row>
    <row r="142908" spans="14:14">
      <c r="N142908" s="10"/>
    </row>
    <row r="142909" spans="14:14">
      <c r="N142909" s="10"/>
    </row>
    <row r="142910" spans="14:14">
      <c r="N142910" s="10"/>
    </row>
    <row r="142911" spans="14:14">
      <c r="N142911" s="10"/>
    </row>
    <row r="142912" spans="14:14">
      <c r="N142912" s="10"/>
    </row>
    <row r="142913" spans="14:14">
      <c r="N142913" s="10"/>
    </row>
    <row r="142914" spans="14:14">
      <c r="N142914" s="10"/>
    </row>
    <row r="142915" spans="14:14">
      <c r="N142915" s="10"/>
    </row>
    <row r="142916" spans="14:14">
      <c r="N142916" s="10"/>
    </row>
    <row r="142917" spans="14:14">
      <c r="N142917" s="10"/>
    </row>
    <row r="142918" spans="14:14">
      <c r="N142918" s="10"/>
    </row>
    <row r="142919" spans="14:14">
      <c r="N142919" s="10"/>
    </row>
    <row r="142920" spans="14:14">
      <c r="N142920" s="10"/>
    </row>
    <row r="142921" spans="14:14">
      <c r="N142921" s="10"/>
    </row>
    <row r="142922" spans="14:14">
      <c r="N142922" s="10"/>
    </row>
    <row r="142923" spans="14:14">
      <c r="N142923" s="10"/>
    </row>
    <row r="142924" spans="14:14">
      <c r="N142924" s="10"/>
    </row>
    <row r="142925" spans="14:14">
      <c r="N142925" s="10"/>
    </row>
    <row r="142926" spans="14:14">
      <c r="N142926" s="10"/>
    </row>
    <row r="142927" spans="14:14">
      <c r="N142927" s="10"/>
    </row>
    <row r="142928" spans="14:14">
      <c r="N142928" s="10"/>
    </row>
    <row r="142929" spans="14:14">
      <c r="N142929" s="10"/>
    </row>
    <row r="142930" spans="14:14">
      <c r="N142930" s="10"/>
    </row>
    <row r="142931" spans="14:14">
      <c r="N142931" s="10"/>
    </row>
    <row r="142932" spans="14:14">
      <c r="N142932" s="10"/>
    </row>
    <row r="142933" spans="14:14">
      <c r="N142933" s="10"/>
    </row>
    <row r="142934" spans="14:14">
      <c r="N142934" s="10"/>
    </row>
    <row r="142935" spans="14:14">
      <c r="N142935" s="10"/>
    </row>
    <row r="142936" spans="14:14">
      <c r="N142936" s="10"/>
    </row>
    <row r="142937" spans="14:14">
      <c r="N142937" s="10"/>
    </row>
    <row r="142938" spans="14:14">
      <c r="N142938" s="10"/>
    </row>
    <row r="142939" spans="14:14">
      <c r="N142939" s="10"/>
    </row>
    <row r="142940" spans="14:14">
      <c r="N142940" s="10"/>
    </row>
    <row r="142941" spans="14:14">
      <c r="N142941" s="10"/>
    </row>
    <row r="142942" spans="14:14">
      <c r="N142942" s="10"/>
    </row>
    <row r="142943" spans="14:14">
      <c r="N142943" s="10"/>
    </row>
    <row r="142944" spans="14:14">
      <c r="N142944" s="10"/>
    </row>
    <row r="142945" spans="14:14">
      <c r="N142945" s="10"/>
    </row>
    <row r="142946" spans="14:14">
      <c r="N142946" s="10"/>
    </row>
    <row r="142947" spans="14:14">
      <c r="N142947" s="10"/>
    </row>
    <row r="142948" spans="14:14">
      <c r="N142948" s="10"/>
    </row>
    <row r="142949" spans="14:14">
      <c r="N142949" s="10"/>
    </row>
    <row r="142950" spans="14:14">
      <c r="N142950" s="10"/>
    </row>
    <row r="142951" spans="14:14">
      <c r="N142951" s="10"/>
    </row>
    <row r="142952" spans="14:14">
      <c r="N142952" s="10"/>
    </row>
    <row r="142953" spans="14:14">
      <c r="N142953" s="10"/>
    </row>
    <row r="142954" spans="14:14">
      <c r="N142954" s="10"/>
    </row>
    <row r="142955" spans="14:14">
      <c r="N142955" s="10"/>
    </row>
    <row r="142956" spans="14:14">
      <c r="N142956" s="10"/>
    </row>
    <row r="142957" spans="14:14">
      <c r="N142957" s="10"/>
    </row>
    <row r="142958" spans="14:14">
      <c r="N142958" s="10"/>
    </row>
    <row r="142959" spans="14:14">
      <c r="N142959" s="10"/>
    </row>
    <row r="142960" spans="14:14">
      <c r="N142960" s="10"/>
    </row>
    <row r="142961" spans="14:14">
      <c r="N142961" s="10"/>
    </row>
    <row r="142962" spans="14:14">
      <c r="N142962" s="10"/>
    </row>
    <row r="142963" spans="14:14">
      <c r="N142963" s="10"/>
    </row>
    <row r="142964" spans="14:14">
      <c r="N142964" s="10"/>
    </row>
    <row r="142965" spans="14:14">
      <c r="N142965" s="10"/>
    </row>
    <row r="142966" spans="14:14">
      <c r="N142966" s="10"/>
    </row>
    <row r="142967" spans="14:14">
      <c r="N142967" s="10"/>
    </row>
    <row r="142968" spans="14:14">
      <c r="N142968" s="10"/>
    </row>
    <row r="142969" spans="14:14">
      <c r="N142969" s="10"/>
    </row>
    <row r="142970" spans="14:14">
      <c r="N142970" s="10"/>
    </row>
    <row r="142971" spans="14:14">
      <c r="N142971" s="10"/>
    </row>
    <row r="142972" spans="14:14">
      <c r="N142972" s="10"/>
    </row>
    <row r="142973" spans="14:14">
      <c r="N142973" s="10"/>
    </row>
    <row r="142974" spans="14:14">
      <c r="N142974" s="10"/>
    </row>
    <row r="142975" spans="14:14">
      <c r="N142975" s="10"/>
    </row>
    <row r="142976" spans="14:14">
      <c r="N142976" s="10"/>
    </row>
    <row r="142977" spans="14:14">
      <c r="N142977" s="10"/>
    </row>
    <row r="142978" spans="14:14">
      <c r="N142978" s="10"/>
    </row>
    <row r="142979" spans="14:14">
      <c r="N142979" s="10"/>
    </row>
    <row r="142980" spans="14:14">
      <c r="N142980" s="10"/>
    </row>
    <row r="142981" spans="14:14">
      <c r="N142981" s="10"/>
    </row>
    <row r="142982" spans="14:14">
      <c r="N142982" s="10"/>
    </row>
    <row r="142983" spans="14:14">
      <c r="N142983" s="10"/>
    </row>
    <row r="142984" spans="14:14">
      <c r="N142984" s="10"/>
    </row>
    <row r="142985" spans="14:14">
      <c r="N142985" s="10"/>
    </row>
    <row r="142986" spans="14:14">
      <c r="N142986" s="10"/>
    </row>
    <row r="142987" spans="14:14">
      <c r="N142987" s="10"/>
    </row>
    <row r="142988" spans="14:14">
      <c r="N142988" s="10"/>
    </row>
    <row r="142989" spans="14:14">
      <c r="N142989" s="10"/>
    </row>
    <row r="142990" spans="14:14">
      <c r="N142990" s="10"/>
    </row>
    <row r="142991" spans="14:14">
      <c r="N142991" s="10"/>
    </row>
    <row r="142992" spans="14:14">
      <c r="N142992" s="10"/>
    </row>
    <row r="142993" spans="14:14">
      <c r="N142993" s="10"/>
    </row>
    <row r="142994" spans="14:14">
      <c r="N142994" s="10"/>
    </row>
    <row r="142995" spans="14:14">
      <c r="N142995" s="10"/>
    </row>
    <row r="142996" spans="14:14">
      <c r="N142996" s="10"/>
    </row>
    <row r="142997" spans="14:14">
      <c r="N142997" s="10"/>
    </row>
    <row r="142998" spans="14:14">
      <c r="N142998" s="10"/>
    </row>
    <row r="142999" spans="14:14">
      <c r="N142999" s="10"/>
    </row>
    <row r="143000" spans="14:14">
      <c r="N143000" s="10"/>
    </row>
    <row r="143001" spans="14:14">
      <c r="N143001" s="10"/>
    </row>
    <row r="143002" spans="14:14">
      <c r="N143002" s="10"/>
    </row>
    <row r="143003" spans="14:14">
      <c r="N143003" s="10"/>
    </row>
    <row r="143004" spans="14:14">
      <c r="N143004" s="10"/>
    </row>
    <row r="143005" spans="14:14">
      <c r="N143005" s="10"/>
    </row>
    <row r="143006" spans="14:14">
      <c r="N143006" s="10"/>
    </row>
    <row r="143007" spans="14:14">
      <c r="N143007" s="10"/>
    </row>
    <row r="143008" spans="14:14">
      <c r="N143008" s="10"/>
    </row>
    <row r="143009" spans="14:14">
      <c r="N143009" s="10"/>
    </row>
    <row r="143010" spans="14:14">
      <c r="N143010" s="10"/>
    </row>
    <row r="143011" spans="14:14">
      <c r="N143011" s="10"/>
    </row>
    <row r="143012" spans="14:14">
      <c r="N143012" s="10"/>
    </row>
    <row r="143013" spans="14:14">
      <c r="N143013" s="10"/>
    </row>
    <row r="143014" spans="14:14">
      <c r="N143014" s="10"/>
    </row>
    <row r="143015" spans="14:14">
      <c r="N143015" s="10"/>
    </row>
    <row r="143016" spans="14:14">
      <c r="N143016" s="10"/>
    </row>
    <row r="143017" spans="14:14">
      <c r="N143017" s="10"/>
    </row>
    <row r="143018" spans="14:14">
      <c r="N143018" s="10"/>
    </row>
    <row r="143019" spans="14:14">
      <c r="N143019" s="10"/>
    </row>
    <row r="143020" spans="14:14">
      <c r="N143020" s="10"/>
    </row>
    <row r="143021" spans="14:14">
      <c r="N143021" s="10"/>
    </row>
    <row r="143022" spans="14:14">
      <c r="N143022" s="10"/>
    </row>
    <row r="143023" spans="14:14">
      <c r="N143023" s="10"/>
    </row>
    <row r="143024" spans="14:14">
      <c r="N143024" s="10"/>
    </row>
    <row r="143025" spans="14:14">
      <c r="N143025" s="10"/>
    </row>
    <row r="143026" spans="14:14">
      <c r="N143026" s="10"/>
    </row>
    <row r="143027" spans="14:14">
      <c r="N143027" s="10"/>
    </row>
    <row r="143028" spans="14:14">
      <c r="N143028" s="10"/>
    </row>
    <row r="143029" spans="14:14">
      <c r="N143029" s="10"/>
    </row>
    <row r="143030" spans="14:14">
      <c r="N143030" s="10"/>
    </row>
    <row r="143031" spans="14:14">
      <c r="N143031" s="10"/>
    </row>
    <row r="143032" spans="14:14">
      <c r="N143032" s="10"/>
    </row>
    <row r="143033" spans="14:14">
      <c r="N143033" s="10"/>
    </row>
    <row r="143034" spans="14:14">
      <c r="N143034" s="10"/>
    </row>
    <row r="143035" spans="14:14">
      <c r="N143035" s="10"/>
    </row>
    <row r="143036" spans="14:14">
      <c r="N143036" s="10"/>
    </row>
    <row r="143037" spans="14:14">
      <c r="N143037" s="10"/>
    </row>
    <row r="143038" spans="14:14">
      <c r="N143038" s="10"/>
    </row>
    <row r="143039" spans="14:14">
      <c r="N143039" s="10"/>
    </row>
    <row r="143040" spans="14:14">
      <c r="N143040" s="10"/>
    </row>
    <row r="143041" spans="14:14">
      <c r="N143041" s="10"/>
    </row>
    <row r="143042" spans="14:14">
      <c r="N143042" s="10"/>
    </row>
    <row r="143043" spans="14:14">
      <c r="N143043" s="10"/>
    </row>
    <row r="143044" spans="14:14">
      <c r="N143044" s="10"/>
    </row>
    <row r="143045" spans="14:14">
      <c r="N143045" s="10"/>
    </row>
    <row r="143046" spans="14:14">
      <c r="N143046" s="10"/>
    </row>
    <row r="143047" spans="14:14">
      <c r="N143047" s="10"/>
    </row>
    <row r="143048" spans="14:14">
      <c r="N143048" s="10"/>
    </row>
    <row r="143049" spans="14:14">
      <c r="N143049" s="10"/>
    </row>
    <row r="143050" spans="14:14">
      <c r="N143050" s="10"/>
    </row>
    <row r="143051" spans="14:14">
      <c r="N143051" s="10"/>
    </row>
    <row r="143052" spans="14:14">
      <c r="N143052" s="10"/>
    </row>
    <row r="143053" spans="14:14">
      <c r="N143053" s="10"/>
    </row>
    <row r="143054" spans="14:14">
      <c r="N143054" s="10"/>
    </row>
    <row r="143055" spans="14:14">
      <c r="N143055" s="10"/>
    </row>
    <row r="143056" spans="14:14">
      <c r="N143056" s="10"/>
    </row>
    <row r="143057" spans="14:14">
      <c r="N143057" s="10"/>
    </row>
    <row r="143058" spans="14:14">
      <c r="N143058" s="10"/>
    </row>
    <row r="143059" spans="14:14">
      <c r="N143059" s="10"/>
    </row>
    <row r="143060" spans="14:14">
      <c r="N143060" s="10"/>
    </row>
    <row r="143061" spans="14:14">
      <c r="N143061" s="10"/>
    </row>
    <row r="143062" spans="14:14">
      <c r="N143062" s="10"/>
    </row>
    <row r="143063" spans="14:14">
      <c r="N143063" s="10"/>
    </row>
    <row r="143064" spans="14:14">
      <c r="N143064" s="10"/>
    </row>
    <row r="143065" spans="14:14">
      <c r="N143065" s="10"/>
    </row>
    <row r="143066" spans="14:14">
      <c r="N143066" s="10"/>
    </row>
    <row r="143067" spans="14:14">
      <c r="N143067" s="10"/>
    </row>
    <row r="143068" spans="14:14">
      <c r="N143068" s="10"/>
    </row>
    <row r="143069" spans="14:14">
      <c r="N143069" s="10"/>
    </row>
    <row r="143070" spans="14:14">
      <c r="N143070" s="10"/>
    </row>
    <row r="143071" spans="14:14">
      <c r="N143071" s="10"/>
    </row>
    <row r="143072" spans="14:14">
      <c r="N143072" s="10"/>
    </row>
    <row r="143073" spans="14:14">
      <c r="N143073" s="10"/>
    </row>
    <row r="143074" spans="14:14">
      <c r="N143074" s="10"/>
    </row>
    <row r="143075" spans="14:14">
      <c r="N143075" s="10"/>
    </row>
    <row r="143076" spans="14:14">
      <c r="N143076" s="10"/>
    </row>
    <row r="143077" spans="14:14">
      <c r="N143077" s="10"/>
    </row>
    <row r="143078" spans="14:14">
      <c r="N143078" s="10"/>
    </row>
    <row r="143079" spans="14:14">
      <c r="N143079" s="10"/>
    </row>
    <row r="143080" spans="14:14">
      <c r="N143080" s="10"/>
    </row>
    <row r="143081" spans="14:14">
      <c r="N143081" s="10"/>
    </row>
    <row r="143082" spans="14:14">
      <c r="N143082" s="10"/>
    </row>
    <row r="143083" spans="14:14">
      <c r="N143083" s="10"/>
    </row>
    <row r="143084" spans="14:14">
      <c r="N143084" s="10"/>
    </row>
    <row r="143085" spans="14:14">
      <c r="N143085" s="10"/>
    </row>
    <row r="143086" spans="14:14">
      <c r="N143086" s="10"/>
    </row>
    <row r="143087" spans="14:14">
      <c r="N143087" s="10"/>
    </row>
    <row r="143088" spans="14:14">
      <c r="N143088" s="10"/>
    </row>
    <row r="143089" spans="14:14">
      <c r="N143089" s="10"/>
    </row>
    <row r="143090" spans="14:14">
      <c r="N143090" s="10"/>
    </row>
    <row r="143091" spans="14:14">
      <c r="N143091" s="10"/>
    </row>
    <row r="143092" spans="14:14">
      <c r="N143092" s="10"/>
    </row>
    <row r="143093" spans="14:14">
      <c r="N143093" s="10"/>
    </row>
    <row r="143094" spans="14:14">
      <c r="N143094" s="10"/>
    </row>
    <row r="143095" spans="14:14">
      <c r="N143095" s="10"/>
    </row>
    <row r="143096" spans="14:14">
      <c r="N143096" s="10"/>
    </row>
    <row r="143097" spans="14:14">
      <c r="N143097" s="10"/>
    </row>
    <row r="143098" spans="14:14">
      <c r="N143098" s="10"/>
    </row>
    <row r="143099" spans="14:14">
      <c r="N143099" s="10"/>
    </row>
    <row r="143100" spans="14:14">
      <c r="N143100" s="10"/>
    </row>
    <row r="143101" spans="14:14">
      <c r="N143101" s="10"/>
    </row>
    <row r="143102" spans="14:14">
      <c r="N143102" s="10"/>
    </row>
    <row r="143103" spans="14:14">
      <c r="N143103" s="10"/>
    </row>
    <row r="143104" spans="14:14">
      <c r="N143104" s="10"/>
    </row>
    <row r="143105" spans="14:14">
      <c r="N143105" s="10"/>
    </row>
    <row r="143106" spans="14:14">
      <c r="N143106" s="10"/>
    </row>
    <row r="143107" spans="14:14">
      <c r="N143107" s="10"/>
    </row>
    <row r="143108" spans="14:14">
      <c r="N143108" s="10"/>
    </row>
    <row r="143109" spans="14:14">
      <c r="N143109" s="10"/>
    </row>
    <row r="143110" spans="14:14">
      <c r="N143110" s="10"/>
    </row>
    <row r="143111" spans="14:14">
      <c r="N143111" s="10"/>
    </row>
    <row r="143112" spans="14:14">
      <c r="N143112" s="10"/>
    </row>
    <row r="143113" spans="14:14">
      <c r="N143113" s="10"/>
    </row>
    <row r="143114" spans="14:14">
      <c r="N143114" s="10"/>
    </row>
    <row r="143115" spans="14:14">
      <c r="N143115" s="10"/>
    </row>
    <row r="143116" spans="14:14">
      <c r="N143116" s="10"/>
    </row>
    <row r="143117" spans="14:14">
      <c r="N143117" s="10"/>
    </row>
    <row r="143118" spans="14:14">
      <c r="N143118" s="10"/>
    </row>
    <row r="143119" spans="14:14">
      <c r="N143119" s="10"/>
    </row>
    <row r="143120" spans="14:14">
      <c r="N143120" s="10"/>
    </row>
    <row r="143121" spans="14:14">
      <c r="N143121" s="10"/>
    </row>
    <row r="143122" spans="14:14">
      <c r="N143122" s="10"/>
    </row>
    <row r="143123" spans="14:14">
      <c r="N143123" s="10"/>
    </row>
    <row r="143124" spans="14:14">
      <c r="N143124" s="10"/>
    </row>
    <row r="143125" spans="14:14">
      <c r="N143125" s="10"/>
    </row>
    <row r="143126" spans="14:14">
      <c r="N143126" s="10"/>
    </row>
    <row r="143127" spans="14:14">
      <c r="N143127" s="10"/>
    </row>
    <row r="143128" spans="14:14">
      <c r="N143128" s="10"/>
    </row>
    <row r="143129" spans="14:14">
      <c r="N143129" s="10"/>
    </row>
    <row r="143130" spans="14:14">
      <c r="N143130" s="10"/>
    </row>
    <row r="143131" spans="14:14">
      <c r="N143131" s="10"/>
    </row>
    <row r="143132" spans="14:14">
      <c r="N143132" s="10"/>
    </row>
    <row r="143133" spans="14:14">
      <c r="N143133" s="10"/>
    </row>
    <row r="143134" spans="14:14">
      <c r="N143134" s="10"/>
    </row>
    <row r="143135" spans="14:14">
      <c r="N143135" s="10"/>
    </row>
    <row r="143136" spans="14:14">
      <c r="N143136" s="10"/>
    </row>
    <row r="143137" spans="14:14">
      <c r="N143137" s="10"/>
    </row>
    <row r="143138" spans="14:14">
      <c r="N143138" s="10"/>
    </row>
    <row r="143139" spans="14:14">
      <c r="N143139" s="10"/>
    </row>
    <row r="143140" spans="14:14">
      <c r="N143140" s="10"/>
    </row>
    <row r="143141" spans="14:14">
      <c r="N143141" s="10"/>
    </row>
    <row r="143142" spans="14:14">
      <c r="N143142" s="10"/>
    </row>
    <row r="143143" spans="14:14">
      <c r="N143143" s="10"/>
    </row>
    <row r="143144" spans="14:14">
      <c r="N143144" s="10"/>
    </row>
    <row r="143145" spans="14:14">
      <c r="N143145" s="10"/>
    </row>
    <row r="143146" spans="14:14">
      <c r="N143146" s="10"/>
    </row>
    <row r="143147" spans="14:14">
      <c r="N143147" s="10"/>
    </row>
    <row r="143148" spans="14:14">
      <c r="N143148" s="10"/>
    </row>
    <row r="143149" spans="14:14">
      <c r="N143149" s="10"/>
    </row>
    <row r="143150" spans="14:14">
      <c r="N143150" s="10"/>
    </row>
    <row r="143151" spans="14:14">
      <c r="N143151" s="10"/>
    </row>
    <row r="143152" spans="14:14">
      <c r="N143152" s="10"/>
    </row>
    <row r="143153" spans="14:14">
      <c r="N143153" s="10"/>
    </row>
    <row r="143154" spans="14:14">
      <c r="N143154" s="10"/>
    </row>
    <row r="143155" spans="14:14">
      <c r="N143155" s="10"/>
    </row>
    <row r="143156" spans="14:14">
      <c r="N143156" s="10"/>
    </row>
    <row r="143157" spans="14:14">
      <c r="N143157" s="10"/>
    </row>
    <row r="143158" spans="14:14">
      <c r="N143158" s="10"/>
    </row>
    <row r="143159" spans="14:14">
      <c r="N143159" s="10"/>
    </row>
    <row r="143160" spans="14:14">
      <c r="N143160" s="10"/>
    </row>
    <row r="143161" spans="14:14">
      <c r="N143161" s="10"/>
    </row>
    <row r="143162" spans="14:14">
      <c r="N143162" s="10"/>
    </row>
    <row r="143163" spans="14:14">
      <c r="N143163" s="10"/>
    </row>
    <row r="143164" spans="14:14">
      <c r="N143164" s="10"/>
    </row>
    <row r="143165" spans="14:14">
      <c r="N143165" s="10"/>
    </row>
    <row r="143166" spans="14:14">
      <c r="N143166" s="10"/>
    </row>
    <row r="143167" spans="14:14">
      <c r="N143167" s="10"/>
    </row>
    <row r="143168" spans="14:14">
      <c r="N143168" s="10"/>
    </row>
    <row r="143169" spans="14:14">
      <c r="N143169" s="10"/>
    </row>
    <row r="143170" spans="14:14">
      <c r="N143170" s="10"/>
    </row>
    <row r="143171" spans="14:14">
      <c r="N143171" s="10"/>
    </row>
    <row r="143172" spans="14:14">
      <c r="N143172" s="10"/>
    </row>
    <row r="143173" spans="14:14">
      <c r="N143173" s="10"/>
    </row>
    <row r="143174" spans="14:14">
      <c r="N143174" s="10"/>
    </row>
    <row r="143175" spans="14:14">
      <c r="N143175" s="10"/>
    </row>
    <row r="143176" spans="14:14">
      <c r="N143176" s="10"/>
    </row>
    <row r="143177" spans="14:14">
      <c r="N143177" s="10"/>
    </row>
    <row r="143178" spans="14:14">
      <c r="N143178" s="10"/>
    </row>
    <row r="143179" spans="14:14">
      <c r="N143179" s="10"/>
    </row>
    <row r="143180" spans="14:14">
      <c r="N143180" s="10"/>
    </row>
    <row r="143181" spans="14:14">
      <c r="N143181" s="10"/>
    </row>
    <row r="143182" spans="14:14">
      <c r="N143182" s="10"/>
    </row>
    <row r="143183" spans="14:14">
      <c r="N143183" s="10"/>
    </row>
    <row r="143184" spans="14:14">
      <c r="N143184" s="10"/>
    </row>
    <row r="143185" spans="14:14">
      <c r="N143185" s="10"/>
    </row>
    <row r="143186" spans="14:14">
      <c r="N143186" s="10"/>
    </row>
    <row r="143187" spans="14:14">
      <c r="N143187" s="10"/>
    </row>
    <row r="143188" spans="14:14">
      <c r="N143188" s="10"/>
    </row>
    <row r="143189" spans="14:14">
      <c r="N143189" s="10"/>
    </row>
    <row r="143190" spans="14:14">
      <c r="N143190" s="10"/>
    </row>
    <row r="143191" spans="14:14">
      <c r="N143191" s="10"/>
    </row>
    <row r="143192" spans="14:14">
      <c r="N143192" s="10"/>
    </row>
    <row r="143193" spans="14:14">
      <c r="N143193" s="10"/>
    </row>
    <row r="143194" spans="14:14">
      <c r="N143194" s="10"/>
    </row>
    <row r="143195" spans="14:14">
      <c r="N143195" s="10"/>
    </row>
    <row r="143196" spans="14:14">
      <c r="N143196" s="10"/>
    </row>
    <row r="143197" spans="14:14">
      <c r="N143197" s="10"/>
    </row>
    <row r="143198" spans="14:14">
      <c r="N143198" s="10"/>
    </row>
    <row r="143199" spans="14:14">
      <c r="N143199" s="10"/>
    </row>
    <row r="143200" spans="14:14">
      <c r="N143200" s="10"/>
    </row>
    <row r="143201" spans="14:14">
      <c r="N143201" s="10"/>
    </row>
    <row r="143202" spans="14:14">
      <c r="N143202" s="10"/>
    </row>
    <row r="143203" spans="14:14">
      <c r="N143203" s="10"/>
    </row>
    <row r="143204" spans="14:14">
      <c r="N143204" s="10"/>
    </row>
    <row r="143205" spans="14:14">
      <c r="N143205" s="10"/>
    </row>
    <row r="143206" spans="14:14">
      <c r="N143206" s="10"/>
    </row>
    <row r="143207" spans="14:14">
      <c r="N143207" s="10"/>
    </row>
    <row r="143208" spans="14:14">
      <c r="N143208" s="10"/>
    </row>
    <row r="143209" spans="14:14">
      <c r="N143209" s="10"/>
    </row>
    <row r="143210" spans="14:14">
      <c r="N143210" s="10"/>
    </row>
    <row r="143211" spans="14:14">
      <c r="N143211" s="10"/>
    </row>
    <row r="143212" spans="14:14">
      <c r="N143212" s="10"/>
    </row>
    <row r="143213" spans="14:14">
      <c r="N143213" s="10"/>
    </row>
    <row r="143214" spans="14:14">
      <c r="N143214" s="10"/>
    </row>
    <row r="143215" spans="14:14">
      <c r="N143215" s="10"/>
    </row>
    <row r="143216" spans="14:14">
      <c r="N143216" s="10"/>
    </row>
    <row r="143217" spans="14:14">
      <c r="N143217" s="10"/>
    </row>
    <row r="143218" spans="14:14">
      <c r="N143218" s="10"/>
    </row>
    <row r="143219" spans="14:14">
      <c r="N143219" s="10"/>
    </row>
    <row r="143220" spans="14:14">
      <c r="N143220" s="10"/>
    </row>
    <row r="143221" spans="14:14">
      <c r="N143221" s="10"/>
    </row>
    <row r="143222" spans="14:14">
      <c r="N143222" s="10"/>
    </row>
    <row r="143223" spans="14:14">
      <c r="N143223" s="10"/>
    </row>
    <row r="143224" spans="14:14">
      <c r="N143224" s="10"/>
    </row>
    <row r="143225" spans="14:14">
      <c r="N143225" s="10"/>
    </row>
    <row r="143226" spans="14:14">
      <c r="N143226" s="10"/>
    </row>
    <row r="143227" spans="14:14">
      <c r="N143227" s="10"/>
    </row>
    <row r="143228" spans="14:14">
      <c r="N143228" s="10"/>
    </row>
    <row r="143229" spans="14:14">
      <c r="N143229" s="10"/>
    </row>
    <row r="143230" spans="14:14">
      <c r="N143230" s="10"/>
    </row>
    <row r="143231" spans="14:14">
      <c r="N143231" s="10"/>
    </row>
    <row r="143232" spans="14:14">
      <c r="N143232" s="10"/>
    </row>
    <row r="143233" spans="14:14">
      <c r="N143233" s="10"/>
    </row>
    <row r="143234" spans="14:14">
      <c r="N143234" s="10"/>
    </row>
    <row r="143235" spans="14:14">
      <c r="N143235" s="10"/>
    </row>
    <row r="143236" spans="14:14">
      <c r="N143236" s="10"/>
    </row>
    <row r="143237" spans="14:14">
      <c r="N143237" s="10"/>
    </row>
    <row r="143238" spans="14:14">
      <c r="N143238" s="10"/>
    </row>
    <row r="143239" spans="14:14">
      <c r="N143239" s="10"/>
    </row>
    <row r="143240" spans="14:14">
      <c r="N143240" s="10"/>
    </row>
    <row r="143241" spans="14:14">
      <c r="N143241" s="10"/>
    </row>
    <row r="143242" spans="14:14">
      <c r="N143242" s="10"/>
    </row>
    <row r="143243" spans="14:14">
      <c r="N143243" s="10"/>
    </row>
    <row r="143244" spans="14:14">
      <c r="N143244" s="10"/>
    </row>
    <row r="143245" spans="14:14">
      <c r="N143245" s="10"/>
    </row>
    <row r="143246" spans="14:14">
      <c r="N143246" s="10"/>
    </row>
    <row r="143247" spans="14:14">
      <c r="N143247" s="10"/>
    </row>
    <row r="143248" spans="14:14">
      <c r="N143248" s="10"/>
    </row>
    <row r="143249" spans="14:14">
      <c r="N143249" s="10"/>
    </row>
    <row r="143250" spans="14:14">
      <c r="N143250" s="10"/>
    </row>
    <row r="143251" spans="14:14">
      <c r="N143251" s="10"/>
    </row>
    <row r="143252" spans="14:14">
      <c r="N143252" s="10"/>
    </row>
    <row r="143253" spans="14:14">
      <c r="N143253" s="10"/>
    </row>
    <row r="143254" spans="14:14">
      <c r="N143254" s="10"/>
    </row>
    <row r="143255" spans="14:14">
      <c r="N143255" s="10"/>
    </row>
    <row r="143256" spans="14:14">
      <c r="N143256" s="10"/>
    </row>
    <row r="143257" spans="14:14">
      <c r="N143257" s="10"/>
    </row>
    <row r="143258" spans="14:14">
      <c r="N143258" s="10"/>
    </row>
    <row r="143259" spans="14:14">
      <c r="N143259" s="10"/>
    </row>
    <row r="143260" spans="14:14">
      <c r="N143260" s="10"/>
    </row>
    <row r="143261" spans="14:14">
      <c r="N143261" s="10"/>
    </row>
    <row r="143262" spans="14:14">
      <c r="N143262" s="10"/>
    </row>
    <row r="143263" spans="14:14">
      <c r="N143263" s="10"/>
    </row>
    <row r="143264" spans="14:14">
      <c r="N143264" s="10"/>
    </row>
    <row r="143265" spans="14:14">
      <c r="N143265" s="10"/>
    </row>
    <row r="143266" spans="14:14">
      <c r="N143266" s="10"/>
    </row>
    <row r="143267" spans="14:14">
      <c r="N143267" s="10"/>
    </row>
    <row r="143268" spans="14:14">
      <c r="N143268" s="10"/>
    </row>
    <row r="143269" spans="14:14">
      <c r="N143269" s="10"/>
    </row>
    <row r="143270" spans="14:14">
      <c r="N143270" s="10"/>
    </row>
    <row r="143271" spans="14:14">
      <c r="N143271" s="10"/>
    </row>
    <row r="143272" spans="14:14">
      <c r="N143272" s="10"/>
    </row>
    <row r="143273" spans="14:14">
      <c r="N143273" s="10"/>
    </row>
    <row r="143274" spans="14:14">
      <c r="N143274" s="10"/>
    </row>
    <row r="143275" spans="14:14">
      <c r="N143275" s="10"/>
    </row>
    <row r="143276" spans="14:14">
      <c r="N143276" s="10"/>
    </row>
    <row r="143277" spans="14:14">
      <c r="N143277" s="10"/>
    </row>
    <row r="143278" spans="14:14">
      <c r="N143278" s="10"/>
    </row>
    <row r="143279" spans="14:14">
      <c r="N143279" s="10"/>
    </row>
    <row r="143280" spans="14:14">
      <c r="N143280" s="10"/>
    </row>
    <row r="143281" spans="14:14">
      <c r="N143281" s="10"/>
    </row>
    <row r="143282" spans="14:14">
      <c r="N143282" s="10"/>
    </row>
    <row r="143283" spans="14:14">
      <c r="N143283" s="10"/>
    </row>
    <row r="143284" spans="14:14">
      <c r="N143284" s="10"/>
    </row>
    <row r="143285" spans="14:14">
      <c r="N143285" s="10"/>
    </row>
    <row r="143286" spans="14:14">
      <c r="N143286" s="10"/>
    </row>
    <row r="143287" spans="14:14">
      <c r="N143287" s="10"/>
    </row>
    <row r="143288" spans="14:14">
      <c r="N143288" s="10"/>
    </row>
    <row r="143289" spans="14:14">
      <c r="N143289" s="10"/>
    </row>
    <row r="143290" spans="14:14">
      <c r="N143290" s="10"/>
    </row>
    <row r="143291" spans="14:14">
      <c r="N143291" s="10"/>
    </row>
    <row r="143292" spans="14:14">
      <c r="N143292" s="10"/>
    </row>
    <row r="143293" spans="14:14">
      <c r="N143293" s="10"/>
    </row>
    <row r="143294" spans="14:14">
      <c r="N143294" s="10"/>
    </row>
    <row r="143295" spans="14:14">
      <c r="N143295" s="10"/>
    </row>
    <row r="143296" spans="14:14">
      <c r="N143296" s="10"/>
    </row>
    <row r="143297" spans="14:14">
      <c r="N143297" s="10"/>
    </row>
    <row r="143298" spans="14:14">
      <c r="N143298" s="10"/>
    </row>
    <row r="143299" spans="14:14">
      <c r="N143299" s="10"/>
    </row>
    <row r="143300" spans="14:14">
      <c r="N143300" s="10"/>
    </row>
    <row r="143301" spans="14:14">
      <c r="N143301" s="10"/>
    </row>
    <row r="143302" spans="14:14">
      <c r="N143302" s="10"/>
    </row>
    <row r="143303" spans="14:14">
      <c r="N143303" s="10"/>
    </row>
    <row r="143304" spans="14:14">
      <c r="N143304" s="10"/>
    </row>
    <row r="143305" spans="14:14">
      <c r="N143305" s="10"/>
    </row>
    <row r="143306" spans="14:14">
      <c r="N143306" s="10"/>
    </row>
    <row r="143307" spans="14:14">
      <c r="N143307" s="10"/>
    </row>
    <row r="143308" spans="14:14">
      <c r="N143308" s="10"/>
    </row>
    <row r="143309" spans="14:14">
      <c r="N143309" s="10"/>
    </row>
    <row r="143310" spans="14:14">
      <c r="N143310" s="10"/>
    </row>
    <row r="143311" spans="14:14">
      <c r="N143311" s="10"/>
    </row>
    <row r="143312" spans="14:14">
      <c r="N143312" s="10"/>
    </row>
    <row r="143313" spans="14:14">
      <c r="N143313" s="10"/>
    </row>
    <row r="143314" spans="14:14">
      <c r="N143314" s="10"/>
    </row>
    <row r="143315" spans="14:14">
      <c r="N143315" s="10"/>
    </row>
    <row r="143316" spans="14:14">
      <c r="N143316" s="10"/>
    </row>
    <row r="143317" spans="14:14">
      <c r="N143317" s="10"/>
    </row>
    <row r="143318" spans="14:14">
      <c r="N143318" s="10"/>
    </row>
    <row r="143319" spans="14:14">
      <c r="N143319" s="10"/>
    </row>
    <row r="143320" spans="14:14">
      <c r="N143320" s="10"/>
    </row>
    <row r="143321" spans="14:14">
      <c r="N143321" s="10"/>
    </row>
    <row r="143322" spans="14:14">
      <c r="N143322" s="10"/>
    </row>
    <row r="143323" spans="14:14">
      <c r="N143323" s="10"/>
    </row>
    <row r="143324" spans="14:14">
      <c r="N143324" s="10"/>
    </row>
    <row r="143325" spans="14:14">
      <c r="N143325" s="10"/>
    </row>
    <row r="143326" spans="14:14">
      <c r="N143326" s="10"/>
    </row>
    <row r="143327" spans="14:14">
      <c r="N143327" s="10"/>
    </row>
    <row r="143328" spans="14:14">
      <c r="N143328" s="10"/>
    </row>
    <row r="143329" spans="14:14">
      <c r="N143329" s="10"/>
    </row>
    <row r="143330" spans="14:14">
      <c r="N143330" s="10"/>
    </row>
    <row r="143331" spans="14:14">
      <c r="N143331" s="10"/>
    </row>
    <row r="143332" spans="14:14">
      <c r="N143332" s="10"/>
    </row>
    <row r="143333" spans="14:14">
      <c r="N143333" s="10"/>
    </row>
    <row r="143334" spans="14:14">
      <c r="N143334" s="10"/>
    </row>
    <row r="143335" spans="14:14">
      <c r="N143335" s="10"/>
    </row>
    <row r="143336" spans="14:14">
      <c r="N143336" s="10"/>
    </row>
    <row r="143337" spans="14:14">
      <c r="N143337" s="10"/>
    </row>
    <row r="143338" spans="14:14">
      <c r="N143338" s="10"/>
    </row>
    <row r="143339" spans="14:14">
      <c r="N143339" s="10"/>
    </row>
    <row r="143340" spans="14:14">
      <c r="N143340" s="10"/>
    </row>
    <row r="143341" spans="14:14">
      <c r="N143341" s="10"/>
    </row>
    <row r="143342" spans="14:14">
      <c r="N143342" s="10"/>
    </row>
    <row r="143343" spans="14:14">
      <c r="N143343" s="10"/>
    </row>
    <row r="143344" spans="14:14">
      <c r="N143344" s="10"/>
    </row>
    <row r="143345" spans="14:14">
      <c r="N143345" s="10"/>
    </row>
    <row r="143346" spans="14:14">
      <c r="N143346" s="10"/>
    </row>
    <row r="143347" spans="14:14">
      <c r="N143347" s="10"/>
    </row>
    <row r="143348" spans="14:14">
      <c r="N143348" s="10"/>
    </row>
    <row r="143349" spans="14:14">
      <c r="N143349" s="10"/>
    </row>
    <row r="143350" spans="14:14">
      <c r="N143350" s="10"/>
    </row>
    <row r="143351" spans="14:14">
      <c r="N143351" s="10"/>
    </row>
    <row r="143352" spans="14:14">
      <c r="N143352" s="10"/>
    </row>
    <row r="143353" spans="14:14">
      <c r="N143353" s="10"/>
    </row>
    <row r="143354" spans="14:14">
      <c r="N143354" s="10"/>
    </row>
    <row r="143355" spans="14:14">
      <c r="N143355" s="10"/>
    </row>
    <row r="143356" spans="14:14">
      <c r="N143356" s="10"/>
    </row>
    <row r="143357" spans="14:14">
      <c r="N143357" s="10"/>
    </row>
    <row r="143358" spans="14:14">
      <c r="N143358" s="10"/>
    </row>
    <row r="143359" spans="14:14">
      <c r="N143359" s="10"/>
    </row>
    <row r="143360" spans="14:14">
      <c r="N143360" s="10"/>
    </row>
    <row r="143361" spans="14:14">
      <c r="N143361" s="10"/>
    </row>
    <row r="143362" spans="14:14">
      <c r="N143362" s="10"/>
    </row>
    <row r="143363" spans="14:14">
      <c r="N143363" s="10"/>
    </row>
    <row r="143364" spans="14:14">
      <c r="N143364" s="10"/>
    </row>
    <row r="143365" spans="14:14">
      <c r="N143365" s="10"/>
    </row>
    <row r="143366" spans="14:14">
      <c r="N143366" s="10"/>
    </row>
    <row r="143367" spans="14:14">
      <c r="N143367" s="10"/>
    </row>
    <row r="143368" spans="14:14">
      <c r="N143368" s="10"/>
    </row>
    <row r="143369" spans="14:14">
      <c r="N143369" s="10"/>
    </row>
    <row r="143370" spans="14:14">
      <c r="N143370" s="10"/>
    </row>
    <row r="143371" spans="14:14">
      <c r="N143371" s="10"/>
    </row>
    <row r="143372" spans="14:14">
      <c r="N143372" s="10"/>
    </row>
    <row r="143373" spans="14:14">
      <c r="N143373" s="10"/>
    </row>
    <row r="143374" spans="14:14">
      <c r="N143374" s="10"/>
    </row>
    <row r="143375" spans="14:14">
      <c r="N143375" s="10"/>
    </row>
    <row r="143376" spans="14:14">
      <c r="N143376" s="10"/>
    </row>
    <row r="143377" spans="14:14">
      <c r="N143377" s="10"/>
    </row>
    <row r="143378" spans="14:14">
      <c r="N143378" s="10"/>
    </row>
    <row r="143379" spans="14:14">
      <c r="N143379" s="10"/>
    </row>
    <row r="143380" spans="14:14">
      <c r="N143380" s="10"/>
    </row>
    <row r="143381" spans="14:14">
      <c r="N143381" s="10"/>
    </row>
    <row r="143382" spans="14:14">
      <c r="N143382" s="10"/>
    </row>
    <row r="143383" spans="14:14">
      <c r="N143383" s="10"/>
    </row>
    <row r="143384" spans="14:14">
      <c r="N143384" s="10"/>
    </row>
    <row r="143385" spans="14:14">
      <c r="N143385" s="10"/>
    </row>
    <row r="143386" spans="14:14">
      <c r="N143386" s="10"/>
    </row>
    <row r="143387" spans="14:14">
      <c r="N143387" s="10"/>
    </row>
    <row r="143388" spans="14:14">
      <c r="N143388" s="10"/>
    </row>
    <row r="143389" spans="14:14">
      <c r="N143389" s="10"/>
    </row>
    <row r="143390" spans="14:14">
      <c r="N143390" s="10"/>
    </row>
    <row r="143391" spans="14:14">
      <c r="N143391" s="10"/>
    </row>
    <row r="143392" spans="14:14">
      <c r="N143392" s="10"/>
    </row>
    <row r="143393" spans="14:14">
      <c r="N143393" s="10"/>
    </row>
    <row r="143394" spans="14:14">
      <c r="N143394" s="10"/>
    </row>
    <row r="143395" spans="14:14">
      <c r="N143395" s="10"/>
    </row>
    <row r="143396" spans="14:14">
      <c r="N143396" s="10"/>
    </row>
    <row r="143397" spans="14:14">
      <c r="N143397" s="10"/>
    </row>
    <row r="143398" spans="14:14">
      <c r="N143398" s="10"/>
    </row>
    <row r="143399" spans="14:14">
      <c r="N143399" s="10"/>
    </row>
    <row r="143400" spans="14:14">
      <c r="N143400" s="10"/>
    </row>
    <row r="143401" spans="14:14">
      <c r="N143401" s="10"/>
    </row>
    <row r="143402" spans="14:14">
      <c r="N143402" s="10"/>
    </row>
    <row r="143403" spans="14:14">
      <c r="N143403" s="10"/>
    </row>
    <row r="143404" spans="14:14">
      <c r="N143404" s="10"/>
    </row>
    <row r="143405" spans="14:14">
      <c r="N143405" s="10"/>
    </row>
    <row r="143406" spans="14:14">
      <c r="N143406" s="10"/>
    </row>
    <row r="143407" spans="14:14">
      <c r="N143407" s="10"/>
    </row>
    <row r="143408" spans="14:14">
      <c r="N143408" s="10"/>
    </row>
    <row r="143409" spans="14:14">
      <c r="N143409" s="10"/>
    </row>
    <row r="143410" spans="14:14">
      <c r="N143410" s="10"/>
    </row>
    <row r="143411" spans="14:14">
      <c r="N143411" s="10"/>
    </row>
    <row r="143412" spans="14:14">
      <c r="N143412" s="10"/>
    </row>
    <row r="143413" spans="14:14">
      <c r="N143413" s="10"/>
    </row>
    <row r="143414" spans="14:14">
      <c r="N143414" s="10"/>
    </row>
    <row r="143415" spans="14:14">
      <c r="N143415" s="10"/>
    </row>
    <row r="143416" spans="14:14">
      <c r="N143416" s="10"/>
    </row>
    <row r="143417" spans="14:14">
      <c r="N143417" s="10"/>
    </row>
    <row r="143418" spans="14:14">
      <c r="N143418" s="10"/>
    </row>
    <row r="143419" spans="14:14">
      <c r="N143419" s="10"/>
    </row>
    <row r="143420" spans="14:14">
      <c r="N143420" s="10"/>
    </row>
    <row r="143421" spans="14:14">
      <c r="N143421" s="10"/>
    </row>
    <row r="143422" spans="14:14">
      <c r="N143422" s="10"/>
    </row>
    <row r="143423" spans="14:14">
      <c r="N143423" s="10"/>
    </row>
    <row r="143424" spans="14:14">
      <c r="N143424" s="10"/>
    </row>
    <row r="143425" spans="14:14">
      <c r="N143425" s="10"/>
    </row>
    <row r="143426" spans="14:14">
      <c r="N143426" s="10"/>
    </row>
    <row r="143427" spans="14:14">
      <c r="N143427" s="10"/>
    </row>
    <row r="143428" spans="14:14">
      <c r="N143428" s="10"/>
    </row>
    <row r="143429" spans="14:14">
      <c r="N143429" s="10"/>
    </row>
    <row r="143430" spans="14:14">
      <c r="N143430" s="10"/>
    </row>
    <row r="143431" spans="14:14">
      <c r="N143431" s="10"/>
    </row>
    <row r="143432" spans="14:14">
      <c r="N143432" s="10"/>
    </row>
    <row r="143433" spans="14:14">
      <c r="N143433" s="10"/>
    </row>
    <row r="143434" spans="14:14">
      <c r="N143434" s="10"/>
    </row>
    <row r="143435" spans="14:14">
      <c r="N143435" s="10"/>
    </row>
    <row r="143436" spans="14:14">
      <c r="N143436" s="10"/>
    </row>
    <row r="143437" spans="14:14">
      <c r="N143437" s="10"/>
    </row>
    <row r="143438" spans="14:14">
      <c r="N143438" s="10"/>
    </row>
    <row r="143439" spans="14:14">
      <c r="N143439" s="10"/>
    </row>
    <row r="143440" spans="14:14">
      <c r="N143440" s="10"/>
    </row>
    <row r="143441" spans="14:14">
      <c r="N143441" s="10"/>
    </row>
    <row r="143442" spans="14:14">
      <c r="N143442" s="10"/>
    </row>
    <row r="143443" spans="14:14">
      <c r="N143443" s="10"/>
    </row>
    <row r="143444" spans="14:14">
      <c r="N143444" s="10"/>
    </row>
    <row r="143445" spans="14:14">
      <c r="N143445" s="10"/>
    </row>
    <row r="143446" spans="14:14">
      <c r="N143446" s="10"/>
    </row>
    <row r="143447" spans="14:14">
      <c r="N143447" s="10"/>
    </row>
    <row r="143448" spans="14:14">
      <c r="N143448" s="10"/>
    </row>
    <row r="143449" spans="14:14">
      <c r="N143449" s="10"/>
    </row>
    <row r="143450" spans="14:14">
      <c r="N143450" s="10"/>
    </row>
    <row r="143451" spans="14:14">
      <c r="N143451" s="10"/>
    </row>
    <row r="143452" spans="14:14">
      <c r="N143452" s="10"/>
    </row>
    <row r="143453" spans="14:14">
      <c r="N143453" s="10"/>
    </row>
    <row r="143454" spans="14:14">
      <c r="N143454" s="10"/>
    </row>
    <row r="143455" spans="14:14">
      <c r="N143455" s="10"/>
    </row>
    <row r="143456" spans="14:14">
      <c r="N143456" s="10"/>
    </row>
    <row r="143457" spans="14:14">
      <c r="N143457" s="10"/>
    </row>
    <row r="143458" spans="14:14">
      <c r="N143458" s="10"/>
    </row>
    <row r="143459" spans="14:14">
      <c r="N143459" s="10"/>
    </row>
    <row r="143460" spans="14:14">
      <c r="N143460" s="10"/>
    </row>
    <row r="143461" spans="14:14">
      <c r="N143461" s="10"/>
    </row>
    <row r="143462" spans="14:14">
      <c r="N143462" s="10"/>
    </row>
    <row r="143463" spans="14:14">
      <c r="N143463" s="10"/>
    </row>
    <row r="143464" spans="14:14">
      <c r="N143464" s="10"/>
    </row>
    <row r="143465" spans="14:14">
      <c r="N143465" s="10"/>
    </row>
    <row r="143466" spans="14:14">
      <c r="N143466" s="10"/>
    </row>
    <row r="143467" spans="14:14">
      <c r="N143467" s="10"/>
    </row>
    <row r="143468" spans="14:14">
      <c r="N143468" s="10"/>
    </row>
    <row r="143469" spans="14:14">
      <c r="N143469" s="10"/>
    </row>
    <row r="143470" spans="14:14">
      <c r="N143470" s="10"/>
    </row>
    <row r="143471" spans="14:14">
      <c r="N143471" s="10"/>
    </row>
    <row r="143472" spans="14:14">
      <c r="N143472" s="10"/>
    </row>
    <row r="143473" spans="14:14">
      <c r="N143473" s="10"/>
    </row>
    <row r="143474" spans="14:14">
      <c r="N143474" s="10"/>
    </row>
    <row r="143475" spans="14:14">
      <c r="N143475" s="10"/>
    </row>
    <row r="143476" spans="14:14">
      <c r="N143476" s="10"/>
    </row>
    <row r="143477" spans="14:14">
      <c r="N143477" s="10"/>
    </row>
    <row r="143478" spans="14:14">
      <c r="N143478" s="10"/>
    </row>
    <row r="143479" spans="14:14">
      <c r="N143479" s="10"/>
    </row>
    <row r="143480" spans="14:14">
      <c r="N143480" s="10"/>
    </row>
    <row r="143481" spans="14:14">
      <c r="N143481" s="10"/>
    </row>
    <row r="143482" spans="14:14">
      <c r="N143482" s="10"/>
    </row>
    <row r="143483" spans="14:14">
      <c r="N143483" s="10"/>
    </row>
    <row r="143484" spans="14:14">
      <c r="N143484" s="10"/>
    </row>
    <row r="143485" spans="14:14">
      <c r="N143485" s="10"/>
    </row>
    <row r="143486" spans="14:14">
      <c r="N143486" s="10"/>
    </row>
    <row r="143487" spans="14:14">
      <c r="N143487" s="10"/>
    </row>
    <row r="143488" spans="14:14">
      <c r="N143488" s="10"/>
    </row>
    <row r="143489" spans="14:14">
      <c r="N143489" s="10"/>
    </row>
    <row r="143490" spans="14:14">
      <c r="N143490" s="10"/>
    </row>
    <row r="143491" spans="14:14">
      <c r="N143491" s="10"/>
    </row>
    <row r="143492" spans="14:14">
      <c r="N143492" s="10"/>
    </row>
    <row r="143493" spans="14:14">
      <c r="N143493" s="10"/>
    </row>
    <row r="143494" spans="14:14">
      <c r="N143494" s="10"/>
    </row>
    <row r="143495" spans="14:14">
      <c r="N143495" s="10"/>
    </row>
    <row r="143496" spans="14:14">
      <c r="N143496" s="10"/>
    </row>
    <row r="143497" spans="14:14">
      <c r="N143497" s="10"/>
    </row>
    <row r="143498" spans="14:14">
      <c r="N143498" s="10"/>
    </row>
    <row r="143499" spans="14:14">
      <c r="N143499" s="10"/>
    </row>
    <row r="143500" spans="14:14">
      <c r="N143500" s="10"/>
    </row>
    <row r="143501" spans="14:14">
      <c r="N143501" s="10"/>
    </row>
    <row r="143502" spans="14:14">
      <c r="N143502" s="10"/>
    </row>
    <row r="143503" spans="14:14">
      <c r="N143503" s="10"/>
    </row>
    <row r="143504" spans="14:14">
      <c r="N143504" s="10"/>
    </row>
    <row r="143505" spans="14:14">
      <c r="N143505" s="10"/>
    </row>
    <row r="143506" spans="14:14">
      <c r="N143506" s="10"/>
    </row>
    <row r="143507" spans="14:14">
      <c r="N143507" s="10"/>
    </row>
    <row r="143508" spans="14:14">
      <c r="N143508" s="10"/>
    </row>
    <row r="143509" spans="14:14">
      <c r="N143509" s="10"/>
    </row>
    <row r="143510" spans="14:14">
      <c r="N143510" s="10"/>
    </row>
    <row r="143511" spans="14:14">
      <c r="N143511" s="10"/>
    </row>
    <row r="143512" spans="14:14">
      <c r="N143512" s="10"/>
    </row>
    <row r="143513" spans="14:14">
      <c r="N143513" s="10"/>
    </row>
    <row r="143514" spans="14:14">
      <c r="N143514" s="10"/>
    </row>
    <row r="143515" spans="14:14">
      <c r="N143515" s="10"/>
    </row>
    <row r="143516" spans="14:14">
      <c r="N143516" s="10"/>
    </row>
    <row r="143517" spans="14:14">
      <c r="N143517" s="10"/>
    </row>
    <row r="143518" spans="14:14">
      <c r="N143518" s="10"/>
    </row>
    <row r="143519" spans="14:14">
      <c r="N143519" s="10"/>
    </row>
    <row r="143520" spans="14:14">
      <c r="N143520" s="10"/>
    </row>
    <row r="143521" spans="14:14">
      <c r="N143521" s="10"/>
    </row>
    <row r="143522" spans="14:14">
      <c r="N143522" s="10"/>
    </row>
    <row r="143523" spans="14:14">
      <c r="N143523" s="10"/>
    </row>
    <row r="143524" spans="14:14">
      <c r="N143524" s="10"/>
    </row>
    <row r="143525" spans="14:14">
      <c r="N143525" s="10"/>
    </row>
    <row r="143526" spans="14:14">
      <c r="N143526" s="10"/>
    </row>
    <row r="143527" spans="14:14">
      <c r="N143527" s="10"/>
    </row>
    <row r="143528" spans="14:14">
      <c r="N143528" s="10"/>
    </row>
    <row r="143529" spans="14:14">
      <c r="N143529" s="10"/>
    </row>
    <row r="143530" spans="14:14">
      <c r="N143530" s="10"/>
    </row>
    <row r="143531" spans="14:14">
      <c r="N143531" s="10"/>
    </row>
    <row r="143532" spans="14:14">
      <c r="N143532" s="10"/>
    </row>
    <row r="143533" spans="14:14">
      <c r="N143533" s="10"/>
    </row>
    <row r="143534" spans="14:14">
      <c r="N143534" s="10"/>
    </row>
    <row r="143535" spans="14:14">
      <c r="N143535" s="10"/>
    </row>
    <row r="143536" spans="14:14">
      <c r="N143536" s="10"/>
    </row>
    <row r="143537" spans="14:14">
      <c r="N143537" s="10"/>
    </row>
    <row r="143538" spans="14:14">
      <c r="N143538" s="10"/>
    </row>
    <row r="143539" spans="14:14">
      <c r="N143539" s="10"/>
    </row>
    <row r="143540" spans="14:14">
      <c r="N143540" s="10"/>
    </row>
    <row r="143541" spans="14:14">
      <c r="N143541" s="10"/>
    </row>
    <row r="143542" spans="14:14">
      <c r="N143542" s="10"/>
    </row>
    <row r="143543" spans="14:14">
      <c r="N143543" s="10"/>
    </row>
    <row r="143544" spans="14:14">
      <c r="N143544" s="10"/>
    </row>
    <row r="143545" spans="14:14">
      <c r="N143545" s="10"/>
    </row>
    <row r="143546" spans="14:14">
      <c r="N143546" s="10"/>
    </row>
    <row r="143547" spans="14:14">
      <c r="N143547" s="10"/>
    </row>
    <row r="143548" spans="14:14">
      <c r="N143548" s="10"/>
    </row>
    <row r="143549" spans="14:14">
      <c r="N143549" s="10"/>
    </row>
    <row r="143550" spans="14:14">
      <c r="N143550" s="10"/>
    </row>
    <row r="143551" spans="14:14">
      <c r="N143551" s="10"/>
    </row>
    <row r="143552" spans="14:14">
      <c r="N143552" s="10"/>
    </row>
    <row r="143553" spans="14:14">
      <c r="N143553" s="10"/>
    </row>
    <row r="143554" spans="14:14">
      <c r="N143554" s="10"/>
    </row>
    <row r="143555" spans="14:14">
      <c r="N143555" s="10"/>
    </row>
    <row r="143556" spans="14:14">
      <c r="N143556" s="10"/>
    </row>
    <row r="143557" spans="14:14">
      <c r="N143557" s="10"/>
    </row>
    <row r="143558" spans="14:14">
      <c r="N143558" s="10"/>
    </row>
    <row r="143559" spans="14:14">
      <c r="N143559" s="10"/>
    </row>
    <row r="143560" spans="14:14">
      <c r="N143560" s="10"/>
    </row>
    <row r="143561" spans="14:14">
      <c r="N143561" s="10"/>
    </row>
    <row r="143562" spans="14:14">
      <c r="N143562" s="10"/>
    </row>
    <row r="143563" spans="14:14">
      <c r="N143563" s="10"/>
    </row>
    <row r="143564" spans="14:14">
      <c r="N143564" s="10"/>
    </row>
    <row r="143565" spans="14:14">
      <c r="N143565" s="10"/>
    </row>
    <row r="143566" spans="14:14">
      <c r="N143566" s="10"/>
    </row>
    <row r="143567" spans="14:14">
      <c r="N143567" s="10"/>
    </row>
    <row r="143568" spans="14:14">
      <c r="N143568" s="10"/>
    </row>
    <row r="143569" spans="14:14">
      <c r="N143569" s="10"/>
    </row>
    <row r="143570" spans="14:14">
      <c r="N143570" s="10"/>
    </row>
    <row r="143571" spans="14:14">
      <c r="N143571" s="10"/>
    </row>
    <row r="143572" spans="14:14">
      <c r="N143572" s="10"/>
    </row>
    <row r="143573" spans="14:14">
      <c r="N143573" s="10"/>
    </row>
    <row r="143574" spans="14:14">
      <c r="N143574" s="10"/>
    </row>
    <row r="143575" spans="14:14">
      <c r="N143575" s="10"/>
    </row>
    <row r="143576" spans="14:14">
      <c r="N143576" s="10"/>
    </row>
    <row r="143577" spans="14:14">
      <c r="N143577" s="10"/>
    </row>
    <row r="143578" spans="14:14">
      <c r="N143578" s="10"/>
    </row>
    <row r="143579" spans="14:14">
      <c r="N143579" s="10"/>
    </row>
    <row r="143580" spans="14:14">
      <c r="N143580" s="10"/>
    </row>
    <row r="143581" spans="14:14">
      <c r="N143581" s="10"/>
    </row>
    <row r="143582" spans="14:14">
      <c r="N143582" s="10"/>
    </row>
    <row r="143583" spans="14:14">
      <c r="N143583" s="10"/>
    </row>
    <row r="143584" spans="14:14">
      <c r="N143584" s="10"/>
    </row>
    <row r="143585" spans="14:14">
      <c r="N143585" s="10"/>
    </row>
    <row r="143586" spans="14:14">
      <c r="N143586" s="10"/>
    </row>
    <row r="143587" spans="14:14">
      <c r="N143587" s="10"/>
    </row>
    <row r="143588" spans="14:14">
      <c r="N143588" s="10"/>
    </row>
    <row r="143589" spans="14:14">
      <c r="N143589" s="10"/>
    </row>
    <row r="143590" spans="14:14">
      <c r="N143590" s="10"/>
    </row>
    <row r="143591" spans="14:14">
      <c r="N143591" s="10"/>
    </row>
    <row r="143592" spans="14:14">
      <c r="N143592" s="10"/>
    </row>
    <row r="143593" spans="14:14">
      <c r="N143593" s="10"/>
    </row>
    <row r="143594" spans="14:14">
      <c r="N143594" s="10"/>
    </row>
    <row r="143595" spans="14:14">
      <c r="N143595" s="10"/>
    </row>
    <row r="143596" spans="14:14">
      <c r="N143596" s="10"/>
    </row>
    <row r="143597" spans="14:14">
      <c r="N143597" s="10"/>
    </row>
    <row r="143598" spans="14:14">
      <c r="N143598" s="10"/>
    </row>
    <row r="143599" spans="14:14">
      <c r="N143599" s="10"/>
    </row>
    <row r="143600" spans="14:14">
      <c r="N143600" s="10"/>
    </row>
    <row r="143601" spans="14:14">
      <c r="N143601" s="10"/>
    </row>
    <row r="143602" spans="14:14">
      <c r="N143602" s="10"/>
    </row>
    <row r="143603" spans="14:14">
      <c r="N143603" s="10"/>
    </row>
    <row r="143604" spans="14:14">
      <c r="N143604" s="10"/>
    </row>
    <row r="143605" spans="14:14">
      <c r="N143605" s="10"/>
    </row>
    <row r="143606" spans="14:14">
      <c r="N143606" s="10"/>
    </row>
    <row r="143607" spans="14:14">
      <c r="N143607" s="10"/>
    </row>
    <row r="143608" spans="14:14">
      <c r="N143608" s="10"/>
    </row>
    <row r="143609" spans="14:14">
      <c r="N143609" s="10"/>
    </row>
    <row r="143610" spans="14:14">
      <c r="N143610" s="10"/>
    </row>
    <row r="143611" spans="14:14">
      <c r="N143611" s="10"/>
    </row>
    <row r="143612" spans="14:14">
      <c r="N143612" s="10"/>
    </row>
    <row r="143613" spans="14:14">
      <c r="N143613" s="10"/>
    </row>
    <row r="143614" spans="14:14">
      <c r="N143614" s="10"/>
    </row>
    <row r="143615" spans="14:14">
      <c r="N143615" s="10"/>
    </row>
    <row r="143616" spans="14:14">
      <c r="N143616" s="10"/>
    </row>
    <row r="143617" spans="14:14">
      <c r="N143617" s="10"/>
    </row>
    <row r="143618" spans="14:14">
      <c r="N143618" s="10"/>
    </row>
    <row r="143619" spans="14:14">
      <c r="N143619" s="10"/>
    </row>
    <row r="143620" spans="14:14">
      <c r="N143620" s="10"/>
    </row>
    <row r="143621" spans="14:14">
      <c r="N143621" s="10"/>
    </row>
    <row r="143622" spans="14:14">
      <c r="N143622" s="10"/>
    </row>
    <row r="143623" spans="14:14">
      <c r="N143623" s="10"/>
    </row>
    <row r="143624" spans="14:14">
      <c r="N143624" s="10"/>
    </row>
    <row r="143625" spans="14:14">
      <c r="N143625" s="10"/>
    </row>
    <row r="143626" spans="14:14">
      <c r="N143626" s="10"/>
    </row>
    <row r="143627" spans="14:14">
      <c r="N143627" s="10"/>
    </row>
    <row r="143628" spans="14:14">
      <c r="N143628" s="10"/>
    </row>
    <row r="143629" spans="14:14">
      <c r="N143629" s="10"/>
    </row>
    <row r="143630" spans="14:14">
      <c r="N143630" s="10"/>
    </row>
    <row r="143631" spans="14:14">
      <c r="N143631" s="10"/>
    </row>
    <row r="143632" spans="14:14">
      <c r="N143632" s="10"/>
    </row>
    <row r="143633" spans="14:14">
      <c r="N143633" s="10"/>
    </row>
    <row r="143634" spans="14:14">
      <c r="N143634" s="10"/>
    </row>
    <row r="143635" spans="14:14">
      <c r="N143635" s="10"/>
    </row>
    <row r="143636" spans="14:14">
      <c r="N143636" s="10"/>
    </row>
    <row r="143637" spans="14:14">
      <c r="N143637" s="10"/>
    </row>
    <row r="143638" spans="14:14">
      <c r="N143638" s="10"/>
    </row>
    <row r="143639" spans="14:14">
      <c r="N143639" s="10"/>
    </row>
    <row r="143640" spans="14:14">
      <c r="N143640" s="10"/>
    </row>
    <row r="143641" spans="14:14">
      <c r="N143641" s="10"/>
    </row>
    <row r="143642" spans="14:14">
      <c r="N143642" s="10"/>
    </row>
    <row r="143643" spans="14:14">
      <c r="N143643" s="10"/>
    </row>
    <row r="143644" spans="14:14">
      <c r="N143644" s="10"/>
    </row>
    <row r="143645" spans="14:14">
      <c r="N143645" s="10"/>
    </row>
    <row r="143646" spans="14:14">
      <c r="N143646" s="10"/>
    </row>
    <row r="143647" spans="14:14">
      <c r="N143647" s="10"/>
    </row>
    <row r="143648" spans="14:14">
      <c r="N143648" s="10"/>
    </row>
    <row r="143649" spans="14:14">
      <c r="N143649" s="10"/>
    </row>
    <row r="143650" spans="14:14">
      <c r="N143650" s="10"/>
    </row>
    <row r="143651" spans="14:14">
      <c r="N143651" s="10"/>
    </row>
    <row r="143652" spans="14:14">
      <c r="N143652" s="10"/>
    </row>
    <row r="143653" spans="14:14">
      <c r="N143653" s="10"/>
    </row>
    <row r="143654" spans="14:14">
      <c r="N143654" s="10"/>
    </row>
    <row r="143655" spans="14:14">
      <c r="N143655" s="10"/>
    </row>
    <row r="143656" spans="14:14">
      <c r="N143656" s="10"/>
    </row>
    <row r="143657" spans="14:14">
      <c r="N143657" s="10"/>
    </row>
    <row r="143658" spans="14:14">
      <c r="N143658" s="10"/>
    </row>
    <row r="143659" spans="14:14">
      <c r="N143659" s="10"/>
    </row>
    <row r="143660" spans="14:14">
      <c r="N143660" s="10"/>
    </row>
    <row r="143661" spans="14:14">
      <c r="N143661" s="10"/>
    </row>
    <row r="143662" spans="14:14">
      <c r="N143662" s="10"/>
    </row>
    <row r="143663" spans="14:14">
      <c r="N143663" s="10"/>
    </row>
    <row r="143664" spans="14:14">
      <c r="N143664" s="10"/>
    </row>
    <row r="143665" spans="14:14">
      <c r="N143665" s="10"/>
    </row>
    <row r="143666" spans="14:14">
      <c r="N143666" s="10"/>
    </row>
    <row r="143667" spans="14:14">
      <c r="N143667" s="10"/>
    </row>
    <row r="143668" spans="14:14">
      <c r="N143668" s="10"/>
    </row>
    <row r="143669" spans="14:14">
      <c r="N143669" s="10"/>
    </row>
    <row r="143670" spans="14:14">
      <c r="N143670" s="10"/>
    </row>
    <row r="143671" spans="14:14">
      <c r="N143671" s="10"/>
    </row>
    <row r="143672" spans="14:14">
      <c r="N143672" s="10"/>
    </row>
    <row r="143673" spans="14:14">
      <c r="N143673" s="10"/>
    </row>
    <row r="143674" spans="14:14">
      <c r="N143674" s="10"/>
    </row>
    <row r="143675" spans="14:14">
      <c r="N143675" s="10"/>
    </row>
    <row r="143676" spans="14:14">
      <c r="N143676" s="10"/>
    </row>
    <row r="143677" spans="14:14">
      <c r="N143677" s="10"/>
    </row>
    <row r="143678" spans="14:14">
      <c r="N143678" s="10"/>
    </row>
    <row r="143679" spans="14:14">
      <c r="N143679" s="10"/>
    </row>
    <row r="143680" spans="14:14">
      <c r="N143680" s="10"/>
    </row>
    <row r="143681" spans="14:14">
      <c r="N143681" s="10"/>
    </row>
    <row r="143682" spans="14:14">
      <c r="N143682" s="10"/>
    </row>
    <row r="143683" spans="14:14">
      <c r="N143683" s="10"/>
    </row>
    <row r="143684" spans="14:14">
      <c r="N143684" s="10"/>
    </row>
    <row r="143685" spans="14:14">
      <c r="N143685" s="10"/>
    </row>
    <row r="143686" spans="14:14">
      <c r="N143686" s="10"/>
    </row>
    <row r="143687" spans="14:14">
      <c r="N143687" s="10"/>
    </row>
    <row r="143688" spans="14:14">
      <c r="N143688" s="10"/>
    </row>
    <row r="143689" spans="14:14">
      <c r="N143689" s="10"/>
    </row>
    <row r="143690" spans="14:14">
      <c r="N143690" s="10"/>
    </row>
    <row r="143691" spans="14:14">
      <c r="N143691" s="10"/>
    </row>
    <row r="143692" spans="14:14">
      <c r="N143692" s="10"/>
    </row>
    <row r="143693" spans="14:14">
      <c r="N143693" s="10"/>
    </row>
    <row r="143694" spans="14:14">
      <c r="N143694" s="10"/>
    </row>
    <row r="143695" spans="14:14">
      <c r="N143695" s="10"/>
    </row>
    <row r="143696" spans="14:14">
      <c r="N143696" s="10"/>
    </row>
    <row r="143697" spans="14:14">
      <c r="N143697" s="10"/>
    </row>
    <row r="143698" spans="14:14">
      <c r="N143698" s="10"/>
    </row>
    <row r="143699" spans="14:14">
      <c r="N143699" s="10"/>
    </row>
    <row r="143700" spans="14:14">
      <c r="N143700" s="10"/>
    </row>
    <row r="143701" spans="14:14">
      <c r="N143701" s="10"/>
    </row>
    <row r="143702" spans="14:14">
      <c r="N143702" s="10"/>
    </row>
    <row r="143703" spans="14:14">
      <c r="N143703" s="10"/>
    </row>
    <row r="143704" spans="14:14">
      <c r="N143704" s="10"/>
    </row>
    <row r="143705" spans="14:14">
      <c r="N143705" s="10"/>
    </row>
    <row r="143706" spans="14:14">
      <c r="N143706" s="10"/>
    </row>
    <row r="143707" spans="14:14">
      <c r="N143707" s="10"/>
    </row>
    <row r="143708" spans="14:14">
      <c r="N143708" s="10"/>
    </row>
    <row r="143709" spans="14:14">
      <c r="N143709" s="10"/>
    </row>
    <row r="143710" spans="14:14">
      <c r="N143710" s="10"/>
    </row>
    <row r="143711" spans="14:14">
      <c r="N143711" s="10"/>
    </row>
    <row r="143712" spans="14:14">
      <c r="N143712" s="10"/>
    </row>
    <row r="143713" spans="14:14">
      <c r="N143713" s="10"/>
    </row>
    <row r="143714" spans="14:14">
      <c r="N143714" s="10"/>
    </row>
    <row r="143715" spans="14:14">
      <c r="N143715" s="10"/>
    </row>
    <row r="143716" spans="14:14">
      <c r="N143716" s="10"/>
    </row>
    <row r="143717" spans="14:14">
      <c r="N143717" s="10"/>
    </row>
    <row r="143718" spans="14:14">
      <c r="N143718" s="10"/>
    </row>
    <row r="143719" spans="14:14">
      <c r="N143719" s="10"/>
    </row>
    <row r="143720" spans="14:14">
      <c r="N143720" s="10"/>
    </row>
    <row r="143721" spans="14:14">
      <c r="N143721" s="10"/>
    </row>
    <row r="143722" spans="14:14">
      <c r="N143722" s="10"/>
    </row>
    <row r="143723" spans="14:14">
      <c r="N143723" s="10"/>
    </row>
    <row r="143724" spans="14:14">
      <c r="N143724" s="10"/>
    </row>
    <row r="143725" spans="14:14">
      <c r="N143725" s="10"/>
    </row>
    <row r="143726" spans="14:14">
      <c r="N143726" s="10"/>
    </row>
    <row r="143727" spans="14:14">
      <c r="N143727" s="10"/>
    </row>
    <row r="143728" spans="14:14">
      <c r="N143728" s="10"/>
    </row>
    <row r="143729" spans="14:14">
      <c r="N143729" s="10"/>
    </row>
    <row r="143730" spans="14:14">
      <c r="N143730" s="10"/>
    </row>
    <row r="143731" spans="14:14">
      <c r="N143731" s="10"/>
    </row>
    <row r="143732" spans="14:14">
      <c r="N143732" s="10"/>
    </row>
    <row r="143733" spans="14:14">
      <c r="N143733" s="10"/>
    </row>
    <row r="143734" spans="14:14">
      <c r="N143734" s="10"/>
    </row>
    <row r="143735" spans="14:14">
      <c r="N143735" s="10"/>
    </row>
    <row r="143736" spans="14:14">
      <c r="N143736" s="10"/>
    </row>
    <row r="143737" spans="14:14">
      <c r="N143737" s="10"/>
    </row>
    <row r="143738" spans="14:14">
      <c r="N143738" s="10"/>
    </row>
    <row r="143739" spans="14:14">
      <c r="N143739" s="10"/>
    </row>
    <row r="143740" spans="14:14">
      <c r="N143740" s="10"/>
    </row>
    <row r="143741" spans="14:14">
      <c r="N143741" s="10"/>
    </row>
    <row r="143742" spans="14:14">
      <c r="N143742" s="10"/>
    </row>
    <row r="143743" spans="14:14">
      <c r="N143743" s="10"/>
    </row>
    <row r="143744" spans="14:14">
      <c r="N143744" s="10"/>
    </row>
    <row r="143745" spans="14:14">
      <c r="N143745" s="10"/>
    </row>
    <row r="143746" spans="14:14">
      <c r="N143746" s="10"/>
    </row>
    <row r="143747" spans="14:14">
      <c r="N143747" s="10"/>
    </row>
    <row r="143748" spans="14:14">
      <c r="N143748" s="10"/>
    </row>
    <row r="143749" spans="14:14">
      <c r="N143749" s="10"/>
    </row>
    <row r="143750" spans="14:14">
      <c r="N143750" s="10"/>
    </row>
    <row r="143751" spans="14:14">
      <c r="N143751" s="10"/>
    </row>
    <row r="143752" spans="14:14">
      <c r="N143752" s="10"/>
    </row>
    <row r="143753" spans="14:14">
      <c r="N143753" s="10"/>
    </row>
    <row r="143754" spans="14:14">
      <c r="N143754" s="10"/>
    </row>
    <row r="143755" spans="14:14">
      <c r="N143755" s="10"/>
    </row>
    <row r="143756" spans="14:14">
      <c r="N143756" s="10"/>
    </row>
    <row r="143757" spans="14:14">
      <c r="N143757" s="10"/>
    </row>
    <row r="143758" spans="14:14">
      <c r="N143758" s="10"/>
    </row>
    <row r="143759" spans="14:14">
      <c r="N143759" s="10"/>
    </row>
    <row r="143760" spans="14:14">
      <c r="N143760" s="10"/>
    </row>
    <row r="143761" spans="14:14">
      <c r="N143761" s="10"/>
    </row>
    <row r="143762" spans="14:14">
      <c r="N143762" s="10"/>
    </row>
    <row r="143763" spans="14:14">
      <c r="N143763" s="10"/>
    </row>
    <row r="143764" spans="14:14">
      <c r="N143764" s="10"/>
    </row>
    <row r="143765" spans="14:14">
      <c r="N143765" s="10"/>
    </row>
    <row r="143766" spans="14:14">
      <c r="N143766" s="10"/>
    </row>
    <row r="143767" spans="14:14">
      <c r="N143767" s="10"/>
    </row>
    <row r="143768" spans="14:14">
      <c r="N143768" s="10"/>
    </row>
    <row r="143769" spans="14:14">
      <c r="N143769" s="10"/>
    </row>
    <row r="143770" spans="14:14">
      <c r="N143770" s="10"/>
    </row>
    <row r="143771" spans="14:14">
      <c r="N143771" s="10"/>
    </row>
    <row r="143772" spans="14:14">
      <c r="N143772" s="10"/>
    </row>
    <row r="143773" spans="14:14">
      <c r="N143773" s="10"/>
    </row>
    <row r="143774" spans="14:14">
      <c r="N143774" s="10"/>
    </row>
    <row r="143775" spans="14:14">
      <c r="N143775" s="10"/>
    </row>
    <row r="143776" spans="14:14">
      <c r="N143776" s="10"/>
    </row>
    <row r="143777" spans="14:14">
      <c r="N143777" s="10"/>
    </row>
    <row r="143778" spans="14:14">
      <c r="N143778" s="10"/>
    </row>
    <row r="143779" spans="14:14">
      <c r="N143779" s="10"/>
    </row>
    <row r="143780" spans="14:14">
      <c r="N143780" s="10"/>
    </row>
    <row r="143781" spans="14:14">
      <c r="N143781" s="10"/>
    </row>
    <row r="143782" spans="14:14">
      <c r="N143782" s="10"/>
    </row>
    <row r="143783" spans="14:14">
      <c r="N143783" s="10"/>
    </row>
    <row r="143784" spans="14:14">
      <c r="N143784" s="10"/>
    </row>
    <row r="143785" spans="14:14">
      <c r="N143785" s="10"/>
    </row>
    <row r="143786" spans="14:14">
      <c r="N143786" s="10"/>
    </row>
    <row r="143787" spans="14:14">
      <c r="N143787" s="10"/>
    </row>
    <row r="143788" spans="14:14">
      <c r="N143788" s="10"/>
    </row>
    <row r="143789" spans="14:14">
      <c r="N143789" s="10"/>
    </row>
    <row r="143790" spans="14:14">
      <c r="N143790" s="10"/>
    </row>
    <row r="143791" spans="14:14">
      <c r="N143791" s="10"/>
    </row>
    <row r="143792" spans="14:14">
      <c r="N143792" s="10"/>
    </row>
    <row r="143793" spans="14:14">
      <c r="N143793" s="10"/>
    </row>
    <row r="143794" spans="14:14">
      <c r="N143794" s="10"/>
    </row>
    <row r="143795" spans="14:14">
      <c r="N143795" s="10"/>
    </row>
    <row r="143796" spans="14:14">
      <c r="N143796" s="10"/>
    </row>
    <row r="143797" spans="14:14">
      <c r="N143797" s="10"/>
    </row>
    <row r="143798" spans="14:14">
      <c r="N143798" s="10"/>
    </row>
    <row r="143799" spans="14:14">
      <c r="N143799" s="10"/>
    </row>
    <row r="143800" spans="14:14">
      <c r="N143800" s="10"/>
    </row>
    <row r="143801" spans="14:14">
      <c r="N143801" s="10"/>
    </row>
    <row r="143802" spans="14:14">
      <c r="N143802" s="10"/>
    </row>
    <row r="143803" spans="14:14">
      <c r="N143803" s="10"/>
    </row>
    <row r="143804" spans="14:14">
      <c r="N143804" s="10"/>
    </row>
    <row r="143805" spans="14:14">
      <c r="N143805" s="10"/>
    </row>
    <row r="143806" spans="14:14">
      <c r="N143806" s="10"/>
    </row>
    <row r="143807" spans="14:14">
      <c r="N143807" s="10"/>
    </row>
    <row r="143808" spans="14:14">
      <c r="N143808" s="10"/>
    </row>
    <row r="143809" spans="14:14">
      <c r="N143809" s="10"/>
    </row>
    <row r="143810" spans="14:14">
      <c r="N143810" s="10"/>
    </row>
    <row r="143811" spans="14:14">
      <c r="N143811" s="10"/>
    </row>
    <row r="143812" spans="14:14">
      <c r="N143812" s="10"/>
    </row>
    <row r="143813" spans="14:14">
      <c r="N143813" s="10"/>
    </row>
    <row r="143814" spans="14:14">
      <c r="N143814" s="10"/>
    </row>
    <row r="143815" spans="14:14">
      <c r="N143815" s="10"/>
    </row>
    <row r="143816" spans="14:14">
      <c r="N143816" s="10"/>
    </row>
    <row r="143817" spans="14:14">
      <c r="N143817" s="10"/>
    </row>
    <row r="143818" spans="14:14">
      <c r="N143818" s="10"/>
    </row>
    <row r="143819" spans="14:14">
      <c r="N143819" s="10"/>
    </row>
    <row r="143820" spans="14:14">
      <c r="N143820" s="10"/>
    </row>
    <row r="143821" spans="14:14">
      <c r="N143821" s="10"/>
    </row>
    <row r="143822" spans="14:14">
      <c r="N143822" s="10"/>
    </row>
    <row r="143823" spans="14:14">
      <c r="N143823" s="10"/>
    </row>
    <row r="143824" spans="14:14">
      <c r="N143824" s="10"/>
    </row>
    <row r="143825" spans="14:14">
      <c r="N143825" s="10"/>
    </row>
    <row r="143826" spans="14:14">
      <c r="N143826" s="10"/>
    </row>
    <row r="143827" spans="14:14">
      <c r="N143827" s="10"/>
    </row>
    <row r="143828" spans="14:14">
      <c r="N143828" s="10"/>
    </row>
    <row r="143829" spans="14:14">
      <c r="N143829" s="10"/>
    </row>
    <row r="143830" spans="14:14">
      <c r="N143830" s="10"/>
    </row>
    <row r="143831" spans="14:14">
      <c r="N143831" s="10"/>
    </row>
    <row r="143832" spans="14:14">
      <c r="N143832" s="10"/>
    </row>
    <row r="143833" spans="14:14">
      <c r="N143833" s="10"/>
    </row>
    <row r="143834" spans="14:14">
      <c r="N143834" s="10"/>
    </row>
    <row r="143835" spans="14:14">
      <c r="N143835" s="10"/>
    </row>
    <row r="143836" spans="14:14">
      <c r="N143836" s="10"/>
    </row>
    <row r="143837" spans="14:14">
      <c r="N143837" s="10"/>
    </row>
    <row r="143838" spans="14:14">
      <c r="N143838" s="10"/>
    </row>
    <row r="143839" spans="14:14">
      <c r="N143839" s="10"/>
    </row>
    <row r="143840" spans="14:14">
      <c r="N143840" s="10"/>
    </row>
    <row r="143841" spans="14:14">
      <c r="N143841" s="10"/>
    </row>
    <row r="143842" spans="14:14">
      <c r="N143842" s="10"/>
    </row>
    <row r="143843" spans="14:14">
      <c r="N143843" s="10"/>
    </row>
    <row r="143844" spans="14:14">
      <c r="N143844" s="10"/>
    </row>
    <row r="143845" spans="14:14">
      <c r="N143845" s="10"/>
    </row>
    <row r="143846" spans="14:14">
      <c r="N143846" s="10"/>
    </row>
    <row r="143847" spans="14:14">
      <c r="N143847" s="10"/>
    </row>
    <row r="143848" spans="14:14">
      <c r="N143848" s="10"/>
    </row>
    <row r="143849" spans="14:14">
      <c r="N143849" s="10"/>
    </row>
    <row r="143850" spans="14:14">
      <c r="N143850" s="10"/>
    </row>
    <row r="143851" spans="14:14">
      <c r="N143851" s="10"/>
    </row>
    <row r="143852" spans="14:14">
      <c r="N143852" s="10"/>
    </row>
    <row r="143853" spans="14:14">
      <c r="N143853" s="10"/>
    </row>
    <row r="143854" spans="14:14">
      <c r="N143854" s="10"/>
    </row>
    <row r="143855" spans="14:14">
      <c r="N143855" s="10"/>
    </row>
    <row r="143856" spans="14:14">
      <c r="N143856" s="10"/>
    </row>
    <row r="143857" spans="14:14">
      <c r="N143857" s="10"/>
    </row>
    <row r="143858" spans="14:14">
      <c r="N143858" s="10"/>
    </row>
    <row r="143859" spans="14:14">
      <c r="N143859" s="10"/>
    </row>
    <row r="143860" spans="14:14">
      <c r="N143860" s="10"/>
    </row>
    <row r="143861" spans="14:14">
      <c r="N143861" s="10"/>
    </row>
    <row r="143862" spans="14:14">
      <c r="N143862" s="10"/>
    </row>
    <row r="143863" spans="14:14">
      <c r="N143863" s="10"/>
    </row>
    <row r="143864" spans="14:14">
      <c r="N143864" s="10"/>
    </row>
    <row r="143865" spans="14:14">
      <c r="N143865" s="10"/>
    </row>
    <row r="143866" spans="14:14">
      <c r="N143866" s="10"/>
    </row>
    <row r="143867" spans="14:14">
      <c r="N143867" s="10"/>
    </row>
    <row r="143868" spans="14:14">
      <c r="N143868" s="10"/>
    </row>
    <row r="143869" spans="14:14">
      <c r="N143869" s="10"/>
    </row>
    <row r="143870" spans="14:14">
      <c r="N143870" s="10"/>
    </row>
    <row r="143871" spans="14:14">
      <c r="N143871" s="10"/>
    </row>
    <row r="143872" spans="14:14">
      <c r="N143872" s="10"/>
    </row>
    <row r="143873" spans="14:14">
      <c r="N143873" s="10"/>
    </row>
    <row r="143874" spans="14:14">
      <c r="N143874" s="10"/>
    </row>
    <row r="143875" spans="14:14">
      <c r="N143875" s="10"/>
    </row>
    <row r="143876" spans="14:14">
      <c r="N143876" s="10"/>
    </row>
    <row r="143877" spans="14:14">
      <c r="N143877" s="10"/>
    </row>
    <row r="143878" spans="14:14">
      <c r="N143878" s="10"/>
    </row>
    <row r="143879" spans="14:14">
      <c r="N143879" s="10"/>
    </row>
    <row r="143880" spans="14:14">
      <c r="N143880" s="10"/>
    </row>
    <row r="143881" spans="14:14">
      <c r="N143881" s="10"/>
    </row>
    <row r="143882" spans="14:14">
      <c r="N143882" s="10"/>
    </row>
    <row r="143883" spans="14:14">
      <c r="N143883" s="10"/>
    </row>
    <row r="143884" spans="14:14">
      <c r="N143884" s="10"/>
    </row>
    <row r="143885" spans="14:14">
      <c r="N143885" s="10"/>
    </row>
    <row r="143886" spans="14:14">
      <c r="N143886" s="10"/>
    </row>
    <row r="143887" spans="14:14">
      <c r="N143887" s="10"/>
    </row>
    <row r="143888" spans="14:14">
      <c r="N143888" s="10"/>
    </row>
    <row r="143889" spans="14:14">
      <c r="N143889" s="10"/>
    </row>
    <row r="143890" spans="14:14">
      <c r="N143890" s="10"/>
    </row>
    <row r="143891" spans="14:14">
      <c r="N143891" s="10"/>
    </row>
    <row r="143892" spans="14:14">
      <c r="N143892" s="10"/>
    </row>
    <row r="143893" spans="14:14">
      <c r="N143893" s="10"/>
    </row>
    <row r="143894" spans="14:14">
      <c r="N143894" s="10"/>
    </row>
    <row r="143895" spans="14:14">
      <c r="N143895" s="10"/>
    </row>
    <row r="143896" spans="14:14">
      <c r="N143896" s="10"/>
    </row>
    <row r="143897" spans="14:14">
      <c r="N143897" s="10"/>
    </row>
    <row r="143898" spans="14:14">
      <c r="N143898" s="10"/>
    </row>
    <row r="143899" spans="14:14">
      <c r="N143899" s="10"/>
    </row>
    <row r="143900" spans="14:14">
      <c r="N143900" s="10"/>
    </row>
    <row r="143901" spans="14:14">
      <c r="N143901" s="10"/>
    </row>
    <row r="143902" spans="14:14">
      <c r="N143902" s="10"/>
    </row>
    <row r="143903" spans="14:14">
      <c r="N143903" s="10"/>
    </row>
    <row r="143904" spans="14:14">
      <c r="N143904" s="10"/>
    </row>
    <row r="143905" spans="14:14">
      <c r="N143905" s="10"/>
    </row>
    <row r="143906" spans="14:14">
      <c r="N143906" s="10"/>
    </row>
    <row r="143907" spans="14:14">
      <c r="N143907" s="10"/>
    </row>
    <row r="143908" spans="14:14">
      <c r="N143908" s="10"/>
    </row>
    <row r="143909" spans="14:14">
      <c r="N143909" s="10"/>
    </row>
    <row r="143910" spans="14:14">
      <c r="N143910" s="10"/>
    </row>
    <row r="143911" spans="14:14">
      <c r="N143911" s="10"/>
    </row>
    <row r="143912" spans="14:14">
      <c r="N143912" s="10"/>
    </row>
    <row r="143913" spans="14:14">
      <c r="N143913" s="10"/>
    </row>
    <row r="143914" spans="14:14">
      <c r="N143914" s="10"/>
    </row>
    <row r="143915" spans="14:14">
      <c r="N143915" s="10"/>
    </row>
    <row r="143916" spans="14:14">
      <c r="N143916" s="10"/>
    </row>
    <row r="143917" spans="14:14">
      <c r="N143917" s="10"/>
    </row>
    <row r="143918" spans="14:14">
      <c r="N143918" s="10"/>
    </row>
    <row r="143919" spans="14:14">
      <c r="N143919" s="10"/>
    </row>
    <row r="143920" spans="14:14">
      <c r="N143920" s="10"/>
    </row>
    <row r="143921" spans="14:14">
      <c r="N143921" s="10"/>
    </row>
    <row r="143922" spans="14:14">
      <c r="N143922" s="10"/>
    </row>
    <row r="143923" spans="14:14">
      <c r="N143923" s="10"/>
    </row>
    <row r="143924" spans="14:14">
      <c r="N143924" s="10"/>
    </row>
    <row r="143925" spans="14:14">
      <c r="N143925" s="10"/>
    </row>
    <row r="143926" spans="14:14">
      <c r="N143926" s="10"/>
    </row>
    <row r="143927" spans="14:14">
      <c r="N143927" s="10"/>
    </row>
    <row r="143928" spans="14:14">
      <c r="N143928" s="10"/>
    </row>
    <row r="143929" spans="14:14">
      <c r="N143929" s="10"/>
    </row>
    <row r="143930" spans="14:14">
      <c r="N143930" s="10"/>
    </row>
    <row r="143931" spans="14:14">
      <c r="N143931" s="10"/>
    </row>
    <row r="143932" spans="14:14">
      <c r="N143932" s="10"/>
    </row>
    <row r="143933" spans="14:14">
      <c r="N143933" s="10"/>
    </row>
    <row r="143934" spans="14:14">
      <c r="N143934" s="10"/>
    </row>
    <row r="143935" spans="14:14">
      <c r="N143935" s="10"/>
    </row>
    <row r="143936" spans="14:14">
      <c r="N143936" s="10"/>
    </row>
    <row r="143937" spans="14:14">
      <c r="N143937" s="10"/>
    </row>
    <row r="143938" spans="14:14">
      <c r="N143938" s="10"/>
    </row>
    <row r="143939" spans="14:14">
      <c r="N143939" s="10"/>
    </row>
    <row r="143940" spans="14:14">
      <c r="N143940" s="10"/>
    </row>
    <row r="143941" spans="14:14">
      <c r="N143941" s="10"/>
    </row>
    <row r="143942" spans="14:14">
      <c r="N143942" s="10"/>
    </row>
    <row r="143943" spans="14:14">
      <c r="N143943" s="10"/>
    </row>
    <row r="143944" spans="14:14">
      <c r="N143944" s="10"/>
    </row>
    <row r="143945" spans="14:14">
      <c r="N143945" s="10"/>
    </row>
    <row r="143946" spans="14:14">
      <c r="N143946" s="10"/>
    </row>
    <row r="143947" spans="14:14">
      <c r="N143947" s="10"/>
    </row>
    <row r="143948" spans="14:14">
      <c r="N143948" s="10"/>
    </row>
    <row r="143949" spans="14:14">
      <c r="N143949" s="10"/>
    </row>
    <row r="143950" spans="14:14">
      <c r="N143950" s="10"/>
    </row>
    <row r="143951" spans="14:14">
      <c r="N143951" s="10"/>
    </row>
    <row r="143952" spans="14:14">
      <c r="N143952" s="10"/>
    </row>
    <row r="143953" spans="14:14">
      <c r="N143953" s="10"/>
    </row>
    <row r="143954" spans="14:14">
      <c r="N143954" s="10"/>
    </row>
    <row r="143955" spans="14:14">
      <c r="N143955" s="10"/>
    </row>
    <row r="143956" spans="14:14">
      <c r="N143956" s="10"/>
    </row>
    <row r="143957" spans="14:14">
      <c r="N143957" s="10"/>
    </row>
    <row r="143958" spans="14:14">
      <c r="N143958" s="10"/>
    </row>
    <row r="143959" spans="14:14">
      <c r="N143959" s="10"/>
    </row>
    <row r="143960" spans="14:14">
      <c r="N143960" s="10"/>
    </row>
    <row r="143961" spans="14:14">
      <c r="N143961" s="10"/>
    </row>
    <row r="143962" spans="14:14">
      <c r="N143962" s="10"/>
    </row>
    <row r="143963" spans="14:14">
      <c r="N143963" s="10"/>
    </row>
    <row r="143964" spans="14:14">
      <c r="N143964" s="10"/>
    </row>
    <row r="143965" spans="14:14">
      <c r="N143965" s="10"/>
    </row>
    <row r="143966" spans="14:14">
      <c r="N143966" s="10"/>
    </row>
    <row r="143967" spans="14:14">
      <c r="N143967" s="10"/>
    </row>
    <row r="143968" spans="14:14">
      <c r="N143968" s="10"/>
    </row>
    <row r="143969" spans="14:14">
      <c r="N143969" s="10"/>
    </row>
    <row r="143970" spans="14:14">
      <c r="N143970" s="10"/>
    </row>
    <row r="143971" spans="14:14">
      <c r="N143971" s="10"/>
    </row>
    <row r="143972" spans="14:14">
      <c r="N143972" s="10"/>
    </row>
    <row r="143973" spans="14:14">
      <c r="N143973" s="10"/>
    </row>
    <row r="143974" spans="14:14">
      <c r="N143974" s="10"/>
    </row>
    <row r="143975" spans="14:14">
      <c r="N143975" s="10"/>
    </row>
    <row r="143976" spans="14:14">
      <c r="N143976" s="10"/>
    </row>
    <row r="143977" spans="14:14">
      <c r="N143977" s="10"/>
    </row>
    <row r="143978" spans="14:14">
      <c r="N143978" s="10"/>
    </row>
    <row r="143979" spans="14:14">
      <c r="N143979" s="10"/>
    </row>
    <row r="143980" spans="14:14">
      <c r="N143980" s="10"/>
    </row>
    <row r="143981" spans="14:14">
      <c r="N143981" s="10"/>
    </row>
    <row r="143982" spans="14:14">
      <c r="N143982" s="10"/>
    </row>
    <row r="143983" spans="14:14">
      <c r="N143983" s="10"/>
    </row>
    <row r="143984" spans="14:14">
      <c r="N143984" s="10"/>
    </row>
    <row r="143985" spans="14:14">
      <c r="N143985" s="10"/>
    </row>
    <row r="143986" spans="14:14">
      <c r="N143986" s="10"/>
    </row>
    <row r="143987" spans="14:14">
      <c r="N143987" s="10"/>
    </row>
    <row r="143988" spans="14:14">
      <c r="N143988" s="10"/>
    </row>
    <row r="143989" spans="14:14">
      <c r="N143989" s="10"/>
    </row>
    <row r="143990" spans="14:14">
      <c r="N143990" s="10"/>
    </row>
    <row r="143991" spans="14:14">
      <c r="N143991" s="10"/>
    </row>
    <row r="143992" spans="14:14">
      <c r="N143992" s="10"/>
    </row>
    <row r="143993" spans="14:14">
      <c r="N143993" s="10"/>
    </row>
    <row r="143994" spans="14:14">
      <c r="N143994" s="10"/>
    </row>
    <row r="143995" spans="14:14">
      <c r="N143995" s="10"/>
    </row>
    <row r="143996" spans="14:14">
      <c r="N143996" s="10"/>
    </row>
    <row r="143997" spans="14:14">
      <c r="N143997" s="10"/>
    </row>
    <row r="143998" spans="14:14">
      <c r="N143998" s="10"/>
    </row>
    <row r="143999" spans="14:14">
      <c r="N143999" s="10"/>
    </row>
    <row r="144000" spans="14:14">
      <c r="N144000" s="10"/>
    </row>
    <row r="144001" spans="14:14">
      <c r="N144001" s="10"/>
    </row>
    <row r="144002" spans="14:14">
      <c r="N144002" s="10"/>
    </row>
    <row r="144003" spans="14:14">
      <c r="N144003" s="10"/>
    </row>
    <row r="144004" spans="14:14">
      <c r="N144004" s="10"/>
    </row>
    <row r="144005" spans="14:14">
      <c r="N144005" s="10"/>
    </row>
    <row r="144006" spans="14:14">
      <c r="N144006" s="10"/>
    </row>
    <row r="144007" spans="14:14">
      <c r="N144007" s="10"/>
    </row>
    <row r="144008" spans="14:14">
      <c r="N144008" s="10"/>
    </row>
    <row r="144009" spans="14:14">
      <c r="N144009" s="10"/>
    </row>
    <row r="144010" spans="14:14">
      <c r="N144010" s="10"/>
    </row>
    <row r="144011" spans="14:14">
      <c r="N144011" s="10"/>
    </row>
    <row r="144012" spans="14:14">
      <c r="N144012" s="10"/>
    </row>
    <row r="144013" spans="14:14">
      <c r="N144013" s="10"/>
    </row>
    <row r="144014" spans="14:14">
      <c r="N144014" s="10"/>
    </row>
    <row r="144015" spans="14:14">
      <c r="N144015" s="10"/>
    </row>
    <row r="144016" spans="14:14">
      <c r="N144016" s="10"/>
    </row>
    <row r="144017" spans="14:14">
      <c r="N144017" s="10"/>
    </row>
    <row r="144018" spans="14:14">
      <c r="N144018" s="10"/>
    </row>
    <row r="144019" spans="14:14">
      <c r="N144019" s="10"/>
    </row>
    <row r="144020" spans="14:14">
      <c r="N144020" s="10"/>
    </row>
    <row r="144021" spans="14:14">
      <c r="N144021" s="10"/>
    </row>
    <row r="144022" spans="14:14">
      <c r="N144022" s="10"/>
    </row>
    <row r="144023" spans="14:14">
      <c r="N144023" s="10"/>
    </row>
    <row r="144024" spans="14:14">
      <c r="N144024" s="10"/>
    </row>
    <row r="144025" spans="14:14">
      <c r="N144025" s="10"/>
    </row>
    <row r="144026" spans="14:14">
      <c r="N144026" s="10"/>
    </row>
    <row r="144027" spans="14:14">
      <c r="N144027" s="10"/>
    </row>
    <row r="144028" spans="14:14">
      <c r="N144028" s="10"/>
    </row>
    <row r="144029" spans="14:14">
      <c r="N144029" s="10"/>
    </row>
    <row r="144030" spans="14:14">
      <c r="N144030" s="10"/>
    </row>
    <row r="144031" spans="14:14">
      <c r="N144031" s="10"/>
    </row>
    <row r="144032" spans="14:14">
      <c r="N144032" s="10"/>
    </row>
    <row r="144033" spans="14:14">
      <c r="N144033" s="10"/>
    </row>
    <row r="144034" spans="14:14">
      <c r="N144034" s="10"/>
    </row>
    <row r="144035" spans="14:14">
      <c r="N144035" s="10"/>
    </row>
    <row r="144036" spans="14:14">
      <c r="N144036" s="10"/>
    </row>
    <row r="144037" spans="14:14">
      <c r="N144037" s="10"/>
    </row>
    <row r="144038" spans="14:14">
      <c r="N144038" s="10"/>
    </row>
    <row r="144039" spans="14:14">
      <c r="N144039" s="10"/>
    </row>
    <row r="144040" spans="14:14">
      <c r="N144040" s="10"/>
    </row>
    <row r="144041" spans="14:14">
      <c r="N144041" s="10"/>
    </row>
    <row r="144042" spans="14:14">
      <c r="N144042" s="10"/>
    </row>
    <row r="144043" spans="14:14">
      <c r="N144043" s="10"/>
    </row>
    <row r="144044" spans="14:14">
      <c r="N144044" s="10"/>
    </row>
    <row r="144045" spans="14:14">
      <c r="N144045" s="10"/>
    </row>
    <row r="144046" spans="14:14">
      <c r="N144046" s="10"/>
    </row>
    <row r="144047" spans="14:14">
      <c r="N144047" s="10"/>
    </row>
    <row r="144048" spans="14:14">
      <c r="N144048" s="10"/>
    </row>
    <row r="144049" spans="14:14">
      <c r="N144049" s="10"/>
    </row>
    <row r="144050" spans="14:14">
      <c r="N144050" s="10"/>
    </row>
    <row r="144051" spans="14:14">
      <c r="N144051" s="10"/>
    </row>
    <row r="144052" spans="14:14">
      <c r="N144052" s="10"/>
    </row>
    <row r="144053" spans="14:14">
      <c r="N144053" s="10"/>
    </row>
    <row r="144054" spans="14:14">
      <c r="N144054" s="10"/>
    </row>
    <row r="144055" spans="14:14">
      <c r="N144055" s="10"/>
    </row>
    <row r="144056" spans="14:14">
      <c r="N144056" s="10"/>
    </row>
    <row r="144057" spans="14:14">
      <c r="N144057" s="10"/>
    </row>
    <row r="144058" spans="14:14">
      <c r="N144058" s="10"/>
    </row>
    <row r="144059" spans="14:14">
      <c r="N144059" s="10"/>
    </row>
    <row r="144060" spans="14:14">
      <c r="N144060" s="10"/>
    </row>
    <row r="144061" spans="14:14">
      <c r="N144061" s="10"/>
    </row>
    <row r="144062" spans="14:14">
      <c r="N144062" s="10"/>
    </row>
    <row r="144063" spans="14:14">
      <c r="N144063" s="10"/>
    </row>
    <row r="144064" spans="14:14">
      <c r="N144064" s="10"/>
    </row>
    <row r="144065" spans="14:14">
      <c r="N144065" s="10"/>
    </row>
    <row r="144066" spans="14:14">
      <c r="N144066" s="10"/>
    </row>
    <row r="144067" spans="14:14">
      <c r="N144067" s="10"/>
    </row>
    <row r="144068" spans="14:14">
      <c r="N144068" s="10"/>
    </row>
    <row r="144069" spans="14:14">
      <c r="N144069" s="10"/>
    </row>
    <row r="144070" spans="14:14">
      <c r="N144070" s="10"/>
    </row>
    <row r="144071" spans="14:14">
      <c r="N144071" s="10"/>
    </row>
    <row r="144072" spans="14:14">
      <c r="N144072" s="10"/>
    </row>
    <row r="144073" spans="14:14">
      <c r="N144073" s="10"/>
    </row>
    <row r="144074" spans="14:14">
      <c r="N144074" s="10"/>
    </row>
    <row r="144075" spans="14:14">
      <c r="N144075" s="10"/>
    </row>
    <row r="144076" spans="14:14">
      <c r="N144076" s="10"/>
    </row>
    <row r="144077" spans="14:14">
      <c r="N144077" s="10"/>
    </row>
    <row r="144078" spans="14:14">
      <c r="N144078" s="10"/>
    </row>
    <row r="144079" spans="14:14">
      <c r="N144079" s="10"/>
    </row>
    <row r="144080" spans="14:14">
      <c r="N144080" s="10"/>
    </row>
    <row r="144081" spans="14:14">
      <c r="N144081" s="10"/>
    </row>
    <row r="144082" spans="14:14">
      <c r="N144082" s="10"/>
    </row>
    <row r="144083" spans="14:14">
      <c r="N144083" s="10"/>
    </row>
    <row r="144084" spans="14:14">
      <c r="N144084" s="10"/>
    </row>
    <row r="144085" spans="14:14">
      <c r="N144085" s="10"/>
    </row>
    <row r="144086" spans="14:14">
      <c r="N144086" s="10"/>
    </row>
    <row r="144087" spans="14:14">
      <c r="N144087" s="10"/>
    </row>
    <row r="144088" spans="14:14">
      <c r="N144088" s="10"/>
    </row>
    <row r="144089" spans="14:14">
      <c r="N144089" s="10"/>
    </row>
    <row r="144090" spans="14:14">
      <c r="N144090" s="10"/>
    </row>
    <row r="144091" spans="14:14">
      <c r="N144091" s="10"/>
    </row>
    <row r="144092" spans="14:14">
      <c r="N144092" s="10"/>
    </row>
    <row r="144093" spans="14:14">
      <c r="N144093" s="10"/>
    </row>
    <row r="144094" spans="14:14">
      <c r="N144094" s="10"/>
    </row>
    <row r="144095" spans="14:14">
      <c r="N144095" s="10"/>
    </row>
    <row r="144096" spans="14:14">
      <c r="N144096" s="10"/>
    </row>
    <row r="144097" spans="14:14">
      <c r="N144097" s="10"/>
    </row>
    <row r="144098" spans="14:14">
      <c r="N144098" s="10"/>
    </row>
    <row r="144099" spans="14:14">
      <c r="N144099" s="10"/>
    </row>
    <row r="144100" spans="14:14">
      <c r="N144100" s="10"/>
    </row>
    <row r="144101" spans="14:14">
      <c r="N144101" s="10"/>
    </row>
    <row r="144102" spans="14:14">
      <c r="N144102" s="10"/>
    </row>
    <row r="144103" spans="14:14">
      <c r="N144103" s="10"/>
    </row>
    <row r="144104" spans="14:14">
      <c r="N144104" s="10"/>
    </row>
    <row r="144105" spans="14:14">
      <c r="N144105" s="10"/>
    </row>
    <row r="144106" spans="14:14">
      <c r="N144106" s="10"/>
    </row>
    <row r="144107" spans="14:14">
      <c r="N144107" s="10"/>
    </row>
    <row r="144108" spans="14:14">
      <c r="N144108" s="10"/>
    </row>
    <row r="144109" spans="14:14">
      <c r="N144109" s="10"/>
    </row>
    <row r="144110" spans="14:14">
      <c r="N144110" s="10"/>
    </row>
    <row r="144111" spans="14:14">
      <c r="N144111" s="10"/>
    </row>
    <row r="144112" spans="14:14">
      <c r="N144112" s="10"/>
    </row>
    <row r="144113" spans="14:14">
      <c r="N144113" s="10"/>
    </row>
    <row r="144114" spans="14:14">
      <c r="N144114" s="10"/>
    </row>
    <row r="144115" spans="14:14">
      <c r="N144115" s="10"/>
    </row>
    <row r="144116" spans="14:14">
      <c r="N144116" s="10"/>
    </row>
    <row r="144117" spans="14:14">
      <c r="N144117" s="10"/>
    </row>
    <row r="144118" spans="14:14">
      <c r="N144118" s="10"/>
    </row>
    <row r="144119" spans="14:14">
      <c r="N144119" s="10"/>
    </row>
    <row r="144120" spans="14:14">
      <c r="N144120" s="10"/>
    </row>
    <row r="144121" spans="14:14">
      <c r="N144121" s="10"/>
    </row>
    <row r="144122" spans="14:14">
      <c r="N144122" s="10"/>
    </row>
    <row r="144123" spans="14:14">
      <c r="N144123" s="10"/>
    </row>
    <row r="144124" spans="14:14">
      <c r="N144124" s="10"/>
    </row>
    <row r="144125" spans="14:14">
      <c r="N144125" s="10"/>
    </row>
    <row r="144126" spans="14:14">
      <c r="N144126" s="10"/>
    </row>
    <row r="144127" spans="14:14">
      <c r="N144127" s="10"/>
    </row>
    <row r="144128" spans="14:14">
      <c r="N144128" s="10"/>
    </row>
    <row r="144129" spans="14:14">
      <c r="N144129" s="10"/>
    </row>
    <row r="144130" spans="14:14">
      <c r="N144130" s="10"/>
    </row>
    <row r="144131" spans="14:14">
      <c r="N144131" s="10"/>
    </row>
    <row r="144132" spans="14:14">
      <c r="N144132" s="10"/>
    </row>
    <row r="144133" spans="14:14">
      <c r="N144133" s="10"/>
    </row>
    <row r="144134" spans="14:14">
      <c r="N144134" s="10"/>
    </row>
    <row r="144135" spans="14:14">
      <c r="N144135" s="10"/>
    </row>
    <row r="144136" spans="14:14">
      <c r="N144136" s="10"/>
    </row>
    <row r="144137" spans="14:14">
      <c r="N144137" s="10"/>
    </row>
    <row r="144138" spans="14:14">
      <c r="N144138" s="10"/>
    </row>
    <row r="144139" spans="14:14">
      <c r="N144139" s="10"/>
    </row>
    <row r="144140" spans="14:14">
      <c r="N144140" s="10"/>
    </row>
    <row r="144141" spans="14:14">
      <c r="N144141" s="10"/>
    </row>
    <row r="144142" spans="14:14">
      <c r="N144142" s="10"/>
    </row>
    <row r="144143" spans="14:14">
      <c r="N144143" s="10"/>
    </row>
    <row r="144144" spans="14:14">
      <c r="N144144" s="10"/>
    </row>
    <row r="144145" spans="14:14">
      <c r="N144145" s="10"/>
    </row>
    <row r="144146" spans="14:14">
      <c r="N144146" s="10"/>
    </row>
    <row r="144147" spans="14:14">
      <c r="N144147" s="10"/>
    </row>
    <row r="144148" spans="14:14">
      <c r="N144148" s="10"/>
    </row>
    <row r="144149" spans="14:14">
      <c r="N144149" s="10"/>
    </row>
    <row r="144150" spans="14:14">
      <c r="N144150" s="10"/>
    </row>
    <row r="144151" spans="14:14">
      <c r="N144151" s="10"/>
    </row>
    <row r="144152" spans="14:14">
      <c r="N144152" s="10"/>
    </row>
    <row r="144153" spans="14:14">
      <c r="N144153" s="10"/>
    </row>
    <row r="144154" spans="14:14">
      <c r="N144154" s="10"/>
    </row>
    <row r="144155" spans="14:14">
      <c r="N144155" s="10"/>
    </row>
    <row r="144156" spans="14:14">
      <c r="N144156" s="10"/>
    </row>
    <row r="144157" spans="14:14">
      <c r="N144157" s="10"/>
    </row>
    <row r="144158" spans="14:14">
      <c r="N144158" s="10"/>
    </row>
    <row r="144159" spans="14:14">
      <c r="N144159" s="10"/>
    </row>
    <row r="144160" spans="14:14">
      <c r="N144160" s="10"/>
    </row>
    <row r="144161" spans="14:14">
      <c r="N144161" s="10"/>
    </row>
    <row r="144162" spans="14:14">
      <c r="N144162" s="10"/>
    </row>
    <row r="144163" spans="14:14">
      <c r="N144163" s="10"/>
    </row>
    <row r="144164" spans="14:14">
      <c r="N144164" s="10"/>
    </row>
    <row r="144165" spans="14:14">
      <c r="N144165" s="10"/>
    </row>
    <row r="144166" spans="14:14">
      <c r="N144166" s="10"/>
    </row>
    <row r="144167" spans="14:14">
      <c r="N144167" s="10"/>
    </row>
    <row r="144168" spans="14:14">
      <c r="N144168" s="10"/>
    </row>
    <row r="144169" spans="14:14">
      <c r="N144169" s="10"/>
    </row>
    <row r="144170" spans="14:14">
      <c r="N144170" s="10"/>
    </row>
    <row r="144171" spans="14:14">
      <c r="N144171" s="10"/>
    </row>
    <row r="144172" spans="14:14">
      <c r="N144172" s="10"/>
    </row>
    <row r="144173" spans="14:14">
      <c r="N144173" s="10"/>
    </row>
    <row r="144174" spans="14:14">
      <c r="N144174" s="10"/>
    </row>
    <row r="144175" spans="14:14">
      <c r="N144175" s="10"/>
    </row>
    <row r="144176" spans="14:14">
      <c r="N144176" s="10"/>
    </row>
    <row r="144177" spans="14:14">
      <c r="N144177" s="10"/>
    </row>
    <row r="144178" spans="14:14">
      <c r="N144178" s="10"/>
    </row>
    <row r="144179" spans="14:14">
      <c r="N144179" s="10"/>
    </row>
    <row r="144180" spans="14:14">
      <c r="N144180" s="10"/>
    </row>
    <row r="144181" spans="14:14">
      <c r="N144181" s="10"/>
    </row>
    <row r="144182" spans="14:14">
      <c r="N144182" s="10"/>
    </row>
    <row r="144183" spans="14:14">
      <c r="N144183" s="10"/>
    </row>
    <row r="144184" spans="14:14">
      <c r="N144184" s="10"/>
    </row>
    <row r="144185" spans="14:14">
      <c r="N144185" s="10"/>
    </row>
    <row r="144186" spans="14:14">
      <c r="N144186" s="10"/>
    </row>
    <row r="144187" spans="14:14">
      <c r="N144187" s="10"/>
    </row>
    <row r="144188" spans="14:14">
      <c r="N144188" s="10"/>
    </row>
    <row r="144189" spans="14:14">
      <c r="N144189" s="10"/>
    </row>
    <row r="144190" spans="14:14">
      <c r="N144190" s="10"/>
    </row>
    <row r="144191" spans="14:14">
      <c r="N144191" s="10"/>
    </row>
    <row r="144192" spans="14:14">
      <c r="N144192" s="10"/>
    </row>
    <row r="144193" spans="14:14">
      <c r="N144193" s="10"/>
    </row>
    <row r="144194" spans="14:14">
      <c r="N144194" s="10"/>
    </row>
    <row r="144195" spans="14:14">
      <c r="N144195" s="10"/>
    </row>
    <row r="144196" spans="14:14">
      <c r="N144196" s="10"/>
    </row>
    <row r="144197" spans="14:14">
      <c r="N144197" s="10"/>
    </row>
    <row r="144198" spans="14:14">
      <c r="N144198" s="10"/>
    </row>
    <row r="144199" spans="14:14">
      <c r="N144199" s="10"/>
    </row>
    <row r="144200" spans="14:14">
      <c r="N144200" s="10"/>
    </row>
    <row r="144201" spans="14:14">
      <c r="N144201" s="10"/>
    </row>
    <row r="144202" spans="14:14">
      <c r="N144202" s="10"/>
    </row>
    <row r="144203" spans="14:14">
      <c r="N144203" s="10"/>
    </row>
    <row r="144204" spans="14:14">
      <c r="N144204" s="10"/>
    </row>
    <row r="144205" spans="14:14">
      <c r="N144205" s="10"/>
    </row>
    <row r="144206" spans="14:14">
      <c r="N144206" s="10"/>
    </row>
    <row r="144207" spans="14:14">
      <c r="N144207" s="10"/>
    </row>
    <row r="144208" spans="14:14">
      <c r="N144208" s="10"/>
    </row>
    <row r="144209" spans="14:14">
      <c r="N144209" s="10"/>
    </row>
    <row r="144210" spans="14:14">
      <c r="N144210" s="10"/>
    </row>
    <row r="144211" spans="14:14">
      <c r="N144211" s="10"/>
    </row>
    <row r="144212" spans="14:14">
      <c r="N144212" s="10"/>
    </row>
    <row r="144213" spans="14:14">
      <c r="N144213" s="10"/>
    </row>
    <row r="144214" spans="14:14">
      <c r="N144214" s="10"/>
    </row>
    <row r="144215" spans="14:14">
      <c r="N144215" s="10"/>
    </row>
    <row r="144216" spans="14:14">
      <c r="N144216" s="10"/>
    </row>
    <row r="144217" spans="14:14">
      <c r="N144217" s="10"/>
    </row>
    <row r="144218" spans="14:14">
      <c r="N144218" s="10"/>
    </row>
    <row r="144219" spans="14:14">
      <c r="N144219" s="10"/>
    </row>
    <row r="144220" spans="14:14">
      <c r="N144220" s="10"/>
    </row>
    <row r="144221" spans="14:14">
      <c r="N144221" s="10"/>
    </row>
    <row r="144222" spans="14:14">
      <c r="N144222" s="10"/>
    </row>
    <row r="144223" spans="14:14">
      <c r="N144223" s="10"/>
    </row>
    <row r="144224" spans="14:14">
      <c r="N144224" s="10"/>
    </row>
    <row r="144225" spans="14:14">
      <c r="N144225" s="10"/>
    </row>
    <row r="144226" spans="14:14">
      <c r="N144226" s="10"/>
    </row>
    <row r="144227" spans="14:14">
      <c r="N144227" s="10"/>
    </row>
    <row r="144228" spans="14:14">
      <c r="N144228" s="10"/>
    </row>
    <row r="144229" spans="14:14">
      <c r="N144229" s="10"/>
    </row>
    <row r="144230" spans="14:14">
      <c r="N144230" s="10"/>
    </row>
    <row r="144231" spans="14:14">
      <c r="N144231" s="10"/>
    </row>
    <row r="144232" spans="14:14">
      <c r="N144232" s="10"/>
    </row>
    <row r="144233" spans="14:14">
      <c r="N144233" s="10"/>
    </row>
    <row r="144234" spans="14:14">
      <c r="N144234" s="10"/>
    </row>
    <row r="144235" spans="14:14">
      <c r="N144235" s="10"/>
    </row>
    <row r="144236" spans="14:14">
      <c r="N144236" s="10"/>
    </row>
    <row r="144237" spans="14:14">
      <c r="N144237" s="10"/>
    </row>
    <row r="144238" spans="14:14">
      <c r="N144238" s="10"/>
    </row>
    <row r="144239" spans="14:14">
      <c r="N144239" s="10"/>
    </row>
    <row r="144240" spans="14:14">
      <c r="N144240" s="10"/>
    </row>
    <row r="144241" spans="14:14">
      <c r="N144241" s="10"/>
    </row>
    <row r="144242" spans="14:14">
      <c r="N144242" s="10"/>
    </row>
    <row r="144243" spans="14:14">
      <c r="N144243" s="10"/>
    </row>
    <row r="144244" spans="14:14">
      <c r="N144244" s="10"/>
    </row>
    <row r="144245" spans="14:14">
      <c r="N144245" s="10"/>
    </row>
    <row r="144246" spans="14:14">
      <c r="N144246" s="10"/>
    </row>
    <row r="144247" spans="14:14">
      <c r="N144247" s="10"/>
    </row>
    <row r="144248" spans="14:14">
      <c r="N144248" s="10"/>
    </row>
    <row r="144249" spans="14:14">
      <c r="N144249" s="10"/>
    </row>
    <row r="144250" spans="14:14">
      <c r="N144250" s="10"/>
    </row>
    <row r="144251" spans="14:14">
      <c r="N144251" s="10"/>
    </row>
    <row r="144252" spans="14:14">
      <c r="N144252" s="10"/>
    </row>
    <row r="144253" spans="14:14">
      <c r="N144253" s="10"/>
    </row>
    <row r="144254" spans="14:14">
      <c r="N144254" s="10"/>
    </row>
    <row r="144255" spans="14:14">
      <c r="N144255" s="10"/>
    </row>
    <row r="144256" spans="14:14">
      <c r="N144256" s="10"/>
    </row>
    <row r="144257" spans="14:14">
      <c r="N144257" s="10"/>
    </row>
    <row r="144258" spans="14:14">
      <c r="N144258" s="10"/>
    </row>
    <row r="144259" spans="14:14">
      <c r="N144259" s="10"/>
    </row>
    <row r="144260" spans="14:14">
      <c r="N144260" s="10"/>
    </row>
    <row r="144261" spans="14:14">
      <c r="N144261" s="10"/>
    </row>
    <row r="144262" spans="14:14">
      <c r="N144262" s="10"/>
    </row>
    <row r="144263" spans="14:14">
      <c r="N144263" s="10"/>
    </row>
    <row r="144264" spans="14:14">
      <c r="N144264" s="10"/>
    </row>
    <row r="144265" spans="14:14">
      <c r="N144265" s="10"/>
    </row>
    <row r="144266" spans="14:14">
      <c r="N144266" s="10"/>
    </row>
    <row r="144267" spans="14:14">
      <c r="N144267" s="10"/>
    </row>
    <row r="144268" spans="14:14">
      <c r="N144268" s="10"/>
    </row>
    <row r="144269" spans="14:14">
      <c r="N144269" s="10"/>
    </row>
    <row r="144270" spans="14:14">
      <c r="N144270" s="10"/>
    </row>
    <row r="144271" spans="14:14">
      <c r="N144271" s="10"/>
    </row>
    <row r="144272" spans="14:14">
      <c r="N144272" s="10"/>
    </row>
    <row r="144273" spans="14:14">
      <c r="N144273" s="10"/>
    </row>
    <row r="144274" spans="14:14">
      <c r="N144274" s="10"/>
    </row>
    <row r="144275" spans="14:14">
      <c r="N144275" s="10"/>
    </row>
    <row r="144276" spans="14:14">
      <c r="N144276" s="10"/>
    </row>
    <row r="144277" spans="14:14">
      <c r="N144277" s="10"/>
    </row>
    <row r="144278" spans="14:14">
      <c r="N144278" s="10"/>
    </row>
    <row r="144279" spans="14:14">
      <c r="N144279" s="10"/>
    </row>
    <row r="144280" spans="14:14">
      <c r="N144280" s="10"/>
    </row>
    <row r="144281" spans="14:14">
      <c r="N144281" s="10"/>
    </row>
    <row r="144282" spans="14:14">
      <c r="N144282" s="10"/>
    </row>
    <row r="144283" spans="14:14">
      <c r="N144283" s="10"/>
    </row>
    <row r="144284" spans="14:14">
      <c r="N144284" s="10"/>
    </row>
    <row r="144285" spans="14:14">
      <c r="N144285" s="10"/>
    </row>
    <row r="144286" spans="14:14">
      <c r="N144286" s="10"/>
    </row>
    <row r="144287" spans="14:14">
      <c r="N144287" s="10"/>
    </row>
    <row r="144288" spans="14:14">
      <c r="N144288" s="10"/>
    </row>
    <row r="144289" spans="14:14">
      <c r="N144289" s="10"/>
    </row>
    <row r="144290" spans="14:14">
      <c r="N144290" s="10"/>
    </row>
    <row r="144291" spans="14:14">
      <c r="N144291" s="10"/>
    </row>
    <row r="144292" spans="14:14">
      <c r="N144292" s="10"/>
    </row>
    <row r="144293" spans="14:14">
      <c r="N144293" s="10"/>
    </row>
    <row r="144294" spans="14:14">
      <c r="N144294" s="10"/>
    </row>
    <row r="144295" spans="14:14">
      <c r="N144295" s="10"/>
    </row>
    <row r="144296" spans="14:14">
      <c r="N144296" s="10"/>
    </row>
    <row r="144297" spans="14:14">
      <c r="N144297" s="10"/>
    </row>
    <row r="144298" spans="14:14">
      <c r="N144298" s="10"/>
    </row>
    <row r="144299" spans="14:14">
      <c r="N144299" s="10"/>
    </row>
    <row r="144300" spans="14:14">
      <c r="N144300" s="10"/>
    </row>
    <row r="144301" spans="14:14">
      <c r="N144301" s="10"/>
    </row>
    <row r="144302" spans="14:14">
      <c r="N144302" s="10"/>
    </row>
    <row r="144303" spans="14:14">
      <c r="N144303" s="10"/>
    </row>
    <row r="144304" spans="14:14">
      <c r="N144304" s="10"/>
    </row>
    <row r="144305" spans="14:14">
      <c r="N144305" s="10"/>
    </row>
    <row r="144306" spans="14:14">
      <c r="N144306" s="10"/>
    </row>
    <row r="144307" spans="14:14">
      <c r="N144307" s="10"/>
    </row>
    <row r="144308" spans="14:14">
      <c r="N144308" s="10"/>
    </row>
    <row r="144309" spans="14:14">
      <c r="N144309" s="10"/>
    </row>
    <row r="144310" spans="14:14">
      <c r="N144310" s="10"/>
    </row>
    <row r="144311" spans="14:14">
      <c r="N144311" s="10"/>
    </row>
    <row r="144312" spans="14:14">
      <c r="N144312" s="10"/>
    </row>
    <row r="144313" spans="14:14">
      <c r="N144313" s="10"/>
    </row>
    <row r="144314" spans="14:14">
      <c r="N144314" s="10"/>
    </row>
    <row r="144315" spans="14:14">
      <c r="N144315" s="10"/>
    </row>
    <row r="144316" spans="14:14">
      <c r="N144316" s="10"/>
    </row>
    <row r="144317" spans="14:14">
      <c r="N144317" s="10"/>
    </row>
    <row r="144318" spans="14:14">
      <c r="N144318" s="10"/>
    </row>
    <row r="144319" spans="14:14">
      <c r="N144319" s="10"/>
    </row>
    <row r="144320" spans="14:14">
      <c r="N144320" s="10"/>
    </row>
    <row r="144321" spans="14:14">
      <c r="N144321" s="10"/>
    </row>
    <row r="144322" spans="14:14">
      <c r="N144322" s="10"/>
    </row>
    <row r="144323" spans="14:14">
      <c r="N144323" s="10"/>
    </row>
    <row r="144324" spans="14:14">
      <c r="N144324" s="10"/>
    </row>
    <row r="144325" spans="14:14">
      <c r="N144325" s="10"/>
    </row>
    <row r="144326" spans="14:14">
      <c r="N144326" s="10"/>
    </row>
    <row r="144327" spans="14:14">
      <c r="N144327" s="10"/>
    </row>
    <row r="144328" spans="14:14">
      <c r="N144328" s="10"/>
    </row>
    <row r="144329" spans="14:14">
      <c r="N144329" s="10"/>
    </row>
    <row r="144330" spans="14:14">
      <c r="N144330" s="10"/>
    </row>
    <row r="144331" spans="14:14">
      <c r="N144331" s="10"/>
    </row>
    <row r="144332" spans="14:14">
      <c r="N144332" s="10"/>
    </row>
    <row r="144333" spans="14:14">
      <c r="N144333" s="10"/>
    </row>
    <row r="144334" spans="14:14">
      <c r="N144334" s="10"/>
    </row>
    <row r="144335" spans="14:14">
      <c r="N144335" s="10"/>
    </row>
    <row r="144336" spans="14:14">
      <c r="N144336" s="10"/>
    </row>
    <row r="144337" spans="14:14">
      <c r="N144337" s="10"/>
    </row>
    <row r="144338" spans="14:14">
      <c r="N144338" s="10"/>
    </row>
    <row r="144339" spans="14:14">
      <c r="N144339" s="10"/>
    </row>
    <row r="144340" spans="14:14">
      <c r="N144340" s="10"/>
    </row>
    <row r="144341" spans="14:14">
      <c r="N144341" s="10"/>
    </row>
    <row r="144342" spans="14:14">
      <c r="N144342" s="10"/>
    </row>
    <row r="144343" spans="14:14">
      <c r="N144343" s="10"/>
    </row>
    <row r="144344" spans="14:14">
      <c r="N144344" s="10"/>
    </row>
    <row r="144345" spans="14:14">
      <c r="N144345" s="10"/>
    </row>
    <row r="144346" spans="14:14">
      <c r="N144346" s="10"/>
    </row>
    <row r="144347" spans="14:14">
      <c r="N144347" s="10"/>
    </row>
    <row r="144348" spans="14:14">
      <c r="N144348" s="10"/>
    </row>
    <row r="144349" spans="14:14">
      <c r="N144349" s="10"/>
    </row>
    <row r="144350" spans="14:14">
      <c r="N144350" s="10"/>
    </row>
    <row r="144351" spans="14:14">
      <c r="N144351" s="10"/>
    </row>
    <row r="144352" spans="14:14">
      <c r="N144352" s="10"/>
    </row>
    <row r="144353" spans="14:14">
      <c r="N144353" s="10"/>
    </row>
    <row r="144354" spans="14:14">
      <c r="N144354" s="10"/>
    </row>
    <row r="144355" spans="14:14">
      <c r="N144355" s="10"/>
    </row>
    <row r="144356" spans="14:14">
      <c r="N144356" s="10"/>
    </row>
    <row r="144357" spans="14:14">
      <c r="N144357" s="10"/>
    </row>
    <row r="144358" spans="14:14">
      <c r="N144358" s="10"/>
    </row>
    <row r="144359" spans="14:14">
      <c r="N144359" s="10"/>
    </row>
    <row r="144360" spans="14:14">
      <c r="N144360" s="10"/>
    </row>
    <row r="144361" spans="14:14">
      <c r="N144361" s="10"/>
    </row>
    <row r="144362" spans="14:14">
      <c r="N144362" s="10"/>
    </row>
    <row r="144363" spans="14:14">
      <c r="N144363" s="10"/>
    </row>
    <row r="144364" spans="14:14">
      <c r="N144364" s="10"/>
    </row>
    <row r="144365" spans="14:14">
      <c r="N144365" s="10"/>
    </row>
    <row r="144366" spans="14:14">
      <c r="N144366" s="10"/>
    </row>
    <row r="144367" spans="14:14">
      <c r="N144367" s="10"/>
    </row>
    <row r="144368" spans="14:14">
      <c r="N144368" s="10"/>
    </row>
    <row r="144369" spans="14:14">
      <c r="N144369" s="10"/>
    </row>
    <row r="144370" spans="14:14">
      <c r="N144370" s="10"/>
    </row>
    <row r="144371" spans="14:14">
      <c r="N144371" s="10"/>
    </row>
    <row r="144372" spans="14:14">
      <c r="N144372" s="10"/>
    </row>
    <row r="144373" spans="14:14">
      <c r="N144373" s="10"/>
    </row>
    <row r="144374" spans="14:14">
      <c r="N144374" s="10"/>
    </row>
    <row r="144375" spans="14:14">
      <c r="N144375" s="10"/>
    </row>
    <row r="144376" spans="14:14">
      <c r="N144376" s="10"/>
    </row>
    <row r="144377" spans="14:14">
      <c r="N144377" s="10"/>
    </row>
    <row r="144378" spans="14:14">
      <c r="N144378" s="10"/>
    </row>
    <row r="144379" spans="14:14">
      <c r="N144379" s="10"/>
    </row>
    <row r="144380" spans="14:14">
      <c r="N144380" s="10"/>
    </row>
    <row r="144381" spans="14:14">
      <c r="N144381" s="10"/>
    </row>
    <row r="144382" spans="14:14">
      <c r="N144382" s="10"/>
    </row>
    <row r="144383" spans="14:14">
      <c r="N144383" s="10"/>
    </row>
    <row r="144384" spans="14:14">
      <c r="N144384" s="10"/>
    </row>
    <row r="144385" spans="14:14">
      <c r="N144385" s="10"/>
    </row>
    <row r="144386" spans="14:14">
      <c r="N144386" s="10"/>
    </row>
    <row r="144387" spans="14:14">
      <c r="N144387" s="10"/>
    </row>
    <row r="144388" spans="14:14">
      <c r="N144388" s="10"/>
    </row>
    <row r="144389" spans="14:14">
      <c r="N144389" s="10"/>
    </row>
    <row r="144390" spans="14:14">
      <c r="N144390" s="10"/>
    </row>
    <row r="144391" spans="14:14">
      <c r="N144391" s="10"/>
    </row>
    <row r="144392" spans="14:14">
      <c r="N144392" s="10"/>
    </row>
    <row r="144393" spans="14:14">
      <c r="N144393" s="10"/>
    </row>
    <row r="144394" spans="14:14">
      <c r="N144394" s="10"/>
    </row>
    <row r="144395" spans="14:14">
      <c r="N144395" s="10"/>
    </row>
    <row r="144396" spans="14:14">
      <c r="N144396" s="10"/>
    </row>
    <row r="144397" spans="14:14">
      <c r="N144397" s="10"/>
    </row>
    <row r="144398" spans="14:14">
      <c r="N144398" s="10"/>
    </row>
    <row r="144399" spans="14:14">
      <c r="N144399" s="10"/>
    </row>
    <row r="144400" spans="14:14">
      <c r="N144400" s="10"/>
    </row>
    <row r="144401" spans="14:14">
      <c r="N144401" s="10"/>
    </row>
    <row r="144402" spans="14:14">
      <c r="N144402" s="10"/>
    </row>
    <row r="144403" spans="14:14">
      <c r="N144403" s="10"/>
    </row>
    <row r="144404" spans="14:14">
      <c r="N144404" s="10"/>
    </row>
    <row r="144405" spans="14:14">
      <c r="N144405" s="10"/>
    </row>
    <row r="144406" spans="14:14">
      <c r="N144406" s="10"/>
    </row>
    <row r="144407" spans="14:14">
      <c r="N144407" s="10"/>
    </row>
    <row r="144408" spans="14:14">
      <c r="N144408" s="10"/>
    </row>
    <row r="144409" spans="14:14">
      <c r="N144409" s="10"/>
    </row>
    <row r="144410" spans="14:14">
      <c r="N144410" s="10"/>
    </row>
    <row r="144411" spans="14:14">
      <c r="N144411" s="10"/>
    </row>
    <row r="144412" spans="14:14">
      <c r="N144412" s="10"/>
    </row>
    <row r="144413" spans="14:14">
      <c r="N144413" s="10"/>
    </row>
    <row r="144414" spans="14:14">
      <c r="N144414" s="10"/>
    </row>
    <row r="144415" spans="14:14">
      <c r="N144415" s="10"/>
    </row>
    <row r="144416" spans="14:14">
      <c r="N144416" s="10"/>
    </row>
    <row r="144417" spans="14:14">
      <c r="N144417" s="10"/>
    </row>
    <row r="144418" spans="14:14">
      <c r="N144418" s="10"/>
    </row>
    <row r="144419" spans="14:14">
      <c r="N144419" s="10"/>
    </row>
    <row r="144420" spans="14:14">
      <c r="N144420" s="10"/>
    </row>
    <row r="144421" spans="14:14">
      <c r="N144421" s="10"/>
    </row>
    <row r="144422" spans="14:14">
      <c r="N144422" s="10"/>
    </row>
    <row r="144423" spans="14:14">
      <c r="N144423" s="10"/>
    </row>
    <row r="144424" spans="14:14">
      <c r="N144424" s="10"/>
    </row>
    <row r="144425" spans="14:14">
      <c r="N144425" s="10"/>
    </row>
    <row r="144426" spans="14:14">
      <c r="N144426" s="10"/>
    </row>
    <row r="144427" spans="14:14">
      <c r="N144427" s="10"/>
    </row>
    <row r="144428" spans="14:14">
      <c r="N144428" s="10"/>
    </row>
    <row r="144429" spans="14:14">
      <c r="N144429" s="10"/>
    </row>
    <row r="144430" spans="14:14">
      <c r="N144430" s="10"/>
    </row>
    <row r="144431" spans="14:14">
      <c r="N144431" s="10"/>
    </row>
    <row r="144432" spans="14:14">
      <c r="N144432" s="10"/>
    </row>
    <row r="144433" spans="14:14">
      <c r="N144433" s="10"/>
    </row>
    <row r="144434" spans="14:14">
      <c r="N144434" s="10"/>
    </row>
    <row r="144435" spans="14:14">
      <c r="N144435" s="10"/>
    </row>
    <row r="144436" spans="14:14">
      <c r="N144436" s="10"/>
    </row>
    <row r="144437" spans="14:14">
      <c r="N144437" s="10"/>
    </row>
    <row r="144438" spans="14:14">
      <c r="N144438" s="10"/>
    </row>
    <row r="144439" spans="14:14">
      <c r="N144439" s="10"/>
    </row>
    <row r="144440" spans="14:14">
      <c r="N144440" s="10"/>
    </row>
    <row r="144441" spans="14:14">
      <c r="N144441" s="10"/>
    </row>
    <row r="144442" spans="14:14">
      <c r="N144442" s="10"/>
    </row>
    <row r="144443" spans="14:14">
      <c r="N144443" s="10"/>
    </row>
    <row r="144444" spans="14:14">
      <c r="N144444" s="10"/>
    </row>
    <row r="144445" spans="14:14">
      <c r="N144445" s="10"/>
    </row>
    <row r="144446" spans="14:14">
      <c r="N144446" s="10"/>
    </row>
    <row r="144447" spans="14:14">
      <c r="N144447" s="10"/>
    </row>
    <row r="144448" spans="14:14">
      <c r="N144448" s="10"/>
    </row>
    <row r="144449" spans="14:14">
      <c r="N144449" s="10"/>
    </row>
    <row r="144450" spans="14:14">
      <c r="N144450" s="10"/>
    </row>
    <row r="144451" spans="14:14">
      <c r="N144451" s="10"/>
    </row>
    <row r="144452" spans="14:14">
      <c r="N144452" s="10"/>
    </row>
    <row r="144453" spans="14:14">
      <c r="N144453" s="10"/>
    </row>
    <row r="144454" spans="14:14">
      <c r="N144454" s="10"/>
    </row>
    <row r="144455" spans="14:14">
      <c r="N144455" s="10"/>
    </row>
    <row r="144456" spans="14:14">
      <c r="N144456" s="10"/>
    </row>
    <row r="144457" spans="14:14">
      <c r="N144457" s="10"/>
    </row>
    <row r="144458" spans="14:14">
      <c r="N144458" s="10"/>
    </row>
    <row r="144459" spans="14:14">
      <c r="N144459" s="10"/>
    </row>
    <row r="144460" spans="14:14">
      <c r="N144460" s="10"/>
    </row>
    <row r="144461" spans="14:14">
      <c r="N144461" s="10"/>
    </row>
    <row r="144462" spans="14:14">
      <c r="N144462" s="10"/>
    </row>
    <row r="144463" spans="14:14">
      <c r="N144463" s="10"/>
    </row>
    <row r="144464" spans="14:14">
      <c r="N144464" s="10"/>
    </row>
    <row r="144465" spans="14:14">
      <c r="N144465" s="10"/>
    </row>
    <row r="144466" spans="14:14">
      <c r="N144466" s="10"/>
    </row>
    <row r="144467" spans="14:14">
      <c r="N144467" s="10"/>
    </row>
    <row r="144468" spans="14:14">
      <c r="N144468" s="10"/>
    </row>
    <row r="144469" spans="14:14">
      <c r="N144469" s="10"/>
    </row>
    <row r="144470" spans="14:14">
      <c r="N144470" s="10"/>
    </row>
    <row r="144471" spans="14:14">
      <c r="N144471" s="10"/>
    </row>
    <row r="144472" spans="14:14">
      <c r="N144472" s="10"/>
    </row>
    <row r="144473" spans="14:14">
      <c r="N144473" s="10"/>
    </row>
    <row r="144474" spans="14:14">
      <c r="N144474" s="10"/>
    </row>
    <row r="144475" spans="14:14">
      <c r="N144475" s="10"/>
    </row>
    <row r="144476" spans="14:14">
      <c r="N144476" s="10"/>
    </row>
    <row r="144477" spans="14:14">
      <c r="N144477" s="10"/>
    </row>
    <row r="144478" spans="14:14">
      <c r="N144478" s="10"/>
    </row>
    <row r="144479" spans="14:14">
      <c r="N144479" s="10"/>
    </row>
    <row r="144480" spans="14:14">
      <c r="N144480" s="10"/>
    </row>
    <row r="144481" spans="14:14">
      <c r="N144481" s="10"/>
    </row>
    <row r="144482" spans="14:14">
      <c r="N144482" s="10"/>
    </row>
    <row r="144483" spans="14:14">
      <c r="N144483" s="10"/>
    </row>
    <row r="144484" spans="14:14">
      <c r="N144484" s="10"/>
    </row>
    <row r="144485" spans="14:14">
      <c r="N144485" s="10"/>
    </row>
    <row r="144486" spans="14:14">
      <c r="N144486" s="10"/>
    </row>
    <row r="144487" spans="14:14">
      <c r="N144487" s="10"/>
    </row>
    <row r="144488" spans="14:14">
      <c r="N144488" s="10"/>
    </row>
    <row r="144489" spans="14:14">
      <c r="N144489" s="10"/>
    </row>
    <row r="144490" spans="14:14">
      <c r="N144490" s="10"/>
    </row>
    <row r="144491" spans="14:14">
      <c r="N144491" s="10"/>
    </row>
    <row r="144492" spans="14:14">
      <c r="N144492" s="10"/>
    </row>
    <row r="144493" spans="14:14">
      <c r="N144493" s="10"/>
    </row>
    <row r="144494" spans="14:14">
      <c r="N144494" s="10"/>
    </row>
    <row r="144495" spans="14:14">
      <c r="N144495" s="10"/>
    </row>
    <row r="144496" spans="14:14">
      <c r="N144496" s="10"/>
    </row>
    <row r="144497" spans="14:14">
      <c r="N144497" s="10"/>
    </row>
    <row r="144498" spans="14:14">
      <c r="N144498" s="10"/>
    </row>
    <row r="144499" spans="14:14">
      <c r="N144499" s="10"/>
    </row>
    <row r="144500" spans="14:14">
      <c r="N144500" s="10"/>
    </row>
    <row r="144501" spans="14:14">
      <c r="N144501" s="10"/>
    </row>
    <row r="144502" spans="14:14">
      <c r="N144502" s="10"/>
    </row>
    <row r="144503" spans="14:14">
      <c r="N144503" s="10"/>
    </row>
    <row r="144504" spans="14:14">
      <c r="N144504" s="10"/>
    </row>
    <row r="144505" spans="14:14">
      <c r="N144505" s="10"/>
    </row>
    <row r="144506" spans="14:14">
      <c r="N144506" s="10"/>
    </row>
    <row r="144507" spans="14:14">
      <c r="N144507" s="10"/>
    </row>
    <row r="144508" spans="14:14">
      <c r="N144508" s="10"/>
    </row>
    <row r="144509" spans="14:14">
      <c r="N144509" s="10"/>
    </row>
    <row r="144510" spans="14:14">
      <c r="N144510" s="10"/>
    </row>
    <row r="144511" spans="14:14">
      <c r="N144511" s="10"/>
    </row>
    <row r="144512" spans="14:14">
      <c r="N144512" s="10"/>
    </row>
    <row r="144513" spans="14:14">
      <c r="N144513" s="10"/>
    </row>
    <row r="144514" spans="14:14">
      <c r="N144514" s="10"/>
    </row>
    <row r="144515" spans="14:14">
      <c r="N144515" s="10"/>
    </row>
    <row r="144516" spans="14:14">
      <c r="N144516" s="10"/>
    </row>
    <row r="144517" spans="14:14">
      <c r="N144517" s="10"/>
    </row>
    <row r="144518" spans="14:14">
      <c r="N144518" s="10"/>
    </row>
    <row r="144519" spans="14:14">
      <c r="N144519" s="10"/>
    </row>
    <row r="144520" spans="14:14">
      <c r="N144520" s="10"/>
    </row>
    <row r="144521" spans="14:14">
      <c r="N144521" s="10"/>
    </row>
    <row r="144522" spans="14:14">
      <c r="N144522" s="10"/>
    </row>
    <row r="144523" spans="14:14">
      <c r="N144523" s="10"/>
    </row>
    <row r="144524" spans="14:14">
      <c r="N144524" s="10"/>
    </row>
    <row r="144525" spans="14:14">
      <c r="N144525" s="10"/>
    </row>
    <row r="144526" spans="14:14">
      <c r="N144526" s="10"/>
    </row>
    <row r="144527" spans="14:14">
      <c r="N144527" s="10"/>
    </row>
    <row r="144528" spans="14:14">
      <c r="N144528" s="10"/>
    </row>
    <row r="144529" spans="14:14">
      <c r="N144529" s="10"/>
    </row>
    <row r="144530" spans="14:14">
      <c r="N144530" s="10"/>
    </row>
    <row r="144531" spans="14:14">
      <c r="N144531" s="10"/>
    </row>
    <row r="144532" spans="14:14">
      <c r="N144532" s="10"/>
    </row>
    <row r="144533" spans="14:14">
      <c r="N144533" s="10"/>
    </row>
    <row r="144534" spans="14:14">
      <c r="N144534" s="10"/>
    </row>
    <row r="144535" spans="14:14">
      <c r="N144535" s="10"/>
    </row>
    <row r="144536" spans="14:14">
      <c r="N144536" s="10"/>
    </row>
    <row r="144537" spans="14:14">
      <c r="N144537" s="10"/>
    </row>
    <row r="144538" spans="14:14">
      <c r="N144538" s="10"/>
    </row>
    <row r="144539" spans="14:14">
      <c r="N144539" s="10"/>
    </row>
    <row r="144540" spans="14:14">
      <c r="N144540" s="10"/>
    </row>
    <row r="144541" spans="14:14">
      <c r="N144541" s="10"/>
    </row>
    <row r="144542" spans="14:14">
      <c r="N144542" s="10"/>
    </row>
    <row r="144543" spans="14:14">
      <c r="N144543" s="10"/>
    </row>
    <row r="144544" spans="14:14">
      <c r="N144544" s="10"/>
    </row>
    <row r="144545" spans="14:14">
      <c r="N144545" s="10"/>
    </row>
    <row r="144546" spans="14:14">
      <c r="N144546" s="10"/>
    </row>
    <row r="144547" spans="14:14">
      <c r="N144547" s="10"/>
    </row>
    <row r="144548" spans="14:14">
      <c r="N144548" s="10"/>
    </row>
    <row r="144549" spans="14:14">
      <c r="N144549" s="10"/>
    </row>
    <row r="144550" spans="14:14">
      <c r="N144550" s="10"/>
    </row>
    <row r="144551" spans="14:14">
      <c r="N144551" s="10"/>
    </row>
    <row r="144552" spans="14:14">
      <c r="N144552" s="10"/>
    </row>
    <row r="144553" spans="14:14">
      <c r="N144553" s="10"/>
    </row>
    <row r="144554" spans="14:14">
      <c r="N144554" s="10"/>
    </row>
    <row r="144555" spans="14:14">
      <c r="N144555" s="10"/>
    </row>
    <row r="144556" spans="14:14">
      <c r="N144556" s="10"/>
    </row>
    <row r="144557" spans="14:14">
      <c r="N144557" s="10"/>
    </row>
    <row r="144558" spans="14:14">
      <c r="N144558" s="10"/>
    </row>
    <row r="144559" spans="14:14">
      <c r="N144559" s="10"/>
    </row>
    <row r="144560" spans="14:14">
      <c r="N144560" s="10"/>
    </row>
    <row r="144561" spans="14:14">
      <c r="N144561" s="10"/>
    </row>
    <row r="144562" spans="14:14">
      <c r="N144562" s="10"/>
    </row>
    <row r="144563" spans="14:14">
      <c r="N144563" s="10"/>
    </row>
    <row r="144564" spans="14:14">
      <c r="N144564" s="10"/>
    </row>
    <row r="144565" spans="14:14">
      <c r="N144565" s="10"/>
    </row>
    <row r="144566" spans="14:14">
      <c r="N144566" s="10"/>
    </row>
    <row r="144567" spans="14:14">
      <c r="N144567" s="10"/>
    </row>
    <row r="144568" spans="14:14">
      <c r="N144568" s="10"/>
    </row>
    <row r="144569" spans="14:14">
      <c r="N144569" s="10"/>
    </row>
    <row r="144570" spans="14:14">
      <c r="N144570" s="10"/>
    </row>
    <row r="144571" spans="14:14">
      <c r="N144571" s="10"/>
    </row>
    <row r="144572" spans="14:14">
      <c r="N144572" s="10"/>
    </row>
    <row r="144573" spans="14:14">
      <c r="N144573" s="10"/>
    </row>
    <row r="144574" spans="14:14">
      <c r="N144574" s="10"/>
    </row>
    <row r="144575" spans="14:14">
      <c r="N144575" s="10"/>
    </row>
    <row r="144576" spans="14:14">
      <c r="N144576" s="10"/>
    </row>
    <row r="144577" spans="14:14">
      <c r="N144577" s="10"/>
    </row>
    <row r="144578" spans="14:14">
      <c r="N144578" s="10"/>
    </row>
    <row r="144579" spans="14:14">
      <c r="N144579" s="10"/>
    </row>
    <row r="144580" spans="14:14">
      <c r="N144580" s="10"/>
    </row>
    <row r="144581" spans="14:14">
      <c r="N144581" s="10"/>
    </row>
    <row r="144582" spans="14:14">
      <c r="N144582" s="10"/>
    </row>
    <row r="144583" spans="14:14">
      <c r="N144583" s="10"/>
    </row>
    <row r="144584" spans="14:14">
      <c r="N144584" s="10"/>
    </row>
    <row r="144585" spans="14:14">
      <c r="N144585" s="10"/>
    </row>
    <row r="144586" spans="14:14">
      <c r="N144586" s="10"/>
    </row>
    <row r="144587" spans="14:14">
      <c r="N144587" s="10"/>
    </row>
    <row r="144588" spans="14:14">
      <c r="N144588" s="10"/>
    </row>
    <row r="144589" spans="14:14">
      <c r="N144589" s="10"/>
    </row>
    <row r="144590" spans="14:14">
      <c r="N144590" s="10"/>
    </row>
    <row r="144591" spans="14:14">
      <c r="N144591" s="10"/>
    </row>
    <row r="144592" spans="14:14">
      <c r="N144592" s="10"/>
    </row>
    <row r="144593" spans="14:14">
      <c r="N144593" s="10"/>
    </row>
    <row r="144594" spans="14:14">
      <c r="N144594" s="10"/>
    </row>
    <row r="144595" spans="14:14">
      <c r="N144595" s="10"/>
    </row>
    <row r="144596" spans="14:14">
      <c r="N144596" s="10"/>
    </row>
    <row r="144597" spans="14:14">
      <c r="N144597" s="10"/>
    </row>
    <row r="144598" spans="14:14">
      <c r="N144598" s="10"/>
    </row>
    <row r="144599" spans="14:14">
      <c r="N144599" s="10"/>
    </row>
    <row r="144600" spans="14:14">
      <c r="N144600" s="10"/>
    </row>
    <row r="144601" spans="14:14">
      <c r="N144601" s="10"/>
    </row>
    <row r="144602" spans="14:14">
      <c r="N144602" s="10"/>
    </row>
    <row r="144603" spans="14:14">
      <c r="N144603" s="10"/>
    </row>
    <row r="144604" spans="14:14">
      <c r="N144604" s="10"/>
    </row>
    <row r="144605" spans="14:14">
      <c r="N144605" s="10"/>
    </row>
    <row r="144606" spans="14:14">
      <c r="N144606" s="10"/>
    </row>
    <row r="144607" spans="14:14">
      <c r="N144607" s="10"/>
    </row>
    <row r="144608" spans="14:14">
      <c r="N144608" s="10"/>
    </row>
    <row r="144609" spans="14:14">
      <c r="N144609" s="10"/>
    </row>
    <row r="144610" spans="14:14">
      <c r="N144610" s="10"/>
    </row>
    <row r="144611" spans="14:14">
      <c r="N144611" s="10"/>
    </row>
    <row r="144612" spans="14:14">
      <c r="N144612" s="10"/>
    </row>
    <row r="144613" spans="14:14">
      <c r="N144613" s="10"/>
    </row>
    <row r="144614" spans="14:14">
      <c r="N144614" s="10"/>
    </row>
    <row r="144615" spans="14:14">
      <c r="N144615" s="10"/>
    </row>
    <row r="144616" spans="14:14">
      <c r="N144616" s="10"/>
    </row>
    <row r="144617" spans="14:14">
      <c r="N144617" s="10"/>
    </row>
    <row r="144618" spans="14:14">
      <c r="N144618" s="10"/>
    </row>
    <row r="144619" spans="14:14">
      <c r="N144619" s="10"/>
    </row>
    <row r="144620" spans="14:14">
      <c r="N144620" s="10"/>
    </row>
    <row r="144621" spans="14:14">
      <c r="N144621" s="10"/>
    </row>
    <row r="144622" spans="14:14">
      <c r="N144622" s="10"/>
    </row>
    <row r="144623" spans="14:14">
      <c r="N144623" s="10"/>
    </row>
    <row r="144624" spans="14:14">
      <c r="N144624" s="10"/>
    </row>
    <row r="144625" spans="14:14">
      <c r="N144625" s="10"/>
    </row>
    <row r="144626" spans="14:14">
      <c r="N144626" s="10"/>
    </row>
    <row r="144627" spans="14:14">
      <c r="N144627" s="10"/>
    </row>
    <row r="144628" spans="14:14">
      <c r="N144628" s="10"/>
    </row>
    <row r="144629" spans="14:14">
      <c r="N144629" s="10"/>
    </row>
    <row r="144630" spans="14:14">
      <c r="N144630" s="10"/>
    </row>
    <row r="144631" spans="14:14">
      <c r="N144631" s="10"/>
    </row>
    <row r="144632" spans="14:14">
      <c r="N144632" s="10"/>
    </row>
    <row r="144633" spans="14:14">
      <c r="N144633" s="10"/>
    </row>
    <row r="144634" spans="14:14">
      <c r="N144634" s="10"/>
    </row>
    <row r="144635" spans="14:14">
      <c r="N144635" s="10"/>
    </row>
    <row r="144636" spans="14:14">
      <c r="N144636" s="10"/>
    </row>
    <row r="144637" spans="14:14">
      <c r="N144637" s="10"/>
    </row>
    <row r="144638" spans="14:14">
      <c r="N144638" s="10"/>
    </row>
    <row r="144639" spans="14:14">
      <c r="N144639" s="10"/>
    </row>
    <row r="144640" spans="14:14">
      <c r="N144640" s="10"/>
    </row>
    <row r="144641" spans="14:14">
      <c r="N144641" s="10"/>
    </row>
    <row r="144642" spans="14:14">
      <c r="N144642" s="10"/>
    </row>
    <row r="144643" spans="14:14">
      <c r="N144643" s="10"/>
    </row>
    <row r="144644" spans="14:14">
      <c r="N144644" s="10"/>
    </row>
    <row r="144645" spans="14:14">
      <c r="N144645" s="10"/>
    </row>
    <row r="144646" spans="14:14">
      <c r="N144646" s="10"/>
    </row>
    <row r="144647" spans="14:14">
      <c r="N144647" s="10"/>
    </row>
    <row r="144648" spans="14:14">
      <c r="N144648" s="10"/>
    </row>
    <row r="144649" spans="14:14">
      <c r="N144649" s="10"/>
    </row>
    <row r="144650" spans="14:14">
      <c r="N144650" s="10"/>
    </row>
    <row r="144651" spans="14:14">
      <c r="N144651" s="10"/>
    </row>
    <row r="144652" spans="14:14">
      <c r="N144652" s="10"/>
    </row>
    <row r="144653" spans="14:14">
      <c r="N144653" s="10"/>
    </row>
    <row r="144654" spans="14:14">
      <c r="N144654" s="10"/>
    </row>
    <row r="144655" spans="14:14">
      <c r="N144655" s="10"/>
    </row>
    <row r="144656" spans="14:14">
      <c r="N144656" s="10"/>
    </row>
    <row r="144657" spans="14:14">
      <c r="N144657" s="10"/>
    </row>
    <row r="144658" spans="14:14">
      <c r="N144658" s="10"/>
    </row>
    <row r="144659" spans="14:14">
      <c r="N144659" s="10"/>
    </row>
    <row r="144660" spans="14:14">
      <c r="N144660" s="10"/>
    </row>
    <row r="144661" spans="14:14">
      <c r="N144661" s="10"/>
    </row>
    <row r="144662" spans="14:14">
      <c r="N144662" s="10"/>
    </row>
    <row r="144663" spans="14:14">
      <c r="N144663" s="10"/>
    </row>
    <row r="144664" spans="14:14">
      <c r="N144664" s="10"/>
    </row>
    <row r="144665" spans="14:14">
      <c r="N144665" s="10"/>
    </row>
    <row r="144666" spans="14:14">
      <c r="N144666" s="10"/>
    </row>
    <row r="144667" spans="14:14">
      <c r="N144667" s="10"/>
    </row>
    <row r="144668" spans="14:14">
      <c r="N144668" s="10"/>
    </row>
    <row r="144669" spans="14:14">
      <c r="N144669" s="10"/>
    </row>
    <row r="144670" spans="14:14">
      <c r="N144670" s="10"/>
    </row>
    <row r="144671" spans="14:14">
      <c r="N144671" s="10"/>
    </row>
    <row r="144672" spans="14:14">
      <c r="N144672" s="10"/>
    </row>
    <row r="144673" spans="14:14">
      <c r="N144673" s="10"/>
    </row>
    <row r="144674" spans="14:14">
      <c r="N144674" s="10"/>
    </row>
    <row r="144675" spans="14:14">
      <c r="N144675" s="10"/>
    </row>
    <row r="144676" spans="14:14">
      <c r="N144676" s="10"/>
    </row>
    <row r="144677" spans="14:14">
      <c r="N144677" s="10"/>
    </row>
    <row r="144678" spans="14:14">
      <c r="N144678" s="10"/>
    </row>
    <row r="144679" spans="14:14">
      <c r="N144679" s="10"/>
    </row>
    <row r="144680" spans="14:14">
      <c r="N144680" s="10"/>
    </row>
    <row r="144681" spans="14:14">
      <c r="N144681" s="10"/>
    </row>
    <row r="144682" spans="14:14">
      <c r="N144682" s="10"/>
    </row>
    <row r="144683" spans="14:14">
      <c r="N144683" s="10"/>
    </row>
    <row r="144684" spans="14:14">
      <c r="N144684" s="10"/>
    </row>
    <row r="144685" spans="14:14">
      <c r="N144685" s="10"/>
    </row>
    <row r="144686" spans="14:14">
      <c r="N144686" s="10"/>
    </row>
    <row r="144687" spans="14:14">
      <c r="N144687" s="10"/>
    </row>
    <row r="144688" spans="14:14">
      <c r="N144688" s="10"/>
    </row>
    <row r="144689" spans="14:14">
      <c r="N144689" s="10"/>
    </row>
    <row r="144690" spans="14:14">
      <c r="N144690" s="10"/>
    </row>
    <row r="144691" spans="14:14">
      <c r="N144691" s="10"/>
    </row>
    <row r="144692" spans="14:14">
      <c r="N144692" s="10"/>
    </row>
    <row r="144693" spans="14:14">
      <c r="N144693" s="10"/>
    </row>
    <row r="144694" spans="14:14">
      <c r="N144694" s="10"/>
    </row>
    <row r="144695" spans="14:14">
      <c r="N144695" s="10"/>
    </row>
    <row r="144696" spans="14:14">
      <c r="N144696" s="10"/>
    </row>
    <row r="144697" spans="14:14">
      <c r="N144697" s="10"/>
    </row>
    <row r="144698" spans="14:14">
      <c r="N144698" s="10"/>
    </row>
    <row r="144699" spans="14:14">
      <c r="N144699" s="10"/>
    </row>
    <row r="144700" spans="14:14">
      <c r="N144700" s="10"/>
    </row>
    <row r="144701" spans="14:14">
      <c r="N144701" s="10"/>
    </row>
    <row r="144702" spans="14:14">
      <c r="N144702" s="10"/>
    </row>
    <row r="144703" spans="14:14">
      <c r="N144703" s="10"/>
    </row>
    <row r="144704" spans="14:14">
      <c r="N144704" s="10"/>
    </row>
    <row r="144705" spans="14:14">
      <c r="N144705" s="10"/>
    </row>
    <row r="144706" spans="14:14">
      <c r="N144706" s="10"/>
    </row>
    <row r="144707" spans="14:14">
      <c r="N144707" s="10"/>
    </row>
    <row r="144708" spans="14:14">
      <c r="N144708" s="10"/>
    </row>
    <row r="144709" spans="14:14">
      <c r="N144709" s="10"/>
    </row>
    <row r="144710" spans="14:14">
      <c r="N144710" s="10"/>
    </row>
    <row r="144711" spans="14:14">
      <c r="N144711" s="10"/>
    </row>
    <row r="144712" spans="14:14">
      <c r="N144712" s="10"/>
    </row>
    <row r="144713" spans="14:14">
      <c r="N144713" s="10"/>
    </row>
    <row r="144714" spans="14:14">
      <c r="N144714" s="10"/>
    </row>
    <row r="144715" spans="14:14">
      <c r="N144715" s="10"/>
    </row>
    <row r="144716" spans="14:14">
      <c r="N144716" s="10"/>
    </row>
    <row r="144717" spans="14:14">
      <c r="N144717" s="10"/>
    </row>
    <row r="144718" spans="14:14">
      <c r="N144718" s="10"/>
    </row>
    <row r="144719" spans="14:14">
      <c r="N144719" s="10"/>
    </row>
    <row r="144720" spans="14:14">
      <c r="N144720" s="10"/>
    </row>
    <row r="144721" spans="14:14">
      <c r="N144721" s="10"/>
    </row>
    <row r="144722" spans="14:14">
      <c r="N144722" s="10"/>
    </row>
    <row r="144723" spans="14:14">
      <c r="N144723" s="10"/>
    </row>
    <row r="144724" spans="14:14">
      <c r="N144724" s="10"/>
    </row>
    <row r="144725" spans="14:14">
      <c r="N144725" s="10"/>
    </row>
    <row r="144726" spans="14:14">
      <c r="N144726" s="10"/>
    </row>
    <row r="144727" spans="14:14">
      <c r="N144727" s="10"/>
    </row>
    <row r="144728" spans="14:14">
      <c r="N144728" s="10"/>
    </row>
    <row r="144729" spans="14:14">
      <c r="N144729" s="10"/>
    </row>
    <row r="144730" spans="14:14">
      <c r="N144730" s="10"/>
    </row>
    <row r="144731" spans="14:14">
      <c r="N144731" s="10"/>
    </row>
    <row r="144732" spans="14:14">
      <c r="N144732" s="10"/>
    </row>
    <row r="144733" spans="14:14">
      <c r="N144733" s="10"/>
    </row>
    <row r="144734" spans="14:14">
      <c r="N144734" s="10"/>
    </row>
    <row r="144735" spans="14:14">
      <c r="N144735" s="10"/>
    </row>
    <row r="144736" spans="14:14">
      <c r="N144736" s="10"/>
    </row>
    <row r="144737" spans="14:14">
      <c r="N144737" s="10"/>
    </row>
    <row r="144738" spans="14:14">
      <c r="N144738" s="10"/>
    </row>
    <row r="144739" spans="14:14">
      <c r="N144739" s="10"/>
    </row>
    <row r="144740" spans="14:14">
      <c r="N144740" s="10"/>
    </row>
    <row r="144741" spans="14:14">
      <c r="N144741" s="10"/>
    </row>
    <row r="144742" spans="14:14">
      <c r="N144742" s="10"/>
    </row>
    <row r="144743" spans="14:14">
      <c r="N144743" s="10"/>
    </row>
    <row r="144744" spans="14:14">
      <c r="N144744" s="10"/>
    </row>
    <row r="144745" spans="14:14">
      <c r="N144745" s="10"/>
    </row>
    <row r="144746" spans="14:14">
      <c r="N144746" s="10"/>
    </row>
    <row r="144747" spans="14:14">
      <c r="N144747" s="10"/>
    </row>
    <row r="144748" spans="14:14">
      <c r="N144748" s="10"/>
    </row>
    <row r="144749" spans="14:14">
      <c r="N144749" s="10"/>
    </row>
    <row r="144750" spans="14:14">
      <c r="N144750" s="10"/>
    </row>
    <row r="144751" spans="14:14">
      <c r="N144751" s="10"/>
    </row>
    <row r="144752" spans="14:14">
      <c r="N144752" s="10"/>
    </row>
    <row r="144753" spans="14:14">
      <c r="N144753" s="10"/>
    </row>
    <row r="144754" spans="14:14">
      <c r="N144754" s="10"/>
    </row>
    <row r="144755" spans="14:14">
      <c r="N144755" s="10"/>
    </row>
    <row r="144756" spans="14:14">
      <c r="N144756" s="10"/>
    </row>
    <row r="144757" spans="14:14">
      <c r="N144757" s="10"/>
    </row>
    <row r="144758" spans="14:14">
      <c r="N144758" s="10"/>
    </row>
    <row r="144759" spans="14:14">
      <c r="N144759" s="10"/>
    </row>
    <row r="144760" spans="14:14">
      <c r="N144760" s="10"/>
    </row>
    <row r="144761" spans="14:14">
      <c r="N144761" s="10"/>
    </row>
    <row r="144762" spans="14:14">
      <c r="N144762" s="10"/>
    </row>
    <row r="144763" spans="14:14">
      <c r="N144763" s="10"/>
    </row>
    <row r="144764" spans="14:14">
      <c r="N144764" s="10"/>
    </row>
    <row r="144765" spans="14:14">
      <c r="N144765" s="10"/>
    </row>
    <row r="144766" spans="14:14">
      <c r="N144766" s="10"/>
    </row>
    <row r="144767" spans="14:14">
      <c r="N144767" s="10"/>
    </row>
    <row r="144768" spans="14:14">
      <c r="N144768" s="10"/>
    </row>
    <row r="144769" spans="14:14">
      <c r="N144769" s="10"/>
    </row>
    <row r="144770" spans="14:14">
      <c r="N144770" s="10"/>
    </row>
    <row r="144771" spans="14:14">
      <c r="N144771" s="10"/>
    </row>
    <row r="144772" spans="14:14">
      <c r="N144772" s="10"/>
    </row>
    <row r="144773" spans="14:14">
      <c r="N144773" s="10"/>
    </row>
    <row r="144774" spans="14:14">
      <c r="N144774" s="10"/>
    </row>
    <row r="144775" spans="14:14">
      <c r="N144775" s="10"/>
    </row>
    <row r="144776" spans="14:14">
      <c r="N144776" s="10"/>
    </row>
    <row r="144777" spans="14:14">
      <c r="N144777" s="10"/>
    </row>
    <row r="144778" spans="14:14">
      <c r="N144778" s="10"/>
    </row>
    <row r="144779" spans="14:14">
      <c r="N144779" s="10"/>
    </row>
    <row r="144780" spans="14:14">
      <c r="N144780" s="10"/>
    </row>
    <row r="144781" spans="14:14">
      <c r="N144781" s="10"/>
    </row>
    <row r="144782" spans="14:14">
      <c r="N144782" s="10"/>
    </row>
    <row r="144783" spans="14:14">
      <c r="N144783" s="10"/>
    </row>
    <row r="144784" spans="14:14">
      <c r="N144784" s="10"/>
    </row>
    <row r="144785" spans="14:14">
      <c r="N144785" s="10"/>
    </row>
    <row r="144786" spans="14:14">
      <c r="N144786" s="10"/>
    </row>
    <row r="144787" spans="14:14">
      <c r="N144787" s="10"/>
    </row>
    <row r="144788" spans="14:14">
      <c r="N144788" s="10"/>
    </row>
    <row r="144789" spans="14:14">
      <c r="N144789" s="10"/>
    </row>
    <row r="144790" spans="14:14">
      <c r="N144790" s="10"/>
    </row>
    <row r="144791" spans="14:14">
      <c r="N144791" s="10"/>
    </row>
    <row r="144792" spans="14:14">
      <c r="N144792" s="10"/>
    </row>
    <row r="144793" spans="14:14">
      <c r="N144793" s="10"/>
    </row>
    <row r="144794" spans="14:14">
      <c r="N144794" s="10"/>
    </row>
    <row r="144795" spans="14:14">
      <c r="N144795" s="10"/>
    </row>
    <row r="144796" spans="14:14">
      <c r="N144796" s="10"/>
    </row>
    <row r="144797" spans="14:14">
      <c r="N144797" s="10"/>
    </row>
    <row r="144798" spans="14:14">
      <c r="N144798" s="10"/>
    </row>
    <row r="144799" spans="14:14">
      <c r="N144799" s="10"/>
    </row>
    <row r="144800" spans="14:14">
      <c r="N144800" s="10"/>
    </row>
    <row r="144801" spans="14:14">
      <c r="N144801" s="10"/>
    </row>
    <row r="144802" spans="14:14">
      <c r="N144802" s="10"/>
    </row>
    <row r="144803" spans="14:14">
      <c r="N144803" s="10"/>
    </row>
    <row r="144804" spans="14:14">
      <c r="N144804" s="10"/>
    </row>
    <row r="144805" spans="14:14">
      <c r="N144805" s="10"/>
    </row>
    <row r="144806" spans="14:14">
      <c r="N144806" s="10"/>
    </row>
    <row r="144807" spans="14:14">
      <c r="N144807" s="10"/>
    </row>
    <row r="144808" spans="14:14">
      <c r="N144808" s="10"/>
    </row>
    <row r="144809" spans="14:14">
      <c r="N144809" s="10"/>
    </row>
    <row r="144810" spans="14:14">
      <c r="N144810" s="10"/>
    </row>
    <row r="144811" spans="14:14">
      <c r="N144811" s="10"/>
    </row>
    <row r="144812" spans="14:14">
      <c r="N144812" s="10"/>
    </row>
    <row r="144813" spans="14:14">
      <c r="N144813" s="10"/>
    </row>
    <row r="144814" spans="14:14">
      <c r="N144814" s="10"/>
    </row>
    <row r="144815" spans="14:14">
      <c r="N144815" s="10"/>
    </row>
    <row r="144816" spans="14:14">
      <c r="N144816" s="10"/>
    </row>
    <row r="144817" spans="14:14">
      <c r="N144817" s="10"/>
    </row>
    <row r="144818" spans="14:14">
      <c r="N144818" s="10"/>
    </row>
    <row r="144819" spans="14:14">
      <c r="N144819" s="10"/>
    </row>
    <row r="144820" spans="14:14">
      <c r="N144820" s="10"/>
    </row>
    <row r="144821" spans="14:14">
      <c r="N144821" s="10"/>
    </row>
    <row r="144822" spans="14:14">
      <c r="N144822" s="10"/>
    </row>
    <row r="144823" spans="14:14">
      <c r="N144823" s="10"/>
    </row>
    <row r="144824" spans="14:14">
      <c r="N144824" s="10"/>
    </row>
    <row r="144825" spans="14:14">
      <c r="N144825" s="10"/>
    </row>
    <row r="144826" spans="14:14">
      <c r="N144826" s="10"/>
    </row>
    <row r="144827" spans="14:14">
      <c r="N144827" s="10"/>
    </row>
    <row r="144828" spans="14:14">
      <c r="N144828" s="10"/>
    </row>
    <row r="144829" spans="14:14">
      <c r="N144829" s="10"/>
    </row>
    <row r="144830" spans="14:14">
      <c r="N144830" s="10"/>
    </row>
    <row r="144831" spans="14:14">
      <c r="N144831" s="10"/>
    </row>
    <row r="144832" spans="14:14">
      <c r="N144832" s="10"/>
    </row>
    <row r="144833" spans="14:14">
      <c r="N144833" s="10"/>
    </row>
    <row r="144834" spans="14:14">
      <c r="N144834" s="10"/>
    </row>
    <row r="144835" spans="14:14">
      <c r="N144835" s="10"/>
    </row>
    <row r="144836" spans="14:14">
      <c r="N144836" s="10"/>
    </row>
    <row r="144837" spans="14:14">
      <c r="N144837" s="10"/>
    </row>
    <row r="144838" spans="14:14">
      <c r="N144838" s="10"/>
    </row>
    <row r="144839" spans="14:14">
      <c r="N144839" s="10"/>
    </row>
    <row r="144840" spans="14:14">
      <c r="N144840" s="10"/>
    </row>
    <row r="144841" spans="14:14">
      <c r="N144841" s="10"/>
    </row>
    <row r="144842" spans="14:14">
      <c r="N144842" s="10"/>
    </row>
    <row r="144843" spans="14:14">
      <c r="N144843" s="10"/>
    </row>
    <row r="144844" spans="14:14">
      <c r="N144844" s="10"/>
    </row>
    <row r="144845" spans="14:14">
      <c r="N144845" s="10"/>
    </row>
    <row r="144846" spans="14:14">
      <c r="N144846" s="10"/>
    </row>
    <row r="144847" spans="14:14">
      <c r="N144847" s="10"/>
    </row>
    <row r="144848" spans="14:14">
      <c r="N144848" s="10"/>
    </row>
    <row r="144849" spans="14:14">
      <c r="N144849" s="10"/>
    </row>
    <row r="144850" spans="14:14">
      <c r="N144850" s="10"/>
    </row>
    <row r="144851" spans="14:14">
      <c r="N144851" s="10"/>
    </row>
    <row r="144852" spans="14:14">
      <c r="N144852" s="10"/>
    </row>
    <row r="144853" spans="14:14">
      <c r="N144853" s="10"/>
    </row>
    <row r="144854" spans="14:14">
      <c r="N144854" s="10"/>
    </row>
    <row r="144855" spans="14:14">
      <c r="N144855" s="10"/>
    </row>
    <row r="144856" spans="14:14">
      <c r="N144856" s="10"/>
    </row>
    <row r="144857" spans="14:14">
      <c r="N144857" s="10"/>
    </row>
    <row r="144858" spans="14:14">
      <c r="N144858" s="10"/>
    </row>
    <row r="144859" spans="14:14">
      <c r="N144859" s="10"/>
    </row>
    <row r="144860" spans="14:14">
      <c r="N144860" s="10"/>
    </row>
    <row r="144861" spans="14:14">
      <c r="N144861" s="10"/>
    </row>
    <row r="144862" spans="14:14">
      <c r="N144862" s="10"/>
    </row>
    <row r="144863" spans="14:14">
      <c r="N144863" s="10"/>
    </row>
    <row r="144864" spans="14:14">
      <c r="N144864" s="10"/>
    </row>
    <row r="144865" spans="14:14">
      <c r="N144865" s="10"/>
    </row>
    <row r="144866" spans="14:14">
      <c r="N144866" s="10"/>
    </row>
    <row r="144867" spans="14:14">
      <c r="N144867" s="10"/>
    </row>
    <row r="144868" spans="14:14">
      <c r="N144868" s="10"/>
    </row>
    <row r="144869" spans="14:14">
      <c r="N144869" s="10"/>
    </row>
    <row r="144870" spans="14:14">
      <c r="N144870" s="10"/>
    </row>
    <row r="144871" spans="14:14">
      <c r="N144871" s="10"/>
    </row>
    <row r="144872" spans="14:14">
      <c r="N144872" s="10"/>
    </row>
    <row r="144873" spans="14:14">
      <c r="N144873" s="10"/>
    </row>
    <row r="144874" spans="14:14">
      <c r="N144874" s="10"/>
    </row>
    <row r="144875" spans="14:14">
      <c r="N144875" s="10"/>
    </row>
    <row r="144876" spans="14:14">
      <c r="N144876" s="10"/>
    </row>
    <row r="144877" spans="14:14">
      <c r="N144877" s="10"/>
    </row>
    <row r="144878" spans="14:14">
      <c r="N144878" s="10"/>
    </row>
    <row r="144879" spans="14:14">
      <c r="N144879" s="10"/>
    </row>
    <row r="144880" spans="14:14">
      <c r="N144880" s="10"/>
    </row>
    <row r="144881" spans="14:14">
      <c r="N144881" s="10"/>
    </row>
    <row r="144882" spans="14:14">
      <c r="N144882" s="10"/>
    </row>
    <row r="144883" spans="14:14">
      <c r="N144883" s="10"/>
    </row>
    <row r="144884" spans="14:14">
      <c r="N144884" s="10"/>
    </row>
    <row r="144885" spans="14:14">
      <c r="N144885" s="10"/>
    </row>
    <row r="144886" spans="14:14">
      <c r="N144886" s="10"/>
    </row>
    <row r="144887" spans="14:14">
      <c r="N144887" s="10"/>
    </row>
    <row r="144888" spans="14:14">
      <c r="N144888" s="10"/>
    </row>
    <row r="144889" spans="14:14">
      <c r="N144889" s="10"/>
    </row>
    <row r="144890" spans="14:14">
      <c r="N144890" s="10"/>
    </row>
    <row r="144891" spans="14:14">
      <c r="N144891" s="10"/>
    </row>
    <row r="144892" spans="14:14">
      <c r="N144892" s="10"/>
    </row>
    <row r="144893" spans="14:14">
      <c r="N144893" s="10"/>
    </row>
    <row r="144894" spans="14:14">
      <c r="N144894" s="10"/>
    </row>
    <row r="144895" spans="14:14">
      <c r="N144895" s="10"/>
    </row>
    <row r="144896" spans="14:14">
      <c r="N144896" s="10"/>
    </row>
    <row r="144897" spans="14:14">
      <c r="N144897" s="10"/>
    </row>
    <row r="144898" spans="14:14">
      <c r="N144898" s="10"/>
    </row>
    <row r="144899" spans="14:14">
      <c r="N144899" s="10"/>
    </row>
    <row r="144900" spans="14:14">
      <c r="N144900" s="10"/>
    </row>
    <row r="144901" spans="14:14">
      <c r="N144901" s="10"/>
    </row>
    <row r="144902" spans="14:14">
      <c r="N144902" s="10"/>
    </row>
    <row r="144903" spans="14:14">
      <c r="N144903" s="10"/>
    </row>
    <row r="144904" spans="14:14">
      <c r="N144904" s="10"/>
    </row>
    <row r="144905" spans="14:14">
      <c r="N144905" s="10"/>
    </row>
    <row r="144906" spans="14:14">
      <c r="N144906" s="10"/>
    </row>
    <row r="144907" spans="14:14">
      <c r="N144907" s="10"/>
    </row>
    <row r="144908" spans="14:14">
      <c r="N144908" s="10"/>
    </row>
    <row r="144909" spans="14:14">
      <c r="N144909" s="10"/>
    </row>
    <row r="144910" spans="14:14">
      <c r="N144910" s="10"/>
    </row>
    <row r="144911" spans="14:14">
      <c r="N144911" s="10"/>
    </row>
    <row r="144912" spans="14:14">
      <c r="N144912" s="10"/>
    </row>
    <row r="144913" spans="14:14">
      <c r="N144913" s="10"/>
    </row>
    <row r="144914" spans="14:14">
      <c r="N144914" s="10"/>
    </row>
    <row r="144915" spans="14:14">
      <c r="N144915" s="10"/>
    </row>
    <row r="144916" spans="14:14">
      <c r="N144916" s="10"/>
    </row>
    <row r="144917" spans="14:14">
      <c r="N144917" s="10"/>
    </row>
    <row r="144918" spans="14:14">
      <c r="N144918" s="10"/>
    </row>
    <row r="144919" spans="14:14">
      <c r="N144919" s="10"/>
    </row>
    <row r="144920" spans="14:14">
      <c r="N144920" s="10"/>
    </row>
    <row r="144921" spans="14:14">
      <c r="N144921" s="10"/>
    </row>
    <row r="144922" spans="14:14">
      <c r="N144922" s="10"/>
    </row>
    <row r="144923" spans="14:14">
      <c r="N144923" s="10"/>
    </row>
    <row r="144924" spans="14:14">
      <c r="N144924" s="10"/>
    </row>
    <row r="144925" spans="14:14">
      <c r="N144925" s="10"/>
    </row>
    <row r="144926" spans="14:14">
      <c r="N144926" s="10"/>
    </row>
    <row r="144927" spans="14:14">
      <c r="N144927" s="10"/>
    </row>
    <row r="144928" spans="14:14">
      <c r="N144928" s="10"/>
    </row>
    <row r="144929" spans="14:14">
      <c r="N144929" s="10"/>
    </row>
    <row r="144930" spans="14:14">
      <c r="N144930" s="10"/>
    </row>
    <row r="144931" spans="14:14">
      <c r="N144931" s="10"/>
    </row>
    <row r="144932" spans="14:14">
      <c r="N144932" s="10"/>
    </row>
    <row r="144933" spans="14:14">
      <c r="N144933" s="10"/>
    </row>
    <row r="144934" spans="14:14">
      <c r="N144934" s="10"/>
    </row>
    <row r="144935" spans="14:14">
      <c r="N144935" s="10"/>
    </row>
    <row r="144936" spans="14:14">
      <c r="N144936" s="10"/>
    </row>
    <row r="144937" spans="14:14">
      <c r="N144937" s="10"/>
    </row>
    <row r="144938" spans="14:14">
      <c r="N144938" s="10"/>
    </row>
    <row r="144939" spans="14:14">
      <c r="N144939" s="10"/>
    </row>
    <row r="144940" spans="14:14">
      <c r="N144940" s="10"/>
    </row>
    <row r="144941" spans="14:14">
      <c r="N144941" s="10"/>
    </row>
    <row r="144942" spans="14:14">
      <c r="N144942" s="10"/>
    </row>
    <row r="144943" spans="14:14">
      <c r="N144943" s="10"/>
    </row>
    <row r="144944" spans="14:14">
      <c r="N144944" s="10"/>
    </row>
    <row r="144945" spans="14:14">
      <c r="N144945" s="10"/>
    </row>
    <row r="144946" spans="14:14">
      <c r="N144946" s="10"/>
    </row>
    <row r="144947" spans="14:14">
      <c r="N144947" s="10"/>
    </row>
    <row r="144948" spans="14:14">
      <c r="N144948" s="10"/>
    </row>
    <row r="144949" spans="14:14">
      <c r="N144949" s="10"/>
    </row>
    <row r="144950" spans="14:14">
      <c r="N144950" s="10"/>
    </row>
    <row r="144951" spans="14:14">
      <c r="N144951" s="10"/>
    </row>
    <row r="144952" spans="14:14">
      <c r="N144952" s="10"/>
    </row>
    <row r="144953" spans="14:14">
      <c r="N144953" s="10"/>
    </row>
    <row r="144954" spans="14:14">
      <c r="N144954" s="10"/>
    </row>
    <row r="144955" spans="14:14">
      <c r="N144955" s="10"/>
    </row>
    <row r="144956" spans="14:14">
      <c r="N144956" s="10"/>
    </row>
    <row r="144957" spans="14:14">
      <c r="N144957" s="10"/>
    </row>
    <row r="144958" spans="14:14">
      <c r="N144958" s="10"/>
    </row>
    <row r="144959" spans="14:14">
      <c r="N144959" s="10"/>
    </row>
    <row r="144960" spans="14:14">
      <c r="N144960" s="10"/>
    </row>
    <row r="144961" spans="14:14">
      <c r="N144961" s="10"/>
    </row>
    <row r="144962" spans="14:14">
      <c r="N144962" s="10"/>
    </row>
    <row r="144963" spans="14:14">
      <c r="N144963" s="10"/>
    </row>
    <row r="144964" spans="14:14">
      <c r="N144964" s="10"/>
    </row>
    <row r="144965" spans="14:14">
      <c r="N144965" s="10"/>
    </row>
    <row r="144966" spans="14:14">
      <c r="N144966" s="10"/>
    </row>
    <row r="144967" spans="14:14">
      <c r="N144967" s="10"/>
    </row>
    <row r="144968" spans="14:14">
      <c r="N144968" s="10"/>
    </row>
    <row r="144969" spans="14:14">
      <c r="N144969" s="10"/>
    </row>
    <row r="144970" spans="14:14">
      <c r="N144970" s="10"/>
    </row>
    <row r="144971" spans="14:14">
      <c r="N144971" s="10"/>
    </row>
    <row r="144972" spans="14:14">
      <c r="N144972" s="10"/>
    </row>
    <row r="144973" spans="14:14">
      <c r="N144973" s="10"/>
    </row>
    <row r="144974" spans="14:14">
      <c r="N144974" s="10"/>
    </row>
    <row r="144975" spans="14:14">
      <c r="N144975" s="10"/>
    </row>
    <row r="144976" spans="14:14">
      <c r="N144976" s="10"/>
    </row>
    <row r="144977" spans="14:14">
      <c r="N144977" s="10"/>
    </row>
    <row r="144978" spans="14:14">
      <c r="N144978" s="10"/>
    </row>
    <row r="144979" spans="14:14">
      <c r="N144979" s="10"/>
    </row>
    <row r="144980" spans="14:14">
      <c r="N144980" s="10"/>
    </row>
    <row r="144981" spans="14:14">
      <c r="N144981" s="10"/>
    </row>
    <row r="144982" spans="14:14">
      <c r="N144982" s="10"/>
    </row>
    <row r="144983" spans="14:14">
      <c r="N144983" s="10"/>
    </row>
    <row r="144984" spans="14:14">
      <c r="N144984" s="10"/>
    </row>
    <row r="144985" spans="14:14">
      <c r="N144985" s="10"/>
    </row>
    <row r="144986" spans="14:14">
      <c r="N144986" s="10"/>
    </row>
    <row r="144987" spans="14:14">
      <c r="N144987" s="10"/>
    </row>
    <row r="144988" spans="14:14">
      <c r="N144988" s="10"/>
    </row>
    <row r="144989" spans="14:14">
      <c r="N144989" s="10"/>
    </row>
    <row r="144990" spans="14:14">
      <c r="N144990" s="10"/>
    </row>
    <row r="144991" spans="14:14">
      <c r="N144991" s="10"/>
    </row>
    <row r="144992" spans="14:14">
      <c r="N144992" s="10"/>
    </row>
    <row r="144993" spans="14:14">
      <c r="N144993" s="10"/>
    </row>
    <row r="144994" spans="14:14">
      <c r="N144994" s="10"/>
    </row>
    <row r="144995" spans="14:14">
      <c r="N144995" s="10"/>
    </row>
    <row r="144996" spans="14:14">
      <c r="N144996" s="10"/>
    </row>
    <row r="144997" spans="14:14">
      <c r="N144997" s="10"/>
    </row>
    <row r="144998" spans="14:14">
      <c r="N144998" s="10"/>
    </row>
    <row r="144999" spans="14:14">
      <c r="N144999" s="10"/>
    </row>
    <row r="145000" spans="14:14">
      <c r="N145000" s="10"/>
    </row>
    <row r="145001" spans="14:14">
      <c r="N145001" s="10"/>
    </row>
    <row r="145002" spans="14:14">
      <c r="N145002" s="10"/>
    </row>
    <row r="145003" spans="14:14">
      <c r="N145003" s="10"/>
    </row>
    <row r="145004" spans="14:14">
      <c r="N145004" s="10"/>
    </row>
    <row r="145005" spans="14:14">
      <c r="N145005" s="10"/>
    </row>
    <row r="145006" spans="14:14">
      <c r="N145006" s="10"/>
    </row>
    <row r="145007" spans="14:14">
      <c r="N145007" s="10"/>
    </row>
    <row r="145008" spans="14:14">
      <c r="N145008" s="10"/>
    </row>
    <row r="145009" spans="14:14">
      <c r="N145009" s="10"/>
    </row>
    <row r="145010" spans="14:14">
      <c r="N145010" s="10"/>
    </row>
    <row r="145011" spans="14:14">
      <c r="N145011" s="10"/>
    </row>
    <row r="145012" spans="14:14">
      <c r="N145012" s="10"/>
    </row>
    <row r="145013" spans="14:14">
      <c r="N145013" s="10"/>
    </row>
    <row r="145014" spans="14:14">
      <c r="N145014" s="10"/>
    </row>
    <row r="145015" spans="14:14">
      <c r="N145015" s="10"/>
    </row>
    <row r="145016" spans="14:14">
      <c r="N145016" s="10"/>
    </row>
    <row r="145017" spans="14:14">
      <c r="N145017" s="10"/>
    </row>
    <row r="145018" spans="14:14">
      <c r="N145018" s="10"/>
    </row>
    <row r="145019" spans="14:14">
      <c r="N145019" s="10"/>
    </row>
    <row r="145020" spans="14:14">
      <c r="N145020" s="10"/>
    </row>
    <row r="145021" spans="14:14">
      <c r="N145021" s="10"/>
    </row>
    <row r="145022" spans="14:14">
      <c r="N145022" s="10"/>
    </row>
    <row r="145023" spans="14:14">
      <c r="N145023" s="10"/>
    </row>
    <row r="145024" spans="14:14">
      <c r="N145024" s="10"/>
    </row>
    <row r="145025" spans="14:14">
      <c r="N145025" s="10"/>
    </row>
    <row r="145026" spans="14:14">
      <c r="N145026" s="10"/>
    </row>
    <row r="145027" spans="14:14">
      <c r="N145027" s="10"/>
    </row>
    <row r="145028" spans="14:14">
      <c r="N145028" s="10"/>
    </row>
    <row r="145029" spans="14:14">
      <c r="N145029" s="10"/>
    </row>
    <row r="145030" spans="14:14">
      <c r="N145030" s="10"/>
    </row>
    <row r="145031" spans="14:14">
      <c r="N145031" s="10"/>
    </row>
    <row r="145032" spans="14:14">
      <c r="N145032" s="10"/>
    </row>
    <row r="145033" spans="14:14">
      <c r="N145033" s="10"/>
    </row>
    <row r="145034" spans="14:14">
      <c r="N145034" s="10"/>
    </row>
    <row r="145035" spans="14:14">
      <c r="N145035" s="10"/>
    </row>
    <row r="145036" spans="14:14">
      <c r="N145036" s="10"/>
    </row>
    <row r="145037" spans="14:14">
      <c r="N145037" s="10"/>
    </row>
    <row r="145038" spans="14:14">
      <c r="N145038" s="10"/>
    </row>
    <row r="145039" spans="14:14">
      <c r="N145039" s="10"/>
    </row>
    <row r="145040" spans="14:14">
      <c r="N145040" s="10"/>
    </row>
    <row r="145041" spans="14:14">
      <c r="N145041" s="10"/>
    </row>
    <row r="145042" spans="14:14">
      <c r="N145042" s="10"/>
    </row>
    <row r="145043" spans="14:14">
      <c r="N145043" s="10"/>
    </row>
    <row r="145044" spans="14:14">
      <c r="N145044" s="10"/>
    </row>
    <row r="145045" spans="14:14">
      <c r="N145045" s="10"/>
    </row>
    <row r="145046" spans="14:14">
      <c r="N145046" s="10"/>
    </row>
    <row r="145047" spans="14:14">
      <c r="N145047" s="10"/>
    </row>
    <row r="145048" spans="14:14">
      <c r="N145048" s="10"/>
    </row>
    <row r="145049" spans="14:14">
      <c r="N145049" s="10"/>
    </row>
    <row r="145050" spans="14:14">
      <c r="N145050" s="10"/>
    </row>
    <row r="145051" spans="14:14">
      <c r="N145051" s="10"/>
    </row>
    <row r="145052" spans="14:14">
      <c r="N145052" s="10"/>
    </row>
    <row r="145053" spans="14:14">
      <c r="N145053" s="10"/>
    </row>
    <row r="145054" spans="14:14">
      <c r="N145054" s="10"/>
    </row>
    <row r="145055" spans="14:14">
      <c r="N145055" s="10"/>
    </row>
    <row r="145056" spans="14:14">
      <c r="N145056" s="10"/>
    </row>
    <row r="145057" spans="14:14">
      <c r="N145057" s="10"/>
    </row>
    <row r="145058" spans="14:14">
      <c r="N145058" s="10"/>
    </row>
    <row r="145059" spans="14:14">
      <c r="N145059" s="10"/>
    </row>
    <row r="145060" spans="14:14">
      <c r="N145060" s="10"/>
    </row>
    <row r="145061" spans="14:14">
      <c r="N145061" s="10"/>
    </row>
    <row r="145062" spans="14:14">
      <c r="N145062" s="10"/>
    </row>
    <row r="145063" spans="14:14">
      <c r="N145063" s="10"/>
    </row>
    <row r="145064" spans="14:14">
      <c r="N145064" s="10"/>
    </row>
    <row r="145065" spans="14:14">
      <c r="N145065" s="10"/>
    </row>
    <row r="145066" spans="14:14">
      <c r="N145066" s="10"/>
    </row>
    <row r="145067" spans="14:14">
      <c r="N145067" s="10"/>
    </row>
    <row r="145068" spans="14:14">
      <c r="N145068" s="10"/>
    </row>
    <row r="145069" spans="14:14">
      <c r="N145069" s="10"/>
    </row>
    <row r="145070" spans="14:14">
      <c r="N145070" s="10"/>
    </row>
    <row r="145071" spans="14:14">
      <c r="N145071" s="10"/>
    </row>
    <row r="145072" spans="14:14">
      <c r="N145072" s="10"/>
    </row>
    <row r="145073" spans="14:14">
      <c r="N145073" s="10"/>
    </row>
    <row r="145074" spans="14:14">
      <c r="N145074" s="10"/>
    </row>
    <row r="145075" spans="14:14">
      <c r="N145075" s="10"/>
    </row>
    <row r="145076" spans="14:14">
      <c r="N145076" s="10"/>
    </row>
    <row r="145077" spans="14:14">
      <c r="N145077" s="10"/>
    </row>
    <row r="145078" spans="14:14">
      <c r="N145078" s="10"/>
    </row>
    <row r="145079" spans="14:14">
      <c r="N145079" s="10"/>
    </row>
    <row r="145080" spans="14:14">
      <c r="N145080" s="10"/>
    </row>
    <row r="145081" spans="14:14">
      <c r="N145081" s="10"/>
    </row>
    <row r="145082" spans="14:14">
      <c r="N145082" s="10"/>
    </row>
    <row r="145083" spans="14:14">
      <c r="N145083" s="10"/>
    </row>
    <row r="145084" spans="14:14">
      <c r="N145084" s="10"/>
    </row>
    <row r="145085" spans="14:14">
      <c r="N145085" s="10"/>
    </row>
    <row r="145086" spans="14:14">
      <c r="N145086" s="10"/>
    </row>
    <row r="145087" spans="14:14">
      <c r="N145087" s="10"/>
    </row>
    <row r="145088" spans="14:14">
      <c r="N145088" s="10"/>
    </row>
    <row r="145089" spans="14:14">
      <c r="N145089" s="10"/>
    </row>
    <row r="145090" spans="14:14">
      <c r="N145090" s="10"/>
    </row>
    <row r="145091" spans="14:14">
      <c r="N145091" s="10"/>
    </row>
    <row r="145092" spans="14:14">
      <c r="N145092" s="10"/>
    </row>
    <row r="145093" spans="14:14">
      <c r="N145093" s="10"/>
    </row>
    <row r="145094" spans="14:14">
      <c r="N145094" s="10"/>
    </row>
    <row r="145095" spans="14:14">
      <c r="N145095" s="10"/>
    </row>
    <row r="145096" spans="14:14">
      <c r="N145096" s="10"/>
    </row>
    <row r="145097" spans="14:14">
      <c r="N145097" s="10"/>
    </row>
    <row r="145098" spans="14:14">
      <c r="N145098" s="10"/>
    </row>
    <row r="145099" spans="14:14">
      <c r="N145099" s="10"/>
    </row>
    <row r="145100" spans="14:14">
      <c r="N145100" s="10"/>
    </row>
    <row r="145101" spans="14:14">
      <c r="N145101" s="10"/>
    </row>
    <row r="145102" spans="14:14">
      <c r="N145102" s="10"/>
    </row>
    <row r="145103" spans="14:14">
      <c r="N145103" s="10"/>
    </row>
    <row r="145104" spans="14:14">
      <c r="N145104" s="10"/>
    </row>
    <row r="145105" spans="14:14">
      <c r="N145105" s="10"/>
    </row>
    <row r="145106" spans="14:14">
      <c r="N145106" s="10"/>
    </row>
    <row r="145107" spans="14:14">
      <c r="N145107" s="10"/>
    </row>
    <row r="145108" spans="14:14">
      <c r="N145108" s="10"/>
    </row>
    <row r="145109" spans="14:14">
      <c r="N145109" s="10"/>
    </row>
    <row r="145110" spans="14:14">
      <c r="N145110" s="10"/>
    </row>
    <row r="145111" spans="14:14">
      <c r="N145111" s="10"/>
    </row>
    <row r="145112" spans="14:14">
      <c r="N145112" s="10"/>
    </row>
    <row r="145113" spans="14:14">
      <c r="N145113" s="10"/>
    </row>
    <row r="145114" spans="14:14">
      <c r="N145114" s="10"/>
    </row>
    <row r="145115" spans="14:14">
      <c r="N145115" s="10"/>
    </row>
    <row r="145116" spans="14:14">
      <c r="N145116" s="10"/>
    </row>
    <row r="145117" spans="14:14">
      <c r="N145117" s="10"/>
    </row>
    <row r="145118" spans="14:14">
      <c r="N145118" s="10"/>
    </row>
    <row r="145119" spans="14:14">
      <c r="N145119" s="10"/>
    </row>
    <row r="145120" spans="14:14">
      <c r="N145120" s="10"/>
    </row>
    <row r="145121" spans="14:14">
      <c r="N145121" s="10"/>
    </row>
    <row r="145122" spans="14:14">
      <c r="N145122" s="10"/>
    </row>
    <row r="145123" spans="14:14">
      <c r="N145123" s="10"/>
    </row>
    <row r="145124" spans="14:14">
      <c r="N145124" s="10"/>
    </row>
    <row r="145125" spans="14:14">
      <c r="N145125" s="10"/>
    </row>
    <row r="145126" spans="14:14">
      <c r="N145126" s="10"/>
    </row>
    <row r="145127" spans="14:14">
      <c r="N145127" s="10"/>
    </row>
    <row r="145128" spans="14:14">
      <c r="N145128" s="10"/>
    </row>
    <row r="145129" spans="14:14">
      <c r="N145129" s="10"/>
    </row>
    <row r="145130" spans="14:14">
      <c r="N145130" s="10"/>
    </row>
    <row r="145131" spans="14:14">
      <c r="N145131" s="10"/>
    </row>
    <row r="145132" spans="14:14">
      <c r="N145132" s="10"/>
    </row>
    <row r="145133" spans="14:14">
      <c r="N145133" s="10"/>
    </row>
    <row r="145134" spans="14:14">
      <c r="N145134" s="10"/>
    </row>
    <row r="145135" spans="14:14">
      <c r="N145135" s="10"/>
    </row>
    <row r="145136" spans="14:14">
      <c r="N145136" s="10"/>
    </row>
    <row r="145137" spans="14:14">
      <c r="N145137" s="10"/>
    </row>
    <row r="145138" spans="14:14">
      <c r="N145138" s="10"/>
    </row>
    <row r="145139" spans="14:14">
      <c r="N145139" s="10"/>
    </row>
    <row r="145140" spans="14:14">
      <c r="N145140" s="10"/>
    </row>
    <row r="145141" spans="14:14">
      <c r="N145141" s="10"/>
    </row>
    <row r="145142" spans="14:14">
      <c r="N145142" s="10"/>
    </row>
    <row r="145143" spans="14:14">
      <c r="N145143" s="10"/>
    </row>
    <row r="145144" spans="14:14">
      <c r="N145144" s="10"/>
    </row>
    <row r="145145" spans="14:14">
      <c r="N145145" s="10"/>
    </row>
    <row r="145146" spans="14:14">
      <c r="N145146" s="10"/>
    </row>
    <row r="145147" spans="14:14">
      <c r="N145147" s="10"/>
    </row>
    <row r="145148" spans="14:14">
      <c r="N145148" s="10"/>
    </row>
    <row r="145149" spans="14:14">
      <c r="N145149" s="10"/>
    </row>
    <row r="145150" spans="14:14">
      <c r="N145150" s="10"/>
    </row>
    <row r="145151" spans="14:14">
      <c r="N145151" s="10"/>
    </row>
    <row r="145152" spans="14:14">
      <c r="N145152" s="10"/>
    </row>
    <row r="145153" spans="14:14">
      <c r="N145153" s="10"/>
    </row>
    <row r="145154" spans="14:14">
      <c r="N145154" s="10"/>
    </row>
    <row r="145155" spans="14:14">
      <c r="N145155" s="10"/>
    </row>
    <row r="145156" spans="14:14">
      <c r="N145156" s="10"/>
    </row>
    <row r="145157" spans="14:14">
      <c r="N145157" s="10"/>
    </row>
    <row r="145158" spans="14:14">
      <c r="N145158" s="10"/>
    </row>
    <row r="145159" spans="14:14">
      <c r="N145159" s="10"/>
    </row>
    <row r="145160" spans="14:14">
      <c r="N145160" s="10"/>
    </row>
    <row r="145161" spans="14:14">
      <c r="N145161" s="10"/>
    </row>
    <row r="145162" spans="14:14">
      <c r="N145162" s="10"/>
    </row>
    <row r="145163" spans="14:14">
      <c r="N145163" s="10"/>
    </row>
    <row r="145164" spans="14:14">
      <c r="N145164" s="10"/>
    </row>
    <row r="145165" spans="14:14">
      <c r="N145165" s="10"/>
    </row>
    <row r="145166" spans="14:14">
      <c r="N145166" s="10"/>
    </row>
    <row r="145167" spans="14:14">
      <c r="N145167" s="10"/>
    </row>
    <row r="145168" spans="14:14">
      <c r="N145168" s="10"/>
    </row>
    <row r="145169" spans="14:14">
      <c r="N145169" s="10"/>
    </row>
    <row r="145170" spans="14:14">
      <c r="N145170" s="10"/>
    </row>
    <row r="145171" spans="14:14">
      <c r="N145171" s="10"/>
    </row>
    <row r="145172" spans="14:14">
      <c r="N145172" s="10"/>
    </row>
    <row r="145173" spans="14:14">
      <c r="N145173" s="10"/>
    </row>
    <row r="145174" spans="14:14">
      <c r="N145174" s="10"/>
    </row>
    <row r="145175" spans="14:14">
      <c r="N145175" s="10"/>
    </row>
    <row r="145176" spans="14:14">
      <c r="N145176" s="10"/>
    </row>
    <row r="145177" spans="14:14">
      <c r="N145177" s="10"/>
    </row>
    <row r="145178" spans="14:14">
      <c r="N145178" s="10"/>
    </row>
    <row r="145179" spans="14:14">
      <c r="N145179" s="10"/>
    </row>
    <row r="145180" spans="14:14">
      <c r="N145180" s="10"/>
    </row>
    <row r="145181" spans="14:14">
      <c r="N145181" s="10"/>
    </row>
    <row r="145182" spans="14:14">
      <c r="N145182" s="10"/>
    </row>
    <row r="145183" spans="14:14">
      <c r="N145183" s="10"/>
    </row>
    <row r="145184" spans="14:14">
      <c r="N145184" s="10"/>
    </row>
    <row r="145185" spans="14:14">
      <c r="N145185" s="10"/>
    </row>
    <row r="145186" spans="14:14">
      <c r="N145186" s="10"/>
    </row>
    <row r="145187" spans="14:14">
      <c r="N145187" s="10"/>
    </row>
    <row r="145188" spans="14:14">
      <c r="N145188" s="10"/>
    </row>
    <row r="145189" spans="14:14">
      <c r="N145189" s="10"/>
    </row>
    <row r="145190" spans="14:14">
      <c r="N145190" s="10"/>
    </row>
    <row r="145191" spans="14:14">
      <c r="N145191" s="10"/>
    </row>
    <row r="145192" spans="14:14">
      <c r="N145192" s="10"/>
    </row>
    <row r="145193" spans="14:14">
      <c r="N145193" s="10"/>
    </row>
    <row r="145194" spans="14:14">
      <c r="N145194" s="10"/>
    </row>
    <row r="145195" spans="14:14">
      <c r="N145195" s="10"/>
    </row>
    <row r="145196" spans="14:14">
      <c r="N145196" s="10"/>
    </row>
    <row r="145197" spans="14:14">
      <c r="N145197" s="10"/>
    </row>
    <row r="145198" spans="14:14">
      <c r="N145198" s="10"/>
    </row>
    <row r="145199" spans="14:14">
      <c r="N145199" s="10"/>
    </row>
    <row r="145200" spans="14:14">
      <c r="N145200" s="10"/>
    </row>
    <row r="145201" spans="14:14">
      <c r="N145201" s="10"/>
    </row>
    <row r="145202" spans="14:14">
      <c r="N145202" s="10"/>
    </row>
    <row r="145203" spans="14:14">
      <c r="N145203" s="10"/>
    </row>
    <row r="145204" spans="14:14">
      <c r="N145204" s="10"/>
    </row>
    <row r="145205" spans="14:14">
      <c r="N145205" s="10"/>
    </row>
    <row r="145206" spans="14:14">
      <c r="N145206" s="10"/>
    </row>
    <row r="145207" spans="14:14">
      <c r="N145207" s="10"/>
    </row>
    <row r="145208" spans="14:14">
      <c r="N145208" s="10"/>
    </row>
    <row r="145209" spans="14:14">
      <c r="N145209" s="10"/>
    </row>
    <row r="145210" spans="14:14">
      <c r="N145210" s="10"/>
    </row>
    <row r="145211" spans="14:14">
      <c r="N145211" s="10"/>
    </row>
    <row r="145212" spans="14:14">
      <c r="N145212" s="10"/>
    </row>
    <row r="145213" spans="14:14">
      <c r="N145213" s="10"/>
    </row>
    <row r="145214" spans="14:14">
      <c r="N145214" s="10"/>
    </row>
    <row r="145215" spans="14:14">
      <c r="N145215" s="10"/>
    </row>
    <row r="145216" spans="14:14">
      <c r="N145216" s="10"/>
    </row>
    <row r="145217" spans="14:14">
      <c r="N145217" s="10"/>
    </row>
    <row r="145218" spans="14:14">
      <c r="N145218" s="10"/>
    </row>
    <row r="145219" spans="14:14">
      <c r="N145219" s="10"/>
    </row>
    <row r="145220" spans="14:14">
      <c r="N145220" s="10"/>
    </row>
    <row r="145221" spans="14:14">
      <c r="N145221" s="10"/>
    </row>
    <row r="145222" spans="14:14">
      <c r="N145222" s="10"/>
    </row>
    <row r="145223" spans="14:14">
      <c r="N145223" s="10"/>
    </row>
    <row r="145224" spans="14:14">
      <c r="N145224" s="10"/>
    </row>
    <row r="145225" spans="14:14">
      <c r="N145225" s="10"/>
    </row>
    <row r="145226" spans="14:14">
      <c r="N145226" s="10"/>
    </row>
    <row r="145227" spans="14:14">
      <c r="N145227" s="10"/>
    </row>
    <row r="145228" spans="14:14">
      <c r="N145228" s="10"/>
    </row>
    <row r="145229" spans="14:14">
      <c r="N145229" s="10"/>
    </row>
    <row r="145230" spans="14:14">
      <c r="N145230" s="10"/>
    </row>
    <row r="145231" spans="14:14">
      <c r="N145231" s="10"/>
    </row>
    <row r="145232" spans="14:14">
      <c r="N145232" s="10"/>
    </row>
    <row r="145233" spans="14:14">
      <c r="N145233" s="10"/>
    </row>
    <row r="145234" spans="14:14">
      <c r="N145234" s="10"/>
    </row>
    <row r="145235" spans="14:14">
      <c r="N145235" s="10"/>
    </row>
    <row r="145236" spans="14:14">
      <c r="N145236" s="10"/>
    </row>
    <row r="145237" spans="14:14">
      <c r="N145237" s="10"/>
    </row>
    <row r="145238" spans="14:14">
      <c r="N145238" s="10"/>
    </row>
    <row r="145239" spans="14:14">
      <c r="N145239" s="10"/>
    </row>
    <row r="145240" spans="14:14">
      <c r="N145240" s="10"/>
    </row>
    <row r="145241" spans="14:14">
      <c r="N145241" s="10"/>
    </row>
    <row r="145242" spans="14:14">
      <c r="N145242" s="10"/>
    </row>
    <row r="145243" spans="14:14">
      <c r="N145243" s="10"/>
    </row>
    <row r="145244" spans="14:14">
      <c r="N145244" s="10"/>
    </row>
    <row r="145245" spans="14:14">
      <c r="N145245" s="10"/>
    </row>
    <row r="145246" spans="14:14">
      <c r="N145246" s="10"/>
    </row>
    <row r="145247" spans="14:14">
      <c r="N145247" s="10"/>
    </row>
    <row r="145248" spans="14:14">
      <c r="N145248" s="10"/>
    </row>
    <row r="145249" spans="14:14">
      <c r="N145249" s="10"/>
    </row>
    <row r="145250" spans="14:14">
      <c r="N145250" s="10"/>
    </row>
    <row r="145251" spans="14:14">
      <c r="N145251" s="10"/>
    </row>
    <row r="145252" spans="14:14">
      <c r="N145252" s="10"/>
    </row>
    <row r="145253" spans="14:14">
      <c r="N145253" s="10"/>
    </row>
    <row r="145254" spans="14:14">
      <c r="N145254" s="10"/>
    </row>
    <row r="145255" spans="14:14">
      <c r="N145255" s="10"/>
    </row>
    <row r="145256" spans="14:14">
      <c r="N145256" s="10"/>
    </row>
    <row r="145257" spans="14:14">
      <c r="N145257" s="10"/>
    </row>
    <row r="145258" spans="14:14">
      <c r="N145258" s="10"/>
    </row>
    <row r="145259" spans="14:14">
      <c r="N145259" s="10"/>
    </row>
    <row r="145260" spans="14:14">
      <c r="N145260" s="10"/>
    </row>
    <row r="145261" spans="14:14">
      <c r="N145261" s="10"/>
    </row>
    <row r="145262" spans="14:14">
      <c r="N145262" s="10"/>
    </row>
    <row r="145263" spans="14:14">
      <c r="N145263" s="10"/>
    </row>
    <row r="145264" spans="14:14">
      <c r="N145264" s="10"/>
    </row>
    <row r="145265" spans="14:14">
      <c r="N145265" s="10"/>
    </row>
    <row r="145266" spans="14:14">
      <c r="N145266" s="10"/>
    </row>
    <row r="145267" spans="14:14">
      <c r="N145267" s="10"/>
    </row>
    <row r="145268" spans="14:14">
      <c r="N145268" s="10"/>
    </row>
    <row r="145269" spans="14:14">
      <c r="N145269" s="10"/>
    </row>
    <row r="145270" spans="14:14">
      <c r="N145270" s="10"/>
    </row>
    <row r="145271" spans="14:14">
      <c r="N145271" s="10"/>
    </row>
    <row r="145272" spans="14:14">
      <c r="N145272" s="10"/>
    </row>
    <row r="145273" spans="14:14">
      <c r="N145273" s="10"/>
    </row>
    <row r="145274" spans="14:14">
      <c r="N145274" s="10"/>
    </row>
    <row r="145275" spans="14:14">
      <c r="N145275" s="10"/>
    </row>
    <row r="145276" spans="14:14">
      <c r="N145276" s="10"/>
    </row>
    <row r="145277" spans="14:14">
      <c r="N145277" s="10"/>
    </row>
    <row r="145278" spans="14:14">
      <c r="N145278" s="10"/>
    </row>
    <row r="145279" spans="14:14">
      <c r="N145279" s="10"/>
    </row>
    <row r="145280" spans="14:14">
      <c r="N145280" s="10"/>
    </row>
    <row r="145281" spans="14:14">
      <c r="N145281" s="10"/>
    </row>
    <row r="145282" spans="14:14">
      <c r="N145282" s="10"/>
    </row>
    <row r="145283" spans="14:14">
      <c r="N145283" s="10"/>
    </row>
    <row r="145284" spans="14:14">
      <c r="N145284" s="10"/>
    </row>
    <row r="145285" spans="14:14">
      <c r="N145285" s="10"/>
    </row>
    <row r="145286" spans="14:14">
      <c r="N145286" s="10"/>
    </row>
    <row r="145287" spans="14:14">
      <c r="N145287" s="10"/>
    </row>
    <row r="145288" spans="14:14">
      <c r="N145288" s="10"/>
    </row>
    <row r="145289" spans="14:14">
      <c r="N145289" s="10"/>
    </row>
    <row r="145290" spans="14:14">
      <c r="N145290" s="10"/>
    </row>
    <row r="145291" spans="14:14">
      <c r="N145291" s="10"/>
    </row>
    <row r="145292" spans="14:14">
      <c r="N145292" s="10"/>
    </row>
    <row r="145293" spans="14:14">
      <c r="N145293" s="10"/>
    </row>
    <row r="145294" spans="14:14">
      <c r="N145294" s="10"/>
    </row>
    <row r="145295" spans="14:14">
      <c r="N145295" s="10"/>
    </row>
    <row r="145296" spans="14:14">
      <c r="N145296" s="10"/>
    </row>
    <row r="145297" spans="14:14">
      <c r="N145297" s="10"/>
    </row>
    <row r="145298" spans="14:14">
      <c r="N145298" s="10"/>
    </row>
    <row r="145299" spans="14:14">
      <c r="N145299" s="10"/>
    </row>
    <row r="145300" spans="14:14">
      <c r="N145300" s="10"/>
    </row>
    <row r="145301" spans="14:14">
      <c r="N145301" s="10"/>
    </row>
    <row r="145302" spans="14:14">
      <c r="N145302" s="10"/>
    </row>
    <row r="145303" spans="14:14">
      <c r="N145303" s="10"/>
    </row>
    <row r="145304" spans="14:14">
      <c r="N145304" s="10"/>
    </row>
    <row r="145305" spans="14:14">
      <c r="N145305" s="10"/>
    </row>
    <row r="145306" spans="14:14">
      <c r="N145306" s="10"/>
    </row>
    <row r="145307" spans="14:14">
      <c r="N145307" s="10"/>
    </row>
    <row r="145308" spans="14:14">
      <c r="N145308" s="10"/>
    </row>
    <row r="145309" spans="14:14">
      <c r="N145309" s="10"/>
    </row>
    <row r="145310" spans="14:14">
      <c r="N145310" s="10"/>
    </row>
    <row r="145311" spans="14:14">
      <c r="N145311" s="10"/>
    </row>
    <row r="145312" spans="14:14">
      <c r="N145312" s="10"/>
    </row>
    <row r="145313" spans="14:14">
      <c r="N145313" s="10"/>
    </row>
    <row r="145314" spans="14:14">
      <c r="N145314" s="10"/>
    </row>
    <row r="145315" spans="14:14">
      <c r="N145315" s="10"/>
    </row>
    <row r="145316" spans="14:14">
      <c r="N145316" s="10"/>
    </row>
    <row r="145317" spans="14:14">
      <c r="N145317" s="10"/>
    </row>
    <row r="145318" spans="14:14">
      <c r="N145318" s="10"/>
    </row>
    <row r="145319" spans="14:14">
      <c r="N145319" s="10"/>
    </row>
    <row r="145320" spans="14:14">
      <c r="N145320" s="10"/>
    </row>
    <row r="145321" spans="14:14">
      <c r="N145321" s="10"/>
    </row>
    <row r="145322" spans="14:14">
      <c r="N145322" s="10"/>
    </row>
    <row r="145323" spans="14:14">
      <c r="N145323" s="10"/>
    </row>
    <row r="145324" spans="14:14">
      <c r="N145324" s="10"/>
    </row>
    <row r="145325" spans="14:14">
      <c r="N145325" s="10"/>
    </row>
    <row r="145326" spans="14:14">
      <c r="N145326" s="10"/>
    </row>
    <row r="145327" spans="14:14">
      <c r="N145327" s="10"/>
    </row>
    <row r="145328" spans="14:14">
      <c r="N145328" s="10"/>
    </row>
    <row r="145329" spans="14:14">
      <c r="N145329" s="10"/>
    </row>
    <row r="145330" spans="14:14">
      <c r="N145330" s="10"/>
    </row>
    <row r="145331" spans="14:14">
      <c r="N145331" s="10"/>
    </row>
    <row r="145332" spans="14:14">
      <c r="N145332" s="10"/>
    </row>
    <row r="145333" spans="14:14">
      <c r="N145333" s="10"/>
    </row>
    <row r="145334" spans="14:14">
      <c r="N145334" s="10"/>
    </row>
    <row r="145335" spans="14:14">
      <c r="N145335" s="10"/>
    </row>
    <row r="145336" spans="14:14">
      <c r="N145336" s="10"/>
    </row>
    <row r="145337" spans="14:14">
      <c r="N145337" s="10"/>
    </row>
    <row r="145338" spans="14:14">
      <c r="N145338" s="10"/>
    </row>
    <row r="145339" spans="14:14">
      <c r="N145339" s="10"/>
    </row>
    <row r="145340" spans="14:14">
      <c r="N145340" s="10"/>
    </row>
    <row r="145341" spans="14:14">
      <c r="N145341" s="10"/>
    </row>
    <row r="145342" spans="14:14">
      <c r="N145342" s="10"/>
    </row>
    <row r="145343" spans="14:14">
      <c r="N145343" s="10"/>
    </row>
    <row r="145344" spans="14:14">
      <c r="N145344" s="10"/>
    </row>
    <row r="145345" spans="14:14">
      <c r="N145345" s="10"/>
    </row>
    <row r="145346" spans="14:14">
      <c r="N145346" s="10"/>
    </row>
    <row r="145347" spans="14:14">
      <c r="N145347" s="10"/>
    </row>
    <row r="145348" spans="14:14">
      <c r="N145348" s="10"/>
    </row>
    <row r="145349" spans="14:14">
      <c r="N145349" s="10"/>
    </row>
    <row r="145350" spans="14:14">
      <c r="N145350" s="10"/>
    </row>
    <row r="145351" spans="14:14">
      <c r="N145351" s="10"/>
    </row>
    <row r="145352" spans="14:14">
      <c r="N145352" s="10"/>
    </row>
    <row r="145353" spans="14:14">
      <c r="N145353" s="10"/>
    </row>
    <row r="145354" spans="14:14">
      <c r="N145354" s="10"/>
    </row>
    <row r="145355" spans="14:14">
      <c r="N145355" s="10"/>
    </row>
    <row r="145356" spans="14:14">
      <c r="N145356" s="10"/>
    </row>
    <row r="145357" spans="14:14">
      <c r="N145357" s="10"/>
    </row>
    <row r="145358" spans="14:14">
      <c r="N145358" s="10"/>
    </row>
    <row r="145359" spans="14:14">
      <c r="N145359" s="10"/>
    </row>
    <row r="145360" spans="14:14">
      <c r="N145360" s="10"/>
    </row>
    <row r="145361" spans="14:14">
      <c r="N145361" s="10"/>
    </row>
    <row r="145362" spans="14:14">
      <c r="N145362" s="10"/>
    </row>
    <row r="145363" spans="14:14">
      <c r="N145363" s="10"/>
    </row>
    <row r="145364" spans="14:14">
      <c r="N145364" s="10"/>
    </row>
    <row r="145365" spans="14:14">
      <c r="N145365" s="10"/>
    </row>
    <row r="145366" spans="14:14">
      <c r="N145366" s="10"/>
    </row>
    <row r="145367" spans="14:14">
      <c r="N145367" s="10"/>
    </row>
    <row r="145368" spans="14:14">
      <c r="N145368" s="10"/>
    </row>
    <row r="145369" spans="14:14">
      <c r="N145369" s="10"/>
    </row>
    <row r="145370" spans="14:14">
      <c r="N145370" s="10"/>
    </row>
    <row r="145371" spans="14:14">
      <c r="N145371" s="10"/>
    </row>
    <row r="145372" spans="14:14">
      <c r="N145372" s="10"/>
    </row>
    <row r="145373" spans="14:14">
      <c r="N145373" s="10"/>
    </row>
    <row r="145374" spans="14:14">
      <c r="N145374" s="10"/>
    </row>
    <row r="145375" spans="14:14">
      <c r="N145375" s="10"/>
    </row>
    <row r="145376" spans="14:14">
      <c r="N145376" s="10"/>
    </row>
    <row r="145377" spans="14:14">
      <c r="N145377" s="10"/>
    </row>
    <row r="145378" spans="14:14">
      <c r="N145378" s="10"/>
    </row>
    <row r="145379" spans="14:14">
      <c r="N145379" s="10"/>
    </row>
    <row r="145380" spans="14:14">
      <c r="N145380" s="10"/>
    </row>
    <row r="145381" spans="14:14">
      <c r="N145381" s="10"/>
    </row>
    <row r="145382" spans="14:14">
      <c r="N145382" s="10"/>
    </row>
    <row r="145383" spans="14:14">
      <c r="N145383" s="10"/>
    </row>
    <row r="145384" spans="14:14">
      <c r="N145384" s="10"/>
    </row>
    <row r="145385" spans="14:14">
      <c r="N145385" s="10"/>
    </row>
    <row r="145386" spans="14:14">
      <c r="N145386" s="10"/>
    </row>
    <row r="145387" spans="14:14">
      <c r="N145387" s="10"/>
    </row>
    <row r="145388" spans="14:14">
      <c r="N145388" s="10"/>
    </row>
    <row r="145389" spans="14:14">
      <c r="N145389" s="10"/>
    </row>
    <row r="145390" spans="14:14">
      <c r="N145390" s="10"/>
    </row>
    <row r="145391" spans="14:14">
      <c r="N145391" s="10"/>
    </row>
    <row r="145392" spans="14:14">
      <c r="N145392" s="10"/>
    </row>
    <row r="145393" spans="14:14">
      <c r="N145393" s="10"/>
    </row>
    <row r="145394" spans="14:14">
      <c r="N145394" s="10"/>
    </row>
    <row r="145395" spans="14:14">
      <c r="N145395" s="10"/>
    </row>
    <row r="145396" spans="14:14">
      <c r="N145396" s="10"/>
    </row>
    <row r="145397" spans="14:14">
      <c r="N145397" s="10"/>
    </row>
    <row r="145398" spans="14:14">
      <c r="N145398" s="10"/>
    </row>
    <row r="145399" spans="14:14">
      <c r="N145399" s="10"/>
    </row>
    <row r="145400" spans="14:14">
      <c r="N145400" s="10"/>
    </row>
    <row r="145401" spans="14:14">
      <c r="N145401" s="10"/>
    </row>
    <row r="145402" spans="14:14">
      <c r="N145402" s="10"/>
    </row>
    <row r="145403" spans="14:14">
      <c r="N145403" s="10"/>
    </row>
    <row r="145404" spans="14:14">
      <c r="N145404" s="10"/>
    </row>
    <row r="145405" spans="14:14">
      <c r="N145405" s="10"/>
    </row>
    <row r="145406" spans="14:14">
      <c r="N145406" s="10"/>
    </row>
    <row r="145407" spans="14:14">
      <c r="N145407" s="10"/>
    </row>
    <row r="145408" spans="14:14">
      <c r="N145408" s="10"/>
    </row>
    <row r="145409" spans="14:14">
      <c r="N145409" s="10"/>
    </row>
    <row r="145410" spans="14:14">
      <c r="N145410" s="10"/>
    </row>
    <row r="145411" spans="14:14">
      <c r="N145411" s="10"/>
    </row>
    <row r="145412" spans="14:14">
      <c r="N145412" s="10"/>
    </row>
    <row r="145413" spans="14:14">
      <c r="N145413" s="10"/>
    </row>
    <row r="145414" spans="14:14">
      <c r="N145414" s="10"/>
    </row>
    <row r="145415" spans="14:14">
      <c r="N145415" s="10"/>
    </row>
    <row r="145416" spans="14:14">
      <c r="N145416" s="10"/>
    </row>
    <row r="145417" spans="14:14">
      <c r="N145417" s="10"/>
    </row>
    <row r="145418" spans="14:14">
      <c r="N145418" s="10"/>
    </row>
    <row r="145419" spans="14:14">
      <c r="N145419" s="10"/>
    </row>
    <row r="145420" spans="14:14">
      <c r="N145420" s="10"/>
    </row>
    <row r="145421" spans="14:14">
      <c r="N145421" s="10"/>
    </row>
    <row r="145422" spans="14:14">
      <c r="N145422" s="10"/>
    </row>
    <row r="145423" spans="14:14">
      <c r="N145423" s="10"/>
    </row>
    <row r="145424" spans="14:14">
      <c r="N145424" s="10"/>
    </row>
    <row r="145425" spans="14:14">
      <c r="N145425" s="10"/>
    </row>
    <row r="145426" spans="14:14">
      <c r="N145426" s="10"/>
    </row>
    <row r="145427" spans="14:14">
      <c r="N145427" s="10"/>
    </row>
    <row r="145428" spans="14:14">
      <c r="N145428" s="10"/>
    </row>
    <row r="145429" spans="14:14">
      <c r="N145429" s="10"/>
    </row>
    <row r="145430" spans="14:14">
      <c r="N145430" s="10"/>
    </row>
    <row r="145431" spans="14:14">
      <c r="N145431" s="10"/>
    </row>
    <row r="145432" spans="14:14">
      <c r="N145432" s="10"/>
    </row>
    <row r="145433" spans="14:14">
      <c r="N145433" s="10"/>
    </row>
    <row r="145434" spans="14:14">
      <c r="N145434" s="10"/>
    </row>
    <row r="145435" spans="14:14">
      <c r="N145435" s="10"/>
    </row>
    <row r="145436" spans="14:14">
      <c r="N145436" s="10"/>
    </row>
    <row r="145437" spans="14:14">
      <c r="N145437" s="10"/>
    </row>
    <row r="145438" spans="14:14">
      <c r="N145438" s="10"/>
    </row>
    <row r="145439" spans="14:14">
      <c r="N145439" s="10"/>
    </row>
    <row r="145440" spans="14:14">
      <c r="N145440" s="10"/>
    </row>
    <row r="145441" spans="14:14">
      <c r="N145441" s="10"/>
    </row>
    <row r="145442" spans="14:14">
      <c r="N145442" s="10"/>
    </row>
    <row r="145443" spans="14:14">
      <c r="N145443" s="10"/>
    </row>
    <row r="145444" spans="14:14">
      <c r="N145444" s="10"/>
    </row>
    <row r="145445" spans="14:14">
      <c r="N145445" s="10"/>
    </row>
    <row r="145446" spans="14:14">
      <c r="N145446" s="10"/>
    </row>
    <row r="145447" spans="14:14">
      <c r="N145447" s="10"/>
    </row>
    <row r="145448" spans="14:14">
      <c r="N145448" s="10"/>
    </row>
    <row r="145449" spans="14:14">
      <c r="N145449" s="10"/>
    </row>
    <row r="145450" spans="14:14">
      <c r="N145450" s="10"/>
    </row>
    <row r="145451" spans="14:14">
      <c r="N145451" s="10"/>
    </row>
    <row r="145452" spans="14:14">
      <c r="N145452" s="10"/>
    </row>
    <row r="145453" spans="14:14">
      <c r="N145453" s="10"/>
    </row>
    <row r="145454" spans="14:14">
      <c r="N145454" s="10"/>
    </row>
    <row r="145455" spans="14:14">
      <c r="N145455" s="10"/>
    </row>
    <row r="145456" spans="14:14">
      <c r="N145456" s="10"/>
    </row>
    <row r="145457" spans="14:14">
      <c r="N145457" s="10"/>
    </row>
    <row r="145458" spans="14:14">
      <c r="N145458" s="10"/>
    </row>
    <row r="145459" spans="14:14">
      <c r="N145459" s="10"/>
    </row>
    <row r="145460" spans="14:14">
      <c r="N145460" s="10"/>
    </row>
    <row r="145461" spans="14:14">
      <c r="N145461" s="10"/>
    </row>
    <row r="145462" spans="14:14">
      <c r="N145462" s="10"/>
    </row>
    <row r="145463" spans="14:14">
      <c r="N145463" s="10"/>
    </row>
    <row r="145464" spans="14:14">
      <c r="N145464" s="10"/>
    </row>
    <row r="145465" spans="14:14">
      <c r="N145465" s="10"/>
    </row>
    <row r="145466" spans="14:14">
      <c r="N145466" s="10"/>
    </row>
    <row r="145467" spans="14:14">
      <c r="N145467" s="10"/>
    </row>
    <row r="145468" spans="14:14">
      <c r="N145468" s="10"/>
    </row>
    <row r="145469" spans="14:14">
      <c r="N145469" s="10"/>
    </row>
    <row r="145470" spans="14:14">
      <c r="N145470" s="10"/>
    </row>
    <row r="145471" spans="14:14">
      <c r="N145471" s="10"/>
    </row>
    <row r="145472" spans="14:14">
      <c r="N145472" s="10"/>
    </row>
    <row r="145473" spans="14:14">
      <c r="N145473" s="10"/>
    </row>
    <row r="145474" spans="14:14">
      <c r="N145474" s="10"/>
    </row>
    <row r="145475" spans="14:14">
      <c r="N145475" s="10"/>
    </row>
    <row r="145476" spans="14:14">
      <c r="N145476" s="10"/>
    </row>
    <row r="145477" spans="14:14">
      <c r="N145477" s="10"/>
    </row>
    <row r="145478" spans="14:14">
      <c r="N145478" s="10"/>
    </row>
    <row r="145479" spans="14:14">
      <c r="N145479" s="10"/>
    </row>
    <row r="145480" spans="14:14">
      <c r="N145480" s="10"/>
    </row>
    <row r="145481" spans="14:14">
      <c r="N145481" s="10"/>
    </row>
    <row r="145482" spans="14:14">
      <c r="N145482" s="10"/>
    </row>
    <row r="145483" spans="14:14">
      <c r="N145483" s="10"/>
    </row>
    <row r="145484" spans="14:14">
      <c r="N145484" s="10"/>
    </row>
    <row r="145485" spans="14:14">
      <c r="N145485" s="10"/>
    </row>
    <row r="145486" spans="14:14">
      <c r="N145486" s="10"/>
    </row>
    <row r="145487" spans="14:14">
      <c r="N145487" s="10"/>
    </row>
    <row r="145488" spans="14:14">
      <c r="N145488" s="10"/>
    </row>
    <row r="145489" spans="14:14">
      <c r="N145489" s="10"/>
    </row>
    <row r="145490" spans="14:14">
      <c r="N145490" s="10"/>
    </row>
    <row r="145491" spans="14:14">
      <c r="N145491" s="10"/>
    </row>
    <row r="145492" spans="14:14">
      <c r="N145492" s="10"/>
    </row>
    <row r="145493" spans="14:14">
      <c r="N145493" s="10"/>
    </row>
    <row r="145494" spans="14:14">
      <c r="N145494" s="10"/>
    </row>
    <row r="145495" spans="14:14">
      <c r="N145495" s="10"/>
    </row>
    <row r="145496" spans="14:14">
      <c r="N145496" s="10"/>
    </row>
    <row r="145497" spans="14:14">
      <c r="N145497" s="10"/>
    </row>
    <row r="145498" spans="14:14">
      <c r="N145498" s="10"/>
    </row>
    <row r="145499" spans="14:14">
      <c r="N145499" s="10"/>
    </row>
    <row r="145500" spans="14:14">
      <c r="N145500" s="10"/>
    </row>
    <row r="145501" spans="14:14">
      <c r="N145501" s="10"/>
    </row>
    <row r="145502" spans="14:14">
      <c r="N145502" s="10"/>
    </row>
    <row r="145503" spans="14:14">
      <c r="N145503" s="10"/>
    </row>
    <row r="145504" spans="14:14">
      <c r="N145504" s="10"/>
    </row>
    <row r="145505" spans="14:14">
      <c r="N145505" s="10"/>
    </row>
    <row r="145506" spans="14:14">
      <c r="N145506" s="10"/>
    </row>
    <row r="145507" spans="14:14">
      <c r="N145507" s="10"/>
    </row>
    <row r="145508" spans="14:14">
      <c r="N145508" s="10"/>
    </row>
    <row r="145509" spans="14:14">
      <c r="N145509" s="10"/>
    </row>
    <row r="145510" spans="14:14">
      <c r="N145510" s="10"/>
    </row>
    <row r="145511" spans="14:14">
      <c r="N145511" s="10"/>
    </row>
    <row r="145512" spans="14:14">
      <c r="N145512" s="10"/>
    </row>
    <row r="145513" spans="14:14">
      <c r="N145513" s="10"/>
    </row>
    <row r="145514" spans="14:14">
      <c r="N145514" s="10"/>
    </row>
    <row r="145515" spans="14:14">
      <c r="N145515" s="10"/>
    </row>
    <row r="145516" spans="14:14">
      <c r="N145516" s="10"/>
    </row>
    <row r="145517" spans="14:14">
      <c r="N145517" s="10"/>
    </row>
    <row r="145518" spans="14:14">
      <c r="N145518" s="10"/>
    </row>
    <row r="145519" spans="14:14">
      <c r="N145519" s="10"/>
    </row>
    <row r="145520" spans="14:14">
      <c r="N145520" s="10"/>
    </row>
    <row r="145521" spans="14:14">
      <c r="N145521" s="10"/>
    </row>
    <row r="145522" spans="14:14">
      <c r="N145522" s="10"/>
    </row>
    <row r="145523" spans="14:14">
      <c r="N145523" s="10"/>
    </row>
    <row r="145524" spans="14:14">
      <c r="N145524" s="10"/>
    </row>
    <row r="145525" spans="14:14">
      <c r="N145525" s="10"/>
    </row>
    <row r="145526" spans="14:14">
      <c r="N145526" s="10"/>
    </row>
    <row r="145527" spans="14:14">
      <c r="N145527" s="10"/>
    </row>
    <row r="145528" spans="14:14">
      <c r="N145528" s="10"/>
    </row>
    <row r="145529" spans="14:14">
      <c r="N145529" s="10"/>
    </row>
    <row r="145530" spans="14:14">
      <c r="N145530" s="10"/>
    </row>
    <row r="145531" spans="14:14">
      <c r="N145531" s="10"/>
    </row>
    <row r="145532" spans="14:14">
      <c r="N145532" s="10"/>
    </row>
    <row r="145533" spans="14:14">
      <c r="N145533" s="10"/>
    </row>
    <row r="145534" spans="14:14">
      <c r="N145534" s="10"/>
    </row>
    <row r="145535" spans="14:14">
      <c r="N145535" s="10"/>
    </row>
    <row r="145536" spans="14:14">
      <c r="N145536" s="10"/>
    </row>
    <row r="145537" spans="14:14">
      <c r="N145537" s="10"/>
    </row>
    <row r="145538" spans="14:14">
      <c r="N145538" s="10"/>
    </row>
    <row r="145539" spans="14:14">
      <c r="N145539" s="10"/>
    </row>
    <row r="145540" spans="14:14">
      <c r="N145540" s="10"/>
    </row>
    <row r="145541" spans="14:14">
      <c r="N145541" s="10"/>
    </row>
    <row r="145542" spans="14:14">
      <c r="N145542" s="10"/>
    </row>
    <row r="145543" spans="14:14">
      <c r="N145543" s="10"/>
    </row>
    <row r="145544" spans="14:14">
      <c r="N145544" s="10"/>
    </row>
    <row r="145545" spans="14:14">
      <c r="N145545" s="10"/>
    </row>
    <row r="145546" spans="14:14">
      <c r="N145546" s="10"/>
    </row>
    <row r="145547" spans="14:14">
      <c r="N145547" s="10"/>
    </row>
    <row r="145548" spans="14:14">
      <c r="N145548" s="10"/>
    </row>
    <row r="145549" spans="14:14">
      <c r="N145549" s="10"/>
    </row>
    <row r="145550" spans="14:14">
      <c r="N145550" s="10"/>
    </row>
    <row r="145551" spans="14:14">
      <c r="N145551" s="10"/>
    </row>
    <row r="145552" spans="14:14">
      <c r="N145552" s="10"/>
    </row>
    <row r="145553" spans="14:14">
      <c r="N145553" s="10"/>
    </row>
    <row r="145554" spans="14:14">
      <c r="N145554" s="10"/>
    </row>
    <row r="145555" spans="14:14">
      <c r="N145555" s="10"/>
    </row>
    <row r="145556" spans="14:14">
      <c r="N145556" s="10"/>
    </row>
    <row r="145557" spans="14:14">
      <c r="N145557" s="10"/>
    </row>
    <row r="145558" spans="14:14">
      <c r="N145558" s="10"/>
    </row>
    <row r="145559" spans="14:14">
      <c r="N145559" s="10"/>
    </row>
    <row r="145560" spans="14:14">
      <c r="N145560" s="10"/>
    </row>
    <row r="145561" spans="14:14">
      <c r="N145561" s="10"/>
    </row>
    <row r="145562" spans="14:14">
      <c r="N145562" s="10"/>
    </row>
    <row r="145563" spans="14:14">
      <c r="N145563" s="10"/>
    </row>
    <row r="145564" spans="14:14">
      <c r="N145564" s="10"/>
    </row>
    <row r="145565" spans="14:14">
      <c r="N145565" s="10"/>
    </row>
    <row r="145566" spans="14:14">
      <c r="N145566" s="10"/>
    </row>
    <row r="145567" spans="14:14">
      <c r="N145567" s="10"/>
    </row>
    <row r="145568" spans="14:14">
      <c r="N145568" s="10"/>
    </row>
    <row r="145569" spans="14:14">
      <c r="N145569" s="10"/>
    </row>
    <row r="145570" spans="14:14">
      <c r="N145570" s="10"/>
    </row>
    <row r="145571" spans="14:14">
      <c r="N145571" s="10"/>
    </row>
    <row r="145572" spans="14:14">
      <c r="N145572" s="10"/>
    </row>
    <row r="145573" spans="14:14">
      <c r="N145573" s="10"/>
    </row>
    <row r="145574" spans="14:14">
      <c r="N145574" s="10"/>
    </row>
    <row r="145575" spans="14:14">
      <c r="N145575" s="10"/>
    </row>
    <row r="145576" spans="14:14">
      <c r="N145576" s="10"/>
    </row>
    <row r="145577" spans="14:14">
      <c r="N145577" s="10"/>
    </row>
    <row r="145578" spans="14:14">
      <c r="N145578" s="10"/>
    </row>
    <row r="145579" spans="14:14">
      <c r="N145579" s="10"/>
    </row>
    <row r="145580" spans="14:14">
      <c r="N145580" s="10"/>
    </row>
    <row r="145581" spans="14:14">
      <c r="N145581" s="10"/>
    </row>
    <row r="145582" spans="14:14">
      <c r="N145582" s="10"/>
    </row>
    <row r="145583" spans="14:14">
      <c r="N145583" s="10"/>
    </row>
    <row r="145584" spans="14:14">
      <c r="N145584" s="10"/>
    </row>
    <row r="145585" spans="14:14">
      <c r="N145585" s="10"/>
    </row>
    <row r="145586" spans="14:14">
      <c r="N145586" s="10"/>
    </row>
    <row r="145587" spans="14:14">
      <c r="N145587" s="10"/>
    </row>
    <row r="145588" spans="14:14">
      <c r="N145588" s="10"/>
    </row>
    <row r="145589" spans="14:14">
      <c r="N145589" s="10"/>
    </row>
    <row r="145590" spans="14:14">
      <c r="N145590" s="10"/>
    </row>
    <row r="145591" spans="14:14">
      <c r="N145591" s="10"/>
    </row>
    <row r="145592" spans="14:14">
      <c r="N145592" s="10"/>
    </row>
    <row r="145593" spans="14:14">
      <c r="N145593" s="10"/>
    </row>
    <row r="145594" spans="14:14">
      <c r="N145594" s="10"/>
    </row>
    <row r="145595" spans="14:14">
      <c r="N145595" s="10"/>
    </row>
    <row r="145596" spans="14:14">
      <c r="N145596" s="10"/>
    </row>
    <row r="145597" spans="14:14">
      <c r="N145597" s="10"/>
    </row>
    <row r="145598" spans="14:14">
      <c r="N145598" s="10"/>
    </row>
    <row r="145599" spans="14:14">
      <c r="N145599" s="10"/>
    </row>
    <row r="145600" spans="14:14">
      <c r="N145600" s="10"/>
    </row>
    <row r="145601" spans="14:14">
      <c r="N145601" s="10"/>
    </row>
    <row r="145602" spans="14:14">
      <c r="N145602" s="10"/>
    </row>
    <row r="145603" spans="14:14">
      <c r="N145603" s="10"/>
    </row>
    <row r="145604" spans="14:14">
      <c r="N145604" s="10"/>
    </row>
    <row r="145605" spans="14:14">
      <c r="N145605" s="10"/>
    </row>
    <row r="145606" spans="14:14">
      <c r="N145606" s="10"/>
    </row>
    <row r="145607" spans="14:14">
      <c r="N145607" s="10"/>
    </row>
    <row r="145608" spans="14:14">
      <c r="N145608" s="10"/>
    </row>
    <row r="145609" spans="14:14">
      <c r="N145609" s="10"/>
    </row>
    <row r="145610" spans="14:14">
      <c r="N145610" s="10"/>
    </row>
    <row r="145611" spans="14:14">
      <c r="N145611" s="10"/>
    </row>
    <row r="145612" spans="14:14">
      <c r="N145612" s="10"/>
    </row>
    <row r="145613" spans="14:14">
      <c r="N145613" s="10"/>
    </row>
    <row r="145614" spans="14:14">
      <c r="N145614" s="10"/>
    </row>
    <row r="145615" spans="14:14">
      <c r="N145615" s="10"/>
    </row>
    <row r="145616" spans="14:14">
      <c r="N145616" s="10"/>
    </row>
    <row r="145617" spans="14:14">
      <c r="N145617" s="10"/>
    </row>
    <row r="145618" spans="14:14">
      <c r="N145618" s="10"/>
    </row>
    <row r="145619" spans="14:14">
      <c r="N145619" s="10"/>
    </row>
    <row r="145620" spans="14:14">
      <c r="N145620" s="10"/>
    </row>
    <row r="145621" spans="14:14">
      <c r="N145621" s="10"/>
    </row>
    <row r="145622" spans="14:14">
      <c r="N145622" s="10"/>
    </row>
    <row r="145623" spans="14:14">
      <c r="N145623" s="10"/>
    </row>
    <row r="145624" spans="14:14">
      <c r="N145624" s="10"/>
    </row>
    <row r="145625" spans="14:14">
      <c r="N145625" s="10"/>
    </row>
    <row r="145626" spans="14:14">
      <c r="N145626" s="10"/>
    </row>
    <row r="145627" spans="14:14">
      <c r="N145627" s="10"/>
    </row>
    <row r="145628" spans="14:14">
      <c r="N145628" s="10"/>
    </row>
    <row r="145629" spans="14:14">
      <c r="N145629" s="10"/>
    </row>
    <row r="145630" spans="14:14">
      <c r="N145630" s="10"/>
    </row>
    <row r="145631" spans="14:14">
      <c r="N145631" s="10"/>
    </row>
    <row r="145632" spans="14:14">
      <c r="N145632" s="10"/>
    </row>
    <row r="145633" spans="14:14">
      <c r="N145633" s="10"/>
    </row>
    <row r="145634" spans="14:14">
      <c r="N145634" s="10"/>
    </row>
    <row r="145635" spans="14:14">
      <c r="N145635" s="10"/>
    </row>
    <row r="145636" spans="14:14">
      <c r="N145636" s="10"/>
    </row>
    <row r="145637" spans="14:14">
      <c r="N145637" s="10"/>
    </row>
    <row r="145638" spans="14:14">
      <c r="N145638" s="10"/>
    </row>
    <row r="145639" spans="14:14">
      <c r="N145639" s="10"/>
    </row>
    <row r="145640" spans="14:14">
      <c r="N145640" s="10"/>
    </row>
    <row r="145641" spans="14:14">
      <c r="N145641" s="10"/>
    </row>
    <row r="145642" spans="14:14">
      <c r="N145642" s="10"/>
    </row>
    <row r="145643" spans="14:14">
      <c r="N145643" s="10"/>
    </row>
    <row r="145644" spans="14:14">
      <c r="N145644" s="10"/>
    </row>
    <row r="145645" spans="14:14">
      <c r="N145645" s="10"/>
    </row>
    <row r="145646" spans="14:14">
      <c r="N145646" s="10"/>
    </row>
    <row r="145647" spans="14:14">
      <c r="N145647" s="10"/>
    </row>
    <row r="145648" spans="14:14">
      <c r="N145648" s="10"/>
    </row>
    <row r="145649" spans="14:14">
      <c r="N145649" s="10"/>
    </row>
    <row r="145650" spans="14:14">
      <c r="N145650" s="10"/>
    </row>
    <row r="145651" spans="14:14">
      <c r="N145651" s="10"/>
    </row>
    <row r="145652" spans="14:14">
      <c r="N145652" s="10"/>
    </row>
    <row r="145653" spans="14:14">
      <c r="N145653" s="10"/>
    </row>
    <row r="145654" spans="14:14">
      <c r="N145654" s="10"/>
    </row>
    <row r="145655" spans="14:14">
      <c r="N145655" s="10"/>
    </row>
    <row r="145656" spans="14:14">
      <c r="N145656" s="10"/>
    </row>
    <row r="145657" spans="14:14">
      <c r="N145657" s="10"/>
    </row>
    <row r="145658" spans="14:14">
      <c r="N145658" s="10"/>
    </row>
    <row r="145659" spans="14:14">
      <c r="N145659" s="10"/>
    </row>
    <row r="145660" spans="14:14">
      <c r="N145660" s="10"/>
    </row>
    <row r="145661" spans="14:14">
      <c r="N145661" s="10"/>
    </row>
    <row r="145662" spans="14:14">
      <c r="N145662" s="10"/>
    </row>
    <row r="145663" spans="14:14">
      <c r="N145663" s="10"/>
    </row>
    <row r="145664" spans="14:14">
      <c r="N145664" s="10"/>
    </row>
    <row r="145665" spans="14:14">
      <c r="N145665" s="10"/>
    </row>
    <row r="145666" spans="14:14">
      <c r="N145666" s="10"/>
    </row>
    <row r="145667" spans="14:14">
      <c r="N145667" s="10"/>
    </row>
    <row r="145668" spans="14:14">
      <c r="N145668" s="10"/>
    </row>
    <row r="145669" spans="14:14">
      <c r="N145669" s="10"/>
    </row>
    <row r="145670" spans="14:14">
      <c r="N145670" s="10"/>
    </row>
    <row r="145671" spans="14:14">
      <c r="N145671" s="10"/>
    </row>
    <row r="145672" spans="14:14">
      <c r="N145672" s="10"/>
    </row>
    <row r="145673" spans="14:14">
      <c r="N145673" s="10"/>
    </row>
    <row r="145674" spans="14:14">
      <c r="N145674" s="10"/>
    </row>
    <row r="145675" spans="14:14">
      <c r="N145675" s="10"/>
    </row>
    <row r="145676" spans="14:14">
      <c r="N145676" s="10"/>
    </row>
    <row r="145677" spans="14:14">
      <c r="N145677" s="10"/>
    </row>
    <row r="145678" spans="14:14">
      <c r="N145678" s="10"/>
    </row>
    <row r="145679" spans="14:14">
      <c r="N145679" s="10"/>
    </row>
    <row r="145680" spans="14:14">
      <c r="N145680" s="10"/>
    </row>
    <row r="145681" spans="14:14">
      <c r="N145681" s="10"/>
    </row>
    <row r="145682" spans="14:14">
      <c r="N145682" s="10"/>
    </row>
    <row r="145683" spans="14:14">
      <c r="N145683" s="10"/>
    </row>
    <row r="145684" spans="14:14">
      <c r="N145684" s="10"/>
    </row>
    <row r="145685" spans="14:14">
      <c r="N145685" s="10"/>
    </row>
    <row r="145686" spans="14:14">
      <c r="N145686" s="10"/>
    </row>
    <row r="145687" spans="14:14">
      <c r="N145687" s="10"/>
    </row>
    <row r="145688" spans="14:14">
      <c r="N145688" s="10"/>
    </row>
    <row r="145689" spans="14:14">
      <c r="N145689" s="10"/>
    </row>
    <row r="145690" spans="14:14">
      <c r="N145690" s="10"/>
    </row>
    <row r="145691" spans="14:14">
      <c r="N145691" s="10"/>
    </row>
    <row r="145692" spans="14:14">
      <c r="N145692" s="10"/>
    </row>
    <row r="145693" spans="14:14">
      <c r="N145693" s="10"/>
    </row>
    <row r="145694" spans="14:14">
      <c r="N145694" s="10"/>
    </row>
    <row r="145695" spans="14:14">
      <c r="N145695" s="10"/>
    </row>
    <row r="145696" spans="14:14">
      <c r="N145696" s="10"/>
    </row>
    <row r="145697" spans="14:14">
      <c r="N145697" s="10"/>
    </row>
    <row r="145698" spans="14:14">
      <c r="N145698" s="10"/>
    </row>
    <row r="145699" spans="14:14">
      <c r="N145699" s="10"/>
    </row>
    <row r="145700" spans="14:14">
      <c r="N145700" s="10"/>
    </row>
    <row r="145701" spans="14:14">
      <c r="N145701" s="10"/>
    </row>
    <row r="145702" spans="14:14">
      <c r="N145702" s="10"/>
    </row>
    <row r="145703" spans="14:14">
      <c r="N145703" s="10"/>
    </row>
    <row r="145704" spans="14:14">
      <c r="N145704" s="10"/>
    </row>
    <row r="145705" spans="14:14">
      <c r="N145705" s="10"/>
    </row>
    <row r="145706" spans="14:14">
      <c r="N145706" s="10"/>
    </row>
    <row r="145707" spans="14:14">
      <c r="N145707" s="10"/>
    </row>
    <row r="145708" spans="14:14">
      <c r="N145708" s="10"/>
    </row>
    <row r="145709" spans="14:14">
      <c r="N145709" s="10"/>
    </row>
    <row r="145710" spans="14:14">
      <c r="N145710" s="10"/>
    </row>
    <row r="145711" spans="14:14">
      <c r="N145711" s="10"/>
    </row>
    <row r="145712" spans="14:14">
      <c r="N145712" s="10"/>
    </row>
    <row r="145713" spans="14:14">
      <c r="N145713" s="10"/>
    </row>
    <row r="145714" spans="14:14">
      <c r="N145714" s="10"/>
    </row>
    <row r="145715" spans="14:14">
      <c r="N145715" s="10"/>
    </row>
    <row r="145716" spans="14:14">
      <c r="N145716" s="10"/>
    </row>
    <row r="145717" spans="14:14">
      <c r="N145717" s="10"/>
    </row>
    <row r="145718" spans="14:14">
      <c r="N145718" s="10"/>
    </row>
    <row r="145719" spans="14:14">
      <c r="N145719" s="10"/>
    </row>
    <row r="145720" spans="14:14">
      <c r="N145720" s="10"/>
    </row>
    <row r="145721" spans="14:14">
      <c r="N145721" s="10"/>
    </row>
    <row r="145722" spans="14:14">
      <c r="N145722" s="10"/>
    </row>
    <row r="145723" spans="14:14">
      <c r="N145723" s="10"/>
    </row>
    <row r="145724" spans="14:14">
      <c r="N145724" s="10"/>
    </row>
    <row r="145725" spans="14:14">
      <c r="N145725" s="10"/>
    </row>
    <row r="145726" spans="14:14">
      <c r="N145726" s="10"/>
    </row>
    <row r="145727" spans="14:14">
      <c r="N145727" s="10"/>
    </row>
    <row r="145728" spans="14:14">
      <c r="N145728" s="10"/>
    </row>
    <row r="145729" spans="14:14">
      <c r="N145729" s="10"/>
    </row>
    <row r="145730" spans="14:14">
      <c r="N145730" s="10"/>
    </row>
    <row r="145731" spans="14:14">
      <c r="N145731" s="10"/>
    </row>
    <row r="145732" spans="14:14">
      <c r="N145732" s="10"/>
    </row>
    <row r="145733" spans="14:14">
      <c r="N145733" s="10"/>
    </row>
    <row r="145734" spans="14:14">
      <c r="N145734" s="10"/>
    </row>
    <row r="145735" spans="14:14">
      <c r="N145735" s="10"/>
    </row>
    <row r="145736" spans="14:14">
      <c r="N145736" s="10"/>
    </row>
    <row r="145737" spans="14:14">
      <c r="N145737" s="10"/>
    </row>
    <row r="145738" spans="14:14">
      <c r="N145738" s="10"/>
    </row>
    <row r="145739" spans="14:14">
      <c r="N145739" s="10"/>
    </row>
    <row r="145740" spans="14:14">
      <c r="N145740" s="10"/>
    </row>
    <row r="145741" spans="14:14">
      <c r="N145741" s="10"/>
    </row>
    <row r="145742" spans="14:14">
      <c r="N145742" s="10"/>
    </row>
    <row r="145743" spans="14:14">
      <c r="N145743" s="10"/>
    </row>
    <row r="145744" spans="14:14">
      <c r="N145744" s="10"/>
    </row>
    <row r="145745" spans="14:14">
      <c r="N145745" s="10"/>
    </row>
    <row r="145746" spans="14:14">
      <c r="N145746" s="10"/>
    </row>
    <row r="145747" spans="14:14">
      <c r="N145747" s="10"/>
    </row>
    <row r="145748" spans="14:14">
      <c r="N145748" s="10"/>
    </row>
    <row r="145749" spans="14:14">
      <c r="N145749" s="10"/>
    </row>
    <row r="145750" spans="14:14">
      <c r="N145750" s="10"/>
    </row>
    <row r="145751" spans="14:14">
      <c r="N145751" s="10"/>
    </row>
    <row r="145752" spans="14:14">
      <c r="N145752" s="10"/>
    </row>
    <row r="145753" spans="14:14">
      <c r="N145753" s="10"/>
    </row>
    <row r="145754" spans="14:14">
      <c r="N145754" s="10"/>
    </row>
    <row r="145755" spans="14:14">
      <c r="N145755" s="10"/>
    </row>
    <row r="145756" spans="14:14">
      <c r="N145756" s="10"/>
    </row>
    <row r="145757" spans="14:14">
      <c r="N145757" s="10"/>
    </row>
    <row r="145758" spans="14:14">
      <c r="N145758" s="10"/>
    </row>
    <row r="145759" spans="14:14">
      <c r="N145759" s="10"/>
    </row>
    <row r="145760" spans="14:14">
      <c r="N145760" s="10"/>
    </row>
    <row r="145761" spans="14:14">
      <c r="N145761" s="10"/>
    </row>
    <row r="145762" spans="14:14">
      <c r="N145762" s="10"/>
    </row>
    <row r="145763" spans="14:14">
      <c r="N145763" s="10"/>
    </row>
    <row r="145764" spans="14:14">
      <c r="N145764" s="10"/>
    </row>
    <row r="145765" spans="14:14">
      <c r="N145765" s="10"/>
    </row>
    <row r="145766" spans="14:14">
      <c r="N145766" s="10"/>
    </row>
    <row r="145767" spans="14:14">
      <c r="N145767" s="10"/>
    </row>
    <row r="145768" spans="14:14">
      <c r="N145768" s="10"/>
    </row>
    <row r="145769" spans="14:14">
      <c r="N145769" s="10"/>
    </row>
    <row r="145770" spans="14:14">
      <c r="N145770" s="10"/>
    </row>
    <row r="145771" spans="14:14">
      <c r="N145771" s="10"/>
    </row>
    <row r="145772" spans="14:14">
      <c r="N145772" s="10"/>
    </row>
    <row r="145773" spans="14:14">
      <c r="N145773" s="10"/>
    </row>
    <row r="145774" spans="14:14">
      <c r="N145774" s="10"/>
    </row>
    <row r="145775" spans="14:14">
      <c r="N145775" s="10"/>
    </row>
    <row r="145776" spans="14:14">
      <c r="N145776" s="10"/>
    </row>
    <row r="145777" spans="14:14">
      <c r="N145777" s="10"/>
    </row>
    <row r="145778" spans="14:14">
      <c r="N145778" s="10"/>
    </row>
    <row r="145779" spans="14:14">
      <c r="N145779" s="10"/>
    </row>
    <row r="145780" spans="14:14">
      <c r="N145780" s="10"/>
    </row>
    <row r="145781" spans="14:14">
      <c r="N145781" s="10"/>
    </row>
    <row r="145782" spans="14:14">
      <c r="N145782" s="10"/>
    </row>
    <row r="145783" spans="14:14">
      <c r="N145783" s="10"/>
    </row>
    <row r="145784" spans="14:14">
      <c r="N145784" s="10"/>
    </row>
    <row r="145785" spans="14:14">
      <c r="N145785" s="10"/>
    </row>
    <row r="145786" spans="14:14">
      <c r="N145786" s="10"/>
    </row>
    <row r="145787" spans="14:14">
      <c r="N145787" s="10"/>
    </row>
    <row r="145788" spans="14:14">
      <c r="N145788" s="10"/>
    </row>
    <row r="145789" spans="14:14">
      <c r="N145789" s="10"/>
    </row>
    <row r="145790" spans="14:14">
      <c r="N145790" s="10"/>
    </row>
    <row r="145791" spans="14:14">
      <c r="N145791" s="10"/>
    </row>
    <row r="145792" spans="14:14">
      <c r="N145792" s="10"/>
    </row>
    <row r="145793" spans="14:14">
      <c r="N145793" s="10"/>
    </row>
    <row r="145794" spans="14:14">
      <c r="N145794" s="10"/>
    </row>
    <row r="145795" spans="14:14">
      <c r="N145795" s="10"/>
    </row>
    <row r="145796" spans="14:14">
      <c r="N145796" s="10"/>
    </row>
    <row r="145797" spans="14:14">
      <c r="N145797" s="10"/>
    </row>
    <row r="145798" spans="14:14">
      <c r="N145798" s="10"/>
    </row>
    <row r="145799" spans="14:14">
      <c r="N145799" s="10"/>
    </row>
    <row r="145800" spans="14:14">
      <c r="N145800" s="10"/>
    </row>
    <row r="145801" spans="14:14">
      <c r="N145801" s="10"/>
    </row>
    <row r="145802" spans="14:14">
      <c r="N145802" s="10"/>
    </row>
    <row r="145803" spans="14:14">
      <c r="N145803" s="10"/>
    </row>
    <row r="145804" spans="14:14">
      <c r="N145804" s="10"/>
    </row>
    <row r="145805" spans="14:14">
      <c r="N145805" s="10"/>
    </row>
    <row r="145806" spans="14:14">
      <c r="N145806" s="10"/>
    </row>
    <row r="145807" spans="14:14">
      <c r="N145807" s="10"/>
    </row>
    <row r="145808" spans="14:14">
      <c r="N145808" s="10"/>
    </row>
    <row r="145809" spans="14:14">
      <c r="N145809" s="10"/>
    </row>
    <row r="145810" spans="14:14">
      <c r="N145810" s="10"/>
    </row>
    <row r="145811" spans="14:14">
      <c r="N145811" s="10"/>
    </row>
    <row r="145812" spans="14:14">
      <c r="N145812" s="10"/>
    </row>
    <row r="145813" spans="14:14">
      <c r="N145813" s="10"/>
    </row>
    <row r="145814" spans="14:14">
      <c r="N145814" s="10"/>
    </row>
    <row r="145815" spans="14:14">
      <c r="N145815" s="10"/>
    </row>
    <row r="145816" spans="14:14">
      <c r="N145816" s="10"/>
    </row>
    <row r="145817" spans="14:14">
      <c r="N145817" s="10"/>
    </row>
    <row r="145818" spans="14:14">
      <c r="N145818" s="10"/>
    </row>
    <row r="145819" spans="14:14">
      <c r="N145819" s="10"/>
    </row>
    <row r="145820" spans="14:14">
      <c r="N145820" s="10"/>
    </row>
    <row r="145821" spans="14:14">
      <c r="N145821" s="10"/>
    </row>
    <row r="145822" spans="14:14">
      <c r="N145822" s="10"/>
    </row>
    <row r="145823" spans="14:14">
      <c r="N145823" s="10"/>
    </row>
    <row r="145824" spans="14:14">
      <c r="N145824" s="10"/>
    </row>
    <row r="145825" spans="14:14">
      <c r="N145825" s="10"/>
    </row>
    <row r="145826" spans="14:14">
      <c r="N145826" s="10"/>
    </row>
    <row r="145827" spans="14:14">
      <c r="N145827" s="10"/>
    </row>
    <row r="145828" spans="14:14">
      <c r="N145828" s="10"/>
    </row>
    <row r="145829" spans="14:14">
      <c r="N145829" s="10"/>
    </row>
    <row r="145830" spans="14:14">
      <c r="N145830" s="10"/>
    </row>
    <row r="145831" spans="14:14">
      <c r="N145831" s="10"/>
    </row>
    <row r="145832" spans="14:14">
      <c r="N145832" s="10"/>
    </row>
    <row r="145833" spans="14:14">
      <c r="N145833" s="10"/>
    </row>
    <row r="145834" spans="14:14">
      <c r="N145834" s="10"/>
    </row>
    <row r="145835" spans="14:14">
      <c r="N145835" s="10"/>
    </row>
    <row r="145836" spans="14:14">
      <c r="N145836" s="10"/>
    </row>
    <row r="145837" spans="14:14">
      <c r="N145837" s="10"/>
    </row>
    <row r="145838" spans="14:14">
      <c r="N145838" s="10"/>
    </row>
    <row r="145839" spans="14:14">
      <c r="N145839" s="10"/>
    </row>
    <row r="145840" spans="14:14">
      <c r="N145840" s="10"/>
    </row>
    <row r="145841" spans="14:14">
      <c r="N145841" s="10"/>
    </row>
    <row r="145842" spans="14:14">
      <c r="N145842" s="10"/>
    </row>
    <row r="145843" spans="14:14">
      <c r="N145843" s="10"/>
    </row>
    <row r="145844" spans="14:14">
      <c r="N145844" s="10"/>
    </row>
    <row r="145845" spans="14:14">
      <c r="N145845" s="10"/>
    </row>
    <row r="145846" spans="14:14">
      <c r="N145846" s="10"/>
    </row>
    <row r="145847" spans="14:14">
      <c r="N145847" s="10"/>
    </row>
    <row r="145848" spans="14:14">
      <c r="N145848" s="10"/>
    </row>
    <row r="145849" spans="14:14">
      <c r="N145849" s="10"/>
    </row>
    <row r="145850" spans="14:14">
      <c r="N145850" s="10"/>
    </row>
    <row r="145851" spans="14:14">
      <c r="N145851" s="10"/>
    </row>
    <row r="145852" spans="14:14">
      <c r="N145852" s="10"/>
    </row>
    <row r="145853" spans="14:14">
      <c r="N145853" s="10"/>
    </row>
    <row r="145854" spans="14:14">
      <c r="N145854" s="10"/>
    </row>
    <row r="145855" spans="14:14">
      <c r="N145855" s="10"/>
    </row>
    <row r="145856" spans="14:14">
      <c r="N145856" s="10"/>
    </row>
    <row r="145857" spans="14:14">
      <c r="N145857" s="10"/>
    </row>
    <row r="145858" spans="14:14">
      <c r="N145858" s="10"/>
    </row>
    <row r="145859" spans="14:14">
      <c r="N145859" s="10"/>
    </row>
    <row r="145860" spans="14:14">
      <c r="N145860" s="10"/>
    </row>
    <row r="145861" spans="14:14">
      <c r="N145861" s="10"/>
    </row>
    <row r="145862" spans="14:14">
      <c r="N145862" s="10"/>
    </row>
    <row r="145863" spans="14:14">
      <c r="N145863" s="10"/>
    </row>
    <row r="145864" spans="14:14">
      <c r="N145864" s="10"/>
    </row>
    <row r="145865" spans="14:14">
      <c r="N145865" s="10"/>
    </row>
    <row r="145866" spans="14:14">
      <c r="N145866" s="10"/>
    </row>
    <row r="145867" spans="14:14">
      <c r="N145867" s="10"/>
    </row>
    <row r="145868" spans="14:14">
      <c r="N145868" s="10"/>
    </row>
    <row r="145869" spans="14:14">
      <c r="N145869" s="10"/>
    </row>
    <row r="145870" spans="14:14">
      <c r="N145870" s="10"/>
    </row>
    <row r="145871" spans="14:14">
      <c r="N145871" s="10"/>
    </row>
    <row r="145872" spans="14:14">
      <c r="N145872" s="10"/>
    </row>
    <row r="145873" spans="14:14">
      <c r="N145873" s="10"/>
    </row>
    <row r="145874" spans="14:14">
      <c r="N145874" s="10"/>
    </row>
    <row r="145875" spans="14:14">
      <c r="N145875" s="10"/>
    </row>
    <row r="145876" spans="14:14">
      <c r="N145876" s="10"/>
    </row>
    <row r="145877" spans="14:14">
      <c r="N145877" s="10"/>
    </row>
    <row r="145878" spans="14:14">
      <c r="N145878" s="10"/>
    </row>
    <row r="145879" spans="14:14">
      <c r="N145879" s="10"/>
    </row>
    <row r="145880" spans="14:14">
      <c r="N145880" s="10"/>
    </row>
    <row r="145881" spans="14:14">
      <c r="N145881" s="10"/>
    </row>
    <row r="145882" spans="14:14">
      <c r="N145882" s="10"/>
    </row>
    <row r="145883" spans="14:14">
      <c r="N145883" s="10"/>
    </row>
    <row r="145884" spans="14:14">
      <c r="N145884" s="10"/>
    </row>
    <row r="145885" spans="14:14">
      <c r="N145885" s="10"/>
    </row>
    <row r="145886" spans="14:14">
      <c r="N145886" s="10"/>
    </row>
    <row r="145887" spans="14:14">
      <c r="N145887" s="10"/>
    </row>
    <row r="145888" spans="14:14">
      <c r="N145888" s="10"/>
    </row>
    <row r="145889" spans="14:14">
      <c r="N145889" s="10"/>
    </row>
    <row r="145890" spans="14:14">
      <c r="N145890" s="10"/>
    </row>
    <row r="145891" spans="14:14">
      <c r="N145891" s="10"/>
    </row>
    <row r="145892" spans="14:14">
      <c r="N145892" s="10"/>
    </row>
    <row r="145893" spans="14:14">
      <c r="N145893" s="10"/>
    </row>
    <row r="145894" spans="14:14">
      <c r="N145894" s="10"/>
    </row>
    <row r="145895" spans="14:14">
      <c r="N145895" s="10"/>
    </row>
    <row r="145896" spans="14:14">
      <c r="N145896" s="10"/>
    </row>
    <row r="145897" spans="14:14">
      <c r="N145897" s="10"/>
    </row>
    <row r="145898" spans="14:14">
      <c r="N145898" s="10"/>
    </row>
    <row r="145899" spans="14:14">
      <c r="N145899" s="10"/>
    </row>
    <row r="145900" spans="14:14">
      <c r="N145900" s="10"/>
    </row>
    <row r="145901" spans="14:14">
      <c r="N145901" s="10"/>
    </row>
    <row r="145902" spans="14:14">
      <c r="N145902" s="10"/>
    </row>
    <row r="145903" spans="14:14">
      <c r="N145903" s="10"/>
    </row>
    <row r="145904" spans="14:14">
      <c r="N145904" s="10"/>
    </row>
    <row r="145905" spans="14:14">
      <c r="N145905" s="10"/>
    </row>
    <row r="145906" spans="14:14">
      <c r="N145906" s="10"/>
    </row>
    <row r="145907" spans="14:14">
      <c r="N145907" s="10"/>
    </row>
    <row r="145908" spans="14:14">
      <c r="N145908" s="10"/>
    </row>
    <row r="145909" spans="14:14">
      <c r="N145909" s="10"/>
    </row>
    <row r="145910" spans="14:14">
      <c r="N145910" s="10"/>
    </row>
    <row r="145911" spans="14:14">
      <c r="N145911" s="10"/>
    </row>
    <row r="145912" spans="14:14">
      <c r="N145912" s="10"/>
    </row>
    <row r="145913" spans="14:14">
      <c r="N145913" s="10"/>
    </row>
    <row r="145914" spans="14:14">
      <c r="N145914" s="10"/>
    </row>
    <row r="145915" spans="14:14">
      <c r="N145915" s="10"/>
    </row>
    <row r="145916" spans="14:14">
      <c r="N145916" s="10"/>
    </row>
    <row r="145917" spans="14:14">
      <c r="N145917" s="10"/>
    </row>
    <row r="145918" spans="14:14">
      <c r="N145918" s="10"/>
    </row>
    <row r="145919" spans="14:14">
      <c r="N145919" s="10"/>
    </row>
    <row r="145920" spans="14:14">
      <c r="N145920" s="10"/>
    </row>
    <row r="145921" spans="14:14">
      <c r="N145921" s="10"/>
    </row>
    <row r="145922" spans="14:14">
      <c r="N145922" s="10"/>
    </row>
    <row r="145923" spans="14:14">
      <c r="N145923" s="10"/>
    </row>
    <row r="145924" spans="14:14">
      <c r="N145924" s="10"/>
    </row>
    <row r="145925" spans="14:14">
      <c r="N145925" s="10"/>
    </row>
    <row r="145926" spans="14:14">
      <c r="N145926" s="10"/>
    </row>
    <row r="145927" spans="14:14">
      <c r="N145927" s="10"/>
    </row>
    <row r="145928" spans="14:14">
      <c r="N145928" s="10"/>
    </row>
    <row r="145929" spans="14:14">
      <c r="N145929" s="10"/>
    </row>
    <row r="145930" spans="14:14">
      <c r="N145930" s="10"/>
    </row>
    <row r="145931" spans="14:14">
      <c r="N145931" s="10"/>
    </row>
    <row r="145932" spans="14:14">
      <c r="N145932" s="10"/>
    </row>
    <row r="145933" spans="14:14">
      <c r="N145933" s="10"/>
    </row>
    <row r="145934" spans="14:14">
      <c r="N145934" s="10"/>
    </row>
    <row r="145935" spans="14:14">
      <c r="N145935" s="10"/>
    </row>
    <row r="145936" spans="14:14">
      <c r="N145936" s="10"/>
    </row>
    <row r="145937" spans="14:14">
      <c r="N145937" s="10"/>
    </row>
    <row r="145938" spans="14:14">
      <c r="N145938" s="10"/>
    </row>
    <row r="145939" spans="14:14">
      <c r="N145939" s="10"/>
    </row>
    <row r="145940" spans="14:14">
      <c r="N145940" s="10"/>
    </row>
    <row r="145941" spans="14:14">
      <c r="N145941" s="10"/>
    </row>
    <row r="145942" spans="14:14">
      <c r="N145942" s="10"/>
    </row>
    <row r="145943" spans="14:14">
      <c r="N145943" s="10"/>
    </row>
    <row r="145944" spans="14:14">
      <c r="N145944" s="10"/>
    </row>
    <row r="145945" spans="14:14">
      <c r="N145945" s="10"/>
    </row>
    <row r="145946" spans="14:14">
      <c r="N145946" s="10"/>
    </row>
    <row r="145947" spans="14:14">
      <c r="N145947" s="10"/>
    </row>
    <row r="145948" spans="14:14">
      <c r="N145948" s="10"/>
    </row>
    <row r="145949" spans="14:14">
      <c r="N145949" s="10"/>
    </row>
    <row r="145950" spans="14:14">
      <c r="N145950" s="10"/>
    </row>
    <row r="145951" spans="14:14">
      <c r="N145951" s="10"/>
    </row>
    <row r="145952" spans="14:14">
      <c r="N145952" s="10"/>
    </row>
    <row r="145953" spans="14:14">
      <c r="N145953" s="10"/>
    </row>
    <row r="145954" spans="14:14">
      <c r="N145954" s="10"/>
    </row>
    <row r="145955" spans="14:14">
      <c r="N145955" s="10"/>
    </row>
    <row r="145956" spans="14:14">
      <c r="N145956" s="10"/>
    </row>
    <row r="145957" spans="14:14">
      <c r="N145957" s="10"/>
    </row>
    <row r="145958" spans="14:14">
      <c r="N145958" s="10"/>
    </row>
    <row r="145959" spans="14:14">
      <c r="N145959" s="10"/>
    </row>
    <row r="145960" spans="14:14">
      <c r="N145960" s="10"/>
    </row>
    <row r="145961" spans="14:14">
      <c r="N145961" s="10"/>
    </row>
    <row r="145962" spans="14:14">
      <c r="N145962" s="10"/>
    </row>
    <row r="145963" spans="14:14">
      <c r="N145963" s="10"/>
    </row>
    <row r="145964" spans="14:14">
      <c r="N145964" s="10"/>
    </row>
    <row r="145965" spans="14:14">
      <c r="N145965" s="10"/>
    </row>
    <row r="145966" spans="14:14">
      <c r="N145966" s="10"/>
    </row>
    <row r="145967" spans="14:14">
      <c r="N145967" s="10"/>
    </row>
    <row r="145968" spans="14:14">
      <c r="N145968" s="10"/>
    </row>
    <row r="145969" spans="14:14">
      <c r="N145969" s="10"/>
    </row>
    <row r="145970" spans="14:14">
      <c r="N145970" s="10"/>
    </row>
    <row r="145971" spans="14:14">
      <c r="N145971" s="10"/>
    </row>
    <row r="145972" spans="14:14">
      <c r="N145972" s="10"/>
    </row>
    <row r="145973" spans="14:14">
      <c r="N145973" s="10"/>
    </row>
    <row r="145974" spans="14:14">
      <c r="N145974" s="10"/>
    </row>
    <row r="145975" spans="14:14">
      <c r="N145975" s="10"/>
    </row>
    <row r="145976" spans="14:14">
      <c r="N145976" s="10"/>
    </row>
    <row r="145977" spans="14:14">
      <c r="N145977" s="10"/>
    </row>
    <row r="145978" spans="14:14">
      <c r="N145978" s="10"/>
    </row>
    <row r="145979" spans="14:14">
      <c r="N145979" s="10"/>
    </row>
    <row r="145980" spans="14:14">
      <c r="N145980" s="10"/>
    </row>
    <row r="145981" spans="14:14">
      <c r="N145981" s="10"/>
    </row>
    <row r="145982" spans="14:14">
      <c r="N145982" s="10"/>
    </row>
    <row r="145983" spans="14:14">
      <c r="N145983" s="10"/>
    </row>
    <row r="145984" spans="14:14">
      <c r="N145984" s="10"/>
    </row>
    <row r="145985" spans="14:14">
      <c r="N145985" s="10"/>
    </row>
    <row r="145986" spans="14:14">
      <c r="N145986" s="10"/>
    </row>
    <row r="145987" spans="14:14">
      <c r="N145987" s="10"/>
    </row>
    <row r="145988" spans="14:14">
      <c r="N145988" s="10"/>
    </row>
    <row r="145989" spans="14:14">
      <c r="N145989" s="10"/>
    </row>
    <row r="145990" spans="14:14">
      <c r="N145990" s="10"/>
    </row>
    <row r="145991" spans="14:14">
      <c r="N145991" s="10"/>
    </row>
    <row r="145992" spans="14:14">
      <c r="N145992" s="10"/>
    </row>
    <row r="145993" spans="14:14">
      <c r="N145993" s="10"/>
    </row>
    <row r="145994" spans="14:14">
      <c r="N145994" s="10"/>
    </row>
    <row r="145995" spans="14:14">
      <c r="N145995" s="10"/>
    </row>
    <row r="145996" spans="14:14">
      <c r="N145996" s="10"/>
    </row>
    <row r="145997" spans="14:14">
      <c r="N145997" s="10"/>
    </row>
    <row r="145998" spans="14:14">
      <c r="N145998" s="10"/>
    </row>
    <row r="145999" spans="14:14">
      <c r="N145999" s="10"/>
    </row>
    <row r="146000" spans="14:14">
      <c r="N146000" s="10"/>
    </row>
    <row r="146001" spans="14:14">
      <c r="N146001" s="10"/>
    </row>
    <row r="146002" spans="14:14">
      <c r="N146002" s="10"/>
    </row>
    <row r="146003" spans="14:14">
      <c r="N146003" s="10"/>
    </row>
    <row r="146004" spans="14:14">
      <c r="N146004" s="10"/>
    </row>
    <row r="146005" spans="14:14">
      <c r="N146005" s="10"/>
    </row>
    <row r="146006" spans="14:14">
      <c r="N146006" s="10"/>
    </row>
    <row r="146007" spans="14:14">
      <c r="N146007" s="10"/>
    </row>
    <row r="146008" spans="14:14">
      <c r="N146008" s="10"/>
    </row>
    <row r="146009" spans="14:14">
      <c r="N146009" s="10"/>
    </row>
    <row r="146010" spans="14:14">
      <c r="N146010" s="10"/>
    </row>
    <row r="146011" spans="14:14">
      <c r="N146011" s="10"/>
    </row>
    <row r="146012" spans="14:14">
      <c r="N146012" s="10"/>
    </row>
    <row r="146013" spans="14:14">
      <c r="N146013" s="10"/>
    </row>
    <row r="146014" spans="14:14">
      <c r="N146014" s="10"/>
    </row>
    <row r="146015" spans="14:14">
      <c r="N146015" s="10"/>
    </row>
    <row r="146016" spans="14:14">
      <c r="N146016" s="10"/>
    </row>
    <row r="146017" spans="14:14">
      <c r="N146017" s="10"/>
    </row>
    <row r="146018" spans="14:14">
      <c r="N146018" s="10"/>
    </row>
    <row r="146019" spans="14:14">
      <c r="N146019" s="10"/>
    </row>
    <row r="146020" spans="14:14">
      <c r="N146020" s="10"/>
    </row>
    <row r="146021" spans="14:14">
      <c r="N146021" s="10"/>
    </row>
    <row r="146022" spans="14:14">
      <c r="N146022" s="10"/>
    </row>
    <row r="146023" spans="14:14">
      <c r="N146023" s="10"/>
    </row>
    <row r="146024" spans="14:14">
      <c r="N146024" s="10"/>
    </row>
    <row r="146025" spans="14:14">
      <c r="N146025" s="10"/>
    </row>
    <row r="146026" spans="14:14">
      <c r="N146026" s="10"/>
    </row>
    <row r="146027" spans="14:14">
      <c r="N146027" s="10"/>
    </row>
    <row r="146028" spans="14:14">
      <c r="N146028" s="10"/>
    </row>
    <row r="146029" spans="14:14">
      <c r="N146029" s="10"/>
    </row>
    <row r="146030" spans="14:14">
      <c r="N146030" s="10"/>
    </row>
    <row r="146031" spans="14:14">
      <c r="N146031" s="10"/>
    </row>
    <row r="146032" spans="14:14">
      <c r="N146032" s="10"/>
    </row>
    <row r="146033" spans="14:14">
      <c r="N146033" s="10"/>
    </row>
    <row r="146034" spans="14:14">
      <c r="N146034" s="10"/>
    </row>
    <row r="146035" spans="14:14">
      <c r="N146035" s="10"/>
    </row>
    <row r="146036" spans="14:14">
      <c r="N146036" s="10"/>
    </row>
    <row r="146037" spans="14:14">
      <c r="N146037" s="10"/>
    </row>
    <row r="146038" spans="14:14">
      <c r="N146038" s="10"/>
    </row>
    <row r="146039" spans="14:14">
      <c r="N146039" s="10"/>
    </row>
    <row r="146040" spans="14:14">
      <c r="N146040" s="10"/>
    </row>
    <row r="146041" spans="14:14">
      <c r="N146041" s="10"/>
    </row>
    <row r="146042" spans="14:14">
      <c r="N146042" s="10"/>
    </row>
    <row r="146043" spans="14:14">
      <c r="N146043" s="10"/>
    </row>
    <row r="146044" spans="14:14">
      <c r="N146044" s="10"/>
    </row>
    <row r="146045" spans="14:14">
      <c r="N146045" s="10"/>
    </row>
    <row r="146046" spans="14:14">
      <c r="N146046" s="10"/>
    </row>
    <row r="146047" spans="14:14">
      <c r="N146047" s="10"/>
    </row>
    <row r="146048" spans="14:14">
      <c r="N146048" s="10"/>
    </row>
    <row r="146049" spans="14:14">
      <c r="N146049" s="10"/>
    </row>
    <row r="146050" spans="14:14">
      <c r="N146050" s="10"/>
    </row>
    <row r="146051" spans="14:14">
      <c r="N146051" s="10"/>
    </row>
    <row r="146052" spans="14:14">
      <c r="N146052" s="10"/>
    </row>
    <row r="146053" spans="14:14">
      <c r="N146053" s="10"/>
    </row>
    <row r="146054" spans="14:14">
      <c r="N146054" s="10"/>
    </row>
    <row r="146055" spans="14:14">
      <c r="N146055" s="10"/>
    </row>
    <row r="146056" spans="14:14">
      <c r="N146056" s="10"/>
    </row>
    <row r="146057" spans="14:14">
      <c r="N146057" s="10"/>
    </row>
    <row r="146058" spans="14:14">
      <c r="N146058" s="10"/>
    </row>
    <row r="146059" spans="14:14">
      <c r="N146059" s="10"/>
    </row>
    <row r="146060" spans="14:14">
      <c r="N146060" s="10"/>
    </row>
    <row r="146061" spans="14:14">
      <c r="N146061" s="10"/>
    </row>
    <row r="146062" spans="14:14">
      <c r="N146062" s="10"/>
    </row>
    <row r="146063" spans="14:14">
      <c r="N146063" s="10"/>
    </row>
    <row r="146064" spans="14:14">
      <c r="N146064" s="10"/>
    </row>
    <row r="146065" spans="14:14">
      <c r="N146065" s="10"/>
    </row>
    <row r="146066" spans="14:14">
      <c r="N146066" s="10"/>
    </row>
    <row r="146067" spans="14:14">
      <c r="N146067" s="10"/>
    </row>
    <row r="146068" spans="14:14">
      <c r="N146068" s="10"/>
    </row>
    <row r="146069" spans="14:14">
      <c r="N146069" s="10"/>
    </row>
    <row r="146070" spans="14:14">
      <c r="N146070" s="10"/>
    </row>
    <row r="146071" spans="14:14">
      <c r="N146071" s="10"/>
    </row>
    <row r="146072" spans="14:14">
      <c r="N146072" s="10"/>
    </row>
    <row r="146073" spans="14:14">
      <c r="N146073" s="10"/>
    </row>
    <row r="146074" spans="14:14">
      <c r="N146074" s="10"/>
    </row>
    <row r="146075" spans="14:14">
      <c r="N146075" s="10"/>
    </row>
    <row r="146076" spans="14:14">
      <c r="N146076" s="10"/>
    </row>
    <row r="146077" spans="14:14">
      <c r="N146077" s="10"/>
    </row>
    <row r="146078" spans="14:14">
      <c r="N146078" s="10"/>
    </row>
    <row r="146079" spans="14:14">
      <c r="N146079" s="10"/>
    </row>
    <row r="146080" spans="14:14">
      <c r="N146080" s="10"/>
    </row>
    <row r="146081" spans="14:14">
      <c r="N146081" s="10"/>
    </row>
    <row r="146082" spans="14:14">
      <c r="N146082" s="10"/>
    </row>
    <row r="146083" spans="14:14">
      <c r="N146083" s="10"/>
    </row>
    <row r="146084" spans="14:14">
      <c r="N146084" s="10"/>
    </row>
    <row r="146085" spans="14:14">
      <c r="N146085" s="10"/>
    </row>
    <row r="146086" spans="14:14">
      <c r="N146086" s="10"/>
    </row>
    <row r="146087" spans="14:14">
      <c r="N146087" s="10"/>
    </row>
    <row r="146088" spans="14:14">
      <c r="N146088" s="10"/>
    </row>
    <row r="146089" spans="14:14">
      <c r="N146089" s="10"/>
    </row>
    <row r="146090" spans="14:14">
      <c r="N146090" s="10"/>
    </row>
    <row r="146091" spans="14:14">
      <c r="N146091" s="10"/>
    </row>
    <row r="146092" spans="14:14">
      <c r="N146092" s="10"/>
    </row>
    <row r="146093" spans="14:14">
      <c r="N146093" s="10"/>
    </row>
    <row r="146094" spans="14:14">
      <c r="N146094" s="10"/>
    </row>
    <row r="146095" spans="14:14">
      <c r="N146095" s="10"/>
    </row>
    <row r="146096" spans="14:14">
      <c r="N146096" s="10"/>
    </row>
    <row r="146097" spans="14:14">
      <c r="N146097" s="10"/>
    </row>
    <row r="146098" spans="14:14">
      <c r="N146098" s="10"/>
    </row>
    <row r="146099" spans="14:14">
      <c r="N146099" s="10"/>
    </row>
    <row r="146100" spans="14:14">
      <c r="N146100" s="10"/>
    </row>
    <row r="146101" spans="14:14">
      <c r="N146101" s="10"/>
    </row>
    <row r="146102" spans="14:14">
      <c r="N146102" s="10"/>
    </row>
    <row r="146103" spans="14:14">
      <c r="N146103" s="10"/>
    </row>
    <row r="146104" spans="14:14">
      <c r="N146104" s="10"/>
    </row>
    <row r="146105" spans="14:14">
      <c r="N146105" s="10"/>
    </row>
    <row r="146106" spans="14:14">
      <c r="N146106" s="10"/>
    </row>
    <row r="146107" spans="14:14">
      <c r="N146107" s="10"/>
    </row>
    <row r="146108" spans="14:14">
      <c r="N146108" s="10"/>
    </row>
    <row r="146109" spans="14:14">
      <c r="N146109" s="10"/>
    </row>
    <row r="146110" spans="14:14">
      <c r="N146110" s="10"/>
    </row>
    <row r="146111" spans="14:14">
      <c r="N146111" s="10"/>
    </row>
    <row r="146112" spans="14:14">
      <c r="N146112" s="10"/>
    </row>
    <row r="146113" spans="14:14">
      <c r="N146113" s="10"/>
    </row>
    <row r="146114" spans="14:14">
      <c r="N146114" s="10"/>
    </row>
    <row r="146115" spans="14:14">
      <c r="N146115" s="10"/>
    </row>
    <row r="146116" spans="14:14">
      <c r="N146116" s="10"/>
    </row>
    <row r="146117" spans="14:14">
      <c r="N146117" s="10"/>
    </row>
    <row r="146118" spans="14:14">
      <c r="N146118" s="10"/>
    </row>
    <row r="146119" spans="14:14">
      <c r="N146119" s="10"/>
    </row>
    <row r="146120" spans="14:14">
      <c r="N146120" s="10"/>
    </row>
    <row r="146121" spans="14:14">
      <c r="N146121" s="10"/>
    </row>
    <row r="146122" spans="14:14">
      <c r="N146122" s="10"/>
    </row>
    <row r="146123" spans="14:14">
      <c r="N146123" s="10"/>
    </row>
    <row r="146124" spans="14:14">
      <c r="N146124" s="10"/>
    </row>
    <row r="146125" spans="14:14">
      <c r="N146125" s="10"/>
    </row>
    <row r="146126" spans="14:14">
      <c r="N146126" s="10"/>
    </row>
    <row r="146127" spans="14:14">
      <c r="N146127" s="10"/>
    </row>
    <row r="146128" spans="14:14">
      <c r="N146128" s="10"/>
    </row>
    <row r="146129" spans="14:14">
      <c r="N146129" s="10"/>
    </row>
    <row r="146130" spans="14:14">
      <c r="N146130" s="10"/>
    </row>
    <row r="146131" spans="14:14">
      <c r="N146131" s="10"/>
    </row>
    <row r="146132" spans="14:14">
      <c r="N146132" s="10"/>
    </row>
    <row r="146133" spans="14:14">
      <c r="N146133" s="10"/>
    </row>
    <row r="146134" spans="14:14">
      <c r="N146134" s="10"/>
    </row>
    <row r="146135" spans="14:14">
      <c r="N146135" s="10"/>
    </row>
    <row r="146136" spans="14:14">
      <c r="N146136" s="10"/>
    </row>
    <row r="146137" spans="14:14">
      <c r="N146137" s="10"/>
    </row>
    <row r="146138" spans="14:14">
      <c r="N146138" s="10"/>
    </row>
    <row r="146139" spans="14:14">
      <c r="N146139" s="10"/>
    </row>
    <row r="146140" spans="14:14">
      <c r="N146140" s="10"/>
    </row>
    <row r="146141" spans="14:14">
      <c r="N146141" s="10"/>
    </row>
    <row r="146142" spans="14:14">
      <c r="N146142" s="10"/>
    </row>
    <row r="146143" spans="14:14">
      <c r="N146143" s="10"/>
    </row>
    <row r="146144" spans="14:14">
      <c r="N146144" s="10"/>
    </row>
    <row r="146145" spans="14:14">
      <c r="N146145" s="10"/>
    </row>
    <row r="146146" spans="14:14">
      <c r="N146146" s="10"/>
    </row>
    <row r="146147" spans="14:14">
      <c r="N146147" s="10"/>
    </row>
    <row r="146148" spans="14:14">
      <c r="N146148" s="10"/>
    </row>
    <row r="146149" spans="14:14">
      <c r="N146149" s="10"/>
    </row>
    <row r="146150" spans="14:14">
      <c r="N146150" s="10"/>
    </row>
    <row r="146151" spans="14:14">
      <c r="N146151" s="10"/>
    </row>
    <row r="146152" spans="14:14">
      <c r="N146152" s="10"/>
    </row>
    <row r="146153" spans="14:14">
      <c r="N146153" s="10"/>
    </row>
    <row r="146154" spans="14:14">
      <c r="N146154" s="10"/>
    </row>
    <row r="146155" spans="14:14">
      <c r="N146155" s="10"/>
    </row>
    <row r="146156" spans="14:14">
      <c r="N146156" s="10"/>
    </row>
    <row r="146157" spans="14:14">
      <c r="N146157" s="10"/>
    </row>
    <row r="146158" spans="14:14">
      <c r="N146158" s="10"/>
    </row>
    <row r="146159" spans="14:14">
      <c r="N146159" s="10"/>
    </row>
    <row r="146160" spans="14:14">
      <c r="N146160" s="10"/>
    </row>
    <row r="146161" spans="14:14">
      <c r="N146161" s="10"/>
    </row>
    <row r="146162" spans="14:14">
      <c r="N146162" s="10"/>
    </row>
    <row r="146163" spans="14:14">
      <c r="N146163" s="10"/>
    </row>
    <row r="146164" spans="14:14">
      <c r="N146164" s="10"/>
    </row>
    <row r="146165" spans="14:14">
      <c r="N146165" s="10"/>
    </row>
    <row r="146166" spans="14:14">
      <c r="N146166" s="10"/>
    </row>
    <row r="146167" spans="14:14">
      <c r="N146167" s="10"/>
    </row>
    <row r="146168" spans="14:14">
      <c r="N146168" s="10"/>
    </row>
    <row r="146169" spans="14:14">
      <c r="N146169" s="10"/>
    </row>
    <row r="146170" spans="14:14">
      <c r="N146170" s="10"/>
    </row>
    <row r="146171" spans="14:14">
      <c r="N146171" s="10"/>
    </row>
    <row r="146172" spans="14:14">
      <c r="N146172" s="10"/>
    </row>
    <row r="146173" spans="14:14">
      <c r="N146173" s="10"/>
    </row>
    <row r="146174" spans="14:14">
      <c r="N146174" s="10"/>
    </row>
    <row r="146175" spans="14:14">
      <c r="N146175" s="10"/>
    </row>
    <row r="146176" spans="14:14">
      <c r="N146176" s="10"/>
    </row>
    <row r="146177" spans="14:14">
      <c r="N146177" s="10"/>
    </row>
    <row r="146178" spans="14:14">
      <c r="N146178" s="10"/>
    </row>
    <row r="146179" spans="14:14">
      <c r="N146179" s="10"/>
    </row>
    <row r="146180" spans="14:14">
      <c r="N146180" s="10"/>
    </row>
    <row r="146181" spans="14:14">
      <c r="N146181" s="10"/>
    </row>
    <row r="146182" spans="14:14">
      <c r="N146182" s="10"/>
    </row>
    <row r="146183" spans="14:14">
      <c r="N146183" s="10"/>
    </row>
    <row r="146184" spans="14:14">
      <c r="N146184" s="10"/>
    </row>
    <row r="146185" spans="14:14">
      <c r="N146185" s="10"/>
    </row>
    <row r="146186" spans="14:14">
      <c r="N146186" s="10"/>
    </row>
    <row r="146187" spans="14:14">
      <c r="N146187" s="10"/>
    </row>
    <row r="146188" spans="14:14">
      <c r="N146188" s="10"/>
    </row>
    <row r="146189" spans="14:14">
      <c r="N146189" s="10"/>
    </row>
    <row r="146190" spans="14:14">
      <c r="N146190" s="10"/>
    </row>
    <row r="146191" spans="14:14">
      <c r="N146191" s="10"/>
    </row>
    <row r="146192" spans="14:14">
      <c r="N146192" s="10"/>
    </row>
    <row r="146193" spans="14:14">
      <c r="N146193" s="10"/>
    </row>
    <row r="146194" spans="14:14">
      <c r="N146194" s="10"/>
    </row>
    <row r="146195" spans="14:14">
      <c r="N146195" s="10"/>
    </row>
    <row r="146196" spans="14:14">
      <c r="N146196" s="10"/>
    </row>
    <row r="146197" spans="14:14">
      <c r="N146197" s="10"/>
    </row>
    <row r="146198" spans="14:14">
      <c r="N146198" s="10"/>
    </row>
    <row r="146199" spans="14:14">
      <c r="N146199" s="10"/>
    </row>
    <row r="146200" spans="14:14">
      <c r="N146200" s="10"/>
    </row>
    <row r="146201" spans="14:14">
      <c r="N146201" s="10"/>
    </row>
    <row r="146202" spans="14:14">
      <c r="N146202" s="10"/>
    </row>
    <row r="146203" spans="14:14">
      <c r="N146203" s="10"/>
    </row>
    <row r="146204" spans="14:14">
      <c r="N146204" s="10"/>
    </row>
    <row r="146205" spans="14:14">
      <c r="N146205" s="10"/>
    </row>
    <row r="146206" spans="14:14">
      <c r="N146206" s="10"/>
    </row>
    <row r="146207" spans="14:14">
      <c r="N146207" s="10"/>
    </row>
    <row r="146208" spans="14:14">
      <c r="N146208" s="10"/>
    </row>
    <row r="146209" spans="14:14">
      <c r="N146209" s="10"/>
    </row>
    <row r="146210" spans="14:14">
      <c r="N146210" s="10"/>
    </row>
    <row r="146211" spans="14:14">
      <c r="N146211" s="10"/>
    </row>
    <row r="146212" spans="14:14">
      <c r="N146212" s="10"/>
    </row>
    <row r="146213" spans="14:14">
      <c r="N146213" s="10"/>
    </row>
    <row r="146214" spans="14:14">
      <c r="N146214" s="10"/>
    </row>
    <row r="146215" spans="14:14">
      <c r="N146215" s="10"/>
    </row>
    <row r="146216" spans="14:14">
      <c r="N146216" s="10"/>
    </row>
    <row r="146217" spans="14:14">
      <c r="N146217" s="10"/>
    </row>
    <row r="146218" spans="14:14">
      <c r="N146218" s="10"/>
    </row>
    <row r="146219" spans="14:14">
      <c r="N146219" s="10"/>
    </row>
    <row r="146220" spans="14:14">
      <c r="N146220" s="10"/>
    </row>
    <row r="146221" spans="14:14">
      <c r="N146221" s="10"/>
    </row>
    <row r="146222" spans="14:14">
      <c r="N146222" s="10"/>
    </row>
    <row r="146223" spans="14:14">
      <c r="N146223" s="10"/>
    </row>
    <row r="146224" spans="14:14">
      <c r="N146224" s="10"/>
    </row>
    <row r="146225" spans="14:14">
      <c r="N146225" s="10"/>
    </row>
    <row r="146226" spans="14:14">
      <c r="N146226" s="10"/>
    </row>
    <row r="146227" spans="14:14">
      <c r="N146227" s="10"/>
    </row>
    <row r="146228" spans="14:14">
      <c r="N146228" s="10"/>
    </row>
    <row r="146229" spans="14:14">
      <c r="N146229" s="10"/>
    </row>
    <row r="146230" spans="14:14">
      <c r="N146230" s="10"/>
    </row>
    <row r="146231" spans="14:14">
      <c r="N146231" s="10"/>
    </row>
    <row r="146232" spans="14:14">
      <c r="N146232" s="10"/>
    </row>
    <row r="146233" spans="14:14">
      <c r="N146233" s="10"/>
    </row>
    <row r="146234" spans="14:14">
      <c r="N146234" s="10"/>
    </row>
    <row r="146235" spans="14:14">
      <c r="N146235" s="10"/>
    </row>
    <row r="146236" spans="14:14">
      <c r="N146236" s="10"/>
    </row>
    <row r="146237" spans="14:14">
      <c r="N146237" s="10"/>
    </row>
    <row r="146238" spans="14:14">
      <c r="N146238" s="10"/>
    </row>
    <row r="146239" spans="14:14">
      <c r="N146239" s="10"/>
    </row>
    <row r="146240" spans="14:14">
      <c r="N146240" s="10"/>
    </row>
    <row r="146241" spans="14:14">
      <c r="N146241" s="10"/>
    </row>
    <row r="146242" spans="14:14">
      <c r="N146242" s="10"/>
    </row>
    <row r="146243" spans="14:14">
      <c r="N146243" s="10"/>
    </row>
    <row r="146244" spans="14:14">
      <c r="N146244" s="10"/>
    </row>
    <row r="146245" spans="14:14">
      <c r="N146245" s="10"/>
    </row>
    <row r="146246" spans="14:14">
      <c r="N146246" s="10"/>
    </row>
    <row r="146247" spans="14:14">
      <c r="N146247" s="10"/>
    </row>
    <row r="146248" spans="14:14">
      <c r="N146248" s="10"/>
    </row>
    <row r="146249" spans="14:14">
      <c r="N146249" s="10"/>
    </row>
    <row r="146250" spans="14:14">
      <c r="N146250" s="10"/>
    </row>
    <row r="146251" spans="14:14">
      <c r="N146251" s="10"/>
    </row>
    <row r="146252" spans="14:14">
      <c r="N146252" s="10"/>
    </row>
    <row r="146253" spans="14:14">
      <c r="N146253" s="10"/>
    </row>
    <row r="146254" spans="14:14">
      <c r="N146254" s="10"/>
    </row>
    <row r="146255" spans="14:14">
      <c r="N146255" s="10"/>
    </row>
    <row r="146256" spans="14:14">
      <c r="N146256" s="10"/>
    </row>
    <row r="146257" spans="14:14">
      <c r="N146257" s="10"/>
    </row>
    <row r="146258" spans="14:14">
      <c r="N146258" s="10"/>
    </row>
    <row r="146259" spans="14:14">
      <c r="N146259" s="10"/>
    </row>
    <row r="146260" spans="14:14">
      <c r="N146260" s="10"/>
    </row>
    <row r="146261" spans="14:14">
      <c r="N146261" s="10"/>
    </row>
    <row r="146262" spans="14:14">
      <c r="N146262" s="10"/>
    </row>
    <row r="146263" spans="14:14">
      <c r="N146263" s="10"/>
    </row>
    <row r="146264" spans="14:14">
      <c r="N146264" s="10"/>
    </row>
    <row r="146265" spans="14:14">
      <c r="N146265" s="10"/>
    </row>
    <row r="146266" spans="14:14">
      <c r="N146266" s="10"/>
    </row>
    <row r="146267" spans="14:14">
      <c r="N146267" s="10"/>
    </row>
    <row r="146268" spans="14:14">
      <c r="N146268" s="10"/>
    </row>
    <row r="146269" spans="14:14">
      <c r="N146269" s="10"/>
    </row>
    <row r="146270" spans="14:14">
      <c r="N146270" s="10"/>
    </row>
    <row r="146271" spans="14:14">
      <c r="N146271" s="10"/>
    </row>
    <row r="146272" spans="14:14">
      <c r="N146272" s="10"/>
    </row>
    <row r="146273" spans="14:14">
      <c r="N146273" s="10"/>
    </row>
    <row r="146274" spans="14:14">
      <c r="N146274" s="10"/>
    </row>
    <row r="146275" spans="14:14">
      <c r="N146275" s="10"/>
    </row>
    <row r="146276" spans="14:14">
      <c r="N146276" s="10"/>
    </row>
    <row r="146277" spans="14:14">
      <c r="N146277" s="10"/>
    </row>
    <row r="146278" spans="14:14">
      <c r="N146278" s="10"/>
    </row>
    <row r="146279" spans="14:14">
      <c r="N146279" s="10"/>
    </row>
    <row r="146280" spans="14:14">
      <c r="N146280" s="10"/>
    </row>
    <row r="146281" spans="14:14">
      <c r="N146281" s="10"/>
    </row>
    <row r="146282" spans="14:14">
      <c r="N146282" s="10"/>
    </row>
    <row r="146283" spans="14:14">
      <c r="N146283" s="10"/>
    </row>
    <row r="146284" spans="14:14">
      <c r="N146284" s="10"/>
    </row>
    <row r="146285" spans="14:14">
      <c r="N146285" s="10"/>
    </row>
    <row r="146286" spans="14:14">
      <c r="N146286" s="10"/>
    </row>
    <row r="146287" spans="14:14">
      <c r="N146287" s="10"/>
    </row>
    <row r="146288" spans="14:14">
      <c r="N146288" s="10"/>
    </row>
    <row r="146289" spans="14:14">
      <c r="N146289" s="10"/>
    </row>
    <row r="146290" spans="14:14">
      <c r="N146290" s="10"/>
    </row>
    <row r="146291" spans="14:14">
      <c r="N146291" s="10"/>
    </row>
    <row r="146292" spans="14:14">
      <c r="N146292" s="10"/>
    </row>
    <row r="146293" spans="14:14">
      <c r="N146293" s="10"/>
    </row>
    <row r="146294" spans="14:14">
      <c r="N146294" s="10"/>
    </row>
    <row r="146295" spans="14:14">
      <c r="N146295" s="10"/>
    </row>
    <row r="146296" spans="14:14">
      <c r="N146296" s="10"/>
    </row>
    <row r="146297" spans="14:14">
      <c r="N146297" s="10"/>
    </row>
    <row r="146298" spans="14:14">
      <c r="N146298" s="10"/>
    </row>
    <row r="146299" spans="14:14">
      <c r="N146299" s="10"/>
    </row>
    <row r="146300" spans="14:14">
      <c r="N146300" s="10"/>
    </row>
    <row r="146301" spans="14:14">
      <c r="N146301" s="10"/>
    </row>
    <row r="146302" spans="14:14">
      <c r="N146302" s="10"/>
    </row>
    <row r="146303" spans="14:14">
      <c r="N146303" s="10"/>
    </row>
    <row r="146304" spans="14:14">
      <c r="N146304" s="10"/>
    </row>
    <row r="146305" spans="14:14">
      <c r="N146305" s="10"/>
    </row>
    <row r="146306" spans="14:14">
      <c r="N146306" s="10"/>
    </row>
    <row r="146307" spans="14:14">
      <c r="N146307" s="10"/>
    </row>
    <row r="146308" spans="14:14">
      <c r="N146308" s="10"/>
    </row>
    <row r="146309" spans="14:14">
      <c r="N146309" s="10"/>
    </row>
    <row r="146310" spans="14:14">
      <c r="N146310" s="10"/>
    </row>
    <row r="146311" spans="14:14">
      <c r="N146311" s="10"/>
    </row>
    <row r="146312" spans="14:14">
      <c r="N146312" s="10"/>
    </row>
    <row r="146313" spans="14:14">
      <c r="N146313" s="10"/>
    </row>
    <row r="146314" spans="14:14">
      <c r="N146314" s="10"/>
    </row>
    <row r="146315" spans="14:14">
      <c r="N146315" s="10"/>
    </row>
    <row r="146316" spans="14:14">
      <c r="N146316" s="10"/>
    </row>
    <row r="146317" spans="14:14">
      <c r="N146317" s="10"/>
    </row>
    <row r="146318" spans="14:14">
      <c r="N146318" s="10"/>
    </row>
    <row r="146319" spans="14:14">
      <c r="N146319" s="10"/>
    </row>
    <row r="146320" spans="14:14">
      <c r="N146320" s="10"/>
    </row>
    <row r="146321" spans="14:14">
      <c r="N146321" s="10"/>
    </row>
    <row r="146322" spans="14:14">
      <c r="N146322" s="10"/>
    </row>
    <row r="146323" spans="14:14">
      <c r="N146323" s="10"/>
    </row>
    <row r="146324" spans="14:14">
      <c r="N146324" s="10"/>
    </row>
    <row r="146325" spans="14:14">
      <c r="N146325" s="10"/>
    </row>
    <row r="146326" spans="14:14">
      <c r="N146326" s="10"/>
    </row>
    <row r="146327" spans="14:14">
      <c r="N146327" s="10"/>
    </row>
    <row r="146328" spans="14:14">
      <c r="N146328" s="10"/>
    </row>
    <row r="146329" spans="14:14">
      <c r="N146329" s="10"/>
    </row>
    <row r="146330" spans="14:14">
      <c r="N146330" s="10"/>
    </row>
    <row r="146331" spans="14:14">
      <c r="N146331" s="10"/>
    </row>
    <row r="146332" spans="14:14">
      <c r="N146332" s="10"/>
    </row>
    <row r="146333" spans="14:14">
      <c r="N146333" s="10"/>
    </row>
    <row r="146334" spans="14:14">
      <c r="N146334" s="10"/>
    </row>
    <row r="146335" spans="14:14">
      <c r="N146335" s="10"/>
    </row>
    <row r="146336" spans="14:14">
      <c r="N146336" s="10"/>
    </row>
    <row r="146337" spans="14:14">
      <c r="N146337" s="10"/>
    </row>
    <row r="146338" spans="14:14">
      <c r="N146338" s="10"/>
    </row>
    <row r="146339" spans="14:14">
      <c r="N146339" s="10"/>
    </row>
    <row r="146340" spans="14:14">
      <c r="N146340" s="10"/>
    </row>
    <row r="146341" spans="14:14">
      <c r="N146341" s="10"/>
    </row>
    <row r="146342" spans="14:14">
      <c r="N146342" s="10"/>
    </row>
    <row r="146343" spans="14:14">
      <c r="N146343" s="10"/>
    </row>
    <row r="146344" spans="14:14">
      <c r="N146344" s="10"/>
    </row>
    <row r="146345" spans="14:14">
      <c r="N146345" s="10"/>
    </row>
    <row r="146346" spans="14:14">
      <c r="N146346" s="10"/>
    </row>
    <row r="146347" spans="14:14">
      <c r="N146347" s="10"/>
    </row>
    <row r="146348" spans="14:14">
      <c r="N146348" s="10"/>
    </row>
    <row r="146349" spans="14:14">
      <c r="N146349" s="10"/>
    </row>
    <row r="146350" spans="14:14">
      <c r="N146350" s="10"/>
    </row>
    <row r="146351" spans="14:14">
      <c r="N146351" s="10"/>
    </row>
    <row r="146352" spans="14:14">
      <c r="N146352" s="10"/>
    </row>
    <row r="146353" spans="14:14">
      <c r="N146353" s="10"/>
    </row>
    <row r="146354" spans="14:14">
      <c r="N146354" s="10"/>
    </row>
    <row r="146355" spans="14:14">
      <c r="N146355" s="10"/>
    </row>
    <row r="146356" spans="14:14">
      <c r="N146356" s="10"/>
    </row>
    <row r="146357" spans="14:14">
      <c r="N146357" s="10"/>
    </row>
    <row r="146358" spans="14:14">
      <c r="N146358" s="10"/>
    </row>
    <row r="146359" spans="14:14">
      <c r="N146359" s="10"/>
    </row>
    <row r="146360" spans="14:14">
      <c r="N146360" s="10"/>
    </row>
    <row r="146361" spans="14:14">
      <c r="N146361" s="10"/>
    </row>
    <row r="146362" spans="14:14">
      <c r="N146362" s="10"/>
    </row>
    <row r="146363" spans="14:14">
      <c r="N146363" s="10"/>
    </row>
    <row r="146364" spans="14:14">
      <c r="N146364" s="10"/>
    </row>
    <row r="146365" spans="14:14">
      <c r="N146365" s="10"/>
    </row>
    <row r="146366" spans="14:14">
      <c r="N146366" s="10"/>
    </row>
    <row r="146367" spans="14:14">
      <c r="N146367" s="10"/>
    </row>
    <row r="146368" spans="14:14">
      <c r="N146368" s="10"/>
    </row>
    <row r="146369" spans="14:14">
      <c r="N146369" s="10"/>
    </row>
    <row r="146370" spans="14:14">
      <c r="N146370" s="10"/>
    </row>
    <row r="146371" spans="14:14">
      <c r="N146371" s="10"/>
    </row>
    <row r="146372" spans="14:14">
      <c r="N146372" s="10"/>
    </row>
    <row r="146373" spans="14:14">
      <c r="N146373" s="10"/>
    </row>
    <row r="146374" spans="14:14">
      <c r="N146374" s="10"/>
    </row>
    <row r="146375" spans="14:14">
      <c r="N146375" s="10"/>
    </row>
    <row r="146376" spans="14:14">
      <c r="N146376" s="10"/>
    </row>
    <row r="146377" spans="14:14">
      <c r="N146377" s="10"/>
    </row>
    <row r="146378" spans="14:14">
      <c r="N146378" s="10"/>
    </row>
    <row r="146379" spans="14:14">
      <c r="N146379" s="10"/>
    </row>
    <row r="146380" spans="14:14">
      <c r="N146380" s="10"/>
    </row>
    <row r="146381" spans="14:14">
      <c r="N146381" s="10"/>
    </row>
    <row r="146382" spans="14:14">
      <c r="N146382" s="10"/>
    </row>
    <row r="146383" spans="14:14">
      <c r="N146383" s="10"/>
    </row>
    <row r="146384" spans="14:14">
      <c r="N146384" s="10"/>
    </row>
    <row r="146385" spans="14:14">
      <c r="N146385" s="10"/>
    </row>
    <row r="146386" spans="14:14">
      <c r="N146386" s="10"/>
    </row>
    <row r="146387" spans="14:14">
      <c r="N146387" s="10"/>
    </row>
    <row r="146388" spans="14:14">
      <c r="N146388" s="10"/>
    </row>
    <row r="146389" spans="14:14">
      <c r="N146389" s="10"/>
    </row>
    <row r="146390" spans="14:14">
      <c r="N146390" s="10"/>
    </row>
    <row r="146391" spans="14:14">
      <c r="N146391" s="10"/>
    </row>
    <row r="146392" spans="14:14">
      <c r="N146392" s="10"/>
    </row>
    <row r="146393" spans="14:14">
      <c r="N146393" s="10"/>
    </row>
    <row r="146394" spans="14:14">
      <c r="N146394" s="10"/>
    </row>
    <row r="146395" spans="14:14">
      <c r="N146395" s="10"/>
    </row>
    <row r="146396" spans="14:14">
      <c r="N146396" s="10"/>
    </row>
    <row r="146397" spans="14:14">
      <c r="N146397" s="10"/>
    </row>
    <row r="146398" spans="14:14">
      <c r="N146398" s="10"/>
    </row>
    <row r="146399" spans="14:14">
      <c r="N146399" s="10"/>
    </row>
    <row r="146400" spans="14:14">
      <c r="N146400" s="10"/>
    </row>
    <row r="146401" spans="14:14">
      <c r="N146401" s="10"/>
    </row>
    <row r="146402" spans="14:14">
      <c r="N146402" s="10"/>
    </row>
    <row r="146403" spans="14:14">
      <c r="N146403" s="10"/>
    </row>
    <row r="146404" spans="14:14">
      <c r="N146404" s="10"/>
    </row>
    <row r="146405" spans="14:14">
      <c r="N146405" s="10"/>
    </row>
    <row r="146406" spans="14:14">
      <c r="N146406" s="10"/>
    </row>
    <row r="146407" spans="14:14">
      <c r="N146407" s="10"/>
    </row>
    <row r="146408" spans="14:14">
      <c r="N146408" s="10"/>
    </row>
    <row r="146409" spans="14:14">
      <c r="N146409" s="10"/>
    </row>
    <row r="146410" spans="14:14">
      <c r="N146410" s="10"/>
    </row>
    <row r="146411" spans="14:14">
      <c r="N146411" s="10"/>
    </row>
    <row r="146412" spans="14:14">
      <c r="N146412" s="10"/>
    </row>
    <row r="146413" spans="14:14">
      <c r="N146413" s="10"/>
    </row>
    <row r="146414" spans="14:14">
      <c r="N146414" s="10"/>
    </row>
    <row r="146415" spans="14:14">
      <c r="N146415" s="10"/>
    </row>
    <row r="146416" spans="14:14">
      <c r="N146416" s="10"/>
    </row>
    <row r="146417" spans="14:14">
      <c r="N146417" s="10"/>
    </row>
    <row r="146418" spans="14:14">
      <c r="N146418" s="10"/>
    </row>
    <row r="146419" spans="14:14">
      <c r="N146419" s="10"/>
    </row>
    <row r="146420" spans="14:14">
      <c r="N146420" s="10"/>
    </row>
    <row r="146421" spans="14:14">
      <c r="N146421" s="10"/>
    </row>
    <row r="146422" spans="14:14">
      <c r="N146422" s="10"/>
    </row>
    <row r="146423" spans="14:14">
      <c r="N146423" s="10"/>
    </row>
    <row r="146424" spans="14:14">
      <c r="N146424" s="10"/>
    </row>
    <row r="146425" spans="14:14">
      <c r="N146425" s="10"/>
    </row>
    <row r="146426" spans="14:14">
      <c r="N146426" s="10"/>
    </row>
    <row r="146427" spans="14:14">
      <c r="N146427" s="10"/>
    </row>
    <row r="146428" spans="14:14">
      <c r="N146428" s="10"/>
    </row>
    <row r="146429" spans="14:14">
      <c r="N146429" s="10"/>
    </row>
    <row r="146430" spans="14:14">
      <c r="N146430" s="10"/>
    </row>
    <row r="146431" spans="14:14">
      <c r="N146431" s="10"/>
    </row>
    <row r="146432" spans="14:14">
      <c r="N146432" s="10"/>
    </row>
    <row r="146433" spans="14:14">
      <c r="N146433" s="10"/>
    </row>
    <row r="146434" spans="14:14">
      <c r="N146434" s="10"/>
    </row>
    <row r="146435" spans="14:14">
      <c r="N146435" s="10"/>
    </row>
    <row r="146436" spans="14:14">
      <c r="N146436" s="10"/>
    </row>
    <row r="146437" spans="14:14">
      <c r="N146437" s="10"/>
    </row>
    <row r="146438" spans="14:14">
      <c r="N146438" s="10"/>
    </row>
    <row r="146439" spans="14:14">
      <c r="N146439" s="10"/>
    </row>
    <row r="146440" spans="14:14">
      <c r="N146440" s="10"/>
    </row>
    <row r="146441" spans="14:14">
      <c r="N146441" s="10"/>
    </row>
    <row r="146442" spans="14:14">
      <c r="N146442" s="10"/>
    </row>
    <row r="146443" spans="14:14">
      <c r="N146443" s="10"/>
    </row>
    <row r="146444" spans="14:14">
      <c r="N146444" s="10"/>
    </row>
    <row r="146445" spans="14:14">
      <c r="N146445" s="10"/>
    </row>
    <row r="146446" spans="14:14">
      <c r="N146446" s="10"/>
    </row>
    <row r="146447" spans="14:14">
      <c r="N146447" s="10"/>
    </row>
    <row r="146448" spans="14:14">
      <c r="N146448" s="10"/>
    </row>
    <row r="146449" spans="14:14">
      <c r="N146449" s="10"/>
    </row>
    <row r="146450" spans="14:14">
      <c r="N146450" s="10"/>
    </row>
    <row r="146451" spans="14:14">
      <c r="N146451" s="10"/>
    </row>
    <row r="146452" spans="14:14">
      <c r="N146452" s="10"/>
    </row>
    <row r="146453" spans="14:14">
      <c r="N146453" s="10"/>
    </row>
    <row r="146454" spans="14:14">
      <c r="N146454" s="10"/>
    </row>
    <row r="146455" spans="14:14">
      <c r="N146455" s="10"/>
    </row>
    <row r="146456" spans="14:14">
      <c r="N146456" s="10"/>
    </row>
    <row r="146457" spans="14:14">
      <c r="N146457" s="10"/>
    </row>
    <row r="146458" spans="14:14">
      <c r="N146458" s="10"/>
    </row>
    <row r="146459" spans="14:14">
      <c r="N146459" s="10"/>
    </row>
    <row r="146460" spans="14:14">
      <c r="N146460" s="10"/>
    </row>
    <row r="146461" spans="14:14">
      <c r="N146461" s="10"/>
    </row>
    <row r="146462" spans="14:14">
      <c r="N146462" s="10"/>
    </row>
    <row r="146463" spans="14:14">
      <c r="N146463" s="10"/>
    </row>
    <row r="146464" spans="14:14">
      <c r="N146464" s="10"/>
    </row>
    <row r="146465" spans="14:14">
      <c r="N146465" s="10"/>
    </row>
    <row r="146466" spans="14:14">
      <c r="N146466" s="10"/>
    </row>
    <row r="146467" spans="14:14">
      <c r="N146467" s="10"/>
    </row>
    <row r="146468" spans="14:14">
      <c r="N146468" s="10"/>
    </row>
    <row r="146469" spans="14:14">
      <c r="N146469" s="10"/>
    </row>
    <row r="146470" spans="14:14">
      <c r="N146470" s="10"/>
    </row>
    <row r="146471" spans="14:14">
      <c r="N146471" s="10"/>
    </row>
    <row r="146472" spans="14:14">
      <c r="N146472" s="10"/>
    </row>
    <row r="146473" spans="14:14">
      <c r="N146473" s="10"/>
    </row>
    <row r="146474" spans="14:14">
      <c r="N146474" s="10"/>
    </row>
    <row r="146475" spans="14:14">
      <c r="N146475" s="10"/>
    </row>
    <row r="146476" spans="14:14">
      <c r="N146476" s="10"/>
    </row>
    <row r="146477" spans="14:14">
      <c r="N146477" s="10"/>
    </row>
    <row r="146478" spans="14:14">
      <c r="N146478" s="10"/>
    </row>
    <row r="146479" spans="14:14">
      <c r="N146479" s="10"/>
    </row>
    <row r="146480" spans="14:14">
      <c r="N146480" s="10"/>
    </row>
    <row r="146481" spans="14:14">
      <c r="N146481" s="10"/>
    </row>
    <row r="146482" spans="14:14">
      <c r="N146482" s="10"/>
    </row>
    <row r="146483" spans="14:14">
      <c r="N146483" s="10"/>
    </row>
    <row r="146484" spans="14:14">
      <c r="N146484" s="10"/>
    </row>
    <row r="146485" spans="14:14">
      <c r="N146485" s="10"/>
    </row>
    <row r="146486" spans="14:14">
      <c r="N146486" s="10"/>
    </row>
    <row r="146487" spans="14:14">
      <c r="N146487" s="10"/>
    </row>
    <row r="146488" spans="14:14">
      <c r="N146488" s="10"/>
    </row>
    <row r="146489" spans="14:14">
      <c r="N146489" s="10"/>
    </row>
    <row r="146490" spans="14:14">
      <c r="N146490" s="10"/>
    </row>
    <row r="146491" spans="14:14">
      <c r="N146491" s="10"/>
    </row>
    <row r="146492" spans="14:14">
      <c r="N146492" s="10"/>
    </row>
    <row r="146493" spans="14:14">
      <c r="N146493" s="10"/>
    </row>
    <row r="146494" spans="14:14">
      <c r="N146494" s="10"/>
    </row>
    <row r="146495" spans="14:14">
      <c r="N146495" s="10"/>
    </row>
    <row r="146496" spans="14:14">
      <c r="N146496" s="10"/>
    </row>
    <row r="146497" spans="14:14">
      <c r="N146497" s="10"/>
    </row>
    <row r="146498" spans="14:14">
      <c r="N146498" s="10"/>
    </row>
    <row r="146499" spans="14:14">
      <c r="N146499" s="10"/>
    </row>
    <row r="146500" spans="14:14">
      <c r="N146500" s="10"/>
    </row>
    <row r="146501" spans="14:14">
      <c r="N146501" s="10"/>
    </row>
    <row r="146502" spans="14:14">
      <c r="N146502" s="10"/>
    </row>
    <row r="146503" spans="14:14">
      <c r="N146503" s="10"/>
    </row>
    <row r="146504" spans="14:14">
      <c r="N146504" s="10"/>
    </row>
    <row r="146505" spans="14:14">
      <c r="N146505" s="10"/>
    </row>
    <row r="146506" spans="14:14">
      <c r="N146506" s="10"/>
    </row>
    <row r="146507" spans="14:14">
      <c r="N146507" s="10"/>
    </row>
    <row r="146508" spans="14:14">
      <c r="N146508" s="10"/>
    </row>
    <row r="146509" spans="14:14">
      <c r="N146509" s="10"/>
    </row>
    <row r="146510" spans="14:14">
      <c r="N146510" s="10"/>
    </row>
    <row r="146511" spans="14:14">
      <c r="N146511" s="10"/>
    </row>
    <row r="146512" spans="14:14">
      <c r="N146512" s="10"/>
    </row>
    <row r="146513" spans="14:14">
      <c r="N146513" s="10"/>
    </row>
    <row r="146514" spans="14:14">
      <c r="N146514" s="10"/>
    </row>
    <row r="146515" spans="14:14">
      <c r="N146515" s="10"/>
    </row>
    <row r="146516" spans="14:14">
      <c r="N146516" s="10"/>
    </row>
    <row r="146517" spans="14:14">
      <c r="N146517" s="10"/>
    </row>
    <row r="146518" spans="14:14">
      <c r="N146518" s="10"/>
    </row>
    <row r="146519" spans="14:14">
      <c r="N146519" s="10"/>
    </row>
    <row r="146520" spans="14:14">
      <c r="N146520" s="10"/>
    </row>
    <row r="146521" spans="14:14">
      <c r="N146521" s="10"/>
    </row>
    <row r="146522" spans="14:14">
      <c r="N146522" s="10"/>
    </row>
    <row r="146523" spans="14:14">
      <c r="N146523" s="10"/>
    </row>
    <row r="146524" spans="14:14">
      <c r="N146524" s="10"/>
    </row>
    <row r="146525" spans="14:14">
      <c r="N146525" s="10"/>
    </row>
    <row r="146526" spans="14:14">
      <c r="N146526" s="10"/>
    </row>
    <row r="146527" spans="14:14">
      <c r="N146527" s="10"/>
    </row>
    <row r="146528" spans="14:14">
      <c r="N146528" s="10"/>
    </row>
    <row r="146529" spans="14:14">
      <c r="N146529" s="10"/>
    </row>
    <row r="146530" spans="14:14">
      <c r="N146530" s="10"/>
    </row>
    <row r="146531" spans="14:14">
      <c r="N146531" s="10"/>
    </row>
    <row r="146532" spans="14:14">
      <c r="N146532" s="10"/>
    </row>
    <row r="146533" spans="14:14">
      <c r="N146533" s="10"/>
    </row>
    <row r="146534" spans="14:14">
      <c r="N146534" s="10"/>
    </row>
    <row r="146535" spans="14:14">
      <c r="N146535" s="10"/>
    </row>
    <row r="146536" spans="14:14">
      <c r="N146536" s="10"/>
    </row>
    <row r="146537" spans="14:14">
      <c r="N146537" s="10"/>
    </row>
    <row r="146538" spans="14:14">
      <c r="N146538" s="10"/>
    </row>
    <row r="146539" spans="14:14">
      <c r="N146539" s="10"/>
    </row>
    <row r="146540" spans="14:14">
      <c r="N146540" s="10"/>
    </row>
    <row r="146541" spans="14:14">
      <c r="N146541" s="10"/>
    </row>
    <row r="146542" spans="14:14">
      <c r="N146542" s="10"/>
    </row>
    <row r="146543" spans="14:14">
      <c r="N146543" s="10"/>
    </row>
    <row r="146544" spans="14:14">
      <c r="N146544" s="10"/>
    </row>
    <row r="146545" spans="14:14">
      <c r="N146545" s="10"/>
    </row>
    <row r="146546" spans="14:14">
      <c r="N146546" s="10"/>
    </row>
    <row r="146547" spans="14:14">
      <c r="N146547" s="10"/>
    </row>
    <row r="146548" spans="14:14">
      <c r="N146548" s="10"/>
    </row>
    <row r="146549" spans="14:14">
      <c r="N146549" s="10"/>
    </row>
    <row r="146550" spans="14:14">
      <c r="N146550" s="10"/>
    </row>
    <row r="146551" spans="14:14">
      <c r="N146551" s="10"/>
    </row>
    <row r="146552" spans="14:14">
      <c r="N146552" s="10"/>
    </row>
    <row r="146553" spans="14:14">
      <c r="N146553" s="10"/>
    </row>
    <row r="146554" spans="14:14">
      <c r="N146554" s="10"/>
    </row>
    <row r="146555" spans="14:14">
      <c r="N146555" s="10"/>
    </row>
    <row r="146556" spans="14:14">
      <c r="N146556" s="10"/>
    </row>
    <row r="146557" spans="14:14">
      <c r="N146557" s="10"/>
    </row>
    <row r="146558" spans="14:14">
      <c r="N146558" s="10"/>
    </row>
    <row r="146559" spans="14:14">
      <c r="N146559" s="10"/>
    </row>
    <row r="146560" spans="14:14">
      <c r="N146560" s="10"/>
    </row>
    <row r="146561" spans="14:14">
      <c r="N146561" s="10"/>
    </row>
    <row r="146562" spans="14:14">
      <c r="N146562" s="10"/>
    </row>
    <row r="146563" spans="14:14">
      <c r="N146563" s="10"/>
    </row>
    <row r="146564" spans="14:14">
      <c r="N146564" s="10"/>
    </row>
    <row r="146565" spans="14:14">
      <c r="N146565" s="10"/>
    </row>
    <row r="146566" spans="14:14">
      <c r="N146566" s="10"/>
    </row>
    <row r="146567" spans="14:14">
      <c r="N146567" s="10"/>
    </row>
    <row r="146568" spans="14:14">
      <c r="N146568" s="10"/>
    </row>
    <row r="146569" spans="14:14">
      <c r="N146569" s="10"/>
    </row>
    <row r="146570" spans="14:14">
      <c r="N146570" s="10"/>
    </row>
    <row r="146571" spans="14:14">
      <c r="N146571" s="10"/>
    </row>
    <row r="146572" spans="14:14">
      <c r="N146572" s="10"/>
    </row>
    <row r="146573" spans="14:14">
      <c r="N146573" s="10"/>
    </row>
    <row r="146574" spans="14:14">
      <c r="N146574" s="10"/>
    </row>
    <row r="146575" spans="14:14">
      <c r="N146575" s="10"/>
    </row>
    <row r="146576" spans="14:14">
      <c r="N146576" s="10"/>
    </row>
    <row r="146577" spans="14:14">
      <c r="N146577" s="10"/>
    </row>
    <row r="146578" spans="14:14">
      <c r="N146578" s="10"/>
    </row>
    <row r="146579" spans="14:14">
      <c r="N146579" s="10"/>
    </row>
    <row r="146580" spans="14:14">
      <c r="N146580" s="10"/>
    </row>
    <row r="146581" spans="14:14">
      <c r="N146581" s="10"/>
    </row>
    <row r="146582" spans="14:14">
      <c r="N146582" s="10"/>
    </row>
    <row r="146583" spans="14:14">
      <c r="N146583" s="10"/>
    </row>
    <row r="146584" spans="14:14">
      <c r="N146584" s="10"/>
    </row>
    <row r="146585" spans="14:14">
      <c r="N146585" s="10"/>
    </row>
    <row r="146586" spans="14:14">
      <c r="N146586" s="10"/>
    </row>
    <row r="146587" spans="14:14">
      <c r="N146587" s="10"/>
    </row>
    <row r="146588" spans="14:14">
      <c r="N146588" s="10"/>
    </row>
    <row r="146589" spans="14:14">
      <c r="N146589" s="10"/>
    </row>
    <row r="146590" spans="14:14">
      <c r="N146590" s="10"/>
    </row>
    <row r="146591" spans="14:14">
      <c r="N146591" s="10"/>
    </row>
    <row r="146592" spans="14:14">
      <c r="N146592" s="10"/>
    </row>
    <row r="146593" spans="14:14">
      <c r="N146593" s="10"/>
    </row>
    <row r="146594" spans="14:14">
      <c r="N146594" s="10"/>
    </row>
    <row r="146595" spans="14:14">
      <c r="N146595" s="10"/>
    </row>
    <row r="146596" spans="14:14">
      <c r="N146596" s="10"/>
    </row>
    <row r="146597" spans="14:14">
      <c r="N146597" s="10"/>
    </row>
    <row r="146598" spans="14:14">
      <c r="N146598" s="10"/>
    </row>
    <row r="146599" spans="14:14">
      <c r="N146599" s="10"/>
    </row>
    <row r="146600" spans="14:14">
      <c r="N146600" s="10"/>
    </row>
    <row r="146601" spans="14:14">
      <c r="N146601" s="10"/>
    </row>
    <row r="146602" spans="14:14">
      <c r="N146602" s="10"/>
    </row>
    <row r="146603" spans="14:14">
      <c r="N146603" s="10"/>
    </row>
    <row r="146604" spans="14:14">
      <c r="N146604" s="10"/>
    </row>
    <row r="146605" spans="14:14">
      <c r="N146605" s="10"/>
    </row>
    <row r="146606" spans="14:14">
      <c r="N146606" s="10"/>
    </row>
    <row r="146607" spans="14:14">
      <c r="N146607" s="10"/>
    </row>
    <row r="146608" spans="14:14">
      <c r="N146608" s="10"/>
    </row>
    <row r="146609" spans="14:14">
      <c r="N146609" s="10"/>
    </row>
    <row r="146610" spans="14:14">
      <c r="N146610" s="10"/>
    </row>
    <row r="146611" spans="14:14">
      <c r="N146611" s="10"/>
    </row>
    <row r="146612" spans="14:14">
      <c r="N146612" s="10"/>
    </row>
    <row r="146613" spans="14:14">
      <c r="N146613" s="10"/>
    </row>
    <row r="146614" spans="14:14">
      <c r="N146614" s="10"/>
    </row>
    <row r="146615" spans="14:14">
      <c r="N146615" s="10"/>
    </row>
    <row r="146616" spans="14:14">
      <c r="N146616" s="10"/>
    </row>
    <row r="146617" spans="14:14">
      <c r="N146617" s="10"/>
    </row>
    <row r="146618" spans="14:14">
      <c r="N146618" s="10"/>
    </row>
    <row r="146619" spans="14:14">
      <c r="N146619" s="10"/>
    </row>
    <row r="146620" spans="14:14">
      <c r="N146620" s="10"/>
    </row>
    <row r="146621" spans="14:14">
      <c r="N146621" s="10"/>
    </row>
    <row r="146622" spans="14:14">
      <c r="N146622" s="10"/>
    </row>
    <row r="146623" spans="14:14">
      <c r="N146623" s="10"/>
    </row>
    <row r="146624" spans="14:14">
      <c r="N146624" s="10"/>
    </row>
    <row r="146625" spans="14:14">
      <c r="N146625" s="10"/>
    </row>
    <row r="146626" spans="14:14">
      <c r="N146626" s="10"/>
    </row>
    <row r="146627" spans="14:14">
      <c r="N146627" s="10"/>
    </row>
    <row r="146628" spans="14:14">
      <c r="N146628" s="10"/>
    </row>
    <row r="146629" spans="14:14">
      <c r="N146629" s="10"/>
    </row>
    <row r="146630" spans="14:14">
      <c r="N146630" s="10"/>
    </row>
    <row r="146631" spans="14:14">
      <c r="N146631" s="10"/>
    </row>
    <row r="146632" spans="14:14">
      <c r="N146632" s="10"/>
    </row>
    <row r="146633" spans="14:14">
      <c r="N146633" s="10"/>
    </row>
    <row r="146634" spans="14:14">
      <c r="N146634" s="10"/>
    </row>
    <row r="146635" spans="14:14">
      <c r="N146635" s="10"/>
    </row>
    <row r="146636" spans="14:14">
      <c r="N146636" s="10"/>
    </row>
    <row r="146637" spans="14:14">
      <c r="N146637" s="10"/>
    </row>
    <row r="146638" spans="14:14">
      <c r="N146638" s="10"/>
    </row>
    <row r="146639" spans="14:14">
      <c r="N146639" s="10"/>
    </row>
    <row r="146640" spans="14:14">
      <c r="N146640" s="10"/>
    </row>
    <row r="146641" spans="14:14">
      <c r="N146641" s="10"/>
    </row>
    <row r="146642" spans="14:14">
      <c r="N146642" s="10"/>
    </row>
    <row r="146643" spans="14:14">
      <c r="N146643" s="10"/>
    </row>
    <row r="146644" spans="14:14">
      <c r="N146644" s="10"/>
    </row>
    <row r="146645" spans="14:14">
      <c r="N146645" s="10"/>
    </row>
    <row r="146646" spans="14:14">
      <c r="N146646" s="10"/>
    </row>
    <row r="146647" spans="14:14">
      <c r="N146647" s="10"/>
    </row>
    <row r="146648" spans="14:14">
      <c r="N146648" s="10"/>
    </row>
    <row r="146649" spans="14:14">
      <c r="N146649" s="10"/>
    </row>
    <row r="146650" spans="14:14">
      <c r="N146650" s="10"/>
    </row>
    <row r="146651" spans="14:14">
      <c r="N146651" s="10"/>
    </row>
    <row r="146652" spans="14:14">
      <c r="N146652" s="10"/>
    </row>
    <row r="146653" spans="14:14">
      <c r="N146653" s="10"/>
    </row>
    <row r="146654" spans="14:14">
      <c r="N146654" s="10"/>
    </row>
    <row r="146655" spans="14:14">
      <c r="N146655" s="10"/>
    </row>
    <row r="146656" spans="14:14">
      <c r="N146656" s="10"/>
    </row>
    <row r="146657" spans="14:14">
      <c r="N146657" s="10"/>
    </row>
    <row r="146658" spans="14:14">
      <c r="N146658" s="10"/>
    </row>
    <row r="146659" spans="14:14">
      <c r="N146659" s="10"/>
    </row>
    <row r="146660" spans="14:14">
      <c r="N146660" s="10"/>
    </row>
    <row r="146661" spans="14:14">
      <c r="N146661" s="10"/>
    </row>
    <row r="146662" spans="14:14">
      <c r="N146662" s="10"/>
    </row>
    <row r="146663" spans="14:14">
      <c r="N146663" s="10"/>
    </row>
    <row r="146664" spans="14:14">
      <c r="N146664" s="10"/>
    </row>
    <row r="146665" spans="14:14">
      <c r="N146665" s="10"/>
    </row>
    <row r="146666" spans="14:14">
      <c r="N146666" s="10"/>
    </row>
    <row r="146667" spans="14:14">
      <c r="N146667" s="10"/>
    </row>
    <row r="146668" spans="14:14">
      <c r="N146668" s="10"/>
    </row>
    <row r="146669" spans="14:14">
      <c r="N146669" s="10"/>
    </row>
    <row r="146670" spans="14:14">
      <c r="N146670" s="10"/>
    </row>
    <row r="146671" spans="14:14">
      <c r="N146671" s="10"/>
    </row>
    <row r="146672" spans="14:14">
      <c r="N146672" s="10"/>
    </row>
    <row r="146673" spans="14:14">
      <c r="N146673" s="10"/>
    </row>
    <row r="146674" spans="14:14">
      <c r="N146674" s="10"/>
    </row>
    <row r="146675" spans="14:14">
      <c r="N146675" s="10"/>
    </row>
    <row r="146676" spans="14:14">
      <c r="N146676" s="10"/>
    </row>
    <row r="146677" spans="14:14">
      <c r="N146677" s="10"/>
    </row>
    <row r="146678" spans="14:14">
      <c r="N146678" s="10"/>
    </row>
    <row r="146679" spans="14:14">
      <c r="N146679" s="10"/>
    </row>
    <row r="146680" spans="14:14">
      <c r="N146680" s="10"/>
    </row>
    <row r="146681" spans="14:14">
      <c r="N146681" s="10"/>
    </row>
    <row r="146682" spans="14:14">
      <c r="N146682" s="10"/>
    </row>
    <row r="146683" spans="14:14">
      <c r="N146683" s="10"/>
    </row>
    <row r="146684" spans="14:14">
      <c r="N146684" s="10"/>
    </row>
    <row r="146685" spans="14:14">
      <c r="N146685" s="10"/>
    </row>
    <row r="146686" spans="14:14">
      <c r="N146686" s="10"/>
    </row>
    <row r="146687" spans="14:14">
      <c r="N146687" s="10"/>
    </row>
    <row r="146688" spans="14:14">
      <c r="N146688" s="10"/>
    </row>
    <row r="146689" spans="14:14">
      <c r="N146689" s="10"/>
    </row>
    <row r="146690" spans="14:14">
      <c r="N146690" s="10"/>
    </row>
    <row r="146691" spans="14:14">
      <c r="N146691" s="10"/>
    </row>
    <row r="146692" spans="14:14">
      <c r="N146692" s="10"/>
    </row>
    <row r="146693" spans="14:14">
      <c r="N146693" s="10"/>
    </row>
    <row r="146694" spans="14:14">
      <c r="N146694" s="10"/>
    </row>
    <row r="146695" spans="14:14">
      <c r="N146695" s="10"/>
    </row>
    <row r="146696" spans="14:14">
      <c r="N146696" s="10"/>
    </row>
    <row r="146697" spans="14:14">
      <c r="N146697" s="10"/>
    </row>
    <row r="146698" spans="14:14">
      <c r="N146698" s="10"/>
    </row>
    <row r="146699" spans="14:14">
      <c r="N146699" s="10"/>
    </row>
    <row r="146700" spans="14:14">
      <c r="N146700" s="10"/>
    </row>
    <row r="146701" spans="14:14">
      <c r="N146701" s="10"/>
    </row>
    <row r="146702" spans="14:14">
      <c r="N146702" s="10"/>
    </row>
    <row r="146703" spans="14:14">
      <c r="N146703" s="10"/>
    </row>
    <row r="146704" spans="14:14">
      <c r="N146704" s="10"/>
    </row>
    <row r="146705" spans="14:14">
      <c r="N146705" s="10"/>
    </row>
    <row r="146706" spans="14:14">
      <c r="N146706" s="10"/>
    </row>
    <row r="146707" spans="14:14">
      <c r="N146707" s="10"/>
    </row>
    <row r="146708" spans="14:14">
      <c r="N146708" s="10"/>
    </row>
    <row r="146709" spans="14:14">
      <c r="N146709" s="10"/>
    </row>
    <row r="146710" spans="14:14">
      <c r="N146710" s="10"/>
    </row>
    <row r="146711" spans="14:14">
      <c r="N146711" s="10"/>
    </row>
    <row r="146712" spans="14:14">
      <c r="N146712" s="10"/>
    </row>
    <row r="146713" spans="14:14">
      <c r="N146713" s="10"/>
    </row>
    <row r="146714" spans="14:14">
      <c r="N146714" s="10"/>
    </row>
    <row r="146715" spans="14:14">
      <c r="N146715" s="10"/>
    </row>
    <row r="146716" spans="14:14">
      <c r="N146716" s="10"/>
    </row>
    <row r="146717" spans="14:14">
      <c r="N146717" s="10"/>
    </row>
    <row r="146718" spans="14:14">
      <c r="N146718" s="10"/>
    </row>
    <row r="146719" spans="14:14">
      <c r="N146719" s="10"/>
    </row>
    <row r="146720" spans="14:14">
      <c r="N146720" s="10"/>
    </row>
    <row r="146721" spans="14:14">
      <c r="N146721" s="10"/>
    </row>
    <row r="146722" spans="14:14">
      <c r="N146722" s="10"/>
    </row>
    <row r="146723" spans="14:14">
      <c r="N146723" s="10"/>
    </row>
    <row r="146724" spans="14:14">
      <c r="N146724" s="10"/>
    </row>
    <row r="146725" spans="14:14">
      <c r="N146725" s="10"/>
    </row>
    <row r="146726" spans="14:14">
      <c r="N146726" s="10"/>
    </row>
    <row r="146727" spans="14:14">
      <c r="N146727" s="10"/>
    </row>
    <row r="146728" spans="14:14">
      <c r="N146728" s="10"/>
    </row>
    <row r="146729" spans="14:14">
      <c r="N146729" s="10"/>
    </row>
    <row r="146730" spans="14:14">
      <c r="N146730" s="10"/>
    </row>
    <row r="146731" spans="14:14">
      <c r="N146731" s="10"/>
    </row>
    <row r="146732" spans="14:14">
      <c r="N146732" s="10"/>
    </row>
    <row r="146733" spans="14:14">
      <c r="N146733" s="10"/>
    </row>
    <row r="146734" spans="14:14">
      <c r="N146734" s="10"/>
    </row>
    <row r="146735" spans="14:14">
      <c r="N146735" s="10"/>
    </row>
    <row r="146736" spans="14:14">
      <c r="N146736" s="10"/>
    </row>
    <row r="146737" spans="14:14">
      <c r="N146737" s="10"/>
    </row>
    <row r="146738" spans="14:14">
      <c r="N146738" s="10"/>
    </row>
    <row r="146739" spans="14:14">
      <c r="N146739" s="10"/>
    </row>
    <row r="146740" spans="14:14">
      <c r="N146740" s="10"/>
    </row>
    <row r="146741" spans="14:14">
      <c r="N146741" s="10"/>
    </row>
    <row r="146742" spans="14:14">
      <c r="N146742" s="10"/>
    </row>
    <row r="146743" spans="14:14">
      <c r="N146743" s="10"/>
    </row>
    <row r="146744" spans="14:14">
      <c r="N146744" s="10"/>
    </row>
    <row r="146745" spans="14:14">
      <c r="N146745" s="10"/>
    </row>
    <row r="146746" spans="14:14">
      <c r="N146746" s="10"/>
    </row>
    <row r="146747" spans="14:14">
      <c r="N146747" s="10"/>
    </row>
    <row r="146748" spans="14:14">
      <c r="N146748" s="10"/>
    </row>
    <row r="146749" spans="14:14">
      <c r="N146749" s="10"/>
    </row>
    <row r="146750" spans="14:14">
      <c r="N146750" s="10"/>
    </row>
    <row r="146751" spans="14:14">
      <c r="N146751" s="10"/>
    </row>
    <row r="146752" spans="14:14">
      <c r="N146752" s="10"/>
    </row>
    <row r="146753" spans="14:14">
      <c r="N146753" s="10"/>
    </row>
    <row r="146754" spans="14:14">
      <c r="N146754" s="10"/>
    </row>
    <row r="146755" spans="14:14">
      <c r="N146755" s="10"/>
    </row>
    <row r="146756" spans="14:14">
      <c r="N146756" s="10"/>
    </row>
    <row r="146757" spans="14:14">
      <c r="N146757" s="10"/>
    </row>
    <row r="146758" spans="14:14">
      <c r="N146758" s="10"/>
    </row>
    <row r="146759" spans="14:14">
      <c r="N146759" s="10"/>
    </row>
    <row r="146760" spans="14:14">
      <c r="N146760" s="10"/>
    </row>
    <row r="146761" spans="14:14">
      <c r="N146761" s="10"/>
    </row>
    <row r="146762" spans="14:14">
      <c r="N146762" s="10"/>
    </row>
    <row r="146763" spans="14:14">
      <c r="N146763" s="10"/>
    </row>
    <row r="146764" spans="14:14">
      <c r="N146764" s="10"/>
    </row>
    <row r="146765" spans="14:14">
      <c r="N146765" s="10"/>
    </row>
    <row r="146766" spans="14:14">
      <c r="N146766" s="10"/>
    </row>
    <row r="146767" spans="14:14">
      <c r="N146767" s="10"/>
    </row>
    <row r="146768" spans="14:14">
      <c r="N146768" s="10"/>
    </row>
    <row r="146769" spans="14:14">
      <c r="N146769" s="10"/>
    </row>
    <row r="146770" spans="14:14">
      <c r="N146770" s="10"/>
    </row>
    <row r="146771" spans="14:14">
      <c r="N146771" s="10"/>
    </row>
    <row r="146772" spans="14:14">
      <c r="N146772" s="10"/>
    </row>
    <row r="146773" spans="14:14">
      <c r="N146773" s="10"/>
    </row>
    <row r="146774" spans="14:14">
      <c r="N146774" s="10"/>
    </row>
    <row r="146775" spans="14:14">
      <c r="N146775" s="10"/>
    </row>
    <row r="146776" spans="14:14">
      <c r="N146776" s="10"/>
    </row>
    <row r="146777" spans="14:14">
      <c r="N146777" s="10"/>
    </row>
    <row r="146778" spans="14:14">
      <c r="N146778" s="10"/>
    </row>
    <row r="146779" spans="14:14">
      <c r="N146779" s="10"/>
    </row>
    <row r="146780" spans="14:14">
      <c r="N146780" s="10"/>
    </row>
    <row r="146781" spans="14:14">
      <c r="N146781" s="10"/>
    </row>
    <row r="146782" spans="14:14">
      <c r="N146782" s="10"/>
    </row>
    <row r="146783" spans="14:14">
      <c r="N146783" s="10"/>
    </row>
    <row r="146784" spans="14:14">
      <c r="N146784" s="10"/>
    </row>
    <row r="146785" spans="14:14">
      <c r="N146785" s="10"/>
    </row>
    <row r="146786" spans="14:14">
      <c r="N146786" s="10"/>
    </row>
    <row r="146787" spans="14:14">
      <c r="N146787" s="10"/>
    </row>
    <row r="146788" spans="14:14">
      <c r="N146788" s="10"/>
    </row>
    <row r="146789" spans="14:14">
      <c r="N146789" s="10"/>
    </row>
    <row r="146790" spans="14:14">
      <c r="N146790" s="10"/>
    </row>
    <row r="146791" spans="14:14">
      <c r="N146791" s="10"/>
    </row>
    <row r="146792" spans="14:14">
      <c r="N146792" s="10"/>
    </row>
    <row r="146793" spans="14:14">
      <c r="N146793" s="10"/>
    </row>
    <row r="146794" spans="14:14">
      <c r="N146794" s="10"/>
    </row>
    <row r="146795" spans="14:14">
      <c r="N146795" s="10"/>
    </row>
    <row r="146796" spans="14:14">
      <c r="N146796" s="10"/>
    </row>
    <row r="146797" spans="14:14">
      <c r="N146797" s="10"/>
    </row>
    <row r="146798" spans="14:14">
      <c r="N146798" s="10"/>
    </row>
    <row r="146799" spans="14:14">
      <c r="N146799" s="10"/>
    </row>
    <row r="146800" spans="14:14">
      <c r="N146800" s="10"/>
    </row>
    <row r="146801" spans="14:14">
      <c r="N146801" s="10"/>
    </row>
    <row r="146802" spans="14:14">
      <c r="N146802" s="10"/>
    </row>
    <row r="146803" spans="14:14">
      <c r="N146803" s="10"/>
    </row>
    <row r="146804" spans="14:14">
      <c r="N146804" s="10"/>
    </row>
    <row r="146805" spans="14:14">
      <c r="N146805" s="10"/>
    </row>
    <row r="146806" spans="14:14">
      <c r="N146806" s="10"/>
    </row>
    <row r="146807" spans="14:14">
      <c r="N146807" s="10"/>
    </row>
    <row r="146808" spans="14:14">
      <c r="N146808" s="10"/>
    </row>
    <row r="146809" spans="14:14">
      <c r="N146809" s="10"/>
    </row>
    <row r="146810" spans="14:14">
      <c r="N146810" s="10"/>
    </row>
    <row r="146811" spans="14:14">
      <c r="N146811" s="10"/>
    </row>
    <row r="146812" spans="14:14">
      <c r="N146812" s="10"/>
    </row>
    <row r="146813" spans="14:14">
      <c r="N146813" s="10"/>
    </row>
    <row r="146814" spans="14:14">
      <c r="N146814" s="10"/>
    </row>
    <row r="146815" spans="14:14">
      <c r="N146815" s="10"/>
    </row>
    <row r="146816" spans="14:14">
      <c r="N146816" s="10"/>
    </row>
    <row r="146817" spans="14:14">
      <c r="N146817" s="10"/>
    </row>
    <row r="146818" spans="14:14">
      <c r="N146818" s="10"/>
    </row>
    <row r="146819" spans="14:14">
      <c r="N146819" s="10"/>
    </row>
    <row r="146820" spans="14:14">
      <c r="N146820" s="10"/>
    </row>
    <row r="146821" spans="14:14">
      <c r="N146821" s="10"/>
    </row>
    <row r="146822" spans="14:14">
      <c r="N146822" s="10"/>
    </row>
    <row r="146823" spans="14:14">
      <c r="N146823" s="10"/>
    </row>
    <row r="146824" spans="14:14">
      <c r="N146824" s="10"/>
    </row>
    <row r="146825" spans="14:14">
      <c r="N146825" s="10"/>
    </row>
    <row r="146826" spans="14:14">
      <c r="N146826" s="10"/>
    </row>
    <row r="146827" spans="14:14">
      <c r="N146827" s="10"/>
    </row>
    <row r="146828" spans="14:14">
      <c r="N146828" s="10"/>
    </row>
    <row r="146829" spans="14:14">
      <c r="N146829" s="10"/>
    </row>
    <row r="146830" spans="14:14">
      <c r="N146830" s="10"/>
    </row>
    <row r="146831" spans="14:14">
      <c r="N146831" s="10"/>
    </row>
    <row r="146832" spans="14:14">
      <c r="N146832" s="10"/>
    </row>
    <row r="146833" spans="14:14">
      <c r="N146833" s="10"/>
    </row>
    <row r="146834" spans="14:14">
      <c r="N146834" s="10"/>
    </row>
    <row r="146835" spans="14:14">
      <c r="N146835" s="10"/>
    </row>
    <row r="146836" spans="14:14">
      <c r="N146836" s="10"/>
    </row>
    <row r="146837" spans="14:14">
      <c r="N146837" s="10"/>
    </row>
    <row r="146838" spans="14:14">
      <c r="N146838" s="10"/>
    </row>
    <row r="146839" spans="14:14">
      <c r="N146839" s="10"/>
    </row>
    <row r="146840" spans="14:14">
      <c r="N146840" s="10"/>
    </row>
    <row r="146841" spans="14:14">
      <c r="N146841" s="10"/>
    </row>
    <row r="146842" spans="14:14">
      <c r="N146842" s="10"/>
    </row>
    <row r="146843" spans="14:14">
      <c r="N146843" s="10"/>
    </row>
    <row r="146844" spans="14:14">
      <c r="N146844" s="10"/>
    </row>
    <row r="146845" spans="14:14">
      <c r="N146845" s="10"/>
    </row>
    <row r="146846" spans="14:14">
      <c r="N146846" s="10"/>
    </row>
    <row r="146847" spans="14:14">
      <c r="N146847" s="10"/>
    </row>
    <row r="146848" spans="14:14">
      <c r="N146848" s="10"/>
    </row>
    <row r="146849" spans="14:14">
      <c r="N146849" s="10"/>
    </row>
    <row r="146850" spans="14:14">
      <c r="N146850" s="10"/>
    </row>
    <row r="146851" spans="14:14">
      <c r="N146851" s="10"/>
    </row>
    <row r="146852" spans="14:14">
      <c r="N146852" s="10"/>
    </row>
    <row r="146853" spans="14:14">
      <c r="N146853" s="10"/>
    </row>
    <row r="146854" spans="14:14">
      <c r="N146854" s="10"/>
    </row>
    <row r="146855" spans="14:14">
      <c r="N146855" s="10"/>
    </row>
    <row r="146856" spans="14:14">
      <c r="N146856" s="10"/>
    </row>
    <row r="146857" spans="14:14">
      <c r="N146857" s="10"/>
    </row>
    <row r="146858" spans="14:14">
      <c r="N146858" s="10"/>
    </row>
    <row r="146859" spans="14:14">
      <c r="N146859" s="10"/>
    </row>
    <row r="146860" spans="14:14">
      <c r="N146860" s="10"/>
    </row>
    <row r="146861" spans="14:14">
      <c r="N146861" s="10"/>
    </row>
    <row r="146862" spans="14:14">
      <c r="N146862" s="10"/>
    </row>
    <row r="146863" spans="14:14">
      <c r="N146863" s="10"/>
    </row>
    <row r="146864" spans="14:14">
      <c r="N146864" s="10"/>
    </row>
    <row r="146865" spans="14:14">
      <c r="N146865" s="10"/>
    </row>
    <row r="146866" spans="14:14">
      <c r="N146866" s="10"/>
    </row>
    <row r="146867" spans="14:14">
      <c r="N146867" s="10"/>
    </row>
    <row r="146868" spans="14:14">
      <c r="N146868" s="10"/>
    </row>
    <row r="146869" spans="14:14">
      <c r="N146869" s="10"/>
    </row>
    <row r="146870" spans="14:14">
      <c r="N146870" s="10"/>
    </row>
    <row r="146871" spans="14:14">
      <c r="N146871" s="10"/>
    </row>
    <row r="146872" spans="14:14">
      <c r="N146872" s="10"/>
    </row>
    <row r="146873" spans="14:14">
      <c r="N146873" s="10"/>
    </row>
    <row r="146874" spans="14:14">
      <c r="N146874" s="10"/>
    </row>
    <row r="146875" spans="14:14">
      <c r="N146875" s="10"/>
    </row>
    <row r="146876" spans="14:14">
      <c r="N146876" s="10"/>
    </row>
    <row r="146877" spans="14:14">
      <c r="N146877" s="10"/>
    </row>
    <row r="146878" spans="14:14">
      <c r="N146878" s="10"/>
    </row>
    <row r="146879" spans="14:14">
      <c r="N146879" s="10"/>
    </row>
    <row r="146880" spans="14:14">
      <c r="N146880" s="10"/>
    </row>
    <row r="146881" spans="14:14">
      <c r="N146881" s="10"/>
    </row>
    <row r="146882" spans="14:14">
      <c r="N146882" s="10"/>
    </row>
    <row r="146883" spans="14:14">
      <c r="N146883" s="10"/>
    </row>
    <row r="146884" spans="14:14">
      <c r="N146884" s="10"/>
    </row>
    <row r="146885" spans="14:14">
      <c r="N146885" s="10"/>
    </row>
    <row r="146886" spans="14:14">
      <c r="N146886" s="10"/>
    </row>
    <row r="146887" spans="14:14">
      <c r="N146887" s="10"/>
    </row>
    <row r="146888" spans="14:14">
      <c r="N146888" s="10"/>
    </row>
    <row r="146889" spans="14:14">
      <c r="N146889" s="10"/>
    </row>
    <row r="146890" spans="14:14">
      <c r="N146890" s="10"/>
    </row>
    <row r="146891" spans="14:14">
      <c r="N146891" s="10"/>
    </row>
    <row r="146892" spans="14:14">
      <c r="N146892" s="10"/>
    </row>
    <row r="146893" spans="14:14">
      <c r="N146893" s="10"/>
    </row>
    <row r="146894" spans="14:14">
      <c r="N146894" s="10"/>
    </row>
    <row r="146895" spans="14:14">
      <c r="N146895" s="10"/>
    </row>
    <row r="146896" spans="14:14">
      <c r="N146896" s="10"/>
    </row>
    <row r="146897" spans="14:14">
      <c r="N146897" s="10"/>
    </row>
    <row r="146898" spans="14:14">
      <c r="N146898" s="10"/>
    </row>
    <row r="146899" spans="14:14">
      <c r="N146899" s="10"/>
    </row>
    <row r="146900" spans="14:14">
      <c r="N146900" s="10"/>
    </row>
    <row r="146901" spans="14:14">
      <c r="N146901" s="10"/>
    </row>
    <row r="146902" spans="14:14">
      <c r="N146902" s="10"/>
    </row>
    <row r="146903" spans="14:14">
      <c r="N146903" s="10"/>
    </row>
    <row r="146904" spans="14:14">
      <c r="N146904" s="10"/>
    </row>
    <row r="146905" spans="14:14">
      <c r="N146905" s="10"/>
    </row>
    <row r="146906" spans="14:14">
      <c r="N146906" s="10"/>
    </row>
    <row r="146907" spans="14:14">
      <c r="N146907" s="10"/>
    </row>
    <row r="146908" spans="14:14">
      <c r="N146908" s="10"/>
    </row>
    <row r="146909" spans="14:14">
      <c r="N146909" s="10"/>
    </row>
    <row r="146910" spans="14:14">
      <c r="N146910" s="10"/>
    </row>
    <row r="146911" spans="14:14">
      <c r="N146911" s="10"/>
    </row>
    <row r="146912" spans="14:14">
      <c r="N146912" s="10"/>
    </row>
    <row r="146913" spans="14:14">
      <c r="N146913" s="10"/>
    </row>
    <row r="146914" spans="14:14">
      <c r="N146914" s="10"/>
    </row>
    <row r="146915" spans="14:14">
      <c r="N146915" s="10"/>
    </row>
    <row r="146916" spans="14:14">
      <c r="N146916" s="10"/>
    </row>
    <row r="146917" spans="14:14">
      <c r="N146917" s="10"/>
    </row>
    <row r="146918" spans="14:14">
      <c r="N146918" s="10"/>
    </row>
    <row r="146919" spans="14:14">
      <c r="N146919" s="10"/>
    </row>
    <row r="146920" spans="14:14">
      <c r="N146920" s="10"/>
    </row>
    <row r="146921" spans="14:14">
      <c r="N146921" s="10"/>
    </row>
    <row r="146922" spans="14:14">
      <c r="N146922" s="10"/>
    </row>
    <row r="146923" spans="14:14">
      <c r="N146923" s="10"/>
    </row>
    <row r="146924" spans="14:14">
      <c r="N146924" s="10"/>
    </row>
    <row r="146925" spans="14:14">
      <c r="N146925" s="10"/>
    </row>
    <row r="146926" spans="14:14">
      <c r="N146926" s="10"/>
    </row>
    <row r="146927" spans="14:14">
      <c r="N146927" s="10"/>
    </row>
    <row r="146928" spans="14:14">
      <c r="N146928" s="10"/>
    </row>
    <row r="146929" spans="14:14">
      <c r="N146929" s="10"/>
    </row>
    <row r="146930" spans="14:14">
      <c r="N146930" s="10"/>
    </row>
    <row r="146931" spans="14:14">
      <c r="N146931" s="10"/>
    </row>
    <row r="146932" spans="14:14">
      <c r="N146932" s="10"/>
    </row>
    <row r="146933" spans="14:14">
      <c r="N146933" s="10"/>
    </row>
    <row r="146934" spans="14:14">
      <c r="N146934" s="10"/>
    </row>
    <row r="146935" spans="14:14">
      <c r="N146935" s="10"/>
    </row>
    <row r="146936" spans="14:14">
      <c r="N146936" s="10"/>
    </row>
    <row r="146937" spans="14:14">
      <c r="N146937" s="10"/>
    </row>
    <row r="146938" spans="14:14">
      <c r="N146938" s="10"/>
    </row>
    <row r="146939" spans="14:14">
      <c r="N146939" s="10"/>
    </row>
    <row r="146940" spans="14:14">
      <c r="N146940" s="10"/>
    </row>
    <row r="146941" spans="14:14">
      <c r="N146941" s="10"/>
    </row>
    <row r="146942" spans="14:14">
      <c r="N146942" s="10"/>
    </row>
    <row r="146943" spans="14:14">
      <c r="N146943" s="10"/>
    </row>
    <row r="146944" spans="14:14">
      <c r="N146944" s="10"/>
    </row>
    <row r="146945" spans="14:14">
      <c r="N146945" s="10"/>
    </row>
    <row r="146946" spans="14:14">
      <c r="N146946" s="10"/>
    </row>
    <row r="146947" spans="14:14">
      <c r="N146947" s="10"/>
    </row>
    <row r="146948" spans="14:14">
      <c r="N146948" s="10"/>
    </row>
    <row r="146949" spans="14:14">
      <c r="N146949" s="10"/>
    </row>
    <row r="146950" spans="14:14">
      <c r="N146950" s="10"/>
    </row>
    <row r="146951" spans="14:14">
      <c r="N146951" s="10"/>
    </row>
    <row r="146952" spans="14:14">
      <c r="N146952" s="10"/>
    </row>
    <row r="146953" spans="14:14">
      <c r="N146953" s="10"/>
    </row>
    <row r="146954" spans="14:14">
      <c r="N146954" s="10"/>
    </row>
    <row r="146955" spans="14:14">
      <c r="N146955" s="10"/>
    </row>
    <row r="146956" spans="14:14">
      <c r="N146956" s="10"/>
    </row>
    <row r="146957" spans="14:14">
      <c r="N146957" s="10"/>
    </row>
    <row r="146958" spans="14:14">
      <c r="N146958" s="10"/>
    </row>
    <row r="146959" spans="14:14">
      <c r="N146959" s="10"/>
    </row>
    <row r="146960" spans="14:14">
      <c r="N146960" s="10"/>
    </row>
    <row r="146961" spans="14:14">
      <c r="N146961" s="10"/>
    </row>
    <row r="146962" spans="14:14">
      <c r="N146962" s="10"/>
    </row>
    <row r="146963" spans="14:14">
      <c r="N146963" s="10"/>
    </row>
    <row r="146964" spans="14:14">
      <c r="N146964" s="10"/>
    </row>
    <row r="146965" spans="14:14">
      <c r="N146965" s="10"/>
    </row>
    <row r="146966" spans="14:14">
      <c r="N146966" s="10"/>
    </row>
    <row r="146967" spans="14:14">
      <c r="N146967" s="10"/>
    </row>
    <row r="146968" spans="14:14">
      <c r="N146968" s="10"/>
    </row>
    <row r="146969" spans="14:14">
      <c r="N146969" s="10"/>
    </row>
    <row r="146970" spans="14:14">
      <c r="N146970" s="10"/>
    </row>
    <row r="146971" spans="14:14">
      <c r="N146971" s="10"/>
    </row>
    <row r="146972" spans="14:14">
      <c r="N146972" s="10"/>
    </row>
    <row r="146973" spans="14:14">
      <c r="N146973" s="10"/>
    </row>
    <row r="146974" spans="14:14">
      <c r="N146974" s="10"/>
    </row>
    <row r="146975" spans="14:14">
      <c r="N146975" s="10"/>
    </row>
    <row r="146976" spans="14:14">
      <c r="N146976" s="10"/>
    </row>
    <row r="146977" spans="14:14">
      <c r="N146977" s="10"/>
    </row>
    <row r="146978" spans="14:14">
      <c r="N146978" s="10"/>
    </row>
    <row r="146979" spans="14:14">
      <c r="N146979" s="10"/>
    </row>
    <row r="146980" spans="14:14">
      <c r="N146980" s="10"/>
    </row>
    <row r="146981" spans="14:14">
      <c r="N146981" s="10"/>
    </row>
    <row r="146982" spans="14:14">
      <c r="N146982" s="10"/>
    </row>
    <row r="146983" spans="14:14">
      <c r="N146983" s="10"/>
    </row>
    <row r="146984" spans="14:14">
      <c r="N146984" s="10"/>
    </row>
    <row r="146985" spans="14:14">
      <c r="N146985" s="10"/>
    </row>
    <row r="146986" spans="14:14">
      <c r="N146986" s="10"/>
    </row>
    <row r="146987" spans="14:14">
      <c r="N146987" s="10"/>
    </row>
    <row r="146988" spans="14:14">
      <c r="N146988" s="10"/>
    </row>
    <row r="146989" spans="14:14">
      <c r="N146989" s="10"/>
    </row>
    <row r="146990" spans="14:14">
      <c r="N146990" s="10"/>
    </row>
    <row r="146991" spans="14:14">
      <c r="N146991" s="10"/>
    </row>
    <row r="146992" spans="14:14">
      <c r="N146992" s="10"/>
    </row>
    <row r="146993" spans="14:14">
      <c r="N146993" s="10"/>
    </row>
    <row r="146994" spans="14:14">
      <c r="N146994" s="10"/>
    </row>
    <row r="146995" spans="14:14">
      <c r="N146995" s="10"/>
    </row>
    <row r="146996" spans="14:14">
      <c r="N146996" s="10"/>
    </row>
    <row r="146997" spans="14:14">
      <c r="N146997" s="10"/>
    </row>
    <row r="146998" spans="14:14">
      <c r="N146998" s="10"/>
    </row>
    <row r="146999" spans="14:14">
      <c r="N146999" s="10"/>
    </row>
    <row r="147000" spans="14:14">
      <c r="N147000" s="10"/>
    </row>
    <row r="147001" spans="14:14">
      <c r="N147001" s="10"/>
    </row>
    <row r="147002" spans="14:14">
      <c r="N147002" s="10"/>
    </row>
    <row r="147003" spans="14:14">
      <c r="N147003" s="10"/>
    </row>
    <row r="147004" spans="14:14">
      <c r="N147004" s="10"/>
    </row>
    <row r="147005" spans="14:14">
      <c r="N147005" s="10"/>
    </row>
    <row r="147006" spans="14:14">
      <c r="N147006" s="10"/>
    </row>
    <row r="147007" spans="14:14">
      <c r="N147007" s="10"/>
    </row>
    <row r="147008" spans="14:14">
      <c r="N147008" s="10"/>
    </row>
    <row r="147009" spans="14:14">
      <c r="N147009" s="10"/>
    </row>
    <row r="147010" spans="14:14">
      <c r="N147010" s="10"/>
    </row>
    <row r="147011" spans="14:14">
      <c r="N147011" s="10"/>
    </row>
    <row r="147012" spans="14:14">
      <c r="N147012" s="10"/>
    </row>
    <row r="147013" spans="14:14">
      <c r="N147013" s="10"/>
    </row>
    <row r="147014" spans="14:14">
      <c r="N147014" s="10"/>
    </row>
    <row r="147015" spans="14:14">
      <c r="N147015" s="10"/>
    </row>
    <row r="147016" spans="14:14">
      <c r="N147016" s="10"/>
    </row>
    <row r="147017" spans="14:14">
      <c r="N147017" s="10"/>
    </row>
    <row r="147018" spans="14:14">
      <c r="N147018" s="10"/>
    </row>
    <row r="147019" spans="14:14">
      <c r="N147019" s="10"/>
    </row>
    <row r="147020" spans="14:14">
      <c r="N147020" s="10"/>
    </row>
    <row r="147021" spans="14:14">
      <c r="N147021" s="10"/>
    </row>
    <row r="147022" spans="14:14">
      <c r="N147022" s="10"/>
    </row>
    <row r="147023" spans="14:14">
      <c r="N147023" s="10"/>
    </row>
    <row r="147024" spans="14:14">
      <c r="N147024" s="10"/>
    </row>
    <row r="147025" spans="14:14">
      <c r="N147025" s="10"/>
    </row>
    <row r="147026" spans="14:14">
      <c r="N147026" s="10"/>
    </row>
    <row r="147027" spans="14:14">
      <c r="N147027" s="10"/>
    </row>
    <row r="147028" spans="14:14">
      <c r="N147028" s="10"/>
    </row>
    <row r="147029" spans="14:14">
      <c r="N147029" s="10"/>
    </row>
    <row r="147030" spans="14:14">
      <c r="N147030" s="10"/>
    </row>
    <row r="147031" spans="14:14">
      <c r="N147031" s="10"/>
    </row>
    <row r="147032" spans="14:14">
      <c r="N147032" s="10"/>
    </row>
    <row r="147033" spans="14:14">
      <c r="N147033" s="10"/>
    </row>
    <row r="147034" spans="14:14">
      <c r="N147034" s="10"/>
    </row>
    <row r="147035" spans="14:14">
      <c r="N147035" s="10"/>
    </row>
    <row r="147036" spans="14:14">
      <c r="N147036" s="10"/>
    </row>
    <row r="147037" spans="14:14">
      <c r="N147037" s="10"/>
    </row>
    <row r="147038" spans="14:14">
      <c r="N147038" s="10"/>
    </row>
    <row r="147039" spans="14:14">
      <c r="N147039" s="10"/>
    </row>
    <row r="147040" spans="14:14">
      <c r="N147040" s="10"/>
    </row>
    <row r="147041" spans="14:14">
      <c r="N147041" s="10"/>
    </row>
    <row r="147042" spans="14:14">
      <c r="N147042" s="10"/>
    </row>
    <row r="147043" spans="14:14">
      <c r="N147043" s="10"/>
    </row>
    <row r="147044" spans="14:14">
      <c r="N147044" s="10"/>
    </row>
    <row r="147045" spans="14:14">
      <c r="N147045" s="10"/>
    </row>
    <row r="147046" spans="14:14">
      <c r="N147046" s="10"/>
    </row>
    <row r="147047" spans="14:14">
      <c r="N147047" s="10"/>
    </row>
    <row r="147048" spans="14:14">
      <c r="N147048" s="10"/>
    </row>
    <row r="147049" spans="14:14">
      <c r="N147049" s="10"/>
    </row>
    <row r="147050" spans="14:14">
      <c r="N147050" s="10"/>
    </row>
    <row r="147051" spans="14:14">
      <c r="N147051" s="10"/>
    </row>
    <row r="147052" spans="14:14">
      <c r="N147052" s="10"/>
    </row>
    <row r="147053" spans="14:14">
      <c r="N147053" s="10"/>
    </row>
    <row r="147054" spans="14:14">
      <c r="N147054" s="10"/>
    </row>
    <row r="147055" spans="14:14">
      <c r="N147055" s="10"/>
    </row>
    <row r="147056" spans="14:14">
      <c r="N147056" s="10"/>
    </row>
    <row r="147057" spans="14:14">
      <c r="N147057" s="10"/>
    </row>
    <row r="147058" spans="14:14">
      <c r="N147058" s="10"/>
    </row>
    <row r="147059" spans="14:14">
      <c r="N147059" s="10"/>
    </row>
    <row r="147060" spans="14:14">
      <c r="N147060" s="10"/>
    </row>
    <row r="147061" spans="14:14">
      <c r="N147061" s="10"/>
    </row>
    <row r="147062" spans="14:14">
      <c r="N147062" s="10"/>
    </row>
    <row r="147063" spans="14:14">
      <c r="N147063" s="10"/>
    </row>
    <row r="147064" spans="14:14">
      <c r="N147064" s="10"/>
    </row>
    <row r="147065" spans="14:14">
      <c r="N147065" s="10"/>
    </row>
    <row r="147066" spans="14:14">
      <c r="N147066" s="10"/>
    </row>
    <row r="147067" spans="14:14">
      <c r="N147067" s="10"/>
    </row>
    <row r="147068" spans="14:14">
      <c r="N147068" s="10"/>
    </row>
    <row r="147069" spans="14:14">
      <c r="N147069" s="10"/>
    </row>
    <row r="147070" spans="14:14">
      <c r="N147070" s="10"/>
    </row>
    <row r="147071" spans="14:14">
      <c r="N147071" s="10"/>
    </row>
    <row r="147072" spans="14:14">
      <c r="N147072" s="10"/>
    </row>
    <row r="147073" spans="14:14">
      <c r="N147073" s="10"/>
    </row>
    <row r="147074" spans="14:14">
      <c r="N147074" s="10"/>
    </row>
    <row r="147075" spans="14:14">
      <c r="N147075" s="10"/>
    </row>
    <row r="147076" spans="14:14">
      <c r="N147076" s="10"/>
    </row>
    <row r="147077" spans="14:14">
      <c r="N147077" s="10"/>
    </row>
    <row r="147078" spans="14:14">
      <c r="N147078" s="10"/>
    </row>
    <row r="147079" spans="14:14">
      <c r="N147079" s="10"/>
    </row>
    <row r="147080" spans="14:14">
      <c r="N147080" s="10"/>
    </row>
    <row r="147081" spans="14:14">
      <c r="N147081" s="10"/>
    </row>
    <row r="147082" spans="14:14">
      <c r="N147082" s="10"/>
    </row>
    <row r="147083" spans="14:14">
      <c r="N147083" s="10"/>
    </row>
    <row r="147084" spans="14:14">
      <c r="N147084" s="10"/>
    </row>
    <row r="147085" spans="14:14">
      <c r="N147085" s="10"/>
    </row>
    <row r="147086" spans="14:14">
      <c r="N147086" s="10"/>
    </row>
    <row r="147087" spans="14:14">
      <c r="N147087" s="10"/>
    </row>
    <row r="147088" spans="14:14">
      <c r="N147088" s="10"/>
    </row>
    <row r="147089" spans="14:14">
      <c r="N147089" s="10"/>
    </row>
    <row r="147090" spans="14:14">
      <c r="N147090" s="10"/>
    </row>
    <row r="147091" spans="14:14">
      <c r="N147091" s="10"/>
    </row>
    <row r="147092" spans="14:14">
      <c r="N147092" s="10"/>
    </row>
    <row r="147093" spans="14:14">
      <c r="N147093" s="10"/>
    </row>
    <row r="147094" spans="14:14">
      <c r="N147094" s="10"/>
    </row>
    <row r="147095" spans="14:14">
      <c r="N147095" s="10"/>
    </row>
    <row r="147096" spans="14:14">
      <c r="N147096" s="10"/>
    </row>
    <row r="147097" spans="14:14">
      <c r="N147097" s="10"/>
    </row>
    <row r="147098" spans="14:14">
      <c r="N147098" s="10"/>
    </row>
    <row r="147099" spans="14:14">
      <c r="N147099" s="10"/>
    </row>
    <row r="147100" spans="14:14">
      <c r="N147100" s="10"/>
    </row>
    <row r="147101" spans="14:14">
      <c r="N147101" s="10"/>
    </row>
    <row r="147102" spans="14:14">
      <c r="N147102" s="10"/>
    </row>
    <row r="147103" spans="14:14">
      <c r="N147103" s="10"/>
    </row>
    <row r="147104" spans="14:14">
      <c r="N147104" s="10"/>
    </row>
    <row r="147105" spans="14:14">
      <c r="N147105" s="10"/>
    </row>
    <row r="147106" spans="14:14">
      <c r="N147106" s="10"/>
    </row>
    <row r="147107" spans="14:14">
      <c r="N147107" s="10"/>
    </row>
    <row r="147108" spans="14:14">
      <c r="N147108" s="10"/>
    </row>
    <row r="147109" spans="14:14">
      <c r="N147109" s="10"/>
    </row>
    <row r="147110" spans="14:14">
      <c r="N147110" s="10"/>
    </row>
    <row r="147111" spans="14:14">
      <c r="N147111" s="10"/>
    </row>
    <row r="147112" spans="14:14">
      <c r="N147112" s="10"/>
    </row>
    <row r="147113" spans="14:14">
      <c r="N147113" s="10"/>
    </row>
    <row r="147114" spans="14:14">
      <c r="N147114" s="10"/>
    </row>
    <row r="147115" spans="14:14">
      <c r="N147115" s="10"/>
    </row>
    <row r="147116" spans="14:14">
      <c r="N147116" s="10"/>
    </row>
    <row r="147117" spans="14:14">
      <c r="N147117" s="10"/>
    </row>
    <row r="147118" spans="14:14">
      <c r="N147118" s="10"/>
    </row>
    <row r="147119" spans="14:14">
      <c r="N147119" s="10"/>
    </row>
    <row r="147120" spans="14:14">
      <c r="N147120" s="10"/>
    </row>
    <row r="147121" spans="14:14">
      <c r="N147121" s="10"/>
    </row>
    <row r="147122" spans="14:14">
      <c r="N147122" s="10"/>
    </row>
    <row r="147123" spans="14:14">
      <c r="N147123" s="10"/>
    </row>
    <row r="147124" spans="14:14">
      <c r="N147124" s="10"/>
    </row>
    <row r="147125" spans="14:14">
      <c r="N147125" s="10"/>
    </row>
    <row r="147126" spans="14:14">
      <c r="N147126" s="10"/>
    </row>
    <row r="147127" spans="14:14">
      <c r="N147127" s="10"/>
    </row>
    <row r="147128" spans="14:14">
      <c r="N147128" s="10"/>
    </row>
    <row r="147129" spans="14:14">
      <c r="N147129" s="10"/>
    </row>
    <row r="147130" spans="14:14">
      <c r="N147130" s="10"/>
    </row>
    <row r="147131" spans="14:14">
      <c r="N147131" s="10"/>
    </row>
    <row r="147132" spans="14:14">
      <c r="N147132" s="10"/>
    </row>
    <row r="147133" spans="14:14">
      <c r="N147133" s="10"/>
    </row>
    <row r="147134" spans="14:14">
      <c r="N147134" s="10"/>
    </row>
    <row r="147135" spans="14:14">
      <c r="N147135" s="10"/>
    </row>
    <row r="147136" spans="14:14">
      <c r="N147136" s="10"/>
    </row>
    <row r="147137" spans="14:14">
      <c r="N147137" s="10"/>
    </row>
    <row r="147138" spans="14:14">
      <c r="N147138" s="10"/>
    </row>
    <row r="147139" spans="14:14">
      <c r="N147139" s="10"/>
    </row>
    <row r="147140" spans="14:14">
      <c r="N147140" s="10"/>
    </row>
    <row r="147141" spans="14:14">
      <c r="N147141" s="10"/>
    </row>
    <row r="147142" spans="14:14">
      <c r="N147142" s="10"/>
    </row>
    <row r="147143" spans="14:14">
      <c r="N147143" s="10"/>
    </row>
    <row r="147144" spans="14:14">
      <c r="N147144" s="10"/>
    </row>
    <row r="147145" spans="14:14">
      <c r="N147145" s="10"/>
    </row>
    <row r="147146" spans="14:14">
      <c r="N147146" s="10"/>
    </row>
    <row r="147147" spans="14:14">
      <c r="N147147" s="10"/>
    </row>
    <row r="147148" spans="14:14">
      <c r="N147148" s="10"/>
    </row>
    <row r="147149" spans="14:14">
      <c r="N147149" s="10"/>
    </row>
    <row r="147150" spans="14:14">
      <c r="N147150" s="10"/>
    </row>
    <row r="147151" spans="14:14">
      <c r="N147151" s="10"/>
    </row>
    <row r="147152" spans="14:14">
      <c r="N147152" s="10"/>
    </row>
    <row r="147153" spans="14:14">
      <c r="N147153" s="10"/>
    </row>
    <row r="147154" spans="14:14">
      <c r="N147154" s="10"/>
    </row>
    <row r="147155" spans="14:14">
      <c r="N147155" s="10"/>
    </row>
    <row r="147156" spans="14:14">
      <c r="N147156" s="10"/>
    </row>
    <row r="147157" spans="14:14">
      <c r="N147157" s="10"/>
    </row>
    <row r="147158" spans="14:14">
      <c r="N147158" s="10"/>
    </row>
    <row r="147159" spans="14:14">
      <c r="N147159" s="10"/>
    </row>
    <row r="147160" spans="14:14">
      <c r="N147160" s="10"/>
    </row>
    <row r="147161" spans="14:14">
      <c r="N147161" s="10"/>
    </row>
    <row r="147162" spans="14:14">
      <c r="N147162" s="10"/>
    </row>
    <row r="147163" spans="14:14">
      <c r="N147163" s="10"/>
    </row>
    <row r="147164" spans="14:14">
      <c r="N147164" s="10"/>
    </row>
    <row r="147165" spans="14:14">
      <c r="N147165" s="10"/>
    </row>
    <row r="147166" spans="14:14">
      <c r="N147166" s="10"/>
    </row>
    <row r="147167" spans="14:14">
      <c r="N147167" s="10"/>
    </row>
    <row r="147168" spans="14:14">
      <c r="N147168" s="10"/>
    </row>
    <row r="147169" spans="14:14">
      <c r="N147169" s="10"/>
    </row>
    <row r="147170" spans="14:14">
      <c r="N147170" s="10"/>
    </row>
    <row r="147171" spans="14:14">
      <c r="N147171" s="10"/>
    </row>
    <row r="147172" spans="14:14">
      <c r="N147172" s="10"/>
    </row>
    <row r="147173" spans="14:14">
      <c r="N147173" s="10"/>
    </row>
    <row r="147174" spans="14:14">
      <c r="N147174" s="10"/>
    </row>
    <row r="147175" spans="14:14">
      <c r="N147175" s="10"/>
    </row>
    <row r="147176" spans="14:14">
      <c r="N147176" s="10"/>
    </row>
    <row r="147177" spans="14:14">
      <c r="N147177" s="10"/>
    </row>
    <row r="147178" spans="14:14">
      <c r="N147178" s="10"/>
    </row>
    <row r="147179" spans="14:14">
      <c r="N147179" s="10"/>
    </row>
    <row r="147180" spans="14:14">
      <c r="N147180" s="10"/>
    </row>
    <row r="147181" spans="14:14">
      <c r="N147181" s="10"/>
    </row>
    <row r="147182" spans="14:14">
      <c r="N147182" s="10"/>
    </row>
    <row r="147183" spans="14:14">
      <c r="N147183" s="10"/>
    </row>
    <row r="147184" spans="14:14">
      <c r="N147184" s="10"/>
    </row>
    <row r="147185" spans="14:14">
      <c r="N147185" s="10"/>
    </row>
    <row r="147186" spans="14:14">
      <c r="N147186" s="10"/>
    </row>
    <row r="147187" spans="14:14">
      <c r="N147187" s="10"/>
    </row>
    <row r="147188" spans="14:14">
      <c r="N147188" s="10"/>
    </row>
    <row r="147189" spans="14:14">
      <c r="N147189" s="10"/>
    </row>
    <row r="147190" spans="14:14">
      <c r="N147190" s="10"/>
    </row>
    <row r="147191" spans="14:14">
      <c r="N147191" s="10"/>
    </row>
    <row r="147192" spans="14:14">
      <c r="N147192" s="10"/>
    </row>
    <row r="147193" spans="14:14">
      <c r="N147193" s="10"/>
    </row>
    <row r="147194" spans="14:14">
      <c r="N147194" s="10"/>
    </row>
    <row r="147195" spans="14:14">
      <c r="N147195" s="10"/>
    </row>
    <row r="147196" spans="14:14">
      <c r="N147196" s="10"/>
    </row>
    <row r="147197" spans="14:14">
      <c r="N147197" s="10"/>
    </row>
    <row r="147198" spans="14:14">
      <c r="N147198" s="10"/>
    </row>
    <row r="147199" spans="14:14">
      <c r="N147199" s="10"/>
    </row>
    <row r="147200" spans="14:14">
      <c r="N147200" s="10"/>
    </row>
    <row r="147201" spans="14:14">
      <c r="N147201" s="10"/>
    </row>
    <row r="147202" spans="14:14">
      <c r="N147202" s="10"/>
    </row>
    <row r="147203" spans="14:14">
      <c r="N147203" s="10"/>
    </row>
    <row r="147204" spans="14:14">
      <c r="N147204" s="10"/>
    </row>
    <row r="147205" spans="14:14">
      <c r="N147205" s="10"/>
    </row>
    <row r="147206" spans="14:14">
      <c r="N147206" s="10"/>
    </row>
    <row r="147207" spans="14:14">
      <c r="N147207" s="10"/>
    </row>
    <row r="147208" spans="14:14">
      <c r="N147208" s="10"/>
    </row>
    <row r="147209" spans="14:14">
      <c r="N147209" s="10"/>
    </row>
    <row r="147210" spans="14:14">
      <c r="N147210" s="10"/>
    </row>
    <row r="147211" spans="14:14">
      <c r="N147211" s="10"/>
    </row>
    <row r="147212" spans="14:14">
      <c r="N147212" s="10"/>
    </row>
    <row r="147213" spans="14:14">
      <c r="N147213" s="10"/>
    </row>
    <row r="147214" spans="14:14">
      <c r="N147214" s="10"/>
    </row>
    <row r="147215" spans="14:14">
      <c r="N147215" s="10"/>
    </row>
    <row r="147216" spans="14:14">
      <c r="N147216" s="10"/>
    </row>
    <row r="147217" spans="14:14">
      <c r="N147217" s="10"/>
    </row>
    <row r="147218" spans="14:14">
      <c r="N147218" s="10"/>
    </row>
    <row r="147219" spans="14:14">
      <c r="N147219" s="10"/>
    </row>
    <row r="147220" spans="14:14">
      <c r="N147220" s="10"/>
    </row>
    <row r="147221" spans="14:14">
      <c r="N147221" s="10"/>
    </row>
    <row r="147222" spans="14:14">
      <c r="N147222" s="10"/>
    </row>
    <row r="147223" spans="14:14">
      <c r="N147223" s="10"/>
    </row>
    <row r="147224" spans="14:14">
      <c r="N147224" s="10"/>
    </row>
    <row r="147225" spans="14:14">
      <c r="N147225" s="10"/>
    </row>
    <row r="147226" spans="14:14">
      <c r="N147226" s="10"/>
    </row>
    <row r="147227" spans="14:14">
      <c r="N147227" s="10"/>
    </row>
    <row r="147228" spans="14:14">
      <c r="N147228" s="10"/>
    </row>
    <row r="147229" spans="14:14">
      <c r="N147229" s="10"/>
    </row>
    <row r="147230" spans="14:14">
      <c r="N147230" s="10"/>
    </row>
    <row r="147231" spans="14:14">
      <c r="N147231" s="10"/>
    </row>
    <row r="147232" spans="14:14">
      <c r="N147232" s="10"/>
    </row>
    <row r="147233" spans="14:14">
      <c r="N147233" s="10"/>
    </row>
    <row r="147234" spans="14:14">
      <c r="N147234" s="10"/>
    </row>
    <row r="147235" spans="14:14">
      <c r="N147235" s="10"/>
    </row>
    <row r="147236" spans="14:14">
      <c r="N147236" s="10"/>
    </row>
    <row r="147237" spans="14:14">
      <c r="N147237" s="10"/>
    </row>
    <row r="147238" spans="14:14">
      <c r="N147238" s="10"/>
    </row>
    <row r="147239" spans="14:14">
      <c r="N147239" s="10"/>
    </row>
    <row r="147240" spans="14:14">
      <c r="N147240" s="10"/>
    </row>
    <row r="147241" spans="14:14">
      <c r="N147241" s="10"/>
    </row>
    <row r="147242" spans="14:14">
      <c r="N147242" s="10"/>
    </row>
    <row r="147243" spans="14:14">
      <c r="N147243" s="10"/>
    </row>
    <row r="147244" spans="14:14">
      <c r="N147244" s="10"/>
    </row>
    <row r="147245" spans="14:14">
      <c r="N147245" s="10"/>
    </row>
    <row r="147246" spans="14:14">
      <c r="N147246" s="10"/>
    </row>
    <row r="147247" spans="14:14">
      <c r="N147247" s="10"/>
    </row>
    <row r="147248" spans="14:14">
      <c r="N147248" s="10"/>
    </row>
    <row r="147249" spans="14:14">
      <c r="N147249" s="10"/>
    </row>
    <row r="147250" spans="14:14">
      <c r="N147250" s="10"/>
    </row>
    <row r="147251" spans="14:14">
      <c r="N147251" s="10"/>
    </row>
    <row r="147252" spans="14:14">
      <c r="N147252" s="10"/>
    </row>
    <row r="147253" spans="14:14">
      <c r="N147253" s="10"/>
    </row>
    <row r="147254" spans="14:14">
      <c r="N147254" s="10"/>
    </row>
    <row r="147255" spans="14:14">
      <c r="N147255" s="10"/>
    </row>
    <row r="147256" spans="14:14">
      <c r="N147256" s="10"/>
    </row>
    <row r="147257" spans="14:14">
      <c r="N147257" s="10"/>
    </row>
    <row r="147258" spans="14:14">
      <c r="N147258" s="10"/>
    </row>
    <row r="147259" spans="14:14">
      <c r="N147259" s="10"/>
    </row>
    <row r="147260" spans="14:14">
      <c r="N147260" s="10"/>
    </row>
    <row r="147261" spans="14:14">
      <c r="N147261" s="10"/>
    </row>
    <row r="147262" spans="14:14">
      <c r="N147262" s="10"/>
    </row>
    <row r="147263" spans="14:14">
      <c r="N147263" s="10"/>
    </row>
    <row r="147264" spans="14:14">
      <c r="N147264" s="10"/>
    </row>
    <row r="147265" spans="14:14">
      <c r="N147265" s="10"/>
    </row>
    <row r="147266" spans="14:14">
      <c r="N147266" s="10"/>
    </row>
    <row r="147267" spans="14:14">
      <c r="N147267" s="10"/>
    </row>
    <row r="147268" spans="14:14">
      <c r="N147268" s="10"/>
    </row>
    <row r="147269" spans="14:14">
      <c r="N147269" s="10"/>
    </row>
    <row r="147270" spans="14:14">
      <c r="N147270" s="10"/>
    </row>
    <row r="147271" spans="14:14">
      <c r="N147271" s="10"/>
    </row>
    <row r="147272" spans="14:14">
      <c r="N147272" s="10"/>
    </row>
    <row r="147273" spans="14:14">
      <c r="N147273" s="10"/>
    </row>
    <row r="147274" spans="14:14">
      <c r="N147274" s="10"/>
    </row>
    <row r="147275" spans="14:14">
      <c r="N147275" s="10"/>
    </row>
    <row r="147276" spans="14:14">
      <c r="N147276" s="10"/>
    </row>
    <row r="147277" spans="14:14">
      <c r="N147277" s="10"/>
    </row>
    <row r="147278" spans="14:14">
      <c r="N147278" s="10"/>
    </row>
    <row r="147279" spans="14:14">
      <c r="N147279" s="10"/>
    </row>
    <row r="147280" spans="14:14">
      <c r="N147280" s="10"/>
    </row>
    <row r="147281" spans="14:14">
      <c r="N147281" s="10"/>
    </row>
    <row r="147282" spans="14:14">
      <c r="N147282" s="10"/>
    </row>
    <row r="147283" spans="14:14">
      <c r="N147283" s="10"/>
    </row>
    <row r="147284" spans="14:14">
      <c r="N147284" s="10"/>
    </row>
    <row r="147285" spans="14:14">
      <c r="N147285" s="10"/>
    </row>
    <row r="147286" spans="14:14">
      <c r="N147286" s="10"/>
    </row>
    <row r="147287" spans="14:14">
      <c r="N147287" s="10"/>
    </row>
    <row r="147288" spans="14:14">
      <c r="N147288" s="10"/>
    </row>
    <row r="147289" spans="14:14">
      <c r="N147289" s="10"/>
    </row>
    <row r="147290" spans="14:14">
      <c r="N147290" s="10"/>
    </row>
    <row r="147291" spans="14:14">
      <c r="N147291" s="10"/>
    </row>
    <row r="147292" spans="14:14">
      <c r="N147292" s="10"/>
    </row>
    <row r="147293" spans="14:14">
      <c r="N147293" s="10"/>
    </row>
    <row r="147294" spans="14:14">
      <c r="N147294" s="10"/>
    </row>
    <row r="147295" spans="14:14">
      <c r="N147295" s="10"/>
    </row>
    <row r="147296" spans="14:14">
      <c r="N147296" s="10"/>
    </row>
    <row r="147297" spans="14:14">
      <c r="N147297" s="10"/>
    </row>
    <row r="147298" spans="14:14">
      <c r="N147298" s="10"/>
    </row>
    <row r="147299" spans="14:14">
      <c r="N147299" s="10"/>
    </row>
    <row r="147300" spans="14:14">
      <c r="N147300" s="10"/>
    </row>
    <row r="147301" spans="14:14">
      <c r="N147301" s="10"/>
    </row>
    <row r="147302" spans="14:14">
      <c r="N147302" s="10"/>
    </row>
    <row r="147303" spans="14:14">
      <c r="N147303" s="10"/>
    </row>
    <row r="147304" spans="14:14">
      <c r="N147304" s="10"/>
    </row>
    <row r="147305" spans="14:14">
      <c r="N147305" s="10"/>
    </row>
    <row r="147306" spans="14:14">
      <c r="N147306" s="10"/>
    </row>
    <row r="147307" spans="14:14">
      <c r="N147307" s="10"/>
    </row>
    <row r="147308" spans="14:14">
      <c r="N147308" s="10"/>
    </row>
    <row r="147309" spans="14:14">
      <c r="N147309" s="10"/>
    </row>
    <row r="147310" spans="14:14">
      <c r="N147310" s="10"/>
    </row>
    <row r="147311" spans="14:14">
      <c r="N147311" s="10"/>
    </row>
    <row r="147312" spans="14:14">
      <c r="N147312" s="10"/>
    </row>
    <row r="147313" spans="14:14">
      <c r="N147313" s="10"/>
    </row>
    <row r="147314" spans="14:14">
      <c r="N147314" s="10"/>
    </row>
    <row r="147315" spans="14:14">
      <c r="N147315" s="10"/>
    </row>
    <row r="147316" spans="14:14">
      <c r="N147316" s="10"/>
    </row>
    <row r="147317" spans="14:14">
      <c r="N147317" s="10"/>
    </row>
    <row r="147318" spans="14:14">
      <c r="N147318" s="10"/>
    </row>
    <row r="147319" spans="14:14">
      <c r="N147319" s="10"/>
    </row>
    <row r="147320" spans="14:14">
      <c r="N147320" s="10"/>
    </row>
    <row r="147321" spans="14:14">
      <c r="N147321" s="10"/>
    </row>
    <row r="147322" spans="14:14">
      <c r="N147322" s="10"/>
    </row>
    <row r="147323" spans="14:14">
      <c r="N147323" s="10"/>
    </row>
    <row r="147324" spans="14:14">
      <c r="N147324" s="10"/>
    </row>
    <row r="147325" spans="14:14">
      <c r="N147325" s="10"/>
    </row>
    <row r="147326" spans="14:14">
      <c r="N147326" s="10"/>
    </row>
    <row r="147327" spans="14:14">
      <c r="N147327" s="10"/>
    </row>
    <row r="147328" spans="14:14">
      <c r="N147328" s="10"/>
    </row>
    <row r="147329" spans="14:14">
      <c r="N147329" s="10"/>
    </row>
    <row r="147330" spans="14:14">
      <c r="N147330" s="10"/>
    </row>
    <row r="147331" spans="14:14">
      <c r="N147331" s="10"/>
    </row>
    <row r="147332" spans="14:14">
      <c r="N147332" s="10"/>
    </row>
    <row r="147333" spans="14:14">
      <c r="N147333" s="10"/>
    </row>
    <row r="147334" spans="14:14">
      <c r="N147334" s="10"/>
    </row>
    <row r="147335" spans="14:14">
      <c r="N147335" s="10"/>
    </row>
    <row r="147336" spans="14:14">
      <c r="N147336" s="10"/>
    </row>
    <row r="147337" spans="14:14">
      <c r="N147337" s="10"/>
    </row>
    <row r="147338" spans="14:14">
      <c r="N147338" s="10"/>
    </row>
    <row r="147339" spans="14:14">
      <c r="N147339" s="10"/>
    </row>
    <row r="147340" spans="14:14">
      <c r="N147340" s="10"/>
    </row>
    <row r="147341" spans="14:14">
      <c r="N147341" s="10"/>
    </row>
    <row r="147342" spans="14:14">
      <c r="N147342" s="10"/>
    </row>
    <row r="147343" spans="14:14">
      <c r="N147343" s="10"/>
    </row>
    <row r="147344" spans="14:14">
      <c r="N147344" s="10"/>
    </row>
    <row r="147345" spans="14:14">
      <c r="N147345" s="10"/>
    </row>
    <row r="147346" spans="14:14">
      <c r="N147346" s="10"/>
    </row>
    <row r="147347" spans="14:14">
      <c r="N147347" s="10"/>
    </row>
    <row r="147348" spans="14:14">
      <c r="N147348" s="10"/>
    </row>
    <row r="147349" spans="14:14">
      <c r="N147349" s="10"/>
    </row>
    <row r="147350" spans="14:14">
      <c r="N147350" s="10"/>
    </row>
    <row r="147351" spans="14:14">
      <c r="N147351" s="10"/>
    </row>
    <row r="147352" spans="14:14">
      <c r="N147352" s="10"/>
    </row>
    <row r="147353" spans="14:14">
      <c r="N147353" s="10"/>
    </row>
    <row r="147354" spans="14:14">
      <c r="N147354" s="10"/>
    </row>
    <row r="147355" spans="14:14">
      <c r="N147355" s="10"/>
    </row>
    <row r="147356" spans="14:14">
      <c r="N147356" s="10"/>
    </row>
    <row r="147357" spans="14:14">
      <c r="N147357" s="10"/>
    </row>
    <row r="147358" spans="14:14">
      <c r="N147358" s="10"/>
    </row>
    <row r="147359" spans="14:14">
      <c r="N147359" s="10"/>
    </row>
    <row r="147360" spans="14:14">
      <c r="N147360" s="10"/>
    </row>
    <row r="147361" spans="14:14">
      <c r="N147361" s="10"/>
    </row>
    <row r="147362" spans="14:14">
      <c r="N147362" s="10"/>
    </row>
    <row r="147363" spans="14:14">
      <c r="N147363" s="10"/>
    </row>
    <row r="147364" spans="14:14">
      <c r="N147364" s="10"/>
    </row>
    <row r="147365" spans="14:14">
      <c r="N147365" s="10"/>
    </row>
    <row r="147366" spans="14:14">
      <c r="N147366" s="10"/>
    </row>
    <row r="147367" spans="14:14">
      <c r="N147367" s="10"/>
    </row>
    <row r="147368" spans="14:14">
      <c r="N147368" s="10"/>
    </row>
    <row r="147369" spans="14:14">
      <c r="N147369" s="10"/>
    </row>
    <row r="147370" spans="14:14">
      <c r="N147370" s="10"/>
    </row>
    <row r="147371" spans="14:14">
      <c r="N147371" s="10"/>
    </row>
    <row r="147372" spans="14:14">
      <c r="N147372" s="10"/>
    </row>
    <row r="147373" spans="14:14">
      <c r="N147373" s="10"/>
    </row>
    <row r="147374" spans="14:14">
      <c r="N147374" s="10"/>
    </row>
    <row r="147375" spans="14:14">
      <c r="N147375" s="10"/>
    </row>
    <row r="147376" spans="14:14">
      <c r="N147376" s="10"/>
    </row>
    <row r="147377" spans="14:14">
      <c r="N147377" s="10"/>
    </row>
    <row r="147378" spans="14:14">
      <c r="N147378" s="10"/>
    </row>
    <row r="147379" spans="14:14">
      <c r="N147379" s="10"/>
    </row>
    <row r="147380" spans="14:14">
      <c r="N147380" s="10"/>
    </row>
    <row r="147381" spans="14:14">
      <c r="N147381" s="10"/>
    </row>
    <row r="147382" spans="14:14">
      <c r="N147382" s="10"/>
    </row>
    <row r="147383" spans="14:14">
      <c r="N147383" s="10"/>
    </row>
    <row r="147384" spans="14:14">
      <c r="N147384" s="10"/>
    </row>
    <row r="147385" spans="14:14">
      <c r="N147385" s="10"/>
    </row>
    <row r="147386" spans="14:14">
      <c r="N147386" s="10"/>
    </row>
    <row r="147387" spans="14:14">
      <c r="N147387" s="10"/>
    </row>
    <row r="147388" spans="14:14">
      <c r="N147388" s="10"/>
    </row>
    <row r="147389" spans="14:14">
      <c r="N147389" s="10"/>
    </row>
    <row r="147390" spans="14:14">
      <c r="N147390" s="10"/>
    </row>
    <row r="147391" spans="14:14">
      <c r="N147391" s="10"/>
    </row>
    <row r="147392" spans="14:14">
      <c r="N147392" s="10"/>
    </row>
    <row r="147393" spans="14:14">
      <c r="N147393" s="10"/>
    </row>
    <row r="147394" spans="14:14">
      <c r="N147394" s="10"/>
    </row>
    <row r="147395" spans="14:14">
      <c r="N147395" s="10"/>
    </row>
    <row r="147396" spans="14:14">
      <c r="N147396" s="10"/>
    </row>
    <row r="147397" spans="14:14">
      <c r="N147397" s="10"/>
    </row>
    <row r="147398" spans="14:14">
      <c r="N147398" s="10"/>
    </row>
    <row r="147399" spans="14:14">
      <c r="N147399" s="10"/>
    </row>
    <row r="147400" spans="14:14">
      <c r="N147400" s="10"/>
    </row>
    <row r="147401" spans="14:14">
      <c r="N147401" s="10"/>
    </row>
    <row r="147402" spans="14:14">
      <c r="N147402" s="10"/>
    </row>
    <row r="147403" spans="14:14">
      <c r="N147403" s="10"/>
    </row>
    <row r="147404" spans="14:14">
      <c r="N147404" s="10"/>
    </row>
    <row r="147405" spans="14:14">
      <c r="N147405" s="10"/>
    </row>
    <row r="147406" spans="14:14">
      <c r="N147406" s="10"/>
    </row>
    <row r="147407" spans="14:14">
      <c r="N147407" s="10"/>
    </row>
    <row r="147408" spans="14:14">
      <c r="N147408" s="10"/>
    </row>
    <row r="147409" spans="14:14">
      <c r="N147409" s="10"/>
    </row>
    <row r="147410" spans="14:14">
      <c r="N147410" s="10"/>
    </row>
    <row r="147411" spans="14:14">
      <c r="N147411" s="10"/>
    </row>
    <row r="147412" spans="14:14">
      <c r="N147412" s="10"/>
    </row>
    <row r="147413" spans="14:14">
      <c r="N147413" s="10"/>
    </row>
    <row r="147414" spans="14:14">
      <c r="N147414" s="10"/>
    </row>
    <row r="147415" spans="14:14">
      <c r="N147415" s="10"/>
    </row>
    <row r="147416" spans="14:14">
      <c r="N147416" s="10"/>
    </row>
    <row r="147417" spans="14:14">
      <c r="N147417" s="10"/>
    </row>
    <row r="147418" spans="14:14">
      <c r="N147418" s="10"/>
    </row>
    <row r="147419" spans="14:14">
      <c r="N147419" s="10"/>
    </row>
    <row r="147420" spans="14:14">
      <c r="N147420" s="10"/>
    </row>
    <row r="147421" spans="14:14">
      <c r="N147421" s="10"/>
    </row>
    <row r="147422" spans="14:14">
      <c r="N147422" s="10"/>
    </row>
    <row r="147423" spans="14:14">
      <c r="N147423" s="10"/>
    </row>
    <row r="147424" spans="14:14">
      <c r="N147424" s="10"/>
    </row>
    <row r="147425" spans="14:14">
      <c r="N147425" s="10"/>
    </row>
    <row r="147426" spans="14:14">
      <c r="N147426" s="10"/>
    </row>
    <row r="147427" spans="14:14">
      <c r="N147427" s="10"/>
    </row>
    <row r="147428" spans="14:14">
      <c r="N147428" s="10"/>
    </row>
    <row r="147429" spans="14:14">
      <c r="N147429" s="10"/>
    </row>
    <row r="147430" spans="14:14">
      <c r="N147430" s="10"/>
    </row>
    <row r="147431" spans="14:14">
      <c r="N147431" s="10"/>
    </row>
    <row r="147432" spans="14:14">
      <c r="N147432" s="10"/>
    </row>
    <row r="147433" spans="14:14">
      <c r="N147433" s="10"/>
    </row>
    <row r="147434" spans="14:14">
      <c r="N147434" s="10"/>
    </row>
    <row r="147435" spans="14:14">
      <c r="N147435" s="10"/>
    </row>
    <row r="147436" spans="14:14">
      <c r="N147436" s="10"/>
    </row>
    <row r="147437" spans="14:14">
      <c r="N147437" s="10"/>
    </row>
    <row r="147438" spans="14:14">
      <c r="N147438" s="10"/>
    </row>
    <row r="147439" spans="14:14">
      <c r="N147439" s="10"/>
    </row>
    <row r="147440" spans="14:14">
      <c r="N147440" s="10"/>
    </row>
    <row r="147441" spans="14:14">
      <c r="N147441" s="10"/>
    </row>
    <row r="147442" spans="14:14">
      <c r="N147442" s="10"/>
    </row>
    <row r="147443" spans="14:14">
      <c r="N147443" s="10"/>
    </row>
    <row r="147444" spans="14:14">
      <c r="N147444" s="10"/>
    </row>
    <row r="147445" spans="14:14">
      <c r="N147445" s="10"/>
    </row>
    <row r="147446" spans="14:14">
      <c r="N147446" s="10"/>
    </row>
    <row r="147447" spans="14:14">
      <c r="N147447" s="10"/>
    </row>
    <row r="147448" spans="14:14">
      <c r="N147448" s="10"/>
    </row>
    <row r="147449" spans="14:14">
      <c r="N147449" s="10"/>
    </row>
    <row r="147450" spans="14:14">
      <c r="N147450" s="10"/>
    </row>
    <row r="147451" spans="14:14">
      <c r="N147451" s="10"/>
    </row>
    <row r="147452" spans="14:14">
      <c r="N147452" s="10"/>
    </row>
    <row r="147453" spans="14:14">
      <c r="N147453" s="10"/>
    </row>
    <row r="147454" spans="14:14">
      <c r="N147454" s="10"/>
    </row>
    <row r="147455" spans="14:14">
      <c r="N147455" s="10"/>
    </row>
    <row r="147456" spans="14:14">
      <c r="N147456" s="10"/>
    </row>
    <row r="147457" spans="14:14">
      <c r="N147457" s="10"/>
    </row>
    <row r="147458" spans="14:14">
      <c r="N147458" s="10"/>
    </row>
    <row r="147459" spans="14:14">
      <c r="N147459" s="10"/>
    </row>
    <row r="147460" spans="14:14">
      <c r="N147460" s="10"/>
    </row>
    <row r="147461" spans="14:14">
      <c r="N147461" s="10"/>
    </row>
    <row r="147462" spans="14:14">
      <c r="N147462" s="10"/>
    </row>
    <row r="147463" spans="14:14">
      <c r="N147463" s="10"/>
    </row>
    <row r="147464" spans="14:14">
      <c r="N147464" s="10"/>
    </row>
    <row r="147465" spans="14:14">
      <c r="N147465" s="10"/>
    </row>
    <row r="147466" spans="14:14">
      <c r="N147466" s="10"/>
    </row>
    <row r="147467" spans="14:14">
      <c r="N147467" s="10"/>
    </row>
    <row r="147468" spans="14:14">
      <c r="N147468" s="10"/>
    </row>
    <row r="147469" spans="14:14">
      <c r="N147469" s="10"/>
    </row>
    <row r="147470" spans="14:14">
      <c r="N147470" s="10"/>
    </row>
    <row r="147471" spans="14:14">
      <c r="N147471" s="10"/>
    </row>
    <row r="147472" spans="14:14">
      <c r="N147472" s="10"/>
    </row>
    <row r="147473" spans="14:14">
      <c r="N147473" s="10"/>
    </row>
    <row r="147474" spans="14:14">
      <c r="N147474" s="10"/>
    </row>
    <row r="147475" spans="14:14">
      <c r="N147475" s="10"/>
    </row>
    <row r="147476" spans="14:14">
      <c r="N147476" s="10"/>
    </row>
    <row r="147477" spans="14:14">
      <c r="N147477" s="10"/>
    </row>
    <row r="147478" spans="14:14">
      <c r="N147478" s="10"/>
    </row>
    <row r="147479" spans="14:14">
      <c r="N147479" s="10"/>
    </row>
    <row r="147480" spans="14:14">
      <c r="N147480" s="10"/>
    </row>
    <row r="147481" spans="14:14">
      <c r="N147481" s="10"/>
    </row>
    <row r="147482" spans="14:14">
      <c r="N147482" s="10"/>
    </row>
    <row r="147483" spans="14:14">
      <c r="N147483" s="10"/>
    </row>
    <row r="147484" spans="14:14">
      <c r="N147484" s="10"/>
    </row>
    <row r="147485" spans="14:14">
      <c r="N147485" s="10"/>
    </row>
    <row r="147486" spans="14:14">
      <c r="N147486" s="10"/>
    </row>
    <row r="147487" spans="14:14">
      <c r="N147487" s="10"/>
    </row>
    <row r="147488" spans="14:14">
      <c r="N147488" s="10"/>
    </row>
    <row r="147489" spans="14:14">
      <c r="N147489" s="10"/>
    </row>
    <row r="147490" spans="14:14">
      <c r="N147490" s="10"/>
    </row>
    <row r="147491" spans="14:14">
      <c r="N147491" s="10"/>
    </row>
    <row r="147492" spans="14:14">
      <c r="N147492" s="10"/>
    </row>
    <row r="147493" spans="14:14">
      <c r="N147493" s="10"/>
    </row>
    <row r="147494" spans="14:14">
      <c r="N147494" s="10"/>
    </row>
    <row r="147495" spans="14:14">
      <c r="N147495" s="10"/>
    </row>
    <row r="147496" spans="14:14">
      <c r="N147496" s="10"/>
    </row>
    <row r="147497" spans="14:14">
      <c r="N147497" s="10"/>
    </row>
    <row r="147498" spans="14:14">
      <c r="N147498" s="10"/>
    </row>
    <row r="147499" spans="14:14">
      <c r="N147499" s="10"/>
    </row>
    <row r="147500" spans="14:14">
      <c r="N147500" s="10"/>
    </row>
    <row r="147501" spans="14:14">
      <c r="N147501" s="10"/>
    </row>
    <row r="147502" spans="14:14">
      <c r="N147502" s="10"/>
    </row>
    <row r="147503" spans="14:14">
      <c r="N147503" s="10"/>
    </row>
    <row r="147504" spans="14:14">
      <c r="N147504" s="10"/>
    </row>
    <row r="147505" spans="14:14">
      <c r="N147505" s="10"/>
    </row>
    <row r="147506" spans="14:14">
      <c r="N147506" s="10"/>
    </row>
    <row r="147507" spans="14:14">
      <c r="N147507" s="10"/>
    </row>
    <row r="147508" spans="14:14">
      <c r="N147508" s="10"/>
    </row>
    <row r="147509" spans="14:14">
      <c r="N147509" s="10"/>
    </row>
    <row r="147510" spans="14:14">
      <c r="N147510" s="10"/>
    </row>
    <row r="147511" spans="14:14">
      <c r="N147511" s="10"/>
    </row>
    <row r="147512" spans="14:14">
      <c r="N147512" s="10"/>
    </row>
    <row r="147513" spans="14:14">
      <c r="N147513" s="10"/>
    </row>
    <row r="147514" spans="14:14">
      <c r="N147514" s="10"/>
    </row>
    <row r="147515" spans="14:14">
      <c r="N147515" s="10"/>
    </row>
    <row r="147516" spans="14:14">
      <c r="N147516" s="10"/>
    </row>
    <row r="147517" spans="14:14">
      <c r="N147517" s="10"/>
    </row>
    <row r="147518" spans="14:14">
      <c r="N147518" s="10"/>
    </row>
    <row r="147519" spans="14:14">
      <c r="N147519" s="10"/>
    </row>
    <row r="147520" spans="14:14">
      <c r="N147520" s="10"/>
    </row>
    <row r="147521" spans="14:14">
      <c r="N147521" s="10"/>
    </row>
    <row r="147522" spans="14:14">
      <c r="N147522" s="10"/>
    </row>
    <row r="147523" spans="14:14">
      <c r="N147523" s="10"/>
    </row>
    <row r="147524" spans="14:14">
      <c r="N147524" s="10"/>
    </row>
    <row r="147525" spans="14:14">
      <c r="N147525" s="10"/>
    </row>
    <row r="147526" spans="14:14">
      <c r="N147526" s="10"/>
    </row>
    <row r="147527" spans="14:14">
      <c r="N147527" s="10"/>
    </row>
    <row r="147528" spans="14:14">
      <c r="N147528" s="10"/>
    </row>
    <row r="147529" spans="14:14">
      <c r="N147529" s="10"/>
    </row>
    <row r="147530" spans="14:14">
      <c r="N147530" s="10"/>
    </row>
    <row r="147531" spans="14:14">
      <c r="N147531" s="10"/>
    </row>
    <row r="147532" spans="14:14">
      <c r="N147532" s="10"/>
    </row>
    <row r="147533" spans="14:14">
      <c r="N147533" s="10"/>
    </row>
    <row r="147534" spans="14:14">
      <c r="N147534" s="10"/>
    </row>
    <row r="147535" spans="14:14">
      <c r="N147535" s="10"/>
    </row>
    <row r="147536" spans="14:14">
      <c r="N147536" s="10"/>
    </row>
    <row r="147537" spans="14:14">
      <c r="N147537" s="10"/>
    </row>
    <row r="147538" spans="14:14">
      <c r="N147538" s="10"/>
    </row>
    <row r="147539" spans="14:14">
      <c r="N147539" s="10"/>
    </row>
    <row r="147540" spans="14:14">
      <c r="N147540" s="10"/>
    </row>
    <row r="147541" spans="14:14">
      <c r="N147541" s="10"/>
    </row>
    <row r="147542" spans="14:14">
      <c r="N147542" s="10"/>
    </row>
    <row r="147543" spans="14:14">
      <c r="N147543" s="10"/>
    </row>
    <row r="147544" spans="14:14">
      <c r="N147544" s="10"/>
    </row>
    <row r="147545" spans="14:14">
      <c r="N147545" s="10"/>
    </row>
    <row r="147546" spans="14:14">
      <c r="N147546" s="10"/>
    </row>
    <row r="147547" spans="14:14">
      <c r="N147547" s="10"/>
    </row>
    <row r="147548" spans="14:14">
      <c r="N147548" s="10"/>
    </row>
    <row r="147549" spans="14:14">
      <c r="N147549" s="10"/>
    </row>
    <row r="147550" spans="14:14">
      <c r="N147550" s="10"/>
    </row>
    <row r="147551" spans="14:14">
      <c r="N147551" s="10"/>
    </row>
    <row r="147552" spans="14:14">
      <c r="N147552" s="10"/>
    </row>
    <row r="147553" spans="14:14">
      <c r="N147553" s="10"/>
    </row>
    <row r="147554" spans="14:14">
      <c r="N147554" s="10"/>
    </row>
    <row r="147555" spans="14:14">
      <c r="N147555" s="10"/>
    </row>
    <row r="147556" spans="14:14">
      <c r="N147556" s="10"/>
    </row>
    <row r="147557" spans="14:14">
      <c r="N147557" s="10"/>
    </row>
    <row r="147558" spans="14:14">
      <c r="N147558" s="10"/>
    </row>
    <row r="147559" spans="14:14">
      <c r="N147559" s="10"/>
    </row>
    <row r="147560" spans="14:14">
      <c r="N147560" s="10"/>
    </row>
    <row r="147561" spans="14:14">
      <c r="N147561" s="10"/>
    </row>
    <row r="147562" spans="14:14">
      <c r="N147562" s="10"/>
    </row>
    <row r="147563" spans="14:14">
      <c r="N147563" s="10"/>
    </row>
    <row r="147564" spans="14:14">
      <c r="N147564" s="10"/>
    </row>
    <row r="147565" spans="14:14">
      <c r="N147565" s="10"/>
    </row>
    <row r="147566" spans="14:14">
      <c r="N147566" s="10"/>
    </row>
    <row r="147567" spans="14:14">
      <c r="N147567" s="10"/>
    </row>
    <row r="147568" spans="14:14">
      <c r="N147568" s="10"/>
    </row>
    <row r="147569" spans="14:14">
      <c r="N147569" s="10"/>
    </row>
    <row r="147570" spans="14:14">
      <c r="N147570" s="10"/>
    </row>
    <row r="147571" spans="14:14">
      <c r="N147571" s="10"/>
    </row>
    <row r="147572" spans="14:14">
      <c r="N147572" s="10"/>
    </row>
    <row r="147573" spans="14:14">
      <c r="N147573" s="10"/>
    </row>
    <row r="147574" spans="14:14">
      <c r="N147574" s="10"/>
    </row>
    <row r="147575" spans="14:14">
      <c r="N147575" s="10"/>
    </row>
    <row r="147576" spans="14:14">
      <c r="N147576" s="10"/>
    </row>
    <row r="147577" spans="14:14">
      <c r="N147577" s="10"/>
    </row>
    <row r="147578" spans="14:14">
      <c r="N147578" s="10"/>
    </row>
    <row r="147579" spans="14:14">
      <c r="N147579" s="10"/>
    </row>
    <row r="147580" spans="14:14">
      <c r="N147580" s="10"/>
    </row>
    <row r="147581" spans="14:14">
      <c r="N147581" s="10"/>
    </row>
    <row r="147582" spans="14:14">
      <c r="N147582" s="10"/>
    </row>
    <row r="147583" spans="14:14">
      <c r="N147583" s="10"/>
    </row>
    <row r="147584" spans="14:14">
      <c r="N147584" s="10"/>
    </row>
    <row r="147585" spans="14:14">
      <c r="N147585" s="10"/>
    </row>
    <row r="147586" spans="14:14">
      <c r="N147586" s="10"/>
    </row>
    <row r="147587" spans="14:14">
      <c r="N147587" s="10"/>
    </row>
    <row r="147588" spans="14:14">
      <c r="N147588" s="10"/>
    </row>
    <row r="147589" spans="14:14">
      <c r="N147589" s="10"/>
    </row>
    <row r="147590" spans="14:14">
      <c r="N147590" s="10"/>
    </row>
    <row r="147591" spans="14:14">
      <c r="N147591" s="10"/>
    </row>
    <row r="147592" spans="14:14">
      <c r="N147592" s="10"/>
    </row>
    <row r="147593" spans="14:14">
      <c r="N147593" s="10"/>
    </row>
    <row r="147594" spans="14:14">
      <c r="N147594" s="10"/>
    </row>
    <row r="147595" spans="14:14">
      <c r="N147595" s="10"/>
    </row>
    <row r="147596" spans="14:14">
      <c r="N147596" s="10"/>
    </row>
    <row r="147597" spans="14:14">
      <c r="N147597" s="10"/>
    </row>
    <row r="147598" spans="14:14">
      <c r="N147598" s="10"/>
    </row>
    <row r="147599" spans="14:14">
      <c r="N147599" s="10"/>
    </row>
    <row r="147600" spans="14:14">
      <c r="N147600" s="10"/>
    </row>
    <row r="147601" spans="14:14">
      <c r="N147601" s="10"/>
    </row>
    <row r="147602" spans="14:14">
      <c r="N147602" s="10"/>
    </row>
    <row r="147603" spans="14:14">
      <c r="N147603" s="10"/>
    </row>
    <row r="147604" spans="14:14">
      <c r="N147604" s="10"/>
    </row>
    <row r="147605" spans="14:14">
      <c r="N147605" s="10"/>
    </row>
    <row r="147606" spans="14:14">
      <c r="N147606" s="10"/>
    </row>
    <row r="147607" spans="14:14">
      <c r="N147607" s="10"/>
    </row>
    <row r="147608" spans="14:14">
      <c r="N147608" s="10"/>
    </row>
    <row r="147609" spans="14:14">
      <c r="N147609" s="10"/>
    </row>
    <row r="147610" spans="14:14">
      <c r="N147610" s="10"/>
    </row>
    <row r="147611" spans="14:14">
      <c r="N147611" s="10"/>
    </row>
    <row r="147612" spans="14:14">
      <c r="N147612" s="10"/>
    </row>
    <row r="147613" spans="14:14">
      <c r="N147613" s="10"/>
    </row>
    <row r="147614" spans="14:14">
      <c r="N147614" s="10"/>
    </row>
    <row r="147615" spans="14:14">
      <c r="N147615" s="10"/>
    </row>
    <row r="147616" spans="14:14">
      <c r="N147616" s="10"/>
    </row>
    <row r="147617" spans="14:14">
      <c r="N147617" s="10"/>
    </row>
    <row r="147618" spans="14:14">
      <c r="N147618" s="10"/>
    </row>
    <row r="147619" spans="14:14">
      <c r="N147619" s="10"/>
    </row>
    <row r="147620" spans="14:14">
      <c r="N147620" s="10"/>
    </row>
    <row r="147621" spans="14:14">
      <c r="N147621" s="10"/>
    </row>
    <row r="147622" spans="14:14">
      <c r="N147622" s="10"/>
    </row>
    <row r="147623" spans="14:14">
      <c r="N147623" s="10"/>
    </row>
    <row r="147624" spans="14:14">
      <c r="N147624" s="10"/>
    </row>
    <row r="147625" spans="14:14">
      <c r="N147625" s="10"/>
    </row>
    <row r="147626" spans="14:14">
      <c r="N147626" s="10"/>
    </row>
    <row r="147627" spans="14:14">
      <c r="N147627" s="10"/>
    </row>
    <row r="147628" spans="14:14">
      <c r="N147628" s="10"/>
    </row>
    <row r="147629" spans="14:14">
      <c r="N147629" s="10"/>
    </row>
    <row r="147630" spans="14:14">
      <c r="N147630" s="10"/>
    </row>
    <row r="147631" spans="14:14">
      <c r="N147631" s="10"/>
    </row>
    <row r="147632" spans="14:14">
      <c r="N147632" s="10"/>
    </row>
    <row r="147633" spans="14:14">
      <c r="N147633" s="10"/>
    </row>
    <row r="147634" spans="14:14">
      <c r="N147634" s="10"/>
    </row>
    <row r="147635" spans="14:14">
      <c r="N147635" s="10"/>
    </row>
    <row r="147636" spans="14:14">
      <c r="N147636" s="10"/>
    </row>
    <row r="147637" spans="14:14">
      <c r="N147637" s="10"/>
    </row>
    <row r="147638" spans="14:14">
      <c r="N147638" s="10"/>
    </row>
    <row r="147639" spans="14:14">
      <c r="N147639" s="10"/>
    </row>
    <row r="147640" spans="14:14">
      <c r="N147640" s="10"/>
    </row>
    <row r="147641" spans="14:14">
      <c r="N147641" s="10"/>
    </row>
    <row r="147642" spans="14:14">
      <c r="N147642" s="10"/>
    </row>
    <row r="147643" spans="14:14">
      <c r="N147643" s="10"/>
    </row>
    <row r="147644" spans="14:14">
      <c r="N147644" s="10"/>
    </row>
    <row r="147645" spans="14:14">
      <c r="N147645" s="10"/>
    </row>
    <row r="147646" spans="14:14">
      <c r="N147646" s="10"/>
    </row>
    <row r="147647" spans="14:14">
      <c r="N147647" s="10"/>
    </row>
    <row r="147648" spans="14:14">
      <c r="N147648" s="10"/>
    </row>
    <row r="147649" spans="14:14">
      <c r="N147649" s="10"/>
    </row>
    <row r="147650" spans="14:14">
      <c r="N147650" s="10"/>
    </row>
    <row r="147651" spans="14:14">
      <c r="N147651" s="10"/>
    </row>
    <row r="147652" spans="14:14">
      <c r="N147652" s="10"/>
    </row>
    <row r="147653" spans="14:14">
      <c r="N147653" s="10"/>
    </row>
    <row r="147654" spans="14:14">
      <c r="N147654" s="10"/>
    </row>
    <row r="147655" spans="14:14">
      <c r="N147655" s="10"/>
    </row>
    <row r="147656" spans="14:14">
      <c r="N147656" s="10"/>
    </row>
    <row r="147657" spans="14:14">
      <c r="N147657" s="10"/>
    </row>
    <row r="147658" spans="14:14">
      <c r="N147658" s="10"/>
    </row>
    <row r="147659" spans="14:14">
      <c r="N147659" s="10"/>
    </row>
    <row r="147660" spans="14:14">
      <c r="N147660" s="10"/>
    </row>
    <row r="147661" spans="14:14">
      <c r="N147661" s="10"/>
    </row>
    <row r="147662" spans="14:14">
      <c r="N147662" s="10"/>
    </row>
    <row r="147663" spans="14:14">
      <c r="N147663" s="10"/>
    </row>
    <row r="147664" spans="14:14">
      <c r="N147664" s="10"/>
    </row>
    <row r="147665" spans="14:14">
      <c r="N147665" s="10"/>
    </row>
    <row r="147666" spans="14:14">
      <c r="N147666" s="10"/>
    </row>
    <row r="147667" spans="14:14">
      <c r="N147667" s="10"/>
    </row>
    <row r="147668" spans="14:14">
      <c r="N147668" s="10"/>
    </row>
    <row r="147669" spans="14:14">
      <c r="N147669" s="10"/>
    </row>
    <row r="147670" spans="14:14">
      <c r="N147670" s="10"/>
    </row>
    <row r="147671" spans="14:14">
      <c r="N147671" s="10"/>
    </row>
    <row r="147672" spans="14:14">
      <c r="N147672" s="10"/>
    </row>
    <row r="147673" spans="14:14">
      <c r="N147673" s="10"/>
    </row>
    <row r="147674" spans="14:14">
      <c r="N147674" s="10"/>
    </row>
    <row r="147675" spans="14:14">
      <c r="N147675" s="10"/>
    </row>
    <row r="147676" spans="14:14">
      <c r="N147676" s="10"/>
    </row>
    <row r="147677" spans="14:14">
      <c r="N147677" s="10"/>
    </row>
    <row r="147678" spans="14:14">
      <c r="N147678" s="10"/>
    </row>
    <row r="147679" spans="14:14">
      <c r="N147679" s="10"/>
    </row>
    <row r="147680" spans="14:14">
      <c r="N147680" s="10"/>
    </row>
    <row r="147681" spans="14:14">
      <c r="N147681" s="10"/>
    </row>
    <row r="147682" spans="14:14">
      <c r="N147682" s="10"/>
    </row>
    <row r="147683" spans="14:14">
      <c r="N147683" s="10"/>
    </row>
    <row r="147684" spans="14:14">
      <c r="N147684" s="10"/>
    </row>
    <row r="147685" spans="14:14">
      <c r="N147685" s="10"/>
    </row>
    <row r="147686" spans="14:14">
      <c r="N147686" s="10"/>
    </row>
    <row r="147687" spans="14:14">
      <c r="N147687" s="10"/>
    </row>
    <row r="147688" spans="14:14">
      <c r="N147688" s="10"/>
    </row>
    <row r="147689" spans="14:14">
      <c r="N147689" s="10"/>
    </row>
    <row r="147690" spans="14:14">
      <c r="N147690" s="10"/>
    </row>
    <row r="147691" spans="14:14">
      <c r="N147691" s="10"/>
    </row>
    <row r="147692" spans="14:14">
      <c r="N147692" s="10"/>
    </row>
    <row r="147693" spans="14:14">
      <c r="N147693" s="10"/>
    </row>
    <row r="147694" spans="14:14">
      <c r="N147694" s="10"/>
    </row>
    <row r="147695" spans="14:14">
      <c r="N147695" s="10"/>
    </row>
    <row r="147696" spans="14:14">
      <c r="N147696" s="10"/>
    </row>
    <row r="147697" spans="14:14">
      <c r="N147697" s="10"/>
    </row>
    <row r="147698" spans="14:14">
      <c r="N147698" s="10"/>
    </row>
    <row r="147699" spans="14:14">
      <c r="N147699" s="10"/>
    </row>
    <row r="147700" spans="14:14">
      <c r="N147700" s="10"/>
    </row>
    <row r="147701" spans="14:14">
      <c r="N147701" s="10"/>
    </row>
    <row r="147702" spans="14:14">
      <c r="N147702" s="10"/>
    </row>
    <row r="147703" spans="14:14">
      <c r="N147703" s="10"/>
    </row>
    <row r="147704" spans="14:14">
      <c r="N147704" s="10"/>
    </row>
    <row r="147705" spans="14:14">
      <c r="N147705" s="10"/>
    </row>
    <row r="147706" spans="14:14">
      <c r="N147706" s="10"/>
    </row>
    <row r="147707" spans="14:14">
      <c r="N147707" s="10"/>
    </row>
    <row r="147708" spans="14:14">
      <c r="N147708" s="10"/>
    </row>
    <row r="147709" spans="14:14">
      <c r="N147709" s="10"/>
    </row>
    <row r="147710" spans="14:14">
      <c r="N147710" s="10"/>
    </row>
    <row r="147711" spans="14:14">
      <c r="N147711" s="10"/>
    </row>
    <row r="147712" spans="14:14">
      <c r="N147712" s="10"/>
    </row>
    <row r="147713" spans="14:14">
      <c r="N147713" s="10"/>
    </row>
    <row r="147714" spans="14:14">
      <c r="N147714" s="10"/>
    </row>
    <row r="147715" spans="14:14">
      <c r="N147715" s="10"/>
    </row>
    <row r="147716" spans="14:14">
      <c r="N147716" s="10"/>
    </row>
    <row r="147717" spans="14:14">
      <c r="N147717" s="10"/>
    </row>
    <row r="147718" spans="14:14">
      <c r="N147718" s="10"/>
    </row>
    <row r="147719" spans="14:14">
      <c r="N147719" s="10"/>
    </row>
    <row r="147720" spans="14:14">
      <c r="N147720" s="10"/>
    </row>
    <row r="147721" spans="14:14">
      <c r="N147721" s="10"/>
    </row>
    <row r="147722" spans="14:14">
      <c r="N147722" s="10"/>
    </row>
    <row r="147723" spans="14:14">
      <c r="N147723" s="10"/>
    </row>
    <row r="147724" spans="14:14">
      <c r="N147724" s="10"/>
    </row>
    <row r="147725" spans="14:14">
      <c r="N147725" s="10"/>
    </row>
    <row r="147726" spans="14:14">
      <c r="N147726" s="10"/>
    </row>
    <row r="147727" spans="14:14">
      <c r="N147727" s="10"/>
    </row>
    <row r="147728" spans="14:14">
      <c r="N147728" s="10"/>
    </row>
    <row r="147729" spans="14:14">
      <c r="N147729" s="10"/>
    </row>
    <row r="147730" spans="14:14">
      <c r="N147730" s="10"/>
    </row>
    <row r="147731" spans="14:14">
      <c r="N147731" s="10"/>
    </row>
    <row r="147732" spans="14:14">
      <c r="N147732" s="10"/>
    </row>
    <row r="147733" spans="14:14">
      <c r="N147733" s="10"/>
    </row>
    <row r="147734" spans="14:14">
      <c r="N147734" s="10"/>
    </row>
    <row r="147735" spans="14:14">
      <c r="N147735" s="10"/>
    </row>
    <row r="147736" spans="14:14">
      <c r="N147736" s="10"/>
    </row>
    <row r="147737" spans="14:14">
      <c r="N147737" s="10"/>
    </row>
    <row r="147738" spans="14:14">
      <c r="N147738" s="10"/>
    </row>
    <row r="147739" spans="14:14">
      <c r="N147739" s="10"/>
    </row>
    <row r="147740" spans="14:14">
      <c r="N147740" s="10"/>
    </row>
    <row r="147741" spans="14:14">
      <c r="N147741" s="10"/>
    </row>
    <row r="147742" spans="14:14">
      <c r="N147742" s="10"/>
    </row>
    <row r="147743" spans="14:14">
      <c r="N147743" s="10"/>
    </row>
    <row r="147744" spans="14:14">
      <c r="N147744" s="10"/>
    </row>
    <row r="147745" spans="14:14">
      <c r="N147745" s="10"/>
    </row>
    <row r="147746" spans="14:14">
      <c r="N147746" s="10"/>
    </row>
    <row r="147747" spans="14:14">
      <c r="N147747" s="10"/>
    </row>
    <row r="147748" spans="14:14">
      <c r="N147748" s="10"/>
    </row>
    <row r="147749" spans="14:14">
      <c r="N147749" s="10"/>
    </row>
    <row r="147750" spans="14:14">
      <c r="N147750" s="10"/>
    </row>
    <row r="147751" spans="14:14">
      <c r="N147751" s="10"/>
    </row>
    <row r="147752" spans="14:14">
      <c r="N147752" s="10"/>
    </row>
    <row r="147753" spans="14:14">
      <c r="N147753" s="10"/>
    </row>
    <row r="147754" spans="14:14">
      <c r="N147754" s="10"/>
    </row>
    <row r="147755" spans="14:14">
      <c r="N147755" s="10"/>
    </row>
    <row r="147756" spans="14:14">
      <c r="N147756" s="10"/>
    </row>
    <row r="147757" spans="14:14">
      <c r="N147757" s="10"/>
    </row>
    <row r="147758" spans="14:14">
      <c r="N147758" s="10"/>
    </row>
    <row r="147759" spans="14:14">
      <c r="N147759" s="10"/>
    </row>
    <row r="147760" spans="14:14">
      <c r="N147760" s="10"/>
    </row>
    <row r="147761" spans="14:14">
      <c r="N147761" s="10"/>
    </row>
    <row r="147762" spans="14:14">
      <c r="N147762" s="10"/>
    </row>
    <row r="147763" spans="14:14">
      <c r="N147763" s="10"/>
    </row>
    <row r="147764" spans="14:14">
      <c r="N147764" s="10"/>
    </row>
    <row r="147765" spans="14:14">
      <c r="N147765" s="10"/>
    </row>
    <row r="147766" spans="14:14">
      <c r="N147766" s="10"/>
    </row>
    <row r="147767" spans="14:14">
      <c r="N147767" s="10"/>
    </row>
    <row r="147768" spans="14:14">
      <c r="N147768" s="10"/>
    </row>
    <row r="147769" spans="14:14">
      <c r="N147769" s="10"/>
    </row>
    <row r="147770" spans="14:14">
      <c r="N147770" s="10"/>
    </row>
    <row r="147771" spans="14:14">
      <c r="N147771" s="10"/>
    </row>
    <row r="147772" spans="14:14">
      <c r="N147772" s="10"/>
    </row>
    <row r="147773" spans="14:14">
      <c r="N147773" s="10"/>
    </row>
    <row r="147774" spans="14:14">
      <c r="N147774" s="10"/>
    </row>
    <row r="147775" spans="14:14">
      <c r="N147775" s="10"/>
    </row>
    <row r="147776" spans="14:14">
      <c r="N147776" s="10"/>
    </row>
    <row r="147777" spans="14:14">
      <c r="N147777" s="10"/>
    </row>
    <row r="147778" spans="14:14">
      <c r="N147778" s="10"/>
    </row>
    <row r="147779" spans="14:14">
      <c r="N147779" s="10"/>
    </row>
    <row r="147780" spans="14:14">
      <c r="N147780" s="10"/>
    </row>
    <row r="147781" spans="14:14">
      <c r="N147781" s="10"/>
    </row>
    <row r="147782" spans="14:14">
      <c r="N147782" s="10"/>
    </row>
    <row r="147783" spans="14:14">
      <c r="N147783" s="10"/>
    </row>
    <row r="147784" spans="14:14">
      <c r="N147784" s="10"/>
    </row>
    <row r="147785" spans="14:14">
      <c r="N147785" s="10"/>
    </row>
    <row r="147786" spans="14:14">
      <c r="N147786" s="10"/>
    </row>
    <row r="147787" spans="14:14">
      <c r="N147787" s="10"/>
    </row>
    <row r="147788" spans="14:14">
      <c r="N147788" s="10"/>
    </row>
    <row r="147789" spans="14:14">
      <c r="N147789" s="10"/>
    </row>
    <row r="147790" spans="14:14">
      <c r="N147790" s="10"/>
    </row>
    <row r="147791" spans="14:14">
      <c r="N147791" s="10"/>
    </row>
    <row r="147792" spans="14:14">
      <c r="N147792" s="10"/>
    </row>
    <row r="147793" spans="14:14">
      <c r="N147793" s="10"/>
    </row>
    <row r="147794" spans="14:14">
      <c r="N147794" s="10"/>
    </row>
    <row r="147795" spans="14:14">
      <c r="N147795" s="10"/>
    </row>
    <row r="147796" spans="14:14">
      <c r="N147796" s="10"/>
    </row>
    <row r="147797" spans="14:14">
      <c r="N147797" s="10"/>
    </row>
    <row r="147798" spans="14:14">
      <c r="N147798" s="10"/>
    </row>
    <row r="147799" spans="14:14">
      <c r="N147799" s="10"/>
    </row>
    <row r="147800" spans="14:14">
      <c r="N147800" s="10"/>
    </row>
    <row r="147801" spans="14:14">
      <c r="N147801" s="10"/>
    </row>
    <row r="147802" spans="14:14">
      <c r="N147802" s="10"/>
    </row>
    <row r="147803" spans="14:14">
      <c r="N147803" s="10"/>
    </row>
    <row r="147804" spans="14:14">
      <c r="N147804" s="10"/>
    </row>
    <row r="147805" spans="14:14">
      <c r="N147805" s="10"/>
    </row>
    <row r="147806" spans="14:14">
      <c r="N147806" s="10"/>
    </row>
    <row r="147807" spans="14:14">
      <c r="N147807" s="10"/>
    </row>
    <row r="147808" spans="14:14">
      <c r="N147808" s="10"/>
    </row>
    <row r="147809" spans="14:14">
      <c r="N147809" s="10"/>
    </row>
    <row r="147810" spans="14:14">
      <c r="N147810" s="10"/>
    </row>
    <row r="147811" spans="14:14">
      <c r="N147811" s="10"/>
    </row>
    <row r="147812" spans="14:14">
      <c r="N147812" s="10"/>
    </row>
    <row r="147813" spans="14:14">
      <c r="N147813" s="10"/>
    </row>
    <row r="147814" spans="14:14">
      <c r="N147814" s="10"/>
    </row>
    <row r="147815" spans="14:14">
      <c r="N147815" s="10"/>
    </row>
    <row r="147816" spans="14:14">
      <c r="N147816" s="10"/>
    </row>
    <row r="147817" spans="14:14">
      <c r="N147817" s="10"/>
    </row>
    <row r="147818" spans="14:14">
      <c r="N147818" s="10"/>
    </row>
    <row r="147819" spans="14:14">
      <c r="N147819" s="10"/>
    </row>
    <row r="147820" spans="14:14">
      <c r="N147820" s="10"/>
    </row>
    <row r="147821" spans="14:14">
      <c r="N147821" s="10"/>
    </row>
    <row r="147822" spans="14:14">
      <c r="N147822" s="10"/>
    </row>
    <row r="147823" spans="14:14">
      <c r="N147823" s="10"/>
    </row>
    <row r="147824" spans="14:14">
      <c r="N147824" s="10"/>
    </row>
    <row r="147825" spans="14:14">
      <c r="N147825" s="10"/>
    </row>
    <row r="147826" spans="14:14">
      <c r="N147826" s="10"/>
    </row>
    <row r="147827" spans="14:14">
      <c r="N147827" s="10"/>
    </row>
    <row r="147828" spans="14:14">
      <c r="N147828" s="10"/>
    </row>
    <row r="147829" spans="14:14">
      <c r="N147829" s="10"/>
    </row>
    <row r="147830" spans="14:14">
      <c r="N147830" s="10"/>
    </row>
    <row r="147831" spans="14:14">
      <c r="N147831" s="10"/>
    </row>
    <row r="147832" spans="14:14">
      <c r="N147832" s="10"/>
    </row>
    <row r="147833" spans="14:14">
      <c r="N147833" s="10"/>
    </row>
    <row r="147834" spans="14:14">
      <c r="N147834" s="10"/>
    </row>
    <row r="147835" spans="14:14">
      <c r="N147835" s="10"/>
    </row>
    <row r="147836" spans="14:14">
      <c r="N147836" s="10"/>
    </row>
    <row r="147837" spans="14:14">
      <c r="N147837" s="10"/>
    </row>
    <row r="147838" spans="14:14">
      <c r="N147838" s="10"/>
    </row>
    <row r="147839" spans="14:14">
      <c r="N147839" s="10"/>
    </row>
    <row r="147840" spans="14:14">
      <c r="N147840" s="10"/>
    </row>
    <row r="147841" spans="14:14">
      <c r="N147841" s="10"/>
    </row>
    <row r="147842" spans="14:14">
      <c r="N147842" s="10"/>
    </row>
    <row r="147843" spans="14:14">
      <c r="N147843" s="10"/>
    </row>
    <row r="147844" spans="14:14">
      <c r="N147844" s="10"/>
    </row>
    <row r="147845" spans="14:14">
      <c r="N147845" s="10"/>
    </row>
    <row r="147846" spans="14:14">
      <c r="N147846" s="10"/>
    </row>
    <row r="147847" spans="14:14">
      <c r="N147847" s="10"/>
    </row>
    <row r="147848" spans="14:14">
      <c r="N147848" s="10"/>
    </row>
    <row r="147849" spans="14:14">
      <c r="N147849" s="10"/>
    </row>
    <row r="147850" spans="14:14">
      <c r="N147850" s="10"/>
    </row>
    <row r="147851" spans="14:14">
      <c r="N147851" s="10"/>
    </row>
    <row r="147852" spans="14:14">
      <c r="N147852" s="10"/>
    </row>
    <row r="147853" spans="14:14">
      <c r="N147853" s="10"/>
    </row>
    <row r="147854" spans="14:14">
      <c r="N147854" s="10"/>
    </row>
    <row r="147855" spans="14:14">
      <c r="N147855" s="10"/>
    </row>
    <row r="147856" spans="14:14">
      <c r="N147856" s="10"/>
    </row>
    <row r="147857" spans="14:14">
      <c r="N147857" s="10"/>
    </row>
    <row r="147858" spans="14:14">
      <c r="N147858" s="10"/>
    </row>
    <row r="147859" spans="14:14">
      <c r="N147859" s="10"/>
    </row>
    <row r="147860" spans="14:14">
      <c r="N147860" s="10"/>
    </row>
    <row r="147861" spans="14:14">
      <c r="N147861" s="10"/>
    </row>
    <row r="147862" spans="14:14">
      <c r="N147862" s="10"/>
    </row>
    <row r="147863" spans="14:14">
      <c r="N147863" s="10"/>
    </row>
    <row r="147864" spans="14:14">
      <c r="N147864" s="10"/>
    </row>
    <row r="147865" spans="14:14">
      <c r="N147865" s="10"/>
    </row>
    <row r="147866" spans="14:14">
      <c r="N147866" s="10"/>
    </row>
    <row r="147867" spans="14:14">
      <c r="N147867" s="10"/>
    </row>
    <row r="147868" spans="14:14">
      <c r="N147868" s="10"/>
    </row>
    <row r="147869" spans="14:14">
      <c r="N147869" s="10"/>
    </row>
    <row r="147870" spans="14:14">
      <c r="N147870" s="10"/>
    </row>
    <row r="147871" spans="14:14">
      <c r="N147871" s="10"/>
    </row>
    <row r="147872" spans="14:14">
      <c r="N147872" s="10"/>
    </row>
    <row r="147873" spans="14:14">
      <c r="N147873" s="10"/>
    </row>
    <row r="147874" spans="14:14">
      <c r="N147874" s="10"/>
    </row>
    <row r="147875" spans="14:14">
      <c r="N147875" s="10"/>
    </row>
    <row r="147876" spans="14:14">
      <c r="N147876" s="10"/>
    </row>
    <row r="147877" spans="14:14">
      <c r="N147877" s="10"/>
    </row>
    <row r="147878" spans="14:14">
      <c r="N147878" s="10"/>
    </row>
    <row r="147879" spans="14:14">
      <c r="N147879" s="10"/>
    </row>
    <row r="147880" spans="14:14">
      <c r="N147880" s="10"/>
    </row>
    <row r="147881" spans="14:14">
      <c r="N147881" s="10"/>
    </row>
    <row r="147882" spans="14:14">
      <c r="N147882" s="10"/>
    </row>
    <row r="147883" spans="14:14">
      <c r="N147883" s="10"/>
    </row>
    <row r="147884" spans="14:14">
      <c r="N147884" s="10"/>
    </row>
    <row r="147885" spans="14:14">
      <c r="N147885" s="10"/>
    </row>
    <row r="147886" spans="14:14">
      <c r="N147886" s="10"/>
    </row>
    <row r="147887" spans="14:14">
      <c r="N147887" s="10"/>
    </row>
    <row r="147888" spans="14:14">
      <c r="N147888" s="10"/>
    </row>
    <row r="147889" spans="14:14">
      <c r="N147889" s="10"/>
    </row>
    <row r="147890" spans="14:14">
      <c r="N147890" s="10"/>
    </row>
    <row r="147891" spans="14:14">
      <c r="N147891" s="10"/>
    </row>
    <row r="147892" spans="14:14">
      <c r="N147892" s="10"/>
    </row>
    <row r="147893" spans="14:14">
      <c r="N147893" s="10"/>
    </row>
    <row r="147894" spans="14:14">
      <c r="N147894" s="10"/>
    </row>
    <row r="147895" spans="14:14">
      <c r="N147895" s="10"/>
    </row>
    <row r="147896" spans="14:14">
      <c r="N147896" s="10"/>
    </row>
    <row r="147897" spans="14:14">
      <c r="N147897" s="10"/>
    </row>
    <row r="147898" spans="14:14">
      <c r="N147898" s="10"/>
    </row>
    <row r="147899" spans="14:14">
      <c r="N147899" s="10"/>
    </row>
    <row r="147900" spans="14:14">
      <c r="N147900" s="10"/>
    </row>
    <row r="147901" spans="14:14">
      <c r="N147901" s="10"/>
    </row>
    <row r="147902" spans="14:14">
      <c r="N147902" s="10"/>
    </row>
    <row r="147903" spans="14:14">
      <c r="N147903" s="10"/>
    </row>
    <row r="147904" spans="14:14">
      <c r="N147904" s="10"/>
    </row>
    <row r="147905" spans="14:14">
      <c r="N147905" s="10"/>
    </row>
    <row r="147906" spans="14:14">
      <c r="N147906" s="10"/>
    </row>
    <row r="147907" spans="14:14">
      <c r="N147907" s="10"/>
    </row>
    <row r="147908" spans="14:14">
      <c r="N147908" s="10"/>
    </row>
    <row r="147909" spans="14:14">
      <c r="N147909" s="10"/>
    </row>
    <row r="147910" spans="14:14">
      <c r="N147910" s="10"/>
    </row>
    <row r="147911" spans="14:14">
      <c r="N147911" s="10"/>
    </row>
    <row r="147912" spans="14:14">
      <c r="N147912" s="10"/>
    </row>
    <row r="147913" spans="14:14">
      <c r="N147913" s="10"/>
    </row>
    <row r="147914" spans="14:14">
      <c r="N147914" s="10"/>
    </row>
    <row r="147915" spans="14:14">
      <c r="N147915" s="10"/>
    </row>
    <row r="147916" spans="14:14">
      <c r="N147916" s="10"/>
    </row>
    <row r="147917" spans="14:14">
      <c r="N147917" s="10"/>
    </row>
    <row r="147918" spans="14:14">
      <c r="N147918" s="10"/>
    </row>
    <row r="147919" spans="14:14">
      <c r="N147919" s="10"/>
    </row>
    <row r="147920" spans="14:14">
      <c r="N147920" s="10"/>
    </row>
    <row r="147921" spans="14:14">
      <c r="N147921" s="10"/>
    </row>
    <row r="147922" spans="14:14">
      <c r="N147922" s="10"/>
    </row>
    <row r="147923" spans="14:14">
      <c r="N147923" s="10"/>
    </row>
    <row r="147924" spans="14:14">
      <c r="N147924" s="10"/>
    </row>
    <row r="147925" spans="14:14">
      <c r="N147925" s="10"/>
    </row>
    <row r="147926" spans="14:14">
      <c r="N147926" s="10"/>
    </row>
    <row r="147927" spans="14:14">
      <c r="N147927" s="10"/>
    </row>
    <row r="147928" spans="14:14">
      <c r="N147928" s="10"/>
    </row>
    <row r="147929" spans="14:14">
      <c r="N147929" s="10"/>
    </row>
    <row r="147930" spans="14:14">
      <c r="N147930" s="10"/>
    </row>
    <row r="147931" spans="14:14">
      <c r="N147931" s="10"/>
    </row>
    <row r="147932" spans="14:14">
      <c r="N147932" s="10"/>
    </row>
    <row r="147933" spans="14:14">
      <c r="N147933" s="10"/>
    </row>
    <row r="147934" spans="14:14">
      <c r="N147934" s="10"/>
    </row>
    <row r="147935" spans="14:14">
      <c r="N147935" s="10"/>
    </row>
    <row r="147936" spans="14:14">
      <c r="N147936" s="10"/>
    </row>
    <row r="147937" spans="14:14">
      <c r="N147937" s="10"/>
    </row>
    <row r="147938" spans="14:14">
      <c r="N147938" s="10"/>
    </row>
    <row r="147939" spans="14:14">
      <c r="N147939" s="10"/>
    </row>
    <row r="147940" spans="14:14">
      <c r="N147940" s="10"/>
    </row>
    <row r="147941" spans="14:14">
      <c r="N147941" s="10"/>
    </row>
    <row r="147942" spans="14:14">
      <c r="N147942" s="10"/>
    </row>
    <row r="147943" spans="14:14">
      <c r="N147943" s="10"/>
    </row>
    <row r="147944" spans="14:14">
      <c r="N147944" s="10"/>
    </row>
    <row r="147945" spans="14:14">
      <c r="N147945" s="10"/>
    </row>
    <row r="147946" spans="14:14">
      <c r="N147946" s="10"/>
    </row>
    <row r="147947" spans="14:14">
      <c r="N147947" s="10"/>
    </row>
    <row r="147948" spans="14:14">
      <c r="N147948" s="10"/>
    </row>
    <row r="147949" spans="14:14">
      <c r="N147949" s="10"/>
    </row>
    <row r="147950" spans="14:14">
      <c r="N147950" s="10"/>
    </row>
    <row r="147951" spans="14:14">
      <c r="N147951" s="10"/>
    </row>
    <row r="147952" spans="14:14">
      <c r="N147952" s="10"/>
    </row>
    <row r="147953" spans="14:14">
      <c r="N147953" s="10"/>
    </row>
    <row r="147954" spans="14:14">
      <c r="N147954" s="10"/>
    </row>
    <row r="147955" spans="14:14">
      <c r="N147955" s="10"/>
    </row>
    <row r="147956" spans="14:14">
      <c r="N147956" s="10"/>
    </row>
    <row r="147957" spans="14:14">
      <c r="N147957" s="10"/>
    </row>
    <row r="147958" spans="14:14">
      <c r="N147958" s="10"/>
    </row>
    <row r="147959" spans="14:14">
      <c r="N147959" s="10"/>
    </row>
    <row r="147960" spans="14:14">
      <c r="N147960" s="10"/>
    </row>
    <row r="147961" spans="14:14">
      <c r="N147961" s="10"/>
    </row>
    <row r="147962" spans="14:14">
      <c r="N147962" s="10"/>
    </row>
    <row r="147963" spans="14:14">
      <c r="N147963" s="10"/>
    </row>
    <row r="147964" spans="14:14">
      <c r="N147964" s="10"/>
    </row>
    <row r="147965" spans="14:14">
      <c r="N147965" s="10"/>
    </row>
    <row r="147966" spans="14:14">
      <c r="N147966" s="10"/>
    </row>
    <row r="147967" spans="14:14">
      <c r="N147967" s="10"/>
    </row>
    <row r="147968" spans="14:14">
      <c r="N147968" s="10"/>
    </row>
    <row r="147969" spans="14:14">
      <c r="N147969" s="10"/>
    </row>
    <row r="147970" spans="14:14">
      <c r="N147970" s="10"/>
    </row>
    <row r="147971" spans="14:14">
      <c r="N147971" s="10"/>
    </row>
    <row r="147972" spans="14:14">
      <c r="N147972" s="10"/>
    </row>
    <row r="147973" spans="14:14">
      <c r="N147973" s="10"/>
    </row>
    <row r="147974" spans="14:14">
      <c r="N147974" s="10"/>
    </row>
    <row r="147975" spans="14:14">
      <c r="N147975" s="10"/>
    </row>
    <row r="147976" spans="14:14">
      <c r="N147976" s="10"/>
    </row>
    <row r="147977" spans="14:14">
      <c r="N147977" s="10"/>
    </row>
    <row r="147978" spans="14:14">
      <c r="N147978" s="10"/>
    </row>
    <row r="147979" spans="14:14">
      <c r="N147979" s="10"/>
    </row>
    <row r="147980" spans="14:14">
      <c r="N147980" s="10"/>
    </row>
    <row r="147981" spans="14:14">
      <c r="N147981" s="10"/>
    </row>
    <row r="147982" spans="14:14">
      <c r="N147982" s="10"/>
    </row>
    <row r="147983" spans="14:14">
      <c r="N147983" s="10"/>
    </row>
    <row r="147984" spans="14:14">
      <c r="N147984" s="10"/>
    </row>
    <row r="147985" spans="14:14">
      <c r="N147985" s="10"/>
    </row>
    <row r="147986" spans="14:14">
      <c r="N147986" s="10"/>
    </row>
    <row r="147987" spans="14:14">
      <c r="N147987" s="10"/>
    </row>
    <row r="147988" spans="14:14">
      <c r="N147988" s="10"/>
    </row>
    <row r="147989" spans="14:14">
      <c r="N147989" s="10"/>
    </row>
    <row r="147990" spans="14:14">
      <c r="N147990" s="10"/>
    </row>
    <row r="147991" spans="14:14">
      <c r="N147991" s="10"/>
    </row>
    <row r="147992" spans="14:14">
      <c r="N147992" s="10"/>
    </row>
    <row r="147993" spans="14:14">
      <c r="N147993" s="10"/>
    </row>
    <row r="147994" spans="14:14">
      <c r="N147994" s="10"/>
    </row>
    <row r="147995" spans="14:14">
      <c r="N147995" s="10"/>
    </row>
    <row r="147996" spans="14:14">
      <c r="N147996" s="10"/>
    </row>
    <row r="147997" spans="14:14">
      <c r="N147997" s="10"/>
    </row>
    <row r="147998" spans="14:14">
      <c r="N147998" s="10"/>
    </row>
    <row r="147999" spans="14:14">
      <c r="N147999" s="10"/>
    </row>
    <row r="148000" spans="14:14">
      <c r="N148000" s="10"/>
    </row>
    <row r="148001" spans="14:14">
      <c r="N148001" s="10"/>
    </row>
    <row r="148002" spans="14:14">
      <c r="N148002" s="10"/>
    </row>
    <row r="148003" spans="14:14">
      <c r="N148003" s="10"/>
    </row>
    <row r="148004" spans="14:14">
      <c r="N148004" s="10"/>
    </row>
    <row r="148005" spans="14:14">
      <c r="N148005" s="10"/>
    </row>
    <row r="148006" spans="14:14">
      <c r="N148006" s="10"/>
    </row>
    <row r="148007" spans="14:14">
      <c r="N148007" s="10"/>
    </row>
    <row r="148008" spans="14:14">
      <c r="N148008" s="10"/>
    </row>
    <row r="148009" spans="14:14">
      <c r="N148009" s="10"/>
    </row>
    <row r="148010" spans="14:14">
      <c r="N148010" s="10"/>
    </row>
    <row r="148011" spans="14:14">
      <c r="N148011" s="10"/>
    </row>
    <row r="148012" spans="14:14">
      <c r="N148012" s="10"/>
    </row>
    <row r="148013" spans="14:14">
      <c r="N148013" s="10"/>
    </row>
    <row r="148014" spans="14:14">
      <c r="N148014" s="10"/>
    </row>
    <row r="148015" spans="14:14">
      <c r="N148015" s="10"/>
    </row>
    <row r="148016" spans="14:14">
      <c r="N148016" s="10"/>
    </row>
    <row r="148017" spans="14:14">
      <c r="N148017" s="10"/>
    </row>
    <row r="148018" spans="14:14">
      <c r="N148018" s="10"/>
    </row>
    <row r="148019" spans="14:14">
      <c r="N148019" s="10"/>
    </row>
    <row r="148020" spans="14:14">
      <c r="N148020" s="10"/>
    </row>
    <row r="148021" spans="14:14">
      <c r="N148021" s="10"/>
    </row>
    <row r="148022" spans="14:14">
      <c r="N148022" s="10"/>
    </row>
    <row r="148023" spans="14:14">
      <c r="N148023" s="10"/>
    </row>
    <row r="148024" spans="14:14">
      <c r="N148024" s="10"/>
    </row>
    <row r="148025" spans="14:14">
      <c r="N148025" s="10"/>
    </row>
    <row r="148026" spans="14:14">
      <c r="N148026" s="10"/>
    </row>
    <row r="148027" spans="14:14">
      <c r="N148027" s="10"/>
    </row>
    <row r="148028" spans="14:14">
      <c r="N148028" s="10"/>
    </row>
    <row r="148029" spans="14:14">
      <c r="N148029" s="10"/>
    </row>
    <row r="148030" spans="14:14">
      <c r="N148030" s="10"/>
    </row>
    <row r="148031" spans="14:14">
      <c r="N148031" s="10"/>
    </row>
    <row r="148032" spans="14:14">
      <c r="N148032" s="10"/>
    </row>
    <row r="148033" spans="14:14">
      <c r="N148033" s="10"/>
    </row>
    <row r="148034" spans="14:14">
      <c r="N148034" s="10"/>
    </row>
    <row r="148035" spans="14:14">
      <c r="N148035" s="10"/>
    </row>
    <row r="148036" spans="14:14">
      <c r="N148036" s="10"/>
    </row>
    <row r="148037" spans="14:14">
      <c r="N148037" s="10"/>
    </row>
    <row r="148038" spans="14:14">
      <c r="N148038" s="10"/>
    </row>
    <row r="148039" spans="14:14">
      <c r="N148039" s="10"/>
    </row>
    <row r="148040" spans="14:14">
      <c r="N148040" s="10"/>
    </row>
    <row r="148041" spans="14:14">
      <c r="N148041" s="10"/>
    </row>
    <row r="148042" spans="14:14">
      <c r="N148042" s="10"/>
    </row>
    <row r="148043" spans="14:14">
      <c r="N148043" s="10"/>
    </row>
    <row r="148044" spans="14:14">
      <c r="N148044" s="10"/>
    </row>
    <row r="148045" spans="14:14">
      <c r="N148045" s="10"/>
    </row>
    <row r="148046" spans="14:14">
      <c r="N148046" s="10"/>
    </row>
    <row r="148047" spans="14:14">
      <c r="N148047" s="10"/>
    </row>
    <row r="148048" spans="14:14">
      <c r="N148048" s="10"/>
    </row>
    <row r="148049" spans="14:14">
      <c r="N148049" s="10"/>
    </row>
    <row r="148050" spans="14:14">
      <c r="N148050" s="10"/>
    </row>
    <row r="148051" spans="14:14">
      <c r="N148051" s="10"/>
    </row>
    <row r="148052" spans="14:14">
      <c r="N148052" s="10"/>
    </row>
    <row r="148053" spans="14:14">
      <c r="N148053" s="10"/>
    </row>
    <row r="148054" spans="14:14">
      <c r="N148054" s="10"/>
    </row>
    <row r="148055" spans="14:14">
      <c r="N148055" s="10"/>
    </row>
    <row r="148056" spans="14:14">
      <c r="N148056" s="10"/>
    </row>
    <row r="148057" spans="14:14">
      <c r="N148057" s="10"/>
    </row>
    <row r="148058" spans="14:14">
      <c r="N148058" s="10"/>
    </row>
    <row r="148059" spans="14:14">
      <c r="N148059" s="10"/>
    </row>
    <row r="148060" spans="14:14">
      <c r="N148060" s="10"/>
    </row>
    <row r="148061" spans="14:14">
      <c r="N148061" s="10"/>
    </row>
    <row r="148062" spans="14:14">
      <c r="N148062" s="10"/>
    </row>
    <row r="148063" spans="14:14">
      <c r="N148063" s="10"/>
    </row>
    <row r="148064" spans="14:14">
      <c r="N148064" s="10"/>
    </row>
    <row r="148065" spans="14:14">
      <c r="N148065" s="10"/>
    </row>
    <row r="148066" spans="14:14">
      <c r="N148066" s="10"/>
    </row>
    <row r="148067" spans="14:14">
      <c r="N148067" s="10"/>
    </row>
    <row r="148068" spans="14:14">
      <c r="N148068" s="10"/>
    </row>
    <row r="148069" spans="14:14">
      <c r="N148069" s="10"/>
    </row>
    <row r="148070" spans="14:14">
      <c r="N148070" s="10"/>
    </row>
    <row r="148071" spans="14:14">
      <c r="N148071" s="10"/>
    </row>
    <row r="148072" spans="14:14">
      <c r="N148072" s="10"/>
    </row>
    <row r="148073" spans="14:14">
      <c r="N148073" s="10"/>
    </row>
    <row r="148074" spans="14:14">
      <c r="N148074" s="10"/>
    </row>
    <row r="148075" spans="14:14">
      <c r="N148075" s="10"/>
    </row>
    <row r="148076" spans="14:14">
      <c r="N148076" s="10"/>
    </row>
    <row r="148077" spans="14:14">
      <c r="N148077" s="10"/>
    </row>
    <row r="148078" spans="14:14">
      <c r="N148078" s="10"/>
    </row>
    <row r="148079" spans="14:14">
      <c r="N148079" s="10"/>
    </row>
    <row r="148080" spans="14:14">
      <c r="N148080" s="10"/>
    </row>
    <row r="148081" spans="14:14">
      <c r="N148081" s="10"/>
    </row>
    <row r="148082" spans="14:14">
      <c r="N148082" s="10"/>
    </row>
    <row r="148083" spans="14:14">
      <c r="N148083" s="10"/>
    </row>
    <row r="148084" spans="14:14">
      <c r="N148084" s="10"/>
    </row>
    <row r="148085" spans="14:14">
      <c r="N148085" s="10"/>
    </row>
    <row r="148086" spans="14:14">
      <c r="N148086" s="10"/>
    </row>
    <row r="148087" spans="14:14">
      <c r="N148087" s="10"/>
    </row>
    <row r="148088" spans="14:14">
      <c r="N148088" s="10"/>
    </row>
    <row r="148089" spans="14:14">
      <c r="N148089" s="10"/>
    </row>
    <row r="148090" spans="14:14">
      <c r="N148090" s="10"/>
    </row>
    <row r="148091" spans="14:14">
      <c r="N148091" s="10"/>
    </row>
    <row r="148092" spans="14:14">
      <c r="N148092" s="10"/>
    </row>
    <row r="148093" spans="14:14">
      <c r="N148093" s="10"/>
    </row>
    <row r="148094" spans="14:14">
      <c r="N148094" s="10"/>
    </row>
    <row r="148095" spans="14:14">
      <c r="N148095" s="10"/>
    </row>
    <row r="148096" spans="14:14">
      <c r="N148096" s="10"/>
    </row>
    <row r="148097" spans="14:14">
      <c r="N148097" s="10"/>
    </row>
    <row r="148098" spans="14:14">
      <c r="N148098" s="10"/>
    </row>
    <row r="148099" spans="14:14">
      <c r="N148099" s="10"/>
    </row>
    <row r="148100" spans="14:14">
      <c r="N148100" s="10"/>
    </row>
    <row r="148101" spans="14:14">
      <c r="N148101" s="10"/>
    </row>
    <row r="148102" spans="14:14">
      <c r="N148102" s="10"/>
    </row>
    <row r="148103" spans="14:14">
      <c r="N148103" s="10"/>
    </row>
    <row r="148104" spans="14:14">
      <c r="N148104" s="10"/>
    </row>
    <row r="148105" spans="14:14">
      <c r="N148105" s="10"/>
    </row>
    <row r="148106" spans="14:14">
      <c r="N148106" s="10"/>
    </row>
    <row r="148107" spans="14:14">
      <c r="N148107" s="10"/>
    </row>
    <row r="148108" spans="14:14">
      <c r="N148108" s="10"/>
    </row>
    <row r="148109" spans="14:14">
      <c r="N148109" s="10"/>
    </row>
    <row r="148110" spans="14:14">
      <c r="N148110" s="10"/>
    </row>
    <row r="148111" spans="14:14">
      <c r="N148111" s="10"/>
    </row>
    <row r="148112" spans="14:14">
      <c r="N148112" s="10"/>
    </row>
    <row r="148113" spans="14:14">
      <c r="N148113" s="10"/>
    </row>
    <row r="148114" spans="14:14">
      <c r="N148114" s="10"/>
    </row>
    <row r="148115" spans="14:14">
      <c r="N148115" s="10"/>
    </row>
    <row r="148116" spans="14:14">
      <c r="N148116" s="10"/>
    </row>
    <row r="148117" spans="14:14">
      <c r="N148117" s="10"/>
    </row>
    <row r="148118" spans="14:14">
      <c r="N148118" s="10"/>
    </row>
    <row r="148119" spans="14:14">
      <c r="N148119" s="10"/>
    </row>
    <row r="148120" spans="14:14">
      <c r="N148120" s="10"/>
    </row>
    <row r="148121" spans="14:14">
      <c r="N148121" s="10"/>
    </row>
    <row r="148122" spans="14:14">
      <c r="N148122" s="10"/>
    </row>
    <row r="148123" spans="14:14">
      <c r="N148123" s="10"/>
    </row>
    <row r="148124" spans="14:14">
      <c r="N148124" s="10"/>
    </row>
    <row r="148125" spans="14:14">
      <c r="N148125" s="10"/>
    </row>
    <row r="148126" spans="14:14">
      <c r="N148126" s="10"/>
    </row>
    <row r="148127" spans="14:14">
      <c r="N148127" s="10"/>
    </row>
    <row r="148128" spans="14:14">
      <c r="N148128" s="10"/>
    </row>
    <row r="148129" spans="14:14">
      <c r="N148129" s="10"/>
    </row>
    <row r="148130" spans="14:14">
      <c r="N148130" s="10"/>
    </row>
    <row r="148131" spans="14:14">
      <c r="N148131" s="10"/>
    </row>
    <row r="148132" spans="14:14">
      <c r="N148132" s="10"/>
    </row>
    <row r="148133" spans="14:14">
      <c r="N148133" s="10"/>
    </row>
    <row r="148134" spans="14:14">
      <c r="N148134" s="10"/>
    </row>
    <row r="148135" spans="14:14">
      <c r="N148135" s="10"/>
    </row>
    <row r="148136" spans="14:14">
      <c r="N148136" s="10"/>
    </row>
    <row r="148137" spans="14:14">
      <c r="N148137" s="10"/>
    </row>
    <row r="148138" spans="14:14">
      <c r="N148138" s="10"/>
    </row>
    <row r="148139" spans="14:14">
      <c r="N148139" s="10"/>
    </row>
    <row r="148140" spans="14:14">
      <c r="N148140" s="10"/>
    </row>
    <row r="148141" spans="14:14">
      <c r="N148141" s="10"/>
    </row>
    <row r="148142" spans="14:14">
      <c r="N148142" s="10"/>
    </row>
    <row r="148143" spans="14:14">
      <c r="N148143" s="10"/>
    </row>
    <row r="148144" spans="14:14">
      <c r="N148144" s="10"/>
    </row>
    <row r="148145" spans="14:14">
      <c r="N148145" s="10"/>
    </row>
    <row r="148146" spans="14:14">
      <c r="N148146" s="10"/>
    </row>
    <row r="148147" spans="14:14">
      <c r="N148147" s="10"/>
    </row>
    <row r="148148" spans="14:14">
      <c r="N148148" s="10"/>
    </row>
    <row r="148149" spans="14:14">
      <c r="N148149" s="10"/>
    </row>
    <row r="148150" spans="14:14">
      <c r="N148150" s="10"/>
    </row>
    <row r="148151" spans="14:14">
      <c r="N148151" s="10"/>
    </row>
    <row r="148152" spans="14:14">
      <c r="N148152" s="10"/>
    </row>
    <row r="148153" spans="14:14">
      <c r="N148153" s="10"/>
    </row>
    <row r="148154" spans="14:14">
      <c r="N148154" s="10"/>
    </row>
    <row r="148155" spans="14:14">
      <c r="N148155" s="10"/>
    </row>
    <row r="148156" spans="14:14">
      <c r="N148156" s="10"/>
    </row>
    <row r="148157" spans="14:14">
      <c r="N148157" s="10"/>
    </row>
    <row r="148158" spans="14:14">
      <c r="N148158" s="10"/>
    </row>
    <row r="148159" spans="14:14">
      <c r="N148159" s="10"/>
    </row>
    <row r="148160" spans="14:14">
      <c r="N148160" s="10"/>
    </row>
    <row r="148161" spans="14:14">
      <c r="N148161" s="10"/>
    </row>
    <row r="148162" spans="14:14">
      <c r="N148162" s="10"/>
    </row>
    <row r="148163" spans="14:14">
      <c r="N148163" s="10"/>
    </row>
    <row r="148164" spans="14:14">
      <c r="N148164" s="10"/>
    </row>
    <row r="148165" spans="14:14">
      <c r="N148165" s="10"/>
    </row>
    <row r="148166" spans="14:14">
      <c r="N148166" s="10"/>
    </row>
    <row r="148167" spans="14:14">
      <c r="N148167" s="10"/>
    </row>
    <row r="148168" spans="14:14">
      <c r="N148168" s="10"/>
    </row>
    <row r="148169" spans="14:14">
      <c r="N148169" s="10"/>
    </row>
    <row r="148170" spans="14:14">
      <c r="N148170" s="10"/>
    </row>
    <row r="148171" spans="14:14">
      <c r="N148171" s="10"/>
    </row>
    <row r="148172" spans="14:14">
      <c r="N148172" s="10"/>
    </row>
    <row r="148173" spans="14:14">
      <c r="N148173" s="10"/>
    </row>
    <row r="148174" spans="14:14">
      <c r="N148174" s="10"/>
    </row>
    <row r="148175" spans="14:14">
      <c r="N148175" s="10"/>
    </row>
    <row r="148176" spans="14:14">
      <c r="N148176" s="10"/>
    </row>
    <row r="148177" spans="14:14">
      <c r="N148177" s="10"/>
    </row>
    <row r="148178" spans="14:14">
      <c r="N148178" s="10"/>
    </row>
    <row r="148179" spans="14:14">
      <c r="N148179" s="10"/>
    </row>
    <row r="148180" spans="14:14">
      <c r="N148180" s="10"/>
    </row>
    <row r="148181" spans="14:14">
      <c r="N148181" s="10"/>
    </row>
    <row r="148182" spans="14:14">
      <c r="N148182" s="10"/>
    </row>
    <row r="148183" spans="14:14">
      <c r="N148183" s="10"/>
    </row>
    <row r="148184" spans="14:14">
      <c r="N148184" s="10"/>
    </row>
    <row r="148185" spans="14:14">
      <c r="N148185" s="10"/>
    </row>
    <row r="148186" spans="14:14">
      <c r="N148186" s="10"/>
    </row>
    <row r="148187" spans="14:14">
      <c r="N148187" s="10"/>
    </row>
    <row r="148188" spans="14:14">
      <c r="N148188" s="10"/>
    </row>
    <row r="148189" spans="14:14">
      <c r="N148189" s="10"/>
    </row>
    <row r="148190" spans="14:14">
      <c r="N148190" s="10"/>
    </row>
    <row r="148191" spans="14:14">
      <c r="N148191" s="10"/>
    </row>
    <row r="148192" spans="14:14">
      <c r="N148192" s="10"/>
    </row>
    <row r="148193" spans="14:14">
      <c r="N148193" s="10"/>
    </row>
    <row r="148194" spans="14:14">
      <c r="N148194" s="10"/>
    </row>
    <row r="148195" spans="14:14">
      <c r="N148195" s="10"/>
    </row>
    <row r="148196" spans="14:14">
      <c r="N148196" s="10"/>
    </row>
    <row r="148197" spans="14:14">
      <c r="N148197" s="10"/>
    </row>
    <row r="148198" spans="14:14">
      <c r="N148198" s="10"/>
    </row>
    <row r="148199" spans="14:14">
      <c r="N148199" s="10"/>
    </row>
    <row r="148200" spans="14:14">
      <c r="N148200" s="10"/>
    </row>
    <row r="148201" spans="14:14">
      <c r="N148201" s="10"/>
    </row>
    <row r="148202" spans="14:14">
      <c r="N148202" s="10"/>
    </row>
    <row r="148203" spans="14:14">
      <c r="N148203" s="10"/>
    </row>
    <row r="148204" spans="14:14">
      <c r="N148204" s="10"/>
    </row>
    <row r="148205" spans="14:14">
      <c r="N148205" s="10"/>
    </row>
    <row r="148206" spans="14:14">
      <c r="N148206" s="10"/>
    </row>
    <row r="148207" spans="14:14">
      <c r="N148207" s="10"/>
    </row>
    <row r="148208" spans="14:14">
      <c r="N148208" s="10"/>
    </row>
    <row r="148209" spans="14:14">
      <c r="N148209" s="10"/>
    </row>
    <row r="148210" spans="14:14">
      <c r="N148210" s="10"/>
    </row>
    <row r="148211" spans="14:14">
      <c r="N148211" s="10"/>
    </row>
    <row r="148212" spans="14:14">
      <c r="N148212" s="10"/>
    </row>
    <row r="148213" spans="14:14">
      <c r="N148213" s="10"/>
    </row>
    <row r="148214" spans="14:14">
      <c r="N148214" s="10"/>
    </row>
    <row r="148215" spans="14:14">
      <c r="N148215" s="10"/>
    </row>
    <row r="148216" spans="14:14">
      <c r="N148216" s="10"/>
    </row>
    <row r="148217" spans="14:14">
      <c r="N148217" s="10"/>
    </row>
    <row r="148218" spans="14:14">
      <c r="N148218" s="10"/>
    </row>
    <row r="148219" spans="14:14">
      <c r="N148219" s="10"/>
    </row>
    <row r="148220" spans="14:14">
      <c r="N148220" s="10"/>
    </row>
    <row r="148221" spans="14:14">
      <c r="N148221" s="10"/>
    </row>
    <row r="148222" spans="14:14">
      <c r="N148222" s="10"/>
    </row>
    <row r="148223" spans="14:14">
      <c r="N148223" s="10"/>
    </row>
    <row r="148224" spans="14:14">
      <c r="N148224" s="10"/>
    </row>
    <row r="148225" spans="14:14">
      <c r="N148225" s="10"/>
    </row>
    <row r="148226" spans="14:14">
      <c r="N148226" s="10"/>
    </row>
    <row r="148227" spans="14:14">
      <c r="N148227" s="10"/>
    </row>
    <row r="148228" spans="14:14">
      <c r="N148228" s="10"/>
    </row>
    <row r="148229" spans="14:14">
      <c r="N148229" s="10"/>
    </row>
    <row r="148230" spans="14:14">
      <c r="N148230" s="10"/>
    </row>
    <row r="148231" spans="14:14">
      <c r="N148231" s="10"/>
    </row>
    <row r="148232" spans="14:14">
      <c r="N148232" s="10"/>
    </row>
    <row r="148233" spans="14:14">
      <c r="N148233" s="10"/>
    </row>
    <row r="148234" spans="14:14">
      <c r="N148234" s="10"/>
    </row>
    <row r="148235" spans="14:14">
      <c r="N148235" s="10"/>
    </row>
    <row r="148236" spans="14:14">
      <c r="N148236" s="10"/>
    </row>
    <row r="148237" spans="14:14">
      <c r="N148237" s="10"/>
    </row>
    <row r="148238" spans="14:14">
      <c r="N148238" s="10"/>
    </row>
    <row r="148239" spans="14:14">
      <c r="N148239" s="10"/>
    </row>
    <row r="148240" spans="14:14">
      <c r="N148240" s="10"/>
    </row>
    <row r="148241" spans="14:14">
      <c r="N148241" s="10"/>
    </row>
    <row r="148242" spans="14:14">
      <c r="N148242" s="10"/>
    </row>
    <row r="148243" spans="14:14">
      <c r="N148243" s="10"/>
    </row>
    <row r="148244" spans="14:14">
      <c r="N148244" s="10"/>
    </row>
    <row r="148245" spans="14:14">
      <c r="N148245" s="10"/>
    </row>
    <row r="148246" spans="14:14">
      <c r="N148246" s="10"/>
    </row>
    <row r="148247" spans="14:14">
      <c r="N148247" s="10"/>
    </row>
    <row r="148248" spans="14:14">
      <c r="N148248" s="10"/>
    </row>
    <row r="148249" spans="14:14">
      <c r="N148249" s="10"/>
    </row>
    <row r="148250" spans="14:14">
      <c r="N148250" s="10"/>
    </row>
    <row r="148251" spans="14:14">
      <c r="N148251" s="10"/>
    </row>
    <row r="148252" spans="14:14">
      <c r="N148252" s="10"/>
    </row>
    <row r="148253" spans="14:14">
      <c r="N148253" s="10"/>
    </row>
    <row r="148254" spans="14:14">
      <c r="N148254" s="10"/>
    </row>
    <row r="148255" spans="14:14">
      <c r="N148255" s="10"/>
    </row>
    <row r="148256" spans="14:14">
      <c r="N148256" s="10"/>
    </row>
    <row r="148257" spans="14:14">
      <c r="N148257" s="10"/>
    </row>
    <row r="148258" spans="14:14">
      <c r="N148258" s="10"/>
    </row>
    <row r="148259" spans="14:14">
      <c r="N148259" s="10"/>
    </row>
    <row r="148260" spans="14:14">
      <c r="N148260" s="10"/>
    </row>
    <row r="148261" spans="14:14">
      <c r="N148261" s="10"/>
    </row>
    <row r="148262" spans="14:14">
      <c r="N148262" s="10"/>
    </row>
    <row r="148263" spans="14:14">
      <c r="N148263" s="10"/>
    </row>
    <row r="148264" spans="14:14">
      <c r="N148264" s="10"/>
    </row>
    <row r="148265" spans="14:14">
      <c r="N148265" s="10"/>
    </row>
    <row r="148266" spans="14:14">
      <c r="N148266" s="10"/>
    </row>
    <row r="148267" spans="14:14">
      <c r="N148267" s="10"/>
    </row>
    <row r="148268" spans="14:14">
      <c r="N148268" s="10"/>
    </row>
    <row r="148269" spans="14:14">
      <c r="N148269" s="10"/>
    </row>
    <row r="148270" spans="14:14">
      <c r="N148270" s="10"/>
    </row>
    <row r="148271" spans="14:14">
      <c r="N148271" s="10"/>
    </row>
    <row r="148272" spans="14:14">
      <c r="N148272" s="10"/>
    </row>
    <row r="148273" spans="14:14">
      <c r="N148273" s="10"/>
    </row>
    <row r="148274" spans="14:14">
      <c r="N148274" s="10"/>
    </row>
    <row r="148275" spans="14:14">
      <c r="N148275" s="10"/>
    </row>
    <row r="148276" spans="14:14">
      <c r="N148276" s="10"/>
    </row>
    <row r="148277" spans="14:14">
      <c r="N148277" s="10"/>
    </row>
    <row r="148278" spans="14:14">
      <c r="N148278" s="10"/>
    </row>
    <row r="148279" spans="14:14">
      <c r="N148279" s="10"/>
    </row>
    <row r="148280" spans="14:14">
      <c r="N148280" s="10"/>
    </row>
    <row r="148281" spans="14:14">
      <c r="N148281" s="10"/>
    </row>
    <row r="148282" spans="14:14">
      <c r="N148282" s="10"/>
    </row>
    <row r="148283" spans="14:14">
      <c r="N148283" s="10"/>
    </row>
    <row r="148284" spans="14:14">
      <c r="N148284" s="10"/>
    </row>
    <row r="148285" spans="14:14">
      <c r="N148285" s="10"/>
    </row>
    <row r="148286" spans="14:14">
      <c r="N148286" s="10"/>
    </row>
    <row r="148287" spans="14:14">
      <c r="N148287" s="10"/>
    </row>
    <row r="148288" spans="14:14">
      <c r="N148288" s="10"/>
    </row>
    <row r="148289" spans="14:14">
      <c r="N148289" s="10"/>
    </row>
    <row r="148290" spans="14:14">
      <c r="N148290" s="10"/>
    </row>
    <row r="148291" spans="14:14">
      <c r="N148291" s="10"/>
    </row>
    <row r="148292" spans="14:14">
      <c r="N148292" s="10"/>
    </row>
    <row r="148293" spans="14:14">
      <c r="N148293" s="10"/>
    </row>
    <row r="148294" spans="14:14">
      <c r="N148294" s="10"/>
    </row>
    <row r="148295" spans="14:14">
      <c r="N148295" s="10"/>
    </row>
    <row r="148296" spans="14:14">
      <c r="N148296" s="10"/>
    </row>
    <row r="148297" spans="14:14">
      <c r="N148297" s="10"/>
    </row>
    <row r="148298" spans="14:14">
      <c r="N148298" s="10"/>
    </row>
    <row r="148299" spans="14:14">
      <c r="N148299" s="10"/>
    </row>
    <row r="148300" spans="14:14">
      <c r="N148300" s="10"/>
    </row>
    <row r="148301" spans="14:14">
      <c r="N148301" s="10"/>
    </row>
    <row r="148302" spans="14:14">
      <c r="N148302" s="10"/>
    </row>
    <row r="148303" spans="14:14">
      <c r="N148303" s="10"/>
    </row>
    <row r="148304" spans="14:14">
      <c r="N148304" s="10"/>
    </row>
    <row r="148305" spans="14:14">
      <c r="N148305" s="10"/>
    </row>
    <row r="148306" spans="14:14">
      <c r="N148306" s="10"/>
    </row>
    <row r="148307" spans="14:14">
      <c r="N148307" s="10"/>
    </row>
    <row r="148308" spans="14:14">
      <c r="N148308" s="10"/>
    </row>
    <row r="148309" spans="14:14">
      <c r="N148309" s="10"/>
    </row>
    <row r="148310" spans="14:14">
      <c r="N148310" s="10"/>
    </row>
    <row r="148311" spans="14:14">
      <c r="N148311" s="10"/>
    </row>
    <row r="148312" spans="14:14">
      <c r="N148312" s="10"/>
    </row>
    <row r="148313" spans="14:14">
      <c r="N148313" s="10"/>
    </row>
    <row r="148314" spans="14:14">
      <c r="N148314" s="10"/>
    </row>
    <row r="148315" spans="14:14">
      <c r="N148315" s="10"/>
    </row>
    <row r="148316" spans="14:14">
      <c r="N148316" s="10"/>
    </row>
    <row r="148317" spans="14:14">
      <c r="N148317" s="10"/>
    </row>
    <row r="148318" spans="14:14">
      <c r="N148318" s="10"/>
    </row>
    <row r="148319" spans="14:14">
      <c r="N148319" s="10"/>
    </row>
    <row r="148320" spans="14:14">
      <c r="N148320" s="10"/>
    </row>
    <row r="148321" spans="14:14">
      <c r="N148321" s="10"/>
    </row>
    <row r="148322" spans="14:14">
      <c r="N148322" s="10"/>
    </row>
    <row r="148323" spans="14:14">
      <c r="N148323" s="10"/>
    </row>
    <row r="148324" spans="14:14">
      <c r="N148324" s="10"/>
    </row>
    <row r="148325" spans="14:14">
      <c r="N148325" s="10"/>
    </row>
    <row r="148326" spans="14:14">
      <c r="N148326" s="10"/>
    </row>
    <row r="148327" spans="14:14">
      <c r="N148327" s="10"/>
    </row>
    <row r="148328" spans="14:14">
      <c r="N148328" s="10"/>
    </row>
    <row r="148329" spans="14:14">
      <c r="N148329" s="10"/>
    </row>
    <row r="148330" spans="14:14">
      <c r="N148330" s="10"/>
    </row>
    <row r="148331" spans="14:14">
      <c r="N148331" s="10"/>
    </row>
    <row r="148332" spans="14:14">
      <c r="N148332" s="10"/>
    </row>
    <row r="148333" spans="14:14">
      <c r="N148333" s="10"/>
    </row>
    <row r="148334" spans="14:14">
      <c r="N148334" s="10"/>
    </row>
    <row r="148335" spans="14:14">
      <c r="N148335" s="10"/>
    </row>
    <row r="148336" spans="14:14">
      <c r="N148336" s="10"/>
    </row>
    <row r="148337" spans="14:14">
      <c r="N148337" s="10"/>
    </row>
    <row r="148338" spans="14:14">
      <c r="N148338" s="10"/>
    </row>
    <row r="148339" spans="14:14">
      <c r="N148339" s="10"/>
    </row>
    <row r="148340" spans="14:14">
      <c r="N148340" s="10"/>
    </row>
    <row r="148341" spans="14:14">
      <c r="N148341" s="10"/>
    </row>
    <row r="148342" spans="14:14">
      <c r="N148342" s="10"/>
    </row>
    <row r="148343" spans="14:14">
      <c r="N148343" s="10"/>
    </row>
    <row r="148344" spans="14:14">
      <c r="N148344" s="10"/>
    </row>
    <row r="148345" spans="14:14">
      <c r="N148345" s="10"/>
    </row>
    <row r="148346" spans="14:14">
      <c r="N148346" s="10"/>
    </row>
    <row r="148347" spans="14:14">
      <c r="N148347" s="10"/>
    </row>
    <row r="148348" spans="14:14">
      <c r="N148348" s="10"/>
    </row>
    <row r="148349" spans="14:14">
      <c r="N148349" s="10"/>
    </row>
    <row r="148350" spans="14:14">
      <c r="N148350" s="10"/>
    </row>
    <row r="148351" spans="14:14">
      <c r="N148351" s="10"/>
    </row>
    <row r="148352" spans="14:14">
      <c r="N148352" s="10"/>
    </row>
    <row r="148353" spans="14:14">
      <c r="N148353" s="10"/>
    </row>
    <row r="148354" spans="14:14">
      <c r="N148354" s="10"/>
    </row>
    <row r="148355" spans="14:14">
      <c r="N148355" s="10"/>
    </row>
    <row r="148356" spans="14:14">
      <c r="N148356" s="10"/>
    </row>
    <row r="148357" spans="14:14">
      <c r="N148357" s="10"/>
    </row>
    <row r="148358" spans="14:14">
      <c r="N148358" s="10"/>
    </row>
    <row r="148359" spans="14:14">
      <c r="N148359" s="10"/>
    </row>
    <row r="148360" spans="14:14">
      <c r="N148360" s="10"/>
    </row>
    <row r="148361" spans="14:14">
      <c r="N148361" s="10"/>
    </row>
    <row r="148362" spans="14:14">
      <c r="N148362" s="10"/>
    </row>
    <row r="148363" spans="14:14">
      <c r="N148363" s="10"/>
    </row>
    <row r="148364" spans="14:14">
      <c r="N148364" s="10"/>
    </row>
    <row r="148365" spans="14:14">
      <c r="N148365" s="10"/>
    </row>
    <row r="148366" spans="14:14">
      <c r="N148366" s="10"/>
    </row>
    <row r="148367" spans="14:14">
      <c r="N148367" s="10"/>
    </row>
    <row r="148368" spans="14:14">
      <c r="N148368" s="10"/>
    </row>
    <row r="148369" spans="14:14">
      <c r="N148369" s="10"/>
    </row>
    <row r="148370" spans="14:14">
      <c r="N148370" s="10"/>
    </row>
    <row r="148371" spans="14:14">
      <c r="N148371" s="10"/>
    </row>
    <row r="148372" spans="14:14">
      <c r="N148372" s="10"/>
    </row>
    <row r="148373" spans="14:14">
      <c r="N148373" s="10"/>
    </row>
    <row r="148374" spans="14:14">
      <c r="N148374" s="10"/>
    </row>
    <row r="148375" spans="14:14">
      <c r="N148375" s="10"/>
    </row>
    <row r="148376" spans="14:14">
      <c r="N148376" s="10"/>
    </row>
    <row r="148377" spans="14:14">
      <c r="N148377" s="10"/>
    </row>
    <row r="148378" spans="14:14">
      <c r="N148378" s="10"/>
    </row>
    <row r="148379" spans="14:14">
      <c r="N148379" s="10"/>
    </row>
    <row r="148380" spans="14:14">
      <c r="N148380" s="10"/>
    </row>
    <row r="148381" spans="14:14">
      <c r="N148381" s="10"/>
    </row>
    <row r="148382" spans="14:14">
      <c r="N148382" s="10"/>
    </row>
    <row r="148383" spans="14:14">
      <c r="N148383" s="10"/>
    </row>
    <row r="148384" spans="14:14">
      <c r="N148384" s="10"/>
    </row>
    <row r="148385" spans="14:14">
      <c r="N148385" s="10"/>
    </row>
    <row r="148386" spans="14:14">
      <c r="N148386" s="10"/>
    </row>
    <row r="148387" spans="14:14">
      <c r="N148387" s="10"/>
    </row>
    <row r="148388" spans="14:14">
      <c r="N148388" s="10"/>
    </row>
    <row r="148389" spans="14:14">
      <c r="N148389" s="10"/>
    </row>
    <row r="148390" spans="14:14">
      <c r="N148390" s="10"/>
    </row>
    <row r="148391" spans="14:14">
      <c r="N148391" s="10"/>
    </row>
    <row r="148392" spans="14:14">
      <c r="N148392" s="10"/>
    </row>
    <row r="148393" spans="14:14">
      <c r="N148393" s="10"/>
    </row>
    <row r="148394" spans="14:14">
      <c r="N148394" s="10"/>
    </row>
    <row r="148395" spans="14:14">
      <c r="N148395" s="10"/>
    </row>
    <row r="148396" spans="14:14">
      <c r="N148396" s="10"/>
    </row>
    <row r="148397" spans="14:14">
      <c r="N148397" s="10"/>
    </row>
    <row r="148398" spans="14:14">
      <c r="N148398" s="10"/>
    </row>
    <row r="148399" spans="14:14">
      <c r="N148399" s="10"/>
    </row>
    <row r="148400" spans="14:14">
      <c r="N148400" s="10"/>
    </row>
    <row r="148401" spans="14:14">
      <c r="N148401" s="10"/>
    </row>
    <row r="148402" spans="14:14">
      <c r="N148402" s="10"/>
    </row>
    <row r="148403" spans="14:14">
      <c r="N148403" s="10"/>
    </row>
    <row r="148404" spans="14:14">
      <c r="N148404" s="10"/>
    </row>
    <row r="148405" spans="14:14">
      <c r="N148405" s="10"/>
    </row>
    <row r="148406" spans="14:14">
      <c r="N148406" s="10"/>
    </row>
    <row r="148407" spans="14:14">
      <c r="N148407" s="10"/>
    </row>
    <row r="148408" spans="14:14">
      <c r="N148408" s="10"/>
    </row>
    <row r="148409" spans="14:14">
      <c r="N148409" s="10"/>
    </row>
    <row r="148410" spans="14:14">
      <c r="N148410" s="10"/>
    </row>
    <row r="148411" spans="14:14">
      <c r="N148411" s="10"/>
    </row>
    <row r="148412" spans="14:14">
      <c r="N148412" s="10"/>
    </row>
    <row r="148413" spans="14:14">
      <c r="N148413" s="10"/>
    </row>
    <row r="148414" spans="14:14">
      <c r="N148414" s="10"/>
    </row>
    <row r="148415" spans="14:14">
      <c r="N148415" s="10"/>
    </row>
    <row r="148416" spans="14:14">
      <c r="N148416" s="10"/>
    </row>
    <row r="148417" spans="14:14">
      <c r="N148417" s="10"/>
    </row>
    <row r="148418" spans="14:14">
      <c r="N148418" s="10"/>
    </row>
    <row r="148419" spans="14:14">
      <c r="N148419" s="10"/>
    </row>
    <row r="148420" spans="14:14">
      <c r="N148420" s="10"/>
    </row>
    <row r="148421" spans="14:14">
      <c r="N148421" s="10"/>
    </row>
    <row r="148422" spans="14:14">
      <c r="N148422" s="10"/>
    </row>
    <row r="148423" spans="14:14">
      <c r="N148423" s="10"/>
    </row>
    <row r="148424" spans="14:14">
      <c r="N148424" s="10"/>
    </row>
    <row r="148425" spans="14:14">
      <c r="N148425" s="10"/>
    </row>
    <row r="148426" spans="14:14">
      <c r="N148426" s="10"/>
    </row>
    <row r="148427" spans="14:14">
      <c r="N148427" s="10"/>
    </row>
    <row r="148428" spans="14:14">
      <c r="N148428" s="10"/>
    </row>
    <row r="148429" spans="14:14">
      <c r="N148429" s="10"/>
    </row>
    <row r="148430" spans="14:14">
      <c r="N148430" s="10"/>
    </row>
    <row r="148431" spans="14:14">
      <c r="N148431" s="10"/>
    </row>
    <row r="148432" spans="14:14">
      <c r="N148432" s="10"/>
    </row>
    <row r="148433" spans="14:14">
      <c r="N148433" s="10"/>
    </row>
    <row r="148434" spans="14:14">
      <c r="N148434" s="10"/>
    </row>
    <row r="148435" spans="14:14">
      <c r="N148435" s="10"/>
    </row>
    <row r="148436" spans="14:14">
      <c r="N148436" s="10"/>
    </row>
    <row r="148437" spans="14:14">
      <c r="N148437" s="10"/>
    </row>
    <row r="148438" spans="14:14">
      <c r="N148438" s="10"/>
    </row>
    <row r="148439" spans="14:14">
      <c r="N148439" s="10"/>
    </row>
    <row r="148440" spans="14:14">
      <c r="N148440" s="10"/>
    </row>
    <row r="148441" spans="14:14">
      <c r="N148441" s="10"/>
    </row>
    <row r="148442" spans="14:14">
      <c r="N148442" s="10"/>
    </row>
    <row r="148443" spans="14:14">
      <c r="N148443" s="10"/>
    </row>
    <row r="148444" spans="14:14">
      <c r="N148444" s="10"/>
    </row>
    <row r="148445" spans="14:14">
      <c r="N148445" s="10"/>
    </row>
    <row r="148446" spans="14:14">
      <c r="N148446" s="10"/>
    </row>
    <row r="148447" spans="14:14">
      <c r="N148447" s="10"/>
    </row>
    <row r="148448" spans="14:14">
      <c r="N148448" s="10"/>
    </row>
    <row r="148449" spans="14:14">
      <c r="N148449" s="10"/>
    </row>
    <row r="148450" spans="14:14">
      <c r="N148450" s="10"/>
    </row>
    <row r="148451" spans="14:14">
      <c r="N148451" s="10"/>
    </row>
    <row r="148452" spans="14:14">
      <c r="N148452" s="10"/>
    </row>
    <row r="148453" spans="14:14">
      <c r="N148453" s="10"/>
    </row>
    <row r="148454" spans="14:14">
      <c r="N148454" s="10"/>
    </row>
    <row r="148455" spans="14:14">
      <c r="N148455" s="10"/>
    </row>
    <row r="148456" spans="14:14">
      <c r="N148456" s="10"/>
    </row>
    <row r="148457" spans="14:14">
      <c r="N148457" s="10"/>
    </row>
    <row r="148458" spans="14:14">
      <c r="N148458" s="10"/>
    </row>
    <row r="148459" spans="14:14">
      <c r="N148459" s="10"/>
    </row>
    <row r="148460" spans="14:14">
      <c r="N148460" s="10"/>
    </row>
    <row r="148461" spans="14:14">
      <c r="N148461" s="10"/>
    </row>
    <row r="148462" spans="14:14">
      <c r="N148462" s="10"/>
    </row>
    <row r="148463" spans="14:14">
      <c r="N148463" s="10"/>
    </row>
    <row r="148464" spans="14:14">
      <c r="N148464" s="10"/>
    </row>
    <row r="148465" spans="14:14">
      <c r="N148465" s="10"/>
    </row>
    <row r="148466" spans="14:14">
      <c r="N148466" s="10"/>
    </row>
    <row r="148467" spans="14:14">
      <c r="N148467" s="10"/>
    </row>
    <row r="148468" spans="14:14">
      <c r="N148468" s="10"/>
    </row>
    <row r="148469" spans="14:14">
      <c r="N148469" s="10"/>
    </row>
    <row r="148470" spans="14:14">
      <c r="N148470" s="10"/>
    </row>
    <row r="148471" spans="14:14">
      <c r="N148471" s="10"/>
    </row>
    <row r="148472" spans="14:14">
      <c r="N148472" s="10"/>
    </row>
    <row r="148473" spans="14:14">
      <c r="N148473" s="10"/>
    </row>
    <row r="148474" spans="14:14">
      <c r="N148474" s="10"/>
    </row>
    <row r="148475" spans="14:14">
      <c r="N148475" s="10"/>
    </row>
    <row r="148476" spans="14:14">
      <c r="N148476" s="10"/>
    </row>
    <row r="148477" spans="14:14">
      <c r="N148477" s="10"/>
    </row>
    <row r="148478" spans="14:14">
      <c r="N148478" s="10"/>
    </row>
    <row r="148479" spans="14:14">
      <c r="N148479" s="10"/>
    </row>
    <row r="148480" spans="14:14">
      <c r="N148480" s="10"/>
    </row>
    <row r="148481" spans="14:14">
      <c r="N148481" s="10"/>
    </row>
    <row r="148482" spans="14:14">
      <c r="N148482" s="10"/>
    </row>
    <row r="148483" spans="14:14">
      <c r="N148483" s="10"/>
    </row>
    <row r="148484" spans="14:14">
      <c r="N148484" s="10"/>
    </row>
    <row r="148485" spans="14:14">
      <c r="N148485" s="10"/>
    </row>
    <row r="148486" spans="14:14">
      <c r="N148486" s="10"/>
    </row>
    <row r="148487" spans="14:14">
      <c r="N148487" s="10"/>
    </row>
    <row r="148488" spans="14:14">
      <c r="N148488" s="10"/>
    </row>
    <row r="148489" spans="14:14">
      <c r="N148489" s="10"/>
    </row>
    <row r="148490" spans="14:14">
      <c r="N148490" s="10"/>
    </row>
    <row r="148491" spans="14:14">
      <c r="N148491" s="10"/>
    </row>
    <row r="148492" spans="14:14">
      <c r="N148492" s="10"/>
    </row>
    <row r="148493" spans="14:14">
      <c r="N148493" s="10"/>
    </row>
    <row r="148494" spans="14:14">
      <c r="N148494" s="10"/>
    </row>
    <row r="148495" spans="14:14">
      <c r="N148495" s="10"/>
    </row>
    <row r="148496" spans="14:14">
      <c r="N148496" s="10"/>
    </row>
    <row r="148497" spans="14:14">
      <c r="N148497" s="10"/>
    </row>
    <row r="148498" spans="14:14">
      <c r="N148498" s="10"/>
    </row>
    <row r="148499" spans="14:14">
      <c r="N148499" s="10"/>
    </row>
    <row r="148500" spans="14:14">
      <c r="N148500" s="10"/>
    </row>
    <row r="148501" spans="14:14">
      <c r="N148501" s="10"/>
    </row>
    <row r="148502" spans="14:14">
      <c r="N148502" s="10"/>
    </row>
    <row r="148503" spans="14:14">
      <c r="N148503" s="10"/>
    </row>
    <row r="148504" spans="14:14">
      <c r="N148504" s="10"/>
    </row>
    <row r="148505" spans="14:14">
      <c r="N148505" s="10"/>
    </row>
    <row r="148506" spans="14:14">
      <c r="N148506" s="10"/>
    </row>
    <row r="148507" spans="14:14">
      <c r="N148507" s="10"/>
    </row>
    <row r="148508" spans="14:14">
      <c r="N148508" s="10"/>
    </row>
    <row r="148509" spans="14:14">
      <c r="N148509" s="10"/>
    </row>
    <row r="148510" spans="14:14">
      <c r="N148510" s="10"/>
    </row>
    <row r="148511" spans="14:14">
      <c r="N148511" s="10"/>
    </row>
    <row r="148512" spans="14:14">
      <c r="N148512" s="10"/>
    </row>
    <row r="148513" spans="14:14">
      <c r="N148513" s="10"/>
    </row>
    <row r="148514" spans="14:14">
      <c r="N148514" s="10"/>
    </row>
    <row r="148515" spans="14:14">
      <c r="N148515" s="10"/>
    </row>
    <row r="148516" spans="14:14">
      <c r="N148516" s="10"/>
    </row>
    <row r="148517" spans="14:14">
      <c r="N148517" s="10"/>
    </row>
    <row r="148518" spans="14:14">
      <c r="N148518" s="10"/>
    </row>
    <row r="148519" spans="14:14">
      <c r="N148519" s="10"/>
    </row>
    <row r="148520" spans="14:14">
      <c r="N148520" s="10"/>
    </row>
    <row r="148521" spans="14:14">
      <c r="N148521" s="10"/>
    </row>
    <row r="148522" spans="14:14">
      <c r="N148522" s="10"/>
    </row>
    <row r="148523" spans="14:14">
      <c r="N148523" s="10"/>
    </row>
    <row r="148524" spans="14:14">
      <c r="N148524" s="10"/>
    </row>
    <row r="148525" spans="14:14">
      <c r="N148525" s="10"/>
    </row>
    <row r="148526" spans="14:14">
      <c r="N148526" s="10"/>
    </row>
    <row r="148527" spans="14:14">
      <c r="N148527" s="10"/>
    </row>
    <row r="148528" spans="14:14">
      <c r="N148528" s="10"/>
    </row>
    <row r="148529" spans="14:14">
      <c r="N148529" s="10"/>
    </row>
    <row r="148530" spans="14:14">
      <c r="N148530" s="10"/>
    </row>
    <row r="148531" spans="14:14">
      <c r="N148531" s="10"/>
    </row>
    <row r="148532" spans="14:14">
      <c r="N148532" s="10"/>
    </row>
    <row r="148533" spans="14:14">
      <c r="N148533" s="10"/>
    </row>
    <row r="148534" spans="14:14">
      <c r="N148534" s="10"/>
    </row>
    <row r="148535" spans="14:14">
      <c r="N148535" s="10"/>
    </row>
    <row r="148536" spans="14:14">
      <c r="N148536" s="10"/>
    </row>
    <row r="148537" spans="14:14">
      <c r="N148537" s="10"/>
    </row>
    <row r="148538" spans="14:14">
      <c r="N148538" s="10"/>
    </row>
    <row r="148539" spans="14:14">
      <c r="N148539" s="10"/>
    </row>
    <row r="148540" spans="14:14">
      <c r="N148540" s="10"/>
    </row>
    <row r="148541" spans="14:14">
      <c r="N148541" s="10"/>
    </row>
    <row r="148542" spans="14:14">
      <c r="N148542" s="10"/>
    </row>
    <row r="148543" spans="14:14">
      <c r="N148543" s="10"/>
    </row>
    <row r="148544" spans="14:14">
      <c r="N148544" s="10"/>
    </row>
    <row r="148545" spans="14:14">
      <c r="N148545" s="10"/>
    </row>
    <row r="148546" spans="14:14">
      <c r="N148546" s="10"/>
    </row>
    <row r="148547" spans="14:14">
      <c r="N148547" s="10"/>
    </row>
    <row r="148548" spans="14:14">
      <c r="N148548" s="10"/>
    </row>
    <row r="148549" spans="14:14">
      <c r="N148549" s="10"/>
    </row>
    <row r="148550" spans="14:14">
      <c r="N148550" s="10"/>
    </row>
    <row r="148551" spans="14:14">
      <c r="N148551" s="10"/>
    </row>
    <row r="148552" spans="14:14">
      <c r="N148552" s="10"/>
    </row>
    <row r="148553" spans="14:14">
      <c r="N148553" s="10"/>
    </row>
    <row r="148554" spans="14:14">
      <c r="N148554" s="10"/>
    </row>
    <row r="148555" spans="14:14">
      <c r="N148555" s="10"/>
    </row>
    <row r="148556" spans="14:14">
      <c r="N148556" s="10"/>
    </row>
    <row r="148557" spans="14:14">
      <c r="N148557" s="10"/>
    </row>
    <row r="148558" spans="14:14">
      <c r="N148558" s="10"/>
    </row>
    <row r="148559" spans="14:14">
      <c r="N148559" s="10"/>
    </row>
    <row r="148560" spans="14:14">
      <c r="N148560" s="10"/>
    </row>
    <row r="148561" spans="14:14">
      <c r="N148561" s="10"/>
    </row>
    <row r="148562" spans="14:14">
      <c r="N148562" s="10"/>
    </row>
    <row r="148563" spans="14:14">
      <c r="N148563" s="10"/>
    </row>
    <row r="148564" spans="14:14">
      <c r="N148564" s="10"/>
    </row>
    <row r="148565" spans="14:14">
      <c r="N148565" s="10"/>
    </row>
    <row r="148566" spans="14:14">
      <c r="N148566" s="10"/>
    </row>
    <row r="148567" spans="14:14">
      <c r="N148567" s="10"/>
    </row>
    <row r="148568" spans="14:14">
      <c r="N148568" s="10"/>
    </row>
    <row r="148569" spans="14:14">
      <c r="N148569" s="10"/>
    </row>
    <row r="148570" spans="14:14">
      <c r="N148570" s="10"/>
    </row>
    <row r="148571" spans="14:14">
      <c r="N148571" s="10"/>
    </row>
    <row r="148572" spans="14:14">
      <c r="N148572" s="10"/>
    </row>
    <row r="148573" spans="14:14">
      <c r="N148573" s="10"/>
    </row>
    <row r="148574" spans="14:14">
      <c r="N148574" s="10"/>
    </row>
    <row r="148575" spans="14:14">
      <c r="N148575" s="10"/>
    </row>
    <row r="148576" spans="14:14">
      <c r="N148576" s="10"/>
    </row>
    <row r="148577" spans="14:14">
      <c r="N148577" s="10"/>
    </row>
    <row r="148578" spans="14:14">
      <c r="N148578" s="10"/>
    </row>
    <row r="148579" spans="14:14">
      <c r="N148579" s="10"/>
    </row>
    <row r="148580" spans="14:14">
      <c r="N148580" s="10"/>
    </row>
    <row r="148581" spans="14:14">
      <c r="N148581" s="10"/>
    </row>
    <row r="148582" spans="14:14">
      <c r="N148582" s="10"/>
    </row>
    <row r="148583" spans="14:14">
      <c r="N148583" s="10"/>
    </row>
    <row r="148584" spans="14:14">
      <c r="N148584" s="10"/>
    </row>
    <row r="148585" spans="14:14">
      <c r="N148585" s="10"/>
    </row>
    <row r="148586" spans="14:14">
      <c r="N148586" s="10"/>
    </row>
    <row r="148587" spans="14:14">
      <c r="N148587" s="10"/>
    </row>
    <row r="148588" spans="14:14">
      <c r="N148588" s="10"/>
    </row>
    <row r="148589" spans="14:14">
      <c r="N148589" s="10"/>
    </row>
    <row r="148590" spans="14:14">
      <c r="N148590" s="10"/>
    </row>
    <row r="148591" spans="14:14">
      <c r="N148591" s="10"/>
    </row>
    <row r="148592" spans="14:14">
      <c r="N148592" s="10"/>
    </row>
    <row r="148593" spans="14:14">
      <c r="N148593" s="10"/>
    </row>
    <row r="148594" spans="14:14">
      <c r="N148594" s="10"/>
    </row>
    <row r="148595" spans="14:14">
      <c r="N148595" s="10"/>
    </row>
    <row r="148596" spans="14:14">
      <c r="N148596" s="10"/>
    </row>
    <row r="148597" spans="14:14">
      <c r="N148597" s="10"/>
    </row>
    <row r="148598" spans="14:14">
      <c r="N148598" s="10"/>
    </row>
    <row r="148599" spans="14:14">
      <c r="N148599" s="10"/>
    </row>
    <row r="148600" spans="14:14">
      <c r="N148600" s="10"/>
    </row>
    <row r="148601" spans="14:14">
      <c r="N148601" s="10"/>
    </row>
    <row r="148602" spans="14:14">
      <c r="N148602" s="10"/>
    </row>
    <row r="148603" spans="14:14">
      <c r="N148603" s="10"/>
    </row>
    <row r="148604" spans="14:14">
      <c r="N148604" s="10"/>
    </row>
    <row r="148605" spans="14:14">
      <c r="N148605" s="10"/>
    </row>
    <row r="148606" spans="14:14">
      <c r="N148606" s="10"/>
    </row>
    <row r="148607" spans="14:14">
      <c r="N148607" s="10"/>
    </row>
    <row r="148608" spans="14:14">
      <c r="N148608" s="10"/>
    </row>
    <row r="148609" spans="14:14">
      <c r="N148609" s="10"/>
    </row>
    <row r="148610" spans="14:14">
      <c r="N148610" s="10"/>
    </row>
    <row r="148611" spans="14:14">
      <c r="N148611" s="10"/>
    </row>
    <row r="148612" spans="14:14">
      <c r="N148612" s="10"/>
    </row>
    <row r="148613" spans="14:14">
      <c r="N148613" s="10"/>
    </row>
    <row r="148614" spans="14:14">
      <c r="N148614" s="10"/>
    </row>
    <row r="148615" spans="14:14">
      <c r="N148615" s="10"/>
    </row>
    <row r="148616" spans="14:14">
      <c r="N148616" s="10"/>
    </row>
    <row r="148617" spans="14:14">
      <c r="N148617" s="10"/>
    </row>
    <row r="148618" spans="14:14">
      <c r="N148618" s="10"/>
    </row>
    <row r="148619" spans="14:14">
      <c r="N148619" s="10"/>
    </row>
    <row r="148620" spans="14:14">
      <c r="N148620" s="10"/>
    </row>
    <row r="148621" spans="14:14">
      <c r="N148621" s="10"/>
    </row>
    <row r="148622" spans="14:14">
      <c r="N148622" s="10"/>
    </row>
    <row r="148623" spans="14:14">
      <c r="N148623" s="10"/>
    </row>
    <row r="148624" spans="14:14">
      <c r="N148624" s="10"/>
    </row>
    <row r="148625" spans="14:14">
      <c r="N148625" s="10"/>
    </row>
    <row r="148626" spans="14:14">
      <c r="N148626" s="10"/>
    </row>
    <row r="148627" spans="14:14">
      <c r="N148627" s="10"/>
    </row>
    <row r="148628" spans="14:14">
      <c r="N148628" s="10"/>
    </row>
    <row r="148629" spans="14:14">
      <c r="N148629" s="10"/>
    </row>
    <row r="148630" spans="14:14">
      <c r="N148630" s="10"/>
    </row>
    <row r="148631" spans="14:14">
      <c r="N148631" s="10"/>
    </row>
    <row r="148632" spans="14:14">
      <c r="N148632" s="10"/>
    </row>
    <row r="148633" spans="14:14">
      <c r="N148633" s="10"/>
    </row>
    <row r="148634" spans="14:14">
      <c r="N148634" s="10"/>
    </row>
    <row r="148635" spans="14:14">
      <c r="N148635" s="10"/>
    </row>
    <row r="148636" spans="14:14">
      <c r="N148636" s="10"/>
    </row>
    <row r="148637" spans="14:14">
      <c r="N148637" s="10"/>
    </row>
    <row r="148638" spans="14:14">
      <c r="N148638" s="10"/>
    </row>
    <row r="148639" spans="14:14">
      <c r="N148639" s="10"/>
    </row>
    <row r="148640" spans="14:14">
      <c r="N148640" s="10"/>
    </row>
    <row r="148641" spans="14:14">
      <c r="N148641" s="10"/>
    </row>
    <row r="148642" spans="14:14">
      <c r="N148642" s="10"/>
    </row>
    <row r="148643" spans="14:14">
      <c r="N148643" s="10"/>
    </row>
    <row r="148644" spans="14:14">
      <c r="N148644" s="10"/>
    </row>
    <row r="148645" spans="14:14">
      <c r="N148645" s="10"/>
    </row>
    <row r="148646" spans="14:14">
      <c r="N148646" s="10"/>
    </row>
    <row r="148647" spans="14:14">
      <c r="N148647" s="10"/>
    </row>
    <row r="148648" spans="14:14">
      <c r="N148648" s="10"/>
    </row>
    <row r="148649" spans="14:14">
      <c r="N148649" s="10"/>
    </row>
    <row r="148650" spans="14:14">
      <c r="N148650" s="10"/>
    </row>
    <row r="148651" spans="14:14">
      <c r="N148651" s="10"/>
    </row>
    <row r="148652" spans="14:14">
      <c r="N148652" s="10"/>
    </row>
    <row r="148653" spans="14:14">
      <c r="N148653" s="10"/>
    </row>
    <row r="148654" spans="14:14">
      <c r="N148654" s="10"/>
    </row>
    <row r="148655" spans="14:14">
      <c r="N148655" s="10"/>
    </row>
    <row r="148656" spans="14:14">
      <c r="N148656" s="10"/>
    </row>
    <row r="148657" spans="14:14">
      <c r="N148657" s="10"/>
    </row>
    <row r="148658" spans="14:14">
      <c r="N148658" s="10"/>
    </row>
    <row r="148659" spans="14:14">
      <c r="N148659" s="10"/>
    </row>
    <row r="148660" spans="14:14">
      <c r="N148660" s="10"/>
    </row>
    <row r="148661" spans="14:14">
      <c r="N148661" s="10"/>
    </row>
    <row r="148662" spans="14:14">
      <c r="N148662" s="10"/>
    </row>
    <row r="148663" spans="14:14">
      <c r="N148663" s="10"/>
    </row>
    <row r="148664" spans="14:14">
      <c r="N148664" s="10"/>
    </row>
    <row r="148665" spans="14:14">
      <c r="N148665" s="10"/>
    </row>
    <row r="148666" spans="14:14">
      <c r="N148666" s="10"/>
    </row>
    <row r="148667" spans="14:14">
      <c r="N148667" s="10"/>
    </row>
    <row r="148668" spans="14:14">
      <c r="N148668" s="10"/>
    </row>
    <row r="148669" spans="14:14">
      <c r="N148669" s="10"/>
    </row>
    <row r="148670" spans="14:14">
      <c r="N148670" s="10"/>
    </row>
    <row r="148671" spans="14:14">
      <c r="N148671" s="10"/>
    </row>
    <row r="148672" spans="14:14">
      <c r="N148672" s="10"/>
    </row>
    <row r="148673" spans="14:14">
      <c r="N148673" s="10"/>
    </row>
    <row r="148674" spans="14:14">
      <c r="N148674" s="10"/>
    </row>
    <row r="148675" spans="14:14">
      <c r="N148675" s="10"/>
    </row>
    <row r="148676" spans="14:14">
      <c r="N148676" s="10"/>
    </row>
    <row r="148677" spans="14:14">
      <c r="N148677" s="10"/>
    </row>
    <row r="148678" spans="14:14">
      <c r="N148678" s="10"/>
    </row>
    <row r="148679" spans="14:14">
      <c r="N148679" s="10"/>
    </row>
    <row r="148680" spans="14:14">
      <c r="N148680" s="10"/>
    </row>
    <row r="148681" spans="14:14">
      <c r="N148681" s="10"/>
    </row>
    <row r="148682" spans="14:14">
      <c r="N148682" s="10"/>
    </row>
    <row r="148683" spans="14:14">
      <c r="N148683" s="10"/>
    </row>
    <row r="148684" spans="14:14">
      <c r="N148684" s="10"/>
    </row>
    <row r="148685" spans="14:14">
      <c r="N148685" s="10"/>
    </row>
    <row r="148686" spans="14:14">
      <c r="N148686" s="10"/>
    </row>
    <row r="148687" spans="14:14">
      <c r="N148687" s="10"/>
    </row>
    <row r="148688" spans="14:14">
      <c r="N148688" s="10"/>
    </row>
    <row r="148689" spans="14:14">
      <c r="N148689" s="10"/>
    </row>
    <row r="148690" spans="14:14">
      <c r="N148690" s="10"/>
    </row>
    <row r="148691" spans="14:14">
      <c r="N148691" s="10"/>
    </row>
    <row r="148692" spans="14:14">
      <c r="N148692" s="10"/>
    </row>
    <row r="148693" spans="14:14">
      <c r="N148693" s="10"/>
    </row>
    <row r="148694" spans="14:14">
      <c r="N148694" s="10"/>
    </row>
    <row r="148695" spans="14:14">
      <c r="N148695" s="10"/>
    </row>
    <row r="148696" spans="14:14">
      <c r="N148696" s="10"/>
    </row>
    <row r="148697" spans="14:14">
      <c r="N148697" s="10"/>
    </row>
    <row r="148698" spans="14:14">
      <c r="N148698" s="10"/>
    </row>
    <row r="148699" spans="14:14">
      <c r="N148699" s="10"/>
    </row>
    <row r="148700" spans="14:14">
      <c r="N148700" s="10"/>
    </row>
    <row r="148701" spans="14:14">
      <c r="N148701" s="10"/>
    </row>
    <row r="148702" spans="14:14">
      <c r="N148702" s="10"/>
    </row>
    <row r="148703" spans="14:14">
      <c r="N148703" s="10"/>
    </row>
    <row r="148704" spans="14:14">
      <c r="N148704" s="10"/>
    </row>
    <row r="148705" spans="14:14">
      <c r="N148705" s="10"/>
    </row>
    <row r="148706" spans="14:14">
      <c r="N148706" s="10"/>
    </row>
    <row r="148707" spans="14:14">
      <c r="N148707" s="10"/>
    </row>
    <row r="148708" spans="14:14">
      <c r="N148708" s="10"/>
    </row>
    <row r="148709" spans="14:14">
      <c r="N148709" s="10"/>
    </row>
    <row r="148710" spans="14:14">
      <c r="N148710" s="10"/>
    </row>
    <row r="148711" spans="14:14">
      <c r="N148711" s="10"/>
    </row>
    <row r="148712" spans="14:14">
      <c r="N148712" s="10"/>
    </row>
    <row r="148713" spans="14:14">
      <c r="N148713" s="10"/>
    </row>
    <row r="148714" spans="14:14">
      <c r="N148714" s="10"/>
    </row>
    <row r="148715" spans="14:14">
      <c r="N148715" s="10"/>
    </row>
    <row r="148716" spans="14:14">
      <c r="N148716" s="10"/>
    </row>
    <row r="148717" spans="14:14">
      <c r="N148717" s="10"/>
    </row>
    <row r="148718" spans="14:14">
      <c r="N148718" s="10"/>
    </row>
    <row r="148719" spans="14:14">
      <c r="N148719" s="10"/>
    </row>
    <row r="148720" spans="14:14">
      <c r="N148720" s="10"/>
    </row>
    <row r="148721" spans="14:14">
      <c r="N148721" s="10"/>
    </row>
    <row r="148722" spans="14:14">
      <c r="N148722" s="10"/>
    </row>
    <row r="148723" spans="14:14">
      <c r="N148723" s="10"/>
    </row>
    <row r="148724" spans="14:14">
      <c r="N148724" s="10"/>
    </row>
    <row r="148725" spans="14:14">
      <c r="N148725" s="10"/>
    </row>
    <row r="148726" spans="14:14">
      <c r="N148726" s="10"/>
    </row>
    <row r="148727" spans="14:14">
      <c r="N148727" s="10"/>
    </row>
    <row r="148728" spans="14:14">
      <c r="N148728" s="10"/>
    </row>
    <row r="148729" spans="14:14">
      <c r="N148729" s="10"/>
    </row>
    <row r="148730" spans="14:14">
      <c r="N148730" s="10"/>
    </row>
    <row r="148731" spans="14:14">
      <c r="N148731" s="10"/>
    </row>
    <row r="148732" spans="14:14">
      <c r="N148732" s="10"/>
    </row>
    <row r="148733" spans="14:14">
      <c r="N148733" s="10"/>
    </row>
    <row r="148734" spans="14:14">
      <c r="N148734" s="10"/>
    </row>
    <row r="148735" spans="14:14">
      <c r="N148735" s="10"/>
    </row>
    <row r="148736" spans="14:14">
      <c r="N148736" s="10"/>
    </row>
    <row r="148737" spans="14:14">
      <c r="N148737" s="10"/>
    </row>
    <row r="148738" spans="14:14">
      <c r="N148738" s="10"/>
    </row>
    <row r="148739" spans="14:14">
      <c r="N148739" s="10"/>
    </row>
    <row r="148740" spans="14:14">
      <c r="N148740" s="10"/>
    </row>
    <row r="148741" spans="14:14">
      <c r="N148741" s="10"/>
    </row>
    <row r="148742" spans="14:14">
      <c r="N148742" s="10"/>
    </row>
    <row r="148743" spans="14:14">
      <c r="N148743" s="10"/>
    </row>
    <row r="148744" spans="14:14">
      <c r="N148744" s="10"/>
    </row>
    <row r="148745" spans="14:14">
      <c r="N148745" s="10"/>
    </row>
    <row r="148746" spans="14:14">
      <c r="N148746" s="10"/>
    </row>
    <row r="148747" spans="14:14">
      <c r="N148747" s="10"/>
    </row>
    <row r="148748" spans="14:14">
      <c r="N148748" s="10"/>
    </row>
    <row r="148749" spans="14:14">
      <c r="N148749" s="10"/>
    </row>
    <row r="148750" spans="14:14">
      <c r="N148750" s="10"/>
    </row>
    <row r="148751" spans="14:14">
      <c r="N148751" s="10"/>
    </row>
    <row r="148752" spans="14:14">
      <c r="N148752" s="10"/>
    </row>
    <row r="148753" spans="14:14">
      <c r="N148753" s="10"/>
    </row>
    <row r="148754" spans="14:14">
      <c r="N148754" s="10"/>
    </row>
    <row r="148755" spans="14:14">
      <c r="N148755" s="10"/>
    </row>
    <row r="148756" spans="14:14">
      <c r="N148756" s="10"/>
    </row>
    <row r="148757" spans="14:14">
      <c r="N148757" s="10"/>
    </row>
    <row r="148758" spans="14:14">
      <c r="N148758" s="10"/>
    </row>
    <row r="148759" spans="14:14">
      <c r="N148759" s="10"/>
    </row>
    <row r="148760" spans="14:14">
      <c r="N148760" s="10"/>
    </row>
    <row r="148761" spans="14:14">
      <c r="N148761" s="10"/>
    </row>
    <row r="148762" spans="14:14">
      <c r="N148762" s="10"/>
    </row>
    <row r="148763" spans="14:14">
      <c r="N148763" s="10"/>
    </row>
    <row r="148764" spans="14:14">
      <c r="N148764" s="10"/>
    </row>
    <row r="148765" spans="14:14">
      <c r="N148765" s="10"/>
    </row>
    <row r="148766" spans="14:14">
      <c r="N148766" s="10"/>
    </row>
    <row r="148767" spans="14:14">
      <c r="N148767" s="10"/>
    </row>
    <row r="148768" spans="14:14">
      <c r="N148768" s="10"/>
    </row>
    <row r="148769" spans="14:14">
      <c r="N148769" s="10"/>
    </row>
    <row r="148770" spans="14:14">
      <c r="N148770" s="10"/>
    </row>
    <row r="148771" spans="14:14">
      <c r="N148771" s="10"/>
    </row>
    <row r="148772" spans="14:14">
      <c r="N148772" s="10"/>
    </row>
    <row r="148773" spans="14:14">
      <c r="N148773" s="10"/>
    </row>
    <row r="148774" spans="14:14">
      <c r="N148774" s="10"/>
    </row>
    <row r="148775" spans="14:14">
      <c r="N148775" s="10"/>
    </row>
    <row r="148776" spans="14:14">
      <c r="N148776" s="10"/>
    </row>
    <row r="148777" spans="14:14">
      <c r="N148777" s="10"/>
    </row>
    <row r="148778" spans="14:14">
      <c r="N148778" s="10"/>
    </row>
    <row r="148779" spans="14:14">
      <c r="N148779" s="10"/>
    </row>
    <row r="148780" spans="14:14">
      <c r="N148780" s="10"/>
    </row>
    <row r="148781" spans="14:14">
      <c r="N148781" s="10"/>
    </row>
    <row r="148782" spans="14:14">
      <c r="N148782" s="10"/>
    </row>
    <row r="148783" spans="14:14">
      <c r="N148783" s="10"/>
    </row>
    <row r="148784" spans="14:14">
      <c r="N148784" s="10"/>
    </row>
    <row r="148785" spans="14:14">
      <c r="N148785" s="10"/>
    </row>
    <row r="148786" spans="14:14">
      <c r="N148786" s="10"/>
    </row>
    <row r="148787" spans="14:14">
      <c r="N148787" s="10"/>
    </row>
    <row r="148788" spans="14:14">
      <c r="N148788" s="10"/>
    </row>
    <row r="148789" spans="14:14">
      <c r="N148789" s="10"/>
    </row>
    <row r="148790" spans="14:14">
      <c r="N148790" s="10"/>
    </row>
    <row r="148791" spans="14:14">
      <c r="N148791" s="10"/>
    </row>
    <row r="148792" spans="14:14">
      <c r="N148792" s="10"/>
    </row>
    <row r="148793" spans="14:14">
      <c r="N148793" s="10"/>
    </row>
    <row r="148794" spans="14:14">
      <c r="N148794" s="10"/>
    </row>
    <row r="148795" spans="14:14">
      <c r="N148795" s="10"/>
    </row>
    <row r="148796" spans="14:14">
      <c r="N148796" s="10"/>
    </row>
    <row r="148797" spans="14:14">
      <c r="N148797" s="10"/>
    </row>
    <row r="148798" spans="14:14">
      <c r="N148798" s="10"/>
    </row>
    <row r="148799" spans="14:14">
      <c r="N148799" s="10"/>
    </row>
    <row r="148800" spans="14:14">
      <c r="N148800" s="10"/>
    </row>
    <row r="148801" spans="14:14">
      <c r="N148801" s="10"/>
    </row>
    <row r="148802" spans="14:14">
      <c r="N148802" s="10"/>
    </row>
    <row r="148803" spans="14:14">
      <c r="N148803" s="10"/>
    </row>
    <row r="148804" spans="14:14">
      <c r="N148804" s="10"/>
    </row>
    <row r="148805" spans="14:14">
      <c r="N148805" s="10"/>
    </row>
    <row r="148806" spans="14:14">
      <c r="N148806" s="10"/>
    </row>
    <row r="148807" spans="14:14">
      <c r="N148807" s="10"/>
    </row>
    <row r="148808" spans="14:14">
      <c r="N148808" s="10"/>
    </row>
    <row r="148809" spans="14:14">
      <c r="N148809" s="10"/>
    </row>
    <row r="148810" spans="14:14">
      <c r="N148810" s="10"/>
    </row>
    <row r="148811" spans="14:14">
      <c r="N148811" s="10"/>
    </row>
    <row r="148812" spans="14:14">
      <c r="N148812" s="10"/>
    </row>
    <row r="148813" spans="14:14">
      <c r="N148813" s="10"/>
    </row>
    <row r="148814" spans="14:14">
      <c r="N148814" s="10"/>
    </row>
    <row r="148815" spans="14:14">
      <c r="N148815" s="10"/>
    </row>
    <row r="148816" spans="14:14">
      <c r="N148816" s="10"/>
    </row>
    <row r="148817" spans="14:14">
      <c r="N148817" s="10"/>
    </row>
    <row r="148818" spans="14:14">
      <c r="N148818" s="10"/>
    </row>
    <row r="148819" spans="14:14">
      <c r="N148819" s="10"/>
    </row>
    <row r="148820" spans="14:14">
      <c r="N148820" s="10"/>
    </row>
    <row r="148821" spans="14:14">
      <c r="N148821" s="10"/>
    </row>
    <row r="148822" spans="14:14">
      <c r="N148822" s="10"/>
    </row>
    <row r="148823" spans="14:14">
      <c r="N148823" s="10"/>
    </row>
    <row r="148824" spans="14:14">
      <c r="N148824" s="10"/>
    </row>
    <row r="148825" spans="14:14">
      <c r="N148825" s="10"/>
    </row>
    <row r="148826" spans="14:14">
      <c r="N148826" s="10"/>
    </row>
    <row r="148827" spans="14:14">
      <c r="N148827" s="10"/>
    </row>
    <row r="148828" spans="14:14">
      <c r="N148828" s="10"/>
    </row>
    <row r="148829" spans="14:14">
      <c r="N148829" s="10"/>
    </row>
    <row r="148830" spans="14:14">
      <c r="N148830" s="10"/>
    </row>
    <row r="148831" spans="14:14">
      <c r="N148831" s="10"/>
    </row>
    <row r="148832" spans="14:14">
      <c r="N148832" s="10"/>
    </row>
    <row r="148833" spans="14:14">
      <c r="N148833" s="10"/>
    </row>
    <row r="148834" spans="14:14">
      <c r="N148834" s="10"/>
    </row>
    <row r="148835" spans="14:14">
      <c r="N148835" s="10"/>
    </row>
    <row r="148836" spans="14:14">
      <c r="N148836" s="10"/>
    </row>
    <row r="148837" spans="14:14">
      <c r="N148837" s="10"/>
    </row>
    <row r="148838" spans="14:14">
      <c r="N148838" s="10"/>
    </row>
    <row r="148839" spans="14:14">
      <c r="N148839" s="10"/>
    </row>
    <row r="148840" spans="14:14">
      <c r="N148840" s="10"/>
    </row>
    <row r="148841" spans="14:14">
      <c r="N148841" s="10"/>
    </row>
    <row r="148842" spans="14:14">
      <c r="N148842" s="10"/>
    </row>
    <row r="148843" spans="14:14">
      <c r="N148843" s="10"/>
    </row>
    <row r="148844" spans="14:14">
      <c r="N148844" s="10"/>
    </row>
    <row r="148845" spans="14:14">
      <c r="N148845" s="10"/>
    </row>
    <row r="148846" spans="14:14">
      <c r="N148846" s="10"/>
    </row>
    <row r="148847" spans="14:14">
      <c r="N148847" s="10"/>
    </row>
    <row r="148848" spans="14:14">
      <c r="N148848" s="10"/>
    </row>
    <row r="148849" spans="14:14">
      <c r="N148849" s="10"/>
    </row>
    <row r="148850" spans="14:14">
      <c r="N148850" s="10"/>
    </row>
    <row r="148851" spans="14:14">
      <c r="N148851" s="10"/>
    </row>
    <row r="148852" spans="14:14">
      <c r="N148852" s="10"/>
    </row>
    <row r="148853" spans="14:14">
      <c r="N148853" s="10"/>
    </row>
    <row r="148854" spans="14:14">
      <c r="N148854" s="10"/>
    </row>
    <row r="148855" spans="14:14">
      <c r="N148855" s="10"/>
    </row>
    <row r="148856" spans="14:14">
      <c r="N148856" s="10"/>
    </row>
    <row r="148857" spans="14:14">
      <c r="N148857" s="10"/>
    </row>
    <row r="148858" spans="14:14">
      <c r="N148858" s="10"/>
    </row>
    <row r="148859" spans="14:14">
      <c r="N148859" s="10"/>
    </row>
    <row r="148860" spans="14:14">
      <c r="N148860" s="10"/>
    </row>
    <row r="148861" spans="14:14">
      <c r="N148861" s="10"/>
    </row>
    <row r="148862" spans="14:14">
      <c r="N148862" s="10"/>
    </row>
    <row r="148863" spans="14:14">
      <c r="N148863" s="10"/>
    </row>
    <row r="148864" spans="14:14">
      <c r="N148864" s="10"/>
    </row>
    <row r="148865" spans="14:14">
      <c r="N148865" s="10"/>
    </row>
    <row r="148866" spans="14:14">
      <c r="N148866" s="10"/>
    </row>
    <row r="148867" spans="14:14">
      <c r="N148867" s="10"/>
    </row>
    <row r="148868" spans="14:14">
      <c r="N148868" s="10"/>
    </row>
    <row r="148869" spans="14:14">
      <c r="N148869" s="10"/>
    </row>
    <row r="148870" spans="14:14">
      <c r="N148870" s="10"/>
    </row>
    <row r="148871" spans="14:14">
      <c r="N148871" s="10"/>
    </row>
    <row r="148872" spans="14:14">
      <c r="N148872" s="10"/>
    </row>
    <row r="148873" spans="14:14">
      <c r="N148873" s="10"/>
    </row>
    <row r="148874" spans="14:14">
      <c r="N148874" s="10"/>
    </row>
    <row r="148875" spans="14:14">
      <c r="N148875" s="10"/>
    </row>
    <row r="148876" spans="14:14">
      <c r="N148876" s="10"/>
    </row>
    <row r="148877" spans="14:14">
      <c r="N148877" s="10"/>
    </row>
    <row r="148878" spans="14:14">
      <c r="N148878" s="10"/>
    </row>
    <row r="148879" spans="14:14">
      <c r="N148879" s="10"/>
    </row>
    <row r="148880" spans="14:14">
      <c r="N148880" s="10"/>
    </row>
    <row r="148881" spans="14:14">
      <c r="N148881" s="10"/>
    </row>
    <row r="148882" spans="14:14">
      <c r="N148882" s="10"/>
    </row>
    <row r="148883" spans="14:14">
      <c r="N148883" s="10"/>
    </row>
    <row r="148884" spans="14:14">
      <c r="N148884" s="10"/>
    </row>
    <row r="148885" spans="14:14">
      <c r="N148885" s="10"/>
    </row>
    <row r="148886" spans="14:14">
      <c r="N148886" s="10"/>
    </row>
    <row r="148887" spans="14:14">
      <c r="N148887" s="10"/>
    </row>
    <row r="148888" spans="14:14">
      <c r="N148888" s="10"/>
    </row>
    <row r="148889" spans="14:14">
      <c r="N148889" s="10"/>
    </row>
    <row r="148890" spans="14:14">
      <c r="N148890" s="10"/>
    </row>
    <row r="148891" spans="14:14">
      <c r="N148891" s="10"/>
    </row>
    <row r="148892" spans="14:14">
      <c r="N148892" s="10"/>
    </row>
    <row r="148893" spans="14:14">
      <c r="N148893" s="10"/>
    </row>
    <row r="148894" spans="14:14">
      <c r="N148894" s="10"/>
    </row>
    <row r="148895" spans="14:14">
      <c r="N148895" s="10"/>
    </row>
    <row r="148896" spans="14:14">
      <c r="N148896" s="10"/>
    </row>
    <row r="148897" spans="14:14">
      <c r="N148897" s="10"/>
    </row>
    <row r="148898" spans="14:14">
      <c r="N148898" s="10"/>
    </row>
    <row r="148899" spans="14:14">
      <c r="N148899" s="10"/>
    </row>
    <row r="148900" spans="14:14">
      <c r="N148900" s="10"/>
    </row>
    <row r="148901" spans="14:14">
      <c r="N148901" s="10"/>
    </row>
    <row r="148902" spans="14:14">
      <c r="N148902" s="10"/>
    </row>
    <row r="148903" spans="14:14">
      <c r="N148903" s="10"/>
    </row>
    <row r="148904" spans="14:14">
      <c r="N148904" s="10"/>
    </row>
    <row r="148905" spans="14:14">
      <c r="N148905" s="10"/>
    </row>
    <row r="148906" spans="14:14">
      <c r="N148906" s="10"/>
    </row>
    <row r="148907" spans="14:14">
      <c r="N148907" s="10"/>
    </row>
    <row r="148908" spans="14:14">
      <c r="N148908" s="10"/>
    </row>
    <row r="148909" spans="14:14">
      <c r="N148909" s="10"/>
    </row>
    <row r="148910" spans="14:14">
      <c r="N148910" s="10"/>
    </row>
    <row r="148911" spans="14:14">
      <c r="N148911" s="10"/>
    </row>
    <row r="148912" spans="14:14">
      <c r="N148912" s="10"/>
    </row>
    <row r="148913" spans="14:14">
      <c r="N148913" s="10"/>
    </row>
    <row r="148914" spans="14:14">
      <c r="N148914" s="10"/>
    </row>
    <row r="148915" spans="14:14">
      <c r="N148915" s="10"/>
    </row>
    <row r="148916" spans="14:14">
      <c r="N148916" s="10"/>
    </row>
    <row r="148917" spans="14:14">
      <c r="N148917" s="10"/>
    </row>
    <row r="148918" spans="14:14">
      <c r="N148918" s="10"/>
    </row>
    <row r="148919" spans="14:14">
      <c r="N148919" s="10"/>
    </row>
    <row r="148920" spans="14:14">
      <c r="N148920" s="10"/>
    </row>
    <row r="148921" spans="14:14">
      <c r="N148921" s="10"/>
    </row>
    <row r="148922" spans="14:14">
      <c r="N148922" s="10"/>
    </row>
    <row r="148923" spans="14:14">
      <c r="N148923" s="10"/>
    </row>
    <row r="148924" spans="14:14">
      <c r="N148924" s="10"/>
    </row>
    <row r="148925" spans="14:14">
      <c r="N148925" s="10"/>
    </row>
    <row r="148926" spans="14:14">
      <c r="N148926" s="10"/>
    </row>
    <row r="148927" spans="14:14">
      <c r="N148927" s="10"/>
    </row>
    <row r="148928" spans="14:14">
      <c r="N148928" s="10"/>
    </row>
    <row r="148929" spans="14:14">
      <c r="N148929" s="10"/>
    </row>
    <row r="148930" spans="14:14">
      <c r="N148930" s="10"/>
    </row>
    <row r="148931" spans="14:14">
      <c r="N148931" s="10"/>
    </row>
    <row r="148932" spans="14:14">
      <c r="N148932" s="10"/>
    </row>
    <row r="148933" spans="14:14">
      <c r="N148933" s="10"/>
    </row>
    <row r="148934" spans="14:14">
      <c r="N148934" s="10"/>
    </row>
    <row r="148935" spans="14:14">
      <c r="N148935" s="10"/>
    </row>
    <row r="148936" spans="14:14">
      <c r="N148936" s="10"/>
    </row>
    <row r="148937" spans="14:14">
      <c r="N148937" s="10"/>
    </row>
    <row r="148938" spans="14:14">
      <c r="N148938" s="10"/>
    </row>
    <row r="148939" spans="14:14">
      <c r="N148939" s="10"/>
    </row>
    <row r="148940" spans="14:14">
      <c r="N148940" s="10"/>
    </row>
    <row r="148941" spans="14:14">
      <c r="N148941" s="10"/>
    </row>
    <row r="148942" spans="14:14">
      <c r="N148942" s="10"/>
    </row>
    <row r="148943" spans="14:14">
      <c r="N148943" s="10"/>
    </row>
    <row r="148944" spans="14:14">
      <c r="N148944" s="10"/>
    </row>
    <row r="148945" spans="14:14">
      <c r="N148945" s="10"/>
    </row>
    <row r="148946" spans="14:14">
      <c r="N148946" s="10"/>
    </row>
    <row r="148947" spans="14:14">
      <c r="N148947" s="10"/>
    </row>
    <row r="148948" spans="14:14">
      <c r="N148948" s="10"/>
    </row>
    <row r="148949" spans="14:14">
      <c r="N148949" s="10"/>
    </row>
    <row r="148950" spans="14:14">
      <c r="N148950" s="10"/>
    </row>
    <row r="148951" spans="14:14">
      <c r="N148951" s="10"/>
    </row>
    <row r="148952" spans="14:14">
      <c r="N148952" s="10"/>
    </row>
    <row r="148953" spans="14:14">
      <c r="N148953" s="10"/>
    </row>
    <row r="148954" spans="14:14">
      <c r="N148954" s="10"/>
    </row>
    <row r="148955" spans="14:14">
      <c r="N148955" s="10"/>
    </row>
    <row r="148956" spans="14:14">
      <c r="N148956" s="10"/>
    </row>
    <row r="148957" spans="14:14">
      <c r="N148957" s="10"/>
    </row>
    <row r="148958" spans="14:14">
      <c r="N148958" s="10"/>
    </row>
    <row r="148959" spans="14:14">
      <c r="N148959" s="10"/>
    </row>
    <row r="148960" spans="14:14">
      <c r="N148960" s="10"/>
    </row>
    <row r="148961" spans="14:14">
      <c r="N148961" s="10"/>
    </row>
    <row r="148962" spans="14:14">
      <c r="N148962" s="10"/>
    </row>
    <row r="148963" spans="14:14">
      <c r="N148963" s="10"/>
    </row>
    <row r="148964" spans="14:14">
      <c r="N148964" s="10"/>
    </row>
    <row r="148965" spans="14:14">
      <c r="N148965" s="10"/>
    </row>
    <row r="148966" spans="14:14">
      <c r="N148966" s="10"/>
    </row>
    <row r="148967" spans="14:14">
      <c r="N148967" s="10"/>
    </row>
    <row r="148968" spans="14:14">
      <c r="N148968" s="10"/>
    </row>
    <row r="148969" spans="14:14">
      <c r="N148969" s="10"/>
    </row>
    <row r="148970" spans="14:14">
      <c r="N148970" s="10"/>
    </row>
    <row r="148971" spans="14:14">
      <c r="N148971" s="10"/>
    </row>
    <row r="148972" spans="14:14">
      <c r="N148972" s="10"/>
    </row>
    <row r="148973" spans="14:14">
      <c r="N148973" s="10"/>
    </row>
    <row r="148974" spans="14:14">
      <c r="N148974" s="10"/>
    </row>
    <row r="148975" spans="14:14">
      <c r="N148975" s="10"/>
    </row>
    <row r="148976" spans="14:14">
      <c r="N148976" s="10"/>
    </row>
    <row r="148977" spans="14:14">
      <c r="N148977" s="10"/>
    </row>
    <row r="148978" spans="14:14">
      <c r="N148978" s="10"/>
    </row>
    <row r="148979" spans="14:14">
      <c r="N148979" s="10"/>
    </row>
    <row r="148980" spans="14:14">
      <c r="N148980" s="10"/>
    </row>
    <row r="148981" spans="14:14">
      <c r="N148981" s="10"/>
    </row>
    <row r="148982" spans="14:14">
      <c r="N148982" s="10"/>
    </row>
    <row r="148983" spans="14:14">
      <c r="N148983" s="10"/>
    </row>
    <row r="148984" spans="14:14">
      <c r="N148984" s="10"/>
    </row>
    <row r="148985" spans="14:14">
      <c r="N148985" s="10"/>
    </row>
    <row r="148986" spans="14:14">
      <c r="N148986" s="10"/>
    </row>
    <row r="148987" spans="14:14">
      <c r="N148987" s="10"/>
    </row>
    <row r="148988" spans="14:14">
      <c r="N148988" s="10"/>
    </row>
    <row r="148989" spans="14:14">
      <c r="N148989" s="10"/>
    </row>
    <row r="148990" spans="14:14">
      <c r="N148990" s="10"/>
    </row>
    <row r="148991" spans="14:14">
      <c r="N148991" s="10"/>
    </row>
    <row r="148992" spans="14:14">
      <c r="N148992" s="10"/>
    </row>
    <row r="148993" spans="14:14">
      <c r="N148993" s="10"/>
    </row>
    <row r="148994" spans="14:14">
      <c r="N148994" s="10"/>
    </row>
    <row r="148995" spans="14:14">
      <c r="N148995" s="10"/>
    </row>
    <row r="148996" spans="14:14">
      <c r="N148996" s="10"/>
    </row>
    <row r="148997" spans="14:14">
      <c r="N148997" s="10"/>
    </row>
    <row r="148998" spans="14:14">
      <c r="N148998" s="10"/>
    </row>
    <row r="148999" spans="14:14">
      <c r="N148999" s="10"/>
    </row>
    <row r="149000" spans="14:14">
      <c r="N149000" s="10"/>
    </row>
    <row r="149001" spans="14:14">
      <c r="N149001" s="10"/>
    </row>
    <row r="149002" spans="14:14">
      <c r="N149002" s="10"/>
    </row>
    <row r="149003" spans="14:14">
      <c r="N149003" s="10"/>
    </row>
    <row r="149004" spans="14:14">
      <c r="N149004" s="10"/>
    </row>
    <row r="149005" spans="14:14">
      <c r="N149005" s="10"/>
    </row>
    <row r="149006" spans="14:14">
      <c r="N149006" s="10"/>
    </row>
    <row r="149007" spans="14:14">
      <c r="N149007" s="10"/>
    </row>
    <row r="149008" spans="14:14">
      <c r="N149008" s="10"/>
    </row>
    <row r="149009" spans="14:14">
      <c r="N149009" s="10"/>
    </row>
    <row r="149010" spans="14:14">
      <c r="N149010" s="10"/>
    </row>
    <row r="149011" spans="14:14">
      <c r="N149011" s="10"/>
    </row>
    <row r="149012" spans="14:14">
      <c r="N149012" s="10"/>
    </row>
    <row r="149013" spans="14:14">
      <c r="N149013" s="10"/>
    </row>
    <row r="149014" spans="14:14">
      <c r="N149014" s="10"/>
    </row>
    <row r="149015" spans="14:14">
      <c r="N149015" s="10"/>
    </row>
    <row r="149016" spans="14:14">
      <c r="N149016" s="10"/>
    </row>
    <row r="149017" spans="14:14">
      <c r="N149017" s="10"/>
    </row>
    <row r="149018" spans="14:14">
      <c r="N149018" s="10"/>
    </row>
    <row r="149019" spans="14:14">
      <c r="N149019" s="10"/>
    </row>
    <row r="149020" spans="14:14">
      <c r="N149020" s="10"/>
    </row>
    <row r="149021" spans="14:14">
      <c r="N149021" s="10"/>
    </row>
    <row r="149022" spans="14:14">
      <c r="N149022" s="10"/>
    </row>
    <row r="149023" spans="14:14">
      <c r="N149023" s="10"/>
    </row>
    <row r="149024" spans="14:14">
      <c r="N149024" s="10"/>
    </row>
    <row r="149025" spans="14:14">
      <c r="N149025" s="10"/>
    </row>
    <row r="149026" spans="14:14">
      <c r="N149026" s="10"/>
    </row>
    <row r="149027" spans="14:14">
      <c r="N149027" s="10"/>
    </row>
    <row r="149028" spans="14:14">
      <c r="N149028" s="10"/>
    </row>
    <row r="149029" spans="14:14">
      <c r="N149029" s="10"/>
    </row>
    <row r="149030" spans="14:14">
      <c r="N149030" s="10"/>
    </row>
    <row r="149031" spans="14:14">
      <c r="N149031" s="10"/>
    </row>
    <row r="149032" spans="14:14">
      <c r="N149032" s="10"/>
    </row>
    <row r="149033" spans="14:14">
      <c r="N149033" s="10"/>
    </row>
    <row r="149034" spans="14:14">
      <c r="N149034" s="10"/>
    </row>
    <row r="149035" spans="14:14">
      <c r="N149035" s="10"/>
    </row>
    <row r="149036" spans="14:14">
      <c r="N149036" s="10"/>
    </row>
    <row r="149037" spans="14:14">
      <c r="N149037" s="10"/>
    </row>
    <row r="149038" spans="14:14">
      <c r="N149038" s="10"/>
    </row>
    <row r="149039" spans="14:14">
      <c r="N149039" s="10"/>
    </row>
    <row r="149040" spans="14:14">
      <c r="N149040" s="10"/>
    </row>
    <row r="149041" spans="14:14">
      <c r="N149041" s="10"/>
    </row>
    <row r="149042" spans="14:14">
      <c r="N149042" s="10"/>
    </row>
    <row r="149043" spans="14:14">
      <c r="N149043" s="10"/>
    </row>
    <row r="149044" spans="14:14">
      <c r="N149044" s="10"/>
    </row>
    <row r="149045" spans="14:14">
      <c r="N149045" s="10"/>
    </row>
    <row r="149046" spans="14:14">
      <c r="N149046" s="10"/>
    </row>
    <row r="149047" spans="14:14">
      <c r="N149047" s="10"/>
    </row>
    <row r="149048" spans="14:14">
      <c r="N149048" s="10"/>
    </row>
    <row r="149049" spans="14:14">
      <c r="N149049" s="10"/>
    </row>
    <row r="149050" spans="14:14">
      <c r="N149050" s="10"/>
    </row>
    <row r="149051" spans="14:14">
      <c r="N149051" s="10"/>
    </row>
    <row r="149052" spans="14:14">
      <c r="N149052" s="10"/>
    </row>
    <row r="149053" spans="14:14">
      <c r="N149053" s="10"/>
    </row>
    <row r="149054" spans="14:14">
      <c r="N149054" s="10"/>
    </row>
    <row r="149055" spans="14:14">
      <c r="N149055" s="10"/>
    </row>
    <row r="149056" spans="14:14">
      <c r="N149056" s="10"/>
    </row>
    <row r="149057" spans="14:14">
      <c r="N149057" s="10"/>
    </row>
    <row r="149058" spans="14:14">
      <c r="N149058" s="10"/>
    </row>
    <row r="149059" spans="14:14">
      <c r="N149059" s="10"/>
    </row>
    <row r="149060" spans="14:14">
      <c r="N149060" s="10"/>
    </row>
    <row r="149061" spans="14:14">
      <c r="N149061" s="10"/>
    </row>
    <row r="149062" spans="14:14">
      <c r="N149062" s="10"/>
    </row>
    <row r="149063" spans="14:14">
      <c r="N149063" s="10"/>
    </row>
    <row r="149064" spans="14:14">
      <c r="N149064" s="10"/>
    </row>
    <row r="149065" spans="14:14">
      <c r="N149065" s="10"/>
    </row>
    <row r="149066" spans="14:14">
      <c r="N149066" s="10"/>
    </row>
    <row r="149067" spans="14:14">
      <c r="N149067" s="10"/>
    </row>
    <row r="149068" spans="14:14">
      <c r="N149068" s="10"/>
    </row>
    <row r="149069" spans="14:14">
      <c r="N149069" s="10"/>
    </row>
    <row r="149070" spans="14:14">
      <c r="N149070" s="10"/>
    </row>
    <row r="149071" spans="14:14">
      <c r="N149071" s="10"/>
    </row>
    <row r="149072" spans="14:14">
      <c r="N149072" s="10"/>
    </row>
    <row r="149073" spans="14:14">
      <c r="N149073" s="10"/>
    </row>
    <row r="149074" spans="14:14">
      <c r="N149074" s="10"/>
    </row>
    <row r="149075" spans="14:14">
      <c r="N149075" s="10"/>
    </row>
    <row r="149076" spans="14:14">
      <c r="N149076" s="10"/>
    </row>
    <row r="149077" spans="14:14">
      <c r="N149077" s="10"/>
    </row>
    <row r="149078" spans="14:14">
      <c r="N149078" s="10"/>
    </row>
    <row r="149079" spans="14:14">
      <c r="N149079" s="10"/>
    </row>
    <row r="149080" spans="14:14">
      <c r="N149080" s="10"/>
    </row>
    <row r="149081" spans="14:14">
      <c r="N149081" s="10"/>
    </row>
    <row r="149082" spans="14:14">
      <c r="N149082" s="10"/>
    </row>
    <row r="149083" spans="14:14">
      <c r="N149083" s="10"/>
    </row>
    <row r="149084" spans="14:14">
      <c r="N149084" s="10"/>
    </row>
    <row r="149085" spans="14:14">
      <c r="N149085" s="10"/>
    </row>
    <row r="149086" spans="14:14">
      <c r="N149086" s="10"/>
    </row>
    <row r="149087" spans="14:14">
      <c r="N149087" s="10"/>
    </row>
    <row r="149088" spans="14:14">
      <c r="N149088" s="10"/>
    </row>
    <row r="149089" spans="14:14">
      <c r="N149089" s="10"/>
    </row>
    <row r="149090" spans="14:14">
      <c r="N149090" s="10"/>
    </row>
    <row r="149091" spans="14:14">
      <c r="N149091" s="10"/>
    </row>
    <row r="149092" spans="14:14">
      <c r="N149092" s="10"/>
    </row>
    <row r="149093" spans="14:14">
      <c r="N149093" s="10"/>
    </row>
    <row r="149094" spans="14:14">
      <c r="N149094" s="10"/>
    </row>
    <row r="149095" spans="14:14">
      <c r="N149095" s="10"/>
    </row>
    <row r="149096" spans="14:14">
      <c r="N149096" s="10"/>
    </row>
    <row r="149097" spans="14:14">
      <c r="N149097" s="10"/>
    </row>
    <row r="149098" spans="14:14">
      <c r="N149098" s="10"/>
    </row>
    <row r="149099" spans="14:14">
      <c r="N149099" s="10"/>
    </row>
    <row r="149100" spans="14:14">
      <c r="N149100" s="10"/>
    </row>
    <row r="149101" spans="14:14">
      <c r="N149101" s="10"/>
    </row>
    <row r="149102" spans="14:14">
      <c r="N149102" s="10"/>
    </row>
    <row r="149103" spans="14:14">
      <c r="N149103" s="10"/>
    </row>
    <row r="149104" spans="14:14">
      <c r="N149104" s="10"/>
    </row>
    <row r="149105" spans="14:14">
      <c r="N149105" s="10"/>
    </row>
    <row r="149106" spans="14:14">
      <c r="N149106" s="10"/>
    </row>
    <row r="149107" spans="14:14">
      <c r="N149107" s="10"/>
    </row>
    <row r="149108" spans="14:14">
      <c r="N149108" s="10"/>
    </row>
    <row r="149109" spans="14:14">
      <c r="N149109" s="10"/>
    </row>
    <row r="149110" spans="14:14">
      <c r="N149110" s="10"/>
    </row>
    <row r="149111" spans="14:14">
      <c r="N149111" s="10"/>
    </row>
    <row r="149112" spans="14:14">
      <c r="N149112" s="10"/>
    </row>
    <row r="149113" spans="14:14">
      <c r="N149113" s="10"/>
    </row>
    <row r="149114" spans="14:14">
      <c r="N149114" s="10"/>
    </row>
    <row r="149115" spans="14:14">
      <c r="N149115" s="10"/>
    </row>
    <row r="149116" spans="14:14">
      <c r="N149116" s="10"/>
    </row>
    <row r="149117" spans="14:14">
      <c r="N149117" s="10"/>
    </row>
    <row r="149118" spans="14:14">
      <c r="N149118" s="10"/>
    </row>
    <row r="149119" spans="14:14">
      <c r="N149119" s="10"/>
    </row>
    <row r="149120" spans="14:14">
      <c r="N149120" s="10"/>
    </row>
    <row r="149121" spans="14:14">
      <c r="N149121" s="10"/>
    </row>
    <row r="149122" spans="14:14">
      <c r="N149122" s="10"/>
    </row>
    <row r="149123" spans="14:14">
      <c r="N149123" s="10"/>
    </row>
    <row r="149124" spans="14:14">
      <c r="N149124" s="10"/>
    </row>
    <row r="149125" spans="14:14">
      <c r="N149125" s="10"/>
    </row>
    <row r="149126" spans="14:14">
      <c r="N149126" s="10"/>
    </row>
    <row r="149127" spans="14:14">
      <c r="N149127" s="10"/>
    </row>
    <row r="149128" spans="14:14">
      <c r="N149128" s="10"/>
    </row>
    <row r="149129" spans="14:14">
      <c r="N149129" s="10"/>
    </row>
    <row r="149130" spans="14:14">
      <c r="N149130" s="10"/>
    </row>
    <row r="149131" spans="14:14">
      <c r="N149131" s="10"/>
    </row>
    <row r="149132" spans="14:14">
      <c r="N149132" s="10"/>
    </row>
    <row r="149133" spans="14:14">
      <c r="N149133" s="10"/>
    </row>
    <row r="149134" spans="14:14">
      <c r="N149134" s="10"/>
    </row>
    <row r="149135" spans="14:14">
      <c r="N149135" s="10"/>
    </row>
    <row r="149136" spans="14:14">
      <c r="N149136" s="10"/>
    </row>
    <row r="149137" spans="14:14">
      <c r="N149137" s="10"/>
    </row>
    <row r="149138" spans="14:14">
      <c r="N149138" s="10"/>
    </row>
    <row r="149139" spans="14:14">
      <c r="N149139" s="10"/>
    </row>
    <row r="149140" spans="14:14">
      <c r="N149140" s="10"/>
    </row>
    <row r="149141" spans="14:14">
      <c r="N149141" s="10"/>
    </row>
    <row r="149142" spans="14:14">
      <c r="N149142" s="10"/>
    </row>
    <row r="149143" spans="14:14">
      <c r="N149143" s="10"/>
    </row>
    <row r="149144" spans="14:14">
      <c r="N149144" s="10"/>
    </row>
    <row r="149145" spans="14:14">
      <c r="N149145" s="10"/>
    </row>
    <row r="149146" spans="14:14">
      <c r="N149146" s="10"/>
    </row>
    <row r="149147" spans="14:14">
      <c r="N149147" s="10"/>
    </row>
    <row r="149148" spans="14:14">
      <c r="N149148" s="10"/>
    </row>
    <row r="149149" spans="14:14">
      <c r="N149149" s="10"/>
    </row>
    <row r="149150" spans="14:14">
      <c r="N149150" s="10"/>
    </row>
    <row r="149151" spans="14:14">
      <c r="N149151" s="10"/>
    </row>
    <row r="149152" spans="14:14">
      <c r="N149152" s="10"/>
    </row>
    <row r="149153" spans="14:14">
      <c r="N149153" s="10"/>
    </row>
    <row r="149154" spans="14:14">
      <c r="N149154" s="10"/>
    </row>
    <row r="149155" spans="14:14">
      <c r="N149155" s="10"/>
    </row>
    <row r="149156" spans="14:14">
      <c r="N149156" s="10"/>
    </row>
    <row r="149157" spans="14:14">
      <c r="N149157" s="10"/>
    </row>
    <row r="149158" spans="14:14">
      <c r="N149158" s="10"/>
    </row>
    <row r="149159" spans="14:14">
      <c r="N149159" s="10"/>
    </row>
    <row r="149160" spans="14:14">
      <c r="N149160" s="10"/>
    </row>
    <row r="149161" spans="14:14">
      <c r="N149161" s="10"/>
    </row>
    <row r="149162" spans="14:14">
      <c r="N149162" s="10"/>
    </row>
    <row r="149163" spans="14:14">
      <c r="N149163" s="10"/>
    </row>
    <row r="149164" spans="14:14">
      <c r="N149164" s="10"/>
    </row>
    <row r="149165" spans="14:14">
      <c r="N149165" s="10"/>
    </row>
    <row r="149166" spans="14:14">
      <c r="N149166" s="10"/>
    </row>
    <row r="149167" spans="14:14">
      <c r="N149167" s="10"/>
    </row>
    <row r="149168" spans="14:14">
      <c r="N149168" s="10"/>
    </row>
    <row r="149169" spans="14:14">
      <c r="N149169" s="10"/>
    </row>
    <row r="149170" spans="14:14">
      <c r="N149170" s="10"/>
    </row>
    <row r="149171" spans="14:14">
      <c r="N149171" s="10"/>
    </row>
    <row r="149172" spans="14:14">
      <c r="N149172" s="10"/>
    </row>
    <row r="149173" spans="14:14">
      <c r="N149173" s="10"/>
    </row>
    <row r="149174" spans="14:14">
      <c r="N149174" s="10"/>
    </row>
    <row r="149175" spans="14:14">
      <c r="N149175" s="10"/>
    </row>
    <row r="149176" spans="14:14">
      <c r="N149176" s="10"/>
    </row>
    <row r="149177" spans="14:14">
      <c r="N149177" s="10"/>
    </row>
    <row r="149178" spans="14:14">
      <c r="N149178" s="10"/>
    </row>
    <row r="149179" spans="14:14">
      <c r="N149179" s="10"/>
    </row>
    <row r="149180" spans="14:14">
      <c r="N149180" s="10"/>
    </row>
    <row r="149181" spans="14:14">
      <c r="N149181" s="10"/>
    </row>
    <row r="149182" spans="14:14">
      <c r="N149182" s="10"/>
    </row>
    <row r="149183" spans="14:14">
      <c r="N149183" s="10"/>
    </row>
    <row r="149184" spans="14:14">
      <c r="N149184" s="10"/>
    </row>
    <row r="149185" spans="14:14">
      <c r="N149185" s="10"/>
    </row>
    <row r="149186" spans="14:14">
      <c r="N149186" s="10"/>
    </row>
    <row r="149187" spans="14:14">
      <c r="N149187" s="10"/>
    </row>
    <row r="149188" spans="14:14">
      <c r="N149188" s="10"/>
    </row>
    <row r="149189" spans="14:14">
      <c r="N149189" s="10"/>
    </row>
    <row r="149190" spans="14:14">
      <c r="N149190" s="10"/>
    </row>
    <row r="149191" spans="14:14">
      <c r="N149191" s="10"/>
    </row>
    <row r="149192" spans="14:14">
      <c r="N149192" s="10"/>
    </row>
    <row r="149193" spans="14:14">
      <c r="N149193" s="10"/>
    </row>
    <row r="149194" spans="14:14">
      <c r="N149194" s="10"/>
    </row>
    <row r="149195" spans="14:14">
      <c r="N149195" s="10"/>
    </row>
    <row r="149196" spans="14:14">
      <c r="N149196" s="10"/>
    </row>
    <row r="149197" spans="14:14">
      <c r="N149197" s="10"/>
    </row>
    <row r="149198" spans="14:14">
      <c r="N149198" s="10"/>
    </row>
    <row r="149199" spans="14:14">
      <c r="N149199" s="10"/>
    </row>
    <row r="149200" spans="14:14">
      <c r="N149200" s="10"/>
    </row>
    <row r="149201" spans="14:14">
      <c r="N149201" s="10"/>
    </row>
    <row r="149202" spans="14:14">
      <c r="N149202" s="10"/>
    </row>
    <row r="149203" spans="14:14">
      <c r="N149203" s="10"/>
    </row>
    <row r="149204" spans="14:14">
      <c r="N149204" s="10"/>
    </row>
    <row r="149205" spans="14:14">
      <c r="N149205" s="10"/>
    </row>
    <row r="149206" spans="14:14">
      <c r="N149206" s="10"/>
    </row>
    <row r="149207" spans="14:14">
      <c r="N149207" s="10"/>
    </row>
    <row r="149208" spans="14:14">
      <c r="N149208" s="10"/>
    </row>
    <row r="149209" spans="14:14">
      <c r="N149209" s="10"/>
    </row>
    <row r="149210" spans="14:14">
      <c r="N149210" s="10"/>
    </row>
    <row r="149211" spans="14:14">
      <c r="N149211" s="10"/>
    </row>
    <row r="149212" spans="14:14">
      <c r="N149212" s="10"/>
    </row>
    <row r="149213" spans="14:14">
      <c r="N149213" s="10"/>
    </row>
    <row r="149214" spans="14:14">
      <c r="N149214" s="10"/>
    </row>
    <row r="149215" spans="14:14">
      <c r="N149215" s="10"/>
    </row>
    <row r="149216" spans="14:14">
      <c r="N149216" s="10"/>
    </row>
    <row r="149217" spans="14:14">
      <c r="N149217" s="10"/>
    </row>
    <row r="149218" spans="14:14">
      <c r="N149218" s="10"/>
    </row>
    <row r="149219" spans="14:14">
      <c r="N149219" s="10"/>
    </row>
    <row r="149220" spans="14:14">
      <c r="N149220" s="10"/>
    </row>
    <row r="149221" spans="14:14">
      <c r="N149221" s="10"/>
    </row>
    <row r="149222" spans="14:14">
      <c r="N149222" s="10"/>
    </row>
    <row r="149223" spans="14:14">
      <c r="N149223" s="10"/>
    </row>
    <row r="149224" spans="14:14">
      <c r="N149224" s="10"/>
    </row>
    <row r="149225" spans="14:14">
      <c r="N149225" s="10"/>
    </row>
    <row r="149226" spans="14:14">
      <c r="N149226" s="10"/>
    </row>
    <row r="149227" spans="14:14">
      <c r="N149227" s="10"/>
    </row>
    <row r="149228" spans="14:14">
      <c r="N149228" s="10"/>
    </row>
    <row r="149229" spans="14:14">
      <c r="N149229" s="10"/>
    </row>
    <row r="149230" spans="14:14">
      <c r="N149230" s="10"/>
    </row>
    <row r="149231" spans="14:14">
      <c r="N149231" s="10"/>
    </row>
    <row r="149232" spans="14:14">
      <c r="N149232" s="10"/>
    </row>
    <row r="149233" spans="14:14">
      <c r="N149233" s="10"/>
    </row>
    <row r="149234" spans="14:14">
      <c r="N149234" s="10"/>
    </row>
    <row r="149235" spans="14:14">
      <c r="N149235" s="10"/>
    </row>
    <row r="149236" spans="14:14">
      <c r="N149236" s="10"/>
    </row>
    <row r="149237" spans="14:14">
      <c r="N149237" s="10"/>
    </row>
    <row r="149238" spans="14:14">
      <c r="N149238" s="10"/>
    </row>
    <row r="149239" spans="14:14">
      <c r="N149239" s="10"/>
    </row>
    <row r="149240" spans="14:14">
      <c r="N149240" s="10"/>
    </row>
    <row r="149241" spans="14:14">
      <c r="N149241" s="10"/>
    </row>
    <row r="149242" spans="14:14">
      <c r="N149242" s="10"/>
    </row>
    <row r="149243" spans="14:14">
      <c r="N149243" s="10"/>
    </row>
    <row r="149244" spans="14:14">
      <c r="N149244" s="10"/>
    </row>
    <row r="149245" spans="14:14">
      <c r="N149245" s="10"/>
    </row>
    <row r="149246" spans="14:14">
      <c r="N149246" s="10"/>
    </row>
    <row r="149247" spans="14:14">
      <c r="N149247" s="10"/>
    </row>
    <row r="149248" spans="14:14">
      <c r="N149248" s="10"/>
    </row>
    <row r="149249" spans="14:14">
      <c r="N149249" s="10"/>
    </row>
    <row r="149250" spans="14:14">
      <c r="N149250" s="10"/>
    </row>
    <row r="149251" spans="14:14">
      <c r="N149251" s="10"/>
    </row>
    <row r="149252" spans="14:14">
      <c r="N149252" s="10"/>
    </row>
    <row r="149253" spans="14:14">
      <c r="N149253" s="10"/>
    </row>
    <row r="149254" spans="14:14">
      <c r="N149254" s="10"/>
    </row>
    <row r="149255" spans="14:14">
      <c r="N149255" s="10"/>
    </row>
    <row r="149256" spans="14:14">
      <c r="N149256" s="10"/>
    </row>
    <row r="149257" spans="14:14">
      <c r="N149257" s="10"/>
    </row>
    <row r="149258" spans="14:14">
      <c r="N149258" s="10"/>
    </row>
    <row r="149259" spans="14:14">
      <c r="N149259" s="10"/>
    </row>
    <row r="149260" spans="14:14">
      <c r="N149260" s="10"/>
    </row>
    <row r="149261" spans="14:14">
      <c r="N149261" s="10"/>
    </row>
    <row r="149262" spans="14:14">
      <c r="N149262" s="10"/>
    </row>
    <row r="149263" spans="14:14">
      <c r="N149263" s="10"/>
    </row>
    <row r="149264" spans="14:14">
      <c r="N149264" s="10"/>
    </row>
    <row r="149265" spans="14:14">
      <c r="N149265" s="10"/>
    </row>
    <row r="149266" spans="14:14">
      <c r="N149266" s="10"/>
    </row>
    <row r="149267" spans="14:14">
      <c r="N149267" s="10"/>
    </row>
    <row r="149268" spans="14:14">
      <c r="N149268" s="10"/>
    </row>
    <row r="149269" spans="14:14">
      <c r="N149269" s="10"/>
    </row>
    <row r="149270" spans="14:14">
      <c r="N149270" s="10"/>
    </row>
    <row r="149271" spans="14:14">
      <c r="N149271" s="10"/>
    </row>
    <row r="149272" spans="14:14">
      <c r="N149272" s="10"/>
    </row>
    <row r="149273" spans="14:14">
      <c r="N149273" s="10"/>
    </row>
    <row r="149274" spans="14:14">
      <c r="N149274" s="10"/>
    </row>
    <row r="149275" spans="14:14">
      <c r="N149275" s="10"/>
    </row>
    <row r="149276" spans="14:14">
      <c r="N149276" s="10"/>
    </row>
    <row r="149277" spans="14:14">
      <c r="N149277" s="10"/>
    </row>
    <row r="149278" spans="14:14">
      <c r="N149278" s="10"/>
    </row>
    <row r="149279" spans="14:14">
      <c r="N149279" s="10"/>
    </row>
    <row r="149280" spans="14:14">
      <c r="N149280" s="10"/>
    </row>
    <row r="149281" spans="14:14">
      <c r="N149281" s="10"/>
    </row>
    <row r="149282" spans="14:14">
      <c r="N149282" s="10"/>
    </row>
    <row r="149283" spans="14:14">
      <c r="N149283" s="10"/>
    </row>
    <row r="149284" spans="14:14">
      <c r="N149284" s="10"/>
    </row>
    <row r="149285" spans="14:14">
      <c r="N149285" s="10"/>
    </row>
    <row r="149286" spans="14:14">
      <c r="N149286" s="10"/>
    </row>
    <row r="149287" spans="14:14">
      <c r="N149287" s="10"/>
    </row>
    <row r="149288" spans="14:14">
      <c r="N149288" s="10"/>
    </row>
    <row r="149289" spans="14:14">
      <c r="N149289" s="10"/>
    </row>
    <row r="149290" spans="14:14">
      <c r="N149290" s="10"/>
    </row>
    <row r="149291" spans="14:14">
      <c r="N149291" s="10"/>
    </row>
    <row r="149292" spans="14:14">
      <c r="N149292" s="10"/>
    </row>
    <row r="149293" spans="14:14">
      <c r="N149293" s="10"/>
    </row>
    <row r="149294" spans="14:14">
      <c r="N149294" s="10"/>
    </row>
    <row r="149295" spans="14:14">
      <c r="N149295" s="10"/>
    </row>
    <row r="149296" spans="14:14">
      <c r="N149296" s="10"/>
    </row>
    <row r="149297" spans="14:14">
      <c r="N149297" s="10"/>
    </row>
    <row r="149298" spans="14:14">
      <c r="N149298" s="10"/>
    </row>
    <row r="149299" spans="14:14">
      <c r="N149299" s="10"/>
    </row>
    <row r="149300" spans="14:14">
      <c r="N149300" s="10"/>
    </row>
    <row r="149301" spans="14:14">
      <c r="N149301" s="10"/>
    </row>
    <row r="149302" spans="14:14">
      <c r="N149302" s="10"/>
    </row>
    <row r="149303" spans="14:14">
      <c r="N149303" s="10"/>
    </row>
    <row r="149304" spans="14:14">
      <c r="N149304" s="10"/>
    </row>
    <row r="149305" spans="14:14">
      <c r="N149305" s="10"/>
    </row>
    <row r="149306" spans="14:14">
      <c r="N149306" s="10"/>
    </row>
    <row r="149307" spans="14:14">
      <c r="N149307" s="10"/>
    </row>
    <row r="149308" spans="14:14">
      <c r="N149308" s="10"/>
    </row>
    <row r="149309" spans="14:14">
      <c r="N149309" s="10"/>
    </row>
    <row r="149310" spans="14:14">
      <c r="N149310" s="10"/>
    </row>
    <row r="149311" spans="14:14">
      <c r="N149311" s="10"/>
    </row>
    <row r="149312" spans="14:14">
      <c r="N149312" s="10"/>
    </row>
    <row r="149313" spans="14:14">
      <c r="N149313" s="10"/>
    </row>
    <row r="149314" spans="14:14">
      <c r="N149314" s="10"/>
    </row>
    <row r="149315" spans="14:14">
      <c r="N149315" s="10"/>
    </row>
    <row r="149316" spans="14:14">
      <c r="N149316" s="10"/>
    </row>
    <row r="149317" spans="14:14">
      <c r="N149317" s="10"/>
    </row>
    <row r="149318" spans="14:14">
      <c r="N149318" s="10"/>
    </row>
    <row r="149319" spans="14:14">
      <c r="N149319" s="10"/>
    </row>
    <row r="149320" spans="14:14">
      <c r="N149320" s="10"/>
    </row>
    <row r="149321" spans="14:14">
      <c r="N149321" s="10"/>
    </row>
    <row r="149322" spans="14:14">
      <c r="N149322" s="10"/>
    </row>
    <row r="149323" spans="14:14">
      <c r="N149323" s="10"/>
    </row>
    <row r="149324" spans="14:14">
      <c r="N149324" s="10"/>
    </row>
    <row r="149325" spans="14:14">
      <c r="N149325" s="10"/>
    </row>
    <row r="149326" spans="14:14">
      <c r="N149326" s="10"/>
    </row>
    <row r="149327" spans="14:14">
      <c r="N149327" s="10"/>
    </row>
    <row r="149328" spans="14:14">
      <c r="N149328" s="10"/>
    </row>
    <row r="149329" spans="14:14">
      <c r="N149329" s="10"/>
    </row>
    <row r="149330" spans="14:14">
      <c r="N149330" s="10"/>
    </row>
    <row r="149331" spans="14:14">
      <c r="N149331" s="10"/>
    </row>
    <row r="149332" spans="14:14">
      <c r="N149332" s="10"/>
    </row>
    <row r="149333" spans="14:14">
      <c r="N149333" s="10"/>
    </row>
    <row r="149334" spans="14:14">
      <c r="N149334" s="10"/>
    </row>
    <row r="149335" spans="14:14">
      <c r="N149335" s="10"/>
    </row>
    <row r="149336" spans="14:14">
      <c r="N149336" s="10"/>
    </row>
    <row r="149337" spans="14:14">
      <c r="N149337" s="10"/>
    </row>
    <row r="149338" spans="14:14">
      <c r="N149338" s="10"/>
    </row>
    <row r="149339" spans="14:14">
      <c r="N149339" s="10"/>
    </row>
    <row r="149340" spans="14:14">
      <c r="N149340" s="10"/>
    </row>
    <row r="149341" spans="14:14">
      <c r="N149341" s="10"/>
    </row>
    <row r="149342" spans="14:14">
      <c r="N149342" s="10"/>
    </row>
    <row r="149343" spans="14:14">
      <c r="N149343" s="10"/>
    </row>
    <row r="149344" spans="14:14">
      <c r="N149344" s="10"/>
    </row>
    <row r="149345" spans="14:14">
      <c r="N149345" s="10"/>
    </row>
    <row r="149346" spans="14:14">
      <c r="N149346" s="10"/>
    </row>
    <row r="149347" spans="14:14">
      <c r="N149347" s="10"/>
    </row>
    <row r="149348" spans="14:14">
      <c r="N149348" s="10"/>
    </row>
    <row r="149349" spans="14:14">
      <c r="N149349" s="10"/>
    </row>
    <row r="149350" spans="14:14">
      <c r="N149350" s="10"/>
    </row>
    <row r="149351" spans="14:14">
      <c r="N149351" s="10"/>
    </row>
    <row r="149352" spans="14:14">
      <c r="N149352" s="10"/>
    </row>
    <row r="149353" spans="14:14">
      <c r="N149353" s="10"/>
    </row>
    <row r="149354" spans="14:14">
      <c r="N149354" s="10"/>
    </row>
    <row r="149355" spans="14:14">
      <c r="N149355" s="10"/>
    </row>
    <row r="149356" spans="14:14">
      <c r="N149356" s="10"/>
    </row>
    <row r="149357" spans="14:14">
      <c r="N149357" s="10"/>
    </row>
    <row r="149358" spans="14:14">
      <c r="N149358" s="10"/>
    </row>
    <row r="149359" spans="14:14">
      <c r="N149359" s="10"/>
    </row>
    <row r="149360" spans="14:14">
      <c r="N149360" s="10"/>
    </row>
    <row r="149361" spans="14:14">
      <c r="N149361" s="10"/>
    </row>
    <row r="149362" spans="14:14">
      <c r="N149362" s="10"/>
    </row>
    <row r="149363" spans="14:14">
      <c r="N149363" s="10"/>
    </row>
    <row r="149364" spans="14:14">
      <c r="N149364" s="10"/>
    </row>
    <row r="149365" spans="14:14">
      <c r="N149365" s="10"/>
    </row>
    <row r="149366" spans="14:14">
      <c r="N149366" s="10"/>
    </row>
    <row r="149367" spans="14:14">
      <c r="N149367" s="10"/>
    </row>
    <row r="149368" spans="14:14">
      <c r="N149368" s="10"/>
    </row>
    <row r="149369" spans="14:14">
      <c r="N149369" s="10"/>
    </row>
    <row r="149370" spans="14:14">
      <c r="N149370" s="10"/>
    </row>
    <row r="149371" spans="14:14">
      <c r="N149371" s="10"/>
    </row>
    <row r="149372" spans="14:14">
      <c r="N149372" s="10"/>
    </row>
    <row r="149373" spans="14:14">
      <c r="N149373" s="10"/>
    </row>
    <row r="149374" spans="14:14">
      <c r="N149374" s="10"/>
    </row>
    <row r="149375" spans="14:14">
      <c r="N149375" s="10"/>
    </row>
    <row r="149376" spans="14:14">
      <c r="N149376" s="10"/>
    </row>
    <row r="149377" spans="14:14">
      <c r="N149377" s="10"/>
    </row>
    <row r="149378" spans="14:14">
      <c r="N149378" s="10"/>
    </row>
    <row r="149379" spans="14:14">
      <c r="N149379" s="10"/>
    </row>
    <row r="149380" spans="14:14">
      <c r="N149380" s="10"/>
    </row>
    <row r="149381" spans="14:14">
      <c r="N149381" s="10"/>
    </row>
    <row r="149382" spans="14:14">
      <c r="N149382" s="10"/>
    </row>
    <row r="149383" spans="14:14">
      <c r="N149383" s="10"/>
    </row>
    <row r="149384" spans="14:14">
      <c r="N149384" s="10"/>
    </row>
    <row r="149385" spans="14:14">
      <c r="N149385" s="10"/>
    </row>
    <row r="149386" spans="14:14">
      <c r="N149386" s="10"/>
    </row>
    <row r="149387" spans="14:14">
      <c r="N149387" s="10"/>
    </row>
    <row r="149388" spans="14:14">
      <c r="N149388" s="10"/>
    </row>
    <row r="149389" spans="14:14">
      <c r="N149389" s="10"/>
    </row>
    <row r="149390" spans="14:14">
      <c r="N149390" s="10"/>
    </row>
    <row r="149391" spans="14:14">
      <c r="N149391" s="10"/>
    </row>
    <row r="149392" spans="14:14">
      <c r="N149392" s="10"/>
    </row>
    <row r="149393" spans="14:14">
      <c r="N149393" s="10"/>
    </row>
    <row r="149394" spans="14:14">
      <c r="N149394" s="10"/>
    </row>
    <row r="149395" spans="14:14">
      <c r="N149395" s="10"/>
    </row>
    <row r="149396" spans="14:14">
      <c r="N149396" s="10"/>
    </row>
    <row r="149397" spans="14:14">
      <c r="N149397" s="10"/>
    </row>
    <row r="149398" spans="14:14">
      <c r="N149398" s="10"/>
    </row>
    <row r="149399" spans="14:14">
      <c r="N149399" s="10"/>
    </row>
    <row r="149400" spans="14:14">
      <c r="N149400" s="10"/>
    </row>
    <row r="149401" spans="14:14">
      <c r="N149401" s="10"/>
    </row>
    <row r="149402" spans="14:14">
      <c r="N149402" s="10"/>
    </row>
    <row r="149403" spans="14:14">
      <c r="N149403" s="10"/>
    </row>
    <row r="149404" spans="14:14">
      <c r="N149404" s="10"/>
    </row>
    <row r="149405" spans="14:14">
      <c r="N149405" s="10"/>
    </row>
    <row r="149406" spans="14:14">
      <c r="N149406" s="10"/>
    </row>
    <row r="149407" spans="14:14">
      <c r="N149407" s="10"/>
    </row>
    <row r="149408" spans="14:14">
      <c r="N149408" s="10"/>
    </row>
    <row r="149409" spans="14:14">
      <c r="N149409" s="10"/>
    </row>
    <row r="149410" spans="14:14">
      <c r="N149410" s="10"/>
    </row>
    <row r="149411" spans="14:14">
      <c r="N149411" s="10"/>
    </row>
    <row r="149412" spans="14:14">
      <c r="N149412" s="10"/>
    </row>
    <row r="149413" spans="14:14">
      <c r="N149413" s="10"/>
    </row>
    <row r="149414" spans="14:14">
      <c r="N149414" s="10"/>
    </row>
    <row r="149415" spans="14:14">
      <c r="N149415" s="10"/>
    </row>
    <row r="149416" spans="14:14">
      <c r="N149416" s="10"/>
    </row>
    <row r="149417" spans="14:14">
      <c r="N149417" s="10"/>
    </row>
    <row r="149418" spans="14:14">
      <c r="N149418" s="10"/>
    </row>
    <row r="149419" spans="14:14">
      <c r="N149419" s="10"/>
    </row>
    <row r="149420" spans="14:14">
      <c r="N149420" s="10"/>
    </row>
    <row r="149421" spans="14:14">
      <c r="N149421" s="10"/>
    </row>
    <row r="149422" spans="14:14">
      <c r="N149422" s="10"/>
    </row>
    <row r="149423" spans="14:14">
      <c r="N149423" s="10"/>
    </row>
    <row r="149424" spans="14:14">
      <c r="N149424" s="10"/>
    </row>
    <row r="149425" spans="14:14">
      <c r="N149425" s="10"/>
    </row>
    <row r="149426" spans="14:14">
      <c r="N149426" s="10"/>
    </row>
    <row r="149427" spans="14:14">
      <c r="N149427" s="10"/>
    </row>
    <row r="149428" spans="14:14">
      <c r="N149428" s="10"/>
    </row>
    <row r="149429" spans="14:14">
      <c r="N149429" s="10"/>
    </row>
    <row r="149430" spans="14:14">
      <c r="N149430" s="10"/>
    </row>
    <row r="149431" spans="14:14">
      <c r="N149431" s="10"/>
    </row>
    <row r="149432" spans="14:14">
      <c r="N149432" s="10"/>
    </row>
    <row r="149433" spans="14:14">
      <c r="N149433" s="10"/>
    </row>
    <row r="149434" spans="14:14">
      <c r="N149434" s="10"/>
    </row>
    <row r="149435" spans="14:14">
      <c r="N149435" s="10"/>
    </row>
    <row r="149436" spans="14:14">
      <c r="N149436" s="10"/>
    </row>
    <row r="149437" spans="14:14">
      <c r="N149437" s="10"/>
    </row>
    <row r="149438" spans="14:14">
      <c r="N149438" s="10"/>
    </row>
    <row r="149439" spans="14:14">
      <c r="N149439" s="10"/>
    </row>
    <row r="149440" spans="14:14">
      <c r="N149440" s="10"/>
    </row>
    <row r="149441" spans="14:14">
      <c r="N149441" s="10"/>
    </row>
    <row r="149442" spans="14:14">
      <c r="N149442" s="10"/>
    </row>
    <row r="149443" spans="14:14">
      <c r="N149443" s="10"/>
    </row>
    <row r="149444" spans="14:14">
      <c r="N149444" s="10"/>
    </row>
    <row r="149445" spans="14:14">
      <c r="N149445" s="10"/>
    </row>
    <row r="149446" spans="14:14">
      <c r="N149446" s="10"/>
    </row>
    <row r="149447" spans="14:14">
      <c r="N149447" s="10"/>
    </row>
    <row r="149448" spans="14:14">
      <c r="N149448" s="10"/>
    </row>
    <row r="149449" spans="14:14">
      <c r="N149449" s="10"/>
    </row>
    <row r="149450" spans="14:14">
      <c r="N149450" s="10"/>
    </row>
    <row r="149451" spans="14:14">
      <c r="N149451" s="10"/>
    </row>
    <row r="149452" spans="14:14">
      <c r="N149452" s="10"/>
    </row>
    <row r="149453" spans="14:14">
      <c r="N149453" s="10"/>
    </row>
    <row r="149454" spans="14:14">
      <c r="N149454" s="10"/>
    </row>
    <row r="149455" spans="14:14">
      <c r="N149455" s="10"/>
    </row>
    <row r="149456" spans="14:14">
      <c r="N149456" s="10"/>
    </row>
    <row r="149457" spans="14:14">
      <c r="N149457" s="10"/>
    </row>
    <row r="149458" spans="14:14">
      <c r="N149458" s="10"/>
    </row>
    <row r="149459" spans="14:14">
      <c r="N149459" s="10"/>
    </row>
    <row r="149460" spans="14:14">
      <c r="N149460" s="10"/>
    </row>
    <row r="149461" spans="14:14">
      <c r="N149461" s="10"/>
    </row>
    <row r="149462" spans="14:14">
      <c r="N149462" s="10"/>
    </row>
    <row r="149463" spans="14:14">
      <c r="N149463" s="10"/>
    </row>
    <row r="149464" spans="14:14">
      <c r="N149464" s="10"/>
    </row>
    <row r="149465" spans="14:14">
      <c r="N149465" s="10"/>
    </row>
    <row r="149466" spans="14:14">
      <c r="N149466" s="10"/>
    </row>
    <row r="149467" spans="14:14">
      <c r="N149467" s="10"/>
    </row>
    <row r="149468" spans="14:14">
      <c r="N149468" s="10"/>
    </row>
    <row r="149469" spans="14:14">
      <c r="N149469" s="10"/>
    </row>
    <row r="149470" spans="14:14">
      <c r="N149470" s="10"/>
    </row>
    <row r="149471" spans="14:14">
      <c r="N149471" s="10"/>
    </row>
    <row r="149472" spans="14:14">
      <c r="N149472" s="10"/>
    </row>
    <row r="149473" spans="14:14">
      <c r="N149473" s="10"/>
    </row>
    <row r="149474" spans="14:14">
      <c r="N149474" s="10"/>
    </row>
    <row r="149475" spans="14:14">
      <c r="N149475" s="10"/>
    </row>
    <row r="149476" spans="14:14">
      <c r="N149476" s="10"/>
    </row>
    <row r="149477" spans="14:14">
      <c r="N149477" s="10"/>
    </row>
    <row r="149478" spans="14:14">
      <c r="N149478" s="10"/>
    </row>
    <row r="149479" spans="14:14">
      <c r="N149479" s="10"/>
    </row>
    <row r="149480" spans="14:14">
      <c r="N149480" s="10"/>
    </row>
    <row r="149481" spans="14:14">
      <c r="N149481" s="10"/>
    </row>
    <row r="149482" spans="14:14">
      <c r="N149482" s="10"/>
    </row>
    <row r="149483" spans="14:14">
      <c r="N149483" s="10"/>
    </row>
    <row r="149484" spans="14:14">
      <c r="N149484" s="10"/>
    </row>
    <row r="149485" spans="14:14">
      <c r="N149485" s="10"/>
    </row>
    <row r="149486" spans="14:14">
      <c r="N149486" s="10"/>
    </row>
    <row r="149487" spans="14:14">
      <c r="N149487" s="10"/>
    </row>
    <row r="149488" spans="14:14">
      <c r="N149488" s="10"/>
    </row>
    <row r="149489" spans="14:14">
      <c r="N149489" s="10"/>
    </row>
    <row r="149490" spans="14:14">
      <c r="N149490" s="10"/>
    </row>
    <row r="149491" spans="14:14">
      <c r="N149491" s="10"/>
    </row>
    <row r="149492" spans="14:14">
      <c r="N149492" s="10"/>
    </row>
    <row r="149493" spans="14:14">
      <c r="N149493" s="10"/>
    </row>
    <row r="149494" spans="14:14">
      <c r="N149494" s="10"/>
    </row>
    <row r="149495" spans="14:14">
      <c r="N149495" s="10"/>
    </row>
    <row r="149496" spans="14:14">
      <c r="N149496" s="10"/>
    </row>
    <row r="149497" spans="14:14">
      <c r="N149497" s="10"/>
    </row>
    <row r="149498" spans="14:14">
      <c r="N149498" s="10"/>
    </row>
    <row r="149499" spans="14:14">
      <c r="N149499" s="10"/>
    </row>
    <row r="149500" spans="14:14">
      <c r="N149500" s="10"/>
    </row>
    <row r="149501" spans="14:14">
      <c r="N149501" s="10"/>
    </row>
    <row r="149502" spans="14:14">
      <c r="N149502" s="10"/>
    </row>
    <row r="149503" spans="14:14">
      <c r="N149503" s="10"/>
    </row>
    <row r="149504" spans="14:14">
      <c r="N149504" s="10"/>
    </row>
    <row r="149505" spans="14:14">
      <c r="N149505" s="10"/>
    </row>
    <row r="149506" spans="14:14">
      <c r="N149506" s="10"/>
    </row>
    <row r="149507" spans="14:14">
      <c r="N149507" s="10"/>
    </row>
    <row r="149508" spans="14:14">
      <c r="N149508" s="10"/>
    </row>
    <row r="149509" spans="14:14">
      <c r="N149509" s="10"/>
    </row>
    <row r="149510" spans="14:14">
      <c r="N149510" s="10"/>
    </row>
    <row r="149511" spans="14:14">
      <c r="N149511" s="10"/>
    </row>
    <row r="149512" spans="14:14">
      <c r="N149512" s="10"/>
    </row>
    <row r="149513" spans="14:14">
      <c r="N149513" s="10"/>
    </row>
    <row r="149514" spans="14:14">
      <c r="N149514" s="10"/>
    </row>
    <row r="149515" spans="14:14">
      <c r="N149515" s="10"/>
    </row>
    <row r="149516" spans="14:14">
      <c r="N149516" s="10"/>
    </row>
    <row r="149517" spans="14:14">
      <c r="N149517" s="10"/>
    </row>
    <row r="149518" spans="14:14">
      <c r="N149518" s="10"/>
    </row>
    <row r="149519" spans="14:14">
      <c r="N149519" s="10"/>
    </row>
    <row r="149520" spans="14:14">
      <c r="N149520" s="10"/>
    </row>
    <row r="149521" spans="14:14">
      <c r="N149521" s="10"/>
    </row>
    <row r="149522" spans="14:14">
      <c r="N149522" s="10"/>
    </row>
    <row r="149523" spans="14:14">
      <c r="N149523" s="10"/>
    </row>
    <row r="149524" spans="14:14">
      <c r="N149524" s="10"/>
    </row>
    <row r="149525" spans="14:14">
      <c r="N149525" s="10"/>
    </row>
    <row r="149526" spans="14:14">
      <c r="N149526" s="10"/>
    </row>
    <row r="149527" spans="14:14">
      <c r="N149527" s="10"/>
    </row>
    <row r="149528" spans="14:14">
      <c r="N149528" s="10"/>
    </row>
    <row r="149529" spans="14:14">
      <c r="N149529" s="10"/>
    </row>
    <row r="149530" spans="14:14">
      <c r="N149530" s="10"/>
    </row>
    <row r="149531" spans="14:14">
      <c r="N149531" s="10"/>
    </row>
    <row r="149532" spans="14:14">
      <c r="N149532" s="10"/>
    </row>
    <row r="149533" spans="14:14">
      <c r="N149533" s="10"/>
    </row>
    <row r="149534" spans="14:14">
      <c r="N149534" s="10"/>
    </row>
    <row r="149535" spans="14:14">
      <c r="N149535" s="10"/>
    </row>
    <row r="149536" spans="14:14">
      <c r="N149536" s="10"/>
    </row>
    <row r="149537" spans="14:14">
      <c r="N149537" s="10"/>
    </row>
    <row r="149538" spans="14:14">
      <c r="N149538" s="10"/>
    </row>
    <row r="149539" spans="14:14">
      <c r="N149539" s="10"/>
    </row>
    <row r="149540" spans="14:14">
      <c r="N149540" s="10"/>
    </row>
    <row r="149541" spans="14:14">
      <c r="N149541" s="10"/>
    </row>
    <row r="149542" spans="14:14">
      <c r="N149542" s="10"/>
    </row>
    <row r="149543" spans="14:14">
      <c r="N149543" s="10"/>
    </row>
    <row r="149544" spans="14:14">
      <c r="N149544" s="10"/>
    </row>
    <row r="149545" spans="14:14">
      <c r="N149545" s="10"/>
    </row>
    <row r="149546" spans="14:14">
      <c r="N149546" s="10"/>
    </row>
    <row r="149547" spans="14:14">
      <c r="N149547" s="10"/>
    </row>
    <row r="149548" spans="14:14">
      <c r="N149548" s="10"/>
    </row>
    <row r="149549" spans="14:14">
      <c r="N149549" s="10"/>
    </row>
    <row r="149550" spans="14:14">
      <c r="N149550" s="10"/>
    </row>
    <row r="149551" spans="14:14">
      <c r="N149551" s="10"/>
    </row>
    <row r="149552" spans="14:14">
      <c r="N149552" s="10"/>
    </row>
    <row r="149553" spans="14:14">
      <c r="N149553" s="10"/>
    </row>
    <row r="149554" spans="14:14">
      <c r="N149554" s="10"/>
    </row>
    <row r="149555" spans="14:14">
      <c r="N149555" s="10"/>
    </row>
    <row r="149556" spans="14:14">
      <c r="N149556" s="10"/>
    </row>
    <row r="149557" spans="14:14">
      <c r="N149557" s="10"/>
    </row>
    <row r="149558" spans="14:14">
      <c r="N149558" s="10"/>
    </row>
    <row r="149559" spans="14:14">
      <c r="N149559" s="10"/>
    </row>
    <row r="149560" spans="14:14">
      <c r="N149560" s="10"/>
    </row>
    <row r="149561" spans="14:14">
      <c r="N149561" s="10"/>
    </row>
    <row r="149562" spans="14:14">
      <c r="N149562" s="10"/>
    </row>
    <row r="149563" spans="14:14">
      <c r="N149563" s="10"/>
    </row>
    <row r="149564" spans="14:14">
      <c r="N149564" s="10"/>
    </row>
    <row r="149565" spans="14:14">
      <c r="N149565" s="10"/>
    </row>
    <row r="149566" spans="14:14">
      <c r="N149566" s="10"/>
    </row>
    <row r="149567" spans="14:14">
      <c r="N149567" s="10"/>
    </row>
    <row r="149568" spans="14:14">
      <c r="N149568" s="10"/>
    </row>
    <row r="149569" spans="14:14">
      <c r="N149569" s="10"/>
    </row>
    <row r="149570" spans="14:14">
      <c r="N149570" s="10"/>
    </row>
    <row r="149571" spans="14:14">
      <c r="N149571" s="10"/>
    </row>
    <row r="149572" spans="14:14">
      <c r="N149572" s="10"/>
    </row>
    <row r="149573" spans="14:14">
      <c r="N149573" s="10"/>
    </row>
    <row r="149574" spans="14:14">
      <c r="N149574" s="10"/>
    </row>
    <row r="149575" spans="14:14">
      <c r="N149575" s="10"/>
    </row>
    <row r="149576" spans="14:14">
      <c r="N149576" s="10"/>
    </row>
    <row r="149577" spans="14:14">
      <c r="N149577" s="10"/>
    </row>
    <row r="149578" spans="14:14">
      <c r="N149578" s="10"/>
    </row>
    <row r="149579" spans="14:14">
      <c r="N149579" s="10"/>
    </row>
    <row r="149580" spans="14:14">
      <c r="N149580" s="10"/>
    </row>
    <row r="149581" spans="14:14">
      <c r="N149581" s="10"/>
    </row>
    <row r="149582" spans="14:14">
      <c r="N149582" s="10"/>
    </row>
    <row r="149583" spans="14:14">
      <c r="N149583" s="10"/>
    </row>
    <row r="149584" spans="14:14">
      <c r="N149584" s="10"/>
    </row>
    <row r="149585" spans="14:14">
      <c r="N149585" s="10"/>
    </row>
    <row r="149586" spans="14:14">
      <c r="N149586" s="10"/>
    </row>
    <row r="149587" spans="14:14">
      <c r="N149587" s="10"/>
    </row>
    <row r="149588" spans="14:14">
      <c r="N149588" s="10"/>
    </row>
    <row r="149589" spans="14:14">
      <c r="N149589" s="10"/>
    </row>
    <row r="149590" spans="14:14">
      <c r="N149590" s="10"/>
    </row>
    <row r="149591" spans="14:14">
      <c r="N149591" s="10"/>
    </row>
    <row r="149592" spans="14:14">
      <c r="N149592" s="10"/>
    </row>
    <row r="149593" spans="14:14">
      <c r="N149593" s="10"/>
    </row>
    <row r="149594" spans="14:14">
      <c r="N149594" s="10"/>
    </row>
    <row r="149595" spans="14:14">
      <c r="N149595" s="10"/>
    </row>
    <row r="149596" spans="14:14">
      <c r="N149596" s="10"/>
    </row>
    <row r="149597" spans="14:14">
      <c r="N149597" s="10"/>
    </row>
    <row r="149598" spans="14:14">
      <c r="N149598" s="10"/>
    </row>
    <row r="149599" spans="14:14">
      <c r="N149599" s="10"/>
    </row>
    <row r="149600" spans="14:14">
      <c r="N149600" s="10"/>
    </row>
    <row r="149601" spans="14:14">
      <c r="N149601" s="10"/>
    </row>
    <row r="149602" spans="14:14">
      <c r="N149602" s="10"/>
    </row>
    <row r="149603" spans="14:14">
      <c r="N149603" s="10"/>
    </row>
    <row r="149604" spans="14:14">
      <c r="N149604" s="10"/>
    </row>
    <row r="149605" spans="14:14">
      <c r="N149605" s="10"/>
    </row>
    <row r="149606" spans="14:14">
      <c r="N149606" s="10"/>
    </row>
    <row r="149607" spans="14:14">
      <c r="N149607" s="10"/>
    </row>
    <row r="149608" spans="14:14">
      <c r="N149608" s="10"/>
    </row>
    <row r="149609" spans="14:14">
      <c r="N149609" s="10"/>
    </row>
    <row r="149610" spans="14:14">
      <c r="N149610" s="10"/>
    </row>
    <row r="149611" spans="14:14">
      <c r="N149611" s="10"/>
    </row>
    <row r="149612" spans="14:14">
      <c r="N149612" s="10"/>
    </row>
    <row r="149613" spans="14:14">
      <c r="N149613" s="10"/>
    </row>
    <row r="149614" spans="14:14">
      <c r="N149614" s="10"/>
    </row>
    <row r="149615" spans="14:14">
      <c r="N149615" s="10"/>
    </row>
    <row r="149616" spans="14:14">
      <c r="N149616" s="10"/>
    </row>
    <row r="149617" spans="14:14">
      <c r="N149617" s="10"/>
    </row>
    <row r="149618" spans="14:14">
      <c r="N149618" s="10"/>
    </row>
    <row r="149619" spans="14:14">
      <c r="N149619" s="10"/>
    </row>
    <row r="149620" spans="14:14">
      <c r="N149620" s="10"/>
    </row>
    <row r="149621" spans="14:14">
      <c r="N149621" s="10"/>
    </row>
    <row r="149622" spans="14:14">
      <c r="N149622" s="10"/>
    </row>
    <row r="149623" spans="14:14">
      <c r="N149623" s="10"/>
    </row>
    <row r="149624" spans="14:14">
      <c r="N149624" s="10"/>
    </row>
    <row r="149625" spans="14:14">
      <c r="N149625" s="10"/>
    </row>
    <row r="149626" spans="14:14">
      <c r="N149626" s="10"/>
    </row>
    <row r="149627" spans="14:14">
      <c r="N149627" s="10"/>
    </row>
    <row r="149628" spans="14:14">
      <c r="N149628" s="10"/>
    </row>
    <row r="149629" spans="14:14">
      <c r="N149629" s="10"/>
    </row>
    <row r="149630" spans="14:14">
      <c r="N149630" s="10"/>
    </row>
    <row r="149631" spans="14:14">
      <c r="N149631" s="10"/>
    </row>
    <row r="149632" spans="14:14">
      <c r="N149632" s="10"/>
    </row>
    <row r="149633" spans="14:14">
      <c r="N149633" s="10"/>
    </row>
    <row r="149634" spans="14:14">
      <c r="N149634" s="10"/>
    </row>
    <row r="149635" spans="14:14">
      <c r="N149635" s="10"/>
    </row>
    <row r="149636" spans="14:14">
      <c r="N149636" s="10"/>
    </row>
    <row r="149637" spans="14:14">
      <c r="N149637" s="10"/>
    </row>
    <row r="149638" spans="14:14">
      <c r="N149638" s="10"/>
    </row>
    <row r="149639" spans="14:14">
      <c r="N149639" s="10"/>
    </row>
    <row r="149640" spans="14:14">
      <c r="N149640" s="10"/>
    </row>
    <row r="149641" spans="14:14">
      <c r="N149641" s="10"/>
    </row>
    <row r="149642" spans="14:14">
      <c r="N149642" s="10"/>
    </row>
    <row r="149643" spans="14:14">
      <c r="N149643" s="10"/>
    </row>
    <row r="149644" spans="14:14">
      <c r="N149644" s="10"/>
    </row>
    <row r="149645" spans="14:14">
      <c r="N149645" s="10"/>
    </row>
    <row r="149646" spans="14:14">
      <c r="N149646" s="10"/>
    </row>
    <row r="149647" spans="14:14">
      <c r="N149647" s="10"/>
    </row>
    <row r="149648" spans="14:14">
      <c r="N149648" s="10"/>
    </row>
    <row r="149649" spans="14:14">
      <c r="N149649" s="10"/>
    </row>
    <row r="149650" spans="14:14">
      <c r="N149650" s="10"/>
    </row>
    <row r="149651" spans="14:14">
      <c r="N149651" s="10"/>
    </row>
    <row r="149652" spans="14:14">
      <c r="N149652" s="10"/>
    </row>
    <row r="149653" spans="14:14">
      <c r="N149653" s="10"/>
    </row>
    <row r="149654" spans="14:14">
      <c r="N149654" s="10"/>
    </row>
    <row r="149655" spans="14:14">
      <c r="N149655" s="10"/>
    </row>
    <row r="149656" spans="14:14">
      <c r="N149656" s="10"/>
    </row>
    <row r="149657" spans="14:14">
      <c r="N149657" s="10"/>
    </row>
    <row r="149658" spans="14:14">
      <c r="N149658" s="10"/>
    </row>
    <row r="149659" spans="14:14">
      <c r="N149659" s="10"/>
    </row>
    <row r="149660" spans="14:14">
      <c r="N149660" s="10"/>
    </row>
    <row r="149661" spans="14:14">
      <c r="N149661" s="10"/>
    </row>
    <row r="149662" spans="14:14">
      <c r="N149662" s="10"/>
    </row>
    <row r="149663" spans="14:14">
      <c r="N149663" s="10"/>
    </row>
    <row r="149664" spans="14:14">
      <c r="N149664" s="10"/>
    </row>
    <row r="149665" spans="14:14">
      <c r="N149665" s="10"/>
    </row>
    <row r="149666" spans="14:14">
      <c r="N149666" s="10"/>
    </row>
    <row r="149667" spans="14:14">
      <c r="N149667" s="10"/>
    </row>
    <row r="149668" spans="14:14">
      <c r="N149668" s="10"/>
    </row>
    <row r="149669" spans="14:14">
      <c r="N149669" s="10"/>
    </row>
    <row r="149670" spans="14:14">
      <c r="N149670" s="10"/>
    </row>
    <row r="149671" spans="14:14">
      <c r="N149671" s="10"/>
    </row>
    <row r="149672" spans="14:14">
      <c r="N149672" s="10"/>
    </row>
    <row r="149673" spans="14:14">
      <c r="N149673" s="10"/>
    </row>
    <row r="149674" spans="14:14">
      <c r="N149674" s="10"/>
    </row>
    <row r="149675" spans="14:14">
      <c r="N149675" s="10"/>
    </row>
    <row r="149676" spans="14:14">
      <c r="N149676" s="10"/>
    </row>
    <row r="149677" spans="14:14">
      <c r="N149677" s="10"/>
    </row>
    <row r="149678" spans="14:14">
      <c r="N149678" s="10"/>
    </row>
    <row r="149679" spans="14:14">
      <c r="N149679" s="10"/>
    </row>
    <row r="149680" spans="14:14">
      <c r="N149680" s="10"/>
    </row>
    <row r="149681" spans="14:14">
      <c r="N149681" s="10"/>
    </row>
    <row r="149682" spans="14:14">
      <c r="N149682" s="10"/>
    </row>
    <row r="149683" spans="14:14">
      <c r="N149683" s="10"/>
    </row>
    <row r="149684" spans="14:14">
      <c r="N149684" s="10"/>
    </row>
    <row r="149685" spans="14:14">
      <c r="N149685" s="10"/>
    </row>
    <row r="149686" spans="14:14">
      <c r="N149686" s="10"/>
    </row>
    <row r="149687" spans="14:14">
      <c r="N149687" s="10"/>
    </row>
    <row r="149688" spans="14:14">
      <c r="N149688" s="10"/>
    </row>
    <row r="149689" spans="14:14">
      <c r="N149689" s="10"/>
    </row>
    <row r="149690" spans="14:14">
      <c r="N149690" s="10"/>
    </row>
    <row r="149691" spans="14:14">
      <c r="N149691" s="10"/>
    </row>
    <row r="149692" spans="14:14">
      <c r="N149692" s="10"/>
    </row>
    <row r="149693" spans="14:14">
      <c r="N149693" s="10"/>
    </row>
    <row r="149694" spans="14:14">
      <c r="N149694" s="10"/>
    </row>
    <row r="149695" spans="14:14">
      <c r="N149695" s="10"/>
    </row>
    <row r="149696" spans="14:14">
      <c r="N149696" s="10"/>
    </row>
    <row r="149697" spans="14:14">
      <c r="N149697" s="10"/>
    </row>
    <row r="149698" spans="14:14">
      <c r="N149698" s="10"/>
    </row>
    <row r="149699" spans="14:14">
      <c r="N149699" s="10"/>
    </row>
    <row r="149700" spans="14:14">
      <c r="N149700" s="10"/>
    </row>
    <row r="149701" spans="14:14">
      <c r="N149701" s="10"/>
    </row>
    <row r="149702" spans="14:14">
      <c r="N149702" s="10"/>
    </row>
    <row r="149703" spans="14:14">
      <c r="N149703" s="10"/>
    </row>
    <row r="149704" spans="14:14">
      <c r="N149704" s="10"/>
    </row>
    <row r="149705" spans="14:14">
      <c r="N149705" s="10"/>
    </row>
    <row r="149706" spans="14:14">
      <c r="N149706" s="10"/>
    </row>
    <row r="149707" spans="14:14">
      <c r="N149707" s="10"/>
    </row>
    <row r="149708" spans="14:14">
      <c r="N149708" s="10"/>
    </row>
    <row r="149709" spans="14:14">
      <c r="N149709" s="10"/>
    </row>
    <row r="149710" spans="14:14">
      <c r="N149710" s="10"/>
    </row>
    <row r="149711" spans="14:14">
      <c r="N149711" s="10"/>
    </row>
    <row r="149712" spans="14:14">
      <c r="N149712" s="10"/>
    </row>
    <row r="149713" spans="14:14">
      <c r="N149713" s="10"/>
    </row>
    <row r="149714" spans="14:14">
      <c r="N149714" s="10"/>
    </row>
    <row r="149715" spans="14:14">
      <c r="N149715" s="10"/>
    </row>
    <row r="149716" spans="14:14">
      <c r="N149716" s="10"/>
    </row>
    <row r="149717" spans="14:14">
      <c r="N149717" s="10"/>
    </row>
    <row r="149718" spans="14:14">
      <c r="N149718" s="10"/>
    </row>
    <row r="149719" spans="14:14">
      <c r="N149719" s="10"/>
    </row>
    <row r="149720" spans="14:14">
      <c r="N149720" s="10"/>
    </row>
    <row r="149721" spans="14:14">
      <c r="N149721" s="10"/>
    </row>
    <row r="149722" spans="14:14">
      <c r="N149722" s="10"/>
    </row>
    <row r="149723" spans="14:14">
      <c r="N149723" s="10"/>
    </row>
    <row r="149724" spans="14:14">
      <c r="N149724" s="10"/>
    </row>
    <row r="149725" spans="14:14">
      <c r="N149725" s="10"/>
    </row>
    <row r="149726" spans="14:14">
      <c r="N149726" s="10"/>
    </row>
    <row r="149727" spans="14:14">
      <c r="N149727" s="10"/>
    </row>
    <row r="149728" spans="14:14">
      <c r="N149728" s="10"/>
    </row>
    <row r="149729" spans="14:14">
      <c r="N149729" s="10"/>
    </row>
    <row r="149730" spans="14:14">
      <c r="N149730" s="10"/>
    </row>
    <row r="149731" spans="14:14">
      <c r="N149731" s="10"/>
    </row>
    <row r="149732" spans="14:14">
      <c r="N149732" s="10"/>
    </row>
    <row r="149733" spans="14:14">
      <c r="N149733" s="10"/>
    </row>
    <row r="149734" spans="14:14">
      <c r="N149734" s="10"/>
    </row>
    <row r="149735" spans="14:14">
      <c r="N149735" s="10"/>
    </row>
    <row r="149736" spans="14:14">
      <c r="N149736" s="10"/>
    </row>
    <row r="149737" spans="14:14">
      <c r="N149737" s="10"/>
    </row>
    <row r="149738" spans="14:14">
      <c r="N149738" s="10"/>
    </row>
    <row r="149739" spans="14:14">
      <c r="N149739" s="10"/>
    </row>
    <row r="149740" spans="14:14">
      <c r="N149740" s="10"/>
    </row>
    <row r="149741" spans="14:14">
      <c r="N149741" s="10"/>
    </row>
    <row r="149742" spans="14:14">
      <c r="N149742" s="10"/>
    </row>
    <row r="149743" spans="14:14">
      <c r="N149743" s="10"/>
    </row>
    <row r="149744" spans="14:14">
      <c r="N149744" s="10"/>
    </row>
    <row r="149745" spans="14:14">
      <c r="N149745" s="10"/>
    </row>
    <row r="149746" spans="14:14">
      <c r="N149746" s="10"/>
    </row>
    <row r="149747" spans="14:14">
      <c r="N149747" s="10"/>
    </row>
    <row r="149748" spans="14:14">
      <c r="N149748" s="10"/>
    </row>
    <row r="149749" spans="14:14">
      <c r="N149749" s="10"/>
    </row>
    <row r="149750" spans="14:14">
      <c r="N149750" s="10"/>
    </row>
    <row r="149751" spans="14:14">
      <c r="N149751" s="10"/>
    </row>
    <row r="149752" spans="14:14">
      <c r="N149752" s="10"/>
    </row>
    <row r="149753" spans="14:14">
      <c r="N149753" s="10"/>
    </row>
    <row r="149754" spans="14:14">
      <c r="N149754" s="10"/>
    </row>
    <row r="149755" spans="14:14">
      <c r="N149755" s="10"/>
    </row>
    <row r="149756" spans="14:14">
      <c r="N149756" s="10"/>
    </row>
    <row r="149757" spans="14:14">
      <c r="N149757" s="10"/>
    </row>
    <row r="149758" spans="14:14">
      <c r="N149758" s="10"/>
    </row>
    <row r="149759" spans="14:14">
      <c r="N149759" s="10"/>
    </row>
    <row r="149760" spans="14:14">
      <c r="N149760" s="10"/>
    </row>
    <row r="149761" spans="14:14">
      <c r="N149761" s="10"/>
    </row>
    <row r="149762" spans="14:14">
      <c r="N149762" s="10"/>
    </row>
    <row r="149763" spans="14:14">
      <c r="N149763" s="10"/>
    </row>
    <row r="149764" spans="14:14">
      <c r="N149764" s="10"/>
    </row>
    <row r="149765" spans="14:14">
      <c r="N149765" s="10"/>
    </row>
    <row r="149766" spans="14:14">
      <c r="N149766" s="10"/>
    </row>
    <row r="149767" spans="14:14">
      <c r="N149767" s="10"/>
    </row>
    <row r="149768" spans="14:14">
      <c r="N149768" s="10"/>
    </row>
    <row r="149769" spans="14:14">
      <c r="N149769" s="10"/>
    </row>
    <row r="149770" spans="14:14">
      <c r="N149770" s="10"/>
    </row>
    <row r="149771" spans="14:14">
      <c r="N149771" s="10"/>
    </row>
    <row r="149772" spans="14:14">
      <c r="N149772" s="10"/>
    </row>
    <row r="149773" spans="14:14">
      <c r="N149773" s="10"/>
    </row>
    <row r="149774" spans="14:14">
      <c r="N149774" s="10"/>
    </row>
    <row r="149775" spans="14:14">
      <c r="N149775" s="10"/>
    </row>
    <row r="149776" spans="14:14">
      <c r="N149776" s="10"/>
    </row>
    <row r="149777" spans="14:14">
      <c r="N149777" s="10"/>
    </row>
    <row r="149778" spans="14:14">
      <c r="N149778" s="10"/>
    </row>
    <row r="149779" spans="14:14">
      <c r="N149779" s="10"/>
    </row>
    <row r="149780" spans="14:14">
      <c r="N149780" s="10"/>
    </row>
    <row r="149781" spans="14:14">
      <c r="N149781" s="10"/>
    </row>
    <row r="149782" spans="14:14">
      <c r="N149782" s="10"/>
    </row>
    <row r="149783" spans="14:14">
      <c r="N149783" s="10"/>
    </row>
    <row r="149784" spans="14:14">
      <c r="N149784" s="10"/>
    </row>
    <row r="149785" spans="14:14">
      <c r="N149785" s="10"/>
    </row>
    <row r="149786" spans="14:14">
      <c r="N149786" s="10"/>
    </row>
    <row r="149787" spans="14:14">
      <c r="N149787" s="10"/>
    </row>
    <row r="149788" spans="14:14">
      <c r="N149788" s="10"/>
    </row>
    <row r="149789" spans="14:14">
      <c r="N149789" s="10"/>
    </row>
    <row r="149790" spans="14:14">
      <c r="N149790" s="10"/>
    </row>
    <row r="149791" spans="14:14">
      <c r="N149791" s="10"/>
    </row>
    <row r="149792" spans="14:14">
      <c r="N149792" s="10"/>
    </row>
    <row r="149793" spans="14:14">
      <c r="N149793" s="10"/>
    </row>
    <row r="149794" spans="14:14">
      <c r="N149794" s="10"/>
    </row>
    <row r="149795" spans="14:14">
      <c r="N149795" s="10"/>
    </row>
    <row r="149796" spans="14:14">
      <c r="N149796" s="10"/>
    </row>
    <row r="149797" spans="14:14">
      <c r="N149797" s="10"/>
    </row>
    <row r="149798" spans="14:14">
      <c r="N149798" s="10"/>
    </row>
    <row r="149799" spans="14:14">
      <c r="N149799" s="10"/>
    </row>
    <row r="149800" spans="14:14">
      <c r="N149800" s="10"/>
    </row>
    <row r="149801" spans="14:14">
      <c r="N149801" s="10"/>
    </row>
    <row r="149802" spans="14:14">
      <c r="N149802" s="10"/>
    </row>
    <row r="149803" spans="14:14">
      <c r="N149803" s="10"/>
    </row>
    <row r="149804" spans="14:14">
      <c r="N149804" s="10"/>
    </row>
    <row r="149805" spans="14:14">
      <c r="N149805" s="10"/>
    </row>
    <row r="149806" spans="14:14">
      <c r="N149806" s="10"/>
    </row>
    <row r="149807" spans="14:14">
      <c r="N149807" s="10"/>
    </row>
    <row r="149808" spans="14:14">
      <c r="N149808" s="10"/>
    </row>
    <row r="149809" spans="14:14">
      <c r="N149809" s="10"/>
    </row>
    <row r="149810" spans="14:14">
      <c r="N149810" s="10"/>
    </row>
    <row r="149811" spans="14:14">
      <c r="N149811" s="10"/>
    </row>
    <row r="149812" spans="14:14">
      <c r="N149812" s="10"/>
    </row>
    <row r="149813" spans="14:14">
      <c r="N149813" s="10"/>
    </row>
    <row r="149814" spans="14:14">
      <c r="N149814" s="10"/>
    </row>
    <row r="149815" spans="14:14">
      <c r="N149815" s="10"/>
    </row>
    <row r="149816" spans="14:14">
      <c r="N149816" s="10"/>
    </row>
    <row r="149817" spans="14:14">
      <c r="N149817" s="10"/>
    </row>
    <row r="149818" spans="14:14">
      <c r="N149818" s="10"/>
    </row>
    <row r="149819" spans="14:14">
      <c r="N149819" s="10"/>
    </row>
    <row r="149820" spans="14:14">
      <c r="N149820" s="10"/>
    </row>
    <row r="149821" spans="14:14">
      <c r="N149821" s="10"/>
    </row>
    <row r="149822" spans="14:14">
      <c r="N149822" s="10"/>
    </row>
    <row r="149823" spans="14:14">
      <c r="N149823" s="10"/>
    </row>
    <row r="149824" spans="14:14">
      <c r="N149824" s="10"/>
    </row>
    <row r="149825" spans="14:14">
      <c r="N149825" s="10"/>
    </row>
    <row r="149826" spans="14:14">
      <c r="N149826" s="10"/>
    </row>
    <row r="149827" spans="14:14">
      <c r="N149827" s="10"/>
    </row>
    <row r="149828" spans="14:14">
      <c r="N149828" s="10"/>
    </row>
    <row r="149829" spans="14:14">
      <c r="N149829" s="10"/>
    </row>
    <row r="149830" spans="14:14">
      <c r="N149830" s="10"/>
    </row>
    <row r="149831" spans="14:14">
      <c r="N149831" s="10"/>
    </row>
    <row r="149832" spans="14:14">
      <c r="N149832" s="10"/>
    </row>
    <row r="149833" spans="14:14">
      <c r="N149833" s="10"/>
    </row>
    <row r="149834" spans="14:14">
      <c r="N149834" s="10"/>
    </row>
    <row r="149835" spans="14:14">
      <c r="N149835" s="10"/>
    </row>
    <row r="149836" spans="14:14">
      <c r="N149836" s="10"/>
    </row>
    <row r="149837" spans="14:14">
      <c r="N149837" s="10"/>
    </row>
    <row r="149838" spans="14:14">
      <c r="N149838" s="10"/>
    </row>
    <row r="149839" spans="14:14">
      <c r="N149839" s="10"/>
    </row>
    <row r="149840" spans="14:14">
      <c r="N149840" s="10"/>
    </row>
    <row r="149841" spans="14:14">
      <c r="N149841" s="10"/>
    </row>
    <row r="149842" spans="14:14">
      <c r="N149842" s="10"/>
    </row>
    <row r="149843" spans="14:14">
      <c r="N149843" s="10"/>
    </row>
    <row r="149844" spans="14:14">
      <c r="N149844" s="10"/>
    </row>
    <row r="149845" spans="14:14">
      <c r="N149845" s="10"/>
    </row>
    <row r="149846" spans="14:14">
      <c r="N149846" s="10"/>
    </row>
    <row r="149847" spans="14:14">
      <c r="N149847" s="10"/>
    </row>
    <row r="149848" spans="14:14">
      <c r="N149848" s="10"/>
    </row>
    <row r="149849" spans="14:14">
      <c r="N149849" s="10"/>
    </row>
    <row r="149850" spans="14:14">
      <c r="N149850" s="10"/>
    </row>
    <row r="149851" spans="14:14">
      <c r="N149851" s="10"/>
    </row>
    <row r="149852" spans="14:14">
      <c r="N149852" s="10"/>
    </row>
    <row r="149853" spans="14:14">
      <c r="N149853" s="10"/>
    </row>
    <row r="149854" spans="14:14">
      <c r="N149854" s="10"/>
    </row>
    <row r="149855" spans="14:14">
      <c r="N149855" s="10"/>
    </row>
    <row r="149856" spans="14:14">
      <c r="N149856" s="10"/>
    </row>
    <row r="149857" spans="14:14">
      <c r="N149857" s="10"/>
    </row>
    <row r="149858" spans="14:14">
      <c r="N149858" s="10"/>
    </row>
    <row r="149859" spans="14:14">
      <c r="N149859" s="10"/>
    </row>
    <row r="149860" spans="14:14">
      <c r="N149860" s="10"/>
    </row>
    <row r="149861" spans="14:14">
      <c r="N149861" s="10"/>
    </row>
    <row r="149862" spans="14:14">
      <c r="N149862" s="10"/>
    </row>
    <row r="149863" spans="14:14">
      <c r="N149863" s="10"/>
    </row>
    <row r="149864" spans="14:14">
      <c r="N149864" s="10"/>
    </row>
    <row r="149865" spans="14:14">
      <c r="N149865" s="10"/>
    </row>
    <row r="149866" spans="14:14">
      <c r="N149866" s="10"/>
    </row>
    <row r="149867" spans="14:14">
      <c r="N149867" s="10"/>
    </row>
    <row r="149868" spans="14:14">
      <c r="N149868" s="10"/>
    </row>
    <row r="149869" spans="14:14">
      <c r="N149869" s="10"/>
    </row>
    <row r="149870" spans="14:14">
      <c r="N149870" s="10"/>
    </row>
    <row r="149871" spans="14:14">
      <c r="N149871" s="10"/>
    </row>
    <row r="149872" spans="14:14">
      <c r="N149872" s="10"/>
    </row>
    <row r="149873" spans="14:14">
      <c r="N149873" s="10"/>
    </row>
    <row r="149874" spans="14:14">
      <c r="N149874" s="10"/>
    </row>
    <row r="149875" spans="14:14">
      <c r="N149875" s="10"/>
    </row>
    <row r="149876" spans="14:14">
      <c r="N149876" s="10"/>
    </row>
    <row r="149877" spans="14:14">
      <c r="N149877" s="10"/>
    </row>
    <row r="149878" spans="14:14">
      <c r="N149878" s="10"/>
    </row>
    <row r="149879" spans="14:14">
      <c r="N149879" s="10"/>
    </row>
    <row r="149880" spans="14:14">
      <c r="N149880" s="10"/>
    </row>
    <row r="149881" spans="14:14">
      <c r="N149881" s="10"/>
    </row>
    <row r="149882" spans="14:14">
      <c r="N149882" s="10"/>
    </row>
    <row r="149883" spans="14:14">
      <c r="N149883" s="10"/>
    </row>
    <row r="149884" spans="14:14">
      <c r="N149884" s="10"/>
    </row>
    <row r="149885" spans="14:14">
      <c r="N149885" s="10"/>
    </row>
    <row r="149886" spans="14:14">
      <c r="N149886" s="10"/>
    </row>
    <row r="149887" spans="14:14">
      <c r="N149887" s="10"/>
    </row>
    <row r="149888" spans="14:14">
      <c r="N149888" s="10"/>
    </row>
    <row r="149889" spans="14:14">
      <c r="N149889" s="10"/>
    </row>
    <row r="149890" spans="14:14">
      <c r="N149890" s="10"/>
    </row>
    <row r="149891" spans="14:14">
      <c r="N149891" s="10"/>
    </row>
    <row r="149892" spans="14:14">
      <c r="N149892" s="10"/>
    </row>
    <row r="149893" spans="14:14">
      <c r="N149893" s="10"/>
    </row>
    <row r="149894" spans="14:14">
      <c r="N149894" s="10"/>
    </row>
    <row r="149895" spans="14:14">
      <c r="N149895" s="10"/>
    </row>
    <row r="149896" spans="14:14">
      <c r="N149896" s="10"/>
    </row>
    <row r="149897" spans="14:14">
      <c r="N149897" s="10"/>
    </row>
    <row r="149898" spans="14:14">
      <c r="N149898" s="10"/>
    </row>
    <row r="149899" spans="14:14">
      <c r="N149899" s="10"/>
    </row>
    <row r="149900" spans="14:14">
      <c r="N149900" s="10"/>
    </row>
    <row r="149901" spans="14:14">
      <c r="N149901" s="10"/>
    </row>
    <row r="149902" spans="14:14">
      <c r="N149902" s="10"/>
    </row>
    <row r="149903" spans="14:14">
      <c r="N149903" s="10"/>
    </row>
    <row r="149904" spans="14:14">
      <c r="N149904" s="10"/>
    </row>
    <row r="149905" spans="14:14">
      <c r="N149905" s="10"/>
    </row>
    <row r="149906" spans="14:14">
      <c r="N149906" s="10"/>
    </row>
    <row r="149907" spans="14:14">
      <c r="N149907" s="10"/>
    </row>
    <row r="149908" spans="14:14">
      <c r="N149908" s="10"/>
    </row>
    <row r="149909" spans="14:14">
      <c r="N149909" s="10"/>
    </row>
    <row r="149910" spans="14:14">
      <c r="N149910" s="10"/>
    </row>
    <row r="149911" spans="14:14">
      <c r="N149911" s="10"/>
    </row>
    <row r="149912" spans="14:14">
      <c r="N149912" s="10"/>
    </row>
    <row r="149913" spans="14:14">
      <c r="N149913" s="10"/>
    </row>
    <row r="149914" spans="14:14">
      <c r="N149914" s="10"/>
    </row>
    <row r="149915" spans="14:14">
      <c r="N149915" s="10"/>
    </row>
    <row r="149916" spans="14:14">
      <c r="N149916" s="10"/>
    </row>
    <row r="149917" spans="14:14">
      <c r="N149917" s="10"/>
    </row>
    <row r="149918" spans="14:14">
      <c r="N149918" s="10"/>
    </row>
    <row r="149919" spans="14:14">
      <c r="N149919" s="10"/>
    </row>
    <row r="149920" spans="14:14">
      <c r="N149920" s="10"/>
    </row>
    <row r="149921" spans="14:14">
      <c r="N149921" s="10"/>
    </row>
    <row r="149922" spans="14:14">
      <c r="N149922" s="10"/>
    </row>
    <row r="149923" spans="14:14">
      <c r="N149923" s="10"/>
    </row>
    <row r="149924" spans="14:14">
      <c r="N149924" s="10"/>
    </row>
    <row r="149925" spans="14:14">
      <c r="N149925" s="10"/>
    </row>
    <row r="149926" spans="14:14">
      <c r="N149926" s="10"/>
    </row>
    <row r="149927" spans="14:14">
      <c r="N149927" s="10"/>
    </row>
    <row r="149928" spans="14:14">
      <c r="N149928" s="10"/>
    </row>
    <row r="149929" spans="14:14">
      <c r="N149929" s="10"/>
    </row>
    <row r="149930" spans="14:14">
      <c r="N149930" s="10"/>
    </row>
    <row r="149931" spans="14:14">
      <c r="N149931" s="10"/>
    </row>
    <row r="149932" spans="14:14">
      <c r="N149932" s="10"/>
    </row>
    <row r="149933" spans="14:14">
      <c r="N149933" s="10"/>
    </row>
    <row r="149934" spans="14:14">
      <c r="N149934" s="10"/>
    </row>
    <row r="149935" spans="14:14">
      <c r="N149935" s="10"/>
    </row>
    <row r="149936" spans="14:14">
      <c r="N149936" s="10"/>
    </row>
    <row r="149937" spans="14:14">
      <c r="N149937" s="10"/>
    </row>
    <row r="149938" spans="14:14">
      <c r="N149938" s="10"/>
    </row>
    <row r="149939" spans="14:14">
      <c r="N149939" s="10"/>
    </row>
    <row r="149940" spans="14:14">
      <c r="N149940" s="10"/>
    </row>
    <row r="149941" spans="14:14">
      <c r="N149941" s="10"/>
    </row>
    <row r="149942" spans="14:14">
      <c r="N149942" s="10"/>
    </row>
    <row r="149943" spans="14:14">
      <c r="N149943" s="10"/>
    </row>
    <row r="149944" spans="14:14">
      <c r="N149944" s="10"/>
    </row>
    <row r="149945" spans="14:14">
      <c r="N149945" s="10"/>
    </row>
    <row r="149946" spans="14:14">
      <c r="N149946" s="10"/>
    </row>
    <row r="149947" spans="14:14">
      <c r="N149947" s="10"/>
    </row>
    <row r="149948" spans="14:14">
      <c r="N149948" s="10"/>
    </row>
    <row r="149949" spans="14:14">
      <c r="N149949" s="10"/>
    </row>
    <row r="149950" spans="14:14">
      <c r="N149950" s="10"/>
    </row>
    <row r="149951" spans="14:14">
      <c r="N149951" s="10"/>
    </row>
    <row r="149952" spans="14:14">
      <c r="N149952" s="10"/>
    </row>
    <row r="149953" spans="14:14">
      <c r="N149953" s="10"/>
    </row>
    <row r="149954" spans="14:14">
      <c r="N149954" s="10"/>
    </row>
    <row r="149955" spans="14:14">
      <c r="N149955" s="10"/>
    </row>
    <row r="149956" spans="14:14">
      <c r="N149956" s="10"/>
    </row>
    <row r="149957" spans="14:14">
      <c r="N149957" s="10"/>
    </row>
    <row r="149958" spans="14:14">
      <c r="N149958" s="10"/>
    </row>
    <row r="149959" spans="14:14">
      <c r="N149959" s="10"/>
    </row>
    <row r="149960" spans="14:14">
      <c r="N149960" s="10"/>
    </row>
    <row r="149961" spans="14:14">
      <c r="N149961" s="10"/>
    </row>
    <row r="149962" spans="14:14">
      <c r="N149962" s="10"/>
    </row>
    <row r="149963" spans="14:14">
      <c r="N149963" s="10"/>
    </row>
    <row r="149964" spans="14:14">
      <c r="N149964" s="10"/>
    </row>
    <row r="149965" spans="14:14">
      <c r="N149965" s="10"/>
    </row>
    <row r="149966" spans="14:14">
      <c r="N149966" s="10"/>
    </row>
    <row r="149967" spans="14:14">
      <c r="N149967" s="10"/>
    </row>
    <row r="149968" spans="14:14">
      <c r="N149968" s="10"/>
    </row>
    <row r="149969" spans="14:14">
      <c r="N149969" s="10"/>
    </row>
    <row r="149970" spans="14:14">
      <c r="N149970" s="10"/>
    </row>
    <row r="149971" spans="14:14">
      <c r="N149971" s="10"/>
    </row>
    <row r="149972" spans="14:14">
      <c r="N149972" s="10"/>
    </row>
    <row r="149973" spans="14:14">
      <c r="N149973" s="10"/>
    </row>
    <row r="149974" spans="14:14">
      <c r="N149974" s="10"/>
    </row>
    <row r="149975" spans="14:14">
      <c r="N149975" s="10"/>
    </row>
    <row r="149976" spans="14:14">
      <c r="N149976" s="10"/>
    </row>
    <row r="149977" spans="14:14">
      <c r="N149977" s="10"/>
    </row>
    <row r="149978" spans="14:14">
      <c r="N149978" s="10"/>
    </row>
    <row r="149979" spans="14:14">
      <c r="N149979" s="10"/>
    </row>
    <row r="149980" spans="14:14">
      <c r="N149980" s="10"/>
    </row>
    <row r="149981" spans="14:14">
      <c r="N149981" s="10"/>
    </row>
    <row r="149982" spans="14:14">
      <c r="N149982" s="10"/>
    </row>
    <row r="149983" spans="14:14">
      <c r="N149983" s="10"/>
    </row>
    <row r="149984" spans="14:14">
      <c r="N149984" s="10"/>
    </row>
    <row r="149985" spans="14:14">
      <c r="N149985" s="10"/>
    </row>
    <row r="149986" spans="14:14">
      <c r="N149986" s="10"/>
    </row>
    <row r="149987" spans="14:14">
      <c r="N149987" s="10"/>
    </row>
    <row r="149988" spans="14:14">
      <c r="N149988" s="10"/>
    </row>
    <row r="149989" spans="14:14">
      <c r="N149989" s="10"/>
    </row>
    <row r="149990" spans="14:14">
      <c r="N149990" s="10"/>
    </row>
    <row r="149991" spans="14:14">
      <c r="N149991" s="10"/>
    </row>
    <row r="149992" spans="14:14">
      <c r="N149992" s="10"/>
    </row>
    <row r="149993" spans="14:14">
      <c r="N149993" s="10"/>
    </row>
    <row r="149994" spans="14:14">
      <c r="N149994" s="10"/>
    </row>
    <row r="149995" spans="14:14">
      <c r="N149995" s="10"/>
    </row>
    <row r="149996" spans="14:14">
      <c r="N149996" s="10"/>
    </row>
    <row r="149997" spans="14:14">
      <c r="N149997" s="10"/>
    </row>
    <row r="149998" spans="14:14">
      <c r="N149998" s="10"/>
    </row>
    <row r="149999" spans="14:14">
      <c r="N149999" s="10"/>
    </row>
    <row r="150000" spans="14:14">
      <c r="N150000" s="10"/>
    </row>
    <row r="150001" spans="14:14">
      <c r="N150001" s="10"/>
    </row>
    <row r="150002" spans="14:14">
      <c r="N150002" s="10"/>
    </row>
    <row r="150003" spans="14:14">
      <c r="N150003" s="10"/>
    </row>
    <row r="150004" spans="14:14">
      <c r="N150004" s="10"/>
    </row>
    <row r="150005" spans="14:14">
      <c r="N150005" s="10"/>
    </row>
    <row r="150006" spans="14:14">
      <c r="N150006" s="10"/>
    </row>
    <row r="150007" spans="14:14">
      <c r="N150007" s="10"/>
    </row>
    <row r="150008" spans="14:14">
      <c r="N150008" s="10"/>
    </row>
    <row r="150009" spans="14:14">
      <c r="N150009" s="10"/>
    </row>
    <row r="150010" spans="14:14">
      <c r="N150010" s="10"/>
    </row>
    <row r="150011" spans="14:14">
      <c r="N150011" s="10"/>
    </row>
    <row r="150012" spans="14:14">
      <c r="N150012" s="10"/>
    </row>
    <row r="150013" spans="14:14">
      <c r="N150013" s="10"/>
    </row>
    <row r="150014" spans="14:14">
      <c r="N150014" s="10"/>
    </row>
    <row r="150015" spans="14:14">
      <c r="N150015" s="10"/>
    </row>
    <row r="150016" spans="14:14">
      <c r="N150016" s="10"/>
    </row>
    <row r="150017" spans="14:14">
      <c r="N150017" s="10"/>
    </row>
    <row r="150018" spans="14:14">
      <c r="N150018" s="10"/>
    </row>
    <row r="150019" spans="14:14">
      <c r="N150019" s="10"/>
    </row>
    <row r="150020" spans="14:14">
      <c r="N150020" s="10"/>
    </row>
    <row r="150021" spans="14:14">
      <c r="N150021" s="10"/>
    </row>
    <row r="150022" spans="14:14">
      <c r="N150022" s="10"/>
    </row>
    <row r="150023" spans="14:14">
      <c r="N150023" s="10"/>
    </row>
    <row r="150024" spans="14:14">
      <c r="N150024" s="10"/>
    </row>
    <row r="150025" spans="14:14">
      <c r="N150025" s="10"/>
    </row>
    <row r="150026" spans="14:14">
      <c r="N150026" s="10"/>
    </row>
    <row r="150027" spans="14:14">
      <c r="N150027" s="10"/>
    </row>
    <row r="150028" spans="14:14">
      <c r="N150028" s="10"/>
    </row>
    <row r="150029" spans="14:14">
      <c r="N150029" s="10"/>
    </row>
    <row r="150030" spans="14:14">
      <c r="N150030" s="10"/>
    </row>
    <row r="150031" spans="14:14">
      <c r="N150031" s="10"/>
    </row>
    <row r="150032" spans="14:14">
      <c r="N150032" s="10"/>
    </row>
    <row r="150033" spans="14:14">
      <c r="N150033" s="10"/>
    </row>
    <row r="150034" spans="14:14">
      <c r="N150034" s="10"/>
    </row>
    <row r="150035" spans="14:14">
      <c r="N150035" s="10"/>
    </row>
    <row r="150036" spans="14:14">
      <c r="N150036" s="10"/>
    </row>
    <row r="150037" spans="14:14">
      <c r="N150037" s="10"/>
    </row>
    <row r="150038" spans="14:14">
      <c r="N150038" s="10"/>
    </row>
    <row r="150039" spans="14:14">
      <c r="N150039" s="10"/>
    </row>
    <row r="150040" spans="14:14">
      <c r="N150040" s="10"/>
    </row>
    <row r="150041" spans="14:14">
      <c r="N150041" s="10"/>
    </row>
    <row r="150042" spans="14:14">
      <c r="N150042" s="10"/>
    </row>
    <row r="150043" spans="14:14">
      <c r="N150043" s="10"/>
    </row>
    <row r="150044" spans="14:14">
      <c r="N150044" s="10"/>
    </row>
    <row r="150045" spans="14:14">
      <c r="N150045" s="10"/>
    </row>
    <row r="150046" spans="14:14">
      <c r="N150046" s="10"/>
    </row>
    <row r="150047" spans="14:14">
      <c r="N150047" s="10"/>
    </row>
    <row r="150048" spans="14:14">
      <c r="N150048" s="10"/>
    </row>
    <row r="150049" spans="14:14">
      <c r="N150049" s="10"/>
    </row>
    <row r="150050" spans="14:14">
      <c r="N150050" s="10"/>
    </row>
    <row r="150051" spans="14:14">
      <c r="N150051" s="10"/>
    </row>
    <row r="150052" spans="14:14">
      <c r="N150052" s="10"/>
    </row>
    <row r="150053" spans="14:14">
      <c r="N150053" s="10"/>
    </row>
    <row r="150054" spans="14:14">
      <c r="N150054" s="10"/>
    </row>
    <row r="150055" spans="14:14">
      <c r="N150055" s="10"/>
    </row>
    <row r="150056" spans="14:14">
      <c r="N150056" s="10"/>
    </row>
    <row r="150057" spans="14:14">
      <c r="N150057" s="10"/>
    </row>
    <row r="150058" spans="14:14">
      <c r="N150058" s="10"/>
    </row>
    <row r="150059" spans="14:14">
      <c r="N150059" s="10"/>
    </row>
    <row r="150060" spans="14:14">
      <c r="N150060" s="10"/>
    </row>
    <row r="150061" spans="14:14">
      <c r="N150061" s="10"/>
    </row>
    <row r="150062" spans="14:14">
      <c r="N150062" s="10"/>
    </row>
    <row r="150063" spans="14:14">
      <c r="N150063" s="10"/>
    </row>
    <row r="150064" spans="14:14">
      <c r="N150064" s="10"/>
    </row>
    <row r="150065" spans="14:14">
      <c r="N150065" s="10"/>
    </row>
    <row r="150066" spans="14:14">
      <c r="N150066" s="10"/>
    </row>
    <row r="150067" spans="14:14">
      <c r="N150067" s="10"/>
    </row>
    <row r="150068" spans="14:14">
      <c r="N150068" s="10"/>
    </row>
    <row r="150069" spans="14:14">
      <c r="N150069" s="10"/>
    </row>
    <row r="150070" spans="14:14">
      <c r="N150070" s="10"/>
    </row>
    <row r="150071" spans="14:14">
      <c r="N150071" s="10"/>
    </row>
    <row r="150072" spans="14:14">
      <c r="N150072" s="10"/>
    </row>
    <row r="150073" spans="14:14">
      <c r="N150073" s="10"/>
    </row>
    <row r="150074" spans="14:14">
      <c r="N150074" s="10"/>
    </row>
    <row r="150075" spans="14:14">
      <c r="N150075" s="10"/>
    </row>
    <row r="150076" spans="14:14">
      <c r="N150076" s="10"/>
    </row>
    <row r="150077" spans="14:14">
      <c r="N150077" s="10"/>
    </row>
    <row r="150078" spans="14:14">
      <c r="N150078" s="10"/>
    </row>
    <row r="150079" spans="14:14">
      <c r="N150079" s="10"/>
    </row>
    <row r="150080" spans="14:14">
      <c r="N150080" s="10"/>
    </row>
    <row r="150081" spans="14:14">
      <c r="N150081" s="10"/>
    </row>
    <row r="150082" spans="14:14">
      <c r="N150082" s="10"/>
    </row>
    <row r="150083" spans="14:14">
      <c r="N150083" s="10"/>
    </row>
    <row r="150084" spans="14:14">
      <c r="N150084" s="10"/>
    </row>
    <row r="150085" spans="14:14">
      <c r="N150085" s="10"/>
    </row>
    <row r="150086" spans="14:14">
      <c r="N150086" s="10"/>
    </row>
    <row r="150087" spans="14:14">
      <c r="N150087" s="10"/>
    </row>
    <row r="150088" spans="14:14">
      <c r="N150088" s="10"/>
    </row>
    <row r="150089" spans="14:14">
      <c r="N150089" s="10"/>
    </row>
    <row r="150090" spans="14:14">
      <c r="N150090" s="10"/>
    </row>
    <row r="150091" spans="14:14">
      <c r="N150091" s="10"/>
    </row>
    <row r="150092" spans="14:14">
      <c r="N150092" s="10"/>
    </row>
    <row r="150093" spans="14:14">
      <c r="N150093" s="10"/>
    </row>
    <row r="150094" spans="14:14">
      <c r="N150094" s="10"/>
    </row>
    <row r="150095" spans="14:14">
      <c r="N150095" s="10"/>
    </row>
    <row r="150096" spans="14:14">
      <c r="N150096" s="10"/>
    </row>
    <row r="150097" spans="14:14">
      <c r="N150097" s="10"/>
    </row>
    <row r="150098" spans="14:14">
      <c r="N150098" s="10"/>
    </row>
    <row r="150099" spans="14:14">
      <c r="N150099" s="10"/>
    </row>
    <row r="150100" spans="14:14">
      <c r="N150100" s="10"/>
    </row>
    <row r="150101" spans="14:14">
      <c r="N150101" s="10"/>
    </row>
    <row r="150102" spans="14:14">
      <c r="N150102" s="10"/>
    </row>
    <row r="150103" spans="14:14">
      <c r="N150103" s="10"/>
    </row>
    <row r="150104" spans="14:14">
      <c r="N150104" s="10"/>
    </row>
    <row r="150105" spans="14:14">
      <c r="N150105" s="10"/>
    </row>
    <row r="150106" spans="14:14">
      <c r="N150106" s="10"/>
    </row>
    <row r="150107" spans="14:14">
      <c r="N150107" s="10"/>
    </row>
    <row r="150108" spans="14:14">
      <c r="N150108" s="10"/>
    </row>
    <row r="150109" spans="14:14">
      <c r="N150109" s="10"/>
    </row>
    <row r="150110" spans="14:14">
      <c r="N150110" s="10"/>
    </row>
    <row r="150111" spans="14:14">
      <c r="N150111" s="10"/>
    </row>
    <row r="150112" spans="14:14">
      <c r="N150112" s="10"/>
    </row>
    <row r="150113" spans="14:14">
      <c r="N150113" s="10"/>
    </row>
    <row r="150114" spans="14:14">
      <c r="N150114" s="10"/>
    </row>
    <row r="150115" spans="14:14">
      <c r="N150115" s="10"/>
    </row>
    <row r="150116" spans="14:14">
      <c r="N150116" s="10"/>
    </row>
    <row r="150117" spans="14:14">
      <c r="N150117" s="10"/>
    </row>
    <row r="150118" spans="14:14">
      <c r="N150118" s="10"/>
    </row>
    <row r="150119" spans="14:14">
      <c r="N150119" s="10"/>
    </row>
    <row r="150120" spans="14:14">
      <c r="N150120" s="10"/>
    </row>
    <row r="150121" spans="14:14">
      <c r="N150121" s="10"/>
    </row>
    <row r="150122" spans="14:14">
      <c r="N150122" s="10"/>
    </row>
    <row r="150123" spans="14:14">
      <c r="N150123" s="10"/>
    </row>
    <row r="150124" spans="14:14">
      <c r="N150124" s="10"/>
    </row>
    <row r="150125" spans="14:14">
      <c r="N150125" s="10"/>
    </row>
    <row r="150126" spans="14:14">
      <c r="N150126" s="10"/>
    </row>
    <row r="150127" spans="14:14">
      <c r="N150127" s="10"/>
    </row>
    <row r="150128" spans="14:14">
      <c r="N150128" s="10"/>
    </row>
    <row r="150129" spans="14:14">
      <c r="N150129" s="10"/>
    </row>
    <row r="150130" spans="14:14">
      <c r="N150130" s="10"/>
    </row>
    <row r="150131" spans="14:14">
      <c r="N150131" s="10"/>
    </row>
    <row r="150132" spans="14:14">
      <c r="N150132" s="10"/>
    </row>
    <row r="150133" spans="14:14">
      <c r="N150133" s="10"/>
    </row>
    <row r="150134" spans="14:14">
      <c r="N150134" s="10"/>
    </row>
    <row r="150135" spans="14:14">
      <c r="N150135" s="10"/>
    </row>
    <row r="150136" spans="14:14">
      <c r="N150136" s="10"/>
    </row>
    <row r="150137" spans="14:14">
      <c r="N150137" s="10"/>
    </row>
    <row r="150138" spans="14:14">
      <c r="N150138" s="10"/>
    </row>
    <row r="150139" spans="14:14">
      <c r="N150139" s="10"/>
    </row>
    <row r="150140" spans="14:14">
      <c r="N150140" s="10"/>
    </row>
    <row r="150141" spans="14:14">
      <c r="N150141" s="10"/>
    </row>
    <row r="150142" spans="14:14">
      <c r="N150142" s="10"/>
    </row>
    <row r="150143" spans="14:14">
      <c r="N150143" s="10"/>
    </row>
    <row r="150144" spans="14:14">
      <c r="N150144" s="10"/>
    </row>
    <row r="150145" spans="14:14">
      <c r="N150145" s="10"/>
    </row>
    <row r="150146" spans="14:14">
      <c r="N150146" s="10"/>
    </row>
    <row r="150147" spans="14:14">
      <c r="N150147" s="10"/>
    </row>
    <row r="150148" spans="14:14">
      <c r="N150148" s="10"/>
    </row>
    <row r="150149" spans="14:14">
      <c r="N150149" s="10"/>
    </row>
    <row r="150150" spans="14:14">
      <c r="N150150" s="10"/>
    </row>
    <row r="150151" spans="14:14">
      <c r="N150151" s="10"/>
    </row>
    <row r="150152" spans="14:14">
      <c r="N150152" s="10"/>
    </row>
    <row r="150153" spans="14:14">
      <c r="N150153" s="10"/>
    </row>
    <row r="150154" spans="14:14">
      <c r="N150154" s="10"/>
    </row>
    <row r="150155" spans="14:14">
      <c r="N150155" s="10"/>
    </row>
    <row r="150156" spans="14:14">
      <c r="N150156" s="10"/>
    </row>
    <row r="150157" spans="14:14">
      <c r="N150157" s="10"/>
    </row>
    <row r="150158" spans="14:14">
      <c r="N150158" s="10"/>
    </row>
    <row r="150159" spans="14:14">
      <c r="N150159" s="10"/>
    </row>
    <row r="150160" spans="14:14">
      <c r="N150160" s="10"/>
    </row>
    <row r="150161" spans="14:14">
      <c r="N150161" s="10"/>
    </row>
    <row r="150162" spans="14:14">
      <c r="N150162" s="10"/>
    </row>
    <row r="150163" spans="14:14">
      <c r="N150163" s="10"/>
    </row>
    <row r="150164" spans="14:14">
      <c r="N150164" s="10"/>
    </row>
    <row r="150165" spans="14:14">
      <c r="N150165" s="10"/>
    </row>
    <row r="150166" spans="14:14">
      <c r="N150166" s="10"/>
    </row>
    <row r="150167" spans="14:14">
      <c r="N150167" s="10"/>
    </row>
    <row r="150168" spans="14:14">
      <c r="N150168" s="10"/>
    </row>
    <row r="150169" spans="14:14">
      <c r="N150169" s="10"/>
    </row>
    <row r="150170" spans="14:14">
      <c r="N150170" s="10"/>
    </row>
    <row r="150171" spans="14:14">
      <c r="N150171" s="10"/>
    </row>
    <row r="150172" spans="14:14">
      <c r="N150172" s="10"/>
    </row>
    <row r="150173" spans="14:14">
      <c r="N150173" s="10"/>
    </row>
    <row r="150174" spans="14:14">
      <c r="N150174" s="10"/>
    </row>
    <row r="150175" spans="14:14">
      <c r="N150175" s="10"/>
    </row>
    <row r="150176" spans="14:14">
      <c r="N150176" s="10"/>
    </row>
    <row r="150177" spans="14:14">
      <c r="N150177" s="10"/>
    </row>
    <row r="150178" spans="14:14">
      <c r="N150178" s="10"/>
    </row>
    <row r="150179" spans="14:14">
      <c r="N150179" s="10"/>
    </row>
    <row r="150180" spans="14:14">
      <c r="N150180" s="10"/>
    </row>
    <row r="150181" spans="14:14">
      <c r="N150181" s="10"/>
    </row>
    <row r="150182" spans="14:14">
      <c r="N150182" s="10"/>
    </row>
    <row r="150183" spans="14:14">
      <c r="N150183" s="10"/>
    </row>
    <row r="150184" spans="14:14">
      <c r="N150184" s="10"/>
    </row>
    <row r="150185" spans="14:14">
      <c r="N150185" s="10"/>
    </row>
    <row r="150186" spans="14:14">
      <c r="N150186" s="10"/>
    </row>
    <row r="150187" spans="14:14">
      <c r="N150187" s="10"/>
    </row>
    <row r="150188" spans="14:14">
      <c r="N150188" s="10"/>
    </row>
    <row r="150189" spans="14:14">
      <c r="N150189" s="10"/>
    </row>
    <row r="150190" spans="14:14">
      <c r="N150190" s="10"/>
    </row>
    <row r="150191" spans="14:14">
      <c r="N150191" s="10"/>
    </row>
    <row r="150192" spans="14:14">
      <c r="N150192" s="10"/>
    </row>
    <row r="150193" spans="14:14">
      <c r="N150193" s="10"/>
    </row>
    <row r="150194" spans="14:14">
      <c r="N150194" s="10"/>
    </row>
    <row r="150195" spans="14:14">
      <c r="N150195" s="10"/>
    </row>
    <row r="150196" spans="14:14">
      <c r="N150196" s="10"/>
    </row>
    <row r="150197" spans="14:14">
      <c r="N150197" s="10"/>
    </row>
    <row r="150198" spans="14:14">
      <c r="N150198" s="10"/>
    </row>
    <row r="150199" spans="14:14">
      <c r="N150199" s="10"/>
    </row>
    <row r="150200" spans="14:14">
      <c r="N150200" s="10"/>
    </row>
    <row r="150201" spans="14:14">
      <c r="N150201" s="10"/>
    </row>
    <row r="150202" spans="14:14">
      <c r="N150202" s="10"/>
    </row>
    <row r="150203" spans="14:14">
      <c r="N150203" s="10"/>
    </row>
    <row r="150204" spans="14:14">
      <c r="N150204" s="10"/>
    </row>
    <row r="150205" spans="14:14">
      <c r="N150205" s="10"/>
    </row>
    <row r="150206" spans="14:14">
      <c r="N150206" s="10"/>
    </row>
    <row r="150207" spans="14:14">
      <c r="N150207" s="10"/>
    </row>
    <row r="150208" spans="14:14">
      <c r="N150208" s="10"/>
    </row>
    <row r="150209" spans="14:14">
      <c r="N150209" s="10"/>
    </row>
    <row r="150210" spans="14:14">
      <c r="N150210" s="10"/>
    </row>
    <row r="150211" spans="14:14">
      <c r="N150211" s="10"/>
    </row>
    <row r="150212" spans="14:14">
      <c r="N150212" s="10"/>
    </row>
    <row r="150213" spans="14:14">
      <c r="N150213" s="10"/>
    </row>
    <row r="150214" spans="14:14">
      <c r="N150214" s="10"/>
    </row>
    <row r="150215" spans="14:14">
      <c r="N150215" s="10"/>
    </row>
    <row r="150216" spans="14:14">
      <c r="N150216" s="10"/>
    </row>
    <row r="150217" spans="14:14">
      <c r="N150217" s="10"/>
    </row>
    <row r="150218" spans="14:14">
      <c r="N150218" s="10"/>
    </row>
    <row r="150219" spans="14:14">
      <c r="N150219" s="10"/>
    </row>
    <row r="150220" spans="14:14">
      <c r="N150220" s="10"/>
    </row>
    <row r="150221" spans="14:14">
      <c r="N150221" s="10"/>
    </row>
    <row r="150222" spans="14:14">
      <c r="N150222" s="10"/>
    </row>
    <row r="150223" spans="14:14">
      <c r="N150223" s="10"/>
    </row>
    <row r="150224" spans="14:14">
      <c r="N150224" s="10"/>
    </row>
    <row r="150225" spans="14:14">
      <c r="N150225" s="10"/>
    </row>
    <row r="150226" spans="14:14">
      <c r="N150226" s="10"/>
    </row>
    <row r="150227" spans="14:14">
      <c r="N150227" s="10"/>
    </row>
    <row r="150228" spans="14:14">
      <c r="N150228" s="10"/>
    </row>
    <row r="150229" spans="14:14">
      <c r="N150229" s="10"/>
    </row>
    <row r="150230" spans="14:14">
      <c r="N150230" s="10"/>
    </row>
    <row r="150231" spans="14:14">
      <c r="N150231" s="10"/>
    </row>
    <row r="150232" spans="14:14">
      <c r="N150232" s="10"/>
    </row>
    <row r="150233" spans="14:14">
      <c r="N150233" s="10"/>
    </row>
    <row r="150234" spans="14:14">
      <c r="N150234" s="10"/>
    </row>
    <row r="150235" spans="14:14">
      <c r="N150235" s="10"/>
    </row>
    <row r="150236" spans="14:14">
      <c r="N150236" s="10"/>
    </row>
    <row r="150237" spans="14:14">
      <c r="N150237" s="10"/>
    </row>
    <row r="150238" spans="14:14">
      <c r="N150238" s="10"/>
    </row>
    <row r="150239" spans="14:14">
      <c r="N150239" s="10"/>
    </row>
    <row r="150240" spans="14:14">
      <c r="N150240" s="10"/>
    </row>
    <row r="150241" spans="14:14">
      <c r="N150241" s="10"/>
    </row>
    <row r="150242" spans="14:14">
      <c r="N150242" s="10"/>
    </row>
    <row r="150243" spans="14:14">
      <c r="N150243" s="10"/>
    </row>
    <row r="150244" spans="14:14">
      <c r="N150244" s="10"/>
    </row>
    <row r="150245" spans="14:14">
      <c r="N150245" s="10"/>
    </row>
    <row r="150246" spans="14:14">
      <c r="N150246" s="10"/>
    </row>
    <row r="150247" spans="14:14">
      <c r="N150247" s="10"/>
    </row>
    <row r="150248" spans="14:14">
      <c r="N150248" s="10"/>
    </row>
    <row r="150249" spans="14:14">
      <c r="N150249" s="10"/>
    </row>
    <row r="150250" spans="14:14">
      <c r="N150250" s="10"/>
    </row>
    <row r="150251" spans="14:14">
      <c r="N150251" s="10"/>
    </row>
    <row r="150252" spans="14:14">
      <c r="N150252" s="10"/>
    </row>
    <row r="150253" spans="14:14">
      <c r="N150253" s="10"/>
    </row>
    <row r="150254" spans="14:14">
      <c r="N150254" s="10"/>
    </row>
    <row r="150255" spans="14:14">
      <c r="N150255" s="10"/>
    </row>
    <row r="150256" spans="14:14">
      <c r="N150256" s="10"/>
    </row>
    <row r="150257" spans="14:14">
      <c r="N150257" s="10"/>
    </row>
    <row r="150258" spans="14:14">
      <c r="N150258" s="10"/>
    </row>
    <row r="150259" spans="14:14">
      <c r="N150259" s="10"/>
    </row>
    <row r="150260" spans="14:14">
      <c r="N150260" s="10"/>
    </row>
    <row r="150261" spans="14:14">
      <c r="N150261" s="10"/>
    </row>
    <row r="150262" spans="14:14">
      <c r="N150262" s="10"/>
    </row>
    <row r="150263" spans="14:14">
      <c r="N150263" s="10"/>
    </row>
    <row r="150264" spans="14:14">
      <c r="N150264" s="10"/>
    </row>
    <row r="150265" spans="14:14">
      <c r="N150265" s="10"/>
    </row>
    <row r="150266" spans="14:14">
      <c r="N150266" s="10"/>
    </row>
    <row r="150267" spans="14:14">
      <c r="N150267" s="10"/>
    </row>
    <row r="150268" spans="14:14">
      <c r="N150268" s="10"/>
    </row>
    <row r="150269" spans="14:14">
      <c r="N150269" s="10"/>
    </row>
    <row r="150270" spans="14:14">
      <c r="N150270" s="10"/>
    </row>
    <row r="150271" spans="14:14">
      <c r="N150271" s="10"/>
    </row>
    <row r="150272" spans="14:14">
      <c r="N150272" s="10"/>
    </row>
    <row r="150273" spans="14:14">
      <c r="N150273" s="10"/>
    </row>
    <row r="150274" spans="14:14">
      <c r="N150274" s="10"/>
    </row>
    <row r="150275" spans="14:14">
      <c r="N150275" s="10"/>
    </row>
    <row r="150276" spans="14:14">
      <c r="N150276" s="10"/>
    </row>
    <row r="150277" spans="14:14">
      <c r="N150277" s="10"/>
    </row>
    <row r="150278" spans="14:14">
      <c r="N150278" s="10"/>
    </row>
    <row r="150279" spans="14:14">
      <c r="N150279" s="10"/>
    </row>
    <row r="150280" spans="14:14">
      <c r="N150280" s="10"/>
    </row>
    <row r="150281" spans="14:14">
      <c r="N150281" s="10"/>
    </row>
    <row r="150282" spans="14:14">
      <c r="N150282" s="10"/>
    </row>
    <row r="150283" spans="14:14">
      <c r="N150283" s="10"/>
    </row>
    <row r="150284" spans="14:14">
      <c r="N150284" s="10"/>
    </row>
    <row r="150285" spans="14:14">
      <c r="N150285" s="10"/>
    </row>
    <row r="150286" spans="14:14">
      <c r="N150286" s="10"/>
    </row>
    <row r="150287" spans="14:14">
      <c r="N150287" s="10"/>
    </row>
    <row r="150288" spans="14:14">
      <c r="N150288" s="10"/>
    </row>
    <row r="150289" spans="14:14">
      <c r="N150289" s="10"/>
    </row>
    <row r="150290" spans="14:14">
      <c r="N150290" s="10"/>
    </row>
    <row r="150291" spans="14:14">
      <c r="N150291" s="10"/>
    </row>
    <row r="150292" spans="14:14">
      <c r="N150292" s="10"/>
    </row>
    <row r="150293" spans="14:14">
      <c r="N150293" s="10"/>
    </row>
    <row r="150294" spans="14:14">
      <c r="N150294" s="10"/>
    </row>
    <row r="150295" spans="14:14">
      <c r="N150295" s="10"/>
    </row>
    <row r="150296" spans="14:14">
      <c r="N150296" s="10"/>
    </row>
    <row r="150297" spans="14:14">
      <c r="N150297" s="10"/>
    </row>
    <row r="150298" spans="14:14">
      <c r="N150298" s="10"/>
    </row>
    <row r="150299" spans="14:14">
      <c r="N150299" s="10"/>
    </row>
    <row r="150300" spans="14:14">
      <c r="N150300" s="10"/>
    </row>
    <row r="150301" spans="14:14">
      <c r="N150301" s="10"/>
    </row>
    <row r="150302" spans="14:14">
      <c r="N150302" s="10"/>
    </row>
    <row r="150303" spans="14:14">
      <c r="N150303" s="10"/>
    </row>
    <row r="150304" spans="14:14">
      <c r="N150304" s="10"/>
    </row>
    <row r="150305" spans="14:14">
      <c r="N150305" s="10"/>
    </row>
    <row r="150306" spans="14:14">
      <c r="N150306" s="10"/>
    </row>
    <row r="150307" spans="14:14">
      <c r="N150307" s="10"/>
    </row>
    <row r="150308" spans="14:14">
      <c r="N150308" s="10"/>
    </row>
    <row r="150309" spans="14:14">
      <c r="N150309" s="10"/>
    </row>
    <row r="150310" spans="14:14">
      <c r="N150310" s="10"/>
    </row>
    <row r="150311" spans="14:14">
      <c r="N150311" s="10"/>
    </row>
    <row r="150312" spans="14:14">
      <c r="N150312" s="10"/>
    </row>
    <row r="150313" spans="14:14">
      <c r="N150313" s="10"/>
    </row>
    <row r="150314" spans="14:14">
      <c r="N150314" s="10"/>
    </row>
    <row r="150315" spans="14:14">
      <c r="N150315" s="10"/>
    </row>
    <row r="150316" spans="14:14">
      <c r="N150316" s="10"/>
    </row>
    <row r="150317" spans="14:14">
      <c r="N150317" s="10"/>
    </row>
    <row r="150318" spans="14:14">
      <c r="N150318" s="10"/>
    </row>
    <row r="150319" spans="14:14">
      <c r="N150319" s="10"/>
    </row>
    <row r="150320" spans="14:14">
      <c r="N150320" s="10"/>
    </row>
    <row r="150321" spans="14:14">
      <c r="N150321" s="10"/>
    </row>
    <row r="150322" spans="14:14">
      <c r="N150322" s="10"/>
    </row>
    <row r="150323" spans="14:14">
      <c r="N150323" s="10"/>
    </row>
    <row r="150324" spans="14:14">
      <c r="N150324" s="10"/>
    </row>
    <row r="150325" spans="14:14">
      <c r="N150325" s="10"/>
    </row>
    <row r="150326" spans="14:14">
      <c r="N150326" s="10"/>
    </row>
    <row r="150327" spans="14:14">
      <c r="N150327" s="10"/>
    </row>
    <row r="150328" spans="14:14">
      <c r="N150328" s="10"/>
    </row>
    <row r="150329" spans="14:14">
      <c r="N150329" s="10"/>
    </row>
    <row r="150330" spans="14:14">
      <c r="N150330" s="10"/>
    </row>
    <row r="150331" spans="14:14">
      <c r="N150331" s="10"/>
    </row>
    <row r="150332" spans="14:14">
      <c r="N150332" s="10"/>
    </row>
    <row r="150333" spans="14:14">
      <c r="N150333" s="10"/>
    </row>
    <row r="150334" spans="14:14">
      <c r="N150334" s="10"/>
    </row>
    <row r="150335" spans="14:14">
      <c r="N150335" s="10"/>
    </row>
    <row r="150336" spans="14:14">
      <c r="N150336" s="10"/>
    </row>
    <row r="150337" spans="14:14">
      <c r="N150337" s="10"/>
    </row>
    <row r="150338" spans="14:14">
      <c r="N150338" s="10"/>
    </row>
    <row r="150339" spans="14:14">
      <c r="N150339" s="10"/>
    </row>
    <row r="150340" spans="14:14">
      <c r="N150340" s="10"/>
    </row>
    <row r="150341" spans="14:14">
      <c r="N150341" s="10"/>
    </row>
    <row r="150342" spans="14:14">
      <c r="N150342" s="10"/>
    </row>
    <row r="150343" spans="14:14">
      <c r="N150343" s="10"/>
    </row>
    <row r="150344" spans="14:14">
      <c r="N150344" s="10"/>
    </row>
    <row r="150345" spans="14:14">
      <c r="N150345" s="10"/>
    </row>
    <row r="150346" spans="14:14">
      <c r="N150346" s="10"/>
    </row>
    <row r="150347" spans="14:14">
      <c r="N150347" s="10"/>
    </row>
    <row r="150348" spans="14:14">
      <c r="N150348" s="10"/>
    </row>
    <row r="150349" spans="14:14">
      <c r="N150349" s="10"/>
    </row>
    <row r="150350" spans="14:14">
      <c r="N150350" s="10"/>
    </row>
    <row r="150351" spans="14:14">
      <c r="N150351" s="10"/>
    </row>
    <row r="150352" spans="14:14">
      <c r="N150352" s="10"/>
    </row>
    <row r="150353" spans="14:14">
      <c r="N150353" s="10"/>
    </row>
    <row r="150354" spans="14:14">
      <c r="N150354" s="10"/>
    </row>
    <row r="150355" spans="14:14">
      <c r="N150355" s="10"/>
    </row>
    <row r="150356" spans="14:14">
      <c r="N150356" s="10"/>
    </row>
    <row r="150357" spans="14:14">
      <c r="N150357" s="10"/>
    </row>
    <row r="150358" spans="14:14">
      <c r="N150358" s="10"/>
    </row>
    <row r="150359" spans="14:14">
      <c r="N150359" s="10"/>
    </row>
    <row r="150360" spans="14:14">
      <c r="N150360" s="10"/>
    </row>
    <row r="150361" spans="14:14">
      <c r="N150361" s="10"/>
    </row>
    <row r="150362" spans="14:14">
      <c r="N150362" s="10"/>
    </row>
    <row r="150363" spans="14:14">
      <c r="N150363" s="10"/>
    </row>
    <row r="150364" spans="14:14">
      <c r="N150364" s="10"/>
    </row>
    <row r="150365" spans="14:14">
      <c r="N150365" s="10"/>
    </row>
    <row r="150366" spans="14:14">
      <c r="N150366" s="10"/>
    </row>
    <row r="150367" spans="14:14">
      <c r="N150367" s="10"/>
    </row>
    <row r="150368" spans="14:14">
      <c r="N150368" s="10"/>
    </row>
    <row r="150369" spans="14:14">
      <c r="N150369" s="10"/>
    </row>
    <row r="150370" spans="14:14">
      <c r="N150370" s="10"/>
    </row>
    <row r="150371" spans="14:14">
      <c r="N150371" s="10"/>
    </row>
    <row r="150372" spans="14:14">
      <c r="N150372" s="10"/>
    </row>
    <row r="150373" spans="14:14">
      <c r="N150373" s="10"/>
    </row>
    <row r="150374" spans="14:14">
      <c r="N150374" s="10"/>
    </row>
    <row r="150375" spans="14:14">
      <c r="N150375" s="10"/>
    </row>
    <row r="150376" spans="14:14">
      <c r="N150376" s="10"/>
    </row>
    <row r="150377" spans="14:14">
      <c r="N150377" s="10"/>
    </row>
    <row r="150378" spans="14:14">
      <c r="N150378" s="10"/>
    </row>
    <row r="150379" spans="14:14">
      <c r="N150379" s="10"/>
    </row>
    <row r="150380" spans="14:14">
      <c r="N150380" s="10"/>
    </row>
    <row r="150381" spans="14:14">
      <c r="N150381" s="10"/>
    </row>
    <row r="150382" spans="14:14">
      <c r="N150382" s="10"/>
    </row>
    <row r="150383" spans="14:14">
      <c r="N150383" s="10"/>
    </row>
    <row r="150384" spans="14:14">
      <c r="N150384" s="10"/>
    </row>
    <row r="150385" spans="14:14">
      <c r="N150385" s="10"/>
    </row>
    <row r="150386" spans="14:14">
      <c r="N150386" s="10"/>
    </row>
    <row r="150387" spans="14:14">
      <c r="N150387" s="10"/>
    </row>
    <row r="150388" spans="14:14">
      <c r="N150388" s="10"/>
    </row>
    <row r="150389" spans="14:14">
      <c r="N150389" s="10"/>
    </row>
    <row r="150390" spans="14:14">
      <c r="N150390" s="10"/>
    </row>
    <row r="150391" spans="14:14">
      <c r="N150391" s="10"/>
    </row>
    <row r="150392" spans="14:14">
      <c r="N150392" s="10"/>
    </row>
    <row r="150393" spans="14:14">
      <c r="N150393" s="10"/>
    </row>
    <row r="150394" spans="14:14">
      <c r="N150394" s="10"/>
    </row>
    <row r="150395" spans="14:14">
      <c r="N150395" s="10"/>
    </row>
    <row r="150396" spans="14:14">
      <c r="N150396" s="10"/>
    </row>
    <row r="150397" spans="14:14">
      <c r="N150397" s="10"/>
    </row>
    <row r="150398" spans="14:14">
      <c r="N150398" s="10"/>
    </row>
    <row r="150399" spans="14:14">
      <c r="N150399" s="10"/>
    </row>
    <row r="150400" spans="14:14">
      <c r="N150400" s="10"/>
    </row>
    <row r="150401" spans="14:14">
      <c r="N150401" s="10"/>
    </row>
    <row r="150402" spans="14:14">
      <c r="N150402" s="10"/>
    </row>
    <row r="150403" spans="14:14">
      <c r="N150403" s="10"/>
    </row>
    <row r="150404" spans="14:14">
      <c r="N150404" s="10"/>
    </row>
    <row r="150405" spans="14:14">
      <c r="N150405" s="10"/>
    </row>
    <row r="150406" spans="14:14">
      <c r="N150406" s="10"/>
    </row>
    <row r="150407" spans="14:14">
      <c r="N150407" s="10"/>
    </row>
    <row r="150408" spans="14:14">
      <c r="N150408" s="10"/>
    </row>
    <row r="150409" spans="14:14">
      <c r="N150409" s="10"/>
    </row>
    <row r="150410" spans="14:14">
      <c r="N150410" s="10"/>
    </row>
    <row r="150411" spans="14:14">
      <c r="N150411" s="10"/>
    </row>
    <row r="150412" spans="14:14">
      <c r="N150412" s="10"/>
    </row>
    <row r="150413" spans="14:14">
      <c r="N150413" s="10"/>
    </row>
    <row r="150414" spans="14:14">
      <c r="N150414" s="10"/>
    </row>
    <row r="150415" spans="14:14">
      <c r="N150415" s="10"/>
    </row>
    <row r="150416" spans="14:14">
      <c r="N150416" s="10"/>
    </row>
    <row r="150417" spans="14:14">
      <c r="N150417" s="10"/>
    </row>
    <row r="150418" spans="14:14">
      <c r="N150418" s="10"/>
    </row>
    <row r="150419" spans="14:14">
      <c r="N150419" s="10"/>
    </row>
    <row r="150420" spans="14:14">
      <c r="N150420" s="10"/>
    </row>
    <row r="150421" spans="14:14">
      <c r="N150421" s="10"/>
    </row>
    <row r="150422" spans="14:14">
      <c r="N150422" s="10"/>
    </row>
    <row r="150423" spans="14:14">
      <c r="N150423" s="10"/>
    </row>
    <row r="150424" spans="14:14">
      <c r="N150424" s="10"/>
    </row>
    <row r="150425" spans="14:14">
      <c r="N150425" s="10"/>
    </row>
    <row r="150426" spans="14:14">
      <c r="N150426" s="10"/>
    </row>
    <row r="150427" spans="14:14">
      <c r="N150427" s="10"/>
    </row>
    <row r="150428" spans="14:14">
      <c r="N150428" s="10"/>
    </row>
    <row r="150429" spans="14:14">
      <c r="N150429" s="10"/>
    </row>
    <row r="150430" spans="14:14">
      <c r="N150430" s="10"/>
    </row>
    <row r="150431" spans="14:14">
      <c r="N150431" s="10"/>
    </row>
    <row r="150432" spans="14:14">
      <c r="N150432" s="10"/>
    </row>
    <row r="150433" spans="14:14">
      <c r="N150433" s="10"/>
    </row>
    <row r="150434" spans="14:14">
      <c r="N150434" s="10"/>
    </row>
    <row r="150435" spans="14:14">
      <c r="N150435" s="10"/>
    </row>
    <row r="150436" spans="14:14">
      <c r="N150436" s="10"/>
    </row>
    <row r="150437" spans="14:14">
      <c r="N150437" s="10"/>
    </row>
    <row r="150438" spans="14:14">
      <c r="N150438" s="10"/>
    </row>
    <row r="150439" spans="14:14">
      <c r="N150439" s="10"/>
    </row>
    <row r="150440" spans="14:14">
      <c r="N150440" s="10"/>
    </row>
    <row r="150441" spans="14:14">
      <c r="N150441" s="10"/>
    </row>
    <row r="150442" spans="14:14">
      <c r="N150442" s="10"/>
    </row>
    <row r="150443" spans="14:14">
      <c r="N150443" s="10"/>
    </row>
    <row r="150444" spans="14:14">
      <c r="N150444" s="10"/>
    </row>
    <row r="150445" spans="14:14">
      <c r="N150445" s="10"/>
    </row>
    <row r="150446" spans="14:14">
      <c r="N150446" s="10"/>
    </row>
    <row r="150447" spans="14:14">
      <c r="N150447" s="10"/>
    </row>
    <row r="150448" spans="14:14">
      <c r="N150448" s="10"/>
    </row>
    <row r="150449" spans="14:14">
      <c r="N150449" s="10"/>
    </row>
    <row r="150450" spans="14:14">
      <c r="N150450" s="10"/>
    </row>
    <row r="150451" spans="14:14">
      <c r="N150451" s="10"/>
    </row>
    <row r="150452" spans="14:14">
      <c r="N150452" s="10"/>
    </row>
    <row r="150453" spans="14:14">
      <c r="N150453" s="10"/>
    </row>
    <row r="150454" spans="14:14">
      <c r="N150454" s="10"/>
    </row>
    <row r="150455" spans="14:14">
      <c r="N150455" s="10"/>
    </row>
    <row r="150456" spans="14:14">
      <c r="N150456" s="10"/>
    </row>
    <row r="150457" spans="14:14">
      <c r="N150457" s="10"/>
    </row>
    <row r="150458" spans="14:14">
      <c r="N150458" s="10"/>
    </row>
    <row r="150459" spans="14:14">
      <c r="N150459" s="10"/>
    </row>
    <row r="150460" spans="14:14">
      <c r="N150460" s="10"/>
    </row>
    <row r="150461" spans="14:14">
      <c r="N150461" s="10"/>
    </row>
    <row r="150462" spans="14:14">
      <c r="N150462" s="10"/>
    </row>
    <row r="150463" spans="14:14">
      <c r="N150463" s="10"/>
    </row>
    <row r="150464" spans="14:14">
      <c r="N150464" s="10"/>
    </row>
    <row r="150465" spans="14:14">
      <c r="N150465" s="10"/>
    </row>
    <row r="150466" spans="14:14">
      <c r="N150466" s="10"/>
    </row>
    <row r="150467" spans="14:14">
      <c r="N150467" s="10"/>
    </row>
    <row r="150468" spans="14:14">
      <c r="N150468" s="10"/>
    </row>
    <row r="150469" spans="14:14">
      <c r="N150469" s="10"/>
    </row>
    <row r="150470" spans="14:14">
      <c r="N150470" s="10"/>
    </row>
    <row r="150471" spans="14:14">
      <c r="N150471" s="10"/>
    </row>
    <row r="150472" spans="14:14">
      <c r="N150472" s="10"/>
    </row>
    <row r="150473" spans="14:14">
      <c r="N150473" s="10"/>
    </row>
    <row r="150474" spans="14:14">
      <c r="N150474" s="10"/>
    </row>
    <row r="150475" spans="14:14">
      <c r="N150475" s="10"/>
    </row>
    <row r="150476" spans="14:14">
      <c r="N150476" s="10"/>
    </row>
    <row r="150477" spans="14:14">
      <c r="N150477" s="10"/>
    </row>
    <row r="150478" spans="14:14">
      <c r="N150478" s="10"/>
    </row>
    <row r="150479" spans="14:14">
      <c r="N150479" s="10"/>
    </row>
    <row r="150480" spans="14:14">
      <c r="N150480" s="10"/>
    </row>
    <row r="150481" spans="14:14">
      <c r="N150481" s="10"/>
    </row>
    <row r="150482" spans="14:14">
      <c r="N150482" s="10"/>
    </row>
    <row r="150483" spans="14:14">
      <c r="N150483" s="10"/>
    </row>
    <row r="150484" spans="14:14">
      <c r="N150484" s="10"/>
    </row>
    <row r="150485" spans="14:14">
      <c r="N150485" s="10"/>
    </row>
    <row r="150486" spans="14:14">
      <c r="N150486" s="10"/>
    </row>
    <row r="150487" spans="14:14">
      <c r="N150487" s="10"/>
    </row>
    <row r="150488" spans="14:14">
      <c r="N150488" s="10"/>
    </row>
    <row r="150489" spans="14:14">
      <c r="N150489" s="10"/>
    </row>
    <row r="150490" spans="14:14">
      <c r="N150490" s="10"/>
    </row>
    <row r="150491" spans="14:14">
      <c r="N150491" s="10"/>
    </row>
    <row r="150492" spans="14:14">
      <c r="N150492" s="10"/>
    </row>
    <row r="150493" spans="14:14">
      <c r="N150493" s="10"/>
    </row>
    <row r="150494" spans="14:14">
      <c r="N150494" s="10"/>
    </row>
    <row r="150495" spans="14:14">
      <c r="N150495" s="10"/>
    </row>
    <row r="150496" spans="14:14">
      <c r="N150496" s="10"/>
    </row>
    <row r="150497" spans="14:14">
      <c r="N150497" s="10"/>
    </row>
    <row r="150498" spans="14:14">
      <c r="N150498" s="10"/>
    </row>
    <row r="150499" spans="14:14">
      <c r="N150499" s="10"/>
    </row>
    <row r="150500" spans="14:14">
      <c r="N150500" s="10"/>
    </row>
    <row r="150501" spans="14:14">
      <c r="N150501" s="10"/>
    </row>
    <row r="150502" spans="14:14">
      <c r="N150502" s="10"/>
    </row>
    <row r="150503" spans="14:14">
      <c r="N150503" s="10"/>
    </row>
    <row r="150504" spans="14:14">
      <c r="N150504" s="10"/>
    </row>
    <row r="150505" spans="14:14">
      <c r="N150505" s="10"/>
    </row>
    <row r="150506" spans="14:14">
      <c r="N150506" s="10"/>
    </row>
    <row r="150507" spans="14:14">
      <c r="N150507" s="10"/>
    </row>
    <row r="150508" spans="14:14">
      <c r="N150508" s="10"/>
    </row>
    <row r="150509" spans="14:14">
      <c r="N150509" s="10"/>
    </row>
    <row r="150510" spans="14:14">
      <c r="N150510" s="10"/>
    </row>
    <row r="150511" spans="14:14">
      <c r="N150511" s="10"/>
    </row>
    <row r="150512" spans="14:14">
      <c r="N150512" s="10"/>
    </row>
    <row r="150513" spans="14:14">
      <c r="N150513" s="10"/>
    </row>
    <row r="150514" spans="14:14">
      <c r="N150514" s="10"/>
    </row>
    <row r="150515" spans="14:14">
      <c r="N150515" s="10"/>
    </row>
    <row r="150516" spans="14:14">
      <c r="N150516" s="10"/>
    </row>
    <row r="150517" spans="14:14">
      <c r="N150517" s="10"/>
    </row>
    <row r="150518" spans="14:14">
      <c r="N150518" s="10"/>
    </row>
    <row r="150519" spans="14:14">
      <c r="N150519" s="10"/>
    </row>
    <row r="150520" spans="14:14">
      <c r="N150520" s="10"/>
    </row>
    <row r="150521" spans="14:14">
      <c r="N150521" s="10"/>
    </row>
    <row r="150522" spans="14:14">
      <c r="N150522" s="10"/>
    </row>
    <row r="150523" spans="14:14">
      <c r="N150523" s="10"/>
    </row>
    <row r="150524" spans="14:14">
      <c r="N150524" s="10"/>
    </row>
    <row r="150525" spans="14:14">
      <c r="N150525" s="10"/>
    </row>
    <row r="150526" spans="14:14">
      <c r="N150526" s="10"/>
    </row>
    <row r="150527" spans="14:14">
      <c r="N150527" s="10"/>
    </row>
    <row r="150528" spans="14:14">
      <c r="N150528" s="10"/>
    </row>
    <row r="150529" spans="14:14">
      <c r="N150529" s="10"/>
    </row>
    <row r="150530" spans="14:14">
      <c r="N150530" s="10"/>
    </row>
    <row r="150531" spans="14:14">
      <c r="N150531" s="10"/>
    </row>
    <row r="150532" spans="14:14">
      <c r="N150532" s="10"/>
    </row>
    <row r="150533" spans="14:14">
      <c r="N150533" s="10"/>
    </row>
    <row r="150534" spans="14:14">
      <c r="N150534" s="10"/>
    </row>
    <row r="150535" spans="14:14">
      <c r="N150535" s="10"/>
    </row>
    <row r="150536" spans="14:14">
      <c r="N150536" s="10"/>
    </row>
    <row r="150537" spans="14:14">
      <c r="N150537" s="10"/>
    </row>
    <row r="150538" spans="14:14">
      <c r="N150538" s="10"/>
    </row>
    <row r="150539" spans="14:14">
      <c r="N150539" s="10"/>
    </row>
    <row r="150540" spans="14:14">
      <c r="N150540" s="10"/>
    </row>
    <row r="150541" spans="14:14">
      <c r="N150541" s="10"/>
    </row>
    <row r="150542" spans="14:14">
      <c r="N150542" s="10"/>
    </row>
    <row r="150543" spans="14:14">
      <c r="N150543" s="10"/>
    </row>
    <row r="150544" spans="14:14">
      <c r="N150544" s="10"/>
    </row>
    <row r="150545" spans="14:14">
      <c r="N150545" s="10"/>
    </row>
    <row r="150546" spans="14:14">
      <c r="N150546" s="10"/>
    </row>
    <row r="150547" spans="14:14">
      <c r="N150547" s="10"/>
    </row>
    <row r="150548" spans="14:14">
      <c r="N150548" s="10"/>
    </row>
    <row r="150549" spans="14:14">
      <c r="N150549" s="10"/>
    </row>
    <row r="150550" spans="14:14">
      <c r="N150550" s="10"/>
    </row>
    <row r="150551" spans="14:14">
      <c r="N150551" s="10"/>
    </row>
    <row r="150552" spans="14:14">
      <c r="N150552" s="10"/>
    </row>
    <row r="150553" spans="14:14">
      <c r="N150553" s="10"/>
    </row>
    <row r="150554" spans="14:14">
      <c r="N150554" s="10"/>
    </row>
    <row r="150555" spans="14:14">
      <c r="N150555" s="10"/>
    </row>
    <row r="150556" spans="14:14">
      <c r="N150556" s="10"/>
    </row>
    <row r="150557" spans="14:14">
      <c r="N150557" s="10"/>
    </row>
    <row r="150558" spans="14:14">
      <c r="N150558" s="10"/>
    </row>
    <row r="150559" spans="14:14">
      <c r="N150559" s="10"/>
    </row>
    <row r="150560" spans="14:14">
      <c r="N150560" s="10"/>
    </row>
    <row r="150561" spans="14:14">
      <c r="N150561" s="10"/>
    </row>
    <row r="150562" spans="14:14">
      <c r="N150562" s="10"/>
    </row>
    <row r="150563" spans="14:14">
      <c r="N150563" s="10"/>
    </row>
    <row r="150564" spans="14:14">
      <c r="N150564" s="10"/>
    </row>
    <row r="150565" spans="14:14">
      <c r="N150565" s="10"/>
    </row>
    <row r="150566" spans="14:14">
      <c r="N150566" s="10"/>
    </row>
    <row r="150567" spans="14:14">
      <c r="N150567" s="10"/>
    </row>
    <row r="150568" spans="14:14">
      <c r="N150568" s="10"/>
    </row>
    <row r="150569" spans="14:14">
      <c r="N150569" s="10"/>
    </row>
    <row r="150570" spans="14:14">
      <c r="N150570" s="10"/>
    </row>
    <row r="150571" spans="14:14">
      <c r="N150571" s="10"/>
    </row>
    <row r="150572" spans="14:14">
      <c r="N150572" s="10"/>
    </row>
    <row r="150573" spans="14:14">
      <c r="N150573" s="10"/>
    </row>
    <row r="150574" spans="14:14">
      <c r="N150574" s="10"/>
    </row>
    <row r="150575" spans="14:14">
      <c r="N150575" s="10"/>
    </row>
    <row r="150576" spans="14:14">
      <c r="N150576" s="10"/>
    </row>
    <row r="150577" spans="14:14">
      <c r="N150577" s="10"/>
    </row>
    <row r="150578" spans="14:14">
      <c r="N150578" s="10"/>
    </row>
    <row r="150579" spans="14:14">
      <c r="N150579" s="10"/>
    </row>
    <row r="150580" spans="14:14">
      <c r="N150580" s="10"/>
    </row>
    <row r="150581" spans="14:14">
      <c r="N150581" s="10"/>
    </row>
    <row r="150582" spans="14:14">
      <c r="N150582" s="10"/>
    </row>
    <row r="150583" spans="14:14">
      <c r="N150583" s="10"/>
    </row>
    <row r="150584" spans="14:14">
      <c r="N150584" s="10"/>
    </row>
    <row r="150585" spans="14:14">
      <c r="N150585" s="10"/>
    </row>
    <row r="150586" spans="14:14">
      <c r="N150586" s="10"/>
    </row>
    <row r="150587" spans="14:14">
      <c r="N150587" s="10"/>
    </row>
    <row r="150588" spans="14:14">
      <c r="N150588" s="10"/>
    </row>
    <row r="150589" spans="14:14">
      <c r="N150589" s="10"/>
    </row>
    <row r="150590" spans="14:14">
      <c r="N150590" s="10"/>
    </row>
    <row r="150591" spans="14:14">
      <c r="N150591" s="10"/>
    </row>
    <row r="150592" spans="14:14">
      <c r="N150592" s="10"/>
    </row>
    <row r="150593" spans="14:14">
      <c r="N150593" s="10"/>
    </row>
    <row r="150594" spans="14:14">
      <c r="N150594" s="10"/>
    </row>
    <row r="150595" spans="14:14">
      <c r="N150595" s="10"/>
    </row>
    <row r="150596" spans="14:14">
      <c r="N150596" s="10"/>
    </row>
    <row r="150597" spans="14:14">
      <c r="N150597" s="10"/>
    </row>
    <row r="150598" spans="14:14">
      <c r="N150598" s="10"/>
    </row>
    <row r="150599" spans="14:14">
      <c r="N150599" s="10"/>
    </row>
    <row r="150600" spans="14:14">
      <c r="N150600" s="10"/>
    </row>
    <row r="150601" spans="14:14">
      <c r="N150601" s="10"/>
    </row>
    <row r="150602" spans="14:14">
      <c r="N150602" s="10"/>
    </row>
    <row r="150603" spans="14:14">
      <c r="N150603" s="10"/>
    </row>
    <row r="150604" spans="14:14">
      <c r="N150604" s="10"/>
    </row>
    <row r="150605" spans="14:14">
      <c r="N150605" s="10"/>
    </row>
    <row r="150606" spans="14:14">
      <c r="N150606" s="10"/>
    </row>
    <row r="150607" spans="14:14">
      <c r="N150607" s="10"/>
    </row>
    <row r="150608" spans="14:14">
      <c r="N150608" s="10"/>
    </row>
    <row r="150609" spans="14:14">
      <c r="N150609" s="10"/>
    </row>
    <row r="150610" spans="14:14">
      <c r="N150610" s="10"/>
    </row>
    <row r="150611" spans="14:14">
      <c r="N150611" s="10"/>
    </row>
    <row r="150612" spans="14:14">
      <c r="N150612" s="10"/>
    </row>
    <row r="150613" spans="14:14">
      <c r="N150613" s="10"/>
    </row>
    <row r="150614" spans="14:14">
      <c r="N150614" s="10"/>
    </row>
    <row r="150615" spans="14:14">
      <c r="N150615" s="10"/>
    </row>
    <row r="150616" spans="14:14">
      <c r="N150616" s="10"/>
    </row>
    <row r="150617" spans="14:14">
      <c r="N150617" s="10"/>
    </row>
    <row r="150618" spans="14:14">
      <c r="N150618" s="10"/>
    </row>
    <row r="150619" spans="14:14">
      <c r="N150619" s="10"/>
    </row>
    <row r="150620" spans="14:14">
      <c r="N150620" s="10"/>
    </row>
    <row r="150621" spans="14:14">
      <c r="N150621" s="10"/>
    </row>
    <row r="150622" spans="14:14">
      <c r="N150622" s="10"/>
    </row>
    <row r="150623" spans="14:14">
      <c r="N150623" s="10"/>
    </row>
    <row r="150624" spans="14:14">
      <c r="N150624" s="10"/>
    </row>
    <row r="150625" spans="14:14">
      <c r="N150625" s="10"/>
    </row>
    <row r="150626" spans="14:14">
      <c r="N150626" s="10"/>
    </row>
    <row r="150627" spans="14:14">
      <c r="N150627" s="10"/>
    </row>
    <row r="150628" spans="14:14">
      <c r="N150628" s="10"/>
    </row>
    <row r="150629" spans="14:14">
      <c r="N150629" s="10"/>
    </row>
    <row r="150630" spans="14:14">
      <c r="N150630" s="10"/>
    </row>
    <row r="150631" spans="14:14">
      <c r="N150631" s="10"/>
    </row>
    <row r="150632" spans="14:14">
      <c r="N150632" s="10"/>
    </row>
    <row r="150633" spans="14:14">
      <c r="N150633" s="10"/>
    </row>
    <row r="150634" spans="14:14">
      <c r="N150634" s="10"/>
    </row>
    <row r="150635" spans="14:14">
      <c r="N150635" s="10"/>
    </row>
    <row r="150636" spans="14:14">
      <c r="N150636" s="10"/>
    </row>
    <row r="150637" spans="14:14">
      <c r="N150637" s="10"/>
    </row>
    <row r="150638" spans="14:14">
      <c r="N150638" s="10"/>
    </row>
    <row r="150639" spans="14:14">
      <c r="N150639" s="10"/>
    </row>
    <row r="150640" spans="14:14">
      <c r="N150640" s="10"/>
    </row>
    <row r="150641" spans="14:14">
      <c r="N150641" s="10"/>
    </row>
    <row r="150642" spans="14:14">
      <c r="N150642" s="10"/>
    </row>
    <row r="150643" spans="14:14">
      <c r="N150643" s="10"/>
    </row>
    <row r="150644" spans="14:14">
      <c r="N150644" s="10"/>
    </row>
    <row r="150645" spans="14:14">
      <c r="N150645" s="10"/>
    </row>
    <row r="150646" spans="14:14">
      <c r="N150646" s="10"/>
    </row>
    <row r="150647" spans="14:14">
      <c r="N150647" s="10"/>
    </row>
    <row r="150648" spans="14:14">
      <c r="N150648" s="10"/>
    </row>
    <row r="150649" spans="14:14">
      <c r="N150649" s="10"/>
    </row>
    <row r="150650" spans="14:14">
      <c r="N150650" s="10"/>
    </row>
    <row r="150651" spans="14:14">
      <c r="N150651" s="10"/>
    </row>
    <row r="150652" spans="14:14">
      <c r="N150652" s="10"/>
    </row>
    <row r="150653" spans="14:14">
      <c r="N150653" s="10"/>
    </row>
    <row r="150654" spans="14:14">
      <c r="N150654" s="10"/>
    </row>
    <row r="150655" spans="14:14">
      <c r="N150655" s="10"/>
    </row>
    <row r="150656" spans="14:14">
      <c r="N150656" s="10"/>
    </row>
    <row r="150657" spans="14:14">
      <c r="N150657" s="10"/>
    </row>
    <row r="150658" spans="14:14">
      <c r="N150658" s="10"/>
    </row>
    <row r="150659" spans="14:14">
      <c r="N150659" s="10"/>
    </row>
    <row r="150660" spans="14:14">
      <c r="N150660" s="10"/>
    </row>
    <row r="150661" spans="14:14">
      <c r="N150661" s="10"/>
    </row>
    <row r="150662" spans="14:14">
      <c r="N150662" s="10"/>
    </row>
    <row r="150663" spans="14:14">
      <c r="N150663" s="10"/>
    </row>
    <row r="150664" spans="14:14">
      <c r="N150664" s="10"/>
    </row>
    <row r="150665" spans="14:14">
      <c r="N150665" s="10"/>
    </row>
    <row r="150666" spans="14:14">
      <c r="N150666" s="10"/>
    </row>
    <row r="150667" spans="14:14">
      <c r="N150667" s="10"/>
    </row>
    <row r="150668" spans="14:14">
      <c r="N150668" s="10"/>
    </row>
    <row r="150669" spans="14:14">
      <c r="N150669" s="10"/>
    </row>
    <row r="150670" spans="14:14">
      <c r="N150670" s="10"/>
    </row>
    <row r="150671" spans="14:14">
      <c r="N150671" s="10"/>
    </row>
    <row r="150672" spans="14:14">
      <c r="N150672" s="10"/>
    </row>
    <row r="150673" spans="14:14">
      <c r="N150673" s="10"/>
    </row>
    <row r="150674" spans="14:14">
      <c r="N150674" s="10"/>
    </row>
    <row r="150675" spans="14:14">
      <c r="N150675" s="10"/>
    </row>
    <row r="150676" spans="14:14">
      <c r="N150676" s="10"/>
    </row>
    <row r="150677" spans="14:14">
      <c r="N150677" s="10"/>
    </row>
    <row r="150678" spans="14:14">
      <c r="N150678" s="10"/>
    </row>
    <row r="150679" spans="14:14">
      <c r="N150679" s="10"/>
    </row>
    <row r="150680" spans="14:14">
      <c r="N150680" s="10"/>
    </row>
    <row r="150681" spans="14:14">
      <c r="N150681" s="10"/>
    </row>
    <row r="150682" spans="14:14">
      <c r="N150682" s="10"/>
    </row>
    <row r="150683" spans="14:14">
      <c r="N150683" s="10"/>
    </row>
    <row r="150684" spans="14:14">
      <c r="N150684" s="10"/>
    </row>
    <row r="150685" spans="14:14">
      <c r="N150685" s="10"/>
    </row>
    <row r="150686" spans="14:14">
      <c r="N150686" s="10"/>
    </row>
    <row r="150687" spans="14:14">
      <c r="N150687" s="10"/>
    </row>
    <row r="150688" spans="14:14">
      <c r="N150688" s="10"/>
    </row>
    <row r="150689" spans="14:14">
      <c r="N150689" s="10"/>
    </row>
    <row r="150690" spans="14:14">
      <c r="N150690" s="10"/>
    </row>
    <row r="150691" spans="14:14">
      <c r="N150691" s="10"/>
    </row>
    <row r="150692" spans="14:14">
      <c r="N150692" s="10"/>
    </row>
    <row r="150693" spans="14:14">
      <c r="N150693" s="10"/>
    </row>
    <row r="150694" spans="14:14">
      <c r="N150694" s="10"/>
    </row>
    <row r="150695" spans="14:14">
      <c r="N150695" s="10"/>
    </row>
    <row r="150696" spans="14:14">
      <c r="N150696" s="10"/>
    </row>
    <row r="150697" spans="14:14">
      <c r="N150697" s="10"/>
    </row>
    <row r="150698" spans="14:14">
      <c r="N150698" s="10"/>
    </row>
    <row r="150699" spans="14:14">
      <c r="N150699" s="10"/>
    </row>
    <row r="150700" spans="14:14">
      <c r="N150700" s="10"/>
    </row>
    <row r="150701" spans="14:14">
      <c r="N150701" s="10"/>
    </row>
    <row r="150702" spans="14:14">
      <c r="N150702" s="10"/>
    </row>
    <row r="150703" spans="14:14">
      <c r="N150703" s="10"/>
    </row>
    <row r="150704" spans="14:14">
      <c r="N150704" s="10"/>
    </row>
    <row r="150705" spans="14:14">
      <c r="N150705" s="10"/>
    </row>
    <row r="150706" spans="14:14">
      <c r="N150706" s="10"/>
    </row>
    <row r="150707" spans="14:14">
      <c r="N150707" s="10"/>
    </row>
    <row r="150708" spans="14:14">
      <c r="N150708" s="10"/>
    </row>
    <row r="150709" spans="14:14">
      <c r="N150709" s="10"/>
    </row>
    <row r="150710" spans="14:14">
      <c r="N150710" s="10"/>
    </row>
    <row r="150711" spans="14:14">
      <c r="N150711" s="10"/>
    </row>
    <row r="150712" spans="14:14">
      <c r="N150712" s="10"/>
    </row>
    <row r="150713" spans="14:14">
      <c r="N150713" s="10"/>
    </row>
    <row r="150714" spans="14:14">
      <c r="N150714" s="10"/>
    </row>
    <row r="150715" spans="14:14">
      <c r="N150715" s="10"/>
    </row>
    <row r="150716" spans="14:14">
      <c r="N150716" s="10"/>
    </row>
    <row r="150717" spans="14:14">
      <c r="N150717" s="10"/>
    </row>
    <row r="150718" spans="14:14">
      <c r="N150718" s="10"/>
    </row>
    <row r="150719" spans="14:14">
      <c r="N150719" s="10"/>
    </row>
    <row r="150720" spans="14:14">
      <c r="N150720" s="10"/>
    </row>
    <row r="150721" spans="14:14">
      <c r="N150721" s="10"/>
    </row>
    <row r="150722" spans="14:14">
      <c r="N150722" s="10"/>
    </row>
    <row r="150723" spans="14:14">
      <c r="N150723" s="10"/>
    </row>
    <row r="150724" spans="14:14">
      <c r="N150724" s="10"/>
    </row>
    <row r="150725" spans="14:14">
      <c r="N150725" s="10"/>
    </row>
    <row r="150726" spans="14:14">
      <c r="N150726" s="10"/>
    </row>
    <row r="150727" spans="14:14">
      <c r="N150727" s="10"/>
    </row>
    <row r="150728" spans="14:14">
      <c r="N150728" s="10"/>
    </row>
    <row r="150729" spans="14:14">
      <c r="N150729" s="10"/>
    </row>
    <row r="150730" spans="14:14">
      <c r="N150730" s="10"/>
    </row>
    <row r="150731" spans="14:14">
      <c r="N150731" s="10"/>
    </row>
    <row r="150732" spans="14:14">
      <c r="N150732" s="10"/>
    </row>
    <row r="150733" spans="14:14">
      <c r="N150733" s="10"/>
    </row>
    <row r="150734" spans="14:14">
      <c r="N150734" s="10"/>
    </row>
    <row r="150735" spans="14:14">
      <c r="N150735" s="10"/>
    </row>
    <row r="150736" spans="14:14">
      <c r="N150736" s="10"/>
    </row>
    <row r="150737" spans="14:14">
      <c r="N150737" s="10"/>
    </row>
    <row r="150738" spans="14:14">
      <c r="N150738" s="10"/>
    </row>
    <row r="150739" spans="14:14">
      <c r="N150739" s="10"/>
    </row>
    <row r="150740" spans="14:14">
      <c r="N150740" s="10"/>
    </row>
    <row r="150741" spans="14:14">
      <c r="N150741" s="10"/>
    </row>
    <row r="150742" spans="14:14">
      <c r="N150742" s="10"/>
    </row>
    <row r="150743" spans="14:14">
      <c r="N150743" s="10"/>
    </row>
    <row r="150744" spans="14:14">
      <c r="N150744" s="10"/>
    </row>
    <row r="150745" spans="14:14">
      <c r="N150745" s="10"/>
    </row>
    <row r="150746" spans="14:14">
      <c r="N150746" s="10"/>
    </row>
    <row r="150747" spans="14:14">
      <c r="N150747" s="10"/>
    </row>
    <row r="150748" spans="14:14">
      <c r="N150748" s="10"/>
    </row>
    <row r="150749" spans="14:14">
      <c r="N150749" s="10"/>
    </row>
    <row r="150750" spans="14:14">
      <c r="N150750" s="10"/>
    </row>
    <row r="150751" spans="14:14">
      <c r="N150751" s="10"/>
    </row>
    <row r="150752" spans="14:14">
      <c r="N150752" s="10"/>
    </row>
    <row r="150753" spans="14:14">
      <c r="N150753" s="10"/>
    </row>
    <row r="150754" spans="14:14">
      <c r="N150754" s="10"/>
    </row>
    <row r="150755" spans="14:14">
      <c r="N150755" s="10"/>
    </row>
    <row r="150756" spans="14:14">
      <c r="N150756" s="10"/>
    </row>
    <row r="150757" spans="14:14">
      <c r="N150757" s="10"/>
    </row>
    <row r="150758" spans="14:14">
      <c r="N150758" s="10"/>
    </row>
    <row r="150759" spans="14:14">
      <c r="N150759" s="10"/>
    </row>
    <row r="150760" spans="14:14">
      <c r="N150760" s="10"/>
    </row>
    <row r="150761" spans="14:14">
      <c r="N150761" s="10"/>
    </row>
    <row r="150762" spans="14:14">
      <c r="N150762" s="10"/>
    </row>
    <row r="150763" spans="14:14">
      <c r="N150763" s="10"/>
    </row>
    <row r="150764" spans="14:14">
      <c r="N150764" s="10"/>
    </row>
    <row r="150765" spans="14:14">
      <c r="N150765" s="10"/>
    </row>
    <row r="150766" spans="14:14">
      <c r="N150766" s="10"/>
    </row>
    <row r="150767" spans="14:14">
      <c r="N150767" s="10"/>
    </row>
    <row r="150768" spans="14:14">
      <c r="N150768" s="10"/>
    </row>
    <row r="150769" spans="14:14">
      <c r="N150769" s="10"/>
    </row>
    <row r="150770" spans="14:14">
      <c r="N150770" s="10"/>
    </row>
    <row r="150771" spans="14:14">
      <c r="N150771" s="10"/>
    </row>
    <row r="150772" spans="14:14">
      <c r="N150772" s="10"/>
    </row>
    <row r="150773" spans="14:14">
      <c r="N150773" s="10"/>
    </row>
    <row r="150774" spans="14:14">
      <c r="N150774" s="10"/>
    </row>
    <row r="150775" spans="14:14">
      <c r="N150775" s="10"/>
    </row>
    <row r="150776" spans="14:14">
      <c r="N150776" s="10"/>
    </row>
    <row r="150777" spans="14:14">
      <c r="N150777" s="10"/>
    </row>
    <row r="150778" spans="14:14">
      <c r="N150778" s="10"/>
    </row>
    <row r="150779" spans="14:14">
      <c r="N150779" s="10"/>
    </row>
    <row r="150780" spans="14:14">
      <c r="N150780" s="10"/>
    </row>
    <row r="150781" spans="14:14">
      <c r="N150781" s="10"/>
    </row>
    <row r="150782" spans="14:14">
      <c r="N150782" s="10"/>
    </row>
    <row r="150783" spans="14:14">
      <c r="N150783" s="10"/>
    </row>
    <row r="150784" spans="14:14">
      <c r="N150784" s="10"/>
    </row>
    <row r="150785" spans="14:14">
      <c r="N150785" s="10"/>
    </row>
    <row r="150786" spans="14:14">
      <c r="N150786" s="10"/>
    </row>
    <row r="150787" spans="14:14">
      <c r="N150787" s="10"/>
    </row>
    <row r="150788" spans="14:14">
      <c r="N150788" s="10"/>
    </row>
    <row r="150789" spans="14:14">
      <c r="N150789" s="10"/>
    </row>
    <row r="150790" spans="14:14">
      <c r="N150790" s="10"/>
    </row>
    <row r="150791" spans="14:14">
      <c r="N150791" s="10"/>
    </row>
    <row r="150792" spans="14:14">
      <c r="N150792" s="10"/>
    </row>
    <row r="150793" spans="14:14">
      <c r="N150793" s="10"/>
    </row>
    <row r="150794" spans="14:14">
      <c r="N150794" s="10"/>
    </row>
    <row r="150795" spans="14:14">
      <c r="N150795" s="10"/>
    </row>
    <row r="150796" spans="14:14">
      <c r="N150796" s="10"/>
    </row>
    <row r="150797" spans="14:14">
      <c r="N150797" s="10"/>
    </row>
    <row r="150798" spans="14:14">
      <c r="N150798" s="10"/>
    </row>
    <row r="150799" spans="14:14">
      <c r="N150799" s="10"/>
    </row>
    <row r="150800" spans="14:14">
      <c r="N150800" s="10"/>
    </row>
    <row r="150801" spans="14:14">
      <c r="N150801" s="10"/>
    </row>
    <row r="150802" spans="14:14">
      <c r="N150802" s="10"/>
    </row>
    <row r="150803" spans="14:14">
      <c r="N150803" s="10"/>
    </row>
    <row r="150804" spans="14:14">
      <c r="N150804" s="10"/>
    </row>
    <row r="150805" spans="14:14">
      <c r="N150805" s="10"/>
    </row>
    <row r="150806" spans="14:14">
      <c r="N150806" s="10"/>
    </row>
    <row r="150807" spans="14:14">
      <c r="N150807" s="10"/>
    </row>
    <row r="150808" spans="14:14">
      <c r="N150808" s="10"/>
    </row>
    <row r="150809" spans="14:14">
      <c r="N150809" s="10"/>
    </row>
    <row r="150810" spans="14:14">
      <c r="N150810" s="10"/>
    </row>
    <row r="150811" spans="14:14">
      <c r="N150811" s="10"/>
    </row>
    <row r="150812" spans="14:14">
      <c r="N150812" s="10"/>
    </row>
    <row r="150813" spans="14:14">
      <c r="N150813" s="10"/>
    </row>
    <row r="150814" spans="14:14">
      <c r="N150814" s="10"/>
    </row>
    <row r="150815" spans="14:14">
      <c r="N150815" s="10"/>
    </row>
    <row r="150816" spans="14:14">
      <c r="N150816" s="10"/>
    </row>
    <row r="150817" spans="14:14">
      <c r="N150817" s="10"/>
    </row>
    <row r="150818" spans="14:14">
      <c r="N150818" s="10"/>
    </row>
    <row r="150819" spans="14:14">
      <c r="N150819" s="10"/>
    </row>
    <row r="150820" spans="14:14">
      <c r="N150820" s="10"/>
    </row>
    <row r="150821" spans="14:14">
      <c r="N150821" s="10"/>
    </row>
    <row r="150822" spans="14:14">
      <c r="N150822" s="10"/>
    </row>
    <row r="150823" spans="14:14">
      <c r="N150823" s="10"/>
    </row>
    <row r="150824" spans="14:14">
      <c r="N150824" s="10"/>
    </row>
    <row r="150825" spans="14:14">
      <c r="N150825" s="10"/>
    </row>
    <row r="150826" spans="14:14">
      <c r="N150826" s="10"/>
    </row>
    <row r="150827" spans="14:14">
      <c r="N150827" s="10"/>
    </row>
    <row r="150828" spans="14:14">
      <c r="N150828" s="10"/>
    </row>
    <row r="150829" spans="14:14">
      <c r="N150829" s="10"/>
    </row>
    <row r="150830" spans="14:14">
      <c r="N150830" s="10"/>
    </row>
    <row r="150831" spans="14:14">
      <c r="N150831" s="10"/>
    </row>
    <row r="150832" spans="14:14">
      <c r="N150832" s="10"/>
    </row>
    <row r="150833" spans="14:14">
      <c r="N150833" s="10"/>
    </row>
    <row r="150834" spans="14:14">
      <c r="N150834" s="10"/>
    </row>
    <row r="150835" spans="14:14">
      <c r="N150835" s="10"/>
    </row>
    <row r="150836" spans="14:14">
      <c r="N150836" s="10"/>
    </row>
    <row r="150837" spans="14:14">
      <c r="N150837" s="10"/>
    </row>
    <row r="150838" spans="14:14">
      <c r="N150838" s="10"/>
    </row>
    <row r="150839" spans="14:14">
      <c r="N150839" s="10"/>
    </row>
    <row r="150840" spans="14:14">
      <c r="N150840" s="10"/>
    </row>
    <row r="150841" spans="14:14">
      <c r="N150841" s="10"/>
    </row>
    <row r="150842" spans="14:14">
      <c r="N150842" s="10"/>
    </row>
    <row r="150843" spans="14:14">
      <c r="N150843" s="10"/>
    </row>
    <row r="150844" spans="14:14">
      <c r="N150844" s="10"/>
    </row>
    <row r="150845" spans="14:14">
      <c r="N150845" s="10"/>
    </row>
    <row r="150846" spans="14:14">
      <c r="N150846" s="10"/>
    </row>
    <row r="150847" spans="14:14">
      <c r="N150847" s="10"/>
    </row>
    <row r="150848" spans="14:14">
      <c r="N150848" s="10"/>
    </row>
    <row r="150849" spans="14:14">
      <c r="N150849" s="10"/>
    </row>
    <row r="150850" spans="14:14">
      <c r="N150850" s="10"/>
    </row>
    <row r="150851" spans="14:14">
      <c r="N150851" s="10"/>
    </row>
    <row r="150852" spans="14:14">
      <c r="N150852" s="10"/>
    </row>
    <row r="150853" spans="14:14">
      <c r="N150853" s="10"/>
    </row>
    <row r="150854" spans="14:14">
      <c r="N150854" s="10"/>
    </row>
    <row r="150855" spans="14:14">
      <c r="N150855" s="10"/>
    </row>
    <row r="150856" spans="14:14">
      <c r="N150856" s="10"/>
    </row>
    <row r="150857" spans="14:14">
      <c r="N150857" s="10"/>
    </row>
    <row r="150858" spans="14:14">
      <c r="N150858" s="10"/>
    </row>
    <row r="150859" spans="14:14">
      <c r="N150859" s="10"/>
    </row>
    <row r="150860" spans="14:14">
      <c r="N150860" s="10"/>
    </row>
    <row r="150861" spans="14:14">
      <c r="N150861" s="10"/>
    </row>
    <row r="150862" spans="14:14">
      <c r="N150862" s="10"/>
    </row>
    <row r="150863" spans="14:14">
      <c r="N150863" s="10"/>
    </row>
    <row r="150864" spans="14:14">
      <c r="N150864" s="10"/>
    </row>
    <row r="150865" spans="14:14">
      <c r="N150865" s="10"/>
    </row>
    <row r="150866" spans="14:14">
      <c r="N150866" s="10"/>
    </row>
    <row r="150867" spans="14:14">
      <c r="N150867" s="10"/>
    </row>
    <row r="150868" spans="14:14">
      <c r="N150868" s="10"/>
    </row>
    <row r="150869" spans="14:14">
      <c r="N150869" s="10"/>
    </row>
    <row r="150870" spans="14:14">
      <c r="N150870" s="10"/>
    </row>
    <row r="150871" spans="14:14">
      <c r="N150871" s="10"/>
    </row>
    <row r="150872" spans="14:14">
      <c r="N150872" s="10"/>
    </row>
    <row r="150873" spans="14:14">
      <c r="N150873" s="10"/>
    </row>
    <row r="150874" spans="14:14">
      <c r="N150874" s="10"/>
    </row>
    <row r="150875" spans="14:14">
      <c r="N150875" s="10"/>
    </row>
    <row r="150876" spans="14:14">
      <c r="N150876" s="10"/>
    </row>
    <row r="150877" spans="14:14">
      <c r="N150877" s="10"/>
    </row>
    <row r="150878" spans="14:14">
      <c r="N150878" s="10"/>
    </row>
    <row r="150879" spans="14:14">
      <c r="N150879" s="10"/>
    </row>
    <row r="150880" spans="14:14">
      <c r="N150880" s="10"/>
    </row>
    <row r="150881" spans="14:14">
      <c r="N150881" s="10"/>
    </row>
    <row r="150882" spans="14:14">
      <c r="N150882" s="10"/>
    </row>
    <row r="150883" spans="14:14">
      <c r="N150883" s="10"/>
    </row>
    <row r="150884" spans="14:14">
      <c r="N150884" s="10"/>
    </row>
    <row r="150885" spans="14:14">
      <c r="N150885" s="10"/>
    </row>
    <row r="150886" spans="14:14">
      <c r="N150886" s="10"/>
    </row>
    <row r="150887" spans="14:14">
      <c r="N150887" s="10"/>
    </row>
    <row r="150888" spans="14:14">
      <c r="N150888" s="10"/>
    </row>
    <row r="150889" spans="14:14">
      <c r="N150889" s="10"/>
    </row>
    <row r="150890" spans="14:14">
      <c r="N150890" s="10"/>
    </row>
    <row r="150891" spans="14:14">
      <c r="N150891" s="10"/>
    </row>
    <row r="150892" spans="14:14">
      <c r="N150892" s="10"/>
    </row>
    <row r="150893" spans="14:14">
      <c r="N150893" s="10"/>
    </row>
    <row r="150894" spans="14:14">
      <c r="N150894" s="10"/>
    </row>
    <row r="150895" spans="14:14">
      <c r="N150895" s="10"/>
    </row>
    <row r="150896" spans="14:14">
      <c r="N150896" s="10"/>
    </row>
    <row r="150897" spans="14:14">
      <c r="N150897" s="10"/>
    </row>
    <row r="150898" spans="14:14">
      <c r="N150898" s="10"/>
    </row>
    <row r="150899" spans="14:14">
      <c r="N150899" s="10"/>
    </row>
    <row r="150900" spans="14:14">
      <c r="N150900" s="10"/>
    </row>
    <row r="150901" spans="14:14">
      <c r="N150901" s="10"/>
    </row>
    <row r="150902" spans="14:14">
      <c r="N150902" s="10"/>
    </row>
    <row r="150903" spans="14:14">
      <c r="N150903" s="10"/>
    </row>
    <row r="150904" spans="14:14">
      <c r="N150904" s="10"/>
    </row>
    <row r="150905" spans="14:14">
      <c r="N150905" s="10"/>
    </row>
    <row r="150906" spans="14:14">
      <c r="N150906" s="10"/>
    </row>
    <row r="150907" spans="14:14">
      <c r="N150907" s="10"/>
    </row>
    <row r="150908" spans="14:14">
      <c r="N150908" s="10"/>
    </row>
    <row r="150909" spans="14:14">
      <c r="N150909" s="10"/>
    </row>
    <row r="150910" spans="14:14">
      <c r="N150910" s="10"/>
    </row>
    <row r="150911" spans="14:14">
      <c r="N150911" s="10"/>
    </row>
    <row r="150912" spans="14:14">
      <c r="N150912" s="10"/>
    </row>
    <row r="150913" spans="14:14">
      <c r="N150913" s="10"/>
    </row>
    <row r="150914" spans="14:14">
      <c r="N150914" s="10"/>
    </row>
    <row r="150915" spans="14:14">
      <c r="N150915" s="10"/>
    </row>
    <row r="150916" spans="14:14">
      <c r="N150916" s="10"/>
    </row>
    <row r="150917" spans="14:14">
      <c r="N150917" s="10"/>
    </row>
    <row r="150918" spans="14:14">
      <c r="N150918" s="10"/>
    </row>
    <row r="150919" spans="14:14">
      <c r="N150919" s="10"/>
    </row>
    <row r="150920" spans="14:14">
      <c r="N150920" s="10"/>
    </row>
    <row r="150921" spans="14:14">
      <c r="N150921" s="10"/>
    </row>
    <row r="150922" spans="14:14">
      <c r="N150922" s="10"/>
    </row>
    <row r="150923" spans="14:14">
      <c r="N150923" s="10"/>
    </row>
    <row r="150924" spans="14:14">
      <c r="N150924" s="10"/>
    </row>
    <row r="150925" spans="14:14">
      <c r="N150925" s="10"/>
    </row>
    <row r="150926" spans="14:14">
      <c r="N150926" s="10"/>
    </row>
    <row r="150927" spans="14:14">
      <c r="N150927" s="10"/>
    </row>
    <row r="150928" spans="14:14">
      <c r="N150928" s="10"/>
    </row>
    <row r="150929" spans="14:14">
      <c r="N150929" s="10"/>
    </row>
    <row r="150930" spans="14:14">
      <c r="N150930" s="10"/>
    </row>
    <row r="150931" spans="14:14">
      <c r="N150931" s="10"/>
    </row>
    <row r="150932" spans="14:14">
      <c r="N150932" s="10"/>
    </row>
    <row r="150933" spans="14:14">
      <c r="N150933" s="10"/>
    </row>
    <row r="150934" spans="14:14">
      <c r="N150934" s="10"/>
    </row>
    <row r="150935" spans="14:14">
      <c r="N150935" s="10"/>
    </row>
    <row r="150936" spans="14:14">
      <c r="N150936" s="10"/>
    </row>
    <row r="150937" spans="14:14">
      <c r="N150937" s="10"/>
    </row>
    <row r="150938" spans="14:14">
      <c r="N150938" s="10"/>
    </row>
    <row r="150939" spans="14:14">
      <c r="N150939" s="10"/>
    </row>
    <row r="150940" spans="14:14">
      <c r="N150940" s="10"/>
    </row>
    <row r="150941" spans="14:14">
      <c r="N150941" s="10"/>
    </row>
    <row r="150942" spans="14:14">
      <c r="N150942" s="10"/>
    </row>
    <row r="150943" spans="14:14">
      <c r="N150943" s="10"/>
    </row>
    <row r="150944" spans="14:14">
      <c r="N150944" s="10"/>
    </row>
    <row r="150945" spans="14:14">
      <c r="N150945" s="10"/>
    </row>
    <row r="150946" spans="14:14">
      <c r="N150946" s="10"/>
    </row>
    <row r="150947" spans="14:14">
      <c r="N150947" s="10"/>
    </row>
    <row r="150948" spans="14:14">
      <c r="N150948" s="10"/>
    </row>
    <row r="150949" spans="14:14">
      <c r="N150949" s="10"/>
    </row>
    <row r="150950" spans="14:14">
      <c r="N150950" s="10"/>
    </row>
    <row r="150951" spans="14:14">
      <c r="N150951" s="10"/>
    </row>
    <row r="150952" spans="14:14">
      <c r="N150952" s="10"/>
    </row>
    <row r="150953" spans="14:14">
      <c r="N150953" s="10"/>
    </row>
    <row r="150954" spans="14:14">
      <c r="N150954" s="10"/>
    </row>
    <row r="150955" spans="14:14">
      <c r="N150955" s="10"/>
    </row>
    <row r="150956" spans="14:14">
      <c r="N150956" s="10"/>
    </row>
    <row r="150957" spans="14:14">
      <c r="N150957" s="10"/>
    </row>
    <row r="150958" spans="14:14">
      <c r="N150958" s="10"/>
    </row>
    <row r="150959" spans="14:14">
      <c r="N150959" s="10"/>
    </row>
    <row r="150960" spans="14:14">
      <c r="N150960" s="10"/>
    </row>
    <row r="150961" spans="14:14">
      <c r="N150961" s="10"/>
    </row>
    <row r="150962" spans="14:14">
      <c r="N150962" s="10"/>
    </row>
    <row r="150963" spans="14:14">
      <c r="N150963" s="10"/>
    </row>
    <row r="150964" spans="14:14">
      <c r="N150964" s="10"/>
    </row>
    <row r="150965" spans="14:14">
      <c r="N150965" s="10"/>
    </row>
    <row r="150966" spans="14:14">
      <c r="N150966" s="10"/>
    </row>
    <row r="150967" spans="14:14">
      <c r="N150967" s="10"/>
    </row>
    <row r="150968" spans="14:14">
      <c r="N150968" s="10"/>
    </row>
    <row r="150969" spans="14:14">
      <c r="N150969" s="10"/>
    </row>
    <row r="150970" spans="14:14">
      <c r="N150970" s="10"/>
    </row>
    <row r="150971" spans="14:14">
      <c r="N150971" s="10"/>
    </row>
    <row r="150972" spans="14:14">
      <c r="N150972" s="10"/>
    </row>
    <row r="150973" spans="14:14">
      <c r="N150973" s="10"/>
    </row>
    <row r="150974" spans="14:14">
      <c r="N150974" s="10"/>
    </row>
    <row r="150975" spans="14:14">
      <c r="N150975" s="10"/>
    </row>
    <row r="150976" spans="14:14">
      <c r="N150976" s="10"/>
    </row>
    <row r="150977" spans="14:14">
      <c r="N150977" s="10"/>
    </row>
    <row r="150978" spans="14:14">
      <c r="N150978" s="10"/>
    </row>
    <row r="150979" spans="14:14">
      <c r="N150979" s="10"/>
    </row>
    <row r="150980" spans="14:14">
      <c r="N150980" s="10"/>
    </row>
    <row r="150981" spans="14:14">
      <c r="N150981" s="10"/>
    </row>
    <row r="150982" spans="14:14">
      <c r="N150982" s="10"/>
    </row>
    <row r="150983" spans="14:14">
      <c r="N150983" s="10"/>
    </row>
    <row r="150984" spans="14:14">
      <c r="N150984" s="10"/>
    </row>
    <row r="150985" spans="14:14">
      <c r="N150985" s="10"/>
    </row>
    <row r="150986" spans="14:14">
      <c r="N150986" s="10"/>
    </row>
    <row r="150987" spans="14:14">
      <c r="N150987" s="10"/>
    </row>
    <row r="150988" spans="14:14">
      <c r="N150988" s="10"/>
    </row>
    <row r="150989" spans="14:14">
      <c r="N150989" s="10"/>
    </row>
    <row r="150990" spans="14:14">
      <c r="N150990" s="10"/>
    </row>
    <row r="150991" spans="14:14">
      <c r="N150991" s="10"/>
    </row>
    <row r="150992" spans="14:14">
      <c r="N150992" s="10"/>
    </row>
    <row r="150993" spans="14:14">
      <c r="N150993" s="10"/>
    </row>
    <row r="150994" spans="14:14">
      <c r="N150994" s="10"/>
    </row>
    <row r="150995" spans="14:14">
      <c r="N150995" s="10"/>
    </row>
    <row r="150996" spans="14:14">
      <c r="N150996" s="10"/>
    </row>
    <row r="150997" spans="14:14">
      <c r="N150997" s="10"/>
    </row>
    <row r="150998" spans="14:14">
      <c r="N150998" s="10"/>
    </row>
    <row r="150999" spans="14:14">
      <c r="N150999" s="10"/>
    </row>
    <row r="151000" spans="14:14">
      <c r="N151000" s="10"/>
    </row>
    <row r="151001" spans="14:14">
      <c r="N151001" s="10"/>
    </row>
    <row r="151002" spans="14:14">
      <c r="N151002" s="10"/>
    </row>
    <row r="151003" spans="14:14">
      <c r="N151003" s="10"/>
    </row>
    <row r="151004" spans="14:14">
      <c r="N151004" s="10"/>
    </row>
    <row r="151005" spans="14:14">
      <c r="N151005" s="10"/>
    </row>
    <row r="151006" spans="14:14">
      <c r="N151006" s="10"/>
    </row>
    <row r="151007" spans="14:14">
      <c r="N151007" s="10"/>
    </row>
    <row r="151008" spans="14:14">
      <c r="N151008" s="10"/>
    </row>
    <row r="151009" spans="14:14">
      <c r="N151009" s="10"/>
    </row>
    <row r="151010" spans="14:14">
      <c r="N151010" s="10"/>
    </row>
    <row r="151011" spans="14:14">
      <c r="N151011" s="10"/>
    </row>
    <row r="151012" spans="14:14">
      <c r="N151012" s="10"/>
    </row>
    <row r="151013" spans="14:14">
      <c r="N151013" s="10"/>
    </row>
    <row r="151014" spans="14:14">
      <c r="N151014" s="10"/>
    </row>
    <row r="151015" spans="14:14">
      <c r="N151015" s="10"/>
    </row>
    <row r="151016" spans="14:14">
      <c r="N151016" s="10"/>
    </row>
    <row r="151017" spans="14:14">
      <c r="N151017" s="10"/>
    </row>
    <row r="151018" spans="14:14">
      <c r="N151018" s="10"/>
    </row>
    <row r="151019" spans="14:14">
      <c r="N151019" s="10"/>
    </row>
    <row r="151020" spans="14:14">
      <c r="N151020" s="10"/>
    </row>
    <row r="151021" spans="14:14">
      <c r="N151021" s="10"/>
    </row>
    <row r="151022" spans="14:14">
      <c r="N151022" s="10"/>
    </row>
    <row r="151023" spans="14:14">
      <c r="N151023" s="10"/>
    </row>
    <row r="151024" spans="14:14">
      <c r="N151024" s="10"/>
    </row>
    <row r="151025" spans="14:14">
      <c r="N151025" s="10"/>
    </row>
    <row r="151026" spans="14:14">
      <c r="N151026" s="10"/>
    </row>
    <row r="151027" spans="14:14">
      <c r="N151027" s="10"/>
    </row>
    <row r="151028" spans="14:14">
      <c r="N151028" s="10"/>
    </row>
    <row r="151029" spans="14:14">
      <c r="N151029" s="10"/>
    </row>
    <row r="151030" spans="14:14">
      <c r="N151030" s="10"/>
    </row>
    <row r="151031" spans="14:14">
      <c r="N151031" s="10"/>
    </row>
    <row r="151032" spans="14:14">
      <c r="N151032" s="10"/>
    </row>
    <row r="151033" spans="14:14">
      <c r="N151033" s="10"/>
    </row>
    <row r="151034" spans="14:14">
      <c r="N151034" s="10"/>
    </row>
    <row r="151035" spans="14:14">
      <c r="N151035" s="10"/>
    </row>
    <row r="151036" spans="14:14">
      <c r="N151036" s="10"/>
    </row>
    <row r="151037" spans="14:14">
      <c r="N151037" s="10"/>
    </row>
    <row r="151038" spans="14:14">
      <c r="N151038" s="10"/>
    </row>
    <row r="151039" spans="14:14">
      <c r="N151039" s="10"/>
    </row>
    <row r="151040" spans="14:14">
      <c r="N151040" s="10"/>
    </row>
    <row r="151041" spans="14:14">
      <c r="N151041" s="10"/>
    </row>
    <row r="151042" spans="14:14">
      <c r="N151042" s="10"/>
    </row>
    <row r="151043" spans="14:14">
      <c r="N151043" s="10"/>
    </row>
    <row r="151044" spans="14:14">
      <c r="N151044" s="10"/>
    </row>
    <row r="151045" spans="14:14">
      <c r="N151045" s="10"/>
    </row>
    <row r="151046" spans="14:14">
      <c r="N151046" s="10"/>
    </row>
    <row r="151047" spans="14:14">
      <c r="N151047" s="10"/>
    </row>
    <row r="151048" spans="14:14">
      <c r="N151048" s="10"/>
    </row>
    <row r="151049" spans="14:14">
      <c r="N151049" s="10"/>
    </row>
    <row r="151050" spans="14:14">
      <c r="N151050" s="10"/>
    </row>
    <row r="151051" spans="14:14">
      <c r="N151051" s="10"/>
    </row>
    <row r="151052" spans="14:14">
      <c r="N151052" s="10"/>
    </row>
    <row r="151053" spans="14:14">
      <c r="N151053" s="10"/>
    </row>
    <row r="151054" spans="14:14">
      <c r="N151054" s="10"/>
    </row>
    <row r="151055" spans="14:14">
      <c r="N151055" s="10"/>
    </row>
    <row r="151056" spans="14:14">
      <c r="N151056" s="10"/>
    </row>
    <row r="151057" spans="14:14">
      <c r="N151057" s="10"/>
    </row>
    <row r="151058" spans="14:14">
      <c r="N151058" s="10"/>
    </row>
    <row r="151059" spans="14:14">
      <c r="N151059" s="10"/>
    </row>
    <row r="151060" spans="14:14">
      <c r="N151060" s="10"/>
    </row>
    <row r="151061" spans="14:14">
      <c r="N151061" s="10"/>
    </row>
    <row r="151062" spans="14:14">
      <c r="N151062" s="10"/>
    </row>
    <row r="151063" spans="14:14">
      <c r="N151063" s="10"/>
    </row>
    <row r="151064" spans="14:14">
      <c r="N151064" s="10"/>
    </row>
    <row r="151065" spans="14:14">
      <c r="N151065" s="10"/>
    </row>
    <row r="151066" spans="14:14">
      <c r="N151066" s="10"/>
    </row>
    <row r="151067" spans="14:14">
      <c r="N151067" s="10"/>
    </row>
    <row r="151068" spans="14:14">
      <c r="N151068" s="10"/>
    </row>
    <row r="151069" spans="14:14">
      <c r="N151069" s="10"/>
    </row>
    <row r="151070" spans="14:14">
      <c r="N151070" s="10"/>
    </row>
    <row r="151071" spans="14:14">
      <c r="N151071" s="10"/>
    </row>
    <row r="151072" spans="14:14">
      <c r="N151072" s="10"/>
    </row>
    <row r="151073" spans="14:14">
      <c r="N151073" s="10"/>
    </row>
    <row r="151074" spans="14:14">
      <c r="N151074" s="10"/>
    </row>
    <row r="151075" spans="14:14">
      <c r="N151075" s="10"/>
    </row>
    <row r="151076" spans="14:14">
      <c r="N151076" s="10"/>
    </row>
    <row r="151077" spans="14:14">
      <c r="N151077" s="10"/>
    </row>
    <row r="151078" spans="14:14">
      <c r="N151078" s="10"/>
    </row>
    <row r="151079" spans="14:14">
      <c r="N151079" s="10"/>
    </row>
    <row r="151080" spans="14:14">
      <c r="N151080" s="10"/>
    </row>
    <row r="151081" spans="14:14">
      <c r="N151081" s="10"/>
    </row>
    <row r="151082" spans="14:14">
      <c r="N151082" s="10"/>
    </row>
    <row r="151083" spans="14:14">
      <c r="N151083" s="10"/>
    </row>
    <row r="151084" spans="14:14">
      <c r="N151084" s="10"/>
    </row>
    <row r="151085" spans="14:14">
      <c r="N151085" s="10"/>
    </row>
    <row r="151086" spans="14:14">
      <c r="N151086" s="10"/>
    </row>
    <row r="151087" spans="14:14">
      <c r="N151087" s="10"/>
    </row>
    <row r="151088" spans="14:14">
      <c r="N151088" s="10"/>
    </row>
    <row r="151089" spans="14:14">
      <c r="N151089" s="10"/>
    </row>
    <row r="151090" spans="14:14">
      <c r="N151090" s="10"/>
    </row>
    <row r="151091" spans="14:14">
      <c r="N151091" s="10"/>
    </row>
    <row r="151092" spans="14:14">
      <c r="N151092" s="10"/>
    </row>
    <row r="151093" spans="14:14">
      <c r="N151093" s="10"/>
    </row>
    <row r="151094" spans="14:14">
      <c r="N151094" s="10"/>
    </row>
    <row r="151095" spans="14:14">
      <c r="N151095" s="10"/>
    </row>
    <row r="151096" spans="14:14">
      <c r="N151096" s="10"/>
    </row>
    <row r="151097" spans="14:14">
      <c r="N151097" s="10"/>
    </row>
    <row r="151098" spans="14:14">
      <c r="N151098" s="10"/>
    </row>
    <row r="151099" spans="14:14">
      <c r="N151099" s="10"/>
    </row>
    <row r="151100" spans="14:14">
      <c r="N151100" s="10"/>
    </row>
    <row r="151101" spans="14:14">
      <c r="N151101" s="10"/>
    </row>
    <row r="151102" spans="14:14">
      <c r="N151102" s="10"/>
    </row>
    <row r="151103" spans="14:14">
      <c r="N151103" s="10"/>
    </row>
    <row r="151104" spans="14:14">
      <c r="N151104" s="10"/>
    </row>
    <row r="151105" spans="14:14">
      <c r="N151105" s="10"/>
    </row>
    <row r="151106" spans="14:14">
      <c r="N151106" s="10"/>
    </row>
    <row r="151107" spans="14:14">
      <c r="N151107" s="10"/>
    </row>
    <row r="151108" spans="14:14">
      <c r="N151108" s="10"/>
    </row>
    <row r="151109" spans="14:14">
      <c r="N151109" s="10"/>
    </row>
    <row r="151110" spans="14:14">
      <c r="N151110" s="10"/>
    </row>
    <row r="151111" spans="14:14">
      <c r="N151111" s="10"/>
    </row>
    <row r="151112" spans="14:14">
      <c r="N151112" s="10"/>
    </row>
    <row r="151113" spans="14:14">
      <c r="N151113" s="10"/>
    </row>
    <row r="151114" spans="14:14">
      <c r="N151114" s="10"/>
    </row>
    <row r="151115" spans="14:14">
      <c r="N151115" s="10"/>
    </row>
    <row r="151116" spans="14:14">
      <c r="N151116" s="10"/>
    </row>
    <row r="151117" spans="14:14">
      <c r="N151117" s="10"/>
    </row>
    <row r="151118" spans="14:14">
      <c r="N151118" s="10"/>
    </row>
    <row r="151119" spans="14:14">
      <c r="N151119" s="10"/>
    </row>
    <row r="151120" spans="14:14">
      <c r="N151120" s="10"/>
    </row>
    <row r="151121" spans="14:14">
      <c r="N151121" s="10"/>
    </row>
    <row r="151122" spans="14:14">
      <c r="N151122" s="10"/>
    </row>
    <row r="151123" spans="14:14">
      <c r="N151123" s="10"/>
    </row>
    <row r="151124" spans="14:14">
      <c r="N151124" s="10"/>
    </row>
    <row r="151125" spans="14:14">
      <c r="N151125" s="10"/>
    </row>
    <row r="151126" spans="14:14">
      <c r="N151126" s="10"/>
    </row>
    <row r="151127" spans="14:14">
      <c r="N151127" s="10"/>
    </row>
    <row r="151128" spans="14:14">
      <c r="N151128" s="10"/>
    </row>
    <row r="151129" spans="14:14">
      <c r="N151129" s="10"/>
    </row>
    <row r="151130" spans="14:14">
      <c r="N151130" s="10"/>
    </row>
    <row r="151131" spans="14:14">
      <c r="N151131" s="10"/>
    </row>
    <row r="151132" spans="14:14">
      <c r="N151132" s="10"/>
    </row>
    <row r="151133" spans="14:14">
      <c r="N151133" s="10"/>
    </row>
    <row r="151134" spans="14:14">
      <c r="N151134" s="10"/>
    </row>
    <row r="151135" spans="14:14">
      <c r="N151135" s="10"/>
    </row>
    <row r="151136" spans="14:14">
      <c r="N151136" s="10"/>
    </row>
    <row r="151137" spans="14:14">
      <c r="N151137" s="10"/>
    </row>
    <row r="151138" spans="14:14">
      <c r="N151138" s="10"/>
    </row>
    <row r="151139" spans="14:14">
      <c r="N151139" s="10"/>
    </row>
    <row r="151140" spans="14:14">
      <c r="N151140" s="10"/>
    </row>
    <row r="151141" spans="14:14">
      <c r="N151141" s="10"/>
    </row>
    <row r="151142" spans="14:14">
      <c r="N151142" s="10"/>
    </row>
    <row r="151143" spans="14:14">
      <c r="N151143" s="10"/>
    </row>
    <row r="151144" spans="14:14">
      <c r="N151144" s="10"/>
    </row>
    <row r="151145" spans="14:14">
      <c r="N151145" s="10"/>
    </row>
    <row r="151146" spans="14:14">
      <c r="N151146" s="10"/>
    </row>
    <row r="151147" spans="14:14">
      <c r="N151147" s="10"/>
    </row>
    <row r="151148" spans="14:14">
      <c r="N151148" s="10"/>
    </row>
    <row r="151149" spans="14:14">
      <c r="N151149" s="10"/>
    </row>
    <row r="151150" spans="14:14">
      <c r="N151150" s="10"/>
    </row>
    <row r="151151" spans="14:14">
      <c r="N151151" s="10"/>
    </row>
    <row r="151152" spans="14:14">
      <c r="N151152" s="10"/>
    </row>
    <row r="151153" spans="14:14">
      <c r="N151153" s="10"/>
    </row>
    <row r="151154" spans="14:14">
      <c r="N151154" s="10"/>
    </row>
    <row r="151155" spans="14:14">
      <c r="N151155" s="10"/>
    </row>
    <row r="151156" spans="14:14">
      <c r="N151156" s="10"/>
    </row>
    <row r="151157" spans="14:14">
      <c r="N151157" s="10"/>
    </row>
    <row r="151158" spans="14:14">
      <c r="N151158" s="10"/>
    </row>
    <row r="151159" spans="14:14">
      <c r="N151159" s="10"/>
    </row>
    <row r="151160" spans="14:14">
      <c r="N151160" s="10"/>
    </row>
    <row r="151161" spans="14:14">
      <c r="N151161" s="10"/>
    </row>
    <row r="151162" spans="14:14">
      <c r="N151162" s="10"/>
    </row>
    <row r="151163" spans="14:14">
      <c r="N151163" s="10"/>
    </row>
    <row r="151164" spans="14:14">
      <c r="N151164" s="10"/>
    </row>
    <row r="151165" spans="14:14">
      <c r="N151165" s="10"/>
    </row>
    <row r="151166" spans="14:14">
      <c r="N151166" s="10"/>
    </row>
    <row r="151167" spans="14:14">
      <c r="N151167" s="10"/>
    </row>
    <row r="151168" spans="14:14">
      <c r="N151168" s="10"/>
    </row>
    <row r="151169" spans="14:14">
      <c r="N151169" s="10"/>
    </row>
    <row r="151170" spans="14:14">
      <c r="N151170" s="10"/>
    </row>
    <row r="151171" spans="14:14">
      <c r="N151171" s="10"/>
    </row>
    <row r="151172" spans="14:14">
      <c r="N151172" s="10"/>
    </row>
    <row r="151173" spans="14:14">
      <c r="N151173" s="10"/>
    </row>
    <row r="151174" spans="14:14">
      <c r="N151174" s="10"/>
    </row>
    <row r="151175" spans="14:14">
      <c r="N151175" s="10"/>
    </row>
    <row r="151176" spans="14:14">
      <c r="N151176" s="10"/>
    </row>
    <row r="151177" spans="14:14">
      <c r="N151177" s="10"/>
    </row>
    <row r="151178" spans="14:14">
      <c r="N151178" s="10"/>
    </row>
    <row r="151179" spans="14:14">
      <c r="N151179" s="10"/>
    </row>
    <row r="151180" spans="14:14">
      <c r="N151180" s="10"/>
    </row>
    <row r="151181" spans="14:14">
      <c r="N151181" s="10"/>
    </row>
    <row r="151182" spans="14:14">
      <c r="N151182" s="10"/>
    </row>
    <row r="151183" spans="14:14">
      <c r="N151183" s="10"/>
    </row>
    <row r="151184" spans="14:14">
      <c r="N151184" s="10"/>
    </row>
    <row r="151185" spans="14:14">
      <c r="N151185" s="10"/>
    </row>
    <row r="151186" spans="14:14">
      <c r="N151186" s="10"/>
    </row>
    <row r="151187" spans="14:14">
      <c r="N151187" s="10"/>
    </row>
    <row r="151188" spans="14:14">
      <c r="N151188" s="10"/>
    </row>
    <row r="151189" spans="14:14">
      <c r="N151189" s="10"/>
    </row>
    <row r="151190" spans="14:14">
      <c r="N151190" s="10"/>
    </row>
    <row r="151191" spans="14:14">
      <c r="N151191" s="10"/>
    </row>
    <row r="151192" spans="14:14">
      <c r="N151192" s="10"/>
    </row>
    <row r="151193" spans="14:14">
      <c r="N151193" s="10"/>
    </row>
    <row r="151194" spans="14:14">
      <c r="N151194" s="10"/>
    </row>
    <row r="151195" spans="14:14">
      <c r="N151195" s="10"/>
    </row>
    <row r="151196" spans="14:14">
      <c r="N151196" s="10"/>
    </row>
    <row r="151197" spans="14:14">
      <c r="N151197" s="10"/>
    </row>
    <row r="151198" spans="14:14">
      <c r="N151198" s="10"/>
    </row>
    <row r="151199" spans="14:14">
      <c r="N151199" s="10"/>
    </row>
    <row r="151200" spans="14:14">
      <c r="N151200" s="10"/>
    </row>
    <row r="151201" spans="14:14">
      <c r="N151201" s="10"/>
    </row>
    <row r="151202" spans="14:14">
      <c r="N151202" s="10"/>
    </row>
    <row r="151203" spans="14:14">
      <c r="N151203" s="10"/>
    </row>
    <row r="151204" spans="14:14">
      <c r="N151204" s="10"/>
    </row>
    <row r="151205" spans="14:14">
      <c r="N151205" s="10"/>
    </row>
    <row r="151206" spans="14:14">
      <c r="N151206" s="10"/>
    </row>
    <row r="151207" spans="14:14">
      <c r="N151207" s="10"/>
    </row>
    <row r="151208" spans="14:14">
      <c r="N151208" s="10"/>
    </row>
    <row r="151209" spans="14:14">
      <c r="N151209" s="10"/>
    </row>
    <row r="151210" spans="14:14">
      <c r="N151210" s="10"/>
    </row>
    <row r="151211" spans="14:14">
      <c r="N151211" s="10"/>
    </row>
    <row r="151212" spans="14:14">
      <c r="N151212" s="10"/>
    </row>
    <row r="151213" spans="14:14">
      <c r="N151213" s="10"/>
    </row>
    <row r="151214" spans="14:14">
      <c r="N151214" s="10"/>
    </row>
    <row r="151215" spans="14:14">
      <c r="N151215" s="10"/>
    </row>
    <row r="151216" spans="14:14">
      <c r="N151216" s="10"/>
    </row>
    <row r="151217" spans="14:14">
      <c r="N151217" s="10"/>
    </row>
    <row r="151218" spans="14:14">
      <c r="N151218" s="10"/>
    </row>
    <row r="151219" spans="14:14">
      <c r="N151219" s="10"/>
    </row>
    <row r="151220" spans="14:14">
      <c r="N151220" s="10"/>
    </row>
    <row r="151221" spans="14:14">
      <c r="N151221" s="10"/>
    </row>
    <row r="151222" spans="14:14">
      <c r="N151222" s="10"/>
    </row>
    <row r="151223" spans="14:14">
      <c r="N151223" s="10"/>
    </row>
    <row r="151224" spans="14:14">
      <c r="N151224" s="10"/>
    </row>
    <row r="151225" spans="14:14">
      <c r="N151225" s="10"/>
    </row>
    <row r="151226" spans="14:14">
      <c r="N151226" s="10"/>
    </row>
    <row r="151227" spans="14:14">
      <c r="N151227" s="10"/>
    </row>
    <row r="151228" spans="14:14">
      <c r="N151228" s="10"/>
    </row>
    <row r="151229" spans="14:14">
      <c r="N151229" s="10"/>
    </row>
    <row r="151230" spans="14:14">
      <c r="N151230" s="10"/>
    </row>
    <row r="151231" spans="14:14">
      <c r="N151231" s="10"/>
    </row>
    <row r="151232" spans="14:14">
      <c r="N151232" s="10"/>
    </row>
    <row r="151233" spans="14:14">
      <c r="N151233" s="10"/>
    </row>
    <row r="151234" spans="14:14">
      <c r="N151234" s="10"/>
    </row>
    <row r="151235" spans="14:14">
      <c r="N151235" s="10"/>
    </row>
    <row r="151236" spans="14:14">
      <c r="N151236" s="10"/>
    </row>
    <row r="151237" spans="14:14">
      <c r="N151237" s="10"/>
    </row>
    <row r="151238" spans="14:14">
      <c r="N151238" s="10"/>
    </row>
    <row r="151239" spans="14:14">
      <c r="N151239" s="10"/>
    </row>
    <row r="151240" spans="14:14">
      <c r="N151240" s="10"/>
    </row>
    <row r="151241" spans="14:14">
      <c r="N151241" s="10"/>
    </row>
    <row r="151242" spans="14:14">
      <c r="N151242" s="10"/>
    </row>
    <row r="151243" spans="14:14">
      <c r="N151243" s="10"/>
    </row>
    <row r="151244" spans="14:14">
      <c r="N151244" s="10"/>
    </row>
    <row r="151245" spans="14:14">
      <c r="N151245" s="10"/>
    </row>
    <row r="151246" spans="14:14">
      <c r="N151246" s="10"/>
    </row>
    <row r="151247" spans="14:14">
      <c r="N151247" s="10"/>
    </row>
    <row r="151248" spans="14:14">
      <c r="N151248" s="10"/>
    </row>
    <row r="151249" spans="14:14">
      <c r="N151249" s="10"/>
    </row>
    <row r="151250" spans="14:14">
      <c r="N151250" s="10"/>
    </row>
    <row r="151251" spans="14:14">
      <c r="N151251" s="10"/>
    </row>
    <row r="151252" spans="14:14">
      <c r="N151252" s="10"/>
    </row>
    <row r="151253" spans="14:14">
      <c r="N151253" s="10"/>
    </row>
    <row r="151254" spans="14:14">
      <c r="N151254" s="10"/>
    </row>
    <row r="151255" spans="14:14">
      <c r="N151255" s="10"/>
    </row>
    <row r="151256" spans="14:14">
      <c r="N151256" s="10"/>
    </row>
    <row r="151257" spans="14:14">
      <c r="N151257" s="10"/>
    </row>
    <row r="151258" spans="14:14">
      <c r="N151258" s="10"/>
    </row>
    <row r="151259" spans="14:14">
      <c r="N151259" s="10"/>
    </row>
    <row r="151260" spans="14:14">
      <c r="N151260" s="10"/>
    </row>
    <row r="151261" spans="14:14">
      <c r="N151261" s="10"/>
    </row>
    <row r="151262" spans="14:14">
      <c r="N151262" s="10"/>
    </row>
    <row r="151263" spans="14:14">
      <c r="N151263" s="10"/>
    </row>
    <row r="151264" spans="14:14">
      <c r="N151264" s="10"/>
    </row>
    <row r="151265" spans="14:14">
      <c r="N151265" s="10"/>
    </row>
    <row r="151266" spans="14:14">
      <c r="N151266" s="10"/>
    </row>
    <row r="151267" spans="14:14">
      <c r="N151267" s="10"/>
    </row>
    <row r="151268" spans="14:14">
      <c r="N151268" s="10"/>
    </row>
    <row r="151269" spans="14:14">
      <c r="N151269" s="10"/>
    </row>
    <row r="151270" spans="14:14">
      <c r="N151270" s="10"/>
    </row>
    <row r="151271" spans="14:14">
      <c r="N151271" s="10"/>
    </row>
    <row r="151272" spans="14:14">
      <c r="N151272" s="10"/>
    </row>
    <row r="151273" spans="14:14">
      <c r="N151273" s="10"/>
    </row>
    <row r="151274" spans="14:14">
      <c r="N151274" s="10"/>
    </row>
    <row r="151275" spans="14:14">
      <c r="N151275" s="10"/>
    </row>
    <row r="151276" spans="14:14">
      <c r="N151276" s="10"/>
    </row>
    <row r="151277" spans="14:14">
      <c r="N151277" s="10"/>
    </row>
    <row r="151278" spans="14:14">
      <c r="N151278" s="10"/>
    </row>
    <row r="151279" spans="14:14">
      <c r="N151279" s="10"/>
    </row>
    <row r="151280" spans="14:14">
      <c r="N151280" s="10"/>
    </row>
    <row r="151281" spans="14:14">
      <c r="N151281" s="10"/>
    </row>
    <row r="151282" spans="14:14">
      <c r="N151282" s="10"/>
    </row>
    <row r="151283" spans="14:14">
      <c r="N151283" s="10"/>
    </row>
    <row r="151284" spans="14:14">
      <c r="N151284" s="10"/>
    </row>
    <row r="151285" spans="14:14">
      <c r="N151285" s="10"/>
    </row>
    <row r="151286" spans="14:14">
      <c r="N151286" s="10"/>
    </row>
    <row r="151287" spans="14:14">
      <c r="N151287" s="10"/>
    </row>
    <row r="151288" spans="14:14">
      <c r="N151288" s="10"/>
    </row>
    <row r="151289" spans="14:14">
      <c r="N151289" s="10"/>
    </row>
    <row r="151290" spans="14:14">
      <c r="N151290" s="10"/>
    </row>
    <row r="151291" spans="14:14">
      <c r="N151291" s="10"/>
    </row>
    <row r="151292" spans="14:14">
      <c r="N151292" s="10"/>
    </row>
    <row r="151293" spans="14:14">
      <c r="N151293" s="10"/>
    </row>
    <row r="151294" spans="14:14">
      <c r="N151294" s="10"/>
    </row>
    <row r="151295" spans="14:14">
      <c r="N151295" s="10"/>
    </row>
    <row r="151296" spans="14:14">
      <c r="N151296" s="10"/>
    </row>
    <row r="151297" spans="14:14">
      <c r="N151297" s="10"/>
    </row>
    <row r="151298" spans="14:14">
      <c r="N151298" s="10"/>
    </row>
    <row r="151299" spans="14:14">
      <c r="N151299" s="10"/>
    </row>
    <row r="151300" spans="14:14">
      <c r="N151300" s="10"/>
    </row>
    <row r="151301" spans="14:14">
      <c r="N151301" s="10"/>
    </row>
    <row r="151302" spans="14:14">
      <c r="N151302" s="10"/>
    </row>
    <row r="151303" spans="14:14">
      <c r="N151303" s="10"/>
    </row>
    <row r="151304" spans="14:14">
      <c r="N151304" s="10"/>
    </row>
    <row r="151305" spans="14:14">
      <c r="N151305" s="10"/>
    </row>
    <row r="151306" spans="14:14">
      <c r="N151306" s="10"/>
    </row>
    <row r="151307" spans="14:14">
      <c r="N151307" s="10"/>
    </row>
    <row r="151308" spans="14:14">
      <c r="N151308" s="10"/>
    </row>
    <row r="151309" spans="14:14">
      <c r="N151309" s="10"/>
    </row>
    <row r="151310" spans="14:14">
      <c r="N151310" s="10"/>
    </row>
    <row r="151311" spans="14:14">
      <c r="N151311" s="10"/>
    </row>
    <row r="151312" spans="14:14">
      <c r="N151312" s="10"/>
    </row>
    <row r="151313" spans="14:14">
      <c r="N151313" s="10"/>
    </row>
    <row r="151314" spans="14:14">
      <c r="N151314" s="10"/>
    </row>
    <row r="151315" spans="14:14">
      <c r="N151315" s="10"/>
    </row>
    <row r="151316" spans="14:14">
      <c r="N151316" s="10"/>
    </row>
    <row r="151317" spans="14:14">
      <c r="N151317" s="10"/>
    </row>
    <row r="151318" spans="14:14">
      <c r="N151318" s="10"/>
    </row>
    <row r="151319" spans="14:14">
      <c r="N151319" s="10"/>
    </row>
    <row r="151320" spans="14:14">
      <c r="N151320" s="10"/>
    </row>
    <row r="151321" spans="14:14">
      <c r="N151321" s="10"/>
    </row>
    <row r="151322" spans="14:14">
      <c r="N151322" s="10"/>
    </row>
    <row r="151323" spans="14:14">
      <c r="N151323" s="10"/>
    </row>
    <row r="151324" spans="14:14">
      <c r="N151324" s="10"/>
    </row>
    <row r="151325" spans="14:14">
      <c r="N151325" s="10"/>
    </row>
    <row r="151326" spans="14:14">
      <c r="N151326" s="10"/>
    </row>
    <row r="151327" spans="14:14">
      <c r="N151327" s="10"/>
    </row>
    <row r="151328" spans="14:14">
      <c r="N151328" s="10"/>
    </row>
    <row r="151329" spans="14:14">
      <c r="N151329" s="10"/>
    </row>
    <row r="151330" spans="14:14">
      <c r="N151330" s="10"/>
    </row>
    <row r="151331" spans="14:14">
      <c r="N151331" s="10"/>
    </row>
    <row r="151332" spans="14:14">
      <c r="N151332" s="10"/>
    </row>
    <row r="151333" spans="14:14">
      <c r="N151333" s="10"/>
    </row>
    <row r="151334" spans="14:14">
      <c r="N151334" s="10"/>
    </row>
    <row r="151335" spans="14:14">
      <c r="N151335" s="10"/>
    </row>
    <row r="151336" spans="14:14">
      <c r="N151336" s="10"/>
    </row>
    <row r="151337" spans="14:14">
      <c r="N151337" s="10"/>
    </row>
    <row r="151338" spans="14:14">
      <c r="N151338" s="10"/>
    </row>
    <row r="151339" spans="14:14">
      <c r="N151339" s="10"/>
    </row>
    <row r="151340" spans="14:14">
      <c r="N151340" s="10"/>
    </row>
    <row r="151341" spans="14:14">
      <c r="N151341" s="10"/>
    </row>
    <row r="151342" spans="14:14">
      <c r="N151342" s="10"/>
    </row>
    <row r="151343" spans="14:14">
      <c r="N151343" s="10"/>
    </row>
    <row r="151344" spans="14:14">
      <c r="N151344" s="10"/>
    </row>
    <row r="151345" spans="14:14">
      <c r="N151345" s="10"/>
    </row>
    <row r="151346" spans="14:14">
      <c r="N151346" s="10"/>
    </row>
    <row r="151347" spans="14:14">
      <c r="N151347" s="10"/>
    </row>
    <row r="151348" spans="14:14">
      <c r="N151348" s="10"/>
    </row>
    <row r="151349" spans="14:14">
      <c r="N151349" s="10"/>
    </row>
    <row r="151350" spans="14:14">
      <c r="N151350" s="10"/>
    </row>
    <row r="151351" spans="14:14">
      <c r="N151351" s="10"/>
    </row>
    <row r="151352" spans="14:14">
      <c r="N151352" s="10"/>
    </row>
    <row r="151353" spans="14:14">
      <c r="N151353" s="10"/>
    </row>
    <row r="151354" spans="14:14">
      <c r="N151354" s="10"/>
    </row>
    <row r="151355" spans="14:14">
      <c r="N151355" s="10"/>
    </row>
    <row r="151356" spans="14:14">
      <c r="N151356" s="10"/>
    </row>
    <row r="151357" spans="14:14">
      <c r="N151357" s="10"/>
    </row>
    <row r="151358" spans="14:14">
      <c r="N151358" s="10"/>
    </row>
    <row r="151359" spans="14:14">
      <c r="N151359" s="10"/>
    </row>
    <row r="151360" spans="14:14">
      <c r="N151360" s="10"/>
    </row>
    <row r="151361" spans="14:14">
      <c r="N151361" s="10"/>
    </row>
    <row r="151362" spans="14:14">
      <c r="N151362" s="10"/>
    </row>
    <row r="151363" spans="14:14">
      <c r="N151363" s="10"/>
    </row>
    <row r="151364" spans="14:14">
      <c r="N151364" s="10"/>
    </row>
    <row r="151365" spans="14:14">
      <c r="N151365" s="10"/>
    </row>
    <row r="151366" spans="14:14">
      <c r="N151366" s="10"/>
    </row>
    <row r="151367" spans="14:14">
      <c r="N151367" s="10"/>
    </row>
    <row r="151368" spans="14:14">
      <c r="N151368" s="10"/>
    </row>
    <row r="151369" spans="14:14">
      <c r="N151369" s="10"/>
    </row>
    <row r="151370" spans="14:14">
      <c r="N151370" s="10"/>
    </row>
    <row r="151371" spans="14:14">
      <c r="N151371" s="10"/>
    </row>
    <row r="151372" spans="14:14">
      <c r="N151372" s="10"/>
    </row>
    <row r="151373" spans="14:14">
      <c r="N151373" s="10"/>
    </row>
    <row r="151374" spans="14:14">
      <c r="N151374" s="10"/>
    </row>
    <row r="151375" spans="14:14">
      <c r="N151375" s="10"/>
    </row>
    <row r="151376" spans="14:14">
      <c r="N151376" s="10"/>
    </row>
    <row r="151377" spans="14:14">
      <c r="N151377" s="10"/>
    </row>
    <row r="151378" spans="14:14">
      <c r="N151378" s="10"/>
    </row>
    <row r="151379" spans="14:14">
      <c r="N151379" s="10"/>
    </row>
    <row r="151380" spans="14:14">
      <c r="N151380" s="10"/>
    </row>
    <row r="151381" spans="14:14">
      <c r="N151381" s="10"/>
    </row>
    <row r="151382" spans="14:14">
      <c r="N151382" s="10"/>
    </row>
    <row r="151383" spans="14:14">
      <c r="N151383" s="10"/>
    </row>
    <row r="151384" spans="14:14">
      <c r="N151384" s="10"/>
    </row>
    <row r="151385" spans="14:14">
      <c r="N151385" s="10"/>
    </row>
    <row r="151386" spans="14:14">
      <c r="N151386" s="10"/>
    </row>
    <row r="151387" spans="14:14">
      <c r="N151387" s="10"/>
    </row>
    <row r="151388" spans="14:14">
      <c r="N151388" s="10"/>
    </row>
    <row r="151389" spans="14:14">
      <c r="N151389" s="10"/>
    </row>
    <row r="151390" spans="14:14">
      <c r="N151390" s="10"/>
    </row>
    <row r="151391" spans="14:14">
      <c r="N151391" s="10"/>
    </row>
    <row r="151392" spans="14:14">
      <c r="N151392" s="10"/>
    </row>
    <row r="151393" spans="14:14">
      <c r="N151393" s="10"/>
    </row>
    <row r="151394" spans="14:14">
      <c r="N151394" s="10"/>
    </row>
    <row r="151395" spans="14:14">
      <c r="N151395" s="10"/>
    </row>
    <row r="151396" spans="14:14">
      <c r="N151396" s="10"/>
    </row>
    <row r="151397" spans="14:14">
      <c r="N151397" s="10"/>
    </row>
    <row r="151398" spans="14:14">
      <c r="N151398" s="10"/>
    </row>
    <row r="151399" spans="14:14">
      <c r="N151399" s="10"/>
    </row>
    <row r="151400" spans="14:14">
      <c r="N151400" s="10"/>
    </row>
    <row r="151401" spans="14:14">
      <c r="N151401" s="10"/>
    </row>
    <row r="151402" spans="14:14">
      <c r="N151402" s="10"/>
    </row>
    <row r="151403" spans="14:14">
      <c r="N151403" s="10"/>
    </row>
    <row r="151404" spans="14:14">
      <c r="N151404" s="10"/>
    </row>
    <row r="151405" spans="14:14">
      <c r="N151405" s="10"/>
    </row>
    <row r="151406" spans="14:14">
      <c r="N151406" s="10"/>
    </row>
    <row r="151407" spans="14:14">
      <c r="N151407" s="10"/>
    </row>
    <row r="151408" spans="14:14">
      <c r="N151408" s="10"/>
    </row>
    <row r="151409" spans="14:14">
      <c r="N151409" s="10"/>
    </row>
    <row r="151410" spans="14:14">
      <c r="N151410" s="10"/>
    </row>
    <row r="151411" spans="14:14">
      <c r="N151411" s="10"/>
    </row>
    <row r="151412" spans="14:14">
      <c r="N151412" s="10"/>
    </row>
    <row r="151413" spans="14:14">
      <c r="N151413" s="10"/>
    </row>
    <row r="151414" spans="14:14">
      <c r="N151414" s="10"/>
    </row>
    <row r="151415" spans="14:14">
      <c r="N151415" s="10"/>
    </row>
    <row r="151416" spans="14:14">
      <c r="N151416" s="10"/>
    </row>
    <row r="151417" spans="14:14">
      <c r="N151417" s="10"/>
    </row>
    <row r="151418" spans="14:14">
      <c r="N151418" s="10"/>
    </row>
    <row r="151419" spans="14:14">
      <c r="N151419" s="10"/>
    </row>
    <row r="151420" spans="14:14">
      <c r="N151420" s="10"/>
    </row>
    <row r="151421" spans="14:14">
      <c r="N151421" s="10"/>
    </row>
    <row r="151422" spans="14:14">
      <c r="N151422" s="10"/>
    </row>
    <row r="151423" spans="14:14">
      <c r="N151423" s="10"/>
    </row>
    <row r="151424" spans="14:14">
      <c r="N151424" s="10"/>
    </row>
    <row r="151425" spans="14:14">
      <c r="N151425" s="10"/>
    </row>
    <row r="151426" spans="14:14">
      <c r="N151426" s="10"/>
    </row>
    <row r="151427" spans="14:14">
      <c r="N151427" s="10"/>
    </row>
    <row r="151428" spans="14:14">
      <c r="N151428" s="10"/>
    </row>
    <row r="151429" spans="14:14">
      <c r="N151429" s="10"/>
    </row>
    <row r="151430" spans="14:14">
      <c r="N151430" s="10"/>
    </row>
    <row r="151431" spans="14:14">
      <c r="N151431" s="10"/>
    </row>
    <row r="151432" spans="14:14">
      <c r="N151432" s="10"/>
    </row>
    <row r="151433" spans="14:14">
      <c r="N151433" s="10"/>
    </row>
    <row r="151434" spans="14:14">
      <c r="N151434" s="10"/>
    </row>
    <row r="151435" spans="14:14">
      <c r="N151435" s="10"/>
    </row>
    <row r="151436" spans="14:14">
      <c r="N151436" s="10"/>
    </row>
    <row r="151437" spans="14:14">
      <c r="N151437" s="10"/>
    </row>
    <row r="151438" spans="14:14">
      <c r="N151438" s="10"/>
    </row>
    <row r="151439" spans="14:14">
      <c r="N151439" s="10"/>
    </row>
    <row r="151440" spans="14:14">
      <c r="N151440" s="10"/>
    </row>
    <row r="151441" spans="14:14">
      <c r="N151441" s="10"/>
    </row>
    <row r="151442" spans="14:14">
      <c r="N151442" s="10"/>
    </row>
    <row r="151443" spans="14:14">
      <c r="N151443" s="10"/>
    </row>
    <row r="151444" spans="14:14">
      <c r="N151444" s="10"/>
    </row>
    <row r="151445" spans="14:14">
      <c r="N151445" s="10"/>
    </row>
    <row r="151446" spans="14:14">
      <c r="N151446" s="10"/>
    </row>
    <row r="151447" spans="14:14">
      <c r="N151447" s="10"/>
    </row>
    <row r="151448" spans="14:14">
      <c r="N151448" s="10"/>
    </row>
    <row r="151449" spans="14:14">
      <c r="N151449" s="10"/>
    </row>
    <row r="151450" spans="14:14">
      <c r="N151450" s="10"/>
    </row>
    <row r="151451" spans="14:14">
      <c r="N151451" s="10"/>
    </row>
    <row r="151452" spans="14:14">
      <c r="N151452" s="10"/>
    </row>
    <row r="151453" spans="14:14">
      <c r="N151453" s="10"/>
    </row>
    <row r="151454" spans="14:14">
      <c r="N151454" s="10"/>
    </row>
    <row r="151455" spans="14:14">
      <c r="N151455" s="10"/>
    </row>
    <row r="151456" spans="14:14">
      <c r="N151456" s="10"/>
    </row>
    <row r="151457" spans="14:14">
      <c r="N151457" s="10"/>
    </row>
    <row r="151458" spans="14:14">
      <c r="N151458" s="10"/>
    </row>
    <row r="151459" spans="14:14">
      <c r="N151459" s="10"/>
    </row>
    <row r="151460" spans="14:14">
      <c r="N151460" s="10"/>
    </row>
    <row r="151461" spans="14:14">
      <c r="N151461" s="10"/>
    </row>
    <row r="151462" spans="14:14">
      <c r="N151462" s="10"/>
    </row>
    <row r="151463" spans="14:14">
      <c r="N151463" s="10"/>
    </row>
    <row r="151464" spans="14:14">
      <c r="N151464" s="10"/>
    </row>
    <row r="151465" spans="14:14">
      <c r="N151465" s="10"/>
    </row>
    <row r="151466" spans="14:14">
      <c r="N151466" s="10"/>
    </row>
    <row r="151467" spans="14:14">
      <c r="N151467" s="10"/>
    </row>
    <row r="151468" spans="14:14">
      <c r="N151468" s="10"/>
    </row>
    <row r="151469" spans="14:14">
      <c r="N151469" s="10"/>
    </row>
    <row r="151470" spans="14:14">
      <c r="N151470" s="10"/>
    </row>
    <row r="151471" spans="14:14">
      <c r="N151471" s="10"/>
    </row>
    <row r="151472" spans="14:14">
      <c r="N151472" s="10"/>
    </row>
    <row r="151473" spans="14:14">
      <c r="N151473" s="10"/>
    </row>
    <row r="151474" spans="14:14">
      <c r="N151474" s="10"/>
    </row>
    <row r="151475" spans="14:14">
      <c r="N151475" s="10"/>
    </row>
    <row r="151476" spans="14:14">
      <c r="N151476" s="10"/>
    </row>
    <row r="151477" spans="14:14">
      <c r="N151477" s="10"/>
    </row>
    <row r="151478" spans="14:14">
      <c r="N151478" s="10"/>
    </row>
    <row r="151479" spans="14:14">
      <c r="N151479" s="10"/>
    </row>
    <row r="151480" spans="14:14">
      <c r="N151480" s="10"/>
    </row>
    <row r="151481" spans="14:14">
      <c r="N151481" s="10"/>
    </row>
    <row r="151482" spans="14:14">
      <c r="N151482" s="10"/>
    </row>
    <row r="151483" spans="14:14">
      <c r="N151483" s="10"/>
    </row>
    <row r="151484" spans="14:14">
      <c r="N151484" s="10"/>
    </row>
    <row r="151485" spans="14:14">
      <c r="N151485" s="10"/>
    </row>
    <row r="151486" spans="14:14">
      <c r="N151486" s="10"/>
    </row>
    <row r="151487" spans="14:14">
      <c r="N151487" s="10"/>
    </row>
    <row r="151488" spans="14:14">
      <c r="N151488" s="10"/>
    </row>
    <row r="151489" spans="14:14">
      <c r="N151489" s="10"/>
    </row>
    <row r="151490" spans="14:14">
      <c r="N151490" s="10"/>
    </row>
    <row r="151491" spans="14:14">
      <c r="N151491" s="10"/>
    </row>
    <row r="151492" spans="14:14">
      <c r="N151492" s="10"/>
    </row>
    <row r="151493" spans="14:14">
      <c r="N151493" s="10"/>
    </row>
    <row r="151494" spans="14:14">
      <c r="N151494" s="10"/>
    </row>
    <row r="151495" spans="14:14">
      <c r="N151495" s="10"/>
    </row>
    <row r="151496" spans="14:14">
      <c r="N151496" s="10"/>
    </row>
    <row r="151497" spans="14:14">
      <c r="N151497" s="10"/>
    </row>
    <row r="151498" spans="14:14">
      <c r="N151498" s="10"/>
    </row>
    <row r="151499" spans="14:14">
      <c r="N151499" s="10"/>
    </row>
    <row r="151500" spans="14:14">
      <c r="N151500" s="10"/>
    </row>
    <row r="151501" spans="14:14">
      <c r="N151501" s="10"/>
    </row>
    <row r="151502" spans="14:14">
      <c r="N151502" s="10"/>
    </row>
    <row r="151503" spans="14:14">
      <c r="N151503" s="10"/>
    </row>
    <row r="151504" spans="14:14">
      <c r="N151504" s="10"/>
    </row>
    <row r="151505" spans="14:14">
      <c r="N151505" s="10"/>
    </row>
    <row r="151506" spans="14:14">
      <c r="N151506" s="10"/>
    </row>
    <row r="151507" spans="14:14">
      <c r="N151507" s="10"/>
    </row>
    <row r="151508" spans="14:14">
      <c r="N151508" s="10"/>
    </row>
    <row r="151509" spans="14:14">
      <c r="N151509" s="10"/>
    </row>
    <row r="151510" spans="14:14">
      <c r="N151510" s="10"/>
    </row>
    <row r="151511" spans="14:14">
      <c r="N151511" s="10"/>
    </row>
    <row r="151512" spans="14:14">
      <c r="N151512" s="10"/>
    </row>
    <row r="151513" spans="14:14">
      <c r="N151513" s="10"/>
    </row>
    <row r="151514" spans="14:14">
      <c r="N151514" s="10"/>
    </row>
    <row r="151515" spans="14:14">
      <c r="N151515" s="10"/>
    </row>
    <row r="151516" spans="14:14">
      <c r="N151516" s="10"/>
    </row>
    <row r="151517" spans="14:14">
      <c r="N151517" s="10"/>
    </row>
    <row r="151518" spans="14:14">
      <c r="N151518" s="10"/>
    </row>
    <row r="151519" spans="14:14">
      <c r="N151519" s="10"/>
    </row>
    <row r="151520" spans="14:14">
      <c r="N151520" s="10"/>
    </row>
    <row r="151521" spans="14:14">
      <c r="N151521" s="10"/>
    </row>
    <row r="151522" spans="14:14">
      <c r="N151522" s="10"/>
    </row>
    <row r="151523" spans="14:14">
      <c r="N151523" s="10"/>
    </row>
    <row r="151524" spans="14:14">
      <c r="N151524" s="10"/>
    </row>
    <row r="151525" spans="14:14">
      <c r="N151525" s="10"/>
    </row>
    <row r="151526" spans="14:14">
      <c r="N151526" s="10"/>
    </row>
    <row r="151527" spans="14:14">
      <c r="N151527" s="10"/>
    </row>
    <row r="151528" spans="14:14">
      <c r="N151528" s="10"/>
    </row>
    <row r="151529" spans="14:14">
      <c r="N151529" s="10"/>
    </row>
    <row r="151530" spans="14:14">
      <c r="N151530" s="10"/>
    </row>
    <row r="151531" spans="14:14">
      <c r="N151531" s="10"/>
    </row>
    <row r="151532" spans="14:14">
      <c r="N151532" s="10"/>
    </row>
    <row r="151533" spans="14:14">
      <c r="N151533" s="10"/>
    </row>
    <row r="151534" spans="14:14">
      <c r="N151534" s="10"/>
    </row>
    <row r="151535" spans="14:14">
      <c r="N151535" s="10"/>
    </row>
    <row r="151536" spans="14:14">
      <c r="N151536" s="10"/>
    </row>
    <row r="151537" spans="14:14">
      <c r="N151537" s="10"/>
    </row>
    <row r="151538" spans="14:14">
      <c r="N151538" s="10"/>
    </row>
    <row r="151539" spans="14:14">
      <c r="N151539" s="10"/>
    </row>
    <row r="151540" spans="14:14">
      <c r="N151540" s="10"/>
    </row>
    <row r="151541" spans="14:14">
      <c r="N151541" s="10"/>
    </row>
    <row r="151542" spans="14:14">
      <c r="N151542" s="10"/>
    </row>
    <row r="151543" spans="14:14">
      <c r="N151543" s="10"/>
    </row>
    <row r="151544" spans="14:14">
      <c r="N151544" s="10"/>
    </row>
    <row r="151545" spans="14:14">
      <c r="N151545" s="10"/>
    </row>
    <row r="151546" spans="14:14">
      <c r="N151546" s="10"/>
    </row>
    <row r="151547" spans="14:14">
      <c r="N151547" s="10"/>
    </row>
    <row r="151548" spans="14:14">
      <c r="N151548" s="10"/>
    </row>
    <row r="151549" spans="14:14">
      <c r="N151549" s="10"/>
    </row>
    <row r="151550" spans="14:14">
      <c r="N151550" s="10"/>
    </row>
    <row r="151551" spans="14:14">
      <c r="N151551" s="10"/>
    </row>
    <row r="151552" spans="14:14">
      <c r="N151552" s="10"/>
    </row>
    <row r="151553" spans="14:14">
      <c r="N151553" s="10"/>
    </row>
    <row r="151554" spans="14:14">
      <c r="N151554" s="10"/>
    </row>
    <row r="151555" spans="14:14">
      <c r="N151555" s="10"/>
    </row>
    <row r="151556" spans="14:14">
      <c r="N151556" s="10"/>
    </row>
    <row r="151557" spans="14:14">
      <c r="N151557" s="10"/>
    </row>
    <row r="151558" spans="14:14">
      <c r="N151558" s="10"/>
    </row>
    <row r="151559" spans="14:14">
      <c r="N151559" s="10"/>
    </row>
    <row r="151560" spans="14:14">
      <c r="N151560" s="10"/>
    </row>
    <row r="151561" spans="14:14">
      <c r="N151561" s="10"/>
    </row>
    <row r="151562" spans="14:14">
      <c r="N151562" s="10"/>
    </row>
    <row r="151563" spans="14:14">
      <c r="N151563" s="10"/>
    </row>
    <row r="151564" spans="14:14">
      <c r="N151564" s="10"/>
    </row>
    <row r="151565" spans="14:14">
      <c r="N151565" s="10"/>
    </row>
    <row r="151566" spans="14:14">
      <c r="N151566" s="10"/>
    </row>
    <row r="151567" spans="14:14">
      <c r="N151567" s="10"/>
    </row>
    <row r="151568" spans="14:14">
      <c r="N151568" s="10"/>
    </row>
    <row r="151569" spans="14:14">
      <c r="N151569" s="10"/>
    </row>
    <row r="151570" spans="14:14">
      <c r="N151570" s="10"/>
    </row>
    <row r="151571" spans="14:14">
      <c r="N151571" s="10"/>
    </row>
    <row r="151572" spans="14:14">
      <c r="N151572" s="10"/>
    </row>
    <row r="151573" spans="14:14">
      <c r="N151573" s="10"/>
    </row>
    <row r="151574" spans="14:14">
      <c r="N151574" s="10"/>
    </row>
    <row r="151575" spans="14:14">
      <c r="N151575" s="10"/>
    </row>
    <row r="151576" spans="14:14">
      <c r="N151576" s="10"/>
    </row>
    <row r="151577" spans="14:14">
      <c r="N151577" s="10"/>
    </row>
    <row r="151578" spans="14:14">
      <c r="N151578" s="10"/>
    </row>
    <row r="151579" spans="14:14">
      <c r="N151579" s="10"/>
    </row>
    <row r="151580" spans="14:14">
      <c r="N151580" s="10"/>
    </row>
    <row r="151581" spans="14:14">
      <c r="N151581" s="10"/>
    </row>
    <row r="151582" spans="14:14">
      <c r="N151582" s="10"/>
    </row>
    <row r="151583" spans="14:14">
      <c r="N151583" s="10"/>
    </row>
    <row r="151584" spans="14:14">
      <c r="N151584" s="10"/>
    </row>
    <row r="151585" spans="14:14">
      <c r="N151585" s="10"/>
    </row>
    <row r="151586" spans="14:14">
      <c r="N151586" s="10"/>
    </row>
    <row r="151587" spans="14:14">
      <c r="N151587" s="10"/>
    </row>
    <row r="151588" spans="14:14">
      <c r="N151588" s="10"/>
    </row>
    <row r="151589" spans="14:14">
      <c r="N151589" s="10"/>
    </row>
    <row r="151590" spans="14:14">
      <c r="N151590" s="10"/>
    </row>
    <row r="151591" spans="14:14">
      <c r="N151591" s="10"/>
    </row>
    <row r="151592" spans="14:14">
      <c r="N151592" s="10"/>
    </row>
    <row r="151593" spans="14:14">
      <c r="N151593" s="10"/>
    </row>
    <row r="151594" spans="14:14">
      <c r="N151594" s="10"/>
    </row>
    <row r="151595" spans="14:14">
      <c r="N151595" s="10"/>
    </row>
    <row r="151596" spans="14:14">
      <c r="N151596" s="10"/>
    </row>
    <row r="151597" spans="14:14">
      <c r="N151597" s="10"/>
    </row>
    <row r="151598" spans="14:14">
      <c r="N151598" s="10"/>
    </row>
    <row r="151599" spans="14:14">
      <c r="N151599" s="10"/>
    </row>
    <row r="151600" spans="14:14">
      <c r="N151600" s="10"/>
    </row>
    <row r="151601" spans="14:14">
      <c r="N151601" s="10"/>
    </row>
    <row r="151602" spans="14:14">
      <c r="N151602" s="10"/>
    </row>
    <row r="151603" spans="14:14">
      <c r="N151603" s="10"/>
    </row>
    <row r="151604" spans="14:14">
      <c r="N151604" s="10"/>
    </row>
    <row r="151605" spans="14:14">
      <c r="N151605" s="10"/>
    </row>
    <row r="151606" spans="14:14">
      <c r="N151606" s="10"/>
    </row>
    <row r="151607" spans="14:14">
      <c r="N151607" s="10"/>
    </row>
    <row r="151608" spans="14:14">
      <c r="N151608" s="10"/>
    </row>
    <row r="151609" spans="14:14">
      <c r="N151609" s="10"/>
    </row>
    <row r="151610" spans="14:14">
      <c r="N151610" s="10"/>
    </row>
    <row r="151611" spans="14:14">
      <c r="N151611" s="10"/>
    </row>
    <row r="151612" spans="14:14">
      <c r="N151612" s="10"/>
    </row>
    <row r="151613" spans="14:14">
      <c r="N151613" s="10"/>
    </row>
    <row r="151614" spans="14:14">
      <c r="N151614" s="10"/>
    </row>
    <row r="151615" spans="14:14">
      <c r="N151615" s="10"/>
    </row>
    <row r="151616" spans="14:14">
      <c r="N151616" s="10"/>
    </row>
    <row r="151617" spans="14:14">
      <c r="N151617" s="10"/>
    </row>
    <row r="151618" spans="14:14">
      <c r="N151618" s="10"/>
    </row>
    <row r="151619" spans="14:14">
      <c r="N151619" s="10"/>
    </row>
    <row r="151620" spans="14:14">
      <c r="N151620" s="10"/>
    </row>
    <row r="151621" spans="14:14">
      <c r="N151621" s="10"/>
    </row>
    <row r="151622" spans="14:14">
      <c r="N151622" s="10"/>
    </row>
    <row r="151623" spans="14:14">
      <c r="N151623" s="10"/>
    </row>
    <row r="151624" spans="14:14">
      <c r="N151624" s="10"/>
    </row>
    <row r="151625" spans="14:14">
      <c r="N151625" s="10"/>
    </row>
    <row r="151626" spans="14:14">
      <c r="N151626" s="10"/>
    </row>
    <row r="151627" spans="14:14">
      <c r="N151627" s="10"/>
    </row>
    <row r="151628" spans="14:14">
      <c r="N151628" s="10"/>
    </row>
    <row r="151629" spans="14:14">
      <c r="N151629" s="10"/>
    </row>
    <row r="151630" spans="14:14">
      <c r="N151630" s="10"/>
    </row>
    <row r="151631" spans="14:14">
      <c r="N151631" s="10"/>
    </row>
    <row r="151632" spans="14:14">
      <c r="N151632" s="10"/>
    </row>
    <row r="151633" spans="14:14">
      <c r="N151633" s="10"/>
    </row>
    <row r="151634" spans="14:14">
      <c r="N151634" s="10"/>
    </row>
    <row r="151635" spans="14:14">
      <c r="N151635" s="10"/>
    </row>
    <row r="151636" spans="14:14">
      <c r="N151636" s="10"/>
    </row>
    <row r="151637" spans="14:14">
      <c r="N151637" s="10"/>
    </row>
    <row r="151638" spans="14:14">
      <c r="N151638" s="10"/>
    </row>
    <row r="151639" spans="14:14">
      <c r="N151639" s="10"/>
    </row>
    <row r="151640" spans="14:14">
      <c r="N151640" s="10"/>
    </row>
    <row r="151641" spans="14:14">
      <c r="N151641" s="10"/>
    </row>
    <row r="151642" spans="14:14">
      <c r="N151642" s="10"/>
    </row>
    <row r="151643" spans="14:14">
      <c r="N151643" s="10"/>
    </row>
    <row r="151644" spans="14:14">
      <c r="N151644" s="10"/>
    </row>
    <row r="151645" spans="14:14">
      <c r="N151645" s="10"/>
    </row>
    <row r="151646" spans="14:14">
      <c r="N151646" s="10"/>
    </row>
    <row r="151647" spans="14:14">
      <c r="N151647" s="10"/>
    </row>
    <row r="151648" spans="14:14">
      <c r="N151648" s="10"/>
    </row>
    <row r="151649" spans="14:14">
      <c r="N151649" s="10"/>
    </row>
    <row r="151650" spans="14:14">
      <c r="N151650" s="10"/>
    </row>
    <row r="151651" spans="14:14">
      <c r="N151651" s="10"/>
    </row>
    <row r="151652" spans="14:14">
      <c r="N151652" s="10"/>
    </row>
    <row r="151653" spans="14:14">
      <c r="N151653" s="10"/>
    </row>
    <row r="151654" spans="14:14">
      <c r="N151654" s="10"/>
    </row>
    <row r="151655" spans="14:14">
      <c r="N151655" s="10"/>
    </row>
    <row r="151656" spans="14:14">
      <c r="N151656" s="10"/>
    </row>
    <row r="151657" spans="14:14">
      <c r="N151657" s="10"/>
    </row>
    <row r="151658" spans="14:14">
      <c r="N151658" s="10"/>
    </row>
    <row r="151659" spans="14:14">
      <c r="N151659" s="10"/>
    </row>
    <row r="151660" spans="14:14">
      <c r="N151660" s="10"/>
    </row>
    <row r="151661" spans="14:14">
      <c r="N151661" s="10"/>
    </row>
    <row r="151662" spans="14:14">
      <c r="N151662" s="10"/>
    </row>
    <row r="151663" spans="14:14">
      <c r="N151663" s="10"/>
    </row>
    <row r="151664" spans="14:14">
      <c r="N151664" s="10"/>
    </row>
    <row r="151665" spans="14:14">
      <c r="N151665" s="10"/>
    </row>
    <row r="151666" spans="14:14">
      <c r="N151666" s="10"/>
    </row>
    <row r="151667" spans="14:14">
      <c r="N151667" s="10"/>
    </row>
    <row r="151668" spans="14:14">
      <c r="N151668" s="10"/>
    </row>
    <row r="151669" spans="14:14">
      <c r="N151669" s="10"/>
    </row>
    <row r="151670" spans="14:14">
      <c r="N151670" s="10"/>
    </row>
    <row r="151671" spans="14:14">
      <c r="N151671" s="10"/>
    </row>
    <row r="151672" spans="14:14">
      <c r="N151672" s="10"/>
    </row>
    <row r="151673" spans="14:14">
      <c r="N151673" s="10"/>
    </row>
    <row r="151674" spans="14:14">
      <c r="N151674" s="10"/>
    </row>
    <row r="151675" spans="14:14">
      <c r="N151675" s="10"/>
    </row>
    <row r="151676" spans="14:14">
      <c r="N151676" s="10"/>
    </row>
    <row r="151677" spans="14:14">
      <c r="N151677" s="10"/>
    </row>
    <row r="151678" spans="14:14">
      <c r="N151678" s="10"/>
    </row>
    <row r="151679" spans="14:14">
      <c r="N151679" s="10"/>
    </row>
    <row r="151680" spans="14:14">
      <c r="N151680" s="10"/>
    </row>
    <row r="151681" spans="14:14">
      <c r="N151681" s="10"/>
    </row>
    <row r="151682" spans="14:14">
      <c r="N151682" s="10"/>
    </row>
    <row r="151683" spans="14:14">
      <c r="N151683" s="10"/>
    </row>
    <row r="151684" spans="14:14">
      <c r="N151684" s="10"/>
    </row>
    <row r="151685" spans="14:14">
      <c r="N151685" s="10"/>
    </row>
    <row r="151686" spans="14:14">
      <c r="N151686" s="10"/>
    </row>
    <row r="151687" spans="14:14">
      <c r="N151687" s="10"/>
    </row>
    <row r="151688" spans="14:14">
      <c r="N151688" s="10"/>
    </row>
    <row r="151689" spans="14:14">
      <c r="N151689" s="10"/>
    </row>
    <row r="151690" spans="14:14">
      <c r="N151690" s="10"/>
    </row>
    <row r="151691" spans="14:14">
      <c r="N151691" s="10"/>
    </row>
    <row r="151692" spans="14:14">
      <c r="N151692" s="10"/>
    </row>
    <row r="151693" spans="14:14">
      <c r="N151693" s="10"/>
    </row>
    <row r="151694" spans="14:14">
      <c r="N151694" s="10"/>
    </row>
    <row r="151695" spans="14:14">
      <c r="N151695" s="10"/>
    </row>
    <row r="151696" spans="14:14">
      <c r="N151696" s="10"/>
    </row>
    <row r="151697" spans="14:14">
      <c r="N151697" s="10"/>
    </row>
    <row r="151698" spans="14:14">
      <c r="N151698" s="10"/>
    </row>
    <row r="151699" spans="14:14">
      <c r="N151699" s="10"/>
    </row>
    <row r="151700" spans="14:14">
      <c r="N151700" s="10"/>
    </row>
    <row r="151701" spans="14:14">
      <c r="N151701" s="10"/>
    </row>
    <row r="151702" spans="14:14">
      <c r="N151702" s="10"/>
    </row>
    <row r="151703" spans="14:14">
      <c r="N151703" s="10"/>
    </row>
    <row r="151704" spans="14:14">
      <c r="N151704" s="10"/>
    </row>
    <row r="151705" spans="14:14">
      <c r="N151705" s="10"/>
    </row>
    <row r="151706" spans="14:14">
      <c r="N151706" s="10"/>
    </row>
    <row r="151707" spans="14:14">
      <c r="N151707" s="10"/>
    </row>
    <row r="151708" spans="14:14">
      <c r="N151708" s="10"/>
    </row>
    <row r="151709" spans="14:14">
      <c r="N151709" s="10"/>
    </row>
    <row r="151710" spans="14:14">
      <c r="N151710" s="10"/>
    </row>
    <row r="151711" spans="14:14">
      <c r="N151711" s="10"/>
    </row>
    <row r="151712" spans="14:14">
      <c r="N151712" s="10"/>
    </row>
    <row r="151713" spans="14:14">
      <c r="N151713" s="10"/>
    </row>
    <row r="151714" spans="14:14">
      <c r="N151714" s="10"/>
    </row>
    <row r="151715" spans="14:14">
      <c r="N151715" s="10"/>
    </row>
    <row r="151716" spans="14:14">
      <c r="N151716" s="10"/>
    </row>
    <row r="151717" spans="14:14">
      <c r="N151717" s="10"/>
    </row>
    <row r="151718" spans="14:14">
      <c r="N151718" s="10"/>
    </row>
    <row r="151719" spans="14:14">
      <c r="N151719" s="10"/>
    </row>
    <row r="151720" spans="14:14">
      <c r="N151720" s="10"/>
    </row>
    <row r="151721" spans="14:14">
      <c r="N151721" s="10"/>
    </row>
    <row r="151722" spans="14:14">
      <c r="N151722" s="10"/>
    </row>
    <row r="151723" spans="14:14">
      <c r="N151723" s="10"/>
    </row>
    <row r="151724" spans="14:14">
      <c r="N151724" s="10"/>
    </row>
    <row r="151725" spans="14:14">
      <c r="N151725" s="10"/>
    </row>
    <row r="151726" spans="14:14">
      <c r="N151726" s="10"/>
    </row>
    <row r="151727" spans="14:14">
      <c r="N151727" s="10"/>
    </row>
    <row r="151728" spans="14:14">
      <c r="N151728" s="10"/>
    </row>
    <row r="151729" spans="14:14">
      <c r="N151729" s="10"/>
    </row>
    <row r="151730" spans="14:14">
      <c r="N151730" s="10"/>
    </row>
    <row r="151731" spans="14:14">
      <c r="N151731" s="10"/>
    </row>
    <row r="151732" spans="14:14">
      <c r="N151732" s="10"/>
    </row>
    <row r="151733" spans="14:14">
      <c r="N151733" s="10"/>
    </row>
    <row r="151734" spans="14:14">
      <c r="N151734" s="10"/>
    </row>
    <row r="151735" spans="14:14">
      <c r="N151735" s="10"/>
    </row>
    <row r="151736" spans="14:14">
      <c r="N151736" s="10"/>
    </row>
    <row r="151737" spans="14:14">
      <c r="N151737" s="10"/>
    </row>
    <row r="151738" spans="14:14">
      <c r="N151738" s="10"/>
    </row>
    <row r="151739" spans="14:14">
      <c r="N151739" s="10"/>
    </row>
    <row r="151740" spans="14:14">
      <c r="N151740" s="10"/>
    </row>
    <row r="151741" spans="14:14">
      <c r="N151741" s="10"/>
    </row>
    <row r="151742" spans="14:14">
      <c r="N151742" s="10"/>
    </row>
    <row r="151743" spans="14:14">
      <c r="N151743" s="10"/>
    </row>
    <row r="151744" spans="14:14">
      <c r="N151744" s="10"/>
    </row>
    <row r="151745" spans="14:14">
      <c r="N151745" s="10"/>
    </row>
    <row r="151746" spans="14:14">
      <c r="N151746" s="10"/>
    </row>
    <row r="151747" spans="14:14">
      <c r="N151747" s="10"/>
    </row>
    <row r="151748" spans="14:14">
      <c r="N151748" s="10"/>
    </row>
    <row r="151749" spans="14:14">
      <c r="N151749" s="10"/>
    </row>
    <row r="151750" spans="14:14">
      <c r="N151750" s="10"/>
    </row>
    <row r="151751" spans="14:14">
      <c r="N151751" s="10"/>
    </row>
    <row r="151752" spans="14:14">
      <c r="N151752" s="10"/>
    </row>
    <row r="151753" spans="14:14">
      <c r="N151753" s="10"/>
    </row>
    <row r="151754" spans="14:14">
      <c r="N151754" s="10"/>
    </row>
    <row r="151755" spans="14:14">
      <c r="N151755" s="10"/>
    </row>
    <row r="151756" spans="14:14">
      <c r="N151756" s="10"/>
    </row>
    <row r="151757" spans="14:14">
      <c r="N151757" s="10"/>
    </row>
    <row r="151758" spans="14:14">
      <c r="N151758" s="10"/>
    </row>
    <row r="151759" spans="14:14">
      <c r="N151759" s="10"/>
    </row>
    <row r="151760" spans="14:14">
      <c r="N151760" s="10"/>
    </row>
    <row r="151761" spans="14:14">
      <c r="N151761" s="10"/>
    </row>
    <row r="151762" spans="14:14">
      <c r="N151762" s="10"/>
    </row>
    <row r="151763" spans="14:14">
      <c r="N151763" s="10"/>
    </row>
    <row r="151764" spans="14:14">
      <c r="N151764" s="10"/>
    </row>
    <row r="151765" spans="14:14">
      <c r="N151765" s="10"/>
    </row>
    <row r="151766" spans="14:14">
      <c r="N151766" s="10"/>
    </row>
    <row r="151767" spans="14:14">
      <c r="N151767" s="10"/>
    </row>
    <row r="151768" spans="14:14">
      <c r="N151768" s="10"/>
    </row>
    <row r="151769" spans="14:14">
      <c r="N151769" s="10"/>
    </row>
    <row r="151770" spans="14:14">
      <c r="N151770" s="10"/>
    </row>
    <row r="151771" spans="14:14">
      <c r="N151771" s="10"/>
    </row>
    <row r="151772" spans="14:14">
      <c r="N151772" s="10"/>
    </row>
    <row r="151773" spans="14:14">
      <c r="N151773" s="10"/>
    </row>
    <row r="151774" spans="14:14">
      <c r="N151774" s="10"/>
    </row>
    <row r="151775" spans="14:14">
      <c r="N151775" s="10"/>
    </row>
    <row r="151776" spans="14:14">
      <c r="N151776" s="10"/>
    </row>
    <row r="151777" spans="14:14">
      <c r="N151777" s="10"/>
    </row>
    <row r="151778" spans="14:14">
      <c r="N151778" s="10"/>
    </row>
    <row r="151779" spans="14:14">
      <c r="N151779" s="10"/>
    </row>
    <row r="151780" spans="14:14">
      <c r="N151780" s="10"/>
    </row>
    <row r="151781" spans="14:14">
      <c r="N151781" s="10"/>
    </row>
    <row r="151782" spans="14:14">
      <c r="N151782" s="10"/>
    </row>
    <row r="151783" spans="14:14">
      <c r="N151783" s="10"/>
    </row>
    <row r="151784" spans="14:14">
      <c r="N151784" s="10"/>
    </row>
    <row r="151785" spans="14:14">
      <c r="N151785" s="10"/>
    </row>
    <row r="151786" spans="14:14">
      <c r="N151786" s="10"/>
    </row>
    <row r="151787" spans="14:14">
      <c r="N151787" s="10"/>
    </row>
    <row r="151788" spans="14:14">
      <c r="N151788" s="10"/>
    </row>
    <row r="151789" spans="14:14">
      <c r="N151789" s="10"/>
    </row>
    <row r="151790" spans="14:14">
      <c r="N151790" s="10"/>
    </row>
    <row r="151791" spans="14:14">
      <c r="N151791" s="10"/>
    </row>
    <row r="151792" spans="14:14">
      <c r="N151792" s="10"/>
    </row>
    <row r="151793" spans="14:14">
      <c r="N151793" s="10"/>
    </row>
    <row r="151794" spans="14:14">
      <c r="N151794" s="10"/>
    </row>
    <row r="151795" spans="14:14">
      <c r="N151795" s="10"/>
    </row>
    <row r="151796" spans="14:14">
      <c r="N151796" s="10"/>
    </row>
    <row r="151797" spans="14:14">
      <c r="N151797" s="10"/>
    </row>
    <row r="151798" spans="14:14">
      <c r="N151798" s="10"/>
    </row>
    <row r="151799" spans="14:14">
      <c r="N151799" s="10"/>
    </row>
    <row r="151800" spans="14:14">
      <c r="N151800" s="10"/>
    </row>
    <row r="151801" spans="14:14">
      <c r="N151801" s="10"/>
    </row>
    <row r="151802" spans="14:14">
      <c r="N151802" s="10"/>
    </row>
    <row r="151803" spans="14:14">
      <c r="N151803" s="10"/>
    </row>
    <row r="151804" spans="14:14">
      <c r="N151804" s="10"/>
    </row>
    <row r="151805" spans="14:14">
      <c r="N151805" s="10"/>
    </row>
    <row r="151806" spans="14:14">
      <c r="N151806" s="10"/>
    </row>
    <row r="151807" spans="14:14">
      <c r="N151807" s="10"/>
    </row>
    <row r="151808" spans="14:14">
      <c r="N151808" s="10"/>
    </row>
    <row r="151809" spans="14:14">
      <c r="N151809" s="10"/>
    </row>
    <row r="151810" spans="14:14">
      <c r="N151810" s="10"/>
    </row>
    <row r="151811" spans="14:14">
      <c r="N151811" s="10"/>
    </row>
    <row r="151812" spans="14:14">
      <c r="N151812" s="10"/>
    </row>
    <row r="151813" spans="14:14">
      <c r="N151813" s="10"/>
    </row>
    <row r="151814" spans="14:14">
      <c r="N151814" s="10"/>
    </row>
    <row r="151815" spans="14:14">
      <c r="N151815" s="10"/>
    </row>
    <row r="151816" spans="14:14">
      <c r="N151816" s="10"/>
    </row>
    <row r="151817" spans="14:14">
      <c r="N151817" s="10"/>
    </row>
    <row r="151818" spans="14:14">
      <c r="N151818" s="10"/>
    </row>
    <row r="151819" spans="14:14">
      <c r="N151819" s="10"/>
    </row>
    <row r="151820" spans="14:14">
      <c r="N151820" s="10"/>
    </row>
    <row r="151821" spans="14:14">
      <c r="N151821" s="10"/>
    </row>
    <row r="151822" spans="14:14">
      <c r="N151822" s="10"/>
    </row>
    <row r="151823" spans="14:14">
      <c r="N151823" s="10"/>
    </row>
    <row r="151824" spans="14:14">
      <c r="N151824" s="10"/>
    </row>
    <row r="151825" spans="14:14">
      <c r="N151825" s="10"/>
    </row>
    <row r="151826" spans="14:14">
      <c r="N151826" s="10"/>
    </row>
    <row r="151827" spans="14:14">
      <c r="N151827" s="10"/>
    </row>
    <row r="151828" spans="14:14">
      <c r="N151828" s="10"/>
    </row>
    <row r="151829" spans="14:14">
      <c r="N151829" s="10"/>
    </row>
    <row r="151830" spans="14:14">
      <c r="N151830" s="10"/>
    </row>
    <row r="151831" spans="14:14">
      <c r="N151831" s="10"/>
    </row>
    <row r="151832" spans="14:14">
      <c r="N151832" s="10"/>
    </row>
    <row r="151833" spans="14:14">
      <c r="N151833" s="10"/>
    </row>
    <row r="151834" spans="14:14">
      <c r="N151834" s="10"/>
    </row>
    <row r="151835" spans="14:14">
      <c r="N151835" s="10"/>
    </row>
    <row r="151836" spans="14:14">
      <c r="N151836" s="10"/>
    </row>
    <row r="151837" spans="14:14">
      <c r="N151837" s="10"/>
    </row>
    <row r="151838" spans="14:14">
      <c r="N151838" s="10"/>
    </row>
    <row r="151839" spans="14:14">
      <c r="N151839" s="10"/>
    </row>
    <row r="151840" spans="14:14">
      <c r="N151840" s="10"/>
    </row>
    <row r="151841" spans="14:14">
      <c r="N151841" s="10"/>
    </row>
    <row r="151842" spans="14:14">
      <c r="N151842" s="10"/>
    </row>
    <row r="151843" spans="14:14">
      <c r="N151843" s="10"/>
    </row>
    <row r="151844" spans="14:14">
      <c r="N151844" s="10"/>
    </row>
    <row r="151845" spans="14:14">
      <c r="N151845" s="10"/>
    </row>
    <row r="151846" spans="14:14">
      <c r="N151846" s="10"/>
    </row>
    <row r="151847" spans="14:14">
      <c r="N151847" s="10"/>
    </row>
    <row r="151848" spans="14:14">
      <c r="N151848" s="10"/>
    </row>
    <row r="151849" spans="14:14">
      <c r="N151849" s="10"/>
    </row>
    <row r="151850" spans="14:14">
      <c r="N151850" s="10"/>
    </row>
    <row r="151851" spans="14:14">
      <c r="N151851" s="10"/>
    </row>
    <row r="151852" spans="14:14">
      <c r="N151852" s="10"/>
    </row>
    <row r="151853" spans="14:14">
      <c r="N151853" s="10"/>
    </row>
    <row r="151854" spans="14:14">
      <c r="N151854" s="10"/>
    </row>
    <row r="151855" spans="14:14">
      <c r="N151855" s="10"/>
    </row>
    <row r="151856" spans="14:14">
      <c r="N151856" s="10"/>
    </row>
    <row r="151857" spans="14:14">
      <c r="N151857" s="10"/>
    </row>
    <row r="151858" spans="14:14">
      <c r="N151858" s="10"/>
    </row>
    <row r="151859" spans="14:14">
      <c r="N151859" s="10"/>
    </row>
    <row r="151860" spans="14:14">
      <c r="N151860" s="10"/>
    </row>
    <row r="151861" spans="14:14">
      <c r="N151861" s="10"/>
    </row>
    <row r="151862" spans="14:14">
      <c r="N151862" s="10"/>
    </row>
    <row r="151863" spans="14:14">
      <c r="N151863" s="10"/>
    </row>
    <row r="151864" spans="14:14">
      <c r="N151864" s="10"/>
    </row>
    <row r="151865" spans="14:14">
      <c r="N151865" s="10"/>
    </row>
    <row r="151866" spans="14:14">
      <c r="N151866" s="10"/>
    </row>
    <row r="151867" spans="14:14">
      <c r="N151867" s="10"/>
    </row>
    <row r="151868" spans="14:14">
      <c r="N151868" s="10"/>
    </row>
    <row r="151869" spans="14:14">
      <c r="N151869" s="10"/>
    </row>
    <row r="151870" spans="14:14">
      <c r="N151870" s="10"/>
    </row>
    <row r="151871" spans="14:14">
      <c r="N151871" s="10"/>
    </row>
    <row r="151872" spans="14:14">
      <c r="N151872" s="10"/>
    </row>
    <row r="151873" spans="14:14">
      <c r="N151873" s="10"/>
    </row>
    <row r="151874" spans="14:14">
      <c r="N151874" s="10"/>
    </row>
    <row r="151875" spans="14:14">
      <c r="N151875" s="10"/>
    </row>
    <row r="151876" spans="14:14">
      <c r="N151876" s="10"/>
    </row>
    <row r="151877" spans="14:14">
      <c r="N151877" s="10"/>
    </row>
    <row r="151878" spans="14:14">
      <c r="N151878" s="10"/>
    </row>
    <row r="151879" spans="14:14">
      <c r="N151879" s="10"/>
    </row>
    <row r="151880" spans="14:14">
      <c r="N151880" s="10"/>
    </row>
    <row r="151881" spans="14:14">
      <c r="N151881" s="10"/>
    </row>
    <row r="151882" spans="14:14">
      <c r="N151882" s="10"/>
    </row>
    <row r="151883" spans="14:14">
      <c r="N151883" s="10"/>
    </row>
    <row r="151884" spans="14:14">
      <c r="N151884" s="10"/>
    </row>
    <row r="151885" spans="14:14">
      <c r="N151885" s="10"/>
    </row>
    <row r="151886" spans="14:14">
      <c r="N151886" s="10"/>
    </row>
    <row r="151887" spans="14:14">
      <c r="N151887" s="10"/>
    </row>
    <row r="151888" spans="14:14">
      <c r="N151888" s="10"/>
    </row>
    <row r="151889" spans="14:14">
      <c r="N151889" s="10"/>
    </row>
    <row r="151890" spans="14:14">
      <c r="N151890" s="10"/>
    </row>
    <row r="151891" spans="14:14">
      <c r="N151891" s="10"/>
    </row>
    <row r="151892" spans="14:14">
      <c r="N151892" s="10"/>
    </row>
    <row r="151893" spans="14:14">
      <c r="N151893" s="10"/>
    </row>
    <row r="151894" spans="14:14">
      <c r="N151894" s="10"/>
    </row>
    <row r="151895" spans="14:14">
      <c r="N151895" s="10"/>
    </row>
    <row r="151896" spans="14:14">
      <c r="N151896" s="10"/>
    </row>
    <row r="151897" spans="14:14">
      <c r="N151897" s="10"/>
    </row>
    <row r="151898" spans="14:14">
      <c r="N151898" s="10"/>
    </row>
    <row r="151899" spans="14:14">
      <c r="N151899" s="10"/>
    </row>
    <row r="151900" spans="14:14">
      <c r="N151900" s="10"/>
    </row>
    <row r="151901" spans="14:14">
      <c r="N151901" s="10"/>
    </row>
    <row r="151902" spans="14:14">
      <c r="N151902" s="10"/>
    </row>
    <row r="151903" spans="14:14">
      <c r="N151903" s="10"/>
    </row>
    <row r="151904" spans="14:14">
      <c r="N151904" s="10"/>
    </row>
    <row r="151905" spans="14:14">
      <c r="N151905" s="10"/>
    </row>
    <row r="151906" spans="14:14">
      <c r="N151906" s="10"/>
    </row>
    <row r="151907" spans="14:14">
      <c r="N151907" s="10"/>
    </row>
    <row r="151908" spans="14:14">
      <c r="N151908" s="10"/>
    </row>
    <row r="151909" spans="14:14">
      <c r="N151909" s="10"/>
    </row>
    <row r="151910" spans="14:14">
      <c r="N151910" s="10"/>
    </row>
    <row r="151911" spans="14:14">
      <c r="N151911" s="10"/>
    </row>
    <row r="151912" spans="14:14">
      <c r="N151912" s="10"/>
    </row>
    <row r="151913" spans="14:14">
      <c r="N151913" s="10"/>
    </row>
    <row r="151914" spans="14:14">
      <c r="N151914" s="10"/>
    </row>
    <row r="151915" spans="14:14">
      <c r="N151915" s="10"/>
    </row>
    <row r="151916" spans="14:14">
      <c r="N151916" s="10"/>
    </row>
    <row r="151917" spans="14:14">
      <c r="N151917" s="10"/>
    </row>
    <row r="151918" spans="14:14">
      <c r="N151918" s="10"/>
    </row>
    <row r="151919" spans="14:14">
      <c r="N151919" s="10"/>
    </row>
    <row r="151920" spans="14:14">
      <c r="N151920" s="10"/>
    </row>
    <row r="151921" spans="14:14">
      <c r="N151921" s="10"/>
    </row>
    <row r="151922" spans="14:14">
      <c r="N151922" s="10"/>
    </row>
    <row r="151923" spans="14:14">
      <c r="N151923" s="10"/>
    </row>
    <row r="151924" spans="14:14">
      <c r="N151924" s="10"/>
    </row>
    <row r="151925" spans="14:14">
      <c r="N151925" s="10"/>
    </row>
    <row r="151926" spans="14:14">
      <c r="N151926" s="10"/>
    </row>
    <row r="151927" spans="14:14">
      <c r="N151927" s="10"/>
    </row>
    <row r="151928" spans="14:14">
      <c r="N151928" s="10"/>
    </row>
    <row r="151929" spans="14:14">
      <c r="N151929" s="10"/>
    </row>
    <row r="151930" spans="14:14">
      <c r="N151930" s="10"/>
    </row>
    <row r="151931" spans="14:14">
      <c r="N151931" s="10"/>
    </row>
    <row r="151932" spans="14:14">
      <c r="N151932" s="10"/>
    </row>
    <row r="151933" spans="14:14">
      <c r="N151933" s="10"/>
    </row>
    <row r="151934" spans="14:14">
      <c r="N151934" s="10"/>
    </row>
    <row r="151935" spans="14:14">
      <c r="N151935" s="10"/>
    </row>
    <row r="151936" spans="14:14">
      <c r="N151936" s="10"/>
    </row>
    <row r="151937" spans="14:14">
      <c r="N151937" s="10"/>
    </row>
    <row r="151938" spans="14:14">
      <c r="N151938" s="10"/>
    </row>
    <row r="151939" spans="14:14">
      <c r="N151939" s="10"/>
    </row>
    <row r="151940" spans="14:14">
      <c r="N151940" s="10"/>
    </row>
    <row r="151941" spans="14:14">
      <c r="N151941" s="10"/>
    </row>
    <row r="151942" spans="14:14">
      <c r="N151942" s="10"/>
    </row>
    <row r="151943" spans="14:14">
      <c r="N151943" s="10"/>
    </row>
    <row r="151944" spans="14:14">
      <c r="N151944" s="10"/>
    </row>
    <row r="151945" spans="14:14">
      <c r="N151945" s="10"/>
    </row>
    <row r="151946" spans="14:14">
      <c r="N151946" s="10"/>
    </row>
    <row r="151947" spans="14:14">
      <c r="N151947" s="10"/>
    </row>
    <row r="151948" spans="14:14">
      <c r="N151948" s="10"/>
    </row>
    <row r="151949" spans="14:14">
      <c r="N151949" s="10"/>
    </row>
    <row r="151950" spans="14:14">
      <c r="N151950" s="10"/>
    </row>
    <row r="151951" spans="14:14">
      <c r="N151951" s="10"/>
    </row>
    <row r="151952" spans="14:14">
      <c r="N151952" s="10"/>
    </row>
    <row r="151953" spans="14:14">
      <c r="N151953" s="10"/>
    </row>
    <row r="151954" spans="14:14">
      <c r="N151954" s="10"/>
    </row>
    <row r="151955" spans="14:14">
      <c r="N151955" s="10"/>
    </row>
    <row r="151956" spans="14:14">
      <c r="N151956" s="10"/>
    </row>
    <row r="151957" spans="14:14">
      <c r="N151957" s="10"/>
    </row>
    <row r="151958" spans="14:14">
      <c r="N151958" s="10"/>
    </row>
    <row r="151959" spans="14:14">
      <c r="N151959" s="10"/>
    </row>
    <row r="151960" spans="14:14">
      <c r="N151960" s="10"/>
    </row>
    <row r="151961" spans="14:14">
      <c r="N151961" s="10"/>
    </row>
    <row r="151962" spans="14:14">
      <c r="N151962" s="10"/>
    </row>
    <row r="151963" spans="14:14">
      <c r="N151963" s="10"/>
    </row>
    <row r="151964" spans="14:14">
      <c r="N151964" s="10"/>
    </row>
    <row r="151965" spans="14:14">
      <c r="N151965" s="10"/>
    </row>
    <row r="151966" spans="14:14">
      <c r="N151966" s="10"/>
    </row>
    <row r="151967" spans="14:14">
      <c r="N151967" s="10"/>
    </row>
    <row r="151968" spans="14:14">
      <c r="N151968" s="10"/>
    </row>
    <row r="151969" spans="14:14">
      <c r="N151969" s="10"/>
    </row>
    <row r="151970" spans="14:14">
      <c r="N151970" s="10"/>
    </row>
    <row r="151971" spans="14:14">
      <c r="N151971" s="10"/>
    </row>
    <row r="151972" spans="14:14">
      <c r="N151972" s="10"/>
    </row>
    <row r="151973" spans="14:14">
      <c r="N151973" s="10"/>
    </row>
    <row r="151974" spans="14:14">
      <c r="N151974" s="10"/>
    </row>
    <row r="151975" spans="14:14">
      <c r="N151975" s="10"/>
    </row>
    <row r="151976" spans="14:14">
      <c r="N151976" s="10"/>
    </row>
    <row r="151977" spans="14:14">
      <c r="N151977" s="10"/>
    </row>
    <row r="151978" spans="14:14">
      <c r="N151978" s="10"/>
    </row>
    <row r="151979" spans="14:14">
      <c r="N151979" s="10"/>
    </row>
    <row r="151980" spans="14:14">
      <c r="N151980" s="10"/>
    </row>
    <row r="151981" spans="14:14">
      <c r="N151981" s="10"/>
    </row>
    <row r="151982" spans="14:14">
      <c r="N151982" s="10"/>
    </row>
    <row r="151983" spans="14:14">
      <c r="N151983" s="10"/>
    </row>
    <row r="151984" spans="14:14">
      <c r="N151984" s="10"/>
    </row>
    <row r="151985" spans="14:14">
      <c r="N151985" s="10"/>
    </row>
    <row r="151986" spans="14:14">
      <c r="N151986" s="10"/>
    </row>
    <row r="151987" spans="14:14">
      <c r="N151987" s="10"/>
    </row>
    <row r="151988" spans="14:14">
      <c r="N151988" s="10"/>
    </row>
    <row r="151989" spans="14:14">
      <c r="N151989" s="10"/>
    </row>
    <row r="151990" spans="14:14">
      <c r="N151990" s="10"/>
    </row>
    <row r="151991" spans="14:14">
      <c r="N151991" s="10"/>
    </row>
    <row r="151992" spans="14:14">
      <c r="N151992" s="10"/>
    </row>
    <row r="151993" spans="14:14">
      <c r="N151993" s="10"/>
    </row>
    <row r="151994" spans="14:14">
      <c r="N151994" s="10"/>
    </row>
    <row r="151995" spans="14:14">
      <c r="N151995" s="10"/>
    </row>
    <row r="151996" spans="14:14">
      <c r="N151996" s="10"/>
    </row>
    <row r="151997" spans="14:14">
      <c r="N151997" s="10"/>
    </row>
    <row r="151998" spans="14:14">
      <c r="N151998" s="10"/>
    </row>
    <row r="151999" spans="14:14">
      <c r="N151999" s="10"/>
    </row>
    <row r="152000" spans="14:14">
      <c r="N152000" s="10"/>
    </row>
    <row r="152001" spans="14:14">
      <c r="N152001" s="10"/>
    </row>
    <row r="152002" spans="14:14">
      <c r="N152002" s="10"/>
    </row>
    <row r="152003" spans="14:14">
      <c r="N152003" s="10"/>
    </row>
    <row r="152004" spans="14:14">
      <c r="N152004" s="10"/>
    </row>
    <row r="152005" spans="14:14">
      <c r="N152005" s="10"/>
    </row>
    <row r="152006" spans="14:14">
      <c r="N152006" s="10"/>
    </row>
    <row r="152007" spans="14:14">
      <c r="N152007" s="10"/>
    </row>
    <row r="152008" spans="14:14">
      <c r="N152008" s="10"/>
    </row>
    <row r="152009" spans="14:14">
      <c r="N152009" s="10"/>
    </row>
    <row r="152010" spans="14:14">
      <c r="N152010" s="10"/>
    </row>
    <row r="152011" spans="14:14">
      <c r="N152011" s="10"/>
    </row>
    <row r="152012" spans="14:14">
      <c r="N152012" s="10"/>
    </row>
    <row r="152013" spans="14:14">
      <c r="N152013" s="10"/>
    </row>
    <row r="152014" spans="14:14">
      <c r="N152014" s="10"/>
    </row>
    <row r="152015" spans="14:14">
      <c r="N152015" s="10"/>
    </row>
    <row r="152016" spans="14:14">
      <c r="N152016" s="10"/>
    </row>
    <row r="152017" spans="14:14">
      <c r="N152017" s="10"/>
    </row>
    <row r="152018" spans="14:14">
      <c r="N152018" s="10"/>
    </row>
    <row r="152019" spans="14:14">
      <c r="N152019" s="10"/>
    </row>
    <row r="152020" spans="14:14">
      <c r="N152020" s="10"/>
    </row>
    <row r="152021" spans="14:14">
      <c r="N152021" s="10"/>
    </row>
    <row r="152022" spans="14:14">
      <c r="N152022" s="10"/>
    </row>
    <row r="152023" spans="14:14">
      <c r="N152023" s="10"/>
    </row>
    <row r="152024" spans="14:14">
      <c r="N152024" s="10"/>
    </row>
    <row r="152025" spans="14:14">
      <c r="N152025" s="10"/>
    </row>
    <row r="152026" spans="14:14">
      <c r="N152026" s="10"/>
    </row>
    <row r="152027" spans="14:14">
      <c r="N152027" s="10"/>
    </row>
    <row r="152028" spans="14:14">
      <c r="N152028" s="10"/>
    </row>
    <row r="152029" spans="14:14">
      <c r="N152029" s="10"/>
    </row>
    <row r="152030" spans="14:14">
      <c r="N152030" s="10"/>
    </row>
    <row r="152031" spans="14:14">
      <c r="N152031" s="10"/>
    </row>
    <row r="152032" spans="14:14">
      <c r="N152032" s="10"/>
    </row>
    <row r="152033" spans="14:14">
      <c r="N152033" s="10"/>
    </row>
    <row r="152034" spans="14:14">
      <c r="N152034" s="10"/>
    </row>
    <row r="152035" spans="14:14">
      <c r="N152035" s="10"/>
    </row>
    <row r="152036" spans="14:14">
      <c r="N152036" s="10"/>
    </row>
    <row r="152037" spans="14:14">
      <c r="N152037" s="10"/>
    </row>
    <row r="152038" spans="14:14">
      <c r="N152038" s="10"/>
    </row>
    <row r="152039" spans="14:14">
      <c r="N152039" s="10"/>
    </row>
    <row r="152040" spans="14:14">
      <c r="N152040" s="10"/>
    </row>
    <row r="152041" spans="14:14">
      <c r="N152041" s="10"/>
    </row>
    <row r="152042" spans="14:14">
      <c r="N152042" s="10"/>
    </row>
    <row r="152043" spans="14:14">
      <c r="N152043" s="10"/>
    </row>
    <row r="152044" spans="14:14">
      <c r="N152044" s="10"/>
    </row>
    <row r="152045" spans="14:14">
      <c r="N152045" s="10"/>
    </row>
    <row r="152046" spans="14:14">
      <c r="N152046" s="10"/>
    </row>
    <row r="152047" spans="14:14">
      <c r="N152047" s="10"/>
    </row>
    <row r="152048" spans="14:14">
      <c r="N152048" s="10"/>
    </row>
    <row r="152049" spans="14:14">
      <c r="N152049" s="10"/>
    </row>
    <row r="152050" spans="14:14">
      <c r="N152050" s="10"/>
    </row>
    <row r="152051" spans="14:14">
      <c r="N152051" s="10"/>
    </row>
    <row r="152052" spans="14:14">
      <c r="N152052" s="10"/>
    </row>
    <row r="152053" spans="14:14">
      <c r="N152053" s="10"/>
    </row>
    <row r="152054" spans="14:14">
      <c r="N152054" s="10"/>
    </row>
    <row r="152055" spans="14:14">
      <c r="N152055" s="10"/>
    </row>
    <row r="152056" spans="14:14">
      <c r="N152056" s="10"/>
    </row>
    <row r="152057" spans="14:14">
      <c r="N152057" s="10"/>
    </row>
    <row r="152058" spans="14:14">
      <c r="N152058" s="10"/>
    </row>
    <row r="152059" spans="14:14">
      <c r="N152059" s="10"/>
    </row>
    <row r="152060" spans="14:14">
      <c r="N152060" s="10"/>
    </row>
    <row r="152061" spans="14:14">
      <c r="N152061" s="10"/>
    </row>
    <row r="152062" spans="14:14">
      <c r="N152062" s="10"/>
    </row>
    <row r="152063" spans="14:14">
      <c r="N152063" s="10"/>
    </row>
    <row r="152064" spans="14:14">
      <c r="N152064" s="10"/>
    </row>
    <row r="152065" spans="14:14">
      <c r="N152065" s="10"/>
    </row>
    <row r="152066" spans="14:14">
      <c r="N152066" s="10"/>
    </row>
    <row r="152067" spans="14:14">
      <c r="N152067" s="10"/>
    </row>
    <row r="152068" spans="14:14">
      <c r="N152068" s="10"/>
    </row>
    <row r="152069" spans="14:14">
      <c r="N152069" s="10"/>
    </row>
    <row r="152070" spans="14:14">
      <c r="N152070" s="10"/>
    </row>
    <row r="152071" spans="14:14">
      <c r="N152071" s="10"/>
    </row>
    <row r="152072" spans="14:14">
      <c r="N152072" s="10"/>
    </row>
    <row r="152073" spans="14:14">
      <c r="N152073" s="10"/>
    </row>
    <row r="152074" spans="14:14">
      <c r="N152074" s="10"/>
    </row>
    <row r="152075" spans="14:14">
      <c r="N152075" s="10"/>
    </row>
    <row r="152076" spans="14:14">
      <c r="N152076" s="10"/>
    </row>
    <row r="152077" spans="14:14">
      <c r="N152077" s="10"/>
    </row>
    <row r="152078" spans="14:14">
      <c r="N152078" s="10"/>
    </row>
    <row r="152079" spans="14:14">
      <c r="N152079" s="10"/>
    </row>
    <row r="152080" spans="14:14">
      <c r="N152080" s="10"/>
    </row>
    <row r="152081" spans="14:14">
      <c r="N152081" s="10"/>
    </row>
    <row r="152082" spans="14:14">
      <c r="N152082" s="10"/>
    </row>
    <row r="152083" spans="14:14">
      <c r="N152083" s="10"/>
    </row>
    <row r="152084" spans="14:14">
      <c r="N152084" s="10"/>
    </row>
    <row r="152085" spans="14:14">
      <c r="N152085" s="10"/>
    </row>
    <row r="152086" spans="14:14">
      <c r="N152086" s="10"/>
    </row>
    <row r="152087" spans="14:14">
      <c r="N152087" s="10"/>
    </row>
    <row r="152088" spans="14:14">
      <c r="N152088" s="10"/>
    </row>
    <row r="152089" spans="14:14">
      <c r="N152089" s="10"/>
    </row>
    <row r="152090" spans="14:14">
      <c r="N152090" s="10"/>
    </row>
    <row r="152091" spans="14:14">
      <c r="N152091" s="10"/>
    </row>
    <row r="152092" spans="14:14">
      <c r="N152092" s="10"/>
    </row>
    <row r="152093" spans="14:14">
      <c r="N152093" s="10"/>
    </row>
    <row r="152094" spans="14:14">
      <c r="N152094" s="10"/>
    </row>
    <row r="152095" spans="14:14">
      <c r="N152095" s="10"/>
    </row>
    <row r="152096" spans="14:14">
      <c r="N152096" s="10"/>
    </row>
    <row r="152097" spans="14:14">
      <c r="N152097" s="10"/>
    </row>
    <row r="152098" spans="14:14">
      <c r="N152098" s="10"/>
    </row>
    <row r="152099" spans="14:14">
      <c r="N152099" s="10"/>
    </row>
    <row r="152100" spans="14:14">
      <c r="N152100" s="10"/>
    </row>
    <row r="152101" spans="14:14">
      <c r="N152101" s="10"/>
    </row>
    <row r="152102" spans="14:14">
      <c r="N152102" s="10"/>
    </row>
    <row r="152103" spans="14:14">
      <c r="N152103" s="10"/>
    </row>
    <row r="152104" spans="14:14">
      <c r="N152104" s="10"/>
    </row>
    <row r="152105" spans="14:14">
      <c r="N152105" s="10"/>
    </row>
    <row r="152106" spans="14:14">
      <c r="N152106" s="10"/>
    </row>
    <row r="152107" spans="14:14">
      <c r="N152107" s="10"/>
    </row>
    <row r="152108" spans="14:14">
      <c r="N152108" s="10"/>
    </row>
    <row r="152109" spans="14:14">
      <c r="N152109" s="10"/>
    </row>
    <row r="152110" spans="14:14">
      <c r="N152110" s="10"/>
    </row>
    <row r="152111" spans="14:14">
      <c r="N152111" s="10"/>
    </row>
    <row r="152112" spans="14:14">
      <c r="N152112" s="10"/>
    </row>
    <row r="152113" spans="14:14">
      <c r="N152113" s="10"/>
    </row>
    <row r="152114" spans="14:14">
      <c r="N152114" s="10"/>
    </row>
    <row r="152115" spans="14:14">
      <c r="N152115" s="10"/>
    </row>
    <row r="152116" spans="14:14">
      <c r="N152116" s="10"/>
    </row>
    <row r="152117" spans="14:14">
      <c r="N152117" s="10"/>
    </row>
    <row r="152118" spans="14:14">
      <c r="N152118" s="10"/>
    </row>
    <row r="152119" spans="14:14">
      <c r="N152119" s="10"/>
    </row>
    <row r="152120" spans="14:14">
      <c r="N152120" s="10"/>
    </row>
    <row r="152121" spans="14:14">
      <c r="N152121" s="10"/>
    </row>
    <row r="152122" spans="14:14">
      <c r="N152122" s="10"/>
    </row>
    <row r="152123" spans="14:14">
      <c r="N152123" s="10"/>
    </row>
    <row r="152124" spans="14:14">
      <c r="N152124" s="10"/>
    </row>
    <row r="152125" spans="14:14">
      <c r="N152125" s="10"/>
    </row>
    <row r="152126" spans="14:14">
      <c r="N152126" s="10"/>
    </row>
    <row r="152127" spans="14:14">
      <c r="N152127" s="10"/>
    </row>
    <row r="152128" spans="14:14">
      <c r="N152128" s="10"/>
    </row>
    <row r="152129" spans="14:14">
      <c r="N152129" s="10"/>
    </row>
    <row r="152130" spans="14:14">
      <c r="N152130" s="10"/>
    </row>
    <row r="152131" spans="14:14">
      <c r="N152131" s="10"/>
    </row>
    <row r="152132" spans="14:14">
      <c r="N152132" s="10"/>
    </row>
    <row r="152133" spans="14:14">
      <c r="N152133" s="10"/>
    </row>
    <row r="152134" spans="14:14">
      <c r="N152134" s="10"/>
    </row>
    <row r="152135" spans="14:14">
      <c r="N152135" s="10"/>
    </row>
    <row r="152136" spans="14:14">
      <c r="N152136" s="10"/>
    </row>
    <row r="152137" spans="14:14">
      <c r="N152137" s="10"/>
    </row>
    <row r="152138" spans="14:14">
      <c r="N152138" s="10"/>
    </row>
    <row r="152139" spans="14:14">
      <c r="N152139" s="10"/>
    </row>
    <row r="152140" spans="14:14">
      <c r="N152140" s="10"/>
    </row>
    <row r="152141" spans="14:14">
      <c r="N152141" s="10"/>
    </row>
    <row r="152142" spans="14:14">
      <c r="N152142" s="10"/>
    </row>
    <row r="152143" spans="14:14">
      <c r="N152143" s="10"/>
    </row>
    <row r="152144" spans="14:14">
      <c r="N152144" s="10"/>
    </row>
    <row r="152145" spans="14:14">
      <c r="N152145" s="10"/>
    </row>
    <row r="152146" spans="14:14">
      <c r="N152146" s="10"/>
    </row>
    <row r="152147" spans="14:14">
      <c r="N152147" s="10"/>
    </row>
    <row r="152148" spans="14:14">
      <c r="N152148" s="10"/>
    </row>
    <row r="152149" spans="14:14">
      <c r="N152149" s="10"/>
    </row>
    <row r="152150" spans="14:14">
      <c r="N152150" s="10"/>
    </row>
    <row r="152151" spans="14:14">
      <c r="N152151" s="10"/>
    </row>
    <row r="152152" spans="14:14">
      <c r="N152152" s="10"/>
    </row>
    <row r="152153" spans="14:14">
      <c r="N152153" s="10"/>
    </row>
    <row r="152154" spans="14:14">
      <c r="N152154" s="10"/>
    </row>
    <row r="152155" spans="14:14">
      <c r="N152155" s="10"/>
    </row>
    <row r="152156" spans="14:14">
      <c r="N152156" s="10"/>
    </row>
    <row r="152157" spans="14:14">
      <c r="N152157" s="10"/>
    </row>
    <row r="152158" spans="14:14">
      <c r="N152158" s="10"/>
    </row>
    <row r="152159" spans="14:14">
      <c r="N152159" s="10"/>
    </row>
    <row r="152160" spans="14:14">
      <c r="N152160" s="10"/>
    </row>
    <row r="152161" spans="14:14">
      <c r="N152161" s="10"/>
    </row>
    <row r="152162" spans="14:14">
      <c r="N152162" s="10"/>
    </row>
    <row r="152163" spans="14:14">
      <c r="N152163" s="10"/>
    </row>
    <row r="152164" spans="14:14">
      <c r="N152164" s="10"/>
    </row>
    <row r="152165" spans="14:14">
      <c r="N152165" s="10"/>
    </row>
    <row r="152166" spans="14:14">
      <c r="N152166" s="10"/>
    </row>
    <row r="152167" spans="14:14">
      <c r="N152167" s="10"/>
    </row>
    <row r="152168" spans="14:14">
      <c r="N152168" s="10"/>
    </row>
    <row r="152169" spans="14:14">
      <c r="N152169" s="10"/>
    </row>
    <row r="152170" spans="14:14">
      <c r="N152170" s="10"/>
    </row>
    <row r="152171" spans="14:14">
      <c r="N152171" s="10"/>
    </row>
    <row r="152172" spans="14:14">
      <c r="N152172" s="10"/>
    </row>
    <row r="152173" spans="14:14">
      <c r="N152173" s="10"/>
    </row>
    <row r="152174" spans="14:14">
      <c r="N152174" s="10"/>
    </row>
    <row r="152175" spans="14:14">
      <c r="N152175" s="10"/>
    </row>
    <row r="152176" spans="14:14">
      <c r="N152176" s="10"/>
    </row>
    <row r="152177" spans="14:14">
      <c r="N152177" s="10"/>
    </row>
    <row r="152178" spans="14:14">
      <c r="N152178" s="10"/>
    </row>
    <row r="152179" spans="14:14">
      <c r="N152179" s="10"/>
    </row>
    <row r="152180" spans="14:14">
      <c r="N152180" s="10"/>
    </row>
    <row r="152181" spans="14:14">
      <c r="N152181" s="10"/>
    </row>
    <row r="152182" spans="14:14">
      <c r="N152182" s="10"/>
    </row>
    <row r="152183" spans="14:14">
      <c r="N152183" s="10"/>
    </row>
    <row r="152184" spans="14:14">
      <c r="N152184" s="10"/>
    </row>
    <row r="152185" spans="14:14">
      <c r="N152185" s="10"/>
    </row>
    <row r="152186" spans="14:14">
      <c r="N152186" s="10"/>
    </row>
    <row r="152187" spans="14:14">
      <c r="N152187" s="10"/>
    </row>
    <row r="152188" spans="14:14">
      <c r="N152188" s="10"/>
    </row>
    <row r="152189" spans="14:14">
      <c r="N152189" s="10"/>
    </row>
    <row r="152190" spans="14:14">
      <c r="N152190" s="10"/>
    </row>
    <row r="152191" spans="14:14">
      <c r="N152191" s="10"/>
    </row>
    <row r="152192" spans="14:14">
      <c r="N152192" s="10"/>
    </row>
    <row r="152193" spans="14:14">
      <c r="N152193" s="10"/>
    </row>
    <row r="152194" spans="14:14">
      <c r="N152194" s="10"/>
    </row>
    <row r="152195" spans="14:14">
      <c r="N152195" s="10"/>
    </row>
    <row r="152196" spans="14:14">
      <c r="N152196" s="10"/>
    </row>
    <row r="152197" spans="14:14">
      <c r="N152197" s="10"/>
    </row>
    <row r="152198" spans="14:14">
      <c r="N152198" s="10"/>
    </row>
    <row r="152199" spans="14:14">
      <c r="N152199" s="10"/>
    </row>
    <row r="152200" spans="14:14">
      <c r="N152200" s="10"/>
    </row>
    <row r="152201" spans="14:14">
      <c r="N152201" s="10"/>
    </row>
    <row r="152202" spans="14:14">
      <c r="N152202" s="10"/>
    </row>
    <row r="152203" spans="14:14">
      <c r="N152203" s="10"/>
    </row>
    <row r="152204" spans="14:14">
      <c r="N152204" s="10"/>
    </row>
    <row r="152205" spans="14:14">
      <c r="N152205" s="10"/>
    </row>
    <row r="152206" spans="14:14">
      <c r="N152206" s="10"/>
    </row>
    <row r="152207" spans="14:14">
      <c r="N152207" s="10"/>
    </row>
    <row r="152208" spans="14:14">
      <c r="N152208" s="10"/>
    </row>
    <row r="152209" spans="14:14">
      <c r="N152209" s="10"/>
    </row>
    <row r="152210" spans="14:14">
      <c r="N152210" s="10"/>
    </row>
    <row r="152211" spans="14:14">
      <c r="N152211" s="10"/>
    </row>
    <row r="152212" spans="14:14">
      <c r="N152212" s="10"/>
    </row>
    <row r="152213" spans="14:14">
      <c r="N152213" s="10"/>
    </row>
    <row r="152214" spans="14:14">
      <c r="N152214" s="10"/>
    </row>
    <row r="152215" spans="14:14">
      <c r="N152215" s="10"/>
    </row>
    <row r="152216" spans="14:14">
      <c r="N152216" s="10"/>
    </row>
    <row r="152217" spans="14:14">
      <c r="N152217" s="10"/>
    </row>
    <row r="152218" spans="14:14">
      <c r="N152218" s="10"/>
    </row>
    <row r="152219" spans="14:14">
      <c r="N152219" s="10"/>
    </row>
    <row r="152220" spans="14:14">
      <c r="N152220" s="10"/>
    </row>
    <row r="152221" spans="14:14">
      <c r="N152221" s="10"/>
    </row>
    <row r="152222" spans="14:14">
      <c r="N152222" s="10"/>
    </row>
    <row r="152223" spans="14:14">
      <c r="N152223" s="10"/>
    </row>
    <row r="152224" spans="14:14">
      <c r="N152224" s="10"/>
    </row>
    <row r="152225" spans="14:14">
      <c r="N152225" s="10"/>
    </row>
    <row r="152226" spans="14:14">
      <c r="N152226" s="10"/>
    </row>
    <row r="152227" spans="14:14">
      <c r="N152227" s="10"/>
    </row>
    <row r="152228" spans="14:14">
      <c r="N152228" s="10"/>
    </row>
    <row r="152229" spans="14:14">
      <c r="N152229" s="10"/>
    </row>
    <row r="152230" spans="14:14">
      <c r="N152230" s="10"/>
    </row>
    <row r="152231" spans="14:14">
      <c r="N152231" s="10"/>
    </row>
    <row r="152232" spans="14:14">
      <c r="N152232" s="10"/>
    </row>
    <row r="152233" spans="14:14">
      <c r="N152233" s="10"/>
    </row>
    <row r="152234" spans="14:14">
      <c r="N152234" s="10"/>
    </row>
    <row r="152235" spans="14:14">
      <c r="N152235" s="10"/>
    </row>
    <row r="152236" spans="14:14">
      <c r="N152236" s="10"/>
    </row>
    <row r="152237" spans="14:14">
      <c r="N152237" s="10"/>
    </row>
    <row r="152238" spans="14:14">
      <c r="N152238" s="10"/>
    </row>
    <row r="152239" spans="14:14">
      <c r="N152239" s="10"/>
    </row>
    <row r="152240" spans="14:14">
      <c r="N152240" s="10"/>
    </row>
    <row r="152241" spans="14:14">
      <c r="N152241" s="10"/>
    </row>
    <row r="152242" spans="14:14">
      <c r="N152242" s="10"/>
    </row>
    <row r="152243" spans="14:14">
      <c r="N152243" s="10"/>
    </row>
    <row r="152244" spans="14:14">
      <c r="N152244" s="10"/>
    </row>
    <row r="152245" spans="14:14">
      <c r="N152245" s="10"/>
    </row>
    <row r="152246" spans="14:14">
      <c r="N152246" s="10"/>
    </row>
    <row r="152247" spans="14:14">
      <c r="N152247" s="10"/>
    </row>
    <row r="152248" spans="14:14">
      <c r="N152248" s="10"/>
    </row>
    <row r="152249" spans="14:14">
      <c r="N152249" s="10"/>
    </row>
    <row r="152250" spans="14:14">
      <c r="N152250" s="10"/>
    </row>
    <row r="152251" spans="14:14">
      <c r="N152251" s="10"/>
    </row>
    <row r="152252" spans="14:14">
      <c r="N152252" s="10"/>
    </row>
    <row r="152253" spans="14:14">
      <c r="N152253" s="10"/>
    </row>
    <row r="152254" spans="14:14">
      <c r="N152254" s="10"/>
    </row>
    <row r="152255" spans="14:14">
      <c r="N152255" s="10"/>
    </row>
    <row r="152256" spans="14:14">
      <c r="N152256" s="10"/>
    </row>
    <row r="152257" spans="14:14">
      <c r="N152257" s="10"/>
    </row>
    <row r="152258" spans="14:14">
      <c r="N152258" s="10"/>
    </row>
    <row r="152259" spans="14:14">
      <c r="N152259" s="10"/>
    </row>
    <row r="152260" spans="14:14">
      <c r="N152260" s="10"/>
    </row>
    <row r="152261" spans="14:14">
      <c r="N152261" s="10"/>
    </row>
    <row r="152262" spans="14:14">
      <c r="N152262" s="10"/>
    </row>
    <row r="152263" spans="14:14">
      <c r="N152263" s="10"/>
    </row>
    <row r="152264" spans="14:14">
      <c r="N152264" s="10"/>
    </row>
    <row r="152265" spans="14:14">
      <c r="N152265" s="10"/>
    </row>
    <row r="152266" spans="14:14">
      <c r="N152266" s="10"/>
    </row>
    <row r="152267" spans="14:14">
      <c r="N152267" s="10"/>
    </row>
    <row r="152268" spans="14:14">
      <c r="N152268" s="10"/>
    </row>
    <row r="152269" spans="14:14">
      <c r="N152269" s="10"/>
    </row>
    <row r="152270" spans="14:14">
      <c r="N152270" s="10"/>
    </row>
    <row r="152271" spans="14:14">
      <c r="N152271" s="10"/>
    </row>
    <row r="152272" spans="14:14">
      <c r="N152272" s="10"/>
    </row>
    <row r="152273" spans="14:14">
      <c r="N152273" s="10"/>
    </row>
    <row r="152274" spans="14:14">
      <c r="N152274" s="10"/>
    </row>
    <row r="152275" spans="14:14">
      <c r="N152275" s="10"/>
    </row>
    <row r="152276" spans="14:14">
      <c r="N152276" s="10"/>
    </row>
    <row r="152277" spans="14:14">
      <c r="N152277" s="10"/>
    </row>
    <row r="152278" spans="14:14">
      <c r="N152278" s="10"/>
    </row>
    <row r="152279" spans="14:14">
      <c r="N152279" s="10"/>
    </row>
    <row r="152280" spans="14:14">
      <c r="N152280" s="10"/>
    </row>
    <row r="152281" spans="14:14">
      <c r="N152281" s="10"/>
    </row>
    <row r="152282" spans="14:14">
      <c r="N152282" s="10"/>
    </row>
    <row r="152283" spans="14:14">
      <c r="N152283" s="10"/>
    </row>
    <row r="152284" spans="14:14">
      <c r="N152284" s="10"/>
    </row>
    <row r="152285" spans="14:14">
      <c r="N152285" s="10"/>
    </row>
    <row r="152286" spans="14:14">
      <c r="N152286" s="10"/>
    </row>
    <row r="152287" spans="14:14">
      <c r="N152287" s="10"/>
    </row>
    <row r="152288" spans="14:14">
      <c r="N152288" s="10"/>
    </row>
    <row r="152289" spans="14:14">
      <c r="N152289" s="10"/>
    </row>
    <row r="152290" spans="14:14">
      <c r="N152290" s="10"/>
    </row>
    <row r="152291" spans="14:14">
      <c r="N152291" s="10"/>
    </row>
    <row r="152292" spans="14:14">
      <c r="N152292" s="10"/>
    </row>
    <row r="152293" spans="14:14">
      <c r="N152293" s="10"/>
    </row>
    <row r="152294" spans="14:14">
      <c r="N152294" s="10"/>
    </row>
    <row r="152295" spans="14:14">
      <c r="N152295" s="10"/>
    </row>
    <row r="152296" spans="14:14">
      <c r="N152296" s="10"/>
    </row>
    <row r="152297" spans="14:14">
      <c r="N152297" s="10"/>
    </row>
    <row r="152298" spans="14:14">
      <c r="N152298" s="10"/>
    </row>
    <row r="152299" spans="14:14">
      <c r="N152299" s="10"/>
    </row>
    <row r="152300" spans="14:14">
      <c r="N152300" s="10"/>
    </row>
    <row r="152301" spans="14:14">
      <c r="N152301" s="10"/>
    </row>
    <row r="152302" spans="14:14">
      <c r="N152302" s="10"/>
    </row>
    <row r="152303" spans="14:14">
      <c r="N152303" s="10"/>
    </row>
    <row r="152304" spans="14:14">
      <c r="N152304" s="10"/>
    </row>
    <row r="152305" spans="14:14">
      <c r="N152305" s="10"/>
    </row>
    <row r="152306" spans="14:14">
      <c r="N152306" s="10"/>
    </row>
    <row r="152307" spans="14:14">
      <c r="N152307" s="10"/>
    </row>
    <row r="152308" spans="14:14">
      <c r="N152308" s="10"/>
    </row>
    <row r="152309" spans="14:14">
      <c r="N152309" s="10"/>
    </row>
    <row r="152310" spans="14:14">
      <c r="N152310" s="10"/>
    </row>
    <row r="152311" spans="14:14">
      <c r="N152311" s="10"/>
    </row>
    <row r="152312" spans="14:14">
      <c r="N152312" s="10"/>
    </row>
    <row r="152313" spans="14:14">
      <c r="N152313" s="10"/>
    </row>
    <row r="152314" spans="14:14">
      <c r="N152314" s="10"/>
    </row>
    <row r="152315" spans="14:14">
      <c r="N152315" s="10"/>
    </row>
    <row r="152316" spans="14:14">
      <c r="N152316" s="10"/>
    </row>
    <row r="152317" spans="14:14">
      <c r="N152317" s="10"/>
    </row>
    <row r="152318" spans="14:14">
      <c r="N152318" s="10"/>
    </row>
    <row r="152319" spans="14:14">
      <c r="N152319" s="10"/>
    </row>
    <row r="152320" spans="14:14">
      <c r="N152320" s="10"/>
    </row>
    <row r="152321" spans="14:14">
      <c r="N152321" s="10"/>
    </row>
    <row r="152322" spans="14:14">
      <c r="N152322" s="10"/>
    </row>
    <row r="152323" spans="14:14">
      <c r="N152323" s="10"/>
    </row>
    <row r="152324" spans="14:14">
      <c r="N152324" s="10"/>
    </row>
    <row r="152325" spans="14:14">
      <c r="N152325" s="10"/>
    </row>
    <row r="152326" spans="14:14">
      <c r="N152326" s="10"/>
    </row>
    <row r="152327" spans="14:14">
      <c r="N152327" s="10"/>
    </row>
    <row r="152328" spans="14:14">
      <c r="N152328" s="10"/>
    </row>
    <row r="152329" spans="14:14">
      <c r="N152329" s="10"/>
    </row>
    <row r="152330" spans="14:14">
      <c r="N152330" s="10"/>
    </row>
    <row r="152331" spans="14:14">
      <c r="N152331" s="10"/>
    </row>
    <row r="152332" spans="14:14">
      <c r="N152332" s="10"/>
    </row>
    <row r="152333" spans="14:14">
      <c r="N152333" s="10"/>
    </row>
    <row r="152334" spans="14:14">
      <c r="N152334" s="10"/>
    </row>
    <row r="152335" spans="14:14">
      <c r="N152335" s="10"/>
    </row>
    <row r="152336" spans="14:14">
      <c r="N152336" s="10"/>
    </row>
    <row r="152337" spans="14:14">
      <c r="N152337" s="10"/>
    </row>
    <row r="152338" spans="14:14">
      <c r="N152338" s="10"/>
    </row>
    <row r="152339" spans="14:14">
      <c r="N152339" s="10"/>
    </row>
    <row r="152340" spans="14:14">
      <c r="N152340" s="10"/>
    </row>
    <row r="152341" spans="14:14">
      <c r="N152341" s="10"/>
    </row>
    <row r="152342" spans="14:14">
      <c r="N152342" s="10"/>
    </row>
    <row r="152343" spans="14:14">
      <c r="N152343" s="10"/>
    </row>
    <row r="152344" spans="14:14">
      <c r="N152344" s="10"/>
    </row>
    <row r="152345" spans="14:14">
      <c r="N152345" s="10"/>
    </row>
    <row r="152346" spans="14:14">
      <c r="N152346" s="10"/>
    </row>
    <row r="152347" spans="14:14">
      <c r="N152347" s="10"/>
    </row>
    <row r="152348" spans="14:14">
      <c r="N152348" s="10"/>
    </row>
    <row r="152349" spans="14:14">
      <c r="N152349" s="10"/>
    </row>
    <row r="152350" spans="14:14">
      <c r="N152350" s="10"/>
    </row>
    <row r="152351" spans="14:14">
      <c r="N152351" s="10"/>
    </row>
    <row r="152352" spans="14:14">
      <c r="N152352" s="10"/>
    </row>
    <row r="152353" spans="14:14">
      <c r="N152353" s="10"/>
    </row>
    <row r="152354" spans="14:14">
      <c r="N152354" s="10"/>
    </row>
    <row r="152355" spans="14:14">
      <c r="N152355" s="10"/>
    </row>
    <row r="152356" spans="14:14">
      <c r="N152356" s="10"/>
    </row>
    <row r="152357" spans="14:14">
      <c r="N152357" s="10"/>
    </row>
    <row r="152358" spans="14:14">
      <c r="N152358" s="10"/>
    </row>
    <row r="152359" spans="14:14">
      <c r="N152359" s="10"/>
    </row>
    <row r="152360" spans="14:14">
      <c r="N152360" s="10"/>
    </row>
    <row r="152361" spans="14:14">
      <c r="N152361" s="10"/>
    </row>
    <row r="152362" spans="14:14">
      <c r="N152362" s="10"/>
    </row>
    <row r="152363" spans="14:14">
      <c r="N152363" s="10"/>
    </row>
    <row r="152364" spans="14:14">
      <c r="N152364" s="10"/>
    </row>
    <row r="152365" spans="14:14">
      <c r="N152365" s="10"/>
    </row>
    <row r="152366" spans="14:14">
      <c r="N152366" s="10"/>
    </row>
    <row r="152367" spans="14:14">
      <c r="N152367" s="10"/>
    </row>
    <row r="152368" spans="14:14">
      <c r="N152368" s="10"/>
    </row>
    <row r="152369" spans="14:14">
      <c r="N152369" s="10"/>
    </row>
    <row r="152370" spans="14:14">
      <c r="N152370" s="10"/>
    </row>
    <row r="152371" spans="14:14">
      <c r="N152371" s="10"/>
    </row>
    <row r="152372" spans="14:14">
      <c r="N152372" s="10"/>
    </row>
    <row r="152373" spans="14:14">
      <c r="N152373" s="10"/>
    </row>
    <row r="152374" spans="14:14">
      <c r="N152374" s="10"/>
    </row>
    <row r="152375" spans="14:14">
      <c r="N152375" s="10"/>
    </row>
    <row r="152376" spans="14:14">
      <c r="N152376" s="10"/>
    </row>
    <row r="152377" spans="14:14">
      <c r="N152377" s="10"/>
    </row>
    <row r="152378" spans="14:14">
      <c r="N152378" s="10"/>
    </row>
    <row r="152379" spans="14:14">
      <c r="N152379" s="10"/>
    </row>
    <row r="152380" spans="14:14">
      <c r="N152380" s="10"/>
    </row>
    <row r="152381" spans="14:14">
      <c r="N152381" s="10"/>
    </row>
    <row r="152382" spans="14:14">
      <c r="N152382" s="10"/>
    </row>
    <row r="152383" spans="14:14">
      <c r="N152383" s="10"/>
    </row>
    <row r="152384" spans="14:14">
      <c r="N152384" s="10"/>
    </row>
    <row r="152385" spans="14:14">
      <c r="N152385" s="10"/>
    </row>
    <row r="152386" spans="14:14">
      <c r="N152386" s="10"/>
    </row>
    <row r="152387" spans="14:14">
      <c r="N152387" s="10"/>
    </row>
    <row r="152388" spans="14:14">
      <c r="N152388" s="10"/>
    </row>
    <row r="152389" spans="14:14">
      <c r="N152389" s="10"/>
    </row>
    <row r="152390" spans="14:14">
      <c r="N152390" s="10"/>
    </row>
    <row r="152391" spans="14:14">
      <c r="N152391" s="10"/>
    </row>
    <row r="152392" spans="14:14">
      <c r="N152392" s="10"/>
    </row>
    <row r="152393" spans="14:14">
      <c r="N152393" s="10"/>
    </row>
    <row r="152394" spans="14:14">
      <c r="N152394" s="10"/>
    </row>
    <row r="152395" spans="14:14">
      <c r="N152395" s="10"/>
    </row>
    <row r="152396" spans="14:14">
      <c r="N152396" s="10"/>
    </row>
    <row r="152397" spans="14:14">
      <c r="N152397" s="10"/>
    </row>
    <row r="152398" spans="14:14">
      <c r="N152398" s="10"/>
    </row>
    <row r="152399" spans="14:14">
      <c r="N152399" s="10"/>
    </row>
    <row r="152400" spans="14:14">
      <c r="N152400" s="10"/>
    </row>
    <row r="152401" spans="14:14">
      <c r="N152401" s="10"/>
    </row>
    <row r="152402" spans="14:14">
      <c r="N152402" s="10"/>
    </row>
    <row r="152403" spans="14:14">
      <c r="N152403" s="10"/>
    </row>
    <row r="152404" spans="14:14">
      <c r="N152404" s="10"/>
    </row>
    <row r="152405" spans="14:14">
      <c r="N152405" s="10"/>
    </row>
    <row r="152406" spans="14:14">
      <c r="N152406" s="10"/>
    </row>
    <row r="152407" spans="14:14">
      <c r="N152407" s="10"/>
    </row>
    <row r="152408" spans="14:14">
      <c r="N152408" s="10"/>
    </row>
    <row r="152409" spans="14:14">
      <c r="N152409" s="10"/>
    </row>
    <row r="152410" spans="14:14">
      <c r="N152410" s="10"/>
    </row>
    <row r="152411" spans="14:14">
      <c r="N152411" s="10"/>
    </row>
    <row r="152412" spans="14:14">
      <c r="N152412" s="10"/>
    </row>
    <row r="152413" spans="14:14">
      <c r="N152413" s="10"/>
    </row>
    <row r="152414" spans="14:14">
      <c r="N152414" s="10"/>
    </row>
    <row r="152415" spans="14:14">
      <c r="N152415" s="10"/>
    </row>
    <row r="152416" spans="14:14">
      <c r="N152416" s="10"/>
    </row>
    <row r="152417" spans="14:14">
      <c r="N152417" s="10"/>
    </row>
    <row r="152418" spans="14:14">
      <c r="N152418" s="10"/>
    </row>
    <row r="152419" spans="14:14">
      <c r="N152419" s="10"/>
    </row>
    <row r="152420" spans="14:14">
      <c r="N152420" s="10"/>
    </row>
    <row r="152421" spans="14:14">
      <c r="N152421" s="10"/>
    </row>
    <row r="152422" spans="14:14">
      <c r="N152422" s="10"/>
    </row>
    <row r="152423" spans="14:14">
      <c r="N152423" s="10"/>
    </row>
    <row r="152424" spans="14:14">
      <c r="N152424" s="10"/>
    </row>
    <row r="152425" spans="14:14">
      <c r="N152425" s="10"/>
    </row>
    <row r="152426" spans="14:14">
      <c r="N152426" s="10"/>
    </row>
    <row r="152427" spans="14:14">
      <c r="N152427" s="10"/>
    </row>
    <row r="152428" spans="14:14">
      <c r="N152428" s="10"/>
    </row>
    <row r="152429" spans="14:14">
      <c r="N152429" s="10"/>
    </row>
    <row r="152430" spans="14:14">
      <c r="N152430" s="10"/>
    </row>
    <row r="152431" spans="14:14">
      <c r="N152431" s="10"/>
    </row>
    <row r="152432" spans="14:14">
      <c r="N152432" s="10"/>
    </row>
    <row r="152433" spans="14:14">
      <c r="N152433" s="10"/>
    </row>
    <row r="152434" spans="14:14">
      <c r="N152434" s="10"/>
    </row>
    <row r="152435" spans="14:14">
      <c r="N152435" s="10"/>
    </row>
    <row r="152436" spans="14:14">
      <c r="N152436" s="10"/>
    </row>
    <row r="152437" spans="14:14">
      <c r="N152437" s="10"/>
    </row>
    <row r="152438" spans="14:14">
      <c r="N152438" s="10"/>
    </row>
    <row r="152439" spans="14:14">
      <c r="N152439" s="10"/>
    </row>
    <row r="152440" spans="14:14">
      <c r="N152440" s="10"/>
    </row>
    <row r="152441" spans="14:14">
      <c r="N152441" s="10"/>
    </row>
    <row r="152442" spans="14:14">
      <c r="N152442" s="10"/>
    </row>
    <row r="152443" spans="14:14">
      <c r="N152443" s="10"/>
    </row>
    <row r="152444" spans="14:14">
      <c r="N152444" s="10"/>
    </row>
    <row r="152445" spans="14:14">
      <c r="N152445" s="10"/>
    </row>
    <row r="152446" spans="14:14">
      <c r="N152446" s="10"/>
    </row>
    <row r="152447" spans="14:14">
      <c r="N152447" s="10"/>
    </row>
    <row r="152448" spans="14:14">
      <c r="N152448" s="10"/>
    </row>
    <row r="152449" spans="14:14">
      <c r="N152449" s="10"/>
    </row>
    <row r="152450" spans="14:14">
      <c r="N152450" s="10"/>
    </row>
    <row r="152451" spans="14:14">
      <c r="N152451" s="10"/>
    </row>
    <row r="152452" spans="14:14">
      <c r="N152452" s="10"/>
    </row>
    <row r="152453" spans="14:14">
      <c r="N152453" s="10"/>
    </row>
    <row r="152454" spans="14:14">
      <c r="N152454" s="10"/>
    </row>
    <row r="152455" spans="14:14">
      <c r="N152455" s="10"/>
    </row>
    <row r="152456" spans="14:14">
      <c r="N152456" s="10"/>
    </row>
    <row r="152457" spans="14:14">
      <c r="N152457" s="10"/>
    </row>
    <row r="152458" spans="14:14">
      <c r="N152458" s="10"/>
    </row>
    <row r="152459" spans="14:14">
      <c r="N152459" s="10"/>
    </row>
    <row r="152460" spans="14:14">
      <c r="N152460" s="10"/>
    </row>
    <row r="152461" spans="14:14">
      <c r="N152461" s="10"/>
    </row>
    <row r="152462" spans="14:14">
      <c r="N152462" s="10"/>
    </row>
    <row r="152463" spans="14:14">
      <c r="N152463" s="10"/>
    </row>
    <row r="152464" spans="14:14">
      <c r="N152464" s="10"/>
    </row>
    <row r="152465" spans="14:14">
      <c r="N152465" s="10"/>
    </row>
    <row r="152466" spans="14:14">
      <c r="N152466" s="10"/>
    </row>
    <row r="152467" spans="14:14">
      <c r="N152467" s="10"/>
    </row>
    <row r="152468" spans="14:14">
      <c r="N152468" s="10"/>
    </row>
    <row r="152469" spans="14:14">
      <c r="N152469" s="10"/>
    </row>
    <row r="152470" spans="14:14">
      <c r="N152470" s="10"/>
    </row>
    <row r="152471" spans="14:14">
      <c r="N152471" s="10"/>
    </row>
    <row r="152472" spans="14:14">
      <c r="N152472" s="10"/>
    </row>
    <row r="152473" spans="14:14">
      <c r="N152473" s="10"/>
    </row>
    <row r="152474" spans="14:14">
      <c r="N152474" s="10"/>
    </row>
    <row r="152475" spans="14:14">
      <c r="N152475" s="10"/>
    </row>
    <row r="152476" spans="14:14">
      <c r="N152476" s="10"/>
    </row>
    <row r="152477" spans="14:14">
      <c r="N152477" s="10"/>
    </row>
    <row r="152478" spans="14:14">
      <c r="N152478" s="10"/>
    </row>
    <row r="152479" spans="14:14">
      <c r="N152479" s="10"/>
    </row>
    <row r="152480" spans="14:14">
      <c r="N152480" s="10"/>
    </row>
    <row r="152481" spans="14:14">
      <c r="N152481" s="10"/>
    </row>
    <row r="152482" spans="14:14">
      <c r="N152482" s="10"/>
    </row>
    <row r="152483" spans="14:14">
      <c r="N152483" s="10"/>
    </row>
    <row r="152484" spans="14:14">
      <c r="N152484" s="10"/>
    </row>
    <row r="152485" spans="14:14">
      <c r="N152485" s="10"/>
    </row>
    <row r="152486" spans="14:14">
      <c r="N152486" s="10"/>
    </row>
    <row r="152487" spans="14:14">
      <c r="N152487" s="10"/>
    </row>
    <row r="152488" spans="14:14">
      <c r="N152488" s="10"/>
    </row>
    <row r="152489" spans="14:14">
      <c r="N152489" s="10"/>
    </row>
    <row r="152490" spans="14:14">
      <c r="N152490" s="10"/>
    </row>
    <row r="152491" spans="14:14">
      <c r="N152491" s="10"/>
    </row>
    <row r="152492" spans="14:14">
      <c r="N152492" s="10"/>
    </row>
    <row r="152493" spans="14:14">
      <c r="N152493" s="10"/>
    </row>
    <row r="152494" spans="14:14">
      <c r="N152494" s="10"/>
    </row>
    <row r="152495" spans="14:14">
      <c r="N152495" s="10"/>
    </row>
    <row r="152496" spans="14:14">
      <c r="N152496" s="10"/>
    </row>
    <row r="152497" spans="14:14">
      <c r="N152497" s="10"/>
    </row>
    <row r="152498" spans="14:14">
      <c r="N152498" s="10"/>
    </row>
    <row r="152499" spans="14:14">
      <c r="N152499" s="10"/>
    </row>
    <row r="152500" spans="14:14">
      <c r="N152500" s="10"/>
    </row>
    <row r="152501" spans="14:14">
      <c r="N152501" s="10"/>
    </row>
    <row r="152502" spans="14:14">
      <c r="N152502" s="10"/>
    </row>
    <row r="152503" spans="14:14">
      <c r="N152503" s="10"/>
    </row>
    <row r="152504" spans="14:14">
      <c r="N152504" s="10"/>
    </row>
    <row r="152505" spans="14:14">
      <c r="N152505" s="10"/>
    </row>
    <row r="152506" spans="14:14">
      <c r="N152506" s="10"/>
    </row>
    <row r="152507" spans="14:14">
      <c r="N152507" s="10"/>
    </row>
    <row r="152508" spans="14:14">
      <c r="N152508" s="10"/>
    </row>
    <row r="152509" spans="14:14">
      <c r="N152509" s="10"/>
    </row>
    <row r="152510" spans="14:14">
      <c r="N152510" s="10"/>
    </row>
    <row r="152511" spans="14:14">
      <c r="N152511" s="10"/>
    </row>
    <row r="152512" spans="14:14">
      <c r="N152512" s="10"/>
    </row>
    <row r="152513" spans="14:14">
      <c r="N152513" s="10"/>
    </row>
    <row r="152514" spans="14:14">
      <c r="N152514" s="10"/>
    </row>
    <row r="152515" spans="14:14">
      <c r="N152515" s="10"/>
    </row>
    <row r="152516" spans="14:14">
      <c r="N152516" s="10"/>
    </row>
    <row r="152517" spans="14:14">
      <c r="N152517" s="10"/>
    </row>
    <row r="152518" spans="14:14">
      <c r="N152518" s="10"/>
    </row>
    <row r="152519" spans="14:14">
      <c r="N152519" s="10"/>
    </row>
    <row r="152520" spans="14:14">
      <c r="N152520" s="10"/>
    </row>
    <row r="152521" spans="14:14">
      <c r="N152521" s="10"/>
    </row>
    <row r="152522" spans="14:14">
      <c r="N152522" s="10"/>
    </row>
    <row r="152523" spans="14:14">
      <c r="N152523" s="10"/>
    </row>
    <row r="152524" spans="14:14">
      <c r="N152524" s="10"/>
    </row>
    <row r="152525" spans="14:14">
      <c r="N152525" s="10"/>
    </row>
    <row r="152526" spans="14:14">
      <c r="N152526" s="10"/>
    </row>
    <row r="152527" spans="14:14">
      <c r="N152527" s="10"/>
    </row>
    <row r="152528" spans="14:14">
      <c r="N152528" s="10"/>
    </row>
    <row r="152529" spans="14:14">
      <c r="N152529" s="10"/>
    </row>
    <row r="152530" spans="14:14">
      <c r="N152530" s="10"/>
    </row>
    <row r="152531" spans="14:14">
      <c r="N152531" s="10"/>
    </row>
    <row r="152532" spans="14:14">
      <c r="N152532" s="10"/>
    </row>
    <row r="152533" spans="14:14">
      <c r="N152533" s="10"/>
    </row>
    <row r="152534" spans="14:14">
      <c r="N152534" s="10"/>
    </row>
    <row r="152535" spans="14:14">
      <c r="N152535" s="10"/>
    </row>
    <row r="152536" spans="14:14">
      <c r="N152536" s="10"/>
    </row>
    <row r="152537" spans="14:14">
      <c r="N152537" s="10"/>
    </row>
    <row r="152538" spans="14:14">
      <c r="N152538" s="10"/>
    </row>
    <row r="152539" spans="14:14">
      <c r="N152539" s="10"/>
    </row>
    <row r="152540" spans="14:14">
      <c r="N152540" s="10"/>
    </row>
    <row r="152541" spans="14:14">
      <c r="N152541" s="10"/>
    </row>
    <row r="152542" spans="14:14">
      <c r="N152542" s="10"/>
    </row>
    <row r="152543" spans="14:14">
      <c r="N152543" s="10"/>
    </row>
    <row r="152544" spans="14:14">
      <c r="N152544" s="10"/>
    </row>
    <row r="152545" spans="14:14">
      <c r="N152545" s="10"/>
    </row>
    <row r="152546" spans="14:14">
      <c r="N152546" s="10"/>
    </row>
    <row r="152547" spans="14:14">
      <c r="N152547" s="10"/>
    </row>
    <row r="152548" spans="14:14">
      <c r="N152548" s="10"/>
    </row>
    <row r="152549" spans="14:14">
      <c r="N152549" s="10"/>
    </row>
    <row r="152550" spans="14:14">
      <c r="N152550" s="10"/>
    </row>
    <row r="152551" spans="14:14">
      <c r="N152551" s="10"/>
    </row>
    <row r="152552" spans="14:14">
      <c r="N152552" s="10"/>
    </row>
    <row r="152553" spans="14:14">
      <c r="N152553" s="10"/>
    </row>
    <row r="152554" spans="14:14">
      <c r="N152554" s="10"/>
    </row>
    <row r="152555" spans="14:14">
      <c r="N152555" s="10"/>
    </row>
    <row r="152556" spans="14:14">
      <c r="N152556" s="10"/>
    </row>
    <row r="152557" spans="14:14">
      <c r="N152557" s="10"/>
    </row>
    <row r="152558" spans="14:14">
      <c r="N152558" s="10"/>
    </row>
    <row r="152559" spans="14:14">
      <c r="N152559" s="10"/>
    </row>
    <row r="152560" spans="14:14">
      <c r="N152560" s="10"/>
    </row>
    <row r="152561" spans="14:14">
      <c r="N152561" s="10"/>
    </row>
    <row r="152562" spans="14:14">
      <c r="N152562" s="10"/>
    </row>
    <row r="152563" spans="14:14">
      <c r="N152563" s="10"/>
    </row>
    <row r="152564" spans="14:14">
      <c r="N152564" s="10"/>
    </row>
    <row r="152565" spans="14:14">
      <c r="N152565" s="10"/>
    </row>
    <row r="152566" spans="14:14">
      <c r="N152566" s="10"/>
    </row>
    <row r="152567" spans="14:14">
      <c r="N152567" s="10"/>
    </row>
    <row r="152568" spans="14:14">
      <c r="N152568" s="10"/>
    </row>
    <row r="152569" spans="14:14">
      <c r="N152569" s="10"/>
    </row>
    <row r="152570" spans="14:14">
      <c r="N152570" s="10"/>
    </row>
    <row r="152571" spans="14:14">
      <c r="N152571" s="10"/>
    </row>
    <row r="152572" spans="14:14">
      <c r="N152572" s="10"/>
    </row>
    <row r="152573" spans="14:14">
      <c r="N152573" s="10"/>
    </row>
    <row r="152574" spans="14:14">
      <c r="N152574" s="10"/>
    </row>
    <row r="152575" spans="14:14">
      <c r="N152575" s="10"/>
    </row>
    <row r="152576" spans="14:14">
      <c r="N152576" s="10"/>
    </row>
    <row r="152577" spans="14:14">
      <c r="N152577" s="10"/>
    </row>
    <row r="152578" spans="14:14">
      <c r="N152578" s="10"/>
    </row>
    <row r="152579" spans="14:14">
      <c r="N152579" s="10"/>
    </row>
    <row r="152580" spans="14:14">
      <c r="N152580" s="10"/>
    </row>
    <row r="152581" spans="14:14">
      <c r="N152581" s="10"/>
    </row>
    <row r="152582" spans="14:14">
      <c r="N152582" s="10"/>
    </row>
    <row r="152583" spans="14:14">
      <c r="N152583" s="10"/>
    </row>
    <row r="152584" spans="14:14">
      <c r="N152584" s="10"/>
    </row>
    <row r="152585" spans="14:14">
      <c r="N152585" s="10"/>
    </row>
    <row r="152586" spans="14:14">
      <c r="N152586" s="10"/>
    </row>
    <row r="152587" spans="14:14">
      <c r="N152587" s="10"/>
    </row>
    <row r="152588" spans="14:14">
      <c r="N152588" s="10"/>
    </row>
    <row r="152589" spans="14:14">
      <c r="N152589" s="10"/>
    </row>
    <row r="152590" spans="14:14">
      <c r="N152590" s="10"/>
    </row>
    <row r="152591" spans="14:14">
      <c r="N152591" s="10"/>
    </row>
    <row r="152592" spans="14:14">
      <c r="N152592" s="10"/>
    </row>
    <row r="152593" spans="14:14">
      <c r="N152593" s="10"/>
    </row>
    <row r="152594" spans="14:14">
      <c r="N152594" s="10"/>
    </row>
    <row r="152595" spans="14:14">
      <c r="N152595" s="10"/>
    </row>
    <row r="152596" spans="14:14">
      <c r="N152596" s="10"/>
    </row>
    <row r="152597" spans="14:14">
      <c r="N152597" s="10"/>
    </row>
    <row r="152598" spans="14:14">
      <c r="N152598" s="10"/>
    </row>
    <row r="152599" spans="14:14">
      <c r="N152599" s="10"/>
    </row>
    <row r="152600" spans="14:14">
      <c r="N152600" s="10"/>
    </row>
    <row r="152601" spans="14:14">
      <c r="N152601" s="10"/>
    </row>
    <row r="152602" spans="14:14">
      <c r="N152602" s="10"/>
    </row>
    <row r="152603" spans="14:14">
      <c r="N152603" s="10"/>
    </row>
    <row r="152604" spans="14:14">
      <c r="N152604" s="10"/>
    </row>
    <row r="152605" spans="14:14">
      <c r="N152605" s="10"/>
    </row>
    <row r="152606" spans="14:14">
      <c r="N152606" s="10"/>
    </row>
    <row r="152607" spans="14:14">
      <c r="N152607" s="10"/>
    </row>
    <row r="152608" spans="14:14">
      <c r="N152608" s="10"/>
    </row>
    <row r="152609" spans="14:14">
      <c r="N152609" s="10"/>
    </row>
    <row r="152610" spans="14:14">
      <c r="N152610" s="10"/>
    </row>
    <row r="152611" spans="14:14">
      <c r="N152611" s="10"/>
    </row>
    <row r="152612" spans="14:14">
      <c r="N152612" s="10"/>
    </row>
    <row r="152613" spans="14:14">
      <c r="N152613" s="10"/>
    </row>
    <row r="152614" spans="14:14">
      <c r="N152614" s="10"/>
    </row>
    <row r="152615" spans="14:14">
      <c r="N152615" s="10"/>
    </row>
    <row r="152616" spans="14:14">
      <c r="N152616" s="10"/>
    </row>
    <row r="152617" spans="14:14">
      <c r="N152617" s="10"/>
    </row>
    <row r="152618" spans="14:14">
      <c r="N152618" s="10"/>
    </row>
    <row r="152619" spans="14:14">
      <c r="N152619" s="10"/>
    </row>
    <row r="152620" spans="14:14">
      <c r="N152620" s="10"/>
    </row>
    <row r="152621" spans="14:14">
      <c r="N152621" s="10"/>
    </row>
    <row r="152622" spans="14:14">
      <c r="N152622" s="10"/>
    </row>
    <row r="152623" spans="14:14">
      <c r="N152623" s="10"/>
    </row>
    <row r="152624" spans="14:14">
      <c r="N152624" s="10"/>
    </row>
    <row r="152625" spans="14:14">
      <c r="N152625" s="10"/>
    </row>
    <row r="152626" spans="14:14">
      <c r="N152626" s="10"/>
    </row>
    <row r="152627" spans="14:14">
      <c r="N152627" s="10"/>
    </row>
    <row r="152628" spans="14:14">
      <c r="N152628" s="10"/>
    </row>
    <row r="152629" spans="14:14">
      <c r="N152629" s="10"/>
    </row>
    <row r="152630" spans="14:14">
      <c r="N152630" s="10"/>
    </row>
    <row r="152631" spans="14:14">
      <c r="N152631" s="10"/>
    </row>
    <row r="152632" spans="14:14">
      <c r="N152632" s="10"/>
    </row>
    <row r="152633" spans="14:14">
      <c r="N152633" s="10"/>
    </row>
    <row r="152634" spans="14:14">
      <c r="N152634" s="10"/>
    </row>
    <row r="152635" spans="14:14">
      <c r="N152635" s="10"/>
    </row>
    <row r="152636" spans="14:14">
      <c r="N152636" s="10"/>
    </row>
    <row r="152637" spans="14:14">
      <c r="N152637" s="10"/>
    </row>
    <row r="152638" spans="14:14">
      <c r="N152638" s="10"/>
    </row>
    <row r="152639" spans="14:14">
      <c r="N152639" s="10"/>
    </row>
    <row r="152640" spans="14:14">
      <c r="N152640" s="10"/>
    </row>
    <row r="152641" spans="14:14">
      <c r="N152641" s="10"/>
    </row>
    <row r="152642" spans="14:14">
      <c r="N152642" s="10"/>
    </row>
    <row r="152643" spans="14:14">
      <c r="N152643" s="10"/>
    </row>
    <row r="152644" spans="14:14">
      <c r="N152644" s="10"/>
    </row>
    <row r="152645" spans="14:14">
      <c r="N152645" s="10"/>
    </row>
    <row r="152646" spans="14:14">
      <c r="N152646" s="10"/>
    </row>
    <row r="152647" spans="14:14">
      <c r="N152647" s="10"/>
    </row>
    <row r="152648" spans="14:14">
      <c r="N152648" s="10"/>
    </row>
    <row r="152649" spans="14:14">
      <c r="N152649" s="10"/>
    </row>
    <row r="152650" spans="14:14">
      <c r="N152650" s="10"/>
    </row>
    <row r="152651" spans="14:14">
      <c r="N152651" s="10"/>
    </row>
    <row r="152652" spans="14:14">
      <c r="N152652" s="10"/>
    </row>
    <row r="152653" spans="14:14">
      <c r="N152653" s="10"/>
    </row>
    <row r="152654" spans="14:14">
      <c r="N152654" s="10"/>
    </row>
    <row r="152655" spans="14:14">
      <c r="N152655" s="10"/>
    </row>
    <row r="152656" spans="14:14">
      <c r="N152656" s="10"/>
    </row>
    <row r="152657" spans="14:14">
      <c r="N152657" s="10"/>
    </row>
    <row r="152658" spans="14:14">
      <c r="N152658" s="10"/>
    </row>
    <row r="152659" spans="14:14">
      <c r="N152659" s="10"/>
    </row>
    <row r="152660" spans="14:14">
      <c r="N152660" s="10"/>
    </row>
    <row r="152661" spans="14:14">
      <c r="N152661" s="10"/>
    </row>
    <row r="152662" spans="14:14">
      <c r="N152662" s="10"/>
    </row>
    <row r="152663" spans="14:14">
      <c r="N152663" s="10"/>
    </row>
    <row r="152664" spans="14:14">
      <c r="N152664" s="10"/>
    </row>
    <row r="152665" spans="14:14">
      <c r="N152665" s="10"/>
    </row>
    <row r="152666" spans="14:14">
      <c r="N152666" s="10"/>
    </row>
    <row r="152667" spans="14:14">
      <c r="N152667" s="10"/>
    </row>
    <row r="152668" spans="14:14">
      <c r="N152668" s="10"/>
    </row>
    <row r="152669" spans="14:14">
      <c r="N152669" s="10"/>
    </row>
    <row r="152670" spans="14:14">
      <c r="N152670" s="10"/>
    </row>
    <row r="152671" spans="14:14">
      <c r="N152671" s="10"/>
    </row>
    <row r="152672" spans="14:14">
      <c r="N152672" s="10"/>
    </row>
    <row r="152673" spans="14:14">
      <c r="N152673" s="10"/>
    </row>
    <row r="152674" spans="14:14">
      <c r="N152674" s="10"/>
    </row>
    <row r="152675" spans="14:14">
      <c r="N152675" s="10"/>
    </row>
    <row r="152676" spans="14:14">
      <c r="N152676" s="10"/>
    </row>
    <row r="152677" spans="14:14">
      <c r="N152677" s="10"/>
    </row>
    <row r="152678" spans="14:14">
      <c r="N152678" s="10"/>
    </row>
    <row r="152679" spans="14:14">
      <c r="N152679" s="10"/>
    </row>
    <row r="152680" spans="14:14">
      <c r="N152680" s="10"/>
    </row>
    <row r="152681" spans="14:14">
      <c r="N152681" s="10"/>
    </row>
    <row r="152682" spans="14:14">
      <c r="N152682" s="10"/>
    </row>
    <row r="152683" spans="14:14">
      <c r="N152683" s="10"/>
    </row>
    <row r="152684" spans="14:14">
      <c r="N152684" s="10"/>
    </row>
    <row r="152685" spans="14:14">
      <c r="N152685" s="10"/>
    </row>
    <row r="152686" spans="14:14">
      <c r="N152686" s="10"/>
    </row>
    <row r="152687" spans="14:14">
      <c r="N152687" s="10"/>
    </row>
    <row r="152688" spans="14:14">
      <c r="N152688" s="10"/>
    </row>
    <row r="152689" spans="14:14">
      <c r="N152689" s="10"/>
    </row>
    <row r="152690" spans="14:14">
      <c r="N152690" s="10"/>
    </row>
    <row r="152691" spans="14:14">
      <c r="N152691" s="10"/>
    </row>
    <row r="152692" spans="14:14">
      <c r="N152692" s="10"/>
    </row>
    <row r="152693" spans="14:14">
      <c r="N152693" s="10"/>
    </row>
    <row r="152694" spans="14:14">
      <c r="N152694" s="10"/>
    </row>
    <row r="152695" spans="14:14">
      <c r="N152695" s="10"/>
    </row>
    <row r="152696" spans="14:14">
      <c r="N152696" s="10"/>
    </row>
    <row r="152697" spans="14:14">
      <c r="N152697" s="10"/>
    </row>
    <row r="152698" spans="14:14">
      <c r="N152698" s="10"/>
    </row>
    <row r="152699" spans="14:14">
      <c r="N152699" s="10"/>
    </row>
    <row r="152700" spans="14:14">
      <c r="N152700" s="10"/>
    </row>
    <row r="152701" spans="14:14">
      <c r="N152701" s="10"/>
    </row>
    <row r="152702" spans="14:14">
      <c r="N152702" s="10"/>
    </row>
    <row r="152703" spans="14:14">
      <c r="N152703" s="10"/>
    </row>
    <row r="152704" spans="14:14">
      <c r="N152704" s="10"/>
    </row>
    <row r="152705" spans="14:14">
      <c r="N152705" s="10"/>
    </row>
    <row r="152706" spans="14:14">
      <c r="N152706" s="10"/>
    </row>
    <row r="152707" spans="14:14">
      <c r="N152707" s="10"/>
    </row>
    <row r="152708" spans="14:14">
      <c r="N152708" s="10"/>
    </row>
    <row r="152709" spans="14:14">
      <c r="N152709" s="10"/>
    </row>
    <row r="152710" spans="14:14">
      <c r="N152710" s="10"/>
    </row>
    <row r="152711" spans="14:14">
      <c r="N152711" s="10"/>
    </row>
    <row r="152712" spans="14:14">
      <c r="N152712" s="10"/>
    </row>
    <row r="152713" spans="14:14">
      <c r="N152713" s="10"/>
    </row>
    <row r="152714" spans="14:14">
      <c r="N152714" s="10"/>
    </row>
    <row r="152715" spans="14:14">
      <c r="N152715" s="10"/>
    </row>
    <row r="152716" spans="14:14">
      <c r="N152716" s="10"/>
    </row>
    <row r="152717" spans="14:14">
      <c r="N152717" s="10"/>
    </row>
    <row r="152718" spans="14:14">
      <c r="N152718" s="10"/>
    </row>
    <row r="152719" spans="14:14">
      <c r="N152719" s="10"/>
    </row>
    <row r="152720" spans="14:14">
      <c r="N152720" s="10"/>
    </row>
    <row r="152721" spans="14:14">
      <c r="N152721" s="10"/>
    </row>
    <row r="152722" spans="14:14">
      <c r="N152722" s="10"/>
    </row>
    <row r="152723" spans="14:14">
      <c r="N152723" s="10"/>
    </row>
    <row r="152724" spans="14:14">
      <c r="N152724" s="10"/>
    </row>
    <row r="152725" spans="14:14">
      <c r="N152725" s="10"/>
    </row>
    <row r="152726" spans="14:14">
      <c r="N152726" s="10"/>
    </row>
    <row r="152727" spans="14:14">
      <c r="N152727" s="10"/>
    </row>
    <row r="152728" spans="14:14">
      <c r="N152728" s="10"/>
    </row>
    <row r="152729" spans="14:14">
      <c r="N152729" s="10"/>
    </row>
    <row r="152730" spans="14:14">
      <c r="N152730" s="10"/>
    </row>
    <row r="152731" spans="14:14">
      <c r="N152731" s="10"/>
    </row>
    <row r="152732" spans="14:14">
      <c r="N152732" s="10"/>
    </row>
    <row r="152733" spans="14:14">
      <c r="N152733" s="10"/>
    </row>
    <row r="152734" spans="14:14">
      <c r="N152734" s="10"/>
    </row>
    <row r="152735" spans="14:14">
      <c r="N152735" s="10"/>
    </row>
    <row r="152736" spans="14:14">
      <c r="N152736" s="10"/>
    </row>
    <row r="152737" spans="14:14">
      <c r="N152737" s="10"/>
    </row>
    <row r="152738" spans="14:14">
      <c r="N152738" s="10"/>
    </row>
    <row r="152739" spans="14:14">
      <c r="N152739" s="10"/>
    </row>
    <row r="152740" spans="14:14">
      <c r="N152740" s="10"/>
    </row>
    <row r="152741" spans="14:14">
      <c r="N152741" s="10"/>
    </row>
    <row r="152742" spans="14:14">
      <c r="N152742" s="10"/>
    </row>
    <row r="152743" spans="14:14">
      <c r="N152743" s="10"/>
    </row>
    <row r="152744" spans="14:14">
      <c r="N152744" s="10"/>
    </row>
    <row r="152745" spans="14:14">
      <c r="N152745" s="10"/>
    </row>
    <row r="152746" spans="14:14">
      <c r="N152746" s="10"/>
    </row>
    <row r="152747" spans="14:14">
      <c r="N152747" s="10"/>
    </row>
    <row r="152748" spans="14:14">
      <c r="N152748" s="10"/>
    </row>
    <row r="152749" spans="14:14">
      <c r="N152749" s="10"/>
    </row>
    <row r="152750" spans="14:14">
      <c r="N152750" s="10"/>
    </row>
    <row r="152751" spans="14:14">
      <c r="N152751" s="10"/>
    </row>
    <row r="152752" spans="14:14">
      <c r="N152752" s="10"/>
    </row>
    <row r="152753" spans="14:14">
      <c r="N152753" s="10"/>
    </row>
    <row r="152754" spans="14:14">
      <c r="N152754" s="10"/>
    </row>
    <row r="152755" spans="14:14">
      <c r="N152755" s="10"/>
    </row>
    <row r="152756" spans="14:14">
      <c r="N152756" s="10"/>
    </row>
    <row r="152757" spans="14:14">
      <c r="N152757" s="10"/>
    </row>
    <row r="152758" spans="14:14">
      <c r="N152758" s="10"/>
    </row>
    <row r="152759" spans="14:14">
      <c r="N152759" s="10"/>
    </row>
    <row r="152760" spans="14:14">
      <c r="N152760" s="10"/>
    </row>
    <row r="152761" spans="14:14">
      <c r="N152761" s="10"/>
    </row>
    <row r="152762" spans="14:14">
      <c r="N152762" s="10"/>
    </row>
    <row r="152763" spans="14:14">
      <c r="N152763" s="10"/>
    </row>
    <row r="152764" spans="14:14">
      <c r="N152764" s="10"/>
    </row>
    <row r="152765" spans="14:14">
      <c r="N152765" s="10"/>
    </row>
    <row r="152766" spans="14:14">
      <c r="N152766" s="10"/>
    </row>
    <row r="152767" spans="14:14">
      <c r="N152767" s="10"/>
    </row>
    <row r="152768" spans="14:14">
      <c r="N152768" s="10"/>
    </row>
    <row r="152769" spans="14:14">
      <c r="N152769" s="10"/>
    </row>
    <row r="152770" spans="14:14">
      <c r="N152770" s="10"/>
    </row>
    <row r="152771" spans="14:14">
      <c r="N152771" s="10"/>
    </row>
    <row r="152772" spans="14:14">
      <c r="N152772" s="10"/>
    </row>
    <row r="152773" spans="14:14">
      <c r="N152773" s="10"/>
    </row>
    <row r="152774" spans="14:14">
      <c r="N152774" s="10"/>
    </row>
    <row r="152775" spans="14:14">
      <c r="N152775" s="10"/>
    </row>
    <row r="152776" spans="14:14">
      <c r="N152776" s="10"/>
    </row>
    <row r="152777" spans="14:14">
      <c r="N152777" s="10"/>
    </row>
    <row r="152778" spans="14:14">
      <c r="N152778" s="10"/>
    </row>
    <row r="152779" spans="14:14">
      <c r="N152779" s="10"/>
    </row>
    <row r="152780" spans="14:14">
      <c r="N152780" s="10"/>
    </row>
    <row r="152781" spans="14:14">
      <c r="N152781" s="10"/>
    </row>
    <row r="152782" spans="14:14">
      <c r="N152782" s="10"/>
    </row>
    <row r="152783" spans="14:14">
      <c r="N152783" s="10"/>
    </row>
    <row r="152784" spans="14:14">
      <c r="N152784" s="10"/>
    </row>
    <row r="152785" spans="14:14">
      <c r="N152785" s="10"/>
    </row>
    <row r="152786" spans="14:14">
      <c r="N152786" s="10"/>
    </row>
    <row r="152787" spans="14:14">
      <c r="N152787" s="10"/>
    </row>
    <row r="152788" spans="14:14">
      <c r="N152788" s="10"/>
    </row>
    <row r="152789" spans="14:14">
      <c r="N152789" s="10"/>
    </row>
    <row r="152790" spans="14:14">
      <c r="N152790" s="10"/>
    </row>
    <row r="152791" spans="14:14">
      <c r="N152791" s="10"/>
    </row>
    <row r="152792" spans="14:14">
      <c r="N152792" s="10"/>
    </row>
    <row r="152793" spans="14:14">
      <c r="N152793" s="10"/>
    </row>
    <row r="152794" spans="14:14">
      <c r="N152794" s="10"/>
    </row>
    <row r="152795" spans="14:14">
      <c r="N152795" s="10"/>
    </row>
    <row r="152796" spans="14:14">
      <c r="N152796" s="10"/>
    </row>
    <row r="152797" spans="14:14">
      <c r="N152797" s="10"/>
    </row>
    <row r="152798" spans="14:14">
      <c r="N152798" s="10"/>
    </row>
    <row r="152799" spans="14:14">
      <c r="N152799" s="10"/>
    </row>
    <row r="152800" spans="14:14">
      <c r="N152800" s="10"/>
    </row>
    <row r="152801" spans="14:14">
      <c r="N152801" s="10"/>
    </row>
    <row r="152802" spans="14:14">
      <c r="N152802" s="10"/>
    </row>
    <row r="152803" spans="14:14">
      <c r="N152803" s="10"/>
    </row>
    <row r="152804" spans="14:14">
      <c r="N152804" s="10"/>
    </row>
    <row r="152805" spans="14:14">
      <c r="N152805" s="10"/>
    </row>
    <row r="152806" spans="14:14">
      <c r="N152806" s="10"/>
    </row>
    <row r="152807" spans="14:14">
      <c r="N152807" s="10"/>
    </row>
    <row r="152808" spans="14:14">
      <c r="N152808" s="10"/>
    </row>
    <row r="152809" spans="14:14">
      <c r="N152809" s="10"/>
    </row>
    <row r="152810" spans="14:14">
      <c r="N152810" s="10"/>
    </row>
    <row r="152811" spans="14:14">
      <c r="N152811" s="10"/>
    </row>
    <row r="152812" spans="14:14">
      <c r="N152812" s="10"/>
    </row>
    <row r="152813" spans="14:14">
      <c r="N152813" s="10"/>
    </row>
    <row r="152814" spans="14:14">
      <c r="N152814" s="10"/>
    </row>
    <row r="152815" spans="14:14">
      <c r="N152815" s="10"/>
    </row>
    <row r="152816" spans="14:14">
      <c r="N152816" s="10"/>
    </row>
    <row r="152817" spans="14:14">
      <c r="N152817" s="10"/>
    </row>
    <row r="152818" spans="14:14">
      <c r="N152818" s="10"/>
    </row>
    <row r="152819" spans="14:14">
      <c r="N152819" s="10"/>
    </row>
    <row r="152820" spans="14:14">
      <c r="N152820" s="10"/>
    </row>
    <row r="152821" spans="14:14">
      <c r="N152821" s="10"/>
    </row>
    <row r="152822" spans="14:14">
      <c r="N152822" s="10"/>
    </row>
    <row r="152823" spans="14:14">
      <c r="N152823" s="10"/>
    </row>
    <row r="152824" spans="14:14">
      <c r="N152824" s="10"/>
    </row>
    <row r="152825" spans="14:14">
      <c r="N152825" s="10"/>
    </row>
    <row r="152826" spans="14:14">
      <c r="N152826" s="10"/>
    </row>
    <row r="152827" spans="14:14">
      <c r="N152827" s="10"/>
    </row>
    <row r="152828" spans="14:14">
      <c r="N152828" s="10"/>
    </row>
    <row r="152829" spans="14:14">
      <c r="N152829" s="10"/>
    </row>
    <row r="152830" spans="14:14">
      <c r="N152830" s="10"/>
    </row>
    <row r="152831" spans="14:14">
      <c r="N152831" s="10"/>
    </row>
    <row r="152832" spans="14:14">
      <c r="N152832" s="10"/>
    </row>
    <row r="152833" spans="14:14">
      <c r="N152833" s="10"/>
    </row>
    <row r="152834" spans="14:14">
      <c r="N152834" s="10"/>
    </row>
    <row r="152835" spans="14:14">
      <c r="N152835" s="10"/>
    </row>
    <row r="152836" spans="14:14">
      <c r="N152836" s="10"/>
    </row>
    <row r="152837" spans="14:14">
      <c r="N152837" s="10"/>
    </row>
    <row r="152838" spans="14:14">
      <c r="N152838" s="10"/>
    </row>
    <row r="152839" spans="14:14">
      <c r="N152839" s="10"/>
    </row>
    <row r="152840" spans="14:14">
      <c r="N152840" s="10"/>
    </row>
    <row r="152841" spans="14:14">
      <c r="N152841" s="10"/>
    </row>
    <row r="152842" spans="14:14">
      <c r="N152842" s="10"/>
    </row>
    <row r="152843" spans="14:14">
      <c r="N152843" s="10"/>
    </row>
    <row r="152844" spans="14:14">
      <c r="N152844" s="10"/>
    </row>
    <row r="152845" spans="14:14">
      <c r="N152845" s="10"/>
    </row>
    <row r="152846" spans="14:14">
      <c r="N152846" s="10"/>
    </row>
    <row r="152847" spans="14:14">
      <c r="N152847" s="10"/>
    </row>
    <row r="152848" spans="14:14">
      <c r="N152848" s="10"/>
    </row>
    <row r="152849" spans="14:14">
      <c r="N152849" s="10"/>
    </row>
    <row r="152850" spans="14:14">
      <c r="N152850" s="10"/>
    </row>
    <row r="152851" spans="14:14">
      <c r="N152851" s="10"/>
    </row>
    <row r="152852" spans="14:14">
      <c r="N152852" s="10"/>
    </row>
    <row r="152853" spans="14:14">
      <c r="N152853" s="10"/>
    </row>
    <row r="152854" spans="14:14">
      <c r="N152854" s="10"/>
    </row>
    <row r="152855" spans="14:14">
      <c r="N152855" s="10"/>
    </row>
    <row r="152856" spans="14:14">
      <c r="N152856" s="10"/>
    </row>
    <row r="152857" spans="14:14">
      <c r="N152857" s="10"/>
    </row>
    <row r="152858" spans="14:14">
      <c r="N152858" s="10"/>
    </row>
    <row r="152859" spans="14:14">
      <c r="N152859" s="10"/>
    </row>
    <row r="152860" spans="14:14">
      <c r="N152860" s="10"/>
    </row>
    <row r="152861" spans="14:14">
      <c r="N152861" s="10"/>
    </row>
    <row r="152862" spans="14:14">
      <c r="N152862" s="10"/>
    </row>
    <row r="152863" spans="14:14">
      <c r="N152863" s="10"/>
    </row>
    <row r="152864" spans="14:14">
      <c r="N152864" s="10"/>
    </row>
    <row r="152865" spans="14:14">
      <c r="N152865" s="10"/>
    </row>
    <row r="152866" spans="14:14">
      <c r="N152866" s="10"/>
    </row>
    <row r="152867" spans="14:14">
      <c r="N152867" s="10"/>
    </row>
    <row r="152868" spans="14:14">
      <c r="N152868" s="10"/>
    </row>
    <row r="152869" spans="14:14">
      <c r="N152869" s="10"/>
    </row>
    <row r="152870" spans="14:14">
      <c r="N152870" s="10"/>
    </row>
    <row r="152871" spans="14:14">
      <c r="N152871" s="10"/>
    </row>
    <row r="152872" spans="14:14">
      <c r="N152872" s="10"/>
    </row>
    <row r="152873" spans="14:14">
      <c r="N152873" s="10"/>
    </row>
    <row r="152874" spans="14:14">
      <c r="N152874" s="10"/>
    </row>
    <row r="152875" spans="14:14">
      <c r="N152875" s="10"/>
    </row>
    <row r="152876" spans="14:14">
      <c r="N152876" s="10"/>
    </row>
    <row r="152877" spans="14:14">
      <c r="N152877" s="10"/>
    </row>
    <row r="152878" spans="14:14">
      <c r="N152878" s="10"/>
    </row>
    <row r="152879" spans="14:14">
      <c r="N152879" s="10"/>
    </row>
    <row r="152880" spans="14:14">
      <c r="N152880" s="10"/>
    </row>
    <row r="152881" spans="14:14">
      <c r="N152881" s="10"/>
    </row>
    <row r="152882" spans="14:14">
      <c r="N152882" s="10"/>
    </row>
    <row r="152883" spans="14:14">
      <c r="N152883" s="10"/>
    </row>
    <row r="152884" spans="14:14">
      <c r="N152884" s="10"/>
    </row>
    <row r="152885" spans="14:14">
      <c r="N152885" s="10"/>
    </row>
    <row r="152886" spans="14:14">
      <c r="N152886" s="10"/>
    </row>
    <row r="152887" spans="14:14">
      <c r="N152887" s="10"/>
    </row>
    <row r="152888" spans="14:14">
      <c r="N152888" s="10"/>
    </row>
    <row r="152889" spans="14:14">
      <c r="N152889" s="10"/>
    </row>
    <row r="152890" spans="14:14">
      <c r="N152890" s="10"/>
    </row>
    <row r="152891" spans="14:14">
      <c r="N152891" s="10"/>
    </row>
    <row r="152892" spans="14:14">
      <c r="N152892" s="10"/>
    </row>
    <row r="152893" spans="14:14">
      <c r="N152893" s="10"/>
    </row>
    <row r="152894" spans="14:14">
      <c r="N152894" s="10"/>
    </row>
    <row r="152895" spans="14:14">
      <c r="N152895" s="10"/>
    </row>
    <row r="152896" spans="14:14">
      <c r="N152896" s="10"/>
    </row>
    <row r="152897" spans="14:14">
      <c r="N152897" s="10"/>
    </row>
    <row r="152898" spans="14:14">
      <c r="N152898" s="10"/>
    </row>
    <row r="152899" spans="14:14">
      <c r="N152899" s="10"/>
    </row>
    <row r="152900" spans="14:14">
      <c r="N152900" s="10"/>
    </row>
    <row r="152901" spans="14:14">
      <c r="N152901" s="10"/>
    </row>
    <row r="152902" spans="14:14">
      <c r="N152902" s="10"/>
    </row>
    <row r="152903" spans="14:14">
      <c r="N152903" s="10"/>
    </row>
    <row r="152904" spans="14:14">
      <c r="N152904" s="10"/>
    </row>
    <row r="152905" spans="14:14">
      <c r="N152905" s="10"/>
    </row>
    <row r="152906" spans="14:14">
      <c r="N152906" s="10"/>
    </row>
    <row r="152907" spans="14:14">
      <c r="N152907" s="10"/>
    </row>
    <row r="152908" spans="14:14">
      <c r="N152908" s="10"/>
    </row>
    <row r="152909" spans="14:14">
      <c r="N152909" s="10"/>
    </row>
    <row r="152910" spans="14:14">
      <c r="N152910" s="10"/>
    </row>
    <row r="152911" spans="14:14">
      <c r="N152911" s="10"/>
    </row>
    <row r="152912" spans="14:14">
      <c r="N152912" s="10"/>
    </row>
    <row r="152913" spans="14:14">
      <c r="N152913" s="10"/>
    </row>
    <row r="152914" spans="14:14">
      <c r="N152914" s="10"/>
    </row>
    <row r="152915" spans="14:14">
      <c r="N152915" s="10"/>
    </row>
    <row r="152916" spans="14:14">
      <c r="N152916" s="10"/>
    </row>
    <row r="152917" spans="14:14">
      <c r="N152917" s="10"/>
    </row>
    <row r="152918" spans="14:14">
      <c r="N152918" s="10"/>
    </row>
    <row r="152919" spans="14:14">
      <c r="N152919" s="10"/>
    </row>
    <row r="152920" spans="14:14">
      <c r="N152920" s="10"/>
    </row>
    <row r="152921" spans="14:14">
      <c r="N152921" s="10"/>
    </row>
    <row r="152922" spans="14:14">
      <c r="N152922" s="10"/>
    </row>
    <row r="152923" spans="14:14">
      <c r="N152923" s="10"/>
    </row>
    <row r="152924" spans="14:14">
      <c r="N152924" s="10"/>
    </row>
    <row r="152925" spans="14:14">
      <c r="N152925" s="10"/>
    </row>
    <row r="152926" spans="14:14">
      <c r="N152926" s="10"/>
    </row>
    <row r="152927" spans="14:14">
      <c r="N152927" s="10"/>
    </row>
    <row r="152928" spans="14:14">
      <c r="N152928" s="10"/>
    </row>
    <row r="152929" spans="14:14">
      <c r="N152929" s="10"/>
    </row>
    <row r="152930" spans="14:14">
      <c r="N152930" s="10"/>
    </row>
    <row r="152931" spans="14:14">
      <c r="N152931" s="10"/>
    </row>
    <row r="152932" spans="14:14">
      <c r="N152932" s="10"/>
    </row>
    <row r="152933" spans="14:14">
      <c r="N152933" s="10"/>
    </row>
    <row r="152934" spans="14:14">
      <c r="N152934" s="10"/>
    </row>
    <row r="152935" spans="14:14">
      <c r="N152935" s="10"/>
    </row>
    <row r="152936" spans="14:14">
      <c r="N152936" s="10"/>
    </row>
    <row r="152937" spans="14:14">
      <c r="N152937" s="10"/>
    </row>
    <row r="152938" spans="14:14">
      <c r="N152938" s="10"/>
    </row>
    <row r="152939" spans="14:14">
      <c r="N152939" s="10"/>
    </row>
    <row r="152940" spans="14:14">
      <c r="N152940" s="10"/>
    </row>
    <row r="152941" spans="14:14">
      <c r="N152941" s="10"/>
    </row>
    <row r="152942" spans="14:14">
      <c r="N152942" s="10"/>
    </row>
    <row r="152943" spans="14:14">
      <c r="N152943" s="10"/>
    </row>
    <row r="152944" spans="14:14">
      <c r="N152944" s="10"/>
    </row>
    <row r="152945" spans="14:14">
      <c r="N152945" s="10"/>
    </row>
    <row r="152946" spans="14:14">
      <c r="N152946" s="10"/>
    </row>
    <row r="152947" spans="14:14">
      <c r="N152947" s="10"/>
    </row>
    <row r="152948" spans="14:14">
      <c r="N152948" s="10"/>
    </row>
    <row r="152949" spans="14:14">
      <c r="N152949" s="10"/>
    </row>
    <row r="152950" spans="14:14">
      <c r="N152950" s="10"/>
    </row>
    <row r="152951" spans="14:14">
      <c r="N152951" s="10"/>
    </row>
    <row r="152952" spans="14:14">
      <c r="N152952" s="10"/>
    </row>
    <row r="152953" spans="14:14">
      <c r="N152953" s="10"/>
    </row>
    <row r="152954" spans="14:14">
      <c r="N152954" s="10"/>
    </row>
    <row r="152955" spans="14:14">
      <c r="N152955" s="10"/>
    </row>
    <row r="152956" spans="14:14">
      <c r="N152956" s="10"/>
    </row>
    <row r="152957" spans="14:14">
      <c r="N152957" s="10"/>
    </row>
    <row r="152958" spans="14:14">
      <c r="N152958" s="10"/>
    </row>
    <row r="152959" spans="14:14">
      <c r="N152959" s="10"/>
    </row>
    <row r="152960" spans="14:14">
      <c r="N152960" s="10"/>
    </row>
    <row r="152961" spans="14:14">
      <c r="N152961" s="10"/>
    </row>
    <row r="152962" spans="14:14">
      <c r="N152962" s="10"/>
    </row>
    <row r="152963" spans="14:14">
      <c r="N152963" s="10"/>
    </row>
    <row r="152964" spans="14:14">
      <c r="N152964" s="10"/>
    </row>
    <row r="152965" spans="14:14">
      <c r="N152965" s="10"/>
    </row>
    <row r="152966" spans="14:14">
      <c r="N152966" s="10"/>
    </row>
    <row r="152967" spans="14:14">
      <c r="N152967" s="10"/>
    </row>
    <row r="152968" spans="14:14">
      <c r="N152968" s="10"/>
    </row>
    <row r="152969" spans="14:14">
      <c r="N152969" s="10"/>
    </row>
    <row r="152970" spans="14:14">
      <c r="N152970" s="10"/>
    </row>
    <row r="152971" spans="14:14">
      <c r="N152971" s="10"/>
    </row>
    <row r="152972" spans="14:14">
      <c r="N152972" s="10"/>
    </row>
    <row r="152973" spans="14:14">
      <c r="N152973" s="10"/>
    </row>
    <row r="152974" spans="14:14">
      <c r="N152974" s="10"/>
    </row>
    <row r="152975" spans="14:14">
      <c r="N152975" s="10"/>
    </row>
    <row r="152976" spans="14:14">
      <c r="N152976" s="10"/>
    </row>
    <row r="152977" spans="14:14">
      <c r="N152977" s="10"/>
    </row>
    <row r="152978" spans="14:14">
      <c r="N152978" s="10"/>
    </row>
    <row r="152979" spans="14:14">
      <c r="N152979" s="10"/>
    </row>
    <row r="152980" spans="14:14">
      <c r="N152980" s="10"/>
    </row>
    <row r="152981" spans="14:14">
      <c r="N152981" s="10"/>
    </row>
    <row r="152982" spans="14:14">
      <c r="N152982" s="10"/>
    </row>
    <row r="152983" spans="14:14">
      <c r="N152983" s="10"/>
    </row>
    <row r="152984" spans="14:14">
      <c r="N152984" s="10"/>
    </row>
    <row r="152985" spans="14:14">
      <c r="N152985" s="10"/>
    </row>
    <row r="152986" spans="14:14">
      <c r="N152986" s="10"/>
    </row>
    <row r="152987" spans="14:14">
      <c r="N152987" s="10"/>
    </row>
    <row r="152988" spans="14:14">
      <c r="N152988" s="10"/>
    </row>
    <row r="152989" spans="14:14">
      <c r="N152989" s="10"/>
    </row>
    <row r="152990" spans="14:14">
      <c r="N152990" s="10"/>
    </row>
    <row r="152991" spans="14:14">
      <c r="N152991" s="10"/>
    </row>
    <row r="152992" spans="14:14">
      <c r="N152992" s="10"/>
    </row>
    <row r="152993" spans="14:14">
      <c r="N152993" s="10"/>
    </row>
    <row r="152994" spans="14:14">
      <c r="N152994" s="10"/>
    </row>
    <row r="152995" spans="14:14">
      <c r="N152995" s="10"/>
    </row>
    <row r="152996" spans="14:14">
      <c r="N152996" s="10"/>
    </row>
    <row r="152997" spans="14:14">
      <c r="N152997" s="10"/>
    </row>
    <row r="152998" spans="14:14">
      <c r="N152998" s="10"/>
    </row>
    <row r="152999" spans="14:14">
      <c r="N152999" s="10"/>
    </row>
    <row r="153000" spans="14:14">
      <c r="N153000" s="10"/>
    </row>
    <row r="153001" spans="14:14">
      <c r="N153001" s="10"/>
    </row>
    <row r="153002" spans="14:14">
      <c r="N153002" s="10"/>
    </row>
    <row r="153003" spans="14:14">
      <c r="N153003" s="10"/>
    </row>
    <row r="153004" spans="14:14">
      <c r="N153004" s="10"/>
    </row>
    <row r="153005" spans="14:14">
      <c r="N153005" s="10"/>
    </row>
    <row r="153006" spans="14:14">
      <c r="N153006" s="10"/>
    </row>
    <row r="153007" spans="14:14">
      <c r="N153007" s="10"/>
    </row>
    <row r="153008" spans="14:14">
      <c r="N153008" s="10"/>
    </row>
    <row r="153009" spans="14:14">
      <c r="N153009" s="10"/>
    </row>
    <row r="153010" spans="14:14">
      <c r="N153010" s="10"/>
    </row>
    <row r="153011" spans="14:14">
      <c r="N153011" s="10"/>
    </row>
    <row r="153012" spans="14:14">
      <c r="N153012" s="10"/>
    </row>
    <row r="153013" spans="14:14">
      <c r="N153013" s="10"/>
    </row>
    <row r="153014" spans="14:14">
      <c r="N153014" s="10"/>
    </row>
    <row r="153015" spans="14:14">
      <c r="N153015" s="10"/>
    </row>
    <row r="153016" spans="14:14">
      <c r="N153016" s="10"/>
    </row>
    <row r="153017" spans="14:14">
      <c r="N153017" s="10"/>
    </row>
    <row r="153018" spans="14:14">
      <c r="N153018" s="10"/>
    </row>
    <row r="153019" spans="14:14">
      <c r="N153019" s="10"/>
    </row>
    <row r="153020" spans="14:14">
      <c r="N153020" s="10"/>
    </row>
    <row r="153021" spans="14:14">
      <c r="N153021" s="10"/>
    </row>
    <row r="153022" spans="14:14">
      <c r="N153022" s="10"/>
    </row>
    <row r="153023" spans="14:14">
      <c r="N153023" s="10"/>
    </row>
    <row r="153024" spans="14:14">
      <c r="N153024" s="10"/>
    </row>
    <row r="153025" spans="14:14">
      <c r="N153025" s="10"/>
    </row>
    <row r="153026" spans="14:14">
      <c r="N153026" s="10"/>
    </row>
    <row r="153027" spans="14:14">
      <c r="N153027" s="10"/>
    </row>
    <row r="153028" spans="14:14">
      <c r="N153028" s="10"/>
    </row>
    <row r="153029" spans="14:14">
      <c r="N153029" s="10"/>
    </row>
    <row r="153030" spans="14:14">
      <c r="N153030" s="10"/>
    </row>
    <row r="153031" spans="14:14">
      <c r="N153031" s="10"/>
    </row>
    <row r="153032" spans="14:14">
      <c r="N153032" s="10"/>
    </row>
    <row r="153033" spans="14:14">
      <c r="N153033" s="10"/>
    </row>
    <row r="153034" spans="14:14">
      <c r="N153034" s="10"/>
    </row>
    <row r="153035" spans="14:14">
      <c r="N153035" s="10"/>
    </row>
    <row r="153036" spans="14:14">
      <c r="N153036" s="10"/>
    </row>
    <row r="153037" spans="14:14">
      <c r="N153037" s="10"/>
    </row>
    <row r="153038" spans="14:14">
      <c r="N153038" s="10"/>
    </row>
    <row r="153039" spans="14:14">
      <c r="N153039" s="10"/>
    </row>
    <row r="153040" spans="14:14">
      <c r="N153040" s="10"/>
    </row>
    <row r="153041" spans="14:14">
      <c r="N153041" s="10"/>
    </row>
    <row r="153042" spans="14:14">
      <c r="N153042" s="10"/>
    </row>
    <row r="153043" spans="14:14">
      <c r="N153043" s="10"/>
    </row>
    <row r="153044" spans="14:14">
      <c r="N153044" s="10"/>
    </row>
    <row r="153045" spans="14:14">
      <c r="N153045" s="10"/>
    </row>
    <row r="153046" spans="14:14">
      <c r="N153046" s="10"/>
    </row>
    <row r="153047" spans="14:14">
      <c r="N153047" s="10"/>
    </row>
    <row r="153048" spans="14:14">
      <c r="N153048" s="10"/>
    </row>
    <row r="153049" spans="14:14">
      <c r="N153049" s="10"/>
    </row>
    <row r="153050" spans="14:14">
      <c r="N153050" s="10"/>
    </row>
    <row r="153051" spans="14:14">
      <c r="N153051" s="10"/>
    </row>
    <row r="153052" spans="14:14">
      <c r="N153052" s="10"/>
    </row>
    <row r="153053" spans="14:14">
      <c r="N153053" s="10"/>
    </row>
    <row r="153054" spans="14:14">
      <c r="N153054" s="10"/>
    </row>
    <row r="153055" spans="14:14">
      <c r="N153055" s="10"/>
    </row>
    <row r="153056" spans="14:14">
      <c r="N153056" s="10"/>
    </row>
    <row r="153057" spans="14:14">
      <c r="N153057" s="10"/>
    </row>
    <row r="153058" spans="14:14">
      <c r="N153058" s="10"/>
    </row>
    <row r="153059" spans="14:14">
      <c r="N153059" s="10"/>
    </row>
    <row r="153060" spans="14:14">
      <c r="N153060" s="10"/>
    </row>
    <row r="153061" spans="14:14">
      <c r="N153061" s="10"/>
    </row>
    <row r="153062" spans="14:14">
      <c r="N153062" s="10"/>
    </row>
    <row r="153063" spans="14:14">
      <c r="N153063" s="10"/>
    </row>
    <row r="153064" spans="14:14">
      <c r="N153064" s="10"/>
    </row>
    <row r="153065" spans="14:14">
      <c r="N153065" s="10"/>
    </row>
    <row r="153066" spans="14:14">
      <c r="N153066" s="10"/>
    </row>
    <row r="153067" spans="14:14">
      <c r="N153067" s="10"/>
    </row>
    <row r="153068" spans="14:14">
      <c r="N153068" s="10"/>
    </row>
    <row r="153069" spans="14:14">
      <c r="N153069" s="10"/>
    </row>
    <row r="153070" spans="14:14">
      <c r="N153070" s="10"/>
    </row>
    <row r="153071" spans="14:14">
      <c r="N153071" s="10"/>
    </row>
    <row r="153072" spans="14:14">
      <c r="N153072" s="10"/>
    </row>
    <row r="153073" spans="14:14">
      <c r="N153073" s="10"/>
    </row>
    <row r="153074" spans="14:14">
      <c r="N153074" s="10"/>
    </row>
    <row r="153075" spans="14:14">
      <c r="N153075" s="10"/>
    </row>
    <row r="153076" spans="14:14">
      <c r="N153076" s="10"/>
    </row>
    <row r="153077" spans="14:14">
      <c r="N153077" s="10"/>
    </row>
    <row r="153078" spans="14:14">
      <c r="N153078" s="10"/>
    </row>
    <row r="153079" spans="14:14">
      <c r="N153079" s="10"/>
    </row>
    <row r="153080" spans="14:14">
      <c r="N153080" s="10"/>
    </row>
    <row r="153081" spans="14:14">
      <c r="N153081" s="10"/>
    </row>
    <row r="153082" spans="14:14">
      <c r="N153082" s="10"/>
    </row>
    <row r="153083" spans="14:14">
      <c r="N153083" s="10"/>
    </row>
    <row r="153084" spans="14:14">
      <c r="N153084" s="10"/>
    </row>
    <row r="153085" spans="14:14">
      <c r="N153085" s="10"/>
    </row>
    <row r="153086" spans="14:14">
      <c r="N153086" s="10"/>
    </row>
    <row r="153087" spans="14:14">
      <c r="N153087" s="10"/>
    </row>
    <row r="153088" spans="14:14">
      <c r="N153088" s="10"/>
    </row>
    <row r="153089" spans="14:14">
      <c r="N153089" s="10"/>
    </row>
    <row r="153090" spans="14:14">
      <c r="N153090" s="10"/>
    </row>
    <row r="153091" spans="14:14">
      <c r="N153091" s="10"/>
    </row>
    <row r="153092" spans="14:14">
      <c r="N153092" s="10"/>
    </row>
    <row r="153093" spans="14:14">
      <c r="N153093" s="10"/>
    </row>
    <row r="153094" spans="14:14">
      <c r="N153094" s="10"/>
    </row>
    <row r="153095" spans="14:14">
      <c r="N153095" s="10"/>
    </row>
    <row r="153096" spans="14:14">
      <c r="N153096" s="10"/>
    </row>
    <row r="153097" spans="14:14">
      <c r="N153097" s="10"/>
    </row>
    <row r="153098" spans="14:14">
      <c r="N153098" s="10"/>
    </row>
    <row r="153099" spans="14:14">
      <c r="N153099" s="10"/>
    </row>
    <row r="153100" spans="14:14">
      <c r="N153100" s="10"/>
    </row>
    <row r="153101" spans="14:14">
      <c r="N153101" s="10"/>
    </row>
    <row r="153102" spans="14:14">
      <c r="N153102" s="10"/>
    </row>
    <row r="153103" spans="14:14">
      <c r="N153103" s="10"/>
    </row>
    <row r="153104" spans="14:14">
      <c r="N153104" s="10"/>
    </row>
    <row r="153105" spans="14:14">
      <c r="N153105" s="10"/>
    </row>
    <row r="153106" spans="14:14">
      <c r="N153106" s="10"/>
    </row>
    <row r="153107" spans="14:14">
      <c r="N153107" s="10"/>
    </row>
    <row r="153108" spans="14:14">
      <c r="N153108" s="10"/>
    </row>
    <row r="153109" spans="14:14">
      <c r="N153109" s="10"/>
    </row>
    <row r="153110" spans="14:14">
      <c r="N153110" s="10"/>
    </row>
    <row r="153111" spans="14:14">
      <c r="N153111" s="10"/>
    </row>
    <row r="153112" spans="14:14">
      <c r="N153112" s="10"/>
    </row>
    <row r="153113" spans="14:14">
      <c r="N153113" s="10"/>
    </row>
    <row r="153114" spans="14:14">
      <c r="N153114" s="10"/>
    </row>
    <row r="153115" spans="14:14">
      <c r="N153115" s="10"/>
    </row>
    <row r="153116" spans="14:14">
      <c r="N153116" s="10"/>
    </row>
    <row r="153117" spans="14:14">
      <c r="N153117" s="10"/>
    </row>
    <row r="153118" spans="14:14">
      <c r="N153118" s="10"/>
    </row>
    <row r="153119" spans="14:14">
      <c r="N153119" s="10"/>
    </row>
    <row r="153120" spans="14:14">
      <c r="N153120" s="10"/>
    </row>
    <row r="153121" spans="14:14">
      <c r="N153121" s="10"/>
    </row>
    <row r="153122" spans="14:14">
      <c r="N153122" s="10"/>
    </row>
    <row r="153123" spans="14:14">
      <c r="N153123" s="10"/>
    </row>
    <row r="153124" spans="14:14">
      <c r="N153124" s="10"/>
    </row>
    <row r="153125" spans="14:14">
      <c r="N153125" s="10"/>
    </row>
    <row r="153126" spans="14:14">
      <c r="N153126" s="10"/>
    </row>
    <row r="153127" spans="14:14">
      <c r="N153127" s="10"/>
    </row>
    <row r="153128" spans="14:14">
      <c r="N153128" s="10"/>
    </row>
    <row r="153129" spans="14:14">
      <c r="N153129" s="10"/>
    </row>
    <row r="153130" spans="14:14">
      <c r="N153130" s="10"/>
    </row>
    <row r="153131" spans="14:14">
      <c r="N153131" s="10"/>
    </row>
    <row r="153132" spans="14:14">
      <c r="N153132" s="10"/>
    </row>
    <row r="153133" spans="14:14">
      <c r="N153133" s="10"/>
    </row>
    <row r="153134" spans="14:14">
      <c r="N153134" s="10"/>
    </row>
    <row r="153135" spans="14:14">
      <c r="N153135" s="10"/>
    </row>
    <row r="153136" spans="14:14">
      <c r="N153136" s="10"/>
    </row>
    <row r="153137" spans="14:14">
      <c r="N153137" s="10"/>
    </row>
    <row r="153138" spans="14:14">
      <c r="N153138" s="10"/>
    </row>
    <row r="153139" spans="14:14">
      <c r="N153139" s="10"/>
    </row>
    <row r="153140" spans="14:14">
      <c r="N153140" s="10"/>
    </row>
    <row r="153141" spans="14:14">
      <c r="N153141" s="10"/>
    </row>
    <row r="153142" spans="14:14">
      <c r="N153142" s="10"/>
    </row>
    <row r="153143" spans="14:14">
      <c r="N153143" s="10"/>
    </row>
    <row r="153144" spans="14:14">
      <c r="N153144" s="10"/>
    </row>
    <row r="153145" spans="14:14">
      <c r="N153145" s="10"/>
    </row>
    <row r="153146" spans="14:14">
      <c r="N153146" s="10"/>
    </row>
    <row r="153147" spans="14:14">
      <c r="N153147" s="10"/>
    </row>
    <row r="153148" spans="14:14">
      <c r="N153148" s="10"/>
    </row>
    <row r="153149" spans="14:14">
      <c r="N153149" s="10"/>
    </row>
    <row r="153150" spans="14:14">
      <c r="N153150" s="10"/>
    </row>
    <row r="153151" spans="14:14">
      <c r="N153151" s="10"/>
    </row>
    <row r="153152" spans="14:14">
      <c r="N153152" s="10"/>
    </row>
    <row r="153153" spans="14:14">
      <c r="N153153" s="10"/>
    </row>
    <row r="153154" spans="14:14">
      <c r="N153154" s="10"/>
    </row>
    <row r="153155" spans="14:14">
      <c r="N153155" s="10"/>
    </row>
    <row r="153156" spans="14:14">
      <c r="N153156" s="10"/>
    </row>
    <row r="153157" spans="14:14">
      <c r="N153157" s="10"/>
    </row>
    <row r="153158" spans="14:14">
      <c r="N153158" s="10"/>
    </row>
    <row r="153159" spans="14:14">
      <c r="N153159" s="10"/>
    </row>
    <row r="153160" spans="14:14">
      <c r="N153160" s="10"/>
    </row>
    <row r="153161" spans="14:14">
      <c r="N153161" s="10"/>
    </row>
    <row r="153162" spans="14:14">
      <c r="N153162" s="10"/>
    </row>
    <row r="153163" spans="14:14">
      <c r="N153163" s="10"/>
    </row>
    <row r="153164" spans="14:14">
      <c r="N153164" s="10"/>
    </row>
    <row r="153165" spans="14:14">
      <c r="N153165" s="10"/>
    </row>
    <row r="153166" spans="14:14">
      <c r="N153166" s="10"/>
    </row>
    <row r="153167" spans="14:14">
      <c r="N153167" s="10"/>
    </row>
    <row r="153168" spans="14:14">
      <c r="N153168" s="10"/>
    </row>
    <row r="153169" spans="14:14">
      <c r="N153169" s="10"/>
    </row>
    <row r="153170" spans="14:14">
      <c r="N153170" s="10"/>
    </row>
    <row r="153171" spans="14:14">
      <c r="N153171" s="10"/>
    </row>
    <row r="153172" spans="14:14">
      <c r="N153172" s="10"/>
    </row>
    <row r="153173" spans="14:14">
      <c r="N153173" s="10"/>
    </row>
    <row r="153174" spans="14:14">
      <c r="N153174" s="10"/>
    </row>
    <row r="153175" spans="14:14">
      <c r="N153175" s="10"/>
    </row>
    <row r="153176" spans="14:14">
      <c r="N153176" s="10"/>
    </row>
    <row r="153177" spans="14:14">
      <c r="N153177" s="10"/>
    </row>
    <row r="153178" spans="14:14">
      <c r="N153178" s="10"/>
    </row>
    <row r="153179" spans="14:14">
      <c r="N153179" s="10"/>
    </row>
    <row r="153180" spans="14:14">
      <c r="N153180" s="10"/>
    </row>
    <row r="153181" spans="14:14">
      <c r="N153181" s="10"/>
    </row>
    <row r="153182" spans="14:14">
      <c r="N153182" s="10"/>
    </row>
    <row r="153183" spans="14:14">
      <c r="N153183" s="10"/>
    </row>
    <row r="153184" spans="14:14">
      <c r="N153184" s="10"/>
    </row>
    <row r="153185" spans="14:14">
      <c r="N153185" s="10"/>
    </row>
    <row r="153186" spans="14:14">
      <c r="N153186" s="10"/>
    </row>
    <row r="153187" spans="14:14">
      <c r="N153187" s="10"/>
    </row>
    <row r="153188" spans="14:14">
      <c r="N153188" s="10"/>
    </row>
    <row r="153189" spans="14:14">
      <c r="N153189" s="10"/>
    </row>
    <row r="153190" spans="14:14">
      <c r="N153190" s="10"/>
    </row>
    <row r="153191" spans="14:14">
      <c r="N153191" s="10"/>
    </row>
    <row r="153192" spans="14:14">
      <c r="N153192" s="10"/>
    </row>
    <row r="153193" spans="14:14">
      <c r="N153193" s="10"/>
    </row>
    <row r="153194" spans="14:14">
      <c r="N153194" s="10"/>
    </row>
    <row r="153195" spans="14:14">
      <c r="N153195" s="10"/>
    </row>
    <row r="153196" spans="14:14">
      <c r="N153196" s="10"/>
    </row>
    <row r="153197" spans="14:14">
      <c r="N153197" s="10"/>
    </row>
    <row r="153198" spans="14:14">
      <c r="N153198" s="10"/>
    </row>
    <row r="153199" spans="14:14">
      <c r="N153199" s="10"/>
    </row>
    <row r="153200" spans="14:14">
      <c r="N153200" s="10"/>
    </row>
    <row r="153201" spans="14:14">
      <c r="N153201" s="10"/>
    </row>
    <row r="153202" spans="14:14">
      <c r="N153202" s="10"/>
    </row>
    <row r="153203" spans="14:14">
      <c r="N153203" s="10"/>
    </row>
    <row r="153204" spans="14:14">
      <c r="N153204" s="10"/>
    </row>
    <row r="153205" spans="14:14">
      <c r="N153205" s="10"/>
    </row>
    <row r="153206" spans="14:14">
      <c r="N153206" s="10"/>
    </row>
    <row r="153207" spans="14:14">
      <c r="N153207" s="10"/>
    </row>
    <row r="153208" spans="14:14">
      <c r="N153208" s="10"/>
    </row>
    <row r="153209" spans="14:14">
      <c r="N153209" s="10"/>
    </row>
    <row r="153210" spans="14:14">
      <c r="N153210" s="10"/>
    </row>
    <row r="153211" spans="14:14">
      <c r="N153211" s="10"/>
    </row>
    <row r="153212" spans="14:14">
      <c r="N153212" s="10"/>
    </row>
    <row r="153213" spans="14:14">
      <c r="N153213" s="10"/>
    </row>
    <row r="153214" spans="14:14">
      <c r="N153214" s="10"/>
    </row>
    <row r="153215" spans="14:14">
      <c r="N153215" s="10"/>
    </row>
    <row r="153216" spans="14:14">
      <c r="N153216" s="10"/>
    </row>
    <row r="153217" spans="14:14">
      <c r="N153217" s="10"/>
    </row>
    <row r="153218" spans="14:14">
      <c r="N153218" s="10"/>
    </row>
    <row r="153219" spans="14:14">
      <c r="N153219" s="10"/>
    </row>
    <row r="153220" spans="14:14">
      <c r="N153220" s="10"/>
    </row>
    <row r="153221" spans="14:14">
      <c r="N153221" s="10"/>
    </row>
    <row r="153222" spans="14:14">
      <c r="N153222" s="10"/>
    </row>
    <row r="153223" spans="14:14">
      <c r="N153223" s="10"/>
    </row>
    <row r="153224" spans="14:14">
      <c r="N153224" s="10"/>
    </row>
    <row r="153225" spans="14:14">
      <c r="N153225" s="10"/>
    </row>
    <row r="153226" spans="14:14">
      <c r="N153226" s="10"/>
    </row>
    <row r="153227" spans="14:14">
      <c r="N153227" s="10"/>
    </row>
    <row r="153228" spans="14:14">
      <c r="N153228" s="10"/>
    </row>
    <row r="153229" spans="14:14">
      <c r="N153229" s="10"/>
    </row>
    <row r="153230" spans="14:14">
      <c r="N153230" s="10"/>
    </row>
    <row r="153231" spans="14:14">
      <c r="N153231" s="10"/>
    </row>
    <row r="153232" spans="14:14">
      <c r="N153232" s="10"/>
    </row>
    <row r="153233" spans="14:14">
      <c r="N153233" s="10"/>
    </row>
    <row r="153234" spans="14:14">
      <c r="N153234" s="10"/>
    </row>
    <row r="153235" spans="14:14">
      <c r="N153235" s="10"/>
    </row>
    <row r="153236" spans="14:14">
      <c r="N153236" s="10"/>
    </row>
    <row r="153237" spans="14:14">
      <c r="N153237" s="10"/>
    </row>
    <row r="153238" spans="14:14">
      <c r="N153238" s="10"/>
    </row>
    <row r="153239" spans="14:14">
      <c r="N153239" s="10"/>
    </row>
    <row r="153240" spans="14:14">
      <c r="N153240" s="10"/>
    </row>
    <row r="153241" spans="14:14">
      <c r="N153241" s="10"/>
    </row>
    <row r="153242" spans="14:14">
      <c r="N153242" s="10"/>
    </row>
    <row r="153243" spans="14:14">
      <c r="N153243" s="10"/>
    </row>
    <row r="153244" spans="14:14">
      <c r="N153244" s="10"/>
    </row>
    <row r="153245" spans="14:14">
      <c r="N153245" s="10"/>
    </row>
    <row r="153246" spans="14:14">
      <c r="N153246" s="10"/>
    </row>
    <row r="153247" spans="14:14">
      <c r="N153247" s="10"/>
    </row>
    <row r="153248" spans="14:14">
      <c r="N153248" s="10"/>
    </row>
    <row r="153249" spans="14:14">
      <c r="N153249" s="10"/>
    </row>
    <row r="153250" spans="14:14">
      <c r="N153250" s="10"/>
    </row>
    <row r="153251" spans="14:14">
      <c r="N153251" s="10"/>
    </row>
    <row r="153252" spans="14:14">
      <c r="N153252" s="10"/>
    </row>
    <row r="153253" spans="14:14">
      <c r="N153253" s="10"/>
    </row>
    <row r="153254" spans="14:14">
      <c r="N153254" s="10"/>
    </row>
    <row r="153255" spans="14:14">
      <c r="N153255" s="10"/>
    </row>
    <row r="153256" spans="14:14">
      <c r="N153256" s="10"/>
    </row>
    <row r="153257" spans="14:14">
      <c r="N153257" s="10"/>
    </row>
    <row r="153258" spans="14:14">
      <c r="N153258" s="10"/>
    </row>
    <row r="153259" spans="14:14">
      <c r="N153259" s="10"/>
    </row>
    <row r="153260" spans="14:14">
      <c r="N153260" s="10"/>
    </row>
    <row r="153261" spans="14:14">
      <c r="N153261" s="10"/>
    </row>
    <row r="153262" spans="14:14">
      <c r="N153262" s="10"/>
    </row>
    <row r="153263" spans="14:14">
      <c r="N153263" s="10"/>
    </row>
    <row r="153264" spans="14:14">
      <c r="N153264" s="10"/>
    </row>
    <row r="153265" spans="14:14">
      <c r="N153265" s="10"/>
    </row>
    <row r="153266" spans="14:14">
      <c r="N153266" s="10"/>
    </row>
    <row r="153267" spans="14:14">
      <c r="N153267" s="10"/>
    </row>
    <row r="153268" spans="14:14">
      <c r="N153268" s="10"/>
    </row>
    <row r="153269" spans="14:14">
      <c r="N153269" s="10"/>
    </row>
    <row r="153270" spans="14:14">
      <c r="N153270" s="10"/>
    </row>
    <row r="153271" spans="14:14">
      <c r="N153271" s="10"/>
    </row>
    <row r="153272" spans="14:14">
      <c r="N153272" s="10"/>
    </row>
    <row r="153273" spans="14:14">
      <c r="N153273" s="10"/>
    </row>
    <row r="153274" spans="14:14">
      <c r="N153274" s="10"/>
    </row>
    <row r="153275" spans="14:14">
      <c r="N153275" s="10"/>
    </row>
    <row r="153276" spans="14:14">
      <c r="N153276" s="10"/>
    </row>
    <row r="153277" spans="14:14">
      <c r="N153277" s="10"/>
    </row>
    <row r="153278" spans="14:14">
      <c r="N153278" s="10"/>
    </row>
    <row r="153279" spans="14:14">
      <c r="N153279" s="10"/>
    </row>
    <row r="153280" spans="14:14">
      <c r="N153280" s="10"/>
    </row>
    <row r="153281" spans="14:14">
      <c r="N153281" s="10"/>
    </row>
    <row r="153282" spans="14:14">
      <c r="N153282" s="10"/>
    </row>
    <row r="153283" spans="14:14">
      <c r="N153283" s="10"/>
    </row>
    <row r="153284" spans="14:14">
      <c r="N153284" s="10"/>
    </row>
    <row r="153285" spans="14:14">
      <c r="N153285" s="10"/>
    </row>
    <row r="153286" spans="14:14">
      <c r="N153286" s="10"/>
    </row>
    <row r="153287" spans="14:14">
      <c r="N153287" s="10"/>
    </row>
    <row r="153288" spans="14:14">
      <c r="N153288" s="10"/>
    </row>
    <row r="153289" spans="14:14">
      <c r="N153289" s="10"/>
    </row>
    <row r="153290" spans="14:14">
      <c r="N153290" s="10"/>
    </row>
    <row r="153291" spans="14:14">
      <c r="N153291" s="10"/>
    </row>
    <row r="153292" spans="14:14">
      <c r="N153292" s="10"/>
    </row>
    <row r="153293" spans="14:14">
      <c r="N153293" s="10"/>
    </row>
    <row r="153294" spans="14:14">
      <c r="N153294" s="10"/>
    </row>
    <row r="153295" spans="14:14">
      <c r="N153295" s="10"/>
    </row>
    <row r="153296" spans="14:14">
      <c r="N153296" s="10"/>
    </row>
    <row r="153297" spans="14:14">
      <c r="N153297" s="10"/>
    </row>
    <row r="153298" spans="14:14">
      <c r="N153298" s="10"/>
    </row>
    <row r="153299" spans="14:14">
      <c r="N153299" s="10"/>
    </row>
    <row r="153300" spans="14:14">
      <c r="N153300" s="10"/>
    </row>
    <row r="153301" spans="14:14">
      <c r="N153301" s="10"/>
    </row>
    <row r="153302" spans="14:14">
      <c r="N153302" s="10"/>
    </row>
    <row r="153303" spans="14:14">
      <c r="N153303" s="10"/>
    </row>
    <row r="153304" spans="14:14">
      <c r="N153304" s="10"/>
    </row>
    <row r="153305" spans="14:14">
      <c r="N153305" s="10"/>
    </row>
    <row r="153306" spans="14:14">
      <c r="N153306" s="10"/>
    </row>
    <row r="153307" spans="14:14">
      <c r="N153307" s="10"/>
    </row>
    <row r="153308" spans="14:14">
      <c r="N153308" s="10"/>
    </row>
    <row r="153309" spans="14:14">
      <c r="N153309" s="10"/>
    </row>
    <row r="153310" spans="14:14">
      <c r="N153310" s="10"/>
    </row>
    <row r="153311" spans="14:14">
      <c r="N153311" s="10"/>
    </row>
    <row r="153312" spans="14:14">
      <c r="N153312" s="10"/>
    </row>
    <row r="153313" spans="14:14">
      <c r="N153313" s="10"/>
    </row>
    <row r="153314" spans="14:14">
      <c r="N153314" s="10"/>
    </row>
    <row r="153315" spans="14:14">
      <c r="N153315" s="10"/>
    </row>
    <row r="153316" spans="14:14">
      <c r="N153316" s="10"/>
    </row>
    <row r="153317" spans="14:14">
      <c r="N153317" s="10"/>
    </row>
    <row r="153318" spans="14:14">
      <c r="N153318" s="10"/>
    </row>
    <row r="153319" spans="14:14">
      <c r="N153319" s="10"/>
    </row>
    <row r="153320" spans="14:14">
      <c r="N153320" s="10"/>
    </row>
    <row r="153321" spans="14:14">
      <c r="N153321" s="10"/>
    </row>
    <row r="153322" spans="14:14">
      <c r="N153322" s="10"/>
    </row>
    <row r="153323" spans="14:14">
      <c r="N153323" s="10"/>
    </row>
    <row r="153324" spans="14:14">
      <c r="N153324" s="10"/>
    </row>
    <row r="153325" spans="14:14">
      <c r="N153325" s="10"/>
    </row>
    <row r="153326" spans="14:14">
      <c r="N153326" s="10"/>
    </row>
    <row r="153327" spans="14:14">
      <c r="N153327" s="10"/>
    </row>
    <row r="153328" spans="14:14">
      <c r="N153328" s="10"/>
    </row>
    <row r="153329" spans="14:14">
      <c r="N153329" s="10"/>
    </row>
    <row r="153330" spans="14:14">
      <c r="N153330" s="10"/>
    </row>
    <row r="153331" spans="14:14">
      <c r="N153331" s="10"/>
    </row>
    <row r="153332" spans="14:14">
      <c r="N153332" s="10"/>
    </row>
    <row r="153333" spans="14:14">
      <c r="N153333" s="10"/>
    </row>
    <row r="153334" spans="14:14">
      <c r="N153334" s="10"/>
    </row>
    <row r="153335" spans="14:14">
      <c r="N153335" s="10"/>
    </row>
    <row r="153336" spans="14:14">
      <c r="N153336" s="10"/>
    </row>
    <row r="153337" spans="14:14">
      <c r="N153337" s="10"/>
    </row>
    <row r="153338" spans="14:14">
      <c r="N153338" s="10"/>
    </row>
    <row r="153339" spans="14:14">
      <c r="N153339" s="10"/>
    </row>
    <row r="153340" spans="14:14">
      <c r="N153340" s="10"/>
    </row>
    <row r="153341" spans="14:14">
      <c r="N153341" s="10"/>
    </row>
    <row r="153342" spans="14:14">
      <c r="N153342" s="10"/>
    </row>
    <row r="153343" spans="14:14">
      <c r="N153343" s="10"/>
    </row>
    <row r="153344" spans="14:14">
      <c r="N153344" s="10"/>
    </row>
    <row r="153345" spans="14:14">
      <c r="N153345" s="10"/>
    </row>
    <row r="153346" spans="14:14">
      <c r="N153346" s="10"/>
    </row>
    <row r="153347" spans="14:14">
      <c r="N153347" s="10"/>
    </row>
    <row r="153348" spans="14:14">
      <c r="N153348" s="10"/>
    </row>
    <row r="153349" spans="14:14">
      <c r="N153349" s="10"/>
    </row>
    <row r="153350" spans="14:14">
      <c r="N153350" s="10"/>
    </row>
    <row r="153351" spans="14:14">
      <c r="N153351" s="10"/>
    </row>
    <row r="153352" spans="14:14">
      <c r="N153352" s="10"/>
    </row>
    <row r="153353" spans="14:14">
      <c r="N153353" s="10"/>
    </row>
    <row r="153354" spans="14:14">
      <c r="N153354" s="10"/>
    </row>
    <row r="153355" spans="14:14">
      <c r="N153355" s="10"/>
    </row>
    <row r="153356" spans="14:14">
      <c r="N153356" s="10"/>
    </row>
    <row r="153357" spans="14:14">
      <c r="N153357" s="10"/>
    </row>
    <row r="153358" spans="14:14">
      <c r="N153358" s="10"/>
    </row>
    <row r="153359" spans="14:14">
      <c r="N153359" s="10"/>
    </row>
    <row r="153360" spans="14:14">
      <c r="N153360" s="10"/>
    </row>
    <row r="153361" spans="14:14">
      <c r="N153361" s="10"/>
    </row>
    <row r="153362" spans="14:14">
      <c r="N153362" s="10"/>
    </row>
    <row r="153363" spans="14:14">
      <c r="N153363" s="10"/>
    </row>
    <row r="153364" spans="14:14">
      <c r="N153364" s="10"/>
    </row>
    <row r="153365" spans="14:14">
      <c r="N153365" s="10"/>
    </row>
    <row r="153366" spans="14:14">
      <c r="N153366" s="10"/>
    </row>
    <row r="153367" spans="14:14">
      <c r="N153367" s="10"/>
    </row>
    <row r="153368" spans="14:14">
      <c r="N153368" s="10"/>
    </row>
    <row r="153369" spans="14:14">
      <c r="N153369" s="10"/>
    </row>
    <row r="153370" spans="14:14">
      <c r="N153370" s="10"/>
    </row>
    <row r="153371" spans="14:14">
      <c r="N153371" s="10"/>
    </row>
    <row r="153372" spans="14:14">
      <c r="N153372" s="10"/>
    </row>
    <row r="153373" spans="14:14">
      <c r="N153373" s="10"/>
    </row>
    <row r="153374" spans="14:14">
      <c r="N153374" s="10"/>
    </row>
    <row r="153375" spans="14:14">
      <c r="N153375" s="10"/>
    </row>
    <row r="153376" spans="14:14">
      <c r="N153376" s="10"/>
    </row>
    <row r="153377" spans="14:14">
      <c r="N153377" s="10"/>
    </row>
    <row r="153378" spans="14:14">
      <c r="N153378" s="10"/>
    </row>
    <row r="153379" spans="14:14">
      <c r="N153379" s="10"/>
    </row>
    <row r="153380" spans="14:14">
      <c r="N153380" s="10"/>
    </row>
    <row r="153381" spans="14:14">
      <c r="N153381" s="10"/>
    </row>
    <row r="153382" spans="14:14">
      <c r="N153382" s="10"/>
    </row>
    <row r="153383" spans="14:14">
      <c r="N153383" s="10"/>
    </row>
    <row r="153384" spans="14:14">
      <c r="N153384" s="10"/>
    </row>
    <row r="153385" spans="14:14">
      <c r="N153385" s="10"/>
    </row>
    <row r="153386" spans="14:14">
      <c r="N153386" s="10"/>
    </row>
    <row r="153387" spans="14:14">
      <c r="N153387" s="10"/>
    </row>
    <row r="153388" spans="14:14">
      <c r="N153388" s="10"/>
    </row>
    <row r="153389" spans="14:14">
      <c r="N153389" s="10"/>
    </row>
    <row r="153390" spans="14:14">
      <c r="N153390" s="10"/>
    </row>
    <row r="153391" spans="14:14">
      <c r="N153391" s="10"/>
    </row>
    <row r="153392" spans="14:14">
      <c r="N153392" s="10"/>
    </row>
    <row r="153393" spans="14:14">
      <c r="N153393" s="10"/>
    </row>
    <row r="153394" spans="14:14">
      <c r="N153394" s="10"/>
    </row>
    <row r="153395" spans="14:14">
      <c r="N153395" s="10"/>
    </row>
    <row r="153396" spans="14:14">
      <c r="N153396" s="10"/>
    </row>
    <row r="153397" spans="14:14">
      <c r="N153397" s="10"/>
    </row>
    <row r="153398" spans="14:14">
      <c r="N153398" s="10"/>
    </row>
    <row r="153399" spans="14:14">
      <c r="N153399" s="10"/>
    </row>
    <row r="153400" spans="14:14">
      <c r="N153400" s="10"/>
    </row>
    <row r="153401" spans="14:14">
      <c r="N153401" s="10"/>
    </row>
    <row r="153402" spans="14:14">
      <c r="N153402" s="10"/>
    </row>
    <row r="153403" spans="14:14">
      <c r="N153403" s="10"/>
    </row>
    <row r="153404" spans="14:14">
      <c r="N153404" s="10"/>
    </row>
    <row r="153405" spans="14:14">
      <c r="N153405" s="10"/>
    </row>
    <row r="153406" spans="14:14">
      <c r="N153406" s="10"/>
    </row>
    <row r="153407" spans="14:14">
      <c r="N153407" s="10"/>
    </row>
    <row r="153408" spans="14:14">
      <c r="N153408" s="10"/>
    </row>
    <row r="153409" spans="14:14">
      <c r="N153409" s="10"/>
    </row>
    <row r="153410" spans="14:14">
      <c r="N153410" s="10"/>
    </row>
    <row r="153411" spans="14:14">
      <c r="N153411" s="10"/>
    </row>
    <row r="153412" spans="14:14">
      <c r="N153412" s="10"/>
    </row>
    <row r="153413" spans="14:14">
      <c r="N153413" s="10"/>
    </row>
    <row r="153414" spans="14:14">
      <c r="N153414" s="10"/>
    </row>
    <row r="153415" spans="14:14">
      <c r="N153415" s="10"/>
    </row>
    <row r="153416" spans="14:14">
      <c r="N153416" s="10"/>
    </row>
    <row r="153417" spans="14:14">
      <c r="N153417" s="10"/>
    </row>
    <row r="153418" spans="14:14">
      <c r="N153418" s="10"/>
    </row>
    <row r="153419" spans="14:14">
      <c r="N153419" s="10"/>
    </row>
    <row r="153420" spans="14:14">
      <c r="N153420" s="10"/>
    </row>
    <row r="153421" spans="14:14">
      <c r="N153421" s="10"/>
    </row>
    <row r="153422" spans="14:14">
      <c r="N153422" s="10"/>
    </row>
    <row r="153423" spans="14:14">
      <c r="N153423" s="10"/>
    </row>
    <row r="153424" spans="14:14">
      <c r="N153424" s="10"/>
    </row>
    <row r="153425" spans="14:14">
      <c r="N153425" s="10"/>
    </row>
    <row r="153426" spans="14:14">
      <c r="N153426" s="10"/>
    </row>
    <row r="153427" spans="14:14">
      <c r="N153427" s="10"/>
    </row>
    <row r="153428" spans="14:14">
      <c r="N153428" s="10"/>
    </row>
    <row r="153429" spans="14:14">
      <c r="N153429" s="10"/>
    </row>
    <row r="153430" spans="14:14">
      <c r="N153430" s="10"/>
    </row>
    <row r="153431" spans="14:14">
      <c r="N153431" s="10"/>
    </row>
    <row r="153432" spans="14:14">
      <c r="N153432" s="10"/>
    </row>
    <row r="153433" spans="14:14">
      <c r="N153433" s="10"/>
    </row>
    <row r="153434" spans="14:14">
      <c r="N153434" s="10"/>
    </row>
    <row r="153435" spans="14:14">
      <c r="N153435" s="10"/>
    </row>
    <row r="153436" spans="14:14">
      <c r="N153436" s="10"/>
    </row>
    <row r="153437" spans="14:14">
      <c r="N153437" s="10"/>
    </row>
    <row r="153438" spans="14:14">
      <c r="N153438" s="10"/>
    </row>
    <row r="153439" spans="14:14">
      <c r="N153439" s="10"/>
    </row>
    <row r="153440" spans="14:14">
      <c r="N153440" s="10"/>
    </row>
    <row r="153441" spans="14:14">
      <c r="N153441" s="10"/>
    </row>
    <row r="153442" spans="14:14">
      <c r="N153442" s="10"/>
    </row>
    <row r="153443" spans="14:14">
      <c r="N153443" s="10"/>
    </row>
    <row r="153444" spans="14:14">
      <c r="N153444" s="10"/>
    </row>
    <row r="153445" spans="14:14">
      <c r="N153445" s="10"/>
    </row>
    <row r="153446" spans="14:14">
      <c r="N153446" s="10"/>
    </row>
    <row r="153447" spans="14:14">
      <c r="N153447" s="10"/>
    </row>
    <row r="153448" spans="14:14">
      <c r="N153448" s="10"/>
    </row>
    <row r="153449" spans="14:14">
      <c r="N153449" s="10"/>
    </row>
    <row r="153450" spans="14:14">
      <c r="N153450" s="10"/>
    </row>
    <row r="153451" spans="14:14">
      <c r="N153451" s="10"/>
    </row>
    <row r="153452" spans="14:14">
      <c r="N153452" s="10"/>
    </row>
    <row r="153453" spans="14:14">
      <c r="N153453" s="10"/>
    </row>
    <row r="153454" spans="14:14">
      <c r="N153454" s="10"/>
    </row>
    <row r="153455" spans="14:14">
      <c r="N153455" s="10"/>
    </row>
    <row r="153456" spans="14:14">
      <c r="N153456" s="10"/>
    </row>
    <row r="153457" spans="14:14">
      <c r="N153457" s="10"/>
    </row>
    <row r="153458" spans="14:14">
      <c r="N153458" s="10"/>
    </row>
    <row r="153459" spans="14:14">
      <c r="N153459" s="10"/>
    </row>
    <row r="153460" spans="14:14">
      <c r="N153460" s="10"/>
    </row>
    <row r="153461" spans="14:14">
      <c r="N153461" s="10"/>
    </row>
    <row r="153462" spans="14:14">
      <c r="N153462" s="10"/>
    </row>
    <row r="153463" spans="14:14">
      <c r="N153463" s="10"/>
    </row>
    <row r="153464" spans="14:14">
      <c r="N153464" s="10"/>
    </row>
    <row r="153465" spans="14:14">
      <c r="N153465" s="10"/>
    </row>
    <row r="153466" spans="14:14">
      <c r="N153466" s="10"/>
    </row>
    <row r="153467" spans="14:14">
      <c r="N153467" s="10"/>
    </row>
    <row r="153468" spans="14:14">
      <c r="N153468" s="10"/>
    </row>
    <row r="153469" spans="14:14">
      <c r="N153469" s="10"/>
    </row>
    <row r="153470" spans="14:14">
      <c r="N153470" s="10"/>
    </row>
    <row r="153471" spans="14:14">
      <c r="N153471" s="10"/>
    </row>
    <row r="153472" spans="14:14">
      <c r="N153472" s="10"/>
    </row>
    <row r="153473" spans="14:14">
      <c r="N153473" s="10"/>
    </row>
    <row r="153474" spans="14:14">
      <c r="N153474" s="10"/>
    </row>
    <row r="153475" spans="14:14">
      <c r="N153475" s="10"/>
    </row>
    <row r="153476" spans="14:14">
      <c r="N153476" s="10"/>
    </row>
    <row r="153477" spans="14:14">
      <c r="N153477" s="10"/>
    </row>
    <row r="153478" spans="14:14">
      <c r="N153478" s="10"/>
    </row>
    <row r="153479" spans="14:14">
      <c r="N153479" s="10"/>
    </row>
    <row r="153480" spans="14:14">
      <c r="N153480" s="10"/>
    </row>
    <row r="153481" spans="14:14">
      <c r="N153481" s="10"/>
    </row>
    <row r="153482" spans="14:14">
      <c r="N153482" s="10"/>
    </row>
    <row r="153483" spans="14:14">
      <c r="N153483" s="10"/>
    </row>
    <row r="153484" spans="14:14">
      <c r="N153484" s="10"/>
    </row>
    <row r="153485" spans="14:14">
      <c r="N153485" s="10"/>
    </row>
    <row r="153486" spans="14:14">
      <c r="N153486" s="10"/>
    </row>
    <row r="153487" spans="14:14">
      <c r="N153487" s="10"/>
    </row>
    <row r="153488" spans="14:14">
      <c r="N153488" s="10"/>
    </row>
    <row r="153489" spans="14:14">
      <c r="N153489" s="10"/>
    </row>
    <row r="153490" spans="14:14">
      <c r="N153490" s="10"/>
    </row>
    <row r="153491" spans="14:14">
      <c r="N153491" s="10"/>
    </row>
    <row r="153492" spans="14:14">
      <c r="N153492" s="10"/>
    </row>
    <row r="153493" spans="14:14">
      <c r="N153493" s="10"/>
    </row>
    <row r="153494" spans="14:14">
      <c r="N153494" s="10"/>
    </row>
    <row r="153495" spans="14:14">
      <c r="N153495" s="10"/>
    </row>
    <row r="153496" spans="14:14">
      <c r="N153496" s="10"/>
    </row>
    <row r="153497" spans="14:14">
      <c r="N153497" s="10"/>
    </row>
    <row r="153498" spans="14:14">
      <c r="N153498" s="10"/>
    </row>
    <row r="153499" spans="14:14">
      <c r="N153499" s="10"/>
    </row>
    <row r="153500" spans="14:14">
      <c r="N153500" s="10"/>
    </row>
    <row r="153501" spans="14:14">
      <c r="N153501" s="10"/>
    </row>
    <row r="153502" spans="14:14">
      <c r="N153502" s="10"/>
    </row>
    <row r="153503" spans="14:14">
      <c r="N153503" s="10"/>
    </row>
    <row r="153504" spans="14:14">
      <c r="N153504" s="10"/>
    </row>
    <row r="153505" spans="14:14">
      <c r="N153505" s="10"/>
    </row>
    <row r="153506" spans="14:14">
      <c r="N153506" s="10"/>
    </row>
    <row r="153507" spans="14:14">
      <c r="N153507" s="10"/>
    </row>
    <row r="153508" spans="14:14">
      <c r="N153508" s="10"/>
    </row>
    <row r="153509" spans="14:14">
      <c r="N153509" s="10"/>
    </row>
    <row r="153510" spans="14:14">
      <c r="N153510" s="10"/>
    </row>
    <row r="153511" spans="14:14">
      <c r="N153511" s="10"/>
    </row>
    <row r="153512" spans="14:14">
      <c r="N153512" s="10"/>
    </row>
    <row r="153513" spans="14:14">
      <c r="N153513" s="10"/>
    </row>
    <row r="153514" spans="14:14">
      <c r="N153514" s="10"/>
    </row>
    <row r="153515" spans="14:14">
      <c r="N153515" s="10"/>
    </row>
    <row r="153516" spans="14:14">
      <c r="N153516" s="10"/>
    </row>
    <row r="153517" spans="14:14">
      <c r="N153517" s="10"/>
    </row>
    <row r="153518" spans="14:14">
      <c r="N153518" s="10"/>
    </row>
    <row r="153519" spans="14:14">
      <c r="N153519" s="10"/>
    </row>
    <row r="153520" spans="14:14">
      <c r="N153520" s="10"/>
    </row>
    <row r="153521" spans="14:14">
      <c r="N153521" s="10"/>
    </row>
    <row r="153522" spans="14:14">
      <c r="N153522" s="10"/>
    </row>
    <row r="153523" spans="14:14">
      <c r="N153523" s="10"/>
    </row>
    <row r="153524" spans="14:14">
      <c r="N153524" s="10"/>
    </row>
    <row r="153525" spans="14:14">
      <c r="N153525" s="10"/>
    </row>
    <row r="153526" spans="14:14">
      <c r="N153526" s="10"/>
    </row>
    <row r="153527" spans="14:14">
      <c r="N153527" s="10"/>
    </row>
    <row r="153528" spans="14:14">
      <c r="N153528" s="10"/>
    </row>
    <row r="153529" spans="14:14">
      <c r="N153529" s="10"/>
    </row>
    <row r="153530" spans="14:14">
      <c r="N153530" s="10"/>
    </row>
    <row r="153531" spans="14:14">
      <c r="N153531" s="10"/>
    </row>
    <row r="153532" spans="14:14">
      <c r="N153532" s="10"/>
    </row>
    <row r="153533" spans="14:14">
      <c r="N153533" s="10"/>
    </row>
    <row r="153534" spans="14:14">
      <c r="N153534" s="10"/>
    </row>
    <row r="153535" spans="14:14">
      <c r="N153535" s="10"/>
    </row>
    <row r="153536" spans="14:14">
      <c r="N153536" s="10"/>
    </row>
    <row r="153537" spans="14:14">
      <c r="N153537" s="10"/>
    </row>
    <row r="153538" spans="14:14">
      <c r="N153538" s="10"/>
    </row>
    <row r="153539" spans="14:14">
      <c r="N153539" s="10"/>
    </row>
    <row r="153540" spans="14:14">
      <c r="N153540" s="10"/>
    </row>
    <row r="153541" spans="14:14">
      <c r="N153541" s="10"/>
    </row>
    <row r="153542" spans="14:14">
      <c r="N153542" s="10"/>
    </row>
    <row r="153543" spans="14:14">
      <c r="N153543" s="10"/>
    </row>
    <row r="153544" spans="14:14">
      <c r="N153544" s="10"/>
    </row>
    <row r="153545" spans="14:14">
      <c r="N153545" s="10"/>
    </row>
    <row r="153546" spans="14:14">
      <c r="N153546" s="10"/>
    </row>
    <row r="153547" spans="14:14">
      <c r="N153547" s="10"/>
    </row>
    <row r="153548" spans="14:14">
      <c r="N153548" s="10"/>
    </row>
    <row r="153549" spans="14:14">
      <c r="N153549" s="10"/>
    </row>
    <row r="153550" spans="14:14">
      <c r="N153550" s="10"/>
    </row>
    <row r="153551" spans="14:14">
      <c r="N153551" s="10"/>
    </row>
    <row r="153552" spans="14:14">
      <c r="N153552" s="10"/>
    </row>
    <row r="153553" spans="14:14">
      <c r="N153553" s="10"/>
    </row>
    <row r="153554" spans="14:14">
      <c r="N153554" s="10"/>
    </row>
    <row r="153555" spans="14:14">
      <c r="N153555" s="10"/>
    </row>
    <row r="153556" spans="14:14">
      <c r="N153556" s="10"/>
    </row>
    <row r="153557" spans="14:14">
      <c r="N153557" s="10"/>
    </row>
    <row r="153558" spans="14:14">
      <c r="N153558" s="10"/>
    </row>
    <row r="153559" spans="14:14">
      <c r="N153559" s="10"/>
    </row>
    <row r="153560" spans="14:14">
      <c r="N153560" s="10"/>
    </row>
    <row r="153561" spans="14:14">
      <c r="N153561" s="10"/>
    </row>
    <row r="153562" spans="14:14">
      <c r="N153562" s="10"/>
    </row>
    <row r="153563" spans="14:14">
      <c r="N153563" s="10"/>
    </row>
    <row r="153564" spans="14:14">
      <c r="N153564" s="10"/>
    </row>
    <row r="153565" spans="14:14">
      <c r="N153565" s="10"/>
    </row>
    <row r="153566" spans="14:14">
      <c r="N153566" s="10"/>
    </row>
    <row r="153567" spans="14:14">
      <c r="N153567" s="10"/>
    </row>
    <row r="153568" spans="14:14">
      <c r="N153568" s="10"/>
    </row>
    <row r="153569" spans="14:14">
      <c r="N153569" s="10"/>
    </row>
    <row r="153570" spans="14:14">
      <c r="N153570" s="10"/>
    </row>
    <row r="153571" spans="14:14">
      <c r="N153571" s="10"/>
    </row>
    <row r="153572" spans="14:14">
      <c r="N153572" s="10"/>
    </row>
    <row r="153573" spans="14:14">
      <c r="N153573" s="10"/>
    </row>
    <row r="153574" spans="14:14">
      <c r="N153574" s="10"/>
    </row>
    <row r="153575" spans="14:14">
      <c r="N153575" s="10"/>
    </row>
    <row r="153576" spans="14:14">
      <c r="N153576" s="10"/>
    </row>
    <row r="153577" spans="14:14">
      <c r="N153577" s="10"/>
    </row>
    <row r="153578" spans="14:14">
      <c r="N153578" s="10"/>
    </row>
    <row r="153579" spans="14:14">
      <c r="N153579" s="10"/>
    </row>
    <row r="153580" spans="14:14">
      <c r="N153580" s="10"/>
    </row>
    <row r="153581" spans="14:14">
      <c r="N153581" s="10"/>
    </row>
    <row r="153582" spans="14:14">
      <c r="N153582" s="10"/>
    </row>
    <row r="153583" spans="14:14">
      <c r="N153583" s="10"/>
    </row>
    <row r="153584" spans="14:14">
      <c r="N153584" s="10"/>
    </row>
    <row r="153585" spans="14:14">
      <c r="N153585" s="10"/>
    </row>
    <row r="153586" spans="14:14">
      <c r="N153586" s="10"/>
    </row>
    <row r="153587" spans="14:14">
      <c r="N153587" s="10"/>
    </row>
    <row r="153588" spans="14:14">
      <c r="N153588" s="10"/>
    </row>
    <row r="153589" spans="14:14">
      <c r="N153589" s="10"/>
    </row>
    <row r="153590" spans="14:14">
      <c r="N153590" s="10"/>
    </row>
    <row r="153591" spans="14:14">
      <c r="N153591" s="10"/>
    </row>
    <row r="153592" spans="14:14">
      <c r="N153592" s="10"/>
    </row>
    <row r="153593" spans="14:14">
      <c r="N153593" s="10"/>
    </row>
    <row r="153594" spans="14:14">
      <c r="N153594" s="10"/>
    </row>
    <row r="153595" spans="14:14">
      <c r="N153595" s="10"/>
    </row>
    <row r="153596" spans="14:14">
      <c r="N153596" s="10"/>
    </row>
    <row r="153597" spans="14:14">
      <c r="N153597" s="10"/>
    </row>
    <row r="153598" spans="14:14">
      <c r="N153598" s="10"/>
    </row>
    <row r="153599" spans="14:14">
      <c r="N153599" s="10"/>
    </row>
    <row r="153600" spans="14:14">
      <c r="N153600" s="10"/>
    </row>
    <row r="153601" spans="14:14">
      <c r="N153601" s="10"/>
    </row>
    <row r="153602" spans="14:14">
      <c r="N153602" s="10"/>
    </row>
    <row r="153603" spans="14:14">
      <c r="N153603" s="10"/>
    </row>
    <row r="153604" spans="14:14">
      <c r="N153604" s="10"/>
    </row>
    <row r="153605" spans="14:14">
      <c r="N153605" s="10"/>
    </row>
    <row r="153606" spans="14:14">
      <c r="N153606" s="10"/>
    </row>
    <row r="153607" spans="14:14">
      <c r="N153607" s="10"/>
    </row>
    <row r="153608" spans="14:14">
      <c r="N153608" s="10"/>
    </row>
    <row r="153609" spans="14:14">
      <c r="N153609" s="10"/>
    </row>
    <row r="153610" spans="14:14">
      <c r="N153610" s="10"/>
    </row>
    <row r="153611" spans="14:14">
      <c r="N153611" s="10"/>
    </row>
    <row r="153612" spans="14:14">
      <c r="N153612" s="10"/>
    </row>
    <row r="153613" spans="14:14">
      <c r="N153613" s="10"/>
    </row>
    <row r="153614" spans="14:14">
      <c r="N153614" s="10"/>
    </row>
    <row r="153615" spans="14:14">
      <c r="N153615" s="10"/>
    </row>
    <row r="153616" spans="14:14">
      <c r="N153616" s="10"/>
    </row>
    <row r="153617" spans="14:14">
      <c r="N153617" s="10"/>
    </row>
    <row r="153618" spans="14:14">
      <c r="N153618" s="10"/>
    </row>
    <row r="153619" spans="14:14">
      <c r="N153619" s="10"/>
    </row>
    <row r="153620" spans="14:14">
      <c r="N153620" s="10"/>
    </row>
    <row r="153621" spans="14:14">
      <c r="N153621" s="10"/>
    </row>
    <row r="153622" spans="14:14">
      <c r="N153622" s="10"/>
    </row>
    <row r="153623" spans="14:14">
      <c r="N153623" s="10"/>
    </row>
    <row r="153624" spans="14:14">
      <c r="N153624" s="10"/>
    </row>
    <row r="153625" spans="14:14">
      <c r="N153625" s="10"/>
    </row>
    <row r="153626" spans="14:14">
      <c r="N153626" s="10"/>
    </row>
    <row r="153627" spans="14:14">
      <c r="N153627" s="10"/>
    </row>
    <row r="153628" spans="14:14">
      <c r="N153628" s="10"/>
    </row>
    <row r="153629" spans="14:14">
      <c r="N153629" s="10"/>
    </row>
    <row r="153630" spans="14:14">
      <c r="N153630" s="10"/>
    </row>
    <row r="153631" spans="14:14">
      <c r="N153631" s="10"/>
    </row>
    <row r="153632" spans="14:14">
      <c r="N153632" s="10"/>
    </row>
    <row r="153633" spans="14:14">
      <c r="N153633" s="10"/>
    </row>
    <row r="153634" spans="14:14">
      <c r="N153634" s="10"/>
    </row>
    <row r="153635" spans="14:14">
      <c r="N153635" s="10"/>
    </row>
    <row r="153636" spans="14:14">
      <c r="N153636" s="10"/>
    </row>
    <row r="153637" spans="14:14">
      <c r="N153637" s="10"/>
    </row>
    <row r="153638" spans="14:14">
      <c r="N153638" s="10"/>
    </row>
    <row r="153639" spans="14:14">
      <c r="N153639" s="10"/>
    </row>
    <row r="153640" spans="14:14">
      <c r="N153640" s="10"/>
    </row>
    <row r="153641" spans="14:14">
      <c r="N153641" s="10"/>
    </row>
    <row r="153642" spans="14:14">
      <c r="N153642" s="10"/>
    </row>
    <row r="153643" spans="14:14">
      <c r="N153643" s="10"/>
    </row>
    <row r="153644" spans="14:14">
      <c r="N153644" s="10"/>
    </row>
    <row r="153645" spans="14:14">
      <c r="N153645" s="10"/>
    </row>
    <row r="153646" spans="14:14">
      <c r="N153646" s="10"/>
    </row>
    <row r="153647" spans="14:14">
      <c r="N153647" s="10"/>
    </row>
    <row r="153648" spans="14:14">
      <c r="N153648" s="10"/>
    </row>
    <row r="153649" spans="14:14">
      <c r="N153649" s="10"/>
    </row>
    <row r="153650" spans="14:14">
      <c r="N153650" s="10"/>
    </row>
    <row r="153651" spans="14:14">
      <c r="N153651" s="10"/>
    </row>
    <row r="153652" spans="14:14">
      <c r="N153652" s="10"/>
    </row>
    <row r="153653" spans="14:14">
      <c r="N153653" s="10"/>
    </row>
    <row r="153654" spans="14:14">
      <c r="N153654" s="10"/>
    </row>
    <row r="153655" spans="14:14">
      <c r="N153655" s="10"/>
    </row>
    <row r="153656" spans="14:14">
      <c r="N153656" s="10"/>
    </row>
    <row r="153657" spans="14:14">
      <c r="N153657" s="10"/>
    </row>
    <row r="153658" spans="14:14">
      <c r="N153658" s="10"/>
    </row>
    <row r="153659" spans="14:14">
      <c r="N153659" s="10"/>
    </row>
    <row r="153660" spans="14:14">
      <c r="N153660" s="10"/>
    </row>
    <row r="153661" spans="14:14">
      <c r="N153661" s="10"/>
    </row>
    <row r="153662" spans="14:14">
      <c r="N153662" s="10"/>
    </row>
    <row r="153663" spans="14:14">
      <c r="N153663" s="10"/>
    </row>
    <row r="153664" spans="14:14">
      <c r="N153664" s="10"/>
    </row>
    <row r="153665" spans="14:14">
      <c r="N153665" s="10"/>
    </row>
    <row r="153666" spans="14:14">
      <c r="N153666" s="10"/>
    </row>
    <row r="153667" spans="14:14">
      <c r="N153667" s="10"/>
    </row>
    <row r="153668" spans="14:14">
      <c r="N153668" s="10"/>
    </row>
    <row r="153669" spans="14:14">
      <c r="N153669" s="10"/>
    </row>
    <row r="153670" spans="14:14">
      <c r="N153670" s="10"/>
    </row>
    <row r="153671" spans="14:14">
      <c r="N153671" s="10"/>
    </row>
    <row r="153672" spans="14:14">
      <c r="N153672" s="10"/>
    </row>
    <row r="153673" spans="14:14">
      <c r="N153673" s="10"/>
    </row>
    <row r="153674" spans="14:14">
      <c r="N153674" s="10"/>
    </row>
    <row r="153675" spans="14:14">
      <c r="N153675" s="10"/>
    </row>
    <row r="153676" spans="14:14">
      <c r="N153676" s="10"/>
    </row>
    <row r="153677" spans="14:14">
      <c r="N153677" s="10"/>
    </row>
    <row r="153678" spans="14:14">
      <c r="N153678" s="10"/>
    </row>
    <row r="153679" spans="14:14">
      <c r="N153679" s="10"/>
    </row>
    <row r="153680" spans="14:14">
      <c r="N153680" s="10"/>
    </row>
    <row r="153681" spans="14:14">
      <c r="N153681" s="10"/>
    </row>
    <row r="153682" spans="14:14">
      <c r="N153682" s="10"/>
    </row>
    <row r="153683" spans="14:14">
      <c r="N153683" s="10"/>
    </row>
    <row r="153684" spans="14:14">
      <c r="N153684" s="10"/>
    </row>
    <row r="153685" spans="14:14">
      <c r="N153685" s="10"/>
    </row>
    <row r="153686" spans="14:14">
      <c r="N153686" s="10"/>
    </row>
    <row r="153687" spans="14:14">
      <c r="N153687" s="10"/>
    </row>
    <row r="153688" spans="14:14">
      <c r="N153688" s="10"/>
    </row>
    <row r="153689" spans="14:14">
      <c r="N153689" s="10"/>
    </row>
    <row r="153690" spans="14:14">
      <c r="N153690" s="10"/>
    </row>
    <row r="153691" spans="14:14">
      <c r="N153691" s="10"/>
    </row>
    <row r="153692" spans="14:14">
      <c r="N153692" s="10"/>
    </row>
    <row r="153693" spans="14:14">
      <c r="N153693" s="10"/>
    </row>
    <row r="153694" spans="14:14">
      <c r="N153694" s="10"/>
    </row>
    <row r="153695" spans="14:14">
      <c r="N153695" s="10"/>
    </row>
    <row r="153696" spans="14:14">
      <c r="N153696" s="10"/>
    </row>
    <row r="153697" spans="14:14">
      <c r="N153697" s="10"/>
    </row>
    <row r="153698" spans="14:14">
      <c r="N153698" s="10"/>
    </row>
    <row r="153699" spans="14:14">
      <c r="N153699" s="10"/>
    </row>
    <row r="153700" spans="14:14">
      <c r="N153700" s="10"/>
    </row>
    <row r="153701" spans="14:14">
      <c r="N153701" s="10"/>
    </row>
    <row r="153702" spans="14:14">
      <c r="N153702" s="10"/>
    </row>
    <row r="153703" spans="14:14">
      <c r="N153703" s="10"/>
    </row>
    <row r="153704" spans="14:14">
      <c r="N153704" s="10"/>
    </row>
    <row r="153705" spans="14:14">
      <c r="N153705" s="10"/>
    </row>
    <row r="153706" spans="14:14">
      <c r="N153706" s="10"/>
    </row>
    <row r="153707" spans="14:14">
      <c r="N153707" s="10"/>
    </row>
    <row r="153708" spans="14:14">
      <c r="N153708" s="10"/>
    </row>
    <row r="153709" spans="14:14">
      <c r="N153709" s="10"/>
    </row>
    <row r="153710" spans="14:14">
      <c r="N153710" s="10"/>
    </row>
    <row r="153711" spans="14:14">
      <c r="N153711" s="10"/>
    </row>
    <row r="153712" spans="14:14">
      <c r="N153712" s="10"/>
    </row>
    <row r="153713" spans="14:14">
      <c r="N153713" s="10"/>
    </row>
    <row r="153714" spans="14:14">
      <c r="N153714" s="10"/>
    </row>
    <row r="153715" spans="14:14">
      <c r="N153715" s="10"/>
    </row>
    <row r="153716" spans="14:14">
      <c r="N153716" s="10"/>
    </row>
    <row r="153717" spans="14:14">
      <c r="N153717" s="10"/>
    </row>
    <row r="153718" spans="14:14">
      <c r="N153718" s="10"/>
    </row>
    <row r="153719" spans="14:14">
      <c r="N153719" s="10"/>
    </row>
    <row r="153720" spans="14:14">
      <c r="N153720" s="10"/>
    </row>
    <row r="153721" spans="14:14">
      <c r="N153721" s="10"/>
    </row>
    <row r="153722" spans="14:14">
      <c r="N153722" s="10"/>
    </row>
    <row r="153723" spans="14:14">
      <c r="N153723" s="10"/>
    </row>
    <row r="153724" spans="14:14">
      <c r="N153724" s="10"/>
    </row>
    <row r="153725" spans="14:14">
      <c r="N153725" s="10"/>
    </row>
    <row r="153726" spans="14:14">
      <c r="N153726" s="10"/>
    </row>
    <row r="153727" spans="14:14">
      <c r="N153727" s="10"/>
    </row>
    <row r="153728" spans="14:14">
      <c r="N153728" s="10"/>
    </row>
    <row r="153729" spans="14:14">
      <c r="N153729" s="10"/>
    </row>
    <row r="153730" spans="14:14">
      <c r="N153730" s="10"/>
    </row>
    <row r="153731" spans="14:14">
      <c r="N153731" s="10"/>
    </row>
    <row r="153732" spans="14:14">
      <c r="N153732" s="10"/>
    </row>
    <row r="153733" spans="14:14">
      <c r="N153733" s="10"/>
    </row>
    <row r="153734" spans="14:14">
      <c r="N153734" s="10"/>
    </row>
    <row r="153735" spans="14:14">
      <c r="N153735" s="10"/>
    </row>
    <row r="153736" spans="14:14">
      <c r="N153736" s="10"/>
    </row>
    <row r="153737" spans="14:14">
      <c r="N153737" s="10"/>
    </row>
    <row r="153738" spans="14:14">
      <c r="N153738" s="10"/>
    </row>
    <row r="153739" spans="14:14">
      <c r="N153739" s="10"/>
    </row>
    <row r="153740" spans="14:14">
      <c r="N153740" s="10"/>
    </row>
    <row r="153741" spans="14:14">
      <c r="N153741" s="10"/>
    </row>
    <row r="153742" spans="14:14">
      <c r="N153742" s="10"/>
    </row>
    <row r="153743" spans="14:14">
      <c r="N153743" s="10"/>
    </row>
    <row r="153744" spans="14:14">
      <c r="N153744" s="10"/>
    </row>
    <row r="153745" spans="14:14">
      <c r="N153745" s="10"/>
    </row>
    <row r="153746" spans="14:14">
      <c r="N153746" s="10"/>
    </row>
    <row r="153747" spans="14:14">
      <c r="N153747" s="10"/>
    </row>
    <row r="153748" spans="14:14">
      <c r="N153748" s="10"/>
    </row>
    <row r="153749" spans="14:14">
      <c r="N153749" s="10"/>
    </row>
    <row r="153750" spans="14:14">
      <c r="N153750" s="10"/>
    </row>
    <row r="153751" spans="14:14">
      <c r="N153751" s="10"/>
    </row>
    <row r="153752" spans="14:14">
      <c r="N153752" s="10"/>
    </row>
    <row r="153753" spans="14:14">
      <c r="N153753" s="10"/>
    </row>
    <row r="153754" spans="14:14">
      <c r="N153754" s="10"/>
    </row>
    <row r="153755" spans="14:14">
      <c r="N153755" s="10"/>
    </row>
    <row r="153756" spans="14:14">
      <c r="N153756" s="10"/>
    </row>
    <row r="153757" spans="14:14">
      <c r="N153757" s="10"/>
    </row>
    <row r="153758" spans="14:14">
      <c r="N153758" s="10"/>
    </row>
    <row r="153759" spans="14:14">
      <c r="N153759" s="10"/>
    </row>
    <row r="153760" spans="14:14">
      <c r="N153760" s="10"/>
    </row>
    <row r="153761" spans="14:14">
      <c r="N153761" s="10"/>
    </row>
    <row r="153762" spans="14:14">
      <c r="N153762" s="10"/>
    </row>
    <row r="153763" spans="14:14">
      <c r="N153763" s="10"/>
    </row>
    <row r="153764" spans="14:14">
      <c r="N153764" s="10"/>
    </row>
    <row r="153765" spans="14:14">
      <c r="N153765" s="10"/>
    </row>
    <row r="153766" spans="14:14">
      <c r="N153766" s="10"/>
    </row>
    <row r="153767" spans="14:14">
      <c r="N153767" s="10"/>
    </row>
    <row r="153768" spans="14:14">
      <c r="N153768" s="10"/>
    </row>
    <row r="153769" spans="14:14">
      <c r="N153769" s="10"/>
    </row>
    <row r="153770" spans="14:14">
      <c r="N153770" s="10"/>
    </row>
    <row r="153771" spans="14:14">
      <c r="N153771" s="10"/>
    </row>
    <row r="153772" spans="14:14">
      <c r="N153772" s="10"/>
    </row>
    <row r="153773" spans="14:14">
      <c r="N153773" s="10"/>
    </row>
    <row r="153774" spans="14:14">
      <c r="N153774" s="10"/>
    </row>
    <row r="153775" spans="14:14">
      <c r="N153775" s="10"/>
    </row>
    <row r="153776" spans="14:14">
      <c r="N153776" s="10"/>
    </row>
    <row r="153777" spans="14:14">
      <c r="N153777" s="10"/>
    </row>
    <row r="153778" spans="14:14">
      <c r="N153778" s="10"/>
    </row>
    <row r="153779" spans="14:14">
      <c r="N153779" s="10"/>
    </row>
    <row r="153780" spans="14:14">
      <c r="N153780" s="10"/>
    </row>
    <row r="153781" spans="14:14">
      <c r="N153781" s="10"/>
    </row>
    <row r="153782" spans="14:14">
      <c r="N153782" s="10"/>
    </row>
    <row r="153783" spans="14:14">
      <c r="N153783" s="10"/>
    </row>
    <row r="153784" spans="14:14">
      <c r="N153784" s="10"/>
    </row>
    <row r="153785" spans="14:14">
      <c r="N153785" s="10"/>
    </row>
    <row r="153786" spans="14:14">
      <c r="N153786" s="10"/>
    </row>
    <row r="153787" spans="14:14">
      <c r="N153787" s="10"/>
    </row>
    <row r="153788" spans="14:14">
      <c r="N153788" s="10"/>
    </row>
    <row r="153789" spans="14:14">
      <c r="N153789" s="10"/>
    </row>
    <row r="153790" spans="14:14">
      <c r="N153790" s="10"/>
    </row>
    <row r="153791" spans="14:14">
      <c r="N153791" s="10"/>
    </row>
    <row r="153792" spans="14:14">
      <c r="N153792" s="10"/>
    </row>
    <row r="153793" spans="14:14">
      <c r="N153793" s="10"/>
    </row>
    <row r="153794" spans="14:14">
      <c r="N153794" s="10"/>
    </row>
    <row r="153795" spans="14:14">
      <c r="N153795" s="10"/>
    </row>
    <row r="153796" spans="14:14">
      <c r="N153796" s="10"/>
    </row>
    <row r="153797" spans="14:14">
      <c r="N153797" s="10"/>
    </row>
    <row r="153798" spans="14:14">
      <c r="N153798" s="10"/>
    </row>
    <row r="153799" spans="14:14">
      <c r="N153799" s="10"/>
    </row>
    <row r="153800" spans="14:14">
      <c r="N153800" s="10"/>
    </row>
    <row r="153801" spans="14:14">
      <c r="N153801" s="10"/>
    </row>
    <row r="153802" spans="14:14">
      <c r="N153802" s="10"/>
    </row>
    <row r="153803" spans="14:14">
      <c r="N153803" s="10"/>
    </row>
    <row r="153804" spans="14:14">
      <c r="N153804" s="10"/>
    </row>
    <row r="153805" spans="14:14">
      <c r="N153805" s="10"/>
    </row>
    <row r="153806" spans="14:14">
      <c r="N153806" s="10"/>
    </row>
    <row r="153807" spans="14:14">
      <c r="N153807" s="10"/>
    </row>
    <row r="153808" spans="14:14">
      <c r="N153808" s="10"/>
    </row>
    <row r="153809" spans="14:14">
      <c r="N153809" s="10"/>
    </row>
    <row r="153810" spans="14:14">
      <c r="N153810" s="10"/>
    </row>
    <row r="153811" spans="14:14">
      <c r="N153811" s="10"/>
    </row>
    <row r="153812" spans="14:14">
      <c r="N153812" s="10"/>
    </row>
    <row r="153813" spans="14:14">
      <c r="N153813" s="10"/>
    </row>
    <row r="153814" spans="14:14">
      <c r="N153814" s="10"/>
    </row>
    <row r="153815" spans="14:14">
      <c r="N153815" s="10"/>
    </row>
    <row r="153816" spans="14:14">
      <c r="N153816" s="10"/>
    </row>
    <row r="153817" spans="14:14">
      <c r="N153817" s="10"/>
    </row>
    <row r="153818" spans="14:14">
      <c r="N153818" s="10"/>
    </row>
    <row r="153819" spans="14:14">
      <c r="N153819" s="10"/>
    </row>
    <row r="153820" spans="14:14">
      <c r="N153820" s="10"/>
    </row>
    <row r="153821" spans="14:14">
      <c r="N153821" s="10"/>
    </row>
    <row r="153822" spans="14:14">
      <c r="N153822" s="10"/>
    </row>
    <row r="153823" spans="14:14">
      <c r="N153823" s="10"/>
    </row>
    <row r="153824" spans="14:14">
      <c r="N153824" s="10"/>
    </row>
    <row r="153825" spans="14:14">
      <c r="N153825" s="10"/>
    </row>
    <row r="153826" spans="14:14">
      <c r="N153826" s="10"/>
    </row>
    <row r="153827" spans="14:14">
      <c r="N153827" s="10"/>
    </row>
    <row r="153828" spans="14:14">
      <c r="N153828" s="10"/>
    </row>
    <row r="153829" spans="14:14">
      <c r="N153829" s="10"/>
    </row>
    <row r="153830" spans="14:14">
      <c r="N153830" s="10"/>
    </row>
    <row r="153831" spans="14:14">
      <c r="N153831" s="10"/>
    </row>
    <row r="153832" spans="14:14">
      <c r="N153832" s="10"/>
    </row>
    <row r="153833" spans="14:14">
      <c r="N153833" s="10"/>
    </row>
    <row r="153834" spans="14:14">
      <c r="N153834" s="10"/>
    </row>
    <row r="153835" spans="14:14">
      <c r="N153835" s="10"/>
    </row>
    <row r="153836" spans="14:14">
      <c r="N153836" s="10"/>
    </row>
    <row r="153837" spans="14:14">
      <c r="N153837" s="10"/>
    </row>
    <row r="153838" spans="14:14">
      <c r="N153838" s="10"/>
    </row>
    <row r="153839" spans="14:14">
      <c r="N153839" s="10"/>
    </row>
    <row r="153840" spans="14:14">
      <c r="N153840" s="10"/>
    </row>
    <row r="153841" spans="14:14">
      <c r="N153841" s="10"/>
    </row>
    <row r="153842" spans="14:14">
      <c r="N153842" s="10"/>
    </row>
    <row r="153843" spans="14:14">
      <c r="N153843" s="10"/>
    </row>
    <row r="153844" spans="14:14">
      <c r="N153844" s="10"/>
    </row>
    <row r="153845" spans="14:14">
      <c r="N153845" s="10"/>
    </row>
    <row r="153846" spans="14:14">
      <c r="N153846" s="10"/>
    </row>
    <row r="153847" spans="14:14">
      <c r="N153847" s="10"/>
    </row>
    <row r="153848" spans="14:14">
      <c r="N153848" s="10"/>
    </row>
    <row r="153849" spans="14:14">
      <c r="N153849" s="10"/>
    </row>
    <row r="153850" spans="14:14">
      <c r="N153850" s="10"/>
    </row>
    <row r="153851" spans="14:14">
      <c r="N153851" s="10"/>
    </row>
    <row r="153852" spans="14:14">
      <c r="N153852" s="10"/>
    </row>
    <row r="153853" spans="14:14">
      <c r="N153853" s="10"/>
    </row>
    <row r="153854" spans="14:14">
      <c r="N153854" s="10"/>
    </row>
    <row r="153855" spans="14:14">
      <c r="N153855" s="10"/>
    </row>
    <row r="153856" spans="14:14">
      <c r="N153856" s="10"/>
    </row>
    <row r="153857" spans="14:14">
      <c r="N153857" s="10"/>
    </row>
    <row r="153858" spans="14:14">
      <c r="N153858" s="10"/>
    </row>
    <row r="153859" spans="14:14">
      <c r="N153859" s="10"/>
    </row>
    <row r="153860" spans="14:14">
      <c r="N153860" s="10"/>
    </row>
    <row r="153861" spans="14:14">
      <c r="N153861" s="10"/>
    </row>
    <row r="153862" spans="14:14">
      <c r="N153862" s="10"/>
    </row>
    <row r="153863" spans="14:14">
      <c r="N153863" s="10"/>
    </row>
    <row r="153864" spans="14:14">
      <c r="N153864" s="10"/>
    </row>
    <row r="153865" spans="14:14">
      <c r="N153865" s="10"/>
    </row>
    <row r="153866" spans="14:14">
      <c r="N153866" s="10"/>
    </row>
    <row r="153867" spans="14:14">
      <c r="N153867" s="10"/>
    </row>
    <row r="153868" spans="14:14">
      <c r="N153868" s="10"/>
    </row>
    <row r="153869" spans="14:14">
      <c r="N153869" s="10"/>
    </row>
    <row r="153870" spans="14:14">
      <c r="N153870" s="10"/>
    </row>
    <row r="153871" spans="14:14">
      <c r="N153871" s="10"/>
    </row>
    <row r="153872" spans="14:14">
      <c r="N153872" s="10"/>
    </row>
    <row r="153873" spans="14:14">
      <c r="N153873" s="10"/>
    </row>
    <row r="153874" spans="14:14">
      <c r="N153874" s="10"/>
    </row>
    <row r="153875" spans="14:14">
      <c r="N153875" s="10"/>
    </row>
    <row r="153876" spans="14:14">
      <c r="N153876" s="10"/>
    </row>
    <row r="153877" spans="14:14">
      <c r="N153877" s="10"/>
    </row>
    <row r="153878" spans="14:14">
      <c r="N153878" s="10"/>
    </row>
    <row r="153879" spans="14:14">
      <c r="N153879" s="10"/>
    </row>
    <row r="153880" spans="14:14">
      <c r="N153880" s="10"/>
    </row>
    <row r="153881" spans="14:14">
      <c r="N153881" s="10"/>
    </row>
    <row r="153882" spans="14:14">
      <c r="N153882" s="10"/>
    </row>
    <row r="153883" spans="14:14">
      <c r="N153883" s="10"/>
    </row>
    <row r="153884" spans="14:14">
      <c r="N153884" s="10"/>
    </row>
    <row r="153885" spans="14:14">
      <c r="N153885" s="10"/>
    </row>
    <row r="153886" spans="14:14">
      <c r="N153886" s="10"/>
    </row>
    <row r="153887" spans="14:14">
      <c r="N153887" s="10"/>
    </row>
    <row r="153888" spans="14:14">
      <c r="N153888" s="10"/>
    </row>
    <row r="153889" spans="14:14">
      <c r="N153889" s="10"/>
    </row>
    <row r="153890" spans="14:14">
      <c r="N153890" s="10"/>
    </row>
    <row r="153891" spans="14:14">
      <c r="N153891" s="10"/>
    </row>
    <row r="153892" spans="14:14">
      <c r="N153892" s="10"/>
    </row>
    <row r="153893" spans="14:14">
      <c r="N153893" s="10"/>
    </row>
    <row r="153894" spans="14:14">
      <c r="N153894" s="10"/>
    </row>
    <row r="153895" spans="14:14">
      <c r="N153895" s="10"/>
    </row>
    <row r="153896" spans="14:14">
      <c r="N153896" s="10"/>
    </row>
    <row r="153897" spans="14:14">
      <c r="N153897" s="10"/>
    </row>
    <row r="153898" spans="14:14">
      <c r="N153898" s="10"/>
    </row>
    <row r="153899" spans="14:14">
      <c r="N153899" s="10"/>
    </row>
    <row r="153900" spans="14:14">
      <c r="N153900" s="10"/>
    </row>
    <row r="153901" spans="14:14">
      <c r="N153901" s="10"/>
    </row>
    <row r="153902" spans="14:14">
      <c r="N153902" s="10"/>
    </row>
    <row r="153903" spans="14:14">
      <c r="N153903" s="10"/>
    </row>
    <row r="153904" spans="14:14">
      <c r="N153904" s="10"/>
    </row>
    <row r="153905" spans="14:14">
      <c r="N153905" s="10"/>
    </row>
    <row r="153906" spans="14:14">
      <c r="N153906" s="10"/>
    </row>
    <row r="153907" spans="14:14">
      <c r="N153907" s="10"/>
    </row>
    <row r="153908" spans="14:14">
      <c r="N153908" s="10"/>
    </row>
    <row r="153909" spans="14:14">
      <c r="N153909" s="10"/>
    </row>
    <row r="153910" spans="14:14">
      <c r="N153910" s="10"/>
    </row>
    <row r="153911" spans="14:14">
      <c r="N153911" s="10"/>
    </row>
    <row r="153912" spans="14:14">
      <c r="N153912" s="10"/>
    </row>
    <row r="153913" spans="14:14">
      <c r="N153913" s="10"/>
    </row>
    <row r="153914" spans="14:14">
      <c r="N153914" s="10"/>
    </row>
    <row r="153915" spans="14:14">
      <c r="N153915" s="10"/>
    </row>
    <row r="153916" spans="14:14">
      <c r="N153916" s="10"/>
    </row>
    <row r="153917" spans="14:14">
      <c r="N153917" s="10"/>
    </row>
    <row r="153918" spans="14:14">
      <c r="N153918" s="10"/>
    </row>
    <row r="153919" spans="14:14">
      <c r="N153919" s="10"/>
    </row>
    <row r="153920" spans="14:14">
      <c r="N153920" s="10"/>
    </row>
    <row r="153921" spans="14:14">
      <c r="N153921" s="10"/>
    </row>
    <row r="153922" spans="14:14">
      <c r="N153922" s="10"/>
    </row>
    <row r="153923" spans="14:14">
      <c r="N153923" s="10"/>
    </row>
    <row r="153924" spans="14:14">
      <c r="N153924" s="10"/>
    </row>
    <row r="153925" spans="14:14">
      <c r="N153925" s="10"/>
    </row>
    <row r="153926" spans="14:14">
      <c r="N153926" s="10"/>
    </row>
    <row r="153927" spans="14:14">
      <c r="N153927" s="10"/>
    </row>
    <row r="153928" spans="14:14">
      <c r="N153928" s="10"/>
    </row>
    <row r="153929" spans="14:14">
      <c r="N153929" s="10"/>
    </row>
    <row r="153930" spans="14:14">
      <c r="N153930" s="10"/>
    </row>
    <row r="153931" spans="14:14">
      <c r="N153931" s="10"/>
    </row>
    <row r="153932" spans="14:14">
      <c r="N153932" s="10"/>
    </row>
    <row r="153933" spans="14:14">
      <c r="N153933" s="10"/>
    </row>
    <row r="153934" spans="14:14">
      <c r="N153934" s="10"/>
    </row>
    <row r="153935" spans="14:14">
      <c r="N153935" s="10"/>
    </row>
    <row r="153936" spans="14:14">
      <c r="N153936" s="10"/>
    </row>
    <row r="153937" spans="14:14">
      <c r="N153937" s="10"/>
    </row>
    <row r="153938" spans="14:14">
      <c r="N153938" s="10"/>
    </row>
    <row r="153939" spans="14:14">
      <c r="N153939" s="10"/>
    </row>
    <row r="153940" spans="14:14">
      <c r="N153940" s="10"/>
    </row>
    <row r="153941" spans="14:14">
      <c r="N153941" s="10"/>
    </row>
    <row r="153942" spans="14:14">
      <c r="N153942" s="10"/>
    </row>
    <row r="153943" spans="14:14">
      <c r="N153943" s="10"/>
    </row>
    <row r="153944" spans="14:14">
      <c r="N153944" s="10"/>
    </row>
    <row r="153945" spans="14:14">
      <c r="N153945" s="10"/>
    </row>
    <row r="153946" spans="14:14">
      <c r="N153946" s="10"/>
    </row>
    <row r="153947" spans="14:14">
      <c r="N153947" s="10"/>
    </row>
    <row r="153948" spans="14:14">
      <c r="N153948" s="10"/>
    </row>
    <row r="153949" spans="14:14">
      <c r="N153949" s="10"/>
    </row>
    <row r="153950" spans="14:14">
      <c r="N153950" s="10"/>
    </row>
    <row r="153951" spans="14:14">
      <c r="N153951" s="10"/>
    </row>
    <row r="153952" spans="14:14">
      <c r="N153952" s="10"/>
    </row>
    <row r="153953" spans="14:14">
      <c r="N153953" s="10"/>
    </row>
    <row r="153954" spans="14:14">
      <c r="N153954" s="10"/>
    </row>
    <row r="153955" spans="14:14">
      <c r="N153955" s="10"/>
    </row>
    <row r="153956" spans="14:14">
      <c r="N153956" s="10"/>
    </row>
    <row r="153957" spans="14:14">
      <c r="N153957" s="10"/>
    </row>
    <row r="153958" spans="14:14">
      <c r="N153958" s="10"/>
    </row>
    <row r="153959" spans="14:14">
      <c r="N153959" s="10"/>
    </row>
    <row r="153960" spans="14:14">
      <c r="N153960" s="10"/>
    </row>
    <row r="153961" spans="14:14">
      <c r="N153961" s="10"/>
    </row>
    <row r="153962" spans="14:14">
      <c r="N153962" s="10"/>
    </row>
    <row r="153963" spans="14:14">
      <c r="N153963" s="10"/>
    </row>
    <row r="153964" spans="14:14">
      <c r="N153964" s="10"/>
    </row>
    <row r="153965" spans="14:14">
      <c r="N153965" s="10"/>
    </row>
    <row r="153966" spans="14:14">
      <c r="N153966" s="10"/>
    </row>
    <row r="153967" spans="14:14">
      <c r="N153967" s="10"/>
    </row>
    <row r="153968" spans="14:14">
      <c r="N153968" s="10"/>
    </row>
    <row r="153969" spans="14:14">
      <c r="N153969" s="10"/>
    </row>
    <row r="153970" spans="14:14">
      <c r="N153970" s="10"/>
    </row>
    <row r="153971" spans="14:14">
      <c r="N153971" s="10"/>
    </row>
    <row r="153972" spans="14:14">
      <c r="N153972" s="10"/>
    </row>
    <row r="153973" spans="14:14">
      <c r="N153973" s="10"/>
    </row>
    <row r="153974" spans="14:14">
      <c r="N153974" s="10"/>
    </row>
    <row r="153975" spans="14:14">
      <c r="N153975" s="10"/>
    </row>
    <row r="153976" spans="14:14">
      <c r="N153976" s="10"/>
    </row>
    <row r="153977" spans="14:14">
      <c r="N153977" s="10"/>
    </row>
    <row r="153978" spans="14:14">
      <c r="N153978" s="10"/>
    </row>
    <row r="153979" spans="14:14">
      <c r="N153979" s="10"/>
    </row>
    <row r="153980" spans="14:14">
      <c r="N153980" s="10"/>
    </row>
    <row r="153981" spans="14:14">
      <c r="N153981" s="10"/>
    </row>
    <row r="153982" spans="14:14">
      <c r="N153982" s="10"/>
    </row>
    <row r="153983" spans="14:14">
      <c r="N153983" s="10"/>
    </row>
    <row r="153984" spans="14:14">
      <c r="N153984" s="10"/>
    </row>
    <row r="153985" spans="14:14">
      <c r="N153985" s="10"/>
    </row>
    <row r="153986" spans="14:14">
      <c r="N153986" s="10"/>
    </row>
    <row r="153987" spans="14:14">
      <c r="N153987" s="10"/>
    </row>
    <row r="153988" spans="14:14">
      <c r="N153988" s="10"/>
    </row>
    <row r="153989" spans="14:14">
      <c r="N153989" s="10"/>
    </row>
    <row r="153990" spans="14:14">
      <c r="N153990" s="10"/>
    </row>
    <row r="153991" spans="14:14">
      <c r="N153991" s="10"/>
    </row>
    <row r="153992" spans="14:14">
      <c r="N153992" s="10"/>
    </row>
    <row r="153993" spans="14:14">
      <c r="N153993" s="10"/>
    </row>
    <row r="153994" spans="14:14">
      <c r="N153994" s="10"/>
    </row>
    <row r="153995" spans="14:14">
      <c r="N153995" s="10"/>
    </row>
    <row r="153996" spans="14:14">
      <c r="N153996" s="10"/>
    </row>
    <row r="153997" spans="14:14">
      <c r="N153997" s="10"/>
    </row>
    <row r="153998" spans="14:14">
      <c r="N153998" s="10"/>
    </row>
    <row r="153999" spans="14:14">
      <c r="N153999" s="10"/>
    </row>
    <row r="154000" spans="14:14">
      <c r="N154000" s="10"/>
    </row>
    <row r="154001" spans="14:14">
      <c r="N154001" s="10"/>
    </row>
    <row r="154002" spans="14:14">
      <c r="N154002" s="10"/>
    </row>
    <row r="154003" spans="14:14">
      <c r="N154003" s="10"/>
    </row>
    <row r="154004" spans="14:14">
      <c r="N154004" s="10"/>
    </row>
    <row r="154005" spans="14:14">
      <c r="N154005" s="10"/>
    </row>
    <row r="154006" spans="14:14">
      <c r="N154006" s="10"/>
    </row>
    <row r="154007" spans="14:14">
      <c r="N154007" s="10"/>
    </row>
    <row r="154008" spans="14:14">
      <c r="N154008" s="10"/>
    </row>
    <row r="154009" spans="14:14">
      <c r="N154009" s="10"/>
    </row>
    <row r="154010" spans="14:14">
      <c r="N154010" s="10"/>
    </row>
    <row r="154011" spans="14:14">
      <c r="N154011" s="10"/>
    </row>
    <row r="154012" spans="14:14">
      <c r="N154012" s="10"/>
    </row>
    <row r="154013" spans="14:14">
      <c r="N154013" s="10"/>
    </row>
    <row r="154014" spans="14:14">
      <c r="N154014" s="10"/>
    </row>
    <row r="154015" spans="14:14">
      <c r="N154015" s="10"/>
    </row>
    <row r="154016" spans="14:14">
      <c r="N154016" s="10"/>
    </row>
    <row r="154017" spans="14:14">
      <c r="N154017" s="10"/>
    </row>
    <row r="154018" spans="14:14">
      <c r="N154018" s="10"/>
    </row>
    <row r="154019" spans="14:14">
      <c r="N154019" s="10"/>
    </row>
    <row r="154020" spans="14:14">
      <c r="N154020" s="10"/>
    </row>
    <row r="154021" spans="14:14">
      <c r="N154021" s="10"/>
    </row>
    <row r="154022" spans="14:14">
      <c r="N154022" s="10"/>
    </row>
    <row r="154023" spans="14:14">
      <c r="N154023" s="10"/>
    </row>
    <row r="154024" spans="14:14">
      <c r="N154024" s="10"/>
    </row>
    <row r="154025" spans="14:14">
      <c r="N154025" s="10"/>
    </row>
    <row r="154026" spans="14:14">
      <c r="N154026" s="10"/>
    </row>
    <row r="154027" spans="14:14">
      <c r="N154027" s="10"/>
    </row>
    <row r="154028" spans="14:14">
      <c r="N154028" s="10"/>
    </row>
    <row r="154029" spans="14:14">
      <c r="N154029" s="10"/>
    </row>
    <row r="154030" spans="14:14">
      <c r="N154030" s="10"/>
    </row>
    <row r="154031" spans="14:14">
      <c r="N154031" s="10"/>
    </row>
    <row r="154032" spans="14:14">
      <c r="N154032" s="10"/>
    </row>
    <row r="154033" spans="14:14">
      <c r="N154033" s="10"/>
    </row>
    <row r="154034" spans="14:14">
      <c r="N154034" s="10"/>
    </row>
    <row r="154035" spans="14:14">
      <c r="N154035" s="10"/>
    </row>
    <row r="154036" spans="14:14">
      <c r="N154036" s="10"/>
    </row>
    <row r="154037" spans="14:14">
      <c r="N154037" s="10"/>
    </row>
    <row r="154038" spans="14:14">
      <c r="N154038" s="10"/>
    </row>
    <row r="154039" spans="14:14">
      <c r="N154039" s="10"/>
    </row>
    <row r="154040" spans="14:14">
      <c r="N154040" s="10"/>
    </row>
    <row r="154041" spans="14:14">
      <c r="N154041" s="10"/>
    </row>
    <row r="154042" spans="14:14">
      <c r="N154042" s="10"/>
    </row>
    <row r="154043" spans="14:14">
      <c r="N154043" s="10"/>
    </row>
    <row r="154044" spans="14:14">
      <c r="N154044" s="10"/>
    </row>
    <row r="154045" spans="14:14">
      <c r="N154045" s="10"/>
    </row>
    <row r="154046" spans="14:14">
      <c r="N154046" s="10"/>
    </row>
    <row r="154047" spans="14:14">
      <c r="N154047" s="10"/>
    </row>
    <row r="154048" spans="14:14">
      <c r="N154048" s="10"/>
    </row>
    <row r="154049" spans="14:14">
      <c r="N154049" s="10"/>
    </row>
    <row r="154050" spans="14:14">
      <c r="N154050" s="10"/>
    </row>
    <row r="154051" spans="14:14">
      <c r="N154051" s="10"/>
    </row>
    <row r="154052" spans="14:14">
      <c r="N154052" s="10"/>
    </row>
    <row r="154053" spans="14:14">
      <c r="N154053" s="10"/>
    </row>
    <row r="154054" spans="14:14">
      <c r="N154054" s="10"/>
    </row>
    <row r="154055" spans="14:14">
      <c r="N154055" s="10"/>
    </row>
    <row r="154056" spans="14:14">
      <c r="N154056" s="10"/>
    </row>
    <row r="154057" spans="14:14">
      <c r="N154057" s="10"/>
    </row>
    <row r="154058" spans="14:14">
      <c r="N154058" s="10"/>
    </row>
    <row r="154059" spans="14:14">
      <c r="N154059" s="10"/>
    </row>
    <row r="154060" spans="14:14">
      <c r="N154060" s="10"/>
    </row>
    <row r="154061" spans="14:14">
      <c r="N154061" s="10"/>
    </row>
    <row r="154062" spans="14:14">
      <c r="N154062" s="10"/>
    </row>
    <row r="154063" spans="14:14">
      <c r="N154063" s="10"/>
    </row>
    <row r="154064" spans="14:14">
      <c r="N154064" s="10"/>
    </row>
    <row r="154065" spans="14:14">
      <c r="N154065" s="10"/>
    </row>
    <row r="154066" spans="14:14">
      <c r="N154066" s="10"/>
    </row>
    <row r="154067" spans="14:14">
      <c r="N154067" s="10"/>
    </row>
    <row r="154068" spans="14:14">
      <c r="N154068" s="10"/>
    </row>
    <row r="154069" spans="14:14">
      <c r="N154069" s="10"/>
    </row>
    <row r="154070" spans="14:14">
      <c r="N154070" s="10"/>
    </row>
    <row r="154071" spans="14:14">
      <c r="N154071" s="10"/>
    </row>
    <row r="154072" spans="14:14">
      <c r="N154072" s="10"/>
    </row>
    <row r="154073" spans="14:14">
      <c r="N154073" s="10"/>
    </row>
    <row r="154074" spans="14:14">
      <c r="N154074" s="10"/>
    </row>
    <row r="154075" spans="14:14">
      <c r="N154075" s="10"/>
    </row>
    <row r="154076" spans="14:14">
      <c r="N154076" s="10"/>
    </row>
    <row r="154077" spans="14:14">
      <c r="N154077" s="10"/>
    </row>
    <row r="154078" spans="14:14">
      <c r="N154078" s="10"/>
    </row>
    <row r="154079" spans="14:14">
      <c r="N154079" s="10"/>
    </row>
    <row r="154080" spans="14:14">
      <c r="N154080" s="10"/>
    </row>
    <row r="154081" spans="14:14">
      <c r="N154081" s="10"/>
    </row>
    <row r="154082" spans="14:14">
      <c r="N154082" s="10"/>
    </row>
    <row r="154083" spans="14:14">
      <c r="N154083" s="10"/>
    </row>
    <row r="154084" spans="14:14">
      <c r="N154084" s="10"/>
    </row>
    <row r="154085" spans="14:14">
      <c r="N154085" s="10"/>
    </row>
    <row r="154086" spans="14:14">
      <c r="N154086" s="10"/>
    </row>
    <row r="154087" spans="14:14">
      <c r="N154087" s="10"/>
    </row>
    <row r="154088" spans="14:14">
      <c r="N154088" s="10"/>
    </row>
    <row r="154089" spans="14:14">
      <c r="N154089" s="10"/>
    </row>
    <row r="154090" spans="14:14">
      <c r="N154090" s="10"/>
    </row>
    <row r="154091" spans="14:14">
      <c r="N154091" s="10"/>
    </row>
    <row r="154092" spans="14:14">
      <c r="N154092" s="10"/>
    </row>
    <row r="154093" spans="14:14">
      <c r="N154093" s="10"/>
    </row>
    <row r="154094" spans="14:14">
      <c r="N154094" s="10"/>
    </row>
    <row r="154095" spans="14:14">
      <c r="N154095" s="10"/>
    </row>
    <row r="154096" spans="14:14">
      <c r="N154096" s="10"/>
    </row>
    <row r="154097" spans="14:14">
      <c r="N154097" s="10"/>
    </row>
    <row r="154098" spans="14:14">
      <c r="N154098" s="10"/>
    </row>
    <row r="154099" spans="14:14">
      <c r="N154099" s="10"/>
    </row>
    <row r="154100" spans="14:14">
      <c r="N154100" s="10"/>
    </row>
    <row r="154101" spans="14:14">
      <c r="N154101" s="10"/>
    </row>
    <row r="154102" spans="14:14">
      <c r="N154102" s="10"/>
    </row>
    <row r="154103" spans="14:14">
      <c r="N154103" s="10"/>
    </row>
    <row r="154104" spans="14:14">
      <c r="N154104" s="10"/>
    </row>
    <row r="154105" spans="14:14">
      <c r="N154105" s="10"/>
    </row>
    <row r="154106" spans="14:14">
      <c r="N154106" s="10"/>
    </row>
    <row r="154107" spans="14:14">
      <c r="N154107" s="10"/>
    </row>
    <row r="154108" spans="14:14">
      <c r="N154108" s="10"/>
    </row>
    <row r="154109" spans="14:14">
      <c r="N154109" s="10"/>
    </row>
    <row r="154110" spans="14:14">
      <c r="N154110" s="10"/>
    </row>
    <row r="154111" spans="14:14">
      <c r="N154111" s="10"/>
    </row>
    <row r="154112" spans="14:14">
      <c r="N154112" s="10"/>
    </row>
    <row r="154113" spans="14:14">
      <c r="N154113" s="10"/>
    </row>
    <row r="154114" spans="14:14">
      <c r="N154114" s="10"/>
    </row>
    <row r="154115" spans="14:14">
      <c r="N154115" s="10"/>
    </row>
    <row r="154116" spans="14:14">
      <c r="N154116" s="10"/>
    </row>
    <row r="154117" spans="14:14">
      <c r="N154117" s="10"/>
    </row>
    <row r="154118" spans="14:14">
      <c r="N154118" s="10"/>
    </row>
    <row r="154119" spans="14:14">
      <c r="N154119" s="10"/>
    </row>
    <row r="154120" spans="14:14">
      <c r="N154120" s="10"/>
    </row>
    <row r="154121" spans="14:14">
      <c r="N154121" s="10"/>
    </row>
    <row r="154122" spans="14:14">
      <c r="N154122" s="10"/>
    </row>
    <row r="154123" spans="14:14">
      <c r="N154123" s="10"/>
    </row>
    <row r="154124" spans="14:14">
      <c r="N154124" s="10"/>
    </row>
    <row r="154125" spans="14:14">
      <c r="N154125" s="10"/>
    </row>
    <row r="154126" spans="14:14">
      <c r="N154126" s="10"/>
    </row>
    <row r="154127" spans="14:14">
      <c r="N154127" s="10"/>
    </row>
    <row r="154128" spans="14:14">
      <c r="N154128" s="10"/>
    </row>
    <row r="154129" spans="14:14">
      <c r="N154129" s="10"/>
    </row>
    <row r="154130" spans="14:14">
      <c r="N154130" s="10"/>
    </row>
    <row r="154131" spans="14:14">
      <c r="N154131" s="10"/>
    </row>
    <row r="154132" spans="14:14">
      <c r="N154132" s="10"/>
    </row>
    <row r="154133" spans="14:14">
      <c r="N154133" s="10"/>
    </row>
    <row r="154134" spans="14:14">
      <c r="N154134" s="10"/>
    </row>
    <row r="154135" spans="14:14">
      <c r="N154135" s="10"/>
    </row>
    <row r="154136" spans="14:14">
      <c r="N154136" s="10"/>
    </row>
    <row r="154137" spans="14:14">
      <c r="N154137" s="10"/>
    </row>
    <row r="154138" spans="14:14">
      <c r="N154138" s="10"/>
    </row>
    <row r="154139" spans="14:14">
      <c r="N154139" s="10"/>
    </row>
    <row r="154140" spans="14:14">
      <c r="N154140" s="10"/>
    </row>
    <row r="154141" spans="14:14">
      <c r="N154141" s="10"/>
    </row>
    <row r="154142" spans="14:14">
      <c r="N154142" s="10"/>
    </row>
    <row r="154143" spans="14:14">
      <c r="N154143" s="10"/>
    </row>
    <row r="154144" spans="14:14">
      <c r="N154144" s="10"/>
    </row>
    <row r="154145" spans="14:14">
      <c r="N154145" s="10"/>
    </row>
    <row r="154146" spans="14:14">
      <c r="N154146" s="10"/>
    </row>
    <row r="154147" spans="14:14">
      <c r="N154147" s="10"/>
    </row>
    <row r="154148" spans="14:14">
      <c r="N154148" s="10"/>
    </row>
    <row r="154149" spans="14:14">
      <c r="N154149" s="10"/>
    </row>
    <row r="154150" spans="14:14">
      <c r="N154150" s="10"/>
    </row>
    <row r="154151" spans="14:14">
      <c r="N154151" s="10"/>
    </row>
    <row r="154152" spans="14:14">
      <c r="N154152" s="10"/>
    </row>
    <row r="154153" spans="14:14">
      <c r="N154153" s="10"/>
    </row>
    <row r="154154" spans="14:14">
      <c r="N154154" s="10"/>
    </row>
    <row r="154155" spans="14:14">
      <c r="N154155" s="10"/>
    </row>
    <row r="154156" spans="14:14">
      <c r="N154156" s="10"/>
    </row>
    <row r="154157" spans="14:14">
      <c r="N154157" s="10"/>
    </row>
    <row r="154158" spans="14:14">
      <c r="N154158" s="10"/>
    </row>
    <row r="154159" spans="14:14">
      <c r="N154159" s="10"/>
    </row>
    <row r="154160" spans="14:14">
      <c r="N154160" s="10"/>
    </row>
    <row r="154161" spans="14:14">
      <c r="N154161" s="10"/>
    </row>
    <row r="154162" spans="14:14">
      <c r="N154162" s="10"/>
    </row>
    <row r="154163" spans="14:14">
      <c r="N154163" s="10"/>
    </row>
    <row r="154164" spans="14:14">
      <c r="N154164" s="10"/>
    </row>
    <row r="154165" spans="14:14">
      <c r="N154165" s="10"/>
    </row>
    <row r="154166" spans="14:14">
      <c r="N154166" s="10"/>
    </row>
    <row r="154167" spans="14:14">
      <c r="N154167" s="10"/>
    </row>
    <row r="154168" spans="14:14">
      <c r="N154168" s="10"/>
    </row>
    <row r="154169" spans="14:14">
      <c r="N154169" s="10"/>
    </row>
    <row r="154170" spans="14:14">
      <c r="N154170" s="10"/>
    </row>
    <row r="154171" spans="14:14">
      <c r="N154171" s="10"/>
    </row>
    <row r="154172" spans="14:14">
      <c r="N154172" s="10"/>
    </row>
    <row r="154173" spans="14:14">
      <c r="N154173" s="10"/>
    </row>
    <row r="154174" spans="14:14">
      <c r="N154174" s="10"/>
    </row>
    <row r="154175" spans="14:14">
      <c r="N154175" s="10"/>
    </row>
    <row r="154176" spans="14:14">
      <c r="N154176" s="10"/>
    </row>
    <row r="154177" spans="14:14">
      <c r="N154177" s="10"/>
    </row>
    <row r="154178" spans="14:14">
      <c r="N154178" s="10"/>
    </row>
    <row r="154179" spans="14:14">
      <c r="N154179" s="10"/>
    </row>
    <row r="154180" spans="14:14">
      <c r="N154180" s="10"/>
    </row>
    <row r="154181" spans="14:14">
      <c r="N154181" s="10"/>
    </row>
    <row r="154182" spans="14:14">
      <c r="N154182" s="10"/>
    </row>
    <row r="154183" spans="14:14">
      <c r="N154183" s="10"/>
    </row>
    <row r="154184" spans="14:14">
      <c r="N154184" s="10"/>
    </row>
    <row r="154185" spans="14:14">
      <c r="N154185" s="10"/>
    </row>
    <row r="154186" spans="14:14">
      <c r="N154186" s="10"/>
    </row>
    <row r="154187" spans="14:14">
      <c r="N154187" s="10"/>
    </row>
    <row r="154188" spans="14:14">
      <c r="N154188" s="10"/>
    </row>
    <row r="154189" spans="14:14">
      <c r="N154189" s="10"/>
    </row>
    <row r="154190" spans="14:14">
      <c r="N154190" s="10"/>
    </row>
    <row r="154191" spans="14:14">
      <c r="N154191" s="10"/>
    </row>
    <row r="154192" spans="14:14">
      <c r="N154192" s="10"/>
    </row>
    <row r="154193" spans="14:14">
      <c r="N154193" s="10"/>
    </row>
    <row r="154194" spans="14:14">
      <c r="N154194" s="10"/>
    </row>
    <row r="154195" spans="14:14">
      <c r="N154195" s="10"/>
    </row>
    <row r="154196" spans="14:14">
      <c r="N154196" s="10"/>
    </row>
    <row r="154197" spans="14:14">
      <c r="N154197" s="10"/>
    </row>
    <row r="154198" spans="14:14">
      <c r="N154198" s="10"/>
    </row>
    <row r="154199" spans="14:14">
      <c r="N154199" s="10"/>
    </row>
    <row r="154200" spans="14:14">
      <c r="N154200" s="10"/>
    </row>
    <row r="154201" spans="14:14">
      <c r="N154201" s="10"/>
    </row>
    <row r="154202" spans="14:14">
      <c r="N154202" s="10"/>
    </row>
    <row r="154203" spans="14:14">
      <c r="N154203" s="10"/>
    </row>
    <row r="154204" spans="14:14">
      <c r="N154204" s="10"/>
    </row>
    <row r="154205" spans="14:14">
      <c r="N154205" s="10"/>
    </row>
    <row r="154206" spans="14:14">
      <c r="N154206" s="10"/>
    </row>
    <row r="154207" spans="14:14">
      <c r="N154207" s="10"/>
    </row>
    <row r="154208" spans="14:14">
      <c r="N154208" s="10"/>
    </row>
    <row r="154209" spans="14:14">
      <c r="N154209" s="10"/>
    </row>
    <row r="154210" spans="14:14">
      <c r="N154210" s="10"/>
    </row>
    <row r="154211" spans="14:14">
      <c r="N154211" s="10"/>
    </row>
    <row r="154212" spans="14:14">
      <c r="N154212" s="10"/>
    </row>
    <row r="154213" spans="14:14">
      <c r="N154213" s="10"/>
    </row>
    <row r="154214" spans="14:14">
      <c r="N154214" s="10"/>
    </row>
    <row r="154215" spans="14:14">
      <c r="N154215" s="10"/>
    </row>
    <row r="154216" spans="14:14">
      <c r="N154216" s="10"/>
    </row>
    <row r="154217" spans="14:14">
      <c r="N154217" s="10"/>
    </row>
    <row r="154218" spans="14:14">
      <c r="N154218" s="10"/>
    </row>
    <row r="154219" spans="14:14">
      <c r="N154219" s="10"/>
    </row>
    <row r="154220" spans="14:14">
      <c r="N154220" s="10"/>
    </row>
    <row r="154221" spans="14:14">
      <c r="N154221" s="10"/>
    </row>
    <row r="154222" spans="14:14">
      <c r="N154222" s="10"/>
    </row>
    <row r="154223" spans="14:14">
      <c r="N154223" s="10"/>
    </row>
    <row r="154224" spans="14:14">
      <c r="N154224" s="10"/>
    </row>
    <row r="154225" spans="14:14">
      <c r="N154225" s="10"/>
    </row>
    <row r="154226" spans="14:14">
      <c r="N154226" s="10"/>
    </row>
    <row r="154227" spans="14:14">
      <c r="N154227" s="10"/>
    </row>
    <row r="154228" spans="14:14">
      <c r="N154228" s="10"/>
    </row>
    <row r="154229" spans="14:14">
      <c r="N154229" s="10"/>
    </row>
    <row r="154230" spans="14:14">
      <c r="N154230" s="10"/>
    </row>
    <row r="154231" spans="14:14">
      <c r="N154231" s="10"/>
    </row>
    <row r="154232" spans="14:14">
      <c r="N154232" s="10"/>
    </row>
    <row r="154233" spans="14:14">
      <c r="N154233" s="10"/>
    </row>
    <row r="154234" spans="14:14">
      <c r="N154234" s="10"/>
    </row>
    <row r="154235" spans="14:14">
      <c r="N154235" s="10"/>
    </row>
    <row r="154236" spans="14:14">
      <c r="N154236" s="10"/>
    </row>
    <row r="154237" spans="14:14">
      <c r="N154237" s="10"/>
    </row>
    <row r="154238" spans="14:14">
      <c r="N154238" s="10"/>
    </row>
    <row r="154239" spans="14:14">
      <c r="N154239" s="10"/>
    </row>
    <row r="154240" spans="14:14">
      <c r="N154240" s="10"/>
    </row>
    <row r="154241" spans="14:14">
      <c r="N154241" s="10"/>
    </row>
    <row r="154242" spans="14:14">
      <c r="N154242" s="10"/>
    </row>
    <row r="154243" spans="14:14">
      <c r="N154243" s="10"/>
    </row>
    <row r="154244" spans="14:14">
      <c r="N154244" s="10"/>
    </row>
    <row r="154245" spans="14:14">
      <c r="N154245" s="10"/>
    </row>
    <row r="154246" spans="14:14">
      <c r="N154246" s="10"/>
    </row>
    <row r="154247" spans="14:14">
      <c r="N154247" s="10"/>
    </row>
    <row r="154248" spans="14:14">
      <c r="N154248" s="10"/>
    </row>
    <row r="154249" spans="14:14">
      <c r="N154249" s="10"/>
    </row>
    <row r="154250" spans="14:14">
      <c r="N154250" s="10"/>
    </row>
    <row r="154251" spans="14:14">
      <c r="N154251" s="10"/>
    </row>
    <row r="154252" spans="14:14">
      <c r="N154252" s="10"/>
    </row>
    <row r="154253" spans="14:14">
      <c r="N154253" s="10"/>
    </row>
    <row r="154254" spans="14:14">
      <c r="N154254" s="10"/>
    </row>
    <row r="154255" spans="14:14">
      <c r="N154255" s="10"/>
    </row>
    <row r="154256" spans="14:14">
      <c r="N154256" s="10"/>
    </row>
    <row r="154257" spans="14:14">
      <c r="N154257" s="10"/>
    </row>
    <row r="154258" spans="14:14">
      <c r="N154258" s="10"/>
    </row>
    <row r="154259" spans="14:14">
      <c r="N154259" s="10"/>
    </row>
    <row r="154260" spans="14:14">
      <c r="N154260" s="10"/>
    </row>
    <row r="154261" spans="14:14">
      <c r="N154261" s="10"/>
    </row>
    <row r="154262" spans="14:14">
      <c r="N154262" s="10"/>
    </row>
    <row r="154263" spans="14:14">
      <c r="N154263" s="10"/>
    </row>
    <row r="154264" spans="14:14">
      <c r="N154264" s="10"/>
    </row>
    <row r="154265" spans="14:14">
      <c r="N154265" s="10"/>
    </row>
    <row r="154266" spans="14:14">
      <c r="N154266" s="10"/>
    </row>
    <row r="154267" spans="14:14">
      <c r="N154267" s="10"/>
    </row>
    <row r="154268" spans="14:14">
      <c r="N154268" s="10"/>
    </row>
    <row r="154269" spans="14:14">
      <c r="N154269" s="10"/>
    </row>
    <row r="154270" spans="14:14">
      <c r="N154270" s="10"/>
    </row>
    <row r="154271" spans="14:14">
      <c r="N154271" s="10"/>
    </row>
    <row r="154272" spans="14:14">
      <c r="N154272" s="10"/>
    </row>
    <row r="154273" spans="14:14">
      <c r="N154273" s="10"/>
    </row>
    <row r="154274" spans="14:14">
      <c r="N154274" s="10"/>
    </row>
    <row r="154275" spans="14:14">
      <c r="N154275" s="10"/>
    </row>
    <row r="154276" spans="14:14">
      <c r="N154276" s="10"/>
    </row>
    <row r="154277" spans="14:14">
      <c r="N154277" s="10"/>
    </row>
    <row r="154278" spans="14:14">
      <c r="N154278" s="10"/>
    </row>
    <row r="154279" spans="14:14">
      <c r="N154279" s="10"/>
    </row>
    <row r="154280" spans="14:14">
      <c r="N154280" s="10"/>
    </row>
    <row r="154281" spans="14:14">
      <c r="N154281" s="10"/>
    </row>
    <row r="154282" spans="14:14">
      <c r="N154282" s="10"/>
    </row>
    <row r="154283" spans="14:14">
      <c r="N154283" s="10"/>
    </row>
    <row r="154284" spans="14:14">
      <c r="N154284" s="10"/>
    </row>
    <row r="154285" spans="14:14">
      <c r="N154285" s="10"/>
    </row>
    <row r="154286" spans="14:14">
      <c r="N154286" s="10"/>
    </row>
    <row r="154287" spans="14:14">
      <c r="N154287" s="10"/>
    </row>
    <row r="154288" spans="14:14">
      <c r="N154288" s="10"/>
    </row>
    <row r="154289" spans="14:14">
      <c r="N154289" s="10"/>
    </row>
    <row r="154290" spans="14:14">
      <c r="N154290" s="10"/>
    </row>
    <row r="154291" spans="14:14">
      <c r="N154291" s="10"/>
    </row>
    <row r="154292" spans="14:14">
      <c r="N154292" s="10"/>
    </row>
    <row r="154293" spans="14:14">
      <c r="N154293" s="10"/>
    </row>
    <row r="154294" spans="14:14">
      <c r="N154294" s="10"/>
    </row>
    <row r="154295" spans="14:14">
      <c r="N154295" s="10"/>
    </row>
    <row r="154296" spans="14:14">
      <c r="N154296" s="10"/>
    </row>
    <row r="154297" spans="14:14">
      <c r="N154297" s="10"/>
    </row>
    <row r="154298" spans="14:14">
      <c r="N154298" s="10"/>
    </row>
    <row r="154299" spans="14:14">
      <c r="N154299" s="10"/>
    </row>
    <row r="154300" spans="14:14">
      <c r="N154300" s="10"/>
    </row>
    <row r="154301" spans="14:14">
      <c r="N154301" s="10"/>
    </row>
    <row r="154302" spans="14:14">
      <c r="N154302" s="10"/>
    </row>
    <row r="154303" spans="14:14">
      <c r="N154303" s="10"/>
    </row>
    <row r="154304" spans="14:14">
      <c r="N154304" s="10"/>
    </row>
    <row r="154305" spans="14:14">
      <c r="N154305" s="10"/>
    </row>
    <row r="154306" spans="14:14">
      <c r="N154306" s="10"/>
    </row>
    <row r="154307" spans="14:14">
      <c r="N154307" s="10"/>
    </row>
    <row r="154308" spans="14:14">
      <c r="N154308" s="10"/>
    </row>
    <row r="154309" spans="14:14">
      <c r="N154309" s="10"/>
    </row>
    <row r="154310" spans="14:14">
      <c r="N154310" s="10"/>
    </row>
    <row r="154311" spans="14:14">
      <c r="N154311" s="10"/>
    </row>
    <row r="154312" spans="14:14">
      <c r="N154312" s="10"/>
    </row>
    <row r="154313" spans="14:14">
      <c r="N154313" s="10"/>
    </row>
    <row r="154314" spans="14:14">
      <c r="N154314" s="10"/>
    </row>
    <row r="154315" spans="14:14">
      <c r="N154315" s="10"/>
    </row>
    <row r="154316" spans="14:14">
      <c r="N154316" s="10"/>
    </row>
    <row r="154317" spans="14:14">
      <c r="N154317" s="10"/>
    </row>
    <row r="154318" spans="14:14">
      <c r="N154318" s="10"/>
    </row>
    <row r="154319" spans="14:14">
      <c r="N154319" s="10"/>
    </row>
    <row r="154320" spans="14:14">
      <c r="N154320" s="10"/>
    </row>
    <row r="154321" spans="14:14">
      <c r="N154321" s="10"/>
    </row>
    <row r="154322" spans="14:14">
      <c r="N154322" s="10"/>
    </row>
    <row r="154323" spans="14:14">
      <c r="N154323" s="10"/>
    </row>
    <row r="154324" spans="14:14">
      <c r="N154324" s="10"/>
    </row>
    <row r="154325" spans="14:14">
      <c r="N154325" s="10"/>
    </row>
    <row r="154326" spans="14:14">
      <c r="N154326" s="10"/>
    </row>
    <row r="154327" spans="14:14">
      <c r="N154327" s="10"/>
    </row>
    <row r="154328" spans="14:14">
      <c r="N154328" s="10"/>
    </row>
    <row r="154329" spans="14:14">
      <c r="N154329" s="10"/>
    </row>
    <row r="154330" spans="14:14">
      <c r="N154330" s="10"/>
    </row>
    <row r="154331" spans="14:14">
      <c r="N154331" s="10"/>
    </row>
    <row r="154332" spans="14:14">
      <c r="N154332" s="10"/>
    </row>
    <row r="154333" spans="14:14">
      <c r="N154333" s="10"/>
    </row>
    <row r="154334" spans="14:14">
      <c r="N154334" s="10"/>
    </row>
    <row r="154335" spans="14:14">
      <c r="N154335" s="10"/>
    </row>
    <row r="154336" spans="14:14">
      <c r="N154336" s="10"/>
    </row>
    <row r="154337" spans="14:14">
      <c r="N154337" s="10"/>
    </row>
    <row r="154338" spans="14:14">
      <c r="N154338" s="10"/>
    </row>
    <row r="154339" spans="14:14">
      <c r="N154339" s="10"/>
    </row>
    <row r="154340" spans="14:14">
      <c r="N154340" s="10"/>
    </row>
    <row r="154341" spans="14:14">
      <c r="N154341" s="10"/>
    </row>
    <row r="154342" spans="14:14">
      <c r="N154342" s="10"/>
    </row>
    <row r="154343" spans="14:14">
      <c r="N154343" s="10"/>
    </row>
    <row r="154344" spans="14:14">
      <c r="N154344" s="10"/>
    </row>
    <row r="154345" spans="14:14">
      <c r="N154345" s="10"/>
    </row>
    <row r="154346" spans="14:14">
      <c r="N154346" s="10"/>
    </row>
    <row r="154347" spans="14:14">
      <c r="N154347" s="10"/>
    </row>
    <row r="154348" spans="14:14">
      <c r="N154348" s="10"/>
    </row>
    <row r="154349" spans="14:14">
      <c r="N154349" s="10"/>
    </row>
    <row r="154350" spans="14:14">
      <c r="N154350" s="10"/>
    </row>
    <row r="154351" spans="14:14">
      <c r="N154351" s="10"/>
    </row>
    <row r="154352" spans="14:14">
      <c r="N154352" s="10"/>
    </row>
    <row r="154353" spans="14:14">
      <c r="N154353" s="10"/>
    </row>
    <row r="154354" spans="14:14">
      <c r="N154354" s="10"/>
    </row>
    <row r="154355" spans="14:14">
      <c r="N154355" s="10"/>
    </row>
    <row r="154356" spans="14:14">
      <c r="N154356" s="10"/>
    </row>
    <row r="154357" spans="14:14">
      <c r="N154357" s="10"/>
    </row>
    <row r="154358" spans="14:14">
      <c r="N154358" s="10"/>
    </row>
    <row r="154359" spans="14:14">
      <c r="N154359" s="10"/>
    </row>
    <row r="154360" spans="14:14">
      <c r="N154360" s="10"/>
    </row>
    <row r="154361" spans="14:14">
      <c r="N154361" s="10"/>
    </row>
    <row r="154362" spans="14:14">
      <c r="N154362" s="10"/>
    </row>
    <row r="154363" spans="14:14">
      <c r="N154363" s="10"/>
    </row>
    <row r="154364" spans="14:14">
      <c r="N154364" s="10"/>
    </row>
    <row r="154365" spans="14:14">
      <c r="N154365" s="10"/>
    </row>
    <row r="154366" spans="14:14">
      <c r="N154366" s="10"/>
    </row>
    <row r="154367" spans="14:14">
      <c r="N154367" s="10"/>
    </row>
    <row r="154368" spans="14:14">
      <c r="N154368" s="10"/>
    </row>
    <row r="154369" spans="14:14">
      <c r="N154369" s="10"/>
    </row>
    <row r="154370" spans="14:14">
      <c r="N154370" s="10"/>
    </row>
    <row r="154371" spans="14:14">
      <c r="N154371" s="10"/>
    </row>
    <row r="154372" spans="14:14">
      <c r="N154372" s="10"/>
    </row>
    <row r="154373" spans="14:14">
      <c r="N154373" s="10"/>
    </row>
    <row r="154374" spans="14:14">
      <c r="N154374" s="10"/>
    </row>
    <row r="154375" spans="14:14">
      <c r="N154375" s="10"/>
    </row>
    <row r="154376" spans="14:14">
      <c r="N154376" s="10"/>
    </row>
    <row r="154377" spans="14:14">
      <c r="N154377" s="10"/>
    </row>
    <row r="154378" spans="14:14">
      <c r="N154378" s="10"/>
    </row>
    <row r="154379" spans="14:14">
      <c r="N154379" s="10"/>
    </row>
    <row r="154380" spans="14:14">
      <c r="N154380" s="10"/>
    </row>
    <row r="154381" spans="14:14">
      <c r="N154381" s="10"/>
    </row>
    <row r="154382" spans="14:14">
      <c r="N154382" s="10"/>
    </row>
    <row r="154383" spans="14:14">
      <c r="N154383" s="10"/>
    </row>
    <row r="154384" spans="14:14">
      <c r="N154384" s="10"/>
    </row>
    <row r="154385" spans="14:14">
      <c r="N154385" s="10"/>
    </row>
    <row r="154386" spans="14:14">
      <c r="N154386" s="10"/>
    </row>
    <row r="154387" spans="14:14">
      <c r="N154387" s="10"/>
    </row>
    <row r="154388" spans="14:14">
      <c r="N154388" s="10"/>
    </row>
    <row r="154389" spans="14:14">
      <c r="N154389" s="10"/>
    </row>
    <row r="154390" spans="14:14">
      <c r="N154390" s="10"/>
    </row>
    <row r="154391" spans="14:14">
      <c r="N154391" s="10"/>
    </row>
    <row r="154392" spans="14:14">
      <c r="N154392" s="10"/>
    </row>
    <row r="154393" spans="14:14">
      <c r="N154393" s="10"/>
    </row>
    <row r="154394" spans="14:14">
      <c r="N154394" s="10"/>
    </row>
    <row r="154395" spans="14:14">
      <c r="N154395" s="10"/>
    </row>
    <row r="154396" spans="14:14">
      <c r="N154396" s="10"/>
    </row>
    <row r="154397" spans="14:14">
      <c r="N154397" s="10"/>
    </row>
    <row r="154398" spans="14:14">
      <c r="N154398" s="10"/>
    </row>
    <row r="154399" spans="14:14">
      <c r="N154399" s="10"/>
    </row>
    <row r="154400" spans="14:14">
      <c r="N154400" s="10"/>
    </row>
    <row r="154401" spans="14:14">
      <c r="N154401" s="10"/>
    </row>
    <row r="154402" spans="14:14">
      <c r="N154402" s="10"/>
    </row>
    <row r="154403" spans="14:14">
      <c r="N154403" s="10"/>
    </row>
    <row r="154404" spans="14:14">
      <c r="N154404" s="10"/>
    </row>
    <row r="154405" spans="14:14">
      <c r="N154405" s="10"/>
    </row>
    <row r="154406" spans="14:14">
      <c r="N154406" s="10"/>
    </row>
    <row r="154407" spans="14:14">
      <c r="N154407" s="10"/>
    </row>
    <row r="154408" spans="14:14">
      <c r="N154408" s="10"/>
    </row>
    <row r="154409" spans="14:14">
      <c r="N154409" s="10"/>
    </row>
    <row r="154410" spans="14:14">
      <c r="N154410" s="10"/>
    </row>
    <row r="154411" spans="14:14">
      <c r="N154411" s="10"/>
    </row>
    <row r="154412" spans="14:14">
      <c r="N154412" s="10"/>
    </row>
    <row r="154413" spans="14:14">
      <c r="N154413" s="10"/>
    </row>
    <row r="154414" spans="14:14">
      <c r="N154414" s="10"/>
    </row>
    <row r="154415" spans="14:14">
      <c r="N154415" s="10"/>
    </row>
    <row r="154416" spans="14:14">
      <c r="N154416" s="10"/>
    </row>
    <row r="154417" spans="14:14">
      <c r="N154417" s="10"/>
    </row>
    <row r="154418" spans="14:14">
      <c r="N154418" s="10"/>
    </row>
    <row r="154419" spans="14:14">
      <c r="N154419" s="10"/>
    </row>
    <row r="154420" spans="14:14">
      <c r="N154420" s="10"/>
    </row>
    <row r="154421" spans="14:14">
      <c r="N154421" s="10"/>
    </row>
    <row r="154422" spans="14:14">
      <c r="N154422" s="10"/>
    </row>
    <row r="154423" spans="14:14">
      <c r="N154423" s="10"/>
    </row>
    <row r="154424" spans="14:14">
      <c r="N154424" s="10"/>
    </row>
    <row r="154425" spans="14:14">
      <c r="N154425" s="10"/>
    </row>
    <row r="154426" spans="14:14">
      <c r="N154426" s="10"/>
    </row>
    <row r="154427" spans="14:14">
      <c r="N154427" s="10"/>
    </row>
    <row r="154428" spans="14:14">
      <c r="N154428" s="10"/>
    </row>
    <row r="154429" spans="14:14">
      <c r="N154429" s="10"/>
    </row>
    <row r="154430" spans="14:14">
      <c r="N154430" s="10"/>
    </row>
    <row r="154431" spans="14:14">
      <c r="N154431" s="10"/>
    </row>
    <row r="154432" spans="14:14">
      <c r="N154432" s="10"/>
    </row>
    <row r="154433" spans="14:14">
      <c r="N154433" s="10"/>
    </row>
    <row r="154434" spans="14:14">
      <c r="N154434" s="10"/>
    </row>
    <row r="154435" spans="14:14">
      <c r="N154435" s="10"/>
    </row>
    <row r="154436" spans="14:14">
      <c r="N154436" s="10"/>
    </row>
    <row r="154437" spans="14:14">
      <c r="N154437" s="10"/>
    </row>
    <row r="154438" spans="14:14">
      <c r="N154438" s="10"/>
    </row>
    <row r="154439" spans="14:14">
      <c r="N154439" s="10"/>
    </row>
    <row r="154440" spans="14:14">
      <c r="N154440" s="10"/>
    </row>
    <row r="154441" spans="14:14">
      <c r="N154441" s="10"/>
    </row>
    <row r="154442" spans="14:14">
      <c r="N154442" s="10"/>
    </row>
    <row r="154443" spans="14:14">
      <c r="N154443" s="10"/>
    </row>
    <row r="154444" spans="14:14">
      <c r="N154444" s="10"/>
    </row>
    <row r="154445" spans="14:14">
      <c r="N154445" s="10"/>
    </row>
    <row r="154446" spans="14:14">
      <c r="N154446" s="10"/>
    </row>
    <row r="154447" spans="14:14">
      <c r="N154447" s="10"/>
    </row>
    <row r="154448" spans="14:14">
      <c r="N154448" s="10"/>
    </row>
    <row r="154449" spans="14:14">
      <c r="N154449" s="10"/>
    </row>
    <row r="154450" spans="14:14">
      <c r="N154450" s="10"/>
    </row>
    <row r="154451" spans="14:14">
      <c r="N154451" s="10"/>
    </row>
    <row r="154452" spans="14:14">
      <c r="N154452" s="10"/>
    </row>
    <row r="154453" spans="14:14">
      <c r="N154453" s="10"/>
    </row>
    <row r="154454" spans="14:14">
      <c r="N154454" s="10"/>
    </row>
    <row r="154455" spans="14:14">
      <c r="N154455" s="10"/>
    </row>
    <row r="154456" spans="14:14">
      <c r="N154456" s="10"/>
    </row>
    <row r="154457" spans="14:14">
      <c r="N154457" s="10"/>
    </row>
    <row r="154458" spans="14:14">
      <c r="N154458" s="10"/>
    </row>
    <row r="154459" spans="14:14">
      <c r="N154459" s="10"/>
    </row>
    <row r="154460" spans="14:14">
      <c r="N154460" s="10"/>
    </row>
    <row r="154461" spans="14:14">
      <c r="N154461" s="10"/>
    </row>
    <row r="154462" spans="14:14">
      <c r="N154462" s="10"/>
    </row>
    <row r="154463" spans="14:14">
      <c r="N154463" s="10"/>
    </row>
    <row r="154464" spans="14:14">
      <c r="N154464" s="10"/>
    </row>
    <row r="154465" spans="14:14">
      <c r="N154465" s="10"/>
    </row>
    <row r="154466" spans="14:14">
      <c r="N154466" s="10"/>
    </row>
    <row r="154467" spans="14:14">
      <c r="N154467" s="10"/>
    </row>
    <row r="154468" spans="14:14">
      <c r="N154468" s="10"/>
    </row>
    <row r="154469" spans="14:14">
      <c r="N154469" s="10"/>
    </row>
    <row r="154470" spans="14:14">
      <c r="N154470" s="10"/>
    </row>
    <row r="154471" spans="14:14">
      <c r="N154471" s="10"/>
    </row>
    <row r="154472" spans="14:14">
      <c r="N154472" s="10"/>
    </row>
    <row r="154473" spans="14:14">
      <c r="N154473" s="10"/>
    </row>
    <row r="154474" spans="14:14">
      <c r="N154474" s="10"/>
    </row>
    <row r="154475" spans="14:14">
      <c r="N154475" s="10"/>
    </row>
    <row r="154476" spans="14:14">
      <c r="N154476" s="10"/>
    </row>
    <row r="154477" spans="14:14">
      <c r="N154477" s="10"/>
    </row>
    <row r="154478" spans="14:14">
      <c r="N154478" s="10"/>
    </row>
    <row r="154479" spans="14:14">
      <c r="N154479" s="10"/>
    </row>
    <row r="154480" spans="14:14">
      <c r="N154480" s="10"/>
    </row>
    <row r="154481" spans="14:14">
      <c r="N154481" s="10"/>
    </row>
    <row r="154482" spans="14:14">
      <c r="N154482" s="10"/>
    </row>
    <row r="154483" spans="14:14">
      <c r="N154483" s="10"/>
    </row>
    <row r="154484" spans="14:14">
      <c r="N154484" s="10"/>
    </row>
    <row r="154485" spans="14:14">
      <c r="N154485" s="10"/>
    </row>
    <row r="154486" spans="14:14">
      <c r="N154486" s="10"/>
    </row>
    <row r="154487" spans="14:14">
      <c r="N154487" s="10"/>
    </row>
    <row r="154488" spans="14:14">
      <c r="N154488" s="10"/>
    </row>
    <row r="154489" spans="14:14">
      <c r="N154489" s="10"/>
    </row>
    <row r="154490" spans="14:14">
      <c r="N154490" s="10"/>
    </row>
    <row r="154491" spans="14:14">
      <c r="N154491" s="10"/>
    </row>
    <row r="154492" spans="14:14">
      <c r="N154492" s="10"/>
    </row>
    <row r="154493" spans="14:14">
      <c r="N154493" s="10"/>
    </row>
    <row r="154494" spans="14:14">
      <c r="N154494" s="10"/>
    </row>
    <row r="154495" spans="14:14">
      <c r="N154495" s="10"/>
    </row>
    <row r="154496" spans="14:14">
      <c r="N154496" s="10"/>
    </row>
    <row r="154497" spans="14:14">
      <c r="N154497" s="10"/>
    </row>
    <row r="154498" spans="14:14">
      <c r="N154498" s="10"/>
    </row>
    <row r="154499" spans="14:14">
      <c r="N154499" s="10"/>
    </row>
    <row r="154500" spans="14:14">
      <c r="N154500" s="10"/>
    </row>
    <row r="154501" spans="14:14">
      <c r="N154501" s="10"/>
    </row>
    <row r="154502" spans="14:14">
      <c r="N154502" s="10"/>
    </row>
    <row r="154503" spans="14:14">
      <c r="N154503" s="10"/>
    </row>
    <row r="154504" spans="14:14">
      <c r="N154504" s="10"/>
    </row>
    <row r="154505" spans="14:14">
      <c r="N154505" s="10"/>
    </row>
    <row r="154506" spans="14:14">
      <c r="N154506" s="10"/>
    </row>
    <row r="154507" spans="14:14">
      <c r="N154507" s="10"/>
    </row>
    <row r="154508" spans="14:14">
      <c r="N154508" s="10"/>
    </row>
    <row r="154509" spans="14:14">
      <c r="N154509" s="10"/>
    </row>
    <row r="154510" spans="14:14">
      <c r="N154510" s="10"/>
    </row>
    <row r="154511" spans="14:14">
      <c r="N154511" s="10"/>
    </row>
    <row r="154512" spans="14:14">
      <c r="N154512" s="10"/>
    </row>
    <row r="154513" spans="14:14">
      <c r="N154513" s="10"/>
    </row>
    <row r="154514" spans="14:14">
      <c r="N154514" s="10"/>
    </row>
    <row r="154515" spans="14:14">
      <c r="N154515" s="10"/>
    </row>
    <row r="154516" spans="14:14">
      <c r="N154516" s="10"/>
    </row>
    <row r="154517" spans="14:14">
      <c r="N154517" s="10"/>
    </row>
    <row r="154518" spans="14:14">
      <c r="N154518" s="10"/>
    </row>
    <row r="154519" spans="14:14">
      <c r="N154519" s="10"/>
    </row>
    <row r="154520" spans="14:14">
      <c r="N154520" s="10"/>
    </row>
    <row r="154521" spans="14:14">
      <c r="N154521" s="10"/>
    </row>
    <row r="154522" spans="14:14">
      <c r="N154522" s="10"/>
    </row>
    <row r="154523" spans="14:14">
      <c r="N154523" s="10"/>
    </row>
    <row r="154524" spans="14:14">
      <c r="N154524" s="10"/>
    </row>
    <row r="154525" spans="14:14">
      <c r="N154525" s="10"/>
    </row>
    <row r="154526" spans="14:14">
      <c r="N154526" s="10"/>
    </row>
    <row r="154527" spans="14:14">
      <c r="N154527" s="10"/>
    </row>
    <row r="154528" spans="14:14">
      <c r="N154528" s="10"/>
    </row>
    <row r="154529" spans="14:14">
      <c r="N154529" s="10"/>
    </row>
    <row r="154530" spans="14:14">
      <c r="N154530" s="10"/>
    </row>
    <row r="154531" spans="14:14">
      <c r="N154531" s="10"/>
    </row>
    <row r="154532" spans="14:14">
      <c r="N154532" s="10"/>
    </row>
    <row r="154533" spans="14:14">
      <c r="N154533" s="10"/>
    </row>
    <row r="154534" spans="14:14">
      <c r="N154534" s="10"/>
    </row>
    <row r="154535" spans="14:14">
      <c r="N154535" s="10"/>
    </row>
    <row r="154536" spans="14:14">
      <c r="N154536" s="10"/>
    </row>
    <row r="154537" spans="14:14">
      <c r="N154537" s="10"/>
    </row>
    <row r="154538" spans="14:14">
      <c r="N154538" s="10"/>
    </row>
    <row r="154539" spans="14:14">
      <c r="N154539" s="10"/>
    </row>
    <row r="154540" spans="14:14">
      <c r="N154540" s="10"/>
    </row>
    <row r="154541" spans="14:14">
      <c r="N154541" s="10"/>
    </row>
    <row r="154542" spans="14:14">
      <c r="N154542" s="10"/>
    </row>
    <row r="154543" spans="14:14">
      <c r="N154543" s="10"/>
    </row>
    <row r="154544" spans="14:14">
      <c r="N154544" s="10"/>
    </row>
    <row r="154545" spans="14:14">
      <c r="N154545" s="10"/>
    </row>
    <row r="154546" spans="14:14">
      <c r="N154546" s="10"/>
    </row>
    <row r="154547" spans="14:14">
      <c r="N154547" s="10"/>
    </row>
    <row r="154548" spans="14:14">
      <c r="N154548" s="10"/>
    </row>
    <row r="154549" spans="14:14">
      <c r="N154549" s="10"/>
    </row>
    <row r="154550" spans="14:14">
      <c r="N154550" s="10"/>
    </row>
    <row r="154551" spans="14:14">
      <c r="N154551" s="10"/>
    </row>
    <row r="154552" spans="14:14">
      <c r="N154552" s="10"/>
    </row>
    <row r="154553" spans="14:14">
      <c r="N154553" s="10"/>
    </row>
    <row r="154554" spans="14:14">
      <c r="N154554" s="10"/>
    </row>
    <row r="154555" spans="14:14">
      <c r="N154555" s="10"/>
    </row>
    <row r="154556" spans="14:14">
      <c r="N154556" s="10"/>
    </row>
    <row r="154557" spans="14:14">
      <c r="N154557" s="10"/>
    </row>
    <row r="154558" spans="14:14">
      <c r="N154558" s="10"/>
    </row>
    <row r="154559" spans="14:14">
      <c r="N154559" s="10"/>
    </row>
    <row r="154560" spans="14:14">
      <c r="N154560" s="10"/>
    </row>
    <row r="154561" spans="14:14">
      <c r="N154561" s="10"/>
    </row>
    <row r="154562" spans="14:14">
      <c r="N154562" s="10"/>
    </row>
    <row r="154563" spans="14:14">
      <c r="N154563" s="10"/>
    </row>
    <row r="154564" spans="14:14">
      <c r="N154564" s="10"/>
    </row>
    <row r="154565" spans="14:14">
      <c r="N154565" s="10"/>
    </row>
    <row r="154566" spans="14:14">
      <c r="N154566" s="10"/>
    </row>
    <row r="154567" spans="14:14">
      <c r="N154567" s="10"/>
    </row>
    <row r="154568" spans="14:14">
      <c r="N154568" s="10"/>
    </row>
    <row r="154569" spans="14:14">
      <c r="N154569" s="10"/>
    </row>
    <row r="154570" spans="14:14">
      <c r="N154570" s="10"/>
    </row>
    <row r="154571" spans="14:14">
      <c r="N154571" s="10"/>
    </row>
    <row r="154572" spans="14:14">
      <c r="N154572" s="10"/>
    </row>
    <row r="154573" spans="14:14">
      <c r="N154573" s="10"/>
    </row>
    <row r="154574" spans="14:14">
      <c r="N154574" s="10"/>
    </row>
    <row r="154575" spans="14:14">
      <c r="N154575" s="10"/>
    </row>
    <row r="154576" spans="14:14">
      <c r="N154576" s="10"/>
    </row>
    <row r="154577" spans="14:14">
      <c r="N154577" s="10"/>
    </row>
    <row r="154578" spans="14:14">
      <c r="N154578" s="10"/>
    </row>
    <row r="154579" spans="14:14">
      <c r="N154579" s="10"/>
    </row>
    <row r="154580" spans="14:14">
      <c r="N154580" s="10"/>
    </row>
    <row r="154581" spans="14:14">
      <c r="N154581" s="10"/>
    </row>
    <row r="154582" spans="14:14">
      <c r="N154582" s="10"/>
    </row>
    <row r="154583" spans="14:14">
      <c r="N154583" s="10"/>
    </row>
    <row r="154584" spans="14:14">
      <c r="N154584" s="10"/>
    </row>
    <row r="154585" spans="14:14">
      <c r="N154585" s="10"/>
    </row>
    <row r="154586" spans="14:14">
      <c r="N154586" s="10"/>
    </row>
    <row r="154587" spans="14:14">
      <c r="N154587" s="10"/>
    </row>
    <row r="154588" spans="14:14">
      <c r="N154588" s="10"/>
    </row>
    <row r="154589" spans="14:14">
      <c r="N154589" s="10"/>
    </row>
    <row r="154590" spans="14:14">
      <c r="N154590" s="10"/>
    </row>
    <row r="154591" spans="14:14">
      <c r="N154591" s="10"/>
    </row>
    <row r="154592" spans="14:14">
      <c r="N154592" s="10"/>
    </row>
    <row r="154593" spans="14:14">
      <c r="N154593" s="10"/>
    </row>
    <row r="154594" spans="14:14">
      <c r="N154594" s="10"/>
    </row>
    <row r="154595" spans="14:14">
      <c r="N154595" s="10"/>
    </row>
    <row r="154596" spans="14:14">
      <c r="N154596" s="10"/>
    </row>
    <row r="154597" spans="14:14">
      <c r="N154597" s="10"/>
    </row>
    <row r="154598" spans="14:14">
      <c r="N154598" s="10"/>
    </row>
    <row r="154599" spans="14:14">
      <c r="N154599" s="10"/>
    </row>
    <row r="154600" spans="14:14">
      <c r="N154600" s="10"/>
    </row>
    <row r="154601" spans="14:14">
      <c r="N154601" s="10"/>
    </row>
    <row r="154602" spans="14:14">
      <c r="N154602" s="10"/>
    </row>
    <row r="154603" spans="14:14">
      <c r="N154603" s="10"/>
    </row>
    <row r="154604" spans="14:14">
      <c r="N154604" s="10"/>
    </row>
    <row r="154605" spans="14:14">
      <c r="N154605" s="10"/>
    </row>
    <row r="154606" spans="14:14">
      <c r="N154606" s="10"/>
    </row>
    <row r="154607" spans="14:14">
      <c r="N154607" s="10"/>
    </row>
    <row r="154608" spans="14:14">
      <c r="N154608" s="10"/>
    </row>
    <row r="154609" spans="14:14">
      <c r="N154609" s="10"/>
    </row>
    <row r="154610" spans="14:14">
      <c r="N154610" s="10"/>
    </row>
    <row r="154611" spans="14:14">
      <c r="N154611" s="10"/>
    </row>
    <row r="154612" spans="14:14">
      <c r="N154612" s="10"/>
    </row>
    <row r="154613" spans="14:14">
      <c r="N154613" s="10"/>
    </row>
    <row r="154614" spans="14:14">
      <c r="N154614" s="10"/>
    </row>
    <row r="154615" spans="14:14">
      <c r="N154615" s="10"/>
    </row>
    <row r="154616" spans="14:14">
      <c r="N154616" s="10"/>
    </row>
    <row r="154617" spans="14:14">
      <c r="N154617" s="10"/>
    </row>
    <row r="154618" spans="14:14">
      <c r="N154618" s="10"/>
    </row>
    <row r="154619" spans="14:14">
      <c r="N154619" s="10"/>
    </row>
    <row r="154620" spans="14:14">
      <c r="N154620" s="10"/>
    </row>
    <row r="154621" spans="14:14">
      <c r="N154621" s="10"/>
    </row>
    <row r="154622" spans="14:14">
      <c r="N154622" s="10"/>
    </row>
    <row r="154623" spans="14:14">
      <c r="N154623" s="10"/>
    </row>
    <row r="154624" spans="14:14">
      <c r="N154624" s="10"/>
    </row>
    <row r="154625" spans="14:14">
      <c r="N154625" s="10"/>
    </row>
    <row r="154626" spans="14:14">
      <c r="N154626" s="10"/>
    </row>
    <row r="154627" spans="14:14">
      <c r="N154627" s="10"/>
    </row>
    <row r="154628" spans="14:14">
      <c r="N154628" s="10"/>
    </row>
    <row r="154629" spans="14:14">
      <c r="N154629" s="10"/>
    </row>
    <row r="154630" spans="14:14">
      <c r="N154630" s="10"/>
    </row>
    <row r="154631" spans="14:14">
      <c r="N154631" s="10"/>
    </row>
    <row r="154632" spans="14:14">
      <c r="N154632" s="10"/>
    </row>
    <row r="154633" spans="14:14">
      <c r="N154633" s="10"/>
    </row>
    <row r="154634" spans="14:14">
      <c r="N154634" s="10"/>
    </row>
    <row r="154635" spans="14:14">
      <c r="N154635" s="10"/>
    </row>
    <row r="154636" spans="14:14">
      <c r="N154636" s="10"/>
    </row>
    <row r="154637" spans="14:14">
      <c r="N154637" s="10"/>
    </row>
    <row r="154638" spans="14:14">
      <c r="N154638" s="10"/>
    </row>
    <row r="154639" spans="14:14">
      <c r="N154639" s="10"/>
    </row>
    <row r="154640" spans="14:14">
      <c r="N154640" s="10"/>
    </row>
    <row r="154641" spans="14:14">
      <c r="N154641" s="10"/>
    </row>
    <row r="154642" spans="14:14">
      <c r="N154642" s="10"/>
    </row>
    <row r="154643" spans="14:14">
      <c r="N154643" s="10"/>
    </row>
    <row r="154644" spans="14:14">
      <c r="N154644" s="10"/>
    </row>
    <row r="154645" spans="14:14">
      <c r="N154645" s="10"/>
    </row>
    <row r="154646" spans="14:14">
      <c r="N154646" s="10"/>
    </row>
    <row r="154647" spans="14:14">
      <c r="N154647" s="10"/>
    </row>
    <row r="154648" spans="14:14">
      <c r="N154648" s="10"/>
    </row>
    <row r="154649" spans="14:14">
      <c r="N154649" s="10"/>
    </row>
    <row r="154650" spans="14:14">
      <c r="N154650" s="10"/>
    </row>
    <row r="154651" spans="14:14">
      <c r="N154651" s="10"/>
    </row>
    <row r="154652" spans="14:14">
      <c r="N154652" s="10"/>
    </row>
    <row r="154653" spans="14:14">
      <c r="N154653" s="10"/>
    </row>
    <row r="154654" spans="14:14">
      <c r="N154654" s="10"/>
    </row>
    <row r="154655" spans="14:14">
      <c r="N154655" s="10"/>
    </row>
    <row r="154656" spans="14:14">
      <c r="N154656" s="10"/>
    </row>
    <row r="154657" spans="14:14">
      <c r="N154657" s="10"/>
    </row>
    <row r="154658" spans="14:14">
      <c r="N154658" s="10"/>
    </row>
    <row r="154659" spans="14:14">
      <c r="N154659" s="10"/>
    </row>
    <row r="154660" spans="14:14">
      <c r="N154660" s="10"/>
    </row>
    <row r="154661" spans="14:14">
      <c r="N154661" s="10"/>
    </row>
    <row r="154662" spans="14:14">
      <c r="N154662" s="10"/>
    </row>
    <row r="154663" spans="14:14">
      <c r="N154663" s="10"/>
    </row>
    <row r="154664" spans="14:14">
      <c r="N154664" s="10"/>
    </row>
    <row r="154665" spans="14:14">
      <c r="N154665" s="10"/>
    </row>
    <row r="154666" spans="14:14">
      <c r="N154666" s="10"/>
    </row>
    <row r="154667" spans="14:14">
      <c r="N154667" s="10"/>
    </row>
    <row r="154668" spans="14:14">
      <c r="N154668" s="10"/>
    </row>
    <row r="154669" spans="14:14">
      <c r="N154669" s="10"/>
    </row>
    <row r="154670" spans="14:14">
      <c r="N154670" s="10"/>
    </row>
    <row r="154671" spans="14:14">
      <c r="N154671" s="10"/>
    </row>
    <row r="154672" spans="14:14">
      <c r="N154672" s="10"/>
    </row>
    <row r="154673" spans="14:14">
      <c r="N154673" s="10"/>
    </row>
    <row r="154674" spans="14:14">
      <c r="N154674" s="10"/>
    </row>
    <row r="154675" spans="14:14">
      <c r="N154675" s="10"/>
    </row>
    <row r="154676" spans="14:14">
      <c r="N154676" s="10"/>
    </row>
    <row r="154677" spans="14:14">
      <c r="N154677" s="10"/>
    </row>
    <row r="154678" spans="14:14">
      <c r="N154678" s="10"/>
    </row>
    <row r="154679" spans="14:14">
      <c r="N154679" s="10"/>
    </row>
    <row r="154680" spans="14:14">
      <c r="N154680" s="10"/>
    </row>
    <row r="154681" spans="14:14">
      <c r="N154681" s="10"/>
    </row>
    <row r="154682" spans="14:14">
      <c r="N154682" s="10"/>
    </row>
    <row r="154683" spans="14:14">
      <c r="N154683" s="10"/>
    </row>
    <row r="154684" spans="14:14">
      <c r="N154684" s="10"/>
    </row>
    <row r="154685" spans="14:14">
      <c r="N154685" s="10"/>
    </row>
    <row r="154686" spans="14:14">
      <c r="N154686" s="10"/>
    </row>
    <row r="154687" spans="14:14">
      <c r="N154687" s="10"/>
    </row>
    <row r="154688" spans="14:14">
      <c r="N154688" s="10"/>
    </row>
    <row r="154689" spans="14:14">
      <c r="N154689" s="10"/>
    </row>
    <row r="154690" spans="14:14">
      <c r="N154690" s="10"/>
    </row>
    <row r="154691" spans="14:14">
      <c r="N154691" s="10"/>
    </row>
    <row r="154692" spans="14:14">
      <c r="N154692" s="10"/>
    </row>
    <row r="154693" spans="14:14">
      <c r="N154693" s="10"/>
    </row>
    <row r="154694" spans="14:14">
      <c r="N154694" s="10"/>
    </row>
    <row r="154695" spans="14:14">
      <c r="N154695" s="10"/>
    </row>
    <row r="154696" spans="14:14">
      <c r="N154696" s="10"/>
    </row>
    <row r="154697" spans="14:14">
      <c r="N154697" s="10"/>
    </row>
    <row r="154698" spans="14:14">
      <c r="N154698" s="10"/>
    </row>
    <row r="154699" spans="14:14">
      <c r="N154699" s="10"/>
    </row>
    <row r="154700" spans="14:14">
      <c r="N154700" s="10"/>
    </row>
    <row r="154701" spans="14:14">
      <c r="N154701" s="10"/>
    </row>
    <row r="154702" spans="14:14">
      <c r="N154702" s="10"/>
    </row>
    <row r="154703" spans="14:14">
      <c r="N154703" s="10"/>
    </row>
    <row r="154704" spans="14:14">
      <c r="N154704" s="10"/>
    </row>
    <row r="154705" spans="14:14">
      <c r="N154705" s="10"/>
    </row>
    <row r="154706" spans="14:14">
      <c r="N154706" s="10"/>
    </row>
    <row r="154707" spans="14:14">
      <c r="N154707" s="10"/>
    </row>
    <row r="154708" spans="14:14">
      <c r="N154708" s="10"/>
    </row>
    <row r="154709" spans="14:14">
      <c r="N154709" s="10"/>
    </row>
    <row r="154710" spans="14:14">
      <c r="N154710" s="10"/>
    </row>
    <row r="154711" spans="14:14">
      <c r="N154711" s="10"/>
    </row>
    <row r="154712" spans="14:14">
      <c r="N154712" s="10"/>
    </row>
    <row r="154713" spans="14:14">
      <c r="N154713" s="10"/>
    </row>
    <row r="154714" spans="14:14">
      <c r="N154714" s="10"/>
    </row>
    <row r="154715" spans="14:14">
      <c r="N154715" s="10"/>
    </row>
    <row r="154716" spans="14:14">
      <c r="N154716" s="10"/>
    </row>
    <row r="154717" spans="14:14">
      <c r="N154717" s="10"/>
    </row>
    <row r="154718" spans="14:14">
      <c r="N154718" s="10"/>
    </row>
    <row r="154719" spans="14:14">
      <c r="N154719" s="10"/>
    </row>
    <row r="154720" spans="14:14">
      <c r="N154720" s="10"/>
    </row>
    <row r="154721" spans="14:14">
      <c r="N154721" s="10"/>
    </row>
    <row r="154722" spans="14:14">
      <c r="N154722" s="10"/>
    </row>
    <row r="154723" spans="14:14">
      <c r="N154723" s="10"/>
    </row>
    <row r="154724" spans="14:14">
      <c r="N154724" s="10"/>
    </row>
    <row r="154725" spans="14:14">
      <c r="N154725" s="10"/>
    </row>
    <row r="154726" spans="14:14">
      <c r="N154726" s="10"/>
    </row>
    <row r="154727" spans="14:14">
      <c r="N154727" s="10"/>
    </row>
    <row r="154728" spans="14:14">
      <c r="N154728" s="10"/>
    </row>
    <row r="154729" spans="14:14">
      <c r="N154729" s="10"/>
    </row>
    <row r="154730" spans="14:14">
      <c r="N154730" s="10"/>
    </row>
    <row r="154731" spans="14:14">
      <c r="N154731" s="10"/>
    </row>
    <row r="154732" spans="14:14">
      <c r="N154732" s="10"/>
    </row>
    <row r="154733" spans="14:14">
      <c r="N154733" s="10"/>
    </row>
    <row r="154734" spans="14:14">
      <c r="N154734" s="10"/>
    </row>
    <row r="154735" spans="14:14">
      <c r="N154735" s="10"/>
    </row>
    <row r="154736" spans="14:14">
      <c r="N154736" s="10"/>
    </row>
    <row r="154737" spans="14:14">
      <c r="N154737" s="10"/>
    </row>
    <row r="154738" spans="14:14">
      <c r="N154738" s="10"/>
    </row>
    <row r="154739" spans="14:14">
      <c r="N154739" s="10"/>
    </row>
    <row r="154740" spans="14:14">
      <c r="N154740" s="10"/>
    </row>
    <row r="154741" spans="14:14">
      <c r="N154741" s="10"/>
    </row>
    <row r="154742" spans="14:14">
      <c r="N154742" s="10"/>
    </row>
    <row r="154743" spans="14:14">
      <c r="N154743" s="10"/>
    </row>
    <row r="154744" spans="14:14">
      <c r="N154744" s="10"/>
    </row>
    <row r="154745" spans="14:14">
      <c r="N154745" s="10"/>
    </row>
    <row r="154746" spans="14:14">
      <c r="N154746" s="10"/>
    </row>
    <row r="154747" spans="14:14">
      <c r="N154747" s="10"/>
    </row>
    <row r="154748" spans="14:14">
      <c r="N154748" s="10"/>
    </row>
    <row r="154749" spans="14:14">
      <c r="N154749" s="10"/>
    </row>
    <row r="154750" spans="14:14">
      <c r="N154750" s="10"/>
    </row>
    <row r="154751" spans="14:14">
      <c r="N154751" s="10"/>
    </row>
    <row r="154752" spans="14:14">
      <c r="N154752" s="10"/>
    </row>
    <row r="154753" spans="14:14">
      <c r="N154753" s="10"/>
    </row>
    <row r="154754" spans="14:14">
      <c r="N154754" s="10"/>
    </row>
    <row r="154755" spans="14:14">
      <c r="N154755" s="10"/>
    </row>
    <row r="154756" spans="14:14">
      <c r="N154756" s="10"/>
    </row>
    <row r="154757" spans="14:14">
      <c r="N154757" s="10"/>
    </row>
    <row r="154758" spans="14:14">
      <c r="N154758" s="10"/>
    </row>
    <row r="154759" spans="14:14">
      <c r="N154759" s="10"/>
    </row>
    <row r="154760" spans="14:14">
      <c r="N154760" s="10"/>
    </row>
    <row r="154761" spans="14:14">
      <c r="N154761" s="10"/>
    </row>
    <row r="154762" spans="14:14">
      <c r="N154762" s="10"/>
    </row>
    <row r="154763" spans="14:14">
      <c r="N154763" s="10"/>
    </row>
    <row r="154764" spans="14:14">
      <c r="N154764" s="10"/>
    </row>
    <row r="154765" spans="14:14">
      <c r="N154765" s="10"/>
    </row>
    <row r="154766" spans="14:14">
      <c r="N154766" s="10"/>
    </row>
    <row r="154767" spans="14:14">
      <c r="N154767" s="10"/>
    </row>
    <row r="154768" spans="14:14">
      <c r="N154768" s="10"/>
    </row>
    <row r="154769" spans="14:14">
      <c r="N154769" s="10"/>
    </row>
    <row r="154770" spans="14:14">
      <c r="N154770" s="10"/>
    </row>
    <row r="154771" spans="14:14">
      <c r="N154771" s="10"/>
    </row>
    <row r="154772" spans="14:14">
      <c r="N154772" s="10"/>
    </row>
    <row r="154773" spans="14:14">
      <c r="N154773" s="10"/>
    </row>
    <row r="154774" spans="14:14">
      <c r="N154774" s="10"/>
    </row>
    <row r="154775" spans="14:14">
      <c r="N154775" s="10"/>
    </row>
    <row r="154776" spans="14:14">
      <c r="N154776" s="10"/>
    </row>
    <row r="154777" spans="14:14">
      <c r="N154777" s="10"/>
    </row>
    <row r="154778" spans="14:14">
      <c r="N154778" s="10"/>
    </row>
    <row r="154779" spans="14:14">
      <c r="N154779" s="10"/>
    </row>
    <row r="154780" spans="14:14">
      <c r="N154780" s="10"/>
    </row>
    <row r="154781" spans="14:14">
      <c r="N154781" s="10"/>
    </row>
    <row r="154782" spans="14:14">
      <c r="N154782" s="10"/>
    </row>
    <row r="154783" spans="14:14">
      <c r="N154783" s="10"/>
    </row>
    <row r="154784" spans="14:14">
      <c r="N154784" s="10"/>
    </row>
    <row r="154785" spans="14:14">
      <c r="N154785" s="10"/>
    </row>
    <row r="154786" spans="14:14">
      <c r="N154786" s="10"/>
    </row>
    <row r="154787" spans="14:14">
      <c r="N154787" s="10"/>
    </row>
    <row r="154788" spans="14:14">
      <c r="N154788" s="10"/>
    </row>
    <row r="154789" spans="14:14">
      <c r="N154789" s="10"/>
    </row>
    <row r="154790" spans="14:14">
      <c r="N154790" s="10"/>
    </row>
    <row r="154791" spans="14:14">
      <c r="N154791" s="10"/>
    </row>
    <row r="154792" spans="14:14">
      <c r="N154792" s="10"/>
    </row>
    <row r="154793" spans="14:14">
      <c r="N154793" s="10"/>
    </row>
    <row r="154794" spans="14:14">
      <c r="N154794" s="10"/>
    </row>
    <row r="154795" spans="14:14">
      <c r="N154795" s="10"/>
    </row>
    <row r="154796" spans="14:14">
      <c r="N154796" s="10"/>
    </row>
    <row r="154797" spans="14:14">
      <c r="N154797" s="10"/>
    </row>
    <row r="154798" spans="14:14">
      <c r="N154798" s="10"/>
    </row>
    <row r="154799" spans="14:14">
      <c r="N154799" s="10"/>
    </row>
    <row r="154800" spans="14:14">
      <c r="N154800" s="10"/>
    </row>
    <row r="154801" spans="14:14">
      <c r="N154801" s="10"/>
    </row>
    <row r="154802" spans="14:14">
      <c r="N154802" s="10"/>
    </row>
    <row r="154803" spans="14:14">
      <c r="N154803" s="10"/>
    </row>
    <row r="154804" spans="14:14">
      <c r="N154804" s="10"/>
    </row>
    <row r="154805" spans="14:14">
      <c r="N154805" s="10"/>
    </row>
    <row r="154806" spans="14:14">
      <c r="N154806" s="10"/>
    </row>
    <row r="154807" spans="14:14">
      <c r="N154807" s="10"/>
    </row>
    <row r="154808" spans="14:14">
      <c r="N154808" s="10"/>
    </row>
    <row r="154809" spans="14:14">
      <c r="N154809" s="10"/>
    </row>
    <row r="154810" spans="14:14">
      <c r="N154810" s="10"/>
    </row>
    <row r="154811" spans="14:14">
      <c r="N154811" s="10"/>
    </row>
    <row r="154812" spans="14:14">
      <c r="N154812" s="10"/>
    </row>
    <row r="154813" spans="14:14">
      <c r="N154813" s="10"/>
    </row>
    <row r="154814" spans="14:14">
      <c r="N154814" s="10"/>
    </row>
    <row r="154815" spans="14:14">
      <c r="N154815" s="10"/>
    </row>
    <row r="154816" spans="14:14">
      <c r="N154816" s="10"/>
    </row>
    <row r="154817" spans="14:14">
      <c r="N154817" s="10"/>
    </row>
    <row r="154818" spans="14:14">
      <c r="N154818" s="10"/>
    </row>
    <row r="154819" spans="14:14">
      <c r="N154819" s="10"/>
    </row>
    <row r="154820" spans="14:14">
      <c r="N154820" s="10"/>
    </row>
    <row r="154821" spans="14:14">
      <c r="N154821" s="10"/>
    </row>
    <row r="154822" spans="14:14">
      <c r="N154822" s="10"/>
    </row>
    <row r="154823" spans="14:14">
      <c r="N154823" s="10"/>
    </row>
    <row r="154824" spans="14:14">
      <c r="N154824" s="10"/>
    </row>
    <row r="154825" spans="14:14">
      <c r="N154825" s="10"/>
    </row>
    <row r="154826" spans="14:14">
      <c r="N154826" s="10"/>
    </row>
    <row r="154827" spans="14:14">
      <c r="N154827" s="10"/>
    </row>
    <row r="154828" spans="14:14">
      <c r="N154828" s="10"/>
    </row>
    <row r="154829" spans="14:14">
      <c r="N154829" s="10"/>
    </row>
    <row r="154830" spans="14:14">
      <c r="N154830" s="10"/>
    </row>
    <row r="154831" spans="14:14">
      <c r="N154831" s="10"/>
    </row>
    <row r="154832" spans="14:14">
      <c r="N154832" s="10"/>
    </row>
    <row r="154833" spans="14:14">
      <c r="N154833" s="10"/>
    </row>
    <row r="154834" spans="14:14">
      <c r="N154834" s="10"/>
    </row>
    <row r="154835" spans="14:14">
      <c r="N154835" s="10"/>
    </row>
    <row r="154836" spans="14:14">
      <c r="N154836" s="10"/>
    </row>
    <row r="154837" spans="14:14">
      <c r="N154837" s="10"/>
    </row>
    <row r="154838" spans="14:14">
      <c r="N154838" s="10"/>
    </row>
    <row r="154839" spans="14:14">
      <c r="N154839" s="10"/>
    </row>
    <row r="154840" spans="14:14">
      <c r="N154840" s="10"/>
    </row>
    <row r="154841" spans="14:14">
      <c r="N154841" s="10"/>
    </row>
    <row r="154842" spans="14:14">
      <c r="N154842" s="10"/>
    </row>
    <row r="154843" spans="14:14">
      <c r="N154843" s="10"/>
    </row>
    <row r="154844" spans="14:14">
      <c r="N154844" s="10"/>
    </row>
    <row r="154845" spans="14:14">
      <c r="N154845" s="10"/>
    </row>
    <row r="154846" spans="14:14">
      <c r="N154846" s="10"/>
    </row>
    <row r="154847" spans="14:14">
      <c r="N154847" s="10"/>
    </row>
    <row r="154848" spans="14:14">
      <c r="N154848" s="10"/>
    </row>
    <row r="154849" spans="14:14">
      <c r="N154849" s="10"/>
    </row>
    <row r="154850" spans="14:14">
      <c r="N154850" s="10"/>
    </row>
    <row r="154851" spans="14:14">
      <c r="N154851" s="10"/>
    </row>
    <row r="154852" spans="14:14">
      <c r="N154852" s="10"/>
    </row>
    <row r="154853" spans="14:14">
      <c r="N154853" s="10"/>
    </row>
    <row r="154854" spans="14:14">
      <c r="N154854" s="10"/>
    </row>
    <row r="154855" spans="14:14">
      <c r="N154855" s="10"/>
    </row>
    <row r="154856" spans="14:14">
      <c r="N154856" s="10"/>
    </row>
    <row r="154857" spans="14:14">
      <c r="N154857" s="10"/>
    </row>
    <row r="154858" spans="14:14">
      <c r="N154858" s="10"/>
    </row>
    <row r="154859" spans="14:14">
      <c r="N154859" s="10"/>
    </row>
    <row r="154860" spans="14:14">
      <c r="N154860" s="10"/>
    </row>
    <row r="154861" spans="14:14">
      <c r="N154861" s="10"/>
    </row>
    <row r="154862" spans="14:14">
      <c r="N154862" s="10"/>
    </row>
    <row r="154863" spans="14:14">
      <c r="N154863" s="10"/>
    </row>
    <row r="154864" spans="14:14">
      <c r="N154864" s="10"/>
    </row>
    <row r="154865" spans="14:14">
      <c r="N154865" s="10"/>
    </row>
    <row r="154866" spans="14:14">
      <c r="N154866" s="10"/>
    </row>
    <row r="154867" spans="14:14">
      <c r="N154867" s="10"/>
    </row>
    <row r="154868" spans="14:14">
      <c r="N154868" s="10"/>
    </row>
    <row r="154869" spans="14:14">
      <c r="N154869" s="10"/>
    </row>
    <row r="154870" spans="14:14">
      <c r="N154870" s="10"/>
    </row>
    <row r="154871" spans="14:14">
      <c r="N154871" s="10"/>
    </row>
    <row r="154872" spans="14:14">
      <c r="N154872" s="10"/>
    </row>
    <row r="154873" spans="14:14">
      <c r="N154873" s="10"/>
    </row>
    <row r="154874" spans="14:14">
      <c r="N154874" s="10"/>
    </row>
    <row r="154875" spans="14:14">
      <c r="N154875" s="10"/>
    </row>
    <row r="154876" spans="14:14">
      <c r="N154876" s="10"/>
    </row>
    <row r="154877" spans="14:14">
      <c r="N154877" s="10"/>
    </row>
    <row r="154878" spans="14:14">
      <c r="N154878" s="10"/>
    </row>
    <row r="154879" spans="14:14">
      <c r="N154879" s="10"/>
    </row>
    <row r="154880" spans="14:14">
      <c r="N154880" s="10"/>
    </row>
    <row r="154881" spans="14:14">
      <c r="N154881" s="10"/>
    </row>
    <row r="154882" spans="14:14">
      <c r="N154882" s="10"/>
    </row>
    <row r="154883" spans="14:14">
      <c r="N154883" s="10"/>
    </row>
    <row r="154884" spans="14:14">
      <c r="N154884" s="10"/>
    </row>
    <row r="154885" spans="14:14">
      <c r="N154885" s="10"/>
    </row>
    <row r="154886" spans="14:14">
      <c r="N154886" s="10"/>
    </row>
    <row r="154887" spans="14:14">
      <c r="N154887" s="10"/>
    </row>
    <row r="154888" spans="14:14">
      <c r="N154888" s="10"/>
    </row>
    <row r="154889" spans="14:14">
      <c r="N154889" s="10"/>
    </row>
    <row r="154890" spans="14:14">
      <c r="N154890" s="10"/>
    </row>
    <row r="154891" spans="14:14">
      <c r="N154891" s="10"/>
    </row>
    <row r="154892" spans="14:14">
      <c r="N154892" s="10"/>
    </row>
    <row r="154893" spans="14:14">
      <c r="N154893" s="10"/>
    </row>
    <row r="154894" spans="14:14">
      <c r="N154894" s="10"/>
    </row>
    <row r="154895" spans="14:14">
      <c r="N154895" s="10"/>
    </row>
    <row r="154896" spans="14:14">
      <c r="N154896" s="10"/>
    </row>
    <row r="154897" spans="14:14">
      <c r="N154897" s="10"/>
    </row>
    <row r="154898" spans="14:14">
      <c r="N154898" s="10"/>
    </row>
    <row r="154899" spans="14:14">
      <c r="N154899" s="10"/>
    </row>
    <row r="154900" spans="14:14">
      <c r="N154900" s="10"/>
    </row>
    <row r="154901" spans="14:14">
      <c r="N154901" s="10"/>
    </row>
    <row r="154902" spans="14:14">
      <c r="N154902" s="10"/>
    </row>
    <row r="154903" spans="14:14">
      <c r="N154903" s="10"/>
    </row>
    <row r="154904" spans="14:14">
      <c r="N154904" s="10"/>
    </row>
    <row r="154905" spans="14:14">
      <c r="N154905" s="10"/>
    </row>
    <row r="154906" spans="14:14">
      <c r="N154906" s="10"/>
    </row>
    <row r="154907" spans="14:14">
      <c r="N154907" s="10"/>
    </row>
    <row r="154908" spans="14:14">
      <c r="N154908" s="10"/>
    </row>
    <row r="154909" spans="14:14">
      <c r="N154909" s="10"/>
    </row>
    <row r="154910" spans="14:14">
      <c r="N154910" s="10"/>
    </row>
    <row r="154911" spans="14:14">
      <c r="N154911" s="10"/>
    </row>
    <row r="154912" spans="14:14">
      <c r="N154912" s="10"/>
    </row>
    <row r="154913" spans="14:14">
      <c r="N154913" s="10"/>
    </row>
    <row r="154914" spans="14:14">
      <c r="N154914" s="10"/>
    </row>
    <row r="154915" spans="14:14">
      <c r="N154915" s="10"/>
    </row>
    <row r="154916" spans="14:14">
      <c r="N154916" s="10"/>
    </row>
    <row r="154917" spans="14:14">
      <c r="N154917" s="10"/>
    </row>
    <row r="154918" spans="14:14">
      <c r="N154918" s="10"/>
    </row>
    <row r="154919" spans="14:14">
      <c r="N154919" s="10"/>
    </row>
    <row r="154920" spans="14:14">
      <c r="N154920" s="10"/>
    </row>
    <row r="154921" spans="14:14">
      <c r="N154921" s="10"/>
    </row>
    <row r="154922" spans="14:14">
      <c r="N154922" s="10"/>
    </row>
    <row r="154923" spans="14:14">
      <c r="N154923" s="10"/>
    </row>
    <row r="154924" spans="14:14">
      <c r="N154924" s="10"/>
    </row>
    <row r="154925" spans="14:14">
      <c r="N154925" s="10"/>
    </row>
    <row r="154926" spans="14:14">
      <c r="N154926" s="10"/>
    </row>
    <row r="154927" spans="14:14">
      <c r="N154927" s="10"/>
    </row>
    <row r="154928" spans="14:14">
      <c r="N154928" s="10"/>
    </row>
    <row r="154929" spans="14:14">
      <c r="N154929" s="10"/>
    </row>
    <row r="154930" spans="14:14">
      <c r="N154930" s="10"/>
    </row>
    <row r="154931" spans="14:14">
      <c r="N154931" s="10"/>
    </row>
    <row r="154932" spans="14:14">
      <c r="N154932" s="10"/>
    </row>
    <row r="154933" spans="14:14">
      <c r="N154933" s="10"/>
    </row>
    <row r="154934" spans="14:14">
      <c r="N154934" s="10"/>
    </row>
    <row r="154935" spans="14:14">
      <c r="N154935" s="10"/>
    </row>
    <row r="154936" spans="14:14">
      <c r="N154936" s="10"/>
    </row>
    <row r="154937" spans="14:14">
      <c r="N154937" s="10"/>
    </row>
    <row r="154938" spans="14:14">
      <c r="N154938" s="10"/>
    </row>
    <row r="154939" spans="14:14">
      <c r="N154939" s="10"/>
    </row>
    <row r="154940" spans="14:14">
      <c r="N154940" s="10"/>
    </row>
    <row r="154941" spans="14:14">
      <c r="N154941" s="10"/>
    </row>
    <row r="154942" spans="14:14">
      <c r="N154942" s="10"/>
    </row>
    <row r="154943" spans="14:14">
      <c r="N154943" s="10"/>
    </row>
    <row r="154944" spans="14:14">
      <c r="N154944" s="10"/>
    </row>
    <row r="154945" spans="14:14">
      <c r="N154945" s="10"/>
    </row>
    <row r="154946" spans="14:14">
      <c r="N154946" s="10"/>
    </row>
    <row r="154947" spans="14:14">
      <c r="N154947" s="10"/>
    </row>
    <row r="154948" spans="14:14">
      <c r="N154948" s="10"/>
    </row>
    <row r="154949" spans="14:14">
      <c r="N154949" s="10"/>
    </row>
    <row r="154950" spans="14:14">
      <c r="N154950" s="10"/>
    </row>
    <row r="154951" spans="14:14">
      <c r="N154951" s="10"/>
    </row>
    <row r="154952" spans="14:14">
      <c r="N154952" s="10"/>
    </row>
    <row r="154953" spans="14:14">
      <c r="N154953" s="10"/>
    </row>
    <row r="154954" spans="14:14">
      <c r="N154954" s="10"/>
    </row>
    <row r="154955" spans="14:14">
      <c r="N154955" s="10"/>
    </row>
    <row r="154956" spans="14:14">
      <c r="N154956" s="10"/>
    </row>
    <row r="154957" spans="14:14">
      <c r="N154957" s="10"/>
    </row>
    <row r="154958" spans="14:14">
      <c r="N154958" s="10"/>
    </row>
    <row r="154959" spans="14:14">
      <c r="N154959" s="10"/>
    </row>
    <row r="154960" spans="14:14">
      <c r="N154960" s="10"/>
    </row>
    <row r="154961" spans="14:14">
      <c r="N154961" s="10"/>
    </row>
    <row r="154962" spans="14:14">
      <c r="N154962" s="10"/>
    </row>
    <row r="154963" spans="14:14">
      <c r="N154963" s="10"/>
    </row>
    <row r="154964" spans="14:14">
      <c r="N154964" s="10"/>
    </row>
    <row r="154965" spans="14:14">
      <c r="N154965" s="10"/>
    </row>
    <row r="154966" spans="14:14">
      <c r="N154966" s="10"/>
    </row>
    <row r="154967" spans="14:14">
      <c r="N154967" s="10"/>
    </row>
    <row r="154968" spans="14:14">
      <c r="N154968" s="10"/>
    </row>
    <row r="154969" spans="14:14">
      <c r="N154969" s="10"/>
    </row>
    <row r="154970" spans="14:14">
      <c r="N154970" s="10"/>
    </row>
    <row r="154971" spans="14:14">
      <c r="N154971" s="10"/>
    </row>
    <row r="154972" spans="14:14">
      <c r="N154972" s="10"/>
    </row>
    <row r="154973" spans="14:14">
      <c r="N154973" s="10"/>
    </row>
    <row r="154974" spans="14:14">
      <c r="N154974" s="10"/>
    </row>
    <row r="154975" spans="14:14">
      <c r="N154975" s="10"/>
    </row>
    <row r="154976" spans="14:14">
      <c r="N154976" s="10"/>
    </row>
    <row r="154977" spans="14:14">
      <c r="N154977" s="10"/>
    </row>
    <row r="154978" spans="14:14">
      <c r="N154978" s="10"/>
    </row>
    <row r="154979" spans="14:14">
      <c r="N154979" s="10"/>
    </row>
    <row r="154980" spans="14:14">
      <c r="N154980" s="10"/>
    </row>
    <row r="154981" spans="14:14">
      <c r="N154981" s="10"/>
    </row>
    <row r="154982" spans="14:14">
      <c r="N154982" s="10"/>
    </row>
    <row r="154983" spans="14:14">
      <c r="N154983" s="10"/>
    </row>
    <row r="154984" spans="14:14">
      <c r="N154984" s="10"/>
    </row>
    <row r="154985" spans="14:14">
      <c r="N154985" s="10"/>
    </row>
    <row r="154986" spans="14:14">
      <c r="N154986" s="10"/>
    </row>
    <row r="154987" spans="14:14">
      <c r="N154987" s="10"/>
    </row>
    <row r="154988" spans="14:14">
      <c r="N154988" s="10"/>
    </row>
    <row r="154989" spans="14:14">
      <c r="N154989" s="10"/>
    </row>
    <row r="154990" spans="14:14">
      <c r="N154990" s="10"/>
    </row>
    <row r="154991" spans="14:14">
      <c r="N154991" s="10"/>
    </row>
    <row r="154992" spans="14:14">
      <c r="N154992" s="10"/>
    </row>
    <row r="154993" spans="14:14">
      <c r="N154993" s="10"/>
    </row>
    <row r="154994" spans="14:14">
      <c r="N154994" s="10"/>
    </row>
    <row r="154995" spans="14:14">
      <c r="N154995" s="10"/>
    </row>
    <row r="154996" spans="14:14">
      <c r="N154996" s="10"/>
    </row>
    <row r="154997" spans="14:14">
      <c r="N154997" s="10"/>
    </row>
    <row r="154998" spans="14:14">
      <c r="N154998" s="10"/>
    </row>
    <row r="154999" spans="14:14">
      <c r="N154999" s="10"/>
    </row>
    <row r="155000" spans="14:14">
      <c r="N155000" s="10"/>
    </row>
    <row r="155001" spans="14:14">
      <c r="N155001" s="10"/>
    </row>
    <row r="155002" spans="14:14">
      <c r="N155002" s="10"/>
    </row>
    <row r="155003" spans="14:14">
      <c r="N155003" s="10"/>
    </row>
    <row r="155004" spans="14:14">
      <c r="N155004" s="10"/>
    </row>
    <row r="155005" spans="14:14">
      <c r="N155005" s="10"/>
    </row>
    <row r="155006" spans="14:14">
      <c r="N155006" s="10"/>
    </row>
    <row r="155007" spans="14:14">
      <c r="N155007" s="10"/>
    </row>
    <row r="155008" spans="14:14">
      <c r="N155008" s="10"/>
    </row>
    <row r="155009" spans="14:14">
      <c r="N155009" s="10"/>
    </row>
    <row r="155010" spans="14:14">
      <c r="N155010" s="10"/>
    </row>
    <row r="155011" spans="14:14">
      <c r="N155011" s="10"/>
    </row>
    <row r="155012" spans="14:14">
      <c r="N155012" s="10"/>
    </row>
    <row r="155013" spans="14:14">
      <c r="N155013" s="10"/>
    </row>
    <row r="155014" spans="14:14">
      <c r="N155014" s="10"/>
    </row>
    <row r="155015" spans="14:14">
      <c r="N155015" s="10"/>
    </row>
    <row r="155016" spans="14:14">
      <c r="N155016" s="10"/>
    </row>
    <row r="155017" spans="14:14">
      <c r="N155017" s="10"/>
    </row>
    <row r="155018" spans="14:14">
      <c r="N155018" s="10"/>
    </row>
    <row r="155019" spans="14:14">
      <c r="N155019" s="10"/>
    </row>
    <row r="155020" spans="14:14">
      <c r="N155020" s="10"/>
    </row>
    <row r="155021" spans="14:14">
      <c r="N155021" s="10"/>
    </row>
    <row r="155022" spans="14:14">
      <c r="N155022" s="10"/>
    </row>
    <row r="155023" spans="14:14">
      <c r="N155023" s="10"/>
    </row>
    <row r="155024" spans="14:14">
      <c r="N155024" s="10"/>
    </row>
    <row r="155025" spans="14:14">
      <c r="N155025" s="10"/>
    </row>
    <row r="155026" spans="14:14">
      <c r="N155026" s="10"/>
    </row>
    <row r="155027" spans="14:14">
      <c r="N155027" s="10"/>
    </row>
    <row r="155028" spans="14:14">
      <c r="N155028" s="10"/>
    </row>
    <row r="155029" spans="14:14">
      <c r="N155029" s="10"/>
    </row>
    <row r="155030" spans="14:14">
      <c r="N155030" s="10"/>
    </row>
    <row r="155031" spans="14:14">
      <c r="N155031" s="10"/>
    </row>
    <row r="155032" spans="14:14">
      <c r="N155032" s="10"/>
    </row>
    <row r="155033" spans="14:14">
      <c r="N155033" s="10"/>
    </row>
    <row r="155034" spans="14:14">
      <c r="N155034" s="10"/>
    </row>
    <row r="155035" spans="14:14">
      <c r="N155035" s="10"/>
    </row>
    <row r="155036" spans="14:14">
      <c r="N155036" s="10"/>
    </row>
    <row r="155037" spans="14:14">
      <c r="N155037" s="10"/>
    </row>
    <row r="155038" spans="14:14">
      <c r="N155038" s="10"/>
    </row>
    <row r="155039" spans="14:14">
      <c r="N155039" s="10"/>
    </row>
    <row r="155040" spans="14:14">
      <c r="N155040" s="10"/>
    </row>
    <row r="155041" spans="14:14">
      <c r="N155041" s="10"/>
    </row>
    <row r="155042" spans="14:14">
      <c r="N155042" s="10"/>
    </row>
    <row r="155043" spans="14:14">
      <c r="N155043" s="10"/>
    </row>
    <row r="155044" spans="14:14">
      <c r="N155044" s="10"/>
    </row>
    <row r="155045" spans="14:14">
      <c r="N155045" s="10"/>
    </row>
    <row r="155046" spans="14:14">
      <c r="N155046" s="10"/>
    </row>
    <row r="155047" spans="14:14">
      <c r="N155047" s="10"/>
    </row>
    <row r="155048" spans="14:14">
      <c r="N155048" s="10"/>
    </row>
    <row r="155049" spans="14:14">
      <c r="N155049" s="10"/>
    </row>
    <row r="155050" spans="14:14">
      <c r="N155050" s="10"/>
    </row>
    <row r="155051" spans="14:14">
      <c r="N155051" s="10"/>
    </row>
    <row r="155052" spans="14:14">
      <c r="N155052" s="10"/>
    </row>
    <row r="155053" spans="14:14">
      <c r="N155053" s="10"/>
    </row>
    <row r="155054" spans="14:14">
      <c r="N155054" s="10"/>
    </row>
    <row r="155055" spans="14:14">
      <c r="N155055" s="10"/>
    </row>
    <row r="155056" spans="14:14">
      <c r="N155056" s="10"/>
    </row>
    <row r="155057" spans="14:14">
      <c r="N155057" s="10"/>
    </row>
    <row r="155058" spans="14:14">
      <c r="N155058" s="10"/>
    </row>
    <row r="155059" spans="14:14">
      <c r="N155059" s="10"/>
    </row>
    <row r="155060" spans="14:14">
      <c r="N155060" s="10"/>
    </row>
    <row r="155061" spans="14:14">
      <c r="N155061" s="10"/>
    </row>
    <row r="155062" spans="14:14">
      <c r="N155062" s="10"/>
    </row>
    <row r="155063" spans="14:14">
      <c r="N155063" s="10"/>
    </row>
    <row r="155064" spans="14:14">
      <c r="N155064" s="10"/>
    </row>
    <row r="155065" spans="14:14">
      <c r="N155065" s="10"/>
    </row>
    <row r="155066" spans="14:14">
      <c r="N155066" s="10"/>
    </row>
    <row r="155067" spans="14:14">
      <c r="N155067" s="10"/>
    </row>
    <row r="155068" spans="14:14">
      <c r="N155068" s="10"/>
    </row>
    <row r="155069" spans="14:14">
      <c r="N155069" s="10"/>
    </row>
    <row r="155070" spans="14:14">
      <c r="N155070" s="10"/>
    </row>
    <row r="155071" spans="14:14">
      <c r="N155071" s="10"/>
    </row>
    <row r="155072" spans="14:14">
      <c r="N155072" s="10"/>
    </row>
    <row r="155073" spans="14:14">
      <c r="N155073" s="10"/>
    </row>
    <row r="155074" spans="14:14">
      <c r="N155074" s="10"/>
    </row>
    <row r="155075" spans="14:14">
      <c r="N155075" s="10"/>
    </row>
    <row r="155076" spans="14:14">
      <c r="N155076" s="10"/>
    </row>
    <row r="155077" spans="14:14">
      <c r="N155077" s="10"/>
    </row>
    <row r="155078" spans="14:14">
      <c r="N155078" s="10"/>
    </row>
    <row r="155079" spans="14:14">
      <c r="N155079" s="10"/>
    </row>
    <row r="155080" spans="14:14">
      <c r="N155080" s="10"/>
    </row>
    <row r="155081" spans="14:14">
      <c r="N155081" s="10"/>
    </row>
    <row r="155082" spans="14:14">
      <c r="N155082" s="10"/>
    </row>
    <row r="155083" spans="14:14">
      <c r="N155083" s="10"/>
    </row>
    <row r="155084" spans="14:14">
      <c r="N155084" s="10"/>
    </row>
    <row r="155085" spans="14:14">
      <c r="N155085" s="10"/>
    </row>
    <row r="155086" spans="14:14">
      <c r="N155086" s="10"/>
    </row>
    <row r="155087" spans="14:14">
      <c r="N155087" s="10"/>
    </row>
    <row r="155088" spans="14:14">
      <c r="N155088" s="10"/>
    </row>
    <row r="155089" spans="14:14">
      <c r="N155089" s="10"/>
    </row>
    <row r="155090" spans="14:14">
      <c r="N155090" s="10"/>
    </row>
    <row r="155091" spans="14:14">
      <c r="N155091" s="10"/>
    </row>
    <row r="155092" spans="14:14">
      <c r="N155092" s="10"/>
    </row>
    <row r="155093" spans="14:14">
      <c r="N155093" s="10"/>
    </row>
    <row r="155094" spans="14:14">
      <c r="N155094" s="10"/>
    </row>
    <row r="155095" spans="14:14">
      <c r="N155095" s="10"/>
    </row>
    <row r="155096" spans="14:14">
      <c r="N155096" s="10"/>
    </row>
    <row r="155097" spans="14:14">
      <c r="N155097" s="10"/>
    </row>
    <row r="155098" spans="14:14">
      <c r="N155098" s="10"/>
    </row>
    <row r="155099" spans="14:14">
      <c r="N155099" s="10"/>
    </row>
    <row r="155100" spans="14:14">
      <c r="N155100" s="10"/>
    </row>
    <row r="155101" spans="14:14">
      <c r="N155101" s="10"/>
    </row>
    <row r="155102" spans="14:14">
      <c r="N155102" s="10"/>
    </row>
    <row r="155103" spans="14:14">
      <c r="N155103" s="10"/>
    </row>
    <row r="155104" spans="14:14">
      <c r="N155104" s="10"/>
    </row>
    <row r="155105" spans="14:14">
      <c r="N155105" s="10"/>
    </row>
    <row r="155106" spans="14:14">
      <c r="N155106" s="10"/>
    </row>
    <row r="155107" spans="14:14">
      <c r="N155107" s="10"/>
    </row>
    <row r="155108" spans="14:14">
      <c r="N155108" s="10"/>
    </row>
    <row r="155109" spans="14:14">
      <c r="N155109" s="10"/>
    </row>
    <row r="155110" spans="14:14">
      <c r="N155110" s="10"/>
    </row>
    <row r="155111" spans="14:14">
      <c r="N155111" s="10"/>
    </row>
    <row r="155112" spans="14:14">
      <c r="N155112" s="10"/>
    </row>
    <row r="155113" spans="14:14">
      <c r="N155113" s="10"/>
    </row>
    <row r="155114" spans="14:14">
      <c r="N155114" s="10"/>
    </row>
    <row r="155115" spans="14:14">
      <c r="N155115" s="10"/>
    </row>
    <row r="155116" spans="14:14">
      <c r="N155116" s="10"/>
    </row>
    <row r="155117" spans="14:14">
      <c r="N155117" s="10"/>
    </row>
    <row r="155118" spans="14:14">
      <c r="N155118" s="10"/>
    </row>
    <row r="155119" spans="14:14">
      <c r="N155119" s="10"/>
    </row>
    <row r="155120" spans="14:14">
      <c r="N155120" s="10"/>
    </row>
    <row r="155121" spans="14:14">
      <c r="N155121" s="10"/>
    </row>
    <row r="155122" spans="14:14">
      <c r="N155122" s="10"/>
    </row>
    <row r="155123" spans="14:14">
      <c r="N155123" s="10"/>
    </row>
    <row r="155124" spans="14:14">
      <c r="N155124" s="10"/>
    </row>
    <row r="155125" spans="14:14">
      <c r="N155125" s="10"/>
    </row>
    <row r="155126" spans="14:14">
      <c r="N155126" s="10"/>
    </row>
    <row r="155127" spans="14:14">
      <c r="N155127" s="10"/>
    </row>
    <row r="155128" spans="14:14">
      <c r="N155128" s="10"/>
    </row>
    <row r="155129" spans="14:14">
      <c r="N155129" s="10"/>
    </row>
    <row r="155130" spans="14:14">
      <c r="N155130" s="10"/>
    </row>
    <row r="155131" spans="14:14">
      <c r="N155131" s="10"/>
    </row>
    <row r="155132" spans="14:14">
      <c r="N155132" s="10"/>
    </row>
    <row r="155133" spans="14:14">
      <c r="N155133" s="10"/>
    </row>
    <row r="155134" spans="14:14">
      <c r="N155134" s="10"/>
    </row>
    <row r="155135" spans="14:14">
      <c r="N155135" s="10"/>
    </row>
    <row r="155136" spans="14:14">
      <c r="N155136" s="10"/>
    </row>
    <row r="155137" spans="14:14">
      <c r="N155137" s="10"/>
    </row>
    <row r="155138" spans="14:14">
      <c r="N155138" s="10"/>
    </row>
    <row r="155139" spans="14:14">
      <c r="N155139" s="10"/>
    </row>
    <row r="155140" spans="14:14">
      <c r="N155140" s="10"/>
    </row>
    <row r="155141" spans="14:14">
      <c r="N155141" s="10"/>
    </row>
    <row r="155142" spans="14:14">
      <c r="N155142" s="10"/>
    </row>
    <row r="155143" spans="14:14">
      <c r="N155143" s="10"/>
    </row>
    <row r="155144" spans="14:14">
      <c r="N155144" s="10"/>
    </row>
    <row r="155145" spans="14:14">
      <c r="N155145" s="10"/>
    </row>
    <row r="155146" spans="14:14">
      <c r="N155146" s="10"/>
    </row>
    <row r="155147" spans="14:14">
      <c r="N155147" s="10"/>
    </row>
    <row r="155148" spans="14:14">
      <c r="N155148" s="10"/>
    </row>
    <row r="155149" spans="14:14">
      <c r="N155149" s="10"/>
    </row>
    <row r="155150" spans="14:14">
      <c r="N155150" s="10"/>
    </row>
    <row r="155151" spans="14:14">
      <c r="N155151" s="10"/>
    </row>
    <row r="155152" spans="14:14">
      <c r="N155152" s="10"/>
    </row>
    <row r="155153" spans="14:14">
      <c r="N155153" s="10"/>
    </row>
    <row r="155154" spans="14:14">
      <c r="N155154" s="10"/>
    </row>
    <row r="155155" spans="14:14">
      <c r="N155155" s="10"/>
    </row>
    <row r="155156" spans="14:14">
      <c r="N155156" s="10"/>
    </row>
    <row r="155157" spans="14:14">
      <c r="N155157" s="10"/>
    </row>
    <row r="155158" spans="14:14">
      <c r="N155158" s="10"/>
    </row>
    <row r="155159" spans="14:14">
      <c r="N155159" s="10"/>
    </row>
    <row r="155160" spans="14:14">
      <c r="N155160" s="10"/>
    </row>
    <row r="155161" spans="14:14">
      <c r="N155161" s="10"/>
    </row>
    <row r="155162" spans="14:14">
      <c r="N155162" s="10"/>
    </row>
    <row r="155163" spans="14:14">
      <c r="N155163" s="10"/>
    </row>
    <row r="155164" spans="14:14">
      <c r="N155164" s="10"/>
    </row>
    <row r="155165" spans="14:14">
      <c r="N155165" s="10"/>
    </row>
    <row r="155166" spans="14:14">
      <c r="N155166" s="10"/>
    </row>
    <row r="155167" spans="14:14">
      <c r="N155167" s="10"/>
    </row>
    <row r="155168" spans="14:14">
      <c r="N155168" s="10"/>
    </row>
    <row r="155169" spans="14:14">
      <c r="N155169" s="10"/>
    </row>
    <row r="155170" spans="14:14">
      <c r="N155170" s="10"/>
    </row>
    <row r="155171" spans="14:14">
      <c r="N155171" s="10"/>
    </row>
    <row r="155172" spans="14:14">
      <c r="N155172" s="10"/>
    </row>
    <row r="155173" spans="14:14">
      <c r="N155173" s="10"/>
    </row>
    <row r="155174" spans="14:14">
      <c r="N155174" s="10"/>
    </row>
    <row r="155175" spans="14:14">
      <c r="N155175" s="10"/>
    </row>
    <row r="155176" spans="14:14">
      <c r="N155176" s="10"/>
    </row>
    <row r="155177" spans="14:14">
      <c r="N155177" s="10"/>
    </row>
    <row r="155178" spans="14:14">
      <c r="N155178" s="10"/>
    </row>
    <row r="155179" spans="14:14">
      <c r="N155179" s="10"/>
    </row>
    <row r="155180" spans="14:14">
      <c r="N155180" s="10"/>
    </row>
    <row r="155181" spans="14:14">
      <c r="N155181" s="10"/>
    </row>
    <row r="155182" spans="14:14">
      <c r="N155182" s="10"/>
    </row>
    <row r="155183" spans="14:14">
      <c r="N155183" s="10"/>
    </row>
    <row r="155184" spans="14:14">
      <c r="N155184" s="10"/>
    </row>
    <row r="155185" spans="14:14">
      <c r="N155185" s="10"/>
    </row>
    <row r="155186" spans="14:14">
      <c r="N155186" s="10"/>
    </row>
    <row r="155187" spans="14:14">
      <c r="N155187" s="10"/>
    </row>
    <row r="155188" spans="14:14">
      <c r="N155188" s="10"/>
    </row>
    <row r="155189" spans="14:14">
      <c r="N155189" s="10"/>
    </row>
    <row r="155190" spans="14:14">
      <c r="N155190" s="10"/>
    </row>
    <row r="155191" spans="14:14">
      <c r="N155191" s="10"/>
    </row>
    <row r="155192" spans="14:14">
      <c r="N155192" s="10"/>
    </row>
    <row r="155193" spans="14:14">
      <c r="N155193" s="10"/>
    </row>
    <row r="155194" spans="14:14">
      <c r="N155194" s="10"/>
    </row>
    <row r="155195" spans="14:14">
      <c r="N155195" s="10"/>
    </row>
    <row r="155196" spans="14:14">
      <c r="N155196" s="10"/>
    </row>
    <row r="155197" spans="14:14">
      <c r="N155197" s="10"/>
    </row>
    <row r="155198" spans="14:14">
      <c r="N155198" s="10"/>
    </row>
    <row r="155199" spans="14:14">
      <c r="N155199" s="10"/>
    </row>
    <row r="155200" spans="14:14">
      <c r="N155200" s="10"/>
    </row>
    <row r="155201" spans="14:14">
      <c r="N155201" s="10"/>
    </row>
    <row r="155202" spans="14:14">
      <c r="N155202" s="10"/>
    </row>
    <row r="155203" spans="14:14">
      <c r="N155203" s="10"/>
    </row>
    <row r="155204" spans="14:14">
      <c r="N155204" s="10"/>
    </row>
    <row r="155205" spans="14:14">
      <c r="N155205" s="10"/>
    </row>
    <row r="155206" spans="14:14">
      <c r="N155206" s="10"/>
    </row>
    <row r="155207" spans="14:14">
      <c r="N155207" s="10"/>
    </row>
    <row r="155208" spans="14:14">
      <c r="N155208" s="10"/>
    </row>
    <row r="155209" spans="14:14">
      <c r="N155209" s="10"/>
    </row>
    <row r="155210" spans="14:14">
      <c r="N155210" s="10"/>
    </row>
    <row r="155211" spans="14:14">
      <c r="N155211" s="10"/>
    </row>
    <row r="155212" spans="14:14">
      <c r="N155212" s="10"/>
    </row>
    <row r="155213" spans="14:14">
      <c r="N155213" s="10"/>
    </row>
    <row r="155214" spans="14:14">
      <c r="N155214" s="10"/>
    </row>
    <row r="155215" spans="14:14">
      <c r="N155215" s="10"/>
    </row>
    <row r="155216" spans="14:14">
      <c r="N155216" s="10"/>
    </row>
    <row r="155217" spans="14:14">
      <c r="N155217" s="10"/>
    </row>
    <row r="155218" spans="14:14">
      <c r="N155218" s="10"/>
    </row>
    <row r="155219" spans="14:14">
      <c r="N155219" s="10"/>
    </row>
    <row r="155220" spans="14:14">
      <c r="N155220" s="10"/>
    </row>
    <row r="155221" spans="14:14">
      <c r="N155221" s="10"/>
    </row>
    <row r="155222" spans="14:14">
      <c r="N155222" s="10"/>
    </row>
    <row r="155223" spans="14:14">
      <c r="N155223" s="10"/>
    </row>
    <row r="155224" spans="14:14">
      <c r="N155224" s="10"/>
    </row>
    <row r="155225" spans="14:14">
      <c r="N155225" s="10"/>
    </row>
    <row r="155226" spans="14:14">
      <c r="N155226" s="10"/>
    </row>
    <row r="155227" spans="14:14">
      <c r="N155227" s="10"/>
    </row>
    <row r="155228" spans="14:14">
      <c r="N155228" s="10"/>
    </row>
    <row r="155229" spans="14:14">
      <c r="N155229" s="10"/>
    </row>
    <row r="155230" spans="14:14">
      <c r="N155230" s="10"/>
    </row>
    <row r="155231" spans="14:14">
      <c r="N155231" s="10"/>
    </row>
    <row r="155232" spans="14:14">
      <c r="N155232" s="10"/>
    </row>
    <row r="155233" spans="14:14">
      <c r="N155233" s="10"/>
    </row>
    <row r="155234" spans="14:14">
      <c r="N155234" s="10"/>
    </row>
    <row r="155235" spans="14:14">
      <c r="N155235" s="10"/>
    </row>
    <row r="155236" spans="14:14">
      <c r="N155236" s="10"/>
    </row>
    <row r="155237" spans="14:14">
      <c r="N155237" s="10"/>
    </row>
    <row r="155238" spans="14:14">
      <c r="N155238" s="10"/>
    </row>
    <row r="155239" spans="14:14">
      <c r="N155239" s="10"/>
    </row>
    <row r="155240" spans="14:14">
      <c r="N155240" s="10"/>
    </row>
    <row r="155241" spans="14:14">
      <c r="N155241" s="10"/>
    </row>
    <row r="155242" spans="14:14">
      <c r="N155242" s="10"/>
    </row>
    <row r="155243" spans="14:14">
      <c r="N155243" s="10"/>
    </row>
    <row r="155244" spans="14:14">
      <c r="N155244" s="10"/>
    </row>
    <row r="155245" spans="14:14">
      <c r="N155245" s="10"/>
    </row>
    <row r="155246" spans="14:14">
      <c r="N155246" s="10"/>
    </row>
    <row r="155247" spans="14:14">
      <c r="N155247" s="10"/>
    </row>
    <row r="155248" spans="14:14">
      <c r="N155248" s="10"/>
    </row>
    <row r="155249" spans="14:14">
      <c r="N155249" s="10"/>
    </row>
    <row r="155250" spans="14:14">
      <c r="N155250" s="10"/>
    </row>
    <row r="155251" spans="14:14">
      <c r="N155251" s="10"/>
    </row>
    <row r="155252" spans="14:14">
      <c r="N155252" s="10"/>
    </row>
    <row r="155253" spans="14:14">
      <c r="N155253" s="10"/>
    </row>
    <row r="155254" spans="14:14">
      <c r="N155254" s="10"/>
    </row>
    <row r="155255" spans="14:14">
      <c r="N155255" s="10"/>
    </row>
    <row r="155256" spans="14:14">
      <c r="N155256" s="10"/>
    </row>
    <row r="155257" spans="14:14">
      <c r="N155257" s="10"/>
    </row>
    <row r="155258" spans="14:14">
      <c r="N155258" s="10"/>
    </row>
    <row r="155259" spans="14:14">
      <c r="N155259" s="10"/>
    </row>
    <row r="155260" spans="14:14">
      <c r="N155260" s="10"/>
    </row>
    <row r="155261" spans="14:14">
      <c r="N155261" s="10"/>
    </row>
    <row r="155262" spans="14:14">
      <c r="N155262" s="10"/>
    </row>
    <row r="155263" spans="14:14">
      <c r="N155263" s="10"/>
    </row>
    <row r="155264" spans="14:14">
      <c r="N155264" s="10"/>
    </row>
    <row r="155265" spans="14:14">
      <c r="N155265" s="10"/>
    </row>
    <row r="155266" spans="14:14">
      <c r="N155266" s="10"/>
    </row>
    <row r="155267" spans="14:14">
      <c r="N155267" s="10"/>
    </row>
    <row r="155268" spans="14:14">
      <c r="N155268" s="10"/>
    </row>
    <row r="155269" spans="14:14">
      <c r="N155269" s="10"/>
    </row>
    <row r="155270" spans="14:14">
      <c r="N155270" s="10"/>
    </row>
    <row r="155271" spans="14:14">
      <c r="N155271" s="10"/>
    </row>
    <row r="155272" spans="14:14">
      <c r="N155272" s="10"/>
    </row>
    <row r="155273" spans="14:14">
      <c r="N155273" s="10"/>
    </row>
    <row r="155274" spans="14:14">
      <c r="N155274" s="10"/>
    </row>
    <row r="155275" spans="14:14">
      <c r="N155275" s="10"/>
    </row>
    <row r="155276" spans="14:14">
      <c r="N155276" s="10"/>
    </row>
    <row r="155277" spans="14:14">
      <c r="N155277" s="10"/>
    </row>
    <row r="155278" spans="14:14">
      <c r="N155278" s="10"/>
    </row>
    <row r="155279" spans="14:14">
      <c r="N155279" s="10"/>
    </row>
    <row r="155280" spans="14:14">
      <c r="N155280" s="10"/>
    </row>
    <row r="155281" spans="14:14">
      <c r="N155281" s="10"/>
    </row>
    <row r="155282" spans="14:14">
      <c r="N155282" s="10"/>
    </row>
    <row r="155283" spans="14:14">
      <c r="N155283" s="10"/>
    </row>
    <row r="155284" spans="14:14">
      <c r="N155284" s="10"/>
    </row>
    <row r="155285" spans="14:14">
      <c r="N155285" s="10"/>
    </row>
    <row r="155286" spans="14:14">
      <c r="N155286" s="10"/>
    </row>
    <row r="155287" spans="14:14">
      <c r="N155287" s="10"/>
    </row>
    <row r="155288" spans="14:14">
      <c r="N155288" s="10"/>
    </row>
    <row r="155289" spans="14:14">
      <c r="N155289" s="10"/>
    </row>
    <row r="155290" spans="14:14">
      <c r="N155290" s="10"/>
    </row>
    <row r="155291" spans="14:14">
      <c r="N155291" s="10"/>
    </row>
    <row r="155292" spans="14:14">
      <c r="N155292" s="10"/>
    </row>
    <row r="155293" spans="14:14">
      <c r="N155293" s="10"/>
    </row>
    <row r="155294" spans="14:14">
      <c r="N155294" s="10"/>
    </row>
    <row r="155295" spans="14:14">
      <c r="N155295" s="10"/>
    </row>
    <row r="155296" spans="14:14">
      <c r="N155296" s="10"/>
    </row>
    <row r="155297" spans="14:14">
      <c r="N155297" s="10"/>
    </row>
    <row r="155298" spans="14:14">
      <c r="N155298" s="10"/>
    </row>
    <row r="155299" spans="14:14">
      <c r="N155299" s="10"/>
    </row>
    <row r="155300" spans="14:14">
      <c r="N155300" s="10"/>
    </row>
    <row r="155301" spans="14:14">
      <c r="N155301" s="10"/>
    </row>
    <row r="155302" spans="14:14">
      <c r="N155302" s="10"/>
    </row>
    <row r="155303" spans="14:14">
      <c r="N155303" s="10"/>
    </row>
    <row r="155304" spans="14:14">
      <c r="N155304" s="10"/>
    </row>
    <row r="155305" spans="14:14">
      <c r="N155305" s="10"/>
    </row>
    <row r="155306" spans="14:14">
      <c r="N155306" s="10"/>
    </row>
    <row r="155307" spans="14:14">
      <c r="N155307" s="10"/>
    </row>
    <row r="155308" spans="14:14">
      <c r="N155308" s="10"/>
    </row>
    <row r="155309" spans="14:14">
      <c r="N155309" s="10"/>
    </row>
    <row r="155310" spans="14:14">
      <c r="N155310" s="10"/>
    </row>
    <row r="155311" spans="14:14">
      <c r="N155311" s="10"/>
    </row>
    <row r="155312" spans="14:14">
      <c r="N155312" s="10"/>
    </row>
    <row r="155313" spans="14:14">
      <c r="N155313" s="10"/>
    </row>
    <row r="155314" spans="14:14">
      <c r="N155314" s="10"/>
    </row>
    <row r="155315" spans="14:14">
      <c r="N155315" s="10"/>
    </row>
    <row r="155316" spans="14:14">
      <c r="N155316" s="10"/>
    </row>
    <row r="155317" spans="14:14">
      <c r="N155317" s="10"/>
    </row>
    <row r="155318" spans="14:14">
      <c r="N155318" s="10"/>
    </row>
    <row r="155319" spans="14:14">
      <c r="N155319" s="10"/>
    </row>
    <row r="155320" spans="14:14">
      <c r="N155320" s="10"/>
    </row>
    <row r="155321" spans="14:14">
      <c r="N155321" s="10"/>
    </row>
    <row r="155322" spans="14:14">
      <c r="N155322" s="10"/>
    </row>
    <row r="155323" spans="14:14">
      <c r="N155323" s="10"/>
    </row>
    <row r="155324" spans="14:14">
      <c r="N155324" s="10"/>
    </row>
    <row r="155325" spans="14:14">
      <c r="N155325" s="10"/>
    </row>
    <row r="155326" spans="14:14">
      <c r="N155326" s="10"/>
    </row>
    <row r="155327" spans="14:14">
      <c r="N155327" s="10"/>
    </row>
    <row r="155328" spans="14:14">
      <c r="N155328" s="10"/>
    </row>
    <row r="155329" spans="14:14">
      <c r="N155329" s="10"/>
    </row>
    <row r="155330" spans="14:14">
      <c r="N155330" s="10"/>
    </row>
    <row r="155331" spans="14:14">
      <c r="N155331" s="10"/>
    </row>
    <row r="155332" spans="14:14">
      <c r="N155332" s="10"/>
    </row>
    <row r="155333" spans="14:14">
      <c r="N155333" s="10"/>
    </row>
    <row r="155334" spans="14:14">
      <c r="N155334" s="10"/>
    </row>
    <row r="155335" spans="14:14">
      <c r="N155335" s="10"/>
    </row>
    <row r="155336" spans="14:14">
      <c r="N155336" s="10"/>
    </row>
    <row r="155337" spans="14:14">
      <c r="N155337" s="10"/>
    </row>
    <row r="155338" spans="14:14">
      <c r="N155338" s="10"/>
    </row>
    <row r="155339" spans="14:14">
      <c r="N155339" s="10"/>
    </row>
    <row r="155340" spans="14:14">
      <c r="N155340" s="10"/>
    </row>
    <row r="155341" spans="14:14">
      <c r="N155341" s="10"/>
    </row>
    <row r="155342" spans="14:14">
      <c r="N155342" s="10"/>
    </row>
    <row r="155343" spans="14:14">
      <c r="N155343" s="10"/>
    </row>
    <row r="155344" spans="14:14">
      <c r="N155344" s="10"/>
    </row>
    <row r="155345" spans="14:14">
      <c r="N155345" s="10"/>
    </row>
    <row r="155346" spans="14:14">
      <c r="N155346" s="10"/>
    </row>
    <row r="155347" spans="14:14">
      <c r="N155347" s="10"/>
    </row>
    <row r="155348" spans="14:14">
      <c r="N155348" s="10"/>
    </row>
    <row r="155349" spans="14:14">
      <c r="N155349" s="10"/>
    </row>
    <row r="155350" spans="14:14">
      <c r="N155350" s="10"/>
    </row>
    <row r="155351" spans="14:14">
      <c r="N155351" s="10"/>
    </row>
    <row r="155352" spans="14:14">
      <c r="N155352" s="10"/>
    </row>
    <row r="155353" spans="14:14">
      <c r="N155353" s="10"/>
    </row>
    <row r="155354" spans="14:14">
      <c r="N155354" s="10"/>
    </row>
    <row r="155355" spans="14:14">
      <c r="N155355" s="10"/>
    </row>
    <row r="155356" spans="14:14">
      <c r="N155356" s="10"/>
    </row>
    <row r="155357" spans="14:14">
      <c r="N155357" s="10"/>
    </row>
    <row r="155358" spans="14:14">
      <c r="N155358" s="10"/>
    </row>
    <row r="155359" spans="14:14">
      <c r="N155359" s="10"/>
    </row>
    <row r="155360" spans="14:14">
      <c r="N155360" s="10"/>
    </row>
    <row r="155361" spans="14:14">
      <c r="N155361" s="10"/>
    </row>
    <row r="155362" spans="14:14">
      <c r="N155362" s="10"/>
    </row>
    <row r="155363" spans="14:14">
      <c r="N155363" s="10"/>
    </row>
    <row r="155364" spans="14:14">
      <c r="N155364" s="10"/>
    </row>
    <row r="155365" spans="14:14">
      <c r="N155365" s="10"/>
    </row>
    <row r="155366" spans="14:14">
      <c r="N155366" s="10"/>
    </row>
    <row r="155367" spans="14:14">
      <c r="N155367" s="10"/>
    </row>
    <row r="155368" spans="14:14">
      <c r="N155368" s="10"/>
    </row>
    <row r="155369" spans="14:14">
      <c r="N155369" s="10"/>
    </row>
    <row r="155370" spans="14:14">
      <c r="N155370" s="10"/>
    </row>
    <row r="155371" spans="14:14">
      <c r="N155371" s="10"/>
    </row>
    <row r="155372" spans="14:14">
      <c r="N155372" s="10"/>
    </row>
    <row r="155373" spans="14:14">
      <c r="N155373" s="10"/>
    </row>
    <row r="155374" spans="14:14">
      <c r="N155374" s="10"/>
    </row>
    <row r="155375" spans="14:14">
      <c r="N155375" s="10"/>
    </row>
    <row r="155376" spans="14:14">
      <c r="N155376" s="10"/>
    </row>
    <row r="155377" spans="14:14">
      <c r="N155377" s="10"/>
    </row>
    <row r="155378" spans="14:14">
      <c r="N155378" s="10"/>
    </row>
    <row r="155379" spans="14:14">
      <c r="N155379" s="10"/>
    </row>
    <row r="155380" spans="14:14">
      <c r="N155380" s="10"/>
    </row>
    <row r="155381" spans="14:14">
      <c r="N155381" s="10"/>
    </row>
    <row r="155382" spans="14:14">
      <c r="N155382" s="10"/>
    </row>
    <row r="155383" spans="14:14">
      <c r="N155383" s="10"/>
    </row>
    <row r="155384" spans="14:14">
      <c r="N155384" s="10"/>
    </row>
    <row r="155385" spans="14:14">
      <c r="N155385" s="10"/>
    </row>
    <row r="155386" spans="14:14">
      <c r="N155386" s="10"/>
    </row>
    <row r="155387" spans="14:14">
      <c r="N155387" s="10"/>
    </row>
    <row r="155388" spans="14:14">
      <c r="N155388" s="10"/>
    </row>
    <row r="155389" spans="14:14">
      <c r="N155389" s="10"/>
    </row>
    <row r="155390" spans="14:14">
      <c r="N155390" s="10"/>
    </row>
    <row r="155391" spans="14:14">
      <c r="N155391" s="10"/>
    </row>
    <row r="155392" spans="14:14">
      <c r="N155392" s="10"/>
    </row>
    <row r="155393" spans="14:14">
      <c r="N155393" s="10"/>
    </row>
    <row r="155394" spans="14:14">
      <c r="N155394" s="10"/>
    </row>
    <row r="155395" spans="14:14">
      <c r="N155395" s="10"/>
    </row>
    <row r="155396" spans="14:14">
      <c r="N155396" s="10"/>
    </row>
    <row r="155397" spans="14:14">
      <c r="N155397" s="10"/>
    </row>
    <row r="155398" spans="14:14">
      <c r="N155398" s="10"/>
    </row>
    <row r="155399" spans="14:14">
      <c r="N155399" s="10"/>
    </row>
    <row r="155400" spans="14:14">
      <c r="N155400" s="10"/>
    </row>
    <row r="155401" spans="14:14">
      <c r="N155401" s="10"/>
    </row>
    <row r="155402" spans="14:14">
      <c r="N155402" s="10"/>
    </row>
    <row r="155403" spans="14:14">
      <c r="N155403" s="10"/>
    </row>
    <row r="155404" spans="14:14">
      <c r="N155404" s="10"/>
    </row>
    <row r="155405" spans="14:14">
      <c r="N155405" s="10"/>
    </row>
    <row r="155406" spans="14:14">
      <c r="N155406" s="10"/>
    </row>
    <row r="155407" spans="14:14">
      <c r="N155407" s="10"/>
    </row>
    <row r="155408" spans="14:14">
      <c r="N155408" s="10"/>
    </row>
    <row r="155409" spans="14:14">
      <c r="N155409" s="10"/>
    </row>
    <row r="155410" spans="14:14">
      <c r="N155410" s="10"/>
    </row>
    <row r="155411" spans="14:14">
      <c r="N155411" s="10"/>
    </row>
    <row r="155412" spans="14:14">
      <c r="N155412" s="10"/>
    </row>
    <row r="155413" spans="14:14">
      <c r="N155413" s="10"/>
    </row>
    <row r="155414" spans="14:14">
      <c r="N155414" s="10"/>
    </row>
    <row r="155415" spans="14:14">
      <c r="N155415" s="10"/>
    </row>
    <row r="155416" spans="14:14">
      <c r="N155416" s="10"/>
    </row>
    <row r="155417" spans="14:14">
      <c r="N155417" s="10"/>
    </row>
    <row r="155418" spans="14:14">
      <c r="N155418" s="10"/>
    </row>
    <row r="155419" spans="14:14">
      <c r="N155419" s="10"/>
    </row>
    <row r="155420" spans="14:14">
      <c r="N155420" s="10"/>
    </row>
    <row r="155421" spans="14:14">
      <c r="N155421" s="10"/>
    </row>
    <row r="155422" spans="14:14">
      <c r="N155422" s="10"/>
    </row>
    <row r="155423" spans="14:14">
      <c r="N155423" s="10"/>
    </row>
    <row r="155424" spans="14:14">
      <c r="N155424" s="10"/>
    </row>
    <row r="155425" spans="14:14">
      <c r="N155425" s="10"/>
    </row>
    <row r="155426" spans="14:14">
      <c r="N155426" s="10"/>
    </row>
    <row r="155427" spans="14:14">
      <c r="N155427" s="10"/>
    </row>
    <row r="155428" spans="14:14">
      <c r="N155428" s="10"/>
    </row>
    <row r="155429" spans="14:14">
      <c r="N155429" s="10"/>
    </row>
    <row r="155430" spans="14:14">
      <c r="N155430" s="10"/>
    </row>
    <row r="155431" spans="14:14">
      <c r="N155431" s="10"/>
    </row>
    <row r="155432" spans="14:14">
      <c r="N155432" s="10"/>
    </row>
    <row r="155433" spans="14:14">
      <c r="N155433" s="10"/>
    </row>
    <row r="155434" spans="14:14">
      <c r="N155434" s="10"/>
    </row>
    <row r="155435" spans="14:14">
      <c r="N155435" s="10"/>
    </row>
    <row r="155436" spans="14:14">
      <c r="N155436" s="10"/>
    </row>
    <row r="155437" spans="14:14">
      <c r="N155437" s="10"/>
    </row>
    <row r="155438" spans="14:14">
      <c r="N155438" s="10"/>
    </row>
    <row r="155439" spans="14:14">
      <c r="N155439" s="10"/>
    </row>
    <row r="155440" spans="14:14">
      <c r="N155440" s="10"/>
    </row>
    <row r="155441" spans="14:14">
      <c r="N155441" s="10"/>
    </row>
    <row r="155442" spans="14:14">
      <c r="N155442" s="10"/>
    </row>
    <row r="155443" spans="14:14">
      <c r="N155443" s="10"/>
    </row>
    <row r="155444" spans="14:14">
      <c r="N155444" s="10"/>
    </row>
    <row r="155445" spans="14:14">
      <c r="N155445" s="10"/>
    </row>
    <row r="155446" spans="14:14">
      <c r="N155446" s="10"/>
    </row>
    <row r="155447" spans="14:14">
      <c r="N155447" s="10"/>
    </row>
    <row r="155448" spans="14:14">
      <c r="N155448" s="10"/>
    </row>
    <row r="155449" spans="14:14">
      <c r="N155449" s="10"/>
    </row>
    <row r="155450" spans="14:14">
      <c r="N155450" s="10"/>
    </row>
    <row r="155451" spans="14:14">
      <c r="N155451" s="10"/>
    </row>
    <row r="155452" spans="14:14">
      <c r="N155452" s="10"/>
    </row>
    <row r="155453" spans="14:14">
      <c r="N155453" s="10"/>
    </row>
    <row r="155454" spans="14:14">
      <c r="N155454" s="10"/>
    </row>
    <row r="155455" spans="14:14">
      <c r="N155455" s="10"/>
    </row>
    <row r="155456" spans="14:14">
      <c r="N155456" s="10"/>
    </row>
    <row r="155457" spans="14:14">
      <c r="N155457" s="10"/>
    </row>
    <row r="155458" spans="14:14">
      <c r="N155458" s="10"/>
    </row>
    <row r="155459" spans="14:14">
      <c r="N155459" s="10"/>
    </row>
    <row r="155460" spans="14:14">
      <c r="N155460" s="10"/>
    </row>
    <row r="155461" spans="14:14">
      <c r="N155461" s="10"/>
    </row>
    <row r="155462" spans="14:14">
      <c r="N155462" s="10"/>
    </row>
    <row r="155463" spans="14:14">
      <c r="N155463" s="10"/>
    </row>
    <row r="155464" spans="14:14">
      <c r="N155464" s="10"/>
    </row>
    <row r="155465" spans="14:14">
      <c r="N155465" s="10"/>
    </row>
    <row r="155466" spans="14:14">
      <c r="N155466" s="10"/>
    </row>
    <row r="155467" spans="14:14">
      <c r="N155467" s="10"/>
    </row>
    <row r="155468" spans="14:14">
      <c r="N155468" s="10"/>
    </row>
    <row r="155469" spans="14:14">
      <c r="N155469" s="10"/>
    </row>
    <row r="155470" spans="14:14">
      <c r="N155470" s="10"/>
    </row>
    <row r="155471" spans="14:14">
      <c r="N155471" s="10"/>
    </row>
    <row r="155472" spans="14:14">
      <c r="N155472" s="10"/>
    </row>
    <row r="155473" spans="14:14">
      <c r="N155473" s="10"/>
    </row>
    <row r="155474" spans="14:14">
      <c r="N155474" s="10"/>
    </row>
    <row r="155475" spans="14:14">
      <c r="N155475" s="10"/>
    </row>
    <row r="155476" spans="14:14">
      <c r="N155476" s="10"/>
    </row>
    <row r="155477" spans="14:14">
      <c r="N155477" s="10"/>
    </row>
    <row r="155478" spans="14:14">
      <c r="N155478" s="10"/>
    </row>
    <row r="155479" spans="14:14">
      <c r="N155479" s="10"/>
    </row>
    <row r="155480" spans="14:14">
      <c r="N155480" s="10"/>
    </row>
    <row r="155481" spans="14:14">
      <c r="N155481" s="10"/>
    </row>
    <row r="155482" spans="14:14">
      <c r="N155482" s="10"/>
    </row>
    <row r="155483" spans="14:14">
      <c r="N155483" s="10"/>
    </row>
    <row r="155484" spans="14:14">
      <c r="N155484" s="10"/>
    </row>
    <row r="155485" spans="14:14">
      <c r="N155485" s="10"/>
    </row>
    <row r="155486" spans="14:14">
      <c r="N155486" s="10"/>
    </row>
    <row r="155487" spans="14:14">
      <c r="N155487" s="10"/>
    </row>
    <row r="155488" spans="14:14">
      <c r="N155488" s="10"/>
    </row>
    <row r="155489" spans="14:14">
      <c r="N155489" s="10"/>
    </row>
    <row r="155490" spans="14:14">
      <c r="N155490" s="10"/>
    </row>
    <row r="155491" spans="14:14">
      <c r="N155491" s="10"/>
    </row>
    <row r="155492" spans="14:14">
      <c r="N155492" s="10"/>
    </row>
    <row r="155493" spans="14:14">
      <c r="N155493" s="10"/>
    </row>
    <row r="155494" spans="14:14">
      <c r="N155494" s="10"/>
    </row>
    <row r="155495" spans="14:14">
      <c r="N155495" s="10"/>
    </row>
    <row r="155496" spans="14:14">
      <c r="N155496" s="10"/>
    </row>
    <row r="155497" spans="14:14">
      <c r="N155497" s="10"/>
    </row>
    <row r="155498" spans="14:14">
      <c r="N155498" s="10"/>
    </row>
    <row r="155499" spans="14:14">
      <c r="N155499" s="10"/>
    </row>
    <row r="155500" spans="14:14">
      <c r="N155500" s="10"/>
    </row>
    <row r="155501" spans="14:14">
      <c r="N155501" s="10"/>
    </row>
    <row r="155502" spans="14:14">
      <c r="N155502" s="10"/>
    </row>
    <row r="155503" spans="14:14">
      <c r="N155503" s="10"/>
    </row>
    <row r="155504" spans="14:14">
      <c r="N155504" s="10"/>
    </row>
    <row r="155505" spans="14:14">
      <c r="N155505" s="10"/>
    </row>
    <row r="155506" spans="14:14">
      <c r="N155506" s="10"/>
    </row>
    <row r="155507" spans="14:14">
      <c r="N155507" s="10"/>
    </row>
    <row r="155508" spans="14:14">
      <c r="N155508" s="10"/>
    </row>
    <row r="155509" spans="14:14">
      <c r="N155509" s="10"/>
    </row>
    <row r="155510" spans="14:14">
      <c r="N155510" s="10"/>
    </row>
    <row r="155511" spans="14:14">
      <c r="N155511" s="10"/>
    </row>
    <row r="155512" spans="14:14">
      <c r="N155512" s="10"/>
    </row>
    <row r="155513" spans="14:14">
      <c r="N155513" s="10"/>
    </row>
    <row r="155514" spans="14:14">
      <c r="N155514" s="10"/>
    </row>
    <row r="155515" spans="14:14">
      <c r="N155515" s="10"/>
    </row>
    <row r="155516" spans="14:14">
      <c r="N155516" s="10"/>
    </row>
    <row r="155517" spans="14:14">
      <c r="N155517" s="10"/>
    </row>
    <row r="155518" spans="14:14">
      <c r="N155518" s="10"/>
    </row>
    <row r="155519" spans="14:14">
      <c r="N155519" s="10"/>
    </row>
    <row r="155520" spans="14:14">
      <c r="N155520" s="10"/>
    </row>
    <row r="155521" spans="14:14">
      <c r="N155521" s="10"/>
    </row>
    <row r="155522" spans="14:14">
      <c r="N155522" s="10"/>
    </row>
    <row r="155523" spans="14:14">
      <c r="N155523" s="10"/>
    </row>
    <row r="155524" spans="14:14">
      <c r="N155524" s="10"/>
    </row>
    <row r="155525" spans="14:14">
      <c r="N155525" s="10"/>
    </row>
    <row r="155526" spans="14:14">
      <c r="N155526" s="10"/>
    </row>
    <row r="155527" spans="14:14">
      <c r="N155527" s="10"/>
    </row>
    <row r="155528" spans="14:14">
      <c r="N155528" s="10"/>
    </row>
    <row r="155529" spans="14:14">
      <c r="N155529" s="10"/>
    </row>
    <row r="155530" spans="14:14">
      <c r="N155530" s="10"/>
    </row>
    <row r="155531" spans="14:14">
      <c r="N155531" s="10"/>
    </row>
    <row r="155532" spans="14:14">
      <c r="N155532" s="10"/>
    </row>
    <row r="155533" spans="14:14">
      <c r="N155533" s="10"/>
    </row>
    <row r="155534" spans="14:14">
      <c r="N155534" s="10"/>
    </row>
    <row r="155535" spans="14:14">
      <c r="N155535" s="10"/>
    </row>
    <row r="155536" spans="14:14">
      <c r="N155536" s="10"/>
    </row>
    <row r="155537" spans="14:14">
      <c r="N155537" s="10"/>
    </row>
    <row r="155538" spans="14:14">
      <c r="N155538" s="10"/>
    </row>
    <row r="155539" spans="14:14">
      <c r="N155539" s="10"/>
    </row>
    <row r="155540" spans="14:14">
      <c r="N155540" s="10"/>
    </row>
    <row r="155541" spans="14:14">
      <c r="N155541" s="10"/>
    </row>
    <row r="155542" spans="14:14">
      <c r="N155542" s="10"/>
    </row>
    <row r="155543" spans="14:14">
      <c r="N155543" s="10"/>
    </row>
    <row r="155544" spans="14:14">
      <c r="N155544" s="10"/>
    </row>
    <row r="155545" spans="14:14">
      <c r="N155545" s="10"/>
    </row>
    <row r="155546" spans="14:14">
      <c r="N155546" s="10"/>
    </row>
    <row r="155547" spans="14:14">
      <c r="N155547" s="10"/>
    </row>
    <row r="155548" spans="14:14">
      <c r="N155548" s="10"/>
    </row>
    <row r="155549" spans="14:14">
      <c r="N155549" s="10"/>
    </row>
    <row r="155550" spans="14:14">
      <c r="N155550" s="10"/>
    </row>
    <row r="155551" spans="14:14">
      <c r="N155551" s="10"/>
    </row>
    <row r="155552" spans="14:14">
      <c r="N155552" s="10"/>
    </row>
    <row r="155553" spans="14:14">
      <c r="N155553" s="10"/>
    </row>
    <row r="155554" spans="14:14">
      <c r="N155554" s="10"/>
    </row>
    <row r="155555" spans="14:14">
      <c r="N155555" s="10"/>
    </row>
    <row r="155556" spans="14:14">
      <c r="N155556" s="10"/>
    </row>
    <row r="155557" spans="14:14">
      <c r="N155557" s="10"/>
    </row>
    <row r="155558" spans="14:14">
      <c r="N155558" s="10"/>
    </row>
    <row r="155559" spans="14:14">
      <c r="N155559" s="10"/>
    </row>
    <row r="155560" spans="14:14">
      <c r="N155560" s="10"/>
    </row>
    <row r="155561" spans="14:14">
      <c r="N155561" s="10"/>
    </row>
    <row r="155562" spans="14:14">
      <c r="N155562" s="10"/>
    </row>
    <row r="155563" spans="14:14">
      <c r="N155563" s="10"/>
    </row>
    <row r="155564" spans="14:14">
      <c r="N155564" s="10"/>
    </row>
    <row r="155565" spans="14:14">
      <c r="N155565" s="10"/>
    </row>
    <row r="155566" spans="14:14">
      <c r="N155566" s="10"/>
    </row>
    <row r="155567" spans="14:14">
      <c r="N155567" s="10"/>
    </row>
    <row r="155568" spans="14:14">
      <c r="N155568" s="10"/>
    </row>
    <row r="155569" spans="14:14">
      <c r="N155569" s="10"/>
    </row>
    <row r="155570" spans="14:14">
      <c r="N155570" s="10"/>
    </row>
    <row r="155571" spans="14:14">
      <c r="N155571" s="10"/>
    </row>
    <row r="155572" spans="14:14">
      <c r="N155572" s="10"/>
    </row>
    <row r="155573" spans="14:14">
      <c r="N155573" s="10"/>
    </row>
    <row r="155574" spans="14:14">
      <c r="N155574" s="10"/>
    </row>
    <row r="155575" spans="14:14">
      <c r="N155575" s="10"/>
    </row>
    <row r="155576" spans="14:14">
      <c r="N155576" s="10"/>
    </row>
    <row r="155577" spans="14:14">
      <c r="N155577" s="10"/>
    </row>
    <row r="155578" spans="14:14">
      <c r="N155578" s="10"/>
    </row>
    <row r="155579" spans="14:14">
      <c r="N155579" s="10"/>
    </row>
    <row r="155580" spans="14:14">
      <c r="N155580" s="10"/>
    </row>
    <row r="155581" spans="14:14">
      <c r="N155581" s="10"/>
    </row>
    <row r="155582" spans="14:14">
      <c r="N155582" s="10"/>
    </row>
    <row r="155583" spans="14:14">
      <c r="N155583" s="10"/>
    </row>
    <row r="155584" spans="14:14">
      <c r="N155584" s="10"/>
    </row>
    <row r="155585" spans="14:14">
      <c r="N155585" s="10"/>
    </row>
    <row r="155586" spans="14:14">
      <c r="N155586" s="10"/>
    </row>
    <row r="155587" spans="14:14">
      <c r="N155587" s="10"/>
    </row>
    <row r="155588" spans="14:14">
      <c r="N155588" s="10"/>
    </row>
    <row r="155589" spans="14:14">
      <c r="N155589" s="10"/>
    </row>
    <row r="155590" spans="14:14">
      <c r="N155590" s="10"/>
    </row>
    <row r="155591" spans="14:14">
      <c r="N155591" s="10"/>
    </row>
    <row r="155592" spans="14:14">
      <c r="N155592" s="10"/>
    </row>
    <row r="155593" spans="14:14">
      <c r="N155593" s="10"/>
    </row>
    <row r="155594" spans="14:14">
      <c r="N155594" s="10"/>
    </row>
    <row r="155595" spans="14:14">
      <c r="N155595" s="10"/>
    </row>
    <row r="155596" spans="14:14">
      <c r="N155596" s="10"/>
    </row>
    <row r="155597" spans="14:14">
      <c r="N155597" s="10"/>
    </row>
    <row r="155598" spans="14:14">
      <c r="N155598" s="10"/>
    </row>
    <row r="155599" spans="14:14">
      <c r="N155599" s="10"/>
    </row>
    <row r="155600" spans="14:14">
      <c r="N155600" s="10"/>
    </row>
    <row r="155601" spans="14:14">
      <c r="N155601" s="10"/>
    </row>
    <row r="155602" spans="14:14">
      <c r="N155602" s="10"/>
    </row>
    <row r="155603" spans="14:14">
      <c r="N155603" s="10"/>
    </row>
    <row r="155604" spans="14:14">
      <c r="N155604" s="10"/>
    </row>
    <row r="155605" spans="14:14">
      <c r="N155605" s="10"/>
    </row>
    <row r="155606" spans="14:14">
      <c r="N155606" s="10"/>
    </row>
    <row r="155607" spans="14:14">
      <c r="N155607" s="10"/>
    </row>
    <row r="155608" spans="14:14">
      <c r="N155608" s="10"/>
    </row>
    <row r="155609" spans="14:14">
      <c r="N155609" s="10"/>
    </row>
    <row r="155610" spans="14:14">
      <c r="N155610" s="10"/>
    </row>
    <row r="155611" spans="14:14">
      <c r="N155611" s="10"/>
    </row>
    <row r="155612" spans="14:14">
      <c r="N155612" s="10"/>
    </row>
    <row r="155613" spans="14:14">
      <c r="N155613" s="10"/>
    </row>
    <row r="155614" spans="14:14">
      <c r="N155614" s="10"/>
    </row>
    <row r="155615" spans="14:14">
      <c r="N155615" s="10"/>
    </row>
    <row r="155616" spans="14:14">
      <c r="N155616" s="10"/>
    </row>
    <row r="155617" spans="14:14">
      <c r="N155617" s="10"/>
    </row>
    <row r="155618" spans="14:14">
      <c r="N155618" s="10"/>
    </row>
    <row r="155619" spans="14:14">
      <c r="N155619" s="10"/>
    </row>
    <row r="155620" spans="14:14">
      <c r="N155620" s="10"/>
    </row>
    <row r="155621" spans="14:14">
      <c r="N155621" s="10"/>
    </row>
    <row r="155622" spans="14:14">
      <c r="N155622" s="10"/>
    </row>
    <row r="155623" spans="14:14">
      <c r="N155623" s="10"/>
    </row>
    <row r="155624" spans="14:14">
      <c r="N155624" s="10"/>
    </row>
    <row r="155625" spans="14:14">
      <c r="N155625" s="10"/>
    </row>
    <row r="155626" spans="14:14">
      <c r="N155626" s="10"/>
    </row>
    <row r="155627" spans="14:14">
      <c r="N155627" s="10"/>
    </row>
    <row r="155628" spans="14:14">
      <c r="N155628" s="10"/>
    </row>
    <row r="155629" spans="14:14">
      <c r="N155629" s="10"/>
    </row>
    <row r="155630" spans="14:14">
      <c r="N155630" s="10"/>
    </row>
    <row r="155631" spans="14:14">
      <c r="N155631" s="10"/>
    </row>
    <row r="155632" spans="14:14">
      <c r="N155632" s="10"/>
    </row>
    <row r="155633" spans="14:14">
      <c r="N155633" s="10"/>
    </row>
    <row r="155634" spans="14:14">
      <c r="N155634" s="10"/>
    </row>
    <row r="155635" spans="14:14">
      <c r="N155635" s="10"/>
    </row>
    <row r="155636" spans="14:14">
      <c r="N155636" s="10"/>
    </row>
    <row r="155637" spans="14:14">
      <c r="N155637" s="10"/>
    </row>
    <row r="155638" spans="14:14">
      <c r="N155638" s="10"/>
    </row>
    <row r="155639" spans="14:14">
      <c r="N155639" s="10"/>
    </row>
    <row r="155640" spans="14:14">
      <c r="N155640" s="10"/>
    </row>
    <row r="155641" spans="14:14">
      <c r="N155641" s="10"/>
    </row>
    <row r="155642" spans="14:14">
      <c r="N155642" s="10"/>
    </row>
    <row r="155643" spans="14:14">
      <c r="N155643" s="10"/>
    </row>
    <row r="155644" spans="14:14">
      <c r="N155644" s="10"/>
    </row>
    <row r="155645" spans="14:14">
      <c r="N155645" s="10"/>
    </row>
    <row r="155646" spans="14:14">
      <c r="N155646" s="10"/>
    </row>
    <row r="155647" spans="14:14">
      <c r="N155647" s="10"/>
    </row>
    <row r="155648" spans="14:14">
      <c r="N155648" s="10"/>
    </row>
    <row r="155649" spans="14:14">
      <c r="N155649" s="10"/>
    </row>
    <row r="155650" spans="14:14">
      <c r="N155650" s="10"/>
    </row>
    <row r="155651" spans="14:14">
      <c r="N155651" s="10"/>
    </row>
    <row r="155652" spans="14:14">
      <c r="N155652" s="10"/>
    </row>
    <row r="155653" spans="14:14">
      <c r="N155653" s="10"/>
    </row>
    <row r="155654" spans="14:14">
      <c r="N155654" s="10"/>
    </row>
    <row r="155655" spans="14:14">
      <c r="N155655" s="10"/>
    </row>
    <row r="155656" spans="14:14">
      <c r="N155656" s="10"/>
    </row>
    <row r="155657" spans="14:14">
      <c r="N155657" s="10"/>
    </row>
    <row r="155658" spans="14:14">
      <c r="N155658" s="10"/>
    </row>
    <row r="155659" spans="14:14">
      <c r="N155659" s="10"/>
    </row>
    <row r="155660" spans="14:14">
      <c r="N155660" s="10"/>
    </row>
    <row r="155661" spans="14:14">
      <c r="N155661" s="10"/>
    </row>
    <row r="155662" spans="14:14">
      <c r="N155662" s="10"/>
    </row>
    <row r="155663" spans="14:14">
      <c r="N155663" s="10"/>
    </row>
    <row r="155664" spans="14:14">
      <c r="N155664" s="10"/>
    </row>
    <row r="155665" spans="14:14">
      <c r="N155665" s="10"/>
    </row>
    <row r="155666" spans="14:14">
      <c r="N155666" s="10"/>
    </row>
    <row r="155667" spans="14:14">
      <c r="N155667" s="10"/>
    </row>
    <row r="155668" spans="14:14">
      <c r="N155668" s="10"/>
    </row>
    <row r="155669" spans="14:14">
      <c r="N155669" s="10"/>
    </row>
    <row r="155670" spans="14:14">
      <c r="N155670" s="10"/>
    </row>
    <row r="155671" spans="14:14">
      <c r="N155671" s="10"/>
    </row>
    <row r="155672" spans="14:14">
      <c r="N155672" s="10"/>
    </row>
    <row r="155673" spans="14:14">
      <c r="N155673" s="10"/>
    </row>
    <row r="155674" spans="14:14">
      <c r="N155674" s="10"/>
    </row>
    <row r="155675" spans="14:14">
      <c r="N155675" s="10"/>
    </row>
    <row r="155676" spans="14:14">
      <c r="N155676" s="10"/>
    </row>
    <row r="155677" spans="14:14">
      <c r="N155677" s="10"/>
    </row>
    <row r="155678" spans="14:14">
      <c r="N155678" s="10"/>
    </row>
    <row r="155679" spans="14:14">
      <c r="N155679" s="10"/>
    </row>
    <row r="155680" spans="14:14">
      <c r="N155680" s="10"/>
    </row>
    <row r="155681" spans="14:14">
      <c r="N155681" s="10"/>
    </row>
    <row r="155682" spans="14:14">
      <c r="N155682" s="10"/>
    </row>
    <row r="155683" spans="14:14">
      <c r="N155683" s="10"/>
    </row>
    <row r="155684" spans="14:14">
      <c r="N155684" s="10"/>
    </row>
    <row r="155685" spans="14:14">
      <c r="N155685" s="10"/>
    </row>
    <row r="155686" spans="14:14">
      <c r="N155686" s="10"/>
    </row>
    <row r="155687" spans="14:14">
      <c r="N155687" s="10"/>
    </row>
    <row r="155688" spans="14:14">
      <c r="N155688" s="10"/>
    </row>
    <row r="155689" spans="14:14">
      <c r="N155689" s="10"/>
    </row>
    <row r="155690" spans="14:14">
      <c r="N155690" s="10"/>
    </row>
    <row r="155691" spans="14:14">
      <c r="N155691" s="10"/>
    </row>
    <row r="155692" spans="14:14">
      <c r="N155692" s="10"/>
    </row>
    <row r="155693" spans="14:14">
      <c r="N155693" s="10"/>
    </row>
    <row r="155694" spans="14:14">
      <c r="N155694" s="10"/>
    </row>
    <row r="155695" spans="14:14">
      <c r="N155695" s="10"/>
    </row>
    <row r="155696" spans="14:14">
      <c r="N155696" s="10"/>
    </row>
    <row r="155697" spans="14:14">
      <c r="N155697" s="10"/>
    </row>
    <row r="155698" spans="14:14">
      <c r="N155698" s="10"/>
    </row>
    <row r="155699" spans="14:14">
      <c r="N155699" s="10"/>
    </row>
    <row r="155700" spans="14:14">
      <c r="N155700" s="10"/>
    </row>
    <row r="155701" spans="14:14">
      <c r="N155701" s="10"/>
    </row>
    <row r="155702" spans="14:14">
      <c r="N155702" s="10"/>
    </row>
    <row r="155703" spans="14:14">
      <c r="N155703" s="10"/>
    </row>
    <row r="155704" spans="14:14">
      <c r="N155704" s="10"/>
    </row>
    <row r="155705" spans="14:14">
      <c r="N155705" s="10"/>
    </row>
    <row r="155706" spans="14:14">
      <c r="N155706" s="10"/>
    </row>
    <row r="155707" spans="14:14">
      <c r="N155707" s="10"/>
    </row>
    <row r="155708" spans="14:14">
      <c r="N155708" s="10"/>
    </row>
    <row r="155709" spans="14:14">
      <c r="N155709" s="10"/>
    </row>
    <row r="155710" spans="14:14">
      <c r="N155710" s="10"/>
    </row>
    <row r="155711" spans="14:14">
      <c r="N155711" s="10"/>
    </row>
    <row r="155712" spans="14:14">
      <c r="N155712" s="10"/>
    </row>
    <row r="155713" spans="14:14">
      <c r="N155713" s="10"/>
    </row>
    <row r="155714" spans="14:14">
      <c r="N155714" s="10"/>
    </row>
    <row r="155715" spans="14:14">
      <c r="N155715" s="10"/>
    </row>
    <row r="155716" spans="14:14">
      <c r="N155716" s="10"/>
    </row>
    <row r="155717" spans="14:14">
      <c r="N155717" s="10"/>
    </row>
    <row r="155718" spans="14:14">
      <c r="N155718" s="10"/>
    </row>
    <row r="155719" spans="14:14">
      <c r="N155719" s="10"/>
    </row>
    <row r="155720" spans="14:14">
      <c r="N155720" s="10"/>
    </row>
    <row r="155721" spans="14:14">
      <c r="N155721" s="10"/>
    </row>
    <row r="155722" spans="14:14">
      <c r="N155722" s="10"/>
    </row>
    <row r="155723" spans="14:14">
      <c r="N155723" s="10"/>
    </row>
    <row r="155724" spans="14:14">
      <c r="N155724" s="10"/>
    </row>
    <row r="155725" spans="14:14">
      <c r="N155725" s="10"/>
    </row>
    <row r="155726" spans="14:14">
      <c r="N155726" s="10"/>
    </row>
    <row r="155727" spans="14:14">
      <c r="N155727" s="10"/>
    </row>
    <row r="155728" spans="14:14">
      <c r="N155728" s="10"/>
    </row>
    <row r="155729" spans="14:14">
      <c r="N155729" s="10"/>
    </row>
    <row r="155730" spans="14:14">
      <c r="N155730" s="10"/>
    </row>
    <row r="155731" spans="14:14">
      <c r="N155731" s="10"/>
    </row>
    <row r="155732" spans="14:14">
      <c r="N155732" s="10"/>
    </row>
    <row r="155733" spans="14:14">
      <c r="N155733" s="10"/>
    </row>
    <row r="155734" spans="14:14">
      <c r="N155734" s="10"/>
    </row>
    <row r="155735" spans="14:14">
      <c r="N155735" s="10"/>
    </row>
    <row r="155736" spans="14:14">
      <c r="N155736" s="10"/>
    </row>
    <row r="155737" spans="14:14">
      <c r="N155737" s="10"/>
    </row>
    <row r="155738" spans="14:14">
      <c r="N155738" s="10"/>
    </row>
    <row r="155739" spans="14:14">
      <c r="N155739" s="10"/>
    </row>
    <row r="155740" spans="14:14">
      <c r="N155740" s="10"/>
    </row>
    <row r="155741" spans="14:14">
      <c r="N155741" s="10"/>
    </row>
    <row r="155742" spans="14:14">
      <c r="N155742" s="10"/>
    </row>
    <row r="155743" spans="14:14">
      <c r="N155743" s="10"/>
    </row>
    <row r="155744" spans="14:14">
      <c r="N155744" s="10"/>
    </row>
    <row r="155745" spans="14:14">
      <c r="N155745" s="10"/>
    </row>
    <row r="155746" spans="14:14">
      <c r="N155746" s="10"/>
    </row>
    <row r="155747" spans="14:14">
      <c r="N155747" s="10"/>
    </row>
    <row r="155748" spans="14:14">
      <c r="N155748" s="10"/>
    </row>
    <row r="155749" spans="14:14">
      <c r="N155749" s="10"/>
    </row>
    <row r="155750" spans="14:14">
      <c r="N155750" s="10"/>
    </row>
    <row r="155751" spans="14:14">
      <c r="N155751" s="10"/>
    </row>
    <row r="155752" spans="14:14">
      <c r="N155752" s="10"/>
    </row>
    <row r="155753" spans="14:14">
      <c r="N155753" s="10"/>
    </row>
    <row r="155754" spans="14:14">
      <c r="N155754" s="10"/>
    </row>
    <row r="155755" spans="14:14">
      <c r="N155755" s="10"/>
    </row>
    <row r="155756" spans="14:14">
      <c r="N155756" s="10"/>
    </row>
    <row r="155757" spans="14:14">
      <c r="N155757" s="10"/>
    </row>
    <row r="155758" spans="14:14">
      <c r="N155758" s="10"/>
    </row>
    <row r="155759" spans="14:14">
      <c r="N155759" s="10"/>
    </row>
    <row r="155760" spans="14:14">
      <c r="N155760" s="10"/>
    </row>
    <row r="155761" spans="14:14">
      <c r="N155761" s="10"/>
    </row>
    <row r="155762" spans="14:14">
      <c r="N155762" s="10"/>
    </row>
    <row r="155763" spans="14:14">
      <c r="N155763" s="10"/>
    </row>
    <row r="155764" spans="14:14">
      <c r="N155764" s="10"/>
    </row>
    <row r="155765" spans="14:14">
      <c r="N155765" s="10"/>
    </row>
    <row r="155766" spans="14:14">
      <c r="N155766" s="10"/>
    </row>
    <row r="155767" spans="14:14">
      <c r="N155767" s="10"/>
    </row>
    <row r="155768" spans="14:14">
      <c r="N155768" s="10"/>
    </row>
    <row r="155769" spans="14:14">
      <c r="N155769" s="10"/>
    </row>
    <row r="155770" spans="14:14">
      <c r="N155770" s="10"/>
    </row>
    <row r="155771" spans="14:14">
      <c r="N155771" s="10"/>
    </row>
    <row r="155772" spans="14:14">
      <c r="N155772" s="10"/>
    </row>
    <row r="155773" spans="14:14">
      <c r="N155773" s="10"/>
    </row>
    <row r="155774" spans="14:14">
      <c r="N155774" s="10"/>
    </row>
    <row r="155775" spans="14:14">
      <c r="N155775" s="10"/>
    </row>
    <row r="155776" spans="14:14">
      <c r="N155776" s="10"/>
    </row>
    <row r="155777" spans="14:14">
      <c r="N155777" s="10"/>
    </row>
    <row r="155778" spans="14:14">
      <c r="N155778" s="10"/>
    </row>
    <row r="155779" spans="14:14">
      <c r="N155779" s="10"/>
    </row>
    <row r="155780" spans="14:14">
      <c r="N155780" s="10"/>
    </row>
    <row r="155781" spans="14:14">
      <c r="N155781" s="10"/>
    </row>
    <row r="155782" spans="14:14">
      <c r="N155782" s="10"/>
    </row>
    <row r="155783" spans="14:14">
      <c r="N155783" s="10"/>
    </row>
    <row r="155784" spans="14:14">
      <c r="N155784" s="10"/>
    </row>
    <row r="155785" spans="14:14">
      <c r="N155785" s="10"/>
    </row>
    <row r="155786" spans="14:14">
      <c r="N155786" s="10"/>
    </row>
    <row r="155787" spans="14:14">
      <c r="N155787" s="10"/>
    </row>
    <row r="155788" spans="14:14">
      <c r="N155788" s="10"/>
    </row>
    <row r="155789" spans="14:14">
      <c r="N155789" s="10"/>
    </row>
    <row r="155790" spans="14:14">
      <c r="N155790" s="10"/>
    </row>
    <row r="155791" spans="14:14">
      <c r="N155791" s="10"/>
    </row>
    <row r="155792" spans="14:14">
      <c r="N155792" s="10"/>
    </row>
    <row r="155793" spans="14:14">
      <c r="N155793" s="10"/>
    </row>
    <row r="155794" spans="14:14">
      <c r="N155794" s="10"/>
    </row>
    <row r="155795" spans="14:14">
      <c r="N155795" s="10"/>
    </row>
    <row r="155796" spans="14:14">
      <c r="N155796" s="10"/>
    </row>
    <row r="155797" spans="14:14">
      <c r="N155797" s="10"/>
    </row>
    <row r="155798" spans="14:14">
      <c r="N155798" s="10"/>
    </row>
    <row r="155799" spans="14:14">
      <c r="N155799" s="10"/>
    </row>
    <row r="155800" spans="14:14">
      <c r="N155800" s="10"/>
    </row>
    <row r="155801" spans="14:14">
      <c r="N155801" s="10"/>
    </row>
    <row r="155802" spans="14:14">
      <c r="N155802" s="10"/>
    </row>
    <row r="155803" spans="14:14">
      <c r="N155803" s="10"/>
    </row>
    <row r="155804" spans="14:14">
      <c r="N155804" s="10"/>
    </row>
    <row r="155805" spans="14:14">
      <c r="N155805" s="10"/>
    </row>
    <row r="155806" spans="14:14">
      <c r="N155806" s="10"/>
    </row>
    <row r="155807" spans="14:14">
      <c r="N155807" s="10"/>
    </row>
    <row r="155808" spans="14:14">
      <c r="N155808" s="10"/>
    </row>
    <row r="155809" spans="14:14">
      <c r="N155809" s="10"/>
    </row>
    <row r="155810" spans="14:14">
      <c r="N155810" s="10"/>
    </row>
    <row r="155811" spans="14:14">
      <c r="N155811" s="10"/>
    </row>
    <row r="155812" spans="14:14">
      <c r="N155812" s="10"/>
    </row>
    <row r="155813" spans="14:14">
      <c r="N155813" s="10"/>
    </row>
    <row r="155814" spans="14:14">
      <c r="N155814" s="10"/>
    </row>
    <row r="155815" spans="14:14">
      <c r="N155815" s="10"/>
    </row>
    <row r="155816" spans="14:14">
      <c r="N155816" s="10"/>
    </row>
    <row r="155817" spans="14:14">
      <c r="N155817" s="10"/>
    </row>
    <row r="155818" spans="14:14">
      <c r="N155818" s="10"/>
    </row>
    <row r="155819" spans="14:14">
      <c r="N155819" s="10"/>
    </row>
    <row r="155820" spans="14:14">
      <c r="N155820" s="10"/>
    </row>
    <row r="155821" spans="14:14">
      <c r="N155821" s="10"/>
    </row>
    <row r="155822" spans="14:14">
      <c r="N155822" s="10"/>
    </row>
    <row r="155823" spans="14:14">
      <c r="N155823" s="10"/>
    </row>
    <row r="155824" spans="14:14">
      <c r="N155824" s="10"/>
    </row>
    <row r="155825" spans="14:14">
      <c r="N155825" s="10"/>
    </row>
    <row r="155826" spans="14:14">
      <c r="N155826" s="10"/>
    </row>
    <row r="155827" spans="14:14">
      <c r="N155827" s="10"/>
    </row>
    <row r="155828" spans="14:14">
      <c r="N155828" s="10"/>
    </row>
    <row r="155829" spans="14:14">
      <c r="N155829" s="10"/>
    </row>
    <row r="155830" spans="14:14">
      <c r="N155830" s="10"/>
    </row>
    <row r="155831" spans="14:14">
      <c r="N155831" s="10"/>
    </row>
    <row r="155832" spans="14:14">
      <c r="N155832" s="10"/>
    </row>
    <row r="155833" spans="14:14">
      <c r="N155833" s="10"/>
    </row>
    <row r="155834" spans="14:14">
      <c r="N155834" s="10"/>
    </row>
    <row r="155835" spans="14:14">
      <c r="N155835" s="10"/>
    </row>
    <row r="155836" spans="14:14">
      <c r="N155836" s="10"/>
    </row>
    <row r="155837" spans="14:14">
      <c r="N155837" s="10"/>
    </row>
    <row r="155838" spans="14:14">
      <c r="N155838" s="10"/>
    </row>
    <row r="155839" spans="14:14">
      <c r="N155839" s="10"/>
    </row>
    <row r="155840" spans="14:14">
      <c r="N155840" s="10"/>
    </row>
    <row r="155841" spans="14:14">
      <c r="N155841" s="10"/>
    </row>
    <row r="155842" spans="14:14">
      <c r="N155842" s="10"/>
    </row>
    <row r="155843" spans="14:14">
      <c r="N155843" s="10"/>
    </row>
    <row r="155844" spans="14:14">
      <c r="N155844" s="10"/>
    </row>
    <row r="155845" spans="14:14">
      <c r="N155845" s="10"/>
    </row>
    <row r="155846" spans="14:14">
      <c r="N155846" s="10"/>
    </row>
    <row r="155847" spans="14:14">
      <c r="N155847" s="10"/>
    </row>
    <row r="155848" spans="14:14">
      <c r="N155848" s="10"/>
    </row>
    <row r="155849" spans="14:14">
      <c r="N155849" s="10"/>
    </row>
    <row r="155850" spans="14:14">
      <c r="N155850" s="10"/>
    </row>
    <row r="155851" spans="14:14">
      <c r="N155851" s="10"/>
    </row>
    <row r="155852" spans="14:14">
      <c r="N155852" s="10"/>
    </row>
    <row r="155853" spans="14:14">
      <c r="N155853" s="10"/>
    </row>
    <row r="155854" spans="14:14">
      <c r="N155854" s="10"/>
    </row>
    <row r="155855" spans="14:14">
      <c r="N155855" s="10"/>
    </row>
    <row r="155856" spans="14:14">
      <c r="N155856" s="10"/>
    </row>
    <row r="155857" spans="14:14">
      <c r="N155857" s="10"/>
    </row>
    <row r="155858" spans="14:14">
      <c r="N155858" s="10"/>
    </row>
    <row r="155859" spans="14:14">
      <c r="N155859" s="10"/>
    </row>
    <row r="155860" spans="14:14">
      <c r="N155860" s="10"/>
    </row>
    <row r="155861" spans="14:14">
      <c r="N155861" s="10"/>
    </row>
    <row r="155862" spans="14:14">
      <c r="N155862" s="10"/>
    </row>
    <row r="155863" spans="14:14">
      <c r="N155863" s="10"/>
    </row>
    <row r="155864" spans="14:14">
      <c r="N155864" s="10"/>
    </row>
    <row r="155865" spans="14:14">
      <c r="N155865" s="10"/>
    </row>
    <row r="155866" spans="14:14">
      <c r="N155866" s="10"/>
    </row>
    <row r="155867" spans="14:14">
      <c r="N155867" s="10"/>
    </row>
    <row r="155868" spans="14:14">
      <c r="N155868" s="10"/>
    </row>
    <row r="155869" spans="14:14">
      <c r="N155869" s="10"/>
    </row>
    <row r="155870" spans="14:14">
      <c r="N155870" s="10"/>
    </row>
    <row r="155871" spans="14:14">
      <c r="N155871" s="10"/>
    </row>
    <row r="155872" spans="14:14">
      <c r="N155872" s="10"/>
    </row>
    <row r="155873" spans="14:14">
      <c r="N155873" s="10"/>
    </row>
    <row r="155874" spans="14:14">
      <c r="N155874" s="10"/>
    </row>
    <row r="155875" spans="14:14">
      <c r="N155875" s="10"/>
    </row>
    <row r="155876" spans="14:14">
      <c r="N155876" s="10"/>
    </row>
    <row r="155877" spans="14:14">
      <c r="N155877" s="10"/>
    </row>
    <row r="155878" spans="14:14">
      <c r="N155878" s="10"/>
    </row>
    <row r="155879" spans="14:14">
      <c r="N155879" s="10"/>
    </row>
    <row r="155880" spans="14:14">
      <c r="N155880" s="10"/>
    </row>
    <row r="155881" spans="14:14">
      <c r="N155881" s="10"/>
    </row>
    <row r="155882" spans="14:14">
      <c r="N155882" s="10"/>
    </row>
    <row r="155883" spans="14:14">
      <c r="N155883" s="10"/>
    </row>
    <row r="155884" spans="14:14">
      <c r="N155884" s="10"/>
    </row>
    <row r="155885" spans="14:14">
      <c r="N155885" s="10"/>
    </row>
    <row r="155886" spans="14:14">
      <c r="N155886" s="10"/>
    </row>
    <row r="155887" spans="14:14">
      <c r="N155887" s="10"/>
    </row>
    <row r="155888" spans="14:14">
      <c r="N155888" s="10"/>
    </row>
    <row r="155889" spans="14:14">
      <c r="N155889" s="10"/>
    </row>
    <row r="155890" spans="14:14">
      <c r="N155890" s="10"/>
    </row>
    <row r="155891" spans="14:14">
      <c r="N155891" s="10"/>
    </row>
    <row r="155892" spans="14:14">
      <c r="N155892" s="10"/>
    </row>
    <row r="155893" spans="14:14">
      <c r="N155893" s="10"/>
    </row>
    <row r="155894" spans="14:14">
      <c r="N155894" s="10"/>
    </row>
    <row r="155895" spans="14:14">
      <c r="N155895" s="10"/>
    </row>
    <row r="155896" spans="14:14">
      <c r="N155896" s="10"/>
    </row>
    <row r="155897" spans="14:14">
      <c r="N155897" s="10"/>
    </row>
    <row r="155898" spans="14:14">
      <c r="N155898" s="10"/>
    </row>
    <row r="155899" spans="14:14">
      <c r="N155899" s="10"/>
    </row>
    <row r="155900" spans="14:14">
      <c r="N155900" s="10"/>
    </row>
    <row r="155901" spans="14:14">
      <c r="N155901" s="10"/>
    </row>
    <row r="155902" spans="14:14">
      <c r="N155902" s="10"/>
    </row>
    <row r="155903" spans="14:14">
      <c r="N155903" s="10"/>
    </row>
    <row r="155904" spans="14:14">
      <c r="N155904" s="10"/>
    </row>
    <row r="155905" spans="14:14">
      <c r="N155905" s="10"/>
    </row>
    <row r="155906" spans="14:14">
      <c r="N155906" s="10"/>
    </row>
    <row r="155907" spans="14:14">
      <c r="N155907" s="10"/>
    </row>
    <row r="155908" spans="14:14">
      <c r="N155908" s="10"/>
    </row>
    <row r="155909" spans="14:14">
      <c r="N155909" s="10"/>
    </row>
    <row r="155910" spans="14:14">
      <c r="N155910" s="10"/>
    </row>
    <row r="155911" spans="14:14">
      <c r="N155911" s="10"/>
    </row>
    <row r="155912" spans="14:14">
      <c r="N155912" s="10"/>
    </row>
    <row r="155913" spans="14:14">
      <c r="N155913" s="10"/>
    </row>
    <row r="155914" spans="14:14">
      <c r="N155914" s="10"/>
    </row>
    <row r="155915" spans="14:14">
      <c r="N155915" s="10"/>
    </row>
    <row r="155916" spans="14:14">
      <c r="N155916" s="10"/>
    </row>
    <row r="155917" spans="14:14">
      <c r="N155917" s="10"/>
    </row>
    <row r="155918" spans="14:14">
      <c r="N155918" s="10"/>
    </row>
    <row r="155919" spans="14:14">
      <c r="N155919" s="10"/>
    </row>
    <row r="155920" spans="14:14">
      <c r="N155920" s="10"/>
    </row>
    <row r="155921" spans="14:14">
      <c r="N155921" s="10"/>
    </row>
    <row r="155922" spans="14:14">
      <c r="N155922" s="10"/>
    </row>
    <row r="155923" spans="14:14">
      <c r="N155923" s="10"/>
    </row>
    <row r="155924" spans="14:14">
      <c r="N155924" s="10"/>
    </row>
    <row r="155925" spans="14:14">
      <c r="N155925" s="10"/>
    </row>
    <row r="155926" spans="14:14">
      <c r="N155926" s="10"/>
    </row>
    <row r="155927" spans="14:14">
      <c r="N155927" s="10"/>
    </row>
    <row r="155928" spans="14:14">
      <c r="N155928" s="10"/>
    </row>
    <row r="155929" spans="14:14">
      <c r="N155929" s="10"/>
    </row>
    <row r="155930" spans="14:14">
      <c r="N155930" s="10"/>
    </row>
    <row r="155931" spans="14:14">
      <c r="N155931" s="10"/>
    </row>
    <row r="155932" spans="14:14">
      <c r="N155932" s="10"/>
    </row>
    <row r="155933" spans="14:14">
      <c r="N155933" s="10"/>
    </row>
    <row r="155934" spans="14:14">
      <c r="N155934" s="10"/>
    </row>
    <row r="155935" spans="14:14">
      <c r="N155935" s="10"/>
    </row>
    <row r="155936" spans="14:14">
      <c r="N155936" s="10"/>
    </row>
    <row r="155937" spans="14:14">
      <c r="N155937" s="10"/>
    </row>
    <row r="155938" spans="14:14">
      <c r="N155938" s="10"/>
    </row>
    <row r="155939" spans="14:14">
      <c r="N155939" s="10"/>
    </row>
    <row r="155940" spans="14:14">
      <c r="N155940" s="10"/>
    </row>
    <row r="155941" spans="14:14">
      <c r="N155941" s="10"/>
    </row>
    <row r="155942" spans="14:14">
      <c r="N155942" s="10"/>
    </row>
    <row r="155943" spans="14:14">
      <c r="N155943" s="10"/>
    </row>
    <row r="155944" spans="14:14">
      <c r="N155944" s="10"/>
    </row>
    <row r="155945" spans="14:14">
      <c r="N155945" s="10"/>
    </row>
    <row r="155946" spans="14:14">
      <c r="N155946" s="10"/>
    </row>
    <row r="155947" spans="14:14">
      <c r="N155947" s="10"/>
    </row>
    <row r="155948" spans="14:14">
      <c r="N155948" s="10"/>
    </row>
    <row r="155949" spans="14:14">
      <c r="N155949" s="10"/>
    </row>
    <row r="155950" spans="14:14">
      <c r="N155950" s="10"/>
    </row>
    <row r="155951" spans="14:14">
      <c r="N155951" s="10"/>
    </row>
    <row r="155952" spans="14:14">
      <c r="N155952" s="10"/>
    </row>
    <row r="155953" spans="14:14">
      <c r="N155953" s="10"/>
    </row>
    <row r="155954" spans="14:14">
      <c r="N155954" s="10"/>
    </row>
    <row r="155955" spans="14:14">
      <c r="N155955" s="10"/>
    </row>
    <row r="155956" spans="14:14">
      <c r="N155956" s="10"/>
    </row>
    <row r="155957" spans="14:14">
      <c r="N155957" s="10"/>
    </row>
    <row r="155958" spans="14:14">
      <c r="N155958" s="10"/>
    </row>
    <row r="155959" spans="14:14">
      <c r="N155959" s="10"/>
    </row>
    <row r="155960" spans="14:14">
      <c r="N155960" s="10"/>
    </row>
    <row r="155961" spans="14:14">
      <c r="N155961" s="10"/>
    </row>
    <row r="155962" spans="14:14">
      <c r="N155962" s="10"/>
    </row>
    <row r="155963" spans="14:14">
      <c r="N155963" s="10"/>
    </row>
    <row r="155964" spans="14:14">
      <c r="N155964" s="10"/>
    </row>
    <row r="155965" spans="14:14">
      <c r="N155965" s="10"/>
    </row>
    <row r="155966" spans="14:14">
      <c r="N155966" s="10"/>
    </row>
    <row r="155967" spans="14:14">
      <c r="N155967" s="10"/>
    </row>
    <row r="155968" spans="14:14">
      <c r="N155968" s="10"/>
    </row>
    <row r="155969" spans="14:14">
      <c r="N155969" s="10"/>
    </row>
    <row r="155970" spans="14:14">
      <c r="N155970" s="10"/>
    </row>
    <row r="155971" spans="14:14">
      <c r="N155971" s="10"/>
    </row>
    <row r="155972" spans="14:14">
      <c r="N155972" s="10"/>
    </row>
    <row r="155973" spans="14:14">
      <c r="N155973" s="10"/>
    </row>
    <row r="155974" spans="14:14">
      <c r="N155974" s="10"/>
    </row>
    <row r="155975" spans="14:14">
      <c r="N155975" s="10"/>
    </row>
    <row r="155976" spans="14:14">
      <c r="N155976" s="10"/>
    </row>
    <row r="155977" spans="14:14">
      <c r="N155977" s="10"/>
    </row>
    <row r="155978" spans="14:14">
      <c r="N155978" s="10"/>
    </row>
    <row r="155979" spans="14:14">
      <c r="N155979" s="10"/>
    </row>
    <row r="155980" spans="14:14">
      <c r="N155980" s="10"/>
    </row>
    <row r="155981" spans="14:14">
      <c r="N155981" s="10"/>
    </row>
    <row r="155982" spans="14:14">
      <c r="N155982" s="10"/>
    </row>
    <row r="155983" spans="14:14">
      <c r="N155983" s="10"/>
    </row>
    <row r="155984" spans="14:14">
      <c r="N155984" s="10"/>
    </row>
    <row r="155985" spans="14:14">
      <c r="N155985" s="10"/>
    </row>
    <row r="155986" spans="14:14">
      <c r="N155986" s="10"/>
    </row>
    <row r="155987" spans="14:14">
      <c r="N155987" s="10"/>
    </row>
    <row r="155988" spans="14:14">
      <c r="N155988" s="10"/>
    </row>
    <row r="155989" spans="14:14">
      <c r="N155989" s="10"/>
    </row>
    <row r="155990" spans="14:14">
      <c r="N155990" s="10"/>
    </row>
    <row r="155991" spans="14:14">
      <c r="N155991" s="10"/>
    </row>
    <row r="155992" spans="14:14">
      <c r="N155992" s="10"/>
    </row>
    <row r="155993" spans="14:14">
      <c r="N155993" s="10"/>
    </row>
    <row r="155994" spans="14:14">
      <c r="N155994" s="10"/>
    </row>
    <row r="155995" spans="14:14">
      <c r="N155995" s="10"/>
    </row>
    <row r="155996" spans="14:14">
      <c r="N155996" s="10"/>
    </row>
    <row r="155997" spans="14:14">
      <c r="N155997" s="10"/>
    </row>
    <row r="155998" spans="14:14">
      <c r="N155998" s="10"/>
    </row>
    <row r="155999" spans="14:14">
      <c r="N155999" s="10"/>
    </row>
    <row r="156000" spans="14:14">
      <c r="N156000" s="10"/>
    </row>
    <row r="156001" spans="14:14">
      <c r="N156001" s="10"/>
    </row>
    <row r="156002" spans="14:14">
      <c r="N156002" s="10"/>
    </row>
    <row r="156003" spans="14:14">
      <c r="N156003" s="10"/>
    </row>
    <row r="156004" spans="14:14">
      <c r="N156004" s="10"/>
    </row>
    <row r="156005" spans="14:14">
      <c r="N156005" s="10"/>
    </row>
    <row r="156006" spans="14:14">
      <c r="N156006" s="10"/>
    </row>
    <row r="156007" spans="14:14">
      <c r="N156007" s="10"/>
    </row>
    <row r="156008" spans="14:14">
      <c r="N156008" s="10"/>
    </row>
    <row r="156009" spans="14:14">
      <c r="N156009" s="10"/>
    </row>
    <row r="156010" spans="14:14">
      <c r="N156010" s="10"/>
    </row>
    <row r="156011" spans="14:14">
      <c r="N156011" s="10"/>
    </row>
    <row r="156012" spans="14:14">
      <c r="N156012" s="10"/>
    </row>
    <row r="156013" spans="14:14">
      <c r="N156013" s="10"/>
    </row>
    <row r="156014" spans="14:14">
      <c r="N156014" s="10"/>
    </row>
    <row r="156015" spans="14:14">
      <c r="N156015" s="10"/>
    </row>
    <row r="156016" spans="14:14">
      <c r="N156016" s="10"/>
    </row>
    <row r="156017" spans="14:14">
      <c r="N156017" s="10"/>
    </row>
    <row r="156018" spans="14:14">
      <c r="N156018" s="10"/>
    </row>
    <row r="156019" spans="14:14">
      <c r="N156019" s="10"/>
    </row>
    <row r="156020" spans="14:14">
      <c r="N156020" s="10"/>
    </row>
    <row r="156021" spans="14:14">
      <c r="N156021" s="10"/>
    </row>
    <row r="156022" spans="14:14">
      <c r="N156022" s="10"/>
    </row>
    <row r="156023" spans="14:14">
      <c r="N156023" s="10"/>
    </row>
    <row r="156024" spans="14:14">
      <c r="N156024" s="10"/>
    </row>
    <row r="156025" spans="14:14">
      <c r="N156025" s="10"/>
    </row>
    <row r="156026" spans="14:14">
      <c r="N156026" s="10"/>
    </row>
    <row r="156027" spans="14:14">
      <c r="N156027" s="10"/>
    </row>
    <row r="156028" spans="14:14">
      <c r="N156028" s="10"/>
    </row>
    <row r="156029" spans="14:14">
      <c r="N156029" s="10"/>
    </row>
    <row r="156030" spans="14:14">
      <c r="N156030" s="10"/>
    </row>
    <row r="156031" spans="14:14">
      <c r="N156031" s="10"/>
    </row>
    <row r="156032" spans="14:14">
      <c r="N156032" s="10"/>
    </row>
    <row r="156033" spans="14:14">
      <c r="N156033" s="10"/>
    </row>
    <row r="156034" spans="14:14">
      <c r="N156034" s="10"/>
    </row>
    <row r="156035" spans="14:14">
      <c r="N156035" s="10"/>
    </row>
    <row r="156036" spans="14:14">
      <c r="N156036" s="10"/>
    </row>
    <row r="156037" spans="14:14">
      <c r="N156037" s="10"/>
    </row>
    <row r="156038" spans="14:14">
      <c r="N156038" s="10"/>
    </row>
    <row r="156039" spans="14:14">
      <c r="N156039" s="10"/>
    </row>
    <row r="156040" spans="14:14">
      <c r="N156040" s="10"/>
    </row>
    <row r="156041" spans="14:14">
      <c r="N156041" s="10"/>
    </row>
    <row r="156042" spans="14:14">
      <c r="N156042" s="10"/>
    </row>
    <row r="156043" spans="14:14">
      <c r="N156043" s="10"/>
    </row>
    <row r="156044" spans="14:14">
      <c r="N156044" s="10"/>
    </row>
    <row r="156045" spans="14:14">
      <c r="N156045" s="10"/>
    </row>
    <row r="156046" spans="14:14">
      <c r="N156046" s="10"/>
    </row>
    <row r="156047" spans="14:14">
      <c r="N156047" s="10"/>
    </row>
    <row r="156048" spans="14:14">
      <c r="N156048" s="10"/>
    </row>
    <row r="156049" spans="14:14">
      <c r="N156049" s="10"/>
    </row>
    <row r="156050" spans="14:14">
      <c r="N156050" s="10"/>
    </row>
    <row r="156051" spans="14:14">
      <c r="N156051" s="10"/>
    </row>
    <row r="156052" spans="14:14">
      <c r="N156052" s="10"/>
    </row>
    <row r="156053" spans="14:14">
      <c r="N156053" s="10"/>
    </row>
    <row r="156054" spans="14:14">
      <c r="N156054" s="10"/>
    </row>
    <row r="156055" spans="14:14">
      <c r="N156055" s="10"/>
    </row>
    <row r="156056" spans="14:14">
      <c r="N156056" s="10"/>
    </row>
    <row r="156057" spans="14:14">
      <c r="N156057" s="10"/>
    </row>
    <row r="156058" spans="14:14">
      <c r="N156058" s="10"/>
    </row>
    <row r="156059" spans="14:14">
      <c r="N156059" s="10"/>
    </row>
    <row r="156060" spans="14:14">
      <c r="N156060" s="10"/>
    </row>
    <row r="156061" spans="14:14">
      <c r="N156061" s="10"/>
    </row>
    <row r="156062" spans="14:14">
      <c r="N156062" s="10"/>
    </row>
    <row r="156063" spans="14:14">
      <c r="N156063" s="10"/>
    </row>
    <row r="156064" spans="14:14">
      <c r="N156064" s="10"/>
    </row>
    <row r="156065" spans="14:14">
      <c r="N156065" s="10"/>
    </row>
    <row r="156066" spans="14:14">
      <c r="N156066" s="10"/>
    </row>
    <row r="156067" spans="14:14">
      <c r="N156067" s="10"/>
    </row>
    <row r="156068" spans="14:14">
      <c r="N156068" s="10"/>
    </row>
    <row r="156069" spans="14:14">
      <c r="N156069" s="10"/>
    </row>
    <row r="156070" spans="14:14">
      <c r="N156070" s="10"/>
    </row>
    <row r="156071" spans="14:14">
      <c r="N156071" s="10"/>
    </row>
    <row r="156072" spans="14:14">
      <c r="N156072" s="10"/>
    </row>
    <row r="156073" spans="14:14">
      <c r="N156073" s="10"/>
    </row>
    <row r="156074" spans="14:14">
      <c r="N156074" s="10"/>
    </row>
    <row r="156075" spans="14:14">
      <c r="N156075" s="10"/>
    </row>
    <row r="156076" spans="14:14">
      <c r="N156076" s="10"/>
    </row>
    <row r="156077" spans="14:14">
      <c r="N156077" s="10"/>
    </row>
    <row r="156078" spans="14:14">
      <c r="N156078" s="10"/>
    </row>
    <row r="156079" spans="14:14">
      <c r="N156079" s="10"/>
    </row>
    <row r="156080" spans="14:14">
      <c r="N156080" s="10"/>
    </row>
    <row r="156081" spans="14:14">
      <c r="N156081" s="10"/>
    </row>
    <row r="156082" spans="14:14">
      <c r="N156082" s="10"/>
    </row>
    <row r="156083" spans="14:14">
      <c r="N156083" s="10"/>
    </row>
    <row r="156084" spans="14:14">
      <c r="N156084" s="10"/>
    </row>
    <row r="156085" spans="14:14">
      <c r="N156085" s="10"/>
    </row>
    <row r="156086" spans="14:14">
      <c r="N156086" s="10"/>
    </row>
    <row r="156087" spans="14:14">
      <c r="N156087" s="10"/>
    </row>
    <row r="156088" spans="14:14">
      <c r="N156088" s="10"/>
    </row>
    <row r="156089" spans="14:14">
      <c r="N156089" s="10"/>
    </row>
    <row r="156090" spans="14:14">
      <c r="N156090" s="10"/>
    </row>
    <row r="156091" spans="14:14">
      <c r="N156091" s="10"/>
    </row>
    <row r="156092" spans="14:14">
      <c r="N156092" s="10"/>
    </row>
    <row r="156093" spans="14:14">
      <c r="N156093" s="10"/>
    </row>
    <row r="156094" spans="14:14">
      <c r="N156094" s="10"/>
    </row>
    <row r="156095" spans="14:14">
      <c r="N156095" s="10"/>
    </row>
    <row r="156096" spans="14:14">
      <c r="N156096" s="10"/>
    </row>
    <row r="156097" spans="14:14">
      <c r="N156097" s="10"/>
    </row>
    <row r="156098" spans="14:14">
      <c r="N156098" s="10"/>
    </row>
    <row r="156099" spans="14:14">
      <c r="N156099" s="10"/>
    </row>
    <row r="156100" spans="14:14">
      <c r="N156100" s="10"/>
    </row>
    <row r="156101" spans="14:14">
      <c r="N156101" s="10"/>
    </row>
    <row r="156102" spans="14:14">
      <c r="N156102" s="10"/>
    </row>
    <row r="156103" spans="14:14">
      <c r="N156103" s="10"/>
    </row>
    <row r="156104" spans="14:14">
      <c r="N156104" s="10"/>
    </row>
    <row r="156105" spans="14:14">
      <c r="N156105" s="10"/>
    </row>
    <row r="156106" spans="14:14">
      <c r="N156106" s="10"/>
    </row>
    <row r="156107" spans="14:14">
      <c r="N156107" s="10"/>
    </row>
    <row r="156108" spans="14:14">
      <c r="N156108" s="10"/>
    </row>
    <row r="156109" spans="14:14">
      <c r="N156109" s="10"/>
    </row>
    <row r="156110" spans="14:14">
      <c r="N156110" s="10"/>
    </row>
    <row r="156111" spans="14:14">
      <c r="N156111" s="10"/>
    </row>
    <row r="156112" spans="14:14">
      <c r="N156112" s="10"/>
    </row>
    <row r="156113" spans="14:14">
      <c r="N156113" s="10"/>
    </row>
    <row r="156114" spans="14:14">
      <c r="N156114" s="10"/>
    </row>
    <row r="156115" spans="14:14">
      <c r="N156115" s="10"/>
    </row>
    <row r="156116" spans="14:14">
      <c r="N156116" s="10"/>
    </row>
    <row r="156117" spans="14:14">
      <c r="N156117" s="10"/>
    </row>
    <row r="156118" spans="14:14">
      <c r="N156118" s="10"/>
    </row>
    <row r="156119" spans="14:14">
      <c r="N156119" s="10"/>
    </row>
    <row r="156120" spans="14:14">
      <c r="N156120" s="10"/>
    </row>
    <row r="156121" spans="14:14">
      <c r="N156121" s="10"/>
    </row>
    <row r="156122" spans="14:14">
      <c r="N156122" s="10"/>
    </row>
    <row r="156123" spans="14:14">
      <c r="N156123" s="10"/>
    </row>
    <row r="156124" spans="14:14">
      <c r="N156124" s="10"/>
    </row>
    <row r="156125" spans="14:14">
      <c r="N156125" s="10"/>
    </row>
    <row r="156126" spans="14:14">
      <c r="N156126" s="10"/>
    </row>
    <row r="156127" spans="14:14">
      <c r="N156127" s="10"/>
    </row>
    <row r="156128" spans="14:14">
      <c r="N156128" s="10"/>
    </row>
    <row r="156129" spans="14:14">
      <c r="N156129" s="10"/>
    </row>
    <row r="156130" spans="14:14">
      <c r="N156130" s="10"/>
    </row>
    <row r="156131" spans="14:14">
      <c r="N156131" s="10"/>
    </row>
    <row r="156132" spans="14:14">
      <c r="N156132" s="10"/>
    </row>
    <row r="156133" spans="14:14">
      <c r="N156133" s="10"/>
    </row>
    <row r="156134" spans="14:14">
      <c r="N156134" s="10"/>
    </row>
    <row r="156135" spans="14:14">
      <c r="N156135" s="10"/>
    </row>
    <row r="156136" spans="14:14">
      <c r="N156136" s="10"/>
    </row>
    <row r="156137" spans="14:14">
      <c r="N156137" s="10"/>
    </row>
    <row r="156138" spans="14:14">
      <c r="N156138" s="10"/>
    </row>
    <row r="156139" spans="14:14">
      <c r="N156139" s="10"/>
    </row>
    <row r="156140" spans="14:14">
      <c r="N156140" s="10"/>
    </row>
    <row r="156141" spans="14:14">
      <c r="N156141" s="10"/>
    </row>
    <row r="156142" spans="14:14">
      <c r="N156142" s="10"/>
    </row>
    <row r="156143" spans="14:14">
      <c r="N156143" s="10"/>
    </row>
    <row r="156144" spans="14:14">
      <c r="N156144" s="10"/>
    </row>
    <row r="156145" spans="14:14">
      <c r="N156145" s="10"/>
    </row>
    <row r="156146" spans="14:14">
      <c r="N156146" s="10"/>
    </row>
    <row r="156147" spans="14:14">
      <c r="N156147" s="10"/>
    </row>
    <row r="156148" spans="14:14">
      <c r="N156148" s="10"/>
    </row>
    <row r="156149" spans="14:14">
      <c r="N156149" s="10"/>
    </row>
    <row r="156150" spans="14:14">
      <c r="N156150" s="10"/>
    </row>
    <row r="156151" spans="14:14">
      <c r="N156151" s="10"/>
    </row>
    <row r="156152" spans="14:14">
      <c r="N156152" s="10"/>
    </row>
    <row r="156153" spans="14:14">
      <c r="N156153" s="10"/>
    </row>
    <row r="156154" spans="14:14">
      <c r="N156154" s="10"/>
    </row>
    <row r="156155" spans="14:14">
      <c r="N156155" s="10"/>
    </row>
    <row r="156156" spans="14:14">
      <c r="N156156" s="10"/>
    </row>
    <row r="156157" spans="14:14">
      <c r="N156157" s="10"/>
    </row>
    <row r="156158" spans="14:14">
      <c r="N156158" s="10"/>
    </row>
    <row r="156159" spans="14:14">
      <c r="N156159" s="10"/>
    </row>
    <row r="156160" spans="14:14">
      <c r="N156160" s="10"/>
    </row>
    <row r="156161" spans="14:14">
      <c r="N156161" s="10"/>
    </row>
    <row r="156162" spans="14:14">
      <c r="N156162" s="10"/>
    </row>
    <row r="156163" spans="14:14">
      <c r="N156163" s="10"/>
    </row>
    <row r="156164" spans="14:14">
      <c r="N156164" s="10"/>
    </row>
    <row r="156165" spans="14:14">
      <c r="N156165" s="10"/>
    </row>
    <row r="156166" spans="14:14">
      <c r="N156166" s="10"/>
    </row>
    <row r="156167" spans="14:14">
      <c r="N156167" s="10"/>
    </row>
    <row r="156168" spans="14:14">
      <c r="N156168" s="10"/>
    </row>
    <row r="156169" spans="14:14">
      <c r="N156169" s="10"/>
    </row>
    <row r="156170" spans="14:14">
      <c r="N156170" s="10"/>
    </row>
    <row r="156171" spans="14:14">
      <c r="N156171" s="10"/>
    </row>
    <row r="156172" spans="14:14">
      <c r="N156172" s="10"/>
    </row>
    <row r="156173" spans="14:14">
      <c r="N156173" s="10"/>
    </row>
    <row r="156174" spans="14:14">
      <c r="N156174" s="10"/>
    </row>
    <row r="156175" spans="14:14">
      <c r="N156175" s="10"/>
    </row>
    <row r="156176" spans="14:14">
      <c r="N156176" s="10"/>
    </row>
    <row r="156177" spans="14:14">
      <c r="N156177" s="10"/>
    </row>
    <row r="156178" spans="14:14">
      <c r="N156178" s="10"/>
    </row>
    <row r="156179" spans="14:14">
      <c r="N156179" s="10"/>
    </row>
    <row r="156180" spans="14:14">
      <c r="N156180" s="10"/>
    </row>
    <row r="156181" spans="14:14">
      <c r="N156181" s="10"/>
    </row>
    <row r="156182" spans="14:14">
      <c r="N156182" s="10"/>
    </row>
    <row r="156183" spans="14:14">
      <c r="N156183" s="10"/>
    </row>
    <row r="156184" spans="14:14">
      <c r="N156184" s="10"/>
    </row>
    <row r="156185" spans="14:14">
      <c r="N156185" s="10"/>
    </row>
    <row r="156186" spans="14:14">
      <c r="N156186" s="10"/>
    </row>
    <row r="156187" spans="14:14">
      <c r="N156187" s="10"/>
    </row>
    <row r="156188" spans="14:14">
      <c r="N156188" s="10"/>
    </row>
    <row r="156189" spans="14:14">
      <c r="N156189" s="10"/>
    </row>
    <row r="156190" spans="14:14">
      <c r="N156190" s="10"/>
    </row>
    <row r="156191" spans="14:14">
      <c r="N156191" s="10"/>
    </row>
    <row r="156192" spans="14:14">
      <c r="N156192" s="10"/>
    </row>
    <row r="156193" spans="14:14">
      <c r="N156193" s="10"/>
    </row>
    <row r="156194" spans="14:14">
      <c r="N156194" s="10"/>
    </row>
    <row r="156195" spans="14:14">
      <c r="N156195" s="10"/>
    </row>
    <row r="156196" spans="14:14">
      <c r="N156196" s="10"/>
    </row>
    <row r="156197" spans="14:14">
      <c r="N156197" s="10"/>
    </row>
    <row r="156198" spans="14:14">
      <c r="N156198" s="10"/>
    </row>
    <row r="156199" spans="14:14">
      <c r="N156199" s="10"/>
    </row>
    <row r="156200" spans="14:14">
      <c r="N156200" s="10"/>
    </row>
    <row r="156201" spans="14:14">
      <c r="N156201" s="10"/>
    </row>
    <row r="156202" spans="14:14">
      <c r="N156202" s="10"/>
    </row>
    <row r="156203" spans="14:14">
      <c r="N156203" s="10"/>
    </row>
    <row r="156204" spans="14:14">
      <c r="N156204" s="10"/>
    </row>
    <row r="156205" spans="14:14">
      <c r="N156205" s="10"/>
    </row>
    <row r="156206" spans="14:14">
      <c r="N156206" s="10"/>
    </row>
    <row r="156207" spans="14:14">
      <c r="N156207" s="10"/>
    </row>
    <row r="156208" spans="14:14">
      <c r="N156208" s="10"/>
    </row>
    <row r="156209" spans="14:14">
      <c r="N156209" s="10"/>
    </row>
    <row r="156210" spans="14:14">
      <c r="N156210" s="10"/>
    </row>
    <row r="156211" spans="14:14">
      <c r="N156211" s="10"/>
    </row>
    <row r="156212" spans="14:14">
      <c r="N156212" s="10"/>
    </row>
    <row r="156213" spans="14:14">
      <c r="N156213" s="10"/>
    </row>
    <row r="156214" spans="14:14">
      <c r="N156214" s="10"/>
    </row>
    <row r="156215" spans="14:14">
      <c r="N156215" s="10"/>
    </row>
    <row r="156216" spans="14:14">
      <c r="N156216" s="10"/>
    </row>
    <row r="156217" spans="14:14">
      <c r="N156217" s="10"/>
    </row>
    <row r="156218" spans="14:14">
      <c r="N156218" s="10"/>
    </row>
    <row r="156219" spans="14:14">
      <c r="N156219" s="10"/>
    </row>
    <row r="156220" spans="14:14">
      <c r="N156220" s="10"/>
    </row>
    <row r="156221" spans="14:14">
      <c r="N156221" s="10"/>
    </row>
    <row r="156222" spans="14:14">
      <c r="N156222" s="10"/>
    </row>
    <row r="156223" spans="14:14">
      <c r="N156223" s="10"/>
    </row>
    <row r="156224" spans="14:14">
      <c r="N156224" s="10"/>
    </row>
    <row r="156225" spans="14:14">
      <c r="N156225" s="10"/>
    </row>
    <row r="156226" spans="14:14">
      <c r="N156226" s="10"/>
    </row>
    <row r="156227" spans="14:14">
      <c r="N156227" s="10"/>
    </row>
    <row r="156228" spans="14:14">
      <c r="N156228" s="10"/>
    </row>
    <row r="156229" spans="14:14">
      <c r="N156229" s="10"/>
    </row>
    <row r="156230" spans="14:14">
      <c r="N156230" s="10"/>
    </row>
    <row r="156231" spans="14:14">
      <c r="N156231" s="10"/>
    </row>
    <row r="156232" spans="14:14">
      <c r="N156232" s="10"/>
    </row>
    <row r="156233" spans="14:14">
      <c r="N156233" s="10"/>
    </row>
    <row r="156234" spans="14:14">
      <c r="N156234" s="10"/>
    </row>
    <row r="156235" spans="14:14">
      <c r="N156235" s="10"/>
    </row>
    <row r="156236" spans="14:14">
      <c r="N156236" s="10"/>
    </row>
    <row r="156237" spans="14:14">
      <c r="N156237" s="10"/>
    </row>
    <row r="156238" spans="14:14">
      <c r="N156238" s="10"/>
    </row>
    <row r="156239" spans="14:14">
      <c r="N156239" s="10"/>
    </row>
    <row r="156240" spans="14:14">
      <c r="N156240" s="10"/>
    </row>
    <row r="156241" spans="14:14">
      <c r="N156241" s="10"/>
    </row>
    <row r="156242" spans="14:14">
      <c r="N156242" s="10"/>
    </row>
    <row r="156243" spans="14:14">
      <c r="N156243" s="10"/>
    </row>
    <row r="156244" spans="14:14">
      <c r="N156244" s="10"/>
    </row>
    <row r="156245" spans="14:14">
      <c r="N156245" s="10"/>
    </row>
    <row r="156246" spans="14:14">
      <c r="N156246" s="10"/>
    </row>
    <row r="156247" spans="14:14">
      <c r="N156247" s="10"/>
    </row>
    <row r="156248" spans="14:14">
      <c r="N156248" s="10"/>
    </row>
    <row r="156249" spans="14:14">
      <c r="N156249" s="10"/>
    </row>
    <row r="156250" spans="14:14">
      <c r="N156250" s="10"/>
    </row>
    <row r="156251" spans="14:14">
      <c r="N156251" s="10"/>
    </row>
    <row r="156252" spans="14:14">
      <c r="N156252" s="10"/>
    </row>
    <row r="156253" spans="14:14">
      <c r="N156253" s="10"/>
    </row>
    <row r="156254" spans="14:14">
      <c r="N156254" s="10"/>
    </row>
    <row r="156255" spans="14:14">
      <c r="N156255" s="10"/>
    </row>
    <row r="156256" spans="14:14">
      <c r="N156256" s="10"/>
    </row>
    <row r="156257" spans="14:14">
      <c r="N156257" s="10"/>
    </row>
    <row r="156258" spans="14:14">
      <c r="N156258" s="10"/>
    </row>
    <row r="156259" spans="14:14">
      <c r="N156259" s="10"/>
    </row>
    <row r="156260" spans="14:14">
      <c r="N156260" s="10"/>
    </row>
    <row r="156261" spans="14:14">
      <c r="N156261" s="10"/>
    </row>
    <row r="156262" spans="14:14">
      <c r="N156262" s="10"/>
    </row>
    <row r="156263" spans="14:14">
      <c r="N156263" s="10"/>
    </row>
    <row r="156264" spans="14:14">
      <c r="N156264" s="10"/>
    </row>
    <row r="156265" spans="14:14">
      <c r="N156265" s="10"/>
    </row>
    <row r="156266" spans="14:14">
      <c r="N156266" s="10"/>
    </row>
    <row r="156267" spans="14:14">
      <c r="N156267" s="10"/>
    </row>
    <row r="156268" spans="14:14">
      <c r="N156268" s="10"/>
    </row>
    <row r="156269" spans="14:14">
      <c r="N156269" s="10"/>
    </row>
    <row r="156270" spans="14:14">
      <c r="N156270" s="10"/>
    </row>
    <row r="156271" spans="14:14">
      <c r="N156271" s="10"/>
    </row>
    <row r="156272" spans="14:14">
      <c r="N156272" s="10"/>
    </row>
    <row r="156273" spans="14:14">
      <c r="N156273" s="10"/>
    </row>
    <row r="156274" spans="14:14">
      <c r="N156274" s="10"/>
    </row>
    <row r="156275" spans="14:14">
      <c r="N156275" s="10"/>
    </row>
    <row r="156276" spans="14:14">
      <c r="N156276" s="10"/>
    </row>
    <row r="156277" spans="14:14">
      <c r="N156277" s="10"/>
    </row>
    <row r="156278" spans="14:14">
      <c r="N156278" s="10"/>
    </row>
    <row r="156279" spans="14:14">
      <c r="N156279" s="10"/>
    </row>
    <row r="156280" spans="14:14">
      <c r="N156280" s="10"/>
    </row>
    <row r="156281" spans="14:14">
      <c r="N156281" s="10"/>
    </row>
    <row r="156282" spans="14:14">
      <c r="N156282" s="10"/>
    </row>
    <row r="156283" spans="14:14">
      <c r="N156283" s="10"/>
    </row>
    <row r="156284" spans="14:14">
      <c r="N156284" s="10"/>
    </row>
    <row r="156285" spans="14:14">
      <c r="N156285" s="10"/>
    </row>
    <row r="156286" spans="14:14">
      <c r="N156286" s="10"/>
    </row>
    <row r="156287" spans="14:14">
      <c r="N156287" s="10"/>
    </row>
    <row r="156288" spans="14:14">
      <c r="N156288" s="10"/>
    </row>
    <row r="156289" spans="14:14">
      <c r="N156289" s="10"/>
    </row>
    <row r="156290" spans="14:14">
      <c r="N156290" s="10"/>
    </row>
    <row r="156291" spans="14:14">
      <c r="N156291" s="10"/>
    </row>
    <row r="156292" spans="14:14">
      <c r="N156292" s="10"/>
    </row>
    <row r="156293" spans="14:14">
      <c r="N156293" s="10"/>
    </row>
    <row r="156294" spans="14:14">
      <c r="N156294" s="10"/>
    </row>
    <row r="156295" spans="14:14">
      <c r="N156295" s="10"/>
    </row>
    <row r="156296" spans="14:14">
      <c r="N156296" s="10"/>
    </row>
    <row r="156297" spans="14:14">
      <c r="N156297" s="10"/>
    </row>
    <row r="156298" spans="14:14">
      <c r="N156298" s="10"/>
    </row>
    <row r="156299" spans="14:14">
      <c r="N156299" s="10"/>
    </row>
    <row r="156300" spans="14:14">
      <c r="N156300" s="10"/>
    </row>
    <row r="156301" spans="14:14">
      <c r="N156301" s="10"/>
    </row>
    <row r="156302" spans="14:14">
      <c r="N156302" s="10"/>
    </row>
    <row r="156303" spans="14:14">
      <c r="N156303" s="10"/>
    </row>
    <row r="156304" spans="14:14">
      <c r="N156304" s="10"/>
    </row>
    <row r="156305" spans="14:14">
      <c r="N156305" s="10"/>
    </row>
    <row r="156306" spans="14:14">
      <c r="N156306" s="10"/>
    </row>
    <row r="156307" spans="14:14">
      <c r="N156307" s="10"/>
    </row>
    <row r="156308" spans="14:14">
      <c r="N156308" s="10"/>
    </row>
    <row r="156309" spans="14:14">
      <c r="N156309" s="10"/>
    </row>
    <row r="156310" spans="14:14">
      <c r="N156310" s="10"/>
    </row>
    <row r="156311" spans="14:14">
      <c r="N156311" s="10"/>
    </row>
    <row r="156312" spans="14:14">
      <c r="N156312" s="10"/>
    </row>
    <row r="156313" spans="14:14">
      <c r="N156313" s="10"/>
    </row>
    <row r="156314" spans="14:14">
      <c r="N156314" s="10"/>
    </row>
    <row r="156315" spans="14:14">
      <c r="N156315" s="10"/>
    </row>
    <row r="156316" spans="14:14">
      <c r="N156316" s="10"/>
    </row>
    <row r="156317" spans="14:14">
      <c r="N156317" s="10"/>
    </row>
    <row r="156318" spans="14:14">
      <c r="N156318" s="10"/>
    </row>
    <row r="156319" spans="14:14">
      <c r="N156319" s="10"/>
    </row>
    <row r="156320" spans="14:14">
      <c r="N156320" s="10"/>
    </row>
    <row r="156321" spans="14:14">
      <c r="N156321" s="10"/>
    </row>
    <row r="156322" spans="14:14">
      <c r="N156322" s="10"/>
    </row>
    <row r="156323" spans="14:14">
      <c r="N156323" s="10"/>
    </row>
    <row r="156324" spans="14:14">
      <c r="N156324" s="10"/>
    </row>
    <row r="156325" spans="14:14">
      <c r="N156325" s="10"/>
    </row>
    <row r="156326" spans="14:14">
      <c r="N156326" s="10"/>
    </row>
    <row r="156327" spans="14:14">
      <c r="N156327" s="10"/>
    </row>
    <row r="156328" spans="14:14">
      <c r="N156328" s="10"/>
    </row>
    <row r="156329" spans="14:14">
      <c r="N156329" s="10"/>
    </row>
    <row r="156330" spans="14:14">
      <c r="N156330" s="10"/>
    </row>
    <row r="156331" spans="14:14">
      <c r="N156331" s="10"/>
    </row>
    <row r="156332" spans="14:14">
      <c r="N156332" s="10"/>
    </row>
    <row r="156333" spans="14:14">
      <c r="N156333" s="10"/>
    </row>
    <row r="156334" spans="14:14">
      <c r="N156334" s="10"/>
    </row>
    <row r="156335" spans="14:14">
      <c r="N156335" s="10"/>
    </row>
    <row r="156336" spans="14:14">
      <c r="N156336" s="10"/>
    </row>
    <row r="156337" spans="14:14">
      <c r="N156337" s="10"/>
    </row>
    <row r="156338" spans="14:14">
      <c r="N156338" s="10"/>
    </row>
    <row r="156339" spans="14:14">
      <c r="N156339" s="10"/>
    </row>
    <row r="156340" spans="14:14">
      <c r="N156340" s="10"/>
    </row>
    <row r="156341" spans="14:14">
      <c r="N156341" s="10"/>
    </row>
    <row r="156342" spans="14:14">
      <c r="N156342" s="10"/>
    </row>
    <row r="156343" spans="14:14">
      <c r="N156343" s="10"/>
    </row>
    <row r="156344" spans="14:14">
      <c r="N156344" s="10"/>
    </row>
    <row r="156345" spans="14:14">
      <c r="N156345" s="10"/>
    </row>
    <row r="156346" spans="14:14">
      <c r="N156346" s="10"/>
    </row>
    <row r="156347" spans="14:14">
      <c r="N156347" s="10"/>
    </row>
    <row r="156348" spans="14:14">
      <c r="N156348" s="10"/>
    </row>
    <row r="156349" spans="14:14">
      <c r="N156349" s="10"/>
    </row>
    <row r="156350" spans="14:14">
      <c r="N156350" s="10"/>
    </row>
    <row r="156351" spans="14:14">
      <c r="N156351" s="10"/>
    </row>
    <row r="156352" spans="14:14">
      <c r="N156352" s="10"/>
    </row>
    <row r="156353" spans="14:14">
      <c r="N156353" s="10"/>
    </row>
    <row r="156354" spans="14:14">
      <c r="N156354" s="10"/>
    </row>
    <row r="156355" spans="14:14">
      <c r="N156355" s="10"/>
    </row>
    <row r="156356" spans="14:14">
      <c r="N156356" s="10"/>
    </row>
    <row r="156357" spans="14:14">
      <c r="N156357" s="10"/>
    </row>
    <row r="156358" spans="14:14">
      <c r="N156358" s="10"/>
    </row>
    <row r="156359" spans="14:14">
      <c r="N156359" s="10"/>
    </row>
    <row r="156360" spans="14:14">
      <c r="N156360" s="10"/>
    </row>
    <row r="156361" spans="14:14">
      <c r="N156361" s="10"/>
    </row>
    <row r="156362" spans="14:14">
      <c r="N156362" s="10"/>
    </row>
    <row r="156363" spans="14:14">
      <c r="N156363" s="10"/>
    </row>
    <row r="156364" spans="14:14">
      <c r="N156364" s="10"/>
    </row>
    <row r="156365" spans="14:14">
      <c r="N156365" s="10"/>
    </row>
    <row r="156366" spans="14:14">
      <c r="N156366" s="10"/>
    </row>
    <row r="156367" spans="14:14">
      <c r="N156367" s="10"/>
    </row>
    <row r="156368" spans="14:14">
      <c r="N156368" s="10"/>
    </row>
    <row r="156369" spans="14:14">
      <c r="N156369" s="10"/>
    </row>
    <row r="156370" spans="14:14">
      <c r="N156370" s="10"/>
    </row>
    <row r="156371" spans="14:14">
      <c r="N156371" s="10"/>
    </row>
    <row r="156372" spans="14:14">
      <c r="N156372" s="10"/>
    </row>
    <row r="156373" spans="14:14">
      <c r="N156373" s="10"/>
    </row>
    <row r="156374" spans="14:14">
      <c r="N156374" s="10"/>
    </row>
    <row r="156375" spans="14:14">
      <c r="N156375" s="10"/>
    </row>
    <row r="156376" spans="14:14">
      <c r="N156376" s="10"/>
    </row>
    <row r="156377" spans="14:14">
      <c r="N156377" s="10"/>
    </row>
    <row r="156378" spans="14:14">
      <c r="N156378" s="10"/>
    </row>
    <row r="156379" spans="14:14">
      <c r="N156379" s="10"/>
    </row>
    <row r="156380" spans="14:14">
      <c r="N156380" s="10"/>
    </row>
    <row r="156381" spans="14:14">
      <c r="N156381" s="10"/>
    </row>
    <row r="156382" spans="14:14">
      <c r="N156382" s="10"/>
    </row>
    <row r="156383" spans="14:14">
      <c r="N156383" s="10"/>
    </row>
    <row r="156384" spans="14:14">
      <c r="N156384" s="10"/>
    </row>
    <row r="156385" spans="14:14">
      <c r="N156385" s="10"/>
    </row>
    <row r="156386" spans="14:14">
      <c r="N156386" s="10"/>
    </row>
    <row r="156387" spans="14:14">
      <c r="N156387" s="10"/>
    </row>
    <row r="156388" spans="14:14">
      <c r="N156388" s="10"/>
    </row>
    <row r="156389" spans="14:14">
      <c r="N156389" s="10"/>
    </row>
    <row r="156390" spans="14:14">
      <c r="N156390" s="10"/>
    </row>
    <row r="156391" spans="14:14">
      <c r="N156391" s="10"/>
    </row>
    <row r="156392" spans="14:14">
      <c r="N156392" s="10"/>
    </row>
    <row r="156393" spans="14:14">
      <c r="N156393" s="10"/>
    </row>
    <row r="156394" spans="14:14">
      <c r="N156394" s="10"/>
    </row>
    <row r="156395" spans="14:14">
      <c r="N156395" s="10"/>
    </row>
    <row r="156396" spans="14:14">
      <c r="N156396" s="10"/>
    </row>
    <row r="156397" spans="14:14">
      <c r="N156397" s="10"/>
    </row>
    <row r="156398" spans="14:14">
      <c r="N156398" s="10"/>
    </row>
    <row r="156399" spans="14:14">
      <c r="N156399" s="10"/>
    </row>
    <row r="156400" spans="14:14">
      <c r="N156400" s="10"/>
    </row>
    <row r="156401" spans="14:14">
      <c r="N156401" s="10"/>
    </row>
    <row r="156402" spans="14:14">
      <c r="N156402" s="10"/>
    </row>
    <row r="156403" spans="14:14">
      <c r="N156403" s="10"/>
    </row>
    <row r="156404" spans="14:14">
      <c r="N156404" s="10"/>
    </row>
    <row r="156405" spans="14:14">
      <c r="N156405" s="10"/>
    </row>
    <row r="156406" spans="14:14">
      <c r="N156406" s="10"/>
    </row>
    <row r="156407" spans="14:14">
      <c r="N156407" s="10"/>
    </row>
    <row r="156408" spans="14:14">
      <c r="N156408" s="10"/>
    </row>
    <row r="156409" spans="14:14">
      <c r="N156409" s="10"/>
    </row>
    <row r="156410" spans="14:14">
      <c r="N156410" s="10"/>
    </row>
    <row r="156411" spans="14:14">
      <c r="N156411" s="10"/>
    </row>
    <row r="156412" spans="14:14">
      <c r="N156412" s="10"/>
    </row>
    <row r="156413" spans="14:14">
      <c r="N156413" s="10"/>
    </row>
    <row r="156414" spans="14:14">
      <c r="N156414" s="10"/>
    </row>
    <row r="156415" spans="14:14">
      <c r="N156415" s="10"/>
    </row>
    <row r="156416" spans="14:14">
      <c r="N156416" s="10"/>
    </row>
    <row r="156417" spans="14:14">
      <c r="N156417" s="10"/>
    </row>
    <row r="156418" spans="14:14">
      <c r="N156418" s="10"/>
    </row>
    <row r="156419" spans="14:14">
      <c r="N156419" s="10"/>
    </row>
    <row r="156420" spans="14:14">
      <c r="N156420" s="10"/>
    </row>
    <row r="156421" spans="14:14">
      <c r="N156421" s="10"/>
    </row>
    <row r="156422" spans="14:14">
      <c r="N156422" s="10"/>
    </row>
    <row r="156423" spans="14:14">
      <c r="N156423" s="10"/>
    </row>
    <row r="156424" spans="14:14">
      <c r="N156424" s="10"/>
    </row>
    <row r="156425" spans="14:14">
      <c r="N156425" s="10"/>
    </row>
    <row r="156426" spans="14:14">
      <c r="N156426" s="10"/>
    </row>
    <row r="156427" spans="14:14">
      <c r="N156427" s="10"/>
    </row>
    <row r="156428" spans="14:14">
      <c r="N156428" s="10"/>
    </row>
    <row r="156429" spans="14:14">
      <c r="N156429" s="10"/>
    </row>
    <row r="156430" spans="14:14">
      <c r="N156430" s="10"/>
    </row>
    <row r="156431" spans="14:14">
      <c r="N156431" s="10"/>
    </row>
    <row r="156432" spans="14:14">
      <c r="N156432" s="10"/>
    </row>
    <row r="156433" spans="14:14">
      <c r="N156433" s="10"/>
    </row>
    <row r="156434" spans="14:14">
      <c r="N156434" s="10"/>
    </row>
    <row r="156435" spans="14:14">
      <c r="N156435" s="10"/>
    </row>
    <row r="156436" spans="14:14">
      <c r="N156436" s="10"/>
    </row>
    <row r="156437" spans="14:14">
      <c r="N156437" s="10"/>
    </row>
    <row r="156438" spans="14:14">
      <c r="N156438" s="10"/>
    </row>
    <row r="156439" spans="14:14">
      <c r="N156439" s="10"/>
    </row>
    <row r="156440" spans="14:14">
      <c r="N156440" s="10"/>
    </row>
    <row r="156441" spans="14:14">
      <c r="N156441" s="10"/>
    </row>
    <row r="156442" spans="14:14">
      <c r="N156442" s="10"/>
    </row>
    <row r="156443" spans="14:14">
      <c r="N156443" s="10"/>
    </row>
    <row r="156444" spans="14:14">
      <c r="N156444" s="10"/>
    </row>
    <row r="156445" spans="14:14">
      <c r="N156445" s="10"/>
    </row>
    <row r="156446" spans="14:14">
      <c r="N156446" s="10"/>
    </row>
    <row r="156447" spans="14:14">
      <c r="N156447" s="10"/>
    </row>
    <row r="156448" spans="14:14">
      <c r="N156448" s="10"/>
    </row>
    <row r="156449" spans="14:14">
      <c r="N156449" s="10"/>
    </row>
    <row r="156450" spans="14:14">
      <c r="N156450" s="10"/>
    </row>
    <row r="156451" spans="14:14">
      <c r="N156451" s="10"/>
    </row>
    <row r="156452" spans="14:14">
      <c r="N156452" s="10"/>
    </row>
    <row r="156453" spans="14:14">
      <c r="N156453" s="10"/>
    </row>
    <row r="156454" spans="14:14">
      <c r="N156454" s="10"/>
    </row>
    <row r="156455" spans="14:14">
      <c r="N156455" s="10"/>
    </row>
    <row r="156456" spans="14:14">
      <c r="N156456" s="10"/>
    </row>
    <row r="156457" spans="14:14">
      <c r="N156457" s="10"/>
    </row>
    <row r="156458" spans="14:14">
      <c r="N156458" s="10"/>
    </row>
    <row r="156459" spans="14:14">
      <c r="N156459" s="10"/>
    </row>
    <row r="156460" spans="14:14">
      <c r="N156460" s="10"/>
    </row>
    <row r="156461" spans="14:14">
      <c r="N156461" s="10"/>
    </row>
    <row r="156462" spans="14:14">
      <c r="N156462" s="10"/>
    </row>
    <row r="156463" spans="14:14">
      <c r="N156463" s="10"/>
    </row>
    <row r="156464" spans="14:14">
      <c r="N156464" s="10"/>
    </row>
    <row r="156465" spans="14:14">
      <c r="N156465" s="10"/>
    </row>
    <row r="156466" spans="14:14">
      <c r="N156466" s="10"/>
    </row>
    <row r="156467" spans="14:14">
      <c r="N156467" s="10"/>
    </row>
    <row r="156468" spans="14:14">
      <c r="N156468" s="10"/>
    </row>
    <row r="156469" spans="14:14">
      <c r="N156469" s="10"/>
    </row>
    <row r="156470" spans="14:14">
      <c r="N156470" s="10"/>
    </row>
    <row r="156471" spans="14:14">
      <c r="N156471" s="10"/>
    </row>
    <row r="156472" spans="14:14">
      <c r="N156472" s="10"/>
    </row>
    <row r="156473" spans="14:14">
      <c r="N156473" s="10"/>
    </row>
    <row r="156474" spans="14:14">
      <c r="N156474" s="10"/>
    </row>
    <row r="156475" spans="14:14">
      <c r="N156475" s="10"/>
    </row>
    <row r="156476" spans="14:14">
      <c r="N156476" s="10"/>
    </row>
    <row r="156477" spans="14:14">
      <c r="N156477" s="10"/>
    </row>
    <row r="156478" spans="14:14">
      <c r="N156478" s="10"/>
    </row>
    <row r="156479" spans="14:14">
      <c r="N156479" s="10"/>
    </row>
    <row r="156480" spans="14:14">
      <c r="N156480" s="10"/>
    </row>
    <row r="156481" spans="14:14">
      <c r="N156481" s="10"/>
    </row>
    <row r="156482" spans="14:14">
      <c r="N156482" s="10"/>
    </row>
    <row r="156483" spans="14:14">
      <c r="N156483" s="10"/>
    </row>
    <row r="156484" spans="14:14">
      <c r="N156484" s="10"/>
    </row>
    <row r="156485" spans="14:14">
      <c r="N156485" s="10"/>
    </row>
    <row r="156486" spans="14:14">
      <c r="N156486" s="10"/>
    </row>
    <row r="156487" spans="14:14">
      <c r="N156487" s="10"/>
    </row>
    <row r="156488" spans="14:14">
      <c r="N156488" s="10"/>
    </row>
    <row r="156489" spans="14:14">
      <c r="N156489" s="10"/>
    </row>
    <row r="156490" spans="14:14">
      <c r="N156490" s="10"/>
    </row>
    <row r="156491" spans="14:14">
      <c r="N156491" s="10"/>
    </row>
    <row r="156492" spans="14:14">
      <c r="N156492" s="10"/>
    </row>
    <row r="156493" spans="14:14">
      <c r="N156493" s="10"/>
    </row>
    <row r="156494" spans="14:14">
      <c r="N156494" s="10"/>
    </row>
    <row r="156495" spans="14:14">
      <c r="N156495" s="10"/>
    </row>
    <row r="156496" spans="14:14">
      <c r="N156496" s="10"/>
    </row>
    <row r="156497" spans="14:14">
      <c r="N156497" s="10"/>
    </row>
    <row r="156498" spans="14:14">
      <c r="N156498" s="10"/>
    </row>
    <row r="156499" spans="14:14">
      <c r="N156499" s="10"/>
    </row>
    <row r="156500" spans="14:14">
      <c r="N156500" s="10"/>
    </row>
    <row r="156501" spans="14:14">
      <c r="N156501" s="10"/>
    </row>
    <row r="156502" spans="14:14">
      <c r="N156502" s="10"/>
    </row>
    <row r="156503" spans="14:14">
      <c r="N156503" s="10"/>
    </row>
    <row r="156504" spans="14:14">
      <c r="N156504" s="10"/>
    </row>
    <row r="156505" spans="14:14">
      <c r="N156505" s="10"/>
    </row>
    <row r="156506" spans="14:14">
      <c r="N156506" s="10"/>
    </row>
    <row r="156507" spans="14:14">
      <c r="N156507" s="10"/>
    </row>
    <row r="156508" spans="14:14">
      <c r="N156508" s="10"/>
    </row>
    <row r="156509" spans="14:14">
      <c r="N156509" s="10"/>
    </row>
    <row r="156510" spans="14:14">
      <c r="N156510" s="10"/>
    </row>
    <row r="156511" spans="14:14">
      <c r="N156511" s="10"/>
    </row>
    <row r="156512" spans="14:14">
      <c r="N156512" s="10"/>
    </row>
    <row r="156513" spans="14:14">
      <c r="N156513" s="10"/>
    </row>
    <row r="156514" spans="14:14">
      <c r="N156514" s="10"/>
    </row>
    <row r="156515" spans="14:14">
      <c r="N156515" s="10"/>
    </row>
    <row r="156516" spans="14:14">
      <c r="N156516" s="10"/>
    </row>
    <row r="156517" spans="14:14">
      <c r="N156517" s="10"/>
    </row>
    <row r="156518" spans="14:14">
      <c r="N156518" s="10"/>
    </row>
    <row r="156519" spans="14:14">
      <c r="N156519" s="10"/>
    </row>
    <row r="156520" spans="14:14">
      <c r="N156520" s="10"/>
    </row>
    <row r="156521" spans="14:14">
      <c r="N156521" s="10"/>
    </row>
    <row r="156522" spans="14:14">
      <c r="N156522" s="10"/>
    </row>
    <row r="156523" spans="14:14">
      <c r="N156523" s="10"/>
    </row>
    <row r="156524" spans="14:14">
      <c r="N156524" s="10"/>
    </row>
    <row r="156525" spans="14:14">
      <c r="N156525" s="10"/>
    </row>
    <row r="156526" spans="14:14">
      <c r="N156526" s="10"/>
    </row>
    <row r="156527" spans="14:14">
      <c r="N156527" s="10"/>
    </row>
    <row r="156528" spans="14:14">
      <c r="N156528" s="10"/>
    </row>
    <row r="156529" spans="14:14">
      <c r="N156529" s="10"/>
    </row>
    <row r="156530" spans="14:14">
      <c r="N156530" s="10"/>
    </row>
    <row r="156531" spans="14:14">
      <c r="N156531" s="10"/>
    </row>
    <row r="156532" spans="14:14">
      <c r="N156532" s="10"/>
    </row>
    <row r="156533" spans="14:14">
      <c r="N156533" s="10"/>
    </row>
    <row r="156534" spans="14:14">
      <c r="N156534" s="10"/>
    </row>
    <row r="156535" spans="14:14">
      <c r="N156535" s="10"/>
    </row>
    <row r="156536" spans="14:14">
      <c r="N156536" s="10"/>
    </row>
    <row r="156537" spans="14:14">
      <c r="N156537" s="10"/>
    </row>
    <row r="156538" spans="14:14">
      <c r="N156538" s="10"/>
    </row>
    <row r="156539" spans="14:14">
      <c r="N156539" s="10"/>
    </row>
    <row r="156540" spans="14:14">
      <c r="N156540" s="10"/>
    </row>
    <row r="156541" spans="14:14">
      <c r="N156541" s="10"/>
    </row>
    <row r="156542" spans="14:14">
      <c r="N156542" s="10"/>
    </row>
    <row r="156543" spans="14:14">
      <c r="N156543" s="10"/>
    </row>
    <row r="156544" spans="14:14">
      <c r="N156544" s="10"/>
    </row>
    <row r="156545" spans="14:14">
      <c r="N156545" s="10"/>
    </row>
    <row r="156546" spans="14:14">
      <c r="N156546" s="10"/>
    </row>
    <row r="156547" spans="14:14">
      <c r="N156547" s="10"/>
    </row>
    <row r="156548" spans="14:14">
      <c r="N156548" s="10"/>
    </row>
    <row r="156549" spans="14:14">
      <c r="N156549" s="10"/>
    </row>
    <row r="156550" spans="14:14">
      <c r="N156550" s="10"/>
    </row>
    <row r="156551" spans="14:14">
      <c r="N156551" s="10"/>
    </row>
    <row r="156552" spans="14:14">
      <c r="N156552" s="10"/>
    </row>
    <row r="156553" spans="14:14">
      <c r="N156553" s="10"/>
    </row>
    <row r="156554" spans="14:14">
      <c r="N156554" s="10"/>
    </row>
    <row r="156555" spans="14:14">
      <c r="N156555" s="10"/>
    </row>
    <row r="156556" spans="14:14">
      <c r="N156556" s="10"/>
    </row>
    <row r="156557" spans="14:14">
      <c r="N156557" s="10"/>
    </row>
    <row r="156558" spans="14:14">
      <c r="N156558" s="10"/>
    </row>
    <row r="156559" spans="14:14">
      <c r="N156559" s="10"/>
    </row>
    <row r="156560" spans="14:14">
      <c r="N156560" s="10"/>
    </row>
    <row r="156561" spans="14:14">
      <c r="N156561" s="10"/>
    </row>
    <row r="156562" spans="14:14">
      <c r="N156562" s="10"/>
    </row>
    <row r="156563" spans="14:14">
      <c r="N156563" s="10"/>
    </row>
    <row r="156564" spans="14:14">
      <c r="N156564" s="10"/>
    </row>
    <row r="156565" spans="14:14">
      <c r="N156565" s="10"/>
    </row>
    <row r="156566" spans="14:14">
      <c r="N156566" s="10"/>
    </row>
    <row r="156567" spans="14:14">
      <c r="N156567" s="10"/>
    </row>
    <row r="156568" spans="14:14">
      <c r="N156568" s="10"/>
    </row>
    <row r="156569" spans="14:14">
      <c r="N156569" s="10"/>
    </row>
    <row r="156570" spans="14:14">
      <c r="N156570" s="10"/>
    </row>
    <row r="156571" spans="14:14">
      <c r="N156571" s="10"/>
    </row>
    <row r="156572" spans="14:14">
      <c r="N156572" s="10"/>
    </row>
    <row r="156573" spans="14:14">
      <c r="N156573" s="10"/>
    </row>
    <row r="156574" spans="14:14">
      <c r="N156574" s="10"/>
    </row>
    <row r="156575" spans="14:14">
      <c r="N156575" s="10"/>
    </row>
    <row r="156576" spans="14:14">
      <c r="N156576" s="10"/>
    </row>
    <row r="156577" spans="14:14">
      <c r="N156577" s="10"/>
    </row>
    <row r="156578" spans="14:14">
      <c r="N156578" s="10"/>
    </row>
    <row r="156579" spans="14:14">
      <c r="N156579" s="10"/>
    </row>
    <row r="156580" spans="14:14">
      <c r="N156580" s="10"/>
    </row>
    <row r="156581" spans="14:14">
      <c r="N156581" s="10"/>
    </row>
    <row r="156582" spans="14:14">
      <c r="N156582" s="10"/>
    </row>
    <row r="156583" spans="14:14">
      <c r="N156583" s="10"/>
    </row>
    <row r="156584" spans="14:14">
      <c r="N156584" s="10"/>
    </row>
    <row r="156585" spans="14:14">
      <c r="N156585" s="10"/>
    </row>
    <row r="156586" spans="14:14">
      <c r="N156586" s="10"/>
    </row>
    <row r="156587" spans="14:14">
      <c r="N156587" s="10"/>
    </row>
    <row r="156588" spans="14:14">
      <c r="N156588" s="10"/>
    </row>
    <row r="156589" spans="14:14">
      <c r="N156589" s="10"/>
    </row>
    <row r="156590" spans="14:14">
      <c r="N156590" s="10"/>
    </row>
    <row r="156591" spans="14:14">
      <c r="N156591" s="10"/>
    </row>
    <row r="156592" spans="14:14">
      <c r="N156592" s="10"/>
    </row>
    <row r="156593" spans="14:14">
      <c r="N156593" s="10"/>
    </row>
    <row r="156594" spans="14:14">
      <c r="N156594" s="10"/>
    </row>
    <row r="156595" spans="14:14">
      <c r="N156595" s="10"/>
    </row>
    <row r="156596" spans="14:14">
      <c r="N156596" s="10"/>
    </row>
    <row r="156597" spans="14:14">
      <c r="N156597" s="10"/>
    </row>
    <row r="156598" spans="14:14">
      <c r="N156598" s="10"/>
    </row>
    <row r="156599" spans="14:14">
      <c r="N156599" s="10"/>
    </row>
    <row r="156600" spans="14:14">
      <c r="N156600" s="10"/>
    </row>
    <row r="156601" spans="14:14">
      <c r="N156601" s="10"/>
    </row>
    <row r="156602" spans="14:14">
      <c r="N156602" s="10"/>
    </row>
    <row r="156603" spans="14:14">
      <c r="N156603" s="10"/>
    </row>
    <row r="156604" spans="14:14">
      <c r="N156604" s="10"/>
    </row>
    <row r="156605" spans="14:14">
      <c r="N156605" s="10"/>
    </row>
    <row r="156606" spans="14:14">
      <c r="N156606" s="10"/>
    </row>
    <row r="156607" spans="14:14">
      <c r="N156607" s="10"/>
    </row>
    <row r="156608" spans="14:14">
      <c r="N156608" s="10"/>
    </row>
    <row r="156609" spans="14:14">
      <c r="N156609" s="10"/>
    </row>
    <row r="156610" spans="14:14">
      <c r="N156610" s="10"/>
    </row>
    <row r="156611" spans="14:14">
      <c r="N156611" s="10"/>
    </row>
    <row r="156612" spans="14:14">
      <c r="N156612" s="10"/>
    </row>
    <row r="156613" spans="14:14">
      <c r="N156613" s="10"/>
    </row>
    <row r="156614" spans="14:14">
      <c r="N156614" s="10"/>
    </row>
    <row r="156615" spans="14:14">
      <c r="N156615" s="10"/>
    </row>
    <row r="156616" spans="14:14">
      <c r="N156616" s="10"/>
    </row>
    <row r="156617" spans="14:14">
      <c r="N156617" s="10"/>
    </row>
    <row r="156618" spans="14:14">
      <c r="N156618" s="10"/>
    </row>
    <row r="156619" spans="14:14">
      <c r="N156619" s="10"/>
    </row>
    <row r="156620" spans="14:14">
      <c r="N156620" s="10"/>
    </row>
    <row r="156621" spans="14:14">
      <c r="N156621" s="10"/>
    </row>
    <row r="156622" spans="14:14">
      <c r="N156622" s="10"/>
    </row>
    <row r="156623" spans="14:14">
      <c r="N156623" s="10"/>
    </row>
    <row r="156624" spans="14:14">
      <c r="N156624" s="10"/>
    </row>
    <row r="156625" spans="14:14">
      <c r="N156625" s="10"/>
    </row>
    <row r="156626" spans="14:14">
      <c r="N156626" s="10"/>
    </row>
    <row r="156627" spans="14:14">
      <c r="N156627" s="10"/>
    </row>
    <row r="156628" spans="14:14">
      <c r="N156628" s="10"/>
    </row>
    <row r="156629" spans="14:14">
      <c r="N156629" s="10"/>
    </row>
    <row r="156630" spans="14:14">
      <c r="N156630" s="10"/>
    </row>
    <row r="156631" spans="14:14">
      <c r="N156631" s="10"/>
    </row>
    <row r="156632" spans="14:14">
      <c r="N156632" s="10"/>
    </row>
    <row r="156633" spans="14:14">
      <c r="N156633" s="10"/>
    </row>
    <row r="156634" spans="14:14">
      <c r="N156634" s="10"/>
    </row>
    <row r="156635" spans="14:14">
      <c r="N156635" s="10"/>
    </row>
    <row r="156636" spans="14:14">
      <c r="N156636" s="10"/>
    </row>
    <row r="156637" spans="14:14">
      <c r="N156637" s="10"/>
    </row>
    <row r="156638" spans="14:14">
      <c r="N156638" s="10"/>
    </row>
    <row r="156639" spans="14:14">
      <c r="N156639" s="10"/>
    </row>
    <row r="156640" spans="14:14">
      <c r="N156640" s="10"/>
    </row>
    <row r="156641" spans="14:14">
      <c r="N156641" s="10"/>
    </row>
    <row r="156642" spans="14:14">
      <c r="N156642" s="10"/>
    </row>
    <row r="156643" spans="14:14">
      <c r="N156643" s="10"/>
    </row>
    <row r="156644" spans="14:14">
      <c r="N156644" s="10"/>
    </row>
    <row r="156645" spans="14:14">
      <c r="N156645" s="10"/>
    </row>
    <row r="156646" spans="14:14">
      <c r="N156646" s="10"/>
    </row>
    <row r="156647" spans="14:14">
      <c r="N156647" s="10"/>
    </row>
    <row r="156648" spans="14:14">
      <c r="N156648" s="10"/>
    </row>
    <row r="156649" spans="14:14">
      <c r="N156649" s="10"/>
    </row>
    <row r="156650" spans="14:14">
      <c r="N156650" s="10"/>
    </row>
    <row r="156651" spans="14:14">
      <c r="N156651" s="10"/>
    </row>
    <row r="156652" spans="14:14">
      <c r="N156652" s="10"/>
    </row>
    <row r="156653" spans="14:14">
      <c r="N156653" s="10"/>
    </row>
    <row r="156654" spans="14:14">
      <c r="N156654" s="10"/>
    </row>
    <row r="156655" spans="14:14">
      <c r="N156655" s="10"/>
    </row>
    <row r="156656" spans="14:14">
      <c r="N156656" s="10"/>
    </row>
    <row r="156657" spans="14:14">
      <c r="N156657" s="10"/>
    </row>
    <row r="156658" spans="14:14">
      <c r="N156658" s="10"/>
    </row>
    <row r="156659" spans="14:14">
      <c r="N156659" s="10"/>
    </row>
    <row r="156660" spans="14:14">
      <c r="N156660" s="10"/>
    </row>
    <row r="156661" spans="14:14">
      <c r="N156661" s="10"/>
    </row>
    <row r="156662" spans="14:14">
      <c r="N156662" s="10"/>
    </row>
    <row r="156663" spans="14:14">
      <c r="N156663" s="10"/>
    </row>
    <row r="156664" spans="14:14">
      <c r="N156664" s="10"/>
    </row>
    <row r="156665" spans="14:14">
      <c r="N156665" s="10"/>
    </row>
    <row r="156666" spans="14:14">
      <c r="N156666" s="10"/>
    </row>
    <row r="156667" spans="14:14">
      <c r="N156667" s="10"/>
    </row>
    <row r="156668" spans="14:14">
      <c r="N156668" s="10"/>
    </row>
    <row r="156669" spans="14:14">
      <c r="N156669" s="10"/>
    </row>
    <row r="156670" spans="14:14">
      <c r="N156670" s="10"/>
    </row>
    <row r="156671" spans="14:14">
      <c r="N156671" s="10"/>
    </row>
    <row r="156672" spans="14:14">
      <c r="N156672" s="10"/>
    </row>
    <row r="156673" spans="14:14">
      <c r="N156673" s="10"/>
    </row>
    <row r="156674" spans="14:14">
      <c r="N156674" s="10"/>
    </row>
    <row r="156675" spans="14:14">
      <c r="N156675" s="10"/>
    </row>
    <row r="156676" spans="14:14">
      <c r="N156676" s="10"/>
    </row>
    <row r="156677" spans="14:14">
      <c r="N156677" s="10"/>
    </row>
    <row r="156678" spans="14:14">
      <c r="N156678" s="10"/>
    </row>
    <row r="156679" spans="14:14">
      <c r="N156679" s="10"/>
    </row>
    <row r="156680" spans="14:14">
      <c r="N156680" s="10"/>
    </row>
    <row r="156681" spans="14:14">
      <c r="N156681" s="10"/>
    </row>
    <row r="156682" spans="14:14">
      <c r="N156682" s="10"/>
    </row>
    <row r="156683" spans="14:14">
      <c r="N156683" s="10"/>
    </row>
    <row r="156684" spans="14:14">
      <c r="N156684" s="10"/>
    </row>
    <row r="156685" spans="14:14">
      <c r="N156685" s="10"/>
    </row>
    <row r="156686" spans="14:14">
      <c r="N156686" s="10"/>
    </row>
    <row r="156687" spans="14:14">
      <c r="N156687" s="10"/>
    </row>
    <row r="156688" spans="14:14">
      <c r="N156688" s="10"/>
    </row>
    <row r="156689" spans="14:14">
      <c r="N156689" s="10"/>
    </row>
    <row r="156690" spans="14:14">
      <c r="N156690" s="10"/>
    </row>
    <row r="156691" spans="14:14">
      <c r="N156691" s="10"/>
    </row>
    <row r="156692" spans="14:14">
      <c r="N156692" s="10"/>
    </row>
    <row r="156693" spans="14:14">
      <c r="N156693" s="10"/>
    </row>
    <row r="156694" spans="14:14">
      <c r="N156694" s="10"/>
    </row>
    <row r="156695" spans="14:14">
      <c r="N156695" s="10"/>
    </row>
    <row r="156696" spans="14:14">
      <c r="N156696" s="10"/>
    </row>
    <row r="156697" spans="14:14">
      <c r="N156697" s="10"/>
    </row>
    <row r="156698" spans="14:14">
      <c r="N156698" s="10"/>
    </row>
    <row r="156699" spans="14:14">
      <c r="N156699" s="10"/>
    </row>
    <row r="156700" spans="14:14">
      <c r="N156700" s="10"/>
    </row>
    <row r="156701" spans="14:14">
      <c r="N156701" s="10"/>
    </row>
    <row r="156702" spans="14:14">
      <c r="N156702" s="10"/>
    </row>
    <row r="156703" spans="14:14">
      <c r="N156703" s="10"/>
    </row>
    <row r="156704" spans="14:14">
      <c r="N156704" s="10"/>
    </row>
    <row r="156705" spans="14:14">
      <c r="N156705" s="10"/>
    </row>
    <row r="156706" spans="14:14">
      <c r="N156706" s="10"/>
    </row>
    <row r="156707" spans="14:14">
      <c r="N156707" s="10"/>
    </row>
    <row r="156708" spans="14:14">
      <c r="N156708" s="10"/>
    </row>
    <row r="156709" spans="14:14">
      <c r="N156709" s="10"/>
    </row>
    <row r="156710" spans="14:14">
      <c r="N156710" s="10"/>
    </row>
    <row r="156711" spans="14:14">
      <c r="N156711" s="10"/>
    </row>
    <row r="156712" spans="14:14">
      <c r="N156712" s="10"/>
    </row>
    <row r="156713" spans="14:14">
      <c r="N156713" s="10"/>
    </row>
    <row r="156714" spans="14:14">
      <c r="N156714" s="10"/>
    </row>
    <row r="156715" spans="14:14">
      <c r="N156715" s="10"/>
    </row>
    <row r="156716" spans="14:14">
      <c r="N156716" s="10"/>
    </row>
    <row r="156717" spans="14:14">
      <c r="N156717" s="10"/>
    </row>
    <row r="156718" spans="14:14">
      <c r="N156718" s="10"/>
    </row>
    <row r="156719" spans="14:14">
      <c r="N156719" s="10"/>
    </row>
    <row r="156720" spans="14:14">
      <c r="N156720" s="10"/>
    </row>
    <row r="156721" spans="14:14">
      <c r="N156721" s="10"/>
    </row>
    <row r="156722" spans="14:14">
      <c r="N156722" s="10"/>
    </row>
    <row r="156723" spans="14:14">
      <c r="N156723" s="10"/>
    </row>
    <row r="156724" spans="14:14">
      <c r="N156724" s="10"/>
    </row>
    <row r="156725" spans="14:14">
      <c r="N156725" s="10"/>
    </row>
    <row r="156726" spans="14:14">
      <c r="N156726" s="10"/>
    </row>
    <row r="156727" spans="14:14">
      <c r="N156727" s="10"/>
    </row>
    <row r="156728" spans="14:14">
      <c r="N156728" s="10"/>
    </row>
    <row r="156729" spans="14:14">
      <c r="N156729" s="10"/>
    </row>
    <row r="156730" spans="14:14">
      <c r="N156730" s="10"/>
    </row>
    <row r="156731" spans="14:14">
      <c r="N156731" s="10"/>
    </row>
    <row r="156732" spans="14:14">
      <c r="N156732" s="10"/>
    </row>
    <row r="156733" spans="14:14">
      <c r="N156733" s="10"/>
    </row>
    <row r="156734" spans="14:14">
      <c r="N156734" s="10"/>
    </row>
    <row r="156735" spans="14:14">
      <c r="N156735" s="10"/>
    </row>
    <row r="156736" spans="14:14">
      <c r="N156736" s="10"/>
    </row>
    <row r="156737" spans="14:14">
      <c r="N156737" s="10"/>
    </row>
    <row r="156738" spans="14:14">
      <c r="N156738" s="10"/>
    </row>
    <row r="156739" spans="14:14">
      <c r="N156739" s="10"/>
    </row>
    <row r="156740" spans="14:14">
      <c r="N156740" s="10"/>
    </row>
    <row r="156741" spans="14:14">
      <c r="N156741" s="10"/>
    </row>
    <row r="156742" spans="14:14">
      <c r="N156742" s="10"/>
    </row>
    <row r="156743" spans="14:14">
      <c r="N156743" s="10"/>
    </row>
    <row r="156744" spans="14:14">
      <c r="N156744" s="10"/>
    </row>
    <row r="156745" spans="14:14">
      <c r="N156745" s="10"/>
    </row>
    <row r="156746" spans="14:14">
      <c r="N156746" s="10"/>
    </row>
    <row r="156747" spans="14:14">
      <c r="N156747" s="10"/>
    </row>
    <row r="156748" spans="14:14">
      <c r="N156748" s="10"/>
    </row>
    <row r="156749" spans="14:14">
      <c r="N156749" s="10"/>
    </row>
    <row r="156750" spans="14:14">
      <c r="N156750" s="10"/>
    </row>
    <row r="156751" spans="14:14">
      <c r="N156751" s="10"/>
    </row>
    <row r="156752" spans="14:14">
      <c r="N156752" s="10"/>
    </row>
    <row r="156753" spans="14:14">
      <c r="N156753" s="10"/>
    </row>
    <row r="156754" spans="14:14">
      <c r="N156754" s="10"/>
    </row>
    <row r="156755" spans="14:14">
      <c r="N156755" s="10"/>
    </row>
    <row r="156756" spans="14:14">
      <c r="N156756" s="10"/>
    </row>
    <row r="156757" spans="14:14">
      <c r="N156757" s="10"/>
    </row>
    <row r="156758" spans="14:14">
      <c r="N156758" s="10"/>
    </row>
    <row r="156759" spans="14:14">
      <c r="N156759" s="10"/>
    </row>
    <row r="156760" spans="14:14">
      <c r="N156760" s="10"/>
    </row>
    <row r="156761" spans="14:14">
      <c r="N156761" s="10"/>
    </row>
    <row r="156762" spans="14:14">
      <c r="N156762" s="10"/>
    </row>
    <row r="156763" spans="14:14">
      <c r="N156763" s="10"/>
    </row>
    <row r="156764" spans="14:14">
      <c r="N156764" s="10"/>
    </row>
    <row r="156765" spans="14:14">
      <c r="N156765" s="10"/>
    </row>
    <row r="156766" spans="14:14">
      <c r="N156766" s="10"/>
    </row>
    <row r="156767" spans="14:14">
      <c r="N156767" s="10"/>
    </row>
    <row r="156768" spans="14:14">
      <c r="N156768" s="10"/>
    </row>
    <row r="156769" spans="14:14">
      <c r="N156769" s="10"/>
    </row>
    <row r="156770" spans="14:14">
      <c r="N156770" s="10"/>
    </row>
    <row r="156771" spans="14:14">
      <c r="N156771" s="10"/>
    </row>
    <row r="156772" spans="14:14">
      <c r="N156772" s="10"/>
    </row>
    <row r="156773" spans="14:14">
      <c r="N156773" s="10"/>
    </row>
    <row r="156774" spans="14:14">
      <c r="N156774" s="10"/>
    </row>
    <row r="156775" spans="14:14">
      <c r="N156775" s="10"/>
    </row>
    <row r="156776" spans="14:14">
      <c r="N156776" s="10"/>
    </row>
    <row r="156777" spans="14:14">
      <c r="N156777" s="10"/>
    </row>
    <row r="156778" spans="14:14">
      <c r="N156778" s="10"/>
    </row>
    <row r="156779" spans="14:14">
      <c r="N156779" s="10"/>
    </row>
    <row r="156780" spans="14:14">
      <c r="N156780" s="10"/>
    </row>
    <row r="156781" spans="14:14">
      <c r="N156781" s="10"/>
    </row>
    <row r="156782" spans="14:14">
      <c r="N156782" s="10"/>
    </row>
    <row r="156783" spans="14:14">
      <c r="N156783" s="10"/>
    </row>
    <row r="156784" spans="14:14">
      <c r="N156784" s="10"/>
    </row>
    <row r="156785" spans="14:14">
      <c r="N156785" s="10"/>
    </row>
    <row r="156786" spans="14:14">
      <c r="N156786" s="10"/>
    </row>
    <row r="156787" spans="14:14">
      <c r="N156787" s="10"/>
    </row>
    <row r="156788" spans="14:14">
      <c r="N156788" s="10"/>
    </row>
    <row r="156789" spans="14:14">
      <c r="N156789" s="10"/>
    </row>
    <row r="156790" spans="14:14">
      <c r="N156790" s="10"/>
    </row>
    <row r="156791" spans="14:14">
      <c r="N156791" s="10"/>
    </row>
    <row r="156792" spans="14:14">
      <c r="N156792" s="10"/>
    </row>
    <row r="156793" spans="14:14">
      <c r="N156793" s="10"/>
    </row>
    <row r="156794" spans="14:14">
      <c r="N156794" s="10"/>
    </row>
    <row r="156795" spans="14:14">
      <c r="N156795" s="10"/>
    </row>
    <row r="156796" spans="14:14">
      <c r="N156796" s="10"/>
    </row>
    <row r="156797" spans="14:14">
      <c r="N156797" s="10"/>
    </row>
    <row r="156798" spans="14:14">
      <c r="N156798" s="10"/>
    </row>
    <row r="156799" spans="14:14">
      <c r="N156799" s="10"/>
    </row>
    <row r="156800" spans="14:14">
      <c r="N156800" s="10"/>
    </row>
    <row r="156801" spans="14:14">
      <c r="N156801" s="10"/>
    </row>
    <row r="156802" spans="14:14">
      <c r="N156802" s="10"/>
    </row>
    <row r="156803" spans="14:14">
      <c r="N156803" s="10"/>
    </row>
    <row r="156804" spans="14:14">
      <c r="N156804" s="10"/>
    </row>
    <row r="156805" spans="14:14">
      <c r="N156805" s="10"/>
    </row>
    <row r="156806" spans="14:14">
      <c r="N156806" s="10"/>
    </row>
    <row r="156807" spans="14:14">
      <c r="N156807" s="10"/>
    </row>
    <row r="156808" spans="14:14">
      <c r="N156808" s="10"/>
    </row>
    <row r="156809" spans="14:14">
      <c r="N156809" s="10"/>
    </row>
    <row r="156810" spans="14:14">
      <c r="N156810" s="10"/>
    </row>
    <row r="156811" spans="14:14">
      <c r="N156811" s="10"/>
    </row>
    <row r="156812" spans="14:14">
      <c r="N156812" s="10"/>
    </row>
    <row r="156813" spans="14:14">
      <c r="N156813" s="10"/>
    </row>
    <row r="156814" spans="14:14">
      <c r="N156814" s="10"/>
    </row>
    <row r="156815" spans="14:14">
      <c r="N156815" s="10"/>
    </row>
    <row r="156816" spans="14:14">
      <c r="N156816" s="10"/>
    </row>
    <row r="156817" spans="14:14">
      <c r="N156817" s="10"/>
    </row>
    <row r="156818" spans="14:14">
      <c r="N156818" s="10"/>
    </row>
    <row r="156819" spans="14:14">
      <c r="N156819" s="10"/>
    </row>
    <row r="156820" spans="14:14">
      <c r="N156820" s="10"/>
    </row>
    <row r="156821" spans="14:14">
      <c r="N156821" s="10"/>
    </row>
    <row r="156822" spans="14:14">
      <c r="N156822" s="10"/>
    </row>
    <row r="156823" spans="14:14">
      <c r="N156823" s="10"/>
    </row>
    <row r="156824" spans="14:14">
      <c r="N156824" s="10"/>
    </row>
    <row r="156825" spans="14:14">
      <c r="N156825" s="10"/>
    </row>
    <row r="156826" spans="14:14">
      <c r="N156826" s="10"/>
    </row>
    <row r="156827" spans="14:14">
      <c r="N156827" s="10"/>
    </row>
    <row r="156828" spans="14:14">
      <c r="N156828" s="10"/>
    </row>
    <row r="156829" spans="14:14">
      <c r="N156829" s="10"/>
    </row>
    <row r="156830" spans="14:14">
      <c r="N156830" s="10"/>
    </row>
    <row r="156831" spans="14:14">
      <c r="N156831" s="10"/>
    </row>
    <row r="156832" spans="14:14">
      <c r="N156832" s="10"/>
    </row>
    <row r="156833" spans="14:14">
      <c r="N156833" s="10"/>
    </row>
    <row r="156834" spans="14:14">
      <c r="N156834" s="10"/>
    </row>
    <row r="156835" spans="14:14">
      <c r="N156835" s="10"/>
    </row>
    <row r="156836" spans="14:14">
      <c r="N156836" s="10"/>
    </row>
    <row r="156837" spans="14:14">
      <c r="N156837" s="10"/>
    </row>
    <row r="156838" spans="14:14">
      <c r="N156838" s="10"/>
    </row>
    <row r="156839" spans="14:14">
      <c r="N156839" s="10"/>
    </row>
    <row r="156840" spans="14:14">
      <c r="N156840" s="10"/>
    </row>
    <row r="156841" spans="14:14">
      <c r="N156841" s="10"/>
    </row>
    <row r="156842" spans="14:14">
      <c r="N156842" s="10"/>
    </row>
    <row r="156843" spans="14:14">
      <c r="N156843" s="10"/>
    </row>
    <row r="156844" spans="14:14">
      <c r="N156844" s="10"/>
    </row>
    <row r="156845" spans="14:14">
      <c r="N156845" s="10"/>
    </row>
    <row r="156846" spans="14:14">
      <c r="N156846" s="10"/>
    </row>
    <row r="156847" spans="14:14">
      <c r="N156847" s="10"/>
    </row>
    <row r="156848" spans="14:14">
      <c r="N156848" s="10"/>
    </row>
    <row r="156849" spans="14:14">
      <c r="N156849" s="10"/>
    </row>
    <row r="156850" spans="14:14">
      <c r="N156850" s="10"/>
    </row>
    <row r="156851" spans="14:14">
      <c r="N156851" s="10"/>
    </row>
    <row r="156852" spans="14:14">
      <c r="N156852" s="10"/>
    </row>
    <row r="156853" spans="14:14">
      <c r="N156853" s="10"/>
    </row>
    <row r="156854" spans="14:14">
      <c r="N156854" s="10"/>
    </row>
    <row r="156855" spans="14:14">
      <c r="N156855" s="10"/>
    </row>
    <row r="156856" spans="14:14">
      <c r="N156856" s="10"/>
    </row>
    <row r="156857" spans="14:14">
      <c r="N156857" s="10"/>
    </row>
    <row r="156858" spans="14:14">
      <c r="N156858" s="10"/>
    </row>
    <row r="156859" spans="14:14">
      <c r="N156859" s="10"/>
    </row>
    <row r="156860" spans="14:14">
      <c r="N156860" s="10"/>
    </row>
    <row r="156861" spans="14:14">
      <c r="N156861" s="10"/>
    </row>
    <row r="156862" spans="14:14">
      <c r="N156862" s="10"/>
    </row>
    <row r="156863" spans="14:14">
      <c r="N156863" s="10"/>
    </row>
    <row r="156864" spans="14:14">
      <c r="N156864" s="10"/>
    </row>
    <row r="156865" spans="14:14">
      <c r="N156865" s="10"/>
    </row>
    <row r="156866" spans="14:14">
      <c r="N156866" s="10"/>
    </row>
    <row r="156867" spans="14:14">
      <c r="N156867" s="10"/>
    </row>
    <row r="156868" spans="14:14">
      <c r="N156868" s="10"/>
    </row>
    <row r="156869" spans="14:14">
      <c r="N156869" s="10"/>
    </row>
    <row r="156870" spans="14:14">
      <c r="N156870" s="10"/>
    </row>
    <row r="156871" spans="14:14">
      <c r="N156871" s="10"/>
    </row>
    <row r="156872" spans="14:14">
      <c r="N156872" s="10"/>
    </row>
    <row r="156873" spans="14:14">
      <c r="N156873" s="10"/>
    </row>
    <row r="156874" spans="14:14">
      <c r="N156874" s="10"/>
    </row>
    <row r="156875" spans="14:14">
      <c r="N156875" s="10"/>
    </row>
    <row r="156876" spans="14:14">
      <c r="N156876" s="10"/>
    </row>
    <row r="156877" spans="14:14">
      <c r="N156877" s="10"/>
    </row>
    <row r="156878" spans="14:14">
      <c r="N156878" s="10"/>
    </row>
    <row r="156879" spans="14:14">
      <c r="N156879" s="10"/>
    </row>
    <row r="156880" spans="14:14">
      <c r="N156880" s="10"/>
    </row>
    <row r="156881" spans="14:14">
      <c r="N156881" s="10"/>
    </row>
    <row r="156882" spans="14:14">
      <c r="N156882" s="10"/>
    </row>
    <row r="156883" spans="14:14">
      <c r="N156883" s="10"/>
    </row>
    <row r="156884" spans="14:14">
      <c r="N156884" s="10"/>
    </row>
    <row r="156885" spans="14:14">
      <c r="N156885" s="10"/>
    </row>
    <row r="156886" spans="14:14">
      <c r="N156886" s="10"/>
    </row>
    <row r="156887" spans="14:14">
      <c r="N156887" s="10"/>
    </row>
    <row r="156888" spans="14:14">
      <c r="N156888" s="10"/>
    </row>
    <row r="156889" spans="14:14">
      <c r="N156889" s="10"/>
    </row>
    <row r="156890" spans="14:14">
      <c r="N156890" s="10"/>
    </row>
    <row r="156891" spans="14:14">
      <c r="N156891" s="10"/>
    </row>
    <row r="156892" spans="14:14">
      <c r="N156892" s="10"/>
    </row>
    <row r="156893" spans="14:14">
      <c r="N156893" s="10"/>
    </row>
    <row r="156894" spans="14:14">
      <c r="N156894" s="10"/>
    </row>
    <row r="156895" spans="14:14">
      <c r="N156895" s="10"/>
    </row>
    <row r="156896" spans="14:14">
      <c r="N156896" s="10"/>
    </row>
    <row r="156897" spans="14:14">
      <c r="N156897" s="10"/>
    </row>
    <row r="156898" spans="14:14">
      <c r="N156898" s="10"/>
    </row>
    <row r="156899" spans="14:14">
      <c r="N156899" s="10"/>
    </row>
    <row r="156900" spans="14:14">
      <c r="N156900" s="10"/>
    </row>
    <row r="156901" spans="14:14">
      <c r="N156901" s="10"/>
    </row>
    <row r="156902" spans="14:14">
      <c r="N156902" s="10"/>
    </row>
    <row r="156903" spans="14:14">
      <c r="N156903" s="10"/>
    </row>
    <row r="156904" spans="14:14">
      <c r="N156904" s="10"/>
    </row>
    <row r="156905" spans="14:14">
      <c r="N156905" s="10"/>
    </row>
    <row r="156906" spans="14:14">
      <c r="N156906" s="10"/>
    </row>
    <row r="156907" spans="14:14">
      <c r="N156907" s="10"/>
    </row>
    <row r="156908" spans="14:14">
      <c r="N156908" s="10"/>
    </row>
    <row r="156909" spans="14:14">
      <c r="N156909" s="10"/>
    </row>
    <row r="156910" spans="14:14">
      <c r="N156910" s="10"/>
    </row>
    <row r="156911" spans="14:14">
      <c r="N156911" s="10"/>
    </row>
    <row r="156912" spans="14:14">
      <c r="N156912" s="10"/>
    </row>
    <row r="156913" spans="14:14">
      <c r="N156913" s="10"/>
    </row>
    <row r="156914" spans="14:14">
      <c r="N156914" s="10"/>
    </row>
    <row r="156915" spans="14:14">
      <c r="N156915" s="10"/>
    </row>
    <row r="156916" spans="14:14">
      <c r="N156916" s="10"/>
    </row>
    <row r="156917" spans="14:14">
      <c r="N156917" s="10"/>
    </row>
    <row r="156918" spans="14:14">
      <c r="N156918" s="10"/>
    </row>
    <row r="156919" spans="14:14">
      <c r="N156919" s="10"/>
    </row>
    <row r="156920" spans="14:14">
      <c r="N156920" s="10"/>
    </row>
    <row r="156921" spans="14:14">
      <c r="N156921" s="10"/>
    </row>
    <row r="156922" spans="14:14">
      <c r="N156922" s="10"/>
    </row>
    <row r="156923" spans="14:14">
      <c r="N156923" s="10"/>
    </row>
    <row r="156924" spans="14:14">
      <c r="N156924" s="10"/>
    </row>
    <row r="156925" spans="14:14">
      <c r="N156925" s="10"/>
    </row>
    <row r="156926" spans="14:14">
      <c r="N156926" s="10"/>
    </row>
    <row r="156927" spans="14:14">
      <c r="N156927" s="10"/>
    </row>
    <row r="156928" spans="14:14">
      <c r="N156928" s="10"/>
    </row>
    <row r="156929" spans="14:14">
      <c r="N156929" s="10"/>
    </row>
    <row r="156930" spans="14:14">
      <c r="N156930" s="10"/>
    </row>
    <row r="156931" spans="14:14">
      <c r="N156931" s="10"/>
    </row>
    <row r="156932" spans="14:14">
      <c r="N156932" s="10"/>
    </row>
    <row r="156933" spans="14:14">
      <c r="N156933" s="10"/>
    </row>
    <row r="156934" spans="14:14">
      <c r="N156934" s="10"/>
    </row>
    <row r="156935" spans="14:14">
      <c r="N156935" s="10"/>
    </row>
    <row r="156936" spans="14:14">
      <c r="N156936" s="10"/>
    </row>
    <row r="156937" spans="14:14">
      <c r="N156937" s="10"/>
    </row>
    <row r="156938" spans="14:14">
      <c r="N156938" s="10"/>
    </row>
    <row r="156939" spans="14:14">
      <c r="N156939" s="10"/>
    </row>
    <row r="156940" spans="14:14">
      <c r="N156940" s="10"/>
    </row>
    <row r="156941" spans="14:14">
      <c r="N156941" s="10"/>
    </row>
    <row r="156942" spans="14:14">
      <c r="N156942" s="10"/>
    </row>
    <row r="156943" spans="14:14">
      <c r="N156943" s="10"/>
    </row>
    <row r="156944" spans="14:14">
      <c r="N156944" s="10"/>
    </row>
    <row r="156945" spans="14:14">
      <c r="N156945" s="10"/>
    </row>
    <row r="156946" spans="14:14">
      <c r="N156946" s="10"/>
    </row>
    <row r="156947" spans="14:14">
      <c r="N156947" s="10"/>
    </row>
    <row r="156948" spans="14:14">
      <c r="N156948" s="10"/>
    </row>
    <row r="156949" spans="14:14">
      <c r="N156949" s="10"/>
    </row>
    <row r="156950" spans="14:14">
      <c r="N156950" s="10"/>
    </row>
    <row r="156951" spans="14:14">
      <c r="N156951" s="10"/>
    </row>
    <row r="156952" spans="14:14">
      <c r="N156952" s="10"/>
    </row>
    <row r="156953" spans="14:14">
      <c r="N156953" s="10"/>
    </row>
    <row r="156954" spans="14:14">
      <c r="N156954" s="10"/>
    </row>
    <row r="156955" spans="14:14">
      <c r="N156955" s="10"/>
    </row>
    <row r="156956" spans="14:14">
      <c r="N156956" s="10"/>
    </row>
    <row r="156957" spans="14:14">
      <c r="N156957" s="10"/>
    </row>
    <row r="156958" spans="14:14">
      <c r="N156958" s="10"/>
    </row>
    <row r="156959" spans="14:14">
      <c r="N156959" s="10"/>
    </row>
    <row r="156960" spans="14:14">
      <c r="N156960" s="10"/>
    </row>
    <row r="156961" spans="14:14">
      <c r="N156961" s="10"/>
    </row>
    <row r="156962" spans="14:14">
      <c r="N156962" s="10"/>
    </row>
    <row r="156963" spans="14:14">
      <c r="N156963" s="10"/>
    </row>
    <row r="156964" spans="14:14">
      <c r="N156964" s="10"/>
    </row>
    <row r="156965" spans="14:14">
      <c r="N156965" s="10"/>
    </row>
    <row r="156966" spans="14:14">
      <c r="N156966" s="10"/>
    </row>
    <row r="156967" spans="14:14">
      <c r="N156967" s="10"/>
    </row>
    <row r="156968" spans="14:14">
      <c r="N156968" s="10"/>
    </row>
    <row r="156969" spans="14:14">
      <c r="N156969" s="10"/>
    </row>
    <row r="156970" spans="14:14">
      <c r="N156970" s="10"/>
    </row>
    <row r="156971" spans="14:14">
      <c r="N156971" s="10"/>
    </row>
    <row r="156972" spans="14:14">
      <c r="N156972" s="10"/>
    </row>
    <row r="156973" spans="14:14">
      <c r="N156973" s="10"/>
    </row>
    <row r="156974" spans="14:14">
      <c r="N156974" s="10"/>
    </row>
    <row r="156975" spans="14:14">
      <c r="N156975" s="10"/>
    </row>
    <row r="156976" spans="14:14">
      <c r="N156976" s="10"/>
    </row>
    <row r="156977" spans="14:14">
      <c r="N156977" s="10"/>
    </row>
    <row r="156978" spans="14:14">
      <c r="N156978" s="10"/>
    </row>
    <row r="156979" spans="14:14">
      <c r="N156979" s="10"/>
    </row>
    <row r="156980" spans="14:14">
      <c r="N156980" s="10"/>
    </row>
    <row r="156981" spans="14:14">
      <c r="N156981" s="10"/>
    </row>
    <row r="156982" spans="14:14">
      <c r="N156982" s="10"/>
    </row>
    <row r="156983" spans="14:14">
      <c r="N156983" s="10"/>
    </row>
    <row r="156984" spans="14:14">
      <c r="N156984" s="10"/>
    </row>
    <row r="156985" spans="14:14">
      <c r="N156985" s="10"/>
    </row>
    <row r="156986" spans="14:14">
      <c r="N156986" s="10"/>
    </row>
    <row r="156987" spans="14:14">
      <c r="N156987" s="10"/>
    </row>
    <row r="156988" spans="14:14">
      <c r="N156988" s="10"/>
    </row>
    <row r="156989" spans="14:14">
      <c r="N156989" s="10"/>
    </row>
    <row r="156990" spans="14:14">
      <c r="N156990" s="10"/>
    </row>
    <row r="156991" spans="14:14">
      <c r="N156991" s="10"/>
    </row>
    <row r="156992" spans="14:14">
      <c r="N156992" s="10"/>
    </row>
    <row r="156993" spans="14:14">
      <c r="N156993" s="10"/>
    </row>
    <row r="156994" spans="14:14">
      <c r="N156994" s="10"/>
    </row>
    <row r="156995" spans="14:14">
      <c r="N156995" s="10"/>
    </row>
    <row r="156996" spans="14:14">
      <c r="N156996" s="10"/>
    </row>
    <row r="156997" spans="14:14">
      <c r="N156997" s="10"/>
    </row>
    <row r="156998" spans="14:14">
      <c r="N156998" s="10"/>
    </row>
    <row r="156999" spans="14:14">
      <c r="N156999" s="10"/>
    </row>
    <row r="157000" spans="14:14">
      <c r="N157000" s="10"/>
    </row>
    <row r="157001" spans="14:14">
      <c r="N157001" s="10"/>
    </row>
    <row r="157002" spans="14:14">
      <c r="N157002" s="10"/>
    </row>
    <row r="157003" spans="14:14">
      <c r="N157003" s="10"/>
    </row>
    <row r="157004" spans="14:14">
      <c r="N157004" s="10"/>
    </row>
    <row r="157005" spans="14:14">
      <c r="N157005" s="10"/>
    </row>
    <row r="157006" spans="14:14">
      <c r="N157006" s="10"/>
    </row>
    <row r="157007" spans="14:14">
      <c r="N157007" s="10"/>
    </row>
    <row r="157008" spans="14:14">
      <c r="N157008" s="10"/>
    </row>
    <row r="157009" spans="14:14">
      <c r="N157009" s="10"/>
    </row>
    <row r="157010" spans="14:14">
      <c r="N157010" s="10"/>
    </row>
    <row r="157011" spans="14:14">
      <c r="N157011" s="10"/>
    </row>
    <row r="157012" spans="14:14">
      <c r="N157012" s="10"/>
    </row>
    <row r="157013" spans="14:14">
      <c r="N157013" s="10"/>
    </row>
    <row r="157014" spans="14:14">
      <c r="N157014" s="10"/>
    </row>
    <row r="157015" spans="14:14">
      <c r="N157015" s="10"/>
    </row>
    <row r="157016" spans="14:14">
      <c r="N157016" s="10"/>
    </row>
    <row r="157017" spans="14:14">
      <c r="N157017" s="10"/>
    </row>
    <row r="157018" spans="14:14">
      <c r="N157018" s="10"/>
    </row>
    <row r="157019" spans="14:14">
      <c r="N157019" s="10"/>
    </row>
    <row r="157020" spans="14:14">
      <c r="N157020" s="10"/>
    </row>
    <row r="157021" spans="14:14">
      <c r="N157021" s="10"/>
    </row>
    <row r="157022" spans="14:14">
      <c r="N157022" s="10"/>
    </row>
    <row r="157023" spans="14:14">
      <c r="N157023" s="10"/>
    </row>
    <row r="157024" spans="14:14">
      <c r="N157024" s="10"/>
    </row>
    <row r="157025" spans="14:14">
      <c r="N157025" s="10"/>
    </row>
    <row r="157026" spans="14:14">
      <c r="N157026" s="10"/>
    </row>
    <row r="157027" spans="14:14">
      <c r="N157027" s="10"/>
    </row>
    <row r="157028" spans="14:14">
      <c r="N157028" s="10"/>
    </row>
    <row r="157029" spans="14:14">
      <c r="N157029" s="10"/>
    </row>
    <row r="157030" spans="14:14">
      <c r="N157030" s="10"/>
    </row>
    <row r="157031" spans="14:14">
      <c r="N157031" s="10"/>
    </row>
    <row r="157032" spans="14:14">
      <c r="N157032" s="10"/>
    </row>
    <row r="157033" spans="14:14">
      <c r="N157033" s="10"/>
    </row>
    <row r="157034" spans="14:14">
      <c r="N157034" s="10"/>
    </row>
    <row r="157035" spans="14:14">
      <c r="N157035" s="10"/>
    </row>
    <row r="157036" spans="14:14">
      <c r="N157036" s="10"/>
    </row>
    <row r="157037" spans="14:14">
      <c r="N157037" s="10"/>
    </row>
    <row r="157038" spans="14:14">
      <c r="N157038" s="10"/>
    </row>
    <row r="157039" spans="14:14">
      <c r="N157039" s="10"/>
    </row>
    <row r="157040" spans="14:14">
      <c r="N157040" s="10"/>
    </row>
    <row r="157041" spans="14:14">
      <c r="N157041" s="10"/>
    </row>
    <row r="157042" spans="14:14">
      <c r="N157042" s="10"/>
    </row>
    <row r="157043" spans="14:14">
      <c r="N157043" s="10"/>
    </row>
    <row r="157044" spans="14:14">
      <c r="N157044" s="10"/>
    </row>
    <row r="157045" spans="14:14">
      <c r="N157045" s="10"/>
    </row>
    <row r="157046" spans="14:14">
      <c r="N157046" s="10"/>
    </row>
    <row r="157047" spans="14:14">
      <c r="N157047" s="10"/>
    </row>
    <row r="157048" spans="14:14">
      <c r="N157048" s="10"/>
    </row>
    <row r="157049" spans="14:14">
      <c r="N157049" s="10"/>
    </row>
    <row r="157050" spans="14:14">
      <c r="N157050" s="10"/>
    </row>
    <row r="157051" spans="14:14">
      <c r="N157051" s="10"/>
    </row>
    <row r="157052" spans="14:14">
      <c r="N157052" s="10"/>
    </row>
    <row r="157053" spans="14:14">
      <c r="N157053" s="10"/>
    </row>
    <row r="157054" spans="14:14">
      <c r="N157054" s="10"/>
    </row>
    <row r="157055" spans="14:14">
      <c r="N157055" s="10"/>
    </row>
    <row r="157056" spans="14:14">
      <c r="N157056" s="10"/>
    </row>
    <row r="157057" spans="14:14">
      <c r="N157057" s="10"/>
    </row>
    <row r="157058" spans="14:14">
      <c r="N157058" s="10"/>
    </row>
    <row r="157059" spans="14:14">
      <c r="N157059" s="10"/>
    </row>
    <row r="157060" spans="14:14">
      <c r="N157060" s="10"/>
    </row>
    <row r="157061" spans="14:14">
      <c r="N157061" s="10"/>
    </row>
    <row r="157062" spans="14:14">
      <c r="N157062" s="10"/>
    </row>
    <row r="157063" spans="14:14">
      <c r="N157063" s="10"/>
    </row>
    <row r="157064" spans="14:14">
      <c r="N157064" s="10"/>
    </row>
    <row r="157065" spans="14:14">
      <c r="N157065" s="10"/>
    </row>
    <row r="157066" spans="14:14">
      <c r="N157066" s="10"/>
    </row>
    <row r="157067" spans="14:14">
      <c r="N157067" s="10"/>
    </row>
    <row r="157068" spans="14:14">
      <c r="N157068" s="10"/>
    </row>
    <row r="157069" spans="14:14">
      <c r="N157069" s="10"/>
    </row>
    <row r="157070" spans="14:14">
      <c r="N157070" s="10"/>
    </row>
    <row r="157071" spans="14:14">
      <c r="N157071" s="10"/>
    </row>
    <row r="157072" spans="14:14">
      <c r="N157072" s="10"/>
    </row>
    <row r="157073" spans="14:14">
      <c r="N157073" s="10"/>
    </row>
    <row r="157074" spans="14:14">
      <c r="N157074" s="10"/>
    </row>
    <row r="157075" spans="14:14">
      <c r="N157075" s="10"/>
    </row>
    <row r="157076" spans="14:14">
      <c r="N157076" s="10"/>
    </row>
    <row r="157077" spans="14:14">
      <c r="N157077" s="10"/>
    </row>
    <row r="157078" spans="14:14">
      <c r="N157078" s="10"/>
    </row>
    <row r="157079" spans="14:14">
      <c r="N157079" s="10"/>
    </row>
    <row r="157080" spans="14:14">
      <c r="N157080" s="10"/>
    </row>
    <row r="157081" spans="14:14">
      <c r="N157081" s="10"/>
    </row>
    <row r="157082" spans="14:14">
      <c r="N157082" s="10"/>
    </row>
    <row r="157083" spans="14:14">
      <c r="N157083" s="10"/>
    </row>
    <row r="157084" spans="14:14">
      <c r="N157084" s="10"/>
    </row>
    <row r="157085" spans="14:14">
      <c r="N157085" s="10"/>
    </row>
    <row r="157086" spans="14:14">
      <c r="N157086" s="10"/>
    </row>
    <row r="157087" spans="14:14">
      <c r="N157087" s="10"/>
    </row>
    <row r="157088" spans="14:14">
      <c r="N157088" s="10"/>
    </row>
    <row r="157089" spans="14:14">
      <c r="N157089" s="10"/>
    </row>
    <row r="157090" spans="14:14">
      <c r="N157090" s="10"/>
    </row>
    <row r="157091" spans="14:14">
      <c r="N157091" s="10"/>
    </row>
    <row r="157092" spans="14:14">
      <c r="N157092" s="10"/>
    </row>
    <row r="157093" spans="14:14">
      <c r="N157093" s="10"/>
    </row>
    <row r="157094" spans="14:14">
      <c r="N157094" s="10"/>
    </row>
    <row r="157095" spans="14:14">
      <c r="N157095" s="10"/>
    </row>
    <row r="157096" spans="14:14">
      <c r="N157096" s="10"/>
    </row>
    <row r="157097" spans="14:14">
      <c r="N157097" s="10"/>
    </row>
    <row r="157098" spans="14:14">
      <c r="N157098" s="10"/>
    </row>
    <row r="157099" spans="14:14">
      <c r="N157099" s="10"/>
    </row>
    <row r="157100" spans="14:14">
      <c r="N157100" s="10"/>
    </row>
    <row r="157101" spans="14:14">
      <c r="N157101" s="10"/>
    </row>
    <row r="157102" spans="14:14">
      <c r="N157102" s="10"/>
    </row>
    <row r="157103" spans="14:14">
      <c r="N157103" s="10"/>
    </row>
    <row r="157104" spans="14:14">
      <c r="N157104" s="10"/>
    </row>
    <row r="157105" spans="14:14">
      <c r="N157105" s="10"/>
    </row>
    <row r="157106" spans="14:14">
      <c r="N157106" s="10"/>
    </row>
    <row r="157107" spans="14:14">
      <c r="N157107" s="10"/>
    </row>
    <row r="157108" spans="14:14">
      <c r="N157108" s="10"/>
    </row>
    <row r="157109" spans="14:14">
      <c r="N157109" s="10"/>
    </row>
    <row r="157110" spans="14:14">
      <c r="N157110" s="10"/>
    </row>
    <row r="157111" spans="14:14">
      <c r="N157111" s="10"/>
    </row>
    <row r="157112" spans="14:14">
      <c r="N157112" s="10"/>
    </row>
    <row r="157113" spans="14:14">
      <c r="N157113" s="10"/>
    </row>
    <row r="157114" spans="14:14">
      <c r="N157114" s="10"/>
    </row>
    <row r="157115" spans="14:14">
      <c r="N157115" s="10"/>
    </row>
    <row r="157116" spans="14:14">
      <c r="N157116" s="10"/>
    </row>
    <row r="157117" spans="14:14">
      <c r="N157117" s="10"/>
    </row>
    <row r="157118" spans="14:14">
      <c r="N157118" s="10"/>
    </row>
    <row r="157119" spans="14:14">
      <c r="N157119" s="10"/>
    </row>
    <row r="157120" spans="14:14">
      <c r="N157120" s="10"/>
    </row>
    <row r="157121" spans="14:14">
      <c r="N157121" s="10"/>
    </row>
    <row r="157122" spans="14:14">
      <c r="N157122" s="10"/>
    </row>
    <row r="157123" spans="14:14">
      <c r="N157123" s="10"/>
    </row>
    <row r="157124" spans="14:14">
      <c r="N157124" s="10"/>
    </row>
    <row r="157125" spans="14:14">
      <c r="N157125" s="10"/>
    </row>
    <row r="157126" spans="14:14">
      <c r="N157126" s="10"/>
    </row>
    <row r="157127" spans="14:14">
      <c r="N157127" s="10"/>
    </row>
    <row r="157128" spans="14:14">
      <c r="N157128" s="10"/>
    </row>
    <row r="157129" spans="14:14">
      <c r="N157129" s="10"/>
    </row>
    <row r="157130" spans="14:14">
      <c r="N157130" s="10"/>
    </row>
    <row r="157131" spans="14:14">
      <c r="N157131" s="10"/>
    </row>
    <row r="157132" spans="14:14">
      <c r="N157132" s="10"/>
    </row>
    <row r="157133" spans="14:14">
      <c r="N157133" s="10"/>
    </row>
    <row r="157134" spans="14:14">
      <c r="N157134" s="10"/>
    </row>
    <row r="157135" spans="14:14">
      <c r="N157135" s="10"/>
    </row>
    <row r="157136" spans="14:14">
      <c r="N157136" s="10"/>
    </row>
    <row r="157137" spans="14:14">
      <c r="N157137" s="10"/>
    </row>
    <row r="157138" spans="14:14">
      <c r="N157138" s="10"/>
    </row>
    <row r="157139" spans="14:14">
      <c r="N157139" s="10"/>
    </row>
    <row r="157140" spans="14:14">
      <c r="N157140" s="10"/>
    </row>
    <row r="157141" spans="14:14">
      <c r="N157141" s="10"/>
    </row>
    <row r="157142" spans="14:14">
      <c r="N157142" s="10"/>
    </row>
    <row r="157143" spans="14:14">
      <c r="N157143" s="10"/>
    </row>
    <row r="157144" spans="14:14">
      <c r="N157144" s="10"/>
    </row>
    <row r="157145" spans="14:14">
      <c r="N157145" s="10"/>
    </row>
    <row r="157146" spans="14:14">
      <c r="N157146" s="10"/>
    </row>
    <row r="157147" spans="14:14">
      <c r="N157147" s="10"/>
    </row>
    <row r="157148" spans="14:14">
      <c r="N157148" s="10"/>
    </row>
    <row r="157149" spans="14:14">
      <c r="N157149" s="10"/>
    </row>
    <row r="157150" spans="14:14">
      <c r="N157150" s="10"/>
    </row>
    <row r="157151" spans="14:14">
      <c r="N157151" s="10"/>
    </row>
    <row r="157152" spans="14:14">
      <c r="N157152" s="10"/>
    </row>
    <row r="157153" spans="14:14">
      <c r="N157153" s="10"/>
    </row>
    <row r="157154" spans="14:14">
      <c r="N157154" s="10"/>
    </row>
    <row r="157155" spans="14:14">
      <c r="N157155" s="10"/>
    </row>
    <row r="157156" spans="14:14">
      <c r="N157156" s="10"/>
    </row>
    <row r="157157" spans="14:14">
      <c r="N157157" s="10"/>
    </row>
    <row r="157158" spans="14:14">
      <c r="N157158" s="10"/>
    </row>
    <row r="157159" spans="14:14">
      <c r="N157159" s="10"/>
    </row>
    <row r="157160" spans="14:14">
      <c r="N157160" s="10"/>
    </row>
    <row r="157161" spans="14:14">
      <c r="N157161" s="10"/>
    </row>
    <row r="157162" spans="14:14">
      <c r="N157162" s="10"/>
    </row>
    <row r="157163" spans="14:14">
      <c r="N157163" s="10"/>
    </row>
    <row r="157164" spans="14:14">
      <c r="N157164" s="10"/>
    </row>
    <row r="157165" spans="14:14">
      <c r="N157165" s="10"/>
    </row>
    <row r="157166" spans="14:14">
      <c r="N157166" s="10"/>
    </row>
    <row r="157167" spans="14:14">
      <c r="N157167" s="10"/>
    </row>
    <row r="157168" spans="14:14">
      <c r="N157168" s="10"/>
    </row>
    <row r="157169" spans="14:14">
      <c r="N157169" s="10"/>
    </row>
    <row r="157170" spans="14:14">
      <c r="N157170" s="10"/>
    </row>
    <row r="157171" spans="14:14">
      <c r="N157171" s="10"/>
    </row>
    <row r="157172" spans="14:14">
      <c r="N157172" s="10"/>
    </row>
    <row r="157173" spans="14:14">
      <c r="N157173" s="10"/>
    </row>
    <row r="157174" spans="14:14">
      <c r="N157174" s="10"/>
    </row>
    <row r="157175" spans="14:14">
      <c r="N157175" s="10"/>
    </row>
    <row r="157176" spans="14:14">
      <c r="N157176" s="10"/>
    </row>
    <row r="157177" spans="14:14">
      <c r="N157177" s="10"/>
    </row>
    <row r="157178" spans="14:14">
      <c r="N157178" s="10"/>
    </row>
    <row r="157179" spans="14:14">
      <c r="N157179" s="10"/>
    </row>
    <row r="157180" spans="14:14">
      <c r="N157180" s="10"/>
    </row>
    <row r="157181" spans="14:14">
      <c r="N157181" s="10"/>
    </row>
    <row r="157182" spans="14:14">
      <c r="N157182" s="10"/>
    </row>
    <row r="157183" spans="14:14">
      <c r="N157183" s="10"/>
    </row>
    <row r="157184" spans="14:14">
      <c r="N157184" s="10"/>
    </row>
    <row r="157185" spans="14:14">
      <c r="N157185" s="10"/>
    </row>
    <row r="157186" spans="14:14">
      <c r="N157186" s="10"/>
    </row>
    <row r="157187" spans="14:14">
      <c r="N157187" s="10"/>
    </row>
    <row r="157188" spans="14:14">
      <c r="N157188" s="10"/>
    </row>
    <row r="157189" spans="14:14">
      <c r="N157189" s="10"/>
    </row>
    <row r="157190" spans="14:14">
      <c r="N157190" s="10"/>
    </row>
    <row r="157191" spans="14:14">
      <c r="N157191" s="10"/>
    </row>
    <row r="157192" spans="14:14">
      <c r="N157192" s="10"/>
    </row>
    <row r="157193" spans="14:14">
      <c r="N157193" s="10"/>
    </row>
    <row r="157194" spans="14:14">
      <c r="N157194" s="10"/>
    </row>
    <row r="157195" spans="14:14">
      <c r="N157195" s="10"/>
    </row>
    <row r="157196" spans="14:14">
      <c r="N157196" s="10"/>
    </row>
    <row r="157197" spans="14:14">
      <c r="N157197" s="10"/>
    </row>
    <row r="157198" spans="14:14">
      <c r="N157198" s="10"/>
    </row>
    <row r="157199" spans="14:14">
      <c r="N157199" s="10"/>
    </row>
    <row r="157200" spans="14:14">
      <c r="N157200" s="10"/>
    </row>
    <row r="157201" spans="14:14">
      <c r="N157201" s="10"/>
    </row>
    <row r="157202" spans="14:14">
      <c r="N157202" s="10"/>
    </row>
    <row r="157203" spans="14:14">
      <c r="N157203" s="10"/>
    </row>
    <row r="157204" spans="14:14">
      <c r="N157204" s="10"/>
    </row>
    <row r="157205" spans="14:14">
      <c r="N157205" s="10"/>
    </row>
    <row r="157206" spans="14:14">
      <c r="N157206" s="10"/>
    </row>
    <row r="157207" spans="14:14">
      <c r="N157207" s="10"/>
    </row>
    <row r="157208" spans="14:14">
      <c r="N157208" s="10"/>
    </row>
    <row r="157209" spans="14:14">
      <c r="N157209" s="10"/>
    </row>
    <row r="157210" spans="14:14">
      <c r="N157210" s="10"/>
    </row>
    <row r="157211" spans="14:14">
      <c r="N157211" s="10"/>
    </row>
    <row r="157212" spans="14:14">
      <c r="N157212" s="10"/>
    </row>
    <row r="157213" spans="14:14">
      <c r="N157213" s="10"/>
    </row>
    <row r="157214" spans="14:14">
      <c r="N157214" s="10"/>
    </row>
    <row r="157215" spans="14:14">
      <c r="N157215" s="10"/>
    </row>
    <row r="157216" spans="14:14">
      <c r="N157216" s="10"/>
    </row>
    <row r="157217" spans="14:14">
      <c r="N157217" s="10"/>
    </row>
    <row r="157218" spans="14:14">
      <c r="N157218" s="10"/>
    </row>
    <row r="157219" spans="14:14">
      <c r="N157219" s="10"/>
    </row>
    <row r="157220" spans="14:14">
      <c r="N157220" s="10"/>
    </row>
    <row r="157221" spans="14:14">
      <c r="N157221" s="10"/>
    </row>
    <row r="157222" spans="14:14">
      <c r="N157222" s="10"/>
    </row>
    <row r="157223" spans="14:14">
      <c r="N157223" s="10"/>
    </row>
    <row r="157224" spans="14:14">
      <c r="N157224" s="10"/>
    </row>
    <row r="157225" spans="14:14">
      <c r="N157225" s="10"/>
    </row>
    <row r="157226" spans="14:14">
      <c r="N157226" s="10"/>
    </row>
    <row r="157227" spans="14:14">
      <c r="N157227" s="10"/>
    </row>
    <row r="157228" spans="14:14">
      <c r="N157228" s="10"/>
    </row>
    <row r="157229" spans="14:14">
      <c r="N157229" s="10"/>
    </row>
    <row r="157230" spans="14:14">
      <c r="N157230" s="10"/>
    </row>
    <row r="157231" spans="14:14">
      <c r="N157231" s="10"/>
    </row>
    <row r="157232" spans="14:14">
      <c r="N157232" s="10"/>
    </row>
    <row r="157233" spans="14:14">
      <c r="N157233" s="10"/>
    </row>
    <row r="157234" spans="14:14">
      <c r="N157234" s="10"/>
    </row>
    <row r="157235" spans="14:14">
      <c r="N157235" s="10"/>
    </row>
    <row r="157236" spans="14:14">
      <c r="N157236" s="10"/>
    </row>
    <row r="157237" spans="14:14">
      <c r="N157237" s="10"/>
    </row>
    <row r="157238" spans="14:14">
      <c r="N157238" s="10"/>
    </row>
    <row r="157239" spans="14:14">
      <c r="N157239" s="10"/>
    </row>
    <row r="157240" spans="14:14">
      <c r="N157240" s="10"/>
    </row>
    <row r="157241" spans="14:14">
      <c r="N157241" s="10"/>
    </row>
    <row r="157242" spans="14:14">
      <c r="N157242" s="10"/>
    </row>
    <row r="157243" spans="14:14">
      <c r="N157243" s="10"/>
    </row>
    <row r="157244" spans="14:14">
      <c r="N157244" s="10"/>
    </row>
    <row r="157245" spans="14:14">
      <c r="N157245" s="10"/>
    </row>
    <row r="157246" spans="14:14">
      <c r="N157246" s="10"/>
    </row>
    <row r="157247" spans="14:14">
      <c r="N157247" s="10"/>
    </row>
    <row r="157248" spans="14:14">
      <c r="N157248" s="10"/>
    </row>
    <row r="157249" spans="14:14">
      <c r="N157249" s="10"/>
    </row>
    <row r="157250" spans="14:14">
      <c r="N157250" s="10"/>
    </row>
    <row r="157251" spans="14:14">
      <c r="N157251" s="10"/>
    </row>
    <row r="157252" spans="14:14">
      <c r="N157252" s="10"/>
    </row>
    <row r="157253" spans="14:14">
      <c r="N157253" s="10"/>
    </row>
    <row r="157254" spans="14:14">
      <c r="N157254" s="10"/>
    </row>
    <row r="157255" spans="14:14">
      <c r="N157255" s="10"/>
    </row>
    <row r="157256" spans="14:14">
      <c r="N157256" s="10"/>
    </row>
    <row r="157257" spans="14:14">
      <c r="N157257" s="10"/>
    </row>
    <row r="157258" spans="14:14">
      <c r="N157258" s="10"/>
    </row>
    <row r="157259" spans="14:14">
      <c r="N157259" s="10"/>
    </row>
    <row r="157260" spans="14:14">
      <c r="N157260" s="10"/>
    </row>
    <row r="157261" spans="14:14">
      <c r="N157261" s="10"/>
    </row>
    <row r="157262" spans="14:14">
      <c r="N157262" s="10"/>
    </row>
    <row r="157263" spans="14:14">
      <c r="N157263" s="10"/>
    </row>
    <row r="157264" spans="14:14">
      <c r="N157264" s="10"/>
    </row>
    <row r="157265" spans="14:14">
      <c r="N157265" s="10"/>
    </row>
    <row r="157266" spans="14:14">
      <c r="N157266" s="10"/>
    </row>
    <row r="157267" spans="14:14">
      <c r="N157267" s="10"/>
    </row>
    <row r="157268" spans="14:14">
      <c r="N157268" s="10"/>
    </row>
    <row r="157269" spans="14:14">
      <c r="N157269" s="10"/>
    </row>
    <row r="157270" spans="14:14">
      <c r="N157270" s="10"/>
    </row>
    <row r="157271" spans="14:14">
      <c r="N157271" s="10"/>
    </row>
    <row r="157272" spans="14:14">
      <c r="N157272" s="10"/>
    </row>
    <row r="157273" spans="14:14">
      <c r="N157273" s="10"/>
    </row>
    <row r="157274" spans="14:14">
      <c r="N157274" s="10"/>
    </row>
    <row r="157275" spans="14:14">
      <c r="N157275" s="10"/>
    </row>
    <row r="157276" spans="14:14">
      <c r="N157276" s="10"/>
    </row>
    <row r="157277" spans="14:14">
      <c r="N157277" s="10"/>
    </row>
    <row r="157278" spans="14:14">
      <c r="N157278" s="10"/>
    </row>
    <row r="157279" spans="14:14">
      <c r="N157279" s="10"/>
    </row>
    <row r="157280" spans="14:14">
      <c r="N157280" s="10"/>
    </row>
    <row r="157281" spans="14:14">
      <c r="N157281" s="10"/>
    </row>
    <row r="157282" spans="14:14">
      <c r="N157282" s="10"/>
    </row>
    <row r="157283" spans="14:14">
      <c r="N157283" s="10"/>
    </row>
    <row r="157284" spans="14:14">
      <c r="N157284" s="10"/>
    </row>
    <row r="157285" spans="14:14">
      <c r="N157285" s="10"/>
    </row>
    <row r="157286" spans="14:14">
      <c r="N157286" s="10"/>
    </row>
    <row r="157287" spans="14:14">
      <c r="N157287" s="10"/>
    </row>
    <row r="157288" spans="14:14">
      <c r="N157288" s="10"/>
    </row>
    <row r="157289" spans="14:14">
      <c r="N157289" s="10"/>
    </row>
    <row r="157290" spans="14:14">
      <c r="N157290" s="10"/>
    </row>
    <row r="157291" spans="14:14">
      <c r="N157291" s="10"/>
    </row>
    <row r="157292" spans="14:14">
      <c r="N157292" s="10"/>
    </row>
    <row r="157293" spans="14:14">
      <c r="N157293" s="10"/>
    </row>
    <row r="157294" spans="14:14">
      <c r="N157294" s="10"/>
    </row>
    <row r="157295" spans="14:14">
      <c r="N157295" s="10"/>
    </row>
    <row r="157296" spans="14:14">
      <c r="N157296" s="10"/>
    </row>
    <row r="157297" spans="14:14">
      <c r="N157297" s="10"/>
    </row>
    <row r="157298" spans="14:14">
      <c r="N157298" s="10"/>
    </row>
    <row r="157299" spans="14:14">
      <c r="N157299" s="10"/>
    </row>
    <row r="157300" spans="14:14">
      <c r="N157300" s="10"/>
    </row>
    <row r="157301" spans="14:14">
      <c r="N157301" s="10"/>
    </row>
    <row r="157302" spans="14:14">
      <c r="N157302" s="10"/>
    </row>
    <row r="157303" spans="14:14">
      <c r="N157303" s="10"/>
    </row>
    <row r="157304" spans="14:14">
      <c r="N157304" s="10"/>
    </row>
    <row r="157305" spans="14:14">
      <c r="N157305" s="10"/>
    </row>
    <row r="157306" spans="14:14">
      <c r="N157306" s="10"/>
    </row>
    <row r="157307" spans="14:14">
      <c r="N157307" s="10"/>
    </row>
    <row r="157308" spans="14:14">
      <c r="N157308" s="10"/>
    </row>
    <row r="157309" spans="14:14">
      <c r="N157309" s="10"/>
    </row>
    <row r="157310" spans="14:14">
      <c r="N157310" s="10"/>
    </row>
    <row r="157311" spans="14:14">
      <c r="N157311" s="10"/>
    </row>
    <row r="157312" spans="14:14">
      <c r="N157312" s="10"/>
    </row>
    <row r="157313" spans="14:14">
      <c r="N157313" s="10"/>
    </row>
    <row r="157314" spans="14:14">
      <c r="N157314" s="10"/>
    </row>
    <row r="157315" spans="14:14">
      <c r="N157315" s="10"/>
    </row>
    <row r="157316" spans="14:14">
      <c r="N157316" s="10"/>
    </row>
    <row r="157317" spans="14:14">
      <c r="N157317" s="10"/>
    </row>
    <row r="157318" spans="14:14">
      <c r="N157318" s="10"/>
    </row>
    <row r="157319" spans="14:14">
      <c r="N157319" s="10"/>
    </row>
    <row r="157320" spans="14:14">
      <c r="N157320" s="10"/>
    </row>
    <row r="157321" spans="14:14">
      <c r="N157321" s="10"/>
    </row>
    <row r="157322" spans="14:14">
      <c r="N157322" s="10"/>
    </row>
    <row r="157323" spans="14:14">
      <c r="N157323" s="10"/>
    </row>
    <row r="157324" spans="14:14">
      <c r="N157324" s="10"/>
    </row>
    <row r="157325" spans="14:14">
      <c r="N157325" s="10"/>
    </row>
    <row r="157326" spans="14:14">
      <c r="N157326" s="10"/>
    </row>
    <row r="157327" spans="14:14">
      <c r="N157327" s="10"/>
    </row>
    <row r="157328" spans="14:14">
      <c r="N157328" s="10"/>
    </row>
    <row r="157329" spans="14:14">
      <c r="N157329" s="10"/>
    </row>
    <row r="157330" spans="14:14">
      <c r="N157330" s="10"/>
    </row>
    <row r="157331" spans="14:14">
      <c r="N157331" s="10"/>
    </row>
    <row r="157332" spans="14:14">
      <c r="N157332" s="10"/>
    </row>
    <row r="157333" spans="14:14">
      <c r="N157333" s="10"/>
    </row>
    <row r="157334" spans="14:14">
      <c r="N157334" s="10"/>
    </row>
    <row r="157335" spans="14:14">
      <c r="N157335" s="10"/>
    </row>
    <row r="157336" spans="14:14">
      <c r="N157336" s="10"/>
    </row>
    <row r="157337" spans="14:14">
      <c r="N157337" s="10"/>
    </row>
    <row r="157338" spans="14:14">
      <c r="N157338" s="10"/>
    </row>
    <row r="157339" spans="14:14">
      <c r="N157339" s="10"/>
    </row>
    <row r="157340" spans="14:14">
      <c r="N157340" s="10"/>
    </row>
    <row r="157341" spans="14:14">
      <c r="N157341" s="10"/>
    </row>
    <row r="157342" spans="14:14">
      <c r="N157342" s="10"/>
    </row>
    <row r="157343" spans="14:14">
      <c r="N157343" s="10"/>
    </row>
    <row r="157344" spans="14:14">
      <c r="N157344" s="10"/>
    </row>
    <row r="157345" spans="14:14">
      <c r="N157345" s="10"/>
    </row>
    <row r="157346" spans="14:14">
      <c r="N157346" s="10"/>
    </row>
    <row r="157347" spans="14:14">
      <c r="N157347" s="10"/>
    </row>
    <row r="157348" spans="14:14">
      <c r="N157348" s="10"/>
    </row>
    <row r="157349" spans="14:14">
      <c r="N157349" s="10"/>
    </row>
    <row r="157350" spans="14:14">
      <c r="N157350" s="10"/>
    </row>
    <row r="157351" spans="14:14">
      <c r="N157351" s="10"/>
    </row>
    <row r="157352" spans="14:14">
      <c r="N157352" s="10"/>
    </row>
    <row r="157353" spans="14:14">
      <c r="N157353" s="10"/>
    </row>
    <row r="157354" spans="14:14">
      <c r="N157354" s="10"/>
    </row>
    <row r="157355" spans="14:14">
      <c r="N157355" s="10"/>
    </row>
    <row r="157356" spans="14:14">
      <c r="N157356" s="10"/>
    </row>
    <row r="157357" spans="14:14">
      <c r="N157357" s="10"/>
    </row>
    <row r="157358" spans="14:14">
      <c r="N157358" s="10"/>
    </row>
    <row r="157359" spans="14:14">
      <c r="N157359" s="10"/>
    </row>
    <row r="157360" spans="14:14">
      <c r="N157360" s="10"/>
    </row>
    <row r="157361" spans="14:14">
      <c r="N157361" s="10"/>
    </row>
    <row r="157362" spans="14:14">
      <c r="N157362" s="10"/>
    </row>
    <row r="157363" spans="14:14">
      <c r="N157363" s="10"/>
    </row>
    <row r="157364" spans="14:14">
      <c r="N157364" s="10"/>
    </row>
    <row r="157365" spans="14:14">
      <c r="N157365" s="10"/>
    </row>
    <row r="157366" spans="14:14">
      <c r="N157366" s="10"/>
    </row>
    <row r="157367" spans="14:14">
      <c r="N157367" s="10"/>
    </row>
    <row r="157368" spans="14:14">
      <c r="N157368" s="10"/>
    </row>
    <row r="157369" spans="14:14">
      <c r="N157369" s="10"/>
    </row>
    <row r="157370" spans="14:14">
      <c r="N157370" s="10"/>
    </row>
    <row r="157371" spans="14:14">
      <c r="N157371" s="10"/>
    </row>
    <row r="157372" spans="14:14">
      <c r="N157372" s="10"/>
    </row>
    <row r="157373" spans="14:14">
      <c r="N157373" s="10"/>
    </row>
    <row r="157374" spans="14:14">
      <c r="N157374" s="10"/>
    </row>
    <row r="157375" spans="14:14">
      <c r="N157375" s="10"/>
    </row>
    <row r="157376" spans="14:14">
      <c r="N157376" s="10"/>
    </row>
    <row r="157377" spans="14:14">
      <c r="N157377" s="10"/>
    </row>
    <row r="157378" spans="14:14">
      <c r="N157378" s="10"/>
    </row>
    <row r="157379" spans="14:14">
      <c r="N157379" s="10"/>
    </row>
    <row r="157380" spans="14:14">
      <c r="N157380" s="10"/>
    </row>
    <row r="157381" spans="14:14">
      <c r="N157381" s="10"/>
    </row>
    <row r="157382" spans="14:14">
      <c r="N157382" s="10"/>
    </row>
    <row r="157383" spans="14:14">
      <c r="N157383" s="10"/>
    </row>
    <row r="157384" spans="14:14">
      <c r="N157384" s="10"/>
    </row>
    <row r="157385" spans="14:14">
      <c r="N157385" s="10"/>
    </row>
    <row r="157386" spans="14:14">
      <c r="N157386" s="10"/>
    </row>
    <row r="157387" spans="14:14">
      <c r="N157387" s="10"/>
    </row>
    <row r="157388" spans="14:14">
      <c r="N157388" s="10"/>
    </row>
    <row r="157389" spans="14:14">
      <c r="N157389" s="10"/>
    </row>
    <row r="157390" spans="14:14">
      <c r="N157390" s="10"/>
    </row>
    <row r="157391" spans="14:14">
      <c r="N157391" s="10"/>
    </row>
    <row r="157392" spans="14:14">
      <c r="N157392" s="10"/>
    </row>
    <row r="157393" spans="14:14">
      <c r="N157393" s="10"/>
    </row>
    <row r="157394" spans="14:14">
      <c r="N157394" s="10"/>
    </row>
    <row r="157395" spans="14:14">
      <c r="N157395" s="10"/>
    </row>
    <row r="157396" spans="14:14">
      <c r="N157396" s="10"/>
    </row>
    <row r="157397" spans="14:14">
      <c r="N157397" s="10"/>
    </row>
    <row r="157398" spans="14:14">
      <c r="N157398" s="10"/>
    </row>
    <row r="157399" spans="14:14">
      <c r="N157399" s="10"/>
    </row>
    <row r="157400" spans="14:14">
      <c r="N157400" s="10"/>
    </row>
    <row r="157401" spans="14:14">
      <c r="N157401" s="10"/>
    </row>
    <row r="157402" spans="14:14">
      <c r="N157402" s="10"/>
    </row>
    <row r="157403" spans="14:14">
      <c r="N157403" s="10"/>
    </row>
    <row r="157404" spans="14:14">
      <c r="N157404" s="10"/>
    </row>
    <row r="157405" spans="14:14">
      <c r="N157405" s="10"/>
    </row>
    <row r="157406" spans="14:14">
      <c r="N157406" s="10"/>
    </row>
    <row r="157407" spans="14:14">
      <c r="N157407" s="10"/>
    </row>
    <row r="157408" spans="14:14">
      <c r="N157408" s="10"/>
    </row>
    <row r="157409" spans="14:14">
      <c r="N157409" s="10"/>
    </row>
    <row r="157410" spans="14:14">
      <c r="N157410" s="10"/>
    </row>
    <row r="157411" spans="14:14">
      <c r="N157411" s="10"/>
    </row>
    <row r="157412" spans="14:14">
      <c r="N157412" s="10"/>
    </row>
    <row r="157413" spans="14:14">
      <c r="N157413" s="10"/>
    </row>
    <row r="157414" spans="14:14">
      <c r="N157414" s="10"/>
    </row>
    <row r="157415" spans="14:14">
      <c r="N157415" s="10"/>
    </row>
    <row r="157416" spans="14:14">
      <c r="N157416" s="10"/>
    </row>
    <row r="157417" spans="14:14">
      <c r="N157417" s="10"/>
    </row>
    <row r="157418" spans="14:14">
      <c r="N157418" s="10"/>
    </row>
    <row r="157419" spans="14:14">
      <c r="N157419" s="10"/>
    </row>
    <row r="157420" spans="14:14">
      <c r="N157420" s="10"/>
    </row>
    <row r="157421" spans="14:14">
      <c r="N157421" s="10"/>
    </row>
    <row r="157422" spans="14:14">
      <c r="N157422" s="10"/>
    </row>
    <row r="157423" spans="14:14">
      <c r="N157423" s="10"/>
    </row>
    <row r="157424" spans="14:14">
      <c r="N157424" s="10"/>
    </row>
    <row r="157425" spans="14:14">
      <c r="N157425" s="10"/>
    </row>
    <row r="157426" spans="14:14">
      <c r="N157426" s="10"/>
    </row>
    <row r="157427" spans="14:14">
      <c r="N157427" s="10"/>
    </row>
    <row r="157428" spans="14:14">
      <c r="N157428" s="10"/>
    </row>
    <row r="157429" spans="14:14">
      <c r="N157429" s="10"/>
    </row>
    <row r="157430" spans="14:14">
      <c r="N157430" s="10"/>
    </row>
    <row r="157431" spans="14:14">
      <c r="N157431" s="10"/>
    </row>
    <row r="157432" spans="14:14">
      <c r="N157432" s="10"/>
    </row>
    <row r="157433" spans="14:14">
      <c r="N157433" s="10"/>
    </row>
    <row r="157434" spans="14:14">
      <c r="N157434" s="10"/>
    </row>
    <row r="157435" spans="14:14">
      <c r="N157435" s="10"/>
    </row>
    <row r="157436" spans="14:14">
      <c r="N157436" s="10"/>
    </row>
    <row r="157437" spans="14:14">
      <c r="N157437" s="10"/>
    </row>
    <row r="157438" spans="14:14">
      <c r="N157438" s="10"/>
    </row>
    <row r="157439" spans="14:14">
      <c r="N157439" s="10"/>
    </row>
    <row r="157440" spans="14:14">
      <c r="N157440" s="10"/>
    </row>
    <row r="157441" spans="14:14">
      <c r="N157441" s="10"/>
    </row>
    <row r="157442" spans="14:14">
      <c r="N157442" s="10"/>
    </row>
    <row r="157443" spans="14:14">
      <c r="N157443" s="10"/>
    </row>
    <row r="157444" spans="14:14">
      <c r="N157444" s="10"/>
    </row>
    <row r="157445" spans="14:14">
      <c r="N157445" s="10"/>
    </row>
    <row r="157446" spans="14:14">
      <c r="N157446" s="10"/>
    </row>
    <row r="157447" spans="14:14">
      <c r="N157447" s="10"/>
    </row>
    <row r="157448" spans="14:14">
      <c r="N157448" s="10"/>
    </row>
    <row r="157449" spans="14:14">
      <c r="N157449" s="10"/>
    </row>
    <row r="157450" spans="14:14">
      <c r="N157450" s="10"/>
    </row>
    <row r="157451" spans="14:14">
      <c r="N157451" s="10"/>
    </row>
    <row r="157452" spans="14:14">
      <c r="N157452" s="10"/>
    </row>
    <row r="157453" spans="14:14">
      <c r="N157453" s="10"/>
    </row>
    <row r="157454" spans="14:14">
      <c r="N157454" s="10"/>
    </row>
    <row r="157455" spans="14:14">
      <c r="N157455" s="10"/>
    </row>
    <row r="157456" spans="14:14">
      <c r="N157456" s="10"/>
    </row>
    <row r="157457" spans="14:14">
      <c r="N157457" s="10"/>
    </row>
    <row r="157458" spans="14:14">
      <c r="N157458" s="10"/>
    </row>
    <row r="157459" spans="14:14">
      <c r="N157459" s="10"/>
    </row>
    <row r="157460" spans="14:14">
      <c r="N157460" s="10"/>
    </row>
    <row r="157461" spans="14:14">
      <c r="N157461" s="10"/>
    </row>
    <row r="157462" spans="14:14">
      <c r="N157462" s="10"/>
    </row>
    <row r="157463" spans="14:14">
      <c r="N157463" s="10"/>
    </row>
    <row r="157464" spans="14:14">
      <c r="N157464" s="10"/>
    </row>
    <row r="157465" spans="14:14">
      <c r="N157465" s="10"/>
    </row>
    <row r="157466" spans="14:14">
      <c r="N157466" s="10"/>
    </row>
    <row r="157467" spans="14:14">
      <c r="N157467" s="10"/>
    </row>
    <row r="157468" spans="14:14">
      <c r="N157468" s="10"/>
    </row>
    <row r="157469" spans="14:14">
      <c r="N157469" s="10"/>
    </row>
    <row r="157470" spans="14:14">
      <c r="N157470" s="10"/>
    </row>
    <row r="157471" spans="14:14">
      <c r="N157471" s="10"/>
    </row>
    <row r="157472" spans="14:14">
      <c r="N157472" s="10"/>
    </row>
    <row r="157473" spans="14:14">
      <c r="N157473" s="10"/>
    </row>
    <row r="157474" spans="14:14">
      <c r="N157474" s="10"/>
    </row>
    <row r="157475" spans="14:14">
      <c r="N157475" s="10"/>
    </row>
    <row r="157476" spans="14:14">
      <c r="N157476" s="10"/>
    </row>
    <row r="157477" spans="14:14">
      <c r="N157477" s="10"/>
    </row>
    <row r="157478" spans="14:14">
      <c r="N157478" s="10"/>
    </row>
    <row r="157479" spans="14:14">
      <c r="N157479" s="10"/>
    </row>
    <row r="157480" spans="14:14">
      <c r="N157480" s="10"/>
    </row>
    <row r="157481" spans="14:14">
      <c r="N157481" s="10"/>
    </row>
    <row r="157482" spans="14:14">
      <c r="N157482" s="10"/>
    </row>
    <row r="157483" spans="14:14">
      <c r="N157483" s="10"/>
    </row>
    <row r="157484" spans="14:14">
      <c r="N157484" s="10"/>
    </row>
    <row r="157485" spans="14:14">
      <c r="N157485" s="10"/>
    </row>
    <row r="157486" spans="14:14">
      <c r="N157486" s="10"/>
    </row>
    <row r="157487" spans="14:14">
      <c r="N157487" s="10"/>
    </row>
    <row r="157488" spans="14:14">
      <c r="N157488" s="10"/>
    </row>
    <row r="157489" spans="14:14">
      <c r="N157489" s="10"/>
    </row>
    <row r="157490" spans="14:14">
      <c r="N157490" s="10"/>
    </row>
    <row r="157491" spans="14:14">
      <c r="N157491" s="10"/>
    </row>
    <row r="157492" spans="14:14">
      <c r="N157492" s="10"/>
    </row>
    <row r="157493" spans="14:14">
      <c r="N157493" s="10"/>
    </row>
    <row r="157494" spans="14:14">
      <c r="N157494" s="10"/>
    </row>
    <row r="157495" spans="14:14">
      <c r="N157495" s="10"/>
    </row>
    <row r="157496" spans="14:14">
      <c r="N157496" s="10"/>
    </row>
    <row r="157497" spans="14:14">
      <c r="N157497" s="10"/>
    </row>
    <row r="157498" spans="14:14">
      <c r="N157498" s="10"/>
    </row>
    <row r="157499" spans="14:14">
      <c r="N157499" s="10"/>
    </row>
    <row r="157500" spans="14:14">
      <c r="N157500" s="10"/>
    </row>
    <row r="157501" spans="14:14">
      <c r="N157501" s="10"/>
    </row>
    <row r="157502" spans="14:14">
      <c r="N157502" s="10"/>
    </row>
    <row r="157503" spans="14:14">
      <c r="N157503" s="10"/>
    </row>
    <row r="157504" spans="14:14">
      <c r="N157504" s="10"/>
    </row>
    <row r="157505" spans="14:14">
      <c r="N157505" s="10"/>
    </row>
    <row r="157506" spans="14:14">
      <c r="N157506" s="10"/>
    </row>
    <row r="157507" spans="14:14">
      <c r="N157507" s="10"/>
    </row>
    <row r="157508" spans="14:14">
      <c r="N157508" s="10"/>
    </row>
    <row r="157509" spans="14:14">
      <c r="N157509" s="10"/>
    </row>
    <row r="157510" spans="14:14">
      <c r="N157510" s="10"/>
    </row>
    <row r="157511" spans="14:14">
      <c r="N157511" s="10"/>
    </row>
    <row r="157512" spans="14:14">
      <c r="N157512" s="10"/>
    </row>
    <row r="157513" spans="14:14">
      <c r="N157513" s="10"/>
    </row>
    <row r="157514" spans="14:14">
      <c r="N157514" s="10"/>
    </row>
    <row r="157515" spans="14:14">
      <c r="N157515" s="10"/>
    </row>
    <row r="157516" spans="14:14">
      <c r="N157516" s="10"/>
    </row>
    <row r="157517" spans="14:14">
      <c r="N157517" s="10"/>
    </row>
    <row r="157518" spans="14:14">
      <c r="N157518" s="10"/>
    </row>
    <row r="157519" spans="14:14">
      <c r="N157519" s="10"/>
    </row>
    <row r="157520" spans="14:14">
      <c r="N157520" s="10"/>
    </row>
    <row r="157521" spans="14:14">
      <c r="N157521" s="10"/>
    </row>
    <row r="157522" spans="14:14">
      <c r="N157522" s="10"/>
    </row>
    <row r="157523" spans="14:14">
      <c r="N157523" s="10"/>
    </row>
    <row r="157524" spans="14:14">
      <c r="N157524" s="10"/>
    </row>
    <row r="157525" spans="14:14">
      <c r="N157525" s="10"/>
    </row>
    <row r="157526" spans="14:14">
      <c r="N157526" s="10"/>
    </row>
    <row r="157527" spans="14:14">
      <c r="N157527" s="10"/>
    </row>
    <row r="157528" spans="14:14">
      <c r="N157528" s="10"/>
    </row>
    <row r="157529" spans="14:14">
      <c r="N157529" s="10"/>
    </row>
    <row r="157530" spans="14:14">
      <c r="N157530" s="10"/>
    </row>
    <row r="157531" spans="14:14">
      <c r="N157531" s="10"/>
    </row>
    <row r="157532" spans="14:14">
      <c r="N157532" s="10"/>
    </row>
    <row r="157533" spans="14:14">
      <c r="N157533" s="10"/>
    </row>
    <row r="157534" spans="14:14">
      <c r="N157534" s="10"/>
    </row>
    <row r="157535" spans="14:14">
      <c r="N157535" s="10"/>
    </row>
    <row r="157536" spans="14:14">
      <c r="N157536" s="10"/>
    </row>
    <row r="157537" spans="14:14">
      <c r="N157537" s="10"/>
    </row>
    <row r="157538" spans="14:14">
      <c r="N157538" s="10"/>
    </row>
    <row r="157539" spans="14:14">
      <c r="N157539" s="10"/>
    </row>
    <row r="157540" spans="14:14">
      <c r="N157540" s="10"/>
    </row>
    <row r="157541" spans="14:14">
      <c r="N157541" s="10"/>
    </row>
    <row r="157542" spans="14:14">
      <c r="N157542" s="10"/>
    </row>
    <row r="157543" spans="14:14">
      <c r="N157543" s="10"/>
    </row>
    <row r="157544" spans="14:14">
      <c r="N157544" s="10"/>
    </row>
    <row r="157545" spans="14:14">
      <c r="N157545" s="10"/>
    </row>
    <row r="157546" spans="14:14">
      <c r="N157546" s="10"/>
    </row>
    <row r="157547" spans="14:14">
      <c r="N157547" s="10"/>
    </row>
    <row r="157548" spans="14:14">
      <c r="N157548" s="10"/>
    </row>
    <row r="157549" spans="14:14">
      <c r="N157549" s="10"/>
    </row>
    <row r="157550" spans="14:14">
      <c r="N157550" s="10"/>
    </row>
    <row r="157551" spans="14:14">
      <c r="N157551" s="10"/>
    </row>
    <row r="157552" spans="14:14">
      <c r="N157552" s="10"/>
    </row>
    <row r="157553" spans="14:14">
      <c r="N157553" s="10"/>
    </row>
    <row r="157554" spans="14:14">
      <c r="N157554" s="10"/>
    </row>
    <row r="157555" spans="14:14">
      <c r="N157555" s="10"/>
    </row>
    <row r="157556" spans="14:14">
      <c r="N157556" s="10"/>
    </row>
    <row r="157557" spans="14:14">
      <c r="N157557" s="10"/>
    </row>
    <row r="157558" spans="14:14">
      <c r="N157558" s="10"/>
    </row>
    <row r="157559" spans="14:14">
      <c r="N157559" s="10"/>
    </row>
    <row r="157560" spans="14:14">
      <c r="N157560" s="10"/>
    </row>
    <row r="157561" spans="14:14">
      <c r="N157561" s="10"/>
    </row>
    <row r="157562" spans="14:14">
      <c r="N157562" s="10"/>
    </row>
    <row r="157563" spans="14:14">
      <c r="N157563" s="10"/>
    </row>
    <row r="157564" spans="14:14">
      <c r="N157564" s="10"/>
    </row>
    <row r="157565" spans="14:14">
      <c r="N157565" s="10"/>
    </row>
    <row r="157566" spans="14:14">
      <c r="N157566" s="10"/>
    </row>
    <row r="157567" spans="14:14">
      <c r="N157567" s="10"/>
    </row>
    <row r="157568" spans="14:14">
      <c r="N157568" s="10"/>
    </row>
    <row r="157569" spans="14:14">
      <c r="N157569" s="10"/>
    </row>
    <row r="157570" spans="14:14">
      <c r="N157570" s="10"/>
    </row>
    <row r="157571" spans="14:14">
      <c r="N157571" s="10"/>
    </row>
    <row r="157572" spans="14:14">
      <c r="N157572" s="10"/>
    </row>
    <row r="157573" spans="14:14">
      <c r="N157573" s="10"/>
    </row>
    <row r="157574" spans="14:14">
      <c r="N157574" s="10"/>
    </row>
    <row r="157575" spans="14:14">
      <c r="N157575" s="10"/>
    </row>
    <row r="157576" spans="14:14">
      <c r="N157576" s="10"/>
    </row>
    <row r="157577" spans="14:14">
      <c r="N157577" s="10"/>
    </row>
    <row r="157578" spans="14:14">
      <c r="N157578" s="10"/>
    </row>
    <row r="157579" spans="14:14">
      <c r="N157579" s="10"/>
    </row>
    <row r="157580" spans="14:14">
      <c r="N157580" s="10"/>
    </row>
    <row r="157581" spans="14:14">
      <c r="N157581" s="10"/>
    </row>
    <row r="157582" spans="14:14">
      <c r="N157582" s="10"/>
    </row>
    <row r="157583" spans="14:14">
      <c r="N157583" s="10"/>
    </row>
    <row r="157584" spans="14:14">
      <c r="N157584" s="10"/>
    </row>
    <row r="157585" spans="14:14">
      <c r="N157585" s="10"/>
    </row>
    <row r="157586" spans="14:14">
      <c r="N157586" s="10"/>
    </row>
    <row r="157587" spans="14:14">
      <c r="N157587" s="10"/>
    </row>
    <row r="157588" spans="14:14">
      <c r="N157588" s="10"/>
    </row>
    <row r="157589" spans="14:14">
      <c r="N157589" s="10"/>
    </row>
    <row r="157590" spans="14:14">
      <c r="N157590" s="10"/>
    </row>
    <row r="157591" spans="14:14">
      <c r="N157591" s="10"/>
    </row>
    <row r="157592" spans="14:14">
      <c r="N157592" s="10"/>
    </row>
    <row r="157593" spans="14:14">
      <c r="N157593" s="10"/>
    </row>
    <row r="157594" spans="14:14">
      <c r="N157594" s="10"/>
    </row>
    <row r="157595" spans="14:14">
      <c r="N157595" s="10"/>
    </row>
    <row r="157596" spans="14:14">
      <c r="N157596" s="10"/>
    </row>
    <row r="157597" spans="14:14">
      <c r="N157597" s="10"/>
    </row>
    <row r="157598" spans="14:14">
      <c r="N157598" s="10"/>
    </row>
    <row r="157599" spans="14:14">
      <c r="N157599" s="10"/>
    </row>
    <row r="157600" spans="14:14">
      <c r="N157600" s="10"/>
    </row>
    <row r="157601" spans="14:14">
      <c r="N157601" s="10"/>
    </row>
    <row r="157602" spans="14:14">
      <c r="N157602" s="10"/>
    </row>
    <row r="157603" spans="14:14">
      <c r="N157603" s="10"/>
    </row>
    <row r="157604" spans="14:14">
      <c r="N157604" s="10"/>
    </row>
    <row r="157605" spans="14:14">
      <c r="N157605" s="10"/>
    </row>
    <row r="157606" spans="14:14">
      <c r="N157606" s="10"/>
    </row>
    <row r="157607" spans="14:14">
      <c r="N157607" s="10"/>
    </row>
    <row r="157608" spans="14:14">
      <c r="N157608" s="10"/>
    </row>
    <row r="157609" spans="14:14">
      <c r="N157609" s="10"/>
    </row>
    <row r="157610" spans="14:14">
      <c r="N157610" s="10"/>
    </row>
    <row r="157611" spans="14:14">
      <c r="N157611" s="10"/>
    </row>
    <row r="157612" spans="14:14">
      <c r="N157612" s="10"/>
    </row>
    <row r="157613" spans="14:14">
      <c r="N157613" s="10"/>
    </row>
    <row r="157614" spans="14:14">
      <c r="N157614" s="10"/>
    </row>
    <row r="157615" spans="14:14">
      <c r="N157615" s="10"/>
    </row>
    <row r="157616" spans="14:14">
      <c r="N157616" s="10"/>
    </row>
    <row r="157617" spans="14:14">
      <c r="N157617" s="10"/>
    </row>
    <row r="157618" spans="14:14">
      <c r="N157618" s="10"/>
    </row>
    <row r="157619" spans="14:14">
      <c r="N157619" s="10"/>
    </row>
    <row r="157620" spans="14:14">
      <c r="N157620" s="10"/>
    </row>
    <row r="157621" spans="14:14">
      <c r="N157621" s="10"/>
    </row>
    <row r="157622" spans="14:14">
      <c r="N157622" s="10"/>
    </row>
    <row r="157623" spans="14:14">
      <c r="N157623" s="10"/>
    </row>
    <row r="157624" spans="14:14">
      <c r="N157624" s="10"/>
    </row>
    <row r="157625" spans="14:14">
      <c r="N157625" s="10"/>
    </row>
    <row r="157626" spans="14:14">
      <c r="N157626" s="10"/>
    </row>
    <row r="157627" spans="14:14">
      <c r="N157627" s="10"/>
    </row>
    <row r="157628" spans="14:14">
      <c r="N157628" s="10"/>
    </row>
    <row r="157629" spans="14:14">
      <c r="N157629" s="10"/>
    </row>
    <row r="157630" spans="14:14">
      <c r="N157630" s="10"/>
    </row>
    <row r="157631" spans="14:14">
      <c r="N157631" s="10"/>
    </row>
    <row r="157632" spans="14:14">
      <c r="N157632" s="10"/>
    </row>
    <row r="157633" spans="14:14">
      <c r="N157633" s="10"/>
    </row>
    <row r="157634" spans="14:14">
      <c r="N157634" s="10"/>
    </row>
    <row r="157635" spans="14:14">
      <c r="N157635" s="10"/>
    </row>
    <row r="157636" spans="14:14">
      <c r="N157636" s="10"/>
    </row>
    <row r="157637" spans="14:14">
      <c r="N157637" s="10"/>
    </row>
    <row r="157638" spans="14:14">
      <c r="N157638" s="10"/>
    </row>
    <row r="157639" spans="14:14">
      <c r="N157639" s="10"/>
    </row>
    <row r="157640" spans="14:14">
      <c r="N157640" s="10"/>
    </row>
    <row r="157641" spans="14:14">
      <c r="N157641" s="10"/>
    </row>
    <row r="157642" spans="14:14">
      <c r="N157642" s="10"/>
    </row>
    <row r="157643" spans="14:14">
      <c r="N157643" s="10"/>
    </row>
    <row r="157644" spans="14:14">
      <c r="N157644" s="10"/>
    </row>
    <row r="157645" spans="14:14">
      <c r="N157645" s="10"/>
    </row>
    <row r="157646" spans="14:14">
      <c r="N157646" s="10"/>
    </row>
    <row r="157647" spans="14:14">
      <c r="N157647" s="10"/>
    </row>
    <row r="157648" spans="14:14">
      <c r="N157648" s="10"/>
    </row>
    <row r="157649" spans="14:14">
      <c r="N157649" s="10"/>
    </row>
    <row r="157650" spans="14:14">
      <c r="N157650" s="10"/>
    </row>
    <row r="157651" spans="14:14">
      <c r="N157651" s="10"/>
    </row>
    <row r="157652" spans="14:14">
      <c r="N157652" s="10"/>
    </row>
    <row r="157653" spans="14:14">
      <c r="N157653" s="10"/>
    </row>
    <row r="157654" spans="14:14">
      <c r="N157654" s="10"/>
    </row>
    <row r="157655" spans="14:14">
      <c r="N157655" s="10"/>
    </row>
    <row r="157656" spans="14:14">
      <c r="N157656" s="10"/>
    </row>
    <row r="157657" spans="14:14">
      <c r="N157657" s="10"/>
    </row>
    <row r="157658" spans="14:14">
      <c r="N157658" s="10"/>
    </row>
    <row r="157659" spans="14:14">
      <c r="N157659" s="10"/>
    </row>
    <row r="157660" spans="14:14">
      <c r="N157660" s="10"/>
    </row>
    <row r="157661" spans="14:14">
      <c r="N157661" s="10"/>
    </row>
    <row r="157662" spans="14:14">
      <c r="N157662" s="10"/>
    </row>
    <row r="157663" spans="14:14">
      <c r="N157663" s="10"/>
    </row>
    <row r="157664" spans="14:14">
      <c r="N157664" s="10"/>
    </row>
    <row r="157665" spans="14:14">
      <c r="N157665" s="10"/>
    </row>
    <row r="157666" spans="14:14">
      <c r="N157666" s="10"/>
    </row>
    <row r="157667" spans="14:14">
      <c r="N157667" s="10"/>
    </row>
    <row r="157668" spans="14:14">
      <c r="N157668" s="10"/>
    </row>
    <row r="157669" spans="14:14">
      <c r="N157669" s="10"/>
    </row>
    <row r="157670" spans="14:14">
      <c r="N157670" s="10"/>
    </row>
    <row r="157671" spans="14:14">
      <c r="N157671" s="10"/>
    </row>
    <row r="157672" spans="14:14">
      <c r="N157672" s="10"/>
    </row>
    <row r="157673" spans="14:14">
      <c r="N157673" s="10"/>
    </row>
    <row r="157674" spans="14:14">
      <c r="N157674" s="10"/>
    </row>
    <row r="157675" spans="14:14">
      <c r="N157675" s="10"/>
    </row>
    <row r="157676" spans="14:14">
      <c r="N157676" s="10"/>
    </row>
    <row r="157677" spans="14:14">
      <c r="N157677" s="10"/>
    </row>
    <row r="157678" spans="14:14">
      <c r="N157678" s="10"/>
    </row>
    <row r="157679" spans="14:14">
      <c r="N157679" s="10"/>
    </row>
    <row r="157680" spans="14:14">
      <c r="N157680" s="10"/>
    </row>
    <row r="157681" spans="14:14">
      <c r="N157681" s="10"/>
    </row>
    <row r="157682" spans="14:14">
      <c r="N157682" s="10"/>
    </row>
    <row r="157683" spans="14:14">
      <c r="N157683" s="10"/>
    </row>
    <row r="157684" spans="14:14">
      <c r="N157684" s="10"/>
    </row>
    <row r="157685" spans="14:14">
      <c r="N157685" s="10"/>
    </row>
    <row r="157686" spans="14:14">
      <c r="N157686" s="10"/>
    </row>
    <row r="157687" spans="14:14">
      <c r="N157687" s="10"/>
    </row>
    <row r="157688" spans="14:14">
      <c r="N157688" s="10"/>
    </row>
    <row r="157689" spans="14:14">
      <c r="N157689" s="10"/>
    </row>
    <row r="157690" spans="14:14">
      <c r="N157690" s="10"/>
    </row>
    <row r="157691" spans="14:14">
      <c r="N157691" s="10"/>
    </row>
    <row r="157692" spans="14:14">
      <c r="N157692" s="10"/>
    </row>
    <row r="157693" spans="14:14">
      <c r="N157693" s="10"/>
    </row>
    <row r="157694" spans="14:14">
      <c r="N157694" s="10"/>
    </row>
    <row r="157695" spans="14:14">
      <c r="N157695" s="10"/>
    </row>
    <row r="157696" spans="14:14">
      <c r="N157696" s="10"/>
    </row>
    <row r="157697" spans="14:14">
      <c r="N157697" s="10"/>
    </row>
    <row r="157698" spans="14:14">
      <c r="N157698" s="10"/>
    </row>
    <row r="157699" spans="14:14">
      <c r="N157699" s="10"/>
    </row>
    <row r="157700" spans="14:14">
      <c r="N157700" s="10"/>
    </row>
    <row r="157701" spans="14:14">
      <c r="N157701" s="10"/>
    </row>
    <row r="157702" spans="14:14">
      <c r="N157702" s="10"/>
    </row>
    <row r="157703" spans="14:14">
      <c r="N157703" s="10"/>
    </row>
    <row r="157704" spans="14:14">
      <c r="N157704" s="10"/>
    </row>
    <row r="157705" spans="14:14">
      <c r="N157705" s="10"/>
    </row>
    <row r="157706" spans="14:14">
      <c r="N157706" s="10"/>
    </row>
    <row r="157707" spans="14:14">
      <c r="N157707" s="10"/>
    </row>
    <row r="157708" spans="14:14">
      <c r="N157708" s="10"/>
    </row>
    <row r="157709" spans="14:14">
      <c r="N157709" s="10"/>
    </row>
    <row r="157710" spans="14:14">
      <c r="N157710" s="10"/>
    </row>
    <row r="157711" spans="14:14">
      <c r="N157711" s="10"/>
    </row>
    <row r="157712" spans="14:14">
      <c r="N157712" s="10"/>
    </row>
    <row r="157713" spans="14:14">
      <c r="N157713" s="10"/>
    </row>
    <row r="157714" spans="14:14">
      <c r="N157714" s="10"/>
    </row>
    <row r="157715" spans="14:14">
      <c r="N157715" s="10"/>
    </row>
    <row r="157716" spans="14:14">
      <c r="N157716" s="10"/>
    </row>
    <row r="157717" spans="14:14">
      <c r="N157717" s="10"/>
    </row>
    <row r="157718" spans="14:14">
      <c r="N157718" s="10"/>
    </row>
    <row r="157719" spans="14:14">
      <c r="N157719" s="10"/>
    </row>
    <row r="157720" spans="14:14">
      <c r="N157720" s="10"/>
    </row>
    <row r="157721" spans="14:14">
      <c r="N157721" s="10"/>
    </row>
    <row r="157722" spans="14:14">
      <c r="N157722" s="10"/>
    </row>
    <row r="157723" spans="14:14">
      <c r="N157723" s="10"/>
    </row>
    <row r="157724" spans="14:14">
      <c r="N157724" s="10"/>
    </row>
    <row r="157725" spans="14:14">
      <c r="N157725" s="10"/>
    </row>
    <row r="157726" spans="14:14">
      <c r="N157726" s="10"/>
    </row>
    <row r="157727" spans="14:14">
      <c r="N157727" s="10"/>
    </row>
    <row r="157728" spans="14:14">
      <c r="N157728" s="10"/>
    </row>
    <row r="157729" spans="14:14">
      <c r="N157729" s="10"/>
    </row>
    <row r="157730" spans="14:14">
      <c r="N157730" s="10"/>
    </row>
    <row r="157731" spans="14:14">
      <c r="N157731" s="10"/>
    </row>
    <row r="157732" spans="14:14">
      <c r="N157732" s="10"/>
    </row>
    <row r="157733" spans="14:14">
      <c r="N157733" s="10"/>
    </row>
    <row r="157734" spans="14:14">
      <c r="N157734" s="10"/>
    </row>
    <row r="157735" spans="14:14">
      <c r="N157735" s="10"/>
    </row>
    <row r="157736" spans="14:14">
      <c r="N157736" s="10"/>
    </row>
    <row r="157737" spans="14:14">
      <c r="N157737" s="10"/>
    </row>
    <row r="157738" spans="14:14">
      <c r="N157738" s="10"/>
    </row>
    <row r="157739" spans="14:14">
      <c r="N157739" s="10"/>
    </row>
    <row r="157740" spans="14:14">
      <c r="N157740" s="10"/>
    </row>
    <row r="157741" spans="14:14">
      <c r="N157741" s="10"/>
    </row>
    <row r="157742" spans="14:14">
      <c r="N157742" s="10"/>
    </row>
    <row r="157743" spans="14:14">
      <c r="N157743" s="10"/>
    </row>
    <row r="157744" spans="14:14">
      <c r="N157744" s="10"/>
    </row>
    <row r="157745" spans="14:14">
      <c r="N157745" s="10"/>
    </row>
    <row r="157746" spans="14:14">
      <c r="N157746" s="10"/>
    </row>
    <row r="157747" spans="14:14">
      <c r="N157747" s="10"/>
    </row>
    <row r="157748" spans="14:14">
      <c r="N157748" s="10"/>
    </row>
    <row r="157749" spans="14:14">
      <c r="N157749" s="10"/>
    </row>
    <row r="157750" spans="14:14">
      <c r="N157750" s="10"/>
    </row>
    <row r="157751" spans="14:14">
      <c r="N157751" s="10"/>
    </row>
    <row r="157752" spans="14:14">
      <c r="N157752" s="10"/>
    </row>
    <row r="157753" spans="14:14">
      <c r="N157753" s="10"/>
    </row>
    <row r="157754" spans="14:14">
      <c r="N157754" s="10"/>
    </row>
    <row r="157755" spans="14:14">
      <c r="N157755" s="10"/>
    </row>
    <row r="157756" spans="14:14">
      <c r="N157756" s="10"/>
    </row>
    <row r="157757" spans="14:14">
      <c r="N157757" s="10"/>
    </row>
    <row r="157758" spans="14:14">
      <c r="N157758" s="10"/>
    </row>
    <row r="157759" spans="14:14">
      <c r="N157759" s="10"/>
    </row>
    <row r="157760" spans="14:14">
      <c r="N157760" s="10"/>
    </row>
    <row r="157761" spans="14:14">
      <c r="N157761" s="10"/>
    </row>
    <row r="157762" spans="14:14">
      <c r="N157762" s="10"/>
    </row>
    <row r="157763" spans="14:14">
      <c r="N157763" s="10"/>
    </row>
    <row r="157764" spans="14:14">
      <c r="N157764" s="10"/>
    </row>
    <row r="157765" spans="14:14">
      <c r="N157765" s="10"/>
    </row>
    <row r="157766" spans="14:14">
      <c r="N157766" s="10"/>
    </row>
    <row r="157767" spans="14:14">
      <c r="N157767" s="10"/>
    </row>
    <row r="157768" spans="14:14">
      <c r="N157768" s="10"/>
    </row>
    <row r="157769" spans="14:14">
      <c r="N157769" s="10"/>
    </row>
    <row r="157770" spans="14:14">
      <c r="N157770" s="10"/>
    </row>
    <row r="157771" spans="14:14">
      <c r="N157771" s="10"/>
    </row>
    <row r="157772" spans="14:14">
      <c r="N157772" s="10"/>
    </row>
    <row r="157773" spans="14:14">
      <c r="N157773" s="10"/>
    </row>
    <row r="157774" spans="14:14">
      <c r="N157774" s="10"/>
    </row>
    <row r="157775" spans="14:14">
      <c r="N157775" s="10"/>
    </row>
    <row r="157776" spans="14:14">
      <c r="N157776" s="10"/>
    </row>
    <row r="157777" spans="14:14">
      <c r="N157777" s="10"/>
    </row>
    <row r="157778" spans="14:14">
      <c r="N157778" s="10"/>
    </row>
    <row r="157779" spans="14:14">
      <c r="N157779" s="10"/>
    </row>
    <row r="157780" spans="14:14">
      <c r="N157780" s="10"/>
    </row>
    <row r="157781" spans="14:14">
      <c r="N157781" s="10"/>
    </row>
    <row r="157782" spans="14:14">
      <c r="N157782" s="10"/>
    </row>
    <row r="157783" spans="14:14">
      <c r="N157783" s="10"/>
    </row>
    <row r="157784" spans="14:14">
      <c r="N157784" s="10"/>
    </row>
    <row r="157785" spans="14:14">
      <c r="N157785" s="10"/>
    </row>
    <row r="157786" spans="14:14">
      <c r="N157786" s="10"/>
    </row>
    <row r="157787" spans="14:14">
      <c r="N157787" s="10"/>
    </row>
    <row r="157788" spans="14:14">
      <c r="N157788" s="10"/>
    </row>
    <row r="157789" spans="14:14">
      <c r="N157789" s="10"/>
    </row>
    <row r="157790" spans="14:14">
      <c r="N157790" s="10"/>
    </row>
    <row r="157791" spans="14:14">
      <c r="N157791" s="10"/>
    </row>
    <row r="157792" spans="14:14">
      <c r="N157792" s="10"/>
    </row>
    <row r="157793" spans="14:14">
      <c r="N157793" s="10"/>
    </row>
    <row r="157794" spans="14:14">
      <c r="N157794" s="10"/>
    </row>
    <row r="157795" spans="14:14">
      <c r="N157795" s="10"/>
    </row>
    <row r="157796" spans="14:14">
      <c r="N157796" s="10"/>
    </row>
    <row r="157797" spans="14:14">
      <c r="N157797" s="10"/>
    </row>
    <row r="157798" spans="14:14">
      <c r="N157798" s="10"/>
    </row>
    <row r="157799" spans="14:14">
      <c r="N157799" s="10"/>
    </row>
    <row r="157800" spans="14:14">
      <c r="N157800" s="10"/>
    </row>
    <row r="157801" spans="14:14">
      <c r="N157801" s="10"/>
    </row>
    <row r="157802" spans="14:14">
      <c r="N157802" s="10"/>
    </row>
    <row r="157803" spans="14:14">
      <c r="N157803" s="10"/>
    </row>
    <row r="157804" spans="14:14">
      <c r="N157804" s="10"/>
    </row>
    <row r="157805" spans="14:14">
      <c r="N157805" s="10"/>
    </row>
    <row r="157806" spans="14:14">
      <c r="N157806" s="10"/>
    </row>
    <row r="157807" spans="14:14">
      <c r="N157807" s="10"/>
    </row>
    <row r="157808" spans="14:14">
      <c r="N157808" s="10"/>
    </row>
    <row r="157809" spans="14:14">
      <c r="N157809" s="10"/>
    </row>
    <row r="157810" spans="14:14">
      <c r="N157810" s="10"/>
    </row>
    <row r="157811" spans="14:14">
      <c r="N157811" s="10"/>
    </row>
    <row r="157812" spans="14:14">
      <c r="N157812" s="10"/>
    </row>
    <row r="157813" spans="14:14">
      <c r="N157813" s="10"/>
    </row>
    <row r="157814" spans="14:14">
      <c r="N157814" s="10"/>
    </row>
    <row r="157815" spans="14:14">
      <c r="N157815" s="10"/>
    </row>
    <row r="157816" spans="14:14">
      <c r="N157816" s="10"/>
    </row>
    <row r="157817" spans="14:14">
      <c r="N157817" s="10"/>
    </row>
    <row r="157818" spans="14:14">
      <c r="N157818" s="10"/>
    </row>
    <row r="157819" spans="14:14">
      <c r="N157819" s="10"/>
    </row>
    <row r="157820" spans="14:14">
      <c r="N157820" s="10"/>
    </row>
    <row r="157821" spans="14:14">
      <c r="N157821" s="10"/>
    </row>
    <row r="157822" spans="14:14">
      <c r="N157822" s="10"/>
    </row>
    <row r="157823" spans="14:14">
      <c r="N157823" s="10"/>
    </row>
    <row r="157824" spans="14:14">
      <c r="N157824" s="10"/>
    </row>
    <row r="157825" spans="14:14">
      <c r="N157825" s="10"/>
    </row>
    <row r="157826" spans="14:14">
      <c r="N157826" s="10"/>
    </row>
    <row r="157827" spans="14:14">
      <c r="N157827" s="10"/>
    </row>
    <row r="157828" spans="14:14">
      <c r="N157828" s="10"/>
    </row>
    <row r="157829" spans="14:14">
      <c r="N157829" s="10"/>
    </row>
    <row r="157830" spans="14:14">
      <c r="N157830" s="10"/>
    </row>
    <row r="157831" spans="14:14">
      <c r="N157831" s="10"/>
    </row>
    <row r="157832" spans="14:14">
      <c r="N157832" s="10"/>
    </row>
    <row r="157833" spans="14:14">
      <c r="N157833" s="10"/>
    </row>
    <row r="157834" spans="14:14">
      <c r="N157834" s="10"/>
    </row>
    <row r="157835" spans="14:14">
      <c r="N157835" s="10"/>
    </row>
    <row r="157836" spans="14:14">
      <c r="N157836" s="10"/>
    </row>
    <row r="157837" spans="14:14">
      <c r="N157837" s="10"/>
    </row>
    <row r="157838" spans="14:14">
      <c r="N157838" s="10"/>
    </row>
    <row r="157839" spans="14:14">
      <c r="N157839" s="10"/>
    </row>
    <row r="157840" spans="14:14">
      <c r="N157840" s="10"/>
    </row>
    <row r="157841" spans="14:14">
      <c r="N157841" s="10"/>
    </row>
    <row r="157842" spans="14:14">
      <c r="N157842" s="10"/>
    </row>
    <row r="157843" spans="14:14">
      <c r="N157843" s="10"/>
    </row>
    <row r="157844" spans="14:14">
      <c r="N157844" s="10"/>
    </row>
    <row r="157845" spans="14:14">
      <c r="N157845" s="10"/>
    </row>
    <row r="157846" spans="14:14">
      <c r="N157846" s="10"/>
    </row>
    <row r="157847" spans="14:14">
      <c r="N157847" s="10"/>
    </row>
    <row r="157848" spans="14:14">
      <c r="N157848" s="10"/>
    </row>
    <row r="157849" spans="14:14">
      <c r="N157849" s="10"/>
    </row>
    <row r="157850" spans="14:14">
      <c r="N157850" s="10"/>
    </row>
    <row r="157851" spans="14:14">
      <c r="N157851" s="10"/>
    </row>
    <row r="157852" spans="14:14">
      <c r="N157852" s="10"/>
    </row>
    <row r="157853" spans="14:14">
      <c r="N157853" s="10"/>
    </row>
    <row r="157854" spans="14:14">
      <c r="N157854" s="10"/>
    </row>
    <row r="157855" spans="14:14">
      <c r="N157855" s="10"/>
    </row>
    <row r="157856" spans="14:14">
      <c r="N157856" s="10"/>
    </row>
    <row r="157857" spans="14:14">
      <c r="N157857" s="10"/>
    </row>
    <row r="157858" spans="14:14">
      <c r="N157858" s="10"/>
    </row>
    <row r="157859" spans="14:14">
      <c r="N157859" s="10"/>
    </row>
    <row r="157860" spans="14:14">
      <c r="N157860" s="10"/>
    </row>
    <row r="157861" spans="14:14">
      <c r="N157861" s="10"/>
    </row>
    <row r="157862" spans="14:14">
      <c r="N157862" s="10"/>
    </row>
    <row r="157863" spans="14:14">
      <c r="N157863" s="10"/>
    </row>
    <row r="157864" spans="14:14">
      <c r="N157864" s="10"/>
    </row>
    <row r="157865" spans="14:14">
      <c r="N157865" s="10"/>
    </row>
    <row r="157866" spans="14:14">
      <c r="N157866" s="10"/>
    </row>
    <row r="157867" spans="14:14">
      <c r="N157867" s="10"/>
    </row>
    <row r="157868" spans="14:14">
      <c r="N157868" s="10"/>
    </row>
    <row r="157869" spans="14:14">
      <c r="N157869" s="10"/>
    </row>
    <row r="157870" spans="14:14">
      <c r="N157870" s="10"/>
    </row>
    <row r="157871" spans="14:14">
      <c r="N157871" s="10"/>
    </row>
    <row r="157872" spans="14:14">
      <c r="N157872" s="10"/>
    </row>
    <row r="157873" spans="14:14">
      <c r="N157873" s="10"/>
    </row>
    <row r="157874" spans="14:14">
      <c r="N157874" s="10"/>
    </row>
    <row r="157875" spans="14:14">
      <c r="N157875" s="10"/>
    </row>
    <row r="157876" spans="14:14">
      <c r="N157876" s="10"/>
    </row>
    <row r="157877" spans="14:14">
      <c r="N157877" s="10"/>
    </row>
    <row r="157878" spans="14:14">
      <c r="N157878" s="10"/>
    </row>
    <row r="157879" spans="14:14">
      <c r="N157879" s="10"/>
    </row>
    <row r="157880" spans="14:14">
      <c r="N157880" s="10"/>
    </row>
    <row r="157881" spans="14:14">
      <c r="N157881" s="10"/>
    </row>
    <row r="157882" spans="14:14">
      <c r="N157882" s="10"/>
    </row>
    <row r="157883" spans="14:14">
      <c r="N157883" s="10"/>
    </row>
    <row r="157884" spans="14:14">
      <c r="N157884" s="10"/>
    </row>
    <row r="157885" spans="14:14">
      <c r="N157885" s="10"/>
    </row>
    <row r="157886" spans="14:14">
      <c r="N157886" s="10"/>
    </row>
    <row r="157887" spans="14:14">
      <c r="N157887" s="10"/>
    </row>
    <row r="157888" spans="14:14">
      <c r="N157888" s="10"/>
    </row>
    <row r="157889" spans="14:14">
      <c r="N157889" s="10"/>
    </row>
    <row r="157890" spans="14:14">
      <c r="N157890" s="10"/>
    </row>
    <row r="157891" spans="14:14">
      <c r="N157891" s="10"/>
    </row>
    <row r="157892" spans="14:14">
      <c r="N157892" s="10"/>
    </row>
    <row r="157893" spans="14:14">
      <c r="N157893" s="10"/>
    </row>
    <row r="157894" spans="14:14">
      <c r="N157894" s="10"/>
    </row>
    <row r="157895" spans="14:14">
      <c r="N157895" s="10"/>
    </row>
    <row r="157896" spans="14:14">
      <c r="N157896" s="10"/>
    </row>
    <row r="157897" spans="14:14">
      <c r="N157897" s="10"/>
    </row>
    <row r="157898" spans="14:14">
      <c r="N157898" s="10"/>
    </row>
    <row r="157899" spans="14:14">
      <c r="N157899" s="10"/>
    </row>
    <row r="157900" spans="14:14">
      <c r="N157900" s="10"/>
    </row>
    <row r="157901" spans="14:14">
      <c r="N157901" s="10"/>
    </row>
    <row r="157902" spans="14:14">
      <c r="N157902" s="10"/>
    </row>
    <row r="157903" spans="14:14">
      <c r="N157903" s="10"/>
    </row>
    <row r="157904" spans="14:14">
      <c r="N157904" s="10"/>
    </row>
    <row r="157905" spans="14:14">
      <c r="N157905" s="10"/>
    </row>
    <row r="157906" spans="14:14">
      <c r="N157906" s="10"/>
    </row>
    <row r="157907" spans="14:14">
      <c r="N157907" s="10"/>
    </row>
    <row r="157908" spans="14:14">
      <c r="N157908" s="10"/>
    </row>
    <row r="157909" spans="14:14">
      <c r="N157909" s="10"/>
    </row>
    <row r="157910" spans="14:14">
      <c r="N157910" s="10"/>
    </row>
    <row r="157911" spans="14:14">
      <c r="N157911" s="10"/>
    </row>
    <row r="157912" spans="14:14">
      <c r="N157912" s="10"/>
    </row>
    <row r="157913" spans="14:14">
      <c r="N157913" s="10"/>
    </row>
    <row r="157914" spans="14:14">
      <c r="N157914" s="10"/>
    </row>
    <row r="157915" spans="14:14">
      <c r="N157915" s="10"/>
    </row>
    <row r="157916" spans="14:14">
      <c r="N157916" s="10"/>
    </row>
    <row r="157917" spans="14:14">
      <c r="N157917" s="10"/>
    </row>
    <row r="157918" spans="14:14">
      <c r="N157918" s="10"/>
    </row>
    <row r="157919" spans="14:14">
      <c r="N157919" s="10"/>
    </row>
    <row r="157920" spans="14:14">
      <c r="N157920" s="10"/>
    </row>
    <row r="157921" spans="14:14">
      <c r="N157921" s="10"/>
    </row>
    <row r="157922" spans="14:14">
      <c r="N157922" s="10"/>
    </row>
    <row r="157923" spans="14:14">
      <c r="N157923" s="10"/>
    </row>
    <row r="157924" spans="14:14">
      <c r="N157924" s="10"/>
    </row>
    <row r="157925" spans="14:14">
      <c r="N157925" s="10"/>
    </row>
    <row r="157926" spans="14:14">
      <c r="N157926" s="10"/>
    </row>
    <row r="157927" spans="14:14">
      <c r="N157927" s="10"/>
    </row>
    <row r="157928" spans="14:14">
      <c r="N157928" s="10"/>
    </row>
    <row r="157929" spans="14:14">
      <c r="N157929" s="10"/>
    </row>
    <row r="157930" spans="14:14">
      <c r="N157930" s="10"/>
    </row>
    <row r="157931" spans="14:14">
      <c r="N157931" s="10"/>
    </row>
    <row r="157932" spans="14:14">
      <c r="N157932" s="10"/>
    </row>
    <row r="157933" spans="14:14">
      <c r="N157933" s="10"/>
    </row>
    <row r="157934" spans="14:14">
      <c r="N157934" s="10"/>
    </row>
    <row r="157935" spans="14:14">
      <c r="N157935" s="10"/>
    </row>
    <row r="157936" spans="14:14">
      <c r="N157936" s="10"/>
    </row>
    <row r="157937" spans="14:14">
      <c r="N157937" s="10"/>
    </row>
    <row r="157938" spans="14:14">
      <c r="N157938" s="10"/>
    </row>
    <row r="157939" spans="14:14">
      <c r="N157939" s="10"/>
    </row>
    <row r="157940" spans="14:14">
      <c r="N157940" s="10"/>
    </row>
    <row r="157941" spans="14:14">
      <c r="N157941" s="10"/>
    </row>
    <row r="157942" spans="14:14">
      <c r="N157942" s="10"/>
    </row>
    <row r="157943" spans="14:14">
      <c r="N157943" s="10"/>
    </row>
    <row r="157944" spans="14:14">
      <c r="N157944" s="10"/>
    </row>
    <row r="157945" spans="14:14">
      <c r="N157945" s="10"/>
    </row>
    <row r="157946" spans="14:14">
      <c r="N157946" s="10"/>
    </row>
    <row r="157947" spans="14:14">
      <c r="N157947" s="10"/>
    </row>
    <row r="157948" spans="14:14">
      <c r="N157948" s="10"/>
    </row>
    <row r="157949" spans="14:14">
      <c r="N157949" s="10"/>
    </row>
    <row r="157950" spans="14:14">
      <c r="N157950" s="10"/>
    </row>
    <row r="157951" spans="14:14">
      <c r="N157951" s="10"/>
    </row>
    <row r="157952" spans="14:14">
      <c r="N157952" s="10"/>
    </row>
    <row r="157953" spans="14:14">
      <c r="N157953" s="10"/>
    </row>
    <row r="157954" spans="14:14">
      <c r="N157954" s="10"/>
    </row>
    <row r="157955" spans="14:14">
      <c r="N157955" s="10"/>
    </row>
    <row r="157956" spans="14:14">
      <c r="N157956" s="10"/>
    </row>
    <row r="157957" spans="14:14">
      <c r="N157957" s="10"/>
    </row>
    <row r="157958" spans="14:14">
      <c r="N157958" s="10"/>
    </row>
    <row r="157959" spans="14:14">
      <c r="N157959" s="10"/>
    </row>
    <row r="157960" spans="14:14">
      <c r="N157960" s="10"/>
    </row>
    <row r="157961" spans="14:14">
      <c r="N157961" s="10"/>
    </row>
    <row r="157962" spans="14:14">
      <c r="N157962" s="10"/>
    </row>
    <row r="157963" spans="14:14">
      <c r="N157963" s="10"/>
    </row>
    <row r="157964" spans="14:14">
      <c r="N157964" s="10"/>
    </row>
    <row r="157965" spans="14:14">
      <c r="N157965" s="10"/>
    </row>
    <row r="157966" spans="14:14">
      <c r="N157966" s="10"/>
    </row>
    <row r="157967" spans="14:14">
      <c r="N157967" s="10"/>
    </row>
    <row r="157968" spans="14:14">
      <c r="N157968" s="10"/>
    </row>
    <row r="157969" spans="14:14">
      <c r="N157969" s="10"/>
    </row>
    <row r="157970" spans="14:14">
      <c r="N157970" s="10"/>
    </row>
    <row r="157971" spans="14:14">
      <c r="N157971" s="10"/>
    </row>
    <row r="157972" spans="14:14">
      <c r="N157972" s="10"/>
    </row>
    <row r="157973" spans="14:14">
      <c r="N157973" s="10"/>
    </row>
    <row r="157974" spans="14:14">
      <c r="N157974" s="10"/>
    </row>
    <row r="157975" spans="14:14">
      <c r="N157975" s="10"/>
    </row>
    <row r="157976" spans="14:14">
      <c r="N157976" s="10"/>
    </row>
    <row r="157977" spans="14:14">
      <c r="N157977" s="10"/>
    </row>
    <row r="157978" spans="14:14">
      <c r="N157978" s="10"/>
    </row>
    <row r="157979" spans="14:14">
      <c r="N157979" s="10"/>
    </row>
    <row r="157980" spans="14:14">
      <c r="N157980" s="10"/>
    </row>
    <row r="157981" spans="14:14">
      <c r="N157981" s="10"/>
    </row>
    <row r="157982" spans="14:14">
      <c r="N157982" s="10"/>
    </row>
    <row r="157983" spans="14:14">
      <c r="N157983" s="10"/>
    </row>
    <row r="157984" spans="14:14">
      <c r="N157984" s="10"/>
    </row>
    <row r="157985" spans="14:14">
      <c r="N157985" s="10"/>
    </row>
    <row r="157986" spans="14:14">
      <c r="N157986" s="10"/>
    </row>
    <row r="157987" spans="14:14">
      <c r="N157987" s="10"/>
    </row>
    <row r="157988" spans="14:14">
      <c r="N157988" s="10"/>
    </row>
    <row r="157989" spans="14:14">
      <c r="N157989" s="10"/>
    </row>
    <row r="157990" spans="14:14">
      <c r="N157990" s="10"/>
    </row>
    <row r="157991" spans="14:14">
      <c r="N157991" s="10"/>
    </row>
    <row r="157992" spans="14:14">
      <c r="N157992" s="10"/>
    </row>
    <row r="157993" spans="14:14">
      <c r="N157993" s="10"/>
    </row>
    <row r="157994" spans="14:14">
      <c r="N157994" s="10"/>
    </row>
    <row r="157995" spans="14:14">
      <c r="N157995" s="10"/>
    </row>
    <row r="157996" spans="14:14">
      <c r="N157996" s="10"/>
    </row>
    <row r="157997" spans="14:14">
      <c r="N157997" s="10"/>
    </row>
    <row r="157998" spans="14:14">
      <c r="N157998" s="10"/>
    </row>
    <row r="157999" spans="14:14">
      <c r="N157999" s="10"/>
    </row>
    <row r="158000" spans="14:14">
      <c r="N158000" s="10"/>
    </row>
    <row r="158001" spans="14:14">
      <c r="N158001" s="10"/>
    </row>
    <row r="158002" spans="14:14">
      <c r="N158002" s="10"/>
    </row>
    <row r="158003" spans="14:14">
      <c r="N158003" s="10"/>
    </row>
    <row r="158004" spans="14:14">
      <c r="N158004" s="10"/>
    </row>
    <row r="158005" spans="14:14">
      <c r="N158005" s="10"/>
    </row>
    <row r="158006" spans="14:14">
      <c r="N158006" s="10"/>
    </row>
    <row r="158007" spans="14:14">
      <c r="N158007" s="10"/>
    </row>
    <row r="158008" spans="14:14">
      <c r="N158008" s="10"/>
    </row>
    <row r="158009" spans="14:14">
      <c r="N158009" s="10"/>
    </row>
    <row r="158010" spans="14:14">
      <c r="N158010" s="10"/>
    </row>
    <row r="158011" spans="14:14">
      <c r="N158011" s="10"/>
    </row>
    <row r="158012" spans="14:14">
      <c r="N158012" s="10"/>
    </row>
    <row r="158013" spans="14:14">
      <c r="N158013" s="10"/>
    </row>
    <row r="158014" spans="14:14">
      <c r="N158014" s="10"/>
    </row>
    <row r="158015" spans="14:14">
      <c r="N158015" s="10"/>
    </row>
    <row r="158016" spans="14:14">
      <c r="N158016" s="10"/>
    </row>
    <row r="158017" spans="14:14">
      <c r="N158017" s="10"/>
    </row>
    <row r="158018" spans="14:14">
      <c r="N158018" s="10"/>
    </row>
    <row r="158019" spans="14:14">
      <c r="N158019" s="10"/>
    </row>
    <row r="158020" spans="14:14">
      <c r="N158020" s="10"/>
    </row>
    <row r="158021" spans="14:14">
      <c r="N158021" s="10"/>
    </row>
    <row r="158022" spans="14:14">
      <c r="N158022" s="10"/>
    </row>
    <row r="158023" spans="14:14">
      <c r="N158023" s="10"/>
    </row>
    <row r="158024" spans="14:14">
      <c r="N158024" s="10"/>
    </row>
    <row r="158025" spans="14:14">
      <c r="N158025" s="10"/>
    </row>
    <row r="158026" spans="14:14">
      <c r="N158026" s="10"/>
    </row>
    <row r="158027" spans="14:14">
      <c r="N158027" s="10"/>
    </row>
    <row r="158028" spans="14:14">
      <c r="N158028" s="10"/>
    </row>
    <row r="158029" spans="14:14">
      <c r="N158029" s="10"/>
    </row>
    <row r="158030" spans="14:14">
      <c r="N158030" s="10"/>
    </row>
    <row r="158031" spans="14:14">
      <c r="N158031" s="10"/>
    </row>
    <row r="158032" spans="14:14">
      <c r="N158032" s="10"/>
    </row>
    <row r="158033" spans="14:14">
      <c r="N158033" s="10"/>
    </row>
    <row r="158034" spans="14:14">
      <c r="N158034" s="10"/>
    </row>
    <row r="158035" spans="14:14">
      <c r="N158035" s="10"/>
    </row>
    <row r="158036" spans="14:14">
      <c r="N158036" s="10"/>
    </row>
    <row r="158037" spans="14:14">
      <c r="N158037" s="10"/>
    </row>
    <row r="158038" spans="14:14">
      <c r="N158038" s="10"/>
    </row>
    <row r="158039" spans="14:14">
      <c r="N158039" s="10"/>
    </row>
    <row r="158040" spans="14:14">
      <c r="N158040" s="10"/>
    </row>
    <row r="158041" spans="14:14">
      <c r="N158041" s="10"/>
    </row>
    <row r="158042" spans="14:14">
      <c r="N158042" s="10"/>
    </row>
    <row r="158043" spans="14:14">
      <c r="N158043" s="10"/>
    </row>
    <row r="158044" spans="14:14">
      <c r="N158044" s="10"/>
    </row>
    <row r="158045" spans="14:14">
      <c r="N158045" s="10"/>
    </row>
    <row r="158046" spans="14:14">
      <c r="N158046" s="10"/>
    </row>
    <row r="158047" spans="14:14">
      <c r="N158047" s="10"/>
    </row>
    <row r="158048" spans="14:14">
      <c r="N158048" s="10"/>
    </row>
    <row r="158049" spans="14:14">
      <c r="N158049" s="10"/>
    </row>
    <row r="158050" spans="14:14">
      <c r="N158050" s="10"/>
    </row>
    <row r="158051" spans="14:14">
      <c r="N158051" s="10"/>
    </row>
    <row r="158052" spans="14:14">
      <c r="N158052" s="10"/>
    </row>
    <row r="158053" spans="14:14">
      <c r="N158053" s="10"/>
    </row>
    <row r="158054" spans="14:14">
      <c r="N158054" s="10"/>
    </row>
    <row r="158055" spans="14:14">
      <c r="N158055" s="10"/>
    </row>
    <row r="158056" spans="14:14">
      <c r="N158056" s="10"/>
    </row>
    <row r="158057" spans="14:14">
      <c r="N158057" s="10"/>
    </row>
    <row r="158058" spans="14:14">
      <c r="N158058" s="10"/>
    </row>
    <row r="158059" spans="14:14">
      <c r="N158059" s="10"/>
    </row>
    <row r="158060" spans="14:14">
      <c r="N158060" s="10"/>
    </row>
    <row r="158061" spans="14:14">
      <c r="N158061" s="10"/>
    </row>
    <row r="158062" spans="14:14">
      <c r="N158062" s="10"/>
    </row>
    <row r="158063" spans="14:14">
      <c r="N158063" s="10"/>
    </row>
    <row r="158064" spans="14:14">
      <c r="N158064" s="10"/>
    </row>
    <row r="158065" spans="14:14">
      <c r="N158065" s="10"/>
    </row>
    <row r="158066" spans="14:14">
      <c r="N158066" s="10"/>
    </row>
    <row r="158067" spans="14:14">
      <c r="N158067" s="10"/>
    </row>
    <row r="158068" spans="14:14">
      <c r="N158068" s="10"/>
    </row>
    <row r="158069" spans="14:14">
      <c r="N158069" s="10"/>
    </row>
    <row r="158070" spans="14:14">
      <c r="N158070" s="10"/>
    </row>
    <row r="158071" spans="14:14">
      <c r="N158071" s="10"/>
    </row>
    <row r="158072" spans="14:14">
      <c r="N158072" s="10"/>
    </row>
    <row r="158073" spans="14:14">
      <c r="N158073" s="10"/>
    </row>
    <row r="158074" spans="14:14">
      <c r="N158074" s="10"/>
    </row>
    <row r="158075" spans="14:14">
      <c r="N158075" s="10"/>
    </row>
    <row r="158076" spans="14:14">
      <c r="N158076" s="10"/>
    </row>
    <row r="158077" spans="14:14">
      <c r="N158077" s="10"/>
    </row>
    <row r="158078" spans="14:14">
      <c r="N158078" s="10"/>
    </row>
    <row r="158079" spans="14:14">
      <c r="N158079" s="10"/>
    </row>
    <row r="158080" spans="14:14">
      <c r="N158080" s="10"/>
    </row>
    <row r="158081" spans="14:14">
      <c r="N158081" s="10"/>
    </row>
    <row r="158082" spans="14:14">
      <c r="N158082" s="10"/>
    </row>
    <row r="158083" spans="14:14">
      <c r="N158083" s="10"/>
    </row>
    <row r="158084" spans="14:14">
      <c r="N158084" s="10"/>
    </row>
    <row r="158085" spans="14:14">
      <c r="N158085" s="10"/>
    </row>
    <row r="158086" spans="14:14">
      <c r="N158086" s="10"/>
    </row>
    <row r="158087" spans="14:14">
      <c r="N158087" s="10"/>
    </row>
    <row r="158088" spans="14:14">
      <c r="N158088" s="10"/>
    </row>
    <row r="158089" spans="14:14">
      <c r="N158089" s="10"/>
    </row>
    <row r="158090" spans="14:14">
      <c r="N158090" s="10"/>
    </row>
    <row r="158091" spans="14:14">
      <c r="N158091" s="10"/>
    </row>
    <row r="158092" spans="14:14">
      <c r="N158092" s="10"/>
    </row>
    <row r="158093" spans="14:14">
      <c r="N158093" s="10"/>
    </row>
    <row r="158094" spans="14:14">
      <c r="N158094" s="10"/>
    </row>
    <row r="158095" spans="14:14">
      <c r="N158095" s="10"/>
    </row>
    <row r="158096" spans="14:14">
      <c r="N158096" s="10"/>
    </row>
    <row r="158097" spans="14:14">
      <c r="N158097" s="10"/>
    </row>
    <row r="158098" spans="14:14">
      <c r="N158098" s="10"/>
    </row>
    <row r="158099" spans="14:14">
      <c r="N158099" s="10"/>
    </row>
    <row r="158100" spans="14:14">
      <c r="N158100" s="10"/>
    </row>
    <row r="158101" spans="14:14">
      <c r="N158101" s="10"/>
    </row>
    <row r="158102" spans="14:14">
      <c r="N158102" s="10"/>
    </row>
    <row r="158103" spans="14:14">
      <c r="N158103" s="10"/>
    </row>
    <row r="158104" spans="14:14">
      <c r="N158104" s="10"/>
    </row>
    <row r="158105" spans="14:14">
      <c r="N158105" s="10"/>
    </row>
    <row r="158106" spans="14:14">
      <c r="N158106" s="10"/>
    </row>
    <row r="158107" spans="14:14">
      <c r="N158107" s="10"/>
    </row>
    <row r="158108" spans="14:14">
      <c r="N158108" s="10"/>
    </row>
    <row r="158109" spans="14:14">
      <c r="N158109" s="10"/>
    </row>
    <row r="158110" spans="14:14">
      <c r="N158110" s="10"/>
    </row>
    <row r="158111" spans="14:14">
      <c r="N158111" s="10"/>
    </row>
    <row r="158112" spans="14:14">
      <c r="N158112" s="10"/>
    </row>
    <row r="158113" spans="14:14">
      <c r="N158113" s="10"/>
    </row>
    <row r="158114" spans="14:14">
      <c r="N158114" s="10"/>
    </row>
    <row r="158115" spans="14:14">
      <c r="N158115" s="10"/>
    </row>
    <row r="158116" spans="14:14">
      <c r="N158116" s="10"/>
    </row>
    <row r="158117" spans="14:14">
      <c r="N158117" s="10"/>
    </row>
    <row r="158118" spans="14:14">
      <c r="N158118" s="10"/>
    </row>
    <row r="158119" spans="14:14">
      <c r="N158119" s="10"/>
    </row>
    <row r="158120" spans="14:14">
      <c r="N158120" s="10"/>
    </row>
    <row r="158121" spans="14:14">
      <c r="N158121" s="10"/>
    </row>
    <row r="158122" spans="14:14">
      <c r="N158122" s="10"/>
    </row>
    <row r="158123" spans="14:14">
      <c r="N158123" s="10"/>
    </row>
    <row r="158124" spans="14:14">
      <c r="N158124" s="10"/>
    </row>
    <row r="158125" spans="14:14">
      <c r="N158125" s="10"/>
    </row>
    <row r="158126" spans="14:14">
      <c r="N158126" s="10"/>
    </row>
    <row r="158127" spans="14:14">
      <c r="N158127" s="10"/>
    </row>
    <row r="158128" spans="14:14">
      <c r="N158128" s="10"/>
    </row>
    <row r="158129" spans="14:14">
      <c r="N158129" s="10"/>
    </row>
    <row r="158130" spans="14:14">
      <c r="N158130" s="10"/>
    </row>
    <row r="158131" spans="14:14">
      <c r="N158131" s="10"/>
    </row>
    <row r="158132" spans="14:14">
      <c r="N158132" s="10"/>
    </row>
    <row r="158133" spans="14:14">
      <c r="N158133" s="10"/>
    </row>
    <row r="158134" spans="14:14">
      <c r="N158134" s="10"/>
    </row>
    <row r="158135" spans="14:14">
      <c r="N158135" s="10"/>
    </row>
    <row r="158136" spans="14:14">
      <c r="N158136" s="10"/>
    </row>
    <row r="158137" spans="14:14">
      <c r="N158137" s="10"/>
    </row>
    <row r="158138" spans="14:14">
      <c r="N158138" s="10"/>
    </row>
    <row r="158139" spans="14:14">
      <c r="N158139" s="10"/>
    </row>
    <row r="158140" spans="14:14">
      <c r="N158140" s="10"/>
    </row>
    <row r="158141" spans="14:14">
      <c r="N158141" s="10"/>
    </row>
    <row r="158142" spans="14:14">
      <c r="N158142" s="10"/>
    </row>
    <row r="158143" spans="14:14">
      <c r="N158143" s="10"/>
    </row>
    <row r="158144" spans="14:14">
      <c r="N158144" s="10"/>
    </row>
    <row r="158145" spans="14:14">
      <c r="N158145" s="10"/>
    </row>
    <row r="158146" spans="14:14">
      <c r="N158146" s="10"/>
    </row>
    <row r="158147" spans="14:14">
      <c r="N158147" s="10"/>
    </row>
    <row r="158148" spans="14:14">
      <c r="N158148" s="10"/>
    </row>
    <row r="158149" spans="14:14">
      <c r="N158149" s="10"/>
    </row>
    <row r="158150" spans="14:14">
      <c r="N158150" s="10"/>
    </row>
    <row r="158151" spans="14:14">
      <c r="N158151" s="10"/>
    </row>
    <row r="158152" spans="14:14">
      <c r="N158152" s="10"/>
    </row>
    <row r="158153" spans="14:14">
      <c r="N158153" s="10"/>
    </row>
    <row r="158154" spans="14:14">
      <c r="N158154" s="10"/>
    </row>
    <row r="158155" spans="14:14">
      <c r="N158155" s="10"/>
    </row>
    <row r="158156" spans="14:14">
      <c r="N158156" s="10"/>
    </row>
    <row r="158157" spans="14:14">
      <c r="N158157" s="10"/>
    </row>
    <row r="158158" spans="14:14">
      <c r="N158158" s="10"/>
    </row>
    <row r="158159" spans="14:14">
      <c r="N158159" s="10"/>
    </row>
    <row r="158160" spans="14:14">
      <c r="N158160" s="10"/>
    </row>
    <row r="158161" spans="14:14">
      <c r="N158161" s="10"/>
    </row>
    <row r="158162" spans="14:14">
      <c r="N158162" s="10"/>
    </row>
    <row r="158163" spans="14:14">
      <c r="N158163" s="10"/>
    </row>
    <row r="158164" spans="14:14">
      <c r="N158164" s="10"/>
    </row>
    <row r="158165" spans="14:14">
      <c r="N158165" s="10"/>
    </row>
    <row r="158166" spans="14:14">
      <c r="N158166" s="10"/>
    </row>
    <row r="158167" spans="14:14">
      <c r="N158167" s="10"/>
    </row>
    <row r="158168" spans="14:14">
      <c r="N158168" s="10"/>
    </row>
    <row r="158169" spans="14:14">
      <c r="N158169" s="10"/>
    </row>
    <row r="158170" spans="14:14">
      <c r="N158170" s="10"/>
    </row>
    <row r="158171" spans="14:14">
      <c r="N158171" s="10"/>
    </row>
    <row r="158172" spans="14:14">
      <c r="N158172" s="10"/>
    </row>
    <row r="158173" spans="14:14">
      <c r="N158173" s="10"/>
    </row>
    <row r="158174" spans="14:14">
      <c r="N158174" s="10"/>
    </row>
    <row r="158175" spans="14:14">
      <c r="N158175" s="10"/>
    </row>
    <row r="158176" spans="14:14">
      <c r="N158176" s="10"/>
    </row>
    <row r="158177" spans="14:14">
      <c r="N158177" s="10"/>
    </row>
    <row r="158178" spans="14:14">
      <c r="N158178" s="10"/>
    </row>
    <row r="158179" spans="14:14">
      <c r="N158179" s="10"/>
    </row>
    <row r="158180" spans="14:14">
      <c r="N158180" s="10"/>
    </row>
    <row r="158181" spans="14:14">
      <c r="N158181" s="10"/>
    </row>
    <row r="158182" spans="14:14">
      <c r="N158182" s="10"/>
    </row>
    <row r="158183" spans="14:14">
      <c r="N158183" s="10"/>
    </row>
    <row r="158184" spans="14:14">
      <c r="N158184" s="10"/>
    </row>
    <row r="158185" spans="14:14">
      <c r="N158185" s="10"/>
    </row>
    <row r="158186" spans="14:14">
      <c r="N158186" s="10"/>
    </row>
    <row r="158187" spans="14:14">
      <c r="N158187" s="10"/>
    </row>
    <row r="158188" spans="14:14">
      <c r="N158188" s="10"/>
    </row>
    <row r="158189" spans="14:14">
      <c r="N158189" s="10"/>
    </row>
    <row r="158190" spans="14:14">
      <c r="N158190" s="10"/>
    </row>
    <row r="158191" spans="14:14">
      <c r="N158191" s="10"/>
    </row>
    <row r="158192" spans="14:14">
      <c r="N158192" s="10"/>
    </row>
    <row r="158193" spans="14:14">
      <c r="N158193" s="10"/>
    </row>
    <row r="158194" spans="14:14">
      <c r="N158194" s="10"/>
    </row>
    <row r="158195" spans="14:14">
      <c r="N158195" s="10"/>
    </row>
    <row r="158196" spans="14:14">
      <c r="N158196" s="10"/>
    </row>
    <row r="158197" spans="14:14">
      <c r="N158197" s="10"/>
    </row>
    <row r="158198" spans="14:14">
      <c r="N158198" s="10"/>
    </row>
    <row r="158199" spans="14:14">
      <c r="N158199" s="10"/>
    </row>
    <row r="158200" spans="14:14">
      <c r="N158200" s="10"/>
    </row>
    <row r="158201" spans="14:14">
      <c r="N158201" s="10"/>
    </row>
    <row r="158202" spans="14:14">
      <c r="N158202" s="10"/>
    </row>
    <row r="158203" spans="14:14">
      <c r="N158203" s="10"/>
    </row>
    <row r="158204" spans="14:14">
      <c r="N158204" s="10"/>
    </row>
    <row r="158205" spans="14:14">
      <c r="N158205" s="10"/>
    </row>
    <row r="158206" spans="14:14">
      <c r="N158206" s="10"/>
    </row>
    <row r="158207" spans="14:14">
      <c r="N158207" s="10"/>
    </row>
    <row r="158208" spans="14:14">
      <c r="N158208" s="10"/>
    </row>
    <row r="158209" spans="14:14">
      <c r="N158209" s="10"/>
    </row>
    <row r="158210" spans="14:14">
      <c r="N158210" s="10"/>
    </row>
    <row r="158211" spans="14:14">
      <c r="N158211" s="10"/>
    </row>
    <row r="158212" spans="14:14">
      <c r="N158212" s="10"/>
    </row>
    <row r="158213" spans="14:14">
      <c r="N158213" s="10"/>
    </row>
    <row r="158214" spans="14:14">
      <c r="N158214" s="10"/>
    </row>
    <row r="158215" spans="14:14">
      <c r="N158215" s="10"/>
    </row>
    <row r="158216" spans="14:14">
      <c r="N158216" s="10"/>
    </row>
    <row r="158217" spans="14:14">
      <c r="N158217" s="10"/>
    </row>
    <row r="158218" spans="14:14">
      <c r="N158218" s="10"/>
    </row>
    <row r="158219" spans="14:14">
      <c r="N158219" s="10"/>
    </row>
    <row r="158220" spans="14:14">
      <c r="N158220" s="10"/>
    </row>
    <row r="158221" spans="14:14">
      <c r="N158221" s="10"/>
    </row>
    <row r="158222" spans="14:14">
      <c r="N158222" s="10"/>
    </row>
    <row r="158223" spans="14:14">
      <c r="N158223" s="10"/>
    </row>
    <row r="158224" spans="14:14">
      <c r="N158224" s="10"/>
    </row>
    <row r="158225" spans="14:14">
      <c r="N158225" s="10"/>
    </row>
    <row r="158226" spans="14:14">
      <c r="N158226" s="10"/>
    </row>
    <row r="158227" spans="14:14">
      <c r="N158227" s="10"/>
    </row>
    <row r="158228" spans="14:14">
      <c r="N158228" s="10"/>
    </row>
    <row r="158229" spans="14:14">
      <c r="N158229" s="10"/>
    </row>
    <row r="158230" spans="14:14">
      <c r="N158230" s="10"/>
    </row>
    <row r="158231" spans="14:14">
      <c r="N158231" s="10"/>
    </row>
    <row r="158232" spans="14:14">
      <c r="N158232" s="10"/>
    </row>
    <row r="158233" spans="14:14">
      <c r="N158233" s="10"/>
    </row>
    <row r="158234" spans="14:14">
      <c r="N158234" s="10"/>
    </row>
    <row r="158235" spans="14:14">
      <c r="N158235" s="10"/>
    </row>
    <row r="158236" spans="14:14">
      <c r="N158236" s="10"/>
    </row>
    <row r="158237" spans="14:14">
      <c r="N158237" s="10"/>
    </row>
    <row r="158238" spans="14:14">
      <c r="N158238" s="10"/>
    </row>
    <row r="158239" spans="14:14">
      <c r="N158239" s="10"/>
    </row>
    <row r="158240" spans="14:14">
      <c r="N158240" s="10"/>
    </row>
    <row r="158241" spans="14:14">
      <c r="N158241" s="10"/>
    </row>
    <row r="158242" spans="14:14">
      <c r="N158242" s="10"/>
    </row>
    <row r="158243" spans="14:14">
      <c r="N158243" s="10"/>
    </row>
    <row r="158244" spans="14:14">
      <c r="N158244" s="10"/>
    </row>
    <row r="158245" spans="14:14">
      <c r="N158245" s="10"/>
    </row>
    <row r="158246" spans="14:14">
      <c r="N158246" s="10"/>
    </row>
    <row r="158247" spans="14:14">
      <c r="N158247" s="10"/>
    </row>
    <row r="158248" spans="14:14">
      <c r="N158248" s="10"/>
    </row>
    <row r="158249" spans="14:14">
      <c r="N158249" s="10"/>
    </row>
    <row r="158250" spans="14:14">
      <c r="N158250" s="10"/>
    </row>
    <row r="158251" spans="14:14">
      <c r="N158251" s="10"/>
    </row>
    <row r="158252" spans="14:14">
      <c r="N158252" s="10"/>
    </row>
    <row r="158253" spans="14:14">
      <c r="N158253" s="10"/>
    </row>
    <row r="158254" spans="14:14">
      <c r="N158254" s="10"/>
    </row>
    <row r="158255" spans="14:14">
      <c r="N158255" s="10"/>
    </row>
    <row r="158256" spans="14:14">
      <c r="N158256" s="10"/>
    </row>
    <row r="158257" spans="14:14">
      <c r="N158257" s="10"/>
    </row>
    <row r="158258" spans="14:14">
      <c r="N158258" s="10"/>
    </row>
    <row r="158259" spans="14:14">
      <c r="N158259" s="10"/>
    </row>
    <row r="158260" spans="14:14">
      <c r="N158260" s="10"/>
    </row>
    <row r="158261" spans="14:14">
      <c r="N158261" s="10"/>
    </row>
    <row r="158262" spans="14:14">
      <c r="N158262" s="10"/>
    </row>
    <row r="158263" spans="14:14">
      <c r="N158263" s="10"/>
    </row>
    <row r="158264" spans="14:14">
      <c r="N158264" s="10"/>
    </row>
    <row r="158265" spans="14:14">
      <c r="N158265" s="10"/>
    </row>
    <row r="158266" spans="14:14">
      <c r="N158266" s="10"/>
    </row>
    <row r="158267" spans="14:14">
      <c r="N158267" s="10"/>
    </row>
    <row r="158268" spans="14:14">
      <c r="N158268" s="10"/>
    </row>
    <row r="158269" spans="14:14">
      <c r="N158269" s="10"/>
    </row>
    <row r="158270" spans="14:14">
      <c r="N158270" s="10"/>
    </row>
    <row r="158271" spans="14:14">
      <c r="N158271" s="10"/>
    </row>
    <row r="158272" spans="14:14">
      <c r="N158272" s="10"/>
    </row>
    <row r="158273" spans="14:14">
      <c r="N158273" s="10"/>
    </row>
    <row r="158274" spans="14:14">
      <c r="N158274" s="10"/>
    </row>
    <row r="158275" spans="14:14">
      <c r="N158275" s="10"/>
    </row>
    <row r="158276" spans="14:14">
      <c r="N158276" s="10"/>
    </row>
    <row r="158277" spans="14:14">
      <c r="N158277" s="10"/>
    </row>
    <row r="158278" spans="14:14">
      <c r="N158278" s="10"/>
    </row>
    <row r="158279" spans="14:14">
      <c r="N158279" s="10"/>
    </row>
    <row r="158280" spans="14:14">
      <c r="N158280" s="10"/>
    </row>
    <row r="158281" spans="14:14">
      <c r="N158281" s="10"/>
    </row>
    <row r="158282" spans="14:14">
      <c r="N158282" s="10"/>
    </row>
    <row r="158283" spans="14:14">
      <c r="N158283" s="10"/>
    </row>
    <row r="158284" spans="14:14">
      <c r="N158284" s="10"/>
    </row>
    <row r="158285" spans="14:14">
      <c r="N158285" s="10"/>
    </row>
    <row r="158286" spans="14:14">
      <c r="N158286" s="10"/>
    </row>
    <row r="158287" spans="14:14">
      <c r="N158287" s="10"/>
    </row>
    <row r="158288" spans="14:14">
      <c r="N158288" s="10"/>
    </row>
    <row r="158289" spans="14:14">
      <c r="N158289" s="10"/>
    </row>
    <row r="158290" spans="14:14">
      <c r="N158290" s="10"/>
    </row>
    <row r="158291" spans="14:14">
      <c r="N158291" s="10"/>
    </row>
    <row r="158292" spans="14:14">
      <c r="N158292" s="10"/>
    </row>
    <row r="158293" spans="14:14">
      <c r="N158293" s="10"/>
    </row>
    <row r="158294" spans="14:14">
      <c r="N158294" s="10"/>
    </row>
    <row r="158295" spans="14:14">
      <c r="N158295" s="10"/>
    </row>
    <row r="158296" spans="14:14">
      <c r="N158296" s="10"/>
    </row>
    <row r="158297" spans="14:14">
      <c r="N158297" s="10"/>
    </row>
    <row r="158298" spans="14:14">
      <c r="N158298" s="10"/>
    </row>
    <row r="158299" spans="14:14">
      <c r="N158299" s="10"/>
    </row>
    <row r="158300" spans="14:14">
      <c r="N158300" s="10"/>
    </row>
    <row r="158301" spans="14:14">
      <c r="N158301" s="10"/>
    </row>
    <row r="158302" spans="14:14">
      <c r="N158302" s="10"/>
    </row>
    <row r="158303" spans="14:14">
      <c r="N158303" s="10"/>
    </row>
    <row r="158304" spans="14:14">
      <c r="N158304" s="10"/>
    </row>
    <row r="158305" spans="14:14">
      <c r="N158305" s="10"/>
    </row>
    <row r="158306" spans="14:14">
      <c r="N158306" s="10"/>
    </row>
    <row r="158307" spans="14:14">
      <c r="N158307" s="10"/>
    </row>
    <row r="158308" spans="14:14">
      <c r="N158308" s="10"/>
    </row>
    <row r="158309" spans="14:14">
      <c r="N158309" s="10"/>
    </row>
    <row r="158310" spans="14:14">
      <c r="N158310" s="10"/>
    </row>
    <row r="158311" spans="14:14">
      <c r="N158311" s="10"/>
    </row>
    <row r="158312" spans="14:14">
      <c r="N158312" s="10"/>
    </row>
    <row r="158313" spans="14:14">
      <c r="N158313" s="10"/>
    </row>
    <row r="158314" spans="14:14">
      <c r="N158314" s="10"/>
    </row>
    <row r="158315" spans="14:14">
      <c r="N158315" s="10"/>
    </row>
    <row r="158316" spans="14:14">
      <c r="N158316" s="10"/>
    </row>
    <row r="158317" spans="14:14">
      <c r="N158317" s="10"/>
    </row>
    <row r="158318" spans="14:14">
      <c r="N158318" s="10"/>
    </row>
    <row r="158319" spans="14:14">
      <c r="N158319" s="10"/>
    </row>
    <row r="158320" spans="14:14">
      <c r="N158320" s="10"/>
    </row>
    <row r="158321" spans="14:14">
      <c r="N158321" s="10"/>
    </row>
    <row r="158322" spans="14:14">
      <c r="N158322" s="10"/>
    </row>
    <row r="158323" spans="14:14">
      <c r="N158323" s="10"/>
    </row>
    <row r="158324" spans="14:14">
      <c r="N158324" s="10"/>
    </row>
    <row r="158325" spans="14:14">
      <c r="N158325" s="10"/>
    </row>
    <row r="158326" spans="14:14">
      <c r="N158326" s="10"/>
    </row>
    <row r="158327" spans="14:14">
      <c r="N158327" s="10"/>
    </row>
    <row r="158328" spans="14:14">
      <c r="N158328" s="10"/>
    </row>
    <row r="158329" spans="14:14">
      <c r="N158329" s="10"/>
    </row>
    <row r="158330" spans="14:14">
      <c r="N158330" s="10"/>
    </row>
    <row r="158331" spans="14:14">
      <c r="N158331" s="10"/>
    </row>
    <row r="158332" spans="14:14">
      <c r="N158332" s="10"/>
    </row>
    <row r="158333" spans="14:14">
      <c r="N158333" s="10"/>
    </row>
    <row r="158334" spans="14:14">
      <c r="N158334" s="10"/>
    </row>
    <row r="158335" spans="14:14">
      <c r="N158335" s="10"/>
    </row>
    <row r="158336" spans="14:14">
      <c r="N158336" s="10"/>
    </row>
    <row r="158337" spans="14:14">
      <c r="N158337" s="10"/>
    </row>
    <row r="158338" spans="14:14">
      <c r="N158338" s="10"/>
    </row>
    <row r="158339" spans="14:14">
      <c r="N158339" s="10"/>
    </row>
    <row r="158340" spans="14:14">
      <c r="N158340" s="10"/>
    </row>
    <row r="158341" spans="14:14">
      <c r="N158341" s="10"/>
    </row>
    <row r="158342" spans="14:14">
      <c r="N158342" s="10"/>
    </row>
    <row r="158343" spans="14:14">
      <c r="N158343" s="10"/>
    </row>
    <row r="158344" spans="14:14">
      <c r="N158344" s="10"/>
    </row>
    <row r="158345" spans="14:14">
      <c r="N158345" s="10"/>
    </row>
    <row r="158346" spans="14:14">
      <c r="N158346" s="10"/>
    </row>
    <row r="158347" spans="14:14">
      <c r="N158347" s="10"/>
    </row>
    <row r="158348" spans="14:14">
      <c r="N158348" s="10"/>
    </row>
    <row r="158349" spans="14:14">
      <c r="N158349" s="10"/>
    </row>
    <row r="158350" spans="14:14">
      <c r="N158350" s="10"/>
    </row>
    <row r="158351" spans="14:14">
      <c r="N158351" s="10"/>
    </row>
    <row r="158352" spans="14:14">
      <c r="N158352" s="10"/>
    </row>
    <row r="158353" spans="14:14">
      <c r="N158353" s="10"/>
    </row>
    <row r="158354" spans="14:14">
      <c r="N158354" s="10"/>
    </row>
    <row r="158355" spans="14:14">
      <c r="N158355" s="10"/>
    </row>
    <row r="158356" spans="14:14">
      <c r="N158356" s="10"/>
    </row>
    <row r="158357" spans="14:14">
      <c r="N158357" s="10"/>
    </row>
    <row r="158358" spans="14:14">
      <c r="N158358" s="10"/>
    </row>
    <row r="158359" spans="14:14">
      <c r="N158359" s="10"/>
    </row>
    <row r="158360" spans="14:14">
      <c r="N158360" s="10"/>
    </row>
    <row r="158361" spans="14:14">
      <c r="N158361" s="10"/>
    </row>
    <row r="158362" spans="14:14">
      <c r="N158362" s="10"/>
    </row>
    <row r="158363" spans="14:14">
      <c r="N158363" s="10"/>
    </row>
    <row r="158364" spans="14:14">
      <c r="N158364" s="10"/>
    </row>
    <row r="158365" spans="14:14">
      <c r="N158365" s="10"/>
    </row>
    <row r="158366" spans="14:14">
      <c r="N158366" s="10"/>
    </row>
    <row r="158367" spans="14:14">
      <c r="N158367" s="10"/>
    </row>
    <row r="158368" spans="14:14">
      <c r="N158368" s="10"/>
    </row>
    <row r="158369" spans="14:14">
      <c r="N158369" s="10"/>
    </row>
    <row r="158370" spans="14:14">
      <c r="N158370" s="10"/>
    </row>
    <row r="158371" spans="14:14">
      <c r="N158371" s="10"/>
    </row>
    <row r="158372" spans="14:14">
      <c r="N158372" s="10"/>
    </row>
    <row r="158373" spans="14:14">
      <c r="N158373" s="10"/>
    </row>
    <row r="158374" spans="14:14">
      <c r="N158374" s="10"/>
    </row>
    <row r="158375" spans="14:14">
      <c r="N158375" s="10"/>
    </row>
    <row r="158376" spans="14:14">
      <c r="N158376" s="10"/>
    </row>
    <row r="158377" spans="14:14">
      <c r="N158377" s="10"/>
    </row>
    <row r="158378" spans="14:14">
      <c r="N158378" s="10"/>
    </row>
    <row r="158379" spans="14:14">
      <c r="N158379" s="10"/>
    </row>
    <row r="158380" spans="14:14">
      <c r="N158380" s="10"/>
    </row>
    <row r="158381" spans="14:14">
      <c r="N158381" s="10"/>
    </row>
    <row r="158382" spans="14:14">
      <c r="N158382" s="10"/>
    </row>
    <row r="158383" spans="14:14">
      <c r="N158383" s="10"/>
    </row>
    <row r="158384" spans="14:14">
      <c r="N158384" s="10"/>
    </row>
    <row r="158385" spans="14:14">
      <c r="N158385" s="10"/>
    </row>
    <row r="158386" spans="14:14">
      <c r="N158386" s="10"/>
    </row>
    <row r="158387" spans="14:14">
      <c r="N158387" s="10"/>
    </row>
    <row r="158388" spans="14:14">
      <c r="N158388" s="10"/>
    </row>
    <row r="158389" spans="14:14">
      <c r="N158389" s="10"/>
    </row>
    <row r="158390" spans="14:14">
      <c r="N158390" s="10"/>
    </row>
    <row r="158391" spans="14:14">
      <c r="N158391" s="10"/>
    </row>
    <row r="158392" spans="14:14">
      <c r="N158392" s="10"/>
    </row>
    <row r="158393" spans="14:14">
      <c r="N158393" s="10"/>
    </row>
    <row r="158394" spans="14:14">
      <c r="N158394" s="10"/>
    </row>
    <row r="158395" spans="14:14">
      <c r="N158395" s="10"/>
    </row>
    <row r="158396" spans="14:14">
      <c r="N158396" s="10"/>
    </row>
    <row r="158397" spans="14:14">
      <c r="N158397" s="10"/>
    </row>
    <row r="158398" spans="14:14">
      <c r="N158398" s="10"/>
    </row>
    <row r="158399" spans="14:14">
      <c r="N158399" s="10"/>
    </row>
    <row r="158400" spans="14:14">
      <c r="N158400" s="10"/>
    </row>
    <row r="158401" spans="14:14">
      <c r="N158401" s="10"/>
    </row>
    <row r="158402" spans="14:14">
      <c r="N158402" s="10"/>
    </row>
    <row r="158403" spans="14:14">
      <c r="N158403" s="10"/>
    </row>
    <row r="158404" spans="14:14">
      <c r="N158404" s="10"/>
    </row>
    <row r="158405" spans="14:14">
      <c r="N158405" s="10"/>
    </row>
    <row r="158406" spans="14:14">
      <c r="N158406" s="10"/>
    </row>
    <row r="158407" spans="14:14">
      <c r="N158407" s="10"/>
    </row>
    <row r="158408" spans="14:14">
      <c r="N158408" s="10"/>
    </row>
    <row r="158409" spans="14:14">
      <c r="N158409" s="10"/>
    </row>
    <row r="158410" spans="14:14">
      <c r="N158410" s="10"/>
    </row>
    <row r="158411" spans="14:14">
      <c r="N158411" s="10"/>
    </row>
    <row r="158412" spans="14:14">
      <c r="N158412" s="10"/>
    </row>
    <row r="158413" spans="14:14">
      <c r="N158413" s="10"/>
    </row>
    <row r="158414" spans="14:14">
      <c r="N158414" s="10"/>
    </row>
    <row r="158415" spans="14:14">
      <c r="N158415" s="10"/>
    </row>
    <row r="158416" spans="14:14">
      <c r="N158416" s="10"/>
    </row>
    <row r="158417" spans="14:14">
      <c r="N158417" s="10"/>
    </row>
    <row r="158418" spans="14:14">
      <c r="N158418" s="10"/>
    </row>
    <row r="158419" spans="14:14">
      <c r="N158419" s="10"/>
    </row>
    <row r="158420" spans="14:14">
      <c r="N158420" s="10"/>
    </row>
    <row r="158421" spans="14:14">
      <c r="N158421" s="10"/>
    </row>
    <row r="158422" spans="14:14">
      <c r="N158422" s="10"/>
    </row>
    <row r="158423" spans="14:14">
      <c r="N158423" s="10"/>
    </row>
    <row r="158424" spans="14:14">
      <c r="N158424" s="10"/>
    </row>
    <row r="158425" spans="14:14">
      <c r="N158425" s="10"/>
    </row>
    <row r="158426" spans="14:14">
      <c r="N158426" s="10"/>
    </row>
    <row r="158427" spans="14:14">
      <c r="N158427" s="10"/>
    </row>
    <row r="158428" spans="14:14">
      <c r="N158428" s="10"/>
    </row>
    <row r="158429" spans="14:14">
      <c r="N158429" s="10"/>
    </row>
    <row r="158430" spans="14:14">
      <c r="N158430" s="10"/>
    </row>
    <row r="158431" spans="14:14">
      <c r="N158431" s="10"/>
    </row>
    <row r="158432" spans="14:14">
      <c r="N158432" s="10"/>
    </row>
    <row r="158433" spans="14:14">
      <c r="N158433" s="10"/>
    </row>
    <row r="158434" spans="14:14">
      <c r="N158434" s="10"/>
    </row>
    <row r="158435" spans="14:14">
      <c r="N158435" s="10"/>
    </row>
    <row r="158436" spans="14:14">
      <c r="N158436" s="10"/>
    </row>
    <row r="158437" spans="14:14">
      <c r="N158437" s="10"/>
    </row>
    <row r="158438" spans="14:14">
      <c r="N158438" s="10"/>
    </row>
    <row r="158439" spans="14:14">
      <c r="N158439" s="10"/>
    </row>
    <row r="158440" spans="14:14">
      <c r="N158440" s="10"/>
    </row>
    <row r="158441" spans="14:14">
      <c r="N158441" s="10"/>
    </row>
    <row r="158442" spans="14:14">
      <c r="N158442" s="10"/>
    </row>
    <row r="158443" spans="14:14">
      <c r="N158443" s="10"/>
    </row>
    <row r="158444" spans="14:14">
      <c r="N158444" s="10"/>
    </row>
    <row r="158445" spans="14:14">
      <c r="N158445" s="10"/>
    </row>
    <row r="158446" spans="14:14">
      <c r="N158446" s="10"/>
    </row>
    <row r="158447" spans="14:14">
      <c r="N158447" s="10"/>
    </row>
    <row r="158448" spans="14:14">
      <c r="N158448" s="10"/>
    </row>
    <row r="158449" spans="14:14">
      <c r="N158449" s="10"/>
    </row>
    <row r="158450" spans="14:14">
      <c r="N158450" s="10"/>
    </row>
    <row r="158451" spans="14:14">
      <c r="N158451" s="10"/>
    </row>
    <row r="158452" spans="14:14">
      <c r="N158452" s="10"/>
    </row>
    <row r="158453" spans="14:14">
      <c r="N158453" s="10"/>
    </row>
    <row r="158454" spans="14:14">
      <c r="N158454" s="10"/>
    </row>
    <row r="158455" spans="14:14">
      <c r="N158455" s="10"/>
    </row>
    <row r="158456" spans="14:14">
      <c r="N158456" s="10"/>
    </row>
    <row r="158457" spans="14:14">
      <c r="N158457" s="10"/>
    </row>
    <row r="158458" spans="14:14">
      <c r="N158458" s="10"/>
    </row>
    <row r="158459" spans="14:14">
      <c r="N158459" s="10"/>
    </row>
    <row r="158460" spans="14:14">
      <c r="N158460" s="10"/>
    </row>
    <row r="158461" spans="14:14">
      <c r="N158461" s="10"/>
    </row>
    <row r="158462" spans="14:14">
      <c r="N158462" s="10"/>
    </row>
    <row r="158463" spans="14:14">
      <c r="N158463" s="10"/>
    </row>
    <row r="158464" spans="14:14">
      <c r="N158464" s="10"/>
    </row>
    <row r="158465" spans="14:14">
      <c r="N158465" s="10"/>
    </row>
    <row r="158466" spans="14:14">
      <c r="N158466" s="10"/>
    </row>
    <row r="158467" spans="14:14">
      <c r="N158467" s="10"/>
    </row>
    <row r="158468" spans="14:14">
      <c r="N158468" s="10"/>
    </row>
    <row r="158469" spans="14:14">
      <c r="N158469" s="10"/>
    </row>
    <row r="158470" spans="14:14">
      <c r="N158470" s="10"/>
    </row>
    <row r="158471" spans="14:14">
      <c r="N158471" s="10"/>
    </row>
    <row r="158472" spans="14:14">
      <c r="N158472" s="10"/>
    </row>
    <row r="158473" spans="14:14">
      <c r="N158473" s="10"/>
    </row>
    <row r="158474" spans="14:14">
      <c r="N158474" s="10"/>
    </row>
    <row r="158475" spans="14:14">
      <c r="N158475" s="10"/>
    </row>
    <row r="158476" spans="14:14">
      <c r="N158476" s="10"/>
    </row>
    <row r="158477" spans="14:14">
      <c r="N158477" s="10"/>
    </row>
    <row r="158478" spans="14:14">
      <c r="N158478" s="10"/>
    </row>
    <row r="158479" spans="14:14">
      <c r="N158479" s="10"/>
    </row>
    <row r="158480" spans="14:14">
      <c r="N158480" s="10"/>
    </row>
    <row r="158481" spans="14:14">
      <c r="N158481" s="10"/>
    </row>
    <row r="158482" spans="14:14">
      <c r="N158482" s="10"/>
    </row>
    <row r="158483" spans="14:14">
      <c r="N158483" s="10"/>
    </row>
    <row r="158484" spans="14:14">
      <c r="N158484" s="10"/>
    </row>
    <row r="158485" spans="14:14">
      <c r="N158485" s="10"/>
    </row>
    <row r="158486" spans="14:14">
      <c r="N158486" s="10"/>
    </row>
    <row r="158487" spans="14:14">
      <c r="N158487" s="10"/>
    </row>
    <row r="158488" spans="14:14">
      <c r="N158488" s="10"/>
    </row>
    <row r="158489" spans="14:14">
      <c r="N158489" s="10"/>
    </row>
    <row r="158490" spans="14:14">
      <c r="N158490" s="10"/>
    </row>
    <row r="158491" spans="14:14">
      <c r="N158491" s="10"/>
    </row>
    <row r="158492" spans="14:14">
      <c r="N158492" s="10"/>
    </row>
    <row r="158493" spans="14:14">
      <c r="N158493" s="10"/>
    </row>
    <row r="158494" spans="14:14">
      <c r="N158494" s="10"/>
    </row>
    <row r="158495" spans="14:14">
      <c r="N158495" s="10"/>
    </row>
    <row r="158496" spans="14:14">
      <c r="N158496" s="10"/>
    </row>
    <row r="158497" spans="14:14">
      <c r="N158497" s="10"/>
    </row>
    <row r="158498" spans="14:14">
      <c r="N158498" s="10"/>
    </row>
    <row r="158499" spans="14:14">
      <c r="N158499" s="10"/>
    </row>
    <row r="158500" spans="14:14">
      <c r="N158500" s="10"/>
    </row>
    <row r="158501" spans="14:14">
      <c r="N158501" s="10"/>
    </row>
    <row r="158502" spans="14:14">
      <c r="N158502" s="10"/>
    </row>
    <row r="158503" spans="14:14">
      <c r="N158503" s="10"/>
    </row>
    <row r="158504" spans="14:14">
      <c r="N158504" s="10"/>
    </row>
    <row r="158505" spans="14:14">
      <c r="N158505" s="10"/>
    </row>
    <row r="158506" spans="14:14">
      <c r="N158506" s="10"/>
    </row>
    <row r="158507" spans="14:14">
      <c r="N158507" s="10"/>
    </row>
    <row r="158508" spans="14:14">
      <c r="N158508" s="10"/>
    </row>
    <row r="158509" spans="14:14">
      <c r="N158509" s="10"/>
    </row>
    <row r="158510" spans="14:14">
      <c r="N158510" s="10"/>
    </row>
    <row r="158511" spans="14:14">
      <c r="N158511" s="10"/>
    </row>
    <row r="158512" spans="14:14">
      <c r="N158512" s="10"/>
    </row>
    <row r="158513" spans="14:14">
      <c r="N158513" s="10"/>
    </row>
    <row r="158514" spans="14:14">
      <c r="N158514" s="10"/>
    </row>
    <row r="158515" spans="14:14">
      <c r="N158515" s="10"/>
    </row>
    <row r="158516" spans="14:14">
      <c r="N158516" s="10"/>
    </row>
    <row r="158517" spans="14:14">
      <c r="N158517" s="10"/>
    </row>
    <row r="158518" spans="14:14">
      <c r="N158518" s="10"/>
    </row>
    <row r="158519" spans="14:14">
      <c r="N158519" s="10"/>
    </row>
    <row r="158520" spans="14:14">
      <c r="N158520" s="10"/>
    </row>
    <row r="158521" spans="14:14">
      <c r="N158521" s="10"/>
    </row>
    <row r="158522" spans="14:14">
      <c r="N158522" s="10"/>
    </row>
    <row r="158523" spans="14:14">
      <c r="N158523" s="10"/>
    </row>
    <row r="158524" spans="14:14">
      <c r="N158524" s="10"/>
    </row>
    <row r="158525" spans="14:14">
      <c r="N158525" s="10"/>
    </row>
    <row r="158526" spans="14:14">
      <c r="N158526" s="10"/>
    </row>
    <row r="158527" spans="14:14">
      <c r="N158527" s="10"/>
    </row>
    <row r="158528" spans="14:14">
      <c r="N158528" s="10"/>
    </row>
    <row r="158529" spans="14:14">
      <c r="N158529" s="10"/>
    </row>
    <row r="158530" spans="14:14">
      <c r="N158530" s="10"/>
    </row>
    <row r="158531" spans="14:14">
      <c r="N158531" s="10"/>
    </row>
    <row r="158532" spans="14:14">
      <c r="N158532" s="10"/>
    </row>
    <row r="158533" spans="14:14">
      <c r="N158533" s="10"/>
    </row>
    <row r="158534" spans="14:14">
      <c r="N158534" s="10"/>
    </row>
    <row r="158535" spans="14:14">
      <c r="N158535" s="10"/>
    </row>
    <row r="158536" spans="14:14">
      <c r="N158536" s="10"/>
    </row>
    <row r="158537" spans="14:14">
      <c r="N158537" s="10"/>
    </row>
    <row r="158538" spans="14:14">
      <c r="N158538" s="10"/>
    </row>
    <row r="158539" spans="14:14">
      <c r="N158539" s="10"/>
    </row>
    <row r="158540" spans="14:14">
      <c r="N158540" s="10"/>
    </row>
    <row r="158541" spans="14:14">
      <c r="N158541" s="10"/>
    </row>
    <row r="158542" spans="14:14">
      <c r="N158542" s="10"/>
    </row>
    <row r="158543" spans="14:14">
      <c r="N158543" s="10"/>
    </row>
    <row r="158544" spans="14:14">
      <c r="N158544" s="10"/>
    </row>
    <row r="158545" spans="14:14">
      <c r="N158545" s="10"/>
    </row>
    <row r="158546" spans="14:14">
      <c r="N158546" s="10"/>
    </row>
    <row r="158547" spans="14:14">
      <c r="N158547" s="10"/>
    </row>
    <row r="158548" spans="14:14">
      <c r="N158548" s="10"/>
    </row>
    <row r="158549" spans="14:14">
      <c r="N158549" s="10"/>
    </row>
    <row r="158550" spans="14:14">
      <c r="N158550" s="10"/>
    </row>
    <row r="158551" spans="14:14">
      <c r="N158551" s="10"/>
    </row>
    <row r="158552" spans="14:14">
      <c r="N158552" s="10"/>
    </row>
    <row r="158553" spans="14:14">
      <c r="N158553" s="10"/>
    </row>
    <row r="158554" spans="14:14">
      <c r="N158554" s="10"/>
    </row>
    <row r="158555" spans="14:14">
      <c r="N158555" s="10"/>
    </row>
    <row r="158556" spans="14:14">
      <c r="N158556" s="10"/>
    </row>
    <row r="158557" spans="14:14">
      <c r="N158557" s="10"/>
    </row>
    <row r="158558" spans="14:14">
      <c r="N158558" s="10"/>
    </row>
    <row r="158559" spans="14:14">
      <c r="N158559" s="10"/>
    </row>
    <row r="158560" spans="14:14">
      <c r="N158560" s="10"/>
    </row>
    <row r="158561" spans="14:14">
      <c r="N158561" s="10"/>
    </row>
    <row r="158562" spans="14:14">
      <c r="N158562" s="10"/>
    </row>
    <row r="158563" spans="14:14">
      <c r="N158563" s="10"/>
    </row>
    <row r="158564" spans="14:14">
      <c r="N158564" s="10"/>
    </row>
    <row r="158565" spans="14:14">
      <c r="N158565" s="10"/>
    </row>
    <row r="158566" spans="14:14">
      <c r="N158566" s="10"/>
    </row>
    <row r="158567" spans="14:14">
      <c r="N158567" s="10"/>
    </row>
    <row r="158568" spans="14:14">
      <c r="N158568" s="10"/>
    </row>
    <row r="158569" spans="14:14">
      <c r="N158569" s="10"/>
    </row>
    <row r="158570" spans="14:14">
      <c r="N158570" s="10"/>
    </row>
    <row r="158571" spans="14:14">
      <c r="N158571" s="10"/>
    </row>
    <row r="158572" spans="14:14">
      <c r="N158572" s="10"/>
    </row>
    <row r="158573" spans="14:14">
      <c r="N158573" s="10"/>
    </row>
    <row r="158574" spans="14:14">
      <c r="N158574" s="10"/>
    </row>
    <row r="158575" spans="14:14">
      <c r="N158575" s="10"/>
    </row>
    <row r="158576" spans="14:14">
      <c r="N158576" s="10"/>
    </row>
    <row r="158577" spans="14:14">
      <c r="N158577" s="10"/>
    </row>
    <row r="158578" spans="14:14">
      <c r="N158578" s="10"/>
    </row>
    <row r="158579" spans="14:14">
      <c r="N158579" s="10"/>
    </row>
    <row r="158580" spans="14:14">
      <c r="N158580" s="10"/>
    </row>
    <row r="158581" spans="14:14">
      <c r="N158581" s="10"/>
    </row>
    <row r="158582" spans="14:14">
      <c r="N158582" s="10"/>
    </row>
    <row r="158583" spans="14:14">
      <c r="N158583" s="10"/>
    </row>
    <row r="158584" spans="14:14">
      <c r="N158584" s="10"/>
    </row>
    <row r="158585" spans="14:14">
      <c r="N158585" s="10"/>
    </row>
    <row r="158586" spans="14:14">
      <c r="N158586" s="10"/>
    </row>
    <row r="158587" spans="14:14">
      <c r="N158587" s="10"/>
    </row>
    <row r="158588" spans="14:14">
      <c r="N158588" s="10"/>
    </row>
    <row r="158589" spans="14:14">
      <c r="N158589" s="10"/>
    </row>
    <row r="158590" spans="14:14">
      <c r="N158590" s="10"/>
    </row>
    <row r="158591" spans="14:14">
      <c r="N158591" s="10"/>
    </row>
    <row r="158592" spans="14:14">
      <c r="N158592" s="10"/>
    </row>
    <row r="158593" spans="14:14">
      <c r="N158593" s="10"/>
    </row>
    <row r="158594" spans="14:14">
      <c r="N158594" s="10"/>
    </row>
    <row r="158595" spans="14:14">
      <c r="N158595" s="10"/>
    </row>
    <row r="158596" spans="14:14">
      <c r="N158596" s="10"/>
    </row>
    <row r="158597" spans="14:14">
      <c r="N158597" s="10"/>
    </row>
    <row r="158598" spans="14:14">
      <c r="N158598" s="10"/>
    </row>
    <row r="158599" spans="14:14">
      <c r="N158599" s="10"/>
    </row>
    <row r="158600" spans="14:14">
      <c r="N158600" s="10"/>
    </row>
    <row r="158601" spans="14:14">
      <c r="N158601" s="10"/>
    </row>
    <row r="158602" spans="14:14">
      <c r="N158602" s="10"/>
    </row>
    <row r="158603" spans="14:14">
      <c r="N158603" s="10"/>
    </row>
    <row r="158604" spans="14:14">
      <c r="N158604" s="10"/>
    </row>
    <row r="158605" spans="14:14">
      <c r="N158605" s="10"/>
    </row>
    <row r="158606" spans="14:14">
      <c r="N158606" s="10"/>
    </row>
    <row r="158607" spans="14:14">
      <c r="N158607" s="10"/>
    </row>
    <row r="158608" spans="14:14">
      <c r="N158608" s="10"/>
    </row>
    <row r="158609" spans="14:14">
      <c r="N158609" s="10"/>
    </row>
    <row r="158610" spans="14:14">
      <c r="N158610" s="10"/>
    </row>
    <row r="158611" spans="14:14">
      <c r="N158611" s="10"/>
    </row>
    <row r="158612" spans="14:14">
      <c r="N158612" s="10"/>
    </row>
    <row r="158613" spans="14:14">
      <c r="N158613" s="10"/>
    </row>
    <row r="158614" spans="14:14">
      <c r="N158614" s="10"/>
    </row>
    <row r="158615" spans="14:14">
      <c r="N158615" s="10"/>
    </row>
    <row r="158616" spans="14:14">
      <c r="N158616" s="10"/>
    </row>
    <row r="158617" spans="14:14">
      <c r="N158617" s="10"/>
    </row>
    <row r="158618" spans="14:14">
      <c r="N158618" s="10"/>
    </row>
    <row r="158619" spans="14:14">
      <c r="N158619" s="10"/>
    </row>
    <row r="158620" spans="14:14">
      <c r="N158620" s="10"/>
    </row>
    <row r="158621" spans="14:14">
      <c r="N158621" s="10"/>
    </row>
    <row r="158622" spans="14:14">
      <c r="N158622" s="10"/>
    </row>
    <row r="158623" spans="14:14">
      <c r="N158623" s="10"/>
    </row>
    <row r="158624" spans="14:14">
      <c r="N158624" s="10"/>
    </row>
    <row r="158625" spans="14:14">
      <c r="N158625" s="10"/>
    </row>
    <row r="158626" spans="14:14">
      <c r="N158626" s="10"/>
    </row>
    <row r="158627" spans="14:14">
      <c r="N158627" s="10"/>
    </row>
    <row r="158628" spans="14:14">
      <c r="N158628" s="10"/>
    </row>
    <row r="158629" spans="14:14">
      <c r="N158629" s="10"/>
    </row>
    <row r="158630" spans="14:14">
      <c r="N158630" s="10"/>
    </row>
    <row r="158631" spans="14:14">
      <c r="N158631" s="10"/>
    </row>
    <row r="158632" spans="14:14">
      <c r="N158632" s="10"/>
    </row>
    <row r="158633" spans="14:14">
      <c r="N158633" s="10"/>
    </row>
    <row r="158634" spans="14:14">
      <c r="N158634" s="10"/>
    </row>
    <row r="158635" spans="14:14">
      <c r="N158635" s="10"/>
    </row>
    <row r="158636" spans="14:14">
      <c r="N158636" s="10"/>
    </row>
    <row r="158637" spans="14:14">
      <c r="N158637" s="10"/>
    </row>
    <row r="158638" spans="14:14">
      <c r="N158638" s="10"/>
    </row>
    <row r="158639" spans="14:14">
      <c r="N158639" s="10"/>
    </row>
    <row r="158640" spans="14:14">
      <c r="N158640" s="10"/>
    </row>
    <row r="158641" spans="14:14">
      <c r="N158641" s="10"/>
    </row>
    <row r="158642" spans="14:14">
      <c r="N158642" s="10"/>
    </row>
    <row r="158643" spans="14:14">
      <c r="N158643" s="10"/>
    </row>
    <row r="158644" spans="14:14">
      <c r="N158644" s="10"/>
    </row>
    <row r="158645" spans="14:14">
      <c r="N158645" s="10"/>
    </row>
    <row r="158646" spans="14:14">
      <c r="N158646" s="10"/>
    </row>
    <row r="158647" spans="14:14">
      <c r="N158647" s="10"/>
    </row>
    <row r="158648" spans="14:14">
      <c r="N158648" s="10"/>
    </row>
    <row r="158649" spans="14:14">
      <c r="N158649" s="10"/>
    </row>
    <row r="158650" spans="14:14">
      <c r="N158650" s="10"/>
    </row>
    <row r="158651" spans="14:14">
      <c r="N158651" s="10"/>
    </row>
    <row r="158652" spans="14:14">
      <c r="N158652" s="10"/>
    </row>
    <row r="158653" spans="14:14">
      <c r="N158653" s="10"/>
    </row>
    <row r="158654" spans="14:14">
      <c r="N158654" s="10"/>
    </row>
    <row r="158655" spans="14:14">
      <c r="N158655" s="10"/>
    </row>
    <row r="158656" spans="14:14">
      <c r="N158656" s="10"/>
    </row>
    <row r="158657" spans="14:14">
      <c r="N158657" s="10"/>
    </row>
    <row r="158658" spans="14:14">
      <c r="N158658" s="10"/>
    </row>
    <row r="158659" spans="14:14">
      <c r="N158659" s="10"/>
    </row>
    <row r="158660" spans="14:14">
      <c r="N158660" s="10"/>
    </row>
    <row r="158661" spans="14:14">
      <c r="N158661" s="10"/>
    </row>
    <row r="158662" spans="14:14">
      <c r="N158662" s="10"/>
    </row>
    <row r="158663" spans="14:14">
      <c r="N158663" s="10"/>
    </row>
    <row r="158664" spans="14:14">
      <c r="N158664" s="10"/>
    </row>
    <row r="158665" spans="14:14">
      <c r="N158665" s="10"/>
    </row>
    <row r="158666" spans="14:14">
      <c r="N158666" s="10"/>
    </row>
    <row r="158667" spans="14:14">
      <c r="N158667" s="10"/>
    </row>
    <row r="158668" spans="14:14">
      <c r="N158668" s="10"/>
    </row>
    <row r="158669" spans="14:14">
      <c r="N158669" s="10"/>
    </row>
    <row r="158670" spans="14:14">
      <c r="N158670" s="10"/>
    </row>
    <row r="158671" spans="14:14">
      <c r="N158671" s="10"/>
    </row>
    <row r="158672" spans="14:14">
      <c r="N158672" s="10"/>
    </row>
    <row r="158673" spans="14:14">
      <c r="N158673" s="10"/>
    </row>
    <row r="158674" spans="14:14">
      <c r="N158674" s="10"/>
    </row>
    <row r="158675" spans="14:14">
      <c r="N158675" s="10"/>
    </row>
    <row r="158676" spans="14:14">
      <c r="N158676" s="10"/>
    </row>
    <row r="158677" spans="14:14">
      <c r="N158677" s="10"/>
    </row>
    <row r="158678" spans="14:14">
      <c r="N158678" s="10"/>
    </row>
    <row r="158679" spans="14:14">
      <c r="N158679" s="10"/>
    </row>
    <row r="158680" spans="14:14">
      <c r="N158680" s="10"/>
    </row>
    <row r="158681" spans="14:14">
      <c r="N158681" s="10"/>
    </row>
    <row r="158682" spans="14:14">
      <c r="N158682" s="10"/>
    </row>
    <row r="158683" spans="14:14">
      <c r="N158683" s="10"/>
    </row>
    <row r="158684" spans="14:14">
      <c r="N158684" s="10"/>
    </row>
    <row r="158685" spans="14:14">
      <c r="N158685" s="10"/>
    </row>
    <row r="158686" spans="14:14">
      <c r="N158686" s="10"/>
    </row>
    <row r="158687" spans="14:14">
      <c r="N158687" s="10"/>
    </row>
    <row r="158688" spans="14:14">
      <c r="N158688" s="10"/>
    </row>
    <row r="158689" spans="14:14">
      <c r="N158689" s="10"/>
    </row>
    <row r="158690" spans="14:14">
      <c r="N158690" s="10"/>
    </row>
    <row r="158691" spans="14:14">
      <c r="N158691" s="10"/>
    </row>
    <row r="158692" spans="14:14">
      <c r="N158692" s="10"/>
    </row>
    <row r="158693" spans="14:14">
      <c r="N158693" s="10"/>
    </row>
    <row r="158694" spans="14:14">
      <c r="N158694" s="10"/>
    </row>
    <row r="158695" spans="14:14">
      <c r="N158695" s="10"/>
    </row>
    <row r="158696" spans="14:14">
      <c r="N158696" s="10"/>
    </row>
    <row r="158697" spans="14:14">
      <c r="N158697" s="10"/>
    </row>
    <row r="158698" spans="14:14">
      <c r="N158698" s="10"/>
    </row>
    <row r="158699" spans="14:14">
      <c r="N158699" s="10"/>
    </row>
    <row r="158700" spans="14:14">
      <c r="N158700" s="10"/>
    </row>
    <row r="158701" spans="14:14">
      <c r="N158701" s="10"/>
    </row>
    <row r="158702" spans="14:14">
      <c r="N158702" s="10"/>
    </row>
    <row r="158703" spans="14:14">
      <c r="N158703" s="10"/>
    </row>
    <row r="158704" spans="14:14">
      <c r="N158704" s="10"/>
    </row>
    <row r="158705" spans="14:14">
      <c r="N158705" s="10"/>
    </row>
    <row r="158706" spans="14:14">
      <c r="N158706" s="10"/>
    </row>
    <row r="158707" spans="14:14">
      <c r="N158707" s="10"/>
    </row>
    <row r="158708" spans="14:14">
      <c r="N158708" s="10"/>
    </row>
    <row r="158709" spans="14:14">
      <c r="N158709" s="10"/>
    </row>
    <row r="158710" spans="14:14">
      <c r="N158710" s="10"/>
    </row>
    <row r="158711" spans="14:14">
      <c r="N158711" s="10"/>
    </row>
    <row r="158712" spans="14:14">
      <c r="N158712" s="10"/>
    </row>
    <row r="158713" spans="14:14">
      <c r="N158713" s="10"/>
    </row>
    <row r="158714" spans="14:14">
      <c r="N158714" s="10"/>
    </row>
    <row r="158715" spans="14:14">
      <c r="N158715" s="10"/>
    </row>
    <row r="158716" spans="14:14">
      <c r="N158716" s="10"/>
    </row>
    <row r="158717" spans="14:14">
      <c r="N158717" s="10"/>
    </row>
    <row r="158718" spans="14:14">
      <c r="N158718" s="10"/>
    </row>
    <row r="158719" spans="14:14">
      <c r="N158719" s="10"/>
    </row>
    <row r="158720" spans="14:14">
      <c r="N158720" s="10"/>
    </row>
    <row r="158721" spans="14:14">
      <c r="N158721" s="10"/>
    </row>
    <row r="158722" spans="14:14">
      <c r="N158722" s="10"/>
    </row>
    <row r="158723" spans="14:14">
      <c r="N158723" s="10"/>
    </row>
    <row r="158724" spans="14:14">
      <c r="N158724" s="10"/>
    </row>
    <row r="158725" spans="14:14">
      <c r="N158725" s="10"/>
    </row>
    <row r="158726" spans="14:14">
      <c r="N158726" s="10"/>
    </row>
    <row r="158727" spans="14:14">
      <c r="N158727" s="10"/>
    </row>
    <row r="158728" spans="14:14">
      <c r="N158728" s="10"/>
    </row>
    <row r="158729" spans="14:14">
      <c r="N158729" s="10"/>
    </row>
    <row r="158730" spans="14:14">
      <c r="N158730" s="10"/>
    </row>
    <row r="158731" spans="14:14">
      <c r="N158731" s="10"/>
    </row>
    <row r="158732" spans="14:14">
      <c r="N158732" s="10"/>
    </row>
    <row r="158733" spans="14:14">
      <c r="N158733" s="10"/>
    </row>
    <row r="158734" spans="14:14">
      <c r="N158734" s="10"/>
    </row>
    <row r="158735" spans="14:14">
      <c r="N158735" s="10"/>
    </row>
    <row r="158736" spans="14:14">
      <c r="N158736" s="10"/>
    </row>
    <row r="158737" spans="14:14">
      <c r="N158737" s="10"/>
    </row>
    <row r="158738" spans="14:14">
      <c r="N158738" s="10"/>
    </row>
    <row r="158739" spans="14:14">
      <c r="N158739" s="10"/>
    </row>
    <row r="158740" spans="14:14">
      <c r="N158740" s="10"/>
    </row>
    <row r="158741" spans="14:14">
      <c r="N158741" s="10"/>
    </row>
    <row r="158742" spans="14:14">
      <c r="N158742" s="10"/>
    </row>
    <row r="158743" spans="14:14">
      <c r="N158743" s="10"/>
    </row>
    <row r="158744" spans="14:14">
      <c r="N158744" s="10"/>
    </row>
    <row r="158745" spans="14:14">
      <c r="N158745" s="10"/>
    </row>
    <row r="158746" spans="14:14">
      <c r="N158746" s="10"/>
    </row>
    <row r="158747" spans="14:14">
      <c r="N158747" s="10"/>
    </row>
    <row r="158748" spans="14:14">
      <c r="N158748" s="10"/>
    </row>
    <row r="158749" spans="14:14">
      <c r="N158749" s="10"/>
    </row>
    <row r="158750" spans="14:14">
      <c r="N158750" s="10"/>
    </row>
    <row r="158751" spans="14:14">
      <c r="N158751" s="10"/>
    </row>
    <row r="158752" spans="14:14">
      <c r="N158752" s="10"/>
    </row>
    <row r="158753" spans="14:14">
      <c r="N158753" s="10"/>
    </row>
    <row r="158754" spans="14:14">
      <c r="N158754" s="10"/>
    </row>
    <row r="158755" spans="14:14">
      <c r="N158755" s="10"/>
    </row>
    <row r="158756" spans="14:14">
      <c r="N158756" s="10"/>
    </row>
    <row r="158757" spans="14:14">
      <c r="N158757" s="10"/>
    </row>
    <row r="158758" spans="14:14">
      <c r="N158758" s="10"/>
    </row>
    <row r="158759" spans="14:14">
      <c r="N158759" s="10"/>
    </row>
    <row r="158760" spans="14:14">
      <c r="N158760" s="10"/>
    </row>
    <row r="158761" spans="14:14">
      <c r="N158761" s="10"/>
    </row>
    <row r="158762" spans="14:14">
      <c r="N158762" s="10"/>
    </row>
    <row r="158763" spans="14:14">
      <c r="N158763" s="10"/>
    </row>
    <row r="158764" spans="14:14">
      <c r="N158764" s="10"/>
    </row>
    <row r="158765" spans="14:14">
      <c r="N158765" s="10"/>
    </row>
    <row r="158766" spans="14:14">
      <c r="N158766" s="10"/>
    </row>
    <row r="158767" spans="14:14">
      <c r="N158767" s="10"/>
    </row>
    <row r="158768" spans="14:14">
      <c r="N158768" s="10"/>
    </row>
    <row r="158769" spans="14:14">
      <c r="N158769" s="10"/>
    </row>
    <row r="158770" spans="14:14">
      <c r="N158770" s="10"/>
    </row>
    <row r="158771" spans="14:14">
      <c r="N158771" s="10"/>
    </row>
    <row r="158772" spans="14:14">
      <c r="N158772" s="10"/>
    </row>
    <row r="158773" spans="14:14">
      <c r="N158773" s="10"/>
    </row>
    <row r="158774" spans="14:14">
      <c r="N158774" s="10"/>
    </row>
    <row r="158775" spans="14:14">
      <c r="N158775" s="10"/>
    </row>
    <row r="158776" spans="14:14">
      <c r="N158776" s="10"/>
    </row>
    <row r="158777" spans="14:14">
      <c r="N158777" s="10"/>
    </row>
    <row r="158778" spans="14:14">
      <c r="N158778" s="10"/>
    </row>
    <row r="158779" spans="14:14">
      <c r="N158779" s="10"/>
    </row>
    <row r="158780" spans="14:14">
      <c r="N158780" s="10"/>
    </row>
    <row r="158781" spans="14:14">
      <c r="N158781" s="10"/>
    </row>
    <row r="158782" spans="14:14">
      <c r="N158782" s="10"/>
    </row>
    <row r="158783" spans="14:14">
      <c r="N158783" s="10"/>
    </row>
    <row r="158784" spans="14:14">
      <c r="N158784" s="10"/>
    </row>
    <row r="158785" spans="14:14">
      <c r="N158785" s="10"/>
    </row>
    <row r="158786" spans="14:14">
      <c r="N158786" s="10"/>
    </row>
    <row r="158787" spans="14:14">
      <c r="N158787" s="10"/>
    </row>
    <row r="158788" spans="14:14">
      <c r="N158788" s="10"/>
    </row>
    <row r="158789" spans="14:14">
      <c r="N158789" s="10"/>
    </row>
    <row r="158790" spans="14:14">
      <c r="N158790" s="10"/>
    </row>
    <row r="158791" spans="14:14">
      <c r="N158791" s="10"/>
    </row>
    <row r="158792" spans="14:14">
      <c r="N158792" s="10"/>
    </row>
    <row r="158793" spans="14:14">
      <c r="N158793" s="10"/>
    </row>
    <row r="158794" spans="14:14">
      <c r="N158794" s="10"/>
    </row>
    <row r="158795" spans="14:14">
      <c r="N158795" s="10"/>
    </row>
    <row r="158796" spans="14:14">
      <c r="N158796" s="10"/>
    </row>
    <row r="158797" spans="14:14">
      <c r="N158797" s="10"/>
    </row>
    <row r="158798" spans="14:14">
      <c r="N158798" s="10"/>
    </row>
    <row r="158799" spans="14:14">
      <c r="N158799" s="10"/>
    </row>
    <row r="158800" spans="14:14">
      <c r="N158800" s="10"/>
    </row>
    <row r="158801" spans="14:14">
      <c r="N158801" s="10"/>
    </row>
    <row r="158802" spans="14:14">
      <c r="N158802" s="10"/>
    </row>
    <row r="158803" spans="14:14">
      <c r="N158803" s="10"/>
    </row>
    <row r="158804" spans="14:14">
      <c r="N158804" s="10"/>
    </row>
    <row r="158805" spans="14:14">
      <c r="N158805" s="10"/>
    </row>
    <row r="158806" spans="14:14">
      <c r="N158806" s="10"/>
    </row>
    <row r="158807" spans="14:14">
      <c r="N158807" s="10"/>
    </row>
    <row r="158808" spans="14:14">
      <c r="N158808" s="10"/>
    </row>
    <row r="158809" spans="14:14">
      <c r="N158809" s="10"/>
    </row>
    <row r="158810" spans="14:14">
      <c r="N158810" s="10"/>
    </row>
    <row r="158811" spans="14:14">
      <c r="N158811" s="10"/>
    </row>
    <row r="158812" spans="14:14">
      <c r="N158812" s="10"/>
    </row>
    <row r="158813" spans="14:14">
      <c r="N158813" s="10"/>
    </row>
    <row r="158814" spans="14:14">
      <c r="N158814" s="10"/>
    </row>
    <row r="158815" spans="14:14">
      <c r="N158815" s="10"/>
    </row>
    <row r="158816" spans="14:14">
      <c r="N158816" s="10"/>
    </row>
    <row r="158817" spans="14:14">
      <c r="N158817" s="10"/>
    </row>
    <row r="158818" spans="14:14">
      <c r="N158818" s="10"/>
    </row>
    <row r="158819" spans="14:14">
      <c r="N158819" s="10"/>
    </row>
    <row r="158820" spans="14:14">
      <c r="N158820" s="10"/>
    </row>
    <row r="158821" spans="14:14">
      <c r="N158821" s="10"/>
    </row>
    <row r="158822" spans="14:14">
      <c r="N158822" s="10"/>
    </row>
    <row r="158823" spans="14:14">
      <c r="N158823" s="10"/>
    </row>
    <row r="158824" spans="14:14">
      <c r="N158824" s="10"/>
    </row>
    <row r="158825" spans="14:14">
      <c r="N158825" s="10"/>
    </row>
    <row r="158826" spans="14:14">
      <c r="N158826" s="10"/>
    </row>
    <row r="158827" spans="14:14">
      <c r="N158827" s="10"/>
    </row>
    <row r="158828" spans="14:14">
      <c r="N158828" s="10"/>
    </row>
    <row r="158829" spans="14:14">
      <c r="N158829" s="10"/>
    </row>
    <row r="158830" spans="14:14">
      <c r="N158830" s="10"/>
    </row>
    <row r="158831" spans="14:14">
      <c r="N158831" s="10"/>
    </row>
    <row r="158832" spans="14:14">
      <c r="N158832" s="10"/>
    </row>
    <row r="158833" spans="14:14">
      <c r="N158833" s="10"/>
    </row>
    <row r="158834" spans="14:14">
      <c r="N158834" s="10"/>
    </row>
    <row r="158835" spans="14:14">
      <c r="N158835" s="10"/>
    </row>
    <row r="158836" spans="14:14">
      <c r="N158836" s="10"/>
    </row>
    <row r="158837" spans="14:14">
      <c r="N158837" s="10"/>
    </row>
    <row r="158838" spans="14:14">
      <c r="N158838" s="10"/>
    </row>
    <row r="158839" spans="14:14">
      <c r="N158839" s="10"/>
    </row>
    <row r="158840" spans="14:14">
      <c r="N158840" s="10"/>
    </row>
    <row r="158841" spans="14:14">
      <c r="N158841" s="10"/>
    </row>
    <row r="158842" spans="14:14">
      <c r="N158842" s="10"/>
    </row>
    <row r="158843" spans="14:14">
      <c r="N158843" s="10"/>
    </row>
    <row r="158844" spans="14:14">
      <c r="N158844" s="10"/>
    </row>
    <row r="158845" spans="14:14">
      <c r="N158845" s="10"/>
    </row>
    <row r="158846" spans="14:14">
      <c r="N158846" s="10"/>
    </row>
    <row r="158847" spans="14:14">
      <c r="N158847" s="10"/>
    </row>
    <row r="158848" spans="14:14">
      <c r="N158848" s="10"/>
    </row>
    <row r="158849" spans="14:14">
      <c r="N158849" s="10"/>
    </row>
    <row r="158850" spans="14:14">
      <c r="N158850" s="10"/>
    </row>
    <row r="158851" spans="14:14">
      <c r="N158851" s="10"/>
    </row>
    <row r="158852" spans="14:14">
      <c r="N158852" s="10"/>
    </row>
    <row r="158853" spans="14:14">
      <c r="N158853" s="10"/>
    </row>
    <row r="158854" spans="14:14">
      <c r="N158854" s="10"/>
    </row>
    <row r="158855" spans="14:14">
      <c r="N158855" s="10"/>
    </row>
    <row r="158856" spans="14:14">
      <c r="N158856" s="10"/>
    </row>
    <row r="158857" spans="14:14">
      <c r="N158857" s="10"/>
    </row>
    <row r="158858" spans="14:14">
      <c r="N158858" s="10"/>
    </row>
    <row r="158859" spans="14:14">
      <c r="N158859" s="10"/>
    </row>
    <row r="158860" spans="14:14">
      <c r="N158860" s="10"/>
    </row>
    <row r="158861" spans="14:14">
      <c r="N158861" s="10"/>
    </row>
    <row r="158862" spans="14:14">
      <c r="N158862" s="10"/>
    </row>
    <row r="158863" spans="14:14">
      <c r="N158863" s="10"/>
    </row>
    <row r="158864" spans="14:14">
      <c r="N158864" s="10"/>
    </row>
    <row r="158865" spans="14:14">
      <c r="N158865" s="10"/>
    </row>
    <row r="158866" spans="14:14">
      <c r="N158866" s="10"/>
    </row>
    <row r="158867" spans="14:14">
      <c r="N158867" s="10"/>
    </row>
    <row r="158868" spans="14:14">
      <c r="N158868" s="10"/>
    </row>
    <row r="158869" spans="14:14">
      <c r="N158869" s="10"/>
    </row>
    <row r="158870" spans="14:14">
      <c r="N158870" s="10"/>
    </row>
    <row r="158871" spans="14:14">
      <c r="N158871" s="10"/>
    </row>
    <row r="158872" spans="14:14">
      <c r="N158872" s="10"/>
    </row>
    <row r="158873" spans="14:14">
      <c r="N158873" s="10"/>
    </row>
    <row r="158874" spans="14:14">
      <c r="N158874" s="10"/>
    </row>
    <row r="158875" spans="14:14">
      <c r="N158875" s="10"/>
    </row>
    <row r="158876" spans="14:14">
      <c r="N158876" s="10"/>
    </row>
    <row r="158877" spans="14:14">
      <c r="N158877" s="10"/>
    </row>
    <row r="158878" spans="14:14">
      <c r="N158878" s="10"/>
    </row>
    <row r="158879" spans="14:14">
      <c r="N158879" s="10"/>
    </row>
    <row r="158880" spans="14:14">
      <c r="N158880" s="10"/>
    </row>
    <row r="158881" spans="14:14">
      <c r="N158881" s="10"/>
    </row>
    <row r="158882" spans="14:14">
      <c r="N158882" s="10"/>
    </row>
    <row r="158883" spans="14:14">
      <c r="N158883" s="10"/>
    </row>
    <row r="158884" spans="14:14">
      <c r="N158884" s="10"/>
    </row>
    <row r="158885" spans="14:14">
      <c r="N158885" s="10"/>
    </row>
    <row r="158886" spans="14:14">
      <c r="N158886" s="10"/>
    </row>
    <row r="158887" spans="14:14">
      <c r="N158887" s="10"/>
    </row>
    <row r="158888" spans="14:14">
      <c r="N158888" s="10"/>
    </row>
    <row r="158889" spans="14:14">
      <c r="N158889" s="10"/>
    </row>
    <row r="158890" spans="14:14">
      <c r="N158890" s="10"/>
    </row>
    <row r="158891" spans="14:14">
      <c r="N158891" s="10"/>
    </row>
    <row r="158892" spans="14:14">
      <c r="N158892" s="10"/>
    </row>
    <row r="158893" spans="14:14">
      <c r="N158893" s="10"/>
    </row>
    <row r="158894" spans="14:14">
      <c r="N158894" s="10"/>
    </row>
    <row r="158895" spans="14:14">
      <c r="N158895" s="10"/>
    </row>
    <row r="158896" spans="14:14">
      <c r="N158896" s="10"/>
    </row>
    <row r="158897" spans="14:14">
      <c r="N158897" s="10"/>
    </row>
    <row r="158898" spans="14:14">
      <c r="N158898" s="10"/>
    </row>
    <row r="158899" spans="14:14">
      <c r="N158899" s="10"/>
    </row>
    <row r="158900" spans="14:14">
      <c r="N158900" s="10"/>
    </row>
    <row r="158901" spans="14:14">
      <c r="N158901" s="10"/>
    </row>
    <row r="158902" spans="14:14">
      <c r="N158902" s="10"/>
    </row>
    <row r="158903" spans="14:14">
      <c r="N158903" s="10"/>
    </row>
    <row r="158904" spans="14:14">
      <c r="N158904" s="10"/>
    </row>
    <row r="158905" spans="14:14">
      <c r="N158905" s="10"/>
    </row>
    <row r="158906" spans="14:14">
      <c r="N158906" s="10"/>
    </row>
    <row r="158907" spans="14:14">
      <c r="N158907" s="10"/>
    </row>
    <row r="158908" spans="14:14">
      <c r="N158908" s="10"/>
    </row>
    <row r="158909" spans="14:14">
      <c r="N158909" s="10"/>
    </row>
    <row r="158910" spans="14:14">
      <c r="N158910" s="10"/>
    </row>
    <row r="158911" spans="14:14">
      <c r="N158911" s="10"/>
    </row>
    <row r="158912" spans="14:14">
      <c r="N158912" s="10"/>
    </row>
    <row r="158913" spans="14:14">
      <c r="N158913" s="10"/>
    </row>
    <row r="158914" spans="14:14">
      <c r="N158914" s="10"/>
    </row>
    <row r="158915" spans="14:14">
      <c r="N158915" s="10"/>
    </row>
    <row r="158916" spans="14:14">
      <c r="N158916" s="10"/>
    </row>
    <row r="158917" spans="14:14">
      <c r="N158917" s="10"/>
    </row>
    <row r="158918" spans="14:14">
      <c r="N158918" s="10"/>
    </row>
    <row r="158919" spans="14:14">
      <c r="N158919" s="10"/>
    </row>
    <row r="158920" spans="14:14">
      <c r="N158920" s="10"/>
    </row>
    <row r="158921" spans="14:14">
      <c r="N158921" s="10"/>
    </row>
    <row r="158922" spans="14:14">
      <c r="N158922" s="10"/>
    </row>
    <row r="158923" spans="14:14">
      <c r="N158923" s="10"/>
    </row>
    <row r="158924" spans="14:14">
      <c r="N158924" s="10"/>
    </row>
    <row r="158925" spans="14:14">
      <c r="N158925" s="10"/>
    </row>
    <row r="158926" spans="14:14">
      <c r="N158926" s="10"/>
    </row>
    <row r="158927" spans="14:14">
      <c r="N158927" s="10"/>
    </row>
    <row r="158928" spans="14:14">
      <c r="N158928" s="10"/>
    </row>
    <row r="158929" spans="14:14">
      <c r="N158929" s="10"/>
    </row>
    <row r="158930" spans="14:14">
      <c r="N158930" s="10"/>
    </row>
    <row r="158931" spans="14:14">
      <c r="N158931" s="10"/>
    </row>
    <row r="158932" spans="14:14">
      <c r="N158932" s="10"/>
    </row>
    <row r="158933" spans="14:14">
      <c r="N158933" s="10"/>
    </row>
    <row r="158934" spans="14:14">
      <c r="N158934" s="10"/>
    </row>
    <row r="158935" spans="14:14">
      <c r="N158935" s="10"/>
    </row>
    <row r="158936" spans="14:14">
      <c r="N158936" s="10"/>
    </row>
    <row r="158937" spans="14:14">
      <c r="N158937" s="10"/>
    </row>
    <row r="158938" spans="14:14">
      <c r="N158938" s="10"/>
    </row>
    <row r="158939" spans="14:14">
      <c r="N158939" s="10"/>
    </row>
    <row r="158940" spans="14:14">
      <c r="N158940" s="10"/>
    </row>
    <row r="158941" spans="14:14">
      <c r="N158941" s="10"/>
    </row>
    <row r="158942" spans="14:14">
      <c r="N158942" s="10"/>
    </row>
    <row r="158943" spans="14:14">
      <c r="N158943" s="10"/>
    </row>
    <row r="158944" spans="14:14">
      <c r="N158944" s="10"/>
    </row>
    <row r="158945" spans="14:14">
      <c r="N158945" s="10"/>
    </row>
    <row r="158946" spans="14:14">
      <c r="N158946" s="10"/>
    </row>
    <row r="158947" spans="14:14">
      <c r="N158947" s="10"/>
    </row>
    <row r="158948" spans="14:14">
      <c r="N158948" s="10"/>
    </row>
    <row r="158949" spans="14:14">
      <c r="N158949" s="10"/>
    </row>
    <row r="158950" spans="14:14">
      <c r="N158950" s="10"/>
    </row>
    <row r="158951" spans="14:14">
      <c r="N158951" s="10"/>
    </row>
    <row r="158952" spans="14:14">
      <c r="N158952" s="10"/>
    </row>
    <row r="158953" spans="14:14">
      <c r="N158953" s="10"/>
    </row>
    <row r="158954" spans="14:14">
      <c r="N158954" s="10"/>
    </row>
    <row r="158955" spans="14:14">
      <c r="N158955" s="10"/>
    </row>
    <row r="158956" spans="14:14">
      <c r="N158956" s="10"/>
    </row>
    <row r="158957" spans="14:14">
      <c r="N158957" s="10"/>
    </row>
    <row r="158958" spans="14:14">
      <c r="N158958" s="10"/>
    </row>
    <row r="158959" spans="14:14">
      <c r="N158959" s="10"/>
    </row>
    <row r="158960" spans="14:14">
      <c r="N158960" s="10"/>
    </row>
    <row r="158961" spans="14:14">
      <c r="N158961" s="10"/>
    </row>
    <row r="158962" spans="14:14">
      <c r="N158962" s="10"/>
    </row>
    <row r="158963" spans="14:14">
      <c r="N158963" s="10"/>
    </row>
    <row r="158964" spans="14:14">
      <c r="N158964" s="10"/>
    </row>
    <row r="158965" spans="14:14">
      <c r="N158965" s="10"/>
    </row>
    <row r="158966" spans="14:14">
      <c r="N158966" s="10"/>
    </row>
    <row r="158967" spans="14:14">
      <c r="N158967" s="10"/>
    </row>
    <row r="158968" spans="14:14">
      <c r="N158968" s="10"/>
    </row>
    <row r="158969" spans="14:14">
      <c r="N158969" s="10"/>
    </row>
    <row r="158970" spans="14:14">
      <c r="N158970" s="10"/>
    </row>
    <row r="158971" spans="14:14">
      <c r="N158971" s="10"/>
    </row>
    <row r="158972" spans="14:14">
      <c r="N158972" s="10"/>
    </row>
    <row r="158973" spans="14:14">
      <c r="N158973" s="10"/>
    </row>
    <row r="158974" spans="14:14">
      <c r="N158974" s="10"/>
    </row>
    <row r="158975" spans="14:14">
      <c r="N158975" s="10"/>
    </row>
    <row r="158976" spans="14:14">
      <c r="N158976" s="10"/>
    </row>
    <row r="158977" spans="14:14">
      <c r="N158977" s="10"/>
    </row>
    <row r="158978" spans="14:14">
      <c r="N158978" s="10"/>
    </row>
    <row r="158979" spans="14:14">
      <c r="N158979" s="10"/>
    </row>
    <row r="158980" spans="14:14">
      <c r="N158980" s="10"/>
    </row>
    <row r="158981" spans="14:14">
      <c r="N158981" s="10"/>
    </row>
    <row r="158982" spans="14:14">
      <c r="N158982" s="10"/>
    </row>
    <row r="158983" spans="14:14">
      <c r="N158983" s="10"/>
    </row>
    <row r="158984" spans="14:14">
      <c r="N158984" s="10"/>
    </row>
    <row r="158985" spans="14:14">
      <c r="N158985" s="10"/>
    </row>
    <row r="158986" spans="14:14">
      <c r="N158986" s="10"/>
    </row>
    <row r="158987" spans="14:14">
      <c r="N158987" s="10"/>
    </row>
    <row r="158988" spans="14:14">
      <c r="N158988" s="10"/>
    </row>
    <row r="158989" spans="14:14">
      <c r="N158989" s="10"/>
    </row>
    <row r="158990" spans="14:14">
      <c r="N158990" s="10"/>
    </row>
    <row r="158991" spans="14:14">
      <c r="N158991" s="10"/>
    </row>
    <row r="158992" spans="14:14">
      <c r="N158992" s="10"/>
    </row>
    <row r="158993" spans="14:14">
      <c r="N158993" s="10"/>
    </row>
    <row r="158994" spans="14:14">
      <c r="N158994" s="10"/>
    </row>
    <row r="158995" spans="14:14">
      <c r="N158995" s="10"/>
    </row>
    <row r="158996" spans="14:14">
      <c r="N158996" s="10"/>
    </row>
    <row r="158997" spans="14:14">
      <c r="N158997" s="10"/>
    </row>
    <row r="158998" spans="14:14">
      <c r="N158998" s="10"/>
    </row>
    <row r="158999" spans="14:14">
      <c r="N158999" s="10"/>
    </row>
    <row r="159000" spans="14:14">
      <c r="N159000" s="10"/>
    </row>
    <row r="159001" spans="14:14">
      <c r="N159001" s="10"/>
    </row>
    <row r="159002" spans="14:14">
      <c r="N159002" s="10"/>
    </row>
    <row r="159003" spans="14:14">
      <c r="N159003" s="10"/>
    </row>
    <row r="159004" spans="14:14">
      <c r="N159004" s="10"/>
    </row>
    <row r="159005" spans="14:14">
      <c r="N159005" s="10"/>
    </row>
    <row r="159006" spans="14:14">
      <c r="N159006" s="10"/>
    </row>
    <row r="159007" spans="14:14">
      <c r="N159007" s="10"/>
    </row>
    <row r="159008" spans="14:14">
      <c r="N159008" s="10"/>
    </row>
    <row r="159009" spans="14:14">
      <c r="N159009" s="10"/>
    </row>
    <row r="159010" spans="14:14">
      <c r="N159010" s="10"/>
    </row>
    <row r="159011" spans="14:14">
      <c r="N159011" s="10"/>
    </row>
    <row r="159012" spans="14:14">
      <c r="N159012" s="10"/>
    </row>
    <row r="159013" spans="14:14">
      <c r="N159013" s="10"/>
    </row>
    <row r="159014" spans="14:14">
      <c r="N159014" s="10"/>
    </row>
    <row r="159015" spans="14:14">
      <c r="N159015" s="10"/>
    </row>
    <row r="159016" spans="14:14">
      <c r="N159016" s="10"/>
    </row>
    <row r="159017" spans="14:14">
      <c r="N159017" s="10"/>
    </row>
    <row r="159018" spans="14:14">
      <c r="N159018" s="10"/>
    </row>
    <row r="159019" spans="14:14">
      <c r="N159019" s="10"/>
    </row>
    <row r="159020" spans="14:14">
      <c r="N159020" s="10"/>
    </row>
    <row r="159021" spans="14:14">
      <c r="N159021" s="10"/>
    </row>
    <row r="159022" spans="14:14">
      <c r="N159022" s="10"/>
    </row>
    <row r="159023" spans="14:14">
      <c r="N159023" s="10"/>
    </row>
    <row r="159024" spans="14:14">
      <c r="N159024" s="10"/>
    </row>
    <row r="159025" spans="14:14">
      <c r="N159025" s="10"/>
    </row>
    <row r="159026" spans="14:14">
      <c r="N159026" s="10"/>
    </row>
    <row r="159027" spans="14:14">
      <c r="N159027" s="10"/>
    </row>
    <row r="159028" spans="14:14">
      <c r="N159028" s="10"/>
    </row>
    <row r="159029" spans="14:14">
      <c r="N159029" s="10"/>
    </row>
    <row r="159030" spans="14:14">
      <c r="N159030" s="10"/>
    </row>
    <row r="159031" spans="14:14">
      <c r="N159031" s="10"/>
    </row>
    <row r="159032" spans="14:14">
      <c r="N159032" s="10"/>
    </row>
    <row r="159033" spans="14:14">
      <c r="N159033" s="10"/>
    </row>
    <row r="159034" spans="14:14">
      <c r="N159034" s="10"/>
    </row>
    <row r="159035" spans="14:14">
      <c r="N159035" s="10"/>
    </row>
    <row r="159036" spans="14:14">
      <c r="N159036" s="10"/>
    </row>
    <row r="159037" spans="14:14">
      <c r="N159037" s="10"/>
    </row>
    <row r="159038" spans="14:14">
      <c r="N159038" s="10"/>
    </row>
    <row r="159039" spans="14:14">
      <c r="N159039" s="10"/>
    </row>
    <row r="159040" spans="14:14">
      <c r="N159040" s="10"/>
    </row>
    <row r="159041" spans="14:14">
      <c r="N159041" s="10"/>
    </row>
    <row r="159042" spans="14:14">
      <c r="N159042" s="10"/>
    </row>
    <row r="159043" spans="14:14">
      <c r="N159043" s="10"/>
    </row>
    <row r="159044" spans="14:14">
      <c r="N159044" s="10"/>
    </row>
    <row r="159045" spans="14:14">
      <c r="N159045" s="10"/>
    </row>
    <row r="159046" spans="14:14">
      <c r="N159046" s="10"/>
    </row>
    <row r="159047" spans="14:14">
      <c r="N159047" s="10"/>
    </row>
    <row r="159048" spans="14:14">
      <c r="N159048" s="10"/>
    </row>
    <row r="159049" spans="14:14">
      <c r="N159049" s="10"/>
    </row>
    <row r="159050" spans="14:14">
      <c r="N159050" s="10"/>
    </row>
    <row r="159051" spans="14:14">
      <c r="N159051" s="10"/>
    </row>
    <row r="159052" spans="14:14">
      <c r="N159052" s="10"/>
    </row>
    <row r="159053" spans="14:14">
      <c r="N159053" s="10"/>
    </row>
    <row r="159054" spans="14:14">
      <c r="N159054" s="10"/>
    </row>
    <row r="159055" spans="14:14">
      <c r="N159055" s="10"/>
    </row>
    <row r="159056" spans="14:14">
      <c r="N159056" s="10"/>
    </row>
    <row r="159057" spans="14:14">
      <c r="N159057" s="10"/>
    </row>
    <row r="159058" spans="14:14">
      <c r="N159058" s="10"/>
    </row>
    <row r="159059" spans="14:14">
      <c r="N159059" s="10"/>
    </row>
    <row r="159060" spans="14:14">
      <c r="N159060" s="10"/>
    </row>
    <row r="159061" spans="14:14">
      <c r="N159061" s="10"/>
    </row>
    <row r="159062" spans="14:14">
      <c r="N159062" s="10"/>
    </row>
    <row r="159063" spans="14:14">
      <c r="N159063" s="10"/>
    </row>
    <row r="159064" spans="14:14">
      <c r="N159064" s="10"/>
    </row>
    <row r="159065" spans="14:14">
      <c r="N159065" s="10"/>
    </row>
    <row r="159066" spans="14:14">
      <c r="N159066" s="10"/>
    </row>
    <row r="159067" spans="14:14">
      <c r="N159067" s="10"/>
    </row>
    <row r="159068" spans="14:14">
      <c r="N159068" s="10"/>
    </row>
    <row r="159069" spans="14:14">
      <c r="N159069" s="10"/>
    </row>
    <row r="159070" spans="14:14">
      <c r="N159070" s="10"/>
    </row>
    <row r="159071" spans="14:14">
      <c r="N159071" s="10"/>
    </row>
    <row r="159072" spans="14:14">
      <c r="N159072" s="10"/>
    </row>
    <row r="159073" spans="14:14">
      <c r="N159073" s="10"/>
    </row>
    <row r="159074" spans="14:14">
      <c r="N159074" s="10"/>
    </row>
    <row r="159075" spans="14:14">
      <c r="N159075" s="10"/>
    </row>
    <row r="159076" spans="14:14">
      <c r="N159076" s="10"/>
    </row>
    <row r="159077" spans="14:14">
      <c r="N159077" s="10"/>
    </row>
    <row r="159078" spans="14:14">
      <c r="N159078" s="10"/>
    </row>
    <row r="159079" spans="14:14">
      <c r="N159079" s="10"/>
    </row>
    <row r="159080" spans="14:14">
      <c r="N159080" s="10"/>
    </row>
    <row r="159081" spans="14:14">
      <c r="N159081" s="10"/>
    </row>
    <row r="159082" spans="14:14">
      <c r="N159082" s="10"/>
    </row>
    <row r="159083" spans="14:14">
      <c r="N159083" s="10"/>
    </row>
    <row r="159084" spans="14:14">
      <c r="N159084" s="10"/>
    </row>
    <row r="159085" spans="14:14">
      <c r="N159085" s="10"/>
    </row>
    <row r="159086" spans="14:14">
      <c r="N159086" s="10"/>
    </row>
    <row r="159087" spans="14:14">
      <c r="N159087" s="10"/>
    </row>
    <row r="159088" spans="14:14">
      <c r="N159088" s="10"/>
    </row>
    <row r="159089" spans="14:14">
      <c r="N159089" s="10"/>
    </row>
    <row r="159090" spans="14:14">
      <c r="N159090" s="10"/>
    </row>
    <row r="159091" spans="14:14">
      <c r="N159091" s="10"/>
    </row>
    <row r="159092" spans="14:14">
      <c r="N159092" s="10"/>
    </row>
    <row r="159093" spans="14:14">
      <c r="N159093" s="10"/>
    </row>
    <row r="159094" spans="14:14">
      <c r="N159094" s="10"/>
    </row>
    <row r="159095" spans="14:14">
      <c r="N159095" s="10"/>
    </row>
    <row r="159096" spans="14:14">
      <c r="N159096" s="10"/>
    </row>
    <row r="159097" spans="14:14">
      <c r="N159097" s="10"/>
    </row>
    <row r="159098" spans="14:14">
      <c r="N159098" s="10"/>
    </row>
    <row r="159099" spans="14:14">
      <c r="N159099" s="10"/>
    </row>
    <row r="159100" spans="14:14">
      <c r="N159100" s="10"/>
    </row>
    <row r="159101" spans="14:14">
      <c r="N159101" s="10"/>
    </row>
    <row r="159102" spans="14:14">
      <c r="N159102" s="10"/>
    </row>
    <row r="159103" spans="14:14">
      <c r="N159103" s="10"/>
    </row>
    <row r="159104" spans="14:14">
      <c r="N159104" s="10"/>
    </row>
    <row r="159105" spans="14:14">
      <c r="N159105" s="10"/>
    </row>
    <row r="159106" spans="14:14">
      <c r="N159106" s="10"/>
    </row>
    <row r="159107" spans="14:14">
      <c r="N159107" s="10"/>
    </row>
    <row r="159108" spans="14:14">
      <c r="N159108" s="10"/>
    </row>
    <row r="159109" spans="14:14">
      <c r="N159109" s="10"/>
    </row>
    <row r="159110" spans="14:14">
      <c r="N159110" s="10"/>
    </row>
    <row r="159111" spans="14:14">
      <c r="N159111" s="10"/>
    </row>
    <row r="159112" spans="14:14">
      <c r="N159112" s="10"/>
    </row>
    <row r="159113" spans="14:14">
      <c r="N159113" s="10"/>
    </row>
    <row r="159114" spans="14:14">
      <c r="N159114" s="10"/>
    </row>
    <row r="159115" spans="14:14">
      <c r="N159115" s="10"/>
    </row>
    <row r="159116" spans="14:14">
      <c r="N159116" s="10"/>
    </row>
    <row r="159117" spans="14:14">
      <c r="N159117" s="10"/>
    </row>
    <row r="159118" spans="14:14">
      <c r="N159118" s="10"/>
    </row>
    <row r="159119" spans="14:14">
      <c r="N159119" s="10"/>
    </row>
    <row r="159120" spans="14:14">
      <c r="N159120" s="10"/>
    </row>
    <row r="159121" spans="14:14">
      <c r="N159121" s="10"/>
    </row>
    <row r="159122" spans="14:14">
      <c r="N159122" s="10"/>
    </row>
    <row r="159123" spans="14:14">
      <c r="N159123" s="10"/>
    </row>
    <row r="159124" spans="14:14">
      <c r="N159124" s="10"/>
    </row>
    <row r="159125" spans="14:14">
      <c r="N159125" s="10"/>
    </row>
    <row r="159126" spans="14:14">
      <c r="N159126" s="10"/>
    </row>
    <row r="159127" spans="14:14">
      <c r="N159127" s="10"/>
    </row>
    <row r="159128" spans="14:14">
      <c r="N159128" s="10"/>
    </row>
    <row r="159129" spans="14:14">
      <c r="N159129" s="10"/>
    </row>
    <row r="159130" spans="14:14">
      <c r="N159130" s="10"/>
    </row>
    <row r="159131" spans="14:14">
      <c r="N159131" s="10"/>
    </row>
    <row r="159132" spans="14:14">
      <c r="N159132" s="10"/>
    </row>
    <row r="159133" spans="14:14">
      <c r="N159133" s="10"/>
    </row>
    <row r="159134" spans="14:14">
      <c r="N159134" s="10"/>
    </row>
    <row r="159135" spans="14:14">
      <c r="N159135" s="10"/>
    </row>
    <row r="159136" spans="14:14">
      <c r="N159136" s="10"/>
    </row>
    <row r="159137" spans="14:14">
      <c r="N159137" s="10"/>
    </row>
    <row r="159138" spans="14:14">
      <c r="N159138" s="10"/>
    </row>
    <row r="159139" spans="14:14">
      <c r="N159139" s="10"/>
    </row>
    <row r="159140" spans="14:14">
      <c r="N159140" s="10"/>
    </row>
    <row r="159141" spans="14:14">
      <c r="N159141" s="10"/>
    </row>
    <row r="159142" spans="14:14">
      <c r="N159142" s="10"/>
    </row>
    <row r="159143" spans="14:14">
      <c r="N159143" s="10"/>
    </row>
    <row r="159144" spans="14:14">
      <c r="N159144" s="10"/>
    </row>
    <row r="159145" spans="14:14">
      <c r="N159145" s="10"/>
    </row>
    <row r="159146" spans="14:14">
      <c r="N159146" s="10"/>
    </row>
    <row r="159147" spans="14:14">
      <c r="N159147" s="10"/>
    </row>
    <row r="159148" spans="14:14">
      <c r="N159148" s="10"/>
    </row>
    <row r="159149" spans="14:14">
      <c r="N159149" s="10"/>
    </row>
    <row r="159150" spans="14:14">
      <c r="N159150" s="10"/>
    </row>
    <row r="159151" spans="14:14">
      <c r="N159151" s="10"/>
    </row>
    <row r="159152" spans="14:14">
      <c r="N159152" s="10"/>
    </row>
    <row r="159153" spans="14:14">
      <c r="N159153" s="10"/>
    </row>
    <row r="159154" spans="14:14">
      <c r="N159154" s="10"/>
    </row>
    <row r="159155" spans="14:14">
      <c r="N159155" s="10"/>
    </row>
    <row r="159156" spans="14:14">
      <c r="N159156" s="10"/>
    </row>
    <row r="159157" spans="14:14">
      <c r="N159157" s="10"/>
    </row>
    <row r="159158" spans="14:14">
      <c r="N159158" s="10"/>
    </row>
    <row r="159159" spans="14:14">
      <c r="N159159" s="10"/>
    </row>
    <row r="159160" spans="14:14">
      <c r="N159160" s="10"/>
    </row>
    <row r="159161" spans="14:14">
      <c r="N159161" s="10"/>
    </row>
    <row r="159162" spans="14:14">
      <c r="N159162" s="10"/>
    </row>
    <row r="159163" spans="14:14">
      <c r="N159163" s="10"/>
    </row>
    <row r="159164" spans="14:14">
      <c r="N159164" s="10"/>
    </row>
    <row r="159165" spans="14:14">
      <c r="N159165" s="10"/>
    </row>
    <row r="159166" spans="14:14">
      <c r="N159166" s="10"/>
    </row>
    <row r="159167" spans="14:14">
      <c r="N159167" s="10"/>
    </row>
    <row r="159168" spans="14:14">
      <c r="N159168" s="10"/>
    </row>
    <row r="159169" spans="14:14">
      <c r="N159169" s="10"/>
    </row>
    <row r="159170" spans="14:14">
      <c r="N159170" s="10"/>
    </row>
    <row r="159171" spans="14:14">
      <c r="N159171" s="10"/>
    </row>
    <row r="159172" spans="14:14">
      <c r="N159172" s="10"/>
    </row>
    <row r="159173" spans="14:14">
      <c r="N159173" s="10"/>
    </row>
    <row r="159174" spans="14:14">
      <c r="N159174" s="10"/>
    </row>
    <row r="159175" spans="14:14">
      <c r="N159175" s="10"/>
    </row>
    <row r="159176" spans="14:14">
      <c r="N159176" s="10"/>
    </row>
    <row r="159177" spans="14:14">
      <c r="N159177" s="10"/>
    </row>
    <row r="159178" spans="14:14">
      <c r="N159178" s="10"/>
    </row>
    <row r="159179" spans="14:14">
      <c r="N159179" s="10"/>
    </row>
    <row r="159180" spans="14:14">
      <c r="N159180" s="10"/>
    </row>
    <row r="159181" spans="14:14">
      <c r="N159181" s="10"/>
    </row>
    <row r="159182" spans="14:14">
      <c r="N159182" s="10"/>
    </row>
    <row r="159183" spans="14:14">
      <c r="N159183" s="10"/>
    </row>
    <row r="159184" spans="14:14">
      <c r="N159184" s="10"/>
    </row>
    <row r="159185" spans="14:14">
      <c r="N159185" s="10"/>
    </row>
    <row r="159186" spans="14:14">
      <c r="N159186" s="10"/>
    </row>
    <row r="159187" spans="14:14">
      <c r="N159187" s="10"/>
    </row>
    <row r="159188" spans="14:14">
      <c r="N159188" s="10"/>
    </row>
    <row r="159189" spans="14:14">
      <c r="N159189" s="10"/>
    </row>
    <row r="159190" spans="14:14">
      <c r="N159190" s="10"/>
    </row>
    <row r="159191" spans="14:14">
      <c r="N159191" s="10"/>
    </row>
    <row r="159192" spans="14:14">
      <c r="N159192" s="10"/>
    </row>
    <row r="159193" spans="14:14">
      <c r="N159193" s="10"/>
    </row>
    <row r="159194" spans="14:14">
      <c r="N159194" s="10"/>
    </row>
    <row r="159195" spans="14:14">
      <c r="N159195" s="10"/>
    </row>
    <row r="159196" spans="14:14">
      <c r="N159196" s="10"/>
    </row>
    <row r="159197" spans="14:14">
      <c r="N159197" s="10"/>
    </row>
    <row r="159198" spans="14:14">
      <c r="N159198" s="10"/>
    </row>
    <row r="159199" spans="14:14">
      <c r="N159199" s="10"/>
    </row>
    <row r="159200" spans="14:14">
      <c r="N159200" s="10"/>
    </row>
    <row r="159201" spans="14:14">
      <c r="N159201" s="10"/>
    </row>
    <row r="159202" spans="14:14">
      <c r="N159202" s="10"/>
    </row>
    <row r="159203" spans="14:14">
      <c r="N159203" s="10"/>
    </row>
    <row r="159204" spans="14:14">
      <c r="N159204" s="10"/>
    </row>
    <row r="159205" spans="14:14">
      <c r="N159205" s="10"/>
    </row>
    <row r="159206" spans="14:14">
      <c r="N159206" s="10"/>
    </row>
    <row r="159207" spans="14:14">
      <c r="N159207" s="10"/>
    </row>
    <row r="159208" spans="14:14">
      <c r="N159208" s="10"/>
    </row>
    <row r="159209" spans="14:14">
      <c r="N159209" s="10"/>
    </row>
    <row r="159210" spans="14:14">
      <c r="N159210" s="10"/>
    </row>
    <row r="159211" spans="14:14">
      <c r="N159211" s="10"/>
    </row>
    <row r="159212" spans="14:14">
      <c r="N159212" s="10"/>
    </row>
    <row r="159213" spans="14:14">
      <c r="N159213" s="10"/>
    </row>
    <row r="159214" spans="14:14">
      <c r="N159214" s="10"/>
    </row>
    <row r="159215" spans="14:14">
      <c r="N159215" s="10"/>
    </row>
    <row r="159216" spans="14:14">
      <c r="N159216" s="10"/>
    </row>
    <row r="159217" spans="14:14">
      <c r="N159217" s="10"/>
    </row>
    <row r="159218" spans="14:14">
      <c r="N159218" s="10"/>
    </row>
    <row r="159219" spans="14:14">
      <c r="N159219" s="10"/>
    </row>
    <row r="159220" spans="14:14">
      <c r="N159220" s="10"/>
    </row>
    <row r="159221" spans="14:14">
      <c r="N159221" s="10"/>
    </row>
    <row r="159222" spans="14:14">
      <c r="N159222" s="10"/>
    </row>
    <row r="159223" spans="14:14">
      <c r="N159223" s="10"/>
    </row>
    <row r="159224" spans="14:14">
      <c r="N159224" s="10"/>
    </row>
    <row r="159225" spans="14:14">
      <c r="N159225" s="10"/>
    </row>
    <row r="159226" spans="14:14">
      <c r="N159226" s="10"/>
    </row>
    <row r="159227" spans="14:14">
      <c r="N159227" s="10"/>
    </row>
    <row r="159228" spans="14:14">
      <c r="N159228" s="10"/>
    </row>
    <row r="159229" spans="14:14">
      <c r="N159229" s="10"/>
    </row>
    <row r="159230" spans="14:14">
      <c r="N159230" s="10"/>
    </row>
    <row r="159231" spans="14:14">
      <c r="N159231" s="10"/>
    </row>
    <row r="159232" spans="14:14">
      <c r="N159232" s="10"/>
    </row>
    <row r="159233" spans="14:14">
      <c r="N159233" s="10"/>
    </row>
    <row r="159234" spans="14:14">
      <c r="N159234" s="10"/>
    </row>
    <row r="159235" spans="14:14">
      <c r="N159235" s="10"/>
    </row>
    <row r="159236" spans="14:14">
      <c r="N159236" s="10"/>
    </row>
    <row r="159237" spans="14:14">
      <c r="N159237" s="10"/>
    </row>
    <row r="159238" spans="14:14">
      <c r="N159238" s="10"/>
    </row>
    <row r="159239" spans="14:14">
      <c r="N159239" s="10"/>
    </row>
    <row r="159240" spans="14:14">
      <c r="N159240" s="10"/>
    </row>
    <row r="159241" spans="14:14">
      <c r="N159241" s="10"/>
    </row>
    <row r="159242" spans="14:14">
      <c r="N159242" s="10"/>
    </row>
    <row r="159243" spans="14:14">
      <c r="N159243" s="10"/>
    </row>
    <row r="159244" spans="14:14">
      <c r="N159244" s="10"/>
    </row>
    <row r="159245" spans="14:14">
      <c r="N159245" s="10"/>
    </row>
    <row r="159246" spans="14:14">
      <c r="N159246" s="10"/>
    </row>
    <row r="159247" spans="14:14">
      <c r="N159247" s="10"/>
    </row>
    <row r="159248" spans="14:14">
      <c r="N159248" s="10"/>
    </row>
    <row r="159249" spans="14:14">
      <c r="N159249" s="10"/>
    </row>
    <row r="159250" spans="14:14">
      <c r="N159250" s="10"/>
    </row>
    <row r="159251" spans="14:14">
      <c r="N159251" s="10"/>
    </row>
    <row r="159252" spans="14:14">
      <c r="N159252" s="10"/>
    </row>
    <row r="159253" spans="14:14">
      <c r="N159253" s="10"/>
    </row>
    <row r="159254" spans="14:14">
      <c r="N159254" s="10"/>
    </row>
    <row r="159255" spans="14:14">
      <c r="N159255" s="10"/>
    </row>
    <row r="159256" spans="14:14">
      <c r="N159256" s="10"/>
    </row>
    <row r="159257" spans="14:14">
      <c r="N159257" s="10"/>
    </row>
    <row r="159258" spans="14:14">
      <c r="N159258" s="10"/>
    </row>
    <row r="159259" spans="14:14">
      <c r="N159259" s="10"/>
    </row>
    <row r="159260" spans="14:14">
      <c r="N159260" s="10"/>
    </row>
    <row r="159261" spans="14:14">
      <c r="N159261" s="10"/>
    </row>
    <row r="159262" spans="14:14">
      <c r="N159262" s="10"/>
    </row>
    <row r="159263" spans="14:14">
      <c r="N159263" s="10"/>
    </row>
    <row r="159264" spans="14:14">
      <c r="N159264" s="10"/>
    </row>
    <row r="159265" spans="14:14">
      <c r="N159265" s="10"/>
    </row>
    <row r="159266" spans="14:14">
      <c r="N159266" s="10"/>
    </row>
    <row r="159267" spans="14:14">
      <c r="N159267" s="10"/>
    </row>
    <row r="159268" spans="14:14">
      <c r="N159268" s="10"/>
    </row>
    <row r="159269" spans="14:14">
      <c r="N159269" s="10"/>
    </row>
    <row r="159270" spans="14:14">
      <c r="N159270" s="10"/>
    </row>
    <row r="159271" spans="14:14">
      <c r="N159271" s="10"/>
    </row>
    <row r="159272" spans="14:14">
      <c r="N159272" s="10"/>
    </row>
    <row r="159273" spans="14:14">
      <c r="N159273" s="10"/>
    </row>
    <row r="159274" spans="14:14">
      <c r="N159274" s="10"/>
    </row>
    <row r="159275" spans="14:14">
      <c r="N159275" s="10"/>
    </row>
    <row r="159276" spans="14:14">
      <c r="N159276" s="10"/>
    </row>
    <row r="159277" spans="14:14">
      <c r="N159277" s="10"/>
    </row>
    <row r="159278" spans="14:14">
      <c r="N159278" s="10"/>
    </row>
    <row r="159279" spans="14:14">
      <c r="N159279" s="10"/>
    </row>
    <row r="159280" spans="14:14">
      <c r="N159280" s="10"/>
    </row>
    <row r="159281" spans="14:14">
      <c r="N159281" s="10"/>
    </row>
    <row r="159282" spans="14:14">
      <c r="N159282" s="10"/>
    </row>
    <row r="159283" spans="14:14">
      <c r="N159283" s="10"/>
    </row>
    <row r="159284" spans="14:14">
      <c r="N159284" s="10"/>
    </row>
    <row r="159285" spans="14:14">
      <c r="N159285" s="10"/>
    </row>
    <row r="159286" spans="14:14">
      <c r="N159286" s="10"/>
    </row>
    <row r="159287" spans="14:14">
      <c r="N159287" s="10"/>
    </row>
    <row r="159288" spans="14:14">
      <c r="N159288" s="10"/>
    </row>
    <row r="159289" spans="14:14">
      <c r="N159289" s="10"/>
    </row>
    <row r="159290" spans="14:14">
      <c r="N159290" s="10"/>
    </row>
    <row r="159291" spans="14:14">
      <c r="N159291" s="10"/>
    </row>
    <row r="159292" spans="14:14">
      <c r="N159292" s="10"/>
    </row>
    <row r="159293" spans="14:14">
      <c r="N159293" s="10"/>
    </row>
    <row r="159294" spans="14:14">
      <c r="N159294" s="10"/>
    </row>
    <row r="159295" spans="14:14">
      <c r="N159295" s="10"/>
    </row>
    <row r="159296" spans="14:14">
      <c r="N159296" s="10"/>
    </row>
    <row r="159297" spans="14:14">
      <c r="N159297" s="10"/>
    </row>
    <row r="159298" spans="14:14">
      <c r="N159298" s="10"/>
    </row>
    <row r="159299" spans="14:14">
      <c r="N159299" s="10"/>
    </row>
    <row r="159300" spans="14:14">
      <c r="N159300" s="10"/>
    </row>
    <row r="159301" spans="14:14">
      <c r="N159301" s="10"/>
    </row>
    <row r="159302" spans="14:14">
      <c r="N159302" s="10"/>
    </row>
    <row r="159303" spans="14:14">
      <c r="N159303" s="10"/>
    </row>
    <row r="159304" spans="14:14">
      <c r="N159304" s="10"/>
    </row>
    <row r="159305" spans="14:14">
      <c r="N159305" s="10"/>
    </row>
    <row r="159306" spans="14:14">
      <c r="N159306" s="10"/>
    </row>
    <row r="159307" spans="14:14">
      <c r="N159307" s="10"/>
    </row>
    <row r="159308" spans="14:14">
      <c r="N159308" s="10"/>
    </row>
    <row r="159309" spans="14:14">
      <c r="N159309" s="10"/>
    </row>
    <row r="159310" spans="14:14">
      <c r="N159310" s="10"/>
    </row>
    <row r="159311" spans="14:14">
      <c r="N159311" s="10"/>
    </row>
    <row r="159312" spans="14:14">
      <c r="N159312" s="10"/>
    </row>
    <row r="159313" spans="14:14">
      <c r="N159313" s="10"/>
    </row>
    <row r="159314" spans="14:14">
      <c r="N159314" s="10"/>
    </row>
    <row r="159315" spans="14:14">
      <c r="N159315" s="10"/>
    </row>
    <row r="159316" spans="14:14">
      <c r="N159316" s="10"/>
    </row>
    <row r="159317" spans="14:14">
      <c r="N159317" s="10"/>
    </row>
    <row r="159318" spans="14:14">
      <c r="N159318" s="10"/>
    </row>
    <row r="159319" spans="14:14">
      <c r="N159319" s="10"/>
    </row>
    <row r="159320" spans="14:14">
      <c r="N159320" s="10"/>
    </row>
    <row r="159321" spans="14:14">
      <c r="N159321" s="10"/>
    </row>
    <row r="159322" spans="14:14">
      <c r="N159322" s="10"/>
    </row>
    <row r="159323" spans="14:14">
      <c r="N159323" s="10"/>
    </row>
    <row r="159324" spans="14:14">
      <c r="N159324" s="10"/>
    </row>
    <row r="159325" spans="14:14">
      <c r="N159325" s="10"/>
    </row>
    <row r="159326" spans="14:14">
      <c r="N159326" s="10"/>
    </row>
    <row r="159327" spans="14:14">
      <c r="N159327" s="10"/>
    </row>
    <row r="159328" spans="14:14">
      <c r="N159328" s="10"/>
    </row>
    <row r="159329" spans="14:14">
      <c r="N159329" s="10"/>
    </row>
    <row r="159330" spans="14:14">
      <c r="N159330" s="10"/>
    </row>
    <row r="159331" spans="14:14">
      <c r="N159331" s="10"/>
    </row>
    <row r="159332" spans="14:14">
      <c r="N159332" s="10"/>
    </row>
    <row r="159333" spans="14:14">
      <c r="N159333" s="10"/>
    </row>
    <row r="159334" spans="14:14">
      <c r="N159334" s="10"/>
    </row>
    <row r="159335" spans="14:14">
      <c r="N159335" s="10"/>
    </row>
    <row r="159336" spans="14:14">
      <c r="N159336" s="10"/>
    </row>
    <row r="159337" spans="14:14">
      <c r="N159337" s="10"/>
    </row>
    <row r="159338" spans="14:14">
      <c r="N159338" s="10"/>
    </row>
    <row r="159339" spans="14:14">
      <c r="N159339" s="10"/>
    </row>
    <row r="159340" spans="14:14">
      <c r="N159340" s="10"/>
    </row>
    <row r="159341" spans="14:14">
      <c r="N159341" s="10"/>
    </row>
    <row r="159342" spans="14:14">
      <c r="N159342" s="10"/>
    </row>
    <row r="159343" spans="14:14">
      <c r="N159343" s="10"/>
    </row>
    <row r="159344" spans="14:14">
      <c r="N159344" s="10"/>
    </row>
    <row r="159345" spans="14:14">
      <c r="N159345" s="10"/>
    </row>
    <row r="159346" spans="14:14">
      <c r="N159346" s="10"/>
    </row>
    <row r="159347" spans="14:14">
      <c r="N159347" s="10"/>
    </row>
    <row r="159348" spans="14:14">
      <c r="N159348" s="10"/>
    </row>
    <row r="159349" spans="14:14">
      <c r="N159349" s="10"/>
    </row>
    <row r="159350" spans="14:14">
      <c r="N159350" s="10"/>
    </row>
    <row r="159351" spans="14:14">
      <c r="N159351" s="10"/>
    </row>
    <row r="159352" spans="14:14">
      <c r="N159352" s="10"/>
    </row>
    <row r="159353" spans="14:14">
      <c r="N159353" s="10"/>
    </row>
    <row r="159354" spans="14:14">
      <c r="N159354" s="10"/>
    </row>
    <row r="159355" spans="14:14">
      <c r="N159355" s="10"/>
    </row>
    <row r="159356" spans="14:14">
      <c r="N159356" s="10"/>
    </row>
    <row r="159357" spans="14:14">
      <c r="N159357" s="10"/>
    </row>
    <row r="159358" spans="14:14">
      <c r="N159358" s="10"/>
    </row>
    <row r="159359" spans="14:14">
      <c r="N159359" s="10"/>
    </row>
    <row r="159360" spans="14:14">
      <c r="N159360" s="10"/>
    </row>
    <row r="159361" spans="14:14">
      <c r="N159361" s="10"/>
    </row>
    <row r="159362" spans="14:14">
      <c r="N159362" s="10"/>
    </row>
    <row r="159363" spans="14:14">
      <c r="N159363" s="10"/>
    </row>
    <row r="159364" spans="14:14">
      <c r="N159364" s="10"/>
    </row>
    <row r="159365" spans="14:14">
      <c r="N159365" s="10"/>
    </row>
    <row r="159366" spans="14:14">
      <c r="N159366" s="10"/>
    </row>
    <row r="159367" spans="14:14">
      <c r="N159367" s="10"/>
    </row>
    <row r="159368" spans="14:14">
      <c r="N159368" s="10"/>
    </row>
    <row r="159369" spans="14:14">
      <c r="N159369" s="10"/>
    </row>
    <row r="159370" spans="14:14">
      <c r="N159370" s="10"/>
    </row>
    <row r="159371" spans="14:14">
      <c r="N159371" s="10"/>
    </row>
    <row r="159372" spans="14:14">
      <c r="N159372" s="10"/>
    </row>
    <row r="159373" spans="14:14">
      <c r="N159373" s="10"/>
    </row>
    <row r="159374" spans="14:14">
      <c r="N159374" s="10"/>
    </row>
    <row r="159375" spans="14:14">
      <c r="N159375" s="10"/>
    </row>
    <row r="159376" spans="14:14">
      <c r="N159376" s="10"/>
    </row>
    <row r="159377" spans="14:14">
      <c r="N159377" s="10"/>
    </row>
    <row r="159378" spans="14:14">
      <c r="N159378" s="10"/>
    </row>
    <row r="159379" spans="14:14">
      <c r="N159379" s="10"/>
    </row>
    <row r="159380" spans="14:14">
      <c r="N159380" s="10"/>
    </row>
    <row r="159381" spans="14:14">
      <c r="N159381" s="10"/>
    </row>
    <row r="159382" spans="14:14">
      <c r="N159382" s="10"/>
    </row>
    <row r="159383" spans="14:14">
      <c r="N159383" s="10"/>
    </row>
    <row r="159384" spans="14:14">
      <c r="N159384" s="10"/>
    </row>
    <row r="159385" spans="14:14">
      <c r="N159385" s="10"/>
    </row>
    <row r="159386" spans="14:14">
      <c r="N159386" s="10"/>
    </row>
    <row r="159387" spans="14:14">
      <c r="N159387" s="10"/>
    </row>
    <row r="159388" spans="14:14">
      <c r="N159388" s="10"/>
    </row>
    <row r="159389" spans="14:14">
      <c r="N159389" s="10"/>
    </row>
    <row r="159390" spans="14:14">
      <c r="N159390" s="10"/>
    </row>
    <row r="159391" spans="14:14">
      <c r="N159391" s="10"/>
    </row>
    <row r="159392" spans="14:14">
      <c r="N159392" s="10"/>
    </row>
    <row r="159393" spans="14:14">
      <c r="N159393" s="10"/>
    </row>
    <row r="159394" spans="14:14">
      <c r="N159394" s="10"/>
    </row>
    <row r="159395" spans="14:14">
      <c r="N159395" s="10"/>
    </row>
    <row r="159396" spans="14:14">
      <c r="N159396" s="10"/>
    </row>
    <row r="159397" spans="14:14">
      <c r="N159397" s="10"/>
    </row>
    <row r="159398" spans="14:14">
      <c r="N159398" s="10"/>
    </row>
    <row r="159399" spans="14:14">
      <c r="N159399" s="10"/>
    </row>
    <row r="159400" spans="14:14">
      <c r="N159400" s="10"/>
    </row>
    <row r="159401" spans="14:14">
      <c r="N159401" s="10"/>
    </row>
    <row r="159402" spans="14:14">
      <c r="N159402" s="10"/>
    </row>
    <row r="159403" spans="14:14">
      <c r="N159403" s="10"/>
    </row>
    <row r="159404" spans="14:14">
      <c r="N159404" s="10"/>
    </row>
    <row r="159405" spans="14:14">
      <c r="N159405" s="10"/>
    </row>
    <row r="159406" spans="14:14">
      <c r="N159406" s="10"/>
    </row>
    <row r="159407" spans="14:14">
      <c r="N159407" s="10"/>
    </row>
    <row r="159408" spans="14:14">
      <c r="N159408" s="10"/>
    </row>
    <row r="159409" spans="14:14">
      <c r="N159409" s="10"/>
    </row>
    <row r="159410" spans="14:14">
      <c r="N159410" s="10"/>
    </row>
    <row r="159411" spans="14:14">
      <c r="N159411" s="10"/>
    </row>
    <row r="159412" spans="14:14">
      <c r="N159412" s="10"/>
    </row>
    <row r="159413" spans="14:14">
      <c r="N159413" s="10"/>
    </row>
    <row r="159414" spans="14:14">
      <c r="N159414" s="10"/>
    </row>
    <row r="159415" spans="14:14">
      <c r="N159415" s="10"/>
    </row>
    <row r="159416" spans="14:14">
      <c r="N159416" s="10"/>
    </row>
    <row r="159417" spans="14:14">
      <c r="N159417" s="10"/>
    </row>
    <row r="159418" spans="14:14">
      <c r="N159418" s="10"/>
    </row>
    <row r="159419" spans="14:14">
      <c r="N159419" s="10"/>
    </row>
    <row r="159420" spans="14:14">
      <c r="N159420" s="10"/>
    </row>
    <row r="159421" spans="14:14">
      <c r="N159421" s="10"/>
    </row>
    <row r="159422" spans="14:14">
      <c r="N159422" s="10"/>
    </row>
    <row r="159423" spans="14:14">
      <c r="N159423" s="10"/>
    </row>
    <row r="159424" spans="14:14">
      <c r="N159424" s="10"/>
    </row>
    <row r="159425" spans="14:14">
      <c r="N159425" s="10"/>
    </row>
    <row r="159426" spans="14:14">
      <c r="N159426" s="10"/>
    </row>
    <row r="159427" spans="14:14">
      <c r="N159427" s="10"/>
    </row>
    <row r="159428" spans="14:14">
      <c r="N159428" s="10"/>
    </row>
    <row r="159429" spans="14:14">
      <c r="N159429" s="10"/>
    </row>
    <row r="159430" spans="14:14">
      <c r="N159430" s="10"/>
    </row>
    <row r="159431" spans="14:14">
      <c r="N159431" s="10"/>
    </row>
    <row r="159432" spans="14:14">
      <c r="N159432" s="10"/>
    </row>
    <row r="159433" spans="14:14">
      <c r="N159433" s="10"/>
    </row>
    <row r="159434" spans="14:14">
      <c r="N159434" s="10"/>
    </row>
    <row r="159435" spans="14:14">
      <c r="N159435" s="10"/>
    </row>
    <row r="159436" spans="14:14">
      <c r="N159436" s="10"/>
    </row>
    <row r="159437" spans="14:14">
      <c r="N159437" s="10"/>
    </row>
    <row r="159438" spans="14:14">
      <c r="N159438" s="10"/>
    </row>
    <row r="159439" spans="14:14">
      <c r="N159439" s="10"/>
    </row>
    <row r="159440" spans="14:14">
      <c r="N159440" s="10"/>
    </row>
    <row r="159441" spans="14:14">
      <c r="N159441" s="10"/>
    </row>
    <row r="159442" spans="14:14">
      <c r="N159442" s="10"/>
    </row>
    <row r="159443" spans="14:14">
      <c r="N159443" s="10"/>
    </row>
    <row r="159444" spans="14:14">
      <c r="N159444" s="10"/>
    </row>
    <row r="159445" spans="14:14">
      <c r="N159445" s="10"/>
    </row>
    <row r="159446" spans="14:14">
      <c r="N159446" s="10"/>
    </row>
    <row r="159447" spans="14:14">
      <c r="N159447" s="10"/>
    </row>
    <row r="159448" spans="14:14">
      <c r="N159448" s="10"/>
    </row>
    <row r="159449" spans="14:14">
      <c r="N159449" s="10"/>
    </row>
    <row r="159450" spans="14:14">
      <c r="N159450" s="10"/>
    </row>
    <row r="159451" spans="14:14">
      <c r="N159451" s="10"/>
    </row>
    <row r="159452" spans="14:14">
      <c r="N159452" s="10"/>
    </row>
    <row r="159453" spans="14:14">
      <c r="N159453" s="10"/>
    </row>
    <row r="159454" spans="14:14">
      <c r="N159454" s="10"/>
    </row>
    <row r="159455" spans="14:14">
      <c r="N159455" s="10"/>
    </row>
    <row r="159456" spans="14:14">
      <c r="N159456" s="10"/>
    </row>
    <row r="159457" spans="14:14">
      <c r="N159457" s="10"/>
    </row>
    <row r="159458" spans="14:14">
      <c r="N159458" s="10"/>
    </row>
    <row r="159459" spans="14:14">
      <c r="N159459" s="10"/>
    </row>
    <row r="159460" spans="14:14">
      <c r="N159460" s="10"/>
    </row>
    <row r="159461" spans="14:14">
      <c r="N159461" s="10"/>
    </row>
    <row r="159462" spans="14:14">
      <c r="N159462" s="10"/>
    </row>
    <row r="159463" spans="14:14">
      <c r="N159463" s="10"/>
    </row>
    <row r="159464" spans="14:14">
      <c r="N159464" s="10"/>
    </row>
    <row r="159465" spans="14:14">
      <c r="N159465" s="10"/>
    </row>
    <row r="159466" spans="14:14">
      <c r="N159466" s="10"/>
    </row>
    <row r="159467" spans="14:14">
      <c r="N159467" s="10"/>
    </row>
    <row r="159468" spans="14:14">
      <c r="N159468" s="10"/>
    </row>
    <row r="159469" spans="14:14">
      <c r="N159469" s="10"/>
    </row>
    <row r="159470" spans="14:14">
      <c r="N159470" s="10"/>
    </row>
    <row r="159471" spans="14:14">
      <c r="N159471" s="10"/>
    </row>
    <row r="159472" spans="14:14">
      <c r="N159472" s="10"/>
    </row>
    <row r="159473" spans="14:14">
      <c r="N159473" s="10"/>
    </row>
    <row r="159474" spans="14:14">
      <c r="N159474" s="10"/>
    </row>
    <row r="159475" spans="14:14">
      <c r="N159475" s="10"/>
    </row>
    <row r="159476" spans="14:14">
      <c r="N159476" s="10"/>
    </row>
    <row r="159477" spans="14:14">
      <c r="N159477" s="10"/>
    </row>
    <row r="159478" spans="14:14">
      <c r="N159478" s="10"/>
    </row>
    <row r="159479" spans="14:14">
      <c r="N159479" s="10"/>
    </row>
    <row r="159480" spans="14:14">
      <c r="N159480" s="10"/>
    </row>
    <row r="159481" spans="14:14">
      <c r="N159481" s="10"/>
    </row>
    <row r="159482" spans="14:14">
      <c r="N159482" s="10"/>
    </row>
    <row r="159483" spans="14:14">
      <c r="N159483" s="10"/>
    </row>
    <row r="159484" spans="14:14">
      <c r="N159484" s="10"/>
    </row>
    <row r="159485" spans="14:14">
      <c r="N159485" s="10"/>
    </row>
    <row r="159486" spans="14:14">
      <c r="N159486" s="10"/>
    </row>
    <row r="159487" spans="14:14">
      <c r="N159487" s="10"/>
    </row>
    <row r="159488" spans="14:14">
      <c r="N159488" s="10"/>
    </row>
    <row r="159489" spans="14:14">
      <c r="N159489" s="10"/>
    </row>
    <row r="159490" spans="14:14">
      <c r="N159490" s="10"/>
    </row>
    <row r="159491" spans="14:14">
      <c r="N159491" s="10"/>
    </row>
    <row r="159492" spans="14:14">
      <c r="N159492" s="10"/>
    </row>
    <row r="159493" spans="14:14">
      <c r="N159493" s="10"/>
    </row>
    <row r="159494" spans="14:14">
      <c r="N159494" s="10"/>
    </row>
    <row r="159495" spans="14:14">
      <c r="N159495" s="10"/>
    </row>
    <row r="159496" spans="14:14">
      <c r="N159496" s="10"/>
    </row>
    <row r="159497" spans="14:14">
      <c r="N159497" s="10"/>
    </row>
    <row r="159498" spans="14:14">
      <c r="N159498" s="10"/>
    </row>
    <row r="159499" spans="14:14">
      <c r="N159499" s="10"/>
    </row>
    <row r="159500" spans="14:14">
      <c r="N159500" s="10"/>
    </row>
    <row r="159501" spans="14:14">
      <c r="N159501" s="10"/>
    </row>
    <row r="159502" spans="14:14">
      <c r="N159502" s="10"/>
    </row>
    <row r="159503" spans="14:14">
      <c r="N159503" s="10"/>
    </row>
    <row r="159504" spans="14:14">
      <c r="N159504" s="10"/>
    </row>
    <row r="159505" spans="14:14">
      <c r="N159505" s="10"/>
    </row>
    <row r="159506" spans="14:14">
      <c r="N159506" s="10"/>
    </row>
    <row r="159507" spans="14:14">
      <c r="N159507" s="10"/>
    </row>
    <row r="159508" spans="14:14">
      <c r="N159508" s="10"/>
    </row>
    <row r="159509" spans="14:14">
      <c r="N159509" s="10"/>
    </row>
    <row r="159510" spans="14:14">
      <c r="N159510" s="10"/>
    </row>
    <row r="159511" spans="14:14">
      <c r="N159511" s="10"/>
    </row>
    <row r="159512" spans="14:14">
      <c r="N159512" s="10"/>
    </row>
    <row r="159513" spans="14:14">
      <c r="N159513" s="10"/>
    </row>
    <row r="159514" spans="14:14">
      <c r="N159514" s="10"/>
    </row>
    <row r="159515" spans="14:14">
      <c r="N159515" s="10"/>
    </row>
    <row r="159516" spans="14:14">
      <c r="N159516" s="10"/>
    </row>
    <row r="159517" spans="14:14">
      <c r="N159517" s="10"/>
    </row>
    <row r="159518" spans="14:14">
      <c r="N159518" s="10"/>
    </row>
    <row r="159519" spans="14:14">
      <c r="N159519" s="10"/>
    </row>
    <row r="159520" spans="14:14">
      <c r="N159520" s="10"/>
    </row>
    <row r="159521" spans="14:14">
      <c r="N159521" s="10"/>
    </row>
    <row r="159522" spans="14:14">
      <c r="N159522" s="10"/>
    </row>
    <row r="159523" spans="14:14">
      <c r="N159523" s="10"/>
    </row>
    <row r="159524" spans="14:14">
      <c r="N159524" s="10"/>
    </row>
    <row r="159525" spans="14:14">
      <c r="N159525" s="10"/>
    </row>
    <row r="159526" spans="14:14">
      <c r="N159526" s="10"/>
    </row>
    <row r="159527" spans="14:14">
      <c r="N159527" s="10"/>
    </row>
    <row r="159528" spans="14:14">
      <c r="N159528" s="10"/>
    </row>
    <row r="159529" spans="14:14">
      <c r="N159529" s="10"/>
    </row>
    <row r="159530" spans="14:14">
      <c r="N159530" s="10"/>
    </row>
    <row r="159531" spans="14:14">
      <c r="N159531" s="10"/>
    </row>
    <row r="159532" spans="14:14">
      <c r="N159532" s="10"/>
    </row>
    <row r="159533" spans="14:14">
      <c r="N159533" s="10"/>
    </row>
    <row r="159534" spans="14:14">
      <c r="N159534" s="10"/>
    </row>
    <row r="159535" spans="14:14">
      <c r="N159535" s="10"/>
    </row>
    <row r="159536" spans="14:14">
      <c r="N159536" s="10"/>
    </row>
    <row r="159537" spans="14:14">
      <c r="N159537" s="10"/>
    </row>
    <row r="159538" spans="14:14">
      <c r="N159538" s="10"/>
    </row>
    <row r="159539" spans="14:14">
      <c r="N159539" s="10"/>
    </row>
    <row r="159540" spans="14:14">
      <c r="N159540" s="10"/>
    </row>
    <row r="159541" spans="14:14">
      <c r="N159541" s="10"/>
    </row>
    <row r="159542" spans="14:14">
      <c r="N159542" s="10"/>
    </row>
    <row r="159543" spans="14:14">
      <c r="N159543" s="10"/>
    </row>
    <row r="159544" spans="14:14">
      <c r="N159544" s="10"/>
    </row>
    <row r="159545" spans="14:14">
      <c r="N159545" s="10"/>
    </row>
    <row r="159546" spans="14:14">
      <c r="N159546" s="10"/>
    </row>
    <row r="159547" spans="14:14">
      <c r="N159547" s="10"/>
    </row>
    <row r="159548" spans="14:14">
      <c r="N159548" s="10"/>
    </row>
    <row r="159549" spans="14:14">
      <c r="N159549" s="10"/>
    </row>
    <row r="159550" spans="14:14">
      <c r="N159550" s="10"/>
    </row>
    <row r="159551" spans="14:14">
      <c r="N159551" s="10"/>
    </row>
    <row r="159552" spans="14:14">
      <c r="N159552" s="10"/>
    </row>
    <row r="159553" spans="14:14">
      <c r="N159553" s="10"/>
    </row>
    <row r="159554" spans="14:14">
      <c r="N159554" s="10"/>
    </row>
    <row r="159555" spans="14:14">
      <c r="N159555" s="10"/>
    </row>
    <row r="159556" spans="14:14">
      <c r="N159556" s="10"/>
    </row>
    <row r="159557" spans="14:14">
      <c r="N159557" s="10"/>
    </row>
    <row r="159558" spans="14:14">
      <c r="N159558" s="10"/>
    </row>
    <row r="159559" spans="14:14">
      <c r="N159559" s="10"/>
    </row>
    <row r="159560" spans="14:14">
      <c r="N159560" s="10"/>
    </row>
    <row r="159561" spans="14:14">
      <c r="N159561" s="10"/>
    </row>
    <row r="159562" spans="14:14">
      <c r="N159562" s="10"/>
    </row>
    <row r="159563" spans="14:14">
      <c r="N159563" s="10"/>
    </row>
    <row r="159564" spans="14:14">
      <c r="N159564" s="10"/>
    </row>
    <row r="159565" spans="14:14">
      <c r="N159565" s="10"/>
    </row>
    <row r="159566" spans="14:14">
      <c r="N159566" s="10"/>
    </row>
    <row r="159567" spans="14:14">
      <c r="N159567" s="10"/>
    </row>
    <row r="159568" spans="14:14">
      <c r="N159568" s="10"/>
    </row>
    <row r="159569" spans="14:14">
      <c r="N159569" s="10"/>
    </row>
    <row r="159570" spans="14:14">
      <c r="N159570" s="10"/>
    </row>
    <row r="159571" spans="14:14">
      <c r="N159571" s="10"/>
    </row>
    <row r="159572" spans="14:14">
      <c r="N159572" s="10"/>
    </row>
    <row r="159573" spans="14:14">
      <c r="N159573" s="10"/>
    </row>
    <row r="159574" spans="14:14">
      <c r="N159574" s="10"/>
    </row>
    <row r="159575" spans="14:14">
      <c r="N159575" s="10"/>
    </row>
    <row r="159576" spans="14:14">
      <c r="N159576" s="10"/>
    </row>
    <row r="159577" spans="14:14">
      <c r="N159577" s="10"/>
    </row>
    <row r="159578" spans="14:14">
      <c r="N159578" s="10"/>
    </row>
    <row r="159579" spans="14:14">
      <c r="N159579" s="10"/>
    </row>
    <row r="159580" spans="14:14">
      <c r="N159580" s="10"/>
    </row>
    <row r="159581" spans="14:14">
      <c r="N159581" s="10"/>
    </row>
    <row r="159582" spans="14:14">
      <c r="N159582" s="10"/>
    </row>
    <row r="159583" spans="14:14">
      <c r="N159583" s="10"/>
    </row>
    <row r="159584" spans="14:14">
      <c r="N159584" s="10"/>
    </row>
    <row r="159585" spans="14:14">
      <c r="N159585" s="10"/>
    </row>
    <row r="159586" spans="14:14">
      <c r="N159586" s="10"/>
    </row>
    <row r="159587" spans="14:14">
      <c r="N159587" s="10"/>
    </row>
    <row r="159588" spans="14:14">
      <c r="N159588" s="10"/>
    </row>
    <row r="159589" spans="14:14">
      <c r="N159589" s="10"/>
    </row>
    <row r="159590" spans="14:14">
      <c r="N159590" s="10"/>
    </row>
    <row r="159591" spans="14:14">
      <c r="N159591" s="10"/>
    </row>
    <row r="159592" spans="14:14">
      <c r="N159592" s="10"/>
    </row>
    <row r="159593" spans="14:14">
      <c r="N159593" s="10"/>
    </row>
    <row r="159594" spans="14:14">
      <c r="N159594" s="10"/>
    </row>
    <row r="159595" spans="14:14">
      <c r="N159595" s="10"/>
    </row>
    <row r="159596" spans="14:14">
      <c r="N159596" s="10"/>
    </row>
    <row r="159597" spans="14:14">
      <c r="N159597" s="10"/>
    </row>
    <row r="159598" spans="14:14">
      <c r="N159598" s="10"/>
    </row>
    <row r="159599" spans="14:14">
      <c r="N159599" s="10"/>
    </row>
    <row r="159600" spans="14:14">
      <c r="N159600" s="10"/>
    </row>
    <row r="159601" spans="14:14">
      <c r="N159601" s="10"/>
    </row>
    <row r="159602" spans="14:14">
      <c r="N159602" s="10"/>
    </row>
    <row r="159603" spans="14:14">
      <c r="N159603" s="10"/>
    </row>
    <row r="159604" spans="14:14">
      <c r="N159604" s="10"/>
    </row>
    <row r="159605" spans="14:14">
      <c r="N159605" s="10"/>
    </row>
    <row r="159606" spans="14:14">
      <c r="N159606" s="10"/>
    </row>
    <row r="159607" spans="14:14">
      <c r="N159607" s="10"/>
    </row>
    <row r="159608" spans="14:14">
      <c r="N159608" s="10"/>
    </row>
    <row r="159609" spans="14:14">
      <c r="N159609" s="10"/>
    </row>
    <row r="159610" spans="14:14">
      <c r="N159610" s="10"/>
    </row>
    <row r="159611" spans="14:14">
      <c r="N159611" s="10"/>
    </row>
    <row r="159612" spans="14:14">
      <c r="N159612" s="10"/>
    </row>
    <row r="159613" spans="14:14">
      <c r="N159613" s="10"/>
    </row>
    <row r="159614" spans="14:14">
      <c r="N159614" s="10"/>
    </row>
    <row r="159615" spans="14:14">
      <c r="N159615" s="10"/>
    </row>
    <row r="159616" spans="14:14">
      <c r="N159616" s="10"/>
    </row>
    <row r="159617" spans="14:14">
      <c r="N159617" s="10"/>
    </row>
    <row r="159618" spans="14:14">
      <c r="N159618" s="10"/>
    </row>
    <row r="159619" spans="14:14">
      <c r="N159619" s="10"/>
    </row>
    <row r="159620" spans="14:14">
      <c r="N159620" s="10"/>
    </row>
    <row r="159621" spans="14:14">
      <c r="N159621" s="10"/>
    </row>
    <row r="159622" spans="14:14">
      <c r="N159622" s="10"/>
    </row>
    <row r="159623" spans="14:14">
      <c r="N159623" s="10"/>
    </row>
    <row r="159624" spans="14:14">
      <c r="N159624" s="10"/>
    </row>
    <row r="159625" spans="14:14">
      <c r="N159625" s="10"/>
    </row>
    <row r="159626" spans="14:14">
      <c r="N159626" s="10"/>
    </row>
    <row r="159627" spans="14:14">
      <c r="N159627" s="10"/>
    </row>
    <row r="159628" spans="14:14">
      <c r="N159628" s="10"/>
    </row>
    <row r="159629" spans="14:14">
      <c r="N159629" s="10"/>
    </row>
    <row r="159630" spans="14:14">
      <c r="N159630" s="10"/>
    </row>
    <row r="159631" spans="14:14">
      <c r="N159631" s="10"/>
    </row>
    <row r="159632" spans="14:14">
      <c r="N159632" s="10"/>
    </row>
    <row r="159633" spans="14:14">
      <c r="N159633" s="10"/>
    </row>
    <row r="159634" spans="14:14">
      <c r="N159634" s="10"/>
    </row>
    <row r="159635" spans="14:14">
      <c r="N159635" s="10"/>
    </row>
    <row r="159636" spans="14:14">
      <c r="N159636" s="10"/>
    </row>
    <row r="159637" spans="14:14">
      <c r="N159637" s="10"/>
    </row>
    <row r="159638" spans="14:14">
      <c r="N159638" s="10"/>
    </row>
    <row r="159639" spans="14:14">
      <c r="N159639" s="10"/>
    </row>
    <row r="159640" spans="14:14">
      <c r="N159640" s="10"/>
    </row>
    <row r="159641" spans="14:14">
      <c r="N159641" s="10"/>
    </row>
    <row r="159642" spans="14:14">
      <c r="N159642" s="10"/>
    </row>
    <row r="159643" spans="14:14">
      <c r="N159643" s="10"/>
    </row>
    <row r="159644" spans="14:14">
      <c r="N159644" s="10"/>
    </row>
    <row r="159645" spans="14:14">
      <c r="N159645" s="10"/>
    </row>
    <row r="159646" spans="14:14">
      <c r="N159646" s="10"/>
    </row>
    <row r="159647" spans="14:14">
      <c r="N159647" s="10"/>
    </row>
    <row r="159648" spans="14:14">
      <c r="N159648" s="10"/>
    </row>
    <row r="159649" spans="14:14">
      <c r="N159649" s="10"/>
    </row>
    <row r="159650" spans="14:14">
      <c r="N159650" s="10"/>
    </row>
    <row r="159651" spans="14:14">
      <c r="N159651" s="10"/>
    </row>
    <row r="159652" spans="14:14">
      <c r="N159652" s="10"/>
    </row>
    <row r="159653" spans="14:14">
      <c r="N159653" s="10"/>
    </row>
    <row r="159654" spans="14:14">
      <c r="N159654" s="10"/>
    </row>
    <row r="159655" spans="14:14">
      <c r="N159655" s="10"/>
    </row>
    <row r="159656" spans="14:14">
      <c r="N159656" s="10"/>
    </row>
    <row r="159657" spans="14:14">
      <c r="N159657" s="10"/>
    </row>
    <row r="159658" spans="14:14">
      <c r="N159658" s="10"/>
    </row>
    <row r="159659" spans="14:14">
      <c r="N159659" s="10"/>
    </row>
    <row r="159660" spans="14:14">
      <c r="N159660" s="10"/>
    </row>
    <row r="159661" spans="14:14">
      <c r="N159661" s="10"/>
    </row>
    <row r="159662" spans="14:14">
      <c r="N159662" s="10"/>
    </row>
    <row r="159663" spans="14:14">
      <c r="N159663" s="10"/>
    </row>
    <row r="159664" spans="14:14">
      <c r="N159664" s="10"/>
    </row>
    <row r="159665" spans="14:14">
      <c r="N159665" s="10"/>
    </row>
    <row r="159666" spans="14:14">
      <c r="N159666" s="10"/>
    </row>
    <row r="159667" spans="14:14">
      <c r="N159667" s="10"/>
    </row>
    <row r="159668" spans="14:14">
      <c r="N159668" s="10"/>
    </row>
    <row r="159669" spans="14:14">
      <c r="N159669" s="10"/>
    </row>
    <row r="159670" spans="14:14">
      <c r="N159670" s="10"/>
    </row>
    <row r="159671" spans="14:14">
      <c r="N159671" s="10"/>
    </row>
    <row r="159672" spans="14:14">
      <c r="N159672" s="10"/>
    </row>
    <row r="159673" spans="14:14">
      <c r="N159673" s="10"/>
    </row>
    <row r="159674" spans="14:14">
      <c r="N159674" s="10"/>
    </row>
    <row r="159675" spans="14:14">
      <c r="N159675" s="10"/>
    </row>
    <row r="159676" spans="14:14">
      <c r="N159676" s="10"/>
    </row>
    <row r="159677" spans="14:14">
      <c r="N159677" s="10"/>
    </row>
    <row r="159678" spans="14:14">
      <c r="N159678" s="10"/>
    </row>
    <row r="159679" spans="14:14">
      <c r="N159679" s="10"/>
    </row>
    <row r="159680" spans="14:14">
      <c r="N159680" s="10"/>
    </row>
    <row r="159681" spans="14:14">
      <c r="N159681" s="10"/>
    </row>
    <row r="159682" spans="14:14">
      <c r="N159682" s="10"/>
    </row>
    <row r="159683" spans="14:14">
      <c r="N159683" s="10"/>
    </row>
    <row r="159684" spans="14:14">
      <c r="N159684" s="10"/>
    </row>
    <row r="159685" spans="14:14">
      <c r="N159685" s="10"/>
    </row>
    <row r="159686" spans="14:14">
      <c r="N159686" s="10"/>
    </row>
    <row r="159687" spans="14:14">
      <c r="N159687" s="10"/>
    </row>
    <row r="159688" spans="14:14">
      <c r="N159688" s="10"/>
    </row>
    <row r="159689" spans="14:14">
      <c r="N159689" s="10"/>
    </row>
    <row r="159690" spans="14:14">
      <c r="N159690" s="10"/>
    </row>
    <row r="159691" spans="14:14">
      <c r="N159691" s="10"/>
    </row>
    <row r="159692" spans="14:14">
      <c r="N159692" s="10"/>
    </row>
    <row r="159693" spans="14:14">
      <c r="N159693" s="10"/>
    </row>
    <row r="159694" spans="14:14">
      <c r="N159694" s="10"/>
    </row>
    <row r="159695" spans="14:14">
      <c r="N159695" s="10"/>
    </row>
    <row r="159696" spans="14:14">
      <c r="N159696" s="10"/>
    </row>
    <row r="159697" spans="14:14">
      <c r="N159697" s="10"/>
    </row>
    <row r="159698" spans="14:14">
      <c r="N159698" s="10"/>
    </row>
    <row r="159699" spans="14:14">
      <c r="N159699" s="10"/>
    </row>
    <row r="159700" spans="14:14">
      <c r="N159700" s="10"/>
    </row>
    <row r="159701" spans="14:14">
      <c r="N159701" s="10"/>
    </row>
    <row r="159702" spans="14:14">
      <c r="N159702" s="10"/>
    </row>
    <row r="159703" spans="14:14">
      <c r="N159703" s="10"/>
    </row>
    <row r="159704" spans="14:14">
      <c r="N159704" s="10"/>
    </row>
    <row r="159705" spans="14:14">
      <c r="N159705" s="10"/>
    </row>
    <row r="159706" spans="14:14">
      <c r="N159706" s="10"/>
    </row>
    <row r="159707" spans="14:14">
      <c r="N159707" s="10"/>
    </row>
    <row r="159708" spans="14:14">
      <c r="N159708" s="10"/>
    </row>
    <row r="159709" spans="14:14">
      <c r="N159709" s="10"/>
    </row>
    <row r="159710" spans="14:14">
      <c r="N159710" s="10"/>
    </row>
    <row r="159711" spans="14:14">
      <c r="N159711" s="10"/>
    </row>
    <row r="159712" spans="14:14">
      <c r="N159712" s="10"/>
    </row>
    <row r="159713" spans="14:14">
      <c r="N159713" s="10"/>
    </row>
    <row r="159714" spans="14:14">
      <c r="N159714" s="10"/>
    </row>
    <row r="159715" spans="14:14">
      <c r="N159715" s="10"/>
    </row>
    <row r="159716" spans="14:14">
      <c r="N159716" s="10"/>
    </row>
    <row r="159717" spans="14:14">
      <c r="N159717" s="10"/>
    </row>
    <row r="159718" spans="14:14">
      <c r="N159718" s="10"/>
    </row>
    <row r="159719" spans="14:14">
      <c r="N159719" s="10"/>
    </row>
    <row r="159720" spans="14:14">
      <c r="N159720" s="10"/>
    </row>
    <row r="159721" spans="14:14">
      <c r="N159721" s="10"/>
    </row>
    <row r="159722" spans="14:14">
      <c r="N159722" s="10"/>
    </row>
    <row r="159723" spans="14:14">
      <c r="N159723" s="10"/>
    </row>
    <row r="159724" spans="14:14">
      <c r="N159724" s="10"/>
    </row>
    <row r="159725" spans="14:14">
      <c r="N159725" s="10"/>
    </row>
    <row r="159726" spans="14:14">
      <c r="N159726" s="10"/>
    </row>
    <row r="159727" spans="14:14">
      <c r="N159727" s="10"/>
    </row>
    <row r="159728" spans="14:14">
      <c r="N159728" s="10"/>
    </row>
    <row r="159729" spans="14:14">
      <c r="N159729" s="10"/>
    </row>
    <row r="159730" spans="14:14">
      <c r="N159730" s="10"/>
    </row>
    <row r="159731" spans="14:14">
      <c r="N159731" s="10"/>
    </row>
    <row r="159732" spans="14:14">
      <c r="N159732" s="10"/>
    </row>
    <row r="159733" spans="14:14">
      <c r="N159733" s="10"/>
    </row>
    <row r="159734" spans="14:14">
      <c r="N159734" s="10"/>
    </row>
    <row r="159735" spans="14:14">
      <c r="N159735" s="10"/>
    </row>
    <row r="159736" spans="14:14">
      <c r="N159736" s="10"/>
    </row>
    <row r="159737" spans="14:14">
      <c r="N159737" s="10"/>
    </row>
    <row r="159738" spans="14:14">
      <c r="N159738" s="10"/>
    </row>
    <row r="159739" spans="14:14">
      <c r="N159739" s="10"/>
    </row>
    <row r="159740" spans="14:14">
      <c r="N159740" s="10"/>
    </row>
    <row r="159741" spans="14:14">
      <c r="N159741" s="10"/>
    </row>
    <row r="159742" spans="14:14">
      <c r="N159742" s="10"/>
    </row>
    <row r="159743" spans="14:14">
      <c r="N159743" s="10"/>
    </row>
    <row r="159744" spans="14:14">
      <c r="N159744" s="10"/>
    </row>
    <row r="159745" spans="14:14">
      <c r="N159745" s="10"/>
    </row>
    <row r="159746" spans="14:14">
      <c r="N159746" s="10"/>
    </row>
    <row r="159747" spans="14:14">
      <c r="N159747" s="10"/>
    </row>
    <row r="159748" spans="14:14">
      <c r="N159748" s="10"/>
    </row>
    <row r="159749" spans="14:14">
      <c r="N159749" s="10"/>
    </row>
    <row r="159750" spans="14:14">
      <c r="N159750" s="10"/>
    </row>
    <row r="159751" spans="14:14">
      <c r="N159751" s="10"/>
    </row>
    <row r="159752" spans="14:14">
      <c r="N159752" s="10"/>
    </row>
    <row r="159753" spans="14:14">
      <c r="N159753" s="10"/>
    </row>
    <row r="159754" spans="14:14">
      <c r="N159754" s="10"/>
    </row>
    <row r="159755" spans="14:14">
      <c r="N159755" s="10"/>
    </row>
    <row r="159756" spans="14:14">
      <c r="N159756" s="10"/>
    </row>
    <row r="159757" spans="14:14">
      <c r="N159757" s="10"/>
    </row>
    <row r="159758" spans="14:14">
      <c r="N159758" s="10"/>
    </row>
    <row r="159759" spans="14:14">
      <c r="N159759" s="10"/>
    </row>
    <row r="159760" spans="14:14">
      <c r="N159760" s="10"/>
    </row>
    <row r="159761" spans="14:14">
      <c r="N159761" s="10"/>
    </row>
    <row r="159762" spans="14:14">
      <c r="N159762" s="10"/>
    </row>
    <row r="159763" spans="14:14">
      <c r="N159763" s="10"/>
    </row>
    <row r="159764" spans="14:14">
      <c r="N159764" s="10"/>
    </row>
    <row r="159765" spans="14:14">
      <c r="N159765" s="10"/>
    </row>
    <row r="159766" spans="14:14">
      <c r="N159766" s="10"/>
    </row>
    <row r="159767" spans="14:14">
      <c r="N159767" s="10"/>
    </row>
    <row r="159768" spans="14:14">
      <c r="N159768" s="10"/>
    </row>
    <row r="159769" spans="14:14">
      <c r="N159769" s="10"/>
    </row>
    <row r="159770" spans="14:14">
      <c r="N159770" s="10"/>
    </row>
    <row r="159771" spans="14:14">
      <c r="N159771" s="10"/>
    </row>
    <row r="159772" spans="14:14">
      <c r="N159772" s="10"/>
    </row>
    <row r="159773" spans="14:14">
      <c r="N159773" s="10"/>
    </row>
    <row r="159774" spans="14:14">
      <c r="N159774" s="10"/>
    </row>
    <row r="159775" spans="14:14">
      <c r="N159775" s="10"/>
    </row>
    <row r="159776" spans="14:14">
      <c r="N159776" s="10"/>
    </row>
    <row r="159777" spans="14:14">
      <c r="N159777" s="10"/>
    </row>
    <row r="159778" spans="14:14">
      <c r="N159778" s="10"/>
    </row>
    <row r="159779" spans="14:14">
      <c r="N159779" s="10"/>
    </row>
    <row r="159780" spans="14:14">
      <c r="N159780" s="10"/>
    </row>
    <row r="159781" spans="14:14">
      <c r="N159781" s="10"/>
    </row>
    <row r="159782" spans="14:14">
      <c r="N159782" s="10"/>
    </row>
    <row r="159783" spans="14:14">
      <c r="N159783" s="10"/>
    </row>
    <row r="159784" spans="14:14">
      <c r="N159784" s="10"/>
    </row>
    <row r="159785" spans="14:14">
      <c r="N159785" s="10"/>
    </row>
    <row r="159786" spans="14:14">
      <c r="N159786" s="10"/>
    </row>
    <row r="159787" spans="14:14">
      <c r="N159787" s="10"/>
    </row>
    <row r="159788" spans="14:14">
      <c r="N159788" s="10"/>
    </row>
    <row r="159789" spans="14:14">
      <c r="N159789" s="10"/>
    </row>
    <row r="159790" spans="14:14">
      <c r="N159790" s="10"/>
    </row>
    <row r="159791" spans="14:14">
      <c r="N159791" s="10"/>
    </row>
    <row r="159792" spans="14:14">
      <c r="N159792" s="10"/>
    </row>
    <row r="159793" spans="14:14">
      <c r="N159793" s="10"/>
    </row>
    <row r="159794" spans="14:14">
      <c r="N159794" s="10"/>
    </row>
    <row r="159795" spans="14:14">
      <c r="N159795" s="10"/>
    </row>
    <row r="159796" spans="14:14">
      <c r="N159796" s="10"/>
    </row>
    <row r="159797" spans="14:14">
      <c r="N159797" s="10"/>
    </row>
    <row r="159798" spans="14:14">
      <c r="N159798" s="10"/>
    </row>
    <row r="159799" spans="14:14">
      <c r="N159799" s="10"/>
    </row>
    <row r="159800" spans="14:14">
      <c r="N159800" s="10"/>
    </row>
    <row r="159801" spans="14:14">
      <c r="N159801" s="10"/>
    </row>
    <row r="159802" spans="14:14">
      <c r="N159802" s="10"/>
    </row>
    <row r="159803" spans="14:14">
      <c r="N159803" s="10"/>
    </row>
    <row r="159804" spans="14:14">
      <c r="N159804" s="10"/>
    </row>
    <row r="159805" spans="14:14">
      <c r="N159805" s="10"/>
    </row>
    <row r="159806" spans="14:14">
      <c r="N159806" s="10"/>
    </row>
    <row r="159807" spans="14:14">
      <c r="N159807" s="10"/>
    </row>
    <row r="159808" spans="14:14">
      <c r="N159808" s="10"/>
    </row>
    <row r="159809" spans="14:14">
      <c r="N159809" s="10"/>
    </row>
    <row r="159810" spans="14:14">
      <c r="N159810" s="10"/>
    </row>
    <row r="159811" spans="14:14">
      <c r="N159811" s="10"/>
    </row>
    <row r="159812" spans="14:14">
      <c r="N159812" s="10"/>
    </row>
    <row r="159813" spans="14:14">
      <c r="N159813" s="10"/>
    </row>
    <row r="159814" spans="14:14">
      <c r="N159814" s="10"/>
    </row>
    <row r="159815" spans="14:14">
      <c r="N159815" s="10"/>
    </row>
    <row r="159816" spans="14:14">
      <c r="N159816" s="10"/>
    </row>
    <row r="159817" spans="14:14">
      <c r="N159817" s="10"/>
    </row>
    <row r="159818" spans="14:14">
      <c r="N159818" s="10"/>
    </row>
    <row r="159819" spans="14:14">
      <c r="N159819" s="10"/>
    </row>
    <row r="159820" spans="14:14">
      <c r="N159820" s="10"/>
    </row>
    <row r="159821" spans="14:14">
      <c r="N159821" s="10"/>
    </row>
    <row r="159822" spans="14:14">
      <c r="N159822" s="10"/>
    </row>
    <row r="159823" spans="14:14">
      <c r="N159823" s="10"/>
    </row>
    <row r="159824" spans="14:14">
      <c r="N159824" s="10"/>
    </row>
    <row r="159825" spans="14:14">
      <c r="N159825" s="10"/>
    </row>
    <row r="159826" spans="14:14">
      <c r="N159826" s="10"/>
    </row>
    <row r="159827" spans="14:14">
      <c r="N159827" s="10"/>
    </row>
    <row r="159828" spans="14:14">
      <c r="N159828" s="10"/>
    </row>
    <row r="159829" spans="14:14">
      <c r="N159829" s="10"/>
    </row>
    <row r="159830" spans="14:14">
      <c r="N159830" s="10"/>
    </row>
    <row r="159831" spans="14:14">
      <c r="N159831" s="10"/>
    </row>
    <row r="159832" spans="14:14">
      <c r="N159832" s="10"/>
    </row>
    <row r="159833" spans="14:14">
      <c r="N159833" s="10"/>
    </row>
    <row r="159834" spans="14:14">
      <c r="N159834" s="10"/>
    </row>
    <row r="159835" spans="14:14">
      <c r="N159835" s="10"/>
    </row>
    <row r="159836" spans="14:14">
      <c r="N159836" s="10"/>
    </row>
    <row r="159837" spans="14:14">
      <c r="N159837" s="10"/>
    </row>
    <row r="159838" spans="14:14">
      <c r="N159838" s="10"/>
    </row>
    <row r="159839" spans="14:14">
      <c r="N159839" s="10"/>
    </row>
    <row r="159840" spans="14:14">
      <c r="N159840" s="10"/>
    </row>
    <row r="159841" spans="14:14">
      <c r="N159841" s="10"/>
    </row>
    <row r="159842" spans="14:14">
      <c r="N159842" s="10"/>
    </row>
    <row r="159843" spans="14:14">
      <c r="N159843" s="10"/>
    </row>
    <row r="159844" spans="14:14">
      <c r="N159844" s="10"/>
    </row>
    <row r="159845" spans="14:14">
      <c r="N159845" s="10"/>
    </row>
    <row r="159846" spans="14:14">
      <c r="N159846" s="10"/>
    </row>
    <row r="159847" spans="14:14">
      <c r="N159847" s="10"/>
    </row>
    <row r="159848" spans="14:14">
      <c r="N159848" s="10"/>
    </row>
    <row r="159849" spans="14:14">
      <c r="N159849" s="10"/>
    </row>
    <row r="159850" spans="14:14">
      <c r="N159850" s="10"/>
    </row>
    <row r="159851" spans="14:14">
      <c r="N159851" s="10"/>
    </row>
    <row r="159852" spans="14:14">
      <c r="N159852" s="10"/>
    </row>
    <row r="159853" spans="14:14">
      <c r="N159853" s="10"/>
    </row>
    <row r="159854" spans="14:14">
      <c r="N159854" s="10"/>
    </row>
    <row r="159855" spans="14:14">
      <c r="N159855" s="10"/>
    </row>
    <row r="159856" spans="14:14">
      <c r="N159856" s="10"/>
    </row>
    <row r="159857" spans="14:14">
      <c r="N159857" s="10"/>
    </row>
    <row r="159858" spans="14:14">
      <c r="N159858" s="10"/>
    </row>
    <row r="159859" spans="14:14">
      <c r="N159859" s="10"/>
    </row>
    <row r="159860" spans="14:14">
      <c r="N159860" s="10"/>
    </row>
    <row r="159861" spans="14:14">
      <c r="N159861" s="10"/>
    </row>
    <row r="159862" spans="14:14">
      <c r="N159862" s="10"/>
    </row>
    <row r="159863" spans="14:14">
      <c r="N159863" s="10"/>
    </row>
    <row r="159864" spans="14:14">
      <c r="N159864" s="10"/>
    </row>
    <row r="159865" spans="14:14">
      <c r="N159865" s="10"/>
    </row>
    <row r="159866" spans="14:14">
      <c r="N159866" s="10"/>
    </row>
    <row r="159867" spans="14:14">
      <c r="N159867" s="10"/>
    </row>
    <row r="159868" spans="14:14">
      <c r="N159868" s="10"/>
    </row>
    <row r="159869" spans="14:14">
      <c r="N159869" s="10"/>
    </row>
    <row r="159870" spans="14:14">
      <c r="N159870" s="10"/>
    </row>
    <row r="159871" spans="14:14">
      <c r="N159871" s="10"/>
    </row>
    <row r="159872" spans="14:14">
      <c r="N159872" s="10"/>
    </row>
    <row r="159873" spans="14:14">
      <c r="N159873" s="10"/>
    </row>
    <row r="159874" spans="14:14">
      <c r="N159874" s="10"/>
    </row>
    <row r="159875" spans="14:14">
      <c r="N159875" s="10"/>
    </row>
    <row r="159876" spans="14:14">
      <c r="N159876" s="10"/>
    </row>
    <row r="159877" spans="14:14">
      <c r="N159877" s="10"/>
    </row>
    <row r="159878" spans="14:14">
      <c r="N159878" s="10"/>
    </row>
    <row r="159879" spans="14:14">
      <c r="N159879" s="10"/>
    </row>
    <row r="159880" spans="14:14">
      <c r="N159880" s="10"/>
    </row>
    <row r="159881" spans="14:14">
      <c r="N159881" s="10"/>
    </row>
    <row r="159882" spans="14:14">
      <c r="N159882" s="10"/>
    </row>
    <row r="159883" spans="14:14">
      <c r="N159883" s="10"/>
    </row>
    <row r="159884" spans="14:14">
      <c r="N159884" s="10"/>
    </row>
    <row r="159885" spans="14:14">
      <c r="N159885" s="10"/>
    </row>
    <row r="159886" spans="14:14">
      <c r="N159886" s="10"/>
    </row>
    <row r="159887" spans="14:14">
      <c r="N159887" s="10"/>
    </row>
    <row r="159888" spans="14:14">
      <c r="N159888" s="10"/>
    </row>
    <row r="159889" spans="14:14">
      <c r="N159889" s="10"/>
    </row>
    <row r="159890" spans="14:14">
      <c r="N159890" s="10"/>
    </row>
    <row r="159891" spans="14:14">
      <c r="N159891" s="10"/>
    </row>
    <row r="159892" spans="14:14">
      <c r="N159892" s="10"/>
    </row>
    <row r="159893" spans="14:14">
      <c r="N159893" s="10"/>
    </row>
    <row r="159894" spans="14:14">
      <c r="N159894" s="10"/>
    </row>
    <row r="159895" spans="14:14">
      <c r="N159895" s="10"/>
    </row>
    <row r="159896" spans="14:14">
      <c r="N159896" s="10"/>
    </row>
    <row r="159897" spans="14:14">
      <c r="N159897" s="10"/>
    </row>
    <row r="159898" spans="14:14">
      <c r="N159898" s="10"/>
    </row>
    <row r="159899" spans="14:14">
      <c r="N159899" s="10"/>
    </row>
    <row r="159900" spans="14:14">
      <c r="N159900" s="10"/>
    </row>
    <row r="159901" spans="14:14">
      <c r="N159901" s="10"/>
    </row>
    <row r="159902" spans="14:14">
      <c r="N159902" s="10"/>
    </row>
    <row r="159903" spans="14:14">
      <c r="N159903" s="10"/>
    </row>
    <row r="159904" spans="14:14">
      <c r="N159904" s="10"/>
    </row>
    <row r="159905" spans="14:14">
      <c r="N159905" s="10"/>
    </row>
    <row r="159906" spans="14:14">
      <c r="N159906" s="10"/>
    </row>
    <row r="159907" spans="14:14">
      <c r="N159907" s="10"/>
    </row>
    <row r="159908" spans="14:14">
      <c r="N159908" s="10"/>
    </row>
    <row r="159909" spans="14:14">
      <c r="N159909" s="10"/>
    </row>
    <row r="159910" spans="14:14">
      <c r="N159910" s="10"/>
    </row>
    <row r="159911" spans="14:14">
      <c r="N159911" s="10"/>
    </row>
    <row r="159912" spans="14:14">
      <c r="N159912" s="10"/>
    </row>
    <row r="159913" spans="14:14">
      <c r="N159913" s="10"/>
    </row>
    <row r="159914" spans="14:14">
      <c r="N159914" s="10"/>
    </row>
    <row r="159915" spans="14:14">
      <c r="N159915" s="10"/>
    </row>
    <row r="159916" spans="14:14">
      <c r="N159916" s="10"/>
    </row>
    <row r="159917" spans="14:14">
      <c r="N159917" s="10"/>
    </row>
    <row r="159918" spans="14:14">
      <c r="N159918" s="10"/>
    </row>
    <row r="159919" spans="14:14">
      <c r="N159919" s="10"/>
    </row>
    <row r="159920" spans="14:14">
      <c r="N159920" s="10"/>
    </row>
    <row r="159921" spans="14:14">
      <c r="N159921" s="10"/>
    </row>
    <row r="159922" spans="14:14">
      <c r="N159922" s="10"/>
    </row>
    <row r="159923" spans="14:14">
      <c r="N159923" s="10"/>
    </row>
    <row r="159924" spans="14:14">
      <c r="N159924" s="10"/>
    </row>
    <row r="159925" spans="14:14">
      <c r="N159925" s="10"/>
    </row>
    <row r="159926" spans="14:14">
      <c r="N159926" s="10"/>
    </row>
    <row r="159927" spans="14:14">
      <c r="N159927" s="10"/>
    </row>
    <row r="159928" spans="14:14">
      <c r="N159928" s="10"/>
    </row>
    <row r="159929" spans="14:14">
      <c r="N159929" s="10"/>
    </row>
    <row r="159930" spans="14:14">
      <c r="N159930" s="10"/>
    </row>
    <row r="159931" spans="14:14">
      <c r="N159931" s="10"/>
    </row>
    <row r="159932" spans="14:14">
      <c r="N159932" s="10"/>
    </row>
    <row r="159933" spans="14:14">
      <c r="N159933" s="10"/>
    </row>
    <row r="159934" spans="14:14">
      <c r="N159934" s="10"/>
    </row>
    <row r="159935" spans="14:14">
      <c r="N159935" s="10"/>
    </row>
    <row r="159936" spans="14:14">
      <c r="N159936" s="10"/>
    </row>
    <row r="159937" spans="14:14">
      <c r="N159937" s="10"/>
    </row>
    <row r="159938" spans="14:14">
      <c r="N159938" s="10"/>
    </row>
    <row r="159939" spans="14:14">
      <c r="N159939" s="10"/>
    </row>
    <row r="159940" spans="14:14">
      <c r="N159940" s="10"/>
    </row>
    <row r="159941" spans="14:14">
      <c r="N159941" s="10"/>
    </row>
    <row r="159942" spans="14:14">
      <c r="N159942" s="10"/>
    </row>
    <row r="159943" spans="14:14">
      <c r="N159943" s="10"/>
    </row>
    <row r="159944" spans="14:14">
      <c r="N159944" s="10"/>
    </row>
    <row r="159945" spans="14:14">
      <c r="N159945" s="10"/>
    </row>
    <row r="159946" spans="14:14">
      <c r="N159946" s="10"/>
    </row>
    <row r="159947" spans="14:14">
      <c r="N159947" s="10"/>
    </row>
    <row r="159948" spans="14:14">
      <c r="N159948" s="10"/>
    </row>
    <row r="159949" spans="14:14">
      <c r="N159949" s="10"/>
    </row>
    <row r="159950" spans="14:14">
      <c r="N159950" s="10"/>
    </row>
    <row r="159951" spans="14:14">
      <c r="N159951" s="10"/>
    </row>
    <row r="159952" spans="14:14">
      <c r="N159952" s="10"/>
    </row>
    <row r="159953" spans="14:14">
      <c r="N159953" s="10"/>
    </row>
    <row r="159954" spans="14:14">
      <c r="N159954" s="10"/>
    </row>
    <row r="159955" spans="14:14">
      <c r="N159955" s="10"/>
    </row>
    <row r="159956" spans="14:14">
      <c r="N159956" s="10"/>
    </row>
    <row r="159957" spans="14:14">
      <c r="N159957" s="10"/>
    </row>
    <row r="159958" spans="14:14">
      <c r="N159958" s="10"/>
    </row>
    <row r="159959" spans="14:14">
      <c r="N159959" s="10"/>
    </row>
    <row r="159960" spans="14:14">
      <c r="N159960" s="10"/>
    </row>
    <row r="159961" spans="14:14">
      <c r="N159961" s="10"/>
    </row>
    <row r="159962" spans="14:14">
      <c r="N159962" s="10"/>
    </row>
    <row r="159963" spans="14:14">
      <c r="N159963" s="10"/>
    </row>
    <row r="159964" spans="14:14">
      <c r="N159964" s="10"/>
    </row>
    <row r="159965" spans="14:14">
      <c r="N159965" s="10"/>
    </row>
    <row r="159966" spans="14:14">
      <c r="N159966" s="10"/>
    </row>
    <row r="159967" spans="14:14">
      <c r="N159967" s="10"/>
    </row>
    <row r="159968" spans="14:14">
      <c r="N159968" s="10"/>
    </row>
    <row r="159969" spans="14:14">
      <c r="N159969" s="10"/>
    </row>
    <row r="159970" spans="14:14">
      <c r="N159970" s="10"/>
    </row>
    <row r="159971" spans="14:14">
      <c r="N159971" s="10"/>
    </row>
    <row r="159972" spans="14:14">
      <c r="N159972" s="10"/>
    </row>
    <row r="159973" spans="14:14">
      <c r="N159973" s="10"/>
    </row>
    <row r="159974" spans="14:14">
      <c r="N159974" s="10"/>
    </row>
    <row r="159975" spans="14:14">
      <c r="N159975" s="10"/>
    </row>
    <row r="159976" spans="14:14">
      <c r="N159976" s="10"/>
    </row>
    <row r="159977" spans="14:14">
      <c r="N159977" s="10"/>
    </row>
    <row r="159978" spans="14:14">
      <c r="N159978" s="10"/>
    </row>
    <row r="159979" spans="14:14">
      <c r="N159979" s="10"/>
    </row>
    <row r="159980" spans="14:14">
      <c r="N159980" s="10"/>
    </row>
    <row r="159981" spans="14:14">
      <c r="N159981" s="10"/>
    </row>
    <row r="159982" spans="14:14">
      <c r="N159982" s="10"/>
    </row>
    <row r="159983" spans="14:14">
      <c r="N159983" s="10"/>
    </row>
    <row r="159984" spans="14:14">
      <c r="N159984" s="10"/>
    </row>
    <row r="159985" spans="14:14">
      <c r="N159985" s="10"/>
    </row>
    <row r="159986" spans="14:14">
      <c r="N159986" s="10"/>
    </row>
    <row r="159987" spans="14:14">
      <c r="N159987" s="10"/>
    </row>
    <row r="159988" spans="14:14">
      <c r="N159988" s="10"/>
    </row>
    <row r="159989" spans="14:14">
      <c r="N159989" s="10"/>
    </row>
    <row r="159990" spans="14:14">
      <c r="N159990" s="10"/>
    </row>
    <row r="159991" spans="14:14">
      <c r="N159991" s="10"/>
    </row>
    <row r="159992" spans="14:14">
      <c r="N159992" s="10"/>
    </row>
    <row r="159993" spans="14:14">
      <c r="N159993" s="10"/>
    </row>
    <row r="159994" spans="14:14">
      <c r="N159994" s="10"/>
    </row>
    <row r="159995" spans="14:14">
      <c r="N159995" s="10"/>
    </row>
    <row r="159996" spans="14:14">
      <c r="N159996" s="10"/>
    </row>
    <row r="159997" spans="14:14">
      <c r="N159997" s="10"/>
    </row>
    <row r="159998" spans="14:14">
      <c r="N159998" s="10"/>
    </row>
    <row r="159999" spans="14:14">
      <c r="N159999" s="10"/>
    </row>
    <row r="160000" spans="14:14">
      <c r="N160000" s="10"/>
    </row>
    <row r="160001" spans="14:14">
      <c r="N160001" s="10"/>
    </row>
    <row r="160002" spans="14:14">
      <c r="N160002" s="10"/>
    </row>
    <row r="160003" spans="14:14">
      <c r="N160003" s="10"/>
    </row>
    <row r="160004" spans="14:14">
      <c r="N160004" s="10"/>
    </row>
    <row r="160005" spans="14:14">
      <c r="N160005" s="10"/>
    </row>
    <row r="160006" spans="14:14">
      <c r="N160006" s="10"/>
    </row>
    <row r="160007" spans="14:14">
      <c r="N160007" s="10"/>
    </row>
    <row r="160008" spans="14:14">
      <c r="N160008" s="10"/>
    </row>
    <row r="160009" spans="14:14">
      <c r="N160009" s="10"/>
    </row>
    <row r="160010" spans="14:14">
      <c r="N160010" s="10"/>
    </row>
    <row r="160011" spans="14:14">
      <c r="N160011" s="10"/>
    </row>
    <row r="160012" spans="14:14">
      <c r="N160012" s="10"/>
    </row>
    <row r="160013" spans="14:14">
      <c r="N160013" s="10"/>
    </row>
    <row r="160014" spans="14:14">
      <c r="N160014" s="10"/>
    </row>
    <row r="160015" spans="14:14">
      <c r="N160015" s="10"/>
    </row>
    <row r="160016" spans="14:14">
      <c r="N160016" s="10"/>
    </row>
    <row r="160017" spans="14:14">
      <c r="N160017" s="10"/>
    </row>
    <row r="160018" spans="14:14">
      <c r="N160018" s="10"/>
    </row>
    <row r="160019" spans="14:14">
      <c r="N160019" s="10"/>
    </row>
    <row r="160020" spans="14:14">
      <c r="N160020" s="10"/>
    </row>
    <row r="160021" spans="14:14">
      <c r="N160021" s="10"/>
    </row>
    <row r="160022" spans="14:14">
      <c r="N160022" s="10"/>
    </row>
    <row r="160023" spans="14:14">
      <c r="N160023" s="10"/>
    </row>
    <row r="160024" spans="14:14">
      <c r="N160024" s="10"/>
    </row>
    <row r="160025" spans="14:14">
      <c r="N160025" s="10"/>
    </row>
    <row r="160026" spans="14:14">
      <c r="N160026" s="10"/>
    </row>
    <row r="160027" spans="14:14">
      <c r="N160027" s="10"/>
    </row>
    <row r="160028" spans="14:14">
      <c r="N160028" s="10"/>
    </row>
    <row r="160029" spans="14:14">
      <c r="N160029" s="10"/>
    </row>
    <row r="160030" spans="14:14">
      <c r="N160030" s="10"/>
    </row>
    <row r="160031" spans="14:14">
      <c r="N160031" s="10"/>
    </row>
    <row r="160032" spans="14:14">
      <c r="N160032" s="10"/>
    </row>
    <row r="160033" spans="14:14">
      <c r="N160033" s="10"/>
    </row>
    <row r="160034" spans="14:14">
      <c r="N160034" s="10"/>
    </row>
    <row r="160035" spans="14:14">
      <c r="N160035" s="10"/>
    </row>
    <row r="160036" spans="14:14">
      <c r="N160036" s="10"/>
    </row>
    <row r="160037" spans="14:14">
      <c r="N160037" s="10"/>
    </row>
    <row r="160038" spans="14:14">
      <c r="N160038" s="10"/>
    </row>
    <row r="160039" spans="14:14">
      <c r="N160039" s="10"/>
    </row>
    <row r="160040" spans="14:14">
      <c r="N160040" s="10"/>
    </row>
    <row r="160041" spans="14:14">
      <c r="N160041" s="10"/>
    </row>
    <row r="160042" spans="14:14">
      <c r="N160042" s="10"/>
    </row>
    <row r="160043" spans="14:14">
      <c r="N160043" s="10"/>
    </row>
    <row r="160044" spans="14:14">
      <c r="N160044" s="10"/>
    </row>
    <row r="160045" spans="14:14">
      <c r="N160045" s="10"/>
    </row>
    <row r="160046" spans="14:14">
      <c r="N160046" s="10"/>
    </row>
    <row r="160047" spans="14:14">
      <c r="N160047" s="10"/>
    </row>
    <row r="160048" spans="14:14">
      <c r="N160048" s="10"/>
    </row>
    <row r="160049" spans="14:14">
      <c r="N160049" s="10"/>
    </row>
    <row r="160050" spans="14:14">
      <c r="N160050" s="10"/>
    </row>
    <row r="160051" spans="14:14">
      <c r="N160051" s="10"/>
    </row>
    <row r="160052" spans="14:14">
      <c r="N160052" s="10"/>
    </row>
    <row r="160053" spans="14:14">
      <c r="N160053" s="10"/>
    </row>
    <row r="160054" spans="14:14">
      <c r="N160054" s="10"/>
    </row>
    <row r="160055" spans="14:14">
      <c r="N160055" s="10"/>
    </row>
    <row r="160056" spans="14:14">
      <c r="N160056" s="10"/>
    </row>
    <row r="160057" spans="14:14">
      <c r="N160057" s="10"/>
    </row>
    <row r="160058" spans="14:14">
      <c r="N160058" s="10"/>
    </row>
    <row r="160059" spans="14:14">
      <c r="N160059" s="10"/>
    </row>
    <row r="160060" spans="14:14">
      <c r="N160060" s="10"/>
    </row>
    <row r="160061" spans="14:14">
      <c r="N160061" s="10"/>
    </row>
    <row r="160062" spans="14:14">
      <c r="N160062" s="10"/>
    </row>
    <row r="160063" spans="14:14">
      <c r="N160063" s="10"/>
    </row>
    <row r="160064" spans="14:14">
      <c r="N160064" s="10"/>
    </row>
    <row r="160065" spans="14:14">
      <c r="N160065" s="10"/>
    </row>
    <row r="160066" spans="14:14">
      <c r="N160066" s="10"/>
    </row>
    <row r="160067" spans="14:14">
      <c r="N160067" s="10"/>
    </row>
    <row r="160068" spans="14:14">
      <c r="N160068" s="10"/>
    </row>
    <row r="160069" spans="14:14">
      <c r="N160069" s="10"/>
    </row>
    <row r="160070" spans="14:14">
      <c r="N160070" s="10"/>
    </row>
    <row r="160071" spans="14:14">
      <c r="N160071" s="10"/>
    </row>
    <row r="160072" spans="14:14">
      <c r="N160072" s="10"/>
    </row>
    <row r="160073" spans="14:14">
      <c r="N160073" s="10"/>
    </row>
    <row r="160074" spans="14:14">
      <c r="N160074" s="10"/>
    </row>
    <row r="160075" spans="14:14">
      <c r="N160075" s="10"/>
    </row>
    <row r="160076" spans="14:14">
      <c r="N160076" s="10"/>
    </row>
    <row r="160077" spans="14:14">
      <c r="N160077" s="10"/>
    </row>
    <row r="160078" spans="14:14">
      <c r="N160078" s="10"/>
    </row>
    <row r="160079" spans="14:14">
      <c r="N160079" s="10"/>
    </row>
    <row r="160080" spans="14:14">
      <c r="N160080" s="10"/>
    </row>
    <row r="160081" spans="14:14">
      <c r="N160081" s="10"/>
    </row>
    <row r="160082" spans="14:14">
      <c r="N160082" s="10"/>
    </row>
    <row r="160083" spans="14:14">
      <c r="N160083" s="10"/>
    </row>
    <row r="160084" spans="14:14">
      <c r="N160084" s="10"/>
    </row>
    <row r="160085" spans="14:14">
      <c r="N160085" s="10"/>
    </row>
    <row r="160086" spans="14:14">
      <c r="N160086" s="10"/>
    </row>
    <row r="160087" spans="14:14">
      <c r="N160087" s="10"/>
    </row>
    <row r="160088" spans="14:14">
      <c r="N160088" s="10"/>
    </row>
    <row r="160089" spans="14:14">
      <c r="N160089" s="10"/>
    </row>
    <row r="160090" spans="14:14">
      <c r="N160090" s="10"/>
    </row>
    <row r="160091" spans="14:14">
      <c r="N160091" s="10"/>
    </row>
    <row r="160092" spans="14:14">
      <c r="N160092" s="10"/>
    </row>
    <row r="160093" spans="14:14">
      <c r="N160093" s="10"/>
    </row>
    <row r="160094" spans="14:14">
      <c r="N160094" s="10"/>
    </row>
    <row r="160095" spans="14:14">
      <c r="N160095" s="10"/>
    </row>
    <row r="160096" spans="14:14">
      <c r="N160096" s="10"/>
    </row>
    <row r="160097" spans="14:14">
      <c r="N160097" s="10"/>
    </row>
    <row r="160098" spans="14:14">
      <c r="N160098" s="10"/>
    </row>
    <row r="160099" spans="14:14">
      <c r="N160099" s="10"/>
    </row>
    <row r="160100" spans="14:14">
      <c r="N160100" s="10"/>
    </row>
    <row r="160101" spans="14:14">
      <c r="N160101" s="10"/>
    </row>
    <row r="160102" spans="14:14">
      <c r="N160102" s="10"/>
    </row>
    <row r="160103" spans="14:14">
      <c r="N160103" s="10"/>
    </row>
    <row r="160104" spans="14:14">
      <c r="N160104" s="10"/>
    </row>
    <row r="160105" spans="14:14">
      <c r="N160105" s="10"/>
    </row>
    <row r="160106" spans="14:14">
      <c r="N160106" s="10"/>
    </row>
    <row r="160107" spans="14:14">
      <c r="N160107" s="10"/>
    </row>
    <row r="160108" spans="14:14">
      <c r="N160108" s="10"/>
    </row>
    <row r="160109" spans="14:14">
      <c r="N160109" s="10"/>
    </row>
    <row r="160110" spans="14:14">
      <c r="N160110" s="10"/>
    </row>
    <row r="160111" spans="14:14">
      <c r="N160111" s="10"/>
    </row>
    <row r="160112" spans="14:14">
      <c r="N160112" s="10"/>
    </row>
    <row r="160113" spans="14:14">
      <c r="N160113" s="10"/>
    </row>
    <row r="160114" spans="14:14">
      <c r="N160114" s="10"/>
    </row>
    <row r="160115" spans="14:14">
      <c r="N160115" s="10"/>
    </row>
    <row r="160116" spans="14:14">
      <c r="N160116" s="10"/>
    </row>
    <row r="160117" spans="14:14">
      <c r="N160117" s="10"/>
    </row>
    <row r="160118" spans="14:14">
      <c r="N160118" s="10"/>
    </row>
    <row r="160119" spans="14:14">
      <c r="N160119" s="10"/>
    </row>
    <row r="160120" spans="14:14">
      <c r="N160120" s="10"/>
    </row>
    <row r="160121" spans="14:14">
      <c r="N160121" s="10"/>
    </row>
    <row r="160122" spans="14:14">
      <c r="N160122" s="10"/>
    </row>
    <row r="160123" spans="14:14">
      <c r="N160123" s="10"/>
    </row>
    <row r="160124" spans="14:14">
      <c r="N160124" s="10"/>
    </row>
    <row r="160125" spans="14:14">
      <c r="N160125" s="10"/>
    </row>
    <row r="160126" spans="14:14">
      <c r="N160126" s="10"/>
    </row>
    <row r="160127" spans="14:14">
      <c r="N160127" s="10"/>
    </row>
    <row r="160128" spans="14:14">
      <c r="N160128" s="10"/>
    </row>
    <row r="160129" spans="14:14">
      <c r="N160129" s="10"/>
    </row>
    <row r="160130" spans="14:14">
      <c r="N160130" s="10"/>
    </row>
    <row r="160131" spans="14:14">
      <c r="N160131" s="10"/>
    </row>
    <row r="160132" spans="14:14">
      <c r="N160132" s="10"/>
    </row>
    <row r="160133" spans="14:14">
      <c r="N160133" s="10"/>
    </row>
    <row r="160134" spans="14:14">
      <c r="N160134" s="10"/>
    </row>
    <row r="160135" spans="14:14">
      <c r="N160135" s="10"/>
    </row>
    <row r="160136" spans="14:14">
      <c r="N160136" s="10"/>
    </row>
    <row r="160137" spans="14:14">
      <c r="N160137" s="10"/>
    </row>
    <row r="160138" spans="14:14">
      <c r="N160138" s="10"/>
    </row>
    <row r="160139" spans="14:14">
      <c r="N160139" s="10"/>
    </row>
    <row r="160140" spans="14:14">
      <c r="N160140" s="10"/>
    </row>
    <row r="160141" spans="14:14">
      <c r="N160141" s="10"/>
    </row>
    <row r="160142" spans="14:14">
      <c r="N160142" s="10"/>
    </row>
    <row r="160143" spans="14:14">
      <c r="N160143" s="10"/>
    </row>
    <row r="160144" spans="14:14">
      <c r="N160144" s="10"/>
    </row>
    <row r="160145" spans="14:14">
      <c r="N160145" s="10"/>
    </row>
    <row r="160146" spans="14:14">
      <c r="N160146" s="10"/>
    </row>
    <row r="160147" spans="14:14">
      <c r="N160147" s="10"/>
    </row>
    <row r="160148" spans="14:14">
      <c r="N160148" s="10"/>
    </row>
    <row r="160149" spans="14:14">
      <c r="N160149" s="10"/>
    </row>
    <row r="160150" spans="14:14">
      <c r="N160150" s="10"/>
    </row>
    <row r="160151" spans="14:14">
      <c r="N160151" s="10"/>
    </row>
    <row r="160152" spans="14:14">
      <c r="N160152" s="10"/>
    </row>
    <row r="160153" spans="14:14">
      <c r="N160153" s="10"/>
    </row>
    <row r="160154" spans="14:14">
      <c r="N160154" s="10"/>
    </row>
    <row r="160155" spans="14:14">
      <c r="N160155" s="10"/>
    </row>
    <row r="160156" spans="14:14">
      <c r="N160156" s="10"/>
    </row>
    <row r="160157" spans="14:14">
      <c r="N160157" s="10"/>
    </row>
    <row r="160158" spans="14:14">
      <c r="N160158" s="10"/>
    </row>
    <row r="160159" spans="14:14">
      <c r="N160159" s="10"/>
    </row>
    <row r="160160" spans="14:14">
      <c r="N160160" s="10"/>
    </row>
    <row r="160161" spans="14:14">
      <c r="N160161" s="10"/>
    </row>
    <row r="160162" spans="14:14">
      <c r="N160162" s="10"/>
    </row>
    <row r="160163" spans="14:14">
      <c r="N160163" s="10"/>
    </row>
    <row r="160164" spans="14:14">
      <c r="N160164" s="10"/>
    </row>
    <row r="160165" spans="14:14">
      <c r="N160165" s="10"/>
    </row>
    <row r="160166" spans="14:14">
      <c r="N160166" s="10"/>
    </row>
    <row r="160167" spans="14:14">
      <c r="N160167" s="10"/>
    </row>
    <row r="160168" spans="14:14">
      <c r="N160168" s="10"/>
    </row>
    <row r="160169" spans="14:14">
      <c r="N160169" s="10"/>
    </row>
    <row r="160170" spans="14:14">
      <c r="N160170" s="10"/>
    </row>
    <row r="160171" spans="14:14">
      <c r="N160171" s="10"/>
    </row>
    <row r="160172" spans="14:14">
      <c r="N160172" s="10"/>
    </row>
    <row r="160173" spans="14:14">
      <c r="N160173" s="10"/>
    </row>
    <row r="160174" spans="14:14">
      <c r="N160174" s="10"/>
    </row>
    <row r="160175" spans="14:14">
      <c r="N160175" s="10"/>
    </row>
    <row r="160176" spans="14:14">
      <c r="N160176" s="10"/>
    </row>
    <row r="160177" spans="14:14">
      <c r="N160177" s="10"/>
    </row>
    <row r="160178" spans="14:14">
      <c r="N160178" s="10"/>
    </row>
    <row r="160179" spans="14:14">
      <c r="N160179" s="10"/>
    </row>
    <row r="160180" spans="14:14">
      <c r="N160180" s="10"/>
    </row>
    <row r="160181" spans="14:14">
      <c r="N160181" s="10"/>
    </row>
    <row r="160182" spans="14:14">
      <c r="N160182" s="10"/>
    </row>
    <row r="160183" spans="14:14">
      <c r="N160183" s="10"/>
    </row>
    <row r="160184" spans="14:14">
      <c r="N160184" s="10"/>
    </row>
    <row r="160185" spans="14:14">
      <c r="N160185" s="10"/>
    </row>
    <row r="160186" spans="14:14">
      <c r="N160186" s="10"/>
    </row>
    <row r="160187" spans="14:14">
      <c r="N160187" s="10"/>
    </row>
    <row r="160188" spans="14:14">
      <c r="N160188" s="10"/>
    </row>
    <row r="160189" spans="14:14">
      <c r="N160189" s="10"/>
    </row>
    <row r="160190" spans="14:14">
      <c r="N160190" s="10"/>
    </row>
    <row r="160191" spans="14:14">
      <c r="N160191" s="10"/>
    </row>
    <row r="160192" spans="14:14">
      <c r="N160192" s="10"/>
    </row>
    <row r="160193" spans="14:14">
      <c r="N160193" s="10"/>
    </row>
    <row r="160194" spans="14:14">
      <c r="N160194" s="10"/>
    </row>
    <row r="160195" spans="14:14">
      <c r="N160195" s="10"/>
    </row>
    <row r="160196" spans="14:14">
      <c r="N160196" s="10"/>
    </row>
    <row r="160197" spans="14:14">
      <c r="N160197" s="10"/>
    </row>
    <row r="160198" spans="14:14">
      <c r="N160198" s="10"/>
    </row>
    <row r="160199" spans="14:14">
      <c r="N160199" s="10"/>
    </row>
    <row r="160200" spans="14:14">
      <c r="N160200" s="10"/>
    </row>
    <row r="160201" spans="14:14">
      <c r="N160201" s="10"/>
    </row>
    <row r="160202" spans="14:14">
      <c r="N160202" s="10"/>
    </row>
    <row r="160203" spans="14:14">
      <c r="N160203" s="10"/>
    </row>
    <row r="160204" spans="14:14">
      <c r="N160204" s="10"/>
    </row>
    <row r="160205" spans="14:14">
      <c r="N160205" s="10"/>
    </row>
    <row r="160206" spans="14:14">
      <c r="N160206" s="10"/>
    </row>
    <row r="160207" spans="14:14">
      <c r="N160207" s="10"/>
    </row>
    <row r="160208" spans="14:14">
      <c r="N160208" s="10"/>
    </row>
    <row r="160209" spans="14:14">
      <c r="N160209" s="10"/>
    </row>
    <row r="160210" spans="14:14">
      <c r="N160210" s="10"/>
    </row>
    <row r="160211" spans="14:14">
      <c r="N160211" s="10"/>
    </row>
    <row r="160212" spans="14:14">
      <c r="N160212" s="10"/>
    </row>
    <row r="160213" spans="14:14">
      <c r="N160213" s="10"/>
    </row>
    <row r="160214" spans="14:14">
      <c r="N160214" s="10"/>
    </row>
    <row r="160215" spans="14:14">
      <c r="N160215" s="10"/>
    </row>
    <row r="160216" spans="14:14">
      <c r="N160216" s="10"/>
    </row>
    <row r="160217" spans="14:14">
      <c r="N160217" s="10"/>
    </row>
    <row r="160218" spans="14:14">
      <c r="N160218" s="10"/>
    </row>
    <row r="160219" spans="14:14">
      <c r="N160219" s="10"/>
    </row>
    <row r="160220" spans="14:14">
      <c r="N160220" s="10"/>
    </row>
    <row r="160221" spans="14:14">
      <c r="N160221" s="10"/>
    </row>
    <row r="160222" spans="14:14">
      <c r="N160222" s="10"/>
    </row>
    <row r="160223" spans="14:14">
      <c r="N160223" s="10"/>
    </row>
    <row r="160224" spans="14:14">
      <c r="N160224" s="10"/>
    </row>
    <row r="160225" spans="14:14">
      <c r="N160225" s="10"/>
    </row>
    <row r="160226" spans="14:14">
      <c r="N160226" s="10"/>
    </row>
    <row r="160227" spans="14:14">
      <c r="N160227" s="10"/>
    </row>
    <row r="160228" spans="14:14">
      <c r="N160228" s="10"/>
    </row>
    <row r="160229" spans="14:14">
      <c r="N160229" s="10"/>
    </row>
    <row r="160230" spans="14:14">
      <c r="N160230" s="10"/>
    </row>
    <row r="160231" spans="14:14">
      <c r="N160231" s="10"/>
    </row>
    <row r="160232" spans="14:14">
      <c r="N160232" s="10"/>
    </row>
    <row r="160233" spans="14:14">
      <c r="N160233" s="10"/>
    </row>
    <row r="160234" spans="14:14">
      <c r="N160234" s="10"/>
    </row>
    <row r="160235" spans="14:14">
      <c r="N160235" s="10"/>
    </row>
    <row r="160236" spans="14:14">
      <c r="N160236" s="10"/>
    </row>
    <row r="160237" spans="14:14">
      <c r="N160237" s="10"/>
    </row>
    <row r="160238" spans="14:14">
      <c r="N160238" s="10"/>
    </row>
    <row r="160239" spans="14:14">
      <c r="N160239" s="10"/>
    </row>
    <row r="160240" spans="14:14">
      <c r="N160240" s="10"/>
    </row>
    <row r="160241" spans="14:14">
      <c r="N160241" s="10"/>
    </row>
    <row r="160242" spans="14:14">
      <c r="N160242" s="10"/>
    </row>
    <row r="160243" spans="14:14">
      <c r="N160243" s="10"/>
    </row>
    <row r="160244" spans="14:14">
      <c r="N160244" s="10"/>
    </row>
    <row r="160245" spans="14:14">
      <c r="N160245" s="10"/>
    </row>
    <row r="160246" spans="14:14">
      <c r="N160246" s="10"/>
    </row>
    <row r="160247" spans="14:14">
      <c r="N160247" s="10"/>
    </row>
    <row r="160248" spans="14:14">
      <c r="N160248" s="10"/>
    </row>
    <row r="160249" spans="14:14">
      <c r="N160249" s="10"/>
    </row>
    <row r="160250" spans="14:14">
      <c r="N160250" s="10"/>
    </row>
    <row r="160251" spans="14:14">
      <c r="N160251" s="10"/>
    </row>
    <row r="160252" spans="14:14">
      <c r="N160252" s="10"/>
    </row>
    <row r="160253" spans="14:14">
      <c r="N160253" s="10"/>
    </row>
    <row r="160254" spans="14:14">
      <c r="N160254" s="10"/>
    </row>
    <row r="160255" spans="14:14">
      <c r="N160255" s="10"/>
    </row>
    <row r="160256" spans="14:14">
      <c r="N160256" s="10"/>
    </row>
    <row r="160257" spans="14:14">
      <c r="N160257" s="10"/>
    </row>
    <row r="160258" spans="14:14">
      <c r="N160258" s="10"/>
    </row>
    <row r="160259" spans="14:14">
      <c r="N160259" s="10"/>
    </row>
    <row r="160260" spans="14:14">
      <c r="N160260" s="10"/>
    </row>
    <row r="160261" spans="14:14">
      <c r="N160261" s="10"/>
    </row>
    <row r="160262" spans="14:14">
      <c r="N160262" s="10"/>
    </row>
    <row r="160263" spans="14:14">
      <c r="N160263" s="10"/>
    </row>
    <row r="160264" spans="14:14">
      <c r="N160264" s="10"/>
    </row>
    <row r="160265" spans="14:14">
      <c r="N160265" s="10"/>
    </row>
    <row r="160266" spans="14:14">
      <c r="N160266" s="10"/>
    </row>
    <row r="160267" spans="14:14">
      <c r="N160267" s="10"/>
    </row>
    <row r="160268" spans="14:14">
      <c r="N160268" s="10"/>
    </row>
    <row r="160269" spans="14:14">
      <c r="N160269" s="10"/>
    </row>
    <row r="160270" spans="14:14">
      <c r="N160270" s="10"/>
    </row>
    <row r="160271" spans="14:14">
      <c r="N160271" s="10"/>
    </row>
    <row r="160272" spans="14:14">
      <c r="N160272" s="10"/>
    </row>
    <row r="160273" spans="14:14">
      <c r="N160273" s="10"/>
    </row>
    <row r="160274" spans="14:14">
      <c r="N160274" s="10"/>
    </row>
    <row r="160275" spans="14:14">
      <c r="N160275" s="10"/>
    </row>
    <row r="160276" spans="14:14">
      <c r="N160276" s="10"/>
    </row>
    <row r="160277" spans="14:14">
      <c r="N160277" s="10"/>
    </row>
    <row r="160278" spans="14:14">
      <c r="N160278" s="10"/>
    </row>
    <row r="160279" spans="14:14">
      <c r="N160279" s="10"/>
    </row>
    <row r="160280" spans="14:14">
      <c r="N160280" s="10"/>
    </row>
    <row r="160281" spans="14:14">
      <c r="N160281" s="10"/>
    </row>
    <row r="160282" spans="14:14">
      <c r="N160282" s="10"/>
    </row>
    <row r="160283" spans="14:14">
      <c r="N160283" s="10"/>
    </row>
    <row r="160284" spans="14:14">
      <c r="N160284" s="10"/>
    </row>
    <row r="160285" spans="14:14">
      <c r="N160285" s="10"/>
    </row>
    <row r="160286" spans="14:14">
      <c r="N160286" s="10"/>
    </row>
    <row r="160287" spans="14:14">
      <c r="N160287" s="10"/>
    </row>
    <row r="160288" spans="14:14">
      <c r="N160288" s="10"/>
    </row>
    <row r="160289" spans="14:14">
      <c r="N160289" s="10"/>
    </row>
    <row r="160290" spans="14:14">
      <c r="N160290" s="10"/>
    </row>
    <row r="160291" spans="14:14">
      <c r="N160291" s="10"/>
    </row>
    <row r="160292" spans="14:14">
      <c r="N160292" s="10"/>
    </row>
    <row r="160293" spans="14:14">
      <c r="N160293" s="10"/>
    </row>
    <row r="160294" spans="14:14">
      <c r="N160294" s="10"/>
    </row>
    <row r="160295" spans="14:14">
      <c r="N160295" s="10"/>
    </row>
    <row r="160296" spans="14:14">
      <c r="N160296" s="10"/>
    </row>
    <row r="160297" spans="14:14">
      <c r="N160297" s="10"/>
    </row>
    <row r="160298" spans="14:14">
      <c r="N160298" s="10"/>
    </row>
    <row r="160299" spans="14:14">
      <c r="N160299" s="10"/>
    </row>
    <row r="160300" spans="14:14">
      <c r="N160300" s="10"/>
    </row>
    <row r="160301" spans="14:14">
      <c r="N160301" s="10"/>
    </row>
    <row r="160302" spans="14:14">
      <c r="N160302" s="10"/>
    </row>
    <row r="160303" spans="14:14">
      <c r="N160303" s="10"/>
    </row>
    <row r="160304" spans="14:14">
      <c r="N160304" s="10"/>
    </row>
    <row r="160305" spans="14:14">
      <c r="N160305" s="10"/>
    </row>
    <row r="160306" spans="14:14">
      <c r="N160306" s="10"/>
    </row>
    <row r="160307" spans="14:14">
      <c r="N160307" s="10"/>
    </row>
    <row r="160308" spans="14:14">
      <c r="N160308" s="10"/>
    </row>
    <row r="160309" spans="14:14">
      <c r="N160309" s="10"/>
    </row>
    <row r="160310" spans="14:14">
      <c r="N160310" s="10"/>
    </row>
    <row r="160311" spans="14:14">
      <c r="N160311" s="10"/>
    </row>
    <row r="160312" spans="14:14">
      <c r="N160312" s="10"/>
    </row>
    <row r="160313" spans="14:14">
      <c r="N160313" s="10"/>
    </row>
    <row r="160314" spans="14:14">
      <c r="N160314" s="10"/>
    </row>
    <row r="160315" spans="14:14">
      <c r="N160315" s="10"/>
    </row>
    <row r="160316" spans="14:14">
      <c r="N160316" s="10"/>
    </row>
    <row r="160317" spans="14:14">
      <c r="N160317" s="10"/>
    </row>
    <row r="160318" spans="14:14">
      <c r="N160318" s="10"/>
    </row>
    <row r="160319" spans="14:14">
      <c r="N160319" s="10"/>
    </row>
    <row r="160320" spans="14:14">
      <c r="N160320" s="10"/>
    </row>
    <row r="160321" spans="14:14">
      <c r="N160321" s="10"/>
    </row>
    <row r="160322" spans="14:14">
      <c r="N160322" s="10"/>
    </row>
    <row r="160323" spans="14:14">
      <c r="N160323" s="10"/>
    </row>
    <row r="160324" spans="14:14">
      <c r="N160324" s="10"/>
    </row>
    <row r="160325" spans="14:14">
      <c r="N160325" s="10"/>
    </row>
    <row r="160326" spans="14:14">
      <c r="N160326" s="10"/>
    </row>
    <row r="160327" spans="14:14">
      <c r="N160327" s="10"/>
    </row>
    <row r="160328" spans="14:14">
      <c r="N160328" s="10"/>
    </row>
    <row r="160329" spans="14:14">
      <c r="N160329" s="10"/>
    </row>
    <row r="160330" spans="14:14">
      <c r="N160330" s="10"/>
    </row>
    <row r="160331" spans="14:14">
      <c r="N160331" s="10"/>
    </row>
    <row r="160332" spans="14:14">
      <c r="N160332" s="10"/>
    </row>
    <row r="160333" spans="14:14">
      <c r="N160333" s="10"/>
    </row>
    <row r="160334" spans="14:14">
      <c r="N160334" s="10"/>
    </row>
    <row r="160335" spans="14:14">
      <c r="N160335" s="10"/>
    </row>
    <row r="160336" spans="14:14">
      <c r="N160336" s="10"/>
    </row>
    <row r="160337" spans="14:14">
      <c r="N160337" s="10"/>
    </row>
    <row r="160338" spans="14:14">
      <c r="N160338" s="10"/>
    </row>
    <row r="160339" spans="14:14">
      <c r="N160339" s="10"/>
    </row>
    <row r="160340" spans="14:14">
      <c r="N160340" s="10"/>
    </row>
    <row r="160341" spans="14:14">
      <c r="N160341" s="10"/>
    </row>
    <row r="160342" spans="14:14">
      <c r="N160342" s="10"/>
    </row>
    <row r="160343" spans="14:14">
      <c r="N160343" s="10"/>
    </row>
    <row r="160344" spans="14:14">
      <c r="N160344" s="10"/>
    </row>
    <row r="160345" spans="14:14">
      <c r="N160345" s="10"/>
    </row>
    <row r="160346" spans="14:14">
      <c r="N160346" s="10"/>
    </row>
    <row r="160347" spans="14:14">
      <c r="N160347" s="10"/>
    </row>
    <row r="160348" spans="14:14">
      <c r="N160348" s="10"/>
    </row>
    <row r="160349" spans="14:14">
      <c r="N160349" s="10"/>
    </row>
    <row r="160350" spans="14:14">
      <c r="N160350" s="10"/>
    </row>
    <row r="160351" spans="14:14">
      <c r="N160351" s="10"/>
    </row>
    <row r="160352" spans="14:14">
      <c r="N160352" s="10"/>
    </row>
    <row r="160353" spans="14:14">
      <c r="N160353" s="10"/>
    </row>
    <row r="160354" spans="14:14">
      <c r="N160354" s="10"/>
    </row>
    <row r="160355" spans="14:14">
      <c r="N160355" s="10"/>
    </row>
    <row r="160356" spans="14:14">
      <c r="N160356" s="10"/>
    </row>
    <row r="160357" spans="14:14">
      <c r="N160357" s="10"/>
    </row>
    <row r="160358" spans="14:14">
      <c r="N160358" s="10"/>
    </row>
    <row r="160359" spans="14:14">
      <c r="N160359" s="10"/>
    </row>
    <row r="160360" spans="14:14">
      <c r="N160360" s="10"/>
    </row>
    <row r="160361" spans="14:14">
      <c r="N160361" s="10"/>
    </row>
    <row r="160362" spans="14:14">
      <c r="N160362" s="10"/>
    </row>
    <row r="160363" spans="14:14">
      <c r="N160363" s="10"/>
    </row>
    <row r="160364" spans="14:14">
      <c r="N160364" s="10"/>
    </row>
    <row r="160365" spans="14:14">
      <c r="N160365" s="10"/>
    </row>
    <row r="160366" spans="14:14">
      <c r="N160366" s="10"/>
    </row>
    <row r="160367" spans="14:14">
      <c r="N160367" s="10"/>
    </row>
    <row r="160368" spans="14:14">
      <c r="N160368" s="10"/>
    </row>
    <row r="160369" spans="14:14">
      <c r="N160369" s="10"/>
    </row>
    <row r="160370" spans="14:14">
      <c r="N160370" s="10"/>
    </row>
    <row r="160371" spans="14:14">
      <c r="N160371" s="10"/>
    </row>
    <row r="160372" spans="14:14">
      <c r="N160372" s="10"/>
    </row>
    <row r="160373" spans="14:14">
      <c r="N160373" s="10"/>
    </row>
    <row r="160374" spans="14:14">
      <c r="N160374" s="10"/>
    </row>
    <row r="160375" spans="14:14">
      <c r="N160375" s="10"/>
    </row>
    <row r="160376" spans="14:14">
      <c r="N160376" s="10"/>
    </row>
    <row r="160377" spans="14:14">
      <c r="N160377" s="10"/>
    </row>
    <row r="160378" spans="14:14">
      <c r="N160378" s="10"/>
    </row>
    <row r="160379" spans="14:14">
      <c r="N160379" s="10"/>
    </row>
    <row r="160380" spans="14:14">
      <c r="N160380" s="10"/>
    </row>
    <row r="160381" spans="14:14">
      <c r="N160381" s="10"/>
    </row>
    <row r="160382" spans="14:14">
      <c r="N160382" s="10"/>
    </row>
    <row r="160383" spans="14:14">
      <c r="N160383" s="10"/>
    </row>
    <row r="160384" spans="14:14">
      <c r="N160384" s="10"/>
    </row>
    <row r="160385" spans="14:14">
      <c r="N160385" s="10"/>
    </row>
    <row r="160386" spans="14:14">
      <c r="N160386" s="10"/>
    </row>
    <row r="160387" spans="14:14">
      <c r="N160387" s="10"/>
    </row>
    <row r="160388" spans="14:14">
      <c r="N160388" s="10"/>
    </row>
    <row r="160389" spans="14:14">
      <c r="N160389" s="10"/>
    </row>
    <row r="160390" spans="14:14">
      <c r="N160390" s="10"/>
    </row>
    <row r="160391" spans="14:14">
      <c r="N160391" s="10"/>
    </row>
    <row r="160392" spans="14:14">
      <c r="N160392" s="10"/>
    </row>
    <row r="160393" spans="14:14">
      <c r="N160393" s="10"/>
    </row>
    <row r="160394" spans="14:14">
      <c r="N160394" s="10"/>
    </row>
    <row r="160395" spans="14:14">
      <c r="N160395" s="10"/>
    </row>
    <row r="160396" spans="14:14">
      <c r="N160396" s="10"/>
    </row>
    <row r="160397" spans="14:14">
      <c r="N160397" s="10"/>
    </row>
    <row r="160398" spans="14:14">
      <c r="N160398" s="10"/>
    </row>
    <row r="160399" spans="14:14">
      <c r="N160399" s="10"/>
    </row>
    <row r="160400" spans="14:14">
      <c r="N160400" s="10"/>
    </row>
    <row r="160401" spans="14:14">
      <c r="N160401" s="10"/>
    </row>
    <row r="160402" spans="14:14">
      <c r="N160402" s="10"/>
    </row>
    <row r="160403" spans="14:14">
      <c r="N160403" s="10"/>
    </row>
    <row r="160404" spans="14:14">
      <c r="N160404" s="10"/>
    </row>
    <row r="160405" spans="14:14">
      <c r="N160405" s="10"/>
    </row>
    <row r="160406" spans="14:14">
      <c r="N160406" s="10"/>
    </row>
    <row r="160407" spans="14:14">
      <c r="N160407" s="10"/>
    </row>
    <row r="160408" spans="14:14">
      <c r="N160408" s="10"/>
    </row>
    <row r="160409" spans="14:14">
      <c r="N160409" s="10"/>
    </row>
    <row r="160410" spans="14:14">
      <c r="N160410" s="10"/>
    </row>
    <row r="160411" spans="14:14">
      <c r="N160411" s="10"/>
    </row>
    <row r="160412" spans="14:14">
      <c r="N160412" s="10"/>
    </row>
    <row r="160413" spans="14:14">
      <c r="N160413" s="10"/>
    </row>
    <row r="160414" spans="14:14">
      <c r="N160414" s="10"/>
    </row>
    <row r="160415" spans="14:14">
      <c r="N160415" s="10"/>
    </row>
    <row r="160416" spans="14:14">
      <c r="N160416" s="10"/>
    </row>
    <row r="160417" spans="14:14">
      <c r="N160417" s="10"/>
    </row>
    <row r="160418" spans="14:14">
      <c r="N160418" s="10"/>
    </row>
    <row r="160419" spans="14:14">
      <c r="N160419" s="10"/>
    </row>
    <row r="160420" spans="14:14">
      <c r="N160420" s="10"/>
    </row>
    <row r="160421" spans="14:14">
      <c r="N160421" s="10"/>
    </row>
    <row r="160422" spans="14:14">
      <c r="N160422" s="10"/>
    </row>
    <row r="160423" spans="14:14">
      <c r="N160423" s="10"/>
    </row>
    <row r="160424" spans="14:14">
      <c r="N160424" s="10"/>
    </row>
    <row r="160425" spans="14:14">
      <c r="N160425" s="10"/>
    </row>
    <row r="160426" spans="14:14">
      <c r="N160426" s="10"/>
    </row>
    <row r="160427" spans="14:14">
      <c r="N160427" s="10"/>
    </row>
    <row r="160428" spans="14:14">
      <c r="N160428" s="10"/>
    </row>
    <row r="160429" spans="14:14">
      <c r="N160429" s="10"/>
    </row>
    <row r="160430" spans="14:14">
      <c r="N160430" s="10"/>
    </row>
    <row r="160431" spans="14:14">
      <c r="N160431" s="10"/>
    </row>
    <row r="160432" spans="14:14">
      <c r="N160432" s="10"/>
    </row>
    <row r="160433" spans="14:14">
      <c r="N160433" s="10"/>
    </row>
    <row r="160434" spans="14:14">
      <c r="N160434" s="10"/>
    </row>
    <row r="160435" spans="14:14">
      <c r="N160435" s="10"/>
    </row>
    <row r="160436" spans="14:14">
      <c r="N160436" s="10"/>
    </row>
    <row r="160437" spans="14:14">
      <c r="N160437" s="10"/>
    </row>
    <row r="160438" spans="14:14">
      <c r="N160438" s="10"/>
    </row>
    <row r="160439" spans="14:14">
      <c r="N160439" s="10"/>
    </row>
    <row r="160440" spans="14:14">
      <c r="N160440" s="10"/>
    </row>
    <row r="160441" spans="14:14">
      <c r="N160441" s="10"/>
    </row>
    <row r="160442" spans="14:14">
      <c r="N160442" s="10"/>
    </row>
    <row r="160443" spans="14:14">
      <c r="N160443" s="10"/>
    </row>
    <row r="160444" spans="14:14">
      <c r="N160444" s="10"/>
    </row>
    <row r="160445" spans="14:14">
      <c r="N160445" s="10"/>
    </row>
    <row r="160446" spans="14:14">
      <c r="N160446" s="10"/>
    </row>
    <row r="160447" spans="14:14">
      <c r="N160447" s="10"/>
    </row>
    <row r="160448" spans="14:14">
      <c r="N160448" s="10"/>
    </row>
    <row r="160449" spans="14:14">
      <c r="N160449" s="10"/>
    </row>
    <row r="160450" spans="14:14">
      <c r="N160450" s="10"/>
    </row>
    <row r="160451" spans="14:14">
      <c r="N160451" s="10"/>
    </row>
    <row r="160452" spans="14:14">
      <c r="N160452" s="10"/>
    </row>
    <row r="160453" spans="14:14">
      <c r="N160453" s="10"/>
    </row>
    <row r="160454" spans="14:14">
      <c r="N160454" s="10"/>
    </row>
    <row r="160455" spans="14:14">
      <c r="N160455" s="10"/>
    </row>
    <row r="160456" spans="14:14">
      <c r="N160456" s="10"/>
    </row>
    <row r="160457" spans="14:14">
      <c r="N160457" s="10"/>
    </row>
    <row r="160458" spans="14:14">
      <c r="N160458" s="10"/>
    </row>
    <row r="160459" spans="14:14">
      <c r="N160459" s="10"/>
    </row>
    <row r="160460" spans="14:14">
      <c r="N160460" s="10"/>
    </row>
    <row r="160461" spans="14:14">
      <c r="N160461" s="10"/>
    </row>
    <row r="160462" spans="14:14">
      <c r="N160462" s="10"/>
    </row>
    <row r="160463" spans="14:14">
      <c r="N160463" s="10"/>
    </row>
    <row r="160464" spans="14:14">
      <c r="N160464" s="10"/>
    </row>
    <row r="160465" spans="14:14">
      <c r="N160465" s="10"/>
    </row>
    <row r="160466" spans="14:14">
      <c r="N160466" s="10"/>
    </row>
    <row r="160467" spans="14:14">
      <c r="N160467" s="10"/>
    </row>
    <row r="160468" spans="14:14">
      <c r="N160468" s="10"/>
    </row>
    <row r="160469" spans="14:14">
      <c r="N160469" s="10"/>
    </row>
    <row r="160470" spans="14:14">
      <c r="N160470" s="10"/>
    </row>
    <row r="160471" spans="14:14">
      <c r="N160471" s="10"/>
    </row>
    <row r="160472" spans="14:14">
      <c r="N160472" s="10"/>
    </row>
    <row r="160473" spans="14:14">
      <c r="N160473" s="10"/>
    </row>
    <row r="160474" spans="14:14">
      <c r="N160474" s="10"/>
    </row>
    <row r="160475" spans="14:14">
      <c r="N160475" s="10"/>
    </row>
    <row r="160476" spans="14:14">
      <c r="N160476" s="10"/>
    </row>
    <row r="160477" spans="14:14">
      <c r="N160477" s="10"/>
    </row>
    <row r="160478" spans="14:14">
      <c r="N160478" s="10"/>
    </row>
    <row r="160479" spans="14:14">
      <c r="N160479" s="10"/>
    </row>
    <row r="160480" spans="14:14">
      <c r="N160480" s="10"/>
    </row>
    <row r="160481" spans="14:14">
      <c r="N160481" s="10"/>
    </row>
    <row r="160482" spans="14:14">
      <c r="N160482" s="10"/>
    </row>
    <row r="160483" spans="14:14">
      <c r="N160483" s="10"/>
    </row>
    <row r="160484" spans="14:14">
      <c r="N160484" s="10"/>
    </row>
    <row r="160485" spans="14:14">
      <c r="N160485" s="10"/>
    </row>
    <row r="160486" spans="14:14">
      <c r="N160486" s="10"/>
    </row>
    <row r="160487" spans="14:14">
      <c r="N160487" s="10"/>
    </row>
    <row r="160488" spans="14:14">
      <c r="N160488" s="10"/>
    </row>
    <row r="160489" spans="14:14">
      <c r="N160489" s="10"/>
    </row>
    <row r="160490" spans="14:14">
      <c r="N160490" s="10"/>
    </row>
    <row r="160491" spans="14:14">
      <c r="N160491" s="10"/>
    </row>
    <row r="160492" spans="14:14">
      <c r="N160492" s="10"/>
    </row>
    <row r="160493" spans="14:14">
      <c r="N160493" s="10"/>
    </row>
    <row r="160494" spans="14:14">
      <c r="N160494" s="10"/>
    </row>
    <row r="160495" spans="14:14">
      <c r="N160495" s="10"/>
    </row>
    <row r="160496" spans="14:14">
      <c r="N160496" s="10"/>
    </row>
    <row r="160497" spans="14:14">
      <c r="N160497" s="10"/>
    </row>
    <row r="160498" spans="14:14">
      <c r="N160498" s="10"/>
    </row>
    <row r="160499" spans="14:14">
      <c r="N160499" s="10"/>
    </row>
    <row r="160500" spans="14:14">
      <c r="N160500" s="10"/>
    </row>
    <row r="160501" spans="14:14">
      <c r="N160501" s="10"/>
    </row>
    <row r="160502" spans="14:14">
      <c r="N160502" s="10"/>
    </row>
    <row r="160503" spans="14:14">
      <c r="N160503" s="10"/>
    </row>
    <row r="160504" spans="14:14">
      <c r="N160504" s="10"/>
    </row>
    <row r="160505" spans="14:14">
      <c r="N160505" s="10"/>
    </row>
    <row r="160506" spans="14:14">
      <c r="N160506" s="10"/>
    </row>
    <row r="160507" spans="14:14">
      <c r="N160507" s="10"/>
    </row>
    <row r="160508" spans="14:14">
      <c r="N160508" s="10"/>
    </row>
    <row r="160509" spans="14:14">
      <c r="N160509" s="10"/>
    </row>
    <row r="160510" spans="14:14">
      <c r="N160510" s="10"/>
    </row>
    <row r="160511" spans="14:14">
      <c r="N160511" s="10"/>
    </row>
    <row r="160512" spans="14:14">
      <c r="N160512" s="10"/>
    </row>
    <row r="160513" spans="14:14">
      <c r="N160513" s="10"/>
    </row>
    <row r="160514" spans="14:14">
      <c r="N160514" s="10"/>
    </row>
    <row r="160515" spans="14:14">
      <c r="N160515" s="10"/>
    </row>
    <row r="160516" spans="14:14">
      <c r="N160516" s="10"/>
    </row>
    <row r="160517" spans="14:14">
      <c r="N160517" s="10"/>
    </row>
    <row r="160518" spans="14:14">
      <c r="N160518" s="10"/>
    </row>
    <row r="160519" spans="14:14">
      <c r="N160519" s="10"/>
    </row>
    <row r="160520" spans="14:14">
      <c r="N160520" s="10"/>
    </row>
    <row r="160521" spans="14:14">
      <c r="N160521" s="10"/>
    </row>
    <row r="160522" spans="14:14">
      <c r="N160522" s="10"/>
    </row>
    <row r="160523" spans="14:14">
      <c r="N160523" s="10"/>
    </row>
    <row r="160524" spans="14:14">
      <c r="N160524" s="10"/>
    </row>
    <row r="160525" spans="14:14">
      <c r="N160525" s="10"/>
    </row>
    <row r="160526" spans="14:14">
      <c r="N160526" s="10"/>
    </row>
    <row r="160527" spans="14:14">
      <c r="N160527" s="10"/>
    </row>
    <row r="160528" spans="14:14">
      <c r="N160528" s="10"/>
    </row>
    <row r="160529" spans="14:14">
      <c r="N160529" s="10"/>
    </row>
    <row r="160530" spans="14:14">
      <c r="N160530" s="10"/>
    </row>
    <row r="160531" spans="14:14">
      <c r="N160531" s="10"/>
    </row>
    <row r="160532" spans="14:14">
      <c r="N160532" s="10"/>
    </row>
    <row r="160533" spans="14:14">
      <c r="N160533" s="10"/>
    </row>
    <row r="160534" spans="14:14">
      <c r="N160534" s="10"/>
    </row>
    <row r="160535" spans="14:14">
      <c r="N160535" s="10"/>
    </row>
    <row r="160536" spans="14:14">
      <c r="N160536" s="10"/>
    </row>
    <row r="160537" spans="14:14">
      <c r="N160537" s="10"/>
    </row>
    <row r="160538" spans="14:14">
      <c r="N160538" s="10"/>
    </row>
    <row r="160539" spans="14:14">
      <c r="N160539" s="10"/>
    </row>
    <row r="160540" spans="14:14">
      <c r="N160540" s="10"/>
    </row>
    <row r="160541" spans="14:14">
      <c r="N160541" s="10"/>
    </row>
    <row r="160542" spans="14:14">
      <c r="N160542" s="10"/>
    </row>
    <row r="160543" spans="14:14">
      <c r="N160543" s="10"/>
    </row>
    <row r="160544" spans="14:14">
      <c r="N160544" s="10"/>
    </row>
    <row r="160545" spans="14:14">
      <c r="N160545" s="10"/>
    </row>
    <row r="160546" spans="14:14">
      <c r="N160546" s="10"/>
    </row>
    <row r="160547" spans="14:14">
      <c r="N160547" s="10"/>
    </row>
    <row r="160548" spans="14:14">
      <c r="N160548" s="10"/>
    </row>
    <row r="160549" spans="14:14">
      <c r="N160549" s="10"/>
    </row>
    <row r="160550" spans="14:14">
      <c r="N160550" s="10"/>
    </row>
    <row r="160551" spans="14:14">
      <c r="N160551" s="10"/>
    </row>
    <row r="160552" spans="14:14">
      <c r="N160552" s="10"/>
    </row>
    <row r="160553" spans="14:14">
      <c r="N160553" s="10"/>
    </row>
    <row r="160554" spans="14:14">
      <c r="N160554" s="10"/>
    </row>
    <row r="160555" spans="14:14">
      <c r="N160555" s="10"/>
    </row>
    <row r="160556" spans="14:14">
      <c r="N160556" s="10"/>
    </row>
    <row r="160557" spans="14:14">
      <c r="N160557" s="10"/>
    </row>
    <row r="160558" spans="14:14">
      <c r="N160558" s="10"/>
    </row>
    <row r="160559" spans="14:14">
      <c r="N160559" s="10"/>
    </row>
    <row r="160560" spans="14:14">
      <c r="N160560" s="10"/>
    </row>
    <row r="160561" spans="14:14">
      <c r="N160561" s="10"/>
    </row>
    <row r="160562" spans="14:14">
      <c r="N160562" s="10"/>
    </row>
    <row r="160563" spans="14:14">
      <c r="N160563" s="10"/>
    </row>
    <row r="160564" spans="14:14">
      <c r="N160564" s="10"/>
    </row>
    <row r="160565" spans="14:14">
      <c r="N160565" s="10"/>
    </row>
    <row r="160566" spans="14:14">
      <c r="N160566" s="10"/>
    </row>
    <row r="160567" spans="14:14">
      <c r="N160567" s="10"/>
    </row>
    <row r="160568" spans="14:14">
      <c r="N160568" s="10"/>
    </row>
    <row r="160569" spans="14:14">
      <c r="N160569" s="10"/>
    </row>
    <row r="160570" spans="14:14">
      <c r="N160570" s="10"/>
    </row>
    <row r="160571" spans="14:14">
      <c r="N160571" s="10"/>
    </row>
    <row r="160572" spans="14:14">
      <c r="N160572" s="10"/>
    </row>
    <row r="160573" spans="14:14">
      <c r="N160573" s="10"/>
    </row>
    <row r="160574" spans="14:14">
      <c r="N160574" s="10"/>
    </row>
    <row r="160575" spans="14:14">
      <c r="N160575" s="10"/>
    </row>
    <row r="160576" spans="14:14">
      <c r="N160576" s="10"/>
    </row>
    <row r="160577" spans="14:14">
      <c r="N160577" s="10"/>
    </row>
    <row r="160578" spans="14:14">
      <c r="N160578" s="10"/>
    </row>
    <row r="160579" spans="14:14">
      <c r="N160579" s="10"/>
    </row>
    <row r="160580" spans="14:14">
      <c r="N160580" s="10"/>
    </row>
    <row r="160581" spans="14:14">
      <c r="N160581" s="10"/>
    </row>
    <row r="160582" spans="14:14">
      <c r="N160582" s="10"/>
    </row>
    <row r="160583" spans="14:14">
      <c r="N160583" s="10"/>
    </row>
    <row r="160584" spans="14:14">
      <c r="N160584" s="10"/>
    </row>
    <row r="160585" spans="14:14">
      <c r="N160585" s="10"/>
    </row>
    <row r="160586" spans="14:14">
      <c r="N160586" s="10"/>
    </row>
    <row r="160587" spans="14:14">
      <c r="N160587" s="10"/>
    </row>
    <row r="160588" spans="14:14">
      <c r="N160588" s="10"/>
    </row>
    <row r="160589" spans="14:14">
      <c r="N160589" s="10"/>
    </row>
    <row r="160590" spans="14:14">
      <c r="N160590" s="10"/>
    </row>
    <row r="160591" spans="14:14">
      <c r="N160591" s="10"/>
    </row>
    <row r="160592" spans="14:14">
      <c r="N160592" s="10"/>
    </row>
    <row r="160593" spans="14:14">
      <c r="N160593" s="10"/>
    </row>
    <row r="160594" spans="14:14">
      <c r="N160594" s="10"/>
    </row>
    <row r="160595" spans="14:14">
      <c r="N160595" s="10"/>
    </row>
    <row r="160596" spans="14:14">
      <c r="N160596" s="10"/>
    </row>
    <row r="160597" spans="14:14">
      <c r="N160597" s="10"/>
    </row>
    <row r="160598" spans="14:14">
      <c r="N160598" s="10"/>
    </row>
    <row r="160599" spans="14:14">
      <c r="N160599" s="10"/>
    </row>
    <row r="160600" spans="14:14">
      <c r="N160600" s="10"/>
    </row>
    <row r="160601" spans="14:14">
      <c r="N160601" s="10"/>
    </row>
    <row r="160602" spans="14:14">
      <c r="N160602" s="10"/>
    </row>
    <row r="160603" spans="14:14">
      <c r="N160603" s="10"/>
    </row>
    <row r="160604" spans="14:14">
      <c r="N160604" s="10"/>
    </row>
    <row r="160605" spans="14:14">
      <c r="N160605" s="10"/>
    </row>
    <row r="160606" spans="14:14">
      <c r="N160606" s="10"/>
    </row>
    <row r="160607" spans="14:14">
      <c r="N160607" s="10"/>
    </row>
    <row r="160608" spans="14:14">
      <c r="N160608" s="10"/>
    </row>
    <row r="160609" spans="14:14">
      <c r="N160609" s="10"/>
    </row>
    <row r="160610" spans="14:14">
      <c r="N160610" s="10"/>
    </row>
    <row r="160611" spans="14:14">
      <c r="N160611" s="10"/>
    </row>
    <row r="160612" spans="14:14">
      <c r="N160612" s="10"/>
    </row>
    <row r="160613" spans="14:14">
      <c r="N160613" s="10"/>
    </row>
    <row r="160614" spans="14:14">
      <c r="N160614" s="10"/>
    </row>
    <row r="160615" spans="14:14">
      <c r="N160615" s="10"/>
    </row>
    <row r="160616" spans="14:14">
      <c r="N160616" s="10"/>
    </row>
    <row r="160617" spans="14:14">
      <c r="N160617" s="10"/>
    </row>
    <row r="160618" spans="14:14">
      <c r="N160618" s="10"/>
    </row>
    <row r="160619" spans="14:14">
      <c r="N160619" s="10"/>
    </row>
    <row r="160620" spans="14:14">
      <c r="N160620" s="10"/>
    </row>
    <row r="160621" spans="14:14">
      <c r="N160621" s="10"/>
    </row>
    <row r="160622" spans="14:14">
      <c r="N160622" s="10"/>
    </row>
    <row r="160623" spans="14:14">
      <c r="N160623" s="10"/>
    </row>
    <row r="160624" spans="14:14">
      <c r="N160624" s="10"/>
    </row>
    <row r="160625" spans="14:14">
      <c r="N160625" s="10"/>
    </row>
    <row r="160626" spans="14:14">
      <c r="N160626" s="10"/>
    </row>
    <row r="160627" spans="14:14">
      <c r="N160627" s="10"/>
    </row>
    <row r="160628" spans="14:14">
      <c r="N160628" s="10"/>
    </row>
    <row r="160629" spans="14:14">
      <c r="N160629" s="10"/>
    </row>
    <row r="160630" spans="14:14">
      <c r="N160630" s="10"/>
    </row>
    <row r="160631" spans="14:14">
      <c r="N160631" s="10"/>
    </row>
    <row r="160632" spans="14:14">
      <c r="N160632" s="10"/>
    </row>
    <row r="160633" spans="14:14">
      <c r="N160633" s="10"/>
    </row>
    <row r="160634" spans="14:14">
      <c r="N160634" s="10"/>
    </row>
    <row r="160635" spans="14:14">
      <c r="N160635" s="10"/>
    </row>
    <row r="160636" spans="14:14">
      <c r="N160636" s="10"/>
    </row>
    <row r="160637" spans="14:14">
      <c r="N160637" s="10"/>
    </row>
    <row r="160638" spans="14:14">
      <c r="N160638" s="10"/>
    </row>
    <row r="160639" spans="14:14">
      <c r="N160639" s="10"/>
    </row>
    <row r="160640" spans="14:14">
      <c r="N160640" s="10"/>
    </row>
    <row r="160641" spans="14:14">
      <c r="N160641" s="10"/>
    </row>
    <row r="160642" spans="14:14">
      <c r="N160642" s="10"/>
    </row>
    <row r="160643" spans="14:14">
      <c r="N160643" s="10"/>
    </row>
    <row r="160644" spans="14:14">
      <c r="N160644" s="10"/>
    </row>
    <row r="160645" spans="14:14">
      <c r="N160645" s="10"/>
    </row>
    <row r="160646" spans="14:14">
      <c r="N160646" s="10"/>
    </row>
    <row r="160647" spans="14:14">
      <c r="N160647" s="10"/>
    </row>
    <row r="160648" spans="14:14">
      <c r="N160648" s="10"/>
    </row>
    <row r="160649" spans="14:14">
      <c r="N160649" s="10"/>
    </row>
    <row r="160650" spans="14:14">
      <c r="N160650" s="10"/>
    </row>
    <row r="160651" spans="14:14">
      <c r="N160651" s="10"/>
    </row>
    <row r="160652" spans="14:14">
      <c r="N160652" s="10"/>
    </row>
    <row r="160653" spans="14:14">
      <c r="N160653" s="10"/>
    </row>
    <row r="160654" spans="14:14">
      <c r="N160654" s="10"/>
    </row>
    <row r="160655" spans="14:14">
      <c r="N160655" s="10"/>
    </row>
    <row r="160656" spans="14:14">
      <c r="N160656" s="10"/>
    </row>
    <row r="160657" spans="14:14">
      <c r="N160657" s="10"/>
    </row>
    <row r="160658" spans="14:14">
      <c r="N160658" s="10"/>
    </row>
    <row r="160659" spans="14:14">
      <c r="N160659" s="10"/>
    </row>
    <row r="160660" spans="14:14">
      <c r="N160660" s="10"/>
    </row>
    <row r="160661" spans="14:14">
      <c r="N160661" s="10"/>
    </row>
    <row r="160662" spans="14:14">
      <c r="N160662" s="10"/>
    </row>
    <row r="160663" spans="14:14">
      <c r="N160663" s="10"/>
    </row>
    <row r="160664" spans="14:14">
      <c r="N160664" s="10"/>
    </row>
    <row r="160665" spans="14:14">
      <c r="N160665" s="10"/>
    </row>
    <row r="160666" spans="14:14">
      <c r="N160666" s="10"/>
    </row>
    <row r="160667" spans="14:14">
      <c r="N160667" s="10"/>
    </row>
    <row r="160668" spans="14:14">
      <c r="N160668" s="10"/>
    </row>
    <row r="160669" spans="14:14">
      <c r="N160669" s="10"/>
    </row>
    <row r="160670" spans="14:14">
      <c r="N160670" s="10"/>
    </row>
    <row r="160671" spans="14:14">
      <c r="N160671" s="10"/>
    </row>
    <row r="160672" spans="14:14">
      <c r="N160672" s="10"/>
    </row>
    <row r="160673" spans="14:14">
      <c r="N160673" s="10"/>
    </row>
    <row r="160674" spans="14:14">
      <c r="N160674" s="10"/>
    </row>
    <row r="160675" spans="14:14">
      <c r="N160675" s="10"/>
    </row>
    <row r="160676" spans="14:14">
      <c r="N160676" s="10"/>
    </row>
    <row r="160677" spans="14:14">
      <c r="N160677" s="10"/>
    </row>
    <row r="160678" spans="14:14">
      <c r="N160678" s="10"/>
    </row>
    <row r="160679" spans="14:14">
      <c r="N160679" s="10"/>
    </row>
    <row r="160680" spans="14:14">
      <c r="N160680" s="10"/>
    </row>
    <row r="160681" spans="14:14">
      <c r="N160681" s="10"/>
    </row>
    <row r="160682" spans="14:14">
      <c r="N160682" s="10"/>
    </row>
    <row r="160683" spans="14:14">
      <c r="N160683" s="10"/>
    </row>
    <row r="160684" spans="14:14">
      <c r="N160684" s="10"/>
    </row>
    <row r="160685" spans="14:14">
      <c r="N160685" s="10"/>
    </row>
    <row r="160686" spans="14:14">
      <c r="N160686" s="10"/>
    </row>
    <row r="160687" spans="14:14">
      <c r="N160687" s="10"/>
    </row>
    <row r="160688" spans="14:14">
      <c r="N160688" s="10"/>
    </row>
    <row r="160689" spans="14:14">
      <c r="N160689" s="10"/>
    </row>
    <row r="160690" spans="14:14">
      <c r="N160690" s="10"/>
    </row>
    <row r="160691" spans="14:14">
      <c r="N160691" s="10"/>
    </row>
    <row r="160692" spans="14:14">
      <c r="N160692" s="10"/>
    </row>
    <row r="160693" spans="14:14">
      <c r="N160693" s="10"/>
    </row>
    <row r="160694" spans="14:14">
      <c r="N160694" s="10"/>
    </row>
    <row r="160695" spans="14:14">
      <c r="N160695" s="10"/>
    </row>
    <row r="160696" spans="14:14">
      <c r="N160696" s="10"/>
    </row>
    <row r="160697" spans="14:14">
      <c r="N160697" s="10"/>
    </row>
    <row r="160698" spans="14:14">
      <c r="N160698" s="10"/>
    </row>
    <row r="160699" spans="14:14">
      <c r="N160699" s="10"/>
    </row>
    <row r="160700" spans="14:14">
      <c r="N160700" s="10"/>
    </row>
    <row r="160701" spans="14:14">
      <c r="N160701" s="10"/>
    </row>
    <row r="160702" spans="14:14">
      <c r="N160702" s="10"/>
    </row>
    <row r="160703" spans="14:14">
      <c r="N160703" s="10"/>
    </row>
    <row r="160704" spans="14:14">
      <c r="N160704" s="10"/>
    </row>
    <row r="160705" spans="14:14">
      <c r="N160705" s="10"/>
    </row>
    <row r="160706" spans="14:14">
      <c r="N160706" s="10"/>
    </row>
    <row r="160707" spans="14:14">
      <c r="N160707" s="10"/>
    </row>
    <row r="160708" spans="14:14">
      <c r="N160708" s="10"/>
    </row>
    <row r="160709" spans="14:14">
      <c r="N160709" s="10"/>
    </row>
    <row r="160710" spans="14:14">
      <c r="N160710" s="10"/>
    </row>
    <row r="160711" spans="14:14">
      <c r="N160711" s="10"/>
    </row>
    <row r="160712" spans="14:14">
      <c r="N160712" s="10"/>
    </row>
    <row r="160713" spans="14:14">
      <c r="N160713" s="10"/>
    </row>
    <row r="160714" spans="14:14">
      <c r="N160714" s="10"/>
    </row>
    <row r="160715" spans="14:14">
      <c r="N160715" s="10"/>
    </row>
    <row r="160716" spans="14:14">
      <c r="N160716" s="10"/>
    </row>
    <row r="160717" spans="14:14">
      <c r="N160717" s="10"/>
    </row>
    <row r="160718" spans="14:14">
      <c r="N160718" s="10"/>
    </row>
    <row r="160719" spans="14:14">
      <c r="N160719" s="10"/>
    </row>
    <row r="160720" spans="14:14">
      <c r="N160720" s="10"/>
    </row>
    <row r="160721" spans="14:14">
      <c r="N160721" s="10"/>
    </row>
    <row r="160722" spans="14:14">
      <c r="N160722" s="10"/>
    </row>
    <row r="160723" spans="14:14">
      <c r="N160723" s="10"/>
    </row>
    <row r="160724" spans="14:14">
      <c r="N160724" s="10"/>
    </row>
    <row r="160725" spans="14:14">
      <c r="N160725" s="10"/>
    </row>
    <row r="160726" spans="14:14">
      <c r="N160726" s="10"/>
    </row>
    <row r="160727" spans="14:14">
      <c r="N160727" s="10"/>
    </row>
    <row r="160728" spans="14:14">
      <c r="N160728" s="10"/>
    </row>
    <row r="160729" spans="14:14">
      <c r="N160729" s="10"/>
    </row>
    <row r="160730" spans="14:14">
      <c r="N160730" s="10"/>
    </row>
    <row r="160731" spans="14:14">
      <c r="N160731" s="10"/>
    </row>
    <row r="160732" spans="14:14">
      <c r="N160732" s="10"/>
    </row>
    <row r="160733" spans="14:14">
      <c r="N160733" s="10"/>
    </row>
    <row r="160734" spans="14:14">
      <c r="N160734" s="10"/>
    </row>
    <row r="160735" spans="14:14">
      <c r="N160735" s="10"/>
    </row>
    <row r="160736" spans="14:14">
      <c r="N160736" s="10"/>
    </row>
    <row r="160737" spans="14:14">
      <c r="N160737" s="10"/>
    </row>
    <row r="160738" spans="14:14">
      <c r="N160738" s="10"/>
    </row>
    <row r="160739" spans="14:14">
      <c r="N160739" s="10"/>
    </row>
    <row r="160740" spans="14:14">
      <c r="N160740" s="10"/>
    </row>
    <row r="160741" spans="14:14">
      <c r="N160741" s="10"/>
    </row>
    <row r="160742" spans="14:14">
      <c r="N160742" s="10"/>
    </row>
    <row r="160743" spans="14:14">
      <c r="N160743" s="10"/>
    </row>
    <row r="160744" spans="14:14">
      <c r="N160744" s="10"/>
    </row>
    <row r="160745" spans="14:14">
      <c r="N160745" s="10"/>
    </row>
    <row r="160746" spans="14:14">
      <c r="N160746" s="10"/>
    </row>
    <row r="160747" spans="14:14">
      <c r="N160747" s="10"/>
    </row>
    <row r="160748" spans="14:14">
      <c r="N160748" s="10"/>
    </row>
    <row r="160749" spans="14:14">
      <c r="N160749" s="10"/>
    </row>
    <row r="160750" spans="14:14">
      <c r="N160750" s="10"/>
    </row>
    <row r="160751" spans="14:14">
      <c r="N160751" s="10"/>
    </row>
    <row r="160752" spans="14:14">
      <c r="N160752" s="10"/>
    </row>
    <row r="160753" spans="14:14">
      <c r="N160753" s="10"/>
    </row>
    <row r="160754" spans="14:14">
      <c r="N160754" s="10"/>
    </row>
    <row r="160755" spans="14:14">
      <c r="N160755" s="10"/>
    </row>
    <row r="160756" spans="14:14">
      <c r="N160756" s="10"/>
    </row>
    <row r="160757" spans="14:14">
      <c r="N160757" s="10"/>
    </row>
    <row r="160758" spans="14:14">
      <c r="N160758" s="10"/>
    </row>
    <row r="160759" spans="14:14">
      <c r="N160759" s="10"/>
    </row>
    <row r="160760" spans="14:14">
      <c r="N160760" s="10"/>
    </row>
    <row r="160761" spans="14:14">
      <c r="N160761" s="10"/>
    </row>
    <row r="160762" spans="14:14">
      <c r="N160762" s="10"/>
    </row>
    <row r="160763" spans="14:14">
      <c r="N160763" s="10"/>
    </row>
    <row r="160764" spans="14:14">
      <c r="N160764" s="10"/>
    </row>
    <row r="160765" spans="14:14">
      <c r="N160765" s="10"/>
    </row>
    <row r="160766" spans="14:14">
      <c r="N160766" s="10"/>
    </row>
    <row r="160767" spans="14:14">
      <c r="N160767" s="10"/>
    </row>
    <row r="160768" spans="14:14">
      <c r="N160768" s="10"/>
    </row>
    <row r="160769" spans="14:14">
      <c r="N160769" s="10"/>
    </row>
    <row r="160770" spans="14:14">
      <c r="N160770" s="10"/>
    </row>
    <row r="160771" spans="14:14">
      <c r="N160771" s="10"/>
    </row>
    <row r="160772" spans="14:14">
      <c r="N160772" s="10"/>
    </row>
    <row r="160773" spans="14:14">
      <c r="N160773" s="10"/>
    </row>
    <row r="160774" spans="14:14">
      <c r="N160774" s="10"/>
    </row>
    <row r="160775" spans="14:14">
      <c r="N160775" s="10"/>
    </row>
    <row r="160776" spans="14:14">
      <c r="N160776" s="10"/>
    </row>
    <row r="160777" spans="14:14">
      <c r="N160777" s="10"/>
    </row>
    <row r="160778" spans="14:14">
      <c r="N160778" s="10"/>
    </row>
    <row r="160779" spans="14:14">
      <c r="N160779" s="10"/>
    </row>
    <row r="160780" spans="14:14">
      <c r="N160780" s="10"/>
    </row>
    <row r="160781" spans="14:14">
      <c r="N160781" s="10"/>
    </row>
    <row r="160782" spans="14:14">
      <c r="N160782" s="10"/>
    </row>
    <row r="160783" spans="14:14">
      <c r="N160783" s="10"/>
    </row>
    <row r="160784" spans="14:14">
      <c r="N160784" s="10"/>
    </row>
    <row r="160785" spans="14:14">
      <c r="N160785" s="10"/>
    </row>
    <row r="160786" spans="14:14">
      <c r="N160786" s="10"/>
    </row>
    <row r="160787" spans="14:14">
      <c r="N160787" s="10"/>
    </row>
    <row r="160788" spans="14:14">
      <c r="N160788" s="10"/>
    </row>
    <row r="160789" spans="14:14">
      <c r="N160789" s="10"/>
    </row>
    <row r="160790" spans="14:14">
      <c r="N160790" s="10"/>
    </row>
    <row r="160791" spans="14:14">
      <c r="N160791" s="10"/>
    </row>
    <row r="160792" spans="14:14">
      <c r="N160792" s="10"/>
    </row>
    <row r="160793" spans="14:14">
      <c r="N160793" s="10"/>
    </row>
    <row r="160794" spans="14:14">
      <c r="N160794" s="10"/>
    </row>
    <row r="160795" spans="14:14">
      <c r="N160795" s="10"/>
    </row>
    <row r="160796" spans="14:14">
      <c r="N160796" s="10"/>
    </row>
    <row r="160797" spans="14:14">
      <c r="N160797" s="10"/>
    </row>
    <row r="160798" spans="14:14">
      <c r="N160798" s="10"/>
    </row>
    <row r="160799" spans="14:14">
      <c r="N160799" s="10"/>
    </row>
    <row r="160800" spans="14:14">
      <c r="N160800" s="10"/>
    </row>
    <row r="160801" spans="14:14">
      <c r="N160801" s="10"/>
    </row>
    <row r="160802" spans="14:14">
      <c r="N160802" s="10"/>
    </row>
    <row r="160803" spans="14:14">
      <c r="N160803" s="10"/>
    </row>
    <row r="160804" spans="14:14">
      <c r="N160804" s="10"/>
    </row>
    <row r="160805" spans="14:14">
      <c r="N160805" s="10"/>
    </row>
    <row r="160806" spans="14:14">
      <c r="N160806" s="10"/>
    </row>
    <row r="160807" spans="14:14">
      <c r="N160807" s="10"/>
    </row>
    <row r="160808" spans="14:14">
      <c r="N160808" s="10"/>
    </row>
    <row r="160809" spans="14:14">
      <c r="N160809" s="10"/>
    </row>
    <row r="160810" spans="14:14">
      <c r="N160810" s="10"/>
    </row>
    <row r="160811" spans="14:14">
      <c r="N160811" s="10"/>
    </row>
    <row r="160812" spans="14:14">
      <c r="N160812" s="10"/>
    </row>
    <row r="160813" spans="14:14">
      <c r="N160813" s="10"/>
    </row>
    <row r="160814" spans="14:14">
      <c r="N160814" s="10"/>
    </row>
    <row r="160815" spans="14:14">
      <c r="N160815" s="10"/>
    </row>
    <row r="160816" spans="14:14">
      <c r="N160816" s="10"/>
    </row>
    <row r="160817" spans="14:14">
      <c r="N160817" s="10"/>
    </row>
    <row r="160818" spans="14:14">
      <c r="N160818" s="10"/>
    </row>
    <row r="160819" spans="14:14">
      <c r="N160819" s="10"/>
    </row>
    <row r="160820" spans="14:14">
      <c r="N160820" s="10"/>
    </row>
    <row r="160821" spans="14:14">
      <c r="N160821" s="10"/>
    </row>
    <row r="160822" spans="14:14">
      <c r="N160822" s="10"/>
    </row>
    <row r="160823" spans="14:14">
      <c r="N160823" s="10"/>
    </row>
    <row r="160824" spans="14:14">
      <c r="N160824" s="10"/>
    </row>
    <row r="160825" spans="14:14">
      <c r="N160825" s="10"/>
    </row>
    <row r="160826" spans="14:14">
      <c r="N160826" s="10"/>
    </row>
    <row r="160827" spans="14:14">
      <c r="N160827" s="10"/>
    </row>
    <row r="160828" spans="14:14">
      <c r="N160828" s="10"/>
    </row>
    <row r="160829" spans="14:14">
      <c r="N160829" s="10"/>
    </row>
    <row r="160830" spans="14:14">
      <c r="N160830" s="10"/>
    </row>
    <row r="160831" spans="14:14">
      <c r="N160831" s="10"/>
    </row>
    <row r="160832" spans="14:14">
      <c r="N160832" s="10"/>
    </row>
    <row r="160833" spans="14:14">
      <c r="N160833" s="10"/>
    </row>
    <row r="160834" spans="14:14">
      <c r="N160834" s="10"/>
    </row>
    <row r="160835" spans="14:14">
      <c r="N160835" s="10"/>
    </row>
    <row r="160836" spans="14:14">
      <c r="N160836" s="10"/>
    </row>
    <row r="160837" spans="14:14">
      <c r="N160837" s="10"/>
    </row>
    <row r="160838" spans="14:14">
      <c r="N160838" s="10"/>
    </row>
    <row r="160839" spans="14:14">
      <c r="N160839" s="10"/>
    </row>
    <row r="160840" spans="14:14">
      <c r="N160840" s="10"/>
    </row>
    <row r="160841" spans="14:14">
      <c r="N160841" s="10"/>
    </row>
    <row r="160842" spans="14:14">
      <c r="N160842" s="10"/>
    </row>
    <row r="160843" spans="14:14">
      <c r="N160843" s="10"/>
    </row>
    <row r="160844" spans="14:14">
      <c r="N160844" s="10"/>
    </row>
    <row r="160845" spans="14:14">
      <c r="N160845" s="10"/>
    </row>
    <row r="160846" spans="14:14">
      <c r="N160846" s="10"/>
    </row>
    <row r="160847" spans="14:14">
      <c r="N160847" s="10"/>
    </row>
    <row r="160848" spans="14:14">
      <c r="N160848" s="10"/>
    </row>
    <row r="160849" spans="14:14">
      <c r="N160849" s="10"/>
    </row>
    <row r="160850" spans="14:14">
      <c r="N160850" s="10"/>
    </row>
    <row r="160851" spans="14:14">
      <c r="N160851" s="10"/>
    </row>
    <row r="160852" spans="14:14">
      <c r="N160852" s="10"/>
    </row>
    <row r="160853" spans="14:14">
      <c r="N160853" s="10"/>
    </row>
    <row r="160854" spans="14:14">
      <c r="N160854" s="10"/>
    </row>
    <row r="160855" spans="14:14">
      <c r="N160855" s="10"/>
    </row>
    <row r="160856" spans="14:14">
      <c r="N160856" s="10"/>
    </row>
    <row r="160857" spans="14:14">
      <c r="N160857" s="10"/>
    </row>
    <row r="160858" spans="14:14">
      <c r="N160858" s="10"/>
    </row>
    <row r="160859" spans="14:14">
      <c r="N160859" s="10"/>
    </row>
    <row r="160860" spans="14:14">
      <c r="N160860" s="10"/>
    </row>
    <row r="160861" spans="14:14">
      <c r="N160861" s="10"/>
    </row>
    <row r="160862" spans="14:14">
      <c r="N160862" s="10"/>
    </row>
    <row r="160863" spans="14:14">
      <c r="N160863" s="10"/>
    </row>
    <row r="160864" spans="14:14">
      <c r="N160864" s="10"/>
    </row>
    <row r="160865" spans="14:14">
      <c r="N160865" s="10"/>
    </row>
    <row r="160866" spans="14:14">
      <c r="N160866" s="10"/>
    </row>
    <row r="160867" spans="14:14">
      <c r="N160867" s="10"/>
    </row>
    <row r="160868" spans="14:14">
      <c r="N160868" s="10"/>
    </row>
    <row r="160869" spans="14:14">
      <c r="N160869" s="10"/>
    </row>
    <row r="160870" spans="14:14">
      <c r="N160870" s="10"/>
    </row>
    <row r="160871" spans="14:14">
      <c r="N160871" s="10"/>
    </row>
    <row r="160872" spans="14:14">
      <c r="N160872" s="10"/>
    </row>
    <row r="160873" spans="14:14">
      <c r="N160873" s="10"/>
    </row>
    <row r="160874" spans="14:14">
      <c r="N160874" s="10"/>
    </row>
    <row r="160875" spans="14:14">
      <c r="N160875" s="10"/>
    </row>
    <row r="160876" spans="14:14">
      <c r="N160876" s="10"/>
    </row>
    <row r="160877" spans="14:14">
      <c r="N160877" s="10"/>
    </row>
    <row r="160878" spans="14:14">
      <c r="N160878" s="10"/>
    </row>
    <row r="160879" spans="14:14">
      <c r="N160879" s="10"/>
    </row>
    <row r="160880" spans="14:14">
      <c r="N160880" s="10"/>
    </row>
    <row r="160881" spans="14:14">
      <c r="N160881" s="10"/>
    </row>
    <row r="160882" spans="14:14">
      <c r="N160882" s="10"/>
    </row>
    <row r="160883" spans="14:14">
      <c r="N160883" s="10"/>
    </row>
    <row r="160884" spans="14:14">
      <c r="N160884" s="10"/>
    </row>
    <row r="160885" spans="14:14">
      <c r="N160885" s="10"/>
    </row>
    <row r="160886" spans="14:14">
      <c r="N160886" s="10"/>
    </row>
    <row r="160887" spans="14:14">
      <c r="N160887" s="10"/>
    </row>
    <row r="160888" spans="14:14">
      <c r="N160888" s="10"/>
    </row>
    <row r="160889" spans="14:14">
      <c r="N160889" s="10"/>
    </row>
    <row r="160890" spans="14:14">
      <c r="N160890" s="10"/>
    </row>
    <row r="160891" spans="14:14">
      <c r="N160891" s="10"/>
    </row>
    <row r="160892" spans="14:14">
      <c r="N160892" s="10"/>
    </row>
    <row r="160893" spans="14:14">
      <c r="N160893" s="10"/>
    </row>
    <row r="160894" spans="14:14">
      <c r="N160894" s="10"/>
    </row>
    <row r="160895" spans="14:14">
      <c r="N160895" s="10"/>
    </row>
    <row r="160896" spans="14:14">
      <c r="N160896" s="10"/>
    </row>
    <row r="160897" spans="14:14">
      <c r="N160897" s="10"/>
    </row>
    <row r="160898" spans="14:14">
      <c r="N160898" s="10"/>
    </row>
    <row r="160899" spans="14:14">
      <c r="N160899" s="10"/>
    </row>
    <row r="160900" spans="14:14">
      <c r="N160900" s="10"/>
    </row>
    <row r="160901" spans="14:14">
      <c r="N160901" s="10"/>
    </row>
    <row r="160902" spans="14:14">
      <c r="N160902" s="10"/>
    </row>
    <row r="160903" spans="14:14">
      <c r="N160903" s="10"/>
    </row>
    <row r="160904" spans="14:14">
      <c r="N160904" s="10"/>
    </row>
    <row r="160905" spans="14:14">
      <c r="N160905" s="10"/>
    </row>
    <row r="160906" spans="14:14">
      <c r="N160906" s="10"/>
    </row>
    <row r="160907" spans="14:14">
      <c r="N160907" s="10"/>
    </row>
    <row r="160908" spans="14:14">
      <c r="N160908" s="10"/>
    </row>
    <row r="160909" spans="14:14">
      <c r="N160909" s="10"/>
    </row>
    <row r="160910" spans="14:14">
      <c r="N160910" s="10"/>
    </row>
    <row r="160911" spans="14:14">
      <c r="N160911" s="10"/>
    </row>
    <row r="160912" spans="14:14">
      <c r="N160912" s="10"/>
    </row>
    <row r="160913" spans="14:14">
      <c r="N160913" s="10"/>
    </row>
    <row r="160914" spans="14:14">
      <c r="N160914" s="10"/>
    </row>
    <row r="160915" spans="14:14">
      <c r="N160915" s="10"/>
    </row>
    <row r="160916" spans="14:14">
      <c r="N160916" s="10"/>
    </row>
    <row r="160917" spans="14:14">
      <c r="N160917" s="10"/>
    </row>
    <row r="160918" spans="14:14">
      <c r="N160918" s="10"/>
    </row>
    <row r="160919" spans="14:14">
      <c r="N160919" s="10"/>
    </row>
    <row r="160920" spans="14:14">
      <c r="N160920" s="10"/>
    </row>
    <row r="160921" spans="14:14">
      <c r="N160921" s="10"/>
    </row>
    <row r="160922" spans="14:14">
      <c r="N160922" s="10"/>
    </row>
    <row r="160923" spans="14:14">
      <c r="N160923" s="10"/>
    </row>
    <row r="160924" spans="14:14">
      <c r="N160924" s="10"/>
    </row>
    <row r="160925" spans="14:14">
      <c r="N160925" s="10"/>
    </row>
    <row r="160926" spans="14:14">
      <c r="N160926" s="10"/>
    </row>
    <row r="160927" spans="14:14">
      <c r="N160927" s="10"/>
    </row>
    <row r="160928" spans="14:14">
      <c r="N160928" s="10"/>
    </row>
    <row r="160929" spans="14:14">
      <c r="N160929" s="10"/>
    </row>
    <row r="160930" spans="14:14">
      <c r="N160930" s="10"/>
    </row>
    <row r="160931" spans="14:14">
      <c r="N160931" s="10"/>
    </row>
    <row r="160932" spans="14:14">
      <c r="N160932" s="10"/>
    </row>
    <row r="160933" spans="14:14">
      <c r="N160933" s="10"/>
    </row>
    <row r="160934" spans="14:14">
      <c r="N160934" s="10"/>
    </row>
    <row r="160935" spans="14:14">
      <c r="N160935" s="10"/>
    </row>
    <row r="160936" spans="14:14">
      <c r="N160936" s="10"/>
    </row>
    <row r="160937" spans="14:14">
      <c r="N160937" s="10"/>
    </row>
    <row r="160938" spans="14:14">
      <c r="N160938" s="10"/>
    </row>
    <row r="160939" spans="14:14">
      <c r="N160939" s="10"/>
    </row>
    <row r="160940" spans="14:14">
      <c r="N160940" s="10"/>
    </row>
    <row r="160941" spans="14:14">
      <c r="N160941" s="10"/>
    </row>
    <row r="160942" spans="14:14">
      <c r="N160942" s="10"/>
    </row>
    <row r="160943" spans="14:14">
      <c r="N160943" s="10"/>
    </row>
    <row r="160944" spans="14:14">
      <c r="N160944" s="10"/>
    </row>
    <row r="160945" spans="14:14">
      <c r="N160945" s="10"/>
    </row>
    <row r="160946" spans="14:14">
      <c r="N160946" s="10"/>
    </row>
    <row r="160947" spans="14:14">
      <c r="N160947" s="10"/>
    </row>
    <row r="160948" spans="14:14">
      <c r="N160948" s="10"/>
    </row>
    <row r="160949" spans="14:14">
      <c r="N160949" s="10"/>
    </row>
    <row r="160950" spans="14:14">
      <c r="N160950" s="10"/>
    </row>
    <row r="160951" spans="14:14">
      <c r="N160951" s="10"/>
    </row>
    <row r="160952" spans="14:14">
      <c r="N160952" s="10"/>
    </row>
    <row r="160953" spans="14:14">
      <c r="N160953" s="10"/>
    </row>
    <row r="160954" spans="14:14">
      <c r="N160954" s="10"/>
    </row>
    <row r="160955" spans="14:14">
      <c r="N160955" s="10"/>
    </row>
    <row r="160956" spans="14:14">
      <c r="N160956" s="10"/>
    </row>
    <row r="160957" spans="14:14">
      <c r="N160957" s="10"/>
    </row>
    <row r="160958" spans="14:14">
      <c r="N160958" s="10"/>
    </row>
    <row r="160959" spans="14:14">
      <c r="N160959" s="10"/>
    </row>
    <row r="160960" spans="14:14">
      <c r="N160960" s="10"/>
    </row>
    <row r="160961" spans="14:14">
      <c r="N160961" s="10"/>
    </row>
    <row r="160962" spans="14:14">
      <c r="N160962" s="10"/>
    </row>
    <row r="160963" spans="14:14">
      <c r="N160963" s="10"/>
    </row>
    <row r="160964" spans="14:14">
      <c r="N160964" s="10"/>
    </row>
    <row r="160965" spans="14:14">
      <c r="N160965" s="10"/>
    </row>
    <row r="160966" spans="14:14">
      <c r="N160966" s="10"/>
    </row>
    <row r="160967" spans="14:14">
      <c r="N160967" s="10"/>
    </row>
    <row r="160968" spans="14:14">
      <c r="N160968" s="10"/>
    </row>
    <row r="160969" spans="14:14">
      <c r="N160969" s="10"/>
    </row>
    <row r="160970" spans="14:14">
      <c r="N160970" s="10"/>
    </row>
    <row r="160971" spans="14:14">
      <c r="N160971" s="10"/>
    </row>
    <row r="160972" spans="14:14">
      <c r="N160972" s="10"/>
    </row>
    <row r="160973" spans="14:14">
      <c r="N160973" s="10"/>
    </row>
    <row r="160974" spans="14:14">
      <c r="N160974" s="10"/>
    </row>
    <row r="160975" spans="14:14">
      <c r="N160975" s="10"/>
    </row>
    <row r="160976" spans="14:14">
      <c r="N160976" s="10"/>
    </row>
    <row r="160977" spans="14:14">
      <c r="N160977" s="10"/>
    </row>
    <row r="160978" spans="14:14">
      <c r="N160978" s="10"/>
    </row>
    <row r="160979" spans="14:14">
      <c r="N160979" s="10"/>
    </row>
    <row r="160980" spans="14:14">
      <c r="N160980" s="10"/>
    </row>
    <row r="160981" spans="14:14">
      <c r="N160981" s="10"/>
    </row>
    <row r="160982" spans="14:14">
      <c r="N160982" s="10"/>
    </row>
    <row r="160983" spans="14:14">
      <c r="N160983" s="10"/>
    </row>
    <row r="160984" spans="14:14">
      <c r="N160984" s="10"/>
    </row>
    <row r="160985" spans="14:14">
      <c r="N160985" s="10"/>
    </row>
    <row r="160986" spans="14:14">
      <c r="N160986" s="10"/>
    </row>
    <row r="160987" spans="14:14">
      <c r="N160987" s="10"/>
    </row>
    <row r="160988" spans="14:14">
      <c r="N160988" s="10"/>
    </row>
    <row r="160989" spans="14:14">
      <c r="N160989" s="10"/>
    </row>
    <row r="160990" spans="14:14">
      <c r="N160990" s="10"/>
    </row>
    <row r="160991" spans="14:14">
      <c r="N160991" s="10"/>
    </row>
    <row r="160992" spans="14:14">
      <c r="N160992" s="10"/>
    </row>
    <row r="160993" spans="14:14">
      <c r="N160993" s="10"/>
    </row>
    <row r="160994" spans="14:14">
      <c r="N160994" s="10"/>
    </row>
    <row r="160995" spans="14:14">
      <c r="N160995" s="10"/>
    </row>
    <row r="160996" spans="14:14">
      <c r="N160996" s="10"/>
    </row>
    <row r="160997" spans="14:14">
      <c r="N160997" s="10"/>
    </row>
    <row r="160998" spans="14:14">
      <c r="N160998" s="10"/>
    </row>
    <row r="160999" spans="14:14">
      <c r="N160999" s="10"/>
    </row>
    <row r="161000" spans="14:14">
      <c r="N161000" s="10"/>
    </row>
    <row r="161001" spans="14:14">
      <c r="N161001" s="10"/>
    </row>
    <row r="161002" spans="14:14">
      <c r="N161002" s="10"/>
    </row>
    <row r="161003" spans="14:14">
      <c r="N161003" s="10"/>
    </row>
    <row r="161004" spans="14:14">
      <c r="N161004" s="10"/>
    </row>
    <row r="161005" spans="14:14">
      <c r="N161005" s="10"/>
    </row>
    <row r="161006" spans="14:14">
      <c r="N161006" s="10"/>
    </row>
    <row r="161007" spans="14:14">
      <c r="N161007" s="10"/>
    </row>
    <row r="161008" spans="14:14">
      <c r="N161008" s="10"/>
    </row>
    <row r="161009" spans="14:14">
      <c r="N161009" s="10"/>
    </row>
    <row r="161010" spans="14:14">
      <c r="N161010" s="10"/>
    </row>
    <row r="161011" spans="14:14">
      <c r="N161011" s="10"/>
    </row>
    <row r="161012" spans="14:14">
      <c r="N161012" s="10"/>
    </row>
    <row r="161013" spans="14:14">
      <c r="N161013" s="10"/>
    </row>
    <row r="161014" spans="14:14">
      <c r="N161014" s="10"/>
    </row>
    <row r="161015" spans="14:14">
      <c r="N161015" s="10"/>
    </row>
    <row r="161016" spans="14:14">
      <c r="N161016" s="10"/>
    </row>
    <row r="161017" spans="14:14">
      <c r="N161017" s="10"/>
    </row>
    <row r="161018" spans="14:14">
      <c r="N161018" s="10"/>
    </row>
    <row r="161019" spans="14:14">
      <c r="N161019" s="10"/>
    </row>
    <row r="161020" spans="14:14">
      <c r="N161020" s="10"/>
    </row>
    <row r="161021" spans="14:14">
      <c r="N161021" s="10"/>
    </row>
    <row r="161022" spans="14:14">
      <c r="N161022" s="10"/>
    </row>
    <row r="161023" spans="14:14">
      <c r="N161023" s="10"/>
    </row>
    <row r="161024" spans="14:14">
      <c r="N161024" s="10"/>
    </row>
    <row r="161025" spans="14:14">
      <c r="N161025" s="10"/>
    </row>
    <row r="161026" spans="14:14">
      <c r="N161026" s="10"/>
    </row>
    <row r="161027" spans="14:14">
      <c r="N161027" s="10"/>
    </row>
    <row r="161028" spans="14:14">
      <c r="N161028" s="10"/>
    </row>
    <row r="161029" spans="14:14">
      <c r="N161029" s="10"/>
    </row>
    <row r="161030" spans="14:14">
      <c r="N161030" s="10"/>
    </row>
    <row r="161031" spans="14:14">
      <c r="N161031" s="10"/>
    </row>
    <row r="161032" spans="14:14">
      <c r="N161032" s="10"/>
    </row>
    <row r="161033" spans="14:14">
      <c r="N161033" s="10"/>
    </row>
    <row r="161034" spans="14:14">
      <c r="N161034" s="10"/>
    </row>
    <row r="161035" spans="14:14">
      <c r="N161035" s="10"/>
    </row>
    <row r="161036" spans="14:14">
      <c r="N161036" s="10"/>
    </row>
    <row r="161037" spans="14:14">
      <c r="N161037" s="10"/>
    </row>
    <row r="161038" spans="14:14">
      <c r="N161038" s="10"/>
    </row>
    <row r="161039" spans="14:14">
      <c r="N161039" s="10"/>
    </row>
    <row r="161040" spans="14:14">
      <c r="N161040" s="10"/>
    </row>
    <row r="161041" spans="14:14">
      <c r="N161041" s="10"/>
    </row>
    <row r="161042" spans="14:14">
      <c r="N161042" s="10"/>
    </row>
    <row r="161043" spans="14:14">
      <c r="N161043" s="10"/>
    </row>
    <row r="161044" spans="14:14">
      <c r="N161044" s="10"/>
    </row>
    <row r="161045" spans="14:14">
      <c r="N161045" s="10"/>
    </row>
    <row r="161046" spans="14:14">
      <c r="N161046" s="10"/>
    </row>
    <row r="161047" spans="14:14">
      <c r="N161047" s="10"/>
    </row>
    <row r="161048" spans="14:14">
      <c r="N161048" s="10"/>
    </row>
    <row r="161049" spans="14:14">
      <c r="N161049" s="10"/>
    </row>
    <row r="161050" spans="14:14">
      <c r="N161050" s="10"/>
    </row>
    <row r="161051" spans="14:14">
      <c r="N161051" s="10"/>
    </row>
    <row r="161052" spans="14:14">
      <c r="N161052" s="10"/>
    </row>
    <row r="161053" spans="14:14">
      <c r="N161053" s="10"/>
    </row>
    <row r="161054" spans="14:14">
      <c r="N161054" s="10"/>
    </row>
    <row r="161055" spans="14:14">
      <c r="N161055" s="10"/>
    </row>
    <row r="161056" spans="14:14">
      <c r="N161056" s="10"/>
    </row>
    <row r="161057" spans="14:14">
      <c r="N161057" s="10"/>
    </row>
    <row r="161058" spans="14:14">
      <c r="N161058" s="10"/>
    </row>
    <row r="161059" spans="14:14">
      <c r="N161059" s="10"/>
    </row>
    <row r="161060" spans="14:14">
      <c r="N161060" s="10"/>
    </row>
    <row r="161061" spans="14:14">
      <c r="N161061" s="10"/>
    </row>
    <row r="161062" spans="14:14">
      <c r="N161062" s="10"/>
    </row>
    <row r="161063" spans="14:14">
      <c r="N161063" s="10"/>
    </row>
    <row r="161064" spans="14:14">
      <c r="N161064" s="10"/>
    </row>
    <row r="161065" spans="14:14">
      <c r="N161065" s="10"/>
    </row>
    <row r="161066" spans="14:14">
      <c r="N161066" s="10"/>
    </row>
    <row r="161067" spans="14:14">
      <c r="N161067" s="10"/>
    </row>
    <row r="161068" spans="14:14">
      <c r="N161068" s="10"/>
    </row>
    <row r="161069" spans="14:14">
      <c r="N161069" s="10"/>
    </row>
    <row r="161070" spans="14:14">
      <c r="N161070" s="10"/>
    </row>
    <row r="161071" spans="14:14">
      <c r="N161071" s="10"/>
    </row>
    <row r="161072" spans="14:14">
      <c r="N161072" s="10"/>
    </row>
    <row r="161073" spans="14:14">
      <c r="N161073" s="10"/>
    </row>
    <row r="161074" spans="14:14">
      <c r="N161074" s="10"/>
    </row>
    <row r="161075" spans="14:14">
      <c r="N161075" s="10"/>
    </row>
    <row r="161076" spans="14:14">
      <c r="N161076" s="10"/>
    </row>
    <row r="161077" spans="14:14">
      <c r="N161077" s="10"/>
    </row>
    <row r="161078" spans="14:14">
      <c r="N161078" s="10"/>
    </row>
    <row r="161079" spans="14:14">
      <c r="N161079" s="10"/>
    </row>
    <row r="161080" spans="14:14">
      <c r="N161080" s="10"/>
    </row>
    <row r="161081" spans="14:14">
      <c r="N161081" s="10"/>
    </row>
    <row r="161082" spans="14:14">
      <c r="N161082" s="10"/>
    </row>
    <row r="161083" spans="14:14">
      <c r="N161083" s="10"/>
    </row>
    <row r="161084" spans="14:14">
      <c r="N161084" s="10"/>
    </row>
    <row r="161085" spans="14:14">
      <c r="N161085" s="10"/>
    </row>
    <row r="161086" spans="14:14">
      <c r="N161086" s="10"/>
    </row>
    <row r="161087" spans="14:14">
      <c r="N161087" s="10"/>
    </row>
    <row r="161088" spans="14:14">
      <c r="N161088" s="10"/>
    </row>
    <row r="161089" spans="14:14">
      <c r="N161089" s="10"/>
    </row>
    <row r="161090" spans="14:14">
      <c r="N161090" s="10"/>
    </row>
    <row r="161091" spans="14:14">
      <c r="N161091" s="10"/>
    </row>
    <row r="161092" spans="14:14">
      <c r="N161092" s="10"/>
    </row>
    <row r="161093" spans="14:14">
      <c r="N161093" s="10"/>
    </row>
    <row r="161094" spans="14:14">
      <c r="N161094" s="10"/>
    </row>
    <row r="161095" spans="14:14">
      <c r="N161095" s="10"/>
    </row>
    <row r="161096" spans="14:14">
      <c r="N161096" s="10"/>
    </row>
    <row r="161097" spans="14:14">
      <c r="N161097" s="10"/>
    </row>
    <row r="161098" spans="14:14">
      <c r="N161098" s="10"/>
    </row>
    <row r="161099" spans="14:14">
      <c r="N161099" s="10"/>
    </row>
    <row r="161100" spans="14:14">
      <c r="N161100" s="10"/>
    </row>
    <row r="161101" spans="14:14">
      <c r="N161101" s="10"/>
    </row>
    <row r="161102" spans="14:14">
      <c r="N161102" s="10"/>
    </row>
    <row r="161103" spans="14:14">
      <c r="N161103" s="10"/>
    </row>
    <row r="161104" spans="14:14">
      <c r="N161104" s="10"/>
    </row>
    <row r="161105" spans="14:14">
      <c r="N161105" s="10"/>
    </row>
    <row r="161106" spans="14:14">
      <c r="N161106" s="10"/>
    </row>
    <row r="161107" spans="14:14">
      <c r="N161107" s="10"/>
    </row>
    <row r="161108" spans="14:14">
      <c r="N161108" s="10"/>
    </row>
    <row r="161109" spans="14:14">
      <c r="N161109" s="10"/>
    </row>
    <row r="161110" spans="14:14">
      <c r="N161110" s="10"/>
    </row>
    <row r="161111" spans="14:14">
      <c r="N161111" s="10"/>
    </row>
    <row r="161112" spans="14:14">
      <c r="N161112" s="10"/>
    </row>
    <row r="161113" spans="14:14">
      <c r="N161113" s="10"/>
    </row>
    <row r="161114" spans="14:14">
      <c r="N161114" s="10"/>
    </row>
    <row r="161115" spans="14:14">
      <c r="N161115" s="10"/>
    </row>
    <row r="161116" spans="14:14">
      <c r="N161116" s="10"/>
    </row>
    <row r="161117" spans="14:14">
      <c r="N161117" s="10"/>
    </row>
    <row r="161118" spans="14:14">
      <c r="N161118" s="10"/>
    </row>
    <row r="161119" spans="14:14">
      <c r="N161119" s="10"/>
    </row>
    <row r="161120" spans="14:14">
      <c r="N161120" s="10"/>
    </row>
    <row r="161121" spans="14:14">
      <c r="N161121" s="10"/>
    </row>
    <row r="161122" spans="14:14">
      <c r="N161122" s="10"/>
    </row>
    <row r="161123" spans="14:14">
      <c r="N161123" s="10"/>
    </row>
    <row r="161124" spans="14:14">
      <c r="N161124" s="10"/>
    </row>
    <row r="161125" spans="14:14">
      <c r="N161125" s="10"/>
    </row>
    <row r="161126" spans="14:14">
      <c r="N161126" s="10"/>
    </row>
    <row r="161127" spans="14:14">
      <c r="N161127" s="10"/>
    </row>
    <row r="161128" spans="14:14">
      <c r="N161128" s="10"/>
    </row>
    <row r="161129" spans="14:14">
      <c r="N161129" s="10"/>
    </row>
    <row r="161130" spans="14:14">
      <c r="N161130" s="10"/>
    </row>
    <row r="161131" spans="14:14">
      <c r="N161131" s="10"/>
    </row>
    <row r="161132" spans="14:14">
      <c r="N161132" s="10"/>
    </row>
    <row r="161133" spans="14:14">
      <c r="N161133" s="10"/>
    </row>
    <row r="161134" spans="14:14">
      <c r="N161134" s="10"/>
    </row>
    <row r="161135" spans="14:14">
      <c r="N161135" s="10"/>
    </row>
    <row r="161136" spans="14:14">
      <c r="N161136" s="10"/>
    </row>
    <row r="161137" spans="14:14">
      <c r="N161137" s="10"/>
    </row>
    <row r="161138" spans="14:14">
      <c r="N161138" s="10"/>
    </row>
    <row r="161139" spans="14:14">
      <c r="N161139" s="10"/>
    </row>
    <row r="161140" spans="14:14">
      <c r="N161140" s="10"/>
    </row>
    <row r="161141" spans="14:14">
      <c r="N161141" s="10"/>
    </row>
    <row r="161142" spans="14:14">
      <c r="N161142" s="10"/>
    </row>
    <row r="161143" spans="14:14">
      <c r="N161143" s="10"/>
    </row>
    <row r="161144" spans="14:14">
      <c r="N161144" s="10"/>
    </row>
    <row r="161145" spans="14:14">
      <c r="N161145" s="10"/>
    </row>
    <row r="161146" spans="14:14">
      <c r="N161146" s="10"/>
    </row>
    <row r="161147" spans="14:14">
      <c r="N161147" s="10"/>
    </row>
    <row r="161148" spans="14:14">
      <c r="N161148" s="10"/>
    </row>
    <row r="161149" spans="14:14">
      <c r="N161149" s="10"/>
    </row>
    <row r="161150" spans="14:14">
      <c r="N161150" s="10"/>
    </row>
    <row r="161151" spans="14:14">
      <c r="N161151" s="10"/>
    </row>
    <row r="161152" spans="14:14">
      <c r="N161152" s="10"/>
    </row>
    <row r="161153" spans="14:14">
      <c r="N161153" s="10"/>
    </row>
    <row r="161154" spans="14:14">
      <c r="N161154" s="10"/>
    </row>
    <row r="161155" spans="14:14">
      <c r="N161155" s="10"/>
    </row>
    <row r="161156" spans="14:14">
      <c r="N161156" s="10"/>
    </row>
    <row r="161157" spans="14:14">
      <c r="N161157" s="10"/>
    </row>
    <row r="161158" spans="14:14">
      <c r="N161158" s="10"/>
    </row>
    <row r="161159" spans="14:14">
      <c r="N161159" s="10"/>
    </row>
    <row r="161160" spans="14:14">
      <c r="N161160" s="10"/>
    </row>
    <row r="161161" spans="14:14">
      <c r="N161161" s="10"/>
    </row>
    <row r="161162" spans="14:14">
      <c r="N161162" s="10"/>
    </row>
    <row r="161163" spans="14:14">
      <c r="N161163" s="10"/>
    </row>
    <row r="161164" spans="14:14">
      <c r="N161164" s="10"/>
    </row>
    <row r="161165" spans="14:14">
      <c r="N161165" s="10"/>
    </row>
    <row r="161166" spans="14:14">
      <c r="N161166" s="10"/>
    </row>
    <row r="161167" spans="14:14">
      <c r="N161167" s="10"/>
    </row>
    <row r="161168" spans="14:14">
      <c r="N161168" s="10"/>
    </row>
    <row r="161169" spans="14:14">
      <c r="N161169" s="10"/>
    </row>
    <row r="161170" spans="14:14">
      <c r="N161170" s="10"/>
    </row>
    <row r="161171" spans="14:14">
      <c r="N161171" s="10"/>
    </row>
    <row r="161172" spans="14:14">
      <c r="N161172" s="10"/>
    </row>
    <row r="161173" spans="14:14">
      <c r="N161173" s="10"/>
    </row>
    <row r="161174" spans="14:14">
      <c r="N161174" s="10"/>
    </row>
    <row r="161175" spans="14:14">
      <c r="N161175" s="10"/>
    </row>
    <row r="161176" spans="14:14">
      <c r="N161176" s="10"/>
    </row>
    <row r="161177" spans="14:14">
      <c r="N161177" s="10"/>
    </row>
    <row r="161178" spans="14:14">
      <c r="N161178" s="10"/>
    </row>
    <row r="161179" spans="14:14">
      <c r="N161179" s="10"/>
    </row>
    <row r="161180" spans="14:14">
      <c r="N161180" s="10"/>
    </row>
    <row r="161181" spans="14:14">
      <c r="N161181" s="10"/>
    </row>
    <row r="161182" spans="14:14">
      <c r="N161182" s="10"/>
    </row>
    <row r="161183" spans="14:14">
      <c r="N161183" s="10"/>
    </row>
    <row r="161184" spans="14:14">
      <c r="N161184" s="10"/>
    </row>
    <row r="161185" spans="14:14">
      <c r="N161185" s="10"/>
    </row>
    <row r="161186" spans="14:14">
      <c r="N161186" s="10"/>
    </row>
    <row r="161187" spans="14:14">
      <c r="N161187" s="10"/>
    </row>
    <row r="161188" spans="14:14">
      <c r="N161188" s="10"/>
    </row>
    <row r="161189" spans="14:14">
      <c r="N161189" s="10"/>
    </row>
    <row r="161190" spans="14:14">
      <c r="N161190" s="10"/>
    </row>
    <row r="161191" spans="14:14">
      <c r="N161191" s="10"/>
    </row>
    <row r="161192" spans="14:14">
      <c r="N161192" s="10"/>
    </row>
    <row r="161193" spans="14:14">
      <c r="N161193" s="10"/>
    </row>
    <row r="161194" spans="14:14">
      <c r="N161194" s="10"/>
    </row>
    <row r="161195" spans="14:14">
      <c r="N161195" s="10"/>
    </row>
    <row r="161196" spans="14:14">
      <c r="N161196" s="10"/>
    </row>
    <row r="161197" spans="14:14">
      <c r="N161197" s="10"/>
    </row>
    <row r="161198" spans="14:14">
      <c r="N161198" s="10"/>
    </row>
    <row r="161199" spans="14:14">
      <c r="N161199" s="10"/>
    </row>
    <row r="161200" spans="14:14">
      <c r="N161200" s="10"/>
    </row>
    <row r="161201" spans="14:14">
      <c r="N161201" s="10"/>
    </row>
    <row r="161202" spans="14:14">
      <c r="N161202" s="10"/>
    </row>
    <row r="161203" spans="14:14">
      <c r="N161203" s="10"/>
    </row>
    <row r="161204" spans="14:14">
      <c r="N161204" s="10"/>
    </row>
    <row r="161205" spans="14:14">
      <c r="N161205" s="10"/>
    </row>
    <row r="161206" spans="14:14">
      <c r="N161206" s="10"/>
    </row>
    <row r="161207" spans="14:14">
      <c r="N161207" s="10"/>
    </row>
    <row r="161208" spans="14:14">
      <c r="N161208" s="10"/>
    </row>
    <row r="161209" spans="14:14">
      <c r="N161209" s="10"/>
    </row>
    <row r="161210" spans="14:14">
      <c r="N161210" s="10"/>
    </row>
    <row r="161211" spans="14:14">
      <c r="N161211" s="10"/>
    </row>
    <row r="161212" spans="14:14">
      <c r="N161212" s="10"/>
    </row>
    <row r="161213" spans="14:14">
      <c r="N161213" s="10"/>
    </row>
    <row r="161214" spans="14:14">
      <c r="N161214" s="10"/>
    </row>
    <row r="161215" spans="14:14">
      <c r="N161215" s="10"/>
    </row>
    <row r="161216" spans="14:14">
      <c r="N161216" s="10"/>
    </row>
    <row r="161217" spans="14:14">
      <c r="N161217" s="10"/>
    </row>
    <row r="161218" spans="14:14">
      <c r="N161218" s="10"/>
    </row>
    <row r="161219" spans="14:14">
      <c r="N161219" s="10"/>
    </row>
    <row r="161220" spans="14:14">
      <c r="N161220" s="10"/>
    </row>
    <row r="161221" spans="14:14">
      <c r="N161221" s="10"/>
    </row>
    <row r="161222" spans="14:14">
      <c r="N161222" s="10"/>
    </row>
    <row r="161223" spans="14:14">
      <c r="N161223" s="10"/>
    </row>
    <row r="161224" spans="14:14">
      <c r="N161224" s="10"/>
    </row>
    <row r="161225" spans="14:14">
      <c r="N161225" s="10"/>
    </row>
    <row r="161226" spans="14:14">
      <c r="N161226" s="10"/>
    </row>
    <row r="161227" spans="14:14">
      <c r="N161227" s="10"/>
    </row>
    <row r="161228" spans="14:14">
      <c r="N161228" s="10"/>
    </row>
    <row r="161229" spans="14:14">
      <c r="N161229" s="10"/>
    </row>
    <row r="161230" spans="14:14">
      <c r="N161230" s="10"/>
    </row>
    <row r="161231" spans="14:14">
      <c r="N161231" s="10"/>
    </row>
    <row r="161232" spans="14:14">
      <c r="N161232" s="10"/>
    </row>
    <row r="161233" spans="14:14">
      <c r="N161233" s="10"/>
    </row>
    <row r="161234" spans="14:14">
      <c r="N161234" s="10"/>
    </row>
    <row r="161235" spans="14:14">
      <c r="N161235" s="10"/>
    </row>
    <row r="161236" spans="14:14">
      <c r="N161236" s="10"/>
    </row>
    <row r="161237" spans="14:14">
      <c r="N161237" s="10"/>
    </row>
    <row r="161238" spans="14:14">
      <c r="N161238" s="10"/>
    </row>
    <row r="161239" spans="14:14">
      <c r="N161239" s="10"/>
    </row>
    <row r="161240" spans="14:14">
      <c r="N161240" s="10"/>
    </row>
    <row r="161241" spans="14:14">
      <c r="N161241" s="10"/>
    </row>
    <row r="161242" spans="14:14">
      <c r="N161242" s="10"/>
    </row>
    <row r="161243" spans="14:14">
      <c r="N161243" s="10"/>
    </row>
    <row r="161244" spans="14:14">
      <c r="N161244" s="10"/>
    </row>
    <row r="161245" spans="14:14">
      <c r="N161245" s="10"/>
    </row>
    <row r="161246" spans="14:14">
      <c r="N161246" s="10"/>
    </row>
    <row r="161247" spans="14:14">
      <c r="N161247" s="10"/>
    </row>
    <row r="161248" spans="14:14">
      <c r="N161248" s="10"/>
    </row>
    <row r="161249" spans="14:14">
      <c r="N161249" s="10"/>
    </row>
    <row r="161250" spans="14:14">
      <c r="N161250" s="10"/>
    </row>
    <row r="161251" spans="14:14">
      <c r="N161251" s="10"/>
    </row>
    <row r="161252" spans="14:14">
      <c r="N161252" s="10"/>
    </row>
    <row r="161253" spans="14:14">
      <c r="N161253" s="10"/>
    </row>
    <row r="161254" spans="14:14">
      <c r="N161254" s="10"/>
    </row>
    <row r="161255" spans="14:14">
      <c r="N161255" s="10"/>
    </row>
    <row r="161256" spans="14:14">
      <c r="N161256" s="10"/>
    </row>
    <row r="161257" spans="14:14">
      <c r="N161257" s="10"/>
    </row>
    <row r="161258" spans="14:14">
      <c r="N161258" s="10"/>
    </row>
    <row r="161259" spans="14:14">
      <c r="N161259" s="10"/>
    </row>
    <row r="161260" spans="14:14">
      <c r="N161260" s="10"/>
    </row>
    <row r="161261" spans="14:14">
      <c r="N161261" s="10"/>
    </row>
    <row r="161262" spans="14:14">
      <c r="N161262" s="10"/>
    </row>
    <row r="161263" spans="14:14">
      <c r="N161263" s="10"/>
    </row>
    <row r="161264" spans="14:14">
      <c r="N161264" s="10"/>
    </row>
    <row r="161265" spans="14:14">
      <c r="N161265" s="10"/>
    </row>
    <row r="161266" spans="14:14">
      <c r="N161266" s="10"/>
    </row>
    <row r="161267" spans="14:14">
      <c r="N161267" s="10"/>
    </row>
    <row r="161268" spans="14:14">
      <c r="N161268" s="10"/>
    </row>
    <row r="161269" spans="14:14">
      <c r="N161269" s="10"/>
    </row>
    <row r="161270" spans="14:14">
      <c r="N161270" s="10"/>
    </row>
    <row r="161271" spans="14:14">
      <c r="N161271" s="10"/>
    </row>
    <row r="161272" spans="14:14">
      <c r="N161272" s="10"/>
    </row>
    <row r="161273" spans="14:14">
      <c r="N161273" s="10"/>
    </row>
    <row r="161274" spans="14:14">
      <c r="N161274" s="10"/>
    </row>
    <row r="161275" spans="14:14">
      <c r="N161275" s="10"/>
    </row>
    <row r="161276" spans="14:14">
      <c r="N161276" s="10"/>
    </row>
    <row r="161277" spans="14:14">
      <c r="N161277" s="10"/>
    </row>
    <row r="161278" spans="14:14">
      <c r="N161278" s="10"/>
    </row>
    <row r="161279" spans="14:14">
      <c r="N161279" s="10"/>
    </row>
    <row r="161280" spans="14:14">
      <c r="N161280" s="10"/>
    </row>
    <row r="161281" spans="14:14">
      <c r="N161281" s="10"/>
    </row>
    <row r="161282" spans="14:14">
      <c r="N161282" s="10"/>
    </row>
    <row r="161283" spans="14:14">
      <c r="N161283" s="10"/>
    </row>
    <row r="161284" spans="14:14">
      <c r="N161284" s="10"/>
    </row>
    <row r="161285" spans="14:14">
      <c r="N161285" s="10"/>
    </row>
    <row r="161286" spans="14:14">
      <c r="N161286" s="10"/>
    </row>
    <row r="161287" spans="14:14">
      <c r="N161287" s="10"/>
    </row>
    <row r="161288" spans="14:14">
      <c r="N161288" s="10"/>
    </row>
    <row r="161289" spans="14:14">
      <c r="N161289" s="10"/>
    </row>
    <row r="161290" spans="14:14">
      <c r="N161290" s="10"/>
    </row>
    <row r="161291" spans="14:14">
      <c r="N161291" s="10"/>
    </row>
    <row r="161292" spans="14:14">
      <c r="N161292" s="10"/>
    </row>
    <row r="161293" spans="14:14">
      <c r="N161293" s="10"/>
    </row>
    <row r="161294" spans="14:14">
      <c r="N161294" s="10"/>
    </row>
    <row r="161295" spans="14:14">
      <c r="N161295" s="10"/>
    </row>
    <row r="161296" spans="14:14">
      <c r="N161296" s="10"/>
    </row>
    <row r="161297" spans="14:14">
      <c r="N161297" s="10"/>
    </row>
    <row r="161298" spans="14:14">
      <c r="N161298" s="10"/>
    </row>
    <row r="161299" spans="14:14">
      <c r="N161299" s="10"/>
    </row>
    <row r="161300" spans="14:14">
      <c r="N161300" s="10"/>
    </row>
    <row r="161301" spans="14:14">
      <c r="N161301" s="10"/>
    </row>
    <row r="161302" spans="14:14">
      <c r="N161302" s="10"/>
    </row>
    <row r="161303" spans="14:14">
      <c r="N161303" s="10"/>
    </row>
    <row r="161304" spans="14:14">
      <c r="N161304" s="10"/>
    </row>
    <row r="161305" spans="14:14">
      <c r="N161305" s="10"/>
    </row>
    <row r="161306" spans="14:14">
      <c r="N161306" s="10"/>
    </row>
    <row r="161307" spans="14:14">
      <c r="N161307" s="10"/>
    </row>
    <row r="161308" spans="14:14">
      <c r="N161308" s="10"/>
    </row>
    <row r="161309" spans="14:14">
      <c r="N161309" s="10"/>
    </row>
    <row r="161310" spans="14:14">
      <c r="N161310" s="10"/>
    </row>
    <row r="161311" spans="14:14">
      <c r="N161311" s="10"/>
    </row>
    <row r="161312" spans="14:14">
      <c r="N161312" s="10"/>
    </row>
    <row r="161313" spans="14:14">
      <c r="N161313" s="10"/>
    </row>
    <row r="161314" spans="14:14">
      <c r="N161314" s="10"/>
    </row>
    <row r="161315" spans="14:14">
      <c r="N161315" s="10"/>
    </row>
    <row r="161316" spans="14:14">
      <c r="N161316" s="10"/>
    </row>
    <row r="161317" spans="14:14">
      <c r="N161317" s="10"/>
    </row>
    <row r="161318" spans="14:14">
      <c r="N161318" s="10"/>
    </row>
    <row r="161319" spans="14:14">
      <c r="N161319" s="10"/>
    </row>
    <row r="161320" spans="14:14">
      <c r="N161320" s="10"/>
    </row>
    <row r="161321" spans="14:14">
      <c r="N161321" s="10"/>
    </row>
    <row r="161322" spans="14:14">
      <c r="N161322" s="10"/>
    </row>
    <row r="161323" spans="14:14">
      <c r="N161323" s="10"/>
    </row>
    <row r="161324" spans="14:14">
      <c r="N161324" s="10"/>
    </row>
    <row r="161325" spans="14:14">
      <c r="N161325" s="10"/>
    </row>
    <row r="161326" spans="14:14">
      <c r="N161326" s="10"/>
    </row>
    <row r="161327" spans="14:14">
      <c r="N161327" s="10"/>
    </row>
    <row r="161328" spans="14:14">
      <c r="N161328" s="10"/>
    </row>
    <row r="161329" spans="14:14">
      <c r="N161329" s="10"/>
    </row>
    <row r="161330" spans="14:14">
      <c r="N161330" s="10"/>
    </row>
    <row r="161331" spans="14:14">
      <c r="N161331" s="10"/>
    </row>
    <row r="161332" spans="14:14">
      <c r="N161332" s="10"/>
    </row>
    <row r="161333" spans="14:14">
      <c r="N161333" s="10"/>
    </row>
    <row r="161334" spans="14:14">
      <c r="N161334" s="10"/>
    </row>
    <row r="161335" spans="14:14">
      <c r="N161335" s="10"/>
    </row>
    <row r="161336" spans="14:14">
      <c r="N161336" s="10"/>
    </row>
    <row r="161337" spans="14:14">
      <c r="N161337" s="10"/>
    </row>
    <row r="161338" spans="14:14">
      <c r="N161338" s="10"/>
    </row>
    <row r="161339" spans="14:14">
      <c r="N161339" s="10"/>
    </row>
    <row r="161340" spans="14:14">
      <c r="N161340" s="10"/>
    </row>
    <row r="161341" spans="14:14">
      <c r="N161341" s="10"/>
    </row>
    <row r="161342" spans="14:14">
      <c r="N161342" s="10"/>
    </row>
    <row r="161343" spans="14:14">
      <c r="N161343" s="10"/>
    </row>
    <row r="161344" spans="14:14">
      <c r="N161344" s="10"/>
    </row>
    <row r="161345" spans="14:14">
      <c r="N161345" s="10"/>
    </row>
    <row r="161346" spans="14:14">
      <c r="N161346" s="10"/>
    </row>
    <row r="161347" spans="14:14">
      <c r="N161347" s="10"/>
    </row>
    <row r="161348" spans="14:14">
      <c r="N161348" s="10"/>
    </row>
    <row r="161349" spans="14:14">
      <c r="N161349" s="10"/>
    </row>
    <row r="161350" spans="14:14">
      <c r="N161350" s="10"/>
    </row>
    <row r="161351" spans="14:14">
      <c r="N161351" s="10"/>
    </row>
    <row r="161352" spans="14:14">
      <c r="N161352" s="10"/>
    </row>
    <row r="161353" spans="14:14">
      <c r="N161353" s="10"/>
    </row>
    <row r="161354" spans="14:14">
      <c r="N161354" s="10"/>
    </row>
    <row r="161355" spans="14:14">
      <c r="N161355" s="10"/>
    </row>
    <row r="161356" spans="14:14">
      <c r="N161356" s="10"/>
    </row>
    <row r="161357" spans="14:14">
      <c r="N161357" s="10"/>
    </row>
    <row r="161358" spans="14:14">
      <c r="N161358" s="10"/>
    </row>
    <row r="161359" spans="14:14">
      <c r="N161359" s="10"/>
    </row>
    <row r="161360" spans="14:14">
      <c r="N161360" s="10"/>
    </row>
    <row r="161361" spans="14:14">
      <c r="N161361" s="10"/>
    </row>
    <row r="161362" spans="14:14">
      <c r="N161362" s="10"/>
    </row>
    <row r="161363" spans="14:14">
      <c r="N161363" s="10"/>
    </row>
    <row r="161364" spans="14:14">
      <c r="N161364" s="10"/>
    </row>
    <row r="161365" spans="14:14">
      <c r="N161365" s="10"/>
    </row>
    <row r="161366" spans="14:14">
      <c r="N161366" s="10"/>
    </row>
    <row r="161367" spans="14:14">
      <c r="N161367" s="10"/>
    </row>
    <row r="161368" spans="14:14">
      <c r="N161368" s="10"/>
    </row>
    <row r="161369" spans="14:14">
      <c r="N161369" s="10"/>
    </row>
    <row r="161370" spans="14:14">
      <c r="N161370" s="10"/>
    </row>
    <row r="161371" spans="14:14">
      <c r="N161371" s="10"/>
    </row>
    <row r="161372" spans="14:14">
      <c r="N161372" s="10"/>
    </row>
    <row r="161373" spans="14:14">
      <c r="N161373" s="10"/>
    </row>
    <row r="161374" spans="14:14">
      <c r="N161374" s="10"/>
    </row>
    <row r="161375" spans="14:14">
      <c r="N161375" s="10"/>
    </row>
    <row r="161376" spans="14:14">
      <c r="N161376" s="10"/>
    </row>
    <row r="161377" spans="14:14">
      <c r="N161377" s="10"/>
    </row>
    <row r="161378" spans="14:14">
      <c r="N161378" s="10"/>
    </row>
    <row r="161379" spans="14:14">
      <c r="N161379" s="10"/>
    </row>
    <row r="161380" spans="14:14">
      <c r="N161380" s="10"/>
    </row>
    <row r="161381" spans="14:14">
      <c r="N161381" s="10"/>
    </row>
    <row r="161382" spans="14:14">
      <c r="N161382" s="10"/>
    </row>
    <row r="161383" spans="14:14">
      <c r="N161383" s="10"/>
    </row>
    <row r="161384" spans="14:14">
      <c r="N161384" s="10"/>
    </row>
    <row r="161385" spans="14:14">
      <c r="N161385" s="10"/>
    </row>
    <row r="161386" spans="14:14">
      <c r="N161386" s="10"/>
    </row>
    <row r="161387" spans="14:14">
      <c r="N161387" s="10"/>
    </row>
    <row r="161388" spans="14:14">
      <c r="N161388" s="10"/>
    </row>
    <row r="161389" spans="14:14">
      <c r="N161389" s="10"/>
    </row>
    <row r="161390" spans="14:14">
      <c r="N161390" s="10"/>
    </row>
    <row r="161391" spans="14:14">
      <c r="N161391" s="10"/>
    </row>
    <row r="161392" spans="14:14">
      <c r="N161392" s="10"/>
    </row>
    <row r="161393" spans="14:14">
      <c r="N161393" s="10"/>
    </row>
    <row r="161394" spans="14:14">
      <c r="N161394" s="10"/>
    </row>
    <row r="161395" spans="14:14">
      <c r="N161395" s="10"/>
    </row>
    <row r="161396" spans="14:14">
      <c r="N161396" s="10"/>
    </row>
    <row r="161397" spans="14:14">
      <c r="N161397" s="10"/>
    </row>
    <row r="161398" spans="14:14">
      <c r="N161398" s="10"/>
    </row>
    <row r="161399" spans="14:14">
      <c r="N161399" s="10"/>
    </row>
    <row r="161400" spans="14:14">
      <c r="N161400" s="10"/>
    </row>
    <row r="161401" spans="14:14">
      <c r="N161401" s="10"/>
    </row>
    <row r="161402" spans="14:14">
      <c r="N161402" s="10"/>
    </row>
    <row r="161403" spans="14:14">
      <c r="N161403" s="10"/>
    </row>
    <row r="161404" spans="14:14">
      <c r="N161404" s="10"/>
    </row>
    <row r="161405" spans="14:14">
      <c r="N161405" s="10"/>
    </row>
    <row r="161406" spans="14:14">
      <c r="N161406" s="10"/>
    </row>
    <row r="161407" spans="14:14">
      <c r="N161407" s="10"/>
    </row>
    <row r="161408" spans="14:14">
      <c r="N161408" s="10"/>
    </row>
    <row r="161409" spans="14:14">
      <c r="N161409" s="10"/>
    </row>
    <row r="161410" spans="14:14">
      <c r="N161410" s="10"/>
    </row>
    <row r="161411" spans="14:14">
      <c r="N161411" s="10"/>
    </row>
    <row r="161412" spans="14:14">
      <c r="N161412" s="10"/>
    </row>
    <row r="161413" spans="14:14">
      <c r="N161413" s="10"/>
    </row>
    <row r="161414" spans="14:14">
      <c r="N161414" s="10"/>
    </row>
    <row r="161415" spans="14:14">
      <c r="N161415" s="10"/>
    </row>
    <row r="161416" spans="14:14">
      <c r="N161416" s="10"/>
    </row>
    <row r="161417" spans="14:14">
      <c r="N161417" s="10"/>
    </row>
    <row r="161418" spans="14:14">
      <c r="N161418" s="10"/>
    </row>
    <row r="161419" spans="14:14">
      <c r="N161419" s="10"/>
    </row>
    <row r="161420" spans="14:14">
      <c r="N161420" s="10"/>
    </row>
    <row r="161421" spans="14:14">
      <c r="N161421" s="10"/>
    </row>
    <row r="161422" spans="14:14">
      <c r="N161422" s="10"/>
    </row>
    <row r="161423" spans="14:14">
      <c r="N161423" s="10"/>
    </row>
    <row r="161424" spans="14:14">
      <c r="N161424" s="10"/>
    </row>
    <row r="161425" spans="14:14">
      <c r="N161425" s="10"/>
    </row>
    <row r="161426" spans="14:14">
      <c r="N161426" s="10"/>
    </row>
    <row r="161427" spans="14:14">
      <c r="N161427" s="10"/>
    </row>
    <row r="161428" spans="14:14">
      <c r="N161428" s="10"/>
    </row>
    <row r="161429" spans="14:14">
      <c r="N161429" s="10"/>
    </row>
    <row r="161430" spans="14:14">
      <c r="N161430" s="10"/>
    </row>
    <row r="161431" spans="14:14">
      <c r="N161431" s="10"/>
    </row>
    <row r="161432" spans="14:14">
      <c r="N161432" s="10"/>
    </row>
    <row r="161433" spans="14:14">
      <c r="N161433" s="10"/>
    </row>
    <row r="161434" spans="14:14">
      <c r="N161434" s="10"/>
    </row>
    <row r="161435" spans="14:14">
      <c r="N161435" s="10"/>
    </row>
    <row r="161436" spans="14:14">
      <c r="N161436" s="10"/>
    </row>
    <row r="161437" spans="14:14">
      <c r="N161437" s="10"/>
    </row>
    <row r="161438" spans="14:14">
      <c r="N161438" s="10"/>
    </row>
    <row r="161439" spans="14:14">
      <c r="N161439" s="10"/>
    </row>
    <row r="161440" spans="14:14">
      <c r="N161440" s="10"/>
    </row>
    <row r="161441" spans="14:14">
      <c r="N161441" s="10"/>
    </row>
    <row r="161442" spans="14:14">
      <c r="N161442" s="10"/>
    </row>
    <row r="161443" spans="14:14">
      <c r="N161443" s="10"/>
    </row>
    <row r="161444" spans="14:14">
      <c r="N161444" s="10"/>
    </row>
    <row r="161445" spans="14:14">
      <c r="N161445" s="10"/>
    </row>
    <row r="161446" spans="14:14">
      <c r="N161446" s="10"/>
    </row>
    <row r="161447" spans="14:14">
      <c r="N161447" s="10"/>
    </row>
    <row r="161448" spans="14:14">
      <c r="N161448" s="10"/>
    </row>
    <row r="161449" spans="14:14">
      <c r="N161449" s="10"/>
    </row>
    <row r="161450" spans="14:14">
      <c r="N161450" s="10"/>
    </row>
    <row r="161451" spans="14:14">
      <c r="N161451" s="10"/>
    </row>
    <row r="161452" spans="14:14">
      <c r="N161452" s="10"/>
    </row>
    <row r="161453" spans="14:14">
      <c r="N161453" s="10"/>
    </row>
    <row r="161454" spans="14:14">
      <c r="N161454" s="10"/>
    </row>
    <row r="161455" spans="14:14">
      <c r="N161455" s="10"/>
    </row>
    <row r="161456" spans="14:14">
      <c r="N161456" s="10"/>
    </row>
    <row r="161457" spans="14:14">
      <c r="N161457" s="10"/>
    </row>
    <row r="161458" spans="14:14">
      <c r="N161458" s="10"/>
    </row>
    <row r="161459" spans="14:14">
      <c r="N161459" s="10"/>
    </row>
    <row r="161460" spans="14:14">
      <c r="N161460" s="10"/>
    </row>
    <row r="161461" spans="14:14">
      <c r="N161461" s="10"/>
    </row>
    <row r="161462" spans="14:14">
      <c r="N161462" s="10"/>
    </row>
    <row r="161463" spans="14:14">
      <c r="N161463" s="10"/>
    </row>
    <row r="161464" spans="14:14">
      <c r="N161464" s="10"/>
    </row>
    <row r="161465" spans="14:14">
      <c r="N161465" s="10"/>
    </row>
    <row r="161466" spans="14:14">
      <c r="N161466" s="10"/>
    </row>
    <row r="161467" spans="14:14">
      <c r="N161467" s="10"/>
    </row>
    <row r="161468" spans="14:14">
      <c r="N161468" s="10"/>
    </row>
    <row r="161469" spans="14:14">
      <c r="N161469" s="10"/>
    </row>
    <row r="161470" spans="14:14">
      <c r="N161470" s="10"/>
    </row>
    <row r="161471" spans="14:14">
      <c r="N161471" s="10"/>
    </row>
    <row r="161472" spans="14:14">
      <c r="N161472" s="10"/>
    </row>
    <row r="161473" spans="14:14">
      <c r="N161473" s="10"/>
    </row>
    <row r="161474" spans="14:14">
      <c r="N161474" s="10"/>
    </row>
    <row r="161475" spans="14:14">
      <c r="N161475" s="10"/>
    </row>
    <row r="161476" spans="14:14">
      <c r="N161476" s="10"/>
    </row>
    <row r="161477" spans="14:14">
      <c r="N161477" s="10"/>
    </row>
    <row r="161478" spans="14:14">
      <c r="N161478" s="10"/>
    </row>
    <row r="161479" spans="14:14">
      <c r="N161479" s="10"/>
    </row>
    <row r="161480" spans="14:14">
      <c r="N161480" s="10"/>
    </row>
    <row r="161481" spans="14:14">
      <c r="N161481" s="10"/>
    </row>
    <row r="161482" spans="14:14">
      <c r="N161482" s="10"/>
    </row>
    <row r="161483" spans="14:14">
      <c r="N161483" s="10"/>
    </row>
    <row r="161484" spans="14:14">
      <c r="N161484" s="10"/>
    </row>
    <row r="161485" spans="14:14">
      <c r="N161485" s="10"/>
    </row>
    <row r="161486" spans="14:14">
      <c r="N161486" s="10"/>
    </row>
    <row r="161487" spans="14:14">
      <c r="N161487" s="10"/>
    </row>
    <row r="161488" spans="14:14">
      <c r="N161488" s="10"/>
    </row>
    <row r="161489" spans="14:14">
      <c r="N161489" s="10"/>
    </row>
    <row r="161490" spans="14:14">
      <c r="N161490" s="10"/>
    </row>
    <row r="161491" spans="14:14">
      <c r="N161491" s="10"/>
    </row>
    <row r="161492" spans="14:14">
      <c r="N161492" s="10"/>
    </row>
    <row r="161493" spans="14:14">
      <c r="N161493" s="10"/>
    </row>
    <row r="161494" spans="14:14">
      <c r="N161494" s="10"/>
    </row>
    <row r="161495" spans="14:14">
      <c r="N161495" s="10"/>
    </row>
    <row r="161496" spans="14:14">
      <c r="N161496" s="10"/>
    </row>
    <row r="161497" spans="14:14">
      <c r="N161497" s="10"/>
    </row>
    <row r="161498" spans="14:14">
      <c r="N161498" s="10"/>
    </row>
    <row r="161499" spans="14:14">
      <c r="N161499" s="10"/>
    </row>
    <row r="161500" spans="14:14">
      <c r="N161500" s="10"/>
    </row>
    <row r="161501" spans="14:14">
      <c r="N161501" s="10"/>
    </row>
    <row r="161502" spans="14:14">
      <c r="N161502" s="10"/>
    </row>
    <row r="161503" spans="14:14">
      <c r="N161503" s="10"/>
    </row>
    <row r="161504" spans="14:14">
      <c r="N161504" s="10"/>
    </row>
    <row r="161505" spans="14:14">
      <c r="N161505" s="10"/>
    </row>
    <row r="161506" spans="14:14">
      <c r="N161506" s="10"/>
    </row>
    <row r="161507" spans="14:14">
      <c r="N161507" s="10"/>
    </row>
    <row r="161508" spans="14:14">
      <c r="N161508" s="10"/>
    </row>
    <row r="161509" spans="14:14">
      <c r="N161509" s="10"/>
    </row>
    <row r="161510" spans="14:14">
      <c r="N161510" s="10"/>
    </row>
    <row r="161511" spans="14:14">
      <c r="N161511" s="10"/>
    </row>
    <row r="161512" spans="14:14">
      <c r="N161512" s="10"/>
    </row>
    <row r="161513" spans="14:14">
      <c r="N161513" s="10"/>
    </row>
    <row r="161514" spans="14:14">
      <c r="N161514" s="10"/>
    </row>
    <row r="161515" spans="14:14">
      <c r="N161515" s="10"/>
    </row>
    <row r="161516" spans="14:14">
      <c r="N161516" s="10"/>
    </row>
    <row r="161517" spans="14:14">
      <c r="N161517" s="10"/>
    </row>
    <row r="161518" spans="14:14">
      <c r="N161518" s="10"/>
    </row>
    <row r="161519" spans="14:14">
      <c r="N161519" s="10"/>
    </row>
    <row r="161520" spans="14:14">
      <c r="N161520" s="10"/>
    </row>
    <row r="161521" spans="14:14">
      <c r="N161521" s="10"/>
    </row>
    <row r="161522" spans="14:14">
      <c r="N161522" s="10"/>
    </row>
    <row r="161523" spans="14:14">
      <c r="N161523" s="10"/>
    </row>
    <row r="161524" spans="14:14">
      <c r="N161524" s="10"/>
    </row>
    <row r="161525" spans="14:14">
      <c r="N161525" s="10"/>
    </row>
    <row r="161526" spans="14:14">
      <c r="N161526" s="10"/>
    </row>
    <row r="161527" spans="14:14">
      <c r="N161527" s="10"/>
    </row>
    <row r="161528" spans="14:14">
      <c r="N161528" s="10"/>
    </row>
    <row r="161529" spans="14:14">
      <c r="N161529" s="10"/>
    </row>
    <row r="161530" spans="14:14">
      <c r="N161530" s="10"/>
    </row>
    <row r="161531" spans="14:14">
      <c r="N161531" s="10"/>
    </row>
    <row r="161532" spans="14:14">
      <c r="N161532" s="10"/>
    </row>
    <row r="161533" spans="14:14">
      <c r="N161533" s="10"/>
    </row>
    <row r="161534" spans="14:14">
      <c r="N161534" s="10"/>
    </row>
    <row r="161535" spans="14:14">
      <c r="N161535" s="10"/>
    </row>
    <row r="161536" spans="14:14">
      <c r="N161536" s="10"/>
    </row>
    <row r="161537" spans="14:14">
      <c r="N161537" s="10"/>
    </row>
    <row r="161538" spans="14:14">
      <c r="N161538" s="10"/>
    </row>
    <row r="161539" spans="14:14">
      <c r="N161539" s="10"/>
    </row>
    <row r="161540" spans="14:14">
      <c r="N161540" s="10"/>
    </row>
    <row r="161541" spans="14:14">
      <c r="N161541" s="10"/>
    </row>
    <row r="161542" spans="14:14">
      <c r="N161542" s="10"/>
    </row>
    <row r="161543" spans="14:14">
      <c r="N161543" s="10"/>
    </row>
    <row r="161544" spans="14:14">
      <c r="N161544" s="10"/>
    </row>
    <row r="161545" spans="14:14">
      <c r="N161545" s="10"/>
    </row>
    <row r="161546" spans="14:14">
      <c r="N161546" s="10"/>
    </row>
    <row r="161547" spans="14:14">
      <c r="N161547" s="10"/>
    </row>
    <row r="161548" spans="14:14">
      <c r="N161548" s="10"/>
    </row>
    <row r="161549" spans="14:14">
      <c r="N161549" s="10"/>
    </row>
    <row r="161550" spans="14:14">
      <c r="N161550" s="10"/>
    </row>
    <row r="161551" spans="14:14">
      <c r="N161551" s="10"/>
    </row>
    <row r="161552" spans="14:14">
      <c r="N161552" s="10"/>
    </row>
    <row r="161553" spans="14:14">
      <c r="N161553" s="10"/>
    </row>
    <row r="161554" spans="14:14">
      <c r="N161554" s="10"/>
    </row>
    <row r="161555" spans="14:14">
      <c r="N161555" s="10"/>
    </row>
    <row r="161556" spans="14:14">
      <c r="N161556" s="10"/>
    </row>
    <row r="161557" spans="14:14">
      <c r="N161557" s="10"/>
    </row>
    <row r="161558" spans="14:14">
      <c r="N161558" s="10"/>
    </row>
    <row r="161559" spans="14:14">
      <c r="N161559" s="10"/>
    </row>
    <row r="161560" spans="14:14">
      <c r="N161560" s="10"/>
    </row>
    <row r="161561" spans="14:14">
      <c r="N161561" s="10"/>
    </row>
    <row r="161562" spans="14:14">
      <c r="N161562" s="10"/>
    </row>
    <row r="161563" spans="14:14">
      <c r="N161563" s="10"/>
    </row>
    <row r="161564" spans="14:14">
      <c r="N161564" s="10"/>
    </row>
    <row r="161565" spans="14:14">
      <c r="N161565" s="10"/>
    </row>
    <row r="161566" spans="14:14">
      <c r="N161566" s="10"/>
    </row>
    <row r="161567" spans="14:14">
      <c r="N161567" s="10"/>
    </row>
    <row r="161568" spans="14:14">
      <c r="N161568" s="10"/>
    </row>
    <row r="161569" spans="14:14">
      <c r="N161569" s="10"/>
    </row>
    <row r="161570" spans="14:14">
      <c r="N161570" s="10"/>
    </row>
    <row r="161571" spans="14:14">
      <c r="N161571" s="10"/>
    </row>
    <row r="161572" spans="14:14">
      <c r="N161572" s="10"/>
    </row>
    <row r="161573" spans="14:14">
      <c r="N161573" s="10"/>
    </row>
    <row r="161574" spans="14:14">
      <c r="N161574" s="10"/>
    </row>
    <row r="161575" spans="14:14">
      <c r="N161575" s="10"/>
    </row>
    <row r="161576" spans="14:14">
      <c r="N161576" s="10"/>
    </row>
    <row r="161577" spans="14:14">
      <c r="N161577" s="10"/>
    </row>
    <row r="161578" spans="14:14">
      <c r="N161578" s="10"/>
    </row>
    <row r="161579" spans="14:14">
      <c r="N161579" s="10"/>
    </row>
    <row r="161580" spans="14:14">
      <c r="N161580" s="10"/>
    </row>
    <row r="161581" spans="14:14">
      <c r="N161581" s="10"/>
    </row>
    <row r="161582" spans="14:14">
      <c r="N161582" s="10"/>
    </row>
    <row r="161583" spans="14:14">
      <c r="N161583" s="10"/>
    </row>
    <row r="161584" spans="14:14">
      <c r="N161584" s="10"/>
    </row>
    <row r="161585" spans="14:14">
      <c r="N161585" s="10"/>
    </row>
    <row r="161586" spans="14:14">
      <c r="N161586" s="10"/>
    </row>
    <row r="161587" spans="14:14">
      <c r="N161587" s="10"/>
    </row>
    <row r="161588" spans="14:14">
      <c r="N161588" s="10"/>
    </row>
    <row r="161589" spans="14:14">
      <c r="N161589" s="10"/>
    </row>
    <row r="161590" spans="14:14">
      <c r="N161590" s="10"/>
    </row>
    <row r="161591" spans="14:14">
      <c r="N161591" s="10"/>
    </row>
    <row r="161592" spans="14:14">
      <c r="N161592" s="10"/>
    </row>
    <row r="161593" spans="14:14">
      <c r="N161593" s="10"/>
    </row>
    <row r="161594" spans="14:14">
      <c r="N161594" s="10"/>
    </row>
    <row r="161595" spans="14:14">
      <c r="N161595" s="10"/>
    </row>
    <row r="161596" spans="14:14">
      <c r="N161596" s="10"/>
    </row>
    <row r="161597" spans="14:14">
      <c r="N161597" s="10"/>
    </row>
    <row r="161598" spans="14:14">
      <c r="N161598" s="10"/>
    </row>
    <row r="161599" spans="14:14">
      <c r="N161599" s="10"/>
    </row>
    <row r="161600" spans="14:14">
      <c r="N161600" s="10"/>
    </row>
    <row r="161601" spans="14:14">
      <c r="N161601" s="10"/>
    </row>
    <row r="161602" spans="14:14">
      <c r="N161602" s="10"/>
    </row>
    <row r="161603" spans="14:14">
      <c r="N161603" s="10"/>
    </row>
    <row r="161604" spans="14:14">
      <c r="N161604" s="10"/>
    </row>
    <row r="161605" spans="14:14">
      <c r="N161605" s="10"/>
    </row>
    <row r="161606" spans="14:14">
      <c r="N161606" s="10"/>
    </row>
    <row r="161607" spans="14:14">
      <c r="N161607" s="10"/>
    </row>
    <row r="161608" spans="14:14">
      <c r="N161608" s="10"/>
    </row>
    <row r="161609" spans="14:14">
      <c r="N161609" s="10"/>
    </row>
    <row r="161610" spans="14:14">
      <c r="N161610" s="10"/>
    </row>
    <row r="161611" spans="14:14">
      <c r="N161611" s="10"/>
    </row>
    <row r="161612" spans="14:14">
      <c r="N161612" s="10"/>
    </row>
    <row r="161613" spans="14:14">
      <c r="N161613" s="10"/>
    </row>
    <row r="161614" spans="14:14">
      <c r="N161614" s="10"/>
    </row>
    <row r="161615" spans="14:14">
      <c r="N161615" s="10"/>
    </row>
    <row r="161616" spans="14:14">
      <c r="N161616" s="10"/>
    </row>
    <row r="161617" spans="14:14">
      <c r="N161617" s="10"/>
    </row>
    <row r="161618" spans="14:14">
      <c r="N161618" s="10"/>
    </row>
    <row r="161619" spans="14:14">
      <c r="N161619" s="10"/>
    </row>
    <row r="161620" spans="14:14">
      <c r="N161620" s="10"/>
    </row>
    <row r="161621" spans="14:14">
      <c r="N161621" s="10"/>
    </row>
    <row r="161622" spans="14:14">
      <c r="N161622" s="10"/>
    </row>
    <row r="161623" spans="14:14">
      <c r="N161623" s="10"/>
    </row>
    <row r="161624" spans="14:14">
      <c r="N161624" s="10"/>
    </row>
    <row r="161625" spans="14:14">
      <c r="N161625" s="10"/>
    </row>
    <row r="161626" spans="14:14">
      <c r="N161626" s="10"/>
    </row>
    <row r="161627" spans="14:14">
      <c r="N161627" s="10"/>
    </row>
    <row r="161628" spans="14:14">
      <c r="N161628" s="10"/>
    </row>
    <row r="161629" spans="14:14">
      <c r="N161629" s="10"/>
    </row>
    <row r="161630" spans="14:14">
      <c r="N161630" s="10"/>
    </row>
    <row r="161631" spans="14:14">
      <c r="N161631" s="10"/>
    </row>
    <row r="161632" spans="14:14">
      <c r="N161632" s="10"/>
    </row>
    <row r="161633" spans="14:14">
      <c r="N161633" s="10"/>
    </row>
    <row r="161634" spans="14:14">
      <c r="N161634" s="10"/>
    </row>
    <row r="161635" spans="14:14">
      <c r="N161635" s="10"/>
    </row>
    <row r="161636" spans="14:14">
      <c r="N161636" s="10"/>
    </row>
    <row r="161637" spans="14:14">
      <c r="N161637" s="10"/>
    </row>
    <row r="161638" spans="14:14">
      <c r="N161638" s="10"/>
    </row>
    <row r="161639" spans="14:14">
      <c r="N161639" s="10"/>
    </row>
    <row r="161640" spans="14:14">
      <c r="N161640" s="10"/>
    </row>
    <row r="161641" spans="14:14">
      <c r="N161641" s="10"/>
    </row>
    <row r="161642" spans="14:14">
      <c r="N161642" s="10"/>
    </row>
    <row r="161643" spans="14:14">
      <c r="N161643" s="10"/>
    </row>
    <row r="161644" spans="14:14">
      <c r="N161644" s="10"/>
    </row>
    <row r="161645" spans="14:14">
      <c r="N161645" s="10"/>
    </row>
    <row r="161646" spans="14:14">
      <c r="N161646" s="10"/>
    </row>
    <row r="161647" spans="14:14">
      <c r="N161647" s="10"/>
    </row>
    <row r="161648" spans="14:14">
      <c r="N161648" s="10"/>
    </row>
    <row r="161649" spans="14:14">
      <c r="N161649" s="10"/>
    </row>
    <row r="161650" spans="14:14">
      <c r="N161650" s="10"/>
    </row>
    <row r="161651" spans="14:14">
      <c r="N161651" s="10"/>
    </row>
    <row r="161652" spans="14:14">
      <c r="N161652" s="10"/>
    </row>
    <row r="161653" spans="14:14">
      <c r="N161653" s="10"/>
    </row>
    <row r="161654" spans="14:14">
      <c r="N161654" s="10"/>
    </row>
    <row r="161655" spans="14:14">
      <c r="N161655" s="10"/>
    </row>
    <row r="161656" spans="14:14">
      <c r="N161656" s="10"/>
    </row>
    <row r="161657" spans="14:14">
      <c r="N161657" s="10"/>
    </row>
    <row r="161658" spans="14:14">
      <c r="N161658" s="10"/>
    </row>
    <row r="161659" spans="14:14">
      <c r="N161659" s="10"/>
    </row>
    <row r="161660" spans="14:14">
      <c r="N161660" s="10"/>
    </row>
    <row r="161661" spans="14:14">
      <c r="N161661" s="10"/>
    </row>
    <row r="161662" spans="14:14">
      <c r="N161662" s="10"/>
    </row>
    <row r="161663" spans="14:14">
      <c r="N161663" s="10"/>
    </row>
    <row r="161664" spans="14:14">
      <c r="N161664" s="10"/>
    </row>
    <row r="161665" spans="14:14">
      <c r="N161665" s="10"/>
    </row>
    <row r="161666" spans="14:14">
      <c r="N161666" s="10"/>
    </row>
    <row r="161667" spans="14:14">
      <c r="N161667" s="10"/>
    </row>
    <row r="161668" spans="14:14">
      <c r="N161668" s="10"/>
    </row>
    <row r="161669" spans="14:14">
      <c r="N161669" s="10"/>
    </row>
    <row r="161670" spans="14:14">
      <c r="N161670" s="10"/>
    </row>
    <row r="161671" spans="14:14">
      <c r="N161671" s="10"/>
    </row>
    <row r="161672" spans="14:14">
      <c r="N161672" s="10"/>
    </row>
    <row r="161673" spans="14:14">
      <c r="N161673" s="10"/>
    </row>
    <row r="161674" spans="14:14">
      <c r="N161674" s="10"/>
    </row>
    <row r="161675" spans="14:14">
      <c r="N161675" s="10"/>
    </row>
    <row r="161676" spans="14:14">
      <c r="N161676" s="10"/>
    </row>
    <row r="161677" spans="14:14">
      <c r="N161677" s="10"/>
    </row>
    <row r="161678" spans="14:14">
      <c r="N161678" s="10"/>
    </row>
    <row r="161679" spans="14:14">
      <c r="N161679" s="10"/>
    </row>
    <row r="161680" spans="14:14">
      <c r="N161680" s="10"/>
    </row>
    <row r="161681" spans="14:14">
      <c r="N161681" s="10"/>
    </row>
    <row r="161682" spans="14:14">
      <c r="N161682" s="10"/>
    </row>
    <row r="161683" spans="14:14">
      <c r="N161683" s="10"/>
    </row>
    <row r="161684" spans="14:14">
      <c r="N161684" s="10"/>
    </row>
    <row r="161685" spans="14:14">
      <c r="N161685" s="10"/>
    </row>
    <row r="161686" spans="14:14">
      <c r="N161686" s="10"/>
    </row>
    <row r="161687" spans="14:14">
      <c r="N161687" s="10"/>
    </row>
    <row r="161688" spans="14:14">
      <c r="N161688" s="10"/>
    </row>
    <row r="161689" spans="14:14">
      <c r="N161689" s="10"/>
    </row>
    <row r="161690" spans="14:14">
      <c r="N161690" s="10"/>
    </row>
    <row r="161691" spans="14:14">
      <c r="N161691" s="10"/>
    </row>
    <row r="161692" spans="14:14">
      <c r="N161692" s="10"/>
    </row>
    <row r="161693" spans="14:14">
      <c r="N161693" s="10"/>
    </row>
    <row r="161694" spans="14:14">
      <c r="N161694" s="10"/>
    </row>
    <row r="161695" spans="14:14">
      <c r="N161695" s="10"/>
    </row>
    <row r="161696" spans="14:14">
      <c r="N161696" s="10"/>
    </row>
    <row r="161697" spans="14:14">
      <c r="N161697" s="10"/>
    </row>
    <row r="161698" spans="14:14">
      <c r="N161698" s="10"/>
    </row>
    <row r="161699" spans="14:14">
      <c r="N161699" s="10"/>
    </row>
    <row r="161700" spans="14:14">
      <c r="N161700" s="10"/>
    </row>
    <row r="161701" spans="14:14">
      <c r="N161701" s="10"/>
    </row>
    <row r="161702" spans="14:14">
      <c r="N161702" s="10"/>
    </row>
    <row r="161703" spans="14:14">
      <c r="N161703" s="10"/>
    </row>
    <row r="161704" spans="14:14">
      <c r="N161704" s="10"/>
    </row>
    <row r="161705" spans="14:14">
      <c r="N161705" s="10"/>
    </row>
    <row r="161706" spans="14:14">
      <c r="N161706" s="10"/>
    </row>
    <row r="161707" spans="14:14">
      <c r="N161707" s="10"/>
    </row>
    <row r="161708" spans="14:14">
      <c r="N161708" s="10"/>
    </row>
    <row r="161709" spans="14:14">
      <c r="N161709" s="10"/>
    </row>
    <row r="161710" spans="14:14">
      <c r="N161710" s="10"/>
    </row>
    <row r="161711" spans="14:14">
      <c r="N161711" s="10"/>
    </row>
    <row r="161712" spans="14:14">
      <c r="N161712" s="10"/>
    </row>
    <row r="161713" spans="14:14">
      <c r="N161713" s="10"/>
    </row>
    <row r="161714" spans="14:14">
      <c r="N161714" s="10"/>
    </row>
    <row r="161715" spans="14:14">
      <c r="N161715" s="10"/>
    </row>
    <row r="161716" spans="14:14">
      <c r="N161716" s="10"/>
    </row>
    <row r="161717" spans="14:14">
      <c r="N161717" s="10"/>
    </row>
    <row r="161718" spans="14:14">
      <c r="N161718" s="10"/>
    </row>
    <row r="161719" spans="14:14">
      <c r="N161719" s="10"/>
    </row>
    <row r="161720" spans="14:14">
      <c r="N161720" s="10"/>
    </row>
    <row r="161721" spans="14:14">
      <c r="N161721" s="10"/>
    </row>
    <row r="161722" spans="14:14">
      <c r="N161722" s="10"/>
    </row>
    <row r="161723" spans="14:14">
      <c r="N161723" s="10"/>
    </row>
    <row r="161724" spans="14:14">
      <c r="N161724" s="10"/>
    </row>
    <row r="161725" spans="14:14">
      <c r="N161725" s="10"/>
    </row>
    <row r="161726" spans="14:14">
      <c r="N161726" s="10"/>
    </row>
    <row r="161727" spans="14:14">
      <c r="N161727" s="10"/>
    </row>
    <row r="161728" spans="14:14">
      <c r="N161728" s="10"/>
    </row>
    <row r="161729" spans="14:14">
      <c r="N161729" s="10"/>
    </row>
    <row r="161730" spans="14:14">
      <c r="N161730" s="10"/>
    </row>
    <row r="161731" spans="14:14">
      <c r="N161731" s="10"/>
    </row>
    <row r="161732" spans="14:14">
      <c r="N161732" s="10"/>
    </row>
    <row r="161733" spans="14:14">
      <c r="N161733" s="10"/>
    </row>
    <row r="161734" spans="14:14">
      <c r="N161734" s="10"/>
    </row>
    <row r="161735" spans="14:14">
      <c r="N161735" s="10"/>
    </row>
    <row r="161736" spans="14:14">
      <c r="N161736" s="10"/>
    </row>
    <row r="161737" spans="14:14">
      <c r="N161737" s="10"/>
    </row>
    <row r="161738" spans="14:14">
      <c r="N161738" s="10"/>
    </row>
    <row r="161739" spans="14:14">
      <c r="N161739" s="10"/>
    </row>
    <row r="161740" spans="14:14">
      <c r="N161740" s="10"/>
    </row>
    <row r="161741" spans="14:14">
      <c r="N161741" s="10"/>
    </row>
    <row r="161742" spans="14:14">
      <c r="N161742" s="10"/>
    </row>
    <row r="161743" spans="14:14">
      <c r="N161743" s="10"/>
    </row>
    <row r="161744" spans="14:14">
      <c r="N161744" s="10"/>
    </row>
    <row r="161745" spans="14:14">
      <c r="N161745" s="10"/>
    </row>
    <row r="161746" spans="14:14">
      <c r="N161746" s="10"/>
    </row>
    <row r="161747" spans="14:14">
      <c r="N161747" s="10"/>
    </row>
    <row r="161748" spans="14:14">
      <c r="N161748" s="10"/>
    </row>
    <row r="161749" spans="14:14">
      <c r="N161749" s="10"/>
    </row>
    <row r="161750" spans="14:14">
      <c r="N161750" s="10"/>
    </row>
    <row r="161751" spans="14:14">
      <c r="N161751" s="10"/>
    </row>
    <row r="161752" spans="14:14">
      <c r="N161752" s="10"/>
    </row>
    <row r="161753" spans="14:14">
      <c r="N161753" s="10"/>
    </row>
    <row r="161754" spans="14:14">
      <c r="N161754" s="10"/>
    </row>
    <row r="161755" spans="14:14">
      <c r="N161755" s="10"/>
    </row>
    <row r="161756" spans="14:14">
      <c r="N161756" s="10"/>
    </row>
    <row r="161757" spans="14:14">
      <c r="N161757" s="10"/>
    </row>
    <row r="161758" spans="14:14">
      <c r="N161758" s="10"/>
    </row>
    <row r="161759" spans="14:14">
      <c r="N161759" s="10"/>
    </row>
    <row r="161760" spans="14:14">
      <c r="N161760" s="10"/>
    </row>
    <row r="161761" spans="14:14">
      <c r="N161761" s="10"/>
    </row>
    <row r="161762" spans="14:14">
      <c r="N161762" s="10"/>
    </row>
    <row r="161763" spans="14:14">
      <c r="N161763" s="10"/>
    </row>
    <row r="161764" spans="14:14">
      <c r="N161764" s="10"/>
    </row>
    <row r="161765" spans="14:14">
      <c r="N161765" s="10"/>
    </row>
    <row r="161766" spans="14:14">
      <c r="N161766" s="10"/>
    </row>
    <row r="161767" spans="14:14">
      <c r="N161767" s="10"/>
    </row>
    <row r="161768" spans="14:14">
      <c r="N161768" s="10"/>
    </row>
    <row r="161769" spans="14:14">
      <c r="N161769" s="10"/>
    </row>
    <row r="161770" spans="14:14">
      <c r="N161770" s="10"/>
    </row>
    <row r="161771" spans="14:14">
      <c r="N161771" s="10"/>
    </row>
    <row r="161772" spans="14:14">
      <c r="N161772" s="10"/>
    </row>
    <row r="161773" spans="14:14">
      <c r="N161773" s="10"/>
    </row>
    <row r="161774" spans="14:14">
      <c r="N161774" s="10"/>
    </row>
    <row r="161775" spans="14:14">
      <c r="N161775" s="10"/>
    </row>
    <row r="161776" spans="14:14">
      <c r="N161776" s="10"/>
    </row>
    <row r="161777" spans="14:14">
      <c r="N161777" s="10"/>
    </row>
    <row r="161778" spans="14:14">
      <c r="N161778" s="10"/>
    </row>
    <row r="161779" spans="14:14">
      <c r="N161779" s="10"/>
    </row>
    <row r="161780" spans="14:14">
      <c r="N161780" s="10"/>
    </row>
    <row r="161781" spans="14:14">
      <c r="N161781" s="10"/>
    </row>
    <row r="161782" spans="14:14">
      <c r="N161782" s="10"/>
    </row>
    <row r="161783" spans="14:14">
      <c r="N161783" s="10"/>
    </row>
    <row r="161784" spans="14:14">
      <c r="N161784" s="10"/>
    </row>
    <row r="161785" spans="14:14">
      <c r="N161785" s="10"/>
    </row>
    <row r="161786" spans="14:14">
      <c r="N161786" s="10"/>
    </row>
    <row r="161787" spans="14:14">
      <c r="N161787" s="10"/>
    </row>
    <row r="161788" spans="14:14">
      <c r="N161788" s="10"/>
    </row>
    <row r="161789" spans="14:14">
      <c r="N161789" s="10"/>
    </row>
    <row r="161790" spans="14:14">
      <c r="N161790" s="10"/>
    </row>
    <row r="161791" spans="14:14">
      <c r="N161791" s="10"/>
    </row>
    <row r="161792" spans="14:14">
      <c r="N161792" s="10"/>
    </row>
    <row r="161793" spans="14:14">
      <c r="N161793" s="10"/>
    </row>
    <row r="161794" spans="14:14">
      <c r="N161794" s="10"/>
    </row>
    <row r="161795" spans="14:14">
      <c r="N161795" s="10"/>
    </row>
    <row r="161796" spans="14:14">
      <c r="N161796" s="10"/>
    </row>
    <row r="161797" spans="14:14">
      <c r="N161797" s="10"/>
    </row>
    <row r="161798" spans="14:14">
      <c r="N161798" s="10"/>
    </row>
    <row r="161799" spans="14:14">
      <c r="N161799" s="10"/>
    </row>
    <row r="161800" spans="14:14">
      <c r="N161800" s="10"/>
    </row>
    <row r="161801" spans="14:14">
      <c r="N161801" s="10"/>
    </row>
    <row r="161802" spans="14:14">
      <c r="N161802" s="10"/>
    </row>
    <row r="161803" spans="14:14">
      <c r="N161803" s="10"/>
    </row>
    <row r="161804" spans="14:14">
      <c r="N161804" s="10"/>
    </row>
    <row r="161805" spans="14:14">
      <c r="N161805" s="10"/>
    </row>
    <row r="161806" spans="14:14">
      <c r="N161806" s="10"/>
    </row>
    <row r="161807" spans="14:14">
      <c r="N161807" s="10"/>
    </row>
    <row r="161808" spans="14:14">
      <c r="N161808" s="10"/>
    </row>
    <row r="161809" spans="14:14">
      <c r="N161809" s="10"/>
    </row>
    <row r="161810" spans="14:14">
      <c r="N161810" s="10"/>
    </row>
    <row r="161811" spans="14:14">
      <c r="N161811" s="10"/>
    </row>
    <row r="161812" spans="14:14">
      <c r="N161812" s="10"/>
    </row>
    <row r="161813" spans="14:14">
      <c r="N161813" s="10"/>
    </row>
    <row r="161814" spans="14:14">
      <c r="N161814" s="10"/>
    </row>
    <row r="161815" spans="14:14">
      <c r="N161815" s="10"/>
    </row>
    <row r="161816" spans="14:14">
      <c r="N161816" s="10"/>
    </row>
    <row r="161817" spans="14:14">
      <c r="N161817" s="10"/>
    </row>
    <row r="161818" spans="14:14">
      <c r="N161818" s="10"/>
    </row>
    <row r="161819" spans="14:14">
      <c r="N161819" s="10"/>
    </row>
    <row r="161820" spans="14:14">
      <c r="N161820" s="10"/>
    </row>
    <row r="161821" spans="14:14">
      <c r="N161821" s="10"/>
    </row>
    <row r="161822" spans="14:14">
      <c r="N161822" s="10"/>
    </row>
    <row r="161823" spans="14:14">
      <c r="N161823" s="10"/>
    </row>
    <row r="161824" spans="14:14">
      <c r="N161824" s="10"/>
    </row>
    <row r="161825" spans="14:14">
      <c r="N161825" s="10"/>
    </row>
    <row r="161826" spans="14:14">
      <c r="N161826" s="10"/>
    </row>
    <row r="161827" spans="14:14">
      <c r="N161827" s="10"/>
    </row>
    <row r="161828" spans="14:14">
      <c r="N161828" s="10"/>
    </row>
    <row r="161829" spans="14:14">
      <c r="N161829" s="10"/>
    </row>
    <row r="161830" spans="14:14">
      <c r="N161830" s="10"/>
    </row>
    <row r="161831" spans="14:14">
      <c r="N161831" s="10"/>
    </row>
    <row r="161832" spans="14:14">
      <c r="N161832" s="10"/>
    </row>
    <row r="161833" spans="14:14">
      <c r="N161833" s="10"/>
    </row>
    <row r="161834" spans="14:14">
      <c r="N161834" s="10"/>
    </row>
    <row r="161835" spans="14:14">
      <c r="N161835" s="10"/>
    </row>
    <row r="161836" spans="14:14">
      <c r="N161836" s="10"/>
    </row>
    <row r="161837" spans="14:14">
      <c r="N161837" s="10"/>
    </row>
    <row r="161838" spans="14:14">
      <c r="N161838" s="10"/>
    </row>
    <row r="161839" spans="14:14">
      <c r="N161839" s="10"/>
    </row>
    <row r="161840" spans="14:14">
      <c r="N161840" s="10"/>
    </row>
    <row r="161841" spans="14:14">
      <c r="N161841" s="10"/>
    </row>
    <row r="161842" spans="14:14">
      <c r="N161842" s="10"/>
    </row>
    <row r="161843" spans="14:14">
      <c r="N161843" s="10"/>
    </row>
    <row r="161844" spans="14:14">
      <c r="N161844" s="10"/>
    </row>
    <row r="161845" spans="14:14">
      <c r="N161845" s="10"/>
    </row>
    <row r="161846" spans="14:14">
      <c r="N161846" s="10"/>
    </row>
    <row r="161847" spans="14:14">
      <c r="N161847" s="10"/>
    </row>
    <row r="161848" spans="14:14">
      <c r="N161848" s="10"/>
    </row>
    <row r="161849" spans="14:14">
      <c r="N161849" s="10"/>
    </row>
    <row r="161850" spans="14:14">
      <c r="N161850" s="10"/>
    </row>
    <row r="161851" spans="14:14">
      <c r="N161851" s="10"/>
    </row>
    <row r="161852" spans="14:14">
      <c r="N161852" s="10"/>
    </row>
    <row r="161853" spans="14:14">
      <c r="N161853" s="10"/>
    </row>
    <row r="161854" spans="14:14">
      <c r="N161854" s="10"/>
    </row>
    <row r="161855" spans="14:14">
      <c r="N161855" s="10"/>
    </row>
    <row r="161856" spans="14:14">
      <c r="N161856" s="10"/>
    </row>
    <row r="161857" spans="14:14">
      <c r="N161857" s="10"/>
    </row>
    <row r="161858" spans="14:14">
      <c r="N161858" s="10"/>
    </row>
    <row r="161859" spans="14:14">
      <c r="N161859" s="10"/>
    </row>
    <row r="161860" spans="14:14">
      <c r="N161860" s="10"/>
    </row>
    <row r="161861" spans="14:14">
      <c r="N161861" s="10"/>
    </row>
    <row r="161862" spans="14:14">
      <c r="N161862" s="10"/>
    </row>
    <row r="161863" spans="14:14">
      <c r="N161863" s="10"/>
    </row>
    <row r="161864" spans="14:14">
      <c r="N161864" s="10"/>
    </row>
    <row r="161865" spans="14:14">
      <c r="N161865" s="10"/>
    </row>
    <row r="161866" spans="14:14">
      <c r="N161866" s="10"/>
    </row>
    <row r="161867" spans="14:14">
      <c r="N161867" s="10"/>
    </row>
    <row r="161868" spans="14:14">
      <c r="N161868" s="10"/>
    </row>
    <row r="161869" spans="14:14">
      <c r="N161869" s="10"/>
    </row>
    <row r="161870" spans="14:14">
      <c r="N161870" s="10"/>
    </row>
    <row r="161871" spans="14:14">
      <c r="N161871" s="10"/>
    </row>
    <row r="161872" spans="14:14">
      <c r="N161872" s="10"/>
    </row>
    <row r="161873" spans="14:14">
      <c r="N161873" s="10"/>
    </row>
    <row r="161874" spans="14:14">
      <c r="N161874" s="10"/>
    </row>
    <row r="161875" spans="14:14">
      <c r="N161875" s="10"/>
    </row>
    <row r="161876" spans="14:14">
      <c r="N161876" s="10"/>
    </row>
    <row r="161877" spans="14:14">
      <c r="N161877" s="10"/>
    </row>
    <row r="161878" spans="14:14">
      <c r="N161878" s="10"/>
    </row>
    <row r="161879" spans="14:14">
      <c r="N161879" s="10"/>
    </row>
    <row r="161880" spans="14:14">
      <c r="N161880" s="10"/>
    </row>
    <row r="161881" spans="14:14">
      <c r="N161881" s="10"/>
    </row>
    <row r="161882" spans="14:14">
      <c r="N161882" s="10"/>
    </row>
    <row r="161883" spans="14:14">
      <c r="N161883" s="10"/>
    </row>
    <row r="161884" spans="14:14">
      <c r="N161884" s="10"/>
    </row>
    <row r="161885" spans="14:14">
      <c r="N161885" s="10"/>
    </row>
    <row r="161886" spans="14:14">
      <c r="N161886" s="10"/>
    </row>
    <row r="161887" spans="14:14">
      <c r="N161887" s="10"/>
    </row>
    <row r="161888" spans="14:14">
      <c r="N161888" s="10"/>
    </row>
    <row r="161889" spans="14:14">
      <c r="N161889" s="10"/>
    </row>
    <row r="161890" spans="14:14">
      <c r="N161890" s="10"/>
    </row>
    <row r="161891" spans="14:14">
      <c r="N161891" s="10"/>
    </row>
    <row r="161892" spans="14:14">
      <c r="N161892" s="10"/>
    </row>
    <row r="161893" spans="14:14">
      <c r="N161893" s="10"/>
    </row>
    <row r="161894" spans="14:14">
      <c r="N161894" s="10"/>
    </row>
    <row r="161895" spans="14:14">
      <c r="N161895" s="10"/>
    </row>
    <row r="161896" spans="14:14">
      <c r="N161896" s="10"/>
    </row>
    <row r="161897" spans="14:14">
      <c r="N161897" s="10"/>
    </row>
    <row r="161898" spans="14:14">
      <c r="N161898" s="10"/>
    </row>
    <row r="161899" spans="14:14">
      <c r="N161899" s="10"/>
    </row>
    <row r="161900" spans="14:14">
      <c r="N161900" s="10"/>
    </row>
    <row r="161901" spans="14:14">
      <c r="N161901" s="10"/>
    </row>
    <row r="161902" spans="14:14">
      <c r="N161902" s="10"/>
    </row>
    <row r="161903" spans="14:14">
      <c r="N161903" s="10"/>
    </row>
    <row r="161904" spans="14:14">
      <c r="N161904" s="10"/>
    </row>
    <row r="161905" spans="14:14">
      <c r="N161905" s="10"/>
    </row>
    <row r="161906" spans="14:14">
      <c r="N161906" s="10"/>
    </row>
    <row r="161907" spans="14:14">
      <c r="N161907" s="10"/>
    </row>
    <row r="161908" spans="14:14">
      <c r="N161908" s="10"/>
    </row>
    <row r="161909" spans="14:14">
      <c r="N161909" s="10"/>
    </row>
    <row r="161910" spans="14:14">
      <c r="N161910" s="10"/>
    </row>
    <row r="161911" spans="14:14">
      <c r="N161911" s="10"/>
    </row>
    <row r="161912" spans="14:14">
      <c r="N161912" s="10"/>
    </row>
    <row r="161913" spans="14:14">
      <c r="N161913" s="10"/>
    </row>
    <row r="161914" spans="14:14">
      <c r="N161914" s="10"/>
    </row>
    <row r="161915" spans="14:14">
      <c r="N161915" s="10"/>
    </row>
    <row r="161916" spans="14:14">
      <c r="N161916" s="10"/>
    </row>
    <row r="161917" spans="14:14">
      <c r="N161917" s="10"/>
    </row>
    <row r="161918" spans="14:14">
      <c r="N161918" s="10"/>
    </row>
    <row r="161919" spans="14:14">
      <c r="N161919" s="10"/>
    </row>
    <row r="161920" spans="14:14">
      <c r="N161920" s="10"/>
    </row>
    <row r="161921" spans="14:14">
      <c r="N161921" s="10"/>
    </row>
    <row r="161922" spans="14:14">
      <c r="N161922" s="10"/>
    </row>
    <row r="161923" spans="14:14">
      <c r="N161923" s="10"/>
    </row>
    <row r="161924" spans="14:14">
      <c r="N161924" s="10"/>
    </row>
    <row r="161925" spans="14:14">
      <c r="N161925" s="10"/>
    </row>
    <row r="161926" spans="14:14">
      <c r="N161926" s="10"/>
    </row>
    <row r="161927" spans="14:14">
      <c r="N161927" s="10"/>
    </row>
    <row r="161928" spans="14:14">
      <c r="N161928" s="10"/>
    </row>
    <row r="161929" spans="14:14">
      <c r="N161929" s="10"/>
    </row>
    <row r="161930" spans="14:14">
      <c r="N161930" s="10"/>
    </row>
    <row r="161931" spans="14:14">
      <c r="N161931" s="10"/>
    </row>
    <row r="161932" spans="14:14">
      <c r="N161932" s="10"/>
    </row>
    <row r="161933" spans="14:14">
      <c r="N161933" s="10"/>
    </row>
    <row r="161934" spans="14:14">
      <c r="N161934" s="10"/>
    </row>
    <row r="161935" spans="14:14">
      <c r="N161935" s="10"/>
    </row>
    <row r="161936" spans="14:14">
      <c r="N161936" s="10"/>
    </row>
    <row r="161937" spans="14:14">
      <c r="N161937" s="10"/>
    </row>
    <row r="161938" spans="14:14">
      <c r="N161938" s="10"/>
    </row>
    <row r="161939" spans="14:14">
      <c r="N161939" s="10"/>
    </row>
    <row r="161940" spans="14:14">
      <c r="N161940" s="10"/>
    </row>
    <row r="161941" spans="14:14">
      <c r="N161941" s="10"/>
    </row>
    <row r="161942" spans="14:14">
      <c r="N161942" s="10"/>
    </row>
    <row r="161943" spans="14:14">
      <c r="N161943" s="10"/>
    </row>
    <row r="161944" spans="14:14">
      <c r="N161944" s="10"/>
    </row>
    <row r="161945" spans="14:14">
      <c r="N161945" s="10"/>
    </row>
    <row r="161946" spans="14:14">
      <c r="N161946" s="10"/>
    </row>
    <row r="161947" spans="14:14">
      <c r="N161947" s="10"/>
    </row>
    <row r="161948" spans="14:14">
      <c r="N161948" s="10"/>
    </row>
    <row r="161949" spans="14:14">
      <c r="N161949" s="10"/>
    </row>
    <row r="161950" spans="14:14">
      <c r="N161950" s="10"/>
    </row>
    <row r="161951" spans="14:14">
      <c r="N161951" s="10"/>
    </row>
    <row r="161952" spans="14:14">
      <c r="N161952" s="10"/>
    </row>
    <row r="161953" spans="14:14">
      <c r="N161953" s="10"/>
    </row>
    <row r="161954" spans="14:14">
      <c r="N161954" s="10"/>
    </row>
    <row r="161955" spans="14:14">
      <c r="N161955" s="10"/>
    </row>
    <row r="161956" spans="14:14">
      <c r="N161956" s="10"/>
    </row>
    <row r="161957" spans="14:14">
      <c r="N161957" s="10"/>
    </row>
    <row r="161958" spans="14:14">
      <c r="N161958" s="10"/>
    </row>
    <row r="161959" spans="14:14">
      <c r="N161959" s="10"/>
    </row>
    <row r="161960" spans="14:14">
      <c r="N161960" s="10"/>
    </row>
    <row r="161961" spans="14:14">
      <c r="N161961" s="10"/>
    </row>
    <row r="161962" spans="14:14">
      <c r="N161962" s="10"/>
    </row>
    <row r="161963" spans="14:14">
      <c r="N161963" s="10"/>
    </row>
    <row r="161964" spans="14:14">
      <c r="N161964" s="10"/>
    </row>
    <row r="161965" spans="14:14">
      <c r="N161965" s="10"/>
    </row>
    <row r="161966" spans="14:14">
      <c r="N161966" s="10"/>
    </row>
    <row r="161967" spans="14:14">
      <c r="N161967" s="10"/>
    </row>
    <row r="161968" spans="14:14">
      <c r="N161968" s="10"/>
    </row>
    <row r="161969" spans="14:14">
      <c r="N161969" s="10"/>
    </row>
    <row r="161970" spans="14:14">
      <c r="N161970" s="10"/>
    </row>
    <row r="161971" spans="14:14">
      <c r="N161971" s="10"/>
    </row>
    <row r="161972" spans="14:14">
      <c r="N161972" s="10"/>
    </row>
    <row r="161973" spans="14:14">
      <c r="N161973" s="10"/>
    </row>
    <row r="161974" spans="14:14">
      <c r="N161974" s="10"/>
    </row>
    <row r="161975" spans="14:14">
      <c r="N161975" s="10"/>
    </row>
    <row r="161976" spans="14:14">
      <c r="N161976" s="10"/>
    </row>
    <row r="161977" spans="14:14">
      <c r="N161977" s="10"/>
    </row>
    <row r="161978" spans="14:14">
      <c r="N161978" s="10"/>
    </row>
    <row r="161979" spans="14:14">
      <c r="N161979" s="10"/>
    </row>
    <row r="161980" spans="14:14">
      <c r="N161980" s="10"/>
    </row>
    <row r="161981" spans="14:14">
      <c r="N161981" s="10"/>
    </row>
    <row r="161982" spans="14:14">
      <c r="N161982" s="10"/>
    </row>
    <row r="161983" spans="14:14">
      <c r="N161983" s="10"/>
    </row>
    <row r="161984" spans="14:14">
      <c r="N161984" s="10"/>
    </row>
    <row r="161985" spans="14:14">
      <c r="N161985" s="10"/>
    </row>
    <row r="161986" spans="14:14">
      <c r="N161986" s="10"/>
    </row>
    <row r="161987" spans="14:14">
      <c r="N161987" s="10"/>
    </row>
    <row r="161988" spans="14:14">
      <c r="N161988" s="10"/>
    </row>
    <row r="161989" spans="14:14">
      <c r="N161989" s="10"/>
    </row>
    <row r="161990" spans="14:14">
      <c r="N161990" s="10"/>
    </row>
    <row r="161991" spans="14:14">
      <c r="N161991" s="10"/>
    </row>
    <row r="161992" spans="14:14">
      <c r="N161992" s="10"/>
    </row>
    <row r="161993" spans="14:14">
      <c r="N161993" s="10"/>
    </row>
    <row r="161994" spans="14:14">
      <c r="N161994" s="10"/>
    </row>
    <row r="161995" spans="14:14">
      <c r="N161995" s="10"/>
    </row>
    <row r="161996" spans="14:14">
      <c r="N161996" s="10"/>
    </row>
    <row r="161997" spans="14:14">
      <c r="N161997" s="10"/>
    </row>
    <row r="161998" spans="14:14">
      <c r="N161998" s="10"/>
    </row>
    <row r="161999" spans="14:14">
      <c r="N161999" s="10"/>
    </row>
    <row r="162000" spans="14:14">
      <c r="N162000" s="10"/>
    </row>
    <row r="162001" spans="14:14">
      <c r="N162001" s="10"/>
    </row>
    <row r="162002" spans="14:14">
      <c r="N162002" s="10"/>
    </row>
    <row r="162003" spans="14:14">
      <c r="N162003" s="10"/>
    </row>
    <row r="162004" spans="14:14">
      <c r="N162004" s="10"/>
    </row>
    <row r="162005" spans="14:14">
      <c r="N162005" s="10"/>
    </row>
    <row r="162006" spans="14:14">
      <c r="N162006" s="10"/>
    </row>
    <row r="162007" spans="14:14">
      <c r="N162007" s="10"/>
    </row>
    <row r="162008" spans="14:14">
      <c r="N162008" s="10"/>
    </row>
    <row r="162009" spans="14:14">
      <c r="N162009" s="10"/>
    </row>
    <row r="162010" spans="14:14">
      <c r="N162010" s="10"/>
    </row>
    <row r="162011" spans="14:14">
      <c r="N162011" s="10"/>
    </row>
    <row r="162012" spans="14:14">
      <c r="N162012" s="10"/>
    </row>
    <row r="162013" spans="14:14">
      <c r="N162013" s="10"/>
    </row>
    <row r="162014" spans="14:14">
      <c r="N162014" s="10"/>
    </row>
    <row r="162015" spans="14:14">
      <c r="N162015" s="10"/>
    </row>
    <row r="162016" spans="14:14">
      <c r="N162016" s="10"/>
    </row>
    <row r="162017" spans="14:14">
      <c r="N162017" s="10"/>
    </row>
    <row r="162018" spans="14:14">
      <c r="N162018" s="10"/>
    </row>
    <row r="162019" spans="14:14">
      <c r="N162019" s="10"/>
    </row>
    <row r="162020" spans="14:14">
      <c r="N162020" s="10"/>
    </row>
    <row r="162021" spans="14:14">
      <c r="N162021" s="10"/>
    </row>
    <row r="162022" spans="14:14">
      <c r="N162022" s="10"/>
    </row>
    <row r="162023" spans="14:14">
      <c r="N162023" s="10"/>
    </row>
    <row r="162024" spans="14:14">
      <c r="N162024" s="10"/>
    </row>
    <row r="162025" spans="14:14">
      <c r="N162025" s="10"/>
    </row>
    <row r="162026" spans="14:14">
      <c r="N162026" s="10"/>
    </row>
    <row r="162027" spans="14:14">
      <c r="N162027" s="10"/>
    </row>
    <row r="162028" spans="14:14">
      <c r="N162028" s="10"/>
    </row>
    <row r="162029" spans="14:14">
      <c r="N162029" s="10"/>
    </row>
    <row r="162030" spans="14:14">
      <c r="N162030" s="10"/>
    </row>
    <row r="162031" spans="14:14">
      <c r="N162031" s="10"/>
    </row>
    <row r="162032" spans="14:14">
      <c r="N162032" s="10"/>
    </row>
    <row r="162033" spans="14:14">
      <c r="N162033" s="10"/>
    </row>
    <row r="162034" spans="14:14">
      <c r="N162034" s="10"/>
    </row>
    <row r="162035" spans="14:14">
      <c r="N162035" s="10"/>
    </row>
    <row r="162036" spans="14:14">
      <c r="N162036" s="10"/>
    </row>
    <row r="162037" spans="14:14">
      <c r="N162037" s="10"/>
    </row>
    <row r="162038" spans="14:14">
      <c r="N162038" s="10"/>
    </row>
    <row r="162039" spans="14:14">
      <c r="N162039" s="10"/>
    </row>
    <row r="162040" spans="14:14">
      <c r="N162040" s="10"/>
    </row>
    <row r="162041" spans="14:14">
      <c r="N162041" s="10"/>
    </row>
    <row r="162042" spans="14:14">
      <c r="N162042" s="10"/>
    </row>
    <row r="162043" spans="14:14">
      <c r="N162043" s="10"/>
    </row>
    <row r="162044" spans="14:14">
      <c r="N162044" s="10"/>
    </row>
    <row r="162045" spans="14:14">
      <c r="N162045" s="10"/>
    </row>
    <row r="162046" spans="14:14">
      <c r="N162046" s="10"/>
    </row>
    <row r="162047" spans="14:14">
      <c r="N162047" s="10"/>
    </row>
    <row r="162048" spans="14:14">
      <c r="N162048" s="10"/>
    </row>
    <row r="162049" spans="14:14">
      <c r="N162049" s="10"/>
    </row>
    <row r="162050" spans="14:14">
      <c r="N162050" s="10"/>
    </row>
    <row r="162051" spans="14:14">
      <c r="N162051" s="10"/>
    </row>
    <row r="162052" spans="14:14">
      <c r="N162052" s="10"/>
    </row>
    <row r="162053" spans="14:14">
      <c r="N162053" s="10"/>
    </row>
    <row r="162054" spans="14:14">
      <c r="N162054" s="10"/>
    </row>
    <row r="162055" spans="14:14">
      <c r="N162055" s="10"/>
    </row>
    <row r="162056" spans="14:14">
      <c r="N162056" s="10"/>
    </row>
    <row r="162057" spans="14:14">
      <c r="N162057" s="10"/>
    </row>
    <row r="162058" spans="14:14">
      <c r="N162058" s="10"/>
    </row>
    <row r="162059" spans="14:14">
      <c r="N162059" s="10"/>
    </row>
    <row r="162060" spans="14:14">
      <c r="N162060" s="10"/>
    </row>
    <row r="162061" spans="14:14">
      <c r="N162061" s="10"/>
    </row>
    <row r="162062" spans="14:14">
      <c r="N162062" s="10"/>
    </row>
    <row r="162063" spans="14:14">
      <c r="N162063" s="10"/>
    </row>
    <row r="162064" spans="14:14">
      <c r="N162064" s="10"/>
    </row>
    <row r="162065" spans="14:14">
      <c r="N162065" s="10"/>
    </row>
    <row r="162066" spans="14:14">
      <c r="N162066" s="10"/>
    </row>
    <row r="162067" spans="14:14">
      <c r="N162067" s="10"/>
    </row>
    <row r="162068" spans="14:14">
      <c r="N162068" s="10"/>
    </row>
    <row r="162069" spans="14:14">
      <c r="N162069" s="10"/>
    </row>
    <row r="162070" spans="14:14">
      <c r="N162070" s="10"/>
    </row>
    <row r="162071" spans="14:14">
      <c r="N162071" s="10"/>
    </row>
    <row r="162072" spans="14:14">
      <c r="N162072" s="10"/>
    </row>
    <row r="162073" spans="14:14">
      <c r="N162073" s="10"/>
    </row>
    <row r="162074" spans="14:14">
      <c r="N162074" s="10"/>
    </row>
    <row r="162075" spans="14:14">
      <c r="N162075" s="10"/>
    </row>
    <row r="162076" spans="14:14">
      <c r="N162076" s="10"/>
    </row>
    <row r="162077" spans="14:14">
      <c r="N162077" s="10"/>
    </row>
    <row r="162078" spans="14:14">
      <c r="N162078" s="10"/>
    </row>
    <row r="162079" spans="14:14">
      <c r="N162079" s="10"/>
    </row>
    <row r="162080" spans="14:14">
      <c r="N162080" s="10"/>
    </row>
    <row r="162081" spans="14:14">
      <c r="N162081" s="10"/>
    </row>
    <row r="162082" spans="14:14">
      <c r="N162082" s="10"/>
    </row>
    <row r="162083" spans="14:14">
      <c r="N162083" s="10"/>
    </row>
    <row r="162084" spans="14:14">
      <c r="N162084" s="10"/>
    </row>
    <row r="162085" spans="14:14">
      <c r="N162085" s="10"/>
    </row>
    <row r="162086" spans="14:14">
      <c r="N162086" s="10"/>
    </row>
    <row r="162087" spans="14:14">
      <c r="N162087" s="10"/>
    </row>
    <row r="162088" spans="14:14">
      <c r="N162088" s="10"/>
    </row>
    <row r="162089" spans="14:14">
      <c r="N162089" s="10"/>
    </row>
    <row r="162090" spans="14:14">
      <c r="N162090" s="10"/>
    </row>
    <row r="162091" spans="14:14">
      <c r="N162091" s="10"/>
    </row>
    <row r="162092" spans="14:14">
      <c r="N162092" s="10"/>
    </row>
    <row r="162093" spans="14:14">
      <c r="N162093" s="10"/>
    </row>
    <row r="162094" spans="14:14">
      <c r="N162094" s="10"/>
    </row>
    <row r="162095" spans="14:14">
      <c r="N162095" s="10"/>
    </row>
    <row r="162096" spans="14:14">
      <c r="N162096" s="10"/>
    </row>
    <row r="162097" spans="14:14">
      <c r="N162097" s="10"/>
    </row>
    <row r="162098" spans="14:14">
      <c r="N162098" s="10"/>
    </row>
    <row r="162099" spans="14:14">
      <c r="N162099" s="10"/>
    </row>
    <row r="162100" spans="14:14">
      <c r="N162100" s="10"/>
    </row>
    <row r="162101" spans="14:14">
      <c r="N162101" s="10"/>
    </row>
    <row r="162102" spans="14:14">
      <c r="N162102" s="10"/>
    </row>
    <row r="162103" spans="14:14">
      <c r="N162103" s="10"/>
    </row>
    <row r="162104" spans="14:14">
      <c r="N162104" s="10"/>
    </row>
    <row r="162105" spans="14:14">
      <c r="N162105" s="10"/>
    </row>
    <row r="162106" spans="14:14">
      <c r="N162106" s="10"/>
    </row>
    <row r="162107" spans="14:14">
      <c r="N162107" s="10"/>
    </row>
    <row r="162108" spans="14:14">
      <c r="N162108" s="10"/>
    </row>
    <row r="162109" spans="14:14">
      <c r="N162109" s="10"/>
    </row>
    <row r="162110" spans="14:14">
      <c r="N162110" s="10"/>
    </row>
    <row r="162111" spans="14:14">
      <c r="N162111" s="10"/>
    </row>
    <row r="162112" spans="14:14">
      <c r="N162112" s="10"/>
    </row>
    <row r="162113" spans="14:14">
      <c r="N162113" s="10"/>
    </row>
    <row r="162114" spans="14:14">
      <c r="N162114" s="10"/>
    </row>
    <row r="162115" spans="14:14">
      <c r="N162115" s="10"/>
    </row>
    <row r="162116" spans="14:14">
      <c r="N162116" s="10"/>
    </row>
    <row r="162117" spans="14:14">
      <c r="N162117" s="10"/>
    </row>
    <row r="162118" spans="14:14">
      <c r="N162118" s="10"/>
    </row>
    <row r="162119" spans="14:14">
      <c r="N162119" s="10"/>
    </row>
    <row r="162120" spans="14:14">
      <c r="N162120" s="10"/>
    </row>
    <row r="162121" spans="14:14">
      <c r="N162121" s="10"/>
    </row>
    <row r="162122" spans="14:14">
      <c r="N162122" s="10"/>
    </row>
    <row r="162123" spans="14:14">
      <c r="N162123" s="10"/>
    </row>
    <row r="162124" spans="14:14">
      <c r="N162124" s="10"/>
    </row>
    <row r="162125" spans="14:14">
      <c r="N162125" s="10"/>
    </row>
    <row r="162126" spans="14:14">
      <c r="N162126" s="10"/>
    </row>
    <row r="162127" spans="14:14">
      <c r="N162127" s="10"/>
    </row>
    <row r="162128" spans="14:14">
      <c r="N162128" s="10"/>
    </row>
    <row r="162129" spans="14:14">
      <c r="N162129" s="10"/>
    </row>
    <row r="162130" spans="14:14">
      <c r="N162130" s="10"/>
    </row>
    <row r="162131" spans="14:14">
      <c r="N162131" s="10"/>
    </row>
    <row r="162132" spans="14:14">
      <c r="N162132" s="10"/>
    </row>
    <row r="162133" spans="14:14">
      <c r="N162133" s="10"/>
    </row>
    <row r="162134" spans="14:14">
      <c r="N162134" s="10"/>
    </row>
    <row r="162135" spans="14:14">
      <c r="N162135" s="10"/>
    </row>
    <row r="162136" spans="14:14">
      <c r="N162136" s="10"/>
    </row>
    <row r="162137" spans="14:14">
      <c r="N162137" s="10"/>
    </row>
    <row r="162138" spans="14:14">
      <c r="N162138" s="10"/>
    </row>
    <row r="162139" spans="14:14">
      <c r="N162139" s="10"/>
    </row>
    <row r="162140" spans="14:14">
      <c r="N162140" s="10"/>
    </row>
    <row r="162141" spans="14:14">
      <c r="N162141" s="10"/>
    </row>
    <row r="162142" spans="14:14">
      <c r="N162142" s="10"/>
    </row>
    <row r="162143" spans="14:14">
      <c r="N162143" s="10"/>
    </row>
    <row r="162144" spans="14:14">
      <c r="N162144" s="10"/>
    </row>
    <row r="162145" spans="14:14">
      <c r="N162145" s="10"/>
    </row>
    <row r="162146" spans="14:14">
      <c r="N162146" s="10"/>
    </row>
    <row r="162147" spans="14:14">
      <c r="N162147" s="10"/>
    </row>
    <row r="162148" spans="14:14">
      <c r="N162148" s="10"/>
    </row>
    <row r="162149" spans="14:14">
      <c r="N162149" s="10"/>
    </row>
    <row r="162150" spans="14:14">
      <c r="N162150" s="10"/>
    </row>
    <row r="162151" spans="14:14">
      <c r="N162151" s="10"/>
    </row>
    <row r="162152" spans="14:14">
      <c r="N162152" s="10"/>
    </row>
    <row r="162153" spans="14:14">
      <c r="N162153" s="10"/>
    </row>
    <row r="162154" spans="14:14">
      <c r="N162154" s="10"/>
    </row>
    <row r="162155" spans="14:14">
      <c r="N162155" s="10"/>
    </row>
    <row r="162156" spans="14:14">
      <c r="N162156" s="10"/>
    </row>
    <row r="162157" spans="14:14">
      <c r="N162157" s="10"/>
    </row>
    <row r="162158" spans="14:14">
      <c r="N162158" s="10"/>
    </row>
    <row r="162159" spans="14:14">
      <c r="N162159" s="10"/>
    </row>
    <row r="162160" spans="14:14">
      <c r="N162160" s="10"/>
    </row>
    <row r="162161" spans="14:14">
      <c r="N162161" s="10"/>
    </row>
    <row r="162162" spans="14:14">
      <c r="N162162" s="10"/>
    </row>
    <row r="162163" spans="14:14">
      <c r="N162163" s="10"/>
    </row>
    <row r="162164" spans="14:14">
      <c r="N162164" s="10"/>
    </row>
    <row r="162165" spans="14:14">
      <c r="N162165" s="10"/>
    </row>
    <row r="162166" spans="14:14">
      <c r="N162166" s="10"/>
    </row>
    <row r="162167" spans="14:14">
      <c r="N162167" s="10"/>
    </row>
    <row r="162168" spans="14:14">
      <c r="N162168" s="10"/>
    </row>
    <row r="162169" spans="14:14">
      <c r="N162169" s="10"/>
    </row>
    <row r="162170" spans="14:14">
      <c r="N162170" s="10"/>
    </row>
    <row r="162171" spans="14:14">
      <c r="N162171" s="10"/>
    </row>
    <row r="162172" spans="14:14">
      <c r="N162172" s="10"/>
    </row>
    <row r="162173" spans="14:14">
      <c r="N162173" s="10"/>
    </row>
    <row r="162174" spans="14:14">
      <c r="N162174" s="10"/>
    </row>
    <row r="162175" spans="14:14">
      <c r="N162175" s="10"/>
    </row>
    <row r="162176" spans="14:14">
      <c r="N162176" s="10"/>
    </row>
    <row r="162177" spans="14:14">
      <c r="N162177" s="10"/>
    </row>
    <row r="162178" spans="14:14">
      <c r="N162178" s="10"/>
    </row>
    <row r="162179" spans="14:14">
      <c r="N162179" s="10"/>
    </row>
    <row r="162180" spans="14:14">
      <c r="N162180" s="10"/>
    </row>
    <row r="162181" spans="14:14">
      <c r="N162181" s="10"/>
    </row>
    <row r="162182" spans="14:14">
      <c r="N162182" s="10"/>
    </row>
    <row r="162183" spans="14:14">
      <c r="N162183" s="10"/>
    </row>
    <row r="162184" spans="14:14">
      <c r="N162184" s="10"/>
    </row>
    <row r="162185" spans="14:14">
      <c r="N162185" s="10"/>
    </row>
    <row r="162186" spans="14:14">
      <c r="N162186" s="10"/>
    </row>
    <row r="162187" spans="14:14">
      <c r="N162187" s="10"/>
    </row>
    <row r="162188" spans="14:14">
      <c r="N162188" s="10"/>
    </row>
    <row r="162189" spans="14:14">
      <c r="N162189" s="10"/>
    </row>
    <row r="162190" spans="14:14">
      <c r="N162190" s="10"/>
    </row>
    <row r="162191" spans="14:14">
      <c r="N162191" s="10"/>
    </row>
    <row r="162192" spans="14:14">
      <c r="N162192" s="10"/>
    </row>
    <row r="162193" spans="14:14">
      <c r="N162193" s="10"/>
    </row>
    <row r="162194" spans="14:14">
      <c r="N162194" s="10"/>
    </row>
    <row r="162195" spans="14:14">
      <c r="N162195" s="10"/>
    </row>
    <row r="162196" spans="14:14">
      <c r="N162196" s="10"/>
    </row>
    <row r="162197" spans="14:14">
      <c r="N162197" s="10"/>
    </row>
    <row r="162198" spans="14:14">
      <c r="N162198" s="10"/>
    </row>
    <row r="162199" spans="14:14">
      <c r="N162199" s="10"/>
    </row>
    <row r="162200" spans="14:14">
      <c r="N162200" s="10"/>
    </row>
    <row r="162201" spans="14:14">
      <c r="N162201" s="10"/>
    </row>
    <row r="162202" spans="14:14">
      <c r="N162202" s="10"/>
    </row>
    <row r="162203" spans="14:14">
      <c r="N162203" s="10"/>
    </row>
    <row r="162204" spans="14:14">
      <c r="N162204" s="10"/>
    </row>
    <row r="162205" spans="14:14">
      <c r="N162205" s="10"/>
    </row>
    <row r="162206" spans="14:14">
      <c r="N162206" s="10"/>
    </row>
    <row r="162207" spans="14:14">
      <c r="N162207" s="10"/>
    </row>
    <row r="162208" spans="14:14">
      <c r="N162208" s="10"/>
    </row>
    <row r="162209" spans="14:14">
      <c r="N162209" s="10"/>
    </row>
    <row r="162210" spans="14:14">
      <c r="N162210" s="10"/>
    </row>
    <row r="162211" spans="14:14">
      <c r="N162211" s="10"/>
    </row>
    <row r="162212" spans="14:14">
      <c r="N162212" s="10"/>
    </row>
    <row r="162213" spans="14:14">
      <c r="N162213" s="10"/>
    </row>
    <row r="162214" spans="14:14">
      <c r="N162214" s="10"/>
    </row>
    <row r="162215" spans="14:14">
      <c r="N162215" s="10"/>
    </row>
    <row r="162216" spans="14:14">
      <c r="N162216" s="10"/>
    </row>
    <row r="162217" spans="14:14">
      <c r="N162217" s="10"/>
    </row>
    <row r="162218" spans="14:14">
      <c r="N162218" s="10"/>
    </row>
    <row r="162219" spans="14:14">
      <c r="N162219" s="10"/>
    </row>
    <row r="162220" spans="14:14">
      <c r="N162220" s="10"/>
    </row>
    <row r="162221" spans="14:14">
      <c r="N162221" s="10"/>
    </row>
    <row r="162222" spans="14:14">
      <c r="N162222" s="10"/>
    </row>
    <row r="162223" spans="14:14">
      <c r="N162223" s="10"/>
    </row>
    <row r="162224" spans="14:14">
      <c r="N162224" s="10"/>
    </row>
    <row r="162225" spans="14:14">
      <c r="N162225" s="10"/>
    </row>
    <row r="162226" spans="14:14">
      <c r="N162226" s="10"/>
    </row>
    <row r="162227" spans="14:14">
      <c r="N162227" s="10"/>
    </row>
    <row r="162228" spans="14:14">
      <c r="N162228" s="10"/>
    </row>
    <row r="162229" spans="14:14">
      <c r="N162229" s="10"/>
    </row>
    <row r="162230" spans="14:14">
      <c r="N162230" s="10"/>
    </row>
    <row r="162231" spans="14:14">
      <c r="N162231" s="10"/>
    </row>
    <row r="162232" spans="14:14">
      <c r="N162232" s="10"/>
    </row>
    <row r="162233" spans="14:14">
      <c r="N162233" s="10"/>
    </row>
    <row r="162234" spans="14:14">
      <c r="N162234" s="10"/>
    </row>
    <row r="162235" spans="14:14">
      <c r="N162235" s="10"/>
    </row>
    <row r="162236" spans="14:14">
      <c r="N162236" s="10"/>
    </row>
    <row r="162237" spans="14:14">
      <c r="N162237" s="10"/>
    </row>
    <row r="162238" spans="14:14">
      <c r="N162238" s="10"/>
    </row>
    <row r="162239" spans="14:14">
      <c r="N162239" s="10"/>
    </row>
    <row r="162240" spans="14:14">
      <c r="N162240" s="10"/>
    </row>
    <row r="162241" spans="14:14">
      <c r="N162241" s="10"/>
    </row>
    <row r="162242" spans="14:14">
      <c r="N162242" s="10"/>
    </row>
    <row r="162243" spans="14:14">
      <c r="N162243" s="10"/>
    </row>
    <row r="162244" spans="14:14">
      <c r="N162244" s="10"/>
    </row>
    <row r="162245" spans="14:14">
      <c r="N162245" s="10"/>
    </row>
    <row r="162246" spans="14:14">
      <c r="N162246" s="10"/>
    </row>
    <row r="162247" spans="14:14">
      <c r="N162247" s="10"/>
    </row>
    <row r="162248" spans="14:14">
      <c r="N162248" s="10"/>
    </row>
    <row r="162249" spans="14:14">
      <c r="N162249" s="10"/>
    </row>
    <row r="162250" spans="14:14">
      <c r="N162250" s="10"/>
    </row>
    <row r="162251" spans="14:14">
      <c r="N162251" s="10"/>
    </row>
    <row r="162252" spans="14:14">
      <c r="N162252" s="10"/>
    </row>
    <row r="162253" spans="14:14">
      <c r="N162253" s="10"/>
    </row>
    <row r="162254" spans="14:14">
      <c r="N162254" s="10"/>
    </row>
    <row r="162255" spans="14:14">
      <c r="N162255" s="10"/>
    </row>
    <row r="162256" spans="14:14">
      <c r="N162256" s="10"/>
    </row>
    <row r="162257" spans="14:14">
      <c r="N162257" s="10"/>
    </row>
    <row r="162258" spans="14:14">
      <c r="N162258" s="10"/>
    </row>
    <row r="162259" spans="14:14">
      <c r="N162259" s="10"/>
    </row>
    <row r="162260" spans="14:14">
      <c r="N162260" s="10"/>
    </row>
    <row r="162261" spans="14:14">
      <c r="N162261" s="10"/>
    </row>
    <row r="162262" spans="14:14">
      <c r="N162262" s="10"/>
    </row>
    <row r="162263" spans="14:14">
      <c r="N162263" s="10"/>
    </row>
    <row r="162264" spans="14:14">
      <c r="N162264" s="10"/>
    </row>
    <row r="162265" spans="14:14">
      <c r="N162265" s="10"/>
    </row>
    <row r="162266" spans="14:14">
      <c r="N162266" s="10"/>
    </row>
    <row r="162267" spans="14:14">
      <c r="N162267" s="10"/>
    </row>
    <row r="162268" spans="14:14">
      <c r="N162268" s="10"/>
    </row>
    <row r="162269" spans="14:14">
      <c r="N162269" s="10"/>
    </row>
    <row r="162270" spans="14:14">
      <c r="N162270" s="10"/>
    </row>
    <row r="162271" spans="14:14">
      <c r="N162271" s="10"/>
    </row>
    <row r="162272" spans="14:14">
      <c r="N162272" s="10"/>
    </row>
    <row r="162273" spans="14:14">
      <c r="N162273" s="10"/>
    </row>
    <row r="162274" spans="14:14">
      <c r="N162274" s="10"/>
    </row>
    <row r="162275" spans="14:14">
      <c r="N162275" s="10"/>
    </row>
    <row r="162276" spans="14:14">
      <c r="N162276" s="10"/>
    </row>
    <row r="162277" spans="14:14">
      <c r="N162277" s="10"/>
    </row>
    <row r="162278" spans="14:14">
      <c r="N162278" s="10"/>
    </row>
    <row r="162279" spans="14:14">
      <c r="N162279" s="10"/>
    </row>
    <row r="162280" spans="14:14">
      <c r="N162280" s="10"/>
    </row>
    <row r="162281" spans="14:14">
      <c r="N162281" s="10"/>
    </row>
    <row r="162282" spans="14:14">
      <c r="N162282" s="10"/>
    </row>
    <row r="162283" spans="14:14">
      <c r="N162283" s="10"/>
    </row>
    <row r="162284" spans="14:14">
      <c r="N162284" s="10"/>
    </row>
    <row r="162285" spans="14:14">
      <c r="N162285" s="10"/>
    </row>
    <row r="162286" spans="14:14">
      <c r="N162286" s="10"/>
    </row>
    <row r="162287" spans="14:14">
      <c r="N162287" s="10"/>
    </row>
    <row r="162288" spans="14:14">
      <c r="N162288" s="10"/>
    </row>
    <row r="162289" spans="14:14">
      <c r="N162289" s="10"/>
    </row>
    <row r="162290" spans="14:14">
      <c r="N162290" s="10"/>
    </row>
    <row r="162291" spans="14:14">
      <c r="N162291" s="10"/>
    </row>
    <row r="162292" spans="14:14">
      <c r="N162292" s="10"/>
    </row>
    <row r="162293" spans="14:14">
      <c r="N162293" s="10"/>
    </row>
    <row r="162294" spans="14:14">
      <c r="N162294" s="10"/>
    </row>
    <row r="162295" spans="14:14">
      <c r="N162295" s="10"/>
    </row>
    <row r="162296" spans="14:14">
      <c r="N162296" s="10"/>
    </row>
    <row r="162297" spans="14:14">
      <c r="N162297" s="10"/>
    </row>
    <row r="162298" spans="14:14">
      <c r="N162298" s="10"/>
    </row>
    <row r="162299" spans="14:14">
      <c r="N162299" s="10"/>
    </row>
    <row r="162300" spans="14:14">
      <c r="N162300" s="10"/>
    </row>
    <row r="162301" spans="14:14">
      <c r="N162301" s="10"/>
    </row>
    <row r="162302" spans="14:14">
      <c r="N162302" s="10"/>
    </row>
    <row r="162303" spans="14:14">
      <c r="N162303" s="10"/>
    </row>
    <row r="162304" spans="14:14">
      <c r="N162304" s="10"/>
    </row>
    <row r="162305" spans="14:14">
      <c r="N162305" s="10"/>
    </row>
    <row r="162306" spans="14:14">
      <c r="N162306" s="10"/>
    </row>
    <row r="162307" spans="14:14">
      <c r="N162307" s="10"/>
    </row>
    <row r="162308" spans="14:14">
      <c r="N162308" s="10"/>
    </row>
    <row r="162309" spans="14:14">
      <c r="N162309" s="10"/>
    </row>
    <row r="162310" spans="14:14">
      <c r="N162310" s="10"/>
    </row>
    <row r="162311" spans="14:14">
      <c r="N162311" s="10"/>
    </row>
    <row r="162312" spans="14:14">
      <c r="N162312" s="10"/>
    </row>
    <row r="162313" spans="14:14">
      <c r="N162313" s="10"/>
    </row>
    <row r="162314" spans="14:14">
      <c r="N162314" s="10"/>
    </row>
    <row r="162315" spans="14:14">
      <c r="N162315" s="10"/>
    </row>
    <row r="162316" spans="14:14">
      <c r="N162316" s="10"/>
    </row>
    <row r="162317" spans="14:14">
      <c r="N162317" s="10"/>
    </row>
    <row r="162318" spans="14:14">
      <c r="N162318" s="10"/>
    </row>
    <row r="162319" spans="14:14">
      <c r="N162319" s="10"/>
    </row>
    <row r="162320" spans="14:14">
      <c r="N162320" s="10"/>
    </row>
    <row r="162321" spans="14:14">
      <c r="N162321" s="10"/>
    </row>
    <row r="162322" spans="14:14">
      <c r="N162322" s="10"/>
    </row>
    <row r="162323" spans="14:14">
      <c r="N162323" s="10"/>
    </row>
    <row r="162324" spans="14:14">
      <c r="N162324" s="10"/>
    </row>
    <row r="162325" spans="14:14">
      <c r="N162325" s="10"/>
    </row>
    <row r="162326" spans="14:14">
      <c r="N162326" s="10"/>
    </row>
    <row r="162327" spans="14:14">
      <c r="N162327" s="10"/>
    </row>
    <row r="162328" spans="14:14">
      <c r="N162328" s="10"/>
    </row>
    <row r="162329" spans="14:14">
      <c r="N162329" s="10"/>
    </row>
    <row r="162330" spans="14:14">
      <c r="N162330" s="10"/>
    </row>
    <row r="162331" spans="14:14">
      <c r="N162331" s="10"/>
    </row>
    <row r="162332" spans="14:14">
      <c r="N162332" s="10"/>
    </row>
    <row r="162333" spans="14:14">
      <c r="N162333" s="10"/>
    </row>
    <row r="162334" spans="14:14">
      <c r="N162334" s="10"/>
    </row>
    <row r="162335" spans="14:14">
      <c r="N162335" s="10"/>
    </row>
    <row r="162336" spans="14:14">
      <c r="N162336" s="10"/>
    </row>
    <row r="162337" spans="14:14">
      <c r="N162337" s="10"/>
    </row>
    <row r="162338" spans="14:14">
      <c r="N162338" s="10"/>
    </row>
    <row r="162339" spans="14:14">
      <c r="N162339" s="10"/>
    </row>
    <row r="162340" spans="14:14">
      <c r="N162340" s="10"/>
    </row>
    <row r="162341" spans="14:14">
      <c r="N162341" s="10"/>
    </row>
    <row r="162342" spans="14:14">
      <c r="N162342" s="10"/>
    </row>
    <row r="162343" spans="14:14">
      <c r="N162343" s="10"/>
    </row>
    <row r="162344" spans="14:14">
      <c r="N162344" s="10"/>
    </row>
    <row r="162345" spans="14:14">
      <c r="N162345" s="10"/>
    </row>
    <row r="162346" spans="14:14">
      <c r="N162346" s="10"/>
    </row>
    <row r="162347" spans="14:14">
      <c r="N162347" s="10"/>
    </row>
    <row r="162348" spans="14:14">
      <c r="N162348" s="10"/>
    </row>
    <row r="162349" spans="14:14">
      <c r="N162349" s="10"/>
    </row>
    <row r="162350" spans="14:14">
      <c r="N162350" s="10"/>
    </row>
    <row r="162351" spans="14:14">
      <c r="N162351" s="10"/>
    </row>
    <row r="162352" spans="14:14">
      <c r="N162352" s="10"/>
    </row>
    <row r="162353" spans="14:14">
      <c r="N162353" s="10"/>
    </row>
    <row r="162354" spans="14:14">
      <c r="N162354" s="10"/>
    </row>
    <row r="162355" spans="14:14">
      <c r="N162355" s="10"/>
    </row>
    <row r="162356" spans="14:14">
      <c r="N162356" s="10"/>
    </row>
    <row r="162357" spans="14:14">
      <c r="N162357" s="10"/>
    </row>
    <row r="162358" spans="14:14">
      <c r="N162358" s="10"/>
    </row>
    <row r="162359" spans="14:14">
      <c r="N162359" s="10"/>
    </row>
    <row r="162360" spans="14:14">
      <c r="N162360" s="10"/>
    </row>
    <row r="162361" spans="14:14">
      <c r="N162361" s="10"/>
    </row>
    <row r="162362" spans="14:14">
      <c r="N162362" s="10"/>
    </row>
    <row r="162363" spans="14:14">
      <c r="N162363" s="10"/>
    </row>
    <row r="162364" spans="14:14">
      <c r="N162364" s="10"/>
    </row>
    <row r="162365" spans="14:14">
      <c r="N162365" s="10"/>
    </row>
    <row r="162366" spans="14:14">
      <c r="N162366" s="10"/>
    </row>
    <row r="162367" spans="14:14">
      <c r="N162367" s="10"/>
    </row>
    <row r="162368" spans="14:14">
      <c r="N162368" s="10"/>
    </row>
    <row r="162369" spans="14:14">
      <c r="N162369" s="10"/>
    </row>
    <row r="162370" spans="14:14">
      <c r="N162370" s="10"/>
    </row>
    <row r="162371" spans="14:14">
      <c r="N162371" s="10"/>
    </row>
    <row r="162372" spans="14:14">
      <c r="N162372" s="10"/>
    </row>
    <row r="162373" spans="14:14">
      <c r="N162373" s="10"/>
    </row>
    <row r="162374" spans="14:14">
      <c r="N162374" s="10"/>
    </row>
    <row r="162375" spans="14:14">
      <c r="N162375" s="10"/>
    </row>
    <row r="162376" spans="14:14">
      <c r="N162376" s="10"/>
    </row>
    <row r="162377" spans="14:14">
      <c r="N162377" s="10"/>
    </row>
    <row r="162378" spans="14:14">
      <c r="N162378" s="10"/>
    </row>
    <row r="162379" spans="14:14">
      <c r="N162379" s="10"/>
    </row>
    <row r="162380" spans="14:14">
      <c r="N162380" s="10"/>
    </row>
    <row r="162381" spans="14:14">
      <c r="N162381" s="10"/>
    </row>
    <row r="162382" spans="14:14">
      <c r="N162382" s="10"/>
    </row>
    <row r="162383" spans="14:14">
      <c r="N162383" s="10"/>
    </row>
    <row r="162384" spans="14:14">
      <c r="N162384" s="10"/>
    </row>
    <row r="162385" spans="14:14">
      <c r="N162385" s="10"/>
    </row>
    <row r="162386" spans="14:14">
      <c r="N162386" s="10"/>
    </row>
    <row r="162387" spans="14:14">
      <c r="N162387" s="10"/>
    </row>
    <row r="162388" spans="14:14">
      <c r="N162388" s="10"/>
    </row>
    <row r="162389" spans="14:14">
      <c r="N162389" s="10"/>
    </row>
    <row r="162390" spans="14:14">
      <c r="N162390" s="10"/>
    </row>
    <row r="162391" spans="14:14">
      <c r="N162391" s="10"/>
    </row>
    <row r="162392" spans="14:14">
      <c r="N162392" s="10"/>
    </row>
    <row r="162393" spans="14:14">
      <c r="N162393" s="10"/>
    </row>
    <row r="162394" spans="14:14">
      <c r="N162394" s="10"/>
    </row>
    <row r="162395" spans="14:14">
      <c r="N162395" s="10"/>
    </row>
    <row r="162396" spans="14:14">
      <c r="N162396" s="10"/>
    </row>
    <row r="162397" spans="14:14">
      <c r="N162397" s="10"/>
    </row>
    <row r="162398" spans="14:14">
      <c r="N162398" s="10"/>
    </row>
    <row r="162399" spans="14:14">
      <c r="N162399" s="10"/>
    </row>
    <row r="162400" spans="14:14">
      <c r="N162400" s="10"/>
    </row>
    <row r="162401" spans="14:14">
      <c r="N162401" s="10"/>
    </row>
    <row r="162402" spans="14:14">
      <c r="N162402" s="10"/>
    </row>
    <row r="162403" spans="14:14">
      <c r="N162403" s="10"/>
    </row>
    <row r="162404" spans="14:14">
      <c r="N162404" s="10"/>
    </row>
    <row r="162405" spans="14:14">
      <c r="N162405" s="10"/>
    </row>
    <row r="162406" spans="14:14">
      <c r="N162406" s="10"/>
    </row>
    <row r="162407" spans="14:14">
      <c r="N162407" s="10"/>
    </row>
    <row r="162408" spans="14:14">
      <c r="N162408" s="10"/>
    </row>
    <row r="162409" spans="14:14">
      <c r="N162409" s="10"/>
    </row>
    <row r="162410" spans="14:14">
      <c r="N162410" s="10"/>
    </row>
    <row r="162411" spans="14:14">
      <c r="N162411" s="10"/>
    </row>
    <row r="162412" spans="14:14">
      <c r="N162412" s="10"/>
    </row>
    <row r="162413" spans="14:14">
      <c r="N162413" s="10"/>
    </row>
    <row r="162414" spans="14:14">
      <c r="N162414" s="10"/>
    </row>
    <row r="162415" spans="14:14">
      <c r="N162415" s="10"/>
    </row>
    <row r="162416" spans="14:14">
      <c r="N162416" s="10"/>
    </row>
    <row r="162417" spans="14:14">
      <c r="N162417" s="10"/>
    </row>
    <row r="162418" spans="14:14">
      <c r="N162418" s="10"/>
    </row>
    <row r="162419" spans="14:14">
      <c r="N162419" s="10"/>
    </row>
    <row r="162420" spans="14:14">
      <c r="N162420" s="10"/>
    </row>
    <row r="162421" spans="14:14">
      <c r="N162421" s="10"/>
    </row>
    <row r="162422" spans="14:14">
      <c r="N162422" s="10"/>
    </row>
    <row r="162423" spans="14:14">
      <c r="N162423" s="10"/>
    </row>
    <row r="162424" spans="14:14">
      <c r="N162424" s="10"/>
    </row>
    <row r="162425" spans="14:14">
      <c r="N162425" s="10"/>
    </row>
    <row r="162426" spans="14:14">
      <c r="N162426" s="10"/>
    </row>
    <row r="162427" spans="14:14">
      <c r="N162427" s="10"/>
    </row>
    <row r="162428" spans="14:14">
      <c r="N162428" s="10"/>
    </row>
    <row r="162429" spans="14:14">
      <c r="N162429" s="10"/>
    </row>
    <row r="162430" spans="14:14">
      <c r="N162430" s="10"/>
    </row>
    <row r="162431" spans="14:14">
      <c r="N162431" s="10"/>
    </row>
    <row r="162432" spans="14:14">
      <c r="N162432" s="10"/>
    </row>
    <row r="162433" spans="14:14">
      <c r="N162433" s="10"/>
    </row>
    <row r="162434" spans="14:14">
      <c r="N162434" s="10"/>
    </row>
    <row r="162435" spans="14:14">
      <c r="N162435" s="10"/>
    </row>
    <row r="162436" spans="14:14">
      <c r="N162436" s="10"/>
    </row>
    <row r="162437" spans="14:14">
      <c r="N162437" s="10"/>
    </row>
    <row r="162438" spans="14:14">
      <c r="N162438" s="10"/>
    </row>
    <row r="162439" spans="14:14">
      <c r="N162439" s="10"/>
    </row>
    <row r="162440" spans="14:14">
      <c r="N162440" s="10"/>
    </row>
    <row r="162441" spans="14:14">
      <c r="N162441" s="10"/>
    </row>
    <row r="162442" spans="14:14">
      <c r="N162442" s="10"/>
    </row>
    <row r="162443" spans="14:14">
      <c r="N162443" s="10"/>
    </row>
    <row r="162444" spans="14:14">
      <c r="N162444" s="10"/>
    </row>
    <row r="162445" spans="14:14">
      <c r="N162445" s="10"/>
    </row>
    <row r="162446" spans="14:14">
      <c r="N162446" s="10"/>
    </row>
    <row r="162447" spans="14:14">
      <c r="N162447" s="10"/>
    </row>
    <row r="162448" spans="14:14">
      <c r="N162448" s="10"/>
    </row>
    <row r="162449" spans="14:14">
      <c r="N162449" s="10"/>
    </row>
    <row r="162450" spans="14:14">
      <c r="N162450" s="10"/>
    </row>
    <row r="162451" spans="14:14">
      <c r="N162451" s="10"/>
    </row>
    <row r="162452" spans="14:14">
      <c r="N162452" s="10"/>
    </row>
    <row r="162453" spans="14:14">
      <c r="N162453" s="10"/>
    </row>
    <row r="162454" spans="14:14">
      <c r="N162454" s="10"/>
    </row>
    <row r="162455" spans="14:14">
      <c r="N162455" s="10"/>
    </row>
    <row r="162456" spans="14:14">
      <c r="N162456" s="10"/>
    </row>
    <row r="162457" spans="14:14">
      <c r="N162457" s="10"/>
    </row>
    <row r="162458" spans="14:14">
      <c r="N162458" s="10"/>
    </row>
    <row r="162459" spans="14:14">
      <c r="N162459" s="10"/>
    </row>
    <row r="162460" spans="14:14">
      <c r="N162460" s="10"/>
    </row>
    <row r="162461" spans="14:14">
      <c r="N162461" s="10"/>
    </row>
    <row r="162462" spans="14:14">
      <c r="N162462" s="10"/>
    </row>
    <row r="162463" spans="14:14">
      <c r="N162463" s="10"/>
    </row>
    <row r="162464" spans="14:14">
      <c r="N162464" s="10"/>
    </row>
    <row r="162465" spans="14:14">
      <c r="N162465" s="10"/>
    </row>
    <row r="162466" spans="14:14">
      <c r="N162466" s="10"/>
    </row>
    <row r="162467" spans="14:14">
      <c r="N162467" s="10"/>
    </row>
    <row r="162468" spans="14:14">
      <c r="N162468" s="10"/>
    </row>
    <row r="162469" spans="14:14">
      <c r="N162469" s="10"/>
    </row>
    <row r="162470" spans="14:14">
      <c r="N162470" s="10"/>
    </row>
    <row r="162471" spans="14:14">
      <c r="N162471" s="10"/>
    </row>
    <row r="162472" spans="14:14">
      <c r="N162472" s="10"/>
    </row>
    <row r="162473" spans="14:14">
      <c r="N162473" s="10"/>
    </row>
    <row r="162474" spans="14:14">
      <c r="N162474" s="10"/>
    </row>
    <row r="162475" spans="14:14">
      <c r="N162475" s="10"/>
    </row>
    <row r="162476" spans="14:14">
      <c r="N162476" s="10"/>
    </row>
    <row r="162477" spans="14:14">
      <c r="N162477" s="10"/>
    </row>
    <row r="162478" spans="14:14">
      <c r="N162478" s="10"/>
    </row>
    <row r="162479" spans="14:14">
      <c r="N162479" s="10"/>
    </row>
    <row r="162480" spans="14:14">
      <c r="N162480" s="10"/>
    </row>
    <row r="162481" spans="14:14">
      <c r="N162481" s="10"/>
    </row>
    <row r="162482" spans="14:14">
      <c r="N162482" s="10"/>
    </row>
    <row r="162483" spans="14:14">
      <c r="N162483" s="10"/>
    </row>
    <row r="162484" spans="14:14">
      <c r="N162484" s="10"/>
    </row>
    <row r="162485" spans="14:14">
      <c r="N162485" s="10"/>
    </row>
    <row r="162486" spans="14:14">
      <c r="N162486" s="10"/>
    </row>
    <row r="162487" spans="14:14">
      <c r="N162487" s="10"/>
    </row>
    <row r="162488" spans="14:14">
      <c r="N162488" s="10"/>
    </row>
    <row r="162489" spans="14:14">
      <c r="N162489" s="10"/>
    </row>
    <row r="162490" spans="14:14">
      <c r="N162490" s="10"/>
    </row>
    <row r="162491" spans="14:14">
      <c r="N162491" s="10"/>
    </row>
    <row r="162492" spans="14:14">
      <c r="N162492" s="10"/>
    </row>
    <row r="162493" spans="14:14">
      <c r="N162493" s="10"/>
    </row>
    <row r="162494" spans="14:14">
      <c r="N162494" s="10"/>
    </row>
    <row r="162495" spans="14:14">
      <c r="N162495" s="10"/>
    </row>
    <row r="162496" spans="14:14">
      <c r="N162496" s="10"/>
    </row>
    <row r="162497" spans="14:14">
      <c r="N162497" s="10"/>
    </row>
    <row r="162498" spans="14:14">
      <c r="N162498" s="10"/>
    </row>
    <row r="162499" spans="14:14">
      <c r="N162499" s="10"/>
    </row>
    <row r="162500" spans="14:14">
      <c r="N162500" s="10"/>
    </row>
    <row r="162501" spans="14:14">
      <c r="N162501" s="10"/>
    </row>
    <row r="162502" spans="14:14">
      <c r="N162502" s="10"/>
    </row>
    <row r="162503" spans="14:14">
      <c r="N162503" s="10"/>
    </row>
    <row r="162504" spans="14:14">
      <c r="N162504" s="10"/>
    </row>
    <row r="162505" spans="14:14">
      <c r="N162505" s="10"/>
    </row>
    <row r="162506" spans="14:14">
      <c r="N162506" s="10"/>
    </row>
    <row r="162507" spans="14:14">
      <c r="N162507" s="10"/>
    </row>
    <row r="162508" spans="14:14">
      <c r="N162508" s="10"/>
    </row>
    <row r="162509" spans="14:14">
      <c r="N162509" s="10"/>
    </row>
    <row r="162510" spans="14:14">
      <c r="N162510" s="10"/>
    </row>
    <row r="162511" spans="14:14">
      <c r="N162511" s="10"/>
    </row>
    <row r="162512" spans="14:14">
      <c r="N162512" s="10"/>
    </row>
    <row r="162513" spans="14:14">
      <c r="N162513" s="10"/>
    </row>
    <row r="162514" spans="14:14">
      <c r="N162514" s="10"/>
    </row>
    <row r="162515" spans="14:14">
      <c r="N162515" s="10"/>
    </row>
    <row r="162516" spans="14:14">
      <c r="N162516" s="10"/>
    </row>
    <row r="162517" spans="14:14">
      <c r="N162517" s="10"/>
    </row>
    <row r="162518" spans="14:14">
      <c r="N162518" s="10"/>
    </row>
    <row r="162519" spans="14:14">
      <c r="N162519" s="10"/>
    </row>
    <row r="162520" spans="14:14">
      <c r="N162520" s="10"/>
    </row>
    <row r="162521" spans="14:14">
      <c r="N162521" s="10"/>
    </row>
    <row r="162522" spans="14:14">
      <c r="N162522" s="10"/>
    </row>
    <row r="162523" spans="14:14">
      <c r="N162523" s="10"/>
    </row>
    <row r="162524" spans="14:14">
      <c r="N162524" s="10"/>
    </row>
    <row r="162525" spans="14:14">
      <c r="N162525" s="10"/>
    </row>
    <row r="162526" spans="14:14">
      <c r="N162526" s="10"/>
    </row>
    <row r="162527" spans="14:14">
      <c r="N162527" s="10"/>
    </row>
    <row r="162528" spans="14:14">
      <c r="N162528" s="10"/>
    </row>
    <row r="162529" spans="14:14">
      <c r="N162529" s="10"/>
    </row>
    <row r="162530" spans="14:14">
      <c r="N162530" s="10"/>
    </row>
    <row r="162531" spans="14:14">
      <c r="N162531" s="10"/>
    </row>
    <row r="162532" spans="14:14">
      <c r="N162532" s="10"/>
    </row>
    <row r="162533" spans="14:14">
      <c r="N162533" s="10"/>
    </row>
    <row r="162534" spans="14:14">
      <c r="N162534" s="10"/>
    </row>
    <row r="162535" spans="14:14">
      <c r="N162535" s="10"/>
    </row>
    <row r="162536" spans="14:14">
      <c r="N162536" s="10"/>
    </row>
    <row r="162537" spans="14:14">
      <c r="N162537" s="10"/>
    </row>
    <row r="162538" spans="14:14">
      <c r="N162538" s="10"/>
    </row>
    <row r="162539" spans="14:14">
      <c r="N162539" s="10"/>
    </row>
    <row r="162540" spans="14:14">
      <c r="N162540" s="10"/>
    </row>
    <row r="162541" spans="14:14">
      <c r="N162541" s="10"/>
    </row>
    <row r="162542" spans="14:14">
      <c r="N162542" s="10"/>
    </row>
    <row r="162543" spans="14:14">
      <c r="N162543" s="10"/>
    </row>
    <row r="162544" spans="14:14">
      <c r="N162544" s="10"/>
    </row>
    <row r="162545" spans="14:14">
      <c r="N162545" s="10"/>
    </row>
    <row r="162546" spans="14:14">
      <c r="N162546" s="10"/>
    </row>
    <row r="162547" spans="14:14">
      <c r="N162547" s="10"/>
    </row>
    <row r="162548" spans="14:14">
      <c r="N162548" s="10"/>
    </row>
    <row r="162549" spans="14:14">
      <c r="N162549" s="10"/>
    </row>
    <row r="162550" spans="14:14">
      <c r="N162550" s="10"/>
    </row>
    <row r="162551" spans="14:14">
      <c r="N162551" s="10"/>
    </row>
    <row r="162552" spans="14:14">
      <c r="N162552" s="10"/>
    </row>
    <row r="162553" spans="14:14">
      <c r="N162553" s="10"/>
    </row>
    <row r="162554" spans="14:14">
      <c r="N162554" s="10"/>
    </row>
    <row r="162555" spans="14:14">
      <c r="N162555" s="10"/>
    </row>
    <row r="162556" spans="14:14">
      <c r="N162556" s="10"/>
    </row>
    <row r="162557" spans="14:14">
      <c r="N162557" s="10"/>
    </row>
    <row r="162558" spans="14:14">
      <c r="N162558" s="10"/>
    </row>
    <row r="162559" spans="14:14">
      <c r="N162559" s="10"/>
    </row>
    <row r="162560" spans="14:14">
      <c r="N162560" s="10"/>
    </row>
    <row r="162561" spans="14:14">
      <c r="N162561" s="10"/>
    </row>
    <row r="162562" spans="14:14">
      <c r="N162562" s="10"/>
    </row>
    <row r="162563" spans="14:14">
      <c r="N162563" s="10"/>
    </row>
    <row r="162564" spans="14:14">
      <c r="N162564" s="10"/>
    </row>
    <row r="162565" spans="14:14">
      <c r="N162565" s="10"/>
    </row>
    <row r="162566" spans="14:14">
      <c r="N162566" s="10"/>
    </row>
    <row r="162567" spans="14:14">
      <c r="N162567" s="10"/>
    </row>
    <row r="162568" spans="14:14">
      <c r="N162568" s="10"/>
    </row>
    <row r="162569" spans="14:14">
      <c r="N162569" s="10"/>
    </row>
    <row r="162570" spans="14:14">
      <c r="N162570" s="10"/>
    </row>
    <row r="162571" spans="14:14">
      <c r="N162571" s="10"/>
    </row>
    <row r="162572" spans="14:14">
      <c r="N162572" s="10"/>
    </row>
    <row r="162573" spans="14:14">
      <c r="N162573" s="10"/>
    </row>
    <row r="162574" spans="14:14">
      <c r="N162574" s="10"/>
    </row>
    <row r="162575" spans="14:14">
      <c r="N162575" s="10"/>
    </row>
    <row r="162576" spans="14:14">
      <c r="N162576" s="10"/>
    </row>
    <row r="162577" spans="14:14">
      <c r="N162577" s="10"/>
    </row>
    <row r="162578" spans="14:14">
      <c r="N162578" s="10"/>
    </row>
    <row r="162579" spans="14:14">
      <c r="N162579" s="10"/>
    </row>
    <row r="162580" spans="14:14">
      <c r="N162580" s="10"/>
    </row>
    <row r="162581" spans="14:14">
      <c r="N162581" s="10"/>
    </row>
    <row r="162582" spans="14:14">
      <c r="N162582" s="10"/>
    </row>
    <row r="162583" spans="14:14">
      <c r="N162583" s="10"/>
    </row>
    <row r="162584" spans="14:14">
      <c r="N162584" s="10"/>
    </row>
    <row r="162585" spans="14:14">
      <c r="N162585" s="10"/>
    </row>
    <row r="162586" spans="14:14">
      <c r="N162586" s="10"/>
    </row>
    <row r="162587" spans="14:14">
      <c r="N162587" s="10"/>
    </row>
    <row r="162588" spans="14:14">
      <c r="N162588" s="10"/>
    </row>
    <row r="162589" spans="14:14">
      <c r="N162589" s="10"/>
    </row>
    <row r="162590" spans="14:14">
      <c r="N162590" s="10"/>
    </row>
    <row r="162591" spans="14:14">
      <c r="N162591" s="10"/>
    </row>
    <row r="162592" spans="14:14">
      <c r="N162592" s="10"/>
    </row>
    <row r="162593" spans="14:14">
      <c r="N162593" s="10"/>
    </row>
    <row r="162594" spans="14:14">
      <c r="N162594" s="10"/>
    </row>
    <row r="162595" spans="14:14">
      <c r="N162595" s="10"/>
    </row>
    <row r="162596" spans="14:14">
      <c r="N162596" s="10"/>
    </row>
    <row r="162597" spans="14:14">
      <c r="N162597" s="10"/>
    </row>
    <row r="162598" spans="14:14">
      <c r="N162598" s="10"/>
    </row>
    <row r="162599" spans="14:14">
      <c r="N162599" s="10"/>
    </row>
    <row r="162600" spans="14:14">
      <c r="N162600" s="10"/>
    </row>
    <row r="162601" spans="14:14">
      <c r="N162601" s="10"/>
    </row>
    <row r="162602" spans="14:14">
      <c r="N162602" s="10"/>
    </row>
    <row r="162603" spans="14:14">
      <c r="N162603" s="10"/>
    </row>
    <row r="162604" spans="14:14">
      <c r="N162604" s="10"/>
    </row>
    <row r="162605" spans="14:14">
      <c r="N162605" s="10"/>
    </row>
    <row r="162606" spans="14:14">
      <c r="N162606" s="10"/>
    </row>
    <row r="162607" spans="14:14">
      <c r="N162607" s="10"/>
    </row>
    <row r="162608" spans="14:14">
      <c r="N162608" s="10"/>
    </row>
    <row r="162609" spans="14:14">
      <c r="N162609" s="10"/>
    </row>
    <row r="162610" spans="14:14">
      <c r="N162610" s="10"/>
    </row>
    <row r="162611" spans="14:14">
      <c r="N162611" s="10"/>
    </row>
    <row r="162612" spans="14:14">
      <c r="N162612" s="10"/>
    </row>
    <row r="162613" spans="14:14">
      <c r="N162613" s="10"/>
    </row>
    <row r="162614" spans="14:14">
      <c r="N162614" s="10"/>
    </row>
    <row r="162615" spans="14:14">
      <c r="N162615" s="10"/>
    </row>
    <row r="162616" spans="14:14">
      <c r="N162616" s="10"/>
    </row>
    <row r="162617" spans="14:14">
      <c r="N162617" s="10"/>
    </row>
    <row r="162618" spans="14:14">
      <c r="N162618" s="10"/>
    </row>
    <row r="162619" spans="14:14">
      <c r="N162619" s="10"/>
    </row>
    <row r="162620" spans="14:14">
      <c r="N162620" s="10"/>
    </row>
    <row r="162621" spans="14:14">
      <c r="N162621" s="10"/>
    </row>
    <row r="162622" spans="14:14">
      <c r="N162622" s="10"/>
    </row>
    <row r="162623" spans="14:14">
      <c r="N162623" s="10"/>
    </row>
    <row r="162624" spans="14:14">
      <c r="N162624" s="10"/>
    </row>
    <row r="162625" spans="14:14">
      <c r="N162625" s="10"/>
    </row>
    <row r="162626" spans="14:14">
      <c r="N162626" s="10"/>
    </row>
    <row r="162627" spans="14:14">
      <c r="N162627" s="10"/>
    </row>
    <row r="162628" spans="14:14">
      <c r="N162628" s="10"/>
    </row>
    <row r="162629" spans="14:14">
      <c r="N162629" s="10"/>
    </row>
    <row r="162630" spans="14:14">
      <c r="N162630" s="10"/>
    </row>
    <row r="162631" spans="14:14">
      <c r="N162631" s="10"/>
    </row>
    <row r="162632" spans="14:14">
      <c r="N162632" s="10"/>
    </row>
    <row r="162633" spans="14:14">
      <c r="N162633" s="10"/>
    </row>
    <row r="162634" spans="14:14">
      <c r="N162634" s="10"/>
    </row>
    <row r="162635" spans="14:14">
      <c r="N162635" s="10"/>
    </row>
    <row r="162636" spans="14:14">
      <c r="N162636" s="10"/>
    </row>
    <row r="162637" spans="14:14">
      <c r="N162637" s="10"/>
    </row>
    <row r="162638" spans="14:14">
      <c r="N162638" s="10"/>
    </row>
    <row r="162639" spans="14:14">
      <c r="N162639" s="10"/>
    </row>
    <row r="162640" spans="14:14">
      <c r="N162640" s="10"/>
    </row>
    <row r="162641" spans="14:14">
      <c r="N162641" s="10"/>
    </row>
    <row r="162642" spans="14:14">
      <c r="N162642" s="10"/>
    </row>
    <row r="162643" spans="14:14">
      <c r="N162643" s="10"/>
    </row>
    <row r="162644" spans="14:14">
      <c r="N162644" s="10"/>
    </row>
    <row r="162645" spans="14:14">
      <c r="N162645" s="10"/>
    </row>
    <row r="162646" spans="14:14">
      <c r="N162646" s="10"/>
    </row>
    <row r="162647" spans="14:14">
      <c r="N162647" s="10"/>
    </row>
    <row r="162648" spans="14:14">
      <c r="N162648" s="10"/>
    </row>
    <row r="162649" spans="14:14">
      <c r="N162649" s="10"/>
    </row>
    <row r="162650" spans="14:14">
      <c r="N162650" s="10"/>
    </row>
    <row r="162651" spans="14:14">
      <c r="N162651" s="10"/>
    </row>
    <row r="162652" spans="14:14">
      <c r="N162652" s="10"/>
    </row>
    <row r="162653" spans="14:14">
      <c r="N162653" s="10"/>
    </row>
    <row r="162654" spans="14:14">
      <c r="N162654" s="10"/>
    </row>
    <row r="162655" spans="14:14">
      <c r="N162655" s="10"/>
    </row>
    <row r="162656" spans="14:14">
      <c r="N162656" s="10"/>
    </row>
    <row r="162657" spans="14:14">
      <c r="N162657" s="10"/>
    </row>
    <row r="162658" spans="14:14">
      <c r="N162658" s="10"/>
    </row>
    <row r="162659" spans="14:14">
      <c r="N162659" s="10"/>
    </row>
    <row r="162660" spans="14:14">
      <c r="N162660" s="10"/>
    </row>
    <row r="162661" spans="14:14">
      <c r="N162661" s="10"/>
    </row>
    <row r="162662" spans="14:14">
      <c r="N162662" s="10"/>
    </row>
    <row r="162663" spans="14:14">
      <c r="N162663" s="10"/>
    </row>
    <row r="162664" spans="14:14">
      <c r="N162664" s="10"/>
    </row>
    <row r="162665" spans="14:14">
      <c r="N162665" s="10"/>
    </row>
    <row r="162666" spans="14:14">
      <c r="N162666" s="10"/>
    </row>
    <row r="162667" spans="14:14">
      <c r="N162667" s="10"/>
    </row>
    <row r="162668" spans="14:14">
      <c r="N162668" s="10"/>
    </row>
    <row r="162669" spans="14:14">
      <c r="N162669" s="10"/>
    </row>
    <row r="162670" spans="14:14">
      <c r="N162670" s="10"/>
    </row>
    <row r="162671" spans="14:14">
      <c r="N162671" s="10"/>
    </row>
    <row r="162672" spans="14:14">
      <c r="N162672" s="10"/>
    </row>
    <row r="162673" spans="14:14">
      <c r="N162673" s="10"/>
    </row>
    <row r="162674" spans="14:14">
      <c r="N162674" s="10"/>
    </row>
    <row r="162675" spans="14:14">
      <c r="N162675" s="10"/>
    </row>
    <row r="162676" spans="14:14">
      <c r="N162676" s="10"/>
    </row>
    <row r="162677" spans="14:14">
      <c r="N162677" s="10"/>
    </row>
    <row r="162678" spans="14:14">
      <c r="N162678" s="10"/>
    </row>
    <row r="162679" spans="14:14">
      <c r="N162679" s="10"/>
    </row>
    <row r="162680" spans="14:14">
      <c r="N162680" s="10"/>
    </row>
    <row r="162681" spans="14:14">
      <c r="N162681" s="10"/>
    </row>
    <row r="162682" spans="14:14">
      <c r="N162682" s="10"/>
    </row>
    <row r="162683" spans="14:14">
      <c r="N162683" s="10"/>
    </row>
    <row r="162684" spans="14:14">
      <c r="N162684" s="10"/>
    </row>
    <row r="162685" spans="14:14">
      <c r="N162685" s="10"/>
    </row>
    <row r="162686" spans="14:14">
      <c r="N162686" s="10"/>
    </row>
    <row r="162687" spans="14:14">
      <c r="N162687" s="10"/>
    </row>
    <row r="162688" spans="14:14">
      <c r="N162688" s="10"/>
    </row>
    <row r="162689" spans="14:14">
      <c r="N162689" s="10"/>
    </row>
    <row r="162690" spans="14:14">
      <c r="N162690" s="10"/>
    </row>
    <row r="162691" spans="14:14">
      <c r="N162691" s="10"/>
    </row>
    <row r="162692" spans="14:14">
      <c r="N162692" s="10"/>
    </row>
    <row r="162693" spans="14:14">
      <c r="N162693" s="10"/>
    </row>
    <row r="162694" spans="14:14">
      <c r="N162694" s="10"/>
    </row>
    <row r="162695" spans="14:14">
      <c r="N162695" s="10"/>
    </row>
    <row r="162696" spans="14:14">
      <c r="N162696" s="10"/>
    </row>
    <row r="162697" spans="14:14">
      <c r="N162697" s="10"/>
    </row>
    <row r="162698" spans="14:14">
      <c r="N162698" s="10"/>
    </row>
    <row r="162699" spans="14:14">
      <c r="N162699" s="10"/>
    </row>
    <row r="162700" spans="14:14">
      <c r="N162700" s="10"/>
    </row>
    <row r="162701" spans="14:14">
      <c r="N162701" s="10"/>
    </row>
    <row r="162702" spans="14:14">
      <c r="N162702" s="10"/>
    </row>
    <row r="162703" spans="14:14">
      <c r="N162703" s="10"/>
    </row>
    <row r="162704" spans="14:14">
      <c r="N162704" s="10"/>
    </row>
    <row r="162705" spans="14:14">
      <c r="N162705" s="10"/>
    </row>
    <row r="162706" spans="14:14">
      <c r="N162706" s="10"/>
    </row>
    <row r="162707" spans="14:14">
      <c r="N162707" s="10"/>
    </row>
    <row r="162708" spans="14:14">
      <c r="N162708" s="10"/>
    </row>
    <row r="162709" spans="14:14">
      <c r="N162709" s="10"/>
    </row>
    <row r="162710" spans="14:14">
      <c r="N162710" s="10"/>
    </row>
    <row r="162711" spans="14:14">
      <c r="N162711" s="10"/>
    </row>
    <row r="162712" spans="14:14">
      <c r="N162712" s="10"/>
    </row>
    <row r="162713" spans="14:14">
      <c r="N162713" s="10"/>
    </row>
    <row r="162714" spans="14:14">
      <c r="N162714" s="10"/>
    </row>
    <row r="162715" spans="14:14">
      <c r="N162715" s="10"/>
    </row>
    <row r="162716" spans="14:14">
      <c r="N162716" s="10"/>
    </row>
    <row r="162717" spans="14:14">
      <c r="N162717" s="10"/>
    </row>
    <row r="162718" spans="14:14">
      <c r="N162718" s="10"/>
    </row>
    <row r="162719" spans="14:14">
      <c r="N162719" s="10"/>
    </row>
    <row r="162720" spans="14:14">
      <c r="N162720" s="10"/>
    </row>
    <row r="162721" spans="14:14">
      <c r="N162721" s="10"/>
    </row>
    <row r="162722" spans="14:14">
      <c r="N162722" s="10"/>
    </row>
    <row r="162723" spans="14:14">
      <c r="N162723" s="10"/>
    </row>
    <row r="162724" spans="14:14">
      <c r="N162724" s="10"/>
    </row>
    <row r="162725" spans="14:14">
      <c r="N162725" s="10"/>
    </row>
    <row r="162726" spans="14:14">
      <c r="N162726" s="10"/>
    </row>
    <row r="162727" spans="14:14">
      <c r="N162727" s="10"/>
    </row>
    <row r="162728" spans="14:14">
      <c r="N162728" s="10"/>
    </row>
    <row r="162729" spans="14:14">
      <c r="N162729" s="10"/>
    </row>
    <row r="162730" spans="14:14">
      <c r="N162730" s="10"/>
    </row>
    <row r="162731" spans="14:14">
      <c r="N162731" s="10"/>
    </row>
    <row r="162732" spans="14:14">
      <c r="N162732" s="10"/>
    </row>
    <row r="162733" spans="14:14">
      <c r="N162733" s="10"/>
    </row>
    <row r="162734" spans="14:14">
      <c r="N162734" s="10"/>
    </row>
    <row r="162735" spans="14:14">
      <c r="N162735" s="10"/>
    </row>
    <row r="162736" spans="14:14">
      <c r="N162736" s="10"/>
    </row>
    <row r="162737" spans="14:14">
      <c r="N162737" s="10"/>
    </row>
    <row r="162738" spans="14:14">
      <c r="N162738" s="10"/>
    </row>
    <row r="162739" spans="14:14">
      <c r="N162739" s="10"/>
    </row>
    <row r="162740" spans="14:14">
      <c r="N162740" s="10"/>
    </row>
    <row r="162741" spans="14:14">
      <c r="N162741" s="10"/>
    </row>
    <row r="162742" spans="14:14">
      <c r="N162742" s="10"/>
    </row>
    <row r="162743" spans="14:14">
      <c r="N162743" s="10"/>
    </row>
    <row r="162744" spans="14:14">
      <c r="N162744" s="10"/>
    </row>
    <row r="162745" spans="14:14">
      <c r="N162745" s="10"/>
    </row>
    <row r="162746" spans="14:14">
      <c r="N162746" s="10"/>
    </row>
    <row r="162747" spans="14:14">
      <c r="N162747" s="10"/>
    </row>
    <row r="162748" spans="14:14">
      <c r="N162748" s="10"/>
    </row>
    <row r="162749" spans="14:14">
      <c r="N162749" s="10"/>
    </row>
    <row r="162750" spans="14:14">
      <c r="N162750" s="10"/>
    </row>
    <row r="162751" spans="14:14">
      <c r="N162751" s="10"/>
    </row>
    <row r="162752" spans="14:14">
      <c r="N162752" s="10"/>
    </row>
    <row r="162753" spans="14:14">
      <c r="N162753" s="10"/>
    </row>
    <row r="162754" spans="14:14">
      <c r="N162754" s="10"/>
    </row>
    <row r="162755" spans="14:14">
      <c r="N162755" s="10"/>
    </row>
    <row r="162756" spans="14:14">
      <c r="N162756" s="10"/>
    </row>
    <row r="162757" spans="14:14">
      <c r="N162757" s="10"/>
    </row>
    <row r="162758" spans="14:14">
      <c r="N162758" s="10"/>
    </row>
    <row r="162759" spans="14:14">
      <c r="N162759" s="10"/>
    </row>
    <row r="162760" spans="14:14">
      <c r="N162760" s="10"/>
    </row>
    <row r="162761" spans="14:14">
      <c r="N162761" s="10"/>
    </row>
    <row r="162762" spans="14:14">
      <c r="N162762" s="10"/>
    </row>
    <row r="162763" spans="14:14">
      <c r="N162763" s="10"/>
    </row>
    <row r="162764" spans="14:14">
      <c r="N162764" s="10"/>
    </row>
    <row r="162765" spans="14:14">
      <c r="N162765" s="10"/>
    </row>
    <row r="162766" spans="14:14">
      <c r="N162766" s="10"/>
    </row>
    <row r="162767" spans="14:14">
      <c r="N162767" s="10"/>
    </row>
    <row r="162768" spans="14:14">
      <c r="N162768" s="10"/>
    </row>
    <row r="162769" spans="14:14">
      <c r="N162769" s="10"/>
    </row>
    <row r="162770" spans="14:14">
      <c r="N162770" s="10"/>
    </row>
    <row r="162771" spans="14:14">
      <c r="N162771" s="10"/>
    </row>
    <row r="162772" spans="14:14">
      <c r="N162772" s="10"/>
    </row>
    <row r="162773" spans="14:14">
      <c r="N162773" s="10"/>
    </row>
    <row r="162774" spans="14:14">
      <c r="N162774" s="10"/>
    </row>
    <row r="162775" spans="14:14">
      <c r="N162775" s="10"/>
    </row>
    <row r="162776" spans="14:14">
      <c r="N162776" s="10"/>
    </row>
    <row r="162777" spans="14:14">
      <c r="N162777" s="10"/>
    </row>
    <row r="162778" spans="14:14">
      <c r="N162778" s="10"/>
    </row>
    <row r="162779" spans="14:14">
      <c r="N162779" s="10"/>
    </row>
    <row r="162780" spans="14:14">
      <c r="N162780" s="10"/>
    </row>
    <row r="162781" spans="14:14">
      <c r="N162781" s="10"/>
    </row>
    <row r="162782" spans="14:14">
      <c r="N162782" s="10"/>
    </row>
    <row r="162783" spans="14:14">
      <c r="N162783" s="10"/>
    </row>
    <row r="162784" spans="14:14">
      <c r="N162784" s="10"/>
    </row>
    <row r="162785" spans="14:14">
      <c r="N162785" s="10"/>
    </row>
    <row r="162786" spans="14:14">
      <c r="N162786" s="10"/>
    </row>
    <row r="162787" spans="14:14">
      <c r="N162787" s="10"/>
    </row>
    <row r="162788" spans="14:14">
      <c r="N162788" s="10"/>
    </row>
    <row r="162789" spans="14:14">
      <c r="N162789" s="10"/>
    </row>
    <row r="162790" spans="14:14">
      <c r="N162790" s="10"/>
    </row>
    <row r="162791" spans="14:14">
      <c r="N162791" s="10"/>
    </row>
    <row r="162792" spans="14:14">
      <c r="N162792" s="10"/>
    </row>
    <row r="162793" spans="14:14">
      <c r="N162793" s="10"/>
    </row>
    <row r="162794" spans="14:14">
      <c r="N162794" s="10"/>
    </row>
    <row r="162795" spans="14:14">
      <c r="N162795" s="10"/>
    </row>
    <row r="162796" spans="14:14">
      <c r="N162796" s="10"/>
    </row>
    <row r="162797" spans="14:14">
      <c r="N162797" s="10"/>
    </row>
    <row r="162798" spans="14:14">
      <c r="N162798" s="10"/>
    </row>
    <row r="162799" spans="14:14">
      <c r="N162799" s="10"/>
    </row>
    <row r="162800" spans="14:14">
      <c r="N162800" s="10"/>
    </row>
    <row r="162801" spans="14:14">
      <c r="N162801" s="10"/>
    </row>
    <row r="162802" spans="14:14">
      <c r="N162802" s="10"/>
    </row>
    <row r="162803" spans="14:14">
      <c r="N162803" s="10"/>
    </row>
    <row r="162804" spans="14:14">
      <c r="N162804" s="10"/>
    </row>
    <row r="162805" spans="14:14">
      <c r="N162805" s="10"/>
    </row>
    <row r="162806" spans="14:14">
      <c r="N162806" s="10"/>
    </row>
    <row r="162807" spans="14:14">
      <c r="N162807" s="10"/>
    </row>
    <row r="162808" spans="14:14">
      <c r="N162808" s="10"/>
    </row>
    <row r="162809" spans="14:14">
      <c r="N162809" s="10"/>
    </row>
    <row r="162810" spans="14:14">
      <c r="N162810" s="10"/>
    </row>
    <row r="162811" spans="14:14">
      <c r="N162811" s="10"/>
    </row>
    <row r="162812" spans="14:14">
      <c r="N162812" s="10"/>
    </row>
    <row r="162813" spans="14:14">
      <c r="N162813" s="10"/>
    </row>
    <row r="162814" spans="14:14">
      <c r="N162814" s="10"/>
    </row>
    <row r="162815" spans="14:14">
      <c r="N162815" s="10"/>
    </row>
    <row r="162816" spans="14:14">
      <c r="N162816" s="10"/>
    </row>
    <row r="162817" spans="14:14">
      <c r="N162817" s="10"/>
    </row>
    <row r="162818" spans="14:14">
      <c r="N162818" s="10"/>
    </row>
    <row r="162819" spans="14:14">
      <c r="N162819" s="10"/>
    </row>
    <row r="162820" spans="14:14">
      <c r="N162820" s="10"/>
    </row>
    <row r="162821" spans="14:14">
      <c r="N162821" s="10"/>
    </row>
    <row r="162822" spans="14:14">
      <c r="N162822" s="10"/>
    </row>
    <row r="162823" spans="14:14">
      <c r="N162823" s="10"/>
    </row>
    <row r="162824" spans="14:14">
      <c r="N162824" s="10"/>
    </row>
    <row r="162825" spans="14:14">
      <c r="N162825" s="10"/>
    </row>
    <row r="162826" spans="14:14">
      <c r="N162826" s="10"/>
    </row>
    <row r="162827" spans="14:14">
      <c r="N162827" s="10"/>
    </row>
    <row r="162828" spans="14:14">
      <c r="N162828" s="10"/>
    </row>
    <row r="162829" spans="14:14">
      <c r="N162829" s="10"/>
    </row>
    <row r="162830" spans="14:14">
      <c r="N162830" s="10"/>
    </row>
    <row r="162831" spans="14:14">
      <c r="N162831" s="10"/>
    </row>
    <row r="162832" spans="14:14">
      <c r="N162832" s="10"/>
    </row>
    <row r="162833" spans="14:14">
      <c r="N162833" s="10"/>
    </row>
    <row r="162834" spans="14:14">
      <c r="N162834" s="10"/>
    </row>
    <row r="162835" spans="14:14">
      <c r="N162835" s="10"/>
    </row>
    <row r="162836" spans="14:14">
      <c r="N162836" s="10"/>
    </row>
    <row r="162837" spans="14:14">
      <c r="N162837" s="10"/>
    </row>
    <row r="162838" spans="14:14">
      <c r="N162838" s="10"/>
    </row>
    <row r="162839" spans="14:14">
      <c r="N162839" s="10"/>
    </row>
    <row r="162840" spans="14:14">
      <c r="N162840" s="10"/>
    </row>
    <row r="162841" spans="14:14">
      <c r="N162841" s="10"/>
    </row>
    <row r="162842" spans="14:14">
      <c r="N162842" s="10"/>
    </row>
    <row r="162843" spans="14:14">
      <c r="N162843" s="10"/>
    </row>
    <row r="162844" spans="14:14">
      <c r="N162844" s="10"/>
    </row>
    <row r="162845" spans="14:14">
      <c r="N162845" s="10"/>
    </row>
    <row r="162846" spans="14:14">
      <c r="N162846" s="10"/>
    </row>
    <row r="162847" spans="14:14">
      <c r="N162847" s="10"/>
    </row>
    <row r="162848" spans="14:14">
      <c r="N162848" s="10"/>
    </row>
    <row r="162849" spans="14:14">
      <c r="N162849" s="10"/>
    </row>
    <row r="162850" spans="14:14">
      <c r="N162850" s="10"/>
    </row>
    <row r="162851" spans="14:14">
      <c r="N162851" s="10"/>
    </row>
    <row r="162852" spans="14:14">
      <c r="N162852" s="10"/>
    </row>
    <row r="162853" spans="14:14">
      <c r="N162853" s="10"/>
    </row>
    <row r="162854" spans="14:14">
      <c r="N162854" s="10"/>
    </row>
    <row r="162855" spans="14:14">
      <c r="N162855" s="10"/>
    </row>
    <row r="162856" spans="14:14">
      <c r="N162856" s="10"/>
    </row>
    <row r="162857" spans="14:14">
      <c r="N162857" s="10"/>
    </row>
    <row r="162858" spans="14:14">
      <c r="N162858" s="10"/>
    </row>
    <row r="162859" spans="14:14">
      <c r="N162859" s="10"/>
    </row>
    <row r="162860" spans="14:14">
      <c r="N162860" s="10"/>
    </row>
    <row r="162861" spans="14:14">
      <c r="N162861" s="10"/>
    </row>
    <row r="162862" spans="14:14">
      <c r="N162862" s="10"/>
    </row>
    <row r="162863" spans="14:14">
      <c r="N162863" s="10"/>
    </row>
    <row r="162864" spans="14:14">
      <c r="N162864" s="10"/>
    </row>
    <row r="162865" spans="14:14">
      <c r="N162865" s="10"/>
    </row>
    <row r="162866" spans="14:14">
      <c r="N162866" s="10"/>
    </row>
    <row r="162867" spans="14:14">
      <c r="N162867" s="10"/>
    </row>
    <row r="162868" spans="14:14">
      <c r="N162868" s="10"/>
    </row>
    <row r="162869" spans="14:14">
      <c r="N162869" s="10"/>
    </row>
    <row r="162870" spans="14:14">
      <c r="N162870" s="10"/>
    </row>
    <row r="162871" spans="14:14">
      <c r="N162871" s="10"/>
    </row>
    <row r="162872" spans="14:14">
      <c r="N162872" s="10"/>
    </row>
    <row r="162873" spans="14:14">
      <c r="N162873" s="10"/>
    </row>
    <row r="162874" spans="14:14">
      <c r="N162874" s="10"/>
    </row>
    <row r="162875" spans="14:14">
      <c r="N162875" s="10"/>
    </row>
    <row r="162876" spans="14:14">
      <c r="N162876" s="10"/>
    </row>
    <row r="162877" spans="14:14">
      <c r="N162877" s="10"/>
    </row>
    <row r="162878" spans="14:14">
      <c r="N162878" s="10"/>
    </row>
    <row r="162879" spans="14:14">
      <c r="N162879" s="10"/>
    </row>
    <row r="162880" spans="14:14">
      <c r="N162880" s="10"/>
    </row>
    <row r="162881" spans="14:14">
      <c r="N162881" s="10"/>
    </row>
    <row r="162882" spans="14:14">
      <c r="N162882" s="10"/>
    </row>
    <row r="162883" spans="14:14">
      <c r="N162883" s="10"/>
    </row>
    <row r="162884" spans="14:14">
      <c r="N162884" s="10"/>
    </row>
    <row r="162885" spans="14:14">
      <c r="N162885" s="10"/>
    </row>
    <row r="162886" spans="14:14">
      <c r="N162886" s="10"/>
    </row>
    <row r="162887" spans="14:14">
      <c r="N162887" s="10"/>
    </row>
    <row r="162888" spans="14:14">
      <c r="N162888" s="10"/>
    </row>
    <row r="162889" spans="14:14">
      <c r="N162889" s="10"/>
    </row>
    <row r="162890" spans="14:14">
      <c r="N162890" s="10"/>
    </row>
    <row r="162891" spans="14:14">
      <c r="N162891" s="10"/>
    </row>
    <row r="162892" spans="14:14">
      <c r="N162892" s="10"/>
    </row>
    <row r="162893" spans="14:14">
      <c r="N162893" s="10"/>
    </row>
    <row r="162894" spans="14:14">
      <c r="N162894" s="10"/>
    </row>
    <row r="162895" spans="14:14">
      <c r="N162895" s="10"/>
    </row>
    <row r="162896" spans="14:14">
      <c r="N162896" s="10"/>
    </row>
    <row r="162897" spans="14:14">
      <c r="N162897" s="10"/>
    </row>
    <row r="162898" spans="14:14">
      <c r="N162898" s="10"/>
    </row>
    <row r="162899" spans="14:14">
      <c r="N162899" s="10"/>
    </row>
    <row r="162900" spans="14:14">
      <c r="N162900" s="10"/>
    </row>
    <row r="162901" spans="14:14">
      <c r="N162901" s="10"/>
    </row>
    <row r="162902" spans="14:14">
      <c r="N162902" s="10"/>
    </row>
    <row r="162903" spans="14:14">
      <c r="N162903" s="10"/>
    </row>
    <row r="162904" spans="14:14">
      <c r="N162904" s="10"/>
    </row>
    <row r="162905" spans="14:14">
      <c r="N162905" s="10"/>
    </row>
    <row r="162906" spans="14:14">
      <c r="N162906" s="10"/>
    </row>
    <row r="162907" spans="14:14">
      <c r="N162907" s="10"/>
    </row>
    <row r="162908" spans="14:14">
      <c r="N162908" s="10"/>
    </row>
    <row r="162909" spans="14:14">
      <c r="N162909" s="10"/>
    </row>
    <row r="162910" spans="14:14">
      <c r="N162910" s="10"/>
    </row>
    <row r="162911" spans="14:14">
      <c r="N162911" s="10"/>
    </row>
    <row r="162912" spans="14:14">
      <c r="N162912" s="10"/>
    </row>
    <row r="162913" spans="14:14">
      <c r="N162913" s="10"/>
    </row>
    <row r="162914" spans="14:14">
      <c r="N162914" s="10"/>
    </row>
    <row r="162915" spans="14:14">
      <c r="N162915" s="10"/>
    </row>
    <row r="162916" spans="14:14">
      <c r="N162916" s="10"/>
    </row>
    <row r="162917" spans="14:14">
      <c r="N162917" s="10"/>
    </row>
    <row r="162918" spans="14:14">
      <c r="N162918" s="10"/>
    </row>
    <row r="162919" spans="14:14">
      <c r="N162919" s="10"/>
    </row>
    <row r="162920" spans="14:14">
      <c r="N162920" s="10"/>
    </row>
    <row r="162921" spans="14:14">
      <c r="N162921" s="10"/>
    </row>
    <row r="162922" spans="14:14">
      <c r="N162922" s="10"/>
    </row>
    <row r="162923" spans="14:14">
      <c r="N162923" s="10"/>
    </row>
    <row r="162924" spans="14:14">
      <c r="N162924" s="10"/>
    </row>
    <row r="162925" spans="14:14">
      <c r="N162925" s="10"/>
    </row>
    <row r="162926" spans="14:14">
      <c r="N162926" s="10"/>
    </row>
    <row r="162927" spans="14:14">
      <c r="N162927" s="10"/>
    </row>
    <row r="162928" spans="14:14">
      <c r="N162928" s="10"/>
    </row>
    <row r="162929" spans="14:14">
      <c r="N162929" s="10"/>
    </row>
    <row r="162930" spans="14:14">
      <c r="N162930" s="10"/>
    </row>
    <row r="162931" spans="14:14">
      <c r="N162931" s="10"/>
    </row>
    <row r="162932" spans="14:14">
      <c r="N162932" s="10"/>
    </row>
    <row r="162933" spans="14:14">
      <c r="N162933" s="10"/>
    </row>
    <row r="162934" spans="14:14">
      <c r="N162934" s="10"/>
    </row>
    <row r="162935" spans="14:14">
      <c r="N162935" s="10"/>
    </row>
    <row r="162936" spans="14:14">
      <c r="N162936" s="10"/>
    </row>
    <row r="162937" spans="14:14">
      <c r="N162937" s="10"/>
    </row>
    <row r="162938" spans="14:14">
      <c r="N162938" s="10"/>
    </row>
    <row r="162939" spans="14:14">
      <c r="N162939" s="10"/>
    </row>
    <row r="162940" spans="14:14">
      <c r="N162940" s="10"/>
    </row>
    <row r="162941" spans="14:14">
      <c r="N162941" s="10"/>
    </row>
    <row r="162942" spans="14:14">
      <c r="N162942" s="10"/>
    </row>
    <row r="162943" spans="14:14">
      <c r="N162943" s="10"/>
    </row>
    <row r="162944" spans="14:14">
      <c r="N162944" s="10"/>
    </row>
    <row r="162945" spans="14:14">
      <c r="N162945" s="10"/>
    </row>
    <row r="162946" spans="14:14">
      <c r="N162946" s="10"/>
    </row>
    <row r="162947" spans="14:14">
      <c r="N162947" s="10"/>
    </row>
    <row r="162948" spans="14:14">
      <c r="N162948" s="10"/>
    </row>
    <row r="162949" spans="14:14">
      <c r="N162949" s="10"/>
    </row>
    <row r="162950" spans="14:14">
      <c r="N162950" s="10"/>
    </row>
    <row r="162951" spans="14:14">
      <c r="N162951" s="10"/>
    </row>
    <row r="162952" spans="14:14">
      <c r="N162952" s="10"/>
    </row>
    <row r="162953" spans="14:14">
      <c r="N162953" s="10"/>
    </row>
    <row r="162954" spans="14:14">
      <c r="N162954" s="10"/>
    </row>
    <row r="162955" spans="14:14">
      <c r="N162955" s="10"/>
    </row>
    <row r="162956" spans="14:14">
      <c r="N162956" s="10"/>
    </row>
    <row r="162957" spans="14:14">
      <c r="N162957" s="10"/>
    </row>
    <row r="162958" spans="14:14">
      <c r="N162958" s="10"/>
    </row>
    <row r="162959" spans="14:14">
      <c r="N162959" s="10"/>
    </row>
    <row r="162960" spans="14:14">
      <c r="N162960" s="10"/>
    </row>
    <row r="162961" spans="14:14">
      <c r="N162961" s="10"/>
    </row>
    <row r="162962" spans="14:14">
      <c r="N162962" s="10"/>
    </row>
    <row r="162963" spans="14:14">
      <c r="N162963" s="10"/>
    </row>
    <row r="162964" spans="14:14">
      <c r="N162964" s="10"/>
    </row>
    <row r="162965" spans="14:14">
      <c r="N162965" s="10"/>
    </row>
    <row r="162966" spans="14:14">
      <c r="N162966" s="10"/>
    </row>
    <row r="162967" spans="14:14">
      <c r="N162967" s="10"/>
    </row>
    <row r="162968" spans="14:14">
      <c r="N162968" s="10"/>
    </row>
    <row r="162969" spans="14:14">
      <c r="N162969" s="10"/>
    </row>
    <row r="162970" spans="14:14">
      <c r="N162970" s="10"/>
    </row>
    <row r="162971" spans="14:14">
      <c r="N162971" s="10"/>
    </row>
    <row r="162972" spans="14:14">
      <c r="N162972" s="10"/>
    </row>
    <row r="162973" spans="14:14">
      <c r="N162973" s="10"/>
    </row>
    <row r="162974" spans="14:14">
      <c r="N162974" s="10"/>
    </row>
    <row r="162975" spans="14:14">
      <c r="N162975" s="10"/>
    </row>
    <row r="162976" spans="14:14">
      <c r="N162976" s="10"/>
    </row>
    <row r="162977" spans="14:14">
      <c r="N162977" s="10"/>
    </row>
    <row r="162978" spans="14:14">
      <c r="N162978" s="10"/>
    </row>
    <row r="162979" spans="14:14">
      <c r="N162979" s="10"/>
    </row>
    <row r="162980" spans="14:14">
      <c r="N162980" s="10"/>
    </row>
    <row r="162981" spans="14:14">
      <c r="N162981" s="10"/>
    </row>
    <row r="162982" spans="14:14">
      <c r="N162982" s="10"/>
    </row>
    <row r="162983" spans="14:14">
      <c r="N162983" s="10"/>
    </row>
    <row r="162984" spans="14:14">
      <c r="N162984" s="10"/>
    </row>
    <row r="162985" spans="14:14">
      <c r="N162985" s="10"/>
    </row>
    <row r="162986" spans="14:14">
      <c r="N162986" s="10"/>
    </row>
    <row r="162987" spans="14:14">
      <c r="N162987" s="10"/>
    </row>
    <row r="162988" spans="14:14">
      <c r="N162988" s="10"/>
    </row>
    <row r="162989" spans="14:14">
      <c r="N162989" s="10"/>
    </row>
    <row r="162990" spans="14:14">
      <c r="N162990" s="10"/>
    </row>
    <row r="162991" spans="14:14">
      <c r="N162991" s="10"/>
    </row>
    <row r="162992" spans="14:14">
      <c r="N162992" s="10"/>
    </row>
    <row r="162993" spans="14:14">
      <c r="N162993" s="10"/>
    </row>
    <row r="162994" spans="14:14">
      <c r="N162994" s="10"/>
    </row>
    <row r="162995" spans="14:14">
      <c r="N162995" s="10"/>
    </row>
    <row r="162996" spans="14:14">
      <c r="N162996" s="10"/>
    </row>
    <row r="162997" spans="14:14">
      <c r="N162997" s="10"/>
    </row>
    <row r="162998" spans="14:14">
      <c r="N162998" s="10"/>
    </row>
    <row r="162999" spans="14:14">
      <c r="N162999" s="10"/>
    </row>
    <row r="163000" spans="14:14">
      <c r="N163000" s="10"/>
    </row>
    <row r="163001" spans="14:14">
      <c r="N163001" s="10"/>
    </row>
    <row r="163002" spans="14:14">
      <c r="N163002" s="10"/>
    </row>
    <row r="163003" spans="14:14">
      <c r="N163003" s="10"/>
    </row>
    <row r="163004" spans="14:14">
      <c r="N163004" s="10"/>
    </row>
    <row r="163005" spans="14:14">
      <c r="N163005" s="10"/>
    </row>
    <row r="163006" spans="14:14">
      <c r="N163006" s="10"/>
    </row>
    <row r="163007" spans="14:14">
      <c r="N163007" s="10"/>
    </row>
    <row r="163008" spans="14:14">
      <c r="N163008" s="10"/>
    </row>
    <row r="163009" spans="14:14">
      <c r="N163009" s="10"/>
    </row>
    <row r="163010" spans="14:14">
      <c r="N163010" s="10"/>
    </row>
    <row r="163011" spans="14:14">
      <c r="N163011" s="10"/>
    </row>
    <row r="163012" spans="14:14">
      <c r="N163012" s="10"/>
    </row>
    <row r="163013" spans="14:14">
      <c r="N163013" s="10"/>
    </row>
    <row r="163014" spans="14:14">
      <c r="N163014" s="10"/>
    </row>
    <row r="163015" spans="14:14">
      <c r="N163015" s="10"/>
    </row>
    <row r="163016" spans="14:14">
      <c r="N163016" s="10"/>
    </row>
    <row r="163017" spans="14:14">
      <c r="N163017" s="10"/>
    </row>
    <row r="163018" spans="14:14">
      <c r="N163018" s="10"/>
    </row>
    <row r="163019" spans="14:14">
      <c r="N163019" s="10"/>
    </row>
    <row r="163020" spans="14:14">
      <c r="N163020" s="10"/>
    </row>
    <row r="163021" spans="14:14">
      <c r="N163021" s="10"/>
    </row>
    <row r="163022" spans="14:14">
      <c r="N163022" s="10"/>
    </row>
    <row r="163023" spans="14:14">
      <c r="N163023" s="10"/>
    </row>
    <row r="163024" spans="14:14">
      <c r="N163024" s="10"/>
    </row>
    <row r="163025" spans="14:14">
      <c r="N163025" s="10"/>
    </row>
    <row r="163026" spans="14:14">
      <c r="N163026" s="10"/>
    </row>
    <row r="163027" spans="14:14">
      <c r="N163027" s="10"/>
    </row>
    <row r="163028" spans="14:14">
      <c r="N163028" s="10"/>
    </row>
    <row r="163029" spans="14:14">
      <c r="N163029" s="10"/>
    </row>
    <row r="163030" spans="14:14">
      <c r="N163030" s="10"/>
    </row>
    <row r="163031" spans="14:14">
      <c r="N163031" s="10"/>
    </row>
    <row r="163032" spans="14:14">
      <c r="N163032" s="10"/>
    </row>
    <row r="163033" spans="14:14">
      <c r="N163033" s="10"/>
    </row>
    <row r="163034" spans="14:14">
      <c r="N163034" s="10"/>
    </row>
    <row r="163035" spans="14:14">
      <c r="N163035" s="10"/>
    </row>
    <row r="163036" spans="14:14">
      <c r="N163036" s="10"/>
    </row>
    <row r="163037" spans="14:14">
      <c r="N163037" s="10"/>
    </row>
    <row r="163038" spans="14:14">
      <c r="N163038" s="10"/>
    </row>
    <row r="163039" spans="14:14">
      <c r="N163039" s="10"/>
    </row>
    <row r="163040" spans="14:14">
      <c r="N163040" s="10"/>
    </row>
    <row r="163041" spans="14:14">
      <c r="N163041" s="10"/>
    </row>
    <row r="163042" spans="14:14">
      <c r="N163042" s="10"/>
    </row>
    <row r="163043" spans="14:14">
      <c r="N163043" s="10"/>
    </row>
    <row r="163044" spans="14:14">
      <c r="N163044" s="10"/>
    </row>
    <row r="163045" spans="14:14">
      <c r="N163045" s="10"/>
    </row>
    <row r="163046" spans="14:14">
      <c r="N163046" s="10"/>
    </row>
    <row r="163047" spans="14:14">
      <c r="N163047" s="10"/>
    </row>
    <row r="163048" spans="14:14">
      <c r="N163048" s="10"/>
    </row>
    <row r="163049" spans="14:14">
      <c r="N163049" s="10"/>
    </row>
    <row r="163050" spans="14:14">
      <c r="N163050" s="10"/>
    </row>
    <row r="163051" spans="14:14">
      <c r="N163051" s="10"/>
    </row>
    <row r="163052" spans="14:14">
      <c r="N163052" s="10"/>
    </row>
    <row r="163053" spans="14:14">
      <c r="N163053" s="10"/>
    </row>
    <row r="163054" spans="14:14">
      <c r="N163054" s="10"/>
    </row>
    <row r="163055" spans="14:14">
      <c r="N163055" s="10"/>
    </row>
    <row r="163056" spans="14:14">
      <c r="N163056" s="10"/>
    </row>
    <row r="163057" spans="14:14">
      <c r="N163057" s="10"/>
    </row>
    <row r="163058" spans="14:14">
      <c r="N163058" s="10"/>
    </row>
    <row r="163059" spans="14:14">
      <c r="N163059" s="10"/>
    </row>
    <row r="163060" spans="14:14">
      <c r="N163060" s="10"/>
    </row>
    <row r="163061" spans="14:14">
      <c r="N163061" s="10"/>
    </row>
    <row r="163062" spans="14:14">
      <c r="N163062" s="10"/>
    </row>
    <row r="163063" spans="14:14">
      <c r="N163063" s="10"/>
    </row>
    <row r="163064" spans="14:14">
      <c r="N163064" s="10"/>
    </row>
    <row r="163065" spans="14:14">
      <c r="N163065" s="10"/>
    </row>
    <row r="163066" spans="14:14">
      <c r="N163066" s="10"/>
    </row>
    <row r="163067" spans="14:14">
      <c r="N163067" s="10"/>
    </row>
    <row r="163068" spans="14:14">
      <c r="N163068" s="10"/>
    </row>
    <row r="163069" spans="14:14">
      <c r="N163069" s="10"/>
    </row>
    <row r="163070" spans="14:14">
      <c r="N163070" s="10"/>
    </row>
    <row r="163071" spans="14:14">
      <c r="N163071" s="10"/>
    </row>
    <row r="163072" spans="14:14">
      <c r="N163072" s="10"/>
    </row>
    <row r="163073" spans="14:14">
      <c r="N163073" s="10"/>
    </row>
    <row r="163074" spans="14:14">
      <c r="N163074" s="10"/>
    </row>
    <row r="163075" spans="14:14">
      <c r="N163075" s="10"/>
    </row>
    <row r="163076" spans="14:14">
      <c r="N163076" s="10"/>
    </row>
    <row r="163077" spans="14:14">
      <c r="N163077" s="10"/>
    </row>
    <row r="163078" spans="14:14">
      <c r="N163078" s="10"/>
    </row>
    <row r="163079" spans="14:14">
      <c r="N163079" s="10"/>
    </row>
    <row r="163080" spans="14:14">
      <c r="N163080" s="10"/>
    </row>
    <row r="163081" spans="14:14">
      <c r="N163081" s="10"/>
    </row>
    <row r="163082" spans="14:14">
      <c r="N163082" s="10"/>
    </row>
    <row r="163083" spans="14:14">
      <c r="N163083" s="10"/>
    </row>
    <row r="163084" spans="14:14">
      <c r="N163084" s="10"/>
    </row>
    <row r="163085" spans="14:14">
      <c r="N163085" s="10"/>
    </row>
    <row r="163086" spans="14:14">
      <c r="N163086" s="10"/>
    </row>
    <row r="163087" spans="14:14">
      <c r="N163087" s="10"/>
    </row>
    <row r="163088" spans="14:14">
      <c r="N163088" s="10"/>
    </row>
    <row r="163089" spans="14:14">
      <c r="N163089" s="10"/>
    </row>
    <row r="163090" spans="14:14">
      <c r="N163090" s="10"/>
    </row>
    <row r="163091" spans="14:14">
      <c r="N163091" s="10"/>
    </row>
    <row r="163092" spans="14:14">
      <c r="N163092" s="10"/>
    </row>
    <row r="163093" spans="14:14">
      <c r="N163093" s="10"/>
    </row>
    <row r="163094" spans="14:14">
      <c r="N163094" s="10"/>
    </row>
    <row r="163095" spans="14:14">
      <c r="N163095" s="10"/>
    </row>
    <row r="163096" spans="14:14">
      <c r="N163096" s="10"/>
    </row>
    <row r="163097" spans="14:14">
      <c r="N163097" s="10"/>
    </row>
    <row r="163098" spans="14:14">
      <c r="N163098" s="10"/>
    </row>
    <row r="163099" spans="14:14">
      <c r="N163099" s="10"/>
    </row>
    <row r="163100" spans="14:14">
      <c r="N163100" s="10"/>
    </row>
    <row r="163101" spans="14:14">
      <c r="N163101" s="10"/>
    </row>
    <row r="163102" spans="14:14">
      <c r="N163102" s="10"/>
    </row>
    <row r="163103" spans="14:14">
      <c r="N163103" s="10"/>
    </row>
    <row r="163104" spans="14:14">
      <c r="N163104" s="10"/>
    </row>
    <row r="163105" spans="14:14">
      <c r="N163105" s="10"/>
    </row>
    <row r="163106" spans="14:14">
      <c r="N163106" s="10"/>
    </row>
    <row r="163107" spans="14:14">
      <c r="N163107" s="10"/>
    </row>
    <row r="163108" spans="14:14">
      <c r="N163108" s="10"/>
    </row>
    <row r="163109" spans="14:14">
      <c r="N163109" s="10"/>
    </row>
    <row r="163110" spans="14:14">
      <c r="N163110" s="10"/>
    </row>
    <row r="163111" spans="14:14">
      <c r="N163111" s="10"/>
    </row>
    <row r="163112" spans="14:14">
      <c r="N163112" s="10"/>
    </row>
    <row r="163113" spans="14:14">
      <c r="N163113" s="10"/>
    </row>
    <row r="163114" spans="14:14">
      <c r="N163114" s="10"/>
    </row>
    <row r="163115" spans="14:14">
      <c r="N163115" s="10"/>
    </row>
    <row r="163116" spans="14:14">
      <c r="N163116" s="10"/>
    </row>
    <row r="163117" spans="14:14">
      <c r="N163117" s="10"/>
    </row>
    <row r="163118" spans="14:14">
      <c r="N163118" s="10"/>
    </row>
    <row r="163119" spans="14:14">
      <c r="N163119" s="10"/>
    </row>
    <row r="163120" spans="14:14">
      <c r="N163120" s="10"/>
    </row>
    <row r="163121" spans="14:14">
      <c r="N163121" s="10"/>
    </row>
    <row r="163122" spans="14:14">
      <c r="N163122" s="10"/>
    </row>
    <row r="163123" spans="14:14">
      <c r="N163123" s="10"/>
    </row>
    <row r="163124" spans="14:14">
      <c r="N163124" s="10"/>
    </row>
    <row r="163125" spans="14:14">
      <c r="N163125" s="10"/>
    </row>
    <row r="163126" spans="14:14">
      <c r="N163126" s="10"/>
    </row>
    <row r="163127" spans="14:14">
      <c r="N163127" s="10"/>
    </row>
    <row r="163128" spans="14:14">
      <c r="N163128" s="10"/>
    </row>
    <row r="163129" spans="14:14">
      <c r="N163129" s="10"/>
    </row>
    <row r="163130" spans="14:14">
      <c r="N163130" s="10"/>
    </row>
    <row r="163131" spans="14:14">
      <c r="N163131" s="10"/>
    </row>
    <row r="163132" spans="14:14">
      <c r="N163132" s="10"/>
    </row>
    <row r="163133" spans="14:14">
      <c r="N163133" s="10"/>
    </row>
    <row r="163134" spans="14:14">
      <c r="N163134" s="10"/>
    </row>
    <row r="163135" spans="14:14">
      <c r="N163135" s="10"/>
    </row>
    <row r="163136" spans="14:14">
      <c r="N163136" s="10"/>
    </row>
    <row r="163137" spans="14:14">
      <c r="N163137" s="10"/>
    </row>
    <row r="163138" spans="14:14">
      <c r="N163138" s="10"/>
    </row>
    <row r="163139" spans="14:14">
      <c r="N163139" s="10"/>
    </row>
    <row r="163140" spans="14:14">
      <c r="N163140" s="10"/>
    </row>
    <row r="163141" spans="14:14">
      <c r="N163141" s="10"/>
    </row>
    <row r="163142" spans="14:14">
      <c r="N163142" s="10"/>
    </row>
    <row r="163143" spans="14:14">
      <c r="N163143" s="10"/>
    </row>
    <row r="163144" spans="14:14">
      <c r="N163144" s="10"/>
    </row>
    <row r="163145" spans="14:14">
      <c r="N163145" s="10"/>
    </row>
    <row r="163146" spans="14:14">
      <c r="N163146" s="10"/>
    </row>
    <row r="163147" spans="14:14">
      <c r="N163147" s="10"/>
    </row>
    <row r="163148" spans="14:14">
      <c r="N163148" s="10"/>
    </row>
    <row r="163149" spans="14:14">
      <c r="N163149" s="10"/>
    </row>
    <row r="163150" spans="14:14">
      <c r="N163150" s="10"/>
    </row>
    <row r="163151" spans="14:14">
      <c r="N163151" s="10"/>
    </row>
    <row r="163152" spans="14:14">
      <c r="N163152" s="10"/>
    </row>
    <row r="163153" spans="14:14">
      <c r="N163153" s="10"/>
    </row>
    <row r="163154" spans="14:14">
      <c r="N163154" s="10"/>
    </row>
    <row r="163155" spans="14:14">
      <c r="N163155" s="10"/>
    </row>
    <row r="163156" spans="14:14">
      <c r="N163156" s="10"/>
    </row>
    <row r="163157" spans="14:14">
      <c r="N163157" s="10"/>
    </row>
    <row r="163158" spans="14:14">
      <c r="N163158" s="10"/>
    </row>
    <row r="163159" spans="14:14">
      <c r="N163159" s="10"/>
    </row>
    <row r="163160" spans="14:14">
      <c r="N163160" s="10"/>
    </row>
    <row r="163161" spans="14:14">
      <c r="N163161" s="10"/>
    </row>
    <row r="163162" spans="14:14">
      <c r="N163162" s="10"/>
    </row>
    <row r="163163" spans="14:14">
      <c r="N163163" s="10"/>
    </row>
    <row r="163164" spans="14:14">
      <c r="N163164" s="10"/>
    </row>
    <row r="163165" spans="14:14">
      <c r="N163165" s="10"/>
    </row>
    <row r="163166" spans="14:14">
      <c r="N163166" s="10"/>
    </row>
    <row r="163167" spans="14:14">
      <c r="N163167" s="10"/>
    </row>
    <row r="163168" spans="14:14">
      <c r="N163168" s="10"/>
    </row>
    <row r="163169" spans="14:14">
      <c r="N163169" s="10"/>
    </row>
    <row r="163170" spans="14:14">
      <c r="N163170" s="10"/>
    </row>
    <row r="163171" spans="14:14">
      <c r="N163171" s="10"/>
    </row>
    <row r="163172" spans="14:14">
      <c r="N163172" s="10"/>
    </row>
    <row r="163173" spans="14:14">
      <c r="N163173" s="10"/>
    </row>
    <row r="163174" spans="14:14">
      <c r="N163174" s="10"/>
    </row>
    <row r="163175" spans="14:14">
      <c r="N163175" s="10"/>
    </row>
    <row r="163176" spans="14:14">
      <c r="N163176" s="10"/>
    </row>
    <row r="163177" spans="14:14">
      <c r="N163177" s="10"/>
    </row>
    <row r="163178" spans="14:14">
      <c r="N163178" s="10"/>
    </row>
    <row r="163179" spans="14:14">
      <c r="N163179" s="10"/>
    </row>
    <row r="163180" spans="14:14">
      <c r="N163180" s="10"/>
    </row>
    <row r="163181" spans="14:14">
      <c r="N163181" s="10"/>
    </row>
    <row r="163182" spans="14:14">
      <c r="N163182" s="10"/>
    </row>
    <row r="163183" spans="14:14">
      <c r="N163183" s="10"/>
    </row>
    <row r="163184" spans="14:14">
      <c r="N163184" s="10"/>
    </row>
    <row r="163185" spans="14:14">
      <c r="N163185" s="10"/>
    </row>
    <row r="163186" spans="14:14">
      <c r="N163186" s="10"/>
    </row>
    <row r="163187" spans="14:14">
      <c r="N163187" s="10"/>
    </row>
    <row r="163188" spans="14:14">
      <c r="N163188" s="10"/>
    </row>
    <row r="163189" spans="14:14">
      <c r="N163189" s="10"/>
    </row>
    <row r="163190" spans="14:14">
      <c r="N163190" s="10"/>
    </row>
    <row r="163191" spans="14:14">
      <c r="N163191" s="10"/>
    </row>
    <row r="163192" spans="14:14">
      <c r="N163192" s="10"/>
    </row>
    <row r="163193" spans="14:14">
      <c r="N163193" s="10"/>
    </row>
    <row r="163194" spans="14:14">
      <c r="N163194" s="10"/>
    </row>
    <row r="163195" spans="14:14">
      <c r="N163195" s="10"/>
    </row>
    <row r="163196" spans="14:14">
      <c r="N163196" s="10"/>
    </row>
    <row r="163197" spans="14:14">
      <c r="N163197" s="10"/>
    </row>
    <row r="163198" spans="14:14">
      <c r="N163198" s="10"/>
    </row>
    <row r="163199" spans="14:14">
      <c r="N163199" s="10"/>
    </row>
    <row r="163200" spans="14:14">
      <c r="N163200" s="10"/>
    </row>
    <row r="163201" spans="14:14">
      <c r="N163201" s="10"/>
    </row>
    <row r="163202" spans="14:14">
      <c r="N163202" s="10"/>
    </row>
    <row r="163203" spans="14:14">
      <c r="N163203" s="10"/>
    </row>
    <row r="163204" spans="14:14">
      <c r="N163204" s="10"/>
    </row>
    <row r="163205" spans="14:14">
      <c r="N163205" s="10"/>
    </row>
    <row r="163206" spans="14:14">
      <c r="N163206" s="10"/>
    </row>
    <row r="163207" spans="14:14">
      <c r="N163207" s="10"/>
    </row>
    <row r="163208" spans="14:14">
      <c r="N163208" s="10"/>
    </row>
    <row r="163209" spans="14:14">
      <c r="N163209" s="10"/>
    </row>
    <row r="163210" spans="14:14">
      <c r="N163210" s="10"/>
    </row>
    <row r="163211" spans="14:14">
      <c r="N163211" s="10"/>
    </row>
    <row r="163212" spans="14:14">
      <c r="N163212" s="10"/>
    </row>
    <row r="163213" spans="14:14">
      <c r="N163213" s="10"/>
    </row>
    <row r="163214" spans="14:14">
      <c r="N163214" s="10"/>
    </row>
    <row r="163215" spans="14:14">
      <c r="N163215" s="10"/>
    </row>
    <row r="163216" spans="14:14">
      <c r="N163216" s="10"/>
    </row>
    <row r="163217" spans="14:14">
      <c r="N163217" s="10"/>
    </row>
    <row r="163218" spans="14:14">
      <c r="N163218" s="10"/>
    </row>
    <row r="163219" spans="14:14">
      <c r="N163219" s="10"/>
    </row>
    <row r="163220" spans="14:14">
      <c r="N163220" s="10"/>
    </row>
    <row r="163221" spans="14:14">
      <c r="N163221" s="10"/>
    </row>
    <row r="163222" spans="14:14">
      <c r="N163222" s="10"/>
    </row>
    <row r="163223" spans="14:14">
      <c r="N163223" s="10"/>
    </row>
    <row r="163224" spans="14:14">
      <c r="N163224" s="10"/>
    </row>
    <row r="163225" spans="14:14">
      <c r="N163225" s="10"/>
    </row>
    <row r="163226" spans="14:14">
      <c r="N163226" s="10"/>
    </row>
    <row r="163227" spans="14:14">
      <c r="N163227" s="10"/>
    </row>
    <row r="163228" spans="14:14">
      <c r="N163228" s="10"/>
    </row>
    <row r="163229" spans="14:14">
      <c r="N163229" s="10"/>
    </row>
    <row r="163230" spans="14:14">
      <c r="N163230" s="10"/>
    </row>
    <row r="163231" spans="14:14">
      <c r="N163231" s="10"/>
    </row>
    <row r="163232" spans="14:14">
      <c r="N163232" s="10"/>
    </row>
    <row r="163233" spans="14:14">
      <c r="N163233" s="10"/>
    </row>
    <row r="163234" spans="14:14">
      <c r="N163234" s="10"/>
    </row>
    <row r="163235" spans="14:14">
      <c r="N163235" s="10"/>
    </row>
    <row r="163236" spans="14:14">
      <c r="N163236" s="10"/>
    </row>
    <row r="163237" spans="14:14">
      <c r="N163237" s="10"/>
    </row>
    <row r="163238" spans="14:14">
      <c r="N163238" s="10"/>
    </row>
    <row r="163239" spans="14:14">
      <c r="N163239" s="10"/>
    </row>
    <row r="163240" spans="14:14">
      <c r="N163240" s="10"/>
    </row>
    <row r="163241" spans="14:14">
      <c r="N163241" s="10"/>
    </row>
    <row r="163242" spans="14:14">
      <c r="N163242" s="10"/>
    </row>
    <row r="163243" spans="14:14">
      <c r="N163243" s="10"/>
    </row>
    <row r="163244" spans="14:14">
      <c r="N163244" s="10"/>
    </row>
    <row r="163245" spans="14:14">
      <c r="N163245" s="10"/>
    </row>
    <row r="163246" spans="14:14">
      <c r="N163246" s="10"/>
    </row>
    <row r="163247" spans="14:14">
      <c r="N163247" s="10"/>
    </row>
    <row r="163248" spans="14:14">
      <c r="N163248" s="10"/>
    </row>
    <row r="163249" spans="14:14">
      <c r="N163249" s="10"/>
    </row>
    <row r="163250" spans="14:14">
      <c r="N163250" s="10"/>
    </row>
    <row r="163251" spans="14:14">
      <c r="N163251" s="10"/>
    </row>
    <row r="163252" spans="14:14">
      <c r="N163252" s="10"/>
    </row>
    <row r="163253" spans="14:14">
      <c r="N163253" s="10"/>
    </row>
    <row r="163254" spans="14:14">
      <c r="N163254" s="10"/>
    </row>
    <row r="163255" spans="14:14">
      <c r="N163255" s="10"/>
    </row>
    <row r="163256" spans="14:14">
      <c r="N163256" s="10"/>
    </row>
    <row r="163257" spans="14:14">
      <c r="N163257" s="10"/>
    </row>
    <row r="163258" spans="14:14">
      <c r="N163258" s="10"/>
    </row>
    <row r="163259" spans="14:14">
      <c r="N163259" s="10"/>
    </row>
    <row r="163260" spans="14:14">
      <c r="N163260" s="10"/>
    </row>
    <row r="163261" spans="14:14">
      <c r="N163261" s="10"/>
    </row>
    <row r="163262" spans="14:14">
      <c r="N163262" s="10"/>
    </row>
    <row r="163263" spans="14:14">
      <c r="N163263" s="10"/>
    </row>
    <row r="163264" spans="14:14">
      <c r="N163264" s="10"/>
    </row>
    <row r="163265" spans="14:14">
      <c r="N163265" s="10"/>
    </row>
    <row r="163266" spans="14:14">
      <c r="N163266" s="10"/>
    </row>
    <row r="163267" spans="14:14">
      <c r="N163267" s="10"/>
    </row>
    <row r="163268" spans="14:14">
      <c r="N163268" s="10"/>
    </row>
    <row r="163269" spans="14:14">
      <c r="N163269" s="10"/>
    </row>
    <row r="163270" spans="14:14">
      <c r="N163270" s="10"/>
    </row>
    <row r="163271" spans="14:14">
      <c r="N163271" s="10"/>
    </row>
    <row r="163272" spans="14:14">
      <c r="N163272" s="10"/>
    </row>
    <row r="163273" spans="14:14">
      <c r="N163273" s="10"/>
    </row>
    <row r="163274" spans="14:14">
      <c r="N163274" s="10"/>
    </row>
    <row r="163275" spans="14:14">
      <c r="N163275" s="10"/>
    </row>
    <row r="163276" spans="14:14">
      <c r="N163276" s="10"/>
    </row>
    <row r="163277" spans="14:14">
      <c r="N163277" s="10"/>
    </row>
    <row r="163278" spans="14:14">
      <c r="N163278" s="10"/>
    </row>
    <row r="163279" spans="14:14">
      <c r="N163279" s="10"/>
    </row>
    <row r="163280" spans="14:14">
      <c r="N163280" s="10"/>
    </row>
    <row r="163281" spans="14:14">
      <c r="N163281" s="10"/>
    </row>
    <row r="163282" spans="14:14">
      <c r="N163282" s="10"/>
    </row>
    <row r="163283" spans="14:14">
      <c r="N163283" s="10"/>
    </row>
    <row r="163284" spans="14:14">
      <c r="N163284" s="10"/>
    </row>
    <row r="163285" spans="14:14">
      <c r="N163285" s="10"/>
    </row>
    <row r="163286" spans="14:14">
      <c r="N163286" s="10"/>
    </row>
    <row r="163287" spans="14:14">
      <c r="N163287" s="10"/>
    </row>
    <row r="163288" spans="14:14">
      <c r="N163288" s="10"/>
    </row>
    <row r="163289" spans="14:14">
      <c r="N163289" s="10"/>
    </row>
    <row r="163290" spans="14:14">
      <c r="N163290" s="10"/>
    </row>
    <row r="163291" spans="14:14">
      <c r="N163291" s="10"/>
    </row>
    <row r="163292" spans="14:14">
      <c r="N163292" s="10"/>
    </row>
    <row r="163293" spans="14:14">
      <c r="N163293" s="10"/>
    </row>
    <row r="163294" spans="14:14">
      <c r="N163294" s="10"/>
    </row>
    <row r="163295" spans="14:14">
      <c r="N163295" s="10"/>
    </row>
    <row r="163296" spans="14:14">
      <c r="N163296" s="10"/>
    </row>
    <row r="163297" spans="14:14">
      <c r="N163297" s="10"/>
    </row>
    <row r="163298" spans="14:14">
      <c r="N163298" s="10"/>
    </row>
    <row r="163299" spans="14:14">
      <c r="N163299" s="10"/>
    </row>
    <row r="163300" spans="14:14">
      <c r="N163300" s="10"/>
    </row>
    <row r="163301" spans="14:14">
      <c r="N163301" s="10"/>
    </row>
    <row r="163302" spans="14:14">
      <c r="N163302" s="10"/>
    </row>
    <row r="163303" spans="14:14">
      <c r="N163303" s="10"/>
    </row>
    <row r="163304" spans="14:14">
      <c r="N163304" s="10"/>
    </row>
    <row r="163305" spans="14:14">
      <c r="N163305" s="10"/>
    </row>
    <row r="163306" spans="14:14">
      <c r="N163306" s="10"/>
    </row>
    <row r="163307" spans="14:14">
      <c r="N163307" s="10"/>
    </row>
    <row r="163308" spans="14:14">
      <c r="N163308" s="10"/>
    </row>
    <row r="163309" spans="14:14">
      <c r="N163309" s="10"/>
    </row>
    <row r="163310" spans="14:14">
      <c r="N163310" s="10"/>
    </row>
    <row r="163311" spans="14:14">
      <c r="N163311" s="10"/>
    </row>
    <row r="163312" spans="14:14">
      <c r="N163312" s="10"/>
    </row>
    <row r="163313" spans="14:14">
      <c r="N163313" s="10"/>
    </row>
    <row r="163314" spans="14:14">
      <c r="N163314" s="10"/>
    </row>
    <row r="163315" spans="14:14">
      <c r="N163315" s="10"/>
    </row>
    <row r="163316" spans="14:14">
      <c r="N163316" s="10"/>
    </row>
    <row r="163317" spans="14:14">
      <c r="N163317" s="10"/>
    </row>
    <row r="163318" spans="14:14">
      <c r="N163318" s="10"/>
    </row>
    <row r="163319" spans="14:14">
      <c r="N163319" s="10"/>
    </row>
    <row r="163320" spans="14:14">
      <c r="N163320" s="10"/>
    </row>
    <row r="163321" spans="14:14">
      <c r="N163321" s="10"/>
    </row>
    <row r="163322" spans="14:14">
      <c r="N163322" s="10"/>
    </row>
    <row r="163323" spans="14:14">
      <c r="N163323" s="10"/>
    </row>
    <row r="163324" spans="14:14">
      <c r="N163324" s="10"/>
    </row>
    <row r="163325" spans="14:14">
      <c r="N163325" s="10"/>
    </row>
    <row r="163326" spans="14:14">
      <c r="N163326" s="10"/>
    </row>
    <row r="163327" spans="14:14">
      <c r="N163327" s="10"/>
    </row>
    <row r="163328" spans="14:14">
      <c r="N163328" s="10"/>
    </row>
    <row r="163329" spans="14:14">
      <c r="N163329" s="10"/>
    </row>
    <row r="163330" spans="14:14">
      <c r="N163330" s="10"/>
    </row>
    <row r="163331" spans="14:14">
      <c r="N163331" s="10"/>
    </row>
    <row r="163332" spans="14:14">
      <c r="N163332" s="10"/>
    </row>
    <row r="163333" spans="14:14">
      <c r="N163333" s="10"/>
    </row>
    <row r="163334" spans="14:14">
      <c r="N163334" s="10"/>
    </row>
    <row r="163335" spans="14:14">
      <c r="N163335" s="10"/>
    </row>
    <row r="163336" spans="14:14">
      <c r="N163336" s="10"/>
    </row>
    <row r="163337" spans="14:14">
      <c r="N163337" s="10"/>
    </row>
    <row r="163338" spans="14:14">
      <c r="N163338" s="10"/>
    </row>
    <row r="163339" spans="14:14">
      <c r="N163339" s="10"/>
    </row>
    <row r="163340" spans="14:14">
      <c r="N163340" s="10"/>
    </row>
    <row r="163341" spans="14:14">
      <c r="N163341" s="10"/>
    </row>
    <row r="163342" spans="14:14">
      <c r="N163342" s="10"/>
    </row>
    <row r="163343" spans="14:14">
      <c r="N163343" s="10"/>
    </row>
    <row r="163344" spans="14:14">
      <c r="N163344" s="10"/>
    </row>
    <row r="163345" spans="14:14">
      <c r="N163345" s="10"/>
    </row>
    <row r="163346" spans="14:14">
      <c r="N163346" s="10"/>
    </row>
    <row r="163347" spans="14:14">
      <c r="N163347" s="10"/>
    </row>
    <row r="163348" spans="14:14">
      <c r="N163348" s="10"/>
    </row>
    <row r="163349" spans="14:14">
      <c r="N163349" s="10"/>
    </row>
    <row r="163350" spans="14:14">
      <c r="N163350" s="10"/>
    </row>
    <row r="163351" spans="14:14">
      <c r="N163351" s="10"/>
    </row>
    <row r="163352" spans="14:14">
      <c r="N163352" s="10"/>
    </row>
    <row r="163353" spans="14:14">
      <c r="N163353" s="10"/>
    </row>
    <row r="163354" spans="14:14">
      <c r="N163354" s="10"/>
    </row>
    <row r="163355" spans="14:14">
      <c r="N163355" s="10"/>
    </row>
    <row r="163356" spans="14:14">
      <c r="N163356" s="10"/>
    </row>
    <row r="163357" spans="14:14">
      <c r="N163357" s="10"/>
    </row>
    <row r="163358" spans="14:14">
      <c r="N163358" s="10"/>
    </row>
    <row r="163359" spans="14:14">
      <c r="N163359" s="10"/>
    </row>
    <row r="163360" spans="14:14">
      <c r="N163360" s="10"/>
    </row>
    <row r="163361" spans="14:14">
      <c r="N163361" s="10"/>
    </row>
    <row r="163362" spans="14:14">
      <c r="N163362" s="10"/>
    </row>
    <row r="163363" spans="14:14">
      <c r="N163363" s="10"/>
    </row>
    <row r="163364" spans="14:14">
      <c r="N163364" s="10"/>
    </row>
    <row r="163365" spans="14:14">
      <c r="N163365" s="10"/>
    </row>
    <row r="163366" spans="14:14">
      <c r="N163366" s="10"/>
    </row>
    <row r="163367" spans="14:14">
      <c r="N163367" s="10"/>
    </row>
    <row r="163368" spans="14:14">
      <c r="N163368" s="10"/>
    </row>
    <row r="163369" spans="14:14">
      <c r="N163369" s="10"/>
    </row>
    <row r="163370" spans="14:14">
      <c r="N163370" s="10"/>
    </row>
    <row r="163371" spans="14:14">
      <c r="N163371" s="10"/>
    </row>
    <row r="163372" spans="14:14">
      <c r="N163372" s="10"/>
    </row>
    <row r="163373" spans="14:14">
      <c r="N163373" s="10"/>
    </row>
    <row r="163374" spans="14:14">
      <c r="N163374" s="10"/>
    </row>
    <row r="163375" spans="14:14">
      <c r="N163375" s="10"/>
    </row>
    <row r="163376" spans="14:14">
      <c r="N163376" s="10"/>
    </row>
    <row r="163377" spans="14:14">
      <c r="N163377" s="10"/>
    </row>
    <row r="163378" spans="14:14">
      <c r="N163378" s="10"/>
    </row>
    <row r="163379" spans="14:14">
      <c r="N163379" s="10"/>
    </row>
    <row r="163380" spans="14:14">
      <c r="N163380" s="10"/>
    </row>
    <row r="163381" spans="14:14">
      <c r="N163381" s="10"/>
    </row>
    <row r="163382" spans="14:14">
      <c r="N163382" s="10"/>
    </row>
    <row r="163383" spans="14:14">
      <c r="N163383" s="10"/>
    </row>
    <row r="163384" spans="14:14">
      <c r="N163384" s="10"/>
    </row>
    <row r="163385" spans="14:14">
      <c r="N163385" s="10"/>
    </row>
    <row r="163386" spans="14:14">
      <c r="N163386" s="10"/>
    </row>
    <row r="163387" spans="14:14">
      <c r="N163387" s="10"/>
    </row>
    <row r="163388" spans="14:14">
      <c r="N163388" s="10"/>
    </row>
    <row r="163389" spans="14:14">
      <c r="N163389" s="10"/>
    </row>
    <row r="163390" spans="14:14">
      <c r="N163390" s="10"/>
    </row>
    <row r="163391" spans="14:14">
      <c r="N163391" s="10"/>
    </row>
    <row r="163392" spans="14:14">
      <c r="N163392" s="10"/>
    </row>
    <row r="163393" spans="14:14">
      <c r="N163393" s="10"/>
    </row>
    <row r="163394" spans="14:14">
      <c r="N163394" s="10"/>
    </row>
    <row r="163395" spans="14:14">
      <c r="N163395" s="10"/>
    </row>
    <row r="163396" spans="14:14">
      <c r="N163396" s="10"/>
    </row>
    <row r="163397" spans="14:14">
      <c r="N163397" s="10"/>
    </row>
    <row r="163398" spans="14:14">
      <c r="N163398" s="10"/>
    </row>
    <row r="163399" spans="14:14">
      <c r="N163399" s="10"/>
    </row>
    <row r="163400" spans="14:14">
      <c r="N163400" s="10"/>
    </row>
    <row r="163401" spans="14:14">
      <c r="N163401" s="10"/>
    </row>
    <row r="163402" spans="14:14">
      <c r="N163402" s="10"/>
    </row>
    <row r="163403" spans="14:14">
      <c r="N163403" s="10"/>
    </row>
    <row r="163404" spans="14:14">
      <c r="N163404" s="10"/>
    </row>
    <row r="163405" spans="14:14">
      <c r="N163405" s="10"/>
    </row>
    <row r="163406" spans="14:14">
      <c r="N163406" s="10"/>
    </row>
    <row r="163407" spans="14:14">
      <c r="N163407" s="10"/>
    </row>
    <row r="163408" spans="14:14">
      <c r="N163408" s="10"/>
    </row>
    <row r="163409" spans="14:14">
      <c r="N163409" s="10"/>
    </row>
    <row r="163410" spans="14:14">
      <c r="N163410" s="10"/>
    </row>
    <row r="163411" spans="14:14">
      <c r="N163411" s="10"/>
    </row>
    <row r="163412" spans="14:14">
      <c r="N163412" s="10"/>
    </row>
    <row r="163413" spans="14:14">
      <c r="N163413" s="10"/>
    </row>
    <row r="163414" spans="14:14">
      <c r="N163414" s="10"/>
    </row>
    <row r="163415" spans="14:14">
      <c r="N163415" s="10"/>
    </row>
    <row r="163416" spans="14:14">
      <c r="N163416" s="10"/>
    </row>
    <row r="163417" spans="14:14">
      <c r="N163417" s="10"/>
    </row>
    <row r="163418" spans="14:14">
      <c r="N163418" s="10"/>
    </row>
    <row r="163419" spans="14:14">
      <c r="N163419" s="10"/>
    </row>
    <row r="163420" spans="14:14">
      <c r="N163420" s="10"/>
    </row>
    <row r="163421" spans="14:14">
      <c r="N163421" s="10"/>
    </row>
    <row r="163422" spans="14:14">
      <c r="N163422" s="10"/>
    </row>
    <row r="163423" spans="14:14">
      <c r="N163423" s="10"/>
    </row>
    <row r="163424" spans="14:14">
      <c r="N163424" s="10"/>
    </row>
    <row r="163425" spans="14:14">
      <c r="N163425" s="10"/>
    </row>
    <row r="163426" spans="14:14">
      <c r="N163426" s="10"/>
    </row>
    <row r="163427" spans="14:14">
      <c r="N163427" s="10"/>
    </row>
    <row r="163428" spans="14:14">
      <c r="N163428" s="10"/>
    </row>
    <row r="163429" spans="14:14">
      <c r="N163429" s="10"/>
    </row>
    <row r="163430" spans="14:14">
      <c r="N163430" s="10"/>
    </row>
    <row r="163431" spans="14:14">
      <c r="N163431" s="10"/>
    </row>
    <row r="163432" spans="14:14">
      <c r="N163432" s="10"/>
    </row>
    <row r="163433" spans="14:14">
      <c r="N163433" s="10"/>
    </row>
    <row r="163434" spans="14:14">
      <c r="N163434" s="10"/>
    </row>
    <row r="163435" spans="14:14">
      <c r="N163435" s="10"/>
    </row>
    <row r="163436" spans="14:14">
      <c r="N163436" s="10"/>
    </row>
    <row r="163437" spans="14:14">
      <c r="N163437" s="10"/>
    </row>
    <row r="163438" spans="14:14">
      <c r="N163438" s="10"/>
    </row>
    <row r="163439" spans="14:14">
      <c r="N163439" s="10"/>
    </row>
    <row r="163440" spans="14:14">
      <c r="N163440" s="10"/>
    </row>
    <row r="163441" spans="14:14">
      <c r="N163441" s="10"/>
    </row>
    <row r="163442" spans="14:14">
      <c r="N163442" s="10"/>
    </row>
    <row r="163443" spans="14:14">
      <c r="N163443" s="10"/>
    </row>
    <row r="163444" spans="14:14">
      <c r="N163444" s="10"/>
    </row>
    <row r="163445" spans="14:14">
      <c r="N163445" s="10"/>
    </row>
    <row r="163446" spans="14:14">
      <c r="N163446" s="10"/>
    </row>
    <row r="163447" spans="14:14">
      <c r="N163447" s="10"/>
    </row>
    <row r="163448" spans="14:14">
      <c r="N163448" s="10"/>
    </row>
    <row r="163449" spans="14:14">
      <c r="N163449" s="10"/>
    </row>
    <row r="163450" spans="14:14">
      <c r="N163450" s="10"/>
    </row>
    <row r="163451" spans="14:14">
      <c r="N163451" s="10"/>
    </row>
    <row r="163452" spans="14:14">
      <c r="N163452" s="10"/>
    </row>
    <row r="163453" spans="14:14">
      <c r="N163453" s="10"/>
    </row>
    <row r="163454" spans="14:14">
      <c r="N163454" s="10"/>
    </row>
    <row r="163455" spans="14:14">
      <c r="N163455" s="10"/>
    </row>
    <row r="163456" spans="14:14">
      <c r="N163456" s="10"/>
    </row>
    <row r="163457" spans="14:14">
      <c r="N163457" s="10"/>
    </row>
    <row r="163458" spans="14:14">
      <c r="N163458" s="10"/>
    </row>
    <row r="163459" spans="14:14">
      <c r="N163459" s="10"/>
    </row>
    <row r="163460" spans="14:14">
      <c r="N163460" s="10"/>
    </row>
    <row r="163461" spans="14:14">
      <c r="N163461" s="10"/>
    </row>
    <row r="163462" spans="14:14">
      <c r="N163462" s="10"/>
    </row>
    <row r="163463" spans="14:14">
      <c r="N163463" s="10"/>
    </row>
    <row r="163464" spans="14:14">
      <c r="N163464" s="10"/>
    </row>
    <row r="163465" spans="14:14">
      <c r="N163465" s="10"/>
    </row>
    <row r="163466" spans="14:14">
      <c r="N163466" s="10"/>
    </row>
    <row r="163467" spans="14:14">
      <c r="N163467" s="10"/>
    </row>
    <row r="163468" spans="14:14">
      <c r="N163468" s="10"/>
    </row>
    <row r="163469" spans="14:14">
      <c r="N163469" s="10"/>
    </row>
    <row r="163470" spans="14:14">
      <c r="N163470" s="10"/>
    </row>
    <row r="163471" spans="14:14">
      <c r="N163471" s="10"/>
    </row>
    <row r="163472" spans="14:14">
      <c r="N163472" s="10"/>
    </row>
    <row r="163473" spans="14:14">
      <c r="N163473" s="10"/>
    </row>
    <row r="163474" spans="14:14">
      <c r="N163474" s="10"/>
    </row>
    <row r="163475" spans="14:14">
      <c r="N163475" s="10"/>
    </row>
    <row r="163476" spans="14:14">
      <c r="N163476" s="10"/>
    </row>
    <row r="163477" spans="14:14">
      <c r="N163477" s="10"/>
    </row>
    <row r="163478" spans="14:14">
      <c r="N163478" s="10"/>
    </row>
    <row r="163479" spans="14:14">
      <c r="N163479" s="10"/>
    </row>
    <row r="163480" spans="14:14">
      <c r="N163480" s="10"/>
    </row>
    <row r="163481" spans="14:14">
      <c r="N163481" s="10"/>
    </row>
    <row r="163482" spans="14:14">
      <c r="N163482" s="10"/>
    </row>
    <row r="163483" spans="14:14">
      <c r="N163483" s="10"/>
    </row>
    <row r="163484" spans="14:14">
      <c r="N163484" s="10"/>
    </row>
    <row r="163485" spans="14:14">
      <c r="N163485" s="10"/>
    </row>
    <row r="163486" spans="14:14">
      <c r="N163486" s="10"/>
    </row>
    <row r="163487" spans="14:14">
      <c r="N163487" s="10"/>
    </row>
    <row r="163488" spans="14:14">
      <c r="N163488" s="10"/>
    </row>
    <row r="163489" spans="14:14">
      <c r="N163489" s="10"/>
    </row>
    <row r="163490" spans="14:14">
      <c r="N163490" s="10"/>
    </row>
    <row r="163491" spans="14:14">
      <c r="N163491" s="10"/>
    </row>
    <row r="163492" spans="14:14">
      <c r="N163492" s="10"/>
    </row>
    <row r="163493" spans="14:14">
      <c r="N163493" s="10"/>
    </row>
    <row r="163494" spans="14:14">
      <c r="N163494" s="10"/>
    </row>
    <row r="163495" spans="14:14">
      <c r="N163495" s="10"/>
    </row>
    <row r="163496" spans="14:14">
      <c r="N163496" s="10"/>
    </row>
    <row r="163497" spans="14:14">
      <c r="N163497" s="10"/>
    </row>
    <row r="163498" spans="14:14">
      <c r="N163498" s="10"/>
    </row>
    <row r="163499" spans="14:14">
      <c r="N163499" s="10"/>
    </row>
    <row r="163500" spans="14:14">
      <c r="N163500" s="10"/>
    </row>
    <row r="163501" spans="14:14">
      <c r="N163501" s="10"/>
    </row>
    <row r="163502" spans="14:14">
      <c r="N163502" s="10"/>
    </row>
    <row r="163503" spans="14:14">
      <c r="N163503" s="10"/>
    </row>
    <row r="163504" spans="14:14">
      <c r="N163504" s="10"/>
    </row>
    <row r="163505" spans="14:14">
      <c r="N163505" s="10"/>
    </row>
    <row r="163506" spans="14:14">
      <c r="N163506" s="10"/>
    </row>
    <row r="163507" spans="14:14">
      <c r="N163507" s="10"/>
    </row>
    <row r="163508" spans="14:14">
      <c r="N163508" s="10"/>
    </row>
    <row r="163509" spans="14:14">
      <c r="N163509" s="10"/>
    </row>
    <row r="163510" spans="14:14">
      <c r="N163510" s="10"/>
    </row>
    <row r="163511" spans="14:14">
      <c r="N163511" s="10"/>
    </row>
    <row r="163512" spans="14:14">
      <c r="N163512" s="10"/>
    </row>
    <row r="163513" spans="14:14">
      <c r="N163513" s="10"/>
    </row>
    <row r="163514" spans="14:14">
      <c r="N163514" s="10"/>
    </row>
    <row r="163515" spans="14:14">
      <c r="N163515" s="10"/>
    </row>
    <row r="163516" spans="14:14">
      <c r="N163516" s="10"/>
    </row>
    <row r="163517" spans="14:14">
      <c r="N163517" s="10"/>
    </row>
    <row r="163518" spans="14:14">
      <c r="N163518" s="10"/>
    </row>
    <row r="163519" spans="14:14">
      <c r="N163519" s="10"/>
    </row>
    <row r="163520" spans="14:14">
      <c r="N163520" s="10"/>
    </row>
    <row r="163521" spans="14:14">
      <c r="N163521" s="10"/>
    </row>
    <row r="163522" spans="14:14">
      <c r="N163522" s="10"/>
    </row>
    <row r="163523" spans="14:14">
      <c r="N163523" s="10"/>
    </row>
    <row r="163524" spans="14:14">
      <c r="N163524" s="10"/>
    </row>
    <row r="163525" spans="14:14">
      <c r="N163525" s="10"/>
    </row>
    <row r="163526" spans="14:14">
      <c r="N163526" s="10"/>
    </row>
    <row r="163527" spans="14:14">
      <c r="N163527" s="10"/>
    </row>
    <row r="163528" spans="14:14">
      <c r="N163528" s="10"/>
    </row>
    <row r="163529" spans="14:14">
      <c r="N163529" s="10"/>
    </row>
    <row r="163530" spans="14:14">
      <c r="N163530" s="10"/>
    </row>
    <row r="163531" spans="14:14">
      <c r="N163531" s="10"/>
    </row>
    <row r="163532" spans="14:14">
      <c r="N163532" s="10"/>
    </row>
    <row r="163533" spans="14:14">
      <c r="N163533" s="10"/>
    </row>
    <row r="163534" spans="14:14">
      <c r="N163534" s="10"/>
    </row>
    <row r="163535" spans="14:14">
      <c r="N163535" s="10"/>
    </row>
    <row r="163536" spans="14:14">
      <c r="N163536" s="10"/>
    </row>
    <row r="163537" spans="14:14">
      <c r="N163537" s="10"/>
    </row>
    <row r="163538" spans="14:14">
      <c r="N163538" s="10"/>
    </row>
    <row r="163539" spans="14:14">
      <c r="N163539" s="10"/>
    </row>
    <row r="163540" spans="14:14">
      <c r="N163540" s="10"/>
    </row>
    <row r="163541" spans="14:14">
      <c r="N163541" s="10"/>
    </row>
    <row r="163542" spans="14:14">
      <c r="N163542" s="10"/>
    </row>
    <row r="163543" spans="14:14">
      <c r="N163543" s="10"/>
    </row>
    <row r="163544" spans="14:14">
      <c r="N163544" s="10"/>
    </row>
    <row r="163545" spans="14:14">
      <c r="N163545" s="10"/>
    </row>
    <row r="163546" spans="14:14">
      <c r="N163546" s="10"/>
    </row>
    <row r="163547" spans="14:14">
      <c r="N163547" s="10"/>
    </row>
    <row r="163548" spans="14:14">
      <c r="N163548" s="10"/>
    </row>
    <row r="163549" spans="14:14">
      <c r="N163549" s="10"/>
    </row>
    <row r="163550" spans="14:14">
      <c r="N163550" s="10"/>
    </row>
    <row r="163551" spans="14:14">
      <c r="N163551" s="10"/>
    </row>
    <row r="163552" spans="14:14">
      <c r="N163552" s="10"/>
    </row>
    <row r="163553" spans="14:14">
      <c r="N163553" s="10"/>
    </row>
    <row r="163554" spans="14:14">
      <c r="N163554" s="10"/>
    </row>
    <row r="163555" spans="14:14">
      <c r="N163555" s="10"/>
    </row>
    <row r="163556" spans="14:14">
      <c r="N163556" s="10"/>
    </row>
    <row r="163557" spans="14:14">
      <c r="N163557" s="10"/>
    </row>
    <row r="163558" spans="14:14">
      <c r="N163558" s="10"/>
    </row>
    <row r="163559" spans="14:14">
      <c r="N163559" s="10"/>
    </row>
    <row r="163560" spans="14:14">
      <c r="N163560" s="10"/>
    </row>
    <row r="163561" spans="14:14">
      <c r="N163561" s="10"/>
    </row>
    <row r="163562" spans="14:14">
      <c r="N163562" s="10"/>
    </row>
    <row r="163563" spans="14:14">
      <c r="N163563" s="10"/>
    </row>
    <row r="163564" spans="14:14">
      <c r="N163564" s="10"/>
    </row>
    <row r="163565" spans="14:14">
      <c r="N163565" s="10"/>
    </row>
    <row r="163566" spans="14:14">
      <c r="N163566" s="10"/>
    </row>
    <row r="163567" spans="14:14">
      <c r="N163567" s="10"/>
    </row>
    <row r="163568" spans="14:14">
      <c r="N163568" s="10"/>
    </row>
    <row r="163569" spans="14:14">
      <c r="N163569" s="10"/>
    </row>
    <row r="163570" spans="14:14">
      <c r="N163570" s="10"/>
    </row>
    <row r="163571" spans="14:14">
      <c r="N163571" s="10"/>
    </row>
    <row r="163572" spans="14:14">
      <c r="N163572" s="10"/>
    </row>
    <row r="163573" spans="14:14">
      <c r="N163573" s="10"/>
    </row>
    <row r="163574" spans="14:14">
      <c r="N163574" s="10"/>
    </row>
    <row r="163575" spans="14:14">
      <c r="N163575" s="10"/>
    </row>
    <row r="163576" spans="14:14">
      <c r="N163576" s="10"/>
    </row>
    <row r="163577" spans="14:14">
      <c r="N163577" s="10"/>
    </row>
    <row r="163578" spans="14:14">
      <c r="N163578" s="10"/>
    </row>
    <row r="163579" spans="14:14">
      <c r="N163579" s="10"/>
    </row>
    <row r="163580" spans="14:14">
      <c r="N163580" s="10"/>
    </row>
    <row r="163581" spans="14:14">
      <c r="N163581" s="10"/>
    </row>
    <row r="163582" spans="14:14">
      <c r="N163582" s="10"/>
    </row>
    <row r="163583" spans="14:14">
      <c r="N163583" s="10"/>
    </row>
    <row r="163584" spans="14:14">
      <c r="N163584" s="10"/>
    </row>
    <row r="163585" spans="14:14">
      <c r="N163585" s="10"/>
    </row>
    <row r="163586" spans="14:14">
      <c r="N163586" s="10"/>
    </row>
    <row r="163587" spans="14:14">
      <c r="N163587" s="10"/>
    </row>
    <row r="163588" spans="14:14">
      <c r="N163588" s="10"/>
    </row>
    <row r="163589" spans="14:14">
      <c r="N163589" s="10"/>
    </row>
    <row r="163590" spans="14:14">
      <c r="N163590" s="10"/>
    </row>
    <row r="163591" spans="14:14">
      <c r="N163591" s="10"/>
    </row>
    <row r="163592" spans="14:14">
      <c r="N163592" s="10"/>
    </row>
    <row r="163593" spans="14:14">
      <c r="N163593" s="10"/>
    </row>
    <row r="163594" spans="14:14">
      <c r="N163594" s="10"/>
    </row>
    <row r="163595" spans="14:14">
      <c r="N163595" s="10"/>
    </row>
    <row r="163596" spans="14:14">
      <c r="N163596" s="10"/>
    </row>
    <row r="163597" spans="14:14">
      <c r="N163597" s="10"/>
    </row>
    <row r="163598" spans="14:14">
      <c r="N163598" s="10"/>
    </row>
    <row r="163599" spans="14:14">
      <c r="N163599" s="10"/>
    </row>
    <row r="163600" spans="14:14">
      <c r="N163600" s="10"/>
    </row>
    <row r="163601" spans="14:14">
      <c r="N163601" s="10"/>
    </row>
    <row r="163602" spans="14:14">
      <c r="N163602" s="10"/>
    </row>
    <row r="163603" spans="14:14">
      <c r="N163603" s="10"/>
    </row>
    <row r="163604" spans="14:14">
      <c r="N163604" s="10"/>
    </row>
    <row r="163605" spans="14:14">
      <c r="N163605" s="10"/>
    </row>
    <row r="163606" spans="14:14">
      <c r="N163606" s="10"/>
    </row>
    <row r="163607" spans="14:14">
      <c r="N163607" s="10"/>
    </row>
    <row r="163608" spans="14:14">
      <c r="N163608" s="10"/>
    </row>
    <row r="163609" spans="14:14">
      <c r="N163609" s="10"/>
    </row>
    <row r="163610" spans="14:14">
      <c r="N163610" s="10"/>
    </row>
    <row r="163611" spans="14:14">
      <c r="N163611" s="10"/>
    </row>
    <row r="163612" spans="14:14">
      <c r="N163612" s="10"/>
    </row>
    <row r="163613" spans="14:14">
      <c r="N163613" s="10"/>
    </row>
    <row r="163614" spans="14:14">
      <c r="N163614" s="10"/>
    </row>
    <row r="163615" spans="14:14">
      <c r="N163615" s="10"/>
    </row>
    <row r="163616" spans="14:14">
      <c r="N163616" s="10"/>
    </row>
    <row r="163617" spans="14:14">
      <c r="N163617" s="10"/>
    </row>
    <row r="163618" spans="14:14">
      <c r="N163618" s="10"/>
    </row>
    <row r="163619" spans="14:14">
      <c r="N163619" s="10"/>
    </row>
    <row r="163620" spans="14:14">
      <c r="N163620" s="10"/>
    </row>
    <row r="163621" spans="14:14">
      <c r="N163621" s="10"/>
    </row>
    <row r="163622" spans="14:14">
      <c r="N163622" s="10"/>
    </row>
    <row r="163623" spans="14:14">
      <c r="N163623" s="10"/>
    </row>
    <row r="163624" spans="14:14">
      <c r="N163624" s="10"/>
    </row>
    <row r="163625" spans="14:14">
      <c r="N163625" s="10"/>
    </row>
    <row r="163626" spans="14:14">
      <c r="N163626" s="10"/>
    </row>
    <row r="163627" spans="14:14">
      <c r="N163627" s="10"/>
    </row>
    <row r="163628" spans="14:14">
      <c r="N163628" s="10"/>
    </row>
    <row r="163629" spans="14:14">
      <c r="N163629" s="10"/>
    </row>
    <row r="163630" spans="14:14">
      <c r="N163630" s="10"/>
    </row>
    <row r="163631" spans="14:14">
      <c r="N163631" s="10"/>
    </row>
    <row r="163632" spans="14:14">
      <c r="N163632" s="10"/>
    </row>
    <row r="163633" spans="14:14">
      <c r="N163633" s="10"/>
    </row>
    <row r="163634" spans="14:14">
      <c r="N163634" s="10"/>
    </row>
    <row r="163635" spans="14:14">
      <c r="N163635" s="10"/>
    </row>
    <row r="163636" spans="14:14">
      <c r="N163636" s="10"/>
    </row>
    <row r="163637" spans="14:14">
      <c r="N163637" s="10"/>
    </row>
    <row r="163638" spans="14:14">
      <c r="N163638" s="10"/>
    </row>
    <row r="163639" spans="14:14">
      <c r="N163639" s="10"/>
    </row>
    <row r="163640" spans="14:14">
      <c r="N163640" s="10"/>
    </row>
    <row r="163641" spans="14:14">
      <c r="N163641" s="10"/>
    </row>
    <row r="163642" spans="14:14">
      <c r="N163642" s="10"/>
    </row>
    <row r="163643" spans="14:14">
      <c r="N163643" s="10"/>
    </row>
    <row r="163644" spans="14:14">
      <c r="N163644" s="10"/>
    </row>
    <row r="163645" spans="14:14">
      <c r="N163645" s="10"/>
    </row>
    <row r="163646" spans="14:14">
      <c r="N163646" s="10"/>
    </row>
    <row r="163647" spans="14:14">
      <c r="N163647" s="10"/>
    </row>
    <row r="163648" spans="14:14">
      <c r="N163648" s="10"/>
    </row>
    <row r="163649" spans="14:14">
      <c r="N163649" s="10"/>
    </row>
    <row r="163650" spans="14:14">
      <c r="N163650" s="10"/>
    </row>
    <row r="163651" spans="14:14">
      <c r="N163651" s="10"/>
    </row>
    <row r="163652" spans="14:14">
      <c r="N163652" s="10"/>
    </row>
    <row r="163653" spans="14:14">
      <c r="N163653" s="10"/>
    </row>
    <row r="163654" spans="14:14">
      <c r="N163654" s="10"/>
    </row>
    <row r="163655" spans="14:14">
      <c r="N163655" s="10"/>
    </row>
    <row r="163656" spans="14:14">
      <c r="N163656" s="10"/>
    </row>
    <row r="163657" spans="14:14">
      <c r="N163657" s="10"/>
    </row>
    <row r="163658" spans="14:14">
      <c r="N163658" s="10"/>
    </row>
    <row r="163659" spans="14:14">
      <c r="N163659" s="10"/>
    </row>
    <row r="163660" spans="14:14">
      <c r="N163660" s="10"/>
    </row>
    <row r="163661" spans="14:14">
      <c r="N163661" s="10"/>
    </row>
    <row r="163662" spans="14:14">
      <c r="N163662" s="10"/>
    </row>
    <row r="163663" spans="14:14">
      <c r="N163663" s="10"/>
    </row>
    <row r="163664" spans="14:14">
      <c r="N163664" s="10"/>
    </row>
    <row r="163665" spans="14:14">
      <c r="N163665" s="10"/>
    </row>
    <row r="163666" spans="14:14">
      <c r="N163666" s="10"/>
    </row>
    <row r="163667" spans="14:14">
      <c r="N163667" s="10"/>
    </row>
    <row r="163668" spans="14:14">
      <c r="N163668" s="10"/>
    </row>
    <row r="163669" spans="14:14">
      <c r="N163669" s="10"/>
    </row>
    <row r="163670" spans="14:14">
      <c r="N163670" s="10"/>
    </row>
    <row r="163671" spans="14:14">
      <c r="N163671" s="10"/>
    </row>
    <row r="163672" spans="14:14">
      <c r="N163672" s="10"/>
    </row>
    <row r="163673" spans="14:14">
      <c r="N163673" s="10"/>
    </row>
    <row r="163674" spans="14:14">
      <c r="N163674" s="10"/>
    </row>
    <row r="163675" spans="14:14">
      <c r="N163675" s="10"/>
    </row>
    <row r="163676" spans="14:14">
      <c r="N163676" s="10"/>
    </row>
    <row r="163677" spans="14:14">
      <c r="N163677" s="10"/>
    </row>
    <row r="163678" spans="14:14">
      <c r="N163678" s="10"/>
    </row>
    <row r="163679" spans="14:14">
      <c r="N163679" s="10"/>
    </row>
    <row r="163680" spans="14:14">
      <c r="N163680" s="10"/>
    </row>
    <row r="163681" spans="14:14">
      <c r="N163681" s="10"/>
    </row>
    <row r="163682" spans="14:14">
      <c r="N163682" s="10"/>
    </row>
    <row r="163683" spans="14:14">
      <c r="N163683" s="10"/>
    </row>
    <row r="163684" spans="14:14">
      <c r="N163684" s="10"/>
    </row>
    <row r="163685" spans="14:14">
      <c r="N163685" s="10"/>
    </row>
    <row r="163686" spans="14:14">
      <c r="N163686" s="10"/>
    </row>
    <row r="163687" spans="14:14">
      <c r="N163687" s="10"/>
    </row>
    <row r="163688" spans="14:14">
      <c r="N163688" s="10"/>
    </row>
    <row r="163689" spans="14:14">
      <c r="N163689" s="10"/>
    </row>
    <row r="163690" spans="14:14">
      <c r="N163690" s="10"/>
    </row>
    <row r="163691" spans="14:14">
      <c r="N163691" s="10"/>
    </row>
    <row r="163692" spans="14:14">
      <c r="N163692" s="10"/>
    </row>
    <row r="163693" spans="14:14">
      <c r="N163693" s="10"/>
    </row>
    <row r="163694" spans="14:14">
      <c r="N163694" s="10"/>
    </row>
    <row r="163695" spans="14:14">
      <c r="N163695" s="10"/>
    </row>
    <row r="163696" spans="14:14">
      <c r="N163696" s="10"/>
    </row>
    <row r="163697" spans="14:14">
      <c r="N163697" s="10"/>
    </row>
    <row r="163698" spans="14:14">
      <c r="N163698" s="10"/>
    </row>
    <row r="163699" spans="14:14">
      <c r="N163699" s="10"/>
    </row>
    <row r="163700" spans="14:14">
      <c r="N163700" s="10"/>
    </row>
    <row r="163701" spans="14:14">
      <c r="N163701" s="10"/>
    </row>
    <row r="163702" spans="14:14">
      <c r="N163702" s="10"/>
    </row>
    <row r="163703" spans="14:14">
      <c r="N163703" s="10"/>
    </row>
    <row r="163704" spans="14:14">
      <c r="N163704" s="10"/>
    </row>
    <row r="163705" spans="14:14">
      <c r="N163705" s="10"/>
    </row>
    <row r="163706" spans="14:14">
      <c r="N163706" s="10"/>
    </row>
    <row r="163707" spans="14:14">
      <c r="N163707" s="10"/>
    </row>
    <row r="163708" spans="14:14">
      <c r="N163708" s="10"/>
    </row>
    <row r="163709" spans="14:14">
      <c r="N163709" s="10"/>
    </row>
    <row r="163710" spans="14:14">
      <c r="N163710" s="10"/>
    </row>
    <row r="163711" spans="14:14">
      <c r="N163711" s="10"/>
    </row>
    <row r="163712" spans="14:14">
      <c r="N163712" s="10"/>
    </row>
    <row r="163713" spans="14:14">
      <c r="N163713" s="10"/>
    </row>
    <row r="163714" spans="14:14">
      <c r="N163714" s="10"/>
    </row>
    <row r="163715" spans="14:14">
      <c r="N163715" s="10"/>
    </row>
    <row r="163716" spans="14:14">
      <c r="N163716" s="10"/>
    </row>
    <row r="163717" spans="14:14">
      <c r="N163717" s="10"/>
    </row>
    <row r="163718" spans="14:14">
      <c r="N163718" s="10"/>
    </row>
    <row r="163719" spans="14:14">
      <c r="N163719" s="10"/>
    </row>
    <row r="163720" spans="14:14">
      <c r="N163720" s="10"/>
    </row>
    <row r="163721" spans="14:14">
      <c r="N163721" s="10"/>
    </row>
    <row r="163722" spans="14:14">
      <c r="N163722" s="10"/>
    </row>
    <row r="163723" spans="14:14">
      <c r="N163723" s="10"/>
    </row>
    <row r="163724" spans="14:14">
      <c r="N163724" s="10"/>
    </row>
    <row r="163725" spans="14:14">
      <c r="N163725" s="10"/>
    </row>
    <row r="163726" spans="14:14">
      <c r="N163726" s="10"/>
    </row>
    <row r="163727" spans="14:14">
      <c r="N163727" s="10"/>
    </row>
    <row r="163728" spans="14:14">
      <c r="N163728" s="10"/>
    </row>
    <row r="163729" spans="14:14">
      <c r="N163729" s="10"/>
    </row>
    <row r="163730" spans="14:14">
      <c r="N163730" s="10"/>
    </row>
    <row r="163731" spans="14:14">
      <c r="N163731" s="10"/>
    </row>
    <row r="163732" spans="14:14">
      <c r="N163732" s="10"/>
    </row>
    <row r="163733" spans="14:14">
      <c r="N163733" s="10"/>
    </row>
    <row r="163734" spans="14:14">
      <c r="N163734" s="10"/>
    </row>
    <row r="163735" spans="14:14">
      <c r="N163735" s="10"/>
    </row>
    <row r="163736" spans="14:14">
      <c r="N163736" s="10"/>
    </row>
    <row r="163737" spans="14:14">
      <c r="N163737" s="10"/>
    </row>
    <row r="163738" spans="14:14">
      <c r="N163738" s="10"/>
    </row>
    <row r="163739" spans="14:14">
      <c r="N163739" s="10"/>
    </row>
    <row r="163740" spans="14:14">
      <c r="N163740" s="10"/>
    </row>
    <row r="163741" spans="14:14">
      <c r="N163741" s="10"/>
    </row>
    <row r="163742" spans="14:14">
      <c r="N163742" s="10"/>
    </row>
    <row r="163743" spans="14:14">
      <c r="N163743" s="10"/>
    </row>
    <row r="163744" spans="14:14">
      <c r="N163744" s="10"/>
    </row>
    <row r="163745" spans="14:14">
      <c r="N163745" s="10"/>
    </row>
    <row r="163746" spans="14:14">
      <c r="N163746" s="10"/>
    </row>
    <row r="163747" spans="14:14">
      <c r="N163747" s="10"/>
    </row>
    <row r="163748" spans="14:14">
      <c r="N163748" s="10"/>
    </row>
    <row r="163749" spans="14:14">
      <c r="N163749" s="10"/>
    </row>
    <row r="163750" spans="14:14">
      <c r="N163750" s="10"/>
    </row>
    <row r="163751" spans="14:14">
      <c r="N163751" s="10"/>
    </row>
    <row r="163752" spans="14:14">
      <c r="N163752" s="10"/>
    </row>
    <row r="163753" spans="14:14">
      <c r="N163753" s="10"/>
    </row>
    <row r="163754" spans="14:14">
      <c r="N163754" s="10"/>
    </row>
    <row r="163755" spans="14:14">
      <c r="N163755" s="10"/>
    </row>
    <row r="163756" spans="14:14">
      <c r="N163756" s="10"/>
    </row>
    <row r="163757" spans="14:14">
      <c r="N163757" s="10"/>
    </row>
    <row r="163758" spans="14:14">
      <c r="N163758" s="10"/>
    </row>
    <row r="163759" spans="14:14">
      <c r="N163759" s="10"/>
    </row>
    <row r="163760" spans="14:14">
      <c r="N163760" s="10"/>
    </row>
    <row r="163761" spans="14:14">
      <c r="N163761" s="10"/>
    </row>
    <row r="163762" spans="14:14">
      <c r="N163762" s="10"/>
    </row>
    <row r="163763" spans="14:14">
      <c r="N163763" s="10"/>
    </row>
    <row r="163764" spans="14:14">
      <c r="N163764" s="10"/>
    </row>
    <row r="163765" spans="14:14">
      <c r="N163765" s="10"/>
    </row>
    <row r="163766" spans="14:14">
      <c r="N163766" s="10"/>
    </row>
    <row r="163767" spans="14:14">
      <c r="N163767" s="10"/>
    </row>
    <row r="163768" spans="14:14">
      <c r="N163768" s="10"/>
    </row>
    <row r="163769" spans="14:14">
      <c r="N163769" s="10"/>
    </row>
    <row r="163770" spans="14:14">
      <c r="N163770" s="10"/>
    </row>
    <row r="163771" spans="14:14">
      <c r="N163771" s="10"/>
    </row>
    <row r="163772" spans="14:14">
      <c r="N163772" s="10"/>
    </row>
    <row r="163773" spans="14:14">
      <c r="N163773" s="10"/>
    </row>
    <row r="163774" spans="14:14">
      <c r="N163774" s="10"/>
    </row>
    <row r="163775" spans="14:14">
      <c r="N163775" s="10"/>
    </row>
    <row r="163776" spans="14:14">
      <c r="N163776" s="10"/>
    </row>
    <row r="163777" spans="14:14">
      <c r="N163777" s="10"/>
    </row>
    <row r="163778" spans="14:14">
      <c r="N163778" s="10"/>
    </row>
    <row r="163779" spans="14:14">
      <c r="N163779" s="10"/>
    </row>
    <row r="163780" spans="14:14">
      <c r="N163780" s="10"/>
    </row>
    <row r="163781" spans="14:14">
      <c r="N163781" s="10"/>
    </row>
    <row r="163782" spans="14:14">
      <c r="N163782" s="10"/>
    </row>
    <row r="163783" spans="14:14">
      <c r="N163783" s="10"/>
    </row>
    <row r="163784" spans="14:14">
      <c r="N163784" s="10"/>
    </row>
    <row r="163785" spans="14:14">
      <c r="N163785" s="10"/>
    </row>
    <row r="163786" spans="14:14">
      <c r="N163786" s="10"/>
    </row>
    <row r="163787" spans="14:14">
      <c r="N163787" s="10"/>
    </row>
    <row r="163788" spans="14:14">
      <c r="N163788" s="10"/>
    </row>
    <row r="163789" spans="14:14">
      <c r="N163789" s="10"/>
    </row>
    <row r="163790" spans="14:14">
      <c r="N163790" s="10"/>
    </row>
    <row r="163791" spans="14:14">
      <c r="N163791" s="10"/>
    </row>
    <row r="163792" spans="14:14">
      <c r="N163792" s="10"/>
    </row>
    <row r="163793" spans="14:14">
      <c r="N163793" s="10"/>
    </row>
    <row r="163794" spans="14:14">
      <c r="N163794" s="10"/>
    </row>
    <row r="163795" spans="14:14">
      <c r="N163795" s="10"/>
    </row>
    <row r="163796" spans="14:14">
      <c r="N163796" s="10"/>
    </row>
    <row r="163797" spans="14:14">
      <c r="N163797" s="10"/>
    </row>
    <row r="163798" spans="14:14">
      <c r="N163798" s="10"/>
    </row>
    <row r="163799" spans="14:14">
      <c r="N163799" s="10"/>
    </row>
    <row r="163800" spans="14:14">
      <c r="N163800" s="10"/>
    </row>
    <row r="163801" spans="14:14">
      <c r="N163801" s="10"/>
    </row>
    <row r="163802" spans="14:14">
      <c r="N163802" s="10"/>
    </row>
    <row r="163803" spans="14:14">
      <c r="N163803" s="10"/>
    </row>
    <row r="163804" spans="14:14">
      <c r="N163804" s="10"/>
    </row>
    <row r="163805" spans="14:14">
      <c r="N163805" s="10"/>
    </row>
    <row r="163806" spans="14:14">
      <c r="N163806" s="10"/>
    </row>
    <row r="163807" spans="14:14">
      <c r="N163807" s="10"/>
    </row>
    <row r="163808" spans="14:14">
      <c r="N163808" s="10"/>
    </row>
    <row r="163809" spans="14:14">
      <c r="N163809" s="10"/>
    </row>
    <row r="163810" spans="14:14">
      <c r="N163810" s="10"/>
    </row>
    <row r="163811" spans="14:14">
      <c r="N163811" s="10"/>
    </row>
    <row r="163812" spans="14:14">
      <c r="N163812" s="10"/>
    </row>
    <row r="163813" spans="14:14">
      <c r="N163813" s="10"/>
    </row>
    <row r="163814" spans="14:14">
      <c r="N163814" s="10"/>
    </row>
    <row r="163815" spans="14:14">
      <c r="N163815" s="10"/>
    </row>
    <row r="163816" spans="14:14">
      <c r="N163816" s="10"/>
    </row>
    <row r="163817" spans="14:14">
      <c r="N163817" s="10"/>
    </row>
    <row r="163818" spans="14:14">
      <c r="N163818" s="10"/>
    </row>
    <row r="163819" spans="14:14">
      <c r="N163819" s="10"/>
    </row>
    <row r="163820" spans="14:14">
      <c r="N163820" s="10"/>
    </row>
    <row r="163821" spans="14:14">
      <c r="N163821" s="10"/>
    </row>
    <row r="163822" spans="14:14">
      <c r="N163822" s="10"/>
    </row>
    <row r="163823" spans="14:14">
      <c r="N163823" s="10"/>
    </row>
    <row r="163824" spans="14:14">
      <c r="N163824" s="10"/>
    </row>
    <row r="163825" spans="14:14">
      <c r="N163825" s="10"/>
    </row>
    <row r="163826" spans="14:14">
      <c r="N163826" s="10"/>
    </row>
    <row r="163827" spans="14:14">
      <c r="N163827" s="10"/>
    </row>
    <row r="163828" spans="14:14">
      <c r="N163828" s="10"/>
    </row>
    <row r="163829" spans="14:14">
      <c r="N163829" s="10"/>
    </row>
    <row r="163830" spans="14:14">
      <c r="N163830" s="10"/>
    </row>
    <row r="163831" spans="14:14">
      <c r="N163831" s="10"/>
    </row>
    <row r="163832" spans="14:14">
      <c r="N163832" s="10"/>
    </row>
    <row r="163833" spans="14:14">
      <c r="N163833" s="10"/>
    </row>
    <row r="163834" spans="14:14">
      <c r="N163834" s="10"/>
    </row>
    <row r="163835" spans="14:14">
      <c r="N163835" s="10"/>
    </row>
    <row r="163836" spans="14:14">
      <c r="N163836" s="10"/>
    </row>
    <row r="163837" spans="14:14">
      <c r="N163837" s="10"/>
    </row>
    <row r="163838" spans="14:14">
      <c r="N163838" s="10"/>
    </row>
    <row r="163839" spans="14:14">
      <c r="N163839" s="10"/>
    </row>
    <row r="163840" spans="14:14">
      <c r="N163840" s="10"/>
    </row>
    <row r="163841" spans="14:14">
      <c r="N163841" s="10"/>
    </row>
    <row r="163842" spans="14:14">
      <c r="N163842" s="10"/>
    </row>
    <row r="163843" spans="14:14">
      <c r="N163843" s="10"/>
    </row>
    <row r="163844" spans="14:14">
      <c r="N163844" s="10"/>
    </row>
    <row r="163845" spans="14:14">
      <c r="N163845" s="10"/>
    </row>
    <row r="163846" spans="14:14">
      <c r="N163846" s="10"/>
    </row>
    <row r="163847" spans="14:14">
      <c r="N163847" s="10"/>
    </row>
    <row r="163848" spans="14:14">
      <c r="N163848" s="10"/>
    </row>
    <row r="163849" spans="14:14">
      <c r="N163849" s="10"/>
    </row>
    <row r="163850" spans="14:14">
      <c r="N163850" s="10"/>
    </row>
    <row r="163851" spans="14:14">
      <c r="N163851" s="10"/>
    </row>
    <row r="163852" spans="14:14">
      <c r="N163852" s="10"/>
    </row>
    <row r="163853" spans="14:14">
      <c r="N163853" s="10"/>
    </row>
    <row r="163854" spans="14:14">
      <c r="N163854" s="10"/>
    </row>
    <row r="163855" spans="14:14">
      <c r="N163855" s="10"/>
    </row>
    <row r="163856" spans="14:14">
      <c r="N163856" s="10"/>
    </row>
    <row r="163857" spans="14:14">
      <c r="N163857" s="10"/>
    </row>
    <row r="163858" spans="14:14">
      <c r="N163858" s="10"/>
    </row>
    <row r="163859" spans="14:14">
      <c r="N163859" s="10"/>
    </row>
    <row r="163860" spans="14:14">
      <c r="N163860" s="10"/>
    </row>
    <row r="163861" spans="14:14">
      <c r="N163861" s="10"/>
    </row>
    <row r="163862" spans="14:14">
      <c r="N163862" s="10"/>
    </row>
    <row r="163863" spans="14:14">
      <c r="N163863" s="10"/>
    </row>
    <row r="163864" spans="14:14">
      <c r="N163864" s="10"/>
    </row>
    <row r="163865" spans="14:14">
      <c r="N163865" s="10"/>
    </row>
    <row r="163866" spans="14:14">
      <c r="N163866" s="10"/>
    </row>
    <row r="163867" spans="14:14">
      <c r="N163867" s="10"/>
    </row>
    <row r="163868" spans="14:14">
      <c r="N163868" s="10"/>
    </row>
    <row r="163869" spans="14:14">
      <c r="N163869" s="10"/>
    </row>
    <row r="163870" spans="14:14">
      <c r="N163870" s="10"/>
    </row>
    <row r="163871" spans="14:14">
      <c r="N163871" s="10"/>
    </row>
    <row r="163872" spans="14:14">
      <c r="N163872" s="10"/>
    </row>
    <row r="163873" spans="14:14">
      <c r="N163873" s="10"/>
    </row>
    <row r="163874" spans="14:14">
      <c r="N163874" s="10"/>
    </row>
    <row r="163875" spans="14:14">
      <c r="N163875" s="10"/>
    </row>
    <row r="163876" spans="14:14">
      <c r="N163876" s="10"/>
    </row>
    <row r="163877" spans="14:14">
      <c r="N163877" s="10"/>
    </row>
    <row r="163878" spans="14:14">
      <c r="N163878" s="10"/>
    </row>
    <row r="163879" spans="14:14">
      <c r="N163879" s="10"/>
    </row>
    <row r="163880" spans="14:14">
      <c r="N163880" s="10"/>
    </row>
    <row r="163881" spans="14:14">
      <c r="N163881" s="10"/>
    </row>
    <row r="163882" spans="14:14">
      <c r="N163882" s="10"/>
    </row>
    <row r="163883" spans="14:14">
      <c r="N163883" s="10"/>
    </row>
    <row r="163884" spans="14:14">
      <c r="N163884" s="10"/>
    </row>
    <row r="163885" spans="14:14">
      <c r="N163885" s="10"/>
    </row>
    <row r="163886" spans="14:14">
      <c r="N163886" s="10"/>
    </row>
    <row r="163887" spans="14:14">
      <c r="N163887" s="10"/>
    </row>
    <row r="163888" spans="14:14">
      <c r="N163888" s="10"/>
    </row>
    <row r="163889" spans="14:14">
      <c r="N163889" s="10"/>
    </row>
    <row r="163890" spans="14:14">
      <c r="N163890" s="10"/>
    </row>
    <row r="163891" spans="14:14">
      <c r="N163891" s="10"/>
    </row>
    <row r="163892" spans="14:14">
      <c r="N163892" s="10"/>
    </row>
    <row r="163893" spans="14:14">
      <c r="N163893" s="10"/>
    </row>
    <row r="163894" spans="14:14">
      <c r="N163894" s="10"/>
    </row>
    <row r="163895" spans="14:14">
      <c r="N163895" s="10"/>
    </row>
    <row r="163896" spans="14:14">
      <c r="N163896" s="10"/>
    </row>
    <row r="163897" spans="14:14">
      <c r="N163897" s="10"/>
    </row>
    <row r="163898" spans="14:14">
      <c r="N163898" s="10"/>
    </row>
    <row r="163899" spans="14:14">
      <c r="N163899" s="10"/>
    </row>
    <row r="163900" spans="14:14">
      <c r="N163900" s="10"/>
    </row>
    <row r="163901" spans="14:14">
      <c r="N163901" s="10"/>
    </row>
    <row r="163902" spans="14:14">
      <c r="N163902" s="10"/>
    </row>
    <row r="163903" spans="14:14">
      <c r="N163903" s="10"/>
    </row>
    <row r="163904" spans="14:14">
      <c r="N163904" s="10"/>
    </row>
    <row r="163905" spans="14:14">
      <c r="N163905" s="10"/>
    </row>
    <row r="163906" spans="14:14">
      <c r="N163906" s="10"/>
    </row>
    <row r="163907" spans="14:14">
      <c r="N163907" s="10"/>
    </row>
    <row r="163908" spans="14:14">
      <c r="N163908" s="10"/>
    </row>
    <row r="163909" spans="14:14">
      <c r="N163909" s="10"/>
    </row>
    <row r="163910" spans="14:14">
      <c r="N163910" s="10"/>
    </row>
    <row r="163911" spans="14:14">
      <c r="N163911" s="10"/>
    </row>
    <row r="163912" spans="14:14">
      <c r="N163912" s="10"/>
    </row>
    <row r="163913" spans="14:14">
      <c r="N163913" s="10"/>
    </row>
    <row r="163914" spans="14:14">
      <c r="N163914" s="10"/>
    </row>
    <row r="163915" spans="14:14">
      <c r="N163915" s="10"/>
    </row>
    <row r="163916" spans="14:14">
      <c r="N163916" s="10"/>
    </row>
    <row r="163917" spans="14:14">
      <c r="N163917" s="10"/>
    </row>
    <row r="163918" spans="14:14">
      <c r="N163918" s="10"/>
    </row>
    <row r="163919" spans="14:14">
      <c r="N163919" s="10"/>
    </row>
    <row r="163920" spans="14:14">
      <c r="N163920" s="10"/>
    </row>
    <row r="163921" spans="14:14">
      <c r="N163921" s="10"/>
    </row>
    <row r="163922" spans="14:14">
      <c r="N163922" s="10"/>
    </row>
    <row r="163923" spans="14:14">
      <c r="N163923" s="10"/>
    </row>
    <row r="163924" spans="14:14">
      <c r="N163924" s="10"/>
    </row>
    <row r="163925" spans="14:14">
      <c r="N163925" s="10"/>
    </row>
    <row r="163926" spans="14:14">
      <c r="N163926" s="10"/>
    </row>
    <row r="163927" spans="14:14">
      <c r="N163927" s="10"/>
    </row>
    <row r="163928" spans="14:14">
      <c r="N163928" s="10"/>
    </row>
    <row r="163929" spans="14:14">
      <c r="N163929" s="10"/>
    </row>
    <row r="163930" spans="14:14">
      <c r="N163930" s="10"/>
    </row>
    <row r="163931" spans="14:14">
      <c r="N163931" s="10"/>
    </row>
    <row r="163932" spans="14:14">
      <c r="N163932" s="10"/>
    </row>
    <row r="163933" spans="14:14">
      <c r="N163933" s="10"/>
    </row>
    <row r="163934" spans="14:14">
      <c r="N163934" s="10"/>
    </row>
    <row r="163935" spans="14:14">
      <c r="N163935" s="10"/>
    </row>
    <row r="163936" spans="14:14">
      <c r="N163936" s="10"/>
    </row>
    <row r="163937" spans="14:14">
      <c r="N163937" s="10"/>
    </row>
    <row r="163938" spans="14:14">
      <c r="N163938" s="10"/>
    </row>
    <row r="163939" spans="14:14">
      <c r="N163939" s="10"/>
    </row>
    <row r="163940" spans="14:14">
      <c r="N163940" s="10"/>
    </row>
    <row r="163941" spans="14:14">
      <c r="N163941" s="10"/>
    </row>
    <row r="163942" spans="14:14">
      <c r="N163942" s="10"/>
    </row>
    <row r="163943" spans="14:14">
      <c r="N163943" s="10"/>
    </row>
    <row r="163944" spans="14:14">
      <c r="N163944" s="10"/>
    </row>
    <row r="163945" spans="14:14">
      <c r="N163945" s="10"/>
    </row>
    <row r="163946" spans="14:14">
      <c r="N163946" s="10"/>
    </row>
    <row r="163947" spans="14:14">
      <c r="N163947" s="10"/>
    </row>
    <row r="163948" spans="14:14">
      <c r="N163948" s="10"/>
    </row>
    <row r="163949" spans="14:14">
      <c r="N163949" s="10"/>
    </row>
    <row r="163950" spans="14:14">
      <c r="N163950" s="10"/>
    </row>
    <row r="163951" spans="14:14">
      <c r="N163951" s="10"/>
    </row>
    <row r="163952" spans="14:14">
      <c r="N163952" s="10"/>
    </row>
    <row r="163953" spans="14:14">
      <c r="N163953" s="10"/>
    </row>
    <row r="163954" spans="14:14">
      <c r="N163954" s="10"/>
    </row>
    <row r="163955" spans="14:14">
      <c r="N163955" s="10"/>
    </row>
    <row r="163956" spans="14:14">
      <c r="N163956" s="10"/>
    </row>
    <row r="163957" spans="14:14">
      <c r="N163957" s="10"/>
    </row>
    <row r="163958" spans="14:14">
      <c r="N163958" s="10"/>
    </row>
    <row r="163959" spans="14:14">
      <c r="N163959" s="10"/>
    </row>
    <row r="163960" spans="14:14">
      <c r="N163960" s="10"/>
    </row>
    <row r="163961" spans="14:14">
      <c r="N163961" s="10"/>
    </row>
    <row r="163962" spans="14:14">
      <c r="N163962" s="10"/>
    </row>
    <row r="163963" spans="14:14">
      <c r="N163963" s="10"/>
    </row>
    <row r="163964" spans="14:14">
      <c r="N163964" s="10"/>
    </row>
    <row r="163965" spans="14:14">
      <c r="N163965" s="10"/>
    </row>
    <row r="163966" spans="14:14">
      <c r="N163966" s="10"/>
    </row>
    <row r="163967" spans="14:14">
      <c r="N163967" s="10"/>
    </row>
    <row r="163968" spans="14:14">
      <c r="N163968" s="10"/>
    </row>
    <row r="163969" spans="14:14">
      <c r="N163969" s="10"/>
    </row>
    <row r="163970" spans="14:14">
      <c r="N163970" s="10"/>
    </row>
    <row r="163971" spans="14:14">
      <c r="N163971" s="10"/>
    </row>
    <row r="163972" spans="14:14">
      <c r="N163972" s="10"/>
    </row>
    <row r="163973" spans="14:14">
      <c r="N163973" s="10"/>
    </row>
    <row r="163974" spans="14:14">
      <c r="N163974" s="10"/>
    </row>
    <row r="163975" spans="14:14">
      <c r="N163975" s="10"/>
    </row>
    <row r="163976" spans="14:14">
      <c r="N163976" s="10"/>
    </row>
    <row r="163977" spans="14:14">
      <c r="N163977" s="10"/>
    </row>
    <row r="163978" spans="14:14">
      <c r="N163978" s="10"/>
    </row>
    <row r="163979" spans="14:14">
      <c r="N163979" s="10"/>
    </row>
    <row r="163980" spans="14:14">
      <c r="N163980" s="10"/>
    </row>
    <row r="163981" spans="14:14">
      <c r="N163981" s="10"/>
    </row>
    <row r="163982" spans="14:14">
      <c r="N163982" s="10"/>
    </row>
    <row r="163983" spans="14:14">
      <c r="N163983" s="10"/>
    </row>
    <row r="163984" spans="14:14">
      <c r="N163984" s="10"/>
    </row>
    <row r="163985" spans="14:14">
      <c r="N163985" s="10"/>
    </row>
    <row r="163986" spans="14:14">
      <c r="N163986" s="10"/>
    </row>
    <row r="163987" spans="14:14">
      <c r="N163987" s="10"/>
    </row>
    <row r="163988" spans="14:14">
      <c r="N163988" s="10"/>
    </row>
    <row r="163989" spans="14:14">
      <c r="N163989" s="10"/>
    </row>
    <row r="163990" spans="14:14">
      <c r="N163990" s="10"/>
    </row>
    <row r="163991" spans="14:14">
      <c r="N163991" s="10"/>
    </row>
    <row r="163992" spans="14:14">
      <c r="N163992" s="10"/>
    </row>
    <row r="163993" spans="14:14">
      <c r="N163993" s="10"/>
    </row>
    <row r="163994" spans="14:14">
      <c r="N163994" s="10"/>
    </row>
    <row r="163995" spans="14:14">
      <c r="N163995" s="10"/>
    </row>
    <row r="163996" spans="14:14">
      <c r="N163996" s="10"/>
    </row>
    <row r="163997" spans="14:14">
      <c r="N163997" s="10"/>
    </row>
    <row r="163998" spans="14:14">
      <c r="N163998" s="10"/>
    </row>
    <row r="163999" spans="14:14">
      <c r="N163999" s="10"/>
    </row>
    <row r="164000" spans="14:14">
      <c r="N164000" s="10"/>
    </row>
    <row r="164001" spans="14:14">
      <c r="N164001" s="10"/>
    </row>
    <row r="164002" spans="14:14">
      <c r="N164002" s="10"/>
    </row>
    <row r="164003" spans="14:14">
      <c r="N164003" s="10"/>
    </row>
    <row r="164004" spans="14:14">
      <c r="N164004" s="10"/>
    </row>
    <row r="164005" spans="14:14">
      <c r="N164005" s="10"/>
    </row>
    <row r="164006" spans="14:14">
      <c r="N164006" s="10"/>
    </row>
    <row r="164007" spans="14:14">
      <c r="N164007" s="10"/>
    </row>
    <row r="164008" spans="14:14">
      <c r="N164008" s="10"/>
    </row>
    <row r="164009" spans="14:14">
      <c r="N164009" s="10"/>
    </row>
    <row r="164010" spans="14:14">
      <c r="N164010" s="10"/>
    </row>
    <row r="164011" spans="14:14">
      <c r="N164011" s="10"/>
    </row>
    <row r="164012" spans="14:14">
      <c r="N164012" s="10"/>
    </row>
    <row r="164013" spans="14:14">
      <c r="N164013" s="10"/>
    </row>
    <row r="164014" spans="14:14">
      <c r="N164014" s="10"/>
    </row>
    <row r="164015" spans="14:14">
      <c r="N164015" s="10"/>
    </row>
    <row r="164016" spans="14:14">
      <c r="N164016" s="10"/>
    </row>
    <row r="164017" spans="14:14">
      <c r="N164017" s="10"/>
    </row>
    <row r="164018" spans="14:14">
      <c r="N164018" s="10"/>
    </row>
    <row r="164019" spans="14:14">
      <c r="N164019" s="10"/>
    </row>
    <row r="164020" spans="14:14">
      <c r="N164020" s="10"/>
    </row>
    <row r="164021" spans="14:14">
      <c r="N164021" s="10"/>
    </row>
    <row r="164022" spans="14:14">
      <c r="N164022" s="10"/>
    </row>
    <row r="164023" spans="14:14">
      <c r="N164023" s="10"/>
    </row>
    <row r="164024" spans="14:14">
      <c r="N164024" s="10"/>
    </row>
    <row r="164025" spans="14:14">
      <c r="N164025" s="10"/>
    </row>
    <row r="164026" spans="14:14">
      <c r="N164026" s="10"/>
    </row>
    <row r="164027" spans="14:14">
      <c r="N164027" s="10"/>
    </row>
    <row r="164028" spans="14:14">
      <c r="N164028" s="10"/>
    </row>
    <row r="164029" spans="14:14">
      <c r="N164029" s="10"/>
    </row>
    <row r="164030" spans="14:14">
      <c r="N164030" s="10"/>
    </row>
    <row r="164031" spans="14:14">
      <c r="N164031" s="10"/>
    </row>
    <row r="164032" spans="14:14">
      <c r="N164032" s="10"/>
    </row>
    <row r="164033" spans="14:14">
      <c r="N164033" s="10"/>
    </row>
    <row r="164034" spans="14:14">
      <c r="N164034" s="10"/>
    </row>
    <row r="164035" spans="14:14">
      <c r="N164035" s="10"/>
    </row>
    <row r="164036" spans="14:14">
      <c r="N164036" s="10"/>
    </row>
    <row r="164037" spans="14:14">
      <c r="N164037" s="10"/>
    </row>
    <row r="164038" spans="14:14">
      <c r="N164038" s="10"/>
    </row>
    <row r="164039" spans="14:14">
      <c r="N164039" s="10"/>
    </row>
    <row r="164040" spans="14:14">
      <c r="N164040" s="10"/>
    </row>
    <row r="164041" spans="14:14">
      <c r="N164041" s="10"/>
    </row>
    <row r="164042" spans="14:14">
      <c r="N164042" s="10"/>
    </row>
    <row r="164043" spans="14:14">
      <c r="N164043" s="10"/>
    </row>
    <row r="164044" spans="14:14">
      <c r="N164044" s="10"/>
    </row>
    <row r="164045" spans="14:14">
      <c r="N164045" s="10"/>
    </row>
    <row r="164046" spans="14:14">
      <c r="N164046" s="10"/>
    </row>
    <row r="164047" spans="14:14">
      <c r="N164047" s="10"/>
    </row>
    <row r="164048" spans="14:14">
      <c r="N164048" s="10"/>
    </row>
    <row r="164049" spans="14:14">
      <c r="N164049" s="10"/>
    </row>
    <row r="164050" spans="14:14">
      <c r="N164050" s="10"/>
    </row>
    <row r="164051" spans="14:14">
      <c r="N164051" s="10"/>
    </row>
    <row r="164052" spans="14:14">
      <c r="N164052" s="10"/>
    </row>
    <row r="164053" spans="14:14">
      <c r="N164053" s="10"/>
    </row>
    <row r="164054" spans="14:14">
      <c r="N164054" s="10"/>
    </row>
    <row r="164055" spans="14:14">
      <c r="N164055" s="10"/>
    </row>
    <row r="164056" spans="14:14">
      <c r="N164056" s="10"/>
    </row>
    <row r="164057" spans="14:14">
      <c r="N164057" s="10"/>
    </row>
    <row r="164058" spans="14:14">
      <c r="N164058" s="10"/>
    </row>
    <row r="164059" spans="14:14">
      <c r="N164059" s="10"/>
    </row>
    <row r="164060" spans="14:14">
      <c r="N164060" s="10"/>
    </row>
    <row r="164061" spans="14:14">
      <c r="N164061" s="10"/>
    </row>
    <row r="164062" spans="14:14">
      <c r="N164062" s="10"/>
    </row>
    <row r="164063" spans="14:14">
      <c r="N164063" s="10"/>
    </row>
    <row r="164064" spans="14:14">
      <c r="N164064" s="10"/>
    </row>
    <row r="164065" spans="14:14">
      <c r="N164065" s="10"/>
    </row>
    <row r="164066" spans="14:14">
      <c r="N164066" s="10"/>
    </row>
    <row r="164067" spans="14:14">
      <c r="N164067" s="10"/>
    </row>
    <row r="164068" spans="14:14">
      <c r="N164068" s="10"/>
    </row>
    <row r="164069" spans="14:14">
      <c r="N164069" s="10"/>
    </row>
    <row r="164070" spans="14:14">
      <c r="N164070" s="10"/>
    </row>
    <row r="164071" spans="14:14">
      <c r="N164071" s="10"/>
    </row>
    <row r="164072" spans="14:14">
      <c r="N164072" s="10"/>
    </row>
    <row r="164073" spans="14:14">
      <c r="N164073" s="10"/>
    </row>
    <row r="164074" spans="14:14">
      <c r="N164074" s="10"/>
    </row>
    <row r="164075" spans="14:14">
      <c r="N164075" s="10"/>
    </row>
    <row r="164076" spans="14:14">
      <c r="N164076" s="10"/>
    </row>
    <row r="164077" spans="14:14">
      <c r="N164077" s="10"/>
    </row>
    <row r="164078" spans="14:14">
      <c r="N164078" s="10"/>
    </row>
    <row r="164079" spans="14:14">
      <c r="N164079" s="10"/>
    </row>
    <row r="164080" spans="14:14">
      <c r="N164080" s="10"/>
    </row>
    <row r="164081" spans="14:14">
      <c r="N164081" s="10"/>
    </row>
    <row r="164082" spans="14:14">
      <c r="N164082" s="10"/>
    </row>
    <row r="164083" spans="14:14">
      <c r="N164083" s="10"/>
    </row>
    <row r="164084" spans="14:14">
      <c r="N164084" s="10"/>
    </row>
    <row r="164085" spans="14:14">
      <c r="N164085" s="10"/>
    </row>
    <row r="164086" spans="14:14">
      <c r="N164086" s="10"/>
    </row>
    <row r="164087" spans="14:14">
      <c r="N164087" s="10"/>
    </row>
    <row r="164088" spans="14:14">
      <c r="N164088" s="10"/>
    </row>
    <row r="164089" spans="14:14">
      <c r="N164089" s="10"/>
    </row>
    <row r="164090" spans="14:14">
      <c r="N164090" s="10"/>
    </row>
    <row r="164091" spans="14:14">
      <c r="N164091" s="10"/>
    </row>
    <row r="164092" spans="14:14">
      <c r="N164092" s="10"/>
    </row>
    <row r="164093" spans="14:14">
      <c r="N164093" s="10"/>
    </row>
    <row r="164094" spans="14:14">
      <c r="N164094" s="10"/>
    </row>
    <row r="164095" spans="14:14">
      <c r="N164095" s="10"/>
    </row>
    <row r="164096" spans="14:14">
      <c r="N164096" s="10"/>
    </row>
    <row r="164097" spans="14:14">
      <c r="N164097" s="10"/>
    </row>
    <row r="164098" spans="14:14">
      <c r="N164098" s="10"/>
    </row>
    <row r="164099" spans="14:14">
      <c r="N164099" s="10"/>
    </row>
    <row r="164100" spans="14:14">
      <c r="N164100" s="10"/>
    </row>
    <row r="164101" spans="14:14">
      <c r="N164101" s="10"/>
    </row>
    <row r="164102" spans="14:14">
      <c r="N164102" s="10"/>
    </row>
    <row r="164103" spans="14:14">
      <c r="N164103" s="10"/>
    </row>
    <row r="164104" spans="14:14">
      <c r="N164104" s="10"/>
    </row>
    <row r="164105" spans="14:14">
      <c r="N164105" s="10"/>
    </row>
    <row r="164106" spans="14:14">
      <c r="N164106" s="10"/>
    </row>
    <row r="164107" spans="14:14">
      <c r="N164107" s="10"/>
    </row>
    <row r="164108" spans="14:14">
      <c r="N164108" s="10"/>
    </row>
    <row r="164109" spans="14:14">
      <c r="N164109" s="10"/>
    </row>
    <row r="164110" spans="14:14">
      <c r="N164110" s="10"/>
    </row>
    <row r="164111" spans="14:14">
      <c r="N164111" s="10"/>
    </row>
    <row r="164112" spans="14:14">
      <c r="N164112" s="10"/>
    </row>
    <row r="164113" spans="14:14">
      <c r="N164113" s="10"/>
    </row>
    <row r="164114" spans="14:14">
      <c r="N164114" s="10"/>
    </row>
    <row r="164115" spans="14:14">
      <c r="N164115" s="10"/>
    </row>
    <row r="164116" spans="14:14">
      <c r="N164116" s="10"/>
    </row>
    <row r="164117" spans="14:14">
      <c r="N164117" s="10"/>
    </row>
    <row r="164118" spans="14:14">
      <c r="N164118" s="10"/>
    </row>
    <row r="164119" spans="14:14">
      <c r="N164119" s="10"/>
    </row>
    <row r="164120" spans="14:14">
      <c r="N164120" s="10"/>
    </row>
    <row r="164121" spans="14:14">
      <c r="N164121" s="10"/>
    </row>
    <row r="164122" spans="14:14">
      <c r="N164122" s="10"/>
    </row>
    <row r="164123" spans="14:14">
      <c r="N164123" s="10"/>
    </row>
    <row r="164124" spans="14:14">
      <c r="N164124" s="10"/>
    </row>
    <row r="164125" spans="14:14">
      <c r="N164125" s="10"/>
    </row>
    <row r="164126" spans="14:14">
      <c r="N164126" s="10"/>
    </row>
    <row r="164127" spans="14:14">
      <c r="N164127" s="10"/>
    </row>
    <row r="164128" spans="14:14">
      <c r="N164128" s="10"/>
    </row>
    <row r="164129" spans="14:14">
      <c r="N164129" s="10"/>
    </row>
    <row r="164130" spans="14:14">
      <c r="N164130" s="10"/>
    </row>
    <row r="164131" spans="14:14">
      <c r="N164131" s="10"/>
    </row>
    <row r="164132" spans="14:14">
      <c r="N164132" s="10"/>
    </row>
    <row r="164133" spans="14:14">
      <c r="N164133" s="10"/>
    </row>
    <row r="164134" spans="14:14">
      <c r="N164134" s="10"/>
    </row>
    <row r="164135" spans="14:14">
      <c r="N164135" s="10"/>
    </row>
    <row r="164136" spans="14:14">
      <c r="N164136" s="10"/>
    </row>
    <row r="164137" spans="14:14">
      <c r="N164137" s="10"/>
    </row>
    <row r="164138" spans="14:14">
      <c r="N164138" s="10"/>
    </row>
    <row r="164139" spans="14:14">
      <c r="N164139" s="10"/>
    </row>
    <row r="164140" spans="14:14">
      <c r="N164140" s="10"/>
    </row>
    <row r="164141" spans="14:14">
      <c r="N164141" s="10"/>
    </row>
    <row r="164142" spans="14:14">
      <c r="N164142" s="10"/>
    </row>
    <row r="164143" spans="14:14">
      <c r="N164143" s="10"/>
    </row>
    <row r="164144" spans="14:14">
      <c r="N164144" s="10"/>
    </row>
    <row r="164145" spans="14:14">
      <c r="N164145" s="10"/>
    </row>
    <row r="164146" spans="14:14">
      <c r="N164146" s="10"/>
    </row>
    <row r="164147" spans="14:14">
      <c r="N164147" s="10"/>
    </row>
    <row r="164148" spans="14:14">
      <c r="N164148" s="10"/>
    </row>
    <row r="164149" spans="14:14">
      <c r="N164149" s="10"/>
    </row>
    <row r="164150" spans="14:14">
      <c r="N164150" s="10"/>
    </row>
    <row r="164151" spans="14:14">
      <c r="N164151" s="10"/>
    </row>
    <row r="164152" spans="14:14">
      <c r="N164152" s="10"/>
    </row>
    <row r="164153" spans="14:14">
      <c r="N164153" s="10"/>
    </row>
    <row r="164154" spans="14:14">
      <c r="N164154" s="10"/>
    </row>
    <row r="164155" spans="14:14">
      <c r="N164155" s="10"/>
    </row>
    <row r="164156" spans="14:14">
      <c r="N164156" s="10"/>
    </row>
    <row r="164157" spans="14:14">
      <c r="N164157" s="10"/>
    </row>
    <row r="164158" spans="14:14">
      <c r="N164158" s="10"/>
    </row>
    <row r="164159" spans="14:14">
      <c r="N164159" s="10"/>
    </row>
    <row r="164160" spans="14:14">
      <c r="N164160" s="10"/>
    </row>
    <row r="164161" spans="14:14">
      <c r="N164161" s="10"/>
    </row>
    <row r="164162" spans="14:14">
      <c r="N164162" s="10"/>
    </row>
    <row r="164163" spans="14:14">
      <c r="N164163" s="10"/>
    </row>
    <row r="164164" spans="14:14">
      <c r="N164164" s="10"/>
    </row>
    <row r="164165" spans="14:14">
      <c r="N164165" s="10"/>
    </row>
    <row r="164166" spans="14:14">
      <c r="N164166" s="10"/>
    </row>
    <row r="164167" spans="14:14">
      <c r="N164167" s="10"/>
    </row>
    <row r="164168" spans="14:14">
      <c r="N164168" s="10"/>
    </row>
    <row r="164169" spans="14:14">
      <c r="N164169" s="10"/>
    </row>
    <row r="164170" spans="14:14">
      <c r="N164170" s="10"/>
    </row>
    <row r="164171" spans="14:14">
      <c r="N164171" s="10"/>
    </row>
    <row r="164172" spans="14:14">
      <c r="N164172" s="10"/>
    </row>
    <row r="164173" spans="14:14">
      <c r="N164173" s="10"/>
    </row>
    <row r="164174" spans="14:14">
      <c r="N164174" s="10"/>
    </row>
    <row r="164175" spans="14:14">
      <c r="N164175" s="10"/>
    </row>
    <row r="164176" spans="14:14">
      <c r="N164176" s="10"/>
    </row>
    <row r="164177" spans="14:14">
      <c r="N164177" s="10"/>
    </row>
    <row r="164178" spans="14:14">
      <c r="N164178" s="10"/>
    </row>
    <row r="164179" spans="14:14">
      <c r="N164179" s="10"/>
    </row>
    <row r="164180" spans="14:14">
      <c r="N164180" s="10"/>
    </row>
    <row r="164181" spans="14:14">
      <c r="N164181" s="10"/>
    </row>
    <row r="164182" spans="14:14">
      <c r="N164182" s="10"/>
    </row>
    <row r="164183" spans="14:14">
      <c r="N164183" s="10"/>
    </row>
    <row r="164184" spans="14:14">
      <c r="N164184" s="10"/>
    </row>
    <row r="164185" spans="14:14">
      <c r="N164185" s="10"/>
    </row>
    <row r="164186" spans="14:14">
      <c r="N164186" s="10"/>
    </row>
    <row r="164187" spans="14:14">
      <c r="N164187" s="10"/>
    </row>
    <row r="164188" spans="14:14">
      <c r="N164188" s="10"/>
    </row>
    <row r="164189" spans="14:14">
      <c r="N164189" s="10"/>
    </row>
    <row r="164190" spans="14:14">
      <c r="N164190" s="10"/>
    </row>
    <row r="164191" spans="14:14">
      <c r="N164191" s="10"/>
    </row>
    <row r="164192" spans="14:14">
      <c r="N164192" s="10"/>
    </row>
    <row r="164193" spans="14:14">
      <c r="N164193" s="10"/>
    </row>
    <row r="164194" spans="14:14">
      <c r="N164194" s="10"/>
    </row>
    <row r="164195" spans="14:14">
      <c r="N164195" s="10"/>
    </row>
    <row r="164196" spans="14:14">
      <c r="N164196" s="10"/>
    </row>
    <row r="164197" spans="14:14">
      <c r="N164197" s="10"/>
    </row>
    <row r="164198" spans="14:14">
      <c r="N164198" s="10"/>
    </row>
    <row r="164199" spans="14:14">
      <c r="N164199" s="10"/>
    </row>
    <row r="164200" spans="14:14">
      <c r="N164200" s="10"/>
    </row>
    <row r="164201" spans="14:14">
      <c r="N164201" s="10"/>
    </row>
    <row r="164202" spans="14:14">
      <c r="N164202" s="10"/>
    </row>
    <row r="164203" spans="14:14">
      <c r="N164203" s="10"/>
    </row>
    <row r="164204" spans="14:14">
      <c r="N164204" s="10"/>
    </row>
    <row r="164205" spans="14:14">
      <c r="N164205" s="10"/>
    </row>
    <row r="164206" spans="14:14">
      <c r="N164206" s="10"/>
    </row>
    <row r="164207" spans="14:14">
      <c r="N164207" s="10"/>
    </row>
    <row r="164208" spans="14:14">
      <c r="N164208" s="10"/>
    </row>
    <row r="164209" spans="14:14">
      <c r="N164209" s="10"/>
    </row>
    <row r="164210" spans="14:14">
      <c r="N164210" s="10"/>
    </row>
    <row r="164211" spans="14:14">
      <c r="N164211" s="10"/>
    </row>
    <row r="164212" spans="14:14">
      <c r="N164212" s="10"/>
    </row>
    <row r="164213" spans="14:14">
      <c r="N164213" s="10"/>
    </row>
    <row r="164214" spans="14:14">
      <c r="N164214" s="10"/>
    </row>
    <row r="164215" spans="14:14">
      <c r="N164215" s="10"/>
    </row>
    <row r="164216" spans="14:14">
      <c r="N164216" s="10"/>
    </row>
    <row r="164217" spans="14:14">
      <c r="N164217" s="10"/>
    </row>
    <row r="164218" spans="14:14">
      <c r="N164218" s="10"/>
    </row>
    <row r="164219" spans="14:14">
      <c r="N164219" s="10"/>
    </row>
    <row r="164220" spans="14:14">
      <c r="N164220" s="10"/>
    </row>
    <row r="164221" spans="14:14">
      <c r="N164221" s="10"/>
    </row>
    <row r="164222" spans="14:14">
      <c r="N164222" s="10"/>
    </row>
    <row r="164223" spans="14:14">
      <c r="N164223" s="10"/>
    </row>
    <row r="164224" spans="14:14">
      <c r="N164224" s="10"/>
    </row>
    <row r="164225" spans="14:14">
      <c r="N164225" s="10"/>
    </row>
    <row r="164226" spans="14:14">
      <c r="N164226" s="10"/>
    </row>
    <row r="164227" spans="14:14">
      <c r="N164227" s="10"/>
    </row>
    <row r="164228" spans="14:14">
      <c r="N164228" s="10"/>
    </row>
    <row r="164229" spans="14:14">
      <c r="N164229" s="10"/>
    </row>
    <row r="164230" spans="14:14">
      <c r="N164230" s="10"/>
    </row>
    <row r="164231" spans="14:14">
      <c r="N164231" s="10"/>
    </row>
    <row r="164232" spans="14:14">
      <c r="N164232" s="10"/>
    </row>
    <row r="164233" spans="14:14">
      <c r="N164233" s="10"/>
    </row>
    <row r="164234" spans="14:14">
      <c r="N164234" s="10"/>
    </row>
    <row r="164235" spans="14:14">
      <c r="N164235" s="10"/>
    </row>
    <row r="164236" spans="14:14">
      <c r="N164236" s="10"/>
    </row>
    <row r="164237" spans="14:14">
      <c r="N164237" s="10"/>
    </row>
    <row r="164238" spans="14:14">
      <c r="N164238" s="10"/>
    </row>
    <row r="164239" spans="14:14">
      <c r="N164239" s="10"/>
    </row>
    <row r="164240" spans="14:14">
      <c r="N164240" s="10"/>
    </row>
    <row r="164241" spans="14:14">
      <c r="N164241" s="10"/>
    </row>
    <row r="164242" spans="14:14">
      <c r="N164242" s="10"/>
    </row>
    <row r="164243" spans="14:14">
      <c r="N164243" s="10"/>
    </row>
    <row r="164244" spans="14:14">
      <c r="N164244" s="10"/>
    </row>
    <row r="164245" spans="14:14">
      <c r="N164245" s="10"/>
    </row>
    <row r="164246" spans="14:14">
      <c r="N164246" s="10"/>
    </row>
    <row r="164247" spans="14:14">
      <c r="N164247" s="10"/>
    </row>
    <row r="164248" spans="14:14">
      <c r="N164248" s="10"/>
    </row>
    <row r="164249" spans="14:14">
      <c r="N164249" s="10"/>
    </row>
    <row r="164250" spans="14:14">
      <c r="N164250" s="10"/>
    </row>
    <row r="164251" spans="14:14">
      <c r="N164251" s="10"/>
    </row>
    <row r="164252" spans="14:14">
      <c r="N164252" s="10"/>
    </row>
    <row r="164253" spans="14:14">
      <c r="N164253" s="10"/>
    </row>
    <row r="164254" spans="14:14">
      <c r="N164254" s="10"/>
    </row>
    <row r="164255" spans="14:14">
      <c r="N164255" s="10"/>
    </row>
    <row r="164256" spans="14:14">
      <c r="N164256" s="10"/>
    </row>
    <row r="164257" spans="14:14">
      <c r="N164257" s="10"/>
    </row>
    <row r="164258" spans="14:14">
      <c r="N164258" s="10"/>
    </row>
    <row r="164259" spans="14:14">
      <c r="N164259" s="10"/>
    </row>
    <row r="164260" spans="14:14">
      <c r="N164260" s="10"/>
    </row>
    <row r="164261" spans="14:14">
      <c r="N164261" s="10"/>
    </row>
    <row r="164262" spans="14:14">
      <c r="N164262" s="10"/>
    </row>
    <row r="164263" spans="14:14">
      <c r="N164263" s="10"/>
    </row>
    <row r="164264" spans="14:14">
      <c r="N164264" s="10"/>
    </row>
    <row r="164265" spans="14:14">
      <c r="N164265" s="10"/>
    </row>
    <row r="164266" spans="14:14">
      <c r="N164266" s="10"/>
    </row>
    <row r="164267" spans="14:14">
      <c r="N164267" s="10"/>
    </row>
    <row r="164268" spans="14:14">
      <c r="N164268" s="10"/>
    </row>
    <row r="164269" spans="14:14">
      <c r="N164269" s="10"/>
    </row>
    <row r="164270" spans="14:14">
      <c r="N164270" s="10"/>
    </row>
    <row r="164271" spans="14:14">
      <c r="N164271" s="10"/>
    </row>
    <row r="164272" spans="14:14">
      <c r="N164272" s="10"/>
    </row>
    <row r="164273" spans="14:14">
      <c r="N164273" s="10"/>
    </row>
    <row r="164274" spans="14:14">
      <c r="N164274" s="10"/>
    </row>
    <row r="164275" spans="14:14">
      <c r="N164275" s="10"/>
    </row>
    <row r="164276" spans="14:14">
      <c r="N164276" s="10"/>
    </row>
    <row r="164277" spans="14:14">
      <c r="N164277" s="10"/>
    </row>
    <row r="164278" spans="14:14">
      <c r="N164278" s="10"/>
    </row>
    <row r="164279" spans="14:14">
      <c r="N164279" s="10"/>
    </row>
    <row r="164280" spans="14:14">
      <c r="N164280" s="10"/>
    </row>
    <row r="164281" spans="14:14">
      <c r="N164281" s="10"/>
    </row>
    <row r="164282" spans="14:14">
      <c r="N164282" s="10"/>
    </row>
    <row r="164283" spans="14:14">
      <c r="N164283" s="10"/>
    </row>
    <row r="164284" spans="14:14">
      <c r="N164284" s="10"/>
    </row>
    <row r="164285" spans="14:14">
      <c r="N164285" s="10"/>
    </row>
    <row r="164286" spans="14:14">
      <c r="N164286" s="10"/>
    </row>
    <row r="164287" spans="14:14">
      <c r="N164287" s="10"/>
    </row>
    <row r="164288" spans="14:14">
      <c r="N164288" s="10"/>
    </row>
    <row r="164289" spans="14:14">
      <c r="N164289" s="10"/>
    </row>
    <row r="164290" spans="14:14">
      <c r="N164290" s="10"/>
    </row>
    <row r="164291" spans="14:14">
      <c r="N164291" s="10"/>
    </row>
    <row r="164292" spans="14:14">
      <c r="N164292" s="10"/>
    </row>
    <row r="164293" spans="14:14">
      <c r="N164293" s="10"/>
    </row>
    <row r="164294" spans="14:14">
      <c r="N164294" s="10"/>
    </row>
    <row r="164295" spans="14:14">
      <c r="N164295" s="10"/>
    </row>
    <row r="164296" spans="14:14">
      <c r="N164296" s="10"/>
    </row>
    <row r="164297" spans="14:14">
      <c r="N164297" s="10"/>
    </row>
    <row r="164298" spans="14:14">
      <c r="N164298" s="10"/>
    </row>
    <row r="164299" spans="14:14">
      <c r="N164299" s="10"/>
    </row>
    <row r="164300" spans="14:14">
      <c r="N164300" s="10"/>
    </row>
    <row r="164301" spans="14:14">
      <c r="N164301" s="10"/>
    </row>
    <row r="164302" spans="14:14">
      <c r="N164302" s="10"/>
    </row>
    <row r="164303" spans="14:14">
      <c r="N164303" s="10"/>
    </row>
    <row r="164304" spans="14:14">
      <c r="N164304" s="10"/>
    </row>
    <row r="164305" spans="14:14">
      <c r="N164305" s="10"/>
    </row>
    <row r="164306" spans="14:14">
      <c r="N164306" s="10"/>
    </row>
    <row r="164307" spans="14:14">
      <c r="N164307" s="10"/>
    </row>
    <row r="164308" spans="14:14">
      <c r="N164308" s="10"/>
    </row>
    <row r="164309" spans="14:14">
      <c r="N164309" s="10"/>
    </row>
    <row r="164310" spans="14:14">
      <c r="N164310" s="10"/>
    </row>
    <row r="164311" spans="14:14">
      <c r="N164311" s="10"/>
    </row>
    <row r="164312" spans="14:14">
      <c r="N164312" s="10"/>
    </row>
    <row r="164313" spans="14:14">
      <c r="N164313" s="10"/>
    </row>
    <row r="164314" spans="14:14">
      <c r="N164314" s="10"/>
    </row>
    <row r="164315" spans="14:14">
      <c r="N164315" s="10"/>
    </row>
    <row r="164316" spans="14:14">
      <c r="N164316" s="10"/>
    </row>
    <row r="164317" spans="14:14">
      <c r="N164317" s="10"/>
    </row>
    <row r="164318" spans="14:14">
      <c r="N164318" s="10"/>
    </row>
    <row r="164319" spans="14:14">
      <c r="N164319" s="10"/>
    </row>
    <row r="164320" spans="14:14">
      <c r="N164320" s="10"/>
    </row>
    <row r="164321" spans="14:14">
      <c r="N164321" s="10"/>
    </row>
    <row r="164322" spans="14:14">
      <c r="N164322" s="10"/>
    </row>
    <row r="164323" spans="14:14">
      <c r="N164323" s="10"/>
    </row>
    <row r="164324" spans="14:14">
      <c r="N164324" s="10"/>
    </row>
    <row r="164325" spans="14:14">
      <c r="N164325" s="10"/>
    </row>
    <row r="164326" spans="14:14">
      <c r="N164326" s="10"/>
    </row>
    <row r="164327" spans="14:14">
      <c r="N164327" s="10"/>
    </row>
    <row r="164328" spans="14:14">
      <c r="N164328" s="10"/>
    </row>
    <row r="164329" spans="14:14">
      <c r="N164329" s="10"/>
    </row>
    <row r="164330" spans="14:14">
      <c r="N164330" s="10"/>
    </row>
    <row r="164331" spans="14:14">
      <c r="N164331" s="10"/>
    </row>
    <row r="164332" spans="14:14">
      <c r="N164332" s="10"/>
    </row>
    <row r="164333" spans="14:14">
      <c r="N164333" s="10"/>
    </row>
    <row r="164334" spans="14:14">
      <c r="N164334" s="10"/>
    </row>
    <row r="164335" spans="14:14">
      <c r="N164335" s="10"/>
    </row>
    <row r="164336" spans="14:14">
      <c r="N164336" s="10"/>
    </row>
    <row r="164337" spans="14:14">
      <c r="N164337" s="10"/>
    </row>
    <row r="164338" spans="14:14">
      <c r="N164338" s="10"/>
    </row>
    <row r="164339" spans="14:14">
      <c r="N164339" s="10"/>
    </row>
    <row r="164340" spans="14:14">
      <c r="N164340" s="10"/>
    </row>
    <row r="164341" spans="14:14">
      <c r="N164341" s="10"/>
    </row>
    <row r="164342" spans="14:14">
      <c r="N164342" s="10"/>
    </row>
    <row r="164343" spans="14:14">
      <c r="N164343" s="10"/>
    </row>
    <row r="164344" spans="14:14">
      <c r="N164344" s="10"/>
    </row>
    <row r="164345" spans="14:14">
      <c r="N164345" s="10"/>
    </row>
    <row r="164346" spans="14:14">
      <c r="N164346" s="10"/>
    </row>
    <row r="164347" spans="14:14">
      <c r="N164347" s="10"/>
    </row>
    <row r="164348" spans="14:14">
      <c r="N164348" s="10"/>
    </row>
    <row r="164349" spans="14:14">
      <c r="N164349" s="10"/>
    </row>
    <row r="164350" spans="14:14">
      <c r="N164350" s="10"/>
    </row>
    <row r="164351" spans="14:14">
      <c r="N164351" s="10"/>
    </row>
    <row r="164352" spans="14:14">
      <c r="N164352" s="10"/>
    </row>
    <row r="164353" spans="14:14">
      <c r="N164353" s="10"/>
    </row>
    <row r="164354" spans="14:14">
      <c r="N164354" s="10"/>
    </row>
    <row r="164355" spans="14:14">
      <c r="N164355" s="10"/>
    </row>
    <row r="164356" spans="14:14">
      <c r="N164356" s="10"/>
    </row>
    <row r="164357" spans="14:14">
      <c r="N164357" s="10"/>
    </row>
    <row r="164358" spans="14:14">
      <c r="N164358" s="10"/>
    </row>
    <row r="164359" spans="14:14">
      <c r="N164359" s="10"/>
    </row>
    <row r="164360" spans="14:14">
      <c r="N164360" s="10"/>
    </row>
    <row r="164361" spans="14:14">
      <c r="N164361" s="10"/>
    </row>
    <row r="164362" spans="14:14">
      <c r="N164362" s="10"/>
    </row>
    <row r="164363" spans="14:14">
      <c r="N164363" s="10"/>
    </row>
    <row r="164364" spans="14:14">
      <c r="N164364" s="10"/>
    </row>
    <row r="164365" spans="14:14">
      <c r="N164365" s="10"/>
    </row>
    <row r="164366" spans="14:14">
      <c r="N164366" s="10"/>
    </row>
    <row r="164367" spans="14:14">
      <c r="N164367" s="10"/>
    </row>
    <row r="164368" spans="14:14">
      <c r="N164368" s="10"/>
    </row>
    <row r="164369" spans="14:14">
      <c r="N164369" s="10"/>
    </row>
    <row r="164370" spans="14:14">
      <c r="N164370" s="10"/>
    </row>
    <row r="164371" spans="14:14">
      <c r="N164371" s="10"/>
    </row>
    <row r="164372" spans="14:14">
      <c r="N164372" s="10"/>
    </row>
    <row r="164373" spans="14:14">
      <c r="N164373" s="10"/>
    </row>
    <row r="164374" spans="14:14">
      <c r="N164374" s="10"/>
    </row>
    <row r="164375" spans="14:14">
      <c r="N164375" s="10"/>
    </row>
    <row r="164376" spans="14:14">
      <c r="N164376" s="10"/>
    </row>
    <row r="164377" spans="14:14">
      <c r="N164377" s="10"/>
    </row>
    <row r="164378" spans="14:14">
      <c r="N164378" s="10"/>
    </row>
    <row r="164379" spans="14:14">
      <c r="N164379" s="10"/>
    </row>
    <row r="164380" spans="14:14">
      <c r="N164380" s="10"/>
    </row>
    <row r="164381" spans="14:14">
      <c r="N164381" s="10"/>
    </row>
    <row r="164382" spans="14:14">
      <c r="N164382" s="10"/>
    </row>
    <row r="164383" spans="14:14">
      <c r="N164383" s="10"/>
    </row>
    <row r="164384" spans="14:14">
      <c r="N164384" s="10"/>
    </row>
    <row r="164385" spans="14:14">
      <c r="N164385" s="10"/>
    </row>
    <row r="164386" spans="14:14">
      <c r="N164386" s="10"/>
    </row>
    <row r="164387" spans="14:14">
      <c r="N164387" s="10"/>
    </row>
    <row r="164388" spans="14:14">
      <c r="N164388" s="10"/>
    </row>
    <row r="164389" spans="14:14">
      <c r="N164389" s="10"/>
    </row>
    <row r="164390" spans="14:14">
      <c r="N164390" s="10"/>
    </row>
    <row r="164391" spans="14:14">
      <c r="N164391" s="10"/>
    </row>
    <row r="164392" spans="14:14">
      <c r="N164392" s="10"/>
    </row>
    <row r="164393" spans="14:14">
      <c r="N164393" s="10"/>
    </row>
    <row r="164394" spans="14:14">
      <c r="N164394" s="10"/>
    </row>
    <row r="164395" spans="14:14">
      <c r="N164395" s="10"/>
    </row>
    <row r="164396" spans="14:14">
      <c r="N164396" s="10"/>
    </row>
    <row r="164397" spans="14:14">
      <c r="N164397" s="10"/>
    </row>
    <row r="164398" spans="14:14">
      <c r="N164398" s="10"/>
    </row>
    <row r="164399" spans="14:14">
      <c r="N164399" s="10"/>
    </row>
    <row r="164400" spans="14:14">
      <c r="N164400" s="10"/>
    </row>
    <row r="164401" spans="14:14">
      <c r="N164401" s="10"/>
    </row>
    <row r="164402" spans="14:14">
      <c r="N164402" s="10"/>
    </row>
    <row r="164403" spans="14:14">
      <c r="N164403" s="10"/>
    </row>
    <row r="164404" spans="14:14">
      <c r="N164404" s="10"/>
    </row>
    <row r="164405" spans="14:14">
      <c r="N164405" s="10"/>
    </row>
    <row r="164406" spans="14:14">
      <c r="N164406" s="10"/>
    </row>
    <row r="164407" spans="14:14">
      <c r="N164407" s="10"/>
    </row>
    <row r="164408" spans="14:14">
      <c r="N164408" s="10"/>
    </row>
    <row r="164409" spans="14:14">
      <c r="N164409" s="10"/>
    </row>
    <row r="164410" spans="14:14">
      <c r="N164410" s="10"/>
    </row>
    <row r="164411" spans="14:14">
      <c r="N164411" s="10"/>
    </row>
    <row r="164412" spans="14:14">
      <c r="N164412" s="10"/>
    </row>
    <row r="164413" spans="14:14">
      <c r="N164413" s="10"/>
    </row>
    <row r="164414" spans="14:14">
      <c r="N164414" s="10"/>
    </row>
    <row r="164415" spans="14:14">
      <c r="N164415" s="10"/>
    </row>
    <row r="164416" spans="14:14">
      <c r="N164416" s="10"/>
    </row>
    <row r="164417" spans="14:14">
      <c r="N164417" s="10"/>
    </row>
    <row r="164418" spans="14:14">
      <c r="N164418" s="10"/>
    </row>
    <row r="164419" spans="14:14">
      <c r="N164419" s="10"/>
    </row>
    <row r="164420" spans="14:14">
      <c r="N164420" s="10"/>
    </row>
    <row r="164421" spans="14:14">
      <c r="N164421" s="10"/>
    </row>
    <row r="164422" spans="14:14">
      <c r="N164422" s="10"/>
    </row>
    <row r="164423" spans="14:14">
      <c r="N164423" s="10"/>
    </row>
    <row r="164424" spans="14:14">
      <c r="N164424" s="10"/>
    </row>
    <row r="164425" spans="14:14">
      <c r="N164425" s="10"/>
    </row>
    <row r="164426" spans="14:14">
      <c r="N164426" s="10"/>
    </row>
    <row r="164427" spans="14:14">
      <c r="N164427" s="10"/>
    </row>
    <row r="164428" spans="14:14">
      <c r="N164428" s="10"/>
    </row>
    <row r="164429" spans="14:14">
      <c r="N164429" s="10"/>
    </row>
    <row r="164430" spans="14:14">
      <c r="N164430" s="10"/>
    </row>
    <row r="164431" spans="14:14">
      <c r="N164431" s="10"/>
    </row>
    <row r="164432" spans="14:14">
      <c r="N164432" s="10"/>
    </row>
    <row r="164433" spans="14:14">
      <c r="N164433" s="10"/>
    </row>
    <row r="164434" spans="14:14">
      <c r="N164434" s="10"/>
    </row>
    <row r="164435" spans="14:14">
      <c r="N164435" s="10"/>
    </row>
    <row r="164436" spans="14:14">
      <c r="N164436" s="10"/>
    </row>
    <row r="164437" spans="14:14">
      <c r="N164437" s="10"/>
    </row>
    <row r="164438" spans="14:14">
      <c r="N164438" s="10"/>
    </row>
    <row r="164439" spans="14:14">
      <c r="N164439" s="10"/>
    </row>
    <row r="164440" spans="14:14">
      <c r="N164440" s="10"/>
    </row>
    <row r="164441" spans="14:14">
      <c r="N164441" s="10"/>
    </row>
    <row r="164442" spans="14:14">
      <c r="N164442" s="10"/>
    </row>
    <row r="164443" spans="14:14">
      <c r="N164443" s="10"/>
    </row>
    <row r="164444" spans="14:14">
      <c r="N164444" s="10"/>
    </row>
    <row r="164445" spans="14:14">
      <c r="N164445" s="10"/>
    </row>
    <row r="164446" spans="14:14">
      <c r="N164446" s="10"/>
    </row>
    <row r="164447" spans="14:14">
      <c r="N164447" s="10"/>
    </row>
    <row r="164448" spans="14:14">
      <c r="N164448" s="10"/>
    </row>
    <row r="164449" spans="14:14">
      <c r="N164449" s="10"/>
    </row>
    <row r="164450" spans="14:14">
      <c r="N164450" s="10"/>
    </row>
    <row r="164451" spans="14:14">
      <c r="N164451" s="10"/>
    </row>
    <row r="164452" spans="14:14">
      <c r="N164452" s="10"/>
    </row>
    <row r="164453" spans="14:14">
      <c r="N164453" s="10"/>
    </row>
    <row r="164454" spans="14:14">
      <c r="N164454" s="10"/>
    </row>
    <row r="164455" spans="14:14">
      <c r="N164455" s="10"/>
    </row>
    <row r="164456" spans="14:14">
      <c r="N164456" s="10"/>
    </row>
    <row r="164457" spans="14:14">
      <c r="N164457" s="10"/>
    </row>
    <row r="164458" spans="14:14">
      <c r="N164458" s="10"/>
    </row>
    <row r="164459" spans="14:14">
      <c r="N164459" s="10"/>
    </row>
    <row r="164460" spans="14:14">
      <c r="N164460" s="10"/>
    </row>
    <row r="164461" spans="14:14">
      <c r="N164461" s="10"/>
    </row>
    <row r="164462" spans="14:14">
      <c r="N164462" s="10"/>
    </row>
    <row r="164463" spans="14:14">
      <c r="N164463" s="10"/>
    </row>
    <row r="164464" spans="14:14">
      <c r="N164464" s="10"/>
    </row>
    <row r="164465" spans="14:14">
      <c r="N164465" s="10"/>
    </row>
    <row r="164466" spans="14:14">
      <c r="N164466" s="10"/>
    </row>
    <row r="164467" spans="14:14">
      <c r="N164467" s="10"/>
    </row>
    <row r="164468" spans="14:14">
      <c r="N164468" s="10"/>
    </row>
    <row r="164469" spans="14:14">
      <c r="N164469" s="10"/>
    </row>
    <row r="164470" spans="14:14">
      <c r="N164470" s="10"/>
    </row>
    <row r="164471" spans="14:14">
      <c r="N164471" s="10"/>
    </row>
    <row r="164472" spans="14:14">
      <c r="N164472" s="10"/>
    </row>
    <row r="164473" spans="14:14">
      <c r="N164473" s="10"/>
    </row>
    <row r="164474" spans="14:14">
      <c r="N164474" s="10"/>
    </row>
    <row r="164475" spans="14:14">
      <c r="N164475" s="10"/>
    </row>
    <row r="164476" spans="14:14">
      <c r="N164476" s="10"/>
    </row>
    <row r="164477" spans="14:14">
      <c r="N164477" s="10"/>
    </row>
    <row r="164478" spans="14:14">
      <c r="N164478" s="10"/>
    </row>
    <row r="164479" spans="14:14">
      <c r="N164479" s="10"/>
    </row>
    <row r="164480" spans="14:14">
      <c r="N164480" s="10"/>
    </row>
    <row r="164481" spans="14:14">
      <c r="N164481" s="10"/>
    </row>
    <row r="164482" spans="14:14">
      <c r="N164482" s="10"/>
    </row>
    <row r="164483" spans="14:14">
      <c r="N164483" s="10"/>
    </row>
    <row r="164484" spans="14:14">
      <c r="N164484" s="10"/>
    </row>
    <row r="164485" spans="14:14">
      <c r="N164485" s="10"/>
    </row>
    <row r="164486" spans="14:14">
      <c r="N164486" s="10"/>
    </row>
    <row r="164487" spans="14:14">
      <c r="N164487" s="10"/>
    </row>
    <row r="164488" spans="14:14">
      <c r="N164488" s="10"/>
    </row>
    <row r="164489" spans="14:14">
      <c r="N164489" s="10"/>
    </row>
    <row r="164490" spans="14:14">
      <c r="N164490" s="10"/>
    </row>
    <row r="164491" spans="14:14">
      <c r="N164491" s="10"/>
    </row>
    <row r="164492" spans="14:14">
      <c r="N164492" s="10"/>
    </row>
    <row r="164493" spans="14:14">
      <c r="N164493" s="10"/>
    </row>
    <row r="164494" spans="14:14">
      <c r="N164494" s="10"/>
    </row>
    <row r="164495" spans="14:14">
      <c r="N164495" s="10"/>
    </row>
    <row r="164496" spans="14:14">
      <c r="N164496" s="10"/>
    </row>
    <row r="164497" spans="14:14">
      <c r="N164497" s="10"/>
    </row>
    <row r="164498" spans="14:14">
      <c r="N164498" s="10"/>
    </row>
    <row r="164499" spans="14:14">
      <c r="N164499" s="10"/>
    </row>
    <row r="164500" spans="14:14">
      <c r="N164500" s="10"/>
    </row>
    <row r="164501" spans="14:14">
      <c r="N164501" s="10"/>
    </row>
    <row r="164502" spans="14:14">
      <c r="N164502" s="10"/>
    </row>
    <row r="164503" spans="14:14">
      <c r="N164503" s="10"/>
    </row>
    <row r="164504" spans="14:14">
      <c r="N164504" s="10"/>
    </row>
    <row r="164505" spans="14:14">
      <c r="N164505" s="10"/>
    </row>
    <row r="164506" spans="14:14">
      <c r="N164506" s="10"/>
    </row>
    <row r="164507" spans="14:14">
      <c r="N164507" s="10"/>
    </row>
    <row r="164508" spans="14:14">
      <c r="N164508" s="10"/>
    </row>
    <row r="164509" spans="14:14">
      <c r="N164509" s="10"/>
    </row>
    <row r="164510" spans="14:14">
      <c r="N164510" s="10"/>
    </row>
    <row r="164511" spans="14:14">
      <c r="N164511" s="10"/>
    </row>
    <row r="164512" spans="14:14">
      <c r="N164512" s="10"/>
    </row>
    <row r="164513" spans="14:14">
      <c r="N164513" s="10"/>
    </row>
    <row r="164514" spans="14:14">
      <c r="N164514" s="10"/>
    </row>
    <row r="164515" spans="14:14">
      <c r="N164515" s="10"/>
    </row>
    <row r="164516" spans="14:14">
      <c r="N164516" s="10"/>
    </row>
    <row r="164517" spans="14:14">
      <c r="N164517" s="10"/>
    </row>
    <row r="164518" spans="14:14">
      <c r="N164518" s="10"/>
    </row>
    <row r="164519" spans="14:14">
      <c r="N164519" s="10"/>
    </row>
    <row r="164520" spans="14:14">
      <c r="N164520" s="10"/>
    </row>
    <row r="164521" spans="14:14">
      <c r="N164521" s="10"/>
    </row>
    <row r="164522" spans="14:14">
      <c r="N164522" s="10"/>
    </row>
    <row r="164523" spans="14:14">
      <c r="N164523" s="10"/>
    </row>
    <row r="164524" spans="14:14">
      <c r="N164524" s="10"/>
    </row>
    <row r="164525" spans="14:14">
      <c r="N164525" s="10"/>
    </row>
    <row r="164526" spans="14:14">
      <c r="N164526" s="10"/>
    </row>
    <row r="164527" spans="14:14">
      <c r="N164527" s="10"/>
    </row>
    <row r="164528" spans="14:14">
      <c r="N164528" s="10"/>
    </row>
    <row r="164529" spans="14:14">
      <c r="N164529" s="10"/>
    </row>
    <row r="164530" spans="14:14">
      <c r="N164530" s="10"/>
    </row>
    <row r="164531" spans="14:14">
      <c r="N164531" s="10"/>
    </row>
    <row r="164532" spans="14:14">
      <c r="N164532" s="10"/>
    </row>
    <row r="164533" spans="14:14">
      <c r="N164533" s="10"/>
    </row>
    <row r="164534" spans="14:14">
      <c r="N164534" s="10"/>
    </row>
    <row r="164535" spans="14:14">
      <c r="N164535" s="10"/>
    </row>
    <row r="164536" spans="14:14">
      <c r="N164536" s="10"/>
    </row>
    <row r="164537" spans="14:14">
      <c r="N164537" s="10"/>
    </row>
    <row r="164538" spans="14:14">
      <c r="N164538" s="10"/>
    </row>
    <row r="164539" spans="14:14">
      <c r="N164539" s="10"/>
    </row>
    <row r="164540" spans="14:14">
      <c r="N164540" s="10"/>
    </row>
    <row r="164541" spans="14:14">
      <c r="N164541" s="10"/>
    </row>
    <row r="164542" spans="14:14">
      <c r="N164542" s="10"/>
    </row>
    <row r="164543" spans="14:14">
      <c r="N164543" s="10"/>
    </row>
    <row r="164544" spans="14:14">
      <c r="N164544" s="10"/>
    </row>
    <row r="164545" spans="14:14">
      <c r="N164545" s="10"/>
    </row>
    <row r="164546" spans="14:14">
      <c r="N164546" s="10"/>
    </row>
    <row r="164547" spans="14:14">
      <c r="N164547" s="10"/>
    </row>
    <row r="164548" spans="14:14">
      <c r="N164548" s="10"/>
    </row>
    <row r="164549" spans="14:14">
      <c r="N164549" s="10"/>
    </row>
    <row r="164550" spans="14:14">
      <c r="N164550" s="10"/>
    </row>
    <row r="164551" spans="14:14">
      <c r="N164551" s="10"/>
    </row>
    <row r="164552" spans="14:14">
      <c r="N164552" s="10"/>
    </row>
    <row r="164553" spans="14:14">
      <c r="N164553" s="10"/>
    </row>
    <row r="164554" spans="14:14">
      <c r="N164554" s="10"/>
    </row>
    <row r="164555" spans="14:14">
      <c r="N164555" s="10"/>
    </row>
    <row r="164556" spans="14:14">
      <c r="N164556" s="10"/>
    </row>
    <row r="164557" spans="14:14">
      <c r="N164557" s="10"/>
    </row>
    <row r="164558" spans="14:14">
      <c r="N164558" s="10"/>
    </row>
    <row r="164559" spans="14:14">
      <c r="N164559" s="10"/>
    </row>
    <row r="164560" spans="14:14">
      <c r="N164560" s="10"/>
    </row>
    <row r="164561" spans="14:14">
      <c r="N164561" s="10"/>
    </row>
    <row r="164562" spans="14:14">
      <c r="N164562" s="10"/>
    </row>
    <row r="164563" spans="14:14">
      <c r="N164563" s="10"/>
    </row>
    <row r="164564" spans="14:14">
      <c r="N164564" s="10"/>
    </row>
    <row r="164565" spans="14:14">
      <c r="N164565" s="10"/>
    </row>
    <row r="164566" spans="14:14">
      <c r="N164566" s="10"/>
    </row>
    <row r="164567" spans="14:14">
      <c r="N164567" s="10"/>
    </row>
    <row r="164568" spans="14:14">
      <c r="N164568" s="10"/>
    </row>
    <row r="164569" spans="14:14">
      <c r="N164569" s="10"/>
    </row>
    <row r="164570" spans="14:14">
      <c r="N164570" s="10"/>
    </row>
    <row r="164571" spans="14:14">
      <c r="N164571" s="10"/>
    </row>
    <row r="164572" spans="14:14">
      <c r="N164572" s="10"/>
    </row>
    <row r="164573" spans="14:14">
      <c r="N164573" s="10"/>
    </row>
    <row r="164574" spans="14:14">
      <c r="N164574" s="10"/>
    </row>
    <row r="164575" spans="14:14">
      <c r="N164575" s="10"/>
    </row>
    <row r="164576" spans="14:14">
      <c r="N164576" s="10"/>
    </row>
    <row r="164577" spans="14:14">
      <c r="N164577" s="10"/>
    </row>
    <row r="164578" spans="14:14">
      <c r="N164578" s="10"/>
    </row>
    <row r="164579" spans="14:14">
      <c r="N164579" s="10"/>
    </row>
    <row r="164580" spans="14:14">
      <c r="N164580" s="10"/>
    </row>
    <row r="164581" spans="14:14">
      <c r="N164581" s="10"/>
    </row>
    <row r="164582" spans="14:14">
      <c r="N164582" s="10"/>
    </row>
    <row r="164583" spans="14:14">
      <c r="N164583" s="10"/>
    </row>
    <row r="164584" spans="14:14">
      <c r="N164584" s="10"/>
    </row>
    <row r="164585" spans="14:14">
      <c r="N164585" s="10"/>
    </row>
    <row r="164586" spans="14:14">
      <c r="N164586" s="10"/>
    </row>
    <row r="164587" spans="14:14">
      <c r="N164587" s="10"/>
    </row>
    <row r="164588" spans="14:14">
      <c r="N164588" s="10"/>
    </row>
    <row r="164589" spans="14:14">
      <c r="N164589" s="10"/>
    </row>
    <row r="164590" spans="14:14">
      <c r="N164590" s="10"/>
    </row>
    <row r="164591" spans="14:14">
      <c r="N164591" s="10"/>
    </row>
    <row r="164592" spans="14:14">
      <c r="N164592" s="10"/>
    </row>
    <row r="164593" spans="14:14">
      <c r="N164593" s="10"/>
    </row>
    <row r="164594" spans="14:14">
      <c r="N164594" s="10"/>
    </row>
    <row r="164595" spans="14:14">
      <c r="N164595" s="10"/>
    </row>
    <row r="164596" spans="14:14">
      <c r="N164596" s="10"/>
    </row>
    <row r="164597" spans="14:14">
      <c r="N164597" s="10"/>
    </row>
    <row r="164598" spans="14:14">
      <c r="N164598" s="10"/>
    </row>
    <row r="164599" spans="14:14">
      <c r="N164599" s="10"/>
    </row>
    <row r="164600" spans="14:14">
      <c r="N164600" s="10"/>
    </row>
    <row r="164601" spans="14:14">
      <c r="N164601" s="10"/>
    </row>
    <row r="164602" spans="14:14">
      <c r="N164602" s="10"/>
    </row>
    <row r="164603" spans="14:14">
      <c r="N164603" s="10"/>
    </row>
    <row r="164604" spans="14:14">
      <c r="N164604" s="10"/>
    </row>
    <row r="164605" spans="14:14">
      <c r="N164605" s="10"/>
    </row>
    <row r="164606" spans="14:14">
      <c r="N164606" s="10"/>
    </row>
    <row r="164607" spans="14:14">
      <c r="N164607" s="10"/>
    </row>
    <row r="164608" spans="14:14">
      <c r="N164608" s="10"/>
    </row>
    <row r="164609" spans="14:14">
      <c r="N164609" s="10"/>
    </row>
    <row r="164610" spans="14:14">
      <c r="N164610" s="10"/>
    </row>
    <row r="164611" spans="14:14">
      <c r="N164611" s="10"/>
    </row>
    <row r="164612" spans="14:14">
      <c r="N164612" s="10"/>
    </row>
    <row r="164613" spans="14:14">
      <c r="N164613" s="10"/>
    </row>
    <row r="164614" spans="14:14">
      <c r="N164614" s="10"/>
    </row>
    <row r="164615" spans="14:14">
      <c r="N164615" s="10"/>
    </row>
    <row r="164616" spans="14:14">
      <c r="N164616" s="10"/>
    </row>
    <row r="164617" spans="14:14">
      <c r="N164617" s="10"/>
    </row>
    <row r="164618" spans="14:14">
      <c r="N164618" s="10"/>
    </row>
    <row r="164619" spans="14:14">
      <c r="N164619" s="10"/>
    </row>
    <row r="164620" spans="14:14">
      <c r="N164620" s="10"/>
    </row>
    <row r="164621" spans="14:14">
      <c r="N164621" s="10"/>
    </row>
    <row r="164622" spans="14:14">
      <c r="N164622" s="10"/>
    </row>
    <row r="164623" spans="14:14">
      <c r="N164623" s="10"/>
    </row>
    <row r="164624" spans="14:14">
      <c r="N164624" s="10"/>
    </row>
    <row r="164625" spans="14:14">
      <c r="N164625" s="10"/>
    </row>
    <row r="164626" spans="14:14">
      <c r="N164626" s="10"/>
    </row>
    <row r="164627" spans="14:14">
      <c r="N164627" s="10"/>
    </row>
    <row r="164628" spans="14:14">
      <c r="N164628" s="10"/>
    </row>
    <row r="164629" spans="14:14">
      <c r="N164629" s="10"/>
    </row>
    <row r="164630" spans="14:14">
      <c r="N164630" s="10"/>
    </row>
    <row r="164631" spans="14:14">
      <c r="N164631" s="10"/>
    </row>
    <row r="164632" spans="14:14">
      <c r="N164632" s="10"/>
    </row>
    <row r="164633" spans="14:14">
      <c r="N164633" s="10"/>
    </row>
    <row r="164634" spans="14:14">
      <c r="N164634" s="10"/>
    </row>
    <row r="164635" spans="14:14">
      <c r="N164635" s="10"/>
    </row>
    <row r="164636" spans="14:14">
      <c r="N164636" s="10"/>
    </row>
    <row r="164637" spans="14:14">
      <c r="N164637" s="10"/>
    </row>
    <row r="164638" spans="14:14">
      <c r="N164638" s="10"/>
    </row>
    <row r="164639" spans="14:14">
      <c r="N164639" s="10"/>
    </row>
    <row r="164640" spans="14:14">
      <c r="N164640" s="10"/>
    </row>
    <row r="164641" spans="14:14">
      <c r="N164641" s="10"/>
    </row>
    <row r="164642" spans="14:14">
      <c r="N164642" s="10"/>
    </row>
    <row r="164643" spans="14:14">
      <c r="N164643" s="10"/>
    </row>
    <row r="164644" spans="14:14">
      <c r="N164644" s="10"/>
    </row>
    <row r="164645" spans="14:14">
      <c r="N164645" s="10"/>
    </row>
    <row r="164646" spans="14:14">
      <c r="N164646" s="10"/>
    </row>
    <row r="164647" spans="14:14">
      <c r="N164647" s="10"/>
    </row>
    <row r="164648" spans="14:14">
      <c r="N164648" s="10"/>
    </row>
    <row r="164649" spans="14:14">
      <c r="N164649" s="10"/>
    </row>
    <row r="164650" spans="14:14">
      <c r="N164650" s="10"/>
    </row>
    <row r="164651" spans="14:14">
      <c r="N164651" s="10"/>
    </row>
    <row r="164652" spans="14:14">
      <c r="N164652" s="10"/>
    </row>
    <row r="164653" spans="14:14">
      <c r="N164653" s="10"/>
    </row>
    <row r="164654" spans="14:14">
      <c r="N164654" s="10"/>
    </row>
    <row r="164655" spans="14:14">
      <c r="N164655" s="10"/>
    </row>
    <row r="164656" spans="14:14">
      <c r="N164656" s="10"/>
    </row>
    <row r="164657" spans="14:14">
      <c r="N164657" s="10"/>
    </row>
    <row r="164658" spans="14:14">
      <c r="N164658" s="10"/>
    </row>
    <row r="164659" spans="14:14">
      <c r="N164659" s="10"/>
    </row>
    <row r="164660" spans="14:14">
      <c r="N164660" s="10"/>
    </row>
    <row r="164661" spans="14:14">
      <c r="N164661" s="10"/>
    </row>
    <row r="164662" spans="14:14">
      <c r="N164662" s="10"/>
    </row>
    <row r="164663" spans="14:14">
      <c r="N164663" s="10"/>
    </row>
    <row r="164664" spans="14:14">
      <c r="N164664" s="10"/>
    </row>
    <row r="164665" spans="14:14">
      <c r="N164665" s="10"/>
    </row>
    <row r="164666" spans="14:14">
      <c r="N164666" s="10"/>
    </row>
    <row r="164667" spans="14:14">
      <c r="N164667" s="10"/>
    </row>
    <row r="164668" spans="14:14">
      <c r="N164668" s="10"/>
    </row>
    <row r="164669" spans="14:14">
      <c r="N164669" s="10"/>
    </row>
    <row r="164670" spans="14:14">
      <c r="N164670" s="10"/>
    </row>
    <row r="164671" spans="14:14">
      <c r="N164671" s="10"/>
    </row>
    <row r="164672" spans="14:14">
      <c r="N164672" s="10"/>
    </row>
    <row r="164673" spans="14:14">
      <c r="N164673" s="10"/>
    </row>
    <row r="164674" spans="14:14">
      <c r="N164674" s="10"/>
    </row>
    <row r="164675" spans="14:14">
      <c r="N164675" s="10"/>
    </row>
    <row r="164676" spans="14:14">
      <c r="N164676" s="10"/>
    </row>
    <row r="164677" spans="14:14">
      <c r="N164677" s="10"/>
    </row>
    <row r="164678" spans="14:14">
      <c r="N164678" s="10"/>
    </row>
    <row r="164679" spans="14:14">
      <c r="N164679" s="10"/>
    </row>
    <row r="164680" spans="14:14">
      <c r="N164680" s="10"/>
    </row>
    <row r="164681" spans="14:14">
      <c r="N164681" s="10"/>
    </row>
    <row r="164682" spans="14:14">
      <c r="N164682" s="10"/>
    </row>
    <row r="164683" spans="14:14">
      <c r="N164683" s="10"/>
    </row>
    <row r="164684" spans="14:14">
      <c r="N164684" s="10"/>
    </row>
    <row r="164685" spans="14:14">
      <c r="N164685" s="10"/>
    </row>
    <row r="164686" spans="14:14">
      <c r="N164686" s="10"/>
    </row>
    <row r="164687" spans="14:14">
      <c r="N164687" s="10"/>
    </row>
    <row r="164688" spans="14:14">
      <c r="N164688" s="10"/>
    </row>
    <row r="164689" spans="14:14">
      <c r="N164689" s="10"/>
    </row>
    <row r="164690" spans="14:14">
      <c r="N164690" s="10"/>
    </row>
    <row r="164691" spans="14:14">
      <c r="N164691" s="10"/>
    </row>
    <row r="164692" spans="14:14">
      <c r="N164692" s="10"/>
    </row>
    <row r="164693" spans="14:14">
      <c r="N164693" s="10"/>
    </row>
    <row r="164694" spans="14:14">
      <c r="N164694" s="10"/>
    </row>
    <row r="164695" spans="14:14">
      <c r="N164695" s="10"/>
    </row>
    <row r="164696" spans="14:14">
      <c r="N164696" s="10"/>
    </row>
    <row r="164697" spans="14:14">
      <c r="N164697" s="10"/>
    </row>
    <row r="164698" spans="14:14">
      <c r="N164698" s="10"/>
    </row>
    <row r="164699" spans="14:14">
      <c r="N164699" s="10"/>
    </row>
    <row r="164700" spans="14:14">
      <c r="N164700" s="10"/>
    </row>
    <row r="164701" spans="14:14">
      <c r="N164701" s="10"/>
    </row>
    <row r="164702" spans="14:14">
      <c r="N164702" s="10"/>
    </row>
    <row r="164703" spans="14:14">
      <c r="N164703" s="10"/>
    </row>
    <row r="164704" spans="14:14">
      <c r="N164704" s="10"/>
    </row>
    <row r="164705" spans="14:14">
      <c r="N164705" s="10"/>
    </row>
    <row r="164706" spans="14:14">
      <c r="N164706" s="10"/>
    </row>
    <row r="164707" spans="14:14">
      <c r="N164707" s="10"/>
    </row>
    <row r="164708" spans="14:14">
      <c r="N164708" s="10"/>
    </row>
    <row r="164709" spans="14:14">
      <c r="N164709" s="10"/>
    </row>
    <row r="164710" spans="14:14">
      <c r="N164710" s="10"/>
    </row>
    <row r="164711" spans="14:14">
      <c r="N164711" s="10"/>
    </row>
    <row r="164712" spans="14:14">
      <c r="N164712" s="10"/>
    </row>
    <row r="164713" spans="14:14">
      <c r="N164713" s="10"/>
    </row>
    <row r="164714" spans="14:14">
      <c r="N164714" s="10"/>
    </row>
    <row r="164715" spans="14:14">
      <c r="N164715" s="10"/>
    </row>
    <row r="164716" spans="14:14">
      <c r="N164716" s="10"/>
    </row>
    <row r="164717" spans="14:14">
      <c r="N164717" s="10"/>
    </row>
    <row r="164718" spans="14:14">
      <c r="N164718" s="10"/>
    </row>
    <row r="164719" spans="14:14">
      <c r="N164719" s="10"/>
    </row>
    <row r="164720" spans="14:14">
      <c r="N164720" s="10"/>
    </row>
    <row r="164721" spans="14:14">
      <c r="N164721" s="10"/>
    </row>
    <row r="164722" spans="14:14">
      <c r="N164722" s="10"/>
    </row>
    <row r="164723" spans="14:14">
      <c r="N164723" s="10"/>
    </row>
    <row r="164724" spans="14:14">
      <c r="N164724" s="10"/>
    </row>
    <row r="164725" spans="14:14">
      <c r="N164725" s="10"/>
    </row>
    <row r="164726" spans="14:14">
      <c r="N164726" s="10"/>
    </row>
    <row r="164727" spans="14:14">
      <c r="N164727" s="10"/>
    </row>
    <row r="164728" spans="14:14">
      <c r="N164728" s="10"/>
    </row>
    <row r="164729" spans="14:14">
      <c r="N164729" s="10"/>
    </row>
    <row r="164730" spans="14:14">
      <c r="N164730" s="10"/>
    </row>
    <row r="164731" spans="14:14">
      <c r="N164731" s="10"/>
    </row>
    <row r="164732" spans="14:14">
      <c r="N164732" s="10"/>
    </row>
    <row r="164733" spans="14:14">
      <c r="N164733" s="10"/>
    </row>
    <row r="164734" spans="14:14">
      <c r="N164734" s="10"/>
    </row>
    <row r="164735" spans="14:14">
      <c r="N164735" s="10"/>
    </row>
    <row r="164736" spans="14:14">
      <c r="N164736" s="10"/>
    </row>
    <row r="164737" spans="14:14">
      <c r="N164737" s="10"/>
    </row>
    <row r="164738" spans="14:14">
      <c r="N164738" s="10"/>
    </row>
    <row r="164739" spans="14:14">
      <c r="N164739" s="10"/>
    </row>
    <row r="164740" spans="14:14">
      <c r="N164740" s="10"/>
    </row>
    <row r="164741" spans="14:14">
      <c r="N164741" s="10"/>
    </row>
    <row r="164742" spans="14:14">
      <c r="N164742" s="10"/>
    </row>
    <row r="164743" spans="14:14">
      <c r="N164743" s="10"/>
    </row>
    <row r="164744" spans="14:14">
      <c r="N164744" s="10"/>
    </row>
    <row r="164745" spans="14:14">
      <c r="N164745" s="10"/>
    </row>
    <row r="164746" spans="14:14">
      <c r="N164746" s="10"/>
    </row>
    <row r="164747" spans="14:14">
      <c r="N164747" s="10"/>
    </row>
    <row r="164748" spans="14:14">
      <c r="N164748" s="10"/>
    </row>
    <row r="164749" spans="14:14">
      <c r="N164749" s="10"/>
    </row>
    <row r="164750" spans="14:14">
      <c r="N164750" s="10"/>
    </row>
    <row r="164751" spans="14:14">
      <c r="N164751" s="10"/>
    </row>
    <row r="164752" spans="14:14">
      <c r="N164752" s="10"/>
    </row>
    <row r="164753" spans="14:14">
      <c r="N164753" s="10"/>
    </row>
    <row r="164754" spans="14:14">
      <c r="N164754" s="10"/>
    </row>
    <row r="164755" spans="14:14">
      <c r="N164755" s="10"/>
    </row>
    <row r="164756" spans="14:14">
      <c r="N164756" s="10"/>
    </row>
    <row r="164757" spans="14:14">
      <c r="N164757" s="10"/>
    </row>
    <row r="164758" spans="14:14">
      <c r="N164758" s="10"/>
    </row>
    <row r="164759" spans="14:14">
      <c r="N164759" s="10"/>
    </row>
    <row r="164760" spans="14:14">
      <c r="N164760" s="10"/>
    </row>
    <row r="164761" spans="14:14">
      <c r="N164761" s="10"/>
    </row>
    <row r="164762" spans="14:14">
      <c r="N164762" s="10"/>
    </row>
    <row r="164763" spans="14:14">
      <c r="N164763" s="10"/>
    </row>
    <row r="164764" spans="14:14">
      <c r="N164764" s="10"/>
    </row>
    <row r="164765" spans="14:14">
      <c r="N164765" s="10"/>
    </row>
    <row r="164766" spans="14:14">
      <c r="N164766" s="10"/>
    </row>
    <row r="164767" spans="14:14">
      <c r="N164767" s="10"/>
    </row>
    <row r="164768" spans="14:14">
      <c r="N164768" s="10"/>
    </row>
    <row r="164769" spans="14:14">
      <c r="N164769" s="10"/>
    </row>
    <row r="164770" spans="14:14">
      <c r="N164770" s="10"/>
    </row>
    <row r="164771" spans="14:14">
      <c r="N164771" s="10"/>
    </row>
    <row r="164772" spans="14:14">
      <c r="N164772" s="10"/>
    </row>
    <row r="164773" spans="14:14">
      <c r="N164773" s="10"/>
    </row>
    <row r="164774" spans="14:14">
      <c r="N164774" s="10"/>
    </row>
    <row r="164775" spans="14:14">
      <c r="N164775" s="10"/>
    </row>
    <row r="164776" spans="14:14">
      <c r="N164776" s="10"/>
    </row>
    <row r="164777" spans="14:14">
      <c r="N164777" s="10"/>
    </row>
    <row r="164778" spans="14:14">
      <c r="N164778" s="10"/>
    </row>
    <row r="164779" spans="14:14">
      <c r="N164779" s="10"/>
    </row>
    <row r="164780" spans="14:14">
      <c r="N164780" s="10"/>
    </row>
    <row r="164781" spans="14:14">
      <c r="N164781" s="10"/>
    </row>
    <row r="164782" spans="14:14">
      <c r="N164782" s="10"/>
    </row>
    <row r="164783" spans="14:14">
      <c r="N164783" s="10"/>
    </row>
    <row r="164784" spans="14:14">
      <c r="N164784" s="10"/>
    </row>
    <row r="164785" spans="14:14">
      <c r="N164785" s="10"/>
    </row>
    <row r="164786" spans="14:14">
      <c r="N164786" s="10"/>
    </row>
    <row r="164787" spans="14:14">
      <c r="N164787" s="10"/>
    </row>
    <row r="164788" spans="14:14">
      <c r="N164788" s="10"/>
    </row>
    <row r="164789" spans="14:14">
      <c r="N164789" s="10"/>
    </row>
    <row r="164790" spans="14:14">
      <c r="N164790" s="10"/>
    </row>
    <row r="164791" spans="14:14">
      <c r="N164791" s="10"/>
    </row>
    <row r="164792" spans="14:14">
      <c r="N164792" s="10"/>
    </row>
    <row r="164793" spans="14:14">
      <c r="N164793" s="10"/>
    </row>
    <row r="164794" spans="14:14">
      <c r="N164794" s="10"/>
    </row>
    <row r="164795" spans="14:14">
      <c r="N164795" s="10"/>
    </row>
    <row r="164796" spans="14:14">
      <c r="N164796" s="10"/>
    </row>
    <row r="164797" spans="14:14">
      <c r="N164797" s="10"/>
    </row>
    <row r="164798" spans="14:14">
      <c r="N164798" s="10"/>
    </row>
    <row r="164799" spans="14:14">
      <c r="N164799" s="10"/>
    </row>
    <row r="164800" spans="14:14">
      <c r="N164800" s="10"/>
    </row>
    <row r="164801" spans="14:14">
      <c r="N164801" s="10"/>
    </row>
    <row r="164802" spans="14:14">
      <c r="N164802" s="10"/>
    </row>
    <row r="164803" spans="14:14">
      <c r="N164803" s="10"/>
    </row>
    <row r="164804" spans="14:14">
      <c r="N164804" s="10"/>
    </row>
    <row r="164805" spans="14:14">
      <c r="N164805" s="10"/>
    </row>
    <row r="164806" spans="14:14">
      <c r="N164806" s="10"/>
    </row>
    <row r="164807" spans="14:14">
      <c r="N164807" s="10"/>
    </row>
    <row r="164808" spans="14:14">
      <c r="N164808" s="10"/>
    </row>
    <row r="164809" spans="14:14">
      <c r="N164809" s="10"/>
    </row>
    <row r="164810" spans="14:14">
      <c r="N164810" s="10"/>
    </row>
    <row r="164811" spans="14:14">
      <c r="N164811" s="10"/>
    </row>
    <row r="164812" spans="14:14">
      <c r="N164812" s="10"/>
    </row>
    <row r="164813" spans="14:14">
      <c r="N164813" s="10"/>
    </row>
    <row r="164814" spans="14:14">
      <c r="N164814" s="10"/>
    </row>
    <row r="164815" spans="14:14">
      <c r="N164815" s="10"/>
    </row>
    <row r="164816" spans="14:14">
      <c r="N164816" s="10"/>
    </row>
    <row r="164817" spans="14:14">
      <c r="N164817" s="10"/>
    </row>
    <row r="164818" spans="14:14">
      <c r="N164818" s="10"/>
    </row>
    <row r="164819" spans="14:14">
      <c r="N164819" s="10"/>
    </row>
    <row r="164820" spans="14:14">
      <c r="N164820" s="10"/>
    </row>
    <row r="164821" spans="14:14">
      <c r="N164821" s="10"/>
    </row>
    <row r="164822" spans="14:14">
      <c r="N164822" s="10"/>
    </row>
    <row r="164823" spans="14:14">
      <c r="N164823" s="10"/>
    </row>
    <row r="164824" spans="14:14">
      <c r="N164824" s="10"/>
    </row>
    <row r="164825" spans="14:14">
      <c r="N164825" s="10"/>
    </row>
    <row r="164826" spans="14:14">
      <c r="N164826" s="10"/>
    </row>
    <row r="164827" spans="14:14">
      <c r="N164827" s="10"/>
    </row>
    <row r="164828" spans="14:14">
      <c r="N164828" s="10"/>
    </row>
    <row r="164829" spans="14:14">
      <c r="N164829" s="10"/>
    </row>
    <row r="164830" spans="14:14">
      <c r="N164830" s="10"/>
    </row>
    <row r="164831" spans="14:14">
      <c r="N164831" s="10"/>
    </row>
    <row r="164832" spans="14:14">
      <c r="N164832" s="10"/>
    </row>
    <row r="164833" spans="14:14">
      <c r="N164833" s="10"/>
    </row>
    <row r="164834" spans="14:14">
      <c r="N164834" s="10"/>
    </row>
    <row r="164835" spans="14:14">
      <c r="N164835" s="10"/>
    </row>
    <row r="164836" spans="14:14">
      <c r="N164836" s="10"/>
    </row>
    <row r="164837" spans="14:14">
      <c r="N164837" s="10"/>
    </row>
    <row r="164838" spans="14:14">
      <c r="N164838" s="10"/>
    </row>
    <row r="164839" spans="14:14">
      <c r="N164839" s="10"/>
    </row>
    <row r="164840" spans="14:14">
      <c r="N164840" s="10"/>
    </row>
    <row r="164841" spans="14:14">
      <c r="N164841" s="10"/>
    </row>
    <row r="164842" spans="14:14">
      <c r="N164842" s="10"/>
    </row>
    <row r="164843" spans="14:14">
      <c r="N164843" s="10"/>
    </row>
    <row r="164844" spans="14:14">
      <c r="N164844" s="10"/>
    </row>
    <row r="164845" spans="14:14">
      <c r="N164845" s="10"/>
    </row>
    <row r="164846" spans="14:14">
      <c r="N164846" s="10"/>
    </row>
    <row r="164847" spans="14:14">
      <c r="N164847" s="10"/>
    </row>
    <row r="164848" spans="14:14">
      <c r="N164848" s="10"/>
    </row>
    <row r="164849" spans="14:14">
      <c r="N164849" s="10"/>
    </row>
    <row r="164850" spans="14:14">
      <c r="N164850" s="10"/>
    </row>
    <row r="164851" spans="14:14">
      <c r="N164851" s="10"/>
    </row>
    <row r="164852" spans="14:14">
      <c r="N164852" s="10"/>
    </row>
    <row r="164853" spans="14:14">
      <c r="N164853" s="10"/>
    </row>
    <row r="164854" spans="14:14">
      <c r="N164854" s="10"/>
    </row>
    <row r="164855" spans="14:14">
      <c r="N164855" s="10"/>
    </row>
    <row r="164856" spans="14:14">
      <c r="N164856" s="10"/>
    </row>
    <row r="164857" spans="14:14">
      <c r="N164857" s="10"/>
    </row>
    <row r="164858" spans="14:14">
      <c r="N164858" s="10"/>
    </row>
    <row r="164859" spans="14:14">
      <c r="N164859" s="10"/>
    </row>
    <row r="164860" spans="14:14">
      <c r="N164860" s="10"/>
    </row>
    <row r="164861" spans="14:14">
      <c r="N164861" s="10"/>
    </row>
    <row r="164862" spans="14:14">
      <c r="N164862" s="10"/>
    </row>
    <row r="164863" spans="14:14">
      <c r="N164863" s="10"/>
    </row>
    <row r="164864" spans="14:14">
      <c r="N164864" s="10"/>
    </row>
    <row r="164865" spans="14:14">
      <c r="N164865" s="10"/>
    </row>
    <row r="164866" spans="14:14">
      <c r="N164866" s="10"/>
    </row>
    <row r="164867" spans="14:14">
      <c r="N164867" s="10"/>
    </row>
    <row r="164868" spans="14:14">
      <c r="N164868" s="10"/>
    </row>
    <row r="164869" spans="14:14">
      <c r="N164869" s="10"/>
    </row>
    <row r="164870" spans="14:14">
      <c r="N164870" s="10"/>
    </row>
    <row r="164871" spans="14:14">
      <c r="N164871" s="10"/>
    </row>
    <row r="164872" spans="14:14">
      <c r="N164872" s="10"/>
    </row>
    <row r="164873" spans="14:14">
      <c r="N164873" s="10"/>
    </row>
    <row r="164874" spans="14:14">
      <c r="N164874" s="10"/>
    </row>
    <row r="164875" spans="14:14">
      <c r="N164875" s="10"/>
    </row>
    <row r="164876" spans="14:14">
      <c r="N164876" s="10"/>
    </row>
    <row r="164877" spans="14:14">
      <c r="N164877" s="10"/>
    </row>
    <row r="164878" spans="14:14">
      <c r="N164878" s="10"/>
    </row>
    <row r="164879" spans="14:14">
      <c r="N164879" s="10"/>
    </row>
    <row r="164880" spans="14:14">
      <c r="N164880" s="10"/>
    </row>
    <row r="164881" spans="14:14">
      <c r="N164881" s="10"/>
    </row>
    <row r="164882" spans="14:14">
      <c r="N164882" s="10"/>
    </row>
    <row r="164883" spans="14:14">
      <c r="N164883" s="10"/>
    </row>
    <row r="164884" spans="14:14">
      <c r="N164884" s="10"/>
    </row>
    <row r="164885" spans="14:14">
      <c r="N164885" s="10"/>
    </row>
    <row r="164886" spans="14:14">
      <c r="N164886" s="10"/>
    </row>
    <row r="164887" spans="14:14">
      <c r="N164887" s="10"/>
    </row>
    <row r="164888" spans="14:14">
      <c r="N164888" s="10"/>
    </row>
    <row r="164889" spans="14:14">
      <c r="N164889" s="10"/>
    </row>
    <row r="164890" spans="14:14">
      <c r="N164890" s="10"/>
    </row>
    <row r="164891" spans="14:14">
      <c r="N164891" s="10"/>
    </row>
    <row r="164892" spans="14:14">
      <c r="N164892" s="10"/>
    </row>
    <row r="164893" spans="14:14">
      <c r="N164893" s="10"/>
    </row>
    <row r="164894" spans="14:14">
      <c r="N164894" s="10"/>
    </row>
    <row r="164895" spans="14:14">
      <c r="N164895" s="10"/>
    </row>
    <row r="164896" spans="14:14">
      <c r="N164896" s="10"/>
    </row>
    <row r="164897" spans="14:14">
      <c r="N164897" s="10"/>
    </row>
    <row r="164898" spans="14:14">
      <c r="N164898" s="10"/>
    </row>
    <row r="164899" spans="14:14">
      <c r="N164899" s="10"/>
    </row>
    <row r="164900" spans="14:14">
      <c r="N164900" s="10"/>
    </row>
    <row r="164901" spans="14:14">
      <c r="N164901" s="10"/>
    </row>
    <row r="164902" spans="14:14">
      <c r="N164902" s="10"/>
    </row>
    <row r="164903" spans="14:14">
      <c r="N164903" s="10"/>
    </row>
    <row r="164904" spans="14:14">
      <c r="N164904" s="10"/>
    </row>
    <row r="164905" spans="14:14">
      <c r="N164905" s="10"/>
    </row>
    <row r="164906" spans="14:14">
      <c r="N164906" s="10"/>
    </row>
    <row r="164907" spans="14:14">
      <c r="N164907" s="10"/>
    </row>
    <row r="164908" spans="14:14">
      <c r="N164908" s="10"/>
    </row>
    <row r="164909" spans="14:14">
      <c r="N164909" s="10"/>
    </row>
    <row r="164910" spans="14:14">
      <c r="N164910" s="10"/>
    </row>
    <row r="164911" spans="14:14">
      <c r="N164911" s="10"/>
    </row>
    <row r="164912" spans="14:14">
      <c r="N164912" s="10"/>
    </row>
    <row r="164913" spans="14:14">
      <c r="N164913" s="10"/>
    </row>
    <row r="164914" spans="14:14">
      <c r="N164914" s="10"/>
    </row>
    <row r="164915" spans="14:14">
      <c r="N164915" s="10"/>
    </row>
    <row r="164916" spans="14:14">
      <c r="N164916" s="10"/>
    </row>
    <row r="164917" spans="14:14">
      <c r="N164917" s="10"/>
    </row>
    <row r="164918" spans="14:14">
      <c r="N164918" s="10"/>
    </row>
    <row r="164919" spans="14:14">
      <c r="N164919" s="10"/>
    </row>
    <row r="164920" spans="14:14">
      <c r="N164920" s="10"/>
    </row>
    <row r="164921" spans="14:14">
      <c r="N164921" s="10"/>
    </row>
    <row r="164922" spans="14:14">
      <c r="N164922" s="10"/>
    </row>
    <row r="164923" spans="14:14">
      <c r="N164923" s="10"/>
    </row>
    <row r="164924" spans="14:14">
      <c r="N164924" s="10"/>
    </row>
    <row r="164925" spans="14:14">
      <c r="N164925" s="10"/>
    </row>
    <row r="164926" spans="14:14">
      <c r="N164926" s="10"/>
    </row>
    <row r="164927" spans="14:14">
      <c r="N164927" s="10"/>
    </row>
    <row r="164928" spans="14:14">
      <c r="N164928" s="10"/>
    </row>
    <row r="164929" spans="14:14">
      <c r="N164929" s="10"/>
    </row>
    <row r="164930" spans="14:14">
      <c r="N164930" s="10"/>
    </row>
    <row r="164931" spans="14:14">
      <c r="N164931" s="10"/>
    </row>
    <row r="164932" spans="14:14">
      <c r="N164932" s="10"/>
    </row>
    <row r="164933" spans="14:14">
      <c r="N164933" s="10"/>
    </row>
    <row r="164934" spans="14:14">
      <c r="N164934" s="10"/>
    </row>
    <row r="164935" spans="14:14">
      <c r="N164935" s="10"/>
    </row>
    <row r="164936" spans="14:14">
      <c r="N164936" s="10"/>
    </row>
    <row r="164937" spans="14:14">
      <c r="N164937" s="10"/>
    </row>
    <row r="164938" spans="14:14">
      <c r="N164938" s="10"/>
    </row>
    <row r="164939" spans="14:14">
      <c r="N164939" s="10"/>
    </row>
    <row r="164940" spans="14:14">
      <c r="N164940" s="10"/>
    </row>
    <row r="164941" spans="14:14">
      <c r="N164941" s="10"/>
    </row>
    <row r="164942" spans="14:14">
      <c r="N164942" s="10"/>
    </row>
    <row r="164943" spans="14:14">
      <c r="N164943" s="10"/>
    </row>
    <row r="164944" spans="14:14">
      <c r="N164944" s="10"/>
    </row>
    <row r="164945" spans="14:14">
      <c r="N164945" s="10"/>
    </row>
    <row r="164946" spans="14:14">
      <c r="N164946" s="10"/>
    </row>
    <row r="164947" spans="14:14">
      <c r="N164947" s="10"/>
    </row>
    <row r="164948" spans="14:14">
      <c r="N164948" s="10"/>
    </row>
    <row r="164949" spans="14:14">
      <c r="N164949" s="10"/>
    </row>
    <row r="164950" spans="14:14">
      <c r="N164950" s="10"/>
    </row>
    <row r="164951" spans="14:14">
      <c r="N164951" s="10"/>
    </row>
    <row r="164952" spans="14:14">
      <c r="N164952" s="10"/>
    </row>
    <row r="164953" spans="14:14">
      <c r="N164953" s="10"/>
    </row>
    <row r="164954" spans="14:14">
      <c r="N164954" s="10"/>
    </row>
    <row r="164955" spans="14:14">
      <c r="N164955" s="10"/>
    </row>
    <row r="164956" spans="14:14">
      <c r="N164956" s="10"/>
    </row>
    <row r="164957" spans="14:14">
      <c r="N164957" s="10"/>
    </row>
    <row r="164958" spans="14:14">
      <c r="N164958" s="10"/>
    </row>
    <row r="164959" spans="14:14">
      <c r="N164959" s="10"/>
    </row>
    <row r="164960" spans="14:14">
      <c r="N164960" s="10"/>
    </row>
    <row r="164961" spans="14:14">
      <c r="N164961" s="10"/>
    </row>
    <row r="164962" spans="14:14">
      <c r="N164962" s="10"/>
    </row>
    <row r="164963" spans="14:14">
      <c r="N164963" s="10"/>
    </row>
    <row r="164964" spans="14:14">
      <c r="N164964" s="10"/>
    </row>
    <row r="164965" spans="14:14">
      <c r="N164965" s="10"/>
    </row>
    <row r="164966" spans="14:14">
      <c r="N164966" s="10"/>
    </row>
    <row r="164967" spans="14:14">
      <c r="N164967" s="10"/>
    </row>
    <row r="164968" spans="14:14">
      <c r="N164968" s="10"/>
    </row>
    <row r="164969" spans="14:14">
      <c r="N164969" s="10"/>
    </row>
    <row r="164970" spans="14:14">
      <c r="N164970" s="10"/>
    </row>
    <row r="164971" spans="14:14">
      <c r="N164971" s="10"/>
    </row>
    <row r="164972" spans="14:14">
      <c r="N164972" s="10"/>
    </row>
    <row r="164973" spans="14:14">
      <c r="N164973" s="10"/>
    </row>
    <row r="164974" spans="14:14">
      <c r="N164974" s="10"/>
    </row>
    <row r="164975" spans="14:14">
      <c r="N164975" s="10"/>
    </row>
    <row r="164976" spans="14:14">
      <c r="N164976" s="10"/>
    </row>
    <row r="164977" spans="14:14">
      <c r="N164977" s="10"/>
    </row>
    <row r="164978" spans="14:14">
      <c r="N164978" s="10"/>
    </row>
    <row r="164979" spans="14:14">
      <c r="N164979" s="10"/>
    </row>
    <row r="164980" spans="14:14">
      <c r="N164980" s="10"/>
    </row>
    <row r="164981" spans="14:14">
      <c r="N164981" s="10"/>
    </row>
    <row r="164982" spans="14:14">
      <c r="N164982" s="10"/>
    </row>
    <row r="164983" spans="14:14">
      <c r="N164983" s="10"/>
    </row>
    <row r="164984" spans="14:14">
      <c r="N164984" s="10"/>
    </row>
    <row r="164985" spans="14:14">
      <c r="N164985" s="10"/>
    </row>
    <row r="164986" spans="14:14">
      <c r="N164986" s="10"/>
    </row>
    <row r="164987" spans="14:14">
      <c r="N164987" s="10"/>
    </row>
    <row r="164988" spans="14:14">
      <c r="N164988" s="10"/>
    </row>
    <row r="164989" spans="14:14">
      <c r="N164989" s="10"/>
    </row>
    <row r="164990" spans="14:14">
      <c r="N164990" s="10"/>
    </row>
    <row r="164991" spans="14:14">
      <c r="N164991" s="10"/>
    </row>
    <row r="164992" spans="14:14">
      <c r="N164992" s="10"/>
    </row>
    <row r="164993" spans="14:14">
      <c r="N164993" s="10"/>
    </row>
    <row r="164994" spans="14:14">
      <c r="N164994" s="10"/>
    </row>
    <row r="164995" spans="14:14">
      <c r="N164995" s="10"/>
    </row>
    <row r="164996" spans="14:14">
      <c r="N164996" s="10"/>
    </row>
    <row r="164997" spans="14:14">
      <c r="N164997" s="10"/>
    </row>
    <row r="164998" spans="14:14">
      <c r="N164998" s="10"/>
    </row>
    <row r="164999" spans="14:14">
      <c r="N164999" s="10"/>
    </row>
    <row r="165000" spans="14:14">
      <c r="N165000" s="10"/>
    </row>
    <row r="165001" spans="14:14">
      <c r="N165001" s="10"/>
    </row>
    <row r="165002" spans="14:14">
      <c r="N165002" s="10"/>
    </row>
    <row r="165003" spans="14:14">
      <c r="N165003" s="10"/>
    </row>
    <row r="165004" spans="14:14">
      <c r="N165004" s="10"/>
    </row>
    <row r="165005" spans="14:14">
      <c r="N165005" s="10"/>
    </row>
    <row r="165006" spans="14:14">
      <c r="N165006" s="10"/>
    </row>
    <row r="165007" spans="14:14">
      <c r="N165007" s="10"/>
    </row>
    <row r="165008" spans="14:14">
      <c r="N165008" s="10"/>
    </row>
    <row r="165009" spans="14:14">
      <c r="N165009" s="10"/>
    </row>
    <row r="165010" spans="14:14">
      <c r="N165010" s="10"/>
    </row>
    <row r="165011" spans="14:14">
      <c r="N165011" s="10"/>
    </row>
    <row r="165012" spans="14:14">
      <c r="N165012" s="10"/>
    </row>
    <row r="165013" spans="14:14">
      <c r="N165013" s="10"/>
    </row>
    <row r="165014" spans="14:14">
      <c r="N165014" s="10"/>
    </row>
    <row r="165015" spans="14:14">
      <c r="N165015" s="10"/>
    </row>
    <row r="165016" spans="14:14">
      <c r="N165016" s="10"/>
    </row>
    <row r="165017" spans="14:14">
      <c r="N165017" s="10"/>
    </row>
    <row r="165018" spans="14:14">
      <c r="N165018" s="10"/>
    </row>
    <row r="165019" spans="14:14">
      <c r="N165019" s="10"/>
    </row>
    <row r="165020" spans="14:14">
      <c r="N165020" s="10"/>
    </row>
    <row r="165021" spans="14:14">
      <c r="N165021" s="10"/>
    </row>
    <row r="165022" spans="14:14">
      <c r="N165022" s="10"/>
    </row>
    <row r="165023" spans="14:14">
      <c r="N165023" s="10"/>
    </row>
    <row r="165024" spans="14:14">
      <c r="N165024" s="10"/>
    </row>
    <row r="165025" spans="14:14">
      <c r="N165025" s="10"/>
    </row>
    <row r="165026" spans="14:14">
      <c r="N165026" s="10"/>
    </row>
    <row r="165027" spans="14:14">
      <c r="N165027" s="10"/>
    </row>
    <row r="165028" spans="14:14">
      <c r="N165028" s="10"/>
    </row>
    <row r="165029" spans="14:14">
      <c r="N165029" s="10"/>
    </row>
    <row r="165030" spans="14:14">
      <c r="N165030" s="10"/>
    </row>
    <row r="165031" spans="14:14">
      <c r="N165031" s="10"/>
    </row>
    <row r="165032" spans="14:14">
      <c r="N165032" s="10"/>
    </row>
    <row r="165033" spans="14:14">
      <c r="N165033" s="10"/>
    </row>
    <row r="165034" spans="14:14">
      <c r="N165034" s="10"/>
    </row>
    <row r="165035" spans="14:14">
      <c r="N165035" s="10"/>
    </row>
    <row r="165036" spans="14:14">
      <c r="N165036" s="10"/>
    </row>
    <row r="165037" spans="14:14">
      <c r="N165037" s="10"/>
    </row>
    <row r="165038" spans="14:14">
      <c r="N165038" s="10"/>
    </row>
    <row r="165039" spans="14:14">
      <c r="N165039" s="10"/>
    </row>
    <row r="165040" spans="14:14">
      <c r="N165040" s="10"/>
    </row>
    <row r="165041" spans="14:14">
      <c r="N165041" s="10"/>
    </row>
    <row r="165042" spans="14:14">
      <c r="N165042" s="10"/>
    </row>
    <row r="165043" spans="14:14">
      <c r="N165043" s="10"/>
    </row>
    <row r="165044" spans="14:14">
      <c r="N165044" s="10"/>
    </row>
    <row r="165045" spans="14:14">
      <c r="N165045" s="10"/>
    </row>
    <row r="165046" spans="14:14">
      <c r="N165046" s="10"/>
    </row>
    <row r="165047" spans="14:14">
      <c r="N165047" s="10"/>
    </row>
    <row r="165048" spans="14:14">
      <c r="N165048" s="10"/>
    </row>
    <row r="165049" spans="14:14">
      <c r="N165049" s="10"/>
    </row>
    <row r="165050" spans="14:14">
      <c r="N165050" s="10"/>
    </row>
    <row r="165051" spans="14:14">
      <c r="N165051" s="10"/>
    </row>
    <row r="165052" spans="14:14">
      <c r="N165052" s="10"/>
    </row>
    <row r="165053" spans="14:14">
      <c r="N165053" s="10"/>
    </row>
    <row r="165054" spans="14:14">
      <c r="N165054" s="10"/>
    </row>
    <row r="165055" spans="14:14">
      <c r="N165055" s="10"/>
    </row>
    <row r="165056" spans="14:14">
      <c r="N165056" s="10"/>
    </row>
    <row r="165057" spans="14:14">
      <c r="N165057" s="10"/>
    </row>
    <row r="165058" spans="14:14">
      <c r="N165058" s="10"/>
    </row>
    <row r="165059" spans="14:14">
      <c r="N165059" s="10"/>
    </row>
    <row r="165060" spans="14:14">
      <c r="N165060" s="10"/>
    </row>
    <row r="165061" spans="14:14">
      <c r="N165061" s="10"/>
    </row>
    <row r="165062" spans="14:14">
      <c r="N165062" s="10"/>
    </row>
    <row r="165063" spans="14:14">
      <c r="N165063" s="10"/>
    </row>
    <row r="165064" spans="14:14">
      <c r="N165064" s="10"/>
    </row>
    <row r="165065" spans="14:14">
      <c r="N165065" s="10"/>
    </row>
    <row r="165066" spans="14:14">
      <c r="N165066" s="10"/>
    </row>
    <row r="165067" spans="14:14">
      <c r="N165067" s="10"/>
    </row>
    <row r="165068" spans="14:14">
      <c r="N165068" s="10"/>
    </row>
    <row r="165069" spans="14:14">
      <c r="N165069" s="10"/>
    </row>
    <row r="165070" spans="14:14">
      <c r="N165070" s="10"/>
    </row>
    <row r="165071" spans="14:14">
      <c r="N165071" s="10"/>
    </row>
    <row r="165072" spans="14:14">
      <c r="N165072" s="10"/>
    </row>
    <row r="165073" spans="14:14">
      <c r="N165073" s="10"/>
    </row>
    <row r="165074" spans="14:14">
      <c r="N165074" s="10"/>
    </row>
    <row r="165075" spans="14:14">
      <c r="N165075" s="10"/>
    </row>
    <row r="165076" spans="14:14">
      <c r="N165076" s="10"/>
    </row>
    <row r="165077" spans="14:14">
      <c r="N165077" s="10"/>
    </row>
    <row r="165078" spans="14:14">
      <c r="N165078" s="10"/>
    </row>
    <row r="165079" spans="14:14">
      <c r="N165079" s="10"/>
    </row>
    <row r="165080" spans="14:14">
      <c r="N165080" s="10"/>
    </row>
    <row r="165081" spans="14:14">
      <c r="N165081" s="10"/>
    </row>
    <row r="165082" spans="14:14">
      <c r="N165082" s="10"/>
    </row>
    <row r="165083" spans="14:14">
      <c r="N165083" s="10"/>
    </row>
    <row r="165084" spans="14:14">
      <c r="N165084" s="10"/>
    </row>
    <row r="165085" spans="14:14">
      <c r="N165085" s="10"/>
    </row>
    <row r="165086" spans="14:14">
      <c r="N165086" s="10"/>
    </row>
    <row r="165087" spans="14:14">
      <c r="N165087" s="10"/>
    </row>
    <row r="165088" spans="14:14">
      <c r="N165088" s="10"/>
    </row>
    <row r="165089" spans="14:14">
      <c r="N165089" s="10"/>
    </row>
    <row r="165090" spans="14:14">
      <c r="N165090" s="10"/>
    </row>
    <row r="165091" spans="14:14">
      <c r="N165091" s="10"/>
    </row>
    <row r="165092" spans="14:14">
      <c r="N165092" s="10"/>
    </row>
    <row r="165093" spans="14:14">
      <c r="N165093" s="10"/>
    </row>
    <row r="165094" spans="14:14">
      <c r="N165094" s="10"/>
    </row>
    <row r="165095" spans="14:14">
      <c r="N165095" s="10"/>
    </row>
    <row r="165096" spans="14:14">
      <c r="N165096" s="10"/>
    </row>
    <row r="165097" spans="14:14">
      <c r="N165097" s="10"/>
    </row>
    <row r="165098" spans="14:14">
      <c r="N165098" s="10"/>
    </row>
    <row r="165099" spans="14:14">
      <c r="N165099" s="10"/>
    </row>
    <row r="165100" spans="14:14">
      <c r="N165100" s="10"/>
    </row>
    <row r="165101" spans="14:14">
      <c r="N165101" s="10"/>
    </row>
    <row r="165102" spans="14:14">
      <c r="N165102" s="10"/>
    </row>
    <row r="165103" spans="14:14">
      <c r="N165103" s="10"/>
    </row>
    <row r="165104" spans="14:14">
      <c r="N165104" s="10"/>
    </row>
    <row r="165105" spans="14:14">
      <c r="N165105" s="10"/>
    </row>
    <row r="165106" spans="14:14">
      <c r="N165106" s="10"/>
    </row>
    <row r="165107" spans="14:14">
      <c r="N165107" s="10"/>
    </row>
    <row r="165108" spans="14:14">
      <c r="N165108" s="10"/>
    </row>
    <row r="165109" spans="14:14">
      <c r="N165109" s="10"/>
    </row>
    <row r="165110" spans="14:14">
      <c r="N165110" s="10"/>
    </row>
    <row r="165111" spans="14:14">
      <c r="N165111" s="10"/>
    </row>
    <row r="165112" spans="14:14">
      <c r="N165112" s="10"/>
    </row>
    <row r="165113" spans="14:14">
      <c r="N165113" s="10"/>
    </row>
    <row r="165114" spans="14:14">
      <c r="N165114" s="10"/>
    </row>
    <row r="165115" spans="14:14">
      <c r="N165115" s="10"/>
    </row>
    <row r="165116" spans="14:14">
      <c r="N165116" s="10"/>
    </row>
    <row r="165117" spans="14:14">
      <c r="N165117" s="10"/>
    </row>
    <row r="165118" spans="14:14">
      <c r="N165118" s="10"/>
    </row>
    <row r="165119" spans="14:14">
      <c r="N165119" s="10"/>
    </row>
    <row r="165120" spans="14:14">
      <c r="N165120" s="10"/>
    </row>
    <row r="165121" spans="14:14">
      <c r="N165121" s="10"/>
    </row>
    <row r="165122" spans="14:14">
      <c r="N165122" s="10"/>
    </row>
    <row r="165123" spans="14:14">
      <c r="N165123" s="10"/>
    </row>
    <row r="165124" spans="14:14">
      <c r="N165124" s="10"/>
    </row>
    <row r="165125" spans="14:14">
      <c r="N165125" s="10"/>
    </row>
    <row r="165126" spans="14:14">
      <c r="N165126" s="10"/>
    </row>
    <row r="165127" spans="14:14">
      <c r="N165127" s="10"/>
    </row>
    <row r="165128" spans="14:14">
      <c r="N165128" s="10"/>
    </row>
    <row r="165129" spans="14:14">
      <c r="N165129" s="10"/>
    </row>
    <row r="165130" spans="14:14">
      <c r="N165130" s="10"/>
    </row>
    <row r="165131" spans="14:14">
      <c r="N165131" s="10"/>
    </row>
    <row r="165132" spans="14:14">
      <c r="N165132" s="10"/>
    </row>
    <row r="165133" spans="14:14">
      <c r="N165133" s="10"/>
    </row>
    <row r="165134" spans="14:14">
      <c r="N165134" s="10"/>
    </row>
    <row r="165135" spans="14:14">
      <c r="N165135" s="10"/>
    </row>
    <row r="165136" spans="14:14">
      <c r="N165136" s="10"/>
    </row>
    <row r="165137" spans="14:14">
      <c r="N165137" s="10"/>
    </row>
    <row r="165138" spans="14:14">
      <c r="N165138" s="10"/>
    </row>
    <row r="165139" spans="14:14">
      <c r="N165139" s="10"/>
    </row>
    <row r="165140" spans="14:14">
      <c r="N165140" s="10"/>
    </row>
    <row r="165141" spans="14:14">
      <c r="N165141" s="10"/>
    </row>
    <row r="165142" spans="14:14">
      <c r="N165142" s="10"/>
    </row>
    <row r="165143" spans="14:14">
      <c r="N165143" s="10"/>
    </row>
    <row r="165144" spans="14:14">
      <c r="N165144" s="10"/>
    </row>
    <row r="165145" spans="14:14">
      <c r="N165145" s="10"/>
    </row>
    <row r="165146" spans="14:14">
      <c r="N165146" s="10"/>
    </row>
    <row r="165147" spans="14:14">
      <c r="N165147" s="10"/>
    </row>
    <row r="165148" spans="14:14">
      <c r="N165148" s="10"/>
    </row>
    <row r="165149" spans="14:14">
      <c r="N165149" s="10"/>
    </row>
    <row r="165150" spans="14:14">
      <c r="N165150" s="10"/>
    </row>
    <row r="165151" spans="14:14">
      <c r="N165151" s="10"/>
    </row>
    <row r="165152" spans="14:14">
      <c r="N165152" s="10"/>
    </row>
    <row r="165153" spans="14:14">
      <c r="N165153" s="10"/>
    </row>
    <row r="165154" spans="14:14">
      <c r="N165154" s="10"/>
    </row>
    <row r="165155" spans="14:14">
      <c r="N165155" s="10"/>
    </row>
    <row r="165156" spans="14:14">
      <c r="N165156" s="10"/>
    </row>
    <row r="165157" spans="14:14">
      <c r="N165157" s="10"/>
    </row>
    <row r="165158" spans="14:14">
      <c r="N165158" s="10"/>
    </row>
    <row r="165159" spans="14:14">
      <c r="N165159" s="10"/>
    </row>
    <row r="165160" spans="14:14">
      <c r="N165160" s="10"/>
    </row>
    <row r="165161" spans="14:14">
      <c r="N165161" s="10"/>
    </row>
    <row r="165162" spans="14:14">
      <c r="N165162" s="10"/>
    </row>
    <row r="165163" spans="14:14">
      <c r="N165163" s="10"/>
    </row>
    <row r="165164" spans="14:14">
      <c r="N165164" s="10"/>
    </row>
    <row r="165165" spans="14:14">
      <c r="N165165" s="10"/>
    </row>
    <row r="165166" spans="14:14">
      <c r="N165166" s="10"/>
    </row>
    <row r="165167" spans="14:14">
      <c r="N165167" s="10"/>
    </row>
    <row r="165168" spans="14:14">
      <c r="N165168" s="10"/>
    </row>
    <row r="165169" spans="14:14">
      <c r="N165169" s="10"/>
    </row>
    <row r="165170" spans="14:14">
      <c r="N165170" s="10"/>
    </row>
    <row r="165171" spans="14:14">
      <c r="N165171" s="10"/>
    </row>
    <row r="165172" spans="14:14">
      <c r="N165172" s="10"/>
    </row>
    <row r="165173" spans="14:14">
      <c r="N165173" s="10"/>
    </row>
    <row r="165174" spans="14:14">
      <c r="N165174" s="10"/>
    </row>
    <row r="165175" spans="14:14">
      <c r="N165175" s="10"/>
    </row>
    <row r="165176" spans="14:14">
      <c r="N165176" s="10"/>
    </row>
    <row r="165177" spans="14:14">
      <c r="N165177" s="10"/>
    </row>
    <row r="165178" spans="14:14">
      <c r="N165178" s="10"/>
    </row>
    <row r="165179" spans="14:14">
      <c r="N165179" s="10"/>
    </row>
    <row r="165180" spans="14:14">
      <c r="N165180" s="10"/>
    </row>
    <row r="165181" spans="14:14">
      <c r="N165181" s="10"/>
    </row>
    <row r="165182" spans="14:14">
      <c r="N165182" s="10"/>
    </row>
    <row r="165183" spans="14:14">
      <c r="N165183" s="10"/>
    </row>
    <row r="165184" spans="14:14">
      <c r="N165184" s="10"/>
    </row>
    <row r="165185" spans="14:14">
      <c r="N165185" s="10"/>
    </row>
    <row r="165186" spans="14:14">
      <c r="N165186" s="10"/>
    </row>
    <row r="165187" spans="14:14">
      <c r="N165187" s="10"/>
    </row>
    <row r="165188" spans="14:14">
      <c r="N165188" s="10"/>
    </row>
    <row r="165189" spans="14:14">
      <c r="N165189" s="10"/>
    </row>
    <row r="165190" spans="14:14">
      <c r="N165190" s="10"/>
    </row>
    <row r="165191" spans="14:14">
      <c r="N165191" s="10"/>
    </row>
    <row r="165192" spans="14:14">
      <c r="N165192" s="10"/>
    </row>
    <row r="165193" spans="14:14">
      <c r="N165193" s="10"/>
    </row>
    <row r="165194" spans="14:14">
      <c r="N165194" s="10"/>
    </row>
    <row r="165195" spans="14:14">
      <c r="N165195" s="10"/>
    </row>
    <row r="165196" spans="14:14">
      <c r="N165196" s="10"/>
    </row>
    <row r="165197" spans="14:14">
      <c r="N165197" s="10"/>
    </row>
    <row r="165198" spans="14:14">
      <c r="N165198" s="10"/>
    </row>
    <row r="165199" spans="14:14">
      <c r="N165199" s="10"/>
    </row>
    <row r="165200" spans="14:14">
      <c r="N165200" s="10"/>
    </row>
    <row r="165201" spans="14:14">
      <c r="N165201" s="10"/>
    </row>
    <row r="165202" spans="14:14">
      <c r="N165202" s="10"/>
    </row>
    <row r="165203" spans="14:14">
      <c r="N165203" s="10"/>
    </row>
    <row r="165204" spans="14:14">
      <c r="N165204" s="10"/>
    </row>
    <row r="165205" spans="14:14">
      <c r="N165205" s="10"/>
    </row>
    <row r="165206" spans="14:14">
      <c r="N165206" s="10"/>
    </row>
    <row r="165207" spans="14:14">
      <c r="N165207" s="10"/>
    </row>
    <row r="165208" spans="14:14">
      <c r="N165208" s="10"/>
    </row>
    <row r="165209" spans="14:14">
      <c r="N165209" s="10"/>
    </row>
    <row r="165210" spans="14:14">
      <c r="N165210" s="10"/>
    </row>
    <row r="165211" spans="14:14">
      <c r="N165211" s="10"/>
    </row>
    <row r="165212" spans="14:14">
      <c r="N165212" s="10"/>
    </row>
    <row r="165213" spans="14:14">
      <c r="N165213" s="10"/>
    </row>
    <row r="165214" spans="14:14">
      <c r="N165214" s="10"/>
    </row>
    <row r="165215" spans="14:14">
      <c r="N165215" s="10"/>
    </row>
    <row r="165216" spans="14:14">
      <c r="N165216" s="10"/>
    </row>
    <row r="165217" spans="14:14">
      <c r="N165217" s="10"/>
    </row>
    <row r="165218" spans="14:14">
      <c r="N165218" s="10"/>
    </row>
    <row r="165219" spans="14:14">
      <c r="N165219" s="10"/>
    </row>
    <row r="165220" spans="14:14">
      <c r="N165220" s="10"/>
    </row>
    <row r="165221" spans="14:14">
      <c r="N165221" s="10"/>
    </row>
    <row r="165222" spans="14:14">
      <c r="N165222" s="10"/>
    </row>
    <row r="165223" spans="14:14">
      <c r="N165223" s="10"/>
    </row>
    <row r="165224" spans="14:14">
      <c r="N165224" s="10"/>
    </row>
    <row r="165225" spans="14:14">
      <c r="N165225" s="10"/>
    </row>
    <row r="165226" spans="14:14">
      <c r="N165226" s="10"/>
    </row>
    <row r="165227" spans="14:14">
      <c r="N165227" s="10"/>
    </row>
    <row r="165228" spans="14:14">
      <c r="N165228" s="10"/>
    </row>
    <row r="165229" spans="14:14">
      <c r="N165229" s="10"/>
    </row>
    <row r="165230" spans="14:14">
      <c r="N165230" s="10"/>
    </row>
    <row r="165231" spans="14:14">
      <c r="N165231" s="10"/>
    </row>
    <row r="165232" spans="14:14">
      <c r="N165232" s="10"/>
    </row>
    <row r="165233" spans="14:14">
      <c r="N165233" s="10"/>
    </row>
    <row r="165234" spans="14:14">
      <c r="N165234" s="10"/>
    </row>
    <row r="165235" spans="14:14">
      <c r="N165235" s="10"/>
    </row>
    <row r="165236" spans="14:14">
      <c r="N165236" s="10"/>
    </row>
    <row r="165237" spans="14:14">
      <c r="N165237" s="10"/>
    </row>
    <row r="165238" spans="14:14">
      <c r="N165238" s="10"/>
    </row>
    <row r="165239" spans="14:14">
      <c r="N165239" s="10"/>
    </row>
    <row r="165240" spans="14:14">
      <c r="N165240" s="10"/>
    </row>
    <row r="165241" spans="14:14">
      <c r="N165241" s="10"/>
    </row>
    <row r="165242" spans="14:14">
      <c r="N165242" s="10"/>
    </row>
    <row r="165243" spans="14:14">
      <c r="N165243" s="10"/>
    </row>
    <row r="165244" spans="14:14">
      <c r="N165244" s="10"/>
    </row>
    <row r="165245" spans="14:14">
      <c r="N165245" s="10"/>
    </row>
    <row r="165246" spans="14:14">
      <c r="N165246" s="10"/>
    </row>
    <row r="165247" spans="14:14">
      <c r="N165247" s="10"/>
    </row>
    <row r="165248" spans="14:14">
      <c r="N165248" s="10"/>
    </row>
    <row r="165249" spans="14:14">
      <c r="N165249" s="10"/>
    </row>
    <row r="165250" spans="14:14">
      <c r="N165250" s="10"/>
    </row>
    <row r="165251" spans="14:14">
      <c r="N165251" s="10"/>
    </row>
    <row r="165252" spans="14:14">
      <c r="N165252" s="10"/>
    </row>
    <row r="165253" spans="14:14">
      <c r="N165253" s="10"/>
    </row>
    <row r="165254" spans="14:14">
      <c r="N165254" s="10"/>
    </row>
    <row r="165255" spans="14:14">
      <c r="N165255" s="10"/>
    </row>
    <row r="165256" spans="14:14">
      <c r="N165256" s="10"/>
    </row>
    <row r="165257" spans="14:14">
      <c r="N165257" s="10"/>
    </row>
    <row r="165258" spans="14:14">
      <c r="N165258" s="10"/>
    </row>
    <row r="165259" spans="14:14">
      <c r="N165259" s="10"/>
    </row>
    <row r="165260" spans="14:14">
      <c r="N165260" s="10"/>
    </row>
    <row r="165261" spans="14:14">
      <c r="N165261" s="10"/>
    </row>
    <row r="165262" spans="14:14">
      <c r="N165262" s="10"/>
    </row>
    <row r="165263" spans="14:14">
      <c r="N165263" s="10"/>
    </row>
    <row r="165264" spans="14:14">
      <c r="N165264" s="10"/>
    </row>
    <row r="165265" spans="14:14">
      <c r="N165265" s="10"/>
    </row>
    <row r="165266" spans="14:14">
      <c r="N165266" s="10"/>
    </row>
    <row r="165267" spans="14:14">
      <c r="N165267" s="10"/>
    </row>
    <row r="165268" spans="14:14">
      <c r="N165268" s="10"/>
    </row>
    <row r="165269" spans="14:14">
      <c r="N165269" s="10"/>
    </row>
    <row r="165270" spans="14:14">
      <c r="N165270" s="10"/>
    </row>
    <row r="165271" spans="14:14">
      <c r="N165271" s="10"/>
    </row>
    <row r="165272" spans="14:14">
      <c r="N165272" s="10"/>
    </row>
    <row r="165273" spans="14:14">
      <c r="N165273" s="10"/>
    </row>
    <row r="165274" spans="14:14">
      <c r="N165274" s="10"/>
    </row>
    <row r="165275" spans="14:14">
      <c r="N165275" s="10"/>
    </row>
    <row r="165276" spans="14:14">
      <c r="N165276" s="10"/>
    </row>
    <row r="165277" spans="14:14">
      <c r="N165277" s="10"/>
    </row>
    <row r="165278" spans="14:14">
      <c r="N165278" s="10"/>
    </row>
    <row r="165279" spans="14:14">
      <c r="N165279" s="10"/>
    </row>
    <row r="165280" spans="14:14">
      <c r="N165280" s="10"/>
    </row>
    <row r="165281" spans="14:14">
      <c r="N165281" s="10"/>
    </row>
    <row r="165282" spans="14:14">
      <c r="N165282" s="10"/>
    </row>
    <row r="165283" spans="14:14">
      <c r="N165283" s="10"/>
    </row>
    <row r="165284" spans="14:14">
      <c r="N165284" s="10"/>
    </row>
    <row r="165285" spans="14:14">
      <c r="N165285" s="10"/>
    </row>
    <row r="165286" spans="14:14">
      <c r="N165286" s="10"/>
    </row>
    <row r="165287" spans="14:14">
      <c r="N165287" s="10"/>
    </row>
    <row r="165288" spans="14:14">
      <c r="N165288" s="10"/>
    </row>
    <row r="165289" spans="14:14">
      <c r="N165289" s="10"/>
    </row>
    <row r="165290" spans="14:14">
      <c r="N165290" s="10"/>
    </row>
    <row r="165291" spans="14:14">
      <c r="N165291" s="10"/>
    </row>
    <row r="165292" spans="14:14">
      <c r="N165292" s="10"/>
    </row>
    <row r="165293" spans="14:14">
      <c r="N165293" s="10"/>
    </row>
    <row r="165294" spans="14:14">
      <c r="N165294" s="10"/>
    </row>
    <row r="165295" spans="14:14">
      <c r="N165295" s="10"/>
    </row>
    <row r="165296" spans="14:14">
      <c r="N165296" s="10"/>
    </row>
    <row r="165297" spans="14:14">
      <c r="N165297" s="10"/>
    </row>
    <row r="165298" spans="14:14">
      <c r="N165298" s="10"/>
    </row>
    <row r="165299" spans="14:14">
      <c r="N165299" s="10"/>
    </row>
    <row r="165300" spans="14:14">
      <c r="N165300" s="10"/>
    </row>
    <row r="165301" spans="14:14">
      <c r="N165301" s="10"/>
    </row>
    <row r="165302" spans="14:14">
      <c r="N165302" s="10"/>
    </row>
    <row r="165303" spans="14:14">
      <c r="N165303" s="10"/>
    </row>
    <row r="165304" spans="14:14">
      <c r="N165304" s="10"/>
    </row>
    <row r="165305" spans="14:14">
      <c r="N165305" s="10"/>
    </row>
    <row r="165306" spans="14:14">
      <c r="N165306" s="10"/>
    </row>
    <row r="165307" spans="14:14">
      <c r="N165307" s="10"/>
    </row>
    <row r="165308" spans="14:14">
      <c r="N165308" s="10"/>
    </row>
    <row r="165309" spans="14:14">
      <c r="N165309" s="10"/>
    </row>
    <row r="165310" spans="14:14">
      <c r="N165310" s="10"/>
    </row>
    <row r="165311" spans="14:14">
      <c r="N165311" s="10"/>
    </row>
    <row r="165312" spans="14:14">
      <c r="N165312" s="10"/>
    </row>
    <row r="165313" spans="14:14">
      <c r="N165313" s="10"/>
    </row>
    <row r="165314" spans="14:14">
      <c r="N165314" s="10"/>
    </row>
    <row r="165315" spans="14:14">
      <c r="N165315" s="10"/>
    </row>
    <row r="165316" spans="14:14">
      <c r="N165316" s="10"/>
    </row>
    <row r="165317" spans="14:14">
      <c r="N165317" s="10"/>
    </row>
    <row r="165318" spans="14:14">
      <c r="N165318" s="10"/>
    </row>
    <row r="165319" spans="14:14">
      <c r="N165319" s="10"/>
    </row>
    <row r="165320" spans="14:14">
      <c r="N165320" s="10"/>
    </row>
    <row r="165321" spans="14:14">
      <c r="N165321" s="10"/>
    </row>
    <row r="165322" spans="14:14">
      <c r="N165322" s="10"/>
    </row>
    <row r="165323" spans="14:14">
      <c r="N165323" s="10"/>
    </row>
    <row r="165324" spans="14:14">
      <c r="N165324" s="10"/>
    </row>
    <row r="165325" spans="14:14">
      <c r="N165325" s="10"/>
    </row>
    <row r="165326" spans="14:14">
      <c r="N165326" s="10"/>
    </row>
    <row r="165327" spans="14:14">
      <c r="N165327" s="10"/>
    </row>
    <row r="165328" spans="14:14">
      <c r="N165328" s="10"/>
    </row>
    <row r="165329" spans="14:14">
      <c r="N165329" s="10"/>
    </row>
    <row r="165330" spans="14:14">
      <c r="N165330" s="10"/>
    </row>
    <row r="165331" spans="14:14">
      <c r="N165331" s="10"/>
    </row>
    <row r="165332" spans="14:14">
      <c r="N165332" s="10"/>
    </row>
    <row r="165333" spans="14:14">
      <c r="N165333" s="10"/>
    </row>
    <row r="165334" spans="14:14">
      <c r="N165334" s="10"/>
    </row>
    <row r="165335" spans="14:14">
      <c r="N165335" s="10"/>
    </row>
    <row r="165336" spans="14:14">
      <c r="N165336" s="10"/>
    </row>
    <row r="165337" spans="14:14">
      <c r="N165337" s="10"/>
    </row>
    <row r="165338" spans="14:14">
      <c r="N165338" s="10"/>
    </row>
    <row r="165339" spans="14:14">
      <c r="N165339" s="10"/>
    </row>
    <row r="165340" spans="14:14">
      <c r="N165340" s="10"/>
    </row>
    <row r="165341" spans="14:14">
      <c r="N165341" s="10"/>
    </row>
    <row r="165342" spans="14:14">
      <c r="N165342" s="10"/>
    </row>
    <row r="165343" spans="14:14">
      <c r="N165343" s="10"/>
    </row>
    <row r="165344" spans="14:14">
      <c r="N165344" s="10"/>
    </row>
    <row r="165345" spans="14:14">
      <c r="N165345" s="10"/>
    </row>
    <row r="165346" spans="14:14">
      <c r="N165346" s="10"/>
    </row>
    <row r="165347" spans="14:14">
      <c r="N165347" s="10"/>
    </row>
    <row r="165348" spans="14:14">
      <c r="N165348" s="10"/>
    </row>
    <row r="165349" spans="14:14">
      <c r="N165349" s="10"/>
    </row>
    <row r="165350" spans="14:14">
      <c r="N165350" s="10"/>
    </row>
    <row r="165351" spans="14:14">
      <c r="N165351" s="10"/>
    </row>
    <row r="165352" spans="14:14">
      <c r="N165352" s="10"/>
    </row>
    <row r="165353" spans="14:14">
      <c r="N165353" s="10"/>
    </row>
    <row r="165354" spans="14:14">
      <c r="N165354" s="10"/>
    </row>
    <row r="165355" spans="14:14">
      <c r="N165355" s="10"/>
    </row>
    <row r="165356" spans="14:14">
      <c r="N165356" s="10"/>
    </row>
    <row r="165357" spans="14:14">
      <c r="N165357" s="10"/>
    </row>
    <row r="165358" spans="14:14">
      <c r="N165358" s="10"/>
    </row>
    <row r="165359" spans="14:14">
      <c r="N165359" s="10"/>
    </row>
    <row r="165360" spans="14:14">
      <c r="N165360" s="10"/>
    </row>
    <row r="165361" spans="14:14">
      <c r="N165361" s="10"/>
    </row>
    <row r="165362" spans="14:14">
      <c r="N165362" s="10"/>
    </row>
    <row r="165363" spans="14:14">
      <c r="N165363" s="10"/>
    </row>
    <row r="165364" spans="14:14">
      <c r="N165364" s="10"/>
    </row>
    <row r="165365" spans="14:14">
      <c r="N165365" s="10"/>
    </row>
    <row r="165366" spans="14:14">
      <c r="N165366" s="10"/>
    </row>
    <row r="165367" spans="14:14">
      <c r="N165367" s="10"/>
    </row>
    <row r="165368" spans="14:14">
      <c r="N165368" s="10"/>
    </row>
    <row r="165369" spans="14:14">
      <c r="N165369" s="10"/>
    </row>
    <row r="165370" spans="14:14">
      <c r="N165370" s="10"/>
    </row>
    <row r="165371" spans="14:14">
      <c r="N165371" s="10"/>
    </row>
    <row r="165372" spans="14:14">
      <c r="N165372" s="10"/>
    </row>
    <row r="165373" spans="14:14">
      <c r="N165373" s="10"/>
    </row>
    <row r="165374" spans="14:14">
      <c r="N165374" s="10"/>
    </row>
    <row r="165375" spans="14:14">
      <c r="N165375" s="10"/>
    </row>
    <row r="165376" spans="14:14">
      <c r="N165376" s="10"/>
    </row>
    <row r="165377" spans="14:14">
      <c r="N165377" s="10"/>
    </row>
    <row r="165378" spans="14:14">
      <c r="N165378" s="10"/>
    </row>
    <row r="165379" spans="14:14">
      <c r="N165379" s="10"/>
    </row>
    <row r="165380" spans="14:14">
      <c r="N165380" s="10"/>
    </row>
    <row r="165381" spans="14:14">
      <c r="N165381" s="10"/>
    </row>
    <row r="165382" spans="14:14">
      <c r="N165382" s="10"/>
    </row>
    <row r="165383" spans="14:14">
      <c r="N165383" s="10"/>
    </row>
    <row r="165384" spans="14:14">
      <c r="N165384" s="10"/>
    </row>
    <row r="165385" spans="14:14">
      <c r="N165385" s="10"/>
    </row>
    <row r="165386" spans="14:14">
      <c r="N165386" s="10"/>
    </row>
    <row r="165387" spans="14:14">
      <c r="N165387" s="10"/>
    </row>
    <row r="165388" spans="14:14">
      <c r="N165388" s="10"/>
    </row>
    <row r="165389" spans="14:14">
      <c r="N165389" s="10"/>
    </row>
    <row r="165390" spans="14:14">
      <c r="N165390" s="10"/>
    </row>
    <row r="165391" spans="14:14">
      <c r="N165391" s="10"/>
    </row>
    <row r="165392" spans="14:14">
      <c r="N165392" s="10"/>
    </row>
    <row r="165393" spans="14:14">
      <c r="N165393" s="10"/>
    </row>
    <row r="165394" spans="14:14">
      <c r="N165394" s="10"/>
    </row>
    <row r="165395" spans="14:14">
      <c r="N165395" s="10"/>
    </row>
    <row r="165396" spans="14:14">
      <c r="N165396" s="10"/>
    </row>
    <row r="165397" spans="14:14">
      <c r="N165397" s="10"/>
    </row>
    <row r="165398" spans="14:14">
      <c r="N165398" s="10"/>
    </row>
    <row r="165399" spans="14:14">
      <c r="N165399" s="10"/>
    </row>
    <row r="165400" spans="14:14">
      <c r="N165400" s="10"/>
    </row>
    <row r="165401" spans="14:14">
      <c r="N165401" s="10"/>
    </row>
    <row r="165402" spans="14:14">
      <c r="N165402" s="10"/>
    </row>
    <row r="165403" spans="14:14">
      <c r="N165403" s="10"/>
    </row>
    <row r="165404" spans="14:14">
      <c r="N165404" s="10"/>
    </row>
    <row r="165405" spans="14:14">
      <c r="N165405" s="10"/>
    </row>
    <row r="165406" spans="14:14">
      <c r="N165406" s="10"/>
    </row>
    <row r="165407" spans="14:14">
      <c r="N165407" s="10"/>
    </row>
    <row r="165408" spans="14:14">
      <c r="N165408" s="10"/>
    </row>
    <row r="165409" spans="14:14">
      <c r="N165409" s="10"/>
    </row>
    <row r="165410" spans="14:14">
      <c r="N165410" s="10"/>
    </row>
    <row r="165411" spans="14:14">
      <c r="N165411" s="10"/>
    </row>
    <row r="165412" spans="14:14">
      <c r="N165412" s="10"/>
    </row>
    <row r="165413" spans="14:14">
      <c r="N165413" s="10"/>
    </row>
    <row r="165414" spans="14:14">
      <c r="N165414" s="10"/>
    </row>
    <row r="165415" spans="14:14">
      <c r="N165415" s="10"/>
    </row>
    <row r="165416" spans="14:14">
      <c r="N165416" s="10"/>
    </row>
    <row r="165417" spans="14:14">
      <c r="N165417" s="10"/>
    </row>
    <row r="165418" spans="14:14">
      <c r="N165418" s="10"/>
    </row>
    <row r="165419" spans="14:14">
      <c r="N165419" s="10"/>
    </row>
    <row r="165420" spans="14:14">
      <c r="N165420" s="10"/>
    </row>
    <row r="165421" spans="14:14">
      <c r="N165421" s="10"/>
    </row>
    <row r="165422" spans="14:14">
      <c r="N165422" s="10"/>
    </row>
    <row r="165423" spans="14:14">
      <c r="N165423" s="10"/>
    </row>
    <row r="165424" spans="14:14">
      <c r="N165424" s="10"/>
    </row>
    <row r="165425" spans="14:14">
      <c r="N165425" s="10"/>
    </row>
    <row r="165426" spans="14:14">
      <c r="N165426" s="10"/>
    </row>
    <row r="165427" spans="14:14">
      <c r="N165427" s="10"/>
    </row>
    <row r="165428" spans="14:14">
      <c r="N165428" s="10"/>
    </row>
    <row r="165429" spans="14:14">
      <c r="N165429" s="10"/>
    </row>
    <row r="165430" spans="14:14">
      <c r="N165430" s="10"/>
    </row>
    <row r="165431" spans="14:14">
      <c r="N165431" s="10"/>
    </row>
    <row r="165432" spans="14:14">
      <c r="N165432" s="10"/>
    </row>
    <row r="165433" spans="14:14">
      <c r="N165433" s="10"/>
    </row>
    <row r="165434" spans="14:14">
      <c r="N165434" s="10"/>
    </row>
    <row r="165435" spans="14:14">
      <c r="N165435" s="10"/>
    </row>
    <row r="165436" spans="14:14">
      <c r="N165436" s="10"/>
    </row>
    <row r="165437" spans="14:14">
      <c r="N165437" s="10"/>
    </row>
    <row r="165438" spans="14:14">
      <c r="N165438" s="10"/>
    </row>
    <row r="165439" spans="14:14">
      <c r="N165439" s="10"/>
    </row>
    <row r="165440" spans="14:14">
      <c r="N165440" s="10"/>
    </row>
    <row r="165441" spans="14:14">
      <c r="N165441" s="10"/>
    </row>
    <row r="165442" spans="14:14">
      <c r="N165442" s="10"/>
    </row>
    <row r="165443" spans="14:14">
      <c r="N165443" s="10"/>
    </row>
    <row r="165444" spans="14:14">
      <c r="N165444" s="10"/>
    </row>
    <row r="165445" spans="14:14">
      <c r="N165445" s="10"/>
    </row>
    <row r="165446" spans="14:14">
      <c r="N165446" s="10"/>
    </row>
    <row r="165447" spans="14:14">
      <c r="N165447" s="10"/>
    </row>
    <row r="165448" spans="14:14">
      <c r="N165448" s="10"/>
    </row>
    <row r="165449" spans="14:14">
      <c r="N165449" s="10"/>
    </row>
    <row r="165450" spans="14:14">
      <c r="N165450" s="10"/>
    </row>
    <row r="165451" spans="14:14">
      <c r="N165451" s="10"/>
    </row>
    <row r="165452" spans="14:14">
      <c r="N165452" s="10"/>
    </row>
    <row r="165453" spans="14:14">
      <c r="N165453" s="10"/>
    </row>
    <row r="165454" spans="14:14">
      <c r="N165454" s="10"/>
    </row>
    <row r="165455" spans="14:14">
      <c r="N165455" s="10"/>
    </row>
    <row r="165456" spans="14:14">
      <c r="N165456" s="10"/>
    </row>
    <row r="165457" spans="14:14">
      <c r="N165457" s="10"/>
    </row>
    <row r="165458" spans="14:14">
      <c r="N165458" s="10"/>
    </row>
    <row r="165459" spans="14:14">
      <c r="N165459" s="10"/>
    </row>
    <row r="165460" spans="14:14">
      <c r="N165460" s="10"/>
    </row>
    <row r="165461" spans="14:14">
      <c r="N165461" s="10"/>
    </row>
    <row r="165462" spans="14:14">
      <c r="N165462" s="10"/>
    </row>
    <row r="165463" spans="14:14">
      <c r="N165463" s="10"/>
    </row>
    <row r="165464" spans="14:14">
      <c r="N165464" s="10"/>
    </row>
    <row r="165465" spans="14:14">
      <c r="N165465" s="10"/>
    </row>
    <row r="165466" spans="14:14">
      <c r="N165466" s="10"/>
    </row>
    <row r="165467" spans="14:14">
      <c r="N165467" s="10"/>
    </row>
    <row r="165468" spans="14:14">
      <c r="N165468" s="10"/>
    </row>
    <row r="165469" spans="14:14">
      <c r="N165469" s="10"/>
    </row>
    <row r="165470" spans="14:14">
      <c r="N165470" s="10"/>
    </row>
    <row r="165471" spans="14:14">
      <c r="N165471" s="10"/>
    </row>
    <row r="165472" spans="14:14">
      <c r="N165472" s="10"/>
    </row>
    <row r="165473" spans="14:14">
      <c r="N165473" s="10"/>
    </row>
    <row r="165474" spans="14:14">
      <c r="N165474" s="10"/>
    </row>
    <row r="165475" spans="14:14">
      <c r="N165475" s="10"/>
    </row>
    <row r="165476" spans="14:14">
      <c r="N165476" s="10"/>
    </row>
    <row r="165477" spans="14:14">
      <c r="N165477" s="10"/>
    </row>
    <row r="165478" spans="14:14">
      <c r="N165478" s="10"/>
    </row>
    <row r="165479" spans="14:14">
      <c r="N165479" s="10"/>
    </row>
    <row r="165480" spans="14:14">
      <c r="N165480" s="10"/>
    </row>
    <row r="165481" spans="14:14">
      <c r="N165481" s="10"/>
    </row>
    <row r="165482" spans="14:14">
      <c r="N165482" s="10"/>
    </row>
    <row r="165483" spans="14:14">
      <c r="N165483" s="10"/>
    </row>
    <row r="165484" spans="14:14">
      <c r="N165484" s="10"/>
    </row>
    <row r="165485" spans="14:14">
      <c r="N165485" s="10"/>
    </row>
    <row r="165486" spans="14:14">
      <c r="N165486" s="10"/>
    </row>
    <row r="165487" spans="14:14">
      <c r="N165487" s="10"/>
    </row>
    <row r="165488" spans="14:14">
      <c r="N165488" s="10"/>
    </row>
    <row r="165489" spans="14:14">
      <c r="N165489" s="10"/>
    </row>
    <row r="165490" spans="14:14">
      <c r="N165490" s="10"/>
    </row>
    <row r="165491" spans="14:14">
      <c r="N165491" s="10"/>
    </row>
    <row r="165492" spans="14:14">
      <c r="N165492" s="10"/>
    </row>
    <row r="165493" spans="14:14">
      <c r="N165493" s="10"/>
    </row>
    <row r="165494" spans="14:14">
      <c r="N165494" s="10"/>
    </row>
    <row r="165495" spans="14:14">
      <c r="N165495" s="10"/>
    </row>
    <row r="165496" spans="14:14">
      <c r="N165496" s="10"/>
    </row>
    <row r="165497" spans="14:14">
      <c r="N165497" s="10"/>
    </row>
    <row r="165498" spans="14:14">
      <c r="N165498" s="10"/>
    </row>
    <row r="165499" spans="14:14">
      <c r="N165499" s="10"/>
    </row>
    <row r="165500" spans="14:14">
      <c r="N165500" s="10"/>
    </row>
    <row r="165501" spans="14:14">
      <c r="N165501" s="10"/>
    </row>
    <row r="165502" spans="14:14">
      <c r="N165502" s="10"/>
    </row>
    <row r="165503" spans="14:14">
      <c r="N165503" s="10"/>
    </row>
    <row r="165504" spans="14:14">
      <c r="N165504" s="10"/>
    </row>
    <row r="165505" spans="14:14">
      <c r="N165505" s="10"/>
    </row>
    <row r="165506" spans="14:14">
      <c r="N165506" s="10"/>
    </row>
    <row r="165507" spans="14:14">
      <c r="N165507" s="10"/>
    </row>
    <row r="165508" spans="14:14">
      <c r="N165508" s="10"/>
    </row>
    <row r="165509" spans="14:14">
      <c r="N165509" s="10"/>
    </row>
    <row r="165510" spans="14:14">
      <c r="N165510" s="10"/>
    </row>
    <row r="165511" spans="14:14">
      <c r="N165511" s="10"/>
    </row>
    <row r="165512" spans="14:14">
      <c r="N165512" s="10"/>
    </row>
    <row r="165513" spans="14:14">
      <c r="N165513" s="10"/>
    </row>
    <row r="165514" spans="14:14">
      <c r="N165514" s="10"/>
    </row>
    <row r="165515" spans="14:14">
      <c r="N165515" s="10"/>
    </row>
    <row r="165516" spans="14:14">
      <c r="N165516" s="10"/>
    </row>
    <row r="165517" spans="14:14">
      <c r="N165517" s="10"/>
    </row>
    <row r="165518" spans="14:14">
      <c r="N165518" s="10"/>
    </row>
    <row r="165519" spans="14:14">
      <c r="N165519" s="10"/>
    </row>
    <row r="165520" spans="14:14">
      <c r="N165520" s="10"/>
    </row>
    <row r="165521" spans="14:14">
      <c r="N165521" s="10"/>
    </row>
    <row r="165522" spans="14:14">
      <c r="N165522" s="10"/>
    </row>
    <row r="165523" spans="14:14">
      <c r="N165523" s="10"/>
    </row>
    <row r="165524" spans="14:14">
      <c r="N165524" s="10"/>
    </row>
    <row r="165525" spans="14:14">
      <c r="N165525" s="10"/>
    </row>
    <row r="165526" spans="14:14">
      <c r="N165526" s="10"/>
    </row>
    <row r="165527" spans="14:14">
      <c r="N165527" s="10"/>
    </row>
    <row r="165528" spans="14:14">
      <c r="N165528" s="10"/>
    </row>
    <row r="165529" spans="14:14">
      <c r="N165529" s="10"/>
    </row>
    <row r="165530" spans="14:14">
      <c r="N165530" s="10"/>
    </row>
    <row r="165531" spans="14:14">
      <c r="N165531" s="10"/>
    </row>
    <row r="165532" spans="14:14">
      <c r="N165532" s="10"/>
    </row>
    <row r="165533" spans="14:14">
      <c r="N165533" s="10"/>
    </row>
    <row r="165534" spans="14:14">
      <c r="N165534" s="10"/>
    </row>
    <row r="165535" spans="14:14">
      <c r="N165535" s="10"/>
    </row>
    <row r="165536" spans="14:14">
      <c r="N165536" s="10"/>
    </row>
    <row r="165537" spans="14:14">
      <c r="N165537" s="10"/>
    </row>
    <row r="165538" spans="14:14">
      <c r="N165538" s="10"/>
    </row>
    <row r="165539" spans="14:14">
      <c r="N165539" s="10"/>
    </row>
    <row r="165540" spans="14:14">
      <c r="N165540" s="10"/>
    </row>
    <row r="165541" spans="14:14">
      <c r="N165541" s="10"/>
    </row>
    <row r="165542" spans="14:14">
      <c r="N165542" s="10"/>
    </row>
    <row r="165543" spans="14:14">
      <c r="N165543" s="10"/>
    </row>
    <row r="165544" spans="14:14">
      <c r="N165544" s="10"/>
    </row>
    <row r="165545" spans="14:14">
      <c r="N165545" s="10"/>
    </row>
    <row r="165546" spans="14:14">
      <c r="N165546" s="10"/>
    </row>
    <row r="165547" spans="14:14">
      <c r="N165547" s="10"/>
    </row>
    <row r="165548" spans="14:14">
      <c r="N165548" s="10"/>
    </row>
    <row r="165549" spans="14:14">
      <c r="N165549" s="10"/>
    </row>
    <row r="165550" spans="14:14">
      <c r="N165550" s="10"/>
    </row>
    <row r="165551" spans="14:14">
      <c r="N165551" s="10"/>
    </row>
    <row r="165552" spans="14:14">
      <c r="N165552" s="10"/>
    </row>
    <row r="165553" spans="14:14">
      <c r="N165553" s="10"/>
    </row>
    <row r="165554" spans="14:14">
      <c r="N165554" s="10"/>
    </row>
    <row r="165555" spans="14:14">
      <c r="N165555" s="10"/>
    </row>
    <row r="165556" spans="14:14">
      <c r="N165556" s="10"/>
    </row>
    <row r="165557" spans="14:14">
      <c r="N165557" s="10"/>
    </row>
    <row r="165558" spans="14:14">
      <c r="N165558" s="10"/>
    </row>
    <row r="165559" spans="14:14">
      <c r="N165559" s="10"/>
    </row>
    <row r="165560" spans="14:14">
      <c r="N165560" s="10"/>
    </row>
    <row r="165561" spans="14:14">
      <c r="N165561" s="10"/>
    </row>
    <row r="165562" spans="14:14">
      <c r="N165562" s="10"/>
    </row>
    <row r="165563" spans="14:14">
      <c r="N165563" s="10"/>
    </row>
    <row r="165564" spans="14:14">
      <c r="N165564" s="10"/>
    </row>
    <row r="165565" spans="14:14">
      <c r="N165565" s="10"/>
    </row>
    <row r="165566" spans="14:14">
      <c r="N165566" s="10"/>
    </row>
    <row r="165567" spans="14:14">
      <c r="N165567" s="10"/>
    </row>
    <row r="165568" spans="14:14">
      <c r="N165568" s="10"/>
    </row>
    <row r="165569" spans="14:14">
      <c r="N165569" s="10"/>
    </row>
    <row r="165570" spans="14:14">
      <c r="N165570" s="10"/>
    </row>
    <row r="165571" spans="14:14">
      <c r="N165571" s="10"/>
    </row>
    <row r="165572" spans="14:14">
      <c r="N165572" s="10"/>
    </row>
    <row r="165573" spans="14:14">
      <c r="N165573" s="10"/>
    </row>
    <row r="165574" spans="14:14">
      <c r="N165574" s="10"/>
    </row>
    <row r="165575" spans="14:14">
      <c r="N165575" s="10"/>
    </row>
    <row r="165576" spans="14:14">
      <c r="N165576" s="10"/>
    </row>
    <row r="165577" spans="14:14">
      <c r="N165577" s="10"/>
    </row>
    <row r="165578" spans="14:14">
      <c r="N165578" s="10"/>
    </row>
    <row r="165579" spans="14:14">
      <c r="N165579" s="10"/>
    </row>
    <row r="165580" spans="14:14">
      <c r="N165580" s="10"/>
    </row>
    <row r="165581" spans="14:14">
      <c r="N165581" s="10"/>
    </row>
    <row r="165582" spans="14:14">
      <c r="N165582" s="10"/>
    </row>
    <row r="165583" spans="14:14">
      <c r="N165583" s="10"/>
    </row>
    <row r="165584" spans="14:14">
      <c r="N165584" s="10"/>
    </row>
    <row r="165585" spans="14:14">
      <c r="N165585" s="10"/>
    </row>
    <row r="165586" spans="14:14">
      <c r="N165586" s="10"/>
    </row>
    <row r="165587" spans="14:14">
      <c r="N165587" s="10"/>
    </row>
    <row r="165588" spans="14:14">
      <c r="N165588" s="10"/>
    </row>
    <row r="165589" spans="14:14">
      <c r="N165589" s="10"/>
    </row>
    <row r="165590" spans="14:14">
      <c r="N165590" s="10"/>
    </row>
    <row r="165591" spans="14:14">
      <c r="N165591" s="10"/>
    </row>
    <row r="165592" spans="14:14">
      <c r="N165592" s="10"/>
    </row>
    <row r="165593" spans="14:14">
      <c r="N165593" s="10"/>
    </row>
    <row r="165594" spans="14:14">
      <c r="N165594" s="10"/>
    </row>
    <row r="165595" spans="14:14">
      <c r="N165595" s="10"/>
    </row>
    <row r="165596" spans="14:14">
      <c r="N165596" s="10"/>
    </row>
    <row r="165597" spans="14:14">
      <c r="N165597" s="10"/>
    </row>
    <row r="165598" spans="14:14">
      <c r="N165598" s="10"/>
    </row>
    <row r="165599" spans="14:14">
      <c r="N165599" s="10"/>
    </row>
    <row r="165600" spans="14:14">
      <c r="N165600" s="10"/>
    </row>
    <row r="165601" spans="14:14">
      <c r="N165601" s="10"/>
    </row>
    <row r="165602" spans="14:14">
      <c r="N165602" s="10"/>
    </row>
    <row r="165603" spans="14:14">
      <c r="N165603" s="10"/>
    </row>
    <row r="165604" spans="14:14">
      <c r="N165604" s="10"/>
    </row>
    <row r="165605" spans="14:14">
      <c r="N165605" s="10"/>
    </row>
    <row r="165606" spans="14:14">
      <c r="N165606" s="10"/>
    </row>
    <row r="165607" spans="14:14">
      <c r="N165607" s="10"/>
    </row>
    <row r="165608" spans="14:14">
      <c r="N165608" s="10"/>
    </row>
    <row r="165609" spans="14:14">
      <c r="N165609" s="10"/>
    </row>
    <row r="165610" spans="14:14">
      <c r="N165610" s="10"/>
    </row>
    <row r="165611" spans="14:14">
      <c r="N165611" s="10"/>
    </row>
    <row r="165612" spans="14:14">
      <c r="N165612" s="10"/>
    </row>
    <row r="165613" spans="14:14">
      <c r="N165613" s="10"/>
    </row>
    <row r="165614" spans="14:14">
      <c r="N165614" s="10"/>
    </row>
    <row r="165615" spans="14:14">
      <c r="N165615" s="10"/>
    </row>
    <row r="165616" spans="14:14">
      <c r="N165616" s="10"/>
    </row>
    <row r="165617" spans="14:14">
      <c r="N165617" s="10"/>
    </row>
    <row r="165618" spans="14:14">
      <c r="N165618" s="10"/>
    </row>
    <row r="165619" spans="14:14">
      <c r="N165619" s="10"/>
    </row>
    <row r="165620" spans="14:14">
      <c r="N165620" s="10"/>
    </row>
    <row r="165621" spans="14:14">
      <c r="N165621" s="10"/>
    </row>
    <row r="165622" spans="14:14">
      <c r="N165622" s="10"/>
    </row>
    <row r="165623" spans="14:14">
      <c r="N165623" s="10"/>
    </row>
    <row r="165624" spans="14:14">
      <c r="N165624" s="10"/>
    </row>
    <row r="165625" spans="14:14">
      <c r="N165625" s="10"/>
    </row>
    <row r="165626" spans="14:14">
      <c r="N165626" s="10"/>
    </row>
    <row r="165627" spans="14:14">
      <c r="N165627" s="10"/>
    </row>
    <row r="165628" spans="14:14">
      <c r="N165628" s="10"/>
    </row>
    <row r="165629" spans="14:14">
      <c r="N165629" s="10"/>
    </row>
    <row r="165630" spans="14:14">
      <c r="N165630" s="10"/>
    </row>
    <row r="165631" spans="14:14">
      <c r="N165631" s="10"/>
    </row>
    <row r="165632" spans="14:14">
      <c r="N165632" s="10"/>
    </row>
    <row r="165633" spans="14:14">
      <c r="N165633" s="10"/>
    </row>
    <row r="165634" spans="14:14">
      <c r="N165634" s="10"/>
    </row>
    <row r="165635" spans="14:14">
      <c r="N165635" s="10"/>
    </row>
    <row r="165636" spans="14:14">
      <c r="N165636" s="10"/>
    </row>
    <row r="165637" spans="14:14">
      <c r="N165637" s="10"/>
    </row>
    <row r="165638" spans="14:14">
      <c r="N165638" s="10"/>
    </row>
    <row r="165639" spans="14:14">
      <c r="N165639" s="10"/>
    </row>
    <row r="165640" spans="14:14">
      <c r="N165640" s="10"/>
    </row>
    <row r="165641" spans="14:14">
      <c r="N165641" s="10"/>
    </row>
    <row r="165642" spans="14:14">
      <c r="N165642" s="10"/>
    </row>
    <row r="165643" spans="14:14">
      <c r="N165643" s="10"/>
    </row>
    <row r="165644" spans="14:14">
      <c r="N165644" s="10"/>
    </row>
    <row r="165645" spans="14:14">
      <c r="N165645" s="10"/>
    </row>
    <row r="165646" spans="14:14">
      <c r="N165646" s="10"/>
    </row>
    <row r="165647" spans="14:14">
      <c r="N165647" s="10"/>
    </row>
    <row r="165648" spans="14:14">
      <c r="N165648" s="10"/>
    </row>
    <row r="165649" spans="14:14">
      <c r="N165649" s="10"/>
    </row>
    <row r="165650" spans="14:14">
      <c r="N165650" s="10"/>
    </row>
    <row r="165651" spans="14:14">
      <c r="N165651" s="10"/>
    </row>
    <row r="165652" spans="14:14">
      <c r="N165652" s="10"/>
    </row>
    <row r="165653" spans="14:14">
      <c r="N165653" s="10"/>
    </row>
    <row r="165654" spans="14:14">
      <c r="N165654" s="10"/>
    </row>
    <row r="165655" spans="14:14">
      <c r="N165655" s="10"/>
    </row>
    <row r="165656" spans="14:14">
      <c r="N165656" s="10"/>
    </row>
    <row r="165657" spans="14:14">
      <c r="N165657" s="10"/>
    </row>
    <row r="165658" spans="14:14">
      <c r="N165658" s="10"/>
    </row>
    <row r="165659" spans="14:14">
      <c r="N165659" s="10"/>
    </row>
    <row r="165660" spans="14:14">
      <c r="N165660" s="10"/>
    </row>
    <row r="165661" spans="14:14">
      <c r="N165661" s="10"/>
    </row>
    <row r="165662" spans="14:14">
      <c r="N165662" s="10"/>
    </row>
    <row r="165663" spans="14:14">
      <c r="N165663" s="10"/>
    </row>
    <row r="165664" spans="14:14">
      <c r="N165664" s="10"/>
    </row>
    <row r="165665" spans="14:14">
      <c r="N165665" s="10"/>
    </row>
    <row r="165666" spans="14:14">
      <c r="N165666" s="10"/>
    </row>
    <row r="165667" spans="14:14">
      <c r="N165667" s="10"/>
    </row>
    <row r="165668" spans="14:14">
      <c r="N165668" s="10"/>
    </row>
    <row r="165669" spans="14:14">
      <c r="N165669" s="10"/>
    </row>
    <row r="165670" spans="14:14">
      <c r="N165670" s="10"/>
    </row>
    <row r="165671" spans="14:14">
      <c r="N165671" s="10"/>
    </row>
    <row r="165672" spans="14:14">
      <c r="N165672" s="10"/>
    </row>
    <row r="165673" spans="14:14">
      <c r="N165673" s="10"/>
    </row>
    <row r="165674" spans="14:14">
      <c r="N165674" s="10"/>
    </row>
    <row r="165675" spans="14:14">
      <c r="N165675" s="10"/>
    </row>
    <row r="165676" spans="14:14">
      <c r="N165676" s="10"/>
    </row>
    <row r="165677" spans="14:14">
      <c r="N165677" s="10"/>
    </row>
    <row r="165678" spans="14:14">
      <c r="N165678" s="10"/>
    </row>
    <row r="165679" spans="14:14">
      <c r="N165679" s="10"/>
    </row>
    <row r="165680" spans="14:14">
      <c r="N165680" s="10"/>
    </row>
    <row r="165681" spans="14:14">
      <c r="N165681" s="10"/>
    </row>
    <row r="165682" spans="14:14">
      <c r="N165682" s="10"/>
    </row>
    <row r="165683" spans="14:14">
      <c r="N165683" s="10"/>
    </row>
    <row r="165684" spans="14:14">
      <c r="N165684" s="10"/>
    </row>
    <row r="165685" spans="14:14">
      <c r="N165685" s="10"/>
    </row>
    <row r="165686" spans="14:14">
      <c r="N165686" s="10"/>
    </row>
    <row r="165687" spans="14:14">
      <c r="N165687" s="10"/>
    </row>
    <row r="165688" spans="14:14">
      <c r="N165688" s="10"/>
    </row>
    <row r="165689" spans="14:14">
      <c r="N165689" s="10"/>
    </row>
    <row r="165690" spans="14:14">
      <c r="N165690" s="10"/>
    </row>
    <row r="165691" spans="14:14">
      <c r="N165691" s="10"/>
    </row>
    <row r="165692" spans="14:14">
      <c r="N165692" s="10"/>
    </row>
    <row r="165693" spans="14:14">
      <c r="N165693" s="10"/>
    </row>
    <row r="165694" spans="14:14">
      <c r="N165694" s="10"/>
    </row>
    <row r="165695" spans="14:14">
      <c r="N165695" s="10"/>
    </row>
    <row r="165696" spans="14:14">
      <c r="N165696" s="10"/>
    </row>
    <row r="165697" spans="14:14">
      <c r="N165697" s="10"/>
    </row>
    <row r="165698" spans="14:14">
      <c r="N165698" s="10"/>
    </row>
    <row r="165699" spans="14:14">
      <c r="N165699" s="10"/>
    </row>
    <row r="165700" spans="14:14">
      <c r="N165700" s="10"/>
    </row>
    <row r="165701" spans="14:14">
      <c r="N165701" s="10"/>
    </row>
    <row r="165702" spans="14:14">
      <c r="N165702" s="10"/>
    </row>
    <row r="165703" spans="14:14">
      <c r="N165703" s="10"/>
    </row>
    <row r="165704" spans="14:14">
      <c r="N165704" s="10"/>
    </row>
    <row r="165705" spans="14:14">
      <c r="N165705" s="10"/>
    </row>
    <row r="165706" spans="14:14">
      <c r="N165706" s="10"/>
    </row>
    <row r="165707" spans="14:14">
      <c r="N165707" s="10"/>
    </row>
    <row r="165708" spans="14:14">
      <c r="N165708" s="10"/>
    </row>
    <row r="165709" spans="14:14">
      <c r="N165709" s="10"/>
    </row>
    <row r="165710" spans="14:14">
      <c r="N165710" s="10"/>
    </row>
    <row r="165711" spans="14:14">
      <c r="N165711" s="10"/>
    </row>
    <row r="165712" spans="14:14">
      <c r="N165712" s="10"/>
    </row>
    <row r="165713" spans="14:14">
      <c r="N165713" s="10"/>
    </row>
    <row r="165714" spans="14:14">
      <c r="N165714" s="10"/>
    </row>
    <row r="165715" spans="14:14">
      <c r="N165715" s="10"/>
    </row>
    <row r="165716" spans="14:14">
      <c r="N165716" s="10"/>
    </row>
    <row r="165717" spans="14:14">
      <c r="N165717" s="10"/>
    </row>
    <row r="165718" spans="14:14">
      <c r="N165718" s="10"/>
    </row>
    <row r="165719" spans="14:14">
      <c r="N165719" s="10"/>
    </row>
    <row r="165720" spans="14:14">
      <c r="N165720" s="10"/>
    </row>
    <row r="165721" spans="14:14">
      <c r="N165721" s="10"/>
    </row>
    <row r="165722" spans="14:14">
      <c r="N165722" s="10"/>
    </row>
    <row r="165723" spans="14:14">
      <c r="N165723" s="10"/>
    </row>
    <row r="165724" spans="14:14">
      <c r="N165724" s="10"/>
    </row>
    <row r="165725" spans="14:14">
      <c r="N165725" s="10"/>
    </row>
    <row r="165726" spans="14:14">
      <c r="N165726" s="10"/>
    </row>
    <row r="165727" spans="14:14">
      <c r="N165727" s="10"/>
    </row>
    <row r="165728" spans="14:14">
      <c r="N165728" s="10"/>
    </row>
    <row r="165729" spans="14:14">
      <c r="N165729" s="10"/>
    </row>
    <row r="165730" spans="14:14">
      <c r="N165730" s="10"/>
    </row>
    <row r="165731" spans="14:14">
      <c r="N165731" s="10"/>
    </row>
    <row r="165732" spans="14:14">
      <c r="N165732" s="10"/>
    </row>
    <row r="165733" spans="14:14">
      <c r="N165733" s="10"/>
    </row>
    <row r="165734" spans="14:14">
      <c r="N165734" s="10"/>
    </row>
    <row r="165735" spans="14:14">
      <c r="N165735" s="10"/>
    </row>
    <row r="165736" spans="14:14">
      <c r="N165736" s="10"/>
    </row>
    <row r="165737" spans="14:14">
      <c r="N165737" s="10"/>
    </row>
    <row r="165738" spans="14:14">
      <c r="N165738" s="10"/>
    </row>
    <row r="165739" spans="14:14">
      <c r="N165739" s="10"/>
    </row>
    <row r="165740" spans="14:14">
      <c r="N165740" s="10"/>
    </row>
    <row r="165741" spans="14:14">
      <c r="N165741" s="10"/>
    </row>
    <row r="165742" spans="14:14">
      <c r="N165742" s="10"/>
    </row>
    <row r="165743" spans="14:14">
      <c r="N165743" s="10"/>
    </row>
    <row r="165744" spans="14:14">
      <c r="N165744" s="10"/>
    </row>
    <row r="165745" spans="14:14">
      <c r="N165745" s="10"/>
    </row>
    <row r="165746" spans="14:14">
      <c r="N165746" s="10"/>
    </row>
    <row r="165747" spans="14:14">
      <c r="N165747" s="10"/>
    </row>
    <row r="165748" spans="14:14">
      <c r="N165748" s="10"/>
    </row>
    <row r="165749" spans="14:14">
      <c r="N165749" s="10"/>
    </row>
    <row r="165750" spans="14:14">
      <c r="N165750" s="10"/>
    </row>
    <row r="165751" spans="14:14">
      <c r="N165751" s="10"/>
    </row>
    <row r="165752" spans="14:14">
      <c r="N165752" s="10"/>
    </row>
    <row r="165753" spans="14:14">
      <c r="N165753" s="10"/>
    </row>
    <row r="165754" spans="14:14">
      <c r="N165754" s="10"/>
    </row>
    <row r="165755" spans="14:14">
      <c r="N165755" s="10"/>
    </row>
    <row r="165756" spans="14:14">
      <c r="N165756" s="10"/>
    </row>
    <row r="165757" spans="14:14">
      <c r="N165757" s="10"/>
    </row>
    <row r="165758" spans="14:14">
      <c r="N165758" s="10"/>
    </row>
    <row r="165759" spans="14:14">
      <c r="N165759" s="10"/>
    </row>
    <row r="165760" spans="14:14">
      <c r="N165760" s="10"/>
    </row>
    <row r="165761" spans="14:14">
      <c r="N165761" s="10"/>
    </row>
    <row r="165762" spans="14:14">
      <c r="N165762" s="10"/>
    </row>
    <row r="165763" spans="14:14">
      <c r="N165763" s="10"/>
    </row>
    <row r="165764" spans="14:14">
      <c r="N165764" s="10"/>
    </row>
    <row r="165765" spans="14:14">
      <c r="N165765" s="10"/>
    </row>
    <row r="165766" spans="14:14">
      <c r="N165766" s="10"/>
    </row>
    <row r="165767" spans="14:14">
      <c r="N165767" s="10"/>
    </row>
    <row r="165768" spans="14:14">
      <c r="N165768" s="10"/>
    </row>
    <row r="165769" spans="14:14">
      <c r="N165769" s="10"/>
    </row>
    <row r="165770" spans="14:14">
      <c r="N165770" s="10"/>
    </row>
    <row r="165771" spans="14:14">
      <c r="N165771" s="10"/>
    </row>
    <row r="165772" spans="14:14">
      <c r="N165772" s="10"/>
    </row>
    <row r="165773" spans="14:14">
      <c r="N165773" s="10"/>
    </row>
    <row r="165774" spans="14:14">
      <c r="N165774" s="10"/>
    </row>
    <row r="165775" spans="14:14">
      <c r="N165775" s="10"/>
    </row>
    <row r="165776" spans="14:14">
      <c r="N165776" s="10"/>
    </row>
    <row r="165777" spans="14:14">
      <c r="N165777" s="10"/>
    </row>
    <row r="165778" spans="14:14">
      <c r="N165778" s="10"/>
    </row>
    <row r="165779" spans="14:14">
      <c r="N165779" s="10"/>
    </row>
    <row r="165780" spans="14:14">
      <c r="N165780" s="10"/>
    </row>
    <row r="165781" spans="14:14">
      <c r="N165781" s="10"/>
    </row>
    <row r="165782" spans="14:14">
      <c r="N165782" s="10"/>
    </row>
    <row r="165783" spans="14:14">
      <c r="N165783" s="10"/>
    </row>
    <row r="165784" spans="14:14">
      <c r="N165784" s="10"/>
    </row>
    <row r="165785" spans="14:14">
      <c r="N165785" s="10"/>
    </row>
    <row r="165786" spans="14:14">
      <c r="N165786" s="10"/>
    </row>
    <row r="165787" spans="14:14">
      <c r="N165787" s="10"/>
    </row>
    <row r="165788" spans="14:14">
      <c r="N165788" s="10"/>
    </row>
    <row r="165789" spans="14:14">
      <c r="N165789" s="10"/>
    </row>
    <row r="165790" spans="14:14">
      <c r="N165790" s="10"/>
    </row>
    <row r="165791" spans="14:14">
      <c r="N165791" s="10"/>
    </row>
    <row r="165792" spans="14:14">
      <c r="N165792" s="10"/>
    </row>
    <row r="165793" spans="14:14">
      <c r="N165793" s="10"/>
    </row>
    <row r="165794" spans="14:14">
      <c r="N165794" s="10"/>
    </row>
    <row r="165795" spans="14:14">
      <c r="N165795" s="10"/>
    </row>
    <row r="165796" spans="14:14">
      <c r="N165796" s="10"/>
    </row>
    <row r="165797" spans="14:14">
      <c r="N165797" s="10"/>
    </row>
    <row r="165798" spans="14:14">
      <c r="N165798" s="10"/>
    </row>
    <row r="165799" spans="14:14">
      <c r="N165799" s="10"/>
    </row>
    <row r="165800" spans="14:14">
      <c r="N165800" s="10"/>
    </row>
    <row r="165801" spans="14:14">
      <c r="N165801" s="10"/>
    </row>
    <row r="165802" spans="14:14">
      <c r="N165802" s="10"/>
    </row>
    <row r="165803" spans="14:14">
      <c r="N165803" s="10"/>
    </row>
    <row r="165804" spans="14:14">
      <c r="N165804" s="10"/>
    </row>
    <row r="165805" spans="14:14">
      <c r="N165805" s="10"/>
    </row>
    <row r="165806" spans="14:14">
      <c r="N165806" s="10"/>
    </row>
    <row r="165807" spans="14:14">
      <c r="N165807" s="10"/>
    </row>
    <row r="165808" spans="14:14">
      <c r="N165808" s="10"/>
    </row>
    <row r="165809" spans="14:14">
      <c r="N165809" s="10"/>
    </row>
    <row r="165810" spans="14:14">
      <c r="N165810" s="10"/>
    </row>
    <row r="165811" spans="14:14">
      <c r="N165811" s="10"/>
    </row>
    <row r="165812" spans="14:14">
      <c r="N165812" s="10"/>
    </row>
    <row r="165813" spans="14:14">
      <c r="N165813" s="10"/>
    </row>
    <row r="165814" spans="14:14">
      <c r="N165814" s="10"/>
    </row>
    <row r="165815" spans="14:14">
      <c r="N165815" s="10"/>
    </row>
    <row r="165816" spans="14:14">
      <c r="N165816" s="10"/>
    </row>
    <row r="165817" spans="14:14">
      <c r="N165817" s="10"/>
    </row>
    <row r="165818" spans="14:14">
      <c r="N165818" s="10"/>
    </row>
    <row r="165819" spans="14:14">
      <c r="N165819" s="10"/>
    </row>
    <row r="165820" spans="14:14">
      <c r="N165820" s="10"/>
    </row>
    <row r="165821" spans="14:14">
      <c r="N165821" s="10"/>
    </row>
    <row r="165822" spans="14:14">
      <c r="N165822" s="10"/>
    </row>
    <row r="165823" spans="14:14">
      <c r="N165823" s="10"/>
    </row>
    <row r="165824" spans="14:14">
      <c r="N165824" s="10"/>
    </row>
    <row r="165825" spans="14:14">
      <c r="N165825" s="10"/>
    </row>
    <row r="165826" spans="14:14">
      <c r="N165826" s="10"/>
    </row>
    <row r="165827" spans="14:14">
      <c r="N165827" s="10"/>
    </row>
    <row r="165828" spans="14:14">
      <c r="N165828" s="10"/>
    </row>
    <row r="165829" spans="14:14">
      <c r="N165829" s="10"/>
    </row>
    <row r="165830" spans="14:14">
      <c r="N165830" s="10"/>
    </row>
    <row r="165831" spans="14:14">
      <c r="N165831" s="10"/>
    </row>
    <row r="165832" spans="14:14">
      <c r="N165832" s="10"/>
    </row>
    <row r="165833" spans="14:14">
      <c r="N165833" s="10"/>
    </row>
    <row r="165834" spans="14:14">
      <c r="N165834" s="10"/>
    </row>
    <row r="165835" spans="14:14">
      <c r="N165835" s="10"/>
    </row>
    <row r="165836" spans="14:14">
      <c r="N165836" s="10"/>
    </row>
    <row r="165837" spans="14:14">
      <c r="N165837" s="10"/>
    </row>
    <row r="165838" spans="14:14">
      <c r="N165838" s="10"/>
    </row>
    <row r="165839" spans="14:14">
      <c r="N165839" s="10"/>
    </row>
    <row r="165840" spans="14:14">
      <c r="N165840" s="10"/>
    </row>
    <row r="165841" spans="14:14">
      <c r="N165841" s="10"/>
    </row>
    <row r="165842" spans="14:14">
      <c r="N165842" s="10"/>
    </row>
    <row r="165843" spans="14:14">
      <c r="N165843" s="10"/>
    </row>
    <row r="165844" spans="14:14">
      <c r="N165844" s="10"/>
    </row>
    <row r="165845" spans="14:14">
      <c r="N165845" s="10"/>
    </row>
    <row r="165846" spans="14:14">
      <c r="N165846" s="10"/>
    </row>
    <row r="165847" spans="14:14">
      <c r="N165847" s="10"/>
    </row>
    <row r="165848" spans="14:14">
      <c r="N165848" s="10"/>
    </row>
    <row r="165849" spans="14:14">
      <c r="N165849" s="10"/>
    </row>
    <row r="165850" spans="14:14">
      <c r="N165850" s="10"/>
    </row>
    <row r="165851" spans="14:14">
      <c r="N165851" s="10"/>
    </row>
    <row r="165852" spans="14:14">
      <c r="N165852" s="10"/>
    </row>
    <row r="165853" spans="14:14">
      <c r="N165853" s="10"/>
    </row>
    <row r="165854" spans="14:14">
      <c r="N165854" s="10"/>
    </row>
    <row r="165855" spans="14:14">
      <c r="N165855" s="10"/>
    </row>
    <row r="165856" spans="14:14">
      <c r="N165856" s="10"/>
    </row>
    <row r="165857" spans="14:14">
      <c r="N165857" s="10"/>
    </row>
    <row r="165858" spans="14:14">
      <c r="N165858" s="10"/>
    </row>
    <row r="165859" spans="14:14">
      <c r="N165859" s="10"/>
    </row>
    <row r="165860" spans="14:14">
      <c r="N165860" s="10"/>
    </row>
    <row r="165861" spans="14:14">
      <c r="N165861" s="10"/>
    </row>
    <row r="165862" spans="14:14">
      <c r="N165862" s="10"/>
    </row>
    <row r="165863" spans="14:14">
      <c r="N165863" s="10"/>
    </row>
    <row r="165864" spans="14:14">
      <c r="N165864" s="10"/>
    </row>
    <row r="165865" spans="14:14">
      <c r="N165865" s="10"/>
    </row>
    <row r="165866" spans="14:14">
      <c r="N165866" s="10"/>
    </row>
    <row r="165867" spans="14:14">
      <c r="N165867" s="10"/>
    </row>
    <row r="165868" spans="14:14">
      <c r="N165868" s="10"/>
    </row>
    <row r="165869" spans="14:14">
      <c r="N165869" s="10"/>
    </row>
    <row r="165870" spans="14:14">
      <c r="N165870" s="10"/>
    </row>
    <row r="165871" spans="14:14">
      <c r="N165871" s="10"/>
    </row>
    <row r="165872" spans="14:14">
      <c r="N165872" s="10"/>
    </row>
    <row r="165873" spans="14:14">
      <c r="N165873" s="10"/>
    </row>
    <row r="165874" spans="14:14">
      <c r="N165874" s="10"/>
    </row>
    <row r="165875" spans="14:14">
      <c r="N165875" s="10"/>
    </row>
    <row r="165876" spans="14:14">
      <c r="N165876" s="10"/>
    </row>
    <row r="165877" spans="14:14">
      <c r="N165877" s="10"/>
    </row>
    <row r="165878" spans="14:14">
      <c r="N165878" s="10"/>
    </row>
    <row r="165879" spans="14:14">
      <c r="N165879" s="10"/>
    </row>
    <row r="165880" spans="14:14">
      <c r="N165880" s="10"/>
    </row>
    <row r="165881" spans="14:14">
      <c r="N165881" s="10"/>
    </row>
    <row r="165882" spans="14:14">
      <c r="N165882" s="10"/>
    </row>
    <row r="165883" spans="14:14">
      <c r="N165883" s="10"/>
    </row>
    <row r="165884" spans="14:14">
      <c r="N165884" s="10"/>
    </row>
    <row r="165885" spans="14:14">
      <c r="N165885" s="10"/>
    </row>
    <row r="165886" spans="14:14">
      <c r="N165886" s="10"/>
    </row>
    <row r="165887" spans="14:14">
      <c r="N165887" s="10"/>
    </row>
    <row r="165888" spans="14:14">
      <c r="N165888" s="10"/>
    </row>
    <row r="165889" spans="14:14">
      <c r="N165889" s="10"/>
    </row>
    <row r="165890" spans="14:14">
      <c r="N165890" s="10"/>
    </row>
    <row r="165891" spans="14:14">
      <c r="N165891" s="10"/>
    </row>
    <row r="165892" spans="14:14">
      <c r="N165892" s="10"/>
    </row>
    <row r="165893" spans="14:14">
      <c r="N165893" s="10"/>
    </row>
    <row r="165894" spans="14:14">
      <c r="N165894" s="10"/>
    </row>
    <row r="165895" spans="14:14">
      <c r="N165895" s="10"/>
    </row>
    <row r="165896" spans="14:14">
      <c r="N165896" s="10"/>
    </row>
    <row r="165897" spans="14:14">
      <c r="N165897" s="10"/>
    </row>
    <row r="165898" spans="14:14">
      <c r="N165898" s="10"/>
    </row>
    <row r="165899" spans="14:14">
      <c r="N165899" s="10"/>
    </row>
    <row r="165900" spans="14:14">
      <c r="N165900" s="10"/>
    </row>
    <row r="165901" spans="14:14">
      <c r="N165901" s="10"/>
    </row>
    <row r="165902" spans="14:14">
      <c r="N165902" s="10"/>
    </row>
    <row r="165903" spans="14:14">
      <c r="N165903" s="10"/>
    </row>
    <row r="165904" spans="14:14">
      <c r="N165904" s="10"/>
    </row>
    <row r="165905" spans="14:14">
      <c r="N165905" s="10"/>
    </row>
    <row r="165906" spans="14:14">
      <c r="N165906" s="10"/>
    </row>
    <row r="165907" spans="14:14">
      <c r="N165907" s="10"/>
    </row>
    <row r="165908" spans="14:14">
      <c r="N165908" s="10"/>
    </row>
    <row r="165909" spans="14:14">
      <c r="N165909" s="10"/>
    </row>
    <row r="165910" spans="14:14">
      <c r="N165910" s="10"/>
    </row>
    <row r="165911" spans="14:14">
      <c r="N165911" s="10"/>
    </row>
    <row r="165912" spans="14:14">
      <c r="N165912" s="10"/>
    </row>
    <row r="165913" spans="14:14">
      <c r="N165913" s="10"/>
    </row>
    <row r="165914" spans="14:14">
      <c r="N165914" s="10"/>
    </row>
    <row r="165915" spans="14:14">
      <c r="N165915" s="10"/>
    </row>
    <row r="165916" spans="14:14">
      <c r="N165916" s="10"/>
    </row>
    <row r="165917" spans="14:14">
      <c r="N165917" s="10"/>
    </row>
    <row r="165918" spans="14:14">
      <c r="N165918" s="10"/>
    </row>
    <row r="165919" spans="14:14">
      <c r="N165919" s="10"/>
    </row>
    <row r="165920" spans="14:14">
      <c r="N165920" s="10"/>
    </row>
    <row r="165921" spans="14:14">
      <c r="N165921" s="10"/>
    </row>
    <row r="165922" spans="14:14">
      <c r="N165922" s="10"/>
    </row>
    <row r="165923" spans="14:14">
      <c r="N165923" s="10"/>
    </row>
    <row r="165924" spans="14:14">
      <c r="N165924" s="10"/>
    </row>
    <row r="165925" spans="14:14">
      <c r="N165925" s="10"/>
    </row>
    <row r="165926" spans="14:14">
      <c r="N165926" s="10"/>
    </row>
    <row r="165927" spans="14:14">
      <c r="N165927" s="10"/>
    </row>
    <row r="165928" spans="14:14">
      <c r="N165928" s="10"/>
    </row>
    <row r="165929" spans="14:14">
      <c r="N165929" s="10"/>
    </row>
    <row r="165930" spans="14:14">
      <c r="N165930" s="10"/>
    </row>
    <row r="165931" spans="14:14">
      <c r="N165931" s="10"/>
    </row>
    <row r="165932" spans="14:14">
      <c r="N165932" s="10"/>
    </row>
    <row r="165933" spans="14:14">
      <c r="N165933" s="10"/>
    </row>
    <row r="165934" spans="14:14">
      <c r="N165934" s="10"/>
    </row>
    <row r="165935" spans="14:14">
      <c r="N165935" s="10"/>
    </row>
    <row r="165936" spans="14:14">
      <c r="N165936" s="10"/>
    </row>
    <row r="165937" spans="14:14">
      <c r="N165937" s="10"/>
    </row>
    <row r="165938" spans="14:14">
      <c r="N165938" s="10"/>
    </row>
    <row r="165939" spans="14:14">
      <c r="N165939" s="10"/>
    </row>
    <row r="165940" spans="14:14">
      <c r="N165940" s="10"/>
    </row>
    <row r="165941" spans="14:14">
      <c r="N165941" s="10"/>
    </row>
    <row r="165942" spans="14:14">
      <c r="N165942" s="10"/>
    </row>
    <row r="165943" spans="14:14">
      <c r="N165943" s="10"/>
    </row>
    <row r="165944" spans="14:14">
      <c r="N165944" s="10"/>
    </row>
    <row r="165945" spans="14:14">
      <c r="N165945" s="10"/>
    </row>
    <row r="165946" spans="14:14">
      <c r="N165946" s="10"/>
    </row>
    <row r="165947" spans="14:14">
      <c r="N165947" s="10"/>
    </row>
    <row r="165948" spans="14:14">
      <c r="N165948" s="10"/>
    </row>
    <row r="165949" spans="14:14">
      <c r="N165949" s="10"/>
    </row>
    <row r="165950" spans="14:14">
      <c r="N165950" s="10"/>
    </row>
    <row r="165951" spans="14:14">
      <c r="N165951" s="10"/>
    </row>
    <row r="165952" spans="14:14">
      <c r="N165952" s="10"/>
    </row>
    <row r="165953" spans="14:14">
      <c r="N165953" s="10"/>
    </row>
    <row r="165954" spans="14:14">
      <c r="N165954" s="10"/>
    </row>
    <row r="165955" spans="14:14">
      <c r="N165955" s="10"/>
    </row>
    <row r="165956" spans="14:14">
      <c r="N165956" s="10"/>
    </row>
    <row r="165957" spans="14:14">
      <c r="N165957" s="10"/>
    </row>
    <row r="165958" spans="14:14">
      <c r="N165958" s="10"/>
    </row>
    <row r="165959" spans="14:14">
      <c r="N165959" s="10"/>
    </row>
    <row r="165960" spans="14:14">
      <c r="N165960" s="10"/>
    </row>
    <row r="165961" spans="14:14">
      <c r="N165961" s="10"/>
    </row>
    <row r="165962" spans="14:14">
      <c r="N165962" s="10"/>
    </row>
    <row r="165963" spans="14:14">
      <c r="N165963" s="10"/>
    </row>
    <row r="165964" spans="14:14">
      <c r="N165964" s="10"/>
    </row>
    <row r="165965" spans="14:14">
      <c r="N165965" s="10"/>
    </row>
    <row r="165966" spans="14:14">
      <c r="N165966" s="10"/>
    </row>
    <row r="165967" spans="14:14">
      <c r="N165967" s="10"/>
    </row>
    <row r="165968" spans="14:14">
      <c r="N165968" s="10"/>
    </row>
    <row r="165969" spans="14:14">
      <c r="N165969" s="10"/>
    </row>
    <row r="165970" spans="14:14">
      <c r="N165970" s="10"/>
    </row>
    <row r="165971" spans="14:14">
      <c r="N165971" s="10"/>
    </row>
    <row r="165972" spans="14:14">
      <c r="N165972" s="10"/>
    </row>
    <row r="165973" spans="14:14">
      <c r="N165973" s="10"/>
    </row>
    <row r="165974" spans="14:14">
      <c r="N165974" s="10"/>
    </row>
    <row r="165975" spans="14:14">
      <c r="N165975" s="10"/>
    </row>
    <row r="165976" spans="14:14">
      <c r="N165976" s="10"/>
    </row>
    <row r="165977" spans="14:14">
      <c r="N165977" s="10"/>
    </row>
    <row r="165978" spans="14:14">
      <c r="N165978" s="10"/>
    </row>
    <row r="165979" spans="14:14">
      <c r="N165979" s="10"/>
    </row>
    <row r="165980" spans="14:14">
      <c r="N165980" s="10"/>
    </row>
    <row r="165981" spans="14:14">
      <c r="N165981" s="10"/>
    </row>
    <row r="165982" spans="14:14">
      <c r="N165982" s="10"/>
    </row>
    <row r="165983" spans="14:14">
      <c r="N165983" s="10"/>
    </row>
    <row r="165984" spans="14:14">
      <c r="N165984" s="10"/>
    </row>
    <row r="165985" spans="14:14">
      <c r="N165985" s="10"/>
    </row>
    <row r="165986" spans="14:14">
      <c r="N165986" s="10"/>
    </row>
    <row r="165987" spans="14:14">
      <c r="N165987" s="10"/>
    </row>
    <row r="165988" spans="14:14">
      <c r="N165988" s="10"/>
    </row>
    <row r="165989" spans="14:14">
      <c r="N165989" s="10"/>
    </row>
    <row r="165990" spans="14:14">
      <c r="N165990" s="10"/>
    </row>
    <row r="165991" spans="14:14">
      <c r="N165991" s="10"/>
    </row>
    <row r="165992" spans="14:14">
      <c r="N165992" s="10"/>
    </row>
    <row r="165993" spans="14:14">
      <c r="N165993" s="10"/>
    </row>
    <row r="165994" spans="14:14">
      <c r="N165994" s="10"/>
    </row>
    <row r="165995" spans="14:14">
      <c r="N165995" s="10"/>
    </row>
    <row r="165996" spans="14:14">
      <c r="N165996" s="10"/>
    </row>
    <row r="165997" spans="14:14">
      <c r="N165997" s="10"/>
    </row>
    <row r="165998" spans="14:14">
      <c r="N165998" s="10"/>
    </row>
    <row r="165999" spans="14:14">
      <c r="N165999" s="10"/>
    </row>
    <row r="166000" spans="14:14">
      <c r="N166000" s="10"/>
    </row>
    <row r="166001" spans="14:14">
      <c r="N166001" s="10"/>
    </row>
    <row r="166002" spans="14:14">
      <c r="N166002" s="10"/>
    </row>
    <row r="166003" spans="14:14">
      <c r="N166003" s="10"/>
    </row>
    <row r="166004" spans="14:14">
      <c r="N166004" s="10"/>
    </row>
    <row r="166005" spans="14:14">
      <c r="N166005" s="10"/>
    </row>
    <row r="166006" spans="14:14">
      <c r="N166006" s="10"/>
    </row>
    <row r="166007" spans="14:14">
      <c r="N166007" s="10"/>
    </row>
    <row r="166008" spans="14:14">
      <c r="N166008" s="10"/>
    </row>
    <row r="166009" spans="14:14">
      <c r="N166009" s="10"/>
    </row>
    <row r="166010" spans="14:14">
      <c r="N166010" s="10"/>
    </row>
    <row r="166011" spans="14:14">
      <c r="N166011" s="10"/>
    </row>
    <row r="166012" spans="14:14">
      <c r="N166012" s="10"/>
    </row>
    <row r="166013" spans="14:14">
      <c r="N166013" s="10"/>
    </row>
    <row r="166014" spans="14:14">
      <c r="N166014" s="10"/>
    </row>
    <row r="166015" spans="14:14">
      <c r="N166015" s="10"/>
    </row>
    <row r="166016" spans="14:14">
      <c r="N166016" s="10"/>
    </row>
    <row r="166017" spans="14:14">
      <c r="N166017" s="10"/>
    </row>
    <row r="166018" spans="14:14">
      <c r="N166018" s="10"/>
    </row>
    <row r="166019" spans="14:14">
      <c r="N166019" s="10"/>
    </row>
    <row r="166020" spans="14:14">
      <c r="N166020" s="10"/>
    </row>
    <row r="166021" spans="14:14">
      <c r="N166021" s="10"/>
    </row>
    <row r="166022" spans="14:14">
      <c r="N166022" s="10"/>
    </row>
    <row r="166023" spans="14:14">
      <c r="N166023" s="10"/>
    </row>
    <row r="166024" spans="14:14">
      <c r="N166024" s="10"/>
    </row>
    <row r="166025" spans="14:14">
      <c r="N166025" s="10"/>
    </row>
    <row r="166026" spans="14:14">
      <c r="N166026" s="10"/>
    </row>
    <row r="166027" spans="14:14">
      <c r="N166027" s="10"/>
    </row>
    <row r="166028" spans="14:14">
      <c r="N166028" s="10"/>
    </row>
    <row r="166029" spans="14:14">
      <c r="N166029" s="10"/>
    </row>
    <row r="166030" spans="14:14">
      <c r="N166030" s="10"/>
    </row>
    <row r="166031" spans="14:14">
      <c r="N166031" s="10"/>
    </row>
    <row r="166032" spans="14:14">
      <c r="N166032" s="10"/>
    </row>
    <row r="166033" spans="14:14">
      <c r="N166033" s="10"/>
    </row>
    <row r="166034" spans="14:14">
      <c r="N166034" s="10"/>
    </row>
    <row r="166035" spans="14:14">
      <c r="N166035" s="10"/>
    </row>
    <row r="166036" spans="14:14">
      <c r="N166036" s="10"/>
    </row>
    <row r="166037" spans="14:14">
      <c r="N166037" s="10"/>
    </row>
    <row r="166038" spans="14:14">
      <c r="N166038" s="10"/>
    </row>
    <row r="166039" spans="14:14">
      <c r="N166039" s="10"/>
    </row>
    <row r="166040" spans="14:14">
      <c r="N166040" s="10"/>
    </row>
    <row r="166041" spans="14:14">
      <c r="N166041" s="10"/>
    </row>
    <row r="166042" spans="14:14">
      <c r="N166042" s="10"/>
    </row>
    <row r="166043" spans="14:14">
      <c r="N166043" s="10"/>
    </row>
    <row r="166044" spans="14:14">
      <c r="N166044" s="10"/>
    </row>
    <row r="166045" spans="14:14">
      <c r="N166045" s="10"/>
    </row>
    <row r="166046" spans="14:14">
      <c r="N166046" s="10"/>
    </row>
    <row r="166047" spans="14:14">
      <c r="N166047" s="10"/>
    </row>
    <row r="166048" spans="14:14">
      <c r="N166048" s="10"/>
    </row>
    <row r="166049" spans="14:14">
      <c r="N166049" s="10"/>
    </row>
    <row r="166050" spans="14:14">
      <c r="N166050" s="10"/>
    </row>
    <row r="166051" spans="14:14">
      <c r="N166051" s="10"/>
    </row>
    <row r="166052" spans="14:14">
      <c r="N166052" s="10"/>
    </row>
    <row r="166053" spans="14:14">
      <c r="N166053" s="10"/>
    </row>
    <row r="166054" spans="14:14">
      <c r="N166054" s="10"/>
    </row>
    <row r="166055" spans="14:14">
      <c r="N166055" s="10"/>
    </row>
    <row r="166056" spans="14:14">
      <c r="N166056" s="10"/>
    </row>
    <row r="166057" spans="14:14">
      <c r="N166057" s="10"/>
    </row>
    <row r="166058" spans="14:14">
      <c r="N166058" s="10"/>
    </row>
    <row r="166059" spans="14:14">
      <c r="N166059" s="10"/>
    </row>
    <row r="166060" spans="14:14">
      <c r="N166060" s="10"/>
    </row>
    <row r="166061" spans="14:14">
      <c r="N166061" s="10"/>
    </row>
    <row r="166062" spans="14:14">
      <c r="N166062" s="10"/>
    </row>
    <row r="166063" spans="14:14">
      <c r="N166063" s="10"/>
    </row>
    <row r="166064" spans="14:14">
      <c r="N166064" s="10"/>
    </row>
    <row r="166065" spans="14:14">
      <c r="N166065" s="10"/>
    </row>
    <row r="166066" spans="14:14">
      <c r="N166066" s="10"/>
    </row>
    <row r="166067" spans="14:14">
      <c r="N166067" s="10"/>
    </row>
    <row r="166068" spans="14:14">
      <c r="N166068" s="10"/>
    </row>
    <row r="166069" spans="14:14">
      <c r="N166069" s="10"/>
    </row>
    <row r="166070" spans="14:14">
      <c r="N166070" s="10"/>
    </row>
    <row r="166071" spans="14:14">
      <c r="N166071" s="10"/>
    </row>
    <row r="166072" spans="14:14">
      <c r="N166072" s="10"/>
    </row>
    <row r="166073" spans="14:14">
      <c r="N166073" s="10"/>
    </row>
    <row r="166074" spans="14:14">
      <c r="N166074" s="10"/>
    </row>
    <row r="166075" spans="14:14">
      <c r="N166075" s="10"/>
    </row>
    <row r="166076" spans="14:14">
      <c r="N166076" s="10"/>
    </row>
    <row r="166077" spans="14:14">
      <c r="N166077" s="10"/>
    </row>
    <row r="166078" spans="14:14">
      <c r="N166078" s="10"/>
    </row>
    <row r="166079" spans="14:14">
      <c r="N166079" s="10"/>
    </row>
    <row r="166080" spans="14:14">
      <c r="N166080" s="10"/>
    </row>
    <row r="166081" spans="14:14">
      <c r="N166081" s="10"/>
    </row>
    <row r="166082" spans="14:14">
      <c r="N166082" s="10"/>
    </row>
    <row r="166083" spans="14:14">
      <c r="N166083" s="10"/>
    </row>
    <row r="166084" spans="14:14">
      <c r="N166084" s="10"/>
    </row>
    <row r="166085" spans="14:14">
      <c r="N166085" s="10"/>
    </row>
    <row r="166086" spans="14:14">
      <c r="N166086" s="10"/>
    </row>
    <row r="166087" spans="14:14">
      <c r="N166087" s="10"/>
    </row>
    <row r="166088" spans="14:14">
      <c r="N166088" s="10"/>
    </row>
    <row r="166089" spans="14:14">
      <c r="N166089" s="10"/>
    </row>
    <row r="166090" spans="14:14">
      <c r="N166090" s="10"/>
    </row>
    <row r="166091" spans="14:14">
      <c r="N166091" s="10"/>
    </row>
    <row r="166092" spans="14:14">
      <c r="N166092" s="10"/>
    </row>
    <row r="166093" spans="14:14">
      <c r="N166093" s="10"/>
    </row>
    <row r="166094" spans="14:14">
      <c r="N166094" s="10"/>
    </row>
    <row r="166095" spans="14:14">
      <c r="N166095" s="10"/>
    </row>
    <row r="166096" spans="14:14">
      <c r="N166096" s="10"/>
    </row>
    <row r="166097" spans="14:14">
      <c r="N166097" s="10"/>
    </row>
    <row r="166098" spans="14:14">
      <c r="N166098" s="10"/>
    </row>
    <row r="166099" spans="14:14">
      <c r="N166099" s="10"/>
    </row>
    <row r="166100" spans="14:14">
      <c r="N166100" s="10"/>
    </row>
    <row r="166101" spans="14:14">
      <c r="N166101" s="10"/>
    </row>
    <row r="166102" spans="14:14">
      <c r="N166102" s="10"/>
    </row>
    <row r="166103" spans="14:14">
      <c r="N166103" s="10"/>
    </row>
    <row r="166104" spans="14:14">
      <c r="N166104" s="10"/>
    </row>
    <row r="166105" spans="14:14">
      <c r="N166105" s="10"/>
    </row>
    <row r="166106" spans="14:14">
      <c r="N166106" s="10"/>
    </row>
    <row r="166107" spans="14:14">
      <c r="N166107" s="10"/>
    </row>
    <row r="166108" spans="14:14">
      <c r="N166108" s="10"/>
    </row>
    <row r="166109" spans="14:14">
      <c r="N166109" s="10"/>
    </row>
    <row r="166110" spans="14:14">
      <c r="N166110" s="10"/>
    </row>
    <row r="166111" spans="14:14">
      <c r="N166111" s="10"/>
    </row>
    <row r="166112" spans="14:14">
      <c r="N166112" s="10"/>
    </row>
    <row r="166113" spans="14:14">
      <c r="N166113" s="10"/>
    </row>
    <row r="166114" spans="14:14">
      <c r="N166114" s="10"/>
    </row>
    <row r="166115" spans="14:14">
      <c r="N166115" s="10"/>
    </row>
    <row r="166116" spans="14:14">
      <c r="N166116" s="10"/>
    </row>
    <row r="166117" spans="14:14">
      <c r="N166117" s="10"/>
    </row>
    <row r="166118" spans="14:14">
      <c r="N166118" s="10"/>
    </row>
    <row r="166119" spans="14:14">
      <c r="N166119" s="10"/>
    </row>
    <row r="166120" spans="14:14">
      <c r="N166120" s="10"/>
    </row>
    <row r="166121" spans="14:14">
      <c r="N166121" s="10"/>
    </row>
    <row r="166122" spans="14:14">
      <c r="N166122" s="10"/>
    </row>
    <row r="166123" spans="14:14">
      <c r="N166123" s="10"/>
    </row>
    <row r="166124" spans="14:14">
      <c r="N166124" s="10"/>
    </row>
    <row r="166125" spans="14:14">
      <c r="N166125" s="10"/>
    </row>
    <row r="166126" spans="14:14">
      <c r="N166126" s="10"/>
    </row>
    <row r="166127" spans="14:14">
      <c r="N166127" s="10"/>
    </row>
    <row r="166128" spans="14:14">
      <c r="N166128" s="10"/>
    </row>
    <row r="166129" spans="14:14">
      <c r="N166129" s="10"/>
    </row>
    <row r="166130" spans="14:14">
      <c r="N166130" s="10"/>
    </row>
    <row r="166131" spans="14:14">
      <c r="N166131" s="10"/>
    </row>
    <row r="166132" spans="14:14">
      <c r="N166132" s="10"/>
    </row>
    <row r="166133" spans="14:14">
      <c r="N166133" s="10"/>
    </row>
    <row r="166134" spans="14:14">
      <c r="N166134" s="10"/>
    </row>
    <row r="166135" spans="14:14">
      <c r="N166135" s="10"/>
    </row>
    <row r="166136" spans="14:14">
      <c r="N166136" s="10"/>
    </row>
    <row r="166137" spans="14:14">
      <c r="N166137" s="10"/>
    </row>
    <row r="166138" spans="14:14">
      <c r="N166138" s="10"/>
    </row>
    <row r="166139" spans="14:14">
      <c r="N166139" s="10"/>
    </row>
    <row r="166140" spans="14:14">
      <c r="N166140" s="10"/>
    </row>
    <row r="166141" spans="14:14">
      <c r="N166141" s="10"/>
    </row>
    <row r="166142" spans="14:14">
      <c r="N166142" s="10"/>
    </row>
    <row r="166143" spans="14:14">
      <c r="N166143" s="10"/>
    </row>
    <row r="166144" spans="14:14">
      <c r="N166144" s="10"/>
    </row>
    <row r="166145" spans="14:14">
      <c r="N166145" s="10"/>
    </row>
    <row r="166146" spans="14:14">
      <c r="N166146" s="10"/>
    </row>
    <row r="166147" spans="14:14">
      <c r="N166147" s="10"/>
    </row>
    <row r="166148" spans="14:14">
      <c r="N166148" s="10"/>
    </row>
    <row r="166149" spans="14:14">
      <c r="N166149" s="10"/>
    </row>
    <row r="166150" spans="14:14">
      <c r="N166150" s="10"/>
    </row>
    <row r="166151" spans="14:14">
      <c r="N166151" s="10"/>
    </row>
    <row r="166152" spans="14:14">
      <c r="N166152" s="10"/>
    </row>
    <row r="166153" spans="14:14">
      <c r="N166153" s="10"/>
    </row>
    <row r="166154" spans="14:14">
      <c r="N166154" s="10"/>
    </row>
    <row r="166155" spans="14:14">
      <c r="N166155" s="10"/>
    </row>
    <row r="166156" spans="14:14">
      <c r="N166156" s="10"/>
    </row>
    <row r="166157" spans="14:14">
      <c r="N166157" s="10"/>
    </row>
    <row r="166158" spans="14:14">
      <c r="N166158" s="10"/>
    </row>
    <row r="166159" spans="14:14">
      <c r="N166159" s="10"/>
    </row>
    <row r="166160" spans="14:14">
      <c r="N166160" s="10"/>
    </row>
    <row r="166161" spans="14:14">
      <c r="N166161" s="10"/>
    </row>
    <row r="166162" spans="14:14">
      <c r="N166162" s="10"/>
    </row>
    <row r="166163" spans="14:14">
      <c r="N166163" s="10"/>
    </row>
    <row r="166164" spans="14:14">
      <c r="N166164" s="10"/>
    </row>
    <row r="166165" spans="14:14">
      <c r="N166165" s="10"/>
    </row>
    <row r="166166" spans="14:14">
      <c r="N166166" s="10"/>
    </row>
    <row r="166167" spans="14:14">
      <c r="N166167" s="10"/>
    </row>
    <row r="166168" spans="14:14">
      <c r="N166168" s="10"/>
    </row>
    <row r="166169" spans="14:14">
      <c r="N166169" s="10"/>
    </row>
    <row r="166170" spans="14:14">
      <c r="N166170" s="10"/>
    </row>
    <row r="166171" spans="14:14">
      <c r="N166171" s="10"/>
    </row>
    <row r="166172" spans="14:14">
      <c r="N166172" s="10"/>
    </row>
    <row r="166173" spans="14:14">
      <c r="N166173" s="10"/>
    </row>
    <row r="166174" spans="14:14">
      <c r="N166174" s="10"/>
    </row>
    <row r="166175" spans="14:14">
      <c r="N166175" s="10"/>
    </row>
    <row r="166176" spans="14:14">
      <c r="N166176" s="10"/>
    </row>
    <row r="166177" spans="14:14">
      <c r="N166177" s="10"/>
    </row>
    <row r="166178" spans="14:14">
      <c r="N166178" s="10"/>
    </row>
    <row r="166179" spans="14:14">
      <c r="N166179" s="10"/>
    </row>
    <row r="166180" spans="14:14">
      <c r="N166180" s="10"/>
    </row>
    <row r="166181" spans="14:14">
      <c r="N166181" s="10"/>
    </row>
    <row r="166182" spans="14:14">
      <c r="N166182" s="10"/>
    </row>
    <row r="166183" spans="14:14">
      <c r="N166183" s="10"/>
    </row>
    <row r="166184" spans="14:14">
      <c r="N166184" s="10"/>
    </row>
    <row r="166185" spans="14:14">
      <c r="N166185" s="10"/>
    </row>
    <row r="166186" spans="14:14">
      <c r="N166186" s="10"/>
    </row>
    <row r="166187" spans="14:14">
      <c r="N166187" s="10"/>
    </row>
    <row r="166188" spans="14:14">
      <c r="N166188" s="10"/>
    </row>
    <row r="166189" spans="14:14">
      <c r="N166189" s="10"/>
    </row>
    <row r="166190" spans="14:14">
      <c r="N166190" s="10"/>
    </row>
    <row r="166191" spans="14:14">
      <c r="N166191" s="10"/>
    </row>
    <row r="166192" spans="14:14">
      <c r="N166192" s="10"/>
    </row>
    <row r="166193" spans="14:14">
      <c r="N166193" s="10"/>
    </row>
    <row r="166194" spans="14:14">
      <c r="N166194" s="10"/>
    </row>
    <row r="166195" spans="14:14">
      <c r="N166195" s="10"/>
    </row>
    <row r="166196" spans="14:14">
      <c r="N166196" s="10"/>
    </row>
    <row r="166197" spans="14:14">
      <c r="N166197" s="10"/>
    </row>
    <row r="166198" spans="14:14">
      <c r="N166198" s="10"/>
    </row>
    <row r="166199" spans="14:14">
      <c r="N166199" s="10"/>
    </row>
    <row r="166200" spans="14:14">
      <c r="N166200" s="10"/>
    </row>
    <row r="166201" spans="14:14">
      <c r="N166201" s="10"/>
    </row>
    <row r="166202" spans="14:14">
      <c r="N166202" s="10"/>
    </row>
    <row r="166203" spans="14:14">
      <c r="N166203" s="10"/>
    </row>
    <row r="166204" spans="14:14">
      <c r="N166204" s="10"/>
    </row>
    <row r="166205" spans="14:14">
      <c r="N166205" s="10"/>
    </row>
    <row r="166206" spans="14:14">
      <c r="N166206" s="10"/>
    </row>
    <row r="166207" spans="14:14">
      <c r="N166207" s="10"/>
    </row>
    <row r="166208" spans="14:14">
      <c r="N166208" s="10"/>
    </row>
    <row r="166209" spans="14:14">
      <c r="N166209" s="10"/>
    </row>
    <row r="166210" spans="14:14">
      <c r="N166210" s="10"/>
    </row>
    <row r="166211" spans="14:14">
      <c r="N166211" s="10"/>
    </row>
    <row r="166212" spans="14:14">
      <c r="N166212" s="10"/>
    </row>
    <row r="166213" spans="14:14">
      <c r="N166213" s="10"/>
    </row>
    <row r="166214" spans="14:14">
      <c r="N166214" s="10"/>
    </row>
    <row r="166215" spans="14:14">
      <c r="N166215" s="10"/>
    </row>
    <row r="166216" spans="14:14">
      <c r="N166216" s="10"/>
    </row>
    <row r="166217" spans="14:14">
      <c r="N166217" s="10"/>
    </row>
    <row r="166218" spans="14:14">
      <c r="N166218" s="10"/>
    </row>
    <row r="166219" spans="14:14">
      <c r="N166219" s="10"/>
    </row>
    <row r="166220" spans="14:14">
      <c r="N166220" s="10"/>
    </row>
    <row r="166221" spans="14:14">
      <c r="N166221" s="10"/>
    </row>
    <row r="166222" spans="14:14">
      <c r="N166222" s="10"/>
    </row>
    <row r="166223" spans="14:14">
      <c r="N166223" s="10"/>
    </row>
    <row r="166224" spans="14:14">
      <c r="N166224" s="10"/>
    </row>
    <row r="166225" spans="14:14">
      <c r="N166225" s="10"/>
    </row>
    <row r="166226" spans="14:14">
      <c r="N166226" s="10"/>
    </row>
    <row r="166227" spans="14:14">
      <c r="N166227" s="10"/>
    </row>
    <row r="166228" spans="14:14">
      <c r="N166228" s="10"/>
    </row>
    <row r="166229" spans="14:14">
      <c r="N166229" s="10"/>
    </row>
    <row r="166230" spans="14:14">
      <c r="N166230" s="10"/>
    </row>
    <row r="166231" spans="14:14">
      <c r="N166231" s="10"/>
    </row>
    <row r="166232" spans="14:14">
      <c r="N166232" s="10"/>
    </row>
    <row r="166233" spans="14:14">
      <c r="N166233" s="10"/>
    </row>
    <row r="166234" spans="14:14">
      <c r="N166234" s="10"/>
    </row>
    <row r="166235" spans="14:14">
      <c r="N166235" s="10"/>
    </row>
    <row r="166236" spans="14:14">
      <c r="N166236" s="10"/>
    </row>
    <row r="166237" spans="14:14">
      <c r="N166237" s="10"/>
    </row>
    <row r="166238" spans="14:14">
      <c r="N166238" s="10"/>
    </row>
    <row r="166239" spans="14:14">
      <c r="N166239" s="10"/>
    </row>
    <row r="166240" spans="14:14">
      <c r="N166240" s="10"/>
    </row>
    <row r="166241" spans="14:14">
      <c r="N166241" s="10"/>
    </row>
    <row r="166242" spans="14:14">
      <c r="N166242" s="10"/>
    </row>
    <row r="166243" spans="14:14">
      <c r="N166243" s="10"/>
    </row>
    <row r="166244" spans="14:14">
      <c r="N166244" s="10"/>
    </row>
    <row r="166245" spans="14:14">
      <c r="N166245" s="10"/>
    </row>
    <row r="166246" spans="14:14">
      <c r="N166246" s="10"/>
    </row>
    <row r="166247" spans="14:14">
      <c r="N166247" s="10"/>
    </row>
    <row r="166248" spans="14:14">
      <c r="N166248" s="10"/>
    </row>
    <row r="166249" spans="14:14">
      <c r="N166249" s="10"/>
    </row>
    <row r="166250" spans="14:14">
      <c r="N166250" s="10"/>
    </row>
    <row r="166251" spans="14:14">
      <c r="N166251" s="10"/>
    </row>
    <row r="166252" spans="14:14">
      <c r="N166252" s="10"/>
    </row>
    <row r="166253" spans="14:14">
      <c r="N166253" s="10"/>
    </row>
    <row r="166254" spans="14:14">
      <c r="N166254" s="10"/>
    </row>
    <row r="166255" spans="14:14">
      <c r="N166255" s="10"/>
    </row>
    <row r="166256" spans="14:14">
      <c r="N166256" s="10"/>
    </row>
    <row r="166257" spans="14:14">
      <c r="N166257" s="10"/>
    </row>
    <row r="166258" spans="14:14">
      <c r="N166258" s="10"/>
    </row>
    <row r="166259" spans="14:14">
      <c r="N166259" s="10"/>
    </row>
    <row r="166260" spans="14:14">
      <c r="N166260" s="10"/>
    </row>
    <row r="166261" spans="14:14">
      <c r="N166261" s="10"/>
    </row>
    <row r="166262" spans="14:14">
      <c r="N166262" s="10"/>
    </row>
    <row r="166263" spans="14:14">
      <c r="N166263" s="10"/>
    </row>
    <row r="166264" spans="14:14">
      <c r="N166264" s="10"/>
    </row>
    <row r="166265" spans="14:14">
      <c r="N166265" s="10"/>
    </row>
    <row r="166266" spans="14:14">
      <c r="N166266" s="10"/>
    </row>
    <row r="166267" spans="14:14">
      <c r="N166267" s="10"/>
    </row>
    <row r="166268" spans="14:14">
      <c r="N166268" s="10"/>
    </row>
    <row r="166269" spans="14:14">
      <c r="N166269" s="10"/>
    </row>
    <row r="166270" spans="14:14">
      <c r="N166270" s="10"/>
    </row>
    <row r="166271" spans="14:14">
      <c r="N166271" s="10"/>
    </row>
    <row r="166272" spans="14:14">
      <c r="N166272" s="10"/>
    </row>
    <row r="166273" spans="14:14">
      <c r="N166273" s="10"/>
    </row>
    <row r="166274" spans="14:14">
      <c r="N166274" s="10"/>
    </row>
    <row r="166275" spans="14:14">
      <c r="N166275" s="10"/>
    </row>
    <row r="166276" spans="14:14">
      <c r="N166276" s="10"/>
    </row>
    <row r="166277" spans="14:14">
      <c r="N166277" s="10"/>
    </row>
    <row r="166278" spans="14:14">
      <c r="N166278" s="10"/>
    </row>
    <row r="166279" spans="14:14">
      <c r="N166279" s="10"/>
    </row>
    <row r="166280" spans="14:14">
      <c r="N166280" s="10"/>
    </row>
    <row r="166281" spans="14:14">
      <c r="N166281" s="10"/>
    </row>
    <row r="166282" spans="14:14">
      <c r="N166282" s="10"/>
    </row>
    <row r="166283" spans="14:14">
      <c r="N166283" s="10"/>
    </row>
    <row r="166284" spans="14:14">
      <c r="N166284" s="10"/>
    </row>
    <row r="166285" spans="14:14">
      <c r="N166285" s="10"/>
    </row>
    <row r="166286" spans="14:14">
      <c r="N166286" s="10"/>
    </row>
    <row r="166287" spans="14:14">
      <c r="N166287" s="10"/>
    </row>
    <row r="166288" spans="14:14">
      <c r="N166288" s="10"/>
    </row>
    <row r="166289" spans="14:14">
      <c r="N166289" s="10"/>
    </row>
    <row r="166290" spans="14:14">
      <c r="N166290" s="10"/>
    </row>
    <row r="166291" spans="14:14">
      <c r="N166291" s="10"/>
    </row>
    <row r="166292" spans="14:14">
      <c r="N166292" s="10"/>
    </row>
    <row r="166293" spans="14:14">
      <c r="N166293" s="10"/>
    </row>
    <row r="166294" spans="14:14">
      <c r="N166294" s="10"/>
    </row>
    <row r="166295" spans="14:14">
      <c r="N166295" s="10"/>
    </row>
    <row r="166296" spans="14:14">
      <c r="N166296" s="10"/>
    </row>
    <row r="166297" spans="14:14">
      <c r="N166297" s="10"/>
    </row>
    <row r="166298" spans="14:14">
      <c r="N166298" s="10"/>
    </row>
    <row r="166299" spans="14:14">
      <c r="N166299" s="10"/>
    </row>
    <row r="166300" spans="14:14">
      <c r="N166300" s="10"/>
    </row>
    <row r="166301" spans="14:14">
      <c r="N166301" s="10"/>
    </row>
    <row r="166302" spans="14:14">
      <c r="N166302" s="10"/>
    </row>
    <row r="166303" spans="14:14">
      <c r="N166303" s="10"/>
    </row>
    <row r="166304" spans="14:14">
      <c r="N166304" s="10"/>
    </row>
    <row r="166305" spans="14:14">
      <c r="N166305" s="10"/>
    </row>
    <row r="166306" spans="14:14">
      <c r="N166306" s="10"/>
    </row>
    <row r="166307" spans="14:14">
      <c r="N166307" s="10"/>
    </row>
    <row r="166308" spans="14:14">
      <c r="N166308" s="10"/>
    </row>
    <row r="166309" spans="14:14">
      <c r="N166309" s="10"/>
    </row>
    <row r="166310" spans="14:14">
      <c r="N166310" s="10"/>
    </row>
    <row r="166311" spans="14:14">
      <c r="N166311" s="10"/>
    </row>
    <row r="166312" spans="14:14">
      <c r="N166312" s="10"/>
    </row>
    <row r="166313" spans="14:14">
      <c r="N166313" s="10"/>
    </row>
    <row r="166314" spans="14:14">
      <c r="N166314" s="10"/>
    </row>
    <row r="166315" spans="14:14">
      <c r="N166315" s="10"/>
    </row>
    <row r="166316" spans="14:14">
      <c r="N166316" s="10"/>
    </row>
    <row r="166317" spans="14:14">
      <c r="N166317" s="10"/>
    </row>
    <row r="166318" spans="14:14">
      <c r="N166318" s="10"/>
    </row>
    <row r="166319" spans="14:14">
      <c r="N166319" s="10"/>
    </row>
    <row r="166320" spans="14:14">
      <c r="N166320" s="10"/>
    </row>
    <row r="166321" spans="14:14">
      <c r="N166321" s="10"/>
    </row>
    <row r="166322" spans="14:14">
      <c r="N166322" s="10"/>
    </row>
    <row r="166323" spans="14:14">
      <c r="N166323" s="10"/>
    </row>
    <row r="166324" spans="14:14">
      <c r="N166324" s="10"/>
    </row>
    <row r="166325" spans="14:14">
      <c r="N166325" s="10"/>
    </row>
    <row r="166326" spans="14:14">
      <c r="N166326" s="10"/>
    </row>
    <row r="166327" spans="14:14">
      <c r="N166327" s="10"/>
    </row>
    <row r="166328" spans="14:14">
      <c r="N166328" s="10"/>
    </row>
    <row r="166329" spans="14:14">
      <c r="N166329" s="10"/>
    </row>
    <row r="166330" spans="14:14">
      <c r="N166330" s="10"/>
    </row>
    <row r="166331" spans="14:14">
      <c r="N166331" s="10"/>
    </row>
    <row r="166332" spans="14:14">
      <c r="N166332" s="10"/>
    </row>
    <row r="166333" spans="14:14">
      <c r="N166333" s="10"/>
    </row>
    <row r="166334" spans="14:14">
      <c r="N166334" s="10"/>
    </row>
    <row r="166335" spans="14:14">
      <c r="N166335" s="10"/>
    </row>
    <row r="166336" spans="14:14">
      <c r="N166336" s="10"/>
    </row>
    <row r="166337" spans="14:14">
      <c r="N166337" s="10"/>
    </row>
    <row r="166338" spans="14:14">
      <c r="N166338" s="10"/>
    </row>
    <row r="166339" spans="14:14">
      <c r="N166339" s="10"/>
    </row>
    <row r="166340" spans="14:14">
      <c r="N166340" s="10"/>
    </row>
    <row r="166341" spans="14:14">
      <c r="N166341" s="10"/>
    </row>
    <row r="166342" spans="14:14">
      <c r="N166342" s="10"/>
    </row>
    <row r="166343" spans="14:14">
      <c r="N166343" s="10"/>
    </row>
    <row r="166344" spans="14:14">
      <c r="N166344" s="10"/>
    </row>
    <row r="166345" spans="14:14">
      <c r="N166345" s="10"/>
    </row>
    <row r="166346" spans="14:14">
      <c r="N166346" s="10"/>
    </row>
    <row r="166347" spans="14:14">
      <c r="N166347" s="10"/>
    </row>
    <row r="166348" spans="14:14">
      <c r="N166348" s="10"/>
    </row>
    <row r="166349" spans="14:14">
      <c r="N166349" s="10"/>
    </row>
    <row r="166350" spans="14:14">
      <c r="N166350" s="10"/>
    </row>
    <row r="166351" spans="14:14">
      <c r="N166351" s="10"/>
    </row>
    <row r="166352" spans="14:14">
      <c r="N166352" s="10"/>
    </row>
    <row r="166353" spans="14:14">
      <c r="N166353" s="10"/>
    </row>
    <row r="166354" spans="14:14">
      <c r="N166354" s="10"/>
    </row>
    <row r="166355" spans="14:14">
      <c r="N166355" s="10"/>
    </row>
    <row r="166356" spans="14:14">
      <c r="N166356" s="10"/>
    </row>
    <row r="166357" spans="14:14">
      <c r="N166357" s="10"/>
    </row>
    <row r="166358" spans="14:14">
      <c r="N166358" s="10"/>
    </row>
    <row r="166359" spans="14:14">
      <c r="N166359" s="10"/>
    </row>
    <row r="166360" spans="14:14">
      <c r="N166360" s="10"/>
    </row>
    <row r="166361" spans="14:14">
      <c r="N166361" s="10"/>
    </row>
    <row r="166362" spans="14:14">
      <c r="N166362" s="10"/>
    </row>
    <row r="166363" spans="14:14">
      <c r="N166363" s="10"/>
    </row>
    <row r="166364" spans="14:14">
      <c r="N166364" s="10"/>
    </row>
    <row r="166365" spans="14:14">
      <c r="N166365" s="10"/>
    </row>
    <row r="166366" spans="14:14">
      <c r="N166366" s="10"/>
    </row>
    <row r="166367" spans="14:14">
      <c r="N166367" s="10"/>
    </row>
    <row r="166368" spans="14:14">
      <c r="N166368" s="10"/>
    </row>
    <row r="166369" spans="14:14">
      <c r="N166369" s="10"/>
    </row>
    <row r="166370" spans="14:14">
      <c r="N166370" s="10"/>
    </row>
    <row r="166371" spans="14:14">
      <c r="N166371" s="10"/>
    </row>
    <row r="166372" spans="14:14">
      <c r="N166372" s="10"/>
    </row>
    <row r="166373" spans="14:14">
      <c r="N166373" s="10"/>
    </row>
    <row r="166374" spans="14:14">
      <c r="N166374" s="10"/>
    </row>
    <row r="166375" spans="14:14">
      <c r="N166375" s="10"/>
    </row>
    <row r="166376" spans="14:14">
      <c r="N166376" s="10"/>
    </row>
    <row r="166377" spans="14:14">
      <c r="N166377" s="10"/>
    </row>
    <row r="166378" spans="14:14">
      <c r="N166378" s="10"/>
    </row>
    <row r="166379" spans="14:14">
      <c r="N166379" s="10"/>
    </row>
    <row r="166380" spans="14:14">
      <c r="N166380" s="10"/>
    </row>
    <row r="166381" spans="14:14">
      <c r="N166381" s="10"/>
    </row>
    <row r="166382" spans="14:14">
      <c r="N166382" s="10"/>
    </row>
    <row r="166383" spans="14:14">
      <c r="N166383" s="10"/>
    </row>
    <row r="166384" spans="14:14">
      <c r="N166384" s="10"/>
    </row>
    <row r="166385" spans="14:14">
      <c r="N166385" s="10"/>
    </row>
    <row r="166386" spans="14:14">
      <c r="N166386" s="10"/>
    </row>
    <row r="166387" spans="14:14">
      <c r="N166387" s="10"/>
    </row>
    <row r="166388" spans="14:14">
      <c r="N166388" s="10"/>
    </row>
    <row r="166389" spans="14:14">
      <c r="N166389" s="10"/>
    </row>
    <row r="166390" spans="14:14">
      <c r="N166390" s="10"/>
    </row>
    <row r="166391" spans="14:14">
      <c r="N166391" s="10"/>
    </row>
    <row r="166392" spans="14:14">
      <c r="N166392" s="10"/>
    </row>
    <row r="166393" spans="14:14">
      <c r="N166393" s="10"/>
    </row>
    <row r="166394" spans="14:14">
      <c r="N166394" s="10"/>
    </row>
    <row r="166395" spans="14:14">
      <c r="N166395" s="10"/>
    </row>
    <row r="166396" spans="14:14">
      <c r="N166396" s="10"/>
    </row>
    <row r="166397" spans="14:14">
      <c r="N166397" s="10"/>
    </row>
    <row r="166398" spans="14:14">
      <c r="N166398" s="10"/>
    </row>
    <row r="166399" spans="14:14">
      <c r="N166399" s="10"/>
    </row>
    <row r="166400" spans="14:14">
      <c r="N166400" s="10"/>
    </row>
    <row r="166401" spans="14:14">
      <c r="N166401" s="10"/>
    </row>
    <row r="166402" spans="14:14">
      <c r="N166402" s="10"/>
    </row>
    <row r="166403" spans="14:14">
      <c r="N166403" s="10"/>
    </row>
    <row r="166404" spans="14:14">
      <c r="N166404" s="10"/>
    </row>
    <row r="166405" spans="14:14">
      <c r="N166405" s="10"/>
    </row>
    <row r="166406" spans="14:14">
      <c r="N166406" s="10"/>
    </row>
    <row r="166407" spans="14:14">
      <c r="N166407" s="10"/>
    </row>
    <row r="166408" spans="14:14">
      <c r="N166408" s="10"/>
    </row>
    <row r="166409" spans="14:14">
      <c r="N166409" s="10"/>
    </row>
    <row r="166410" spans="14:14">
      <c r="N166410" s="10"/>
    </row>
    <row r="166411" spans="14:14">
      <c r="N166411" s="10"/>
    </row>
    <row r="166412" spans="14:14">
      <c r="N166412" s="10"/>
    </row>
    <row r="166413" spans="14:14">
      <c r="N166413" s="10"/>
    </row>
    <row r="166414" spans="14:14">
      <c r="N166414" s="10"/>
    </row>
    <row r="166415" spans="14:14">
      <c r="N166415" s="10"/>
    </row>
    <row r="166416" spans="14:14">
      <c r="N166416" s="10"/>
    </row>
    <row r="166417" spans="14:14">
      <c r="N166417" s="10"/>
    </row>
    <row r="166418" spans="14:14">
      <c r="N166418" s="10"/>
    </row>
    <row r="166419" spans="14:14">
      <c r="N166419" s="10"/>
    </row>
    <row r="166420" spans="14:14">
      <c r="N166420" s="10"/>
    </row>
    <row r="166421" spans="14:14">
      <c r="N166421" s="10"/>
    </row>
    <row r="166422" spans="14:14">
      <c r="N166422" s="10"/>
    </row>
    <row r="166423" spans="14:14">
      <c r="N166423" s="10"/>
    </row>
    <row r="166424" spans="14:14">
      <c r="N166424" s="10"/>
    </row>
    <row r="166425" spans="14:14">
      <c r="N166425" s="10"/>
    </row>
    <row r="166426" spans="14:14">
      <c r="N166426" s="10"/>
    </row>
    <row r="166427" spans="14:14">
      <c r="N166427" s="10"/>
    </row>
    <row r="166428" spans="14:14">
      <c r="N166428" s="10"/>
    </row>
    <row r="166429" spans="14:14">
      <c r="N166429" s="10"/>
    </row>
    <row r="166430" spans="14:14">
      <c r="N166430" s="10"/>
    </row>
    <row r="166431" spans="14:14">
      <c r="N166431" s="10"/>
    </row>
    <row r="166432" spans="14:14">
      <c r="N166432" s="10"/>
    </row>
    <row r="166433" spans="14:14">
      <c r="N166433" s="10"/>
    </row>
    <row r="166434" spans="14:14">
      <c r="N166434" s="10"/>
    </row>
    <row r="166435" spans="14:14">
      <c r="N166435" s="10"/>
    </row>
    <row r="166436" spans="14:14">
      <c r="N166436" s="10"/>
    </row>
    <row r="166437" spans="14:14">
      <c r="N166437" s="10"/>
    </row>
    <row r="166438" spans="14:14">
      <c r="N166438" s="10"/>
    </row>
    <row r="166439" spans="14:14">
      <c r="N166439" s="10"/>
    </row>
    <row r="166440" spans="14:14">
      <c r="N166440" s="10"/>
    </row>
    <row r="166441" spans="14:14">
      <c r="N166441" s="10"/>
    </row>
    <row r="166442" spans="14:14">
      <c r="N166442" s="10"/>
    </row>
    <row r="166443" spans="14:14">
      <c r="N166443" s="10"/>
    </row>
    <row r="166444" spans="14:14">
      <c r="N166444" s="10"/>
    </row>
    <row r="166445" spans="14:14">
      <c r="N166445" s="10"/>
    </row>
    <row r="166446" spans="14:14">
      <c r="N166446" s="10"/>
    </row>
    <row r="166447" spans="14:14">
      <c r="N166447" s="10"/>
    </row>
    <row r="166448" spans="14:14">
      <c r="N166448" s="10"/>
    </row>
    <row r="166449" spans="14:14">
      <c r="N166449" s="10"/>
    </row>
    <row r="166450" spans="14:14">
      <c r="N166450" s="10"/>
    </row>
    <row r="166451" spans="14:14">
      <c r="N166451" s="10"/>
    </row>
    <row r="166452" spans="14:14">
      <c r="N166452" s="10"/>
    </row>
    <row r="166453" spans="14:14">
      <c r="N166453" s="10"/>
    </row>
    <row r="166454" spans="14:14">
      <c r="N166454" s="10"/>
    </row>
    <row r="166455" spans="14:14">
      <c r="N166455" s="10"/>
    </row>
    <row r="166456" spans="14:14">
      <c r="N166456" s="10"/>
    </row>
    <row r="166457" spans="14:14">
      <c r="N166457" s="10"/>
    </row>
    <row r="166458" spans="14:14">
      <c r="N166458" s="10"/>
    </row>
    <row r="166459" spans="14:14">
      <c r="N166459" s="10"/>
    </row>
    <row r="166460" spans="14:14">
      <c r="N166460" s="10"/>
    </row>
    <row r="166461" spans="14:14">
      <c r="N166461" s="10"/>
    </row>
    <row r="166462" spans="14:14">
      <c r="N166462" s="10"/>
    </row>
    <row r="166463" spans="14:14">
      <c r="N166463" s="10"/>
    </row>
    <row r="166464" spans="14:14">
      <c r="N166464" s="10"/>
    </row>
    <row r="166465" spans="14:14">
      <c r="N166465" s="10"/>
    </row>
    <row r="166466" spans="14:14">
      <c r="N166466" s="10"/>
    </row>
    <row r="166467" spans="14:14">
      <c r="N166467" s="10"/>
    </row>
    <row r="166468" spans="14:14">
      <c r="N166468" s="10"/>
    </row>
    <row r="166469" spans="14:14">
      <c r="N166469" s="10"/>
    </row>
    <row r="166470" spans="14:14">
      <c r="N166470" s="10"/>
    </row>
    <row r="166471" spans="14:14">
      <c r="N166471" s="10"/>
    </row>
    <row r="166472" spans="14:14">
      <c r="N166472" s="10"/>
    </row>
    <row r="166473" spans="14:14">
      <c r="N166473" s="10"/>
    </row>
    <row r="166474" spans="14:14">
      <c r="N166474" s="10"/>
    </row>
    <row r="166475" spans="14:14">
      <c r="N166475" s="10"/>
    </row>
    <row r="166476" spans="14:14">
      <c r="N166476" s="10"/>
    </row>
    <row r="166477" spans="14:14">
      <c r="N166477" s="10"/>
    </row>
    <row r="166478" spans="14:14">
      <c r="N166478" s="10"/>
    </row>
    <row r="166479" spans="14:14">
      <c r="N166479" s="10"/>
    </row>
    <row r="166480" spans="14:14">
      <c r="N166480" s="10"/>
    </row>
    <row r="166481" spans="14:14">
      <c r="N166481" s="10"/>
    </row>
    <row r="166482" spans="14:14">
      <c r="N166482" s="10"/>
    </row>
    <row r="166483" spans="14:14">
      <c r="N166483" s="10"/>
    </row>
    <row r="166484" spans="14:14">
      <c r="N166484" s="10"/>
    </row>
    <row r="166485" spans="14:14">
      <c r="N166485" s="10"/>
    </row>
    <row r="166486" spans="14:14">
      <c r="N166486" s="10"/>
    </row>
    <row r="166487" spans="14:14">
      <c r="N166487" s="10"/>
    </row>
    <row r="166488" spans="14:14">
      <c r="N166488" s="10"/>
    </row>
    <row r="166489" spans="14:14">
      <c r="N166489" s="10"/>
    </row>
    <row r="166490" spans="14:14">
      <c r="N166490" s="10"/>
    </row>
    <row r="166491" spans="14:14">
      <c r="N166491" s="10"/>
    </row>
    <row r="166492" spans="14:14">
      <c r="N166492" s="10"/>
    </row>
    <row r="166493" spans="14:14">
      <c r="N166493" s="10"/>
    </row>
    <row r="166494" spans="14:14">
      <c r="N166494" s="10"/>
    </row>
    <row r="166495" spans="14:14">
      <c r="N166495" s="10"/>
    </row>
    <row r="166496" spans="14:14">
      <c r="N166496" s="10"/>
    </row>
    <row r="166497" spans="14:14">
      <c r="N166497" s="10"/>
    </row>
    <row r="166498" spans="14:14">
      <c r="N166498" s="10"/>
    </row>
    <row r="166499" spans="14:14">
      <c r="N166499" s="10"/>
    </row>
    <row r="166500" spans="14:14">
      <c r="N166500" s="10"/>
    </row>
    <row r="166501" spans="14:14">
      <c r="N166501" s="10"/>
    </row>
    <row r="166502" spans="14:14">
      <c r="N166502" s="10"/>
    </row>
    <row r="166503" spans="14:14">
      <c r="N166503" s="10"/>
    </row>
    <row r="166504" spans="14:14">
      <c r="N166504" s="10"/>
    </row>
    <row r="166505" spans="14:14">
      <c r="N166505" s="10"/>
    </row>
    <row r="166506" spans="14:14">
      <c r="N166506" s="10"/>
    </row>
    <row r="166507" spans="14:14">
      <c r="N166507" s="10"/>
    </row>
    <row r="166508" spans="14:14">
      <c r="N166508" s="10"/>
    </row>
    <row r="166509" spans="14:14">
      <c r="N166509" s="10"/>
    </row>
    <row r="166510" spans="14:14">
      <c r="N166510" s="10"/>
    </row>
    <row r="166511" spans="14:14">
      <c r="N166511" s="10"/>
    </row>
    <row r="166512" spans="14:14">
      <c r="N166512" s="10"/>
    </row>
    <row r="166513" spans="14:14">
      <c r="N166513" s="10"/>
    </row>
    <row r="166514" spans="14:14">
      <c r="N166514" s="10"/>
    </row>
    <row r="166515" spans="14:14">
      <c r="N166515" s="10"/>
    </row>
    <row r="166516" spans="14:14">
      <c r="N166516" s="10"/>
    </row>
    <row r="166517" spans="14:14">
      <c r="N166517" s="10"/>
    </row>
    <row r="166518" spans="14:14">
      <c r="N166518" s="10"/>
    </row>
    <row r="166519" spans="14:14">
      <c r="N166519" s="10"/>
    </row>
    <row r="166520" spans="14:14">
      <c r="N166520" s="10"/>
    </row>
    <row r="166521" spans="14:14">
      <c r="N166521" s="10"/>
    </row>
    <row r="166522" spans="14:14">
      <c r="N166522" s="10"/>
    </row>
    <row r="166523" spans="14:14">
      <c r="N166523" s="10"/>
    </row>
    <row r="166524" spans="14:14">
      <c r="N166524" s="10"/>
    </row>
    <row r="166525" spans="14:14">
      <c r="N166525" s="10"/>
    </row>
    <row r="166526" spans="14:14">
      <c r="N166526" s="10"/>
    </row>
    <row r="166527" spans="14:14">
      <c r="N166527" s="10"/>
    </row>
    <row r="166528" spans="14:14">
      <c r="N166528" s="10"/>
    </row>
    <row r="166529" spans="14:14">
      <c r="N166529" s="10"/>
    </row>
    <row r="166530" spans="14:14">
      <c r="N166530" s="10"/>
    </row>
    <row r="166531" spans="14:14">
      <c r="N166531" s="10"/>
    </row>
    <row r="166532" spans="14:14">
      <c r="N166532" s="10"/>
    </row>
    <row r="166533" spans="14:14">
      <c r="N166533" s="10"/>
    </row>
    <row r="166534" spans="14:14">
      <c r="N166534" s="10"/>
    </row>
    <row r="166535" spans="14:14">
      <c r="N166535" s="10"/>
    </row>
    <row r="166536" spans="14:14">
      <c r="N166536" s="10"/>
    </row>
    <row r="166537" spans="14:14">
      <c r="N166537" s="10"/>
    </row>
    <row r="166538" spans="14:14">
      <c r="N166538" s="10"/>
    </row>
    <row r="166539" spans="14:14">
      <c r="N166539" s="10"/>
    </row>
    <row r="166540" spans="14:14">
      <c r="N166540" s="10"/>
    </row>
    <row r="166541" spans="14:14">
      <c r="N166541" s="10"/>
    </row>
    <row r="166542" spans="14:14">
      <c r="N166542" s="10"/>
    </row>
    <row r="166543" spans="14:14">
      <c r="N166543" s="10"/>
    </row>
    <row r="166544" spans="14:14">
      <c r="N166544" s="10"/>
    </row>
    <row r="166545" spans="14:14">
      <c r="N166545" s="10"/>
    </row>
    <row r="166546" spans="14:14">
      <c r="N166546" s="10"/>
    </row>
    <row r="166547" spans="14:14">
      <c r="N166547" s="10"/>
    </row>
    <row r="166548" spans="14:14">
      <c r="N166548" s="10"/>
    </row>
    <row r="166549" spans="14:14">
      <c r="N166549" s="10"/>
    </row>
    <row r="166550" spans="14:14">
      <c r="N166550" s="10"/>
    </row>
    <row r="166551" spans="14:14">
      <c r="N166551" s="10"/>
    </row>
    <row r="166552" spans="14:14">
      <c r="N166552" s="10"/>
    </row>
    <row r="166553" spans="14:14">
      <c r="N166553" s="10"/>
    </row>
    <row r="166554" spans="14:14">
      <c r="N166554" s="10"/>
    </row>
    <row r="166555" spans="14:14">
      <c r="N166555" s="10"/>
    </row>
    <row r="166556" spans="14:14">
      <c r="N166556" s="10"/>
    </row>
    <row r="166557" spans="14:14">
      <c r="N166557" s="10"/>
    </row>
    <row r="166558" spans="14:14">
      <c r="N166558" s="10"/>
    </row>
    <row r="166559" spans="14:14">
      <c r="N166559" s="10"/>
    </row>
    <row r="166560" spans="14:14">
      <c r="N166560" s="10"/>
    </row>
    <row r="166561" spans="14:14">
      <c r="N166561" s="10"/>
    </row>
    <row r="166562" spans="14:14">
      <c r="N166562" s="10"/>
    </row>
    <row r="166563" spans="14:14">
      <c r="N166563" s="10"/>
    </row>
    <row r="166564" spans="14:14">
      <c r="N166564" s="10"/>
    </row>
    <row r="166565" spans="14:14">
      <c r="N166565" s="10"/>
    </row>
    <row r="166566" spans="14:14">
      <c r="N166566" s="10"/>
    </row>
    <row r="166567" spans="14:14">
      <c r="N166567" s="10"/>
    </row>
    <row r="166568" spans="14:14">
      <c r="N166568" s="10"/>
    </row>
    <row r="166569" spans="14:14">
      <c r="N166569" s="10"/>
    </row>
    <row r="166570" spans="14:14">
      <c r="N166570" s="10"/>
    </row>
    <row r="166571" spans="14:14">
      <c r="N166571" s="10"/>
    </row>
    <row r="166572" spans="14:14">
      <c r="N166572" s="10"/>
    </row>
    <row r="166573" spans="14:14">
      <c r="N166573" s="10"/>
    </row>
    <row r="166574" spans="14:14">
      <c r="N166574" s="10"/>
    </row>
    <row r="166575" spans="14:14">
      <c r="N166575" s="10"/>
    </row>
    <row r="166576" spans="14:14">
      <c r="N166576" s="10"/>
    </row>
    <row r="166577" spans="14:14">
      <c r="N166577" s="10"/>
    </row>
    <row r="166578" spans="14:14">
      <c r="N166578" s="10"/>
    </row>
    <row r="166579" spans="14:14">
      <c r="N166579" s="10"/>
    </row>
    <row r="166580" spans="14:14">
      <c r="N166580" s="10"/>
    </row>
    <row r="166581" spans="14:14">
      <c r="N166581" s="10"/>
    </row>
    <row r="166582" spans="14:14">
      <c r="N166582" s="10"/>
    </row>
    <row r="166583" spans="14:14">
      <c r="N166583" s="10"/>
    </row>
    <row r="166584" spans="14:14">
      <c r="N166584" s="10"/>
    </row>
    <row r="166585" spans="14:14">
      <c r="N166585" s="10"/>
    </row>
    <row r="166586" spans="14:14">
      <c r="N166586" s="10"/>
    </row>
    <row r="166587" spans="14:14">
      <c r="N166587" s="10"/>
    </row>
    <row r="166588" spans="14:14">
      <c r="N166588" s="10"/>
    </row>
    <row r="166589" spans="14:14">
      <c r="N166589" s="10"/>
    </row>
    <row r="166590" spans="14:14">
      <c r="N166590" s="10"/>
    </row>
    <row r="166591" spans="14:14">
      <c r="N166591" s="10"/>
    </row>
    <row r="166592" spans="14:14">
      <c r="N166592" s="10"/>
    </row>
    <row r="166593" spans="14:14">
      <c r="N166593" s="10"/>
    </row>
    <row r="166594" spans="14:14">
      <c r="N166594" s="10"/>
    </row>
    <row r="166595" spans="14:14">
      <c r="N166595" s="10"/>
    </row>
    <row r="166596" spans="14:14">
      <c r="N166596" s="10"/>
    </row>
    <row r="166597" spans="14:14">
      <c r="N166597" s="10"/>
    </row>
    <row r="166598" spans="14:14">
      <c r="N166598" s="10"/>
    </row>
    <row r="166599" spans="14:14">
      <c r="N166599" s="10"/>
    </row>
    <row r="166600" spans="14:14">
      <c r="N166600" s="10"/>
    </row>
    <row r="166601" spans="14:14">
      <c r="N166601" s="10"/>
    </row>
    <row r="166602" spans="14:14">
      <c r="N166602" s="10"/>
    </row>
    <row r="166603" spans="14:14">
      <c r="N166603" s="10"/>
    </row>
    <row r="166604" spans="14:14">
      <c r="N166604" s="10"/>
    </row>
    <row r="166605" spans="14:14">
      <c r="N166605" s="10"/>
    </row>
    <row r="166606" spans="14:14">
      <c r="N166606" s="10"/>
    </row>
    <row r="166607" spans="14:14">
      <c r="N166607" s="10"/>
    </row>
    <row r="166608" spans="14:14">
      <c r="N166608" s="10"/>
    </row>
    <row r="166609" spans="14:14">
      <c r="N166609" s="10"/>
    </row>
    <row r="166610" spans="14:14">
      <c r="N166610" s="10"/>
    </row>
    <row r="166611" spans="14:14">
      <c r="N166611" s="10"/>
    </row>
    <row r="166612" spans="14:14">
      <c r="N166612" s="10"/>
    </row>
    <row r="166613" spans="14:14">
      <c r="N166613" s="10"/>
    </row>
    <row r="166614" spans="14:14">
      <c r="N166614" s="10"/>
    </row>
    <row r="166615" spans="14:14">
      <c r="N166615" s="10"/>
    </row>
    <row r="166616" spans="14:14">
      <c r="N166616" s="10"/>
    </row>
    <row r="166617" spans="14:14">
      <c r="N166617" s="10"/>
    </row>
    <row r="166618" spans="14:14">
      <c r="N166618" s="10"/>
    </row>
    <row r="166619" spans="14:14">
      <c r="N166619" s="10"/>
    </row>
    <row r="166620" spans="14:14">
      <c r="N166620" s="10"/>
    </row>
    <row r="166621" spans="14:14">
      <c r="N166621" s="10"/>
    </row>
    <row r="166622" spans="14:14">
      <c r="N166622" s="10"/>
    </row>
    <row r="166623" spans="14:14">
      <c r="N166623" s="10"/>
    </row>
    <row r="166624" spans="14:14">
      <c r="N166624" s="10"/>
    </row>
    <row r="166625" spans="14:14">
      <c r="N166625" s="10"/>
    </row>
    <row r="166626" spans="14:14">
      <c r="N166626" s="10"/>
    </row>
    <row r="166627" spans="14:14">
      <c r="N166627" s="10"/>
    </row>
    <row r="166628" spans="14:14">
      <c r="N166628" s="10"/>
    </row>
    <row r="166629" spans="14:14">
      <c r="N166629" s="10"/>
    </row>
    <row r="166630" spans="14:14">
      <c r="N166630" s="10"/>
    </row>
    <row r="166631" spans="14:14">
      <c r="N166631" s="10"/>
    </row>
    <row r="166632" spans="14:14">
      <c r="N166632" s="10"/>
    </row>
    <row r="166633" spans="14:14">
      <c r="N166633" s="10"/>
    </row>
    <row r="166634" spans="14:14">
      <c r="N166634" s="10"/>
    </row>
    <row r="166635" spans="14:14">
      <c r="N166635" s="10"/>
    </row>
    <row r="166636" spans="14:14">
      <c r="N166636" s="10"/>
    </row>
    <row r="166637" spans="14:14">
      <c r="N166637" s="10"/>
    </row>
    <row r="166638" spans="14:14">
      <c r="N166638" s="10"/>
    </row>
    <row r="166639" spans="14:14">
      <c r="N166639" s="10"/>
    </row>
    <row r="166640" spans="14:14">
      <c r="N166640" s="10"/>
    </row>
    <row r="166641" spans="14:14">
      <c r="N166641" s="10"/>
    </row>
    <row r="166642" spans="14:14">
      <c r="N166642" s="10"/>
    </row>
    <row r="166643" spans="14:14">
      <c r="N166643" s="10"/>
    </row>
    <row r="166644" spans="14:14">
      <c r="N166644" s="10"/>
    </row>
    <row r="166645" spans="14:14">
      <c r="N166645" s="10"/>
    </row>
    <row r="166646" spans="14:14">
      <c r="N166646" s="10"/>
    </row>
    <row r="166647" spans="14:14">
      <c r="N166647" s="10"/>
    </row>
    <row r="166648" spans="14:14">
      <c r="N166648" s="10"/>
    </row>
    <row r="166649" spans="14:14">
      <c r="N166649" s="10"/>
    </row>
    <row r="166650" spans="14:14">
      <c r="N166650" s="10"/>
    </row>
    <row r="166651" spans="14:14">
      <c r="N166651" s="10"/>
    </row>
    <row r="166652" spans="14:14">
      <c r="N166652" s="10"/>
    </row>
    <row r="166653" spans="14:14">
      <c r="N166653" s="10"/>
    </row>
    <row r="166654" spans="14:14">
      <c r="N166654" s="10"/>
    </row>
    <row r="166655" spans="14:14">
      <c r="N166655" s="10"/>
    </row>
    <row r="166656" spans="14:14">
      <c r="N166656" s="10"/>
    </row>
    <row r="166657" spans="14:14">
      <c r="N166657" s="10"/>
    </row>
    <row r="166658" spans="14:14">
      <c r="N166658" s="10"/>
    </row>
    <row r="166659" spans="14:14">
      <c r="N166659" s="10"/>
    </row>
    <row r="166660" spans="14:14">
      <c r="N166660" s="10"/>
    </row>
    <row r="166661" spans="14:14">
      <c r="N166661" s="10"/>
    </row>
    <row r="166662" spans="14:14">
      <c r="N166662" s="10"/>
    </row>
    <row r="166663" spans="14:14">
      <c r="N166663" s="10"/>
    </row>
    <row r="166664" spans="14:14">
      <c r="N166664" s="10"/>
    </row>
    <row r="166665" spans="14:14">
      <c r="N166665" s="10"/>
    </row>
    <row r="166666" spans="14:14">
      <c r="N166666" s="10"/>
    </row>
    <row r="166667" spans="14:14">
      <c r="N166667" s="10"/>
    </row>
    <row r="166668" spans="14:14">
      <c r="N166668" s="10"/>
    </row>
    <row r="166669" spans="14:14">
      <c r="N166669" s="10"/>
    </row>
    <row r="166670" spans="14:14">
      <c r="N166670" s="10"/>
    </row>
    <row r="166671" spans="14:14">
      <c r="N166671" s="10"/>
    </row>
    <row r="166672" spans="14:14">
      <c r="N166672" s="10"/>
    </row>
    <row r="166673" spans="14:14">
      <c r="N166673" s="10"/>
    </row>
    <row r="166674" spans="14:14">
      <c r="N166674" s="10"/>
    </row>
    <row r="166675" spans="14:14">
      <c r="N166675" s="10"/>
    </row>
    <row r="166676" spans="14:14">
      <c r="N166676" s="10"/>
    </row>
    <row r="166677" spans="14:14">
      <c r="N166677" s="10"/>
    </row>
    <row r="166678" spans="14:14">
      <c r="N166678" s="10"/>
    </row>
    <row r="166679" spans="14:14">
      <c r="N166679" s="10"/>
    </row>
    <row r="166680" spans="14:14">
      <c r="N166680" s="10"/>
    </row>
    <row r="166681" spans="14:14">
      <c r="N166681" s="10"/>
    </row>
    <row r="166682" spans="14:14">
      <c r="N166682" s="10"/>
    </row>
    <row r="166683" spans="14:14">
      <c r="N166683" s="10"/>
    </row>
    <row r="166684" spans="14:14">
      <c r="N166684" s="10"/>
    </row>
    <row r="166685" spans="14:14">
      <c r="N166685" s="10"/>
    </row>
    <row r="166686" spans="14:14">
      <c r="N166686" s="10"/>
    </row>
    <row r="166687" spans="14:14">
      <c r="N166687" s="10"/>
    </row>
    <row r="166688" spans="14:14">
      <c r="N166688" s="10"/>
    </row>
    <row r="166689" spans="14:14">
      <c r="N166689" s="10"/>
    </row>
    <row r="166690" spans="14:14">
      <c r="N166690" s="10"/>
    </row>
    <row r="166691" spans="14:14">
      <c r="N166691" s="10"/>
    </row>
    <row r="166692" spans="14:14">
      <c r="N166692" s="10"/>
    </row>
    <row r="166693" spans="14:14">
      <c r="N166693" s="10"/>
    </row>
    <row r="166694" spans="14:14">
      <c r="N166694" s="10"/>
    </row>
    <row r="166695" spans="14:14">
      <c r="N166695" s="10"/>
    </row>
    <row r="166696" spans="14:14">
      <c r="N166696" s="10"/>
    </row>
    <row r="166697" spans="14:14">
      <c r="N166697" s="10"/>
    </row>
    <row r="166698" spans="14:14">
      <c r="N166698" s="10"/>
    </row>
    <row r="166699" spans="14:14">
      <c r="N166699" s="10"/>
    </row>
    <row r="166700" spans="14:14">
      <c r="N166700" s="10"/>
    </row>
    <row r="166701" spans="14:14">
      <c r="N166701" s="10"/>
    </row>
    <row r="166702" spans="14:14">
      <c r="N166702" s="10"/>
    </row>
    <row r="166703" spans="14:14">
      <c r="N166703" s="10"/>
    </row>
    <row r="166704" spans="14:14">
      <c r="N166704" s="10"/>
    </row>
    <row r="166705" spans="14:14">
      <c r="N166705" s="10"/>
    </row>
    <row r="166706" spans="14:14">
      <c r="N166706" s="10"/>
    </row>
    <row r="166707" spans="14:14">
      <c r="N166707" s="10"/>
    </row>
    <row r="166708" spans="14:14">
      <c r="N166708" s="10"/>
    </row>
    <row r="166709" spans="14:14">
      <c r="N166709" s="10"/>
    </row>
    <row r="166710" spans="14:14">
      <c r="N166710" s="10"/>
    </row>
    <row r="166711" spans="14:14">
      <c r="N166711" s="10"/>
    </row>
    <row r="166712" spans="14:14">
      <c r="N166712" s="10"/>
    </row>
    <row r="166713" spans="14:14">
      <c r="N166713" s="10"/>
    </row>
    <row r="166714" spans="14:14">
      <c r="N166714" s="10"/>
    </row>
    <row r="166715" spans="14:14">
      <c r="N166715" s="10"/>
    </row>
    <row r="166716" spans="14:14">
      <c r="N166716" s="10"/>
    </row>
    <row r="166717" spans="14:14">
      <c r="N166717" s="10"/>
    </row>
    <row r="166718" spans="14:14">
      <c r="N166718" s="10"/>
    </row>
    <row r="166719" spans="14:14">
      <c r="N166719" s="10"/>
    </row>
    <row r="166720" spans="14:14">
      <c r="N166720" s="10"/>
    </row>
    <row r="166721" spans="14:14">
      <c r="N166721" s="10"/>
    </row>
    <row r="166722" spans="14:14">
      <c r="N166722" s="10"/>
    </row>
    <row r="166723" spans="14:14">
      <c r="N166723" s="10"/>
    </row>
    <row r="166724" spans="14:14">
      <c r="N166724" s="10"/>
    </row>
    <row r="166725" spans="14:14">
      <c r="N166725" s="10"/>
    </row>
    <row r="166726" spans="14:14">
      <c r="N166726" s="10"/>
    </row>
    <row r="166727" spans="14:14">
      <c r="N166727" s="10"/>
    </row>
    <row r="166728" spans="14:14">
      <c r="N166728" s="10"/>
    </row>
    <row r="166729" spans="14:14">
      <c r="N166729" s="10"/>
    </row>
    <row r="166730" spans="14:14">
      <c r="N166730" s="10"/>
    </row>
    <row r="166731" spans="14:14">
      <c r="N166731" s="10"/>
    </row>
    <row r="166732" spans="14:14">
      <c r="N166732" s="10"/>
    </row>
    <row r="166733" spans="14:14">
      <c r="N166733" s="10"/>
    </row>
    <row r="166734" spans="14:14">
      <c r="N166734" s="10"/>
    </row>
    <row r="166735" spans="14:14">
      <c r="N166735" s="10"/>
    </row>
    <row r="166736" spans="14:14">
      <c r="N166736" s="10"/>
    </row>
    <row r="166737" spans="14:14">
      <c r="N166737" s="10"/>
    </row>
    <row r="166738" spans="14:14">
      <c r="N166738" s="10"/>
    </row>
    <row r="166739" spans="14:14">
      <c r="N166739" s="10"/>
    </row>
    <row r="166740" spans="14:14">
      <c r="N166740" s="10"/>
    </row>
    <row r="166741" spans="14:14">
      <c r="N166741" s="10"/>
    </row>
    <row r="166742" spans="14:14">
      <c r="N166742" s="10"/>
    </row>
    <row r="166743" spans="14:14">
      <c r="N166743" s="10"/>
    </row>
    <row r="166744" spans="14:14">
      <c r="N166744" s="10"/>
    </row>
    <row r="166745" spans="14:14">
      <c r="N166745" s="10"/>
    </row>
    <row r="166746" spans="14:14">
      <c r="N166746" s="10"/>
    </row>
    <row r="166747" spans="14:14">
      <c r="N166747" s="10"/>
    </row>
    <row r="166748" spans="14:14">
      <c r="N166748" s="10"/>
    </row>
    <row r="166749" spans="14:14">
      <c r="N166749" s="10"/>
    </row>
    <row r="166750" spans="14:14">
      <c r="N166750" s="10"/>
    </row>
    <row r="166751" spans="14:14">
      <c r="N166751" s="10"/>
    </row>
    <row r="166752" spans="14:14">
      <c r="N166752" s="10"/>
    </row>
    <row r="166753" spans="14:14">
      <c r="N166753" s="10"/>
    </row>
    <row r="166754" spans="14:14">
      <c r="N166754" s="10"/>
    </row>
    <row r="166755" spans="14:14">
      <c r="N166755" s="10"/>
    </row>
    <row r="166756" spans="14:14">
      <c r="N166756" s="10"/>
    </row>
    <row r="166757" spans="14:14">
      <c r="N166757" s="10"/>
    </row>
    <row r="166758" spans="14:14">
      <c r="N166758" s="10"/>
    </row>
    <row r="166759" spans="14:14">
      <c r="N166759" s="10"/>
    </row>
    <row r="166760" spans="14:14">
      <c r="N166760" s="10"/>
    </row>
    <row r="166761" spans="14:14">
      <c r="N166761" s="10"/>
    </row>
    <row r="166762" spans="14:14">
      <c r="N166762" s="10"/>
    </row>
    <row r="166763" spans="14:14">
      <c r="N166763" s="10"/>
    </row>
    <row r="166764" spans="14:14">
      <c r="N166764" s="10"/>
    </row>
    <row r="166765" spans="14:14">
      <c r="N166765" s="10"/>
    </row>
    <row r="166766" spans="14:14">
      <c r="N166766" s="10"/>
    </row>
    <row r="166767" spans="14:14">
      <c r="N166767" s="10"/>
    </row>
    <row r="166768" spans="14:14">
      <c r="N166768" s="10"/>
    </row>
    <row r="166769" spans="14:14">
      <c r="N166769" s="10"/>
    </row>
    <row r="166770" spans="14:14">
      <c r="N166770" s="10"/>
    </row>
    <row r="166771" spans="14:14">
      <c r="N166771" s="10"/>
    </row>
    <row r="166772" spans="14:14">
      <c r="N166772" s="10"/>
    </row>
    <row r="166773" spans="14:14">
      <c r="N166773" s="10"/>
    </row>
    <row r="166774" spans="14:14">
      <c r="N166774" s="10"/>
    </row>
    <row r="166775" spans="14:14">
      <c r="N166775" s="10"/>
    </row>
    <row r="166776" spans="14:14">
      <c r="N166776" s="10"/>
    </row>
    <row r="166777" spans="14:14">
      <c r="N166777" s="10"/>
    </row>
    <row r="166778" spans="14:14">
      <c r="N166778" s="10"/>
    </row>
    <row r="166779" spans="14:14">
      <c r="N166779" s="10"/>
    </row>
    <row r="166780" spans="14:14">
      <c r="N166780" s="10"/>
    </row>
    <row r="166781" spans="14:14">
      <c r="N166781" s="10"/>
    </row>
    <row r="166782" spans="14:14">
      <c r="N166782" s="10"/>
    </row>
    <row r="166783" spans="14:14">
      <c r="N166783" s="10"/>
    </row>
    <row r="166784" spans="14:14">
      <c r="N166784" s="10"/>
    </row>
    <row r="166785" spans="14:14">
      <c r="N166785" s="10"/>
    </row>
    <row r="166786" spans="14:14">
      <c r="N166786" s="10"/>
    </row>
    <row r="166787" spans="14:14">
      <c r="N166787" s="10"/>
    </row>
    <row r="166788" spans="14:14">
      <c r="N166788" s="10"/>
    </row>
    <row r="166789" spans="14:14">
      <c r="N166789" s="10"/>
    </row>
    <row r="166790" spans="14:14">
      <c r="N166790" s="10"/>
    </row>
    <row r="166791" spans="14:14">
      <c r="N166791" s="10"/>
    </row>
    <row r="166792" spans="14:14">
      <c r="N166792" s="10"/>
    </row>
    <row r="166793" spans="14:14">
      <c r="N166793" s="10"/>
    </row>
    <row r="166794" spans="14:14">
      <c r="N166794" s="10"/>
    </row>
    <row r="166795" spans="14:14">
      <c r="N166795" s="10"/>
    </row>
    <row r="166796" spans="14:14">
      <c r="N166796" s="10"/>
    </row>
    <row r="166797" spans="14:14">
      <c r="N166797" s="10"/>
    </row>
    <row r="166798" spans="14:14">
      <c r="N166798" s="10"/>
    </row>
    <row r="166799" spans="14:14">
      <c r="N166799" s="10"/>
    </row>
    <row r="166800" spans="14:14">
      <c r="N166800" s="10"/>
    </row>
    <row r="166801" spans="14:14">
      <c r="N166801" s="10"/>
    </row>
    <row r="166802" spans="14:14">
      <c r="N166802" s="10"/>
    </row>
    <row r="166803" spans="14:14">
      <c r="N166803" s="10"/>
    </row>
    <row r="166804" spans="14:14">
      <c r="N166804" s="10"/>
    </row>
    <row r="166805" spans="14:14">
      <c r="N166805" s="10"/>
    </row>
    <row r="166806" spans="14:14">
      <c r="N166806" s="10"/>
    </row>
    <row r="166807" spans="14:14">
      <c r="N166807" s="10"/>
    </row>
    <row r="166808" spans="14:14">
      <c r="N166808" s="10"/>
    </row>
    <row r="166809" spans="14:14">
      <c r="N166809" s="10"/>
    </row>
    <row r="166810" spans="14:14">
      <c r="N166810" s="10"/>
    </row>
    <row r="166811" spans="14:14">
      <c r="N166811" s="10"/>
    </row>
    <row r="166812" spans="14:14">
      <c r="N166812" s="10"/>
    </row>
    <row r="166813" spans="14:14">
      <c r="N166813" s="10"/>
    </row>
    <row r="166814" spans="14:14">
      <c r="N166814" s="10"/>
    </row>
    <row r="166815" spans="14:14">
      <c r="N166815" s="10"/>
    </row>
    <row r="166816" spans="14:14">
      <c r="N166816" s="10"/>
    </row>
    <row r="166817" spans="14:14">
      <c r="N166817" s="10"/>
    </row>
    <row r="166818" spans="14:14">
      <c r="N166818" s="10"/>
    </row>
    <row r="166819" spans="14:14">
      <c r="N166819" s="10"/>
    </row>
    <row r="166820" spans="14:14">
      <c r="N166820" s="10"/>
    </row>
    <row r="166821" spans="14:14">
      <c r="N166821" s="10"/>
    </row>
    <row r="166822" spans="14:14">
      <c r="N166822" s="10"/>
    </row>
    <row r="166823" spans="14:14">
      <c r="N166823" s="10"/>
    </row>
    <row r="166824" spans="14:14">
      <c r="N166824" s="10"/>
    </row>
    <row r="166825" spans="14:14">
      <c r="N166825" s="10"/>
    </row>
    <row r="166826" spans="14:14">
      <c r="N166826" s="10"/>
    </row>
    <row r="166827" spans="14:14">
      <c r="N166827" s="10"/>
    </row>
    <row r="166828" spans="14:14">
      <c r="N166828" s="10"/>
    </row>
    <row r="166829" spans="14:14">
      <c r="N166829" s="10"/>
    </row>
    <row r="166830" spans="14:14">
      <c r="N166830" s="10"/>
    </row>
    <row r="166831" spans="14:14">
      <c r="N166831" s="10"/>
    </row>
    <row r="166832" spans="14:14">
      <c r="N166832" s="10"/>
    </row>
    <row r="166833" spans="14:14">
      <c r="N166833" s="10"/>
    </row>
    <row r="166834" spans="14:14">
      <c r="N166834" s="10"/>
    </row>
    <row r="166835" spans="14:14">
      <c r="N166835" s="10"/>
    </row>
    <row r="166836" spans="14:14">
      <c r="N166836" s="10"/>
    </row>
    <row r="166837" spans="14:14">
      <c r="N166837" s="10"/>
    </row>
    <row r="166838" spans="14:14">
      <c r="N166838" s="10"/>
    </row>
    <row r="166839" spans="14:14">
      <c r="N166839" s="10"/>
    </row>
    <row r="166840" spans="14:14">
      <c r="N166840" s="10"/>
    </row>
    <row r="166841" spans="14:14">
      <c r="N166841" s="10"/>
    </row>
    <row r="166842" spans="14:14">
      <c r="N166842" s="10"/>
    </row>
    <row r="166843" spans="14:14">
      <c r="N166843" s="10"/>
    </row>
    <row r="166844" spans="14:14">
      <c r="N166844" s="10"/>
    </row>
    <row r="166845" spans="14:14">
      <c r="N166845" s="10"/>
    </row>
    <row r="166846" spans="14:14">
      <c r="N166846" s="10"/>
    </row>
    <row r="166847" spans="14:14">
      <c r="N166847" s="10"/>
    </row>
    <row r="166848" spans="14:14">
      <c r="N166848" s="10"/>
    </row>
    <row r="166849" spans="14:14">
      <c r="N166849" s="10"/>
    </row>
    <row r="166850" spans="14:14">
      <c r="N166850" s="10"/>
    </row>
    <row r="166851" spans="14:14">
      <c r="N166851" s="10"/>
    </row>
    <row r="166852" spans="14:14">
      <c r="N166852" s="10"/>
    </row>
    <row r="166853" spans="14:14">
      <c r="N166853" s="10"/>
    </row>
    <row r="166854" spans="14:14">
      <c r="N166854" s="10"/>
    </row>
    <row r="166855" spans="14:14">
      <c r="N166855" s="10"/>
    </row>
    <row r="166856" spans="14:14">
      <c r="N166856" s="10"/>
    </row>
    <row r="166857" spans="14:14">
      <c r="N166857" s="10"/>
    </row>
    <row r="166858" spans="14:14">
      <c r="N166858" s="10"/>
    </row>
    <row r="166859" spans="14:14">
      <c r="N166859" s="10"/>
    </row>
    <row r="166860" spans="14:14">
      <c r="N166860" s="10"/>
    </row>
    <row r="166861" spans="14:14">
      <c r="N166861" s="10"/>
    </row>
    <row r="166862" spans="14:14">
      <c r="N166862" s="10"/>
    </row>
    <row r="166863" spans="14:14">
      <c r="N166863" s="10"/>
    </row>
    <row r="166864" spans="14:14">
      <c r="N166864" s="10"/>
    </row>
    <row r="166865" spans="14:14">
      <c r="N166865" s="10"/>
    </row>
    <row r="166866" spans="14:14">
      <c r="N166866" s="10"/>
    </row>
    <row r="166867" spans="14:14">
      <c r="N166867" s="10"/>
    </row>
    <row r="166868" spans="14:14">
      <c r="N166868" s="10"/>
    </row>
    <row r="166869" spans="14:14">
      <c r="N166869" s="10"/>
    </row>
    <row r="166870" spans="14:14">
      <c r="N166870" s="10"/>
    </row>
    <row r="166871" spans="14:14">
      <c r="N166871" s="10"/>
    </row>
    <row r="166872" spans="14:14">
      <c r="N166872" s="10"/>
    </row>
    <row r="166873" spans="14:14">
      <c r="N166873" s="10"/>
    </row>
    <row r="166874" spans="14:14">
      <c r="N166874" s="10"/>
    </row>
    <row r="166875" spans="14:14">
      <c r="N166875" s="10"/>
    </row>
    <row r="166876" spans="14:14">
      <c r="N166876" s="10"/>
    </row>
    <row r="166877" spans="14:14">
      <c r="N166877" s="10"/>
    </row>
    <row r="166878" spans="14:14">
      <c r="N166878" s="10"/>
    </row>
    <row r="166879" spans="14:14">
      <c r="N166879" s="10"/>
    </row>
    <row r="166880" spans="14:14">
      <c r="N166880" s="10"/>
    </row>
    <row r="166881" spans="14:14">
      <c r="N166881" s="10"/>
    </row>
    <row r="166882" spans="14:14">
      <c r="N166882" s="10"/>
    </row>
    <row r="166883" spans="14:14">
      <c r="N166883" s="10"/>
    </row>
    <row r="166884" spans="14:14">
      <c r="N166884" s="10"/>
    </row>
    <row r="166885" spans="14:14">
      <c r="N166885" s="10"/>
    </row>
    <row r="166886" spans="14:14">
      <c r="N166886" s="10"/>
    </row>
    <row r="166887" spans="14:14">
      <c r="N166887" s="10"/>
    </row>
    <row r="166888" spans="14:14">
      <c r="N166888" s="10"/>
    </row>
    <row r="166889" spans="14:14">
      <c r="N166889" s="10"/>
    </row>
    <row r="166890" spans="14:14">
      <c r="N166890" s="10"/>
    </row>
    <row r="166891" spans="14:14">
      <c r="N166891" s="10"/>
    </row>
    <row r="166892" spans="14:14">
      <c r="N166892" s="10"/>
    </row>
    <row r="166893" spans="14:14">
      <c r="N166893" s="10"/>
    </row>
    <row r="166894" spans="14:14">
      <c r="N166894" s="10"/>
    </row>
    <row r="166895" spans="14:14">
      <c r="N166895" s="10"/>
    </row>
    <row r="166896" spans="14:14">
      <c r="N166896" s="10"/>
    </row>
    <row r="166897" spans="14:14">
      <c r="N166897" s="10"/>
    </row>
    <row r="166898" spans="14:14">
      <c r="N166898" s="10"/>
    </row>
    <row r="166899" spans="14:14">
      <c r="N166899" s="10"/>
    </row>
    <row r="166900" spans="14:14">
      <c r="N166900" s="10"/>
    </row>
    <row r="166901" spans="14:14">
      <c r="N166901" s="10"/>
    </row>
    <row r="166902" spans="14:14">
      <c r="N166902" s="10"/>
    </row>
    <row r="166903" spans="14:14">
      <c r="N166903" s="10"/>
    </row>
    <row r="166904" spans="14:14">
      <c r="N166904" s="10"/>
    </row>
    <row r="166905" spans="14:14">
      <c r="N166905" s="10"/>
    </row>
    <row r="166906" spans="14:14">
      <c r="N166906" s="10"/>
    </row>
    <row r="166907" spans="14:14">
      <c r="N166907" s="10"/>
    </row>
    <row r="166908" spans="14:14">
      <c r="N166908" s="10"/>
    </row>
    <row r="166909" spans="14:14">
      <c r="N166909" s="10"/>
    </row>
    <row r="166910" spans="14:14">
      <c r="N166910" s="10"/>
    </row>
    <row r="166911" spans="14:14">
      <c r="N166911" s="10"/>
    </row>
    <row r="166912" spans="14:14">
      <c r="N166912" s="10"/>
    </row>
    <row r="166913" spans="14:14">
      <c r="N166913" s="10"/>
    </row>
    <row r="166914" spans="14:14">
      <c r="N166914" s="10"/>
    </row>
    <row r="166915" spans="14:14">
      <c r="N166915" s="10"/>
    </row>
    <row r="166916" spans="14:14">
      <c r="N166916" s="10"/>
    </row>
    <row r="166917" spans="14:14">
      <c r="N166917" s="10"/>
    </row>
    <row r="166918" spans="14:14">
      <c r="N166918" s="10"/>
    </row>
    <row r="166919" spans="14:14">
      <c r="N166919" s="10"/>
    </row>
    <row r="166920" spans="14:14">
      <c r="N166920" s="10"/>
    </row>
    <row r="166921" spans="14:14">
      <c r="N166921" s="10"/>
    </row>
    <row r="166922" spans="14:14">
      <c r="N166922" s="10"/>
    </row>
    <row r="166923" spans="14:14">
      <c r="N166923" s="10"/>
    </row>
    <row r="166924" spans="14:14">
      <c r="N166924" s="10"/>
    </row>
    <row r="166925" spans="14:14">
      <c r="N166925" s="10"/>
    </row>
    <row r="166926" spans="14:14">
      <c r="N166926" s="10"/>
    </row>
    <row r="166927" spans="14:14">
      <c r="N166927" s="10"/>
    </row>
    <row r="166928" spans="14:14">
      <c r="N166928" s="10"/>
    </row>
    <row r="166929" spans="14:14">
      <c r="N166929" s="10"/>
    </row>
    <row r="166930" spans="14:14">
      <c r="N166930" s="10"/>
    </row>
    <row r="166931" spans="14:14">
      <c r="N166931" s="10"/>
    </row>
    <row r="166932" spans="14:14">
      <c r="N166932" s="10"/>
    </row>
    <row r="166933" spans="14:14">
      <c r="N166933" s="10"/>
    </row>
    <row r="166934" spans="14:14">
      <c r="N166934" s="10"/>
    </row>
    <row r="166935" spans="14:14">
      <c r="N166935" s="10"/>
    </row>
    <row r="166936" spans="14:14">
      <c r="N166936" s="10"/>
    </row>
    <row r="166937" spans="14:14">
      <c r="N166937" s="10"/>
    </row>
    <row r="166938" spans="14:14">
      <c r="N166938" s="10"/>
    </row>
    <row r="166939" spans="14:14">
      <c r="N166939" s="10"/>
    </row>
    <row r="166940" spans="14:14">
      <c r="N166940" s="10"/>
    </row>
    <row r="166941" spans="14:14">
      <c r="N166941" s="10"/>
    </row>
    <row r="166942" spans="14:14">
      <c r="N166942" s="10"/>
    </row>
    <row r="166943" spans="14:14">
      <c r="N166943" s="10"/>
    </row>
    <row r="166944" spans="14:14">
      <c r="N166944" s="10"/>
    </row>
    <row r="166945" spans="14:14">
      <c r="N166945" s="10"/>
    </row>
    <row r="166946" spans="14:14">
      <c r="N166946" s="10"/>
    </row>
    <row r="166947" spans="14:14">
      <c r="N166947" s="10"/>
    </row>
    <row r="166948" spans="14:14">
      <c r="N166948" s="10"/>
    </row>
    <row r="166949" spans="14:14">
      <c r="N166949" s="10"/>
    </row>
    <row r="166950" spans="14:14">
      <c r="N166950" s="10"/>
    </row>
    <row r="166951" spans="14:14">
      <c r="N166951" s="10"/>
    </row>
    <row r="166952" spans="14:14">
      <c r="N166952" s="10"/>
    </row>
    <row r="166953" spans="14:14">
      <c r="N166953" s="10"/>
    </row>
    <row r="166954" spans="14:14">
      <c r="N166954" s="10"/>
    </row>
    <row r="166955" spans="14:14">
      <c r="N166955" s="10"/>
    </row>
    <row r="166956" spans="14:14">
      <c r="N166956" s="10"/>
    </row>
    <row r="166957" spans="14:14">
      <c r="N166957" s="10"/>
    </row>
    <row r="166958" spans="14:14">
      <c r="N166958" s="10"/>
    </row>
    <row r="166959" spans="14:14">
      <c r="N166959" s="10"/>
    </row>
    <row r="166960" spans="14:14">
      <c r="N166960" s="10"/>
    </row>
    <row r="166961" spans="14:14">
      <c r="N166961" s="10"/>
    </row>
    <row r="166962" spans="14:14">
      <c r="N166962" s="10"/>
    </row>
    <row r="166963" spans="14:14">
      <c r="N166963" s="10"/>
    </row>
    <row r="166964" spans="14:14">
      <c r="N166964" s="10"/>
    </row>
    <row r="166965" spans="14:14">
      <c r="N166965" s="10"/>
    </row>
    <row r="166966" spans="14:14">
      <c r="N166966" s="10"/>
    </row>
    <row r="166967" spans="14:14">
      <c r="N166967" s="10"/>
    </row>
    <row r="166968" spans="14:14">
      <c r="N166968" s="10"/>
    </row>
    <row r="166969" spans="14:14">
      <c r="N166969" s="10"/>
    </row>
    <row r="166970" spans="14:14">
      <c r="N166970" s="10"/>
    </row>
    <row r="166971" spans="14:14">
      <c r="N166971" s="10"/>
    </row>
    <row r="166972" spans="14:14">
      <c r="N166972" s="10"/>
    </row>
    <row r="166973" spans="14:14">
      <c r="N166973" s="10"/>
    </row>
    <row r="166974" spans="14:14">
      <c r="N166974" s="10"/>
    </row>
    <row r="166975" spans="14:14">
      <c r="N166975" s="10"/>
    </row>
    <row r="166976" spans="14:14">
      <c r="N166976" s="10"/>
    </row>
    <row r="166977" spans="14:14">
      <c r="N166977" s="10"/>
    </row>
    <row r="166978" spans="14:14">
      <c r="N166978" s="10"/>
    </row>
    <row r="166979" spans="14:14">
      <c r="N166979" s="10"/>
    </row>
    <row r="166980" spans="14:14">
      <c r="N166980" s="10"/>
    </row>
    <row r="166981" spans="14:14">
      <c r="N166981" s="10"/>
    </row>
    <row r="166982" spans="14:14">
      <c r="N166982" s="10"/>
    </row>
    <row r="166983" spans="14:14">
      <c r="N166983" s="10"/>
    </row>
    <row r="166984" spans="14:14">
      <c r="N166984" s="10"/>
    </row>
    <row r="166985" spans="14:14">
      <c r="N166985" s="10"/>
    </row>
    <row r="166986" spans="14:14">
      <c r="N166986" s="10"/>
    </row>
    <row r="166987" spans="14:14">
      <c r="N166987" s="10"/>
    </row>
    <row r="166988" spans="14:14">
      <c r="N166988" s="10"/>
    </row>
    <row r="166989" spans="14:14">
      <c r="N166989" s="10"/>
    </row>
    <row r="166990" spans="14:14">
      <c r="N166990" s="10"/>
    </row>
    <row r="166991" spans="14:14">
      <c r="N166991" s="10"/>
    </row>
    <row r="166992" spans="14:14">
      <c r="N166992" s="10"/>
    </row>
    <row r="166993" spans="14:14">
      <c r="N166993" s="10"/>
    </row>
    <row r="166994" spans="14:14">
      <c r="N166994" s="10"/>
    </row>
    <row r="166995" spans="14:14">
      <c r="N166995" s="10"/>
    </row>
    <row r="166996" spans="14:14">
      <c r="N166996" s="10"/>
    </row>
    <row r="166997" spans="14:14">
      <c r="N166997" s="10"/>
    </row>
    <row r="166998" spans="14:14">
      <c r="N166998" s="10"/>
    </row>
    <row r="166999" spans="14:14">
      <c r="N166999" s="10"/>
    </row>
    <row r="167000" spans="14:14">
      <c r="N167000" s="10"/>
    </row>
    <row r="167001" spans="14:14">
      <c r="N167001" s="10"/>
    </row>
    <row r="167002" spans="14:14">
      <c r="N167002" s="10"/>
    </row>
    <row r="167003" spans="14:14">
      <c r="N167003" s="10"/>
    </row>
    <row r="167004" spans="14:14">
      <c r="N167004" s="10"/>
    </row>
    <row r="167005" spans="14:14">
      <c r="N167005" s="10"/>
    </row>
    <row r="167006" spans="14:14">
      <c r="N167006" s="10"/>
    </row>
    <row r="167007" spans="14:14">
      <c r="N167007" s="10"/>
    </row>
    <row r="167008" spans="14:14">
      <c r="N167008" s="10"/>
    </row>
    <row r="167009" spans="14:14">
      <c r="N167009" s="10"/>
    </row>
    <row r="167010" spans="14:14">
      <c r="N167010" s="10"/>
    </row>
    <row r="167011" spans="14:14">
      <c r="N167011" s="10"/>
    </row>
    <row r="167012" spans="14:14">
      <c r="N167012" s="10"/>
    </row>
    <row r="167013" spans="14:14">
      <c r="N167013" s="10"/>
    </row>
    <row r="167014" spans="14:14">
      <c r="N167014" s="10"/>
    </row>
    <row r="167015" spans="14:14">
      <c r="N167015" s="10"/>
    </row>
    <row r="167016" spans="14:14">
      <c r="N167016" s="10"/>
    </row>
    <row r="167017" spans="14:14">
      <c r="N167017" s="10"/>
    </row>
    <row r="167018" spans="14:14">
      <c r="N167018" s="10"/>
    </row>
    <row r="167019" spans="14:14">
      <c r="N167019" s="10"/>
    </row>
    <row r="167020" spans="14:14">
      <c r="N167020" s="10"/>
    </row>
    <row r="167021" spans="14:14">
      <c r="N167021" s="10"/>
    </row>
    <row r="167022" spans="14:14">
      <c r="N167022" s="10"/>
    </row>
    <row r="167023" spans="14:14">
      <c r="N167023" s="10"/>
    </row>
    <row r="167024" spans="14:14">
      <c r="N167024" s="10"/>
    </row>
    <row r="167025" spans="14:14">
      <c r="N167025" s="10"/>
    </row>
    <row r="167026" spans="14:14">
      <c r="N167026" s="10"/>
    </row>
    <row r="167027" spans="14:14">
      <c r="N167027" s="10"/>
    </row>
    <row r="167028" spans="14:14">
      <c r="N167028" s="10"/>
    </row>
    <row r="167029" spans="14:14">
      <c r="N167029" s="10"/>
    </row>
    <row r="167030" spans="14:14">
      <c r="N167030" s="10"/>
    </row>
    <row r="167031" spans="14:14">
      <c r="N167031" s="10"/>
    </row>
    <row r="167032" spans="14:14">
      <c r="N167032" s="10"/>
    </row>
    <row r="167033" spans="14:14">
      <c r="N167033" s="10"/>
    </row>
    <row r="167034" spans="14:14">
      <c r="N167034" s="10"/>
    </row>
    <row r="167035" spans="14:14">
      <c r="N167035" s="10"/>
    </row>
    <row r="167036" spans="14:14">
      <c r="N167036" s="10"/>
    </row>
    <row r="167037" spans="14:14">
      <c r="N167037" s="10"/>
    </row>
    <row r="167038" spans="14:14">
      <c r="N167038" s="10"/>
    </row>
    <row r="167039" spans="14:14">
      <c r="N167039" s="10"/>
    </row>
    <row r="167040" spans="14:14">
      <c r="N167040" s="10"/>
    </row>
    <row r="167041" spans="14:14">
      <c r="N167041" s="10"/>
    </row>
    <row r="167042" spans="14:14">
      <c r="N167042" s="10"/>
    </row>
    <row r="167043" spans="14:14">
      <c r="N167043" s="10"/>
    </row>
    <row r="167044" spans="14:14">
      <c r="N167044" s="10"/>
    </row>
    <row r="167045" spans="14:14">
      <c r="N167045" s="10"/>
    </row>
    <row r="167046" spans="14:14">
      <c r="N167046" s="10"/>
    </row>
    <row r="167047" spans="14:14">
      <c r="N167047" s="10"/>
    </row>
    <row r="167048" spans="14:14">
      <c r="N167048" s="10"/>
    </row>
    <row r="167049" spans="14:14">
      <c r="N167049" s="10"/>
    </row>
    <row r="167050" spans="14:14">
      <c r="N167050" s="10"/>
    </row>
    <row r="167051" spans="14:14">
      <c r="N167051" s="10"/>
    </row>
    <row r="167052" spans="14:14">
      <c r="N167052" s="10"/>
    </row>
    <row r="167053" spans="14:14">
      <c r="N167053" s="10"/>
    </row>
    <row r="167054" spans="14:14">
      <c r="N167054" s="10"/>
    </row>
    <row r="167055" spans="14:14">
      <c r="N167055" s="10"/>
    </row>
    <row r="167056" spans="14:14">
      <c r="N167056" s="10"/>
    </row>
    <row r="167057" spans="14:14">
      <c r="N167057" s="10"/>
    </row>
    <row r="167058" spans="14:14">
      <c r="N167058" s="10"/>
    </row>
    <row r="167059" spans="14:14">
      <c r="N167059" s="10"/>
    </row>
    <row r="167060" spans="14:14">
      <c r="N167060" s="10"/>
    </row>
    <row r="167061" spans="14:14">
      <c r="N167061" s="10"/>
    </row>
    <row r="167062" spans="14:14">
      <c r="N167062" s="10"/>
    </row>
    <row r="167063" spans="14:14">
      <c r="N167063" s="10"/>
    </row>
    <row r="167064" spans="14:14">
      <c r="N167064" s="10"/>
    </row>
    <row r="167065" spans="14:14">
      <c r="N167065" s="10"/>
    </row>
    <row r="167066" spans="14:14">
      <c r="N167066" s="10"/>
    </row>
    <row r="167067" spans="14:14">
      <c r="N167067" s="10"/>
    </row>
    <row r="167068" spans="14:14">
      <c r="N167068" s="10"/>
    </row>
    <row r="167069" spans="14:14">
      <c r="N167069" s="10"/>
    </row>
    <row r="167070" spans="14:14">
      <c r="N167070" s="10"/>
    </row>
    <row r="167071" spans="14:14">
      <c r="N167071" s="10"/>
    </row>
    <row r="167072" spans="14:14">
      <c r="N167072" s="10"/>
    </row>
    <row r="167073" spans="14:14">
      <c r="N167073" s="10"/>
    </row>
    <row r="167074" spans="14:14">
      <c r="N167074" s="10"/>
    </row>
    <row r="167075" spans="14:14">
      <c r="N167075" s="10"/>
    </row>
    <row r="167076" spans="14:14">
      <c r="N167076" s="10"/>
    </row>
    <row r="167077" spans="14:14">
      <c r="N167077" s="10"/>
    </row>
    <row r="167078" spans="14:14">
      <c r="N167078" s="10"/>
    </row>
    <row r="167079" spans="14:14">
      <c r="N167079" s="10"/>
    </row>
    <row r="167080" spans="14:14">
      <c r="N167080" s="10"/>
    </row>
    <row r="167081" spans="14:14">
      <c r="N167081" s="10"/>
    </row>
    <row r="167082" spans="14:14">
      <c r="N167082" s="10"/>
    </row>
    <row r="167083" spans="14:14">
      <c r="N167083" s="10"/>
    </row>
    <row r="167084" spans="14:14">
      <c r="N167084" s="10"/>
    </row>
    <row r="167085" spans="14:14">
      <c r="N167085" s="10"/>
    </row>
    <row r="167086" spans="14:14">
      <c r="N167086" s="10"/>
    </row>
    <row r="167087" spans="14:14">
      <c r="N167087" s="10"/>
    </row>
    <row r="167088" spans="14:14">
      <c r="N167088" s="10"/>
    </row>
    <row r="167089" spans="14:14">
      <c r="N167089" s="10"/>
    </row>
    <row r="167090" spans="14:14">
      <c r="N167090" s="10"/>
    </row>
    <row r="167091" spans="14:14">
      <c r="N167091" s="10"/>
    </row>
    <row r="167092" spans="14:14">
      <c r="N167092" s="10"/>
    </row>
    <row r="167093" spans="14:14">
      <c r="N167093" s="10"/>
    </row>
    <row r="167094" spans="14:14">
      <c r="N167094" s="10"/>
    </row>
    <row r="167095" spans="14:14">
      <c r="N167095" s="10"/>
    </row>
    <row r="167096" spans="14:14">
      <c r="N167096" s="10"/>
    </row>
    <row r="167097" spans="14:14">
      <c r="N167097" s="10"/>
    </row>
    <row r="167098" spans="14:14">
      <c r="N167098" s="10"/>
    </row>
    <row r="167099" spans="14:14">
      <c r="N167099" s="10"/>
    </row>
    <row r="167100" spans="14:14">
      <c r="N167100" s="10"/>
    </row>
    <row r="167101" spans="14:14">
      <c r="N167101" s="10"/>
    </row>
    <row r="167102" spans="14:14">
      <c r="N167102" s="10"/>
    </row>
    <row r="167103" spans="14:14">
      <c r="N167103" s="10"/>
    </row>
    <row r="167104" spans="14:14">
      <c r="N167104" s="10"/>
    </row>
    <row r="167105" spans="14:14">
      <c r="N167105" s="10"/>
    </row>
    <row r="167106" spans="14:14">
      <c r="N167106" s="10"/>
    </row>
    <row r="167107" spans="14:14">
      <c r="N167107" s="10"/>
    </row>
    <row r="167108" spans="14:14">
      <c r="N167108" s="10"/>
    </row>
    <row r="167109" spans="14:14">
      <c r="N167109" s="10"/>
    </row>
    <row r="167110" spans="14:14">
      <c r="N167110" s="10"/>
    </row>
    <row r="167111" spans="14:14">
      <c r="N167111" s="10"/>
    </row>
    <row r="167112" spans="14:14">
      <c r="N167112" s="10"/>
    </row>
    <row r="167113" spans="14:14">
      <c r="N167113" s="10"/>
    </row>
    <row r="167114" spans="14:14">
      <c r="N167114" s="10"/>
    </row>
    <row r="167115" spans="14:14">
      <c r="N167115" s="10"/>
    </row>
    <row r="167116" spans="14:14">
      <c r="N167116" s="10"/>
    </row>
    <row r="167117" spans="14:14">
      <c r="N167117" s="10"/>
    </row>
    <row r="167118" spans="14:14">
      <c r="N167118" s="10"/>
    </row>
    <row r="167119" spans="14:14">
      <c r="N167119" s="10"/>
    </row>
    <row r="167120" spans="14:14">
      <c r="N167120" s="10"/>
    </row>
    <row r="167121" spans="14:14">
      <c r="N167121" s="10"/>
    </row>
    <row r="167122" spans="14:14">
      <c r="N167122" s="10"/>
    </row>
    <row r="167123" spans="14:14">
      <c r="N167123" s="10"/>
    </row>
    <row r="167124" spans="14:14">
      <c r="N167124" s="10"/>
    </row>
    <row r="167125" spans="14:14">
      <c r="N167125" s="10"/>
    </row>
    <row r="167126" spans="14:14">
      <c r="N167126" s="10"/>
    </row>
    <row r="167127" spans="14:14">
      <c r="N167127" s="10"/>
    </row>
    <row r="167128" spans="14:14">
      <c r="N167128" s="10"/>
    </row>
    <row r="167129" spans="14:14">
      <c r="N167129" s="10"/>
    </row>
    <row r="167130" spans="14:14">
      <c r="N167130" s="10"/>
    </row>
    <row r="167131" spans="14:14">
      <c r="N167131" s="10"/>
    </row>
    <row r="167132" spans="14:14">
      <c r="N167132" s="10"/>
    </row>
    <row r="167133" spans="14:14">
      <c r="N167133" s="10"/>
    </row>
    <row r="167134" spans="14:14">
      <c r="N167134" s="10"/>
    </row>
    <row r="167135" spans="14:14">
      <c r="N167135" s="10"/>
    </row>
    <row r="167136" spans="14:14">
      <c r="N167136" s="10"/>
    </row>
    <row r="167137" spans="14:14">
      <c r="N167137" s="10"/>
    </row>
    <row r="167138" spans="14:14">
      <c r="N167138" s="10"/>
    </row>
    <row r="167139" spans="14:14">
      <c r="N167139" s="10"/>
    </row>
    <row r="167140" spans="14:14">
      <c r="N167140" s="10"/>
    </row>
    <row r="167141" spans="14:14">
      <c r="N167141" s="10"/>
    </row>
    <row r="167142" spans="14:14">
      <c r="N167142" s="10"/>
    </row>
    <row r="167143" spans="14:14">
      <c r="N167143" s="10"/>
    </row>
    <row r="167144" spans="14:14">
      <c r="N167144" s="10"/>
    </row>
    <row r="167145" spans="14:14">
      <c r="N167145" s="10"/>
    </row>
    <row r="167146" spans="14:14">
      <c r="N167146" s="10"/>
    </row>
    <row r="167147" spans="14:14">
      <c r="N167147" s="10"/>
    </row>
    <row r="167148" spans="14:14">
      <c r="N167148" s="10"/>
    </row>
    <row r="167149" spans="14:14">
      <c r="N167149" s="10"/>
    </row>
    <row r="167150" spans="14:14">
      <c r="N167150" s="10"/>
    </row>
    <row r="167151" spans="14:14">
      <c r="N167151" s="10"/>
    </row>
    <row r="167152" spans="14:14">
      <c r="N167152" s="10"/>
    </row>
    <row r="167153" spans="14:14">
      <c r="N167153" s="10"/>
    </row>
    <row r="167154" spans="14:14">
      <c r="N167154" s="10"/>
    </row>
    <row r="167155" spans="14:14">
      <c r="N167155" s="10"/>
    </row>
    <row r="167156" spans="14:14">
      <c r="N167156" s="10"/>
    </row>
    <row r="167157" spans="14:14">
      <c r="N167157" s="10"/>
    </row>
    <row r="167158" spans="14:14">
      <c r="N167158" s="10"/>
    </row>
    <row r="167159" spans="14:14">
      <c r="N167159" s="10"/>
    </row>
    <row r="167160" spans="14:14">
      <c r="N167160" s="10"/>
    </row>
    <row r="167161" spans="14:14">
      <c r="N167161" s="10"/>
    </row>
    <row r="167162" spans="14:14">
      <c r="N167162" s="10"/>
    </row>
    <row r="167163" spans="14:14">
      <c r="N167163" s="10"/>
    </row>
    <row r="167164" spans="14:14">
      <c r="N167164" s="10"/>
    </row>
    <row r="167165" spans="14:14">
      <c r="N167165" s="10"/>
    </row>
    <row r="167166" spans="14:14">
      <c r="N167166" s="10"/>
    </row>
    <row r="167167" spans="14:14">
      <c r="N167167" s="10"/>
    </row>
    <row r="167168" spans="14:14">
      <c r="N167168" s="10"/>
    </row>
    <row r="167169" spans="14:14">
      <c r="N167169" s="10"/>
    </row>
    <row r="167170" spans="14:14">
      <c r="N167170" s="10"/>
    </row>
    <row r="167171" spans="14:14">
      <c r="N167171" s="10"/>
    </row>
    <row r="167172" spans="14:14">
      <c r="N167172" s="10"/>
    </row>
    <row r="167173" spans="14:14">
      <c r="N167173" s="10"/>
    </row>
    <row r="167174" spans="14:14">
      <c r="N167174" s="10"/>
    </row>
    <row r="167175" spans="14:14">
      <c r="N167175" s="10"/>
    </row>
    <row r="167176" spans="14:14">
      <c r="N167176" s="10"/>
    </row>
    <row r="167177" spans="14:14">
      <c r="N167177" s="10"/>
    </row>
    <row r="167178" spans="14:14">
      <c r="N167178" s="10"/>
    </row>
    <row r="167179" spans="14:14">
      <c r="N167179" s="10"/>
    </row>
    <row r="167180" spans="14:14">
      <c r="N167180" s="10"/>
    </row>
    <row r="167181" spans="14:14">
      <c r="N167181" s="10"/>
    </row>
    <row r="167182" spans="14:14">
      <c r="N167182" s="10"/>
    </row>
    <row r="167183" spans="14:14">
      <c r="N167183" s="10"/>
    </row>
    <row r="167184" spans="14:14">
      <c r="N167184" s="10"/>
    </row>
    <row r="167185" spans="14:14">
      <c r="N167185" s="10"/>
    </row>
    <row r="167186" spans="14:14">
      <c r="N167186" s="10"/>
    </row>
    <row r="167187" spans="14:14">
      <c r="N167187" s="10"/>
    </row>
    <row r="167188" spans="14:14">
      <c r="N167188" s="10"/>
    </row>
    <row r="167189" spans="14:14">
      <c r="N167189" s="10"/>
    </row>
    <row r="167190" spans="14:14">
      <c r="N167190" s="10"/>
    </row>
    <row r="167191" spans="14:14">
      <c r="N167191" s="10"/>
    </row>
    <row r="167192" spans="14:14">
      <c r="N167192" s="10"/>
    </row>
    <row r="167193" spans="14:14">
      <c r="N167193" s="10"/>
    </row>
    <row r="167194" spans="14:14">
      <c r="N167194" s="10"/>
    </row>
    <row r="167195" spans="14:14">
      <c r="N167195" s="10"/>
    </row>
    <row r="167196" spans="14:14">
      <c r="N167196" s="10"/>
    </row>
    <row r="167197" spans="14:14">
      <c r="N167197" s="10"/>
    </row>
    <row r="167198" spans="14:14">
      <c r="N167198" s="10"/>
    </row>
    <row r="167199" spans="14:14">
      <c r="N167199" s="10"/>
    </row>
    <row r="167200" spans="14:14">
      <c r="N167200" s="10"/>
    </row>
    <row r="167201" spans="14:14">
      <c r="N167201" s="10"/>
    </row>
    <row r="167202" spans="14:14">
      <c r="N167202" s="10"/>
    </row>
    <row r="167203" spans="14:14">
      <c r="N167203" s="10"/>
    </row>
    <row r="167204" spans="14:14">
      <c r="N167204" s="10"/>
    </row>
    <row r="167205" spans="14:14">
      <c r="N167205" s="10"/>
    </row>
    <row r="167206" spans="14:14">
      <c r="N167206" s="10"/>
    </row>
    <row r="167207" spans="14:14">
      <c r="N167207" s="10"/>
    </row>
    <row r="167208" spans="14:14">
      <c r="N167208" s="10"/>
    </row>
    <row r="167209" spans="14:14">
      <c r="N167209" s="10"/>
    </row>
    <row r="167210" spans="14:14">
      <c r="N167210" s="10"/>
    </row>
    <row r="167211" spans="14:14">
      <c r="N167211" s="10"/>
    </row>
    <row r="167212" spans="14:14">
      <c r="N167212" s="10"/>
    </row>
    <row r="167213" spans="14:14">
      <c r="N167213" s="10"/>
    </row>
    <row r="167214" spans="14:14">
      <c r="N167214" s="10"/>
    </row>
    <row r="167215" spans="14:14">
      <c r="N167215" s="10"/>
    </row>
    <row r="167216" spans="14:14">
      <c r="N167216" s="10"/>
    </row>
    <row r="167217" spans="14:14">
      <c r="N167217" s="10"/>
    </row>
    <row r="167218" spans="14:14">
      <c r="N167218" s="10"/>
    </row>
    <row r="167219" spans="14:14">
      <c r="N167219" s="10"/>
    </row>
    <row r="167220" spans="14:14">
      <c r="N167220" s="10"/>
    </row>
    <row r="167221" spans="14:14">
      <c r="N167221" s="10"/>
    </row>
    <row r="167222" spans="14:14">
      <c r="N167222" s="10"/>
    </row>
    <row r="167223" spans="14:14">
      <c r="N167223" s="10"/>
    </row>
    <row r="167224" spans="14:14">
      <c r="N167224" s="10"/>
    </row>
    <row r="167225" spans="14:14">
      <c r="N167225" s="10"/>
    </row>
    <row r="167226" spans="14:14">
      <c r="N167226" s="10"/>
    </row>
    <row r="167227" spans="14:14">
      <c r="N167227" s="10"/>
    </row>
    <row r="167228" spans="14:14">
      <c r="N167228" s="10"/>
    </row>
    <row r="167229" spans="14:14">
      <c r="N167229" s="10"/>
    </row>
    <row r="167230" spans="14:14">
      <c r="N167230" s="10"/>
    </row>
    <row r="167231" spans="14:14">
      <c r="N167231" s="10"/>
    </row>
    <row r="167232" spans="14:14">
      <c r="N167232" s="10"/>
    </row>
    <row r="167233" spans="14:14">
      <c r="N167233" s="10"/>
    </row>
    <row r="167234" spans="14:14">
      <c r="N167234" s="10"/>
    </row>
    <row r="167235" spans="14:14">
      <c r="N167235" s="10"/>
    </row>
    <row r="167236" spans="14:14">
      <c r="N167236" s="10"/>
    </row>
    <row r="167237" spans="14:14">
      <c r="N167237" s="10"/>
    </row>
    <row r="167238" spans="14:14">
      <c r="N167238" s="10"/>
    </row>
    <row r="167239" spans="14:14">
      <c r="N167239" s="10"/>
    </row>
    <row r="167240" spans="14:14">
      <c r="N167240" s="10"/>
    </row>
    <row r="167241" spans="14:14">
      <c r="N167241" s="10"/>
    </row>
    <row r="167242" spans="14:14">
      <c r="N167242" s="10"/>
    </row>
    <row r="167243" spans="14:14">
      <c r="N167243" s="10"/>
    </row>
    <row r="167244" spans="14:14">
      <c r="N167244" s="10"/>
    </row>
    <row r="167245" spans="14:14">
      <c r="N167245" s="10"/>
    </row>
    <row r="167246" spans="14:14">
      <c r="N167246" s="10"/>
    </row>
    <row r="167247" spans="14:14">
      <c r="N167247" s="10"/>
    </row>
    <row r="167248" spans="14:14">
      <c r="N167248" s="10"/>
    </row>
    <row r="167249" spans="14:14">
      <c r="N167249" s="10"/>
    </row>
    <row r="167250" spans="14:14">
      <c r="N167250" s="10"/>
    </row>
    <row r="167251" spans="14:14">
      <c r="N167251" s="10"/>
    </row>
    <row r="167252" spans="14:14">
      <c r="N167252" s="10"/>
    </row>
    <row r="167253" spans="14:14">
      <c r="N167253" s="10"/>
    </row>
    <row r="167254" spans="14:14">
      <c r="N167254" s="10"/>
    </row>
    <row r="167255" spans="14:14">
      <c r="N167255" s="10"/>
    </row>
    <row r="167256" spans="14:14">
      <c r="N167256" s="10"/>
    </row>
    <row r="167257" spans="14:14">
      <c r="N167257" s="10"/>
    </row>
    <row r="167258" spans="14:14">
      <c r="N167258" s="10"/>
    </row>
    <row r="167259" spans="14:14">
      <c r="N167259" s="10"/>
    </row>
    <row r="167260" spans="14:14">
      <c r="N167260" s="10"/>
    </row>
    <row r="167261" spans="14:14">
      <c r="N167261" s="10"/>
    </row>
    <row r="167262" spans="14:14">
      <c r="N167262" s="10"/>
    </row>
    <row r="167263" spans="14:14">
      <c r="N167263" s="10"/>
    </row>
    <row r="167264" spans="14:14">
      <c r="N167264" s="10"/>
    </row>
    <row r="167265" spans="14:14">
      <c r="N167265" s="10"/>
    </row>
    <row r="167266" spans="14:14">
      <c r="N167266" s="10"/>
    </row>
    <row r="167267" spans="14:14">
      <c r="N167267" s="10"/>
    </row>
    <row r="167268" spans="14:14">
      <c r="N167268" s="10"/>
    </row>
    <row r="167269" spans="14:14">
      <c r="N167269" s="10"/>
    </row>
    <row r="167270" spans="14:14">
      <c r="N167270" s="10"/>
    </row>
    <row r="167271" spans="14:14">
      <c r="N167271" s="10"/>
    </row>
    <row r="167272" spans="14:14">
      <c r="N167272" s="10"/>
    </row>
    <row r="167273" spans="14:14">
      <c r="N167273" s="10"/>
    </row>
    <row r="167274" spans="14:14">
      <c r="N167274" s="10"/>
    </row>
    <row r="167275" spans="14:14">
      <c r="N167275" s="10"/>
    </row>
    <row r="167276" spans="14:14">
      <c r="N167276" s="10"/>
    </row>
    <row r="167277" spans="14:14">
      <c r="N167277" s="10"/>
    </row>
    <row r="167278" spans="14:14">
      <c r="N167278" s="10"/>
    </row>
    <row r="167279" spans="14:14">
      <c r="N167279" s="10"/>
    </row>
    <row r="167280" spans="14:14">
      <c r="N167280" s="10"/>
    </row>
    <row r="167281" spans="14:14">
      <c r="N167281" s="10"/>
    </row>
    <row r="167282" spans="14:14">
      <c r="N167282" s="10"/>
    </row>
    <row r="167283" spans="14:14">
      <c r="N167283" s="10"/>
    </row>
    <row r="167284" spans="14:14">
      <c r="N167284" s="10"/>
    </row>
    <row r="167285" spans="14:14">
      <c r="N167285" s="10"/>
    </row>
    <row r="167286" spans="14:14">
      <c r="N167286" s="10"/>
    </row>
    <row r="167287" spans="14:14">
      <c r="N167287" s="10"/>
    </row>
    <row r="167288" spans="14:14">
      <c r="N167288" s="10"/>
    </row>
    <row r="167289" spans="14:14">
      <c r="N167289" s="10"/>
    </row>
    <row r="167290" spans="14:14">
      <c r="N167290" s="10"/>
    </row>
    <row r="167291" spans="14:14">
      <c r="N167291" s="10"/>
    </row>
    <row r="167292" spans="14:14">
      <c r="N167292" s="10"/>
    </row>
    <row r="167293" spans="14:14">
      <c r="N167293" s="10"/>
    </row>
    <row r="167294" spans="14:14">
      <c r="N167294" s="10"/>
    </row>
    <row r="167295" spans="14:14">
      <c r="N167295" s="10"/>
    </row>
    <row r="167296" spans="14:14">
      <c r="N167296" s="10"/>
    </row>
    <row r="167297" spans="14:14">
      <c r="N167297" s="10"/>
    </row>
    <row r="167298" spans="14:14">
      <c r="N167298" s="10"/>
    </row>
    <row r="167299" spans="14:14">
      <c r="N167299" s="10"/>
    </row>
    <row r="167300" spans="14:14">
      <c r="N167300" s="10"/>
    </row>
    <row r="167301" spans="14:14">
      <c r="N167301" s="10"/>
    </row>
    <row r="167302" spans="14:14">
      <c r="N167302" s="10"/>
    </row>
    <row r="167303" spans="14:14">
      <c r="N167303" s="10"/>
    </row>
    <row r="167304" spans="14:14">
      <c r="N167304" s="10"/>
    </row>
    <row r="167305" spans="14:14">
      <c r="N167305" s="10"/>
    </row>
    <row r="167306" spans="14:14">
      <c r="N167306" s="10"/>
    </row>
    <row r="167307" spans="14:14">
      <c r="N167307" s="10"/>
    </row>
    <row r="167308" spans="14:14">
      <c r="N167308" s="10"/>
    </row>
    <row r="167309" spans="14:14">
      <c r="N167309" s="10"/>
    </row>
    <row r="167310" spans="14:14">
      <c r="N167310" s="10"/>
    </row>
    <row r="167311" spans="14:14">
      <c r="N167311" s="10"/>
    </row>
    <row r="167312" spans="14:14">
      <c r="N167312" s="10"/>
    </row>
    <row r="167313" spans="14:14">
      <c r="N167313" s="10"/>
    </row>
    <row r="167314" spans="14:14">
      <c r="N167314" s="10"/>
    </row>
    <row r="167315" spans="14:14">
      <c r="N167315" s="10"/>
    </row>
    <row r="167316" spans="14:14">
      <c r="N167316" s="10"/>
    </row>
    <row r="167317" spans="14:14">
      <c r="N167317" s="10"/>
    </row>
    <row r="167318" spans="14:14">
      <c r="N167318" s="10"/>
    </row>
    <row r="167319" spans="14:14">
      <c r="N167319" s="10"/>
    </row>
    <row r="167320" spans="14:14">
      <c r="N167320" s="10"/>
    </row>
    <row r="167321" spans="14:14">
      <c r="N167321" s="10"/>
    </row>
    <row r="167322" spans="14:14">
      <c r="N167322" s="10"/>
    </row>
    <row r="167323" spans="14:14">
      <c r="N167323" s="10"/>
    </row>
    <row r="167324" spans="14:14">
      <c r="N167324" s="10"/>
    </row>
    <row r="167325" spans="14:14">
      <c r="N167325" s="10"/>
    </row>
    <row r="167326" spans="14:14">
      <c r="N167326" s="10"/>
    </row>
    <row r="167327" spans="14:14">
      <c r="N167327" s="10"/>
    </row>
    <row r="167328" spans="14:14">
      <c r="N167328" s="10"/>
    </row>
    <row r="167329" spans="14:14">
      <c r="N167329" s="10"/>
    </row>
    <row r="167330" spans="14:14">
      <c r="N167330" s="10"/>
    </row>
    <row r="167331" spans="14:14">
      <c r="N167331" s="10"/>
    </row>
    <row r="167332" spans="14:14">
      <c r="N167332" s="10"/>
    </row>
    <row r="167333" spans="14:14">
      <c r="N167333" s="10"/>
    </row>
    <row r="167334" spans="14:14">
      <c r="N167334" s="10"/>
    </row>
    <row r="167335" spans="14:14">
      <c r="N167335" s="10"/>
    </row>
    <row r="167336" spans="14:14">
      <c r="N167336" s="10"/>
    </row>
    <row r="167337" spans="14:14">
      <c r="N167337" s="10"/>
    </row>
    <row r="167338" spans="14:14">
      <c r="N167338" s="10"/>
    </row>
    <row r="167339" spans="14:14">
      <c r="N167339" s="10"/>
    </row>
    <row r="167340" spans="14:14">
      <c r="N167340" s="10"/>
    </row>
    <row r="167341" spans="14:14">
      <c r="N167341" s="10"/>
    </row>
    <row r="167342" spans="14:14">
      <c r="N167342" s="10"/>
    </row>
    <row r="167343" spans="14:14">
      <c r="N167343" s="10"/>
    </row>
    <row r="167344" spans="14:14">
      <c r="N167344" s="10"/>
    </row>
    <row r="167345" spans="14:14">
      <c r="N167345" s="10"/>
    </row>
    <row r="167346" spans="14:14">
      <c r="N167346" s="10"/>
    </row>
    <row r="167347" spans="14:14">
      <c r="N167347" s="10"/>
    </row>
    <row r="167348" spans="14:14">
      <c r="N167348" s="10"/>
    </row>
    <row r="167349" spans="14:14">
      <c r="N167349" s="10"/>
    </row>
    <row r="167350" spans="14:14">
      <c r="N167350" s="10"/>
    </row>
    <row r="167351" spans="14:14">
      <c r="N167351" s="10"/>
    </row>
    <row r="167352" spans="14:14">
      <c r="N167352" s="10"/>
    </row>
    <row r="167353" spans="14:14">
      <c r="N167353" s="10"/>
    </row>
    <row r="167354" spans="14:14">
      <c r="N167354" s="10"/>
    </row>
    <row r="167355" spans="14:14">
      <c r="N167355" s="10"/>
    </row>
    <row r="167356" spans="14:14">
      <c r="N167356" s="10"/>
    </row>
    <row r="167357" spans="14:14">
      <c r="N167357" s="10"/>
    </row>
    <row r="167358" spans="14:14">
      <c r="N167358" s="10"/>
    </row>
    <row r="167359" spans="14:14">
      <c r="N167359" s="10"/>
    </row>
    <row r="167360" spans="14:14">
      <c r="N167360" s="10"/>
    </row>
    <row r="167361" spans="14:14">
      <c r="N167361" s="10"/>
    </row>
    <row r="167362" spans="14:14">
      <c r="N167362" s="10"/>
    </row>
    <row r="167363" spans="14:14">
      <c r="N167363" s="10"/>
    </row>
    <row r="167364" spans="14:14">
      <c r="N167364" s="10"/>
    </row>
    <row r="167365" spans="14:14">
      <c r="N167365" s="10"/>
    </row>
    <row r="167366" spans="14:14">
      <c r="N167366" s="10"/>
    </row>
    <row r="167367" spans="14:14">
      <c r="N167367" s="10"/>
    </row>
    <row r="167368" spans="14:14">
      <c r="N167368" s="10"/>
    </row>
    <row r="167369" spans="14:14">
      <c r="N167369" s="10"/>
    </row>
    <row r="167370" spans="14:14">
      <c r="N167370" s="10"/>
    </row>
    <row r="167371" spans="14:14">
      <c r="N167371" s="10"/>
    </row>
    <row r="167372" spans="14:14">
      <c r="N167372" s="10"/>
    </row>
    <row r="167373" spans="14:14">
      <c r="N167373" s="10"/>
    </row>
    <row r="167374" spans="14:14">
      <c r="N167374" s="10"/>
    </row>
    <row r="167375" spans="14:14">
      <c r="N167375" s="10"/>
    </row>
    <row r="167376" spans="14:14">
      <c r="N167376" s="10"/>
    </row>
    <row r="167377" spans="14:14">
      <c r="N167377" s="10"/>
    </row>
    <row r="167378" spans="14:14">
      <c r="N167378" s="10"/>
    </row>
    <row r="167379" spans="14:14">
      <c r="N167379" s="10"/>
    </row>
    <row r="167380" spans="14:14">
      <c r="N167380" s="10"/>
    </row>
    <row r="167381" spans="14:14">
      <c r="N167381" s="10"/>
    </row>
    <row r="167382" spans="14:14">
      <c r="N167382" s="10"/>
    </row>
    <row r="167383" spans="14:14">
      <c r="N167383" s="10"/>
    </row>
    <row r="167384" spans="14:14">
      <c r="N167384" s="10"/>
    </row>
    <row r="167385" spans="14:14">
      <c r="N167385" s="10"/>
    </row>
    <row r="167386" spans="14:14">
      <c r="N167386" s="10"/>
    </row>
    <row r="167387" spans="14:14">
      <c r="N167387" s="10"/>
    </row>
    <row r="167388" spans="14:14">
      <c r="N167388" s="10"/>
    </row>
    <row r="167389" spans="14:14">
      <c r="N167389" s="10"/>
    </row>
    <row r="167390" spans="14:14">
      <c r="N167390" s="10"/>
    </row>
    <row r="167391" spans="14:14">
      <c r="N167391" s="10"/>
    </row>
    <row r="167392" spans="14:14">
      <c r="N167392" s="10"/>
    </row>
    <row r="167393" spans="14:14">
      <c r="N167393" s="10"/>
    </row>
    <row r="167394" spans="14:14">
      <c r="N167394" s="10"/>
    </row>
    <row r="167395" spans="14:14">
      <c r="N167395" s="10"/>
    </row>
    <row r="167396" spans="14:14">
      <c r="N167396" s="10"/>
    </row>
    <row r="167397" spans="14:14">
      <c r="N167397" s="10"/>
    </row>
    <row r="167398" spans="14:14">
      <c r="N167398" s="10"/>
    </row>
    <row r="167399" spans="14:14">
      <c r="N167399" s="10"/>
    </row>
    <row r="167400" spans="14:14">
      <c r="N167400" s="10"/>
    </row>
    <row r="167401" spans="14:14">
      <c r="N167401" s="10"/>
    </row>
    <row r="167402" spans="14:14">
      <c r="N167402" s="10"/>
    </row>
    <row r="167403" spans="14:14">
      <c r="N167403" s="10"/>
    </row>
    <row r="167404" spans="14:14">
      <c r="N167404" s="10"/>
    </row>
    <row r="167405" spans="14:14">
      <c r="N167405" s="10"/>
    </row>
    <row r="167406" spans="14:14">
      <c r="N167406" s="10"/>
    </row>
    <row r="167407" spans="14:14">
      <c r="N167407" s="10"/>
    </row>
    <row r="167408" spans="14:14">
      <c r="N167408" s="10"/>
    </row>
    <row r="167409" spans="14:14">
      <c r="N167409" s="10"/>
    </row>
    <row r="167410" spans="14:14">
      <c r="N167410" s="10"/>
    </row>
    <row r="167411" spans="14:14">
      <c r="N167411" s="10"/>
    </row>
    <row r="167412" spans="14:14">
      <c r="N167412" s="10"/>
    </row>
    <row r="167413" spans="14:14">
      <c r="N167413" s="10"/>
    </row>
    <row r="167414" spans="14:14">
      <c r="N167414" s="10"/>
    </row>
    <row r="167415" spans="14:14">
      <c r="N167415" s="10"/>
    </row>
    <row r="167416" spans="14:14">
      <c r="N167416" s="10"/>
    </row>
    <row r="167417" spans="14:14">
      <c r="N167417" s="10"/>
    </row>
    <row r="167418" spans="14:14">
      <c r="N167418" s="10"/>
    </row>
    <row r="167419" spans="14:14">
      <c r="N167419" s="10"/>
    </row>
    <row r="167420" spans="14:14">
      <c r="N167420" s="10"/>
    </row>
    <row r="167421" spans="14:14">
      <c r="N167421" s="10"/>
    </row>
    <row r="167422" spans="14:14">
      <c r="N167422" s="10"/>
    </row>
    <row r="167423" spans="14:14">
      <c r="N167423" s="10"/>
    </row>
    <row r="167424" spans="14:14">
      <c r="N167424" s="10"/>
    </row>
    <row r="167425" spans="14:14">
      <c r="N167425" s="10"/>
    </row>
    <row r="167426" spans="14:14">
      <c r="N167426" s="10"/>
    </row>
    <row r="167427" spans="14:14">
      <c r="N167427" s="10"/>
    </row>
    <row r="167428" spans="14:14">
      <c r="N167428" s="10"/>
    </row>
    <row r="167429" spans="14:14">
      <c r="N167429" s="10"/>
    </row>
    <row r="167430" spans="14:14">
      <c r="N167430" s="10"/>
    </row>
    <row r="167431" spans="14:14">
      <c r="N167431" s="10"/>
    </row>
    <row r="167432" spans="14:14">
      <c r="N167432" s="10"/>
    </row>
    <row r="167433" spans="14:14">
      <c r="N167433" s="10"/>
    </row>
    <row r="167434" spans="14:14">
      <c r="N167434" s="10"/>
    </row>
    <row r="167435" spans="14:14">
      <c r="N167435" s="10"/>
    </row>
    <row r="167436" spans="14:14">
      <c r="N167436" s="10"/>
    </row>
    <row r="167437" spans="14:14">
      <c r="N167437" s="10"/>
    </row>
    <row r="167438" spans="14:14">
      <c r="N167438" s="10"/>
    </row>
    <row r="167439" spans="14:14">
      <c r="N167439" s="10"/>
    </row>
    <row r="167440" spans="14:14">
      <c r="N167440" s="10"/>
    </row>
    <row r="167441" spans="14:14">
      <c r="N167441" s="10"/>
    </row>
    <row r="167442" spans="14:14">
      <c r="N167442" s="10"/>
    </row>
    <row r="167443" spans="14:14">
      <c r="N167443" s="10"/>
    </row>
    <row r="167444" spans="14:14">
      <c r="N167444" s="10"/>
    </row>
    <row r="167445" spans="14:14">
      <c r="N167445" s="10"/>
    </row>
    <row r="167446" spans="14:14">
      <c r="N167446" s="10"/>
    </row>
    <row r="167447" spans="14:14">
      <c r="N167447" s="10"/>
    </row>
    <row r="167448" spans="14:14">
      <c r="N167448" s="10"/>
    </row>
    <row r="167449" spans="14:14">
      <c r="N167449" s="10"/>
    </row>
    <row r="167450" spans="14:14">
      <c r="N167450" s="10"/>
    </row>
    <row r="167451" spans="14:14">
      <c r="N167451" s="10"/>
    </row>
    <row r="167452" spans="14:14">
      <c r="N167452" s="10"/>
    </row>
    <row r="167453" spans="14:14">
      <c r="N167453" s="10"/>
    </row>
    <row r="167454" spans="14:14">
      <c r="N167454" s="10"/>
    </row>
    <row r="167455" spans="14:14">
      <c r="N167455" s="10"/>
    </row>
    <row r="167456" spans="14:14">
      <c r="N167456" s="10"/>
    </row>
    <row r="167457" spans="14:14">
      <c r="N167457" s="10"/>
    </row>
    <row r="167458" spans="14:14">
      <c r="N167458" s="10"/>
    </row>
    <row r="167459" spans="14:14">
      <c r="N167459" s="10"/>
    </row>
    <row r="167460" spans="14:14">
      <c r="N167460" s="10"/>
    </row>
    <row r="167461" spans="14:14">
      <c r="N167461" s="10"/>
    </row>
    <row r="167462" spans="14:14">
      <c r="N167462" s="10"/>
    </row>
    <row r="167463" spans="14:14">
      <c r="N167463" s="10"/>
    </row>
    <row r="167464" spans="14:14">
      <c r="N167464" s="10"/>
    </row>
    <row r="167465" spans="14:14">
      <c r="N167465" s="10"/>
    </row>
    <row r="167466" spans="14:14">
      <c r="N167466" s="10"/>
    </row>
    <row r="167467" spans="14:14">
      <c r="N167467" s="10"/>
    </row>
    <row r="167468" spans="14:14">
      <c r="N167468" s="10"/>
    </row>
    <row r="167469" spans="14:14">
      <c r="N167469" s="10"/>
    </row>
    <row r="167470" spans="14:14">
      <c r="N167470" s="10"/>
    </row>
    <row r="167471" spans="14:14">
      <c r="N167471" s="10"/>
    </row>
    <row r="167472" spans="14:14">
      <c r="N167472" s="10"/>
    </row>
    <row r="167473" spans="14:14">
      <c r="N167473" s="10"/>
    </row>
    <row r="167474" spans="14:14">
      <c r="N167474" s="10"/>
    </row>
    <row r="167475" spans="14:14">
      <c r="N167475" s="10"/>
    </row>
    <row r="167476" spans="14:14">
      <c r="N167476" s="10"/>
    </row>
    <row r="167477" spans="14:14">
      <c r="N167477" s="10"/>
    </row>
    <row r="167478" spans="14:14">
      <c r="N167478" s="10"/>
    </row>
    <row r="167479" spans="14:14">
      <c r="N167479" s="10"/>
    </row>
    <row r="167480" spans="14:14">
      <c r="N167480" s="10"/>
    </row>
    <row r="167481" spans="14:14">
      <c r="N167481" s="10"/>
    </row>
    <row r="167482" spans="14:14">
      <c r="N167482" s="10"/>
    </row>
    <row r="167483" spans="14:14">
      <c r="N167483" s="10"/>
    </row>
    <row r="167484" spans="14:14">
      <c r="N167484" s="10"/>
    </row>
    <row r="167485" spans="14:14">
      <c r="N167485" s="10"/>
    </row>
    <row r="167486" spans="14:14">
      <c r="N167486" s="10"/>
    </row>
    <row r="167487" spans="14:14">
      <c r="N167487" s="10"/>
    </row>
    <row r="167488" spans="14:14">
      <c r="N167488" s="10"/>
    </row>
    <row r="167489" spans="14:14">
      <c r="N167489" s="10"/>
    </row>
    <row r="167490" spans="14:14">
      <c r="N167490" s="10"/>
    </row>
    <row r="167491" spans="14:14">
      <c r="N167491" s="10"/>
    </row>
    <row r="167492" spans="14:14">
      <c r="N167492" s="10"/>
    </row>
    <row r="167493" spans="14:14">
      <c r="N167493" s="10"/>
    </row>
    <row r="167494" spans="14:14">
      <c r="N167494" s="10"/>
    </row>
    <row r="167495" spans="14:14">
      <c r="N167495" s="10"/>
    </row>
    <row r="167496" spans="14:14">
      <c r="N167496" s="10"/>
    </row>
    <row r="167497" spans="14:14">
      <c r="N167497" s="10"/>
    </row>
    <row r="167498" spans="14:14">
      <c r="N167498" s="10"/>
    </row>
    <row r="167499" spans="14:14">
      <c r="N167499" s="10"/>
    </row>
    <row r="167500" spans="14:14">
      <c r="N167500" s="10"/>
    </row>
    <row r="167501" spans="14:14">
      <c r="N167501" s="10"/>
    </row>
    <row r="167502" spans="14:14">
      <c r="N167502" s="10"/>
    </row>
    <row r="167503" spans="14:14">
      <c r="N167503" s="10"/>
    </row>
    <row r="167504" spans="14:14">
      <c r="N167504" s="10"/>
    </row>
    <row r="167505" spans="14:14">
      <c r="N167505" s="10"/>
    </row>
    <row r="167506" spans="14:14">
      <c r="N167506" s="10"/>
    </row>
    <row r="167507" spans="14:14">
      <c r="N167507" s="10"/>
    </row>
    <row r="167508" spans="14:14">
      <c r="N167508" s="10"/>
    </row>
    <row r="167509" spans="14:14">
      <c r="N167509" s="10"/>
    </row>
    <row r="167510" spans="14:14">
      <c r="N167510" s="10"/>
    </row>
    <row r="167511" spans="14:14">
      <c r="N167511" s="10"/>
    </row>
    <row r="167512" spans="14:14">
      <c r="N167512" s="10"/>
    </row>
    <row r="167513" spans="14:14">
      <c r="N167513" s="10"/>
    </row>
    <row r="167514" spans="14:14">
      <c r="N167514" s="10"/>
    </row>
    <row r="167515" spans="14:14">
      <c r="N167515" s="10"/>
    </row>
    <row r="167516" spans="14:14">
      <c r="N167516" s="10"/>
    </row>
    <row r="167517" spans="14:14">
      <c r="N167517" s="10"/>
    </row>
    <row r="167518" spans="14:14">
      <c r="N167518" s="10"/>
    </row>
    <row r="167519" spans="14:14">
      <c r="N167519" s="10"/>
    </row>
    <row r="167520" spans="14:14">
      <c r="N167520" s="10"/>
    </row>
    <row r="167521" spans="14:14">
      <c r="N167521" s="10"/>
    </row>
    <row r="167522" spans="14:14">
      <c r="N167522" s="10"/>
    </row>
    <row r="167523" spans="14:14">
      <c r="N167523" s="10"/>
    </row>
    <row r="167524" spans="14:14">
      <c r="N167524" s="10"/>
    </row>
    <row r="167525" spans="14:14">
      <c r="N167525" s="10"/>
    </row>
    <row r="167526" spans="14:14">
      <c r="N167526" s="10"/>
    </row>
    <row r="167527" spans="14:14">
      <c r="N167527" s="10"/>
    </row>
    <row r="167528" spans="14:14">
      <c r="N167528" s="10"/>
    </row>
    <row r="167529" spans="14:14">
      <c r="N167529" s="10"/>
    </row>
    <row r="167530" spans="14:14">
      <c r="N167530" s="10"/>
    </row>
    <row r="167531" spans="14:14">
      <c r="N167531" s="10"/>
    </row>
    <row r="167532" spans="14:14">
      <c r="N167532" s="10"/>
    </row>
    <row r="167533" spans="14:14">
      <c r="N167533" s="10"/>
    </row>
    <row r="167534" spans="14:14">
      <c r="N167534" s="10"/>
    </row>
    <row r="167535" spans="14:14">
      <c r="N167535" s="10"/>
    </row>
    <row r="167536" spans="14:14">
      <c r="N167536" s="10"/>
    </row>
    <row r="167537" spans="14:14">
      <c r="N167537" s="10"/>
    </row>
    <row r="167538" spans="14:14">
      <c r="N167538" s="10"/>
    </row>
    <row r="167539" spans="14:14">
      <c r="N167539" s="10"/>
    </row>
    <row r="167540" spans="14:14">
      <c r="N167540" s="10"/>
    </row>
    <row r="167541" spans="14:14">
      <c r="N167541" s="10"/>
    </row>
    <row r="167542" spans="14:14">
      <c r="N167542" s="10"/>
    </row>
    <row r="167543" spans="14:14">
      <c r="N167543" s="10"/>
    </row>
    <row r="167544" spans="14:14">
      <c r="N167544" s="10"/>
    </row>
    <row r="167545" spans="14:14">
      <c r="N167545" s="10"/>
    </row>
    <row r="167546" spans="14:14">
      <c r="N167546" s="10"/>
    </row>
    <row r="167547" spans="14:14">
      <c r="N167547" s="10"/>
    </row>
    <row r="167548" spans="14:14">
      <c r="N167548" s="10"/>
    </row>
    <row r="167549" spans="14:14">
      <c r="N167549" s="10"/>
    </row>
    <row r="167550" spans="14:14">
      <c r="N167550" s="10"/>
    </row>
    <row r="167551" spans="14:14">
      <c r="N167551" s="10"/>
    </row>
    <row r="167552" spans="14:14">
      <c r="N167552" s="10"/>
    </row>
    <row r="167553" spans="14:14">
      <c r="N167553" s="10"/>
    </row>
    <row r="167554" spans="14:14">
      <c r="N167554" s="10"/>
    </row>
    <row r="167555" spans="14:14">
      <c r="N167555" s="10"/>
    </row>
    <row r="167556" spans="14:14">
      <c r="N167556" s="10"/>
    </row>
    <row r="167557" spans="14:14">
      <c r="N167557" s="10"/>
    </row>
    <row r="167558" spans="14:14">
      <c r="N167558" s="10"/>
    </row>
    <row r="167559" spans="14:14">
      <c r="N167559" s="10"/>
    </row>
    <row r="167560" spans="14:14">
      <c r="N167560" s="10"/>
    </row>
    <row r="167561" spans="14:14">
      <c r="N167561" s="10"/>
    </row>
    <row r="167562" spans="14:14">
      <c r="N167562" s="10"/>
    </row>
    <row r="167563" spans="14:14">
      <c r="N167563" s="10"/>
    </row>
    <row r="167564" spans="14:14">
      <c r="N167564" s="10"/>
    </row>
    <row r="167565" spans="14:14">
      <c r="N167565" s="10"/>
    </row>
    <row r="167566" spans="14:14">
      <c r="N167566" s="10"/>
    </row>
    <row r="167567" spans="14:14">
      <c r="N167567" s="10"/>
    </row>
    <row r="167568" spans="14:14">
      <c r="N167568" s="10"/>
    </row>
    <row r="167569" spans="14:14">
      <c r="N167569" s="10"/>
    </row>
    <row r="167570" spans="14:14">
      <c r="N167570" s="10"/>
    </row>
    <row r="167571" spans="14:14">
      <c r="N167571" s="10"/>
    </row>
    <row r="167572" spans="14:14">
      <c r="N167572" s="10"/>
    </row>
    <row r="167573" spans="14:14">
      <c r="N167573" s="10"/>
    </row>
    <row r="167574" spans="14:14">
      <c r="N167574" s="10"/>
    </row>
    <row r="167575" spans="14:14">
      <c r="N167575" s="10"/>
    </row>
    <row r="167576" spans="14:14">
      <c r="N167576" s="10"/>
    </row>
    <row r="167577" spans="14:14">
      <c r="N167577" s="10"/>
    </row>
    <row r="167578" spans="14:14">
      <c r="N167578" s="10"/>
    </row>
    <row r="167579" spans="14:14">
      <c r="N167579" s="10"/>
    </row>
    <row r="167580" spans="14:14">
      <c r="N167580" s="10"/>
    </row>
    <row r="167581" spans="14:14">
      <c r="N167581" s="10"/>
    </row>
    <row r="167582" spans="14:14">
      <c r="N167582" s="10"/>
    </row>
    <row r="167583" spans="14:14">
      <c r="N167583" s="10"/>
    </row>
    <row r="167584" spans="14:14">
      <c r="N167584" s="10"/>
    </row>
    <row r="167585" spans="14:14">
      <c r="N167585" s="10"/>
    </row>
    <row r="167586" spans="14:14">
      <c r="N167586" s="10"/>
    </row>
    <row r="167587" spans="14:14">
      <c r="N167587" s="10"/>
    </row>
    <row r="167588" spans="14:14">
      <c r="N167588" s="10"/>
    </row>
    <row r="167589" spans="14:14">
      <c r="N167589" s="10"/>
    </row>
    <row r="167590" spans="14:14">
      <c r="N167590" s="10"/>
    </row>
    <row r="167591" spans="14:14">
      <c r="N167591" s="10"/>
    </row>
    <row r="167592" spans="14:14">
      <c r="N167592" s="10"/>
    </row>
    <row r="167593" spans="14:14">
      <c r="N167593" s="10"/>
    </row>
    <row r="167594" spans="14:14">
      <c r="N167594" s="10"/>
    </row>
    <row r="167595" spans="14:14">
      <c r="N167595" s="10"/>
    </row>
    <row r="167596" spans="14:14">
      <c r="N167596" s="10"/>
    </row>
    <row r="167597" spans="14:14">
      <c r="N167597" s="10"/>
    </row>
    <row r="167598" spans="14:14">
      <c r="N167598" s="10"/>
    </row>
    <row r="167599" spans="14:14">
      <c r="N167599" s="10"/>
    </row>
    <row r="167600" spans="14:14">
      <c r="N167600" s="10"/>
    </row>
    <row r="167601" spans="14:14">
      <c r="N167601" s="10"/>
    </row>
    <row r="167602" spans="14:14">
      <c r="N167602" s="10"/>
    </row>
    <row r="167603" spans="14:14">
      <c r="N167603" s="10"/>
    </row>
    <row r="167604" spans="14:14">
      <c r="N167604" s="10"/>
    </row>
    <row r="167605" spans="14:14">
      <c r="N167605" s="10"/>
    </row>
    <row r="167606" spans="14:14">
      <c r="N167606" s="10"/>
    </row>
    <row r="167607" spans="14:14">
      <c r="N167607" s="10"/>
    </row>
    <row r="167608" spans="14:14">
      <c r="N167608" s="10"/>
    </row>
    <row r="167609" spans="14:14">
      <c r="N167609" s="10"/>
    </row>
    <row r="167610" spans="14:14">
      <c r="N167610" s="10"/>
    </row>
    <row r="167611" spans="14:14">
      <c r="N167611" s="10"/>
    </row>
    <row r="167612" spans="14:14">
      <c r="N167612" s="10"/>
    </row>
    <row r="167613" spans="14:14">
      <c r="N167613" s="10"/>
    </row>
    <row r="167614" spans="14:14">
      <c r="N167614" s="10"/>
    </row>
    <row r="167615" spans="14:14">
      <c r="N167615" s="10"/>
    </row>
    <row r="167616" spans="14:14">
      <c r="N167616" s="10"/>
    </row>
    <row r="167617" spans="14:14">
      <c r="N167617" s="10"/>
    </row>
    <row r="167618" spans="14:14">
      <c r="N167618" s="10"/>
    </row>
    <row r="167619" spans="14:14">
      <c r="N167619" s="10"/>
    </row>
    <row r="167620" spans="14:14">
      <c r="N167620" s="10"/>
    </row>
    <row r="167621" spans="14:14">
      <c r="N167621" s="10"/>
    </row>
    <row r="167622" spans="14:14">
      <c r="N167622" s="10"/>
    </row>
    <row r="167623" spans="14:14">
      <c r="N167623" s="10"/>
    </row>
    <row r="167624" spans="14:14">
      <c r="N167624" s="10"/>
    </row>
    <row r="167625" spans="14:14">
      <c r="N167625" s="10"/>
    </row>
    <row r="167626" spans="14:14">
      <c r="N167626" s="10"/>
    </row>
    <row r="167627" spans="14:14">
      <c r="N167627" s="10"/>
    </row>
    <row r="167628" spans="14:14">
      <c r="N167628" s="10"/>
    </row>
    <row r="167629" spans="14:14">
      <c r="N167629" s="10"/>
    </row>
    <row r="167630" spans="14:14">
      <c r="N167630" s="10"/>
    </row>
    <row r="167631" spans="14:14">
      <c r="N167631" s="10"/>
    </row>
    <row r="167632" spans="14:14">
      <c r="N167632" s="10"/>
    </row>
    <row r="167633" spans="14:14">
      <c r="N167633" s="10"/>
    </row>
    <row r="167634" spans="14:14">
      <c r="N167634" s="10"/>
    </row>
    <row r="167635" spans="14:14">
      <c r="N167635" s="10"/>
    </row>
    <row r="167636" spans="14:14">
      <c r="N167636" s="10"/>
    </row>
    <row r="167637" spans="14:14">
      <c r="N167637" s="10"/>
    </row>
    <row r="167638" spans="14:14">
      <c r="N167638" s="10"/>
    </row>
    <row r="167639" spans="14:14">
      <c r="N167639" s="10"/>
    </row>
    <row r="167640" spans="14:14">
      <c r="N167640" s="10"/>
    </row>
    <row r="167641" spans="14:14">
      <c r="N167641" s="10"/>
    </row>
    <row r="167642" spans="14:14">
      <c r="N167642" s="10"/>
    </row>
    <row r="167643" spans="14:14">
      <c r="N167643" s="10"/>
    </row>
    <row r="167644" spans="14:14">
      <c r="N167644" s="10"/>
    </row>
    <row r="167645" spans="14:14">
      <c r="N167645" s="10"/>
    </row>
    <row r="167646" spans="14:14">
      <c r="N167646" s="10"/>
    </row>
    <row r="167647" spans="14:14">
      <c r="N167647" s="10"/>
    </row>
    <row r="167648" spans="14:14">
      <c r="N167648" s="10"/>
    </row>
    <row r="167649" spans="14:14">
      <c r="N167649" s="10"/>
    </row>
    <row r="167650" spans="14:14">
      <c r="N167650" s="10"/>
    </row>
    <row r="167651" spans="14:14">
      <c r="N167651" s="10"/>
    </row>
    <row r="167652" spans="14:14">
      <c r="N167652" s="10"/>
    </row>
    <row r="167653" spans="14:14">
      <c r="N167653" s="10"/>
    </row>
    <row r="167654" spans="14:14">
      <c r="N167654" s="10"/>
    </row>
    <row r="167655" spans="14:14">
      <c r="N167655" s="10"/>
    </row>
    <row r="167656" spans="14:14">
      <c r="N167656" s="10"/>
    </row>
    <row r="167657" spans="14:14">
      <c r="N167657" s="10"/>
    </row>
    <row r="167658" spans="14:14">
      <c r="N167658" s="10"/>
    </row>
    <row r="167659" spans="14:14">
      <c r="N167659" s="10"/>
    </row>
    <row r="167660" spans="14:14">
      <c r="N167660" s="10"/>
    </row>
    <row r="167661" spans="14:14">
      <c r="N167661" s="10"/>
    </row>
    <row r="167662" spans="14:14">
      <c r="N167662" s="10"/>
    </row>
    <row r="167663" spans="14:14">
      <c r="N167663" s="10"/>
    </row>
    <row r="167664" spans="14:14">
      <c r="N167664" s="10"/>
    </row>
    <row r="167665" spans="14:14">
      <c r="N167665" s="10"/>
    </row>
    <row r="167666" spans="14:14">
      <c r="N167666" s="10"/>
    </row>
    <row r="167667" spans="14:14">
      <c r="N167667" s="10"/>
    </row>
    <row r="167668" spans="14:14">
      <c r="N167668" s="10"/>
    </row>
    <row r="167669" spans="14:14">
      <c r="N167669" s="10"/>
    </row>
    <row r="167670" spans="14:14">
      <c r="N167670" s="10"/>
    </row>
    <row r="167671" spans="14:14">
      <c r="N167671" s="10"/>
    </row>
    <row r="167672" spans="14:14">
      <c r="N167672" s="10"/>
    </row>
    <row r="167673" spans="14:14">
      <c r="N167673" s="10"/>
    </row>
    <row r="167674" spans="14:14">
      <c r="N167674" s="10"/>
    </row>
    <row r="167675" spans="14:14">
      <c r="N167675" s="10"/>
    </row>
    <row r="167676" spans="14:14">
      <c r="N167676" s="10"/>
    </row>
    <row r="167677" spans="14:14">
      <c r="N167677" s="10"/>
    </row>
    <row r="167678" spans="14:14">
      <c r="N167678" s="10"/>
    </row>
    <row r="167679" spans="14:14">
      <c r="N167679" s="10"/>
    </row>
    <row r="167680" spans="14:14">
      <c r="N167680" s="10"/>
    </row>
    <row r="167681" spans="14:14">
      <c r="N167681" s="10"/>
    </row>
    <row r="167682" spans="14:14">
      <c r="N167682" s="10"/>
    </row>
    <row r="167683" spans="14:14">
      <c r="N167683" s="10"/>
    </row>
    <row r="167684" spans="14:14">
      <c r="N167684" s="10"/>
    </row>
    <row r="167685" spans="14:14">
      <c r="N167685" s="10"/>
    </row>
    <row r="167686" spans="14:14">
      <c r="N167686" s="10"/>
    </row>
    <row r="167687" spans="14:14">
      <c r="N167687" s="10"/>
    </row>
    <row r="167688" spans="14:14">
      <c r="N167688" s="10"/>
    </row>
    <row r="167689" spans="14:14">
      <c r="N167689" s="10"/>
    </row>
    <row r="167690" spans="14:14">
      <c r="N167690" s="10"/>
    </row>
    <row r="167691" spans="14:14">
      <c r="N167691" s="10"/>
    </row>
    <row r="167692" spans="14:14">
      <c r="N167692" s="10"/>
    </row>
    <row r="167693" spans="14:14">
      <c r="N167693" s="10"/>
    </row>
    <row r="167694" spans="14:14">
      <c r="N167694" s="10"/>
    </row>
    <row r="167695" spans="14:14">
      <c r="N167695" s="10"/>
    </row>
    <row r="167696" spans="14:14">
      <c r="N167696" s="10"/>
    </row>
    <row r="167697" spans="14:14">
      <c r="N167697" s="10"/>
    </row>
    <row r="167698" spans="14:14">
      <c r="N167698" s="10"/>
    </row>
    <row r="167699" spans="14:14">
      <c r="N167699" s="10"/>
    </row>
    <row r="167700" spans="14:14">
      <c r="N167700" s="10"/>
    </row>
    <row r="167701" spans="14:14">
      <c r="N167701" s="10"/>
    </row>
    <row r="167702" spans="14:14">
      <c r="N167702" s="10"/>
    </row>
    <row r="167703" spans="14:14">
      <c r="N167703" s="10"/>
    </row>
    <row r="167704" spans="14:14">
      <c r="N167704" s="10"/>
    </row>
    <row r="167705" spans="14:14">
      <c r="N167705" s="10"/>
    </row>
    <row r="167706" spans="14:14">
      <c r="N167706" s="10"/>
    </row>
    <row r="167707" spans="14:14">
      <c r="N167707" s="10"/>
    </row>
    <row r="167708" spans="14:14">
      <c r="N167708" s="10"/>
    </row>
    <row r="167709" spans="14:14">
      <c r="N167709" s="10"/>
    </row>
    <row r="167710" spans="14:14">
      <c r="N167710" s="10"/>
    </row>
    <row r="167711" spans="14:14">
      <c r="N167711" s="10"/>
    </row>
    <row r="167712" spans="14:14">
      <c r="N167712" s="10"/>
    </row>
    <row r="167713" spans="14:14">
      <c r="N167713" s="10"/>
    </row>
    <row r="167714" spans="14:14">
      <c r="N167714" s="10"/>
    </row>
    <row r="167715" spans="14:14">
      <c r="N167715" s="10"/>
    </row>
    <row r="167716" spans="14:14">
      <c r="N167716" s="10"/>
    </row>
    <row r="167717" spans="14:14">
      <c r="N167717" s="10"/>
    </row>
    <row r="167718" spans="14:14">
      <c r="N167718" s="10"/>
    </row>
    <row r="167719" spans="14:14">
      <c r="N167719" s="10"/>
    </row>
    <row r="167720" spans="14:14">
      <c r="N167720" s="10"/>
    </row>
    <row r="167721" spans="14:14">
      <c r="N167721" s="10"/>
    </row>
    <row r="167722" spans="14:14">
      <c r="N167722" s="10"/>
    </row>
    <row r="167723" spans="14:14">
      <c r="N167723" s="10"/>
    </row>
    <row r="167724" spans="14:14">
      <c r="N167724" s="10"/>
    </row>
    <row r="167725" spans="14:14">
      <c r="N167725" s="10"/>
    </row>
    <row r="167726" spans="14:14">
      <c r="N167726" s="10"/>
    </row>
    <row r="167727" spans="14:14">
      <c r="N167727" s="10"/>
    </row>
    <row r="167728" spans="14:14">
      <c r="N167728" s="10"/>
    </row>
    <row r="167729" spans="14:14">
      <c r="N167729" s="10"/>
    </row>
    <row r="167730" spans="14:14">
      <c r="N167730" s="10"/>
    </row>
    <row r="167731" spans="14:14">
      <c r="N167731" s="10"/>
    </row>
    <row r="167732" spans="14:14">
      <c r="N167732" s="10"/>
    </row>
    <row r="167733" spans="14:14">
      <c r="N167733" s="10"/>
    </row>
    <row r="167734" spans="14:14">
      <c r="N167734" s="10"/>
    </row>
    <row r="167735" spans="14:14">
      <c r="N167735" s="10"/>
    </row>
    <row r="167736" spans="14:14">
      <c r="N167736" s="10"/>
    </row>
    <row r="167737" spans="14:14">
      <c r="N167737" s="10"/>
    </row>
    <row r="167738" spans="14:14">
      <c r="N167738" s="10"/>
    </row>
    <row r="167739" spans="14:14">
      <c r="N167739" s="10"/>
    </row>
    <row r="167740" spans="14:14">
      <c r="N167740" s="10"/>
    </row>
    <row r="167741" spans="14:14">
      <c r="N167741" s="10"/>
    </row>
    <row r="167742" spans="14:14">
      <c r="N167742" s="10"/>
    </row>
    <row r="167743" spans="14:14">
      <c r="N167743" s="10"/>
    </row>
    <row r="167744" spans="14:14">
      <c r="N167744" s="10"/>
    </row>
    <row r="167745" spans="14:14">
      <c r="N167745" s="10"/>
    </row>
    <row r="167746" spans="14:14">
      <c r="N167746" s="10"/>
    </row>
    <row r="167747" spans="14:14">
      <c r="N167747" s="10"/>
    </row>
    <row r="167748" spans="14:14">
      <c r="N167748" s="10"/>
    </row>
    <row r="167749" spans="14:14">
      <c r="N167749" s="10"/>
    </row>
    <row r="167750" spans="14:14">
      <c r="N167750" s="10"/>
    </row>
    <row r="167751" spans="14:14">
      <c r="N167751" s="10"/>
    </row>
    <row r="167752" spans="14:14">
      <c r="N167752" s="10"/>
    </row>
    <row r="167753" spans="14:14">
      <c r="N167753" s="10"/>
    </row>
    <row r="167754" spans="14:14">
      <c r="N167754" s="10"/>
    </row>
    <row r="167755" spans="14:14">
      <c r="N167755" s="10"/>
    </row>
    <row r="167756" spans="14:14">
      <c r="N167756" s="10"/>
    </row>
    <row r="167757" spans="14:14">
      <c r="N167757" s="10"/>
    </row>
    <row r="167758" spans="14:14">
      <c r="N167758" s="10"/>
    </row>
    <row r="167759" spans="14:14">
      <c r="N167759" s="10"/>
    </row>
    <row r="167760" spans="14:14">
      <c r="N167760" s="10"/>
    </row>
    <row r="167761" spans="14:14">
      <c r="N167761" s="10"/>
    </row>
    <row r="167762" spans="14:14">
      <c r="N167762" s="10"/>
    </row>
    <row r="167763" spans="14:14">
      <c r="N167763" s="10"/>
    </row>
    <row r="167764" spans="14:14">
      <c r="N167764" s="10"/>
    </row>
    <row r="167765" spans="14:14">
      <c r="N167765" s="10"/>
    </row>
    <row r="167766" spans="14:14">
      <c r="N167766" s="10"/>
    </row>
    <row r="167767" spans="14:14">
      <c r="N167767" s="10"/>
    </row>
    <row r="167768" spans="14:14">
      <c r="N167768" s="10"/>
    </row>
    <row r="167769" spans="14:14">
      <c r="N167769" s="10"/>
    </row>
    <row r="167770" spans="14:14">
      <c r="N167770" s="10"/>
    </row>
    <row r="167771" spans="14:14">
      <c r="N167771" s="10"/>
    </row>
    <row r="167772" spans="14:14">
      <c r="N167772" s="10"/>
    </row>
    <row r="167773" spans="14:14">
      <c r="N167773" s="10"/>
    </row>
    <row r="167774" spans="14:14">
      <c r="N167774" s="10"/>
    </row>
    <row r="167775" spans="14:14">
      <c r="N167775" s="10"/>
    </row>
    <row r="167776" spans="14:14">
      <c r="N167776" s="10"/>
    </row>
    <row r="167777" spans="14:14">
      <c r="N167777" s="10"/>
    </row>
    <row r="167778" spans="14:14">
      <c r="N167778" s="10"/>
    </row>
    <row r="167779" spans="14:14">
      <c r="N167779" s="10"/>
    </row>
    <row r="167780" spans="14:14">
      <c r="N167780" s="10"/>
    </row>
    <row r="167781" spans="14:14">
      <c r="N167781" s="10"/>
    </row>
    <row r="167782" spans="14:14">
      <c r="N167782" s="10"/>
    </row>
    <row r="167783" spans="14:14">
      <c r="N167783" s="10"/>
    </row>
    <row r="167784" spans="14:14">
      <c r="N167784" s="10"/>
    </row>
    <row r="167785" spans="14:14">
      <c r="N167785" s="10"/>
    </row>
    <row r="167786" spans="14:14">
      <c r="N167786" s="10"/>
    </row>
    <row r="167787" spans="14:14">
      <c r="N167787" s="10"/>
    </row>
    <row r="167788" spans="14:14">
      <c r="N167788" s="10"/>
    </row>
    <row r="167789" spans="14:14">
      <c r="N167789" s="10"/>
    </row>
    <row r="167790" spans="14:14">
      <c r="N167790" s="10"/>
    </row>
    <row r="167791" spans="14:14">
      <c r="N167791" s="10"/>
    </row>
    <row r="167792" spans="14:14">
      <c r="N167792" s="10"/>
    </row>
    <row r="167793" spans="14:14">
      <c r="N167793" s="10"/>
    </row>
    <row r="167794" spans="14:14">
      <c r="N167794" s="10"/>
    </row>
    <row r="167795" spans="14:14">
      <c r="N167795" s="10"/>
    </row>
    <row r="167796" spans="14:14">
      <c r="N167796" s="10"/>
    </row>
    <row r="167797" spans="14:14">
      <c r="N167797" s="10"/>
    </row>
    <row r="167798" spans="14:14">
      <c r="N167798" s="10"/>
    </row>
    <row r="167799" spans="14:14">
      <c r="N167799" s="10"/>
    </row>
    <row r="167800" spans="14:14">
      <c r="N167800" s="10"/>
    </row>
    <row r="167801" spans="14:14">
      <c r="N167801" s="10"/>
    </row>
    <row r="167802" spans="14:14">
      <c r="N167802" s="10"/>
    </row>
    <row r="167803" spans="14:14">
      <c r="N167803" s="10"/>
    </row>
    <row r="167804" spans="14:14">
      <c r="N167804" s="10"/>
    </row>
    <row r="167805" spans="14:14">
      <c r="N167805" s="10"/>
    </row>
    <row r="167806" spans="14:14">
      <c r="N167806" s="10"/>
    </row>
    <row r="167807" spans="14:14">
      <c r="N167807" s="10"/>
    </row>
    <row r="167808" spans="14:14">
      <c r="N167808" s="10"/>
    </row>
    <row r="167809" spans="14:14">
      <c r="N167809" s="10"/>
    </row>
    <row r="167810" spans="14:14">
      <c r="N167810" s="10"/>
    </row>
    <row r="167811" spans="14:14">
      <c r="N167811" s="10"/>
    </row>
    <row r="167812" spans="14:14">
      <c r="N167812" s="10"/>
    </row>
    <row r="167813" spans="14:14">
      <c r="N167813" s="10"/>
    </row>
    <row r="167814" spans="14:14">
      <c r="N167814" s="10"/>
    </row>
    <row r="167815" spans="14:14">
      <c r="N167815" s="10"/>
    </row>
    <row r="167816" spans="14:14">
      <c r="N167816" s="10"/>
    </row>
    <row r="167817" spans="14:14">
      <c r="N167817" s="10"/>
    </row>
    <row r="167818" spans="14:14">
      <c r="N167818" s="10"/>
    </row>
    <row r="167819" spans="14:14">
      <c r="N167819" s="10"/>
    </row>
    <row r="167820" spans="14:14">
      <c r="N167820" s="10"/>
    </row>
    <row r="167821" spans="14:14">
      <c r="N167821" s="10"/>
    </row>
    <row r="167822" spans="14:14">
      <c r="N167822" s="10"/>
    </row>
    <row r="167823" spans="14:14">
      <c r="N167823" s="10"/>
    </row>
    <row r="167824" spans="14:14">
      <c r="N167824" s="10"/>
    </row>
    <row r="167825" spans="14:14">
      <c r="N167825" s="10"/>
    </row>
    <row r="167826" spans="14:14">
      <c r="N167826" s="10"/>
    </row>
    <row r="167827" spans="14:14">
      <c r="N167827" s="10"/>
    </row>
    <row r="167828" spans="14:14">
      <c r="N167828" s="10"/>
    </row>
    <row r="167829" spans="14:14">
      <c r="N167829" s="10"/>
    </row>
    <row r="167830" spans="14:14">
      <c r="N167830" s="10"/>
    </row>
    <row r="167831" spans="14:14">
      <c r="N167831" s="10"/>
    </row>
    <row r="167832" spans="14:14">
      <c r="N167832" s="10"/>
    </row>
    <row r="167833" spans="14:14">
      <c r="N167833" s="10"/>
    </row>
    <row r="167834" spans="14:14">
      <c r="N167834" s="10"/>
    </row>
    <row r="167835" spans="14:14">
      <c r="N167835" s="10"/>
    </row>
    <row r="167836" spans="14:14">
      <c r="N167836" s="10"/>
    </row>
    <row r="167837" spans="14:14">
      <c r="N167837" s="10"/>
    </row>
    <row r="167838" spans="14:14">
      <c r="N167838" s="10"/>
    </row>
    <row r="167839" spans="14:14">
      <c r="N167839" s="10"/>
    </row>
    <row r="167840" spans="14:14">
      <c r="N167840" s="10"/>
    </row>
    <row r="167841" spans="14:14">
      <c r="N167841" s="10"/>
    </row>
    <row r="167842" spans="14:14">
      <c r="N167842" s="10"/>
    </row>
    <row r="167843" spans="14:14">
      <c r="N167843" s="10"/>
    </row>
    <row r="167844" spans="14:14">
      <c r="N167844" s="10"/>
    </row>
    <row r="167845" spans="14:14">
      <c r="N167845" s="10"/>
    </row>
    <row r="167846" spans="14:14">
      <c r="N167846" s="10"/>
    </row>
    <row r="167847" spans="14:14">
      <c r="N167847" s="10"/>
    </row>
    <row r="167848" spans="14:14">
      <c r="N167848" s="10"/>
    </row>
    <row r="167849" spans="14:14">
      <c r="N167849" s="10"/>
    </row>
    <row r="167850" spans="14:14">
      <c r="N167850" s="10"/>
    </row>
    <row r="167851" spans="14:14">
      <c r="N167851" s="10"/>
    </row>
    <row r="167852" spans="14:14">
      <c r="N167852" s="10"/>
    </row>
    <row r="167853" spans="14:14">
      <c r="N167853" s="10"/>
    </row>
    <row r="167854" spans="14:14">
      <c r="N167854" s="10"/>
    </row>
    <row r="167855" spans="14:14">
      <c r="N167855" s="10"/>
    </row>
    <row r="167856" spans="14:14">
      <c r="N167856" s="10"/>
    </row>
    <row r="167857" spans="14:14">
      <c r="N167857" s="10"/>
    </row>
    <row r="167858" spans="14:14">
      <c r="N167858" s="10"/>
    </row>
    <row r="167859" spans="14:14">
      <c r="N167859" s="10"/>
    </row>
    <row r="167860" spans="14:14">
      <c r="N167860" s="10"/>
    </row>
    <row r="167861" spans="14:14">
      <c r="N167861" s="10"/>
    </row>
    <row r="167862" spans="14:14">
      <c r="N167862" s="10"/>
    </row>
    <row r="167863" spans="14:14">
      <c r="N167863" s="10"/>
    </row>
    <row r="167864" spans="14:14">
      <c r="N167864" s="10"/>
    </row>
    <row r="167865" spans="14:14">
      <c r="N167865" s="10"/>
    </row>
    <row r="167866" spans="14:14">
      <c r="N167866" s="10"/>
    </row>
    <row r="167867" spans="14:14">
      <c r="N167867" s="10"/>
    </row>
    <row r="167868" spans="14:14">
      <c r="N167868" s="10"/>
    </row>
    <row r="167869" spans="14:14">
      <c r="N167869" s="10"/>
    </row>
    <row r="167870" spans="14:14">
      <c r="N167870" s="10"/>
    </row>
    <row r="167871" spans="14:14">
      <c r="N167871" s="10"/>
    </row>
    <row r="167872" spans="14:14">
      <c r="N167872" s="10"/>
    </row>
    <row r="167873" spans="14:14">
      <c r="N167873" s="10"/>
    </row>
    <row r="167874" spans="14:14">
      <c r="N167874" s="10"/>
    </row>
    <row r="167875" spans="14:14">
      <c r="N167875" s="10"/>
    </row>
    <row r="167876" spans="14:14">
      <c r="N167876" s="10"/>
    </row>
    <row r="167877" spans="14:14">
      <c r="N167877" s="10"/>
    </row>
    <row r="167878" spans="14:14">
      <c r="N167878" s="10"/>
    </row>
    <row r="167879" spans="14:14">
      <c r="N167879" s="10"/>
    </row>
    <row r="167880" spans="14:14">
      <c r="N167880" s="10"/>
    </row>
    <row r="167881" spans="14:14">
      <c r="N167881" s="10"/>
    </row>
    <row r="167882" spans="14:14">
      <c r="N167882" s="10"/>
    </row>
    <row r="167883" spans="14:14">
      <c r="N167883" s="10"/>
    </row>
    <row r="167884" spans="14:14">
      <c r="N167884" s="10"/>
    </row>
    <row r="167885" spans="14:14">
      <c r="N167885" s="10"/>
    </row>
    <row r="167886" spans="14:14">
      <c r="N167886" s="10"/>
    </row>
    <row r="167887" spans="14:14">
      <c r="N167887" s="10"/>
    </row>
    <row r="167888" spans="14:14">
      <c r="N167888" s="10"/>
    </row>
    <row r="167889" spans="14:14">
      <c r="N167889" s="10"/>
    </row>
    <row r="167890" spans="14:14">
      <c r="N167890" s="10"/>
    </row>
    <row r="167891" spans="14:14">
      <c r="N167891" s="10"/>
    </row>
    <row r="167892" spans="14:14">
      <c r="N167892" s="10"/>
    </row>
    <row r="167893" spans="14:14">
      <c r="N167893" s="10"/>
    </row>
    <row r="167894" spans="14:14">
      <c r="N167894" s="10"/>
    </row>
    <row r="167895" spans="14:14">
      <c r="N167895" s="10"/>
    </row>
    <row r="167896" spans="14:14">
      <c r="N167896" s="10"/>
    </row>
    <row r="167897" spans="14:14">
      <c r="N167897" s="10"/>
    </row>
    <row r="167898" spans="14:14">
      <c r="N167898" s="10"/>
    </row>
    <row r="167899" spans="14:14">
      <c r="N167899" s="10"/>
    </row>
    <row r="167900" spans="14:14">
      <c r="N167900" s="10"/>
    </row>
    <row r="167901" spans="14:14">
      <c r="N167901" s="10"/>
    </row>
    <row r="167902" spans="14:14">
      <c r="N167902" s="10"/>
    </row>
    <row r="167903" spans="14:14">
      <c r="N167903" s="10"/>
    </row>
    <row r="167904" spans="14:14">
      <c r="N167904" s="10"/>
    </row>
    <row r="167905" spans="14:14">
      <c r="N167905" s="10"/>
    </row>
    <row r="167906" spans="14:14">
      <c r="N167906" s="10"/>
    </row>
    <row r="167907" spans="14:14">
      <c r="N167907" s="10"/>
    </row>
    <row r="167908" spans="14:14">
      <c r="N167908" s="10"/>
    </row>
    <row r="167909" spans="14:14">
      <c r="N167909" s="10"/>
    </row>
    <row r="167910" spans="14:14">
      <c r="N167910" s="10"/>
    </row>
    <row r="167911" spans="14:14">
      <c r="N167911" s="10"/>
    </row>
    <row r="167912" spans="14:14">
      <c r="N167912" s="10"/>
    </row>
    <row r="167913" spans="14:14">
      <c r="N167913" s="10"/>
    </row>
    <row r="167914" spans="14:14">
      <c r="N167914" s="10"/>
    </row>
    <row r="167915" spans="14:14">
      <c r="N167915" s="10"/>
    </row>
    <row r="167916" spans="14:14">
      <c r="N167916" s="10"/>
    </row>
    <row r="167917" spans="14:14">
      <c r="N167917" s="10"/>
    </row>
    <row r="167918" spans="14:14">
      <c r="N167918" s="10"/>
    </row>
    <row r="167919" spans="14:14">
      <c r="N167919" s="10"/>
    </row>
    <row r="167920" spans="14:14">
      <c r="N167920" s="10"/>
    </row>
    <row r="167921" spans="14:14">
      <c r="N167921" s="10"/>
    </row>
    <row r="167922" spans="14:14">
      <c r="N167922" s="10"/>
    </row>
    <row r="167923" spans="14:14">
      <c r="N167923" s="10"/>
    </row>
    <row r="167924" spans="14:14">
      <c r="N167924" s="10"/>
    </row>
    <row r="167925" spans="14:14">
      <c r="N167925" s="10"/>
    </row>
    <row r="167926" spans="14:14">
      <c r="N167926" s="10"/>
    </row>
    <row r="167927" spans="14:14">
      <c r="N167927" s="10"/>
    </row>
    <row r="167928" spans="14:14">
      <c r="N167928" s="10"/>
    </row>
    <row r="167929" spans="14:14">
      <c r="N167929" s="10"/>
    </row>
    <row r="167930" spans="14:14">
      <c r="N167930" s="10"/>
    </row>
    <row r="167931" spans="14:14">
      <c r="N167931" s="10"/>
    </row>
    <row r="167932" spans="14:14">
      <c r="N167932" s="10"/>
    </row>
    <row r="167933" spans="14:14">
      <c r="N167933" s="10"/>
    </row>
    <row r="167934" spans="14:14">
      <c r="N167934" s="10"/>
    </row>
    <row r="167935" spans="14:14">
      <c r="N167935" s="10"/>
    </row>
    <row r="167936" spans="14:14">
      <c r="N167936" s="10"/>
    </row>
    <row r="167937" spans="14:14">
      <c r="N167937" s="10"/>
    </row>
    <row r="167938" spans="14:14">
      <c r="N167938" s="10"/>
    </row>
    <row r="167939" spans="14:14">
      <c r="N167939" s="10"/>
    </row>
    <row r="167940" spans="14:14">
      <c r="N167940" s="10"/>
    </row>
    <row r="167941" spans="14:14">
      <c r="N167941" s="10"/>
    </row>
    <row r="167942" spans="14:14">
      <c r="N167942" s="10"/>
    </row>
    <row r="167943" spans="14:14">
      <c r="N167943" s="10"/>
    </row>
    <row r="167944" spans="14:14">
      <c r="N167944" s="10"/>
    </row>
    <row r="167945" spans="14:14">
      <c r="N167945" s="10"/>
    </row>
    <row r="167946" spans="14:14">
      <c r="N167946" s="10"/>
    </row>
    <row r="167947" spans="14:14">
      <c r="N167947" s="10"/>
    </row>
    <row r="167948" spans="14:14">
      <c r="N167948" s="10"/>
    </row>
    <row r="167949" spans="14:14">
      <c r="N167949" s="10"/>
    </row>
    <row r="167950" spans="14:14">
      <c r="N167950" s="10"/>
    </row>
    <row r="167951" spans="14:14">
      <c r="N167951" s="10"/>
    </row>
    <row r="167952" spans="14:14">
      <c r="N167952" s="10"/>
    </row>
    <row r="167953" spans="14:14">
      <c r="N167953" s="10"/>
    </row>
    <row r="167954" spans="14:14">
      <c r="N167954" s="10"/>
    </row>
    <row r="167955" spans="14:14">
      <c r="N167955" s="10"/>
    </row>
    <row r="167956" spans="14:14">
      <c r="N167956" s="10"/>
    </row>
    <row r="167957" spans="14:14">
      <c r="N167957" s="10"/>
    </row>
    <row r="167958" spans="14:14">
      <c r="N167958" s="10"/>
    </row>
    <row r="167959" spans="14:14">
      <c r="N167959" s="10"/>
    </row>
    <row r="167960" spans="14:14">
      <c r="N167960" s="10"/>
    </row>
    <row r="167961" spans="14:14">
      <c r="N167961" s="10"/>
    </row>
    <row r="167962" spans="14:14">
      <c r="N167962" s="10"/>
    </row>
    <row r="167963" spans="14:14">
      <c r="N167963" s="10"/>
    </row>
    <row r="167964" spans="14:14">
      <c r="N167964" s="10"/>
    </row>
    <row r="167965" spans="14:14">
      <c r="N167965" s="10"/>
    </row>
    <row r="167966" spans="14:14">
      <c r="N167966" s="10"/>
    </row>
    <row r="167967" spans="14:14">
      <c r="N167967" s="10"/>
    </row>
    <row r="167968" spans="14:14">
      <c r="N167968" s="10"/>
    </row>
    <row r="167969" spans="14:14">
      <c r="N167969" s="10"/>
    </row>
    <row r="167970" spans="14:14">
      <c r="N167970" s="10"/>
    </row>
    <row r="167971" spans="14:14">
      <c r="N167971" s="10"/>
    </row>
    <row r="167972" spans="14:14">
      <c r="N167972" s="10"/>
    </row>
    <row r="167973" spans="14:14">
      <c r="N167973" s="10"/>
    </row>
    <row r="167974" spans="14:14">
      <c r="N167974" s="10"/>
    </row>
    <row r="167975" spans="14:14">
      <c r="N167975" s="10"/>
    </row>
    <row r="167976" spans="14:14">
      <c r="N167976" s="10"/>
    </row>
    <row r="167977" spans="14:14">
      <c r="N167977" s="10"/>
    </row>
    <row r="167978" spans="14:14">
      <c r="N167978" s="10"/>
    </row>
    <row r="167979" spans="14:14">
      <c r="N167979" s="10"/>
    </row>
    <row r="167980" spans="14:14">
      <c r="N167980" s="10"/>
    </row>
    <row r="167981" spans="14:14">
      <c r="N167981" s="10"/>
    </row>
    <row r="167982" spans="14:14">
      <c r="N167982" s="10"/>
    </row>
    <row r="167983" spans="14:14">
      <c r="N167983" s="10"/>
    </row>
    <row r="167984" spans="14:14">
      <c r="N167984" s="10"/>
    </row>
    <row r="167985" spans="14:14">
      <c r="N167985" s="10"/>
    </row>
    <row r="167986" spans="14:14">
      <c r="N167986" s="10"/>
    </row>
    <row r="167987" spans="14:14">
      <c r="N167987" s="10"/>
    </row>
    <row r="167988" spans="14:14">
      <c r="N167988" s="10"/>
    </row>
    <row r="167989" spans="14:14">
      <c r="N167989" s="10"/>
    </row>
    <row r="167990" spans="14:14">
      <c r="N167990" s="10"/>
    </row>
    <row r="167991" spans="14:14">
      <c r="N167991" s="10"/>
    </row>
    <row r="167992" spans="14:14">
      <c r="N167992" s="10"/>
    </row>
    <row r="167993" spans="14:14">
      <c r="N167993" s="10"/>
    </row>
    <row r="167994" spans="14:14">
      <c r="N167994" s="10"/>
    </row>
    <row r="167995" spans="14:14">
      <c r="N167995" s="10"/>
    </row>
    <row r="167996" spans="14:14">
      <c r="N167996" s="10"/>
    </row>
    <row r="167997" spans="14:14">
      <c r="N167997" s="10"/>
    </row>
    <row r="167998" spans="14:14">
      <c r="N167998" s="10"/>
    </row>
    <row r="167999" spans="14:14">
      <c r="N167999" s="10"/>
    </row>
    <row r="168000" spans="14:14">
      <c r="N168000" s="10"/>
    </row>
    <row r="168001" spans="14:14">
      <c r="N168001" s="10"/>
    </row>
    <row r="168002" spans="14:14">
      <c r="N168002" s="10"/>
    </row>
    <row r="168003" spans="14:14">
      <c r="N168003" s="10"/>
    </row>
    <row r="168004" spans="14:14">
      <c r="N168004" s="10"/>
    </row>
    <row r="168005" spans="14:14">
      <c r="N168005" s="10"/>
    </row>
    <row r="168006" spans="14:14">
      <c r="N168006" s="10"/>
    </row>
    <row r="168007" spans="14:14">
      <c r="N168007" s="10"/>
    </row>
    <row r="168008" spans="14:14">
      <c r="N168008" s="10"/>
    </row>
    <row r="168009" spans="14:14">
      <c r="N168009" s="10"/>
    </row>
    <row r="168010" spans="14:14">
      <c r="N168010" s="10"/>
    </row>
    <row r="168011" spans="14:14">
      <c r="N168011" s="10"/>
    </row>
    <row r="168012" spans="14:14">
      <c r="N168012" s="10"/>
    </row>
    <row r="168013" spans="14:14">
      <c r="N168013" s="10"/>
    </row>
    <row r="168014" spans="14:14">
      <c r="N168014" s="10"/>
    </row>
    <row r="168015" spans="14:14">
      <c r="N168015" s="10"/>
    </row>
    <row r="168016" spans="14:14">
      <c r="N168016" s="10"/>
    </row>
    <row r="168017" spans="14:14">
      <c r="N168017" s="10"/>
    </row>
    <row r="168018" spans="14:14">
      <c r="N168018" s="10"/>
    </row>
    <row r="168019" spans="14:14">
      <c r="N168019" s="10"/>
    </row>
    <row r="168020" spans="14:14">
      <c r="N168020" s="10"/>
    </row>
    <row r="168021" spans="14:14">
      <c r="N168021" s="10"/>
    </row>
    <row r="168022" spans="14:14">
      <c r="N168022" s="10"/>
    </row>
    <row r="168023" spans="14:14">
      <c r="N168023" s="10"/>
    </row>
    <row r="168024" spans="14:14">
      <c r="N168024" s="10"/>
    </row>
    <row r="168025" spans="14:14">
      <c r="N168025" s="10"/>
    </row>
    <row r="168026" spans="14:14">
      <c r="N168026" s="10"/>
    </row>
    <row r="168027" spans="14:14">
      <c r="N168027" s="10"/>
    </row>
    <row r="168028" spans="14:14">
      <c r="N168028" s="10"/>
    </row>
    <row r="168029" spans="14:14">
      <c r="N168029" s="10"/>
    </row>
    <row r="168030" spans="14:14">
      <c r="N168030" s="10"/>
    </row>
    <row r="168031" spans="14:14">
      <c r="N168031" s="10"/>
    </row>
    <row r="168032" spans="14:14">
      <c r="N168032" s="10"/>
    </row>
    <row r="168033" spans="14:14">
      <c r="N168033" s="10"/>
    </row>
    <row r="168034" spans="14:14">
      <c r="N168034" s="10"/>
    </row>
    <row r="168035" spans="14:14">
      <c r="N168035" s="10"/>
    </row>
    <row r="168036" spans="14:14">
      <c r="N168036" s="10"/>
    </row>
    <row r="168037" spans="14:14">
      <c r="N168037" s="10"/>
    </row>
    <row r="168038" spans="14:14">
      <c r="N168038" s="10"/>
    </row>
    <row r="168039" spans="14:14">
      <c r="N168039" s="10"/>
    </row>
    <row r="168040" spans="14:14">
      <c r="N168040" s="10"/>
    </row>
    <row r="168041" spans="14:14">
      <c r="N168041" s="10"/>
    </row>
    <row r="168042" spans="14:14">
      <c r="N168042" s="10"/>
    </row>
    <row r="168043" spans="14:14">
      <c r="N168043" s="10"/>
    </row>
    <row r="168044" spans="14:14">
      <c r="N168044" s="10"/>
    </row>
    <row r="168045" spans="14:14">
      <c r="N168045" s="10"/>
    </row>
    <row r="168046" spans="14:14">
      <c r="N168046" s="10"/>
    </row>
    <row r="168047" spans="14:14">
      <c r="N168047" s="10"/>
    </row>
    <row r="168048" spans="14:14">
      <c r="N168048" s="10"/>
    </row>
    <row r="168049" spans="14:14">
      <c r="N168049" s="10"/>
    </row>
    <row r="168050" spans="14:14">
      <c r="N168050" s="10"/>
    </row>
    <row r="168051" spans="14:14">
      <c r="N168051" s="10"/>
    </row>
    <row r="168052" spans="14:14">
      <c r="N168052" s="10"/>
    </row>
    <row r="168053" spans="14:14">
      <c r="N168053" s="10"/>
    </row>
    <row r="168054" spans="14:14">
      <c r="N168054" s="10"/>
    </row>
    <row r="168055" spans="14:14">
      <c r="N168055" s="10"/>
    </row>
    <row r="168056" spans="14:14">
      <c r="N168056" s="10"/>
    </row>
    <row r="168057" spans="14:14">
      <c r="N168057" s="10"/>
    </row>
    <row r="168058" spans="14:14">
      <c r="N168058" s="10"/>
    </row>
    <row r="168059" spans="14:14">
      <c r="N168059" s="10"/>
    </row>
    <row r="168060" spans="14:14">
      <c r="N168060" s="10"/>
    </row>
    <row r="168061" spans="14:14">
      <c r="N168061" s="10"/>
    </row>
    <row r="168062" spans="14:14">
      <c r="N168062" s="10"/>
    </row>
    <row r="168063" spans="14:14">
      <c r="N168063" s="10"/>
    </row>
    <row r="168064" spans="14:14">
      <c r="N168064" s="10"/>
    </row>
    <row r="168065" spans="14:14">
      <c r="N168065" s="10"/>
    </row>
    <row r="168066" spans="14:14">
      <c r="N168066" s="10"/>
    </row>
    <row r="168067" spans="14:14">
      <c r="N168067" s="10"/>
    </row>
    <row r="168068" spans="14:14">
      <c r="N168068" s="10"/>
    </row>
    <row r="168069" spans="14:14">
      <c r="N168069" s="10"/>
    </row>
    <row r="168070" spans="14:14">
      <c r="N168070" s="10"/>
    </row>
    <row r="168071" spans="14:14">
      <c r="N168071" s="10"/>
    </row>
    <row r="168072" spans="14:14">
      <c r="N168072" s="10"/>
    </row>
    <row r="168073" spans="14:14">
      <c r="N168073" s="10"/>
    </row>
    <row r="168074" spans="14:14">
      <c r="N168074" s="10"/>
    </row>
    <row r="168075" spans="14:14">
      <c r="N168075" s="10"/>
    </row>
    <row r="168076" spans="14:14">
      <c r="N168076" s="10"/>
    </row>
    <row r="168077" spans="14:14">
      <c r="N168077" s="10"/>
    </row>
    <row r="168078" spans="14:14">
      <c r="N168078" s="10"/>
    </row>
    <row r="168079" spans="14:14">
      <c r="N168079" s="10"/>
    </row>
    <row r="168080" spans="14:14">
      <c r="N168080" s="10"/>
    </row>
    <row r="168081" spans="14:14">
      <c r="N168081" s="10"/>
    </row>
    <row r="168082" spans="14:14">
      <c r="N168082" s="10"/>
    </row>
    <row r="168083" spans="14:14">
      <c r="N168083" s="10"/>
    </row>
    <row r="168084" spans="14:14">
      <c r="N168084" s="10"/>
    </row>
    <row r="168085" spans="14:14">
      <c r="N168085" s="10"/>
    </row>
    <row r="168086" spans="14:14">
      <c r="N168086" s="10"/>
    </row>
    <row r="168087" spans="14:14">
      <c r="N168087" s="10"/>
    </row>
    <row r="168088" spans="14:14">
      <c r="N168088" s="10"/>
    </row>
    <row r="168089" spans="14:14">
      <c r="N168089" s="10"/>
    </row>
    <row r="168090" spans="14:14">
      <c r="N168090" s="10"/>
    </row>
    <row r="168091" spans="14:14">
      <c r="N168091" s="10"/>
    </row>
    <row r="168092" spans="14:14">
      <c r="N168092" s="10"/>
    </row>
    <row r="168093" spans="14:14">
      <c r="N168093" s="10"/>
    </row>
    <row r="168094" spans="14:14">
      <c r="N168094" s="10"/>
    </row>
    <row r="168095" spans="14:14">
      <c r="N168095" s="10"/>
    </row>
    <row r="168096" spans="14:14">
      <c r="N168096" s="10"/>
    </row>
    <row r="168097" spans="14:14">
      <c r="N168097" s="10"/>
    </row>
    <row r="168098" spans="14:14">
      <c r="N168098" s="10"/>
    </row>
    <row r="168099" spans="14:14">
      <c r="N168099" s="10"/>
    </row>
    <row r="168100" spans="14:14">
      <c r="N168100" s="10"/>
    </row>
    <row r="168101" spans="14:14">
      <c r="N168101" s="10"/>
    </row>
    <row r="168102" spans="14:14">
      <c r="N168102" s="10"/>
    </row>
    <row r="168103" spans="14:14">
      <c r="N168103" s="10"/>
    </row>
    <row r="168104" spans="14:14">
      <c r="N168104" s="10"/>
    </row>
    <row r="168105" spans="14:14">
      <c r="N168105" s="10"/>
    </row>
    <row r="168106" spans="14:14">
      <c r="N168106" s="10"/>
    </row>
    <row r="168107" spans="14:14">
      <c r="N168107" s="10"/>
    </row>
    <row r="168108" spans="14:14">
      <c r="N168108" s="10"/>
    </row>
    <row r="168109" spans="14:14">
      <c r="N168109" s="10"/>
    </row>
    <row r="168110" spans="14:14">
      <c r="N168110" s="10"/>
    </row>
    <row r="168111" spans="14:14">
      <c r="N168111" s="10"/>
    </row>
    <row r="168112" spans="14:14">
      <c r="N168112" s="10"/>
    </row>
    <row r="168113" spans="14:14">
      <c r="N168113" s="10"/>
    </row>
    <row r="168114" spans="14:14">
      <c r="N168114" s="10"/>
    </row>
    <row r="168115" spans="14:14">
      <c r="N168115" s="10"/>
    </row>
    <row r="168116" spans="14:14">
      <c r="N168116" s="10"/>
    </row>
    <row r="168117" spans="14:14">
      <c r="N168117" s="10"/>
    </row>
    <row r="168118" spans="14:14">
      <c r="N168118" s="10"/>
    </row>
    <row r="168119" spans="14:14">
      <c r="N168119" s="10"/>
    </row>
    <row r="168120" spans="14:14">
      <c r="N168120" s="10"/>
    </row>
    <row r="168121" spans="14:14">
      <c r="N168121" s="10"/>
    </row>
    <row r="168122" spans="14:14">
      <c r="N168122" s="10"/>
    </row>
    <row r="168123" spans="14:14">
      <c r="N168123" s="10"/>
    </row>
    <row r="168124" spans="14:14">
      <c r="N168124" s="10"/>
    </row>
    <row r="168125" spans="14:14">
      <c r="N168125" s="10"/>
    </row>
    <row r="168126" spans="14:14">
      <c r="N168126" s="10"/>
    </row>
    <row r="168127" spans="14:14">
      <c r="N168127" s="10"/>
    </row>
    <row r="168128" spans="14:14">
      <c r="N168128" s="10"/>
    </row>
    <row r="168129" spans="14:14">
      <c r="N168129" s="10"/>
    </row>
    <row r="168130" spans="14:14">
      <c r="N168130" s="10"/>
    </row>
    <row r="168131" spans="14:14">
      <c r="N168131" s="10"/>
    </row>
    <row r="168132" spans="14:14">
      <c r="N168132" s="10"/>
    </row>
    <row r="168133" spans="14:14">
      <c r="N168133" s="10"/>
    </row>
    <row r="168134" spans="14:14">
      <c r="N168134" s="10"/>
    </row>
    <row r="168135" spans="14:14">
      <c r="N168135" s="10"/>
    </row>
    <row r="168136" spans="14:14">
      <c r="N168136" s="10"/>
    </row>
    <row r="168137" spans="14:14">
      <c r="N168137" s="10"/>
    </row>
    <row r="168138" spans="14:14">
      <c r="N168138" s="10"/>
    </row>
    <row r="168139" spans="14:14">
      <c r="N168139" s="10"/>
    </row>
    <row r="168140" spans="14:14">
      <c r="N168140" s="10"/>
    </row>
    <row r="168141" spans="14:14">
      <c r="N168141" s="10"/>
    </row>
    <row r="168142" spans="14:14">
      <c r="N168142" s="10"/>
    </row>
    <row r="168143" spans="14:14">
      <c r="N168143" s="10"/>
    </row>
    <row r="168144" spans="14:14">
      <c r="N168144" s="10"/>
    </row>
    <row r="168145" spans="14:14">
      <c r="N168145" s="10"/>
    </row>
    <row r="168146" spans="14:14">
      <c r="N168146" s="10"/>
    </row>
    <row r="168147" spans="14:14">
      <c r="N168147" s="10"/>
    </row>
    <row r="168148" spans="14:14">
      <c r="N168148" s="10"/>
    </row>
    <row r="168149" spans="14:14">
      <c r="N168149" s="10"/>
    </row>
    <row r="168150" spans="14:14">
      <c r="N168150" s="10"/>
    </row>
    <row r="168151" spans="14:14">
      <c r="N168151" s="10"/>
    </row>
    <row r="168152" spans="14:14">
      <c r="N168152" s="10"/>
    </row>
    <row r="168153" spans="14:14">
      <c r="N168153" s="10"/>
    </row>
    <row r="168154" spans="14:14">
      <c r="N168154" s="10"/>
    </row>
    <row r="168155" spans="14:14">
      <c r="N168155" s="10"/>
    </row>
    <row r="168156" spans="14:14">
      <c r="N168156" s="10"/>
    </row>
    <row r="168157" spans="14:14">
      <c r="N168157" s="10"/>
    </row>
    <row r="168158" spans="14:14">
      <c r="N168158" s="10"/>
    </row>
    <row r="168159" spans="14:14">
      <c r="N168159" s="10"/>
    </row>
    <row r="168160" spans="14:14">
      <c r="N168160" s="10"/>
    </row>
    <row r="168161" spans="14:14">
      <c r="N168161" s="10"/>
    </row>
    <row r="168162" spans="14:14">
      <c r="N168162" s="10"/>
    </row>
    <row r="168163" spans="14:14">
      <c r="N168163" s="10"/>
    </row>
    <row r="168164" spans="14:14">
      <c r="N168164" s="10"/>
    </row>
    <row r="168165" spans="14:14">
      <c r="N168165" s="10"/>
    </row>
    <row r="168166" spans="14:14">
      <c r="N168166" s="10"/>
    </row>
    <row r="168167" spans="14:14">
      <c r="N168167" s="10"/>
    </row>
    <row r="168168" spans="14:14">
      <c r="N168168" s="10"/>
    </row>
    <row r="168169" spans="14:14">
      <c r="N168169" s="10"/>
    </row>
    <row r="168170" spans="14:14">
      <c r="N168170" s="10"/>
    </row>
    <row r="168171" spans="14:14">
      <c r="N168171" s="10"/>
    </row>
    <row r="168172" spans="14:14">
      <c r="N168172" s="10"/>
    </row>
    <row r="168173" spans="14:14">
      <c r="N168173" s="10"/>
    </row>
    <row r="168174" spans="14:14">
      <c r="N168174" s="10"/>
    </row>
    <row r="168175" spans="14:14">
      <c r="N168175" s="10"/>
    </row>
    <row r="168176" spans="14:14">
      <c r="N168176" s="10"/>
    </row>
    <row r="168177" spans="14:14">
      <c r="N168177" s="10"/>
    </row>
    <row r="168178" spans="14:14">
      <c r="N168178" s="10"/>
    </row>
    <row r="168179" spans="14:14">
      <c r="N168179" s="10"/>
    </row>
    <row r="168180" spans="14:14">
      <c r="N168180" s="10"/>
    </row>
    <row r="168181" spans="14:14">
      <c r="N168181" s="10"/>
    </row>
    <row r="168182" spans="14:14">
      <c r="N168182" s="10"/>
    </row>
    <row r="168183" spans="14:14">
      <c r="N168183" s="10"/>
    </row>
    <row r="168184" spans="14:14">
      <c r="N168184" s="10"/>
    </row>
    <row r="168185" spans="14:14">
      <c r="N168185" s="10"/>
    </row>
    <row r="168186" spans="14:14">
      <c r="N168186" s="10"/>
    </row>
    <row r="168187" spans="14:14">
      <c r="N168187" s="10"/>
    </row>
    <row r="168188" spans="14:14">
      <c r="N168188" s="10"/>
    </row>
    <row r="168189" spans="14:14">
      <c r="N168189" s="10"/>
    </row>
    <row r="168190" spans="14:14">
      <c r="N168190" s="10"/>
    </row>
    <row r="168191" spans="14:14">
      <c r="N168191" s="10"/>
    </row>
    <row r="168192" spans="14:14">
      <c r="N168192" s="10"/>
    </row>
    <row r="168193" spans="14:14">
      <c r="N168193" s="10"/>
    </row>
    <row r="168194" spans="14:14">
      <c r="N168194" s="10"/>
    </row>
    <row r="168195" spans="14:14">
      <c r="N168195" s="10"/>
    </row>
    <row r="168196" spans="14:14">
      <c r="N168196" s="10"/>
    </row>
    <row r="168197" spans="14:14">
      <c r="N168197" s="10"/>
    </row>
    <row r="168198" spans="14:14">
      <c r="N168198" s="10"/>
    </row>
    <row r="168199" spans="14:14">
      <c r="N168199" s="10"/>
    </row>
    <row r="168200" spans="14:14">
      <c r="N168200" s="10"/>
    </row>
    <row r="168201" spans="14:14">
      <c r="N168201" s="10"/>
    </row>
    <row r="168202" spans="14:14">
      <c r="N168202" s="10"/>
    </row>
    <row r="168203" spans="14:14">
      <c r="N168203" s="10"/>
    </row>
    <row r="168204" spans="14:14">
      <c r="N168204" s="10"/>
    </row>
    <row r="168205" spans="14:14">
      <c r="N168205" s="10"/>
    </row>
    <row r="168206" spans="14:14">
      <c r="N168206" s="10"/>
    </row>
    <row r="168207" spans="14:14">
      <c r="N168207" s="10"/>
    </row>
    <row r="168208" spans="14:14">
      <c r="N168208" s="10"/>
    </row>
    <row r="168209" spans="14:14">
      <c r="N168209" s="10"/>
    </row>
    <row r="168210" spans="14:14">
      <c r="N168210" s="10"/>
    </row>
    <row r="168211" spans="14:14">
      <c r="N168211" s="10"/>
    </row>
    <row r="168212" spans="14:14">
      <c r="N168212" s="10"/>
    </row>
    <row r="168213" spans="14:14">
      <c r="N168213" s="10"/>
    </row>
    <row r="168214" spans="14:14">
      <c r="N168214" s="10"/>
    </row>
    <row r="168215" spans="14:14">
      <c r="N168215" s="10"/>
    </row>
    <row r="168216" spans="14:14">
      <c r="N168216" s="10"/>
    </row>
    <row r="168217" spans="14:14">
      <c r="N168217" s="10"/>
    </row>
    <row r="168218" spans="14:14">
      <c r="N168218" s="10"/>
    </row>
    <row r="168219" spans="14:14">
      <c r="N168219" s="10"/>
    </row>
    <row r="168220" spans="14:14">
      <c r="N168220" s="10"/>
    </row>
    <row r="168221" spans="14:14">
      <c r="N168221" s="10"/>
    </row>
    <row r="168222" spans="14:14">
      <c r="N168222" s="10"/>
    </row>
    <row r="168223" spans="14:14">
      <c r="N168223" s="10"/>
    </row>
    <row r="168224" spans="14:14">
      <c r="N168224" s="10"/>
    </row>
    <row r="168225" spans="14:14">
      <c r="N168225" s="10"/>
    </row>
    <row r="168226" spans="14:14">
      <c r="N168226" s="10"/>
    </row>
    <row r="168227" spans="14:14">
      <c r="N168227" s="10"/>
    </row>
    <row r="168228" spans="14:14">
      <c r="N168228" s="10"/>
    </row>
    <row r="168229" spans="14:14">
      <c r="N168229" s="10"/>
    </row>
    <row r="168230" spans="14:14">
      <c r="N168230" s="10"/>
    </row>
    <row r="168231" spans="14:14">
      <c r="N168231" s="10"/>
    </row>
    <row r="168232" spans="14:14">
      <c r="N168232" s="10"/>
    </row>
    <row r="168233" spans="14:14">
      <c r="N168233" s="10"/>
    </row>
    <row r="168234" spans="14:14">
      <c r="N168234" s="10"/>
    </row>
    <row r="168235" spans="14:14">
      <c r="N168235" s="10"/>
    </row>
    <row r="168236" spans="14:14">
      <c r="N168236" s="10"/>
    </row>
    <row r="168237" spans="14:14">
      <c r="N168237" s="10"/>
    </row>
    <row r="168238" spans="14:14">
      <c r="N168238" s="10"/>
    </row>
    <row r="168239" spans="14:14">
      <c r="N168239" s="10"/>
    </row>
    <row r="168240" spans="14:14">
      <c r="N168240" s="10"/>
    </row>
    <row r="168241" spans="14:14">
      <c r="N168241" s="10"/>
    </row>
    <row r="168242" spans="14:14">
      <c r="N168242" s="10"/>
    </row>
    <row r="168243" spans="14:14">
      <c r="N168243" s="10"/>
    </row>
    <row r="168244" spans="14:14">
      <c r="N168244" s="10"/>
    </row>
    <row r="168245" spans="14:14">
      <c r="N168245" s="10"/>
    </row>
    <row r="168246" spans="14:14">
      <c r="N168246" s="10"/>
    </row>
    <row r="168247" spans="14:14">
      <c r="N168247" s="10"/>
    </row>
    <row r="168248" spans="14:14">
      <c r="N168248" s="10"/>
    </row>
    <row r="168249" spans="14:14">
      <c r="N168249" s="10"/>
    </row>
    <row r="168250" spans="14:14">
      <c r="N168250" s="10"/>
    </row>
    <row r="168251" spans="14:14">
      <c r="N168251" s="10"/>
    </row>
    <row r="168252" spans="14:14">
      <c r="N168252" s="10"/>
    </row>
    <row r="168253" spans="14:14">
      <c r="N168253" s="10"/>
    </row>
    <row r="168254" spans="14:14">
      <c r="N168254" s="10"/>
    </row>
    <row r="168255" spans="14:14">
      <c r="N168255" s="10"/>
    </row>
    <row r="168256" spans="14:14">
      <c r="N168256" s="10"/>
    </row>
    <row r="168257" spans="14:14">
      <c r="N168257" s="10"/>
    </row>
    <row r="168258" spans="14:14">
      <c r="N168258" s="10"/>
    </row>
    <row r="168259" spans="14:14">
      <c r="N168259" s="10"/>
    </row>
    <row r="168260" spans="14:14">
      <c r="N168260" s="10"/>
    </row>
    <row r="168261" spans="14:14">
      <c r="N168261" s="10"/>
    </row>
    <row r="168262" spans="14:14">
      <c r="N168262" s="10"/>
    </row>
    <row r="168263" spans="14:14">
      <c r="N168263" s="10"/>
    </row>
    <row r="168264" spans="14:14">
      <c r="N168264" s="10"/>
    </row>
    <row r="168265" spans="14:14">
      <c r="N168265" s="10"/>
    </row>
    <row r="168266" spans="14:14">
      <c r="N168266" s="10"/>
    </row>
    <row r="168267" spans="14:14">
      <c r="N168267" s="10"/>
    </row>
    <row r="168268" spans="14:14">
      <c r="N168268" s="10"/>
    </row>
    <row r="168269" spans="14:14">
      <c r="N168269" s="10"/>
    </row>
    <row r="168270" spans="14:14">
      <c r="N168270" s="10"/>
    </row>
    <row r="168271" spans="14:14">
      <c r="N168271" s="10"/>
    </row>
    <row r="168272" spans="14:14">
      <c r="N168272" s="10"/>
    </row>
    <row r="168273" spans="14:14">
      <c r="N168273" s="10"/>
    </row>
    <row r="168274" spans="14:14">
      <c r="N168274" s="10"/>
    </row>
    <row r="168275" spans="14:14">
      <c r="N168275" s="10"/>
    </row>
    <row r="168276" spans="14:14">
      <c r="N168276" s="10"/>
    </row>
    <row r="168277" spans="14:14">
      <c r="N168277" s="10"/>
    </row>
    <row r="168278" spans="14:14">
      <c r="N168278" s="10"/>
    </row>
    <row r="168279" spans="14:14">
      <c r="N168279" s="10"/>
    </row>
    <row r="168280" spans="14:14">
      <c r="N168280" s="10"/>
    </row>
    <row r="168281" spans="14:14">
      <c r="N168281" s="10"/>
    </row>
    <row r="168282" spans="14:14">
      <c r="N168282" s="10"/>
    </row>
    <row r="168283" spans="14:14">
      <c r="N168283" s="10"/>
    </row>
    <row r="168284" spans="14:14">
      <c r="N168284" s="10"/>
    </row>
    <row r="168285" spans="14:14">
      <c r="N168285" s="10"/>
    </row>
    <row r="168286" spans="14:14">
      <c r="N168286" s="10"/>
    </row>
    <row r="168287" spans="14:14">
      <c r="N168287" s="10"/>
    </row>
    <row r="168288" spans="14:14">
      <c r="N168288" s="10"/>
    </row>
    <row r="168289" spans="14:14">
      <c r="N168289" s="10"/>
    </row>
    <row r="168290" spans="14:14">
      <c r="N168290" s="10"/>
    </row>
    <row r="168291" spans="14:14">
      <c r="N168291" s="10"/>
    </row>
    <row r="168292" spans="14:14">
      <c r="N168292" s="10"/>
    </row>
    <row r="168293" spans="14:14">
      <c r="N168293" s="10"/>
    </row>
    <row r="168294" spans="14:14">
      <c r="N168294" s="10"/>
    </row>
    <row r="168295" spans="14:14">
      <c r="N168295" s="10"/>
    </row>
    <row r="168296" spans="14:14">
      <c r="N168296" s="10"/>
    </row>
    <row r="168297" spans="14:14">
      <c r="N168297" s="10"/>
    </row>
    <row r="168298" spans="14:14">
      <c r="N168298" s="10"/>
    </row>
    <row r="168299" spans="14:14">
      <c r="N168299" s="10"/>
    </row>
    <row r="168300" spans="14:14">
      <c r="N168300" s="10"/>
    </row>
    <row r="168301" spans="14:14">
      <c r="N168301" s="10"/>
    </row>
    <row r="168302" spans="14:14">
      <c r="N168302" s="10"/>
    </row>
    <row r="168303" spans="14:14">
      <c r="N168303" s="10"/>
    </row>
    <row r="168304" spans="14:14">
      <c r="N168304" s="10"/>
    </row>
    <row r="168305" spans="14:14">
      <c r="N168305" s="10"/>
    </row>
    <row r="168306" spans="14:14">
      <c r="N168306" s="10"/>
    </row>
    <row r="168307" spans="14:14">
      <c r="N168307" s="10"/>
    </row>
    <row r="168308" spans="14:14">
      <c r="N168308" s="10"/>
    </row>
    <row r="168309" spans="14:14">
      <c r="N168309" s="10"/>
    </row>
    <row r="168310" spans="14:14">
      <c r="N168310" s="10"/>
    </row>
    <row r="168311" spans="14:14">
      <c r="N168311" s="10"/>
    </row>
    <row r="168312" spans="14:14">
      <c r="N168312" s="10"/>
    </row>
    <row r="168313" spans="14:14">
      <c r="N168313" s="10"/>
    </row>
    <row r="168314" spans="14:14">
      <c r="N168314" s="10"/>
    </row>
    <row r="168315" spans="14:14">
      <c r="N168315" s="10"/>
    </row>
    <row r="168316" spans="14:14">
      <c r="N168316" s="10"/>
    </row>
    <row r="168317" spans="14:14">
      <c r="N168317" s="10"/>
    </row>
    <row r="168318" spans="14:14">
      <c r="N168318" s="10"/>
    </row>
    <row r="168319" spans="14:14">
      <c r="N168319" s="10"/>
    </row>
    <row r="168320" spans="14:14">
      <c r="N168320" s="10"/>
    </row>
    <row r="168321" spans="14:14">
      <c r="N168321" s="10"/>
    </row>
    <row r="168322" spans="14:14">
      <c r="N168322" s="10"/>
    </row>
    <row r="168323" spans="14:14">
      <c r="N168323" s="10"/>
    </row>
    <row r="168324" spans="14:14">
      <c r="N168324" s="10"/>
    </row>
    <row r="168325" spans="14:14">
      <c r="N168325" s="10"/>
    </row>
    <row r="168326" spans="14:14">
      <c r="N168326" s="10"/>
    </row>
    <row r="168327" spans="14:14">
      <c r="N168327" s="10"/>
    </row>
    <row r="168328" spans="14:14">
      <c r="N168328" s="10"/>
    </row>
    <row r="168329" spans="14:14">
      <c r="N168329" s="10"/>
    </row>
    <row r="168330" spans="14:14">
      <c r="N168330" s="10"/>
    </row>
    <row r="168331" spans="14:14">
      <c r="N168331" s="10"/>
    </row>
    <row r="168332" spans="14:14">
      <c r="N168332" s="10"/>
    </row>
    <row r="168333" spans="14:14">
      <c r="N168333" s="10"/>
    </row>
    <row r="168334" spans="14:14">
      <c r="N168334" s="10"/>
    </row>
    <row r="168335" spans="14:14">
      <c r="N168335" s="10"/>
    </row>
    <row r="168336" spans="14:14">
      <c r="N168336" s="10"/>
    </row>
    <row r="168337" spans="14:14">
      <c r="N168337" s="10"/>
    </row>
    <row r="168338" spans="14:14">
      <c r="N168338" s="10"/>
    </row>
    <row r="168339" spans="14:14">
      <c r="N168339" s="10"/>
    </row>
    <row r="168340" spans="14:14">
      <c r="N168340" s="10"/>
    </row>
    <row r="168341" spans="14:14">
      <c r="N168341" s="10"/>
    </row>
    <row r="168342" spans="14:14">
      <c r="N168342" s="10"/>
    </row>
    <row r="168343" spans="14:14">
      <c r="N168343" s="10"/>
    </row>
    <row r="168344" spans="14:14">
      <c r="N168344" s="10"/>
    </row>
    <row r="168345" spans="14:14">
      <c r="N168345" s="10"/>
    </row>
    <row r="168346" spans="14:14">
      <c r="N168346" s="10"/>
    </row>
    <row r="168347" spans="14:14">
      <c r="N168347" s="10"/>
    </row>
    <row r="168348" spans="14:14">
      <c r="N168348" s="10"/>
    </row>
    <row r="168349" spans="14:14">
      <c r="N168349" s="10"/>
    </row>
    <row r="168350" spans="14:14">
      <c r="N168350" s="10"/>
    </row>
    <row r="168351" spans="14:14">
      <c r="N168351" s="10"/>
    </row>
    <row r="168352" spans="14:14">
      <c r="N168352" s="10"/>
    </row>
    <row r="168353" spans="14:14">
      <c r="N168353" s="10"/>
    </row>
    <row r="168354" spans="14:14">
      <c r="N168354" s="10"/>
    </row>
    <row r="168355" spans="14:14">
      <c r="N168355" s="10"/>
    </row>
    <row r="168356" spans="14:14">
      <c r="N168356" s="10"/>
    </row>
    <row r="168357" spans="14:14">
      <c r="N168357" s="10"/>
    </row>
    <row r="168358" spans="14:14">
      <c r="N168358" s="10"/>
    </row>
    <row r="168359" spans="14:14">
      <c r="N168359" s="10"/>
    </row>
    <row r="168360" spans="14:14">
      <c r="N168360" s="10"/>
    </row>
    <row r="168361" spans="14:14">
      <c r="N168361" s="10"/>
    </row>
    <row r="168362" spans="14:14">
      <c r="N168362" s="10"/>
    </row>
    <row r="168363" spans="14:14">
      <c r="N168363" s="10"/>
    </row>
    <row r="168364" spans="14:14">
      <c r="N168364" s="10"/>
    </row>
    <row r="168365" spans="14:14">
      <c r="N168365" s="10"/>
    </row>
    <row r="168366" spans="14:14">
      <c r="N168366" s="10"/>
    </row>
    <row r="168367" spans="14:14">
      <c r="N168367" s="10"/>
    </row>
    <row r="168368" spans="14:14">
      <c r="N168368" s="10"/>
    </row>
    <row r="168369" spans="14:14">
      <c r="N168369" s="10"/>
    </row>
    <row r="168370" spans="14:14">
      <c r="N168370" s="10"/>
    </row>
    <row r="168371" spans="14:14">
      <c r="N168371" s="10"/>
    </row>
    <row r="168372" spans="14:14">
      <c r="N168372" s="10"/>
    </row>
    <row r="168373" spans="14:14">
      <c r="N168373" s="10"/>
    </row>
    <row r="168374" spans="14:14">
      <c r="N168374" s="10"/>
    </row>
    <row r="168375" spans="14:14">
      <c r="N168375" s="10"/>
    </row>
    <row r="168376" spans="14:14">
      <c r="N168376" s="10"/>
    </row>
    <row r="168377" spans="14:14">
      <c r="N168377" s="10"/>
    </row>
    <row r="168378" spans="14:14">
      <c r="N168378" s="10"/>
    </row>
    <row r="168379" spans="14:14">
      <c r="N168379" s="10"/>
    </row>
    <row r="168380" spans="14:14">
      <c r="N168380" s="10"/>
    </row>
    <row r="168381" spans="14:14">
      <c r="N168381" s="10"/>
    </row>
    <row r="168382" spans="14:14">
      <c r="N168382" s="10"/>
    </row>
    <row r="168383" spans="14:14">
      <c r="N168383" s="10"/>
    </row>
    <row r="168384" spans="14:14">
      <c r="N168384" s="10"/>
    </row>
    <row r="168385" spans="14:14">
      <c r="N168385" s="10"/>
    </row>
    <row r="168386" spans="14:14">
      <c r="N168386" s="10"/>
    </row>
    <row r="168387" spans="14:14">
      <c r="N168387" s="10"/>
    </row>
    <row r="168388" spans="14:14">
      <c r="N168388" s="10"/>
    </row>
    <row r="168389" spans="14:14">
      <c r="N168389" s="10"/>
    </row>
    <row r="168390" spans="14:14">
      <c r="N168390" s="10"/>
    </row>
    <row r="168391" spans="14:14">
      <c r="N168391" s="10"/>
    </row>
    <row r="168392" spans="14:14">
      <c r="N168392" s="10"/>
    </row>
    <row r="168393" spans="14:14">
      <c r="N168393" s="10"/>
    </row>
    <row r="168394" spans="14:14">
      <c r="N168394" s="10"/>
    </row>
    <row r="168395" spans="14:14">
      <c r="N168395" s="10"/>
    </row>
    <row r="168396" spans="14:14">
      <c r="N168396" s="10"/>
    </row>
    <row r="168397" spans="14:14">
      <c r="N168397" s="10"/>
    </row>
    <row r="168398" spans="14:14">
      <c r="N168398" s="10"/>
    </row>
    <row r="168399" spans="14:14">
      <c r="N168399" s="10"/>
    </row>
    <row r="168400" spans="14:14">
      <c r="N168400" s="10"/>
    </row>
    <row r="168401" spans="14:14">
      <c r="N168401" s="10"/>
    </row>
    <row r="168402" spans="14:14">
      <c r="N168402" s="10"/>
    </row>
    <row r="168403" spans="14:14">
      <c r="N168403" s="10"/>
    </row>
    <row r="168404" spans="14:14">
      <c r="N168404" s="10"/>
    </row>
    <row r="168405" spans="14:14">
      <c r="N168405" s="10"/>
    </row>
    <row r="168406" spans="14:14">
      <c r="N168406" s="10"/>
    </row>
    <row r="168407" spans="14:14">
      <c r="N168407" s="10"/>
    </row>
    <row r="168408" spans="14:14">
      <c r="N168408" s="10"/>
    </row>
    <row r="168409" spans="14:14">
      <c r="N168409" s="10"/>
    </row>
    <row r="168410" spans="14:14">
      <c r="N168410" s="10"/>
    </row>
    <row r="168411" spans="14:14">
      <c r="N168411" s="10"/>
    </row>
    <row r="168412" spans="14:14">
      <c r="N168412" s="10"/>
    </row>
    <row r="168413" spans="14:14">
      <c r="N168413" s="10"/>
    </row>
    <row r="168414" spans="14:14">
      <c r="N168414" s="10"/>
    </row>
    <row r="168415" spans="14:14">
      <c r="N168415" s="10"/>
    </row>
    <row r="168416" spans="14:14">
      <c r="N168416" s="10"/>
    </row>
    <row r="168417" spans="14:14">
      <c r="N168417" s="10"/>
    </row>
    <row r="168418" spans="14:14">
      <c r="N168418" s="10"/>
    </row>
    <row r="168419" spans="14:14">
      <c r="N168419" s="10"/>
    </row>
    <row r="168420" spans="14:14">
      <c r="N168420" s="10"/>
    </row>
    <row r="168421" spans="14:14">
      <c r="N168421" s="10"/>
    </row>
    <row r="168422" spans="14:14">
      <c r="N168422" s="10"/>
    </row>
    <row r="168423" spans="14:14">
      <c r="N168423" s="10"/>
    </row>
    <row r="168424" spans="14:14">
      <c r="N168424" s="10"/>
    </row>
    <row r="168425" spans="14:14">
      <c r="N168425" s="10"/>
    </row>
    <row r="168426" spans="14:14">
      <c r="N168426" s="10"/>
    </row>
    <row r="168427" spans="14:14">
      <c r="N168427" s="10"/>
    </row>
    <row r="168428" spans="14:14">
      <c r="N168428" s="10"/>
    </row>
    <row r="168429" spans="14:14">
      <c r="N168429" s="10"/>
    </row>
    <row r="168430" spans="14:14">
      <c r="N168430" s="10"/>
    </row>
    <row r="168431" spans="14:14">
      <c r="N168431" s="10"/>
    </row>
    <row r="168432" spans="14:14">
      <c r="N168432" s="10"/>
    </row>
    <row r="168433" spans="14:14">
      <c r="N168433" s="10"/>
    </row>
    <row r="168434" spans="14:14">
      <c r="N168434" s="10"/>
    </row>
    <row r="168435" spans="14:14">
      <c r="N168435" s="10"/>
    </row>
    <row r="168436" spans="14:14">
      <c r="N168436" s="10"/>
    </row>
    <row r="168437" spans="14:14">
      <c r="N168437" s="10"/>
    </row>
    <row r="168438" spans="14:14">
      <c r="N168438" s="10"/>
    </row>
    <row r="168439" spans="14:14">
      <c r="N168439" s="10"/>
    </row>
    <row r="168440" spans="14:14">
      <c r="N168440" s="10"/>
    </row>
    <row r="168441" spans="14:14">
      <c r="N168441" s="10"/>
    </row>
    <row r="168442" spans="14:14">
      <c r="N168442" s="10"/>
    </row>
    <row r="168443" spans="14:14">
      <c r="N168443" s="10"/>
    </row>
    <row r="168444" spans="14:14">
      <c r="N168444" s="10"/>
    </row>
    <row r="168445" spans="14:14">
      <c r="N168445" s="10"/>
    </row>
    <row r="168446" spans="14:14">
      <c r="N168446" s="10"/>
    </row>
    <row r="168447" spans="14:14">
      <c r="N168447" s="10"/>
    </row>
    <row r="168448" spans="14:14">
      <c r="N168448" s="10"/>
    </row>
    <row r="168449" spans="14:14">
      <c r="N168449" s="10"/>
    </row>
    <row r="168450" spans="14:14">
      <c r="N168450" s="10"/>
    </row>
    <row r="168451" spans="14:14">
      <c r="N168451" s="10"/>
    </row>
    <row r="168452" spans="14:14">
      <c r="N168452" s="10"/>
    </row>
    <row r="168453" spans="14:14">
      <c r="N168453" s="10"/>
    </row>
    <row r="168454" spans="14:14">
      <c r="N168454" s="10"/>
    </row>
    <row r="168455" spans="14:14">
      <c r="N168455" s="10"/>
    </row>
    <row r="168456" spans="14:14">
      <c r="N168456" s="10"/>
    </row>
    <row r="168457" spans="14:14">
      <c r="N168457" s="10"/>
    </row>
    <row r="168458" spans="14:14">
      <c r="N168458" s="10"/>
    </row>
    <row r="168459" spans="14:14">
      <c r="N168459" s="10"/>
    </row>
    <row r="168460" spans="14:14">
      <c r="N168460" s="10"/>
    </row>
    <row r="168461" spans="14:14">
      <c r="N168461" s="10"/>
    </row>
    <row r="168462" spans="14:14">
      <c r="N168462" s="10"/>
    </row>
    <row r="168463" spans="14:14">
      <c r="N168463" s="10"/>
    </row>
    <row r="168464" spans="14:14">
      <c r="N168464" s="10"/>
    </row>
    <row r="168465" spans="14:14">
      <c r="N168465" s="10"/>
    </row>
    <row r="168466" spans="14:14">
      <c r="N168466" s="10"/>
    </row>
    <row r="168467" spans="14:14">
      <c r="N168467" s="10"/>
    </row>
    <row r="168468" spans="14:14">
      <c r="N168468" s="10"/>
    </row>
    <row r="168469" spans="14:14">
      <c r="N168469" s="10"/>
    </row>
    <row r="168470" spans="14:14">
      <c r="N168470" s="10"/>
    </row>
    <row r="168471" spans="14:14">
      <c r="N168471" s="10"/>
    </row>
    <row r="168472" spans="14:14">
      <c r="N168472" s="10"/>
    </row>
    <row r="168473" spans="14:14">
      <c r="N168473" s="10"/>
    </row>
    <row r="168474" spans="14:14">
      <c r="N168474" s="10"/>
    </row>
    <row r="168475" spans="14:14">
      <c r="N168475" s="10"/>
    </row>
    <row r="168476" spans="14:14">
      <c r="N168476" s="10"/>
    </row>
    <row r="168477" spans="14:14">
      <c r="N168477" s="10"/>
    </row>
    <row r="168478" spans="14:14">
      <c r="N168478" s="10"/>
    </row>
    <row r="168479" spans="14:14">
      <c r="N168479" s="10"/>
    </row>
    <row r="168480" spans="14:14">
      <c r="N168480" s="10"/>
    </row>
    <row r="168481" spans="14:14">
      <c r="N168481" s="10"/>
    </row>
    <row r="168482" spans="14:14">
      <c r="N168482" s="10"/>
    </row>
    <row r="168483" spans="14:14">
      <c r="N168483" s="10"/>
    </row>
    <row r="168484" spans="14:14">
      <c r="N168484" s="10"/>
    </row>
    <row r="168485" spans="14:14">
      <c r="N168485" s="10"/>
    </row>
    <row r="168486" spans="14:14">
      <c r="N168486" s="10"/>
    </row>
    <row r="168487" spans="14:14">
      <c r="N168487" s="10"/>
    </row>
    <row r="168488" spans="14:14">
      <c r="N168488" s="10"/>
    </row>
    <row r="168489" spans="14:14">
      <c r="N168489" s="10"/>
    </row>
    <row r="168490" spans="14:14">
      <c r="N168490" s="10"/>
    </row>
    <row r="168491" spans="14:14">
      <c r="N168491" s="10"/>
    </row>
    <row r="168492" spans="14:14">
      <c r="N168492" s="10"/>
    </row>
    <row r="168493" spans="14:14">
      <c r="N168493" s="10"/>
    </row>
    <row r="168494" spans="14:14">
      <c r="N168494" s="10"/>
    </row>
    <row r="168495" spans="14:14">
      <c r="N168495" s="10"/>
    </row>
    <row r="168496" spans="14:14">
      <c r="N168496" s="10"/>
    </row>
    <row r="168497" spans="14:14">
      <c r="N168497" s="10"/>
    </row>
    <row r="168498" spans="14:14">
      <c r="N168498" s="10"/>
    </row>
    <row r="168499" spans="14:14">
      <c r="N168499" s="10"/>
    </row>
    <row r="168500" spans="14:14">
      <c r="N168500" s="10"/>
    </row>
    <row r="168501" spans="14:14">
      <c r="N168501" s="10"/>
    </row>
    <row r="168502" spans="14:14">
      <c r="N168502" s="10"/>
    </row>
    <row r="168503" spans="14:14">
      <c r="N168503" s="10"/>
    </row>
    <row r="168504" spans="14:14">
      <c r="N168504" s="10"/>
    </row>
    <row r="168505" spans="14:14">
      <c r="N168505" s="10"/>
    </row>
    <row r="168506" spans="14:14">
      <c r="N168506" s="10"/>
    </row>
    <row r="168507" spans="14:14">
      <c r="N168507" s="10"/>
    </row>
    <row r="168508" spans="14:14">
      <c r="N168508" s="10"/>
    </row>
    <row r="168509" spans="14:14">
      <c r="N168509" s="10"/>
    </row>
    <row r="168510" spans="14:14">
      <c r="N168510" s="10"/>
    </row>
    <row r="168511" spans="14:14">
      <c r="N168511" s="10"/>
    </row>
    <row r="168512" spans="14:14">
      <c r="N168512" s="10"/>
    </row>
    <row r="168513" spans="14:14">
      <c r="N168513" s="10"/>
    </row>
    <row r="168514" spans="14:14">
      <c r="N168514" s="10"/>
    </row>
    <row r="168515" spans="14:14">
      <c r="N168515" s="10"/>
    </row>
    <row r="168516" spans="14:14">
      <c r="N168516" s="10"/>
    </row>
    <row r="168517" spans="14:14">
      <c r="N168517" s="10"/>
    </row>
    <row r="168518" spans="14:14">
      <c r="N168518" s="10"/>
    </row>
    <row r="168519" spans="14:14">
      <c r="N168519" s="10"/>
    </row>
    <row r="168520" spans="14:14">
      <c r="N168520" s="10"/>
    </row>
    <row r="168521" spans="14:14">
      <c r="N168521" s="10"/>
    </row>
    <row r="168522" spans="14:14">
      <c r="N168522" s="10"/>
    </row>
    <row r="168523" spans="14:14">
      <c r="N168523" s="10"/>
    </row>
    <row r="168524" spans="14:14">
      <c r="N168524" s="10"/>
    </row>
    <row r="168525" spans="14:14">
      <c r="N168525" s="10"/>
    </row>
    <row r="168526" spans="14:14">
      <c r="N168526" s="10"/>
    </row>
    <row r="168527" spans="14:14">
      <c r="N168527" s="10"/>
    </row>
    <row r="168528" spans="14:14">
      <c r="N168528" s="10"/>
    </row>
    <row r="168529" spans="14:14">
      <c r="N168529" s="10"/>
    </row>
    <row r="168530" spans="14:14">
      <c r="N168530" s="10"/>
    </row>
    <row r="168531" spans="14:14">
      <c r="N168531" s="10"/>
    </row>
    <row r="168532" spans="14:14">
      <c r="N168532" s="10"/>
    </row>
    <row r="168533" spans="14:14">
      <c r="N168533" s="10"/>
    </row>
    <row r="168534" spans="14:14">
      <c r="N168534" s="10"/>
    </row>
    <row r="168535" spans="14:14">
      <c r="N168535" s="10"/>
    </row>
    <row r="168536" spans="14:14">
      <c r="N168536" s="10"/>
    </row>
    <row r="168537" spans="14:14">
      <c r="N168537" s="10"/>
    </row>
    <row r="168538" spans="14:14">
      <c r="N168538" s="10"/>
    </row>
    <row r="168539" spans="14:14">
      <c r="N168539" s="10"/>
    </row>
    <row r="168540" spans="14:14">
      <c r="N168540" s="10"/>
    </row>
    <row r="168541" spans="14:14">
      <c r="N168541" s="10"/>
    </row>
    <row r="168542" spans="14:14">
      <c r="N168542" s="10"/>
    </row>
    <row r="168543" spans="14:14">
      <c r="N168543" s="10"/>
    </row>
    <row r="168544" spans="14:14">
      <c r="N168544" s="10"/>
    </row>
    <row r="168545" spans="14:14">
      <c r="N168545" s="10"/>
    </row>
    <row r="168546" spans="14:14">
      <c r="N168546" s="10"/>
    </row>
    <row r="168547" spans="14:14">
      <c r="N168547" s="10"/>
    </row>
    <row r="168548" spans="14:14">
      <c r="N168548" s="10"/>
    </row>
    <row r="168549" spans="14:14">
      <c r="N168549" s="10"/>
    </row>
    <row r="168550" spans="14:14">
      <c r="N168550" s="10"/>
    </row>
    <row r="168551" spans="14:14">
      <c r="N168551" s="10"/>
    </row>
    <row r="168552" spans="14:14">
      <c r="N168552" s="10"/>
    </row>
    <row r="168553" spans="14:14">
      <c r="N168553" s="10"/>
    </row>
    <row r="168554" spans="14:14">
      <c r="N168554" s="10"/>
    </row>
    <row r="168555" spans="14:14">
      <c r="N168555" s="10"/>
    </row>
    <row r="168556" spans="14:14">
      <c r="N168556" s="10"/>
    </row>
    <row r="168557" spans="14:14">
      <c r="N168557" s="10"/>
    </row>
    <row r="168558" spans="14:14">
      <c r="N168558" s="10"/>
    </row>
    <row r="168559" spans="14:14">
      <c r="N168559" s="10"/>
    </row>
    <row r="168560" spans="14:14">
      <c r="N168560" s="10"/>
    </row>
    <row r="168561" spans="14:14">
      <c r="N168561" s="10"/>
    </row>
    <row r="168562" spans="14:14">
      <c r="N168562" s="10"/>
    </row>
    <row r="168563" spans="14:14">
      <c r="N168563" s="10"/>
    </row>
    <row r="168564" spans="14:14">
      <c r="N168564" s="10"/>
    </row>
    <row r="168565" spans="14:14">
      <c r="N168565" s="10"/>
    </row>
    <row r="168566" spans="14:14">
      <c r="N168566" s="10"/>
    </row>
    <row r="168567" spans="14:14">
      <c r="N168567" s="10"/>
    </row>
    <row r="168568" spans="14:14">
      <c r="N168568" s="10"/>
    </row>
    <row r="168569" spans="14:14">
      <c r="N168569" s="10"/>
    </row>
    <row r="168570" spans="14:14">
      <c r="N168570" s="10"/>
    </row>
    <row r="168571" spans="14:14">
      <c r="N168571" s="10"/>
    </row>
    <row r="168572" spans="14:14">
      <c r="N168572" s="10"/>
    </row>
    <row r="168573" spans="14:14">
      <c r="N168573" s="10"/>
    </row>
    <row r="168574" spans="14:14">
      <c r="N168574" s="10"/>
    </row>
    <row r="168575" spans="14:14">
      <c r="N168575" s="10"/>
    </row>
    <row r="168576" spans="14:14">
      <c r="N168576" s="10"/>
    </row>
    <row r="168577" spans="14:14">
      <c r="N168577" s="10"/>
    </row>
    <row r="168578" spans="14:14">
      <c r="N168578" s="10"/>
    </row>
    <row r="168579" spans="14:14">
      <c r="N168579" s="10"/>
    </row>
    <row r="168580" spans="14:14">
      <c r="N168580" s="10"/>
    </row>
    <row r="168581" spans="14:14">
      <c r="N168581" s="10"/>
    </row>
    <row r="168582" spans="14:14">
      <c r="N168582" s="10"/>
    </row>
    <row r="168583" spans="14:14">
      <c r="N168583" s="10"/>
    </row>
    <row r="168584" spans="14:14">
      <c r="N168584" s="10"/>
    </row>
    <row r="168585" spans="14:14">
      <c r="N168585" s="10"/>
    </row>
    <row r="168586" spans="14:14">
      <c r="N168586" s="10"/>
    </row>
    <row r="168587" spans="14:14">
      <c r="N168587" s="10"/>
    </row>
    <row r="168588" spans="14:14">
      <c r="N168588" s="10"/>
    </row>
    <row r="168589" spans="14:14">
      <c r="N168589" s="10"/>
    </row>
    <row r="168590" spans="14:14">
      <c r="N168590" s="10"/>
    </row>
    <row r="168591" spans="14:14">
      <c r="N168591" s="10"/>
    </row>
    <row r="168592" spans="14:14">
      <c r="N168592" s="10"/>
    </row>
    <row r="168593" spans="14:14">
      <c r="N168593" s="10"/>
    </row>
    <row r="168594" spans="14:14">
      <c r="N168594" s="10"/>
    </row>
    <row r="168595" spans="14:14">
      <c r="N168595" s="10"/>
    </row>
    <row r="168596" spans="14:14">
      <c r="N168596" s="10"/>
    </row>
    <row r="168597" spans="14:14">
      <c r="N168597" s="10"/>
    </row>
    <row r="168598" spans="14:14">
      <c r="N168598" s="10"/>
    </row>
    <row r="168599" spans="14:14">
      <c r="N168599" s="10"/>
    </row>
    <row r="168600" spans="14:14">
      <c r="N168600" s="10"/>
    </row>
    <row r="168601" spans="14:14">
      <c r="N168601" s="10"/>
    </row>
    <row r="168602" spans="14:14">
      <c r="N168602" s="10"/>
    </row>
    <row r="168603" spans="14:14">
      <c r="N168603" s="10"/>
    </row>
    <row r="168604" spans="14:14">
      <c r="N168604" s="10"/>
    </row>
    <row r="168605" spans="14:14">
      <c r="N168605" s="10"/>
    </row>
    <row r="168606" spans="14:14">
      <c r="N168606" s="10"/>
    </row>
    <row r="168607" spans="14:14">
      <c r="N168607" s="10"/>
    </row>
    <row r="168608" spans="14:14">
      <c r="N168608" s="10"/>
    </row>
    <row r="168609" spans="14:14">
      <c r="N168609" s="10"/>
    </row>
    <row r="168610" spans="14:14">
      <c r="N168610" s="10"/>
    </row>
    <row r="168611" spans="14:14">
      <c r="N168611" s="10"/>
    </row>
    <row r="168612" spans="14:14">
      <c r="N168612" s="10"/>
    </row>
    <row r="168613" spans="14:14">
      <c r="N168613" s="10"/>
    </row>
    <row r="168614" spans="14:14">
      <c r="N168614" s="10"/>
    </row>
    <row r="168615" spans="14:14">
      <c r="N168615" s="10"/>
    </row>
    <row r="168616" spans="14:14">
      <c r="N168616" s="10"/>
    </row>
    <row r="168617" spans="14:14">
      <c r="N168617" s="10"/>
    </row>
    <row r="168618" spans="14:14">
      <c r="N168618" s="10"/>
    </row>
    <row r="168619" spans="14:14">
      <c r="N168619" s="10"/>
    </row>
    <row r="168620" spans="14:14">
      <c r="N168620" s="10"/>
    </row>
    <row r="168621" spans="14:14">
      <c r="N168621" s="10"/>
    </row>
    <row r="168622" spans="14:14">
      <c r="N168622" s="10"/>
    </row>
    <row r="168623" spans="14:14">
      <c r="N168623" s="10"/>
    </row>
    <row r="168624" spans="14:14">
      <c r="N168624" s="10"/>
    </row>
    <row r="168625" spans="14:14">
      <c r="N168625" s="10"/>
    </row>
    <row r="168626" spans="14:14">
      <c r="N168626" s="10"/>
    </row>
    <row r="168627" spans="14:14">
      <c r="N168627" s="10"/>
    </row>
    <row r="168628" spans="14:14">
      <c r="N168628" s="10"/>
    </row>
    <row r="168629" spans="14:14">
      <c r="N168629" s="10"/>
    </row>
    <row r="168630" spans="14:14">
      <c r="N168630" s="10"/>
    </row>
    <row r="168631" spans="14:14">
      <c r="N168631" s="10"/>
    </row>
    <row r="168632" spans="14:14">
      <c r="N168632" s="10"/>
    </row>
    <row r="168633" spans="14:14">
      <c r="N168633" s="10"/>
    </row>
    <row r="168634" spans="14:14">
      <c r="N168634" s="10"/>
    </row>
    <row r="168635" spans="14:14">
      <c r="N168635" s="10"/>
    </row>
    <row r="168636" spans="14:14">
      <c r="N168636" s="10"/>
    </row>
    <row r="168637" spans="14:14">
      <c r="N168637" s="10"/>
    </row>
    <row r="168638" spans="14:14">
      <c r="N168638" s="10"/>
    </row>
    <row r="168639" spans="14:14">
      <c r="N168639" s="10"/>
    </row>
    <row r="168640" spans="14:14">
      <c r="N168640" s="10"/>
    </row>
    <row r="168641" spans="14:14">
      <c r="N168641" s="10"/>
    </row>
    <row r="168642" spans="14:14">
      <c r="N168642" s="10"/>
    </row>
    <row r="168643" spans="14:14">
      <c r="N168643" s="10"/>
    </row>
    <row r="168644" spans="14:14">
      <c r="N168644" s="10"/>
    </row>
    <row r="168645" spans="14:14">
      <c r="N168645" s="10"/>
    </row>
    <row r="168646" spans="14:14">
      <c r="N168646" s="10"/>
    </row>
    <row r="168647" spans="14:14">
      <c r="N168647" s="10"/>
    </row>
    <row r="168648" spans="14:14">
      <c r="N168648" s="10"/>
    </row>
    <row r="168649" spans="14:14">
      <c r="N168649" s="10"/>
    </row>
    <row r="168650" spans="14:14">
      <c r="N168650" s="10"/>
    </row>
    <row r="168651" spans="14:14">
      <c r="N168651" s="10"/>
    </row>
    <row r="168652" spans="14:14">
      <c r="N168652" s="10"/>
    </row>
    <row r="168653" spans="14:14">
      <c r="N168653" s="10"/>
    </row>
    <row r="168654" spans="14:14">
      <c r="N168654" s="10"/>
    </row>
    <row r="168655" spans="14:14">
      <c r="N168655" s="10"/>
    </row>
    <row r="168656" spans="14:14">
      <c r="N168656" s="10"/>
    </row>
    <row r="168657" spans="14:14">
      <c r="N168657" s="10"/>
    </row>
    <row r="168658" spans="14:14">
      <c r="N168658" s="10"/>
    </row>
    <row r="168659" spans="14:14">
      <c r="N168659" s="10"/>
    </row>
    <row r="168660" spans="14:14">
      <c r="N168660" s="10"/>
    </row>
    <row r="168661" spans="14:14">
      <c r="N168661" s="10"/>
    </row>
    <row r="168662" spans="14:14">
      <c r="N168662" s="10"/>
    </row>
    <row r="168663" spans="14:14">
      <c r="N168663" s="10"/>
    </row>
    <row r="168664" spans="14:14">
      <c r="N168664" s="10"/>
    </row>
    <row r="168665" spans="14:14">
      <c r="N168665" s="10"/>
    </row>
    <row r="168666" spans="14:14">
      <c r="N168666" s="10"/>
    </row>
    <row r="168667" spans="14:14">
      <c r="N168667" s="10"/>
    </row>
    <row r="168668" spans="14:14">
      <c r="N168668" s="10"/>
    </row>
    <row r="168669" spans="14:14">
      <c r="N168669" s="10"/>
    </row>
    <row r="168670" spans="14:14">
      <c r="N168670" s="10"/>
    </row>
    <row r="168671" spans="14:14">
      <c r="N168671" s="10"/>
    </row>
    <row r="168672" spans="14:14">
      <c r="N168672" s="10"/>
    </row>
    <row r="168673" spans="14:14">
      <c r="N168673" s="10"/>
    </row>
    <row r="168674" spans="14:14">
      <c r="N168674" s="10"/>
    </row>
    <row r="168675" spans="14:14">
      <c r="N168675" s="10"/>
    </row>
    <row r="168676" spans="14:14">
      <c r="N168676" s="10"/>
    </row>
    <row r="168677" spans="14:14">
      <c r="N168677" s="10"/>
    </row>
    <row r="168678" spans="14:14">
      <c r="N168678" s="10"/>
    </row>
    <row r="168679" spans="14:14">
      <c r="N168679" s="10"/>
    </row>
    <row r="168680" spans="14:14">
      <c r="N168680" s="10"/>
    </row>
    <row r="168681" spans="14:14">
      <c r="N168681" s="10"/>
    </row>
    <row r="168682" spans="14:14">
      <c r="N168682" s="10"/>
    </row>
    <row r="168683" spans="14:14">
      <c r="N168683" s="10"/>
    </row>
    <row r="168684" spans="14:14">
      <c r="N168684" s="10"/>
    </row>
    <row r="168685" spans="14:14">
      <c r="N168685" s="10"/>
    </row>
    <row r="168686" spans="14:14">
      <c r="N168686" s="10"/>
    </row>
    <row r="168687" spans="14:14">
      <c r="N168687" s="10"/>
    </row>
    <row r="168688" spans="14:14">
      <c r="N168688" s="10"/>
    </row>
    <row r="168689" spans="14:14">
      <c r="N168689" s="10"/>
    </row>
    <row r="168690" spans="14:14">
      <c r="N168690" s="10"/>
    </row>
    <row r="168691" spans="14:14">
      <c r="N168691" s="10"/>
    </row>
    <row r="168692" spans="14:14">
      <c r="N168692" s="10"/>
    </row>
    <row r="168693" spans="14:14">
      <c r="N168693" s="10"/>
    </row>
    <row r="168694" spans="14:14">
      <c r="N168694" s="10"/>
    </row>
    <row r="168695" spans="14:14">
      <c r="N168695" s="10"/>
    </row>
    <row r="168696" spans="14:14">
      <c r="N168696" s="10"/>
    </row>
    <row r="168697" spans="14:14">
      <c r="N168697" s="10"/>
    </row>
    <row r="168698" spans="14:14">
      <c r="N168698" s="10"/>
    </row>
    <row r="168699" spans="14:14">
      <c r="N168699" s="10"/>
    </row>
    <row r="168700" spans="14:14">
      <c r="N168700" s="10"/>
    </row>
    <row r="168701" spans="14:14">
      <c r="N168701" s="10"/>
    </row>
    <row r="168702" spans="14:14">
      <c r="N168702" s="10"/>
    </row>
    <row r="168703" spans="14:14">
      <c r="N168703" s="10"/>
    </row>
    <row r="168704" spans="14:14">
      <c r="N168704" s="10"/>
    </row>
    <row r="168705" spans="14:14">
      <c r="N168705" s="10"/>
    </row>
    <row r="168706" spans="14:14">
      <c r="N168706" s="10"/>
    </row>
    <row r="168707" spans="14:14">
      <c r="N168707" s="10"/>
    </row>
    <row r="168708" spans="14:14">
      <c r="N168708" s="10"/>
    </row>
    <row r="168709" spans="14:14">
      <c r="N168709" s="10"/>
    </row>
    <row r="168710" spans="14:14">
      <c r="N168710" s="10"/>
    </row>
    <row r="168711" spans="14:14">
      <c r="N168711" s="10"/>
    </row>
    <row r="168712" spans="14:14">
      <c r="N168712" s="10"/>
    </row>
    <row r="168713" spans="14:14">
      <c r="N168713" s="10"/>
    </row>
    <row r="168714" spans="14:14">
      <c r="N168714" s="10"/>
    </row>
    <row r="168715" spans="14:14">
      <c r="N168715" s="10"/>
    </row>
    <row r="168716" spans="14:14">
      <c r="N168716" s="10"/>
    </row>
    <row r="168717" spans="14:14">
      <c r="N168717" s="10"/>
    </row>
    <row r="168718" spans="14:14">
      <c r="N168718" s="10"/>
    </row>
    <row r="168719" spans="14:14">
      <c r="N168719" s="10"/>
    </row>
    <row r="168720" spans="14:14">
      <c r="N168720" s="10"/>
    </row>
    <row r="168721" spans="14:14">
      <c r="N168721" s="10"/>
    </row>
    <row r="168722" spans="14:14">
      <c r="N168722" s="10"/>
    </row>
    <row r="168723" spans="14:14">
      <c r="N168723" s="10"/>
    </row>
    <row r="168724" spans="14:14">
      <c r="N168724" s="10"/>
    </row>
    <row r="168725" spans="14:14">
      <c r="N168725" s="10"/>
    </row>
    <row r="168726" spans="14:14">
      <c r="N168726" s="10"/>
    </row>
    <row r="168727" spans="14:14">
      <c r="N168727" s="10"/>
    </row>
    <row r="168728" spans="14:14">
      <c r="N168728" s="10"/>
    </row>
    <row r="168729" spans="14:14">
      <c r="N168729" s="10"/>
    </row>
    <row r="168730" spans="14:14">
      <c r="N168730" s="10"/>
    </row>
    <row r="168731" spans="14:14">
      <c r="N168731" s="10"/>
    </row>
    <row r="168732" spans="14:14">
      <c r="N168732" s="10"/>
    </row>
    <row r="168733" spans="14:14">
      <c r="N168733" s="10"/>
    </row>
    <row r="168734" spans="14:14">
      <c r="N168734" s="10"/>
    </row>
    <row r="168735" spans="14:14">
      <c r="N168735" s="10"/>
    </row>
    <row r="168736" spans="14:14">
      <c r="N168736" s="10"/>
    </row>
    <row r="168737" spans="14:14">
      <c r="N168737" s="10"/>
    </row>
    <row r="168738" spans="14:14">
      <c r="N168738" s="10"/>
    </row>
    <row r="168739" spans="14:14">
      <c r="N168739" s="10"/>
    </row>
    <row r="168740" spans="14:14">
      <c r="N168740" s="10"/>
    </row>
    <row r="168741" spans="14:14">
      <c r="N168741" s="10"/>
    </row>
    <row r="168742" spans="14:14">
      <c r="N168742" s="10"/>
    </row>
    <row r="168743" spans="14:14">
      <c r="N168743" s="10"/>
    </row>
    <row r="168744" spans="14:14">
      <c r="N168744" s="10"/>
    </row>
    <row r="168745" spans="14:14">
      <c r="N168745" s="10"/>
    </row>
    <row r="168746" spans="14:14">
      <c r="N168746" s="10"/>
    </row>
    <row r="168747" spans="14:14">
      <c r="N168747" s="10"/>
    </row>
    <row r="168748" spans="14:14">
      <c r="N168748" s="10"/>
    </row>
    <row r="168749" spans="14:14">
      <c r="N168749" s="10"/>
    </row>
    <row r="168750" spans="14:14">
      <c r="N168750" s="10"/>
    </row>
    <row r="168751" spans="14:14">
      <c r="N168751" s="10"/>
    </row>
    <row r="168752" spans="14:14">
      <c r="N168752" s="10"/>
    </row>
    <row r="168753" spans="14:14">
      <c r="N168753" s="10"/>
    </row>
    <row r="168754" spans="14:14">
      <c r="N168754" s="10"/>
    </row>
    <row r="168755" spans="14:14">
      <c r="N168755" s="10"/>
    </row>
    <row r="168756" spans="14:14">
      <c r="N168756" s="10"/>
    </row>
    <row r="168757" spans="14:14">
      <c r="N168757" s="10"/>
    </row>
    <row r="168758" spans="14:14">
      <c r="N168758" s="10"/>
    </row>
    <row r="168759" spans="14:14">
      <c r="N168759" s="10"/>
    </row>
    <row r="168760" spans="14:14">
      <c r="N168760" s="10"/>
    </row>
    <row r="168761" spans="14:14">
      <c r="N168761" s="10"/>
    </row>
    <row r="168762" spans="14:14">
      <c r="N168762" s="10"/>
    </row>
    <row r="168763" spans="14:14">
      <c r="N168763" s="10"/>
    </row>
    <row r="168764" spans="14:14">
      <c r="N168764" s="10"/>
    </row>
    <row r="168765" spans="14:14">
      <c r="N168765" s="10"/>
    </row>
    <row r="168766" spans="14:14">
      <c r="N168766" s="10"/>
    </row>
    <row r="168767" spans="14:14">
      <c r="N168767" s="10"/>
    </row>
    <row r="168768" spans="14:14">
      <c r="N168768" s="10"/>
    </row>
    <row r="168769" spans="14:14">
      <c r="N168769" s="10"/>
    </row>
    <row r="168770" spans="14:14">
      <c r="N168770" s="10"/>
    </row>
    <row r="168771" spans="14:14">
      <c r="N168771" s="10"/>
    </row>
    <row r="168772" spans="14:14">
      <c r="N168772" s="10"/>
    </row>
    <row r="168773" spans="14:14">
      <c r="N168773" s="10"/>
    </row>
    <row r="168774" spans="14:14">
      <c r="N168774" s="10"/>
    </row>
    <row r="168775" spans="14:14">
      <c r="N168775" s="10"/>
    </row>
    <row r="168776" spans="14:14">
      <c r="N168776" s="10"/>
    </row>
    <row r="168777" spans="14:14">
      <c r="N168777" s="10"/>
    </row>
    <row r="168778" spans="14:14">
      <c r="N168778" s="10"/>
    </row>
    <row r="168779" spans="14:14">
      <c r="N168779" s="10"/>
    </row>
    <row r="168780" spans="14:14">
      <c r="N168780" s="10"/>
    </row>
    <row r="168781" spans="14:14">
      <c r="N168781" s="10"/>
    </row>
    <row r="168782" spans="14:14">
      <c r="N168782" s="10"/>
    </row>
    <row r="168783" spans="14:14">
      <c r="N168783" s="10"/>
    </row>
    <row r="168784" spans="14:14">
      <c r="N168784" s="10"/>
    </row>
    <row r="168785" spans="14:14">
      <c r="N168785" s="10"/>
    </row>
    <row r="168786" spans="14:14">
      <c r="N168786" s="10"/>
    </row>
    <row r="168787" spans="14:14">
      <c r="N168787" s="10"/>
    </row>
    <row r="168788" spans="14:14">
      <c r="N168788" s="10"/>
    </row>
    <row r="168789" spans="14:14">
      <c r="N168789" s="10"/>
    </row>
    <row r="168790" spans="14:14">
      <c r="N168790" s="10"/>
    </row>
    <row r="168791" spans="14:14">
      <c r="N168791" s="10"/>
    </row>
    <row r="168792" spans="14:14">
      <c r="N168792" s="10"/>
    </row>
    <row r="168793" spans="14:14">
      <c r="N168793" s="10"/>
    </row>
    <row r="168794" spans="14:14">
      <c r="N168794" s="10"/>
    </row>
    <row r="168795" spans="14:14">
      <c r="N168795" s="10"/>
    </row>
    <row r="168796" spans="14:14">
      <c r="N168796" s="10"/>
    </row>
    <row r="168797" spans="14:14">
      <c r="N168797" s="10"/>
    </row>
    <row r="168798" spans="14:14">
      <c r="N168798" s="10"/>
    </row>
    <row r="168799" spans="14:14">
      <c r="N168799" s="10"/>
    </row>
    <row r="168800" spans="14:14">
      <c r="N168800" s="10"/>
    </row>
    <row r="168801" spans="14:14">
      <c r="N168801" s="10"/>
    </row>
    <row r="168802" spans="14:14">
      <c r="N168802" s="10"/>
    </row>
    <row r="168803" spans="14:14">
      <c r="N168803" s="10"/>
    </row>
    <row r="168804" spans="14:14">
      <c r="N168804" s="10"/>
    </row>
    <row r="168805" spans="14:14">
      <c r="N168805" s="10"/>
    </row>
    <row r="168806" spans="14:14">
      <c r="N168806" s="10"/>
    </row>
    <row r="168807" spans="14:14">
      <c r="N168807" s="10"/>
    </row>
    <row r="168808" spans="14:14">
      <c r="N168808" s="10"/>
    </row>
    <row r="168809" spans="14:14">
      <c r="N168809" s="10"/>
    </row>
    <row r="168810" spans="14:14">
      <c r="N168810" s="10"/>
    </row>
    <row r="168811" spans="14:14">
      <c r="N168811" s="10"/>
    </row>
    <row r="168812" spans="14:14">
      <c r="N168812" s="10"/>
    </row>
    <row r="168813" spans="14:14">
      <c r="N168813" s="10"/>
    </row>
    <row r="168814" spans="14:14">
      <c r="N168814" s="10"/>
    </row>
    <row r="168815" spans="14:14">
      <c r="N168815" s="10"/>
    </row>
    <row r="168816" spans="14:14">
      <c r="N168816" s="10"/>
    </row>
    <row r="168817" spans="14:14">
      <c r="N168817" s="10"/>
    </row>
    <row r="168818" spans="14:14">
      <c r="N168818" s="10"/>
    </row>
    <row r="168819" spans="14:14">
      <c r="N168819" s="10"/>
    </row>
    <row r="168820" spans="14:14">
      <c r="N168820" s="10"/>
    </row>
    <row r="168821" spans="14:14">
      <c r="N168821" s="10"/>
    </row>
    <row r="168822" spans="14:14">
      <c r="N168822" s="10"/>
    </row>
    <row r="168823" spans="14:14">
      <c r="N168823" s="10"/>
    </row>
    <row r="168824" spans="14:14">
      <c r="N168824" s="10"/>
    </row>
    <row r="168825" spans="14:14">
      <c r="N168825" s="10"/>
    </row>
    <row r="168826" spans="14:14">
      <c r="N168826" s="10"/>
    </row>
    <row r="168827" spans="14:14">
      <c r="N168827" s="10"/>
    </row>
    <row r="168828" spans="14:14">
      <c r="N168828" s="10"/>
    </row>
    <row r="168829" spans="14:14">
      <c r="N168829" s="10"/>
    </row>
    <row r="168830" spans="14:14">
      <c r="N168830" s="10"/>
    </row>
    <row r="168831" spans="14:14">
      <c r="N168831" s="10"/>
    </row>
    <row r="168832" spans="14:14">
      <c r="N168832" s="10"/>
    </row>
    <row r="168833" spans="14:14">
      <c r="N168833" s="10"/>
    </row>
    <row r="168834" spans="14:14">
      <c r="N168834" s="10"/>
    </row>
    <row r="168835" spans="14:14">
      <c r="N168835" s="10"/>
    </row>
    <row r="168836" spans="14:14">
      <c r="N168836" s="10"/>
    </row>
    <row r="168837" spans="14:14">
      <c r="N168837" s="10"/>
    </row>
    <row r="168838" spans="14:14">
      <c r="N168838" s="10"/>
    </row>
    <row r="168839" spans="14:14">
      <c r="N168839" s="10"/>
    </row>
    <row r="168840" spans="14:14">
      <c r="N168840" s="10"/>
    </row>
    <row r="168841" spans="14:14">
      <c r="N168841" s="10"/>
    </row>
    <row r="168842" spans="14:14">
      <c r="N168842" s="10"/>
    </row>
    <row r="168843" spans="14:14">
      <c r="N168843" s="10"/>
    </row>
    <row r="168844" spans="14:14">
      <c r="N168844" s="10"/>
    </row>
    <row r="168845" spans="14:14">
      <c r="N168845" s="10"/>
    </row>
    <row r="168846" spans="14:14">
      <c r="N168846" s="10"/>
    </row>
    <row r="168847" spans="14:14">
      <c r="N168847" s="10"/>
    </row>
    <row r="168848" spans="14:14">
      <c r="N168848" s="10"/>
    </row>
    <row r="168849" spans="14:14">
      <c r="N168849" s="10"/>
    </row>
    <row r="168850" spans="14:14">
      <c r="N168850" s="10"/>
    </row>
    <row r="168851" spans="14:14">
      <c r="N168851" s="10"/>
    </row>
    <row r="168852" spans="14:14">
      <c r="N168852" s="10"/>
    </row>
    <row r="168853" spans="14:14">
      <c r="N168853" s="10"/>
    </row>
    <row r="168854" spans="14:14">
      <c r="N168854" s="10"/>
    </row>
    <row r="168855" spans="14:14">
      <c r="N168855" s="10"/>
    </row>
    <row r="168856" spans="14:14">
      <c r="N168856" s="10"/>
    </row>
    <row r="168857" spans="14:14">
      <c r="N168857" s="10"/>
    </row>
    <row r="168858" spans="14:14">
      <c r="N168858" s="10"/>
    </row>
    <row r="168859" spans="14:14">
      <c r="N168859" s="10"/>
    </row>
    <row r="168860" spans="14:14">
      <c r="N168860" s="10"/>
    </row>
    <row r="168861" spans="14:14">
      <c r="N168861" s="10"/>
    </row>
    <row r="168862" spans="14:14">
      <c r="N168862" s="10"/>
    </row>
    <row r="168863" spans="14:14">
      <c r="N168863" s="10"/>
    </row>
    <row r="168864" spans="14:14">
      <c r="N168864" s="10"/>
    </row>
    <row r="168865" spans="14:14">
      <c r="N168865" s="10"/>
    </row>
    <row r="168866" spans="14:14">
      <c r="N168866" s="10"/>
    </row>
    <row r="168867" spans="14:14">
      <c r="N168867" s="10"/>
    </row>
    <row r="168868" spans="14:14">
      <c r="N168868" s="10"/>
    </row>
    <row r="168869" spans="14:14">
      <c r="N168869" s="10"/>
    </row>
    <row r="168870" spans="14:14">
      <c r="N168870" s="10"/>
    </row>
    <row r="168871" spans="14:14">
      <c r="N168871" s="10"/>
    </row>
    <row r="168872" spans="14:14">
      <c r="N168872" s="10"/>
    </row>
    <row r="168873" spans="14:14">
      <c r="N168873" s="10"/>
    </row>
    <row r="168874" spans="14:14">
      <c r="N168874" s="10"/>
    </row>
    <row r="168875" spans="14:14">
      <c r="N168875" s="10"/>
    </row>
    <row r="168876" spans="14:14">
      <c r="N168876" s="10"/>
    </row>
    <row r="168877" spans="14:14">
      <c r="N168877" s="10"/>
    </row>
    <row r="168878" spans="14:14">
      <c r="N168878" s="10"/>
    </row>
    <row r="168879" spans="14:14">
      <c r="N168879" s="10"/>
    </row>
    <row r="168880" spans="14:14">
      <c r="N168880" s="10"/>
    </row>
    <row r="168881" spans="14:14">
      <c r="N168881" s="10"/>
    </row>
    <row r="168882" spans="14:14">
      <c r="N168882" s="10"/>
    </row>
    <row r="168883" spans="14:14">
      <c r="N168883" s="10"/>
    </row>
    <row r="168884" spans="14:14">
      <c r="N168884" s="10"/>
    </row>
    <row r="168885" spans="14:14">
      <c r="N168885" s="10"/>
    </row>
    <row r="168886" spans="14:14">
      <c r="N168886" s="10"/>
    </row>
    <row r="168887" spans="14:14">
      <c r="N168887" s="10"/>
    </row>
    <row r="168888" spans="14:14">
      <c r="N168888" s="10"/>
    </row>
    <row r="168889" spans="14:14">
      <c r="N168889" s="10"/>
    </row>
    <row r="168890" spans="14:14">
      <c r="N168890" s="10"/>
    </row>
    <row r="168891" spans="14:14">
      <c r="N168891" s="10"/>
    </row>
    <row r="168892" spans="14:14">
      <c r="N168892" s="10"/>
    </row>
    <row r="168893" spans="14:14">
      <c r="N168893" s="10"/>
    </row>
    <row r="168894" spans="14:14">
      <c r="N168894" s="10"/>
    </row>
    <row r="168895" spans="14:14">
      <c r="N168895" s="10"/>
    </row>
    <row r="168896" spans="14:14">
      <c r="N168896" s="10"/>
    </row>
    <row r="168897" spans="14:14">
      <c r="N168897" s="10"/>
    </row>
    <row r="168898" spans="14:14">
      <c r="N168898" s="10"/>
    </row>
    <row r="168899" spans="14:14">
      <c r="N168899" s="10"/>
    </row>
    <row r="168900" spans="14:14">
      <c r="N168900" s="10"/>
    </row>
    <row r="168901" spans="14:14">
      <c r="N168901" s="10"/>
    </row>
    <row r="168902" spans="14:14">
      <c r="N168902" s="10"/>
    </row>
    <row r="168903" spans="14:14">
      <c r="N168903" s="10"/>
    </row>
    <row r="168904" spans="14:14">
      <c r="N168904" s="10"/>
    </row>
    <row r="168905" spans="14:14">
      <c r="N168905" s="10"/>
    </row>
    <row r="168906" spans="14:14">
      <c r="N168906" s="10"/>
    </row>
    <row r="168907" spans="14:14">
      <c r="N168907" s="10"/>
    </row>
    <row r="168908" spans="14:14">
      <c r="N168908" s="10"/>
    </row>
    <row r="168909" spans="14:14">
      <c r="N168909" s="10"/>
    </row>
    <row r="168910" spans="14:14">
      <c r="N168910" s="10"/>
    </row>
    <row r="168911" spans="14:14">
      <c r="N168911" s="10"/>
    </row>
    <row r="168912" spans="14:14">
      <c r="N168912" s="10"/>
    </row>
    <row r="168913" spans="14:14">
      <c r="N168913" s="10"/>
    </row>
    <row r="168914" spans="14:14">
      <c r="N168914" s="10"/>
    </row>
    <row r="168915" spans="14:14">
      <c r="N168915" s="10"/>
    </row>
    <row r="168916" spans="14:14">
      <c r="N168916" s="10"/>
    </row>
    <row r="168917" spans="14:14">
      <c r="N168917" s="10"/>
    </row>
    <row r="168918" spans="14:14">
      <c r="N168918" s="10"/>
    </row>
    <row r="168919" spans="14:14">
      <c r="N168919" s="10"/>
    </row>
    <row r="168920" spans="14:14">
      <c r="N168920" s="10"/>
    </row>
    <row r="168921" spans="14:14">
      <c r="N168921" s="10"/>
    </row>
    <row r="168922" spans="14:14">
      <c r="N168922" s="10"/>
    </row>
    <row r="168923" spans="14:14">
      <c r="N168923" s="10"/>
    </row>
    <row r="168924" spans="14:14">
      <c r="N168924" s="10"/>
    </row>
    <row r="168925" spans="14:14">
      <c r="N168925" s="10"/>
    </row>
    <row r="168926" spans="14:14">
      <c r="N168926" s="10"/>
    </row>
    <row r="168927" spans="14:14">
      <c r="N168927" s="10"/>
    </row>
    <row r="168928" spans="14:14">
      <c r="N168928" s="10"/>
    </row>
    <row r="168929" spans="14:14">
      <c r="N168929" s="10"/>
    </row>
    <row r="168930" spans="14:14">
      <c r="N168930" s="10"/>
    </row>
    <row r="168931" spans="14:14">
      <c r="N168931" s="10"/>
    </row>
    <row r="168932" spans="14:14">
      <c r="N168932" s="10"/>
    </row>
    <row r="168933" spans="14:14">
      <c r="N168933" s="10"/>
    </row>
    <row r="168934" spans="14:14">
      <c r="N168934" s="10"/>
    </row>
    <row r="168935" spans="14:14">
      <c r="N168935" s="10"/>
    </row>
    <row r="168936" spans="14:14">
      <c r="N168936" s="10"/>
    </row>
    <row r="168937" spans="14:14">
      <c r="N168937" s="10"/>
    </row>
    <row r="168938" spans="14:14">
      <c r="N168938" s="10"/>
    </row>
    <row r="168939" spans="14:14">
      <c r="N168939" s="10"/>
    </row>
    <row r="168940" spans="14:14">
      <c r="N168940" s="10"/>
    </row>
    <row r="168941" spans="14:14">
      <c r="N168941" s="10"/>
    </row>
    <row r="168942" spans="14:14">
      <c r="N168942" s="10"/>
    </row>
    <row r="168943" spans="14:14">
      <c r="N168943" s="10"/>
    </row>
    <row r="168944" spans="14:14">
      <c r="N168944" s="10"/>
    </row>
    <row r="168945" spans="14:14">
      <c r="N168945" s="10"/>
    </row>
    <row r="168946" spans="14:14">
      <c r="N168946" s="10"/>
    </row>
    <row r="168947" spans="14:14">
      <c r="N168947" s="10"/>
    </row>
    <row r="168948" spans="14:14">
      <c r="N168948" s="10"/>
    </row>
    <row r="168949" spans="14:14">
      <c r="N168949" s="10"/>
    </row>
    <row r="168950" spans="14:14">
      <c r="N168950" s="10"/>
    </row>
    <row r="168951" spans="14:14">
      <c r="N168951" s="10"/>
    </row>
    <row r="168952" spans="14:14">
      <c r="N168952" s="10"/>
    </row>
    <row r="168953" spans="14:14">
      <c r="N168953" s="10"/>
    </row>
    <row r="168954" spans="14:14">
      <c r="N168954" s="10"/>
    </row>
    <row r="168955" spans="14:14">
      <c r="N168955" s="10"/>
    </row>
    <row r="168956" spans="14:14">
      <c r="N168956" s="10"/>
    </row>
    <row r="168957" spans="14:14">
      <c r="N168957" s="10"/>
    </row>
    <row r="168958" spans="14:14">
      <c r="N168958" s="10"/>
    </row>
    <row r="168959" spans="14:14">
      <c r="N168959" s="10"/>
    </row>
    <row r="168960" spans="14:14">
      <c r="N168960" s="10"/>
    </row>
    <row r="168961" spans="14:14">
      <c r="N168961" s="10"/>
    </row>
    <row r="168962" spans="14:14">
      <c r="N168962" s="10"/>
    </row>
    <row r="168963" spans="14:14">
      <c r="N168963" s="10"/>
    </row>
    <row r="168964" spans="14:14">
      <c r="N168964" s="10"/>
    </row>
    <row r="168965" spans="14:14">
      <c r="N168965" s="10"/>
    </row>
    <row r="168966" spans="14:14">
      <c r="N168966" s="10"/>
    </row>
    <row r="168967" spans="14:14">
      <c r="N168967" s="10"/>
    </row>
    <row r="168968" spans="14:14">
      <c r="N168968" s="10"/>
    </row>
    <row r="168969" spans="14:14">
      <c r="N168969" s="10"/>
    </row>
    <row r="168970" spans="14:14">
      <c r="N168970" s="10"/>
    </row>
    <row r="168971" spans="14:14">
      <c r="N168971" s="10"/>
    </row>
    <row r="168972" spans="14:14">
      <c r="N168972" s="10"/>
    </row>
    <row r="168973" spans="14:14">
      <c r="N168973" s="10"/>
    </row>
    <row r="168974" spans="14:14">
      <c r="N168974" s="10"/>
    </row>
    <row r="168975" spans="14:14">
      <c r="N168975" s="10"/>
    </row>
    <row r="168976" spans="14:14">
      <c r="N168976" s="10"/>
    </row>
    <row r="168977" spans="14:14">
      <c r="N168977" s="10"/>
    </row>
    <row r="168978" spans="14:14">
      <c r="N168978" s="10"/>
    </row>
    <row r="168979" spans="14:14">
      <c r="N168979" s="10"/>
    </row>
    <row r="168980" spans="14:14">
      <c r="N168980" s="10"/>
    </row>
    <row r="168981" spans="14:14">
      <c r="N168981" s="10"/>
    </row>
    <row r="168982" spans="14:14">
      <c r="N168982" s="10"/>
    </row>
    <row r="168983" spans="14:14">
      <c r="N168983" s="10"/>
    </row>
    <row r="168984" spans="14:14">
      <c r="N168984" s="10"/>
    </row>
    <row r="168985" spans="14:14">
      <c r="N168985" s="10"/>
    </row>
    <row r="168986" spans="14:14">
      <c r="N168986" s="10"/>
    </row>
    <row r="168987" spans="14:14">
      <c r="N168987" s="10"/>
    </row>
    <row r="168988" spans="14:14">
      <c r="N168988" s="10"/>
    </row>
    <row r="168989" spans="14:14">
      <c r="N168989" s="10"/>
    </row>
    <row r="168990" spans="14:14">
      <c r="N168990" s="10"/>
    </row>
    <row r="168991" spans="14:14">
      <c r="N168991" s="10"/>
    </row>
    <row r="168992" spans="14:14">
      <c r="N168992" s="10"/>
    </row>
    <row r="168993" spans="14:14">
      <c r="N168993" s="10"/>
    </row>
    <row r="168994" spans="14:14">
      <c r="N168994" s="10"/>
    </row>
    <row r="168995" spans="14:14">
      <c r="N168995" s="10"/>
    </row>
    <row r="168996" spans="14:14">
      <c r="N168996" s="10"/>
    </row>
    <row r="168997" spans="14:14">
      <c r="N168997" s="10"/>
    </row>
    <row r="168998" spans="14:14">
      <c r="N168998" s="10"/>
    </row>
    <row r="168999" spans="14:14">
      <c r="N168999" s="10"/>
    </row>
    <row r="169000" spans="14:14">
      <c r="N169000" s="10"/>
    </row>
    <row r="169001" spans="14:14">
      <c r="N169001" s="10"/>
    </row>
    <row r="169002" spans="14:14">
      <c r="N169002" s="10"/>
    </row>
    <row r="169003" spans="14:14">
      <c r="N169003" s="10"/>
    </row>
    <row r="169004" spans="14:14">
      <c r="N169004" s="10"/>
    </row>
    <row r="169005" spans="14:14">
      <c r="N169005" s="10"/>
    </row>
    <row r="169006" spans="14:14">
      <c r="N169006" s="10"/>
    </row>
    <row r="169007" spans="14:14">
      <c r="N169007" s="10"/>
    </row>
    <row r="169008" spans="14:14">
      <c r="N169008" s="10"/>
    </row>
    <row r="169009" spans="14:14">
      <c r="N169009" s="10"/>
    </row>
    <row r="169010" spans="14:14">
      <c r="N169010" s="10"/>
    </row>
    <row r="169011" spans="14:14">
      <c r="N169011" s="10"/>
    </row>
    <row r="169012" spans="14:14">
      <c r="N169012" s="10"/>
    </row>
    <row r="169013" spans="14:14">
      <c r="N169013" s="10"/>
    </row>
    <row r="169014" spans="14:14">
      <c r="N169014" s="10"/>
    </row>
    <row r="169015" spans="14:14">
      <c r="N169015" s="10"/>
    </row>
    <row r="169016" spans="14:14">
      <c r="N169016" s="10"/>
    </row>
    <row r="169017" spans="14:14">
      <c r="N169017" s="10"/>
    </row>
    <row r="169018" spans="14:14">
      <c r="N169018" s="10"/>
    </row>
    <row r="169019" spans="14:14">
      <c r="N169019" s="10"/>
    </row>
    <row r="169020" spans="14:14">
      <c r="N169020" s="10"/>
    </row>
    <row r="169021" spans="14:14">
      <c r="N169021" s="10"/>
    </row>
    <row r="169022" spans="14:14">
      <c r="N169022" s="10"/>
    </row>
    <row r="169023" spans="14:14">
      <c r="N169023" s="10"/>
    </row>
    <row r="169024" spans="14:14">
      <c r="N169024" s="10"/>
    </row>
    <row r="169025" spans="14:14">
      <c r="N169025" s="10"/>
    </row>
    <row r="169026" spans="14:14">
      <c r="N169026" s="10"/>
    </row>
    <row r="169027" spans="14:14">
      <c r="N169027" s="10"/>
    </row>
    <row r="169028" spans="14:14">
      <c r="N169028" s="10"/>
    </row>
    <row r="169029" spans="14:14">
      <c r="N169029" s="10"/>
    </row>
    <row r="169030" spans="14:14">
      <c r="N169030" s="10"/>
    </row>
    <row r="169031" spans="14:14">
      <c r="N169031" s="10"/>
    </row>
    <row r="169032" spans="14:14">
      <c r="N169032" s="10"/>
    </row>
    <row r="169033" spans="14:14">
      <c r="N169033" s="10"/>
    </row>
    <row r="169034" spans="14:14">
      <c r="N169034" s="10"/>
    </row>
    <row r="169035" spans="14:14">
      <c r="N169035" s="10"/>
    </row>
    <row r="169036" spans="14:14">
      <c r="N169036" s="10"/>
    </row>
    <row r="169037" spans="14:14">
      <c r="N169037" s="10"/>
    </row>
    <row r="169038" spans="14:14">
      <c r="N169038" s="10"/>
    </row>
    <row r="169039" spans="14:14">
      <c r="N169039" s="10"/>
    </row>
    <row r="169040" spans="14:14">
      <c r="N169040" s="10"/>
    </row>
    <row r="169041" spans="14:14">
      <c r="N169041" s="10"/>
    </row>
    <row r="169042" spans="14:14">
      <c r="N169042" s="10"/>
    </row>
    <row r="169043" spans="14:14">
      <c r="N169043" s="10"/>
    </row>
    <row r="169044" spans="14:14">
      <c r="N169044" s="10"/>
    </row>
    <row r="169045" spans="14:14">
      <c r="N169045" s="10"/>
    </row>
    <row r="169046" spans="14:14">
      <c r="N169046" s="10"/>
    </row>
    <row r="169047" spans="14:14">
      <c r="N169047" s="10"/>
    </row>
    <row r="169048" spans="14:14">
      <c r="N169048" s="10"/>
    </row>
    <row r="169049" spans="14:14">
      <c r="N169049" s="10"/>
    </row>
    <row r="169050" spans="14:14">
      <c r="N169050" s="10"/>
    </row>
    <row r="169051" spans="14:14">
      <c r="N169051" s="10"/>
    </row>
    <row r="169052" spans="14:14">
      <c r="N169052" s="10"/>
    </row>
    <row r="169053" spans="14:14">
      <c r="N169053" s="10"/>
    </row>
    <row r="169054" spans="14:14">
      <c r="N169054" s="10"/>
    </row>
    <row r="169055" spans="14:14">
      <c r="N169055" s="10"/>
    </row>
    <row r="169056" spans="14:14">
      <c r="N169056" s="10"/>
    </row>
    <row r="169057" spans="14:14">
      <c r="N169057" s="10"/>
    </row>
    <row r="169058" spans="14:14">
      <c r="N169058" s="10"/>
    </row>
    <row r="169059" spans="14:14">
      <c r="N169059" s="10"/>
    </row>
    <row r="169060" spans="14:14">
      <c r="N169060" s="10"/>
    </row>
    <row r="169061" spans="14:14">
      <c r="N169061" s="10"/>
    </row>
    <row r="169062" spans="14:14">
      <c r="N169062" s="10"/>
    </row>
    <row r="169063" spans="14:14">
      <c r="N169063" s="10"/>
    </row>
    <row r="169064" spans="14:14">
      <c r="N169064" s="10"/>
    </row>
    <row r="169065" spans="14:14">
      <c r="N169065" s="10"/>
    </row>
    <row r="169066" spans="14:14">
      <c r="N169066" s="10"/>
    </row>
    <row r="169067" spans="14:14">
      <c r="N169067" s="10"/>
    </row>
    <row r="169068" spans="14:14">
      <c r="N169068" s="10"/>
    </row>
    <row r="169069" spans="14:14">
      <c r="N169069" s="10"/>
    </row>
    <row r="169070" spans="14:14">
      <c r="N169070" s="10"/>
    </row>
    <row r="169071" spans="14:14">
      <c r="N169071" s="10"/>
    </row>
    <row r="169072" spans="14:14">
      <c r="N169072" s="10"/>
    </row>
    <row r="169073" spans="14:14">
      <c r="N169073" s="10"/>
    </row>
    <row r="169074" spans="14:14">
      <c r="N169074" s="10"/>
    </row>
    <row r="169075" spans="14:14">
      <c r="N169075" s="10"/>
    </row>
    <row r="169076" spans="14:14">
      <c r="N169076" s="10"/>
    </row>
    <row r="169077" spans="14:14">
      <c r="N169077" s="10"/>
    </row>
    <row r="169078" spans="14:14">
      <c r="N169078" s="10"/>
    </row>
    <row r="169079" spans="14:14">
      <c r="N169079" s="10"/>
    </row>
    <row r="169080" spans="14:14">
      <c r="N169080" s="10"/>
    </row>
    <row r="169081" spans="14:14">
      <c r="N169081" s="10"/>
    </row>
    <row r="169082" spans="14:14">
      <c r="N169082" s="10"/>
    </row>
    <row r="169083" spans="14:14">
      <c r="N169083" s="10"/>
    </row>
    <row r="169084" spans="14:14">
      <c r="N169084" s="10"/>
    </row>
    <row r="169085" spans="14:14">
      <c r="N169085" s="10"/>
    </row>
    <row r="169086" spans="14:14">
      <c r="N169086" s="10"/>
    </row>
    <row r="169087" spans="14:14">
      <c r="N169087" s="10"/>
    </row>
    <row r="169088" spans="14:14">
      <c r="N169088" s="10"/>
    </row>
    <row r="169089" spans="14:14">
      <c r="N169089" s="10"/>
    </row>
    <row r="169090" spans="14:14">
      <c r="N169090" s="10"/>
    </row>
    <row r="169091" spans="14:14">
      <c r="N169091" s="10"/>
    </row>
    <row r="169092" spans="14:14">
      <c r="N169092" s="10"/>
    </row>
    <row r="169093" spans="14:14">
      <c r="N169093" s="10"/>
    </row>
    <row r="169094" spans="14:14">
      <c r="N169094" s="10"/>
    </row>
    <row r="169095" spans="14:14">
      <c r="N169095" s="10"/>
    </row>
    <row r="169096" spans="14:14">
      <c r="N169096" s="10"/>
    </row>
    <row r="169097" spans="14:14">
      <c r="N169097" s="10"/>
    </row>
    <row r="169098" spans="14:14">
      <c r="N169098" s="10"/>
    </row>
    <row r="169099" spans="14:14">
      <c r="N169099" s="10"/>
    </row>
    <row r="169100" spans="14:14">
      <c r="N169100" s="10"/>
    </row>
    <row r="169101" spans="14:14">
      <c r="N169101" s="10"/>
    </row>
    <row r="169102" spans="14:14">
      <c r="N169102" s="10"/>
    </row>
    <row r="169103" spans="14:14">
      <c r="N169103" s="10"/>
    </row>
    <row r="169104" spans="14:14">
      <c r="N169104" s="10"/>
    </row>
    <row r="169105" spans="14:14">
      <c r="N169105" s="10"/>
    </row>
    <row r="169106" spans="14:14">
      <c r="N169106" s="10"/>
    </row>
    <row r="169107" spans="14:14">
      <c r="N169107" s="10"/>
    </row>
    <row r="169108" spans="14:14">
      <c r="N169108" s="10"/>
    </row>
    <row r="169109" spans="14:14">
      <c r="N169109" s="10"/>
    </row>
    <row r="169110" spans="14:14">
      <c r="N169110" s="10"/>
    </row>
    <row r="169111" spans="14:14">
      <c r="N169111" s="10"/>
    </row>
    <row r="169112" spans="14:14">
      <c r="N169112" s="10"/>
    </row>
    <row r="169113" spans="14:14">
      <c r="N169113" s="10"/>
    </row>
    <row r="169114" spans="14:14">
      <c r="N169114" s="10"/>
    </row>
    <row r="169115" spans="14:14">
      <c r="N169115" s="10"/>
    </row>
    <row r="169116" spans="14:14">
      <c r="N169116" s="10"/>
    </row>
    <row r="169117" spans="14:14">
      <c r="N169117" s="10"/>
    </row>
    <row r="169118" spans="14:14">
      <c r="N169118" s="10"/>
    </row>
    <row r="169119" spans="14:14">
      <c r="N169119" s="10"/>
    </row>
    <row r="169120" spans="14:14">
      <c r="N169120" s="10"/>
    </row>
    <row r="169121" spans="14:14">
      <c r="N169121" s="10"/>
    </row>
    <row r="169122" spans="14:14">
      <c r="N169122" s="10"/>
    </row>
    <row r="169123" spans="14:14">
      <c r="N169123" s="10"/>
    </row>
    <row r="169124" spans="14:14">
      <c r="N169124" s="10"/>
    </row>
    <row r="169125" spans="14:14">
      <c r="N169125" s="10"/>
    </row>
    <row r="169126" spans="14:14">
      <c r="N169126" s="10"/>
    </row>
    <row r="169127" spans="14:14">
      <c r="N169127" s="10"/>
    </row>
    <row r="169128" spans="14:14">
      <c r="N169128" s="10"/>
    </row>
    <row r="169129" spans="14:14">
      <c r="N169129" s="10"/>
    </row>
    <row r="169130" spans="14:14">
      <c r="N169130" s="10"/>
    </row>
    <row r="169131" spans="14:14">
      <c r="N169131" s="10"/>
    </row>
    <row r="169132" spans="14:14">
      <c r="N169132" s="10"/>
    </row>
    <row r="169133" spans="14:14">
      <c r="N169133" s="10"/>
    </row>
    <row r="169134" spans="14:14">
      <c r="N169134" s="10"/>
    </row>
    <row r="169135" spans="14:14">
      <c r="N169135" s="10"/>
    </row>
    <row r="169136" spans="14:14">
      <c r="N169136" s="10"/>
    </row>
    <row r="169137" spans="14:14">
      <c r="N169137" s="10"/>
    </row>
    <row r="169138" spans="14:14">
      <c r="N169138" s="10"/>
    </row>
    <row r="169139" spans="14:14">
      <c r="N169139" s="10"/>
    </row>
    <row r="169140" spans="14:14">
      <c r="N169140" s="10"/>
    </row>
    <row r="169141" spans="14:14">
      <c r="N169141" s="10"/>
    </row>
    <row r="169142" spans="14:14">
      <c r="N169142" s="10"/>
    </row>
    <row r="169143" spans="14:14">
      <c r="N169143" s="10"/>
    </row>
    <row r="169144" spans="14:14">
      <c r="N169144" s="10"/>
    </row>
    <row r="169145" spans="14:14">
      <c r="N169145" s="10"/>
    </row>
    <row r="169146" spans="14:14">
      <c r="N169146" s="10"/>
    </row>
    <row r="169147" spans="14:14">
      <c r="N169147" s="10"/>
    </row>
    <row r="169148" spans="14:14">
      <c r="N169148" s="10"/>
    </row>
    <row r="169149" spans="14:14">
      <c r="N169149" s="10"/>
    </row>
    <row r="169150" spans="14:14">
      <c r="N169150" s="10"/>
    </row>
    <row r="169151" spans="14:14">
      <c r="N169151" s="10"/>
    </row>
    <row r="169152" spans="14:14">
      <c r="N169152" s="10"/>
    </row>
    <row r="169153" spans="14:14">
      <c r="N169153" s="10"/>
    </row>
    <row r="169154" spans="14:14">
      <c r="N169154" s="10"/>
    </row>
    <row r="169155" spans="14:14">
      <c r="N169155" s="10"/>
    </row>
    <row r="169156" spans="14:14">
      <c r="N169156" s="10"/>
    </row>
    <row r="169157" spans="14:14">
      <c r="N169157" s="10"/>
    </row>
    <row r="169158" spans="14:14">
      <c r="N169158" s="10"/>
    </row>
    <row r="169159" spans="14:14">
      <c r="N169159" s="10"/>
    </row>
    <row r="169160" spans="14:14">
      <c r="N169160" s="10"/>
    </row>
    <row r="169161" spans="14:14">
      <c r="N169161" s="10"/>
    </row>
    <row r="169162" spans="14:14">
      <c r="N169162" s="10"/>
    </row>
    <row r="169163" spans="14:14">
      <c r="N169163" s="10"/>
    </row>
    <row r="169164" spans="14:14">
      <c r="N169164" s="10"/>
    </row>
    <row r="169165" spans="14:14">
      <c r="N169165" s="10"/>
    </row>
    <row r="169166" spans="14:14">
      <c r="N169166" s="10"/>
    </row>
    <row r="169167" spans="14:14">
      <c r="N169167" s="10"/>
    </row>
    <row r="169168" spans="14:14">
      <c r="N169168" s="10"/>
    </row>
    <row r="169169" spans="14:14">
      <c r="N169169" s="10"/>
    </row>
    <row r="169170" spans="14:14">
      <c r="N169170" s="10"/>
    </row>
    <row r="169171" spans="14:14">
      <c r="N169171" s="10"/>
    </row>
    <row r="169172" spans="14:14">
      <c r="N169172" s="10"/>
    </row>
    <row r="169173" spans="14:14">
      <c r="N169173" s="10"/>
    </row>
    <row r="169174" spans="14:14">
      <c r="N169174" s="10"/>
    </row>
    <row r="169175" spans="14:14">
      <c r="N169175" s="10"/>
    </row>
    <row r="169176" spans="14:14">
      <c r="N169176" s="10"/>
    </row>
    <row r="169177" spans="14:14">
      <c r="N169177" s="10"/>
    </row>
    <row r="169178" spans="14:14">
      <c r="N169178" s="10"/>
    </row>
    <row r="169179" spans="14:14">
      <c r="N169179" s="10"/>
    </row>
    <row r="169180" spans="14:14">
      <c r="N169180" s="10"/>
    </row>
    <row r="169181" spans="14:14">
      <c r="N169181" s="10"/>
    </row>
    <row r="169182" spans="14:14">
      <c r="N169182" s="10"/>
    </row>
    <row r="169183" spans="14:14">
      <c r="N169183" s="10"/>
    </row>
    <row r="169184" spans="14:14">
      <c r="N169184" s="10"/>
    </row>
    <row r="169185" spans="14:14">
      <c r="N169185" s="10"/>
    </row>
    <row r="169186" spans="14:14">
      <c r="N169186" s="10"/>
    </row>
    <row r="169187" spans="14:14">
      <c r="N169187" s="10"/>
    </row>
    <row r="169188" spans="14:14">
      <c r="N169188" s="10"/>
    </row>
    <row r="169189" spans="14:14">
      <c r="N169189" s="10"/>
    </row>
    <row r="169190" spans="14:14">
      <c r="N169190" s="10"/>
    </row>
    <row r="169191" spans="14:14">
      <c r="N169191" s="10"/>
    </row>
    <row r="169192" spans="14:14">
      <c r="N169192" s="10"/>
    </row>
    <row r="169193" spans="14:14">
      <c r="N169193" s="10"/>
    </row>
    <row r="169194" spans="14:14">
      <c r="N169194" s="10"/>
    </row>
    <row r="169195" spans="14:14">
      <c r="N169195" s="10"/>
    </row>
    <row r="169196" spans="14:14">
      <c r="N169196" s="10"/>
    </row>
    <row r="169197" spans="14:14">
      <c r="N169197" s="10"/>
    </row>
    <row r="169198" spans="14:14">
      <c r="N169198" s="10"/>
    </row>
    <row r="169199" spans="14:14">
      <c r="N169199" s="10"/>
    </row>
    <row r="169200" spans="14:14">
      <c r="N169200" s="10"/>
    </row>
    <row r="169201" spans="14:14">
      <c r="N169201" s="10"/>
    </row>
    <row r="169202" spans="14:14">
      <c r="N169202" s="10"/>
    </row>
    <row r="169203" spans="14:14">
      <c r="N169203" s="10"/>
    </row>
    <row r="169204" spans="14:14">
      <c r="N169204" s="10"/>
    </row>
    <row r="169205" spans="14:14">
      <c r="N169205" s="10"/>
    </row>
    <row r="169206" spans="14:14">
      <c r="N169206" s="10"/>
    </row>
    <row r="169207" spans="14:14">
      <c r="N169207" s="10"/>
    </row>
    <row r="169208" spans="14:14">
      <c r="N169208" s="10"/>
    </row>
    <row r="169209" spans="14:14">
      <c r="N169209" s="10"/>
    </row>
    <row r="169210" spans="14:14">
      <c r="N169210" s="10"/>
    </row>
    <row r="169211" spans="14:14">
      <c r="N169211" s="10"/>
    </row>
    <row r="169212" spans="14:14">
      <c r="N169212" s="10"/>
    </row>
    <row r="169213" spans="14:14">
      <c r="N169213" s="10"/>
    </row>
    <row r="169214" spans="14:14">
      <c r="N169214" s="10"/>
    </row>
    <row r="169215" spans="14:14">
      <c r="N169215" s="10"/>
    </row>
    <row r="169216" spans="14:14">
      <c r="N169216" s="10"/>
    </row>
    <row r="169217" spans="14:14">
      <c r="N169217" s="10"/>
    </row>
    <row r="169218" spans="14:14">
      <c r="N169218" s="10"/>
    </row>
    <row r="169219" spans="14:14">
      <c r="N169219" s="10"/>
    </row>
    <row r="169220" spans="14:14">
      <c r="N169220" s="10"/>
    </row>
    <row r="169221" spans="14:14">
      <c r="N169221" s="10"/>
    </row>
    <row r="169222" spans="14:14">
      <c r="N169222" s="10"/>
    </row>
    <row r="169223" spans="14:14">
      <c r="N169223" s="10"/>
    </row>
    <row r="169224" spans="14:14">
      <c r="N169224" s="10"/>
    </row>
    <row r="169225" spans="14:14">
      <c r="N169225" s="10"/>
    </row>
    <row r="169226" spans="14:14">
      <c r="N169226" s="10"/>
    </row>
    <row r="169227" spans="14:14">
      <c r="N169227" s="10"/>
    </row>
    <row r="169228" spans="14:14">
      <c r="N169228" s="10"/>
    </row>
    <row r="169229" spans="14:14">
      <c r="N169229" s="10"/>
    </row>
    <row r="169230" spans="14:14">
      <c r="N169230" s="10"/>
    </row>
    <row r="169231" spans="14:14">
      <c r="N169231" s="10"/>
    </row>
    <row r="169232" spans="14:14">
      <c r="N169232" s="10"/>
    </row>
    <row r="169233" spans="14:14">
      <c r="N169233" s="10"/>
    </row>
    <row r="169234" spans="14:14">
      <c r="N169234" s="10"/>
    </row>
    <row r="169235" spans="14:14">
      <c r="N169235" s="10"/>
    </row>
    <row r="169236" spans="14:14">
      <c r="N169236" s="10"/>
    </row>
    <row r="169237" spans="14:14">
      <c r="N169237" s="10"/>
    </row>
    <row r="169238" spans="14:14">
      <c r="N169238" s="10"/>
    </row>
    <row r="169239" spans="14:14">
      <c r="N169239" s="10"/>
    </row>
    <row r="169240" spans="14:14">
      <c r="N169240" s="10"/>
    </row>
    <row r="169241" spans="14:14">
      <c r="N169241" s="10"/>
    </row>
    <row r="169242" spans="14:14">
      <c r="N169242" s="10"/>
    </row>
    <row r="169243" spans="14:14">
      <c r="N169243" s="10"/>
    </row>
    <row r="169244" spans="14:14">
      <c r="N169244" s="10"/>
    </row>
    <row r="169245" spans="14:14">
      <c r="N169245" s="10"/>
    </row>
    <row r="169246" spans="14:14">
      <c r="N169246" s="10"/>
    </row>
    <row r="169247" spans="14:14">
      <c r="N169247" s="10"/>
    </row>
    <row r="169248" spans="14:14">
      <c r="N169248" s="10"/>
    </row>
    <row r="169249" spans="14:14">
      <c r="N169249" s="10"/>
    </row>
    <row r="169250" spans="14:14">
      <c r="N169250" s="10"/>
    </row>
    <row r="169251" spans="14:14">
      <c r="N169251" s="10"/>
    </row>
    <row r="169252" spans="14:14">
      <c r="N169252" s="10"/>
    </row>
    <row r="169253" spans="14:14">
      <c r="N169253" s="10"/>
    </row>
    <row r="169254" spans="14:14">
      <c r="N169254" s="10"/>
    </row>
    <row r="169255" spans="14:14">
      <c r="N169255" s="10"/>
    </row>
    <row r="169256" spans="14:14">
      <c r="N169256" s="10"/>
    </row>
    <row r="169257" spans="14:14">
      <c r="N169257" s="10"/>
    </row>
    <row r="169258" spans="14:14">
      <c r="N169258" s="10"/>
    </row>
    <row r="169259" spans="14:14">
      <c r="N169259" s="10"/>
    </row>
    <row r="169260" spans="14:14">
      <c r="N169260" s="10"/>
    </row>
    <row r="169261" spans="14:14">
      <c r="N169261" s="10"/>
    </row>
    <row r="169262" spans="14:14">
      <c r="N169262" s="10"/>
    </row>
    <row r="169263" spans="14:14">
      <c r="N169263" s="10"/>
    </row>
    <row r="169264" spans="14:14">
      <c r="N169264" s="10"/>
    </row>
    <row r="169265" spans="14:14">
      <c r="N169265" s="10"/>
    </row>
    <row r="169266" spans="14:14">
      <c r="N169266" s="10"/>
    </row>
    <row r="169267" spans="14:14">
      <c r="N169267" s="10"/>
    </row>
    <row r="169268" spans="14:14">
      <c r="N169268" s="10"/>
    </row>
    <row r="169269" spans="14:14">
      <c r="N169269" s="10"/>
    </row>
    <row r="169270" spans="14:14">
      <c r="N169270" s="10"/>
    </row>
    <row r="169271" spans="14:14">
      <c r="N169271" s="10"/>
    </row>
    <row r="169272" spans="14:14">
      <c r="N169272" s="10"/>
    </row>
    <row r="169273" spans="14:14">
      <c r="N169273" s="10"/>
    </row>
    <row r="169274" spans="14:14">
      <c r="N169274" s="10"/>
    </row>
    <row r="169275" spans="14:14">
      <c r="N169275" s="10"/>
    </row>
    <row r="169276" spans="14:14">
      <c r="N169276" s="10"/>
    </row>
    <row r="169277" spans="14:14">
      <c r="N169277" s="10"/>
    </row>
    <row r="169278" spans="14:14">
      <c r="N169278" s="10"/>
    </row>
    <row r="169279" spans="14:14">
      <c r="N169279" s="10"/>
    </row>
    <row r="169280" spans="14:14">
      <c r="N169280" s="10"/>
    </row>
    <row r="169281" spans="14:14">
      <c r="N169281" s="10"/>
    </row>
    <row r="169282" spans="14:14">
      <c r="N169282" s="10"/>
    </row>
    <row r="169283" spans="14:14">
      <c r="N169283" s="10"/>
    </row>
    <row r="169284" spans="14:14">
      <c r="N169284" s="10"/>
    </row>
    <row r="169285" spans="14:14">
      <c r="N169285" s="10"/>
    </row>
    <row r="169286" spans="14:14">
      <c r="N169286" s="10"/>
    </row>
    <row r="169287" spans="14:14">
      <c r="N169287" s="10"/>
    </row>
    <row r="169288" spans="14:14">
      <c r="N169288" s="10"/>
    </row>
    <row r="169289" spans="14:14">
      <c r="N169289" s="10"/>
    </row>
    <row r="169290" spans="14:14">
      <c r="N169290" s="10"/>
    </row>
    <row r="169291" spans="14:14">
      <c r="N169291" s="10"/>
    </row>
    <row r="169292" spans="14:14">
      <c r="N169292" s="10"/>
    </row>
    <row r="169293" spans="14:14">
      <c r="N169293" s="10"/>
    </row>
    <row r="169294" spans="14:14">
      <c r="N169294" s="10"/>
    </row>
    <row r="169295" spans="14:14">
      <c r="N169295" s="10"/>
    </row>
    <row r="169296" spans="14:14">
      <c r="N169296" s="10"/>
    </row>
    <row r="169297" spans="14:14">
      <c r="N169297" s="10"/>
    </row>
    <row r="169298" spans="14:14">
      <c r="N169298" s="10"/>
    </row>
    <row r="169299" spans="14:14">
      <c r="N169299" s="10"/>
    </row>
    <row r="169300" spans="14:14">
      <c r="N169300" s="10"/>
    </row>
    <row r="169301" spans="14:14">
      <c r="N169301" s="10"/>
    </row>
    <row r="169302" spans="14:14">
      <c r="N169302" s="10"/>
    </row>
    <row r="169303" spans="14:14">
      <c r="N169303" s="10"/>
    </row>
    <row r="169304" spans="14:14">
      <c r="N169304" s="10"/>
    </row>
    <row r="169305" spans="14:14">
      <c r="N169305" s="10"/>
    </row>
    <row r="169306" spans="14:14">
      <c r="N169306" s="10"/>
    </row>
    <row r="169307" spans="14:14">
      <c r="N169307" s="10"/>
    </row>
    <row r="169308" spans="14:14">
      <c r="N169308" s="10"/>
    </row>
    <row r="169309" spans="14:14">
      <c r="N169309" s="10"/>
    </row>
    <row r="169310" spans="14:14">
      <c r="N169310" s="10"/>
    </row>
    <row r="169311" spans="14:14">
      <c r="N169311" s="10"/>
    </row>
    <row r="169312" spans="14:14">
      <c r="N169312" s="10"/>
    </row>
    <row r="169313" spans="14:14">
      <c r="N169313" s="10"/>
    </row>
    <row r="169314" spans="14:14">
      <c r="N169314" s="10"/>
    </row>
    <row r="169315" spans="14:14">
      <c r="N169315" s="10"/>
    </row>
    <row r="169316" spans="14:14">
      <c r="N169316" s="10"/>
    </row>
    <row r="169317" spans="14:14">
      <c r="N169317" s="10"/>
    </row>
    <row r="169318" spans="14:14">
      <c r="N169318" s="10"/>
    </row>
    <row r="169319" spans="14:14">
      <c r="N169319" s="10"/>
    </row>
    <row r="169320" spans="14:14">
      <c r="N169320" s="10"/>
    </row>
    <row r="169321" spans="14:14">
      <c r="N169321" s="10"/>
    </row>
    <row r="169322" spans="14:14">
      <c r="N169322" s="10"/>
    </row>
    <row r="169323" spans="14:14">
      <c r="N169323" s="10"/>
    </row>
    <row r="169324" spans="14:14">
      <c r="N169324" s="10"/>
    </row>
    <row r="169325" spans="14:14">
      <c r="N169325" s="10"/>
    </row>
    <row r="169326" spans="14:14">
      <c r="N169326" s="10"/>
    </row>
    <row r="169327" spans="14:14">
      <c r="N169327" s="10"/>
    </row>
    <row r="169328" spans="14:14">
      <c r="N169328" s="10"/>
    </row>
    <row r="169329" spans="14:14">
      <c r="N169329" s="10"/>
    </row>
    <row r="169330" spans="14:14">
      <c r="N169330" s="10"/>
    </row>
    <row r="169331" spans="14:14">
      <c r="N169331" s="10"/>
    </row>
    <row r="169332" spans="14:14">
      <c r="N169332" s="10"/>
    </row>
    <row r="169333" spans="14:14">
      <c r="N169333" s="10"/>
    </row>
    <row r="169334" spans="14:14">
      <c r="N169334" s="10"/>
    </row>
    <row r="169335" spans="14:14">
      <c r="N169335" s="10"/>
    </row>
    <row r="169336" spans="14:14">
      <c r="N169336" s="10"/>
    </row>
    <row r="169337" spans="14:14">
      <c r="N169337" s="10"/>
    </row>
    <row r="169338" spans="14:14">
      <c r="N169338" s="10"/>
    </row>
    <row r="169339" spans="14:14">
      <c r="N169339" s="10"/>
    </row>
    <row r="169340" spans="14:14">
      <c r="N169340" s="10"/>
    </row>
    <row r="169341" spans="14:14">
      <c r="N169341" s="10"/>
    </row>
    <row r="169342" spans="14:14">
      <c r="N169342" s="10"/>
    </row>
    <row r="169343" spans="14:14">
      <c r="N169343" s="10"/>
    </row>
    <row r="169344" spans="14:14">
      <c r="N169344" s="10"/>
    </row>
    <row r="169345" spans="14:14">
      <c r="N169345" s="10"/>
    </row>
    <row r="169346" spans="14:14">
      <c r="N169346" s="10"/>
    </row>
    <row r="169347" spans="14:14">
      <c r="N169347" s="10"/>
    </row>
    <row r="169348" spans="14:14">
      <c r="N169348" s="10"/>
    </row>
    <row r="169349" spans="14:14">
      <c r="N169349" s="10"/>
    </row>
    <row r="169350" spans="14:14">
      <c r="N169350" s="10"/>
    </row>
    <row r="169351" spans="14:14">
      <c r="N169351" s="10"/>
    </row>
    <row r="169352" spans="14:14">
      <c r="N169352" s="10"/>
    </row>
    <row r="169353" spans="14:14">
      <c r="N169353" s="10"/>
    </row>
    <row r="169354" spans="14:14">
      <c r="N169354" s="10"/>
    </row>
    <row r="169355" spans="14:14">
      <c r="N169355" s="10"/>
    </row>
    <row r="169356" spans="14:14">
      <c r="N169356" s="10"/>
    </row>
    <row r="169357" spans="14:14">
      <c r="N169357" s="10"/>
    </row>
    <row r="169358" spans="14:14">
      <c r="N169358" s="10"/>
    </row>
    <row r="169359" spans="14:14">
      <c r="N169359" s="10"/>
    </row>
    <row r="169360" spans="14:14">
      <c r="N169360" s="10"/>
    </row>
    <row r="169361" spans="14:14">
      <c r="N169361" s="10"/>
    </row>
    <row r="169362" spans="14:14">
      <c r="N169362" s="10"/>
    </row>
    <row r="169363" spans="14:14">
      <c r="N169363" s="10"/>
    </row>
    <row r="169364" spans="14:14">
      <c r="N169364" s="10"/>
    </row>
    <row r="169365" spans="14:14">
      <c r="N169365" s="10"/>
    </row>
    <row r="169366" spans="14:14">
      <c r="N169366" s="10"/>
    </row>
    <row r="169367" spans="14:14">
      <c r="N169367" s="10"/>
    </row>
    <row r="169368" spans="14:14">
      <c r="N169368" s="10"/>
    </row>
    <row r="169369" spans="14:14">
      <c r="N169369" s="10"/>
    </row>
    <row r="169370" spans="14:14">
      <c r="N169370" s="10"/>
    </row>
    <row r="169371" spans="14:14">
      <c r="N169371" s="10"/>
    </row>
    <row r="169372" spans="14:14">
      <c r="N169372" s="10"/>
    </row>
    <row r="169373" spans="14:14">
      <c r="N169373" s="10"/>
    </row>
    <row r="169374" spans="14:14">
      <c r="N169374" s="10"/>
    </row>
    <row r="169375" spans="14:14">
      <c r="N169375" s="10"/>
    </row>
    <row r="169376" spans="14:14">
      <c r="N169376" s="10"/>
    </row>
    <row r="169377" spans="14:14">
      <c r="N169377" s="10"/>
    </row>
    <row r="169378" spans="14:14">
      <c r="N169378" s="10"/>
    </row>
    <row r="169379" spans="14:14">
      <c r="N169379" s="10"/>
    </row>
    <row r="169380" spans="14:14">
      <c r="N169380" s="10"/>
    </row>
    <row r="169381" spans="14:14">
      <c r="N169381" s="10"/>
    </row>
    <row r="169382" spans="14:14">
      <c r="N169382" s="10"/>
    </row>
    <row r="169383" spans="14:14">
      <c r="N169383" s="10"/>
    </row>
    <row r="169384" spans="14:14">
      <c r="N169384" s="10"/>
    </row>
    <row r="169385" spans="14:14">
      <c r="N169385" s="10"/>
    </row>
    <row r="169386" spans="14:14">
      <c r="N169386" s="10"/>
    </row>
    <row r="169387" spans="14:14">
      <c r="N169387" s="10"/>
    </row>
    <row r="169388" spans="14:14">
      <c r="N169388" s="10"/>
    </row>
    <row r="169389" spans="14:14">
      <c r="N169389" s="10"/>
    </row>
    <row r="169390" spans="14:14">
      <c r="N169390" s="10"/>
    </row>
    <row r="169391" spans="14:14">
      <c r="N169391" s="10"/>
    </row>
    <row r="169392" spans="14:14">
      <c r="N169392" s="10"/>
    </row>
    <row r="169393" spans="14:14">
      <c r="N169393" s="10"/>
    </row>
    <row r="169394" spans="14:14">
      <c r="N169394" s="10"/>
    </row>
    <row r="169395" spans="14:14">
      <c r="N169395" s="10"/>
    </row>
    <row r="169396" spans="14:14">
      <c r="N169396" s="10"/>
    </row>
    <row r="169397" spans="14:14">
      <c r="N169397" s="10"/>
    </row>
    <row r="169398" spans="14:14">
      <c r="N169398" s="10"/>
    </row>
    <row r="169399" spans="14:14">
      <c r="N169399" s="10"/>
    </row>
    <row r="169400" spans="14:14">
      <c r="N169400" s="10"/>
    </row>
    <row r="169401" spans="14:14">
      <c r="N169401" s="10"/>
    </row>
    <row r="169402" spans="14:14">
      <c r="N169402" s="10"/>
    </row>
    <row r="169403" spans="14:14">
      <c r="N169403" s="10"/>
    </row>
    <row r="169404" spans="14:14">
      <c r="N169404" s="10"/>
    </row>
    <row r="169405" spans="14:14">
      <c r="N169405" s="10"/>
    </row>
    <row r="169406" spans="14:14">
      <c r="N169406" s="10"/>
    </row>
    <row r="169407" spans="14:14">
      <c r="N169407" s="10"/>
    </row>
    <row r="169408" spans="14:14">
      <c r="N169408" s="10"/>
    </row>
    <row r="169409" spans="14:14">
      <c r="N169409" s="10"/>
    </row>
    <row r="169410" spans="14:14">
      <c r="N169410" s="10"/>
    </row>
    <row r="169411" spans="14:14">
      <c r="N169411" s="10"/>
    </row>
    <row r="169412" spans="14:14">
      <c r="N169412" s="10"/>
    </row>
    <row r="169413" spans="14:14">
      <c r="N169413" s="10"/>
    </row>
    <row r="169414" spans="14:14">
      <c r="N169414" s="10"/>
    </row>
    <row r="169415" spans="14:14">
      <c r="N169415" s="10"/>
    </row>
    <row r="169416" spans="14:14">
      <c r="N169416" s="10"/>
    </row>
    <row r="169417" spans="14:14">
      <c r="N169417" s="10"/>
    </row>
    <row r="169418" spans="14:14">
      <c r="N169418" s="10"/>
    </row>
    <row r="169419" spans="14:14">
      <c r="N169419" s="10"/>
    </row>
    <row r="169420" spans="14:14">
      <c r="N169420" s="10"/>
    </row>
    <row r="169421" spans="14:14">
      <c r="N169421" s="10"/>
    </row>
    <row r="169422" spans="14:14">
      <c r="N169422" s="10"/>
    </row>
    <row r="169423" spans="14:14">
      <c r="N169423" s="10"/>
    </row>
    <row r="169424" spans="14:14">
      <c r="N169424" s="10"/>
    </row>
    <row r="169425" spans="14:14">
      <c r="N169425" s="10"/>
    </row>
    <row r="169426" spans="14:14">
      <c r="N169426" s="10"/>
    </row>
    <row r="169427" spans="14:14">
      <c r="N169427" s="10"/>
    </row>
    <row r="169428" spans="14:14">
      <c r="N169428" s="10"/>
    </row>
    <row r="169429" spans="14:14">
      <c r="N169429" s="10"/>
    </row>
    <row r="169430" spans="14:14">
      <c r="N169430" s="10"/>
    </row>
    <row r="169431" spans="14:14">
      <c r="N169431" s="10"/>
    </row>
    <row r="169432" spans="14:14">
      <c r="N169432" s="10"/>
    </row>
    <row r="169433" spans="14:14">
      <c r="N169433" s="10"/>
    </row>
    <row r="169434" spans="14:14">
      <c r="N169434" s="10"/>
    </row>
    <row r="169435" spans="14:14">
      <c r="N169435" s="10"/>
    </row>
    <row r="169436" spans="14:14">
      <c r="N169436" s="10"/>
    </row>
    <row r="169437" spans="14:14">
      <c r="N169437" s="10"/>
    </row>
    <row r="169438" spans="14:14">
      <c r="N169438" s="10"/>
    </row>
    <row r="169439" spans="14:14">
      <c r="N169439" s="10"/>
    </row>
    <row r="169440" spans="14:14">
      <c r="N169440" s="10"/>
    </row>
    <row r="169441" spans="14:14">
      <c r="N169441" s="10"/>
    </row>
    <row r="169442" spans="14:14">
      <c r="N169442" s="10"/>
    </row>
    <row r="169443" spans="14:14">
      <c r="N169443" s="10"/>
    </row>
    <row r="169444" spans="14:14">
      <c r="N169444" s="10"/>
    </row>
    <row r="169445" spans="14:14">
      <c r="N169445" s="10"/>
    </row>
    <row r="169446" spans="14:14">
      <c r="N169446" s="10"/>
    </row>
    <row r="169447" spans="14:14">
      <c r="N169447" s="10"/>
    </row>
    <row r="169448" spans="14:14">
      <c r="N169448" s="10"/>
    </row>
    <row r="169449" spans="14:14">
      <c r="N169449" s="10"/>
    </row>
    <row r="169450" spans="14:14">
      <c r="N169450" s="10"/>
    </row>
    <row r="169451" spans="14:14">
      <c r="N169451" s="10"/>
    </row>
    <row r="169452" spans="14:14">
      <c r="N169452" s="10"/>
    </row>
    <row r="169453" spans="14:14">
      <c r="N169453" s="10"/>
    </row>
    <row r="169454" spans="14:14">
      <c r="N169454" s="10"/>
    </row>
    <row r="169455" spans="14:14">
      <c r="N169455" s="10"/>
    </row>
    <row r="169456" spans="14:14">
      <c r="N169456" s="10"/>
    </row>
    <row r="169457" spans="14:14">
      <c r="N169457" s="10"/>
    </row>
    <row r="169458" spans="14:14">
      <c r="N169458" s="10"/>
    </row>
    <row r="169459" spans="14:14">
      <c r="N169459" s="10"/>
    </row>
    <row r="169460" spans="14:14">
      <c r="N169460" s="10"/>
    </row>
    <row r="169461" spans="14:14">
      <c r="N169461" s="10"/>
    </row>
    <row r="169462" spans="14:14">
      <c r="N169462" s="10"/>
    </row>
    <row r="169463" spans="14:14">
      <c r="N169463" s="10"/>
    </row>
    <row r="169464" spans="14:14">
      <c r="N169464" s="10"/>
    </row>
    <row r="169465" spans="14:14">
      <c r="N169465" s="10"/>
    </row>
    <row r="169466" spans="14:14">
      <c r="N169466" s="10"/>
    </row>
    <row r="169467" spans="14:14">
      <c r="N169467" s="10"/>
    </row>
    <row r="169468" spans="14:14">
      <c r="N169468" s="10"/>
    </row>
    <row r="169469" spans="14:14">
      <c r="N169469" s="10"/>
    </row>
    <row r="169470" spans="14:14">
      <c r="N169470" s="10"/>
    </row>
    <row r="169471" spans="14:14">
      <c r="N169471" s="10"/>
    </row>
    <row r="169472" spans="14:14">
      <c r="N169472" s="10"/>
    </row>
    <row r="169473" spans="14:14">
      <c r="N169473" s="10"/>
    </row>
    <row r="169474" spans="14:14">
      <c r="N169474" s="10"/>
    </row>
    <row r="169475" spans="14:14">
      <c r="N169475" s="10"/>
    </row>
    <row r="169476" spans="14:14">
      <c r="N169476" s="10"/>
    </row>
    <row r="169477" spans="14:14">
      <c r="N169477" s="10"/>
    </row>
    <row r="169478" spans="14:14">
      <c r="N169478" s="10"/>
    </row>
    <row r="169479" spans="14:14">
      <c r="N169479" s="10"/>
    </row>
    <row r="169480" spans="14:14">
      <c r="N169480" s="10"/>
    </row>
    <row r="169481" spans="14:14">
      <c r="N169481" s="10"/>
    </row>
    <row r="169482" spans="14:14">
      <c r="N169482" s="10"/>
    </row>
    <row r="169483" spans="14:14">
      <c r="N169483" s="10"/>
    </row>
    <row r="169484" spans="14:14">
      <c r="N169484" s="10"/>
    </row>
    <row r="169485" spans="14:14">
      <c r="N169485" s="10"/>
    </row>
    <row r="169486" spans="14:14">
      <c r="N169486" s="10"/>
    </row>
    <row r="169487" spans="14:14">
      <c r="N169487" s="10"/>
    </row>
    <row r="169488" spans="14:14">
      <c r="N169488" s="10"/>
    </row>
    <row r="169489" spans="14:14">
      <c r="N169489" s="10"/>
    </row>
    <row r="169490" spans="14:14">
      <c r="N169490" s="10"/>
    </row>
    <row r="169491" spans="14:14">
      <c r="N169491" s="10"/>
    </row>
    <row r="169492" spans="14:14">
      <c r="N169492" s="10"/>
    </row>
    <row r="169493" spans="14:14">
      <c r="N169493" s="10"/>
    </row>
    <row r="169494" spans="14:14">
      <c r="N169494" s="10"/>
    </row>
    <row r="169495" spans="14:14">
      <c r="N169495" s="10"/>
    </row>
    <row r="169496" spans="14:14">
      <c r="N169496" s="10"/>
    </row>
    <row r="169497" spans="14:14">
      <c r="N169497" s="10"/>
    </row>
    <row r="169498" spans="14:14">
      <c r="N169498" s="10"/>
    </row>
    <row r="169499" spans="14:14">
      <c r="N169499" s="10"/>
    </row>
    <row r="169500" spans="14:14">
      <c r="N169500" s="10"/>
    </row>
    <row r="169501" spans="14:14">
      <c r="N169501" s="10"/>
    </row>
    <row r="169502" spans="14:14">
      <c r="N169502" s="10"/>
    </row>
    <row r="169503" spans="14:14">
      <c r="N169503" s="10"/>
    </row>
    <row r="169504" spans="14:14">
      <c r="N169504" s="10"/>
    </row>
    <row r="169505" spans="14:14">
      <c r="N169505" s="10"/>
    </row>
    <row r="169506" spans="14:14">
      <c r="N169506" s="10"/>
    </row>
    <row r="169507" spans="14:14">
      <c r="N169507" s="10"/>
    </row>
    <row r="169508" spans="14:14">
      <c r="N169508" s="10"/>
    </row>
    <row r="169509" spans="14:14">
      <c r="N169509" s="10"/>
    </row>
    <row r="169510" spans="14:14">
      <c r="N169510" s="10"/>
    </row>
    <row r="169511" spans="14:14">
      <c r="N169511" s="10"/>
    </row>
    <row r="169512" spans="14:14">
      <c r="N169512" s="10"/>
    </row>
    <row r="169513" spans="14:14">
      <c r="N169513" s="10"/>
    </row>
    <row r="169514" spans="14:14">
      <c r="N169514" s="10"/>
    </row>
    <row r="169515" spans="14:14">
      <c r="N169515" s="10"/>
    </row>
    <row r="169516" spans="14:14">
      <c r="N169516" s="10"/>
    </row>
    <row r="169517" spans="14:14">
      <c r="N169517" s="10"/>
    </row>
    <row r="169518" spans="14:14">
      <c r="N169518" s="10"/>
    </row>
    <row r="169519" spans="14:14">
      <c r="N169519" s="10"/>
    </row>
    <row r="169520" spans="14:14">
      <c r="N169520" s="10"/>
    </row>
    <row r="169521" spans="14:14">
      <c r="N169521" s="10"/>
    </row>
    <row r="169522" spans="14:14">
      <c r="N169522" s="10"/>
    </row>
    <row r="169523" spans="14:14">
      <c r="N169523" s="10"/>
    </row>
    <row r="169524" spans="14:14">
      <c r="N169524" s="10"/>
    </row>
    <row r="169525" spans="14:14">
      <c r="N169525" s="10"/>
    </row>
    <row r="169526" spans="14:14">
      <c r="N169526" s="10"/>
    </row>
    <row r="169527" spans="14:14">
      <c r="N169527" s="10"/>
    </row>
    <row r="169528" spans="14:14">
      <c r="N169528" s="10"/>
    </row>
    <row r="169529" spans="14:14">
      <c r="N169529" s="10"/>
    </row>
    <row r="169530" spans="14:14">
      <c r="N169530" s="10"/>
    </row>
    <row r="169531" spans="14:14">
      <c r="N169531" s="10"/>
    </row>
    <row r="169532" spans="14:14">
      <c r="N169532" s="10"/>
    </row>
    <row r="169533" spans="14:14">
      <c r="N169533" s="10"/>
    </row>
    <row r="169534" spans="14:14">
      <c r="N169534" s="10"/>
    </row>
    <row r="169535" spans="14:14">
      <c r="N169535" s="10"/>
    </row>
    <row r="169536" spans="14:14">
      <c r="N169536" s="10"/>
    </row>
    <row r="169537" spans="14:14">
      <c r="N169537" s="10"/>
    </row>
    <row r="169538" spans="14:14">
      <c r="N169538" s="10"/>
    </row>
    <row r="169539" spans="14:14">
      <c r="N169539" s="10"/>
    </row>
    <row r="169540" spans="14:14">
      <c r="N169540" s="10"/>
    </row>
    <row r="169541" spans="14:14">
      <c r="N169541" s="10"/>
    </row>
    <row r="169542" spans="14:14">
      <c r="N169542" s="10"/>
    </row>
    <row r="169543" spans="14:14">
      <c r="N169543" s="10"/>
    </row>
    <row r="169544" spans="14:14">
      <c r="N169544" s="10"/>
    </row>
    <row r="169545" spans="14:14">
      <c r="N169545" s="10"/>
    </row>
    <row r="169546" spans="14:14">
      <c r="N169546" s="10"/>
    </row>
    <row r="169547" spans="14:14">
      <c r="N169547" s="10"/>
    </row>
    <row r="169548" spans="14:14">
      <c r="N169548" s="10"/>
    </row>
    <row r="169549" spans="14:14">
      <c r="N169549" s="10"/>
    </row>
    <row r="169550" spans="14:14">
      <c r="N169550" s="10"/>
    </row>
    <row r="169551" spans="14:14">
      <c r="N169551" s="10"/>
    </row>
    <row r="169552" spans="14:14">
      <c r="N169552" s="10"/>
    </row>
    <row r="169553" spans="14:14">
      <c r="N169553" s="10"/>
    </row>
    <row r="169554" spans="14:14">
      <c r="N169554" s="10"/>
    </row>
    <row r="169555" spans="14:14">
      <c r="N169555" s="10"/>
    </row>
    <row r="169556" spans="14:14">
      <c r="N169556" s="10"/>
    </row>
    <row r="169557" spans="14:14">
      <c r="N169557" s="10"/>
    </row>
    <row r="169558" spans="14:14">
      <c r="N169558" s="10"/>
    </row>
    <row r="169559" spans="14:14">
      <c r="N169559" s="10"/>
    </row>
    <row r="169560" spans="14:14">
      <c r="N169560" s="10"/>
    </row>
    <row r="169561" spans="14:14">
      <c r="N169561" s="10"/>
    </row>
    <row r="169562" spans="14:14">
      <c r="N169562" s="10"/>
    </row>
    <row r="169563" spans="14:14">
      <c r="N169563" s="10"/>
    </row>
    <row r="169564" spans="14:14">
      <c r="N169564" s="10"/>
    </row>
    <row r="169565" spans="14:14">
      <c r="N169565" s="10"/>
    </row>
    <row r="169566" spans="14:14">
      <c r="N169566" s="10"/>
    </row>
    <row r="169567" spans="14:14">
      <c r="N169567" s="10"/>
    </row>
    <row r="169568" spans="14:14">
      <c r="N169568" s="10"/>
    </row>
    <row r="169569" spans="14:14">
      <c r="N169569" s="10"/>
    </row>
    <row r="169570" spans="14:14">
      <c r="N169570" s="10"/>
    </row>
    <row r="169571" spans="14:14">
      <c r="N169571" s="10"/>
    </row>
    <row r="169572" spans="14:14">
      <c r="N169572" s="10"/>
    </row>
    <row r="169573" spans="14:14">
      <c r="N169573" s="10"/>
    </row>
    <row r="169574" spans="14:14">
      <c r="N169574" s="10"/>
    </row>
    <row r="169575" spans="14:14">
      <c r="N169575" s="10"/>
    </row>
    <row r="169576" spans="14:14">
      <c r="N169576" s="10"/>
    </row>
    <row r="169577" spans="14:14">
      <c r="N169577" s="10"/>
    </row>
    <row r="169578" spans="14:14">
      <c r="N169578" s="10"/>
    </row>
    <row r="169579" spans="14:14">
      <c r="N169579" s="10"/>
    </row>
    <row r="169580" spans="14:14">
      <c r="N169580" s="10"/>
    </row>
    <row r="169581" spans="14:14">
      <c r="N169581" s="10"/>
    </row>
    <row r="169582" spans="14:14">
      <c r="N169582" s="10"/>
    </row>
    <row r="169583" spans="14:14">
      <c r="N169583" s="10"/>
    </row>
    <row r="169584" spans="14:14">
      <c r="N169584" s="10"/>
    </row>
    <row r="169585" spans="14:14">
      <c r="N169585" s="10"/>
    </row>
    <row r="169586" spans="14:14">
      <c r="N169586" s="10"/>
    </row>
    <row r="169587" spans="14:14">
      <c r="N169587" s="10"/>
    </row>
    <row r="169588" spans="14:14">
      <c r="N169588" s="10"/>
    </row>
    <row r="169589" spans="14:14">
      <c r="N169589" s="10"/>
    </row>
    <row r="169590" spans="14:14">
      <c r="N169590" s="10"/>
    </row>
    <row r="169591" spans="14:14">
      <c r="N169591" s="10"/>
    </row>
    <row r="169592" spans="14:14">
      <c r="N169592" s="10"/>
    </row>
    <row r="169593" spans="14:14">
      <c r="N169593" s="10"/>
    </row>
    <row r="169594" spans="14:14">
      <c r="N169594" s="10"/>
    </row>
    <row r="169595" spans="14:14">
      <c r="N169595" s="10"/>
    </row>
    <row r="169596" spans="14:14">
      <c r="N169596" s="10"/>
    </row>
    <row r="169597" spans="14:14">
      <c r="N169597" s="10"/>
    </row>
    <row r="169598" spans="14:14">
      <c r="N169598" s="10"/>
    </row>
    <row r="169599" spans="14:14">
      <c r="N169599" s="10"/>
    </row>
    <row r="169600" spans="14:14">
      <c r="N169600" s="10"/>
    </row>
    <row r="169601" spans="14:14">
      <c r="N169601" s="10"/>
    </row>
    <row r="169602" spans="14:14">
      <c r="N169602" s="10"/>
    </row>
    <row r="169603" spans="14:14">
      <c r="N169603" s="10"/>
    </row>
    <row r="169604" spans="14:14">
      <c r="N169604" s="10"/>
    </row>
    <row r="169605" spans="14:14">
      <c r="N169605" s="10"/>
    </row>
    <row r="169606" spans="14:14">
      <c r="N169606" s="10"/>
    </row>
    <row r="169607" spans="14:14">
      <c r="N169607" s="10"/>
    </row>
    <row r="169608" spans="14:14">
      <c r="N169608" s="10"/>
    </row>
    <row r="169609" spans="14:14">
      <c r="N169609" s="10"/>
    </row>
    <row r="169610" spans="14:14">
      <c r="N169610" s="10"/>
    </row>
    <row r="169611" spans="14:14">
      <c r="N169611" s="10"/>
    </row>
    <row r="169612" spans="14:14">
      <c r="N169612" s="10"/>
    </row>
    <row r="169613" spans="14:14">
      <c r="N169613" s="10"/>
    </row>
    <row r="169614" spans="14:14">
      <c r="N169614" s="10"/>
    </row>
    <row r="169615" spans="14:14">
      <c r="N169615" s="10"/>
    </row>
    <row r="169616" spans="14:14">
      <c r="N169616" s="10"/>
    </row>
    <row r="169617" spans="14:14">
      <c r="N169617" s="10"/>
    </row>
    <row r="169618" spans="14:14">
      <c r="N169618" s="10"/>
    </row>
    <row r="169619" spans="14:14">
      <c r="N169619" s="10"/>
    </row>
    <row r="169620" spans="14:14">
      <c r="N169620" s="10"/>
    </row>
    <row r="169621" spans="14:14">
      <c r="N169621" s="10"/>
    </row>
    <row r="169622" spans="14:14">
      <c r="N169622" s="10"/>
    </row>
    <row r="169623" spans="14:14">
      <c r="N169623" s="10"/>
    </row>
    <row r="169624" spans="14:14">
      <c r="N169624" s="10"/>
    </row>
    <row r="169625" spans="14:14">
      <c r="N169625" s="10"/>
    </row>
    <row r="169626" spans="14:14">
      <c r="N169626" s="10"/>
    </row>
    <row r="169627" spans="14:14">
      <c r="N169627" s="10"/>
    </row>
    <row r="169628" spans="14:14">
      <c r="N169628" s="10"/>
    </row>
    <row r="169629" spans="14:14">
      <c r="N169629" s="10"/>
    </row>
    <row r="169630" spans="14:14">
      <c r="N169630" s="10"/>
    </row>
    <row r="169631" spans="14:14">
      <c r="N169631" s="10"/>
    </row>
    <row r="169632" spans="14:14">
      <c r="N169632" s="10"/>
    </row>
    <row r="169633" spans="14:14">
      <c r="N169633" s="10"/>
    </row>
    <row r="169634" spans="14:14">
      <c r="N169634" s="10"/>
    </row>
    <row r="169635" spans="14:14">
      <c r="N169635" s="10"/>
    </row>
    <row r="169636" spans="14:14">
      <c r="N169636" s="10"/>
    </row>
    <row r="169637" spans="14:14">
      <c r="N169637" s="10"/>
    </row>
    <row r="169638" spans="14:14">
      <c r="N169638" s="10"/>
    </row>
    <row r="169639" spans="14:14">
      <c r="N169639" s="10"/>
    </row>
    <row r="169640" spans="14:14">
      <c r="N169640" s="10"/>
    </row>
    <row r="169641" spans="14:14">
      <c r="N169641" s="10"/>
    </row>
    <row r="169642" spans="14:14">
      <c r="N169642" s="10"/>
    </row>
    <row r="169643" spans="14:14">
      <c r="N169643" s="10"/>
    </row>
    <row r="169644" spans="14:14">
      <c r="N169644" s="10"/>
    </row>
    <row r="169645" spans="14:14">
      <c r="N169645" s="10"/>
    </row>
    <row r="169646" spans="14:14">
      <c r="N169646" s="10"/>
    </row>
    <row r="169647" spans="14:14">
      <c r="N169647" s="10"/>
    </row>
    <row r="169648" spans="14:14">
      <c r="N169648" s="10"/>
    </row>
    <row r="169649" spans="14:14">
      <c r="N169649" s="10"/>
    </row>
    <row r="169650" spans="14:14">
      <c r="N169650" s="10"/>
    </row>
    <row r="169651" spans="14:14">
      <c r="N169651" s="10"/>
    </row>
    <row r="169652" spans="14:14">
      <c r="N169652" s="10"/>
    </row>
    <row r="169653" spans="14:14">
      <c r="N169653" s="10"/>
    </row>
    <row r="169654" spans="14:14">
      <c r="N169654" s="10"/>
    </row>
    <row r="169655" spans="14:14">
      <c r="N169655" s="10"/>
    </row>
    <row r="169656" spans="14:14">
      <c r="N169656" s="10"/>
    </row>
    <row r="169657" spans="14:14">
      <c r="N169657" s="10"/>
    </row>
    <row r="169658" spans="14:14">
      <c r="N169658" s="10"/>
    </row>
    <row r="169659" spans="14:14">
      <c r="N169659" s="10"/>
    </row>
    <row r="169660" spans="14:14">
      <c r="N169660" s="10"/>
    </row>
    <row r="169661" spans="14:14">
      <c r="N169661" s="10"/>
    </row>
    <row r="169662" spans="14:14">
      <c r="N169662" s="10"/>
    </row>
    <row r="169663" spans="14:14">
      <c r="N169663" s="10"/>
    </row>
    <row r="169664" spans="14:14">
      <c r="N169664" s="10"/>
    </row>
    <row r="169665" spans="14:14">
      <c r="N169665" s="10"/>
    </row>
    <row r="169666" spans="14:14">
      <c r="N169666" s="10"/>
    </row>
    <row r="169667" spans="14:14">
      <c r="N169667" s="10"/>
    </row>
    <row r="169668" spans="14:14">
      <c r="N169668" s="10"/>
    </row>
    <row r="169669" spans="14:14">
      <c r="N169669" s="10"/>
    </row>
    <row r="169670" spans="14:14">
      <c r="N169670" s="10"/>
    </row>
    <row r="169671" spans="14:14">
      <c r="N169671" s="10"/>
    </row>
    <row r="169672" spans="14:14">
      <c r="N169672" s="10"/>
    </row>
    <row r="169673" spans="14:14">
      <c r="N169673" s="10"/>
    </row>
    <row r="169674" spans="14:14">
      <c r="N169674" s="10"/>
    </row>
    <row r="169675" spans="14:14">
      <c r="N169675" s="10"/>
    </row>
    <row r="169676" spans="14:14">
      <c r="N169676" s="10"/>
    </row>
    <row r="169677" spans="14:14">
      <c r="N169677" s="10"/>
    </row>
    <row r="169678" spans="14:14">
      <c r="N169678" s="10"/>
    </row>
    <row r="169679" spans="14:14">
      <c r="N169679" s="10"/>
    </row>
    <row r="169680" spans="14:14">
      <c r="N169680" s="10"/>
    </row>
    <row r="169681" spans="14:14">
      <c r="N169681" s="10"/>
    </row>
    <row r="169682" spans="14:14">
      <c r="N169682" s="10"/>
    </row>
    <row r="169683" spans="14:14">
      <c r="N169683" s="10"/>
    </row>
    <row r="169684" spans="14:14">
      <c r="N169684" s="10"/>
    </row>
    <row r="169685" spans="14:14">
      <c r="N169685" s="10"/>
    </row>
    <row r="169686" spans="14:14">
      <c r="N169686" s="10"/>
    </row>
    <row r="169687" spans="14:14">
      <c r="N169687" s="10"/>
    </row>
    <row r="169688" spans="14:14">
      <c r="N169688" s="10"/>
    </row>
    <row r="169689" spans="14:14">
      <c r="N169689" s="10"/>
    </row>
    <row r="169690" spans="14:14">
      <c r="N169690" s="10"/>
    </row>
    <row r="169691" spans="14:14">
      <c r="N169691" s="10"/>
    </row>
    <row r="169692" spans="14:14">
      <c r="N169692" s="10"/>
    </row>
    <row r="169693" spans="14:14">
      <c r="N169693" s="10"/>
    </row>
    <row r="169694" spans="14:14">
      <c r="N169694" s="10"/>
    </row>
    <row r="169695" spans="14:14">
      <c r="N169695" s="10"/>
    </row>
    <row r="169696" spans="14:14">
      <c r="N169696" s="10"/>
    </row>
    <row r="169697" spans="14:14">
      <c r="N169697" s="10"/>
    </row>
    <row r="169698" spans="14:14">
      <c r="N169698" s="10"/>
    </row>
    <row r="169699" spans="14:14">
      <c r="N169699" s="10"/>
    </row>
    <row r="169700" spans="14:14">
      <c r="N169700" s="10"/>
    </row>
    <row r="169701" spans="14:14">
      <c r="N169701" s="10"/>
    </row>
    <row r="169702" spans="14:14">
      <c r="N169702" s="10"/>
    </row>
    <row r="169703" spans="14:14">
      <c r="N169703" s="10"/>
    </row>
    <row r="169704" spans="14:14">
      <c r="N169704" s="10"/>
    </row>
    <row r="169705" spans="14:14">
      <c r="N169705" s="10"/>
    </row>
    <row r="169706" spans="14:14">
      <c r="N169706" s="10"/>
    </row>
    <row r="169707" spans="14:14">
      <c r="N169707" s="10"/>
    </row>
    <row r="169708" spans="14:14">
      <c r="N169708" s="10"/>
    </row>
    <row r="169709" spans="14:14">
      <c r="N169709" s="10"/>
    </row>
    <row r="169710" spans="14:14">
      <c r="N169710" s="10"/>
    </row>
    <row r="169711" spans="14:14">
      <c r="N169711" s="10"/>
    </row>
    <row r="169712" spans="14:14">
      <c r="N169712" s="10"/>
    </row>
    <row r="169713" spans="14:14">
      <c r="N169713" s="10"/>
    </row>
    <row r="169714" spans="14:14">
      <c r="N169714" s="10"/>
    </row>
    <row r="169715" spans="14:14">
      <c r="N169715" s="10"/>
    </row>
    <row r="169716" spans="14:14">
      <c r="N169716" s="10"/>
    </row>
    <row r="169717" spans="14:14">
      <c r="N169717" s="10"/>
    </row>
    <row r="169718" spans="14:14">
      <c r="N169718" s="10"/>
    </row>
    <row r="169719" spans="14:14">
      <c r="N169719" s="10"/>
    </row>
    <row r="169720" spans="14:14">
      <c r="N169720" s="10"/>
    </row>
    <row r="169721" spans="14:14">
      <c r="N169721" s="10"/>
    </row>
    <row r="169722" spans="14:14">
      <c r="N169722" s="10"/>
    </row>
    <row r="169723" spans="14:14">
      <c r="N169723" s="10"/>
    </row>
    <row r="169724" spans="14:14">
      <c r="N169724" s="10"/>
    </row>
    <row r="169725" spans="14:14">
      <c r="N169725" s="10"/>
    </row>
    <row r="169726" spans="14:14">
      <c r="N169726" s="10"/>
    </row>
    <row r="169727" spans="14:14">
      <c r="N169727" s="10"/>
    </row>
    <row r="169728" spans="14:14">
      <c r="N169728" s="10"/>
    </row>
    <row r="169729" spans="14:14">
      <c r="N169729" s="10"/>
    </row>
    <row r="169730" spans="14:14">
      <c r="N169730" s="10"/>
    </row>
    <row r="169731" spans="14:14">
      <c r="N169731" s="10"/>
    </row>
    <row r="169732" spans="14:14">
      <c r="N169732" s="10"/>
    </row>
    <row r="169733" spans="14:14">
      <c r="N169733" s="10"/>
    </row>
    <row r="169734" spans="14:14">
      <c r="N169734" s="10"/>
    </row>
    <row r="169735" spans="14:14">
      <c r="N169735" s="10"/>
    </row>
    <row r="169736" spans="14:14">
      <c r="N169736" s="10"/>
    </row>
    <row r="169737" spans="14:14">
      <c r="N169737" s="10"/>
    </row>
    <row r="169738" spans="14:14">
      <c r="N169738" s="10"/>
    </row>
    <row r="169739" spans="14:14">
      <c r="N169739" s="10"/>
    </row>
    <row r="169740" spans="14:14">
      <c r="N169740" s="10"/>
    </row>
    <row r="169741" spans="14:14">
      <c r="N169741" s="10"/>
    </row>
    <row r="169742" spans="14:14">
      <c r="N169742" s="10"/>
    </row>
    <row r="169743" spans="14:14">
      <c r="N169743" s="10"/>
    </row>
    <row r="169744" spans="14:14">
      <c r="N169744" s="10"/>
    </row>
    <row r="169745" spans="14:14">
      <c r="N169745" s="10"/>
    </row>
    <row r="169746" spans="14:14">
      <c r="N169746" s="10"/>
    </row>
    <row r="169747" spans="14:14">
      <c r="N169747" s="10"/>
    </row>
    <row r="169748" spans="14:14">
      <c r="N169748" s="10"/>
    </row>
    <row r="169749" spans="14:14">
      <c r="N169749" s="10"/>
    </row>
    <row r="169750" spans="14:14">
      <c r="N169750" s="10"/>
    </row>
    <row r="169751" spans="14:14">
      <c r="N169751" s="10"/>
    </row>
    <row r="169752" spans="14:14">
      <c r="N169752" s="10"/>
    </row>
    <row r="169753" spans="14:14">
      <c r="N169753" s="10"/>
    </row>
    <row r="169754" spans="14:14">
      <c r="N169754" s="10"/>
    </row>
    <row r="169755" spans="14:14">
      <c r="N169755" s="10"/>
    </row>
    <row r="169756" spans="14:14">
      <c r="N169756" s="10"/>
    </row>
    <row r="169757" spans="14:14">
      <c r="N169757" s="10"/>
    </row>
    <row r="169758" spans="14:14">
      <c r="N169758" s="10"/>
    </row>
    <row r="169759" spans="14:14">
      <c r="N169759" s="10"/>
    </row>
    <row r="169760" spans="14:14">
      <c r="N169760" s="10"/>
    </row>
    <row r="169761" spans="14:14">
      <c r="N169761" s="10"/>
    </row>
    <row r="169762" spans="14:14">
      <c r="N169762" s="10"/>
    </row>
    <row r="169763" spans="14:14">
      <c r="N169763" s="10"/>
    </row>
    <row r="169764" spans="14:14">
      <c r="N169764" s="10"/>
    </row>
    <row r="169765" spans="14:14">
      <c r="N169765" s="10"/>
    </row>
    <row r="169766" spans="14:14">
      <c r="N169766" s="10"/>
    </row>
    <row r="169767" spans="14:14">
      <c r="N169767" s="10"/>
    </row>
    <row r="169768" spans="14:14">
      <c r="N169768" s="10"/>
    </row>
    <row r="169769" spans="14:14">
      <c r="N169769" s="10"/>
    </row>
    <row r="169770" spans="14:14">
      <c r="N169770" s="10"/>
    </row>
    <row r="169771" spans="14:14">
      <c r="N169771" s="10"/>
    </row>
    <row r="169772" spans="14:14">
      <c r="N169772" s="10"/>
    </row>
    <row r="169773" spans="14:14">
      <c r="N169773" s="10"/>
    </row>
    <row r="169774" spans="14:14">
      <c r="N169774" s="10"/>
    </row>
    <row r="169775" spans="14:14">
      <c r="N169775" s="10"/>
    </row>
    <row r="169776" spans="14:14">
      <c r="N169776" s="10"/>
    </row>
    <row r="169777" spans="14:14">
      <c r="N169777" s="10"/>
    </row>
    <row r="169778" spans="14:14">
      <c r="N169778" s="10"/>
    </row>
    <row r="169779" spans="14:14">
      <c r="N169779" s="10"/>
    </row>
    <row r="169780" spans="14:14">
      <c r="N169780" s="10"/>
    </row>
    <row r="169781" spans="14:14">
      <c r="N169781" s="10"/>
    </row>
    <row r="169782" spans="14:14">
      <c r="N169782" s="10"/>
    </row>
    <row r="169783" spans="14:14">
      <c r="N169783" s="10"/>
    </row>
    <row r="169784" spans="14:14">
      <c r="N169784" s="10"/>
    </row>
    <row r="169785" spans="14:14">
      <c r="N169785" s="10"/>
    </row>
    <row r="169786" spans="14:14">
      <c r="N169786" s="10"/>
    </row>
    <row r="169787" spans="14:14">
      <c r="N169787" s="10"/>
    </row>
    <row r="169788" spans="14:14">
      <c r="N169788" s="10"/>
    </row>
    <row r="169789" spans="14:14">
      <c r="N169789" s="10"/>
    </row>
    <row r="169790" spans="14:14">
      <c r="N169790" s="10"/>
    </row>
    <row r="169791" spans="14:14">
      <c r="N169791" s="10"/>
    </row>
    <row r="169792" spans="14:14">
      <c r="N169792" s="10"/>
    </row>
    <row r="169793" spans="14:14">
      <c r="N169793" s="10"/>
    </row>
    <row r="169794" spans="14:14">
      <c r="N169794" s="10"/>
    </row>
    <row r="169795" spans="14:14">
      <c r="N169795" s="10"/>
    </row>
    <row r="169796" spans="14:14">
      <c r="N169796" s="10"/>
    </row>
    <row r="169797" spans="14:14">
      <c r="N169797" s="10"/>
    </row>
    <row r="169798" spans="14:14">
      <c r="N169798" s="10"/>
    </row>
    <row r="169799" spans="14:14">
      <c r="N169799" s="10"/>
    </row>
    <row r="169800" spans="14:14">
      <c r="N169800" s="10"/>
    </row>
    <row r="169801" spans="14:14">
      <c r="N169801" s="10"/>
    </row>
    <row r="169802" spans="14:14">
      <c r="N169802" s="10"/>
    </row>
    <row r="169803" spans="14:14">
      <c r="N169803" s="10"/>
    </row>
    <row r="169804" spans="14:14">
      <c r="N169804" s="10"/>
    </row>
    <row r="169805" spans="14:14">
      <c r="N169805" s="10"/>
    </row>
    <row r="169806" spans="14:14">
      <c r="N169806" s="10"/>
    </row>
    <row r="169807" spans="14:14">
      <c r="N169807" s="10"/>
    </row>
    <row r="169808" spans="14:14">
      <c r="N169808" s="10"/>
    </row>
    <row r="169809" spans="14:14">
      <c r="N169809" s="10"/>
    </row>
    <row r="169810" spans="14:14">
      <c r="N169810" s="10"/>
    </row>
    <row r="169811" spans="14:14">
      <c r="N169811" s="10"/>
    </row>
    <row r="169812" spans="14:14">
      <c r="N169812" s="10"/>
    </row>
    <row r="169813" spans="14:14">
      <c r="N169813" s="10"/>
    </row>
    <row r="169814" spans="14:14">
      <c r="N169814" s="10"/>
    </row>
    <row r="169815" spans="14:14">
      <c r="N169815" s="10"/>
    </row>
    <row r="169816" spans="14:14">
      <c r="N169816" s="10"/>
    </row>
    <row r="169817" spans="14:14">
      <c r="N169817" s="10"/>
    </row>
    <row r="169818" spans="14:14">
      <c r="N169818" s="10"/>
    </row>
    <row r="169819" spans="14:14">
      <c r="N169819" s="10"/>
    </row>
    <row r="169820" spans="14:14">
      <c r="N169820" s="10"/>
    </row>
    <row r="169821" spans="14:14">
      <c r="N169821" s="10"/>
    </row>
    <row r="169822" spans="14:14">
      <c r="N169822" s="10"/>
    </row>
    <row r="169823" spans="14:14">
      <c r="N169823" s="10"/>
    </row>
    <row r="169824" spans="14:14">
      <c r="N169824" s="10"/>
    </row>
    <row r="169825" spans="14:14">
      <c r="N169825" s="10"/>
    </row>
    <row r="169826" spans="14:14">
      <c r="N169826" s="10"/>
    </row>
    <row r="169827" spans="14:14">
      <c r="N169827" s="10"/>
    </row>
    <row r="169828" spans="14:14">
      <c r="N169828" s="10"/>
    </row>
    <row r="169829" spans="14:14">
      <c r="N169829" s="10"/>
    </row>
    <row r="169830" spans="14:14">
      <c r="N169830" s="10"/>
    </row>
    <row r="169831" spans="14:14">
      <c r="N169831" s="10"/>
    </row>
    <row r="169832" spans="14:14">
      <c r="N169832" s="10"/>
    </row>
    <row r="169833" spans="14:14">
      <c r="N169833" s="10"/>
    </row>
    <row r="169834" spans="14:14">
      <c r="N169834" s="10"/>
    </row>
    <row r="169835" spans="14:14">
      <c r="N169835" s="10"/>
    </row>
    <row r="169836" spans="14:14">
      <c r="N169836" s="10"/>
    </row>
    <row r="169837" spans="14:14">
      <c r="N169837" s="10"/>
    </row>
    <row r="169838" spans="14:14">
      <c r="N169838" s="10"/>
    </row>
    <row r="169839" spans="14:14">
      <c r="N169839" s="10"/>
    </row>
    <row r="169840" spans="14:14">
      <c r="N169840" s="10"/>
    </row>
    <row r="169841" spans="14:14">
      <c r="N169841" s="10"/>
    </row>
    <row r="169842" spans="14:14">
      <c r="N169842" s="10"/>
    </row>
    <row r="169843" spans="14:14">
      <c r="N169843" s="10"/>
    </row>
    <row r="169844" spans="14:14">
      <c r="N169844" s="10"/>
    </row>
    <row r="169845" spans="14:14">
      <c r="N169845" s="10"/>
    </row>
    <row r="169846" spans="14:14">
      <c r="N169846" s="10"/>
    </row>
    <row r="169847" spans="14:14">
      <c r="N169847" s="10"/>
    </row>
    <row r="169848" spans="14:14">
      <c r="N169848" s="10"/>
    </row>
    <row r="169849" spans="14:14">
      <c r="N169849" s="10"/>
    </row>
    <row r="169850" spans="14:14">
      <c r="N169850" s="10"/>
    </row>
    <row r="169851" spans="14:14">
      <c r="N169851" s="10"/>
    </row>
    <row r="169852" spans="14:14">
      <c r="N169852" s="10"/>
    </row>
    <row r="169853" spans="14:14">
      <c r="N169853" s="10"/>
    </row>
    <row r="169854" spans="14:14">
      <c r="N169854" s="10"/>
    </row>
    <row r="169855" spans="14:14">
      <c r="N169855" s="10"/>
    </row>
    <row r="169856" spans="14:14">
      <c r="N169856" s="10"/>
    </row>
    <row r="169857" spans="14:14">
      <c r="N169857" s="10"/>
    </row>
    <row r="169858" spans="14:14">
      <c r="N169858" s="10"/>
    </row>
    <row r="169859" spans="14:14">
      <c r="N169859" s="10"/>
    </row>
    <row r="169860" spans="14:14">
      <c r="N169860" s="10"/>
    </row>
    <row r="169861" spans="14:14">
      <c r="N169861" s="10"/>
    </row>
    <row r="169862" spans="14:14">
      <c r="N169862" s="10"/>
    </row>
    <row r="169863" spans="14:14">
      <c r="N169863" s="10"/>
    </row>
    <row r="169864" spans="14:14">
      <c r="N169864" s="10"/>
    </row>
    <row r="169865" spans="14:14">
      <c r="N169865" s="10"/>
    </row>
    <row r="169866" spans="14:14">
      <c r="N169866" s="10"/>
    </row>
    <row r="169867" spans="14:14">
      <c r="N169867" s="10"/>
    </row>
    <row r="169868" spans="14:14">
      <c r="N169868" s="10"/>
    </row>
    <row r="169869" spans="14:14">
      <c r="N169869" s="10"/>
    </row>
    <row r="169870" spans="14:14">
      <c r="N169870" s="10"/>
    </row>
    <row r="169871" spans="14:14">
      <c r="N169871" s="10"/>
    </row>
    <row r="169872" spans="14:14">
      <c r="N169872" s="10"/>
    </row>
    <row r="169873" spans="14:14">
      <c r="N169873" s="10"/>
    </row>
    <row r="169874" spans="14:14">
      <c r="N169874" s="10"/>
    </row>
    <row r="169875" spans="14:14">
      <c r="N169875" s="10"/>
    </row>
    <row r="169876" spans="14:14">
      <c r="N169876" s="10"/>
    </row>
    <row r="169877" spans="14:14">
      <c r="N169877" s="10"/>
    </row>
    <row r="169878" spans="14:14">
      <c r="N169878" s="10"/>
    </row>
    <row r="169879" spans="14:14">
      <c r="N169879" s="10"/>
    </row>
    <row r="169880" spans="14:14">
      <c r="N169880" s="10"/>
    </row>
    <row r="169881" spans="14:14">
      <c r="N169881" s="10"/>
    </row>
    <row r="169882" spans="14:14">
      <c r="N169882" s="10"/>
    </row>
    <row r="169883" spans="14:14">
      <c r="N169883" s="10"/>
    </row>
    <row r="169884" spans="14:14">
      <c r="N169884" s="10"/>
    </row>
    <row r="169885" spans="14:14">
      <c r="N169885" s="10"/>
    </row>
    <row r="169886" spans="14:14">
      <c r="N169886" s="10"/>
    </row>
    <row r="169887" spans="14:14">
      <c r="N169887" s="10"/>
    </row>
    <row r="169888" spans="14:14">
      <c r="N169888" s="10"/>
    </row>
    <row r="169889" spans="14:14">
      <c r="N169889" s="10"/>
    </row>
    <row r="169890" spans="14:14">
      <c r="N169890" s="10"/>
    </row>
    <row r="169891" spans="14:14">
      <c r="N169891" s="10"/>
    </row>
    <row r="169892" spans="14:14">
      <c r="N169892" s="10"/>
    </row>
    <row r="169893" spans="14:14">
      <c r="N169893" s="10"/>
    </row>
    <row r="169894" spans="14:14">
      <c r="N169894" s="10"/>
    </row>
    <row r="169895" spans="14:14">
      <c r="N169895" s="10"/>
    </row>
    <row r="169896" spans="14:14">
      <c r="N169896" s="10"/>
    </row>
    <row r="169897" spans="14:14">
      <c r="N169897" s="10"/>
    </row>
    <row r="169898" spans="14:14">
      <c r="N169898" s="10"/>
    </row>
    <row r="169899" spans="14:14">
      <c r="N169899" s="10"/>
    </row>
    <row r="169900" spans="14:14">
      <c r="N169900" s="10"/>
    </row>
    <row r="169901" spans="14:14">
      <c r="N169901" s="10"/>
    </row>
    <row r="169902" spans="14:14">
      <c r="N169902" s="10"/>
    </row>
    <row r="169903" spans="14:14">
      <c r="N169903" s="10"/>
    </row>
    <row r="169904" spans="14:14">
      <c r="N169904" s="10"/>
    </row>
    <row r="169905" spans="14:14">
      <c r="N169905" s="10"/>
    </row>
    <row r="169906" spans="14:14">
      <c r="N169906" s="10"/>
    </row>
    <row r="169907" spans="14:14">
      <c r="N169907" s="10"/>
    </row>
    <row r="169908" spans="14:14">
      <c r="N169908" s="10"/>
    </row>
    <row r="169909" spans="14:14">
      <c r="N169909" s="10"/>
    </row>
    <row r="169910" spans="14:14">
      <c r="N169910" s="10"/>
    </row>
    <row r="169911" spans="14:14">
      <c r="N169911" s="10"/>
    </row>
    <row r="169912" spans="14:14">
      <c r="N169912" s="10"/>
    </row>
    <row r="169913" spans="14:14">
      <c r="N169913" s="10"/>
    </row>
    <row r="169914" spans="14:14">
      <c r="N169914" s="10"/>
    </row>
    <row r="169915" spans="14:14">
      <c r="N169915" s="10"/>
    </row>
    <row r="169916" spans="14:14">
      <c r="N169916" s="10"/>
    </row>
    <row r="169917" spans="14:14">
      <c r="N169917" s="10"/>
    </row>
    <row r="169918" spans="14:14">
      <c r="N169918" s="10"/>
    </row>
    <row r="169919" spans="14:14">
      <c r="N169919" s="10"/>
    </row>
    <row r="169920" spans="14:14">
      <c r="N169920" s="10"/>
    </row>
    <row r="169921" spans="14:14">
      <c r="N169921" s="10"/>
    </row>
    <row r="169922" spans="14:14">
      <c r="N169922" s="10"/>
    </row>
    <row r="169923" spans="14:14">
      <c r="N169923" s="10"/>
    </row>
    <row r="169924" spans="14:14">
      <c r="N169924" s="10"/>
    </row>
    <row r="169925" spans="14:14">
      <c r="N169925" s="10"/>
    </row>
    <row r="169926" spans="14:14">
      <c r="N169926" s="10"/>
    </row>
    <row r="169927" spans="14:14">
      <c r="N169927" s="10"/>
    </row>
    <row r="169928" spans="14:14">
      <c r="N169928" s="10"/>
    </row>
    <row r="169929" spans="14:14">
      <c r="N169929" s="10"/>
    </row>
    <row r="169930" spans="14:14">
      <c r="N169930" s="10"/>
    </row>
    <row r="169931" spans="14:14">
      <c r="N169931" s="10"/>
    </row>
    <row r="169932" spans="14:14">
      <c r="N169932" s="10"/>
    </row>
    <row r="169933" spans="14:14">
      <c r="N169933" s="10"/>
    </row>
    <row r="169934" spans="14:14">
      <c r="N169934" s="10"/>
    </row>
    <row r="169935" spans="14:14">
      <c r="N169935" s="10"/>
    </row>
    <row r="169936" spans="14:14">
      <c r="N169936" s="10"/>
    </row>
    <row r="169937" spans="14:14">
      <c r="N169937" s="10"/>
    </row>
    <row r="169938" spans="14:14">
      <c r="N169938" s="10"/>
    </row>
    <row r="169939" spans="14:14">
      <c r="N169939" s="10"/>
    </row>
    <row r="169940" spans="14:14">
      <c r="N169940" s="10"/>
    </row>
    <row r="169941" spans="14:14">
      <c r="N169941" s="10"/>
    </row>
    <row r="169942" spans="14:14">
      <c r="N169942" s="10"/>
    </row>
    <row r="169943" spans="14:14">
      <c r="N169943" s="10"/>
    </row>
    <row r="169944" spans="14:14">
      <c r="N169944" s="10"/>
    </row>
    <row r="169945" spans="14:14">
      <c r="N169945" s="10"/>
    </row>
    <row r="169946" spans="14:14">
      <c r="N169946" s="10"/>
    </row>
    <row r="169947" spans="14:14">
      <c r="N169947" s="10"/>
    </row>
    <row r="169948" spans="14:14">
      <c r="N169948" s="10"/>
    </row>
    <row r="169949" spans="14:14">
      <c r="N169949" s="10"/>
    </row>
    <row r="169950" spans="14:14">
      <c r="N169950" s="10"/>
    </row>
    <row r="169951" spans="14:14">
      <c r="N169951" s="10"/>
    </row>
    <row r="169952" spans="14:14">
      <c r="N169952" s="10"/>
    </row>
    <row r="169953" spans="14:14">
      <c r="N169953" s="10"/>
    </row>
    <row r="169954" spans="14:14">
      <c r="N169954" s="10"/>
    </row>
    <row r="169955" spans="14:14">
      <c r="N169955" s="10"/>
    </row>
    <row r="169956" spans="14:14">
      <c r="N169956" s="10"/>
    </row>
    <row r="169957" spans="14:14">
      <c r="N169957" s="10"/>
    </row>
    <row r="169958" spans="14:14">
      <c r="N169958" s="10"/>
    </row>
    <row r="169959" spans="14:14">
      <c r="N169959" s="10"/>
    </row>
    <row r="169960" spans="14:14">
      <c r="N169960" s="10"/>
    </row>
    <row r="169961" spans="14:14">
      <c r="N169961" s="10"/>
    </row>
    <row r="169962" spans="14:14">
      <c r="N169962" s="10"/>
    </row>
    <row r="169963" spans="14:14">
      <c r="N169963" s="10"/>
    </row>
    <row r="169964" spans="14:14">
      <c r="N169964" s="10"/>
    </row>
    <row r="169965" spans="14:14">
      <c r="N169965" s="10"/>
    </row>
    <row r="169966" spans="14:14">
      <c r="N169966" s="10"/>
    </row>
    <row r="169967" spans="14:14">
      <c r="N169967" s="10"/>
    </row>
    <row r="169968" spans="14:14">
      <c r="N169968" s="10"/>
    </row>
    <row r="169969" spans="14:14">
      <c r="N169969" s="10"/>
    </row>
    <row r="169970" spans="14:14">
      <c r="N169970" s="10"/>
    </row>
    <row r="169971" spans="14:14">
      <c r="N169971" s="10"/>
    </row>
    <row r="169972" spans="14:14">
      <c r="N169972" s="10"/>
    </row>
    <row r="169973" spans="14:14">
      <c r="N169973" s="10"/>
    </row>
    <row r="169974" spans="14:14">
      <c r="N169974" s="10"/>
    </row>
    <row r="169975" spans="14:14">
      <c r="N169975" s="10"/>
    </row>
    <row r="169976" spans="14:14">
      <c r="N169976" s="10"/>
    </row>
    <row r="169977" spans="14:14">
      <c r="N169977" s="10"/>
    </row>
    <row r="169978" spans="14:14">
      <c r="N169978" s="10"/>
    </row>
    <row r="169979" spans="14:14">
      <c r="N169979" s="10"/>
    </row>
    <row r="169980" spans="14:14">
      <c r="N169980" s="10"/>
    </row>
    <row r="169981" spans="14:14">
      <c r="N169981" s="10"/>
    </row>
    <row r="169982" spans="14:14">
      <c r="N169982" s="10"/>
    </row>
    <row r="169983" spans="14:14">
      <c r="N169983" s="10"/>
    </row>
    <row r="169984" spans="14:14">
      <c r="N169984" s="10"/>
    </row>
    <row r="169985" spans="14:14">
      <c r="N169985" s="10"/>
    </row>
    <row r="169986" spans="14:14">
      <c r="N169986" s="10"/>
    </row>
    <row r="169987" spans="14:14">
      <c r="N169987" s="10"/>
    </row>
    <row r="169988" spans="14:14">
      <c r="N169988" s="10"/>
    </row>
    <row r="169989" spans="14:14">
      <c r="N169989" s="10"/>
    </row>
    <row r="169990" spans="14:14">
      <c r="N169990" s="10"/>
    </row>
    <row r="169991" spans="14:14">
      <c r="N169991" s="10"/>
    </row>
    <row r="169992" spans="14:14">
      <c r="N169992" s="10"/>
    </row>
    <row r="169993" spans="14:14">
      <c r="N169993" s="10"/>
    </row>
    <row r="169994" spans="14:14">
      <c r="N169994" s="10"/>
    </row>
    <row r="169995" spans="14:14">
      <c r="N169995" s="10"/>
    </row>
    <row r="169996" spans="14:14">
      <c r="N169996" s="10"/>
    </row>
    <row r="169997" spans="14:14">
      <c r="N169997" s="10"/>
    </row>
    <row r="169998" spans="14:14">
      <c r="N169998" s="10"/>
    </row>
    <row r="169999" spans="14:14">
      <c r="N169999" s="10"/>
    </row>
    <row r="170000" spans="14:14">
      <c r="N170000" s="10"/>
    </row>
    <row r="170001" spans="14:14">
      <c r="N170001" s="10"/>
    </row>
    <row r="170002" spans="14:14">
      <c r="N170002" s="10"/>
    </row>
    <row r="170003" spans="14:14">
      <c r="N170003" s="10"/>
    </row>
    <row r="170004" spans="14:14">
      <c r="N170004" s="10"/>
    </row>
    <row r="170005" spans="14:14">
      <c r="N170005" s="10"/>
    </row>
    <row r="170006" spans="14:14">
      <c r="N170006" s="10"/>
    </row>
    <row r="170007" spans="14:14">
      <c r="N170007" s="10"/>
    </row>
    <row r="170008" spans="14:14">
      <c r="N170008" s="10"/>
    </row>
    <row r="170009" spans="14:14">
      <c r="N170009" s="10"/>
    </row>
    <row r="170010" spans="14:14">
      <c r="N170010" s="10"/>
    </row>
    <row r="170011" spans="14:14">
      <c r="N170011" s="10"/>
    </row>
    <row r="170012" spans="14:14">
      <c r="N170012" s="10"/>
    </row>
    <row r="170013" spans="14:14">
      <c r="N170013" s="10"/>
    </row>
    <row r="170014" spans="14:14">
      <c r="N170014" s="10"/>
    </row>
    <row r="170015" spans="14:14">
      <c r="N170015" s="10"/>
    </row>
    <row r="170016" spans="14:14">
      <c r="N170016" s="10"/>
    </row>
    <row r="170017" spans="14:14">
      <c r="N170017" s="10"/>
    </row>
    <row r="170018" spans="14:14">
      <c r="N170018" s="10"/>
    </row>
    <row r="170019" spans="14:14">
      <c r="N170019" s="10"/>
    </row>
    <row r="170020" spans="14:14">
      <c r="N170020" s="10"/>
    </row>
    <row r="170021" spans="14:14">
      <c r="N170021" s="10"/>
    </row>
    <row r="170022" spans="14:14">
      <c r="N170022" s="10"/>
    </row>
    <row r="170023" spans="14:14">
      <c r="N170023" s="10"/>
    </row>
    <row r="170024" spans="14:14">
      <c r="N170024" s="10"/>
    </row>
    <row r="170025" spans="14:14">
      <c r="N170025" s="10"/>
    </row>
    <row r="170026" spans="14:14">
      <c r="N170026" s="10"/>
    </row>
    <row r="170027" spans="14:14">
      <c r="N170027" s="10"/>
    </row>
    <row r="170028" spans="14:14">
      <c r="N170028" s="10"/>
    </row>
    <row r="170029" spans="14:14">
      <c r="N170029" s="10"/>
    </row>
    <row r="170030" spans="14:14">
      <c r="N170030" s="10"/>
    </row>
    <row r="170031" spans="14:14">
      <c r="N170031" s="10"/>
    </row>
    <row r="170032" spans="14:14">
      <c r="N170032" s="10"/>
    </row>
    <row r="170033" spans="14:14">
      <c r="N170033" s="10"/>
    </row>
    <row r="170034" spans="14:14">
      <c r="N170034" s="10"/>
    </row>
    <row r="170035" spans="14:14">
      <c r="N170035" s="10"/>
    </row>
    <row r="170036" spans="14:14">
      <c r="N170036" s="10"/>
    </row>
    <row r="170037" spans="14:14">
      <c r="N170037" s="10"/>
    </row>
    <row r="170038" spans="14:14">
      <c r="N170038" s="10"/>
    </row>
    <row r="170039" spans="14:14">
      <c r="N170039" s="10"/>
    </row>
    <row r="170040" spans="14:14">
      <c r="N170040" s="10"/>
    </row>
    <row r="170041" spans="14:14">
      <c r="N170041" s="10"/>
    </row>
    <row r="170042" spans="14:14">
      <c r="N170042" s="10"/>
    </row>
    <row r="170043" spans="14:14">
      <c r="N170043" s="10"/>
    </row>
    <row r="170044" spans="14:14">
      <c r="N170044" s="10"/>
    </row>
    <row r="170045" spans="14:14">
      <c r="N170045" s="10"/>
    </row>
    <row r="170046" spans="14:14">
      <c r="N170046" s="10"/>
    </row>
    <row r="170047" spans="14:14">
      <c r="N170047" s="10"/>
    </row>
    <row r="170048" spans="14:14">
      <c r="N170048" s="10"/>
    </row>
    <row r="170049" spans="14:14">
      <c r="N170049" s="10"/>
    </row>
    <row r="170050" spans="14:14">
      <c r="N170050" s="10"/>
    </row>
    <row r="170051" spans="14:14">
      <c r="N170051" s="10"/>
    </row>
    <row r="170052" spans="14:14">
      <c r="N170052" s="10"/>
    </row>
    <row r="170053" spans="14:14">
      <c r="N170053" s="10"/>
    </row>
    <row r="170054" spans="14:14">
      <c r="N170054" s="10"/>
    </row>
    <row r="170055" spans="14:14">
      <c r="N170055" s="10"/>
    </row>
    <row r="170056" spans="14:14">
      <c r="N170056" s="10"/>
    </row>
    <row r="170057" spans="14:14">
      <c r="N170057" s="10"/>
    </row>
    <row r="170058" spans="14:14">
      <c r="N170058" s="10"/>
    </row>
    <row r="170059" spans="14:14">
      <c r="N170059" s="10"/>
    </row>
    <row r="170060" spans="14:14">
      <c r="N170060" s="10"/>
    </row>
    <row r="170061" spans="14:14">
      <c r="N170061" s="10"/>
    </row>
    <row r="170062" spans="14:14">
      <c r="N170062" s="10"/>
    </row>
    <row r="170063" spans="14:14">
      <c r="N170063" s="10"/>
    </row>
    <row r="170064" spans="14:14">
      <c r="N170064" s="10"/>
    </row>
    <row r="170065" spans="14:14">
      <c r="N170065" s="10"/>
    </row>
    <row r="170066" spans="14:14">
      <c r="N170066" s="10"/>
    </row>
    <row r="170067" spans="14:14">
      <c r="N170067" s="10"/>
    </row>
    <row r="170068" spans="14:14">
      <c r="N170068" s="10"/>
    </row>
    <row r="170069" spans="14:14">
      <c r="N170069" s="10"/>
    </row>
    <row r="170070" spans="14:14">
      <c r="N170070" s="10"/>
    </row>
    <row r="170071" spans="14:14">
      <c r="N170071" s="10"/>
    </row>
    <row r="170072" spans="14:14">
      <c r="N170072" s="10"/>
    </row>
    <row r="170073" spans="14:14">
      <c r="N170073" s="10"/>
    </row>
    <row r="170074" spans="14:14">
      <c r="N170074" s="10"/>
    </row>
    <row r="170075" spans="14:14">
      <c r="N170075" s="10"/>
    </row>
    <row r="170076" spans="14:14">
      <c r="N170076" s="10"/>
    </row>
    <row r="170077" spans="14:14">
      <c r="N170077" s="10"/>
    </row>
    <row r="170078" spans="14:14">
      <c r="N170078" s="10"/>
    </row>
    <row r="170079" spans="14:14">
      <c r="N170079" s="10"/>
    </row>
    <row r="170080" spans="14:14">
      <c r="N170080" s="10"/>
    </row>
    <row r="170081" spans="14:14">
      <c r="N170081" s="10"/>
    </row>
    <row r="170082" spans="14:14">
      <c r="N170082" s="10"/>
    </row>
    <row r="170083" spans="14:14">
      <c r="N170083" s="10"/>
    </row>
    <row r="170084" spans="14:14">
      <c r="N170084" s="10"/>
    </row>
    <row r="170085" spans="14:14">
      <c r="N170085" s="10"/>
    </row>
    <row r="170086" spans="14:14">
      <c r="N170086" s="10"/>
    </row>
    <row r="170087" spans="14:14">
      <c r="N170087" s="10"/>
    </row>
    <row r="170088" spans="14:14">
      <c r="N170088" s="10"/>
    </row>
    <row r="170089" spans="14:14">
      <c r="N170089" s="10"/>
    </row>
    <row r="170090" spans="14:14">
      <c r="N170090" s="10"/>
    </row>
    <row r="170091" spans="14:14">
      <c r="N170091" s="10"/>
    </row>
    <row r="170092" spans="14:14">
      <c r="N170092" s="10"/>
    </row>
    <row r="170093" spans="14:14">
      <c r="N170093" s="10"/>
    </row>
    <row r="170094" spans="14:14">
      <c r="N170094" s="10"/>
    </row>
    <row r="170095" spans="14:14">
      <c r="N170095" s="10"/>
    </row>
    <row r="170096" spans="14:14">
      <c r="N170096" s="10"/>
    </row>
    <row r="170097" spans="14:14">
      <c r="N170097" s="10"/>
    </row>
    <row r="170098" spans="14:14">
      <c r="N170098" s="10"/>
    </row>
    <row r="170099" spans="14:14">
      <c r="N170099" s="10"/>
    </row>
    <row r="170100" spans="14:14">
      <c r="N170100" s="10"/>
    </row>
    <row r="170101" spans="14:14">
      <c r="N170101" s="10"/>
    </row>
    <row r="170102" spans="14:14">
      <c r="N170102" s="10"/>
    </row>
    <row r="170103" spans="14:14">
      <c r="N170103" s="10"/>
    </row>
    <row r="170104" spans="14:14">
      <c r="N170104" s="10"/>
    </row>
    <row r="170105" spans="14:14">
      <c r="N170105" s="10"/>
    </row>
    <row r="170106" spans="14:14">
      <c r="N170106" s="10"/>
    </row>
    <row r="170107" spans="14:14">
      <c r="N170107" s="10"/>
    </row>
    <row r="170108" spans="14:14">
      <c r="N170108" s="10"/>
    </row>
    <row r="170109" spans="14:14">
      <c r="N170109" s="10"/>
    </row>
    <row r="170110" spans="14:14">
      <c r="N170110" s="10"/>
    </row>
    <row r="170111" spans="14:14">
      <c r="N170111" s="10"/>
    </row>
    <row r="170112" spans="14:14">
      <c r="N170112" s="10"/>
    </row>
    <row r="170113" spans="14:14">
      <c r="N170113" s="10"/>
    </row>
    <row r="170114" spans="14:14">
      <c r="N170114" s="10"/>
    </row>
    <row r="170115" spans="14:14">
      <c r="N170115" s="10"/>
    </row>
    <row r="170116" spans="14:14">
      <c r="N170116" s="10"/>
    </row>
    <row r="170117" spans="14:14">
      <c r="N170117" s="10"/>
    </row>
    <row r="170118" spans="14:14">
      <c r="N170118" s="10"/>
    </row>
    <row r="170119" spans="14:14">
      <c r="N170119" s="10"/>
    </row>
    <row r="170120" spans="14:14">
      <c r="N170120" s="10"/>
    </row>
    <row r="170121" spans="14:14">
      <c r="N170121" s="10"/>
    </row>
    <row r="170122" spans="14:14">
      <c r="N170122" s="10"/>
    </row>
    <row r="170123" spans="14:14">
      <c r="N170123" s="10"/>
    </row>
    <row r="170124" spans="14:14">
      <c r="N170124" s="10"/>
    </row>
    <row r="170125" spans="14:14">
      <c r="N170125" s="10"/>
    </row>
    <row r="170126" spans="14:14">
      <c r="N170126" s="10"/>
    </row>
    <row r="170127" spans="14:14">
      <c r="N170127" s="10"/>
    </row>
    <row r="170128" spans="14:14">
      <c r="N170128" s="10"/>
    </row>
    <row r="170129" spans="14:14">
      <c r="N170129" s="10"/>
    </row>
    <row r="170130" spans="14:14">
      <c r="N170130" s="10"/>
    </row>
    <row r="170131" spans="14:14">
      <c r="N170131" s="10"/>
    </row>
    <row r="170132" spans="14:14">
      <c r="N170132" s="10"/>
    </row>
    <row r="170133" spans="14:14">
      <c r="N170133" s="10"/>
    </row>
    <row r="170134" spans="14:14">
      <c r="N170134" s="10"/>
    </row>
    <row r="170135" spans="14:14">
      <c r="N170135" s="10"/>
    </row>
    <row r="170136" spans="14:14">
      <c r="N170136" s="10"/>
    </row>
    <row r="170137" spans="14:14">
      <c r="N170137" s="10"/>
    </row>
    <row r="170138" spans="14:14">
      <c r="N170138" s="10"/>
    </row>
    <row r="170139" spans="14:14">
      <c r="N170139" s="10"/>
    </row>
    <row r="170140" spans="14:14">
      <c r="N170140" s="10"/>
    </row>
    <row r="170141" spans="14:14">
      <c r="N170141" s="10"/>
    </row>
    <row r="170142" spans="14:14">
      <c r="N170142" s="10"/>
    </row>
    <row r="170143" spans="14:14">
      <c r="N170143" s="10"/>
    </row>
    <row r="170144" spans="14:14">
      <c r="N170144" s="10"/>
    </row>
    <row r="170145" spans="14:14">
      <c r="N170145" s="10"/>
    </row>
    <row r="170146" spans="14:14">
      <c r="N170146" s="10"/>
    </row>
    <row r="170147" spans="14:14">
      <c r="N170147" s="10"/>
    </row>
    <row r="170148" spans="14:14">
      <c r="N170148" s="10"/>
    </row>
    <row r="170149" spans="14:14">
      <c r="N170149" s="10"/>
    </row>
    <row r="170150" spans="14:14">
      <c r="N170150" s="10"/>
    </row>
    <row r="170151" spans="14:14">
      <c r="N170151" s="10"/>
    </row>
    <row r="170152" spans="14:14">
      <c r="N170152" s="10"/>
    </row>
    <row r="170153" spans="14:14">
      <c r="N170153" s="10"/>
    </row>
    <row r="170154" spans="14:14">
      <c r="N170154" s="10"/>
    </row>
    <row r="170155" spans="14:14">
      <c r="N170155" s="10"/>
    </row>
    <row r="170156" spans="14:14">
      <c r="N170156" s="10"/>
    </row>
    <row r="170157" spans="14:14">
      <c r="N170157" s="10"/>
    </row>
    <row r="170158" spans="14:14">
      <c r="N170158" s="10"/>
    </row>
    <row r="170159" spans="14:14">
      <c r="N170159" s="10"/>
    </row>
    <row r="170160" spans="14:14">
      <c r="N170160" s="10"/>
    </row>
    <row r="170161" spans="14:14">
      <c r="N170161" s="10"/>
    </row>
    <row r="170162" spans="14:14">
      <c r="N170162" s="10"/>
    </row>
    <row r="170163" spans="14:14">
      <c r="N170163" s="10"/>
    </row>
    <row r="170164" spans="14:14">
      <c r="N170164" s="10"/>
    </row>
    <row r="170165" spans="14:14">
      <c r="N170165" s="10"/>
    </row>
    <row r="170166" spans="14:14">
      <c r="N170166" s="10"/>
    </row>
    <row r="170167" spans="14:14">
      <c r="N170167" s="10"/>
    </row>
    <row r="170168" spans="14:14">
      <c r="N170168" s="10"/>
    </row>
    <row r="170169" spans="14:14">
      <c r="N170169" s="10"/>
    </row>
    <row r="170170" spans="14:14">
      <c r="N170170" s="10"/>
    </row>
    <row r="170171" spans="14:14">
      <c r="N170171" s="10"/>
    </row>
    <row r="170172" spans="14:14">
      <c r="N170172" s="10"/>
    </row>
    <row r="170173" spans="14:14">
      <c r="N170173" s="10"/>
    </row>
    <row r="170174" spans="14:14">
      <c r="N170174" s="10"/>
    </row>
    <row r="170175" spans="14:14">
      <c r="N170175" s="10"/>
    </row>
    <row r="170176" spans="14:14">
      <c r="N170176" s="10"/>
    </row>
    <row r="170177" spans="14:14">
      <c r="N170177" s="10"/>
    </row>
    <row r="170178" spans="14:14">
      <c r="N170178" s="10"/>
    </row>
    <row r="170179" spans="14:14">
      <c r="N170179" s="10"/>
    </row>
    <row r="170180" spans="14:14">
      <c r="N170180" s="10"/>
    </row>
    <row r="170181" spans="14:14">
      <c r="N170181" s="10"/>
    </row>
    <row r="170182" spans="14:14">
      <c r="N170182" s="10"/>
    </row>
    <row r="170183" spans="14:14">
      <c r="N170183" s="10"/>
    </row>
    <row r="170184" spans="14:14">
      <c r="N170184" s="10"/>
    </row>
    <row r="170185" spans="14:14">
      <c r="N170185" s="10"/>
    </row>
    <row r="170186" spans="14:14">
      <c r="N170186" s="10"/>
    </row>
    <row r="170187" spans="14:14">
      <c r="N170187" s="10"/>
    </row>
    <row r="170188" spans="14:14">
      <c r="N170188" s="10"/>
    </row>
    <row r="170189" spans="14:14">
      <c r="N170189" s="10"/>
    </row>
    <row r="170190" spans="14:14">
      <c r="N170190" s="10"/>
    </row>
    <row r="170191" spans="14:14">
      <c r="N170191" s="10"/>
    </row>
    <row r="170192" spans="14:14">
      <c r="N170192" s="10"/>
    </row>
    <row r="170193" spans="14:14">
      <c r="N170193" s="10"/>
    </row>
    <row r="170194" spans="14:14">
      <c r="N170194" s="10"/>
    </row>
    <row r="170195" spans="14:14">
      <c r="N170195" s="10"/>
    </row>
    <row r="170196" spans="14:14">
      <c r="N170196" s="10"/>
    </row>
    <row r="170197" spans="14:14">
      <c r="N170197" s="10"/>
    </row>
    <row r="170198" spans="14:14">
      <c r="N170198" s="10"/>
    </row>
    <row r="170199" spans="14:14">
      <c r="N170199" s="10"/>
    </row>
    <row r="170200" spans="14:14">
      <c r="N170200" s="10"/>
    </row>
    <row r="170201" spans="14:14">
      <c r="N170201" s="10"/>
    </row>
    <row r="170202" spans="14:14">
      <c r="N170202" s="10"/>
    </row>
    <row r="170203" spans="14:14">
      <c r="N170203" s="10"/>
    </row>
    <row r="170204" spans="14:14">
      <c r="N170204" s="10"/>
    </row>
    <row r="170205" spans="14:14">
      <c r="N170205" s="10"/>
    </row>
    <row r="170206" spans="14:14">
      <c r="N170206" s="10"/>
    </row>
    <row r="170207" spans="14:14">
      <c r="N170207" s="10"/>
    </row>
    <row r="170208" spans="14:14">
      <c r="N170208" s="10"/>
    </row>
    <row r="170209" spans="14:14">
      <c r="N170209" s="10"/>
    </row>
    <row r="170210" spans="14:14">
      <c r="N170210" s="10"/>
    </row>
    <row r="170211" spans="14:14">
      <c r="N170211" s="10"/>
    </row>
    <row r="170212" spans="14:14">
      <c r="N170212" s="10"/>
    </row>
    <row r="170213" spans="14:14">
      <c r="N170213" s="10"/>
    </row>
    <row r="170214" spans="14:14">
      <c r="N170214" s="10"/>
    </row>
    <row r="170215" spans="14:14">
      <c r="N170215" s="10"/>
    </row>
    <row r="170216" spans="14:14">
      <c r="N170216" s="10"/>
    </row>
    <row r="170217" spans="14:14">
      <c r="N170217" s="10"/>
    </row>
    <row r="170218" spans="14:14">
      <c r="N170218" s="10"/>
    </row>
    <row r="170219" spans="14:14">
      <c r="N170219" s="10"/>
    </row>
    <row r="170220" spans="14:14">
      <c r="N170220" s="10"/>
    </row>
    <row r="170221" spans="14:14">
      <c r="N170221" s="10"/>
    </row>
    <row r="170222" spans="14:14">
      <c r="N170222" s="10"/>
    </row>
    <row r="170223" spans="14:14">
      <c r="N170223" s="10"/>
    </row>
    <row r="170224" spans="14:14">
      <c r="N170224" s="10"/>
    </row>
    <row r="170225" spans="14:14">
      <c r="N170225" s="10"/>
    </row>
    <row r="170226" spans="14:14">
      <c r="N170226" s="10"/>
    </row>
    <row r="170227" spans="14:14">
      <c r="N170227" s="10"/>
    </row>
    <row r="170228" spans="14:14">
      <c r="N170228" s="10"/>
    </row>
    <row r="170229" spans="14:14">
      <c r="N170229" s="10"/>
    </row>
    <row r="170230" spans="14:14">
      <c r="N170230" s="10"/>
    </row>
    <row r="170231" spans="14:14">
      <c r="N170231" s="10"/>
    </row>
    <row r="170232" spans="14:14">
      <c r="N170232" s="10"/>
    </row>
    <row r="170233" spans="14:14">
      <c r="N170233" s="10"/>
    </row>
    <row r="170234" spans="14:14">
      <c r="N170234" s="10"/>
    </row>
    <row r="170235" spans="14:14">
      <c r="N170235" s="10"/>
    </row>
    <row r="170236" spans="14:14">
      <c r="N170236" s="10"/>
    </row>
    <row r="170237" spans="14:14">
      <c r="N170237" s="10"/>
    </row>
    <row r="170238" spans="14:14">
      <c r="N170238" s="10"/>
    </row>
    <row r="170239" spans="14:14">
      <c r="N170239" s="10"/>
    </row>
    <row r="170240" spans="14:14">
      <c r="N170240" s="10"/>
    </row>
    <row r="170241" spans="14:14">
      <c r="N170241" s="10"/>
    </row>
    <row r="170242" spans="14:14">
      <c r="N170242" s="10"/>
    </row>
    <row r="170243" spans="14:14">
      <c r="N170243" s="10"/>
    </row>
    <row r="170244" spans="14:14">
      <c r="N170244" s="10"/>
    </row>
    <row r="170245" spans="14:14">
      <c r="N170245" s="10"/>
    </row>
    <row r="170246" spans="14:14">
      <c r="N170246" s="10"/>
    </row>
    <row r="170247" spans="14:14">
      <c r="N170247" s="10"/>
    </row>
    <row r="170248" spans="14:14">
      <c r="N170248" s="10"/>
    </row>
    <row r="170249" spans="14:14">
      <c r="N170249" s="10"/>
    </row>
    <row r="170250" spans="14:14">
      <c r="N170250" s="10"/>
    </row>
    <row r="170251" spans="14:14">
      <c r="N170251" s="10"/>
    </row>
    <row r="170252" spans="14:14">
      <c r="N170252" s="10"/>
    </row>
    <row r="170253" spans="14:14">
      <c r="N170253" s="10"/>
    </row>
    <row r="170254" spans="14:14">
      <c r="N170254" s="10"/>
    </row>
    <row r="170255" spans="14:14">
      <c r="N170255" s="10"/>
    </row>
    <row r="170256" spans="14:14">
      <c r="N170256" s="10"/>
    </row>
    <row r="170257" spans="14:14">
      <c r="N170257" s="10"/>
    </row>
    <row r="170258" spans="14:14">
      <c r="N170258" s="10"/>
    </row>
    <row r="170259" spans="14:14">
      <c r="N170259" s="10"/>
    </row>
    <row r="170260" spans="14:14">
      <c r="N170260" s="10"/>
    </row>
    <row r="170261" spans="14:14">
      <c r="N170261" s="10"/>
    </row>
    <row r="170262" spans="14:14">
      <c r="N170262" s="10"/>
    </row>
    <row r="170263" spans="14:14">
      <c r="N170263" s="10"/>
    </row>
    <row r="170264" spans="14:14">
      <c r="N170264" s="10"/>
    </row>
    <row r="170265" spans="14:14">
      <c r="N170265" s="10"/>
    </row>
    <row r="170266" spans="14:14">
      <c r="N170266" s="10"/>
    </row>
    <row r="170267" spans="14:14">
      <c r="N170267" s="10"/>
    </row>
    <row r="170268" spans="14:14">
      <c r="N170268" s="10"/>
    </row>
    <row r="170269" spans="14:14">
      <c r="N170269" s="10"/>
    </row>
    <row r="170270" spans="14:14">
      <c r="N170270" s="10"/>
    </row>
    <row r="170271" spans="14:14">
      <c r="N170271" s="10"/>
    </row>
    <row r="170272" spans="14:14">
      <c r="N170272" s="10"/>
    </row>
    <row r="170273" spans="14:14">
      <c r="N170273" s="10"/>
    </row>
    <row r="170274" spans="14:14">
      <c r="N170274" s="10"/>
    </row>
    <row r="170275" spans="14:14">
      <c r="N170275" s="10"/>
    </row>
    <row r="170276" spans="14:14">
      <c r="N170276" s="10"/>
    </row>
    <row r="170277" spans="14:14">
      <c r="N170277" s="10"/>
    </row>
    <row r="170278" spans="14:14">
      <c r="N170278" s="10"/>
    </row>
    <row r="170279" spans="14:14">
      <c r="N170279" s="10"/>
    </row>
    <row r="170280" spans="14:14">
      <c r="N170280" s="10"/>
    </row>
    <row r="170281" spans="14:14">
      <c r="N170281" s="10"/>
    </row>
    <row r="170282" spans="14:14">
      <c r="N170282" s="10"/>
    </row>
    <row r="170283" spans="14:14">
      <c r="N170283" s="10"/>
    </row>
    <row r="170284" spans="14:14">
      <c r="N170284" s="10"/>
    </row>
    <row r="170285" spans="14:14">
      <c r="N170285" s="10"/>
    </row>
    <row r="170286" spans="14:14">
      <c r="N170286" s="10"/>
    </row>
    <row r="170287" spans="14:14">
      <c r="N170287" s="10"/>
    </row>
    <row r="170288" spans="14:14">
      <c r="N170288" s="10"/>
    </row>
    <row r="170289" spans="14:14">
      <c r="N170289" s="10"/>
    </row>
    <row r="170290" spans="14:14">
      <c r="N170290" s="10"/>
    </row>
    <row r="170291" spans="14:14">
      <c r="N170291" s="10"/>
    </row>
    <row r="170292" spans="14:14">
      <c r="N170292" s="10"/>
    </row>
    <row r="170293" spans="14:14">
      <c r="N170293" s="10"/>
    </row>
    <row r="170294" spans="14:14">
      <c r="N170294" s="10"/>
    </row>
    <row r="170295" spans="14:14">
      <c r="N170295" s="10"/>
    </row>
    <row r="170296" spans="14:14">
      <c r="N170296" s="10"/>
    </row>
    <row r="170297" spans="14:14">
      <c r="N170297" s="10"/>
    </row>
    <row r="170298" spans="14:14">
      <c r="N170298" s="10"/>
    </row>
    <row r="170299" spans="14:14">
      <c r="N170299" s="10"/>
    </row>
    <row r="170300" spans="14:14">
      <c r="N170300" s="10"/>
    </row>
    <row r="170301" spans="14:14">
      <c r="N170301" s="10"/>
    </row>
    <row r="170302" spans="14:14">
      <c r="N170302" s="10"/>
    </row>
    <row r="170303" spans="14:14">
      <c r="N170303" s="10"/>
    </row>
    <row r="170304" spans="14:14">
      <c r="N170304" s="10"/>
    </row>
    <row r="170305" spans="14:14">
      <c r="N170305" s="10"/>
    </row>
    <row r="170306" spans="14:14">
      <c r="N170306" s="10"/>
    </row>
    <row r="170307" spans="14:14">
      <c r="N170307" s="10"/>
    </row>
    <row r="170308" spans="14:14">
      <c r="N170308" s="10"/>
    </row>
    <row r="170309" spans="14:14">
      <c r="N170309" s="10"/>
    </row>
    <row r="170310" spans="14:14">
      <c r="N170310" s="10"/>
    </row>
    <row r="170311" spans="14:14">
      <c r="N170311" s="10"/>
    </row>
    <row r="170312" spans="14:14">
      <c r="N170312" s="10"/>
    </row>
    <row r="170313" spans="14:14">
      <c r="N170313" s="10"/>
    </row>
    <row r="170314" spans="14:14">
      <c r="N170314" s="10"/>
    </row>
    <row r="170315" spans="14:14">
      <c r="N170315" s="10"/>
    </row>
    <row r="170316" spans="14:14">
      <c r="N170316" s="10"/>
    </row>
    <row r="170317" spans="14:14">
      <c r="N170317" s="10"/>
    </row>
    <row r="170318" spans="14:14">
      <c r="N170318" s="10"/>
    </row>
    <row r="170319" spans="14:14">
      <c r="N170319" s="10"/>
    </row>
    <row r="170320" spans="14:14">
      <c r="N170320" s="10"/>
    </row>
    <row r="170321" spans="14:14">
      <c r="N170321" s="10"/>
    </row>
    <row r="170322" spans="14:14">
      <c r="N170322" s="10"/>
    </row>
    <row r="170323" spans="14:14">
      <c r="N170323" s="10"/>
    </row>
    <row r="170324" spans="14:14">
      <c r="N170324" s="10"/>
    </row>
    <row r="170325" spans="14:14">
      <c r="N170325" s="10"/>
    </row>
    <row r="170326" spans="14:14">
      <c r="N170326" s="10"/>
    </row>
    <row r="170327" spans="14:14">
      <c r="N170327" s="10"/>
    </row>
    <row r="170328" spans="14:14">
      <c r="N170328" s="10"/>
    </row>
    <row r="170329" spans="14:14">
      <c r="N170329" s="10"/>
    </row>
    <row r="170330" spans="14:14">
      <c r="N170330" s="10"/>
    </row>
    <row r="170331" spans="14:14">
      <c r="N170331" s="10"/>
    </row>
    <row r="170332" spans="14:14">
      <c r="N170332" s="10"/>
    </row>
    <row r="170333" spans="14:14">
      <c r="N170333" s="10"/>
    </row>
    <row r="170334" spans="14:14">
      <c r="N170334" s="10"/>
    </row>
    <row r="170335" spans="14:14">
      <c r="N170335" s="10"/>
    </row>
    <row r="170336" spans="14:14">
      <c r="N170336" s="10"/>
    </row>
    <row r="170337" spans="14:14">
      <c r="N170337" s="10"/>
    </row>
    <row r="170338" spans="14:14">
      <c r="N170338" s="10"/>
    </row>
    <row r="170339" spans="14:14">
      <c r="N170339" s="10"/>
    </row>
    <row r="170340" spans="14:14">
      <c r="N170340" s="10"/>
    </row>
    <row r="170341" spans="14:14">
      <c r="N170341" s="10"/>
    </row>
    <row r="170342" spans="14:14">
      <c r="N170342" s="10"/>
    </row>
    <row r="170343" spans="14:14">
      <c r="N170343" s="10"/>
    </row>
    <row r="170344" spans="14:14">
      <c r="N170344" s="10"/>
    </row>
    <row r="170345" spans="14:14">
      <c r="N170345" s="10"/>
    </row>
    <row r="170346" spans="14:14">
      <c r="N170346" s="10"/>
    </row>
    <row r="170347" spans="14:14">
      <c r="N170347" s="10"/>
    </row>
    <row r="170348" spans="14:14">
      <c r="N170348" s="10"/>
    </row>
    <row r="170349" spans="14:14">
      <c r="N170349" s="10"/>
    </row>
    <row r="170350" spans="14:14">
      <c r="N170350" s="10"/>
    </row>
    <row r="170351" spans="14:14">
      <c r="N170351" s="10"/>
    </row>
    <row r="170352" spans="14:14">
      <c r="N170352" s="10"/>
    </row>
    <row r="170353" spans="14:14">
      <c r="N170353" s="10"/>
    </row>
    <row r="170354" spans="14:14">
      <c r="N170354" s="10"/>
    </row>
    <row r="170355" spans="14:14">
      <c r="N170355" s="10"/>
    </row>
    <row r="170356" spans="14:14">
      <c r="N170356" s="10"/>
    </row>
    <row r="170357" spans="14:14">
      <c r="N170357" s="10"/>
    </row>
    <row r="170358" spans="14:14">
      <c r="N170358" s="10"/>
    </row>
    <row r="170359" spans="14:14">
      <c r="N170359" s="10"/>
    </row>
    <row r="170360" spans="14:14">
      <c r="N170360" s="10"/>
    </row>
    <row r="170361" spans="14:14">
      <c r="N170361" s="10"/>
    </row>
    <row r="170362" spans="14:14">
      <c r="N170362" s="10"/>
    </row>
    <row r="170363" spans="14:14">
      <c r="N170363" s="10"/>
    </row>
    <row r="170364" spans="14:14">
      <c r="N170364" s="10"/>
    </row>
    <row r="170365" spans="14:14">
      <c r="N170365" s="10"/>
    </row>
    <row r="170366" spans="14:14">
      <c r="N170366" s="10"/>
    </row>
    <row r="170367" spans="14:14">
      <c r="N170367" s="10"/>
    </row>
    <row r="170368" spans="14:14">
      <c r="N170368" s="10"/>
    </row>
    <row r="170369" spans="14:14">
      <c r="N170369" s="10"/>
    </row>
    <row r="170370" spans="14:14">
      <c r="N170370" s="10"/>
    </row>
    <row r="170371" spans="14:14">
      <c r="N170371" s="10"/>
    </row>
    <row r="170372" spans="14:14">
      <c r="N170372" s="10"/>
    </row>
    <row r="170373" spans="14:14">
      <c r="N170373" s="10"/>
    </row>
    <row r="170374" spans="14:14">
      <c r="N170374" s="10"/>
    </row>
    <row r="170375" spans="14:14">
      <c r="N170375" s="10"/>
    </row>
    <row r="170376" spans="14:14">
      <c r="N170376" s="10"/>
    </row>
    <row r="170377" spans="14:14">
      <c r="N170377" s="10"/>
    </row>
    <row r="170378" spans="14:14">
      <c r="N170378" s="10"/>
    </row>
    <row r="170379" spans="14:14">
      <c r="N170379" s="10"/>
    </row>
    <row r="170380" spans="14:14">
      <c r="N170380" s="10"/>
    </row>
    <row r="170381" spans="14:14">
      <c r="N170381" s="10"/>
    </row>
    <row r="170382" spans="14:14">
      <c r="N170382" s="10"/>
    </row>
    <row r="170383" spans="14:14">
      <c r="N170383" s="10"/>
    </row>
    <row r="170384" spans="14:14">
      <c r="N170384" s="10"/>
    </row>
    <row r="170385" spans="14:14">
      <c r="N170385" s="10"/>
    </row>
    <row r="170386" spans="14:14">
      <c r="N170386" s="10"/>
    </row>
    <row r="170387" spans="14:14">
      <c r="N170387" s="10"/>
    </row>
    <row r="170388" spans="14:14">
      <c r="N170388" s="10"/>
    </row>
    <row r="170389" spans="14:14">
      <c r="N170389" s="10"/>
    </row>
    <row r="170390" spans="14:14">
      <c r="N170390" s="10"/>
    </row>
    <row r="170391" spans="14:14">
      <c r="N170391" s="10"/>
    </row>
    <row r="170392" spans="14:14">
      <c r="N170392" s="10"/>
    </row>
    <row r="170393" spans="14:14">
      <c r="N170393" s="10"/>
    </row>
    <row r="170394" spans="14:14">
      <c r="N170394" s="10"/>
    </row>
    <row r="170395" spans="14:14">
      <c r="N170395" s="10"/>
    </row>
    <row r="170396" spans="14:14">
      <c r="N170396" s="10"/>
    </row>
    <row r="170397" spans="14:14">
      <c r="N170397" s="10"/>
    </row>
    <row r="170398" spans="14:14">
      <c r="N170398" s="10"/>
    </row>
    <row r="170399" spans="14:14">
      <c r="N170399" s="10"/>
    </row>
    <row r="170400" spans="14:14">
      <c r="N170400" s="10"/>
    </row>
    <row r="170401" spans="14:14">
      <c r="N170401" s="10"/>
    </row>
    <row r="170402" spans="14:14">
      <c r="N170402" s="10"/>
    </row>
    <row r="170403" spans="14:14">
      <c r="N170403" s="10"/>
    </row>
    <row r="170404" spans="14:14">
      <c r="N170404" s="10"/>
    </row>
    <row r="170405" spans="14:14">
      <c r="N170405" s="10"/>
    </row>
    <row r="170406" spans="14:14">
      <c r="N170406" s="10"/>
    </row>
    <row r="170407" spans="14:14">
      <c r="N170407" s="10"/>
    </row>
    <row r="170408" spans="14:14">
      <c r="N170408" s="10"/>
    </row>
    <row r="170409" spans="14:14">
      <c r="N170409" s="10"/>
    </row>
    <row r="170410" spans="14:14">
      <c r="N170410" s="10"/>
    </row>
    <row r="170411" spans="14:14">
      <c r="N170411" s="10"/>
    </row>
    <row r="170412" spans="14:14">
      <c r="N170412" s="10"/>
    </row>
    <row r="170413" spans="14:14">
      <c r="N170413" s="10"/>
    </row>
    <row r="170414" spans="14:14">
      <c r="N170414" s="10"/>
    </row>
    <row r="170415" spans="14:14">
      <c r="N170415" s="10"/>
    </row>
    <row r="170416" spans="14:14">
      <c r="N170416" s="10"/>
    </row>
    <row r="170417" spans="14:14">
      <c r="N170417" s="10"/>
    </row>
    <row r="170418" spans="14:14">
      <c r="N170418" s="10"/>
    </row>
    <row r="170419" spans="14:14">
      <c r="N170419" s="10"/>
    </row>
    <row r="170420" spans="14:14">
      <c r="N170420" s="10"/>
    </row>
    <row r="170421" spans="14:14">
      <c r="N170421" s="10"/>
    </row>
    <row r="170422" spans="14:14">
      <c r="N170422" s="10"/>
    </row>
    <row r="170423" spans="14:14">
      <c r="N170423" s="10"/>
    </row>
    <row r="170424" spans="14:14">
      <c r="N170424" s="10"/>
    </row>
    <row r="170425" spans="14:14">
      <c r="N170425" s="10"/>
    </row>
    <row r="170426" spans="14:14">
      <c r="N170426" s="10"/>
    </row>
    <row r="170427" spans="14:14">
      <c r="N170427" s="10"/>
    </row>
    <row r="170428" spans="14:14">
      <c r="N170428" s="10"/>
    </row>
    <row r="170429" spans="14:14">
      <c r="N170429" s="10"/>
    </row>
    <row r="170430" spans="14:14">
      <c r="N170430" s="10"/>
    </row>
    <row r="170431" spans="14:14">
      <c r="N170431" s="10"/>
    </row>
    <row r="170432" spans="14:14">
      <c r="N170432" s="10"/>
    </row>
    <row r="170433" spans="14:14">
      <c r="N170433" s="10"/>
    </row>
    <row r="170434" spans="14:14">
      <c r="N170434" s="10"/>
    </row>
    <row r="170435" spans="14:14">
      <c r="N170435" s="10"/>
    </row>
    <row r="170436" spans="14:14">
      <c r="N170436" s="10"/>
    </row>
    <row r="170437" spans="14:14">
      <c r="N170437" s="10"/>
    </row>
    <row r="170438" spans="14:14">
      <c r="N170438" s="10"/>
    </row>
    <row r="170439" spans="14:14">
      <c r="N170439" s="10"/>
    </row>
    <row r="170440" spans="14:14">
      <c r="N170440" s="10"/>
    </row>
    <row r="170441" spans="14:14">
      <c r="N170441" s="10"/>
    </row>
    <row r="170442" spans="14:14">
      <c r="N170442" s="10"/>
    </row>
    <row r="170443" spans="14:14">
      <c r="N170443" s="10"/>
    </row>
    <row r="170444" spans="14:14">
      <c r="N170444" s="10"/>
    </row>
    <row r="170445" spans="14:14">
      <c r="N170445" s="10"/>
    </row>
    <row r="170446" spans="14:14">
      <c r="N170446" s="10"/>
    </row>
    <row r="170447" spans="14:14">
      <c r="N170447" s="10"/>
    </row>
    <row r="170448" spans="14:14">
      <c r="N170448" s="10"/>
    </row>
    <row r="170449" spans="14:14">
      <c r="N170449" s="10"/>
    </row>
    <row r="170450" spans="14:14">
      <c r="N170450" s="10"/>
    </row>
    <row r="170451" spans="14:14">
      <c r="N170451" s="10"/>
    </row>
    <row r="170452" spans="14:14">
      <c r="N170452" s="10"/>
    </row>
    <row r="170453" spans="14:14">
      <c r="N170453" s="10"/>
    </row>
    <row r="170454" spans="14:14">
      <c r="N170454" s="10"/>
    </row>
    <row r="170455" spans="14:14">
      <c r="N170455" s="10"/>
    </row>
    <row r="170456" spans="14:14">
      <c r="N170456" s="10"/>
    </row>
    <row r="170457" spans="14:14">
      <c r="N170457" s="10"/>
    </row>
    <row r="170458" spans="14:14">
      <c r="N170458" s="10"/>
    </row>
    <row r="170459" spans="14:14">
      <c r="N170459" s="10"/>
    </row>
    <row r="170460" spans="14:14">
      <c r="N170460" s="10"/>
    </row>
    <row r="170461" spans="14:14">
      <c r="N170461" s="10"/>
    </row>
    <row r="170462" spans="14:14">
      <c r="N170462" s="10"/>
    </row>
    <row r="170463" spans="14:14">
      <c r="N170463" s="10"/>
    </row>
    <row r="170464" spans="14:14">
      <c r="N170464" s="10"/>
    </row>
    <row r="170465" spans="14:14">
      <c r="N170465" s="10"/>
    </row>
    <row r="170466" spans="14:14">
      <c r="N170466" s="10"/>
    </row>
    <row r="170467" spans="14:14">
      <c r="N170467" s="10"/>
    </row>
    <row r="170468" spans="14:14">
      <c r="N170468" s="10"/>
    </row>
    <row r="170469" spans="14:14">
      <c r="N170469" s="10"/>
    </row>
    <row r="170470" spans="14:14">
      <c r="N170470" s="10"/>
    </row>
    <row r="170471" spans="14:14">
      <c r="N170471" s="10"/>
    </row>
    <row r="170472" spans="14:14">
      <c r="N170472" s="10"/>
    </row>
    <row r="170473" spans="14:14">
      <c r="N170473" s="10"/>
    </row>
    <row r="170474" spans="14:14">
      <c r="N170474" s="10"/>
    </row>
    <row r="170475" spans="14:14">
      <c r="N170475" s="10"/>
    </row>
    <row r="170476" spans="14:14">
      <c r="N170476" s="10"/>
    </row>
    <row r="170477" spans="14:14">
      <c r="N170477" s="10"/>
    </row>
    <row r="170478" spans="14:14">
      <c r="N170478" s="10"/>
    </row>
    <row r="170479" spans="14:14">
      <c r="N170479" s="10"/>
    </row>
    <row r="170480" spans="14:14">
      <c r="N170480" s="10"/>
    </row>
    <row r="170481" spans="14:14">
      <c r="N170481" s="10"/>
    </row>
    <row r="170482" spans="14:14">
      <c r="N170482" s="10"/>
    </row>
    <row r="170483" spans="14:14">
      <c r="N170483" s="10"/>
    </row>
    <row r="170484" spans="14:14">
      <c r="N170484" s="10"/>
    </row>
    <row r="170485" spans="14:14">
      <c r="N170485" s="10"/>
    </row>
    <row r="170486" spans="14:14">
      <c r="N170486" s="10"/>
    </row>
    <row r="170487" spans="14:14">
      <c r="N170487" s="10"/>
    </row>
    <row r="170488" spans="14:14">
      <c r="N170488" s="10"/>
    </row>
    <row r="170489" spans="14:14">
      <c r="N170489" s="10"/>
    </row>
    <row r="170490" spans="14:14">
      <c r="N170490" s="10"/>
    </row>
    <row r="170491" spans="14:14">
      <c r="N170491" s="10"/>
    </row>
    <row r="170492" spans="14:14">
      <c r="N170492" s="10"/>
    </row>
    <row r="170493" spans="14:14">
      <c r="N170493" s="10"/>
    </row>
    <row r="170494" spans="14:14">
      <c r="N170494" s="10"/>
    </row>
    <row r="170495" spans="14:14">
      <c r="N170495" s="10"/>
    </row>
    <row r="170496" spans="14:14">
      <c r="N170496" s="10"/>
    </row>
    <row r="170497" spans="14:14">
      <c r="N170497" s="10"/>
    </row>
    <row r="170498" spans="14:14">
      <c r="N170498" s="10"/>
    </row>
    <row r="170499" spans="14:14">
      <c r="N170499" s="10"/>
    </row>
    <row r="170500" spans="14:14">
      <c r="N170500" s="10"/>
    </row>
    <row r="170501" spans="14:14">
      <c r="N170501" s="10"/>
    </row>
    <row r="170502" spans="14:14">
      <c r="N170502" s="10"/>
    </row>
    <row r="170503" spans="14:14">
      <c r="N170503" s="10"/>
    </row>
    <row r="170504" spans="14:14">
      <c r="N170504" s="10"/>
    </row>
    <row r="170505" spans="14:14">
      <c r="N170505" s="10"/>
    </row>
    <row r="170506" spans="14:14">
      <c r="N170506" s="10"/>
    </row>
    <row r="170507" spans="14:14">
      <c r="N170507" s="10"/>
    </row>
    <row r="170508" spans="14:14">
      <c r="N170508" s="10"/>
    </row>
    <row r="170509" spans="14:14">
      <c r="N170509" s="10"/>
    </row>
    <row r="170510" spans="14:14">
      <c r="N170510" s="10"/>
    </row>
    <row r="170511" spans="14:14">
      <c r="N170511" s="10"/>
    </row>
    <row r="170512" spans="14:14">
      <c r="N170512" s="10"/>
    </row>
    <row r="170513" spans="14:14">
      <c r="N170513" s="10"/>
    </row>
    <row r="170514" spans="14:14">
      <c r="N170514" s="10"/>
    </row>
    <row r="170515" spans="14:14">
      <c r="N170515" s="10"/>
    </row>
    <row r="170516" spans="14:14">
      <c r="N170516" s="10"/>
    </row>
    <row r="170517" spans="14:14">
      <c r="N170517" s="10"/>
    </row>
    <row r="170518" spans="14:14">
      <c r="N170518" s="10"/>
    </row>
    <row r="170519" spans="14:14">
      <c r="N170519" s="10"/>
    </row>
    <row r="170520" spans="14:14">
      <c r="N170520" s="10"/>
    </row>
    <row r="170521" spans="14:14">
      <c r="N170521" s="10"/>
    </row>
    <row r="170522" spans="14:14">
      <c r="N170522" s="10"/>
    </row>
    <row r="170523" spans="14:14">
      <c r="N170523" s="10"/>
    </row>
    <row r="170524" spans="14:14">
      <c r="N170524" s="10"/>
    </row>
    <row r="170525" spans="14:14">
      <c r="N170525" s="10"/>
    </row>
    <row r="170526" spans="14:14">
      <c r="N170526" s="10"/>
    </row>
    <row r="170527" spans="14:14">
      <c r="N170527" s="10"/>
    </row>
    <row r="170528" spans="14:14">
      <c r="N170528" s="10"/>
    </row>
    <row r="170529" spans="14:14">
      <c r="N170529" s="10"/>
    </row>
    <row r="170530" spans="14:14">
      <c r="N170530" s="10"/>
    </row>
    <row r="170531" spans="14:14">
      <c r="N170531" s="10"/>
    </row>
    <row r="170532" spans="14:14">
      <c r="N170532" s="10"/>
    </row>
    <row r="170533" spans="14:14">
      <c r="N170533" s="10"/>
    </row>
    <row r="170534" spans="14:14">
      <c r="N170534" s="10"/>
    </row>
    <row r="170535" spans="14:14">
      <c r="N170535" s="10"/>
    </row>
    <row r="170536" spans="14:14">
      <c r="N170536" s="10"/>
    </row>
    <row r="170537" spans="14:14">
      <c r="N170537" s="10"/>
    </row>
    <row r="170538" spans="14:14">
      <c r="N170538" s="10"/>
    </row>
    <row r="170539" spans="14:14">
      <c r="N170539" s="10"/>
    </row>
    <row r="170540" spans="14:14">
      <c r="N170540" s="10"/>
    </row>
    <row r="170541" spans="14:14">
      <c r="N170541" s="10"/>
    </row>
    <row r="170542" spans="14:14">
      <c r="N170542" s="10"/>
    </row>
    <row r="170543" spans="14:14">
      <c r="N170543" s="10"/>
    </row>
    <row r="170544" spans="14:14">
      <c r="N170544" s="10"/>
    </row>
    <row r="170545" spans="14:14">
      <c r="N170545" s="10"/>
    </row>
    <row r="170546" spans="14:14">
      <c r="N170546" s="10"/>
    </row>
    <row r="170547" spans="14:14">
      <c r="N170547" s="10"/>
    </row>
    <row r="170548" spans="14:14">
      <c r="N170548" s="10"/>
    </row>
    <row r="170549" spans="14:14">
      <c r="N170549" s="10"/>
    </row>
    <row r="170550" spans="14:14">
      <c r="N170550" s="10"/>
    </row>
    <row r="170551" spans="14:14">
      <c r="N170551" s="10"/>
    </row>
    <row r="170552" spans="14:14">
      <c r="N170552" s="10"/>
    </row>
    <row r="170553" spans="14:14">
      <c r="N170553" s="10"/>
    </row>
    <row r="170554" spans="14:14">
      <c r="N170554" s="10"/>
    </row>
    <row r="170555" spans="14:14">
      <c r="N170555" s="10"/>
    </row>
    <row r="170556" spans="14:14">
      <c r="N170556" s="10"/>
    </row>
    <row r="170557" spans="14:14">
      <c r="N170557" s="10"/>
    </row>
    <row r="170558" spans="14:14">
      <c r="N170558" s="10"/>
    </row>
    <row r="170559" spans="14:14">
      <c r="N170559" s="10"/>
    </row>
    <row r="170560" spans="14:14">
      <c r="N170560" s="10"/>
    </row>
    <row r="170561" spans="14:14">
      <c r="N170561" s="10"/>
    </row>
    <row r="170562" spans="14:14">
      <c r="N170562" s="10"/>
    </row>
    <row r="170563" spans="14:14">
      <c r="N170563" s="10"/>
    </row>
    <row r="170564" spans="14:14">
      <c r="N170564" s="10"/>
    </row>
    <row r="170565" spans="14:14">
      <c r="N170565" s="10"/>
    </row>
    <row r="170566" spans="14:14">
      <c r="N170566" s="10"/>
    </row>
    <row r="170567" spans="14:14">
      <c r="N170567" s="10"/>
    </row>
    <row r="170568" spans="14:14">
      <c r="N170568" s="10"/>
    </row>
    <row r="170569" spans="14:14">
      <c r="N170569" s="10"/>
    </row>
    <row r="170570" spans="14:14">
      <c r="N170570" s="10"/>
    </row>
    <row r="170571" spans="14:14">
      <c r="N170571" s="10"/>
    </row>
    <row r="170572" spans="14:14">
      <c r="N170572" s="10"/>
    </row>
    <row r="170573" spans="14:14">
      <c r="N170573" s="10"/>
    </row>
    <row r="170574" spans="14:14">
      <c r="N170574" s="10"/>
    </row>
    <row r="170575" spans="14:14">
      <c r="N170575" s="10"/>
    </row>
    <row r="170576" spans="14:14">
      <c r="N170576" s="10"/>
    </row>
    <row r="170577" spans="14:14">
      <c r="N170577" s="10"/>
    </row>
    <row r="170578" spans="14:14">
      <c r="N170578" s="10"/>
    </row>
    <row r="170579" spans="14:14">
      <c r="N170579" s="10"/>
    </row>
    <row r="170580" spans="14:14">
      <c r="N170580" s="10"/>
    </row>
    <row r="170581" spans="14:14">
      <c r="N170581" s="10"/>
    </row>
    <row r="170582" spans="14:14">
      <c r="N170582" s="10"/>
    </row>
    <row r="170583" spans="14:14">
      <c r="N170583" s="10"/>
    </row>
    <row r="170584" spans="14:14">
      <c r="N170584" s="10"/>
    </row>
    <row r="170585" spans="14:14">
      <c r="N170585" s="10"/>
    </row>
    <row r="170586" spans="14:14">
      <c r="N170586" s="10"/>
    </row>
    <row r="170587" spans="14:14">
      <c r="N170587" s="10"/>
    </row>
    <row r="170588" spans="14:14">
      <c r="N170588" s="10"/>
    </row>
    <row r="170589" spans="14:14">
      <c r="N170589" s="10"/>
    </row>
    <row r="170590" spans="14:14">
      <c r="N170590" s="10"/>
    </row>
    <row r="170591" spans="14:14">
      <c r="N170591" s="10"/>
    </row>
    <row r="170592" spans="14:14">
      <c r="N170592" s="10"/>
    </row>
    <row r="170593" spans="14:14">
      <c r="N170593" s="10"/>
    </row>
    <row r="170594" spans="14:14">
      <c r="N170594" s="10"/>
    </row>
    <row r="170595" spans="14:14">
      <c r="N170595" s="10"/>
    </row>
    <row r="170596" spans="14:14">
      <c r="N170596" s="10"/>
    </row>
    <row r="170597" spans="14:14">
      <c r="N170597" s="10"/>
    </row>
    <row r="170598" spans="14:14">
      <c r="N170598" s="10"/>
    </row>
    <row r="170599" spans="14:14">
      <c r="N170599" s="10"/>
    </row>
    <row r="170600" spans="14:14">
      <c r="N170600" s="10"/>
    </row>
    <row r="170601" spans="14:14">
      <c r="N170601" s="10"/>
    </row>
    <row r="170602" spans="14:14">
      <c r="N170602" s="10"/>
    </row>
    <row r="170603" spans="14:14">
      <c r="N170603" s="10"/>
    </row>
    <row r="170604" spans="14:14">
      <c r="N170604" s="10"/>
    </row>
    <row r="170605" spans="14:14">
      <c r="N170605" s="10"/>
    </row>
    <row r="170606" spans="14:14">
      <c r="N170606" s="10"/>
    </row>
    <row r="170607" spans="14:14">
      <c r="N170607" s="10"/>
    </row>
    <row r="170608" spans="14:14">
      <c r="N170608" s="10"/>
    </row>
    <row r="170609" spans="14:14">
      <c r="N170609" s="10"/>
    </row>
    <row r="170610" spans="14:14">
      <c r="N170610" s="10"/>
    </row>
    <row r="170611" spans="14:14">
      <c r="N170611" s="10"/>
    </row>
    <row r="170612" spans="14:14">
      <c r="N170612" s="10"/>
    </row>
    <row r="170613" spans="14:14">
      <c r="N170613" s="10"/>
    </row>
    <row r="170614" spans="14:14">
      <c r="N170614" s="10"/>
    </row>
    <row r="170615" spans="14:14">
      <c r="N170615" s="10"/>
    </row>
    <row r="170616" spans="14:14">
      <c r="N170616" s="10"/>
    </row>
    <row r="170617" spans="14:14">
      <c r="N170617" s="10"/>
    </row>
    <row r="170618" spans="14:14">
      <c r="N170618" s="10"/>
    </row>
    <row r="170619" spans="14:14">
      <c r="N170619" s="10"/>
    </row>
    <row r="170620" spans="14:14">
      <c r="N170620" s="10"/>
    </row>
    <row r="170621" spans="14:14">
      <c r="N170621" s="10"/>
    </row>
    <row r="170622" spans="14:14">
      <c r="N170622" s="10"/>
    </row>
    <row r="170623" spans="14:14">
      <c r="N170623" s="10"/>
    </row>
    <row r="170624" spans="14:14">
      <c r="N170624" s="10"/>
    </row>
    <row r="170625" spans="14:14">
      <c r="N170625" s="10"/>
    </row>
    <row r="170626" spans="14:14">
      <c r="N170626" s="10"/>
    </row>
    <row r="170627" spans="14:14">
      <c r="N170627" s="10"/>
    </row>
    <row r="170628" spans="14:14">
      <c r="N170628" s="10"/>
    </row>
    <row r="170629" spans="14:14">
      <c r="N170629" s="10"/>
    </row>
    <row r="170630" spans="14:14">
      <c r="N170630" s="10"/>
    </row>
    <row r="170631" spans="14:14">
      <c r="N170631" s="10"/>
    </row>
    <row r="170632" spans="14:14">
      <c r="N170632" s="10"/>
    </row>
    <row r="170633" spans="14:14">
      <c r="N170633" s="10"/>
    </row>
    <row r="170634" spans="14:14">
      <c r="N170634" s="10"/>
    </row>
    <row r="170635" spans="14:14">
      <c r="N170635" s="10"/>
    </row>
    <row r="170636" spans="14:14">
      <c r="N170636" s="10"/>
    </row>
    <row r="170637" spans="14:14">
      <c r="N170637" s="10"/>
    </row>
    <row r="170638" spans="14:14">
      <c r="N170638" s="10"/>
    </row>
    <row r="170639" spans="14:14">
      <c r="N170639" s="10"/>
    </row>
    <row r="170640" spans="14:14">
      <c r="N170640" s="10"/>
    </row>
    <row r="170641" spans="14:14">
      <c r="N170641" s="10"/>
    </row>
    <row r="170642" spans="14:14">
      <c r="N170642" s="10"/>
    </row>
    <row r="170643" spans="14:14">
      <c r="N170643" s="10"/>
    </row>
    <row r="170644" spans="14:14">
      <c r="N170644" s="10"/>
    </row>
    <row r="170645" spans="14:14">
      <c r="N170645" s="10"/>
    </row>
    <row r="170646" spans="14:14">
      <c r="N170646" s="10"/>
    </row>
    <row r="170647" spans="14:14">
      <c r="N170647" s="10"/>
    </row>
    <row r="170648" spans="14:14">
      <c r="N170648" s="10"/>
    </row>
    <row r="170649" spans="14:14">
      <c r="N170649" s="10"/>
    </row>
    <row r="170650" spans="14:14">
      <c r="N170650" s="10"/>
    </row>
    <row r="170651" spans="14:14">
      <c r="N170651" s="10"/>
    </row>
    <row r="170652" spans="14:14">
      <c r="N170652" s="10"/>
    </row>
    <row r="170653" spans="14:14">
      <c r="N170653" s="10"/>
    </row>
    <row r="170654" spans="14:14">
      <c r="N170654" s="10"/>
    </row>
    <row r="170655" spans="14:14">
      <c r="N170655" s="10"/>
    </row>
    <row r="170656" spans="14:14">
      <c r="N170656" s="10"/>
    </row>
    <row r="170657" spans="14:14">
      <c r="N170657" s="10"/>
    </row>
    <row r="170658" spans="14:14">
      <c r="N170658" s="10"/>
    </row>
    <row r="170659" spans="14:14">
      <c r="N170659" s="10"/>
    </row>
    <row r="170660" spans="14:14">
      <c r="N170660" s="10"/>
    </row>
    <row r="170661" spans="14:14">
      <c r="N170661" s="10"/>
    </row>
    <row r="170662" spans="14:14">
      <c r="N170662" s="10"/>
    </row>
    <row r="170663" spans="14:14">
      <c r="N170663" s="10"/>
    </row>
    <row r="170664" spans="14:14">
      <c r="N170664" s="10"/>
    </row>
    <row r="170665" spans="14:14">
      <c r="N170665" s="10"/>
    </row>
    <row r="170666" spans="14:14">
      <c r="N170666" s="10"/>
    </row>
    <row r="170667" spans="14:14">
      <c r="N170667" s="10"/>
    </row>
    <row r="170668" spans="14:14">
      <c r="N170668" s="10"/>
    </row>
    <row r="170669" spans="14:14">
      <c r="N170669" s="10"/>
    </row>
    <row r="170670" spans="14:14">
      <c r="N170670" s="10"/>
    </row>
    <row r="170671" spans="14:14">
      <c r="N170671" s="10"/>
    </row>
    <row r="170672" spans="14:14">
      <c r="N170672" s="10"/>
    </row>
    <row r="170673" spans="14:14">
      <c r="N170673" s="10"/>
    </row>
    <row r="170674" spans="14:14">
      <c r="N170674" s="10"/>
    </row>
    <row r="170675" spans="14:14">
      <c r="N170675" s="10"/>
    </row>
    <row r="170676" spans="14:14">
      <c r="N170676" s="10"/>
    </row>
    <row r="170677" spans="14:14">
      <c r="N170677" s="10"/>
    </row>
    <row r="170678" spans="14:14">
      <c r="N170678" s="10"/>
    </row>
    <row r="170679" spans="14:14">
      <c r="N170679" s="10"/>
    </row>
    <row r="170680" spans="14:14">
      <c r="N170680" s="10"/>
    </row>
    <row r="170681" spans="14:14">
      <c r="N170681" s="10"/>
    </row>
    <row r="170682" spans="14:14">
      <c r="N170682" s="10"/>
    </row>
    <row r="170683" spans="14:14">
      <c r="N170683" s="10"/>
    </row>
    <row r="170684" spans="14:14">
      <c r="N170684" s="10"/>
    </row>
    <row r="170685" spans="14:14">
      <c r="N170685" s="10"/>
    </row>
    <row r="170686" spans="14:14">
      <c r="N170686" s="10"/>
    </row>
    <row r="170687" spans="14:14">
      <c r="N170687" s="10"/>
    </row>
    <row r="170688" spans="14:14">
      <c r="N170688" s="10"/>
    </row>
    <row r="170689" spans="14:14">
      <c r="N170689" s="10"/>
    </row>
    <row r="170690" spans="14:14">
      <c r="N170690" s="10"/>
    </row>
    <row r="170691" spans="14:14">
      <c r="N170691" s="10"/>
    </row>
    <row r="170692" spans="14:14">
      <c r="N170692" s="10"/>
    </row>
    <row r="170693" spans="14:14">
      <c r="N170693" s="10"/>
    </row>
    <row r="170694" spans="14:14">
      <c r="N170694" s="10"/>
    </row>
    <row r="170695" spans="14:14">
      <c r="N170695" s="10"/>
    </row>
    <row r="170696" spans="14:14">
      <c r="N170696" s="10"/>
    </row>
    <row r="170697" spans="14:14">
      <c r="N170697" s="10"/>
    </row>
    <row r="170698" spans="14:14">
      <c r="N170698" s="10"/>
    </row>
    <row r="170699" spans="14:14">
      <c r="N170699" s="10"/>
    </row>
    <row r="170700" spans="14:14">
      <c r="N170700" s="10"/>
    </row>
    <row r="170701" spans="14:14">
      <c r="N170701" s="10"/>
    </row>
    <row r="170702" spans="14:14">
      <c r="N170702" s="10"/>
    </row>
    <row r="170703" spans="14:14">
      <c r="N170703" s="10"/>
    </row>
    <row r="170704" spans="14:14">
      <c r="N170704" s="10"/>
    </row>
    <row r="170705" spans="14:14">
      <c r="N170705" s="10"/>
    </row>
    <row r="170706" spans="14:14">
      <c r="N170706" s="10"/>
    </row>
    <row r="170707" spans="14:14">
      <c r="N170707" s="10"/>
    </row>
    <row r="170708" spans="14:14">
      <c r="N170708" s="10"/>
    </row>
    <row r="170709" spans="14:14">
      <c r="N170709" s="10"/>
    </row>
    <row r="170710" spans="14:14">
      <c r="N170710" s="10"/>
    </row>
    <row r="170711" spans="14:14">
      <c r="N170711" s="10"/>
    </row>
    <row r="170712" spans="14:14">
      <c r="N170712" s="10"/>
    </row>
    <row r="170713" spans="14:14">
      <c r="N170713" s="10"/>
    </row>
    <row r="170714" spans="14:14">
      <c r="N170714" s="10"/>
    </row>
    <row r="170715" spans="14:14">
      <c r="N170715" s="10"/>
    </row>
    <row r="170716" spans="14:14">
      <c r="N170716" s="10"/>
    </row>
    <row r="170717" spans="14:14">
      <c r="N170717" s="10"/>
    </row>
    <row r="170718" spans="14:14">
      <c r="N170718" s="10"/>
    </row>
    <row r="170719" spans="14:14">
      <c r="N170719" s="10"/>
    </row>
    <row r="170720" spans="14:14">
      <c r="N170720" s="10"/>
    </row>
    <row r="170721" spans="14:14">
      <c r="N170721" s="10"/>
    </row>
    <row r="170722" spans="14:14">
      <c r="N170722" s="10"/>
    </row>
    <row r="170723" spans="14:14">
      <c r="N170723" s="10"/>
    </row>
    <row r="170724" spans="14:14">
      <c r="N170724" s="10"/>
    </row>
    <row r="170725" spans="14:14">
      <c r="N170725" s="10"/>
    </row>
    <row r="170726" spans="14:14">
      <c r="N170726" s="10"/>
    </row>
    <row r="170727" spans="14:14">
      <c r="N170727" s="10"/>
    </row>
    <row r="170728" spans="14:14">
      <c r="N170728" s="10"/>
    </row>
    <row r="170729" spans="14:14">
      <c r="N170729" s="10"/>
    </row>
    <row r="170730" spans="14:14">
      <c r="N170730" s="10"/>
    </row>
    <row r="170731" spans="14:14">
      <c r="N170731" s="10"/>
    </row>
    <row r="170732" spans="14:14">
      <c r="N170732" s="10"/>
    </row>
    <row r="170733" spans="14:14">
      <c r="N170733" s="10"/>
    </row>
    <row r="170734" spans="14:14">
      <c r="N170734" s="10"/>
    </row>
    <row r="170735" spans="14:14">
      <c r="N170735" s="10"/>
    </row>
    <row r="170736" spans="14:14">
      <c r="N170736" s="10"/>
    </row>
    <row r="170737" spans="14:14">
      <c r="N170737" s="10"/>
    </row>
    <row r="170738" spans="14:14">
      <c r="N170738" s="10"/>
    </row>
    <row r="170739" spans="14:14">
      <c r="N170739" s="10"/>
    </row>
    <row r="170740" spans="14:14">
      <c r="N170740" s="10"/>
    </row>
    <row r="170741" spans="14:14">
      <c r="N170741" s="10"/>
    </row>
    <row r="170742" spans="14:14">
      <c r="N170742" s="10"/>
    </row>
    <row r="170743" spans="14:14">
      <c r="N170743" s="10"/>
    </row>
    <row r="170744" spans="14:14">
      <c r="N170744" s="10"/>
    </row>
    <row r="170745" spans="14:14">
      <c r="N170745" s="10"/>
    </row>
    <row r="170746" spans="14:14">
      <c r="N170746" s="10"/>
    </row>
    <row r="170747" spans="14:14">
      <c r="N170747" s="10"/>
    </row>
    <row r="170748" spans="14:14">
      <c r="N170748" s="10"/>
    </row>
    <row r="170749" spans="14:14">
      <c r="N170749" s="10"/>
    </row>
    <row r="170750" spans="14:14">
      <c r="N170750" s="10"/>
    </row>
    <row r="170751" spans="14:14">
      <c r="N170751" s="10"/>
    </row>
    <row r="170752" spans="14:14">
      <c r="N170752" s="10"/>
    </row>
    <row r="170753" spans="14:14">
      <c r="N170753" s="10"/>
    </row>
    <row r="170754" spans="14:14">
      <c r="N170754" s="10"/>
    </row>
    <row r="170755" spans="14:14">
      <c r="N170755" s="10"/>
    </row>
    <row r="170756" spans="14:14">
      <c r="N170756" s="10"/>
    </row>
    <row r="170757" spans="14:14">
      <c r="N170757" s="10"/>
    </row>
    <row r="170758" spans="14:14">
      <c r="N170758" s="10"/>
    </row>
    <row r="170759" spans="14:14">
      <c r="N170759" s="10"/>
    </row>
    <row r="170760" spans="14:14">
      <c r="N170760" s="10"/>
    </row>
    <row r="170761" spans="14:14">
      <c r="N170761" s="10"/>
    </row>
    <row r="170762" spans="14:14">
      <c r="N170762" s="10"/>
    </row>
    <row r="170763" spans="14:14">
      <c r="N170763" s="10"/>
    </row>
    <row r="170764" spans="14:14">
      <c r="N170764" s="10"/>
    </row>
    <row r="170765" spans="14:14">
      <c r="N170765" s="10"/>
    </row>
    <row r="170766" spans="14:14">
      <c r="N170766" s="10"/>
    </row>
    <row r="170767" spans="14:14">
      <c r="N170767" s="10"/>
    </row>
    <row r="170768" spans="14:14">
      <c r="N170768" s="10"/>
    </row>
    <row r="170769" spans="14:14">
      <c r="N170769" s="10"/>
    </row>
    <row r="170770" spans="14:14">
      <c r="N170770" s="10"/>
    </row>
    <row r="170771" spans="14:14">
      <c r="N170771" s="10"/>
    </row>
    <row r="170772" spans="14:14">
      <c r="N170772" s="10"/>
    </row>
    <row r="170773" spans="14:14">
      <c r="N170773" s="10"/>
    </row>
    <row r="170774" spans="14:14">
      <c r="N170774" s="10"/>
    </row>
    <row r="170775" spans="14:14">
      <c r="N170775" s="10"/>
    </row>
    <row r="170776" spans="14:14">
      <c r="N170776" s="10"/>
    </row>
    <row r="170777" spans="14:14">
      <c r="N170777" s="10"/>
    </row>
    <row r="170778" spans="14:14">
      <c r="N170778" s="10"/>
    </row>
    <row r="170779" spans="14:14">
      <c r="N170779" s="10"/>
    </row>
    <row r="170780" spans="14:14">
      <c r="N170780" s="10"/>
    </row>
    <row r="170781" spans="14:14">
      <c r="N170781" s="10"/>
    </row>
    <row r="170782" spans="14:14">
      <c r="N170782" s="10"/>
    </row>
    <row r="170783" spans="14:14">
      <c r="N170783" s="10"/>
    </row>
    <row r="170784" spans="14:14">
      <c r="N170784" s="10"/>
    </row>
    <row r="170785" spans="14:14">
      <c r="N170785" s="10"/>
    </row>
    <row r="170786" spans="14:14">
      <c r="N170786" s="10"/>
    </row>
    <row r="170787" spans="14:14">
      <c r="N170787" s="10"/>
    </row>
    <row r="170788" spans="14:14">
      <c r="N170788" s="10"/>
    </row>
    <row r="170789" spans="14:14">
      <c r="N170789" s="10"/>
    </row>
    <row r="170790" spans="14:14">
      <c r="N170790" s="10"/>
    </row>
    <row r="170791" spans="14:14">
      <c r="N170791" s="10"/>
    </row>
    <row r="170792" spans="14:14">
      <c r="N170792" s="10"/>
    </row>
    <row r="170793" spans="14:14">
      <c r="N170793" s="10"/>
    </row>
    <row r="170794" spans="14:14">
      <c r="N170794" s="10"/>
    </row>
    <row r="170795" spans="14:14">
      <c r="N170795" s="10"/>
    </row>
    <row r="170796" spans="14:14">
      <c r="N170796" s="10"/>
    </row>
    <row r="170797" spans="14:14">
      <c r="N170797" s="10"/>
    </row>
    <row r="170798" spans="14:14">
      <c r="N170798" s="10"/>
    </row>
    <row r="170799" spans="14:14">
      <c r="N170799" s="10"/>
    </row>
    <row r="170800" spans="14:14">
      <c r="N170800" s="10"/>
    </row>
    <row r="170801" spans="14:14">
      <c r="N170801" s="10"/>
    </row>
    <row r="170802" spans="14:14">
      <c r="N170802" s="10"/>
    </row>
    <row r="170803" spans="14:14">
      <c r="N170803" s="10"/>
    </row>
    <row r="170804" spans="14:14">
      <c r="N170804" s="10"/>
    </row>
    <row r="170805" spans="14:14">
      <c r="N170805" s="10"/>
    </row>
    <row r="170806" spans="14:14">
      <c r="N170806" s="10"/>
    </row>
    <row r="170807" spans="14:14">
      <c r="N170807" s="10"/>
    </row>
    <row r="170808" spans="14:14">
      <c r="N170808" s="10"/>
    </row>
    <row r="170809" spans="14:14">
      <c r="N170809" s="10"/>
    </row>
    <row r="170810" spans="14:14">
      <c r="N170810" s="10"/>
    </row>
    <row r="170811" spans="14:14">
      <c r="N170811" s="10"/>
    </row>
    <row r="170812" spans="14:14">
      <c r="N170812" s="10"/>
    </row>
    <row r="170813" spans="14:14">
      <c r="N170813" s="10"/>
    </row>
    <row r="170814" spans="14:14">
      <c r="N170814" s="10"/>
    </row>
    <row r="170815" spans="14:14">
      <c r="N170815" s="10"/>
    </row>
    <row r="170816" spans="14:14">
      <c r="N170816" s="10"/>
    </row>
    <row r="170817" spans="14:14">
      <c r="N170817" s="10"/>
    </row>
    <row r="170818" spans="14:14">
      <c r="N170818" s="10"/>
    </row>
    <row r="170819" spans="14:14">
      <c r="N170819" s="10"/>
    </row>
    <row r="170820" spans="14:14">
      <c r="N170820" s="10"/>
    </row>
    <row r="170821" spans="14:14">
      <c r="N170821" s="10"/>
    </row>
    <row r="170822" spans="14:14">
      <c r="N170822" s="10"/>
    </row>
    <row r="170823" spans="14:14">
      <c r="N170823" s="10"/>
    </row>
    <row r="170824" spans="14:14">
      <c r="N170824" s="10"/>
    </row>
    <row r="170825" spans="14:14">
      <c r="N170825" s="10"/>
    </row>
    <row r="170826" spans="14:14">
      <c r="N170826" s="10"/>
    </row>
    <row r="170827" spans="14:14">
      <c r="N170827" s="10"/>
    </row>
    <row r="170828" spans="14:14">
      <c r="N170828" s="10"/>
    </row>
    <row r="170829" spans="14:14">
      <c r="N170829" s="10"/>
    </row>
    <row r="170830" spans="14:14">
      <c r="N170830" s="10"/>
    </row>
    <row r="170831" spans="14:14">
      <c r="N170831" s="10"/>
    </row>
    <row r="170832" spans="14:14">
      <c r="N170832" s="10"/>
    </row>
    <row r="170833" spans="14:14">
      <c r="N170833" s="10"/>
    </row>
    <row r="170834" spans="14:14">
      <c r="N170834" s="10"/>
    </row>
    <row r="170835" spans="14:14">
      <c r="N170835" s="10"/>
    </row>
    <row r="170836" spans="14:14">
      <c r="N170836" s="10"/>
    </row>
    <row r="170837" spans="14:14">
      <c r="N170837" s="10"/>
    </row>
    <row r="170838" spans="14:14">
      <c r="N170838" s="10"/>
    </row>
    <row r="170839" spans="14:14">
      <c r="N170839" s="10"/>
    </row>
    <row r="170840" spans="14:14">
      <c r="N170840" s="10"/>
    </row>
    <row r="170841" spans="14:14">
      <c r="N170841" s="10"/>
    </row>
    <row r="170842" spans="14:14">
      <c r="N170842" s="10"/>
    </row>
    <row r="170843" spans="14:14">
      <c r="N170843" s="10"/>
    </row>
    <row r="170844" spans="14:14">
      <c r="N170844" s="10"/>
    </row>
    <row r="170845" spans="14:14">
      <c r="N170845" s="10"/>
    </row>
    <row r="170846" spans="14:14">
      <c r="N170846" s="10"/>
    </row>
    <row r="170847" spans="14:14">
      <c r="N170847" s="10"/>
    </row>
    <row r="170848" spans="14:14">
      <c r="N170848" s="10"/>
    </row>
    <row r="170849" spans="14:14">
      <c r="N170849" s="10"/>
    </row>
    <row r="170850" spans="14:14">
      <c r="N170850" s="10"/>
    </row>
    <row r="170851" spans="14:14">
      <c r="N170851" s="10"/>
    </row>
    <row r="170852" spans="14:14">
      <c r="N170852" s="10"/>
    </row>
    <row r="170853" spans="14:14">
      <c r="N170853" s="10"/>
    </row>
    <row r="170854" spans="14:14">
      <c r="N170854" s="10"/>
    </row>
    <row r="170855" spans="14:14">
      <c r="N170855" s="10"/>
    </row>
    <row r="170856" spans="14:14">
      <c r="N170856" s="10"/>
    </row>
    <row r="170857" spans="14:14">
      <c r="N170857" s="10"/>
    </row>
    <row r="170858" spans="14:14">
      <c r="N170858" s="10"/>
    </row>
    <row r="170859" spans="14:14">
      <c r="N170859" s="10"/>
    </row>
    <row r="170860" spans="14:14">
      <c r="N170860" s="10"/>
    </row>
    <row r="170861" spans="14:14">
      <c r="N170861" s="10"/>
    </row>
    <row r="170862" spans="14:14">
      <c r="N170862" s="10"/>
    </row>
    <row r="170863" spans="14:14">
      <c r="N170863" s="10"/>
    </row>
    <row r="170864" spans="14:14">
      <c r="N170864" s="10"/>
    </row>
    <row r="170865" spans="14:14">
      <c r="N170865" s="10"/>
    </row>
    <row r="170866" spans="14:14">
      <c r="N170866" s="10"/>
    </row>
    <row r="170867" spans="14:14">
      <c r="N170867" s="10"/>
    </row>
    <row r="170868" spans="14:14">
      <c r="N170868" s="10"/>
    </row>
    <row r="170869" spans="14:14">
      <c r="N170869" s="10"/>
    </row>
    <row r="170870" spans="14:14">
      <c r="N170870" s="10"/>
    </row>
    <row r="170871" spans="14:14">
      <c r="N170871" s="10"/>
    </row>
    <row r="170872" spans="14:14">
      <c r="N170872" s="10"/>
    </row>
    <row r="170873" spans="14:14">
      <c r="N170873" s="10"/>
    </row>
    <row r="170874" spans="14:14">
      <c r="N170874" s="10"/>
    </row>
    <row r="170875" spans="14:14">
      <c r="N170875" s="10"/>
    </row>
    <row r="170876" spans="14:14">
      <c r="N170876" s="10"/>
    </row>
    <row r="170877" spans="14:14">
      <c r="N170877" s="10"/>
    </row>
    <row r="170878" spans="14:14">
      <c r="N170878" s="10"/>
    </row>
    <row r="170879" spans="14:14">
      <c r="N170879" s="10"/>
    </row>
    <row r="170880" spans="14:14">
      <c r="N170880" s="10"/>
    </row>
    <row r="170881" spans="14:14">
      <c r="N170881" s="10"/>
    </row>
    <row r="170882" spans="14:14">
      <c r="N170882" s="10"/>
    </row>
    <row r="170883" spans="14:14">
      <c r="N170883" s="10"/>
    </row>
    <row r="170884" spans="14:14">
      <c r="N170884" s="10"/>
    </row>
    <row r="170885" spans="14:14">
      <c r="N170885" s="10"/>
    </row>
    <row r="170886" spans="14:14">
      <c r="N170886" s="10"/>
    </row>
    <row r="170887" spans="14:14">
      <c r="N170887" s="10"/>
    </row>
    <row r="170888" spans="14:14">
      <c r="N170888" s="10"/>
    </row>
    <row r="170889" spans="14:14">
      <c r="N170889" s="10"/>
    </row>
    <row r="170890" spans="14:14">
      <c r="N170890" s="10"/>
    </row>
    <row r="170891" spans="14:14">
      <c r="N170891" s="10"/>
    </row>
    <row r="170892" spans="14:14">
      <c r="N170892" s="10"/>
    </row>
    <row r="170893" spans="14:14">
      <c r="N170893" s="10"/>
    </row>
    <row r="170894" spans="14:14">
      <c r="N170894" s="10"/>
    </row>
    <row r="170895" spans="14:14">
      <c r="N170895" s="10"/>
    </row>
    <row r="170896" spans="14:14">
      <c r="N170896" s="10"/>
    </row>
    <row r="170897" spans="14:14">
      <c r="N170897" s="10"/>
    </row>
    <row r="170898" spans="14:14">
      <c r="N170898" s="10"/>
    </row>
    <row r="170899" spans="14:14">
      <c r="N170899" s="10"/>
    </row>
    <row r="170900" spans="14:14">
      <c r="N170900" s="10"/>
    </row>
    <row r="170901" spans="14:14">
      <c r="N170901" s="10"/>
    </row>
    <row r="170902" spans="14:14">
      <c r="N170902" s="10"/>
    </row>
    <row r="170903" spans="14:14">
      <c r="N170903" s="10"/>
    </row>
    <row r="170904" spans="14:14">
      <c r="N170904" s="10"/>
    </row>
    <row r="170905" spans="14:14">
      <c r="N170905" s="10"/>
    </row>
    <row r="170906" spans="14:14">
      <c r="N170906" s="10"/>
    </row>
    <row r="170907" spans="14:14">
      <c r="N170907" s="10"/>
    </row>
    <row r="170908" spans="14:14">
      <c r="N170908" s="10"/>
    </row>
    <row r="170909" spans="14:14">
      <c r="N170909" s="10"/>
    </row>
    <row r="170910" spans="14:14">
      <c r="N170910" s="10"/>
    </row>
    <row r="170911" spans="14:14">
      <c r="N170911" s="10"/>
    </row>
    <row r="170912" spans="14:14">
      <c r="N170912" s="10"/>
    </row>
    <row r="170913" spans="14:14">
      <c r="N170913" s="10"/>
    </row>
    <row r="170914" spans="14:14">
      <c r="N170914" s="10"/>
    </row>
    <row r="170915" spans="14:14">
      <c r="N170915" s="10"/>
    </row>
    <row r="170916" spans="14:14">
      <c r="N170916" s="10"/>
    </row>
    <row r="170917" spans="14:14">
      <c r="N170917" s="10"/>
    </row>
    <row r="170918" spans="14:14">
      <c r="N170918" s="10"/>
    </row>
    <row r="170919" spans="14:14">
      <c r="N170919" s="10"/>
    </row>
    <row r="170920" spans="14:14">
      <c r="N170920" s="10"/>
    </row>
    <row r="170921" spans="14:14">
      <c r="N170921" s="10"/>
    </row>
    <row r="170922" spans="14:14">
      <c r="N170922" s="10"/>
    </row>
    <row r="170923" spans="14:14">
      <c r="N170923" s="10"/>
    </row>
    <row r="170924" spans="14:14">
      <c r="N170924" s="10"/>
    </row>
    <row r="170925" spans="14:14">
      <c r="N170925" s="10"/>
    </row>
    <row r="170926" spans="14:14">
      <c r="N170926" s="10"/>
    </row>
    <row r="170927" spans="14:14">
      <c r="N170927" s="10"/>
    </row>
    <row r="170928" spans="14:14">
      <c r="N170928" s="10"/>
    </row>
    <row r="170929" spans="14:14">
      <c r="N170929" s="10"/>
    </row>
    <row r="170930" spans="14:14">
      <c r="N170930" s="10"/>
    </row>
    <row r="170931" spans="14:14">
      <c r="N170931" s="10"/>
    </row>
    <row r="170932" spans="14:14">
      <c r="N170932" s="10"/>
    </row>
    <row r="170933" spans="14:14">
      <c r="N170933" s="10"/>
    </row>
    <row r="170934" spans="14:14">
      <c r="N170934" s="10"/>
    </row>
    <row r="170935" spans="14:14">
      <c r="N170935" s="10"/>
    </row>
    <row r="170936" spans="14:14">
      <c r="N170936" s="10"/>
    </row>
    <row r="170937" spans="14:14">
      <c r="N170937" s="10"/>
    </row>
    <row r="170938" spans="14:14">
      <c r="N170938" s="10"/>
    </row>
    <row r="170939" spans="14:14">
      <c r="N170939" s="10"/>
    </row>
    <row r="170940" spans="14:14">
      <c r="N170940" s="10"/>
    </row>
    <row r="170941" spans="14:14">
      <c r="N170941" s="10"/>
    </row>
    <row r="170942" spans="14:14">
      <c r="N170942" s="10"/>
    </row>
    <row r="170943" spans="14:14">
      <c r="N170943" s="10"/>
    </row>
    <row r="170944" spans="14:14">
      <c r="N170944" s="10"/>
    </row>
    <row r="170945" spans="14:14">
      <c r="N170945" s="10"/>
    </row>
    <row r="170946" spans="14:14">
      <c r="N170946" s="10"/>
    </row>
    <row r="170947" spans="14:14">
      <c r="N170947" s="10"/>
    </row>
    <row r="170948" spans="14:14">
      <c r="N170948" s="10"/>
    </row>
    <row r="170949" spans="14:14">
      <c r="N170949" s="10"/>
    </row>
    <row r="170950" spans="14:14">
      <c r="N170950" s="10"/>
    </row>
    <row r="170951" spans="14:14">
      <c r="N170951" s="10"/>
    </row>
    <row r="170952" spans="14:14">
      <c r="N170952" s="10"/>
    </row>
    <row r="170953" spans="14:14">
      <c r="N170953" s="10"/>
    </row>
    <row r="170954" spans="14:14">
      <c r="N170954" s="10"/>
    </row>
    <row r="170955" spans="14:14">
      <c r="N170955" s="10"/>
    </row>
    <row r="170956" spans="14:14">
      <c r="N170956" s="10"/>
    </row>
    <row r="170957" spans="14:14">
      <c r="N170957" s="10"/>
    </row>
    <row r="170958" spans="14:14">
      <c r="N170958" s="10"/>
    </row>
    <row r="170959" spans="14:14">
      <c r="N170959" s="10"/>
    </row>
    <row r="170960" spans="14:14">
      <c r="N170960" s="10"/>
    </row>
    <row r="170961" spans="14:14">
      <c r="N170961" s="10"/>
    </row>
    <row r="170962" spans="14:14">
      <c r="N170962" s="10"/>
    </row>
    <row r="170963" spans="14:14">
      <c r="N170963" s="10"/>
    </row>
    <row r="170964" spans="14:14">
      <c r="N170964" s="10"/>
    </row>
    <row r="170965" spans="14:14">
      <c r="N170965" s="10"/>
    </row>
    <row r="170966" spans="14:14">
      <c r="N170966" s="10"/>
    </row>
    <row r="170967" spans="14:14">
      <c r="N170967" s="10"/>
    </row>
    <row r="170968" spans="14:14">
      <c r="N170968" s="10"/>
    </row>
    <row r="170969" spans="14:14">
      <c r="N170969" s="10"/>
    </row>
    <row r="170970" spans="14:14">
      <c r="N170970" s="10"/>
    </row>
    <row r="170971" spans="14:14">
      <c r="N170971" s="10"/>
    </row>
    <row r="170972" spans="14:14">
      <c r="N170972" s="10"/>
    </row>
    <row r="170973" spans="14:14">
      <c r="N170973" s="10"/>
    </row>
    <row r="170974" spans="14:14">
      <c r="N170974" s="10"/>
    </row>
    <row r="170975" spans="14:14">
      <c r="N170975" s="10"/>
    </row>
    <row r="170976" spans="14:14">
      <c r="N170976" s="10"/>
    </row>
    <row r="170977" spans="14:14">
      <c r="N170977" s="10"/>
    </row>
    <row r="170978" spans="14:14">
      <c r="N170978" s="10"/>
    </row>
    <row r="170979" spans="14:14">
      <c r="N170979" s="10"/>
    </row>
    <row r="170980" spans="14:14">
      <c r="N170980" s="10"/>
    </row>
    <row r="170981" spans="14:14">
      <c r="N170981" s="10"/>
    </row>
    <row r="170982" spans="14:14">
      <c r="N170982" s="10"/>
    </row>
    <row r="170983" spans="14:14">
      <c r="N170983" s="10"/>
    </row>
    <row r="170984" spans="14:14">
      <c r="N170984" s="10"/>
    </row>
    <row r="170985" spans="14:14">
      <c r="N170985" s="10"/>
    </row>
    <row r="170986" spans="14:14">
      <c r="N170986" s="10"/>
    </row>
    <row r="170987" spans="14:14">
      <c r="N170987" s="10"/>
    </row>
    <row r="170988" spans="14:14">
      <c r="N170988" s="10"/>
    </row>
    <row r="170989" spans="14:14">
      <c r="N170989" s="10"/>
    </row>
    <row r="170990" spans="14:14">
      <c r="N170990" s="10"/>
    </row>
    <row r="170991" spans="14:14">
      <c r="N170991" s="10"/>
    </row>
    <row r="170992" spans="14:14">
      <c r="N170992" s="10"/>
    </row>
    <row r="170993" spans="14:14">
      <c r="N170993" s="10"/>
    </row>
    <row r="170994" spans="14:14">
      <c r="N170994" s="10"/>
    </row>
    <row r="170995" spans="14:14">
      <c r="N170995" s="10"/>
    </row>
    <row r="170996" spans="14:14">
      <c r="N170996" s="10"/>
    </row>
    <row r="170997" spans="14:14">
      <c r="N170997" s="10"/>
    </row>
    <row r="170998" spans="14:14">
      <c r="N170998" s="10"/>
    </row>
    <row r="170999" spans="14:14">
      <c r="N170999" s="10"/>
    </row>
    <row r="171000" spans="14:14">
      <c r="N171000" s="10"/>
    </row>
    <row r="171001" spans="14:14">
      <c r="N171001" s="10"/>
    </row>
    <row r="171002" spans="14:14">
      <c r="N171002" s="10"/>
    </row>
    <row r="171003" spans="14:14">
      <c r="N171003" s="10"/>
    </row>
    <row r="171004" spans="14:14">
      <c r="N171004" s="10"/>
    </row>
    <row r="171005" spans="14:14">
      <c r="N171005" s="10"/>
    </row>
    <row r="171006" spans="14:14">
      <c r="N171006" s="10"/>
    </row>
    <row r="171007" spans="14:14">
      <c r="N171007" s="10"/>
    </row>
    <row r="171008" spans="14:14">
      <c r="N171008" s="10"/>
    </row>
    <row r="171009" spans="14:14">
      <c r="N171009" s="10"/>
    </row>
    <row r="171010" spans="14:14">
      <c r="N171010" s="10"/>
    </row>
    <row r="171011" spans="14:14">
      <c r="N171011" s="10"/>
    </row>
    <row r="171012" spans="14:14">
      <c r="N171012" s="10"/>
    </row>
    <row r="171013" spans="14:14">
      <c r="N171013" s="10"/>
    </row>
    <row r="171014" spans="14:14">
      <c r="N171014" s="10"/>
    </row>
    <row r="171015" spans="14:14">
      <c r="N171015" s="10"/>
    </row>
    <row r="171016" spans="14:14">
      <c r="N171016" s="10"/>
    </row>
    <row r="171017" spans="14:14">
      <c r="N171017" s="10"/>
    </row>
    <row r="171018" spans="14:14">
      <c r="N171018" s="10"/>
    </row>
    <row r="171019" spans="14:14">
      <c r="N171019" s="10"/>
    </row>
    <row r="171020" spans="14:14">
      <c r="N171020" s="10"/>
    </row>
    <row r="171021" spans="14:14">
      <c r="N171021" s="10"/>
    </row>
    <row r="171022" spans="14:14">
      <c r="N171022" s="10"/>
    </row>
    <row r="171023" spans="14:14">
      <c r="N171023" s="10"/>
    </row>
    <row r="171024" spans="14:14">
      <c r="N171024" s="10"/>
    </row>
    <row r="171025" spans="14:14">
      <c r="N171025" s="10"/>
    </row>
    <row r="171026" spans="14:14">
      <c r="N171026" s="10"/>
    </row>
    <row r="171027" spans="14:14">
      <c r="N171027" s="10"/>
    </row>
    <row r="171028" spans="14:14">
      <c r="N171028" s="10"/>
    </row>
    <row r="171029" spans="14:14">
      <c r="N171029" s="10"/>
    </row>
    <row r="171030" spans="14:14">
      <c r="N171030" s="10"/>
    </row>
    <row r="171031" spans="14:14">
      <c r="N171031" s="10"/>
    </row>
    <row r="171032" spans="14:14">
      <c r="N171032" s="10"/>
    </row>
    <row r="171033" spans="14:14">
      <c r="N171033" s="10"/>
    </row>
    <row r="171034" spans="14:14">
      <c r="N171034" s="10"/>
    </row>
    <row r="171035" spans="14:14">
      <c r="N171035" s="10"/>
    </row>
    <row r="171036" spans="14:14">
      <c r="N171036" s="10"/>
    </row>
    <row r="171037" spans="14:14">
      <c r="N171037" s="10"/>
    </row>
    <row r="171038" spans="14:14">
      <c r="N171038" s="10"/>
    </row>
    <row r="171039" spans="14:14">
      <c r="N171039" s="10"/>
    </row>
    <row r="171040" spans="14:14">
      <c r="N171040" s="10"/>
    </row>
    <row r="171041" spans="14:14">
      <c r="N171041" s="10"/>
    </row>
    <row r="171042" spans="14:14">
      <c r="N171042" s="10"/>
    </row>
    <row r="171043" spans="14:14">
      <c r="N171043" s="10"/>
    </row>
    <row r="171044" spans="14:14">
      <c r="N171044" s="10"/>
    </row>
    <row r="171045" spans="14:14">
      <c r="N171045" s="10"/>
    </row>
    <row r="171046" spans="14:14">
      <c r="N171046" s="10"/>
    </row>
    <row r="171047" spans="14:14">
      <c r="N171047" s="10"/>
    </row>
    <row r="171048" spans="14:14">
      <c r="N171048" s="10"/>
    </row>
    <row r="171049" spans="14:14">
      <c r="N171049" s="10"/>
    </row>
    <row r="171050" spans="14:14">
      <c r="N171050" s="10"/>
    </row>
    <row r="171051" spans="14:14">
      <c r="N171051" s="10"/>
    </row>
    <row r="171052" spans="14:14">
      <c r="N171052" s="10"/>
    </row>
    <row r="171053" spans="14:14">
      <c r="N171053" s="10"/>
    </row>
    <row r="171054" spans="14:14">
      <c r="N171054" s="10"/>
    </row>
    <row r="171055" spans="14:14">
      <c r="N171055" s="10"/>
    </row>
    <row r="171056" spans="14:14">
      <c r="N171056" s="10"/>
    </row>
    <row r="171057" spans="14:14">
      <c r="N171057" s="10"/>
    </row>
    <row r="171058" spans="14:14">
      <c r="N171058" s="10"/>
    </row>
    <row r="171059" spans="14:14">
      <c r="N171059" s="10"/>
    </row>
    <row r="171060" spans="14:14">
      <c r="N171060" s="10"/>
    </row>
    <row r="171061" spans="14:14">
      <c r="N171061" s="10"/>
    </row>
    <row r="171062" spans="14:14">
      <c r="N171062" s="10"/>
    </row>
    <row r="171063" spans="14:14">
      <c r="N171063" s="10"/>
    </row>
    <row r="171064" spans="14:14">
      <c r="N171064" s="10"/>
    </row>
    <row r="171065" spans="14:14">
      <c r="N171065" s="10"/>
    </row>
    <row r="171066" spans="14:14">
      <c r="N171066" s="10"/>
    </row>
    <row r="171067" spans="14:14">
      <c r="N171067" s="10"/>
    </row>
    <row r="171068" spans="14:14">
      <c r="N171068" s="10"/>
    </row>
    <row r="171069" spans="14:14">
      <c r="N171069" s="10"/>
    </row>
    <row r="171070" spans="14:14">
      <c r="N171070" s="10"/>
    </row>
    <row r="171071" spans="14:14">
      <c r="N171071" s="10"/>
    </row>
    <row r="171072" spans="14:14">
      <c r="N171072" s="10"/>
    </row>
    <row r="171073" spans="14:14">
      <c r="N171073" s="10"/>
    </row>
    <row r="171074" spans="14:14">
      <c r="N171074" s="10"/>
    </row>
    <row r="171075" spans="14:14">
      <c r="N171075" s="10"/>
    </row>
    <row r="171076" spans="14:14">
      <c r="N171076" s="10"/>
    </row>
    <row r="171077" spans="14:14">
      <c r="N171077" s="10"/>
    </row>
    <row r="171078" spans="14:14">
      <c r="N171078" s="10"/>
    </row>
    <row r="171079" spans="14:14">
      <c r="N171079" s="10"/>
    </row>
    <row r="171080" spans="14:14">
      <c r="N171080" s="10"/>
    </row>
    <row r="171081" spans="14:14">
      <c r="N171081" s="10"/>
    </row>
    <row r="171082" spans="14:14">
      <c r="N171082" s="10"/>
    </row>
    <row r="171083" spans="14:14">
      <c r="N171083" s="10"/>
    </row>
    <row r="171084" spans="14:14">
      <c r="N171084" s="10"/>
    </row>
    <row r="171085" spans="14:14">
      <c r="N171085" s="10"/>
    </row>
    <row r="171086" spans="14:14">
      <c r="N171086" s="10"/>
    </row>
    <row r="171087" spans="14:14">
      <c r="N171087" s="10"/>
    </row>
    <row r="171088" spans="14:14">
      <c r="N171088" s="10"/>
    </row>
    <row r="171089" spans="14:14">
      <c r="N171089" s="10"/>
    </row>
    <row r="171090" spans="14:14">
      <c r="N171090" s="10"/>
    </row>
    <row r="171091" spans="14:14">
      <c r="N171091" s="10"/>
    </row>
    <row r="171092" spans="14:14">
      <c r="N171092" s="10"/>
    </row>
    <row r="171093" spans="14:14">
      <c r="N171093" s="10"/>
    </row>
    <row r="171094" spans="14:14">
      <c r="N171094" s="10"/>
    </row>
    <row r="171095" spans="14:14">
      <c r="N171095" s="10"/>
    </row>
    <row r="171096" spans="14:14">
      <c r="N171096" s="10"/>
    </row>
    <row r="171097" spans="14:14">
      <c r="N171097" s="10"/>
    </row>
    <row r="171098" spans="14:14">
      <c r="N171098" s="10"/>
    </row>
    <row r="171099" spans="14:14">
      <c r="N171099" s="10"/>
    </row>
    <row r="171100" spans="14:14">
      <c r="N171100" s="10"/>
    </row>
    <row r="171101" spans="14:14">
      <c r="N171101" s="10"/>
    </row>
    <row r="171102" spans="14:14">
      <c r="N171102" s="10"/>
    </row>
    <row r="171103" spans="14:14">
      <c r="N171103" s="10"/>
    </row>
    <row r="171104" spans="14:14">
      <c r="N171104" s="10"/>
    </row>
    <row r="171105" spans="14:14">
      <c r="N171105" s="10"/>
    </row>
    <row r="171106" spans="14:14">
      <c r="N171106" s="10"/>
    </row>
    <row r="171107" spans="14:14">
      <c r="N171107" s="10"/>
    </row>
    <row r="171108" spans="14:14">
      <c r="N171108" s="10"/>
    </row>
    <row r="171109" spans="14:14">
      <c r="N171109" s="10"/>
    </row>
    <row r="171110" spans="14:14">
      <c r="N171110" s="10"/>
    </row>
    <row r="171111" spans="14:14">
      <c r="N171111" s="10"/>
    </row>
    <row r="171112" spans="14:14">
      <c r="N171112" s="10"/>
    </row>
    <row r="171113" spans="14:14">
      <c r="N171113" s="10"/>
    </row>
    <row r="171114" spans="14:14">
      <c r="N171114" s="10"/>
    </row>
    <row r="171115" spans="14:14">
      <c r="N171115" s="10"/>
    </row>
    <row r="171116" spans="14:14">
      <c r="N171116" s="10"/>
    </row>
    <row r="171117" spans="14:14">
      <c r="N171117" s="10"/>
    </row>
    <row r="171118" spans="14:14">
      <c r="N171118" s="10"/>
    </row>
    <row r="171119" spans="14:14">
      <c r="N171119" s="10"/>
    </row>
    <row r="171120" spans="14:14">
      <c r="N171120" s="10"/>
    </row>
    <row r="171121" spans="14:14">
      <c r="N171121" s="10"/>
    </row>
    <row r="171122" spans="14:14">
      <c r="N171122" s="10"/>
    </row>
    <row r="171123" spans="14:14">
      <c r="N171123" s="10"/>
    </row>
    <row r="171124" spans="14:14">
      <c r="N171124" s="10"/>
    </row>
    <row r="171125" spans="14:14">
      <c r="N171125" s="10"/>
    </row>
    <row r="171126" spans="14:14">
      <c r="N171126" s="10"/>
    </row>
    <row r="171127" spans="14:14">
      <c r="N171127" s="10"/>
    </row>
    <row r="171128" spans="14:14">
      <c r="N171128" s="10"/>
    </row>
    <row r="171129" spans="14:14">
      <c r="N171129" s="10"/>
    </row>
    <row r="171130" spans="14:14">
      <c r="N171130" s="10"/>
    </row>
    <row r="171131" spans="14:14">
      <c r="N171131" s="10"/>
    </row>
    <row r="171132" spans="14:14">
      <c r="N171132" s="10"/>
    </row>
    <row r="171133" spans="14:14">
      <c r="N171133" s="10"/>
    </row>
    <row r="171134" spans="14:14">
      <c r="N171134" s="10"/>
    </row>
    <row r="171135" spans="14:14">
      <c r="N171135" s="10"/>
    </row>
    <row r="171136" spans="14:14">
      <c r="N171136" s="10"/>
    </row>
    <row r="171137" spans="14:14">
      <c r="N171137" s="10"/>
    </row>
    <row r="171138" spans="14:14">
      <c r="N171138" s="10"/>
    </row>
    <row r="171139" spans="14:14">
      <c r="N171139" s="10"/>
    </row>
    <row r="171140" spans="14:14">
      <c r="N171140" s="10"/>
    </row>
    <row r="171141" spans="14:14">
      <c r="N171141" s="10"/>
    </row>
    <row r="171142" spans="14:14">
      <c r="N171142" s="10"/>
    </row>
    <row r="171143" spans="14:14">
      <c r="N171143" s="10"/>
    </row>
    <row r="171144" spans="14:14">
      <c r="N171144" s="10"/>
    </row>
    <row r="171145" spans="14:14">
      <c r="N171145" s="10"/>
    </row>
    <row r="171146" spans="14:14">
      <c r="N171146" s="10"/>
    </row>
    <row r="171147" spans="14:14">
      <c r="N171147" s="10"/>
    </row>
    <row r="171148" spans="14:14">
      <c r="N171148" s="10"/>
    </row>
    <row r="171149" spans="14:14">
      <c r="N171149" s="10"/>
    </row>
    <row r="171150" spans="14:14">
      <c r="N171150" s="10"/>
    </row>
    <row r="171151" spans="14:14">
      <c r="N171151" s="10"/>
    </row>
    <row r="171152" spans="14:14">
      <c r="N171152" s="10"/>
    </row>
    <row r="171153" spans="14:14">
      <c r="N171153" s="10"/>
    </row>
    <row r="171154" spans="14:14">
      <c r="N171154" s="10"/>
    </row>
    <row r="171155" spans="14:14">
      <c r="N171155" s="10"/>
    </row>
    <row r="171156" spans="14:14">
      <c r="N171156" s="10"/>
    </row>
    <row r="171157" spans="14:14">
      <c r="N171157" s="10"/>
    </row>
    <row r="171158" spans="14:14">
      <c r="N171158" s="10"/>
    </row>
    <row r="171159" spans="14:14">
      <c r="N171159" s="10"/>
    </row>
    <row r="171160" spans="14:14">
      <c r="N171160" s="10"/>
    </row>
    <row r="171161" spans="14:14">
      <c r="N171161" s="10"/>
    </row>
    <row r="171162" spans="14:14">
      <c r="N171162" s="10"/>
    </row>
    <row r="171163" spans="14:14">
      <c r="N171163" s="10"/>
    </row>
    <row r="171164" spans="14:14">
      <c r="N171164" s="10"/>
    </row>
    <row r="171165" spans="14:14">
      <c r="N171165" s="10"/>
    </row>
    <row r="171166" spans="14:14">
      <c r="N171166" s="10"/>
    </row>
    <row r="171167" spans="14:14">
      <c r="N171167" s="10"/>
    </row>
    <row r="171168" spans="14:14">
      <c r="N171168" s="10"/>
    </row>
    <row r="171169" spans="14:14">
      <c r="N171169" s="10"/>
    </row>
    <row r="171170" spans="14:14">
      <c r="N171170" s="10"/>
    </row>
    <row r="171171" spans="14:14">
      <c r="N171171" s="10"/>
    </row>
    <row r="171172" spans="14:14">
      <c r="N171172" s="10"/>
    </row>
    <row r="171173" spans="14:14">
      <c r="N171173" s="10"/>
    </row>
    <row r="171174" spans="14:14">
      <c r="N171174" s="10"/>
    </row>
    <row r="171175" spans="14:14">
      <c r="N171175" s="10"/>
    </row>
    <row r="171176" spans="14:14">
      <c r="N171176" s="10"/>
    </row>
    <row r="171177" spans="14:14">
      <c r="N171177" s="10"/>
    </row>
    <row r="171178" spans="14:14">
      <c r="N171178" s="10"/>
    </row>
    <row r="171179" spans="14:14">
      <c r="N171179" s="10"/>
    </row>
    <row r="171180" spans="14:14">
      <c r="N171180" s="10"/>
    </row>
    <row r="171181" spans="14:14">
      <c r="N171181" s="10"/>
    </row>
    <row r="171182" spans="14:14">
      <c r="N171182" s="10"/>
    </row>
    <row r="171183" spans="14:14">
      <c r="N171183" s="10"/>
    </row>
    <row r="171184" spans="14:14">
      <c r="N171184" s="10"/>
    </row>
    <row r="171185" spans="14:14">
      <c r="N171185" s="10"/>
    </row>
    <row r="171186" spans="14:14">
      <c r="N171186" s="10"/>
    </row>
    <row r="171187" spans="14:14">
      <c r="N171187" s="10"/>
    </row>
    <row r="171188" spans="14:14">
      <c r="N171188" s="10"/>
    </row>
    <row r="171189" spans="14:14">
      <c r="N171189" s="10"/>
    </row>
    <row r="171190" spans="14:14">
      <c r="N171190" s="10"/>
    </row>
    <row r="171191" spans="14:14">
      <c r="N171191" s="10"/>
    </row>
    <row r="171192" spans="14:14">
      <c r="N171192" s="10"/>
    </row>
    <row r="171193" spans="14:14">
      <c r="N171193" s="10"/>
    </row>
    <row r="171194" spans="14:14">
      <c r="N171194" s="10"/>
    </row>
    <row r="171195" spans="14:14">
      <c r="N171195" s="10"/>
    </row>
    <row r="171196" spans="14:14">
      <c r="N171196" s="10"/>
    </row>
    <row r="171197" spans="14:14">
      <c r="N171197" s="10"/>
    </row>
    <row r="171198" spans="14:14">
      <c r="N171198" s="10"/>
    </row>
    <row r="171199" spans="14:14">
      <c r="N171199" s="10"/>
    </row>
    <row r="171200" spans="14:14">
      <c r="N171200" s="10"/>
    </row>
    <row r="171201" spans="14:14">
      <c r="N171201" s="10"/>
    </row>
    <row r="171202" spans="14:14">
      <c r="N171202" s="10"/>
    </row>
    <row r="171203" spans="14:14">
      <c r="N171203" s="10"/>
    </row>
    <row r="171204" spans="14:14">
      <c r="N171204" s="10"/>
    </row>
    <row r="171205" spans="14:14">
      <c r="N171205" s="10"/>
    </row>
    <row r="171206" spans="14:14">
      <c r="N171206" s="10"/>
    </row>
    <row r="171207" spans="14:14">
      <c r="N171207" s="10"/>
    </row>
    <row r="171208" spans="14:14">
      <c r="N171208" s="10"/>
    </row>
    <row r="171209" spans="14:14">
      <c r="N171209" s="10"/>
    </row>
    <row r="171210" spans="14:14">
      <c r="N171210" s="10"/>
    </row>
    <row r="171211" spans="14:14">
      <c r="N171211" s="10"/>
    </row>
    <row r="171212" spans="14:14">
      <c r="N171212" s="10"/>
    </row>
    <row r="171213" spans="14:14">
      <c r="N171213" s="10"/>
    </row>
    <row r="171214" spans="14:14">
      <c r="N171214" s="10"/>
    </row>
    <row r="171215" spans="14:14">
      <c r="N171215" s="10"/>
    </row>
    <row r="171216" spans="14:14">
      <c r="N171216" s="10"/>
    </row>
    <row r="171217" spans="14:14">
      <c r="N171217" s="10"/>
    </row>
    <row r="171218" spans="14:14">
      <c r="N171218" s="10"/>
    </row>
    <row r="171219" spans="14:14">
      <c r="N171219" s="10"/>
    </row>
    <row r="171220" spans="14:14">
      <c r="N171220" s="10"/>
    </row>
    <row r="171221" spans="14:14">
      <c r="N171221" s="10"/>
    </row>
    <row r="171222" spans="14:14">
      <c r="N171222" s="10"/>
    </row>
    <row r="171223" spans="14:14">
      <c r="N171223" s="10"/>
    </row>
    <row r="171224" spans="14:14">
      <c r="N171224" s="10"/>
    </row>
    <row r="171225" spans="14:14">
      <c r="N171225" s="10"/>
    </row>
    <row r="171226" spans="14:14">
      <c r="N171226" s="10"/>
    </row>
    <row r="171227" spans="14:14">
      <c r="N171227" s="10"/>
    </row>
    <row r="171228" spans="14:14">
      <c r="N171228" s="10"/>
    </row>
    <row r="171229" spans="14:14">
      <c r="N171229" s="10"/>
    </row>
    <row r="171230" spans="14:14">
      <c r="N171230" s="10"/>
    </row>
    <row r="171231" spans="14:14">
      <c r="N171231" s="10"/>
    </row>
    <row r="171232" spans="14:14">
      <c r="N171232" s="10"/>
    </row>
    <row r="171233" spans="14:14">
      <c r="N171233" s="10"/>
    </row>
    <row r="171234" spans="14:14">
      <c r="N171234" s="10"/>
    </row>
    <row r="171235" spans="14:14">
      <c r="N171235" s="10"/>
    </row>
    <row r="171236" spans="14:14">
      <c r="N171236" s="10"/>
    </row>
    <row r="171237" spans="14:14">
      <c r="N171237" s="10"/>
    </row>
    <row r="171238" spans="14:14">
      <c r="N171238" s="10"/>
    </row>
    <row r="171239" spans="14:14">
      <c r="N171239" s="10"/>
    </row>
    <row r="171240" spans="14:14">
      <c r="N171240" s="10"/>
    </row>
    <row r="171241" spans="14:14">
      <c r="N171241" s="10"/>
    </row>
    <row r="171242" spans="14:14">
      <c r="N171242" s="10"/>
    </row>
    <row r="171243" spans="14:14">
      <c r="N171243" s="10"/>
    </row>
    <row r="171244" spans="14:14">
      <c r="N171244" s="10"/>
    </row>
    <row r="171245" spans="14:14">
      <c r="N171245" s="10"/>
    </row>
    <row r="171246" spans="14:14">
      <c r="N171246" s="10"/>
    </row>
    <row r="171247" spans="14:14">
      <c r="N171247" s="10"/>
    </row>
    <row r="171248" spans="14:14">
      <c r="N171248" s="10"/>
    </row>
    <row r="171249" spans="14:14">
      <c r="N171249" s="10"/>
    </row>
    <row r="171250" spans="14:14">
      <c r="N171250" s="10"/>
    </row>
    <row r="171251" spans="14:14">
      <c r="N171251" s="10"/>
    </row>
    <row r="171252" spans="14:14">
      <c r="N171252" s="10"/>
    </row>
    <row r="171253" spans="14:14">
      <c r="N171253" s="10"/>
    </row>
    <row r="171254" spans="14:14">
      <c r="N171254" s="10"/>
    </row>
    <row r="171255" spans="14:14">
      <c r="N171255" s="10"/>
    </row>
    <row r="171256" spans="14:14">
      <c r="N171256" s="10"/>
    </row>
    <row r="171257" spans="14:14">
      <c r="N171257" s="10"/>
    </row>
    <row r="171258" spans="14:14">
      <c r="N171258" s="10"/>
    </row>
    <row r="171259" spans="14:14">
      <c r="N171259" s="10"/>
    </row>
    <row r="171260" spans="14:14">
      <c r="N171260" s="10"/>
    </row>
    <row r="171261" spans="14:14">
      <c r="N171261" s="10"/>
    </row>
    <row r="171262" spans="14:14">
      <c r="N171262" s="10"/>
    </row>
    <row r="171263" spans="14:14">
      <c r="N171263" s="10"/>
    </row>
    <row r="171264" spans="14:14">
      <c r="N171264" s="10"/>
    </row>
    <row r="171265" spans="14:14">
      <c r="N171265" s="10"/>
    </row>
    <row r="171266" spans="14:14">
      <c r="N171266" s="10"/>
    </row>
    <row r="171267" spans="14:14">
      <c r="N171267" s="10"/>
    </row>
    <row r="171268" spans="14:14">
      <c r="N171268" s="10"/>
    </row>
    <row r="171269" spans="14:14">
      <c r="N171269" s="10"/>
    </row>
    <row r="171270" spans="14:14">
      <c r="N171270" s="10"/>
    </row>
    <row r="171271" spans="14:14">
      <c r="N171271" s="10"/>
    </row>
    <row r="171272" spans="14:14">
      <c r="N171272" s="10"/>
    </row>
    <row r="171273" spans="14:14">
      <c r="N171273" s="10"/>
    </row>
    <row r="171274" spans="14:14">
      <c r="N171274" s="10"/>
    </row>
    <row r="171275" spans="14:14">
      <c r="N171275" s="10"/>
    </row>
    <row r="171276" spans="14:14">
      <c r="N171276" s="10"/>
    </row>
    <row r="171277" spans="14:14">
      <c r="N171277" s="10"/>
    </row>
    <row r="171278" spans="14:14">
      <c r="N171278" s="10"/>
    </row>
    <row r="171279" spans="14:14">
      <c r="N171279" s="10"/>
    </row>
    <row r="171280" spans="14:14">
      <c r="N171280" s="10"/>
    </row>
    <row r="171281" spans="14:14">
      <c r="N171281" s="10"/>
    </row>
    <row r="171282" spans="14:14">
      <c r="N171282" s="10"/>
    </row>
    <row r="171283" spans="14:14">
      <c r="N171283" s="10"/>
    </row>
    <row r="171284" spans="14:14">
      <c r="N171284" s="10"/>
    </row>
    <row r="171285" spans="14:14">
      <c r="N171285" s="10"/>
    </row>
    <row r="171286" spans="14:14">
      <c r="N171286" s="10"/>
    </row>
    <row r="171287" spans="14:14">
      <c r="N171287" s="10"/>
    </row>
    <row r="171288" spans="14:14">
      <c r="N171288" s="10"/>
    </row>
    <row r="171289" spans="14:14">
      <c r="N171289" s="10"/>
    </row>
    <row r="171290" spans="14:14">
      <c r="N171290" s="10"/>
    </row>
    <row r="171291" spans="14:14">
      <c r="N171291" s="10"/>
    </row>
    <row r="171292" spans="14:14">
      <c r="N171292" s="10"/>
    </row>
    <row r="171293" spans="14:14">
      <c r="N171293" s="10"/>
    </row>
    <row r="171294" spans="14:14">
      <c r="N171294" s="10"/>
    </row>
    <row r="171295" spans="14:14">
      <c r="N171295" s="10"/>
    </row>
    <row r="171296" spans="14:14">
      <c r="N171296" s="10"/>
    </row>
    <row r="171297" spans="14:14">
      <c r="N171297" s="10"/>
    </row>
    <row r="171298" spans="14:14">
      <c r="N171298" s="10"/>
    </row>
    <row r="171299" spans="14:14">
      <c r="N171299" s="10"/>
    </row>
    <row r="171300" spans="14:14">
      <c r="N171300" s="10"/>
    </row>
    <row r="171301" spans="14:14">
      <c r="N171301" s="10"/>
    </row>
    <row r="171302" spans="14:14">
      <c r="N171302" s="10"/>
    </row>
    <row r="171303" spans="14:14">
      <c r="N171303" s="10"/>
    </row>
    <row r="171304" spans="14:14">
      <c r="N171304" s="10"/>
    </row>
    <row r="171305" spans="14:14">
      <c r="N171305" s="10"/>
    </row>
    <row r="171306" spans="14:14">
      <c r="N171306" s="10"/>
    </row>
    <row r="171307" spans="14:14">
      <c r="N171307" s="10"/>
    </row>
    <row r="171308" spans="14:14">
      <c r="N171308" s="10"/>
    </row>
    <row r="171309" spans="14:14">
      <c r="N171309" s="10"/>
    </row>
    <row r="171310" spans="14:14">
      <c r="N171310" s="10"/>
    </row>
    <row r="171311" spans="14:14">
      <c r="N171311" s="10"/>
    </row>
    <row r="171312" spans="14:14">
      <c r="N171312" s="10"/>
    </row>
    <row r="171313" spans="14:14">
      <c r="N171313" s="10"/>
    </row>
    <row r="171314" spans="14:14">
      <c r="N171314" s="10"/>
    </row>
    <row r="171315" spans="14:14">
      <c r="N171315" s="10"/>
    </row>
    <row r="171316" spans="14:14">
      <c r="N171316" s="10"/>
    </row>
    <row r="171317" spans="14:14">
      <c r="N171317" s="10"/>
    </row>
    <row r="171318" spans="14:14">
      <c r="N171318" s="10"/>
    </row>
    <row r="171319" spans="14:14">
      <c r="N171319" s="10"/>
    </row>
    <row r="171320" spans="14:14">
      <c r="N171320" s="10"/>
    </row>
    <row r="171321" spans="14:14">
      <c r="N171321" s="10"/>
    </row>
    <row r="171322" spans="14:14">
      <c r="N171322" s="10"/>
    </row>
    <row r="171323" spans="14:14">
      <c r="N171323" s="10"/>
    </row>
    <row r="171324" spans="14:14">
      <c r="N171324" s="10"/>
    </row>
    <row r="171325" spans="14:14">
      <c r="N171325" s="10"/>
    </row>
    <row r="171326" spans="14:14">
      <c r="N171326" s="10"/>
    </row>
    <row r="171327" spans="14:14">
      <c r="N171327" s="10"/>
    </row>
    <row r="171328" spans="14:14">
      <c r="N171328" s="10"/>
    </row>
    <row r="171329" spans="14:14">
      <c r="N171329" s="10"/>
    </row>
    <row r="171330" spans="14:14">
      <c r="N171330" s="10"/>
    </row>
    <row r="171331" spans="14:14">
      <c r="N171331" s="10"/>
    </row>
    <row r="171332" spans="14:14">
      <c r="N171332" s="10"/>
    </row>
    <row r="171333" spans="14:14">
      <c r="N171333" s="10"/>
    </row>
    <row r="171334" spans="14:14">
      <c r="N171334" s="10"/>
    </row>
    <row r="171335" spans="14:14">
      <c r="N171335" s="10"/>
    </row>
    <row r="171336" spans="14:14">
      <c r="N171336" s="10"/>
    </row>
    <row r="171337" spans="14:14">
      <c r="N171337" s="10"/>
    </row>
    <row r="171338" spans="14:14">
      <c r="N171338" s="10"/>
    </row>
    <row r="171339" spans="14:14">
      <c r="N171339" s="10"/>
    </row>
    <row r="171340" spans="14:14">
      <c r="N171340" s="10"/>
    </row>
    <row r="171341" spans="14:14">
      <c r="N171341" s="10"/>
    </row>
    <row r="171342" spans="14:14">
      <c r="N171342" s="10"/>
    </row>
    <row r="171343" spans="14:14">
      <c r="N171343" s="10"/>
    </row>
    <row r="171344" spans="14:14">
      <c r="N171344" s="10"/>
    </row>
    <row r="171345" spans="14:14">
      <c r="N171345" s="10"/>
    </row>
    <row r="171346" spans="14:14">
      <c r="N171346" s="10"/>
    </row>
    <row r="171347" spans="14:14">
      <c r="N171347" s="10"/>
    </row>
    <row r="171348" spans="14:14">
      <c r="N171348" s="10"/>
    </row>
    <row r="171349" spans="14:14">
      <c r="N171349" s="10"/>
    </row>
    <row r="171350" spans="14:14">
      <c r="N171350" s="10"/>
    </row>
    <row r="171351" spans="14:14">
      <c r="N171351" s="10"/>
    </row>
    <row r="171352" spans="14:14">
      <c r="N171352" s="10"/>
    </row>
    <row r="171353" spans="14:14">
      <c r="N171353" s="10"/>
    </row>
    <row r="171354" spans="14:14">
      <c r="N171354" s="10"/>
    </row>
    <row r="171355" spans="14:14">
      <c r="N171355" s="10"/>
    </row>
    <row r="171356" spans="14:14">
      <c r="N171356" s="10"/>
    </row>
    <row r="171357" spans="14:14">
      <c r="N171357" s="10"/>
    </row>
    <row r="171358" spans="14:14">
      <c r="N171358" s="10"/>
    </row>
    <row r="171359" spans="14:14">
      <c r="N171359" s="10"/>
    </row>
    <row r="171360" spans="14:14">
      <c r="N171360" s="10"/>
    </row>
    <row r="171361" spans="14:14">
      <c r="N171361" s="10"/>
    </row>
    <row r="171362" spans="14:14">
      <c r="N171362" s="10"/>
    </row>
    <row r="171363" spans="14:14">
      <c r="N171363" s="10"/>
    </row>
    <row r="171364" spans="14:14">
      <c r="N171364" s="10"/>
    </row>
    <row r="171365" spans="14:14">
      <c r="N171365" s="10"/>
    </row>
    <row r="171366" spans="14:14">
      <c r="N171366" s="10"/>
    </row>
    <row r="171367" spans="14:14">
      <c r="N171367" s="10"/>
    </row>
    <row r="171368" spans="14:14">
      <c r="N171368" s="10"/>
    </row>
    <row r="171369" spans="14:14">
      <c r="N171369" s="10"/>
    </row>
    <row r="171370" spans="14:14">
      <c r="N171370" s="10"/>
    </row>
    <row r="171371" spans="14:14">
      <c r="N171371" s="10"/>
    </row>
    <row r="171372" spans="14:14">
      <c r="N171372" s="10"/>
    </row>
    <row r="171373" spans="14:14">
      <c r="N171373" s="10"/>
    </row>
    <row r="171374" spans="14:14">
      <c r="N171374" s="10"/>
    </row>
    <row r="171375" spans="14:14">
      <c r="N171375" s="10"/>
    </row>
    <row r="171376" spans="14:14">
      <c r="N171376" s="10"/>
    </row>
    <row r="171377" spans="14:14">
      <c r="N171377" s="10"/>
    </row>
    <row r="171378" spans="14:14">
      <c r="N171378" s="10"/>
    </row>
    <row r="171379" spans="14:14">
      <c r="N171379" s="10"/>
    </row>
    <row r="171380" spans="14:14">
      <c r="N171380" s="10"/>
    </row>
    <row r="171381" spans="14:14">
      <c r="N171381" s="10"/>
    </row>
    <row r="171382" spans="14:14">
      <c r="N171382" s="10"/>
    </row>
    <row r="171383" spans="14:14">
      <c r="N171383" s="10"/>
    </row>
    <row r="171384" spans="14:14">
      <c r="N171384" s="10"/>
    </row>
    <row r="171385" spans="14:14">
      <c r="N171385" s="10"/>
    </row>
    <row r="171386" spans="14:14">
      <c r="N171386" s="10"/>
    </row>
    <row r="171387" spans="14:14">
      <c r="N171387" s="10"/>
    </row>
    <row r="171388" spans="14:14">
      <c r="N171388" s="10"/>
    </row>
    <row r="171389" spans="14:14">
      <c r="N171389" s="10"/>
    </row>
    <row r="171390" spans="14:14">
      <c r="N171390" s="10"/>
    </row>
    <row r="171391" spans="14:14">
      <c r="N171391" s="10"/>
    </row>
    <row r="171392" spans="14:14">
      <c r="N171392" s="10"/>
    </row>
    <row r="171393" spans="14:14">
      <c r="N171393" s="10"/>
    </row>
    <row r="171394" spans="14:14">
      <c r="N171394" s="10"/>
    </row>
    <row r="171395" spans="14:14">
      <c r="N171395" s="10"/>
    </row>
    <row r="171396" spans="14:14">
      <c r="N171396" s="10"/>
    </row>
    <row r="171397" spans="14:14">
      <c r="N171397" s="10"/>
    </row>
    <row r="171398" spans="14:14">
      <c r="N171398" s="10"/>
    </row>
    <row r="171399" spans="14:14">
      <c r="N171399" s="10"/>
    </row>
    <row r="171400" spans="14:14">
      <c r="N171400" s="10"/>
    </row>
    <row r="171401" spans="14:14">
      <c r="N171401" s="10"/>
    </row>
    <row r="171402" spans="14:14">
      <c r="N171402" s="10"/>
    </row>
    <row r="171403" spans="14:14">
      <c r="N171403" s="10"/>
    </row>
    <row r="171404" spans="14:14">
      <c r="N171404" s="10"/>
    </row>
    <row r="171405" spans="14:14">
      <c r="N171405" s="10"/>
    </row>
    <row r="171406" spans="14:14">
      <c r="N171406" s="10"/>
    </row>
    <row r="171407" spans="14:14">
      <c r="N171407" s="10"/>
    </row>
    <row r="171408" spans="14:14">
      <c r="N171408" s="10"/>
    </row>
    <row r="171409" spans="14:14">
      <c r="N171409" s="10"/>
    </row>
    <row r="171410" spans="14:14">
      <c r="N171410" s="10"/>
    </row>
    <row r="171411" spans="14:14">
      <c r="N171411" s="10"/>
    </row>
    <row r="171412" spans="14:14">
      <c r="N171412" s="10"/>
    </row>
    <row r="171413" spans="14:14">
      <c r="N171413" s="10"/>
    </row>
    <row r="171414" spans="14:14">
      <c r="N171414" s="10"/>
    </row>
    <row r="171415" spans="14:14">
      <c r="N171415" s="10"/>
    </row>
    <row r="171416" spans="14:14">
      <c r="N171416" s="10"/>
    </row>
    <row r="171417" spans="14:14">
      <c r="N171417" s="10"/>
    </row>
    <row r="171418" spans="14:14">
      <c r="N171418" s="10"/>
    </row>
    <row r="171419" spans="14:14">
      <c r="N171419" s="10"/>
    </row>
    <row r="171420" spans="14:14">
      <c r="N171420" s="10"/>
    </row>
    <row r="171421" spans="14:14">
      <c r="N171421" s="10"/>
    </row>
    <row r="171422" spans="14:14">
      <c r="N171422" s="10"/>
    </row>
    <row r="171423" spans="14:14">
      <c r="N171423" s="10"/>
    </row>
    <row r="171424" spans="14:14">
      <c r="N171424" s="10"/>
    </row>
    <row r="171425" spans="14:14">
      <c r="N171425" s="10"/>
    </row>
    <row r="171426" spans="14:14">
      <c r="N171426" s="10"/>
    </row>
    <row r="171427" spans="14:14">
      <c r="N171427" s="10"/>
    </row>
    <row r="171428" spans="14:14">
      <c r="N171428" s="10"/>
    </row>
    <row r="171429" spans="14:14">
      <c r="N171429" s="10"/>
    </row>
    <row r="171430" spans="14:14">
      <c r="N171430" s="10"/>
    </row>
    <row r="171431" spans="14:14">
      <c r="N171431" s="10"/>
    </row>
    <row r="171432" spans="14:14">
      <c r="N171432" s="10"/>
    </row>
    <row r="171433" spans="14:14">
      <c r="N171433" s="10"/>
    </row>
    <row r="171434" spans="14:14">
      <c r="N171434" s="10"/>
    </row>
    <row r="171435" spans="14:14">
      <c r="N171435" s="10"/>
    </row>
    <row r="171436" spans="14:14">
      <c r="N171436" s="10"/>
    </row>
    <row r="171437" spans="14:14">
      <c r="N171437" s="10"/>
    </row>
    <row r="171438" spans="14:14">
      <c r="N171438" s="10"/>
    </row>
    <row r="171439" spans="14:14">
      <c r="N171439" s="10"/>
    </row>
    <row r="171440" spans="14:14">
      <c r="N171440" s="10"/>
    </row>
    <row r="171441" spans="14:14">
      <c r="N171441" s="10"/>
    </row>
    <row r="171442" spans="14:14">
      <c r="N171442" s="10"/>
    </row>
    <row r="171443" spans="14:14">
      <c r="N171443" s="10"/>
    </row>
    <row r="171444" spans="14:14">
      <c r="N171444" s="10"/>
    </row>
    <row r="171445" spans="14:14">
      <c r="N171445" s="10"/>
    </row>
    <row r="171446" spans="14:14">
      <c r="N171446" s="10"/>
    </row>
    <row r="171447" spans="14:14">
      <c r="N171447" s="10"/>
    </row>
    <row r="171448" spans="14:14">
      <c r="N171448" s="10"/>
    </row>
    <row r="171449" spans="14:14">
      <c r="N171449" s="10"/>
    </row>
    <row r="171450" spans="14:14">
      <c r="N171450" s="10"/>
    </row>
    <row r="171451" spans="14:14">
      <c r="N171451" s="10"/>
    </row>
    <row r="171452" spans="14:14">
      <c r="N171452" s="10"/>
    </row>
    <row r="171453" spans="14:14">
      <c r="N171453" s="10"/>
    </row>
    <row r="171454" spans="14:14">
      <c r="N171454" s="10"/>
    </row>
    <row r="171455" spans="14:14">
      <c r="N171455" s="10"/>
    </row>
    <row r="171456" spans="14:14">
      <c r="N171456" s="10"/>
    </row>
    <row r="171457" spans="14:14">
      <c r="N171457" s="10"/>
    </row>
    <row r="171458" spans="14:14">
      <c r="N171458" s="10"/>
    </row>
    <row r="171459" spans="14:14">
      <c r="N171459" s="10"/>
    </row>
    <row r="171460" spans="14:14">
      <c r="N171460" s="10"/>
    </row>
    <row r="171461" spans="14:14">
      <c r="N171461" s="10"/>
    </row>
    <row r="171462" spans="14:14">
      <c r="N171462" s="10"/>
    </row>
    <row r="171463" spans="14:14">
      <c r="N171463" s="10"/>
    </row>
    <row r="171464" spans="14:14">
      <c r="N171464" s="10"/>
    </row>
    <row r="171465" spans="14:14">
      <c r="N171465" s="10"/>
    </row>
    <row r="171466" spans="14:14">
      <c r="N171466" s="10"/>
    </row>
    <row r="171467" spans="14:14">
      <c r="N171467" s="10"/>
    </row>
    <row r="171468" spans="14:14">
      <c r="N171468" s="10"/>
    </row>
    <row r="171469" spans="14:14">
      <c r="N171469" s="10"/>
    </row>
    <row r="171470" spans="14:14">
      <c r="N171470" s="10"/>
    </row>
    <row r="171471" spans="14:14">
      <c r="N171471" s="10"/>
    </row>
    <row r="171472" spans="14:14">
      <c r="N171472" s="10"/>
    </row>
    <row r="171473" spans="14:14">
      <c r="N171473" s="10"/>
    </row>
    <row r="171474" spans="14:14">
      <c r="N171474" s="10"/>
    </row>
    <row r="171475" spans="14:14">
      <c r="N171475" s="10"/>
    </row>
    <row r="171476" spans="14:14">
      <c r="N171476" s="10"/>
    </row>
    <row r="171477" spans="14:14">
      <c r="N171477" s="10"/>
    </row>
    <row r="171478" spans="14:14">
      <c r="N171478" s="10"/>
    </row>
    <row r="171479" spans="14:14">
      <c r="N171479" s="10"/>
    </row>
    <row r="171480" spans="14:14">
      <c r="N171480" s="10"/>
    </row>
    <row r="171481" spans="14:14">
      <c r="N171481" s="10"/>
    </row>
    <row r="171482" spans="14:14">
      <c r="N171482" s="10"/>
    </row>
    <row r="171483" spans="14:14">
      <c r="N171483" s="10"/>
    </row>
    <row r="171484" spans="14:14">
      <c r="N171484" s="10"/>
    </row>
    <row r="171485" spans="14:14">
      <c r="N171485" s="10"/>
    </row>
    <row r="171486" spans="14:14">
      <c r="N171486" s="10"/>
    </row>
    <row r="171487" spans="14:14">
      <c r="N171487" s="10"/>
    </row>
    <row r="171488" spans="14:14">
      <c r="N171488" s="10"/>
    </row>
    <row r="171489" spans="14:14">
      <c r="N171489" s="10"/>
    </row>
    <row r="171490" spans="14:14">
      <c r="N171490" s="10"/>
    </row>
    <row r="171491" spans="14:14">
      <c r="N171491" s="10"/>
    </row>
    <row r="171492" spans="14:14">
      <c r="N171492" s="10"/>
    </row>
    <row r="171493" spans="14:14">
      <c r="N171493" s="10"/>
    </row>
    <row r="171494" spans="14:14">
      <c r="N171494" s="10"/>
    </row>
    <row r="171495" spans="14:14">
      <c r="N171495" s="10"/>
    </row>
    <row r="171496" spans="14:14">
      <c r="N171496" s="10"/>
    </row>
    <row r="171497" spans="14:14">
      <c r="N171497" s="10"/>
    </row>
    <row r="171498" spans="14:14">
      <c r="N171498" s="10"/>
    </row>
    <row r="171499" spans="14:14">
      <c r="N171499" s="10"/>
    </row>
    <row r="171500" spans="14:14">
      <c r="N171500" s="10"/>
    </row>
    <row r="171501" spans="14:14">
      <c r="N171501" s="10"/>
    </row>
    <row r="171502" spans="14:14">
      <c r="N171502" s="10"/>
    </row>
    <row r="171503" spans="14:14">
      <c r="N171503" s="10"/>
    </row>
    <row r="171504" spans="14:14">
      <c r="N171504" s="10"/>
    </row>
    <row r="171505" spans="14:14">
      <c r="N171505" s="10"/>
    </row>
    <row r="171506" spans="14:14">
      <c r="N171506" s="10"/>
    </row>
    <row r="171507" spans="14:14">
      <c r="N171507" s="10"/>
    </row>
    <row r="171508" spans="14:14">
      <c r="N171508" s="10"/>
    </row>
    <row r="171509" spans="14:14">
      <c r="N171509" s="10"/>
    </row>
    <row r="171510" spans="14:14">
      <c r="N171510" s="10"/>
    </row>
    <row r="171511" spans="14:14">
      <c r="N171511" s="10"/>
    </row>
    <row r="171512" spans="14:14">
      <c r="N171512" s="10"/>
    </row>
    <row r="171513" spans="14:14">
      <c r="N171513" s="10"/>
    </row>
    <row r="171514" spans="14:14">
      <c r="N171514" s="10"/>
    </row>
    <row r="171515" spans="14:14">
      <c r="N171515" s="10"/>
    </row>
    <row r="171516" spans="14:14">
      <c r="N171516" s="10"/>
    </row>
    <row r="171517" spans="14:14">
      <c r="N171517" s="10"/>
    </row>
    <row r="171518" spans="14:14">
      <c r="N171518" s="10"/>
    </row>
    <row r="171519" spans="14:14">
      <c r="N171519" s="10"/>
    </row>
    <row r="171520" spans="14:14">
      <c r="N171520" s="10"/>
    </row>
    <row r="171521" spans="14:14">
      <c r="N171521" s="10"/>
    </row>
    <row r="171522" spans="14:14">
      <c r="N171522" s="10"/>
    </row>
    <row r="171523" spans="14:14">
      <c r="N171523" s="10"/>
    </row>
    <row r="171524" spans="14:14">
      <c r="N171524" s="10"/>
    </row>
    <row r="171525" spans="14:14">
      <c r="N171525" s="10"/>
    </row>
    <row r="171526" spans="14:14">
      <c r="N171526" s="10"/>
    </row>
    <row r="171527" spans="14:14">
      <c r="N171527" s="10"/>
    </row>
    <row r="171528" spans="14:14">
      <c r="N171528" s="10"/>
    </row>
    <row r="171529" spans="14:14">
      <c r="N171529" s="10"/>
    </row>
    <row r="171530" spans="14:14">
      <c r="N171530" s="10"/>
    </row>
    <row r="171531" spans="14:14">
      <c r="N171531" s="10"/>
    </row>
    <row r="171532" spans="14:14">
      <c r="N171532" s="10"/>
    </row>
    <row r="171533" spans="14:14">
      <c r="N171533" s="10"/>
    </row>
    <row r="171534" spans="14:14">
      <c r="N171534" s="10"/>
    </row>
    <row r="171535" spans="14:14">
      <c r="N171535" s="10"/>
    </row>
    <row r="171536" spans="14:14">
      <c r="N171536" s="10"/>
    </row>
    <row r="171537" spans="14:14">
      <c r="N171537" s="10"/>
    </row>
    <row r="171538" spans="14:14">
      <c r="N171538" s="10"/>
    </row>
    <row r="171539" spans="14:14">
      <c r="N171539" s="10"/>
    </row>
    <row r="171540" spans="14:14">
      <c r="N171540" s="10"/>
    </row>
    <row r="171541" spans="14:14">
      <c r="N171541" s="10"/>
    </row>
    <row r="171542" spans="14:14">
      <c r="N171542" s="10"/>
    </row>
    <row r="171543" spans="14:14">
      <c r="N171543" s="10"/>
    </row>
    <row r="171544" spans="14:14">
      <c r="N171544" s="10"/>
    </row>
    <row r="171545" spans="14:14">
      <c r="N171545" s="10"/>
    </row>
    <row r="171546" spans="14:14">
      <c r="N171546" s="10"/>
    </row>
    <row r="171547" spans="14:14">
      <c r="N171547" s="10"/>
    </row>
    <row r="171548" spans="14:14">
      <c r="N171548" s="10"/>
    </row>
    <row r="171549" spans="14:14">
      <c r="N171549" s="10"/>
    </row>
    <row r="171550" spans="14:14">
      <c r="N171550" s="10"/>
    </row>
    <row r="171551" spans="14:14">
      <c r="N171551" s="10"/>
    </row>
    <row r="171552" spans="14:14">
      <c r="N171552" s="10"/>
    </row>
    <row r="171553" spans="14:14">
      <c r="N171553" s="10"/>
    </row>
    <row r="171554" spans="14:14">
      <c r="N171554" s="10"/>
    </row>
    <row r="171555" spans="14:14">
      <c r="N171555" s="10"/>
    </row>
    <row r="171556" spans="14:14">
      <c r="N171556" s="10"/>
    </row>
    <row r="171557" spans="14:14">
      <c r="N171557" s="10"/>
    </row>
    <row r="171558" spans="14:14">
      <c r="N171558" s="10"/>
    </row>
    <row r="171559" spans="14:14">
      <c r="N171559" s="10"/>
    </row>
    <row r="171560" spans="14:14">
      <c r="N171560" s="10"/>
    </row>
    <row r="171561" spans="14:14">
      <c r="N171561" s="10"/>
    </row>
    <row r="171562" spans="14:14">
      <c r="N171562" s="10"/>
    </row>
    <row r="171563" spans="14:14">
      <c r="N171563" s="10"/>
    </row>
    <row r="171564" spans="14:14">
      <c r="N171564" s="10"/>
    </row>
    <row r="171565" spans="14:14">
      <c r="N171565" s="10"/>
    </row>
    <row r="171566" spans="14:14">
      <c r="N171566" s="10"/>
    </row>
    <row r="171567" spans="14:14">
      <c r="N171567" s="10"/>
    </row>
    <row r="171568" spans="14:14">
      <c r="N171568" s="10"/>
    </row>
    <row r="171569" spans="14:14">
      <c r="N171569" s="10"/>
    </row>
    <row r="171570" spans="14:14">
      <c r="N171570" s="10"/>
    </row>
    <row r="171571" spans="14:14">
      <c r="N171571" s="10"/>
    </row>
    <row r="171572" spans="14:14">
      <c r="N171572" s="10"/>
    </row>
    <row r="171573" spans="14:14">
      <c r="N171573" s="10"/>
    </row>
    <row r="171574" spans="14:14">
      <c r="N171574" s="10"/>
    </row>
    <row r="171575" spans="14:14">
      <c r="N171575" s="10"/>
    </row>
    <row r="171576" spans="14:14">
      <c r="N171576" s="10"/>
    </row>
    <row r="171577" spans="14:14">
      <c r="N171577" s="10"/>
    </row>
    <row r="171578" spans="14:14">
      <c r="N171578" s="10"/>
    </row>
    <row r="171579" spans="14:14">
      <c r="N171579" s="10"/>
    </row>
    <row r="171580" spans="14:14">
      <c r="N171580" s="10"/>
    </row>
    <row r="171581" spans="14:14">
      <c r="N171581" s="10"/>
    </row>
    <row r="171582" spans="14:14">
      <c r="N171582" s="10"/>
    </row>
    <row r="171583" spans="14:14">
      <c r="N171583" s="10"/>
    </row>
    <row r="171584" spans="14:14">
      <c r="N171584" s="10"/>
    </row>
    <row r="171585" spans="14:14">
      <c r="N171585" s="10"/>
    </row>
    <row r="171586" spans="14:14">
      <c r="N171586" s="10"/>
    </row>
    <row r="171587" spans="14:14">
      <c r="N171587" s="10"/>
    </row>
    <row r="171588" spans="14:14">
      <c r="N171588" s="10"/>
    </row>
    <row r="171589" spans="14:14">
      <c r="N171589" s="10"/>
    </row>
    <row r="171590" spans="14:14">
      <c r="N171590" s="10"/>
    </row>
    <row r="171591" spans="14:14">
      <c r="N171591" s="10"/>
    </row>
    <row r="171592" spans="14:14">
      <c r="N171592" s="10"/>
    </row>
    <row r="171593" spans="14:14">
      <c r="N171593" s="10"/>
    </row>
    <row r="171594" spans="14:14">
      <c r="N171594" s="10"/>
    </row>
    <row r="171595" spans="14:14">
      <c r="N171595" s="10"/>
    </row>
    <row r="171596" spans="14:14">
      <c r="N171596" s="10"/>
    </row>
    <row r="171597" spans="14:14">
      <c r="N171597" s="10"/>
    </row>
    <row r="171598" spans="14:14">
      <c r="N171598" s="10"/>
    </row>
    <row r="171599" spans="14:14">
      <c r="N171599" s="10"/>
    </row>
    <row r="171600" spans="14:14">
      <c r="N171600" s="10"/>
    </row>
    <row r="171601" spans="14:14">
      <c r="N171601" s="10"/>
    </row>
    <row r="171602" spans="14:14">
      <c r="N171602" s="10"/>
    </row>
    <row r="171603" spans="14:14">
      <c r="N171603" s="10"/>
    </row>
    <row r="171604" spans="14:14">
      <c r="N171604" s="10"/>
    </row>
    <row r="171605" spans="14:14">
      <c r="N171605" s="10"/>
    </row>
    <row r="171606" spans="14:14">
      <c r="N171606" s="10"/>
    </row>
    <row r="171607" spans="14:14">
      <c r="N171607" s="10"/>
    </row>
    <row r="171608" spans="14:14">
      <c r="N171608" s="10"/>
    </row>
    <row r="171609" spans="14:14">
      <c r="N171609" s="10"/>
    </row>
    <row r="171610" spans="14:14">
      <c r="N171610" s="10"/>
    </row>
    <row r="171611" spans="14:14">
      <c r="N171611" s="10"/>
    </row>
    <row r="171612" spans="14:14">
      <c r="N171612" s="10"/>
    </row>
    <row r="171613" spans="14:14">
      <c r="N171613" s="10"/>
    </row>
    <row r="171614" spans="14:14">
      <c r="N171614" s="10"/>
    </row>
    <row r="171615" spans="14:14">
      <c r="N171615" s="10"/>
    </row>
    <row r="171616" spans="14:14">
      <c r="N171616" s="10"/>
    </row>
    <row r="171617" spans="14:14">
      <c r="N171617" s="10"/>
    </row>
    <row r="171618" spans="14:14">
      <c r="N171618" s="10"/>
    </row>
    <row r="171619" spans="14:14">
      <c r="N171619" s="10"/>
    </row>
    <row r="171620" spans="14:14">
      <c r="N171620" s="10"/>
    </row>
    <row r="171621" spans="14:14">
      <c r="N171621" s="10"/>
    </row>
    <row r="171622" spans="14:14">
      <c r="N171622" s="10"/>
    </row>
    <row r="171623" spans="14:14">
      <c r="N171623" s="10"/>
    </row>
    <row r="171624" spans="14:14">
      <c r="N171624" s="10"/>
    </row>
    <row r="171625" spans="14:14">
      <c r="N171625" s="10"/>
    </row>
    <row r="171626" spans="14:14">
      <c r="N171626" s="10"/>
    </row>
    <row r="171627" spans="14:14">
      <c r="N171627" s="10"/>
    </row>
    <row r="171628" spans="14:14">
      <c r="N171628" s="10"/>
    </row>
    <row r="171629" spans="14:14">
      <c r="N171629" s="10"/>
    </row>
    <row r="171630" spans="14:14">
      <c r="N171630" s="10"/>
    </row>
    <row r="171631" spans="14:14">
      <c r="N171631" s="10"/>
    </row>
    <row r="171632" spans="14:14">
      <c r="N171632" s="10"/>
    </row>
    <row r="171633" spans="14:14">
      <c r="N171633" s="10"/>
    </row>
    <row r="171634" spans="14:14">
      <c r="N171634" s="10"/>
    </row>
    <row r="171635" spans="14:14">
      <c r="N171635" s="10"/>
    </row>
    <row r="171636" spans="14:14">
      <c r="N171636" s="10"/>
    </row>
    <row r="171637" spans="14:14">
      <c r="N171637" s="10"/>
    </row>
    <row r="171638" spans="14:14">
      <c r="N171638" s="10"/>
    </row>
    <row r="171639" spans="14:14">
      <c r="N171639" s="10"/>
    </row>
    <row r="171640" spans="14:14">
      <c r="N171640" s="10"/>
    </row>
    <row r="171641" spans="14:14">
      <c r="N171641" s="10"/>
    </row>
    <row r="171642" spans="14:14">
      <c r="N171642" s="10"/>
    </row>
    <row r="171643" spans="14:14">
      <c r="N171643" s="10"/>
    </row>
    <row r="171644" spans="14:14">
      <c r="N171644" s="10"/>
    </row>
    <row r="171645" spans="14:14">
      <c r="N171645" s="10"/>
    </row>
    <row r="171646" spans="14:14">
      <c r="N171646" s="10"/>
    </row>
    <row r="171647" spans="14:14">
      <c r="N171647" s="10"/>
    </row>
    <row r="171648" spans="14:14">
      <c r="N171648" s="10"/>
    </row>
    <row r="171649" spans="14:14">
      <c r="N171649" s="10"/>
    </row>
    <row r="171650" spans="14:14">
      <c r="N171650" s="10"/>
    </row>
    <row r="171651" spans="14:14">
      <c r="N171651" s="10"/>
    </row>
    <row r="171652" spans="14:14">
      <c r="N171652" s="10"/>
    </row>
    <row r="171653" spans="14:14">
      <c r="N171653" s="10"/>
    </row>
    <row r="171654" spans="14:14">
      <c r="N171654" s="10"/>
    </row>
    <row r="171655" spans="14:14">
      <c r="N171655" s="10"/>
    </row>
    <row r="171656" spans="14:14">
      <c r="N171656" s="10"/>
    </row>
    <row r="171657" spans="14:14">
      <c r="N171657" s="10"/>
    </row>
    <row r="171658" spans="14:14">
      <c r="N171658" s="10"/>
    </row>
    <row r="171659" spans="14:14">
      <c r="N171659" s="10"/>
    </row>
    <row r="171660" spans="14:14">
      <c r="N171660" s="10"/>
    </row>
    <row r="171661" spans="14:14">
      <c r="N171661" s="10"/>
    </row>
    <row r="171662" spans="14:14">
      <c r="N171662" s="10"/>
    </row>
    <row r="171663" spans="14:14">
      <c r="N171663" s="10"/>
    </row>
    <row r="171664" spans="14:14">
      <c r="N171664" s="10"/>
    </row>
    <row r="171665" spans="14:14">
      <c r="N171665" s="10"/>
    </row>
    <row r="171666" spans="14:14">
      <c r="N171666" s="10"/>
    </row>
    <row r="171667" spans="14:14">
      <c r="N171667" s="10"/>
    </row>
    <row r="171668" spans="14:14">
      <c r="N171668" s="10"/>
    </row>
    <row r="171669" spans="14:14">
      <c r="N171669" s="10"/>
    </row>
    <row r="171670" spans="14:14">
      <c r="N171670" s="10"/>
    </row>
    <row r="171671" spans="14:14">
      <c r="N171671" s="10"/>
    </row>
    <row r="171672" spans="14:14">
      <c r="N171672" s="10"/>
    </row>
    <row r="171673" spans="14:14">
      <c r="N171673" s="10"/>
    </row>
    <row r="171674" spans="14:14">
      <c r="N171674" s="10"/>
    </row>
    <row r="171675" spans="14:14">
      <c r="N171675" s="10"/>
    </row>
    <row r="171676" spans="14:14">
      <c r="N171676" s="10"/>
    </row>
    <row r="171677" spans="14:14">
      <c r="N171677" s="10"/>
    </row>
    <row r="171678" spans="14:14">
      <c r="N171678" s="10"/>
    </row>
    <row r="171679" spans="14:14">
      <c r="N171679" s="10"/>
    </row>
    <row r="171680" spans="14:14">
      <c r="N171680" s="10"/>
    </row>
    <row r="171681" spans="14:14">
      <c r="N171681" s="10"/>
    </row>
    <row r="171682" spans="14:14">
      <c r="N171682" s="10"/>
    </row>
    <row r="171683" spans="14:14">
      <c r="N171683" s="10"/>
    </row>
    <row r="171684" spans="14:14">
      <c r="N171684" s="10"/>
    </row>
    <row r="171685" spans="14:14">
      <c r="N171685" s="10"/>
    </row>
    <row r="171686" spans="14:14">
      <c r="N171686" s="10"/>
    </row>
    <row r="171687" spans="14:14">
      <c r="N171687" s="10"/>
    </row>
    <row r="171688" spans="14:14">
      <c r="N171688" s="10"/>
    </row>
    <row r="171689" spans="14:14">
      <c r="N171689" s="10"/>
    </row>
    <row r="171690" spans="14:14">
      <c r="N171690" s="10"/>
    </row>
    <row r="171691" spans="14:14">
      <c r="N171691" s="10"/>
    </row>
    <row r="171692" spans="14:14">
      <c r="N171692" s="10"/>
    </row>
    <row r="171693" spans="14:14">
      <c r="N171693" s="10"/>
    </row>
    <row r="171694" spans="14:14">
      <c r="N171694" s="10"/>
    </row>
    <row r="171695" spans="14:14">
      <c r="N171695" s="10"/>
    </row>
    <row r="171696" spans="14:14">
      <c r="N171696" s="10"/>
    </row>
    <row r="171697" spans="14:14">
      <c r="N171697" s="10"/>
    </row>
    <row r="171698" spans="14:14">
      <c r="N171698" s="10"/>
    </row>
    <row r="171699" spans="14:14">
      <c r="N171699" s="10"/>
    </row>
    <row r="171700" spans="14:14">
      <c r="N171700" s="10"/>
    </row>
    <row r="171701" spans="14:14">
      <c r="N171701" s="10"/>
    </row>
    <row r="171702" spans="14:14">
      <c r="N171702" s="10"/>
    </row>
    <row r="171703" spans="14:14">
      <c r="N171703" s="10"/>
    </row>
    <row r="171704" spans="14:14">
      <c r="N171704" s="10"/>
    </row>
    <row r="171705" spans="14:14">
      <c r="N171705" s="10"/>
    </row>
    <row r="171706" spans="14:14">
      <c r="N171706" s="10"/>
    </row>
    <row r="171707" spans="14:14">
      <c r="N171707" s="10"/>
    </row>
    <row r="171708" spans="14:14">
      <c r="N171708" s="10"/>
    </row>
    <row r="171709" spans="14:14">
      <c r="N171709" s="10"/>
    </row>
    <row r="171710" spans="14:14">
      <c r="N171710" s="10"/>
    </row>
    <row r="171711" spans="14:14">
      <c r="N171711" s="10"/>
    </row>
    <row r="171712" spans="14:14">
      <c r="N171712" s="10"/>
    </row>
    <row r="171713" spans="14:14">
      <c r="N171713" s="10"/>
    </row>
    <row r="171714" spans="14:14">
      <c r="N171714" s="10"/>
    </row>
    <row r="171715" spans="14:14">
      <c r="N171715" s="10"/>
    </row>
    <row r="171716" spans="14:14">
      <c r="N171716" s="10"/>
    </row>
    <row r="171717" spans="14:14">
      <c r="N171717" s="10"/>
    </row>
    <row r="171718" spans="14:14">
      <c r="N171718" s="10"/>
    </row>
    <row r="171719" spans="14:14">
      <c r="N171719" s="10"/>
    </row>
    <row r="171720" spans="14:14">
      <c r="N171720" s="10"/>
    </row>
    <row r="171721" spans="14:14">
      <c r="N171721" s="10"/>
    </row>
    <row r="171722" spans="14:14">
      <c r="N171722" s="10"/>
    </row>
    <row r="171723" spans="14:14">
      <c r="N171723" s="10"/>
    </row>
    <row r="171724" spans="14:14">
      <c r="N171724" s="10"/>
    </row>
    <row r="171725" spans="14:14">
      <c r="N171725" s="10"/>
    </row>
    <row r="171726" spans="14:14">
      <c r="N171726" s="10"/>
    </row>
    <row r="171727" spans="14:14">
      <c r="N171727" s="10"/>
    </row>
    <row r="171728" spans="14:14">
      <c r="N171728" s="10"/>
    </row>
    <row r="171729" spans="14:14">
      <c r="N171729" s="10"/>
    </row>
    <row r="171730" spans="14:14">
      <c r="N171730" s="10"/>
    </row>
    <row r="171731" spans="14:14">
      <c r="N171731" s="10"/>
    </row>
    <row r="171732" spans="14:14">
      <c r="N171732" s="10"/>
    </row>
    <row r="171733" spans="14:14">
      <c r="N171733" s="10"/>
    </row>
    <row r="171734" spans="14:14">
      <c r="N171734" s="10"/>
    </row>
    <row r="171735" spans="14:14">
      <c r="N171735" s="10"/>
    </row>
    <row r="171736" spans="14:14">
      <c r="N171736" s="10"/>
    </row>
    <row r="171737" spans="14:14">
      <c r="N171737" s="10"/>
    </row>
    <row r="171738" spans="14:14">
      <c r="N171738" s="10"/>
    </row>
    <row r="171739" spans="14:14">
      <c r="N171739" s="10"/>
    </row>
    <row r="171740" spans="14:14">
      <c r="N171740" s="10"/>
    </row>
    <row r="171741" spans="14:14">
      <c r="N171741" s="10"/>
    </row>
    <row r="171742" spans="14:14">
      <c r="N171742" s="10"/>
    </row>
    <row r="171743" spans="14:14">
      <c r="N171743" s="10"/>
    </row>
    <row r="171744" spans="14:14">
      <c r="N171744" s="10"/>
    </row>
    <row r="171745" spans="14:14">
      <c r="N171745" s="10"/>
    </row>
    <row r="171746" spans="14:14">
      <c r="N171746" s="10"/>
    </row>
    <row r="171747" spans="14:14">
      <c r="N171747" s="10"/>
    </row>
    <row r="171748" spans="14:14">
      <c r="N171748" s="10"/>
    </row>
    <row r="171749" spans="14:14">
      <c r="N171749" s="10"/>
    </row>
    <row r="171750" spans="14:14">
      <c r="N171750" s="10"/>
    </row>
    <row r="171751" spans="14:14">
      <c r="N171751" s="10"/>
    </row>
    <row r="171752" spans="14:14">
      <c r="N171752" s="10"/>
    </row>
    <row r="171753" spans="14:14">
      <c r="N171753" s="10"/>
    </row>
    <row r="171754" spans="14:14">
      <c r="N171754" s="10"/>
    </row>
    <row r="171755" spans="14:14">
      <c r="N171755" s="10"/>
    </row>
    <row r="171756" spans="14:14">
      <c r="N171756" s="10"/>
    </row>
    <row r="171757" spans="14:14">
      <c r="N171757" s="10"/>
    </row>
    <row r="171758" spans="14:14">
      <c r="N171758" s="10"/>
    </row>
    <row r="171759" spans="14:14">
      <c r="N171759" s="10"/>
    </row>
    <row r="171760" spans="14:14">
      <c r="N171760" s="10"/>
    </row>
    <row r="171761" spans="14:14">
      <c r="N171761" s="10"/>
    </row>
    <row r="171762" spans="14:14">
      <c r="N171762" s="10"/>
    </row>
    <row r="171763" spans="14:14">
      <c r="N171763" s="10"/>
    </row>
    <row r="171764" spans="14:14">
      <c r="N171764" s="10"/>
    </row>
    <row r="171765" spans="14:14">
      <c r="N171765" s="10"/>
    </row>
    <row r="171766" spans="14:14">
      <c r="N171766" s="10"/>
    </row>
    <row r="171767" spans="14:14">
      <c r="N171767" s="10"/>
    </row>
    <row r="171768" spans="14:14">
      <c r="N171768" s="10"/>
    </row>
    <row r="171769" spans="14:14">
      <c r="N171769" s="10"/>
    </row>
    <row r="171770" spans="14:14">
      <c r="N171770" s="10"/>
    </row>
    <row r="171771" spans="14:14">
      <c r="N171771" s="10"/>
    </row>
    <row r="171772" spans="14:14">
      <c r="N171772" s="10"/>
    </row>
    <row r="171773" spans="14:14">
      <c r="N171773" s="10"/>
    </row>
    <row r="171774" spans="14:14">
      <c r="N171774" s="10"/>
    </row>
    <row r="171775" spans="14:14">
      <c r="N171775" s="10"/>
    </row>
    <row r="171776" spans="14:14">
      <c r="N171776" s="10"/>
    </row>
    <row r="171777" spans="14:14">
      <c r="N171777" s="10"/>
    </row>
    <row r="171778" spans="14:14">
      <c r="N171778" s="10"/>
    </row>
    <row r="171779" spans="14:14">
      <c r="N171779" s="10"/>
    </row>
    <row r="171780" spans="14:14">
      <c r="N171780" s="10"/>
    </row>
    <row r="171781" spans="14:14">
      <c r="N171781" s="10"/>
    </row>
    <row r="171782" spans="14:14">
      <c r="N171782" s="10"/>
    </row>
    <row r="171783" spans="14:14">
      <c r="N171783" s="10"/>
    </row>
    <row r="171784" spans="14:14">
      <c r="N171784" s="10"/>
    </row>
    <row r="171785" spans="14:14">
      <c r="N171785" s="10"/>
    </row>
    <row r="171786" spans="14:14">
      <c r="N171786" s="10"/>
    </row>
    <row r="171787" spans="14:14">
      <c r="N171787" s="10"/>
    </row>
    <row r="171788" spans="14:14">
      <c r="N171788" s="10"/>
    </row>
    <row r="171789" spans="14:14">
      <c r="N171789" s="10"/>
    </row>
    <row r="171790" spans="14:14">
      <c r="N171790" s="10"/>
    </row>
    <row r="171791" spans="14:14">
      <c r="N171791" s="10"/>
    </row>
    <row r="171792" spans="14:14">
      <c r="N171792" s="10"/>
    </row>
    <row r="171793" spans="14:14">
      <c r="N171793" s="10"/>
    </row>
    <row r="171794" spans="14:14">
      <c r="N171794" s="10"/>
    </row>
    <row r="171795" spans="14:14">
      <c r="N171795" s="10"/>
    </row>
    <row r="171796" spans="14:14">
      <c r="N171796" s="10"/>
    </row>
    <row r="171797" spans="14:14">
      <c r="N171797" s="10"/>
    </row>
    <row r="171798" spans="14:14">
      <c r="N171798" s="10"/>
    </row>
    <row r="171799" spans="14:14">
      <c r="N171799" s="10"/>
    </row>
    <row r="171800" spans="14:14">
      <c r="N171800" s="10"/>
    </row>
    <row r="171801" spans="14:14">
      <c r="N171801" s="10"/>
    </row>
    <row r="171802" spans="14:14">
      <c r="N171802" s="10"/>
    </row>
    <row r="171803" spans="14:14">
      <c r="N171803" s="10"/>
    </row>
    <row r="171804" spans="14:14">
      <c r="N171804" s="10"/>
    </row>
    <row r="171805" spans="14:14">
      <c r="N171805" s="10"/>
    </row>
    <row r="171806" spans="14:14">
      <c r="N171806" s="10"/>
    </row>
    <row r="171807" spans="14:14">
      <c r="N171807" s="10"/>
    </row>
    <row r="171808" spans="14:14">
      <c r="N171808" s="10"/>
    </row>
    <row r="171809" spans="14:14">
      <c r="N171809" s="10"/>
    </row>
    <row r="171810" spans="14:14">
      <c r="N171810" s="10"/>
    </row>
    <row r="171811" spans="14:14">
      <c r="N171811" s="10"/>
    </row>
    <row r="171812" spans="14:14">
      <c r="N171812" s="10"/>
    </row>
    <row r="171813" spans="14:14">
      <c r="N171813" s="10"/>
    </row>
    <row r="171814" spans="14:14">
      <c r="N171814" s="10"/>
    </row>
    <row r="171815" spans="14:14">
      <c r="N171815" s="10"/>
    </row>
    <row r="171816" spans="14:14">
      <c r="N171816" s="10"/>
    </row>
    <row r="171817" spans="14:14">
      <c r="N171817" s="10"/>
    </row>
    <row r="171818" spans="14:14">
      <c r="N171818" s="10"/>
    </row>
    <row r="171819" spans="14:14">
      <c r="N171819" s="10"/>
    </row>
    <row r="171820" spans="14:14">
      <c r="N171820" s="10"/>
    </row>
    <row r="171821" spans="14:14">
      <c r="N171821" s="10"/>
    </row>
    <row r="171822" spans="14:14">
      <c r="N171822" s="10"/>
    </row>
    <row r="171823" spans="14:14">
      <c r="N171823" s="10"/>
    </row>
    <row r="171824" spans="14:14">
      <c r="N171824" s="10"/>
    </row>
    <row r="171825" spans="14:14">
      <c r="N171825" s="10"/>
    </row>
    <row r="171826" spans="14:14">
      <c r="N171826" s="10"/>
    </row>
    <row r="171827" spans="14:14">
      <c r="N171827" s="10"/>
    </row>
    <row r="171828" spans="14:14">
      <c r="N171828" s="10"/>
    </row>
    <row r="171829" spans="14:14">
      <c r="N171829" s="10"/>
    </row>
    <row r="171830" spans="14:14">
      <c r="N171830" s="10"/>
    </row>
    <row r="171831" spans="14:14">
      <c r="N171831" s="10"/>
    </row>
    <row r="171832" spans="14:14">
      <c r="N171832" s="10"/>
    </row>
    <row r="171833" spans="14:14">
      <c r="N171833" s="10"/>
    </row>
    <row r="171834" spans="14:14">
      <c r="N171834" s="10"/>
    </row>
    <row r="171835" spans="14:14">
      <c r="N171835" s="10"/>
    </row>
    <row r="171836" spans="14:14">
      <c r="N171836" s="10"/>
    </row>
    <row r="171837" spans="14:14">
      <c r="N171837" s="10"/>
    </row>
    <row r="171838" spans="14:14">
      <c r="N171838" s="10"/>
    </row>
    <row r="171839" spans="14:14">
      <c r="N171839" s="10"/>
    </row>
    <row r="171840" spans="14:14">
      <c r="N171840" s="10"/>
    </row>
    <row r="171841" spans="14:14">
      <c r="N171841" s="10"/>
    </row>
    <row r="171842" spans="14:14">
      <c r="N171842" s="10"/>
    </row>
    <row r="171843" spans="14:14">
      <c r="N171843" s="10"/>
    </row>
    <row r="171844" spans="14:14">
      <c r="N171844" s="10"/>
    </row>
    <row r="171845" spans="14:14">
      <c r="N171845" s="10"/>
    </row>
    <row r="171846" spans="14:14">
      <c r="N171846" s="10"/>
    </row>
    <row r="171847" spans="14:14">
      <c r="N171847" s="10"/>
    </row>
    <row r="171848" spans="14:14">
      <c r="N171848" s="10"/>
    </row>
    <row r="171849" spans="14:14">
      <c r="N171849" s="10"/>
    </row>
    <row r="171850" spans="14:14">
      <c r="N171850" s="10"/>
    </row>
    <row r="171851" spans="14:14">
      <c r="N171851" s="10"/>
    </row>
    <row r="171852" spans="14:14">
      <c r="N171852" s="10"/>
    </row>
    <row r="171853" spans="14:14">
      <c r="N171853" s="10"/>
    </row>
    <row r="171854" spans="14:14">
      <c r="N171854" s="10"/>
    </row>
    <row r="171855" spans="14:14">
      <c r="N171855" s="10"/>
    </row>
    <row r="171856" spans="14:14">
      <c r="N171856" s="10"/>
    </row>
    <row r="171857" spans="14:14">
      <c r="N171857" s="10"/>
    </row>
    <row r="171858" spans="14:14">
      <c r="N171858" s="10"/>
    </row>
    <row r="171859" spans="14:14">
      <c r="N171859" s="10"/>
    </row>
    <row r="171860" spans="14:14">
      <c r="N171860" s="10"/>
    </row>
    <row r="171861" spans="14:14">
      <c r="N171861" s="10"/>
    </row>
    <row r="171862" spans="14:14">
      <c r="N171862" s="10"/>
    </row>
    <row r="171863" spans="14:14">
      <c r="N171863" s="10"/>
    </row>
    <row r="171864" spans="14:14">
      <c r="N171864" s="10"/>
    </row>
    <row r="171865" spans="14:14">
      <c r="N171865" s="10"/>
    </row>
    <row r="171866" spans="14:14">
      <c r="N171866" s="10"/>
    </row>
    <row r="171867" spans="14:14">
      <c r="N171867" s="10"/>
    </row>
    <row r="171868" spans="14:14">
      <c r="N171868" s="10"/>
    </row>
    <row r="171869" spans="14:14">
      <c r="N171869" s="10"/>
    </row>
    <row r="171870" spans="14:14">
      <c r="N171870" s="10"/>
    </row>
    <row r="171871" spans="14:14">
      <c r="N171871" s="10"/>
    </row>
    <row r="171872" spans="14:14">
      <c r="N171872" s="10"/>
    </row>
    <row r="171873" spans="14:14">
      <c r="N171873" s="10"/>
    </row>
    <row r="171874" spans="14:14">
      <c r="N171874" s="10"/>
    </row>
    <row r="171875" spans="14:14">
      <c r="N171875" s="10"/>
    </row>
    <row r="171876" spans="14:14">
      <c r="N171876" s="10"/>
    </row>
    <row r="171877" spans="14:14">
      <c r="N171877" s="10"/>
    </row>
    <row r="171878" spans="14:14">
      <c r="N171878" s="10"/>
    </row>
    <row r="171879" spans="14:14">
      <c r="N171879" s="10"/>
    </row>
    <row r="171880" spans="14:14">
      <c r="N171880" s="10"/>
    </row>
    <row r="171881" spans="14:14">
      <c r="N171881" s="10"/>
    </row>
    <row r="171882" spans="14:14">
      <c r="N171882" s="10"/>
    </row>
    <row r="171883" spans="14:14">
      <c r="N171883" s="10"/>
    </row>
    <row r="171884" spans="14:14">
      <c r="N171884" s="10"/>
    </row>
    <row r="171885" spans="14:14">
      <c r="N171885" s="10"/>
    </row>
    <row r="171886" spans="14:14">
      <c r="N171886" s="10"/>
    </row>
    <row r="171887" spans="14:14">
      <c r="N171887" s="10"/>
    </row>
    <row r="171888" spans="14:14">
      <c r="N171888" s="10"/>
    </row>
    <row r="171889" spans="14:14">
      <c r="N171889" s="10"/>
    </row>
    <row r="171890" spans="14:14">
      <c r="N171890" s="10"/>
    </row>
    <row r="171891" spans="14:14">
      <c r="N171891" s="10"/>
    </row>
    <row r="171892" spans="14:14">
      <c r="N171892" s="10"/>
    </row>
    <row r="171893" spans="14:14">
      <c r="N171893" s="10"/>
    </row>
    <row r="171894" spans="14:14">
      <c r="N171894" s="10"/>
    </row>
    <row r="171895" spans="14:14">
      <c r="N171895" s="10"/>
    </row>
    <row r="171896" spans="14:14">
      <c r="N171896" s="10"/>
    </row>
    <row r="171897" spans="14:14">
      <c r="N171897" s="10"/>
    </row>
    <row r="171898" spans="14:14">
      <c r="N171898" s="10"/>
    </row>
    <row r="171899" spans="14:14">
      <c r="N171899" s="10"/>
    </row>
    <row r="171900" spans="14:14">
      <c r="N171900" s="10"/>
    </row>
    <row r="171901" spans="14:14">
      <c r="N171901" s="10"/>
    </row>
    <row r="171902" spans="14:14">
      <c r="N171902" s="10"/>
    </row>
    <row r="171903" spans="14:14">
      <c r="N171903" s="10"/>
    </row>
    <row r="171904" spans="14:14">
      <c r="N171904" s="10"/>
    </row>
    <row r="171905" spans="14:14">
      <c r="N171905" s="10"/>
    </row>
    <row r="171906" spans="14:14">
      <c r="N171906" s="10"/>
    </row>
    <row r="171907" spans="14:14">
      <c r="N171907" s="10"/>
    </row>
    <row r="171908" spans="14:14">
      <c r="N171908" s="10"/>
    </row>
    <row r="171909" spans="14:14">
      <c r="N171909" s="10"/>
    </row>
    <row r="171910" spans="14:14">
      <c r="N171910" s="10"/>
    </row>
    <row r="171911" spans="14:14">
      <c r="N171911" s="10"/>
    </row>
    <row r="171912" spans="14:14">
      <c r="N171912" s="10"/>
    </row>
    <row r="171913" spans="14:14">
      <c r="N171913" s="10"/>
    </row>
    <row r="171914" spans="14:14">
      <c r="N171914" s="10"/>
    </row>
    <row r="171915" spans="14:14">
      <c r="N171915" s="10"/>
    </row>
    <row r="171916" spans="14:14">
      <c r="N171916" s="10"/>
    </row>
    <row r="171917" spans="14:14">
      <c r="N171917" s="10"/>
    </row>
    <row r="171918" spans="14:14">
      <c r="N171918" s="10"/>
    </row>
    <row r="171919" spans="14:14">
      <c r="N171919" s="10"/>
    </row>
    <row r="171920" spans="14:14">
      <c r="N171920" s="10"/>
    </row>
    <row r="171921" spans="14:14">
      <c r="N171921" s="10"/>
    </row>
    <row r="171922" spans="14:14">
      <c r="N171922" s="10"/>
    </row>
    <row r="171923" spans="14:14">
      <c r="N171923" s="10"/>
    </row>
    <row r="171924" spans="14:14">
      <c r="N171924" s="10"/>
    </row>
    <row r="171925" spans="14:14">
      <c r="N171925" s="10"/>
    </row>
    <row r="171926" spans="14:14">
      <c r="N171926" s="10"/>
    </row>
    <row r="171927" spans="14:14">
      <c r="N171927" s="10"/>
    </row>
    <row r="171928" spans="14:14">
      <c r="N171928" s="10"/>
    </row>
    <row r="171929" spans="14:14">
      <c r="N171929" s="10"/>
    </row>
    <row r="171930" spans="14:14">
      <c r="N171930" s="10"/>
    </row>
    <row r="171931" spans="14:14">
      <c r="N171931" s="10"/>
    </row>
    <row r="171932" spans="14:14">
      <c r="N171932" s="10"/>
    </row>
    <row r="171933" spans="14:14">
      <c r="N171933" s="10"/>
    </row>
    <row r="171934" spans="14:14">
      <c r="N171934" s="10"/>
    </row>
    <row r="171935" spans="14:14">
      <c r="N171935" s="10"/>
    </row>
    <row r="171936" spans="14:14">
      <c r="N171936" s="10"/>
    </row>
    <row r="171937" spans="14:14">
      <c r="N171937" s="10"/>
    </row>
    <row r="171938" spans="14:14">
      <c r="N171938" s="10"/>
    </row>
    <row r="171939" spans="14:14">
      <c r="N171939" s="10"/>
    </row>
    <row r="171940" spans="14:14">
      <c r="N171940" s="10"/>
    </row>
    <row r="171941" spans="14:14">
      <c r="N171941" s="10"/>
    </row>
    <row r="171942" spans="14:14">
      <c r="N171942" s="10"/>
    </row>
    <row r="171943" spans="14:14">
      <c r="N171943" s="10"/>
    </row>
    <row r="171944" spans="14:14">
      <c r="N171944" s="10"/>
    </row>
    <row r="171945" spans="14:14">
      <c r="N171945" s="10"/>
    </row>
    <row r="171946" spans="14:14">
      <c r="N171946" s="10"/>
    </row>
    <row r="171947" spans="14:14">
      <c r="N171947" s="10"/>
    </row>
    <row r="171948" spans="14:14">
      <c r="N171948" s="10"/>
    </row>
    <row r="171949" spans="14:14">
      <c r="N171949" s="10"/>
    </row>
    <row r="171950" spans="14:14">
      <c r="N171950" s="10"/>
    </row>
    <row r="171951" spans="14:14">
      <c r="N171951" s="10"/>
    </row>
    <row r="171952" spans="14:14">
      <c r="N171952" s="10"/>
    </row>
    <row r="171953" spans="14:14">
      <c r="N171953" s="10"/>
    </row>
    <row r="171954" spans="14:14">
      <c r="N171954" s="10"/>
    </row>
    <row r="171955" spans="14:14">
      <c r="N171955" s="10"/>
    </row>
    <row r="171956" spans="14:14">
      <c r="N171956" s="10"/>
    </row>
    <row r="171957" spans="14:14">
      <c r="N171957" s="10"/>
    </row>
    <row r="171958" spans="14:14">
      <c r="N171958" s="10"/>
    </row>
    <row r="171959" spans="14:14">
      <c r="N171959" s="10"/>
    </row>
    <row r="171960" spans="14:14">
      <c r="N171960" s="10"/>
    </row>
    <row r="171961" spans="14:14">
      <c r="N171961" s="10"/>
    </row>
    <row r="171962" spans="14:14">
      <c r="N171962" s="10"/>
    </row>
    <row r="171963" spans="14:14">
      <c r="N171963" s="10"/>
    </row>
    <row r="171964" spans="14:14">
      <c r="N171964" s="10"/>
    </row>
    <row r="171965" spans="14:14">
      <c r="N171965" s="10"/>
    </row>
    <row r="171966" spans="14:14">
      <c r="N171966" s="10"/>
    </row>
    <row r="171967" spans="14:14">
      <c r="N171967" s="10"/>
    </row>
    <row r="171968" spans="14:14">
      <c r="N171968" s="10"/>
    </row>
    <row r="171969" spans="14:14">
      <c r="N171969" s="10"/>
    </row>
    <row r="171970" spans="14:14">
      <c r="N171970" s="10"/>
    </row>
    <row r="171971" spans="14:14">
      <c r="N171971" s="10"/>
    </row>
    <row r="171972" spans="14:14">
      <c r="N171972" s="10"/>
    </row>
    <row r="171973" spans="14:14">
      <c r="N171973" s="10"/>
    </row>
    <row r="171974" spans="14:14">
      <c r="N171974" s="10"/>
    </row>
    <row r="171975" spans="14:14">
      <c r="N171975" s="10"/>
    </row>
    <row r="171976" spans="14:14">
      <c r="N171976" s="10"/>
    </row>
    <row r="171977" spans="14:14">
      <c r="N171977" s="10"/>
    </row>
    <row r="171978" spans="14:14">
      <c r="N171978" s="10"/>
    </row>
    <row r="171979" spans="14:14">
      <c r="N171979" s="10"/>
    </row>
    <row r="171980" spans="14:14">
      <c r="N171980" s="10"/>
    </row>
    <row r="171981" spans="14:14">
      <c r="N171981" s="10"/>
    </row>
    <row r="171982" spans="14:14">
      <c r="N171982" s="10"/>
    </row>
    <row r="171983" spans="14:14">
      <c r="N171983" s="10"/>
    </row>
    <row r="171984" spans="14:14">
      <c r="N171984" s="10"/>
    </row>
    <row r="171985" spans="14:14">
      <c r="N171985" s="10"/>
    </row>
    <row r="171986" spans="14:14">
      <c r="N171986" s="10"/>
    </row>
    <row r="171987" spans="14:14">
      <c r="N171987" s="10"/>
    </row>
    <row r="171988" spans="14:14">
      <c r="N171988" s="10"/>
    </row>
    <row r="171989" spans="14:14">
      <c r="N171989" s="10"/>
    </row>
    <row r="171990" spans="14:14">
      <c r="N171990" s="10"/>
    </row>
    <row r="171991" spans="14:14">
      <c r="N171991" s="10"/>
    </row>
    <row r="171992" spans="14:14">
      <c r="N171992" s="10"/>
    </row>
    <row r="171993" spans="14:14">
      <c r="N171993" s="10"/>
    </row>
    <row r="171994" spans="14:14">
      <c r="N171994" s="10"/>
    </row>
    <row r="171995" spans="14:14">
      <c r="N171995" s="10"/>
    </row>
    <row r="171996" spans="14:14">
      <c r="N171996" s="10"/>
    </row>
    <row r="171997" spans="14:14">
      <c r="N171997" s="10"/>
    </row>
    <row r="171998" spans="14:14">
      <c r="N171998" s="10"/>
    </row>
    <row r="171999" spans="14:14">
      <c r="N171999" s="10"/>
    </row>
    <row r="172000" spans="14:14">
      <c r="N172000" s="10"/>
    </row>
    <row r="172001" spans="14:14">
      <c r="N172001" s="10"/>
    </row>
    <row r="172002" spans="14:14">
      <c r="N172002" s="10"/>
    </row>
    <row r="172003" spans="14:14">
      <c r="N172003" s="10"/>
    </row>
    <row r="172004" spans="14:14">
      <c r="N172004" s="10"/>
    </row>
    <row r="172005" spans="14:14">
      <c r="N172005" s="10"/>
    </row>
    <row r="172006" spans="14:14">
      <c r="N172006" s="10"/>
    </row>
    <row r="172007" spans="14:14">
      <c r="N172007" s="10"/>
    </row>
    <row r="172008" spans="14:14">
      <c r="N172008" s="10"/>
    </row>
    <row r="172009" spans="14:14">
      <c r="N172009" s="10"/>
    </row>
    <row r="172010" spans="14:14">
      <c r="N172010" s="10"/>
    </row>
    <row r="172011" spans="14:14">
      <c r="N172011" s="10"/>
    </row>
    <row r="172012" spans="14:14">
      <c r="N172012" s="10"/>
    </row>
    <row r="172013" spans="14:14">
      <c r="N172013" s="10"/>
    </row>
    <row r="172014" spans="14:14">
      <c r="N172014" s="10"/>
    </row>
    <row r="172015" spans="14:14">
      <c r="N172015" s="10"/>
    </row>
    <row r="172016" spans="14:14">
      <c r="N172016" s="10"/>
    </row>
    <row r="172017" spans="14:14">
      <c r="N172017" s="10"/>
    </row>
    <row r="172018" spans="14:14">
      <c r="N172018" s="10"/>
    </row>
    <row r="172019" spans="14:14">
      <c r="N172019" s="10"/>
    </row>
    <row r="172020" spans="14:14">
      <c r="N172020" s="10"/>
    </row>
    <row r="172021" spans="14:14">
      <c r="N172021" s="10"/>
    </row>
    <row r="172022" spans="14:14">
      <c r="N172022" s="10"/>
    </row>
    <row r="172023" spans="14:14">
      <c r="N172023" s="10"/>
    </row>
    <row r="172024" spans="14:14">
      <c r="N172024" s="10"/>
    </row>
    <row r="172025" spans="14:14">
      <c r="N172025" s="10"/>
    </row>
    <row r="172026" spans="14:14">
      <c r="N172026" s="10"/>
    </row>
    <row r="172027" spans="14:14">
      <c r="N172027" s="10"/>
    </row>
    <row r="172028" spans="14:14">
      <c r="N172028" s="10"/>
    </row>
    <row r="172029" spans="14:14">
      <c r="N172029" s="10"/>
    </row>
    <row r="172030" spans="14:14">
      <c r="N172030" s="10"/>
    </row>
    <row r="172031" spans="14:14">
      <c r="N172031" s="10"/>
    </row>
    <row r="172032" spans="14:14">
      <c r="N172032" s="10"/>
    </row>
    <row r="172033" spans="14:14">
      <c r="N172033" s="10"/>
    </row>
    <row r="172034" spans="14:14">
      <c r="N172034" s="10"/>
    </row>
    <row r="172035" spans="14:14">
      <c r="N172035" s="10"/>
    </row>
    <row r="172036" spans="14:14">
      <c r="N172036" s="10"/>
    </row>
    <row r="172037" spans="14:14">
      <c r="N172037" s="10"/>
    </row>
    <row r="172038" spans="14:14">
      <c r="N172038" s="10"/>
    </row>
    <row r="172039" spans="14:14">
      <c r="N172039" s="10"/>
    </row>
    <row r="172040" spans="14:14">
      <c r="N172040" s="10"/>
    </row>
    <row r="172041" spans="14:14">
      <c r="N172041" s="10"/>
    </row>
    <row r="172042" spans="14:14">
      <c r="N172042" s="10"/>
    </row>
    <row r="172043" spans="14:14">
      <c r="N172043" s="10"/>
    </row>
    <row r="172044" spans="14:14">
      <c r="N172044" s="10"/>
    </row>
    <row r="172045" spans="14:14">
      <c r="N172045" s="10"/>
    </row>
    <row r="172046" spans="14:14">
      <c r="N172046" s="10"/>
    </row>
    <row r="172047" spans="14:14">
      <c r="N172047" s="10"/>
    </row>
    <row r="172048" spans="14:14">
      <c r="N172048" s="10"/>
    </row>
    <row r="172049" spans="14:14">
      <c r="N172049" s="10"/>
    </row>
    <row r="172050" spans="14:14">
      <c r="N172050" s="10"/>
    </row>
    <row r="172051" spans="14:14">
      <c r="N172051" s="10"/>
    </row>
    <row r="172052" spans="14:14">
      <c r="N172052" s="10"/>
    </row>
    <row r="172053" spans="14:14">
      <c r="N172053" s="10"/>
    </row>
    <row r="172054" spans="14:14">
      <c r="N172054" s="10"/>
    </row>
    <row r="172055" spans="14:14">
      <c r="N172055" s="10"/>
    </row>
    <row r="172056" spans="14:14">
      <c r="N172056" s="10"/>
    </row>
    <row r="172057" spans="14:14">
      <c r="N172057" s="10"/>
    </row>
    <row r="172058" spans="14:14">
      <c r="N172058" s="10"/>
    </row>
    <row r="172059" spans="14:14">
      <c r="N172059" s="10"/>
    </row>
    <row r="172060" spans="14:14">
      <c r="N172060" s="10"/>
    </row>
    <row r="172061" spans="14:14">
      <c r="N172061" s="10"/>
    </row>
    <row r="172062" spans="14:14">
      <c r="N172062" s="10"/>
    </row>
    <row r="172063" spans="14:14">
      <c r="N172063" s="10"/>
    </row>
    <row r="172064" spans="14:14">
      <c r="N172064" s="10"/>
    </row>
    <row r="172065" spans="14:14">
      <c r="N172065" s="10"/>
    </row>
    <row r="172066" spans="14:14">
      <c r="N172066" s="10"/>
    </row>
    <row r="172067" spans="14:14">
      <c r="N172067" s="10"/>
    </row>
    <row r="172068" spans="14:14">
      <c r="N172068" s="10"/>
    </row>
    <row r="172069" spans="14:14">
      <c r="N172069" s="10"/>
    </row>
    <row r="172070" spans="14:14">
      <c r="N172070" s="10"/>
    </row>
    <row r="172071" spans="14:14">
      <c r="N172071" s="10"/>
    </row>
    <row r="172072" spans="14:14">
      <c r="N172072" s="10"/>
    </row>
    <row r="172073" spans="14:14">
      <c r="N172073" s="10"/>
    </row>
    <row r="172074" spans="14:14">
      <c r="N172074" s="10"/>
    </row>
    <row r="172075" spans="14:14">
      <c r="N172075" s="10"/>
    </row>
    <row r="172076" spans="14:14">
      <c r="N172076" s="10"/>
    </row>
    <row r="172077" spans="14:14">
      <c r="N172077" s="10"/>
    </row>
    <row r="172078" spans="14:14">
      <c r="N172078" s="10"/>
    </row>
    <row r="172079" spans="14:14">
      <c r="N172079" s="10"/>
    </row>
    <row r="172080" spans="14:14">
      <c r="N172080" s="10"/>
    </row>
    <row r="172081" spans="14:14">
      <c r="N172081" s="10"/>
    </row>
    <row r="172082" spans="14:14">
      <c r="N172082" s="10"/>
    </row>
    <row r="172083" spans="14:14">
      <c r="N172083" s="10"/>
    </row>
    <row r="172084" spans="14:14">
      <c r="N172084" s="10"/>
    </row>
    <row r="172085" spans="14:14">
      <c r="N172085" s="10"/>
    </row>
    <row r="172086" spans="14:14">
      <c r="N172086" s="10"/>
    </row>
    <row r="172087" spans="14:14">
      <c r="N172087" s="10"/>
    </row>
    <row r="172088" spans="14:14">
      <c r="N172088" s="10"/>
    </row>
    <row r="172089" spans="14:14">
      <c r="N172089" s="10"/>
    </row>
    <row r="172090" spans="14:14">
      <c r="N172090" s="10"/>
    </row>
    <row r="172091" spans="14:14">
      <c r="N172091" s="10"/>
    </row>
    <row r="172092" spans="14:14">
      <c r="N172092" s="10"/>
    </row>
    <row r="172093" spans="14:14">
      <c r="N172093" s="10"/>
    </row>
    <row r="172094" spans="14:14">
      <c r="N172094" s="10"/>
    </row>
    <row r="172095" spans="14:14">
      <c r="N172095" s="10"/>
    </row>
    <row r="172096" spans="14:14">
      <c r="N172096" s="10"/>
    </row>
    <row r="172097" spans="14:14">
      <c r="N172097" s="10"/>
    </row>
    <row r="172098" spans="14:14">
      <c r="N172098" s="10"/>
    </row>
    <row r="172099" spans="14:14">
      <c r="N172099" s="10"/>
    </row>
    <row r="172100" spans="14:14">
      <c r="N172100" s="10"/>
    </row>
    <row r="172101" spans="14:14">
      <c r="N172101" s="10"/>
    </row>
    <row r="172102" spans="14:14">
      <c r="N172102" s="10"/>
    </row>
    <row r="172103" spans="14:14">
      <c r="N172103" s="10"/>
    </row>
    <row r="172104" spans="14:14">
      <c r="N172104" s="10"/>
    </row>
    <row r="172105" spans="14:14">
      <c r="N172105" s="10"/>
    </row>
    <row r="172106" spans="14:14">
      <c r="N172106" s="10"/>
    </row>
    <row r="172107" spans="14:14">
      <c r="N172107" s="10"/>
    </row>
    <row r="172108" spans="14:14">
      <c r="N172108" s="10"/>
    </row>
    <row r="172109" spans="14:14">
      <c r="N172109" s="10"/>
    </row>
    <row r="172110" spans="14:14">
      <c r="N172110" s="10"/>
    </row>
    <row r="172111" spans="14:14">
      <c r="N172111" s="10"/>
    </row>
    <row r="172112" spans="14:14">
      <c r="N172112" s="10"/>
    </row>
    <row r="172113" spans="14:14">
      <c r="N172113" s="10"/>
    </row>
    <row r="172114" spans="14:14">
      <c r="N172114" s="10"/>
    </row>
    <row r="172115" spans="14:14">
      <c r="N172115" s="10"/>
    </row>
    <row r="172116" spans="14:14">
      <c r="N172116" s="10"/>
    </row>
    <row r="172117" spans="14:14">
      <c r="N172117" s="10"/>
    </row>
    <row r="172118" spans="14:14">
      <c r="N172118" s="10"/>
    </row>
    <row r="172119" spans="14:14">
      <c r="N172119" s="10"/>
    </row>
    <row r="172120" spans="14:14">
      <c r="N172120" s="10"/>
    </row>
    <row r="172121" spans="14:14">
      <c r="N172121" s="10"/>
    </row>
    <row r="172122" spans="14:14">
      <c r="N172122" s="10"/>
    </row>
    <row r="172123" spans="14:14">
      <c r="N172123" s="10"/>
    </row>
    <row r="172124" spans="14:14">
      <c r="N172124" s="10"/>
    </row>
    <row r="172125" spans="14:14">
      <c r="N172125" s="10"/>
    </row>
    <row r="172126" spans="14:14">
      <c r="N172126" s="10"/>
    </row>
    <row r="172127" spans="14:14">
      <c r="N172127" s="10"/>
    </row>
    <row r="172128" spans="14:14">
      <c r="N172128" s="10"/>
    </row>
    <row r="172129" spans="14:14">
      <c r="N172129" s="10"/>
    </row>
    <row r="172130" spans="14:14">
      <c r="N172130" s="10"/>
    </row>
    <row r="172131" spans="14:14">
      <c r="N172131" s="10"/>
    </row>
    <row r="172132" spans="14:14">
      <c r="N172132" s="10"/>
    </row>
    <row r="172133" spans="14:14">
      <c r="N172133" s="10"/>
    </row>
    <row r="172134" spans="14:14">
      <c r="N172134" s="10"/>
    </row>
    <row r="172135" spans="14:14">
      <c r="N172135" s="10"/>
    </row>
    <row r="172136" spans="14:14">
      <c r="N172136" s="10"/>
    </row>
    <row r="172137" spans="14:14">
      <c r="N172137" s="10"/>
    </row>
    <row r="172138" spans="14:14">
      <c r="N172138" s="10"/>
    </row>
    <row r="172139" spans="14:14">
      <c r="N172139" s="10"/>
    </row>
    <row r="172140" spans="14:14">
      <c r="N172140" s="10"/>
    </row>
    <row r="172141" spans="14:14">
      <c r="N172141" s="10"/>
    </row>
    <row r="172142" spans="14:14">
      <c r="N172142" s="10"/>
    </row>
    <row r="172143" spans="14:14">
      <c r="N172143" s="10"/>
    </row>
    <row r="172144" spans="14:14">
      <c r="N172144" s="10"/>
    </row>
    <row r="172145" spans="14:14">
      <c r="N172145" s="10"/>
    </row>
    <row r="172146" spans="14:14">
      <c r="N172146" s="10"/>
    </row>
    <row r="172147" spans="14:14">
      <c r="N172147" s="10"/>
    </row>
    <row r="172148" spans="14:14">
      <c r="N172148" s="10"/>
    </row>
    <row r="172149" spans="14:14">
      <c r="N172149" s="10"/>
    </row>
    <row r="172150" spans="14:14">
      <c r="N172150" s="10"/>
    </row>
    <row r="172151" spans="14:14">
      <c r="N172151" s="10"/>
    </row>
    <row r="172152" spans="14:14">
      <c r="N172152" s="10"/>
    </row>
    <row r="172153" spans="14:14">
      <c r="N172153" s="10"/>
    </row>
    <row r="172154" spans="14:14">
      <c r="N172154" s="10"/>
    </row>
    <row r="172155" spans="14:14">
      <c r="N172155" s="10"/>
    </row>
    <row r="172156" spans="14:14">
      <c r="N172156" s="10"/>
    </row>
    <row r="172157" spans="14:14">
      <c r="N172157" s="10"/>
    </row>
    <row r="172158" spans="14:14">
      <c r="N172158" s="10"/>
    </row>
    <row r="172159" spans="14:14">
      <c r="N172159" s="10"/>
    </row>
    <row r="172160" spans="14:14">
      <c r="N172160" s="10"/>
    </row>
    <row r="172161" spans="14:14">
      <c r="N172161" s="10"/>
    </row>
    <row r="172162" spans="14:14">
      <c r="N172162" s="10"/>
    </row>
    <row r="172163" spans="14:14">
      <c r="N172163" s="10"/>
    </row>
    <row r="172164" spans="14:14">
      <c r="N172164" s="10"/>
    </row>
    <row r="172165" spans="14:14">
      <c r="N172165" s="10"/>
    </row>
    <row r="172166" spans="14:14">
      <c r="N172166" s="10"/>
    </row>
    <row r="172167" spans="14:14">
      <c r="N172167" s="10"/>
    </row>
    <row r="172168" spans="14:14">
      <c r="N172168" s="10"/>
    </row>
    <row r="172169" spans="14:14">
      <c r="N172169" s="10"/>
    </row>
    <row r="172170" spans="14:14">
      <c r="N172170" s="10"/>
    </row>
    <row r="172171" spans="14:14">
      <c r="N172171" s="10"/>
    </row>
    <row r="172172" spans="14:14">
      <c r="N172172" s="10"/>
    </row>
    <row r="172173" spans="14:14">
      <c r="N172173" s="10"/>
    </row>
    <row r="172174" spans="14:14">
      <c r="N172174" s="10"/>
    </row>
    <row r="172175" spans="14:14">
      <c r="N172175" s="10"/>
    </row>
    <row r="172176" spans="14:14">
      <c r="N172176" s="10"/>
    </row>
    <row r="172177" spans="14:14">
      <c r="N172177" s="10"/>
    </row>
    <row r="172178" spans="14:14">
      <c r="N172178" s="10"/>
    </row>
    <row r="172179" spans="14:14">
      <c r="N172179" s="10"/>
    </row>
    <row r="172180" spans="14:14">
      <c r="N172180" s="10"/>
    </row>
    <row r="172181" spans="14:14">
      <c r="N172181" s="10"/>
    </row>
    <row r="172182" spans="14:14">
      <c r="N172182" s="10"/>
    </row>
    <row r="172183" spans="14:14">
      <c r="N172183" s="10"/>
    </row>
    <row r="172184" spans="14:14">
      <c r="N172184" s="10"/>
    </row>
    <row r="172185" spans="14:14">
      <c r="N172185" s="10"/>
    </row>
    <row r="172186" spans="14:14">
      <c r="N172186" s="10"/>
    </row>
    <row r="172187" spans="14:14">
      <c r="N172187" s="10"/>
    </row>
    <row r="172188" spans="14:14">
      <c r="N172188" s="10"/>
    </row>
    <row r="172189" spans="14:14">
      <c r="N172189" s="10"/>
    </row>
    <row r="172190" spans="14:14">
      <c r="N172190" s="10"/>
    </row>
    <row r="172191" spans="14:14">
      <c r="N172191" s="10"/>
    </row>
    <row r="172192" spans="14:14">
      <c r="N172192" s="10"/>
    </row>
    <row r="172193" spans="14:14">
      <c r="N172193" s="10"/>
    </row>
    <row r="172194" spans="14:14">
      <c r="N172194" s="10"/>
    </row>
    <row r="172195" spans="14:14">
      <c r="N172195" s="10"/>
    </row>
    <row r="172196" spans="14:14">
      <c r="N172196" s="10"/>
    </row>
    <row r="172197" spans="14:14">
      <c r="N172197" s="10"/>
    </row>
    <row r="172198" spans="14:14">
      <c r="N172198" s="10"/>
    </row>
    <row r="172199" spans="14:14">
      <c r="N172199" s="10"/>
    </row>
    <row r="172200" spans="14:14">
      <c r="N172200" s="10"/>
    </row>
    <row r="172201" spans="14:14">
      <c r="N172201" s="10"/>
    </row>
    <row r="172202" spans="14:14">
      <c r="N172202" s="10"/>
    </row>
    <row r="172203" spans="14:14">
      <c r="N172203" s="10"/>
    </row>
    <row r="172204" spans="14:14">
      <c r="N172204" s="10"/>
    </row>
    <row r="172205" spans="14:14">
      <c r="N172205" s="10"/>
    </row>
    <row r="172206" spans="14:14">
      <c r="N172206" s="10"/>
    </row>
    <row r="172207" spans="14:14">
      <c r="N172207" s="10"/>
    </row>
    <row r="172208" spans="14:14">
      <c r="N172208" s="10"/>
    </row>
    <row r="172209" spans="14:14">
      <c r="N172209" s="10"/>
    </row>
    <row r="172210" spans="14:14">
      <c r="N172210" s="10"/>
    </row>
    <row r="172211" spans="14:14">
      <c r="N172211" s="10"/>
    </row>
    <row r="172212" spans="14:14">
      <c r="N172212" s="10"/>
    </row>
    <row r="172213" spans="14:14">
      <c r="N172213" s="10"/>
    </row>
    <row r="172214" spans="14:14">
      <c r="N172214" s="10"/>
    </row>
    <row r="172215" spans="14:14">
      <c r="N172215" s="10"/>
    </row>
    <row r="172216" spans="14:14">
      <c r="N172216" s="10"/>
    </row>
    <row r="172217" spans="14:14">
      <c r="N172217" s="10"/>
    </row>
    <row r="172218" spans="14:14">
      <c r="N172218" s="10"/>
    </row>
    <row r="172219" spans="14:14">
      <c r="N172219" s="10"/>
    </row>
    <row r="172220" spans="14:14">
      <c r="N172220" s="10"/>
    </row>
    <row r="172221" spans="14:14">
      <c r="N172221" s="10"/>
    </row>
    <row r="172222" spans="14:14">
      <c r="N172222" s="10"/>
    </row>
    <row r="172223" spans="14:14">
      <c r="N172223" s="10"/>
    </row>
    <row r="172224" spans="14:14">
      <c r="N172224" s="10"/>
    </row>
    <row r="172225" spans="14:14">
      <c r="N172225" s="10"/>
    </row>
    <row r="172226" spans="14:14">
      <c r="N172226" s="10"/>
    </row>
    <row r="172227" spans="14:14">
      <c r="N172227" s="10"/>
    </row>
    <row r="172228" spans="14:14">
      <c r="N172228" s="10"/>
    </row>
    <row r="172229" spans="14:14">
      <c r="N172229" s="10"/>
    </row>
    <row r="172230" spans="14:14">
      <c r="N172230" s="10"/>
    </row>
    <row r="172231" spans="14:14">
      <c r="N172231" s="10"/>
    </row>
    <row r="172232" spans="14:14">
      <c r="N172232" s="10"/>
    </row>
    <row r="172233" spans="14:14">
      <c r="N172233" s="10"/>
    </row>
    <row r="172234" spans="14:14">
      <c r="N172234" s="10"/>
    </row>
    <row r="172235" spans="14:14">
      <c r="N172235" s="10"/>
    </row>
    <row r="172236" spans="14:14">
      <c r="N172236" s="10"/>
    </row>
    <row r="172237" spans="14:14">
      <c r="N172237" s="10"/>
    </row>
    <row r="172238" spans="14:14">
      <c r="N172238" s="10"/>
    </row>
    <row r="172239" spans="14:14">
      <c r="N172239" s="10"/>
    </row>
    <row r="172240" spans="14:14">
      <c r="N172240" s="10"/>
    </row>
    <row r="172241" spans="14:14">
      <c r="N172241" s="10"/>
    </row>
    <row r="172242" spans="14:14">
      <c r="N172242" s="10"/>
    </row>
    <row r="172243" spans="14:14">
      <c r="N172243" s="10"/>
    </row>
    <row r="172244" spans="14:14">
      <c r="N172244" s="10"/>
    </row>
    <row r="172245" spans="14:14">
      <c r="N172245" s="10"/>
    </row>
    <row r="172246" spans="14:14">
      <c r="N172246" s="10"/>
    </row>
    <row r="172247" spans="14:14">
      <c r="N172247" s="10"/>
    </row>
    <row r="172248" spans="14:14">
      <c r="N172248" s="10"/>
    </row>
    <row r="172249" spans="14:14">
      <c r="N172249" s="10"/>
    </row>
    <row r="172250" spans="14:14">
      <c r="N172250" s="10"/>
    </row>
    <row r="172251" spans="14:14">
      <c r="N172251" s="10"/>
    </row>
    <row r="172252" spans="14:14">
      <c r="N172252" s="10"/>
    </row>
    <row r="172253" spans="14:14">
      <c r="N172253" s="10"/>
    </row>
    <row r="172254" spans="14:14">
      <c r="N172254" s="10"/>
    </row>
    <row r="172255" spans="14:14">
      <c r="N172255" s="10"/>
    </row>
    <row r="172256" spans="14:14">
      <c r="N172256" s="10"/>
    </row>
    <row r="172257" spans="14:14">
      <c r="N172257" s="10"/>
    </row>
    <row r="172258" spans="14:14">
      <c r="N172258" s="10"/>
    </row>
    <row r="172259" spans="14:14">
      <c r="N172259" s="10"/>
    </row>
    <row r="172260" spans="14:14">
      <c r="N172260" s="10"/>
    </row>
    <row r="172261" spans="14:14">
      <c r="N172261" s="10"/>
    </row>
    <row r="172262" spans="14:14">
      <c r="N172262" s="10"/>
    </row>
    <row r="172263" spans="14:14">
      <c r="N172263" s="10"/>
    </row>
    <row r="172264" spans="14:14">
      <c r="N172264" s="10"/>
    </row>
    <row r="172265" spans="14:14">
      <c r="N172265" s="10"/>
    </row>
    <row r="172266" spans="14:14">
      <c r="N172266" s="10"/>
    </row>
    <row r="172267" spans="14:14">
      <c r="N172267" s="10"/>
    </row>
    <row r="172268" spans="14:14">
      <c r="N172268" s="10"/>
    </row>
    <row r="172269" spans="14:14">
      <c r="N172269" s="10"/>
    </row>
    <row r="172270" spans="14:14">
      <c r="N172270" s="10"/>
    </row>
    <row r="172271" spans="14:14">
      <c r="N172271" s="10"/>
    </row>
    <row r="172272" spans="14:14">
      <c r="N172272" s="10"/>
    </row>
    <row r="172273" spans="14:14">
      <c r="N172273" s="10"/>
    </row>
    <row r="172274" spans="14:14">
      <c r="N172274" s="10"/>
    </row>
    <row r="172275" spans="14:14">
      <c r="N172275" s="10"/>
    </row>
    <row r="172276" spans="14:14">
      <c r="N172276" s="10"/>
    </row>
    <row r="172277" spans="14:14">
      <c r="N172277" s="10"/>
    </row>
    <row r="172278" spans="14:14">
      <c r="N172278" s="10"/>
    </row>
    <row r="172279" spans="14:14">
      <c r="N172279" s="10"/>
    </row>
    <row r="172280" spans="14:14">
      <c r="N172280" s="10"/>
    </row>
    <row r="172281" spans="14:14">
      <c r="N172281" s="10"/>
    </row>
    <row r="172282" spans="14:14">
      <c r="N172282" s="10"/>
    </row>
    <row r="172283" spans="14:14">
      <c r="N172283" s="10"/>
    </row>
    <row r="172284" spans="14:14">
      <c r="N172284" s="10"/>
    </row>
    <row r="172285" spans="14:14">
      <c r="N172285" s="10"/>
    </row>
    <row r="172286" spans="14:14">
      <c r="N172286" s="10"/>
    </row>
    <row r="172287" spans="14:14">
      <c r="N172287" s="10"/>
    </row>
    <row r="172288" spans="14:14">
      <c r="N172288" s="10"/>
    </row>
    <row r="172289" spans="14:14">
      <c r="N172289" s="10"/>
    </row>
    <row r="172290" spans="14:14">
      <c r="N172290" s="10"/>
    </row>
    <row r="172291" spans="14:14">
      <c r="N172291" s="10"/>
    </row>
    <row r="172292" spans="14:14">
      <c r="N172292" s="10"/>
    </row>
    <row r="172293" spans="14:14">
      <c r="N172293" s="10"/>
    </row>
    <row r="172294" spans="14:14">
      <c r="N172294" s="10"/>
    </row>
    <row r="172295" spans="14:14">
      <c r="N172295" s="10"/>
    </row>
    <row r="172296" spans="14:14">
      <c r="N172296" s="10"/>
    </row>
    <row r="172297" spans="14:14">
      <c r="N172297" s="10"/>
    </row>
    <row r="172298" spans="14:14">
      <c r="N172298" s="10"/>
    </row>
    <row r="172299" spans="14:14">
      <c r="N172299" s="10"/>
    </row>
    <row r="172300" spans="14:14">
      <c r="N172300" s="10"/>
    </row>
    <row r="172301" spans="14:14">
      <c r="N172301" s="10"/>
    </row>
    <row r="172302" spans="14:14">
      <c r="N172302" s="10"/>
    </row>
    <row r="172303" spans="14:14">
      <c r="N172303" s="10"/>
    </row>
    <row r="172304" spans="14:14">
      <c r="N172304" s="10"/>
    </row>
    <row r="172305" spans="14:14">
      <c r="N172305" s="10"/>
    </row>
    <row r="172306" spans="14:14">
      <c r="N172306" s="10"/>
    </row>
    <row r="172307" spans="14:14">
      <c r="N172307" s="10"/>
    </row>
    <row r="172308" spans="14:14">
      <c r="N172308" s="10"/>
    </row>
    <row r="172309" spans="14:14">
      <c r="N172309" s="10"/>
    </row>
    <row r="172310" spans="14:14">
      <c r="N172310" s="10"/>
    </row>
    <row r="172311" spans="14:14">
      <c r="N172311" s="10"/>
    </row>
    <row r="172312" spans="14:14">
      <c r="N172312" s="10"/>
    </row>
    <row r="172313" spans="14:14">
      <c r="N172313" s="10"/>
    </row>
    <row r="172314" spans="14:14">
      <c r="N172314" s="10"/>
    </row>
    <row r="172315" spans="14:14">
      <c r="N172315" s="10"/>
    </row>
    <row r="172316" spans="14:14">
      <c r="N172316" s="10"/>
    </row>
    <row r="172317" spans="14:14">
      <c r="N172317" s="10"/>
    </row>
    <row r="172318" spans="14:14">
      <c r="N172318" s="10"/>
    </row>
    <row r="172319" spans="14:14">
      <c r="N172319" s="10"/>
    </row>
    <row r="172320" spans="14:14">
      <c r="N172320" s="10"/>
    </row>
    <row r="172321" spans="14:14">
      <c r="N172321" s="10"/>
    </row>
    <row r="172322" spans="14:14">
      <c r="N172322" s="10"/>
    </row>
    <row r="172323" spans="14:14">
      <c r="N172323" s="10"/>
    </row>
    <row r="172324" spans="14:14">
      <c r="N172324" s="10"/>
    </row>
    <row r="172325" spans="14:14">
      <c r="N172325" s="10"/>
    </row>
    <row r="172326" spans="14:14">
      <c r="N172326" s="10"/>
    </row>
    <row r="172327" spans="14:14">
      <c r="N172327" s="10"/>
    </row>
    <row r="172328" spans="14:14">
      <c r="N172328" s="10"/>
    </row>
    <row r="172329" spans="14:14">
      <c r="N172329" s="10"/>
    </row>
    <row r="172330" spans="14:14">
      <c r="N172330" s="10"/>
    </row>
    <row r="172331" spans="14:14">
      <c r="N172331" s="10"/>
    </row>
    <row r="172332" spans="14:14">
      <c r="N172332" s="10"/>
    </row>
    <row r="172333" spans="14:14">
      <c r="N172333" s="10"/>
    </row>
    <row r="172334" spans="14:14">
      <c r="N172334" s="10"/>
    </row>
    <row r="172335" spans="14:14">
      <c r="N172335" s="10"/>
    </row>
    <row r="172336" spans="14:14">
      <c r="N172336" s="10"/>
    </row>
    <row r="172337" spans="14:14">
      <c r="N172337" s="10"/>
    </row>
    <row r="172338" spans="14:14">
      <c r="N172338" s="10"/>
    </row>
    <row r="172339" spans="14:14">
      <c r="N172339" s="10"/>
    </row>
    <row r="172340" spans="14:14">
      <c r="N172340" s="10"/>
    </row>
    <row r="172341" spans="14:14">
      <c r="N172341" s="10"/>
    </row>
    <row r="172342" spans="14:14">
      <c r="N172342" s="10"/>
    </row>
    <row r="172343" spans="14:14">
      <c r="N172343" s="10"/>
    </row>
    <row r="172344" spans="14:14">
      <c r="N172344" s="10"/>
    </row>
    <row r="172345" spans="14:14">
      <c r="N172345" s="10"/>
    </row>
    <row r="172346" spans="14:14">
      <c r="N172346" s="10"/>
    </row>
    <row r="172347" spans="14:14">
      <c r="N172347" s="10"/>
    </row>
    <row r="172348" spans="14:14">
      <c r="N172348" s="10"/>
    </row>
    <row r="172349" spans="14:14">
      <c r="N172349" s="10"/>
    </row>
    <row r="172350" spans="14:14">
      <c r="N172350" s="10"/>
    </row>
    <row r="172351" spans="14:14">
      <c r="N172351" s="10"/>
    </row>
    <row r="172352" spans="14:14">
      <c r="N172352" s="10"/>
    </row>
    <row r="172353" spans="14:14">
      <c r="N172353" s="10"/>
    </row>
    <row r="172354" spans="14:14">
      <c r="N172354" s="10"/>
    </row>
    <row r="172355" spans="14:14">
      <c r="N172355" s="10"/>
    </row>
    <row r="172356" spans="14:14">
      <c r="N172356" s="10"/>
    </row>
    <row r="172357" spans="14:14">
      <c r="N172357" s="10"/>
    </row>
    <row r="172358" spans="14:14">
      <c r="N172358" s="10"/>
    </row>
    <row r="172359" spans="14:14">
      <c r="N172359" s="10"/>
    </row>
    <row r="172360" spans="14:14">
      <c r="N172360" s="10"/>
    </row>
    <row r="172361" spans="14:14">
      <c r="N172361" s="10"/>
    </row>
    <row r="172362" spans="14:14">
      <c r="N172362" s="10"/>
    </row>
    <row r="172363" spans="14:14">
      <c r="N172363" s="10"/>
    </row>
    <row r="172364" spans="14:14">
      <c r="N172364" s="10"/>
    </row>
    <row r="172365" spans="14:14">
      <c r="N172365" s="10"/>
    </row>
    <row r="172366" spans="14:14">
      <c r="N172366" s="10"/>
    </row>
    <row r="172367" spans="14:14">
      <c r="N172367" s="10"/>
    </row>
    <row r="172368" spans="14:14">
      <c r="N172368" s="10"/>
    </row>
    <row r="172369" spans="14:14">
      <c r="N172369" s="10"/>
    </row>
    <row r="172370" spans="14:14">
      <c r="N172370" s="10"/>
    </row>
    <row r="172371" spans="14:14">
      <c r="N172371" s="10"/>
    </row>
    <row r="172372" spans="14:14">
      <c r="N172372" s="10"/>
    </row>
    <row r="172373" spans="14:14">
      <c r="N172373" s="10"/>
    </row>
    <row r="172374" spans="14:14">
      <c r="N172374" s="10"/>
    </row>
    <row r="172375" spans="14:14">
      <c r="N172375" s="10"/>
    </row>
    <row r="172376" spans="14:14">
      <c r="N172376" s="10"/>
    </row>
    <row r="172377" spans="14:14">
      <c r="N172377" s="10"/>
    </row>
    <row r="172378" spans="14:14">
      <c r="N172378" s="10"/>
    </row>
    <row r="172379" spans="14:14">
      <c r="N172379" s="10"/>
    </row>
    <row r="172380" spans="14:14">
      <c r="N172380" s="10"/>
    </row>
    <row r="172381" spans="14:14">
      <c r="N172381" s="10"/>
    </row>
    <row r="172382" spans="14:14">
      <c r="N172382" s="10"/>
    </row>
    <row r="172383" spans="14:14">
      <c r="N172383" s="10"/>
    </row>
    <row r="172384" spans="14:14">
      <c r="N172384" s="10"/>
    </row>
    <row r="172385" spans="14:14">
      <c r="N172385" s="10"/>
    </row>
    <row r="172386" spans="14:14">
      <c r="N172386" s="10"/>
    </row>
    <row r="172387" spans="14:14">
      <c r="N172387" s="10"/>
    </row>
    <row r="172388" spans="14:14">
      <c r="N172388" s="10"/>
    </row>
    <row r="172389" spans="14:14">
      <c r="N172389" s="10"/>
    </row>
    <row r="172390" spans="14:14">
      <c r="N172390" s="10"/>
    </row>
    <row r="172391" spans="14:14">
      <c r="N172391" s="10"/>
    </row>
    <row r="172392" spans="14:14">
      <c r="N172392" s="10"/>
    </row>
    <row r="172393" spans="14:14">
      <c r="N172393" s="10"/>
    </row>
    <row r="172394" spans="14:14">
      <c r="N172394" s="10"/>
    </row>
    <row r="172395" spans="14:14">
      <c r="N172395" s="10"/>
    </row>
    <row r="172396" spans="14:14">
      <c r="N172396" s="10"/>
    </row>
    <row r="172397" spans="14:14">
      <c r="N172397" s="10"/>
    </row>
    <row r="172398" spans="14:14">
      <c r="N172398" s="10"/>
    </row>
    <row r="172399" spans="14:14">
      <c r="N172399" s="10"/>
    </row>
    <row r="172400" spans="14:14">
      <c r="N172400" s="10"/>
    </row>
    <row r="172401" spans="14:14">
      <c r="N172401" s="10"/>
    </row>
    <row r="172402" spans="14:14">
      <c r="N172402" s="10"/>
    </row>
    <row r="172403" spans="14:14">
      <c r="N172403" s="10"/>
    </row>
    <row r="172404" spans="14:14">
      <c r="N172404" s="10"/>
    </row>
    <row r="172405" spans="14:14">
      <c r="N172405" s="10"/>
    </row>
    <row r="172406" spans="14:14">
      <c r="N172406" s="10"/>
    </row>
    <row r="172407" spans="14:14">
      <c r="N172407" s="10"/>
    </row>
    <row r="172408" spans="14:14">
      <c r="N172408" s="10"/>
    </row>
    <row r="172409" spans="14:14">
      <c r="N172409" s="10"/>
    </row>
    <row r="172410" spans="14:14">
      <c r="N172410" s="10"/>
    </row>
    <row r="172411" spans="14:14">
      <c r="N172411" s="10"/>
    </row>
    <row r="172412" spans="14:14">
      <c r="N172412" s="10"/>
    </row>
    <row r="172413" spans="14:14">
      <c r="N172413" s="10"/>
    </row>
    <row r="172414" spans="14:14">
      <c r="N172414" s="10"/>
    </row>
    <row r="172415" spans="14:14">
      <c r="N172415" s="10"/>
    </row>
    <row r="172416" spans="14:14">
      <c r="N172416" s="10"/>
    </row>
    <row r="172417" spans="14:14">
      <c r="N172417" s="10"/>
    </row>
    <row r="172418" spans="14:14">
      <c r="N172418" s="10"/>
    </row>
    <row r="172419" spans="14:14">
      <c r="N172419" s="10"/>
    </row>
    <row r="172420" spans="14:14">
      <c r="N172420" s="10"/>
    </row>
    <row r="172421" spans="14:14">
      <c r="N172421" s="10"/>
    </row>
    <row r="172422" spans="14:14">
      <c r="N172422" s="10"/>
    </row>
    <row r="172423" spans="14:14">
      <c r="N172423" s="10"/>
    </row>
    <row r="172424" spans="14:14">
      <c r="N172424" s="10"/>
    </row>
    <row r="172425" spans="14:14">
      <c r="N172425" s="10"/>
    </row>
    <row r="172426" spans="14:14">
      <c r="N172426" s="10"/>
    </row>
    <row r="172427" spans="14:14">
      <c r="N172427" s="10"/>
    </row>
    <row r="172428" spans="14:14">
      <c r="N172428" s="10"/>
    </row>
    <row r="172429" spans="14:14">
      <c r="N172429" s="10"/>
    </row>
    <row r="172430" spans="14:14">
      <c r="N172430" s="10"/>
    </row>
    <row r="172431" spans="14:14">
      <c r="N172431" s="10"/>
    </row>
    <row r="172432" spans="14:14">
      <c r="N172432" s="10"/>
    </row>
    <row r="172433" spans="14:14">
      <c r="N172433" s="10"/>
    </row>
    <row r="172434" spans="14:14">
      <c r="N172434" s="10"/>
    </row>
    <row r="172435" spans="14:14">
      <c r="N172435" s="10"/>
    </row>
    <row r="172436" spans="14:14">
      <c r="N172436" s="10"/>
    </row>
    <row r="172437" spans="14:14">
      <c r="N172437" s="10"/>
    </row>
    <row r="172438" spans="14:14">
      <c r="N172438" s="10"/>
    </row>
    <row r="172439" spans="14:14">
      <c r="N172439" s="10"/>
    </row>
    <row r="172440" spans="14:14">
      <c r="N172440" s="10"/>
    </row>
    <row r="172441" spans="14:14">
      <c r="N172441" s="10"/>
    </row>
    <row r="172442" spans="14:14">
      <c r="N172442" s="10"/>
    </row>
    <row r="172443" spans="14:14">
      <c r="N172443" s="10"/>
    </row>
    <row r="172444" spans="14:14">
      <c r="N172444" s="10"/>
    </row>
    <row r="172445" spans="14:14">
      <c r="N172445" s="10"/>
    </row>
    <row r="172446" spans="14:14">
      <c r="N172446" s="10"/>
    </row>
    <row r="172447" spans="14:14">
      <c r="N172447" s="10"/>
    </row>
    <row r="172448" spans="14:14">
      <c r="N172448" s="10"/>
    </row>
    <row r="172449" spans="14:14">
      <c r="N172449" s="10"/>
    </row>
    <row r="172450" spans="14:14">
      <c r="N172450" s="10"/>
    </row>
    <row r="172451" spans="14:14">
      <c r="N172451" s="10"/>
    </row>
    <row r="172452" spans="14:14">
      <c r="N172452" s="10"/>
    </row>
    <row r="172453" spans="14:14">
      <c r="N172453" s="10"/>
    </row>
    <row r="172454" spans="14:14">
      <c r="N172454" s="10"/>
    </row>
    <row r="172455" spans="14:14">
      <c r="N172455" s="10"/>
    </row>
    <row r="172456" spans="14:14">
      <c r="N172456" s="10"/>
    </row>
    <row r="172457" spans="14:14">
      <c r="N172457" s="10"/>
    </row>
    <row r="172458" spans="14:14">
      <c r="N172458" s="10"/>
    </row>
    <row r="172459" spans="14:14">
      <c r="N172459" s="10"/>
    </row>
    <row r="172460" spans="14:14">
      <c r="N172460" s="10"/>
    </row>
    <row r="172461" spans="14:14">
      <c r="N172461" s="10"/>
    </row>
    <row r="172462" spans="14:14">
      <c r="N172462" s="10"/>
    </row>
    <row r="172463" spans="14:14">
      <c r="N172463" s="10"/>
    </row>
    <row r="172464" spans="14:14">
      <c r="N172464" s="10"/>
    </row>
    <row r="172465" spans="14:14">
      <c r="N172465" s="10"/>
    </row>
    <row r="172466" spans="14:14">
      <c r="N172466" s="10"/>
    </row>
    <row r="172467" spans="14:14">
      <c r="N172467" s="10"/>
    </row>
    <row r="172468" spans="14:14">
      <c r="N172468" s="10"/>
    </row>
    <row r="172469" spans="14:14">
      <c r="N172469" s="10"/>
    </row>
    <row r="172470" spans="14:14">
      <c r="N172470" s="10"/>
    </row>
    <row r="172471" spans="14:14">
      <c r="N172471" s="10"/>
    </row>
    <row r="172472" spans="14:14">
      <c r="N172472" s="10"/>
    </row>
    <row r="172473" spans="14:14">
      <c r="N172473" s="10"/>
    </row>
    <row r="172474" spans="14:14">
      <c r="N172474" s="10"/>
    </row>
    <row r="172475" spans="14:14">
      <c r="N172475" s="10"/>
    </row>
    <row r="172476" spans="14:14">
      <c r="N172476" s="10"/>
    </row>
    <row r="172477" spans="14:14">
      <c r="N172477" s="10"/>
    </row>
    <row r="172478" spans="14:14">
      <c r="N172478" s="10"/>
    </row>
    <row r="172479" spans="14:14">
      <c r="N172479" s="10"/>
    </row>
    <row r="172480" spans="14:14">
      <c r="N172480" s="10"/>
    </row>
    <row r="172481" spans="14:14">
      <c r="N172481" s="10"/>
    </row>
    <row r="172482" spans="14:14">
      <c r="N172482" s="10"/>
    </row>
    <row r="172483" spans="14:14">
      <c r="N172483" s="10"/>
    </row>
    <row r="172484" spans="14:14">
      <c r="N172484" s="10"/>
    </row>
    <row r="172485" spans="14:14">
      <c r="N172485" s="10"/>
    </row>
    <row r="172486" spans="14:14">
      <c r="N172486" s="10"/>
    </row>
    <row r="172487" spans="14:14">
      <c r="N172487" s="10"/>
    </row>
    <row r="172488" spans="14:14">
      <c r="N172488" s="10"/>
    </row>
    <row r="172489" spans="14:14">
      <c r="N172489" s="10"/>
    </row>
    <row r="172490" spans="14:14">
      <c r="N172490" s="10"/>
    </row>
    <row r="172491" spans="14:14">
      <c r="N172491" s="10"/>
    </row>
    <row r="172492" spans="14:14">
      <c r="N172492" s="10"/>
    </row>
    <row r="172493" spans="14:14">
      <c r="N172493" s="10"/>
    </row>
    <row r="172494" spans="14:14">
      <c r="N172494" s="10"/>
    </row>
    <row r="172495" spans="14:14">
      <c r="N172495" s="10"/>
    </row>
    <row r="172496" spans="14:14">
      <c r="N172496" s="10"/>
    </row>
    <row r="172497" spans="14:14">
      <c r="N172497" s="10"/>
    </row>
    <row r="172498" spans="14:14">
      <c r="N172498" s="10"/>
    </row>
    <row r="172499" spans="14:14">
      <c r="N172499" s="10"/>
    </row>
    <row r="172500" spans="14:14">
      <c r="N172500" s="10"/>
    </row>
    <row r="172501" spans="14:14">
      <c r="N172501" s="10"/>
    </row>
    <row r="172502" spans="14:14">
      <c r="N172502" s="10"/>
    </row>
    <row r="172503" spans="14:14">
      <c r="N172503" s="10"/>
    </row>
    <row r="172504" spans="14:14">
      <c r="N172504" s="10"/>
    </row>
    <row r="172505" spans="14:14">
      <c r="N172505" s="10"/>
    </row>
    <row r="172506" spans="14:14">
      <c r="N172506" s="10"/>
    </row>
    <row r="172507" spans="14:14">
      <c r="N172507" s="10"/>
    </row>
    <row r="172508" spans="14:14">
      <c r="N172508" s="10"/>
    </row>
    <row r="172509" spans="14:14">
      <c r="N172509" s="10"/>
    </row>
    <row r="172510" spans="14:14">
      <c r="N172510" s="10"/>
    </row>
    <row r="172511" spans="14:14">
      <c r="N172511" s="10"/>
    </row>
    <row r="172512" spans="14:14">
      <c r="N172512" s="10"/>
    </row>
    <row r="172513" spans="14:14">
      <c r="N172513" s="10"/>
    </row>
    <row r="172514" spans="14:14">
      <c r="N172514" s="10"/>
    </row>
    <row r="172515" spans="14:14">
      <c r="N172515" s="10"/>
    </row>
    <row r="172516" spans="14:14">
      <c r="N172516" s="10"/>
    </row>
    <row r="172517" spans="14:14">
      <c r="N172517" s="10"/>
    </row>
    <row r="172518" spans="14:14">
      <c r="N172518" s="10"/>
    </row>
    <row r="172519" spans="14:14">
      <c r="N172519" s="10"/>
    </row>
    <row r="172520" spans="14:14">
      <c r="N172520" s="10"/>
    </row>
    <row r="172521" spans="14:14">
      <c r="N172521" s="10"/>
    </row>
    <row r="172522" spans="14:14">
      <c r="N172522" s="10"/>
    </row>
    <row r="172523" spans="14:14">
      <c r="N172523" s="10"/>
    </row>
    <row r="172524" spans="14:14">
      <c r="N172524" s="10"/>
    </row>
    <row r="172525" spans="14:14">
      <c r="N172525" s="10"/>
    </row>
    <row r="172526" spans="14:14">
      <c r="N172526" s="10"/>
    </row>
    <row r="172527" spans="14:14">
      <c r="N172527" s="10"/>
    </row>
    <row r="172528" spans="14:14">
      <c r="N172528" s="10"/>
    </row>
    <row r="172529" spans="14:14">
      <c r="N172529" s="10"/>
    </row>
    <row r="172530" spans="14:14">
      <c r="N172530" s="10"/>
    </row>
    <row r="172531" spans="14:14">
      <c r="N172531" s="10"/>
    </row>
    <row r="172532" spans="14:14">
      <c r="N172532" s="10"/>
    </row>
    <row r="172533" spans="14:14">
      <c r="N172533" s="10"/>
    </row>
    <row r="172534" spans="14:14">
      <c r="N172534" s="10"/>
    </row>
    <row r="172535" spans="14:14">
      <c r="N172535" s="10"/>
    </row>
    <row r="172536" spans="14:14">
      <c r="N172536" s="10"/>
    </row>
    <row r="172537" spans="14:14">
      <c r="N172537" s="10"/>
    </row>
    <row r="172538" spans="14:14">
      <c r="N172538" s="10"/>
    </row>
    <row r="172539" spans="14:14">
      <c r="N172539" s="10"/>
    </row>
    <row r="172540" spans="14:14">
      <c r="N172540" s="10"/>
    </row>
    <row r="172541" spans="14:14">
      <c r="N172541" s="10"/>
    </row>
    <row r="172542" spans="14:14">
      <c r="N172542" s="10"/>
    </row>
    <row r="172543" spans="14:14">
      <c r="N172543" s="10"/>
    </row>
    <row r="172544" spans="14:14">
      <c r="N172544" s="10"/>
    </row>
    <row r="172545" spans="14:14">
      <c r="N172545" s="10"/>
    </row>
    <row r="172546" spans="14:14">
      <c r="N172546" s="10"/>
    </row>
    <row r="172547" spans="14:14">
      <c r="N172547" s="10"/>
    </row>
    <row r="172548" spans="14:14">
      <c r="N172548" s="10"/>
    </row>
    <row r="172549" spans="14:14">
      <c r="N172549" s="10"/>
    </row>
    <row r="172550" spans="14:14">
      <c r="N172550" s="10"/>
    </row>
    <row r="172551" spans="14:14">
      <c r="N172551" s="10"/>
    </row>
    <row r="172552" spans="14:14">
      <c r="N172552" s="10"/>
    </row>
    <row r="172553" spans="14:14">
      <c r="N172553" s="10"/>
    </row>
    <row r="172554" spans="14:14">
      <c r="N172554" s="10"/>
    </row>
    <row r="172555" spans="14:14">
      <c r="N172555" s="10"/>
    </row>
    <row r="172556" spans="14:14">
      <c r="N172556" s="10"/>
    </row>
    <row r="172557" spans="14:14">
      <c r="N172557" s="10"/>
    </row>
    <row r="172558" spans="14:14">
      <c r="N172558" s="10"/>
    </row>
    <row r="172559" spans="14:14">
      <c r="N172559" s="10"/>
    </row>
    <row r="172560" spans="14:14">
      <c r="N172560" s="10"/>
    </row>
    <row r="172561" spans="14:14">
      <c r="N172561" s="10"/>
    </row>
    <row r="172562" spans="14:14">
      <c r="N172562" s="10"/>
    </row>
    <row r="172563" spans="14:14">
      <c r="N172563" s="10"/>
    </row>
    <row r="172564" spans="14:14">
      <c r="N172564" s="10"/>
    </row>
    <row r="172565" spans="14:14">
      <c r="N172565" s="10"/>
    </row>
    <row r="172566" spans="14:14">
      <c r="N172566" s="10"/>
    </row>
    <row r="172567" spans="14:14">
      <c r="N172567" s="10"/>
    </row>
    <row r="172568" spans="14:14">
      <c r="N172568" s="10"/>
    </row>
    <row r="172569" spans="14:14">
      <c r="N172569" s="10"/>
    </row>
    <row r="172570" spans="14:14">
      <c r="N172570" s="10"/>
    </row>
    <row r="172571" spans="14:14">
      <c r="N172571" s="10"/>
    </row>
    <row r="172572" spans="14:14">
      <c r="N172572" s="10"/>
    </row>
    <row r="172573" spans="14:14">
      <c r="N172573" s="10"/>
    </row>
    <row r="172574" spans="14:14">
      <c r="N172574" s="10"/>
    </row>
    <row r="172575" spans="14:14">
      <c r="N172575" s="10"/>
    </row>
    <row r="172576" spans="14:14">
      <c r="N172576" s="10"/>
    </row>
    <row r="172577" spans="14:14">
      <c r="N172577" s="10"/>
    </row>
    <row r="172578" spans="14:14">
      <c r="N172578" s="10"/>
    </row>
    <row r="172579" spans="14:14">
      <c r="N172579" s="10"/>
    </row>
    <row r="172580" spans="14:14">
      <c r="N172580" s="10"/>
    </row>
    <row r="172581" spans="14:14">
      <c r="N172581" s="10"/>
    </row>
    <row r="172582" spans="14:14">
      <c r="N172582" s="10"/>
    </row>
    <row r="172583" spans="14:14">
      <c r="N172583" s="10"/>
    </row>
    <row r="172584" spans="14:14">
      <c r="N172584" s="10"/>
    </row>
    <row r="172585" spans="14:14">
      <c r="N172585" s="10"/>
    </row>
    <row r="172586" spans="14:14">
      <c r="N172586" s="10"/>
    </row>
    <row r="172587" spans="14:14">
      <c r="N172587" s="10"/>
    </row>
    <row r="172588" spans="14:14">
      <c r="N172588" s="10"/>
    </row>
    <row r="172589" spans="14:14">
      <c r="N172589" s="10"/>
    </row>
    <row r="172590" spans="14:14">
      <c r="N172590" s="10"/>
    </row>
    <row r="172591" spans="14:14">
      <c r="N172591" s="10"/>
    </row>
    <row r="172592" spans="14:14">
      <c r="N172592" s="10"/>
    </row>
    <row r="172593" spans="14:14">
      <c r="N172593" s="10"/>
    </row>
    <row r="172594" spans="14:14">
      <c r="N172594" s="10"/>
    </row>
    <row r="172595" spans="14:14">
      <c r="N172595" s="10"/>
    </row>
    <row r="172596" spans="14:14">
      <c r="N172596" s="10"/>
    </row>
    <row r="172597" spans="14:14">
      <c r="N172597" s="10"/>
    </row>
    <row r="172598" spans="14:14">
      <c r="N172598" s="10"/>
    </row>
    <row r="172599" spans="14:14">
      <c r="N172599" s="10"/>
    </row>
    <row r="172600" spans="14:14">
      <c r="N172600" s="10"/>
    </row>
    <row r="172601" spans="14:14">
      <c r="N172601" s="10"/>
    </row>
    <row r="172602" spans="14:14">
      <c r="N172602" s="10"/>
    </row>
    <row r="172603" spans="14:14">
      <c r="N172603" s="10"/>
    </row>
    <row r="172604" spans="14:14">
      <c r="N172604" s="10"/>
    </row>
    <row r="172605" spans="14:14">
      <c r="N172605" s="10"/>
    </row>
    <row r="172606" spans="14:14">
      <c r="N172606" s="10"/>
    </row>
    <row r="172607" spans="14:14">
      <c r="N172607" s="10"/>
    </row>
    <row r="172608" spans="14:14">
      <c r="N172608" s="10"/>
    </row>
    <row r="172609" spans="14:14">
      <c r="N172609" s="10"/>
    </row>
    <row r="172610" spans="14:14">
      <c r="N172610" s="10"/>
    </row>
    <row r="172611" spans="14:14">
      <c r="N172611" s="10"/>
    </row>
    <row r="172612" spans="14:14">
      <c r="N172612" s="10"/>
    </row>
    <row r="172613" spans="14:14">
      <c r="N172613" s="10"/>
    </row>
    <row r="172614" spans="14:14">
      <c r="N172614" s="10"/>
    </row>
    <row r="172615" spans="14:14">
      <c r="N172615" s="10"/>
    </row>
    <row r="172616" spans="14:14">
      <c r="N172616" s="10"/>
    </row>
    <row r="172617" spans="14:14">
      <c r="N172617" s="10"/>
    </row>
    <row r="172618" spans="14:14">
      <c r="N172618" s="10"/>
    </row>
    <row r="172619" spans="14:14">
      <c r="N172619" s="10"/>
    </row>
    <row r="172620" spans="14:14">
      <c r="N172620" s="10"/>
    </row>
    <row r="172621" spans="14:14">
      <c r="N172621" s="10"/>
    </row>
    <row r="172622" spans="14:14">
      <c r="N172622" s="10"/>
    </row>
    <row r="172623" spans="14:14">
      <c r="N172623" s="10"/>
    </row>
    <row r="172624" spans="14:14">
      <c r="N172624" s="10"/>
    </row>
    <row r="172625" spans="14:14">
      <c r="N172625" s="10"/>
    </row>
    <row r="172626" spans="14:14">
      <c r="N172626" s="10"/>
    </row>
    <row r="172627" spans="14:14">
      <c r="N172627" s="10"/>
    </row>
    <row r="172628" spans="14:14">
      <c r="N172628" s="10"/>
    </row>
    <row r="172629" spans="14:14">
      <c r="N172629" s="10"/>
    </row>
    <row r="172630" spans="14:14">
      <c r="N172630" s="10"/>
    </row>
    <row r="172631" spans="14:14">
      <c r="N172631" s="10"/>
    </row>
    <row r="172632" spans="14:14">
      <c r="N172632" s="10"/>
    </row>
    <row r="172633" spans="14:14">
      <c r="N172633" s="10"/>
    </row>
    <row r="172634" spans="14:14">
      <c r="N172634" s="10"/>
    </row>
    <row r="172635" spans="14:14">
      <c r="N172635" s="10"/>
    </row>
    <row r="172636" spans="14:14">
      <c r="N172636" s="10"/>
    </row>
    <row r="172637" spans="14:14">
      <c r="N172637" s="10"/>
    </row>
    <row r="172638" spans="14:14">
      <c r="N172638" s="10"/>
    </row>
    <row r="172639" spans="14:14">
      <c r="N172639" s="10"/>
    </row>
    <row r="172640" spans="14:14">
      <c r="N172640" s="10"/>
    </row>
    <row r="172641" spans="14:14">
      <c r="N172641" s="10"/>
    </row>
    <row r="172642" spans="14:14">
      <c r="N172642" s="10"/>
    </row>
    <row r="172643" spans="14:14">
      <c r="N172643" s="10"/>
    </row>
    <row r="172644" spans="14:14">
      <c r="N172644" s="10"/>
    </row>
    <row r="172645" spans="14:14">
      <c r="N172645" s="10"/>
    </row>
    <row r="172646" spans="14:14">
      <c r="N172646" s="10"/>
    </row>
    <row r="172647" spans="14:14">
      <c r="N172647" s="10"/>
    </row>
    <row r="172648" spans="14:14">
      <c r="N172648" s="10"/>
    </row>
    <row r="172649" spans="14:14">
      <c r="N172649" s="10"/>
    </row>
    <row r="172650" spans="14:14">
      <c r="N172650" s="10"/>
    </row>
    <row r="172651" spans="14:14">
      <c r="N172651" s="10"/>
    </row>
    <row r="172652" spans="14:14">
      <c r="N172652" s="10"/>
    </row>
    <row r="172653" spans="14:14">
      <c r="N172653" s="10"/>
    </row>
    <row r="172654" spans="14:14">
      <c r="N172654" s="10"/>
    </row>
    <row r="172655" spans="14:14">
      <c r="N172655" s="10"/>
    </row>
    <row r="172656" spans="14:14">
      <c r="N172656" s="10"/>
    </row>
    <row r="172657" spans="14:14">
      <c r="N172657" s="10"/>
    </row>
    <row r="172658" spans="14:14">
      <c r="N172658" s="10"/>
    </row>
    <row r="172659" spans="14:14">
      <c r="N172659" s="10"/>
    </row>
    <row r="172660" spans="14:14">
      <c r="N172660" s="10"/>
    </row>
    <row r="172661" spans="14:14">
      <c r="N172661" s="10"/>
    </row>
    <row r="172662" spans="14:14">
      <c r="N172662" s="10"/>
    </row>
    <row r="172663" spans="14:14">
      <c r="N172663" s="10"/>
    </row>
    <row r="172664" spans="14:14">
      <c r="N172664" s="10"/>
    </row>
    <row r="172665" spans="14:14">
      <c r="N172665" s="10"/>
    </row>
    <row r="172666" spans="14:14">
      <c r="N172666" s="10"/>
    </row>
    <row r="172667" spans="14:14">
      <c r="N172667" s="10"/>
    </row>
    <row r="172668" spans="14:14">
      <c r="N172668" s="10"/>
    </row>
    <row r="172669" spans="14:14">
      <c r="N172669" s="10"/>
    </row>
    <row r="172670" spans="14:14">
      <c r="N172670" s="10"/>
    </row>
    <row r="172671" spans="14:14">
      <c r="N172671" s="10"/>
    </row>
    <row r="172672" spans="14:14">
      <c r="N172672" s="10"/>
    </row>
    <row r="172673" spans="14:14">
      <c r="N172673" s="10"/>
    </row>
    <row r="172674" spans="14:14">
      <c r="N172674" s="10"/>
    </row>
    <row r="172675" spans="14:14">
      <c r="N172675" s="10"/>
    </row>
    <row r="172676" spans="14:14">
      <c r="N172676" s="10"/>
    </row>
    <row r="172677" spans="14:14">
      <c r="N172677" s="10"/>
    </row>
    <row r="172678" spans="14:14">
      <c r="N172678" s="10"/>
    </row>
    <row r="172679" spans="14:14">
      <c r="N172679" s="10"/>
    </row>
    <row r="172680" spans="14:14">
      <c r="N172680" s="10"/>
    </row>
    <row r="172681" spans="14:14">
      <c r="N172681" s="10"/>
    </row>
    <row r="172682" spans="14:14">
      <c r="N172682" s="10"/>
    </row>
    <row r="172683" spans="14:14">
      <c r="N172683" s="10"/>
    </row>
    <row r="172684" spans="14:14">
      <c r="N172684" s="10"/>
    </row>
    <row r="172685" spans="14:14">
      <c r="N172685" s="10"/>
    </row>
    <row r="172686" spans="14:14">
      <c r="N172686" s="10"/>
    </row>
    <row r="172687" spans="14:14">
      <c r="N172687" s="10"/>
    </row>
    <row r="172688" spans="14:14">
      <c r="N172688" s="10"/>
    </row>
    <row r="172689" spans="14:14">
      <c r="N172689" s="10"/>
    </row>
    <row r="172690" spans="14:14">
      <c r="N172690" s="10"/>
    </row>
    <row r="172691" spans="14:14">
      <c r="N172691" s="10"/>
    </row>
    <row r="172692" spans="14:14">
      <c r="N172692" s="10"/>
    </row>
    <row r="172693" spans="14:14">
      <c r="N172693" s="10"/>
    </row>
    <row r="172694" spans="14:14">
      <c r="N172694" s="10"/>
    </row>
    <row r="172695" spans="14:14">
      <c r="N172695" s="10"/>
    </row>
    <row r="172696" spans="14:14">
      <c r="N172696" s="10"/>
    </row>
    <row r="172697" spans="14:14">
      <c r="N172697" s="10"/>
    </row>
    <row r="172698" spans="14:14">
      <c r="N172698" s="10"/>
    </row>
    <row r="172699" spans="14:14">
      <c r="N172699" s="10"/>
    </row>
    <row r="172700" spans="14:14">
      <c r="N172700" s="10"/>
    </row>
    <row r="172701" spans="14:14">
      <c r="N172701" s="10"/>
    </row>
    <row r="172702" spans="14:14">
      <c r="N172702" s="10"/>
    </row>
    <row r="172703" spans="14:14">
      <c r="N172703" s="10"/>
    </row>
    <row r="172704" spans="14:14">
      <c r="N172704" s="10"/>
    </row>
    <row r="172705" spans="14:14">
      <c r="N172705" s="10"/>
    </row>
    <row r="172706" spans="14:14">
      <c r="N172706" s="10"/>
    </row>
    <row r="172707" spans="14:14">
      <c r="N172707" s="10"/>
    </row>
    <row r="172708" spans="14:14">
      <c r="N172708" s="10"/>
    </row>
    <row r="172709" spans="14:14">
      <c r="N172709" s="10"/>
    </row>
    <row r="172710" spans="14:14">
      <c r="N172710" s="10"/>
    </row>
    <row r="172711" spans="14:14">
      <c r="N172711" s="10"/>
    </row>
    <row r="172712" spans="14:14">
      <c r="N172712" s="10"/>
    </row>
    <row r="172713" spans="14:14">
      <c r="N172713" s="10"/>
    </row>
    <row r="172714" spans="14:14">
      <c r="N172714" s="10"/>
    </row>
    <row r="172715" spans="14:14">
      <c r="N172715" s="10"/>
    </row>
    <row r="172716" spans="14:14">
      <c r="N172716" s="10"/>
    </row>
    <row r="172717" spans="14:14">
      <c r="N172717" s="10"/>
    </row>
    <row r="172718" spans="14:14">
      <c r="N172718" s="10"/>
    </row>
    <row r="172719" spans="14:14">
      <c r="N172719" s="10"/>
    </row>
    <row r="172720" spans="14:14">
      <c r="N172720" s="10"/>
    </row>
    <row r="172721" spans="14:14">
      <c r="N172721" s="10"/>
    </row>
    <row r="172722" spans="14:14">
      <c r="N172722" s="10"/>
    </row>
    <row r="172723" spans="14:14">
      <c r="N172723" s="10"/>
    </row>
    <row r="172724" spans="14:14">
      <c r="N172724" s="10"/>
    </row>
    <row r="172725" spans="14:14">
      <c r="N172725" s="10"/>
    </row>
    <row r="172726" spans="14:14">
      <c r="N172726" s="10"/>
    </row>
    <row r="172727" spans="14:14">
      <c r="N172727" s="10"/>
    </row>
    <row r="172728" spans="14:14">
      <c r="N172728" s="10"/>
    </row>
    <row r="172729" spans="14:14">
      <c r="N172729" s="10"/>
    </row>
    <row r="172730" spans="14:14">
      <c r="N172730" s="10"/>
    </row>
    <row r="172731" spans="14:14">
      <c r="N172731" s="10"/>
    </row>
    <row r="172732" spans="14:14">
      <c r="N172732" s="10"/>
    </row>
    <row r="172733" spans="14:14">
      <c r="N172733" s="10"/>
    </row>
    <row r="172734" spans="14:14">
      <c r="N172734" s="10"/>
    </row>
    <row r="172735" spans="14:14">
      <c r="N172735" s="10"/>
    </row>
    <row r="172736" spans="14:14">
      <c r="N172736" s="10"/>
    </row>
    <row r="172737" spans="14:14">
      <c r="N172737" s="10"/>
    </row>
    <row r="172738" spans="14:14">
      <c r="N172738" s="10"/>
    </row>
    <row r="172739" spans="14:14">
      <c r="N172739" s="10"/>
    </row>
    <row r="172740" spans="14:14">
      <c r="N172740" s="10"/>
    </row>
    <row r="172741" spans="14:14">
      <c r="N172741" s="10"/>
    </row>
    <row r="172742" spans="14:14">
      <c r="N172742" s="10"/>
    </row>
    <row r="172743" spans="14:14">
      <c r="N172743" s="10"/>
    </row>
    <row r="172744" spans="14:14">
      <c r="N172744" s="10"/>
    </row>
    <row r="172745" spans="14:14">
      <c r="N172745" s="10"/>
    </row>
    <row r="172746" spans="14:14">
      <c r="N172746" s="10"/>
    </row>
    <row r="172747" spans="14:14">
      <c r="N172747" s="10"/>
    </row>
    <row r="172748" spans="14:14">
      <c r="N172748" s="10"/>
    </row>
    <row r="172749" spans="14:14">
      <c r="N172749" s="10"/>
    </row>
    <row r="172750" spans="14:14">
      <c r="N172750" s="10"/>
    </row>
    <row r="172751" spans="14:14">
      <c r="N172751" s="10"/>
    </row>
    <row r="172752" spans="14:14">
      <c r="N172752" s="10"/>
    </row>
    <row r="172753" spans="14:14">
      <c r="N172753" s="10"/>
    </row>
    <row r="172754" spans="14:14">
      <c r="N172754" s="10"/>
    </row>
    <row r="172755" spans="14:14">
      <c r="N172755" s="10"/>
    </row>
    <row r="172756" spans="14:14">
      <c r="N172756" s="10"/>
    </row>
    <row r="172757" spans="14:14">
      <c r="N172757" s="10"/>
    </row>
    <row r="172758" spans="14:14">
      <c r="N172758" s="10"/>
    </row>
    <row r="172759" spans="14:14">
      <c r="N172759" s="10"/>
    </row>
    <row r="172760" spans="14:14">
      <c r="N172760" s="10"/>
    </row>
    <row r="172761" spans="14:14">
      <c r="N172761" s="10"/>
    </row>
    <row r="172762" spans="14:14">
      <c r="N172762" s="10"/>
    </row>
    <row r="172763" spans="14:14">
      <c r="N172763" s="10"/>
    </row>
    <row r="172764" spans="14:14">
      <c r="N172764" s="10"/>
    </row>
    <row r="172765" spans="14:14">
      <c r="N172765" s="10"/>
    </row>
    <row r="172766" spans="14:14">
      <c r="N172766" s="10"/>
    </row>
    <row r="172767" spans="14:14">
      <c r="N172767" s="10"/>
    </row>
    <row r="172768" spans="14:14">
      <c r="N172768" s="10"/>
    </row>
    <row r="172769" spans="14:14">
      <c r="N172769" s="10"/>
    </row>
    <row r="172770" spans="14:14">
      <c r="N172770" s="10"/>
    </row>
    <row r="172771" spans="14:14">
      <c r="N172771" s="10"/>
    </row>
    <row r="172772" spans="14:14">
      <c r="N172772" s="10"/>
    </row>
    <row r="172773" spans="14:14">
      <c r="N172773" s="10"/>
    </row>
    <row r="172774" spans="14:14">
      <c r="N172774" s="10"/>
    </row>
    <row r="172775" spans="14:14">
      <c r="N172775" s="10"/>
    </row>
    <row r="172776" spans="14:14">
      <c r="N172776" s="10"/>
    </row>
    <row r="172777" spans="14:14">
      <c r="N172777" s="10"/>
    </row>
    <row r="172778" spans="14:14">
      <c r="N172778" s="10"/>
    </row>
    <row r="172779" spans="14:14">
      <c r="N172779" s="10"/>
    </row>
    <row r="172780" spans="14:14">
      <c r="N172780" s="10"/>
    </row>
    <row r="172781" spans="14:14">
      <c r="N172781" s="10"/>
    </row>
    <row r="172782" spans="14:14">
      <c r="N172782" s="10"/>
    </row>
    <row r="172783" spans="14:14">
      <c r="N172783" s="10"/>
    </row>
    <row r="172784" spans="14:14">
      <c r="N172784" s="10"/>
    </row>
    <row r="172785" spans="14:14">
      <c r="N172785" s="10"/>
    </row>
    <row r="172786" spans="14:14">
      <c r="N172786" s="10"/>
    </row>
    <row r="172787" spans="14:14">
      <c r="N172787" s="10"/>
    </row>
    <row r="172788" spans="14:14">
      <c r="N172788" s="10"/>
    </row>
    <row r="172789" spans="14:14">
      <c r="N172789" s="10"/>
    </row>
    <row r="172790" spans="14:14">
      <c r="N172790" s="10"/>
    </row>
    <row r="172791" spans="14:14">
      <c r="N172791" s="10"/>
    </row>
    <row r="172792" spans="14:14">
      <c r="N172792" s="10"/>
    </row>
    <row r="172793" spans="14:14">
      <c r="N172793" s="10"/>
    </row>
    <row r="172794" spans="14:14">
      <c r="N172794" s="10"/>
    </row>
    <row r="172795" spans="14:14">
      <c r="N172795" s="10"/>
    </row>
    <row r="172796" spans="14:14">
      <c r="N172796" s="10"/>
    </row>
    <row r="172797" spans="14:14">
      <c r="N172797" s="10"/>
    </row>
    <row r="172798" spans="14:14">
      <c r="N172798" s="10"/>
    </row>
    <row r="172799" spans="14:14">
      <c r="N172799" s="10"/>
    </row>
    <row r="172800" spans="14:14">
      <c r="N172800" s="10"/>
    </row>
    <row r="172801" spans="14:14">
      <c r="N172801" s="10"/>
    </row>
    <row r="172802" spans="14:14">
      <c r="N172802" s="10"/>
    </row>
    <row r="172803" spans="14:14">
      <c r="N172803" s="10"/>
    </row>
    <row r="172804" spans="14:14">
      <c r="N172804" s="10"/>
    </row>
    <row r="172805" spans="14:14">
      <c r="N172805" s="10"/>
    </row>
    <row r="172806" spans="14:14">
      <c r="N172806" s="10"/>
    </row>
    <row r="172807" spans="14:14">
      <c r="N172807" s="10"/>
    </row>
    <row r="172808" spans="14:14">
      <c r="N172808" s="10"/>
    </row>
    <row r="172809" spans="14:14">
      <c r="N172809" s="10"/>
    </row>
    <row r="172810" spans="14:14">
      <c r="N172810" s="10"/>
    </row>
    <row r="172811" spans="14:14">
      <c r="N172811" s="10"/>
    </row>
    <row r="172812" spans="14:14">
      <c r="N172812" s="10"/>
    </row>
    <row r="172813" spans="14:14">
      <c r="N172813" s="10"/>
    </row>
    <row r="172814" spans="14:14">
      <c r="N172814" s="10"/>
    </row>
    <row r="172815" spans="14:14">
      <c r="N172815" s="10"/>
    </row>
    <row r="172816" spans="14:14">
      <c r="N172816" s="10"/>
    </row>
    <row r="172817" spans="14:14">
      <c r="N172817" s="10"/>
    </row>
    <row r="172818" spans="14:14">
      <c r="N172818" s="10"/>
    </row>
    <row r="172819" spans="14:14">
      <c r="N172819" s="10"/>
    </row>
    <row r="172820" spans="14:14">
      <c r="N172820" s="10"/>
    </row>
    <row r="172821" spans="14:14">
      <c r="N172821" s="10"/>
    </row>
    <row r="172822" spans="14:14">
      <c r="N172822" s="10"/>
    </row>
    <row r="172823" spans="14:14">
      <c r="N172823" s="10"/>
    </row>
    <row r="172824" spans="14:14">
      <c r="N172824" s="10"/>
    </row>
    <row r="172825" spans="14:14">
      <c r="N172825" s="10"/>
    </row>
    <row r="172826" spans="14:14">
      <c r="N172826" s="10"/>
    </row>
    <row r="172827" spans="14:14">
      <c r="N172827" s="10"/>
    </row>
    <row r="172828" spans="14:14">
      <c r="N172828" s="10"/>
    </row>
    <row r="172829" spans="14:14">
      <c r="N172829" s="10"/>
    </row>
    <row r="172830" spans="14:14">
      <c r="N172830" s="10"/>
    </row>
    <row r="172831" spans="14:14">
      <c r="N172831" s="10"/>
    </row>
    <row r="172832" spans="14:14">
      <c r="N172832" s="10"/>
    </row>
    <row r="172833" spans="14:14">
      <c r="N172833" s="10"/>
    </row>
    <row r="172834" spans="14:14">
      <c r="N172834" s="10"/>
    </row>
    <row r="172835" spans="14:14">
      <c r="N172835" s="10"/>
    </row>
    <row r="172836" spans="14:14">
      <c r="N172836" s="10"/>
    </row>
    <row r="172837" spans="14:14">
      <c r="N172837" s="10"/>
    </row>
    <row r="172838" spans="14:14">
      <c r="N172838" s="10"/>
    </row>
    <row r="172839" spans="14:14">
      <c r="N172839" s="10"/>
    </row>
    <row r="172840" spans="14:14">
      <c r="N172840" s="10"/>
    </row>
    <row r="172841" spans="14:14">
      <c r="N172841" s="10"/>
    </row>
    <row r="172842" spans="14:14">
      <c r="N172842" s="10"/>
    </row>
    <row r="172843" spans="14:14">
      <c r="N172843" s="10"/>
    </row>
    <row r="172844" spans="14:14">
      <c r="N172844" s="10"/>
    </row>
    <row r="172845" spans="14:14">
      <c r="N172845" s="10"/>
    </row>
    <row r="172846" spans="14:14">
      <c r="N172846" s="10"/>
    </row>
    <row r="172847" spans="14:14">
      <c r="N172847" s="10"/>
    </row>
    <row r="172848" spans="14:14">
      <c r="N172848" s="10"/>
    </row>
    <row r="172849" spans="14:14">
      <c r="N172849" s="10"/>
    </row>
    <row r="172850" spans="14:14">
      <c r="N172850" s="10"/>
    </row>
    <row r="172851" spans="14:14">
      <c r="N172851" s="10"/>
    </row>
    <row r="172852" spans="14:14">
      <c r="N172852" s="10"/>
    </row>
    <row r="172853" spans="14:14">
      <c r="N172853" s="10"/>
    </row>
    <row r="172854" spans="14:14">
      <c r="N172854" s="10"/>
    </row>
    <row r="172855" spans="14:14">
      <c r="N172855" s="10"/>
    </row>
    <row r="172856" spans="14:14">
      <c r="N172856" s="10"/>
    </row>
    <row r="172857" spans="14:14">
      <c r="N172857" s="10"/>
    </row>
    <row r="172858" spans="14:14">
      <c r="N172858" s="10"/>
    </row>
    <row r="172859" spans="14:14">
      <c r="N172859" s="10"/>
    </row>
    <row r="172860" spans="14:14">
      <c r="N172860" s="10"/>
    </row>
    <row r="172861" spans="14:14">
      <c r="N172861" s="10"/>
    </row>
    <row r="172862" spans="14:14">
      <c r="N172862" s="10"/>
    </row>
    <row r="172863" spans="14:14">
      <c r="N172863" s="10"/>
    </row>
    <row r="172864" spans="14:14">
      <c r="N172864" s="10"/>
    </row>
    <row r="172865" spans="14:14">
      <c r="N172865" s="10"/>
    </row>
    <row r="172866" spans="14:14">
      <c r="N172866" s="10"/>
    </row>
    <row r="172867" spans="14:14">
      <c r="N172867" s="10"/>
    </row>
    <row r="172868" spans="14:14">
      <c r="N172868" s="10"/>
    </row>
    <row r="172869" spans="14:14">
      <c r="N172869" s="10"/>
    </row>
    <row r="172870" spans="14:14">
      <c r="N172870" s="10"/>
    </row>
    <row r="172871" spans="14:14">
      <c r="N172871" s="10"/>
    </row>
    <row r="172872" spans="14:14">
      <c r="N172872" s="10"/>
    </row>
    <row r="172873" spans="14:14">
      <c r="N172873" s="10"/>
    </row>
    <row r="172874" spans="14:14">
      <c r="N172874" s="10"/>
    </row>
    <row r="172875" spans="14:14">
      <c r="N172875" s="10"/>
    </row>
    <row r="172876" spans="14:14">
      <c r="N172876" s="10"/>
    </row>
    <row r="172877" spans="14:14">
      <c r="N172877" s="10"/>
    </row>
    <row r="172878" spans="14:14">
      <c r="N172878" s="10"/>
    </row>
    <row r="172879" spans="14:14">
      <c r="N172879" s="10"/>
    </row>
    <row r="172880" spans="14:14">
      <c r="N172880" s="10"/>
    </row>
    <row r="172881" spans="14:14">
      <c r="N172881" s="10"/>
    </row>
    <row r="172882" spans="14:14">
      <c r="N172882" s="10"/>
    </row>
    <row r="172883" spans="14:14">
      <c r="N172883" s="10"/>
    </row>
    <row r="172884" spans="14:14">
      <c r="N172884" s="10"/>
    </row>
    <row r="172885" spans="14:14">
      <c r="N172885" s="10"/>
    </row>
    <row r="172886" spans="14:14">
      <c r="N172886" s="10"/>
    </row>
    <row r="172887" spans="14:14">
      <c r="N172887" s="10"/>
    </row>
    <row r="172888" spans="14:14">
      <c r="N172888" s="10"/>
    </row>
    <row r="172889" spans="14:14">
      <c r="N172889" s="10"/>
    </row>
    <row r="172890" spans="14:14">
      <c r="N172890" s="10"/>
    </row>
    <row r="172891" spans="14:14">
      <c r="N172891" s="10"/>
    </row>
    <row r="172892" spans="14:14">
      <c r="N172892" s="10"/>
    </row>
    <row r="172893" spans="14:14">
      <c r="N172893" s="10"/>
    </row>
    <row r="172894" spans="14:14">
      <c r="N172894" s="10"/>
    </row>
    <row r="172895" spans="14:14">
      <c r="N172895" s="10"/>
    </row>
    <row r="172896" spans="14:14">
      <c r="N172896" s="10"/>
    </row>
    <row r="172897" spans="14:14">
      <c r="N172897" s="10"/>
    </row>
    <row r="172898" spans="14:14">
      <c r="N172898" s="10"/>
    </row>
    <row r="172899" spans="14:14">
      <c r="N172899" s="10"/>
    </row>
    <row r="172900" spans="14:14">
      <c r="N172900" s="10"/>
    </row>
    <row r="172901" spans="14:14">
      <c r="N172901" s="10"/>
    </row>
    <row r="172902" spans="14:14">
      <c r="N172902" s="10"/>
    </row>
    <row r="172903" spans="14:14">
      <c r="N172903" s="10"/>
    </row>
    <row r="172904" spans="14:14">
      <c r="N172904" s="10"/>
    </row>
    <row r="172905" spans="14:14">
      <c r="N172905" s="10"/>
    </row>
    <row r="172906" spans="14:14">
      <c r="N172906" s="10"/>
    </row>
    <row r="172907" spans="14:14">
      <c r="N172907" s="10"/>
    </row>
    <row r="172908" spans="14:14">
      <c r="N172908" s="10"/>
    </row>
    <row r="172909" spans="14:14">
      <c r="N172909" s="10"/>
    </row>
    <row r="172910" spans="14:14">
      <c r="N172910" s="10"/>
    </row>
    <row r="172911" spans="14:14">
      <c r="N172911" s="10"/>
    </row>
    <row r="172912" spans="14:14">
      <c r="N172912" s="10"/>
    </row>
    <row r="172913" spans="14:14">
      <c r="N172913" s="10"/>
    </row>
    <row r="172914" spans="14:14">
      <c r="N172914" s="10"/>
    </row>
    <row r="172915" spans="14:14">
      <c r="N172915" s="10"/>
    </row>
    <row r="172916" spans="14:14">
      <c r="N172916" s="10"/>
    </row>
    <row r="172917" spans="14:14">
      <c r="N172917" s="10"/>
    </row>
    <row r="172918" spans="14:14">
      <c r="N172918" s="10"/>
    </row>
    <row r="172919" spans="14:14">
      <c r="N172919" s="10"/>
    </row>
    <row r="172920" spans="14:14">
      <c r="N172920" s="10"/>
    </row>
    <row r="172921" spans="14:14">
      <c r="N172921" s="10"/>
    </row>
    <row r="172922" spans="14:14">
      <c r="N172922" s="10"/>
    </row>
    <row r="172923" spans="14:14">
      <c r="N172923" s="10"/>
    </row>
    <row r="172924" spans="14:14">
      <c r="N172924" s="10"/>
    </row>
    <row r="172925" spans="14:14">
      <c r="N172925" s="10"/>
    </row>
    <row r="172926" spans="14:14">
      <c r="N172926" s="10"/>
    </row>
    <row r="172927" spans="14:14">
      <c r="N172927" s="10"/>
    </row>
    <row r="172928" spans="14:14">
      <c r="N172928" s="10"/>
    </row>
    <row r="172929" spans="14:14">
      <c r="N172929" s="10"/>
    </row>
    <row r="172930" spans="14:14">
      <c r="N172930" s="10"/>
    </row>
    <row r="172931" spans="14:14">
      <c r="N172931" s="10"/>
    </row>
    <row r="172932" spans="14:14">
      <c r="N172932" s="10"/>
    </row>
    <row r="172933" spans="14:14">
      <c r="N172933" s="10"/>
    </row>
    <row r="172934" spans="14:14">
      <c r="N172934" s="10"/>
    </row>
    <row r="172935" spans="14:14">
      <c r="N172935" s="10"/>
    </row>
    <row r="172936" spans="14:14">
      <c r="N172936" s="10"/>
    </row>
    <row r="172937" spans="14:14">
      <c r="N172937" s="10"/>
    </row>
    <row r="172938" spans="14:14">
      <c r="N172938" s="10"/>
    </row>
    <row r="172939" spans="14:14">
      <c r="N172939" s="10"/>
    </row>
    <row r="172940" spans="14:14">
      <c r="N172940" s="10"/>
    </row>
    <row r="172941" spans="14:14">
      <c r="N172941" s="10"/>
    </row>
    <row r="172942" spans="14:14">
      <c r="N172942" s="10"/>
    </row>
    <row r="172943" spans="14:14">
      <c r="N172943" s="10"/>
    </row>
    <row r="172944" spans="14:14">
      <c r="N172944" s="10"/>
    </row>
    <row r="172945" spans="14:14">
      <c r="N172945" s="10"/>
    </row>
    <row r="172946" spans="14:14">
      <c r="N172946" s="10"/>
    </row>
    <row r="172947" spans="14:14">
      <c r="N172947" s="10"/>
    </row>
    <row r="172948" spans="14:14">
      <c r="N172948" s="10"/>
    </row>
    <row r="172949" spans="14:14">
      <c r="N172949" s="10"/>
    </row>
    <row r="172950" spans="14:14">
      <c r="N172950" s="10"/>
    </row>
    <row r="172951" spans="14:14">
      <c r="N172951" s="10"/>
    </row>
    <row r="172952" spans="14:14">
      <c r="N172952" s="10"/>
    </row>
    <row r="172953" spans="14:14">
      <c r="N172953" s="10"/>
    </row>
    <row r="172954" spans="14:14">
      <c r="N172954" s="10"/>
    </row>
    <row r="172955" spans="14:14">
      <c r="N172955" s="10"/>
    </row>
    <row r="172956" spans="14:14">
      <c r="N172956" s="10"/>
    </row>
    <row r="172957" spans="14:14">
      <c r="N172957" s="10"/>
    </row>
    <row r="172958" spans="14:14">
      <c r="N172958" s="10"/>
    </row>
    <row r="172959" spans="14:14">
      <c r="N172959" s="10"/>
    </row>
    <row r="172960" spans="14:14">
      <c r="N172960" s="10"/>
    </row>
    <row r="172961" spans="14:14">
      <c r="N172961" s="10"/>
    </row>
    <row r="172962" spans="14:14">
      <c r="N172962" s="10"/>
    </row>
    <row r="172963" spans="14:14">
      <c r="N172963" s="10"/>
    </row>
    <row r="172964" spans="14:14">
      <c r="N172964" s="10"/>
    </row>
    <row r="172965" spans="14:14">
      <c r="N172965" s="10"/>
    </row>
    <row r="172966" spans="14:14">
      <c r="N172966" s="10"/>
    </row>
    <row r="172967" spans="14:14">
      <c r="N172967" s="10"/>
    </row>
    <row r="172968" spans="14:14">
      <c r="N172968" s="10"/>
    </row>
    <row r="172969" spans="14:14">
      <c r="N172969" s="10"/>
    </row>
    <row r="172970" spans="14:14">
      <c r="N172970" s="10"/>
    </row>
    <row r="172971" spans="14:14">
      <c r="N172971" s="10"/>
    </row>
    <row r="172972" spans="14:14">
      <c r="N172972" s="10"/>
    </row>
    <row r="172973" spans="14:14">
      <c r="N172973" s="10"/>
    </row>
    <row r="172974" spans="14:14">
      <c r="N172974" s="10"/>
    </row>
    <row r="172975" spans="14:14">
      <c r="N172975" s="10"/>
    </row>
    <row r="172976" spans="14:14">
      <c r="N172976" s="10"/>
    </row>
    <row r="172977" spans="14:14">
      <c r="N172977" s="10"/>
    </row>
    <row r="172978" spans="14:14">
      <c r="N172978" s="10"/>
    </row>
    <row r="172979" spans="14:14">
      <c r="N172979" s="10"/>
    </row>
    <row r="172980" spans="14:14">
      <c r="N172980" s="10"/>
    </row>
    <row r="172981" spans="14:14">
      <c r="N172981" s="10"/>
    </row>
    <row r="172982" spans="14:14">
      <c r="N172982" s="10"/>
    </row>
    <row r="172983" spans="14:14">
      <c r="N172983" s="10"/>
    </row>
    <row r="172984" spans="14:14">
      <c r="N172984" s="10"/>
    </row>
    <row r="172985" spans="14:14">
      <c r="N172985" s="10"/>
    </row>
    <row r="172986" spans="14:14">
      <c r="N172986" s="10"/>
    </row>
    <row r="172987" spans="14:14">
      <c r="N172987" s="10"/>
    </row>
    <row r="172988" spans="14:14">
      <c r="N172988" s="10"/>
    </row>
    <row r="172989" spans="14:14">
      <c r="N172989" s="10"/>
    </row>
    <row r="172990" spans="14:14">
      <c r="N172990" s="10"/>
    </row>
    <row r="172991" spans="14:14">
      <c r="N172991" s="10"/>
    </row>
    <row r="172992" spans="14:14">
      <c r="N172992" s="10"/>
    </row>
    <row r="172993" spans="14:14">
      <c r="N172993" s="10"/>
    </row>
    <row r="172994" spans="14:14">
      <c r="N172994" s="10"/>
    </row>
    <row r="172995" spans="14:14">
      <c r="N172995" s="10"/>
    </row>
    <row r="172996" spans="14:14">
      <c r="N172996" s="10"/>
    </row>
    <row r="172997" spans="14:14">
      <c r="N172997" s="10"/>
    </row>
    <row r="172998" spans="14:14">
      <c r="N172998" s="10"/>
    </row>
    <row r="172999" spans="14:14">
      <c r="N172999" s="10"/>
    </row>
    <row r="173000" spans="14:14">
      <c r="N173000" s="10"/>
    </row>
    <row r="173001" spans="14:14">
      <c r="N173001" s="10"/>
    </row>
    <row r="173002" spans="14:14">
      <c r="N173002" s="10"/>
    </row>
    <row r="173003" spans="14:14">
      <c r="N173003" s="10"/>
    </row>
    <row r="173004" spans="14:14">
      <c r="N173004" s="10"/>
    </row>
    <row r="173005" spans="14:14">
      <c r="N173005" s="10"/>
    </row>
    <row r="173006" spans="14:14">
      <c r="N173006" s="10"/>
    </row>
    <row r="173007" spans="14:14">
      <c r="N173007" s="10"/>
    </row>
    <row r="173008" spans="14:14">
      <c r="N173008" s="10"/>
    </row>
    <row r="173009" spans="14:14">
      <c r="N173009" s="10"/>
    </row>
    <row r="173010" spans="14:14">
      <c r="N173010" s="10"/>
    </row>
    <row r="173011" spans="14:14">
      <c r="N173011" s="10"/>
    </row>
    <row r="173012" spans="14:14">
      <c r="N173012" s="10"/>
    </row>
    <row r="173013" spans="14:14">
      <c r="N173013" s="10"/>
    </row>
    <row r="173014" spans="14:14">
      <c r="N173014" s="10"/>
    </row>
    <row r="173015" spans="14:14">
      <c r="N173015" s="10"/>
    </row>
    <row r="173016" spans="14:14">
      <c r="N173016" s="10"/>
    </row>
    <row r="173017" spans="14:14">
      <c r="N173017" s="10"/>
    </row>
    <row r="173018" spans="14:14">
      <c r="N173018" s="10"/>
    </row>
    <row r="173019" spans="14:14">
      <c r="N173019" s="10"/>
    </row>
    <row r="173020" spans="14:14">
      <c r="N173020" s="10"/>
    </row>
    <row r="173021" spans="14:14">
      <c r="N173021" s="10"/>
    </row>
    <row r="173022" spans="14:14">
      <c r="N173022" s="10"/>
    </row>
    <row r="173023" spans="14:14">
      <c r="N173023" s="10"/>
    </row>
    <row r="173024" spans="14:14">
      <c r="N173024" s="10"/>
    </row>
    <row r="173025" spans="14:14">
      <c r="N173025" s="10"/>
    </row>
    <row r="173026" spans="14:14">
      <c r="N173026" s="10"/>
    </row>
    <row r="173027" spans="14:14">
      <c r="N173027" s="10"/>
    </row>
    <row r="173028" spans="14:14">
      <c r="N173028" s="10"/>
    </row>
    <row r="173029" spans="14:14">
      <c r="N173029" s="10"/>
    </row>
    <row r="173030" spans="14:14">
      <c r="N173030" s="10"/>
    </row>
    <row r="173031" spans="14:14">
      <c r="N173031" s="10"/>
    </row>
    <row r="173032" spans="14:14">
      <c r="N173032" s="10"/>
    </row>
    <row r="173033" spans="14:14">
      <c r="N173033" s="10"/>
    </row>
    <row r="173034" spans="14:14">
      <c r="N173034" s="10"/>
    </row>
    <row r="173035" spans="14:14">
      <c r="N173035" s="10"/>
    </row>
    <row r="173036" spans="14:14">
      <c r="N173036" s="10"/>
    </row>
    <row r="173037" spans="14:14">
      <c r="N173037" s="10"/>
    </row>
    <row r="173038" spans="14:14">
      <c r="N173038" s="10"/>
    </row>
    <row r="173039" spans="14:14">
      <c r="N173039" s="10"/>
    </row>
    <row r="173040" spans="14:14">
      <c r="N173040" s="10"/>
    </row>
    <row r="173041" spans="14:14">
      <c r="N173041" s="10"/>
    </row>
    <row r="173042" spans="14:14">
      <c r="N173042" s="10"/>
    </row>
    <row r="173043" spans="14:14">
      <c r="N173043" s="10"/>
    </row>
    <row r="173044" spans="14:14">
      <c r="N173044" s="10"/>
    </row>
    <row r="173045" spans="14:14">
      <c r="N173045" s="10"/>
    </row>
    <row r="173046" spans="14:14">
      <c r="N173046" s="10"/>
    </row>
    <row r="173047" spans="14:14">
      <c r="N173047" s="10"/>
    </row>
    <row r="173048" spans="14:14">
      <c r="N173048" s="10"/>
    </row>
    <row r="173049" spans="14:14">
      <c r="N173049" s="10"/>
    </row>
    <row r="173050" spans="14:14">
      <c r="N173050" s="10"/>
    </row>
    <row r="173051" spans="14:14">
      <c r="N173051" s="10"/>
    </row>
    <row r="173052" spans="14:14">
      <c r="N173052" s="10"/>
    </row>
    <row r="173053" spans="14:14">
      <c r="N173053" s="10"/>
    </row>
    <row r="173054" spans="14:14">
      <c r="N173054" s="10"/>
    </row>
    <row r="173055" spans="14:14">
      <c r="N173055" s="10"/>
    </row>
    <row r="173056" spans="14:14">
      <c r="N173056" s="10"/>
    </row>
    <row r="173057" spans="14:14">
      <c r="N173057" s="10"/>
    </row>
    <row r="173058" spans="14:14">
      <c r="N173058" s="10"/>
    </row>
    <row r="173059" spans="14:14">
      <c r="N173059" s="10"/>
    </row>
    <row r="173060" spans="14:14">
      <c r="N173060" s="10"/>
    </row>
    <row r="173061" spans="14:14">
      <c r="N173061" s="10"/>
    </row>
    <row r="173062" spans="14:14">
      <c r="N173062" s="10"/>
    </row>
    <row r="173063" spans="14:14">
      <c r="N173063" s="10"/>
    </row>
    <row r="173064" spans="14:14">
      <c r="N173064" s="10"/>
    </row>
    <row r="173065" spans="14:14">
      <c r="N173065" s="10"/>
    </row>
    <row r="173066" spans="14:14">
      <c r="N173066" s="10"/>
    </row>
    <row r="173067" spans="14:14">
      <c r="N173067" s="10"/>
    </row>
    <row r="173068" spans="14:14">
      <c r="N173068" s="10"/>
    </row>
    <row r="173069" spans="14:14">
      <c r="N173069" s="10"/>
    </row>
    <row r="173070" spans="14:14">
      <c r="N173070" s="10"/>
    </row>
    <row r="173071" spans="14:14">
      <c r="N173071" s="10"/>
    </row>
    <row r="173072" spans="14:14">
      <c r="N173072" s="10"/>
    </row>
    <row r="173073" spans="14:14">
      <c r="N173073" s="10"/>
    </row>
    <row r="173074" spans="14:14">
      <c r="N173074" s="10"/>
    </row>
    <row r="173075" spans="14:14">
      <c r="N173075" s="10"/>
    </row>
    <row r="173076" spans="14:14">
      <c r="N173076" s="10"/>
    </row>
    <row r="173077" spans="14:14">
      <c r="N173077" s="10"/>
    </row>
    <row r="173078" spans="14:14">
      <c r="N173078" s="10"/>
    </row>
    <row r="173079" spans="14:14">
      <c r="N173079" s="10"/>
    </row>
    <row r="173080" spans="14:14">
      <c r="N173080" s="10"/>
    </row>
    <row r="173081" spans="14:14">
      <c r="N173081" s="10"/>
    </row>
    <row r="173082" spans="14:14">
      <c r="N173082" s="10"/>
    </row>
    <row r="173083" spans="14:14">
      <c r="N173083" s="10"/>
    </row>
    <row r="173084" spans="14:14">
      <c r="N173084" s="10"/>
    </row>
    <row r="173085" spans="14:14">
      <c r="N173085" s="10"/>
    </row>
    <row r="173086" spans="14:14">
      <c r="N173086" s="10"/>
    </row>
    <row r="173087" spans="14:14">
      <c r="N173087" s="10"/>
    </row>
    <row r="173088" spans="14:14">
      <c r="N173088" s="10"/>
    </row>
    <row r="173089" spans="14:14">
      <c r="N173089" s="10"/>
    </row>
    <row r="173090" spans="14:14">
      <c r="N173090" s="10"/>
    </row>
    <row r="173091" spans="14:14">
      <c r="N173091" s="10"/>
    </row>
    <row r="173092" spans="14:14">
      <c r="N173092" s="10"/>
    </row>
    <row r="173093" spans="14:14">
      <c r="N173093" s="10"/>
    </row>
    <row r="173094" spans="14:14">
      <c r="N173094" s="10"/>
    </row>
    <row r="173095" spans="14:14">
      <c r="N173095" s="10"/>
    </row>
    <row r="173096" spans="14:14">
      <c r="N173096" s="10"/>
    </row>
    <row r="173097" spans="14:14">
      <c r="N173097" s="10"/>
    </row>
    <row r="173098" spans="14:14">
      <c r="N173098" s="10"/>
    </row>
    <row r="173099" spans="14:14">
      <c r="N173099" s="10"/>
    </row>
    <row r="173100" spans="14:14">
      <c r="N173100" s="10"/>
    </row>
    <row r="173101" spans="14:14">
      <c r="N173101" s="10"/>
    </row>
    <row r="173102" spans="14:14">
      <c r="N173102" s="10"/>
    </row>
    <row r="173103" spans="14:14">
      <c r="N173103" s="10"/>
    </row>
    <row r="173104" spans="14:14">
      <c r="N173104" s="10"/>
    </row>
    <row r="173105" spans="14:14">
      <c r="N173105" s="10"/>
    </row>
    <row r="173106" spans="14:14">
      <c r="N173106" s="10"/>
    </row>
    <row r="173107" spans="14:14">
      <c r="N173107" s="10"/>
    </row>
    <row r="173108" spans="14:14">
      <c r="N173108" s="10"/>
    </row>
    <row r="173109" spans="14:14">
      <c r="N173109" s="10"/>
    </row>
    <row r="173110" spans="14:14">
      <c r="N173110" s="10"/>
    </row>
    <row r="173111" spans="14:14">
      <c r="N173111" s="10"/>
    </row>
    <row r="173112" spans="14:14">
      <c r="N173112" s="10"/>
    </row>
    <row r="173113" spans="14:14">
      <c r="N173113" s="10"/>
    </row>
    <row r="173114" spans="14:14">
      <c r="N173114" s="10"/>
    </row>
    <row r="173115" spans="14:14">
      <c r="N173115" s="10"/>
    </row>
    <row r="173116" spans="14:14">
      <c r="N173116" s="10"/>
    </row>
    <row r="173117" spans="14:14">
      <c r="N173117" s="10"/>
    </row>
    <row r="173118" spans="14:14">
      <c r="N173118" s="10"/>
    </row>
    <row r="173119" spans="14:14">
      <c r="N173119" s="10"/>
    </row>
    <row r="173120" spans="14:14">
      <c r="N173120" s="10"/>
    </row>
    <row r="173121" spans="14:14">
      <c r="N173121" s="10"/>
    </row>
    <row r="173122" spans="14:14">
      <c r="N173122" s="10"/>
    </row>
    <row r="173123" spans="14:14">
      <c r="N173123" s="10"/>
    </row>
    <row r="173124" spans="14:14">
      <c r="N173124" s="10"/>
    </row>
    <row r="173125" spans="14:14">
      <c r="N173125" s="10"/>
    </row>
    <row r="173126" spans="14:14">
      <c r="N173126" s="10"/>
    </row>
    <row r="173127" spans="14:14">
      <c r="N173127" s="10"/>
    </row>
    <row r="173128" spans="14:14">
      <c r="N173128" s="10"/>
    </row>
    <row r="173129" spans="14:14">
      <c r="N173129" s="10"/>
    </row>
    <row r="173130" spans="14:14">
      <c r="N173130" s="10"/>
    </row>
    <row r="173131" spans="14:14">
      <c r="N173131" s="10"/>
    </row>
    <row r="173132" spans="14:14">
      <c r="N173132" s="10"/>
    </row>
    <row r="173133" spans="14:14">
      <c r="N173133" s="10"/>
    </row>
    <row r="173134" spans="14:14">
      <c r="N173134" s="10"/>
    </row>
    <row r="173135" spans="14:14">
      <c r="N173135" s="10"/>
    </row>
    <row r="173136" spans="14:14">
      <c r="N173136" s="10"/>
    </row>
    <row r="173137" spans="14:14">
      <c r="N173137" s="10"/>
    </row>
    <row r="173138" spans="14:14">
      <c r="N173138" s="10"/>
    </row>
    <row r="173139" spans="14:14">
      <c r="N173139" s="10"/>
    </row>
    <row r="173140" spans="14:14">
      <c r="N173140" s="10"/>
    </row>
    <row r="173141" spans="14:14">
      <c r="N173141" s="10"/>
    </row>
    <row r="173142" spans="14:14">
      <c r="N173142" s="10"/>
    </row>
    <row r="173143" spans="14:14">
      <c r="N173143" s="10"/>
    </row>
    <row r="173144" spans="14:14">
      <c r="N173144" s="10"/>
    </row>
    <row r="173145" spans="14:14">
      <c r="N173145" s="10"/>
    </row>
    <row r="173146" spans="14:14">
      <c r="N173146" s="10"/>
    </row>
    <row r="173147" spans="14:14">
      <c r="N173147" s="10"/>
    </row>
    <row r="173148" spans="14:14">
      <c r="N173148" s="10"/>
    </row>
    <row r="173149" spans="14:14">
      <c r="N173149" s="10"/>
    </row>
    <row r="173150" spans="14:14">
      <c r="N173150" s="10"/>
    </row>
    <row r="173151" spans="14:14">
      <c r="N173151" s="10"/>
    </row>
    <row r="173152" spans="14:14">
      <c r="N173152" s="10"/>
    </row>
    <row r="173153" spans="14:14">
      <c r="N173153" s="10"/>
    </row>
    <row r="173154" spans="14:14">
      <c r="N173154" s="10"/>
    </row>
    <row r="173155" spans="14:14">
      <c r="N173155" s="10"/>
    </row>
    <row r="173156" spans="14:14">
      <c r="N173156" s="10"/>
    </row>
    <row r="173157" spans="14:14">
      <c r="N173157" s="10"/>
    </row>
    <row r="173158" spans="14:14">
      <c r="N173158" s="10"/>
    </row>
    <row r="173159" spans="14:14">
      <c r="N173159" s="10"/>
    </row>
    <row r="173160" spans="14:14">
      <c r="N173160" s="10"/>
    </row>
    <row r="173161" spans="14:14">
      <c r="N173161" s="10"/>
    </row>
    <row r="173162" spans="14:14">
      <c r="N173162" s="10"/>
    </row>
    <row r="173163" spans="14:14">
      <c r="N173163" s="10"/>
    </row>
    <row r="173164" spans="14:14">
      <c r="N173164" s="10"/>
    </row>
    <row r="173165" spans="14:14">
      <c r="N173165" s="10"/>
    </row>
    <row r="173166" spans="14:14">
      <c r="N173166" s="10"/>
    </row>
    <row r="173167" spans="14:14">
      <c r="N173167" s="10"/>
    </row>
    <row r="173168" spans="14:14">
      <c r="N173168" s="10"/>
    </row>
    <row r="173169" spans="14:14">
      <c r="N173169" s="10"/>
    </row>
    <row r="173170" spans="14:14">
      <c r="N173170" s="10"/>
    </row>
    <row r="173171" spans="14:14">
      <c r="N173171" s="10"/>
    </row>
    <row r="173172" spans="14:14">
      <c r="N173172" s="10"/>
    </row>
    <row r="173173" spans="14:14">
      <c r="N173173" s="10"/>
    </row>
    <row r="173174" spans="14:14">
      <c r="N173174" s="10"/>
    </row>
    <row r="173175" spans="14:14">
      <c r="N173175" s="10"/>
    </row>
    <row r="173176" spans="14:14">
      <c r="N173176" s="10"/>
    </row>
    <row r="173177" spans="14:14">
      <c r="N173177" s="10"/>
    </row>
    <row r="173178" spans="14:14">
      <c r="N173178" s="10"/>
    </row>
    <row r="173179" spans="14:14">
      <c r="N173179" s="10"/>
    </row>
    <row r="173180" spans="14:14">
      <c r="N173180" s="10"/>
    </row>
    <row r="173181" spans="14:14">
      <c r="N173181" s="10"/>
    </row>
    <row r="173182" spans="14:14">
      <c r="N173182" s="10"/>
    </row>
    <row r="173183" spans="14:14">
      <c r="N173183" s="10"/>
    </row>
    <row r="173184" spans="14:14">
      <c r="N173184" s="10"/>
    </row>
    <row r="173185" spans="14:14">
      <c r="N173185" s="10"/>
    </row>
    <row r="173186" spans="14:14">
      <c r="N173186" s="10"/>
    </row>
    <row r="173187" spans="14:14">
      <c r="N173187" s="10"/>
    </row>
    <row r="173188" spans="14:14">
      <c r="N173188" s="10"/>
    </row>
    <row r="173189" spans="14:14">
      <c r="N173189" s="10"/>
    </row>
    <row r="173190" spans="14:14">
      <c r="N173190" s="10"/>
    </row>
    <row r="173191" spans="14:14">
      <c r="N173191" s="10"/>
    </row>
    <row r="173192" spans="14:14">
      <c r="N173192" s="10"/>
    </row>
    <row r="173193" spans="14:14">
      <c r="N173193" s="10"/>
    </row>
    <row r="173194" spans="14:14">
      <c r="N173194" s="10"/>
    </row>
    <row r="173195" spans="14:14">
      <c r="N173195" s="10"/>
    </row>
    <row r="173196" spans="14:14">
      <c r="N173196" s="10"/>
    </row>
    <row r="173197" spans="14:14">
      <c r="N173197" s="10"/>
    </row>
    <row r="173198" spans="14:14">
      <c r="N173198" s="10"/>
    </row>
    <row r="173199" spans="14:14">
      <c r="N173199" s="10"/>
    </row>
    <row r="173200" spans="14:14">
      <c r="N173200" s="10"/>
    </row>
    <row r="173201" spans="14:14">
      <c r="N173201" s="10"/>
    </row>
    <row r="173202" spans="14:14">
      <c r="N173202" s="10"/>
    </row>
    <row r="173203" spans="14:14">
      <c r="N173203" s="10"/>
    </row>
    <row r="173204" spans="14:14">
      <c r="N173204" s="10"/>
    </row>
    <row r="173205" spans="14:14">
      <c r="N173205" s="10"/>
    </row>
    <row r="173206" spans="14:14">
      <c r="N173206" s="10"/>
    </row>
    <row r="173207" spans="14:14">
      <c r="N173207" s="10"/>
    </row>
    <row r="173208" spans="14:14">
      <c r="N173208" s="10"/>
    </row>
    <row r="173209" spans="14:14">
      <c r="N173209" s="10"/>
    </row>
    <row r="173210" spans="14:14">
      <c r="N173210" s="10"/>
    </row>
    <row r="173211" spans="14:14">
      <c r="N173211" s="10"/>
    </row>
    <row r="173212" spans="14:14">
      <c r="N173212" s="10"/>
    </row>
    <row r="173213" spans="14:14">
      <c r="N173213" s="10"/>
    </row>
    <row r="173214" spans="14:14">
      <c r="N173214" s="10"/>
    </row>
    <row r="173215" spans="14:14">
      <c r="N173215" s="10"/>
    </row>
    <row r="173216" spans="14:14">
      <c r="N173216" s="10"/>
    </row>
    <row r="173217" spans="14:14">
      <c r="N173217" s="10"/>
    </row>
    <row r="173218" spans="14:14">
      <c r="N173218" s="10"/>
    </row>
    <row r="173219" spans="14:14">
      <c r="N173219" s="10"/>
    </row>
    <row r="173220" spans="14:14">
      <c r="N173220" s="10"/>
    </row>
    <row r="173221" spans="14:14">
      <c r="N173221" s="10"/>
    </row>
    <row r="173222" spans="14:14">
      <c r="N173222" s="10"/>
    </row>
    <row r="173223" spans="14:14">
      <c r="N173223" s="10"/>
    </row>
    <row r="173224" spans="14:14">
      <c r="N173224" s="10"/>
    </row>
    <row r="173225" spans="14:14">
      <c r="N173225" s="10"/>
    </row>
    <row r="173226" spans="14:14">
      <c r="N173226" s="10"/>
    </row>
    <row r="173227" spans="14:14">
      <c r="N173227" s="10"/>
    </row>
    <row r="173228" spans="14:14">
      <c r="N173228" s="10"/>
    </row>
    <row r="173229" spans="14:14">
      <c r="N173229" s="10"/>
    </row>
    <row r="173230" spans="14:14">
      <c r="N173230" s="10"/>
    </row>
    <row r="173231" spans="14:14">
      <c r="N173231" s="10"/>
    </row>
    <row r="173232" spans="14:14">
      <c r="N173232" s="10"/>
    </row>
    <row r="173233" spans="14:14">
      <c r="N173233" s="10"/>
    </row>
    <row r="173234" spans="14:14">
      <c r="N173234" s="10"/>
    </row>
    <row r="173235" spans="14:14">
      <c r="N173235" s="10"/>
    </row>
    <row r="173236" spans="14:14">
      <c r="N173236" s="10"/>
    </row>
    <row r="173237" spans="14:14">
      <c r="N173237" s="10"/>
    </row>
    <row r="173238" spans="14:14">
      <c r="N173238" s="10"/>
    </row>
    <row r="173239" spans="14:14">
      <c r="N173239" s="10"/>
    </row>
    <row r="173240" spans="14:14">
      <c r="N173240" s="10"/>
    </row>
    <row r="173241" spans="14:14">
      <c r="N173241" s="10"/>
    </row>
    <row r="173242" spans="14:14">
      <c r="N173242" s="10"/>
    </row>
    <row r="173243" spans="14:14">
      <c r="N173243" s="10"/>
    </row>
    <row r="173244" spans="14:14">
      <c r="N173244" s="10"/>
    </row>
    <row r="173245" spans="14:14">
      <c r="N173245" s="10"/>
    </row>
    <row r="173246" spans="14:14">
      <c r="N173246" s="10"/>
    </row>
    <row r="173247" spans="14:14">
      <c r="N173247" s="10"/>
    </row>
    <row r="173248" spans="14:14">
      <c r="N173248" s="10"/>
    </row>
    <row r="173249" spans="14:14">
      <c r="N173249" s="10"/>
    </row>
    <row r="173250" spans="14:14">
      <c r="N173250" s="10"/>
    </row>
    <row r="173251" spans="14:14">
      <c r="N173251" s="10"/>
    </row>
    <row r="173252" spans="14:14">
      <c r="N173252" s="10"/>
    </row>
    <row r="173253" spans="14:14">
      <c r="N173253" s="10"/>
    </row>
    <row r="173254" spans="14:14">
      <c r="N173254" s="10"/>
    </row>
    <row r="173255" spans="14:14">
      <c r="N173255" s="10"/>
    </row>
    <row r="173256" spans="14:14">
      <c r="N173256" s="10"/>
    </row>
    <row r="173257" spans="14:14">
      <c r="N173257" s="10"/>
    </row>
    <row r="173258" spans="14:14">
      <c r="N173258" s="10"/>
    </row>
    <row r="173259" spans="14:14">
      <c r="N173259" s="10"/>
    </row>
    <row r="173260" spans="14:14">
      <c r="N173260" s="10"/>
    </row>
    <row r="173261" spans="14:14">
      <c r="N173261" s="10"/>
    </row>
    <row r="173262" spans="14:14">
      <c r="N173262" s="10"/>
    </row>
    <row r="173263" spans="14:14">
      <c r="N173263" s="10"/>
    </row>
    <row r="173264" spans="14:14">
      <c r="N173264" s="10"/>
    </row>
    <row r="173265" spans="14:14">
      <c r="N173265" s="10"/>
    </row>
    <row r="173266" spans="14:14">
      <c r="N173266" s="10"/>
    </row>
    <row r="173267" spans="14:14">
      <c r="N173267" s="10"/>
    </row>
    <row r="173268" spans="14:14">
      <c r="N173268" s="10"/>
    </row>
    <row r="173269" spans="14:14">
      <c r="N173269" s="10"/>
    </row>
    <row r="173270" spans="14:14">
      <c r="N173270" s="10"/>
    </row>
    <row r="173271" spans="14:14">
      <c r="N173271" s="10"/>
    </row>
    <row r="173272" spans="14:14">
      <c r="N173272" s="10"/>
    </row>
    <row r="173273" spans="14:14">
      <c r="N173273" s="10"/>
    </row>
    <row r="173274" spans="14:14">
      <c r="N173274" s="10"/>
    </row>
    <row r="173275" spans="14:14">
      <c r="N173275" s="10"/>
    </row>
    <row r="173276" spans="14:14">
      <c r="N173276" s="10"/>
    </row>
    <row r="173277" spans="14:14">
      <c r="N173277" s="10"/>
    </row>
    <row r="173278" spans="14:14">
      <c r="N173278" s="10"/>
    </row>
    <row r="173279" spans="14:14">
      <c r="N173279" s="10"/>
    </row>
    <row r="173280" spans="14:14">
      <c r="N173280" s="10"/>
    </row>
    <row r="173281" spans="14:14">
      <c r="N173281" s="10"/>
    </row>
    <row r="173282" spans="14:14">
      <c r="N173282" s="10"/>
    </row>
    <row r="173283" spans="14:14">
      <c r="N173283" s="10"/>
    </row>
    <row r="173284" spans="14:14">
      <c r="N173284" s="10"/>
    </row>
    <row r="173285" spans="14:14">
      <c r="N173285" s="10"/>
    </row>
    <row r="173286" spans="14:14">
      <c r="N173286" s="10"/>
    </row>
    <row r="173287" spans="14:14">
      <c r="N173287" s="10"/>
    </row>
    <row r="173288" spans="14:14">
      <c r="N173288" s="10"/>
    </row>
    <row r="173289" spans="14:14">
      <c r="N173289" s="10"/>
    </row>
    <row r="173290" spans="14:14">
      <c r="N173290" s="10"/>
    </row>
    <row r="173291" spans="14:14">
      <c r="N173291" s="10"/>
    </row>
    <row r="173292" spans="14:14">
      <c r="N173292" s="10"/>
    </row>
    <row r="173293" spans="14:14">
      <c r="N173293" s="10"/>
    </row>
    <row r="173294" spans="14:14">
      <c r="N173294" s="10"/>
    </row>
    <row r="173295" spans="14:14">
      <c r="N173295" s="10"/>
    </row>
    <row r="173296" spans="14:14">
      <c r="N173296" s="10"/>
    </row>
    <row r="173297" spans="14:14">
      <c r="N173297" s="10"/>
    </row>
    <row r="173298" spans="14:14">
      <c r="N173298" s="10"/>
    </row>
    <row r="173299" spans="14:14">
      <c r="N173299" s="10"/>
    </row>
    <row r="173300" spans="14:14">
      <c r="N173300" s="10"/>
    </row>
    <row r="173301" spans="14:14">
      <c r="N173301" s="10"/>
    </row>
    <row r="173302" spans="14:14">
      <c r="N173302" s="10"/>
    </row>
    <row r="173303" spans="14:14">
      <c r="N173303" s="10"/>
    </row>
    <row r="173304" spans="14:14">
      <c r="N173304" s="10"/>
    </row>
    <row r="173305" spans="14:14">
      <c r="N173305" s="10"/>
    </row>
    <row r="173306" spans="14:14">
      <c r="N173306" s="10"/>
    </row>
    <row r="173307" spans="14:14">
      <c r="N173307" s="10"/>
    </row>
    <row r="173308" spans="14:14">
      <c r="N173308" s="10"/>
    </row>
    <row r="173309" spans="14:14">
      <c r="N173309" s="10"/>
    </row>
    <row r="173310" spans="14:14">
      <c r="N173310" s="10"/>
    </row>
    <row r="173311" spans="14:14">
      <c r="N173311" s="10"/>
    </row>
    <row r="173312" spans="14:14">
      <c r="N173312" s="10"/>
    </row>
    <row r="173313" spans="14:14">
      <c r="N173313" s="10"/>
    </row>
    <row r="173314" spans="14:14">
      <c r="N173314" s="10"/>
    </row>
    <row r="173315" spans="14:14">
      <c r="N173315" s="10"/>
    </row>
    <row r="173316" spans="14:14">
      <c r="N173316" s="10"/>
    </row>
    <row r="173317" spans="14:14">
      <c r="N173317" s="10"/>
    </row>
    <row r="173318" spans="14:14">
      <c r="N173318" s="10"/>
    </row>
    <row r="173319" spans="14:14">
      <c r="N173319" s="10"/>
    </row>
    <row r="173320" spans="14:14">
      <c r="N173320" s="10"/>
    </row>
    <row r="173321" spans="14:14">
      <c r="N173321" s="10"/>
    </row>
    <row r="173322" spans="14:14">
      <c r="N173322" s="10"/>
    </row>
    <row r="173323" spans="14:14">
      <c r="N173323" s="10"/>
    </row>
    <row r="173324" spans="14:14">
      <c r="N173324" s="10"/>
    </row>
    <row r="173325" spans="14:14">
      <c r="N173325" s="10"/>
    </row>
    <row r="173326" spans="14:14">
      <c r="N173326" s="10"/>
    </row>
    <row r="173327" spans="14:14">
      <c r="N173327" s="10"/>
    </row>
    <row r="173328" spans="14:14">
      <c r="N173328" s="10"/>
    </row>
    <row r="173329" spans="14:14">
      <c r="N173329" s="10"/>
    </row>
    <row r="173330" spans="14:14">
      <c r="N173330" s="10"/>
    </row>
    <row r="173331" spans="14:14">
      <c r="N173331" s="10"/>
    </row>
    <row r="173332" spans="14:14">
      <c r="N173332" s="10"/>
    </row>
    <row r="173333" spans="14:14">
      <c r="N173333" s="10"/>
    </row>
    <row r="173334" spans="14:14">
      <c r="N173334" s="10"/>
    </row>
    <row r="173335" spans="14:14">
      <c r="N173335" s="10"/>
    </row>
    <row r="173336" spans="14:14">
      <c r="N173336" s="10"/>
    </row>
    <row r="173337" spans="14:14">
      <c r="N173337" s="10"/>
    </row>
    <row r="173338" spans="14:14">
      <c r="N173338" s="10"/>
    </row>
    <row r="173339" spans="14:14">
      <c r="N173339" s="10"/>
    </row>
    <row r="173340" spans="14:14">
      <c r="N173340" s="10"/>
    </row>
    <row r="173341" spans="14:14">
      <c r="N173341" s="10"/>
    </row>
    <row r="173342" spans="14:14">
      <c r="N173342" s="10"/>
    </row>
    <row r="173343" spans="14:14">
      <c r="N173343" s="10"/>
    </row>
    <row r="173344" spans="14:14">
      <c r="N173344" s="10"/>
    </row>
    <row r="173345" spans="14:14">
      <c r="N173345" s="10"/>
    </row>
    <row r="173346" spans="14:14">
      <c r="N173346" s="10"/>
    </row>
    <row r="173347" spans="14:14">
      <c r="N173347" s="10"/>
    </row>
    <row r="173348" spans="14:14">
      <c r="N173348" s="10"/>
    </row>
    <row r="173349" spans="14:14">
      <c r="N173349" s="10"/>
    </row>
    <row r="173350" spans="14:14">
      <c r="N173350" s="10"/>
    </row>
    <row r="173351" spans="14:14">
      <c r="N173351" s="10"/>
    </row>
    <row r="173352" spans="14:14">
      <c r="N173352" s="10"/>
    </row>
    <row r="173353" spans="14:14">
      <c r="N173353" s="10"/>
    </row>
    <row r="173354" spans="14:14">
      <c r="N173354" s="10"/>
    </row>
    <row r="173355" spans="14:14">
      <c r="N173355" s="10"/>
    </row>
    <row r="173356" spans="14:14">
      <c r="N173356" s="10"/>
    </row>
    <row r="173357" spans="14:14">
      <c r="N173357" s="10"/>
    </row>
    <row r="173358" spans="14:14">
      <c r="N173358" s="10"/>
    </row>
    <row r="173359" spans="14:14">
      <c r="N173359" s="10"/>
    </row>
    <row r="173360" spans="14:14">
      <c r="N173360" s="10"/>
    </row>
    <row r="173361" spans="14:14">
      <c r="N173361" s="10"/>
    </row>
    <row r="173362" spans="14:14">
      <c r="N173362" s="10"/>
    </row>
    <row r="173363" spans="14:14">
      <c r="N173363" s="10"/>
    </row>
    <row r="173364" spans="14:14">
      <c r="N173364" s="10"/>
    </row>
    <row r="173365" spans="14:14">
      <c r="N173365" s="10"/>
    </row>
    <row r="173366" spans="14:14">
      <c r="N173366" s="10"/>
    </row>
    <row r="173367" spans="14:14">
      <c r="N173367" s="10"/>
    </row>
    <row r="173368" spans="14:14">
      <c r="N173368" s="10"/>
    </row>
    <row r="173369" spans="14:14">
      <c r="N173369" s="10"/>
    </row>
    <row r="173370" spans="14:14">
      <c r="N173370" s="10"/>
    </row>
    <row r="173371" spans="14:14">
      <c r="N173371" s="10"/>
    </row>
    <row r="173372" spans="14:14">
      <c r="N173372" s="10"/>
    </row>
    <row r="173373" spans="14:14">
      <c r="N173373" s="10"/>
    </row>
    <row r="173374" spans="14:14">
      <c r="N173374" s="10"/>
    </row>
    <row r="173375" spans="14:14">
      <c r="N173375" s="10"/>
    </row>
    <row r="173376" spans="14:14">
      <c r="N173376" s="10"/>
    </row>
    <row r="173377" spans="14:14">
      <c r="N173377" s="10"/>
    </row>
    <row r="173378" spans="14:14">
      <c r="N173378" s="10"/>
    </row>
    <row r="173379" spans="14:14">
      <c r="N173379" s="10"/>
    </row>
    <row r="173380" spans="14:14">
      <c r="N173380" s="10"/>
    </row>
    <row r="173381" spans="14:14">
      <c r="N173381" s="10"/>
    </row>
    <row r="173382" spans="14:14">
      <c r="N173382" s="10"/>
    </row>
    <row r="173383" spans="14:14">
      <c r="N173383" s="10"/>
    </row>
    <row r="173384" spans="14:14">
      <c r="N173384" s="10"/>
    </row>
    <row r="173385" spans="14:14">
      <c r="N173385" s="10"/>
    </row>
    <row r="173386" spans="14:14">
      <c r="N173386" s="10"/>
    </row>
    <row r="173387" spans="14:14">
      <c r="N173387" s="10"/>
    </row>
    <row r="173388" spans="14:14">
      <c r="N173388" s="10"/>
    </row>
    <row r="173389" spans="14:14">
      <c r="N173389" s="10"/>
    </row>
    <row r="173390" spans="14:14">
      <c r="N173390" s="10"/>
    </row>
    <row r="173391" spans="14:14">
      <c r="N173391" s="10"/>
    </row>
    <row r="173392" spans="14:14">
      <c r="N173392" s="10"/>
    </row>
    <row r="173393" spans="14:14">
      <c r="N173393" s="10"/>
    </row>
    <row r="173394" spans="14:14">
      <c r="N173394" s="10"/>
    </row>
    <row r="173395" spans="14:14">
      <c r="N173395" s="10"/>
    </row>
    <row r="173396" spans="14:14">
      <c r="N173396" s="10"/>
    </row>
    <row r="173397" spans="14:14">
      <c r="N173397" s="10"/>
    </row>
    <row r="173398" spans="14:14">
      <c r="N173398" s="10"/>
    </row>
    <row r="173399" spans="14:14">
      <c r="N173399" s="10"/>
    </row>
    <row r="173400" spans="14:14">
      <c r="N173400" s="10"/>
    </row>
    <row r="173401" spans="14:14">
      <c r="N173401" s="10"/>
    </row>
    <row r="173402" spans="14:14">
      <c r="N173402" s="10"/>
    </row>
    <row r="173403" spans="14:14">
      <c r="N173403" s="10"/>
    </row>
    <row r="173404" spans="14:14">
      <c r="N173404" s="10"/>
    </row>
    <row r="173405" spans="14:14">
      <c r="N173405" s="10"/>
    </row>
    <row r="173406" spans="14:14">
      <c r="N173406" s="10"/>
    </row>
    <row r="173407" spans="14:14">
      <c r="N173407" s="10"/>
    </row>
    <row r="173408" spans="14:14">
      <c r="N173408" s="10"/>
    </row>
    <row r="173409" spans="14:14">
      <c r="N173409" s="10"/>
    </row>
    <row r="173410" spans="14:14">
      <c r="N173410" s="10"/>
    </row>
    <row r="173411" spans="14:14">
      <c r="N173411" s="10"/>
    </row>
    <row r="173412" spans="14:14">
      <c r="N173412" s="10"/>
    </row>
    <row r="173413" spans="14:14">
      <c r="N173413" s="10"/>
    </row>
    <row r="173414" spans="14:14">
      <c r="N173414" s="10"/>
    </row>
    <row r="173415" spans="14:14">
      <c r="N173415" s="10"/>
    </row>
    <row r="173416" spans="14:14">
      <c r="N173416" s="10"/>
    </row>
    <row r="173417" spans="14:14">
      <c r="N173417" s="10"/>
    </row>
    <row r="173418" spans="14:14">
      <c r="N173418" s="10"/>
    </row>
    <row r="173419" spans="14:14">
      <c r="N173419" s="10"/>
    </row>
    <row r="173420" spans="14:14">
      <c r="N173420" s="10"/>
    </row>
    <row r="173421" spans="14:14">
      <c r="N173421" s="10"/>
    </row>
    <row r="173422" spans="14:14">
      <c r="N173422" s="10"/>
    </row>
    <row r="173423" spans="14:14">
      <c r="N173423" s="10"/>
    </row>
    <row r="173424" spans="14:14">
      <c r="N173424" s="10"/>
    </row>
    <row r="173425" spans="14:14">
      <c r="N173425" s="10"/>
    </row>
    <row r="173426" spans="14:14">
      <c r="N173426" s="10"/>
    </row>
    <row r="173427" spans="14:14">
      <c r="N173427" s="10"/>
    </row>
    <row r="173428" spans="14:14">
      <c r="N173428" s="10"/>
    </row>
    <row r="173429" spans="14:14">
      <c r="N173429" s="10"/>
    </row>
    <row r="173430" spans="14:14">
      <c r="N173430" s="10"/>
    </row>
    <row r="173431" spans="14:14">
      <c r="N173431" s="10"/>
    </row>
    <row r="173432" spans="14:14">
      <c r="N173432" s="10"/>
    </row>
    <row r="173433" spans="14:14">
      <c r="N173433" s="10"/>
    </row>
    <row r="173434" spans="14:14">
      <c r="N173434" s="10"/>
    </row>
    <row r="173435" spans="14:14">
      <c r="N173435" s="10"/>
    </row>
    <row r="173436" spans="14:14">
      <c r="N173436" s="10"/>
    </row>
    <row r="173437" spans="14:14">
      <c r="N173437" s="10"/>
    </row>
    <row r="173438" spans="14:14">
      <c r="N173438" s="10"/>
    </row>
    <row r="173439" spans="14:14">
      <c r="N173439" s="10"/>
    </row>
    <row r="173440" spans="14:14">
      <c r="N173440" s="10"/>
    </row>
    <row r="173441" spans="14:14">
      <c r="N173441" s="10"/>
    </row>
    <row r="173442" spans="14:14">
      <c r="N173442" s="10"/>
    </row>
    <row r="173443" spans="14:14">
      <c r="N173443" s="10"/>
    </row>
    <row r="173444" spans="14:14">
      <c r="N173444" s="10"/>
    </row>
    <row r="173445" spans="14:14">
      <c r="N173445" s="10"/>
    </row>
    <row r="173446" spans="14:14">
      <c r="N173446" s="10"/>
    </row>
    <row r="173447" spans="14:14">
      <c r="N173447" s="10"/>
    </row>
    <row r="173448" spans="14:14">
      <c r="N173448" s="10"/>
    </row>
    <row r="173449" spans="14:14">
      <c r="N173449" s="10"/>
    </row>
    <row r="173450" spans="14:14">
      <c r="N173450" s="10"/>
    </row>
    <row r="173451" spans="14:14">
      <c r="N173451" s="10"/>
    </row>
    <row r="173452" spans="14:14">
      <c r="N173452" s="10"/>
    </row>
    <row r="173453" spans="14:14">
      <c r="N173453" s="10"/>
    </row>
    <row r="173454" spans="14:14">
      <c r="N173454" s="10"/>
    </row>
    <row r="173455" spans="14:14">
      <c r="N173455" s="10"/>
    </row>
    <row r="173456" spans="14:14">
      <c r="N173456" s="10"/>
    </row>
    <row r="173457" spans="14:14">
      <c r="N173457" s="10"/>
    </row>
    <row r="173458" spans="14:14">
      <c r="N173458" s="10"/>
    </row>
    <row r="173459" spans="14:14">
      <c r="N173459" s="10"/>
    </row>
    <row r="173460" spans="14:14">
      <c r="N173460" s="10"/>
    </row>
    <row r="173461" spans="14:14">
      <c r="N173461" s="10"/>
    </row>
    <row r="173462" spans="14:14">
      <c r="N173462" s="10"/>
    </row>
    <row r="173463" spans="14:14">
      <c r="N173463" s="10"/>
    </row>
    <row r="173464" spans="14:14">
      <c r="N173464" s="10"/>
    </row>
    <row r="173465" spans="14:14">
      <c r="N173465" s="10"/>
    </row>
    <row r="173466" spans="14:14">
      <c r="N173466" s="10"/>
    </row>
    <row r="173467" spans="14:14">
      <c r="N173467" s="10"/>
    </row>
    <row r="173468" spans="14:14">
      <c r="N173468" s="10"/>
    </row>
    <row r="173469" spans="14:14">
      <c r="N173469" s="10"/>
    </row>
    <row r="173470" spans="14:14">
      <c r="N173470" s="10"/>
    </row>
    <row r="173471" spans="14:14">
      <c r="N173471" s="10"/>
    </row>
    <row r="173472" spans="14:14">
      <c r="N173472" s="10"/>
    </row>
    <row r="173473" spans="14:14">
      <c r="N173473" s="10"/>
    </row>
    <row r="173474" spans="14:14">
      <c r="N173474" s="10"/>
    </row>
    <row r="173475" spans="14:14">
      <c r="N173475" s="10"/>
    </row>
    <row r="173476" spans="14:14">
      <c r="N173476" s="10"/>
    </row>
    <row r="173477" spans="14:14">
      <c r="N173477" s="10"/>
    </row>
    <row r="173478" spans="14:14">
      <c r="N173478" s="10"/>
    </row>
    <row r="173479" spans="14:14">
      <c r="N173479" s="10"/>
    </row>
    <row r="173480" spans="14:14">
      <c r="N173480" s="10"/>
    </row>
    <row r="173481" spans="14:14">
      <c r="N173481" s="10"/>
    </row>
    <row r="173482" spans="14:14">
      <c r="N173482" s="10"/>
    </row>
    <row r="173483" spans="14:14">
      <c r="N173483" s="10"/>
    </row>
    <row r="173484" spans="14:14">
      <c r="N173484" s="10"/>
    </row>
    <row r="173485" spans="14:14">
      <c r="N173485" s="10"/>
    </row>
    <row r="173486" spans="14:14">
      <c r="N173486" s="10"/>
    </row>
    <row r="173487" spans="14:14">
      <c r="N173487" s="10"/>
    </row>
    <row r="173488" spans="14:14">
      <c r="N173488" s="10"/>
    </row>
    <row r="173489" spans="14:14">
      <c r="N173489" s="10"/>
    </row>
    <row r="173490" spans="14:14">
      <c r="N173490" s="10"/>
    </row>
    <row r="173491" spans="14:14">
      <c r="N173491" s="10"/>
    </row>
    <row r="173492" spans="14:14">
      <c r="N173492" s="10"/>
    </row>
    <row r="173493" spans="14:14">
      <c r="N173493" s="10"/>
    </row>
    <row r="173494" spans="14:14">
      <c r="N173494" s="10"/>
    </row>
    <row r="173495" spans="14:14">
      <c r="N173495" s="10"/>
    </row>
    <row r="173496" spans="14:14">
      <c r="N173496" s="10"/>
    </row>
    <row r="173497" spans="14:14">
      <c r="N173497" s="10"/>
    </row>
    <row r="173498" spans="14:14">
      <c r="N173498" s="10"/>
    </row>
    <row r="173499" spans="14:14">
      <c r="N173499" s="10"/>
    </row>
    <row r="173500" spans="14:14">
      <c r="N173500" s="10"/>
    </row>
    <row r="173501" spans="14:14">
      <c r="N173501" s="10"/>
    </row>
    <row r="173502" spans="14:14">
      <c r="N173502" s="10"/>
    </row>
    <row r="173503" spans="14:14">
      <c r="N173503" s="10"/>
    </row>
    <row r="173504" spans="14:14">
      <c r="N173504" s="10"/>
    </row>
    <row r="173505" spans="14:14">
      <c r="N173505" s="10"/>
    </row>
    <row r="173506" spans="14:14">
      <c r="N173506" s="10"/>
    </row>
    <row r="173507" spans="14:14">
      <c r="N173507" s="10"/>
    </row>
    <row r="173508" spans="14:14">
      <c r="N173508" s="10"/>
    </row>
    <row r="173509" spans="14:14">
      <c r="N173509" s="10"/>
    </row>
    <row r="173510" spans="14:14">
      <c r="N173510" s="10"/>
    </row>
    <row r="173511" spans="14:14">
      <c r="N173511" s="10"/>
    </row>
    <row r="173512" spans="14:14">
      <c r="N173512" s="10"/>
    </row>
    <row r="173513" spans="14:14">
      <c r="N173513" s="10"/>
    </row>
    <row r="173514" spans="14:14">
      <c r="N173514" s="10"/>
    </row>
    <row r="173515" spans="14:14">
      <c r="N173515" s="10"/>
    </row>
    <row r="173516" spans="14:14">
      <c r="N173516" s="10"/>
    </row>
    <row r="173517" spans="14:14">
      <c r="N173517" s="10"/>
    </row>
    <row r="173518" spans="14:14">
      <c r="N173518" s="10"/>
    </row>
    <row r="173519" spans="14:14">
      <c r="N173519" s="10"/>
    </row>
    <row r="173520" spans="14:14">
      <c r="N173520" s="10"/>
    </row>
    <row r="173521" spans="14:14">
      <c r="N173521" s="10"/>
    </row>
    <row r="173522" spans="14:14">
      <c r="N173522" s="10"/>
    </row>
    <row r="173523" spans="14:14">
      <c r="N173523" s="10"/>
    </row>
    <row r="173524" spans="14:14">
      <c r="N173524" s="10"/>
    </row>
    <row r="173525" spans="14:14">
      <c r="N173525" s="10"/>
    </row>
    <row r="173526" spans="14:14">
      <c r="N173526" s="10"/>
    </row>
    <row r="173527" spans="14:14">
      <c r="N173527" s="10"/>
    </row>
    <row r="173528" spans="14:14">
      <c r="N173528" s="10"/>
    </row>
    <row r="173529" spans="14:14">
      <c r="N173529" s="10"/>
    </row>
    <row r="173530" spans="14:14">
      <c r="N173530" s="10"/>
    </row>
    <row r="173531" spans="14:14">
      <c r="N173531" s="10"/>
    </row>
    <row r="173532" spans="14:14">
      <c r="N173532" s="10"/>
    </row>
    <row r="173533" spans="14:14">
      <c r="N173533" s="10"/>
    </row>
    <row r="173534" spans="14:14">
      <c r="N173534" s="10"/>
    </row>
    <row r="173535" spans="14:14">
      <c r="N173535" s="10"/>
    </row>
    <row r="173536" spans="14:14">
      <c r="N173536" s="10"/>
    </row>
    <row r="173537" spans="14:14">
      <c r="N173537" s="10"/>
    </row>
    <row r="173538" spans="14:14">
      <c r="N173538" s="10"/>
    </row>
    <row r="173539" spans="14:14">
      <c r="N173539" s="10"/>
    </row>
    <row r="173540" spans="14:14">
      <c r="N173540" s="10"/>
    </row>
    <row r="173541" spans="14:14">
      <c r="N173541" s="10"/>
    </row>
    <row r="173542" spans="14:14">
      <c r="N173542" s="10"/>
    </row>
    <row r="173543" spans="14:14">
      <c r="N173543" s="10"/>
    </row>
    <row r="173544" spans="14:14">
      <c r="N173544" s="10"/>
    </row>
    <row r="173545" spans="14:14">
      <c r="N173545" s="10"/>
    </row>
    <row r="173546" spans="14:14">
      <c r="N173546" s="10"/>
    </row>
    <row r="173547" spans="14:14">
      <c r="N173547" s="10"/>
    </row>
    <row r="173548" spans="14:14">
      <c r="N173548" s="10"/>
    </row>
    <row r="173549" spans="14:14">
      <c r="N173549" s="10"/>
    </row>
    <row r="173550" spans="14:14">
      <c r="N173550" s="10"/>
    </row>
    <row r="173551" spans="14:14">
      <c r="N173551" s="10"/>
    </row>
    <row r="173552" spans="14:14">
      <c r="N173552" s="10"/>
    </row>
    <row r="173553" spans="14:14">
      <c r="N173553" s="10"/>
    </row>
    <row r="173554" spans="14:14">
      <c r="N173554" s="10"/>
    </row>
    <row r="173555" spans="14:14">
      <c r="N173555" s="10"/>
    </row>
    <row r="173556" spans="14:14">
      <c r="N173556" s="10"/>
    </row>
    <row r="173557" spans="14:14">
      <c r="N173557" s="10"/>
    </row>
    <row r="173558" spans="14:14">
      <c r="N173558" s="10"/>
    </row>
    <row r="173559" spans="14:14">
      <c r="N173559" s="10"/>
    </row>
    <row r="173560" spans="14:14">
      <c r="N173560" s="10"/>
    </row>
    <row r="173561" spans="14:14">
      <c r="N173561" s="10"/>
    </row>
    <row r="173562" spans="14:14">
      <c r="N173562" s="10"/>
    </row>
    <row r="173563" spans="14:14">
      <c r="N173563" s="10"/>
    </row>
    <row r="173564" spans="14:14">
      <c r="N173564" s="10"/>
    </row>
    <row r="173565" spans="14:14">
      <c r="N173565" s="10"/>
    </row>
    <row r="173566" spans="14:14">
      <c r="N173566" s="10"/>
    </row>
    <row r="173567" spans="14:14">
      <c r="N173567" s="10"/>
    </row>
    <row r="173568" spans="14:14">
      <c r="N173568" s="10"/>
    </row>
    <row r="173569" spans="14:14">
      <c r="N173569" s="10"/>
    </row>
    <row r="173570" spans="14:14">
      <c r="N173570" s="10"/>
    </row>
    <row r="173571" spans="14:14">
      <c r="N173571" s="10"/>
    </row>
    <row r="173572" spans="14:14">
      <c r="N173572" s="10"/>
    </row>
    <row r="173573" spans="14:14">
      <c r="N173573" s="10"/>
    </row>
    <row r="173574" spans="14:14">
      <c r="N173574" s="10"/>
    </row>
    <row r="173575" spans="14:14">
      <c r="N173575" s="10"/>
    </row>
    <row r="173576" spans="14:14">
      <c r="N173576" s="10"/>
    </row>
    <row r="173577" spans="14:14">
      <c r="N173577" s="10"/>
    </row>
    <row r="173578" spans="14:14">
      <c r="N173578" s="10"/>
    </row>
    <row r="173579" spans="14:14">
      <c r="N173579" s="10"/>
    </row>
    <row r="173580" spans="14:14">
      <c r="N173580" s="10"/>
    </row>
    <row r="173581" spans="14:14">
      <c r="N173581" s="10"/>
    </row>
    <row r="173582" spans="14:14">
      <c r="N173582" s="10"/>
    </row>
    <row r="173583" spans="14:14">
      <c r="N173583" s="10"/>
    </row>
    <row r="173584" spans="14:14">
      <c r="N173584" s="10"/>
    </row>
    <row r="173585" spans="14:14">
      <c r="N173585" s="10"/>
    </row>
    <row r="173586" spans="14:14">
      <c r="N173586" s="10"/>
    </row>
    <row r="173587" spans="14:14">
      <c r="N173587" s="10"/>
    </row>
    <row r="173588" spans="14:14">
      <c r="N173588" s="10"/>
    </row>
    <row r="173589" spans="14:14">
      <c r="N173589" s="10"/>
    </row>
    <row r="173590" spans="14:14">
      <c r="N173590" s="10"/>
    </row>
    <row r="173591" spans="14:14">
      <c r="N173591" s="10"/>
    </row>
    <row r="173592" spans="14:14">
      <c r="N173592" s="10"/>
    </row>
    <row r="173593" spans="14:14">
      <c r="N173593" s="10"/>
    </row>
    <row r="173594" spans="14:14">
      <c r="N173594" s="10"/>
    </row>
    <row r="173595" spans="14:14">
      <c r="N173595" s="10"/>
    </row>
    <row r="173596" spans="14:14">
      <c r="N173596" s="10"/>
    </row>
    <row r="173597" spans="14:14">
      <c r="N173597" s="10"/>
    </row>
    <row r="173598" spans="14:14">
      <c r="N173598" s="10"/>
    </row>
    <row r="173599" spans="14:14">
      <c r="N173599" s="10"/>
    </row>
    <row r="173600" spans="14:14">
      <c r="N173600" s="10"/>
    </row>
    <row r="173601" spans="14:14">
      <c r="N173601" s="10"/>
    </row>
    <row r="173602" spans="14:14">
      <c r="N173602" s="10"/>
    </row>
    <row r="173603" spans="14:14">
      <c r="N173603" s="10"/>
    </row>
    <row r="173604" spans="14:14">
      <c r="N173604" s="10"/>
    </row>
    <row r="173605" spans="14:14">
      <c r="N173605" s="10"/>
    </row>
    <row r="173606" spans="14:14">
      <c r="N173606" s="10"/>
    </row>
    <row r="173607" spans="14:14">
      <c r="N173607" s="10"/>
    </row>
    <row r="173608" spans="14:14">
      <c r="N173608" s="10"/>
    </row>
    <row r="173609" spans="14:14">
      <c r="N173609" s="10"/>
    </row>
    <row r="173610" spans="14:14">
      <c r="N173610" s="10"/>
    </row>
    <row r="173611" spans="14:14">
      <c r="N173611" s="10"/>
    </row>
    <row r="173612" spans="14:14">
      <c r="N173612" s="10"/>
    </row>
    <row r="173613" spans="14:14">
      <c r="N173613" s="10"/>
    </row>
    <row r="173614" spans="14:14">
      <c r="N173614" s="10"/>
    </row>
    <row r="173615" spans="14:14">
      <c r="N173615" s="10"/>
    </row>
    <row r="173616" spans="14:14">
      <c r="N173616" s="10"/>
    </row>
    <row r="173617" spans="14:14">
      <c r="N173617" s="10"/>
    </row>
    <row r="173618" spans="14:14">
      <c r="N173618" s="10"/>
    </row>
    <row r="173619" spans="14:14">
      <c r="N173619" s="10"/>
    </row>
    <row r="173620" spans="14:14">
      <c r="N173620" s="10"/>
    </row>
    <row r="173621" spans="14:14">
      <c r="N173621" s="10"/>
    </row>
    <row r="173622" spans="14:14">
      <c r="N173622" s="10"/>
    </row>
    <row r="173623" spans="14:14">
      <c r="N173623" s="10"/>
    </row>
    <row r="173624" spans="14:14">
      <c r="N173624" s="10"/>
    </row>
    <row r="173625" spans="14:14">
      <c r="N173625" s="10"/>
    </row>
    <row r="173626" spans="14:14">
      <c r="N173626" s="10"/>
    </row>
    <row r="173627" spans="14:14">
      <c r="N173627" s="10"/>
    </row>
    <row r="173628" spans="14:14">
      <c r="N173628" s="10"/>
    </row>
    <row r="173629" spans="14:14">
      <c r="N173629" s="10"/>
    </row>
    <row r="173630" spans="14:14">
      <c r="N173630" s="10"/>
    </row>
    <row r="173631" spans="14:14">
      <c r="N173631" s="10"/>
    </row>
    <row r="173632" spans="14:14">
      <c r="N173632" s="10"/>
    </row>
    <row r="173633" spans="14:14">
      <c r="N173633" s="10"/>
    </row>
    <row r="173634" spans="14:14">
      <c r="N173634" s="10"/>
    </row>
    <row r="173635" spans="14:14">
      <c r="N173635" s="10"/>
    </row>
    <row r="173636" spans="14:14">
      <c r="N173636" s="10"/>
    </row>
    <row r="173637" spans="14:14">
      <c r="N173637" s="10"/>
    </row>
    <row r="173638" spans="14:14">
      <c r="N173638" s="10"/>
    </row>
    <row r="173639" spans="14:14">
      <c r="N173639" s="10"/>
    </row>
    <row r="173640" spans="14:14">
      <c r="N173640" s="10"/>
    </row>
    <row r="173641" spans="14:14">
      <c r="N173641" s="10"/>
    </row>
    <row r="173642" spans="14:14">
      <c r="N173642" s="10"/>
    </row>
    <row r="173643" spans="14:14">
      <c r="N173643" s="10"/>
    </row>
    <row r="173644" spans="14:14">
      <c r="N173644" s="10"/>
    </row>
    <row r="173645" spans="14:14">
      <c r="N173645" s="10"/>
    </row>
    <row r="173646" spans="14:14">
      <c r="N173646" s="10"/>
    </row>
    <row r="173647" spans="14:14">
      <c r="N173647" s="10"/>
    </row>
    <row r="173648" spans="14:14">
      <c r="N173648" s="10"/>
    </row>
    <row r="173649" spans="14:14">
      <c r="N173649" s="10"/>
    </row>
    <row r="173650" spans="14:14">
      <c r="N173650" s="10"/>
    </row>
    <row r="173651" spans="14:14">
      <c r="N173651" s="10"/>
    </row>
    <row r="173652" spans="14:14">
      <c r="N173652" s="10"/>
    </row>
    <row r="173653" spans="14:14">
      <c r="N173653" s="10"/>
    </row>
    <row r="173654" spans="14:14">
      <c r="N173654" s="10"/>
    </row>
    <row r="173655" spans="14:14">
      <c r="N173655" s="10"/>
    </row>
    <row r="173656" spans="14:14">
      <c r="N173656" s="10"/>
    </row>
    <row r="173657" spans="14:14">
      <c r="N173657" s="10"/>
    </row>
    <row r="173658" spans="14:14">
      <c r="N173658" s="10"/>
    </row>
    <row r="173659" spans="14:14">
      <c r="N173659" s="10"/>
    </row>
    <row r="173660" spans="14:14">
      <c r="N173660" s="10"/>
    </row>
    <row r="173661" spans="14:14">
      <c r="N173661" s="10"/>
    </row>
    <row r="173662" spans="14:14">
      <c r="N173662" s="10"/>
    </row>
    <row r="173663" spans="14:14">
      <c r="N173663" s="10"/>
    </row>
    <row r="173664" spans="14:14">
      <c r="N173664" s="10"/>
    </row>
    <row r="173665" spans="14:14">
      <c r="N173665" s="10"/>
    </row>
    <row r="173666" spans="14:14">
      <c r="N173666" s="10"/>
    </row>
    <row r="173667" spans="14:14">
      <c r="N173667" s="10"/>
    </row>
    <row r="173668" spans="14:14">
      <c r="N173668" s="10"/>
    </row>
    <row r="173669" spans="14:14">
      <c r="N173669" s="10"/>
    </row>
    <row r="173670" spans="14:14">
      <c r="N173670" s="10"/>
    </row>
    <row r="173671" spans="14:14">
      <c r="N173671" s="10"/>
    </row>
    <row r="173672" spans="14:14">
      <c r="N173672" s="10"/>
    </row>
    <row r="173673" spans="14:14">
      <c r="N173673" s="10"/>
    </row>
    <row r="173674" spans="14:14">
      <c r="N173674" s="10"/>
    </row>
    <row r="173675" spans="14:14">
      <c r="N173675" s="10"/>
    </row>
    <row r="173676" spans="14:14">
      <c r="N173676" s="10"/>
    </row>
    <row r="173677" spans="14:14">
      <c r="N173677" s="10"/>
    </row>
    <row r="173678" spans="14:14">
      <c r="N173678" s="10"/>
    </row>
    <row r="173679" spans="14:14">
      <c r="N173679" s="10"/>
    </row>
    <row r="173680" spans="14:14">
      <c r="N173680" s="10"/>
    </row>
    <row r="173681" spans="14:14">
      <c r="N173681" s="10"/>
    </row>
    <row r="173682" spans="14:14">
      <c r="N173682" s="10"/>
    </row>
    <row r="173683" spans="14:14">
      <c r="N173683" s="10"/>
    </row>
    <row r="173684" spans="14:14">
      <c r="N173684" s="10"/>
    </row>
    <row r="173685" spans="14:14">
      <c r="N173685" s="10"/>
    </row>
    <row r="173686" spans="14:14">
      <c r="N173686" s="10"/>
    </row>
    <row r="173687" spans="14:14">
      <c r="N173687" s="10"/>
    </row>
    <row r="173688" spans="14:14">
      <c r="N173688" s="10"/>
    </row>
    <row r="173689" spans="14:14">
      <c r="N173689" s="10"/>
    </row>
    <row r="173690" spans="14:14">
      <c r="N173690" s="10"/>
    </row>
    <row r="173691" spans="14:14">
      <c r="N173691" s="10"/>
    </row>
    <row r="173692" spans="14:14">
      <c r="N173692" s="10"/>
    </row>
    <row r="173693" spans="14:14">
      <c r="N173693" s="10"/>
    </row>
    <row r="173694" spans="14:14">
      <c r="N173694" s="10"/>
    </row>
    <row r="173695" spans="14:14">
      <c r="N173695" s="10"/>
    </row>
    <row r="173696" spans="14:14">
      <c r="N173696" s="10"/>
    </row>
    <row r="173697" spans="14:14">
      <c r="N173697" s="10"/>
    </row>
    <row r="173698" spans="14:14">
      <c r="N173698" s="10"/>
    </row>
    <row r="173699" spans="14:14">
      <c r="N173699" s="10"/>
    </row>
    <row r="173700" spans="14:14">
      <c r="N173700" s="10"/>
    </row>
    <row r="173701" spans="14:14">
      <c r="N173701" s="10"/>
    </row>
    <row r="173702" spans="14:14">
      <c r="N173702" s="10"/>
    </row>
    <row r="173703" spans="14:14">
      <c r="N173703" s="10"/>
    </row>
    <row r="173704" spans="14:14">
      <c r="N173704" s="10"/>
    </row>
    <row r="173705" spans="14:14">
      <c r="N173705" s="10"/>
    </row>
    <row r="173706" spans="14:14">
      <c r="N173706" s="10"/>
    </row>
    <row r="173707" spans="14:14">
      <c r="N173707" s="10"/>
    </row>
    <row r="173708" spans="14:14">
      <c r="N173708" s="10"/>
    </row>
    <row r="173709" spans="14:14">
      <c r="N173709" s="10"/>
    </row>
    <row r="173710" spans="14:14">
      <c r="N173710" s="10"/>
    </row>
    <row r="173711" spans="14:14">
      <c r="N173711" s="10"/>
    </row>
    <row r="173712" spans="14:14">
      <c r="N173712" s="10"/>
    </row>
    <row r="173713" spans="14:14">
      <c r="N173713" s="10"/>
    </row>
    <row r="173714" spans="14:14">
      <c r="N173714" s="10"/>
    </row>
    <row r="173715" spans="14:14">
      <c r="N173715" s="10"/>
    </row>
    <row r="173716" spans="14:14">
      <c r="N173716" s="10"/>
    </row>
    <row r="173717" spans="14:14">
      <c r="N173717" s="10"/>
    </row>
    <row r="173718" spans="14:14">
      <c r="N173718" s="10"/>
    </row>
    <row r="173719" spans="14:14">
      <c r="N173719" s="10"/>
    </row>
    <row r="173720" spans="14:14">
      <c r="N173720" s="10"/>
    </row>
    <row r="173721" spans="14:14">
      <c r="N173721" s="10"/>
    </row>
    <row r="173722" spans="14:14">
      <c r="N173722" s="10"/>
    </row>
    <row r="173723" spans="14:14">
      <c r="N173723" s="10"/>
    </row>
    <row r="173724" spans="14:14">
      <c r="N173724" s="10"/>
    </row>
    <row r="173725" spans="14:14">
      <c r="N173725" s="10"/>
    </row>
    <row r="173726" spans="14:14">
      <c r="N173726" s="10"/>
    </row>
    <row r="173727" spans="14:14">
      <c r="N173727" s="10"/>
    </row>
    <row r="173728" spans="14:14">
      <c r="N173728" s="10"/>
    </row>
    <row r="173729" spans="14:14">
      <c r="N173729" s="10"/>
    </row>
    <row r="173730" spans="14:14">
      <c r="N173730" s="10"/>
    </row>
    <row r="173731" spans="14:14">
      <c r="N173731" s="10"/>
    </row>
    <row r="173732" spans="14:14">
      <c r="N173732" s="10"/>
    </row>
    <row r="173733" spans="14:14">
      <c r="N173733" s="10"/>
    </row>
    <row r="173734" spans="14:14">
      <c r="N173734" s="10"/>
    </row>
    <row r="173735" spans="14:14">
      <c r="N173735" s="10"/>
    </row>
    <row r="173736" spans="14:14">
      <c r="N173736" s="10"/>
    </row>
    <row r="173737" spans="14:14">
      <c r="N173737" s="10"/>
    </row>
    <row r="173738" spans="14:14">
      <c r="N173738" s="10"/>
    </row>
    <row r="173739" spans="14:14">
      <c r="N173739" s="10"/>
    </row>
    <row r="173740" spans="14:14">
      <c r="N173740" s="10"/>
    </row>
    <row r="173741" spans="14:14">
      <c r="N173741" s="10"/>
    </row>
    <row r="173742" spans="14:14">
      <c r="N173742" s="10"/>
    </row>
    <row r="173743" spans="14:14">
      <c r="N173743" s="10"/>
    </row>
    <row r="173744" spans="14:14">
      <c r="N173744" s="10"/>
    </row>
    <row r="173745" spans="14:14">
      <c r="N173745" s="10"/>
    </row>
    <row r="173746" spans="14:14">
      <c r="N173746" s="10"/>
    </row>
    <row r="173747" spans="14:14">
      <c r="N173747" s="10"/>
    </row>
    <row r="173748" spans="14:14">
      <c r="N173748" s="10"/>
    </row>
    <row r="173749" spans="14:14">
      <c r="N173749" s="10"/>
    </row>
    <row r="173750" spans="14:14">
      <c r="N173750" s="10"/>
    </row>
    <row r="173751" spans="14:14">
      <c r="N173751" s="10"/>
    </row>
    <row r="173752" spans="14:14">
      <c r="N173752" s="10"/>
    </row>
    <row r="173753" spans="14:14">
      <c r="N173753" s="10"/>
    </row>
    <row r="173754" spans="14:14">
      <c r="N173754" s="10"/>
    </row>
    <row r="173755" spans="14:14">
      <c r="N173755" s="10"/>
    </row>
    <row r="173756" spans="14:14">
      <c r="N173756" s="10"/>
    </row>
    <row r="173757" spans="14:14">
      <c r="N173757" s="10"/>
    </row>
    <row r="173758" spans="14:14">
      <c r="N173758" s="10"/>
    </row>
    <row r="173759" spans="14:14">
      <c r="N173759" s="10"/>
    </row>
    <row r="173760" spans="14:14">
      <c r="N173760" s="10"/>
    </row>
    <row r="173761" spans="14:14">
      <c r="N173761" s="10"/>
    </row>
    <row r="173762" spans="14:14">
      <c r="N173762" s="10"/>
    </row>
    <row r="173763" spans="14:14">
      <c r="N173763" s="10"/>
    </row>
    <row r="173764" spans="14:14">
      <c r="N173764" s="10"/>
    </row>
    <row r="173765" spans="14:14">
      <c r="N173765" s="10"/>
    </row>
    <row r="173766" spans="14:14">
      <c r="N173766" s="10"/>
    </row>
    <row r="173767" spans="14:14">
      <c r="N173767" s="10"/>
    </row>
    <row r="173768" spans="14:14">
      <c r="N173768" s="10"/>
    </row>
    <row r="173769" spans="14:14">
      <c r="N173769" s="10"/>
    </row>
    <row r="173770" spans="14:14">
      <c r="N173770" s="10"/>
    </row>
    <row r="173771" spans="14:14">
      <c r="N173771" s="10"/>
    </row>
    <row r="173772" spans="14:14">
      <c r="N173772" s="10"/>
    </row>
    <row r="173773" spans="14:14">
      <c r="N173773" s="10"/>
    </row>
    <row r="173774" spans="14:14">
      <c r="N173774" s="10"/>
    </row>
    <row r="173775" spans="14:14">
      <c r="N173775" s="10"/>
    </row>
    <row r="173776" spans="14:14">
      <c r="N173776" s="10"/>
    </row>
    <row r="173777" spans="14:14">
      <c r="N173777" s="10"/>
    </row>
    <row r="173778" spans="14:14">
      <c r="N173778" s="10"/>
    </row>
    <row r="173779" spans="14:14">
      <c r="N173779" s="10"/>
    </row>
    <row r="173780" spans="14:14">
      <c r="N173780" s="10"/>
    </row>
    <row r="173781" spans="14:14">
      <c r="N173781" s="10"/>
    </row>
    <row r="173782" spans="14:14">
      <c r="N173782" s="10"/>
    </row>
    <row r="173783" spans="14:14">
      <c r="N173783" s="10"/>
    </row>
    <row r="173784" spans="14:14">
      <c r="N173784" s="10"/>
    </row>
    <row r="173785" spans="14:14">
      <c r="N173785" s="10"/>
    </row>
    <row r="173786" spans="14:14">
      <c r="N173786" s="10"/>
    </row>
    <row r="173787" spans="14:14">
      <c r="N173787" s="10"/>
    </row>
    <row r="173788" spans="14:14">
      <c r="N173788" s="10"/>
    </row>
    <row r="173789" spans="14:14">
      <c r="N173789" s="10"/>
    </row>
    <row r="173790" spans="14:14">
      <c r="N173790" s="10"/>
    </row>
    <row r="173791" spans="14:14">
      <c r="N173791" s="10"/>
    </row>
    <row r="173792" spans="14:14">
      <c r="N173792" s="10"/>
    </row>
    <row r="173793" spans="14:14">
      <c r="N173793" s="10"/>
    </row>
    <row r="173794" spans="14:14">
      <c r="N173794" s="10"/>
    </row>
    <row r="173795" spans="14:14">
      <c r="N173795" s="10"/>
    </row>
    <row r="173796" spans="14:14">
      <c r="N173796" s="10"/>
    </row>
    <row r="173797" spans="14:14">
      <c r="N173797" s="10"/>
    </row>
    <row r="173798" spans="14:14">
      <c r="N173798" s="10"/>
    </row>
    <row r="173799" spans="14:14">
      <c r="N173799" s="10"/>
    </row>
    <row r="173800" spans="14:14">
      <c r="N173800" s="10"/>
    </row>
    <row r="173801" spans="14:14">
      <c r="N173801" s="10"/>
    </row>
    <row r="173802" spans="14:14">
      <c r="N173802" s="10"/>
    </row>
    <row r="173803" spans="14:14">
      <c r="N173803" s="10"/>
    </row>
    <row r="173804" spans="14:14">
      <c r="N173804" s="10"/>
    </row>
    <row r="173805" spans="14:14">
      <c r="N173805" s="10"/>
    </row>
    <row r="173806" spans="14:14">
      <c r="N173806" s="10"/>
    </row>
    <row r="173807" spans="14:14">
      <c r="N173807" s="10"/>
    </row>
    <row r="173808" spans="14:14">
      <c r="N173808" s="10"/>
    </row>
    <row r="173809" spans="14:14">
      <c r="N173809" s="10"/>
    </row>
    <row r="173810" spans="14:14">
      <c r="N173810" s="10"/>
    </row>
    <row r="173811" spans="14:14">
      <c r="N173811" s="10"/>
    </row>
    <row r="173812" spans="14:14">
      <c r="N173812" s="10"/>
    </row>
    <row r="173813" spans="14:14">
      <c r="N173813" s="10"/>
    </row>
    <row r="173814" spans="14:14">
      <c r="N173814" s="10"/>
    </row>
    <row r="173815" spans="14:14">
      <c r="N173815" s="10"/>
    </row>
    <row r="173816" spans="14:14">
      <c r="N173816" s="10"/>
    </row>
    <row r="173817" spans="14:14">
      <c r="N173817" s="10"/>
    </row>
    <row r="173818" spans="14:14">
      <c r="N173818" s="10"/>
    </row>
    <row r="173819" spans="14:14">
      <c r="N173819" s="10"/>
    </row>
    <row r="173820" spans="14:14">
      <c r="N173820" s="10"/>
    </row>
    <row r="173821" spans="14:14">
      <c r="N173821" s="10"/>
    </row>
    <row r="173822" spans="14:14">
      <c r="N173822" s="10"/>
    </row>
    <row r="173823" spans="14:14">
      <c r="N173823" s="10"/>
    </row>
    <row r="173824" spans="14:14">
      <c r="N173824" s="10"/>
    </row>
    <row r="173825" spans="14:14">
      <c r="N173825" s="10"/>
    </row>
    <row r="173826" spans="14:14">
      <c r="N173826" s="10"/>
    </row>
    <row r="173827" spans="14:14">
      <c r="N173827" s="10"/>
    </row>
    <row r="173828" spans="14:14">
      <c r="N173828" s="10"/>
    </row>
    <row r="173829" spans="14:14">
      <c r="N173829" s="10"/>
    </row>
    <row r="173830" spans="14:14">
      <c r="N173830" s="10"/>
    </row>
    <row r="173831" spans="14:14">
      <c r="N173831" s="10"/>
    </row>
    <row r="173832" spans="14:14">
      <c r="N173832" s="10"/>
    </row>
    <row r="173833" spans="14:14">
      <c r="N173833" s="10"/>
    </row>
    <row r="173834" spans="14:14">
      <c r="N173834" s="10"/>
    </row>
    <row r="173835" spans="14:14">
      <c r="N173835" s="10"/>
    </row>
    <row r="173836" spans="14:14">
      <c r="N173836" s="10"/>
    </row>
    <row r="173837" spans="14:14">
      <c r="N173837" s="10"/>
    </row>
    <row r="173838" spans="14:14">
      <c r="N173838" s="10"/>
    </row>
    <row r="173839" spans="14:14">
      <c r="N173839" s="10"/>
    </row>
    <row r="173840" spans="14:14">
      <c r="N173840" s="10"/>
    </row>
    <row r="173841" spans="14:14">
      <c r="N173841" s="10"/>
    </row>
    <row r="173842" spans="14:14">
      <c r="N173842" s="10"/>
    </row>
    <row r="173843" spans="14:14">
      <c r="N173843" s="10"/>
    </row>
    <row r="173844" spans="14:14">
      <c r="N173844" s="10"/>
    </row>
    <row r="173845" spans="14:14">
      <c r="N173845" s="10"/>
    </row>
    <row r="173846" spans="14:14">
      <c r="N173846" s="10"/>
    </row>
    <row r="173847" spans="14:14">
      <c r="N173847" s="10"/>
    </row>
    <row r="173848" spans="14:14">
      <c r="N173848" s="10"/>
    </row>
    <row r="173849" spans="14:14">
      <c r="N173849" s="10"/>
    </row>
    <row r="173850" spans="14:14">
      <c r="N173850" s="10"/>
    </row>
    <row r="173851" spans="14:14">
      <c r="N173851" s="10"/>
    </row>
    <row r="173852" spans="14:14">
      <c r="N173852" s="10"/>
    </row>
    <row r="173853" spans="14:14">
      <c r="N173853" s="10"/>
    </row>
    <row r="173854" spans="14:14">
      <c r="N173854" s="10"/>
    </row>
    <row r="173855" spans="14:14">
      <c r="N173855" s="10"/>
    </row>
    <row r="173856" spans="14:14">
      <c r="N173856" s="10"/>
    </row>
    <row r="173857" spans="14:14">
      <c r="N173857" s="10"/>
    </row>
    <row r="173858" spans="14:14">
      <c r="N173858" s="10"/>
    </row>
    <row r="173859" spans="14:14">
      <c r="N173859" s="10"/>
    </row>
    <row r="173860" spans="14:14">
      <c r="N173860" s="10"/>
    </row>
    <row r="173861" spans="14:14">
      <c r="N173861" s="10"/>
    </row>
    <row r="173862" spans="14:14">
      <c r="N173862" s="10"/>
    </row>
    <row r="173863" spans="14:14">
      <c r="N173863" s="10"/>
    </row>
    <row r="173864" spans="14:14">
      <c r="N173864" s="10"/>
    </row>
    <row r="173865" spans="14:14">
      <c r="N173865" s="10"/>
    </row>
    <row r="173866" spans="14:14">
      <c r="N173866" s="10"/>
    </row>
    <row r="173867" spans="14:14">
      <c r="N173867" s="10"/>
    </row>
    <row r="173868" spans="14:14">
      <c r="N173868" s="10"/>
    </row>
    <row r="173869" spans="14:14">
      <c r="N173869" s="10"/>
    </row>
    <row r="173870" spans="14:14">
      <c r="N173870" s="10"/>
    </row>
    <row r="173871" spans="14:14">
      <c r="N173871" s="10"/>
    </row>
    <row r="173872" spans="14:14">
      <c r="N173872" s="10"/>
    </row>
    <row r="173873" spans="14:14">
      <c r="N173873" s="10"/>
    </row>
    <row r="173874" spans="14:14">
      <c r="N173874" s="10"/>
    </row>
    <row r="173875" spans="14:14">
      <c r="N173875" s="10"/>
    </row>
    <row r="173876" spans="14:14">
      <c r="N173876" s="10"/>
    </row>
    <row r="173877" spans="14:14">
      <c r="N173877" s="10"/>
    </row>
    <row r="173878" spans="14:14">
      <c r="N173878" s="10"/>
    </row>
    <row r="173879" spans="14:14">
      <c r="N173879" s="10"/>
    </row>
    <row r="173880" spans="14:14">
      <c r="N173880" s="10"/>
    </row>
    <row r="173881" spans="14:14">
      <c r="N173881" s="10"/>
    </row>
    <row r="173882" spans="14:14">
      <c r="N173882" s="10"/>
    </row>
    <row r="173883" spans="14:14">
      <c r="N173883" s="10"/>
    </row>
    <row r="173884" spans="14:14">
      <c r="N173884" s="10"/>
    </row>
    <row r="173885" spans="14:14">
      <c r="N173885" s="10"/>
    </row>
    <row r="173886" spans="14:14">
      <c r="N173886" s="10"/>
    </row>
    <row r="173887" spans="14:14">
      <c r="N173887" s="10"/>
    </row>
    <row r="173888" spans="14:14">
      <c r="N173888" s="10"/>
    </row>
    <row r="173889" spans="14:14">
      <c r="N173889" s="10"/>
    </row>
    <row r="173890" spans="14:14">
      <c r="N173890" s="10"/>
    </row>
    <row r="173891" spans="14:14">
      <c r="N173891" s="10"/>
    </row>
    <row r="173892" spans="14:14">
      <c r="N173892" s="10"/>
    </row>
    <row r="173893" spans="14:14">
      <c r="N173893" s="10"/>
    </row>
    <row r="173894" spans="14:14">
      <c r="N173894" s="10"/>
    </row>
    <row r="173895" spans="14:14">
      <c r="N173895" s="10"/>
    </row>
    <row r="173896" spans="14:14">
      <c r="N173896" s="10"/>
    </row>
    <row r="173897" spans="14:14">
      <c r="N173897" s="10"/>
    </row>
    <row r="173898" spans="14:14">
      <c r="N173898" s="10"/>
    </row>
    <row r="173899" spans="14:14">
      <c r="N173899" s="10"/>
    </row>
    <row r="173900" spans="14:14">
      <c r="N173900" s="10"/>
    </row>
    <row r="173901" spans="14:14">
      <c r="N173901" s="10"/>
    </row>
    <row r="173902" spans="14:14">
      <c r="N173902" s="10"/>
    </row>
    <row r="173903" spans="14:14">
      <c r="N173903" s="10"/>
    </row>
    <row r="173904" spans="14:14">
      <c r="N173904" s="10"/>
    </row>
    <row r="173905" spans="14:14">
      <c r="N173905" s="10"/>
    </row>
    <row r="173906" spans="14:14">
      <c r="N173906" s="10"/>
    </row>
    <row r="173907" spans="14:14">
      <c r="N173907" s="10"/>
    </row>
    <row r="173908" spans="14:14">
      <c r="N173908" s="10"/>
    </row>
    <row r="173909" spans="14:14">
      <c r="N173909" s="10"/>
    </row>
    <row r="173910" spans="14:14">
      <c r="N173910" s="10"/>
    </row>
    <row r="173911" spans="14:14">
      <c r="N173911" s="10"/>
    </row>
    <row r="173912" spans="14:14">
      <c r="N173912" s="10"/>
    </row>
    <row r="173913" spans="14:14">
      <c r="N173913" s="10"/>
    </row>
    <row r="173914" spans="14:14">
      <c r="N173914" s="10"/>
    </row>
    <row r="173915" spans="14:14">
      <c r="N173915" s="10"/>
    </row>
    <row r="173916" spans="14:14">
      <c r="N173916" s="10"/>
    </row>
    <row r="173917" spans="14:14">
      <c r="N173917" s="10"/>
    </row>
    <row r="173918" spans="14:14">
      <c r="N173918" s="10"/>
    </row>
    <row r="173919" spans="14:14">
      <c r="N173919" s="10"/>
    </row>
    <row r="173920" spans="14:14">
      <c r="N173920" s="10"/>
    </row>
    <row r="173921" spans="14:14">
      <c r="N173921" s="10"/>
    </row>
    <row r="173922" spans="14:14">
      <c r="N173922" s="10"/>
    </row>
    <row r="173923" spans="14:14">
      <c r="N173923" s="10"/>
    </row>
    <row r="173924" spans="14:14">
      <c r="N173924" s="10"/>
    </row>
    <row r="173925" spans="14:14">
      <c r="N173925" s="10"/>
    </row>
    <row r="173926" spans="14:14">
      <c r="N173926" s="10"/>
    </row>
    <row r="173927" spans="14:14">
      <c r="N173927" s="10"/>
    </row>
    <row r="173928" spans="14:14">
      <c r="N173928" s="10"/>
    </row>
    <row r="173929" spans="14:14">
      <c r="N173929" s="10"/>
    </row>
    <row r="173930" spans="14:14">
      <c r="N173930" s="10"/>
    </row>
    <row r="173931" spans="14:14">
      <c r="N173931" s="10"/>
    </row>
    <row r="173932" spans="14:14">
      <c r="N173932" s="10"/>
    </row>
    <row r="173933" spans="14:14">
      <c r="N173933" s="10"/>
    </row>
    <row r="173934" spans="14:14">
      <c r="N173934" s="10"/>
    </row>
    <row r="173935" spans="14:14">
      <c r="N173935" s="10"/>
    </row>
    <row r="173936" spans="14:14">
      <c r="N173936" s="10"/>
    </row>
    <row r="173937" spans="14:14">
      <c r="N173937" s="10"/>
    </row>
    <row r="173938" spans="14:14">
      <c r="N173938" s="10"/>
    </row>
    <row r="173939" spans="14:14">
      <c r="N173939" s="10"/>
    </row>
    <row r="173940" spans="14:14">
      <c r="N173940" s="10"/>
    </row>
    <row r="173941" spans="14:14">
      <c r="N173941" s="10"/>
    </row>
    <row r="173942" spans="14:14">
      <c r="N173942" s="10"/>
    </row>
    <row r="173943" spans="14:14">
      <c r="N173943" s="10"/>
    </row>
    <row r="173944" spans="14:14">
      <c r="N173944" s="10"/>
    </row>
    <row r="173945" spans="14:14">
      <c r="N173945" s="10"/>
    </row>
    <row r="173946" spans="14:14">
      <c r="N173946" s="10"/>
    </row>
    <row r="173947" spans="14:14">
      <c r="N173947" s="10"/>
    </row>
    <row r="173948" spans="14:14">
      <c r="N173948" s="10"/>
    </row>
    <row r="173949" spans="14:14">
      <c r="N173949" s="10"/>
    </row>
    <row r="173950" spans="14:14">
      <c r="N173950" s="10"/>
    </row>
    <row r="173951" spans="14:14">
      <c r="N173951" s="10"/>
    </row>
    <row r="173952" spans="14:14">
      <c r="N173952" s="10"/>
    </row>
    <row r="173953" spans="14:14">
      <c r="N173953" s="10"/>
    </row>
    <row r="173954" spans="14:14">
      <c r="N173954" s="10"/>
    </row>
    <row r="173955" spans="14:14">
      <c r="N173955" s="10"/>
    </row>
    <row r="173956" spans="14:14">
      <c r="N173956" s="10"/>
    </row>
    <row r="173957" spans="14:14">
      <c r="N173957" s="10"/>
    </row>
    <row r="173958" spans="14:14">
      <c r="N173958" s="10"/>
    </row>
    <row r="173959" spans="14:14">
      <c r="N173959" s="10"/>
    </row>
    <row r="173960" spans="14:14">
      <c r="N173960" s="10"/>
    </row>
    <row r="173961" spans="14:14">
      <c r="N173961" s="10"/>
    </row>
    <row r="173962" spans="14:14">
      <c r="N173962" s="10"/>
    </row>
    <row r="173963" spans="14:14">
      <c r="N173963" s="10"/>
    </row>
    <row r="173964" spans="14:14">
      <c r="N173964" s="10"/>
    </row>
    <row r="173965" spans="14:14">
      <c r="N173965" s="10"/>
    </row>
    <row r="173966" spans="14:14">
      <c r="N173966" s="10"/>
    </row>
    <row r="173967" spans="14:14">
      <c r="N173967" s="10"/>
    </row>
    <row r="173968" spans="14:14">
      <c r="N173968" s="10"/>
    </row>
    <row r="173969" spans="14:14">
      <c r="N173969" s="10"/>
    </row>
    <row r="173970" spans="14:14">
      <c r="N173970" s="10"/>
    </row>
    <row r="173971" spans="14:14">
      <c r="N173971" s="10"/>
    </row>
    <row r="173972" spans="14:14">
      <c r="N173972" s="10"/>
    </row>
    <row r="173973" spans="14:14">
      <c r="N173973" s="10"/>
    </row>
    <row r="173974" spans="14:14">
      <c r="N173974" s="10"/>
    </row>
    <row r="173975" spans="14:14">
      <c r="N173975" s="10"/>
    </row>
    <row r="173976" spans="14:14">
      <c r="N173976" s="10"/>
    </row>
    <row r="173977" spans="14:14">
      <c r="N173977" s="10"/>
    </row>
    <row r="173978" spans="14:14">
      <c r="N173978" s="10"/>
    </row>
    <row r="173979" spans="14:14">
      <c r="N173979" s="10"/>
    </row>
    <row r="173980" spans="14:14">
      <c r="N173980" s="10"/>
    </row>
    <row r="173981" spans="14:14">
      <c r="N173981" s="10"/>
    </row>
    <row r="173982" spans="14:14">
      <c r="N173982" s="10"/>
    </row>
    <row r="173983" spans="14:14">
      <c r="N173983" s="10"/>
    </row>
    <row r="173984" spans="14:14">
      <c r="N173984" s="10"/>
    </row>
    <row r="173985" spans="14:14">
      <c r="N173985" s="10"/>
    </row>
    <row r="173986" spans="14:14">
      <c r="N173986" s="10"/>
    </row>
    <row r="173987" spans="14:14">
      <c r="N173987" s="10"/>
    </row>
    <row r="173988" spans="14:14">
      <c r="N173988" s="10"/>
    </row>
    <row r="173989" spans="14:14">
      <c r="N173989" s="10"/>
    </row>
    <row r="173990" spans="14:14">
      <c r="N173990" s="10"/>
    </row>
    <row r="173991" spans="14:14">
      <c r="N173991" s="10"/>
    </row>
    <row r="173992" spans="14:14">
      <c r="N173992" s="10"/>
    </row>
    <row r="173993" spans="14:14">
      <c r="N173993" s="10"/>
    </row>
    <row r="173994" spans="14:14">
      <c r="N173994" s="10"/>
    </row>
    <row r="173995" spans="14:14">
      <c r="N173995" s="10"/>
    </row>
    <row r="173996" spans="14:14">
      <c r="N173996" s="10"/>
    </row>
    <row r="173997" spans="14:14">
      <c r="N173997" s="10"/>
    </row>
    <row r="173998" spans="14:14">
      <c r="N173998" s="10"/>
    </row>
    <row r="173999" spans="14:14">
      <c r="N173999" s="10"/>
    </row>
    <row r="174000" spans="14:14">
      <c r="N174000" s="10"/>
    </row>
    <row r="174001" spans="14:14">
      <c r="N174001" s="10"/>
    </row>
    <row r="174002" spans="14:14">
      <c r="N174002" s="10"/>
    </row>
    <row r="174003" spans="14:14">
      <c r="N174003" s="10"/>
    </row>
    <row r="174004" spans="14:14">
      <c r="N174004" s="10"/>
    </row>
    <row r="174005" spans="14:14">
      <c r="N174005" s="10"/>
    </row>
    <row r="174006" spans="14:14">
      <c r="N174006" s="10"/>
    </row>
    <row r="174007" spans="14:14">
      <c r="N174007" s="10"/>
    </row>
    <row r="174008" spans="14:14">
      <c r="N174008" s="10"/>
    </row>
    <row r="174009" spans="14:14">
      <c r="N174009" s="10"/>
    </row>
    <row r="174010" spans="14:14">
      <c r="N174010" s="10"/>
    </row>
    <row r="174011" spans="14:14">
      <c r="N174011" s="10"/>
    </row>
    <row r="174012" spans="14:14">
      <c r="N174012" s="10"/>
    </row>
    <row r="174013" spans="14:14">
      <c r="N174013" s="10"/>
    </row>
    <row r="174014" spans="14:14">
      <c r="N174014" s="10"/>
    </row>
    <row r="174015" spans="14:14">
      <c r="N174015" s="10"/>
    </row>
    <row r="174016" spans="14:14">
      <c r="N174016" s="10"/>
    </row>
    <row r="174017" spans="14:14">
      <c r="N174017" s="10"/>
    </row>
    <row r="174018" spans="14:14">
      <c r="N174018" s="10"/>
    </row>
    <row r="174019" spans="14:14">
      <c r="N174019" s="10"/>
    </row>
    <row r="174020" spans="14:14">
      <c r="N174020" s="10"/>
    </row>
    <row r="174021" spans="14:14">
      <c r="N174021" s="10"/>
    </row>
    <row r="174022" spans="14:14">
      <c r="N174022" s="10"/>
    </row>
    <row r="174023" spans="14:14">
      <c r="N174023" s="10"/>
    </row>
    <row r="174024" spans="14:14">
      <c r="N174024" s="10"/>
    </row>
    <row r="174025" spans="14:14">
      <c r="N174025" s="10"/>
    </row>
    <row r="174026" spans="14:14">
      <c r="N174026" s="10"/>
    </row>
    <row r="174027" spans="14:14">
      <c r="N174027" s="10"/>
    </row>
    <row r="174028" spans="14:14">
      <c r="N174028" s="10"/>
    </row>
    <row r="174029" spans="14:14">
      <c r="N174029" s="10"/>
    </row>
    <row r="174030" spans="14:14">
      <c r="N174030" s="10"/>
    </row>
    <row r="174031" spans="14:14">
      <c r="N174031" s="10"/>
    </row>
    <row r="174032" spans="14:14">
      <c r="N174032" s="10"/>
    </row>
    <row r="174033" spans="14:14">
      <c r="N174033" s="10"/>
    </row>
    <row r="174034" spans="14:14">
      <c r="N174034" s="10"/>
    </row>
    <row r="174035" spans="14:14">
      <c r="N174035" s="10"/>
    </row>
    <row r="174036" spans="14:14">
      <c r="N174036" s="10"/>
    </row>
    <row r="174037" spans="14:14">
      <c r="N174037" s="10"/>
    </row>
    <row r="174038" spans="14:14">
      <c r="N174038" s="10"/>
    </row>
    <row r="174039" spans="14:14">
      <c r="N174039" s="10"/>
    </row>
    <row r="174040" spans="14:14">
      <c r="N174040" s="10"/>
    </row>
    <row r="174041" spans="14:14">
      <c r="N174041" s="10"/>
    </row>
    <row r="174042" spans="14:14">
      <c r="N174042" s="10"/>
    </row>
    <row r="174043" spans="14:14">
      <c r="N174043" s="10"/>
    </row>
    <row r="174044" spans="14:14">
      <c r="N174044" s="10"/>
    </row>
    <row r="174045" spans="14:14">
      <c r="N174045" s="10"/>
    </row>
    <row r="174046" spans="14:14">
      <c r="N174046" s="10"/>
    </row>
    <row r="174047" spans="14:14">
      <c r="N174047" s="10"/>
    </row>
    <row r="174048" spans="14:14">
      <c r="N174048" s="10"/>
    </row>
    <row r="174049" spans="14:14">
      <c r="N174049" s="10"/>
    </row>
    <row r="174050" spans="14:14">
      <c r="N174050" s="10"/>
    </row>
    <row r="174051" spans="14:14">
      <c r="N174051" s="10"/>
    </row>
    <row r="174052" spans="14:14">
      <c r="N174052" s="10"/>
    </row>
    <row r="174053" spans="14:14">
      <c r="N174053" s="10"/>
    </row>
    <row r="174054" spans="14:14">
      <c r="N174054" s="10"/>
    </row>
    <row r="174055" spans="14:14">
      <c r="N174055" s="10"/>
    </row>
    <row r="174056" spans="14:14">
      <c r="N174056" s="10"/>
    </row>
    <row r="174057" spans="14:14">
      <c r="N174057" s="10"/>
    </row>
    <row r="174058" spans="14:14">
      <c r="N174058" s="10"/>
    </row>
    <row r="174059" spans="14:14">
      <c r="N174059" s="10"/>
    </row>
    <row r="174060" spans="14:14">
      <c r="N174060" s="10"/>
    </row>
    <row r="174061" spans="14:14">
      <c r="N174061" s="10"/>
    </row>
    <row r="174062" spans="14:14">
      <c r="N174062" s="10"/>
    </row>
    <row r="174063" spans="14:14">
      <c r="N174063" s="10"/>
    </row>
    <row r="174064" spans="14:14">
      <c r="N174064" s="10"/>
    </row>
    <row r="174065" spans="14:14">
      <c r="N174065" s="10"/>
    </row>
    <row r="174066" spans="14:14">
      <c r="N174066" s="10"/>
    </row>
    <row r="174067" spans="14:14">
      <c r="N174067" s="10"/>
    </row>
    <row r="174068" spans="14:14">
      <c r="N174068" s="10"/>
    </row>
    <row r="174069" spans="14:14">
      <c r="N174069" s="10"/>
    </row>
    <row r="174070" spans="14:14">
      <c r="N174070" s="10"/>
    </row>
    <row r="174071" spans="14:14">
      <c r="N174071" s="10"/>
    </row>
    <row r="174072" spans="14:14">
      <c r="N174072" s="10"/>
    </row>
    <row r="174073" spans="14:14">
      <c r="N174073" s="10"/>
    </row>
    <row r="174074" spans="14:14">
      <c r="N174074" s="10"/>
    </row>
    <row r="174075" spans="14:14">
      <c r="N174075" s="10"/>
    </row>
    <row r="174076" spans="14:14">
      <c r="N174076" s="10"/>
    </row>
    <row r="174077" spans="14:14">
      <c r="N174077" s="10"/>
    </row>
    <row r="174078" spans="14:14">
      <c r="N174078" s="10"/>
    </row>
    <row r="174079" spans="14:14">
      <c r="N174079" s="10"/>
    </row>
    <row r="174080" spans="14:14">
      <c r="N174080" s="10"/>
    </row>
    <row r="174081" spans="14:14">
      <c r="N174081" s="10"/>
    </row>
    <row r="174082" spans="14:14">
      <c r="N174082" s="10"/>
    </row>
    <row r="174083" spans="14:14">
      <c r="N174083" s="10"/>
    </row>
    <row r="174084" spans="14:14">
      <c r="N174084" s="10"/>
    </row>
    <row r="174085" spans="14:14">
      <c r="N174085" s="10"/>
    </row>
    <row r="174086" spans="14:14">
      <c r="N174086" s="10"/>
    </row>
    <row r="174087" spans="14:14">
      <c r="N174087" s="10"/>
    </row>
    <row r="174088" spans="14:14">
      <c r="N174088" s="10"/>
    </row>
    <row r="174089" spans="14:14">
      <c r="N174089" s="10"/>
    </row>
    <row r="174090" spans="14:14">
      <c r="N174090" s="10"/>
    </row>
    <row r="174091" spans="14:14">
      <c r="N174091" s="10"/>
    </row>
    <row r="174092" spans="14:14">
      <c r="N174092" s="10"/>
    </row>
    <row r="174093" spans="14:14">
      <c r="N174093" s="10"/>
    </row>
    <row r="174094" spans="14:14">
      <c r="N174094" s="10"/>
    </row>
    <row r="174095" spans="14:14">
      <c r="N174095" s="10"/>
    </row>
    <row r="174096" spans="14:14">
      <c r="N174096" s="10"/>
    </row>
    <row r="174097" spans="14:14">
      <c r="N174097" s="10"/>
    </row>
    <row r="174098" spans="14:14">
      <c r="N174098" s="10"/>
    </row>
    <row r="174099" spans="14:14">
      <c r="N174099" s="10"/>
    </row>
    <row r="174100" spans="14:14">
      <c r="N174100" s="10"/>
    </row>
    <row r="174101" spans="14:14">
      <c r="N174101" s="10"/>
    </row>
    <row r="174102" spans="14:14">
      <c r="N174102" s="10"/>
    </row>
    <row r="174103" spans="14:14">
      <c r="N174103" s="10"/>
    </row>
    <row r="174104" spans="14:14">
      <c r="N174104" s="10"/>
    </row>
    <row r="174105" spans="14:14">
      <c r="N174105" s="10"/>
    </row>
    <row r="174106" spans="14:14">
      <c r="N174106" s="10"/>
    </row>
    <row r="174107" spans="14:14">
      <c r="N174107" s="10"/>
    </row>
    <row r="174108" spans="14:14">
      <c r="N174108" s="10"/>
    </row>
    <row r="174109" spans="14:14">
      <c r="N174109" s="10"/>
    </row>
    <row r="174110" spans="14:14">
      <c r="N174110" s="10"/>
    </row>
    <row r="174111" spans="14:14">
      <c r="N174111" s="10"/>
    </row>
    <row r="174112" spans="14:14">
      <c r="N174112" s="10"/>
    </row>
    <row r="174113" spans="14:14">
      <c r="N174113" s="10"/>
    </row>
    <row r="174114" spans="14:14">
      <c r="N174114" s="10"/>
    </row>
    <row r="174115" spans="14:14">
      <c r="N174115" s="10"/>
    </row>
    <row r="174116" spans="14:14">
      <c r="N174116" s="10"/>
    </row>
    <row r="174117" spans="14:14">
      <c r="N174117" s="10"/>
    </row>
    <row r="174118" spans="14:14">
      <c r="N174118" s="10"/>
    </row>
    <row r="174119" spans="14:14">
      <c r="N174119" s="10"/>
    </row>
    <row r="174120" spans="14:14">
      <c r="N174120" s="10"/>
    </row>
    <row r="174121" spans="14:14">
      <c r="N174121" s="10"/>
    </row>
    <row r="174122" spans="14:14">
      <c r="N174122" s="10"/>
    </row>
    <row r="174123" spans="14:14">
      <c r="N174123" s="10"/>
    </row>
    <row r="174124" spans="14:14">
      <c r="N174124" s="10"/>
    </row>
    <row r="174125" spans="14:14">
      <c r="N174125" s="10"/>
    </row>
    <row r="174126" spans="14:14">
      <c r="N174126" s="10"/>
    </row>
    <row r="174127" spans="14:14">
      <c r="N174127" s="10"/>
    </row>
    <row r="174128" spans="14:14">
      <c r="N174128" s="10"/>
    </row>
    <row r="174129" spans="14:14">
      <c r="N174129" s="10"/>
    </row>
    <row r="174130" spans="14:14">
      <c r="N174130" s="10"/>
    </row>
    <row r="174131" spans="14:14">
      <c r="N174131" s="10"/>
    </row>
    <row r="174132" spans="14:14">
      <c r="N174132" s="10"/>
    </row>
    <row r="174133" spans="14:14">
      <c r="N174133" s="10"/>
    </row>
    <row r="174134" spans="14:14">
      <c r="N174134" s="10"/>
    </row>
    <row r="174135" spans="14:14">
      <c r="N174135" s="10"/>
    </row>
    <row r="174136" spans="14:14">
      <c r="N174136" s="10"/>
    </row>
    <row r="174137" spans="14:14">
      <c r="N174137" s="10"/>
    </row>
    <row r="174138" spans="14:14">
      <c r="N174138" s="10"/>
    </row>
    <row r="174139" spans="14:14">
      <c r="N174139" s="10"/>
    </row>
    <row r="174140" spans="14:14">
      <c r="N174140" s="10"/>
    </row>
    <row r="174141" spans="14:14">
      <c r="N174141" s="10"/>
    </row>
    <row r="174142" spans="14:14">
      <c r="N174142" s="10"/>
    </row>
    <row r="174143" spans="14:14">
      <c r="N174143" s="10"/>
    </row>
    <row r="174144" spans="14:14">
      <c r="N174144" s="10"/>
    </row>
    <row r="174145" spans="14:14">
      <c r="N174145" s="10"/>
    </row>
    <row r="174146" spans="14:14">
      <c r="N174146" s="10"/>
    </row>
    <row r="174147" spans="14:14">
      <c r="N174147" s="10"/>
    </row>
    <row r="174148" spans="14:14">
      <c r="N174148" s="10"/>
    </row>
    <row r="174149" spans="14:14">
      <c r="N174149" s="10"/>
    </row>
    <row r="174150" spans="14:14">
      <c r="N174150" s="10"/>
    </row>
    <row r="174151" spans="14:14">
      <c r="N174151" s="10"/>
    </row>
    <row r="174152" spans="14:14">
      <c r="N174152" s="10"/>
    </row>
    <row r="174153" spans="14:14">
      <c r="N174153" s="10"/>
    </row>
    <row r="174154" spans="14:14">
      <c r="N174154" s="10"/>
    </row>
    <row r="174155" spans="14:14">
      <c r="N174155" s="10"/>
    </row>
    <row r="174156" spans="14:14">
      <c r="N174156" s="10"/>
    </row>
    <row r="174157" spans="14:14">
      <c r="N174157" s="10"/>
    </row>
    <row r="174158" spans="14:14">
      <c r="N174158" s="10"/>
    </row>
    <row r="174159" spans="14:14">
      <c r="N174159" s="10"/>
    </row>
    <row r="174160" spans="14:14">
      <c r="N174160" s="10"/>
    </row>
    <row r="174161" spans="14:14">
      <c r="N174161" s="10"/>
    </row>
    <row r="174162" spans="14:14">
      <c r="N174162" s="10"/>
    </row>
    <row r="174163" spans="14:14">
      <c r="N174163" s="10"/>
    </row>
    <row r="174164" spans="14:14">
      <c r="N174164" s="10"/>
    </row>
    <row r="174165" spans="14:14">
      <c r="N174165" s="10"/>
    </row>
    <row r="174166" spans="14:14">
      <c r="N174166" s="10"/>
    </row>
    <row r="174167" spans="14:14">
      <c r="N174167" s="10"/>
    </row>
    <row r="174168" spans="14:14">
      <c r="N174168" s="10"/>
    </row>
    <row r="174169" spans="14:14">
      <c r="N174169" s="10"/>
    </row>
    <row r="174170" spans="14:14">
      <c r="N174170" s="10"/>
    </row>
    <row r="174171" spans="14:14">
      <c r="N174171" s="10"/>
    </row>
    <row r="174172" spans="14:14">
      <c r="N174172" s="10"/>
    </row>
    <row r="174173" spans="14:14">
      <c r="N174173" s="10"/>
    </row>
    <row r="174174" spans="14:14">
      <c r="N174174" s="10"/>
    </row>
    <row r="174175" spans="14:14">
      <c r="N174175" s="10"/>
    </row>
    <row r="174176" spans="14:14">
      <c r="N174176" s="10"/>
    </row>
    <row r="174177" spans="14:14">
      <c r="N174177" s="10"/>
    </row>
    <row r="174178" spans="14:14">
      <c r="N174178" s="10"/>
    </row>
    <row r="174179" spans="14:14">
      <c r="N174179" s="10"/>
    </row>
    <row r="174180" spans="14:14">
      <c r="N174180" s="10"/>
    </row>
    <row r="174181" spans="14:14">
      <c r="N174181" s="10"/>
    </row>
    <row r="174182" spans="14:14">
      <c r="N174182" s="10"/>
    </row>
    <row r="174183" spans="14:14">
      <c r="N174183" s="10"/>
    </row>
    <row r="174184" spans="14:14">
      <c r="N174184" s="10"/>
    </row>
    <row r="174185" spans="14:14">
      <c r="N174185" s="10"/>
    </row>
    <row r="174186" spans="14:14">
      <c r="N174186" s="10"/>
    </row>
    <row r="174187" spans="14:14">
      <c r="N174187" s="10"/>
    </row>
    <row r="174188" spans="14:14">
      <c r="N174188" s="10"/>
    </row>
    <row r="174189" spans="14:14">
      <c r="N174189" s="10"/>
    </row>
    <row r="174190" spans="14:14">
      <c r="N174190" s="10"/>
    </row>
    <row r="174191" spans="14:14">
      <c r="N174191" s="10"/>
    </row>
    <row r="174192" spans="14:14">
      <c r="N174192" s="10"/>
    </row>
    <row r="174193" spans="14:14">
      <c r="N174193" s="10"/>
    </row>
    <row r="174194" spans="14:14">
      <c r="N174194" s="10"/>
    </row>
    <row r="174195" spans="14:14">
      <c r="N174195" s="10"/>
    </row>
    <row r="174196" spans="14:14">
      <c r="N174196" s="10"/>
    </row>
    <row r="174197" spans="14:14">
      <c r="N174197" s="10"/>
    </row>
    <row r="174198" spans="14:14">
      <c r="N174198" s="10"/>
    </row>
    <row r="174199" spans="14:14">
      <c r="N174199" s="10"/>
    </row>
    <row r="174200" spans="14:14">
      <c r="N174200" s="10"/>
    </row>
    <row r="174201" spans="14:14">
      <c r="N174201" s="10"/>
    </row>
    <row r="174202" spans="14:14">
      <c r="N174202" s="10"/>
    </row>
    <row r="174203" spans="14:14">
      <c r="N174203" s="10"/>
    </row>
    <row r="174204" spans="14:14">
      <c r="N174204" s="10"/>
    </row>
    <row r="174205" spans="14:14">
      <c r="N174205" s="10"/>
    </row>
    <row r="174206" spans="14:14">
      <c r="N174206" s="10"/>
    </row>
    <row r="174207" spans="14:14">
      <c r="N174207" s="10"/>
    </row>
    <row r="174208" spans="14:14">
      <c r="N174208" s="10"/>
    </row>
    <row r="174209" spans="14:14">
      <c r="N174209" s="10"/>
    </row>
    <row r="174210" spans="14:14">
      <c r="N174210" s="10"/>
    </row>
    <row r="174211" spans="14:14">
      <c r="N174211" s="10"/>
    </row>
    <row r="174212" spans="14:14">
      <c r="N174212" s="10"/>
    </row>
    <row r="174213" spans="14:14">
      <c r="N174213" s="10"/>
    </row>
    <row r="174214" spans="14:14">
      <c r="N174214" s="10"/>
    </row>
    <row r="174215" spans="14:14">
      <c r="N174215" s="10"/>
    </row>
    <row r="174216" spans="14:14">
      <c r="N174216" s="10"/>
    </row>
    <row r="174217" spans="14:14">
      <c r="N174217" s="10"/>
    </row>
    <row r="174218" spans="14:14">
      <c r="N174218" s="10"/>
    </row>
    <row r="174219" spans="14:14">
      <c r="N174219" s="10"/>
    </row>
    <row r="174220" spans="14:14">
      <c r="N174220" s="10"/>
    </row>
    <row r="174221" spans="14:14">
      <c r="N174221" s="10"/>
    </row>
    <row r="174222" spans="14:14">
      <c r="N174222" s="10"/>
    </row>
    <row r="174223" spans="14:14">
      <c r="N174223" s="10"/>
    </row>
    <row r="174224" spans="14:14">
      <c r="N174224" s="10"/>
    </row>
    <row r="174225" spans="14:14">
      <c r="N174225" s="10"/>
    </row>
    <row r="174226" spans="14:14">
      <c r="N174226" s="10"/>
    </row>
    <row r="174227" spans="14:14">
      <c r="N174227" s="10"/>
    </row>
    <row r="174228" spans="14:14">
      <c r="N174228" s="10"/>
    </row>
    <row r="174229" spans="14:14">
      <c r="N174229" s="10"/>
    </row>
    <row r="174230" spans="14:14">
      <c r="N174230" s="10"/>
    </row>
    <row r="174231" spans="14:14">
      <c r="N174231" s="10"/>
    </row>
    <row r="174232" spans="14:14">
      <c r="N174232" s="10"/>
    </row>
    <row r="174233" spans="14:14">
      <c r="N174233" s="10"/>
    </row>
    <row r="174234" spans="14:14">
      <c r="N174234" s="10"/>
    </row>
    <row r="174235" spans="14:14">
      <c r="N174235" s="10"/>
    </row>
    <row r="174236" spans="14:14">
      <c r="N174236" s="10"/>
    </row>
    <row r="174237" spans="14:14">
      <c r="N174237" s="10"/>
    </row>
    <row r="174238" spans="14:14">
      <c r="N174238" s="10"/>
    </row>
    <row r="174239" spans="14:14">
      <c r="N174239" s="10"/>
    </row>
    <row r="174240" spans="14:14">
      <c r="N174240" s="10"/>
    </row>
    <row r="174241" spans="14:14">
      <c r="N174241" s="10"/>
    </row>
    <row r="174242" spans="14:14">
      <c r="N174242" s="10"/>
    </row>
    <row r="174243" spans="14:14">
      <c r="N174243" s="10"/>
    </row>
    <row r="174244" spans="14:14">
      <c r="N174244" s="10"/>
    </row>
    <row r="174245" spans="14:14">
      <c r="N174245" s="10"/>
    </row>
    <row r="174246" spans="14:14">
      <c r="N174246" s="10"/>
    </row>
    <row r="174247" spans="14:14">
      <c r="N174247" s="10"/>
    </row>
    <row r="174248" spans="14:14">
      <c r="N174248" s="10"/>
    </row>
    <row r="174249" spans="14:14">
      <c r="N174249" s="10"/>
    </row>
    <row r="174250" spans="14:14">
      <c r="N174250" s="10"/>
    </row>
    <row r="174251" spans="14:14">
      <c r="N174251" s="10"/>
    </row>
    <row r="174252" spans="14:14">
      <c r="N174252" s="10"/>
    </row>
    <row r="174253" spans="14:14">
      <c r="N174253" s="10"/>
    </row>
    <row r="174254" spans="14:14">
      <c r="N174254" s="10"/>
    </row>
    <row r="174255" spans="14:14">
      <c r="N174255" s="10"/>
    </row>
    <row r="174256" spans="14:14">
      <c r="N174256" s="10"/>
    </row>
    <row r="174257" spans="14:14">
      <c r="N174257" s="10"/>
    </row>
    <row r="174258" spans="14:14">
      <c r="N174258" s="10"/>
    </row>
    <row r="174259" spans="14:14">
      <c r="N174259" s="10"/>
    </row>
    <row r="174260" spans="14:14">
      <c r="N174260" s="10"/>
    </row>
    <row r="174261" spans="14:14">
      <c r="N174261" s="10"/>
    </row>
    <row r="174262" spans="14:14">
      <c r="N174262" s="10"/>
    </row>
    <row r="174263" spans="14:14">
      <c r="N174263" s="10"/>
    </row>
    <row r="174264" spans="14:14">
      <c r="N174264" s="10"/>
    </row>
    <row r="174265" spans="14:14">
      <c r="N174265" s="10"/>
    </row>
    <row r="174266" spans="14:14">
      <c r="N174266" s="10"/>
    </row>
    <row r="174267" spans="14:14">
      <c r="N174267" s="10"/>
    </row>
    <row r="174268" spans="14:14">
      <c r="N174268" s="10"/>
    </row>
    <row r="174269" spans="14:14">
      <c r="N174269" s="10"/>
    </row>
    <row r="174270" spans="14:14">
      <c r="N174270" s="10"/>
    </row>
    <row r="174271" spans="14:14">
      <c r="N174271" s="10"/>
    </row>
    <row r="174272" spans="14:14">
      <c r="N174272" s="10"/>
    </row>
    <row r="174273" spans="14:14">
      <c r="N174273" s="10"/>
    </row>
    <row r="174274" spans="14:14">
      <c r="N174274" s="10"/>
    </row>
    <row r="174275" spans="14:14">
      <c r="N174275" s="10"/>
    </row>
    <row r="174276" spans="14:14">
      <c r="N174276" s="10"/>
    </row>
    <row r="174277" spans="14:14">
      <c r="N174277" s="10"/>
    </row>
    <row r="174278" spans="14:14">
      <c r="N174278" s="10"/>
    </row>
    <row r="174279" spans="14:14">
      <c r="N174279" s="10"/>
    </row>
    <row r="174280" spans="14:14">
      <c r="N174280" s="10"/>
    </row>
    <row r="174281" spans="14:14">
      <c r="N174281" s="10"/>
    </row>
    <row r="174282" spans="14:14">
      <c r="N174282" s="10"/>
    </row>
    <row r="174283" spans="14:14">
      <c r="N174283" s="10"/>
    </row>
    <row r="174284" spans="14:14">
      <c r="N174284" s="10"/>
    </row>
    <row r="174285" spans="14:14">
      <c r="N174285" s="10"/>
    </row>
    <row r="174286" spans="14:14">
      <c r="N174286" s="10"/>
    </row>
    <row r="174287" spans="14:14">
      <c r="N174287" s="10"/>
    </row>
    <row r="174288" spans="14:14">
      <c r="N174288" s="10"/>
    </row>
    <row r="174289" spans="14:14">
      <c r="N174289" s="10"/>
    </row>
    <row r="174290" spans="14:14">
      <c r="N174290" s="10"/>
    </row>
    <row r="174291" spans="14:14">
      <c r="N174291" s="10"/>
    </row>
    <row r="174292" spans="14:14">
      <c r="N174292" s="10"/>
    </row>
    <row r="174293" spans="14:14">
      <c r="N174293" s="10"/>
    </row>
    <row r="174294" spans="14:14">
      <c r="N174294" s="10"/>
    </row>
    <row r="174295" spans="14:14">
      <c r="N174295" s="10"/>
    </row>
    <row r="174296" spans="14:14">
      <c r="N174296" s="10"/>
    </row>
    <row r="174297" spans="14:14">
      <c r="N174297" s="10"/>
    </row>
    <row r="174298" spans="14:14">
      <c r="N174298" s="10"/>
    </row>
    <row r="174299" spans="14:14">
      <c r="N174299" s="10"/>
    </row>
    <row r="174300" spans="14:14">
      <c r="N174300" s="10"/>
    </row>
    <row r="174301" spans="14:14">
      <c r="N174301" s="10"/>
    </row>
    <row r="174302" spans="14:14">
      <c r="N174302" s="10"/>
    </row>
    <row r="174303" spans="14:14">
      <c r="N174303" s="10"/>
    </row>
    <row r="174304" spans="14:14">
      <c r="N174304" s="10"/>
    </row>
    <row r="174305" spans="14:14">
      <c r="N174305" s="10"/>
    </row>
    <row r="174306" spans="14:14">
      <c r="N174306" s="10"/>
    </row>
    <row r="174307" spans="14:14">
      <c r="N174307" s="10"/>
    </row>
    <row r="174308" spans="14:14">
      <c r="N174308" s="10"/>
    </row>
    <row r="174309" spans="14:14">
      <c r="N174309" s="10"/>
    </row>
    <row r="174310" spans="14:14">
      <c r="N174310" s="10"/>
    </row>
    <row r="174311" spans="14:14">
      <c r="N174311" s="10"/>
    </row>
    <row r="174312" spans="14:14">
      <c r="N174312" s="10"/>
    </row>
    <row r="174313" spans="14:14">
      <c r="N174313" s="10"/>
    </row>
    <row r="174314" spans="14:14">
      <c r="N174314" s="10"/>
    </row>
    <row r="174315" spans="14:14">
      <c r="N174315" s="10"/>
    </row>
    <row r="174316" spans="14:14">
      <c r="N174316" s="10"/>
    </row>
    <row r="174317" spans="14:14">
      <c r="N174317" s="10"/>
    </row>
    <row r="174318" spans="14:14">
      <c r="N174318" s="10"/>
    </row>
    <row r="174319" spans="14:14">
      <c r="N174319" s="10"/>
    </row>
    <row r="174320" spans="14:14">
      <c r="N174320" s="10"/>
    </row>
    <row r="174321" spans="14:14">
      <c r="N174321" s="10"/>
    </row>
    <row r="174322" spans="14:14">
      <c r="N174322" s="10"/>
    </row>
    <row r="174323" spans="14:14">
      <c r="N174323" s="10"/>
    </row>
    <row r="174324" spans="14:14">
      <c r="N174324" s="10"/>
    </row>
    <row r="174325" spans="14:14">
      <c r="N174325" s="10"/>
    </row>
    <row r="174326" spans="14:14">
      <c r="N174326" s="10"/>
    </row>
    <row r="174327" spans="14:14">
      <c r="N174327" s="10"/>
    </row>
    <row r="174328" spans="14:14">
      <c r="N174328" s="10"/>
    </row>
    <row r="174329" spans="14:14">
      <c r="N174329" s="10"/>
    </row>
    <row r="174330" spans="14:14">
      <c r="N174330" s="10"/>
    </row>
    <row r="174331" spans="14:14">
      <c r="N174331" s="10"/>
    </row>
    <row r="174332" spans="14:14">
      <c r="N174332" s="10"/>
    </row>
    <row r="174333" spans="14:14">
      <c r="N174333" s="10"/>
    </row>
    <row r="174334" spans="14:14">
      <c r="N174334" s="10"/>
    </row>
    <row r="174335" spans="14:14">
      <c r="N174335" s="10"/>
    </row>
    <row r="174336" spans="14:14">
      <c r="N174336" s="10"/>
    </row>
    <row r="174337" spans="14:14">
      <c r="N174337" s="10"/>
    </row>
    <row r="174338" spans="14:14">
      <c r="N174338" s="10"/>
    </row>
    <row r="174339" spans="14:14">
      <c r="N174339" s="10"/>
    </row>
    <row r="174340" spans="14:14">
      <c r="N174340" s="10"/>
    </row>
    <row r="174341" spans="14:14">
      <c r="N174341" s="10"/>
    </row>
    <row r="174342" spans="14:14">
      <c r="N174342" s="10"/>
    </row>
    <row r="174343" spans="14:14">
      <c r="N174343" s="10"/>
    </row>
    <row r="174344" spans="14:14">
      <c r="N174344" s="10"/>
    </row>
    <row r="174345" spans="14:14">
      <c r="N174345" s="10"/>
    </row>
    <row r="174346" spans="14:14">
      <c r="N174346" s="10"/>
    </row>
    <row r="174347" spans="14:14">
      <c r="N174347" s="10"/>
    </row>
    <row r="174348" spans="14:14">
      <c r="N174348" s="10"/>
    </row>
    <row r="174349" spans="14:14">
      <c r="N174349" s="10"/>
    </row>
    <row r="174350" spans="14:14">
      <c r="N174350" s="10"/>
    </row>
    <row r="174351" spans="14:14">
      <c r="N174351" s="10"/>
    </row>
    <row r="174352" spans="14:14">
      <c r="N174352" s="10"/>
    </row>
    <row r="174353" spans="14:14">
      <c r="N174353" s="10"/>
    </row>
    <row r="174354" spans="14:14">
      <c r="N174354" s="10"/>
    </row>
    <row r="174355" spans="14:14">
      <c r="N174355" s="10"/>
    </row>
    <row r="174356" spans="14:14">
      <c r="N174356" s="10"/>
    </row>
    <row r="174357" spans="14:14">
      <c r="N174357" s="10"/>
    </row>
    <row r="174358" spans="14:14">
      <c r="N174358" s="10"/>
    </row>
    <row r="174359" spans="14:14">
      <c r="N174359" s="10"/>
    </row>
    <row r="174360" spans="14:14">
      <c r="N174360" s="10"/>
    </row>
    <row r="174361" spans="14:14">
      <c r="N174361" s="10"/>
    </row>
    <row r="174362" spans="14:14">
      <c r="N174362" s="10"/>
    </row>
    <row r="174363" spans="14:14">
      <c r="N174363" s="10"/>
    </row>
    <row r="174364" spans="14:14">
      <c r="N174364" s="10"/>
    </row>
    <row r="174365" spans="14:14">
      <c r="N174365" s="10"/>
    </row>
    <row r="174366" spans="14:14">
      <c r="N174366" s="10"/>
    </row>
    <row r="174367" spans="14:14">
      <c r="N174367" s="10"/>
    </row>
    <row r="174368" spans="14:14">
      <c r="N174368" s="10"/>
    </row>
    <row r="174369" spans="14:14">
      <c r="N174369" s="10"/>
    </row>
    <row r="174370" spans="14:14">
      <c r="N174370" s="10"/>
    </row>
    <row r="174371" spans="14:14">
      <c r="N174371" s="10"/>
    </row>
    <row r="174372" spans="14:14">
      <c r="N174372" s="10"/>
    </row>
    <row r="174373" spans="14:14">
      <c r="N174373" s="10"/>
    </row>
    <row r="174374" spans="14:14">
      <c r="N174374" s="10"/>
    </row>
    <row r="174375" spans="14:14">
      <c r="N174375" s="10"/>
    </row>
    <row r="174376" spans="14:14">
      <c r="N174376" s="10"/>
    </row>
    <row r="174377" spans="14:14">
      <c r="N174377" s="10"/>
    </row>
    <row r="174378" spans="14:14">
      <c r="N174378" s="10"/>
    </row>
    <row r="174379" spans="14:14">
      <c r="N174379" s="10"/>
    </row>
    <row r="174380" spans="14:14">
      <c r="N174380" s="10"/>
    </row>
    <row r="174381" spans="14:14">
      <c r="N174381" s="10"/>
    </row>
    <row r="174382" spans="14:14">
      <c r="N174382" s="10"/>
    </row>
    <row r="174383" spans="14:14">
      <c r="N174383" s="10"/>
    </row>
    <row r="174384" spans="14:14">
      <c r="N174384" s="10"/>
    </row>
    <row r="174385" spans="14:14">
      <c r="N174385" s="10"/>
    </row>
    <row r="174386" spans="14:14">
      <c r="N174386" s="10"/>
    </row>
    <row r="174387" spans="14:14">
      <c r="N174387" s="10"/>
    </row>
    <row r="174388" spans="14:14">
      <c r="N174388" s="10"/>
    </row>
    <row r="174389" spans="14:14">
      <c r="N174389" s="10"/>
    </row>
    <row r="174390" spans="14:14">
      <c r="N174390" s="10"/>
    </row>
    <row r="174391" spans="14:14">
      <c r="N174391" s="10"/>
    </row>
    <row r="174392" spans="14:14">
      <c r="N174392" s="10"/>
    </row>
    <row r="174393" spans="14:14">
      <c r="N174393" s="10"/>
    </row>
    <row r="174394" spans="14:14">
      <c r="N174394" s="10"/>
    </row>
    <row r="174395" spans="14:14">
      <c r="N174395" s="10"/>
    </row>
    <row r="174396" spans="14:14">
      <c r="N174396" s="10"/>
    </row>
    <row r="174397" spans="14:14">
      <c r="N174397" s="10"/>
    </row>
    <row r="174398" spans="14:14">
      <c r="N174398" s="10"/>
    </row>
    <row r="174399" spans="14:14">
      <c r="N174399" s="10"/>
    </row>
    <row r="174400" spans="14:14">
      <c r="N174400" s="10"/>
    </row>
    <row r="174401" spans="14:14">
      <c r="N174401" s="10"/>
    </row>
    <row r="174402" spans="14:14">
      <c r="N174402" s="10"/>
    </row>
    <row r="174403" spans="14:14">
      <c r="N174403" s="10"/>
    </row>
    <row r="174404" spans="14:14">
      <c r="N174404" s="10"/>
    </row>
    <row r="174405" spans="14:14">
      <c r="N174405" s="10"/>
    </row>
    <row r="174406" spans="14:14">
      <c r="N174406" s="10"/>
    </row>
    <row r="174407" spans="14:14">
      <c r="N174407" s="10"/>
    </row>
    <row r="174408" spans="14:14">
      <c r="N174408" s="10"/>
    </row>
    <row r="174409" spans="14:14">
      <c r="N174409" s="10"/>
    </row>
    <row r="174410" spans="14:14">
      <c r="N174410" s="10"/>
    </row>
    <row r="174411" spans="14:14">
      <c r="N174411" s="10"/>
    </row>
    <row r="174412" spans="14:14">
      <c r="N174412" s="10"/>
    </row>
    <row r="174413" spans="14:14">
      <c r="N174413" s="10"/>
    </row>
    <row r="174414" spans="14:14">
      <c r="N174414" s="10"/>
    </row>
    <row r="174415" spans="14:14">
      <c r="N174415" s="10"/>
    </row>
    <row r="174416" spans="14:14">
      <c r="N174416" s="10"/>
    </row>
    <row r="174417" spans="14:14">
      <c r="N174417" s="10"/>
    </row>
    <row r="174418" spans="14:14">
      <c r="N174418" s="10"/>
    </row>
    <row r="174419" spans="14:14">
      <c r="N174419" s="10"/>
    </row>
    <row r="174420" spans="14:14">
      <c r="N174420" s="10"/>
    </row>
    <row r="174421" spans="14:14">
      <c r="N174421" s="10"/>
    </row>
    <row r="174422" spans="14:14">
      <c r="N174422" s="10"/>
    </row>
    <row r="174423" spans="14:14">
      <c r="N174423" s="10"/>
    </row>
    <row r="174424" spans="14:14">
      <c r="N174424" s="10"/>
    </row>
    <row r="174425" spans="14:14">
      <c r="N174425" s="10"/>
    </row>
    <row r="174426" spans="14:14">
      <c r="N174426" s="10"/>
    </row>
    <row r="174427" spans="14:14">
      <c r="N174427" s="10"/>
    </row>
    <row r="174428" spans="14:14">
      <c r="N174428" s="10"/>
    </row>
    <row r="174429" spans="14:14">
      <c r="N174429" s="10"/>
    </row>
    <row r="174430" spans="14:14">
      <c r="N174430" s="10"/>
    </row>
    <row r="174431" spans="14:14">
      <c r="N174431" s="10"/>
    </row>
    <row r="174432" spans="14:14">
      <c r="N174432" s="10"/>
    </row>
    <row r="174433" spans="14:14">
      <c r="N174433" s="10"/>
    </row>
    <row r="174434" spans="14:14">
      <c r="N174434" s="10"/>
    </row>
    <row r="174435" spans="14:14">
      <c r="N174435" s="10"/>
    </row>
    <row r="174436" spans="14:14">
      <c r="N174436" s="10"/>
    </row>
    <row r="174437" spans="14:14">
      <c r="N174437" s="10"/>
    </row>
    <row r="174438" spans="14:14">
      <c r="N174438" s="10"/>
    </row>
    <row r="174439" spans="14:14">
      <c r="N174439" s="10"/>
    </row>
    <row r="174440" spans="14:14">
      <c r="N174440" s="10"/>
    </row>
    <row r="174441" spans="14:14">
      <c r="N174441" s="10"/>
    </row>
    <row r="174442" spans="14:14">
      <c r="N174442" s="10"/>
    </row>
    <row r="174443" spans="14:14">
      <c r="N174443" s="10"/>
    </row>
    <row r="174444" spans="14:14">
      <c r="N174444" s="10"/>
    </row>
    <row r="174445" spans="14:14">
      <c r="N174445" s="10"/>
    </row>
    <row r="174446" spans="14:14">
      <c r="N174446" s="10"/>
    </row>
    <row r="174447" spans="14:14">
      <c r="N174447" s="10"/>
    </row>
    <row r="174448" spans="14:14">
      <c r="N174448" s="10"/>
    </row>
    <row r="174449" spans="14:14">
      <c r="N174449" s="10"/>
    </row>
    <row r="174450" spans="14:14">
      <c r="N174450" s="10"/>
    </row>
    <row r="174451" spans="14:14">
      <c r="N174451" s="10"/>
    </row>
    <row r="174452" spans="14:14">
      <c r="N174452" s="10"/>
    </row>
    <row r="174453" spans="14:14">
      <c r="N174453" s="10"/>
    </row>
    <row r="174454" spans="14:14">
      <c r="N174454" s="10"/>
    </row>
    <row r="174455" spans="14:14">
      <c r="N174455" s="10"/>
    </row>
    <row r="174456" spans="14:14">
      <c r="N174456" s="10"/>
    </row>
    <row r="174457" spans="14:14">
      <c r="N174457" s="10"/>
    </row>
    <row r="174458" spans="14:14">
      <c r="N174458" s="10"/>
    </row>
    <row r="174459" spans="14:14">
      <c r="N174459" s="10"/>
    </row>
    <row r="174460" spans="14:14">
      <c r="N174460" s="10"/>
    </row>
    <row r="174461" spans="14:14">
      <c r="N174461" s="10"/>
    </row>
    <row r="174462" spans="14:14">
      <c r="N174462" s="10"/>
    </row>
    <row r="174463" spans="14:14">
      <c r="N174463" s="10"/>
    </row>
    <row r="174464" spans="14:14">
      <c r="N174464" s="10"/>
    </row>
    <row r="174465" spans="14:14">
      <c r="N174465" s="10"/>
    </row>
    <row r="174466" spans="14:14">
      <c r="N174466" s="10"/>
    </row>
    <row r="174467" spans="14:14">
      <c r="N174467" s="10"/>
    </row>
    <row r="174468" spans="14:14">
      <c r="N174468" s="10"/>
    </row>
    <row r="174469" spans="14:14">
      <c r="N174469" s="10"/>
    </row>
    <row r="174470" spans="14:14">
      <c r="N174470" s="10"/>
    </row>
    <row r="174471" spans="14:14">
      <c r="N174471" s="10"/>
    </row>
    <row r="174472" spans="14:14">
      <c r="N174472" s="10"/>
    </row>
    <row r="174473" spans="14:14">
      <c r="N174473" s="10"/>
    </row>
    <row r="174474" spans="14:14">
      <c r="N174474" s="10"/>
    </row>
    <row r="174475" spans="14:14">
      <c r="N174475" s="10"/>
    </row>
    <row r="174476" spans="14:14">
      <c r="N174476" s="10"/>
    </row>
    <row r="174477" spans="14:14">
      <c r="N174477" s="10"/>
    </row>
    <row r="174478" spans="14:14">
      <c r="N174478" s="10"/>
    </row>
    <row r="174479" spans="14:14">
      <c r="N174479" s="10"/>
    </row>
    <row r="174480" spans="14:14">
      <c r="N174480" s="10"/>
    </row>
    <row r="174481" spans="14:14">
      <c r="N174481" s="10"/>
    </row>
    <row r="174482" spans="14:14">
      <c r="N174482" s="10"/>
    </row>
    <row r="174483" spans="14:14">
      <c r="N174483" s="10"/>
    </row>
    <row r="174484" spans="14:14">
      <c r="N174484" s="10"/>
    </row>
    <row r="174485" spans="14:14">
      <c r="N174485" s="10"/>
    </row>
    <row r="174486" spans="14:14">
      <c r="N174486" s="10"/>
    </row>
    <row r="174487" spans="14:14">
      <c r="N174487" s="10"/>
    </row>
    <row r="174488" spans="14:14">
      <c r="N174488" s="10"/>
    </row>
    <row r="174489" spans="14:14">
      <c r="N174489" s="10"/>
    </row>
    <row r="174490" spans="14:14">
      <c r="N174490" s="10"/>
    </row>
    <row r="174491" spans="14:14">
      <c r="N174491" s="10"/>
    </row>
    <row r="174492" spans="14:14">
      <c r="N174492" s="10"/>
    </row>
    <row r="174493" spans="14:14">
      <c r="N174493" s="10"/>
    </row>
    <row r="174494" spans="14:14">
      <c r="N174494" s="10"/>
    </row>
    <row r="174495" spans="14:14">
      <c r="N174495" s="10"/>
    </row>
    <row r="174496" spans="14:14">
      <c r="N174496" s="10"/>
    </row>
    <row r="174497" spans="14:14">
      <c r="N174497" s="10"/>
    </row>
    <row r="174498" spans="14:14">
      <c r="N174498" s="10"/>
    </row>
    <row r="174499" spans="14:14">
      <c r="N174499" s="10"/>
    </row>
    <row r="174500" spans="14:14">
      <c r="N174500" s="10"/>
    </row>
    <row r="174501" spans="14:14">
      <c r="N174501" s="10"/>
    </row>
    <row r="174502" spans="14:14">
      <c r="N174502" s="10"/>
    </row>
    <row r="174503" spans="14:14">
      <c r="N174503" s="10"/>
    </row>
    <row r="174504" spans="14:14">
      <c r="N174504" s="10"/>
    </row>
    <row r="174505" spans="14:14">
      <c r="N174505" s="10"/>
    </row>
    <row r="174506" spans="14:14">
      <c r="N174506" s="10"/>
    </row>
    <row r="174507" spans="14:14">
      <c r="N174507" s="10"/>
    </row>
    <row r="174508" spans="14:14">
      <c r="N174508" s="10"/>
    </row>
    <row r="174509" spans="14:14">
      <c r="N174509" s="10"/>
    </row>
    <row r="174510" spans="14:14">
      <c r="N174510" s="10"/>
    </row>
    <row r="174511" spans="14:14">
      <c r="N174511" s="10"/>
    </row>
    <row r="174512" spans="14:14">
      <c r="N174512" s="10"/>
    </row>
    <row r="174513" spans="14:14">
      <c r="N174513" s="10"/>
    </row>
    <row r="174514" spans="14:14">
      <c r="N174514" s="10"/>
    </row>
    <row r="174515" spans="14:14">
      <c r="N174515" s="10"/>
    </row>
    <row r="174516" spans="14:14">
      <c r="N174516" s="10"/>
    </row>
    <row r="174517" spans="14:14">
      <c r="N174517" s="10"/>
    </row>
    <row r="174518" spans="14:14">
      <c r="N174518" s="10"/>
    </row>
    <row r="174519" spans="14:14">
      <c r="N174519" s="10"/>
    </row>
    <row r="174520" spans="14:14">
      <c r="N174520" s="10"/>
    </row>
    <row r="174521" spans="14:14">
      <c r="N174521" s="10"/>
    </row>
    <row r="174522" spans="14:14">
      <c r="N174522" s="10"/>
    </row>
    <row r="174523" spans="14:14">
      <c r="N174523" s="10"/>
    </row>
    <row r="174524" spans="14:14">
      <c r="N174524" s="10"/>
    </row>
    <row r="174525" spans="14:14">
      <c r="N174525" s="10"/>
    </row>
    <row r="174526" spans="14:14">
      <c r="N174526" s="10"/>
    </row>
    <row r="174527" spans="14:14">
      <c r="N174527" s="10"/>
    </row>
    <row r="174528" spans="14:14">
      <c r="N174528" s="10"/>
    </row>
    <row r="174529" spans="14:14">
      <c r="N174529" s="10"/>
    </row>
    <row r="174530" spans="14:14">
      <c r="N174530" s="10"/>
    </row>
    <row r="174531" spans="14:14">
      <c r="N174531" s="10"/>
    </row>
    <row r="174532" spans="14:14">
      <c r="N174532" s="10"/>
    </row>
    <row r="174533" spans="14:14">
      <c r="N174533" s="10"/>
    </row>
    <row r="174534" spans="14:14">
      <c r="N174534" s="10"/>
    </row>
    <row r="174535" spans="14:14">
      <c r="N174535" s="10"/>
    </row>
    <row r="174536" spans="14:14">
      <c r="N174536" s="10"/>
    </row>
    <row r="174537" spans="14:14">
      <c r="N174537" s="10"/>
    </row>
    <row r="174538" spans="14:14">
      <c r="N174538" s="10"/>
    </row>
    <row r="174539" spans="14:14">
      <c r="N174539" s="10"/>
    </row>
    <row r="174540" spans="14:14">
      <c r="N174540" s="10"/>
    </row>
    <row r="174541" spans="14:14">
      <c r="N174541" s="10"/>
    </row>
    <row r="174542" spans="14:14">
      <c r="N174542" s="10"/>
    </row>
    <row r="174543" spans="14:14">
      <c r="N174543" s="10"/>
    </row>
    <row r="174544" spans="14:14">
      <c r="N174544" s="10"/>
    </row>
    <row r="174545" spans="14:14">
      <c r="N174545" s="10"/>
    </row>
    <row r="174546" spans="14:14">
      <c r="N174546" s="10"/>
    </row>
    <row r="174547" spans="14:14">
      <c r="N174547" s="10"/>
    </row>
    <row r="174548" spans="14:14">
      <c r="N174548" s="10"/>
    </row>
    <row r="174549" spans="14:14">
      <c r="N174549" s="10"/>
    </row>
    <row r="174550" spans="14:14">
      <c r="N174550" s="10"/>
    </row>
    <row r="174551" spans="14:14">
      <c r="N174551" s="10"/>
    </row>
    <row r="174552" spans="14:14">
      <c r="N174552" s="10"/>
    </row>
    <row r="174553" spans="14:14">
      <c r="N174553" s="10"/>
    </row>
    <row r="174554" spans="14:14">
      <c r="N174554" s="10"/>
    </row>
    <row r="174555" spans="14:14">
      <c r="N174555" s="10"/>
    </row>
    <row r="174556" spans="14:14">
      <c r="N174556" s="10"/>
    </row>
    <row r="174557" spans="14:14">
      <c r="N174557" s="10"/>
    </row>
    <row r="174558" spans="14:14">
      <c r="N174558" s="10"/>
    </row>
    <row r="174559" spans="14:14">
      <c r="N174559" s="10"/>
    </row>
    <row r="174560" spans="14:14">
      <c r="N174560" s="10"/>
    </row>
    <row r="174561" spans="14:14">
      <c r="N174561" s="10"/>
    </row>
    <row r="174562" spans="14:14">
      <c r="N174562" s="10"/>
    </row>
    <row r="174563" spans="14:14">
      <c r="N174563" s="10"/>
    </row>
    <row r="174564" spans="14:14">
      <c r="N174564" s="10"/>
    </row>
    <row r="174565" spans="14:14">
      <c r="N174565" s="10"/>
    </row>
    <row r="174566" spans="14:14">
      <c r="N174566" s="10"/>
    </row>
    <row r="174567" spans="14:14">
      <c r="N174567" s="10"/>
    </row>
    <row r="174568" spans="14:14">
      <c r="N174568" s="10"/>
    </row>
    <row r="174569" spans="14:14">
      <c r="N174569" s="10"/>
    </row>
    <row r="174570" spans="14:14">
      <c r="N174570" s="10"/>
    </row>
    <row r="174571" spans="14:14">
      <c r="N174571" s="10"/>
    </row>
    <row r="174572" spans="14:14">
      <c r="N174572" s="10"/>
    </row>
    <row r="174573" spans="14:14">
      <c r="N174573" s="10"/>
    </row>
    <row r="174574" spans="14:14">
      <c r="N174574" s="10"/>
    </row>
    <row r="174575" spans="14:14">
      <c r="N174575" s="10"/>
    </row>
    <row r="174576" spans="14:14">
      <c r="N174576" s="10"/>
    </row>
    <row r="174577" spans="14:14">
      <c r="N174577" s="10"/>
    </row>
    <row r="174578" spans="14:14">
      <c r="N174578" s="10"/>
    </row>
    <row r="174579" spans="14:14">
      <c r="N174579" s="10"/>
    </row>
    <row r="174580" spans="14:14">
      <c r="N174580" s="10"/>
    </row>
    <row r="174581" spans="14:14">
      <c r="N174581" s="10"/>
    </row>
    <row r="174582" spans="14:14">
      <c r="N174582" s="10"/>
    </row>
    <row r="174583" spans="14:14">
      <c r="N174583" s="10"/>
    </row>
    <row r="174584" spans="14:14">
      <c r="N174584" s="10"/>
    </row>
    <row r="174585" spans="14:14">
      <c r="N174585" s="10"/>
    </row>
    <row r="174586" spans="14:14">
      <c r="N174586" s="10"/>
    </row>
    <row r="174587" spans="14:14">
      <c r="N174587" s="10"/>
    </row>
    <row r="174588" spans="14:14">
      <c r="N174588" s="10"/>
    </row>
    <row r="174589" spans="14:14">
      <c r="N174589" s="10"/>
    </row>
    <row r="174590" spans="14:14">
      <c r="N174590" s="10"/>
    </row>
    <row r="174591" spans="14:14">
      <c r="N174591" s="10"/>
    </row>
    <row r="174592" spans="14:14">
      <c r="N174592" s="10"/>
    </row>
    <row r="174593" spans="14:14">
      <c r="N174593" s="10"/>
    </row>
    <row r="174594" spans="14:14">
      <c r="N174594" s="10"/>
    </row>
    <row r="174595" spans="14:14">
      <c r="N174595" s="10"/>
    </row>
    <row r="174596" spans="14:14">
      <c r="N174596" s="10"/>
    </row>
    <row r="174597" spans="14:14">
      <c r="N174597" s="10"/>
    </row>
    <row r="174598" spans="14:14">
      <c r="N174598" s="10"/>
    </row>
    <row r="174599" spans="14:14">
      <c r="N174599" s="10"/>
    </row>
    <row r="174600" spans="14:14">
      <c r="N174600" s="10"/>
    </row>
    <row r="174601" spans="14:14">
      <c r="N174601" s="10"/>
    </row>
    <row r="174602" spans="14:14">
      <c r="N174602" s="10"/>
    </row>
    <row r="174603" spans="14:14">
      <c r="N174603" s="10"/>
    </row>
    <row r="174604" spans="14:14">
      <c r="N174604" s="10"/>
    </row>
    <row r="174605" spans="14:14">
      <c r="N174605" s="10"/>
    </row>
    <row r="174606" spans="14:14">
      <c r="N174606" s="10"/>
    </row>
    <row r="174607" spans="14:14">
      <c r="N174607" s="10"/>
    </row>
    <row r="174608" spans="14:14">
      <c r="N174608" s="10"/>
    </row>
    <row r="174609" spans="14:14">
      <c r="N174609" s="10"/>
    </row>
    <row r="174610" spans="14:14">
      <c r="N174610" s="10"/>
    </row>
    <row r="174611" spans="14:14">
      <c r="N174611" s="10"/>
    </row>
    <row r="174612" spans="14:14">
      <c r="N174612" s="10"/>
    </row>
    <row r="174613" spans="14:14">
      <c r="N174613" s="10"/>
    </row>
    <row r="174614" spans="14:14">
      <c r="N174614" s="10"/>
    </row>
    <row r="174615" spans="14:14">
      <c r="N174615" s="10"/>
    </row>
    <row r="174616" spans="14:14">
      <c r="N174616" s="10"/>
    </row>
    <row r="174617" spans="14:14">
      <c r="N174617" s="10"/>
    </row>
    <row r="174618" spans="14:14">
      <c r="N174618" s="10"/>
    </row>
    <row r="174619" spans="14:14">
      <c r="N174619" s="10"/>
    </row>
    <row r="174620" spans="14:14">
      <c r="N174620" s="10"/>
    </row>
    <row r="174621" spans="14:14">
      <c r="N174621" s="10"/>
    </row>
    <row r="174622" spans="14:14">
      <c r="N174622" s="10"/>
    </row>
    <row r="174623" spans="14:14">
      <c r="N174623" s="10"/>
    </row>
    <row r="174624" spans="14:14">
      <c r="N174624" s="10"/>
    </row>
    <row r="174625" spans="14:14">
      <c r="N174625" s="10"/>
    </row>
    <row r="174626" spans="14:14">
      <c r="N174626" s="10"/>
    </row>
    <row r="174627" spans="14:14">
      <c r="N174627" s="10"/>
    </row>
    <row r="174628" spans="14:14">
      <c r="N174628" s="10"/>
    </row>
    <row r="174629" spans="14:14">
      <c r="N174629" s="10"/>
    </row>
    <row r="174630" spans="14:14">
      <c r="N174630" s="10"/>
    </row>
    <row r="174631" spans="14:14">
      <c r="N174631" s="10"/>
    </row>
    <row r="174632" spans="14:14">
      <c r="N174632" s="10"/>
    </row>
    <row r="174633" spans="14:14">
      <c r="N174633" s="10"/>
    </row>
    <row r="174634" spans="14:14">
      <c r="N174634" s="10"/>
    </row>
    <row r="174635" spans="14:14">
      <c r="N174635" s="10"/>
    </row>
    <row r="174636" spans="14:14">
      <c r="N174636" s="10"/>
    </row>
    <row r="174637" spans="14:14">
      <c r="N174637" s="10"/>
    </row>
    <row r="174638" spans="14:14">
      <c r="N174638" s="10"/>
    </row>
    <row r="174639" spans="14:14">
      <c r="N174639" s="10"/>
    </row>
    <row r="174640" spans="14:14">
      <c r="N174640" s="10"/>
    </row>
    <row r="174641" spans="14:14">
      <c r="N174641" s="10"/>
    </row>
    <row r="174642" spans="14:14">
      <c r="N174642" s="10"/>
    </row>
    <row r="174643" spans="14:14">
      <c r="N174643" s="10"/>
    </row>
    <row r="174644" spans="14:14">
      <c r="N174644" s="10"/>
    </row>
    <row r="174645" spans="14:14">
      <c r="N174645" s="10"/>
    </row>
    <row r="174646" spans="14:14">
      <c r="N174646" s="10"/>
    </row>
    <row r="174647" spans="14:14">
      <c r="N174647" s="10"/>
    </row>
    <row r="174648" spans="14:14">
      <c r="N174648" s="10"/>
    </row>
    <row r="174649" spans="14:14">
      <c r="N174649" s="10"/>
    </row>
    <row r="174650" spans="14:14">
      <c r="N174650" s="10"/>
    </row>
    <row r="174651" spans="14:14">
      <c r="N174651" s="10"/>
    </row>
    <row r="174652" spans="14:14">
      <c r="N174652" s="10"/>
    </row>
    <row r="174653" spans="14:14">
      <c r="N174653" s="10"/>
    </row>
    <row r="174654" spans="14:14">
      <c r="N174654" s="10"/>
    </row>
    <row r="174655" spans="14:14">
      <c r="N174655" s="10"/>
    </row>
    <row r="174656" spans="14:14">
      <c r="N174656" s="10"/>
    </row>
    <row r="174657" spans="14:14">
      <c r="N174657" s="10"/>
    </row>
    <row r="174658" spans="14:14">
      <c r="N174658" s="10"/>
    </row>
    <row r="174659" spans="14:14">
      <c r="N174659" s="10"/>
    </row>
    <row r="174660" spans="14:14">
      <c r="N174660" s="10"/>
    </row>
    <row r="174661" spans="14:14">
      <c r="N174661" s="10"/>
    </row>
    <row r="174662" spans="14:14">
      <c r="N174662" s="10"/>
    </row>
    <row r="174663" spans="14:14">
      <c r="N174663" s="10"/>
    </row>
    <row r="174664" spans="14:14">
      <c r="N174664" s="10"/>
    </row>
    <row r="174665" spans="14:14">
      <c r="N174665" s="10"/>
    </row>
    <row r="174666" spans="14:14">
      <c r="N174666" s="10"/>
    </row>
    <row r="174667" spans="14:14">
      <c r="N174667" s="10"/>
    </row>
    <row r="174668" spans="14:14">
      <c r="N174668" s="10"/>
    </row>
    <row r="174669" spans="14:14">
      <c r="N174669" s="10"/>
    </row>
    <row r="174670" spans="14:14">
      <c r="N174670" s="10"/>
    </row>
    <row r="174671" spans="14:14">
      <c r="N174671" s="10"/>
    </row>
    <row r="174672" spans="14:14">
      <c r="N174672" s="10"/>
    </row>
    <row r="174673" spans="14:14">
      <c r="N174673" s="10"/>
    </row>
    <row r="174674" spans="14:14">
      <c r="N174674" s="10"/>
    </row>
    <row r="174675" spans="14:14">
      <c r="N174675" s="10"/>
    </row>
    <row r="174676" spans="14:14">
      <c r="N174676" s="10"/>
    </row>
    <row r="174677" spans="14:14">
      <c r="N174677" s="10"/>
    </row>
    <row r="174678" spans="14:14">
      <c r="N174678" s="10"/>
    </row>
    <row r="174679" spans="14:14">
      <c r="N174679" s="10"/>
    </row>
    <row r="174680" spans="14:14">
      <c r="N174680" s="10"/>
    </row>
    <row r="174681" spans="14:14">
      <c r="N174681" s="10"/>
    </row>
    <row r="174682" spans="14:14">
      <c r="N174682" s="10"/>
    </row>
    <row r="174683" spans="14:14">
      <c r="N174683" s="10"/>
    </row>
    <row r="174684" spans="14:14">
      <c r="N174684" s="10"/>
    </row>
    <row r="174685" spans="14:14">
      <c r="N174685" s="10"/>
    </row>
    <row r="174686" spans="14:14">
      <c r="N174686" s="10"/>
    </row>
    <row r="174687" spans="14:14">
      <c r="N174687" s="10"/>
    </row>
    <row r="174688" spans="14:14">
      <c r="N174688" s="10"/>
    </row>
    <row r="174689" spans="14:14">
      <c r="N174689" s="10"/>
    </row>
    <row r="174690" spans="14:14">
      <c r="N174690" s="10"/>
    </row>
    <row r="174691" spans="14:14">
      <c r="N174691" s="10"/>
    </row>
    <row r="174692" spans="14:14">
      <c r="N174692" s="10"/>
    </row>
    <row r="174693" spans="14:14">
      <c r="N174693" s="10"/>
    </row>
    <row r="174694" spans="14:14">
      <c r="N174694" s="10"/>
    </row>
    <row r="174695" spans="14:14">
      <c r="N174695" s="10"/>
    </row>
    <row r="174696" spans="14:14">
      <c r="N174696" s="10"/>
    </row>
    <row r="174697" spans="14:14">
      <c r="N174697" s="10"/>
    </row>
    <row r="174698" spans="14:14">
      <c r="N174698" s="10"/>
    </row>
    <row r="174699" spans="14:14">
      <c r="N174699" s="10"/>
    </row>
    <row r="174700" spans="14:14">
      <c r="N174700" s="10"/>
    </row>
    <row r="174701" spans="14:14">
      <c r="N174701" s="10"/>
    </row>
    <row r="174702" spans="14:14">
      <c r="N174702" s="10"/>
    </row>
    <row r="174703" spans="14:14">
      <c r="N174703" s="10"/>
    </row>
    <row r="174704" spans="14:14">
      <c r="N174704" s="10"/>
    </row>
    <row r="174705" spans="14:14">
      <c r="N174705" s="10"/>
    </row>
    <row r="174706" spans="14:14">
      <c r="N174706" s="10"/>
    </row>
    <row r="174707" spans="14:14">
      <c r="N174707" s="10"/>
    </row>
    <row r="174708" spans="14:14">
      <c r="N174708" s="10"/>
    </row>
    <row r="174709" spans="14:14">
      <c r="N174709" s="10"/>
    </row>
    <row r="174710" spans="14:14">
      <c r="N174710" s="10"/>
    </row>
    <row r="174711" spans="14:14">
      <c r="N174711" s="10"/>
    </row>
    <row r="174712" spans="14:14">
      <c r="N174712" s="10"/>
    </row>
    <row r="174713" spans="14:14">
      <c r="N174713" s="10"/>
    </row>
    <row r="174714" spans="14:14">
      <c r="N174714" s="10"/>
    </row>
    <row r="174715" spans="14:14">
      <c r="N174715" s="10"/>
    </row>
    <row r="174716" spans="14:14">
      <c r="N174716" s="10"/>
    </row>
    <row r="174717" spans="14:14">
      <c r="N174717" s="10"/>
    </row>
    <row r="174718" spans="14:14">
      <c r="N174718" s="10"/>
    </row>
    <row r="174719" spans="14:14">
      <c r="N174719" s="10"/>
    </row>
    <row r="174720" spans="14:14">
      <c r="N174720" s="10"/>
    </row>
    <row r="174721" spans="14:14">
      <c r="N174721" s="10"/>
    </row>
    <row r="174722" spans="14:14">
      <c r="N174722" s="10"/>
    </row>
    <row r="174723" spans="14:14">
      <c r="N174723" s="10"/>
    </row>
    <row r="174724" spans="14:14">
      <c r="N174724" s="10"/>
    </row>
    <row r="174725" spans="14:14">
      <c r="N174725" s="10"/>
    </row>
    <row r="174726" spans="14:14">
      <c r="N174726" s="10"/>
    </row>
    <row r="174727" spans="14:14">
      <c r="N174727" s="10"/>
    </row>
    <row r="174728" spans="14:14">
      <c r="N174728" s="10"/>
    </row>
    <row r="174729" spans="14:14">
      <c r="N174729" s="10"/>
    </row>
    <row r="174730" spans="14:14">
      <c r="N174730" s="10"/>
    </row>
    <row r="174731" spans="14:14">
      <c r="N174731" s="10"/>
    </row>
    <row r="174732" spans="14:14">
      <c r="N174732" s="10"/>
    </row>
    <row r="174733" spans="14:14">
      <c r="N174733" s="10"/>
    </row>
    <row r="174734" spans="14:14">
      <c r="N174734" s="10"/>
    </row>
    <row r="174735" spans="14:14">
      <c r="N174735" s="10"/>
    </row>
    <row r="174736" spans="14:14">
      <c r="N174736" s="10"/>
    </row>
    <row r="174737" spans="14:14">
      <c r="N174737" s="10"/>
    </row>
    <row r="174738" spans="14:14">
      <c r="N174738" s="10"/>
    </row>
    <row r="174739" spans="14:14">
      <c r="N174739" s="10"/>
    </row>
    <row r="174740" spans="14:14">
      <c r="N174740" s="10"/>
    </row>
    <row r="174741" spans="14:14">
      <c r="N174741" s="10"/>
    </row>
    <row r="174742" spans="14:14">
      <c r="N174742" s="10"/>
    </row>
    <row r="174743" spans="14:14">
      <c r="N174743" s="10"/>
    </row>
    <row r="174744" spans="14:14">
      <c r="N174744" s="10"/>
    </row>
    <row r="174745" spans="14:14">
      <c r="N174745" s="10"/>
    </row>
    <row r="174746" spans="14:14">
      <c r="N174746" s="10"/>
    </row>
    <row r="174747" spans="14:14">
      <c r="N174747" s="10"/>
    </row>
    <row r="174748" spans="14:14">
      <c r="N174748" s="10"/>
    </row>
    <row r="174749" spans="14:14">
      <c r="N174749" s="10"/>
    </row>
    <row r="174750" spans="14:14">
      <c r="N174750" s="10"/>
    </row>
    <row r="174751" spans="14:14">
      <c r="N174751" s="10"/>
    </row>
    <row r="174752" spans="14:14">
      <c r="N174752" s="10"/>
    </row>
    <row r="174753" spans="14:14">
      <c r="N174753" s="10"/>
    </row>
    <row r="174754" spans="14:14">
      <c r="N174754" s="10"/>
    </row>
    <row r="174755" spans="14:14">
      <c r="N174755" s="10"/>
    </row>
    <row r="174756" spans="14:14">
      <c r="N174756" s="10"/>
    </row>
    <row r="174757" spans="14:14">
      <c r="N174757" s="10"/>
    </row>
    <row r="174758" spans="14:14">
      <c r="N174758" s="10"/>
    </row>
    <row r="174759" spans="14:14">
      <c r="N174759" s="10"/>
    </row>
    <row r="174760" spans="14:14">
      <c r="N174760" s="10"/>
    </row>
    <row r="174761" spans="14:14">
      <c r="N174761" s="10"/>
    </row>
    <row r="174762" spans="14:14">
      <c r="N174762" s="10"/>
    </row>
    <row r="174763" spans="14:14">
      <c r="N174763" s="10"/>
    </row>
    <row r="174764" spans="14:14">
      <c r="N174764" s="10"/>
    </row>
    <row r="174765" spans="14:14">
      <c r="N174765" s="10"/>
    </row>
    <row r="174766" spans="14:14">
      <c r="N174766" s="10"/>
    </row>
    <row r="174767" spans="14:14">
      <c r="N174767" s="10"/>
    </row>
    <row r="174768" spans="14:14">
      <c r="N174768" s="10"/>
    </row>
    <row r="174769" spans="14:14">
      <c r="N174769" s="10"/>
    </row>
    <row r="174770" spans="14:14">
      <c r="N174770" s="10"/>
    </row>
    <row r="174771" spans="14:14">
      <c r="N174771" s="10"/>
    </row>
    <row r="174772" spans="14:14">
      <c r="N174772" s="10"/>
    </row>
    <row r="174773" spans="14:14">
      <c r="N174773" s="10"/>
    </row>
    <row r="174774" spans="14:14">
      <c r="N174774" s="10"/>
    </row>
    <row r="174775" spans="14:14">
      <c r="N174775" s="10"/>
    </row>
    <row r="174776" spans="14:14">
      <c r="N174776" s="10"/>
    </row>
    <row r="174777" spans="14:14">
      <c r="N174777" s="10"/>
    </row>
    <row r="174778" spans="14:14">
      <c r="N174778" s="10"/>
    </row>
    <row r="174779" spans="14:14">
      <c r="N174779" s="10"/>
    </row>
    <row r="174780" spans="14:14">
      <c r="N174780" s="10"/>
    </row>
    <row r="174781" spans="14:14">
      <c r="N174781" s="10"/>
    </row>
    <row r="174782" spans="14:14">
      <c r="N174782" s="10"/>
    </row>
    <row r="174783" spans="14:14">
      <c r="N174783" s="10"/>
    </row>
    <row r="174784" spans="14:14">
      <c r="N174784" s="10"/>
    </row>
    <row r="174785" spans="14:14">
      <c r="N174785" s="10"/>
    </row>
    <row r="174786" spans="14:14">
      <c r="N174786" s="10"/>
    </row>
    <row r="174787" spans="14:14">
      <c r="N174787" s="10"/>
    </row>
    <row r="174788" spans="14:14">
      <c r="N174788" s="10"/>
    </row>
    <row r="174789" spans="14:14">
      <c r="N174789" s="10"/>
    </row>
    <row r="174790" spans="14:14">
      <c r="N174790" s="10"/>
    </row>
    <row r="174791" spans="14:14">
      <c r="N174791" s="10"/>
    </row>
    <row r="174792" spans="14:14">
      <c r="N174792" s="10"/>
    </row>
    <row r="174793" spans="14:14">
      <c r="N174793" s="10"/>
    </row>
    <row r="174794" spans="14:14">
      <c r="N174794" s="10"/>
    </row>
    <row r="174795" spans="14:14">
      <c r="N174795" s="10"/>
    </row>
    <row r="174796" spans="14:14">
      <c r="N174796" s="10"/>
    </row>
    <row r="174797" spans="14:14">
      <c r="N174797" s="10"/>
    </row>
    <row r="174798" spans="14:14">
      <c r="N174798" s="10"/>
    </row>
    <row r="174799" spans="14:14">
      <c r="N174799" s="10"/>
    </row>
    <row r="174800" spans="14:14">
      <c r="N174800" s="10"/>
    </row>
    <row r="174801" spans="14:14">
      <c r="N174801" s="10"/>
    </row>
    <row r="174802" spans="14:14">
      <c r="N174802" s="10"/>
    </row>
    <row r="174803" spans="14:14">
      <c r="N174803" s="10"/>
    </row>
    <row r="174804" spans="14:14">
      <c r="N174804" s="10"/>
    </row>
    <row r="174805" spans="14:14">
      <c r="N174805" s="10"/>
    </row>
    <row r="174806" spans="14:14">
      <c r="N174806" s="10"/>
    </row>
    <row r="174807" spans="14:14">
      <c r="N174807" s="10"/>
    </row>
    <row r="174808" spans="14:14">
      <c r="N174808" s="10"/>
    </row>
    <row r="174809" spans="14:14">
      <c r="N174809" s="10"/>
    </row>
    <row r="174810" spans="14:14">
      <c r="N174810" s="10"/>
    </row>
    <row r="174811" spans="14:14">
      <c r="N174811" s="10"/>
    </row>
    <row r="174812" spans="14:14">
      <c r="N174812" s="10"/>
    </row>
    <row r="174813" spans="14:14">
      <c r="N174813" s="10"/>
    </row>
    <row r="174814" spans="14:14">
      <c r="N174814" s="10"/>
    </row>
    <row r="174815" spans="14:14">
      <c r="N174815" s="10"/>
    </row>
    <row r="174816" spans="14:14">
      <c r="N174816" s="10"/>
    </row>
    <row r="174817" spans="14:14">
      <c r="N174817" s="10"/>
    </row>
    <row r="174818" spans="14:14">
      <c r="N174818" s="10"/>
    </row>
    <row r="174819" spans="14:14">
      <c r="N174819" s="10"/>
    </row>
    <row r="174820" spans="14:14">
      <c r="N174820" s="10"/>
    </row>
    <row r="174821" spans="14:14">
      <c r="N174821" s="10"/>
    </row>
    <row r="174822" spans="14:14">
      <c r="N174822" s="10"/>
    </row>
    <row r="174823" spans="14:14">
      <c r="N174823" s="10"/>
    </row>
    <row r="174824" spans="14:14">
      <c r="N174824" s="10"/>
    </row>
    <row r="174825" spans="14:14">
      <c r="N174825" s="10"/>
    </row>
    <row r="174826" spans="14:14">
      <c r="N174826" s="10"/>
    </row>
    <row r="174827" spans="14:14">
      <c r="N174827" s="10"/>
    </row>
    <row r="174828" spans="14:14">
      <c r="N174828" s="10"/>
    </row>
    <row r="174829" spans="14:14">
      <c r="N174829" s="10"/>
    </row>
    <row r="174830" spans="14:14">
      <c r="N174830" s="10"/>
    </row>
    <row r="174831" spans="14:14">
      <c r="N174831" s="10"/>
    </row>
    <row r="174832" spans="14:14">
      <c r="N174832" s="10"/>
    </row>
    <row r="174833" spans="14:14">
      <c r="N174833" s="10"/>
    </row>
    <row r="174834" spans="14:14">
      <c r="N174834" s="10"/>
    </row>
    <row r="174835" spans="14:14">
      <c r="N174835" s="10"/>
    </row>
    <row r="174836" spans="14:14">
      <c r="N174836" s="10"/>
    </row>
    <row r="174837" spans="14:14">
      <c r="N174837" s="10"/>
    </row>
    <row r="174838" spans="14:14">
      <c r="N174838" s="10"/>
    </row>
    <row r="174839" spans="14:14">
      <c r="N174839" s="10"/>
    </row>
    <row r="174840" spans="14:14">
      <c r="N174840" s="10"/>
    </row>
    <row r="174841" spans="14:14">
      <c r="N174841" s="10"/>
    </row>
    <row r="174842" spans="14:14">
      <c r="N174842" s="10"/>
    </row>
    <row r="174843" spans="14:14">
      <c r="N174843" s="10"/>
    </row>
    <row r="174844" spans="14:14">
      <c r="N174844" s="10"/>
    </row>
    <row r="174845" spans="14:14">
      <c r="N174845" s="10"/>
    </row>
    <row r="174846" spans="14:14">
      <c r="N174846" s="10"/>
    </row>
    <row r="174847" spans="14:14">
      <c r="N174847" s="10"/>
    </row>
    <row r="174848" spans="14:14">
      <c r="N174848" s="10"/>
    </row>
    <row r="174849" spans="14:14">
      <c r="N174849" s="10"/>
    </row>
    <row r="174850" spans="14:14">
      <c r="N174850" s="10"/>
    </row>
    <row r="174851" spans="14:14">
      <c r="N174851" s="10"/>
    </row>
    <row r="174852" spans="14:14">
      <c r="N174852" s="10"/>
    </row>
    <row r="174853" spans="14:14">
      <c r="N174853" s="10"/>
    </row>
    <row r="174854" spans="14:14">
      <c r="N174854" s="10"/>
    </row>
    <row r="174855" spans="14:14">
      <c r="N174855" s="10"/>
    </row>
    <row r="174856" spans="14:14">
      <c r="N174856" s="10"/>
    </row>
    <row r="174857" spans="14:14">
      <c r="N174857" s="10"/>
    </row>
    <row r="174858" spans="14:14">
      <c r="N174858" s="10"/>
    </row>
    <row r="174859" spans="14:14">
      <c r="N174859" s="10"/>
    </row>
    <row r="174860" spans="14:14">
      <c r="N174860" s="10"/>
    </row>
    <row r="174861" spans="14:14">
      <c r="N174861" s="10"/>
    </row>
    <row r="174862" spans="14:14">
      <c r="N174862" s="10"/>
    </row>
    <row r="174863" spans="14:14">
      <c r="N174863" s="10"/>
    </row>
    <row r="174864" spans="14:14">
      <c r="N174864" s="10"/>
    </row>
    <row r="174865" spans="14:14">
      <c r="N174865" s="10"/>
    </row>
    <row r="174866" spans="14:14">
      <c r="N174866" s="10"/>
    </row>
    <row r="174867" spans="14:14">
      <c r="N174867" s="10"/>
    </row>
    <row r="174868" spans="14:14">
      <c r="N174868" s="10"/>
    </row>
    <row r="174869" spans="14:14">
      <c r="N174869" s="10"/>
    </row>
    <row r="174870" spans="14:14">
      <c r="N174870" s="10"/>
    </row>
    <row r="174871" spans="14:14">
      <c r="N174871" s="10"/>
    </row>
    <row r="174872" spans="14:14">
      <c r="N174872" s="10"/>
    </row>
    <row r="174873" spans="14:14">
      <c r="N174873" s="10"/>
    </row>
    <row r="174874" spans="14:14">
      <c r="N174874" s="10"/>
    </row>
    <row r="174875" spans="14:14">
      <c r="N174875" s="10"/>
    </row>
    <row r="174876" spans="14:14">
      <c r="N174876" s="10"/>
    </row>
    <row r="174877" spans="14:14">
      <c r="N174877" s="10"/>
    </row>
    <row r="174878" spans="14:14">
      <c r="N174878" s="10"/>
    </row>
    <row r="174879" spans="14:14">
      <c r="N174879" s="10"/>
    </row>
    <row r="174880" spans="14:14">
      <c r="N174880" s="10"/>
    </row>
    <row r="174881" spans="14:14">
      <c r="N174881" s="10"/>
    </row>
    <row r="174882" spans="14:14">
      <c r="N174882" s="10"/>
    </row>
    <row r="174883" spans="14:14">
      <c r="N174883" s="10"/>
    </row>
    <row r="174884" spans="14:14">
      <c r="N174884" s="10"/>
    </row>
    <row r="174885" spans="14:14">
      <c r="N174885" s="10"/>
    </row>
    <row r="174886" spans="14:14">
      <c r="N174886" s="10"/>
    </row>
    <row r="174887" spans="14:14">
      <c r="N174887" s="10"/>
    </row>
    <row r="174888" spans="14:14">
      <c r="N174888" s="10"/>
    </row>
    <row r="174889" spans="14:14">
      <c r="N174889" s="10"/>
    </row>
    <row r="174890" spans="14:14">
      <c r="N174890" s="10"/>
    </row>
    <row r="174891" spans="14:14">
      <c r="N174891" s="10"/>
    </row>
    <row r="174892" spans="14:14">
      <c r="N174892" s="10"/>
    </row>
    <row r="174893" spans="14:14">
      <c r="N174893" s="10"/>
    </row>
    <row r="174894" spans="14:14">
      <c r="N174894" s="10"/>
    </row>
    <row r="174895" spans="14:14">
      <c r="N174895" s="10"/>
    </row>
    <row r="174896" spans="14:14">
      <c r="N174896" s="10"/>
    </row>
    <row r="174897" spans="14:14">
      <c r="N174897" s="10"/>
    </row>
    <row r="174898" spans="14:14">
      <c r="N174898" s="10"/>
    </row>
    <row r="174899" spans="14:14">
      <c r="N174899" s="10"/>
    </row>
    <row r="174900" spans="14:14">
      <c r="N174900" s="10"/>
    </row>
    <row r="174901" spans="14:14">
      <c r="N174901" s="10"/>
    </row>
    <row r="174902" spans="14:14">
      <c r="N174902" s="10"/>
    </row>
    <row r="174903" spans="14:14">
      <c r="N174903" s="10"/>
    </row>
    <row r="174904" spans="14:14">
      <c r="N174904" s="10"/>
    </row>
    <row r="174905" spans="14:14">
      <c r="N174905" s="10"/>
    </row>
    <row r="174906" spans="14:14">
      <c r="N174906" s="10"/>
    </row>
    <row r="174907" spans="14:14">
      <c r="N174907" s="10"/>
    </row>
    <row r="174908" spans="14:14">
      <c r="N174908" s="10"/>
    </row>
    <row r="174909" spans="14:14">
      <c r="N174909" s="10"/>
    </row>
    <row r="174910" spans="14:14">
      <c r="N174910" s="10"/>
    </row>
    <row r="174911" spans="14:14">
      <c r="N174911" s="10"/>
    </row>
    <row r="174912" spans="14:14">
      <c r="N174912" s="10"/>
    </row>
    <row r="174913" spans="14:14">
      <c r="N174913" s="10"/>
    </row>
    <row r="174914" spans="14:14">
      <c r="N174914" s="10"/>
    </row>
    <row r="174915" spans="14:14">
      <c r="N174915" s="10"/>
    </row>
    <row r="174916" spans="14:14">
      <c r="N174916" s="10"/>
    </row>
    <row r="174917" spans="14:14">
      <c r="N174917" s="10"/>
    </row>
    <row r="174918" spans="14:14">
      <c r="N174918" s="10"/>
    </row>
    <row r="174919" spans="14:14">
      <c r="N174919" s="10"/>
    </row>
    <row r="174920" spans="14:14">
      <c r="N174920" s="10"/>
    </row>
    <row r="174921" spans="14:14">
      <c r="N174921" s="10"/>
    </row>
    <row r="174922" spans="14:14">
      <c r="N174922" s="10"/>
    </row>
    <row r="174923" spans="14:14">
      <c r="N174923" s="10"/>
    </row>
    <row r="174924" spans="14:14">
      <c r="N174924" s="10"/>
    </row>
    <row r="174925" spans="14:14">
      <c r="N174925" s="10"/>
    </row>
    <row r="174926" spans="14:14">
      <c r="N174926" s="10"/>
    </row>
    <row r="174927" spans="14:14">
      <c r="N174927" s="10"/>
    </row>
    <row r="174928" spans="14:14">
      <c r="N174928" s="10"/>
    </row>
    <row r="174929" spans="14:14">
      <c r="N174929" s="10"/>
    </row>
    <row r="174930" spans="14:14">
      <c r="N174930" s="10"/>
    </row>
    <row r="174931" spans="14:14">
      <c r="N174931" s="10"/>
    </row>
    <row r="174932" spans="14:14">
      <c r="N174932" s="10"/>
    </row>
    <row r="174933" spans="14:14">
      <c r="N174933" s="10"/>
    </row>
    <row r="174934" spans="14:14">
      <c r="N174934" s="10"/>
    </row>
    <row r="174935" spans="14:14">
      <c r="N174935" s="10"/>
    </row>
    <row r="174936" spans="14:14">
      <c r="N174936" s="10"/>
    </row>
    <row r="174937" spans="14:14">
      <c r="N174937" s="10"/>
    </row>
    <row r="174938" spans="14:14">
      <c r="N174938" s="10"/>
    </row>
    <row r="174939" spans="14:14">
      <c r="N174939" s="10"/>
    </row>
    <row r="174940" spans="14:14">
      <c r="N174940" s="10"/>
    </row>
    <row r="174941" spans="14:14">
      <c r="N174941" s="10"/>
    </row>
    <row r="174942" spans="14:14">
      <c r="N174942" s="10"/>
    </row>
    <row r="174943" spans="14:14">
      <c r="N174943" s="10"/>
    </row>
    <row r="174944" spans="14:14">
      <c r="N174944" s="10"/>
    </row>
    <row r="174945" spans="14:14">
      <c r="N174945" s="10"/>
    </row>
    <row r="174946" spans="14:14">
      <c r="N174946" s="10"/>
    </row>
    <row r="174947" spans="14:14">
      <c r="N174947" s="10"/>
    </row>
    <row r="174948" spans="14:14">
      <c r="N174948" s="10"/>
    </row>
    <row r="174949" spans="14:14">
      <c r="N174949" s="10"/>
    </row>
    <row r="174950" spans="14:14">
      <c r="N174950" s="10"/>
    </row>
    <row r="174951" spans="14:14">
      <c r="N174951" s="10"/>
    </row>
    <row r="174952" spans="14:14">
      <c r="N174952" s="10"/>
    </row>
    <row r="174953" spans="14:14">
      <c r="N174953" s="10"/>
    </row>
    <row r="174954" spans="14:14">
      <c r="N174954" s="10"/>
    </row>
    <row r="174955" spans="14:14">
      <c r="N174955" s="10"/>
    </row>
    <row r="174956" spans="14:14">
      <c r="N174956" s="10"/>
    </row>
    <row r="174957" spans="14:14">
      <c r="N174957" s="10"/>
    </row>
    <row r="174958" spans="14:14">
      <c r="N174958" s="10"/>
    </row>
    <row r="174959" spans="14:14">
      <c r="N174959" s="10"/>
    </row>
    <row r="174960" spans="14:14">
      <c r="N174960" s="10"/>
    </row>
    <row r="174961" spans="14:14">
      <c r="N174961" s="10"/>
    </row>
    <row r="174962" spans="14:14">
      <c r="N174962" s="10"/>
    </row>
    <row r="174963" spans="14:14">
      <c r="N174963" s="10"/>
    </row>
    <row r="174964" spans="14:14">
      <c r="N174964" s="10"/>
    </row>
    <row r="174965" spans="14:14">
      <c r="N174965" s="10"/>
    </row>
    <row r="174966" spans="14:14">
      <c r="N174966" s="10"/>
    </row>
    <row r="174967" spans="14:14">
      <c r="N174967" s="10"/>
    </row>
    <row r="174968" spans="14:14">
      <c r="N174968" s="10"/>
    </row>
    <row r="174969" spans="14:14">
      <c r="N174969" s="10"/>
    </row>
    <row r="174970" spans="14:14">
      <c r="N174970" s="10"/>
    </row>
    <row r="174971" spans="14:14">
      <c r="N174971" s="10"/>
    </row>
    <row r="174972" spans="14:14">
      <c r="N174972" s="10"/>
    </row>
    <row r="174973" spans="14:14">
      <c r="N174973" s="10"/>
    </row>
    <row r="174974" spans="14:14">
      <c r="N174974" s="10"/>
    </row>
    <row r="174975" spans="14:14">
      <c r="N174975" s="10"/>
    </row>
    <row r="174976" spans="14:14">
      <c r="N174976" s="10"/>
    </row>
    <row r="174977" spans="14:14">
      <c r="N174977" s="10"/>
    </row>
    <row r="174978" spans="14:14">
      <c r="N174978" s="10"/>
    </row>
    <row r="174979" spans="14:14">
      <c r="N174979" s="10"/>
    </row>
    <row r="174980" spans="14:14">
      <c r="N174980" s="10"/>
    </row>
    <row r="174981" spans="14:14">
      <c r="N174981" s="10"/>
    </row>
    <row r="174982" spans="14:14">
      <c r="N174982" s="10"/>
    </row>
    <row r="174983" spans="14:14">
      <c r="N174983" s="10"/>
    </row>
    <row r="174984" spans="14:14">
      <c r="N174984" s="10"/>
    </row>
    <row r="174985" spans="14:14">
      <c r="N174985" s="10"/>
    </row>
    <row r="174986" spans="14:14">
      <c r="N174986" s="10"/>
    </row>
    <row r="174987" spans="14:14">
      <c r="N174987" s="10"/>
    </row>
    <row r="174988" spans="14:14">
      <c r="N174988" s="10"/>
    </row>
    <row r="174989" spans="14:14">
      <c r="N174989" s="10"/>
    </row>
    <row r="174990" spans="14:14">
      <c r="N174990" s="10"/>
    </row>
    <row r="174991" spans="14:14">
      <c r="N174991" s="10"/>
    </row>
    <row r="174992" spans="14:14">
      <c r="N174992" s="10"/>
    </row>
    <row r="174993" spans="14:14">
      <c r="N174993" s="10"/>
    </row>
    <row r="174994" spans="14:14">
      <c r="N174994" s="10"/>
    </row>
    <row r="174995" spans="14:14">
      <c r="N174995" s="10"/>
    </row>
    <row r="174996" spans="14:14">
      <c r="N174996" s="10"/>
    </row>
    <row r="174997" spans="14:14">
      <c r="N174997" s="10"/>
    </row>
    <row r="174998" spans="14:14">
      <c r="N174998" s="10"/>
    </row>
    <row r="174999" spans="14:14">
      <c r="N174999" s="10"/>
    </row>
    <row r="175000" spans="14:14">
      <c r="N175000" s="10"/>
    </row>
    <row r="175001" spans="14:14">
      <c r="N175001" s="10"/>
    </row>
    <row r="175002" spans="14:14">
      <c r="N175002" s="10"/>
    </row>
    <row r="175003" spans="14:14">
      <c r="N175003" s="10"/>
    </row>
    <row r="175004" spans="14:14">
      <c r="N175004" s="10"/>
    </row>
    <row r="175005" spans="14:14">
      <c r="N175005" s="10"/>
    </row>
    <row r="175006" spans="14:14">
      <c r="N175006" s="10"/>
    </row>
    <row r="175007" spans="14:14">
      <c r="N175007" s="10"/>
    </row>
    <row r="175008" spans="14:14">
      <c r="N175008" s="10"/>
    </row>
    <row r="175009" spans="14:14">
      <c r="N175009" s="10"/>
    </row>
    <row r="175010" spans="14:14">
      <c r="N175010" s="10"/>
    </row>
    <row r="175011" spans="14:14">
      <c r="N175011" s="10"/>
    </row>
    <row r="175012" spans="14:14">
      <c r="N175012" s="10"/>
    </row>
    <row r="175013" spans="14:14">
      <c r="N175013" s="10"/>
    </row>
    <row r="175014" spans="14:14">
      <c r="N175014" s="10"/>
    </row>
    <row r="175015" spans="14:14">
      <c r="N175015" s="10"/>
    </row>
    <row r="175016" spans="14:14">
      <c r="N175016" s="10"/>
    </row>
    <row r="175017" spans="14:14">
      <c r="N175017" s="10"/>
    </row>
    <row r="175018" spans="14:14">
      <c r="N175018" s="10"/>
    </row>
    <row r="175019" spans="14:14">
      <c r="N175019" s="10"/>
    </row>
    <row r="175020" spans="14:14">
      <c r="N175020" s="10"/>
    </row>
    <row r="175021" spans="14:14">
      <c r="N175021" s="10"/>
    </row>
    <row r="175022" spans="14:14">
      <c r="N175022" s="10"/>
    </row>
    <row r="175023" spans="14:14">
      <c r="N175023" s="10"/>
    </row>
    <row r="175024" spans="14:14">
      <c r="N175024" s="10"/>
    </row>
    <row r="175025" spans="14:14">
      <c r="N175025" s="10"/>
    </row>
    <row r="175026" spans="14:14">
      <c r="N175026" s="10"/>
    </row>
    <row r="175027" spans="14:14">
      <c r="N175027" s="10"/>
    </row>
    <row r="175028" spans="14:14">
      <c r="N175028" s="10"/>
    </row>
    <row r="175029" spans="14:14">
      <c r="N175029" s="10"/>
    </row>
    <row r="175030" spans="14:14">
      <c r="N175030" s="10"/>
    </row>
    <row r="175031" spans="14:14">
      <c r="N175031" s="10"/>
    </row>
    <row r="175032" spans="14:14">
      <c r="N175032" s="10"/>
    </row>
    <row r="175033" spans="14:14">
      <c r="N175033" s="10"/>
    </row>
    <row r="175034" spans="14:14">
      <c r="N175034" s="10"/>
    </row>
    <row r="175035" spans="14:14">
      <c r="N175035" s="10"/>
    </row>
    <row r="175036" spans="14:14">
      <c r="N175036" s="10"/>
    </row>
    <row r="175037" spans="14:14">
      <c r="N175037" s="10"/>
    </row>
    <row r="175038" spans="14:14">
      <c r="N175038" s="10"/>
    </row>
    <row r="175039" spans="14:14">
      <c r="N175039" s="10"/>
    </row>
    <row r="175040" spans="14:14">
      <c r="N175040" s="10"/>
    </row>
    <row r="175041" spans="14:14">
      <c r="N175041" s="10"/>
    </row>
    <row r="175042" spans="14:14">
      <c r="N175042" s="10"/>
    </row>
    <row r="175043" spans="14:14">
      <c r="N175043" s="10"/>
    </row>
    <row r="175044" spans="14:14">
      <c r="N175044" s="10"/>
    </row>
    <row r="175045" spans="14:14">
      <c r="N175045" s="10"/>
    </row>
    <row r="175046" spans="14:14">
      <c r="N175046" s="10"/>
    </row>
    <row r="175047" spans="14:14">
      <c r="N175047" s="10"/>
    </row>
    <row r="175048" spans="14:14">
      <c r="N175048" s="10"/>
    </row>
    <row r="175049" spans="14:14">
      <c r="N175049" s="10"/>
    </row>
    <row r="175050" spans="14:14">
      <c r="N175050" s="10"/>
    </row>
    <row r="175051" spans="14:14">
      <c r="N175051" s="10"/>
    </row>
    <row r="175052" spans="14:14">
      <c r="N175052" s="10"/>
    </row>
    <row r="175053" spans="14:14">
      <c r="N175053" s="10"/>
    </row>
    <row r="175054" spans="14:14">
      <c r="N175054" s="10"/>
    </row>
    <row r="175055" spans="14:14">
      <c r="N175055" s="10"/>
    </row>
    <row r="175056" spans="14:14">
      <c r="N175056" s="10"/>
    </row>
    <row r="175057" spans="14:14">
      <c r="N175057" s="10"/>
    </row>
    <row r="175058" spans="14:14">
      <c r="N175058" s="10"/>
    </row>
    <row r="175059" spans="14:14">
      <c r="N175059" s="10"/>
    </row>
    <row r="175060" spans="14:14">
      <c r="N175060" s="10"/>
    </row>
    <row r="175061" spans="14:14">
      <c r="N175061" s="10"/>
    </row>
    <row r="175062" spans="14:14">
      <c r="N175062" s="10"/>
    </row>
    <row r="175063" spans="14:14">
      <c r="N175063" s="10"/>
    </row>
    <row r="175064" spans="14:14">
      <c r="N175064" s="10"/>
    </row>
    <row r="175065" spans="14:14">
      <c r="N175065" s="10"/>
    </row>
    <row r="175066" spans="14:14">
      <c r="N175066" s="10"/>
    </row>
    <row r="175067" spans="14:14">
      <c r="N175067" s="10"/>
    </row>
    <row r="175068" spans="14:14">
      <c r="N175068" s="10"/>
    </row>
    <row r="175069" spans="14:14">
      <c r="N175069" s="10"/>
    </row>
    <row r="175070" spans="14:14">
      <c r="N175070" s="10"/>
    </row>
    <row r="175071" spans="14:14">
      <c r="N175071" s="10"/>
    </row>
    <row r="175072" spans="14:14">
      <c r="N175072" s="10"/>
    </row>
    <row r="175073" spans="14:14">
      <c r="N175073" s="10"/>
    </row>
    <row r="175074" spans="14:14">
      <c r="N175074" s="10"/>
    </row>
    <row r="175075" spans="14:14">
      <c r="N175075" s="10"/>
    </row>
    <row r="175076" spans="14:14">
      <c r="N175076" s="10"/>
    </row>
    <row r="175077" spans="14:14">
      <c r="N175077" s="10"/>
    </row>
    <row r="175078" spans="14:14">
      <c r="N175078" s="10"/>
    </row>
    <row r="175079" spans="14:14">
      <c r="N175079" s="10"/>
    </row>
    <row r="175080" spans="14:14">
      <c r="N175080" s="10"/>
    </row>
    <row r="175081" spans="14:14">
      <c r="N175081" s="10"/>
    </row>
    <row r="175082" spans="14:14">
      <c r="N175082" s="10"/>
    </row>
    <row r="175083" spans="14:14">
      <c r="N175083" s="10"/>
    </row>
    <row r="175084" spans="14:14">
      <c r="N175084" s="10"/>
    </row>
    <row r="175085" spans="14:14">
      <c r="N175085" s="10"/>
    </row>
    <row r="175086" spans="14:14">
      <c r="N175086" s="10"/>
    </row>
    <row r="175087" spans="14:14">
      <c r="N175087" s="10"/>
    </row>
    <row r="175088" spans="14:14">
      <c r="N175088" s="10"/>
    </row>
    <row r="175089" spans="14:14">
      <c r="N175089" s="10"/>
    </row>
    <row r="175090" spans="14:14">
      <c r="N175090" s="10"/>
    </row>
    <row r="175091" spans="14:14">
      <c r="N175091" s="10"/>
    </row>
    <row r="175092" spans="14:14">
      <c r="N175092" s="10"/>
    </row>
    <row r="175093" spans="14:14">
      <c r="N175093" s="10"/>
    </row>
    <row r="175094" spans="14:14">
      <c r="N175094" s="10"/>
    </row>
    <row r="175095" spans="14:14">
      <c r="N175095" s="10"/>
    </row>
    <row r="175096" spans="14:14">
      <c r="N175096" s="10"/>
    </row>
    <row r="175097" spans="14:14">
      <c r="N175097" s="10"/>
    </row>
    <row r="175098" spans="14:14">
      <c r="N175098" s="10"/>
    </row>
    <row r="175099" spans="14:14">
      <c r="N175099" s="10"/>
    </row>
    <row r="175100" spans="14:14">
      <c r="N175100" s="10"/>
    </row>
    <row r="175101" spans="14:14">
      <c r="N175101" s="10"/>
    </row>
    <row r="175102" spans="14:14">
      <c r="N175102" s="10"/>
    </row>
    <row r="175103" spans="14:14">
      <c r="N175103" s="10"/>
    </row>
    <row r="175104" spans="14:14">
      <c r="N175104" s="10"/>
    </row>
    <row r="175105" spans="14:14">
      <c r="N175105" s="10"/>
    </row>
    <row r="175106" spans="14:14">
      <c r="N175106" s="10"/>
    </row>
    <row r="175107" spans="14:14">
      <c r="N175107" s="10"/>
    </row>
    <row r="175108" spans="14:14">
      <c r="N175108" s="10"/>
    </row>
    <row r="175109" spans="14:14">
      <c r="N175109" s="10"/>
    </row>
    <row r="175110" spans="14:14">
      <c r="N175110" s="10"/>
    </row>
    <row r="175111" spans="14:14">
      <c r="N175111" s="10"/>
    </row>
    <row r="175112" spans="14:14">
      <c r="N175112" s="10"/>
    </row>
    <row r="175113" spans="14:14">
      <c r="N175113" s="10"/>
    </row>
    <row r="175114" spans="14:14">
      <c r="N175114" s="10"/>
    </row>
    <row r="175115" spans="14:14">
      <c r="N175115" s="10"/>
    </row>
    <row r="175116" spans="14:14">
      <c r="N175116" s="10"/>
    </row>
    <row r="175117" spans="14:14">
      <c r="N175117" s="10"/>
    </row>
    <row r="175118" spans="14:14">
      <c r="N175118" s="10"/>
    </row>
    <row r="175119" spans="14:14">
      <c r="N175119" s="10"/>
    </row>
    <row r="175120" spans="14:14">
      <c r="N175120" s="10"/>
    </row>
    <row r="175121" spans="14:14">
      <c r="N175121" s="10"/>
    </row>
    <row r="175122" spans="14:14">
      <c r="N175122" s="10"/>
    </row>
    <row r="175123" spans="14:14">
      <c r="N175123" s="10"/>
    </row>
    <row r="175124" spans="14:14">
      <c r="N175124" s="10"/>
    </row>
    <row r="175125" spans="14:14">
      <c r="N175125" s="10"/>
    </row>
    <row r="175126" spans="14:14">
      <c r="N175126" s="10"/>
    </row>
    <row r="175127" spans="14:14">
      <c r="N175127" s="10"/>
    </row>
    <row r="175128" spans="14:14">
      <c r="N175128" s="10"/>
    </row>
    <row r="175129" spans="14:14">
      <c r="N175129" s="10"/>
    </row>
    <row r="175130" spans="14:14">
      <c r="N175130" s="10"/>
    </row>
    <row r="175131" spans="14:14">
      <c r="N175131" s="10"/>
    </row>
    <row r="175132" spans="14:14">
      <c r="N175132" s="10"/>
    </row>
    <row r="175133" spans="14:14">
      <c r="N175133" s="10"/>
    </row>
    <row r="175134" spans="14:14">
      <c r="N175134" s="10"/>
    </row>
    <row r="175135" spans="14:14">
      <c r="N175135" s="10"/>
    </row>
    <row r="175136" spans="14:14">
      <c r="N175136" s="10"/>
    </row>
    <row r="175137" spans="14:14">
      <c r="N175137" s="10"/>
    </row>
    <row r="175138" spans="14:14">
      <c r="N175138" s="10"/>
    </row>
    <row r="175139" spans="14:14">
      <c r="N175139" s="10"/>
    </row>
    <row r="175140" spans="14:14">
      <c r="N175140" s="10"/>
    </row>
    <row r="175141" spans="14:14">
      <c r="N175141" s="10"/>
    </row>
    <row r="175142" spans="14:14">
      <c r="N175142" s="10"/>
    </row>
    <row r="175143" spans="14:14">
      <c r="N175143" s="10"/>
    </row>
    <row r="175144" spans="14:14">
      <c r="N175144" s="10"/>
    </row>
    <row r="175145" spans="14:14">
      <c r="N175145" s="10"/>
    </row>
    <row r="175146" spans="14:14">
      <c r="N175146" s="10"/>
    </row>
    <row r="175147" spans="14:14">
      <c r="N175147" s="10"/>
    </row>
    <row r="175148" spans="14:14">
      <c r="N175148" s="10"/>
    </row>
    <row r="175149" spans="14:14">
      <c r="N175149" s="10"/>
    </row>
    <row r="175150" spans="14:14">
      <c r="N175150" s="10"/>
    </row>
    <row r="175151" spans="14:14">
      <c r="N175151" s="10"/>
    </row>
    <row r="175152" spans="14:14">
      <c r="N175152" s="10"/>
    </row>
    <row r="175153" spans="14:14">
      <c r="N175153" s="10"/>
    </row>
    <row r="175154" spans="14:14">
      <c r="N175154" s="10"/>
    </row>
    <row r="175155" spans="14:14">
      <c r="N175155" s="10"/>
    </row>
    <row r="175156" spans="14:14">
      <c r="N175156" s="10"/>
    </row>
    <row r="175157" spans="14:14">
      <c r="N175157" s="10"/>
    </row>
    <row r="175158" spans="14:14">
      <c r="N175158" s="10"/>
    </row>
    <row r="175159" spans="14:14">
      <c r="N175159" s="10"/>
    </row>
    <row r="175160" spans="14:14">
      <c r="N175160" s="10"/>
    </row>
    <row r="175161" spans="14:14">
      <c r="N175161" s="10"/>
    </row>
    <row r="175162" spans="14:14">
      <c r="N175162" s="10"/>
    </row>
    <row r="175163" spans="14:14">
      <c r="N175163" s="10"/>
    </row>
    <row r="175164" spans="14:14">
      <c r="N175164" s="10"/>
    </row>
    <row r="175165" spans="14:14">
      <c r="N175165" s="10"/>
    </row>
    <row r="175166" spans="14:14">
      <c r="N175166" s="10"/>
    </row>
    <row r="175167" spans="14:14">
      <c r="N175167" s="10"/>
    </row>
    <row r="175168" spans="14:14">
      <c r="N175168" s="10"/>
    </row>
    <row r="175169" spans="14:14">
      <c r="N175169" s="10"/>
    </row>
    <row r="175170" spans="14:14">
      <c r="N175170" s="10"/>
    </row>
    <row r="175171" spans="14:14">
      <c r="N175171" s="10"/>
    </row>
    <row r="175172" spans="14:14">
      <c r="N175172" s="10"/>
    </row>
    <row r="175173" spans="14:14">
      <c r="N175173" s="10"/>
    </row>
    <row r="175174" spans="14:14">
      <c r="N175174" s="10"/>
    </row>
    <row r="175175" spans="14:14">
      <c r="N175175" s="10"/>
    </row>
    <row r="175176" spans="14:14">
      <c r="N175176" s="10"/>
    </row>
    <row r="175177" spans="14:14">
      <c r="N175177" s="10"/>
    </row>
    <row r="175178" spans="14:14">
      <c r="N175178" s="10"/>
    </row>
    <row r="175179" spans="14:14">
      <c r="N175179" s="10"/>
    </row>
    <row r="175180" spans="14:14">
      <c r="N175180" s="10"/>
    </row>
    <row r="175181" spans="14:14">
      <c r="N175181" s="10"/>
    </row>
    <row r="175182" spans="14:14">
      <c r="N175182" s="10"/>
    </row>
    <row r="175183" spans="14:14">
      <c r="N175183" s="10"/>
    </row>
    <row r="175184" spans="14:14">
      <c r="N175184" s="10"/>
    </row>
    <row r="175185" spans="14:14">
      <c r="N175185" s="10"/>
    </row>
    <row r="175186" spans="14:14">
      <c r="N175186" s="10"/>
    </row>
    <row r="175187" spans="14:14">
      <c r="N175187" s="10"/>
    </row>
    <row r="175188" spans="14:14">
      <c r="N175188" s="10"/>
    </row>
    <row r="175189" spans="14:14">
      <c r="N175189" s="10"/>
    </row>
    <row r="175190" spans="14:14">
      <c r="N175190" s="10"/>
    </row>
    <row r="175191" spans="14:14">
      <c r="N175191" s="10"/>
    </row>
    <row r="175192" spans="14:14">
      <c r="N175192" s="10"/>
    </row>
    <row r="175193" spans="14:14">
      <c r="N175193" s="10"/>
    </row>
    <row r="175194" spans="14:14">
      <c r="N175194" s="10"/>
    </row>
    <row r="175195" spans="14:14">
      <c r="N175195" s="10"/>
    </row>
    <row r="175196" spans="14:14">
      <c r="N175196" s="10"/>
    </row>
    <row r="175197" spans="14:14">
      <c r="N175197" s="10"/>
    </row>
    <row r="175198" spans="14:14">
      <c r="N175198" s="10"/>
    </row>
    <row r="175199" spans="14:14">
      <c r="N175199" s="10"/>
    </row>
    <row r="175200" spans="14:14">
      <c r="N175200" s="10"/>
    </row>
    <row r="175201" spans="14:14">
      <c r="N175201" s="10"/>
    </row>
    <row r="175202" spans="14:14">
      <c r="N175202" s="10"/>
    </row>
    <row r="175203" spans="14:14">
      <c r="N175203" s="10"/>
    </row>
    <row r="175204" spans="14:14">
      <c r="N175204" s="10"/>
    </row>
    <row r="175205" spans="14:14">
      <c r="N175205" s="10"/>
    </row>
    <row r="175206" spans="14:14">
      <c r="N175206" s="10"/>
    </row>
    <row r="175207" spans="14:14">
      <c r="N175207" s="10"/>
    </row>
    <row r="175208" spans="14:14">
      <c r="N175208" s="10"/>
    </row>
    <row r="175209" spans="14:14">
      <c r="N175209" s="10"/>
    </row>
    <row r="175210" spans="14:14">
      <c r="N175210" s="10"/>
    </row>
    <row r="175211" spans="14:14">
      <c r="N175211" s="10"/>
    </row>
    <row r="175212" spans="14:14">
      <c r="N175212" s="10"/>
    </row>
    <row r="175213" spans="14:14">
      <c r="N175213" s="10"/>
    </row>
    <row r="175214" spans="14:14">
      <c r="N175214" s="10"/>
    </row>
    <row r="175215" spans="14:14">
      <c r="N175215" s="10"/>
    </row>
    <row r="175216" spans="14:14">
      <c r="N175216" s="10"/>
    </row>
    <row r="175217" spans="14:14">
      <c r="N175217" s="10"/>
    </row>
    <row r="175218" spans="14:14">
      <c r="N175218" s="10"/>
    </row>
    <row r="175219" spans="14:14">
      <c r="N175219" s="10"/>
    </row>
    <row r="175220" spans="14:14">
      <c r="N175220" s="10"/>
    </row>
    <row r="175221" spans="14:14">
      <c r="N175221" s="10"/>
    </row>
    <row r="175222" spans="14:14">
      <c r="N175222" s="10"/>
    </row>
    <row r="175223" spans="14:14">
      <c r="N175223" s="10"/>
    </row>
    <row r="175224" spans="14:14">
      <c r="N175224" s="10"/>
    </row>
    <row r="175225" spans="14:14">
      <c r="N175225" s="10"/>
    </row>
    <row r="175226" spans="14:14">
      <c r="N175226" s="10"/>
    </row>
    <row r="175227" spans="14:14">
      <c r="N175227" s="10"/>
    </row>
    <row r="175228" spans="14:14">
      <c r="N175228" s="10"/>
    </row>
    <row r="175229" spans="14:14">
      <c r="N175229" s="10"/>
    </row>
    <row r="175230" spans="14:14">
      <c r="N175230" s="10"/>
    </row>
    <row r="175231" spans="14:14">
      <c r="N175231" s="10"/>
    </row>
    <row r="175232" spans="14:14">
      <c r="N175232" s="10"/>
    </row>
    <row r="175233" spans="14:14">
      <c r="N175233" s="10"/>
    </row>
    <row r="175234" spans="14:14">
      <c r="N175234" s="10"/>
    </row>
    <row r="175235" spans="14:14">
      <c r="N175235" s="10"/>
    </row>
    <row r="175236" spans="14:14">
      <c r="N175236" s="10"/>
    </row>
    <row r="175237" spans="14:14">
      <c r="N175237" s="10"/>
    </row>
    <row r="175238" spans="14:14">
      <c r="N175238" s="10"/>
    </row>
    <row r="175239" spans="14:14">
      <c r="N175239" s="10"/>
    </row>
    <row r="175240" spans="14:14">
      <c r="N175240" s="10"/>
    </row>
    <row r="175241" spans="14:14">
      <c r="N175241" s="10"/>
    </row>
    <row r="175242" spans="14:14">
      <c r="N175242" s="10"/>
    </row>
    <row r="175243" spans="14:14">
      <c r="N175243" s="10"/>
    </row>
    <row r="175244" spans="14:14">
      <c r="N175244" s="10"/>
    </row>
    <row r="175245" spans="14:14">
      <c r="N175245" s="10"/>
    </row>
    <row r="175246" spans="14:14">
      <c r="N175246" s="10"/>
    </row>
    <row r="175247" spans="14:14">
      <c r="N175247" s="10"/>
    </row>
    <row r="175248" spans="14:14">
      <c r="N175248" s="10"/>
    </row>
    <row r="175249" spans="14:14">
      <c r="N175249" s="10"/>
    </row>
    <row r="175250" spans="14:14">
      <c r="N175250" s="10"/>
    </row>
    <row r="175251" spans="14:14">
      <c r="N175251" s="10"/>
    </row>
    <row r="175252" spans="14:14">
      <c r="N175252" s="10"/>
    </row>
    <row r="175253" spans="14:14">
      <c r="N175253" s="10"/>
    </row>
    <row r="175254" spans="14:14">
      <c r="N175254" s="10"/>
    </row>
    <row r="175255" spans="14:14">
      <c r="N175255" s="10"/>
    </row>
    <row r="175256" spans="14:14">
      <c r="N175256" s="10"/>
    </row>
    <row r="175257" spans="14:14">
      <c r="N175257" s="10"/>
    </row>
    <row r="175258" spans="14:14">
      <c r="N175258" s="10"/>
    </row>
    <row r="175259" spans="14:14">
      <c r="N175259" s="10"/>
    </row>
    <row r="175260" spans="14:14">
      <c r="N175260" s="10"/>
    </row>
    <row r="175261" spans="14:14">
      <c r="N175261" s="10"/>
    </row>
    <row r="175262" spans="14:14">
      <c r="N175262" s="10"/>
    </row>
    <row r="175263" spans="14:14">
      <c r="N175263" s="10"/>
    </row>
    <row r="175264" spans="14:14">
      <c r="N175264" s="10"/>
    </row>
    <row r="175265" spans="14:14">
      <c r="N175265" s="10"/>
    </row>
    <row r="175266" spans="14:14">
      <c r="N175266" s="10"/>
    </row>
    <row r="175267" spans="14:14">
      <c r="N175267" s="10"/>
    </row>
    <row r="175268" spans="14:14">
      <c r="N175268" s="10"/>
    </row>
    <row r="175269" spans="14:14">
      <c r="N175269" s="10"/>
    </row>
    <row r="175270" spans="14:14">
      <c r="N175270" s="10"/>
    </row>
    <row r="175271" spans="14:14">
      <c r="N175271" s="10"/>
    </row>
    <row r="175272" spans="14:14">
      <c r="N175272" s="10"/>
    </row>
    <row r="175273" spans="14:14">
      <c r="N175273" s="10"/>
    </row>
    <row r="175274" spans="14:14">
      <c r="N175274" s="10"/>
    </row>
    <row r="175275" spans="14:14">
      <c r="N175275" s="10"/>
    </row>
    <row r="175276" spans="14:14">
      <c r="N175276" s="10"/>
    </row>
    <row r="175277" spans="14:14">
      <c r="N175277" s="10"/>
    </row>
    <row r="175278" spans="14:14">
      <c r="N175278" s="10"/>
    </row>
    <row r="175279" spans="14:14">
      <c r="N175279" s="10"/>
    </row>
    <row r="175280" spans="14:14">
      <c r="N175280" s="10"/>
    </row>
    <row r="175281" spans="14:14">
      <c r="N175281" s="10"/>
    </row>
    <row r="175282" spans="14:14">
      <c r="N175282" s="10"/>
    </row>
    <row r="175283" spans="14:14">
      <c r="N175283" s="10"/>
    </row>
    <row r="175284" spans="14:14">
      <c r="N175284" s="10"/>
    </row>
    <row r="175285" spans="14:14">
      <c r="N175285" s="10"/>
    </row>
    <row r="175286" spans="14:14">
      <c r="N175286" s="10"/>
    </row>
    <row r="175287" spans="14:14">
      <c r="N175287" s="10"/>
    </row>
    <row r="175288" spans="14:14">
      <c r="N175288" s="10"/>
    </row>
    <row r="175289" spans="14:14">
      <c r="N175289" s="10"/>
    </row>
    <row r="175290" spans="14:14">
      <c r="N175290" s="10"/>
    </row>
    <row r="175291" spans="14:14">
      <c r="N175291" s="10"/>
    </row>
    <row r="175292" spans="14:14">
      <c r="N175292" s="10"/>
    </row>
    <row r="175293" spans="14:14">
      <c r="N175293" s="10"/>
    </row>
    <row r="175294" spans="14:14">
      <c r="N175294" s="10"/>
    </row>
    <row r="175295" spans="14:14">
      <c r="N175295" s="10"/>
    </row>
    <row r="175296" spans="14:14">
      <c r="N175296" s="10"/>
    </row>
    <row r="175297" spans="14:14">
      <c r="N175297" s="10"/>
    </row>
    <row r="175298" spans="14:14">
      <c r="N175298" s="10"/>
    </row>
    <row r="175299" spans="14:14">
      <c r="N175299" s="10"/>
    </row>
    <row r="175300" spans="14:14">
      <c r="N175300" s="10"/>
    </row>
    <row r="175301" spans="14:14">
      <c r="N175301" s="10"/>
    </row>
    <row r="175302" spans="14:14">
      <c r="N175302" s="10"/>
    </row>
    <row r="175303" spans="14:14">
      <c r="N175303" s="10"/>
    </row>
    <row r="175304" spans="14:14">
      <c r="N175304" s="10"/>
    </row>
    <row r="175305" spans="14:14">
      <c r="N175305" s="10"/>
    </row>
    <row r="175306" spans="14:14">
      <c r="N175306" s="10"/>
    </row>
    <row r="175307" spans="14:14">
      <c r="N175307" s="10"/>
    </row>
    <row r="175308" spans="14:14">
      <c r="N175308" s="10"/>
    </row>
    <row r="175309" spans="14:14">
      <c r="N175309" s="10"/>
    </row>
    <row r="175310" spans="14:14">
      <c r="N175310" s="10"/>
    </row>
    <row r="175311" spans="14:14">
      <c r="N175311" s="10"/>
    </row>
    <row r="175312" spans="14:14">
      <c r="N175312" s="10"/>
    </row>
    <row r="175313" spans="14:14">
      <c r="N175313" s="10"/>
    </row>
    <row r="175314" spans="14:14">
      <c r="N175314" s="10"/>
    </row>
    <row r="175315" spans="14:14">
      <c r="N175315" s="10"/>
    </row>
    <row r="175316" spans="14:14">
      <c r="N175316" s="10"/>
    </row>
    <row r="175317" spans="14:14">
      <c r="N175317" s="10"/>
    </row>
    <row r="175318" spans="14:14">
      <c r="N175318" s="10"/>
    </row>
    <row r="175319" spans="14:14">
      <c r="N175319" s="10"/>
    </row>
    <row r="175320" spans="14:14">
      <c r="N175320" s="10"/>
    </row>
    <row r="175321" spans="14:14">
      <c r="N175321" s="10"/>
    </row>
    <row r="175322" spans="14:14">
      <c r="N175322" s="10"/>
    </row>
    <row r="175323" spans="14:14">
      <c r="N175323" s="10"/>
    </row>
    <row r="175324" spans="14:14">
      <c r="N175324" s="10"/>
    </row>
    <row r="175325" spans="14:14">
      <c r="N175325" s="10"/>
    </row>
    <row r="175326" spans="14:14">
      <c r="N175326" s="10"/>
    </row>
    <row r="175327" spans="14:14">
      <c r="N175327" s="10"/>
    </row>
    <row r="175328" spans="14:14">
      <c r="N175328" s="10"/>
    </row>
    <row r="175329" spans="14:14">
      <c r="N175329" s="10"/>
    </row>
    <row r="175330" spans="14:14">
      <c r="N175330" s="10"/>
    </row>
    <row r="175331" spans="14:14">
      <c r="N175331" s="10"/>
    </row>
    <row r="175332" spans="14:14">
      <c r="N175332" s="10"/>
    </row>
    <row r="175333" spans="14:14">
      <c r="N175333" s="10"/>
    </row>
    <row r="175334" spans="14:14">
      <c r="N175334" s="10"/>
    </row>
    <row r="175335" spans="14:14">
      <c r="N175335" s="10"/>
    </row>
    <row r="175336" spans="14:14">
      <c r="N175336" s="10"/>
    </row>
    <row r="175337" spans="14:14">
      <c r="N175337" s="10"/>
    </row>
    <row r="175338" spans="14:14">
      <c r="N175338" s="10"/>
    </row>
    <row r="175339" spans="14:14">
      <c r="N175339" s="10"/>
    </row>
    <row r="175340" spans="14:14">
      <c r="N175340" s="10"/>
    </row>
    <row r="175341" spans="14:14">
      <c r="N175341" s="10"/>
    </row>
    <row r="175342" spans="14:14">
      <c r="N175342" s="10"/>
    </row>
    <row r="175343" spans="14:14">
      <c r="N175343" s="10"/>
    </row>
    <row r="175344" spans="14:14">
      <c r="N175344" s="10"/>
    </row>
    <row r="175345" spans="14:14">
      <c r="N175345" s="10"/>
    </row>
    <row r="175346" spans="14:14">
      <c r="N175346" s="10"/>
    </row>
    <row r="175347" spans="14:14">
      <c r="N175347" s="10"/>
    </row>
    <row r="175348" spans="14:14">
      <c r="N175348" s="10"/>
    </row>
    <row r="175349" spans="14:14">
      <c r="N175349" s="10"/>
    </row>
    <row r="175350" spans="14:14">
      <c r="N175350" s="10"/>
    </row>
    <row r="175351" spans="14:14">
      <c r="N175351" s="10"/>
    </row>
    <row r="175352" spans="14:14">
      <c r="N175352" s="10"/>
    </row>
    <row r="175353" spans="14:14">
      <c r="N175353" s="10"/>
    </row>
    <row r="175354" spans="14:14">
      <c r="N175354" s="10"/>
    </row>
    <row r="175355" spans="14:14">
      <c r="N175355" s="10"/>
    </row>
    <row r="175356" spans="14:14">
      <c r="N175356" s="10"/>
    </row>
    <row r="175357" spans="14:14">
      <c r="N175357" s="10"/>
    </row>
    <row r="175358" spans="14:14">
      <c r="N175358" s="10"/>
    </row>
    <row r="175359" spans="14:14">
      <c r="N175359" s="10"/>
    </row>
    <row r="175360" spans="14:14">
      <c r="N175360" s="10"/>
    </row>
    <row r="175361" spans="14:14">
      <c r="N175361" s="10"/>
    </row>
    <row r="175362" spans="14:14">
      <c r="N175362" s="10"/>
    </row>
    <row r="175363" spans="14:14">
      <c r="N175363" s="10"/>
    </row>
    <row r="175364" spans="14:14">
      <c r="N175364" s="10"/>
    </row>
    <row r="175365" spans="14:14">
      <c r="N175365" s="10"/>
    </row>
    <row r="175366" spans="14:14">
      <c r="N175366" s="10"/>
    </row>
    <row r="175367" spans="14:14">
      <c r="N175367" s="10"/>
    </row>
    <row r="175368" spans="14:14">
      <c r="N175368" s="10"/>
    </row>
    <row r="175369" spans="14:14">
      <c r="N175369" s="10"/>
    </row>
    <row r="175370" spans="14:14">
      <c r="N175370" s="10"/>
    </row>
    <row r="175371" spans="14:14">
      <c r="N175371" s="10"/>
    </row>
    <row r="175372" spans="14:14">
      <c r="N175372" s="10"/>
    </row>
    <row r="175373" spans="14:14">
      <c r="N175373" s="10"/>
    </row>
    <row r="175374" spans="14:14">
      <c r="N175374" s="10"/>
    </row>
    <row r="175375" spans="14:14">
      <c r="N175375" s="10"/>
    </row>
    <row r="175376" spans="14:14">
      <c r="N175376" s="10"/>
    </row>
    <row r="175377" spans="14:14">
      <c r="N175377" s="10"/>
    </row>
    <row r="175378" spans="14:14">
      <c r="N175378" s="10"/>
    </row>
    <row r="175379" spans="14:14">
      <c r="N175379" s="10"/>
    </row>
    <row r="175380" spans="14:14">
      <c r="N175380" s="10"/>
    </row>
    <row r="175381" spans="14:14">
      <c r="N175381" s="10"/>
    </row>
    <row r="175382" spans="14:14">
      <c r="N175382" s="10"/>
    </row>
    <row r="175383" spans="14:14">
      <c r="N175383" s="10"/>
    </row>
    <row r="175384" spans="14:14">
      <c r="N175384" s="10"/>
    </row>
    <row r="175385" spans="14:14">
      <c r="N175385" s="10"/>
    </row>
    <row r="175386" spans="14:14">
      <c r="N175386" s="10"/>
    </row>
    <row r="175387" spans="14:14">
      <c r="N175387" s="10"/>
    </row>
    <row r="175388" spans="14:14">
      <c r="N175388" s="10"/>
    </row>
    <row r="175389" spans="14:14">
      <c r="N175389" s="10"/>
    </row>
    <row r="175390" spans="14:14">
      <c r="N175390" s="10"/>
    </row>
    <row r="175391" spans="14:14">
      <c r="N175391" s="10"/>
    </row>
    <row r="175392" spans="14:14">
      <c r="N175392" s="10"/>
    </row>
    <row r="175393" spans="14:14">
      <c r="N175393" s="10"/>
    </row>
    <row r="175394" spans="14:14">
      <c r="N175394" s="10"/>
    </row>
    <row r="175395" spans="14:14">
      <c r="N175395" s="10"/>
    </row>
    <row r="175396" spans="14:14">
      <c r="N175396" s="10"/>
    </row>
    <row r="175397" spans="14:14">
      <c r="N175397" s="10"/>
    </row>
    <row r="175398" spans="14:14">
      <c r="N175398" s="10"/>
    </row>
    <row r="175399" spans="14:14">
      <c r="N175399" s="10"/>
    </row>
    <row r="175400" spans="14:14">
      <c r="N175400" s="10"/>
    </row>
    <row r="175401" spans="14:14">
      <c r="N175401" s="10"/>
    </row>
    <row r="175402" spans="14:14">
      <c r="N175402" s="10"/>
    </row>
    <row r="175403" spans="14:14">
      <c r="N175403" s="10"/>
    </row>
    <row r="175404" spans="14:14">
      <c r="N175404" s="10"/>
    </row>
    <row r="175405" spans="14:14">
      <c r="N175405" s="10"/>
    </row>
    <row r="175406" spans="14:14">
      <c r="N175406" s="10"/>
    </row>
    <row r="175407" spans="14:14">
      <c r="N175407" s="10"/>
    </row>
    <row r="175408" spans="14:14">
      <c r="N175408" s="10"/>
    </row>
    <row r="175409" spans="14:14">
      <c r="N175409" s="10"/>
    </row>
    <row r="175410" spans="14:14">
      <c r="N175410" s="10"/>
    </row>
    <row r="175411" spans="14:14">
      <c r="N175411" s="10"/>
    </row>
    <row r="175412" spans="14:14">
      <c r="N175412" s="10"/>
    </row>
    <row r="175413" spans="14:14">
      <c r="N175413" s="10"/>
    </row>
    <row r="175414" spans="14:14">
      <c r="N175414" s="10"/>
    </row>
    <row r="175415" spans="14:14">
      <c r="N175415" s="10"/>
    </row>
    <row r="175416" spans="14:14">
      <c r="N175416" s="10"/>
    </row>
    <row r="175417" spans="14:14">
      <c r="N175417" s="10"/>
    </row>
    <row r="175418" spans="14:14">
      <c r="N175418" s="10"/>
    </row>
    <row r="175419" spans="14:14">
      <c r="N175419" s="10"/>
    </row>
    <row r="175420" spans="14:14">
      <c r="N175420" s="10"/>
    </row>
    <row r="175421" spans="14:14">
      <c r="N175421" s="10"/>
    </row>
    <row r="175422" spans="14:14">
      <c r="N175422" s="10"/>
    </row>
    <row r="175423" spans="14:14">
      <c r="N175423" s="10"/>
    </row>
    <row r="175424" spans="14:14">
      <c r="N175424" s="10"/>
    </row>
    <row r="175425" spans="14:14">
      <c r="N175425" s="10"/>
    </row>
    <row r="175426" spans="14:14">
      <c r="N175426" s="10"/>
    </row>
    <row r="175427" spans="14:14">
      <c r="N175427" s="10"/>
    </row>
    <row r="175428" spans="14:14">
      <c r="N175428" s="10"/>
    </row>
    <row r="175429" spans="14:14">
      <c r="N175429" s="10"/>
    </row>
    <row r="175430" spans="14:14">
      <c r="N175430" s="10"/>
    </row>
    <row r="175431" spans="14:14">
      <c r="N175431" s="10"/>
    </row>
    <row r="175432" spans="14:14">
      <c r="N175432" s="10"/>
    </row>
    <row r="175433" spans="14:14">
      <c r="N175433" s="10"/>
    </row>
    <row r="175434" spans="14:14">
      <c r="N175434" s="10"/>
    </row>
    <row r="175435" spans="14:14">
      <c r="N175435" s="10"/>
    </row>
    <row r="175436" spans="14:14">
      <c r="N175436" s="10"/>
    </row>
    <row r="175437" spans="14:14">
      <c r="N175437" s="10"/>
    </row>
    <row r="175438" spans="14:14">
      <c r="N175438" s="10"/>
    </row>
    <row r="175439" spans="14:14">
      <c r="N175439" s="10"/>
    </row>
    <row r="175440" spans="14:14">
      <c r="N175440" s="10"/>
    </row>
    <row r="175441" spans="14:14">
      <c r="N175441" s="10"/>
    </row>
    <row r="175442" spans="14:14">
      <c r="N175442" s="10"/>
    </row>
    <row r="175443" spans="14:14">
      <c r="N175443" s="10"/>
    </row>
    <row r="175444" spans="14:14">
      <c r="N175444" s="10"/>
    </row>
    <row r="175445" spans="14:14">
      <c r="N175445" s="10"/>
    </row>
    <row r="175446" spans="14:14">
      <c r="N175446" s="10"/>
    </row>
    <row r="175447" spans="14:14">
      <c r="N175447" s="10"/>
    </row>
    <row r="175448" spans="14:14">
      <c r="N175448" s="10"/>
    </row>
    <row r="175449" spans="14:14">
      <c r="N175449" s="10"/>
    </row>
    <row r="175450" spans="14:14">
      <c r="N175450" s="10"/>
    </row>
    <row r="175451" spans="14:14">
      <c r="N175451" s="10"/>
    </row>
    <row r="175452" spans="14:14">
      <c r="N175452" s="10"/>
    </row>
    <row r="175453" spans="14:14">
      <c r="N175453" s="10"/>
    </row>
    <row r="175454" spans="14:14">
      <c r="N175454" s="10"/>
    </row>
    <row r="175455" spans="14:14">
      <c r="N175455" s="10"/>
    </row>
    <row r="175456" spans="14:14">
      <c r="N175456" s="10"/>
    </row>
    <row r="175457" spans="14:14">
      <c r="N175457" s="10"/>
    </row>
    <row r="175458" spans="14:14">
      <c r="N175458" s="10"/>
    </row>
    <row r="175459" spans="14:14">
      <c r="N175459" s="10"/>
    </row>
    <row r="175460" spans="14:14">
      <c r="N175460" s="10"/>
    </row>
    <row r="175461" spans="14:14">
      <c r="N175461" s="10"/>
    </row>
    <row r="175462" spans="14:14">
      <c r="N175462" s="10"/>
    </row>
    <row r="175463" spans="14:14">
      <c r="N175463" s="10"/>
    </row>
    <row r="175464" spans="14:14">
      <c r="N175464" s="10"/>
    </row>
    <row r="175465" spans="14:14">
      <c r="N175465" s="10"/>
    </row>
    <row r="175466" spans="14:14">
      <c r="N175466" s="10"/>
    </row>
    <row r="175467" spans="14:14">
      <c r="N175467" s="10"/>
    </row>
    <row r="175468" spans="14:14">
      <c r="N175468" s="10"/>
    </row>
    <row r="175469" spans="14:14">
      <c r="N175469" s="10"/>
    </row>
    <row r="175470" spans="14:14">
      <c r="N175470" s="10"/>
    </row>
    <row r="175471" spans="14:14">
      <c r="N175471" s="10"/>
    </row>
    <row r="175472" spans="14:14">
      <c r="N175472" s="10"/>
    </row>
    <row r="175473" spans="14:14">
      <c r="N175473" s="10"/>
    </row>
    <row r="175474" spans="14:14">
      <c r="N175474" s="10"/>
    </row>
    <row r="175475" spans="14:14">
      <c r="N175475" s="10"/>
    </row>
    <row r="175476" spans="14:14">
      <c r="N175476" s="10"/>
    </row>
    <row r="175477" spans="14:14">
      <c r="N175477" s="10"/>
    </row>
    <row r="175478" spans="14:14">
      <c r="N175478" s="10"/>
    </row>
    <row r="175479" spans="14:14">
      <c r="N175479" s="10"/>
    </row>
    <row r="175480" spans="14:14">
      <c r="N175480" s="10"/>
    </row>
    <row r="175481" spans="14:14">
      <c r="N175481" s="10"/>
    </row>
    <row r="175482" spans="14:14">
      <c r="N175482" s="10"/>
    </row>
    <row r="175483" spans="14:14">
      <c r="N175483" s="10"/>
    </row>
    <row r="175484" spans="14:14">
      <c r="N175484" s="10"/>
    </row>
    <row r="175485" spans="14:14">
      <c r="N175485" s="10"/>
    </row>
    <row r="175486" spans="14:14">
      <c r="N175486" s="10"/>
    </row>
    <row r="175487" spans="14:14">
      <c r="N175487" s="10"/>
    </row>
    <row r="175488" spans="14:14">
      <c r="N175488" s="10"/>
    </row>
    <row r="175489" spans="14:14">
      <c r="N175489" s="10"/>
    </row>
    <row r="175490" spans="14:14">
      <c r="N175490" s="10"/>
    </row>
    <row r="175491" spans="14:14">
      <c r="N175491" s="10"/>
    </row>
    <row r="175492" spans="14:14">
      <c r="N175492" s="10"/>
    </row>
    <row r="175493" spans="14:14">
      <c r="N175493" s="10"/>
    </row>
    <row r="175494" spans="14:14">
      <c r="N175494" s="10"/>
    </row>
    <row r="175495" spans="14:14">
      <c r="N175495" s="10"/>
    </row>
    <row r="175496" spans="14:14">
      <c r="N175496" s="10"/>
    </row>
    <row r="175497" spans="14:14">
      <c r="N175497" s="10"/>
    </row>
    <row r="175498" spans="14:14">
      <c r="N175498" s="10"/>
    </row>
    <row r="175499" spans="14:14">
      <c r="N175499" s="10"/>
    </row>
    <row r="175500" spans="14:14">
      <c r="N175500" s="10"/>
    </row>
    <row r="175501" spans="14:14">
      <c r="N175501" s="10"/>
    </row>
    <row r="175502" spans="14:14">
      <c r="N175502" s="10"/>
    </row>
    <row r="175503" spans="14:14">
      <c r="N175503" s="10"/>
    </row>
    <row r="175504" spans="14:14">
      <c r="N175504" s="10"/>
    </row>
    <row r="175505" spans="14:14">
      <c r="N175505" s="10"/>
    </row>
    <row r="175506" spans="14:14">
      <c r="N175506" s="10"/>
    </row>
    <row r="175507" spans="14:14">
      <c r="N175507" s="10"/>
    </row>
    <row r="175508" spans="14:14">
      <c r="N175508" s="10"/>
    </row>
    <row r="175509" spans="14:14">
      <c r="N175509" s="10"/>
    </row>
    <row r="175510" spans="14:14">
      <c r="N175510" s="10"/>
    </row>
    <row r="175511" spans="14:14">
      <c r="N175511" s="10"/>
    </row>
    <row r="175512" spans="14:14">
      <c r="N175512" s="10"/>
    </row>
    <row r="175513" spans="14:14">
      <c r="N175513" s="10"/>
    </row>
    <row r="175514" spans="14:14">
      <c r="N175514" s="10"/>
    </row>
    <row r="175515" spans="14:14">
      <c r="N175515" s="10"/>
    </row>
    <row r="175516" spans="14:14">
      <c r="N175516" s="10"/>
    </row>
    <row r="175517" spans="14:14">
      <c r="N175517" s="10"/>
    </row>
    <row r="175518" spans="14:14">
      <c r="N175518" s="10"/>
    </row>
    <row r="175519" spans="14:14">
      <c r="N175519" s="10"/>
    </row>
    <row r="175520" spans="14:14">
      <c r="N175520" s="10"/>
    </row>
    <row r="175521" spans="14:14">
      <c r="N175521" s="10"/>
    </row>
    <row r="175522" spans="14:14">
      <c r="N175522" s="10"/>
    </row>
    <row r="175523" spans="14:14">
      <c r="N175523" s="10"/>
    </row>
    <row r="175524" spans="14:14">
      <c r="N175524" s="10"/>
    </row>
    <row r="175525" spans="14:14">
      <c r="N175525" s="10"/>
    </row>
    <row r="175526" spans="14:14">
      <c r="N175526" s="10"/>
    </row>
    <row r="175527" spans="14:14">
      <c r="N175527" s="10"/>
    </row>
    <row r="175528" spans="14:14">
      <c r="N175528" s="10"/>
    </row>
    <row r="175529" spans="14:14">
      <c r="N175529" s="10"/>
    </row>
    <row r="175530" spans="14:14">
      <c r="N175530" s="10"/>
    </row>
    <row r="175531" spans="14:14">
      <c r="N175531" s="10"/>
    </row>
    <row r="175532" spans="14:14">
      <c r="N175532" s="10"/>
    </row>
    <row r="175533" spans="14:14">
      <c r="N175533" s="10"/>
    </row>
    <row r="175534" spans="14:14">
      <c r="N175534" s="10"/>
    </row>
    <row r="175535" spans="14:14">
      <c r="N175535" s="10"/>
    </row>
    <row r="175536" spans="14:14">
      <c r="N175536" s="10"/>
    </row>
    <row r="175537" spans="14:14">
      <c r="N175537" s="10"/>
    </row>
    <row r="175538" spans="14:14">
      <c r="N175538" s="10"/>
    </row>
    <row r="175539" spans="14:14">
      <c r="N175539" s="10"/>
    </row>
    <row r="175540" spans="14:14">
      <c r="N175540" s="10"/>
    </row>
    <row r="175541" spans="14:14">
      <c r="N175541" s="10"/>
    </row>
    <row r="175542" spans="14:14">
      <c r="N175542" s="10"/>
    </row>
    <row r="175543" spans="14:14">
      <c r="N175543" s="10"/>
    </row>
    <row r="175544" spans="14:14">
      <c r="N175544" s="10"/>
    </row>
    <row r="175545" spans="14:14">
      <c r="N175545" s="10"/>
    </row>
    <row r="175546" spans="14:14">
      <c r="N175546" s="10"/>
    </row>
    <row r="175547" spans="14:14">
      <c r="N175547" s="10"/>
    </row>
    <row r="175548" spans="14:14">
      <c r="N175548" s="10"/>
    </row>
    <row r="175549" spans="14:14">
      <c r="N175549" s="10"/>
    </row>
    <row r="175550" spans="14:14">
      <c r="N175550" s="10"/>
    </row>
    <row r="175551" spans="14:14">
      <c r="N175551" s="10"/>
    </row>
    <row r="175552" spans="14:14">
      <c r="N175552" s="10"/>
    </row>
    <row r="175553" spans="14:14">
      <c r="N175553" s="10"/>
    </row>
    <row r="175554" spans="14:14">
      <c r="N175554" s="10"/>
    </row>
    <row r="175555" spans="14:14">
      <c r="N175555" s="10"/>
    </row>
    <row r="175556" spans="14:14">
      <c r="N175556" s="10"/>
    </row>
    <row r="175557" spans="14:14">
      <c r="N175557" s="10"/>
    </row>
    <row r="175558" spans="14:14">
      <c r="N175558" s="10"/>
    </row>
    <row r="175559" spans="14:14">
      <c r="N175559" s="10"/>
    </row>
    <row r="175560" spans="14:14">
      <c r="N175560" s="10"/>
    </row>
    <row r="175561" spans="14:14">
      <c r="N175561" s="10"/>
    </row>
    <row r="175562" spans="14:14">
      <c r="N175562" s="10"/>
    </row>
    <row r="175563" spans="14:14">
      <c r="N175563" s="10"/>
    </row>
    <row r="175564" spans="14:14">
      <c r="N175564" s="10"/>
    </row>
    <row r="175565" spans="14:14">
      <c r="N175565" s="10"/>
    </row>
    <row r="175566" spans="14:14">
      <c r="N175566" s="10"/>
    </row>
    <row r="175567" spans="14:14">
      <c r="N175567" s="10"/>
    </row>
    <row r="175568" spans="14:14">
      <c r="N175568" s="10"/>
    </row>
    <row r="175569" spans="14:14">
      <c r="N175569" s="10"/>
    </row>
    <row r="175570" spans="14:14">
      <c r="N175570" s="10"/>
    </row>
    <row r="175571" spans="14:14">
      <c r="N175571" s="10"/>
    </row>
    <row r="175572" spans="14:14">
      <c r="N175572" s="10"/>
    </row>
    <row r="175573" spans="14:14">
      <c r="N175573" s="10"/>
    </row>
    <row r="175574" spans="14:14">
      <c r="N175574" s="10"/>
    </row>
    <row r="175575" spans="14:14">
      <c r="N175575" s="10"/>
    </row>
    <row r="175576" spans="14:14">
      <c r="N175576" s="10"/>
    </row>
    <row r="175577" spans="14:14">
      <c r="N175577" s="10"/>
    </row>
    <row r="175578" spans="14:14">
      <c r="N175578" s="10"/>
    </row>
    <row r="175579" spans="14:14">
      <c r="N175579" s="10"/>
    </row>
    <row r="175580" spans="14:14">
      <c r="N175580" s="10"/>
    </row>
    <row r="175581" spans="14:14">
      <c r="N175581" s="10"/>
    </row>
    <row r="175582" spans="14:14">
      <c r="N175582" s="10"/>
    </row>
    <row r="175583" spans="14:14">
      <c r="N175583" s="10"/>
    </row>
    <row r="175584" spans="14:14">
      <c r="N175584" s="10"/>
    </row>
    <row r="175585" spans="14:14">
      <c r="N175585" s="10"/>
    </row>
    <row r="175586" spans="14:14">
      <c r="N175586" s="10"/>
    </row>
    <row r="175587" spans="14:14">
      <c r="N175587" s="10"/>
    </row>
    <row r="175588" spans="14:14">
      <c r="N175588" s="10"/>
    </row>
    <row r="175589" spans="14:14">
      <c r="N175589" s="10"/>
    </row>
    <row r="175590" spans="14:14">
      <c r="N175590" s="10"/>
    </row>
    <row r="175591" spans="14:14">
      <c r="N175591" s="10"/>
    </row>
    <row r="175592" spans="14:14">
      <c r="N175592" s="10"/>
    </row>
    <row r="175593" spans="14:14">
      <c r="N175593" s="10"/>
    </row>
    <row r="175594" spans="14:14">
      <c r="N175594" s="10"/>
    </row>
    <row r="175595" spans="14:14">
      <c r="N175595" s="10"/>
    </row>
    <row r="175596" spans="14:14">
      <c r="N175596" s="10"/>
    </row>
    <row r="175597" spans="14:14">
      <c r="N175597" s="10"/>
    </row>
    <row r="175598" spans="14:14">
      <c r="N175598" s="10"/>
    </row>
    <row r="175599" spans="14:14">
      <c r="N175599" s="10"/>
    </row>
    <row r="175600" spans="14:14">
      <c r="N175600" s="10"/>
    </row>
    <row r="175601" spans="14:14">
      <c r="N175601" s="10"/>
    </row>
    <row r="175602" spans="14:14">
      <c r="N175602" s="10"/>
    </row>
    <row r="175603" spans="14:14">
      <c r="N175603" s="10"/>
    </row>
    <row r="175604" spans="14:14">
      <c r="N175604" s="10"/>
    </row>
    <row r="175605" spans="14:14">
      <c r="N175605" s="10"/>
    </row>
    <row r="175606" spans="14:14">
      <c r="N175606" s="10"/>
    </row>
    <row r="175607" spans="14:14">
      <c r="N175607" s="10"/>
    </row>
    <row r="175608" spans="14:14">
      <c r="N175608" s="10"/>
    </row>
    <row r="175609" spans="14:14">
      <c r="N175609" s="10"/>
    </row>
    <row r="175610" spans="14:14">
      <c r="N175610" s="10"/>
    </row>
    <row r="175611" spans="14:14">
      <c r="N175611" s="10"/>
    </row>
    <row r="175612" spans="14:14">
      <c r="N175612" s="10"/>
    </row>
    <row r="175613" spans="14:14">
      <c r="N175613" s="10"/>
    </row>
    <row r="175614" spans="14:14">
      <c r="N175614" s="10"/>
    </row>
    <row r="175615" spans="14:14">
      <c r="N175615" s="10"/>
    </row>
    <row r="175616" spans="14:14">
      <c r="N175616" s="10"/>
    </row>
    <row r="175617" spans="14:14">
      <c r="N175617" s="10"/>
    </row>
    <row r="175618" spans="14:14">
      <c r="N175618" s="10"/>
    </row>
    <row r="175619" spans="14:14">
      <c r="N175619" s="10"/>
    </row>
    <row r="175620" spans="14:14">
      <c r="N175620" s="10"/>
    </row>
    <row r="175621" spans="14:14">
      <c r="N175621" s="10"/>
    </row>
    <row r="175622" spans="14:14">
      <c r="N175622" s="10"/>
    </row>
    <row r="175623" spans="14:14">
      <c r="N175623" s="10"/>
    </row>
    <row r="175624" spans="14:14">
      <c r="N175624" s="10"/>
    </row>
    <row r="175625" spans="14:14">
      <c r="N175625" s="10"/>
    </row>
    <row r="175626" spans="14:14">
      <c r="N175626" s="10"/>
    </row>
    <row r="175627" spans="14:14">
      <c r="N175627" s="10"/>
    </row>
    <row r="175628" spans="14:14">
      <c r="N175628" s="10"/>
    </row>
    <row r="175629" spans="14:14">
      <c r="N175629" s="10"/>
    </row>
    <row r="175630" spans="14:14">
      <c r="N175630" s="10"/>
    </row>
    <row r="175631" spans="14:14">
      <c r="N175631" s="10"/>
    </row>
    <row r="175632" spans="14:14">
      <c r="N175632" s="10"/>
    </row>
    <row r="175633" spans="14:14">
      <c r="N175633" s="10"/>
    </row>
    <row r="175634" spans="14:14">
      <c r="N175634" s="10"/>
    </row>
    <row r="175635" spans="14:14">
      <c r="N175635" s="10"/>
    </row>
    <row r="175636" spans="14:14">
      <c r="N175636" s="10"/>
    </row>
    <row r="175637" spans="14:14">
      <c r="N175637" s="10"/>
    </row>
    <row r="175638" spans="14:14">
      <c r="N175638" s="10"/>
    </row>
    <row r="175639" spans="14:14">
      <c r="N175639" s="10"/>
    </row>
    <row r="175640" spans="14:14">
      <c r="N175640" s="10"/>
    </row>
    <row r="175641" spans="14:14">
      <c r="N175641" s="10"/>
    </row>
    <row r="175642" spans="14:14">
      <c r="N175642" s="10"/>
    </row>
    <row r="175643" spans="14:14">
      <c r="N175643" s="10"/>
    </row>
    <row r="175644" spans="14:14">
      <c r="N175644" s="10"/>
    </row>
    <row r="175645" spans="14:14">
      <c r="N175645" s="10"/>
    </row>
    <row r="175646" spans="14:14">
      <c r="N175646" s="10"/>
    </row>
    <row r="175647" spans="14:14">
      <c r="N175647" s="10"/>
    </row>
    <row r="175648" spans="14:14">
      <c r="N175648" s="10"/>
    </row>
    <row r="175649" spans="14:14">
      <c r="N175649" s="10"/>
    </row>
    <row r="175650" spans="14:14">
      <c r="N175650" s="10"/>
    </row>
    <row r="175651" spans="14:14">
      <c r="N175651" s="10"/>
    </row>
    <row r="175652" spans="14:14">
      <c r="N175652" s="10"/>
    </row>
    <row r="175653" spans="14:14">
      <c r="N175653" s="10"/>
    </row>
    <row r="175654" spans="14:14">
      <c r="N175654" s="10"/>
    </row>
    <row r="175655" spans="14:14">
      <c r="N175655" s="10"/>
    </row>
    <row r="175656" spans="14:14">
      <c r="N175656" s="10"/>
    </row>
    <row r="175657" spans="14:14">
      <c r="N175657" s="10"/>
    </row>
    <row r="175658" spans="14:14">
      <c r="N175658" s="10"/>
    </row>
    <row r="175659" spans="14:14">
      <c r="N175659" s="10"/>
    </row>
    <row r="175660" spans="14:14">
      <c r="N175660" s="10"/>
    </row>
    <row r="175661" spans="14:14">
      <c r="N175661" s="10"/>
    </row>
    <row r="175662" spans="14:14">
      <c r="N175662" s="10"/>
    </row>
    <row r="175663" spans="14:14">
      <c r="N175663" s="10"/>
    </row>
    <row r="175664" spans="14:14">
      <c r="N175664" s="10"/>
    </row>
    <row r="175665" spans="14:14">
      <c r="N175665" s="10"/>
    </row>
    <row r="175666" spans="14:14">
      <c r="N175666" s="10"/>
    </row>
    <row r="175667" spans="14:14">
      <c r="N175667" s="10"/>
    </row>
    <row r="175668" spans="14:14">
      <c r="N175668" s="10"/>
    </row>
    <row r="175669" spans="14:14">
      <c r="N175669" s="10"/>
    </row>
    <row r="175670" spans="14:14">
      <c r="N175670" s="10"/>
    </row>
    <row r="175671" spans="14:14">
      <c r="N175671" s="10"/>
    </row>
    <row r="175672" spans="14:14">
      <c r="N175672" s="10"/>
    </row>
    <row r="175673" spans="14:14">
      <c r="N175673" s="10"/>
    </row>
    <row r="175674" spans="14:14">
      <c r="N175674" s="10"/>
    </row>
    <row r="175675" spans="14:14">
      <c r="N175675" s="10"/>
    </row>
    <row r="175676" spans="14:14">
      <c r="N175676" s="10"/>
    </row>
    <row r="175677" spans="14:14">
      <c r="N175677" s="10"/>
    </row>
    <row r="175678" spans="14:14">
      <c r="N175678" s="10"/>
    </row>
    <row r="175679" spans="14:14">
      <c r="N175679" s="10"/>
    </row>
    <row r="175680" spans="14:14">
      <c r="N175680" s="10"/>
    </row>
    <row r="175681" spans="14:14">
      <c r="N175681" s="10"/>
    </row>
    <row r="175682" spans="14:14">
      <c r="N175682" s="10"/>
    </row>
    <row r="175683" spans="14:14">
      <c r="N175683" s="10"/>
    </row>
    <row r="175684" spans="14:14">
      <c r="N175684" s="10"/>
    </row>
    <row r="175685" spans="14:14">
      <c r="N175685" s="10"/>
    </row>
    <row r="175686" spans="14:14">
      <c r="N175686" s="10"/>
    </row>
    <row r="175687" spans="14:14">
      <c r="N175687" s="10"/>
    </row>
    <row r="175688" spans="14:14">
      <c r="N175688" s="10"/>
    </row>
    <row r="175689" spans="14:14">
      <c r="N175689" s="10"/>
    </row>
    <row r="175690" spans="14:14">
      <c r="N175690" s="10"/>
    </row>
    <row r="175691" spans="14:14">
      <c r="N175691" s="10"/>
    </row>
    <row r="175692" spans="14:14">
      <c r="N175692" s="10"/>
    </row>
    <row r="175693" spans="14:14">
      <c r="N175693" s="10"/>
    </row>
    <row r="175694" spans="14:14">
      <c r="N175694" s="10"/>
    </row>
    <row r="175695" spans="14:14">
      <c r="N175695" s="10"/>
    </row>
    <row r="175696" spans="14:14">
      <c r="N175696" s="10"/>
    </row>
    <row r="175697" spans="14:14">
      <c r="N175697" s="10"/>
    </row>
    <row r="175698" spans="14:14">
      <c r="N175698" s="10"/>
    </row>
    <row r="175699" spans="14:14">
      <c r="N175699" s="10"/>
    </row>
    <row r="175700" spans="14:14">
      <c r="N175700" s="10"/>
    </row>
    <row r="175701" spans="14:14">
      <c r="N175701" s="10"/>
    </row>
    <row r="175702" spans="14:14">
      <c r="N175702" s="10"/>
    </row>
    <row r="175703" spans="14:14">
      <c r="N175703" s="10"/>
    </row>
    <row r="175704" spans="14:14">
      <c r="N175704" s="10"/>
    </row>
    <row r="175705" spans="14:14">
      <c r="N175705" s="10"/>
    </row>
    <row r="175706" spans="14:14">
      <c r="N175706" s="10"/>
    </row>
    <row r="175707" spans="14:14">
      <c r="N175707" s="10"/>
    </row>
    <row r="175708" spans="14:14">
      <c r="N175708" s="10"/>
    </row>
    <row r="175709" spans="14:14">
      <c r="N175709" s="10"/>
    </row>
    <row r="175710" spans="14:14">
      <c r="N175710" s="10"/>
    </row>
    <row r="175711" spans="14:14">
      <c r="N175711" s="10"/>
    </row>
    <row r="175712" spans="14:14">
      <c r="N175712" s="10"/>
    </row>
    <row r="175713" spans="14:14">
      <c r="N175713" s="10"/>
    </row>
    <row r="175714" spans="14:14">
      <c r="N175714" s="10"/>
    </row>
    <row r="175715" spans="14:14">
      <c r="N175715" s="10"/>
    </row>
    <row r="175716" spans="14:14">
      <c r="N175716" s="10"/>
    </row>
    <row r="175717" spans="14:14">
      <c r="N175717" s="10"/>
    </row>
    <row r="175718" spans="14:14">
      <c r="N175718" s="10"/>
    </row>
    <row r="175719" spans="14:14">
      <c r="N175719" s="10"/>
    </row>
    <row r="175720" spans="14:14">
      <c r="N175720" s="10"/>
    </row>
    <row r="175721" spans="14:14">
      <c r="N175721" s="10"/>
    </row>
    <row r="175722" spans="14:14">
      <c r="N175722" s="10"/>
    </row>
    <row r="175723" spans="14:14">
      <c r="N175723" s="10"/>
    </row>
    <row r="175724" spans="14:14">
      <c r="N175724" s="10"/>
    </row>
    <row r="175725" spans="14:14">
      <c r="N175725" s="10"/>
    </row>
    <row r="175726" spans="14:14">
      <c r="N175726" s="10"/>
    </row>
    <row r="175727" spans="14:14">
      <c r="N175727" s="10"/>
    </row>
    <row r="175728" spans="14:14">
      <c r="N175728" s="10"/>
    </row>
    <row r="175729" spans="14:14">
      <c r="N175729" s="10"/>
    </row>
    <row r="175730" spans="14:14">
      <c r="N175730" s="10"/>
    </row>
    <row r="175731" spans="14:14">
      <c r="N175731" s="10"/>
    </row>
    <row r="175732" spans="14:14">
      <c r="N175732" s="10"/>
    </row>
    <row r="175733" spans="14:14">
      <c r="N175733" s="10"/>
    </row>
    <row r="175734" spans="14:14">
      <c r="N175734" s="10"/>
    </row>
    <row r="175735" spans="14:14">
      <c r="N175735" s="10"/>
    </row>
    <row r="175736" spans="14:14">
      <c r="N175736" s="10"/>
    </row>
    <row r="175737" spans="14:14">
      <c r="N175737" s="10"/>
    </row>
    <row r="175738" spans="14:14">
      <c r="N175738" s="10"/>
    </row>
    <row r="175739" spans="14:14">
      <c r="N175739" s="10"/>
    </row>
    <row r="175740" spans="14:14">
      <c r="N175740" s="10"/>
    </row>
    <row r="175741" spans="14:14">
      <c r="N175741" s="10"/>
    </row>
    <row r="175742" spans="14:14">
      <c r="N175742" s="10"/>
    </row>
    <row r="175743" spans="14:14">
      <c r="N175743" s="10"/>
    </row>
    <row r="175744" spans="14:14">
      <c r="N175744" s="10"/>
    </row>
    <row r="175745" spans="14:14">
      <c r="N175745" s="10"/>
    </row>
    <row r="175746" spans="14:14">
      <c r="N175746" s="10"/>
    </row>
    <row r="175747" spans="14:14">
      <c r="N175747" s="10"/>
    </row>
    <row r="175748" spans="14:14">
      <c r="N175748" s="10"/>
    </row>
    <row r="175749" spans="14:14">
      <c r="N175749" s="10"/>
    </row>
    <row r="175750" spans="14:14">
      <c r="N175750" s="10"/>
    </row>
    <row r="175751" spans="14:14">
      <c r="N175751" s="10"/>
    </row>
    <row r="175752" spans="14:14">
      <c r="N175752" s="10"/>
    </row>
    <row r="175753" spans="14:14">
      <c r="N175753" s="10"/>
    </row>
    <row r="175754" spans="14:14">
      <c r="N175754" s="10"/>
    </row>
    <row r="175755" spans="14:14">
      <c r="N175755" s="10"/>
    </row>
    <row r="175756" spans="14:14">
      <c r="N175756" s="10"/>
    </row>
    <row r="175757" spans="14:14">
      <c r="N175757" s="10"/>
    </row>
    <row r="175758" spans="14:14">
      <c r="N175758" s="10"/>
    </row>
    <row r="175759" spans="14:14">
      <c r="N175759" s="10"/>
    </row>
    <row r="175760" spans="14:14">
      <c r="N175760" s="10"/>
    </row>
    <row r="175761" spans="14:14">
      <c r="N175761" s="10"/>
    </row>
    <row r="175762" spans="14:14">
      <c r="N175762" s="10"/>
    </row>
    <row r="175763" spans="14:14">
      <c r="N175763" s="10"/>
    </row>
    <row r="175764" spans="14:14">
      <c r="N175764" s="10"/>
    </row>
    <row r="175765" spans="14:14">
      <c r="N175765" s="10"/>
    </row>
    <row r="175766" spans="14:14">
      <c r="N175766" s="10"/>
    </row>
    <row r="175767" spans="14:14">
      <c r="N175767" s="10"/>
    </row>
    <row r="175768" spans="14:14">
      <c r="N175768" s="10"/>
    </row>
    <row r="175769" spans="14:14">
      <c r="N175769" s="10"/>
    </row>
    <row r="175770" spans="14:14">
      <c r="N175770" s="10"/>
    </row>
    <row r="175771" spans="14:14">
      <c r="N175771" s="10"/>
    </row>
    <row r="175772" spans="14:14">
      <c r="N175772" s="10"/>
    </row>
    <row r="175773" spans="14:14">
      <c r="N175773" s="10"/>
    </row>
    <row r="175774" spans="14:14">
      <c r="N175774" s="10"/>
    </row>
    <row r="175775" spans="14:14">
      <c r="N175775" s="10"/>
    </row>
    <row r="175776" spans="14:14">
      <c r="N175776" s="10"/>
    </row>
    <row r="175777" spans="14:14">
      <c r="N175777" s="10"/>
    </row>
    <row r="175778" spans="14:14">
      <c r="N175778" s="10"/>
    </row>
    <row r="175779" spans="14:14">
      <c r="N175779" s="10"/>
    </row>
    <row r="175780" spans="14:14">
      <c r="N175780" s="10"/>
    </row>
    <row r="175781" spans="14:14">
      <c r="N175781" s="10"/>
    </row>
    <row r="175782" spans="14:14">
      <c r="N175782" s="10"/>
    </row>
    <row r="175783" spans="14:14">
      <c r="N175783" s="10"/>
    </row>
    <row r="175784" spans="14:14">
      <c r="N175784" s="10"/>
    </row>
    <row r="175785" spans="14:14">
      <c r="N175785" s="10"/>
    </row>
    <row r="175786" spans="14:14">
      <c r="N175786" s="10"/>
    </row>
    <row r="175787" spans="14:14">
      <c r="N175787" s="10"/>
    </row>
    <row r="175788" spans="14:14">
      <c r="N175788" s="10"/>
    </row>
    <row r="175789" spans="14:14">
      <c r="N175789" s="10"/>
    </row>
    <row r="175790" spans="14:14">
      <c r="N175790" s="10"/>
    </row>
    <row r="175791" spans="14:14">
      <c r="N175791" s="10"/>
    </row>
    <row r="175792" spans="14:14">
      <c r="N175792" s="10"/>
    </row>
    <row r="175793" spans="14:14">
      <c r="N175793" s="10"/>
    </row>
    <row r="175794" spans="14:14">
      <c r="N175794" s="10"/>
    </row>
    <row r="175795" spans="14:14">
      <c r="N175795" s="10"/>
    </row>
    <row r="175796" spans="14:14">
      <c r="N175796" s="10"/>
    </row>
    <row r="175797" spans="14:14">
      <c r="N175797" s="10"/>
    </row>
    <row r="175798" spans="14:14">
      <c r="N175798" s="10"/>
    </row>
    <row r="175799" spans="14:14">
      <c r="N175799" s="10"/>
    </row>
    <row r="175800" spans="14:14">
      <c r="N175800" s="10"/>
    </row>
    <row r="175801" spans="14:14">
      <c r="N175801" s="10"/>
    </row>
    <row r="175802" spans="14:14">
      <c r="N175802" s="10"/>
    </row>
    <row r="175803" spans="14:14">
      <c r="N175803" s="10"/>
    </row>
    <row r="175804" spans="14:14">
      <c r="N175804" s="10"/>
    </row>
    <row r="175805" spans="14:14">
      <c r="N175805" s="10"/>
    </row>
    <row r="175806" spans="14:14">
      <c r="N175806" s="10"/>
    </row>
    <row r="175807" spans="14:14">
      <c r="N175807" s="10"/>
    </row>
    <row r="175808" spans="14:14">
      <c r="N175808" s="10"/>
    </row>
    <row r="175809" spans="14:14">
      <c r="N175809" s="10"/>
    </row>
    <row r="175810" spans="14:14">
      <c r="N175810" s="10"/>
    </row>
    <row r="175811" spans="14:14">
      <c r="N175811" s="10"/>
    </row>
    <row r="175812" spans="14:14">
      <c r="N175812" s="10"/>
    </row>
    <row r="175813" spans="14:14">
      <c r="N175813" s="10"/>
    </row>
    <row r="175814" spans="14:14">
      <c r="N175814" s="10"/>
    </row>
    <row r="175815" spans="14:14">
      <c r="N175815" s="10"/>
    </row>
    <row r="175816" spans="14:14">
      <c r="N175816" s="10"/>
    </row>
    <row r="175817" spans="14:14">
      <c r="N175817" s="10"/>
    </row>
    <row r="175818" spans="14:14">
      <c r="N175818" s="10"/>
    </row>
    <row r="175819" spans="14:14">
      <c r="N175819" s="10"/>
    </row>
    <row r="175820" spans="14:14">
      <c r="N175820" s="10"/>
    </row>
    <row r="175821" spans="14:14">
      <c r="N175821" s="10"/>
    </row>
    <row r="175822" spans="14:14">
      <c r="N175822" s="10"/>
    </row>
    <row r="175823" spans="14:14">
      <c r="N175823" s="10"/>
    </row>
    <row r="175824" spans="14:14">
      <c r="N175824" s="10"/>
    </row>
    <row r="175825" spans="14:14">
      <c r="N175825" s="10"/>
    </row>
    <row r="175826" spans="14:14">
      <c r="N175826" s="10"/>
    </row>
    <row r="175827" spans="14:14">
      <c r="N175827" s="10"/>
    </row>
    <row r="175828" spans="14:14">
      <c r="N175828" s="10"/>
    </row>
    <row r="175829" spans="14:14">
      <c r="N175829" s="10"/>
    </row>
    <row r="175830" spans="14:14">
      <c r="N175830" s="10"/>
    </row>
    <row r="175831" spans="14:14">
      <c r="N175831" s="10"/>
    </row>
    <row r="175832" spans="14:14">
      <c r="N175832" s="10"/>
    </row>
    <row r="175833" spans="14:14">
      <c r="N175833" s="10"/>
    </row>
    <row r="175834" spans="14:14">
      <c r="N175834" s="10"/>
    </row>
    <row r="175835" spans="14:14">
      <c r="N175835" s="10"/>
    </row>
    <row r="175836" spans="14:14">
      <c r="N175836" s="10"/>
    </row>
    <row r="175837" spans="14:14">
      <c r="N175837" s="10"/>
    </row>
    <row r="175838" spans="14:14">
      <c r="N175838" s="10"/>
    </row>
    <row r="175839" spans="14:14">
      <c r="N175839" s="10"/>
    </row>
    <row r="175840" spans="14:14">
      <c r="N175840" s="10"/>
    </row>
    <row r="175841" spans="14:14">
      <c r="N175841" s="10"/>
    </row>
    <row r="175842" spans="14:14">
      <c r="N175842" s="10"/>
    </row>
    <row r="175843" spans="14:14">
      <c r="N175843" s="10"/>
    </row>
    <row r="175844" spans="14:14">
      <c r="N175844" s="10"/>
    </row>
    <row r="175845" spans="14:14">
      <c r="N175845" s="10"/>
    </row>
    <row r="175846" spans="14:14">
      <c r="N175846" s="10"/>
    </row>
    <row r="175847" spans="14:14">
      <c r="N175847" s="10"/>
    </row>
    <row r="175848" spans="14:14">
      <c r="N175848" s="10"/>
    </row>
    <row r="175849" spans="14:14">
      <c r="N175849" s="10"/>
    </row>
    <row r="175850" spans="14:14">
      <c r="N175850" s="10"/>
    </row>
    <row r="175851" spans="14:14">
      <c r="N175851" s="10"/>
    </row>
    <row r="175852" spans="14:14">
      <c r="N175852" s="10"/>
    </row>
    <row r="175853" spans="14:14">
      <c r="N175853" s="10"/>
    </row>
    <row r="175854" spans="14:14">
      <c r="N175854" s="10"/>
    </row>
    <row r="175855" spans="14:14">
      <c r="N175855" s="10"/>
    </row>
    <row r="175856" spans="14:14">
      <c r="N175856" s="10"/>
    </row>
    <row r="175857" spans="14:14">
      <c r="N175857" s="10"/>
    </row>
    <row r="175858" spans="14:14">
      <c r="N175858" s="10"/>
    </row>
    <row r="175859" spans="14:14">
      <c r="N175859" s="10"/>
    </row>
    <row r="175860" spans="14:14">
      <c r="N175860" s="10"/>
    </row>
    <row r="175861" spans="14:14">
      <c r="N175861" s="10"/>
    </row>
    <row r="175862" spans="14:14">
      <c r="N175862" s="10"/>
    </row>
    <row r="175863" spans="14:14">
      <c r="N175863" s="10"/>
    </row>
    <row r="175864" spans="14:14">
      <c r="N175864" s="10"/>
    </row>
    <row r="175865" spans="14:14">
      <c r="N175865" s="10"/>
    </row>
    <row r="175866" spans="14:14">
      <c r="N175866" s="10"/>
    </row>
    <row r="175867" spans="14:14">
      <c r="N175867" s="10"/>
    </row>
    <row r="175868" spans="14:14">
      <c r="N175868" s="10"/>
    </row>
    <row r="175869" spans="14:14">
      <c r="N175869" s="10"/>
    </row>
    <row r="175870" spans="14:14">
      <c r="N175870" s="10"/>
    </row>
    <row r="175871" spans="14:14">
      <c r="N175871" s="10"/>
    </row>
    <row r="175872" spans="14:14">
      <c r="N175872" s="10"/>
    </row>
    <row r="175873" spans="14:14">
      <c r="N175873" s="10"/>
    </row>
    <row r="175874" spans="14:14">
      <c r="N175874" s="10"/>
    </row>
    <row r="175875" spans="14:14">
      <c r="N175875" s="10"/>
    </row>
    <row r="175876" spans="14:14">
      <c r="N175876" s="10"/>
    </row>
    <row r="175877" spans="14:14">
      <c r="N175877" s="10"/>
    </row>
    <row r="175878" spans="14:14">
      <c r="N175878" s="10"/>
    </row>
    <row r="175879" spans="14:14">
      <c r="N175879" s="10"/>
    </row>
    <row r="175880" spans="14:14">
      <c r="N175880" s="10"/>
    </row>
    <row r="175881" spans="14:14">
      <c r="N175881" s="10"/>
    </row>
    <row r="175882" spans="14:14">
      <c r="N175882" s="10"/>
    </row>
    <row r="175883" spans="14:14">
      <c r="N175883" s="10"/>
    </row>
    <row r="175884" spans="14:14">
      <c r="N175884" s="10"/>
    </row>
    <row r="175885" spans="14:14">
      <c r="N175885" s="10"/>
    </row>
    <row r="175886" spans="14:14">
      <c r="N175886" s="10"/>
    </row>
    <row r="175887" spans="14:14">
      <c r="N175887" s="10"/>
    </row>
    <row r="175888" spans="14:14">
      <c r="N175888" s="10"/>
    </row>
    <row r="175889" spans="14:14">
      <c r="N175889" s="10"/>
    </row>
    <row r="175890" spans="14:14">
      <c r="N175890" s="10"/>
    </row>
    <row r="175891" spans="14:14">
      <c r="N175891" s="10"/>
    </row>
    <row r="175892" spans="14:14">
      <c r="N175892" s="10"/>
    </row>
    <row r="175893" spans="14:14">
      <c r="N175893" s="10"/>
    </row>
    <row r="175894" spans="14:14">
      <c r="N175894" s="10"/>
    </row>
    <row r="175895" spans="14:14">
      <c r="N175895" s="10"/>
    </row>
    <row r="175896" spans="14:14">
      <c r="N175896" s="10"/>
    </row>
    <row r="175897" spans="14:14">
      <c r="N175897" s="10"/>
    </row>
    <row r="175898" spans="14:14">
      <c r="N175898" s="10"/>
    </row>
    <row r="175899" spans="14:14">
      <c r="N175899" s="10"/>
    </row>
    <row r="175900" spans="14:14">
      <c r="N175900" s="10"/>
    </row>
    <row r="175901" spans="14:14">
      <c r="N175901" s="10"/>
    </row>
    <row r="175902" spans="14:14">
      <c r="N175902" s="10"/>
    </row>
    <row r="175903" spans="14:14">
      <c r="N175903" s="10"/>
    </row>
    <row r="175904" spans="14:14">
      <c r="N175904" s="10"/>
    </row>
    <row r="175905" spans="14:14">
      <c r="N175905" s="10"/>
    </row>
    <row r="175906" spans="14:14">
      <c r="N175906" s="10"/>
    </row>
    <row r="175907" spans="14:14">
      <c r="N175907" s="10"/>
    </row>
    <row r="175908" spans="14:14">
      <c r="N175908" s="10"/>
    </row>
    <row r="175909" spans="14:14">
      <c r="N175909" s="10"/>
    </row>
    <row r="175910" spans="14:14">
      <c r="N175910" s="10"/>
    </row>
    <row r="175911" spans="14:14">
      <c r="N175911" s="10"/>
    </row>
    <row r="175912" spans="14:14">
      <c r="N175912" s="10"/>
    </row>
    <row r="175913" spans="14:14">
      <c r="N175913" s="10"/>
    </row>
    <row r="175914" spans="14:14">
      <c r="N175914" s="10"/>
    </row>
    <row r="175915" spans="14:14">
      <c r="N175915" s="10"/>
    </row>
    <row r="175916" spans="14:14">
      <c r="N175916" s="10"/>
    </row>
    <row r="175917" spans="14:14">
      <c r="N175917" s="10"/>
    </row>
    <row r="175918" spans="14:14">
      <c r="N175918" s="10"/>
    </row>
    <row r="175919" spans="14:14">
      <c r="N175919" s="10"/>
    </row>
    <row r="175920" spans="14:14">
      <c r="N175920" s="10"/>
    </row>
    <row r="175921" spans="14:14">
      <c r="N175921" s="10"/>
    </row>
    <row r="175922" spans="14:14">
      <c r="N175922" s="10"/>
    </row>
    <row r="175923" spans="14:14">
      <c r="N175923" s="10"/>
    </row>
    <row r="175924" spans="14:14">
      <c r="N175924" s="10"/>
    </row>
    <row r="175925" spans="14:14">
      <c r="N175925" s="10"/>
    </row>
    <row r="175926" spans="14:14">
      <c r="N175926" s="10"/>
    </row>
    <row r="175927" spans="14:14">
      <c r="N175927" s="10"/>
    </row>
    <row r="175928" spans="14:14">
      <c r="N175928" s="10"/>
    </row>
    <row r="175929" spans="14:14">
      <c r="N175929" s="10"/>
    </row>
    <row r="175930" spans="14:14">
      <c r="N175930" s="10"/>
    </row>
    <row r="175931" spans="14:14">
      <c r="N175931" s="10"/>
    </row>
    <row r="175932" spans="14:14">
      <c r="N175932" s="10"/>
    </row>
    <row r="175933" spans="14:14">
      <c r="N175933" s="10"/>
    </row>
    <row r="175934" spans="14:14">
      <c r="N175934" s="10"/>
    </row>
    <row r="175935" spans="14:14">
      <c r="N175935" s="10"/>
    </row>
    <row r="175936" spans="14:14">
      <c r="N175936" s="10"/>
    </row>
    <row r="175937" spans="14:14">
      <c r="N175937" s="10"/>
    </row>
    <row r="175938" spans="14:14">
      <c r="N175938" s="10"/>
    </row>
    <row r="175939" spans="14:14">
      <c r="N175939" s="10"/>
    </row>
    <row r="175940" spans="14:14">
      <c r="N175940" s="10"/>
    </row>
    <row r="175941" spans="14:14">
      <c r="N175941" s="10"/>
    </row>
    <row r="175942" spans="14:14">
      <c r="N175942" s="10"/>
    </row>
    <row r="175943" spans="14:14">
      <c r="N175943" s="10"/>
    </row>
    <row r="175944" spans="14:14">
      <c r="N175944" s="10"/>
    </row>
    <row r="175945" spans="14:14">
      <c r="N175945" s="10"/>
    </row>
    <row r="175946" spans="14:14">
      <c r="N175946" s="10"/>
    </row>
    <row r="175947" spans="14:14">
      <c r="N175947" s="10"/>
    </row>
    <row r="175948" spans="14:14">
      <c r="N175948" s="10"/>
    </row>
    <row r="175949" spans="14:14">
      <c r="N175949" s="10"/>
    </row>
    <row r="175950" spans="14:14">
      <c r="N175950" s="10"/>
    </row>
    <row r="175951" spans="14:14">
      <c r="N175951" s="10"/>
    </row>
    <row r="175952" spans="14:14">
      <c r="N175952" s="10"/>
    </row>
    <row r="175953" spans="14:14">
      <c r="N175953" s="10"/>
    </row>
    <row r="175954" spans="14:14">
      <c r="N175954" s="10"/>
    </row>
    <row r="175955" spans="14:14">
      <c r="N175955" s="10"/>
    </row>
    <row r="175956" spans="14:14">
      <c r="N175956" s="10"/>
    </row>
    <row r="175957" spans="14:14">
      <c r="N175957" s="10"/>
    </row>
    <row r="175958" spans="14:14">
      <c r="N175958" s="10"/>
    </row>
    <row r="175959" spans="14:14">
      <c r="N175959" s="10"/>
    </row>
    <row r="175960" spans="14:14">
      <c r="N175960" s="10"/>
    </row>
    <row r="175961" spans="14:14">
      <c r="N175961" s="10"/>
    </row>
    <row r="175962" spans="14:14">
      <c r="N175962" s="10"/>
    </row>
    <row r="175963" spans="14:14">
      <c r="N175963" s="10"/>
    </row>
    <row r="175964" spans="14:14">
      <c r="N175964" s="10"/>
    </row>
    <row r="175965" spans="14:14">
      <c r="N175965" s="10"/>
    </row>
    <row r="175966" spans="14:14">
      <c r="N175966" s="10"/>
    </row>
    <row r="175967" spans="14:14">
      <c r="N175967" s="10"/>
    </row>
    <row r="175968" spans="14:14">
      <c r="N175968" s="10"/>
    </row>
    <row r="175969" spans="14:14">
      <c r="N175969" s="10"/>
    </row>
    <row r="175970" spans="14:14">
      <c r="N175970" s="10"/>
    </row>
    <row r="175971" spans="14:14">
      <c r="N175971" s="10"/>
    </row>
    <row r="175972" spans="14:14">
      <c r="N175972" s="10"/>
    </row>
    <row r="175973" spans="14:14">
      <c r="N175973" s="10"/>
    </row>
    <row r="175974" spans="14:14">
      <c r="N175974" s="10"/>
    </row>
    <row r="175975" spans="14:14">
      <c r="N175975" s="10"/>
    </row>
    <row r="175976" spans="14:14">
      <c r="N175976" s="10"/>
    </row>
    <row r="175977" spans="14:14">
      <c r="N175977" s="10"/>
    </row>
    <row r="175978" spans="14:14">
      <c r="N175978" s="10"/>
    </row>
    <row r="175979" spans="14:14">
      <c r="N175979" s="10"/>
    </row>
    <row r="175980" spans="14:14">
      <c r="N175980" s="10"/>
    </row>
    <row r="175981" spans="14:14">
      <c r="N175981" s="10"/>
    </row>
    <row r="175982" spans="14:14">
      <c r="N175982" s="10"/>
    </row>
    <row r="175983" spans="14:14">
      <c r="N175983" s="10"/>
    </row>
    <row r="175984" spans="14:14">
      <c r="N175984" s="10"/>
    </row>
    <row r="175985" spans="14:14">
      <c r="N175985" s="10"/>
    </row>
    <row r="175986" spans="14:14">
      <c r="N175986" s="10"/>
    </row>
    <row r="175987" spans="14:14">
      <c r="N175987" s="10"/>
    </row>
    <row r="175988" spans="14:14">
      <c r="N175988" s="10"/>
    </row>
    <row r="175989" spans="14:14">
      <c r="N175989" s="10"/>
    </row>
    <row r="175990" spans="14:14">
      <c r="N175990" s="10"/>
    </row>
    <row r="175991" spans="14:14">
      <c r="N175991" s="10"/>
    </row>
    <row r="175992" spans="14:14">
      <c r="N175992" s="10"/>
    </row>
    <row r="175993" spans="14:14">
      <c r="N175993" s="10"/>
    </row>
    <row r="175994" spans="14:14">
      <c r="N175994" s="10"/>
    </row>
    <row r="175995" spans="14:14">
      <c r="N175995" s="10"/>
    </row>
    <row r="175996" spans="14:14">
      <c r="N175996" s="10"/>
    </row>
    <row r="175997" spans="14:14">
      <c r="N175997" s="10"/>
    </row>
    <row r="175998" spans="14:14">
      <c r="N175998" s="10"/>
    </row>
    <row r="175999" spans="14:14">
      <c r="N175999" s="10"/>
    </row>
    <row r="176000" spans="14:14">
      <c r="N176000" s="10"/>
    </row>
    <row r="176001" spans="14:14">
      <c r="N176001" s="10"/>
    </row>
    <row r="176002" spans="14:14">
      <c r="N176002" s="10"/>
    </row>
    <row r="176003" spans="14:14">
      <c r="N176003" s="10"/>
    </row>
    <row r="176004" spans="14:14">
      <c r="N176004" s="10"/>
    </row>
    <row r="176005" spans="14:14">
      <c r="N176005" s="10"/>
    </row>
    <row r="176006" spans="14:14">
      <c r="N176006" s="10"/>
    </row>
    <row r="176007" spans="14:14">
      <c r="N176007" s="10"/>
    </row>
    <row r="176008" spans="14:14">
      <c r="N176008" s="10"/>
    </row>
    <row r="176009" spans="14:14">
      <c r="N176009" s="10"/>
    </row>
    <row r="176010" spans="14:14">
      <c r="N176010" s="10"/>
    </row>
    <row r="176011" spans="14:14">
      <c r="N176011" s="10"/>
    </row>
    <row r="176012" spans="14:14">
      <c r="N176012" s="10"/>
    </row>
    <row r="176013" spans="14:14">
      <c r="N176013" s="10"/>
    </row>
    <row r="176014" spans="14:14">
      <c r="N176014" s="10"/>
    </row>
    <row r="176015" spans="14:14">
      <c r="N176015" s="10"/>
    </row>
    <row r="176016" spans="14:14">
      <c r="N176016" s="10"/>
    </row>
    <row r="176017" spans="14:14">
      <c r="N176017" s="10"/>
    </row>
    <row r="176018" spans="14:14">
      <c r="N176018" s="10"/>
    </row>
    <row r="176019" spans="14:14">
      <c r="N176019" s="10"/>
    </row>
    <row r="176020" spans="14:14">
      <c r="N176020" s="10"/>
    </row>
    <row r="176021" spans="14:14">
      <c r="N176021" s="10"/>
    </row>
    <row r="176022" spans="14:14">
      <c r="N176022" s="10"/>
    </row>
    <row r="176023" spans="14:14">
      <c r="N176023" s="10"/>
    </row>
    <row r="176024" spans="14:14">
      <c r="N176024" s="10"/>
    </row>
    <row r="176025" spans="14:14">
      <c r="N176025" s="10"/>
    </row>
    <row r="176026" spans="14:14">
      <c r="N176026" s="10"/>
    </row>
    <row r="176027" spans="14:14">
      <c r="N176027" s="10"/>
    </row>
    <row r="176028" spans="14:14">
      <c r="N176028" s="10"/>
    </row>
    <row r="176029" spans="14:14">
      <c r="N176029" s="10"/>
    </row>
    <row r="176030" spans="14:14">
      <c r="N176030" s="10"/>
    </row>
    <row r="176031" spans="14:14">
      <c r="N176031" s="10"/>
    </row>
    <row r="176032" spans="14:14">
      <c r="N176032" s="10"/>
    </row>
    <row r="176033" spans="14:14">
      <c r="N176033" s="10"/>
    </row>
    <row r="176034" spans="14:14">
      <c r="N176034" s="10"/>
    </row>
    <row r="176035" spans="14:14">
      <c r="N176035" s="10"/>
    </row>
    <row r="176036" spans="14:14">
      <c r="N176036" s="10"/>
    </row>
    <row r="176037" spans="14:14">
      <c r="N176037" s="10"/>
    </row>
    <row r="176038" spans="14:14">
      <c r="N176038" s="10"/>
    </row>
    <row r="176039" spans="14:14">
      <c r="N176039" s="10"/>
    </row>
    <row r="176040" spans="14:14">
      <c r="N176040" s="10"/>
    </row>
    <row r="176041" spans="14:14">
      <c r="N176041" s="10"/>
    </row>
    <row r="176042" spans="14:14">
      <c r="N176042" s="10"/>
    </row>
    <row r="176043" spans="14:14">
      <c r="N176043" s="10"/>
    </row>
    <row r="176044" spans="14:14">
      <c r="N176044" s="10"/>
    </row>
    <row r="176045" spans="14:14">
      <c r="N176045" s="10"/>
    </row>
    <row r="176046" spans="14:14">
      <c r="N176046" s="10"/>
    </row>
    <row r="176047" spans="14:14">
      <c r="N176047" s="10"/>
    </row>
    <row r="176048" spans="14:14">
      <c r="N176048" s="10"/>
    </row>
    <row r="176049" spans="14:14">
      <c r="N176049" s="10"/>
    </row>
    <row r="176050" spans="14:14">
      <c r="N176050" s="10"/>
    </row>
    <row r="176051" spans="14:14">
      <c r="N176051" s="10"/>
    </row>
    <row r="176052" spans="14:14">
      <c r="N176052" s="10"/>
    </row>
    <row r="176053" spans="14:14">
      <c r="N176053" s="10"/>
    </row>
    <row r="176054" spans="14:14">
      <c r="N176054" s="10"/>
    </row>
    <row r="176055" spans="14:14">
      <c r="N176055" s="10"/>
    </row>
    <row r="176056" spans="14:14">
      <c r="N176056" s="10"/>
    </row>
    <row r="176057" spans="14:14">
      <c r="N176057" s="10"/>
    </row>
    <row r="176058" spans="14:14">
      <c r="N176058" s="10"/>
    </row>
    <row r="176059" spans="14:14">
      <c r="N176059" s="10"/>
    </row>
    <row r="176060" spans="14:14">
      <c r="N176060" s="10"/>
    </row>
    <row r="176061" spans="14:14">
      <c r="N176061" s="10"/>
    </row>
    <row r="176062" spans="14:14">
      <c r="N176062" s="10"/>
    </row>
    <row r="176063" spans="14:14">
      <c r="N176063" s="10"/>
    </row>
    <row r="176064" spans="14:14">
      <c r="N176064" s="10"/>
    </row>
    <row r="176065" spans="14:14">
      <c r="N176065" s="10"/>
    </row>
    <row r="176066" spans="14:14">
      <c r="N176066" s="10"/>
    </row>
    <row r="176067" spans="14:14">
      <c r="N176067" s="10"/>
    </row>
    <row r="176068" spans="14:14">
      <c r="N176068" s="10"/>
    </row>
    <row r="176069" spans="14:14">
      <c r="N176069" s="10"/>
    </row>
    <row r="176070" spans="14:14">
      <c r="N176070" s="10"/>
    </row>
    <row r="176071" spans="14:14">
      <c r="N176071" s="10"/>
    </row>
    <row r="176072" spans="14:14">
      <c r="N176072" s="10"/>
    </row>
    <row r="176073" spans="14:14">
      <c r="N176073" s="10"/>
    </row>
    <row r="176074" spans="14:14">
      <c r="N176074" s="10"/>
    </row>
    <row r="176075" spans="14:14">
      <c r="N176075" s="10"/>
    </row>
    <row r="176076" spans="14:14">
      <c r="N176076" s="10"/>
    </row>
    <row r="176077" spans="14:14">
      <c r="N176077" s="10"/>
    </row>
    <row r="176078" spans="14:14">
      <c r="N176078" s="10"/>
    </row>
    <row r="176079" spans="14:14">
      <c r="N176079" s="10"/>
    </row>
    <row r="176080" spans="14:14">
      <c r="N176080" s="10"/>
    </row>
    <row r="176081" spans="14:14">
      <c r="N176081" s="10"/>
    </row>
    <row r="176082" spans="14:14">
      <c r="N176082" s="10"/>
    </row>
    <row r="176083" spans="14:14">
      <c r="N176083" s="10"/>
    </row>
    <row r="176084" spans="14:14">
      <c r="N176084" s="10"/>
    </row>
    <row r="176085" spans="14:14">
      <c r="N176085" s="10"/>
    </row>
    <row r="176086" spans="14:14">
      <c r="N176086" s="10"/>
    </row>
    <row r="176087" spans="14:14">
      <c r="N176087" s="10"/>
    </row>
    <row r="176088" spans="14:14">
      <c r="N176088" s="10"/>
    </row>
    <row r="176089" spans="14:14">
      <c r="N176089" s="10"/>
    </row>
    <row r="176090" spans="14:14">
      <c r="N176090" s="10"/>
    </row>
    <row r="176091" spans="14:14">
      <c r="N176091" s="10"/>
    </row>
    <row r="176092" spans="14:14">
      <c r="N176092" s="10"/>
    </row>
    <row r="176093" spans="14:14">
      <c r="N176093" s="10"/>
    </row>
    <row r="176094" spans="14:14">
      <c r="N176094" s="10"/>
    </row>
    <row r="176095" spans="14:14">
      <c r="N176095" s="10"/>
    </row>
    <row r="176096" spans="14:14">
      <c r="N176096" s="10"/>
    </row>
    <row r="176097" spans="14:14">
      <c r="N176097" s="10"/>
    </row>
    <row r="176098" spans="14:14">
      <c r="N176098" s="10"/>
    </row>
    <row r="176099" spans="14:14">
      <c r="N176099" s="10"/>
    </row>
    <row r="176100" spans="14:14">
      <c r="N176100" s="10"/>
    </row>
    <row r="176101" spans="14:14">
      <c r="N176101" s="10"/>
    </row>
    <row r="176102" spans="14:14">
      <c r="N176102" s="10"/>
    </row>
    <row r="176103" spans="14:14">
      <c r="N176103" s="10"/>
    </row>
    <row r="176104" spans="14:14">
      <c r="N176104" s="10"/>
    </row>
    <row r="176105" spans="14:14">
      <c r="N176105" s="10"/>
    </row>
    <row r="176106" spans="14:14">
      <c r="N176106" s="10"/>
    </row>
    <row r="176107" spans="14:14">
      <c r="N176107" s="10"/>
    </row>
    <row r="176108" spans="14:14">
      <c r="N176108" s="10"/>
    </row>
    <row r="176109" spans="14:14">
      <c r="N176109" s="10"/>
    </row>
    <row r="176110" spans="14:14">
      <c r="N176110" s="10"/>
    </row>
    <row r="176111" spans="14:14">
      <c r="N176111" s="10"/>
    </row>
    <row r="176112" spans="14:14">
      <c r="N176112" s="10"/>
    </row>
    <row r="176113" spans="14:14">
      <c r="N176113" s="10"/>
    </row>
    <row r="176114" spans="14:14">
      <c r="N176114" s="10"/>
    </row>
    <row r="176115" spans="14:14">
      <c r="N176115" s="10"/>
    </row>
    <row r="176116" spans="14:14">
      <c r="N176116" s="10"/>
    </row>
    <row r="176117" spans="14:14">
      <c r="N176117" s="10"/>
    </row>
    <row r="176118" spans="14:14">
      <c r="N176118" s="10"/>
    </row>
    <row r="176119" spans="14:14">
      <c r="N176119" s="10"/>
    </row>
    <row r="176120" spans="14:14">
      <c r="N176120" s="10"/>
    </row>
    <row r="176121" spans="14:14">
      <c r="N176121" s="10"/>
    </row>
    <row r="176122" spans="14:14">
      <c r="N176122" s="10"/>
    </row>
    <row r="176123" spans="14:14">
      <c r="N176123" s="10"/>
    </row>
    <row r="176124" spans="14:14">
      <c r="N176124" s="10"/>
    </row>
    <row r="176125" spans="14:14">
      <c r="N176125" s="10"/>
    </row>
    <row r="176126" spans="14:14">
      <c r="N176126" s="10"/>
    </row>
    <row r="176127" spans="14:14">
      <c r="N176127" s="10"/>
    </row>
    <row r="176128" spans="14:14">
      <c r="N176128" s="10"/>
    </row>
    <row r="176129" spans="14:14">
      <c r="N176129" s="10"/>
    </row>
    <row r="176130" spans="14:14">
      <c r="N176130" s="10"/>
    </row>
    <row r="176131" spans="14:14">
      <c r="N176131" s="10"/>
    </row>
    <row r="176132" spans="14:14">
      <c r="N176132" s="10"/>
    </row>
    <row r="176133" spans="14:14">
      <c r="N176133" s="10"/>
    </row>
    <row r="176134" spans="14:14">
      <c r="N176134" s="10"/>
    </row>
    <row r="176135" spans="14:14">
      <c r="N176135" s="10"/>
    </row>
    <row r="176136" spans="14:14">
      <c r="N176136" s="10"/>
    </row>
    <row r="176137" spans="14:14">
      <c r="N176137" s="10"/>
    </row>
    <row r="176138" spans="14:14">
      <c r="N176138" s="10"/>
    </row>
    <row r="176139" spans="14:14">
      <c r="N176139" s="10"/>
    </row>
    <row r="176140" spans="14:14">
      <c r="N176140" s="10"/>
    </row>
    <row r="176141" spans="14:14">
      <c r="N176141" s="10"/>
    </row>
    <row r="176142" spans="14:14">
      <c r="N176142" s="10"/>
    </row>
    <row r="176143" spans="14:14">
      <c r="N176143" s="10"/>
    </row>
    <row r="176144" spans="14:14">
      <c r="N176144" s="10"/>
    </row>
    <row r="176145" spans="14:14">
      <c r="N176145" s="10"/>
    </row>
    <row r="176146" spans="14:14">
      <c r="N176146" s="10"/>
    </row>
    <row r="176147" spans="14:14">
      <c r="N176147" s="10"/>
    </row>
    <row r="176148" spans="14:14">
      <c r="N176148" s="10"/>
    </row>
    <row r="176149" spans="14:14">
      <c r="N176149" s="10"/>
    </row>
    <row r="176150" spans="14:14">
      <c r="N176150" s="10"/>
    </row>
    <row r="176151" spans="14:14">
      <c r="N176151" s="10"/>
    </row>
    <row r="176152" spans="14:14">
      <c r="N176152" s="10"/>
    </row>
    <row r="176153" spans="14:14">
      <c r="N176153" s="10"/>
    </row>
    <row r="176154" spans="14:14">
      <c r="N176154" s="10"/>
    </row>
    <row r="176155" spans="14:14">
      <c r="N176155" s="10"/>
    </row>
    <row r="176156" spans="14:14">
      <c r="N176156" s="10"/>
    </row>
    <row r="176157" spans="14:14">
      <c r="N176157" s="10"/>
    </row>
    <row r="176158" spans="14:14">
      <c r="N176158" s="10"/>
    </row>
    <row r="176159" spans="14:14">
      <c r="N176159" s="10"/>
    </row>
    <row r="176160" spans="14:14">
      <c r="N176160" s="10"/>
    </row>
    <row r="176161" spans="14:14">
      <c r="N176161" s="10"/>
    </row>
    <row r="176162" spans="14:14">
      <c r="N176162" s="10"/>
    </row>
    <row r="176163" spans="14:14">
      <c r="N176163" s="10"/>
    </row>
    <row r="176164" spans="14:14">
      <c r="N176164" s="10"/>
    </row>
    <row r="176165" spans="14:14">
      <c r="N176165" s="10"/>
    </row>
    <row r="176166" spans="14:14">
      <c r="N176166" s="10"/>
    </row>
    <row r="176167" spans="14:14">
      <c r="N176167" s="10"/>
    </row>
    <row r="176168" spans="14:14">
      <c r="N176168" s="10"/>
    </row>
    <row r="176169" spans="14:14">
      <c r="N176169" s="10"/>
    </row>
    <row r="176170" spans="14:14">
      <c r="N176170" s="10"/>
    </row>
    <row r="176171" spans="14:14">
      <c r="N176171" s="10"/>
    </row>
    <row r="176172" spans="14:14">
      <c r="N176172" s="10"/>
    </row>
    <row r="176173" spans="14:14">
      <c r="N176173" s="10"/>
    </row>
    <row r="176174" spans="14:14">
      <c r="N176174" s="10"/>
    </row>
    <row r="176175" spans="14:14">
      <c r="N176175" s="10"/>
    </row>
    <row r="176176" spans="14:14">
      <c r="N176176" s="10"/>
    </row>
    <row r="176177" spans="14:14">
      <c r="N176177" s="10"/>
    </row>
    <row r="176178" spans="14:14">
      <c r="N176178" s="10"/>
    </row>
    <row r="176179" spans="14:14">
      <c r="N176179" s="10"/>
    </row>
    <row r="176180" spans="14:14">
      <c r="N176180" s="10"/>
    </row>
    <row r="176181" spans="14:14">
      <c r="N176181" s="10"/>
    </row>
    <row r="176182" spans="14:14">
      <c r="N176182" s="10"/>
    </row>
    <row r="176183" spans="14:14">
      <c r="N176183" s="10"/>
    </row>
    <row r="176184" spans="14:14">
      <c r="N176184" s="10"/>
    </row>
    <row r="176185" spans="14:14">
      <c r="N176185" s="10"/>
    </row>
    <row r="176186" spans="14:14">
      <c r="N176186" s="10"/>
    </row>
    <row r="176187" spans="14:14">
      <c r="N176187" s="10"/>
    </row>
    <row r="176188" spans="14:14">
      <c r="N176188" s="10"/>
    </row>
    <row r="176189" spans="14:14">
      <c r="N176189" s="10"/>
    </row>
    <row r="176190" spans="14:14">
      <c r="N176190" s="10"/>
    </row>
    <row r="176191" spans="14:14">
      <c r="N176191" s="10"/>
    </row>
    <row r="176192" spans="14:14">
      <c r="N176192" s="10"/>
    </row>
    <row r="176193" spans="14:14">
      <c r="N176193" s="10"/>
    </row>
    <row r="176194" spans="14:14">
      <c r="N176194" s="10"/>
    </row>
    <row r="176195" spans="14:14">
      <c r="N176195" s="10"/>
    </row>
    <row r="176196" spans="14:14">
      <c r="N176196" s="10"/>
    </row>
    <row r="176197" spans="14:14">
      <c r="N176197" s="10"/>
    </row>
    <row r="176198" spans="14:14">
      <c r="N176198" s="10"/>
    </row>
    <row r="176199" spans="14:14">
      <c r="N176199" s="10"/>
    </row>
    <row r="176200" spans="14:14">
      <c r="N176200" s="10"/>
    </row>
    <row r="176201" spans="14:14">
      <c r="N176201" s="10"/>
    </row>
    <row r="176202" spans="14:14">
      <c r="N176202" s="10"/>
    </row>
    <row r="176203" spans="14:14">
      <c r="N176203" s="10"/>
    </row>
    <row r="176204" spans="14:14">
      <c r="N176204" s="10"/>
    </row>
    <row r="176205" spans="14:14">
      <c r="N176205" s="10"/>
    </row>
    <row r="176206" spans="14:14">
      <c r="N176206" s="10"/>
    </row>
    <row r="176207" spans="14:14">
      <c r="N176207" s="10"/>
    </row>
    <row r="176208" spans="14:14">
      <c r="N176208" s="10"/>
    </row>
    <row r="176209" spans="14:14">
      <c r="N176209" s="10"/>
    </row>
    <row r="176210" spans="14:14">
      <c r="N176210" s="10"/>
    </row>
    <row r="176211" spans="14:14">
      <c r="N176211" s="10"/>
    </row>
    <row r="176212" spans="14:14">
      <c r="N176212" s="10"/>
    </row>
    <row r="176213" spans="14:14">
      <c r="N176213" s="10"/>
    </row>
    <row r="176214" spans="14:14">
      <c r="N176214" s="10"/>
    </row>
    <row r="176215" spans="14:14">
      <c r="N176215" s="10"/>
    </row>
    <row r="176216" spans="14:14">
      <c r="N176216" s="10"/>
    </row>
    <row r="176217" spans="14:14">
      <c r="N176217" s="10"/>
    </row>
    <row r="176218" spans="14:14">
      <c r="N176218" s="10"/>
    </row>
    <row r="176219" spans="14:14">
      <c r="N176219" s="10"/>
    </row>
    <row r="176220" spans="14:14">
      <c r="N176220" s="10"/>
    </row>
    <row r="176221" spans="14:14">
      <c r="N176221" s="10"/>
    </row>
    <row r="176222" spans="14:14">
      <c r="N176222" s="10"/>
    </row>
    <row r="176223" spans="14:14">
      <c r="N176223" s="10"/>
    </row>
    <row r="176224" spans="14:14">
      <c r="N176224" s="10"/>
    </row>
    <row r="176225" spans="14:14">
      <c r="N176225" s="10"/>
    </row>
    <row r="176226" spans="14:14">
      <c r="N176226" s="10"/>
    </row>
    <row r="176227" spans="14:14">
      <c r="N176227" s="10"/>
    </row>
    <row r="176228" spans="14:14">
      <c r="N176228" s="10"/>
    </row>
    <row r="176229" spans="14:14">
      <c r="N176229" s="10"/>
    </row>
    <row r="176230" spans="14:14">
      <c r="N176230" s="10"/>
    </row>
    <row r="176231" spans="14:14">
      <c r="N176231" s="10"/>
    </row>
    <row r="176232" spans="14:14">
      <c r="N176232" s="10"/>
    </row>
    <row r="176233" spans="14:14">
      <c r="N176233" s="10"/>
    </row>
    <row r="176234" spans="14:14">
      <c r="N176234" s="10"/>
    </row>
    <row r="176235" spans="14:14">
      <c r="N176235" s="10"/>
    </row>
    <row r="176236" spans="14:14">
      <c r="N176236" s="10"/>
    </row>
    <row r="176237" spans="14:14">
      <c r="N176237" s="10"/>
    </row>
    <row r="176238" spans="14:14">
      <c r="N176238" s="10"/>
    </row>
    <row r="176239" spans="14:14">
      <c r="N176239" s="10"/>
    </row>
    <row r="176240" spans="14:14">
      <c r="N176240" s="10"/>
    </row>
    <row r="176241" spans="14:14">
      <c r="N176241" s="10"/>
    </row>
    <row r="176242" spans="14:14">
      <c r="N176242" s="10"/>
    </row>
    <row r="176243" spans="14:14">
      <c r="N176243" s="10"/>
    </row>
    <row r="176244" spans="14:14">
      <c r="N176244" s="10"/>
    </row>
    <row r="176245" spans="14:14">
      <c r="N176245" s="10"/>
    </row>
    <row r="176246" spans="14:14">
      <c r="N176246" s="10"/>
    </row>
    <row r="176247" spans="14:14">
      <c r="N176247" s="10"/>
    </row>
    <row r="176248" spans="14:14">
      <c r="N176248" s="10"/>
    </row>
    <row r="176249" spans="14:14">
      <c r="N176249" s="10"/>
    </row>
    <row r="176250" spans="14:14">
      <c r="N176250" s="10"/>
    </row>
    <row r="176251" spans="14:14">
      <c r="N176251" s="10"/>
    </row>
    <row r="176252" spans="14:14">
      <c r="N176252" s="10"/>
    </row>
    <row r="176253" spans="14:14">
      <c r="N176253" s="10"/>
    </row>
    <row r="176254" spans="14:14">
      <c r="N176254" s="10"/>
    </row>
    <row r="176255" spans="14:14">
      <c r="N176255" s="10"/>
    </row>
    <row r="176256" spans="14:14">
      <c r="N176256" s="10"/>
    </row>
    <row r="176257" spans="14:14">
      <c r="N176257" s="10"/>
    </row>
    <row r="176258" spans="14:14">
      <c r="N176258" s="10"/>
    </row>
    <row r="176259" spans="14:14">
      <c r="N176259" s="10"/>
    </row>
    <row r="176260" spans="14:14">
      <c r="N176260" s="10"/>
    </row>
    <row r="176261" spans="14:14">
      <c r="N176261" s="10"/>
    </row>
    <row r="176262" spans="14:14">
      <c r="N176262" s="10"/>
    </row>
    <row r="176263" spans="14:14">
      <c r="N176263" s="10"/>
    </row>
    <row r="176264" spans="14:14">
      <c r="N176264" s="10"/>
    </row>
    <row r="176265" spans="14:14">
      <c r="N176265" s="10"/>
    </row>
    <row r="176266" spans="14:14">
      <c r="N176266" s="10"/>
    </row>
    <row r="176267" spans="14:14">
      <c r="N176267" s="10"/>
    </row>
    <row r="176268" spans="14:14">
      <c r="N176268" s="10"/>
    </row>
    <row r="176269" spans="14:14">
      <c r="N176269" s="10"/>
    </row>
    <row r="176270" spans="14:14">
      <c r="N176270" s="10"/>
    </row>
    <row r="176271" spans="14:14">
      <c r="N176271" s="10"/>
    </row>
    <row r="176272" spans="14:14">
      <c r="N176272" s="10"/>
    </row>
    <row r="176273" spans="14:14">
      <c r="N176273" s="10"/>
    </row>
    <row r="176274" spans="14:14">
      <c r="N176274" s="10"/>
    </row>
    <row r="176275" spans="14:14">
      <c r="N176275" s="10"/>
    </row>
    <row r="176276" spans="14:14">
      <c r="N176276" s="10"/>
    </row>
    <row r="176277" spans="14:14">
      <c r="N176277" s="10"/>
    </row>
    <row r="176278" spans="14:14">
      <c r="N176278" s="10"/>
    </row>
    <row r="176279" spans="14:14">
      <c r="N176279" s="10"/>
    </row>
    <row r="176280" spans="14:14">
      <c r="N176280" s="10"/>
    </row>
    <row r="176281" spans="14:14">
      <c r="N176281" s="10"/>
    </row>
    <row r="176282" spans="14:14">
      <c r="N176282" s="10"/>
    </row>
    <row r="176283" spans="14:14">
      <c r="N176283" s="10"/>
    </row>
    <row r="176284" spans="14:14">
      <c r="N176284" s="10"/>
    </row>
    <row r="176285" spans="14:14">
      <c r="N176285" s="10"/>
    </row>
    <row r="176286" spans="14:14">
      <c r="N176286" s="10"/>
    </row>
    <row r="176287" spans="14:14">
      <c r="N176287" s="10"/>
    </row>
    <row r="176288" spans="14:14">
      <c r="N176288" s="10"/>
    </row>
    <row r="176289" spans="14:14">
      <c r="N176289" s="10"/>
    </row>
    <row r="176290" spans="14:14">
      <c r="N176290" s="10"/>
    </row>
    <row r="176291" spans="14:14">
      <c r="N176291" s="10"/>
    </row>
    <row r="176292" spans="14:14">
      <c r="N176292" s="10"/>
    </row>
    <row r="176293" spans="14:14">
      <c r="N176293" s="10"/>
    </row>
    <row r="176294" spans="14:14">
      <c r="N176294" s="10"/>
    </row>
    <row r="176295" spans="14:14">
      <c r="N176295" s="10"/>
    </row>
    <row r="176296" spans="14:14">
      <c r="N176296" s="10"/>
    </row>
    <row r="176297" spans="14:14">
      <c r="N176297" s="10"/>
    </row>
    <row r="176298" spans="14:14">
      <c r="N176298" s="10"/>
    </row>
    <row r="176299" spans="14:14">
      <c r="N176299" s="10"/>
    </row>
    <row r="176300" spans="14:14">
      <c r="N176300" s="10"/>
    </row>
    <row r="176301" spans="14:14">
      <c r="N176301" s="10"/>
    </row>
    <row r="176302" spans="14:14">
      <c r="N176302" s="10"/>
    </row>
    <row r="176303" spans="14:14">
      <c r="N176303" s="10"/>
    </row>
    <row r="176304" spans="14:14">
      <c r="N176304" s="10"/>
    </row>
    <row r="176305" spans="14:14">
      <c r="N176305" s="10"/>
    </row>
    <row r="176306" spans="14:14">
      <c r="N176306" s="10"/>
    </row>
    <row r="176307" spans="14:14">
      <c r="N176307" s="10"/>
    </row>
    <row r="176308" spans="14:14">
      <c r="N176308" s="10"/>
    </row>
    <row r="176309" spans="14:14">
      <c r="N176309" s="10"/>
    </row>
    <row r="176310" spans="14:14">
      <c r="N176310" s="10"/>
    </row>
    <row r="176311" spans="14:14">
      <c r="N176311" s="10"/>
    </row>
    <row r="176312" spans="14:14">
      <c r="N176312" s="10"/>
    </row>
    <row r="176313" spans="14:14">
      <c r="N176313" s="10"/>
    </row>
    <row r="176314" spans="14:14">
      <c r="N176314" s="10"/>
    </row>
    <row r="176315" spans="14:14">
      <c r="N176315" s="10"/>
    </row>
    <row r="176316" spans="14:14">
      <c r="N176316" s="10"/>
    </row>
    <row r="176317" spans="14:14">
      <c r="N176317" s="10"/>
    </row>
    <row r="176318" spans="14:14">
      <c r="N176318" s="10"/>
    </row>
    <row r="176319" spans="14:14">
      <c r="N176319" s="10"/>
    </row>
    <row r="176320" spans="14:14">
      <c r="N176320" s="10"/>
    </row>
    <row r="176321" spans="14:14">
      <c r="N176321" s="10"/>
    </row>
    <row r="176322" spans="14:14">
      <c r="N176322" s="10"/>
    </row>
    <row r="176323" spans="14:14">
      <c r="N176323" s="10"/>
    </row>
    <row r="176324" spans="14:14">
      <c r="N176324" s="10"/>
    </row>
    <row r="176325" spans="14:14">
      <c r="N176325" s="10"/>
    </row>
    <row r="176326" spans="14:14">
      <c r="N176326" s="10"/>
    </row>
    <row r="176327" spans="14:14">
      <c r="N176327" s="10"/>
    </row>
    <row r="176328" spans="14:14">
      <c r="N176328" s="10"/>
    </row>
    <row r="176329" spans="14:14">
      <c r="N176329" s="10"/>
    </row>
    <row r="176330" spans="14:14">
      <c r="N176330" s="10"/>
    </row>
    <row r="176331" spans="14:14">
      <c r="N176331" s="10"/>
    </row>
    <row r="176332" spans="14:14">
      <c r="N176332" s="10"/>
    </row>
    <row r="176333" spans="14:14">
      <c r="N176333" s="10"/>
    </row>
    <row r="176334" spans="14:14">
      <c r="N176334" s="10"/>
    </row>
    <row r="176335" spans="14:14">
      <c r="N176335" s="10"/>
    </row>
    <row r="176336" spans="14:14">
      <c r="N176336" s="10"/>
    </row>
    <row r="176337" spans="14:14">
      <c r="N176337" s="10"/>
    </row>
    <row r="176338" spans="14:14">
      <c r="N176338" s="10"/>
    </row>
    <row r="176339" spans="14:14">
      <c r="N176339" s="10"/>
    </row>
    <row r="176340" spans="14:14">
      <c r="N176340" s="10"/>
    </row>
    <row r="176341" spans="14:14">
      <c r="N176341" s="10"/>
    </row>
    <row r="176342" spans="14:14">
      <c r="N176342" s="10"/>
    </row>
    <row r="176343" spans="14:14">
      <c r="N176343" s="10"/>
    </row>
    <row r="176344" spans="14:14">
      <c r="N176344" s="10"/>
    </row>
    <row r="176345" spans="14:14">
      <c r="N176345" s="10"/>
    </row>
    <row r="176346" spans="14:14">
      <c r="N176346" s="10"/>
    </row>
    <row r="176347" spans="14:14">
      <c r="N176347" s="10"/>
    </row>
    <row r="176348" spans="14:14">
      <c r="N176348" s="10"/>
    </row>
    <row r="176349" spans="14:14">
      <c r="N176349" s="10"/>
    </row>
    <row r="176350" spans="14:14">
      <c r="N176350" s="10"/>
    </row>
    <row r="176351" spans="14:14">
      <c r="N176351" s="10"/>
    </row>
    <row r="176352" spans="14:14">
      <c r="N176352" s="10"/>
    </row>
    <row r="176353" spans="14:14">
      <c r="N176353" s="10"/>
    </row>
    <row r="176354" spans="14:14">
      <c r="N176354" s="10"/>
    </row>
    <row r="176355" spans="14:14">
      <c r="N176355" s="10"/>
    </row>
    <row r="176356" spans="14:14">
      <c r="N176356" s="10"/>
    </row>
    <row r="176357" spans="14:14">
      <c r="N176357" s="10"/>
    </row>
    <row r="176358" spans="14:14">
      <c r="N176358" s="10"/>
    </row>
    <row r="176359" spans="14:14">
      <c r="N176359" s="10"/>
    </row>
    <row r="176360" spans="14:14">
      <c r="N176360" s="10"/>
    </row>
    <row r="176361" spans="14:14">
      <c r="N176361" s="10"/>
    </row>
    <row r="176362" spans="14:14">
      <c r="N176362" s="10"/>
    </row>
    <row r="176363" spans="14:14">
      <c r="N176363" s="10"/>
    </row>
    <row r="176364" spans="14:14">
      <c r="N176364" s="10"/>
    </row>
    <row r="176365" spans="14:14">
      <c r="N176365" s="10"/>
    </row>
    <row r="176366" spans="14:14">
      <c r="N176366" s="10"/>
    </row>
    <row r="176367" spans="14:14">
      <c r="N176367" s="10"/>
    </row>
    <row r="176368" spans="14:14">
      <c r="N176368" s="10"/>
    </row>
    <row r="176369" spans="14:14">
      <c r="N176369" s="10"/>
    </row>
    <row r="176370" spans="14:14">
      <c r="N176370" s="10"/>
    </row>
    <row r="176371" spans="14:14">
      <c r="N176371" s="10"/>
    </row>
    <row r="176372" spans="14:14">
      <c r="N176372" s="10"/>
    </row>
    <row r="176373" spans="14:14">
      <c r="N176373" s="10"/>
    </row>
    <row r="176374" spans="14:14">
      <c r="N176374" s="10"/>
    </row>
    <row r="176375" spans="14:14">
      <c r="N176375" s="10"/>
    </row>
    <row r="176376" spans="14:14">
      <c r="N176376" s="10"/>
    </row>
    <row r="176377" spans="14:14">
      <c r="N176377" s="10"/>
    </row>
    <row r="176378" spans="14:14">
      <c r="N176378" s="10"/>
    </row>
    <row r="176379" spans="14:14">
      <c r="N176379" s="10"/>
    </row>
    <row r="176380" spans="14:14">
      <c r="N176380" s="10"/>
    </row>
    <row r="176381" spans="14:14">
      <c r="N176381" s="10"/>
    </row>
    <row r="176382" spans="14:14">
      <c r="N176382" s="10"/>
    </row>
    <row r="176383" spans="14:14">
      <c r="N176383" s="10"/>
    </row>
    <row r="176384" spans="14:14">
      <c r="N176384" s="10"/>
    </row>
    <row r="176385" spans="14:14">
      <c r="N176385" s="10"/>
    </row>
    <row r="176386" spans="14:14">
      <c r="N176386" s="10"/>
    </row>
    <row r="176387" spans="14:14">
      <c r="N176387" s="10"/>
    </row>
    <row r="176388" spans="14:14">
      <c r="N176388" s="10"/>
    </row>
    <row r="176389" spans="14:14">
      <c r="N176389" s="10"/>
    </row>
    <row r="176390" spans="14:14">
      <c r="N176390" s="10"/>
    </row>
    <row r="176391" spans="14:14">
      <c r="N176391" s="10"/>
    </row>
    <row r="176392" spans="14:14">
      <c r="N176392" s="10"/>
    </row>
    <row r="176393" spans="14:14">
      <c r="N176393" s="10"/>
    </row>
    <row r="176394" spans="14:14">
      <c r="N176394" s="10"/>
    </row>
    <row r="176395" spans="14:14">
      <c r="N176395" s="10"/>
    </row>
    <row r="176396" spans="14:14">
      <c r="N176396" s="10"/>
    </row>
    <row r="176397" spans="14:14">
      <c r="N176397" s="10"/>
    </row>
    <row r="176398" spans="14:14">
      <c r="N176398" s="10"/>
    </row>
    <row r="176399" spans="14:14">
      <c r="N176399" s="10"/>
    </row>
    <row r="176400" spans="14:14">
      <c r="N176400" s="10"/>
    </row>
    <row r="176401" spans="14:14">
      <c r="N176401" s="10"/>
    </row>
    <row r="176402" spans="14:14">
      <c r="N176402" s="10"/>
    </row>
    <row r="176403" spans="14:14">
      <c r="N176403" s="10"/>
    </row>
    <row r="176404" spans="14:14">
      <c r="N176404" s="10"/>
    </row>
    <row r="176405" spans="14:14">
      <c r="N176405" s="10"/>
    </row>
    <row r="176406" spans="14:14">
      <c r="N176406" s="10"/>
    </row>
    <row r="176407" spans="14:14">
      <c r="N176407" s="10"/>
    </row>
    <row r="176408" spans="14:14">
      <c r="N176408" s="10"/>
    </row>
    <row r="176409" spans="14:14">
      <c r="N176409" s="10"/>
    </row>
    <row r="176410" spans="14:14">
      <c r="N176410" s="10"/>
    </row>
    <row r="176411" spans="14:14">
      <c r="N176411" s="10"/>
    </row>
    <row r="176412" spans="14:14">
      <c r="N176412" s="10"/>
    </row>
    <row r="176413" spans="14:14">
      <c r="N176413" s="10"/>
    </row>
    <row r="176414" spans="14:14">
      <c r="N176414" s="10"/>
    </row>
    <row r="176415" spans="14:14">
      <c r="N176415" s="10"/>
    </row>
    <row r="176416" spans="14:14">
      <c r="N176416" s="10"/>
    </row>
    <row r="176417" spans="14:14">
      <c r="N176417" s="10"/>
    </row>
    <row r="176418" spans="14:14">
      <c r="N176418" s="10"/>
    </row>
    <row r="176419" spans="14:14">
      <c r="N176419" s="10"/>
    </row>
    <row r="176420" spans="14:14">
      <c r="N176420" s="10"/>
    </row>
    <row r="176421" spans="14:14">
      <c r="N176421" s="10"/>
    </row>
    <row r="176422" spans="14:14">
      <c r="N176422" s="10"/>
    </row>
    <row r="176423" spans="14:14">
      <c r="N176423" s="10"/>
    </row>
    <row r="176424" spans="14:14">
      <c r="N176424" s="10"/>
    </row>
    <row r="176425" spans="14:14">
      <c r="N176425" s="10"/>
    </row>
    <row r="176426" spans="14:14">
      <c r="N176426" s="10"/>
    </row>
    <row r="176427" spans="14:14">
      <c r="N176427" s="10"/>
    </row>
    <row r="176428" spans="14:14">
      <c r="N176428" s="10"/>
    </row>
    <row r="176429" spans="14:14">
      <c r="N176429" s="10"/>
    </row>
    <row r="176430" spans="14:14">
      <c r="N176430" s="10"/>
    </row>
    <row r="176431" spans="14:14">
      <c r="N176431" s="10"/>
    </row>
    <row r="176432" spans="14:14">
      <c r="N176432" s="10"/>
    </row>
    <row r="176433" spans="14:14">
      <c r="N176433" s="10"/>
    </row>
    <row r="176434" spans="14:14">
      <c r="N176434" s="10"/>
    </row>
    <row r="176435" spans="14:14">
      <c r="N176435" s="10"/>
    </row>
    <row r="176436" spans="14:14">
      <c r="N176436" s="10"/>
    </row>
    <row r="176437" spans="14:14">
      <c r="N176437" s="10"/>
    </row>
    <row r="176438" spans="14:14">
      <c r="N176438" s="10"/>
    </row>
    <row r="176439" spans="14:14">
      <c r="N176439" s="10"/>
    </row>
    <row r="176440" spans="14:14">
      <c r="N176440" s="10"/>
    </row>
    <row r="176441" spans="14:14">
      <c r="N176441" s="10"/>
    </row>
    <row r="176442" spans="14:14">
      <c r="N176442" s="10"/>
    </row>
    <row r="176443" spans="14:14">
      <c r="N176443" s="10"/>
    </row>
    <row r="176444" spans="14:14">
      <c r="N176444" s="10"/>
    </row>
    <row r="176445" spans="14:14">
      <c r="N176445" s="10"/>
    </row>
    <row r="176446" spans="14:14">
      <c r="N176446" s="10"/>
    </row>
    <row r="176447" spans="14:14">
      <c r="N176447" s="10"/>
    </row>
    <row r="176448" spans="14:14">
      <c r="N176448" s="10"/>
    </row>
    <row r="176449" spans="14:14">
      <c r="N176449" s="10"/>
    </row>
    <row r="176450" spans="14:14">
      <c r="N176450" s="10"/>
    </row>
    <row r="176451" spans="14:14">
      <c r="N176451" s="10"/>
    </row>
    <row r="176452" spans="14:14">
      <c r="N176452" s="10"/>
    </row>
    <row r="176453" spans="14:14">
      <c r="N176453" s="10"/>
    </row>
    <row r="176454" spans="14:14">
      <c r="N176454" s="10"/>
    </row>
    <row r="176455" spans="14:14">
      <c r="N176455" s="10"/>
    </row>
    <row r="176456" spans="14:14">
      <c r="N176456" s="10"/>
    </row>
    <row r="176457" spans="14:14">
      <c r="N176457" s="10"/>
    </row>
    <row r="176458" spans="14:14">
      <c r="N176458" s="10"/>
    </row>
    <row r="176459" spans="14:14">
      <c r="N176459" s="10"/>
    </row>
    <row r="176460" spans="14:14">
      <c r="N176460" s="10"/>
    </row>
    <row r="176461" spans="14:14">
      <c r="N176461" s="10"/>
    </row>
    <row r="176462" spans="14:14">
      <c r="N176462" s="10"/>
    </row>
    <row r="176463" spans="14:14">
      <c r="N176463" s="10"/>
    </row>
    <row r="176464" spans="14:14">
      <c r="N176464" s="10"/>
    </row>
    <row r="176465" spans="14:14">
      <c r="N176465" s="10"/>
    </row>
    <row r="176466" spans="14:14">
      <c r="N176466" s="10"/>
    </row>
    <row r="176467" spans="14:14">
      <c r="N176467" s="10"/>
    </row>
    <row r="176468" spans="14:14">
      <c r="N176468" s="10"/>
    </row>
    <row r="176469" spans="14:14">
      <c r="N176469" s="10"/>
    </row>
    <row r="176470" spans="14:14">
      <c r="N176470" s="10"/>
    </row>
    <row r="176471" spans="14:14">
      <c r="N176471" s="10"/>
    </row>
    <row r="176472" spans="14:14">
      <c r="N176472" s="10"/>
    </row>
    <row r="176473" spans="14:14">
      <c r="N176473" s="10"/>
    </row>
    <row r="176474" spans="14:14">
      <c r="N176474" s="10"/>
    </row>
    <row r="176475" spans="14:14">
      <c r="N176475" s="10"/>
    </row>
    <row r="176476" spans="14:14">
      <c r="N176476" s="10"/>
    </row>
    <row r="176477" spans="14:14">
      <c r="N176477" s="10"/>
    </row>
    <row r="176478" spans="14:14">
      <c r="N176478" s="10"/>
    </row>
    <row r="176479" spans="14:14">
      <c r="N176479" s="10"/>
    </row>
    <row r="176480" spans="14:14">
      <c r="N176480" s="10"/>
    </row>
    <row r="176481" spans="14:14">
      <c r="N176481" s="10"/>
    </row>
    <row r="176482" spans="14:14">
      <c r="N176482" s="10"/>
    </row>
    <row r="176483" spans="14:14">
      <c r="N176483" s="10"/>
    </row>
    <row r="176484" spans="14:14">
      <c r="N176484" s="10"/>
    </row>
    <row r="176485" spans="14:14">
      <c r="N176485" s="10"/>
    </row>
    <row r="176486" spans="14:14">
      <c r="N176486" s="10"/>
    </row>
    <row r="176487" spans="14:14">
      <c r="N176487" s="10"/>
    </row>
    <row r="176488" spans="14:14">
      <c r="N176488" s="10"/>
    </row>
    <row r="176489" spans="14:14">
      <c r="N176489" s="10"/>
    </row>
    <row r="176490" spans="14:14">
      <c r="N176490" s="10"/>
    </row>
    <row r="176491" spans="14:14">
      <c r="N176491" s="10"/>
    </row>
    <row r="176492" spans="14:14">
      <c r="N176492" s="10"/>
    </row>
    <row r="176493" spans="14:14">
      <c r="N176493" s="10"/>
    </row>
    <row r="176494" spans="14:14">
      <c r="N176494" s="10"/>
    </row>
    <row r="176495" spans="14:14">
      <c r="N176495" s="10"/>
    </row>
    <row r="176496" spans="14:14">
      <c r="N176496" s="10"/>
    </row>
    <row r="176497" spans="14:14">
      <c r="N176497" s="10"/>
    </row>
    <row r="176498" spans="14:14">
      <c r="N176498" s="10"/>
    </row>
    <row r="176499" spans="14:14">
      <c r="N176499" s="10"/>
    </row>
    <row r="176500" spans="14:14">
      <c r="N176500" s="10"/>
    </row>
    <row r="176501" spans="14:14">
      <c r="N176501" s="10"/>
    </row>
    <row r="176502" spans="14:14">
      <c r="N176502" s="10"/>
    </row>
    <row r="176503" spans="14:14">
      <c r="N176503" s="10"/>
    </row>
    <row r="176504" spans="14:14">
      <c r="N176504" s="10"/>
    </row>
    <row r="176505" spans="14:14">
      <c r="N176505" s="10"/>
    </row>
    <row r="176506" spans="14:14">
      <c r="N176506" s="10"/>
    </row>
    <row r="176507" spans="14:14">
      <c r="N176507" s="10"/>
    </row>
    <row r="176508" spans="14:14">
      <c r="N176508" s="10"/>
    </row>
    <row r="176509" spans="14:14">
      <c r="N176509" s="10"/>
    </row>
    <row r="176510" spans="14:14">
      <c r="N176510" s="10"/>
    </row>
    <row r="176511" spans="14:14">
      <c r="N176511" s="10"/>
    </row>
    <row r="176512" spans="14:14">
      <c r="N176512" s="10"/>
    </row>
    <row r="176513" spans="14:14">
      <c r="N176513" s="10"/>
    </row>
    <row r="176514" spans="14:14">
      <c r="N176514" s="10"/>
    </row>
    <row r="176515" spans="14:14">
      <c r="N176515" s="10"/>
    </row>
    <row r="176516" spans="14:14">
      <c r="N176516" s="10"/>
    </row>
    <row r="176517" spans="14:14">
      <c r="N176517" s="10"/>
    </row>
    <row r="176518" spans="14:14">
      <c r="N176518" s="10"/>
    </row>
    <row r="176519" spans="14:14">
      <c r="N176519" s="10"/>
    </row>
    <row r="176520" spans="14:14">
      <c r="N176520" s="10"/>
    </row>
    <row r="176521" spans="14:14">
      <c r="N176521" s="10"/>
    </row>
    <row r="176522" spans="14:14">
      <c r="N176522" s="10"/>
    </row>
    <row r="176523" spans="14:14">
      <c r="N176523" s="10"/>
    </row>
    <row r="176524" spans="14:14">
      <c r="N176524" s="10"/>
    </row>
    <row r="176525" spans="14:14">
      <c r="N176525" s="10"/>
    </row>
    <row r="176526" spans="14:14">
      <c r="N176526" s="10"/>
    </row>
    <row r="176527" spans="14:14">
      <c r="N176527" s="10"/>
    </row>
    <row r="176528" spans="14:14">
      <c r="N176528" s="10"/>
    </row>
    <row r="176529" spans="14:14">
      <c r="N176529" s="10"/>
    </row>
    <row r="176530" spans="14:14">
      <c r="N176530" s="10"/>
    </row>
    <row r="176531" spans="14:14">
      <c r="N176531" s="10"/>
    </row>
    <row r="176532" spans="14:14">
      <c r="N176532" s="10"/>
    </row>
    <row r="176533" spans="14:14">
      <c r="N176533" s="10"/>
    </row>
    <row r="176534" spans="14:14">
      <c r="N176534" s="10"/>
    </row>
    <row r="176535" spans="14:14">
      <c r="N176535" s="10"/>
    </row>
    <row r="176536" spans="14:14">
      <c r="N176536" s="10"/>
    </row>
    <row r="176537" spans="14:14">
      <c r="N176537" s="10"/>
    </row>
    <row r="176538" spans="14:14">
      <c r="N176538" s="10"/>
    </row>
    <row r="176539" spans="14:14">
      <c r="N176539" s="10"/>
    </row>
    <row r="176540" spans="14:14">
      <c r="N176540" s="10"/>
    </row>
    <row r="176541" spans="14:14">
      <c r="N176541" s="10"/>
    </row>
    <row r="176542" spans="14:14">
      <c r="N176542" s="10"/>
    </row>
    <row r="176543" spans="14:14">
      <c r="N176543" s="10"/>
    </row>
    <row r="176544" spans="14:14">
      <c r="N176544" s="10"/>
    </row>
    <row r="176545" spans="14:14">
      <c r="N176545" s="10"/>
    </row>
    <row r="176546" spans="14:14">
      <c r="N176546" s="10"/>
    </row>
    <row r="176547" spans="14:14">
      <c r="N176547" s="10"/>
    </row>
    <row r="176548" spans="14:14">
      <c r="N176548" s="10"/>
    </row>
    <row r="176549" spans="14:14">
      <c r="N176549" s="10"/>
    </row>
    <row r="176550" spans="14:14">
      <c r="N176550" s="10"/>
    </row>
    <row r="176551" spans="14:14">
      <c r="N176551" s="10"/>
    </row>
    <row r="176552" spans="14:14">
      <c r="N176552" s="10"/>
    </row>
    <row r="176553" spans="14:14">
      <c r="N176553" s="10"/>
    </row>
    <row r="176554" spans="14:14">
      <c r="N176554" s="10"/>
    </row>
    <row r="176555" spans="14:14">
      <c r="N176555" s="10"/>
    </row>
    <row r="176556" spans="14:14">
      <c r="N176556" s="10"/>
    </row>
    <row r="176557" spans="14:14">
      <c r="N176557" s="10"/>
    </row>
    <row r="176558" spans="14:14">
      <c r="N176558" s="10"/>
    </row>
    <row r="176559" spans="14:14">
      <c r="N176559" s="10"/>
    </row>
    <row r="176560" spans="14:14">
      <c r="N176560" s="10"/>
    </row>
    <row r="176561" spans="14:14">
      <c r="N176561" s="10"/>
    </row>
    <row r="176562" spans="14:14">
      <c r="N176562" s="10"/>
    </row>
    <row r="176563" spans="14:14">
      <c r="N176563" s="10"/>
    </row>
    <row r="176564" spans="14:14">
      <c r="N176564" s="10"/>
    </row>
    <row r="176565" spans="14:14">
      <c r="N176565" s="10"/>
    </row>
    <row r="176566" spans="14:14">
      <c r="N176566" s="10"/>
    </row>
    <row r="176567" spans="14:14">
      <c r="N176567" s="10"/>
    </row>
    <row r="176568" spans="14:14">
      <c r="N176568" s="10"/>
    </row>
    <row r="176569" spans="14:14">
      <c r="N176569" s="10"/>
    </row>
    <row r="176570" spans="14:14">
      <c r="N176570" s="10"/>
    </row>
    <row r="176571" spans="14:14">
      <c r="N176571" s="10"/>
    </row>
    <row r="176572" spans="14:14">
      <c r="N176572" s="10"/>
    </row>
    <row r="176573" spans="14:14">
      <c r="N176573" s="10"/>
    </row>
    <row r="176574" spans="14:14">
      <c r="N176574" s="10"/>
    </row>
    <row r="176575" spans="14:14">
      <c r="N176575" s="10"/>
    </row>
    <row r="176576" spans="14:14">
      <c r="N176576" s="10"/>
    </row>
    <row r="176577" spans="14:14">
      <c r="N176577" s="10"/>
    </row>
    <row r="176578" spans="14:14">
      <c r="N176578" s="10"/>
    </row>
    <row r="176579" spans="14:14">
      <c r="N176579" s="10"/>
    </row>
    <row r="176580" spans="14:14">
      <c r="N176580" s="10"/>
    </row>
    <row r="176581" spans="14:14">
      <c r="N176581" s="10"/>
    </row>
    <row r="176582" spans="14:14">
      <c r="N176582" s="10"/>
    </row>
    <row r="176583" spans="14:14">
      <c r="N176583" s="10"/>
    </row>
    <row r="176584" spans="14:14">
      <c r="N176584" s="10"/>
    </row>
    <row r="176585" spans="14:14">
      <c r="N176585" s="10"/>
    </row>
    <row r="176586" spans="14:14">
      <c r="N176586" s="10"/>
    </row>
    <row r="176587" spans="14:14">
      <c r="N176587" s="10"/>
    </row>
    <row r="176588" spans="14:14">
      <c r="N176588" s="10"/>
    </row>
    <row r="176589" spans="14:14">
      <c r="N176589" s="10"/>
    </row>
    <row r="176590" spans="14:14">
      <c r="N176590" s="10"/>
    </row>
    <row r="176591" spans="14:14">
      <c r="N176591" s="10"/>
    </row>
    <row r="176592" spans="14:14">
      <c r="N176592" s="10"/>
    </row>
    <row r="176593" spans="14:14">
      <c r="N176593" s="10"/>
    </row>
    <row r="176594" spans="14:14">
      <c r="N176594" s="10"/>
    </row>
    <row r="176595" spans="14:14">
      <c r="N176595" s="10"/>
    </row>
    <row r="176596" spans="14:14">
      <c r="N176596" s="10"/>
    </row>
    <row r="176597" spans="14:14">
      <c r="N176597" s="10"/>
    </row>
    <row r="176598" spans="14:14">
      <c r="N176598" s="10"/>
    </row>
    <row r="176599" spans="14:14">
      <c r="N176599" s="10"/>
    </row>
    <row r="176600" spans="14:14">
      <c r="N176600" s="10"/>
    </row>
    <row r="176601" spans="14:14">
      <c r="N176601" s="10"/>
    </row>
    <row r="176602" spans="14:14">
      <c r="N176602" s="10"/>
    </row>
    <row r="176603" spans="14:14">
      <c r="N176603" s="10"/>
    </row>
    <row r="176604" spans="14:14">
      <c r="N176604" s="10"/>
    </row>
    <row r="176605" spans="14:14">
      <c r="N176605" s="10"/>
    </row>
    <row r="176606" spans="14:14">
      <c r="N176606" s="10"/>
    </row>
    <row r="176607" spans="14:14">
      <c r="N176607" s="10"/>
    </row>
    <row r="176608" spans="14:14">
      <c r="N176608" s="10"/>
    </row>
    <row r="176609" spans="14:14">
      <c r="N176609" s="10"/>
    </row>
    <row r="176610" spans="14:14">
      <c r="N176610" s="10"/>
    </row>
    <row r="176611" spans="14:14">
      <c r="N176611" s="10"/>
    </row>
    <row r="176612" spans="14:14">
      <c r="N176612" s="10"/>
    </row>
    <row r="176613" spans="14:14">
      <c r="N176613" s="10"/>
    </row>
    <row r="176614" spans="14:14">
      <c r="N176614" s="10"/>
    </row>
    <row r="176615" spans="14:14">
      <c r="N176615" s="10"/>
    </row>
    <row r="176616" spans="14:14">
      <c r="N176616" s="10"/>
    </row>
    <row r="176617" spans="14:14">
      <c r="N176617" s="10"/>
    </row>
    <row r="176618" spans="14:14">
      <c r="N176618" s="10"/>
    </row>
    <row r="176619" spans="14:14">
      <c r="N176619" s="10"/>
    </row>
    <row r="176620" spans="14:14">
      <c r="N176620" s="10"/>
    </row>
    <row r="176621" spans="14:14">
      <c r="N176621" s="10"/>
    </row>
    <row r="176622" spans="14:14">
      <c r="N176622" s="10"/>
    </row>
    <row r="176623" spans="14:14">
      <c r="N176623" s="10"/>
    </row>
    <row r="176624" spans="14:14">
      <c r="N176624" s="10"/>
    </row>
    <row r="176625" spans="14:14">
      <c r="N176625" s="10"/>
    </row>
    <row r="176626" spans="14:14">
      <c r="N176626" s="10"/>
    </row>
    <row r="176627" spans="14:14">
      <c r="N176627" s="10"/>
    </row>
    <row r="176628" spans="14:14">
      <c r="N176628" s="10"/>
    </row>
    <row r="176629" spans="14:14">
      <c r="N176629" s="10"/>
    </row>
    <row r="176630" spans="14:14">
      <c r="N176630" s="10"/>
    </row>
    <row r="176631" spans="14:14">
      <c r="N176631" s="10"/>
    </row>
    <row r="176632" spans="14:14">
      <c r="N176632" s="10"/>
    </row>
    <row r="176633" spans="14:14">
      <c r="N176633" s="10"/>
    </row>
    <row r="176634" spans="14:14">
      <c r="N176634" s="10"/>
    </row>
    <row r="176635" spans="14:14">
      <c r="N176635" s="10"/>
    </row>
    <row r="176636" spans="14:14">
      <c r="N176636" s="10"/>
    </row>
    <row r="176637" spans="14:14">
      <c r="N176637" s="10"/>
    </row>
    <row r="176638" spans="14:14">
      <c r="N176638" s="10"/>
    </row>
    <row r="176639" spans="14:14">
      <c r="N176639" s="10"/>
    </row>
    <row r="176640" spans="14:14">
      <c r="N176640" s="10"/>
    </row>
    <row r="176641" spans="14:14">
      <c r="N176641" s="10"/>
    </row>
    <row r="176642" spans="14:14">
      <c r="N176642" s="10"/>
    </row>
    <row r="176643" spans="14:14">
      <c r="N176643" s="10"/>
    </row>
    <row r="176644" spans="14:14">
      <c r="N176644" s="10"/>
    </row>
    <row r="176645" spans="14:14">
      <c r="N176645" s="10"/>
    </row>
    <row r="176646" spans="14:14">
      <c r="N176646" s="10"/>
    </row>
    <row r="176647" spans="14:14">
      <c r="N176647" s="10"/>
    </row>
    <row r="176648" spans="14:14">
      <c r="N176648" s="10"/>
    </row>
    <row r="176649" spans="14:14">
      <c r="N176649" s="10"/>
    </row>
    <row r="176650" spans="14:14">
      <c r="N176650" s="10"/>
    </row>
    <row r="176651" spans="14:14">
      <c r="N176651" s="10"/>
    </row>
    <row r="176652" spans="14:14">
      <c r="N176652" s="10"/>
    </row>
    <row r="176653" spans="14:14">
      <c r="N176653" s="10"/>
    </row>
    <row r="176654" spans="14:14">
      <c r="N176654" s="10"/>
    </row>
    <row r="176655" spans="14:14">
      <c r="N176655" s="10"/>
    </row>
    <row r="176656" spans="14:14">
      <c r="N176656" s="10"/>
    </row>
    <row r="176657" spans="14:14">
      <c r="N176657" s="10"/>
    </row>
    <row r="176658" spans="14:14">
      <c r="N176658" s="10"/>
    </row>
    <row r="176659" spans="14:14">
      <c r="N176659" s="10"/>
    </row>
    <row r="176660" spans="14:14">
      <c r="N176660" s="10"/>
    </row>
    <row r="176661" spans="14:14">
      <c r="N176661" s="10"/>
    </row>
    <row r="176662" spans="14:14">
      <c r="N176662" s="10"/>
    </row>
    <row r="176663" spans="14:14">
      <c r="N176663" s="10"/>
    </row>
    <row r="176664" spans="14:14">
      <c r="N176664" s="10"/>
    </row>
    <row r="176665" spans="14:14">
      <c r="N176665" s="10"/>
    </row>
    <row r="176666" spans="14:14">
      <c r="N176666" s="10"/>
    </row>
    <row r="176667" spans="14:14">
      <c r="N176667" s="10"/>
    </row>
    <row r="176668" spans="14:14">
      <c r="N176668" s="10"/>
    </row>
    <row r="176669" spans="14:14">
      <c r="N176669" s="10"/>
    </row>
    <row r="176670" spans="14:14">
      <c r="N176670" s="10"/>
    </row>
    <row r="176671" spans="14:14">
      <c r="N176671" s="10"/>
    </row>
    <row r="176672" spans="14:14">
      <c r="N176672" s="10"/>
    </row>
    <row r="176673" spans="14:14">
      <c r="N176673" s="10"/>
    </row>
    <row r="176674" spans="14:14">
      <c r="N176674" s="10"/>
    </row>
    <row r="176675" spans="14:14">
      <c r="N176675" s="10"/>
    </row>
    <row r="176676" spans="14:14">
      <c r="N176676" s="10"/>
    </row>
    <row r="176677" spans="14:14">
      <c r="N176677" s="10"/>
    </row>
    <row r="176678" spans="14:14">
      <c r="N176678" s="10"/>
    </row>
    <row r="176679" spans="14:14">
      <c r="N176679" s="10"/>
    </row>
    <row r="176680" spans="14:14">
      <c r="N176680" s="10"/>
    </row>
    <row r="176681" spans="14:14">
      <c r="N176681" s="10"/>
    </row>
    <row r="176682" spans="14:14">
      <c r="N176682" s="10"/>
    </row>
    <row r="176683" spans="14:14">
      <c r="N176683" s="10"/>
    </row>
    <row r="176684" spans="14:14">
      <c r="N176684" s="10"/>
    </row>
    <row r="176685" spans="14:14">
      <c r="N176685" s="10"/>
    </row>
    <row r="176686" spans="14:14">
      <c r="N176686" s="10"/>
    </row>
    <row r="176687" spans="14:14">
      <c r="N176687" s="10"/>
    </row>
    <row r="176688" spans="14:14">
      <c r="N176688" s="10"/>
    </row>
    <row r="176689" spans="14:14">
      <c r="N176689" s="10"/>
    </row>
    <row r="176690" spans="14:14">
      <c r="N176690" s="10"/>
    </row>
    <row r="176691" spans="14:14">
      <c r="N176691" s="10"/>
    </row>
    <row r="176692" spans="14:14">
      <c r="N176692" s="10"/>
    </row>
    <row r="176693" spans="14:14">
      <c r="N176693" s="10"/>
    </row>
    <row r="176694" spans="14:14">
      <c r="N176694" s="10"/>
    </row>
    <row r="176695" spans="14:14">
      <c r="N176695" s="10"/>
    </row>
    <row r="176696" spans="14:14">
      <c r="N176696" s="10"/>
    </row>
    <row r="176697" spans="14:14">
      <c r="N176697" s="10"/>
    </row>
    <row r="176698" spans="14:14">
      <c r="N176698" s="10"/>
    </row>
    <row r="176699" spans="14:14">
      <c r="N176699" s="10"/>
    </row>
    <row r="176700" spans="14:14">
      <c r="N176700" s="10"/>
    </row>
    <row r="176701" spans="14:14">
      <c r="N176701" s="10"/>
    </row>
    <row r="176702" spans="14:14">
      <c r="N176702" s="10"/>
    </row>
    <row r="176703" spans="14:14">
      <c r="N176703" s="10"/>
    </row>
    <row r="176704" spans="14:14">
      <c r="N176704" s="10"/>
    </row>
    <row r="176705" spans="14:14">
      <c r="N176705" s="10"/>
    </row>
    <row r="176706" spans="14:14">
      <c r="N176706" s="10"/>
    </row>
    <row r="176707" spans="14:14">
      <c r="N176707" s="10"/>
    </row>
    <row r="176708" spans="14:14">
      <c r="N176708" s="10"/>
    </row>
    <row r="176709" spans="14:14">
      <c r="N176709" s="10"/>
    </row>
    <row r="176710" spans="14:14">
      <c r="N176710" s="10"/>
    </row>
    <row r="176711" spans="14:14">
      <c r="N176711" s="10"/>
    </row>
    <row r="176712" spans="14:14">
      <c r="N176712" s="10"/>
    </row>
    <row r="176713" spans="14:14">
      <c r="N176713" s="10"/>
    </row>
    <row r="176714" spans="14:14">
      <c r="N176714" s="10"/>
    </row>
    <row r="176715" spans="14:14">
      <c r="N176715" s="10"/>
    </row>
    <row r="176716" spans="14:14">
      <c r="N176716" s="10"/>
    </row>
    <row r="176717" spans="14:14">
      <c r="N176717" s="10"/>
    </row>
    <row r="176718" spans="14:14">
      <c r="N176718" s="10"/>
    </row>
    <row r="176719" spans="14:14">
      <c r="N176719" s="10"/>
    </row>
    <row r="176720" spans="14:14">
      <c r="N176720" s="10"/>
    </row>
    <row r="176721" spans="14:14">
      <c r="N176721" s="10"/>
    </row>
    <row r="176722" spans="14:14">
      <c r="N176722" s="10"/>
    </row>
    <row r="176723" spans="14:14">
      <c r="N176723" s="10"/>
    </row>
    <row r="176724" spans="14:14">
      <c r="N176724" s="10"/>
    </row>
    <row r="176725" spans="14:14">
      <c r="N176725" s="10"/>
    </row>
    <row r="176726" spans="14:14">
      <c r="N176726" s="10"/>
    </row>
    <row r="176727" spans="14:14">
      <c r="N176727" s="10"/>
    </row>
    <row r="176728" spans="14:14">
      <c r="N176728" s="10"/>
    </row>
    <row r="176729" spans="14:14">
      <c r="N176729" s="10"/>
    </row>
    <row r="176730" spans="14:14">
      <c r="N176730" s="10"/>
    </row>
    <row r="176731" spans="14:14">
      <c r="N176731" s="10"/>
    </row>
    <row r="176732" spans="14:14">
      <c r="N176732" s="10"/>
    </row>
    <row r="176733" spans="14:14">
      <c r="N176733" s="10"/>
    </row>
    <row r="176734" spans="14:14">
      <c r="N176734" s="10"/>
    </row>
    <row r="176735" spans="14:14">
      <c r="N176735" s="10"/>
    </row>
    <row r="176736" spans="14:14">
      <c r="N176736" s="10"/>
    </row>
    <row r="176737" spans="14:14">
      <c r="N176737" s="10"/>
    </row>
    <row r="176738" spans="14:14">
      <c r="N176738" s="10"/>
    </row>
    <row r="176739" spans="14:14">
      <c r="N176739" s="10"/>
    </row>
    <row r="176740" spans="14:14">
      <c r="N176740" s="10"/>
    </row>
    <row r="176741" spans="14:14">
      <c r="N176741" s="10"/>
    </row>
    <row r="176742" spans="14:14">
      <c r="N176742" s="10"/>
    </row>
    <row r="176743" spans="14:14">
      <c r="N176743" s="10"/>
    </row>
    <row r="176744" spans="14:14">
      <c r="N176744" s="10"/>
    </row>
    <row r="176745" spans="14:14">
      <c r="N176745" s="10"/>
    </row>
    <row r="176746" spans="14:14">
      <c r="N176746" s="10"/>
    </row>
    <row r="176747" spans="14:14">
      <c r="N176747" s="10"/>
    </row>
    <row r="176748" spans="14:14">
      <c r="N176748" s="10"/>
    </row>
    <row r="176749" spans="14:14">
      <c r="N176749" s="10"/>
    </row>
    <row r="176750" spans="14:14">
      <c r="N176750" s="10"/>
    </row>
    <row r="176751" spans="14:14">
      <c r="N176751" s="10"/>
    </row>
    <row r="176752" spans="14:14">
      <c r="N176752" s="10"/>
    </row>
    <row r="176753" spans="14:14">
      <c r="N176753" s="10"/>
    </row>
    <row r="176754" spans="14:14">
      <c r="N176754" s="10"/>
    </row>
    <row r="176755" spans="14:14">
      <c r="N176755" s="10"/>
    </row>
    <row r="176756" spans="14:14">
      <c r="N176756" s="10"/>
    </row>
    <row r="176757" spans="14:14">
      <c r="N176757" s="10"/>
    </row>
    <row r="176758" spans="14:14">
      <c r="N176758" s="10"/>
    </row>
    <row r="176759" spans="14:14">
      <c r="N176759" s="10"/>
    </row>
    <row r="176760" spans="14:14">
      <c r="N176760" s="10"/>
    </row>
    <row r="176761" spans="14:14">
      <c r="N176761" s="10"/>
    </row>
    <row r="176762" spans="14:14">
      <c r="N176762" s="10"/>
    </row>
    <row r="176763" spans="14:14">
      <c r="N176763" s="10"/>
    </row>
    <row r="176764" spans="14:14">
      <c r="N176764" s="10"/>
    </row>
    <row r="176765" spans="14:14">
      <c r="N176765" s="10"/>
    </row>
    <row r="176766" spans="14:14">
      <c r="N176766" s="10"/>
    </row>
    <row r="176767" spans="14:14">
      <c r="N176767" s="10"/>
    </row>
    <row r="176768" spans="14:14">
      <c r="N176768" s="10"/>
    </row>
    <row r="176769" spans="14:14">
      <c r="N176769" s="10"/>
    </row>
    <row r="176770" spans="14:14">
      <c r="N176770" s="10"/>
    </row>
    <row r="176771" spans="14:14">
      <c r="N176771" s="10"/>
    </row>
    <row r="176772" spans="14:14">
      <c r="N176772" s="10"/>
    </row>
    <row r="176773" spans="14:14">
      <c r="N176773" s="10"/>
    </row>
    <row r="176774" spans="14:14">
      <c r="N176774" s="10"/>
    </row>
    <row r="176775" spans="14:14">
      <c r="N176775" s="10"/>
    </row>
    <row r="176776" spans="14:14">
      <c r="N176776" s="10"/>
    </row>
    <row r="176777" spans="14:14">
      <c r="N176777" s="10"/>
    </row>
    <row r="176778" spans="14:14">
      <c r="N176778" s="10"/>
    </row>
    <row r="176779" spans="14:14">
      <c r="N176779" s="10"/>
    </row>
    <row r="176780" spans="14:14">
      <c r="N176780" s="10"/>
    </row>
    <row r="176781" spans="14:14">
      <c r="N176781" s="10"/>
    </row>
    <row r="176782" spans="14:14">
      <c r="N176782" s="10"/>
    </row>
    <row r="176783" spans="14:14">
      <c r="N176783" s="10"/>
    </row>
    <row r="176784" spans="14:14">
      <c r="N176784" s="10"/>
    </row>
    <row r="176785" spans="14:14">
      <c r="N176785" s="10"/>
    </row>
    <row r="176786" spans="14:14">
      <c r="N176786" s="10"/>
    </row>
    <row r="176787" spans="14:14">
      <c r="N176787" s="10"/>
    </row>
    <row r="176788" spans="14:14">
      <c r="N176788" s="10"/>
    </row>
    <row r="176789" spans="14:14">
      <c r="N176789" s="10"/>
    </row>
    <row r="176790" spans="14:14">
      <c r="N176790" s="10"/>
    </row>
    <row r="176791" spans="14:14">
      <c r="N176791" s="10"/>
    </row>
    <row r="176792" spans="14:14">
      <c r="N176792" s="10"/>
    </row>
    <row r="176793" spans="14:14">
      <c r="N176793" s="10"/>
    </row>
    <row r="176794" spans="14:14">
      <c r="N176794" s="10"/>
    </row>
    <row r="176795" spans="14:14">
      <c r="N176795" s="10"/>
    </row>
    <row r="176796" spans="14:14">
      <c r="N176796" s="10"/>
    </row>
    <row r="176797" spans="14:14">
      <c r="N176797" s="10"/>
    </row>
    <row r="176798" spans="14:14">
      <c r="N176798" s="10"/>
    </row>
    <row r="176799" spans="14:14">
      <c r="N176799" s="10"/>
    </row>
    <row r="176800" spans="14:14">
      <c r="N176800" s="10"/>
    </row>
    <row r="176801" spans="14:14">
      <c r="N176801" s="10"/>
    </row>
    <row r="176802" spans="14:14">
      <c r="N176802" s="10"/>
    </row>
    <row r="176803" spans="14:14">
      <c r="N176803" s="10"/>
    </row>
    <row r="176804" spans="14:14">
      <c r="N176804" s="10"/>
    </row>
    <row r="176805" spans="14:14">
      <c r="N176805" s="10"/>
    </row>
    <row r="176806" spans="14:14">
      <c r="N176806" s="10"/>
    </row>
    <row r="176807" spans="14:14">
      <c r="N176807" s="10"/>
    </row>
    <row r="176808" spans="14:14">
      <c r="N176808" s="10"/>
    </row>
    <row r="176809" spans="14:14">
      <c r="N176809" s="10"/>
    </row>
    <row r="176810" spans="14:14">
      <c r="N176810" s="10"/>
    </row>
    <row r="176811" spans="14:14">
      <c r="N176811" s="10"/>
    </row>
    <row r="176812" spans="14:14">
      <c r="N176812" s="10"/>
    </row>
    <row r="176813" spans="14:14">
      <c r="N176813" s="10"/>
    </row>
    <row r="176814" spans="14:14">
      <c r="N176814" s="10"/>
    </row>
    <row r="176815" spans="14:14">
      <c r="N176815" s="10"/>
    </row>
    <row r="176816" spans="14:14">
      <c r="N176816" s="10"/>
    </row>
    <row r="176817" spans="14:14">
      <c r="N176817" s="10"/>
    </row>
    <row r="176818" spans="14:14">
      <c r="N176818" s="10"/>
    </row>
    <row r="176819" spans="14:14">
      <c r="N176819" s="10"/>
    </row>
    <row r="176820" spans="14:14">
      <c r="N176820" s="10"/>
    </row>
    <row r="176821" spans="14:14">
      <c r="N176821" s="10"/>
    </row>
    <row r="176822" spans="14:14">
      <c r="N176822" s="10"/>
    </row>
    <row r="176823" spans="14:14">
      <c r="N176823" s="10"/>
    </row>
    <row r="176824" spans="14:14">
      <c r="N176824" s="10"/>
    </row>
    <row r="176825" spans="14:14">
      <c r="N176825" s="10"/>
    </row>
    <row r="176826" spans="14:14">
      <c r="N176826" s="10"/>
    </row>
    <row r="176827" spans="14:14">
      <c r="N176827" s="10"/>
    </row>
    <row r="176828" spans="14:14">
      <c r="N176828" s="10"/>
    </row>
    <row r="176829" spans="14:14">
      <c r="N176829" s="10"/>
    </row>
    <row r="176830" spans="14:14">
      <c r="N176830" s="10"/>
    </row>
    <row r="176831" spans="14:14">
      <c r="N176831" s="10"/>
    </row>
    <row r="176832" spans="14:14">
      <c r="N176832" s="10"/>
    </row>
    <row r="176833" spans="14:14">
      <c r="N176833" s="10"/>
    </row>
    <row r="176834" spans="14:14">
      <c r="N176834" s="10"/>
    </row>
    <row r="176835" spans="14:14">
      <c r="N176835" s="10"/>
    </row>
    <row r="176836" spans="14:14">
      <c r="N176836" s="10"/>
    </row>
    <row r="176837" spans="14:14">
      <c r="N176837" s="10"/>
    </row>
    <row r="176838" spans="14:14">
      <c r="N176838" s="10"/>
    </row>
    <row r="176839" spans="14:14">
      <c r="N176839" s="10"/>
    </row>
    <row r="176840" spans="14:14">
      <c r="N176840" s="10"/>
    </row>
    <row r="176841" spans="14:14">
      <c r="N176841" s="10"/>
    </row>
    <row r="176842" spans="14:14">
      <c r="N176842" s="10"/>
    </row>
    <row r="176843" spans="14:14">
      <c r="N176843" s="10"/>
    </row>
    <row r="176844" spans="14:14">
      <c r="N176844" s="10"/>
    </row>
    <row r="176845" spans="14:14">
      <c r="N176845" s="10"/>
    </row>
    <row r="176846" spans="14:14">
      <c r="N176846" s="10"/>
    </row>
    <row r="176847" spans="14:14">
      <c r="N176847" s="10"/>
    </row>
    <row r="176848" spans="14:14">
      <c r="N176848" s="10"/>
    </row>
    <row r="176849" spans="14:14">
      <c r="N176849" s="10"/>
    </row>
    <row r="176850" spans="14:14">
      <c r="N176850" s="10"/>
    </row>
    <row r="176851" spans="14:14">
      <c r="N176851" s="10"/>
    </row>
    <row r="176852" spans="14:14">
      <c r="N176852" s="10"/>
    </row>
    <row r="176853" spans="14:14">
      <c r="N176853" s="10"/>
    </row>
    <row r="176854" spans="14:14">
      <c r="N176854" s="10"/>
    </row>
    <row r="176855" spans="14:14">
      <c r="N176855" s="10"/>
    </row>
    <row r="176856" spans="14:14">
      <c r="N176856" s="10"/>
    </row>
    <row r="176857" spans="14:14">
      <c r="N176857" s="10"/>
    </row>
    <row r="176858" spans="14:14">
      <c r="N176858" s="10"/>
    </row>
    <row r="176859" spans="14:14">
      <c r="N176859" s="10"/>
    </row>
    <row r="176860" spans="14:14">
      <c r="N176860" s="10"/>
    </row>
    <row r="176861" spans="14:14">
      <c r="N176861" s="10"/>
    </row>
    <row r="176862" spans="14:14">
      <c r="N176862" s="10"/>
    </row>
    <row r="176863" spans="14:14">
      <c r="N176863" s="10"/>
    </row>
    <row r="176864" spans="14:14">
      <c r="N176864" s="10"/>
    </row>
    <row r="176865" spans="14:14">
      <c r="N176865" s="10"/>
    </row>
    <row r="176866" spans="14:14">
      <c r="N176866" s="10"/>
    </row>
    <row r="176867" spans="14:14">
      <c r="N176867" s="10"/>
    </row>
    <row r="176868" spans="14:14">
      <c r="N176868" s="10"/>
    </row>
    <row r="176869" spans="14:14">
      <c r="N176869" s="10"/>
    </row>
    <row r="176870" spans="14:14">
      <c r="N176870" s="10"/>
    </row>
    <row r="176871" spans="14:14">
      <c r="N176871" s="10"/>
    </row>
    <row r="176872" spans="14:14">
      <c r="N176872" s="10"/>
    </row>
    <row r="176873" spans="14:14">
      <c r="N176873" s="10"/>
    </row>
    <row r="176874" spans="14:14">
      <c r="N176874" s="10"/>
    </row>
    <row r="176875" spans="14:14">
      <c r="N176875" s="10"/>
    </row>
    <row r="176876" spans="14:14">
      <c r="N176876" s="10"/>
    </row>
    <row r="176877" spans="14:14">
      <c r="N176877" s="10"/>
    </row>
    <row r="176878" spans="14:14">
      <c r="N176878" s="10"/>
    </row>
    <row r="176879" spans="14:14">
      <c r="N176879" s="10"/>
    </row>
    <row r="176880" spans="14:14">
      <c r="N176880" s="10"/>
    </row>
    <row r="176881" spans="14:14">
      <c r="N176881" s="10"/>
    </row>
    <row r="176882" spans="14:14">
      <c r="N176882" s="10"/>
    </row>
    <row r="176883" spans="14:14">
      <c r="N176883" s="10"/>
    </row>
    <row r="176884" spans="14:14">
      <c r="N176884" s="10"/>
    </row>
    <row r="176885" spans="14:14">
      <c r="N176885" s="10"/>
    </row>
    <row r="176886" spans="14:14">
      <c r="N176886" s="10"/>
    </row>
    <row r="176887" spans="14:14">
      <c r="N176887" s="10"/>
    </row>
    <row r="176888" spans="14:14">
      <c r="N176888" s="10"/>
    </row>
    <row r="176889" spans="14:14">
      <c r="N176889" s="10"/>
    </row>
    <row r="176890" spans="14:14">
      <c r="N176890" s="10"/>
    </row>
    <row r="176891" spans="14:14">
      <c r="N176891" s="10"/>
    </row>
    <row r="176892" spans="14:14">
      <c r="N176892" s="10"/>
    </row>
    <row r="176893" spans="14:14">
      <c r="N176893" s="10"/>
    </row>
    <row r="176894" spans="14:14">
      <c r="N176894" s="10"/>
    </row>
    <row r="176895" spans="14:14">
      <c r="N176895" s="10"/>
    </row>
    <row r="176896" spans="14:14">
      <c r="N176896" s="10"/>
    </row>
    <row r="176897" spans="14:14">
      <c r="N176897" s="10"/>
    </row>
    <row r="176898" spans="14:14">
      <c r="N176898" s="10"/>
    </row>
    <row r="176899" spans="14:14">
      <c r="N176899" s="10"/>
    </row>
    <row r="176900" spans="14:14">
      <c r="N176900" s="10"/>
    </row>
    <row r="176901" spans="14:14">
      <c r="N176901" s="10"/>
    </row>
    <row r="176902" spans="14:14">
      <c r="N176902" s="10"/>
    </row>
    <row r="176903" spans="14:14">
      <c r="N176903" s="10"/>
    </row>
    <row r="176904" spans="14:14">
      <c r="N176904" s="10"/>
    </row>
    <row r="176905" spans="14:14">
      <c r="N176905" s="10"/>
    </row>
    <row r="176906" spans="14:14">
      <c r="N176906" s="10"/>
    </row>
    <row r="176907" spans="14:14">
      <c r="N176907" s="10"/>
    </row>
    <row r="176908" spans="14:14">
      <c r="N176908" s="10"/>
    </row>
    <row r="176909" spans="14:14">
      <c r="N176909" s="10"/>
    </row>
    <row r="176910" spans="14:14">
      <c r="N176910" s="10"/>
    </row>
    <row r="176911" spans="14:14">
      <c r="N176911" s="10"/>
    </row>
    <row r="176912" spans="14:14">
      <c r="N176912" s="10"/>
    </row>
    <row r="176913" spans="14:14">
      <c r="N176913" s="10"/>
    </row>
    <row r="176914" spans="14:14">
      <c r="N176914" s="10"/>
    </row>
    <row r="176915" spans="14:14">
      <c r="N176915" s="10"/>
    </row>
    <row r="176916" spans="14:14">
      <c r="N176916" s="10"/>
    </row>
    <row r="176917" spans="14:14">
      <c r="N176917" s="10"/>
    </row>
    <row r="176918" spans="14:14">
      <c r="N176918" s="10"/>
    </row>
    <row r="176919" spans="14:14">
      <c r="N176919" s="10"/>
    </row>
    <row r="176920" spans="14:14">
      <c r="N176920" s="10"/>
    </row>
    <row r="176921" spans="14:14">
      <c r="N176921" s="10"/>
    </row>
    <row r="176922" spans="14:14">
      <c r="N176922" s="10"/>
    </row>
    <row r="176923" spans="14:14">
      <c r="N176923" s="10"/>
    </row>
    <row r="176924" spans="14:14">
      <c r="N176924" s="10"/>
    </row>
    <row r="176925" spans="14:14">
      <c r="N176925" s="10"/>
    </row>
    <row r="176926" spans="14:14">
      <c r="N176926" s="10"/>
    </row>
    <row r="176927" spans="14:14">
      <c r="N176927" s="10"/>
    </row>
    <row r="176928" spans="14:14">
      <c r="N176928" s="10"/>
    </row>
    <row r="176929" spans="14:14">
      <c r="N176929" s="10"/>
    </row>
    <row r="176930" spans="14:14">
      <c r="N176930" s="10"/>
    </row>
    <row r="176931" spans="14:14">
      <c r="N176931" s="10"/>
    </row>
    <row r="176932" spans="14:14">
      <c r="N176932" s="10"/>
    </row>
    <row r="176933" spans="14:14">
      <c r="N176933" s="10"/>
    </row>
    <row r="176934" spans="14:14">
      <c r="N176934" s="10"/>
    </row>
    <row r="176935" spans="14:14">
      <c r="N176935" s="10"/>
    </row>
    <row r="176936" spans="14:14">
      <c r="N176936" s="10"/>
    </row>
    <row r="176937" spans="14:14">
      <c r="N176937" s="10"/>
    </row>
    <row r="176938" spans="14:14">
      <c r="N176938" s="10"/>
    </row>
    <row r="176939" spans="14:14">
      <c r="N176939" s="10"/>
    </row>
    <row r="176940" spans="14:14">
      <c r="N176940" s="10"/>
    </row>
    <row r="176941" spans="14:14">
      <c r="N176941" s="10"/>
    </row>
    <row r="176942" spans="14:14">
      <c r="N176942" s="10"/>
    </row>
    <row r="176943" spans="14:14">
      <c r="N176943" s="10"/>
    </row>
    <row r="176944" spans="14:14">
      <c r="N176944" s="10"/>
    </row>
    <row r="176945" spans="14:14">
      <c r="N176945" s="10"/>
    </row>
    <row r="176946" spans="14:14">
      <c r="N176946" s="10"/>
    </row>
    <row r="176947" spans="14:14">
      <c r="N176947" s="10"/>
    </row>
    <row r="176948" spans="14:14">
      <c r="N176948" s="10"/>
    </row>
    <row r="176949" spans="14:14">
      <c r="N176949" s="10"/>
    </row>
    <row r="176950" spans="14:14">
      <c r="N176950" s="10"/>
    </row>
    <row r="176951" spans="14:14">
      <c r="N176951" s="10"/>
    </row>
    <row r="176952" spans="14:14">
      <c r="N176952" s="10"/>
    </row>
    <row r="176953" spans="14:14">
      <c r="N176953" s="10"/>
    </row>
    <row r="176954" spans="14:14">
      <c r="N176954" s="10"/>
    </row>
    <row r="176955" spans="14:14">
      <c r="N176955" s="10"/>
    </row>
    <row r="176956" spans="14:14">
      <c r="N176956" s="10"/>
    </row>
    <row r="176957" spans="14:14">
      <c r="N176957" s="10"/>
    </row>
    <row r="176958" spans="14:14">
      <c r="N176958" s="10"/>
    </row>
    <row r="176959" spans="14:14">
      <c r="N176959" s="10"/>
    </row>
    <row r="176960" spans="14:14">
      <c r="N176960" s="10"/>
    </row>
    <row r="176961" spans="14:14">
      <c r="N176961" s="10"/>
    </row>
    <row r="176962" spans="14:14">
      <c r="N176962" s="10"/>
    </row>
    <row r="176963" spans="14:14">
      <c r="N176963" s="10"/>
    </row>
    <row r="176964" spans="14:14">
      <c r="N176964" s="10"/>
    </row>
    <row r="176965" spans="14:14">
      <c r="N176965" s="10"/>
    </row>
    <row r="176966" spans="14:14">
      <c r="N176966" s="10"/>
    </row>
    <row r="176967" spans="14:14">
      <c r="N176967" s="10"/>
    </row>
    <row r="176968" spans="14:14">
      <c r="N176968" s="10"/>
    </row>
    <row r="176969" spans="14:14">
      <c r="N176969" s="10"/>
    </row>
    <row r="176970" spans="14:14">
      <c r="N176970" s="10"/>
    </row>
    <row r="176971" spans="14:14">
      <c r="N176971" s="10"/>
    </row>
    <row r="176972" spans="14:14">
      <c r="N176972" s="10"/>
    </row>
    <row r="176973" spans="14:14">
      <c r="N176973" s="10"/>
    </row>
    <row r="176974" spans="14:14">
      <c r="N176974" s="10"/>
    </row>
    <row r="176975" spans="14:14">
      <c r="N176975" s="10"/>
    </row>
    <row r="176976" spans="14:14">
      <c r="N176976" s="10"/>
    </row>
    <row r="176977" spans="14:14">
      <c r="N176977" s="10"/>
    </row>
    <row r="176978" spans="14:14">
      <c r="N176978" s="10"/>
    </row>
    <row r="176979" spans="14:14">
      <c r="N176979" s="10"/>
    </row>
    <row r="176980" spans="14:14">
      <c r="N176980" s="10"/>
    </row>
    <row r="176981" spans="14:14">
      <c r="N176981" s="10"/>
    </row>
    <row r="176982" spans="14:14">
      <c r="N176982" s="10"/>
    </row>
    <row r="176983" spans="14:14">
      <c r="N176983" s="10"/>
    </row>
    <row r="176984" spans="14:14">
      <c r="N176984" s="10"/>
    </row>
    <row r="176985" spans="14:14">
      <c r="N176985" s="10"/>
    </row>
    <row r="176986" spans="14:14">
      <c r="N176986" s="10"/>
    </row>
    <row r="176987" spans="14:14">
      <c r="N176987" s="10"/>
    </row>
    <row r="176988" spans="14:14">
      <c r="N176988" s="10"/>
    </row>
    <row r="176989" spans="14:14">
      <c r="N176989" s="10"/>
    </row>
    <row r="176990" spans="14:14">
      <c r="N176990" s="10"/>
    </row>
    <row r="176991" spans="14:14">
      <c r="N176991" s="10"/>
    </row>
    <row r="176992" spans="14:14">
      <c r="N176992" s="10"/>
    </row>
    <row r="176993" spans="14:14">
      <c r="N176993" s="10"/>
    </row>
    <row r="176994" spans="14:14">
      <c r="N176994" s="10"/>
    </row>
    <row r="176995" spans="14:14">
      <c r="N176995" s="10"/>
    </row>
    <row r="176996" spans="14:14">
      <c r="N176996" s="10"/>
    </row>
    <row r="176997" spans="14:14">
      <c r="N176997" s="10"/>
    </row>
    <row r="176998" spans="14:14">
      <c r="N176998" s="10"/>
    </row>
    <row r="176999" spans="14:14">
      <c r="N176999" s="10"/>
    </row>
    <row r="177000" spans="14:14">
      <c r="N177000" s="10"/>
    </row>
    <row r="177001" spans="14:14">
      <c r="N177001" s="10"/>
    </row>
    <row r="177002" spans="14:14">
      <c r="N177002" s="10"/>
    </row>
    <row r="177003" spans="14:14">
      <c r="N177003" s="10"/>
    </row>
    <row r="177004" spans="14:14">
      <c r="N177004" s="10"/>
    </row>
    <row r="177005" spans="14:14">
      <c r="N177005" s="10"/>
    </row>
    <row r="177006" spans="14:14">
      <c r="N177006" s="10"/>
    </row>
    <row r="177007" spans="14:14">
      <c r="N177007" s="10"/>
    </row>
    <row r="177008" spans="14:14">
      <c r="N177008" s="10"/>
    </row>
    <row r="177009" spans="14:14">
      <c r="N177009" s="10"/>
    </row>
    <row r="177010" spans="14:14">
      <c r="N177010" s="10"/>
    </row>
    <row r="177011" spans="14:14">
      <c r="N177011" s="10"/>
    </row>
    <row r="177012" spans="14:14">
      <c r="N177012" s="10"/>
    </row>
    <row r="177013" spans="14:14">
      <c r="N177013" s="10"/>
    </row>
    <row r="177014" spans="14:14">
      <c r="N177014" s="10"/>
    </row>
    <row r="177015" spans="14:14">
      <c r="N177015" s="10"/>
    </row>
    <row r="177016" spans="14:14">
      <c r="N177016" s="10"/>
    </row>
    <row r="177017" spans="14:14">
      <c r="N177017" s="10"/>
    </row>
    <row r="177018" spans="14:14">
      <c r="N177018" s="10"/>
    </row>
    <row r="177019" spans="14:14">
      <c r="N177019" s="10"/>
    </row>
    <row r="177020" spans="14:14">
      <c r="N177020" s="10"/>
    </row>
    <row r="177021" spans="14:14">
      <c r="N177021" s="10"/>
    </row>
    <row r="177022" spans="14:14">
      <c r="N177022" s="10"/>
    </row>
    <row r="177023" spans="14:14">
      <c r="N177023" s="10"/>
    </row>
    <row r="177024" spans="14:14">
      <c r="N177024" s="10"/>
    </row>
    <row r="177025" spans="14:14">
      <c r="N177025" s="10"/>
    </row>
    <row r="177026" spans="14:14">
      <c r="N177026" s="10"/>
    </row>
    <row r="177027" spans="14:14">
      <c r="N177027" s="10"/>
    </row>
    <row r="177028" spans="14:14">
      <c r="N177028" s="10"/>
    </row>
    <row r="177029" spans="14:14">
      <c r="N177029" s="10"/>
    </row>
    <row r="177030" spans="14:14">
      <c r="N177030" s="10"/>
    </row>
    <row r="177031" spans="14:14">
      <c r="N177031" s="10"/>
    </row>
    <row r="177032" spans="14:14">
      <c r="N177032" s="10"/>
    </row>
    <row r="177033" spans="14:14">
      <c r="N177033" s="10"/>
    </row>
    <row r="177034" spans="14:14">
      <c r="N177034" s="10"/>
    </row>
    <row r="177035" spans="14:14">
      <c r="N177035" s="10"/>
    </row>
    <row r="177036" spans="14:14">
      <c r="N177036" s="10"/>
    </row>
    <row r="177037" spans="14:14">
      <c r="N177037" s="10"/>
    </row>
    <row r="177038" spans="14:14">
      <c r="N177038" s="10"/>
    </row>
    <row r="177039" spans="14:14">
      <c r="N177039" s="10"/>
    </row>
    <row r="177040" spans="14:14">
      <c r="N177040" s="10"/>
    </row>
    <row r="177041" spans="14:14">
      <c r="N177041" s="10"/>
    </row>
    <row r="177042" spans="14:14">
      <c r="N177042" s="10"/>
    </row>
    <row r="177043" spans="14:14">
      <c r="N177043" s="10"/>
    </row>
    <row r="177044" spans="14:14">
      <c r="N177044" s="10"/>
    </row>
    <row r="177045" spans="14:14">
      <c r="N177045" s="10"/>
    </row>
    <row r="177046" spans="14:14">
      <c r="N177046" s="10"/>
    </row>
    <row r="177047" spans="14:14">
      <c r="N177047" s="10"/>
    </row>
    <row r="177048" spans="14:14">
      <c r="N177048" s="10"/>
    </row>
    <row r="177049" spans="14:14">
      <c r="N177049" s="10"/>
    </row>
    <row r="177050" spans="14:14">
      <c r="N177050" s="10"/>
    </row>
    <row r="177051" spans="14:14">
      <c r="N177051" s="10"/>
    </row>
    <row r="177052" spans="14:14">
      <c r="N177052" s="10"/>
    </row>
    <row r="177053" spans="14:14">
      <c r="N177053" s="10"/>
    </row>
    <row r="177054" spans="14:14">
      <c r="N177054" s="10"/>
    </row>
    <row r="177055" spans="14:14">
      <c r="N177055" s="10"/>
    </row>
    <row r="177056" spans="14:14">
      <c r="N177056" s="10"/>
    </row>
    <row r="177057" spans="14:14">
      <c r="N177057" s="10"/>
    </row>
    <row r="177058" spans="14:14">
      <c r="N177058" s="10"/>
    </row>
    <row r="177059" spans="14:14">
      <c r="N177059" s="10"/>
    </row>
    <row r="177060" spans="14:14">
      <c r="N177060" s="10"/>
    </row>
    <row r="177061" spans="14:14">
      <c r="N177061" s="10"/>
    </row>
    <row r="177062" spans="14:14">
      <c r="N177062" s="10"/>
    </row>
    <row r="177063" spans="14:14">
      <c r="N177063" s="10"/>
    </row>
    <row r="177064" spans="14:14">
      <c r="N177064" s="10"/>
    </row>
    <row r="177065" spans="14:14">
      <c r="N177065" s="10"/>
    </row>
    <row r="177066" spans="14:14">
      <c r="N177066" s="10"/>
    </row>
    <row r="177067" spans="14:14">
      <c r="N177067" s="10"/>
    </row>
    <row r="177068" spans="14:14">
      <c r="N177068" s="10"/>
    </row>
    <row r="177069" spans="14:14">
      <c r="N177069" s="10"/>
    </row>
    <row r="177070" spans="14:14">
      <c r="N177070" s="10"/>
    </row>
    <row r="177071" spans="14:14">
      <c r="N177071" s="10"/>
    </row>
    <row r="177072" spans="14:14">
      <c r="N177072" s="10"/>
    </row>
    <row r="177073" spans="14:14">
      <c r="N177073" s="10"/>
    </row>
    <row r="177074" spans="14:14">
      <c r="N177074" s="10"/>
    </row>
    <row r="177075" spans="14:14">
      <c r="N177075" s="10"/>
    </row>
    <row r="177076" spans="14:14">
      <c r="N177076" s="10"/>
    </row>
    <row r="177077" spans="14:14">
      <c r="N177077" s="10"/>
    </row>
    <row r="177078" spans="14:14">
      <c r="N177078" s="10"/>
    </row>
    <row r="177079" spans="14:14">
      <c r="N177079" s="10"/>
    </row>
    <row r="177080" spans="14:14">
      <c r="N177080" s="10"/>
    </row>
    <row r="177081" spans="14:14">
      <c r="N177081" s="10"/>
    </row>
    <row r="177082" spans="14:14">
      <c r="N177082" s="10"/>
    </row>
    <row r="177083" spans="14:14">
      <c r="N177083" s="10"/>
    </row>
    <row r="177084" spans="14:14">
      <c r="N177084" s="10"/>
    </row>
    <row r="177085" spans="14:14">
      <c r="N177085" s="10"/>
    </row>
    <row r="177086" spans="14:14">
      <c r="N177086" s="10"/>
    </row>
    <row r="177087" spans="14:14">
      <c r="N177087" s="10"/>
    </row>
    <row r="177088" spans="14:14">
      <c r="N177088" s="10"/>
    </row>
    <row r="177089" spans="14:14">
      <c r="N177089" s="10"/>
    </row>
    <row r="177090" spans="14:14">
      <c r="N177090" s="10"/>
    </row>
    <row r="177091" spans="14:14">
      <c r="N177091" s="10"/>
    </row>
    <row r="177092" spans="14:14">
      <c r="N177092" s="10"/>
    </row>
    <row r="177093" spans="14:14">
      <c r="N177093" s="10"/>
    </row>
    <row r="177094" spans="14:14">
      <c r="N177094" s="10"/>
    </row>
    <row r="177095" spans="14:14">
      <c r="N177095" s="10"/>
    </row>
    <row r="177096" spans="14:14">
      <c r="N177096" s="10"/>
    </row>
    <row r="177097" spans="14:14">
      <c r="N177097" s="10"/>
    </row>
    <row r="177098" spans="14:14">
      <c r="N177098" s="10"/>
    </row>
    <row r="177099" spans="14:14">
      <c r="N177099" s="10"/>
    </row>
    <row r="177100" spans="14:14">
      <c r="N177100" s="10"/>
    </row>
    <row r="177101" spans="14:14">
      <c r="N177101" s="10"/>
    </row>
    <row r="177102" spans="14:14">
      <c r="N177102" s="10"/>
    </row>
    <row r="177103" spans="14:14">
      <c r="N177103" s="10"/>
    </row>
    <row r="177104" spans="14:14">
      <c r="N177104" s="10"/>
    </row>
    <row r="177105" spans="14:14">
      <c r="N177105" s="10"/>
    </row>
    <row r="177106" spans="14:14">
      <c r="N177106" s="10"/>
    </row>
    <row r="177107" spans="14:14">
      <c r="N177107" s="10"/>
    </row>
    <row r="177108" spans="14:14">
      <c r="N177108" s="10"/>
    </row>
    <row r="177109" spans="14:14">
      <c r="N177109" s="10"/>
    </row>
    <row r="177110" spans="14:14">
      <c r="N177110" s="10"/>
    </row>
    <row r="177111" spans="14:14">
      <c r="N177111" s="10"/>
    </row>
    <row r="177112" spans="14:14">
      <c r="N177112" s="10"/>
    </row>
    <row r="177113" spans="14:14">
      <c r="N177113" s="10"/>
    </row>
    <row r="177114" spans="14:14">
      <c r="N177114" s="10"/>
    </row>
    <row r="177115" spans="14:14">
      <c r="N177115" s="10"/>
    </row>
    <row r="177116" spans="14:14">
      <c r="N177116" s="10"/>
    </row>
    <row r="177117" spans="14:14">
      <c r="N177117" s="10"/>
    </row>
    <row r="177118" spans="14:14">
      <c r="N177118" s="10"/>
    </row>
    <row r="177119" spans="14:14">
      <c r="N177119" s="10"/>
    </row>
    <row r="177120" spans="14:14">
      <c r="N177120" s="10"/>
    </row>
    <row r="177121" spans="14:14">
      <c r="N177121" s="10"/>
    </row>
    <row r="177122" spans="14:14">
      <c r="N177122" s="10"/>
    </row>
    <row r="177123" spans="14:14">
      <c r="N177123" s="10"/>
    </row>
    <row r="177124" spans="14:14">
      <c r="N177124" s="10"/>
    </row>
    <row r="177125" spans="14:14">
      <c r="N177125" s="10"/>
    </row>
    <row r="177126" spans="14:14">
      <c r="N177126" s="10"/>
    </row>
    <row r="177127" spans="14:14">
      <c r="N177127" s="10"/>
    </row>
    <row r="177128" spans="14:14">
      <c r="N177128" s="10"/>
    </row>
    <row r="177129" spans="14:14">
      <c r="N177129" s="10"/>
    </row>
    <row r="177130" spans="14:14">
      <c r="N177130" s="10"/>
    </row>
    <row r="177131" spans="14:14">
      <c r="N177131" s="10"/>
    </row>
    <row r="177132" spans="14:14">
      <c r="N177132" s="10"/>
    </row>
    <row r="177133" spans="14:14">
      <c r="N177133" s="10"/>
    </row>
    <row r="177134" spans="14:14">
      <c r="N177134" s="10"/>
    </row>
    <row r="177135" spans="14:14">
      <c r="N177135" s="10"/>
    </row>
    <row r="177136" spans="14:14">
      <c r="N177136" s="10"/>
    </row>
    <row r="177137" spans="14:14">
      <c r="N177137" s="10"/>
    </row>
    <row r="177138" spans="14:14">
      <c r="N177138" s="10"/>
    </row>
    <row r="177139" spans="14:14">
      <c r="N177139" s="10"/>
    </row>
    <row r="177140" spans="14:14">
      <c r="N177140" s="10"/>
    </row>
    <row r="177141" spans="14:14">
      <c r="N177141" s="10"/>
    </row>
    <row r="177142" spans="14:14">
      <c r="N177142" s="10"/>
    </row>
    <row r="177143" spans="14:14">
      <c r="N177143" s="10"/>
    </row>
    <row r="177144" spans="14:14">
      <c r="N177144" s="10"/>
    </row>
    <row r="177145" spans="14:14">
      <c r="N177145" s="10"/>
    </row>
    <row r="177146" spans="14:14">
      <c r="N177146" s="10"/>
    </row>
    <row r="177147" spans="14:14">
      <c r="N177147" s="10"/>
    </row>
    <row r="177148" spans="14:14">
      <c r="N177148" s="10"/>
    </row>
    <row r="177149" spans="14:14">
      <c r="N177149" s="10"/>
    </row>
    <row r="177150" spans="14:14">
      <c r="N177150" s="10"/>
    </row>
    <row r="177151" spans="14:14">
      <c r="N177151" s="10"/>
    </row>
    <row r="177152" spans="14:14">
      <c r="N177152" s="10"/>
    </row>
    <row r="177153" spans="14:14">
      <c r="N177153" s="10"/>
    </row>
    <row r="177154" spans="14:14">
      <c r="N177154" s="10"/>
    </row>
    <row r="177155" spans="14:14">
      <c r="N177155" s="10"/>
    </row>
    <row r="177156" spans="14:14">
      <c r="N177156" s="10"/>
    </row>
    <row r="177157" spans="14:14">
      <c r="N177157" s="10"/>
    </row>
    <row r="177158" spans="14:14">
      <c r="N177158" s="10"/>
    </row>
    <row r="177159" spans="14:14">
      <c r="N177159" s="10"/>
    </row>
    <row r="177160" spans="14:14">
      <c r="N177160" s="10"/>
    </row>
    <row r="177161" spans="14:14">
      <c r="N177161" s="10"/>
    </row>
    <row r="177162" spans="14:14">
      <c r="N177162" s="10"/>
    </row>
    <row r="177163" spans="14:14">
      <c r="N177163" s="10"/>
    </row>
    <row r="177164" spans="14:14">
      <c r="N177164" s="10"/>
    </row>
    <row r="177165" spans="14:14">
      <c r="N177165" s="10"/>
    </row>
    <row r="177166" spans="14:14">
      <c r="N177166" s="10"/>
    </row>
    <row r="177167" spans="14:14">
      <c r="N177167" s="10"/>
    </row>
    <row r="177168" spans="14:14">
      <c r="N177168" s="10"/>
    </row>
    <row r="177169" spans="14:14">
      <c r="N177169" s="10"/>
    </row>
    <row r="177170" spans="14:14">
      <c r="N177170" s="10"/>
    </row>
    <row r="177171" spans="14:14">
      <c r="N177171" s="10"/>
    </row>
    <row r="177172" spans="14:14">
      <c r="N177172" s="10"/>
    </row>
    <row r="177173" spans="14:14">
      <c r="N177173" s="10"/>
    </row>
    <row r="177174" spans="14:14">
      <c r="N177174" s="10"/>
    </row>
    <row r="177175" spans="14:14">
      <c r="N177175" s="10"/>
    </row>
    <row r="177176" spans="14:14">
      <c r="N177176" s="10"/>
    </row>
    <row r="177177" spans="14:14">
      <c r="N177177" s="10"/>
    </row>
    <row r="177178" spans="14:14">
      <c r="N177178" s="10"/>
    </row>
    <row r="177179" spans="14:14">
      <c r="N177179" s="10"/>
    </row>
    <row r="177180" spans="14:14">
      <c r="N177180" s="10"/>
    </row>
    <row r="177181" spans="14:14">
      <c r="N177181" s="10"/>
    </row>
    <row r="177182" spans="14:14">
      <c r="N177182" s="10"/>
    </row>
    <row r="177183" spans="14:14">
      <c r="N177183" s="10"/>
    </row>
    <row r="177184" spans="14:14">
      <c r="N177184" s="10"/>
    </row>
    <row r="177185" spans="14:14">
      <c r="N177185" s="10"/>
    </row>
    <row r="177186" spans="14:14">
      <c r="N177186" s="10"/>
    </row>
    <row r="177187" spans="14:14">
      <c r="N177187" s="10"/>
    </row>
    <row r="177188" spans="14:14">
      <c r="N177188" s="10"/>
    </row>
    <row r="177189" spans="14:14">
      <c r="N177189" s="10"/>
    </row>
    <row r="177190" spans="14:14">
      <c r="N177190" s="10"/>
    </row>
    <row r="177191" spans="14:14">
      <c r="N177191" s="10"/>
    </row>
    <row r="177192" spans="14:14">
      <c r="N177192" s="10"/>
    </row>
    <row r="177193" spans="14:14">
      <c r="N177193" s="10"/>
    </row>
    <row r="177194" spans="14:14">
      <c r="N177194" s="10"/>
    </row>
    <row r="177195" spans="14:14">
      <c r="N177195" s="10"/>
    </row>
    <row r="177196" spans="14:14">
      <c r="N177196" s="10"/>
    </row>
    <row r="177197" spans="14:14">
      <c r="N177197" s="10"/>
    </row>
    <row r="177198" spans="14:14">
      <c r="N177198" s="10"/>
    </row>
    <row r="177199" spans="14:14">
      <c r="N177199" s="10"/>
    </row>
    <row r="177200" spans="14:14">
      <c r="N177200" s="10"/>
    </row>
    <row r="177201" spans="14:14">
      <c r="N177201" s="10"/>
    </row>
    <row r="177202" spans="14:14">
      <c r="N177202" s="10"/>
    </row>
    <row r="177203" spans="14:14">
      <c r="N177203" s="10"/>
    </row>
    <row r="177204" spans="14:14">
      <c r="N177204" s="10"/>
    </row>
    <row r="177205" spans="14:14">
      <c r="N177205" s="10"/>
    </row>
    <row r="177206" spans="14:14">
      <c r="N177206" s="10"/>
    </row>
    <row r="177207" spans="14:14">
      <c r="N177207" s="10"/>
    </row>
    <row r="177208" spans="14:14">
      <c r="N177208" s="10"/>
    </row>
    <row r="177209" spans="14:14">
      <c r="N177209" s="10"/>
    </row>
    <row r="177210" spans="14:14">
      <c r="N177210" s="10"/>
    </row>
    <row r="177211" spans="14:14">
      <c r="N177211" s="10"/>
    </row>
    <row r="177212" spans="14:14">
      <c r="N177212" s="10"/>
    </row>
    <row r="177213" spans="14:14">
      <c r="N177213" s="10"/>
    </row>
    <row r="177214" spans="14:14">
      <c r="N177214" s="10"/>
    </row>
    <row r="177215" spans="14:14">
      <c r="N177215" s="10"/>
    </row>
    <row r="177216" spans="14:14">
      <c r="N177216" s="10"/>
    </row>
    <row r="177217" spans="14:14">
      <c r="N177217" s="10"/>
    </row>
    <row r="177218" spans="14:14">
      <c r="N177218" s="10"/>
    </row>
    <row r="177219" spans="14:14">
      <c r="N177219" s="10"/>
    </row>
    <row r="177220" spans="14:14">
      <c r="N177220" s="10"/>
    </row>
    <row r="177221" spans="14:14">
      <c r="N177221" s="10"/>
    </row>
    <row r="177222" spans="14:14">
      <c r="N177222" s="10"/>
    </row>
    <row r="177223" spans="14:14">
      <c r="N177223" s="10"/>
    </row>
    <row r="177224" spans="14:14">
      <c r="N177224" s="10"/>
    </row>
    <row r="177225" spans="14:14">
      <c r="N177225" s="10"/>
    </row>
    <row r="177226" spans="14:14">
      <c r="N177226" s="10"/>
    </row>
    <row r="177227" spans="14:14">
      <c r="N177227" s="10"/>
    </row>
    <row r="177228" spans="14:14">
      <c r="N177228" s="10"/>
    </row>
    <row r="177229" spans="14:14">
      <c r="N177229" s="10"/>
    </row>
    <row r="177230" spans="14:14">
      <c r="N177230" s="10"/>
    </row>
    <row r="177231" spans="14:14">
      <c r="N177231" s="10"/>
    </row>
    <row r="177232" spans="14:14">
      <c r="N177232" s="10"/>
    </row>
    <row r="177233" spans="14:14">
      <c r="N177233" s="10"/>
    </row>
    <row r="177234" spans="14:14">
      <c r="N177234" s="10"/>
    </row>
    <row r="177235" spans="14:14">
      <c r="N177235" s="10"/>
    </row>
    <row r="177236" spans="14:14">
      <c r="N177236" s="10"/>
    </row>
    <row r="177237" spans="14:14">
      <c r="N177237" s="10"/>
    </row>
    <row r="177238" spans="14:14">
      <c r="N177238" s="10"/>
    </row>
    <row r="177239" spans="14:14">
      <c r="N177239" s="10"/>
    </row>
    <row r="177240" spans="14:14">
      <c r="N177240" s="10"/>
    </row>
    <row r="177241" spans="14:14">
      <c r="N177241" s="10"/>
    </row>
    <row r="177242" spans="14:14">
      <c r="N177242" s="10"/>
    </row>
    <row r="177243" spans="14:14">
      <c r="N177243" s="10"/>
    </row>
    <row r="177244" spans="14:14">
      <c r="N177244" s="10"/>
    </row>
    <row r="177245" spans="14:14">
      <c r="N177245" s="10"/>
    </row>
    <row r="177246" spans="14:14">
      <c r="N177246" s="10"/>
    </row>
    <row r="177247" spans="14:14">
      <c r="N177247" s="10"/>
    </row>
    <row r="177248" spans="14:14">
      <c r="N177248" s="10"/>
    </row>
    <row r="177249" spans="14:14">
      <c r="N177249" s="10"/>
    </row>
    <row r="177250" spans="14:14">
      <c r="N177250" s="10"/>
    </row>
    <row r="177251" spans="14:14">
      <c r="N177251" s="10"/>
    </row>
    <row r="177252" spans="14:14">
      <c r="N177252" s="10"/>
    </row>
    <row r="177253" spans="14:14">
      <c r="N177253" s="10"/>
    </row>
    <row r="177254" spans="14:14">
      <c r="N177254" s="10"/>
    </row>
    <row r="177255" spans="14:14">
      <c r="N177255" s="10"/>
    </row>
    <row r="177256" spans="14:14">
      <c r="N177256" s="10"/>
    </row>
    <row r="177257" spans="14:14">
      <c r="N177257" s="10"/>
    </row>
    <row r="177258" spans="14:14">
      <c r="N177258" s="10"/>
    </row>
    <row r="177259" spans="14:14">
      <c r="N177259" s="10"/>
    </row>
    <row r="177260" spans="14:14">
      <c r="N177260" s="10"/>
    </row>
    <row r="177261" spans="14:14">
      <c r="N177261" s="10"/>
    </row>
    <row r="177262" spans="14:14">
      <c r="N177262" s="10"/>
    </row>
    <row r="177263" spans="14:14">
      <c r="N177263" s="10"/>
    </row>
    <row r="177264" spans="14:14">
      <c r="N177264" s="10"/>
    </row>
    <row r="177265" spans="14:14">
      <c r="N177265" s="10"/>
    </row>
    <row r="177266" spans="14:14">
      <c r="N177266" s="10"/>
    </row>
    <row r="177267" spans="14:14">
      <c r="N177267" s="10"/>
    </row>
    <row r="177268" spans="14:14">
      <c r="N177268" s="10"/>
    </row>
    <row r="177269" spans="14:14">
      <c r="N177269" s="10"/>
    </row>
    <row r="177270" spans="14:14">
      <c r="N177270" s="10"/>
    </row>
    <row r="177271" spans="14:14">
      <c r="N177271" s="10"/>
    </row>
    <row r="177272" spans="14:14">
      <c r="N177272" s="10"/>
    </row>
    <row r="177273" spans="14:14">
      <c r="N177273" s="10"/>
    </row>
    <row r="177274" spans="14:14">
      <c r="N177274" s="10"/>
    </row>
    <row r="177275" spans="14:14">
      <c r="N177275" s="10"/>
    </row>
    <row r="177276" spans="14:14">
      <c r="N177276" s="10"/>
    </row>
    <row r="177277" spans="14:14">
      <c r="N177277" s="10"/>
    </row>
    <row r="177278" spans="14:14">
      <c r="N177278" s="10"/>
    </row>
    <row r="177279" spans="14:14">
      <c r="N177279" s="10"/>
    </row>
    <row r="177280" spans="14:14">
      <c r="N177280" s="10"/>
    </row>
    <row r="177281" spans="14:14">
      <c r="N177281" s="10"/>
    </row>
    <row r="177282" spans="14:14">
      <c r="N177282" s="10"/>
    </row>
    <row r="177283" spans="14:14">
      <c r="N177283" s="10"/>
    </row>
    <row r="177284" spans="14:14">
      <c r="N177284" s="10"/>
    </row>
    <row r="177285" spans="14:14">
      <c r="N177285" s="10"/>
    </row>
    <row r="177286" spans="14:14">
      <c r="N177286" s="10"/>
    </row>
    <row r="177287" spans="14:14">
      <c r="N177287" s="10"/>
    </row>
    <row r="177288" spans="14:14">
      <c r="N177288" s="10"/>
    </row>
    <row r="177289" spans="14:14">
      <c r="N177289" s="10"/>
    </row>
    <row r="177290" spans="14:14">
      <c r="N177290" s="10"/>
    </row>
    <row r="177291" spans="14:14">
      <c r="N177291" s="10"/>
    </row>
    <row r="177292" spans="14:14">
      <c r="N177292" s="10"/>
    </row>
    <row r="177293" spans="14:14">
      <c r="N177293" s="10"/>
    </row>
    <row r="177294" spans="14:14">
      <c r="N177294" s="10"/>
    </row>
    <row r="177295" spans="14:14">
      <c r="N177295" s="10"/>
    </row>
    <row r="177296" spans="14:14">
      <c r="N177296" s="10"/>
    </row>
    <row r="177297" spans="14:14">
      <c r="N177297" s="10"/>
    </row>
    <row r="177298" spans="14:14">
      <c r="N177298" s="10"/>
    </row>
    <row r="177299" spans="14:14">
      <c r="N177299" s="10"/>
    </row>
    <row r="177300" spans="14:14">
      <c r="N177300" s="10"/>
    </row>
    <row r="177301" spans="14:14">
      <c r="N177301" s="10"/>
    </row>
    <row r="177302" spans="14:14">
      <c r="N177302" s="10"/>
    </row>
    <row r="177303" spans="14:14">
      <c r="N177303" s="10"/>
    </row>
    <row r="177304" spans="14:14">
      <c r="N177304" s="10"/>
    </row>
    <row r="177305" spans="14:14">
      <c r="N177305" s="10"/>
    </row>
    <row r="177306" spans="14:14">
      <c r="N177306" s="10"/>
    </row>
    <row r="177307" spans="14:14">
      <c r="N177307" s="10"/>
    </row>
    <row r="177308" spans="14:14">
      <c r="N177308" s="10"/>
    </row>
    <row r="177309" spans="14:14">
      <c r="N177309" s="10"/>
    </row>
    <row r="177310" spans="14:14">
      <c r="N177310" s="10"/>
    </row>
    <row r="177311" spans="14:14">
      <c r="N177311" s="10"/>
    </row>
    <row r="177312" spans="14:14">
      <c r="N177312" s="10"/>
    </row>
    <row r="177313" spans="14:14">
      <c r="N177313" s="10"/>
    </row>
    <row r="177314" spans="14:14">
      <c r="N177314" s="10"/>
    </row>
    <row r="177315" spans="14:14">
      <c r="N177315" s="10"/>
    </row>
    <row r="177316" spans="14:14">
      <c r="N177316" s="10"/>
    </row>
    <row r="177317" spans="14:14">
      <c r="N177317" s="10"/>
    </row>
    <row r="177318" spans="14:14">
      <c r="N177318" s="10"/>
    </row>
    <row r="177319" spans="14:14">
      <c r="N177319" s="10"/>
    </row>
    <row r="177320" spans="14:14">
      <c r="N177320" s="10"/>
    </row>
    <row r="177321" spans="14:14">
      <c r="N177321" s="10"/>
    </row>
    <row r="177322" spans="14:14">
      <c r="N177322" s="10"/>
    </row>
    <row r="177323" spans="14:14">
      <c r="N177323" s="10"/>
    </row>
    <row r="177324" spans="14:14">
      <c r="N177324" s="10"/>
    </row>
    <row r="177325" spans="14:14">
      <c r="N177325" s="10"/>
    </row>
    <row r="177326" spans="14:14">
      <c r="N177326" s="10"/>
    </row>
    <row r="177327" spans="14:14">
      <c r="N177327" s="10"/>
    </row>
    <row r="177328" spans="14:14">
      <c r="N177328" s="10"/>
    </row>
    <row r="177329" spans="14:14">
      <c r="N177329" s="10"/>
    </row>
    <row r="177330" spans="14:14">
      <c r="N177330" s="10"/>
    </row>
    <row r="177331" spans="14:14">
      <c r="N177331" s="10"/>
    </row>
    <row r="177332" spans="14:14">
      <c r="N177332" s="10"/>
    </row>
    <row r="177333" spans="14:14">
      <c r="N177333" s="10"/>
    </row>
    <row r="177334" spans="14:14">
      <c r="N177334" s="10"/>
    </row>
    <row r="177335" spans="14:14">
      <c r="N177335" s="10"/>
    </row>
    <row r="177336" spans="14:14">
      <c r="N177336" s="10"/>
    </row>
    <row r="177337" spans="14:14">
      <c r="N177337" s="10"/>
    </row>
    <row r="177338" spans="14:14">
      <c r="N177338" s="10"/>
    </row>
    <row r="177339" spans="14:14">
      <c r="N177339" s="10"/>
    </row>
    <row r="177340" spans="14:14">
      <c r="N177340" s="10"/>
    </row>
    <row r="177341" spans="14:14">
      <c r="N177341" s="10"/>
    </row>
    <row r="177342" spans="14:14">
      <c r="N177342" s="10"/>
    </row>
    <row r="177343" spans="14:14">
      <c r="N177343" s="10"/>
    </row>
    <row r="177344" spans="14:14">
      <c r="N177344" s="10"/>
    </row>
    <row r="177345" spans="14:14">
      <c r="N177345" s="10"/>
    </row>
    <row r="177346" spans="14:14">
      <c r="N177346" s="10"/>
    </row>
    <row r="177347" spans="14:14">
      <c r="N177347" s="10"/>
    </row>
    <row r="177348" spans="14:14">
      <c r="N177348" s="10"/>
    </row>
    <row r="177349" spans="14:14">
      <c r="N177349" s="10"/>
    </row>
    <row r="177350" spans="14:14">
      <c r="N177350" s="10"/>
    </row>
    <row r="177351" spans="14:14">
      <c r="N177351" s="10"/>
    </row>
    <row r="177352" spans="14:14">
      <c r="N177352" s="10"/>
    </row>
    <row r="177353" spans="14:14">
      <c r="N177353" s="10"/>
    </row>
    <row r="177354" spans="14:14">
      <c r="N177354" s="10"/>
    </row>
    <row r="177355" spans="14:14">
      <c r="N177355" s="10"/>
    </row>
    <row r="177356" spans="14:14">
      <c r="N177356" s="10"/>
    </row>
    <row r="177357" spans="14:14">
      <c r="N177357" s="10"/>
    </row>
    <row r="177358" spans="14:14">
      <c r="N177358" s="10"/>
    </row>
    <row r="177359" spans="14:14">
      <c r="N177359" s="10"/>
    </row>
    <row r="177360" spans="14:14">
      <c r="N177360" s="10"/>
    </row>
    <row r="177361" spans="14:14">
      <c r="N177361" s="10"/>
    </row>
    <row r="177362" spans="14:14">
      <c r="N177362" s="10"/>
    </row>
    <row r="177363" spans="14:14">
      <c r="N177363" s="10"/>
    </row>
    <row r="177364" spans="14:14">
      <c r="N177364" s="10"/>
    </row>
    <row r="177365" spans="14:14">
      <c r="N177365" s="10"/>
    </row>
    <row r="177366" spans="14:14">
      <c r="N177366" s="10"/>
    </row>
    <row r="177367" spans="14:14">
      <c r="N177367" s="10"/>
    </row>
    <row r="177368" spans="14:14">
      <c r="N177368" s="10"/>
    </row>
    <row r="177369" spans="14:14">
      <c r="N177369" s="10"/>
    </row>
    <row r="177370" spans="14:14">
      <c r="N177370" s="10"/>
    </row>
    <row r="177371" spans="14:14">
      <c r="N177371" s="10"/>
    </row>
    <row r="177372" spans="14:14">
      <c r="N177372" s="10"/>
    </row>
    <row r="177373" spans="14:14">
      <c r="N177373" s="10"/>
    </row>
    <row r="177374" spans="14:14">
      <c r="N177374" s="10"/>
    </row>
    <row r="177375" spans="14:14">
      <c r="N177375" s="10"/>
    </row>
    <row r="177376" spans="14:14">
      <c r="N177376" s="10"/>
    </row>
    <row r="177377" spans="14:14">
      <c r="N177377" s="10"/>
    </row>
    <row r="177378" spans="14:14">
      <c r="N177378" s="10"/>
    </row>
    <row r="177379" spans="14:14">
      <c r="N177379" s="10"/>
    </row>
    <row r="177380" spans="14:14">
      <c r="N177380" s="10"/>
    </row>
    <row r="177381" spans="14:14">
      <c r="N177381" s="10"/>
    </row>
    <row r="177382" spans="14:14">
      <c r="N177382" s="10"/>
    </row>
    <row r="177383" spans="14:14">
      <c r="N177383" s="10"/>
    </row>
    <row r="177384" spans="14:14">
      <c r="N177384" s="10"/>
    </row>
    <row r="177385" spans="14:14">
      <c r="N177385" s="10"/>
    </row>
    <row r="177386" spans="14:14">
      <c r="N177386" s="10"/>
    </row>
    <row r="177387" spans="14:14">
      <c r="N177387" s="10"/>
    </row>
    <row r="177388" spans="14:14">
      <c r="N177388" s="10"/>
    </row>
    <row r="177389" spans="14:14">
      <c r="N177389" s="10"/>
    </row>
    <row r="177390" spans="14:14">
      <c r="N177390" s="10"/>
    </row>
    <row r="177391" spans="14:14">
      <c r="N177391" s="10"/>
    </row>
    <row r="177392" spans="14:14">
      <c r="N177392" s="10"/>
    </row>
    <row r="177393" spans="14:14">
      <c r="N177393" s="10"/>
    </row>
    <row r="177394" spans="14:14">
      <c r="N177394" s="10"/>
    </row>
    <row r="177395" spans="14:14">
      <c r="N177395" s="10"/>
    </row>
    <row r="177396" spans="14:14">
      <c r="N177396" s="10"/>
    </row>
    <row r="177397" spans="14:14">
      <c r="N177397" s="10"/>
    </row>
    <row r="177398" spans="14:14">
      <c r="N177398" s="10"/>
    </row>
    <row r="177399" spans="14:14">
      <c r="N177399" s="10"/>
    </row>
    <row r="177400" spans="14:14">
      <c r="N177400" s="10"/>
    </row>
    <row r="177401" spans="14:14">
      <c r="N177401" s="10"/>
    </row>
    <row r="177402" spans="14:14">
      <c r="N177402" s="10"/>
    </row>
    <row r="177403" spans="14:14">
      <c r="N177403" s="10"/>
    </row>
    <row r="177404" spans="14:14">
      <c r="N177404" s="10"/>
    </row>
    <row r="177405" spans="14:14">
      <c r="N177405" s="10"/>
    </row>
    <row r="177406" spans="14:14">
      <c r="N177406" s="10"/>
    </row>
    <row r="177407" spans="14:14">
      <c r="N177407" s="10"/>
    </row>
    <row r="177408" spans="14:14">
      <c r="N177408" s="10"/>
    </row>
    <row r="177409" spans="14:14">
      <c r="N177409" s="10"/>
    </row>
    <row r="177410" spans="14:14">
      <c r="N177410" s="10"/>
    </row>
    <row r="177411" spans="14:14">
      <c r="N177411" s="10"/>
    </row>
    <row r="177412" spans="14:14">
      <c r="N177412" s="10"/>
    </row>
    <row r="177413" spans="14:14">
      <c r="N177413" s="10"/>
    </row>
    <row r="177414" spans="14:14">
      <c r="N177414" s="10"/>
    </row>
    <row r="177415" spans="14:14">
      <c r="N177415" s="10"/>
    </row>
    <row r="177416" spans="14:14">
      <c r="N177416" s="10"/>
    </row>
    <row r="177417" spans="14:14">
      <c r="N177417" s="10"/>
    </row>
    <row r="177418" spans="14:14">
      <c r="N177418" s="10"/>
    </row>
    <row r="177419" spans="14:14">
      <c r="N177419" s="10"/>
    </row>
    <row r="177420" spans="14:14">
      <c r="N177420" s="10"/>
    </row>
    <row r="177421" spans="14:14">
      <c r="N177421" s="10"/>
    </row>
    <row r="177422" spans="14:14">
      <c r="N177422" s="10"/>
    </row>
    <row r="177423" spans="14:14">
      <c r="N177423" s="10"/>
    </row>
    <row r="177424" spans="14:14">
      <c r="N177424" s="10"/>
    </row>
    <row r="177425" spans="14:14">
      <c r="N177425" s="10"/>
    </row>
    <row r="177426" spans="14:14">
      <c r="N177426" s="10"/>
    </row>
    <row r="177427" spans="14:14">
      <c r="N177427" s="10"/>
    </row>
    <row r="177428" spans="14:14">
      <c r="N177428" s="10"/>
    </row>
    <row r="177429" spans="14:14">
      <c r="N177429" s="10"/>
    </row>
    <row r="177430" spans="14:14">
      <c r="N177430" s="10"/>
    </row>
    <row r="177431" spans="14:14">
      <c r="N177431" s="10"/>
    </row>
    <row r="177432" spans="14:14">
      <c r="N177432" s="10"/>
    </row>
    <row r="177433" spans="14:14">
      <c r="N177433" s="10"/>
    </row>
    <row r="177434" spans="14:14">
      <c r="N177434" s="10"/>
    </row>
    <row r="177435" spans="14:14">
      <c r="N177435" s="10"/>
    </row>
    <row r="177436" spans="14:14">
      <c r="N177436" s="10"/>
    </row>
    <row r="177437" spans="14:14">
      <c r="N177437" s="10"/>
    </row>
    <row r="177438" spans="14:14">
      <c r="N177438" s="10"/>
    </row>
    <row r="177439" spans="14:14">
      <c r="N177439" s="10"/>
    </row>
    <row r="177440" spans="14:14">
      <c r="N177440" s="10"/>
    </row>
    <row r="177441" spans="14:14">
      <c r="N177441" s="10"/>
    </row>
    <row r="177442" spans="14:14">
      <c r="N177442" s="10"/>
    </row>
    <row r="177443" spans="14:14">
      <c r="N177443" s="10"/>
    </row>
    <row r="177444" spans="14:14">
      <c r="N177444" s="10"/>
    </row>
    <row r="177445" spans="14:14">
      <c r="N177445" s="10"/>
    </row>
    <row r="177446" spans="14:14">
      <c r="N177446" s="10"/>
    </row>
    <row r="177447" spans="14:14">
      <c r="N177447" s="10"/>
    </row>
    <row r="177448" spans="14:14">
      <c r="N177448" s="10"/>
    </row>
    <row r="177449" spans="14:14">
      <c r="N177449" s="10"/>
    </row>
    <row r="177450" spans="14:14">
      <c r="N177450" s="10"/>
    </row>
    <row r="177451" spans="14:14">
      <c r="N177451" s="10"/>
    </row>
    <row r="177452" spans="14:14">
      <c r="N177452" s="10"/>
    </row>
    <row r="177453" spans="14:14">
      <c r="N177453" s="10"/>
    </row>
    <row r="177454" spans="14:14">
      <c r="N177454" s="10"/>
    </row>
    <row r="177455" spans="14:14">
      <c r="N177455" s="10"/>
    </row>
    <row r="177456" spans="14:14">
      <c r="N177456" s="10"/>
    </row>
    <row r="177457" spans="14:14">
      <c r="N177457" s="10"/>
    </row>
    <row r="177458" spans="14:14">
      <c r="N177458" s="10"/>
    </row>
    <row r="177459" spans="14:14">
      <c r="N177459" s="10"/>
    </row>
    <row r="177460" spans="14:14">
      <c r="N177460" s="10"/>
    </row>
    <row r="177461" spans="14:14">
      <c r="N177461" s="10"/>
    </row>
    <row r="177462" spans="14:14">
      <c r="N177462" s="10"/>
    </row>
    <row r="177463" spans="14:14">
      <c r="N177463" s="10"/>
    </row>
    <row r="177464" spans="14:14">
      <c r="N177464" s="10"/>
    </row>
    <row r="177465" spans="14:14">
      <c r="N177465" s="10"/>
    </row>
    <row r="177466" spans="14:14">
      <c r="N177466" s="10"/>
    </row>
    <row r="177467" spans="14:14">
      <c r="N177467" s="10"/>
    </row>
    <row r="177468" spans="14:14">
      <c r="N177468" s="10"/>
    </row>
    <row r="177469" spans="14:14">
      <c r="N177469" s="10"/>
    </row>
    <row r="177470" spans="14:14">
      <c r="N177470" s="10"/>
    </row>
    <row r="177471" spans="14:14">
      <c r="N177471" s="10"/>
    </row>
    <row r="177472" spans="14:14">
      <c r="N177472" s="10"/>
    </row>
    <row r="177473" spans="14:14">
      <c r="N177473" s="10"/>
    </row>
    <row r="177474" spans="14:14">
      <c r="N177474" s="10"/>
    </row>
    <row r="177475" spans="14:14">
      <c r="N177475" s="10"/>
    </row>
    <row r="177476" spans="14:14">
      <c r="N177476" s="10"/>
    </row>
    <row r="177477" spans="14:14">
      <c r="N177477" s="10"/>
    </row>
    <row r="177478" spans="14:14">
      <c r="N177478" s="10"/>
    </row>
    <row r="177479" spans="14:14">
      <c r="N177479" s="10"/>
    </row>
    <row r="177480" spans="14:14">
      <c r="N177480" s="10"/>
    </row>
    <row r="177481" spans="14:14">
      <c r="N177481" s="10"/>
    </row>
    <row r="177482" spans="14:14">
      <c r="N177482" s="10"/>
    </row>
    <row r="177483" spans="14:14">
      <c r="N177483" s="10"/>
    </row>
    <row r="177484" spans="14:14">
      <c r="N177484" s="10"/>
    </row>
    <row r="177485" spans="14:14">
      <c r="N177485" s="10"/>
    </row>
    <row r="177486" spans="14:14">
      <c r="N177486" s="10"/>
    </row>
    <row r="177487" spans="14:14">
      <c r="N177487" s="10"/>
    </row>
    <row r="177488" spans="14:14">
      <c r="N177488" s="10"/>
    </row>
    <row r="177489" spans="14:14">
      <c r="N177489" s="10"/>
    </row>
    <row r="177490" spans="14:14">
      <c r="N177490" s="10"/>
    </row>
    <row r="177491" spans="14:14">
      <c r="N177491" s="10"/>
    </row>
    <row r="177492" spans="14:14">
      <c r="N177492" s="10"/>
    </row>
    <row r="177493" spans="14:14">
      <c r="N177493" s="10"/>
    </row>
    <row r="177494" spans="14:14">
      <c r="N177494" s="10"/>
    </row>
    <row r="177495" spans="14:14">
      <c r="N177495" s="10"/>
    </row>
    <row r="177496" spans="14:14">
      <c r="N177496" s="10"/>
    </row>
    <row r="177497" spans="14:14">
      <c r="N177497" s="10"/>
    </row>
    <row r="177498" spans="14:14">
      <c r="N177498" s="10"/>
    </row>
    <row r="177499" spans="14:14">
      <c r="N177499" s="10"/>
    </row>
    <row r="177500" spans="14:14">
      <c r="N177500" s="10"/>
    </row>
    <row r="177501" spans="14:14">
      <c r="N177501" s="10"/>
    </row>
    <row r="177502" spans="14:14">
      <c r="N177502" s="10"/>
    </row>
    <row r="177503" spans="14:14">
      <c r="N177503" s="10"/>
    </row>
    <row r="177504" spans="14:14">
      <c r="N177504" s="10"/>
    </row>
    <row r="177505" spans="14:14">
      <c r="N177505" s="10"/>
    </row>
    <row r="177506" spans="14:14">
      <c r="N177506" s="10"/>
    </row>
    <row r="177507" spans="14:14">
      <c r="N177507" s="10"/>
    </row>
    <row r="177508" spans="14:14">
      <c r="N177508" s="10"/>
    </row>
    <row r="177509" spans="14:14">
      <c r="N177509" s="10"/>
    </row>
    <row r="177510" spans="14:14">
      <c r="N177510" s="10"/>
    </row>
    <row r="177511" spans="14:14">
      <c r="N177511" s="10"/>
    </row>
    <row r="177512" spans="14:14">
      <c r="N177512" s="10"/>
    </row>
    <row r="177513" spans="14:14">
      <c r="N177513" s="10"/>
    </row>
    <row r="177514" spans="14:14">
      <c r="N177514" s="10"/>
    </row>
    <row r="177515" spans="14:14">
      <c r="N177515" s="10"/>
    </row>
    <row r="177516" spans="14:14">
      <c r="N177516" s="10"/>
    </row>
    <row r="177517" spans="14:14">
      <c r="N177517" s="10"/>
    </row>
    <row r="177518" spans="14:14">
      <c r="N177518" s="10"/>
    </row>
    <row r="177519" spans="14:14">
      <c r="N177519" s="10"/>
    </row>
    <row r="177520" spans="14:14">
      <c r="N177520" s="10"/>
    </row>
    <row r="177521" spans="14:14">
      <c r="N177521" s="10"/>
    </row>
    <row r="177522" spans="14:14">
      <c r="N177522" s="10"/>
    </row>
    <row r="177523" spans="14:14">
      <c r="N177523" s="10"/>
    </row>
    <row r="177524" spans="14:14">
      <c r="N177524" s="10"/>
    </row>
    <row r="177525" spans="14:14">
      <c r="N177525" s="10"/>
    </row>
    <row r="177526" spans="14:14">
      <c r="N177526" s="10"/>
    </row>
    <row r="177527" spans="14:14">
      <c r="N177527" s="10"/>
    </row>
    <row r="177528" spans="14:14">
      <c r="N177528" s="10"/>
    </row>
    <row r="177529" spans="14:14">
      <c r="N177529" s="10"/>
    </row>
    <row r="177530" spans="14:14">
      <c r="N177530" s="10"/>
    </row>
    <row r="177531" spans="14:14">
      <c r="N177531" s="10"/>
    </row>
    <row r="177532" spans="14:14">
      <c r="N177532" s="10"/>
    </row>
    <row r="177533" spans="14:14">
      <c r="N177533" s="10"/>
    </row>
    <row r="177534" spans="14:14">
      <c r="N177534" s="10"/>
    </row>
    <row r="177535" spans="14:14">
      <c r="N177535" s="10"/>
    </row>
    <row r="177536" spans="14:14">
      <c r="N177536" s="10"/>
    </row>
    <row r="177537" spans="14:14">
      <c r="N177537" s="10"/>
    </row>
    <row r="177538" spans="14:14">
      <c r="N177538" s="10"/>
    </row>
    <row r="177539" spans="14:14">
      <c r="N177539" s="10"/>
    </row>
    <row r="177540" spans="14:14">
      <c r="N177540" s="10"/>
    </row>
    <row r="177541" spans="14:14">
      <c r="N177541" s="10"/>
    </row>
    <row r="177542" spans="14:14">
      <c r="N177542" s="10"/>
    </row>
    <row r="177543" spans="14:14">
      <c r="N177543" s="10"/>
    </row>
    <row r="177544" spans="14:14">
      <c r="N177544" s="10"/>
    </row>
    <row r="177545" spans="14:14">
      <c r="N177545" s="10"/>
    </row>
    <row r="177546" spans="14:14">
      <c r="N177546" s="10"/>
    </row>
    <row r="177547" spans="14:14">
      <c r="N177547" s="10"/>
    </row>
    <row r="177548" spans="14:14">
      <c r="N177548" s="10"/>
    </row>
    <row r="177549" spans="14:14">
      <c r="N177549" s="10"/>
    </row>
    <row r="177550" spans="14:14">
      <c r="N177550" s="10"/>
    </row>
    <row r="177551" spans="14:14">
      <c r="N177551" s="10"/>
    </row>
    <row r="177552" spans="14:14">
      <c r="N177552" s="10"/>
    </row>
    <row r="177553" spans="14:14">
      <c r="N177553" s="10"/>
    </row>
    <row r="177554" spans="14:14">
      <c r="N177554" s="10"/>
    </row>
    <row r="177555" spans="14:14">
      <c r="N177555" s="10"/>
    </row>
    <row r="177556" spans="14:14">
      <c r="N177556" s="10"/>
    </row>
    <row r="177557" spans="14:14">
      <c r="N177557" s="10"/>
    </row>
    <row r="177558" spans="14:14">
      <c r="N177558" s="10"/>
    </row>
    <row r="177559" spans="14:14">
      <c r="N177559" s="10"/>
    </row>
    <row r="177560" spans="14:14">
      <c r="N177560" s="10"/>
    </row>
    <row r="177561" spans="14:14">
      <c r="N177561" s="10"/>
    </row>
    <row r="177562" spans="14:14">
      <c r="N177562" s="10"/>
    </row>
    <row r="177563" spans="14:14">
      <c r="N177563" s="10"/>
    </row>
    <row r="177564" spans="14:14">
      <c r="N177564" s="10"/>
    </row>
    <row r="177565" spans="14:14">
      <c r="N177565" s="10"/>
    </row>
    <row r="177566" spans="14:14">
      <c r="N177566" s="10"/>
    </row>
    <row r="177567" spans="14:14">
      <c r="N177567" s="10"/>
    </row>
    <row r="177568" spans="14:14">
      <c r="N177568" s="10"/>
    </row>
    <row r="177569" spans="14:14">
      <c r="N177569" s="10"/>
    </row>
    <row r="177570" spans="14:14">
      <c r="N177570" s="10"/>
    </row>
    <row r="177571" spans="14:14">
      <c r="N177571" s="10"/>
    </row>
    <row r="177572" spans="14:14">
      <c r="N177572" s="10"/>
    </row>
    <row r="177573" spans="14:14">
      <c r="N177573" s="10"/>
    </row>
    <row r="177574" spans="14:14">
      <c r="N177574" s="10"/>
    </row>
    <row r="177575" spans="14:14">
      <c r="N177575" s="10"/>
    </row>
    <row r="177576" spans="14:14">
      <c r="N177576" s="10"/>
    </row>
    <row r="177577" spans="14:14">
      <c r="N177577" s="10"/>
    </row>
    <row r="177578" spans="14:14">
      <c r="N177578" s="10"/>
    </row>
    <row r="177579" spans="14:14">
      <c r="N177579" s="10"/>
    </row>
    <row r="177580" spans="14:14">
      <c r="N177580" s="10"/>
    </row>
    <row r="177581" spans="14:14">
      <c r="N177581" s="10"/>
    </row>
    <row r="177582" spans="14:14">
      <c r="N177582" s="10"/>
    </row>
    <row r="177583" spans="14:14">
      <c r="N177583" s="10"/>
    </row>
    <row r="177584" spans="14:14">
      <c r="N177584" s="10"/>
    </row>
    <row r="177585" spans="14:14">
      <c r="N177585" s="10"/>
    </row>
    <row r="177586" spans="14:14">
      <c r="N177586" s="10"/>
    </row>
    <row r="177587" spans="14:14">
      <c r="N177587" s="10"/>
    </row>
    <row r="177588" spans="14:14">
      <c r="N177588" s="10"/>
    </row>
    <row r="177589" spans="14:14">
      <c r="N177589" s="10"/>
    </row>
    <row r="177590" spans="14:14">
      <c r="N177590" s="10"/>
    </row>
    <row r="177591" spans="14:14">
      <c r="N177591" s="10"/>
    </row>
    <row r="177592" spans="14:14">
      <c r="N177592" s="10"/>
    </row>
    <row r="177593" spans="14:14">
      <c r="N177593" s="10"/>
    </row>
    <row r="177594" spans="14:14">
      <c r="N177594" s="10"/>
    </row>
    <row r="177595" spans="14:14">
      <c r="N177595" s="10"/>
    </row>
    <row r="177596" spans="14:14">
      <c r="N177596" s="10"/>
    </row>
    <row r="177597" spans="14:14">
      <c r="N177597" s="10"/>
    </row>
    <row r="177598" spans="14:14">
      <c r="N177598" s="10"/>
    </row>
    <row r="177599" spans="14:14">
      <c r="N177599" s="10"/>
    </row>
    <row r="177600" spans="14:14">
      <c r="N177600" s="10"/>
    </row>
    <row r="177601" spans="14:14">
      <c r="N177601" s="10"/>
    </row>
    <row r="177602" spans="14:14">
      <c r="N177602" s="10"/>
    </row>
    <row r="177603" spans="14:14">
      <c r="N177603" s="10"/>
    </row>
    <row r="177604" spans="14:14">
      <c r="N177604" s="10"/>
    </row>
    <row r="177605" spans="14:14">
      <c r="N177605" s="10"/>
    </row>
    <row r="177606" spans="14:14">
      <c r="N177606" s="10"/>
    </row>
    <row r="177607" spans="14:14">
      <c r="N177607" s="10"/>
    </row>
    <row r="177608" spans="14:14">
      <c r="N177608" s="10"/>
    </row>
    <row r="177609" spans="14:14">
      <c r="N177609" s="10"/>
    </row>
    <row r="177610" spans="14:14">
      <c r="N177610" s="10"/>
    </row>
    <row r="177611" spans="14:14">
      <c r="N177611" s="10"/>
    </row>
    <row r="177612" spans="14:14">
      <c r="N177612" s="10"/>
    </row>
    <row r="177613" spans="14:14">
      <c r="N177613" s="10"/>
    </row>
    <row r="177614" spans="14:14">
      <c r="N177614" s="10"/>
    </row>
    <row r="177615" spans="14:14">
      <c r="N177615" s="10"/>
    </row>
    <row r="177616" spans="14:14">
      <c r="N177616" s="10"/>
    </row>
    <row r="177617" spans="14:14">
      <c r="N177617" s="10"/>
    </row>
    <row r="177618" spans="14:14">
      <c r="N177618" s="10"/>
    </row>
    <row r="177619" spans="14:14">
      <c r="N177619" s="10"/>
    </row>
    <row r="177620" spans="14:14">
      <c r="N177620" s="10"/>
    </row>
    <row r="177621" spans="14:14">
      <c r="N177621" s="10"/>
    </row>
    <row r="177622" spans="14:14">
      <c r="N177622" s="10"/>
    </row>
    <row r="177623" spans="14:14">
      <c r="N177623" s="10"/>
    </row>
    <row r="177624" spans="14:14">
      <c r="N177624" s="10"/>
    </row>
    <row r="177625" spans="14:14">
      <c r="N177625" s="10"/>
    </row>
    <row r="177626" spans="14:14">
      <c r="N177626" s="10"/>
    </row>
    <row r="177627" spans="14:14">
      <c r="N177627" s="10"/>
    </row>
    <row r="177628" spans="14:14">
      <c r="N177628" s="10"/>
    </row>
    <row r="177629" spans="14:14">
      <c r="N177629" s="10"/>
    </row>
    <row r="177630" spans="14:14">
      <c r="N177630" s="10"/>
    </row>
    <row r="177631" spans="14:14">
      <c r="N177631" s="10"/>
    </row>
    <row r="177632" spans="14:14">
      <c r="N177632" s="10"/>
    </row>
    <row r="177633" spans="14:14">
      <c r="N177633" s="10"/>
    </row>
    <row r="177634" spans="14:14">
      <c r="N177634" s="10"/>
    </row>
    <row r="177635" spans="14:14">
      <c r="N177635" s="10"/>
    </row>
    <row r="177636" spans="14:14">
      <c r="N177636" s="10"/>
    </row>
    <row r="177637" spans="14:14">
      <c r="N177637" s="10"/>
    </row>
    <row r="177638" spans="14:14">
      <c r="N177638" s="10"/>
    </row>
    <row r="177639" spans="14:14">
      <c r="N177639" s="10"/>
    </row>
    <row r="177640" spans="14:14">
      <c r="N177640" s="10"/>
    </row>
    <row r="177641" spans="14:14">
      <c r="N177641" s="10"/>
    </row>
    <row r="177642" spans="14:14">
      <c r="N177642" s="10"/>
    </row>
    <row r="177643" spans="14:14">
      <c r="N177643" s="10"/>
    </row>
    <row r="177644" spans="14:14">
      <c r="N177644" s="10"/>
    </row>
    <row r="177645" spans="14:14">
      <c r="N177645" s="10"/>
    </row>
    <row r="177646" spans="14:14">
      <c r="N177646" s="10"/>
    </row>
    <row r="177647" spans="14:14">
      <c r="N177647" s="10"/>
    </row>
    <row r="177648" spans="14:14">
      <c r="N177648" s="10"/>
    </row>
    <row r="177649" spans="14:14">
      <c r="N177649" s="10"/>
    </row>
    <row r="177650" spans="14:14">
      <c r="N177650" s="10"/>
    </row>
    <row r="177651" spans="14:14">
      <c r="N177651" s="10"/>
    </row>
    <row r="177652" spans="14:14">
      <c r="N177652" s="10"/>
    </row>
    <row r="177653" spans="14:14">
      <c r="N177653" s="10"/>
    </row>
    <row r="177654" spans="14:14">
      <c r="N177654" s="10"/>
    </row>
    <row r="177655" spans="14:14">
      <c r="N177655" s="10"/>
    </row>
    <row r="177656" spans="14:14">
      <c r="N177656" s="10"/>
    </row>
    <row r="177657" spans="14:14">
      <c r="N177657" s="10"/>
    </row>
    <row r="177658" spans="14:14">
      <c r="N177658" s="10"/>
    </row>
    <row r="177659" spans="14:14">
      <c r="N177659" s="10"/>
    </row>
    <row r="177660" spans="14:14">
      <c r="N177660" s="10"/>
    </row>
    <row r="177661" spans="14:14">
      <c r="N177661" s="10"/>
    </row>
    <row r="177662" spans="14:14">
      <c r="N177662" s="10"/>
    </row>
    <row r="177663" spans="14:14">
      <c r="N177663" s="10"/>
    </row>
    <row r="177664" spans="14:14">
      <c r="N177664" s="10"/>
    </row>
    <row r="177665" spans="14:14">
      <c r="N177665" s="10"/>
    </row>
    <row r="177666" spans="14:14">
      <c r="N177666" s="10"/>
    </row>
    <row r="177667" spans="14:14">
      <c r="N177667" s="10"/>
    </row>
    <row r="177668" spans="14:14">
      <c r="N177668" s="10"/>
    </row>
    <row r="177669" spans="14:14">
      <c r="N177669" s="10"/>
    </row>
    <row r="177670" spans="14:14">
      <c r="N177670" s="10"/>
    </row>
    <row r="177671" spans="14:14">
      <c r="N177671" s="10"/>
    </row>
    <row r="177672" spans="14:14">
      <c r="N177672" s="10"/>
    </row>
    <row r="177673" spans="14:14">
      <c r="N177673" s="10"/>
    </row>
    <row r="177674" spans="14:14">
      <c r="N177674" s="10"/>
    </row>
    <row r="177675" spans="14:14">
      <c r="N177675" s="10"/>
    </row>
    <row r="177676" spans="14:14">
      <c r="N177676" s="10"/>
    </row>
    <row r="177677" spans="14:14">
      <c r="N177677" s="10"/>
    </row>
    <row r="177678" spans="14:14">
      <c r="N177678" s="10"/>
    </row>
    <row r="177679" spans="14:14">
      <c r="N177679" s="10"/>
    </row>
    <row r="177680" spans="14:14">
      <c r="N177680" s="10"/>
    </row>
    <row r="177681" spans="14:14">
      <c r="N177681" s="10"/>
    </row>
    <row r="177682" spans="14:14">
      <c r="N177682" s="10"/>
    </row>
    <row r="177683" spans="14:14">
      <c r="N177683" s="10"/>
    </row>
    <row r="177684" spans="14:14">
      <c r="N177684" s="10"/>
    </row>
    <row r="177685" spans="14:14">
      <c r="N177685" s="10"/>
    </row>
    <row r="177686" spans="14:14">
      <c r="N177686" s="10"/>
    </row>
    <row r="177687" spans="14:14">
      <c r="N177687" s="10"/>
    </row>
    <row r="177688" spans="14:14">
      <c r="N177688" s="10"/>
    </row>
    <row r="177689" spans="14:14">
      <c r="N177689" s="10"/>
    </row>
    <row r="177690" spans="14:14">
      <c r="N177690" s="10"/>
    </row>
    <row r="177691" spans="14:14">
      <c r="N177691" s="10"/>
    </row>
    <row r="177692" spans="14:14">
      <c r="N177692" s="10"/>
    </row>
    <row r="177693" spans="14:14">
      <c r="N177693" s="10"/>
    </row>
    <row r="177694" spans="14:14">
      <c r="N177694" s="10"/>
    </row>
    <row r="177695" spans="14:14">
      <c r="N177695" s="10"/>
    </row>
    <row r="177696" spans="14:14">
      <c r="N177696" s="10"/>
    </row>
    <row r="177697" spans="14:14">
      <c r="N177697" s="10"/>
    </row>
    <row r="177698" spans="14:14">
      <c r="N177698" s="10"/>
    </row>
    <row r="177699" spans="14:14">
      <c r="N177699" s="10"/>
    </row>
    <row r="177700" spans="14:14">
      <c r="N177700" s="10"/>
    </row>
    <row r="177701" spans="14:14">
      <c r="N177701" s="10"/>
    </row>
    <row r="177702" spans="14:14">
      <c r="N177702" s="10"/>
    </row>
    <row r="177703" spans="14:14">
      <c r="N177703" s="10"/>
    </row>
    <row r="177704" spans="14:14">
      <c r="N177704" s="10"/>
    </row>
    <row r="177705" spans="14:14">
      <c r="N177705" s="10"/>
    </row>
    <row r="177706" spans="14:14">
      <c r="N177706" s="10"/>
    </row>
    <row r="177707" spans="14:14">
      <c r="N177707" s="10"/>
    </row>
    <row r="177708" spans="14:14">
      <c r="N177708" s="10"/>
    </row>
    <row r="177709" spans="14:14">
      <c r="N177709" s="10"/>
    </row>
    <row r="177710" spans="14:14">
      <c r="N177710" s="10"/>
    </row>
    <row r="177711" spans="14:14">
      <c r="N177711" s="10"/>
    </row>
    <row r="177712" spans="14:14">
      <c r="N177712" s="10"/>
    </row>
    <row r="177713" spans="14:14">
      <c r="N177713" s="10"/>
    </row>
    <row r="177714" spans="14:14">
      <c r="N177714" s="10"/>
    </row>
    <row r="177715" spans="14:14">
      <c r="N177715" s="10"/>
    </row>
    <row r="177716" spans="14:14">
      <c r="N177716" s="10"/>
    </row>
    <row r="177717" spans="14:14">
      <c r="N177717" s="10"/>
    </row>
    <row r="177718" spans="14:14">
      <c r="N177718" s="10"/>
    </row>
    <row r="177719" spans="14:14">
      <c r="N177719" s="10"/>
    </row>
    <row r="177720" spans="14:14">
      <c r="N177720" s="10"/>
    </row>
    <row r="177721" spans="14:14">
      <c r="N177721" s="10"/>
    </row>
    <row r="177722" spans="14:14">
      <c r="N177722" s="10"/>
    </row>
    <row r="177723" spans="14:14">
      <c r="N177723" s="10"/>
    </row>
    <row r="177724" spans="14:14">
      <c r="N177724" s="10"/>
    </row>
    <row r="177725" spans="14:14">
      <c r="N177725" s="10"/>
    </row>
    <row r="177726" spans="14:14">
      <c r="N177726" s="10"/>
    </row>
    <row r="177727" spans="14:14">
      <c r="N177727" s="10"/>
    </row>
    <row r="177728" spans="14:14">
      <c r="N177728" s="10"/>
    </row>
    <row r="177729" spans="14:14">
      <c r="N177729" s="10"/>
    </row>
    <row r="177730" spans="14:14">
      <c r="N177730" s="10"/>
    </row>
    <row r="177731" spans="14:14">
      <c r="N177731" s="10"/>
    </row>
    <row r="177732" spans="14:14">
      <c r="N177732" s="10"/>
    </row>
    <row r="177733" spans="14:14">
      <c r="N177733" s="10"/>
    </row>
    <row r="177734" spans="14:14">
      <c r="N177734" s="10"/>
    </row>
    <row r="177735" spans="14:14">
      <c r="N177735" s="10"/>
    </row>
    <row r="177736" spans="14:14">
      <c r="N177736" s="10"/>
    </row>
    <row r="177737" spans="14:14">
      <c r="N177737" s="10"/>
    </row>
    <row r="177738" spans="14:14">
      <c r="N177738" s="10"/>
    </row>
    <row r="177739" spans="14:14">
      <c r="N177739" s="10"/>
    </row>
    <row r="177740" spans="14:14">
      <c r="N177740" s="10"/>
    </row>
    <row r="177741" spans="14:14">
      <c r="N177741" s="10"/>
    </row>
    <row r="177742" spans="14:14">
      <c r="N177742" s="10"/>
    </row>
    <row r="177743" spans="14:14">
      <c r="N177743" s="10"/>
    </row>
    <row r="177744" spans="14:14">
      <c r="N177744" s="10"/>
    </row>
    <row r="177745" spans="14:14">
      <c r="N177745" s="10"/>
    </row>
    <row r="177746" spans="14:14">
      <c r="N177746" s="10"/>
    </row>
    <row r="177747" spans="14:14">
      <c r="N177747" s="10"/>
    </row>
    <row r="177748" spans="14:14">
      <c r="N177748" s="10"/>
    </row>
    <row r="177749" spans="14:14">
      <c r="N177749" s="10"/>
    </row>
    <row r="177750" spans="14:14">
      <c r="N177750" s="10"/>
    </row>
    <row r="177751" spans="14:14">
      <c r="N177751" s="10"/>
    </row>
    <row r="177752" spans="14:14">
      <c r="N177752" s="10"/>
    </row>
    <row r="177753" spans="14:14">
      <c r="N177753" s="10"/>
    </row>
    <row r="177754" spans="14:14">
      <c r="N177754" s="10"/>
    </row>
    <row r="177755" spans="14:14">
      <c r="N177755" s="10"/>
    </row>
    <row r="177756" spans="14:14">
      <c r="N177756" s="10"/>
    </row>
    <row r="177757" spans="14:14">
      <c r="N177757" s="10"/>
    </row>
    <row r="177758" spans="14:14">
      <c r="N177758" s="10"/>
    </row>
    <row r="177759" spans="14:14">
      <c r="N177759" s="10"/>
    </row>
    <row r="177760" spans="14:14">
      <c r="N177760" s="10"/>
    </row>
    <row r="177761" spans="14:14">
      <c r="N177761" s="10"/>
    </row>
    <row r="177762" spans="14:14">
      <c r="N177762" s="10"/>
    </row>
    <row r="177763" spans="14:14">
      <c r="N177763" s="10"/>
    </row>
    <row r="177764" spans="14:14">
      <c r="N177764" s="10"/>
    </row>
    <row r="177765" spans="14:14">
      <c r="N177765" s="10"/>
    </row>
    <row r="177766" spans="14:14">
      <c r="N177766" s="10"/>
    </row>
    <row r="177767" spans="14:14">
      <c r="N177767" s="10"/>
    </row>
    <row r="177768" spans="14:14">
      <c r="N177768" s="10"/>
    </row>
    <row r="177769" spans="14:14">
      <c r="N177769" s="10"/>
    </row>
    <row r="177770" spans="14:14">
      <c r="N177770" s="10"/>
    </row>
    <row r="177771" spans="14:14">
      <c r="N177771" s="10"/>
    </row>
    <row r="177772" spans="14:14">
      <c r="N177772" s="10"/>
    </row>
    <row r="177773" spans="14:14">
      <c r="N177773" s="10"/>
    </row>
    <row r="177774" spans="14:14">
      <c r="N177774" s="10"/>
    </row>
    <row r="177775" spans="14:14">
      <c r="N177775" s="10"/>
    </row>
    <row r="177776" spans="14:14">
      <c r="N177776" s="10"/>
    </row>
    <row r="177777" spans="14:14">
      <c r="N177777" s="10"/>
    </row>
    <row r="177778" spans="14:14">
      <c r="N177778" s="10"/>
    </row>
    <row r="177779" spans="14:14">
      <c r="N177779" s="10"/>
    </row>
    <row r="177780" spans="14:14">
      <c r="N177780" s="10"/>
    </row>
    <row r="177781" spans="14:14">
      <c r="N177781" s="10"/>
    </row>
    <row r="177782" spans="14:14">
      <c r="N177782" s="10"/>
    </row>
    <row r="177783" spans="14:14">
      <c r="N177783" s="10"/>
    </row>
    <row r="177784" spans="14:14">
      <c r="N177784" s="10"/>
    </row>
    <row r="177785" spans="14:14">
      <c r="N177785" s="10"/>
    </row>
    <row r="177786" spans="14:14">
      <c r="N177786" s="10"/>
    </row>
    <row r="177787" spans="14:14">
      <c r="N177787" s="10"/>
    </row>
    <row r="177788" spans="14:14">
      <c r="N177788" s="10"/>
    </row>
    <row r="177789" spans="14:14">
      <c r="N177789" s="10"/>
    </row>
    <row r="177790" spans="14:14">
      <c r="N177790" s="10"/>
    </row>
    <row r="177791" spans="14:14">
      <c r="N177791" s="10"/>
    </row>
    <row r="177792" spans="14:14">
      <c r="N177792" s="10"/>
    </row>
    <row r="177793" spans="14:14">
      <c r="N177793" s="10"/>
    </row>
    <row r="177794" spans="14:14">
      <c r="N177794" s="10"/>
    </row>
    <row r="177795" spans="14:14">
      <c r="N177795" s="10"/>
    </row>
    <row r="177796" spans="14:14">
      <c r="N177796" s="10"/>
    </row>
    <row r="177797" spans="14:14">
      <c r="N177797" s="10"/>
    </row>
    <row r="177798" spans="14:14">
      <c r="N177798" s="10"/>
    </row>
    <row r="177799" spans="14:14">
      <c r="N177799" s="10"/>
    </row>
    <row r="177800" spans="14:14">
      <c r="N177800" s="10"/>
    </row>
    <row r="177801" spans="14:14">
      <c r="N177801" s="10"/>
    </row>
    <row r="177802" spans="14:14">
      <c r="N177802" s="10"/>
    </row>
    <row r="177803" spans="14:14">
      <c r="N177803" s="10"/>
    </row>
    <row r="177804" spans="14:14">
      <c r="N177804" s="10"/>
    </row>
    <row r="177805" spans="14:14">
      <c r="N177805" s="10"/>
    </row>
    <row r="177806" spans="14:14">
      <c r="N177806" s="10"/>
    </row>
    <row r="177807" spans="14:14">
      <c r="N177807" s="10"/>
    </row>
    <row r="177808" spans="14:14">
      <c r="N177808" s="10"/>
    </row>
    <row r="177809" spans="14:14">
      <c r="N177809" s="10"/>
    </row>
    <row r="177810" spans="14:14">
      <c r="N177810" s="10"/>
    </row>
    <row r="177811" spans="14:14">
      <c r="N177811" s="10"/>
    </row>
    <row r="177812" spans="14:14">
      <c r="N177812" s="10"/>
    </row>
    <row r="177813" spans="14:14">
      <c r="N177813" s="10"/>
    </row>
    <row r="177814" spans="14:14">
      <c r="N177814" s="10"/>
    </row>
    <row r="177815" spans="14:14">
      <c r="N177815" s="10"/>
    </row>
    <row r="177816" spans="14:14">
      <c r="N177816" s="10"/>
    </row>
    <row r="177817" spans="14:14">
      <c r="N177817" s="10"/>
    </row>
    <row r="177818" spans="14:14">
      <c r="N177818" s="10"/>
    </row>
    <row r="177819" spans="14:14">
      <c r="N177819" s="10"/>
    </row>
    <row r="177820" spans="14:14">
      <c r="N177820" s="10"/>
    </row>
    <row r="177821" spans="14:14">
      <c r="N177821" s="10"/>
    </row>
    <row r="177822" spans="14:14">
      <c r="N177822" s="10"/>
    </row>
    <row r="177823" spans="14:14">
      <c r="N177823" s="10"/>
    </row>
    <row r="177824" spans="14:14">
      <c r="N177824" s="10"/>
    </row>
    <row r="177825" spans="14:14">
      <c r="N177825" s="10"/>
    </row>
    <row r="177826" spans="14:14">
      <c r="N177826" s="10"/>
    </row>
    <row r="177827" spans="14:14">
      <c r="N177827" s="10"/>
    </row>
    <row r="177828" spans="14:14">
      <c r="N177828" s="10"/>
    </row>
    <row r="177829" spans="14:14">
      <c r="N177829" s="10"/>
    </row>
    <row r="177830" spans="14:14">
      <c r="N177830" s="10"/>
    </row>
    <row r="177831" spans="14:14">
      <c r="N177831" s="10"/>
    </row>
    <row r="177832" spans="14:14">
      <c r="N177832" s="10"/>
    </row>
    <row r="177833" spans="14:14">
      <c r="N177833" s="10"/>
    </row>
    <row r="177834" spans="14:14">
      <c r="N177834" s="10"/>
    </row>
    <row r="177835" spans="14:14">
      <c r="N177835" s="10"/>
    </row>
    <row r="177836" spans="14:14">
      <c r="N177836" s="10"/>
    </row>
    <row r="177837" spans="14:14">
      <c r="N177837" s="10"/>
    </row>
    <row r="177838" spans="14:14">
      <c r="N177838" s="10"/>
    </row>
    <row r="177839" spans="14:14">
      <c r="N177839" s="10"/>
    </row>
    <row r="177840" spans="14:14">
      <c r="N177840" s="10"/>
    </row>
    <row r="177841" spans="14:14">
      <c r="N177841" s="10"/>
    </row>
    <row r="177842" spans="14:14">
      <c r="N177842" s="10"/>
    </row>
    <row r="177843" spans="14:14">
      <c r="N177843" s="10"/>
    </row>
    <row r="177844" spans="14:14">
      <c r="N177844" s="10"/>
    </row>
    <row r="177845" spans="14:14">
      <c r="N177845" s="10"/>
    </row>
    <row r="177846" spans="14:14">
      <c r="N177846" s="10"/>
    </row>
    <row r="177847" spans="14:14">
      <c r="N177847" s="10"/>
    </row>
    <row r="177848" spans="14:14">
      <c r="N177848" s="10"/>
    </row>
    <row r="177849" spans="14:14">
      <c r="N177849" s="10"/>
    </row>
    <row r="177850" spans="14:14">
      <c r="N177850" s="10"/>
    </row>
    <row r="177851" spans="14:14">
      <c r="N177851" s="10"/>
    </row>
    <row r="177852" spans="14:14">
      <c r="N177852" s="10"/>
    </row>
    <row r="177853" spans="14:14">
      <c r="N177853" s="10"/>
    </row>
    <row r="177854" spans="14:14">
      <c r="N177854" s="10"/>
    </row>
    <row r="177855" spans="14:14">
      <c r="N177855" s="10"/>
    </row>
    <row r="177856" spans="14:14">
      <c r="N177856" s="10"/>
    </row>
    <row r="177857" spans="14:14">
      <c r="N177857" s="10"/>
    </row>
    <row r="177858" spans="14:14">
      <c r="N177858" s="10"/>
    </row>
    <row r="177859" spans="14:14">
      <c r="N177859" s="10"/>
    </row>
    <row r="177860" spans="14:14">
      <c r="N177860" s="10"/>
    </row>
    <row r="177861" spans="14:14">
      <c r="N177861" s="10"/>
    </row>
    <row r="177862" spans="14:14">
      <c r="N177862" s="10"/>
    </row>
    <row r="177863" spans="14:14">
      <c r="N177863" s="10"/>
    </row>
    <row r="177864" spans="14:14">
      <c r="N177864" s="10"/>
    </row>
    <row r="177865" spans="14:14">
      <c r="N177865" s="10"/>
    </row>
    <row r="177866" spans="14:14">
      <c r="N177866" s="10"/>
    </row>
    <row r="177867" spans="14:14">
      <c r="N177867" s="10"/>
    </row>
    <row r="177868" spans="14:14">
      <c r="N177868" s="10"/>
    </row>
    <row r="177869" spans="14:14">
      <c r="N177869" s="10"/>
    </row>
    <row r="177870" spans="14:14">
      <c r="N177870" s="10"/>
    </row>
    <row r="177871" spans="14:14">
      <c r="N177871" s="10"/>
    </row>
    <row r="177872" spans="14:14">
      <c r="N177872" s="10"/>
    </row>
    <row r="177873" spans="14:14">
      <c r="N177873" s="10"/>
    </row>
    <row r="177874" spans="14:14">
      <c r="N177874" s="10"/>
    </row>
    <row r="177875" spans="14:14">
      <c r="N177875" s="10"/>
    </row>
    <row r="177876" spans="14:14">
      <c r="N177876" s="10"/>
    </row>
    <row r="177877" spans="14:14">
      <c r="N177877" s="10"/>
    </row>
    <row r="177878" spans="14:14">
      <c r="N177878" s="10"/>
    </row>
    <row r="177879" spans="14:14">
      <c r="N177879" s="10"/>
    </row>
    <row r="177880" spans="14:14">
      <c r="N177880" s="10"/>
    </row>
    <row r="177881" spans="14:14">
      <c r="N177881" s="10"/>
    </row>
    <row r="177882" spans="14:14">
      <c r="N177882" s="10"/>
    </row>
    <row r="177883" spans="14:14">
      <c r="N177883" s="10"/>
    </row>
    <row r="177884" spans="14:14">
      <c r="N177884" s="10"/>
    </row>
    <row r="177885" spans="14:14">
      <c r="N177885" s="10"/>
    </row>
    <row r="177886" spans="14:14">
      <c r="N177886" s="10"/>
    </row>
    <row r="177887" spans="14:14">
      <c r="N177887" s="10"/>
    </row>
    <row r="177888" spans="14:14">
      <c r="N177888" s="10"/>
    </row>
    <row r="177889" spans="14:14">
      <c r="N177889" s="10"/>
    </row>
    <row r="177890" spans="14:14">
      <c r="N177890" s="10"/>
    </row>
    <row r="177891" spans="14:14">
      <c r="N177891" s="10"/>
    </row>
    <row r="177892" spans="14:14">
      <c r="N177892" s="10"/>
    </row>
    <row r="177893" spans="14:14">
      <c r="N177893" s="10"/>
    </row>
    <row r="177894" spans="14:14">
      <c r="N177894" s="10"/>
    </row>
    <row r="177895" spans="14:14">
      <c r="N177895" s="10"/>
    </row>
    <row r="177896" spans="14:14">
      <c r="N177896" s="10"/>
    </row>
    <row r="177897" spans="14:14">
      <c r="N177897" s="10"/>
    </row>
    <row r="177898" spans="14:14">
      <c r="N177898" s="10"/>
    </row>
    <row r="177899" spans="14:14">
      <c r="N177899" s="10"/>
    </row>
    <row r="177900" spans="14:14">
      <c r="N177900" s="10"/>
    </row>
    <row r="177901" spans="14:14">
      <c r="N177901" s="10"/>
    </row>
    <row r="177902" spans="14:14">
      <c r="N177902" s="10"/>
    </row>
    <row r="177903" spans="14:14">
      <c r="N177903" s="10"/>
    </row>
    <row r="177904" spans="14:14">
      <c r="N177904" s="10"/>
    </row>
    <row r="177905" spans="14:14">
      <c r="N177905" s="10"/>
    </row>
    <row r="177906" spans="14:14">
      <c r="N177906" s="10"/>
    </row>
    <row r="177907" spans="14:14">
      <c r="N177907" s="10"/>
    </row>
    <row r="177908" spans="14:14">
      <c r="N177908" s="10"/>
    </row>
    <row r="177909" spans="14:14">
      <c r="N177909" s="10"/>
    </row>
    <row r="177910" spans="14:14">
      <c r="N177910" s="10"/>
    </row>
    <row r="177911" spans="14:14">
      <c r="N177911" s="10"/>
    </row>
    <row r="177912" spans="14:14">
      <c r="N177912" s="10"/>
    </row>
    <row r="177913" spans="14:14">
      <c r="N177913" s="10"/>
    </row>
    <row r="177914" spans="14:14">
      <c r="N177914" s="10"/>
    </row>
    <row r="177915" spans="14:14">
      <c r="N177915" s="10"/>
    </row>
    <row r="177916" spans="14:14">
      <c r="N177916" s="10"/>
    </row>
    <row r="177917" spans="14:14">
      <c r="N177917" s="10"/>
    </row>
    <row r="177918" spans="14:14">
      <c r="N177918" s="10"/>
    </row>
    <row r="177919" spans="14:14">
      <c r="N177919" s="10"/>
    </row>
    <row r="177920" spans="14:14">
      <c r="N177920" s="10"/>
    </row>
    <row r="177921" spans="14:14">
      <c r="N177921" s="10"/>
    </row>
    <row r="177922" spans="14:14">
      <c r="N177922" s="10"/>
    </row>
    <row r="177923" spans="14:14">
      <c r="N177923" s="10"/>
    </row>
    <row r="177924" spans="14:14">
      <c r="N177924" s="10"/>
    </row>
    <row r="177925" spans="14:14">
      <c r="N177925" s="10"/>
    </row>
    <row r="177926" spans="14:14">
      <c r="N177926" s="10"/>
    </row>
    <row r="177927" spans="14:14">
      <c r="N177927" s="10"/>
    </row>
    <row r="177928" spans="14:14">
      <c r="N177928" s="10"/>
    </row>
    <row r="177929" spans="14:14">
      <c r="N177929" s="10"/>
    </row>
    <row r="177930" spans="14:14">
      <c r="N177930" s="10"/>
    </row>
    <row r="177931" spans="14:14">
      <c r="N177931" s="10"/>
    </row>
    <row r="177932" spans="14:14">
      <c r="N177932" s="10"/>
    </row>
    <row r="177933" spans="14:14">
      <c r="N177933" s="10"/>
    </row>
    <row r="177934" spans="14:14">
      <c r="N177934" s="10"/>
    </row>
    <row r="177935" spans="14:14">
      <c r="N177935" s="10"/>
    </row>
    <row r="177936" spans="14:14">
      <c r="N177936" s="10"/>
    </row>
    <row r="177937" spans="14:14">
      <c r="N177937" s="10"/>
    </row>
    <row r="177938" spans="14:14">
      <c r="N177938" s="10"/>
    </row>
    <row r="177939" spans="14:14">
      <c r="N177939" s="10"/>
    </row>
    <row r="177940" spans="14:14">
      <c r="N177940" s="10"/>
    </row>
    <row r="177941" spans="14:14">
      <c r="N177941" s="10"/>
    </row>
    <row r="177942" spans="14:14">
      <c r="N177942" s="10"/>
    </row>
    <row r="177943" spans="14:14">
      <c r="N177943" s="10"/>
    </row>
    <row r="177944" spans="14:14">
      <c r="N177944" s="10"/>
    </row>
    <row r="177945" spans="14:14">
      <c r="N177945" s="10"/>
    </row>
    <row r="177946" spans="14:14">
      <c r="N177946" s="10"/>
    </row>
    <row r="177947" spans="14:14">
      <c r="N177947" s="10"/>
    </row>
    <row r="177948" spans="14:14">
      <c r="N177948" s="10"/>
    </row>
    <row r="177949" spans="14:14">
      <c r="N177949" s="10"/>
    </row>
    <row r="177950" spans="14:14">
      <c r="N177950" s="10"/>
    </row>
    <row r="177951" spans="14:14">
      <c r="N177951" s="10"/>
    </row>
    <row r="177952" spans="14:14">
      <c r="N177952" s="10"/>
    </row>
    <row r="177953" spans="14:14">
      <c r="N177953" s="10"/>
    </row>
    <row r="177954" spans="14:14">
      <c r="N177954" s="10"/>
    </row>
    <row r="177955" spans="14:14">
      <c r="N177955" s="10"/>
    </row>
    <row r="177956" spans="14:14">
      <c r="N177956" s="10"/>
    </row>
    <row r="177957" spans="14:14">
      <c r="N177957" s="10"/>
    </row>
    <row r="177958" spans="14:14">
      <c r="N177958" s="10"/>
    </row>
    <row r="177959" spans="14:14">
      <c r="N177959" s="10"/>
    </row>
    <row r="177960" spans="14:14">
      <c r="N177960" s="10"/>
    </row>
    <row r="177961" spans="14:14">
      <c r="N177961" s="10"/>
    </row>
    <row r="177962" spans="14:14">
      <c r="N177962" s="10"/>
    </row>
    <row r="177963" spans="14:14">
      <c r="N177963" s="10"/>
    </row>
    <row r="177964" spans="14:14">
      <c r="N177964" s="10"/>
    </row>
    <row r="177965" spans="14:14">
      <c r="N177965" s="10"/>
    </row>
    <row r="177966" spans="14:14">
      <c r="N177966" s="10"/>
    </row>
    <row r="177967" spans="14:14">
      <c r="N177967" s="10"/>
    </row>
    <row r="177968" spans="14:14">
      <c r="N177968" s="10"/>
    </row>
    <row r="177969" spans="14:14">
      <c r="N177969" s="10"/>
    </row>
    <row r="177970" spans="14:14">
      <c r="N177970" s="10"/>
    </row>
    <row r="177971" spans="14:14">
      <c r="N177971" s="10"/>
    </row>
    <row r="177972" spans="14:14">
      <c r="N177972" s="10"/>
    </row>
    <row r="177973" spans="14:14">
      <c r="N177973" s="10"/>
    </row>
    <row r="177974" spans="14:14">
      <c r="N177974" s="10"/>
    </row>
    <row r="177975" spans="14:14">
      <c r="N177975" s="10"/>
    </row>
    <row r="177976" spans="14:14">
      <c r="N177976" s="10"/>
    </row>
    <row r="177977" spans="14:14">
      <c r="N177977" s="10"/>
    </row>
    <row r="177978" spans="14:14">
      <c r="N177978" s="10"/>
    </row>
    <row r="177979" spans="14:14">
      <c r="N177979" s="10"/>
    </row>
    <row r="177980" spans="14:14">
      <c r="N177980" s="10"/>
    </row>
    <row r="177981" spans="14:14">
      <c r="N177981" s="10"/>
    </row>
    <row r="177982" spans="14:14">
      <c r="N177982" s="10"/>
    </row>
    <row r="177983" spans="14:14">
      <c r="N177983" s="10"/>
    </row>
    <row r="177984" spans="14:14">
      <c r="N177984" s="10"/>
    </row>
    <row r="177985" spans="14:14">
      <c r="N177985" s="10"/>
    </row>
    <row r="177986" spans="14:14">
      <c r="N177986" s="10"/>
    </row>
    <row r="177987" spans="14:14">
      <c r="N177987" s="10"/>
    </row>
    <row r="177988" spans="14:14">
      <c r="N177988" s="10"/>
    </row>
    <row r="177989" spans="14:14">
      <c r="N177989" s="10"/>
    </row>
    <row r="177990" spans="14:14">
      <c r="N177990" s="10"/>
    </row>
    <row r="177991" spans="14:14">
      <c r="N177991" s="10"/>
    </row>
    <row r="177992" spans="14:14">
      <c r="N177992" s="10"/>
    </row>
    <row r="177993" spans="14:14">
      <c r="N177993" s="10"/>
    </row>
    <row r="177994" spans="14:14">
      <c r="N177994" s="10"/>
    </row>
    <row r="177995" spans="14:14">
      <c r="N177995" s="10"/>
    </row>
    <row r="177996" spans="14:14">
      <c r="N177996" s="10"/>
    </row>
    <row r="177997" spans="14:14">
      <c r="N177997" s="10"/>
    </row>
    <row r="177998" spans="14:14">
      <c r="N177998" s="10"/>
    </row>
    <row r="177999" spans="14:14">
      <c r="N177999" s="10"/>
    </row>
    <row r="178000" spans="14:14">
      <c r="N178000" s="10"/>
    </row>
    <row r="178001" spans="14:14">
      <c r="N178001" s="10"/>
    </row>
    <row r="178002" spans="14:14">
      <c r="N178002" s="10"/>
    </row>
    <row r="178003" spans="14:14">
      <c r="N178003" s="10"/>
    </row>
    <row r="178004" spans="14:14">
      <c r="N178004" s="10"/>
    </row>
    <row r="178005" spans="14:14">
      <c r="N178005" s="10"/>
    </row>
    <row r="178006" spans="14:14">
      <c r="N178006" s="10"/>
    </row>
    <row r="178007" spans="14:14">
      <c r="N178007" s="10"/>
    </row>
    <row r="178008" spans="14:14">
      <c r="N178008" s="10"/>
    </row>
    <row r="178009" spans="14:14">
      <c r="N178009" s="10"/>
    </row>
    <row r="178010" spans="14:14">
      <c r="N178010" s="10"/>
    </row>
    <row r="178011" spans="14:14">
      <c r="N178011" s="10"/>
    </row>
    <row r="178012" spans="14:14">
      <c r="N178012" s="10"/>
    </row>
    <row r="178013" spans="14:14">
      <c r="N178013" s="10"/>
    </row>
    <row r="178014" spans="14:14">
      <c r="N178014" s="10"/>
    </row>
    <row r="178015" spans="14:14">
      <c r="N178015" s="10"/>
    </row>
    <row r="178016" spans="14:14">
      <c r="N178016" s="10"/>
    </row>
    <row r="178017" spans="14:14">
      <c r="N178017" s="10"/>
    </row>
    <row r="178018" spans="14:14">
      <c r="N178018" s="10"/>
    </row>
    <row r="178019" spans="14:14">
      <c r="N178019" s="10"/>
    </row>
    <row r="178020" spans="14:14">
      <c r="N178020" s="10"/>
    </row>
    <row r="178021" spans="14:14">
      <c r="N178021" s="10"/>
    </row>
    <row r="178022" spans="14:14">
      <c r="N178022" s="10"/>
    </row>
    <row r="178023" spans="14:14">
      <c r="N178023" s="10"/>
    </row>
    <row r="178024" spans="14:14">
      <c r="N178024" s="10"/>
    </row>
    <row r="178025" spans="14:14">
      <c r="N178025" s="10"/>
    </row>
    <row r="178026" spans="14:14">
      <c r="N178026" s="10"/>
    </row>
    <row r="178027" spans="14:14">
      <c r="N178027" s="10"/>
    </row>
    <row r="178028" spans="14:14">
      <c r="N178028" s="10"/>
    </row>
    <row r="178029" spans="14:14">
      <c r="N178029" s="10"/>
    </row>
    <row r="178030" spans="14:14">
      <c r="N178030" s="10"/>
    </row>
    <row r="178031" spans="14:14">
      <c r="N178031" s="10"/>
    </row>
    <row r="178032" spans="14:14">
      <c r="N178032" s="10"/>
    </row>
    <row r="178033" spans="14:14">
      <c r="N178033" s="10"/>
    </row>
    <row r="178034" spans="14:14">
      <c r="N178034" s="10"/>
    </row>
    <row r="178035" spans="14:14">
      <c r="N178035" s="10"/>
    </row>
    <row r="178036" spans="14:14">
      <c r="N178036" s="10"/>
    </row>
    <row r="178037" spans="14:14">
      <c r="N178037" s="10"/>
    </row>
    <row r="178038" spans="14:14">
      <c r="N178038" s="10"/>
    </row>
    <row r="178039" spans="14:14">
      <c r="N178039" s="10"/>
    </row>
    <row r="178040" spans="14:14">
      <c r="N178040" s="10"/>
    </row>
    <row r="178041" spans="14:14">
      <c r="N178041" s="10"/>
    </row>
    <row r="178042" spans="14:14">
      <c r="N178042" s="10"/>
    </row>
    <row r="178043" spans="14:14">
      <c r="N178043" s="10"/>
    </row>
    <row r="178044" spans="14:14">
      <c r="N178044" s="10"/>
    </row>
    <row r="178045" spans="14:14">
      <c r="N178045" s="10"/>
    </row>
    <row r="178046" spans="14:14">
      <c r="N178046" s="10"/>
    </row>
    <row r="178047" spans="14:14">
      <c r="N178047" s="10"/>
    </row>
    <row r="178048" spans="14:14">
      <c r="N178048" s="10"/>
    </row>
    <row r="178049" spans="14:14">
      <c r="N178049" s="10"/>
    </row>
    <row r="178050" spans="14:14">
      <c r="N178050" s="10"/>
    </row>
    <row r="178051" spans="14:14">
      <c r="N178051" s="10"/>
    </row>
    <row r="178052" spans="14:14">
      <c r="N178052" s="10"/>
    </row>
    <row r="178053" spans="14:14">
      <c r="N178053" s="10"/>
    </row>
    <row r="178054" spans="14:14">
      <c r="N178054" s="10"/>
    </row>
    <row r="178055" spans="14:14">
      <c r="N178055" s="10"/>
    </row>
    <row r="178056" spans="14:14">
      <c r="N178056" s="10"/>
    </row>
    <row r="178057" spans="14:14">
      <c r="N178057" s="10"/>
    </row>
    <row r="178058" spans="14:14">
      <c r="N178058" s="10"/>
    </row>
    <row r="178059" spans="14:14">
      <c r="N178059" s="10"/>
    </row>
    <row r="178060" spans="14:14">
      <c r="N178060" s="10"/>
    </row>
    <row r="178061" spans="14:14">
      <c r="N178061" s="10"/>
    </row>
    <row r="178062" spans="14:14">
      <c r="N178062" s="10"/>
    </row>
    <row r="178063" spans="14:14">
      <c r="N178063" s="10"/>
    </row>
    <row r="178064" spans="14:14">
      <c r="N178064" s="10"/>
    </row>
    <row r="178065" spans="14:14">
      <c r="N178065" s="10"/>
    </row>
    <row r="178066" spans="14:14">
      <c r="N178066" s="10"/>
    </row>
    <row r="178067" spans="14:14">
      <c r="N178067" s="10"/>
    </row>
    <row r="178068" spans="14:14">
      <c r="N178068" s="10"/>
    </row>
    <row r="178069" spans="14:14">
      <c r="N178069" s="10"/>
    </row>
    <row r="178070" spans="14:14">
      <c r="N178070" s="10"/>
    </row>
    <row r="178071" spans="14:14">
      <c r="N178071" s="10"/>
    </row>
    <row r="178072" spans="14:14">
      <c r="N178072" s="10"/>
    </row>
    <row r="178073" spans="14:14">
      <c r="N178073" s="10"/>
    </row>
    <row r="178074" spans="14:14">
      <c r="N178074" s="10"/>
    </row>
    <row r="178075" spans="14:14">
      <c r="N178075" s="10"/>
    </row>
    <row r="178076" spans="14:14">
      <c r="N178076" s="10"/>
    </row>
    <row r="178077" spans="14:14">
      <c r="N178077" s="10"/>
    </row>
    <row r="178078" spans="14:14">
      <c r="N178078" s="10"/>
    </row>
    <row r="178079" spans="14:14">
      <c r="N178079" s="10"/>
    </row>
    <row r="178080" spans="14:14">
      <c r="N178080" s="10"/>
    </row>
    <row r="178081" spans="14:14">
      <c r="N178081" s="10"/>
    </row>
    <row r="178082" spans="14:14">
      <c r="N178082" s="10"/>
    </row>
    <row r="178083" spans="14:14">
      <c r="N178083" s="10"/>
    </row>
    <row r="178084" spans="14:14">
      <c r="N178084" s="10"/>
    </row>
    <row r="178085" spans="14:14">
      <c r="N178085" s="10"/>
    </row>
    <row r="178086" spans="14:14">
      <c r="N178086" s="10"/>
    </row>
    <row r="178087" spans="14:14">
      <c r="N178087" s="10"/>
    </row>
    <row r="178088" spans="14:14">
      <c r="N178088" s="10"/>
    </row>
    <row r="178089" spans="14:14">
      <c r="N178089" s="10"/>
    </row>
    <row r="178090" spans="14:14">
      <c r="N178090" s="10"/>
    </row>
    <row r="178091" spans="14:14">
      <c r="N178091" s="10"/>
    </row>
    <row r="178092" spans="14:14">
      <c r="N178092" s="10"/>
    </row>
    <row r="178093" spans="14:14">
      <c r="N178093" s="10"/>
    </row>
    <row r="178094" spans="14:14">
      <c r="N178094" s="10"/>
    </row>
    <row r="178095" spans="14:14">
      <c r="N178095" s="10"/>
    </row>
    <row r="178096" spans="14:14">
      <c r="N178096" s="10"/>
    </row>
    <row r="178097" spans="14:14">
      <c r="N178097" s="10"/>
    </row>
    <row r="178098" spans="14:14">
      <c r="N178098" s="10"/>
    </row>
    <row r="178099" spans="14:14">
      <c r="N178099" s="10"/>
    </row>
    <row r="178100" spans="14:14">
      <c r="N178100" s="10"/>
    </row>
    <row r="178101" spans="14:14">
      <c r="N178101" s="10"/>
    </row>
    <row r="178102" spans="14:14">
      <c r="N178102" s="10"/>
    </row>
    <row r="178103" spans="14:14">
      <c r="N178103" s="10"/>
    </row>
    <row r="178104" spans="14:14">
      <c r="N178104" s="10"/>
    </row>
    <row r="178105" spans="14:14">
      <c r="N178105" s="10"/>
    </row>
    <row r="178106" spans="14:14">
      <c r="N178106" s="10"/>
    </row>
    <row r="178107" spans="14:14">
      <c r="N178107" s="10"/>
    </row>
    <row r="178108" spans="14:14">
      <c r="N178108" s="10"/>
    </row>
    <row r="178109" spans="14:14">
      <c r="N178109" s="10"/>
    </row>
    <row r="178110" spans="14:14">
      <c r="N178110" s="10"/>
    </row>
    <row r="178111" spans="14:14">
      <c r="N178111" s="10"/>
    </row>
    <row r="178112" spans="14:14">
      <c r="N178112" s="10"/>
    </row>
    <row r="178113" spans="14:14">
      <c r="N178113" s="10"/>
    </row>
    <row r="178114" spans="14:14">
      <c r="N178114" s="10"/>
    </row>
    <row r="178115" spans="14:14">
      <c r="N178115" s="10"/>
    </row>
    <row r="178116" spans="14:14">
      <c r="N178116" s="10"/>
    </row>
    <row r="178117" spans="14:14">
      <c r="N178117" s="10"/>
    </row>
    <row r="178118" spans="14:14">
      <c r="N178118" s="10"/>
    </row>
    <row r="178119" spans="14:14">
      <c r="N178119" s="10"/>
    </row>
    <row r="178120" spans="14:14">
      <c r="N178120" s="10"/>
    </row>
    <row r="178121" spans="14:14">
      <c r="N178121" s="10"/>
    </row>
    <row r="178122" spans="14:14">
      <c r="N178122" s="10"/>
    </row>
    <row r="178123" spans="14:14">
      <c r="N178123" s="10"/>
    </row>
    <row r="178124" spans="14:14">
      <c r="N178124" s="10"/>
    </row>
    <row r="178125" spans="14:14">
      <c r="N178125" s="10"/>
    </row>
    <row r="178126" spans="14:14">
      <c r="N178126" s="10"/>
    </row>
    <row r="178127" spans="14:14">
      <c r="N178127" s="10"/>
    </row>
    <row r="178128" spans="14:14">
      <c r="N178128" s="10"/>
    </row>
    <row r="178129" spans="14:14">
      <c r="N178129" s="10"/>
    </row>
    <row r="178130" spans="14:14">
      <c r="N178130" s="10"/>
    </row>
    <row r="178131" spans="14:14">
      <c r="N178131" s="10"/>
    </row>
    <row r="178132" spans="14:14">
      <c r="N178132" s="10"/>
    </row>
    <row r="178133" spans="14:14">
      <c r="N178133" s="10"/>
    </row>
    <row r="178134" spans="14:14">
      <c r="N178134" s="10"/>
    </row>
    <row r="178135" spans="14:14">
      <c r="N178135" s="10"/>
    </row>
    <row r="178136" spans="14:14">
      <c r="N178136" s="10"/>
    </row>
    <row r="178137" spans="14:14">
      <c r="N178137" s="10"/>
    </row>
    <row r="178138" spans="14:14">
      <c r="N178138" s="10"/>
    </row>
    <row r="178139" spans="14:14">
      <c r="N178139" s="10"/>
    </row>
    <row r="178140" spans="14:14">
      <c r="N178140" s="10"/>
    </row>
    <row r="178141" spans="14:14">
      <c r="N178141" s="10"/>
    </row>
    <row r="178142" spans="14:14">
      <c r="N178142" s="10"/>
    </row>
    <row r="178143" spans="14:14">
      <c r="N178143" s="10"/>
    </row>
    <row r="178144" spans="14:14">
      <c r="N178144" s="10"/>
    </row>
    <row r="178145" spans="14:14">
      <c r="N178145" s="10"/>
    </row>
    <row r="178146" spans="14:14">
      <c r="N178146" s="10"/>
    </row>
    <row r="178147" spans="14:14">
      <c r="N178147" s="10"/>
    </row>
    <row r="178148" spans="14:14">
      <c r="N178148" s="10"/>
    </row>
    <row r="178149" spans="14:14">
      <c r="N178149" s="10"/>
    </row>
    <row r="178150" spans="14:14">
      <c r="N178150" s="10"/>
    </row>
    <row r="178151" spans="14:14">
      <c r="N178151" s="10"/>
    </row>
    <row r="178152" spans="14:14">
      <c r="N178152" s="10"/>
    </row>
    <row r="178153" spans="14:14">
      <c r="N178153" s="10"/>
    </row>
    <row r="178154" spans="14:14">
      <c r="N178154" s="10"/>
    </row>
    <row r="178155" spans="14:14">
      <c r="N178155" s="10"/>
    </row>
    <row r="178156" spans="14:14">
      <c r="N178156" s="10"/>
    </row>
    <row r="178157" spans="14:14">
      <c r="N178157" s="10"/>
    </row>
    <row r="178158" spans="14:14">
      <c r="N178158" s="10"/>
    </row>
    <row r="178159" spans="14:14">
      <c r="N178159" s="10"/>
    </row>
    <row r="178160" spans="14:14">
      <c r="N178160" s="10"/>
    </row>
    <row r="178161" spans="14:14">
      <c r="N178161" s="10"/>
    </row>
    <row r="178162" spans="14:14">
      <c r="N178162" s="10"/>
    </row>
    <row r="178163" spans="14:14">
      <c r="N178163" s="10"/>
    </row>
    <row r="178164" spans="14:14">
      <c r="N178164" s="10"/>
    </row>
    <row r="178165" spans="14:14">
      <c r="N178165" s="10"/>
    </row>
    <row r="178166" spans="14:14">
      <c r="N178166" s="10"/>
    </row>
    <row r="178167" spans="14:14">
      <c r="N178167" s="10"/>
    </row>
    <row r="178168" spans="14:14">
      <c r="N178168" s="10"/>
    </row>
    <row r="178169" spans="14:14">
      <c r="N178169" s="10"/>
    </row>
    <row r="178170" spans="14:14">
      <c r="N178170" s="10"/>
    </row>
    <row r="178171" spans="14:14">
      <c r="N178171" s="10"/>
    </row>
    <row r="178172" spans="14:14">
      <c r="N178172" s="10"/>
    </row>
    <row r="178173" spans="14:14">
      <c r="N178173" s="10"/>
    </row>
    <row r="178174" spans="14:14">
      <c r="N178174" s="10"/>
    </row>
    <row r="178175" spans="14:14">
      <c r="N178175" s="10"/>
    </row>
    <row r="178176" spans="14:14">
      <c r="N178176" s="10"/>
    </row>
    <row r="178177" spans="14:14">
      <c r="N178177" s="10"/>
    </row>
    <row r="178178" spans="14:14">
      <c r="N178178" s="10"/>
    </row>
    <row r="178179" spans="14:14">
      <c r="N178179" s="10"/>
    </row>
    <row r="178180" spans="14:14">
      <c r="N178180" s="10"/>
    </row>
    <row r="178181" spans="14:14">
      <c r="N178181" s="10"/>
    </row>
    <row r="178182" spans="14:14">
      <c r="N178182" s="10"/>
    </row>
    <row r="178183" spans="14:14">
      <c r="N178183" s="10"/>
    </row>
    <row r="178184" spans="14:14">
      <c r="N178184" s="10"/>
    </row>
    <row r="178185" spans="14:14">
      <c r="N178185" s="10"/>
    </row>
    <row r="178186" spans="14:14">
      <c r="N178186" s="10"/>
    </row>
    <row r="178187" spans="14:14">
      <c r="N178187" s="10"/>
    </row>
    <row r="178188" spans="14:14">
      <c r="N178188" s="10"/>
    </row>
    <row r="178189" spans="14:14">
      <c r="N178189" s="10"/>
    </row>
    <row r="178190" spans="14:14">
      <c r="N178190" s="10"/>
    </row>
    <row r="178191" spans="14:14">
      <c r="N178191" s="10"/>
    </row>
    <row r="178192" spans="14:14">
      <c r="N178192" s="10"/>
    </row>
    <row r="178193" spans="14:14">
      <c r="N178193" s="10"/>
    </row>
    <row r="178194" spans="14:14">
      <c r="N178194" s="10"/>
    </row>
    <row r="178195" spans="14:14">
      <c r="N178195" s="10"/>
    </row>
    <row r="178196" spans="14:14">
      <c r="N178196" s="10"/>
    </row>
    <row r="178197" spans="14:14">
      <c r="N178197" s="10"/>
    </row>
    <row r="178198" spans="14:14">
      <c r="N178198" s="10"/>
    </row>
    <row r="178199" spans="14:14">
      <c r="N178199" s="10"/>
    </row>
    <row r="178200" spans="14:14">
      <c r="N178200" s="10"/>
    </row>
    <row r="178201" spans="14:14">
      <c r="N178201" s="10"/>
    </row>
    <row r="178202" spans="14:14">
      <c r="N178202" s="10"/>
    </row>
    <row r="178203" spans="14:14">
      <c r="N178203" s="10"/>
    </row>
    <row r="178204" spans="14:14">
      <c r="N178204" s="10"/>
    </row>
    <row r="178205" spans="14:14">
      <c r="N178205" s="10"/>
    </row>
    <row r="178206" spans="14:14">
      <c r="N178206" s="10"/>
    </row>
    <row r="178207" spans="14:14">
      <c r="N178207" s="10"/>
    </row>
    <row r="178208" spans="14:14">
      <c r="N178208" s="10"/>
    </row>
    <row r="178209" spans="14:14">
      <c r="N178209" s="10"/>
    </row>
    <row r="178210" spans="14:14">
      <c r="N178210" s="10"/>
    </row>
    <row r="178211" spans="14:14">
      <c r="N178211" s="10"/>
    </row>
    <row r="178212" spans="14:14">
      <c r="N178212" s="10"/>
    </row>
    <row r="178213" spans="14:14">
      <c r="N178213" s="10"/>
    </row>
    <row r="178214" spans="14:14">
      <c r="N178214" s="10"/>
    </row>
    <row r="178215" spans="14:14">
      <c r="N178215" s="10"/>
    </row>
    <row r="178216" spans="14:14">
      <c r="N178216" s="10"/>
    </row>
    <row r="178217" spans="14:14">
      <c r="N178217" s="10"/>
    </row>
    <row r="178218" spans="14:14">
      <c r="N178218" s="10"/>
    </row>
    <row r="178219" spans="14:14">
      <c r="N178219" s="10"/>
    </row>
    <row r="178220" spans="14:14">
      <c r="N178220" s="10"/>
    </row>
    <row r="178221" spans="14:14">
      <c r="N178221" s="10"/>
    </row>
    <row r="178222" spans="14:14">
      <c r="N178222" s="10"/>
    </row>
    <row r="178223" spans="14:14">
      <c r="N178223" s="10"/>
    </row>
    <row r="178224" spans="14:14">
      <c r="N178224" s="10"/>
    </row>
    <row r="178225" spans="14:14">
      <c r="N178225" s="10"/>
    </row>
    <row r="178226" spans="14:14">
      <c r="N178226" s="10"/>
    </row>
    <row r="178227" spans="14:14">
      <c r="N178227" s="10"/>
    </row>
    <row r="178228" spans="14:14">
      <c r="N178228" s="10"/>
    </row>
    <row r="178229" spans="14:14">
      <c r="N178229" s="10"/>
    </row>
    <row r="178230" spans="14:14">
      <c r="N178230" s="10"/>
    </row>
    <row r="178231" spans="14:14">
      <c r="N178231" s="10"/>
    </row>
    <row r="178232" spans="14:14">
      <c r="N178232" s="10"/>
    </row>
    <row r="178233" spans="14:14">
      <c r="N178233" s="10"/>
    </row>
    <row r="178234" spans="14:14">
      <c r="N178234" s="10"/>
    </row>
    <row r="178235" spans="14:14">
      <c r="N178235" s="10"/>
    </row>
    <row r="178236" spans="14:14">
      <c r="N178236" s="10"/>
    </row>
    <row r="178237" spans="14:14">
      <c r="N178237" s="10"/>
    </row>
    <row r="178238" spans="14:14">
      <c r="N178238" s="10"/>
    </row>
    <row r="178239" spans="14:14">
      <c r="N178239" s="10"/>
    </row>
    <row r="178240" spans="14:14">
      <c r="N178240" s="10"/>
    </row>
    <row r="178241" spans="14:14">
      <c r="N178241" s="10"/>
    </row>
    <row r="178242" spans="14:14">
      <c r="N178242" s="10"/>
    </row>
    <row r="178243" spans="14:14">
      <c r="N178243" s="10"/>
    </row>
    <row r="178244" spans="14:14">
      <c r="N178244" s="10"/>
    </row>
    <row r="178245" spans="14:14">
      <c r="N178245" s="10"/>
    </row>
    <row r="178246" spans="14:14">
      <c r="N178246" s="10"/>
    </row>
    <row r="178247" spans="14:14">
      <c r="N178247" s="10"/>
    </row>
    <row r="178248" spans="14:14">
      <c r="N178248" s="10"/>
    </row>
    <row r="178249" spans="14:14">
      <c r="N178249" s="10"/>
    </row>
    <row r="178250" spans="14:14">
      <c r="N178250" s="10"/>
    </row>
    <row r="178251" spans="14:14">
      <c r="N178251" s="10"/>
    </row>
    <row r="178252" spans="14:14">
      <c r="N178252" s="10"/>
    </row>
    <row r="178253" spans="14:14">
      <c r="N178253" s="10"/>
    </row>
    <row r="178254" spans="14:14">
      <c r="N178254" s="10"/>
    </row>
    <row r="178255" spans="14:14">
      <c r="N178255" s="10"/>
    </row>
    <row r="178256" spans="14:14">
      <c r="N178256" s="10"/>
    </row>
    <row r="178257" spans="14:14">
      <c r="N178257" s="10"/>
    </row>
    <row r="178258" spans="14:14">
      <c r="N178258" s="10"/>
    </row>
    <row r="178259" spans="14:14">
      <c r="N178259" s="10"/>
    </row>
    <row r="178260" spans="14:14">
      <c r="N178260" s="10"/>
    </row>
    <row r="178261" spans="14:14">
      <c r="N178261" s="10"/>
    </row>
    <row r="178262" spans="14:14">
      <c r="N178262" s="10"/>
    </row>
    <row r="178263" spans="14:14">
      <c r="N178263" s="10"/>
    </row>
    <row r="178264" spans="14:14">
      <c r="N178264" s="10"/>
    </row>
    <row r="178265" spans="14:14">
      <c r="N178265" s="10"/>
    </row>
    <row r="178266" spans="14:14">
      <c r="N178266" s="10"/>
    </row>
    <row r="178267" spans="14:14">
      <c r="N178267" s="10"/>
    </row>
    <row r="178268" spans="14:14">
      <c r="N178268" s="10"/>
    </row>
    <row r="178269" spans="14:14">
      <c r="N178269" s="10"/>
    </row>
    <row r="178270" spans="14:14">
      <c r="N178270" s="10"/>
    </row>
    <row r="178271" spans="14:14">
      <c r="N178271" s="10"/>
    </row>
    <row r="178272" spans="14:14">
      <c r="N178272" s="10"/>
    </row>
    <row r="178273" spans="14:14">
      <c r="N178273" s="10"/>
    </row>
    <row r="178274" spans="14:14">
      <c r="N178274" s="10"/>
    </row>
    <row r="178275" spans="14:14">
      <c r="N178275" s="10"/>
    </row>
    <row r="178276" spans="14:14">
      <c r="N178276" s="10"/>
    </row>
    <row r="178277" spans="14:14">
      <c r="N178277" s="10"/>
    </row>
    <row r="178278" spans="14:14">
      <c r="N178278" s="10"/>
    </row>
    <row r="178279" spans="14:14">
      <c r="N178279" s="10"/>
    </row>
    <row r="178280" spans="14:14">
      <c r="N178280" s="10"/>
    </row>
    <row r="178281" spans="14:14">
      <c r="N178281" s="10"/>
    </row>
    <row r="178282" spans="14:14">
      <c r="N178282" s="10"/>
    </row>
    <row r="178283" spans="14:14">
      <c r="N178283" s="10"/>
    </row>
    <row r="178284" spans="14:14">
      <c r="N178284" s="10"/>
    </row>
    <row r="178285" spans="14:14">
      <c r="N178285" s="10"/>
    </row>
    <row r="178286" spans="14:14">
      <c r="N178286" s="10"/>
    </row>
    <row r="178287" spans="14:14">
      <c r="N178287" s="10"/>
    </row>
    <row r="178288" spans="14:14">
      <c r="N178288" s="10"/>
    </row>
    <row r="178289" spans="14:14">
      <c r="N178289" s="10"/>
    </row>
    <row r="178290" spans="14:14">
      <c r="N178290" s="10"/>
    </row>
    <row r="178291" spans="14:14">
      <c r="N178291" s="10"/>
    </row>
    <row r="178292" spans="14:14">
      <c r="N178292" s="10"/>
    </row>
    <row r="178293" spans="14:14">
      <c r="N178293" s="10"/>
    </row>
    <row r="178294" spans="14:14">
      <c r="N178294" s="10"/>
    </row>
    <row r="178295" spans="14:14">
      <c r="N178295" s="10"/>
    </row>
    <row r="178296" spans="14:14">
      <c r="N178296" s="10"/>
    </row>
    <row r="178297" spans="14:14">
      <c r="N178297" s="10"/>
    </row>
    <row r="178298" spans="14:14">
      <c r="N178298" s="10"/>
    </row>
    <row r="178299" spans="14:14">
      <c r="N178299" s="10"/>
    </row>
    <row r="178300" spans="14:14">
      <c r="N178300" s="10"/>
    </row>
    <row r="178301" spans="14:14">
      <c r="N178301" s="10"/>
    </row>
    <row r="178302" spans="14:14">
      <c r="N178302" s="10"/>
    </row>
    <row r="178303" spans="14:14">
      <c r="N178303" s="10"/>
    </row>
    <row r="178304" spans="14:14">
      <c r="N178304" s="10"/>
    </row>
    <row r="178305" spans="14:14">
      <c r="N178305" s="10"/>
    </row>
    <row r="178306" spans="14:14">
      <c r="N178306" s="10"/>
    </row>
    <row r="178307" spans="14:14">
      <c r="N178307" s="10"/>
    </row>
    <row r="178308" spans="14:14">
      <c r="N178308" s="10"/>
    </row>
    <row r="178309" spans="14:14">
      <c r="N178309" s="10"/>
    </row>
    <row r="178310" spans="14:14">
      <c r="N178310" s="10"/>
    </row>
    <row r="178311" spans="14:14">
      <c r="N178311" s="10"/>
    </row>
    <row r="178312" spans="14:14">
      <c r="N178312" s="10"/>
    </row>
    <row r="178313" spans="14:14">
      <c r="N178313" s="10"/>
    </row>
    <row r="178314" spans="14:14">
      <c r="N178314" s="10"/>
    </row>
    <row r="178315" spans="14:14">
      <c r="N178315" s="10"/>
    </row>
    <row r="178316" spans="14:14">
      <c r="N178316" s="10"/>
    </row>
    <row r="178317" spans="14:14">
      <c r="N178317" s="10"/>
    </row>
    <row r="178318" spans="14:14">
      <c r="N178318" s="10"/>
    </row>
    <row r="178319" spans="14:14">
      <c r="N178319" s="10"/>
    </row>
    <row r="178320" spans="14:14">
      <c r="N178320" s="10"/>
    </row>
    <row r="178321" spans="14:14">
      <c r="N178321" s="10"/>
    </row>
    <row r="178322" spans="14:14">
      <c r="N178322" s="10"/>
    </row>
    <row r="178323" spans="14:14">
      <c r="N178323" s="10"/>
    </row>
    <row r="178324" spans="14:14">
      <c r="N178324" s="10"/>
    </row>
    <row r="178325" spans="14:14">
      <c r="N178325" s="10"/>
    </row>
    <row r="178326" spans="14:14">
      <c r="N178326" s="10"/>
    </row>
    <row r="178327" spans="14:14">
      <c r="N178327" s="10"/>
    </row>
    <row r="178328" spans="14:14">
      <c r="N178328" s="10"/>
    </row>
    <row r="178329" spans="14:14">
      <c r="N178329" s="10"/>
    </row>
    <row r="178330" spans="14:14">
      <c r="N178330" s="10"/>
    </row>
    <row r="178331" spans="14:14">
      <c r="N178331" s="10"/>
    </row>
    <row r="178332" spans="14:14">
      <c r="N178332" s="10"/>
    </row>
    <row r="178333" spans="14:14">
      <c r="N178333" s="10"/>
    </row>
    <row r="178334" spans="14:14">
      <c r="N178334" s="10"/>
    </row>
    <row r="178335" spans="14:14">
      <c r="N178335" s="10"/>
    </row>
    <row r="178336" spans="14:14">
      <c r="N178336" s="10"/>
    </row>
    <row r="178337" spans="14:14">
      <c r="N178337" s="10"/>
    </row>
    <row r="178338" spans="14:14">
      <c r="N178338" s="10"/>
    </row>
    <row r="178339" spans="14:14">
      <c r="N178339" s="10"/>
    </row>
    <row r="178340" spans="14:14">
      <c r="N178340" s="10"/>
    </row>
    <row r="178341" spans="14:14">
      <c r="N178341" s="10"/>
    </row>
    <row r="178342" spans="14:14">
      <c r="N178342" s="10"/>
    </row>
    <row r="178343" spans="14:14">
      <c r="N178343" s="10"/>
    </row>
    <row r="178344" spans="14:14">
      <c r="N178344" s="10"/>
    </row>
    <row r="178345" spans="14:14">
      <c r="N178345" s="10"/>
    </row>
    <row r="178346" spans="14:14">
      <c r="N178346" s="10"/>
    </row>
    <row r="178347" spans="14:14">
      <c r="N178347" s="10"/>
    </row>
    <row r="178348" spans="14:14">
      <c r="N178348" s="10"/>
    </row>
    <row r="178349" spans="14:14">
      <c r="N178349" s="10"/>
    </row>
    <row r="178350" spans="14:14">
      <c r="N178350" s="10"/>
    </row>
    <row r="178351" spans="14:14">
      <c r="N178351" s="10"/>
    </row>
    <row r="178352" spans="14:14">
      <c r="N178352" s="10"/>
    </row>
    <row r="178353" spans="14:14">
      <c r="N178353" s="10"/>
    </row>
    <row r="178354" spans="14:14">
      <c r="N178354" s="10"/>
    </row>
    <row r="178355" spans="14:14">
      <c r="N178355" s="10"/>
    </row>
    <row r="178356" spans="14:14">
      <c r="N178356" s="10"/>
    </row>
    <row r="178357" spans="14:14">
      <c r="N178357" s="10"/>
    </row>
    <row r="178358" spans="14:14">
      <c r="N178358" s="10"/>
    </row>
    <row r="178359" spans="14:14">
      <c r="N178359" s="10"/>
    </row>
    <row r="178360" spans="14:14">
      <c r="N178360" s="10"/>
    </row>
    <row r="178361" spans="14:14">
      <c r="N178361" s="10"/>
    </row>
    <row r="178362" spans="14:14">
      <c r="N178362" s="10"/>
    </row>
    <row r="178363" spans="14:14">
      <c r="N178363" s="10"/>
    </row>
    <row r="178364" spans="14:14">
      <c r="N178364" s="10"/>
    </row>
    <row r="178365" spans="14:14">
      <c r="N178365" s="10"/>
    </row>
    <row r="178366" spans="14:14">
      <c r="N178366" s="10"/>
    </row>
    <row r="178367" spans="14:14">
      <c r="N178367" s="10"/>
    </row>
    <row r="178368" spans="14:14">
      <c r="N178368" s="10"/>
    </row>
    <row r="178369" spans="14:14">
      <c r="N178369" s="10"/>
    </row>
    <row r="178370" spans="14:14">
      <c r="N178370" s="10"/>
    </row>
    <row r="178371" spans="14:14">
      <c r="N178371" s="10"/>
    </row>
    <row r="178372" spans="14:14">
      <c r="N178372" s="10"/>
    </row>
    <row r="178373" spans="14:14">
      <c r="N178373" s="10"/>
    </row>
    <row r="178374" spans="14:14">
      <c r="N178374" s="10"/>
    </row>
    <row r="178375" spans="14:14">
      <c r="N178375" s="10"/>
    </row>
    <row r="178376" spans="14:14">
      <c r="N178376" s="10"/>
    </row>
    <row r="178377" spans="14:14">
      <c r="N178377" s="10"/>
    </row>
    <row r="178378" spans="14:14">
      <c r="N178378" s="10"/>
    </row>
    <row r="178379" spans="14:14">
      <c r="N178379" s="10"/>
    </row>
    <row r="178380" spans="14:14">
      <c r="N178380" s="10"/>
    </row>
    <row r="178381" spans="14:14">
      <c r="N178381" s="10"/>
    </row>
    <row r="178382" spans="14:14">
      <c r="N178382" s="10"/>
    </row>
    <row r="178383" spans="14:14">
      <c r="N178383" s="10"/>
    </row>
    <row r="178384" spans="14:14">
      <c r="N178384" s="10"/>
    </row>
    <row r="178385" spans="14:14">
      <c r="N178385" s="10"/>
    </row>
    <row r="178386" spans="14:14">
      <c r="N178386" s="10"/>
    </row>
    <row r="178387" spans="14:14">
      <c r="N178387" s="10"/>
    </row>
    <row r="178388" spans="14:14">
      <c r="N178388" s="10"/>
    </row>
    <row r="178389" spans="14:14">
      <c r="N178389" s="10"/>
    </row>
    <row r="178390" spans="14:14">
      <c r="N178390" s="10"/>
    </row>
    <row r="178391" spans="14:14">
      <c r="N178391" s="10"/>
    </row>
    <row r="178392" spans="14:14">
      <c r="N178392" s="10"/>
    </row>
    <row r="178393" spans="14:14">
      <c r="N178393" s="10"/>
    </row>
    <row r="178394" spans="14:14">
      <c r="N178394" s="10"/>
    </row>
    <row r="178395" spans="14:14">
      <c r="N178395" s="10"/>
    </row>
    <row r="178396" spans="14:14">
      <c r="N178396" s="10"/>
    </row>
    <row r="178397" spans="14:14">
      <c r="N178397" s="10"/>
    </row>
    <row r="178398" spans="14:14">
      <c r="N178398" s="10"/>
    </row>
    <row r="178399" spans="14:14">
      <c r="N178399" s="10"/>
    </row>
    <row r="178400" spans="14:14">
      <c r="N178400" s="10"/>
    </row>
    <row r="178401" spans="14:14">
      <c r="N178401" s="10"/>
    </row>
    <row r="178402" spans="14:14">
      <c r="N178402" s="10"/>
    </row>
    <row r="178403" spans="14:14">
      <c r="N178403" s="10"/>
    </row>
    <row r="178404" spans="14:14">
      <c r="N178404" s="10"/>
    </row>
    <row r="178405" spans="14:14">
      <c r="N178405" s="10"/>
    </row>
    <row r="178406" spans="14:14">
      <c r="N178406" s="10"/>
    </row>
    <row r="178407" spans="14:14">
      <c r="N178407" s="10"/>
    </row>
    <row r="178408" spans="14:14">
      <c r="N178408" s="10"/>
    </row>
    <row r="178409" spans="14:14">
      <c r="N178409" s="10"/>
    </row>
    <row r="178410" spans="14:14">
      <c r="N178410" s="10"/>
    </row>
    <row r="178411" spans="14:14">
      <c r="N178411" s="10"/>
    </row>
    <row r="178412" spans="14:14">
      <c r="N178412" s="10"/>
    </row>
    <row r="178413" spans="14:14">
      <c r="N178413" s="10"/>
    </row>
    <row r="178414" spans="14:14">
      <c r="N178414" s="10"/>
    </row>
    <row r="178415" spans="14:14">
      <c r="N178415" s="10"/>
    </row>
    <row r="178416" spans="14:14">
      <c r="N178416" s="10"/>
    </row>
    <row r="178417" spans="14:14">
      <c r="N178417" s="10"/>
    </row>
    <row r="178418" spans="14:14">
      <c r="N178418" s="10"/>
    </row>
    <row r="178419" spans="14:14">
      <c r="N178419" s="10"/>
    </row>
    <row r="178420" spans="14:14">
      <c r="N178420" s="10"/>
    </row>
    <row r="178421" spans="14:14">
      <c r="N178421" s="10"/>
    </row>
    <row r="178422" spans="14:14">
      <c r="N178422" s="10"/>
    </row>
    <row r="178423" spans="14:14">
      <c r="N178423" s="10"/>
    </row>
    <row r="178424" spans="14:14">
      <c r="N178424" s="10"/>
    </row>
    <row r="178425" spans="14:14">
      <c r="N178425" s="10"/>
    </row>
    <row r="178426" spans="14:14">
      <c r="N178426" s="10"/>
    </row>
    <row r="178427" spans="14:14">
      <c r="N178427" s="10"/>
    </row>
    <row r="178428" spans="14:14">
      <c r="N178428" s="10"/>
    </row>
    <row r="178429" spans="14:14">
      <c r="N178429" s="10"/>
    </row>
    <row r="178430" spans="14:14">
      <c r="N178430" s="10"/>
    </row>
    <row r="178431" spans="14:14">
      <c r="N178431" s="10"/>
    </row>
    <row r="178432" spans="14:14">
      <c r="N178432" s="10"/>
    </row>
    <row r="178433" spans="14:14">
      <c r="N178433" s="10"/>
    </row>
    <row r="178434" spans="14:14">
      <c r="N178434" s="10"/>
    </row>
    <row r="178435" spans="14:14">
      <c r="N178435" s="10"/>
    </row>
    <row r="178436" spans="14:14">
      <c r="N178436" s="10"/>
    </row>
    <row r="178437" spans="14:14">
      <c r="N178437" s="10"/>
    </row>
    <row r="178438" spans="14:14">
      <c r="N178438" s="10"/>
    </row>
    <row r="178439" spans="14:14">
      <c r="N178439" s="10"/>
    </row>
    <row r="178440" spans="14:14">
      <c r="N178440" s="10"/>
    </row>
    <row r="178441" spans="14:14">
      <c r="N178441" s="10"/>
    </row>
    <row r="178442" spans="14:14">
      <c r="N178442" s="10"/>
    </row>
    <row r="178443" spans="14:14">
      <c r="N178443" s="10"/>
    </row>
    <row r="178444" spans="14:14">
      <c r="N178444" s="10"/>
    </row>
    <row r="178445" spans="14:14">
      <c r="N178445" s="10"/>
    </row>
    <row r="178446" spans="14:14">
      <c r="N178446" s="10"/>
    </row>
    <row r="178447" spans="14:14">
      <c r="N178447" s="10"/>
    </row>
    <row r="178448" spans="14:14">
      <c r="N178448" s="10"/>
    </row>
    <row r="178449" spans="14:14">
      <c r="N178449" s="10"/>
    </row>
    <row r="178450" spans="14:14">
      <c r="N178450" s="10"/>
    </row>
    <row r="178451" spans="14:14">
      <c r="N178451" s="10"/>
    </row>
    <row r="178452" spans="14:14">
      <c r="N178452" s="10"/>
    </row>
    <row r="178453" spans="14:14">
      <c r="N178453" s="10"/>
    </row>
    <row r="178454" spans="14:14">
      <c r="N178454" s="10"/>
    </row>
    <row r="178455" spans="14:14">
      <c r="N178455" s="10"/>
    </row>
    <row r="178456" spans="14:14">
      <c r="N178456" s="10"/>
    </row>
    <row r="178457" spans="14:14">
      <c r="N178457" s="10"/>
    </row>
    <row r="178458" spans="14:14">
      <c r="N178458" s="10"/>
    </row>
    <row r="178459" spans="14:14">
      <c r="N178459" s="10"/>
    </row>
    <row r="178460" spans="14:14">
      <c r="N178460" s="10"/>
    </row>
    <row r="178461" spans="14:14">
      <c r="N178461" s="10"/>
    </row>
    <row r="178462" spans="14:14">
      <c r="N178462" s="10"/>
    </row>
    <row r="178463" spans="14:14">
      <c r="N178463" s="10"/>
    </row>
    <row r="178464" spans="14:14">
      <c r="N178464" s="10"/>
    </row>
    <row r="178465" spans="14:14">
      <c r="N178465" s="10"/>
    </row>
    <row r="178466" spans="14:14">
      <c r="N178466" s="10"/>
    </row>
    <row r="178467" spans="14:14">
      <c r="N178467" s="10"/>
    </row>
    <row r="178468" spans="14:14">
      <c r="N178468" s="10"/>
    </row>
    <row r="178469" spans="14:14">
      <c r="N178469" s="10"/>
    </row>
    <row r="178470" spans="14:14">
      <c r="N178470" s="10"/>
    </row>
    <row r="178471" spans="14:14">
      <c r="N178471" s="10"/>
    </row>
    <row r="178472" spans="14:14">
      <c r="N178472" s="10"/>
    </row>
    <row r="178473" spans="14:14">
      <c r="N178473" s="10"/>
    </row>
    <row r="178474" spans="14:14">
      <c r="N178474" s="10"/>
    </row>
    <row r="178475" spans="14:14">
      <c r="N178475" s="10"/>
    </row>
    <row r="178476" spans="14:14">
      <c r="N178476" s="10"/>
    </row>
    <row r="178477" spans="14:14">
      <c r="N178477" s="10"/>
    </row>
    <row r="178478" spans="14:14">
      <c r="N178478" s="10"/>
    </row>
    <row r="178479" spans="14:14">
      <c r="N178479" s="10"/>
    </row>
    <row r="178480" spans="14:14">
      <c r="N178480" s="10"/>
    </row>
    <row r="178481" spans="14:14">
      <c r="N178481" s="10"/>
    </row>
    <row r="178482" spans="14:14">
      <c r="N178482" s="10"/>
    </row>
    <row r="178483" spans="14:14">
      <c r="N178483" s="10"/>
    </row>
    <row r="178484" spans="14:14">
      <c r="N178484" s="10"/>
    </row>
    <row r="178485" spans="14:14">
      <c r="N178485" s="10"/>
    </row>
    <row r="178486" spans="14:14">
      <c r="N178486" s="10"/>
    </row>
    <row r="178487" spans="14:14">
      <c r="N178487" s="10"/>
    </row>
    <row r="178488" spans="14:14">
      <c r="N178488" s="10"/>
    </row>
    <row r="178489" spans="14:14">
      <c r="N178489" s="10"/>
    </row>
    <row r="178490" spans="14:14">
      <c r="N178490" s="10"/>
    </row>
    <row r="178491" spans="14:14">
      <c r="N178491" s="10"/>
    </row>
    <row r="178492" spans="14:14">
      <c r="N178492" s="10"/>
    </row>
    <row r="178493" spans="14:14">
      <c r="N178493" s="10"/>
    </row>
    <row r="178494" spans="14:14">
      <c r="N178494" s="10"/>
    </row>
    <row r="178495" spans="14:14">
      <c r="N178495" s="10"/>
    </row>
    <row r="178496" spans="14:14">
      <c r="N178496" s="10"/>
    </row>
    <row r="178497" spans="14:14">
      <c r="N178497" s="10"/>
    </row>
    <row r="178498" spans="14:14">
      <c r="N178498" s="10"/>
    </row>
    <row r="178499" spans="14:14">
      <c r="N178499" s="10"/>
    </row>
    <row r="178500" spans="14:14">
      <c r="N178500" s="10"/>
    </row>
    <row r="178501" spans="14:14">
      <c r="N178501" s="10"/>
    </row>
    <row r="178502" spans="14:14">
      <c r="N178502" s="10"/>
    </row>
    <row r="178503" spans="14:14">
      <c r="N178503" s="10"/>
    </row>
    <row r="178504" spans="14:14">
      <c r="N178504" s="10"/>
    </row>
    <row r="178505" spans="14:14">
      <c r="N178505" s="10"/>
    </row>
    <row r="178506" spans="14:14">
      <c r="N178506" s="10"/>
    </row>
    <row r="178507" spans="14:14">
      <c r="N178507" s="10"/>
    </row>
    <row r="178508" spans="14:14">
      <c r="N178508" s="10"/>
    </row>
    <row r="178509" spans="14:14">
      <c r="N178509" s="10"/>
    </row>
    <row r="178510" spans="14:14">
      <c r="N178510" s="10"/>
    </row>
    <row r="178511" spans="14:14">
      <c r="N178511" s="10"/>
    </row>
    <row r="178512" spans="14:14">
      <c r="N178512" s="10"/>
    </row>
    <row r="178513" spans="14:14">
      <c r="N178513" s="10"/>
    </row>
    <row r="178514" spans="14:14">
      <c r="N178514" s="10"/>
    </row>
    <row r="178515" spans="14:14">
      <c r="N178515" s="10"/>
    </row>
    <row r="178516" spans="14:14">
      <c r="N178516" s="10"/>
    </row>
    <row r="178517" spans="14:14">
      <c r="N178517" s="10"/>
    </row>
    <row r="178518" spans="14:14">
      <c r="N178518" s="10"/>
    </row>
    <row r="178519" spans="14:14">
      <c r="N178519" s="10"/>
    </row>
    <row r="178520" spans="14:14">
      <c r="N178520" s="10"/>
    </row>
    <row r="178521" spans="14:14">
      <c r="N178521" s="10"/>
    </row>
    <row r="178522" spans="14:14">
      <c r="N178522" s="10"/>
    </row>
    <row r="178523" spans="14:14">
      <c r="N178523" s="10"/>
    </row>
    <row r="178524" spans="14:14">
      <c r="N178524" s="10"/>
    </row>
    <row r="178525" spans="14:14">
      <c r="N178525" s="10"/>
    </row>
    <row r="178526" spans="14:14">
      <c r="N178526" s="10"/>
    </row>
    <row r="178527" spans="14:14">
      <c r="N178527" s="10"/>
    </row>
    <row r="178528" spans="14:14">
      <c r="N178528" s="10"/>
    </row>
    <row r="178529" spans="14:14">
      <c r="N178529" s="10"/>
    </row>
    <row r="178530" spans="14:14">
      <c r="N178530" s="10"/>
    </row>
    <row r="178531" spans="14:14">
      <c r="N178531" s="10"/>
    </row>
    <row r="178532" spans="14:14">
      <c r="N178532" s="10"/>
    </row>
    <row r="178533" spans="14:14">
      <c r="N178533" s="10"/>
    </row>
    <row r="178534" spans="14:14">
      <c r="N178534" s="10"/>
    </row>
    <row r="178535" spans="14:14">
      <c r="N178535" s="10"/>
    </row>
    <row r="178536" spans="14:14">
      <c r="N178536" s="10"/>
    </row>
    <row r="178537" spans="14:14">
      <c r="N178537" s="10"/>
    </row>
    <row r="178538" spans="14:14">
      <c r="N178538" s="10"/>
    </row>
    <row r="178539" spans="14:14">
      <c r="N178539" s="10"/>
    </row>
    <row r="178540" spans="14:14">
      <c r="N178540" s="10"/>
    </row>
    <row r="178541" spans="14:14">
      <c r="N178541" s="10"/>
    </row>
    <row r="178542" spans="14:14">
      <c r="N178542" s="10"/>
    </row>
    <row r="178543" spans="14:14">
      <c r="N178543" s="10"/>
    </row>
    <row r="178544" spans="14:14">
      <c r="N178544" s="10"/>
    </row>
    <row r="178545" spans="14:14">
      <c r="N178545" s="10"/>
    </row>
    <row r="178546" spans="14:14">
      <c r="N178546" s="10"/>
    </row>
    <row r="178547" spans="14:14">
      <c r="N178547" s="10"/>
    </row>
    <row r="178548" spans="14:14">
      <c r="N178548" s="10"/>
    </row>
    <row r="178549" spans="14:14">
      <c r="N178549" s="10"/>
    </row>
    <row r="178550" spans="14:14">
      <c r="N178550" s="10"/>
    </row>
    <row r="178551" spans="14:14">
      <c r="N178551" s="10"/>
    </row>
    <row r="178552" spans="14:14">
      <c r="N178552" s="10"/>
    </row>
    <row r="178553" spans="14:14">
      <c r="N178553" s="10"/>
    </row>
    <row r="178554" spans="14:14">
      <c r="N178554" s="10"/>
    </row>
    <row r="178555" spans="14:14">
      <c r="N178555" s="10"/>
    </row>
    <row r="178556" spans="14:14">
      <c r="N178556" s="10"/>
    </row>
    <row r="178557" spans="14:14">
      <c r="N178557" s="10"/>
    </row>
    <row r="178558" spans="14:14">
      <c r="N178558" s="10"/>
    </row>
    <row r="178559" spans="14:14">
      <c r="N178559" s="10"/>
    </row>
    <row r="178560" spans="14:14">
      <c r="N178560" s="10"/>
    </row>
    <row r="178561" spans="14:14">
      <c r="N178561" s="10"/>
    </row>
    <row r="178562" spans="14:14">
      <c r="N178562" s="10"/>
    </row>
    <row r="178563" spans="14:14">
      <c r="N178563" s="10"/>
    </row>
    <row r="178564" spans="14:14">
      <c r="N178564" s="10"/>
    </row>
    <row r="178565" spans="14:14">
      <c r="N178565" s="10"/>
    </row>
    <row r="178566" spans="14:14">
      <c r="N178566" s="10"/>
    </row>
    <row r="178567" spans="14:14">
      <c r="N178567" s="10"/>
    </row>
    <row r="178568" spans="14:14">
      <c r="N178568" s="10"/>
    </row>
    <row r="178569" spans="14:14">
      <c r="N178569" s="10"/>
    </row>
    <row r="178570" spans="14:14">
      <c r="N178570" s="10"/>
    </row>
    <row r="178571" spans="14:14">
      <c r="N178571" s="10"/>
    </row>
    <row r="178572" spans="14:14">
      <c r="N178572" s="10"/>
    </row>
    <row r="178573" spans="14:14">
      <c r="N178573" s="10"/>
    </row>
    <row r="178574" spans="14:14">
      <c r="N178574" s="10"/>
    </row>
    <row r="178575" spans="14:14">
      <c r="N178575" s="10"/>
    </row>
    <row r="178576" spans="14:14">
      <c r="N178576" s="10"/>
    </row>
    <row r="178577" spans="14:14">
      <c r="N178577" s="10"/>
    </row>
    <row r="178578" spans="14:14">
      <c r="N178578" s="10"/>
    </row>
    <row r="178579" spans="14:14">
      <c r="N178579" s="10"/>
    </row>
    <row r="178580" spans="14:14">
      <c r="N178580" s="10"/>
    </row>
    <row r="178581" spans="14:14">
      <c r="N178581" s="10"/>
    </row>
    <row r="178582" spans="14:14">
      <c r="N178582" s="10"/>
    </row>
    <row r="178583" spans="14:14">
      <c r="N178583" s="10"/>
    </row>
    <row r="178584" spans="14:14">
      <c r="N178584" s="10"/>
    </row>
    <row r="178585" spans="14:14">
      <c r="N178585" s="10"/>
    </row>
    <row r="178586" spans="14:14">
      <c r="N178586" s="10"/>
    </row>
    <row r="178587" spans="14:14">
      <c r="N178587" s="10"/>
    </row>
    <row r="178588" spans="14:14">
      <c r="N178588" s="10"/>
    </row>
    <row r="178589" spans="14:14">
      <c r="N178589" s="10"/>
    </row>
    <row r="178590" spans="14:14">
      <c r="N178590" s="10"/>
    </row>
    <row r="178591" spans="14:14">
      <c r="N178591" s="10"/>
    </row>
    <row r="178592" spans="14:14">
      <c r="N178592" s="10"/>
    </row>
    <row r="178593" spans="14:14">
      <c r="N178593" s="10"/>
    </row>
    <row r="178594" spans="14:14">
      <c r="N178594" s="10"/>
    </row>
    <row r="178595" spans="14:14">
      <c r="N178595" s="10"/>
    </row>
    <row r="178596" spans="14:14">
      <c r="N178596" s="10"/>
    </row>
    <row r="178597" spans="14:14">
      <c r="N178597" s="10"/>
    </row>
    <row r="178598" spans="14:14">
      <c r="N178598" s="10"/>
    </row>
    <row r="178599" spans="14:14">
      <c r="N178599" s="10"/>
    </row>
    <row r="178600" spans="14:14">
      <c r="N178600" s="10"/>
    </row>
    <row r="178601" spans="14:14">
      <c r="N178601" s="10"/>
    </row>
    <row r="178602" spans="14:14">
      <c r="N178602" s="10"/>
    </row>
    <row r="178603" spans="14:14">
      <c r="N178603" s="10"/>
    </row>
    <row r="178604" spans="14:14">
      <c r="N178604" s="10"/>
    </row>
    <row r="178605" spans="14:14">
      <c r="N178605" s="10"/>
    </row>
    <row r="178606" spans="14:14">
      <c r="N178606" s="10"/>
    </row>
    <row r="178607" spans="14:14">
      <c r="N178607" s="10"/>
    </row>
    <row r="178608" spans="14:14">
      <c r="N178608" s="10"/>
    </row>
    <row r="178609" spans="14:14">
      <c r="N178609" s="10"/>
    </row>
    <row r="178610" spans="14:14">
      <c r="N178610" s="10"/>
    </row>
    <row r="178611" spans="14:14">
      <c r="N178611" s="10"/>
    </row>
    <row r="178612" spans="14:14">
      <c r="N178612" s="10"/>
    </row>
    <row r="178613" spans="14:14">
      <c r="N178613" s="10"/>
    </row>
    <row r="178614" spans="14:14">
      <c r="N178614" s="10"/>
    </row>
    <row r="178615" spans="14:14">
      <c r="N178615" s="10"/>
    </row>
    <row r="178616" spans="14:14">
      <c r="N178616" s="10"/>
    </row>
    <row r="178617" spans="14:14">
      <c r="N178617" s="10"/>
    </row>
    <row r="178618" spans="14:14">
      <c r="N178618" s="10"/>
    </row>
    <row r="178619" spans="14:14">
      <c r="N178619" s="10"/>
    </row>
    <row r="178620" spans="14:14">
      <c r="N178620" s="10"/>
    </row>
    <row r="178621" spans="14:14">
      <c r="N178621" s="10"/>
    </row>
    <row r="178622" spans="14:14">
      <c r="N178622" s="10"/>
    </row>
    <row r="178623" spans="14:14">
      <c r="N178623" s="10"/>
    </row>
    <row r="178624" spans="14:14">
      <c r="N178624" s="10"/>
    </row>
    <row r="178625" spans="14:14">
      <c r="N178625" s="10"/>
    </row>
    <row r="178626" spans="14:14">
      <c r="N178626" s="10"/>
    </row>
    <row r="178627" spans="14:14">
      <c r="N178627" s="10"/>
    </row>
    <row r="178628" spans="14:14">
      <c r="N178628" s="10"/>
    </row>
    <row r="178629" spans="14:14">
      <c r="N178629" s="10"/>
    </row>
    <row r="178630" spans="14:14">
      <c r="N178630" s="10"/>
    </row>
    <row r="178631" spans="14:14">
      <c r="N178631" s="10"/>
    </row>
    <row r="178632" spans="14:14">
      <c r="N178632" s="10"/>
    </row>
    <row r="178633" spans="14:14">
      <c r="N178633" s="10"/>
    </row>
    <row r="178634" spans="14:14">
      <c r="N178634" s="10"/>
    </row>
    <row r="178635" spans="14:14">
      <c r="N178635" s="10"/>
    </row>
    <row r="178636" spans="14:14">
      <c r="N178636" s="10"/>
    </row>
    <row r="178637" spans="14:14">
      <c r="N178637" s="10"/>
    </row>
    <row r="178638" spans="14:14">
      <c r="N178638" s="10"/>
    </row>
    <row r="178639" spans="14:14">
      <c r="N178639" s="10"/>
    </row>
    <row r="178640" spans="14:14">
      <c r="N178640" s="10"/>
    </row>
    <row r="178641" spans="14:14">
      <c r="N178641" s="10"/>
    </row>
    <row r="178642" spans="14:14">
      <c r="N178642" s="10"/>
    </row>
    <row r="178643" spans="14:14">
      <c r="N178643" s="10"/>
    </row>
    <row r="178644" spans="14:14">
      <c r="N178644" s="10"/>
    </row>
    <row r="178645" spans="14:14">
      <c r="N178645" s="10"/>
    </row>
    <row r="178646" spans="14:14">
      <c r="N178646" s="10"/>
    </row>
    <row r="178647" spans="14:14">
      <c r="N178647" s="10"/>
    </row>
    <row r="178648" spans="14:14">
      <c r="N178648" s="10"/>
    </row>
    <row r="178649" spans="14:14">
      <c r="N178649" s="10"/>
    </row>
    <row r="178650" spans="14:14">
      <c r="N178650" s="10"/>
    </row>
    <row r="178651" spans="14:14">
      <c r="N178651" s="10"/>
    </row>
    <row r="178652" spans="14:14">
      <c r="N178652" s="10"/>
    </row>
    <row r="178653" spans="14:14">
      <c r="N178653" s="10"/>
    </row>
    <row r="178654" spans="14:14">
      <c r="N178654" s="10"/>
    </row>
    <row r="178655" spans="14:14">
      <c r="N178655" s="10"/>
    </row>
    <row r="178656" spans="14:14">
      <c r="N178656" s="10"/>
    </row>
    <row r="178657" spans="14:14">
      <c r="N178657" s="10"/>
    </row>
    <row r="178658" spans="14:14">
      <c r="N178658" s="10"/>
    </row>
    <row r="178659" spans="14:14">
      <c r="N178659" s="10"/>
    </row>
    <row r="178660" spans="14:14">
      <c r="N178660" s="10"/>
    </row>
    <row r="178661" spans="14:14">
      <c r="N178661" s="10"/>
    </row>
    <row r="178662" spans="14:14">
      <c r="N178662" s="10"/>
    </row>
    <row r="178663" spans="14:14">
      <c r="N178663" s="10"/>
    </row>
    <row r="178664" spans="14:14">
      <c r="N178664" s="10"/>
    </row>
    <row r="178665" spans="14:14">
      <c r="N178665" s="10"/>
    </row>
    <row r="178666" spans="14:14">
      <c r="N178666" s="10"/>
    </row>
    <row r="178667" spans="14:14">
      <c r="N178667" s="10"/>
    </row>
    <row r="178668" spans="14:14">
      <c r="N178668" s="10"/>
    </row>
    <row r="178669" spans="14:14">
      <c r="N178669" s="10"/>
    </row>
    <row r="178670" spans="14:14">
      <c r="N178670" s="10"/>
    </row>
    <row r="178671" spans="14:14">
      <c r="N178671" s="10"/>
    </row>
    <row r="178672" spans="14:14">
      <c r="N178672" s="10"/>
    </row>
    <row r="178673" spans="14:14">
      <c r="N178673" s="10"/>
    </row>
    <row r="178674" spans="14:14">
      <c r="N178674" s="10"/>
    </row>
    <row r="178675" spans="14:14">
      <c r="N178675" s="10"/>
    </row>
    <row r="178676" spans="14:14">
      <c r="N178676" s="10"/>
    </row>
    <row r="178677" spans="14:14">
      <c r="N178677" s="10"/>
    </row>
    <row r="178678" spans="14:14">
      <c r="N178678" s="10"/>
    </row>
    <row r="178679" spans="14:14">
      <c r="N178679" s="10"/>
    </row>
    <row r="178680" spans="14:14">
      <c r="N178680" s="10"/>
    </row>
    <row r="178681" spans="14:14">
      <c r="N178681" s="10"/>
    </row>
    <row r="178682" spans="14:14">
      <c r="N178682" s="10"/>
    </row>
    <row r="178683" spans="14:14">
      <c r="N178683" s="10"/>
    </row>
    <row r="178684" spans="14:14">
      <c r="N178684" s="10"/>
    </row>
    <row r="178685" spans="14:14">
      <c r="N178685" s="10"/>
    </row>
    <row r="178686" spans="14:14">
      <c r="N178686" s="10"/>
    </row>
    <row r="178687" spans="14:14">
      <c r="N178687" s="10"/>
    </row>
    <row r="178688" spans="14:14">
      <c r="N178688" s="10"/>
    </row>
    <row r="178689" spans="14:14">
      <c r="N178689" s="10"/>
    </row>
    <row r="178690" spans="14:14">
      <c r="N178690" s="10"/>
    </row>
    <row r="178691" spans="14:14">
      <c r="N178691" s="10"/>
    </row>
    <row r="178692" spans="14:14">
      <c r="N178692" s="10"/>
    </row>
    <row r="178693" spans="14:14">
      <c r="N178693" s="10"/>
    </row>
    <row r="178694" spans="14:14">
      <c r="N178694" s="10"/>
    </row>
    <row r="178695" spans="14:14">
      <c r="N178695" s="10"/>
    </row>
    <row r="178696" spans="14:14">
      <c r="N178696" s="10"/>
    </row>
    <row r="178697" spans="14:14">
      <c r="N178697" s="10"/>
    </row>
    <row r="178698" spans="14:14">
      <c r="N178698" s="10"/>
    </row>
    <row r="178699" spans="14:14">
      <c r="N178699" s="10"/>
    </row>
    <row r="178700" spans="14:14">
      <c r="N178700" s="10"/>
    </row>
    <row r="178701" spans="14:14">
      <c r="N178701" s="10"/>
    </row>
    <row r="178702" spans="14:14">
      <c r="N178702" s="10"/>
    </row>
    <row r="178703" spans="14:14">
      <c r="N178703" s="10"/>
    </row>
    <row r="178704" spans="14:14">
      <c r="N178704" s="10"/>
    </row>
    <row r="178705" spans="14:14">
      <c r="N178705" s="10"/>
    </row>
    <row r="178706" spans="14:14">
      <c r="N178706" s="10"/>
    </row>
    <row r="178707" spans="14:14">
      <c r="N178707" s="10"/>
    </row>
    <row r="178708" spans="14:14">
      <c r="N178708" s="10"/>
    </row>
    <row r="178709" spans="14:14">
      <c r="N178709" s="10"/>
    </row>
    <row r="178710" spans="14:14">
      <c r="N178710" s="10"/>
    </row>
    <row r="178711" spans="14:14">
      <c r="N178711" s="10"/>
    </row>
    <row r="178712" spans="14:14">
      <c r="N178712" s="10"/>
    </row>
    <row r="178713" spans="14:14">
      <c r="N178713" s="10"/>
    </row>
    <row r="178714" spans="14:14">
      <c r="N178714" s="10"/>
    </row>
    <row r="178715" spans="14:14">
      <c r="N178715" s="10"/>
    </row>
    <row r="178716" spans="14:14">
      <c r="N178716" s="10"/>
    </row>
    <row r="178717" spans="14:14">
      <c r="N178717" s="10"/>
    </row>
    <row r="178718" spans="14:14">
      <c r="N178718" s="10"/>
    </row>
    <row r="178719" spans="14:14">
      <c r="N178719" s="10"/>
    </row>
    <row r="178720" spans="14:14">
      <c r="N178720" s="10"/>
    </row>
    <row r="178721" spans="14:14">
      <c r="N178721" s="10"/>
    </row>
    <row r="178722" spans="14:14">
      <c r="N178722" s="10"/>
    </row>
    <row r="178723" spans="14:14">
      <c r="N178723" s="10"/>
    </row>
    <row r="178724" spans="14:14">
      <c r="N178724" s="10"/>
    </row>
    <row r="178725" spans="14:14">
      <c r="N178725" s="10"/>
    </row>
    <row r="178726" spans="14:14">
      <c r="N178726" s="10"/>
    </row>
    <row r="178727" spans="14:14">
      <c r="N178727" s="10"/>
    </row>
    <row r="178728" spans="14:14">
      <c r="N178728" s="10"/>
    </row>
    <row r="178729" spans="14:14">
      <c r="N178729" s="10"/>
    </row>
    <row r="178730" spans="14:14">
      <c r="N178730" s="10"/>
    </row>
    <row r="178731" spans="14:14">
      <c r="N178731" s="10"/>
    </row>
    <row r="178732" spans="14:14">
      <c r="N178732" s="10"/>
    </row>
    <row r="178733" spans="14:14">
      <c r="N178733" s="10"/>
    </row>
    <row r="178734" spans="14:14">
      <c r="N178734" s="10"/>
    </row>
    <row r="178735" spans="14:14">
      <c r="N178735" s="10"/>
    </row>
    <row r="178736" spans="14:14">
      <c r="N178736" s="10"/>
    </row>
    <row r="178737" spans="14:14">
      <c r="N178737" s="10"/>
    </row>
    <row r="178738" spans="14:14">
      <c r="N178738" s="10"/>
    </row>
    <row r="178739" spans="14:14">
      <c r="N178739" s="10"/>
    </row>
    <row r="178740" spans="14:14">
      <c r="N178740" s="10"/>
    </row>
    <row r="178741" spans="14:14">
      <c r="N178741" s="10"/>
    </row>
    <row r="178742" spans="14:14">
      <c r="N178742" s="10"/>
    </row>
    <row r="178743" spans="14:14">
      <c r="N178743" s="10"/>
    </row>
    <row r="178744" spans="14:14">
      <c r="N178744" s="10"/>
    </row>
    <row r="178745" spans="14:14">
      <c r="N178745" s="10"/>
    </row>
    <row r="178746" spans="14:14">
      <c r="N178746" s="10"/>
    </row>
    <row r="178747" spans="14:14">
      <c r="N178747" s="10"/>
    </row>
    <row r="178748" spans="14:14">
      <c r="N178748" s="10"/>
    </row>
    <row r="178749" spans="14:14">
      <c r="N178749" s="10"/>
    </row>
    <row r="178750" spans="14:14">
      <c r="N178750" s="10"/>
    </row>
    <row r="178751" spans="14:14">
      <c r="N178751" s="10"/>
    </row>
    <row r="178752" spans="14:14">
      <c r="N178752" s="10"/>
    </row>
    <row r="178753" spans="14:14">
      <c r="N178753" s="10"/>
    </row>
    <row r="178754" spans="14:14">
      <c r="N178754" s="10"/>
    </row>
    <row r="178755" spans="14:14">
      <c r="N178755" s="10"/>
    </row>
    <row r="178756" spans="14:14">
      <c r="N178756" s="10"/>
    </row>
    <row r="178757" spans="14:14">
      <c r="N178757" s="10"/>
    </row>
    <row r="178758" spans="14:14">
      <c r="N178758" s="10"/>
    </row>
    <row r="178759" spans="14:14">
      <c r="N178759" s="10"/>
    </row>
    <row r="178760" spans="14:14">
      <c r="N178760" s="10"/>
    </row>
    <row r="178761" spans="14:14">
      <c r="N178761" s="10"/>
    </row>
    <row r="178762" spans="14:14">
      <c r="N178762" s="10"/>
    </row>
    <row r="178763" spans="14:14">
      <c r="N178763" s="10"/>
    </row>
    <row r="178764" spans="14:14">
      <c r="N178764" s="10"/>
    </row>
    <row r="178765" spans="14:14">
      <c r="N178765" s="10"/>
    </row>
    <row r="178766" spans="14:14">
      <c r="N178766" s="10"/>
    </row>
    <row r="178767" spans="14:14">
      <c r="N178767" s="10"/>
    </row>
    <row r="178768" spans="14:14">
      <c r="N178768" s="10"/>
    </row>
    <row r="178769" spans="14:14">
      <c r="N178769" s="10"/>
    </row>
    <row r="178770" spans="14:14">
      <c r="N178770" s="10"/>
    </row>
    <row r="178771" spans="14:14">
      <c r="N178771" s="10"/>
    </row>
    <row r="178772" spans="14:14">
      <c r="N178772" s="10"/>
    </row>
    <row r="178773" spans="14:14">
      <c r="N178773" s="10"/>
    </row>
    <row r="178774" spans="14:14">
      <c r="N178774" s="10"/>
    </row>
    <row r="178775" spans="14:14">
      <c r="N178775" s="10"/>
    </row>
    <row r="178776" spans="14:14">
      <c r="N178776" s="10"/>
    </row>
    <row r="178777" spans="14:14">
      <c r="N178777" s="10"/>
    </row>
    <row r="178778" spans="14:14">
      <c r="N178778" s="10"/>
    </row>
    <row r="178779" spans="14:14">
      <c r="N178779" s="10"/>
    </row>
    <row r="178780" spans="14:14">
      <c r="N178780" s="10"/>
    </row>
    <row r="178781" spans="14:14">
      <c r="N178781" s="10"/>
    </row>
    <row r="178782" spans="14:14">
      <c r="N178782" s="10"/>
    </row>
    <row r="178783" spans="14:14">
      <c r="N178783" s="10"/>
    </row>
    <row r="178784" spans="14:14">
      <c r="N178784" s="10"/>
    </row>
    <row r="178785" spans="14:14">
      <c r="N178785" s="10"/>
    </row>
    <row r="178786" spans="14:14">
      <c r="N178786" s="10"/>
    </row>
    <row r="178787" spans="14:14">
      <c r="N178787" s="10"/>
    </row>
    <row r="178788" spans="14:14">
      <c r="N178788" s="10"/>
    </row>
    <row r="178789" spans="14:14">
      <c r="N178789" s="10"/>
    </row>
    <row r="178790" spans="14:14">
      <c r="N178790" s="10"/>
    </row>
    <row r="178791" spans="14:14">
      <c r="N178791" s="10"/>
    </row>
    <row r="178792" spans="14:14">
      <c r="N178792" s="10"/>
    </row>
    <row r="178793" spans="14:14">
      <c r="N178793" s="10"/>
    </row>
    <row r="178794" spans="14:14">
      <c r="N178794" s="10"/>
    </row>
    <row r="178795" spans="14:14">
      <c r="N178795" s="10"/>
    </row>
    <row r="178796" spans="14:14">
      <c r="N178796" s="10"/>
    </row>
    <row r="178797" spans="14:14">
      <c r="N178797" s="10"/>
    </row>
    <row r="178798" spans="14:14">
      <c r="N178798" s="10"/>
    </row>
    <row r="178799" spans="14:14">
      <c r="N178799" s="10"/>
    </row>
    <row r="178800" spans="14:14">
      <c r="N178800" s="10"/>
    </row>
    <row r="178801" spans="14:14">
      <c r="N178801" s="10"/>
    </row>
    <row r="178802" spans="14:14">
      <c r="N178802" s="10"/>
    </row>
    <row r="178803" spans="14:14">
      <c r="N178803" s="10"/>
    </row>
    <row r="178804" spans="14:14">
      <c r="N178804" s="10"/>
    </row>
    <row r="178805" spans="14:14">
      <c r="N178805" s="10"/>
    </row>
    <row r="178806" spans="14:14">
      <c r="N178806" s="10"/>
    </row>
    <row r="178807" spans="14:14">
      <c r="N178807" s="10"/>
    </row>
    <row r="178808" spans="14:14">
      <c r="N178808" s="10"/>
    </row>
    <row r="178809" spans="14:14">
      <c r="N178809" s="10"/>
    </row>
    <row r="178810" spans="14:14">
      <c r="N178810" s="10"/>
    </row>
    <row r="178811" spans="14:14">
      <c r="N178811" s="10"/>
    </row>
    <row r="178812" spans="14:14">
      <c r="N178812" s="10"/>
    </row>
    <row r="178813" spans="14:14">
      <c r="N178813" s="10"/>
    </row>
    <row r="178814" spans="14:14">
      <c r="N178814" s="10"/>
    </row>
    <row r="178815" spans="14:14">
      <c r="N178815" s="10"/>
    </row>
    <row r="178816" spans="14:14">
      <c r="N178816" s="10"/>
    </row>
    <row r="178817" spans="14:14">
      <c r="N178817" s="10"/>
    </row>
    <row r="178818" spans="14:14">
      <c r="N178818" s="10"/>
    </row>
    <row r="178819" spans="14:14">
      <c r="N178819" s="10"/>
    </row>
    <row r="178820" spans="14:14">
      <c r="N178820" s="10"/>
    </row>
    <row r="178821" spans="14:14">
      <c r="N178821" s="10"/>
    </row>
    <row r="178822" spans="14:14">
      <c r="N178822" s="10"/>
    </row>
    <row r="178823" spans="14:14">
      <c r="N178823" s="10"/>
    </row>
    <row r="178824" spans="14:14">
      <c r="N178824" s="10"/>
    </row>
    <row r="178825" spans="14:14">
      <c r="N178825" s="10"/>
    </row>
    <row r="178826" spans="14:14">
      <c r="N178826" s="10"/>
    </row>
    <row r="178827" spans="14:14">
      <c r="N178827" s="10"/>
    </row>
    <row r="178828" spans="14:14">
      <c r="N178828" s="10"/>
    </row>
    <row r="178829" spans="14:14">
      <c r="N178829" s="10"/>
    </row>
    <row r="178830" spans="14:14">
      <c r="N178830" s="10"/>
    </row>
    <row r="178831" spans="14:14">
      <c r="N178831" s="10"/>
    </row>
    <row r="178832" spans="14:14">
      <c r="N178832" s="10"/>
    </row>
    <row r="178833" spans="14:14">
      <c r="N178833" s="10"/>
    </row>
    <row r="178834" spans="14:14">
      <c r="N178834" s="10"/>
    </row>
    <row r="178835" spans="14:14">
      <c r="N178835" s="10"/>
    </row>
    <row r="178836" spans="14:14">
      <c r="N178836" s="10"/>
    </row>
    <row r="178837" spans="14:14">
      <c r="N178837" s="10"/>
    </row>
    <row r="178838" spans="14:14">
      <c r="N178838" s="10"/>
    </row>
    <row r="178839" spans="14:14">
      <c r="N178839" s="10"/>
    </row>
    <row r="178840" spans="14:14">
      <c r="N178840" s="10"/>
    </row>
    <row r="178841" spans="14:14">
      <c r="N178841" s="10"/>
    </row>
    <row r="178842" spans="14:14">
      <c r="N178842" s="10"/>
    </row>
    <row r="178843" spans="14:14">
      <c r="N178843" s="10"/>
    </row>
    <row r="178844" spans="14:14">
      <c r="N178844" s="10"/>
    </row>
    <row r="178845" spans="14:14">
      <c r="N178845" s="10"/>
    </row>
    <row r="178846" spans="14:14">
      <c r="N178846" s="10"/>
    </row>
    <row r="178847" spans="14:14">
      <c r="N178847" s="10"/>
    </row>
    <row r="178848" spans="14:14">
      <c r="N178848" s="10"/>
    </row>
    <row r="178849" spans="14:14">
      <c r="N178849" s="10"/>
    </row>
    <row r="178850" spans="14:14">
      <c r="N178850" s="10"/>
    </row>
    <row r="178851" spans="14:14">
      <c r="N178851" s="10"/>
    </row>
    <row r="178852" spans="14:14">
      <c r="N178852" s="10"/>
    </row>
    <row r="178853" spans="14:14">
      <c r="N178853" s="10"/>
    </row>
    <row r="178854" spans="14:14">
      <c r="N178854" s="10"/>
    </row>
    <row r="178855" spans="14:14">
      <c r="N178855" s="10"/>
    </row>
    <row r="178856" spans="14:14">
      <c r="N178856" s="10"/>
    </row>
    <row r="178857" spans="14:14">
      <c r="N178857" s="10"/>
    </row>
    <row r="178858" spans="14:14">
      <c r="N178858" s="10"/>
    </row>
    <row r="178859" spans="14:14">
      <c r="N178859" s="10"/>
    </row>
    <row r="178860" spans="14:14">
      <c r="N178860" s="10"/>
    </row>
    <row r="178861" spans="14:14">
      <c r="N178861" s="10"/>
    </row>
    <row r="178862" spans="14:14">
      <c r="N178862" s="10"/>
    </row>
    <row r="178863" spans="14:14">
      <c r="N178863" s="10"/>
    </row>
    <row r="178864" spans="14:14">
      <c r="N178864" s="10"/>
    </row>
    <row r="178865" spans="14:14">
      <c r="N178865" s="10"/>
    </row>
    <row r="178866" spans="14:14">
      <c r="N178866" s="10"/>
    </row>
    <row r="178867" spans="14:14">
      <c r="N178867" s="10"/>
    </row>
    <row r="178868" spans="14:14">
      <c r="N178868" s="10"/>
    </row>
    <row r="178869" spans="14:14">
      <c r="N178869" s="10"/>
    </row>
    <row r="178870" spans="14:14">
      <c r="N178870" s="10"/>
    </row>
    <row r="178871" spans="14:14">
      <c r="N178871" s="10"/>
    </row>
    <row r="178872" spans="14:14">
      <c r="N178872" s="10"/>
    </row>
    <row r="178873" spans="14:14">
      <c r="N178873" s="10"/>
    </row>
    <row r="178874" spans="14:14">
      <c r="N178874" s="10"/>
    </row>
    <row r="178875" spans="14:14">
      <c r="N178875" s="10"/>
    </row>
    <row r="178876" spans="14:14">
      <c r="N178876" s="10"/>
    </row>
    <row r="178877" spans="14:14">
      <c r="N178877" s="10"/>
    </row>
    <row r="178878" spans="14:14">
      <c r="N178878" s="10"/>
    </row>
    <row r="178879" spans="14:14">
      <c r="N178879" s="10"/>
    </row>
    <row r="178880" spans="14:14">
      <c r="N178880" s="10"/>
    </row>
    <row r="178881" spans="14:14">
      <c r="N178881" s="10"/>
    </row>
    <row r="178882" spans="14:14">
      <c r="N178882" s="10"/>
    </row>
    <row r="178883" spans="14:14">
      <c r="N178883" s="10"/>
    </row>
    <row r="178884" spans="14:14">
      <c r="N178884" s="10"/>
    </row>
    <row r="178885" spans="14:14">
      <c r="N178885" s="10"/>
    </row>
    <row r="178886" spans="14:14">
      <c r="N178886" s="10"/>
    </row>
    <row r="178887" spans="14:14">
      <c r="N178887" s="10"/>
    </row>
    <row r="178888" spans="14:14">
      <c r="N178888" s="10"/>
    </row>
    <row r="178889" spans="14:14">
      <c r="N178889" s="10"/>
    </row>
    <row r="178890" spans="14:14">
      <c r="N178890" s="10"/>
    </row>
    <row r="178891" spans="14:14">
      <c r="N178891" s="10"/>
    </row>
    <row r="178892" spans="14:14">
      <c r="N178892" s="10"/>
    </row>
    <row r="178893" spans="14:14">
      <c r="N178893" s="10"/>
    </row>
    <row r="178894" spans="14:14">
      <c r="N178894" s="10"/>
    </row>
    <row r="178895" spans="14:14">
      <c r="N178895" s="10"/>
    </row>
    <row r="178896" spans="14:14">
      <c r="N178896" s="10"/>
    </row>
    <row r="178897" spans="14:14">
      <c r="N178897" s="10"/>
    </row>
    <row r="178898" spans="14:14">
      <c r="N178898" s="10"/>
    </row>
    <row r="178899" spans="14:14">
      <c r="N178899" s="10"/>
    </row>
    <row r="178900" spans="14:14">
      <c r="N178900" s="10"/>
    </row>
    <row r="178901" spans="14:14">
      <c r="N178901" s="10"/>
    </row>
    <row r="178902" spans="14:14">
      <c r="N178902" s="10"/>
    </row>
    <row r="178903" spans="14:14">
      <c r="N178903" s="10"/>
    </row>
    <row r="178904" spans="14:14">
      <c r="N178904" s="10"/>
    </row>
    <row r="178905" spans="14:14">
      <c r="N178905" s="10"/>
    </row>
    <row r="178906" spans="14:14">
      <c r="N178906" s="10"/>
    </row>
    <row r="178907" spans="14:14">
      <c r="N178907" s="10"/>
    </row>
    <row r="178908" spans="14:14">
      <c r="N178908" s="10"/>
    </row>
    <row r="178909" spans="14:14">
      <c r="N178909" s="10"/>
    </row>
    <row r="178910" spans="14:14">
      <c r="N178910" s="10"/>
    </row>
    <row r="178911" spans="14:14">
      <c r="N178911" s="10"/>
    </row>
    <row r="178912" spans="14:14">
      <c r="N178912" s="10"/>
    </row>
    <row r="178913" spans="14:14">
      <c r="N178913" s="10"/>
    </row>
    <row r="178914" spans="14:14">
      <c r="N178914" s="10"/>
    </row>
    <row r="178915" spans="14:14">
      <c r="N178915" s="10"/>
    </row>
    <row r="178916" spans="14:14">
      <c r="N178916" s="10"/>
    </row>
    <row r="178917" spans="14:14">
      <c r="N178917" s="10"/>
    </row>
    <row r="178918" spans="14:14">
      <c r="N178918" s="10"/>
    </row>
    <row r="178919" spans="14:14">
      <c r="N178919" s="10"/>
    </row>
    <row r="178920" spans="14:14">
      <c r="N178920" s="10"/>
    </row>
    <row r="178921" spans="14:14">
      <c r="N178921" s="10"/>
    </row>
    <row r="178922" spans="14:14">
      <c r="N178922" s="10"/>
    </row>
    <row r="178923" spans="14:14">
      <c r="N178923" s="10"/>
    </row>
    <row r="178924" spans="14:14">
      <c r="N178924" s="10"/>
    </row>
    <row r="178925" spans="14:14">
      <c r="N178925" s="10"/>
    </row>
    <row r="178926" spans="14:14">
      <c r="N178926" s="10"/>
    </row>
    <row r="178927" spans="14:14">
      <c r="N178927" s="10"/>
    </row>
    <row r="178928" spans="14:14">
      <c r="N178928" s="10"/>
    </row>
    <row r="178929" spans="14:14">
      <c r="N178929" s="10"/>
    </row>
    <row r="178930" spans="14:14">
      <c r="N178930" s="10"/>
    </row>
    <row r="178931" spans="14:14">
      <c r="N178931" s="10"/>
    </row>
    <row r="178932" spans="14:14">
      <c r="N178932" s="10"/>
    </row>
    <row r="178933" spans="14:14">
      <c r="N178933" s="10"/>
    </row>
    <row r="178934" spans="14:14">
      <c r="N178934" s="10"/>
    </row>
    <row r="178935" spans="14:14">
      <c r="N178935" s="10"/>
    </row>
    <row r="178936" spans="14:14">
      <c r="N178936" s="10"/>
    </row>
    <row r="178937" spans="14:14">
      <c r="N178937" s="10"/>
    </row>
    <row r="178938" spans="14:14">
      <c r="N178938" s="10"/>
    </row>
    <row r="178939" spans="14:14">
      <c r="N178939" s="10"/>
    </row>
    <row r="178940" spans="14:14">
      <c r="N178940" s="10"/>
    </row>
    <row r="178941" spans="14:14">
      <c r="N178941" s="10"/>
    </row>
    <row r="178942" spans="14:14">
      <c r="N178942" s="10"/>
    </row>
    <row r="178943" spans="14:14">
      <c r="N178943" s="10"/>
    </row>
    <row r="178944" spans="14:14">
      <c r="N178944" s="10"/>
    </row>
    <row r="178945" spans="14:14">
      <c r="N178945" s="10"/>
    </row>
    <row r="178946" spans="14:14">
      <c r="N178946" s="10"/>
    </row>
    <row r="178947" spans="14:14">
      <c r="N178947" s="10"/>
    </row>
    <row r="178948" spans="14:14">
      <c r="N178948" s="10"/>
    </row>
    <row r="178949" spans="14:14">
      <c r="N178949" s="10"/>
    </row>
    <row r="178950" spans="14:14">
      <c r="N178950" s="10"/>
    </row>
    <row r="178951" spans="14:14">
      <c r="N178951" s="10"/>
    </row>
    <row r="178952" spans="14:14">
      <c r="N178952" s="10"/>
    </row>
    <row r="178953" spans="14:14">
      <c r="N178953" s="10"/>
    </row>
    <row r="178954" spans="14:14">
      <c r="N178954" s="10"/>
    </row>
    <row r="178955" spans="14:14">
      <c r="N178955" s="10"/>
    </row>
    <row r="178956" spans="14:14">
      <c r="N178956" s="10"/>
    </row>
    <row r="178957" spans="14:14">
      <c r="N178957" s="10"/>
    </row>
    <row r="178958" spans="14:14">
      <c r="N178958" s="10"/>
    </row>
    <row r="178959" spans="14:14">
      <c r="N178959" s="10"/>
    </row>
    <row r="178960" spans="14:14">
      <c r="N178960" s="10"/>
    </row>
    <row r="178961" spans="14:14">
      <c r="N178961" s="10"/>
    </row>
    <row r="178962" spans="14:14">
      <c r="N178962" s="10"/>
    </row>
    <row r="178963" spans="14:14">
      <c r="N178963" s="10"/>
    </row>
    <row r="178964" spans="14:14">
      <c r="N178964" s="10"/>
    </row>
    <row r="178965" spans="14:14">
      <c r="N178965" s="10"/>
    </row>
    <row r="178966" spans="14:14">
      <c r="N178966" s="10"/>
    </row>
    <row r="178967" spans="14:14">
      <c r="N178967" s="10"/>
    </row>
    <row r="178968" spans="14:14">
      <c r="N178968" s="10"/>
    </row>
    <row r="178969" spans="14:14">
      <c r="N178969" s="10"/>
    </row>
    <row r="178970" spans="14:14">
      <c r="N178970" s="10"/>
    </row>
    <row r="178971" spans="14:14">
      <c r="N178971" s="10"/>
    </row>
    <row r="178972" spans="14:14">
      <c r="N178972" s="10"/>
    </row>
    <row r="178973" spans="14:14">
      <c r="N178973" s="10"/>
    </row>
    <row r="178974" spans="14:14">
      <c r="N178974" s="10"/>
    </row>
    <row r="178975" spans="14:14">
      <c r="N178975" s="10"/>
    </row>
    <row r="178976" spans="14:14">
      <c r="N178976" s="10"/>
    </row>
    <row r="178977" spans="14:14">
      <c r="N178977" s="10"/>
    </row>
    <row r="178978" spans="14:14">
      <c r="N178978" s="10"/>
    </row>
    <row r="178979" spans="14:14">
      <c r="N178979" s="10"/>
    </row>
    <row r="178980" spans="14:14">
      <c r="N178980" s="10"/>
    </row>
    <row r="178981" spans="14:14">
      <c r="N178981" s="10"/>
    </row>
    <row r="178982" spans="14:14">
      <c r="N178982" s="10"/>
    </row>
    <row r="178983" spans="14:14">
      <c r="N178983" s="10"/>
    </row>
    <row r="178984" spans="14:14">
      <c r="N178984" s="10"/>
    </row>
    <row r="178985" spans="14:14">
      <c r="N178985" s="10"/>
    </row>
    <row r="178986" spans="14:14">
      <c r="N178986" s="10"/>
    </row>
    <row r="178987" spans="14:14">
      <c r="N178987" s="10"/>
    </row>
    <row r="178988" spans="14:14">
      <c r="N178988" s="10"/>
    </row>
    <row r="178989" spans="14:14">
      <c r="N178989" s="10"/>
    </row>
    <row r="178990" spans="14:14">
      <c r="N178990" s="10"/>
    </row>
    <row r="178991" spans="14:14">
      <c r="N178991" s="10"/>
    </row>
    <row r="178992" spans="14:14">
      <c r="N178992" s="10"/>
    </row>
    <row r="178993" spans="14:14">
      <c r="N178993" s="10"/>
    </row>
    <row r="178994" spans="14:14">
      <c r="N178994" s="10"/>
    </row>
    <row r="178995" spans="14:14">
      <c r="N178995" s="10"/>
    </row>
    <row r="178996" spans="14:14">
      <c r="N178996" s="10"/>
    </row>
    <row r="178997" spans="14:14">
      <c r="N178997" s="10"/>
    </row>
    <row r="178998" spans="14:14">
      <c r="N178998" s="10"/>
    </row>
    <row r="178999" spans="14:14">
      <c r="N178999" s="10"/>
    </row>
    <row r="179000" spans="14:14">
      <c r="N179000" s="10"/>
    </row>
    <row r="179001" spans="14:14">
      <c r="N179001" s="10"/>
    </row>
    <row r="179002" spans="14:14">
      <c r="N179002" s="10"/>
    </row>
    <row r="179003" spans="14:14">
      <c r="N179003" s="10"/>
    </row>
    <row r="179004" spans="14:14">
      <c r="N179004" s="10"/>
    </row>
    <row r="179005" spans="14:14">
      <c r="N179005" s="10"/>
    </row>
    <row r="179006" spans="14:14">
      <c r="N179006" s="10"/>
    </row>
    <row r="179007" spans="14:14">
      <c r="N179007" s="10"/>
    </row>
    <row r="179008" spans="14:14">
      <c r="N179008" s="10"/>
    </row>
    <row r="179009" spans="14:14">
      <c r="N179009" s="10"/>
    </row>
    <row r="179010" spans="14:14">
      <c r="N179010" s="10"/>
    </row>
    <row r="179011" spans="14:14">
      <c r="N179011" s="10"/>
    </row>
    <row r="179012" spans="14:14">
      <c r="N179012" s="10"/>
    </row>
    <row r="179013" spans="14:14">
      <c r="N179013" s="10"/>
    </row>
    <row r="179014" spans="14:14">
      <c r="N179014" s="10"/>
    </row>
    <row r="179015" spans="14:14">
      <c r="N179015" s="10"/>
    </row>
    <row r="179016" spans="14:14">
      <c r="N179016" s="10"/>
    </row>
    <row r="179017" spans="14:14">
      <c r="N179017" s="10"/>
    </row>
    <row r="179018" spans="14:14">
      <c r="N179018" s="10"/>
    </row>
    <row r="179019" spans="14:14">
      <c r="N179019" s="10"/>
    </row>
    <row r="179020" spans="14:14">
      <c r="N179020" s="10"/>
    </row>
    <row r="179021" spans="14:14">
      <c r="N179021" s="10"/>
    </row>
    <row r="179022" spans="14:14">
      <c r="N179022" s="10"/>
    </row>
    <row r="179023" spans="14:14">
      <c r="N179023" s="10"/>
    </row>
    <row r="179024" spans="14:14">
      <c r="N179024" s="10"/>
    </row>
    <row r="179025" spans="14:14">
      <c r="N179025" s="10"/>
    </row>
    <row r="179026" spans="14:14">
      <c r="N179026" s="10"/>
    </row>
    <row r="179027" spans="14:14">
      <c r="N179027" s="10"/>
    </row>
    <row r="179028" spans="14:14">
      <c r="N179028" s="10"/>
    </row>
    <row r="179029" spans="14:14">
      <c r="N179029" s="10"/>
    </row>
    <row r="179030" spans="14:14">
      <c r="N179030" s="10"/>
    </row>
    <row r="179031" spans="14:14">
      <c r="N179031" s="10"/>
    </row>
    <row r="179032" spans="14:14">
      <c r="N179032" s="10"/>
    </row>
    <row r="179033" spans="14:14">
      <c r="N179033" s="10"/>
    </row>
    <row r="179034" spans="14:14">
      <c r="N179034" s="10"/>
    </row>
    <row r="179035" spans="14:14">
      <c r="N179035" s="10"/>
    </row>
    <row r="179036" spans="14:14">
      <c r="N179036" s="10"/>
    </row>
    <row r="179037" spans="14:14">
      <c r="N179037" s="10"/>
    </row>
    <row r="179038" spans="14:14">
      <c r="N179038" s="10"/>
    </row>
    <row r="179039" spans="14:14">
      <c r="N179039" s="10"/>
    </row>
    <row r="179040" spans="14:14">
      <c r="N179040" s="10"/>
    </row>
    <row r="179041" spans="14:14">
      <c r="N179041" s="10"/>
    </row>
    <row r="179042" spans="14:14">
      <c r="N179042" s="10"/>
    </row>
    <row r="179043" spans="14:14">
      <c r="N179043" s="10"/>
    </row>
    <row r="179044" spans="14:14">
      <c r="N179044" s="10"/>
    </row>
    <row r="179045" spans="14:14">
      <c r="N179045" s="10"/>
    </row>
    <row r="179046" spans="14:14">
      <c r="N179046" s="10"/>
    </row>
    <row r="179047" spans="14:14">
      <c r="N179047" s="10"/>
    </row>
    <row r="179048" spans="14:14">
      <c r="N179048" s="10"/>
    </row>
    <row r="179049" spans="14:14">
      <c r="N179049" s="10"/>
    </row>
    <row r="179050" spans="14:14">
      <c r="N179050" s="10"/>
    </row>
    <row r="179051" spans="14:14">
      <c r="N179051" s="10"/>
    </row>
    <row r="179052" spans="14:14">
      <c r="N179052" s="10"/>
    </row>
    <row r="179053" spans="14:14">
      <c r="N179053" s="10"/>
    </row>
    <row r="179054" spans="14:14">
      <c r="N179054" s="10"/>
    </row>
    <row r="179055" spans="14:14">
      <c r="N179055" s="10"/>
    </row>
    <row r="179056" spans="14:14">
      <c r="N179056" s="10"/>
    </row>
    <row r="179057" spans="14:14">
      <c r="N179057" s="10"/>
    </row>
    <row r="179058" spans="14:14">
      <c r="N179058" s="10"/>
    </row>
    <row r="179059" spans="14:14">
      <c r="N179059" s="10"/>
    </row>
    <row r="179060" spans="14:14">
      <c r="N179060" s="10"/>
    </row>
    <row r="179061" spans="14:14">
      <c r="N179061" s="10"/>
    </row>
    <row r="179062" spans="14:14">
      <c r="N179062" s="10"/>
    </row>
    <row r="179063" spans="14:14">
      <c r="N179063" s="10"/>
    </row>
    <row r="179064" spans="14:14">
      <c r="N179064" s="10"/>
    </row>
    <row r="179065" spans="14:14">
      <c r="N179065" s="10"/>
    </row>
    <row r="179066" spans="14:14">
      <c r="N179066" s="10"/>
    </row>
    <row r="179067" spans="14:14">
      <c r="N179067" s="10"/>
    </row>
    <row r="179068" spans="14:14">
      <c r="N179068" s="10"/>
    </row>
    <row r="179069" spans="14:14">
      <c r="N179069" s="10"/>
    </row>
    <row r="179070" spans="14:14">
      <c r="N179070" s="10"/>
    </row>
    <row r="179071" spans="14:14">
      <c r="N179071" s="10"/>
    </row>
    <row r="179072" spans="14:14">
      <c r="N179072" s="10"/>
    </row>
    <row r="179073" spans="14:14">
      <c r="N179073" s="10"/>
    </row>
    <row r="179074" spans="14:14">
      <c r="N179074" s="10"/>
    </row>
    <row r="179075" spans="14:14">
      <c r="N179075" s="10"/>
    </row>
    <row r="179076" spans="14:14">
      <c r="N179076" s="10"/>
    </row>
    <row r="179077" spans="14:14">
      <c r="N179077" s="10"/>
    </row>
    <row r="179078" spans="14:14">
      <c r="N179078" s="10"/>
    </row>
    <row r="179079" spans="14:14">
      <c r="N179079" s="10"/>
    </row>
    <row r="179080" spans="14:14">
      <c r="N179080" s="10"/>
    </row>
    <row r="179081" spans="14:14">
      <c r="N179081" s="10"/>
    </row>
    <row r="179082" spans="14:14">
      <c r="N179082" s="10"/>
    </row>
    <row r="179083" spans="14:14">
      <c r="N179083" s="10"/>
    </row>
    <row r="179084" spans="14:14">
      <c r="N179084" s="10"/>
    </row>
    <row r="179085" spans="14:14">
      <c r="N179085" s="10"/>
    </row>
    <row r="179086" spans="14:14">
      <c r="N179086" s="10"/>
    </row>
    <row r="179087" spans="14:14">
      <c r="N179087" s="10"/>
    </row>
    <row r="179088" spans="14:14">
      <c r="N179088" s="10"/>
    </row>
    <row r="179089" spans="14:14">
      <c r="N179089" s="10"/>
    </row>
    <row r="179090" spans="14:14">
      <c r="N179090" s="10"/>
    </row>
    <row r="179091" spans="14:14">
      <c r="N179091" s="10"/>
    </row>
    <row r="179092" spans="14:14">
      <c r="N179092" s="10"/>
    </row>
    <row r="179093" spans="14:14">
      <c r="N179093" s="10"/>
    </row>
    <row r="179094" spans="14:14">
      <c r="N179094" s="10"/>
    </row>
    <row r="179095" spans="14:14">
      <c r="N179095" s="10"/>
    </row>
    <row r="179096" spans="14:14">
      <c r="N179096" s="10"/>
    </row>
    <row r="179097" spans="14:14">
      <c r="N179097" s="10"/>
    </row>
    <row r="179098" spans="14:14">
      <c r="N179098" s="10"/>
    </row>
    <row r="179099" spans="14:14">
      <c r="N179099" s="10"/>
    </row>
    <row r="179100" spans="14:14">
      <c r="N179100" s="10"/>
    </row>
    <row r="179101" spans="14:14">
      <c r="N179101" s="10"/>
    </row>
    <row r="179102" spans="14:14">
      <c r="N179102" s="10"/>
    </row>
    <row r="179103" spans="14:14">
      <c r="N179103" s="10"/>
    </row>
    <row r="179104" spans="14:14">
      <c r="N179104" s="10"/>
    </row>
    <row r="179105" spans="14:14">
      <c r="N179105" s="10"/>
    </row>
    <row r="179106" spans="14:14">
      <c r="N179106" s="10"/>
    </row>
    <row r="179107" spans="14:14">
      <c r="N179107" s="10"/>
    </row>
    <row r="179108" spans="14:14">
      <c r="N179108" s="10"/>
    </row>
    <row r="179109" spans="14:14">
      <c r="N179109" s="10"/>
    </row>
    <row r="179110" spans="14:14">
      <c r="N179110" s="10"/>
    </row>
    <row r="179111" spans="14:14">
      <c r="N179111" s="10"/>
    </row>
    <row r="179112" spans="14:14">
      <c r="N179112" s="10"/>
    </row>
    <row r="179113" spans="14:14">
      <c r="N179113" s="10"/>
    </row>
    <row r="179114" spans="14:14">
      <c r="N179114" s="10"/>
    </row>
    <row r="179115" spans="14:14">
      <c r="N179115" s="10"/>
    </row>
    <row r="179116" spans="14:14">
      <c r="N179116" s="10"/>
    </row>
    <row r="179117" spans="14:14">
      <c r="N179117" s="10"/>
    </row>
    <row r="179118" spans="14:14">
      <c r="N179118" s="10"/>
    </row>
    <row r="179119" spans="14:14">
      <c r="N179119" s="10"/>
    </row>
    <row r="179120" spans="14:14">
      <c r="N179120" s="10"/>
    </row>
    <row r="179121" spans="14:14">
      <c r="N179121" s="10"/>
    </row>
    <row r="179122" spans="14:14">
      <c r="N179122" s="10"/>
    </row>
    <row r="179123" spans="14:14">
      <c r="N179123" s="10"/>
    </row>
    <row r="179124" spans="14:14">
      <c r="N179124" s="10"/>
    </row>
    <row r="179125" spans="14:14">
      <c r="N179125" s="10"/>
    </row>
    <row r="179126" spans="14:14">
      <c r="N179126" s="10"/>
    </row>
    <row r="179127" spans="14:14">
      <c r="N179127" s="10"/>
    </row>
    <row r="179128" spans="14:14">
      <c r="N179128" s="10"/>
    </row>
    <row r="179129" spans="14:14">
      <c r="N179129" s="10"/>
    </row>
    <row r="179130" spans="14:14">
      <c r="N179130" s="10"/>
    </row>
    <row r="179131" spans="14:14">
      <c r="N179131" s="10"/>
    </row>
    <row r="179132" spans="14:14">
      <c r="N179132" s="10"/>
    </row>
    <row r="179133" spans="14:14">
      <c r="N179133" s="10"/>
    </row>
    <row r="179134" spans="14:14">
      <c r="N179134" s="10"/>
    </row>
    <row r="179135" spans="14:14">
      <c r="N179135" s="10"/>
    </row>
    <row r="179136" spans="14:14">
      <c r="N179136" s="10"/>
    </row>
    <row r="179137" spans="14:14">
      <c r="N179137" s="10"/>
    </row>
    <row r="179138" spans="14:14">
      <c r="N179138" s="10"/>
    </row>
    <row r="179139" spans="14:14">
      <c r="N179139" s="10"/>
    </row>
    <row r="179140" spans="14:14">
      <c r="N179140" s="10"/>
    </row>
    <row r="179141" spans="14:14">
      <c r="N179141" s="10"/>
    </row>
    <row r="179142" spans="14:14">
      <c r="N179142" s="10"/>
    </row>
    <row r="179143" spans="14:14">
      <c r="N179143" s="10"/>
    </row>
    <row r="179144" spans="14:14">
      <c r="N179144" s="10"/>
    </row>
    <row r="179145" spans="14:14">
      <c r="N179145" s="10"/>
    </row>
    <row r="179146" spans="14:14">
      <c r="N179146" s="10"/>
    </row>
    <row r="179147" spans="14:14">
      <c r="N179147" s="10"/>
    </row>
    <row r="179148" spans="14:14">
      <c r="N179148" s="10"/>
    </row>
    <row r="179149" spans="14:14">
      <c r="N179149" s="10"/>
    </row>
    <row r="179150" spans="14:14">
      <c r="N179150" s="10"/>
    </row>
    <row r="179151" spans="14:14">
      <c r="N179151" s="10"/>
    </row>
    <row r="179152" spans="14:14">
      <c r="N179152" s="10"/>
    </row>
    <row r="179153" spans="14:14">
      <c r="N179153" s="10"/>
    </row>
    <row r="179154" spans="14:14">
      <c r="N179154" s="10"/>
    </row>
    <row r="179155" spans="14:14">
      <c r="N179155" s="10"/>
    </row>
    <row r="179156" spans="14:14">
      <c r="N179156" s="10"/>
    </row>
    <row r="179157" spans="14:14">
      <c r="N179157" s="10"/>
    </row>
    <row r="179158" spans="14:14">
      <c r="N179158" s="10"/>
    </row>
    <row r="179159" spans="14:14">
      <c r="N179159" s="10"/>
    </row>
    <row r="179160" spans="14:14">
      <c r="N179160" s="10"/>
    </row>
    <row r="179161" spans="14:14">
      <c r="N179161" s="10"/>
    </row>
    <row r="179162" spans="14:14">
      <c r="N179162" s="10"/>
    </row>
    <row r="179163" spans="14:14">
      <c r="N179163" s="10"/>
    </row>
    <row r="179164" spans="14:14">
      <c r="N179164" s="10"/>
    </row>
    <row r="179165" spans="14:14">
      <c r="N179165" s="10"/>
    </row>
    <row r="179166" spans="14:14">
      <c r="N179166" s="10"/>
    </row>
    <row r="179167" spans="14:14">
      <c r="N179167" s="10"/>
    </row>
    <row r="179168" spans="14:14">
      <c r="N179168" s="10"/>
    </row>
    <row r="179169" spans="14:14">
      <c r="N179169" s="10"/>
    </row>
    <row r="179170" spans="14:14">
      <c r="N179170" s="10"/>
    </row>
    <row r="179171" spans="14:14">
      <c r="N179171" s="10"/>
    </row>
    <row r="179172" spans="14:14">
      <c r="N179172" s="10"/>
    </row>
    <row r="179173" spans="14:14">
      <c r="N179173" s="10"/>
    </row>
    <row r="179174" spans="14:14">
      <c r="N179174" s="10"/>
    </row>
    <row r="179175" spans="14:14">
      <c r="N179175" s="10"/>
    </row>
    <row r="179176" spans="14:14">
      <c r="N179176" s="10"/>
    </row>
    <row r="179177" spans="14:14">
      <c r="N179177" s="10"/>
    </row>
    <row r="179178" spans="14:14">
      <c r="N179178" s="10"/>
    </row>
    <row r="179179" spans="14:14">
      <c r="N179179" s="10"/>
    </row>
    <row r="179180" spans="14:14">
      <c r="N179180" s="10"/>
    </row>
    <row r="179181" spans="14:14">
      <c r="N179181" s="10"/>
    </row>
    <row r="179182" spans="14:14">
      <c r="N179182" s="10"/>
    </row>
    <row r="179183" spans="14:14">
      <c r="N179183" s="10"/>
    </row>
    <row r="179184" spans="14:14">
      <c r="N179184" s="10"/>
    </row>
    <row r="179185" spans="14:14">
      <c r="N179185" s="10"/>
    </row>
    <row r="179186" spans="14:14">
      <c r="N179186" s="10"/>
    </row>
    <row r="179187" spans="14:14">
      <c r="N179187" s="10"/>
    </row>
    <row r="179188" spans="14:14">
      <c r="N179188" s="10"/>
    </row>
    <row r="179189" spans="14:14">
      <c r="N179189" s="10"/>
    </row>
    <row r="179190" spans="14:14">
      <c r="N179190" s="10"/>
    </row>
    <row r="179191" spans="14:14">
      <c r="N179191" s="10"/>
    </row>
    <row r="179192" spans="14:14">
      <c r="N179192" s="10"/>
    </row>
    <row r="179193" spans="14:14">
      <c r="N179193" s="10"/>
    </row>
    <row r="179194" spans="14:14">
      <c r="N179194" s="10"/>
    </row>
    <row r="179195" spans="14:14">
      <c r="N179195" s="10"/>
    </row>
    <row r="179196" spans="14:14">
      <c r="N179196" s="10"/>
    </row>
    <row r="179197" spans="14:14">
      <c r="N179197" s="10"/>
    </row>
    <row r="179198" spans="14:14">
      <c r="N179198" s="10"/>
    </row>
    <row r="179199" spans="14:14">
      <c r="N179199" s="10"/>
    </row>
    <row r="179200" spans="14:14">
      <c r="N179200" s="10"/>
    </row>
    <row r="179201" spans="14:14">
      <c r="N179201" s="10"/>
    </row>
    <row r="179202" spans="14:14">
      <c r="N179202" s="10"/>
    </row>
    <row r="179203" spans="14:14">
      <c r="N179203" s="10"/>
    </row>
    <row r="179204" spans="14:14">
      <c r="N179204" s="10"/>
    </row>
    <row r="179205" spans="14:14">
      <c r="N179205" s="10"/>
    </row>
    <row r="179206" spans="14:14">
      <c r="N179206" s="10"/>
    </row>
    <row r="179207" spans="14:14">
      <c r="N179207" s="10"/>
    </row>
    <row r="179208" spans="14:14">
      <c r="N179208" s="10"/>
    </row>
    <row r="179209" spans="14:14">
      <c r="N179209" s="10"/>
    </row>
    <row r="179210" spans="14:14">
      <c r="N179210" s="10"/>
    </row>
    <row r="179211" spans="14:14">
      <c r="N179211" s="10"/>
    </row>
    <row r="179212" spans="14:14">
      <c r="N179212" s="10"/>
    </row>
    <row r="179213" spans="14:14">
      <c r="N179213" s="10"/>
    </row>
    <row r="179214" spans="14:14">
      <c r="N179214" s="10"/>
    </row>
    <row r="179215" spans="14:14">
      <c r="N179215" s="10"/>
    </row>
    <row r="179216" spans="14:14">
      <c r="N179216" s="10"/>
    </row>
    <row r="179217" spans="14:14">
      <c r="N179217" s="10"/>
    </row>
    <row r="179218" spans="14:14">
      <c r="N179218" s="10"/>
    </row>
    <row r="179219" spans="14:14">
      <c r="N179219" s="10"/>
    </row>
    <row r="179220" spans="14:14">
      <c r="N179220" s="10"/>
    </row>
    <row r="179221" spans="14:14">
      <c r="N179221" s="10"/>
    </row>
    <row r="179222" spans="14:14">
      <c r="N179222" s="10"/>
    </row>
    <row r="179223" spans="14:14">
      <c r="N179223" s="10"/>
    </row>
    <row r="179224" spans="14:14">
      <c r="N179224" s="10"/>
    </row>
    <row r="179225" spans="14:14">
      <c r="N179225" s="10"/>
    </row>
    <row r="179226" spans="14:14">
      <c r="N179226" s="10"/>
    </row>
    <row r="179227" spans="14:14">
      <c r="N179227" s="10"/>
    </row>
    <row r="179228" spans="14:14">
      <c r="N179228" s="10"/>
    </row>
    <row r="179229" spans="14:14">
      <c r="N179229" s="10"/>
    </row>
    <row r="179230" spans="14:14">
      <c r="N179230" s="10"/>
    </row>
    <row r="179231" spans="14:14">
      <c r="N179231" s="10"/>
    </row>
    <row r="179232" spans="14:14">
      <c r="N179232" s="10"/>
    </row>
    <row r="179233" spans="14:14">
      <c r="N179233" s="10"/>
    </row>
    <row r="179234" spans="14:14">
      <c r="N179234" s="10"/>
    </row>
    <row r="179235" spans="14:14">
      <c r="N179235" s="10"/>
    </row>
    <row r="179236" spans="14:14">
      <c r="N179236" s="10"/>
    </row>
    <row r="179237" spans="14:14">
      <c r="N179237" s="10"/>
    </row>
    <row r="179238" spans="14:14">
      <c r="N179238" s="10"/>
    </row>
    <row r="179239" spans="14:14">
      <c r="N179239" s="10"/>
    </row>
    <row r="179240" spans="14:14">
      <c r="N179240" s="10"/>
    </row>
    <row r="179241" spans="14:14">
      <c r="N179241" s="10"/>
    </row>
    <row r="179242" spans="14:14">
      <c r="N179242" s="10"/>
    </row>
    <row r="179243" spans="14:14">
      <c r="N179243" s="10"/>
    </row>
    <row r="179244" spans="14:14">
      <c r="N179244" s="10"/>
    </row>
    <row r="179245" spans="14:14">
      <c r="N179245" s="10"/>
    </row>
    <row r="179246" spans="14:14">
      <c r="N179246" s="10"/>
    </row>
    <row r="179247" spans="14:14">
      <c r="N179247" s="10"/>
    </row>
    <row r="179248" spans="14:14">
      <c r="N179248" s="10"/>
    </row>
    <row r="179249" spans="14:14">
      <c r="N179249" s="10"/>
    </row>
    <row r="179250" spans="14:14">
      <c r="N179250" s="10"/>
    </row>
    <row r="179251" spans="14:14">
      <c r="N179251" s="10"/>
    </row>
    <row r="179252" spans="14:14">
      <c r="N179252" s="10"/>
    </row>
    <row r="179253" spans="14:14">
      <c r="N179253" s="10"/>
    </row>
    <row r="179254" spans="14:14">
      <c r="N179254" s="10"/>
    </row>
    <row r="179255" spans="14:14">
      <c r="N179255" s="10"/>
    </row>
    <row r="179256" spans="14:14">
      <c r="N179256" s="10"/>
    </row>
    <row r="179257" spans="14:14">
      <c r="N179257" s="10"/>
    </row>
    <row r="179258" spans="14:14">
      <c r="N179258" s="10"/>
    </row>
    <row r="179259" spans="14:14">
      <c r="N179259" s="10"/>
    </row>
    <row r="179260" spans="14:14">
      <c r="N179260" s="10"/>
    </row>
    <row r="179261" spans="14:14">
      <c r="N179261" s="10"/>
    </row>
    <row r="179262" spans="14:14">
      <c r="N179262" s="10"/>
    </row>
    <row r="179263" spans="14:14">
      <c r="N179263" s="10"/>
    </row>
    <row r="179264" spans="14:14">
      <c r="N179264" s="10"/>
    </row>
    <row r="179265" spans="14:14">
      <c r="N179265" s="10"/>
    </row>
    <row r="179266" spans="14:14">
      <c r="N179266" s="10"/>
    </row>
    <row r="179267" spans="14:14">
      <c r="N179267" s="10"/>
    </row>
    <row r="179268" spans="14:14">
      <c r="N179268" s="10"/>
    </row>
    <row r="179269" spans="14:14">
      <c r="N179269" s="10"/>
    </row>
    <row r="179270" spans="14:14">
      <c r="N179270" s="10"/>
    </row>
    <row r="179271" spans="14:14">
      <c r="N179271" s="10"/>
    </row>
    <row r="179272" spans="14:14">
      <c r="N179272" s="10"/>
    </row>
    <row r="179273" spans="14:14">
      <c r="N179273" s="10"/>
    </row>
    <row r="179274" spans="14:14">
      <c r="N179274" s="10"/>
    </row>
    <row r="179275" spans="14:14">
      <c r="N179275" s="10"/>
    </row>
    <row r="179276" spans="14:14">
      <c r="N179276" s="10"/>
    </row>
    <row r="179277" spans="14:14">
      <c r="N179277" s="10"/>
    </row>
    <row r="179278" spans="14:14">
      <c r="N179278" s="10"/>
    </row>
    <row r="179279" spans="14:14">
      <c r="N179279" s="10"/>
    </row>
    <row r="179280" spans="14:14">
      <c r="N179280" s="10"/>
    </row>
    <row r="179281" spans="14:14">
      <c r="N179281" s="10"/>
    </row>
    <row r="179282" spans="14:14">
      <c r="N179282" s="10"/>
    </row>
    <row r="179283" spans="14:14">
      <c r="N179283" s="10"/>
    </row>
    <row r="179284" spans="14:14">
      <c r="N179284" s="10"/>
    </row>
    <row r="179285" spans="14:14">
      <c r="N179285" s="10"/>
    </row>
    <row r="179286" spans="14:14">
      <c r="N179286" s="10"/>
    </row>
    <row r="179287" spans="14:14">
      <c r="N179287" s="10"/>
    </row>
    <row r="179288" spans="14:14">
      <c r="N179288" s="10"/>
    </row>
    <row r="179289" spans="14:14">
      <c r="N179289" s="10"/>
    </row>
    <row r="179290" spans="14:14">
      <c r="N179290" s="10"/>
    </row>
    <row r="179291" spans="14:14">
      <c r="N179291" s="10"/>
    </row>
    <row r="179292" spans="14:14">
      <c r="N179292" s="10"/>
    </row>
    <row r="179293" spans="14:14">
      <c r="N179293" s="10"/>
    </row>
    <row r="179294" spans="14:14">
      <c r="N179294" s="10"/>
    </row>
    <row r="179295" spans="14:14">
      <c r="N179295" s="10"/>
    </row>
    <row r="179296" spans="14:14">
      <c r="N179296" s="10"/>
    </row>
    <row r="179297" spans="14:14">
      <c r="N179297" s="10"/>
    </row>
    <row r="179298" spans="14:14">
      <c r="N179298" s="10"/>
    </row>
    <row r="179299" spans="14:14">
      <c r="N179299" s="10"/>
    </row>
    <row r="179300" spans="14:14">
      <c r="N179300" s="10"/>
    </row>
    <row r="179301" spans="14:14">
      <c r="N179301" s="10"/>
    </row>
    <row r="179302" spans="14:14">
      <c r="N179302" s="10"/>
    </row>
    <row r="179303" spans="14:14">
      <c r="N179303" s="10"/>
    </row>
    <row r="179304" spans="14:14">
      <c r="N179304" s="10"/>
    </row>
    <row r="179305" spans="14:14">
      <c r="N179305" s="10"/>
    </row>
    <row r="179306" spans="14:14">
      <c r="N179306" s="10"/>
    </row>
    <row r="179307" spans="14:14">
      <c r="N179307" s="10"/>
    </row>
    <row r="179308" spans="14:14">
      <c r="N179308" s="10"/>
    </row>
    <row r="179309" spans="14:14">
      <c r="N179309" s="10"/>
    </row>
    <row r="179310" spans="14:14">
      <c r="N179310" s="10"/>
    </row>
    <row r="179311" spans="14:14">
      <c r="N179311" s="10"/>
    </row>
    <row r="179312" spans="14:14">
      <c r="N179312" s="10"/>
    </row>
    <row r="179313" spans="14:14">
      <c r="N179313" s="10"/>
    </row>
    <row r="179314" spans="14:14">
      <c r="N179314" s="10"/>
    </row>
    <row r="179315" spans="14:14">
      <c r="N179315" s="10"/>
    </row>
    <row r="179316" spans="14:14">
      <c r="N179316" s="10"/>
    </row>
    <row r="179317" spans="14:14">
      <c r="N179317" s="10"/>
    </row>
    <row r="179318" spans="14:14">
      <c r="N179318" s="10"/>
    </row>
    <row r="179319" spans="14:14">
      <c r="N179319" s="10"/>
    </row>
    <row r="179320" spans="14:14">
      <c r="N179320" s="10"/>
    </row>
    <row r="179321" spans="14:14">
      <c r="N179321" s="10"/>
    </row>
    <row r="179322" spans="14:14">
      <c r="N179322" s="10"/>
    </row>
    <row r="179323" spans="14:14">
      <c r="N179323" s="10"/>
    </row>
    <row r="179324" spans="14:14">
      <c r="N179324" s="10"/>
    </row>
    <row r="179325" spans="14:14">
      <c r="N179325" s="10"/>
    </row>
    <row r="179326" spans="14:14">
      <c r="N179326" s="10"/>
    </row>
    <row r="179327" spans="14:14">
      <c r="N179327" s="10"/>
    </row>
    <row r="179328" spans="14:14">
      <c r="N179328" s="10"/>
    </row>
    <row r="179329" spans="14:14">
      <c r="N179329" s="10"/>
    </row>
    <row r="179330" spans="14:14">
      <c r="N179330" s="10"/>
    </row>
    <row r="179331" spans="14:14">
      <c r="N179331" s="10"/>
    </row>
    <row r="179332" spans="14:14">
      <c r="N179332" s="10"/>
    </row>
    <row r="179333" spans="14:14">
      <c r="N179333" s="10"/>
    </row>
    <row r="179334" spans="14:14">
      <c r="N179334" s="10"/>
    </row>
    <row r="179335" spans="14:14">
      <c r="N179335" s="10"/>
    </row>
    <row r="179336" spans="14:14">
      <c r="N179336" s="10"/>
    </row>
    <row r="179337" spans="14:14">
      <c r="N179337" s="10"/>
    </row>
    <row r="179338" spans="14:14">
      <c r="N179338" s="10"/>
    </row>
    <row r="179339" spans="14:14">
      <c r="N179339" s="10"/>
    </row>
    <row r="179340" spans="14:14">
      <c r="N179340" s="10"/>
    </row>
    <row r="179341" spans="14:14">
      <c r="N179341" s="10"/>
    </row>
    <row r="179342" spans="14:14">
      <c r="N179342" s="10"/>
    </row>
    <row r="179343" spans="14:14">
      <c r="N179343" s="10"/>
    </row>
    <row r="179344" spans="14:14">
      <c r="N179344" s="10"/>
    </row>
    <row r="179345" spans="14:14">
      <c r="N179345" s="10"/>
    </row>
    <row r="179346" spans="14:14">
      <c r="N179346" s="10"/>
    </row>
    <row r="179347" spans="14:14">
      <c r="N179347" s="10"/>
    </row>
    <row r="179348" spans="14:14">
      <c r="N179348" s="10"/>
    </row>
    <row r="179349" spans="14:14">
      <c r="N179349" s="10"/>
    </row>
    <row r="179350" spans="14:14">
      <c r="N179350" s="10"/>
    </row>
    <row r="179351" spans="14:14">
      <c r="N179351" s="10"/>
    </row>
    <row r="179352" spans="14:14">
      <c r="N179352" s="10"/>
    </row>
    <row r="179353" spans="14:14">
      <c r="N179353" s="10"/>
    </row>
    <row r="179354" spans="14:14">
      <c r="N179354" s="10"/>
    </row>
    <row r="179355" spans="14:14">
      <c r="N179355" s="10"/>
    </row>
    <row r="179356" spans="14:14">
      <c r="N179356" s="10"/>
    </row>
    <row r="179357" spans="14:14">
      <c r="N179357" s="10"/>
    </row>
    <row r="179358" spans="14:14">
      <c r="N179358" s="10"/>
    </row>
    <row r="179359" spans="14:14">
      <c r="N179359" s="10"/>
    </row>
    <row r="179360" spans="14:14">
      <c r="N179360" s="10"/>
    </row>
    <row r="179361" spans="14:14">
      <c r="N179361" s="10"/>
    </row>
    <row r="179362" spans="14:14">
      <c r="N179362" s="10"/>
    </row>
    <row r="179363" spans="14:14">
      <c r="N179363" s="10"/>
    </row>
    <row r="179364" spans="14:14">
      <c r="N179364" s="10"/>
    </row>
    <row r="179365" spans="14:14">
      <c r="N179365" s="10"/>
    </row>
    <row r="179366" spans="14:14">
      <c r="N179366" s="10"/>
    </row>
    <row r="179367" spans="14:14">
      <c r="N179367" s="10"/>
    </row>
    <row r="179368" spans="14:14">
      <c r="N179368" s="10"/>
    </row>
    <row r="179369" spans="14:14">
      <c r="N179369" s="10"/>
    </row>
    <row r="179370" spans="14:14">
      <c r="N179370" s="10"/>
    </row>
    <row r="179371" spans="14:14">
      <c r="N179371" s="10"/>
    </row>
    <row r="179372" spans="14:14">
      <c r="N179372" s="10"/>
    </row>
    <row r="179373" spans="14:14">
      <c r="N179373" s="10"/>
    </row>
    <row r="179374" spans="14:14">
      <c r="N179374" s="10"/>
    </row>
    <row r="179375" spans="14:14">
      <c r="N179375" s="10"/>
    </row>
    <row r="179376" spans="14:14">
      <c r="N179376" s="10"/>
    </row>
    <row r="179377" spans="14:14">
      <c r="N179377" s="10"/>
    </row>
    <row r="179378" spans="14:14">
      <c r="N179378" s="10"/>
    </row>
    <row r="179379" spans="14:14">
      <c r="N179379" s="10"/>
    </row>
    <row r="179380" spans="14:14">
      <c r="N179380" s="10"/>
    </row>
    <row r="179381" spans="14:14">
      <c r="N179381" s="10"/>
    </row>
    <row r="179382" spans="14:14">
      <c r="N179382" s="10"/>
    </row>
    <row r="179383" spans="14:14">
      <c r="N179383" s="10"/>
    </row>
    <row r="179384" spans="14:14">
      <c r="N179384" s="10"/>
    </row>
    <row r="179385" spans="14:14">
      <c r="N179385" s="10"/>
    </row>
    <row r="179386" spans="14:14">
      <c r="N179386" s="10"/>
    </row>
    <row r="179387" spans="14:14">
      <c r="N179387" s="10"/>
    </row>
    <row r="179388" spans="14:14">
      <c r="N179388" s="10"/>
    </row>
    <row r="179389" spans="14:14">
      <c r="N179389" s="10"/>
    </row>
    <row r="179390" spans="14:14">
      <c r="N179390" s="10"/>
    </row>
    <row r="179391" spans="14:14">
      <c r="N179391" s="10"/>
    </row>
    <row r="179392" spans="14:14">
      <c r="N179392" s="10"/>
    </row>
    <row r="179393" spans="14:14">
      <c r="N179393" s="10"/>
    </row>
    <row r="179394" spans="14:14">
      <c r="N179394" s="10"/>
    </row>
    <row r="179395" spans="14:14">
      <c r="N179395" s="10"/>
    </row>
    <row r="179396" spans="14:14">
      <c r="N179396" s="10"/>
    </row>
    <row r="179397" spans="14:14">
      <c r="N179397" s="10"/>
    </row>
    <row r="179398" spans="14:14">
      <c r="N179398" s="10"/>
    </row>
    <row r="179399" spans="14:14">
      <c r="N179399" s="10"/>
    </row>
    <row r="179400" spans="14:14">
      <c r="N179400" s="10"/>
    </row>
    <row r="179401" spans="14:14">
      <c r="N179401" s="10"/>
    </row>
    <row r="179402" spans="14:14">
      <c r="N179402" s="10"/>
    </row>
    <row r="179403" spans="14:14">
      <c r="N179403" s="10"/>
    </row>
    <row r="179404" spans="14:14">
      <c r="N179404" s="10"/>
    </row>
    <row r="179405" spans="14:14">
      <c r="N179405" s="10"/>
    </row>
    <row r="179406" spans="14:14">
      <c r="N179406" s="10"/>
    </row>
    <row r="179407" spans="14:14">
      <c r="N179407" s="10"/>
    </row>
    <row r="179408" spans="14:14">
      <c r="N179408" s="10"/>
    </row>
    <row r="179409" spans="14:14">
      <c r="N179409" s="10"/>
    </row>
    <row r="179410" spans="14:14">
      <c r="N179410" s="10"/>
    </row>
    <row r="179411" spans="14:14">
      <c r="N179411" s="10"/>
    </row>
    <row r="179412" spans="14:14">
      <c r="N179412" s="10"/>
    </row>
    <row r="179413" spans="14:14">
      <c r="N179413" s="10"/>
    </row>
    <row r="179414" spans="14:14">
      <c r="N179414" s="10"/>
    </row>
    <row r="179415" spans="14:14">
      <c r="N179415" s="10"/>
    </row>
    <row r="179416" spans="14:14">
      <c r="N179416" s="10"/>
    </row>
    <row r="179417" spans="14:14">
      <c r="N179417" s="10"/>
    </row>
    <row r="179418" spans="14:14">
      <c r="N179418" s="10"/>
    </row>
    <row r="179419" spans="14:14">
      <c r="N179419" s="10"/>
    </row>
    <row r="179420" spans="14:14">
      <c r="N179420" s="10"/>
    </row>
    <row r="179421" spans="14:14">
      <c r="N179421" s="10"/>
    </row>
    <row r="179422" spans="14:14">
      <c r="N179422" s="10"/>
    </row>
    <row r="179423" spans="14:14">
      <c r="N179423" s="10"/>
    </row>
    <row r="179424" spans="14:14">
      <c r="N179424" s="10"/>
    </row>
    <row r="179425" spans="14:14">
      <c r="N179425" s="10"/>
    </row>
    <row r="179426" spans="14:14">
      <c r="N179426" s="10"/>
    </row>
    <row r="179427" spans="14:14">
      <c r="N179427" s="10"/>
    </row>
    <row r="179428" spans="14:14">
      <c r="N179428" s="10"/>
    </row>
    <row r="179429" spans="14:14">
      <c r="N179429" s="10"/>
    </row>
    <row r="179430" spans="14:14">
      <c r="N179430" s="10"/>
    </row>
    <row r="179431" spans="14:14">
      <c r="N179431" s="10"/>
    </row>
    <row r="179432" spans="14:14">
      <c r="N179432" s="10"/>
    </row>
    <row r="179433" spans="14:14">
      <c r="N179433" s="10"/>
    </row>
    <row r="179434" spans="14:14">
      <c r="N179434" s="10"/>
    </row>
    <row r="179435" spans="14:14">
      <c r="N179435" s="10"/>
    </row>
    <row r="179436" spans="14:14">
      <c r="N179436" s="10"/>
    </row>
    <row r="179437" spans="14:14">
      <c r="N179437" s="10"/>
    </row>
    <row r="179438" spans="14:14">
      <c r="N179438" s="10"/>
    </row>
    <row r="179439" spans="14:14">
      <c r="N179439" s="10"/>
    </row>
    <row r="179440" spans="14:14">
      <c r="N179440" s="10"/>
    </row>
    <row r="179441" spans="14:14">
      <c r="N179441" s="10"/>
    </row>
    <row r="179442" spans="14:14">
      <c r="N179442" s="10"/>
    </row>
    <row r="179443" spans="14:14">
      <c r="N179443" s="10"/>
    </row>
    <row r="179444" spans="14:14">
      <c r="N179444" s="10"/>
    </row>
    <row r="179445" spans="14:14">
      <c r="N179445" s="10"/>
    </row>
    <row r="179446" spans="14:14">
      <c r="N179446" s="10"/>
    </row>
    <row r="179447" spans="14:14">
      <c r="N179447" s="10"/>
    </row>
    <row r="179448" spans="14:14">
      <c r="N179448" s="10"/>
    </row>
    <row r="179449" spans="14:14">
      <c r="N179449" s="10"/>
    </row>
    <row r="179450" spans="14:14">
      <c r="N179450" s="10"/>
    </row>
    <row r="179451" spans="14:14">
      <c r="N179451" s="10"/>
    </row>
    <row r="179452" spans="14:14">
      <c r="N179452" s="10"/>
    </row>
    <row r="179453" spans="14:14">
      <c r="N179453" s="10"/>
    </row>
    <row r="179454" spans="14:14">
      <c r="N179454" s="10"/>
    </row>
    <row r="179455" spans="14:14">
      <c r="N179455" s="10"/>
    </row>
    <row r="179456" spans="14:14">
      <c r="N179456" s="10"/>
    </row>
    <row r="179457" spans="14:14">
      <c r="N179457" s="10"/>
    </row>
    <row r="179458" spans="14:14">
      <c r="N179458" s="10"/>
    </row>
    <row r="179459" spans="14:14">
      <c r="N179459" s="10"/>
    </row>
    <row r="179460" spans="14:14">
      <c r="N179460" s="10"/>
    </row>
    <row r="179461" spans="14:14">
      <c r="N179461" s="10"/>
    </row>
    <row r="179462" spans="14:14">
      <c r="N179462" s="10"/>
    </row>
    <row r="179463" spans="14:14">
      <c r="N179463" s="10"/>
    </row>
    <row r="179464" spans="14:14">
      <c r="N179464" s="10"/>
    </row>
    <row r="179465" spans="14:14">
      <c r="N179465" s="10"/>
    </row>
    <row r="179466" spans="14:14">
      <c r="N179466" s="10"/>
    </row>
    <row r="179467" spans="14:14">
      <c r="N179467" s="10"/>
    </row>
    <row r="179468" spans="14:14">
      <c r="N179468" s="10"/>
    </row>
    <row r="179469" spans="14:14">
      <c r="N179469" s="10"/>
    </row>
    <row r="179470" spans="14:14">
      <c r="N179470" s="10"/>
    </row>
    <row r="179471" spans="14:14">
      <c r="N179471" s="10"/>
    </row>
    <row r="179472" spans="14:14">
      <c r="N179472" s="10"/>
    </row>
    <row r="179473" spans="14:14">
      <c r="N179473" s="10"/>
    </row>
    <row r="179474" spans="14:14">
      <c r="N179474" s="10"/>
    </row>
    <row r="179475" spans="14:14">
      <c r="N179475" s="10"/>
    </row>
    <row r="179476" spans="14:14">
      <c r="N179476" s="10"/>
    </row>
    <row r="179477" spans="14:14">
      <c r="N179477" s="10"/>
    </row>
    <row r="179478" spans="14:14">
      <c r="N179478" s="10"/>
    </row>
    <row r="179479" spans="14:14">
      <c r="N179479" s="10"/>
    </row>
    <row r="179480" spans="14:14">
      <c r="N179480" s="10"/>
    </row>
    <row r="179481" spans="14:14">
      <c r="N179481" s="10"/>
    </row>
    <row r="179482" spans="14:14">
      <c r="N179482" s="10"/>
    </row>
    <row r="179483" spans="14:14">
      <c r="N179483" s="10"/>
    </row>
    <row r="179484" spans="14:14">
      <c r="N179484" s="10"/>
    </row>
    <row r="179485" spans="14:14">
      <c r="N179485" s="10"/>
    </row>
    <row r="179486" spans="14:14">
      <c r="N179486" s="10"/>
    </row>
    <row r="179487" spans="14:14">
      <c r="N179487" s="10"/>
    </row>
    <row r="179488" spans="14:14">
      <c r="N179488" s="10"/>
    </row>
    <row r="179489" spans="14:14">
      <c r="N179489" s="10"/>
    </row>
    <row r="179490" spans="14:14">
      <c r="N179490" s="10"/>
    </row>
    <row r="179491" spans="14:14">
      <c r="N179491" s="10"/>
    </row>
    <row r="179492" spans="14:14">
      <c r="N179492" s="10"/>
    </row>
    <row r="179493" spans="14:14">
      <c r="N179493" s="10"/>
    </row>
    <row r="179494" spans="14:14">
      <c r="N179494" s="10"/>
    </row>
    <row r="179495" spans="14:14">
      <c r="N179495" s="10"/>
    </row>
    <row r="179496" spans="14:14">
      <c r="N179496" s="10"/>
    </row>
    <row r="179497" spans="14:14">
      <c r="N179497" s="10"/>
    </row>
    <row r="179498" spans="14:14">
      <c r="N179498" s="10"/>
    </row>
    <row r="179499" spans="14:14">
      <c r="N179499" s="10"/>
    </row>
    <row r="179500" spans="14:14">
      <c r="N179500" s="10"/>
    </row>
    <row r="179501" spans="14:14">
      <c r="N179501" s="10"/>
    </row>
    <row r="179502" spans="14:14">
      <c r="N179502" s="10"/>
    </row>
    <row r="179503" spans="14:14">
      <c r="N179503" s="10"/>
    </row>
    <row r="179504" spans="14:14">
      <c r="N179504" s="10"/>
    </row>
    <row r="179505" spans="14:14">
      <c r="N179505" s="10"/>
    </row>
    <row r="179506" spans="14:14">
      <c r="N179506" s="10"/>
    </row>
    <row r="179507" spans="14:14">
      <c r="N179507" s="10"/>
    </row>
    <row r="179508" spans="14:14">
      <c r="N179508" s="10"/>
    </row>
    <row r="179509" spans="14:14">
      <c r="N179509" s="10"/>
    </row>
    <row r="179510" spans="14:14">
      <c r="N179510" s="10"/>
    </row>
    <row r="179511" spans="14:14">
      <c r="N179511" s="10"/>
    </row>
    <row r="179512" spans="14:14">
      <c r="N179512" s="10"/>
    </row>
    <row r="179513" spans="14:14">
      <c r="N179513" s="10"/>
    </row>
    <row r="179514" spans="14:14">
      <c r="N179514" s="10"/>
    </row>
    <row r="179515" spans="14:14">
      <c r="N179515" s="10"/>
    </row>
    <row r="179516" spans="14:14">
      <c r="N179516" s="10"/>
    </row>
    <row r="179517" spans="14:14">
      <c r="N179517" s="10"/>
    </row>
    <row r="179518" spans="14:14">
      <c r="N179518" s="10"/>
    </row>
    <row r="179519" spans="14:14">
      <c r="N179519" s="10"/>
    </row>
    <row r="179520" spans="14:14">
      <c r="N179520" s="10"/>
    </row>
    <row r="179521" spans="14:14">
      <c r="N179521" s="10"/>
    </row>
    <row r="179522" spans="14:14">
      <c r="N179522" s="10"/>
    </row>
    <row r="179523" spans="14:14">
      <c r="N179523" s="10"/>
    </row>
    <row r="179524" spans="14:14">
      <c r="N179524" s="10"/>
    </row>
    <row r="179525" spans="14:14">
      <c r="N179525" s="10"/>
    </row>
    <row r="179526" spans="14:14">
      <c r="N179526" s="10"/>
    </row>
    <row r="179527" spans="14:14">
      <c r="N179527" s="10"/>
    </row>
    <row r="179528" spans="14:14">
      <c r="N179528" s="10"/>
    </row>
    <row r="179529" spans="14:14">
      <c r="N179529" s="10"/>
    </row>
    <row r="179530" spans="14:14">
      <c r="N179530" s="10"/>
    </row>
    <row r="179531" spans="14:14">
      <c r="N179531" s="10"/>
    </row>
    <row r="179532" spans="14:14">
      <c r="N179532" s="10"/>
    </row>
    <row r="179533" spans="14:14">
      <c r="N179533" s="10"/>
    </row>
    <row r="179534" spans="14:14">
      <c r="N179534" s="10"/>
    </row>
    <row r="179535" spans="14:14">
      <c r="N179535" s="10"/>
    </row>
    <row r="179536" spans="14:14">
      <c r="N179536" s="10"/>
    </row>
    <row r="179537" spans="14:14">
      <c r="N179537" s="10"/>
    </row>
    <row r="179538" spans="14:14">
      <c r="N179538" s="10"/>
    </row>
    <row r="179539" spans="14:14">
      <c r="N179539" s="10"/>
    </row>
    <row r="179540" spans="14:14">
      <c r="N179540" s="10"/>
    </row>
    <row r="179541" spans="14:14">
      <c r="N179541" s="10"/>
    </row>
    <row r="179542" spans="14:14">
      <c r="N179542" s="10"/>
    </row>
    <row r="179543" spans="14:14">
      <c r="N179543" s="10"/>
    </row>
    <row r="179544" spans="14:14">
      <c r="N179544" s="10"/>
    </row>
    <row r="179545" spans="14:14">
      <c r="N179545" s="10"/>
    </row>
    <row r="179546" spans="14:14">
      <c r="N179546" s="10"/>
    </row>
    <row r="179547" spans="14:14">
      <c r="N179547" s="10"/>
    </row>
    <row r="179548" spans="14:14">
      <c r="N179548" s="10"/>
    </row>
    <row r="179549" spans="14:14">
      <c r="N179549" s="10"/>
    </row>
    <row r="179550" spans="14:14">
      <c r="N179550" s="10"/>
    </row>
    <row r="179551" spans="14:14">
      <c r="N179551" s="10"/>
    </row>
    <row r="179552" spans="14:14">
      <c r="N179552" s="10"/>
    </row>
    <row r="179553" spans="14:14">
      <c r="N179553" s="10"/>
    </row>
    <row r="179554" spans="14:14">
      <c r="N179554" s="10"/>
    </row>
    <row r="179555" spans="14:14">
      <c r="N179555" s="10"/>
    </row>
    <row r="179556" spans="14:14">
      <c r="N179556" s="10"/>
    </row>
    <row r="179557" spans="14:14">
      <c r="N179557" s="10"/>
    </row>
    <row r="179558" spans="14:14">
      <c r="N179558" s="10"/>
    </row>
    <row r="179559" spans="14:14">
      <c r="N179559" s="10"/>
    </row>
    <row r="179560" spans="14:14">
      <c r="N179560" s="10"/>
    </row>
    <row r="179561" spans="14:14">
      <c r="N179561" s="10"/>
    </row>
    <row r="179562" spans="14:14">
      <c r="N179562" s="10"/>
    </row>
    <row r="179563" spans="14:14">
      <c r="N179563" s="10"/>
    </row>
    <row r="179564" spans="14:14">
      <c r="N179564" s="10"/>
    </row>
    <row r="179565" spans="14:14">
      <c r="N179565" s="10"/>
    </row>
    <row r="179566" spans="14:14">
      <c r="N179566" s="10"/>
    </row>
    <row r="179567" spans="14:14">
      <c r="N179567" s="10"/>
    </row>
    <row r="179568" spans="14:14">
      <c r="N179568" s="10"/>
    </row>
    <row r="179569" spans="14:14">
      <c r="N179569" s="10"/>
    </row>
    <row r="179570" spans="14:14">
      <c r="N179570" s="10"/>
    </row>
    <row r="179571" spans="14:14">
      <c r="N179571" s="10"/>
    </row>
    <row r="179572" spans="14:14">
      <c r="N179572" s="10"/>
    </row>
    <row r="179573" spans="14:14">
      <c r="N179573" s="10"/>
    </row>
    <row r="179574" spans="14:14">
      <c r="N179574" s="10"/>
    </row>
    <row r="179575" spans="14:14">
      <c r="N179575" s="10"/>
    </row>
    <row r="179576" spans="14:14">
      <c r="N179576" s="10"/>
    </row>
    <row r="179577" spans="14:14">
      <c r="N179577" s="10"/>
    </row>
    <row r="179578" spans="14:14">
      <c r="N179578" s="10"/>
    </row>
    <row r="179579" spans="14:14">
      <c r="N179579" s="10"/>
    </row>
    <row r="179580" spans="14:14">
      <c r="N179580" s="10"/>
    </row>
    <row r="179581" spans="14:14">
      <c r="N179581" s="10"/>
    </row>
    <row r="179582" spans="14:14">
      <c r="N179582" s="10"/>
    </row>
    <row r="179583" spans="14:14">
      <c r="N179583" s="10"/>
    </row>
    <row r="179584" spans="14:14">
      <c r="N179584" s="10"/>
    </row>
    <row r="179585" spans="14:14">
      <c r="N179585" s="10"/>
    </row>
    <row r="179586" spans="14:14">
      <c r="N179586" s="10"/>
    </row>
    <row r="179587" spans="14:14">
      <c r="N179587" s="10"/>
    </row>
    <row r="179588" spans="14:14">
      <c r="N179588" s="10"/>
    </row>
    <row r="179589" spans="14:14">
      <c r="N179589" s="10"/>
    </row>
    <row r="179590" spans="14:14">
      <c r="N179590" s="10"/>
    </row>
    <row r="179591" spans="14:14">
      <c r="N179591" s="10"/>
    </row>
    <row r="179592" spans="14:14">
      <c r="N179592" s="10"/>
    </row>
    <row r="179593" spans="14:14">
      <c r="N179593" s="10"/>
    </row>
    <row r="179594" spans="14:14">
      <c r="N179594" s="10"/>
    </row>
    <row r="179595" spans="14:14">
      <c r="N179595" s="10"/>
    </row>
    <row r="179596" spans="14:14">
      <c r="N179596" s="10"/>
    </row>
    <row r="179597" spans="14:14">
      <c r="N179597" s="10"/>
    </row>
    <row r="179598" spans="14:14">
      <c r="N179598" s="10"/>
    </row>
    <row r="179599" spans="14:14">
      <c r="N179599" s="10"/>
    </row>
    <row r="179600" spans="14:14">
      <c r="N179600" s="10"/>
    </row>
    <row r="179601" spans="14:14">
      <c r="N179601" s="10"/>
    </row>
    <row r="179602" spans="14:14">
      <c r="N179602" s="10"/>
    </row>
    <row r="179603" spans="14:14">
      <c r="N179603" s="10"/>
    </row>
    <row r="179604" spans="14:14">
      <c r="N179604" s="10"/>
    </row>
    <row r="179605" spans="14:14">
      <c r="N179605" s="10"/>
    </row>
    <row r="179606" spans="14:14">
      <c r="N179606" s="10"/>
    </row>
    <row r="179607" spans="14:14">
      <c r="N179607" s="10"/>
    </row>
    <row r="179608" spans="14:14">
      <c r="N179608" s="10"/>
    </row>
    <row r="179609" spans="14:14">
      <c r="N179609" s="10"/>
    </row>
    <row r="179610" spans="14:14">
      <c r="N179610" s="10"/>
    </row>
    <row r="179611" spans="14:14">
      <c r="N179611" s="10"/>
    </row>
    <row r="179612" spans="14:14">
      <c r="N179612" s="10"/>
    </row>
    <row r="179613" spans="14:14">
      <c r="N179613" s="10"/>
    </row>
    <row r="179614" spans="14:14">
      <c r="N179614" s="10"/>
    </row>
    <row r="179615" spans="14:14">
      <c r="N179615" s="10"/>
    </row>
    <row r="179616" spans="14:14">
      <c r="N179616" s="10"/>
    </row>
    <row r="179617" spans="14:14">
      <c r="N179617" s="10"/>
    </row>
    <row r="179618" spans="14:14">
      <c r="N179618" s="10"/>
    </row>
    <row r="179619" spans="14:14">
      <c r="N179619" s="10"/>
    </row>
    <row r="179620" spans="14:14">
      <c r="N179620" s="10"/>
    </row>
    <row r="179621" spans="14:14">
      <c r="N179621" s="10"/>
    </row>
    <row r="179622" spans="14:14">
      <c r="N179622" s="10"/>
    </row>
    <row r="179623" spans="14:14">
      <c r="N179623" s="10"/>
    </row>
    <row r="179624" spans="14:14">
      <c r="N179624" s="10"/>
    </row>
    <row r="179625" spans="14:14">
      <c r="N179625" s="10"/>
    </row>
    <row r="179626" spans="14:14">
      <c r="N179626" s="10"/>
    </row>
    <row r="179627" spans="14:14">
      <c r="N179627" s="10"/>
    </row>
    <row r="179628" spans="14:14">
      <c r="N179628" s="10"/>
    </row>
    <row r="179629" spans="14:14">
      <c r="N179629" s="10"/>
    </row>
    <row r="179630" spans="14:14">
      <c r="N179630" s="10"/>
    </row>
    <row r="179631" spans="14:14">
      <c r="N179631" s="10"/>
    </row>
    <row r="179632" spans="14:14">
      <c r="N179632" s="10"/>
    </row>
    <row r="179633" spans="14:14">
      <c r="N179633" s="10"/>
    </row>
    <row r="179634" spans="14:14">
      <c r="N179634" s="10"/>
    </row>
    <row r="179635" spans="14:14">
      <c r="N179635" s="10"/>
    </row>
    <row r="179636" spans="14:14">
      <c r="N179636" s="10"/>
    </row>
    <row r="179637" spans="14:14">
      <c r="N179637" s="10"/>
    </row>
    <row r="179638" spans="14:14">
      <c r="N179638" s="10"/>
    </row>
    <row r="179639" spans="14:14">
      <c r="N179639" s="10"/>
    </row>
    <row r="179640" spans="14:14">
      <c r="N179640" s="10"/>
    </row>
    <row r="179641" spans="14:14">
      <c r="N179641" s="10"/>
    </row>
    <row r="179642" spans="14:14">
      <c r="N179642" s="10"/>
    </row>
    <row r="179643" spans="14:14">
      <c r="N179643" s="10"/>
    </row>
    <row r="179644" spans="14:14">
      <c r="N179644" s="10"/>
    </row>
    <row r="179645" spans="14:14">
      <c r="N179645" s="10"/>
    </row>
    <row r="179646" spans="14:14">
      <c r="N179646" s="10"/>
    </row>
    <row r="179647" spans="14:14">
      <c r="N179647" s="10"/>
    </row>
    <row r="179648" spans="14:14">
      <c r="N179648" s="10"/>
    </row>
    <row r="179649" spans="14:14">
      <c r="N179649" s="10"/>
    </row>
    <row r="179650" spans="14:14">
      <c r="N179650" s="10"/>
    </row>
    <row r="179651" spans="14:14">
      <c r="N179651" s="10"/>
    </row>
    <row r="179652" spans="14:14">
      <c r="N179652" s="10"/>
    </row>
    <row r="179653" spans="14:14">
      <c r="N179653" s="10"/>
    </row>
    <row r="179654" spans="14:14">
      <c r="N179654" s="10"/>
    </row>
    <row r="179655" spans="14:14">
      <c r="N179655" s="10"/>
    </row>
    <row r="179656" spans="14:14">
      <c r="N179656" s="10"/>
    </row>
    <row r="179657" spans="14:14">
      <c r="N179657" s="10"/>
    </row>
    <row r="179658" spans="14:14">
      <c r="N179658" s="10"/>
    </row>
    <row r="179659" spans="14:14">
      <c r="N179659" s="10"/>
    </row>
    <row r="179660" spans="14:14">
      <c r="N179660" s="10"/>
    </row>
    <row r="179661" spans="14:14">
      <c r="N179661" s="10"/>
    </row>
    <row r="179662" spans="14:14">
      <c r="N179662" s="10"/>
    </row>
    <row r="179663" spans="14:14">
      <c r="N179663" s="10"/>
    </row>
    <row r="179664" spans="14:14">
      <c r="N179664" s="10"/>
    </row>
    <row r="179665" spans="14:14">
      <c r="N179665" s="10"/>
    </row>
    <row r="179666" spans="14:14">
      <c r="N179666" s="10"/>
    </row>
    <row r="179667" spans="14:14">
      <c r="N179667" s="10"/>
    </row>
    <row r="179668" spans="14:14">
      <c r="N179668" s="10"/>
    </row>
    <row r="179669" spans="14:14">
      <c r="N179669" s="10"/>
    </row>
    <row r="179670" spans="14:14">
      <c r="N179670" s="10"/>
    </row>
    <row r="179671" spans="14:14">
      <c r="N179671" s="10"/>
    </row>
    <row r="179672" spans="14:14">
      <c r="N179672" s="10"/>
    </row>
    <row r="179673" spans="14:14">
      <c r="N179673" s="10"/>
    </row>
    <row r="179674" spans="14:14">
      <c r="N179674" s="10"/>
    </row>
    <row r="179675" spans="14:14">
      <c r="N179675" s="10"/>
    </row>
    <row r="179676" spans="14:14">
      <c r="N179676" s="10"/>
    </row>
    <row r="179677" spans="14:14">
      <c r="N179677" s="10"/>
    </row>
    <row r="179678" spans="14:14">
      <c r="N179678" s="10"/>
    </row>
    <row r="179679" spans="14:14">
      <c r="N179679" s="10"/>
    </row>
    <row r="179680" spans="14:14">
      <c r="N179680" s="10"/>
    </row>
    <row r="179681" spans="14:14">
      <c r="N179681" s="10"/>
    </row>
    <row r="179682" spans="14:14">
      <c r="N179682" s="10"/>
    </row>
    <row r="179683" spans="14:14">
      <c r="N179683" s="10"/>
    </row>
    <row r="179684" spans="14:14">
      <c r="N179684" s="10"/>
    </row>
    <row r="179685" spans="14:14">
      <c r="N179685" s="10"/>
    </row>
    <row r="179686" spans="14:14">
      <c r="N179686" s="10"/>
    </row>
    <row r="179687" spans="14:14">
      <c r="N179687" s="10"/>
    </row>
    <row r="179688" spans="14:14">
      <c r="N179688" s="10"/>
    </row>
    <row r="179689" spans="14:14">
      <c r="N179689" s="10"/>
    </row>
    <row r="179690" spans="14:14">
      <c r="N179690" s="10"/>
    </row>
    <row r="179691" spans="14:14">
      <c r="N179691" s="10"/>
    </row>
    <row r="179692" spans="14:14">
      <c r="N179692" s="10"/>
    </row>
    <row r="179693" spans="14:14">
      <c r="N179693" s="10"/>
    </row>
    <row r="179694" spans="14:14">
      <c r="N179694" s="10"/>
    </row>
    <row r="179695" spans="14:14">
      <c r="N179695" s="10"/>
    </row>
    <row r="179696" spans="14:14">
      <c r="N179696" s="10"/>
    </row>
    <row r="179697" spans="14:14">
      <c r="N179697" s="10"/>
    </row>
    <row r="179698" spans="14:14">
      <c r="N179698" s="10"/>
    </row>
    <row r="179699" spans="14:14">
      <c r="N179699" s="10"/>
    </row>
    <row r="179700" spans="14:14">
      <c r="N179700" s="10"/>
    </row>
    <row r="179701" spans="14:14">
      <c r="N179701" s="10"/>
    </row>
    <row r="179702" spans="14:14">
      <c r="N179702" s="10"/>
    </row>
    <row r="179703" spans="14:14">
      <c r="N179703" s="10"/>
    </row>
    <row r="179704" spans="14:14">
      <c r="N179704" s="10"/>
    </row>
    <row r="179705" spans="14:14">
      <c r="N179705" s="10"/>
    </row>
    <row r="179706" spans="14:14">
      <c r="N179706" s="10"/>
    </row>
    <row r="179707" spans="14:14">
      <c r="N179707" s="10"/>
    </row>
    <row r="179708" spans="14:14">
      <c r="N179708" s="10"/>
    </row>
    <row r="179709" spans="14:14">
      <c r="N179709" s="10"/>
    </row>
    <row r="179710" spans="14:14">
      <c r="N179710" s="10"/>
    </row>
    <row r="179711" spans="14:14">
      <c r="N179711" s="10"/>
    </row>
    <row r="179712" spans="14:14">
      <c r="N179712" s="10"/>
    </row>
    <row r="179713" spans="14:14">
      <c r="N179713" s="10"/>
    </row>
    <row r="179714" spans="14:14">
      <c r="N179714" s="10"/>
    </row>
    <row r="179715" spans="14:14">
      <c r="N179715" s="10"/>
    </row>
    <row r="179716" spans="14:14">
      <c r="N179716" s="10"/>
    </row>
    <row r="179717" spans="14:14">
      <c r="N179717" s="10"/>
    </row>
    <row r="179718" spans="14:14">
      <c r="N179718" s="10"/>
    </row>
    <row r="179719" spans="14:14">
      <c r="N179719" s="10"/>
    </row>
    <row r="179720" spans="14:14">
      <c r="N179720" s="10"/>
    </row>
    <row r="179721" spans="14:14">
      <c r="N179721" s="10"/>
    </row>
    <row r="179722" spans="14:14">
      <c r="N179722" s="10"/>
    </row>
    <row r="179723" spans="14:14">
      <c r="N179723" s="10"/>
    </row>
    <row r="179724" spans="14:14">
      <c r="N179724" s="10"/>
    </row>
    <row r="179725" spans="14:14">
      <c r="N179725" s="10"/>
    </row>
    <row r="179726" spans="14:14">
      <c r="N179726" s="10"/>
    </row>
    <row r="179727" spans="14:14">
      <c r="N179727" s="10"/>
    </row>
    <row r="179728" spans="14:14">
      <c r="N179728" s="10"/>
    </row>
    <row r="179729" spans="14:14">
      <c r="N179729" s="10"/>
    </row>
    <row r="179730" spans="14:14">
      <c r="N179730" s="10"/>
    </row>
    <row r="179731" spans="14:14">
      <c r="N179731" s="10"/>
    </row>
    <row r="179732" spans="14:14">
      <c r="N179732" s="10"/>
    </row>
    <row r="179733" spans="14:14">
      <c r="N179733" s="10"/>
    </row>
    <row r="179734" spans="14:14">
      <c r="N179734" s="10"/>
    </row>
    <row r="179735" spans="14:14">
      <c r="N179735" s="10"/>
    </row>
    <row r="179736" spans="14:14">
      <c r="N179736" s="10"/>
    </row>
    <row r="179737" spans="14:14">
      <c r="N179737" s="10"/>
    </row>
    <row r="179738" spans="14:14">
      <c r="N179738" s="10"/>
    </row>
    <row r="179739" spans="14:14">
      <c r="N179739" s="10"/>
    </row>
    <row r="179740" spans="14:14">
      <c r="N179740" s="10"/>
    </row>
    <row r="179741" spans="14:14">
      <c r="N179741" s="10"/>
    </row>
    <row r="179742" spans="14:14">
      <c r="N179742" s="10"/>
    </row>
    <row r="179743" spans="14:14">
      <c r="N179743" s="10"/>
    </row>
    <row r="179744" spans="14:14">
      <c r="N179744" s="10"/>
    </row>
    <row r="179745" spans="14:14">
      <c r="N179745" s="10"/>
    </row>
    <row r="179746" spans="14:14">
      <c r="N179746" s="10"/>
    </row>
    <row r="179747" spans="14:14">
      <c r="N179747" s="10"/>
    </row>
    <row r="179748" spans="14:14">
      <c r="N179748" s="10"/>
    </row>
    <row r="179749" spans="14:14">
      <c r="N179749" s="10"/>
    </row>
    <row r="179750" spans="14:14">
      <c r="N179750" s="10"/>
    </row>
    <row r="179751" spans="14:14">
      <c r="N179751" s="10"/>
    </row>
    <row r="179752" spans="14:14">
      <c r="N179752" s="10"/>
    </row>
    <row r="179753" spans="14:14">
      <c r="N179753" s="10"/>
    </row>
    <row r="179754" spans="14:14">
      <c r="N179754" s="10"/>
    </row>
    <row r="179755" spans="14:14">
      <c r="N179755" s="10"/>
    </row>
    <row r="179756" spans="14:14">
      <c r="N179756" s="10"/>
    </row>
    <row r="179757" spans="14:14">
      <c r="N179757" s="10"/>
    </row>
    <row r="179758" spans="14:14">
      <c r="N179758" s="10"/>
    </row>
    <row r="179759" spans="14:14">
      <c r="N179759" s="10"/>
    </row>
    <row r="179760" spans="14:14">
      <c r="N179760" s="10"/>
    </row>
    <row r="179761" spans="14:14">
      <c r="N179761" s="10"/>
    </row>
    <row r="179762" spans="14:14">
      <c r="N179762" s="10"/>
    </row>
    <row r="179763" spans="14:14">
      <c r="N179763" s="10"/>
    </row>
    <row r="179764" spans="14:14">
      <c r="N179764" s="10"/>
    </row>
    <row r="179765" spans="14:14">
      <c r="N179765" s="10"/>
    </row>
    <row r="179766" spans="14:14">
      <c r="N179766" s="10"/>
    </row>
    <row r="179767" spans="14:14">
      <c r="N179767" s="10"/>
    </row>
    <row r="179768" spans="14:14">
      <c r="N179768" s="10"/>
    </row>
    <row r="179769" spans="14:14">
      <c r="N179769" s="10"/>
    </row>
    <row r="179770" spans="14:14">
      <c r="N179770" s="10"/>
    </row>
    <row r="179771" spans="14:14">
      <c r="N179771" s="10"/>
    </row>
    <row r="179772" spans="14:14">
      <c r="N179772" s="10"/>
    </row>
    <row r="179773" spans="14:14">
      <c r="N179773" s="10"/>
    </row>
    <row r="179774" spans="14:14">
      <c r="N179774" s="10"/>
    </row>
    <row r="179775" spans="14:14">
      <c r="N179775" s="10"/>
    </row>
    <row r="179776" spans="14:14">
      <c r="N179776" s="10"/>
    </row>
    <row r="179777" spans="14:14">
      <c r="N179777" s="10"/>
    </row>
    <row r="179778" spans="14:14">
      <c r="N179778" s="10"/>
    </row>
    <row r="179779" spans="14:14">
      <c r="N179779" s="10"/>
    </row>
    <row r="179780" spans="14:14">
      <c r="N179780" s="10"/>
    </row>
    <row r="179781" spans="14:14">
      <c r="N179781" s="10"/>
    </row>
    <row r="179782" spans="14:14">
      <c r="N179782" s="10"/>
    </row>
    <row r="179783" spans="14:14">
      <c r="N179783" s="10"/>
    </row>
    <row r="179784" spans="14:14">
      <c r="N179784" s="10"/>
    </row>
    <row r="179785" spans="14:14">
      <c r="N179785" s="10"/>
    </row>
    <row r="179786" spans="14:14">
      <c r="N179786" s="10"/>
    </row>
    <row r="179787" spans="14:14">
      <c r="N179787" s="10"/>
    </row>
    <row r="179788" spans="14:14">
      <c r="N179788" s="10"/>
    </row>
    <row r="179789" spans="14:14">
      <c r="N179789" s="10"/>
    </row>
    <row r="179790" spans="14:14">
      <c r="N179790" s="10"/>
    </row>
    <row r="179791" spans="14:14">
      <c r="N179791" s="10"/>
    </row>
    <row r="179792" spans="14:14">
      <c r="N179792" s="10"/>
    </row>
    <row r="179793" spans="14:14">
      <c r="N179793" s="10"/>
    </row>
    <row r="179794" spans="14:14">
      <c r="N179794" s="10"/>
    </row>
    <row r="179795" spans="14:14">
      <c r="N179795" s="10"/>
    </row>
    <row r="179796" spans="14:14">
      <c r="N179796" s="10"/>
    </row>
    <row r="179797" spans="14:14">
      <c r="N179797" s="10"/>
    </row>
    <row r="179798" spans="14:14">
      <c r="N179798" s="10"/>
    </row>
    <row r="179799" spans="14:14">
      <c r="N179799" s="10"/>
    </row>
    <row r="179800" spans="14:14">
      <c r="N179800" s="10"/>
    </row>
    <row r="179801" spans="14:14">
      <c r="N179801" s="10"/>
    </row>
    <row r="179802" spans="14:14">
      <c r="N179802" s="10"/>
    </row>
    <row r="179803" spans="14:14">
      <c r="N179803" s="10"/>
    </row>
    <row r="179804" spans="14:14">
      <c r="N179804" s="10"/>
    </row>
    <row r="179805" spans="14:14">
      <c r="N179805" s="10"/>
    </row>
    <row r="179806" spans="14:14">
      <c r="N179806" s="10"/>
    </row>
    <row r="179807" spans="14:14">
      <c r="N179807" s="10"/>
    </row>
    <row r="179808" spans="14:14">
      <c r="N179808" s="10"/>
    </row>
    <row r="179809" spans="14:14">
      <c r="N179809" s="10"/>
    </row>
    <row r="179810" spans="14:14">
      <c r="N179810" s="10"/>
    </row>
    <row r="179811" spans="14:14">
      <c r="N179811" s="10"/>
    </row>
    <row r="179812" spans="14:14">
      <c r="N179812" s="10"/>
    </row>
    <row r="179813" spans="14:14">
      <c r="N179813" s="10"/>
    </row>
    <row r="179814" spans="14:14">
      <c r="N179814" s="10"/>
    </row>
    <row r="179815" spans="14:14">
      <c r="N179815" s="10"/>
    </row>
    <row r="179816" spans="14:14">
      <c r="N179816" s="10"/>
    </row>
    <row r="179817" spans="14:14">
      <c r="N179817" s="10"/>
    </row>
    <row r="179818" spans="14:14">
      <c r="N179818" s="10"/>
    </row>
    <row r="179819" spans="14:14">
      <c r="N179819" s="10"/>
    </row>
    <row r="179820" spans="14:14">
      <c r="N179820" s="10"/>
    </row>
    <row r="179821" spans="14:14">
      <c r="N179821" s="10"/>
    </row>
    <row r="179822" spans="14:14">
      <c r="N179822" s="10"/>
    </row>
    <row r="179823" spans="14:14">
      <c r="N179823" s="10"/>
    </row>
    <row r="179824" spans="14:14">
      <c r="N179824" s="10"/>
    </row>
    <row r="179825" spans="14:14">
      <c r="N179825" s="10"/>
    </row>
    <row r="179826" spans="14:14">
      <c r="N179826" s="10"/>
    </row>
    <row r="179827" spans="14:14">
      <c r="N179827" s="10"/>
    </row>
    <row r="179828" spans="14:14">
      <c r="N179828" s="10"/>
    </row>
    <row r="179829" spans="14:14">
      <c r="N179829" s="10"/>
    </row>
    <row r="179830" spans="14:14">
      <c r="N179830" s="10"/>
    </row>
    <row r="179831" spans="14:14">
      <c r="N179831" s="10"/>
    </row>
    <row r="179832" spans="14:14">
      <c r="N179832" s="10"/>
    </row>
    <row r="179833" spans="14:14">
      <c r="N179833" s="10"/>
    </row>
    <row r="179834" spans="14:14">
      <c r="N179834" s="10"/>
    </row>
    <row r="179835" spans="14:14">
      <c r="N179835" s="10"/>
    </row>
    <row r="179836" spans="14:14">
      <c r="N179836" s="10"/>
    </row>
    <row r="179837" spans="14:14">
      <c r="N179837" s="10"/>
    </row>
    <row r="179838" spans="14:14">
      <c r="N179838" s="10"/>
    </row>
    <row r="179839" spans="14:14">
      <c r="N179839" s="10"/>
    </row>
    <row r="179840" spans="14:14">
      <c r="N179840" s="10"/>
    </row>
    <row r="179841" spans="14:14">
      <c r="N179841" s="10"/>
    </row>
    <row r="179842" spans="14:14">
      <c r="N179842" s="10"/>
    </row>
    <row r="179843" spans="14:14">
      <c r="N179843" s="10"/>
    </row>
    <row r="179844" spans="14:14">
      <c r="N179844" s="10"/>
    </row>
    <row r="179845" spans="14:14">
      <c r="N179845" s="10"/>
    </row>
    <row r="179846" spans="14:14">
      <c r="N179846" s="10"/>
    </row>
    <row r="179847" spans="14:14">
      <c r="N179847" s="10"/>
    </row>
    <row r="179848" spans="14:14">
      <c r="N179848" s="10"/>
    </row>
    <row r="179849" spans="14:14">
      <c r="N179849" s="10"/>
    </row>
    <row r="179850" spans="14:14">
      <c r="N179850" s="10"/>
    </row>
    <row r="179851" spans="14:14">
      <c r="N179851" s="10"/>
    </row>
    <row r="179852" spans="14:14">
      <c r="N179852" s="10"/>
    </row>
    <row r="179853" spans="14:14">
      <c r="N179853" s="10"/>
    </row>
    <row r="179854" spans="14:14">
      <c r="N179854" s="10"/>
    </row>
    <row r="179855" spans="14:14">
      <c r="N179855" s="10"/>
    </row>
    <row r="179856" spans="14:14">
      <c r="N179856" s="10"/>
    </row>
    <row r="179857" spans="14:14">
      <c r="N179857" s="10"/>
    </row>
    <row r="179858" spans="14:14">
      <c r="N179858" s="10"/>
    </row>
    <row r="179859" spans="14:14">
      <c r="N179859" s="10"/>
    </row>
    <row r="179860" spans="14:14">
      <c r="N179860" s="10"/>
    </row>
    <row r="179861" spans="14:14">
      <c r="N179861" s="10"/>
    </row>
    <row r="179862" spans="14:14">
      <c r="N179862" s="10"/>
    </row>
    <row r="179863" spans="14:14">
      <c r="N179863" s="10"/>
    </row>
    <row r="179864" spans="14:14">
      <c r="N179864" s="10"/>
    </row>
    <row r="179865" spans="14:14">
      <c r="N179865" s="10"/>
    </row>
    <row r="179866" spans="14:14">
      <c r="N179866" s="10"/>
    </row>
    <row r="179867" spans="14:14">
      <c r="N179867" s="10"/>
    </row>
    <row r="179868" spans="14:14">
      <c r="N179868" s="10"/>
    </row>
    <row r="179869" spans="14:14">
      <c r="N179869" s="10"/>
    </row>
    <row r="179870" spans="14:14">
      <c r="N179870" s="10"/>
    </row>
    <row r="179871" spans="14:14">
      <c r="N179871" s="10"/>
    </row>
    <row r="179872" spans="14:14">
      <c r="N179872" s="10"/>
    </row>
    <row r="179873" spans="14:14">
      <c r="N179873" s="10"/>
    </row>
    <row r="179874" spans="14:14">
      <c r="N179874" s="10"/>
    </row>
    <row r="179875" spans="14:14">
      <c r="N179875" s="10"/>
    </row>
    <row r="179876" spans="14:14">
      <c r="N179876" s="10"/>
    </row>
    <row r="179877" spans="14:14">
      <c r="N179877" s="10"/>
    </row>
    <row r="179878" spans="14:14">
      <c r="N179878" s="10"/>
    </row>
    <row r="179879" spans="14:14">
      <c r="N179879" s="10"/>
    </row>
    <row r="179880" spans="14:14">
      <c r="N179880" s="10"/>
    </row>
    <row r="179881" spans="14:14">
      <c r="N179881" s="10"/>
    </row>
    <row r="179882" spans="14:14">
      <c r="N179882" s="10"/>
    </row>
    <row r="179883" spans="14:14">
      <c r="N179883" s="10"/>
    </row>
    <row r="179884" spans="14:14">
      <c r="N179884" s="10"/>
    </row>
    <row r="179885" spans="14:14">
      <c r="N179885" s="10"/>
    </row>
    <row r="179886" spans="14:14">
      <c r="N179886" s="10"/>
    </row>
    <row r="179887" spans="14:14">
      <c r="N179887" s="10"/>
    </row>
    <row r="179888" spans="14:14">
      <c r="N179888" s="10"/>
    </row>
    <row r="179889" spans="14:14">
      <c r="N179889" s="10"/>
    </row>
    <row r="179890" spans="14:14">
      <c r="N179890" s="10"/>
    </row>
    <row r="179891" spans="14:14">
      <c r="N179891" s="10"/>
    </row>
    <row r="179892" spans="14:14">
      <c r="N179892" s="10"/>
    </row>
    <row r="179893" spans="14:14">
      <c r="N179893" s="10"/>
    </row>
    <row r="179894" spans="14:14">
      <c r="N179894" s="10"/>
    </row>
    <row r="179895" spans="14:14">
      <c r="N179895" s="10"/>
    </row>
    <row r="179896" spans="14:14">
      <c r="N179896" s="10"/>
    </row>
    <row r="179897" spans="14:14">
      <c r="N179897" s="10"/>
    </row>
    <row r="179898" spans="14:14">
      <c r="N179898" s="10"/>
    </row>
    <row r="179899" spans="14:14">
      <c r="N179899" s="10"/>
    </row>
    <row r="179900" spans="14:14">
      <c r="N179900" s="10"/>
    </row>
    <row r="179901" spans="14:14">
      <c r="N179901" s="10"/>
    </row>
    <row r="179902" spans="14:14">
      <c r="N179902" s="10"/>
    </row>
    <row r="179903" spans="14:14">
      <c r="N179903" s="10"/>
    </row>
    <row r="179904" spans="14:14">
      <c r="N179904" s="10"/>
    </row>
    <row r="179905" spans="14:14">
      <c r="N179905" s="10"/>
    </row>
    <row r="179906" spans="14:14">
      <c r="N179906" s="10"/>
    </row>
    <row r="179907" spans="14:14">
      <c r="N179907" s="10"/>
    </row>
    <row r="179908" spans="14:14">
      <c r="N179908" s="10"/>
    </row>
    <row r="179909" spans="14:14">
      <c r="N179909" s="10"/>
    </row>
    <row r="179910" spans="14:14">
      <c r="N179910" s="10"/>
    </row>
    <row r="179911" spans="14:14">
      <c r="N179911" s="10"/>
    </row>
    <row r="179912" spans="14:14">
      <c r="N179912" s="10"/>
    </row>
    <row r="179913" spans="14:14">
      <c r="N179913" s="10"/>
    </row>
    <row r="179914" spans="14:14">
      <c r="N179914" s="10"/>
    </row>
    <row r="179915" spans="14:14">
      <c r="N179915" s="10"/>
    </row>
    <row r="179916" spans="14:14">
      <c r="N179916" s="10"/>
    </row>
    <row r="179917" spans="14:14">
      <c r="N179917" s="10"/>
    </row>
    <row r="179918" spans="14:14">
      <c r="N179918" s="10"/>
    </row>
    <row r="179919" spans="14:14">
      <c r="N179919" s="10"/>
    </row>
    <row r="179920" spans="14:14">
      <c r="N179920" s="10"/>
    </row>
    <row r="179921" spans="14:14">
      <c r="N179921" s="10"/>
    </row>
    <row r="179922" spans="14:14">
      <c r="N179922" s="10"/>
    </row>
    <row r="179923" spans="14:14">
      <c r="N179923" s="10"/>
    </row>
    <row r="179924" spans="14:14">
      <c r="N179924" s="10"/>
    </row>
    <row r="179925" spans="14:14">
      <c r="N179925" s="10"/>
    </row>
    <row r="179926" spans="14:14">
      <c r="N179926" s="10"/>
    </row>
    <row r="179927" spans="14:14">
      <c r="N179927" s="10"/>
    </row>
    <row r="179928" spans="14:14">
      <c r="N179928" s="10"/>
    </row>
    <row r="179929" spans="14:14">
      <c r="N179929" s="10"/>
    </row>
    <row r="179930" spans="14:14">
      <c r="N179930" s="10"/>
    </row>
    <row r="179931" spans="14:14">
      <c r="N179931" s="10"/>
    </row>
    <row r="179932" spans="14:14">
      <c r="N179932" s="10"/>
    </row>
    <row r="179933" spans="14:14">
      <c r="N179933" s="10"/>
    </row>
    <row r="179934" spans="14:14">
      <c r="N179934" s="10"/>
    </row>
    <row r="179935" spans="14:14">
      <c r="N179935" s="10"/>
    </row>
    <row r="179936" spans="14:14">
      <c r="N179936" s="10"/>
    </row>
    <row r="179937" spans="14:14">
      <c r="N179937" s="10"/>
    </row>
    <row r="179938" spans="14:14">
      <c r="N179938" s="10"/>
    </row>
    <row r="179939" spans="14:14">
      <c r="N179939" s="10"/>
    </row>
    <row r="179940" spans="14:14">
      <c r="N179940" s="10"/>
    </row>
    <row r="179941" spans="14:14">
      <c r="N179941" s="10"/>
    </row>
    <row r="179942" spans="14:14">
      <c r="N179942" s="10"/>
    </row>
    <row r="179943" spans="14:14">
      <c r="N179943" s="10"/>
    </row>
    <row r="179944" spans="14:14">
      <c r="N179944" s="10"/>
    </row>
    <row r="179945" spans="14:14">
      <c r="N179945" s="10"/>
    </row>
    <row r="179946" spans="14:14">
      <c r="N179946" s="10"/>
    </row>
    <row r="179947" spans="14:14">
      <c r="N179947" s="10"/>
    </row>
    <row r="179948" spans="14:14">
      <c r="N179948" s="10"/>
    </row>
    <row r="179949" spans="14:14">
      <c r="N179949" s="10"/>
    </row>
    <row r="179950" spans="14:14">
      <c r="N179950" s="10"/>
    </row>
    <row r="179951" spans="14:14">
      <c r="N179951" s="10"/>
    </row>
    <row r="179952" spans="14:14">
      <c r="N179952" s="10"/>
    </row>
    <row r="179953" spans="14:14">
      <c r="N179953" s="10"/>
    </row>
    <row r="179954" spans="14:14">
      <c r="N179954" s="10"/>
    </row>
    <row r="179955" spans="14:14">
      <c r="N179955" s="10"/>
    </row>
    <row r="179956" spans="14:14">
      <c r="N179956" s="10"/>
    </row>
    <row r="179957" spans="14:14">
      <c r="N179957" s="10"/>
    </row>
    <row r="179958" spans="14:14">
      <c r="N179958" s="10"/>
    </row>
    <row r="179959" spans="14:14">
      <c r="N179959" s="10"/>
    </row>
    <row r="179960" spans="14:14">
      <c r="N179960" s="10"/>
    </row>
    <row r="179961" spans="14:14">
      <c r="N179961" s="10"/>
    </row>
    <row r="179962" spans="14:14">
      <c r="N179962" s="10"/>
    </row>
    <row r="179963" spans="14:14">
      <c r="N179963" s="10"/>
    </row>
    <row r="179964" spans="14:14">
      <c r="N179964" s="10"/>
    </row>
    <row r="179965" spans="14:14">
      <c r="N179965" s="10"/>
    </row>
    <row r="179966" spans="14:14">
      <c r="N179966" s="10"/>
    </row>
    <row r="179967" spans="14:14">
      <c r="N179967" s="10"/>
    </row>
    <row r="179968" spans="14:14">
      <c r="N179968" s="10"/>
    </row>
    <row r="179969" spans="14:14">
      <c r="N179969" s="10"/>
    </row>
    <row r="179970" spans="14:14">
      <c r="N179970" s="10"/>
    </row>
    <row r="179971" spans="14:14">
      <c r="N179971" s="10"/>
    </row>
    <row r="179972" spans="14:14">
      <c r="N179972" s="10"/>
    </row>
    <row r="179973" spans="14:14">
      <c r="N179973" s="10"/>
    </row>
    <row r="179974" spans="14:14">
      <c r="N179974" s="10"/>
    </row>
    <row r="179975" spans="14:14">
      <c r="N179975" s="10"/>
    </row>
    <row r="179976" spans="14:14">
      <c r="N179976" s="10"/>
    </row>
    <row r="179977" spans="14:14">
      <c r="N179977" s="10"/>
    </row>
    <row r="179978" spans="14:14">
      <c r="N179978" s="10"/>
    </row>
    <row r="179979" spans="14:14">
      <c r="N179979" s="10"/>
    </row>
    <row r="179980" spans="14:14">
      <c r="N179980" s="10"/>
    </row>
    <row r="179981" spans="14:14">
      <c r="N179981" s="10"/>
    </row>
    <row r="179982" spans="14:14">
      <c r="N179982" s="10"/>
    </row>
    <row r="179983" spans="14:14">
      <c r="N179983" s="10"/>
    </row>
    <row r="179984" spans="14:14">
      <c r="N179984" s="10"/>
    </row>
    <row r="179985" spans="14:14">
      <c r="N179985" s="10"/>
    </row>
    <row r="179986" spans="14:14">
      <c r="N179986" s="10"/>
    </row>
    <row r="179987" spans="14:14">
      <c r="N179987" s="10"/>
    </row>
    <row r="179988" spans="14:14">
      <c r="N179988" s="10"/>
    </row>
    <row r="179989" spans="14:14">
      <c r="N179989" s="10"/>
    </row>
    <row r="179990" spans="14:14">
      <c r="N179990" s="10"/>
    </row>
    <row r="179991" spans="14:14">
      <c r="N179991" s="10"/>
    </row>
    <row r="179992" spans="14:14">
      <c r="N179992" s="10"/>
    </row>
    <row r="179993" spans="14:14">
      <c r="N179993" s="10"/>
    </row>
    <row r="179994" spans="14:14">
      <c r="N179994" s="10"/>
    </row>
    <row r="179995" spans="14:14">
      <c r="N179995" s="10"/>
    </row>
    <row r="179996" spans="14:14">
      <c r="N179996" s="10"/>
    </row>
    <row r="179997" spans="14:14">
      <c r="N179997" s="10"/>
    </row>
    <row r="179998" spans="14:14">
      <c r="N179998" s="10"/>
    </row>
    <row r="179999" spans="14:14">
      <c r="N179999" s="10"/>
    </row>
    <row r="180000" spans="14:14">
      <c r="N180000" s="10"/>
    </row>
    <row r="180001" spans="14:14">
      <c r="N180001" s="10"/>
    </row>
    <row r="180002" spans="14:14">
      <c r="N180002" s="10"/>
    </row>
    <row r="180003" spans="14:14">
      <c r="N180003" s="10"/>
    </row>
    <row r="180004" spans="14:14">
      <c r="N180004" s="10"/>
    </row>
    <row r="180005" spans="14:14">
      <c r="N180005" s="10"/>
    </row>
    <row r="180006" spans="14:14">
      <c r="N180006" s="10"/>
    </row>
    <row r="180007" spans="14:14">
      <c r="N180007" s="10"/>
    </row>
    <row r="180008" spans="14:14">
      <c r="N180008" s="10"/>
    </row>
    <row r="180009" spans="14:14">
      <c r="N180009" s="10"/>
    </row>
    <row r="180010" spans="14:14">
      <c r="N180010" s="10"/>
    </row>
    <row r="180011" spans="14:14">
      <c r="N180011" s="10"/>
    </row>
    <row r="180012" spans="14:14">
      <c r="N180012" s="10"/>
    </row>
    <row r="180013" spans="14:14">
      <c r="N180013" s="10"/>
    </row>
    <row r="180014" spans="14:14">
      <c r="N180014" s="10"/>
    </row>
    <row r="180015" spans="14:14">
      <c r="N180015" s="10"/>
    </row>
    <row r="180016" spans="14:14">
      <c r="N180016" s="10"/>
    </row>
    <row r="180017" spans="14:14">
      <c r="N180017" s="10"/>
    </row>
    <row r="180018" spans="14:14">
      <c r="N180018" s="10"/>
    </row>
    <row r="180019" spans="14:14">
      <c r="N180019" s="10"/>
    </row>
    <row r="180020" spans="14:14">
      <c r="N180020" s="10"/>
    </row>
    <row r="180021" spans="14:14">
      <c r="N180021" s="10"/>
    </row>
    <row r="180022" spans="14:14">
      <c r="N180022" s="10"/>
    </row>
    <row r="180023" spans="14:14">
      <c r="N180023" s="10"/>
    </row>
    <row r="180024" spans="14:14">
      <c r="N180024" s="10"/>
    </row>
    <row r="180025" spans="14:14">
      <c r="N180025" s="10"/>
    </row>
    <row r="180026" spans="14:14">
      <c r="N180026" s="10"/>
    </row>
    <row r="180027" spans="14:14">
      <c r="N180027" s="10"/>
    </row>
    <row r="180028" spans="14:14">
      <c r="N180028" s="10"/>
    </row>
    <row r="180029" spans="14:14">
      <c r="N180029" s="10"/>
    </row>
    <row r="180030" spans="14:14">
      <c r="N180030" s="10"/>
    </row>
    <row r="180031" spans="14:14">
      <c r="N180031" s="10"/>
    </row>
    <row r="180032" spans="14:14">
      <c r="N180032" s="10"/>
    </row>
    <row r="180033" spans="14:14">
      <c r="N180033" s="10"/>
    </row>
    <row r="180034" spans="14:14">
      <c r="N180034" s="10"/>
    </row>
    <row r="180035" spans="14:14">
      <c r="N180035" s="10"/>
    </row>
    <row r="180036" spans="14:14">
      <c r="N180036" s="10"/>
    </row>
    <row r="180037" spans="14:14">
      <c r="N180037" s="10"/>
    </row>
    <row r="180038" spans="14:14">
      <c r="N180038" s="10"/>
    </row>
    <row r="180039" spans="14:14">
      <c r="N180039" s="10"/>
    </row>
    <row r="180040" spans="14:14">
      <c r="N180040" s="10"/>
    </row>
    <row r="180041" spans="14:14">
      <c r="N180041" s="10"/>
    </row>
    <row r="180042" spans="14:14">
      <c r="N180042" s="10"/>
    </row>
    <row r="180043" spans="14:14">
      <c r="N180043" s="10"/>
    </row>
    <row r="180044" spans="14:14">
      <c r="N180044" s="10"/>
    </row>
    <row r="180045" spans="14:14">
      <c r="N180045" s="10"/>
    </row>
    <row r="180046" spans="14:14">
      <c r="N180046" s="10"/>
    </row>
    <row r="180047" spans="14:14">
      <c r="N180047" s="10"/>
    </row>
    <row r="180048" spans="14:14">
      <c r="N180048" s="10"/>
    </row>
    <row r="180049" spans="14:14">
      <c r="N180049" s="10"/>
    </row>
    <row r="180050" spans="14:14">
      <c r="N180050" s="10"/>
    </row>
    <row r="180051" spans="14:14">
      <c r="N180051" s="10"/>
    </row>
    <row r="180052" spans="14:14">
      <c r="N180052" s="10"/>
    </row>
    <row r="180053" spans="14:14">
      <c r="N180053" s="10"/>
    </row>
    <row r="180054" spans="14:14">
      <c r="N180054" s="10"/>
    </row>
    <row r="180055" spans="14:14">
      <c r="N180055" s="10"/>
    </row>
    <row r="180056" spans="14:14">
      <c r="N180056" s="10"/>
    </row>
    <row r="180057" spans="14:14">
      <c r="N180057" s="10"/>
    </row>
    <row r="180058" spans="14:14">
      <c r="N180058" s="10"/>
    </row>
    <row r="180059" spans="14:14">
      <c r="N180059" s="10"/>
    </row>
    <row r="180060" spans="14:14">
      <c r="N180060" s="10"/>
    </row>
    <row r="180061" spans="14:14">
      <c r="N180061" s="10"/>
    </row>
    <row r="180062" spans="14:14">
      <c r="N180062" s="10"/>
    </row>
    <row r="180063" spans="14:14">
      <c r="N180063" s="10"/>
    </row>
    <row r="180064" spans="14:14">
      <c r="N180064" s="10"/>
    </row>
    <row r="180065" spans="14:14">
      <c r="N180065" s="10"/>
    </row>
    <row r="180066" spans="14:14">
      <c r="N180066" s="10"/>
    </row>
    <row r="180067" spans="14:14">
      <c r="N180067" s="10"/>
    </row>
    <row r="180068" spans="14:14">
      <c r="N180068" s="10"/>
    </row>
    <row r="180069" spans="14:14">
      <c r="N180069" s="10"/>
    </row>
    <row r="180070" spans="14:14">
      <c r="N180070" s="10"/>
    </row>
    <row r="180071" spans="14:14">
      <c r="N180071" s="10"/>
    </row>
    <row r="180072" spans="14:14">
      <c r="N180072" s="10"/>
    </row>
    <row r="180073" spans="14:14">
      <c r="N180073" s="10"/>
    </row>
    <row r="180074" spans="14:14">
      <c r="N180074" s="10"/>
    </row>
    <row r="180075" spans="14:14">
      <c r="N180075" s="10"/>
    </row>
    <row r="180076" spans="14:14">
      <c r="N180076" s="10"/>
    </row>
    <row r="180077" spans="14:14">
      <c r="N180077" s="10"/>
    </row>
    <row r="180078" spans="14:14">
      <c r="N180078" s="10"/>
    </row>
    <row r="180079" spans="14:14">
      <c r="N180079" s="10"/>
    </row>
    <row r="180080" spans="14:14">
      <c r="N180080" s="10"/>
    </row>
    <row r="180081" spans="14:14">
      <c r="N180081" s="10"/>
    </row>
    <row r="180082" spans="14:14">
      <c r="N180082" s="10"/>
    </row>
    <row r="180083" spans="14:14">
      <c r="N180083" s="10"/>
    </row>
    <row r="180084" spans="14:14">
      <c r="N180084" s="10"/>
    </row>
    <row r="180085" spans="14:14">
      <c r="N180085" s="10"/>
    </row>
    <row r="180086" spans="14:14">
      <c r="N180086" s="10"/>
    </row>
    <row r="180087" spans="14:14">
      <c r="N180087" s="10"/>
    </row>
    <row r="180088" spans="14:14">
      <c r="N180088" s="10"/>
    </row>
    <row r="180089" spans="14:14">
      <c r="N180089" s="10"/>
    </row>
    <row r="180090" spans="14:14">
      <c r="N180090" s="10"/>
    </row>
    <row r="180091" spans="14:14">
      <c r="N180091" s="10"/>
    </row>
    <row r="180092" spans="14:14">
      <c r="N180092" s="10"/>
    </row>
    <row r="180093" spans="14:14">
      <c r="N180093" s="10"/>
    </row>
    <row r="180094" spans="14:14">
      <c r="N180094" s="10"/>
    </row>
    <row r="180095" spans="14:14">
      <c r="N180095" s="10"/>
    </row>
    <row r="180096" spans="14:14">
      <c r="N180096" s="10"/>
    </row>
    <row r="180097" spans="14:14">
      <c r="N180097" s="10"/>
    </row>
    <row r="180098" spans="14:14">
      <c r="N180098" s="10"/>
    </row>
    <row r="180099" spans="14:14">
      <c r="N180099" s="10"/>
    </row>
    <row r="180100" spans="14:14">
      <c r="N180100" s="10"/>
    </row>
    <row r="180101" spans="14:14">
      <c r="N180101" s="10"/>
    </row>
    <row r="180102" spans="14:14">
      <c r="N180102" s="10"/>
    </row>
    <row r="180103" spans="14:14">
      <c r="N180103" s="10"/>
    </row>
    <row r="180104" spans="14:14">
      <c r="N180104" s="10"/>
    </row>
    <row r="180105" spans="14:14">
      <c r="N180105" s="10"/>
    </row>
    <row r="180106" spans="14:14">
      <c r="N180106" s="10"/>
    </row>
    <row r="180107" spans="14:14">
      <c r="N180107" s="10"/>
    </row>
    <row r="180108" spans="14:14">
      <c r="N180108" s="10"/>
    </row>
    <row r="180109" spans="14:14">
      <c r="N180109" s="10"/>
    </row>
    <row r="180110" spans="14:14">
      <c r="N180110" s="10"/>
    </row>
    <row r="180111" spans="14:14">
      <c r="N180111" s="10"/>
    </row>
    <row r="180112" spans="14:14">
      <c r="N180112" s="10"/>
    </row>
    <row r="180113" spans="14:14">
      <c r="N180113" s="10"/>
    </row>
    <row r="180114" spans="14:14">
      <c r="N180114" s="10"/>
    </row>
    <row r="180115" spans="14:14">
      <c r="N180115" s="10"/>
    </row>
    <row r="180116" spans="14:14">
      <c r="N180116" s="10"/>
    </row>
    <row r="180117" spans="14:14">
      <c r="N180117" s="10"/>
    </row>
    <row r="180118" spans="14:14">
      <c r="N180118" s="10"/>
    </row>
    <row r="180119" spans="14:14">
      <c r="N180119" s="10"/>
    </row>
    <row r="180120" spans="14:14">
      <c r="N180120" s="10"/>
    </row>
    <row r="180121" spans="14:14">
      <c r="N180121" s="10"/>
    </row>
    <row r="180122" spans="14:14">
      <c r="N180122" s="10"/>
    </row>
    <row r="180123" spans="14:14">
      <c r="N180123" s="10"/>
    </row>
    <row r="180124" spans="14:14">
      <c r="N180124" s="10"/>
    </row>
    <row r="180125" spans="14:14">
      <c r="N180125" s="10"/>
    </row>
    <row r="180126" spans="14:14">
      <c r="N180126" s="10"/>
    </row>
    <row r="180127" spans="14:14">
      <c r="N180127" s="10"/>
    </row>
    <row r="180128" spans="14:14">
      <c r="N180128" s="10"/>
    </row>
    <row r="180129" spans="14:14">
      <c r="N180129" s="10"/>
    </row>
    <row r="180130" spans="14:14">
      <c r="N180130" s="10"/>
    </row>
    <row r="180131" spans="14:14">
      <c r="N180131" s="10"/>
    </row>
    <row r="180132" spans="14:14">
      <c r="N180132" s="10"/>
    </row>
    <row r="180133" spans="14:14">
      <c r="N180133" s="10"/>
    </row>
    <row r="180134" spans="14:14">
      <c r="N180134" s="10"/>
    </row>
    <row r="180135" spans="14:14">
      <c r="N180135" s="10"/>
    </row>
    <row r="180136" spans="14:14">
      <c r="N180136" s="10"/>
    </row>
    <row r="180137" spans="14:14">
      <c r="N180137" s="10"/>
    </row>
    <row r="180138" spans="14:14">
      <c r="N180138" s="10"/>
    </row>
    <row r="180139" spans="14:14">
      <c r="N180139" s="10"/>
    </row>
    <row r="180140" spans="14:14">
      <c r="N180140" s="10"/>
    </row>
    <row r="180141" spans="14:14">
      <c r="N180141" s="10"/>
    </row>
    <row r="180142" spans="14:14">
      <c r="N180142" s="10"/>
    </row>
    <row r="180143" spans="14:14">
      <c r="N180143" s="10"/>
    </row>
    <row r="180144" spans="14:14">
      <c r="N180144" s="10"/>
    </row>
    <row r="180145" spans="14:14">
      <c r="N180145" s="10"/>
    </row>
    <row r="180146" spans="14:14">
      <c r="N180146" s="10"/>
    </row>
    <row r="180147" spans="14:14">
      <c r="N180147" s="10"/>
    </row>
    <row r="180148" spans="14:14">
      <c r="N180148" s="10"/>
    </row>
    <row r="180149" spans="14:14">
      <c r="N180149" s="10"/>
    </row>
    <row r="180150" spans="14:14">
      <c r="N180150" s="10"/>
    </row>
    <row r="180151" spans="14:14">
      <c r="N180151" s="10"/>
    </row>
    <row r="180152" spans="14:14">
      <c r="N180152" s="10"/>
    </row>
    <row r="180153" spans="14:14">
      <c r="N180153" s="10"/>
    </row>
    <row r="180154" spans="14:14">
      <c r="N180154" s="10"/>
    </row>
    <row r="180155" spans="14:14">
      <c r="N180155" s="10"/>
    </row>
    <row r="180156" spans="14:14">
      <c r="N180156" s="10"/>
    </row>
    <row r="180157" spans="14:14">
      <c r="N180157" s="10"/>
    </row>
    <row r="180158" spans="14:14">
      <c r="N180158" s="10"/>
    </row>
    <row r="180159" spans="14:14">
      <c r="N180159" s="10"/>
    </row>
    <row r="180160" spans="14:14">
      <c r="N180160" s="10"/>
    </row>
    <row r="180161" spans="14:14">
      <c r="N180161" s="10"/>
    </row>
    <row r="180162" spans="14:14">
      <c r="N180162" s="10"/>
    </row>
    <row r="180163" spans="14:14">
      <c r="N180163" s="10"/>
    </row>
    <row r="180164" spans="14:14">
      <c r="N180164" s="10"/>
    </row>
    <row r="180165" spans="14:14">
      <c r="N180165" s="10"/>
    </row>
    <row r="180166" spans="14:14">
      <c r="N180166" s="10"/>
    </row>
    <row r="180167" spans="14:14">
      <c r="N180167" s="10"/>
    </row>
    <row r="180168" spans="14:14">
      <c r="N180168" s="10"/>
    </row>
    <row r="180169" spans="14:14">
      <c r="N180169" s="10"/>
    </row>
    <row r="180170" spans="14:14">
      <c r="N180170" s="10"/>
    </row>
    <row r="180171" spans="14:14">
      <c r="N180171" s="10"/>
    </row>
    <row r="180172" spans="14:14">
      <c r="N180172" s="10"/>
    </row>
    <row r="180173" spans="14:14">
      <c r="N180173" s="10"/>
    </row>
    <row r="180174" spans="14:14">
      <c r="N180174" s="10"/>
    </row>
    <row r="180175" spans="14:14">
      <c r="N180175" s="10"/>
    </row>
    <row r="180176" spans="14:14">
      <c r="N180176" s="10"/>
    </row>
    <row r="180177" spans="14:14">
      <c r="N180177" s="10"/>
    </row>
    <row r="180178" spans="14:14">
      <c r="N180178" s="10"/>
    </row>
    <row r="180179" spans="14:14">
      <c r="N180179" s="10"/>
    </row>
    <row r="180180" spans="14:14">
      <c r="N180180" s="10"/>
    </row>
    <row r="180181" spans="14:14">
      <c r="N180181" s="10"/>
    </row>
    <row r="180182" spans="14:14">
      <c r="N180182" s="10"/>
    </row>
    <row r="180183" spans="14:14">
      <c r="N180183" s="10"/>
    </row>
    <row r="180184" spans="14:14">
      <c r="N180184" s="10"/>
    </row>
    <row r="180185" spans="14:14">
      <c r="N180185" s="10"/>
    </row>
    <row r="180186" spans="14:14">
      <c r="N180186" s="10"/>
    </row>
    <row r="180187" spans="14:14">
      <c r="N180187" s="10"/>
    </row>
    <row r="180188" spans="14:14">
      <c r="N180188" s="10"/>
    </row>
    <row r="180189" spans="14:14">
      <c r="N180189" s="10"/>
    </row>
    <row r="180190" spans="14:14">
      <c r="N180190" s="10"/>
    </row>
    <row r="180191" spans="14:14">
      <c r="N180191" s="10"/>
    </row>
    <row r="180192" spans="14:14">
      <c r="N180192" s="10"/>
    </row>
    <row r="180193" spans="14:14">
      <c r="N180193" s="10"/>
    </row>
    <row r="180194" spans="14:14">
      <c r="N180194" s="10"/>
    </row>
    <row r="180195" spans="14:14">
      <c r="N180195" s="10"/>
    </row>
    <row r="180196" spans="14:14">
      <c r="N180196" s="10"/>
    </row>
    <row r="180197" spans="14:14">
      <c r="N180197" s="10"/>
    </row>
    <row r="180198" spans="14:14">
      <c r="N180198" s="10"/>
    </row>
    <row r="180199" spans="14:14">
      <c r="N180199" s="10"/>
    </row>
    <row r="180200" spans="14:14">
      <c r="N180200" s="10"/>
    </row>
    <row r="180201" spans="14:14">
      <c r="N180201" s="10"/>
    </row>
    <row r="180202" spans="14:14">
      <c r="N180202" s="10"/>
    </row>
    <row r="180203" spans="14:14">
      <c r="N180203" s="10"/>
    </row>
    <row r="180204" spans="14:14">
      <c r="N180204" s="10"/>
    </row>
    <row r="180205" spans="14:14">
      <c r="N180205" s="10"/>
    </row>
    <row r="180206" spans="14:14">
      <c r="N180206" s="10"/>
    </row>
    <row r="180207" spans="14:14">
      <c r="N180207" s="10"/>
    </row>
    <row r="180208" spans="14:14">
      <c r="N180208" s="10"/>
    </row>
    <row r="180209" spans="14:14">
      <c r="N180209" s="10"/>
    </row>
    <row r="180210" spans="14:14">
      <c r="N180210" s="10"/>
    </row>
    <row r="180211" spans="14:14">
      <c r="N180211" s="10"/>
    </row>
    <row r="180212" spans="14:14">
      <c r="N180212" s="10"/>
    </row>
    <row r="180213" spans="14:14">
      <c r="N180213" s="10"/>
    </row>
    <row r="180214" spans="14:14">
      <c r="N180214" s="10"/>
    </row>
    <row r="180215" spans="14:14">
      <c r="N180215" s="10"/>
    </row>
    <row r="180216" spans="14:14">
      <c r="N180216" s="10"/>
    </row>
    <row r="180217" spans="14:14">
      <c r="N180217" s="10"/>
    </row>
    <row r="180218" spans="14:14">
      <c r="N180218" s="10"/>
    </row>
    <row r="180219" spans="14:14">
      <c r="N180219" s="10"/>
    </row>
    <row r="180220" spans="14:14">
      <c r="N180220" s="10"/>
    </row>
    <row r="180221" spans="14:14">
      <c r="N180221" s="10"/>
    </row>
    <row r="180222" spans="14:14">
      <c r="N180222" s="10"/>
    </row>
    <row r="180223" spans="14:14">
      <c r="N180223" s="10"/>
    </row>
    <row r="180224" spans="14:14">
      <c r="N180224" s="10"/>
    </row>
    <row r="180225" spans="14:14">
      <c r="N180225" s="10"/>
    </row>
    <row r="180226" spans="14:14">
      <c r="N180226" s="10"/>
    </row>
    <row r="180227" spans="14:14">
      <c r="N180227" s="10"/>
    </row>
    <row r="180228" spans="14:14">
      <c r="N180228" s="10"/>
    </row>
    <row r="180229" spans="14:14">
      <c r="N180229" s="10"/>
    </row>
    <row r="180230" spans="14:14">
      <c r="N180230" s="10"/>
    </row>
    <row r="180231" spans="14:14">
      <c r="N180231" s="10"/>
    </row>
    <row r="180232" spans="14:14">
      <c r="N180232" s="10"/>
    </row>
    <row r="180233" spans="14:14">
      <c r="N180233" s="10"/>
    </row>
    <row r="180234" spans="14:14">
      <c r="N180234" s="10"/>
    </row>
    <row r="180235" spans="14:14">
      <c r="N180235" s="10"/>
    </row>
    <row r="180236" spans="14:14">
      <c r="N180236" s="10"/>
    </row>
    <row r="180237" spans="14:14">
      <c r="N180237" s="10"/>
    </row>
    <row r="180238" spans="14:14">
      <c r="N180238" s="10"/>
    </row>
    <row r="180239" spans="14:14">
      <c r="N180239" s="10"/>
    </row>
    <row r="180240" spans="14:14">
      <c r="N180240" s="10"/>
    </row>
    <row r="180241" spans="14:14">
      <c r="N180241" s="10"/>
    </row>
    <row r="180242" spans="14:14">
      <c r="N180242" s="10"/>
    </row>
    <row r="180243" spans="14:14">
      <c r="N180243" s="10"/>
    </row>
    <row r="180244" spans="14:14">
      <c r="N180244" s="10"/>
    </row>
    <row r="180245" spans="14:14">
      <c r="N180245" s="10"/>
    </row>
    <row r="180246" spans="14:14">
      <c r="N180246" s="10"/>
    </row>
    <row r="180247" spans="14:14">
      <c r="N180247" s="10"/>
    </row>
    <row r="180248" spans="14:14">
      <c r="N180248" s="10"/>
    </row>
    <row r="180249" spans="14:14">
      <c r="N180249" s="10"/>
    </row>
    <row r="180250" spans="14:14">
      <c r="N180250" s="10"/>
    </row>
    <row r="180251" spans="14:14">
      <c r="N180251" s="10"/>
    </row>
    <row r="180252" spans="14:14">
      <c r="N180252" s="10"/>
    </row>
    <row r="180253" spans="14:14">
      <c r="N180253" s="10"/>
    </row>
    <row r="180254" spans="14:14">
      <c r="N180254" s="10"/>
    </row>
    <row r="180255" spans="14:14">
      <c r="N180255" s="10"/>
    </row>
    <row r="180256" spans="14:14">
      <c r="N180256" s="10"/>
    </row>
    <row r="180257" spans="14:14">
      <c r="N180257" s="10"/>
    </row>
    <row r="180258" spans="14:14">
      <c r="N180258" s="10"/>
    </row>
    <row r="180259" spans="14:14">
      <c r="N180259" s="10"/>
    </row>
    <row r="180260" spans="14:14">
      <c r="N180260" s="10"/>
    </row>
    <row r="180261" spans="14:14">
      <c r="N180261" s="10"/>
    </row>
    <row r="180262" spans="14:14">
      <c r="N180262" s="10"/>
    </row>
    <row r="180263" spans="14:14">
      <c r="N180263" s="10"/>
    </row>
    <row r="180264" spans="14:14">
      <c r="N180264" s="10"/>
    </row>
    <row r="180265" spans="14:14">
      <c r="N180265" s="10"/>
    </row>
    <row r="180266" spans="14:14">
      <c r="N180266" s="10"/>
    </row>
    <row r="180267" spans="14:14">
      <c r="N180267" s="10"/>
    </row>
    <row r="180268" spans="14:14">
      <c r="N180268" s="10"/>
    </row>
    <row r="180269" spans="14:14">
      <c r="N180269" s="10"/>
    </row>
    <row r="180270" spans="14:14">
      <c r="N180270" s="10"/>
    </row>
    <row r="180271" spans="14:14">
      <c r="N180271" s="10"/>
    </row>
    <row r="180272" spans="14:14">
      <c r="N180272" s="10"/>
    </row>
    <row r="180273" spans="14:14">
      <c r="N180273" s="10"/>
    </row>
    <row r="180274" spans="14:14">
      <c r="N180274" s="10"/>
    </row>
    <row r="180275" spans="14:14">
      <c r="N180275" s="10"/>
    </row>
    <row r="180276" spans="14:14">
      <c r="N180276" s="10"/>
    </row>
    <row r="180277" spans="14:14">
      <c r="N180277" s="10"/>
    </row>
    <row r="180278" spans="14:14">
      <c r="N180278" s="10"/>
    </row>
    <row r="180279" spans="14:14">
      <c r="N180279" s="10"/>
    </row>
    <row r="180280" spans="14:14">
      <c r="N180280" s="10"/>
    </row>
    <row r="180281" spans="14:14">
      <c r="N180281" s="10"/>
    </row>
    <row r="180282" spans="14:14">
      <c r="N180282" s="10"/>
    </row>
    <row r="180283" spans="14:14">
      <c r="N180283" s="10"/>
    </row>
    <row r="180284" spans="14:14">
      <c r="N180284" s="10"/>
    </row>
    <row r="180285" spans="14:14">
      <c r="N180285" s="10"/>
    </row>
    <row r="180286" spans="14:14">
      <c r="N180286" s="10"/>
    </row>
    <row r="180287" spans="14:14">
      <c r="N180287" s="10"/>
    </row>
    <row r="180288" spans="14:14">
      <c r="N180288" s="10"/>
    </row>
    <row r="180289" spans="14:14">
      <c r="N180289" s="10"/>
    </row>
    <row r="180290" spans="14:14">
      <c r="N180290" s="10"/>
    </row>
    <row r="180291" spans="14:14">
      <c r="N180291" s="10"/>
    </row>
    <row r="180292" spans="14:14">
      <c r="N180292" s="10"/>
    </row>
    <row r="180293" spans="14:14">
      <c r="N180293" s="10"/>
    </row>
    <row r="180294" spans="14:14">
      <c r="N180294" s="10"/>
    </row>
    <row r="180295" spans="14:14">
      <c r="N180295" s="10"/>
    </row>
    <row r="180296" spans="14:14">
      <c r="N180296" s="10"/>
    </row>
    <row r="180297" spans="14:14">
      <c r="N180297" s="10"/>
    </row>
    <row r="180298" spans="14:14">
      <c r="N180298" s="10"/>
    </row>
    <row r="180299" spans="14:14">
      <c r="N180299" s="10"/>
    </row>
    <row r="180300" spans="14:14">
      <c r="N180300" s="10"/>
    </row>
    <row r="180301" spans="14:14">
      <c r="N180301" s="10"/>
    </row>
    <row r="180302" spans="14:14">
      <c r="N180302" s="10"/>
    </row>
    <row r="180303" spans="14:14">
      <c r="N180303" s="10"/>
    </row>
    <row r="180304" spans="14:14">
      <c r="N180304" s="10"/>
    </row>
    <row r="180305" spans="14:14">
      <c r="N180305" s="10"/>
    </row>
    <row r="180306" spans="14:14">
      <c r="N180306" s="10"/>
    </row>
    <row r="180307" spans="14:14">
      <c r="N180307" s="10"/>
    </row>
    <row r="180308" spans="14:14">
      <c r="N180308" s="10"/>
    </row>
    <row r="180309" spans="14:14">
      <c r="N180309" s="10"/>
    </row>
    <row r="180310" spans="14:14">
      <c r="N180310" s="10"/>
    </row>
    <row r="180311" spans="14:14">
      <c r="N180311" s="10"/>
    </row>
    <row r="180312" spans="14:14">
      <c r="N180312" s="10"/>
    </row>
    <row r="180313" spans="14:14">
      <c r="N180313" s="10"/>
    </row>
    <row r="180314" spans="14:14">
      <c r="N180314" s="10"/>
    </row>
    <row r="180315" spans="14:14">
      <c r="N180315" s="10"/>
    </row>
    <row r="180316" spans="14:14">
      <c r="N180316" s="10"/>
    </row>
    <row r="180317" spans="14:14">
      <c r="N180317" s="10"/>
    </row>
    <row r="180318" spans="14:14">
      <c r="N180318" s="10"/>
    </row>
    <row r="180319" spans="14:14">
      <c r="N180319" s="10"/>
    </row>
    <row r="180320" spans="14:14">
      <c r="N180320" s="10"/>
    </row>
    <row r="180321" spans="14:14">
      <c r="N180321" s="10"/>
    </row>
    <row r="180322" spans="14:14">
      <c r="N180322" s="10"/>
    </row>
    <row r="180323" spans="14:14">
      <c r="N180323" s="10"/>
    </row>
    <row r="180324" spans="14:14">
      <c r="N180324" s="10"/>
    </row>
    <row r="180325" spans="14:14">
      <c r="N180325" s="10"/>
    </row>
    <row r="180326" spans="14:14">
      <c r="N180326" s="10"/>
    </row>
    <row r="180327" spans="14:14">
      <c r="N180327" s="10"/>
    </row>
    <row r="180328" spans="14:14">
      <c r="N180328" s="10"/>
    </row>
    <row r="180329" spans="14:14">
      <c r="N180329" s="10"/>
    </row>
    <row r="180330" spans="14:14">
      <c r="N180330" s="10"/>
    </row>
    <row r="180331" spans="14:14">
      <c r="N180331" s="10"/>
    </row>
    <row r="180332" spans="14:14">
      <c r="N180332" s="10"/>
    </row>
    <row r="180333" spans="14:14">
      <c r="N180333" s="10"/>
    </row>
    <row r="180334" spans="14:14">
      <c r="N180334" s="10"/>
    </row>
    <row r="180335" spans="14:14">
      <c r="N180335" s="10"/>
    </row>
    <row r="180336" spans="14:14">
      <c r="N180336" s="10"/>
    </row>
    <row r="180337" spans="14:14">
      <c r="N180337" s="10"/>
    </row>
    <row r="180338" spans="14:14">
      <c r="N180338" s="10"/>
    </row>
    <row r="180339" spans="14:14">
      <c r="N180339" s="10"/>
    </row>
    <row r="180340" spans="14:14">
      <c r="N180340" s="10"/>
    </row>
    <row r="180341" spans="14:14">
      <c r="N180341" s="10"/>
    </row>
    <row r="180342" spans="14:14">
      <c r="N180342" s="10"/>
    </row>
    <row r="180343" spans="14:14">
      <c r="N180343" s="10"/>
    </row>
    <row r="180344" spans="14:14">
      <c r="N180344" s="10"/>
    </row>
    <row r="180345" spans="14:14">
      <c r="N180345" s="10"/>
    </row>
    <row r="180346" spans="14:14">
      <c r="N180346" s="10"/>
    </row>
    <row r="180347" spans="14:14">
      <c r="N180347" s="10"/>
    </row>
    <row r="180348" spans="14:14">
      <c r="N180348" s="10"/>
    </row>
    <row r="180349" spans="14:14">
      <c r="N180349" s="10"/>
    </row>
    <row r="180350" spans="14:14">
      <c r="N180350" s="10"/>
    </row>
    <row r="180351" spans="14:14">
      <c r="N180351" s="10"/>
    </row>
    <row r="180352" spans="14:14">
      <c r="N180352" s="10"/>
    </row>
    <row r="180353" spans="14:14">
      <c r="N180353" s="10"/>
    </row>
    <row r="180354" spans="14:14">
      <c r="N180354" s="10"/>
    </row>
    <row r="180355" spans="14:14">
      <c r="N180355" s="10"/>
    </row>
    <row r="180356" spans="14:14">
      <c r="N180356" s="10"/>
    </row>
    <row r="180357" spans="14:14">
      <c r="N180357" s="10"/>
    </row>
    <row r="180358" spans="14:14">
      <c r="N180358" s="10"/>
    </row>
    <row r="180359" spans="14:14">
      <c r="N180359" s="10"/>
    </row>
    <row r="180360" spans="14:14">
      <c r="N180360" s="10"/>
    </row>
    <row r="180361" spans="14:14">
      <c r="N180361" s="10"/>
    </row>
    <row r="180362" spans="14:14">
      <c r="N180362" s="10"/>
    </row>
    <row r="180363" spans="14:14">
      <c r="N180363" s="10"/>
    </row>
    <row r="180364" spans="14:14">
      <c r="N180364" s="10"/>
    </row>
    <row r="180365" spans="14:14">
      <c r="N180365" s="10"/>
    </row>
    <row r="180366" spans="14:14">
      <c r="N180366" s="10"/>
    </row>
    <row r="180367" spans="14:14">
      <c r="N180367" s="10"/>
    </row>
    <row r="180368" spans="14:14">
      <c r="N180368" s="10"/>
    </row>
    <row r="180369" spans="14:14">
      <c r="N180369" s="10"/>
    </row>
    <row r="180370" spans="14:14">
      <c r="N180370" s="10"/>
    </row>
    <row r="180371" spans="14:14">
      <c r="N180371" s="10"/>
    </row>
    <row r="180372" spans="14:14">
      <c r="N180372" s="10"/>
    </row>
    <row r="180373" spans="14:14">
      <c r="N180373" s="10"/>
    </row>
    <row r="180374" spans="14:14">
      <c r="N180374" s="10"/>
    </row>
    <row r="180375" spans="14:14">
      <c r="N180375" s="10"/>
    </row>
    <row r="180376" spans="14:14">
      <c r="N180376" s="10"/>
    </row>
    <row r="180377" spans="14:14">
      <c r="N180377" s="10"/>
    </row>
    <row r="180378" spans="14:14">
      <c r="N180378" s="10"/>
    </row>
    <row r="180379" spans="14:14">
      <c r="N180379" s="10"/>
    </row>
    <row r="180380" spans="14:14">
      <c r="N180380" s="10"/>
    </row>
    <row r="180381" spans="14:14">
      <c r="N180381" s="10"/>
    </row>
    <row r="180382" spans="14:14">
      <c r="N180382" s="10"/>
    </row>
    <row r="180383" spans="14:14">
      <c r="N180383" s="10"/>
    </row>
    <row r="180384" spans="14:14">
      <c r="N180384" s="10"/>
    </row>
    <row r="180385" spans="14:14">
      <c r="N180385" s="10"/>
    </row>
    <row r="180386" spans="14:14">
      <c r="N180386" s="10"/>
    </row>
    <row r="180387" spans="14:14">
      <c r="N180387" s="10"/>
    </row>
    <row r="180388" spans="14:14">
      <c r="N180388" s="10"/>
    </row>
    <row r="180389" spans="14:14">
      <c r="N180389" s="10"/>
    </row>
    <row r="180390" spans="14:14">
      <c r="N180390" s="10"/>
    </row>
    <row r="180391" spans="14:14">
      <c r="N180391" s="10"/>
    </row>
    <row r="180392" spans="14:14">
      <c r="N180392" s="10"/>
    </row>
    <row r="180393" spans="14:14">
      <c r="N180393" s="10"/>
    </row>
    <row r="180394" spans="14:14">
      <c r="N180394" s="10"/>
    </row>
    <row r="180395" spans="14:14">
      <c r="N180395" s="10"/>
    </row>
    <row r="180396" spans="14:14">
      <c r="N180396" s="10"/>
    </row>
    <row r="180397" spans="14:14">
      <c r="N180397" s="10"/>
    </row>
    <row r="180398" spans="14:14">
      <c r="N180398" s="10"/>
    </row>
    <row r="180399" spans="14:14">
      <c r="N180399" s="10"/>
    </row>
    <row r="180400" spans="14:14">
      <c r="N180400" s="10"/>
    </row>
    <row r="180401" spans="14:14">
      <c r="N180401" s="10"/>
    </row>
    <row r="180402" spans="14:14">
      <c r="N180402" s="10"/>
    </row>
    <row r="180403" spans="14:14">
      <c r="N180403" s="10"/>
    </row>
    <row r="180404" spans="14:14">
      <c r="N180404" s="10"/>
    </row>
    <row r="180405" spans="14:14">
      <c r="N180405" s="10"/>
    </row>
    <row r="180406" spans="14:14">
      <c r="N180406" s="10"/>
    </row>
    <row r="180407" spans="14:14">
      <c r="N180407" s="10"/>
    </row>
    <row r="180408" spans="14:14">
      <c r="N180408" s="10"/>
    </row>
    <row r="180409" spans="14:14">
      <c r="N180409" s="10"/>
    </row>
    <row r="180410" spans="14:14">
      <c r="N180410" s="10"/>
    </row>
    <row r="180411" spans="14:14">
      <c r="N180411" s="10"/>
    </row>
    <row r="180412" spans="14:14">
      <c r="N180412" s="10"/>
    </row>
    <row r="180413" spans="14:14">
      <c r="N180413" s="10"/>
    </row>
    <row r="180414" spans="14:14">
      <c r="N180414" s="10"/>
    </row>
    <row r="180415" spans="14:14">
      <c r="N180415" s="10"/>
    </row>
    <row r="180416" spans="14:14">
      <c r="N180416" s="10"/>
    </row>
    <row r="180417" spans="14:14">
      <c r="N180417" s="10"/>
    </row>
    <row r="180418" spans="14:14">
      <c r="N180418" s="10"/>
    </row>
    <row r="180419" spans="14:14">
      <c r="N180419" s="10"/>
    </row>
    <row r="180420" spans="14:14">
      <c r="N180420" s="10"/>
    </row>
    <row r="180421" spans="14:14">
      <c r="N180421" s="10"/>
    </row>
    <row r="180422" spans="14:14">
      <c r="N180422" s="10"/>
    </row>
    <row r="180423" spans="14:14">
      <c r="N180423" s="10"/>
    </row>
    <row r="180424" spans="14:14">
      <c r="N180424" s="10"/>
    </row>
    <row r="180425" spans="14:14">
      <c r="N180425" s="10"/>
    </row>
    <row r="180426" spans="14:14">
      <c r="N180426" s="10"/>
    </row>
    <row r="180427" spans="14:14">
      <c r="N180427" s="10"/>
    </row>
    <row r="180428" spans="14:14">
      <c r="N180428" s="10"/>
    </row>
    <row r="180429" spans="14:14">
      <c r="N180429" s="10"/>
    </row>
    <row r="180430" spans="14:14">
      <c r="N180430" s="10"/>
    </row>
    <row r="180431" spans="14:14">
      <c r="N180431" s="10"/>
    </row>
    <row r="180432" spans="14:14">
      <c r="N180432" s="10"/>
    </row>
    <row r="180433" spans="14:14">
      <c r="N180433" s="10"/>
    </row>
    <row r="180434" spans="14:14">
      <c r="N180434" s="10"/>
    </row>
    <row r="180435" spans="14:14">
      <c r="N180435" s="10"/>
    </row>
    <row r="180436" spans="14:14">
      <c r="N180436" s="10"/>
    </row>
    <row r="180437" spans="14:14">
      <c r="N180437" s="10"/>
    </row>
    <row r="180438" spans="14:14">
      <c r="N180438" s="10"/>
    </row>
    <row r="180439" spans="14:14">
      <c r="N180439" s="10"/>
    </row>
    <row r="180440" spans="14:14">
      <c r="N180440" s="10"/>
    </row>
    <row r="180441" spans="14:14">
      <c r="N180441" s="10"/>
    </row>
    <row r="180442" spans="14:14">
      <c r="N180442" s="10"/>
    </row>
    <row r="180443" spans="14:14">
      <c r="N180443" s="10"/>
    </row>
    <row r="180444" spans="14:14">
      <c r="N180444" s="10"/>
    </row>
    <row r="180445" spans="14:14">
      <c r="N180445" s="10"/>
    </row>
    <row r="180446" spans="14:14">
      <c r="N180446" s="10"/>
    </row>
    <row r="180447" spans="14:14">
      <c r="N180447" s="10"/>
    </row>
    <row r="180448" spans="14:14">
      <c r="N180448" s="10"/>
    </row>
    <row r="180449" spans="14:14">
      <c r="N180449" s="10"/>
    </row>
    <row r="180450" spans="14:14">
      <c r="N180450" s="10"/>
    </row>
    <row r="180451" spans="14:14">
      <c r="N180451" s="10"/>
    </row>
    <row r="180452" spans="14:14">
      <c r="N180452" s="10"/>
    </row>
    <row r="180453" spans="14:14">
      <c r="N180453" s="10"/>
    </row>
    <row r="180454" spans="14:14">
      <c r="N180454" s="10"/>
    </row>
    <row r="180455" spans="14:14">
      <c r="N180455" s="10"/>
    </row>
    <row r="180456" spans="14:14">
      <c r="N180456" s="10"/>
    </row>
    <row r="180457" spans="14:14">
      <c r="N180457" s="10"/>
    </row>
    <row r="180458" spans="14:14">
      <c r="N180458" s="10"/>
    </row>
    <row r="180459" spans="14:14">
      <c r="N180459" s="10"/>
    </row>
    <row r="180460" spans="14:14">
      <c r="N180460" s="10"/>
    </row>
    <row r="180461" spans="14:14">
      <c r="N180461" s="10"/>
    </row>
    <row r="180462" spans="14:14">
      <c r="N180462" s="10"/>
    </row>
    <row r="180463" spans="14:14">
      <c r="N180463" s="10"/>
    </row>
    <row r="180464" spans="14:14">
      <c r="N180464" s="10"/>
    </row>
    <row r="180465" spans="14:14">
      <c r="N180465" s="10"/>
    </row>
    <row r="180466" spans="14:14">
      <c r="N180466" s="10"/>
    </row>
    <row r="180467" spans="14:14">
      <c r="N180467" s="10"/>
    </row>
    <row r="180468" spans="14:14">
      <c r="N180468" s="10"/>
    </row>
    <row r="180469" spans="14:14">
      <c r="N180469" s="10"/>
    </row>
    <row r="180470" spans="14:14">
      <c r="N180470" s="10"/>
    </row>
    <row r="180471" spans="14:14">
      <c r="N180471" s="10"/>
    </row>
    <row r="180472" spans="14:14">
      <c r="N180472" s="10"/>
    </row>
    <row r="180473" spans="14:14">
      <c r="N180473" s="10"/>
    </row>
    <row r="180474" spans="14:14">
      <c r="N180474" s="10"/>
    </row>
    <row r="180475" spans="14:14">
      <c r="N180475" s="10"/>
    </row>
    <row r="180476" spans="14:14">
      <c r="N180476" s="10"/>
    </row>
    <row r="180477" spans="14:14">
      <c r="N180477" s="10"/>
    </row>
    <row r="180478" spans="14:14">
      <c r="N180478" s="10"/>
    </row>
    <row r="180479" spans="14:14">
      <c r="N180479" s="10"/>
    </row>
    <row r="180480" spans="14:14">
      <c r="N180480" s="10"/>
    </row>
    <row r="180481" spans="14:14">
      <c r="N180481" s="10"/>
    </row>
    <row r="180482" spans="14:14">
      <c r="N180482" s="10"/>
    </row>
    <row r="180483" spans="14:14">
      <c r="N180483" s="10"/>
    </row>
    <row r="180484" spans="14:14">
      <c r="N180484" s="10"/>
    </row>
    <row r="180485" spans="14:14">
      <c r="N180485" s="10"/>
    </row>
    <row r="180486" spans="14:14">
      <c r="N180486" s="10"/>
    </row>
    <row r="180487" spans="14:14">
      <c r="N180487" s="10"/>
    </row>
    <row r="180488" spans="14:14">
      <c r="N180488" s="10"/>
    </row>
    <row r="180489" spans="14:14">
      <c r="N180489" s="10"/>
    </row>
    <row r="180490" spans="14:14">
      <c r="N180490" s="10"/>
    </row>
    <row r="180491" spans="14:14">
      <c r="N180491" s="10"/>
    </row>
    <row r="180492" spans="14:14">
      <c r="N180492" s="10"/>
    </row>
    <row r="180493" spans="14:14">
      <c r="N180493" s="10"/>
    </row>
    <row r="180494" spans="14:14">
      <c r="N180494" s="10"/>
    </row>
    <row r="180495" spans="14:14">
      <c r="N180495" s="10"/>
    </row>
    <row r="180496" spans="14:14">
      <c r="N180496" s="10"/>
    </row>
    <row r="180497" spans="14:14">
      <c r="N180497" s="10"/>
    </row>
    <row r="180498" spans="14:14">
      <c r="N180498" s="10"/>
    </row>
    <row r="180499" spans="14:14">
      <c r="N180499" s="10"/>
    </row>
    <row r="180500" spans="14:14">
      <c r="N180500" s="10"/>
    </row>
    <row r="180501" spans="14:14">
      <c r="N180501" s="10"/>
    </row>
    <row r="180502" spans="14:14">
      <c r="N180502" s="10"/>
    </row>
    <row r="180503" spans="14:14">
      <c r="N180503" s="10"/>
    </row>
    <row r="180504" spans="14:14">
      <c r="N180504" s="10"/>
    </row>
    <row r="180505" spans="14:14">
      <c r="N180505" s="10"/>
    </row>
    <row r="180506" spans="14:14">
      <c r="N180506" s="10"/>
    </row>
    <row r="180507" spans="14:14">
      <c r="N180507" s="10"/>
    </row>
    <row r="180508" spans="14:14">
      <c r="N180508" s="10"/>
    </row>
    <row r="180509" spans="14:14">
      <c r="N180509" s="10"/>
    </row>
    <row r="180510" spans="14:14">
      <c r="N180510" s="10"/>
    </row>
    <row r="180511" spans="14:14">
      <c r="N180511" s="10"/>
    </row>
    <row r="180512" spans="14:14">
      <c r="N180512" s="10"/>
    </row>
    <row r="180513" spans="14:14">
      <c r="N180513" s="10"/>
    </row>
    <row r="180514" spans="14:14">
      <c r="N180514" s="10"/>
    </row>
    <row r="180515" spans="14:14">
      <c r="N180515" s="10"/>
    </row>
    <row r="180516" spans="14:14">
      <c r="N180516" s="10"/>
    </row>
    <row r="180517" spans="14:14">
      <c r="N180517" s="10"/>
    </row>
    <row r="180518" spans="14:14">
      <c r="N180518" s="10"/>
    </row>
    <row r="180519" spans="14:14">
      <c r="N180519" s="10"/>
    </row>
    <row r="180520" spans="14:14">
      <c r="N180520" s="10"/>
    </row>
    <row r="180521" spans="14:14">
      <c r="N180521" s="10"/>
    </row>
    <row r="180522" spans="14:14">
      <c r="N180522" s="10"/>
    </row>
    <row r="180523" spans="14:14">
      <c r="N180523" s="10"/>
    </row>
    <row r="180524" spans="14:14">
      <c r="N180524" s="10"/>
    </row>
    <row r="180525" spans="14:14">
      <c r="N180525" s="10"/>
    </row>
    <row r="180526" spans="14:14">
      <c r="N180526" s="10"/>
    </row>
    <row r="180527" spans="14:14">
      <c r="N180527" s="10"/>
    </row>
    <row r="180528" spans="14:14">
      <c r="N180528" s="10"/>
    </row>
    <row r="180529" spans="14:14">
      <c r="N180529" s="10"/>
    </row>
    <row r="180530" spans="14:14">
      <c r="N180530" s="10"/>
    </row>
    <row r="180531" spans="14:14">
      <c r="N180531" s="10"/>
    </row>
    <row r="180532" spans="14:14">
      <c r="N180532" s="10"/>
    </row>
    <row r="180533" spans="14:14">
      <c r="N180533" s="10"/>
    </row>
    <row r="180534" spans="14:14">
      <c r="N180534" s="10"/>
    </row>
    <row r="180535" spans="14:14">
      <c r="N180535" s="10"/>
    </row>
    <row r="180536" spans="14:14">
      <c r="N180536" s="10"/>
    </row>
    <row r="180537" spans="14:14">
      <c r="N180537" s="10"/>
    </row>
    <row r="180538" spans="14:14">
      <c r="N180538" s="10"/>
    </row>
    <row r="180539" spans="14:14">
      <c r="N180539" s="10"/>
    </row>
    <row r="180540" spans="14:14">
      <c r="N180540" s="10"/>
    </row>
    <row r="180541" spans="14:14">
      <c r="N180541" s="10"/>
    </row>
    <row r="180542" spans="14:14">
      <c r="N180542" s="10"/>
    </row>
    <row r="180543" spans="14:14">
      <c r="N180543" s="10"/>
    </row>
    <row r="180544" spans="14:14">
      <c r="N180544" s="10"/>
    </row>
    <row r="180545" spans="14:14">
      <c r="N180545" s="10"/>
    </row>
    <row r="180546" spans="14:14">
      <c r="N180546" s="10"/>
    </row>
    <row r="180547" spans="14:14">
      <c r="N180547" s="10"/>
    </row>
    <row r="180548" spans="14:14">
      <c r="N180548" s="10"/>
    </row>
    <row r="180549" spans="14:14">
      <c r="N180549" s="10"/>
    </row>
    <row r="180550" spans="14:14">
      <c r="N180550" s="10"/>
    </row>
    <row r="180551" spans="14:14">
      <c r="N180551" s="10"/>
    </row>
    <row r="180552" spans="14:14">
      <c r="N180552" s="10"/>
    </row>
    <row r="180553" spans="14:14">
      <c r="N180553" s="10"/>
    </row>
    <row r="180554" spans="14:14">
      <c r="N180554" s="10"/>
    </row>
    <row r="180555" spans="14:14">
      <c r="N180555" s="10"/>
    </row>
    <row r="180556" spans="14:14">
      <c r="N180556" s="10"/>
    </row>
    <row r="180557" spans="14:14">
      <c r="N180557" s="10"/>
    </row>
    <row r="180558" spans="14:14">
      <c r="N180558" s="10"/>
    </row>
    <row r="180559" spans="14:14">
      <c r="N180559" s="10"/>
    </row>
    <row r="180560" spans="14:14">
      <c r="N180560" s="10"/>
    </row>
    <row r="180561" spans="14:14">
      <c r="N180561" s="10"/>
    </row>
    <row r="180562" spans="14:14">
      <c r="N180562" s="10"/>
    </row>
    <row r="180563" spans="14:14">
      <c r="N180563" s="10"/>
    </row>
    <row r="180564" spans="14:14">
      <c r="N180564" s="10"/>
    </row>
    <row r="180565" spans="14:14">
      <c r="N180565" s="10"/>
    </row>
    <row r="180566" spans="14:14">
      <c r="N180566" s="10"/>
    </row>
    <row r="180567" spans="14:14">
      <c r="N180567" s="10"/>
    </row>
    <row r="180568" spans="14:14">
      <c r="N180568" s="10"/>
    </row>
    <row r="180569" spans="14:14">
      <c r="N180569" s="10"/>
    </row>
    <row r="180570" spans="14:14">
      <c r="N180570" s="10"/>
    </row>
    <row r="180571" spans="14:14">
      <c r="N180571" s="10"/>
    </row>
    <row r="180572" spans="14:14">
      <c r="N180572" s="10"/>
    </row>
    <row r="180573" spans="14:14">
      <c r="N180573" s="10"/>
    </row>
    <row r="180574" spans="14:14">
      <c r="N180574" s="10"/>
    </row>
    <row r="180575" spans="14:14">
      <c r="N180575" s="10"/>
    </row>
    <row r="180576" spans="14:14">
      <c r="N180576" s="10"/>
    </row>
    <row r="180577" spans="14:14">
      <c r="N180577" s="10"/>
    </row>
    <row r="180578" spans="14:14">
      <c r="N180578" s="10"/>
    </row>
    <row r="180579" spans="14:14">
      <c r="N180579" s="10"/>
    </row>
    <row r="180580" spans="14:14">
      <c r="N180580" s="10"/>
    </row>
    <row r="180581" spans="14:14">
      <c r="N180581" s="10"/>
    </row>
    <row r="180582" spans="14:14">
      <c r="N180582" s="10"/>
    </row>
    <row r="180583" spans="14:14">
      <c r="N180583" s="10"/>
    </row>
    <row r="180584" spans="14:14">
      <c r="N180584" s="10"/>
    </row>
    <row r="180585" spans="14:14">
      <c r="N180585" s="10"/>
    </row>
    <row r="180586" spans="14:14">
      <c r="N180586" s="10"/>
    </row>
    <row r="180587" spans="14:14">
      <c r="N180587" s="10"/>
    </row>
    <row r="180588" spans="14:14">
      <c r="N180588" s="10"/>
    </row>
    <row r="180589" spans="14:14">
      <c r="N180589" s="10"/>
    </row>
    <row r="180590" spans="14:14">
      <c r="N180590" s="10"/>
    </row>
    <row r="180591" spans="14:14">
      <c r="N180591" s="10"/>
    </row>
    <row r="180592" spans="14:14">
      <c r="N180592" s="10"/>
    </row>
    <row r="180593" spans="14:14">
      <c r="N180593" s="10"/>
    </row>
    <row r="180594" spans="14:14">
      <c r="N180594" s="10"/>
    </row>
    <row r="180595" spans="14:14">
      <c r="N180595" s="10"/>
    </row>
    <row r="180596" spans="14:14">
      <c r="N180596" s="10"/>
    </row>
    <row r="180597" spans="14:14">
      <c r="N180597" s="10"/>
    </row>
    <row r="180598" spans="14:14">
      <c r="N180598" s="10"/>
    </row>
    <row r="180599" spans="14:14">
      <c r="N180599" s="10"/>
    </row>
    <row r="180600" spans="14:14">
      <c r="N180600" s="10"/>
    </row>
    <row r="180601" spans="14:14">
      <c r="N180601" s="10"/>
    </row>
    <row r="180602" spans="14:14">
      <c r="N180602" s="10"/>
    </row>
    <row r="180603" spans="14:14">
      <c r="N180603" s="10"/>
    </row>
    <row r="180604" spans="14:14">
      <c r="N180604" s="10"/>
    </row>
    <row r="180605" spans="14:14">
      <c r="N180605" s="10"/>
    </row>
    <row r="180606" spans="14:14">
      <c r="N180606" s="10"/>
    </row>
    <row r="180607" spans="14:14">
      <c r="N180607" s="10"/>
    </row>
    <row r="180608" spans="14:14">
      <c r="N180608" s="10"/>
    </row>
    <row r="180609" spans="14:14">
      <c r="N180609" s="10"/>
    </row>
    <row r="180610" spans="14:14">
      <c r="N180610" s="10"/>
    </row>
    <row r="180611" spans="14:14">
      <c r="N180611" s="10"/>
    </row>
    <row r="180612" spans="14:14">
      <c r="N180612" s="10"/>
    </row>
    <row r="180613" spans="14:14">
      <c r="N180613" s="10"/>
    </row>
    <row r="180614" spans="14:14">
      <c r="N180614" s="10"/>
    </row>
    <row r="180615" spans="14:14">
      <c r="N180615" s="10"/>
    </row>
    <row r="180616" spans="14:14">
      <c r="N180616" s="10"/>
    </row>
    <row r="180617" spans="14:14">
      <c r="N180617" s="10"/>
    </row>
    <row r="180618" spans="14:14">
      <c r="N180618" s="10"/>
    </row>
    <row r="180619" spans="14:14">
      <c r="N180619" s="10"/>
    </row>
    <row r="180620" spans="14:14">
      <c r="N180620" s="10"/>
    </row>
    <row r="180621" spans="14:14">
      <c r="N180621" s="10"/>
    </row>
    <row r="180622" spans="14:14">
      <c r="N180622" s="10"/>
    </row>
    <row r="180623" spans="14:14">
      <c r="N180623" s="10"/>
    </row>
    <row r="180624" spans="14:14">
      <c r="N180624" s="10"/>
    </row>
    <row r="180625" spans="14:14">
      <c r="N180625" s="10"/>
    </row>
    <row r="180626" spans="14:14">
      <c r="N180626" s="10"/>
    </row>
    <row r="180627" spans="14:14">
      <c r="N180627" s="10"/>
    </row>
    <row r="180628" spans="14:14">
      <c r="N180628" s="10"/>
    </row>
    <row r="180629" spans="14:14">
      <c r="N180629" s="10"/>
    </row>
    <row r="180630" spans="14:14">
      <c r="N180630" s="10"/>
    </row>
    <row r="180631" spans="14:14">
      <c r="N180631" s="10"/>
    </row>
    <row r="180632" spans="14:14">
      <c r="N180632" s="10"/>
    </row>
    <row r="180633" spans="14:14">
      <c r="N180633" s="10"/>
    </row>
    <row r="180634" spans="14:14">
      <c r="N180634" s="10"/>
    </row>
    <row r="180635" spans="14:14">
      <c r="N180635" s="10"/>
    </row>
    <row r="180636" spans="14:14">
      <c r="N180636" s="10"/>
    </row>
    <row r="180637" spans="14:14">
      <c r="N180637" s="10"/>
    </row>
    <row r="180638" spans="14:14">
      <c r="N180638" s="10"/>
    </row>
    <row r="180639" spans="14:14">
      <c r="N180639" s="10"/>
    </row>
    <row r="180640" spans="14:14">
      <c r="N180640" s="10"/>
    </row>
    <row r="180641" spans="14:14">
      <c r="N180641" s="10"/>
    </row>
    <row r="180642" spans="14:14">
      <c r="N180642" s="10"/>
    </row>
    <row r="180643" spans="14:14">
      <c r="N180643" s="10"/>
    </row>
    <row r="180644" spans="14:14">
      <c r="N180644" s="10"/>
    </row>
    <row r="180645" spans="14:14">
      <c r="N180645" s="10"/>
    </row>
    <row r="180646" spans="14:14">
      <c r="N180646" s="10"/>
    </row>
    <row r="180647" spans="14:14">
      <c r="N180647" s="10"/>
    </row>
    <row r="180648" spans="14:14">
      <c r="N180648" s="10"/>
    </row>
    <row r="180649" spans="14:14">
      <c r="N180649" s="10"/>
    </row>
    <row r="180650" spans="14:14">
      <c r="N180650" s="10"/>
    </row>
    <row r="180651" spans="14:14">
      <c r="N180651" s="10"/>
    </row>
    <row r="180652" spans="14:14">
      <c r="N180652" s="10"/>
    </row>
    <row r="180653" spans="14:14">
      <c r="N180653" s="10"/>
    </row>
    <row r="180654" spans="14:14">
      <c r="N180654" s="10"/>
    </row>
    <row r="180655" spans="14:14">
      <c r="N180655" s="10"/>
    </row>
    <row r="180656" spans="14:14">
      <c r="N180656" s="10"/>
    </row>
    <row r="180657" spans="14:14">
      <c r="N180657" s="10"/>
    </row>
    <row r="180658" spans="14:14">
      <c r="N180658" s="10"/>
    </row>
    <row r="180659" spans="14:14">
      <c r="N180659" s="10"/>
    </row>
    <row r="180660" spans="14:14">
      <c r="N180660" s="10"/>
    </row>
    <row r="180661" spans="14:14">
      <c r="N180661" s="10"/>
    </row>
    <row r="180662" spans="14:14">
      <c r="N180662" s="10"/>
    </row>
    <row r="180663" spans="14:14">
      <c r="N180663" s="10"/>
    </row>
    <row r="180664" spans="14:14">
      <c r="N180664" s="10"/>
    </row>
    <row r="180665" spans="14:14">
      <c r="N180665" s="10"/>
    </row>
    <row r="180666" spans="14:14">
      <c r="N180666" s="10"/>
    </row>
    <row r="180667" spans="14:14">
      <c r="N180667" s="10"/>
    </row>
    <row r="180668" spans="14:14">
      <c r="N180668" s="10"/>
    </row>
    <row r="180669" spans="14:14">
      <c r="N180669" s="10"/>
    </row>
    <row r="180670" spans="14:14">
      <c r="N180670" s="10"/>
    </row>
    <row r="180671" spans="14:14">
      <c r="N180671" s="10"/>
    </row>
    <row r="180672" spans="14:14">
      <c r="N180672" s="10"/>
    </row>
    <row r="180673" spans="14:14">
      <c r="N180673" s="10"/>
    </row>
    <row r="180674" spans="14:14">
      <c r="N180674" s="10"/>
    </row>
    <row r="180675" spans="14:14">
      <c r="N180675" s="10"/>
    </row>
    <row r="180676" spans="14:14">
      <c r="N180676" s="10"/>
    </row>
    <row r="180677" spans="14:14">
      <c r="N180677" s="10"/>
    </row>
    <row r="180678" spans="14:14">
      <c r="N180678" s="10"/>
    </row>
    <row r="180679" spans="14:14">
      <c r="N180679" s="10"/>
    </row>
    <row r="180680" spans="14:14">
      <c r="N180680" s="10"/>
    </row>
    <row r="180681" spans="14:14">
      <c r="N180681" s="10"/>
    </row>
    <row r="180682" spans="14:14">
      <c r="N180682" s="10"/>
    </row>
    <row r="180683" spans="14:14">
      <c r="N180683" s="10"/>
    </row>
    <row r="180684" spans="14:14">
      <c r="N180684" s="10"/>
    </row>
    <row r="180685" spans="14:14">
      <c r="N180685" s="10"/>
    </row>
    <row r="180686" spans="14:14">
      <c r="N180686" s="10"/>
    </row>
    <row r="180687" spans="14:14">
      <c r="N180687" s="10"/>
    </row>
    <row r="180688" spans="14:14">
      <c r="N180688" s="10"/>
    </row>
    <row r="180689" spans="14:14">
      <c r="N180689" s="10"/>
    </row>
    <row r="180690" spans="14:14">
      <c r="N180690" s="10"/>
    </row>
    <row r="180691" spans="14:14">
      <c r="N180691" s="10"/>
    </row>
    <row r="180692" spans="14:14">
      <c r="N180692" s="10"/>
    </row>
    <row r="180693" spans="14:14">
      <c r="N180693" s="10"/>
    </row>
    <row r="180694" spans="14:14">
      <c r="N180694" s="10"/>
    </row>
    <row r="180695" spans="14:14">
      <c r="N180695" s="10"/>
    </row>
    <row r="180696" spans="14:14">
      <c r="N180696" s="10"/>
    </row>
    <row r="180697" spans="14:14">
      <c r="N180697" s="10"/>
    </row>
    <row r="180698" spans="14:14">
      <c r="N180698" s="10"/>
    </row>
    <row r="180699" spans="14:14">
      <c r="N180699" s="10"/>
    </row>
    <row r="180700" spans="14:14">
      <c r="N180700" s="10"/>
    </row>
    <row r="180701" spans="14:14">
      <c r="N180701" s="10"/>
    </row>
    <row r="180702" spans="14:14">
      <c r="N180702" s="10"/>
    </row>
    <row r="180703" spans="14:14">
      <c r="N180703" s="10"/>
    </row>
    <row r="180704" spans="14:14">
      <c r="N180704" s="10"/>
    </row>
    <row r="180705" spans="14:14">
      <c r="N180705" s="10"/>
    </row>
    <row r="180706" spans="14:14">
      <c r="N180706" s="10"/>
    </row>
    <row r="180707" spans="14:14">
      <c r="N180707" s="10"/>
    </row>
    <row r="180708" spans="14:14">
      <c r="N180708" s="10"/>
    </row>
    <row r="180709" spans="14:14">
      <c r="N180709" s="10"/>
    </row>
    <row r="180710" spans="14:14">
      <c r="N180710" s="10"/>
    </row>
    <row r="180711" spans="14:14">
      <c r="N180711" s="10"/>
    </row>
    <row r="180712" spans="14:14">
      <c r="N180712" s="10"/>
    </row>
    <row r="180713" spans="14:14">
      <c r="N180713" s="10"/>
    </row>
    <row r="180714" spans="14:14">
      <c r="N180714" s="10"/>
    </row>
    <row r="180715" spans="14:14">
      <c r="N180715" s="10"/>
    </row>
    <row r="180716" spans="14:14">
      <c r="N180716" s="10"/>
    </row>
    <row r="180717" spans="14:14">
      <c r="N180717" s="10"/>
    </row>
    <row r="180718" spans="14:14">
      <c r="N180718" s="10"/>
    </row>
    <row r="180719" spans="14:14">
      <c r="N180719" s="10"/>
    </row>
    <row r="180720" spans="14:14">
      <c r="N180720" s="10"/>
    </row>
    <row r="180721" spans="14:14">
      <c r="N180721" s="10"/>
    </row>
    <row r="180722" spans="14:14">
      <c r="N180722" s="10"/>
    </row>
    <row r="180723" spans="14:14">
      <c r="N180723" s="10"/>
    </row>
    <row r="180724" spans="14:14">
      <c r="N180724" s="10"/>
    </row>
    <row r="180725" spans="14:14">
      <c r="N180725" s="10"/>
    </row>
    <row r="180726" spans="14:14">
      <c r="N180726" s="10"/>
    </row>
    <row r="180727" spans="14:14">
      <c r="N180727" s="10"/>
    </row>
    <row r="180728" spans="14:14">
      <c r="N180728" s="10"/>
    </row>
    <row r="180729" spans="14:14">
      <c r="N180729" s="10"/>
    </row>
    <row r="180730" spans="14:14">
      <c r="N180730" s="10"/>
    </row>
    <row r="180731" spans="14:14">
      <c r="N180731" s="10"/>
    </row>
    <row r="180732" spans="14:14">
      <c r="N180732" s="10"/>
    </row>
    <row r="180733" spans="14:14">
      <c r="N180733" s="10"/>
    </row>
    <row r="180734" spans="14:14">
      <c r="N180734" s="10"/>
    </row>
    <row r="180735" spans="14:14">
      <c r="N180735" s="10"/>
    </row>
    <row r="180736" spans="14:14">
      <c r="N180736" s="10"/>
    </row>
    <row r="180737" spans="14:14">
      <c r="N180737" s="10"/>
    </row>
    <row r="180738" spans="14:14">
      <c r="N180738" s="10"/>
    </row>
    <row r="180739" spans="14:14">
      <c r="N180739" s="10"/>
    </row>
    <row r="180740" spans="14:14">
      <c r="N180740" s="10"/>
    </row>
    <row r="180741" spans="14:14">
      <c r="N180741" s="10"/>
    </row>
    <row r="180742" spans="14:14">
      <c r="N180742" s="10"/>
    </row>
    <row r="180743" spans="14:14">
      <c r="N180743" s="10"/>
    </row>
    <row r="180744" spans="14:14">
      <c r="N180744" s="10"/>
    </row>
    <row r="180745" spans="14:14">
      <c r="N180745" s="10"/>
    </row>
    <row r="180746" spans="14:14">
      <c r="N180746" s="10"/>
    </row>
    <row r="180747" spans="14:14">
      <c r="N180747" s="10"/>
    </row>
    <row r="180748" spans="14:14">
      <c r="N180748" s="10"/>
    </row>
    <row r="180749" spans="14:14">
      <c r="N180749" s="10"/>
    </row>
    <row r="180750" spans="14:14">
      <c r="N180750" s="10"/>
    </row>
    <row r="180751" spans="14:14">
      <c r="N180751" s="10"/>
    </row>
    <row r="180752" spans="14:14">
      <c r="N180752" s="10"/>
    </row>
    <row r="180753" spans="14:14">
      <c r="N180753" s="10"/>
    </row>
    <row r="180754" spans="14:14">
      <c r="N180754" s="10"/>
    </row>
    <row r="180755" spans="14:14">
      <c r="N180755" s="10"/>
    </row>
    <row r="180756" spans="14:14">
      <c r="N180756" s="10"/>
    </row>
    <row r="180757" spans="14:14">
      <c r="N180757" s="10"/>
    </row>
    <row r="180758" spans="14:14">
      <c r="N180758" s="10"/>
    </row>
    <row r="180759" spans="14:14">
      <c r="N180759" s="10"/>
    </row>
    <row r="180760" spans="14:14">
      <c r="N180760" s="10"/>
    </row>
    <row r="180761" spans="14:14">
      <c r="N180761" s="10"/>
    </row>
    <row r="180762" spans="14:14">
      <c r="N180762" s="10"/>
    </row>
    <row r="180763" spans="14:14">
      <c r="N180763" s="10"/>
    </row>
    <row r="180764" spans="14:14">
      <c r="N180764" s="10"/>
    </row>
    <row r="180765" spans="14:14">
      <c r="N180765" s="10"/>
    </row>
    <row r="180766" spans="14:14">
      <c r="N180766" s="10"/>
    </row>
    <row r="180767" spans="14:14">
      <c r="N180767" s="10"/>
    </row>
    <row r="180768" spans="14:14">
      <c r="N180768" s="10"/>
    </row>
    <row r="180769" spans="14:14">
      <c r="N180769" s="10"/>
    </row>
    <row r="180770" spans="14:14">
      <c r="N180770" s="10"/>
    </row>
    <row r="180771" spans="14:14">
      <c r="N180771" s="10"/>
    </row>
    <row r="180772" spans="14:14">
      <c r="N180772" s="10"/>
    </row>
    <row r="180773" spans="14:14">
      <c r="N180773" s="10"/>
    </row>
    <row r="180774" spans="14:14">
      <c r="N180774" s="10"/>
    </row>
    <row r="180775" spans="14:14">
      <c r="N180775" s="10"/>
    </row>
    <row r="180776" spans="14:14">
      <c r="N180776" s="10"/>
    </row>
    <row r="180777" spans="14:14">
      <c r="N180777" s="10"/>
    </row>
    <row r="180778" spans="14:14">
      <c r="N180778" s="10"/>
    </row>
    <row r="180779" spans="14:14">
      <c r="N180779" s="10"/>
    </row>
    <row r="180780" spans="14:14">
      <c r="N180780" s="10"/>
    </row>
    <row r="180781" spans="14:14">
      <c r="N180781" s="10"/>
    </row>
    <row r="180782" spans="14:14">
      <c r="N180782" s="10"/>
    </row>
    <row r="180783" spans="14:14">
      <c r="N180783" s="10"/>
    </row>
    <row r="180784" spans="14:14">
      <c r="N180784" s="10"/>
    </row>
    <row r="180785" spans="14:14">
      <c r="N180785" s="10"/>
    </row>
    <row r="180786" spans="14:14">
      <c r="N180786" s="10"/>
    </row>
    <row r="180787" spans="14:14">
      <c r="N180787" s="10"/>
    </row>
    <row r="180788" spans="14:14">
      <c r="N180788" s="10"/>
    </row>
    <row r="180789" spans="14:14">
      <c r="N180789" s="10"/>
    </row>
    <row r="180790" spans="14:14">
      <c r="N180790" s="10"/>
    </row>
    <row r="180791" spans="14:14">
      <c r="N180791" s="10"/>
    </row>
    <row r="180792" spans="14:14">
      <c r="N180792" s="10"/>
    </row>
    <row r="180793" spans="14:14">
      <c r="N180793" s="10"/>
    </row>
    <row r="180794" spans="14:14">
      <c r="N180794" s="10"/>
    </row>
    <row r="180795" spans="14:14">
      <c r="N180795" s="10"/>
    </row>
    <row r="180796" spans="14:14">
      <c r="N180796" s="10"/>
    </row>
    <row r="180797" spans="14:14">
      <c r="N180797" s="10"/>
    </row>
    <row r="180798" spans="14:14">
      <c r="N180798" s="10"/>
    </row>
    <row r="180799" spans="14:14">
      <c r="N180799" s="10"/>
    </row>
    <row r="180800" spans="14:14">
      <c r="N180800" s="10"/>
    </row>
    <row r="180801" spans="14:14">
      <c r="N180801" s="10"/>
    </row>
    <row r="180802" spans="14:14">
      <c r="N180802" s="10"/>
    </row>
    <row r="180803" spans="14:14">
      <c r="N180803" s="10"/>
    </row>
    <row r="180804" spans="14:14">
      <c r="N180804" s="10"/>
    </row>
    <row r="180805" spans="14:14">
      <c r="N180805" s="10"/>
    </row>
    <row r="180806" spans="14:14">
      <c r="N180806" s="10"/>
    </row>
    <row r="180807" spans="14:14">
      <c r="N180807" s="10"/>
    </row>
    <row r="180808" spans="14:14">
      <c r="N180808" s="10"/>
    </row>
    <row r="180809" spans="14:14">
      <c r="N180809" s="10"/>
    </row>
    <row r="180810" spans="14:14">
      <c r="N180810" s="10"/>
    </row>
    <row r="180811" spans="14:14">
      <c r="N180811" s="10"/>
    </row>
    <row r="180812" spans="14:14">
      <c r="N180812" s="10"/>
    </row>
    <row r="180813" spans="14:14">
      <c r="N180813" s="10"/>
    </row>
    <row r="180814" spans="14:14">
      <c r="N180814" s="10"/>
    </row>
    <row r="180815" spans="14:14">
      <c r="N180815" s="10"/>
    </row>
    <row r="180816" spans="14:14">
      <c r="N180816" s="10"/>
    </row>
    <row r="180817" spans="14:14">
      <c r="N180817" s="10"/>
    </row>
    <row r="180818" spans="14:14">
      <c r="N180818" s="10"/>
    </row>
    <row r="180819" spans="14:14">
      <c r="N180819" s="10"/>
    </row>
    <row r="180820" spans="14:14">
      <c r="N180820" s="10"/>
    </row>
    <row r="180821" spans="14:14">
      <c r="N180821" s="10"/>
    </row>
    <row r="180822" spans="14:14">
      <c r="N180822" s="10"/>
    </row>
    <row r="180823" spans="14:14">
      <c r="N180823" s="10"/>
    </row>
    <row r="180824" spans="14:14">
      <c r="N180824" s="10"/>
    </row>
    <row r="180825" spans="14:14">
      <c r="N180825" s="10"/>
    </row>
    <row r="180826" spans="14:14">
      <c r="N180826" s="10"/>
    </row>
    <row r="180827" spans="14:14">
      <c r="N180827" s="10"/>
    </row>
    <row r="180828" spans="14:14">
      <c r="N180828" s="10"/>
    </row>
    <row r="180829" spans="14:14">
      <c r="N180829" s="10"/>
    </row>
    <row r="180830" spans="14:14">
      <c r="N180830" s="10"/>
    </row>
    <row r="180831" spans="14:14">
      <c r="N180831" s="10"/>
    </row>
    <row r="180832" spans="14:14">
      <c r="N180832" s="10"/>
    </row>
    <row r="180833" spans="14:14">
      <c r="N180833" s="10"/>
    </row>
    <row r="180834" spans="14:14">
      <c r="N180834" s="10"/>
    </row>
    <row r="180835" spans="14:14">
      <c r="N180835" s="10"/>
    </row>
    <row r="180836" spans="14:14">
      <c r="N180836" s="10"/>
    </row>
    <row r="180837" spans="14:14">
      <c r="N180837" s="10"/>
    </row>
    <row r="180838" spans="14:14">
      <c r="N180838" s="10"/>
    </row>
    <row r="180839" spans="14:14">
      <c r="N180839" s="10"/>
    </row>
    <row r="180840" spans="14:14">
      <c r="N180840" s="10"/>
    </row>
    <row r="180841" spans="14:14">
      <c r="N180841" s="10"/>
    </row>
    <row r="180842" spans="14:14">
      <c r="N180842" s="10"/>
    </row>
    <row r="180843" spans="14:14">
      <c r="N180843" s="10"/>
    </row>
    <row r="180844" spans="14:14">
      <c r="N180844" s="10"/>
    </row>
    <row r="180845" spans="14:14">
      <c r="N180845" s="10"/>
    </row>
    <row r="180846" spans="14:14">
      <c r="N180846" s="10"/>
    </row>
    <row r="180847" spans="14:14">
      <c r="N180847" s="10"/>
    </row>
    <row r="180848" spans="14:14">
      <c r="N180848" s="10"/>
    </row>
    <row r="180849" spans="14:14">
      <c r="N180849" s="10"/>
    </row>
    <row r="180850" spans="14:14">
      <c r="N180850" s="10"/>
    </row>
    <row r="180851" spans="14:14">
      <c r="N180851" s="10"/>
    </row>
    <row r="180852" spans="14:14">
      <c r="N180852" s="10"/>
    </row>
    <row r="180853" spans="14:14">
      <c r="N180853" s="10"/>
    </row>
    <row r="180854" spans="14:14">
      <c r="N180854" s="10"/>
    </row>
    <row r="180855" spans="14:14">
      <c r="N180855" s="10"/>
    </row>
    <row r="180856" spans="14:14">
      <c r="N180856" s="10"/>
    </row>
    <row r="180857" spans="14:14">
      <c r="N180857" s="10"/>
    </row>
    <row r="180858" spans="14:14">
      <c r="N180858" s="10"/>
    </row>
    <row r="180859" spans="14:14">
      <c r="N180859" s="10"/>
    </row>
    <row r="180860" spans="14:14">
      <c r="N180860" s="10"/>
    </row>
    <row r="180861" spans="14:14">
      <c r="N180861" s="10"/>
    </row>
    <row r="180862" spans="14:14">
      <c r="N180862" s="10"/>
    </row>
    <row r="180863" spans="14:14">
      <c r="N180863" s="10"/>
    </row>
    <row r="180864" spans="14:14">
      <c r="N180864" s="10"/>
    </row>
    <row r="180865" spans="14:14">
      <c r="N180865" s="10"/>
    </row>
    <row r="180866" spans="14:14">
      <c r="N180866" s="10"/>
    </row>
    <row r="180867" spans="14:14">
      <c r="N180867" s="10"/>
    </row>
    <row r="180868" spans="14:14">
      <c r="N180868" s="10"/>
    </row>
    <row r="180869" spans="14:14">
      <c r="N180869" s="10"/>
    </row>
    <row r="180870" spans="14:14">
      <c r="N180870" s="10"/>
    </row>
    <row r="180871" spans="14:14">
      <c r="N180871" s="10"/>
    </row>
    <row r="180872" spans="14:14">
      <c r="N180872" s="10"/>
    </row>
    <row r="180873" spans="14:14">
      <c r="N180873" s="10"/>
    </row>
    <row r="180874" spans="14:14">
      <c r="N180874" s="10"/>
    </row>
    <row r="180875" spans="14:14">
      <c r="N180875" s="10"/>
    </row>
    <row r="180876" spans="14:14">
      <c r="N180876" s="10"/>
    </row>
    <row r="180877" spans="14:14">
      <c r="N180877" s="10"/>
    </row>
    <row r="180878" spans="14:14">
      <c r="N180878" s="10"/>
    </row>
    <row r="180879" spans="14:14">
      <c r="N180879" s="10"/>
    </row>
    <row r="180880" spans="14:14">
      <c r="N180880" s="10"/>
    </row>
    <row r="180881" spans="14:14">
      <c r="N180881" s="10"/>
    </row>
    <row r="180882" spans="14:14">
      <c r="N180882" s="10"/>
    </row>
    <row r="180883" spans="14:14">
      <c r="N180883" s="10"/>
    </row>
    <row r="180884" spans="14:14">
      <c r="N180884" s="10"/>
    </row>
    <row r="180885" spans="14:14">
      <c r="N180885" s="10"/>
    </row>
    <row r="180886" spans="14:14">
      <c r="N180886" s="10"/>
    </row>
    <row r="180887" spans="14:14">
      <c r="N180887" s="10"/>
    </row>
    <row r="180888" spans="14:14">
      <c r="N180888" s="10"/>
    </row>
    <row r="180889" spans="14:14">
      <c r="N180889" s="10"/>
    </row>
    <row r="180890" spans="14:14">
      <c r="N180890" s="10"/>
    </row>
    <row r="180891" spans="14:14">
      <c r="N180891" s="10"/>
    </row>
    <row r="180892" spans="14:14">
      <c r="N180892" s="10"/>
    </row>
    <row r="180893" spans="14:14">
      <c r="N180893" s="10"/>
    </row>
    <row r="180894" spans="14:14">
      <c r="N180894" s="10"/>
    </row>
    <row r="180895" spans="14:14">
      <c r="N180895" s="10"/>
    </row>
    <row r="180896" spans="14:14">
      <c r="N180896" s="10"/>
    </row>
    <row r="180897" spans="14:14">
      <c r="N180897" s="10"/>
    </row>
    <row r="180898" spans="14:14">
      <c r="N180898" s="10"/>
    </row>
    <row r="180899" spans="14:14">
      <c r="N180899" s="10"/>
    </row>
    <row r="180900" spans="14:14">
      <c r="N180900" s="10"/>
    </row>
    <row r="180901" spans="14:14">
      <c r="N180901" s="10"/>
    </row>
    <row r="180902" spans="14:14">
      <c r="N180902" s="10"/>
    </row>
    <row r="180903" spans="14:14">
      <c r="N180903" s="10"/>
    </row>
    <row r="180904" spans="14:14">
      <c r="N180904" s="10"/>
    </row>
    <row r="180905" spans="14:14">
      <c r="N180905" s="10"/>
    </row>
    <row r="180906" spans="14:14">
      <c r="N180906" s="10"/>
    </row>
    <row r="180907" spans="14:14">
      <c r="N180907" s="10"/>
    </row>
    <row r="180908" spans="14:14">
      <c r="N180908" s="10"/>
    </row>
    <row r="180909" spans="14:14">
      <c r="N180909" s="10"/>
    </row>
    <row r="180910" spans="14:14">
      <c r="N180910" s="10"/>
    </row>
    <row r="180911" spans="14:14">
      <c r="N180911" s="10"/>
    </row>
    <row r="180912" spans="14:14">
      <c r="N180912" s="10"/>
    </row>
    <row r="180913" spans="14:14">
      <c r="N180913" s="10"/>
    </row>
    <row r="180914" spans="14:14">
      <c r="N180914" s="10"/>
    </row>
    <row r="180915" spans="14:14">
      <c r="N180915" s="10"/>
    </row>
    <row r="180916" spans="14:14">
      <c r="N180916" s="10"/>
    </row>
    <row r="180917" spans="14:14">
      <c r="N180917" s="10"/>
    </row>
    <row r="180918" spans="14:14">
      <c r="N180918" s="10"/>
    </row>
    <row r="180919" spans="14:14">
      <c r="N180919" s="10"/>
    </row>
    <row r="180920" spans="14:14">
      <c r="N180920" s="10"/>
    </row>
    <row r="180921" spans="14:14">
      <c r="N180921" s="10"/>
    </row>
    <row r="180922" spans="14:14">
      <c r="N180922" s="10"/>
    </row>
    <row r="180923" spans="14:14">
      <c r="N180923" s="10"/>
    </row>
    <row r="180924" spans="14:14">
      <c r="N180924" s="10"/>
    </row>
    <row r="180925" spans="14:14">
      <c r="N180925" s="10"/>
    </row>
    <row r="180926" spans="14:14">
      <c r="N180926" s="10"/>
    </row>
    <row r="180927" spans="14:14">
      <c r="N180927" s="10"/>
    </row>
    <row r="180928" spans="14:14">
      <c r="N180928" s="10"/>
    </row>
    <row r="180929" spans="14:14">
      <c r="N180929" s="10"/>
    </row>
    <row r="180930" spans="14:14">
      <c r="N180930" s="10"/>
    </row>
    <row r="180931" spans="14:14">
      <c r="N180931" s="10"/>
    </row>
    <row r="180932" spans="14:14">
      <c r="N180932" s="10"/>
    </row>
    <row r="180933" spans="14:14">
      <c r="N180933" s="10"/>
    </row>
    <row r="180934" spans="14:14">
      <c r="N180934" s="10"/>
    </row>
    <row r="180935" spans="14:14">
      <c r="N180935" s="10"/>
    </row>
    <row r="180936" spans="14:14">
      <c r="N180936" s="10"/>
    </row>
    <row r="180937" spans="14:14">
      <c r="N180937" s="10"/>
    </row>
    <row r="180938" spans="14:14">
      <c r="N180938" s="10"/>
    </row>
    <row r="180939" spans="14:14">
      <c r="N180939" s="10"/>
    </row>
    <row r="180940" spans="14:14">
      <c r="N180940" s="10"/>
    </row>
    <row r="180941" spans="14:14">
      <c r="N180941" s="10"/>
    </row>
    <row r="180942" spans="14:14">
      <c r="N180942" s="10"/>
    </row>
    <row r="180943" spans="14:14">
      <c r="N180943" s="10"/>
    </row>
    <row r="180944" spans="14:14">
      <c r="N180944" s="10"/>
    </row>
    <row r="180945" spans="14:14">
      <c r="N180945" s="10"/>
    </row>
    <row r="180946" spans="14:14">
      <c r="N180946" s="10"/>
    </row>
    <row r="180947" spans="14:14">
      <c r="N180947" s="10"/>
    </row>
    <row r="180948" spans="14:14">
      <c r="N180948" s="10"/>
    </row>
    <row r="180949" spans="14:14">
      <c r="N180949" s="10"/>
    </row>
    <row r="180950" spans="14:14">
      <c r="N180950" s="10"/>
    </row>
    <row r="180951" spans="14:14">
      <c r="N180951" s="10"/>
    </row>
    <row r="180952" spans="14:14">
      <c r="N180952" s="10"/>
    </row>
    <row r="180953" spans="14:14">
      <c r="N180953" s="10"/>
    </row>
    <row r="180954" spans="14:14">
      <c r="N180954" s="10"/>
    </row>
    <row r="180955" spans="14:14">
      <c r="N180955" s="10"/>
    </row>
    <row r="180956" spans="14:14">
      <c r="N180956" s="10"/>
    </row>
    <row r="180957" spans="14:14">
      <c r="N180957" s="10"/>
    </row>
    <row r="180958" spans="14:14">
      <c r="N180958" s="10"/>
    </row>
    <row r="180959" spans="14:14">
      <c r="N180959" s="10"/>
    </row>
    <row r="180960" spans="14:14">
      <c r="N180960" s="10"/>
    </row>
    <row r="180961" spans="14:14">
      <c r="N180961" s="10"/>
    </row>
    <row r="180962" spans="14:14">
      <c r="N180962" s="10"/>
    </row>
    <row r="180963" spans="14:14">
      <c r="N180963" s="10"/>
    </row>
    <row r="180964" spans="14:14">
      <c r="N180964" s="10"/>
    </row>
    <row r="180965" spans="14:14">
      <c r="N180965" s="10"/>
    </row>
    <row r="180966" spans="14:14">
      <c r="N180966" s="10"/>
    </row>
    <row r="180967" spans="14:14">
      <c r="N180967" s="10"/>
    </row>
    <row r="180968" spans="14:14">
      <c r="N180968" s="10"/>
    </row>
    <row r="180969" spans="14:14">
      <c r="N180969" s="10"/>
    </row>
    <row r="180970" spans="14:14">
      <c r="N180970" s="10"/>
    </row>
    <row r="180971" spans="14:14">
      <c r="N180971" s="10"/>
    </row>
    <row r="180972" spans="14:14">
      <c r="N180972" s="10"/>
    </row>
    <row r="180973" spans="14:14">
      <c r="N180973" s="10"/>
    </row>
    <row r="180974" spans="14:14">
      <c r="N180974" s="10"/>
    </row>
    <row r="180975" spans="14:14">
      <c r="N180975" s="10"/>
    </row>
    <row r="180976" spans="14:14">
      <c r="N180976" s="10"/>
    </row>
    <row r="180977" spans="14:14">
      <c r="N180977" s="10"/>
    </row>
    <row r="180978" spans="14:14">
      <c r="N180978" s="10"/>
    </row>
    <row r="180979" spans="14:14">
      <c r="N180979" s="10"/>
    </row>
    <row r="180980" spans="14:14">
      <c r="N180980" s="10"/>
    </row>
    <row r="180981" spans="14:14">
      <c r="N180981" s="10"/>
    </row>
    <row r="180982" spans="14:14">
      <c r="N180982" s="10"/>
    </row>
    <row r="180983" spans="14:14">
      <c r="N180983" s="10"/>
    </row>
    <row r="180984" spans="14:14">
      <c r="N180984" s="10"/>
    </row>
    <row r="180985" spans="14:14">
      <c r="N180985" s="10"/>
    </row>
    <row r="180986" spans="14:14">
      <c r="N180986" s="10"/>
    </row>
    <row r="180987" spans="14:14">
      <c r="N180987" s="10"/>
    </row>
    <row r="180988" spans="14:14">
      <c r="N180988" s="10"/>
    </row>
    <row r="180989" spans="14:14">
      <c r="N180989" s="10"/>
    </row>
    <row r="180990" spans="14:14">
      <c r="N180990" s="10"/>
    </row>
    <row r="180991" spans="14:14">
      <c r="N180991" s="10"/>
    </row>
    <row r="180992" spans="14:14">
      <c r="N180992" s="10"/>
    </row>
    <row r="180993" spans="14:14">
      <c r="N180993" s="10"/>
    </row>
    <row r="180994" spans="14:14">
      <c r="N180994" s="10"/>
    </row>
    <row r="180995" spans="14:14">
      <c r="N180995" s="10"/>
    </row>
    <row r="180996" spans="14:14">
      <c r="N180996" s="10"/>
    </row>
    <row r="180997" spans="14:14">
      <c r="N180997" s="10"/>
    </row>
    <row r="180998" spans="14:14">
      <c r="N180998" s="10"/>
    </row>
    <row r="180999" spans="14:14">
      <c r="N180999" s="10"/>
    </row>
    <row r="181000" spans="14:14">
      <c r="N181000" s="10"/>
    </row>
    <row r="181001" spans="14:14">
      <c r="N181001" s="10"/>
    </row>
    <row r="181002" spans="14:14">
      <c r="N181002" s="10"/>
    </row>
    <row r="181003" spans="14:14">
      <c r="N181003" s="10"/>
    </row>
    <row r="181004" spans="14:14">
      <c r="N181004" s="10"/>
    </row>
    <row r="181005" spans="14:14">
      <c r="N181005" s="10"/>
    </row>
    <row r="181006" spans="14:14">
      <c r="N181006" s="10"/>
    </row>
    <row r="181007" spans="14:14">
      <c r="N181007" s="10"/>
    </row>
    <row r="181008" spans="14:14">
      <c r="N181008" s="10"/>
    </row>
    <row r="181009" spans="14:14">
      <c r="N181009" s="10"/>
    </row>
    <row r="181010" spans="14:14">
      <c r="N181010" s="10"/>
    </row>
    <row r="181011" spans="14:14">
      <c r="N181011" s="10"/>
    </row>
    <row r="181012" spans="14:14">
      <c r="N181012" s="10"/>
    </row>
    <row r="181013" spans="14:14">
      <c r="N181013" s="10"/>
    </row>
    <row r="181014" spans="14:14">
      <c r="N181014" s="10"/>
    </row>
    <row r="181015" spans="14:14">
      <c r="N181015" s="10"/>
    </row>
    <row r="181016" spans="14:14">
      <c r="N181016" s="10"/>
    </row>
    <row r="181017" spans="14:14">
      <c r="N181017" s="10"/>
    </row>
    <row r="181018" spans="14:14">
      <c r="N181018" s="10"/>
    </row>
    <row r="181019" spans="14:14">
      <c r="N181019" s="10"/>
    </row>
    <row r="181020" spans="14:14">
      <c r="N181020" s="10"/>
    </row>
    <row r="181021" spans="14:14">
      <c r="N181021" s="10"/>
    </row>
    <row r="181022" spans="14:14">
      <c r="N181022" s="10"/>
    </row>
    <row r="181023" spans="14:14">
      <c r="N181023" s="10"/>
    </row>
    <row r="181024" spans="14:14">
      <c r="N181024" s="10"/>
    </row>
    <row r="181025" spans="14:14">
      <c r="N181025" s="10"/>
    </row>
    <row r="181026" spans="14:14">
      <c r="N181026" s="10"/>
    </row>
    <row r="181027" spans="14:14">
      <c r="N181027" s="10"/>
    </row>
    <row r="181028" spans="14:14">
      <c r="N181028" s="10"/>
    </row>
    <row r="181029" spans="14:14">
      <c r="N181029" s="10"/>
    </row>
    <row r="181030" spans="14:14">
      <c r="N181030" s="10"/>
    </row>
    <row r="181031" spans="14:14">
      <c r="N181031" s="10"/>
    </row>
    <row r="181032" spans="14:14">
      <c r="N181032" s="10"/>
    </row>
    <row r="181033" spans="14:14">
      <c r="N181033" s="10"/>
    </row>
    <row r="181034" spans="14:14">
      <c r="N181034" s="10"/>
    </row>
    <row r="181035" spans="14:14">
      <c r="N181035" s="10"/>
    </row>
    <row r="181036" spans="14:14">
      <c r="N181036" s="10"/>
    </row>
    <row r="181037" spans="14:14">
      <c r="N181037" s="10"/>
    </row>
    <row r="181038" spans="14:14">
      <c r="N181038" s="10"/>
    </row>
    <row r="181039" spans="14:14">
      <c r="N181039" s="10"/>
    </row>
    <row r="181040" spans="14:14">
      <c r="N181040" s="10"/>
    </row>
    <row r="181041" spans="14:14">
      <c r="N181041" s="10"/>
    </row>
    <row r="181042" spans="14:14">
      <c r="N181042" s="10"/>
    </row>
    <row r="181043" spans="14:14">
      <c r="N181043" s="10"/>
    </row>
    <row r="181044" spans="14:14">
      <c r="N181044" s="10"/>
    </row>
    <row r="181045" spans="14:14">
      <c r="N181045" s="10"/>
    </row>
    <row r="181046" spans="14:14">
      <c r="N181046" s="10"/>
    </row>
    <row r="181047" spans="14:14">
      <c r="N181047" s="10"/>
    </row>
    <row r="181048" spans="14:14">
      <c r="N181048" s="10"/>
    </row>
    <row r="181049" spans="14:14">
      <c r="N181049" s="10"/>
    </row>
    <row r="181050" spans="14:14">
      <c r="N181050" s="10"/>
    </row>
    <row r="181051" spans="14:14">
      <c r="N181051" s="10"/>
    </row>
    <row r="181052" spans="14:14">
      <c r="N181052" s="10"/>
    </row>
    <row r="181053" spans="14:14">
      <c r="N181053" s="10"/>
    </row>
    <row r="181054" spans="14:14">
      <c r="N181054" s="10"/>
    </row>
    <row r="181055" spans="14:14">
      <c r="N181055" s="10"/>
    </row>
    <row r="181056" spans="14:14">
      <c r="N181056" s="10"/>
    </row>
    <row r="181057" spans="14:14">
      <c r="N181057" s="10"/>
    </row>
    <row r="181058" spans="14:14">
      <c r="N181058" s="10"/>
    </row>
    <row r="181059" spans="14:14">
      <c r="N181059" s="10"/>
    </row>
    <row r="181060" spans="14:14">
      <c r="N181060" s="10"/>
    </row>
    <row r="181061" spans="14:14">
      <c r="N181061" s="10"/>
    </row>
    <row r="181062" spans="14:14">
      <c r="N181062" s="10"/>
    </row>
    <row r="181063" spans="14:14">
      <c r="N181063" s="10"/>
    </row>
    <row r="181064" spans="14:14">
      <c r="N181064" s="10"/>
    </row>
    <row r="181065" spans="14:14">
      <c r="N181065" s="10"/>
    </row>
    <row r="181066" spans="14:14">
      <c r="N181066" s="10"/>
    </row>
    <row r="181067" spans="14:14">
      <c r="N181067" s="10"/>
    </row>
    <row r="181068" spans="14:14">
      <c r="N181068" s="10"/>
    </row>
    <row r="181069" spans="14:14">
      <c r="N181069" s="10"/>
    </row>
    <row r="181070" spans="14:14">
      <c r="N181070" s="10"/>
    </row>
    <row r="181071" spans="14:14">
      <c r="N181071" s="10"/>
    </row>
    <row r="181072" spans="14:14">
      <c r="N181072" s="10"/>
    </row>
    <row r="181073" spans="14:14">
      <c r="N181073" s="10"/>
    </row>
    <row r="181074" spans="14:14">
      <c r="N181074" s="10"/>
    </row>
    <row r="181075" spans="14:14">
      <c r="N181075" s="10"/>
    </row>
    <row r="181076" spans="14:14">
      <c r="N181076" s="10"/>
    </row>
    <row r="181077" spans="14:14">
      <c r="N181077" s="10"/>
    </row>
    <row r="181078" spans="14:14">
      <c r="N181078" s="10"/>
    </row>
    <row r="181079" spans="14:14">
      <c r="N181079" s="10"/>
    </row>
    <row r="181080" spans="14:14">
      <c r="N181080" s="10"/>
    </row>
    <row r="181081" spans="14:14">
      <c r="N181081" s="10"/>
    </row>
    <row r="181082" spans="14:14">
      <c r="N181082" s="10"/>
    </row>
    <row r="181083" spans="14:14">
      <c r="N181083" s="10"/>
    </row>
    <row r="181084" spans="14:14">
      <c r="N181084" s="10"/>
    </row>
    <row r="181085" spans="14:14">
      <c r="N181085" s="10"/>
    </row>
    <row r="181086" spans="14:14">
      <c r="N181086" s="10"/>
    </row>
    <row r="181087" spans="14:14">
      <c r="N181087" s="10"/>
    </row>
    <row r="181088" spans="14:14">
      <c r="N181088" s="10"/>
    </row>
    <row r="181089" spans="14:14">
      <c r="N181089" s="10"/>
    </row>
    <row r="181090" spans="14:14">
      <c r="N181090" s="10"/>
    </row>
    <row r="181091" spans="14:14">
      <c r="N181091" s="10"/>
    </row>
    <row r="181092" spans="14:14">
      <c r="N181092" s="10"/>
    </row>
    <row r="181093" spans="14:14">
      <c r="N181093" s="10"/>
    </row>
    <row r="181094" spans="14:14">
      <c r="N181094" s="10"/>
    </row>
    <row r="181095" spans="14:14">
      <c r="N181095" s="10"/>
    </row>
    <row r="181096" spans="14:14">
      <c r="N181096" s="10"/>
    </row>
    <row r="181097" spans="14:14">
      <c r="N181097" s="10"/>
    </row>
    <row r="181098" spans="14:14">
      <c r="N181098" s="10"/>
    </row>
    <row r="181099" spans="14:14">
      <c r="N181099" s="10"/>
    </row>
    <row r="181100" spans="14:14">
      <c r="N181100" s="10"/>
    </row>
    <row r="181101" spans="14:14">
      <c r="N181101" s="10"/>
    </row>
    <row r="181102" spans="14:14">
      <c r="N181102" s="10"/>
    </row>
    <row r="181103" spans="14:14">
      <c r="N181103" s="10"/>
    </row>
    <row r="181104" spans="14:14">
      <c r="N181104" s="10"/>
    </row>
    <row r="181105" spans="14:14">
      <c r="N181105" s="10"/>
    </row>
    <row r="181106" spans="14:14">
      <c r="N181106" s="10"/>
    </row>
    <row r="181107" spans="14:14">
      <c r="N181107" s="10"/>
    </row>
    <row r="181108" spans="14:14">
      <c r="N181108" s="10"/>
    </row>
    <row r="181109" spans="14:14">
      <c r="N181109" s="10"/>
    </row>
    <row r="181110" spans="14:14">
      <c r="N181110" s="10"/>
    </row>
    <row r="181111" spans="14:14">
      <c r="N181111" s="10"/>
    </row>
    <row r="181112" spans="14:14">
      <c r="N181112" s="10"/>
    </row>
    <row r="181113" spans="14:14">
      <c r="N181113" s="10"/>
    </row>
    <row r="181114" spans="14:14">
      <c r="N181114" s="10"/>
    </row>
    <row r="181115" spans="14:14">
      <c r="N181115" s="10"/>
    </row>
    <row r="181116" spans="14:14">
      <c r="N181116" s="10"/>
    </row>
    <row r="181117" spans="14:14">
      <c r="N181117" s="10"/>
    </row>
    <row r="181118" spans="14:14">
      <c r="N181118" s="10"/>
    </row>
    <row r="181119" spans="14:14">
      <c r="N181119" s="10"/>
    </row>
    <row r="181120" spans="14:14">
      <c r="N181120" s="10"/>
    </row>
    <row r="181121" spans="14:14">
      <c r="N181121" s="10"/>
    </row>
    <row r="181122" spans="14:14">
      <c r="N181122" s="10"/>
    </row>
    <row r="181123" spans="14:14">
      <c r="N181123" s="10"/>
    </row>
    <row r="181124" spans="14:14">
      <c r="N181124" s="10"/>
    </row>
    <row r="181125" spans="14:14">
      <c r="N181125" s="10"/>
    </row>
    <row r="181126" spans="14:14">
      <c r="N181126" s="10"/>
    </row>
    <row r="181127" spans="14:14">
      <c r="N181127" s="10"/>
    </row>
    <row r="181128" spans="14:14">
      <c r="N181128" s="10"/>
    </row>
    <row r="181129" spans="14:14">
      <c r="N181129" s="10"/>
    </row>
    <row r="181130" spans="14:14">
      <c r="N181130" s="10"/>
    </row>
    <row r="181131" spans="14:14">
      <c r="N181131" s="10"/>
    </row>
    <row r="181132" spans="14:14">
      <c r="N181132" s="10"/>
    </row>
    <row r="181133" spans="14:14">
      <c r="N181133" s="10"/>
    </row>
    <row r="181134" spans="14:14">
      <c r="N181134" s="10"/>
    </row>
    <row r="181135" spans="14:14">
      <c r="N181135" s="10"/>
    </row>
    <row r="181136" spans="14:14">
      <c r="N181136" s="10"/>
    </row>
    <row r="181137" spans="14:14">
      <c r="N181137" s="10"/>
    </row>
    <row r="181138" spans="14:14">
      <c r="N181138" s="10"/>
    </row>
    <row r="181139" spans="14:14">
      <c r="N181139" s="10"/>
    </row>
    <row r="181140" spans="14:14">
      <c r="N181140" s="10"/>
    </row>
    <row r="181141" spans="14:14">
      <c r="N181141" s="10"/>
    </row>
    <row r="181142" spans="14:14">
      <c r="N181142" s="10"/>
    </row>
    <row r="181143" spans="14:14">
      <c r="N181143" s="10"/>
    </row>
    <row r="181144" spans="14:14">
      <c r="N181144" s="10"/>
    </row>
    <row r="181145" spans="14:14">
      <c r="N181145" s="10"/>
    </row>
    <row r="181146" spans="14:14">
      <c r="N181146" s="10"/>
    </row>
    <row r="181147" spans="14:14">
      <c r="N181147" s="10"/>
    </row>
    <row r="181148" spans="14:14">
      <c r="N181148" s="10"/>
    </row>
    <row r="181149" spans="14:14">
      <c r="N181149" s="10"/>
    </row>
    <row r="181150" spans="14:14">
      <c r="N181150" s="10"/>
    </row>
    <row r="181151" spans="14:14">
      <c r="N181151" s="10"/>
    </row>
    <row r="181152" spans="14:14">
      <c r="N181152" s="10"/>
    </row>
    <row r="181153" spans="14:14">
      <c r="N181153" s="10"/>
    </row>
    <row r="181154" spans="14:14">
      <c r="N181154" s="10"/>
    </row>
    <row r="181155" spans="14:14">
      <c r="N181155" s="10"/>
    </row>
    <row r="181156" spans="14:14">
      <c r="N181156" s="10"/>
    </row>
    <row r="181157" spans="14:14">
      <c r="N181157" s="10"/>
    </row>
    <row r="181158" spans="14:14">
      <c r="N181158" s="10"/>
    </row>
    <row r="181159" spans="14:14">
      <c r="N181159" s="10"/>
    </row>
    <row r="181160" spans="14:14">
      <c r="N181160" s="10"/>
    </row>
    <row r="181161" spans="14:14">
      <c r="N181161" s="10"/>
    </row>
    <row r="181162" spans="14:14">
      <c r="N181162" s="10"/>
    </row>
    <row r="181163" spans="14:14">
      <c r="N181163" s="10"/>
    </row>
    <row r="181164" spans="14:14">
      <c r="N181164" s="10"/>
    </row>
    <row r="181165" spans="14:14">
      <c r="N181165" s="10"/>
    </row>
    <row r="181166" spans="14:14">
      <c r="N181166" s="10"/>
    </row>
    <row r="181167" spans="14:14">
      <c r="N181167" s="10"/>
    </row>
    <row r="181168" spans="14:14">
      <c r="N181168" s="10"/>
    </row>
    <row r="181169" spans="14:14">
      <c r="N181169" s="10"/>
    </row>
    <row r="181170" spans="14:14">
      <c r="N181170" s="10"/>
    </row>
    <row r="181171" spans="14:14">
      <c r="N181171" s="10"/>
    </row>
    <row r="181172" spans="14:14">
      <c r="N181172" s="10"/>
    </row>
    <row r="181173" spans="14:14">
      <c r="N181173" s="10"/>
    </row>
    <row r="181174" spans="14:14">
      <c r="N181174" s="10"/>
    </row>
    <row r="181175" spans="14:14">
      <c r="N181175" s="10"/>
    </row>
    <row r="181176" spans="14:14">
      <c r="N181176" s="10"/>
    </row>
    <row r="181177" spans="14:14">
      <c r="N181177" s="10"/>
    </row>
    <row r="181178" spans="14:14">
      <c r="N181178" s="10"/>
    </row>
    <row r="181179" spans="14:14">
      <c r="N181179" s="10"/>
    </row>
    <row r="181180" spans="14:14">
      <c r="N181180" s="10"/>
    </row>
    <row r="181181" spans="14:14">
      <c r="N181181" s="10"/>
    </row>
    <row r="181182" spans="14:14">
      <c r="N181182" s="10"/>
    </row>
    <row r="181183" spans="14:14">
      <c r="N181183" s="10"/>
    </row>
    <row r="181184" spans="14:14">
      <c r="N181184" s="10"/>
    </row>
    <row r="181185" spans="14:14">
      <c r="N181185" s="10"/>
    </row>
    <row r="181186" spans="14:14">
      <c r="N181186" s="10"/>
    </row>
    <row r="181187" spans="14:14">
      <c r="N181187" s="10"/>
    </row>
    <row r="181188" spans="14:14">
      <c r="N181188" s="10"/>
    </row>
    <row r="181189" spans="14:14">
      <c r="N181189" s="10"/>
    </row>
    <row r="181190" spans="14:14">
      <c r="N181190" s="10"/>
    </row>
    <row r="181191" spans="14:14">
      <c r="N181191" s="10"/>
    </row>
    <row r="181192" spans="14:14">
      <c r="N181192" s="10"/>
    </row>
    <row r="181193" spans="14:14">
      <c r="N181193" s="10"/>
    </row>
    <row r="181194" spans="14:14">
      <c r="N181194" s="10"/>
    </row>
    <row r="181195" spans="14:14">
      <c r="N181195" s="10"/>
    </row>
    <row r="181196" spans="14:14">
      <c r="N181196" s="10"/>
    </row>
    <row r="181197" spans="14:14">
      <c r="N181197" s="10"/>
    </row>
    <row r="181198" spans="14:14">
      <c r="N181198" s="10"/>
    </row>
    <row r="181199" spans="14:14">
      <c r="N181199" s="10"/>
    </row>
    <row r="181200" spans="14:14">
      <c r="N181200" s="10"/>
    </row>
    <row r="181201" spans="14:14">
      <c r="N181201" s="10"/>
    </row>
    <row r="181202" spans="14:14">
      <c r="N181202" s="10"/>
    </row>
    <row r="181203" spans="14:14">
      <c r="N181203" s="10"/>
    </row>
    <row r="181204" spans="14:14">
      <c r="N181204" s="10"/>
    </row>
    <row r="181205" spans="14:14">
      <c r="N181205" s="10"/>
    </row>
    <row r="181206" spans="14:14">
      <c r="N181206" s="10"/>
    </row>
    <row r="181207" spans="14:14">
      <c r="N181207" s="10"/>
    </row>
    <row r="181208" spans="14:14">
      <c r="N181208" s="10"/>
    </row>
    <row r="181209" spans="14:14">
      <c r="N181209" s="10"/>
    </row>
    <row r="181210" spans="14:14">
      <c r="N181210" s="10"/>
    </row>
    <row r="181211" spans="14:14">
      <c r="N181211" s="10"/>
    </row>
    <row r="181212" spans="14:14">
      <c r="N181212" s="10"/>
    </row>
    <row r="181213" spans="14:14">
      <c r="N181213" s="10"/>
    </row>
    <row r="181214" spans="14:14">
      <c r="N181214" s="10"/>
    </row>
    <row r="181215" spans="14:14">
      <c r="N181215" s="10"/>
    </row>
    <row r="181216" spans="14:14">
      <c r="N181216" s="10"/>
    </row>
    <row r="181217" spans="14:14">
      <c r="N181217" s="10"/>
    </row>
    <row r="181218" spans="14:14">
      <c r="N181218" s="10"/>
    </row>
    <row r="181219" spans="14:14">
      <c r="N181219" s="10"/>
    </row>
    <row r="181220" spans="14:14">
      <c r="N181220" s="10"/>
    </row>
    <row r="181221" spans="14:14">
      <c r="N181221" s="10"/>
    </row>
    <row r="181222" spans="14:14">
      <c r="N181222" s="10"/>
    </row>
    <row r="181223" spans="14:14">
      <c r="N181223" s="10"/>
    </row>
    <row r="181224" spans="14:14">
      <c r="N181224" s="10"/>
    </row>
    <row r="181225" spans="14:14">
      <c r="N181225" s="10"/>
    </row>
    <row r="181226" spans="14:14">
      <c r="N181226" s="10"/>
    </row>
    <row r="181227" spans="14:14">
      <c r="N181227" s="10"/>
    </row>
    <row r="181228" spans="14:14">
      <c r="N181228" s="10"/>
    </row>
    <row r="181229" spans="14:14">
      <c r="N181229" s="10"/>
    </row>
    <row r="181230" spans="14:14">
      <c r="N181230" s="10"/>
    </row>
    <row r="181231" spans="14:14">
      <c r="N181231" s="10"/>
    </row>
    <row r="181232" spans="14:14">
      <c r="N181232" s="10"/>
    </row>
    <row r="181233" spans="14:14">
      <c r="N181233" s="10"/>
    </row>
    <row r="181234" spans="14:14">
      <c r="N181234" s="10"/>
    </row>
    <row r="181235" spans="14:14">
      <c r="N181235" s="10"/>
    </row>
    <row r="181236" spans="14:14">
      <c r="N181236" s="10"/>
    </row>
    <row r="181237" spans="14:14">
      <c r="N181237" s="10"/>
    </row>
    <row r="181238" spans="14:14">
      <c r="N181238" s="10"/>
    </row>
    <row r="181239" spans="14:14">
      <c r="N181239" s="10"/>
    </row>
    <row r="181240" spans="14:14">
      <c r="N181240" s="10"/>
    </row>
    <row r="181241" spans="14:14">
      <c r="N181241" s="10"/>
    </row>
    <row r="181242" spans="14:14">
      <c r="N181242" s="10"/>
    </row>
    <row r="181243" spans="14:14">
      <c r="N181243" s="10"/>
    </row>
    <row r="181244" spans="14:14">
      <c r="N181244" s="10"/>
    </row>
    <row r="181245" spans="14:14">
      <c r="N181245" s="10"/>
    </row>
    <row r="181246" spans="14:14">
      <c r="N181246" s="10"/>
    </row>
    <row r="181247" spans="14:14">
      <c r="N181247" s="10"/>
    </row>
    <row r="181248" spans="14:14">
      <c r="N181248" s="10"/>
    </row>
    <row r="181249" spans="14:14">
      <c r="N181249" s="10"/>
    </row>
    <row r="181250" spans="14:14">
      <c r="N181250" s="10"/>
    </row>
    <row r="181251" spans="14:14">
      <c r="N181251" s="10"/>
    </row>
    <row r="181252" spans="14:14">
      <c r="N181252" s="10"/>
    </row>
    <row r="181253" spans="14:14">
      <c r="N181253" s="10"/>
    </row>
    <row r="181254" spans="14:14">
      <c r="N181254" s="10"/>
    </row>
    <row r="181255" spans="14:14">
      <c r="N181255" s="10"/>
    </row>
    <row r="181256" spans="14:14">
      <c r="N181256" s="10"/>
    </row>
    <row r="181257" spans="14:14">
      <c r="N181257" s="10"/>
    </row>
    <row r="181258" spans="14:14">
      <c r="N181258" s="10"/>
    </row>
    <row r="181259" spans="14:14">
      <c r="N181259" s="10"/>
    </row>
    <row r="181260" spans="14:14">
      <c r="N181260" s="10"/>
    </row>
    <row r="181261" spans="14:14">
      <c r="N181261" s="10"/>
    </row>
    <row r="181262" spans="14:14">
      <c r="N181262" s="10"/>
    </row>
    <row r="181263" spans="14:14">
      <c r="N181263" s="10"/>
    </row>
    <row r="181264" spans="14:14">
      <c r="N181264" s="10"/>
    </row>
    <row r="181265" spans="14:14">
      <c r="N181265" s="10"/>
    </row>
    <row r="181266" spans="14:14">
      <c r="N181266" s="10"/>
    </row>
    <row r="181267" spans="14:14">
      <c r="N181267" s="10"/>
    </row>
    <row r="181268" spans="14:14">
      <c r="N181268" s="10"/>
    </row>
    <row r="181269" spans="14:14">
      <c r="N181269" s="10"/>
    </row>
    <row r="181270" spans="14:14">
      <c r="N181270" s="10"/>
    </row>
    <row r="181271" spans="14:14">
      <c r="N181271" s="10"/>
    </row>
    <row r="181272" spans="14:14">
      <c r="N181272" s="10"/>
    </row>
    <row r="181273" spans="14:14">
      <c r="N181273" s="10"/>
    </row>
    <row r="181274" spans="14:14">
      <c r="N181274" s="10"/>
    </row>
    <row r="181275" spans="14:14">
      <c r="N181275" s="10"/>
    </row>
    <row r="181276" spans="14:14">
      <c r="N181276" s="10"/>
    </row>
    <row r="181277" spans="14:14">
      <c r="N181277" s="10"/>
    </row>
    <row r="181278" spans="14:14">
      <c r="N181278" s="10"/>
    </row>
    <row r="181279" spans="14:14">
      <c r="N181279" s="10"/>
    </row>
    <row r="181280" spans="14:14">
      <c r="N181280" s="10"/>
    </row>
    <row r="181281" spans="14:14">
      <c r="N181281" s="10"/>
    </row>
    <row r="181282" spans="14:14">
      <c r="N181282" s="10"/>
    </row>
    <row r="181283" spans="14:14">
      <c r="N181283" s="10"/>
    </row>
    <row r="181284" spans="14:14">
      <c r="N181284" s="10"/>
    </row>
    <row r="181285" spans="14:14">
      <c r="N181285" s="10"/>
    </row>
    <row r="181286" spans="14:14">
      <c r="N181286" s="10"/>
    </row>
    <row r="181287" spans="14:14">
      <c r="N181287" s="10"/>
    </row>
    <row r="181288" spans="14:14">
      <c r="N181288" s="10"/>
    </row>
    <row r="181289" spans="14:14">
      <c r="N181289" s="10"/>
    </row>
    <row r="181290" spans="14:14">
      <c r="N181290" s="10"/>
    </row>
    <row r="181291" spans="14:14">
      <c r="N181291" s="10"/>
    </row>
    <row r="181292" spans="14:14">
      <c r="N181292" s="10"/>
    </row>
    <row r="181293" spans="14:14">
      <c r="N181293" s="10"/>
    </row>
    <row r="181294" spans="14:14">
      <c r="N181294" s="10"/>
    </row>
    <row r="181295" spans="14:14">
      <c r="N181295" s="10"/>
    </row>
    <row r="181296" spans="14:14">
      <c r="N181296" s="10"/>
    </row>
    <row r="181297" spans="14:14">
      <c r="N181297" s="10"/>
    </row>
    <row r="181298" spans="14:14">
      <c r="N181298" s="10"/>
    </row>
    <row r="181299" spans="14:14">
      <c r="N181299" s="10"/>
    </row>
    <row r="181300" spans="14:14">
      <c r="N181300" s="10"/>
    </row>
    <row r="181301" spans="14:14">
      <c r="N181301" s="10"/>
    </row>
    <row r="181302" spans="14:14">
      <c r="N181302" s="10"/>
    </row>
    <row r="181303" spans="14:14">
      <c r="N181303" s="10"/>
    </row>
    <row r="181304" spans="14:14">
      <c r="N181304" s="10"/>
    </row>
    <row r="181305" spans="14:14">
      <c r="N181305" s="10"/>
    </row>
    <row r="181306" spans="14:14">
      <c r="N181306" s="10"/>
    </row>
    <row r="181307" spans="14:14">
      <c r="N181307" s="10"/>
    </row>
    <row r="181308" spans="14:14">
      <c r="N181308" s="10"/>
    </row>
    <row r="181309" spans="14:14">
      <c r="N181309" s="10"/>
    </row>
    <row r="181310" spans="14:14">
      <c r="N181310" s="10"/>
    </row>
    <row r="181311" spans="14:14">
      <c r="N181311" s="10"/>
    </row>
    <row r="181312" spans="14:14">
      <c r="N181312" s="10"/>
    </row>
    <row r="181313" spans="14:14">
      <c r="N181313" s="10"/>
    </row>
    <row r="181314" spans="14:14">
      <c r="N181314" s="10"/>
    </row>
    <row r="181315" spans="14:14">
      <c r="N181315" s="10"/>
    </row>
    <row r="181316" spans="14:14">
      <c r="N181316" s="10"/>
    </row>
    <row r="181317" spans="14:14">
      <c r="N181317" s="10"/>
    </row>
    <row r="181318" spans="14:14">
      <c r="N181318" s="10"/>
    </row>
    <row r="181319" spans="14:14">
      <c r="N181319" s="10"/>
    </row>
    <row r="181320" spans="14:14">
      <c r="N181320" s="10"/>
    </row>
    <row r="181321" spans="14:14">
      <c r="N181321" s="10"/>
    </row>
    <row r="181322" spans="14:14">
      <c r="N181322" s="10"/>
    </row>
    <row r="181323" spans="14:14">
      <c r="N181323" s="10"/>
    </row>
    <row r="181324" spans="14:14">
      <c r="N181324" s="10"/>
    </row>
    <row r="181325" spans="14:14">
      <c r="N181325" s="10"/>
    </row>
    <row r="181326" spans="14:14">
      <c r="N181326" s="10"/>
    </row>
    <row r="181327" spans="14:14">
      <c r="N181327" s="10"/>
    </row>
    <row r="181328" spans="14:14">
      <c r="N181328" s="10"/>
    </row>
    <row r="181329" spans="14:14">
      <c r="N181329" s="10"/>
    </row>
    <row r="181330" spans="14:14">
      <c r="N181330" s="10"/>
    </row>
    <row r="181331" spans="14:14">
      <c r="N181331" s="10"/>
    </row>
    <row r="181332" spans="14:14">
      <c r="N181332" s="10"/>
    </row>
    <row r="181333" spans="14:14">
      <c r="N181333" s="10"/>
    </row>
    <row r="181334" spans="14:14">
      <c r="N181334" s="10"/>
    </row>
    <row r="181335" spans="14:14">
      <c r="N181335" s="10"/>
    </row>
    <row r="181336" spans="14:14">
      <c r="N181336" s="10"/>
    </row>
    <row r="181337" spans="14:14">
      <c r="N181337" s="10"/>
    </row>
    <row r="181338" spans="14:14">
      <c r="N181338" s="10"/>
    </row>
    <row r="181339" spans="14:14">
      <c r="N181339" s="10"/>
    </row>
    <row r="181340" spans="14:14">
      <c r="N181340" s="10"/>
    </row>
    <row r="181341" spans="14:14">
      <c r="N181341" s="10"/>
    </row>
    <row r="181342" spans="14:14">
      <c r="N181342" s="10"/>
    </row>
    <row r="181343" spans="14:14">
      <c r="N181343" s="10"/>
    </row>
    <row r="181344" spans="14:14">
      <c r="N181344" s="10"/>
    </row>
    <row r="181345" spans="14:14">
      <c r="N181345" s="10"/>
    </row>
    <row r="181346" spans="14:14">
      <c r="N181346" s="10"/>
    </row>
    <row r="181347" spans="14:14">
      <c r="N181347" s="10"/>
    </row>
    <row r="181348" spans="14:14">
      <c r="N181348" s="10"/>
    </row>
    <row r="181349" spans="14:14">
      <c r="N181349" s="10"/>
    </row>
    <row r="181350" spans="14:14">
      <c r="N181350" s="10"/>
    </row>
    <row r="181351" spans="14:14">
      <c r="N181351" s="10"/>
    </row>
    <row r="181352" spans="14:14">
      <c r="N181352" s="10"/>
    </row>
    <row r="181353" spans="14:14">
      <c r="N181353" s="10"/>
    </row>
    <row r="181354" spans="14:14">
      <c r="N181354" s="10"/>
    </row>
    <row r="181355" spans="14:14">
      <c r="N181355" s="10"/>
    </row>
    <row r="181356" spans="14:14">
      <c r="N181356" s="10"/>
    </row>
    <row r="181357" spans="14:14">
      <c r="N181357" s="10"/>
    </row>
    <row r="181358" spans="14:14">
      <c r="N181358" s="10"/>
    </row>
    <row r="181359" spans="14:14">
      <c r="N181359" s="10"/>
    </row>
    <row r="181360" spans="14:14">
      <c r="N181360" s="10"/>
    </row>
    <row r="181361" spans="14:14">
      <c r="N181361" s="10"/>
    </row>
    <row r="181362" spans="14:14">
      <c r="N181362" s="10"/>
    </row>
    <row r="181363" spans="14:14">
      <c r="N181363" s="10"/>
    </row>
    <row r="181364" spans="14:14">
      <c r="N181364" s="10"/>
    </row>
    <row r="181365" spans="14:14">
      <c r="N181365" s="10"/>
    </row>
    <row r="181366" spans="14:14">
      <c r="N181366" s="10"/>
    </row>
    <row r="181367" spans="14:14">
      <c r="N181367" s="10"/>
    </row>
    <row r="181368" spans="14:14">
      <c r="N181368" s="10"/>
    </row>
    <row r="181369" spans="14:14">
      <c r="N181369" s="10"/>
    </row>
    <row r="181370" spans="14:14">
      <c r="N181370" s="10"/>
    </row>
    <row r="181371" spans="14:14">
      <c r="N181371" s="10"/>
    </row>
    <row r="181372" spans="14:14">
      <c r="N181372" s="10"/>
    </row>
    <row r="181373" spans="14:14">
      <c r="N181373" s="10"/>
    </row>
    <row r="181374" spans="14:14">
      <c r="N181374" s="10"/>
    </row>
    <row r="181375" spans="14:14">
      <c r="N181375" s="10"/>
    </row>
    <row r="181376" spans="14:14">
      <c r="N181376" s="10"/>
    </row>
    <row r="181377" spans="14:14">
      <c r="N181377" s="10"/>
    </row>
    <row r="181378" spans="14:14">
      <c r="N181378" s="10"/>
    </row>
    <row r="181379" spans="14:14">
      <c r="N181379" s="10"/>
    </row>
    <row r="181380" spans="14:14">
      <c r="N181380" s="10"/>
    </row>
    <row r="181381" spans="14:14">
      <c r="N181381" s="10"/>
    </row>
    <row r="181382" spans="14:14">
      <c r="N181382" s="10"/>
    </row>
    <row r="181383" spans="14:14">
      <c r="N181383" s="10"/>
    </row>
    <row r="181384" spans="14:14">
      <c r="N181384" s="10"/>
    </row>
    <row r="181385" spans="14:14">
      <c r="N181385" s="10"/>
    </row>
    <row r="181386" spans="14:14">
      <c r="N181386" s="10"/>
    </row>
    <row r="181387" spans="14:14">
      <c r="N181387" s="10"/>
    </row>
    <row r="181388" spans="14:14">
      <c r="N181388" s="10"/>
    </row>
    <row r="181389" spans="14:14">
      <c r="N181389" s="10"/>
    </row>
    <row r="181390" spans="14:14">
      <c r="N181390" s="10"/>
    </row>
    <row r="181391" spans="14:14">
      <c r="N181391" s="10"/>
    </row>
    <row r="181392" spans="14:14">
      <c r="N181392" s="10"/>
    </row>
    <row r="181393" spans="14:14">
      <c r="N181393" s="10"/>
    </row>
    <row r="181394" spans="14:14">
      <c r="N181394" s="10"/>
    </row>
    <row r="181395" spans="14:14">
      <c r="N181395" s="10"/>
    </row>
    <row r="181396" spans="14:14">
      <c r="N181396" s="10"/>
    </row>
    <row r="181397" spans="14:14">
      <c r="N181397" s="10"/>
    </row>
    <row r="181398" spans="14:14">
      <c r="N181398" s="10"/>
    </row>
    <row r="181399" spans="14:14">
      <c r="N181399" s="10"/>
    </row>
    <row r="181400" spans="14:14">
      <c r="N181400" s="10"/>
    </row>
    <row r="181401" spans="14:14">
      <c r="N181401" s="10"/>
    </row>
    <row r="181402" spans="14:14">
      <c r="N181402" s="10"/>
    </row>
    <row r="181403" spans="14:14">
      <c r="N181403" s="10"/>
    </row>
    <row r="181404" spans="14:14">
      <c r="N181404" s="10"/>
    </row>
    <row r="181405" spans="14:14">
      <c r="N181405" s="10"/>
    </row>
    <row r="181406" spans="14:14">
      <c r="N181406" s="10"/>
    </row>
    <row r="181407" spans="14:14">
      <c r="N181407" s="10"/>
    </row>
    <row r="181408" spans="14:14">
      <c r="N181408" s="10"/>
    </row>
    <row r="181409" spans="14:14">
      <c r="N181409" s="10"/>
    </row>
    <row r="181410" spans="14:14">
      <c r="N181410" s="10"/>
    </row>
    <row r="181411" spans="14:14">
      <c r="N181411" s="10"/>
    </row>
    <row r="181412" spans="14:14">
      <c r="N181412" s="10"/>
    </row>
    <row r="181413" spans="14:14">
      <c r="N181413" s="10"/>
    </row>
    <row r="181414" spans="14:14">
      <c r="N181414" s="10"/>
    </row>
    <row r="181415" spans="14:14">
      <c r="N181415" s="10"/>
    </row>
    <row r="181416" spans="14:14">
      <c r="N181416" s="10"/>
    </row>
    <row r="181417" spans="14:14">
      <c r="N181417" s="10"/>
    </row>
    <row r="181418" spans="14:14">
      <c r="N181418" s="10"/>
    </row>
    <row r="181419" spans="14:14">
      <c r="N181419" s="10"/>
    </row>
    <row r="181420" spans="14:14">
      <c r="N181420" s="10"/>
    </row>
    <row r="181421" spans="14:14">
      <c r="N181421" s="10"/>
    </row>
    <row r="181422" spans="14:14">
      <c r="N181422" s="10"/>
    </row>
    <row r="181423" spans="14:14">
      <c r="N181423" s="10"/>
    </row>
    <row r="181424" spans="14:14">
      <c r="N181424" s="10"/>
    </row>
    <row r="181425" spans="14:14">
      <c r="N181425" s="10"/>
    </row>
    <row r="181426" spans="14:14">
      <c r="N181426" s="10"/>
    </row>
    <row r="181427" spans="14:14">
      <c r="N181427" s="10"/>
    </row>
    <row r="181428" spans="14:14">
      <c r="N181428" s="10"/>
    </row>
    <row r="181429" spans="14:14">
      <c r="N181429" s="10"/>
    </row>
    <row r="181430" spans="14:14">
      <c r="N181430" s="10"/>
    </row>
    <row r="181431" spans="14:14">
      <c r="N181431" s="10"/>
    </row>
    <row r="181432" spans="14:14">
      <c r="N181432" s="10"/>
    </row>
    <row r="181433" spans="14:14">
      <c r="N181433" s="10"/>
    </row>
    <row r="181434" spans="14:14">
      <c r="N181434" s="10"/>
    </row>
    <row r="181435" spans="14:14">
      <c r="N181435" s="10"/>
    </row>
    <row r="181436" spans="14:14">
      <c r="N181436" s="10"/>
    </row>
    <row r="181437" spans="14:14">
      <c r="N181437" s="10"/>
    </row>
    <row r="181438" spans="14:14">
      <c r="N181438" s="10"/>
    </row>
    <row r="181439" spans="14:14">
      <c r="N181439" s="10"/>
    </row>
    <row r="181440" spans="14:14">
      <c r="N181440" s="10"/>
    </row>
    <row r="181441" spans="14:14">
      <c r="N181441" s="10"/>
    </row>
    <row r="181442" spans="14:14">
      <c r="N181442" s="10"/>
    </row>
    <row r="181443" spans="14:14">
      <c r="N181443" s="10"/>
    </row>
    <row r="181444" spans="14:14">
      <c r="N181444" s="10"/>
    </row>
    <row r="181445" spans="14:14">
      <c r="N181445" s="10"/>
    </row>
    <row r="181446" spans="14:14">
      <c r="N181446" s="10"/>
    </row>
    <row r="181447" spans="14:14">
      <c r="N181447" s="10"/>
    </row>
    <row r="181448" spans="14:14">
      <c r="N181448" s="10"/>
    </row>
    <row r="181449" spans="14:14">
      <c r="N181449" s="10"/>
    </row>
    <row r="181450" spans="14:14">
      <c r="N181450" s="10"/>
    </row>
    <row r="181451" spans="14:14">
      <c r="N181451" s="10"/>
    </row>
    <row r="181452" spans="14:14">
      <c r="N181452" s="10"/>
    </row>
    <row r="181453" spans="14:14">
      <c r="N181453" s="10"/>
    </row>
    <row r="181454" spans="14:14">
      <c r="N181454" s="10"/>
    </row>
    <row r="181455" spans="14:14">
      <c r="N181455" s="10"/>
    </row>
    <row r="181456" spans="14:14">
      <c r="N181456" s="10"/>
    </row>
    <row r="181457" spans="14:14">
      <c r="N181457" s="10"/>
    </row>
    <row r="181458" spans="14:14">
      <c r="N181458" s="10"/>
    </row>
    <row r="181459" spans="14:14">
      <c r="N181459" s="10"/>
    </row>
    <row r="181460" spans="14:14">
      <c r="N181460" s="10"/>
    </row>
    <row r="181461" spans="14:14">
      <c r="N181461" s="10"/>
    </row>
    <row r="181462" spans="14:14">
      <c r="N181462" s="10"/>
    </row>
    <row r="181463" spans="14:14">
      <c r="N181463" s="10"/>
    </row>
    <row r="181464" spans="14:14">
      <c r="N181464" s="10"/>
    </row>
    <row r="181465" spans="14:14">
      <c r="N181465" s="10"/>
    </row>
    <row r="181466" spans="14:14">
      <c r="N181466" s="10"/>
    </row>
    <row r="181467" spans="14:14">
      <c r="N181467" s="10"/>
    </row>
    <row r="181468" spans="14:14">
      <c r="N181468" s="10"/>
    </row>
    <row r="181469" spans="14:14">
      <c r="N181469" s="10"/>
    </row>
    <row r="181470" spans="14:14">
      <c r="N181470" s="10"/>
    </row>
    <row r="181471" spans="14:14">
      <c r="N181471" s="10"/>
    </row>
    <row r="181472" spans="14:14">
      <c r="N181472" s="10"/>
    </row>
    <row r="181473" spans="14:14">
      <c r="N181473" s="10"/>
    </row>
    <row r="181474" spans="14:14">
      <c r="N181474" s="10"/>
    </row>
    <row r="181475" spans="14:14">
      <c r="N181475" s="10"/>
    </row>
    <row r="181476" spans="14:14">
      <c r="N181476" s="10"/>
    </row>
    <row r="181477" spans="14:14">
      <c r="N181477" s="10"/>
    </row>
    <row r="181478" spans="14:14">
      <c r="N181478" s="10"/>
    </row>
    <row r="181479" spans="14:14">
      <c r="N181479" s="10"/>
    </row>
    <row r="181480" spans="14:14">
      <c r="N181480" s="10"/>
    </row>
    <row r="181481" spans="14:14">
      <c r="N181481" s="10"/>
    </row>
    <row r="181482" spans="14:14">
      <c r="N181482" s="10"/>
    </row>
    <row r="181483" spans="14:14">
      <c r="N181483" s="10"/>
    </row>
    <row r="181484" spans="14:14">
      <c r="N181484" s="10"/>
    </row>
    <row r="181485" spans="14:14">
      <c r="N181485" s="10"/>
    </row>
    <row r="181486" spans="14:14">
      <c r="N181486" s="10"/>
    </row>
    <row r="181487" spans="14:14">
      <c r="N181487" s="10"/>
    </row>
    <row r="181488" spans="14:14">
      <c r="N181488" s="10"/>
    </row>
    <row r="181489" spans="14:14">
      <c r="N181489" s="10"/>
    </row>
    <row r="181490" spans="14:14">
      <c r="N181490" s="10"/>
    </row>
    <row r="181491" spans="14:14">
      <c r="N181491" s="10"/>
    </row>
    <row r="181492" spans="14:14">
      <c r="N181492" s="10"/>
    </row>
    <row r="181493" spans="14:14">
      <c r="N181493" s="10"/>
    </row>
    <row r="181494" spans="14:14">
      <c r="N181494" s="10"/>
    </row>
    <row r="181495" spans="14:14">
      <c r="N181495" s="10"/>
    </row>
    <row r="181496" spans="14:14">
      <c r="N181496" s="10"/>
    </row>
    <row r="181497" spans="14:14">
      <c r="N181497" s="10"/>
    </row>
    <row r="181498" spans="14:14">
      <c r="N181498" s="10"/>
    </row>
    <row r="181499" spans="14:14">
      <c r="N181499" s="10"/>
    </row>
    <row r="181500" spans="14:14">
      <c r="N181500" s="10"/>
    </row>
    <row r="181501" spans="14:14">
      <c r="N181501" s="10"/>
    </row>
    <row r="181502" spans="14:14">
      <c r="N181502" s="10"/>
    </row>
    <row r="181503" spans="14:14">
      <c r="N181503" s="10"/>
    </row>
    <row r="181504" spans="14:14">
      <c r="N181504" s="10"/>
    </row>
    <row r="181505" spans="14:14">
      <c r="N181505" s="10"/>
    </row>
    <row r="181506" spans="14:14">
      <c r="N181506" s="10"/>
    </row>
    <row r="181507" spans="14:14">
      <c r="N181507" s="10"/>
    </row>
    <row r="181508" spans="14:14">
      <c r="N181508" s="10"/>
    </row>
    <row r="181509" spans="14:14">
      <c r="N181509" s="10"/>
    </row>
    <row r="181510" spans="14:14">
      <c r="N181510" s="10"/>
    </row>
    <row r="181511" spans="14:14">
      <c r="N181511" s="10"/>
    </row>
    <row r="181512" spans="14:14">
      <c r="N181512" s="10"/>
    </row>
    <row r="181513" spans="14:14">
      <c r="N181513" s="10"/>
    </row>
    <row r="181514" spans="14:14">
      <c r="N181514" s="10"/>
    </row>
    <row r="181515" spans="14:14">
      <c r="N181515" s="10"/>
    </row>
    <row r="181516" spans="14:14">
      <c r="N181516" s="10"/>
    </row>
    <row r="181517" spans="14:14">
      <c r="N181517" s="10"/>
    </row>
    <row r="181518" spans="14:14">
      <c r="N181518" s="10"/>
    </row>
    <row r="181519" spans="14:14">
      <c r="N181519" s="10"/>
    </row>
    <row r="181520" spans="14:14">
      <c r="N181520" s="10"/>
    </row>
    <row r="181521" spans="14:14">
      <c r="N181521" s="10"/>
    </row>
    <row r="181522" spans="14:14">
      <c r="N181522" s="10"/>
    </row>
    <row r="181523" spans="14:14">
      <c r="N181523" s="10"/>
    </row>
    <row r="181524" spans="14:14">
      <c r="N181524" s="10"/>
    </row>
    <row r="181525" spans="14:14">
      <c r="N181525" s="10"/>
    </row>
    <row r="181526" spans="14:14">
      <c r="N181526" s="10"/>
    </row>
    <row r="181527" spans="14:14">
      <c r="N181527" s="10"/>
    </row>
    <row r="181528" spans="14:14">
      <c r="N181528" s="10"/>
    </row>
    <row r="181529" spans="14:14">
      <c r="N181529" s="10"/>
    </row>
    <row r="181530" spans="14:14">
      <c r="N181530" s="10"/>
    </row>
    <row r="181531" spans="14:14">
      <c r="N181531" s="10"/>
    </row>
    <row r="181532" spans="14:14">
      <c r="N181532" s="10"/>
    </row>
    <row r="181533" spans="14:14">
      <c r="N181533" s="10"/>
    </row>
    <row r="181534" spans="14:14">
      <c r="N181534" s="10"/>
    </row>
    <row r="181535" spans="14:14">
      <c r="N181535" s="10"/>
    </row>
    <row r="181536" spans="14:14">
      <c r="N181536" s="10"/>
    </row>
    <row r="181537" spans="14:14">
      <c r="N181537" s="10"/>
    </row>
    <row r="181538" spans="14:14">
      <c r="N181538" s="10"/>
    </row>
    <row r="181539" spans="14:14">
      <c r="N181539" s="10"/>
    </row>
    <row r="181540" spans="14:14">
      <c r="N181540" s="10"/>
    </row>
    <row r="181541" spans="14:14">
      <c r="N181541" s="10"/>
    </row>
    <row r="181542" spans="14:14">
      <c r="N181542" s="10"/>
    </row>
    <row r="181543" spans="14:14">
      <c r="N181543" s="10"/>
    </row>
    <row r="181544" spans="14:14">
      <c r="N181544" s="10"/>
    </row>
    <row r="181545" spans="14:14">
      <c r="N181545" s="10"/>
    </row>
    <row r="181546" spans="14:14">
      <c r="N181546" s="10"/>
    </row>
    <row r="181547" spans="14:14">
      <c r="N181547" s="10"/>
    </row>
    <row r="181548" spans="14:14">
      <c r="N181548" s="10"/>
    </row>
    <row r="181549" spans="14:14">
      <c r="N181549" s="10"/>
    </row>
    <row r="181550" spans="14:14">
      <c r="N181550" s="10"/>
    </row>
    <row r="181551" spans="14:14">
      <c r="N181551" s="10"/>
    </row>
    <row r="181552" spans="14:14">
      <c r="N181552" s="10"/>
    </row>
    <row r="181553" spans="14:14">
      <c r="N181553" s="10"/>
    </row>
    <row r="181554" spans="14:14">
      <c r="N181554" s="10"/>
    </row>
    <row r="181555" spans="14:14">
      <c r="N181555" s="10"/>
    </row>
    <row r="181556" spans="14:14">
      <c r="N181556" s="10"/>
    </row>
    <row r="181557" spans="14:14">
      <c r="N181557" s="10"/>
    </row>
    <row r="181558" spans="14:14">
      <c r="N181558" s="10"/>
    </row>
    <row r="181559" spans="14:14">
      <c r="N181559" s="10"/>
    </row>
    <row r="181560" spans="14:14">
      <c r="N181560" s="10"/>
    </row>
    <row r="181561" spans="14:14">
      <c r="N181561" s="10"/>
    </row>
    <row r="181562" spans="14:14">
      <c r="N181562" s="10"/>
    </row>
    <row r="181563" spans="14:14">
      <c r="N181563" s="10"/>
    </row>
    <row r="181564" spans="14:14">
      <c r="N181564" s="10"/>
    </row>
    <row r="181565" spans="14:14">
      <c r="N181565" s="10"/>
    </row>
    <row r="181566" spans="14:14">
      <c r="N181566" s="10"/>
    </row>
    <row r="181567" spans="14:14">
      <c r="N181567" s="10"/>
    </row>
    <row r="181568" spans="14:14">
      <c r="N181568" s="10"/>
    </row>
    <row r="181569" spans="14:14">
      <c r="N181569" s="10"/>
    </row>
    <row r="181570" spans="14:14">
      <c r="N181570" s="10"/>
    </row>
    <row r="181571" spans="14:14">
      <c r="N181571" s="10"/>
    </row>
    <row r="181572" spans="14:14">
      <c r="N181572" s="10"/>
    </row>
    <row r="181573" spans="14:14">
      <c r="N181573" s="10"/>
    </row>
    <row r="181574" spans="14:14">
      <c r="N181574" s="10"/>
    </row>
    <row r="181575" spans="14:14">
      <c r="N181575" s="10"/>
    </row>
    <row r="181576" spans="14:14">
      <c r="N181576" s="10"/>
    </row>
    <row r="181577" spans="14:14">
      <c r="N181577" s="10"/>
    </row>
    <row r="181578" spans="14:14">
      <c r="N181578" s="10"/>
    </row>
    <row r="181579" spans="14:14">
      <c r="N181579" s="10"/>
    </row>
    <row r="181580" spans="14:14">
      <c r="N181580" s="10"/>
    </row>
    <row r="181581" spans="14:14">
      <c r="N181581" s="10"/>
    </row>
    <row r="181582" spans="14:14">
      <c r="N181582" s="10"/>
    </row>
    <row r="181583" spans="14:14">
      <c r="N181583" s="10"/>
    </row>
    <row r="181584" spans="14:14">
      <c r="N181584" s="10"/>
    </row>
    <row r="181585" spans="14:14">
      <c r="N181585" s="10"/>
    </row>
    <row r="181586" spans="14:14">
      <c r="N181586" s="10"/>
    </row>
    <row r="181587" spans="14:14">
      <c r="N181587" s="10"/>
    </row>
    <row r="181588" spans="14:14">
      <c r="N181588" s="10"/>
    </row>
    <row r="181589" spans="14:14">
      <c r="N181589" s="10"/>
    </row>
    <row r="181590" spans="14:14">
      <c r="N181590" s="10"/>
    </row>
    <row r="181591" spans="14:14">
      <c r="N181591" s="10"/>
    </row>
    <row r="181592" spans="14:14">
      <c r="N181592" s="10"/>
    </row>
    <row r="181593" spans="14:14">
      <c r="N181593" s="10"/>
    </row>
    <row r="181594" spans="14:14">
      <c r="N181594" s="10"/>
    </row>
    <row r="181595" spans="14:14">
      <c r="N181595" s="10"/>
    </row>
    <row r="181596" spans="14:14">
      <c r="N181596" s="10"/>
    </row>
    <row r="181597" spans="14:14">
      <c r="N181597" s="10"/>
    </row>
    <row r="181598" spans="14:14">
      <c r="N181598" s="10"/>
    </row>
    <row r="181599" spans="14:14">
      <c r="N181599" s="10"/>
    </row>
    <row r="181600" spans="14:14">
      <c r="N181600" s="10"/>
    </row>
    <row r="181601" spans="14:14">
      <c r="N181601" s="10"/>
    </row>
    <row r="181602" spans="14:14">
      <c r="N181602" s="10"/>
    </row>
    <row r="181603" spans="14:14">
      <c r="N181603" s="10"/>
    </row>
    <row r="181604" spans="14:14">
      <c r="N181604" s="10"/>
    </row>
    <row r="181605" spans="14:14">
      <c r="N181605" s="10"/>
    </row>
    <row r="181606" spans="14:14">
      <c r="N181606" s="10"/>
    </row>
    <row r="181607" spans="14:14">
      <c r="N181607" s="10"/>
    </row>
    <row r="181608" spans="14:14">
      <c r="N181608" s="10"/>
    </row>
    <row r="181609" spans="14:14">
      <c r="N181609" s="10"/>
    </row>
    <row r="181610" spans="14:14">
      <c r="N181610" s="10"/>
    </row>
    <row r="181611" spans="14:14">
      <c r="N181611" s="10"/>
    </row>
    <row r="181612" spans="14:14">
      <c r="N181612" s="10"/>
    </row>
    <row r="181613" spans="14:14">
      <c r="N181613" s="10"/>
    </row>
    <row r="181614" spans="14:14">
      <c r="N181614" s="10"/>
    </row>
    <row r="181615" spans="14:14">
      <c r="N181615" s="10"/>
    </row>
    <row r="181616" spans="14:14">
      <c r="N181616" s="10"/>
    </row>
    <row r="181617" spans="14:14">
      <c r="N181617" s="10"/>
    </row>
    <row r="181618" spans="14:14">
      <c r="N181618" s="10"/>
    </row>
    <row r="181619" spans="14:14">
      <c r="N181619" s="10"/>
    </row>
    <row r="181620" spans="14:14">
      <c r="N181620" s="10"/>
    </row>
    <row r="181621" spans="14:14">
      <c r="N181621" s="10"/>
    </row>
    <row r="181622" spans="14:14">
      <c r="N181622" s="10"/>
    </row>
    <row r="181623" spans="14:14">
      <c r="N181623" s="10"/>
    </row>
    <row r="181624" spans="14:14">
      <c r="N181624" s="10"/>
    </row>
    <row r="181625" spans="14:14">
      <c r="N181625" s="10"/>
    </row>
    <row r="181626" spans="14:14">
      <c r="N181626" s="10"/>
    </row>
    <row r="181627" spans="14:14">
      <c r="N181627" s="10"/>
    </row>
    <row r="181628" spans="14:14">
      <c r="N181628" s="10"/>
    </row>
    <row r="181629" spans="14:14">
      <c r="N181629" s="10"/>
    </row>
    <row r="181630" spans="14:14">
      <c r="N181630" s="10"/>
    </row>
    <row r="181631" spans="14:14">
      <c r="N181631" s="10"/>
    </row>
    <row r="181632" spans="14:14">
      <c r="N181632" s="10"/>
    </row>
    <row r="181633" spans="14:14">
      <c r="N181633" s="10"/>
    </row>
    <row r="181634" spans="14:14">
      <c r="N181634" s="10"/>
    </row>
    <row r="181635" spans="14:14">
      <c r="N181635" s="10"/>
    </row>
    <row r="181636" spans="14:14">
      <c r="N181636" s="10"/>
    </row>
    <row r="181637" spans="14:14">
      <c r="N181637" s="10"/>
    </row>
    <row r="181638" spans="14:14">
      <c r="N181638" s="10"/>
    </row>
    <row r="181639" spans="14:14">
      <c r="N181639" s="10"/>
    </row>
    <row r="181640" spans="14:14">
      <c r="N181640" s="10"/>
    </row>
    <row r="181641" spans="14:14">
      <c r="N181641" s="10"/>
    </row>
    <row r="181642" spans="14:14">
      <c r="N181642" s="10"/>
    </row>
    <row r="181643" spans="14:14">
      <c r="N181643" s="10"/>
    </row>
    <row r="181644" spans="14:14">
      <c r="N181644" s="10"/>
    </row>
    <row r="181645" spans="14:14">
      <c r="N181645" s="10"/>
    </row>
    <row r="181646" spans="14:14">
      <c r="N181646" s="10"/>
    </row>
    <row r="181647" spans="14:14">
      <c r="N181647" s="10"/>
    </row>
    <row r="181648" spans="14:14">
      <c r="N181648" s="10"/>
    </row>
    <row r="181649" spans="14:14">
      <c r="N181649" s="10"/>
    </row>
    <row r="181650" spans="14:14">
      <c r="N181650" s="10"/>
    </row>
    <row r="181651" spans="14:14">
      <c r="N181651" s="10"/>
    </row>
    <row r="181652" spans="14:14">
      <c r="N181652" s="10"/>
    </row>
    <row r="181653" spans="14:14">
      <c r="N181653" s="10"/>
    </row>
    <row r="181654" spans="14:14">
      <c r="N181654" s="10"/>
    </row>
    <row r="181655" spans="14:14">
      <c r="N181655" s="10"/>
    </row>
    <row r="181656" spans="14:14">
      <c r="N181656" s="10"/>
    </row>
    <row r="181657" spans="14:14">
      <c r="N181657" s="10"/>
    </row>
    <row r="181658" spans="14:14">
      <c r="N181658" s="10"/>
    </row>
    <row r="181659" spans="14:14">
      <c r="N181659" s="10"/>
    </row>
    <row r="181660" spans="14:14">
      <c r="N181660" s="10"/>
    </row>
    <row r="181661" spans="14:14">
      <c r="N181661" s="10"/>
    </row>
    <row r="181662" spans="14:14">
      <c r="N181662" s="10"/>
    </row>
    <row r="181663" spans="14:14">
      <c r="N181663" s="10"/>
    </row>
    <row r="181664" spans="14:14">
      <c r="N181664" s="10"/>
    </row>
    <row r="181665" spans="14:14">
      <c r="N181665" s="10"/>
    </row>
    <row r="181666" spans="14:14">
      <c r="N181666" s="10"/>
    </row>
    <row r="181667" spans="14:14">
      <c r="N181667" s="10"/>
    </row>
    <row r="181668" spans="14:14">
      <c r="N181668" s="10"/>
    </row>
    <row r="181669" spans="14:14">
      <c r="N181669" s="10"/>
    </row>
    <row r="181670" spans="14:14">
      <c r="N181670" s="10"/>
    </row>
    <row r="181671" spans="14:14">
      <c r="N181671" s="10"/>
    </row>
    <row r="181672" spans="14:14">
      <c r="N181672" s="10"/>
    </row>
    <row r="181673" spans="14:14">
      <c r="N181673" s="10"/>
    </row>
    <row r="181674" spans="14:14">
      <c r="N181674" s="10"/>
    </row>
    <row r="181675" spans="14:14">
      <c r="N181675" s="10"/>
    </row>
    <row r="181676" spans="14:14">
      <c r="N181676" s="10"/>
    </row>
    <row r="181677" spans="14:14">
      <c r="N181677" s="10"/>
    </row>
    <row r="181678" spans="14:14">
      <c r="N181678" s="10"/>
    </row>
    <row r="181679" spans="14:14">
      <c r="N181679" s="10"/>
    </row>
    <row r="181680" spans="14:14">
      <c r="N181680" s="10"/>
    </row>
    <row r="181681" spans="14:14">
      <c r="N181681" s="10"/>
    </row>
    <row r="181682" spans="14:14">
      <c r="N181682" s="10"/>
    </row>
    <row r="181683" spans="14:14">
      <c r="N181683" s="10"/>
    </row>
    <row r="181684" spans="14:14">
      <c r="N181684" s="10"/>
    </row>
    <row r="181685" spans="14:14">
      <c r="N181685" s="10"/>
    </row>
    <row r="181686" spans="14:14">
      <c r="N181686" s="10"/>
    </row>
    <row r="181687" spans="14:14">
      <c r="N181687" s="10"/>
    </row>
    <row r="181688" spans="14:14">
      <c r="N181688" s="10"/>
    </row>
    <row r="181689" spans="14:14">
      <c r="N181689" s="10"/>
    </row>
    <row r="181690" spans="14:14">
      <c r="N181690" s="10"/>
    </row>
    <row r="181691" spans="14:14">
      <c r="N181691" s="10"/>
    </row>
    <row r="181692" spans="14:14">
      <c r="N181692" s="10"/>
    </row>
    <row r="181693" spans="14:14">
      <c r="N181693" s="10"/>
    </row>
    <row r="181694" spans="14:14">
      <c r="N181694" s="10"/>
    </row>
    <row r="181695" spans="14:14">
      <c r="N181695" s="10"/>
    </row>
    <row r="181696" spans="14:14">
      <c r="N181696" s="10"/>
    </row>
    <row r="181697" spans="14:14">
      <c r="N181697" s="10"/>
    </row>
    <row r="181698" spans="14:14">
      <c r="N181698" s="10"/>
    </row>
    <row r="181699" spans="14:14">
      <c r="N181699" s="10"/>
    </row>
    <row r="181700" spans="14:14">
      <c r="N181700" s="10"/>
    </row>
    <row r="181701" spans="14:14">
      <c r="N181701" s="10"/>
    </row>
    <row r="181702" spans="14:14">
      <c r="N181702" s="10"/>
    </row>
    <row r="181703" spans="14:14">
      <c r="N181703" s="10"/>
    </row>
    <row r="181704" spans="14:14">
      <c r="N181704" s="10"/>
    </row>
    <row r="181705" spans="14:14">
      <c r="N181705" s="10"/>
    </row>
    <row r="181706" spans="14:14">
      <c r="N181706" s="10"/>
    </row>
    <row r="181707" spans="14:14">
      <c r="N181707" s="10"/>
    </row>
    <row r="181708" spans="14:14">
      <c r="N181708" s="10"/>
    </row>
    <row r="181709" spans="14:14">
      <c r="N181709" s="10"/>
    </row>
    <row r="181710" spans="14:14">
      <c r="N181710" s="10"/>
    </row>
    <row r="181711" spans="14:14">
      <c r="N181711" s="10"/>
    </row>
    <row r="181712" spans="14:14">
      <c r="N181712" s="10"/>
    </row>
    <row r="181713" spans="14:14">
      <c r="N181713" s="10"/>
    </row>
    <row r="181714" spans="14:14">
      <c r="N181714" s="10"/>
    </row>
    <row r="181715" spans="14:14">
      <c r="N181715" s="10"/>
    </row>
    <row r="181716" spans="14:14">
      <c r="N181716" s="10"/>
    </row>
    <row r="181717" spans="14:14">
      <c r="N181717" s="10"/>
    </row>
    <row r="181718" spans="14:14">
      <c r="N181718" s="10"/>
    </row>
    <row r="181719" spans="14:14">
      <c r="N181719" s="10"/>
    </row>
    <row r="181720" spans="14:14">
      <c r="N181720" s="10"/>
    </row>
    <row r="181721" spans="14:14">
      <c r="N181721" s="10"/>
    </row>
    <row r="181722" spans="14:14">
      <c r="N181722" s="10"/>
    </row>
    <row r="181723" spans="14:14">
      <c r="N181723" s="10"/>
    </row>
    <row r="181724" spans="14:14">
      <c r="N181724" s="10"/>
    </row>
    <row r="181725" spans="14:14">
      <c r="N181725" s="10"/>
    </row>
    <row r="181726" spans="14:14">
      <c r="N181726" s="10"/>
    </row>
    <row r="181727" spans="14:14">
      <c r="N181727" s="10"/>
    </row>
    <row r="181728" spans="14:14">
      <c r="N181728" s="10"/>
    </row>
    <row r="181729" spans="14:14">
      <c r="N181729" s="10"/>
    </row>
    <row r="181730" spans="14:14">
      <c r="N181730" s="10"/>
    </row>
    <row r="181731" spans="14:14">
      <c r="N181731" s="10"/>
    </row>
    <row r="181732" spans="14:14">
      <c r="N181732" s="10"/>
    </row>
    <row r="181733" spans="14:14">
      <c r="N181733" s="10"/>
    </row>
    <row r="181734" spans="14:14">
      <c r="N181734" s="10"/>
    </row>
    <row r="181735" spans="14:14">
      <c r="N181735" s="10"/>
    </row>
    <row r="181736" spans="14:14">
      <c r="N181736" s="10"/>
    </row>
    <row r="181737" spans="14:14">
      <c r="N181737" s="10"/>
    </row>
    <row r="181738" spans="14:14">
      <c r="N181738" s="10"/>
    </row>
    <row r="181739" spans="14:14">
      <c r="N181739" s="10"/>
    </row>
    <row r="181740" spans="14:14">
      <c r="N181740" s="10"/>
    </row>
    <row r="181741" spans="14:14">
      <c r="N181741" s="10"/>
    </row>
    <row r="181742" spans="14:14">
      <c r="N181742" s="10"/>
    </row>
    <row r="181743" spans="14:14">
      <c r="N181743" s="10"/>
    </row>
    <row r="181744" spans="14:14">
      <c r="N181744" s="10"/>
    </row>
    <row r="181745" spans="14:14">
      <c r="N181745" s="10"/>
    </row>
    <row r="181746" spans="14:14">
      <c r="N181746" s="10"/>
    </row>
    <row r="181747" spans="14:14">
      <c r="N181747" s="10"/>
    </row>
    <row r="181748" spans="14:14">
      <c r="N181748" s="10"/>
    </row>
    <row r="181749" spans="14:14">
      <c r="N181749" s="10"/>
    </row>
    <row r="181750" spans="14:14">
      <c r="N181750" s="10"/>
    </row>
    <row r="181751" spans="14:14">
      <c r="N181751" s="10"/>
    </row>
    <row r="181752" spans="14:14">
      <c r="N181752" s="10"/>
    </row>
    <row r="181753" spans="14:14">
      <c r="N181753" s="10"/>
    </row>
    <row r="181754" spans="14:14">
      <c r="N181754" s="10"/>
    </row>
    <row r="181755" spans="14:14">
      <c r="N181755" s="10"/>
    </row>
    <row r="181756" spans="14:14">
      <c r="N181756" s="10"/>
    </row>
    <row r="181757" spans="14:14">
      <c r="N181757" s="10"/>
    </row>
    <row r="181758" spans="14:14">
      <c r="N181758" s="10"/>
    </row>
    <row r="181759" spans="14:14">
      <c r="N181759" s="10"/>
    </row>
    <row r="181760" spans="14:14">
      <c r="N181760" s="10"/>
    </row>
    <row r="181761" spans="14:14">
      <c r="N181761" s="10"/>
    </row>
    <row r="181762" spans="14:14">
      <c r="N181762" s="10"/>
    </row>
    <row r="181763" spans="14:14">
      <c r="N181763" s="10"/>
    </row>
    <row r="181764" spans="14:14">
      <c r="N181764" s="10"/>
    </row>
    <row r="181765" spans="14:14">
      <c r="N181765" s="10"/>
    </row>
    <row r="181766" spans="14:14">
      <c r="N181766" s="10"/>
    </row>
    <row r="181767" spans="14:14">
      <c r="N181767" s="10"/>
    </row>
    <row r="181768" spans="14:14">
      <c r="N181768" s="10"/>
    </row>
    <row r="181769" spans="14:14">
      <c r="N181769" s="10"/>
    </row>
    <row r="181770" spans="14:14">
      <c r="N181770" s="10"/>
    </row>
    <row r="181771" spans="14:14">
      <c r="N181771" s="10"/>
    </row>
    <row r="181772" spans="14:14">
      <c r="N181772" s="10"/>
    </row>
    <row r="181773" spans="14:14">
      <c r="N181773" s="10"/>
    </row>
    <row r="181774" spans="14:14">
      <c r="N181774" s="10"/>
    </row>
    <row r="181775" spans="14:14">
      <c r="N181775" s="10"/>
    </row>
    <row r="181776" spans="14:14">
      <c r="N181776" s="10"/>
    </row>
    <row r="181777" spans="14:14">
      <c r="N181777" s="10"/>
    </row>
    <row r="181778" spans="14:14">
      <c r="N181778" s="10"/>
    </row>
    <row r="181779" spans="14:14">
      <c r="N181779" s="10"/>
    </row>
    <row r="181780" spans="14:14">
      <c r="N181780" s="10"/>
    </row>
    <row r="181781" spans="14:14">
      <c r="N181781" s="10"/>
    </row>
    <row r="181782" spans="14:14">
      <c r="N181782" s="10"/>
    </row>
    <row r="181783" spans="14:14">
      <c r="N181783" s="10"/>
    </row>
    <row r="181784" spans="14:14">
      <c r="N181784" s="10"/>
    </row>
    <row r="181785" spans="14:14">
      <c r="N181785" s="10"/>
    </row>
    <row r="181786" spans="14:14">
      <c r="N181786" s="10"/>
    </row>
    <row r="181787" spans="14:14">
      <c r="N181787" s="10"/>
    </row>
    <row r="181788" spans="14:14">
      <c r="N181788" s="10"/>
    </row>
    <row r="181789" spans="14:14">
      <c r="N181789" s="10"/>
    </row>
    <row r="181790" spans="14:14">
      <c r="N181790" s="10"/>
    </row>
    <row r="181791" spans="14:14">
      <c r="N181791" s="10"/>
    </row>
    <row r="181792" spans="14:14">
      <c r="N181792" s="10"/>
    </row>
    <row r="181793" spans="14:14">
      <c r="N181793" s="10"/>
    </row>
    <row r="181794" spans="14:14">
      <c r="N181794" s="10"/>
    </row>
    <row r="181795" spans="14:14">
      <c r="N181795" s="10"/>
    </row>
    <row r="181796" spans="14:14">
      <c r="N181796" s="10"/>
    </row>
    <row r="181797" spans="14:14">
      <c r="N181797" s="10"/>
    </row>
    <row r="181798" spans="14:14">
      <c r="N181798" s="10"/>
    </row>
    <row r="181799" spans="14:14">
      <c r="N181799" s="10"/>
    </row>
    <row r="181800" spans="14:14">
      <c r="N181800" s="10"/>
    </row>
    <row r="181801" spans="14:14">
      <c r="N181801" s="10"/>
    </row>
    <row r="181802" spans="14:14">
      <c r="N181802" s="10"/>
    </row>
    <row r="181803" spans="14:14">
      <c r="N181803" s="10"/>
    </row>
    <row r="181804" spans="14:14">
      <c r="N181804" s="10"/>
    </row>
    <row r="181805" spans="14:14">
      <c r="N181805" s="10"/>
    </row>
    <row r="181806" spans="14:14">
      <c r="N181806" s="10"/>
    </row>
    <row r="181807" spans="14:14">
      <c r="N181807" s="10"/>
    </row>
    <row r="181808" spans="14:14">
      <c r="N181808" s="10"/>
    </row>
    <row r="181809" spans="14:14">
      <c r="N181809" s="10"/>
    </row>
    <row r="181810" spans="14:14">
      <c r="N181810" s="10"/>
    </row>
    <row r="181811" spans="14:14">
      <c r="N181811" s="10"/>
    </row>
    <row r="181812" spans="14:14">
      <c r="N181812" s="10"/>
    </row>
    <row r="181813" spans="14:14">
      <c r="N181813" s="10"/>
    </row>
    <row r="181814" spans="14:14">
      <c r="N181814" s="10"/>
    </row>
    <row r="181815" spans="14:14">
      <c r="N181815" s="10"/>
    </row>
    <row r="181816" spans="14:14">
      <c r="N181816" s="10"/>
    </row>
    <row r="181817" spans="14:14">
      <c r="N181817" s="10"/>
    </row>
    <row r="181818" spans="14:14">
      <c r="N181818" s="10"/>
    </row>
    <row r="181819" spans="14:14">
      <c r="N181819" s="10"/>
    </row>
    <row r="181820" spans="14:14">
      <c r="N181820" s="10"/>
    </row>
    <row r="181821" spans="14:14">
      <c r="N181821" s="10"/>
    </row>
    <row r="181822" spans="14:14">
      <c r="N181822" s="10"/>
    </row>
    <row r="181823" spans="14:14">
      <c r="N181823" s="10"/>
    </row>
    <row r="181824" spans="14:14">
      <c r="N181824" s="10"/>
    </row>
    <row r="181825" spans="14:14">
      <c r="N181825" s="10"/>
    </row>
    <row r="181826" spans="14:14">
      <c r="N181826" s="10"/>
    </row>
    <row r="181827" spans="14:14">
      <c r="N181827" s="10"/>
    </row>
    <row r="181828" spans="14:14">
      <c r="N181828" s="10"/>
    </row>
    <row r="181829" spans="14:14">
      <c r="N181829" s="10"/>
    </row>
    <row r="181830" spans="14:14">
      <c r="N181830" s="10"/>
    </row>
    <row r="181831" spans="14:14">
      <c r="N181831" s="10"/>
    </row>
    <row r="181832" spans="14:14">
      <c r="N181832" s="10"/>
    </row>
    <row r="181833" spans="14:14">
      <c r="N181833" s="10"/>
    </row>
    <row r="181834" spans="14:14">
      <c r="N181834" s="10"/>
    </row>
    <row r="181835" spans="14:14">
      <c r="N181835" s="10"/>
    </row>
    <row r="181836" spans="14:14">
      <c r="N181836" s="10"/>
    </row>
    <row r="181837" spans="14:14">
      <c r="N181837" s="10"/>
    </row>
    <row r="181838" spans="14:14">
      <c r="N181838" s="10"/>
    </row>
    <row r="181839" spans="14:14">
      <c r="N181839" s="10"/>
    </row>
    <row r="181840" spans="14:14">
      <c r="N181840" s="10"/>
    </row>
    <row r="181841" spans="14:14">
      <c r="N181841" s="10"/>
    </row>
    <row r="181842" spans="14:14">
      <c r="N181842" s="10"/>
    </row>
    <row r="181843" spans="14:14">
      <c r="N181843" s="10"/>
    </row>
    <row r="181844" spans="14:14">
      <c r="N181844" s="10"/>
    </row>
    <row r="181845" spans="14:14">
      <c r="N181845" s="10"/>
    </row>
    <row r="181846" spans="14:14">
      <c r="N181846" s="10"/>
    </row>
    <row r="181847" spans="14:14">
      <c r="N181847" s="10"/>
    </row>
    <row r="181848" spans="14:14">
      <c r="N181848" s="10"/>
    </row>
    <row r="181849" spans="14:14">
      <c r="N181849" s="10"/>
    </row>
    <row r="181850" spans="14:14">
      <c r="N181850" s="10"/>
    </row>
    <row r="181851" spans="14:14">
      <c r="N181851" s="10"/>
    </row>
    <row r="181852" spans="14:14">
      <c r="N181852" s="10"/>
    </row>
    <row r="181853" spans="14:14">
      <c r="N181853" s="10"/>
    </row>
    <row r="181854" spans="14:14">
      <c r="N181854" s="10"/>
    </row>
    <row r="181855" spans="14:14">
      <c r="N181855" s="10"/>
    </row>
    <row r="181856" spans="14:14">
      <c r="N181856" s="10"/>
    </row>
    <row r="181857" spans="14:14">
      <c r="N181857" s="10"/>
    </row>
    <row r="181858" spans="14:14">
      <c r="N181858" s="10"/>
    </row>
    <row r="181859" spans="14:14">
      <c r="N181859" s="10"/>
    </row>
    <row r="181860" spans="14:14">
      <c r="N181860" s="10"/>
    </row>
    <row r="181861" spans="14:14">
      <c r="N181861" s="10"/>
    </row>
    <row r="181862" spans="14:14">
      <c r="N181862" s="10"/>
    </row>
    <row r="181863" spans="14:14">
      <c r="N181863" s="10"/>
    </row>
    <row r="181864" spans="14:14">
      <c r="N181864" s="10"/>
    </row>
    <row r="181865" spans="14:14">
      <c r="N181865" s="10"/>
    </row>
    <row r="181866" spans="14:14">
      <c r="N181866" s="10"/>
    </row>
    <row r="181867" spans="14:14">
      <c r="N181867" s="10"/>
    </row>
    <row r="181868" spans="14:14">
      <c r="N181868" s="10"/>
    </row>
    <row r="181869" spans="14:14">
      <c r="N181869" s="10"/>
    </row>
    <row r="181870" spans="14:14">
      <c r="N181870" s="10"/>
    </row>
    <row r="181871" spans="14:14">
      <c r="N181871" s="10"/>
    </row>
    <row r="181872" spans="14:14">
      <c r="N181872" s="10"/>
    </row>
    <row r="181873" spans="14:14">
      <c r="N181873" s="10"/>
    </row>
    <row r="181874" spans="14:14">
      <c r="N181874" s="10"/>
    </row>
    <row r="181875" spans="14:14">
      <c r="N181875" s="10"/>
    </row>
    <row r="181876" spans="14:14">
      <c r="N181876" s="10"/>
    </row>
    <row r="181877" spans="14:14">
      <c r="N181877" s="10"/>
    </row>
    <row r="181878" spans="14:14">
      <c r="N181878" s="10"/>
    </row>
    <row r="181879" spans="14:14">
      <c r="N181879" s="10"/>
    </row>
    <row r="181880" spans="14:14">
      <c r="N181880" s="10"/>
    </row>
    <row r="181881" spans="14:14">
      <c r="N181881" s="10"/>
    </row>
    <row r="181882" spans="14:14">
      <c r="N181882" s="10"/>
    </row>
    <row r="181883" spans="14:14">
      <c r="N181883" s="10"/>
    </row>
    <row r="181884" spans="14:14">
      <c r="N181884" s="10"/>
    </row>
    <row r="181885" spans="14:14">
      <c r="N181885" s="10"/>
    </row>
    <row r="181886" spans="14:14">
      <c r="N181886" s="10"/>
    </row>
    <row r="181887" spans="14:14">
      <c r="N181887" s="10"/>
    </row>
    <row r="181888" spans="14:14">
      <c r="N181888" s="10"/>
    </row>
    <row r="181889" spans="14:14">
      <c r="N181889" s="10"/>
    </row>
    <row r="181890" spans="14:14">
      <c r="N181890" s="10"/>
    </row>
    <row r="181891" spans="14:14">
      <c r="N181891" s="10"/>
    </row>
    <row r="181892" spans="14:14">
      <c r="N181892" s="10"/>
    </row>
    <row r="181893" spans="14:14">
      <c r="N181893" s="10"/>
    </row>
    <row r="181894" spans="14:14">
      <c r="N181894" s="10"/>
    </row>
    <row r="181895" spans="14:14">
      <c r="N181895" s="10"/>
    </row>
    <row r="181896" spans="14:14">
      <c r="N181896" s="10"/>
    </row>
    <row r="181897" spans="14:14">
      <c r="N181897" s="10"/>
    </row>
    <row r="181898" spans="14:14">
      <c r="N181898" s="10"/>
    </row>
    <row r="181899" spans="14:14">
      <c r="N181899" s="10"/>
    </row>
    <row r="181900" spans="14:14">
      <c r="N181900" s="10"/>
    </row>
    <row r="181901" spans="14:14">
      <c r="N181901" s="10"/>
    </row>
    <row r="181902" spans="14:14">
      <c r="N181902" s="10"/>
    </row>
    <row r="181903" spans="14:14">
      <c r="N181903" s="10"/>
    </row>
    <row r="181904" spans="14:14">
      <c r="N181904" s="10"/>
    </row>
    <row r="181905" spans="14:14">
      <c r="N181905" s="10"/>
    </row>
    <row r="181906" spans="14:14">
      <c r="N181906" s="10"/>
    </row>
    <row r="181907" spans="14:14">
      <c r="N181907" s="10"/>
    </row>
    <row r="181908" spans="14:14">
      <c r="N181908" s="10"/>
    </row>
    <row r="181909" spans="14:14">
      <c r="N181909" s="10"/>
    </row>
    <row r="181910" spans="14:14">
      <c r="N181910" s="10"/>
    </row>
    <row r="181911" spans="14:14">
      <c r="N181911" s="10"/>
    </row>
    <row r="181912" spans="14:14">
      <c r="N181912" s="10"/>
    </row>
    <row r="181913" spans="14:14">
      <c r="N181913" s="10"/>
    </row>
    <row r="181914" spans="14:14">
      <c r="N181914" s="10"/>
    </row>
    <row r="181915" spans="14:14">
      <c r="N181915" s="10"/>
    </row>
    <row r="181916" spans="14:14">
      <c r="N181916" s="10"/>
    </row>
    <row r="181917" spans="14:14">
      <c r="N181917" s="10"/>
    </row>
    <row r="181918" spans="14:14">
      <c r="N181918" s="10"/>
    </row>
    <row r="181919" spans="14:14">
      <c r="N181919" s="10"/>
    </row>
    <row r="181920" spans="14:14">
      <c r="N181920" s="10"/>
    </row>
    <row r="181921" spans="14:14">
      <c r="N181921" s="10"/>
    </row>
    <row r="181922" spans="14:14">
      <c r="N181922" s="10"/>
    </row>
    <row r="181923" spans="14:14">
      <c r="N181923" s="10"/>
    </row>
    <row r="181924" spans="14:14">
      <c r="N181924" s="10"/>
    </row>
    <row r="181925" spans="14:14">
      <c r="N181925" s="10"/>
    </row>
    <row r="181926" spans="14:14">
      <c r="N181926" s="10"/>
    </row>
    <row r="181927" spans="14:14">
      <c r="N181927" s="10"/>
    </row>
    <row r="181928" spans="14:14">
      <c r="N181928" s="10"/>
    </row>
    <row r="181929" spans="14:14">
      <c r="N181929" s="10"/>
    </row>
    <row r="181930" spans="14:14">
      <c r="N181930" s="10"/>
    </row>
    <row r="181931" spans="14:14">
      <c r="N181931" s="10"/>
    </row>
    <row r="181932" spans="14:14">
      <c r="N181932" s="10"/>
    </row>
    <row r="181933" spans="14:14">
      <c r="N181933" s="10"/>
    </row>
    <row r="181934" spans="14:14">
      <c r="N181934" s="10"/>
    </row>
    <row r="181935" spans="14:14">
      <c r="N181935" s="10"/>
    </row>
    <row r="181936" spans="14:14">
      <c r="N181936" s="10"/>
    </row>
    <row r="181937" spans="14:14">
      <c r="N181937" s="10"/>
    </row>
    <row r="181938" spans="14:14">
      <c r="N181938" s="10"/>
    </row>
    <row r="181939" spans="14:14">
      <c r="N181939" s="10"/>
    </row>
    <row r="181940" spans="14:14">
      <c r="N181940" s="10"/>
    </row>
    <row r="181941" spans="14:14">
      <c r="N181941" s="10"/>
    </row>
    <row r="181942" spans="14:14">
      <c r="N181942" s="10"/>
    </row>
    <row r="181943" spans="14:14">
      <c r="N181943" s="10"/>
    </row>
    <row r="181944" spans="14:14">
      <c r="N181944" s="10"/>
    </row>
    <row r="181945" spans="14:14">
      <c r="N181945" s="10"/>
    </row>
    <row r="181946" spans="14:14">
      <c r="N181946" s="10"/>
    </row>
    <row r="181947" spans="14:14">
      <c r="N181947" s="10"/>
    </row>
    <row r="181948" spans="14:14">
      <c r="N181948" s="10"/>
    </row>
    <row r="181949" spans="14:14">
      <c r="N181949" s="10"/>
    </row>
    <row r="181950" spans="14:14">
      <c r="N181950" s="10"/>
    </row>
    <row r="181951" spans="14:14">
      <c r="N181951" s="10"/>
    </row>
    <row r="181952" spans="14:14">
      <c r="N181952" s="10"/>
    </row>
    <row r="181953" spans="14:14">
      <c r="N181953" s="10"/>
    </row>
    <row r="181954" spans="14:14">
      <c r="N181954" s="10"/>
    </row>
    <row r="181955" spans="14:14">
      <c r="N181955" s="10"/>
    </row>
    <row r="181956" spans="14:14">
      <c r="N181956" s="10"/>
    </row>
    <row r="181957" spans="14:14">
      <c r="N181957" s="10"/>
    </row>
    <row r="181958" spans="14:14">
      <c r="N181958" s="10"/>
    </row>
    <row r="181959" spans="14:14">
      <c r="N181959" s="10"/>
    </row>
    <row r="181960" spans="14:14">
      <c r="N181960" s="10"/>
    </row>
    <row r="181961" spans="14:14">
      <c r="N181961" s="10"/>
    </row>
    <row r="181962" spans="14:14">
      <c r="N181962" s="10"/>
    </row>
    <row r="181963" spans="14:14">
      <c r="N181963" s="10"/>
    </row>
    <row r="181964" spans="14:14">
      <c r="N181964" s="10"/>
    </row>
    <row r="181965" spans="14:14">
      <c r="N181965" s="10"/>
    </row>
    <row r="181966" spans="14:14">
      <c r="N181966" s="10"/>
    </row>
    <row r="181967" spans="14:14">
      <c r="N181967" s="10"/>
    </row>
    <row r="181968" spans="14:14">
      <c r="N181968" s="10"/>
    </row>
    <row r="181969" spans="14:14">
      <c r="N181969" s="10"/>
    </row>
    <row r="181970" spans="14:14">
      <c r="N181970" s="10"/>
    </row>
    <row r="181971" spans="14:14">
      <c r="N181971" s="10"/>
    </row>
    <row r="181972" spans="14:14">
      <c r="N181972" s="10"/>
    </row>
    <row r="181973" spans="14:14">
      <c r="N181973" s="10"/>
    </row>
    <row r="181974" spans="14:14">
      <c r="N181974" s="10"/>
    </row>
    <row r="181975" spans="14:14">
      <c r="N181975" s="10"/>
    </row>
    <row r="181976" spans="14:14">
      <c r="N181976" s="10"/>
    </row>
    <row r="181977" spans="14:14">
      <c r="N181977" s="10"/>
    </row>
    <row r="181978" spans="14:14">
      <c r="N181978" s="10"/>
    </row>
    <row r="181979" spans="14:14">
      <c r="N181979" s="10"/>
    </row>
    <row r="181980" spans="14:14">
      <c r="N181980" s="10"/>
    </row>
    <row r="181981" spans="14:14">
      <c r="N181981" s="10"/>
    </row>
    <row r="181982" spans="14:14">
      <c r="N181982" s="10"/>
    </row>
    <row r="181983" spans="14:14">
      <c r="N181983" s="10"/>
    </row>
    <row r="181984" spans="14:14">
      <c r="N181984" s="10"/>
    </row>
    <row r="181985" spans="14:14">
      <c r="N181985" s="10"/>
    </row>
    <row r="181986" spans="14:14">
      <c r="N181986" s="10"/>
    </row>
    <row r="181987" spans="14:14">
      <c r="N181987" s="10"/>
    </row>
    <row r="181988" spans="14:14">
      <c r="N181988" s="10"/>
    </row>
    <row r="181989" spans="14:14">
      <c r="N181989" s="10"/>
    </row>
    <row r="181990" spans="14:14">
      <c r="N181990" s="10"/>
    </row>
    <row r="181991" spans="14:14">
      <c r="N181991" s="10"/>
    </row>
    <row r="181992" spans="14:14">
      <c r="N181992" s="10"/>
    </row>
    <row r="181993" spans="14:14">
      <c r="N181993" s="10"/>
    </row>
    <row r="181994" spans="14:14">
      <c r="N181994" s="10"/>
    </row>
    <row r="181995" spans="14:14">
      <c r="N181995" s="10"/>
    </row>
    <row r="181996" spans="14:14">
      <c r="N181996" s="10"/>
    </row>
    <row r="181997" spans="14:14">
      <c r="N181997" s="10"/>
    </row>
    <row r="181998" spans="14:14">
      <c r="N181998" s="10"/>
    </row>
    <row r="181999" spans="14:14">
      <c r="N181999" s="10"/>
    </row>
    <row r="182000" spans="14:14">
      <c r="N182000" s="10"/>
    </row>
    <row r="182001" spans="14:14">
      <c r="N182001" s="10"/>
    </row>
    <row r="182002" spans="14:14">
      <c r="N182002" s="10"/>
    </row>
    <row r="182003" spans="14:14">
      <c r="N182003" s="10"/>
    </row>
    <row r="182004" spans="14:14">
      <c r="N182004" s="10"/>
    </row>
    <row r="182005" spans="14:14">
      <c r="N182005" s="10"/>
    </row>
    <row r="182006" spans="14:14">
      <c r="N182006" s="10"/>
    </row>
    <row r="182007" spans="14:14">
      <c r="N182007" s="10"/>
    </row>
    <row r="182008" spans="14:14">
      <c r="N182008" s="10"/>
    </row>
    <row r="182009" spans="14:14">
      <c r="N182009" s="10"/>
    </row>
    <row r="182010" spans="14:14">
      <c r="N182010" s="10"/>
    </row>
    <row r="182011" spans="14:14">
      <c r="N182011" s="10"/>
    </row>
    <row r="182012" spans="14:14">
      <c r="N182012" s="10"/>
    </row>
    <row r="182013" spans="14:14">
      <c r="N182013" s="10"/>
    </row>
    <row r="182014" spans="14:14">
      <c r="N182014" s="10"/>
    </row>
    <row r="182015" spans="14:14">
      <c r="N182015" s="10"/>
    </row>
    <row r="182016" spans="14:14">
      <c r="N182016" s="10"/>
    </row>
    <row r="182017" spans="14:14">
      <c r="N182017" s="10"/>
    </row>
    <row r="182018" spans="14:14">
      <c r="N182018" s="10"/>
    </row>
    <row r="182019" spans="14:14">
      <c r="N182019" s="10"/>
    </row>
    <row r="182020" spans="14:14">
      <c r="N182020" s="10"/>
    </row>
    <row r="182021" spans="14:14">
      <c r="N182021" s="10"/>
    </row>
    <row r="182022" spans="14:14">
      <c r="N182022" s="10"/>
    </row>
    <row r="182023" spans="14:14">
      <c r="N182023" s="10"/>
    </row>
    <row r="182024" spans="14:14">
      <c r="N182024" s="10"/>
    </row>
    <row r="182025" spans="14:14">
      <c r="N182025" s="10"/>
    </row>
    <row r="182026" spans="14:14">
      <c r="N182026" s="10"/>
    </row>
    <row r="182027" spans="14:14">
      <c r="N182027" s="10"/>
    </row>
    <row r="182028" spans="14:14">
      <c r="N182028" s="10"/>
    </row>
    <row r="182029" spans="14:14">
      <c r="N182029" s="10"/>
    </row>
    <row r="182030" spans="14:14">
      <c r="N182030" s="10"/>
    </row>
    <row r="182031" spans="14:14">
      <c r="N182031" s="10"/>
    </row>
    <row r="182032" spans="14:14">
      <c r="N182032" s="10"/>
    </row>
    <row r="182033" spans="14:14">
      <c r="N182033" s="10"/>
    </row>
    <row r="182034" spans="14:14">
      <c r="N182034" s="10"/>
    </row>
    <row r="182035" spans="14:14">
      <c r="N182035" s="10"/>
    </row>
    <row r="182036" spans="14:14">
      <c r="N182036" s="10"/>
    </row>
    <row r="182037" spans="14:14">
      <c r="N182037" s="10"/>
    </row>
    <row r="182038" spans="14:14">
      <c r="N182038" s="10"/>
    </row>
    <row r="182039" spans="14:14">
      <c r="N182039" s="10"/>
    </row>
    <row r="182040" spans="14:14">
      <c r="N182040" s="10"/>
    </row>
    <row r="182041" spans="14:14">
      <c r="N182041" s="10"/>
    </row>
    <row r="182042" spans="14:14">
      <c r="N182042" s="10"/>
    </row>
    <row r="182043" spans="14:14">
      <c r="N182043" s="10"/>
    </row>
    <row r="182044" spans="14:14">
      <c r="N182044" s="10"/>
    </row>
    <row r="182045" spans="14:14">
      <c r="N182045" s="10"/>
    </row>
    <row r="182046" spans="14:14">
      <c r="N182046" s="10"/>
    </row>
    <row r="182047" spans="14:14">
      <c r="N182047" s="10"/>
    </row>
    <row r="182048" spans="14:14">
      <c r="N182048" s="10"/>
    </row>
    <row r="182049" spans="14:14">
      <c r="N182049" s="10"/>
    </row>
    <row r="182050" spans="14:14">
      <c r="N182050" s="10"/>
    </row>
    <row r="182051" spans="14:14">
      <c r="N182051" s="10"/>
    </row>
    <row r="182052" spans="14:14">
      <c r="N182052" s="10"/>
    </row>
    <row r="182053" spans="14:14">
      <c r="N182053" s="10"/>
    </row>
    <row r="182054" spans="14:14">
      <c r="N182054" s="10"/>
    </row>
    <row r="182055" spans="14:14">
      <c r="N182055" s="10"/>
    </row>
    <row r="182056" spans="14:14">
      <c r="N182056" s="10"/>
    </row>
    <row r="182057" spans="14:14">
      <c r="N182057" s="10"/>
    </row>
    <row r="182058" spans="14:14">
      <c r="N182058" s="10"/>
    </row>
    <row r="182059" spans="14:14">
      <c r="N182059" s="10"/>
    </row>
    <row r="182060" spans="14:14">
      <c r="N182060" s="10"/>
    </row>
    <row r="182061" spans="14:14">
      <c r="N182061" s="10"/>
    </row>
    <row r="182062" spans="14:14">
      <c r="N182062" s="10"/>
    </row>
    <row r="182063" spans="14:14">
      <c r="N182063" s="10"/>
    </row>
    <row r="182064" spans="14:14">
      <c r="N182064" s="10"/>
    </row>
    <row r="182065" spans="14:14">
      <c r="N182065" s="10"/>
    </row>
    <row r="182066" spans="14:14">
      <c r="N182066" s="10"/>
    </row>
    <row r="182067" spans="14:14">
      <c r="N182067" s="10"/>
    </row>
    <row r="182068" spans="14:14">
      <c r="N182068" s="10"/>
    </row>
    <row r="182069" spans="14:14">
      <c r="N182069" s="10"/>
    </row>
    <row r="182070" spans="14:14">
      <c r="N182070" s="10"/>
    </row>
    <row r="182071" spans="14:14">
      <c r="N182071" s="10"/>
    </row>
    <row r="182072" spans="14:14">
      <c r="N182072" s="10"/>
    </row>
    <row r="182073" spans="14:14">
      <c r="N182073" s="10"/>
    </row>
    <row r="182074" spans="14:14">
      <c r="N182074" s="10"/>
    </row>
    <row r="182075" spans="14:14">
      <c r="N182075" s="10"/>
    </row>
    <row r="182076" spans="14:14">
      <c r="N182076" s="10"/>
    </row>
    <row r="182077" spans="14:14">
      <c r="N182077" s="10"/>
    </row>
    <row r="182078" spans="14:14">
      <c r="N182078" s="10"/>
    </row>
    <row r="182079" spans="14:14">
      <c r="N182079" s="10"/>
    </row>
    <row r="182080" spans="14:14">
      <c r="N182080" s="10"/>
    </row>
    <row r="182081" spans="14:14">
      <c r="N182081" s="10"/>
    </row>
    <row r="182082" spans="14:14">
      <c r="N182082" s="10"/>
    </row>
    <row r="182083" spans="14:14">
      <c r="N182083" s="10"/>
    </row>
    <row r="182084" spans="14:14">
      <c r="N182084" s="10"/>
    </row>
    <row r="182085" spans="14:14">
      <c r="N182085" s="10"/>
    </row>
    <row r="182086" spans="14:14">
      <c r="N182086" s="10"/>
    </row>
    <row r="182087" spans="14:14">
      <c r="N182087" s="10"/>
    </row>
    <row r="182088" spans="14:14">
      <c r="N182088" s="10"/>
    </row>
    <row r="182089" spans="14:14">
      <c r="N182089" s="10"/>
    </row>
    <row r="182090" spans="14:14">
      <c r="N182090" s="10"/>
    </row>
    <row r="182091" spans="14:14">
      <c r="N182091" s="10"/>
    </row>
    <row r="182092" spans="14:14">
      <c r="N182092" s="10"/>
    </row>
    <row r="182093" spans="14:14">
      <c r="N182093" s="10"/>
    </row>
    <row r="182094" spans="14:14">
      <c r="N182094" s="10"/>
    </row>
    <row r="182095" spans="14:14">
      <c r="N182095" s="10"/>
    </row>
    <row r="182096" spans="14:14">
      <c r="N182096" s="10"/>
    </row>
    <row r="182097" spans="14:14">
      <c r="N182097" s="10"/>
    </row>
    <row r="182098" spans="14:14">
      <c r="N182098" s="10"/>
    </row>
    <row r="182099" spans="14:14">
      <c r="N182099" s="10"/>
    </row>
    <row r="182100" spans="14:14">
      <c r="N182100" s="10"/>
    </row>
    <row r="182101" spans="14:14">
      <c r="N182101" s="10"/>
    </row>
    <row r="182102" spans="14:14">
      <c r="N182102" s="10"/>
    </row>
    <row r="182103" spans="14:14">
      <c r="N182103" s="10"/>
    </row>
    <row r="182104" spans="14:14">
      <c r="N182104" s="10"/>
    </row>
    <row r="182105" spans="14:14">
      <c r="N182105" s="10"/>
    </row>
    <row r="182106" spans="14:14">
      <c r="N182106" s="10"/>
    </row>
    <row r="182107" spans="14:14">
      <c r="N182107" s="10"/>
    </row>
    <row r="182108" spans="14:14">
      <c r="N182108" s="10"/>
    </row>
    <row r="182109" spans="14:14">
      <c r="N182109" s="10"/>
    </row>
    <row r="182110" spans="14:14">
      <c r="N182110" s="10"/>
    </row>
    <row r="182111" spans="14:14">
      <c r="N182111" s="10"/>
    </row>
    <row r="182112" spans="14:14">
      <c r="N182112" s="10"/>
    </row>
    <row r="182113" spans="14:14">
      <c r="N182113" s="10"/>
    </row>
    <row r="182114" spans="14:14">
      <c r="N182114" s="10"/>
    </row>
    <row r="182115" spans="14:14">
      <c r="N182115" s="10"/>
    </row>
    <row r="182116" spans="14:14">
      <c r="N182116" s="10"/>
    </row>
    <row r="182117" spans="14:14">
      <c r="N182117" s="10"/>
    </row>
    <row r="182118" spans="14:14">
      <c r="N182118" s="10"/>
    </row>
    <row r="182119" spans="14:14">
      <c r="N182119" s="10"/>
    </row>
    <row r="182120" spans="14:14">
      <c r="N182120" s="10"/>
    </row>
    <row r="182121" spans="14:14">
      <c r="N182121" s="10"/>
    </row>
    <row r="182122" spans="14:14">
      <c r="N182122" s="10"/>
    </row>
    <row r="182123" spans="14:14">
      <c r="N182123" s="10"/>
    </row>
    <row r="182124" spans="14:14">
      <c r="N182124" s="10"/>
    </row>
    <row r="182125" spans="14:14">
      <c r="N182125" s="10"/>
    </row>
    <row r="182126" spans="14:14">
      <c r="N182126" s="10"/>
    </row>
    <row r="182127" spans="14:14">
      <c r="N182127" s="10"/>
    </row>
    <row r="182128" spans="14:14">
      <c r="N182128" s="10"/>
    </row>
    <row r="182129" spans="14:14">
      <c r="N182129" s="10"/>
    </row>
    <row r="182130" spans="14:14">
      <c r="N182130" s="10"/>
    </row>
    <row r="182131" spans="14:14">
      <c r="N182131" s="10"/>
    </row>
    <row r="182132" spans="14:14">
      <c r="N182132" s="10"/>
    </row>
    <row r="182133" spans="14:14">
      <c r="N182133" s="10"/>
    </row>
    <row r="182134" spans="14:14">
      <c r="N182134" s="10"/>
    </row>
    <row r="182135" spans="14:14">
      <c r="N182135" s="10"/>
    </row>
    <row r="182136" spans="14:14">
      <c r="N182136" s="10"/>
    </row>
    <row r="182137" spans="14:14">
      <c r="N182137" s="10"/>
    </row>
    <row r="182138" spans="14:14">
      <c r="N182138" s="10"/>
    </row>
    <row r="182139" spans="14:14">
      <c r="N182139" s="10"/>
    </row>
    <row r="182140" spans="14:14">
      <c r="N182140" s="10"/>
    </row>
    <row r="182141" spans="14:14">
      <c r="N182141" s="10"/>
    </row>
    <row r="182142" spans="14:14">
      <c r="N182142" s="10"/>
    </row>
    <row r="182143" spans="14:14">
      <c r="N182143" s="10"/>
    </row>
    <row r="182144" spans="14:14">
      <c r="N182144" s="10"/>
    </row>
    <row r="182145" spans="14:14">
      <c r="N182145" s="10"/>
    </row>
    <row r="182146" spans="14:14">
      <c r="N182146" s="10"/>
    </row>
    <row r="182147" spans="14:14">
      <c r="N182147" s="10"/>
    </row>
    <row r="182148" spans="14:14">
      <c r="N182148" s="10"/>
    </row>
    <row r="182149" spans="14:14">
      <c r="N182149" s="10"/>
    </row>
    <row r="182150" spans="14:14">
      <c r="N182150" s="10"/>
    </row>
    <row r="182151" spans="14:14">
      <c r="N182151" s="10"/>
    </row>
    <row r="182152" spans="14:14">
      <c r="N182152" s="10"/>
    </row>
    <row r="182153" spans="14:14">
      <c r="N182153" s="10"/>
    </row>
    <row r="182154" spans="14:14">
      <c r="N182154" s="10"/>
    </row>
    <row r="182155" spans="14:14">
      <c r="N182155" s="10"/>
    </row>
    <row r="182156" spans="14:14">
      <c r="N182156" s="10"/>
    </row>
    <row r="182157" spans="14:14">
      <c r="N182157" s="10"/>
    </row>
    <row r="182158" spans="14:14">
      <c r="N182158" s="10"/>
    </row>
    <row r="182159" spans="14:14">
      <c r="N182159" s="10"/>
    </row>
    <row r="182160" spans="14:14">
      <c r="N182160" s="10"/>
    </row>
    <row r="182161" spans="14:14">
      <c r="N182161" s="10"/>
    </row>
    <row r="182162" spans="14:14">
      <c r="N182162" s="10"/>
    </row>
    <row r="182163" spans="14:14">
      <c r="N182163" s="10"/>
    </row>
    <row r="182164" spans="14:14">
      <c r="N182164" s="10"/>
    </row>
    <row r="182165" spans="14:14">
      <c r="N182165" s="10"/>
    </row>
    <row r="182166" spans="14:14">
      <c r="N182166" s="10"/>
    </row>
    <row r="182167" spans="14:14">
      <c r="N182167" s="10"/>
    </row>
    <row r="182168" spans="14:14">
      <c r="N182168" s="10"/>
    </row>
    <row r="182169" spans="14:14">
      <c r="N182169" s="10"/>
    </row>
    <row r="182170" spans="14:14">
      <c r="N182170" s="10"/>
    </row>
    <row r="182171" spans="14:14">
      <c r="N182171" s="10"/>
    </row>
    <row r="182172" spans="14:14">
      <c r="N182172" s="10"/>
    </row>
    <row r="182173" spans="14:14">
      <c r="N182173" s="10"/>
    </row>
    <row r="182174" spans="14:14">
      <c r="N182174" s="10"/>
    </row>
    <row r="182175" spans="14:14">
      <c r="N182175" s="10"/>
    </row>
    <row r="182176" spans="14:14">
      <c r="N182176" s="10"/>
    </row>
    <row r="182177" spans="14:14">
      <c r="N182177" s="10"/>
    </row>
    <row r="182178" spans="14:14">
      <c r="N182178" s="10"/>
    </row>
    <row r="182179" spans="14:14">
      <c r="N182179" s="10"/>
    </row>
    <row r="182180" spans="14:14">
      <c r="N182180" s="10"/>
    </row>
    <row r="182181" spans="14:14">
      <c r="N182181" s="10"/>
    </row>
    <row r="182182" spans="14:14">
      <c r="N182182" s="10"/>
    </row>
    <row r="182183" spans="14:14">
      <c r="N182183" s="10"/>
    </row>
    <row r="182184" spans="14:14">
      <c r="N182184" s="10"/>
    </row>
    <row r="182185" spans="14:14">
      <c r="N182185" s="10"/>
    </row>
    <row r="182186" spans="14:14">
      <c r="N182186" s="10"/>
    </row>
    <row r="182187" spans="14:14">
      <c r="N182187" s="10"/>
    </row>
    <row r="182188" spans="14:14">
      <c r="N182188" s="10"/>
    </row>
    <row r="182189" spans="14:14">
      <c r="N182189" s="10"/>
    </row>
    <row r="182190" spans="14:14">
      <c r="N182190" s="10"/>
    </row>
    <row r="182191" spans="14:14">
      <c r="N182191" s="10"/>
    </row>
    <row r="182192" spans="14:14">
      <c r="N182192" s="10"/>
    </row>
    <row r="182193" spans="14:14">
      <c r="N182193" s="10"/>
    </row>
    <row r="182194" spans="14:14">
      <c r="N182194" s="10"/>
    </row>
    <row r="182195" spans="14:14">
      <c r="N182195" s="10"/>
    </row>
    <row r="182196" spans="14:14">
      <c r="N182196" s="10"/>
    </row>
    <row r="182197" spans="14:14">
      <c r="N182197" s="10"/>
    </row>
    <row r="182198" spans="14:14">
      <c r="N182198" s="10"/>
    </row>
    <row r="182199" spans="14:14">
      <c r="N182199" s="10"/>
    </row>
    <row r="182200" spans="14:14">
      <c r="N182200" s="10"/>
    </row>
    <row r="182201" spans="14:14">
      <c r="N182201" s="10"/>
    </row>
    <row r="182202" spans="14:14">
      <c r="N182202" s="10"/>
    </row>
    <row r="182203" spans="14:14">
      <c r="N182203" s="10"/>
    </row>
    <row r="182204" spans="14:14">
      <c r="N182204" s="10"/>
    </row>
    <row r="182205" spans="14:14">
      <c r="N182205" s="10"/>
    </row>
    <row r="182206" spans="14:14">
      <c r="N182206" s="10"/>
    </row>
    <row r="182207" spans="14:14">
      <c r="N182207" s="10"/>
    </row>
    <row r="182208" spans="14:14">
      <c r="N182208" s="10"/>
    </row>
    <row r="182209" spans="14:14">
      <c r="N182209" s="10"/>
    </row>
    <row r="182210" spans="14:14">
      <c r="N182210" s="10"/>
    </row>
    <row r="182211" spans="14:14">
      <c r="N182211" s="10"/>
    </row>
    <row r="182212" spans="14:14">
      <c r="N182212" s="10"/>
    </row>
    <row r="182213" spans="14:14">
      <c r="N182213" s="10"/>
    </row>
    <row r="182214" spans="14:14">
      <c r="N182214" s="10"/>
    </row>
    <row r="182215" spans="14:14">
      <c r="N182215" s="10"/>
    </row>
    <row r="182216" spans="14:14">
      <c r="N182216" s="10"/>
    </row>
    <row r="182217" spans="14:14">
      <c r="N182217" s="10"/>
    </row>
    <row r="182218" spans="14:14">
      <c r="N182218" s="10"/>
    </row>
    <row r="182219" spans="14:14">
      <c r="N182219" s="10"/>
    </row>
    <row r="182220" spans="14:14">
      <c r="N182220" s="10"/>
    </row>
    <row r="182221" spans="14:14">
      <c r="N182221" s="10"/>
    </row>
    <row r="182222" spans="14:14">
      <c r="N182222" s="10"/>
    </row>
    <row r="182223" spans="14:14">
      <c r="N182223" s="10"/>
    </row>
    <row r="182224" spans="14:14">
      <c r="N182224" s="10"/>
    </row>
    <row r="182225" spans="14:14">
      <c r="N182225" s="10"/>
    </row>
    <row r="182226" spans="14:14">
      <c r="N182226" s="10"/>
    </row>
    <row r="182227" spans="14:14">
      <c r="N182227" s="10"/>
    </row>
    <row r="182228" spans="14:14">
      <c r="N182228" s="10"/>
    </row>
    <row r="182229" spans="14:14">
      <c r="N182229" s="10"/>
    </row>
    <row r="182230" spans="14:14">
      <c r="N182230" s="10"/>
    </row>
    <row r="182231" spans="14:14">
      <c r="N182231" s="10"/>
    </row>
    <row r="182232" spans="14:14">
      <c r="N182232" s="10"/>
    </row>
    <row r="182233" spans="14:14">
      <c r="N182233" s="10"/>
    </row>
    <row r="182234" spans="14:14">
      <c r="N182234" s="10"/>
    </row>
    <row r="182235" spans="14:14">
      <c r="N182235" s="10"/>
    </row>
    <row r="182236" spans="14:14">
      <c r="N182236" s="10"/>
    </row>
    <row r="182237" spans="14:14">
      <c r="N182237" s="10"/>
    </row>
    <row r="182238" spans="14:14">
      <c r="N182238" s="10"/>
    </row>
    <row r="182239" spans="14:14">
      <c r="N182239" s="10"/>
    </row>
    <row r="182240" spans="14:14">
      <c r="N182240" s="10"/>
    </row>
    <row r="182241" spans="14:14">
      <c r="N182241" s="10"/>
    </row>
    <row r="182242" spans="14:14">
      <c r="N182242" s="10"/>
    </row>
    <row r="182243" spans="14:14">
      <c r="N182243" s="10"/>
    </row>
    <row r="182244" spans="14:14">
      <c r="N182244" s="10"/>
    </row>
    <row r="182245" spans="14:14">
      <c r="N182245" s="10"/>
    </row>
    <row r="182246" spans="14:14">
      <c r="N182246" s="10"/>
    </row>
    <row r="182247" spans="14:14">
      <c r="N182247" s="10"/>
    </row>
    <row r="182248" spans="14:14">
      <c r="N182248" s="10"/>
    </row>
    <row r="182249" spans="14:14">
      <c r="N182249" s="10"/>
    </row>
    <row r="182250" spans="14:14">
      <c r="N182250" s="10"/>
    </row>
    <row r="182251" spans="14:14">
      <c r="N182251" s="10"/>
    </row>
    <row r="182252" spans="14:14">
      <c r="N182252" s="10"/>
    </row>
    <row r="182253" spans="14:14">
      <c r="N182253" s="10"/>
    </row>
    <row r="182254" spans="14:14">
      <c r="N182254" s="10"/>
    </row>
    <row r="182255" spans="14:14">
      <c r="N182255" s="10"/>
    </row>
    <row r="182256" spans="14:14">
      <c r="N182256" s="10"/>
    </row>
    <row r="182257" spans="14:14">
      <c r="N182257" s="10"/>
    </row>
    <row r="182258" spans="14:14">
      <c r="N182258" s="10"/>
    </row>
    <row r="182259" spans="14:14">
      <c r="N182259" s="10"/>
    </row>
    <row r="182260" spans="14:14">
      <c r="N182260" s="10"/>
    </row>
    <row r="182261" spans="14:14">
      <c r="N182261" s="10"/>
    </row>
    <row r="182262" spans="14:14">
      <c r="N182262" s="10"/>
    </row>
    <row r="182263" spans="14:14">
      <c r="N182263" s="10"/>
    </row>
    <row r="182264" spans="14:14">
      <c r="N182264" s="10"/>
    </row>
    <row r="182265" spans="14:14">
      <c r="N182265" s="10"/>
    </row>
    <row r="182266" spans="14:14">
      <c r="N182266" s="10"/>
    </row>
    <row r="182267" spans="14:14">
      <c r="N182267" s="10"/>
    </row>
    <row r="182268" spans="14:14">
      <c r="N182268" s="10"/>
    </row>
    <row r="182269" spans="14:14">
      <c r="N182269" s="10"/>
    </row>
    <row r="182270" spans="14:14">
      <c r="N182270" s="10"/>
    </row>
    <row r="182271" spans="14:14">
      <c r="N182271" s="10"/>
    </row>
    <row r="182272" spans="14:14">
      <c r="N182272" s="10"/>
    </row>
    <row r="182273" spans="14:14">
      <c r="N182273" s="10"/>
    </row>
    <row r="182274" spans="14:14">
      <c r="N182274" s="10"/>
    </row>
    <row r="182275" spans="14:14">
      <c r="N182275" s="10"/>
    </row>
    <row r="182276" spans="14:14">
      <c r="N182276" s="10"/>
    </row>
    <row r="182277" spans="14:14">
      <c r="N182277" s="10"/>
    </row>
    <row r="182278" spans="14:14">
      <c r="N182278" s="10"/>
    </row>
    <row r="182279" spans="14:14">
      <c r="N182279" s="10"/>
    </row>
    <row r="182280" spans="14:14">
      <c r="N182280" s="10"/>
    </row>
    <row r="182281" spans="14:14">
      <c r="N182281" s="10"/>
    </row>
    <row r="182282" spans="14:14">
      <c r="N182282" s="10"/>
    </row>
    <row r="182283" spans="14:14">
      <c r="N182283" s="10"/>
    </row>
    <row r="182284" spans="14:14">
      <c r="N182284" s="10"/>
    </row>
    <row r="182285" spans="14:14">
      <c r="N182285" s="10"/>
    </row>
    <row r="182286" spans="14:14">
      <c r="N182286" s="10"/>
    </row>
    <row r="182287" spans="14:14">
      <c r="N182287" s="10"/>
    </row>
    <row r="182288" spans="14:14">
      <c r="N182288" s="10"/>
    </row>
    <row r="182289" spans="14:14">
      <c r="N182289" s="10"/>
    </row>
    <row r="182290" spans="14:14">
      <c r="N182290" s="10"/>
    </row>
    <row r="182291" spans="14:14">
      <c r="N182291" s="10"/>
    </row>
    <row r="182292" spans="14:14">
      <c r="N182292" s="10"/>
    </row>
    <row r="182293" spans="14:14">
      <c r="N182293" s="10"/>
    </row>
    <row r="182294" spans="14:14">
      <c r="N182294" s="10"/>
    </row>
    <row r="182295" spans="14:14">
      <c r="N182295" s="10"/>
    </row>
    <row r="182296" spans="14:14">
      <c r="N182296" s="10"/>
    </row>
    <row r="182297" spans="14:14">
      <c r="N182297" s="10"/>
    </row>
    <row r="182298" spans="14:14">
      <c r="N182298" s="10"/>
    </row>
    <row r="182299" spans="14:14">
      <c r="N182299" s="10"/>
    </row>
    <row r="182300" spans="14:14">
      <c r="N182300" s="10"/>
    </row>
    <row r="182301" spans="14:14">
      <c r="N182301" s="10"/>
    </row>
    <row r="182302" spans="14:14">
      <c r="N182302" s="10"/>
    </row>
    <row r="182303" spans="14:14">
      <c r="N182303" s="10"/>
    </row>
    <row r="182304" spans="14:14">
      <c r="N182304" s="10"/>
    </row>
    <row r="182305" spans="14:14">
      <c r="N182305" s="10"/>
    </row>
    <row r="182306" spans="14:14">
      <c r="N182306" s="10"/>
    </row>
    <row r="182307" spans="14:14">
      <c r="N182307" s="10"/>
    </row>
    <row r="182308" spans="14:14">
      <c r="N182308" s="10"/>
    </row>
    <row r="182309" spans="14:14">
      <c r="N182309" s="10"/>
    </row>
    <row r="182310" spans="14:14">
      <c r="N182310" s="10"/>
    </row>
    <row r="182311" spans="14:14">
      <c r="N182311" s="10"/>
    </row>
    <row r="182312" spans="14:14">
      <c r="N182312" s="10"/>
    </row>
    <row r="182313" spans="14:14">
      <c r="N182313" s="10"/>
    </row>
    <row r="182314" spans="14:14">
      <c r="N182314" s="10"/>
    </row>
    <row r="182315" spans="14:14">
      <c r="N182315" s="10"/>
    </row>
    <row r="182316" spans="14:14">
      <c r="N182316" s="10"/>
    </row>
    <row r="182317" spans="14:14">
      <c r="N182317" s="10"/>
    </row>
    <row r="182318" spans="14:14">
      <c r="N182318" s="10"/>
    </row>
    <row r="182319" spans="14:14">
      <c r="N182319" s="10"/>
    </row>
    <row r="182320" spans="14:14">
      <c r="N182320" s="10"/>
    </row>
    <row r="182321" spans="14:14">
      <c r="N182321" s="10"/>
    </row>
    <row r="182322" spans="14:14">
      <c r="N182322" s="10"/>
    </row>
    <row r="182323" spans="14:14">
      <c r="N182323" s="10"/>
    </row>
    <row r="182324" spans="14:14">
      <c r="N182324" s="10"/>
    </row>
    <row r="182325" spans="14:14">
      <c r="N182325" s="10"/>
    </row>
    <row r="182326" spans="14:14">
      <c r="N182326" s="10"/>
    </row>
    <row r="182327" spans="14:14">
      <c r="N182327" s="10"/>
    </row>
    <row r="182328" spans="14:14">
      <c r="N182328" s="10"/>
    </row>
    <row r="182329" spans="14:14">
      <c r="N182329" s="10"/>
    </row>
    <row r="182330" spans="14:14">
      <c r="N182330" s="10"/>
    </row>
    <row r="182331" spans="14:14">
      <c r="N182331" s="10"/>
    </row>
    <row r="182332" spans="14:14">
      <c r="N182332" s="10"/>
    </row>
    <row r="182333" spans="14:14">
      <c r="N182333" s="10"/>
    </row>
    <row r="182334" spans="14:14">
      <c r="N182334" s="10"/>
    </row>
    <row r="182335" spans="14:14">
      <c r="N182335" s="10"/>
    </row>
    <row r="182336" spans="14:14">
      <c r="N182336" s="10"/>
    </row>
    <row r="182337" spans="14:14">
      <c r="N182337" s="10"/>
    </row>
    <row r="182338" spans="14:14">
      <c r="N182338" s="10"/>
    </row>
    <row r="182339" spans="14:14">
      <c r="N182339" s="10"/>
    </row>
    <row r="182340" spans="14:14">
      <c r="N182340" s="10"/>
    </row>
    <row r="182341" spans="14:14">
      <c r="N182341" s="10"/>
    </row>
    <row r="182342" spans="14:14">
      <c r="N182342" s="10"/>
    </row>
    <row r="182343" spans="14:14">
      <c r="N182343" s="10"/>
    </row>
    <row r="182344" spans="14:14">
      <c r="N182344" s="10"/>
    </row>
    <row r="182345" spans="14:14">
      <c r="N182345" s="10"/>
    </row>
    <row r="182346" spans="14:14">
      <c r="N182346" s="10"/>
    </row>
    <row r="182347" spans="14:14">
      <c r="N182347" s="10"/>
    </row>
    <row r="182348" spans="14:14">
      <c r="N182348" s="10"/>
    </row>
    <row r="182349" spans="14:14">
      <c r="N182349" s="10"/>
    </row>
    <row r="182350" spans="14:14">
      <c r="N182350" s="10"/>
    </row>
    <row r="182351" spans="14:14">
      <c r="N182351" s="10"/>
    </row>
    <row r="182352" spans="14:14">
      <c r="N182352" s="10"/>
    </row>
    <row r="182353" spans="14:14">
      <c r="N182353" s="10"/>
    </row>
    <row r="182354" spans="14:14">
      <c r="N182354" s="10"/>
    </row>
    <row r="182355" spans="14:14">
      <c r="N182355" s="10"/>
    </row>
    <row r="182356" spans="14:14">
      <c r="N182356" s="10"/>
    </row>
    <row r="182357" spans="14:14">
      <c r="N182357" s="10"/>
    </row>
    <row r="182358" spans="14:14">
      <c r="N182358" s="10"/>
    </row>
    <row r="182359" spans="14:14">
      <c r="N182359" s="10"/>
    </row>
    <row r="182360" spans="14:14">
      <c r="N182360" s="10"/>
    </row>
    <row r="182361" spans="14:14">
      <c r="N182361" s="10"/>
    </row>
    <row r="182362" spans="14:14">
      <c r="N182362" s="10"/>
    </row>
    <row r="182363" spans="14:14">
      <c r="N182363" s="10"/>
    </row>
    <row r="182364" spans="14:14">
      <c r="N182364" s="10"/>
    </row>
    <row r="182365" spans="14:14">
      <c r="N182365" s="10"/>
    </row>
    <row r="182366" spans="14:14">
      <c r="N182366" s="10"/>
    </row>
    <row r="182367" spans="14:14">
      <c r="N182367" s="10"/>
    </row>
    <row r="182368" spans="14:14">
      <c r="N182368" s="10"/>
    </row>
    <row r="182369" spans="14:14">
      <c r="N182369" s="10"/>
    </row>
    <row r="182370" spans="14:14">
      <c r="N182370" s="10"/>
    </row>
    <row r="182371" spans="14:14">
      <c r="N182371" s="10"/>
    </row>
    <row r="182372" spans="14:14">
      <c r="N182372" s="10"/>
    </row>
    <row r="182373" spans="14:14">
      <c r="N182373" s="10"/>
    </row>
    <row r="182374" spans="14:14">
      <c r="N182374" s="10"/>
    </row>
    <row r="182375" spans="14:14">
      <c r="N182375" s="10"/>
    </row>
    <row r="182376" spans="14:14">
      <c r="N182376" s="10"/>
    </row>
    <row r="182377" spans="14:14">
      <c r="N182377" s="10"/>
    </row>
    <row r="182378" spans="14:14">
      <c r="N182378" s="10"/>
    </row>
    <row r="182379" spans="14:14">
      <c r="N182379" s="10"/>
    </row>
    <row r="182380" spans="14:14">
      <c r="N182380" s="10"/>
    </row>
    <row r="182381" spans="14:14">
      <c r="N182381" s="10"/>
    </row>
    <row r="182382" spans="14:14">
      <c r="N182382" s="10"/>
    </row>
    <row r="182383" spans="14:14">
      <c r="N182383" s="10"/>
    </row>
    <row r="182384" spans="14:14">
      <c r="N182384" s="10"/>
    </row>
    <row r="182385" spans="14:14">
      <c r="N182385" s="10"/>
    </row>
    <row r="182386" spans="14:14">
      <c r="N182386" s="10"/>
    </row>
    <row r="182387" spans="14:14">
      <c r="N182387" s="10"/>
    </row>
    <row r="182388" spans="14:14">
      <c r="N182388" s="10"/>
    </row>
    <row r="182389" spans="14:14">
      <c r="N182389" s="10"/>
    </row>
    <row r="182390" spans="14:14">
      <c r="N182390" s="10"/>
    </row>
    <row r="182391" spans="14:14">
      <c r="N182391" s="10"/>
    </row>
    <row r="182392" spans="14:14">
      <c r="N182392" s="10"/>
    </row>
    <row r="182393" spans="14:14">
      <c r="N182393" s="10"/>
    </row>
    <row r="182394" spans="14:14">
      <c r="N182394" s="10"/>
    </row>
    <row r="182395" spans="14:14">
      <c r="N182395" s="10"/>
    </row>
    <row r="182396" spans="14:14">
      <c r="N182396" s="10"/>
    </row>
    <row r="182397" spans="14:14">
      <c r="N182397" s="10"/>
    </row>
    <row r="182398" spans="14:14">
      <c r="N182398" s="10"/>
    </row>
    <row r="182399" spans="14:14">
      <c r="N182399" s="10"/>
    </row>
    <row r="182400" spans="14:14">
      <c r="N182400" s="10"/>
    </row>
    <row r="182401" spans="14:14">
      <c r="N182401" s="10"/>
    </row>
    <row r="182402" spans="14:14">
      <c r="N182402" s="10"/>
    </row>
    <row r="182403" spans="14:14">
      <c r="N182403" s="10"/>
    </row>
    <row r="182404" spans="14:14">
      <c r="N182404" s="10"/>
    </row>
    <row r="182405" spans="14:14">
      <c r="N182405" s="10"/>
    </row>
    <row r="182406" spans="14:14">
      <c r="N182406" s="10"/>
    </row>
    <row r="182407" spans="14:14">
      <c r="N182407" s="10"/>
    </row>
    <row r="182408" spans="14:14">
      <c r="N182408" s="10"/>
    </row>
    <row r="182409" spans="14:14">
      <c r="N182409" s="10"/>
    </row>
    <row r="182410" spans="14:14">
      <c r="N182410" s="10"/>
    </row>
    <row r="182411" spans="14:14">
      <c r="N182411" s="10"/>
    </row>
    <row r="182412" spans="14:14">
      <c r="N182412" s="10"/>
    </row>
    <row r="182413" spans="14:14">
      <c r="N182413" s="10"/>
    </row>
    <row r="182414" spans="14:14">
      <c r="N182414" s="10"/>
    </row>
    <row r="182415" spans="14:14">
      <c r="N182415" s="10"/>
    </row>
    <row r="182416" spans="14:14">
      <c r="N182416" s="10"/>
    </row>
    <row r="182417" spans="14:14">
      <c r="N182417" s="10"/>
    </row>
    <row r="182418" spans="14:14">
      <c r="N182418" s="10"/>
    </row>
    <row r="182419" spans="14:14">
      <c r="N182419" s="10"/>
    </row>
    <row r="182420" spans="14:14">
      <c r="N182420" s="10"/>
    </row>
    <row r="182421" spans="14:14">
      <c r="N182421" s="10"/>
    </row>
    <row r="182422" spans="14:14">
      <c r="N182422" s="10"/>
    </row>
    <row r="182423" spans="14:14">
      <c r="N182423" s="10"/>
    </row>
    <row r="182424" spans="14:14">
      <c r="N182424" s="10"/>
    </row>
    <row r="182425" spans="14:14">
      <c r="N182425" s="10"/>
    </row>
    <row r="182426" spans="14:14">
      <c r="N182426" s="10"/>
    </row>
    <row r="182427" spans="14:14">
      <c r="N182427" s="10"/>
    </row>
    <row r="182428" spans="14:14">
      <c r="N182428" s="10"/>
    </row>
    <row r="182429" spans="14:14">
      <c r="N182429" s="10"/>
    </row>
    <row r="182430" spans="14:14">
      <c r="N182430" s="10"/>
    </row>
    <row r="182431" spans="14:14">
      <c r="N182431" s="10"/>
    </row>
    <row r="182432" spans="14:14">
      <c r="N182432" s="10"/>
    </row>
    <row r="182433" spans="14:14">
      <c r="N182433" s="10"/>
    </row>
    <row r="182434" spans="14:14">
      <c r="N182434" s="10"/>
    </row>
    <row r="182435" spans="14:14">
      <c r="N182435" s="10"/>
    </row>
    <row r="182436" spans="14:14">
      <c r="N182436" s="10"/>
    </row>
    <row r="182437" spans="14:14">
      <c r="N182437" s="10"/>
    </row>
    <row r="182438" spans="14:14">
      <c r="N182438" s="10"/>
    </row>
    <row r="182439" spans="14:14">
      <c r="N182439" s="10"/>
    </row>
    <row r="182440" spans="14:14">
      <c r="N182440" s="10"/>
    </row>
    <row r="182441" spans="14:14">
      <c r="N182441" s="10"/>
    </row>
    <row r="182442" spans="14:14">
      <c r="N182442" s="10"/>
    </row>
    <row r="182443" spans="14:14">
      <c r="N182443" s="10"/>
    </row>
    <row r="182444" spans="14:14">
      <c r="N182444" s="10"/>
    </row>
    <row r="182445" spans="14:14">
      <c r="N182445" s="10"/>
    </row>
    <row r="182446" spans="14:14">
      <c r="N182446" s="10"/>
    </row>
    <row r="182447" spans="14:14">
      <c r="N182447" s="10"/>
    </row>
    <row r="182448" spans="14:14">
      <c r="N182448" s="10"/>
    </row>
    <row r="182449" spans="14:14">
      <c r="N182449" s="10"/>
    </row>
    <row r="182450" spans="14:14">
      <c r="N182450" s="10"/>
    </row>
    <row r="182451" spans="14:14">
      <c r="N182451" s="10"/>
    </row>
    <row r="182452" spans="14:14">
      <c r="N182452" s="10"/>
    </row>
    <row r="182453" spans="14:14">
      <c r="N182453" s="10"/>
    </row>
    <row r="182454" spans="14:14">
      <c r="N182454" s="10"/>
    </row>
    <row r="182455" spans="14:14">
      <c r="N182455" s="10"/>
    </row>
    <row r="182456" spans="14:14">
      <c r="N182456" s="10"/>
    </row>
    <row r="182457" spans="14:14">
      <c r="N182457" s="10"/>
    </row>
    <row r="182458" spans="14:14">
      <c r="N182458" s="10"/>
    </row>
    <row r="182459" spans="14:14">
      <c r="N182459" s="10"/>
    </row>
    <row r="182460" spans="14:14">
      <c r="N182460" s="10"/>
    </row>
    <row r="182461" spans="14:14">
      <c r="N182461" s="10"/>
    </row>
    <row r="182462" spans="14:14">
      <c r="N182462" s="10"/>
    </row>
    <row r="182463" spans="14:14">
      <c r="N182463" s="10"/>
    </row>
    <row r="182464" spans="14:14">
      <c r="N182464" s="10"/>
    </row>
    <row r="182465" spans="14:14">
      <c r="N182465" s="10"/>
    </row>
    <row r="182466" spans="14:14">
      <c r="N182466" s="10"/>
    </row>
    <row r="182467" spans="14:14">
      <c r="N182467" s="10"/>
    </row>
    <row r="182468" spans="14:14">
      <c r="N182468" s="10"/>
    </row>
    <row r="182469" spans="14:14">
      <c r="N182469" s="10"/>
    </row>
    <row r="182470" spans="14:14">
      <c r="N182470" s="10"/>
    </row>
    <row r="182471" spans="14:14">
      <c r="N182471" s="10"/>
    </row>
    <row r="182472" spans="14:14">
      <c r="N182472" s="10"/>
    </row>
    <row r="182473" spans="14:14">
      <c r="N182473" s="10"/>
    </row>
    <row r="182474" spans="14:14">
      <c r="N182474" s="10"/>
    </row>
    <row r="182475" spans="14:14">
      <c r="N182475" s="10"/>
    </row>
    <row r="182476" spans="14:14">
      <c r="N182476" s="10"/>
    </row>
    <row r="182477" spans="14:14">
      <c r="N182477" s="10"/>
    </row>
    <row r="182478" spans="14:14">
      <c r="N182478" s="10"/>
    </row>
    <row r="182479" spans="14:14">
      <c r="N182479" s="10"/>
    </row>
    <row r="182480" spans="14:14">
      <c r="N182480" s="10"/>
    </row>
    <row r="182481" spans="14:14">
      <c r="N182481" s="10"/>
    </row>
    <row r="182482" spans="14:14">
      <c r="N182482" s="10"/>
    </row>
    <row r="182483" spans="14:14">
      <c r="N182483" s="10"/>
    </row>
    <row r="182484" spans="14:14">
      <c r="N182484" s="10"/>
    </row>
    <row r="182485" spans="14:14">
      <c r="N182485" s="10"/>
    </row>
    <row r="182486" spans="14:14">
      <c r="N182486" s="10"/>
    </row>
    <row r="182487" spans="14:14">
      <c r="N182487" s="10"/>
    </row>
    <row r="182488" spans="14:14">
      <c r="N182488" s="10"/>
    </row>
    <row r="182489" spans="14:14">
      <c r="N182489" s="10"/>
    </row>
    <row r="182490" spans="14:14">
      <c r="N182490" s="10"/>
    </row>
    <row r="182491" spans="14:14">
      <c r="N182491" s="10"/>
    </row>
    <row r="182492" spans="14:14">
      <c r="N182492" s="10"/>
    </row>
    <row r="182493" spans="14:14">
      <c r="N182493" s="10"/>
    </row>
    <row r="182494" spans="14:14">
      <c r="N182494" s="10"/>
    </row>
    <row r="182495" spans="14:14">
      <c r="N182495" s="10"/>
    </row>
    <row r="182496" spans="14:14">
      <c r="N182496" s="10"/>
    </row>
    <row r="182497" spans="14:14">
      <c r="N182497" s="10"/>
    </row>
    <row r="182498" spans="14:14">
      <c r="N182498" s="10"/>
    </row>
    <row r="182499" spans="14:14">
      <c r="N182499" s="10"/>
    </row>
    <row r="182500" spans="14:14">
      <c r="N182500" s="10"/>
    </row>
    <row r="182501" spans="14:14">
      <c r="N182501" s="10"/>
    </row>
    <row r="182502" spans="14:14">
      <c r="N182502" s="10"/>
    </row>
    <row r="182503" spans="14:14">
      <c r="N182503" s="10"/>
    </row>
    <row r="182504" spans="14:14">
      <c r="N182504" s="10"/>
    </row>
    <row r="182505" spans="14:14">
      <c r="N182505" s="10"/>
    </row>
    <row r="182506" spans="14:14">
      <c r="N182506" s="10"/>
    </row>
    <row r="182507" spans="14:14">
      <c r="N182507" s="10"/>
    </row>
    <row r="182508" spans="14:14">
      <c r="N182508" s="10"/>
    </row>
    <row r="182509" spans="14:14">
      <c r="N182509" s="10"/>
    </row>
    <row r="182510" spans="14:14">
      <c r="N182510" s="10"/>
    </row>
    <row r="182511" spans="14:14">
      <c r="N182511" s="10"/>
    </row>
    <row r="182512" spans="14:14">
      <c r="N182512" s="10"/>
    </row>
    <row r="182513" spans="14:14">
      <c r="N182513" s="10"/>
    </row>
    <row r="182514" spans="14:14">
      <c r="N182514" s="10"/>
    </row>
    <row r="182515" spans="14:14">
      <c r="N182515" s="10"/>
    </row>
    <row r="182516" spans="14:14">
      <c r="N182516" s="10"/>
    </row>
    <row r="182517" spans="14:14">
      <c r="N182517" s="10"/>
    </row>
    <row r="182518" spans="14:14">
      <c r="N182518" s="10"/>
    </row>
    <row r="182519" spans="14:14">
      <c r="N182519" s="10"/>
    </row>
    <row r="182520" spans="14:14">
      <c r="N182520" s="10"/>
    </row>
    <row r="182521" spans="14:14">
      <c r="N182521" s="10"/>
    </row>
    <row r="182522" spans="14:14">
      <c r="N182522" s="10"/>
    </row>
    <row r="182523" spans="14:14">
      <c r="N182523" s="10"/>
    </row>
    <row r="182524" spans="14:14">
      <c r="N182524" s="10"/>
    </row>
    <row r="182525" spans="14:14">
      <c r="N182525" s="10"/>
    </row>
    <row r="182526" spans="14:14">
      <c r="N182526" s="10"/>
    </row>
    <row r="182527" spans="14:14">
      <c r="N182527" s="10"/>
    </row>
    <row r="182528" spans="14:14">
      <c r="N182528" s="10"/>
    </row>
    <row r="182529" spans="14:14">
      <c r="N182529" s="10"/>
    </row>
    <row r="182530" spans="14:14">
      <c r="N182530" s="10"/>
    </row>
    <row r="182531" spans="14:14">
      <c r="N182531" s="10"/>
    </row>
    <row r="182532" spans="14:14">
      <c r="N182532" s="10"/>
    </row>
    <row r="182533" spans="14:14">
      <c r="N182533" s="10"/>
    </row>
    <row r="182534" spans="14:14">
      <c r="N182534" s="10"/>
    </row>
    <row r="182535" spans="14:14">
      <c r="N182535" s="10"/>
    </row>
    <row r="182536" spans="14:14">
      <c r="N182536" s="10"/>
    </row>
    <row r="182537" spans="14:14">
      <c r="N182537" s="10"/>
    </row>
    <row r="182538" spans="14:14">
      <c r="N182538" s="10"/>
    </row>
    <row r="182539" spans="14:14">
      <c r="N182539" s="10"/>
    </row>
    <row r="182540" spans="14:14">
      <c r="N182540" s="10"/>
    </row>
    <row r="182541" spans="14:14">
      <c r="N182541" s="10"/>
    </row>
    <row r="182542" spans="14:14">
      <c r="N182542" s="10"/>
    </row>
    <row r="182543" spans="14:14">
      <c r="N182543" s="10"/>
    </row>
    <row r="182544" spans="14:14">
      <c r="N182544" s="10"/>
    </row>
    <row r="182545" spans="14:14">
      <c r="N182545" s="10"/>
    </row>
    <row r="182546" spans="14:14">
      <c r="N182546" s="10"/>
    </row>
    <row r="182547" spans="14:14">
      <c r="N182547" s="10"/>
    </row>
    <row r="182548" spans="14:14">
      <c r="N182548" s="10"/>
    </row>
    <row r="182549" spans="14:14">
      <c r="N182549" s="10"/>
    </row>
    <row r="182550" spans="14:14">
      <c r="N182550" s="10"/>
    </row>
    <row r="182551" spans="14:14">
      <c r="N182551" s="10"/>
    </row>
    <row r="182552" spans="14:14">
      <c r="N182552" s="10"/>
    </row>
    <row r="182553" spans="14:14">
      <c r="N182553" s="10"/>
    </row>
    <row r="182554" spans="14:14">
      <c r="N182554" s="10"/>
    </row>
    <row r="182555" spans="14:14">
      <c r="N182555" s="10"/>
    </row>
    <row r="182556" spans="14:14">
      <c r="N182556" s="10"/>
    </row>
    <row r="182557" spans="14:14">
      <c r="N182557" s="10"/>
    </row>
    <row r="182558" spans="14:14">
      <c r="N182558" s="10"/>
    </row>
    <row r="182559" spans="14:14">
      <c r="N182559" s="10"/>
    </row>
    <row r="182560" spans="14:14">
      <c r="N182560" s="10"/>
    </row>
    <row r="182561" spans="14:14">
      <c r="N182561" s="10"/>
    </row>
    <row r="182562" spans="14:14">
      <c r="N182562" s="10"/>
    </row>
    <row r="182563" spans="14:14">
      <c r="N182563" s="10"/>
    </row>
    <row r="182564" spans="14:14">
      <c r="N182564" s="10"/>
    </row>
    <row r="182565" spans="14:14">
      <c r="N182565" s="10"/>
    </row>
    <row r="182566" spans="14:14">
      <c r="N182566" s="10"/>
    </row>
    <row r="182567" spans="14:14">
      <c r="N182567" s="10"/>
    </row>
    <row r="182568" spans="14:14">
      <c r="N182568" s="10"/>
    </row>
    <row r="182569" spans="14:14">
      <c r="N182569" s="10"/>
    </row>
    <row r="182570" spans="14:14">
      <c r="N182570" s="10"/>
    </row>
    <row r="182571" spans="14:14">
      <c r="N182571" s="10"/>
    </row>
    <row r="182572" spans="14:14">
      <c r="N182572" s="10"/>
    </row>
    <row r="182573" spans="14:14">
      <c r="N182573" s="10"/>
    </row>
    <row r="182574" spans="14:14">
      <c r="N182574" s="10"/>
    </row>
    <row r="182575" spans="14:14">
      <c r="N182575" s="10"/>
    </row>
    <row r="182576" spans="14:14">
      <c r="N182576" s="10"/>
    </row>
    <row r="182577" spans="14:14">
      <c r="N182577" s="10"/>
    </row>
    <row r="182578" spans="14:14">
      <c r="N182578" s="10"/>
    </row>
    <row r="182579" spans="14:14">
      <c r="N182579" s="10"/>
    </row>
    <row r="182580" spans="14:14">
      <c r="N182580" s="10"/>
    </row>
    <row r="182581" spans="14:14">
      <c r="N182581" s="10"/>
    </row>
    <row r="182582" spans="14:14">
      <c r="N182582" s="10"/>
    </row>
    <row r="182583" spans="14:14">
      <c r="N182583" s="10"/>
    </row>
    <row r="182584" spans="14:14">
      <c r="N182584" s="10"/>
    </row>
    <row r="182585" spans="14:14">
      <c r="N182585" s="10"/>
    </row>
    <row r="182586" spans="14:14">
      <c r="N182586" s="10"/>
    </row>
    <row r="182587" spans="14:14">
      <c r="N182587" s="10"/>
    </row>
    <row r="182588" spans="14:14">
      <c r="N182588" s="10"/>
    </row>
    <row r="182589" spans="14:14">
      <c r="N182589" s="10"/>
    </row>
    <row r="182590" spans="14:14">
      <c r="N182590" s="10"/>
    </row>
    <row r="182591" spans="14:14">
      <c r="N182591" s="10"/>
    </row>
    <row r="182592" spans="14:14">
      <c r="N182592" s="10"/>
    </row>
    <row r="182593" spans="14:14">
      <c r="N182593" s="10"/>
    </row>
    <row r="182594" spans="14:14">
      <c r="N182594" s="10"/>
    </row>
    <row r="182595" spans="14:14">
      <c r="N182595" s="10"/>
    </row>
    <row r="182596" spans="14:14">
      <c r="N182596" s="10"/>
    </row>
    <row r="182597" spans="14:14">
      <c r="N182597" s="10"/>
    </row>
    <row r="182598" spans="14:14">
      <c r="N182598" s="10"/>
    </row>
    <row r="182599" spans="14:14">
      <c r="N182599" s="10"/>
    </row>
    <row r="182600" spans="14:14">
      <c r="N182600" s="10"/>
    </row>
    <row r="182601" spans="14:14">
      <c r="N182601" s="10"/>
    </row>
    <row r="182602" spans="14:14">
      <c r="N182602" s="10"/>
    </row>
    <row r="182603" spans="14:14">
      <c r="N182603" s="10"/>
    </row>
    <row r="182604" spans="14:14">
      <c r="N182604" s="10"/>
    </row>
    <row r="182605" spans="14:14">
      <c r="N182605" s="10"/>
    </row>
    <row r="182606" spans="14:14">
      <c r="N182606" s="10"/>
    </row>
    <row r="182607" spans="14:14">
      <c r="N182607" s="10"/>
    </row>
    <row r="182608" spans="14:14">
      <c r="N182608" s="10"/>
    </row>
    <row r="182609" spans="14:14">
      <c r="N182609" s="10"/>
    </row>
    <row r="182610" spans="14:14">
      <c r="N182610" s="10"/>
    </row>
    <row r="182611" spans="14:14">
      <c r="N182611" s="10"/>
    </row>
    <row r="182612" spans="14:14">
      <c r="N182612" s="10"/>
    </row>
    <row r="182613" spans="14:14">
      <c r="N182613" s="10"/>
    </row>
    <row r="182614" spans="14:14">
      <c r="N182614" s="10"/>
    </row>
    <row r="182615" spans="14:14">
      <c r="N182615" s="10"/>
    </row>
    <row r="182616" spans="14:14">
      <c r="N182616" s="10"/>
    </row>
    <row r="182617" spans="14:14">
      <c r="N182617" s="10"/>
    </row>
    <row r="182618" spans="14:14">
      <c r="N182618" s="10"/>
    </row>
    <row r="182619" spans="14:14">
      <c r="N182619" s="10"/>
    </row>
    <row r="182620" spans="14:14">
      <c r="N182620" s="10"/>
    </row>
    <row r="182621" spans="14:14">
      <c r="N182621" s="10"/>
    </row>
    <row r="182622" spans="14:14">
      <c r="N182622" s="10"/>
    </row>
    <row r="182623" spans="14:14">
      <c r="N182623" s="10"/>
    </row>
    <row r="182624" spans="14:14">
      <c r="N182624" s="10"/>
    </row>
    <row r="182625" spans="14:14">
      <c r="N182625" s="10"/>
    </row>
    <row r="182626" spans="14:14">
      <c r="N182626" s="10"/>
    </row>
    <row r="182627" spans="14:14">
      <c r="N182627" s="10"/>
    </row>
    <row r="182628" spans="14:14">
      <c r="N182628" s="10"/>
    </row>
    <row r="182629" spans="14:14">
      <c r="N182629" s="10"/>
    </row>
    <row r="182630" spans="14:14">
      <c r="N182630" s="10"/>
    </row>
    <row r="182631" spans="14:14">
      <c r="N182631" s="10"/>
    </row>
    <row r="182632" spans="14:14">
      <c r="N182632" s="10"/>
    </row>
    <row r="182633" spans="14:14">
      <c r="N182633" s="10"/>
    </row>
    <row r="182634" spans="14:14">
      <c r="N182634" s="10"/>
    </row>
    <row r="182635" spans="14:14">
      <c r="N182635" s="10"/>
    </row>
    <row r="182636" spans="14:14">
      <c r="N182636" s="10"/>
    </row>
    <row r="182637" spans="14:14">
      <c r="N182637" s="10"/>
    </row>
    <row r="182638" spans="14:14">
      <c r="N182638" s="10"/>
    </row>
    <row r="182639" spans="14:14">
      <c r="N182639" s="10"/>
    </row>
    <row r="182640" spans="14:14">
      <c r="N182640" s="10"/>
    </row>
    <row r="182641" spans="14:14">
      <c r="N182641" s="10"/>
    </row>
    <row r="182642" spans="14:14">
      <c r="N182642" s="10"/>
    </row>
    <row r="182643" spans="14:14">
      <c r="N182643" s="10"/>
    </row>
    <row r="182644" spans="14:14">
      <c r="N182644" s="10"/>
    </row>
    <row r="182645" spans="14:14">
      <c r="N182645" s="10"/>
    </row>
    <row r="182646" spans="14:14">
      <c r="N182646" s="10"/>
    </row>
    <row r="182647" spans="14:14">
      <c r="N182647" s="10"/>
    </row>
    <row r="182648" spans="14:14">
      <c r="N182648" s="10"/>
    </row>
    <row r="182649" spans="14:14">
      <c r="N182649" s="10"/>
    </row>
    <row r="182650" spans="14:14">
      <c r="N182650" s="10"/>
    </row>
    <row r="182651" spans="14:14">
      <c r="N182651" s="10"/>
    </row>
    <row r="182652" spans="14:14">
      <c r="N182652" s="10"/>
    </row>
    <row r="182653" spans="14:14">
      <c r="N182653" s="10"/>
    </row>
    <row r="182654" spans="14:14">
      <c r="N182654" s="10"/>
    </row>
    <row r="182655" spans="14:14">
      <c r="N182655" s="10"/>
    </row>
    <row r="182656" spans="14:14">
      <c r="N182656" s="10"/>
    </row>
    <row r="182657" spans="14:14">
      <c r="N182657" s="10"/>
    </row>
    <row r="182658" spans="14:14">
      <c r="N182658" s="10"/>
    </row>
    <row r="182659" spans="14:14">
      <c r="N182659" s="10"/>
    </row>
    <row r="182660" spans="14:14">
      <c r="N182660" s="10"/>
    </row>
    <row r="182661" spans="14:14">
      <c r="N182661" s="10"/>
    </row>
    <row r="182662" spans="14:14">
      <c r="N182662" s="10"/>
    </row>
    <row r="182663" spans="14:14">
      <c r="N182663" s="10"/>
    </row>
    <row r="182664" spans="14:14">
      <c r="N182664" s="10"/>
    </row>
    <row r="182665" spans="14:14">
      <c r="N182665" s="10"/>
    </row>
    <row r="182666" spans="14:14">
      <c r="N182666" s="10"/>
    </row>
    <row r="182667" spans="14:14">
      <c r="N182667" s="10"/>
    </row>
    <row r="182668" spans="14:14">
      <c r="N182668" s="10"/>
    </row>
    <row r="182669" spans="14:14">
      <c r="N182669" s="10"/>
    </row>
    <row r="182670" spans="14:14">
      <c r="N182670" s="10"/>
    </row>
    <row r="182671" spans="14:14">
      <c r="N182671" s="10"/>
    </row>
    <row r="182672" spans="14:14">
      <c r="N182672" s="10"/>
    </row>
    <row r="182673" spans="14:14">
      <c r="N182673" s="10"/>
    </row>
    <row r="182674" spans="14:14">
      <c r="N182674" s="10"/>
    </row>
    <row r="182675" spans="14:14">
      <c r="N182675" s="10"/>
    </row>
    <row r="182676" spans="14:14">
      <c r="N182676" s="10"/>
    </row>
    <row r="182677" spans="14:14">
      <c r="N182677" s="10"/>
    </row>
    <row r="182678" spans="14:14">
      <c r="N182678" s="10"/>
    </row>
    <row r="182679" spans="14:14">
      <c r="N182679" s="10"/>
    </row>
    <row r="182680" spans="14:14">
      <c r="N182680" s="10"/>
    </row>
    <row r="182681" spans="14:14">
      <c r="N182681" s="10"/>
    </row>
    <row r="182682" spans="14:14">
      <c r="N182682" s="10"/>
    </row>
    <row r="182683" spans="14:14">
      <c r="N182683" s="10"/>
    </row>
    <row r="182684" spans="14:14">
      <c r="N182684" s="10"/>
    </row>
    <row r="182685" spans="14:14">
      <c r="N182685" s="10"/>
    </row>
    <row r="182686" spans="14:14">
      <c r="N182686" s="10"/>
    </row>
    <row r="182687" spans="14:14">
      <c r="N182687" s="10"/>
    </row>
    <row r="182688" spans="14:14">
      <c r="N182688" s="10"/>
    </row>
    <row r="182689" spans="14:14">
      <c r="N182689" s="10"/>
    </row>
    <row r="182690" spans="14:14">
      <c r="N182690" s="10"/>
    </row>
    <row r="182691" spans="14:14">
      <c r="N182691" s="10"/>
    </row>
    <row r="182692" spans="14:14">
      <c r="N182692" s="10"/>
    </row>
    <row r="182693" spans="14:14">
      <c r="N182693" s="10"/>
    </row>
    <row r="182694" spans="14:14">
      <c r="N182694" s="10"/>
    </row>
    <row r="182695" spans="14:14">
      <c r="N182695" s="10"/>
    </row>
    <row r="182696" spans="14:14">
      <c r="N182696" s="10"/>
    </row>
    <row r="182697" spans="14:14">
      <c r="N182697" s="10"/>
    </row>
    <row r="182698" spans="14:14">
      <c r="N182698" s="10"/>
    </row>
    <row r="182699" spans="14:14">
      <c r="N182699" s="10"/>
    </row>
    <row r="182700" spans="14:14">
      <c r="N182700" s="10"/>
    </row>
    <row r="182701" spans="14:14">
      <c r="N182701" s="10"/>
    </row>
    <row r="182702" spans="14:14">
      <c r="N182702" s="10"/>
    </row>
    <row r="182703" spans="14:14">
      <c r="N182703" s="10"/>
    </row>
    <row r="182704" spans="14:14">
      <c r="N182704" s="10"/>
    </row>
    <row r="182705" spans="14:14">
      <c r="N182705" s="10"/>
    </row>
    <row r="182706" spans="14:14">
      <c r="N182706" s="10"/>
    </row>
    <row r="182707" spans="14:14">
      <c r="N182707" s="10"/>
    </row>
    <row r="182708" spans="14:14">
      <c r="N182708" s="10"/>
    </row>
    <row r="182709" spans="14:14">
      <c r="N182709" s="10"/>
    </row>
    <row r="182710" spans="14:14">
      <c r="N182710" s="10"/>
    </row>
    <row r="182711" spans="14:14">
      <c r="N182711" s="10"/>
    </row>
    <row r="182712" spans="14:14">
      <c r="N182712" s="10"/>
    </row>
    <row r="182713" spans="14:14">
      <c r="N182713" s="10"/>
    </row>
    <row r="182714" spans="14:14">
      <c r="N182714" s="10"/>
    </row>
    <row r="182715" spans="14:14">
      <c r="N182715" s="10"/>
    </row>
    <row r="182716" spans="14:14">
      <c r="N182716" s="10"/>
    </row>
    <row r="182717" spans="14:14">
      <c r="N182717" s="10"/>
    </row>
    <row r="182718" spans="14:14">
      <c r="N182718" s="10"/>
    </row>
    <row r="182719" spans="14:14">
      <c r="N182719" s="10"/>
    </row>
    <row r="182720" spans="14:14">
      <c r="N182720" s="10"/>
    </row>
    <row r="182721" spans="14:14">
      <c r="N182721" s="10"/>
    </row>
    <row r="182722" spans="14:14">
      <c r="N182722" s="10"/>
    </row>
    <row r="182723" spans="14:14">
      <c r="N182723" s="10"/>
    </row>
    <row r="182724" spans="14:14">
      <c r="N182724" s="10"/>
    </row>
    <row r="182725" spans="14:14">
      <c r="N182725" s="10"/>
    </row>
    <row r="182726" spans="14:14">
      <c r="N182726" s="10"/>
    </row>
    <row r="182727" spans="14:14">
      <c r="N182727" s="10"/>
    </row>
    <row r="182728" spans="14:14">
      <c r="N182728" s="10"/>
    </row>
    <row r="182729" spans="14:14">
      <c r="N182729" s="10"/>
    </row>
    <row r="182730" spans="14:14">
      <c r="N182730" s="10"/>
    </row>
    <row r="182731" spans="14:14">
      <c r="N182731" s="10"/>
    </row>
    <row r="182732" spans="14:14">
      <c r="N182732" s="10"/>
    </row>
    <row r="182733" spans="14:14">
      <c r="N182733" s="10"/>
    </row>
    <row r="182734" spans="14:14">
      <c r="N182734" s="10"/>
    </row>
    <row r="182735" spans="14:14">
      <c r="N182735" s="10"/>
    </row>
    <row r="182736" spans="14:14">
      <c r="N182736" s="10"/>
    </row>
    <row r="182737" spans="14:14">
      <c r="N182737" s="10"/>
    </row>
    <row r="182738" spans="14:14">
      <c r="N182738" s="10"/>
    </row>
    <row r="182739" spans="14:14">
      <c r="N182739" s="10"/>
    </row>
    <row r="182740" spans="14:14">
      <c r="N182740" s="10"/>
    </row>
    <row r="182741" spans="14:14">
      <c r="N182741" s="10"/>
    </row>
    <row r="182742" spans="14:14">
      <c r="N182742" s="10"/>
    </row>
    <row r="182743" spans="14:14">
      <c r="N182743" s="10"/>
    </row>
    <row r="182744" spans="14:14">
      <c r="N182744" s="10"/>
    </row>
    <row r="182745" spans="14:14">
      <c r="N182745" s="10"/>
    </row>
    <row r="182746" spans="14:14">
      <c r="N182746" s="10"/>
    </row>
    <row r="182747" spans="14:14">
      <c r="N182747" s="10"/>
    </row>
    <row r="182748" spans="14:14">
      <c r="N182748" s="10"/>
    </row>
    <row r="182749" spans="14:14">
      <c r="N182749" s="10"/>
    </row>
    <row r="182750" spans="14:14">
      <c r="N182750" s="10"/>
    </row>
    <row r="182751" spans="14:14">
      <c r="N182751" s="10"/>
    </row>
    <row r="182752" spans="14:14">
      <c r="N182752" s="10"/>
    </row>
    <row r="182753" spans="14:14">
      <c r="N182753" s="10"/>
    </row>
    <row r="182754" spans="14:14">
      <c r="N182754" s="10"/>
    </row>
    <row r="182755" spans="14:14">
      <c r="N182755" s="10"/>
    </row>
    <row r="182756" spans="14:14">
      <c r="N182756" s="10"/>
    </row>
    <row r="182757" spans="14:14">
      <c r="N182757" s="10"/>
    </row>
    <row r="182758" spans="14:14">
      <c r="N182758" s="10"/>
    </row>
    <row r="182759" spans="14:14">
      <c r="N182759" s="10"/>
    </row>
    <row r="182760" spans="14:14">
      <c r="N182760" s="10"/>
    </row>
    <row r="182761" spans="14:14">
      <c r="N182761" s="10"/>
    </row>
    <row r="182762" spans="14:14">
      <c r="N182762" s="10"/>
    </row>
    <row r="182763" spans="14:14">
      <c r="N182763" s="10"/>
    </row>
    <row r="182764" spans="14:14">
      <c r="N182764" s="10"/>
    </row>
    <row r="182765" spans="14:14">
      <c r="N182765" s="10"/>
    </row>
    <row r="182766" spans="14:14">
      <c r="N182766" s="10"/>
    </row>
    <row r="182767" spans="14:14">
      <c r="N182767" s="10"/>
    </row>
    <row r="182768" spans="14:14">
      <c r="N182768" s="10"/>
    </row>
    <row r="182769" spans="14:14">
      <c r="N182769" s="10"/>
    </row>
    <row r="182770" spans="14:14">
      <c r="N182770" s="10"/>
    </row>
    <row r="182771" spans="14:14">
      <c r="N182771" s="10"/>
    </row>
    <row r="182772" spans="14:14">
      <c r="N182772" s="10"/>
    </row>
    <row r="182773" spans="14:14">
      <c r="N182773" s="10"/>
    </row>
    <row r="182774" spans="14:14">
      <c r="N182774" s="10"/>
    </row>
    <row r="182775" spans="14:14">
      <c r="N182775" s="10"/>
    </row>
    <row r="182776" spans="14:14">
      <c r="N182776" s="10"/>
    </row>
    <row r="182777" spans="14:14">
      <c r="N182777" s="10"/>
    </row>
    <row r="182778" spans="14:14">
      <c r="N182778" s="10"/>
    </row>
    <row r="182779" spans="14:14">
      <c r="N182779" s="10"/>
    </row>
    <row r="182780" spans="14:14">
      <c r="N182780" s="10"/>
    </row>
    <row r="182781" spans="14:14">
      <c r="N182781" s="10"/>
    </row>
    <row r="182782" spans="14:14">
      <c r="N182782" s="10"/>
    </row>
    <row r="182783" spans="14:14">
      <c r="N182783" s="10"/>
    </row>
    <row r="182784" spans="14:14">
      <c r="N182784" s="10"/>
    </row>
    <row r="182785" spans="14:14">
      <c r="N182785" s="10"/>
    </row>
    <row r="182786" spans="14:14">
      <c r="N182786" s="10"/>
    </row>
    <row r="182787" spans="14:14">
      <c r="N182787" s="10"/>
    </row>
    <row r="182788" spans="14:14">
      <c r="N182788" s="10"/>
    </row>
    <row r="182789" spans="14:14">
      <c r="N182789" s="10"/>
    </row>
    <row r="182790" spans="14:14">
      <c r="N182790" s="10"/>
    </row>
    <row r="182791" spans="14:14">
      <c r="N182791" s="10"/>
    </row>
    <row r="182792" spans="14:14">
      <c r="N182792" s="10"/>
    </row>
    <row r="182793" spans="14:14">
      <c r="N182793" s="10"/>
    </row>
    <row r="182794" spans="14:14">
      <c r="N182794" s="10"/>
    </row>
    <row r="182795" spans="14:14">
      <c r="N182795" s="10"/>
    </row>
    <row r="182796" spans="14:14">
      <c r="N182796" s="10"/>
    </row>
    <row r="182797" spans="14:14">
      <c r="N182797" s="10"/>
    </row>
    <row r="182798" spans="14:14">
      <c r="N182798" s="10"/>
    </row>
    <row r="182799" spans="14:14">
      <c r="N182799" s="10"/>
    </row>
    <row r="182800" spans="14:14">
      <c r="N182800" s="10"/>
    </row>
    <row r="182801" spans="14:14">
      <c r="N182801" s="10"/>
    </row>
    <row r="182802" spans="14:14">
      <c r="N182802" s="10"/>
    </row>
    <row r="182803" spans="14:14">
      <c r="N182803" s="10"/>
    </row>
    <row r="182804" spans="14:14">
      <c r="N182804" s="10"/>
    </row>
    <row r="182805" spans="14:14">
      <c r="N182805" s="10"/>
    </row>
    <row r="182806" spans="14:14">
      <c r="N182806" s="10"/>
    </row>
    <row r="182807" spans="14:14">
      <c r="N182807" s="10"/>
    </row>
    <row r="182808" spans="14:14">
      <c r="N182808" s="10"/>
    </row>
    <row r="182809" spans="14:14">
      <c r="N182809" s="10"/>
    </row>
    <row r="182810" spans="14:14">
      <c r="N182810" s="10"/>
    </row>
    <row r="182811" spans="14:14">
      <c r="N182811" s="10"/>
    </row>
    <row r="182812" spans="14:14">
      <c r="N182812" s="10"/>
    </row>
    <row r="182813" spans="14:14">
      <c r="N182813" s="10"/>
    </row>
    <row r="182814" spans="14:14">
      <c r="N182814" s="10"/>
    </row>
    <row r="182815" spans="14:14">
      <c r="N182815" s="10"/>
    </row>
    <row r="182816" spans="14:14">
      <c r="N182816" s="10"/>
    </row>
    <row r="182817" spans="14:14">
      <c r="N182817" s="10"/>
    </row>
    <row r="182818" spans="14:14">
      <c r="N182818" s="10"/>
    </row>
    <row r="182819" spans="14:14">
      <c r="N182819" s="10"/>
    </row>
    <row r="182820" spans="14:14">
      <c r="N182820" s="10"/>
    </row>
    <row r="182821" spans="14:14">
      <c r="N182821" s="10"/>
    </row>
    <row r="182822" spans="14:14">
      <c r="N182822" s="10"/>
    </row>
    <row r="182823" spans="14:14">
      <c r="N182823" s="10"/>
    </row>
    <row r="182824" spans="14:14">
      <c r="N182824" s="10"/>
    </row>
    <row r="182825" spans="14:14">
      <c r="N182825" s="10"/>
    </row>
    <row r="182826" spans="14:14">
      <c r="N182826" s="10"/>
    </row>
    <row r="182827" spans="14:14">
      <c r="N182827" s="10"/>
    </row>
    <row r="182828" spans="14:14">
      <c r="N182828" s="10"/>
    </row>
    <row r="182829" spans="14:14">
      <c r="N182829" s="10"/>
    </row>
    <row r="182830" spans="14:14">
      <c r="N182830" s="10"/>
    </row>
    <row r="182831" spans="14:14">
      <c r="N182831" s="10"/>
    </row>
    <row r="182832" spans="14:14">
      <c r="N182832" s="10"/>
    </row>
    <row r="182833" spans="14:14">
      <c r="N182833" s="10"/>
    </row>
    <row r="182834" spans="14:14">
      <c r="N182834" s="10"/>
    </row>
    <row r="182835" spans="14:14">
      <c r="N182835" s="10"/>
    </row>
    <row r="182836" spans="14:14">
      <c r="N182836" s="10"/>
    </row>
    <row r="182837" spans="14:14">
      <c r="N182837" s="10"/>
    </row>
    <row r="182838" spans="14:14">
      <c r="N182838" s="10"/>
    </row>
    <row r="182839" spans="14:14">
      <c r="N182839" s="10"/>
    </row>
    <row r="182840" spans="14:14">
      <c r="N182840" s="10"/>
    </row>
    <row r="182841" spans="14:14">
      <c r="N182841" s="10"/>
    </row>
    <row r="182842" spans="14:14">
      <c r="N182842" s="10"/>
    </row>
    <row r="182843" spans="14:14">
      <c r="N182843" s="10"/>
    </row>
    <row r="182844" spans="14:14">
      <c r="N182844" s="10"/>
    </row>
    <row r="182845" spans="14:14">
      <c r="N182845" s="10"/>
    </row>
    <row r="182846" spans="14:14">
      <c r="N182846" s="10"/>
    </row>
    <row r="182847" spans="14:14">
      <c r="N182847" s="10"/>
    </row>
    <row r="182848" spans="14:14">
      <c r="N182848" s="10"/>
    </row>
    <row r="182849" spans="14:14">
      <c r="N182849" s="10"/>
    </row>
    <row r="182850" spans="14:14">
      <c r="N182850" s="10"/>
    </row>
    <row r="182851" spans="14:14">
      <c r="N182851" s="10"/>
    </row>
    <row r="182852" spans="14:14">
      <c r="N182852" s="10"/>
    </row>
    <row r="182853" spans="14:14">
      <c r="N182853" s="10"/>
    </row>
    <row r="182854" spans="14:14">
      <c r="N182854" s="10"/>
    </row>
    <row r="182855" spans="14:14">
      <c r="N182855" s="10"/>
    </row>
    <row r="182856" spans="14:14">
      <c r="N182856" s="10"/>
    </row>
    <row r="182857" spans="14:14">
      <c r="N182857" s="10"/>
    </row>
    <row r="182858" spans="14:14">
      <c r="N182858" s="10"/>
    </row>
    <row r="182859" spans="14:14">
      <c r="N182859" s="10"/>
    </row>
    <row r="182860" spans="14:14">
      <c r="N182860" s="10"/>
    </row>
    <row r="182861" spans="14:14">
      <c r="N182861" s="10"/>
    </row>
    <row r="182862" spans="14:14">
      <c r="N182862" s="10"/>
    </row>
    <row r="182863" spans="14:14">
      <c r="N182863" s="10"/>
    </row>
    <row r="182864" spans="14:14">
      <c r="N182864" s="10"/>
    </row>
    <row r="182865" spans="14:14">
      <c r="N182865" s="10"/>
    </row>
    <row r="182866" spans="14:14">
      <c r="N182866" s="10"/>
    </row>
    <row r="182867" spans="14:14">
      <c r="N182867" s="10"/>
    </row>
    <row r="182868" spans="14:14">
      <c r="N182868" s="10"/>
    </row>
    <row r="182869" spans="14:14">
      <c r="N182869" s="10"/>
    </row>
    <row r="182870" spans="14:14">
      <c r="N182870" s="10"/>
    </row>
    <row r="182871" spans="14:14">
      <c r="N182871" s="10"/>
    </row>
    <row r="182872" spans="14:14">
      <c r="N182872" s="10"/>
    </row>
    <row r="182873" spans="14:14">
      <c r="N182873" s="10"/>
    </row>
    <row r="182874" spans="14:14">
      <c r="N182874" s="10"/>
    </row>
    <row r="182875" spans="14:14">
      <c r="N182875" s="10"/>
    </row>
    <row r="182876" spans="14:14">
      <c r="N182876" s="10"/>
    </row>
    <row r="182877" spans="14:14">
      <c r="N182877" s="10"/>
    </row>
    <row r="182878" spans="14:14">
      <c r="N182878" s="10"/>
    </row>
    <row r="182879" spans="14:14">
      <c r="N182879" s="10"/>
    </row>
    <row r="182880" spans="14:14">
      <c r="N182880" s="10"/>
    </row>
    <row r="182881" spans="14:14">
      <c r="N182881" s="10"/>
    </row>
    <row r="182882" spans="14:14">
      <c r="N182882" s="10"/>
    </row>
    <row r="182883" spans="14:14">
      <c r="N182883" s="10"/>
    </row>
    <row r="182884" spans="14:14">
      <c r="N182884" s="10"/>
    </row>
    <row r="182885" spans="14:14">
      <c r="N182885" s="10"/>
    </row>
    <row r="182886" spans="14:14">
      <c r="N182886" s="10"/>
    </row>
    <row r="182887" spans="14:14">
      <c r="N182887" s="10"/>
    </row>
    <row r="182888" spans="14:14">
      <c r="N182888" s="10"/>
    </row>
    <row r="182889" spans="14:14">
      <c r="N182889" s="10"/>
    </row>
    <row r="182890" spans="14:14">
      <c r="N182890" s="10"/>
    </row>
    <row r="182891" spans="14:14">
      <c r="N182891" s="10"/>
    </row>
    <row r="182892" spans="14:14">
      <c r="N182892" s="10"/>
    </row>
    <row r="182893" spans="14:14">
      <c r="N182893" s="10"/>
    </row>
    <row r="182894" spans="14:14">
      <c r="N182894" s="10"/>
    </row>
    <row r="182895" spans="14:14">
      <c r="N182895" s="10"/>
    </row>
    <row r="182896" spans="14:14">
      <c r="N182896" s="10"/>
    </row>
    <row r="182897" spans="14:14">
      <c r="N182897" s="10"/>
    </row>
    <row r="182898" spans="14:14">
      <c r="N182898" s="10"/>
    </row>
    <row r="182899" spans="14:14">
      <c r="N182899" s="10"/>
    </row>
    <row r="182900" spans="14:14">
      <c r="N182900" s="10"/>
    </row>
    <row r="182901" spans="14:14">
      <c r="N182901" s="10"/>
    </row>
    <row r="182902" spans="14:14">
      <c r="N182902" s="10"/>
    </row>
    <row r="182903" spans="14:14">
      <c r="N182903" s="10"/>
    </row>
    <row r="182904" spans="14:14">
      <c r="N182904" s="10"/>
    </row>
    <row r="182905" spans="14:14">
      <c r="N182905" s="10"/>
    </row>
    <row r="182906" spans="14:14">
      <c r="N182906" s="10"/>
    </row>
    <row r="182907" spans="14:14">
      <c r="N182907" s="10"/>
    </row>
    <row r="182908" spans="14:14">
      <c r="N182908" s="10"/>
    </row>
    <row r="182909" spans="14:14">
      <c r="N182909" s="10"/>
    </row>
    <row r="182910" spans="14:14">
      <c r="N182910" s="10"/>
    </row>
    <row r="182911" spans="14:14">
      <c r="N182911" s="10"/>
    </row>
    <row r="182912" spans="14:14">
      <c r="N182912" s="10"/>
    </row>
    <row r="182913" spans="14:14">
      <c r="N182913" s="10"/>
    </row>
    <row r="182914" spans="14:14">
      <c r="N182914" s="10"/>
    </row>
    <row r="182915" spans="14:14">
      <c r="N182915" s="10"/>
    </row>
    <row r="182916" spans="14:14">
      <c r="N182916" s="10"/>
    </row>
    <row r="182917" spans="14:14">
      <c r="N182917" s="10"/>
    </row>
    <row r="182918" spans="14:14">
      <c r="N182918" s="10"/>
    </row>
    <row r="182919" spans="14:14">
      <c r="N182919" s="10"/>
    </row>
    <row r="182920" spans="14:14">
      <c r="N182920" s="10"/>
    </row>
    <row r="182921" spans="14:14">
      <c r="N182921" s="10"/>
    </row>
    <row r="182922" spans="14:14">
      <c r="N182922" s="10"/>
    </row>
    <row r="182923" spans="14:14">
      <c r="N182923" s="10"/>
    </row>
    <row r="182924" spans="14:14">
      <c r="N182924" s="10"/>
    </row>
    <row r="182925" spans="14:14">
      <c r="N182925" s="10"/>
    </row>
    <row r="182926" spans="14:14">
      <c r="N182926" s="10"/>
    </row>
    <row r="182927" spans="14:14">
      <c r="N182927" s="10"/>
    </row>
    <row r="182928" spans="14:14">
      <c r="N182928" s="10"/>
    </row>
    <row r="182929" spans="14:14">
      <c r="N182929" s="10"/>
    </row>
    <row r="182930" spans="14:14">
      <c r="N182930" s="10"/>
    </row>
    <row r="182931" spans="14:14">
      <c r="N182931" s="10"/>
    </row>
    <row r="182932" spans="14:14">
      <c r="N182932" s="10"/>
    </row>
    <row r="182933" spans="14:14">
      <c r="N182933" s="10"/>
    </row>
    <row r="182934" spans="14:14">
      <c r="N182934" s="10"/>
    </row>
    <row r="182935" spans="14:14">
      <c r="N182935" s="10"/>
    </row>
    <row r="182936" spans="14:14">
      <c r="N182936" s="10"/>
    </row>
    <row r="182937" spans="14:14">
      <c r="N182937" s="10"/>
    </row>
    <row r="182938" spans="14:14">
      <c r="N182938" s="10"/>
    </row>
    <row r="182939" spans="14:14">
      <c r="N182939" s="10"/>
    </row>
    <row r="182940" spans="14:14">
      <c r="N182940" s="10"/>
    </row>
    <row r="182941" spans="14:14">
      <c r="N182941" s="10"/>
    </row>
    <row r="182942" spans="14:14">
      <c r="N182942" s="10"/>
    </row>
    <row r="182943" spans="14:14">
      <c r="N182943" s="10"/>
    </row>
    <row r="182944" spans="14:14">
      <c r="N182944" s="10"/>
    </row>
    <row r="182945" spans="14:14">
      <c r="N182945" s="10"/>
    </row>
    <row r="182946" spans="14:14">
      <c r="N182946" s="10"/>
    </row>
    <row r="182947" spans="14:14">
      <c r="N182947" s="10"/>
    </row>
    <row r="182948" spans="14:14">
      <c r="N182948" s="10"/>
    </row>
    <row r="182949" spans="14:14">
      <c r="N182949" s="10"/>
    </row>
    <row r="182950" spans="14:14">
      <c r="N182950" s="10"/>
    </row>
    <row r="182951" spans="14:14">
      <c r="N182951" s="10"/>
    </row>
    <row r="182952" spans="14:14">
      <c r="N182952" s="10"/>
    </row>
    <row r="182953" spans="14:14">
      <c r="N182953" s="10"/>
    </row>
    <row r="182954" spans="14:14">
      <c r="N182954" s="10"/>
    </row>
    <row r="182955" spans="14:14">
      <c r="N182955" s="10"/>
    </row>
    <row r="182956" spans="14:14">
      <c r="N182956" s="10"/>
    </row>
    <row r="182957" spans="14:14">
      <c r="N182957" s="10"/>
    </row>
    <row r="182958" spans="14:14">
      <c r="N182958" s="10"/>
    </row>
    <row r="182959" spans="14:14">
      <c r="N182959" s="10"/>
    </row>
    <row r="182960" spans="14:14">
      <c r="N182960" s="10"/>
    </row>
    <row r="182961" spans="14:14">
      <c r="N182961" s="10"/>
    </row>
    <row r="182962" spans="14:14">
      <c r="N182962" s="10"/>
    </row>
    <row r="182963" spans="14:14">
      <c r="N182963" s="10"/>
    </row>
    <row r="182964" spans="14:14">
      <c r="N182964" s="10"/>
    </row>
    <row r="182965" spans="14:14">
      <c r="N182965" s="10"/>
    </row>
    <row r="182966" spans="14:14">
      <c r="N182966" s="10"/>
    </row>
    <row r="182967" spans="14:14">
      <c r="N182967" s="10"/>
    </row>
    <row r="182968" spans="14:14">
      <c r="N182968" s="10"/>
    </row>
    <row r="182969" spans="14:14">
      <c r="N182969" s="10"/>
    </row>
    <row r="182970" spans="14:14">
      <c r="N182970" s="10"/>
    </row>
    <row r="182971" spans="14:14">
      <c r="N182971" s="10"/>
    </row>
    <row r="182972" spans="14:14">
      <c r="N182972" s="10"/>
    </row>
    <row r="182973" spans="14:14">
      <c r="N182973" s="10"/>
    </row>
    <row r="182974" spans="14:14">
      <c r="N182974" s="10"/>
    </row>
    <row r="182975" spans="14:14">
      <c r="N182975" s="10"/>
    </row>
    <row r="182976" spans="14:14">
      <c r="N182976" s="10"/>
    </row>
    <row r="182977" spans="14:14">
      <c r="N182977" s="10"/>
    </row>
    <row r="182978" spans="14:14">
      <c r="N182978" s="10"/>
    </row>
    <row r="182979" spans="14:14">
      <c r="N182979" s="10"/>
    </row>
    <row r="182980" spans="14:14">
      <c r="N182980" s="10"/>
    </row>
    <row r="182981" spans="14:14">
      <c r="N182981" s="10"/>
    </row>
    <row r="182982" spans="14:14">
      <c r="N182982" s="10"/>
    </row>
    <row r="182983" spans="14:14">
      <c r="N182983" s="10"/>
    </row>
    <row r="182984" spans="14:14">
      <c r="N182984" s="10"/>
    </row>
    <row r="182985" spans="14:14">
      <c r="N182985" s="10"/>
    </row>
    <row r="182986" spans="14:14">
      <c r="N182986" s="10"/>
    </row>
    <row r="182987" spans="14:14">
      <c r="N182987" s="10"/>
    </row>
    <row r="182988" spans="14:14">
      <c r="N182988" s="10"/>
    </row>
    <row r="182989" spans="14:14">
      <c r="N182989" s="10"/>
    </row>
    <row r="182990" spans="14:14">
      <c r="N182990" s="10"/>
    </row>
    <row r="182991" spans="14:14">
      <c r="N182991" s="10"/>
    </row>
    <row r="182992" spans="14:14">
      <c r="N182992" s="10"/>
    </row>
    <row r="182993" spans="14:14">
      <c r="N182993" s="10"/>
    </row>
    <row r="182994" spans="14:14">
      <c r="N182994" s="10"/>
    </row>
    <row r="182995" spans="14:14">
      <c r="N182995" s="10"/>
    </row>
    <row r="182996" spans="14:14">
      <c r="N182996" s="10"/>
    </row>
    <row r="182997" spans="14:14">
      <c r="N182997" s="10"/>
    </row>
    <row r="182998" spans="14:14">
      <c r="N182998" s="10"/>
    </row>
    <row r="182999" spans="14:14">
      <c r="N182999" s="10"/>
    </row>
    <row r="183000" spans="14:14">
      <c r="N183000" s="10"/>
    </row>
    <row r="183001" spans="14:14">
      <c r="N183001" s="10"/>
    </row>
    <row r="183002" spans="14:14">
      <c r="N183002" s="10"/>
    </row>
    <row r="183003" spans="14:14">
      <c r="N183003" s="10"/>
    </row>
    <row r="183004" spans="14:14">
      <c r="N183004" s="10"/>
    </row>
    <row r="183005" spans="14:14">
      <c r="N183005" s="10"/>
    </row>
    <row r="183006" spans="14:14">
      <c r="N183006" s="10"/>
    </row>
    <row r="183007" spans="14:14">
      <c r="N183007" s="10"/>
    </row>
    <row r="183008" spans="14:14">
      <c r="N183008" s="10"/>
    </row>
    <row r="183009" spans="14:14">
      <c r="N183009" s="10"/>
    </row>
    <row r="183010" spans="14:14">
      <c r="N183010" s="10"/>
    </row>
    <row r="183011" spans="14:14">
      <c r="N183011" s="10"/>
    </row>
    <row r="183012" spans="14:14">
      <c r="N183012" s="10"/>
    </row>
    <row r="183013" spans="14:14">
      <c r="N183013" s="10"/>
    </row>
    <row r="183014" spans="14:14">
      <c r="N183014" s="10"/>
    </row>
    <row r="183015" spans="14:14">
      <c r="N183015" s="10"/>
    </row>
    <row r="183016" spans="14:14">
      <c r="N183016" s="10"/>
    </row>
    <row r="183017" spans="14:14">
      <c r="N183017" s="10"/>
    </row>
    <row r="183018" spans="14:14">
      <c r="N183018" s="10"/>
    </row>
    <row r="183019" spans="14:14">
      <c r="N183019" s="10"/>
    </row>
    <row r="183020" spans="14:14">
      <c r="N183020" s="10"/>
    </row>
    <row r="183021" spans="14:14">
      <c r="N183021" s="10"/>
    </row>
    <row r="183022" spans="14:14">
      <c r="N183022" s="10"/>
    </row>
    <row r="183023" spans="14:14">
      <c r="N183023" s="10"/>
    </row>
    <row r="183024" spans="14:14">
      <c r="N183024" s="10"/>
    </row>
    <row r="183025" spans="14:14">
      <c r="N183025" s="10"/>
    </row>
    <row r="183026" spans="14:14">
      <c r="N183026" s="10"/>
    </row>
    <row r="183027" spans="14:14">
      <c r="N183027" s="10"/>
    </row>
    <row r="183028" spans="14:14">
      <c r="N183028" s="10"/>
    </row>
    <row r="183029" spans="14:14">
      <c r="N183029" s="10"/>
    </row>
    <row r="183030" spans="14:14">
      <c r="N183030" s="10"/>
    </row>
    <row r="183031" spans="14:14">
      <c r="N183031" s="10"/>
    </row>
    <row r="183032" spans="14:14">
      <c r="N183032" s="10"/>
    </row>
    <row r="183033" spans="14:14">
      <c r="N183033" s="10"/>
    </row>
    <row r="183034" spans="14:14">
      <c r="N183034" s="10"/>
    </row>
    <row r="183035" spans="14:14">
      <c r="N183035" s="10"/>
    </row>
    <row r="183036" spans="14:14">
      <c r="N183036" s="10"/>
    </row>
    <row r="183037" spans="14:14">
      <c r="N183037" s="10"/>
    </row>
    <row r="183038" spans="14:14">
      <c r="N183038" s="10"/>
    </row>
    <row r="183039" spans="14:14">
      <c r="N183039" s="10"/>
    </row>
    <row r="183040" spans="14:14">
      <c r="N183040" s="10"/>
    </row>
    <row r="183041" spans="14:14">
      <c r="N183041" s="10"/>
    </row>
    <row r="183042" spans="14:14">
      <c r="N183042" s="10"/>
    </row>
    <row r="183043" spans="14:14">
      <c r="N183043" s="10"/>
    </row>
    <row r="183044" spans="14:14">
      <c r="N183044" s="10"/>
    </row>
    <row r="183045" spans="14:14">
      <c r="N183045" s="10"/>
    </row>
    <row r="183046" spans="14:14">
      <c r="N183046" s="10"/>
    </row>
    <row r="183047" spans="14:14">
      <c r="N183047" s="10"/>
    </row>
    <row r="183048" spans="14:14">
      <c r="N183048" s="10"/>
    </row>
    <row r="183049" spans="14:14">
      <c r="N183049" s="10"/>
    </row>
    <row r="183050" spans="14:14">
      <c r="N183050" s="10"/>
    </row>
    <row r="183051" spans="14:14">
      <c r="N183051" s="10"/>
    </row>
    <row r="183052" spans="14:14">
      <c r="N183052" s="10"/>
    </row>
    <row r="183053" spans="14:14">
      <c r="N183053" s="10"/>
    </row>
    <row r="183054" spans="14:14">
      <c r="N183054" s="10"/>
    </row>
    <row r="183055" spans="14:14">
      <c r="N183055" s="10"/>
    </row>
    <row r="183056" spans="14:14">
      <c r="N183056" s="10"/>
    </row>
    <row r="183057" spans="14:14">
      <c r="N183057" s="10"/>
    </row>
    <row r="183058" spans="14:14">
      <c r="N183058" s="10"/>
    </row>
    <row r="183059" spans="14:14">
      <c r="N183059" s="10"/>
    </row>
    <row r="183060" spans="14:14">
      <c r="N183060" s="10"/>
    </row>
    <row r="183061" spans="14:14">
      <c r="N183061" s="10"/>
    </row>
    <row r="183062" spans="14:14">
      <c r="N183062" s="10"/>
    </row>
    <row r="183063" spans="14:14">
      <c r="N183063" s="10"/>
    </row>
    <row r="183064" spans="14:14">
      <c r="N183064" s="10"/>
    </row>
    <row r="183065" spans="14:14">
      <c r="N183065" s="10"/>
    </row>
    <row r="183066" spans="14:14">
      <c r="N183066" s="10"/>
    </row>
    <row r="183067" spans="14:14">
      <c r="N183067" s="10"/>
    </row>
    <row r="183068" spans="14:14">
      <c r="N183068" s="10"/>
    </row>
    <row r="183069" spans="14:14">
      <c r="N183069" s="10"/>
    </row>
    <row r="183070" spans="14:14">
      <c r="N183070" s="10"/>
    </row>
    <row r="183071" spans="14:14">
      <c r="N183071" s="10"/>
    </row>
    <row r="183072" spans="14:14">
      <c r="N183072" s="10"/>
    </row>
    <row r="183073" spans="14:14">
      <c r="N183073" s="10"/>
    </row>
    <row r="183074" spans="14:14">
      <c r="N183074" s="10"/>
    </row>
    <row r="183075" spans="14:14">
      <c r="N183075" s="10"/>
    </row>
    <row r="183076" spans="14:14">
      <c r="N183076" s="10"/>
    </row>
    <row r="183077" spans="14:14">
      <c r="N183077" s="10"/>
    </row>
    <row r="183078" spans="14:14">
      <c r="N183078" s="10"/>
    </row>
    <row r="183079" spans="14:14">
      <c r="N183079" s="10"/>
    </row>
    <row r="183080" spans="14:14">
      <c r="N183080" s="10"/>
    </row>
    <row r="183081" spans="14:14">
      <c r="N183081" s="10"/>
    </row>
    <row r="183082" spans="14:14">
      <c r="N183082" s="10"/>
    </row>
    <row r="183083" spans="14:14">
      <c r="N183083" s="10"/>
    </row>
    <row r="183084" spans="14:14">
      <c r="N183084" s="10"/>
    </row>
    <row r="183085" spans="14:14">
      <c r="N183085" s="10"/>
    </row>
    <row r="183086" spans="14:14">
      <c r="N183086" s="10"/>
    </row>
    <row r="183087" spans="14:14">
      <c r="N183087" s="10"/>
    </row>
    <row r="183088" spans="14:14">
      <c r="N183088" s="10"/>
    </row>
    <row r="183089" spans="14:14">
      <c r="N183089" s="10"/>
    </row>
    <row r="183090" spans="14:14">
      <c r="N183090" s="10"/>
    </row>
    <row r="183091" spans="14:14">
      <c r="N183091" s="10"/>
    </row>
    <row r="183092" spans="14:14">
      <c r="N183092" s="10"/>
    </row>
    <row r="183093" spans="14:14">
      <c r="N183093" s="10"/>
    </row>
    <row r="183094" spans="14:14">
      <c r="N183094" s="10"/>
    </row>
    <row r="183095" spans="14:14">
      <c r="N183095" s="10"/>
    </row>
    <row r="183096" spans="14:14">
      <c r="N183096" s="10"/>
    </row>
    <row r="183097" spans="14:14">
      <c r="N183097" s="10"/>
    </row>
    <row r="183098" spans="14:14">
      <c r="N183098" s="10"/>
    </row>
    <row r="183099" spans="14:14">
      <c r="N183099" s="10"/>
    </row>
    <row r="183100" spans="14:14">
      <c r="N183100" s="10"/>
    </row>
    <row r="183101" spans="14:14">
      <c r="N183101" s="10"/>
    </row>
    <row r="183102" spans="14:14">
      <c r="N183102" s="10"/>
    </row>
    <row r="183103" spans="14:14">
      <c r="N183103" s="10"/>
    </row>
    <row r="183104" spans="14:14">
      <c r="N183104" s="10"/>
    </row>
    <row r="183105" spans="14:14">
      <c r="N183105" s="10"/>
    </row>
    <row r="183106" spans="14:14">
      <c r="N183106" s="10"/>
    </row>
    <row r="183107" spans="14:14">
      <c r="N183107" s="10"/>
    </row>
    <row r="183108" spans="14:14">
      <c r="N183108" s="10"/>
    </row>
    <row r="183109" spans="14:14">
      <c r="N183109" s="10"/>
    </row>
    <row r="183110" spans="14:14">
      <c r="N183110" s="10"/>
    </row>
    <row r="183111" spans="14:14">
      <c r="N183111" s="10"/>
    </row>
    <row r="183112" spans="14:14">
      <c r="N183112" s="10"/>
    </row>
    <row r="183113" spans="14:14">
      <c r="N183113" s="10"/>
    </row>
    <row r="183114" spans="14:14">
      <c r="N183114" s="10"/>
    </row>
    <row r="183115" spans="14:14">
      <c r="N183115" s="10"/>
    </row>
    <row r="183116" spans="14:14">
      <c r="N183116" s="10"/>
    </row>
    <row r="183117" spans="14:14">
      <c r="N183117" s="10"/>
    </row>
    <row r="183118" spans="14:14">
      <c r="N183118" s="10"/>
    </row>
    <row r="183119" spans="14:14">
      <c r="N183119" s="10"/>
    </row>
    <row r="183120" spans="14:14">
      <c r="N183120" s="10"/>
    </row>
    <row r="183121" spans="14:14">
      <c r="N183121" s="10"/>
    </row>
    <row r="183122" spans="14:14">
      <c r="N183122" s="10"/>
    </row>
    <row r="183123" spans="14:14">
      <c r="N183123" s="10"/>
    </row>
    <row r="183124" spans="14:14">
      <c r="N183124" s="10"/>
    </row>
    <row r="183125" spans="14:14">
      <c r="N183125" s="10"/>
    </row>
    <row r="183126" spans="14:14">
      <c r="N183126" s="10"/>
    </row>
    <row r="183127" spans="14:14">
      <c r="N183127" s="10"/>
    </row>
    <row r="183128" spans="14:14">
      <c r="N183128" s="10"/>
    </row>
    <row r="183129" spans="14:14">
      <c r="N183129" s="10"/>
    </row>
    <row r="183130" spans="14:14">
      <c r="N183130" s="10"/>
    </row>
    <row r="183131" spans="14:14">
      <c r="N183131" s="10"/>
    </row>
    <row r="183132" spans="14:14">
      <c r="N183132" s="10"/>
    </row>
    <row r="183133" spans="14:14">
      <c r="N183133" s="10"/>
    </row>
    <row r="183134" spans="14:14">
      <c r="N183134" s="10"/>
    </row>
    <row r="183135" spans="14:14">
      <c r="N183135" s="10"/>
    </row>
    <row r="183136" spans="14:14">
      <c r="N183136" s="10"/>
    </row>
    <row r="183137" spans="14:14">
      <c r="N183137" s="10"/>
    </row>
    <row r="183138" spans="14:14">
      <c r="N183138" s="10"/>
    </row>
    <row r="183139" spans="14:14">
      <c r="N183139" s="10"/>
    </row>
    <row r="183140" spans="14:14">
      <c r="N183140" s="10"/>
    </row>
    <row r="183141" spans="14:14">
      <c r="N183141" s="10"/>
    </row>
    <row r="183142" spans="14:14">
      <c r="N183142" s="10"/>
    </row>
    <row r="183143" spans="14:14">
      <c r="N183143" s="10"/>
    </row>
    <row r="183144" spans="14:14">
      <c r="N183144" s="10"/>
    </row>
    <row r="183145" spans="14:14">
      <c r="N183145" s="10"/>
    </row>
    <row r="183146" spans="14:14">
      <c r="N183146" s="10"/>
    </row>
    <row r="183147" spans="14:14">
      <c r="N183147" s="10"/>
    </row>
    <row r="183148" spans="14:14">
      <c r="N183148" s="10"/>
    </row>
    <row r="183149" spans="14:14">
      <c r="N183149" s="10"/>
    </row>
    <row r="183150" spans="14:14">
      <c r="N183150" s="10"/>
    </row>
    <row r="183151" spans="14:14">
      <c r="N183151" s="10"/>
    </row>
    <row r="183152" spans="14:14">
      <c r="N183152" s="10"/>
    </row>
    <row r="183153" spans="14:14">
      <c r="N183153" s="10"/>
    </row>
    <row r="183154" spans="14:14">
      <c r="N183154" s="10"/>
    </row>
    <row r="183155" spans="14:14">
      <c r="N183155" s="10"/>
    </row>
    <row r="183156" spans="14:14">
      <c r="N183156" s="10"/>
    </row>
    <row r="183157" spans="14:14">
      <c r="N183157" s="10"/>
    </row>
    <row r="183158" spans="14:14">
      <c r="N183158" s="10"/>
    </row>
    <row r="183159" spans="14:14">
      <c r="N183159" s="10"/>
    </row>
    <row r="183160" spans="14:14">
      <c r="N183160" s="10"/>
    </row>
    <row r="183161" spans="14:14">
      <c r="N183161" s="10"/>
    </row>
    <row r="183162" spans="14:14">
      <c r="N183162" s="10"/>
    </row>
    <row r="183163" spans="14:14">
      <c r="N183163" s="10"/>
    </row>
    <row r="183164" spans="14:14">
      <c r="N183164" s="10"/>
    </row>
    <row r="183165" spans="14:14">
      <c r="N183165" s="10"/>
    </row>
    <row r="183166" spans="14:14">
      <c r="N183166" s="10"/>
    </row>
    <row r="183167" spans="14:14">
      <c r="N183167" s="10"/>
    </row>
    <row r="183168" spans="14:14">
      <c r="N183168" s="10"/>
    </row>
    <row r="183169" spans="14:14">
      <c r="N183169" s="10"/>
    </row>
    <row r="183170" spans="14:14">
      <c r="N183170" s="10"/>
    </row>
    <row r="183171" spans="14:14">
      <c r="N183171" s="10"/>
    </row>
    <row r="183172" spans="14:14">
      <c r="N183172" s="10"/>
    </row>
    <row r="183173" spans="14:14">
      <c r="N183173" s="10"/>
    </row>
    <row r="183174" spans="14:14">
      <c r="N183174" s="10"/>
    </row>
    <row r="183175" spans="14:14">
      <c r="N183175" s="10"/>
    </row>
    <row r="183176" spans="14:14">
      <c r="N183176" s="10"/>
    </row>
    <row r="183177" spans="14:14">
      <c r="N183177" s="10"/>
    </row>
    <row r="183178" spans="14:14">
      <c r="N183178" s="10"/>
    </row>
    <row r="183179" spans="14:14">
      <c r="N183179" s="10"/>
    </row>
    <row r="183180" spans="14:14">
      <c r="N183180" s="10"/>
    </row>
    <row r="183181" spans="14:14">
      <c r="N183181" s="10"/>
    </row>
    <row r="183182" spans="14:14">
      <c r="N183182" s="10"/>
    </row>
    <row r="183183" spans="14:14">
      <c r="N183183" s="10"/>
    </row>
    <row r="183184" spans="14:14">
      <c r="N183184" s="10"/>
    </row>
    <row r="183185" spans="14:14">
      <c r="N183185" s="10"/>
    </row>
    <row r="183186" spans="14:14">
      <c r="N183186" s="10"/>
    </row>
    <row r="183187" spans="14:14">
      <c r="N183187" s="10"/>
    </row>
    <row r="183188" spans="14:14">
      <c r="N183188" s="10"/>
    </row>
    <row r="183189" spans="14:14">
      <c r="N183189" s="10"/>
    </row>
    <row r="183190" spans="14:14">
      <c r="N183190" s="10"/>
    </row>
    <row r="183191" spans="14:14">
      <c r="N183191" s="10"/>
    </row>
    <row r="183192" spans="14:14">
      <c r="N183192" s="10"/>
    </row>
    <row r="183193" spans="14:14">
      <c r="N183193" s="10"/>
    </row>
    <row r="183194" spans="14:14">
      <c r="N183194" s="10"/>
    </row>
    <row r="183195" spans="14:14">
      <c r="N183195" s="10"/>
    </row>
    <row r="183196" spans="14:14">
      <c r="N183196" s="10"/>
    </row>
    <row r="183197" spans="14:14">
      <c r="N183197" s="10"/>
    </row>
    <row r="183198" spans="14:14">
      <c r="N183198" s="10"/>
    </row>
    <row r="183199" spans="14:14">
      <c r="N183199" s="10"/>
    </row>
    <row r="183200" spans="14:14">
      <c r="N183200" s="10"/>
    </row>
    <row r="183201" spans="14:14">
      <c r="N183201" s="10"/>
    </row>
    <row r="183202" spans="14:14">
      <c r="N183202" s="10"/>
    </row>
    <row r="183203" spans="14:14">
      <c r="N183203" s="10"/>
    </row>
    <row r="183204" spans="14:14">
      <c r="N183204" s="10"/>
    </row>
    <row r="183205" spans="14:14">
      <c r="N183205" s="10"/>
    </row>
    <row r="183206" spans="14:14">
      <c r="N183206" s="10"/>
    </row>
    <row r="183207" spans="14:14">
      <c r="N183207" s="10"/>
    </row>
    <row r="183208" spans="14:14">
      <c r="N183208" s="10"/>
    </row>
    <row r="183209" spans="14:14">
      <c r="N183209" s="10"/>
    </row>
    <row r="183210" spans="14:14">
      <c r="N183210" s="10"/>
    </row>
    <row r="183211" spans="14:14">
      <c r="N183211" s="10"/>
    </row>
    <row r="183212" spans="14:14">
      <c r="N183212" s="10"/>
    </row>
    <row r="183213" spans="14:14">
      <c r="N183213" s="10"/>
    </row>
    <row r="183214" spans="14:14">
      <c r="N183214" s="10"/>
    </row>
    <row r="183215" spans="14:14">
      <c r="N183215" s="10"/>
    </row>
    <row r="183216" spans="14:14">
      <c r="N183216" s="10"/>
    </row>
    <row r="183217" spans="14:14">
      <c r="N183217" s="10"/>
    </row>
    <row r="183218" spans="14:14">
      <c r="N183218" s="10"/>
    </row>
    <row r="183219" spans="14:14">
      <c r="N183219" s="10"/>
    </row>
    <row r="183220" spans="14:14">
      <c r="N183220" s="10"/>
    </row>
    <row r="183221" spans="14:14">
      <c r="N183221" s="10"/>
    </row>
    <row r="183222" spans="14:14">
      <c r="N183222" s="10"/>
    </row>
    <row r="183223" spans="14:14">
      <c r="N183223" s="10"/>
    </row>
    <row r="183224" spans="14:14">
      <c r="N183224" s="10"/>
    </row>
    <row r="183225" spans="14:14">
      <c r="N183225" s="10"/>
    </row>
    <row r="183226" spans="14:14">
      <c r="N183226" s="10"/>
    </row>
    <row r="183227" spans="14:14">
      <c r="N183227" s="10"/>
    </row>
    <row r="183228" spans="14:14">
      <c r="N183228" s="10"/>
    </row>
    <row r="183229" spans="14:14">
      <c r="N183229" s="10"/>
    </row>
    <row r="183230" spans="14:14">
      <c r="N183230" s="10"/>
    </row>
    <row r="183231" spans="14:14">
      <c r="N183231" s="10"/>
    </row>
    <row r="183232" spans="14:14">
      <c r="N183232" s="10"/>
    </row>
    <row r="183233" spans="14:14">
      <c r="N183233" s="10"/>
    </row>
    <row r="183234" spans="14:14">
      <c r="N183234" s="10"/>
    </row>
    <row r="183235" spans="14:14">
      <c r="N183235" s="10"/>
    </row>
    <row r="183236" spans="14:14">
      <c r="N183236" s="10"/>
    </row>
    <row r="183237" spans="14:14">
      <c r="N183237" s="10"/>
    </row>
    <row r="183238" spans="14:14">
      <c r="N183238" s="10"/>
    </row>
    <row r="183239" spans="14:14">
      <c r="N183239" s="10"/>
    </row>
    <row r="183240" spans="14:14">
      <c r="N183240" s="10"/>
    </row>
    <row r="183241" spans="14:14">
      <c r="N183241" s="10"/>
    </row>
    <row r="183242" spans="14:14">
      <c r="N183242" s="10"/>
    </row>
    <row r="183243" spans="14:14">
      <c r="N183243" s="10"/>
    </row>
    <row r="183244" spans="14:14">
      <c r="N183244" s="10"/>
    </row>
    <row r="183245" spans="14:14">
      <c r="N183245" s="10"/>
    </row>
    <row r="183246" spans="14:14">
      <c r="N183246" s="10"/>
    </row>
    <row r="183247" spans="14:14">
      <c r="N183247" s="10"/>
    </row>
    <row r="183248" spans="14:14">
      <c r="N183248" s="10"/>
    </row>
    <row r="183249" spans="14:14">
      <c r="N183249" s="10"/>
    </row>
    <row r="183250" spans="14:14">
      <c r="N183250" s="10"/>
    </row>
    <row r="183251" spans="14:14">
      <c r="N183251" s="10"/>
    </row>
    <row r="183252" spans="14:14">
      <c r="N183252" s="10"/>
    </row>
    <row r="183253" spans="14:14">
      <c r="N183253" s="10"/>
    </row>
    <row r="183254" spans="14:14">
      <c r="N183254" s="10"/>
    </row>
    <row r="183255" spans="14:14">
      <c r="N183255" s="10"/>
    </row>
    <row r="183256" spans="14:14">
      <c r="N183256" s="10"/>
    </row>
    <row r="183257" spans="14:14">
      <c r="N183257" s="10"/>
    </row>
    <row r="183258" spans="14:14">
      <c r="N183258" s="10"/>
    </row>
    <row r="183259" spans="14:14">
      <c r="N183259" s="10"/>
    </row>
    <row r="183260" spans="14:14">
      <c r="N183260" s="10"/>
    </row>
    <row r="183261" spans="14:14">
      <c r="N183261" s="10"/>
    </row>
    <row r="183262" spans="14:14">
      <c r="N183262" s="10"/>
    </row>
    <row r="183263" spans="14:14">
      <c r="N183263" s="10"/>
    </row>
    <row r="183264" spans="14:14">
      <c r="N183264" s="10"/>
    </row>
    <row r="183265" spans="14:14">
      <c r="N183265" s="10"/>
    </row>
    <row r="183266" spans="14:14">
      <c r="N183266" s="10"/>
    </row>
    <row r="183267" spans="14:14">
      <c r="N183267" s="10"/>
    </row>
    <row r="183268" spans="14:14">
      <c r="N183268" s="10"/>
    </row>
    <row r="183269" spans="14:14">
      <c r="N183269" s="10"/>
    </row>
    <row r="183270" spans="14:14">
      <c r="N183270" s="10"/>
    </row>
    <row r="183271" spans="14:14">
      <c r="N183271" s="10"/>
    </row>
    <row r="183272" spans="14:14">
      <c r="N183272" s="10"/>
    </row>
    <row r="183273" spans="14:14">
      <c r="N183273" s="10"/>
    </row>
    <row r="183274" spans="14:14">
      <c r="N183274" s="10"/>
    </row>
    <row r="183275" spans="14:14">
      <c r="N183275" s="10"/>
    </row>
    <row r="183276" spans="14:14">
      <c r="N183276" s="10"/>
    </row>
    <row r="183277" spans="14:14">
      <c r="N183277" s="10"/>
    </row>
    <row r="183278" spans="14:14">
      <c r="N183278" s="10"/>
    </row>
    <row r="183279" spans="14:14">
      <c r="N183279" s="10"/>
    </row>
    <row r="183280" spans="14:14">
      <c r="N183280" s="10"/>
    </row>
    <row r="183281" spans="14:14">
      <c r="N183281" s="10"/>
    </row>
    <row r="183282" spans="14:14">
      <c r="N183282" s="10"/>
    </row>
    <row r="183283" spans="14:14">
      <c r="N183283" s="10"/>
    </row>
    <row r="183284" spans="14:14">
      <c r="N183284" s="10"/>
    </row>
    <row r="183285" spans="14:14">
      <c r="N183285" s="10"/>
    </row>
    <row r="183286" spans="14:14">
      <c r="N183286" s="10"/>
    </row>
    <row r="183287" spans="14:14">
      <c r="N183287" s="10"/>
    </row>
    <row r="183288" spans="14:14">
      <c r="N183288" s="10"/>
    </row>
    <row r="183289" spans="14:14">
      <c r="N183289" s="10"/>
    </row>
    <row r="183290" spans="14:14">
      <c r="N183290" s="10"/>
    </row>
    <row r="183291" spans="14:14">
      <c r="N183291" s="10"/>
    </row>
    <row r="183292" spans="14:14">
      <c r="N183292" s="10"/>
    </row>
    <row r="183293" spans="14:14">
      <c r="N183293" s="10"/>
    </row>
    <row r="183294" spans="14:14">
      <c r="N183294" s="10"/>
    </row>
    <row r="183295" spans="14:14">
      <c r="N183295" s="10"/>
    </row>
    <row r="183296" spans="14:14">
      <c r="N183296" s="10"/>
    </row>
    <row r="183297" spans="14:14">
      <c r="N183297" s="10"/>
    </row>
    <row r="183298" spans="14:14">
      <c r="N183298" s="10"/>
    </row>
    <row r="183299" spans="14:14">
      <c r="N183299" s="10"/>
    </row>
    <row r="183300" spans="14:14">
      <c r="N183300" s="10"/>
    </row>
    <row r="183301" spans="14:14">
      <c r="N183301" s="10"/>
    </row>
    <row r="183302" spans="14:14">
      <c r="N183302" s="10"/>
    </row>
    <row r="183303" spans="14:14">
      <c r="N183303" s="10"/>
    </row>
    <row r="183304" spans="14:14">
      <c r="N183304" s="10"/>
    </row>
    <row r="183305" spans="14:14">
      <c r="N183305" s="10"/>
    </row>
    <row r="183306" spans="14:14">
      <c r="N183306" s="10"/>
    </row>
    <row r="183307" spans="14:14">
      <c r="N183307" s="10"/>
    </row>
    <row r="183308" spans="14:14">
      <c r="N183308" s="10"/>
    </row>
    <row r="183309" spans="14:14">
      <c r="N183309" s="10"/>
    </row>
    <row r="183310" spans="14:14">
      <c r="N183310" s="10"/>
    </row>
    <row r="183311" spans="14:14">
      <c r="N183311" s="10"/>
    </row>
    <row r="183312" spans="14:14">
      <c r="N183312" s="10"/>
    </row>
    <row r="183313" spans="14:14">
      <c r="N183313" s="10"/>
    </row>
    <row r="183314" spans="14:14">
      <c r="N183314" s="10"/>
    </row>
    <row r="183315" spans="14:14">
      <c r="N183315" s="10"/>
    </row>
    <row r="183316" spans="14:14">
      <c r="N183316" s="10"/>
    </row>
    <row r="183317" spans="14:14">
      <c r="N183317" s="10"/>
    </row>
    <row r="183318" spans="14:14">
      <c r="N183318" s="10"/>
    </row>
    <row r="183319" spans="14:14">
      <c r="N183319" s="10"/>
    </row>
    <row r="183320" spans="14:14">
      <c r="N183320" s="10"/>
    </row>
    <row r="183321" spans="14:14">
      <c r="N183321" s="10"/>
    </row>
    <row r="183322" spans="14:14">
      <c r="N183322" s="10"/>
    </row>
    <row r="183323" spans="14:14">
      <c r="N183323" s="10"/>
    </row>
    <row r="183324" spans="14:14">
      <c r="N183324" s="10"/>
    </row>
    <row r="183325" spans="14:14">
      <c r="N183325" s="10"/>
    </row>
    <row r="183326" spans="14:14">
      <c r="N183326" s="10"/>
    </row>
    <row r="183327" spans="14:14">
      <c r="N183327" s="10"/>
    </row>
    <row r="183328" spans="14:14">
      <c r="N183328" s="10"/>
    </row>
    <row r="183329" spans="14:14">
      <c r="N183329" s="10"/>
    </row>
    <row r="183330" spans="14:14">
      <c r="N183330" s="10"/>
    </row>
    <row r="183331" spans="14:14">
      <c r="N183331" s="10"/>
    </row>
    <row r="183332" spans="14:14">
      <c r="N183332" s="10"/>
    </row>
    <row r="183333" spans="14:14">
      <c r="N183333" s="10"/>
    </row>
    <row r="183334" spans="14:14">
      <c r="N183334" s="10"/>
    </row>
    <row r="183335" spans="14:14">
      <c r="N183335" s="10"/>
    </row>
    <row r="183336" spans="14:14">
      <c r="N183336" s="10"/>
    </row>
    <row r="183337" spans="14:14">
      <c r="N183337" s="10"/>
    </row>
    <row r="183338" spans="14:14">
      <c r="N183338" s="10"/>
    </row>
    <row r="183339" spans="14:14">
      <c r="N183339" s="10"/>
    </row>
    <row r="183340" spans="14:14">
      <c r="N183340" s="10"/>
    </row>
    <row r="183341" spans="14:14">
      <c r="N183341" s="10"/>
    </row>
    <row r="183342" spans="14:14">
      <c r="N183342" s="10"/>
    </row>
    <row r="183343" spans="14:14">
      <c r="N183343" s="10"/>
    </row>
    <row r="183344" spans="14:14">
      <c r="N183344" s="10"/>
    </row>
    <row r="183345" spans="14:14">
      <c r="N183345" s="10"/>
    </row>
    <row r="183346" spans="14:14">
      <c r="N183346" s="10"/>
    </row>
    <row r="183347" spans="14:14">
      <c r="N183347" s="10"/>
    </row>
    <row r="183348" spans="14:14">
      <c r="N183348" s="10"/>
    </row>
    <row r="183349" spans="14:14">
      <c r="N183349" s="10"/>
    </row>
    <row r="183350" spans="14:14">
      <c r="N183350" s="10"/>
    </row>
    <row r="183351" spans="14:14">
      <c r="N183351" s="10"/>
    </row>
    <row r="183352" spans="14:14">
      <c r="N183352" s="10"/>
    </row>
    <row r="183353" spans="14:14">
      <c r="N183353" s="10"/>
    </row>
    <row r="183354" spans="14:14">
      <c r="N183354" s="10"/>
    </row>
    <row r="183355" spans="14:14">
      <c r="N183355" s="10"/>
    </row>
    <row r="183356" spans="14:14">
      <c r="N183356" s="10"/>
    </row>
    <row r="183357" spans="14:14">
      <c r="N183357" s="10"/>
    </row>
    <row r="183358" spans="14:14">
      <c r="N183358" s="10"/>
    </row>
    <row r="183359" spans="14:14">
      <c r="N183359" s="10"/>
    </row>
    <row r="183360" spans="14:14">
      <c r="N183360" s="10"/>
    </row>
    <row r="183361" spans="14:14">
      <c r="N183361" s="10"/>
    </row>
    <row r="183362" spans="14:14">
      <c r="N183362" s="10"/>
    </row>
    <row r="183363" spans="14:14">
      <c r="N183363" s="10"/>
    </row>
    <row r="183364" spans="14:14">
      <c r="N183364" s="10"/>
    </row>
    <row r="183365" spans="14:14">
      <c r="N183365" s="10"/>
    </row>
    <row r="183366" spans="14:14">
      <c r="N183366" s="10"/>
    </row>
    <row r="183367" spans="14:14">
      <c r="N183367" s="10"/>
    </row>
    <row r="183368" spans="14:14">
      <c r="N183368" s="10"/>
    </row>
    <row r="183369" spans="14:14">
      <c r="N183369" s="10"/>
    </row>
    <row r="183370" spans="14:14">
      <c r="N183370" s="10"/>
    </row>
    <row r="183371" spans="14:14">
      <c r="N183371" s="10"/>
    </row>
    <row r="183372" spans="14:14">
      <c r="N183372" s="10"/>
    </row>
    <row r="183373" spans="14:14">
      <c r="N183373" s="10"/>
    </row>
    <row r="183374" spans="14:14">
      <c r="N183374" s="10"/>
    </row>
    <row r="183375" spans="14:14">
      <c r="N183375" s="10"/>
    </row>
    <row r="183376" spans="14:14">
      <c r="N183376" s="10"/>
    </row>
    <row r="183377" spans="14:14">
      <c r="N183377" s="10"/>
    </row>
    <row r="183378" spans="14:14">
      <c r="N183378" s="10"/>
    </row>
    <row r="183379" spans="14:14">
      <c r="N183379" s="10"/>
    </row>
    <row r="183380" spans="14:14">
      <c r="N183380" s="10"/>
    </row>
    <row r="183381" spans="14:14">
      <c r="N183381" s="10"/>
    </row>
    <row r="183382" spans="14:14">
      <c r="N183382" s="10"/>
    </row>
    <row r="183383" spans="14:14">
      <c r="N183383" s="10"/>
    </row>
    <row r="183384" spans="14:14">
      <c r="N183384" s="10"/>
    </row>
    <row r="183385" spans="14:14">
      <c r="N183385" s="10"/>
    </row>
    <row r="183386" spans="14:14">
      <c r="N183386" s="10"/>
    </row>
    <row r="183387" spans="14:14">
      <c r="N183387" s="10"/>
    </row>
    <row r="183388" spans="14:14">
      <c r="N183388" s="10"/>
    </row>
    <row r="183389" spans="14:14">
      <c r="N183389" s="10"/>
    </row>
    <row r="183390" spans="14:14">
      <c r="N183390" s="10"/>
    </row>
    <row r="183391" spans="14:14">
      <c r="N183391" s="10"/>
    </row>
    <row r="183392" spans="14:14">
      <c r="N183392" s="10"/>
    </row>
    <row r="183393" spans="14:14">
      <c r="N183393" s="10"/>
    </row>
    <row r="183394" spans="14:14">
      <c r="N183394" s="10"/>
    </row>
    <row r="183395" spans="14:14">
      <c r="N183395" s="10"/>
    </row>
    <row r="183396" spans="14:14">
      <c r="N183396" s="10"/>
    </row>
    <row r="183397" spans="14:14">
      <c r="N183397" s="10"/>
    </row>
    <row r="183398" spans="14:14">
      <c r="N183398" s="10"/>
    </row>
    <row r="183399" spans="14:14">
      <c r="N183399" s="10"/>
    </row>
    <row r="183400" spans="14:14">
      <c r="N183400" s="10"/>
    </row>
    <row r="183401" spans="14:14">
      <c r="N183401" s="10"/>
    </row>
    <row r="183402" spans="14:14">
      <c r="N183402" s="10"/>
    </row>
    <row r="183403" spans="14:14">
      <c r="N183403" s="10"/>
    </row>
    <row r="183404" spans="14:14">
      <c r="N183404" s="10"/>
    </row>
    <row r="183405" spans="14:14">
      <c r="N183405" s="10"/>
    </row>
    <row r="183406" spans="14:14">
      <c r="N183406" s="10"/>
    </row>
    <row r="183407" spans="14:14">
      <c r="N183407" s="10"/>
    </row>
    <row r="183408" spans="14:14">
      <c r="N183408" s="10"/>
    </row>
    <row r="183409" spans="14:14">
      <c r="N183409" s="10"/>
    </row>
    <row r="183410" spans="14:14">
      <c r="N183410" s="10"/>
    </row>
    <row r="183411" spans="14:14">
      <c r="N183411" s="10"/>
    </row>
    <row r="183412" spans="14:14">
      <c r="N183412" s="10"/>
    </row>
    <row r="183413" spans="14:14">
      <c r="N183413" s="10"/>
    </row>
    <row r="183414" spans="14:14">
      <c r="N183414" s="10"/>
    </row>
    <row r="183415" spans="14:14">
      <c r="N183415" s="10"/>
    </row>
    <row r="183416" spans="14:14">
      <c r="N183416" s="10"/>
    </row>
    <row r="183417" spans="14:14">
      <c r="N183417" s="10"/>
    </row>
    <row r="183418" spans="14:14">
      <c r="N183418" s="10"/>
    </row>
    <row r="183419" spans="14:14">
      <c r="N183419" s="10"/>
    </row>
    <row r="183420" spans="14:14">
      <c r="N183420" s="10"/>
    </row>
    <row r="183421" spans="14:14">
      <c r="N183421" s="10"/>
    </row>
    <row r="183422" spans="14:14">
      <c r="N183422" s="10"/>
    </row>
    <row r="183423" spans="14:14">
      <c r="N183423" s="10"/>
    </row>
    <row r="183424" spans="14:14">
      <c r="N183424" s="10"/>
    </row>
    <row r="183425" spans="14:14">
      <c r="N183425" s="10"/>
    </row>
    <row r="183426" spans="14:14">
      <c r="N183426" s="10"/>
    </row>
    <row r="183427" spans="14:14">
      <c r="N183427" s="10"/>
    </row>
    <row r="183428" spans="14:14">
      <c r="N183428" s="10"/>
    </row>
    <row r="183429" spans="14:14">
      <c r="N183429" s="10"/>
    </row>
    <row r="183430" spans="14:14">
      <c r="N183430" s="10"/>
    </row>
    <row r="183431" spans="14:14">
      <c r="N183431" s="10"/>
    </row>
    <row r="183432" spans="14:14">
      <c r="N183432" s="10"/>
    </row>
    <row r="183433" spans="14:14">
      <c r="N183433" s="10"/>
    </row>
    <row r="183434" spans="14:14">
      <c r="N183434" s="10"/>
    </row>
    <row r="183435" spans="14:14">
      <c r="N183435" s="10"/>
    </row>
    <row r="183436" spans="14:14">
      <c r="N183436" s="10"/>
    </row>
    <row r="183437" spans="14:14">
      <c r="N183437" s="10"/>
    </row>
    <row r="183438" spans="14:14">
      <c r="N183438" s="10"/>
    </row>
    <row r="183439" spans="14:14">
      <c r="N183439" s="10"/>
    </row>
    <row r="183440" spans="14:14">
      <c r="N183440" s="10"/>
    </row>
    <row r="183441" spans="14:14">
      <c r="N183441" s="10"/>
    </row>
    <row r="183442" spans="14:14">
      <c r="N183442" s="10"/>
    </row>
    <row r="183443" spans="14:14">
      <c r="N183443" s="10"/>
    </row>
    <row r="183444" spans="14:14">
      <c r="N183444" s="10"/>
    </row>
    <row r="183445" spans="14:14">
      <c r="N183445" s="10"/>
    </row>
    <row r="183446" spans="14:14">
      <c r="N183446" s="10"/>
    </row>
    <row r="183447" spans="14:14">
      <c r="N183447" s="10"/>
    </row>
    <row r="183448" spans="14:14">
      <c r="N183448" s="10"/>
    </row>
    <row r="183449" spans="14:14">
      <c r="N183449" s="10"/>
    </row>
    <row r="183450" spans="14:14">
      <c r="N183450" s="10"/>
    </row>
    <row r="183451" spans="14:14">
      <c r="N183451" s="10"/>
    </row>
    <row r="183452" spans="14:14">
      <c r="N183452" s="10"/>
    </row>
    <row r="183453" spans="14:14">
      <c r="N183453" s="10"/>
    </row>
    <row r="183454" spans="14:14">
      <c r="N183454" s="10"/>
    </row>
    <row r="183455" spans="14:14">
      <c r="N183455" s="10"/>
    </row>
    <row r="183456" spans="14:14">
      <c r="N183456" s="10"/>
    </row>
    <row r="183457" spans="14:14">
      <c r="N183457" s="10"/>
    </row>
    <row r="183458" spans="14:14">
      <c r="N183458" s="10"/>
    </row>
    <row r="183459" spans="14:14">
      <c r="N183459" s="10"/>
    </row>
    <row r="183460" spans="14:14">
      <c r="N183460" s="10"/>
    </row>
    <row r="183461" spans="14:14">
      <c r="N183461" s="10"/>
    </row>
    <row r="183462" spans="14:14">
      <c r="N183462" s="10"/>
    </row>
    <row r="183463" spans="14:14">
      <c r="N183463" s="10"/>
    </row>
    <row r="183464" spans="14:14">
      <c r="N183464" s="10"/>
    </row>
    <row r="183465" spans="14:14">
      <c r="N183465" s="10"/>
    </row>
    <row r="183466" spans="14:14">
      <c r="N183466" s="10"/>
    </row>
    <row r="183467" spans="14:14">
      <c r="N183467" s="10"/>
    </row>
    <row r="183468" spans="14:14">
      <c r="N183468" s="10"/>
    </row>
    <row r="183469" spans="14:14">
      <c r="N183469" s="10"/>
    </row>
    <row r="183470" spans="14:14">
      <c r="N183470" s="10"/>
    </row>
    <row r="183471" spans="14:14">
      <c r="N183471" s="10"/>
    </row>
    <row r="183472" spans="14:14">
      <c r="N183472" s="10"/>
    </row>
    <row r="183473" spans="14:14">
      <c r="N183473" s="10"/>
    </row>
    <row r="183474" spans="14:14">
      <c r="N183474" s="10"/>
    </row>
    <row r="183475" spans="14:14">
      <c r="N183475" s="10"/>
    </row>
    <row r="183476" spans="14:14">
      <c r="N183476" s="10"/>
    </row>
    <row r="183477" spans="14:14">
      <c r="N183477" s="10"/>
    </row>
    <row r="183478" spans="14:14">
      <c r="N183478" s="10"/>
    </row>
    <row r="183479" spans="14:14">
      <c r="N183479" s="10"/>
    </row>
    <row r="183480" spans="14:14">
      <c r="N183480" s="10"/>
    </row>
    <row r="183481" spans="14:14">
      <c r="N183481" s="10"/>
    </row>
    <row r="183482" spans="14:14">
      <c r="N183482" s="10"/>
    </row>
    <row r="183483" spans="14:14">
      <c r="N183483" s="10"/>
    </row>
    <row r="183484" spans="14:14">
      <c r="N183484" s="10"/>
    </row>
    <row r="183485" spans="14:14">
      <c r="N183485" s="10"/>
    </row>
    <row r="183486" spans="14:14">
      <c r="N183486" s="10"/>
    </row>
    <row r="183487" spans="14:14">
      <c r="N183487" s="10"/>
    </row>
    <row r="183488" spans="14:14">
      <c r="N183488" s="10"/>
    </row>
    <row r="183489" spans="14:14">
      <c r="N183489" s="10"/>
    </row>
    <row r="183490" spans="14:14">
      <c r="N183490" s="10"/>
    </row>
    <row r="183491" spans="14:14">
      <c r="N183491" s="10"/>
    </row>
    <row r="183492" spans="14:14">
      <c r="N183492" s="10"/>
    </row>
    <row r="183493" spans="14:14">
      <c r="N183493" s="10"/>
    </row>
    <row r="183494" spans="14:14">
      <c r="N183494" s="10"/>
    </row>
    <row r="183495" spans="14:14">
      <c r="N183495" s="10"/>
    </row>
    <row r="183496" spans="14:14">
      <c r="N183496" s="10"/>
    </row>
    <row r="183497" spans="14:14">
      <c r="N183497" s="10"/>
    </row>
    <row r="183498" spans="14:14">
      <c r="N183498" s="10"/>
    </row>
    <row r="183499" spans="14:14">
      <c r="N183499" s="10"/>
    </row>
    <row r="183500" spans="14:14">
      <c r="N183500" s="10"/>
    </row>
    <row r="183501" spans="14:14">
      <c r="N183501" s="10"/>
    </row>
    <row r="183502" spans="14:14">
      <c r="N183502" s="10"/>
    </row>
    <row r="183503" spans="14:14">
      <c r="N183503" s="10"/>
    </row>
    <row r="183504" spans="14:14">
      <c r="N183504" s="10"/>
    </row>
    <row r="183505" spans="14:14">
      <c r="N183505" s="10"/>
    </row>
    <row r="183506" spans="14:14">
      <c r="N183506" s="10"/>
    </row>
    <row r="183507" spans="14:14">
      <c r="N183507" s="10"/>
    </row>
    <row r="183508" spans="14:14">
      <c r="N183508" s="10"/>
    </row>
    <row r="183509" spans="14:14">
      <c r="N183509" s="10"/>
    </row>
    <row r="183510" spans="14:14">
      <c r="N183510" s="10"/>
    </row>
    <row r="183511" spans="14:14">
      <c r="N183511" s="10"/>
    </row>
    <row r="183512" spans="14:14">
      <c r="N183512" s="10"/>
    </row>
    <row r="183513" spans="14:14">
      <c r="N183513" s="10"/>
    </row>
    <row r="183514" spans="14:14">
      <c r="N183514" s="10"/>
    </row>
    <row r="183515" spans="14:14">
      <c r="N183515" s="10"/>
    </row>
    <row r="183516" spans="14:14">
      <c r="N183516" s="10"/>
    </row>
    <row r="183517" spans="14:14">
      <c r="N183517" s="10"/>
    </row>
    <row r="183518" spans="14:14">
      <c r="N183518" s="10"/>
    </row>
    <row r="183519" spans="14:14">
      <c r="N183519" s="10"/>
    </row>
    <row r="183520" spans="14:14">
      <c r="N183520" s="10"/>
    </row>
    <row r="183521" spans="14:14">
      <c r="N183521" s="10"/>
    </row>
    <row r="183522" spans="14:14">
      <c r="N183522" s="10"/>
    </row>
    <row r="183523" spans="14:14">
      <c r="N183523" s="10"/>
    </row>
    <row r="183524" spans="14:14">
      <c r="N183524" s="10"/>
    </row>
    <row r="183525" spans="14:14">
      <c r="N183525" s="10"/>
    </row>
    <row r="183526" spans="14:14">
      <c r="N183526" s="10"/>
    </row>
    <row r="183527" spans="14:14">
      <c r="N183527" s="10"/>
    </row>
    <row r="183528" spans="14:14">
      <c r="N183528" s="10"/>
    </row>
    <row r="183529" spans="14:14">
      <c r="N183529" s="10"/>
    </row>
    <row r="183530" spans="14:14">
      <c r="N183530" s="10"/>
    </row>
    <row r="183531" spans="14:14">
      <c r="N183531" s="10"/>
    </row>
    <row r="183532" spans="14:14">
      <c r="N183532" s="10"/>
    </row>
    <row r="183533" spans="14:14">
      <c r="N183533" s="10"/>
    </row>
    <row r="183534" spans="14:14">
      <c r="N183534" s="10"/>
    </row>
    <row r="183535" spans="14:14">
      <c r="N183535" s="10"/>
    </row>
    <row r="183536" spans="14:14">
      <c r="N183536" s="10"/>
    </row>
    <row r="183537" spans="14:14">
      <c r="N183537" s="10"/>
    </row>
    <row r="183538" spans="14:14">
      <c r="N183538" s="10"/>
    </row>
    <row r="183539" spans="14:14">
      <c r="N183539" s="10"/>
    </row>
    <row r="183540" spans="14:14">
      <c r="N183540" s="10"/>
    </row>
    <row r="183541" spans="14:14">
      <c r="N183541" s="10"/>
    </row>
    <row r="183542" spans="14:14">
      <c r="N183542" s="10"/>
    </row>
    <row r="183543" spans="14:14">
      <c r="N183543" s="10"/>
    </row>
    <row r="183544" spans="14:14">
      <c r="N183544" s="10"/>
    </row>
    <row r="183545" spans="14:14">
      <c r="N183545" s="10"/>
    </row>
    <row r="183546" spans="14:14">
      <c r="N183546" s="10"/>
    </row>
    <row r="183547" spans="14:14">
      <c r="N183547" s="10"/>
    </row>
    <row r="183548" spans="14:14">
      <c r="N183548" s="10"/>
    </row>
    <row r="183549" spans="14:14">
      <c r="N183549" s="10"/>
    </row>
    <row r="183550" spans="14:14">
      <c r="N183550" s="10"/>
    </row>
    <row r="183551" spans="14:14">
      <c r="N183551" s="10"/>
    </row>
    <row r="183552" spans="14:14">
      <c r="N183552" s="10"/>
    </row>
    <row r="183553" spans="14:14">
      <c r="N183553" s="10"/>
    </row>
    <row r="183554" spans="14:14">
      <c r="N183554" s="10"/>
    </row>
    <row r="183555" spans="14:14">
      <c r="N183555" s="10"/>
    </row>
    <row r="183556" spans="14:14">
      <c r="N183556" s="10"/>
    </row>
    <row r="183557" spans="14:14">
      <c r="N183557" s="10"/>
    </row>
    <row r="183558" spans="14:14">
      <c r="N183558" s="10"/>
    </row>
    <row r="183559" spans="14:14">
      <c r="N183559" s="10"/>
    </row>
    <row r="183560" spans="14:14">
      <c r="N183560" s="10"/>
    </row>
    <row r="183561" spans="14:14">
      <c r="N183561" s="10"/>
    </row>
    <row r="183562" spans="14:14">
      <c r="N183562" s="10"/>
    </row>
    <row r="183563" spans="14:14">
      <c r="N183563" s="10"/>
    </row>
    <row r="183564" spans="14:14">
      <c r="N183564" s="10"/>
    </row>
    <row r="183565" spans="14:14">
      <c r="N183565" s="10"/>
    </row>
    <row r="183566" spans="14:14">
      <c r="N183566" s="10"/>
    </row>
    <row r="183567" spans="14:14">
      <c r="N183567" s="10"/>
    </row>
    <row r="183568" spans="14:14">
      <c r="N183568" s="10"/>
    </row>
    <row r="183569" spans="14:14">
      <c r="N183569" s="10"/>
    </row>
    <row r="183570" spans="14:14">
      <c r="N183570" s="10"/>
    </row>
    <row r="183571" spans="14:14">
      <c r="N183571" s="10"/>
    </row>
    <row r="183572" spans="14:14">
      <c r="N183572" s="10"/>
    </row>
    <row r="183573" spans="14:14">
      <c r="N183573" s="10"/>
    </row>
    <row r="183574" spans="14:14">
      <c r="N183574" s="10"/>
    </row>
    <row r="183575" spans="14:14">
      <c r="N183575" s="10"/>
    </row>
    <row r="183576" spans="14:14">
      <c r="N183576" s="10"/>
    </row>
    <row r="183577" spans="14:14">
      <c r="N183577" s="10"/>
    </row>
    <row r="183578" spans="14:14">
      <c r="N183578" s="10"/>
    </row>
    <row r="183579" spans="14:14">
      <c r="N183579" s="10"/>
    </row>
    <row r="183580" spans="14:14">
      <c r="N183580" s="10"/>
    </row>
    <row r="183581" spans="14:14">
      <c r="N183581" s="10"/>
    </row>
    <row r="183582" spans="14:14">
      <c r="N183582" s="10"/>
    </row>
    <row r="183583" spans="14:14">
      <c r="N183583" s="10"/>
    </row>
    <row r="183584" spans="14:14">
      <c r="N183584" s="10"/>
    </row>
    <row r="183585" spans="14:14">
      <c r="N183585" s="10"/>
    </row>
    <row r="183586" spans="14:14">
      <c r="N183586" s="10"/>
    </row>
    <row r="183587" spans="14:14">
      <c r="N183587" s="10"/>
    </row>
    <row r="183588" spans="14:14">
      <c r="N183588" s="10"/>
    </row>
    <row r="183589" spans="14:14">
      <c r="N183589" s="10"/>
    </row>
    <row r="183590" spans="14:14">
      <c r="N183590" s="10"/>
    </row>
    <row r="183591" spans="14:14">
      <c r="N183591" s="10"/>
    </row>
    <row r="183592" spans="14:14">
      <c r="N183592" s="10"/>
    </row>
    <row r="183593" spans="14:14">
      <c r="N183593" s="10"/>
    </row>
    <row r="183594" spans="14:14">
      <c r="N183594" s="10"/>
    </row>
    <row r="183595" spans="14:14">
      <c r="N183595" s="10"/>
    </row>
    <row r="183596" spans="14:14">
      <c r="N183596" s="10"/>
    </row>
    <row r="183597" spans="14:14">
      <c r="N183597" s="10"/>
    </row>
    <row r="183598" spans="14:14">
      <c r="N183598" s="10"/>
    </row>
    <row r="183599" spans="14:14">
      <c r="N183599" s="10"/>
    </row>
    <row r="183600" spans="14:14">
      <c r="N183600" s="10"/>
    </row>
    <row r="183601" spans="14:14">
      <c r="N183601" s="10"/>
    </row>
    <row r="183602" spans="14:14">
      <c r="N183602" s="10"/>
    </row>
    <row r="183603" spans="14:14">
      <c r="N183603" s="10"/>
    </row>
    <row r="183604" spans="14:14">
      <c r="N183604" s="10"/>
    </row>
    <row r="183605" spans="14:14">
      <c r="N183605" s="10"/>
    </row>
    <row r="183606" spans="14:14">
      <c r="N183606" s="10"/>
    </row>
    <row r="183607" spans="14:14">
      <c r="N183607" s="10"/>
    </row>
    <row r="183608" spans="14:14">
      <c r="N183608" s="10"/>
    </row>
    <row r="183609" spans="14:14">
      <c r="N183609" s="10"/>
    </row>
    <row r="183610" spans="14:14">
      <c r="N183610" s="10"/>
    </row>
    <row r="183611" spans="14:14">
      <c r="N183611" s="10"/>
    </row>
    <row r="183612" spans="14:14">
      <c r="N183612" s="10"/>
    </row>
    <row r="183613" spans="14:14">
      <c r="N183613" s="10"/>
    </row>
    <row r="183614" spans="14:14">
      <c r="N183614" s="10"/>
    </row>
    <row r="183615" spans="14:14">
      <c r="N183615" s="10"/>
    </row>
    <row r="183616" spans="14:14">
      <c r="N183616" s="10"/>
    </row>
    <row r="183617" spans="14:14">
      <c r="N183617" s="10"/>
    </row>
    <row r="183618" spans="14:14">
      <c r="N183618" s="10"/>
    </row>
    <row r="183619" spans="14:14">
      <c r="N183619" s="10"/>
    </row>
    <row r="183620" spans="14:14">
      <c r="N183620" s="10"/>
    </row>
    <row r="183621" spans="14:14">
      <c r="N183621" s="10"/>
    </row>
    <row r="183622" spans="14:14">
      <c r="N183622" s="10"/>
    </row>
    <row r="183623" spans="14:14">
      <c r="N183623" s="10"/>
    </row>
    <row r="183624" spans="14:14">
      <c r="N183624" s="10"/>
    </row>
    <row r="183625" spans="14:14">
      <c r="N183625" s="10"/>
    </row>
    <row r="183626" spans="14:14">
      <c r="N183626" s="10"/>
    </row>
    <row r="183627" spans="14:14">
      <c r="N183627" s="10"/>
    </row>
    <row r="183628" spans="14:14">
      <c r="N183628" s="10"/>
    </row>
    <row r="183629" spans="14:14">
      <c r="N183629" s="10"/>
    </row>
    <row r="183630" spans="14:14">
      <c r="N183630" s="10"/>
    </row>
    <row r="183631" spans="14:14">
      <c r="N183631" s="10"/>
    </row>
    <row r="183632" spans="14:14">
      <c r="N183632" s="10"/>
    </row>
    <row r="183633" spans="14:14">
      <c r="N183633" s="10"/>
    </row>
    <row r="183634" spans="14:14">
      <c r="N183634" s="10"/>
    </row>
    <row r="183635" spans="14:14">
      <c r="N183635" s="10"/>
    </row>
    <row r="183636" spans="14:14">
      <c r="N183636" s="10"/>
    </row>
    <row r="183637" spans="14:14">
      <c r="N183637" s="10"/>
    </row>
    <row r="183638" spans="14:14">
      <c r="N183638" s="10"/>
    </row>
    <row r="183639" spans="14:14">
      <c r="N183639" s="10"/>
    </row>
    <row r="183640" spans="14:14">
      <c r="N183640" s="10"/>
    </row>
    <row r="183641" spans="14:14">
      <c r="N183641" s="10"/>
    </row>
    <row r="183642" spans="14:14">
      <c r="N183642" s="10"/>
    </row>
    <row r="183643" spans="14:14">
      <c r="N183643" s="10"/>
    </row>
    <row r="183644" spans="14:14">
      <c r="N183644" s="10"/>
    </row>
    <row r="183645" spans="14:14">
      <c r="N183645" s="10"/>
    </row>
    <row r="183646" spans="14:14">
      <c r="N183646" s="10"/>
    </row>
    <row r="183647" spans="14:14">
      <c r="N183647" s="10"/>
    </row>
    <row r="183648" spans="14:14">
      <c r="N183648" s="10"/>
    </row>
    <row r="183649" spans="14:14">
      <c r="N183649" s="10"/>
    </row>
    <row r="183650" spans="14:14">
      <c r="N183650" s="10"/>
    </row>
    <row r="183651" spans="14:14">
      <c r="N183651" s="10"/>
    </row>
    <row r="183652" spans="14:14">
      <c r="N183652" s="10"/>
    </row>
    <row r="183653" spans="14:14">
      <c r="N183653" s="10"/>
    </row>
    <row r="183654" spans="14:14">
      <c r="N183654" s="10"/>
    </row>
    <row r="183655" spans="14:14">
      <c r="N183655" s="10"/>
    </row>
    <row r="183656" spans="14:14">
      <c r="N183656" s="10"/>
    </row>
    <row r="183657" spans="14:14">
      <c r="N183657" s="10"/>
    </row>
    <row r="183658" spans="14:14">
      <c r="N183658" s="10"/>
    </row>
    <row r="183659" spans="14:14">
      <c r="N183659" s="10"/>
    </row>
    <row r="183660" spans="14:14">
      <c r="N183660" s="10"/>
    </row>
    <row r="183661" spans="14:14">
      <c r="N183661" s="10"/>
    </row>
    <row r="183662" spans="14:14">
      <c r="N183662" s="10"/>
    </row>
    <row r="183663" spans="14:14">
      <c r="N183663" s="10"/>
    </row>
    <row r="183664" spans="14:14">
      <c r="N183664" s="10"/>
    </row>
    <row r="183665" spans="14:14">
      <c r="N183665" s="10"/>
    </row>
    <row r="183666" spans="14:14">
      <c r="N183666" s="10"/>
    </row>
    <row r="183667" spans="14:14">
      <c r="N183667" s="10"/>
    </row>
    <row r="183668" spans="14:14">
      <c r="N183668" s="10"/>
    </row>
    <row r="183669" spans="14:14">
      <c r="N183669" s="10"/>
    </row>
    <row r="183670" spans="14:14">
      <c r="N183670" s="10"/>
    </row>
    <row r="183671" spans="14:14">
      <c r="N183671" s="10"/>
    </row>
    <row r="183672" spans="14:14">
      <c r="N183672" s="10"/>
    </row>
    <row r="183673" spans="14:14">
      <c r="N183673" s="10"/>
    </row>
    <row r="183674" spans="14:14">
      <c r="N183674" s="10"/>
    </row>
    <row r="183675" spans="14:14">
      <c r="N183675" s="10"/>
    </row>
    <row r="183676" spans="14:14">
      <c r="N183676" s="10"/>
    </row>
    <row r="183677" spans="14:14">
      <c r="N183677" s="10"/>
    </row>
    <row r="183678" spans="14:14">
      <c r="N183678" s="10"/>
    </row>
    <row r="183679" spans="14:14">
      <c r="N183679" s="10"/>
    </row>
    <row r="183680" spans="14:14">
      <c r="N183680" s="10"/>
    </row>
    <row r="183681" spans="14:14">
      <c r="N183681" s="10"/>
    </row>
    <row r="183682" spans="14:14">
      <c r="N183682" s="10"/>
    </row>
    <row r="183683" spans="14:14">
      <c r="N183683" s="10"/>
    </row>
    <row r="183684" spans="14:14">
      <c r="N183684" s="10"/>
    </row>
    <row r="183685" spans="14:14">
      <c r="N183685" s="10"/>
    </row>
    <row r="183686" spans="14:14">
      <c r="N183686" s="10"/>
    </row>
    <row r="183687" spans="14:14">
      <c r="N183687" s="10"/>
    </row>
    <row r="183688" spans="14:14">
      <c r="N183688" s="10"/>
    </row>
    <row r="183689" spans="14:14">
      <c r="N183689" s="10"/>
    </row>
    <row r="183690" spans="14:14">
      <c r="N183690" s="10"/>
    </row>
    <row r="183691" spans="14:14">
      <c r="N183691" s="10"/>
    </row>
    <row r="183692" spans="14:14">
      <c r="N183692" s="10"/>
    </row>
    <row r="183693" spans="14:14">
      <c r="N183693" s="10"/>
    </row>
    <row r="183694" spans="14:14">
      <c r="N183694" s="10"/>
    </row>
    <row r="183695" spans="14:14">
      <c r="N183695" s="10"/>
    </row>
    <row r="183696" spans="14:14">
      <c r="N183696" s="10"/>
    </row>
    <row r="183697" spans="14:14">
      <c r="N183697" s="10"/>
    </row>
    <row r="183698" spans="14:14">
      <c r="N183698" s="10"/>
    </row>
    <row r="183699" spans="14:14">
      <c r="N183699" s="10"/>
    </row>
    <row r="183700" spans="14:14">
      <c r="N183700" s="10"/>
    </row>
    <row r="183701" spans="14:14">
      <c r="N183701" s="10"/>
    </row>
    <row r="183702" spans="14:14">
      <c r="N183702" s="10"/>
    </row>
    <row r="183703" spans="14:14">
      <c r="N183703" s="10"/>
    </row>
    <row r="183704" spans="14:14">
      <c r="N183704" s="10"/>
    </row>
    <row r="183705" spans="14:14">
      <c r="N183705" s="10"/>
    </row>
    <row r="183706" spans="14:14">
      <c r="N183706" s="10"/>
    </row>
    <row r="183707" spans="14:14">
      <c r="N183707" s="10"/>
    </row>
    <row r="183708" spans="14:14">
      <c r="N183708" s="10"/>
    </row>
    <row r="183709" spans="14:14">
      <c r="N183709" s="10"/>
    </row>
    <row r="183710" spans="14:14">
      <c r="N183710" s="10"/>
    </row>
    <row r="183711" spans="14:14">
      <c r="N183711" s="10"/>
    </row>
    <row r="183712" spans="14:14">
      <c r="N183712" s="10"/>
    </row>
    <row r="183713" spans="14:14">
      <c r="N183713" s="10"/>
    </row>
    <row r="183714" spans="14:14">
      <c r="N183714" s="10"/>
    </row>
    <row r="183715" spans="14:14">
      <c r="N183715" s="10"/>
    </row>
    <row r="183716" spans="14:14">
      <c r="N183716" s="10"/>
    </row>
    <row r="183717" spans="14:14">
      <c r="N183717" s="10"/>
    </row>
    <row r="183718" spans="14:14">
      <c r="N183718" s="10"/>
    </row>
    <row r="183719" spans="14:14">
      <c r="N183719" s="10"/>
    </row>
    <row r="183720" spans="14:14">
      <c r="N183720" s="10"/>
    </row>
    <row r="183721" spans="14:14">
      <c r="N183721" s="10"/>
    </row>
    <row r="183722" spans="14:14">
      <c r="N183722" s="10"/>
    </row>
    <row r="183723" spans="14:14">
      <c r="N183723" s="10"/>
    </row>
    <row r="183724" spans="14:14">
      <c r="N183724" s="10"/>
    </row>
    <row r="183725" spans="14:14">
      <c r="N183725" s="10"/>
    </row>
    <row r="183726" spans="14:14">
      <c r="N183726" s="10"/>
    </row>
    <row r="183727" spans="14:14">
      <c r="N183727" s="10"/>
    </row>
    <row r="183728" spans="14:14">
      <c r="N183728" s="10"/>
    </row>
    <row r="183729" spans="14:14">
      <c r="N183729" s="10"/>
    </row>
    <row r="183730" spans="14:14">
      <c r="N183730" s="10"/>
    </row>
    <row r="183731" spans="14:14">
      <c r="N183731" s="10"/>
    </row>
    <row r="183732" spans="14:14">
      <c r="N183732" s="10"/>
    </row>
    <row r="183733" spans="14:14">
      <c r="N183733" s="10"/>
    </row>
    <row r="183734" spans="14:14">
      <c r="N183734" s="10"/>
    </row>
    <row r="183735" spans="14:14">
      <c r="N183735" s="10"/>
    </row>
    <row r="183736" spans="14:14">
      <c r="N183736" s="10"/>
    </row>
    <row r="183737" spans="14:14">
      <c r="N183737" s="10"/>
    </row>
    <row r="183738" spans="14:14">
      <c r="N183738" s="10"/>
    </row>
    <row r="183739" spans="14:14">
      <c r="N183739" s="10"/>
    </row>
    <row r="183740" spans="14:14">
      <c r="N183740" s="10"/>
    </row>
    <row r="183741" spans="14:14">
      <c r="N183741" s="10"/>
    </row>
    <row r="183742" spans="14:14">
      <c r="N183742" s="10"/>
    </row>
    <row r="183743" spans="14:14">
      <c r="N183743" s="10"/>
    </row>
    <row r="183744" spans="14:14">
      <c r="N183744" s="10"/>
    </row>
    <row r="183745" spans="14:14">
      <c r="N183745" s="10"/>
    </row>
    <row r="183746" spans="14:14">
      <c r="N183746" s="10"/>
    </row>
    <row r="183747" spans="14:14">
      <c r="N183747" s="10"/>
    </row>
    <row r="183748" spans="14:14">
      <c r="N183748" s="10"/>
    </row>
    <row r="183749" spans="14:14">
      <c r="N183749" s="10"/>
    </row>
    <row r="183750" spans="14:14">
      <c r="N183750" s="10"/>
    </row>
    <row r="183751" spans="14:14">
      <c r="N183751" s="10"/>
    </row>
    <row r="183752" spans="14:14">
      <c r="N183752" s="10"/>
    </row>
    <row r="183753" spans="14:14">
      <c r="N183753" s="10"/>
    </row>
    <row r="183754" spans="14:14">
      <c r="N183754" s="10"/>
    </row>
    <row r="183755" spans="14:14">
      <c r="N183755" s="10"/>
    </row>
    <row r="183756" spans="14:14">
      <c r="N183756" s="10"/>
    </row>
    <row r="183757" spans="14:14">
      <c r="N183757" s="10"/>
    </row>
    <row r="183758" spans="14:14">
      <c r="N183758" s="10"/>
    </row>
    <row r="183759" spans="14:14">
      <c r="N183759" s="10"/>
    </row>
    <row r="183760" spans="14:14">
      <c r="N183760" s="10"/>
    </row>
    <row r="183761" spans="14:14">
      <c r="N183761" s="10"/>
    </row>
    <row r="183762" spans="14:14">
      <c r="N183762" s="10"/>
    </row>
    <row r="183763" spans="14:14">
      <c r="N183763" s="10"/>
    </row>
    <row r="183764" spans="14:14">
      <c r="N183764" s="10"/>
    </row>
    <row r="183765" spans="14:14">
      <c r="N183765" s="10"/>
    </row>
    <row r="183766" spans="14:14">
      <c r="N183766" s="10"/>
    </row>
    <row r="183767" spans="14:14">
      <c r="N183767" s="10"/>
    </row>
    <row r="183768" spans="14:14">
      <c r="N183768" s="10"/>
    </row>
    <row r="183769" spans="14:14">
      <c r="N183769" s="10"/>
    </row>
    <row r="183770" spans="14:14">
      <c r="N183770" s="10"/>
    </row>
    <row r="183771" spans="14:14">
      <c r="N183771" s="10"/>
    </row>
    <row r="183772" spans="14:14">
      <c r="N183772" s="10"/>
    </row>
    <row r="183773" spans="14:14">
      <c r="N183773" s="10"/>
    </row>
    <row r="183774" spans="14:14">
      <c r="N183774" s="10"/>
    </row>
    <row r="183775" spans="14:14">
      <c r="N183775" s="10"/>
    </row>
    <row r="183776" spans="14:14">
      <c r="N183776" s="10"/>
    </row>
    <row r="183777" spans="14:14">
      <c r="N183777" s="10"/>
    </row>
    <row r="183778" spans="14:14">
      <c r="N183778" s="10"/>
    </row>
    <row r="183779" spans="14:14">
      <c r="N183779" s="10"/>
    </row>
    <row r="183780" spans="14:14">
      <c r="N183780" s="10"/>
    </row>
    <row r="183781" spans="14:14">
      <c r="N183781" s="10"/>
    </row>
    <row r="183782" spans="14:14">
      <c r="N183782" s="10"/>
    </row>
    <row r="183783" spans="14:14">
      <c r="N183783" s="10"/>
    </row>
    <row r="183784" spans="14:14">
      <c r="N183784" s="10"/>
    </row>
    <row r="183785" spans="14:14">
      <c r="N183785" s="10"/>
    </row>
    <row r="183786" spans="14:14">
      <c r="N183786" s="10"/>
    </row>
    <row r="183787" spans="14:14">
      <c r="N183787" s="10"/>
    </row>
    <row r="183788" spans="14:14">
      <c r="N183788" s="10"/>
    </row>
    <row r="183789" spans="14:14">
      <c r="N183789" s="10"/>
    </row>
    <row r="183790" spans="14:14">
      <c r="N183790" s="10"/>
    </row>
    <row r="183791" spans="14:14">
      <c r="N183791" s="10"/>
    </row>
    <row r="183792" spans="14:14">
      <c r="N183792" s="10"/>
    </row>
    <row r="183793" spans="14:14">
      <c r="N183793" s="10"/>
    </row>
    <row r="183794" spans="14:14">
      <c r="N183794" s="10"/>
    </row>
    <row r="183795" spans="14:14">
      <c r="N183795" s="10"/>
    </row>
    <row r="183796" spans="14:14">
      <c r="N183796" s="10"/>
    </row>
    <row r="183797" spans="14:14">
      <c r="N183797" s="10"/>
    </row>
    <row r="183798" spans="14:14">
      <c r="N183798" s="10"/>
    </row>
    <row r="183799" spans="14:14">
      <c r="N183799" s="10"/>
    </row>
    <row r="183800" spans="14:14">
      <c r="N183800" s="10"/>
    </row>
    <row r="183801" spans="14:14">
      <c r="N183801" s="10"/>
    </row>
    <row r="183802" spans="14:14">
      <c r="N183802" s="10"/>
    </row>
    <row r="183803" spans="14:14">
      <c r="N183803" s="10"/>
    </row>
    <row r="183804" spans="14:14">
      <c r="N183804" s="10"/>
    </row>
    <row r="183805" spans="14:14">
      <c r="N183805" s="10"/>
    </row>
    <row r="183806" spans="14:14">
      <c r="N183806" s="10"/>
    </row>
    <row r="183807" spans="14:14">
      <c r="N183807" s="10"/>
    </row>
    <row r="183808" spans="14:14">
      <c r="N183808" s="10"/>
    </row>
    <row r="183809" spans="14:14">
      <c r="N183809" s="10"/>
    </row>
    <row r="183810" spans="14:14">
      <c r="N183810" s="10"/>
    </row>
    <row r="183811" spans="14:14">
      <c r="N183811" s="10"/>
    </row>
    <row r="183812" spans="14:14">
      <c r="N183812" s="10"/>
    </row>
    <row r="183813" spans="14:14">
      <c r="N183813" s="10"/>
    </row>
    <row r="183814" spans="14:14">
      <c r="N183814" s="10"/>
    </row>
    <row r="183815" spans="14:14">
      <c r="N183815" s="10"/>
    </row>
    <row r="183816" spans="14:14">
      <c r="N183816" s="10"/>
    </row>
    <row r="183817" spans="14:14">
      <c r="N183817" s="10"/>
    </row>
    <row r="183818" spans="14:14">
      <c r="N183818" s="10"/>
    </row>
    <row r="183819" spans="14:14">
      <c r="N183819" s="10"/>
    </row>
    <row r="183820" spans="14:14">
      <c r="N183820" s="10"/>
    </row>
    <row r="183821" spans="14:14">
      <c r="N183821" s="10"/>
    </row>
    <row r="183822" spans="14:14">
      <c r="N183822" s="10"/>
    </row>
    <row r="183823" spans="14:14">
      <c r="N183823" s="10"/>
    </row>
    <row r="183824" spans="14:14">
      <c r="N183824" s="10"/>
    </row>
    <row r="183825" spans="14:14">
      <c r="N183825" s="10"/>
    </row>
    <row r="183826" spans="14:14">
      <c r="N183826" s="10"/>
    </row>
    <row r="183827" spans="14:14">
      <c r="N183827" s="10"/>
    </row>
    <row r="183828" spans="14:14">
      <c r="N183828" s="10"/>
    </row>
    <row r="183829" spans="14:14">
      <c r="N183829" s="10"/>
    </row>
    <row r="183830" spans="14:14">
      <c r="N183830" s="10"/>
    </row>
    <row r="183831" spans="14:14">
      <c r="N183831" s="10"/>
    </row>
    <row r="183832" spans="14:14">
      <c r="N183832" s="10"/>
    </row>
    <row r="183833" spans="14:14">
      <c r="N183833" s="10"/>
    </row>
    <row r="183834" spans="14:14">
      <c r="N183834" s="10"/>
    </row>
    <row r="183835" spans="14:14">
      <c r="N183835" s="10"/>
    </row>
    <row r="183836" spans="14:14">
      <c r="N183836" s="10"/>
    </row>
    <row r="183837" spans="14:14">
      <c r="N183837" s="10"/>
    </row>
    <row r="183838" spans="14:14">
      <c r="N183838" s="10"/>
    </row>
    <row r="183839" spans="14:14">
      <c r="N183839" s="10"/>
    </row>
    <row r="183840" spans="14:14">
      <c r="N183840" s="10"/>
    </row>
    <row r="183841" spans="14:14">
      <c r="N183841" s="10"/>
    </row>
    <row r="183842" spans="14:14">
      <c r="N183842" s="10"/>
    </row>
    <row r="183843" spans="14:14">
      <c r="N183843" s="10"/>
    </row>
    <row r="183844" spans="14:14">
      <c r="N183844" s="10"/>
    </row>
    <row r="183845" spans="14:14">
      <c r="N183845" s="10"/>
    </row>
    <row r="183846" spans="14:14">
      <c r="N183846" s="10"/>
    </row>
    <row r="183847" spans="14:14">
      <c r="N183847" s="10"/>
    </row>
    <row r="183848" spans="14:14">
      <c r="N183848" s="10"/>
    </row>
    <row r="183849" spans="14:14">
      <c r="N183849" s="10"/>
    </row>
    <row r="183850" spans="14:14">
      <c r="N183850" s="10"/>
    </row>
    <row r="183851" spans="14:14">
      <c r="N183851" s="10"/>
    </row>
    <row r="183852" spans="14:14">
      <c r="N183852" s="10"/>
    </row>
    <row r="183853" spans="14:14">
      <c r="N183853" s="10"/>
    </row>
    <row r="183854" spans="14:14">
      <c r="N183854" s="10"/>
    </row>
    <row r="183855" spans="14:14">
      <c r="N183855" s="10"/>
    </row>
    <row r="183856" spans="14:14">
      <c r="N183856" s="10"/>
    </row>
    <row r="183857" spans="14:14">
      <c r="N183857" s="10"/>
    </row>
    <row r="183858" spans="14:14">
      <c r="N183858" s="10"/>
    </row>
    <row r="183859" spans="14:14">
      <c r="N183859" s="10"/>
    </row>
    <row r="183860" spans="14:14">
      <c r="N183860" s="10"/>
    </row>
    <row r="183861" spans="14:14">
      <c r="N183861" s="10"/>
    </row>
    <row r="183862" spans="14:14">
      <c r="N183862" s="10"/>
    </row>
    <row r="183863" spans="14:14">
      <c r="N183863" s="10"/>
    </row>
    <row r="183864" spans="14:14">
      <c r="N183864" s="10"/>
    </row>
    <row r="183865" spans="14:14">
      <c r="N183865" s="10"/>
    </row>
    <row r="183866" spans="14:14">
      <c r="N183866" s="10"/>
    </row>
    <row r="183867" spans="14:14">
      <c r="N183867" s="10"/>
    </row>
    <row r="183868" spans="14:14">
      <c r="N183868" s="10"/>
    </row>
    <row r="183869" spans="14:14">
      <c r="N183869" s="10"/>
    </row>
    <row r="183870" spans="14:14">
      <c r="N183870" s="10"/>
    </row>
    <row r="183871" spans="14:14">
      <c r="N183871" s="10"/>
    </row>
    <row r="183872" spans="14:14">
      <c r="N183872" s="10"/>
    </row>
    <row r="183873" spans="14:14">
      <c r="N183873" s="10"/>
    </row>
    <row r="183874" spans="14:14">
      <c r="N183874" s="10"/>
    </row>
    <row r="183875" spans="14:14">
      <c r="N183875" s="10"/>
    </row>
    <row r="183876" spans="14:14">
      <c r="N183876" s="10"/>
    </row>
    <row r="183877" spans="14:14">
      <c r="N183877" s="10"/>
    </row>
    <row r="183878" spans="14:14">
      <c r="N183878" s="10"/>
    </row>
    <row r="183879" spans="14:14">
      <c r="N183879" s="10"/>
    </row>
    <row r="183880" spans="14:14">
      <c r="N183880" s="10"/>
    </row>
    <row r="183881" spans="14:14">
      <c r="N183881" s="10"/>
    </row>
    <row r="183882" spans="14:14">
      <c r="N183882" s="10"/>
    </row>
    <row r="183883" spans="14:14">
      <c r="N183883" s="10"/>
    </row>
    <row r="183884" spans="14:14">
      <c r="N183884" s="10"/>
    </row>
    <row r="183885" spans="14:14">
      <c r="N183885" s="10"/>
    </row>
    <row r="183886" spans="14:14">
      <c r="N183886" s="10"/>
    </row>
    <row r="183887" spans="14:14">
      <c r="N183887" s="10"/>
    </row>
    <row r="183888" spans="14:14">
      <c r="N183888" s="10"/>
    </row>
    <row r="183889" spans="14:14">
      <c r="N183889" s="10"/>
    </row>
    <row r="183890" spans="14:14">
      <c r="N183890" s="10"/>
    </row>
    <row r="183891" spans="14:14">
      <c r="N183891" s="10"/>
    </row>
    <row r="183892" spans="14:14">
      <c r="N183892" s="10"/>
    </row>
    <row r="183893" spans="14:14">
      <c r="N183893" s="10"/>
    </row>
    <row r="183894" spans="14:14">
      <c r="N183894" s="10"/>
    </row>
    <row r="183895" spans="14:14">
      <c r="N183895" s="10"/>
    </row>
    <row r="183896" spans="14:14">
      <c r="N183896" s="10"/>
    </row>
    <row r="183897" spans="14:14">
      <c r="N183897" s="10"/>
    </row>
    <row r="183898" spans="14:14">
      <c r="N183898" s="10"/>
    </row>
    <row r="183899" spans="14:14">
      <c r="N183899" s="10"/>
    </row>
    <row r="183900" spans="14:14">
      <c r="N183900" s="10"/>
    </row>
    <row r="183901" spans="14:14">
      <c r="N183901" s="10"/>
    </row>
    <row r="183902" spans="14:14">
      <c r="N183902" s="10"/>
    </row>
    <row r="183903" spans="14:14">
      <c r="N183903" s="10"/>
    </row>
    <row r="183904" spans="14:14">
      <c r="N183904" s="10"/>
    </row>
    <row r="183905" spans="14:14">
      <c r="N183905" s="10"/>
    </row>
    <row r="183906" spans="14:14">
      <c r="N183906" s="10"/>
    </row>
    <row r="183907" spans="14:14">
      <c r="N183907" s="10"/>
    </row>
    <row r="183908" spans="14:14">
      <c r="N183908" s="10"/>
    </row>
    <row r="183909" spans="14:14">
      <c r="N183909" s="10"/>
    </row>
    <row r="183910" spans="14:14">
      <c r="N183910" s="10"/>
    </row>
    <row r="183911" spans="14:14">
      <c r="N183911" s="10"/>
    </row>
    <row r="183912" spans="14:14">
      <c r="N183912" s="10"/>
    </row>
    <row r="183913" spans="14:14">
      <c r="N183913" s="10"/>
    </row>
    <row r="183914" spans="14:14">
      <c r="N183914" s="10"/>
    </row>
    <row r="183915" spans="14:14">
      <c r="N183915" s="10"/>
    </row>
    <row r="183916" spans="14:14">
      <c r="N183916" s="10"/>
    </row>
    <row r="183917" spans="14:14">
      <c r="N183917" s="10"/>
    </row>
    <row r="183918" spans="14:14">
      <c r="N183918" s="10"/>
    </row>
    <row r="183919" spans="14:14">
      <c r="N183919" s="10"/>
    </row>
    <row r="183920" spans="14:14">
      <c r="N183920" s="10"/>
    </row>
    <row r="183921" spans="14:14">
      <c r="N183921" s="10"/>
    </row>
    <row r="183922" spans="14:14">
      <c r="N183922" s="10"/>
    </row>
    <row r="183923" spans="14:14">
      <c r="N183923" s="10"/>
    </row>
    <row r="183924" spans="14:14">
      <c r="N183924" s="10"/>
    </row>
    <row r="183925" spans="14:14">
      <c r="N183925" s="10"/>
    </row>
    <row r="183926" spans="14:14">
      <c r="N183926" s="10"/>
    </row>
    <row r="183927" spans="14:14">
      <c r="N183927" s="10"/>
    </row>
    <row r="183928" spans="14:14">
      <c r="N183928" s="10"/>
    </row>
    <row r="183929" spans="14:14">
      <c r="N183929" s="10"/>
    </row>
    <row r="183930" spans="14:14">
      <c r="N183930" s="10"/>
    </row>
    <row r="183931" spans="14:14">
      <c r="N183931" s="10"/>
    </row>
    <row r="183932" spans="14:14">
      <c r="N183932" s="10"/>
    </row>
    <row r="183933" spans="14:14">
      <c r="N183933" s="10"/>
    </row>
    <row r="183934" spans="14:14">
      <c r="N183934" s="10"/>
    </row>
    <row r="183935" spans="14:14">
      <c r="N183935" s="10"/>
    </row>
    <row r="183936" spans="14:14">
      <c r="N183936" s="10"/>
    </row>
    <row r="183937" spans="14:14">
      <c r="N183937" s="10"/>
    </row>
    <row r="183938" spans="14:14">
      <c r="N183938" s="10"/>
    </row>
    <row r="183939" spans="14:14">
      <c r="N183939" s="10"/>
    </row>
    <row r="183940" spans="14:14">
      <c r="N183940" s="10"/>
    </row>
    <row r="183941" spans="14:14">
      <c r="N183941" s="10"/>
    </row>
    <row r="183942" spans="14:14">
      <c r="N183942" s="10"/>
    </row>
    <row r="183943" spans="14:14">
      <c r="N183943" s="10"/>
    </row>
    <row r="183944" spans="14:14">
      <c r="N183944" s="10"/>
    </row>
    <row r="183945" spans="14:14">
      <c r="N183945" s="10"/>
    </row>
    <row r="183946" spans="14:14">
      <c r="N183946" s="10"/>
    </row>
    <row r="183947" spans="14:14">
      <c r="N183947" s="10"/>
    </row>
    <row r="183948" spans="14:14">
      <c r="N183948" s="10"/>
    </row>
    <row r="183949" spans="14:14">
      <c r="N183949" s="10"/>
    </row>
    <row r="183950" spans="14:14">
      <c r="N183950" s="10"/>
    </row>
    <row r="183951" spans="14:14">
      <c r="N183951" s="10"/>
    </row>
    <row r="183952" spans="14:14">
      <c r="N183952" s="10"/>
    </row>
    <row r="183953" spans="14:14">
      <c r="N183953" s="10"/>
    </row>
    <row r="183954" spans="14:14">
      <c r="N183954" s="10"/>
    </row>
    <row r="183955" spans="14:14">
      <c r="N183955" s="10"/>
    </row>
    <row r="183956" spans="14:14">
      <c r="N183956" s="10"/>
    </row>
    <row r="183957" spans="14:14">
      <c r="N183957" s="10"/>
    </row>
    <row r="183958" spans="14:14">
      <c r="N183958" s="10"/>
    </row>
    <row r="183959" spans="14:14">
      <c r="N183959" s="10"/>
    </row>
    <row r="183960" spans="14:14">
      <c r="N183960" s="10"/>
    </row>
    <row r="183961" spans="14:14">
      <c r="N183961" s="10"/>
    </row>
    <row r="183962" spans="14:14">
      <c r="N183962" s="10"/>
    </row>
    <row r="183963" spans="14:14">
      <c r="N183963" s="10"/>
    </row>
    <row r="183964" spans="14:14">
      <c r="N183964" s="10"/>
    </row>
    <row r="183965" spans="14:14">
      <c r="N183965" s="10"/>
    </row>
    <row r="183966" spans="14:14">
      <c r="N183966" s="10"/>
    </row>
    <row r="183967" spans="14:14">
      <c r="N183967" s="10"/>
    </row>
    <row r="183968" spans="14:14">
      <c r="N183968" s="10"/>
    </row>
    <row r="183969" spans="14:14">
      <c r="N183969" s="10"/>
    </row>
    <row r="183970" spans="14:14">
      <c r="N183970" s="10"/>
    </row>
    <row r="183971" spans="14:14">
      <c r="N183971" s="10"/>
    </row>
    <row r="183972" spans="14:14">
      <c r="N183972" s="10"/>
    </row>
    <row r="183973" spans="14:14">
      <c r="N183973" s="10"/>
    </row>
    <row r="183974" spans="14:14">
      <c r="N183974" s="10"/>
    </row>
    <row r="183975" spans="14:14">
      <c r="N183975" s="10"/>
    </row>
    <row r="183976" spans="14:14">
      <c r="N183976" s="10"/>
    </row>
    <row r="183977" spans="14:14">
      <c r="N183977" s="10"/>
    </row>
    <row r="183978" spans="14:14">
      <c r="N183978" s="10"/>
    </row>
    <row r="183979" spans="14:14">
      <c r="N183979" s="10"/>
    </row>
    <row r="183980" spans="14:14">
      <c r="N183980" s="10"/>
    </row>
    <row r="183981" spans="14:14">
      <c r="N183981" s="10"/>
    </row>
    <row r="183982" spans="14:14">
      <c r="N183982" s="10"/>
    </row>
    <row r="183983" spans="14:14">
      <c r="N183983" s="10"/>
    </row>
    <row r="183984" spans="14:14">
      <c r="N183984" s="10"/>
    </row>
    <row r="183985" spans="14:14">
      <c r="N183985" s="10"/>
    </row>
    <row r="183986" spans="14:14">
      <c r="N183986" s="10"/>
    </row>
    <row r="183987" spans="14:14">
      <c r="N183987" s="10"/>
    </row>
    <row r="183988" spans="14:14">
      <c r="N183988" s="10"/>
    </row>
    <row r="183989" spans="14:14">
      <c r="N183989" s="10"/>
    </row>
    <row r="183990" spans="14:14">
      <c r="N183990" s="10"/>
    </row>
    <row r="183991" spans="14:14">
      <c r="N183991" s="10"/>
    </row>
    <row r="183992" spans="14:14">
      <c r="N183992" s="10"/>
    </row>
    <row r="183993" spans="14:14">
      <c r="N183993" s="10"/>
    </row>
    <row r="183994" spans="14:14">
      <c r="N183994" s="10"/>
    </row>
    <row r="183995" spans="14:14">
      <c r="N183995" s="10"/>
    </row>
    <row r="183996" spans="14:14">
      <c r="N183996" s="10"/>
    </row>
    <row r="183997" spans="14:14">
      <c r="N183997" s="10"/>
    </row>
    <row r="183998" spans="14:14">
      <c r="N183998" s="10"/>
    </row>
    <row r="183999" spans="14:14">
      <c r="N183999" s="10"/>
    </row>
    <row r="184000" spans="14:14">
      <c r="N184000" s="10"/>
    </row>
    <row r="184001" spans="14:14">
      <c r="N184001" s="10"/>
    </row>
    <row r="184002" spans="14:14">
      <c r="N184002" s="10"/>
    </row>
    <row r="184003" spans="14:14">
      <c r="N184003" s="10"/>
    </row>
    <row r="184004" spans="14:14">
      <c r="N184004" s="10"/>
    </row>
    <row r="184005" spans="14:14">
      <c r="N184005" s="10"/>
    </row>
    <row r="184006" spans="14:14">
      <c r="N184006" s="10"/>
    </row>
    <row r="184007" spans="14:14">
      <c r="N184007" s="10"/>
    </row>
    <row r="184008" spans="14:14">
      <c r="N184008" s="10"/>
    </row>
    <row r="184009" spans="14:14">
      <c r="N184009" s="10"/>
    </row>
    <row r="184010" spans="14:14">
      <c r="N184010" s="10"/>
    </row>
    <row r="184011" spans="14:14">
      <c r="N184011" s="10"/>
    </row>
    <row r="184012" spans="14:14">
      <c r="N184012" s="10"/>
    </row>
    <row r="184013" spans="14:14">
      <c r="N184013" s="10"/>
    </row>
    <row r="184014" spans="14:14">
      <c r="N184014" s="10"/>
    </row>
    <row r="184015" spans="14:14">
      <c r="N184015" s="10"/>
    </row>
    <row r="184016" spans="14:14">
      <c r="N184016" s="10"/>
    </row>
    <row r="184017" spans="14:14">
      <c r="N184017" s="10"/>
    </row>
    <row r="184018" spans="14:14">
      <c r="N184018" s="10"/>
    </row>
    <row r="184019" spans="14:14">
      <c r="N184019" s="10"/>
    </row>
    <row r="184020" spans="14:14">
      <c r="N184020" s="10"/>
    </row>
    <row r="184021" spans="14:14">
      <c r="N184021" s="10"/>
    </row>
    <row r="184022" spans="14:14">
      <c r="N184022" s="10"/>
    </row>
    <row r="184023" spans="14:14">
      <c r="N184023" s="10"/>
    </row>
    <row r="184024" spans="14:14">
      <c r="N184024" s="10"/>
    </row>
    <row r="184025" spans="14:14">
      <c r="N184025" s="10"/>
    </row>
    <row r="184026" spans="14:14">
      <c r="N184026" s="10"/>
    </row>
    <row r="184027" spans="14:14">
      <c r="N184027" s="10"/>
    </row>
    <row r="184028" spans="14:14">
      <c r="N184028" s="10"/>
    </row>
    <row r="184029" spans="14:14">
      <c r="N184029" s="10"/>
    </row>
    <row r="184030" spans="14:14">
      <c r="N184030" s="10"/>
    </row>
    <row r="184031" spans="14:14">
      <c r="N184031" s="10"/>
    </row>
    <row r="184032" spans="14:14">
      <c r="N184032" s="10"/>
    </row>
    <row r="184033" spans="14:14">
      <c r="N184033" s="10"/>
    </row>
    <row r="184034" spans="14:14">
      <c r="N184034" s="10"/>
    </row>
    <row r="184035" spans="14:14">
      <c r="N184035" s="10"/>
    </row>
    <row r="184036" spans="14:14">
      <c r="N184036" s="10"/>
    </row>
    <row r="184037" spans="14:14">
      <c r="N184037" s="10"/>
    </row>
    <row r="184038" spans="14:14">
      <c r="N184038" s="10"/>
    </row>
    <row r="184039" spans="14:14">
      <c r="N184039" s="10"/>
    </row>
    <row r="184040" spans="14:14">
      <c r="N184040" s="10"/>
    </row>
    <row r="184041" spans="14:14">
      <c r="N184041" s="10"/>
    </row>
    <row r="184042" spans="14:14">
      <c r="N184042" s="10"/>
    </row>
    <row r="184043" spans="14:14">
      <c r="N184043" s="10"/>
    </row>
    <row r="184044" spans="14:14">
      <c r="N184044" s="10"/>
    </row>
    <row r="184045" spans="14:14">
      <c r="N184045" s="10"/>
    </row>
    <row r="184046" spans="14:14">
      <c r="N184046" s="10"/>
    </row>
    <row r="184047" spans="14:14">
      <c r="N184047" s="10"/>
    </row>
    <row r="184048" spans="14:14">
      <c r="N184048" s="10"/>
    </row>
    <row r="184049" spans="14:14">
      <c r="N184049" s="10"/>
    </row>
    <row r="184050" spans="14:14">
      <c r="N184050" s="10"/>
    </row>
    <row r="184051" spans="14:14">
      <c r="N184051" s="10"/>
    </row>
    <row r="184052" spans="14:14">
      <c r="N184052" s="10"/>
    </row>
    <row r="184053" spans="14:14">
      <c r="N184053" s="10"/>
    </row>
    <row r="184054" spans="14:14">
      <c r="N184054" s="10"/>
    </row>
    <row r="184055" spans="14:14">
      <c r="N184055" s="10"/>
    </row>
    <row r="184056" spans="14:14">
      <c r="N184056" s="10"/>
    </row>
    <row r="184057" spans="14:14">
      <c r="N184057" s="10"/>
    </row>
    <row r="184058" spans="14:14">
      <c r="N184058" s="10"/>
    </row>
    <row r="184059" spans="14:14">
      <c r="N184059" s="10"/>
    </row>
    <row r="184060" spans="14:14">
      <c r="N184060" s="10"/>
    </row>
    <row r="184061" spans="14:14">
      <c r="N184061" s="10"/>
    </row>
    <row r="184062" spans="14:14">
      <c r="N184062" s="10"/>
    </row>
    <row r="184063" spans="14:14">
      <c r="N184063" s="10"/>
    </row>
    <row r="184064" spans="14:14">
      <c r="N184064" s="10"/>
    </row>
    <row r="184065" spans="14:14">
      <c r="N184065" s="10"/>
    </row>
    <row r="184066" spans="14:14">
      <c r="N184066" s="10"/>
    </row>
    <row r="184067" spans="14:14">
      <c r="N184067" s="10"/>
    </row>
    <row r="184068" spans="14:14">
      <c r="N184068" s="10"/>
    </row>
    <row r="184069" spans="14:14">
      <c r="N184069" s="10"/>
    </row>
    <row r="184070" spans="14:14">
      <c r="N184070" s="10"/>
    </row>
    <row r="184071" spans="14:14">
      <c r="N184071" s="10"/>
    </row>
    <row r="184072" spans="14:14">
      <c r="N184072" s="10"/>
    </row>
    <row r="184073" spans="14:14">
      <c r="N184073" s="10"/>
    </row>
    <row r="184074" spans="14:14">
      <c r="N184074" s="10"/>
    </row>
    <row r="184075" spans="14:14">
      <c r="N184075" s="10"/>
    </row>
    <row r="184076" spans="14:14">
      <c r="N184076" s="10"/>
    </row>
    <row r="184077" spans="14:14">
      <c r="N184077" s="10"/>
    </row>
    <row r="184078" spans="14:14">
      <c r="N184078" s="10"/>
    </row>
    <row r="184079" spans="14:14">
      <c r="N184079" s="10"/>
    </row>
    <row r="184080" spans="14:14">
      <c r="N184080" s="10"/>
    </row>
    <row r="184081" spans="14:14">
      <c r="N184081" s="10"/>
    </row>
    <row r="184082" spans="14:14">
      <c r="N184082" s="10"/>
    </row>
    <row r="184083" spans="14:14">
      <c r="N184083" s="10"/>
    </row>
    <row r="184084" spans="14:14">
      <c r="N184084" s="10"/>
    </row>
    <row r="184085" spans="14:14">
      <c r="N184085" s="10"/>
    </row>
    <row r="184086" spans="14:14">
      <c r="N184086" s="10"/>
    </row>
    <row r="184087" spans="14:14">
      <c r="N184087" s="10"/>
    </row>
    <row r="184088" spans="14:14">
      <c r="N184088" s="10"/>
    </row>
    <row r="184089" spans="14:14">
      <c r="N184089" s="10"/>
    </row>
    <row r="184090" spans="14:14">
      <c r="N184090" s="10"/>
    </row>
    <row r="184091" spans="14:14">
      <c r="N184091" s="10"/>
    </row>
    <row r="184092" spans="14:14">
      <c r="N184092" s="10"/>
    </row>
    <row r="184093" spans="14:14">
      <c r="N184093" s="10"/>
    </row>
    <row r="184094" spans="14:14">
      <c r="N184094" s="10"/>
    </row>
    <row r="184095" spans="14:14">
      <c r="N184095" s="10"/>
    </row>
    <row r="184096" spans="14:14">
      <c r="N184096" s="10"/>
    </row>
    <row r="184097" spans="14:14">
      <c r="N184097" s="10"/>
    </row>
    <row r="184098" spans="14:14">
      <c r="N184098" s="10"/>
    </row>
    <row r="184099" spans="14:14">
      <c r="N184099" s="10"/>
    </row>
    <row r="184100" spans="14:14">
      <c r="N184100" s="10"/>
    </row>
    <row r="184101" spans="14:14">
      <c r="N184101" s="10"/>
    </row>
    <row r="184102" spans="14:14">
      <c r="N184102" s="10"/>
    </row>
    <row r="184103" spans="14:14">
      <c r="N184103" s="10"/>
    </row>
    <row r="184104" spans="14:14">
      <c r="N184104" s="10"/>
    </row>
    <row r="184105" spans="14:14">
      <c r="N184105" s="10"/>
    </row>
    <row r="184106" spans="14:14">
      <c r="N184106" s="10"/>
    </row>
    <row r="184107" spans="14:14">
      <c r="N184107" s="10"/>
    </row>
    <row r="184108" spans="14:14">
      <c r="N184108" s="10"/>
    </row>
    <row r="184109" spans="14:14">
      <c r="N184109" s="10"/>
    </row>
    <row r="184110" spans="14:14">
      <c r="N184110" s="10"/>
    </row>
    <row r="184111" spans="14:14">
      <c r="N184111" s="10"/>
    </row>
    <row r="184112" spans="14:14">
      <c r="N184112" s="10"/>
    </row>
    <row r="184113" spans="14:14">
      <c r="N184113" s="10"/>
    </row>
    <row r="184114" spans="14:14">
      <c r="N184114" s="10"/>
    </row>
    <row r="184115" spans="14:14">
      <c r="N184115" s="10"/>
    </row>
    <row r="184116" spans="14:14">
      <c r="N184116" s="10"/>
    </row>
    <row r="184117" spans="14:14">
      <c r="N184117" s="10"/>
    </row>
    <row r="184118" spans="14:14">
      <c r="N184118" s="10"/>
    </row>
    <row r="184119" spans="14:14">
      <c r="N184119" s="10"/>
    </row>
    <row r="184120" spans="14:14">
      <c r="N184120" s="10"/>
    </row>
    <row r="184121" spans="14:14">
      <c r="N184121" s="10"/>
    </row>
    <row r="184122" spans="14:14">
      <c r="N184122" s="10"/>
    </row>
    <row r="184123" spans="14:14">
      <c r="N184123" s="10"/>
    </row>
    <row r="184124" spans="14:14">
      <c r="N184124" s="10"/>
    </row>
    <row r="184125" spans="14:14">
      <c r="N184125" s="10"/>
    </row>
    <row r="184126" spans="14:14">
      <c r="N184126" s="10"/>
    </row>
    <row r="184127" spans="14:14">
      <c r="N184127" s="10"/>
    </row>
    <row r="184128" spans="14:14">
      <c r="N184128" s="10"/>
    </row>
    <row r="184129" spans="14:14">
      <c r="N184129" s="10"/>
    </row>
    <row r="184130" spans="14:14">
      <c r="N184130" s="10"/>
    </row>
    <row r="184131" spans="14:14">
      <c r="N184131" s="10"/>
    </row>
    <row r="184132" spans="14:14">
      <c r="N184132" s="10"/>
    </row>
    <row r="184133" spans="14:14">
      <c r="N184133" s="10"/>
    </row>
    <row r="184134" spans="14:14">
      <c r="N184134" s="10"/>
    </row>
    <row r="184135" spans="14:14">
      <c r="N184135" s="10"/>
    </row>
    <row r="184136" spans="14:14">
      <c r="N184136" s="10"/>
    </row>
    <row r="184137" spans="14:14">
      <c r="N184137" s="10"/>
    </row>
    <row r="184138" spans="14:14">
      <c r="N184138" s="10"/>
    </row>
    <row r="184139" spans="14:14">
      <c r="N184139" s="10"/>
    </row>
    <row r="184140" spans="14:14">
      <c r="N184140" s="10"/>
    </row>
    <row r="184141" spans="14:14">
      <c r="N184141" s="10"/>
    </row>
    <row r="184142" spans="14:14">
      <c r="N184142" s="10"/>
    </row>
    <row r="184143" spans="14:14">
      <c r="N184143" s="10"/>
    </row>
    <row r="184144" spans="14:14">
      <c r="N184144" s="10"/>
    </row>
    <row r="184145" spans="14:14">
      <c r="N184145" s="10"/>
    </row>
    <row r="184146" spans="14:14">
      <c r="N184146" s="10"/>
    </row>
    <row r="184147" spans="14:14">
      <c r="N184147" s="10"/>
    </row>
    <row r="184148" spans="14:14">
      <c r="N184148" s="10"/>
    </row>
    <row r="184149" spans="14:14">
      <c r="N184149" s="10"/>
    </row>
    <row r="184150" spans="14:14">
      <c r="N184150" s="10"/>
    </row>
    <row r="184151" spans="14:14">
      <c r="N184151" s="10"/>
    </row>
    <row r="184152" spans="14:14">
      <c r="N184152" s="10"/>
    </row>
    <row r="184153" spans="14:14">
      <c r="N184153" s="10"/>
    </row>
    <row r="184154" spans="14:14">
      <c r="N184154" s="10"/>
    </row>
    <row r="184155" spans="14:14">
      <c r="N184155" s="10"/>
    </row>
    <row r="184156" spans="14:14">
      <c r="N184156" s="10"/>
    </row>
    <row r="184157" spans="14:14">
      <c r="N184157" s="10"/>
    </row>
    <row r="184158" spans="14:14">
      <c r="N184158" s="10"/>
    </row>
    <row r="184159" spans="14:14">
      <c r="N184159" s="10"/>
    </row>
    <row r="184160" spans="14:14">
      <c r="N184160" s="10"/>
    </row>
    <row r="184161" spans="14:14">
      <c r="N184161" s="10"/>
    </row>
    <row r="184162" spans="14:14">
      <c r="N184162" s="10"/>
    </row>
    <row r="184163" spans="14:14">
      <c r="N184163" s="10"/>
    </row>
    <row r="184164" spans="14:14">
      <c r="N184164" s="10"/>
    </row>
    <row r="184165" spans="14:14">
      <c r="N184165" s="10"/>
    </row>
    <row r="184166" spans="14:14">
      <c r="N184166" s="10"/>
    </row>
    <row r="184167" spans="14:14">
      <c r="N184167" s="10"/>
    </row>
    <row r="184168" spans="14:14">
      <c r="N184168" s="10"/>
    </row>
    <row r="184169" spans="14:14">
      <c r="N184169" s="10"/>
    </row>
    <row r="184170" spans="14:14">
      <c r="N184170" s="10"/>
    </row>
    <row r="184171" spans="14:14">
      <c r="N184171" s="10"/>
    </row>
    <row r="184172" spans="14:14">
      <c r="N184172" s="10"/>
    </row>
    <row r="184173" spans="14:14">
      <c r="N184173" s="10"/>
    </row>
    <row r="184174" spans="14:14">
      <c r="N184174" s="10"/>
    </row>
    <row r="184175" spans="14:14">
      <c r="N184175" s="10"/>
    </row>
    <row r="184176" spans="14:14">
      <c r="N184176" s="10"/>
    </row>
    <row r="184177" spans="14:14">
      <c r="N184177" s="10"/>
    </row>
    <row r="184178" spans="14:14">
      <c r="N184178" s="10"/>
    </row>
    <row r="184179" spans="14:14">
      <c r="N184179" s="10"/>
    </row>
    <row r="184180" spans="14:14">
      <c r="N184180" s="10"/>
    </row>
    <row r="184181" spans="14:14">
      <c r="N184181" s="10"/>
    </row>
    <row r="184182" spans="14:14">
      <c r="N184182" s="10"/>
    </row>
    <row r="184183" spans="14:14">
      <c r="N184183" s="10"/>
    </row>
    <row r="184184" spans="14:14">
      <c r="N184184" s="10"/>
    </row>
    <row r="184185" spans="14:14">
      <c r="N184185" s="10"/>
    </row>
    <row r="184186" spans="14:14">
      <c r="N184186" s="10"/>
    </row>
    <row r="184187" spans="14:14">
      <c r="N184187" s="10"/>
    </row>
    <row r="184188" spans="14:14">
      <c r="N184188" s="10"/>
    </row>
    <row r="184189" spans="14:14">
      <c r="N184189" s="10"/>
    </row>
    <row r="184190" spans="14:14">
      <c r="N184190" s="10"/>
    </row>
    <row r="184191" spans="14:14">
      <c r="N184191" s="10"/>
    </row>
    <row r="184192" spans="14:14">
      <c r="N184192" s="10"/>
    </row>
    <row r="184193" spans="14:14">
      <c r="N184193" s="10"/>
    </row>
    <row r="184194" spans="14:14">
      <c r="N184194" s="10"/>
    </row>
    <row r="184195" spans="14:14">
      <c r="N184195" s="10"/>
    </row>
    <row r="184196" spans="14:14">
      <c r="N184196" s="10"/>
    </row>
    <row r="184197" spans="14:14">
      <c r="N184197" s="10"/>
    </row>
    <row r="184198" spans="14:14">
      <c r="N184198" s="10"/>
    </row>
    <row r="184199" spans="14:14">
      <c r="N184199" s="10"/>
    </row>
    <row r="184200" spans="14:14">
      <c r="N184200" s="10"/>
    </row>
    <row r="184201" spans="14:14">
      <c r="N184201" s="10"/>
    </row>
    <row r="184202" spans="14:14">
      <c r="N184202" s="10"/>
    </row>
    <row r="184203" spans="14:14">
      <c r="N184203" s="10"/>
    </row>
    <row r="184204" spans="14:14">
      <c r="N184204" s="10"/>
    </row>
    <row r="184205" spans="14:14">
      <c r="N184205" s="10"/>
    </row>
    <row r="184206" spans="14:14">
      <c r="N184206" s="10"/>
    </row>
    <row r="184207" spans="14:14">
      <c r="N184207" s="10"/>
    </row>
    <row r="184208" spans="14:14">
      <c r="N184208" s="10"/>
    </row>
    <row r="184209" spans="14:14">
      <c r="N184209" s="10"/>
    </row>
    <row r="184210" spans="14:14">
      <c r="N184210" s="10"/>
    </row>
    <row r="184211" spans="14:14">
      <c r="N184211" s="10"/>
    </row>
    <row r="184212" spans="14:14">
      <c r="N184212" s="10"/>
    </row>
    <row r="184213" spans="14:14">
      <c r="N184213" s="10"/>
    </row>
    <row r="184214" spans="14:14">
      <c r="N184214" s="10"/>
    </row>
    <row r="184215" spans="14:14">
      <c r="N184215" s="10"/>
    </row>
    <row r="184216" spans="14:14">
      <c r="N184216" s="10"/>
    </row>
    <row r="184217" spans="14:14">
      <c r="N184217" s="10"/>
    </row>
    <row r="184218" spans="14:14">
      <c r="N184218" s="10"/>
    </row>
    <row r="184219" spans="14:14">
      <c r="N184219" s="10"/>
    </row>
    <row r="184220" spans="14:14">
      <c r="N184220" s="10"/>
    </row>
    <row r="184221" spans="14:14">
      <c r="N184221" s="10"/>
    </row>
    <row r="184222" spans="14:14">
      <c r="N184222" s="10"/>
    </row>
    <row r="184223" spans="14:14">
      <c r="N184223" s="10"/>
    </row>
    <row r="184224" spans="14:14">
      <c r="N184224" s="10"/>
    </row>
    <row r="184225" spans="14:14">
      <c r="N184225" s="10"/>
    </row>
    <row r="184226" spans="14:14">
      <c r="N184226" s="10"/>
    </row>
    <row r="184227" spans="14:14">
      <c r="N184227" s="10"/>
    </row>
    <row r="184228" spans="14:14">
      <c r="N184228" s="10"/>
    </row>
    <row r="184229" spans="14:14">
      <c r="N184229" s="10"/>
    </row>
    <row r="184230" spans="14:14">
      <c r="N184230" s="10"/>
    </row>
    <row r="184231" spans="14:14">
      <c r="N184231" s="10"/>
    </row>
    <row r="184232" spans="14:14">
      <c r="N184232" s="10"/>
    </row>
    <row r="184233" spans="14:14">
      <c r="N184233" s="10"/>
    </row>
    <row r="184234" spans="14:14">
      <c r="N184234" s="10"/>
    </row>
    <row r="184235" spans="14:14">
      <c r="N184235" s="10"/>
    </row>
    <row r="184236" spans="14:14">
      <c r="N184236" s="10"/>
    </row>
    <row r="184237" spans="14:14">
      <c r="N184237" s="10"/>
    </row>
    <row r="184238" spans="14:14">
      <c r="N184238" s="10"/>
    </row>
    <row r="184239" spans="14:14">
      <c r="N184239" s="10"/>
    </row>
    <row r="184240" spans="14:14">
      <c r="N184240" s="10"/>
    </row>
    <row r="184241" spans="14:14">
      <c r="N184241" s="10"/>
    </row>
    <row r="184242" spans="14:14">
      <c r="N184242" s="10"/>
    </row>
    <row r="184243" spans="14:14">
      <c r="N184243" s="10"/>
    </row>
    <row r="184244" spans="14:14">
      <c r="N184244" s="10"/>
    </row>
    <row r="184245" spans="14:14">
      <c r="N184245" s="10"/>
    </row>
    <row r="184246" spans="14:14">
      <c r="N184246" s="10"/>
    </row>
    <row r="184247" spans="14:14">
      <c r="N184247" s="10"/>
    </row>
    <row r="184248" spans="14:14">
      <c r="N184248" s="10"/>
    </row>
    <row r="184249" spans="14:14">
      <c r="N184249" s="10"/>
    </row>
    <row r="184250" spans="14:14">
      <c r="N184250" s="10"/>
    </row>
    <row r="184251" spans="14:14">
      <c r="N184251" s="10"/>
    </row>
    <row r="184252" spans="14:14">
      <c r="N184252" s="10"/>
    </row>
    <row r="184253" spans="14:14">
      <c r="N184253" s="10"/>
    </row>
    <row r="184254" spans="14:14">
      <c r="N184254" s="10"/>
    </row>
    <row r="184255" spans="14:14">
      <c r="N184255" s="10"/>
    </row>
    <row r="184256" spans="14:14">
      <c r="N184256" s="10"/>
    </row>
    <row r="184257" spans="14:14">
      <c r="N184257" s="10"/>
    </row>
    <row r="184258" spans="14:14">
      <c r="N184258" s="10"/>
    </row>
    <row r="184259" spans="14:14">
      <c r="N184259" s="10"/>
    </row>
    <row r="184260" spans="14:14">
      <c r="N184260" s="10"/>
    </row>
    <row r="184261" spans="14:14">
      <c r="N184261" s="10"/>
    </row>
    <row r="184262" spans="14:14">
      <c r="N184262" s="10"/>
    </row>
    <row r="184263" spans="14:14">
      <c r="N184263" s="10"/>
    </row>
    <row r="184264" spans="14:14">
      <c r="N184264" s="10"/>
    </row>
    <row r="184265" spans="14:14">
      <c r="N184265" s="10"/>
    </row>
    <row r="184266" spans="14:14">
      <c r="N184266" s="10"/>
    </row>
    <row r="184267" spans="14:14">
      <c r="N184267" s="10"/>
    </row>
    <row r="184268" spans="14:14">
      <c r="N184268" s="10"/>
    </row>
    <row r="184269" spans="14:14">
      <c r="N184269" s="10"/>
    </row>
    <row r="184270" spans="14:14">
      <c r="N184270" s="10"/>
    </row>
    <row r="184271" spans="14:14">
      <c r="N184271" s="10"/>
    </row>
    <row r="184272" spans="14:14">
      <c r="N184272" s="10"/>
    </row>
    <row r="184273" spans="14:14">
      <c r="N184273" s="10"/>
    </row>
    <row r="184274" spans="14:14">
      <c r="N184274" s="10"/>
    </row>
    <row r="184275" spans="14:14">
      <c r="N184275" s="10"/>
    </row>
    <row r="184276" spans="14:14">
      <c r="N184276" s="10"/>
    </row>
    <row r="184277" spans="14:14">
      <c r="N184277" s="10"/>
    </row>
    <row r="184278" spans="14:14">
      <c r="N184278" s="10"/>
    </row>
    <row r="184279" spans="14:14">
      <c r="N184279" s="10"/>
    </row>
    <row r="184280" spans="14:14">
      <c r="N184280" s="10"/>
    </row>
    <row r="184281" spans="14:14">
      <c r="N184281" s="10"/>
    </row>
    <row r="184282" spans="14:14">
      <c r="N184282" s="10"/>
    </row>
    <row r="184283" spans="14:14">
      <c r="N184283" s="10"/>
    </row>
    <row r="184284" spans="14:14">
      <c r="N184284" s="10"/>
    </row>
    <row r="184285" spans="14:14">
      <c r="N184285" s="10"/>
    </row>
    <row r="184286" spans="14:14">
      <c r="N184286" s="10"/>
    </row>
    <row r="184287" spans="14:14">
      <c r="N184287" s="10"/>
    </row>
    <row r="184288" spans="14:14">
      <c r="N184288" s="10"/>
    </row>
    <row r="184289" spans="14:14">
      <c r="N184289" s="10"/>
    </row>
    <row r="184290" spans="14:14">
      <c r="N184290" s="10"/>
    </row>
    <row r="184291" spans="14:14">
      <c r="N184291" s="10"/>
    </row>
    <row r="184292" spans="14:14">
      <c r="N184292" s="10"/>
    </row>
    <row r="184293" spans="14:14">
      <c r="N184293" s="10"/>
    </row>
    <row r="184294" spans="14:14">
      <c r="N184294" s="10"/>
    </row>
    <row r="184295" spans="14:14">
      <c r="N184295" s="10"/>
    </row>
    <row r="184296" spans="14:14">
      <c r="N184296" s="10"/>
    </row>
    <row r="184297" spans="14:14">
      <c r="N184297" s="10"/>
    </row>
    <row r="184298" spans="14:14">
      <c r="N184298" s="10"/>
    </row>
    <row r="184299" spans="14:14">
      <c r="N184299" s="10"/>
    </row>
    <row r="184300" spans="14:14">
      <c r="N184300" s="10"/>
    </row>
    <row r="184301" spans="14:14">
      <c r="N184301" s="10"/>
    </row>
    <row r="184302" spans="14:14">
      <c r="N184302" s="10"/>
    </row>
    <row r="184303" spans="14:14">
      <c r="N184303" s="10"/>
    </row>
    <row r="184304" spans="14:14">
      <c r="N184304" s="10"/>
    </row>
    <row r="184305" spans="14:14">
      <c r="N184305" s="10"/>
    </row>
    <row r="184306" spans="14:14">
      <c r="N184306" s="10"/>
    </row>
    <row r="184307" spans="14:14">
      <c r="N184307" s="10"/>
    </row>
    <row r="184308" spans="14:14">
      <c r="N184308" s="10"/>
    </row>
    <row r="184309" spans="14:14">
      <c r="N184309" s="10"/>
    </row>
    <row r="184310" spans="14:14">
      <c r="N184310" s="10"/>
    </row>
    <row r="184311" spans="14:14">
      <c r="N184311" s="10"/>
    </row>
    <row r="184312" spans="14:14">
      <c r="N184312" s="10"/>
    </row>
    <row r="184313" spans="14:14">
      <c r="N184313" s="10"/>
    </row>
    <row r="184314" spans="14:14">
      <c r="N184314" s="10"/>
    </row>
    <row r="184315" spans="14:14">
      <c r="N184315" s="10"/>
    </row>
    <row r="184316" spans="14:14">
      <c r="N184316" s="10"/>
    </row>
    <row r="184317" spans="14:14">
      <c r="N184317" s="10"/>
    </row>
    <row r="184318" spans="14:14">
      <c r="N184318" s="10"/>
    </row>
    <row r="184319" spans="14:14">
      <c r="N184319" s="10"/>
    </row>
    <row r="184320" spans="14:14">
      <c r="N184320" s="10"/>
    </row>
    <row r="184321" spans="14:14">
      <c r="N184321" s="10"/>
    </row>
    <row r="184322" spans="14:14">
      <c r="N184322" s="10"/>
    </row>
    <row r="184323" spans="14:14">
      <c r="N184323" s="10"/>
    </row>
    <row r="184324" spans="14:14">
      <c r="N184324" s="10"/>
    </row>
    <row r="184325" spans="14:14">
      <c r="N184325" s="10"/>
    </row>
    <row r="184326" spans="14:14">
      <c r="N184326" s="10"/>
    </row>
    <row r="184327" spans="14:14">
      <c r="N184327" s="10"/>
    </row>
    <row r="184328" spans="14:14">
      <c r="N184328" s="10"/>
    </row>
    <row r="184329" spans="14:14">
      <c r="N184329" s="10"/>
    </row>
    <row r="184330" spans="14:14">
      <c r="N184330" s="10"/>
    </row>
    <row r="184331" spans="14:14">
      <c r="N184331" s="10"/>
    </row>
    <row r="184332" spans="14:14">
      <c r="N184332" s="10"/>
    </row>
    <row r="184333" spans="14:14">
      <c r="N184333" s="10"/>
    </row>
    <row r="184334" spans="14:14">
      <c r="N184334" s="10"/>
    </row>
    <row r="184335" spans="14:14">
      <c r="N184335" s="10"/>
    </row>
    <row r="184336" spans="14:14">
      <c r="N184336" s="10"/>
    </row>
    <row r="184337" spans="14:14">
      <c r="N184337" s="10"/>
    </row>
    <row r="184338" spans="14:14">
      <c r="N184338" s="10"/>
    </row>
    <row r="184339" spans="14:14">
      <c r="N184339" s="10"/>
    </row>
    <row r="184340" spans="14:14">
      <c r="N184340" s="10"/>
    </row>
    <row r="184341" spans="14:14">
      <c r="N184341" s="10"/>
    </row>
    <row r="184342" spans="14:14">
      <c r="N184342" s="10"/>
    </row>
    <row r="184343" spans="14:14">
      <c r="N184343" s="10"/>
    </row>
    <row r="184344" spans="14:14">
      <c r="N184344" s="10"/>
    </row>
    <row r="184345" spans="14:14">
      <c r="N184345" s="10"/>
    </row>
    <row r="184346" spans="14:14">
      <c r="N184346" s="10"/>
    </row>
    <row r="184347" spans="14:14">
      <c r="N184347" s="10"/>
    </row>
    <row r="184348" spans="14:14">
      <c r="N184348" s="10"/>
    </row>
    <row r="184349" spans="14:14">
      <c r="N184349" s="10"/>
    </row>
    <row r="184350" spans="14:14">
      <c r="N184350" s="10"/>
    </row>
    <row r="184351" spans="14:14">
      <c r="N184351" s="10"/>
    </row>
    <row r="184352" spans="14:14">
      <c r="N184352" s="10"/>
    </row>
    <row r="184353" spans="14:14">
      <c r="N184353" s="10"/>
    </row>
    <row r="184354" spans="14:14">
      <c r="N184354" s="10"/>
    </row>
    <row r="184355" spans="14:14">
      <c r="N184355" s="10"/>
    </row>
    <row r="184356" spans="14:14">
      <c r="N184356" s="10"/>
    </row>
    <row r="184357" spans="14:14">
      <c r="N184357" s="10"/>
    </row>
    <row r="184358" spans="14:14">
      <c r="N184358" s="10"/>
    </row>
    <row r="184359" spans="14:14">
      <c r="N184359" s="10"/>
    </row>
    <row r="184360" spans="14:14">
      <c r="N184360" s="10"/>
    </row>
    <row r="184361" spans="14:14">
      <c r="N184361" s="10"/>
    </row>
    <row r="184362" spans="14:14">
      <c r="N184362" s="10"/>
    </row>
    <row r="184363" spans="14:14">
      <c r="N184363" s="10"/>
    </row>
    <row r="184364" spans="14:14">
      <c r="N184364" s="10"/>
    </row>
    <row r="184365" spans="14:14">
      <c r="N184365" s="10"/>
    </row>
    <row r="184366" spans="14:14">
      <c r="N184366" s="10"/>
    </row>
    <row r="184367" spans="14:14">
      <c r="N184367" s="10"/>
    </row>
    <row r="184368" spans="14:14">
      <c r="N184368" s="10"/>
    </row>
    <row r="184369" spans="14:14">
      <c r="N184369" s="10"/>
    </row>
    <row r="184370" spans="14:14">
      <c r="N184370" s="10"/>
    </row>
    <row r="184371" spans="14:14">
      <c r="N184371" s="10"/>
    </row>
    <row r="184372" spans="14:14">
      <c r="N184372" s="10"/>
    </row>
    <row r="184373" spans="14:14">
      <c r="N184373" s="10"/>
    </row>
    <row r="184374" spans="14:14">
      <c r="N184374" s="10"/>
    </row>
    <row r="184375" spans="14:14">
      <c r="N184375" s="10"/>
    </row>
    <row r="184376" spans="14:14">
      <c r="N184376" s="10"/>
    </row>
    <row r="184377" spans="14:14">
      <c r="N184377" s="10"/>
    </row>
    <row r="184378" spans="14:14">
      <c r="N184378" s="10"/>
    </row>
    <row r="184379" spans="14:14">
      <c r="N184379" s="10"/>
    </row>
    <row r="184380" spans="14:14">
      <c r="N184380" s="10"/>
    </row>
    <row r="184381" spans="14:14">
      <c r="N184381" s="10"/>
    </row>
    <row r="184382" spans="14:14">
      <c r="N184382" s="10"/>
    </row>
    <row r="184383" spans="14:14">
      <c r="N184383" s="10"/>
    </row>
    <row r="184384" spans="14:14">
      <c r="N184384" s="10"/>
    </row>
    <row r="184385" spans="14:14">
      <c r="N184385" s="10"/>
    </row>
    <row r="184386" spans="14:14">
      <c r="N184386" s="10"/>
    </row>
    <row r="184387" spans="14:14">
      <c r="N184387" s="10"/>
    </row>
    <row r="184388" spans="14:14">
      <c r="N184388" s="10"/>
    </row>
    <row r="184389" spans="14:14">
      <c r="N184389" s="10"/>
    </row>
    <row r="184390" spans="14:14">
      <c r="N184390" s="10"/>
    </row>
    <row r="184391" spans="14:14">
      <c r="N184391" s="10"/>
    </row>
    <row r="184392" spans="14:14">
      <c r="N184392" s="10"/>
    </row>
    <row r="184393" spans="14:14">
      <c r="N184393" s="10"/>
    </row>
    <row r="184394" spans="14:14">
      <c r="N184394" s="10"/>
    </row>
    <row r="184395" spans="14:14">
      <c r="N184395" s="10"/>
    </row>
    <row r="184396" spans="14:14">
      <c r="N184396" s="10"/>
    </row>
    <row r="184397" spans="14:14">
      <c r="N184397" s="10"/>
    </row>
    <row r="184398" spans="14:14">
      <c r="N184398" s="10"/>
    </row>
    <row r="184399" spans="14:14">
      <c r="N184399" s="10"/>
    </row>
    <row r="184400" spans="14:14">
      <c r="N184400" s="10"/>
    </row>
    <row r="184401" spans="14:14">
      <c r="N184401" s="10"/>
    </row>
    <row r="184402" spans="14:14">
      <c r="N184402" s="10"/>
    </row>
    <row r="184403" spans="14:14">
      <c r="N184403" s="10"/>
    </row>
    <row r="184404" spans="14:14">
      <c r="N184404" s="10"/>
    </row>
    <row r="184405" spans="14:14">
      <c r="N184405" s="10"/>
    </row>
    <row r="184406" spans="14:14">
      <c r="N184406" s="10"/>
    </row>
    <row r="184407" spans="14:14">
      <c r="N184407" s="10"/>
    </row>
    <row r="184408" spans="14:14">
      <c r="N184408" s="10"/>
    </row>
    <row r="184409" spans="14:14">
      <c r="N184409" s="10"/>
    </row>
    <row r="184410" spans="14:14">
      <c r="N184410" s="10"/>
    </row>
    <row r="184411" spans="14:14">
      <c r="N184411" s="10"/>
    </row>
    <row r="184412" spans="14:14">
      <c r="N184412" s="10"/>
    </row>
    <row r="184413" spans="14:14">
      <c r="N184413" s="10"/>
    </row>
    <row r="184414" spans="14:14">
      <c r="N184414" s="10"/>
    </row>
    <row r="184415" spans="14:14">
      <c r="N184415" s="10"/>
    </row>
    <row r="184416" spans="14:14">
      <c r="N184416" s="10"/>
    </row>
    <row r="184417" spans="14:14">
      <c r="N184417" s="10"/>
    </row>
    <row r="184418" spans="14:14">
      <c r="N184418" s="10"/>
    </row>
    <row r="184419" spans="14:14">
      <c r="N184419" s="10"/>
    </row>
    <row r="184420" spans="14:14">
      <c r="N184420" s="10"/>
    </row>
    <row r="184421" spans="14:14">
      <c r="N184421" s="10"/>
    </row>
    <row r="184422" spans="14:14">
      <c r="N184422" s="10"/>
    </row>
    <row r="184423" spans="14:14">
      <c r="N184423" s="10"/>
    </row>
    <row r="184424" spans="14:14">
      <c r="N184424" s="10"/>
    </row>
    <row r="184425" spans="14:14">
      <c r="N184425" s="10"/>
    </row>
    <row r="184426" spans="14:14">
      <c r="N184426" s="10"/>
    </row>
    <row r="184427" spans="14:14">
      <c r="N184427" s="10"/>
    </row>
    <row r="184428" spans="14:14">
      <c r="N184428" s="10"/>
    </row>
    <row r="184429" spans="14:14">
      <c r="N184429" s="10"/>
    </row>
    <row r="184430" spans="14:14">
      <c r="N184430" s="10"/>
    </row>
    <row r="184431" spans="14:14">
      <c r="N184431" s="10"/>
    </row>
    <row r="184432" spans="14:14">
      <c r="N184432" s="10"/>
    </row>
    <row r="184433" spans="14:14">
      <c r="N184433" s="10"/>
    </row>
    <row r="184434" spans="14:14">
      <c r="N184434" s="10"/>
    </row>
    <row r="184435" spans="14:14">
      <c r="N184435" s="10"/>
    </row>
    <row r="184436" spans="14:14">
      <c r="N184436" s="10"/>
    </row>
    <row r="184437" spans="14:14">
      <c r="N184437" s="10"/>
    </row>
    <row r="184438" spans="14:14">
      <c r="N184438" s="10"/>
    </row>
    <row r="184439" spans="14:14">
      <c r="N184439" s="10"/>
    </row>
    <row r="184440" spans="14:14">
      <c r="N184440" s="10"/>
    </row>
    <row r="184441" spans="14:14">
      <c r="N184441" s="10"/>
    </row>
    <row r="184442" spans="14:14">
      <c r="N184442" s="10"/>
    </row>
    <row r="184443" spans="14:14">
      <c r="N184443" s="10"/>
    </row>
    <row r="184444" spans="14:14">
      <c r="N184444" s="10"/>
    </row>
    <row r="184445" spans="14:14">
      <c r="N184445" s="10"/>
    </row>
    <row r="184446" spans="14:14">
      <c r="N184446" s="10"/>
    </row>
    <row r="184447" spans="14:14">
      <c r="N184447" s="10"/>
    </row>
    <row r="184448" spans="14:14">
      <c r="N184448" s="10"/>
    </row>
    <row r="184449" spans="14:14">
      <c r="N184449" s="10"/>
    </row>
    <row r="184450" spans="14:14">
      <c r="N184450" s="10"/>
    </row>
    <row r="184451" spans="14:14">
      <c r="N184451" s="10"/>
    </row>
    <row r="184452" spans="14:14">
      <c r="N184452" s="10"/>
    </row>
    <row r="184453" spans="14:14">
      <c r="N184453" s="10"/>
    </row>
    <row r="184454" spans="14:14">
      <c r="N184454" s="10"/>
    </row>
    <row r="184455" spans="14:14">
      <c r="N184455" s="10"/>
    </row>
    <row r="184456" spans="14:14">
      <c r="N184456" s="10"/>
    </row>
    <row r="184457" spans="14:14">
      <c r="N184457" s="10"/>
    </row>
    <row r="184458" spans="14:14">
      <c r="N184458" s="10"/>
    </row>
    <row r="184459" spans="14:14">
      <c r="N184459" s="10"/>
    </row>
    <row r="184460" spans="14:14">
      <c r="N184460" s="10"/>
    </row>
    <row r="184461" spans="14:14">
      <c r="N184461" s="10"/>
    </row>
    <row r="184462" spans="14:14">
      <c r="N184462" s="10"/>
    </row>
    <row r="184463" spans="14:14">
      <c r="N184463" s="10"/>
    </row>
    <row r="184464" spans="14:14">
      <c r="N184464" s="10"/>
    </row>
    <row r="184465" spans="14:14">
      <c r="N184465" s="10"/>
    </row>
    <row r="184466" spans="14:14">
      <c r="N184466" s="10"/>
    </row>
    <row r="184467" spans="14:14">
      <c r="N184467" s="10"/>
    </row>
    <row r="184468" spans="14:14">
      <c r="N184468" s="10"/>
    </row>
    <row r="184469" spans="14:14">
      <c r="N184469" s="10"/>
    </row>
    <row r="184470" spans="14:14">
      <c r="N184470" s="10"/>
    </row>
    <row r="184471" spans="14:14">
      <c r="N184471" s="10"/>
    </row>
    <row r="184472" spans="14:14">
      <c r="N184472" s="10"/>
    </row>
    <row r="184473" spans="14:14">
      <c r="N184473" s="10"/>
    </row>
    <row r="184474" spans="14:14">
      <c r="N184474" s="10"/>
    </row>
    <row r="184475" spans="14:14">
      <c r="N184475" s="10"/>
    </row>
    <row r="184476" spans="14:14">
      <c r="N184476" s="10"/>
    </row>
    <row r="184477" spans="14:14">
      <c r="N184477" s="10"/>
    </row>
    <row r="184478" spans="14:14">
      <c r="N184478" s="10"/>
    </row>
    <row r="184479" spans="14:14">
      <c r="N184479" s="10"/>
    </row>
    <row r="184480" spans="14:14">
      <c r="N184480" s="10"/>
    </row>
    <row r="184481" spans="14:14">
      <c r="N184481" s="10"/>
    </row>
    <row r="184482" spans="14:14">
      <c r="N184482" s="10"/>
    </row>
    <row r="184483" spans="14:14">
      <c r="N184483" s="10"/>
    </row>
    <row r="184484" spans="14:14">
      <c r="N184484" s="10"/>
    </row>
    <row r="184485" spans="14:14">
      <c r="N184485" s="10"/>
    </row>
    <row r="184486" spans="14:14">
      <c r="N184486" s="10"/>
    </row>
    <row r="184487" spans="14:14">
      <c r="N184487" s="10"/>
    </row>
    <row r="184488" spans="14:14">
      <c r="N184488" s="10"/>
    </row>
    <row r="184489" spans="14:14">
      <c r="N184489" s="10"/>
    </row>
    <row r="184490" spans="14:14">
      <c r="N184490" s="10"/>
    </row>
    <row r="184491" spans="14:14">
      <c r="N184491" s="10"/>
    </row>
    <row r="184492" spans="14:14">
      <c r="N184492" s="10"/>
    </row>
    <row r="184493" spans="14:14">
      <c r="N184493" s="10"/>
    </row>
    <row r="184494" spans="14:14">
      <c r="N184494" s="10"/>
    </row>
    <row r="184495" spans="14:14">
      <c r="N184495" s="10"/>
    </row>
    <row r="184496" spans="14:14">
      <c r="N184496" s="10"/>
    </row>
    <row r="184497" spans="14:14">
      <c r="N184497" s="10"/>
    </row>
    <row r="184498" spans="14:14">
      <c r="N184498" s="10"/>
    </row>
    <row r="184499" spans="14:14">
      <c r="N184499" s="10"/>
    </row>
    <row r="184500" spans="14:14">
      <c r="N184500" s="10"/>
    </row>
    <row r="184501" spans="14:14">
      <c r="N184501" s="10"/>
    </row>
    <row r="184502" spans="14:14">
      <c r="N184502" s="10"/>
    </row>
    <row r="184503" spans="14:14">
      <c r="N184503" s="10"/>
    </row>
    <row r="184504" spans="14:14">
      <c r="N184504" s="10"/>
    </row>
    <row r="184505" spans="14:14">
      <c r="N184505" s="10"/>
    </row>
    <row r="184506" spans="14:14">
      <c r="N184506" s="10"/>
    </row>
    <row r="184507" spans="14:14">
      <c r="N184507" s="10"/>
    </row>
    <row r="184508" spans="14:14">
      <c r="N184508" s="10"/>
    </row>
    <row r="184509" spans="14:14">
      <c r="N184509" s="10"/>
    </row>
    <row r="184510" spans="14:14">
      <c r="N184510" s="10"/>
    </row>
    <row r="184511" spans="14:14">
      <c r="N184511" s="10"/>
    </row>
    <row r="184512" spans="14:14">
      <c r="N184512" s="10"/>
    </row>
    <row r="184513" spans="14:14">
      <c r="N184513" s="10"/>
    </row>
    <row r="184514" spans="14:14">
      <c r="N184514" s="10"/>
    </row>
    <row r="184515" spans="14:14">
      <c r="N184515" s="10"/>
    </row>
    <row r="184516" spans="14:14">
      <c r="N184516" s="10"/>
    </row>
    <row r="184517" spans="14:14">
      <c r="N184517" s="10"/>
    </row>
    <row r="184518" spans="14:14">
      <c r="N184518" s="10"/>
    </row>
    <row r="184519" spans="14:14">
      <c r="N184519" s="10"/>
    </row>
    <row r="184520" spans="14:14">
      <c r="N184520" s="10"/>
    </row>
    <row r="184521" spans="14:14">
      <c r="N184521" s="10"/>
    </row>
    <row r="184522" spans="14:14">
      <c r="N184522" s="10"/>
    </row>
    <row r="184523" spans="14:14">
      <c r="N184523" s="10"/>
    </row>
    <row r="184524" spans="14:14">
      <c r="N184524" s="10"/>
    </row>
    <row r="184525" spans="14:14">
      <c r="N184525" s="10"/>
    </row>
    <row r="184526" spans="14:14">
      <c r="N184526" s="10"/>
    </row>
    <row r="184527" spans="14:14">
      <c r="N184527" s="10"/>
    </row>
    <row r="184528" spans="14:14">
      <c r="N184528" s="10"/>
    </row>
    <row r="184529" spans="14:14">
      <c r="N184529" s="10"/>
    </row>
    <row r="184530" spans="14:14">
      <c r="N184530" s="10"/>
    </row>
    <row r="184531" spans="14:14">
      <c r="N184531" s="10"/>
    </row>
    <row r="184532" spans="14:14">
      <c r="N184532" s="10"/>
    </row>
    <row r="184533" spans="14:14">
      <c r="N184533" s="10"/>
    </row>
    <row r="184534" spans="14:14">
      <c r="N184534" s="10"/>
    </row>
    <row r="184535" spans="14:14">
      <c r="N184535" s="10"/>
    </row>
    <row r="184536" spans="14:14">
      <c r="N184536" s="10"/>
    </row>
    <row r="184537" spans="14:14">
      <c r="N184537" s="10"/>
    </row>
    <row r="184538" spans="14:14">
      <c r="N184538" s="10"/>
    </row>
    <row r="184539" spans="14:14">
      <c r="N184539" s="10"/>
    </row>
    <row r="184540" spans="14:14">
      <c r="N184540" s="10"/>
    </row>
    <row r="184541" spans="14:14">
      <c r="N184541" s="10"/>
    </row>
    <row r="184542" spans="14:14">
      <c r="N184542" s="10"/>
    </row>
    <row r="184543" spans="14:14">
      <c r="N184543" s="10"/>
    </row>
    <row r="184544" spans="14:14">
      <c r="N184544" s="10"/>
    </row>
    <row r="184545" spans="14:14">
      <c r="N184545" s="10"/>
    </row>
    <row r="184546" spans="14:14">
      <c r="N184546" s="10"/>
    </row>
    <row r="184547" spans="14:14">
      <c r="N184547" s="10"/>
    </row>
    <row r="184548" spans="14:14">
      <c r="N184548" s="10"/>
    </row>
    <row r="184549" spans="14:14">
      <c r="N184549" s="10"/>
    </row>
    <row r="184550" spans="14:14">
      <c r="N184550" s="10"/>
    </row>
    <row r="184551" spans="14:14">
      <c r="N184551" s="10"/>
    </row>
    <row r="184552" spans="14:14">
      <c r="N184552" s="10"/>
    </row>
    <row r="184553" spans="14:14">
      <c r="N184553" s="10"/>
    </row>
    <row r="184554" spans="14:14">
      <c r="N184554" s="10"/>
    </row>
    <row r="184555" spans="14:14">
      <c r="N184555" s="10"/>
    </row>
    <row r="184556" spans="14:14">
      <c r="N184556" s="10"/>
    </row>
    <row r="184557" spans="14:14">
      <c r="N184557" s="10"/>
    </row>
    <row r="184558" spans="14:14">
      <c r="N184558" s="10"/>
    </row>
    <row r="184559" spans="14:14">
      <c r="N184559" s="10"/>
    </row>
    <row r="184560" spans="14:14">
      <c r="N184560" s="10"/>
    </row>
    <row r="184561" spans="14:14">
      <c r="N184561" s="10"/>
    </row>
    <row r="184562" spans="14:14">
      <c r="N184562" s="10"/>
    </row>
    <row r="184563" spans="14:14">
      <c r="N184563" s="10"/>
    </row>
    <row r="184564" spans="14:14">
      <c r="N184564" s="10"/>
    </row>
    <row r="184565" spans="14:14">
      <c r="N184565" s="10"/>
    </row>
    <row r="184566" spans="14:14">
      <c r="N184566" s="10"/>
    </row>
    <row r="184567" spans="14:14">
      <c r="N184567" s="10"/>
    </row>
    <row r="184568" spans="14:14">
      <c r="N184568" s="10"/>
    </row>
    <row r="184569" spans="14:14">
      <c r="N184569" s="10"/>
    </row>
    <row r="184570" spans="14:14">
      <c r="N184570" s="10"/>
    </row>
    <row r="184571" spans="14:14">
      <c r="N184571" s="10"/>
    </row>
    <row r="184572" spans="14:14">
      <c r="N184572" s="10"/>
    </row>
    <row r="184573" spans="14:14">
      <c r="N184573" s="10"/>
    </row>
    <row r="184574" spans="14:14">
      <c r="N184574" s="10"/>
    </row>
    <row r="184575" spans="14:14">
      <c r="N184575" s="10"/>
    </row>
    <row r="184576" spans="14:14">
      <c r="N184576" s="10"/>
    </row>
    <row r="184577" spans="14:14">
      <c r="N184577" s="10"/>
    </row>
    <row r="184578" spans="14:14">
      <c r="N184578" s="10"/>
    </row>
    <row r="184579" spans="14:14">
      <c r="N184579" s="10"/>
    </row>
    <row r="184580" spans="14:14">
      <c r="N184580" s="10"/>
    </row>
    <row r="184581" spans="14:14">
      <c r="N184581" s="10"/>
    </row>
    <row r="184582" spans="14:14">
      <c r="N184582" s="10"/>
    </row>
    <row r="184583" spans="14:14">
      <c r="N184583" s="10"/>
    </row>
    <row r="184584" spans="14:14">
      <c r="N184584" s="10"/>
    </row>
    <row r="184585" spans="14:14">
      <c r="N184585" s="10"/>
    </row>
    <row r="184586" spans="14:14">
      <c r="N184586" s="10"/>
    </row>
    <row r="184587" spans="14:14">
      <c r="N184587" s="10"/>
    </row>
    <row r="184588" spans="14:14">
      <c r="N184588" s="10"/>
    </row>
    <row r="184589" spans="14:14">
      <c r="N184589" s="10"/>
    </row>
    <row r="184590" spans="14:14">
      <c r="N184590" s="10"/>
    </row>
    <row r="184591" spans="14:14">
      <c r="N184591" s="10"/>
    </row>
    <row r="184592" spans="14:14">
      <c r="N184592" s="10"/>
    </row>
    <row r="184593" spans="14:14">
      <c r="N184593" s="10"/>
    </row>
    <row r="184594" spans="14:14">
      <c r="N184594" s="10"/>
    </row>
    <row r="184595" spans="14:14">
      <c r="N184595" s="10"/>
    </row>
    <row r="184596" spans="14:14">
      <c r="N184596" s="10"/>
    </row>
    <row r="184597" spans="14:14">
      <c r="N184597" s="10"/>
    </row>
    <row r="184598" spans="14:14">
      <c r="N184598" s="10"/>
    </row>
    <row r="184599" spans="14:14">
      <c r="N184599" s="10"/>
    </row>
    <row r="184600" spans="14:14">
      <c r="N184600" s="10"/>
    </row>
    <row r="184601" spans="14:14">
      <c r="N184601" s="10"/>
    </row>
    <row r="184602" spans="14:14">
      <c r="N184602" s="10"/>
    </row>
    <row r="184603" spans="14:14">
      <c r="N184603" s="10"/>
    </row>
    <row r="184604" spans="14:14">
      <c r="N184604" s="10"/>
    </row>
    <row r="184605" spans="14:14">
      <c r="N184605" s="10"/>
    </row>
    <row r="184606" spans="14:14">
      <c r="N184606" s="10"/>
    </row>
    <row r="184607" spans="14:14">
      <c r="N184607" s="10"/>
    </row>
    <row r="184608" spans="14:14">
      <c r="N184608" s="10"/>
    </row>
    <row r="184609" spans="14:14">
      <c r="N184609" s="10"/>
    </row>
    <row r="184610" spans="14:14">
      <c r="N184610" s="10"/>
    </row>
    <row r="184611" spans="14:14">
      <c r="N184611" s="10"/>
    </row>
    <row r="184612" spans="14:14">
      <c r="N184612" s="10"/>
    </row>
    <row r="184613" spans="14:14">
      <c r="N184613" s="10"/>
    </row>
    <row r="184614" spans="14:14">
      <c r="N184614" s="10"/>
    </row>
    <row r="184615" spans="14:14">
      <c r="N184615" s="10"/>
    </row>
    <row r="184616" spans="14:14">
      <c r="N184616" s="10"/>
    </row>
    <row r="184617" spans="14:14">
      <c r="N184617" s="10"/>
    </row>
    <row r="184618" spans="14:14">
      <c r="N184618" s="10"/>
    </row>
    <row r="184619" spans="14:14">
      <c r="N184619" s="10"/>
    </row>
    <row r="184620" spans="14:14">
      <c r="N184620" s="10"/>
    </row>
    <row r="184621" spans="14:14">
      <c r="N184621" s="10"/>
    </row>
    <row r="184622" spans="14:14">
      <c r="N184622" s="10"/>
    </row>
    <row r="184623" spans="14:14">
      <c r="N184623" s="10"/>
    </row>
    <row r="184624" spans="14:14">
      <c r="N184624" s="10"/>
    </row>
    <row r="184625" spans="14:14">
      <c r="N184625" s="10"/>
    </row>
    <row r="184626" spans="14:14">
      <c r="N184626" s="10"/>
    </row>
    <row r="184627" spans="14:14">
      <c r="N184627" s="10"/>
    </row>
    <row r="184628" spans="14:14">
      <c r="N184628" s="10"/>
    </row>
    <row r="184629" spans="14:14">
      <c r="N184629" s="10"/>
    </row>
    <row r="184630" spans="14:14">
      <c r="N184630" s="10"/>
    </row>
    <row r="184631" spans="14:14">
      <c r="N184631" s="10"/>
    </row>
    <row r="184632" spans="14:14">
      <c r="N184632" s="10"/>
    </row>
    <row r="184633" spans="14:14">
      <c r="N184633" s="10"/>
    </row>
    <row r="184634" spans="14:14">
      <c r="N184634" s="10"/>
    </row>
    <row r="184635" spans="14:14">
      <c r="N184635" s="10"/>
    </row>
    <row r="184636" spans="14:14">
      <c r="N184636" s="10"/>
    </row>
    <row r="184637" spans="14:14">
      <c r="N184637" s="10"/>
    </row>
    <row r="184638" spans="14:14">
      <c r="N184638" s="10"/>
    </row>
    <row r="184639" spans="14:14">
      <c r="N184639" s="10"/>
    </row>
    <row r="184640" spans="14:14">
      <c r="N184640" s="10"/>
    </row>
    <row r="184641" spans="14:14">
      <c r="N184641" s="10"/>
    </row>
    <row r="184642" spans="14:14">
      <c r="N184642" s="10"/>
    </row>
    <row r="184643" spans="14:14">
      <c r="N184643" s="10"/>
    </row>
    <row r="184644" spans="14:14">
      <c r="N184644" s="10"/>
    </row>
    <row r="184645" spans="14:14">
      <c r="N184645" s="10"/>
    </row>
    <row r="184646" spans="14:14">
      <c r="N184646" s="10"/>
    </row>
    <row r="184647" spans="14:14">
      <c r="N184647" s="10"/>
    </row>
    <row r="184648" spans="14:14">
      <c r="N184648" s="10"/>
    </row>
    <row r="184649" spans="14:14">
      <c r="N184649" s="10"/>
    </row>
    <row r="184650" spans="14:14">
      <c r="N184650" s="10"/>
    </row>
    <row r="184651" spans="14:14">
      <c r="N184651" s="10"/>
    </row>
    <row r="184652" spans="14:14">
      <c r="N184652" s="10"/>
    </row>
    <row r="184653" spans="14:14">
      <c r="N184653" s="10"/>
    </row>
    <row r="184654" spans="14:14">
      <c r="N184654" s="10"/>
    </row>
    <row r="184655" spans="14:14">
      <c r="N184655" s="10"/>
    </row>
    <row r="184656" spans="14:14">
      <c r="N184656" s="10"/>
    </row>
    <row r="184657" spans="14:14">
      <c r="N184657" s="10"/>
    </row>
    <row r="184658" spans="14:14">
      <c r="N184658" s="10"/>
    </row>
    <row r="184659" spans="14:14">
      <c r="N184659" s="10"/>
    </row>
    <row r="184660" spans="14:14">
      <c r="N184660" s="10"/>
    </row>
    <row r="184661" spans="14:14">
      <c r="N184661" s="10"/>
    </row>
    <row r="184662" spans="14:14">
      <c r="N184662" s="10"/>
    </row>
    <row r="184663" spans="14:14">
      <c r="N184663" s="10"/>
    </row>
    <row r="184664" spans="14:14">
      <c r="N184664" s="10"/>
    </row>
    <row r="184665" spans="14:14">
      <c r="N184665" s="10"/>
    </row>
    <row r="184666" spans="14:14">
      <c r="N184666" s="10"/>
    </row>
    <row r="184667" spans="14:14">
      <c r="N184667" s="10"/>
    </row>
    <row r="184668" spans="14:14">
      <c r="N184668" s="10"/>
    </row>
    <row r="184669" spans="14:14">
      <c r="N184669" s="10"/>
    </row>
    <row r="184670" spans="14:14">
      <c r="N184670" s="10"/>
    </row>
    <row r="184671" spans="14:14">
      <c r="N184671" s="10"/>
    </row>
    <row r="184672" spans="14:14">
      <c r="N184672" s="10"/>
    </row>
    <row r="184673" spans="14:14">
      <c r="N184673" s="10"/>
    </row>
    <row r="184674" spans="14:14">
      <c r="N184674" s="10"/>
    </row>
    <row r="184675" spans="14:14">
      <c r="N184675" s="10"/>
    </row>
    <row r="184676" spans="14:14">
      <c r="N184676" s="10"/>
    </row>
    <row r="184677" spans="14:14">
      <c r="N184677" s="10"/>
    </row>
    <row r="184678" spans="14:14">
      <c r="N184678" s="10"/>
    </row>
    <row r="184679" spans="14:14">
      <c r="N184679" s="10"/>
    </row>
    <row r="184680" spans="14:14">
      <c r="N184680" s="10"/>
    </row>
    <row r="184681" spans="14:14">
      <c r="N184681" s="10"/>
    </row>
    <row r="184682" spans="14:14">
      <c r="N184682" s="10"/>
    </row>
    <row r="184683" spans="14:14">
      <c r="N184683" s="10"/>
    </row>
    <row r="184684" spans="14:14">
      <c r="N184684" s="10"/>
    </row>
    <row r="184685" spans="14:14">
      <c r="N184685" s="10"/>
    </row>
    <row r="184686" spans="14:14">
      <c r="N184686" s="10"/>
    </row>
    <row r="184687" spans="14:14">
      <c r="N184687" s="10"/>
    </row>
    <row r="184688" spans="14:14">
      <c r="N184688" s="10"/>
    </row>
    <row r="184689" spans="14:14">
      <c r="N184689" s="10"/>
    </row>
    <row r="184690" spans="14:14">
      <c r="N184690" s="10"/>
    </row>
    <row r="184691" spans="14:14">
      <c r="N184691" s="10"/>
    </row>
    <row r="184692" spans="14:14">
      <c r="N184692" s="10"/>
    </row>
    <row r="184693" spans="14:14">
      <c r="N184693" s="10"/>
    </row>
    <row r="184694" spans="14:14">
      <c r="N184694" s="10"/>
    </row>
    <row r="184695" spans="14:14">
      <c r="N184695" s="10"/>
    </row>
    <row r="184696" spans="14:14">
      <c r="N184696" s="10"/>
    </row>
    <row r="184697" spans="14:14">
      <c r="N184697" s="10"/>
    </row>
    <row r="184698" spans="14:14">
      <c r="N184698" s="10"/>
    </row>
    <row r="184699" spans="14:14">
      <c r="N184699" s="10"/>
    </row>
    <row r="184700" spans="14:14">
      <c r="N184700" s="10"/>
    </row>
    <row r="184701" spans="14:14">
      <c r="N184701" s="10"/>
    </row>
    <row r="184702" spans="14:14">
      <c r="N184702" s="10"/>
    </row>
    <row r="184703" spans="14:14">
      <c r="N184703" s="10"/>
    </row>
    <row r="184704" spans="14:14">
      <c r="N184704" s="10"/>
    </row>
    <row r="184705" spans="14:14">
      <c r="N184705" s="10"/>
    </row>
    <row r="184706" spans="14:14">
      <c r="N184706" s="10"/>
    </row>
    <row r="184707" spans="14:14">
      <c r="N184707" s="10"/>
    </row>
    <row r="184708" spans="14:14">
      <c r="N184708" s="10"/>
    </row>
    <row r="184709" spans="14:14">
      <c r="N184709" s="10"/>
    </row>
    <row r="184710" spans="14:14">
      <c r="N184710" s="10"/>
    </row>
    <row r="184711" spans="14:14">
      <c r="N184711" s="10"/>
    </row>
    <row r="184712" spans="14:14">
      <c r="N184712" s="10"/>
    </row>
    <row r="184713" spans="14:14">
      <c r="N184713" s="10"/>
    </row>
    <row r="184714" spans="14:14">
      <c r="N184714" s="10"/>
    </row>
    <row r="184715" spans="14:14">
      <c r="N184715" s="10"/>
    </row>
    <row r="184716" spans="14:14">
      <c r="N184716" s="10"/>
    </row>
    <row r="184717" spans="14:14">
      <c r="N184717" s="10"/>
    </row>
    <row r="184718" spans="14:14">
      <c r="N184718" s="10"/>
    </row>
    <row r="184719" spans="14:14">
      <c r="N184719" s="10"/>
    </row>
    <row r="184720" spans="14:14">
      <c r="N184720" s="10"/>
    </row>
    <row r="184721" spans="14:14">
      <c r="N184721" s="10"/>
    </row>
    <row r="184722" spans="14:14">
      <c r="N184722" s="10"/>
    </row>
    <row r="184723" spans="14:14">
      <c r="N184723" s="10"/>
    </row>
    <row r="184724" spans="14:14">
      <c r="N184724" s="10"/>
    </row>
    <row r="184725" spans="14:14">
      <c r="N184725" s="10"/>
    </row>
    <row r="184726" spans="14:14">
      <c r="N184726" s="10"/>
    </row>
    <row r="184727" spans="14:14">
      <c r="N184727" s="10"/>
    </row>
    <row r="184728" spans="14:14">
      <c r="N184728" s="10"/>
    </row>
    <row r="184729" spans="14:14">
      <c r="N184729" s="10"/>
    </row>
    <row r="184730" spans="14:14">
      <c r="N184730" s="10"/>
    </row>
    <row r="184731" spans="14:14">
      <c r="N184731" s="10"/>
    </row>
    <row r="184732" spans="14:14">
      <c r="N184732" s="10"/>
    </row>
    <row r="184733" spans="14:14">
      <c r="N184733" s="10"/>
    </row>
    <row r="184734" spans="14:14">
      <c r="N184734" s="10"/>
    </row>
    <row r="184735" spans="14:14">
      <c r="N184735" s="10"/>
    </row>
    <row r="184736" spans="14:14">
      <c r="N184736" s="10"/>
    </row>
    <row r="184737" spans="14:14">
      <c r="N184737" s="10"/>
    </row>
    <row r="184738" spans="14:14">
      <c r="N184738" s="10"/>
    </row>
    <row r="184739" spans="14:14">
      <c r="N184739" s="10"/>
    </row>
    <row r="184740" spans="14:14">
      <c r="N184740" s="10"/>
    </row>
    <row r="184741" spans="14:14">
      <c r="N184741" s="10"/>
    </row>
    <row r="184742" spans="14:14">
      <c r="N184742" s="10"/>
    </row>
    <row r="184743" spans="14:14">
      <c r="N184743" s="10"/>
    </row>
    <row r="184744" spans="14:14">
      <c r="N184744" s="10"/>
    </row>
    <row r="184745" spans="14:14">
      <c r="N184745" s="10"/>
    </row>
    <row r="184746" spans="14:14">
      <c r="N184746" s="10"/>
    </row>
    <row r="184747" spans="14:14">
      <c r="N184747" s="10"/>
    </row>
    <row r="184748" spans="14:14">
      <c r="N184748" s="10"/>
    </row>
    <row r="184749" spans="14:14">
      <c r="N184749" s="10"/>
    </row>
    <row r="184750" spans="14:14">
      <c r="N184750" s="10"/>
    </row>
    <row r="184751" spans="14:14">
      <c r="N184751" s="10"/>
    </row>
    <row r="184752" spans="14:14">
      <c r="N184752" s="10"/>
    </row>
    <row r="184753" spans="14:14">
      <c r="N184753" s="10"/>
    </row>
    <row r="184754" spans="14:14">
      <c r="N184754" s="10"/>
    </row>
    <row r="184755" spans="14:14">
      <c r="N184755" s="10"/>
    </row>
    <row r="184756" spans="14:14">
      <c r="N184756" s="10"/>
    </row>
    <row r="184757" spans="14:14">
      <c r="N184757" s="10"/>
    </row>
    <row r="184758" spans="14:14">
      <c r="N184758" s="10"/>
    </row>
    <row r="184759" spans="14:14">
      <c r="N184759" s="10"/>
    </row>
    <row r="184760" spans="14:14">
      <c r="N184760" s="10"/>
    </row>
    <row r="184761" spans="14:14">
      <c r="N184761" s="10"/>
    </row>
    <row r="184762" spans="14:14">
      <c r="N184762" s="10"/>
    </row>
    <row r="184763" spans="14:14">
      <c r="N184763" s="10"/>
    </row>
    <row r="184764" spans="14:14">
      <c r="N184764" s="10"/>
    </row>
    <row r="184765" spans="14:14">
      <c r="N184765" s="10"/>
    </row>
    <row r="184766" spans="14:14">
      <c r="N184766" s="10"/>
    </row>
    <row r="184767" spans="14:14">
      <c r="N184767" s="10"/>
    </row>
    <row r="184768" spans="14:14">
      <c r="N184768" s="10"/>
    </row>
    <row r="184769" spans="14:14">
      <c r="N184769" s="10"/>
    </row>
    <row r="184770" spans="14:14">
      <c r="N184770" s="10"/>
    </row>
    <row r="184771" spans="14:14">
      <c r="N184771" s="10"/>
    </row>
    <row r="184772" spans="14:14">
      <c r="N184772" s="10"/>
    </row>
    <row r="184773" spans="14:14">
      <c r="N184773" s="10"/>
    </row>
    <row r="184774" spans="14:14">
      <c r="N184774" s="10"/>
    </row>
    <row r="184775" spans="14:14">
      <c r="N184775" s="10"/>
    </row>
    <row r="184776" spans="14:14">
      <c r="N184776" s="10"/>
    </row>
    <row r="184777" spans="14:14">
      <c r="N184777" s="10"/>
    </row>
    <row r="184778" spans="14:14">
      <c r="N184778" s="10"/>
    </row>
    <row r="184779" spans="14:14">
      <c r="N184779" s="10"/>
    </row>
    <row r="184780" spans="14:14">
      <c r="N184780" s="10"/>
    </row>
    <row r="184781" spans="14:14">
      <c r="N184781" s="10"/>
    </row>
    <row r="184782" spans="14:14">
      <c r="N184782" s="10"/>
    </row>
    <row r="184783" spans="14:14">
      <c r="N184783" s="10"/>
    </row>
    <row r="184784" spans="14:14">
      <c r="N184784" s="10"/>
    </row>
    <row r="184785" spans="14:14">
      <c r="N184785" s="10"/>
    </row>
    <row r="184786" spans="14:14">
      <c r="N184786" s="10"/>
    </row>
    <row r="184787" spans="14:14">
      <c r="N184787" s="10"/>
    </row>
    <row r="184788" spans="14:14">
      <c r="N184788" s="10"/>
    </row>
    <row r="184789" spans="14:14">
      <c r="N184789" s="10"/>
    </row>
    <row r="184790" spans="14:14">
      <c r="N184790" s="10"/>
    </row>
    <row r="184791" spans="14:14">
      <c r="N184791" s="10"/>
    </row>
    <row r="184792" spans="14:14">
      <c r="N184792" s="10"/>
    </row>
    <row r="184793" spans="14:14">
      <c r="N184793" s="10"/>
    </row>
    <row r="184794" spans="14:14">
      <c r="N184794" s="10"/>
    </row>
    <row r="184795" spans="14:14">
      <c r="N184795" s="10"/>
    </row>
    <row r="184796" spans="14:14">
      <c r="N184796" s="10"/>
    </row>
    <row r="184797" spans="14:14">
      <c r="N184797" s="10"/>
    </row>
    <row r="184798" spans="14:14">
      <c r="N184798" s="10"/>
    </row>
    <row r="184799" spans="14:14">
      <c r="N184799" s="10"/>
    </row>
    <row r="184800" spans="14:14">
      <c r="N184800" s="10"/>
    </row>
    <row r="184801" spans="14:14">
      <c r="N184801" s="10"/>
    </row>
    <row r="184802" spans="14:14">
      <c r="N184802" s="10"/>
    </row>
    <row r="184803" spans="14:14">
      <c r="N184803" s="10"/>
    </row>
    <row r="184804" spans="14:14">
      <c r="N184804" s="10"/>
    </row>
    <row r="184805" spans="14:14">
      <c r="N184805" s="10"/>
    </row>
    <row r="184806" spans="14:14">
      <c r="N184806" s="10"/>
    </row>
    <row r="184807" spans="14:14">
      <c r="N184807" s="10"/>
    </row>
    <row r="184808" spans="14:14">
      <c r="N184808" s="10"/>
    </row>
    <row r="184809" spans="14:14">
      <c r="N184809" s="10"/>
    </row>
    <row r="184810" spans="14:14">
      <c r="N184810" s="10"/>
    </row>
    <row r="184811" spans="14:14">
      <c r="N184811" s="10"/>
    </row>
    <row r="184812" spans="14:14">
      <c r="N184812" s="10"/>
    </row>
    <row r="184813" spans="14:14">
      <c r="N184813" s="10"/>
    </row>
    <row r="184814" spans="14:14">
      <c r="N184814" s="10"/>
    </row>
    <row r="184815" spans="14:14">
      <c r="N184815" s="10"/>
    </row>
    <row r="184816" spans="14:14">
      <c r="N184816" s="10"/>
    </row>
    <row r="184817" spans="14:14">
      <c r="N184817" s="10"/>
    </row>
    <row r="184818" spans="14:14">
      <c r="N184818" s="10"/>
    </row>
    <row r="184819" spans="14:14">
      <c r="N184819" s="10"/>
    </row>
    <row r="184820" spans="14:14">
      <c r="N184820" s="10"/>
    </row>
    <row r="184821" spans="14:14">
      <c r="N184821" s="10"/>
    </row>
    <row r="184822" spans="14:14">
      <c r="N184822" s="10"/>
    </row>
    <row r="184823" spans="14:14">
      <c r="N184823" s="10"/>
    </row>
    <row r="184824" spans="14:14">
      <c r="N184824" s="10"/>
    </row>
    <row r="184825" spans="14:14">
      <c r="N184825" s="10"/>
    </row>
    <row r="184826" spans="14:14">
      <c r="N184826" s="10"/>
    </row>
    <row r="184827" spans="14:14">
      <c r="N184827" s="10"/>
    </row>
    <row r="184828" spans="14:14">
      <c r="N184828" s="10"/>
    </row>
    <row r="184829" spans="14:14">
      <c r="N184829" s="10"/>
    </row>
    <row r="184830" spans="14:14">
      <c r="N184830" s="10"/>
    </row>
    <row r="184831" spans="14:14">
      <c r="N184831" s="10"/>
    </row>
    <row r="184832" spans="14:14">
      <c r="N184832" s="10"/>
    </row>
    <row r="184833" spans="14:14">
      <c r="N184833" s="10"/>
    </row>
    <row r="184834" spans="14:14">
      <c r="N184834" s="10"/>
    </row>
    <row r="184835" spans="14:14">
      <c r="N184835" s="10"/>
    </row>
    <row r="184836" spans="14:14">
      <c r="N184836" s="10"/>
    </row>
    <row r="184837" spans="14:14">
      <c r="N184837" s="10"/>
    </row>
    <row r="184838" spans="14:14">
      <c r="N184838" s="10"/>
    </row>
    <row r="184839" spans="14:14">
      <c r="N184839" s="10"/>
    </row>
    <row r="184840" spans="14:14">
      <c r="N184840" s="10"/>
    </row>
    <row r="184841" spans="14:14">
      <c r="N184841" s="10"/>
    </row>
    <row r="184842" spans="14:14">
      <c r="N184842" s="10"/>
    </row>
    <row r="184843" spans="14:14">
      <c r="N184843" s="10"/>
    </row>
    <row r="184844" spans="14:14">
      <c r="N184844" s="10"/>
    </row>
    <row r="184845" spans="14:14">
      <c r="N184845" s="10"/>
    </row>
    <row r="184846" spans="14:14">
      <c r="N184846" s="10"/>
    </row>
    <row r="184847" spans="14:14">
      <c r="N184847" s="10"/>
    </row>
    <row r="184848" spans="14:14">
      <c r="N184848" s="10"/>
    </row>
    <row r="184849" spans="14:14">
      <c r="N184849" s="10"/>
    </row>
    <row r="184850" spans="14:14">
      <c r="N184850" s="10"/>
    </row>
    <row r="184851" spans="14:14">
      <c r="N184851" s="10"/>
    </row>
    <row r="184852" spans="14:14">
      <c r="N184852" s="10"/>
    </row>
    <row r="184853" spans="14:14">
      <c r="N184853" s="10"/>
    </row>
    <row r="184854" spans="14:14">
      <c r="N184854" s="10"/>
    </row>
    <row r="184855" spans="14:14">
      <c r="N184855" s="10"/>
    </row>
    <row r="184856" spans="14:14">
      <c r="N184856" s="10"/>
    </row>
    <row r="184857" spans="14:14">
      <c r="N184857" s="10"/>
    </row>
    <row r="184858" spans="14:14">
      <c r="N184858" s="10"/>
    </row>
    <row r="184859" spans="14:14">
      <c r="N184859" s="10"/>
    </row>
    <row r="184860" spans="14:14">
      <c r="N184860" s="10"/>
    </row>
    <row r="184861" spans="14:14">
      <c r="N184861" s="10"/>
    </row>
    <row r="184862" spans="14:14">
      <c r="N184862" s="10"/>
    </row>
    <row r="184863" spans="14:14">
      <c r="N184863" s="10"/>
    </row>
    <row r="184864" spans="14:14">
      <c r="N184864" s="10"/>
    </row>
    <row r="184865" spans="14:14">
      <c r="N184865" s="10"/>
    </row>
    <row r="184866" spans="14:14">
      <c r="N184866" s="10"/>
    </row>
    <row r="184867" spans="14:14">
      <c r="N184867" s="10"/>
    </row>
    <row r="184868" spans="14:14">
      <c r="N184868" s="10"/>
    </row>
    <row r="184869" spans="14:14">
      <c r="N184869" s="10"/>
    </row>
    <row r="184870" spans="14:14">
      <c r="N184870" s="10"/>
    </row>
    <row r="184871" spans="14:14">
      <c r="N184871" s="10"/>
    </row>
    <row r="184872" spans="14:14">
      <c r="N184872" s="10"/>
    </row>
    <row r="184873" spans="14:14">
      <c r="N184873" s="10"/>
    </row>
    <row r="184874" spans="14:14">
      <c r="N184874" s="10"/>
    </row>
    <row r="184875" spans="14:14">
      <c r="N184875" s="10"/>
    </row>
    <row r="184876" spans="14:14">
      <c r="N184876" s="10"/>
    </row>
    <row r="184877" spans="14:14">
      <c r="N184877" s="10"/>
    </row>
    <row r="184878" spans="14:14">
      <c r="N184878" s="10"/>
    </row>
    <row r="184879" spans="14:14">
      <c r="N184879" s="10"/>
    </row>
    <row r="184880" spans="14:14">
      <c r="N184880" s="10"/>
    </row>
    <row r="184881" spans="14:14">
      <c r="N184881" s="10"/>
    </row>
    <row r="184882" spans="14:14">
      <c r="N184882" s="10"/>
    </row>
    <row r="184883" spans="14:14">
      <c r="N184883" s="10"/>
    </row>
    <row r="184884" spans="14:14">
      <c r="N184884" s="10"/>
    </row>
    <row r="184885" spans="14:14">
      <c r="N184885" s="10"/>
    </row>
    <row r="184886" spans="14:14">
      <c r="N184886" s="10"/>
    </row>
    <row r="184887" spans="14:14">
      <c r="N184887" s="10"/>
    </row>
    <row r="184888" spans="14:14">
      <c r="N184888" s="10"/>
    </row>
    <row r="184889" spans="14:14">
      <c r="N184889" s="10"/>
    </row>
    <row r="184890" spans="14:14">
      <c r="N184890" s="10"/>
    </row>
    <row r="184891" spans="14:14">
      <c r="N184891" s="10"/>
    </row>
    <row r="184892" spans="14:14">
      <c r="N184892" s="10"/>
    </row>
    <row r="184893" spans="14:14">
      <c r="N184893" s="10"/>
    </row>
    <row r="184894" spans="14:14">
      <c r="N184894" s="10"/>
    </row>
    <row r="184895" spans="14:14">
      <c r="N184895" s="10"/>
    </row>
    <row r="184896" spans="14:14">
      <c r="N184896" s="10"/>
    </row>
    <row r="184897" spans="14:14">
      <c r="N184897" s="10"/>
    </row>
    <row r="184898" spans="14:14">
      <c r="N184898" s="10"/>
    </row>
    <row r="184899" spans="14:14">
      <c r="N184899" s="10"/>
    </row>
    <row r="184900" spans="14:14">
      <c r="N184900" s="10"/>
    </row>
    <row r="184901" spans="14:14">
      <c r="N184901" s="10"/>
    </row>
    <row r="184902" spans="14:14">
      <c r="N184902" s="10"/>
    </row>
    <row r="184903" spans="14:14">
      <c r="N184903" s="10"/>
    </row>
    <row r="184904" spans="14:14">
      <c r="N184904" s="10"/>
    </row>
    <row r="184905" spans="14:14">
      <c r="N184905" s="10"/>
    </row>
    <row r="184906" spans="14:14">
      <c r="N184906" s="10"/>
    </row>
    <row r="184907" spans="14:14">
      <c r="N184907" s="10"/>
    </row>
    <row r="184908" spans="14:14">
      <c r="N184908" s="10"/>
    </row>
    <row r="184909" spans="14:14">
      <c r="N184909" s="10"/>
    </row>
    <row r="184910" spans="14:14">
      <c r="N184910" s="10"/>
    </row>
    <row r="184911" spans="14:14">
      <c r="N184911" s="10"/>
    </row>
    <row r="184912" spans="14:14">
      <c r="N184912" s="10"/>
    </row>
    <row r="184913" spans="14:14">
      <c r="N184913" s="10"/>
    </row>
    <row r="184914" spans="14:14">
      <c r="N184914" s="10"/>
    </row>
    <row r="184915" spans="14:14">
      <c r="N184915" s="10"/>
    </row>
    <row r="184916" spans="14:14">
      <c r="N184916" s="10"/>
    </row>
    <row r="184917" spans="14:14">
      <c r="N184917" s="10"/>
    </row>
    <row r="184918" spans="14:14">
      <c r="N184918" s="10"/>
    </row>
    <row r="184919" spans="14:14">
      <c r="N184919" s="10"/>
    </row>
    <row r="184920" spans="14:14">
      <c r="N184920" s="10"/>
    </row>
    <row r="184921" spans="14:14">
      <c r="N184921" s="10"/>
    </row>
    <row r="184922" spans="14:14">
      <c r="N184922" s="10"/>
    </row>
    <row r="184923" spans="14:14">
      <c r="N184923" s="10"/>
    </row>
    <row r="184924" spans="14:14">
      <c r="N184924" s="10"/>
    </row>
    <row r="184925" spans="14:14">
      <c r="N184925" s="10"/>
    </row>
    <row r="184926" spans="14:14">
      <c r="N184926" s="10"/>
    </row>
    <row r="184927" spans="14:14">
      <c r="N184927" s="10"/>
    </row>
    <row r="184928" spans="14:14">
      <c r="N184928" s="10"/>
    </row>
    <row r="184929" spans="14:14">
      <c r="N184929" s="10"/>
    </row>
    <row r="184930" spans="14:14">
      <c r="N184930" s="10"/>
    </row>
    <row r="184931" spans="14:14">
      <c r="N184931" s="10"/>
    </row>
    <row r="184932" spans="14:14">
      <c r="N184932" s="10"/>
    </row>
    <row r="184933" spans="14:14">
      <c r="N184933" s="10"/>
    </row>
    <row r="184934" spans="14:14">
      <c r="N184934" s="10"/>
    </row>
    <row r="184935" spans="14:14">
      <c r="N184935" s="10"/>
    </row>
    <row r="184936" spans="14:14">
      <c r="N184936" s="10"/>
    </row>
    <row r="184937" spans="14:14">
      <c r="N184937" s="10"/>
    </row>
    <row r="184938" spans="14:14">
      <c r="N184938" s="10"/>
    </row>
    <row r="184939" spans="14:14">
      <c r="N184939" s="10"/>
    </row>
    <row r="184940" spans="14:14">
      <c r="N184940" s="10"/>
    </row>
    <row r="184941" spans="14:14">
      <c r="N184941" s="10"/>
    </row>
    <row r="184942" spans="14:14">
      <c r="N184942" s="10"/>
    </row>
    <row r="184943" spans="14:14">
      <c r="N184943" s="10"/>
    </row>
    <row r="184944" spans="14:14">
      <c r="N184944" s="10"/>
    </row>
    <row r="184945" spans="14:14">
      <c r="N184945" s="10"/>
    </row>
    <row r="184946" spans="14:14">
      <c r="N184946" s="10"/>
    </row>
    <row r="184947" spans="14:14">
      <c r="N184947" s="10"/>
    </row>
    <row r="184948" spans="14:14">
      <c r="N184948" s="10"/>
    </row>
    <row r="184949" spans="14:14">
      <c r="N184949" s="10"/>
    </row>
    <row r="184950" spans="14:14">
      <c r="N184950" s="10"/>
    </row>
    <row r="184951" spans="14:14">
      <c r="N184951" s="10"/>
    </row>
    <row r="184952" spans="14:14">
      <c r="N184952" s="10"/>
    </row>
    <row r="184953" spans="14:14">
      <c r="N184953" s="10"/>
    </row>
    <row r="184954" spans="14:14">
      <c r="N184954" s="10"/>
    </row>
    <row r="184955" spans="14:14">
      <c r="N184955" s="10"/>
    </row>
    <row r="184956" spans="14:14">
      <c r="N184956" s="10"/>
    </row>
    <row r="184957" spans="14:14">
      <c r="N184957" s="10"/>
    </row>
    <row r="184958" spans="14:14">
      <c r="N184958" s="10"/>
    </row>
    <row r="184959" spans="14:14">
      <c r="N184959" s="10"/>
    </row>
    <row r="184960" spans="14:14">
      <c r="N184960" s="10"/>
    </row>
    <row r="184961" spans="14:14">
      <c r="N184961" s="10"/>
    </row>
    <row r="184962" spans="14:14">
      <c r="N184962" s="10"/>
    </row>
    <row r="184963" spans="14:14">
      <c r="N184963" s="10"/>
    </row>
    <row r="184964" spans="14:14">
      <c r="N184964" s="10"/>
    </row>
    <row r="184965" spans="14:14">
      <c r="N184965" s="10"/>
    </row>
    <row r="184966" spans="14:14">
      <c r="N184966" s="10"/>
    </row>
    <row r="184967" spans="14:14">
      <c r="N184967" s="10"/>
    </row>
    <row r="184968" spans="14:14">
      <c r="N184968" s="10"/>
    </row>
    <row r="184969" spans="14:14">
      <c r="N184969" s="10"/>
    </row>
    <row r="184970" spans="14:14">
      <c r="N184970" s="10"/>
    </row>
    <row r="184971" spans="14:14">
      <c r="N184971" s="10"/>
    </row>
    <row r="184972" spans="14:14">
      <c r="N184972" s="10"/>
    </row>
    <row r="184973" spans="14:14">
      <c r="N184973" s="10"/>
    </row>
    <row r="184974" spans="14:14">
      <c r="N184974" s="10"/>
    </row>
    <row r="184975" spans="14:14">
      <c r="N184975" s="10"/>
    </row>
    <row r="184976" spans="14:14">
      <c r="N184976" s="10"/>
    </row>
    <row r="184977" spans="14:14">
      <c r="N184977" s="10"/>
    </row>
    <row r="184978" spans="14:14">
      <c r="N184978" s="10"/>
    </row>
    <row r="184979" spans="14:14">
      <c r="N184979" s="10"/>
    </row>
    <row r="184980" spans="14:14">
      <c r="N184980" s="10"/>
    </row>
    <row r="184981" spans="14:14">
      <c r="N184981" s="10"/>
    </row>
    <row r="184982" spans="14:14">
      <c r="N184982" s="10"/>
    </row>
    <row r="184983" spans="14:14">
      <c r="N184983" s="10"/>
    </row>
    <row r="184984" spans="14:14">
      <c r="N184984" s="10"/>
    </row>
    <row r="184985" spans="14:14">
      <c r="N184985" s="10"/>
    </row>
    <row r="184986" spans="14:14">
      <c r="N184986" s="10"/>
    </row>
    <row r="184987" spans="14:14">
      <c r="N184987" s="10"/>
    </row>
    <row r="184988" spans="14:14">
      <c r="N184988" s="10"/>
    </row>
    <row r="184989" spans="14:14">
      <c r="N184989" s="10"/>
    </row>
    <row r="184990" spans="14:14">
      <c r="N184990" s="10"/>
    </row>
    <row r="184991" spans="14:14">
      <c r="N184991" s="10"/>
    </row>
    <row r="184992" spans="14:14">
      <c r="N184992" s="10"/>
    </row>
    <row r="184993" spans="14:14">
      <c r="N184993" s="10"/>
    </row>
    <row r="184994" spans="14:14">
      <c r="N184994" s="10"/>
    </row>
    <row r="184995" spans="14:14">
      <c r="N184995" s="10"/>
    </row>
    <row r="184996" spans="14:14">
      <c r="N184996" s="10"/>
    </row>
    <row r="184997" spans="14:14">
      <c r="N184997" s="10"/>
    </row>
    <row r="184998" spans="14:14">
      <c r="N184998" s="10"/>
    </row>
    <row r="184999" spans="14:14">
      <c r="N184999" s="10"/>
    </row>
    <row r="185000" spans="14:14">
      <c r="N185000" s="10"/>
    </row>
    <row r="185001" spans="14:14">
      <c r="N185001" s="10"/>
    </row>
    <row r="185002" spans="14:14">
      <c r="N185002" s="10"/>
    </row>
    <row r="185003" spans="14:14">
      <c r="N185003" s="10"/>
    </row>
    <row r="185004" spans="14:14">
      <c r="N185004" s="10"/>
    </row>
    <row r="185005" spans="14:14">
      <c r="N185005" s="10"/>
    </row>
    <row r="185006" spans="14:14">
      <c r="N185006" s="10"/>
    </row>
    <row r="185007" spans="14:14">
      <c r="N185007" s="10"/>
    </row>
    <row r="185008" spans="14:14">
      <c r="N185008" s="10"/>
    </row>
    <row r="185009" spans="14:14">
      <c r="N185009" s="10"/>
    </row>
    <row r="185010" spans="14:14">
      <c r="N185010" s="10"/>
    </row>
    <row r="185011" spans="14:14">
      <c r="N185011" s="10"/>
    </row>
    <row r="185012" spans="14:14">
      <c r="N185012" s="10"/>
    </row>
    <row r="185013" spans="14:14">
      <c r="N185013" s="10"/>
    </row>
    <row r="185014" spans="14:14">
      <c r="N185014" s="10"/>
    </row>
    <row r="185015" spans="14:14">
      <c r="N185015" s="10"/>
    </row>
    <row r="185016" spans="14:14">
      <c r="N185016" s="10"/>
    </row>
    <row r="185017" spans="14:14">
      <c r="N185017" s="10"/>
    </row>
    <row r="185018" spans="14:14">
      <c r="N185018" s="10"/>
    </row>
    <row r="185019" spans="14:14">
      <c r="N185019" s="10"/>
    </row>
    <row r="185020" spans="14:14">
      <c r="N185020" s="10"/>
    </row>
    <row r="185021" spans="14:14">
      <c r="N185021" s="10"/>
    </row>
    <row r="185022" spans="14:14">
      <c r="N185022" s="10"/>
    </row>
    <row r="185023" spans="14:14">
      <c r="N185023" s="10"/>
    </row>
    <row r="185024" spans="14:14">
      <c r="N185024" s="10"/>
    </row>
    <row r="185025" spans="14:14">
      <c r="N185025" s="10"/>
    </row>
    <row r="185026" spans="14:14">
      <c r="N185026" s="10"/>
    </row>
    <row r="185027" spans="14:14">
      <c r="N185027" s="10"/>
    </row>
    <row r="185028" spans="14:14">
      <c r="N185028" s="10"/>
    </row>
    <row r="185029" spans="14:14">
      <c r="N185029" s="10"/>
    </row>
    <row r="185030" spans="14:14">
      <c r="N185030" s="10"/>
    </row>
    <row r="185031" spans="14:14">
      <c r="N185031" s="10"/>
    </row>
    <row r="185032" spans="14:14">
      <c r="N185032" s="10"/>
    </row>
    <row r="185033" spans="14:14">
      <c r="N185033" s="10"/>
    </row>
    <row r="185034" spans="14:14">
      <c r="N185034" s="10"/>
    </row>
    <row r="185035" spans="14:14">
      <c r="N185035" s="10"/>
    </row>
    <row r="185036" spans="14:14">
      <c r="N185036" s="10"/>
    </row>
    <row r="185037" spans="14:14">
      <c r="N185037" s="10"/>
    </row>
    <row r="185038" spans="14:14">
      <c r="N185038" s="10"/>
    </row>
    <row r="185039" spans="14:14">
      <c r="N185039" s="10"/>
    </row>
    <row r="185040" spans="14:14">
      <c r="N185040" s="10"/>
    </row>
    <row r="185041" spans="14:14">
      <c r="N185041" s="10"/>
    </row>
    <row r="185042" spans="14:14">
      <c r="N185042" s="10"/>
    </row>
    <row r="185043" spans="14:14">
      <c r="N185043" s="10"/>
    </row>
    <row r="185044" spans="14:14">
      <c r="N185044" s="10"/>
    </row>
    <row r="185045" spans="14:14">
      <c r="N185045" s="10"/>
    </row>
    <row r="185046" spans="14:14">
      <c r="N185046" s="10"/>
    </row>
    <row r="185047" spans="14:14">
      <c r="N185047" s="10"/>
    </row>
    <row r="185048" spans="14:14">
      <c r="N185048" s="10"/>
    </row>
    <row r="185049" spans="14:14">
      <c r="N185049" s="10"/>
    </row>
    <row r="185050" spans="14:14">
      <c r="N185050" s="10"/>
    </row>
    <row r="185051" spans="14:14">
      <c r="N185051" s="10"/>
    </row>
    <row r="185052" spans="14:14">
      <c r="N185052" s="10"/>
    </row>
    <row r="185053" spans="14:14">
      <c r="N185053" s="10"/>
    </row>
    <row r="185054" spans="14:14">
      <c r="N185054" s="10"/>
    </row>
    <row r="185055" spans="14:14">
      <c r="N185055" s="10"/>
    </row>
    <row r="185056" spans="14:14">
      <c r="N185056" s="10"/>
    </row>
    <row r="185057" spans="14:14">
      <c r="N185057" s="10"/>
    </row>
    <row r="185058" spans="14:14">
      <c r="N185058" s="10"/>
    </row>
    <row r="185059" spans="14:14">
      <c r="N185059" s="10"/>
    </row>
    <row r="185060" spans="14:14">
      <c r="N185060" s="10"/>
    </row>
    <row r="185061" spans="14:14">
      <c r="N185061" s="10"/>
    </row>
    <row r="185062" spans="14:14">
      <c r="N185062" s="10"/>
    </row>
    <row r="185063" spans="14:14">
      <c r="N185063" s="10"/>
    </row>
    <row r="185064" spans="14:14">
      <c r="N185064" s="10"/>
    </row>
    <row r="185065" spans="14:14">
      <c r="N185065" s="10"/>
    </row>
    <row r="185066" spans="14:14">
      <c r="N185066" s="10"/>
    </row>
    <row r="185067" spans="14:14">
      <c r="N185067" s="10"/>
    </row>
    <row r="185068" spans="14:14">
      <c r="N185068" s="10"/>
    </row>
    <row r="185069" spans="14:14">
      <c r="N185069" s="10"/>
    </row>
    <row r="185070" spans="14:14">
      <c r="N185070" s="10"/>
    </row>
    <row r="185071" spans="14:14">
      <c r="N185071" s="10"/>
    </row>
    <row r="185072" spans="14:14">
      <c r="N185072" s="10"/>
    </row>
    <row r="185073" spans="14:14">
      <c r="N185073" s="10"/>
    </row>
    <row r="185074" spans="14:14">
      <c r="N185074" s="10"/>
    </row>
    <row r="185075" spans="14:14">
      <c r="N185075" s="10"/>
    </row>
    <row r="185076" spans="14:14">
      <c r="N185076" s="10"/>
    </row>
    <row r="185077" spans="14:14">
      <c r="N185077" s="10"/>
    </row>
    <row r="185078" spans="14:14">
      <c r="N185078" s="10"/>
    </row>
    <row r="185079" spans="14:14">
      <c r="N185079" s="10"/>
    </row>
    <row r="185080" spans="14:14">
      <c r="N185080" s="10"/>
    </row>
    <row r="185081" spans="14:14">
      <c r="N185081" s="10"/>
    </row>
    <row r="185082" spans="14:14">
      <c r="N185082" s="10"/>
    </row>
    <row r="185083" spans="14:14">
      <c r="N185083" s="10"/>
    </row>
    <row r="185084" spans="14:14">
      <c r="N185084" s="10"/>
    </row>
    <row r="185085" spans="14:14">
      <c r="N185085" s="10"/>
    </row>
    <row r="185086" spans="14:14">
      <c r="N185086" s="10"/>
    </row>
    <row r="185087" spans="14:14">
      <c r="N185087" s="10"/>
    </row>
    <row r="185088" spans="14:14">
      <c r="N185088" s="10"/>
    </row>
    <row r="185089" spans="14:14">
      <c r="N185089" s="10"/>
    </row>
    <row r="185090" spans="14:14">
      <c r="N185090" s="10"/>
    </row>
    <row r="185091" spans="14:14">
      <c r="N185091" s="10"/>
    </row>
    <row r="185092" spans="14:14">
      <c r="N185092" s="10"/>
    </row>
    <row r="185093" spans="14:14">
      <c r="N185093" s="10"/>
    </row>
    <row r="185094" spans="14:14">
      <c r="N185094" s="10"/>
    </row>
    <row r="185095" spans="14:14">
      <c r="N185095" s="10"/>
    </row>
    <row r="185096" spans="14:14">
      <c r="N185096" s="10"/>
    </row>
    <row r="185097" spans="14:14">
      <c r="N185097" s="10"/>
    </row>
    <row r="185098" spans="14:14">
      <c r="N185098" s="10"/>
    </row>
    <row r="185099" spans="14:14">
      <c r="N185099" s="10"/>
    </row>
    <row r="185100" spans="14:14">
      <c r="N185100" s="10"/>
    </row>
    <row r="185101" spans="14:14">
      <c r="N185101" s="10"/>
    </row>
    <row r="185102" spans="14:14">
      <c r="N185102" s="10"/>
    </row>
    <row r="185103" spans="14:14">
      <c r="N185103" s="10"/>
    </row>
    <row r="185104" spans="14:14">
      <c r="N185104" s="10"/>
    </row>
    <row r="185105" spans="14:14">
      <c r="N185105" s="10"/>
    </row>
    <row r="185106" spans="14:14">
      <c r="N185106" s="10"/>
    </row>
    <row r="185107" spans="14:14">
      <c r="N185107" s="10"/>
    </row>
    <row r="185108" spans="14:14">
      <c r="N185108" s="10"/>
    </row>
    <row r="185109" spans="14:14">
      <c r="N185109" s="10"/>
    </row>
    <row r="185110" spans="14:14">
      <c r="N185110" s="10"/>
    </row>
    <row r="185111" spans="14:14">
      <c r="N185111" s="10"/>
    </row>
    <row r="185112" spans="14:14">
      <c r="N185112" s="10"/>
    </row>
    <row r="185113" spans="14:14">
      <c r="N185113" s="10"/>
    </row>
    <row r="185114" spans="14:14">
      <c r="N185114" s="10"/>
    </row>
    <row r="185115" spans="14:14">
      <c r="N185115" s="10"/>
    </row>
    <row r="185116" spans="14:14">
      <c r="N185116" s="10"/>
    </row>
    <row r="185117" spans="14:14">
      <c r="N185117" s="10"/>
    </row>
    <row r="185118" spans="14:14">
      <c r="N185118" s="10"/>
    </row>
    <row r="185119" spans="14:14">
      <c r="N185119" s="10"/>
    </row>
    <row r="185120" spans="14:14">
      <c r="N185120" s="10"/>
    </row>
    <row r="185121" spans="14:14">
      <c r="N185121" s="10"/>
    </row>
    <row r="185122" spans="14:14">
      <c r="N185122" s="10"/>
    </row>
    <row r="185123" spans="14:14">
      <c r="N185123" s="10"/>
    </row>
    <row r="185124" spans="14:14">
      <c r="N185124" s="10"/>
    </row>
    <row r="185125" spans="14:14">
      <c r="N185125" s="10"/>
    </row>
    <row r="185126" spans="14:14">
      <c r="N185126" s="10"/>
    </row>
    <row r="185127" spans="14:14">
      <c r="N185127" s="10"/>
    </row>
    <row r="185128" spans="14:14">
      <c r="N185128" s="10"/>
    </row>
    <row r="185129" spans="14:14">
      <c r="N185129" s="10"/>
    </row>
    <row r="185130" spans="14:14">
      <c r="N185130" s="10"/>
    </row>
    <row r="185131" spans="14:14">
      <c r="N185131" s="10"/>
    </row>
    <row r="185132" spans="14:14">
      <c r="N185132" s="10"/>
    </row>
    <row r="185133" spans="14:14">
      <c r="N185133" s="10"/>
    </row>
    <row r="185134" spans="14:14">
      <c r="N185134" s="10"/>
    </row>
    <row r="185135" spans="14:14">
      <c r="N185135" s="10"/>
    </row>
    <row r="185136" spans="14:14">
      <c r="N185136" s="10"/>
    </row>
    <row r="185137" spans="14:14">
      <c r="N185137" s="10"/>
    </row>
    <row r="185138" spans="14:14">
      <c r="N185138" s="10"/>
    </row>
    <row r="185139" spans="14:14">
      <c r="N185139" s="10"/>
    </row>
    <row r="185140" spans="14:14">
      <c r="N185140" s="10"/>
    </row>
    <row r="185141" spans="14:14">
      <c r="N185141" s="10"/>
    </row>
    <row r="185142" spans="14:14">
      <c r="N185142" s="10"/>
    </row>
    <row r="185143" spans="14:14">
      <c r="N185143" s="10"/>
    </row>
    <row r="185144" spans="14:14">
      <c r="N185144" s="10"/>
    </row>
    <row r="185145" spans="14:14">
      <c r="N185145" s="10"/>
    </row>
    <row r="185146" spans="14:14">
      <c r="N185146" s="10"/>
    </row>
    <row r="185147" spans="14:14">
      <c r="N185147" s="10"/>
    </row>
    <row r="185148" spans="14:14">
      <c r="N185148" s="10"/>
    </row>
    <row r="185149" spans="14:14">
      <c r="N185149" s="10"/>
    </row>
    <row r="185150" spans="14:14">
      <c r="N185150" s="10"/>
    </row>
    <row r="185151" spans="14:14">
      <c r="N185151" s="10"/>
    </row>
    <row r="185152" spans="14:14">
      <c r="N185152" s="10"/>
    </row>
    <row r="185153" spans="14:14">
      <c r="N185153" s="10"/>
    </row>
    <row r="185154" spans="14:14">
      <c r="N185154" s="10"/>
    </row>
    <row r="185155" spans="14:14">
      <c r="N185155" s="10"/>
    </row>
    <row r="185156" spans="14:14">
      <c r="N185156" s="10"/>
    </row>
    <row r="185157" spans="14:14">
      <c r="N185157" s="10"/>
    </row>
    <row r="185158" spans="14:14">
      <c r="N185158" s="10"/>
    </row>
    <row r="185159" spans="14:14">
      <c r="N185159" s="10"/>
    </row>
    <row r="185160" spans="14:14">
      <c r="N185160" s="10"/>
    </row>
    <row r="185161" spans="14:14">
      <c r="N185161" s="10"/>
    </row>
    <row r="185162" spans="14:14">
      <c r="N185162" s="10"/>
    </row>
    <row r="185163" spans="14:14">
      <c r="N185163" s="10"/>
    </row>
    <row r="185164" spans="14:14">
      <c r="N185164" s="10"/>
    </row>
    <row r="185165" spans="14:14">
      <c r="N185165" s="10"/>
    </row>
    <row r="185166" spans="14:14">
      <c r="N185166" s="10"/>
    </row>
    <row r="185167" spans="14:14">
      <c r="N185167" s="10"/>
    </row>
    <row r="185168" spans="14:14">
      <c r="N185168" s="10"/>
    </row>
    <row r="185169" spans="14:14">
      <c r="N185169" s="10"/>
    </row>
    <row r="185170" spans="14:14">
      <c r="N185170" s="10"/>
    </row>
    <row r="185171" spans="14:14">
      <c r="N185171" s="10"/>
    </row>
    <row r="185172" spans="14:14">
      <c r="N185172" s="10"/>
    </row>
    <row r="185173" spans="14:14">
      <c r="N185173" s="10"/>
    </row>
    <row r="185174" spans="14:14">
      <c r="N185174" s="10"/>
    </row>
    <row r="185175" spans="14:14">
      <c r="N185175" s="10"/>
    </row>
    <row r="185176" spans="14:14">
      <c r="N185176" s="10"/>
    </row>
    <row r="185177" spans="14:14">
      <c r="N185177" s="10"/>
    </row>
    <row r="185178" spans="14:14">
      <c r="N185178" s="10"/>
    </row>
    <row r="185179" spans="14:14">
      <c r="N185179" s="10"/>
    </row>
    <row r="185180" spans="14:14">
      <c r="N185180" s="10"/>
    </row>
    <row r="185181" spans="14:14">
      <c r="N185181" s="10"/>
    </row>
    <row r="185182" spans="14:14">
      <c r="N185182" s="10"/>
    </row>
    <row r="185183" spans="14:14">
      <c r="N185183" s="10"/>
    </row>
    <row r="185184" spans="14:14">
      <c r="N185184" s="10"/>
    </row>
    <row r="185185" spans="14:14">
      <c r="N185185" s="10"/>
    </row>
    <row r="185186" spans="14:14">
      <c r="N185186" s="10"/>
    </row>
    <row r="185187" spans="14:14">
      <c r="N185187" s="10"/>
    </row>
    <row r="185188" spans="14:14">
      <c r="N185188" s="10"/>
    </row>
    <row r="185189" spans="14:14">
      <c r="N185189" s="10"/>
    </row>
    <row r="185190" spans="14:14">
      <c r="N185190" s="10"/>
    </row>
    <row r="185191" spans="14:14">
      <c r="N185191" s="10"/>
    </row>
    <row r="185192" spans="14:14">
      <c r="N185192" s="10"/>
    </row>
    <row r="185193" spans="14:14">
      <c r="N185193" s="10"/>
    </row>
    <row r="185194" spans="14:14">
      <c r="N185194" s="10"/>
    </row>
    <row r="185195" spans="14:14">
      <c r="N185195" s="10"/>
    </row>
    <row r="185196" spans="14:14">
      <c r="N185196" s="10"/>
    </row>
    <row r="185197" spans="14:14">
      <c r="N185197" s="10"/>
    </row>
    <row r="185198" spans="14:14">
      <c r="N185198" s="10"/>
    </row>
    <row r="185199" spans="14:14">
      <c r="N185199" s="10"/>
    </row>
    <row r="185200" spans="14:14">
      <c r="N185200" s="10"/>
    </row>
    <row r="185201" spans="14:14">
      <c r="N185201" s="10"/>
    </row>
    <row r="185202" spans="14:14">
      <c r="N185202" s="10"/>
    </row>
    <row r="185203" spans="14:14">
      <c r="N185203" s="10"/>
    </row>
    <row r="185204" spans="14:14">
      <c r="N185204" s="10"/>
    </row>
    <row r="185205" spans="14:14">
      <c r="N185205" s="10"/>
    </row>
    <row r="185206" spans="14:14">
      <c r="N185206" s="10"/>
    </row>
    <row r="185207" spans="14:14">
      <c r="N185207" s="10"/>
    </row>
    <row r="185208" spans="14:14">
      <c r="N185208" s="10"/>
    </row>
    <row r="185209" spans="14:14">
      <c r="N185209" s="10"/>
    </row>
    <row r="185210" spans="14:14">
      <c r="N185210" s="10"/>
    </row>
    <row r="185211" spans="14:14">
      <c r="N185211" s="10"/>
    </row>
    <row r="185212" spans="14:14">
      <c r="N185212" s="10"/>
    </row>
    <row r="185213" spans="14:14">
      <c r="N185213" s="10"/>
    </row>
    <row r="185214" spans="14:14">
      <c r="N185214" s="10"/>
    </row>
    <row r="185215" spans="14:14">
      <c r="N185215" s="10"/>
    </row>
    <row r="185216" spans="14:14">
      <c r="N185216" s="10"/>
    </row>
    <row r="185217" spans="14:14">
      <c r="N185217" s="10"/>
    </row>
    <row r="185218" spans="14:14">
      <c r="N185218" s="10"/>
    </row>
    <row r="185219" spans="14:14">
      <c r="N185219" s="10"/>
    </row>
    <row r="185220" spans="14:14">
      <c r="N185220" s="10"/>
    </row>
    <row r="185221" spans="14:14">
      <c r="N185221" s="10"/>
    </row>
    <row r="185222" spans="14:14">
      <c r="N185222" s="10"/>
    </row>
    <row r="185223" spans="14:14">
      <c r="N185223" s="10"/>
    </row>
    <row r="185224" spans="14:14">
      <c r="N185224" s="10"/>
    </row>
    <row r="185225" spans="14:14">
      <c r="N185225" s="10"/>
    </row>
    <row r="185226" spans="14:14">
      <c r="N185226" s="10"/>
    </row>
    <row r="185227" spans="14:14">
      <c r="N185227" s="10"/>
    </row>
    <row r="185228" spans="14:14">
      <c r="N185228" s="10"/>
    </row>
    <row r="185229" spans="14:14">
      <c r="N185229" s="10"/>
    </row>
    <row r="185230" spans="14:14">
      <c r="N185230" s="10"/>
    </row>
    <row r="185231" spans="14:14">
      <c r="N185231" s="10"/>
    </row>
    <row r="185232" spans="14:14">
      <c r="N185232" s="10"/>
    </row>
    <row r="185233" spans="14:14">
      <c r="N185233" s="10"/>
    </row>
    <row r="185234" spans="14:14">
      <c r="N185234" s="10"/>
    </row>
    <row r="185235" spans="14:14">
      <c r="N185235" s="10"/>
    </row>
    <row r="185236" spans="14:14">
      <c r="N185236" s="10"/>
    </row>
    <row r="185237" spans="14:14">
      <c r="N185237" s="10"/>
    </row>
    <row r="185238" spans="14:14">
      <c r="N185238" s="10"/>
    </row>
    <row r="185239" spans="14:14">
      <c r="N185239" s="10"/>
    </row>
    <row r="185240" spans="14:14">
      <c r="N185240" s="10"/>
    </row>
    <row r="185241" spans="14:14">
      <c r="N185241" s="10"/>
    </row>
    <row r="185242" spans="14:14">
      <c r="N185242" s="10"/>
    </row>
    <row r="185243" spans="14:14">
      <c r="N185243" s="10"/>
    </row>
    <row r="185244" spans="14:14">
      <c r="N185244" s="10"/>
    </row>
    <row r="185245" spans="14:14">
      <c r="N185245" s="10"/>
    </row>
    <row r="185246" spans="14:14">
      <c r="N185246" s="10"/>
    </row>
    <row r="185247" spans="14:14">
      <c r="N185247" s="10"/>
    </row>
    <row r="185248" spans="14:14">
      <c r="N185248" s="10"/>
    </row>
    <row r="185249" spans="14:14">
      <c r="N185249" s="10"/>
    </row>
    <row r="185250" spans="14:14">
      <c r="N185250" s="10"/>
    </row>
    <row r="185251" spans="14:14">
      <c r="N185251" s="10"/>
    </row>
    <row r="185252" spans="14:14">
      <c r="N185252" s="10"/>
    </row>
    <row r="185253" spans="14:14">
      <c r="N185253" s="10"/>
    </row>
    <row r="185254" spans="14:14">
      <c r="N185254" s="10"/>
    </row>
    <row r="185255" spans="14:14">
      <c r="N185255" s="10"/>
    </row>
    <row r="185256" spans="14:14">
      <c r="N185256" s="10"/>
    </row>
    <row r="185257" spans="14:14">
      <c r="N185257" s="10"/>
    </row>
    <row r="185258" spans="14:14">
      <c r="N185258" s="10"/>
    </row>
    <row r="185259" spans="14:14">
      <c r="N185259" s="10"/>
    </row>
    <row r="185260" spans="14:14">
      <c r="N185260" s="10"/>
    </row>
    <row r="185261" spans="14:14">
      <c r="N185261" s="10"/>
    </row>
    <row r="185262" spans="14:14">
      <c r="N185262" s="10"/>
    </row>
    <row r="185263" spans="14:14">
      <c r="N185263" s="10"/>
    </row>
    <row r="185264" spans="14:14">
      <c r="N185264" s="10"/>
    </row>
    <row r="185265" spans="14:14">
      <c r="N185265" s="10"/>
    </row>
    <row r="185266" spans="14:14">
      <c r="N185266" s="10"/>
    </row>
    <row r="185267" spans="14:14">
      <c r="N185267" s="10"/>
    </row>
    <row r="185268" spans="14:14">
      <c r="N185268" s="10"/>
    </row>
    <row r="185269" spans="14:14">
      <c r="N185269" s="10"/>
    </row>
    <row r="185270" spans="14:14">
      <c r="N185270" s="10"/>
    </row>
    <row r="185271" spans="14:14">
      <c r="N185271" s="10"/>
    </row>
    <row r="185272" spans="14:14">
      <c r="N185272" s="10"/>
    </row>
    <row r="185273" spans="14:14">
      <c r="N185273" s="10"/>
    </row>
    <row r="185274" spans="14:14">
      <c r="N185274" s="10"/>
    </row>
    <row r="185275" spans="14:14">
      <c r="N185275" s="10"/>
    </row>
    <row r="185276" spans="14:14">
      <c r="N185276" s="10"/>
    </row>
    <row r="185277" spans="14:14">
      <c r="N185277" s="10"/>
    </row>
    <row r="185278" spans="14:14">
      <c r="N185278" s="10"/>
    </row>
    <row r="185279" spans="14:14">
      <c r="N185279" s="10"/>
    </row>
    <row r="185280" spans="14:14">
      <c r="N185280" s="10"/>
    </row>
    <row r="185281" spans="14:14">
      <c r="N185281" s="10"/>
    </row>
    <row r="185282" spans="14:14">
      <c r="N185282" s="10"/>
    </row>
    <row r="185283" spans="14:14">
      <c r="N185283" s="10"/>
    </row>
    <row r="185284" spans="14:14">
      <c r="N185284" s="10"/>
    </row>
    <row r="185285" spans="14:14">
      <c r="N185285" s="10"/>
    </row>
    <row r="185286" spans="14:14">
      <c r="N185286" s="10"/>
    </row>
    <row r="185287" spans="14:14">
      <c r="N185287" s="10"/>
    </row>
    <row r="185288" spans="14:14">
      <c r="N185288" s="10"/>
    </row>
    <row r="185289" spans="14:14">
      <c r="N185289" s="10"/>
    </row>
    <row r="185290" spans="14:14">
      <c r="N185290" s="10"/>
    </row>
    <row r="185291" spans="14:14">
      <c r="N185291" s="10"/>
    </row>
    <row r="185292" spans="14:14">
      <c r="N185292" s="10"/>
    </row>
    <row r="185293" spans="14:14">
      <c r="N185293" s="10"/>
    </row>
    <row r="185294" spans="14:14">
      <c r="N185294" s="10"/>
    </row>
    <row r="185295" spans="14:14">
      <c r="N185295" s="10"/>
    </row>
    <row r="185296" spans="14:14">
      <c r="N185296" s="10"/>
    </row>
    <row r="185297" spans="14:14">
      <c r="N185297" s="10"/>
    </row>
    <row r="185298" spans="14:14">
      <c r="N185298" s="10"/>
    </row>
    <row r="185299" spans="14:14">
      <c r="N185299" s="10"/>
    </row>
    <row r="185300" spans="14:14">
      <c r="N185300" s="10"/>
    </row>
    <row r="185301" spans="14:14">
      <c r="N185301" s="10"/>
    </row>
    <row r="185302" spans="14:14">
      <c r="N185302" s="10"/>
    </row>
    <row r="185303" spans="14:14">
      <c r="N185303" s="10"/>
    </row>
    <row r="185304" spans="14:14">
      <c r="N185304" s="10"/>
    </row>
    <row r="185305" spans="14:14">
      <c r="N185305" s="10"/>
    </row>
    <row r="185306" spans="14:14">
      <c r="N185306" s="10"/>
    </row>
    <row r="185307" spans="14:14">
      <c r="N185307" s="10"/>
    </row>
    <row r="185308" spans="14:14">
      <c r="N185308" s="10"/>
    </row>
    <row r="185309" spans="14:14">
      <c r="N185309" s="10"/>
    </row>
    <row r="185310" spans="14:14">
      <c r="N185310" s="10"/>
    </row>
    <row r="185311" spans="14:14">
      <c r="N185311" s="10"/>
    </row>
    <row r="185312" spans="14:14">
      <c r="N185312" s="10"/>
    </row>
    <row r="185313" spans="14:14">
      <c r="N185313" s="10"/>
    </row>
    <row r="185314" spans="14:14">
      <c r="N185314" s="10"/>
    </row>
    <row r="185315" spans="14:14">
      <c r="N185315" s="10"/>
    </row>
    <row r="185316" spans="14:14">
      <c r="N185316" s="10"/>
    </row>
    <row r="185317" spans="14:14">
      <c r="N185317" s="10"/>
    </row>
    <row r="185318" spans="14:14">
      <c r="N185318" s="10"/>
    </row>
    <row r="185319" spans="14:14">
      <c r="N185319" s="10"/>
    </row>
    <row r="185320" spans="14:14">
      <c r="N185320" s="10"/>
    </row>
    <row r="185321" spans="14:14">
      <c r="N185321" s="10"/>
    </row>
    <row r="185322" spans="14:14">
      <c r="N185322" s="10"/>
    </row>
    <row r="185323" spans="14:14">
      <c r="N185323" s="10"/>
    </row>
    <row r="185324" spans="14:14">
      <c r="N185324" s="10"/>
    </row>
    <row r="185325" spans="14:14">
      <c r="N185325" s="10"/>
    </row>
    <row r="185326" spans="14:14">
      <c r="N185326" s="10"/>
    </row>
    <row r="185327" spans="14:14">
      <c r="N185327" s="10"/>
    </row>
    <row r="185328" spans="14:14">
      <c r="N185328" s="10"/>
    </row>
    <row r="185329" spans="14:14">
      <c r="N185329" s="10"/>
    </row>
    <row r="185330" spans="14:14">
      <c r="N185330" s="10"/>
    </row>
    <row r="185331" spans="14:14">
      <c r="N185331" s="10"/>
    </row>
    <row r="185332" spans="14:14">
      <c r="N185332" s="10"/>
    </row>
    <row r="185333" spans="14:14">
      <c r="N185333" s="10"/>
    </row>
    <row r="185334" spans="14:14">
      <c r="N185334" s="10"/>
    </row>
    <row r="185335" spans="14:14">
      <c r="N185335" s="10"/>
    </row>
    <row r="185336" spans="14:14">
      <c r="N185336" s="10"/>
    </row>
    <row r="185337" spans="14:14">
      <c r="N185337" s="10"/>
    </row>
    <row r="185338" spans="14:14">
      <c r="N185338" s="10"/>
    </row>
    <row r="185339" spans="14:14">
      <c r="N185339" s="10"/>
    </row>
    <row r="185340" spans="14:14">
      <c r="N185340" s="10"/>
    </row>
    <row r="185341" spans="14:14">
      <c r="N185341" s="10"/>
    </row>
    <row r="185342" spans="14:14">
      <c r="N185342" s="10"/>
    </row>
    <row r="185343" spans="14:14">
      <c r="N185343" s="10"/>
    </row>
    <row r="185344" spans="14:14">
      <c r="N185344" s="10"/>
    </row>
    <row r="185345" spans="14:14">
      <c r="N185345" s="10"/>
    </row>
    <row r="185346" spans="14:14">
      <c r="N185346" s="10"/>
    </row>
    <row r="185347" spans="14:14">
      <c r="N185347" s="10"/>
    </row>
    <row r="185348" spans="14:14">
      <c r="N185348" s="10"/>
    </row>
    <row r="185349" spans="14:14">
      <c r="N185349" s="10"/>
    </row>
    <row r="185350" spans="14:14">
      <c r="N185350" s="10"/>
    </row>
    <row r="185351" spans="14:14">
      <c r="N185351" s="10"/>
    </row>
    <row r="185352" spans="14:14">
      <c r="N185352" s="10"/>
    </row>
    <row r="185353" spans="14:14">
      <c r="N185353" s="10"/>
    </row>
    <row r="185354" spans="14:14">
      <c r="N185354" s="10"/>
    </row>
    <row r="185355" spans="14:14">
      <c r="N185355" s="10"/>
    </row>
    <row r="185356" spans="14:14">
      <c r="N185356" s="10"/>
    </row>
    <row r="185357" spans="14:14">
      <c r="N185357" s="10"/>
    </row>
    <row r="185358" spans="14:14">
      <c r="N185358" s="10"/>
    </row>
    <row r="185359" spans="14:14">
      <c r="N185359" s="10"/>
    </row>
    <row r="185360" spans="14:14">
      <c r="N185360" s="10"/>
    </row>
    <row r="185361" spans="14:14">
      <c r="N185361" s="10"/>
    </row>
    <row r="185362" spans="14:14">
      <c r="N185362" s="10"/>
    </row>
    <row r="185363" spans="14:14">
      <c r="N185363" s="10"/>
    </row>
    <row r="185364" spans="14:14">
      <c r="N185364" s="10"/>
    </row>
    <row r="185365" spans="14:14">
      <c r="N185365" s="10"/>
    </row>
    <row r="185366" spans="14:14">
      <c r="N185366" s="10"/>
    </row>
    <row r="185367" spans="14:14">
      <c r="N185367" s="10"/>
    </row>
    <row r="185368" spans="14:14">
      <c r="N185368" s="10"/>
    </row>
    <row r="185369" spans="14:14">
      <c r="N185369" s="10"/>
    </row>
    <row r="185370" spans="14:14">
      <c r="N185370" s="10"/>
    </row>
    <row r="185371" spans="14:14">
      <c r="N185371" s="10"/>
    </row>
    <row r="185372" spans="14:14">
      <c r="N185372" s="10"/>
    </row>
    <row r="185373" spans="14:14">
      <c r="N185373" s="10"/>
    </row>
    <row r="185374" spans="14:14">
      <c r="N185374" s="10"/>
    </row>
    <row r="185375" spans="14:14">
      <c r="N185375" s="10"/>
    </row>
    <row r="185376" spans="14:14">
      <c r="N185376" s="10"/>
    </row>
    <row r="185377" spans="14:14">
      <c r="N185377" s="10"/>
    </row>
    <row r="185378" spans="14:14">
      <c r="N185378" s="10"/>
    </row>
    <row r="185379" spans="14:14">
      <c r="N185379" s="10"/>
    </row>
    <row r="185380" spans="14:14">
      <c r="N185380" s="10"/>
    </row>
    <row r="185381" spans="14:14">
      <c r="N185381" s="10"/>
    </row>
    <row r="185382" spans="14:14">
      <c r="N185382" s="10"/>
    </row>
    <row r="185383" spans="14:14">
      <c r="N185383" s="10"/>
    </row>
    <row r="185384" spans="14:14">
      <c r="N185384" s="10"/>
    </row>
    <row r="185385" spans="14:14">
      <c r="N185385" s="10"/>
    </row>
    <row r="185386" spans="14:14">
      <c r="N185386" s="10"/>
    </row>
    <row r="185387" spans="14:14">
      <c r="N185387" s="10"/>
    </row>
    <row r="185388" spans="14:14">
      <c r="N185388" s="10"/>
    </row>
    <row r="185389" spans="14:14">
      <c r="N185389" s="10"/>
    </row>
    <row r="185390" spans="14:14">
      <c r="N185390" s="10"/>
    </row>
    <row r="185391" spans="14:14">
      <c r="N185391" s="10"/>
    </row>
    <row r="185392" spans="14:14">
      <c r="N185392" s="10"/>
    </row>
    <row r="185393" spans="14:14">
      <c r="N185393" s="10"/>
    </row>
    <row r="185394" spans="14:14">
      <c r="N185394" s="10"/>
    </row>
    <row r="185395" spans="14:14">
      <c r="N185395" s="10"/>
    </row>
    <row r="185396" spans="14:14">
      <c r="N185396" s="10"/>
    </row>
    <row r="185397" spans="14:14">
      <c r="N185397" s="10"/>
    </row>
    <row r="185398" spans="14:14">
      <c r="N185398" s="10"/>
    </row>
    <row r="185399" spans="14:14">
      <c r="N185399" s="10"/>
    </row>
    <row r="185400" spans="14:14">
      <c r="N185400" s="10"/>
    </row>
    <row r="185401" spans="14:14">
      <c r="N185401" s="10"/>
    </row>
    <row r="185402" spans="14:14">
      <c r="N185402" s="10"/>
    </row>
    <row r="185403" spans="14:14">
      <c r="N185403" s="10"/>
    </row>
    <row r="185404" spans="14:14">
      <c r="N185404" s="10"/>
    </row>
    <row r="185405" spans="14:14">
      <c r="N185405" s="10"/>
    </row>
    <row r="185406" spans="14:14">
      <c r="N185406" s="10"/>
    </row>
    <row r="185407" spans="14:14">
      <c r="N185407" s="10"/>
    </row>
    <row r="185408" spans="14:14">
      <c r="N185408" s="10"/>
    </row>
    <row r="185409" spans="14:14">
      <c r="N185409" s="10"/>
    </row>
    <row r="185410" spans="14:14">
      <c r="N185410" s="10"/>
    </row>
    <row r="185411" spans="14:14">
      <c r="N185411" s="10"/>
    </row>
    <row r="185412" spans="14:14">
      <c r="N185412" s="10"/>
    </row>
    <row r="185413" spans="14:14">
      <c r="N185413" s="10"/>
    </row>
    <row r="185414" spans="14:14">
      <c r="N185414" s="10"/>
    </row>
    <row r="185415" spans="14:14">
      <c r="N185415" s="10"/>
    </row>
    <row r="185416" spans="14:14">
      <c r="N185416" s="10"/>
    </row>
    <row r="185417" spans="14:14">
      <c r="N185417" s="10"/>
    </row>
    <row r="185418" spans="14:14">
      <c r="N185418" s="10"/>
    </row>
    <row r="185419" spans="14:14">
      <c r="N185419" s="10"/>
    </row>
    <row r="185420" spans="14:14">
      <c r="N185420" s="10"/>
    </row>
    <row r="185421" spans="14:14">
      <c r="N185421" s="10"/>
    </row>
    <row r="185422" spans="14:14">
      <c r="N185422" s="10"/>
    </row>
    <row r="185423" spans="14:14">
      <c r="N185423" s="10"/>
    </row>
    <row r="185424" spans="14:14">
      <c r="N185424" s="10"/>
    </row>
    <row r="185425" spans="14:14">
      <c r="N185425" s="10"/>
    </row>
    <row r="185426" spans="14:14">
      <c r="N185426" s="10"/>
    </row>
    <row r="185427" spans="14:14">
      <c r="N185427" s="10"/>
    </row>
    <row r="185428" spans="14:14">
      <c r="N185428" s="10"/>
    </row>
    <row r="185429" spans="14:14">
      <c r="N185429" s="10"/>
    </row>
    <row r="185430" spans="14:14">
      <c r="N185430" s="10"/>
    </row>
    <row r="185431" spans="14:14">
      <c r="N185431" s="10"/>
    </row>
    <row r="185432" spans="14:14">
      <c r="N185432" s="10"/>
    </row>
    <row r="185433" spans="14:14">
      <c r="N185433" s="10"/>
    </row>
    <row r="185434" spans="14:14">
      <c r="N185434" s="10"/>
    </row>
    <row r="185435" spans="14:14">
      <c r="N185435" s="10"/>
    </row>
    <row r="185436" spans="14:14">
      <c r="N185436" s="10"/>
    </row>
    <row r="185437" spans="14:14">
      <c r="N185437" s="10"/>
    </row>
    <row r="185438" spans="14:14">
      <c r="N185438" s="10"/>
    </row>
    <row r="185439" spans="14:14">
      <c r="N185439" s="10"/>
    </row>
    <row r="185440" spans="14:14">
      <c r="N185440" s="10"/>
    </row>
    <row r="185441" spans="14:14">
      <c r="N185441" s="10"/>
    </row>
    <row r="185442" spans="14:14">
      <c r="N185442" s="10"/>
    </row>
    <row r="185443" spans="14:14">
      <c r="N185443" s="10"/>
    </row>
    <row r="185444" spans="14:14">
      <c r="N185444" s="10"/>
    </row>
    <row r="185445" spans="14:14">
      <c r="N185445" s="10"/>
    </row>
    <row r="185446" spans="14:14">
      <c r="N185446" s="10"/>
    </row>
    <row r="185447" spans="14:14">
      <c r="N185447" s="10"/>
    </row>
    <row r="185448" spans="14:14">
      <c r="N185448" s="10"/>
    </row>
    <row r="185449" spans="14:14">
      <c r="N185449" s="10"/>
    </row>
    <row r="185450" spans="14:14">
      <c r="N185450" s="10"/>
    </row>
    <row r="185451" spans="14:14">
      <c r="N185451" s="10"/>
    </row>
    <row r="185452" spans="14:14">
      <c r="N185452" s="10"/>
    </row>
    <row r="185453" spans="14:14">
      <c r="N185453" s="10"/>
    </row>
    <row r="185454" spans="14:14">
      <c r="N185454" s="10"/>
    </row>
    <row r="185455" spans="14:14">
      <c r="N185455" s="10"/>
    </row>
    <row r="185456" spans="14:14">
      <c r="N185456" s="10"/>
    </row>
    <row r="185457" spans="14:14">
      <c r="N185457" s="10"/>
    </row>
    <row r="185458" spans="14:14">
      <c r="N185458" s="10"/>
    </row>
    <row r="185459" spans="14:14">
      <c r="N185459" s="10"/>
    </row>
    <row r="185460" spans="14:14">
      <c r="N185460" s="10"/>
    </row>
    <row r="185461" spans="14:14">
      <c r="N185461" s="10"/>
    </row>
    <row r="185462" spans="14:14">
      <c r="N185462" s="10"/>
    </row>
    <row r="185463" spans="14:14">
      <c r="N185463" s="10"/>
    </row>
    <row r="185464" spans="14:14">
      <c r="N185464" s="10"/>
    </row>
    <row r="185465" spans="14:14">
      <c r="N185465" s="10"/>
    </row>
    <row r="185466" spans="14:14">
      <c r="N185466" s="10"/>
    </row>
    <row r="185467" spans="14:14">
      <c r="N185467" s="10"/>
    </row>
    <row r="185468" spans="14:14">
      <c r="N185468" s="10"/>
    </row>
    <row r="185469" spans="14:14">
      <c r="N185469" s="10"/>
    </row>
    <row r="185470" spans="14:14">
      <c r="N185470" s="10"/>
    </row>
    <row r="185471" spans="14:14">
      <c r="N185471" s="10"/>
    </row>
    <row r="185472" spans="14:14">
      <c r="N185472" s="10"/>
    </row>
    <row r="185473" spans="14:14">
      <c r="N185473" s="10"/>
    </row>
    <row r="185474" spans="14:14">
      <c r="N185474" s="10"/>
    </row>
    <row r="185475" spans="14:14">
      <c r="N185475" s="10"/>
    </row>
    <row r="185476" spans="14:14">
      <c r="N185476" s="10"/>
    </row>
    <row r="185477" spans="14:14">
      <c r="N185477" s="10"/>
    </row>
    <row r="185478" spans="14:14">
      <c r="N185478" s="10"/>
    </row>
    <row r="185479" spans="14:14">
      <c r="N185479" s="10"/>
    </row>
    <row r="185480" spans="14:14">
      <c r="N185480" s="10"/>
    </row>
    <row r="185481" spans="14:14">
      <c r="N185481" s="10"/>
    </row>
    <row r="185482" spans="14:14">
      <c r="N185482" s="10"/>
    </row>
    <row r="185483" spans="14:14">
      <c r="N185483" s="10"/>
    </row>
    <row r="185484" spans="14:14">
      <c r="N185484" s="10"/>
    </row>
    <row r="185485" spans="14:14">
      <c r="N185485" s="10"/>
    </row>
    <row r="185486" spans="14:14">
      <c r="N185486" s="10"/>
    </row>
    <row r="185487" spans="14:14">
      <c r="N185487" s="10"/>
    </row>
    <row r="185488" spans="14:14">
      <c r="N185488" s="10"/>
    </row>
    <row r="185489" spans="14:14">
      <c r="N185489" s="10"/>
    </row>
    <row r="185490" spans="14:14">
      <c r="N185490" s="10"/>
    </row>
    <row r="185491" spans="14:14">
      <c r="N185491" s="10"/>
    </row>
    <row r="185492" spans="14:14">
      <c r="N185492" s="10"/>
    </row>
    <row r="185493" spans="14:14">
      <c r="N185493" s="10"/>
    </row>
    <row r="185494" spans="14:14">
      <c r="N185494" s="10"/>
    </row>
    <row r="185495" spans="14:14">
      <c r="N185495" s="10"/>
    </row>
    <row r="185496" spans="14:14">
      <c r="N185496" s="10"/>
    </row>
    <row r="185497" spans="14:14">
      <c r="N185497" s="10"/>
    </row>
    <row r="185498" spans="14:14">
      <c r="N185498" s="10"/>
    </row>
    <row r="185499" spans="14:14">
      <c r="N185499" s="10"/>
    </row>
    <row r="185500" spans="14:14">
      <c r="N185500" s="10"/>
    </row>
    <row r="185501" spans="14:14">
      <c r="N185501" s="10"/>
    </row>
    <row r="185502" spans="14:14">
      <c r="N185502" s="10"/>
    </row>
    <row r="185503" spans="14:14">
      <c r="N185503" s="10"/>
    </row>
    <row r="185504" spans="14:14">
      <c r="N185504" s="10"/>
    </row>
    <row r="185505" spans="14:14">
      <c r="N185505" s="10"/>
    </row>
    <row r="185506" spans="14:14">
      <c r="N185506" s="10"/>
    </row>
    <row r="185507" spans="14:14">
      <c r="N185507" s="10"/>
    </row>
    <row r="185508" spans="14:14">
      <c r="N185508" s="10"/>
    </row>
    <row r="185509" spans="14:14">
      <c r="N185509" s="10"/>
    </row>
    <row r="185510" spans="14:14">
      <c r="N185510" s="10"/>
    </row>
    <row r="185511" spans="14:14">
      <c r="N185511" s="10"/>
    </row>
    <row r="185512" spans="14:14">
      <c r="N185512" s="10"/>
    </row>
    <row r="185513" spans="14:14">
      <c r="N185513" s="10"/>
    </row>
    <row r="185514" spans="14:14">
      <c r="N185514" s="10"/>
    </row>
    <row r="185515" spans="14:14">
      <c r="N185515" s="10"/>
    </row>
    <row r="185516" spans="14:14">
      <c r="N185516" s="10"/>
    </row>
    <row r="185517" spans="14:14">
      <c r="N185517" s="10"/>
    </row>
    <row r="185518" spans="14:14">
      <c r="N185518" s="10"/>
    </row>
    <row r="185519" spans="14:14">
      <c r="N185519" s="10"/>
    </row>
    <row r="185520" spans="14:14">
      <c r="N185520" s="10"/>
    </row>
    <row r="185521" spans="14:14">
      <c r="N185521" s="10"/>
    </row>
    <row r="185522" spans="14:14">
      <c r="N185522" s="10"/>
    </row>
    <row r="185523" spans="14:14">
      <c r="N185523" s="10"/>
    </row>
    <row r="185524" spans="14:14">
      <c r="N185524" s="10"/>
    </row>
    <row r="185525" spans="14:14">
      <c r="N185525" s="10"/>
    </row>
    <row r="185526" spans="14:14">
      <c r="N185526" s="10"/>
    </row>
    <row r="185527" spans="14:14">
      <c r="N185527" s="10"/>
    </row>
    <row r="185528" spans="14:14">
      <c r="N185528" s="10"/>
    </row>
    <row r="185529" spans="14:14">
      <c r="N185529" s="10"/>
    </row>
    <row r="185530" spans="14:14">
      <c r="N185530" s="10"/>
    </row>
    <row r="185531" spans="14:14">
      <c r="N185531" s="10"/>
    </row>
    <row r="185532" spans="14:14">
      <c r="N185532" s="10"/>
    </row>
    <row r="185533" spans="14:14">
      <c r="N185533" s="10"/>
    </row>
    <row r="185534" spans="14:14">
      <c r="N185534" s="10"/>
    </row>
    <row r="185535" spans="14:14">
      <c r="N185535" s="10"/>
    </row>
    <row r="185536" spans="14:14">
      <c r="N185536" s="10"/>
    </row>
    <row r="185537" spans="14:14">
      <c r="N185537" s="10"/>
    </row>
    <row r="185538" spans="14:14">
      <c r="N185538" s="10"/>
    </row>
    <row r="185539" spans="14:14">
      <c r="N185539" s="10"/>
    </row>
    <row r="185540" spans="14:14">
      <c r="N185540" s="10"/>
    </row>
    <row r="185541" spans="14:14">
      <c r="N185541" s="10"/>
    </row>
    <row r="185542" spans="14:14">
      <c r="N185542" s="10"/>
    </row>
    <row r="185543" spans="14:14">
      <c r="N185543" s="10"/>
    </row>
    <row r="185544" spans="14:14">
      <c r="N185544" s="10"/>
    </row>
    <row r="185545" spans="14:14">
      <c r="N185545" s="10"/>
    </row>
    <row r="185546" spans="14:14">
      <c r="N185546" s="10"/>
    </row>
    <row r="185547" spans="14:14">
      <c r="N185547" s="10"/>
    </row>
    <row r="185548" spans="14:14">
      <c r="N185548" s="10"/>
    </row>
    <row r="185549" spans="14:14">
      <c r="N185549" s="10"/>
    </row>
    <row r="185550" spans="14:14">
      <c r="N185550" s="10"/>
    </row>
    <row r="185551" spans="14:14">
      <c r="N185551" s="10"/>
    </row>
    <row r="185552" spans="14:14">
      <c r="N185552" s="10"/>
    </row>
    <row r="185553" spans="14:14">
      <c r="N185553" s="10"/>
    </row>
    <row r="185554" spans="14:14">
      <c r="N185554" s="10"/>
    </row>
    <row r="185555" spans="14:14">
      <c r="N185555" s="10"/>
    </row>
    <row r="185556" spans="14:14">
      <c r="N185556" s="10"/>
    </row>
    <row r="185557" spans="14:14">
      <c r="N185557" s="10"/>
    </row>
    <row r="185558" spans="14:14">
      <c r="N185558" s="10"/>
    </row>
    <row r="185559" spans="14:14">
      <c r="N185559" s="10"/>
    </row>
    <row r="185560" spans="14:14">
      <c r="N185560" s="10"/>
    </row>
    <row r="185561" spans="14:14">
      <c r="N185561" s="10"/>
    </row>
    <row r="185562" spans="14:14">
      <c r="N185562" s="10"/>
    </row>
    <row r="185563" spans="14:14">
      <c r="N185563" s="10"/>
    </row>
    <row r="185564" spans="14:14">
      <c r="N185564" s="10"/>
    </row>
    <row r="185565" spans="14:14">
      <c r="N185565" s="10"/>
    </row>
    <row r="185566" spans="14:14">
      <c r="N185566" s="10"/>
    </row>
    <row r="185567" spans="14:14">
      <c r="N185567" s="10"/>
    </row>
    <row r="185568" spans="14:14">
      <c r="N185568" s="10"/>
    </row>
    <row r="185569" spans="14:14">
      <c r="N185569" s="10"/>
    </row>
    <row r="185570" spans="14:14">
      <c r="N185570" s="10"/>
    </row>
    <row r="185571" spans="14:14">
      <c r="N185571" s="10"/>
    </row>
    <row r="185572" spans="14:14">
      <c r="N185572" s="10"/>
    </row>
    <row r="185573" spans="14:14">
      <c r="N185573" s="10"/>
    </row>
    <row r="185574" spans="14:14">
      <c r="N185574" s="10"/>
    </row>
    <row r="185575" spans="14:14">
      <c r="N185575" s="10"/>
    </row>
    <row r="185576" spans="14:14">
      <c r="N185576" s="10"/>
    </row>
    <row r="185577" spans="14:14">
      <c r="N185577" s="10"/>
    </row>
    <row r="185578" spans="14:14">
      <c r="N185578" s="10"/>
    </row>
    <row r="185579" spans="14:14">
      <c r="N185579" s="10"/>
    </row>
    <row r="185580" spans="14:14">
      <c r="N185580" s="10"/>
    </row>
    <row r="185581" spans="14:14">
      <c r="N185581" s="10"/>
    </row>
    <row r="185582" spans="14:14">
      <c r="N185582" s="10"/>
    </row>
    <row r="185583" spans="14:14">
      <c r="N185583" s="10"/>
    </row>
    <row r="185584" spans="14:14">
      <c r="N185584" s="10"/>
    </row>
    <row r="185585" spans="14:14">
      <c r="N185585" s="10"/>
    </row>
    <row r="185586" spans="14:14">
      <c r="N185586" s="10"/>
    </row>
    <row r="185587" spans="14:14">
      <c r="N185587" s="10"/>
    </row>
    <row r="185588" spans="14:14">
      <c r="N185588" s="10"/>
    </row>
    <row r="185589" spans="14:14">
      <c r="N185589" s="10"/>
    </row>
    <row r="185590" spans="14:14">
      <c r="N185590" s="10"/>
    </row>
    <row r="185591" spans="14:14">
      <c r="N185591" s="10"/>
    </row>
    <row r="185592" spans="14:14">
      <c r="N185592" s="10"/>
    </row>
    <row r="185593" spans="14:14">
      <c r="N185593" s="10"/>
    </row>
    <row r="185594" spans="14:14">
      <c r="N185594" s="10"/>
    </row>
    <row r="185595" spans="14:14">
      <c r="N185595" s="10"/>
    </row>
    <row r="185596" spans="14:14">
      <c r="N185596" s="10"/>
    </row>
    <row r="185597" spans="14:14">
      <c r="N185597" s="10"/>
    </row>
    <row r="185598" spans="14:14">
      <c r="N185598" s="10"/>
    </row>
    <row r="185599" spans="14:14">
      <c r="N185599" s="10"/>
    </row>
    <row r="185600" spans="14:14">
      <c r="N185600" s="10"/>
    </row>
    <row r="185601" spans="14:14">
      <c r="N185601" s="10"/>
    </row>
    <row r="185602" spans="14:14">
      <c r="N185602" s="10"/>
    </row>
    <row r="185603" spans="14:14">
      <c r="N185603" s="10"/>
    </row>
    <row r="185604" spans="14:14">
      <c r="N185604" s="10"/>
    </row>
    <row r="185605" spans="14:14">
      <c r="N185605" s="10"/>
    </row>
    <row r="185606" spans="14:14">
      <c r="N185606" s="10"/>
    </row>
    <row r="185607" spans="14:14">
      <c r="N185607" s="10"/>
    </row>
    <row r="185608" spans="14:14">
      <c r="N185608" s="10"/>
    </row>
    <row r="185609" spans="14:14">
      <c r="N185609" s="10"/>
    </row>
    <row r="185610" spans="14:14">
      <c r="N185610" s="10"/>
    </row>
    <row r="185611" spans="14:14">
      <c r="N185611" s="10"/>
    </row>
    <row r="185612" spans="14:14">
      <c r="N185612" s="10"/>
    </row>
    <row r="185613" spans="14:14">
      <c r="N185613" s="10"/>
    </row>
    <row r="185614" spans="14:14">
      <c r="N185614" s="10"/>
    </row>
    <row r="185615" spans="14:14">
      <c r="N185615" s="10"/>
    </row>
    <row r="185616" spans="14:14">
      <c r="N185616" s="10"/>
    </row>
    <row r="185617" spans="14:14">
      <c r="N185617" s="10"/>
    </row>
    <row r="185618" spans="14:14">
      <c r="N185618" s="10"/>
    </row>
    <row r="185619" spans="14:14">
      <c r="N185619" s="10"/>
    </row>
    <row r="185620" spans="14:14">
      <c r="N185620" s="10"/>
    </row>
    <row r="185621" spans="14:14">
      <c r="N185621" s="10"/>
    </row>
    <row r="185622" spans="14:14">
      <c r="N185622" s="10"/>
    </row>
    <row r="185623" spans="14:14">
      <c r="N185623" s="10"/>
    </row>
    <row r="185624" spans="14:14">
      <c r="N185624" s="10"/>
    </row>
    <row r="185625" spans="14:14">
      <c r="N185625" s="10"/>
    </row>
    <row r="185626" spans="14:14">
      <c r="N185626" s="10"/>
    </row>
    <row r="185627" spans="14:14">
      <c r="N185627" s="10"/>
    </row>
    <row r="185628" spans="14:14">
      <c r="N185628" s="10"/>
    </row>
    <row r="185629" spans="14:14">
      <c r="N185629" s="10"/>
    </row>
    <row r="185630" spans="14:14">
      <c r="N185630" s="10"/>
    </row>
    <row r="185631" spans="14:14">
      <c r="N185631" s="10"/>
    </row>
    <row r="185632" spans="14:14">
      <c r="N185632" s="10"/>
    </row>
    <row r="185633" spans="14:14">
      <c r="N185633" s="10"/>
    </row>
    <row r="185634" spans="14:14">
      <c r="N185634" s="10"/>
    </row>
    <row r="185635" spans="14:14">
      <c r="N185635" s="10"/>
    </row>
    <row r="185636" spans="14:14">
      <c r="N185636" s="10"/>
    </row>
    <row r="185637" spans="14:14">
      <c r="N185637" s="10"/>
    </row>
    <row r="185638" spans="14:14">
      <c r="N185638" s="10"/>
    </row>
    <row r="185639" spans="14:14">
      <c r="N185639" s="10"/>
    </row>
    <row r="185640" spans="14:14">
      <c r="N185640" s="10"/>
    </row>
    <row r="185641" spans="14:14">
      <c r="N185641" s="10"/>
    </row>
    <row r="185642" spans="14:14">
      <c r="N185642" s="10"/>
    </row>
    <row r="185643" spans="14:14">
      <c r="N185643" s="10"/>
    </row>
    <row r="185644" spans="14:14">
      <c r="N185644" s="10"/>
    </row>
    <row r="185645" spans="14:14">
      <c r="N185645" s="10"/>
    </row>
    <row r="185646" spans="14:14">
      <c r="N185646" s="10"/>
    </row>
    <row r="185647" spans="14:14">
      <c r="N185647" s="10"/>
    </row>
    <row r="185648" spans="14:14">
      <c r="N185648" s="10"/>
    </row>
    <row r="185649" spans="14:14">
      <c r="N185649" s="10"/>
    </row>
    <row r="185650" spans="14:14">
      <c r="N185650" s="10"/>
    </row>
    <row r="185651" spans="14:14">
      <c r="N185651" s="10"/>
    </row>
    <row r="185652" spans="14:14">
      <c r="N185652" s="10"/>
    </row>
    <row r="185653" spans="14:14">
      <c r="N185653" s="10"/>
    </row>
    <row r="185654" spans="14:14">
      <c r="N185654" s="10"/>
    </row>
    <row r="185655" spans="14:14">
      <c r="N185655" s="10"/>
    </row>
    <row r="185656" spans="14:14">
      <c r="N185656" s="10"/>
    </row>
    <row r="185657" spans="14:14">
      <c r="N185657" s="10"/>
    </row>
    <row r="185658" spans="14:14">
      <c r="N185658" s="10"/>
    </row>
    <row r="185659" spans="14:14">
      <c r="N185659" s="10"/>
    </row>
    <row r="185660" spans="14:14">
      <c r="N185660" s="10"/>
    </row>
    <row r="185661" spans="14:14">
      <c r="N185661" s="10"/>
    </row>
    <row r="185662" spans="14:14">
      <c r="N185662" s="10"/>
    </row>
    <row r="185663" spans="14:14">
      <c r="N185663" s="10"/>
    </row>
    <row r="185664" spans="14:14">
      <c r="N185664" s="10"/>
    </row>
    <row r="185665" spans="14:14">
      <c r="N185665" s="10"/>
    </row>
    <row r="185666" spans="14:14">
      <c r="N185666" s="10"/>
    </row>
    <row r="185667" spans="14:14">
      <c r="N185667" s="10"/>
    </row>
    <row r="185668" spans="14:14">
      <c r="N185668" s="10"/>
    </row>
    <row r="185669" spans="14:14">
      <c r="N185669" s="10"/>
    </row>
    <row r="185670" spans="14:14">
      <c r="N185670" s="10"/>
    </row>
    <row r="185671" spans="14:14">
      <c r="N185671" s="10"/>
    </row>
    <row r="185672" spans="14:14">
      <c r="N185672" s="10"/>
    </row>
    <row r="185673" spans="14:14">
      <c r="N185673" s="10"/>
    </row>
    <row r="185674" spans="14:14">
      <c r="N185674" s="10"/>
    </row>
    <row r="185675" spans="14:14">
      <c r="N185675" s="10"/>
    </row>
    <row r="185676" spans="14:14">
      <c r="N185676" s="10"/>
    </row>
    <row r="185677" spans="14:14">
      <c r="N185677" s="10"/>
    </row>
    <row r="185678" spans="14:14">
      <c r="N185678" s="10"/>
    </row>
    <row r="185679" spans="14:14">
      <c r="N185679" s="10"/>
    </row>
    <row r="185680" spans="14:14">
      <c r="N185680" s="10"/>
    </row>
    <row r="185681" spans="14:14">
      <c r="N185681" s="10"/>
    </row>
    <row r="185682" spans="14:14">
      <c r="N185682" s="10"/>
    </row>
    <row r="185683" spans="14:14">
      <c r="N185683" s="10"/>
    </row>
    <row r="185684" spans="14:14">
      <c r="N185684" s="10"/>
    </row>
    <row r="185685" spans="14:14">
      <c r="N185685" s="10"/>
    </row>
    <row r="185686" spans="14:14">
      <c r="N185686" s="10"/>
    </row>
    <row r="185687" spans="14:14">
      <c r="N185687" s="10"/>
    </row>
    <row r="185688" spans="14:14">
      <c r="N185688" s="10"/>
    </row>
    <row r="185689" spans="14:14">
      <c r="N185689" s="10"/>
    </row>
    <row r="185690" spans="14:14">
      <c r="N185690" s="10"/>
    </row>
    <row r="185691" spans="14:14">
      <c r="N185691" s="10"/>
    </row>
    <row r="185692" spans="14:14">
      <c r="N185692" s="10"/>
    </row>
    <row r="185693" spans="14:14">
      <c r="N185693" s="10"/>
    </row>
    <row r="185694" spans="14:14">
      <c r="N185694" s="10"/>
    </row>
    <row r="185695" spans="14:14">
      <c r="N185695" s="10"/>
    </row>
    <row r="185696" spans="14:14">
      <c r="N185696" s="10"/>
    </row>
    <row r="185697" spans="14:14">
      <c r="N185697" s="10"/>
    </row>
    <row r="185698" spans="14:14">
      <c r="N185698" s="10"/>
    </row>
    <row r="185699" spans="14:14">
      <c r="N185699" s="10"/>
    </row>
    <row r="185700" spans="14:14">
      <c r="N185700" s="10"/>
    </row>
    <row r="185701" spans="14:14">
      <c r="N185701" s="10"/>
    </row>
    <row r="185702" spans="14:14">
      <c r="N185702" s="10"/>
    </row>
    <row r="185703" spans="14:14">
      <c r="N185703" s="10"/>
    </row>
    <row r="185704" spans="14:14">
      <c r="N185704" s="10"/>
    </row>
    <row r="185705" spans="14:14">
      <c r="N185705" s="10"/>
    </row>
    <row r="185706" spans="14:14">
      <c r="N185706" s="10"/>
    </row>
    <row r="185707" spans="14:14">
      <c r="N185707" s="10"/>
    </row>
    <row r="185708" spans="14:14">
      <c r="N185708" s="10"/>
    </row>
    <row r="185709" spans="14:14">
      <c r="N185709" s="10"/>
    </row>
    <row r="185710" spans="14:14">
      <c r="N185710" s="10"/>
    </row>
    <row r="185711" spans="14:14">
      <c r="N185711" s="10"/>
    </row>
    <row r="185712" spans="14:14">
      <c r="N185712" s="10"/>
    </row>
    <row r="185713" spans="14:14">
      <c r="N185713" s="10"/>
    </row>
    <row r="185714" spans="14:14">
      <c r="N185714" s="10"/>
    </row>
    <row r="185715" spans="14:14">
      <c r="N185715" s="10"/>
    </row>
    <row r="185716" spans="14:14">
      <c r="N185716" s="10"/>
    </row>
    <row r="185717" spans="14:14">
      <c r="N185717" s="10"/>
    </row>
    <row r="185718" spans="14:14">
      <c r="N185718" s="10"/>
    </row>
    <row r="185719" spans="14:14">
      <c r="N185719" s="10"/>
    </row>
    <row r="185720" spans="14:14">
      <c r="N185720" s="10"/>
    </row>
    <row r="185721" spans="14:14">
      <c r="N185721" s="10"/>
    </row>
    <row r="185722" spans="14:14">
      <c r="N185722" s="10"/>
    </row>
    <row r="185723" spans="14:14">
      <c r="N185723" s="10"/>
    </row>
    <row r="185724" spans="14:14">
      <c r="N185724" s="10"/>
    </row>
    <row r="185725" spans="14:14">
      <c r="N185725" s="10"/>
    </row>
    <row r="185726" spans="14:14">
      <c r="N185726" s="10"/>
    </row>
    <row r="185727" spans="14:14">
      <c r="N185727" s="10"/>
    </row>
    <row r="185728" spans="14:14">
      <c r="N185728" s="10"/>
    </row>
    <row r="185729" spans="14:14">
      <c r="N185729" s="10"/>
    </row>
    <row r="185730" spans="14:14">
      <c r="N185730" s="10"/>
    </row>
    <row r="185731" spans="14:14">
      <c r="N185731" s="10"/>
    </row>
    <row r="185732" spans="14:14">
      <c r="N185732" s="10"/>
    </row>
    <row r="185733" spans="14:14">
      <c r="N185733" s="10"/>
    </row>
    <row r="185734" spans="14:14">
      <c r="N185734" s="10"/>
    </row>
    <row r="185735" spans="14:14">
      <c r="N185735" s="10"/>
    </row>
    <row r="185736" spans="14:14">
      <c r="N185736" s="10"/>
    </row>
    <row r="185737" spans="14:14">
      <c r="N185737" s="10"/>
    </row>
    <row r="185738" spans="14:14">
      <c r="N185738" s="10"/>
    </row>
    <row r="185739" spans="14:14">
      <c r="N185739" s="10"/>
    </row>
    <row r="185740" spans="14:14">
      <c r="N185740" s="10"/>
    </row>
    <row r="185741" spans="14:14">
      <c r="N185741" s="10"/>
    </row>
    <row r="185742" spans="14:14">
      <c r="N185742" s="10"/>
    </row>
    <row r="185743" spans="14:14">
      <c r="N185743" s="10"/>
    </row>
    <row r="185744" spans="14:14">
      <c r="N185744" s="10"/>
    </row>
    <row r="185745" spans="14:14">
      <c r="N185745" s="10"/>
    </row>
    <row r="185746" spans="14:14">
      <c r="N185746" s="10"/>
    </row>
    <row r="185747" spans="14:14">
      <c r="N185747" s="10"/>
    </row>
    <row r="185748" spans="14:14">
      <c r="N185748" s="10"/>
    </row>
    <row r="185749" spans="14:14">
      <c r="N185749" s="10"/>
    </row>
    <row r="185750" spans="14:14">
      <c r="N185750" s="10"/>
    </row>
    <row r="185751" spans="14:14">
      <c r="N185751" s="10"/>
    </row>
    <row r="185752" spans="14:14">
      <c r="N185752" s="10"/>
    </row>
    <row r="185753" spans="14:14">
      <c r="N185753" s="10"/>
    </row>
    <row r="185754" spans="14:14">
      <c r="N185754" s="10"/>
    </row>
    <row r="185755" spans="14:14">
      <c r="N185755" s="10"/>
    </row>
    <row r="185756" spans="14:14">
      <c r="N185756" s="10"/>
    </row>
    <row r="185757" spans="14:14">
      <c r="N185757" s="10"/>
    </row>
    <row r="185758" spans="14:14">
      <c r="N185758" s="10"/>
    </row>
    <row r="185759" spans="14:14">
      <c r="N185759" s="10"/>
    </row>
    <row r="185760" spans="14:14">
      <c r="N185760" s="10"/>
    </row>
    <row r="185761" spans="14:14">
      <c r="N185761" s="10"/>
    </row>
    <row r="185762" spans="14:14">
      <c r="N185762" s="10"/>
    </row>
    <row r="185763" spans="14:14">
      <c r="N185763" s="10"/>
    </row>
    <row r="185764" spans="14:14">
      <c r="N185764" s="10"/>
    </row>
    <row r="185765" spans="14:14">
      <c r="N185765" s="10"/>
    </row>
    <row r="185766" spans="14:14">
      <c r="N185766" s="10"/>
    </row>
    <row r="185767" spans="14:14">
      <c r="N185767" s="10"/>
    </row>
    <row r="185768" spans="14:14">
      <c r="N185768" s="10"/>
    </row>
    <row r="185769" spans="14:14">
      <c r="N185769" s="10"/>
    </row>
    <row r="185770" spans="14:14">
      <c r="N185770" s="10"/>
    </row>
    <row r="185771" spans="14:14">
      <c r="N185771" s="10"/>
    </row>
    <row r="185772" spans="14:14">
      <c r="N185772" s="10"/>
    </row>
    <row r="185773" spans="14:14">
      <c r="N185773" s="10"/>
    </row>
    <row r="185774" spans="14:14">
      <c r="N185774" s="10"/>
    </row>
    <row r="185775" spans="14:14">
      <c r="N185775" s="10"/>
    </row>
    <row r="185776" spans="14:14">
      <c r="N185776" s="10"/>
    </row>
    <row r="185777" spans="14:14">
      <c r="N185777" s="10"/>
    </row>
    <row r="185778" spans="14:14">
      <c r="N185778" s="10"/>
    </row>
    <row r="185779" spans="14:14">
      <c r="N185779" s="10"/>
    </row>
    <row r="185780" spans="14:14">
      <c r="N185780" s="10"/>
    </row>
    <row r="185781" spans="14:14">
      <c r="N185781" s="10"/>
    </row>
    <row r="185782" spans="14:14">
      <c r="N185782" s="10"/>
    </row>
    <row r="185783" spans="14:14">
      <c r="N185783" s="10"/>
    </row>
    <row r="185784" spans="14:14">
      <c r="N185784" s="10"/>
    </row>
    <row r="185785" spans="14:14">
      <c r="N185785" s="10"/>
    </row>
    <row r="185786" spans="14:14">
      <c r="N185786" s="10"/>
    </row>
    <row r="185787" spans="14:14">
      <c r="N185787" s="10"/>
    </row>
    <row r="185788" spans="14:14">
      <c r="N185788" s="10"/>
    </row>
    <row r="185789" spans="14:14">
      <c r="N185789" s="10"/>
    </row>
    <row r="185790" spans="14:14">
      <c r="N185790" s="10"/>
    </row>
    <row r="185791" spans="14:14">
      <c r="N185791" s="10"/>
    </row>
    <row r="185792" spans="14:14">
      <c r="N185792" s="10"/>
    </row>
    <row r="185793" spans="14:14">
      <c r="N185793" s="10"/>
    </row>
    <row r="185794" spans="14:14">
      <c r="N185794" s="10"/>
    </row>
    <row r="185795" spans="14:14">
      <c r="N185795" s="10"/>
    </row>
    <row r="185796" spans="14:14">
      <c r="N185796" s="10"/>
    </row>
    <row r="185797" spans="14:14">
      <c r="N185797" s="10"/>
    </row>
    <row r="185798" spans="14:14">
      <c r="N185798" s="10"/>
    </row>
    <row r="185799" spans="14:14">
      <c r="N185799" s="10"/>
    </row>
    <row r="185800" spans="14:14">
      <c r="N185800" s="10"/>
    </row>
    <row r="185801" spans="14:14">
      <c r="N185801" s="10"/>
    </row>
    <row r="185802" spans="14:14">
      <c r="N185802" s="10"/>
    </row>
    <row r="185803" spans="14:14">
      <c r="N185803" s="10"/>
    </row>
    <row r="185804" spans="14:14">
      <c r="N185804" s="10"/>
    </row>
    <row r="185805" spans="14:14">
      <c r="N185805" s="10"/>
    </row>
    <row r="185806" spans="14:14">
      <c r="N185806" s="10"/>
    </row>
    <row r="185807" spans="14:14">
      <c r="N185807" s="10"/>
    </row>
    <row r="185808" spans="14:14">
      <c r="N185808" s="10"/>
    </row>
    <row r="185809" spans="14:14">
      <c r="N185809" s="10"/>
    </row>
    <row r="185810" spans="14:14">
      <c r="N185810" s="10"/>
    </row>
    <row r="185811" spans="14:14">
      <c r="N185811" s="10"/>
    </row>
    <row r="185812" spans="14:14">
      <c r="N185812" s="10"/>
    </row>
    <row r="185813" spans="14:14">
      <c r="N185813" s="10"/>
    </row>
    <row r="185814" spans="14:14">
      <c r="N185814" s="10"/>
    </row>
    <row r="185815" spans="14:14">
      <c r="N185815" s="10"/>
    </row>
    <row r="185816" spans="14:14">
      <c r="N185816" s="10"/>
    </row>
    <row r="185817" spans="14:14">
      <c r="N185817" s="10"/>
    </row>
    <row r="185818" spans="14:14">
      <c r="N185818" s="10"/>
    </row>
    <row r="185819" spans="14:14">
      <c r="N185819" s="10"/>
    </row>
    <row r="185820" spans="14:14">
      <c r="N185820" s="10"/>
    </row>
    <row r="185821" spans="14:14">
      <c r="N185821" s="10"/>
    </row>
    <row r="185822" spans="14:14">
      <c r="N185822" s="10"/>
    </row>
    <row r="185823" spans="14:14">
      <c r="N185823" s="10"/>
    </row>
    <row r="185824" spans="14:14">
      <c r="N185824" s="10"/>
    </row>
    <row r="185825" spans="14:14">
      <c r="N185825" s="10"/>
    </row>
    <row r="185826" spans="14:14">
      <c r="N185826" s="10"/>
    </row>
    <row r="185827" spans="14:14">
      <c r="N185827" s="10"/>
    </row>
    <row r="185828" spans="14:14">
      <c r="N185828" s="10"/>
    </row>
    <row r="185829" spans="14:14">
      <c r="N185829" s="10"/>
    </row>
    <row r="185830" spans="14:14">
      <c r="N185830" s="10"/>
    </row>
    <row r="185831" spans="14:14">
      <c r="N185831" s="10"/>
    </row>
    <row r="185832" spans="14:14">
      <c r="N185832" s="10"/>
    </row>
    <row r="185833" spans="14:14">
      <c r="N185833" s="10"/>
    </row>
    <row r="185834" spans="14:14">
      <c r="N185834" s="10"/>
    </row>
    <row r="185835" spans="14:14">
      <c r="N185835" s="10"/>
    </row>
    <row r="185836" spans="14:14">
      <c r="N185836" s="10"/>
    </row>
    <row r="185837" spans="14:14">
      <c r="N185837" s="10"/>
    </row>
    <row r="185838" spans="14:14">
      <c r="N185838" s="10"/>
    </row>
    <row r="185839" spans="14:14">
      <c r="N185839" s="10"/>
    </row>
    <row r="185840" spans="14:14">
      <c r="N185840" s="10"/>
    </row>
    <row r="185841" spans="14:14">
      <c r="N185841" s="10"/>
    </row>
    <row r="185842" spans="14:14">
      <c r="N185842" s="10"/>
    </row>
    <row r="185843" spans="14:14">
      <c r="N185843" s="10"/>
    </row>
    <row r="185844" spans="14:14">
      <c r="N185844" s="10"/>
    </row>
    <row r="185845" spans="14:14">
      <c r="N185845" s="10"/>
    </row>
    <row r="185846" spans="14:14">
      <c r="N185846" s="10"/>
    </row>
    <row r="185847" spans="14:14">
      <c r="N185847" s="10"/>
    </row>
    <row r="185848" spans="14:14">
      <c r="N185848" s="10"/>
    </row>
    <row r="185849" spans="14:14">
      <c r="N185849" s="10"/>
    </row>
    <row r="185850" spans="14:14">
      <c r="N185850" s="10"/>
    </row>
    <row r="185851" spans="14:14">
      <c r="N185851" s="10"/>
    </row>
    <row r="185852" spans="14:14">
      <c r="N185852" s="10"/>
    </row>
    <row r="185853" spans="14:14">
      <c r="N185853" s="10"/>
    </row>
    <row r="185854" spans="14:14">
      <c r="N185854" s="10"/>
    </row>
    <row r="185855" spans="14:14">
      <c r="N185855" s="10"/>
    </row>
    <row r="185856" spans="14:14">
      <c r="N185856" s="10"/>
    </row>
    <row r="185857" spans="14:14">
      <c r="N185857" s="10"/>
    </row>
    <row r="185858" spans="14:14">
      <c r="N185858" s="10"/>
    </row>
    <row r="185859" spans="14:14">
      <c r="N185859" s="10"/>
    </row>
    <row r="185860" spans="14:14">
      <c r="N185860" s="10"/>
    </row>
    <row r="185861" spans="14:14">
      <c r="N185861" s="10"/>
    </row>
    <row r="185862" spans="14:14">
      <c r="N185862" s="10"/>
    </row>
    <row r="185863" spans="14:14">
      <c r="N185863" s="10"/>
    </row>
    <row r="185864" spans="14:14">
      <c r="N185864" s="10"/>
    </row>
    <row r="185865" spans="14:14">
      <c r="N185865" s="10"/>
    </row>
    <row r="185866" spans="14:14">
      <c r="N185866" s="10"/>
    </row>
    <row r="185867" spans="14:14">
      <c r="N185867" s="10"/>
    </row>
    <row r="185868" spans="14:14">
      <c r="N185868" s="10"/>
    </row>
    <row r="185869" spans="14:14">
      <c r="N185869" s="10"/>
    </row>
    <row r="185870" spans="14:14">
      <c r="N185870" s="10"/>
    </row>
    <row r="185871" spans="14:14">
      <c r="N185871" s="10"/>
    </row>
    <row r="185872" spans="14:14">
      <c r="N185872" s="10"/>
    </row>
    <row r="185873" spans="14:14">
      <c r="N185873" s="10"/>
    </row>
    <row r="185874" spans="14:14">
      <c r="N185874" s="10"/>
    </row>
    <row r="185875" spans="14:14">
      <c r="N185875" s="10"/>
    </row>
    <row r="185876" spans="14:14">
      <c r="N185876" s="10"/>
    </row>
    <row r="185877" spans="14:14">
      <c r="N185877" s="10"/>
    </row>
    <row r="185878" spans="14:14">
      <c r="N185878" s="10"/>
    </row>
    <row r="185879" spans="14:14">
      <c r="N185879" s="10"/>
    </row>
    <row r="185880" spans="14:14">
      <c r="N185880" s="10"/>
    </row>
    <row r="185881" spans="14:14">
      <c r="N185881" s="10"/>
    </row>
    <row r="185882" spans="14:14">
      <c r="N185882" s="10"/>
    </row>
    <row r="185883" spans="14:14">
      <c r="N185883" s="10"/>
    </row>
    <row r="185884" spans="14:14">
      <c r="N185884" s="10"/>
    </row>
    <row r="185885" spans="14:14">
      <c r="N185885" s="10"/>
    </row>
    <row r="185886" spans="14:14">
      <c r="N185886" s="10"/>
    </row>
    <row r="185887" spans="14:14">
      <c r="N185887" s="10"/>
    </row>
    <row r="185888" spans="14:14">
      <c r="N185888" s="10"/>
    </row>
    <row r="185889" spans="14:14">
      <c r="N185889" s="10"/>
    </row>
    <row r="185890" spans="14:14">
      <c r="N185890" s="10"/>
    </row>
    <row r="185891" spans="14:14">
      <c r="N185891" s="10"/>
    </row>
    <row r="185892" spans="14:14">
      <c r="N185892" s="10"/>
    </row>
    <row r="185893" spans="14:14">
      <c r="N185893" s="10"/>
    </row>
    <row r="185894" spans="14:14">
      <c r="N185894" s="10"/>
    </row>
    <row r="185895" spans="14:14">
      <c r="N185895" s="10"/>
    </row>
    <row r="185896" spans="14:14">
      <c r="N185896" s="10"/>
    </row>
    <row r="185897" spans="14:14">
      <c r="N185897" s="10"/>
    </row>
    <row r="185898" spans="14:14">
      <c r="N185898" s="10"/>
    </row>
    <row r="185899" spans="14:14">
      <c r="N185899" s="10"/>
    </row>
    <row r="185900" spans="14:14">
      <c r="N185900" s="10"/>
    </row>
    <row r="185901" spans="14:14">
      <c r="N185901" s="10"/>
    </row>
    <row r="185902" spans="14:14">
      <c r="N185902" s="10"/>
    </row>
    <row r="185903" spans="14:14">
      <c r="N185903" s="10"/>
    </row>
    <row r="185904" spans="14:14">
      <c r="N185904" s="10"/>
    </row>
    <row r="185905" spans="14:14">
      <c r="N185905" s="10"/>
    </row>
    <row r="185906" spans="14:14">
      <c r="N185906" s="10"/>
    </row>
    <row r="185907" spans="14:14">
      <c r="N185907" s="10"/>
    </row>
    <row r="185908" spans="14:14">
      <c r="N185908" s="10"/>
    </row>
    <row r="185909" spans="14:14">
      <c r="N185909" s="10"/>
    </row>
    <row r="185910" spans="14:14">
      <c r="N185910" s="10"/>
    </row>
    <row r="185911" spans="14:14">
      <c r="N185911" s="10"/>
    </row>
    <row r="185912" spans="14:14">
      <c r="N185912" s="10"/>
    </row>
    <row r="185913" spans="14:14">
      <c r="N185913" s="10"/>
    </row>
    <row r="185914" spans="14:14">
      <c r="N185914" s="10"/>
    </row>
    <row r="185915" spans="14:14">
      <c r="N185915" s="10"/>
    </row>
    <row r="185916" spans="14:14">
      <c r="N185916" s="10"/>
    </row>
    <row r="185917" spans="14:14">
      <c r="N185917" s="10"/>
    </row>
    <row r="185918" spans="14:14">
      <c r="N185918" s="10"/>
    </row>
    <row r="185919" spans="14:14">
      <c r="N185919" s="10"/>
    </row>
    <row r="185920" spans="14:14">
      <c r="N185920" s="10"/>
    </row>
    <row r="185921" spans="14:14">
      <c r="N185921" s="10"/>
    </row>
    <row r="185922" spans="14:14">
      <c r="N185922" s="10"/>
    </row>
    <row r="185923" spans="14:14">
      <c r="N185923" s="10"/>
    </row>
    <row r="185924" spans="14:14">
      <c r="N185924" s="10"/>
    </row>
    <row r="185925" spans="14:14">
      <c r="N185925" s="10"/>
    </row>
    <row r="185926" spans="14:14">
      <c r="N185926" s="10"/>
    </row>
    <row r="185927" spans="14:14">
      <c r="N185927" s="10"/>
    </row>
    <row r="185928" spans="14:14">
      <c r="N185928" s="10"/>
    </row>
    <row r="185929" spans="14:14">
      <c r="N185929" s="10"/>
    </row>
    <row r="185930" spans="14:14">
      <c r="N185930" s="10"/>
    </row>
    <row r="185931" spans="14:14">
      <c r="N185931" s="10"/>
    </row>
    <row r="185932" spans="14:14">
      <c r="N185932" s="10"/>
    </row>
    <row r="185933" spans="14:14">
      <c r="N185933" s="10"/>
    </row>
    <row r="185934" spans="14:14">
      <c r="N185934" s="10"/>
    </row>
    <row r="185935" spans="14:14">
      <c r="N185935" s="10"/>
    </row>
    <row r="185936" spans="14:14">
      <c r="N185936" s="10"/>
    </row>
    <row r="185937" spans="14:14">
      <c r="N185937" s="10"/>
    </row>
    <row r="185938" spans="14:14">
      <c r="N185938" s="10"/>
    </row>
    <row r="185939" spans="14:14">
      <c r="N185939" s="10"/>
    </row>
    <row r="185940" spans="14:14">
      <c r="N185940" s="10"/>
    </row>
    <row r="185941" spans="14:14">
      <c r="N185941" s="10"/>
    </row>
    <row r="185942" spans="14:14">
      <c r="N185942" s="10"/>
    </row>
    <row r="185943" spans="14:14">
      <c r="N185943" s="10"/>
    </row>
    <row r="185944" spans="14:14">
      <c r="N185944" s="10"/>
    </row>
    <row r="185945" spans="14:14">
      <c r="N185945" s="10"/>
    </row>
    <row r="185946" spans="14:14">
      <c r="N185946" s="10"/>
    </row>
    <row r="185947" spans="14:14">
      <c r="N185947" s="10"/>
    </row>
    <row r="185948" spans="14:14">
      <c r="N185948" s="10"/>
    </row>
    <row r="185949" spans="14:14">
      <c r="N185949" s="10"/>
    </row>
    <row r="185950" spans="14:14">
      <c r="N185950" s="10"/>
    </row>
    <row r="185951" spans="14:14">
      <c r="N185951" s="10"/>
    </row>
    <row r="185952" spans="14:14">
      <c r="N185952" s="10"/>
    </row>
    <row r="185953" spans="14:14">
      <c r="N185953" s="10"/>
    </row>
    <row r="185954" spans="14:14">
      <c r="N185954" s="10"/>
    </row>
    <row r="185955" spans="14:14">
      <c r="N185955" s="10"/>
    </row>
    <row r="185956" spans="14:14">
      <c r="N185956" s="10"/>
    </row>
    <row r="185957" spans="14:14">
      <c r="N185957" s="10"/>
    </row>
    <row r="185958" spans="14:14">
      <c r="N185958" s="10"/>
    </row>
    <row r="185959" spans="14:14">
      <c r="N185959" s="10"/>
    </row>
    <row r="185960" spans="14:14">
      <c r="N185960" s="10"/>
    </row>
    <row r="185961" spans="14:14">
      <c r="N185961" s="10"/>
    </row>
    <row r="185962" spans="14:14">
      <c r="N185962" s="10"/>
    </row>
    <row r="185963" spans="14:14">
      <c r="N185963" s="10"/>
    </row>
    <row r="185964" spans="14:14">
      <c r="N185964" s="10"/>
    </row>
    <row r="185965" spans="14:14">
      <c r="N185965" s="10"/>
    </row>
    <row r="185966" spans="14:14">
      <c r="N185966" s="10"/>
    </row>
    <row r="185967" spans="14:14">
      <c r="N185967" s="10"/>
    </row>
    <row r="185968" spans="14:14">
      <c r="N185968" s="10"/>
    </row>
    <row r="185969" spans="14:14">
      <c r="N185969" s="10"/>
    </row>
    <row r="185970" spans="14:14">
      <c r="N185970" s="10"/>
    </row>
    <row r="185971" spans="14:14">
      <c r="N185971" s="10"/>
    </row>
    <row r="185972" spans="14:14">
      <c r="N185972" s="10"/>
    </row>
    <row r="185973" spans="14:14">
      <c r="N185973" s="10"/>
    </row>
    <row r="185974" spans="14:14">
      <c r="N185974" s="10"/>
    </row>
    <row r="185975" spans="14:14">
      <c r="N185975" s="10"/>
    </row>
    <row r="185976" spans="14:14">
      <c r="N185976" s="10"/>
    </row>
    <row r="185977" spans="14:14">
      <c r="N185977" s="10"/>
    </row>
    <row r="185978" spans="14:14">
      <c r="N185978" s="10"/>
    </row>
    <row r="185979" spans="14:14">
      <c r="N185979" s="10"/>
    </row>
    <row r="185980" spans="14:14">
      <c r="N185980" s="10"/>
    </row>
    <row r="185981" spans="14:14">
      <c r="N185981" s="10"/>
    </row>
    <row r="185982" spans="14:14">
      <c r="N185982" s="10"/>
    </row>
    <row r="185983" spans="14:14">
      <c r="N185983" s="10"/>
    </row>
    <row r="185984" spans="14:14">
      <c r="N185984" s="10"/>
    </row>
    <row r="185985" spans="14:14">
      <c r="N185985" s="10"/>
    </row>
    <row r="185986" spans="14:14">
      <c r="N185986" s="10"/>
    </row>
    <row r="185987" spans="14:14">
      <c r="N185987" s="10"/>
    </row>
    <row r="185988" spans="14:14">
      <c r="N185988" s="10"/>
    </row>
    <row r="185989" spans="14:14">
      <c r="N185989" s="10"/>
    </row>
    <row r="185990" spans="14:14">
      <c r="N185990" s="10"/>
    </row>
    <row r="185991" spans="14:14">
      <c r="N185991" s="10"/>
    </row>
    <row r="185992" spans="14:14">
      <c r="N185992" s="10"/>
    </row>
    <row r="185993" spans="14:14">
      <c r="N185993" s="10"/>
    </row>
    <row r="185994" spans="14:14">
      <c r="N185994" s="10"/>
    </row>
    <row r="185995" spans="14:14">
      <c r="N185995" s="10"/>
    </row>
    <row r="185996" spans="14:14">
      <c r="N185996" s="10"/>
    </row>
    <row r="185997" spans="14:14">
      <c r="N185997" s="10"/>
    </row>
    <row r="185998" spans="14:14">
      <c r="N185998" s="10"/>
    </row>
    <row r="185999" spans="14:14">
      <c r="N185999" s="10"/>
    </row>
    <row r="186000" spans="14:14">
      <c r="N186000" s="10"/>
    </row>
    <row r="186001" spans="14:14">
      <c r="N186001" s="10"/>
    </row>
    <row r="186002" spans="14:14">
      <c r="N186002" s="10"/>
    </row>
    <row r="186003" spans="14:14">
      <c r="N186003" s="10"/>
    </row>
    <row r="186004" spans="14:14">
      <c r="N186004" s="10"/>
    </row>
    <row r="186005" spans="14:14">
      <c r="N186005" s="10"/>
    </row>
    <row r="186006" spans="14:14">
      <c r="N186006" s="10"/>
    </row>
    <row r="186007" spans="14:14">
      <c r="N186007" s="10"/>
    </row>
    <row r="186008" spans="14:14">
      <c r="N186008" s="10"/>
    </row>
    <row r="186009" spans="14:14">
      <c r="N186009" s="10"/>
    </row>
    <row r="186010" spans="14:14">
      <c r="N186010" s="10"/>
    </row>
    <row r="186011" spans="14:14">
      <c r="N186011" s="10"/>
    </row>
    <row r="186012" spans="14:14">
      <c r="N186012" s="10"/>
    </row>
    <row r="186013" spans="14:14">
      <c r="N186013" s="10"/>
    </row>
    <row r="186014" spans="14:14">
      <c r="N186014" s="10"/>
    </row>
    <row r="186015" spans="14:14">
      <c r="N186015" s="10"/>
    </row>
    <row r="186016" spans="14:14">
      <c r="N186016" s="10"/>
    </row>
    <row r="186017" spans="14:14">
      <c r="N186017" s="10"/>
    </row>
    <row r="186018" spans="14:14">
      <c r="N186018" s="10"/>
    </row>
    <row r="186019" spans="14:14">
      <c r="N186019" s="10"/>
    </row>
    <row r="186020" spans="14:14">
      <c r="N186020" s="10"/>
    </row>
    <row r="186021" spans="14:14">
      <c r="N186021" s="10"/>
    </row>
    <row r="186022" spans="14:14">
      <c r="N186022" s="10"/>
    </row>
    <row r="186023" spans="14:14">
      <c r="N186023" s="10"/>
    </row>
    <row r="186024" spans="14:14">
      <c r="N186024" s="10"/>
    </row>
    <row r="186025" spans="14:14">
      <c r="N186025" s="10"/>
    </row>
    <row r="186026" spans="14:14">
      <c r="N186026" s="10"/>
    </row>
    <row r="186027" spans="14:14">
      <c r="N186027" s="10"/>
    </row>
    <row r="186028" spans="14:14">
      <c r="N186028" s="10"/>
    </row>
    <row r="186029" spans="14:14">
      <c r="N186029" s="10"/>
    </row>
    <row r="186030" spans="14:14">
      <c r="N186030" s="10"/>
    </row>
    <row r="186031" spans="14:14">
      <c r="N186031" s="10"/>
    </row>
    <row r="186032" spans="14:14">
      <c r="N186032" s="10"/>
    </row>
    <row r="186033" spans="14:14">
      <c r="N186033" s="10"/>
    </row>
    <row r="186034" spans="14:14">
      <c r="N186034" s="10"/>
    </row>
    <row r="186035" spans="14:14">
      <c r="N186035" s="10"/>
    </row>
    <row r="186036" spans="14:14">
      <c r="N186036" s="10"/>
    </row>
    <row r="186037" spans="14:14">
      <c r="N186037" s="10"/>
    </row>
    <row r="186038" spans="14:14">
      <c r="N186038" s="10"/>
    </row>
    <row r="186039" spans="14:14">
      <c r="N186039" s="10"/>
    </row>
    <row r="186040" spans="14:14">
      <c r="N186040" s="10"/>
    </row>
    <row r="186041" spans="14:14">
      <c r="N186041" s="10"/>
    </row>
    <row r="186042" spans="14:14">
      <c r="N186042" s="10"/>
    </row>
    <row r="186043" spans="14:14">
      <c r="N186043" s="10"/>
    </row>
    <row r="186044" spans="14:14">
      <c r="N186044" s="10"/>
    </row>
    <row r="186045" spans="14:14">
      <c r="N186045" s="10"/>
    </row>
    <row r="186046" spans="14:14">
      <c r="N186046" s="10"/>
    </row>
    <row r="186047" spans="14:14">
      <c r="N186047" s="10"/>
    </row>
    <row r="186048" spans="14:14">
      <c r="N186048" s="10"/>
    </row>
    <row r="186049" spans="14:14">
      <c r="N186049" s="10"/>
    </row>
    <row r="186050" spans="14:14">
      <c r="N186050" s="10"/>
    </row>
    <row r="186051" spans="14:14">
      <c r="N186051" s="10"/>
    </row>
    <row r="186052" spans="14:14">
      <c r="N186052" s="10"/>
    </row>
    <row r="186053" spans="14:14">
      <c r="N186053" s="10"/>
    </row>
    <row r="186054" spans="14:14">
      <c r="N186054" s="10"/>
    </row>
    <row r="186055" spans="14:14">
      <c r="N186055" s="10"/>
    </row>
    <row r="186056" spans="14:14">
      <c r="N186056" s="10"/>
    </row>
    <row r="186057" spans="14:14">
      <c r="N186057" s="10"/>
    </row>
    <row r="186058" spans="14:14">
      <c r="N186058" s="10"/>
    </row>
    <row r="186059" spans="14:14">
      <c r="N186059" s="10"/>
    </row>
    <row r="186060" spans="14:14">
      <c r="N186060" s="10"/>
    </row>
    <row r="186061" spans="14:14">
      <c r="N186061" s="10"/>
    </row>
    <row r="186062" spans="14:14">
      <c r="N186062" s="10"/>
    </row>
    <row r="186063" spans="14:14">
      <c r="N186063" s="10"/>
    </row>
    <row r="186064" spans="14:14">
      <c r="N186064" s="10"/>
    </row>
    <row r="186065" spans="14:14">
      <c r="N186065" s="10"/>
    </row>
    <row r="186066" spans="14:14">
      <c r="N186066" s="10"/>
    </row>
    <row r="186067" spans="14:14">
      <c r="N186067" s="10"/>
    </row>
    <row r="186068" spans="14:14">
      <c r="N186068" s="10"/>
    </row>
    <row r="186069" spans="14:14">
      <c r="N186069" s="10"/>
    </row>
    <row r="186070" spans="14:14">
      <c r="N186070" s="10"/>
    </row>
    <row r="186071" spans="14:14">
      <c r="N186071" s="10"/>
    </row>
    <row r="186072" spans="14:14">
      <c r="N186072" s="10"/>
    </row>
    <row r="186073" spans="14:14">
      <c r="N186073" s="10"/>
    </row>
    <row r="186074" spans="14:14">
      <c r="N186074" s="10"/>
    </row>
    <row r="186075" spans="14:14">
      <c r="N186075" s="10"/>
    </row>
    <row r="186076" spans="14:14">
      <c r="N186076" s="10"/>
    </row>
    <row r="186077" spans="14:14">
      <c r="N186077" s="10"/>
    </row>
    <row r="186078" spans="14:14">
      <c r="N186078" s="10"/>
    </row>
    <row r="186079" spans="14:14">
      <c r="N186079" s="10"/>
    </row>
    <row r="186080" spans="14:14">
      <c r="N186080" s="10"/>
    </row>
    <row r="186081" spans="14:14">
      <c r="N186081" s="10"/>
    </row>
    <row r="186082" spans="14:14">
      <c r="N186082" s="10"/>
    </row>
    <row r="186083" spans="14:14">
      <c r="N186083" s="10"/>
    </row>
    <row r="186084" spans="14:14">
      <c r="N186084" s="10"/>
    </row>
    <row r="186085" spans="14:14">
      <c r="N186085" s="10"/>
    </row>
    <row r="186086" spans="14:14">
      <c r="N186086" s="10"/>
    </row>
    <row r="186087" spans="14:14">
      <c r="N186087" s="10"/>
    </row>
    <row r="186088" spans="14:14">
      <c r="N186088" s="10"/>
    </row>
    <row r="186089" spans="14:14">
      <c r="N186089" s="10"/>
    </row>
    <row r="186090" spans="14:14">
      <c r="N186090" s="10"/>
    </row>
    <row r="186091" spans="14:14">
      <c r="N186091" s="10"/>
    </row>
    <row r="186092" spans="14:14">
      <c r="N186092" s="10"/>
    </row>
    <row r="186093" spans="14:14">
      <c r="N186093" s="10"/>
    </row>
    <row r="186094" spans="14:14">
      <c r="N186094" s="10"/>
    </row>
    <row r="186095" spans="14:14">
      <c r="N186095" s="10"/>
    </row>
    <row r="186096" spans="14:14">
      <c r="N186096" s="10"/>
    </row>
    <row r="186097" spans="14:14">
      <c r="N186097" s="10"/>
    </row>
    <row r="186098" spans="14:14">
      <c r="N186098" s="10"/>
    </row>
    <row r="186099" spans="14:14">
      <c r="N186099" s="10"/>
    </row>
    <row r="186100" spans="14:14">
      <c r="N186100" s="10"/>
    </row>
    <row r="186101" spans="14:14">
      <c r="N186101" s="10"/>
    </row>
    <row r="186102" spans="14:14">
      <c r="N186102" s="10"/>
    </row>
    <row r="186103" spans="14:14">
      <c r="N186103" s="10"/>
    </row>
    <row r="186104" spans="14:14">
      <c r="N186104" s="10"/>
    </row>
    <row r="186105" spans="14:14">
      <c r="N186105" s="10"/>
    </row>
    <row r="186106" spans="14:14">
      <c r="N186106" s="10"/>
    </row>
    <row r="186107" spans="14:14">
      <c r="N186107" s="10"/>
    </row>
    <row r="186108" spans="14:14">
      <c r="N186108" s="10"/>
    </row>
    <row r="186109" spans="14:14">
      <c r="N186109" s="10"/>
    </row>
    <row r="186110" spans="14:14">
      <c r="N186110" s="10"/>
    </row>
    <row r="186111" spans="14:14">
      <c r="N186111" s="10"/>
    </row>
    <row r="186112" spans="14:14">
      <c r="N186112" s="10"/>
    </row>
    <row r="186113" spans="14:14">
      <c r="N186113" s="10"/>
    </row>
    <row r="186114" spans="14:14">
      <c r="N186114" s="10"/>
    </row>
    <row r="186115" spans="14:14">
      <c r="N186115" s="10"/>
    </row>
    <row r="186116" spans="14:14">
      <c r="N186116" s="10"/>
    </row>
    <row r="186117" spans="14:14">
      <c r="N186117" s="10"/>
    </row>
    <row r="186118" spans="14:14">
      <c r="N186118" s="10"/>
    </row>
    <row r="186119" spans="14:14">
      <c r="N186119" s="10"/>
    </row>
    <row r="186120" spans="14:14">
      <c r="N186120" s="10"/>
    </row>
    <row r="186121" spans="14:14">
      <c r="N186121" s="10"/>
    </row>
    <row r="186122" spans="14:14">
      <c r="N186122" s="10"/>
    </row>
    <row r="186123" spans="14:14">
      <c r="N186123" s="10"/>
    </row>
    <row r="186124" spans="14:14">
      <c r="N186124" s="10"/>
    </row>
    <row r="186125" spans="14:14">
      <c r="N186125" s="10"/>
    </row>
    <row r="186126" spans="14:14">
      <c r="N186126" s="10"/>
    </row>
    <row r="186127" spans="14:14">
      <c r="N186127" s="10"/>
    </row>
    <row r="186128" spans="14:14">
      <c r="N186128" s="10"/>
    </row>
    <row r="186129" spans="14:14">
      <c r="N186129" s="10"/>
    </row>
    <row r="186130" spans="14:14">
      <c r="N186130" s="10"/>
    </row>
    <row r="186131" spans="14:14">
      <c r="N186131" s="10"/>
    </row>
    <row r="186132" spans="14:14">
      <c r="N186132" s="10"/>
    </row>
    <row r="186133" spans="14:14">
      <c r="N186133" s="10"/>
    </row>
    <row r="186134" spans="14:14">
      <c r="N186134" s="10"/>
    </row>
    <row r="186135" spans="14:14">
      <c r="N186135" s="10"/>
    </row>
    <row r="186136" spans="14:14">
      <c r="N186136" s="10"/>
    </row>
    <row r="186137" spans="14:14">
      <c r="N186137" s="10"/>
    </row>
    <row r="186138" spans="14:14">
      <c r="N186138" s="10"/>
    </row>
    <row r="186139" spans="14:14">
      <c r="N186139" s="10"/>
    </row>
    <row r="186140" spans="14:14">
      <c r="N186140" s="10"/>
    </row>
    <row r="186141" spans="14:14">
      <c r="N186141" s="10"/>
    </row>
    <row r="186142" spans="14:14">
      <c r="N186142" s="10"/>
    </row>
    <row r="186143" spans="14:14">
      <c r="N186143" s="10"/>
    </row>
    <row r="186144" spans="14:14">
      <c r="N186144" s="10"/>
    </row>
    <row r="186145" spans="14:14">
      <c r="N186145" s="10"/>
    </row>
    <row r="186146" spans="14:14">
      <c r="N186146" s="10"/>
    </row>
    <row r="186147" spans="14:14">
      <c r="N186147" s="10"/>
    </row>
    <row r="186148" spans="14:14">
      <c r="N186148" s="10"/>
    </row>
    <row r="186149" spans="14:14">
      <c r="N186149" s="10"/>
    </row>
    <row r="186150" spans="14:14">
      <c r="N186150" s="10"/>
    </row>
    <row r="186151" spans="14:14">
      <c r="N186151" s="10"/>
    </row>
    <row r="186152" spans="14:14">
      <c r="N186152" s="10"/>
    </row>
    <row r="186153" spans="14:14">
      <c r="N186153" s="10"/>
    </row>
    <row r="186154" spans="14:14">
      <c r="N186154" s="10"/>
    </row>
    <row r="186155" spans="14:14">
      <c r="N186155" s="10"/>
    </row>
    <row r="186156" spans="14:14">
      <c r="N186156" s="10"/>
    </row>
    <row r="186157" spans="14:14">
      <c r="N186157" s="10"/>
    </row>
    <row r="186158" spans="14:14">
      <c r="N186158" s="10"/>
    </row>
    <row r="186159" spans="14:14">
      <c r="N186159" s="10"/>
    </row>
    <row r="186160" spans="14:14">
      <c r="N186160" s="10"/>
    </row>
    <row r="186161" spans="14:14">
      <c r="N186161" s="10"/>
    </row>
    <row r="186162" spans="14:14">
      <c r="N186162" s="10"/>
    </row>
    <row r="186163" spans="14:14">
      <c r="N186163" s="10"/>
    </row>
    <row r="186164" spans="14:14">
      <c r="N186164" s="10"/>
    </row>
    <row r="186165" spans="14:14">
      <c r="N186165" s="10"/>
    </row>
    <row r="186166" spans="14:14">
      <c r="N186166" s="10"/>
    </row>
    <row r="186167" spans="14:14">
      <c r="N186167" s="10"/>
    </row>
    <row r="186168" spans="14:14">
      <c r="N186168" s="10"/>
    </row>
    <row r="186169" spans="14:14">
      <c r="N186169" s="10"/>
    </row>
    <row r="186170" spans="14:14">
      <c r="N186170" s="10"/>
    </row>
    <row r="186171" spans="14:14">
      <c r="N186171" s="10"/>
    </row>
    <row r="186172" spans="14:14">
      <c r="N186172" s="10"/>
    </row>
    <row r="186173" spans="14:14">
      <c r="N186173" s="10"/>
    </row>
    <row r="186174" spans="14:14">
      <c r="N186174" s="10"/>
    </row>
    <row r="186175" spans="14:14">
      <c r="N186175" s="10"/>
    </row>
    <row r="186176" spans="14:14">
      <c r="N186176" s="10"/>
    </row>
    <row r="186177" spans="14:14">
      <c r="N186177" s="10"/>
    </row>
    <row r="186178" spans="14:14">
      <c r="N186178" s="10"/>
    </row>
    <row r="186179" spans="14:14">
      <c r="N186179" s="10"/>
    </row>
    <row r="186180" spans="14:14">
      <c r="N186180" s="10"/>
    </row>
    <row r="186181" spans="14:14">
      <c r="N186181" s="10"/>
    </row>
    <row r="186182" spans="14:14">
      <c r="N186182" s="10"/>
    </row>
    <row r="186183" spans="14:14">
      <c r="N186183" s="10"/>
    </row>
    <row r="186184" spans="14:14">
      <c r="N186184" s="10"/>
    </row>
    <row r="186185" spans="14:14">
      <c r="N186185" s="10"/>
    </row>
    <row r="186186" spans="14:14">
      <c r="N186186" s="10"/>
    </row>
    <row r="186187" spans="14:14">
      <c r="N186187" s="10"/>
    </row>
    <row r="186188" spans="14:14">
      <c r="N186188" s="10"/>
    </row>
    <row r="186189" spans="14:14">
      <c r="N186189" s="10"/>
    </row>
    <row r="186190" spans="14:14">
      <c r="N186190" s="10"/>
    </row>
    <row r="186191" spans="14:14">
      <c r="N186191" s="10"/>
    </row>
    <row r="186192" spans="14:14">
      <c r="N186192" s="10"/>
    </row>
    <row r="186193" spans="14:14">
      <c r="N186193" s="10"/>
    </row>
    <row r="186194" spans="14:14">
      <c r="N186194" s="10"/>
    </row>
    <row r="186195" spans="14:14">
      <c r="N186195" s="10"/>
    </row>
    <row r="186196" spans="14:14">
      <c r="N186196" s="10"/>
    </row>
    <row r="186197" spans="14:14">
      <c r="N186197" s="10"/>
    </row>
    <row r="186198" spans="14:14">
      <c r="N186198" s="10"/>
    </row>
    <row r="186199" spans="14:14">
      <c r="N186199" s="10"/>
    </row>
    <row r="186200" spans="14:14">
      <c r="N186200" s="10"/>
    </row>
    <row r="186201" spans="14:14">
      <c r="N186201" s="10"/>
    </row>
    <row r="186202" spans="14:14">
      <c r="N186202" s="10"/>
    </row>
    <row r="186203" spans="14:14">
      <c r="N186203" s="10"/>
    </row>
    <row r="186204" spans="14:14">
      <c r="N186204" s="10"/>
    </row>
    <row r="186205" spans="14:14">
      <c r="N186205" s="10"/>
    </row>
    <row r="186206" spans="14:14">
      <c r="N186206" s="10"/>
    </row>
    <row r="186207" spans="14:14">
      <c r="N186207" s="10"/>
    </row>
    <row r="186208" spans="14:14">
      <c r="N186208" s="10"/>
    </row>
    <row r="186209" spans="14:14">
      <c r="N186209" s="10"/>
    </row>
    <row r="186210" spans="14:14">
      <c r="N186210" s="10"/>
    </row>
    <row r="186211" spans="14:14">
      <c r="N186211" s="10"/>
    </row>
    <row r="186212" spans="14:14">
      <c r="N186212" s="10"/>
    </row>
    <row r="186213" spans="14:14">
      <c r="N186213" s="10"/>
    </row>
    <row r="186214" spans="14:14">
      <c r="N186214" s="10"/>
    </row>
    <row r="186215" spans="14:14">
      <c r="N186215" s="10"/>
    </row>
    <row r="186216" spans="14:14">
      <c r="N186216" s="10"/>
    </row>
    <row r="186217" spans="14:14">
      <c r="N186217" s="10"/>
    </row>
    <row r="186218" spans="14:14">
      <c r="N186218" s="10"/>
    </row>
    <row r="186219" spans="14:14">
      <c r="N186219" s="10"/>
    </row>
    <row r="186220" spans="14:14">
      <c r="N186220" s="10"/>
    </row>
    <row r="186221" spans="14:14">
      <c r="N186221" s="10"/>
    </row>
    <row r="186222" spans="14:14">
      <c r="N186222" s="10"/>
    </row>
    <row r="186223" spans="14:14">
      <c r="N186223" s="10"/>
    </row>
    <row r="186224" spans="14:14">
      <c r="N186224" s="10"/>
    </row>
    <row r="186225" spans="14:14">
      <c r="N186225" s="10"/>
    </row>
    <row r="186226" spans="14:14">
      <c r="N186226" s="10"/>
    </row>
    <row r="186227" spans="14:14">
      <c r="N186227" s="10"/>
    </row>
    <row r="186228" spans="14:14">
      <c r="N186228" s="10"/>
    </row>
    <row r="186229" spans="14:14">
      <c r="N186229" s="10"/>
    </row>
    <row r="186230" spans="14:14">
      <c r="N186230" s="10"/>
    </row>
    <row r="186231" spans="14:14">
      <c r="N186231" s="10"/>
    </row>
    <row r="186232" spans="14:14">
      <c r="N186232" s="10"/>
    </row>
    <row r="186233" spans="14:14">
      <c r="N186233" s="10"/>
    </row>
    <row r="186234" spans="14:14">
      <c r="N186234" s="10"/>
    </row>
    <row r="186235" spans="14:14">
      <c r="N186235" s="10"/>
    </row>
    <row r="186236" spans="14:14">
      <c r="N186236" s="10"/>
    </row>
    <row r="186237" spans="14:14">
      <c r="N186237" s="10"/>
    </row>
    <row r="186238" spans="14:14">
      <c r="N186238" s="10"/>
    </row>
    <row r="186239" spans="14:14">
      <c r="N186239" s="10"/>
    </row>
    <row r="186240" spans="14:14">
      <c r="N186240" s="10"/>
    </row>
    <row r="186241" spans="14:14">
      <c r="N186241" s="10"/>
    </row>
    <row r="186242" spans="14:14">
      <c r="N186242" s="10"/>
    </row>
    <row r="186243" spans="14:14">
      <c r="N186243" s="10"/>
    </row>
    <row r="186244" spans="14:14">
      <c r="N186244" s="10"/>
    </row>
    <row r="186245" spans="14:14">
      <c r="N186245" s="10"/>
    </row>
    <row r="186246" spans="14:14">
      <c r="N186246" s="10"/>
    </row>
    <row r="186247" spans="14:14">
      <c r="N186247" s="10"/>
    </row>
    <row r="186248" spans="14:14">
      <c r="N186248" s="10"/>
    </row>
    <row r="186249" spans="14:14">
      <c r="N186249" s="10"/>
    </row>
    <row r="186250" spans="14:14">
      <c r="N186250" s="10"/>
    </row>
    <row r="186251" spans="14:14">
      <c r="N186251" s="10"/>
    </row>
    <row r="186252" spans="14:14">
      <c r="N186252" s="10"/>
    </row>
    <row r="186253" spans="14:14">
      <c r="N186253" s="10"/>
    </row>
    <row r="186254" spans="14:14">
      <c r="N186254" s="10"/>
    </row>
    <row r="186255" spans="14:14">
      <c r="N186255" s="10"/>
    </row>
    <row r="186256" spans="14:14">
      <c r="N186256" s="10"/>
    </row>
    <row r="186257" spans="14:14">
      <c r="N186257" s="10"/>
    </row>
    <row r="186258" spans="14:14">
      <c r="N186258" s="10"/>
    </row>
    <row r="186259" spans="14:14">
      <c r="N186259" s="10"/>
    </row>
    <row r="186260" spans="14:14">
      <c r="N186260" s="10"/>
    </row>
    <row r="186261" spans="14:14">
      <c r="N186261" s="10"/>
    </row>
    <row r="186262" spans="14:14">
      <c r="N186262" s="10"/>
    </row>
    <row r="186263" spans="14:14">
      <c r="N186263" s="10"/>
    </row>
    <row r="186264" spans="14:14">
      <c r="N186264" s="10"/>
    </row>
    <row r="186265" spans="14:14">
      <c r="N186265" s="10"/>
    </row>
    <row r="186266" spans="14:14">
      <c r="N186266" s="10"/>
    </row>
    <row r="186267" spans="14:14">
      <c r="N186267" s="10"/>
    </row>
    <row r="186268" spans="14:14">
      <c r="N186268" s="10"/>
    </row>
    <row r="186269" spans="14:14">
      <c r="N186269" s="10"/>
    </row>
    <row r="186270" spans="14:14">
      <c r="N186270" s="10"/>
    </row>
    <row r="186271" spans="14:14">
      <c r="N186271" s="10"/>
    </row>
    <row r="186272" spans="14:14">
      <c r="N186272" s="10"/>
    </row>
    <row r="186273" spans="14:14">
      <c r="N186273" s="10"/>
    </row>
    <row r="186274" spans="14:14">
      <c r="N186274" s="10"/>
    </row>
    <row r="186275" spans="14:14">
      <c r="N186275" s="10"/>
    </row>
    <row r="186276" spans="14:14">
      <c r="N186276" s="10"/>
    </row>
    <row r="186277" spans="14:14">
      <c r="N186277" s="10"/>
    </row>
    <row r="186278" spans="14:14">
      <c r="N186278" s="10"/>
    </row>
    <row r="186279" spans="14:14">
      <c r="N186279" s="10"/>
    </row>
    <row r="186280" spans="14:14">
      <c r="N186280" s="10"/>
    </row>
    <row r="186281" spans="14:14">
      <c r="N186281" s="10"/>
    </row>
    <row r="186282" spans="14:14">
      <c r="N186282" s="10"/>
    </row>
    <row r="186283" spans="14:14">
      <c r="N186283" s="10"/>
    </row>
    <row r="186284" spans="14:14">
      <c r="N186284" s="10"/>
    </row>
    <row r="186285" spans="14:14">
      <c r="N186285" s="10"/>
    </row>
    <row r="186286" spans="14:14">
      <c r="N186286" s="10"/>
    </row>
    <row r="186287" spans="14:14">
      <c r="N186287" s="10"/>
    </row>
    <row r="186288" spans="14:14">
      <c r="N186288" s="10"/>
    </row>
    <row r="186289" spans="14:14">
      <c r="N186289" s="10"/>
    </row>
    <row r="186290" spans="14:14">
      <c r="N186290" s="10"/>
    </row>
    <row r="186291" spans="14:14">
      <c r="N186291" s="10"/>
    </row>
    <row r="186292" spans="14:14">
      <c r="N186292" s="10"/>
    </row>
    <row r="186293" spans="14:14">
      <c r="N186293" s="10"/>
    </row>
    <row r="186294" spans="14:14">
      <c r="N186294" s="10"/>
    </row>
    <row r="186295" spans="14:14">
      <c r="N186295" s="10"/>
    </row>
    <row r="186296" spans="14:14">
      <c r="N186296" s="10"/>
    </row>
    <row r="186297" spans="14:14">
      <c r="N186297" s="10"/>
    </row>
    <row r="186298" spans="14:14">
      <c r="N186298" s="10"/>
    </row>
    <row r="186299" spans="14:14">
      <c r="N186299" s="10"/>
    </row>
    <row r="186300" spans="14:14">
      <c r="N186300" s="10"/>
    </row>
    <row r="186301" spans="14:14">
      <c r="N186301" s="10"/>
    </row>
    <row r="186302" spans="14:14">
      <c r="N186302" s="10"/>
    </row>
    <row r="186303" spans="14:14">
      <c r="N186303" s="10"/>
    </row>
    <row r="186304" spans="14:14">
      <c r="N186304" s="10"/>
    </row>
    <row r="186305" spans="14:14">
      <c r="N186305" s="10"/>
    </row>
    <row r="186306" spans="14:14">
      <c r="N186306" s="10"/>
    </row>
    <row r="186307" spans="14:14">
      <c r="N186307" s="10"/>
    </row>
    <row r="186308" spans="14:14">
      <c r="N186308" s="10"/>
    </row>
    <row r="186309" spans="14:14">
      <c r="N186309" s="10"/>
    </row>
    <row r="186310" spans="14:14">
      <c r="N186310" s="10"/>
    </row>
    <row r="186311" spans="14:14">
      <c r="N186311" s="10"/>
    </row>
    <row r="186312" spans="14:14">
      <c r="N186312" s="10"/>
    </row>
    <row r="186313" spans="14:14">
      <c r="N186313" s="10"/>
    </row>
    <row r="186314" spans="14:14">
      <c r="N186314" s="10"/>
    </row>
    <row r="186315" spans="14:14">
      <c r="N186315" s="10"/>
    </row>
    <row r="186316" spans="14:14">
      <c r="N186316" s="10"/>
    </row>
    <row r="186317" spans="14:14">
      <c r="N186317" s="10"/>
    </row>
    <row r="186318" spans="14:14">
      <c r="N186318" s="10"/>
    </row>
    <row r="186319" spans="14:14">
      <c r="N186319" s="10"/>
    </row>
    <row r="186320" spans="14:14">
      <c r="N186320" s="10"/>
    </row>
    <row r="186321" spans="14:14">
      <c r="N186321" s="10"/>
    </row>
    <row r="186322" spans="14:14">
      <c r="N186322" s="10"/>
    </row>
    <row r="186323" spans="14:14">
      <c r="N186323" s="10"/>
    </row>
    <row r="186324" spans="14:14">
      <c r="N186324" s="10"/>
    </row>
    <row r="186325" spans="14:14">
      <c r="N186325" s="10"/>
    </row>
    <row r="186326" spans="14:14">
      <c r="N186326" s="10"/>
    </row>
    <row r="186327" spans="14:14">
      <c r="N186327" s="10"/>
    </row>
    <row r="186328" spans="14:14">
      <c r="N186328" s="10"/>
    </row>
    <row r="186329" spans="14:14">
      <c r="N186329" s="10"/>
    </row>
    <row r="186330" spans="14:14">
      <c r="N186330" s="10"/>
    </row>
    <row r="186331" spans="14:14">
      <c r="N186331" s="10"/>
    </row>
    <row r="186332" spans="14:14">
      <c r="N186332" s="10"/>
    </row>
    <row r="186333" spans="14:14">
      <c r="N186333" s="10"/>
    </row>
    <row r="186334" spans="14:14">
      <c r="N186334" s="10"/>
    </row>
    <row r="186335" spans="14:14">
      <c r="N186335" s="10"/>
    </row>
    <row r="186336" spans="14:14">
      <c r="N186336" s="10"/>
    </row>
    <row r="186337" spans="14:14">
      <c r="N186337" s="10"/>
    </row>
    <row r="186338" spans="14:14">
      <c r="N186338" s="10"/>
    </row>
    <row r="186339" spans="14:14">
      <c r="N186339" s="10"/>
    </row>
    <row r="186340" spans="14:14">
      <c r="N186340" s="10"/>
    </row>
    <row r="186341" spans="14:14">
      <c r="N186341" s="10"/>
    </row>
    <row r="186342" spans="14:14">
      <c r="N186342" s="10"/>
    </row>
    <row r="186343" spans="14:14">
      <c r="N186343" s="10"/>
    </row>
    <row r="186344" spans="14:14">
      <c r="N186344" s="10"/>
    </row>
    <row r="186345" spans="14:14">
      <c r="N186345" s="10"/>
    </row>
    <row r="186346" spans="14:14">
      <c r="N186346" s="10"/>
    </row>
    <row r="186347" spans="14:14">
      <c r="N186347" s="10"/>
    </row>
    <row r="186348" spans="14:14">
      <c r="N186348" s="10"/>
    </row>
    <row r="186349" spans="14:14">
      <c r="N186349" s="10"/>
    </row>
    <row r="186350" spans="14:14">
      <c r="N186350" s="10"/>
    </row>
    <row r="186351" spans="14:14">
      <c r="N186351" s="10"/>
    </row>
    <row r="186352" spans="14:14">
      <c r="N186352" s="10"/>
    </row>
    <row r="186353" spans="14:14">
      <c r="N186353" s="10"/>
    </row>
    <row r="186354" spans="14:14">
      <c r="N186354" s="10"/>
    </row>
    <row r="186355" spans="14:14">
      <c r="N186355" s="10"/>
    </row>
    <row r="186356" spans="14:14">
      <c r="N186356" s="10"/>
    </row>
    <row r="186357" spans="14:14">
      <c r="N186357" s="10"/>
    </row>
    <row r="186358" spans="14:14">
      <c r="N186358" s="10"/>
    </row>
    <row r="186359" spans="14:14">
      <c r="N186359" s="10"/>
    </row>
    <row r="186360" spans="14:14">
      <c r="N186360" s="10"/>
    </row>
    <row r="186361" spans="14:14">
      <c r="N186361" s="10"/>
    </row>
    <row r="186362" spans="14:14">
      <c r="N186362" s="10"/>
    </row>
    <row r="186363" spans="14:14">
      <c r="N186363" s="10"/>
    </row>
    <row r="186364" spans="14:14">
      <c r="N186364" s="10"/>
    </row>
    <row r="186365" spans="14:14">
      <c r="N186365" s="10"/>
    </row>
    <row r="186366" spans="14:14">
      <c r="N186366" s="10"/>
    </row>
    <row r="186367" spans="14:14">
      <c r="N186367" s="10"/>
    </row>
    <row r="186368" spans="14:14">
      <c r="N186368" s="10"/>
    </row>
    <row r="186369" spans="14:14">
      <c r="N186369" s="10"/>
    </row>
    <row r="186370" spans="14:14">
      <c r="N186370" s="10"/>
    </row>
    <row r="186371" spans="14:14">
      <c r="N186371" s="10"/>
    </row>
    <row r="186372" spans="14:14">
      <c r="N186372" s="10"/>
    </row>
    <row r="186373" spans="14:14">
      <c r="N186373" s="10"/>
    </row>
    <row r="186374" spans="14:14">
      <c r="N186374" s="10"/>
    </row>
    <row r="186375" spans="14:14">
      <c r="N186375" s="10"/>
    </row>
    <row r="186376" spans="14:14">
      <c r="N186376" s="10"/>
    </row>
    <row r="186377" spans="14:14">
      <c r="N186377" s="10"/>
    </row>
    <row r="186378" spans="14:14">
      <c r="N186378" s="10"/>
    </row>
    <row r="186379" spans="14:14">
      <c r="N186379" s="10"/>
    </row>
    <row r="186380" spans="14:14">
      <c r="N186380" s="10"/>
    </row>
    <row r="186381" spans="14:14">
      <c r="N186381" s="10"/>
    </row>
    <row r="186382" spans="14:14">
      <c r="N186382" s="10"/>
    </row>
    <row r="186383" spans="14:14">
      <c r="N186383" s="10"/>
    </row>
    <row r="186384" spans="14:14">
      <c r="N186384" s="10"/>
    </row>
    <row r="186385" spans="14:14">
      <c r="N186385" s="10"/>
    </row>
    <row r="186386" spans="14:14">
      <c r="N186386" s="10"/>
    </row>
    <row r="186387" spans="14:14">
      <c r="N186387" s="10"/>
    </row>
    <row r="186388" spans="14:14">
      <c r="N186388" s="10"/>
    </row>
    <row r="186389" spans="14:14">
      <c r="N186389" s="10"/>
    </row>
    <row r="186390" spans="14:14">
      <c r="N186390" s="10"/>
    </row>
    <row r="186391" spans="14:14">
      <c r="N186391" s="10"/>
    </row>
    <row r="186392" spans="14:14">
      <c r="N186392" s="10"/>
    </row>
    <row r="186393" spans="14:14">
      <c r="N186393" s="10"/>
    </row>
    <row r="186394" spans="14:14">
      <c r="N186394" s="10"/>
    </row>
    <row r="186395" spans="14:14">
      <c r="N186395" s="10"/>
    </row>
    <row r="186396" spans="14:14">
      <c r="N186396" s="10"/>
    </row>
    <row r="186397" spans="14:14">
      <c r="N186397" s="10"/>
    </row>
    <row r="186398" spans="14:14">
      <c r="N186398" s="10"/>
    </row>
    <row r="186399" spans="14:14">
      <c r="N186399" s="10"/>
    </row>
    <row r="186400" spans="14:14">
      <c r="N186400" s="10"/>
    </row>
    <row r="186401" spans="14:14">
      <c r="N186401" s="10"/>
    </row>
    <row r="186402" spans="14:14">
      <c r="N186402" s="10"/>
    </row>
    <row r="186403" spans="14:14">
      <c r="N186403" s="10"/>
    </row>
    <row r="186404" spans="14:14">
      <c r="N186404" s="10"/>
    </row>
    <row r="186405" spans="14:14">
      <c r="N186405" s="10"/>
    </row>
    <row r="186406" spans="14:14">
      <c r="N186406" s="10"/>
    </row>
    <row r="186407" spans="14:14">
      <c r="N186407" s="10"/>
    </row>
    <row r="186408" spans="14:14">
      <c r="N186408" s="10"/>
    </row>
    <row r="186409" spans="14:14">
      <c r="N186409" s="10"/>
    </row>
    <row r="186410" spans="14:14">
      <c r="N186410" s="10"/>
    </row>
    <row r="186411" spans="14:14">
      <c r="N186411" s="10"/>
    </row>
    <row r="186412" spans="14:14">
      <c r="N186412" s="10"/>
    </row>
    <row r="186413" spans="14:14">
      <c r="N186413" s="10"/>
    </row>
    <row r="186414" spans="14:14">
      <c r="N186414" s="10"/>
    </row>
    <row r="186415" spans="14:14">
      <c r="N186415" s="10"/>
    </row>
    <row r="186416" spans="14:14">
      <c r="N186416" s="10"/>
    </row>
    <row r="186417" spans="14:14">
      <c r="N186417" s="10"/>
    </row>
    <row r="186418" spans="14:14">
      <c r="N186418" s="10"/>
    </row>
    <row r="186419" spans="14:14">
      <c r="N186419" s="10"/>
    </row>
    <row r="186420" spans="14:14">
      <c r="N186420" s="10"/>
    </row>
    <row r="186421" spans="14:14">
      <c r="N186421" s="10"/>
    </row>
    <row r="186422" spans="14:14">
      <c r="N186422" s="10"/>
    </row>
    <row r="186423" spans="14:14">
      <c r="N186423" s="10"/>
    </row>
    <row r="186424" spans="14:14">
      <c r="N186424" s="10"/>
    </row>
    <row r="186425" spans="14:14">
      <c r="N186425" s="10"/>
    </row>
    <row r="186426" spans="14:14">
      <c r="N186426" s="10"/>
    </row>
    <row r="186427" spans="14:14">
      <c r="N186427" s="10"/>
    </row>
    <row r="186428" spans="14:14">
      <c r="N186428" s="10"/>
    </row>
    <row r="186429" spans="14:14">
      <c r="N186429" s="10"/>
    </row>
    <row r="186430" spans="14:14">
      <c r="N186430" s="10"/>
    </row>
    <row r="186431" spans="14:14">
      <c r="N186431" s="10"/>
    </row>
    <row r="186432" spans="14:14">
      <c r="N186432" s="10"/>
    </row>
    <row r="186433" spans="14:14">
      <c r="N186433" s="10"/>
    </row>
    <row r="186434" spans="14:14">
      <c r="N186434" s="10"/>
    </row>
    <row r="186435" spans="14:14">
      <c r="N186435" s="10"/>
    </row>
    <row r="186436" spans="14:14">
      <c r="N186436" s="10"/>
    </row>
    <row r="186437" spans="14:14">
      <c r="N186437" s="10"/>
    </row>
    <row r="186438" spans="14:14">
      <c r="N186438" s="10"/>
    </row>
    <row r="186439" spans="14:14">
      <c r="N186439" s="10"/>
    </row>
    <row r="186440" spans="14:14">
      <c r="N186440" s="10"/>
    </row>
    <row r="186441" spans="14:14">
      <c r="N186441" s="10"/>
    </row>
    <row r="186442" spans="14:14">
      <c r="N186442" s="10"/>
    </row>
    <row r="186443" spans="14:14">
      <c r="N186443" s="10"/>
    </row>
    <row r="186444" spans="14:14">
      <c r="N186444" s="10"/>
    </row>
    <row r="186445" spans="14:14">
      <c r="N186445" s="10"/>
    </row>
    <row r="186446" spans="14:14">
      <c r="N186446" s="10"/>
    </row>
    <row r="186447" spans="14:14">
      <c r="N186447" s="10"/>
    </row>
    <row r="186448" spans="14:14">
      <c r="N186448" s="10"/>
    </row>
    <row r="186449" spans="14:14">
      <c r="N186449" s="10"/>
    </row>
    <row r="186450" spans="14:14">
      <c r="N186450" s="10"/>
    </row>
    <row r="186451" spans="14:14">
      <c r="N186451" s="10"/>
    </row>
    <row r="186452" spans="14:14">
      <c r="N186452" s="10"/>
    </row>
    <row r="186453" spans="14:14">
      <c r="N186453" s="10"/>
    </row>
    <row r="186454" spans="14:14">
      <c r="N186454" s="10"/>
    </row>
    <row r="186455" spans="14:14">
      <c r="N186455" s="10"/>
    </row>
    <row r="186456" spans="14:14">
      <c r="N186456" s="10"/>
    </row>
    <row r="186457" spans="14:14">
      <c r="N186457" s="10"/>
    </row>
    <row r="186458" spans="14:14">
      <c r="N186458" s="10"/>
    </row>
    <row r="186459" spans="14:14">
      <c r="N186459" s="10"/>
    </row>
    <row r="186460" spans="14:14">
      <c r="N186460" s="10"/>
    </row>
    <row r="186461" spans="14:14">
      <c r="N186461" s="10"/>
    </row>
    <row r="186462" spans="14:14">
      <c r="N186462" s="10"/>
    </row>
    <row r="186463" spans="14:14">
      <c r="N186463" s="10"/>
    </row>
    <row r="186464" spans="14:14">
      <c r="N186464" s="10"/>
    </row>
    <row r="186465" spans="14:14">
      <c r="N186465" s="10"/>
    </row>
    <row r="186466" spans="14:14">
      <c r="N186466" s="10"/>
    </row>
    <row r="186467" spans="14:14">
      <c r="N186467" s="10"/>
    </row>
    <row r="186468" spans="14:14">
      <c r="N186468" s="10"/>
    </row>
    <row r="186469" spans="14:14">
      <c r="N186469" s="10"/>
    </row>
    <row r="186470" spans="14:14">
      <c r="N186470" s="10"/>
    </row>
    <row r="186471" spans="14:14">
      <c r="N186471" s="10"/>
    </row>
    <row r="186472" spans="14:14">
      <c r="N186472" s="10"/>
    </row>
    <row r="186473" spans="14:14">
      <c r="N186473" s="10"/>
    </row>
    <row r="186474" spans="14:14">
      <c r="N186474" s="10"/>
    </row>
    <row r="186475" spans="14:14">
      <c r="N186475" s="10"/>
    </row>
    <row r="186476" spans="14:14">
      <c r="N186476" s="10"/>
    </row>
    <row r="186477" spans="14:14">
      <c r="N186477" s="10"/>
    </row>
    <row r="186478" spans="14:14">
      <c r="N186478" s="10"/>
    </row>
    <row r="186479" spans="14:14">
      <c r="N186479" s="10"/>
    </row>
    <row r="186480" spans="14:14">
      <c r="N186480" s="10"/>
    </row>
    <row r="186481" spans="14:14">
      <c r="N186481" s="10"/>
    </row>
    <row r="186482" spans="14:14">
      <c r="N186482" s="10"/>
    </row>
    <row r="186483" spans="14:14">
      <c r="N186483" s="10"/>
    </row>
    <row r="186484" spans="14:14">
      <c r="N186484" s="10"/>
    </row>
    <row r="186485" spans="14:14">
      <c r="N186485" s="10"/>
    </row>
    <row r="186486" spans="14:14">
      <c r="N186486" s="10"/>
    </row>
    <row r="186487" spans="14:14">
      <c r="N186487" s="10"/>
    </row>
    <row r="186488" spans="14:14">
      <c r="N186488" s="10"/>
    </row>
    <row r="186489" spans="14:14">
      <c r="N186489" s="10"/>
    </row>
    <row r="186490" spans="14:14">
      <c r="N186490" s="10"/>
    </row>
    <row r="186491" spans="14:14">
      <c r="N186491" s="10"/>
    </row>
    <row r="186492" spans="14:14">
      <c r="N186492" s="10"/>
    </row>
    <row r="186493" spans="14:14">
      <c r="N186493" s="10"/>
    </row>
    <row r="186494" spans="14:14">
      <c r="N186494" s="10"/>
    </row>
    <row r="186495" spans="14:14">
      <c r="N186495" s="10"/>
    </row>
    <row r="186496" spans="14:14">
      <c r="N186496" s="10"/>
    </row>
    <row r="186497" spans="14:14">
      <c r="N186497" s="10"/>
    </row>
    <row r="186498" spans="14:14">
      <c r="N186498" s="10"/>
    </row>
    <row r="186499" spans="14:14">
      <c r="N186499" s="10"/>
    </row>
    <row r="186500" spans="14:14">
      <c r="N186500" s="10"/>
    </row>
    <row r="186501" spans="14:14">
      <c r="N186501" s="10"/>
    </row>
    <row r="186502" spans="14:14">
      <c r="N186502" s="10"/>
    </row>
    <row r="186503" spans="14:14">
      <c r="N186503" s="10"/>
    </row>
    <row r="186504" spans="14:14">
      <c r="N186504" s="10"/>
    </row>
    <row r="186505" spans="14:14">
      <c r="N186505" s="10"/>
    </row>
    <row r="186506" spans="14:14">
      <c r="N186506" s="10"/>
    </row>
    <row r="186507" spans="14:14">
      <c r="N186507" s="10"/>
    </row>
    <row r="186508" spans="14:14">
      <c r="N186508" s="10"/>
    </row>
    <row r="186509" spans="14:14">
      <c r="N186509" s="10"/>
    </row>
    <row r="186510" spans="14:14">
      <c r="N186510" s="10"/>
    </row>
    <row r="186511" spans="14:14">
      <c r="N186511" s="10"/>
    </row>
    <row r="186512" spans="14:14">
      <c r="N186512" s="10"/>
    </row>
    <row r="186513" spans="14:14">
      <c r="N186513" s="10"/>
    </row>
    <row r="186514" spans="14:14">
      <c r="N186514" s="10"/>
    </row>
    <row r="186515" spans="14:14">
      <c r="N186515" s="10"/>
    </row>
    <row r="186516" spans="14:14">
      <c r="N186516" s="10"/>
    </row>
    <row r="186517" spans="14:14">
      <c r="N186517" s="10"/>
    </row>
    <row r="186518" spans="14:14">
      <c r="N186518" s="10"/>
    </row>
    <row r="186519" spans="14:14">
      <c r="N186519" s="10"/>
    </row>
    <row r="186520" spans="14:14">
      <c r="N186520" s="10"/>
    </row>
    <row r="186521" spans="14:14">
      <c r="N186521" s="10"/>
    </row>
    <row r="186522" spans="14:14">
      <c r="N186522" s="10"/>
    </row>
    <row r="186523" spans="14:14">
      <c r="N186523" s="10"/>
    </row>
    <row r="186524" spans="14:14">
      <c r="N186524" s="10"/>
    </row>
    <row r="186525" spans="14:14">
      <c r="N186525" s="10"/>
    </row>
    <row r="186526" spans="14:14">
      <c r="N186526" s="10"/>
    </row>
    <row r="186527" spans="14:14">
      <c r="N186527" s="10"/>
    </row>
    <row r="186528" spans="14:14">
      <c r="N186528" s="10"/>
    </row>
    <row r="186529" spans="14:14">
      <c r="N186529" s="10"/>
    </row>
    <row r="186530" spans="14:14">
      <c r="N186530" s="10"/>
    </row>
    <row r="186531" spans="14:14">
      <c r="N186531" s="10"/>
    </row>
    <row r="186532" spans="14:14">
      <c r="N186532" s="10"/>
    </row>
    <row r="186533" spans="14:14">
      <c r="N186533" s="10"/>
    </row>
    <row r="186534" spans="14:14">
      <c r="N186534" s="10"/>
    </row>
    <row r="186535" spans="14:14">
      <c r="N186535" s="10"/>
    </row>
    <row r="186536" spans="14:14">
      <c r="N186536" s="10"/>
    </row>
    <row r="186537" spans="14:14">
      <c r="N186537" s="10"/>
    </row>
    <row r="186538" spans="14:14">
      <c r="N186538" s="10"/>
    </row>
    <row r="186539" spans="14:14">
      <c r="N186539" s="10"/>
    </row>
    <row r="186540" spans="14:14">
      <c r="N186540" s="10"/>
    </row>
    <row r="186541" spans="14:14">
      <c r="N186541" s="10"/>
    </row>
    <row r="186542" spans="14:14">
      <c r="N186542" s="10"/>
    </row>
    <row r="186543" spans="14:14">
      <c r="N186543" s="10"/>
    </row>
    <row r="186544" spans="14:14">
      <c r="N186544" s="10"/>
    </row>
    <row r="186545" spans="14:14">
      <c r="N186545" s="10"/>
    </row>
    <row r="186546" spans="14:14">
      <c r="N186546" s="10"/>
    </row>
    <row r="186547" spans="14:14">
      <c r="N186547" s="10"/>
    </row>
    <row r="186548" spans="14:14">
      <c r="N186548" s="10"/>
    </row>
    <row r="186549" spans="14:14">
      <c r="N186549" s="10"/>
    </row>
    <row r="186550" spans="14:14">
      <c r="N186550" s="10"/>
    </row>
    <row r="186551" spans="14:14">
      <c r="N186551" s="10"/>
    </row>
    <row r="186552" spans="14:14">
      <c r="N186552" s="10"/>
    </row>
    <row r="186553" spans="14:14">
      <c r="N186553" s="10"/>
    </row>
    <row r="186554" spans="14:14">
      <c r="N186554" s="10"/>
    </row>
    <row r="186555" spans="14:14">
      <c r="N186555" s="10"/>
    </row>
    <row r="186556" spans="14:14">
      <c r="N186556" s="10"/>
    </row>
    <row r="186557" spans="14:14">
      <c r="N186557" s="10"/>
    </row>
    <row r="186558" spans="14:14">
      <c r="N186558" s="10"/>
    </row>
    <row r="186559" spans="14:14">
      <c r="N186559" s="10"/>
    </row>
    <row r="186560" spans="14:14">
      <c r="N186560" s="10"/>
    </row>
    <row r="186561" spans="14:14">
      <c r="N186561" s="10"/>
    </row>
    <row r="186562" spans="14:14">
      <c r="N186562" s="10"/>
    </row>
    <row r="186563" spans="14:14">
      <c r="N186563" s="10"/>
    </row>
    <row r="186564" spans="14:14">
      <c r="N186564" s="10"/>
    </row>
    <row r="186565" spans="14:14">
      <c r="N186565" s="10"/>
    </row>
    <row r="186566" spans="14:14">
      <c r="N186566" s="10"/>
    </row>
    <row r="186567" spans="14:14">
      <c r="N186567" s="10"/>
    </row>
    <row r="186568" spans="14:14">
      <c r="N186568" s="10"/>
    </row>
    <row r="186569" spans="14:14">
      <c r="N186569" s="10"/>
    </row>
    <row r="186570" spans="14:14">
      <c r="N186570" s="10"/>
    </row>
    <row r="186571" spans="14:14">
      <c r="N186571" s="10"/>
    </row>
    <row r="186572" spans="14:14">
      <c r="N186572" s="10"/>
    </row>
    <row r="186573" spans="14:14">
      <c r="N186573" s="10"/>
    </row>
    <row r="186574" spans="14:14">
      <c r="N186574" s="10"/>
    </row>
    <row r="186575" spans="14:14">
      <c r="N186575" s="10"/>
    </row>
    <row r="186576" spans="14:14">
      <c r="N186576" s="10"/>
    </row>
    <row r="186577" spans="14:14">
      <c r="N186577" s="10"/>
    </row>
    <row r="186578" spans="14:14">
      <c r="N186578" s="10"/>
    </row>
    <row r="186579" spans="14:14">
      <c r="N186579" s="10"/>
    </row>
    <row r="186580" spans="14:14">
      <c r="N186580" s="10"/>
    </row>
    <row r="186581" spans="14:14">
      <c r="N186581" s="10"/>
    </row>
    <row r="186582" spans="14:14">
      <c r="N186582" s="10"/>
    </row>
    <row r="186583" spans="14:14">
      <c r="N186583" s="10"/>
    </row>
    <row r="186584" spans="14:14">
      <c r="N186584" s="10"/>
    </row>
    <row r="186585" spans="14:14">
      <c r="N186585" s="10"/>
    </row>
    <row r="186586" spans="14:14">
      <c r="N186586" s="10"/>
    </row>
    <row r="186587" spans="14:14">
      <c r="N186587" s="10"/>
    </row>
    <row r="186588" spans="14:14">
      <c r="N186588" s="10"/>
    </row>
    <row r="186589" spans="14:14">
      <c r="N186589" s="10"/>
    </row>
    <row r="186590" spans="14:14">
      <c r="N186590" s="10"/>
    </row>
    <row r="186591" spans="14:14">
      <c r="N186591" s="10"/>
    </row>
    <row r="186592" spans="14:14">
      <c r="N186592" s="10"/>
    </row>
    <row r="186593" spans="14:14">
      <c r="N186593" s="10"/>
    </row>
    <row r="186594" spans="14:14">
      <c r="N186594" s="10"/>
    </row>
    <row r="186595" spans="14:14">
      <c r="N186595" s="10"/>
    </row>
    <row r="186596" spans="14:14">
      <c r="N186596" s="10"/>
    </row>
    <row r="186597" spans="14:14">
      <c r="N186597" s="10"/>
    </row>
    <row r="186598" spans="14:14">
      <c r="N186598" s="10"/>
    </row>
    <row r="186599" spans="14:14">
      <c r="N186599" s="10"/>
    </row>
    <row r="186600" spans="14:14">
      <c r="N186600" s="10"/>
    </row>
    <row r="186601" spans="14:14">
      <c r="N186601" s="10"/>
    </row>
    <row r="186602" spans="14:14">
      <c r="N186602" s="10"/>
    </row>
    <row r="186603" spans="14:14">
      <c r="N186603" s="10"/>
    </row>
    <row r="186604" spans="14:14">
      <c r="N186604" s="10"/>
    </row>
    <row r="186605" spans="14:14">
      <c r="N186605" s="10"/>
    </row>
    <row r="186606" spans="14:14">
      <c r="N186606" s="10"/>
    </row>
    <row r="186607" spans="14:14">
      <c r="N186607" s="10"/>
    </row>
    <row r="186608" spans="14:14">
      <c r="N186608" s="10"/>
    </row>
    <row r="186609" spans="14:14">
      <c r="N186609" s="10"/>
    </row>
    <row r="186610" spans="14:14">
      <c r="N186610" s="10"/>
    </row>
    <row r="186611" spans="14:14">
      <c r="N186611" s="10"/>
    </row>
    <row r="186612" spans="14:14">
      <c r="N186612" s="10"/>
    </row>
    <row r="186613" spans="14:14">
      <c r="N186613" s="10"/>
    </row>
    <row r="186614" spans="14:14">
      <c r="N186614" s="10"/>
    </row>
    <row r="186615" spans="14:14">
      <c r="N186615" s="10"/>
    </row>
    <row r="186616" spans="14:14">
      <c r="N186616" s="10"/>
    </row>
    <row r="186617" spans="14:14">
      <c r="N186617" s="10"/>
    </row>
    <row r="186618" spans="14:14">
      <c r="N186618" s="10"/>
    </row>
    <row r="186619" spans="14:14">
      <c r="N186619" s="10"/>
    </row>
    <row r="186620" spans="14:14">
      <c r="N186620" s="10"/>
    </row>
    <row r="186621" spans="14:14">
      <c r="N186621" s="10"/>
    </row>
    <row r="186622" spans="14:14">
      <c r="N186622" s="10"/>
    </row>
    <row r="186623" spans="14:14">
      <c r="N186623" s="10"/>
    </row>
    <row r="186624" spans="14:14">
      <c r="N186624" s="10"/>
    </row>
    <row r="186625" spans="14:14">
      <c r="N186625" s="10"/>
    </row>
    <row r="186626" spans="14:14">
      <c r="N186626" s="10"/>
    </row>
    <row r="186627" spans="14:14">
      <c r="N186627" s="10"/>
    </row>
    <row r="186628" spans="14:14">
      <c r="N186628" s="10"/>
    </row>
    <row r="186629" spans="14:14">
      <c r="N186629" s="10"/>
    </row>
    <row r="186630" spans="14:14">
      <c r="N186630" s="10"/>
    </row>
    <row r="186631" spans="14:14">
      <c r="N186631" s="10"/>
    </row>
    <row r="186632" spans="14:14">
      <c r="N186632" s="10"/>
    </row>
    <row r="186633" spans="14:14">
      <c r="N186633" s="10"/>
    </row>
    <row r="186634" spans="14:14">
      <c r="N186634" s="10"/>
    </row>
    <row r="186635" spans="14:14">
      <c r="N186635" s="10"/>
    </row>
    <row r="186636" spans="14:14">
      <c r="N186636" s="10"/>
    </row>
    <row r="186637" spans="14:14">
      <c r="N186637" s="10"/>
    </row>
    <row r="186638" spans="14:14">
      <c r="N186638" s="10"/>
    </row>
    <row r="186639" spans="14:14">
      <c r="N186639" s="10"/>
    </row>
    <row r="186640" spans="14:14">
      <c r="N186640" s="10"/>
    </row>
    <row r="186641" spans="14:14">
      <c r="N186641" s="10"/>
    </row>
    <row r="186642" spans="14:14">
      <c r="N186642" s="10"/>
    </row>
    <row r="186643" spans="14:14">
      <c r="N186643" s="10"/>
    </row>
    <row r="186644" spans="14:14">
      <c r="N186644" s="10"/>
    </row>
    <row r="186645" spans="14:14">
      <c r="N186645" s="10"/>
    </row>
    <row r="186646" spans="14:14">
      <c r="N186646" s="10"/>
    </row>
    <row r="186647" spans="14:14">
      <c r="N186647" s="10"/>
    </row>
    <row r="186648" spans="14:14">
      <c r="N186648" s="10"/>
    </row>
    <row r="186649" spans="14:14">
      <c r="N186649" s="10"/>
    </row>
    <row r="186650" spans="14:14">
      <c r="N186650" s="10"/>
    </row>
    <row r="186651" spans="14:14">
      <c r="N186651" s="10"/>
    </row>
    <row r="186652" spans="14:14">
      <c r="N186652" s="10"/>
    </row>
    <row r="186653" spans="14:14">
      <c r="N186653" s="10"/>
    </row>
    <row r="186654" spans="14:14">
      <c r="N186654" s="10"/>
    </row>
    <row r="186655" spans="14:14">
      <c r="N186655" s="10"/>
    </row>
    <row r="186656" spans="14:14">
      <c r="N186656" s="10"/>
    </row>
    <row r="186657" spans="14:14">
      <c r="N186657" s="10"/>
    </row>
    <row r="186658" spans="14:14">
      <c r="N186658" s="10"/>
    </row>
    <row r="186659" spans="14:14">
      <c r="N186659" s="10"/>
    </row>
    <row r="186660" spans="14:14">
      <c r="N186660" s="10"/>
    </row>
    <row r="186661" spans="14:14">
      <c r="N186661" s="10"/>
    </row>
    <row r="186662" spans="14:14">
      <c r="N186662" s="10"/>
    </row>
    <row r="186663" spans="14:14">
      <c r="N186663" s="10"/>
    </row>
    <row r="186664" spans="14:14">
      <c r="N186664" s="10"/>
    </row>
    <row r="186665" spans="14:14">
      <c r="N186665" s="10"/>
    </row>
    <row r="186666" spans="14:14">
      <c r="N186666" s="10"/>
    </row>
    <row r="186667" spans="14:14">
      <c r="N186667" s="10"/>
    </row>
    <row r="186668" spans="14:14">
      <c r="N186668" s="10"/>
    </row>
    <row r="186669" spans="14:14">
      <c r="N186669" s="10"/>
    </row>
    <row r="186670" spans="14:14">
      <c r="N186670" s="10"/>
    </row>
    <row r="186671" spans="14:14">
      <c r="N186671" s="10"/>
    </row>
    <row r="186672" spans="14:14">
      <c r="N186672" s="10"/>
    </row>
    <row r="186673" spans="14:14">
      <c r="N186673" s="10"/>
    </row>
    <row r="186674" spans="14:14">
      <c r="N186674" s="10"/>
    </row>
    <row r="186675" spans="14:14">
      <c r="N186675" s="10"/>
    </row>
    <row r="186676" spans="14:14">
      <c r="N186676" s="10"/>
    </row>
    <row r="186677" spans="14:14">
      <c r="N186677" s="10"/>
    </row>
    <row r="186678" spans="14:14">
      <c r="N186678" s="10"/>
    </row>
    <row r="186679" spans="14:14">
      <c r="N186679" s="10"/>
    </row>
    <row r="186680" spans="14:14">
      <c r="N186680" s="10"/>
    </row>
    <row r="186681" spans="14:14">
      <c r="N186681" s="10"/>
    </row>
    <row r="186682" spans="14:14">
      <c r="N186682" s="10"/>
    </row>
    <row r="186683" spans="14:14">
      <c r="N186683" s="10"/>
    </row>
    <row r="186684" spans="14:14">
      <c r="N186684" s="10"/>
    </row>
    <row r="186685" spans="14:14">
      <c r="N186685" s="10"/>
    </row>
    <row r="186686" spans="14:14">
      <c r="N186686" s="10"/>
    </row>
    <row r="186687" spans="14:14">
      <c r="N186687" s="10"/>
    </row>
    <row r="186688" spans="14:14">
      <c r="N186688" s="10"/>
    </row>
    <row r="186689" spans="14:14">
      <c r="N186689" s="10"/>
    </row>
    <row r="186690" spans="14:14">
      <c r="N186690" s="10"/>
    </row>
    <row r="186691" spans="14:14">
      <c r="N186691" s="10"/>
    </row>
    <row r="186692" spans="14:14">
      <c r="N186692" s="10"/>
    </row>
    <row r="186693" spans="14:14">
      <c r="N186693" s="10"/>
    </row>
    <row r="186694" spans="14:14">
      <c r="N186694" s="10"/>
    </row>
    <row r="186695" spans="14:14">
      <c r="N186695" s="10"/>
    </row>
    <row r="186696" spans="14:14">
      <c r="N186696" s="10"/>
    </row>
    <row r="186697" spans="14:14">
      <c r="N186697" s="10"/>
    </row>
    <row r="186698" spans="14:14">
      <c r="N186698" s="10"/>
    </row>
    <row r="186699" spans="14:14">
      <c r="N186699" s="10"/>
    </row>
    <row r="186700" spans="14:14">
      <c r="N186700" s="10"/>
    </row>
    <row r="186701" spans="14:14">
      <c r="N186701" s="10"/>
    </row>
    <row r="186702" spans="14:14">
      <c r="N186702" s="10"/>
    </row>
    <row r="186703" spans="14:14">
      <c r="N186703" s="10"/>
    </row>
    <row r="186704" spans="14:14">
      <c r="N186704" s="10"/>
    </row>
    <row r="186705" spans="14:14">
      <c r="N186705" s="10"/>
    </row>
    <row r="186706" spans="14:14">
      <c r="N186706" s="10"/>
    </row>
    <row r="186707" spans="14:14">
      <c r="N186707" s="10"/>
    </row>
    <row r="186708" spans="14:14">
      <c r="N186708" s="10"/>
    </row>
    <row r="186709" spans="14:14">
      <c r="N186709" s="10"/>
    </row>
    <row r="186710" spans="14:14">
      <c r="N186710" s="10"/>
    </row>
    <row r="186711" spans="14:14">
      <c r="N186711" s="10"/>
    </row>
    <row r="186712" spans="14:14">
      <c r="N186712" s="10"/>
    </row>
    <row r="186713" spans="14:14">
      <c r="N186713" s="10"/>
    </row>
    <row r="186714" spans="14:14">
      <c r="N186714" s="10"/>
    </row>
    <row r="186715" spans="14:14">
      <c r="N186715" s="10"/>
    </row>
    <row r="186716" spans="14:14">
      <c r="N186716" s="10"/>
    </row>
    <row r="186717" spans="14:14">
      <c r="N186717" s="10"/>
    </row>
    <row r="186718" spans="14:14">
      <c r="N186718" s="10"/>
    </row>
    <row r="186719" spans="14:14">
      <c r="N186719" s="10"/>
    </row>
    <row r="186720" spans="14:14">
      <c r="N186720" s="10"/>
    </row>
    <row r="186721" spans="14:14">
      <c r="N186721" s="10"/>
    </row>
    <row r="186722" spans="14:14">
      <c r="N186722" s="10"/>
    </row>
    <row r="186723" spans="14:14">
      <c r="N186723" s="10"/>
    </row>
    <row r="186724" spans="14:14">
      <c r="N186724" s="10"/>
    </row>
    <row r="186725" spans="14:14">
      <c r="N186725" s="10"/>
    </row>
    <row r="186726" spans="14:14">
      <c r="N186726" s="10"/>
    </row>
    <row r="186727" spans="14:14">
      <c r="N186727" s="10"/>
    </row>
    <row r="186728" spans="14:14">
      <c r="N186728" s="10"/>
    </row>
    <row r="186729" spans="14:14">
      <c r="N186729" s="10"/>
    </row>
    <row r="186730" spans="14:14">
      <c r="N186730" s="10"/>
    </row>
    <row r="186731" spans="14:14">
      <c r="N186731" s="10"/>
    </row>
    <row r="186732" spans="14:14">
      <c r="N186732" s="10"/>
    </row>
    <row r="186733" spans="14:14">
      <c r="N186733" s="10"/>
    </row>
    <row r="186734" spans="14:14">
      <c r="N186734" s="10"/>
    </row>
    <row r="186735" spans="14:14">
      <c r="N186735" s="10"/>
    </row>
    <row r="186736" spans="14:14">
      <c r="N186736" s="10"/>
    </row>
    <row r="186737" spans="14:14">
      <c r="N186737" s="10"/>
    </row>
    <row r="186738" spans="14:14">
      <c r="N186738" s="10"/>
    </row>
    <row r="186739" spans="14:14">
      <c r="N186739" s="10"/>
    </row>
    <row r="186740" spans="14:14">
      <c r="N186740" s="10"/>
    </row>
    <row r="186741" spans="14:14">
      <c r="N186741" s="10"/>
    </row>
    <row r="186742" spans="14:14">
      <c r="N186742" s="10"/>
    </row>
    <row r="186743" spans="14:14">
      <c r="N186743" s="10"/>
    </row>
    <row r="186744" spans="14:14">
      <c r="N186744" s="10"/>
    </row>
    <row r="186745" spans="14:14">
      <c r="N186745" s="10"/>
    </row>
    <row r="186746" spans="14:14">
      <c r="N186746" s="10"/>
    </row>
    <row r="186747" spans="14:14">
      <c r="N186747" s="10"/>
    </row>
    <row r="186748" spans="14:14">
      <c r="N186748" s="10"/>
    </row>
    <row r="186749" spans="14:14">
      <c r="N186749" s="10"/>
    </row>
    <row r="186750" spans="14:14">
      <c r="N186750" s="10"/>
    </row>
    <row r="186751" spans="14:14">
      <c r="N186751" s="10"/>
    </row>
    <row r="186752" spans="14:14">
      <c r="N186752" s="10"/>
    </row>
    <row r="186753" spans="14:14">
      <c r="N186753" s="10"/>
    </row>
    <row r="186754" spans="14:14">
      <c r="N186754" s="10"/>
    </row>
    <row r="186755" spans="14:14">
      <c r="N186755" s="10"/>
    </row>
    <row r="186756" spans="14:14">
      <c r="N186756" s="10"/>
    </row>
    <row r="186757" spans="14:14">
      <c r="N186757" s="10"/>
    </row>
    <row r="186758" spans="14:14">
      <c r="N186758" s="10"/>
    </row>
    <row r="186759" spans="14:14">
      <c r="N186759" s="10"/>
    </row>
    <row r="186760" spans="14:14">
      <c r="N186760" s="10"/>
    </row>
    <row r="186761" spans="14:14">
      <c r="N186761" s="10"/>
    </row>
    <row r="186762" spans="14:14">
      <c r="N186762" s="10"/>
    </row>
    <row r="186763" spans="14:14">
      <c r="N186763" s="10"/>
    </row>
    <row r="186764" spans="14:14">
      <c r="N186764" s="10"/>
    </row>
    <row r="186765" spans="14:14">
      <c r="N186765" s="10"/>
    </row>
    <row r="186766" spans="14:14">
      <c r="N186766" s="10"/>
    </row>
    <row r="186767" spans="14:14">
      <c r="N186767" s="10"/>
    </row>
    <row r="186768" spans="14:14">
      <c r="N186768" s="10"/>
    </row>
    <row r="186769" spans="14:14">
      <c r="N186769" s="10"/>
    </row>
    <row r="186770" spans="14:14">
      <c r="N186770" s="10"/>
    </row>
    <row r="186771" spans="14:14">
      <c r="N186771" s="10"/>
    </row>
    <row r="186772" spans="14:14">
      <c r="N186772" s="10"/>
    </row>
    <row r="186773" spans="14:14">
      <c r="N186773" s="10"/>
    </row>
    <row r="186774" spans="14:14">
      <c r="N186774" s="10"/>
    </row>
    <row r="186775" spans="14:14">
      <c r="N186775" s="10"/>
    </row>
    <row r="186776" spans="14:14">
      <c r="N186776" s="10"/>
    </row>
    <row r="186777" spans="14:14">
      <c r="N186777" s="10"/>
    </row>
    <row r="186778" spans="14:14">
      <c r="N186778" s="10"/>
    </row>
    <row r="186779" spans="14:14">
      <c r="N186779" s="10"/>
    </row>
    <row r="186780" spans="14:14">
      <c r="N186780" s="10"/>
    </row>
    <row r="186781" spans="14:14">
      <c r="N186781" s="10"/>
    </row>
    <row r="186782" spans="14:14">
      <c r="N186782" s="10"/>
    </row>
    <row r="186783" spans="14:14">
      <c r="N186783" s="10"/>
    </row>
    <row r="186784" spans="14:14">
      <c r="N186784" s="10"/>
    </row>
    <row r="186785" spans="14:14">
      <c r="N186785" s="10"/>
    </row>
    <row r="186786" spans="14:14">
      <c r="N186786" s="10"/>
    </row>
    <row r="186787" spans="14:14">
      <c r="N186787" s="10"/>
    </row>
    <row r="186788" spans="14:14">
      <c r="N186788" s="10"/>
    </row>
    <row r="186789" spans="14:14">
      <c r="N186789" s="10"/>
    </row>
    <row r="186790" spans="14:14">
      <c r="N186790" s="10"/>
    </row>
    <row r="186791" spans="14:14">
      <c r="N186791" s="10"/>
    </row>
    <row r="186792" spans="14:14">
      <c r="N186792" s="10"/>
    </row>
    <row r="186793" spans="14:14">
      <c r="N186793" s="10"/>
    </row>
    <row r="186794" spans="14:14">
      <c r="N186794" s="10"/>
    </row>
    <row r="186795" spans="14:14">
      <c r="N186795" s="10"/>
    </row>
    <row r="186796" spans="14:14">
      <c r="N186796" s="10"/>
    </row>
    <row r="186797" spans="14:14">
      <c r="N186797" s="10"/>
    </row>
    <row r="186798" spans="14:14">
      <c r="N186798" s="10"/>
    </row>
    <row r="186799" spans="14:14">
      <c r="N186799" s="10"/>
    </row>
    <row r="186800" spans="14:14">
      <c r="N186800" s="10"/>
    </row>
    <row r="186801" spans="14:14">
      <c r="N186801" s="10"/>
    </row>
    <row r="186802" spans="14:14">
      <c r="N186802" s="10"/>
    </row>
    <row r="186803" spans="14:14">
      <c r="N186803" s="10"/>
    </row>
    <row r="186804" spans="14:14">
      <c r="N186804" s="10"/>
    </row>
    <row r="186805" spans="14:14">
      <c r="N186805" s="10"/>
    </row>
    <row r="186806" spans="14:14">
      <c r="N186806" s="10"/>
    </row>
    <row r="186807" spans="14:14">
      <c r="N186807" s="10"/>
    </row>
    <row r="186808" spans="14:14">
      <c r="N186808" s="10"/>
    </row>
    <row r="186809" spans="14:14">
      <c r="N186809" s="10"/>
    </row>
    <row r="186810" spans="14:14">
      <c r="N186810" s="10"/>
    </row>
    <row r="186811" spans="14:14">
      <c r="N186811" s="10"/>
    </row>
    <row r="186812" spans="14:14">
      <c r="N186812" s="10"/>
    </row>
    <row r="186813" spans="14:14">
      <c r="N186813" s="10"/>
    </row>
    <row r="186814" spans="14:14">
      <c r="N186814" s="10"/>
    </row>
    <row r="186815" spans="14:14">
      <c r="N186815" s="10"/>
    </row>
    <row r="186816" spans="14:14">
      <c r="N186816" s="10"/>
    </row>
    <row r="186817" spans="14:14">
      <c r="N186817" s="10"/>
    </row>
    <row r="186818" spans="14:14">
      <c r="N186818" s="10"/>
    </row>
    <row r="186819" spans="14:14">
      <c r="N186819" s="10"/>
    </row>
    <row r="186820" spans="14:14">
      <c r="N186820" s="10"/>
    </row>
    <row r="186821" spans="14:14">
      <c r="N186821" s="10"/>
    </row>
    <row r="186822" spans="14:14">
      <c r="N186822" s="10"/>
    </row>
    <row r="186823" spans="14:14">
      <c r="N186823" s="10"/>
    </row>
    <row r="186824" spans="14:14">
      <c r="N186824" s="10"/>
    </row>
    <row r="186825" spans="14:14">
      <c r="N186825" s="10"/>
    </row>
    <row r="186826" spans="14:14">
      <c r="N186826" s="10"/>
    </row>
    <row r="186827" spans="14:14">
      <c r="N186827" s="10"/>
    </row>
    <row r="186828" spans="14:14">
      <c r="N186828" s="10"/>
    </row>
    <row r="186829" spans="14:14">
      <c r="N186829" s="10"/>
    </row>
    <row r="186830" spans="14:14">
      <c r="N186830" s="10"/>
    </row>
    <row r="186831" spans="14:14">
      <c r="N186831" s="10"/>
    </row>
    <row r="186832" spans="14:14">
      <c r="N186832" s="10"/>
    </row>
    <row r="186833" spans="14:14">
      <c r="N186833" s="10"/>
    </row>
    <row r="186834" spans="14:14">
      <c r="N186834" s="10"/>
    </row>
    <row r="186835" spans="14:14">
      <c r="N186835" s="10"/>
    </row>
    <row r="186836" spans="14:14">
      <c r="N186836" s="10"/>
    </row>
    <row r="186837" spans="14:14">
      <c r="N186837" s="10"/>
    </row>
    <row r="186838" spans="14:14">
      <c r="N186838" s="10"/>
    </row>
    <row r="186839" spans="14:14">
      <c r="N186839" s="10"/>
    </row>
    <row r="186840" spans="14:14">
      <c r="N186840" s="10"/>
    </row>
    <row r="186841" spans="14:14">
      <c r="N186841" s="10"/>
    </row>
    <row r="186842" spans="14:14">
      <c r="N186842" s="10"/>
    </row>
    <row r="186843" spans="14:14">
      <c r="N186843" s="10"/>
    </row>
    <row r="186844" spans="14:14">
      <c r="N186844" s="10"/>
    </row>
    <row r="186845" spans="14:14">
      <c r="N186845" s="10"/>
    </row>
    <row r="186846" spans="14:14">
      <c r="N186846" s="10"/>
    </row>
    <row r="186847" spans="14:14">
      <c r="N186847" s="10"/>
    </row>
    <row r="186848" spans="14:14">
      <c r="N186848" s="10"/>
    </row>
    <row r="186849" spans="14:14">
      <c r="N186849" s="10"/>
    </row>
    <row r="186850" spans="14:14">
      <c r="N186850" s="10"/>
    </row>
    <row r="186851" spans="14:14">
      <c r="N186851" s="10"/>
    </row>
    <row r="186852" spans="14:14">
      <c r="N186852" s="10"/>
    </row>
    <row r="186853" spans="14:14">
      <c r="N186853" s="10"/>
    </row>
    <row r="186854" spans="14:14">
      <c r="N186854" s="10"/>
    </row>
    <row r="186855" spans="14:14">
      <c r="N186855" s="10"/>
    </row>
    <row r="186856" spans="14:14">
      <c r="N186856" s="10"/>
    </row>
    <row r="186857" spans="14:14">
      <c r="N186857" s="10"/>
    </row>
    <row r="186858" spans="14:14">
      <c r="N186858" s="10"/>
    </row>
    <row r="186859" spans="14:14">
      <c r="N186859" s="10"/>
    </row>
    <row r="186860" spans="14:14">
      <c r="N186860" s="10"/>
    </row>
    <row r="186861" spans="14:14">
      <c r="N186861" s="10"/>
    </row>
    <row r="186862" spans="14:14">
      <c r="N186862" s="10"/>
    </row>
    <row r="186863" spans="14:14">
      <c r="N186863" s="10"/>
    </row>
    <row r="186864" spans="14:14">
      <c r="N186864" s="10"/>
    </row>
    <row r="186865" spans="14:14">
      <c r="N186865" s="10"/>
    </row>
    <row r="186866" spans="14:14">
      <c r="N186866" s="10"/>
    </row>
    <row r="186867" spans="14:14">
      <c r="N186867" s="10"/>
    </row>
    <row r="186868" spans="14:14">
      <c r="N186868" s="10"/>
    </row>
    <row r="186869" spans="14:14">
      <c r="N186869" s="10"/>
    </row>
    <row r="186870" spans="14:14">
      <c r="N186870" s="10"/>
    </row>
    <row r="186871" spans="14:14">
      <c r="N186871" s="10"/>
    </row>
    <row r="186872" spans="14:14">
      <c r="N186872" s="10"/>
    </row>
    <row r="186873" spans="14:14">
      <c r="N186873" s="10"/>
    </row>
    <row r="186874" spans="14:14">
      <c r="N186874" s="10"/>
    </row>
    <row r="186875" spans="14:14">
      <c r="N186875" s="10"/>
    </row>
    <row r="186876" spans="14:14">
      <c r="N186876" s="10"/>
    </row>
    <row r="186877" spans="14:14">
      <c r="N186877" s="10"/>
    </row>
    <row r="186878" spans="14:14">
      <c r="N186878" s="10"/>
    </row>
    <row r="186879" spans="14:14">
      <c r="N186879" s="10"/>
    </row>
    <row r="186880" spans="14:14">
      <c r="N186880" s="10"/>
    </row>
    <row r="186881" spans="14:14">
      <c r="N186881" s="10"/>
    </row>
    <row r="186882" spans="14:14">
      <c r="N186882" s="10"/>
    </row>
    <row r="186883" spans="14:14">
      <c r="N186883" s="10"/>
    </row>
    <row r="186884" spans="14:14">
      <c r="N186884" s="10"/>
    </row>
    <row r="186885" spans="14:14">
      <c r="N186885" s="10"/>
    </row>
    <row r="186886" spans="14:14">
      <c r="N186886" s="10"/>
    </row>
    <row r="186887" spans="14:14">
      <c r="N186887" s="10"/>
    </row>
    <row r="186888" spans="14:14">
      <c r="N186888" s="10"/>
    </row>
    <row r="186889" spans="14:14">
      <c r="N186889" s="10"/>
    </row>
    <row r="186890" spans="14:14">
      <c r="N186890" s="10"/>
    </row>
    <row r="186891" spans="14:14">
      <c r="N186891" s="10"/>
    </row>
    <row r="186892" spans="14:14">
      <c r="N186892" s="10"/>
    </row>
    <row r="186893" spans="14:14">
      <c r="N186893" s="10"/>
    </row>
    <row r="186894" spans="14:14">
      <c r="N186894" s="10"/>
    </row>
    <row r="186895" spans="14:14">
      <c r="N186895" s="10"/>
    </row>
    <row r="186896" spans="14:14">
      <c r="N186896" s="10"/>
    </row>
    <row r="186897" spans="14:14">
      <c r="N186897" s="10"/>
    </row>
    <row r="186898" spans="14:14">
      <c r="N186898" s="10"/>
    </row>
    <row r="186899" spans="14:14">
      <c r="N186899" s="10"/>
    </row>
    <row r="186900" spans="14:14">
      <c r="N186900" s="10"/>
    </row>
    <row r="186901" spans="14:14">
      <c r="N186901" s="10"/>
    </row>
    <row r="186902" spans="14:14">
      <c r="N186902" s="10"/>
    </row>
    <row r="186903" spans="14:14">
      <c r="N186903" s="10"/>
    </row>
    <row r="186904" spans="14:14">
      <c r="N186904" s="10"/>
    </row>
    <row r="186905" spans="14:14">
      <c r="N186905" s="10"/>
    </row>
    <row r="186906" spans="14:14">
      <c r="N186906" s="10"/>
    </row>
    <row r="186907" spans="14:14">
      <c r="N186907" s="10"/>
    </row>
    <row r="186908" spans="14:14">
      <c r="N186908" s="10"/>
    </row>
    <row r="186909" spans="14:14">
      <c r="N186909" s="10"/>
    </row>
    <row r="186910" spans="14:14">
      <c r="N186910" s="10"/>
    </row>
    <row r="186911" spans="14:14">
      <c r="N186911" s="10"/>
    </row>
    <row r="186912" spans="14:14">
      <c r="N186912" s="10"/>
    </row>
    <row r="186913" spans="14:14">
      <c r="N186913" s="10"/>
    </row>
    <row r="186914" spans="14:14">
      <c r="N186914" s="10"/>
    </row>
    <row r="186915" spans="14:14">
      <c r="N186915" s="10"/>
    </row>
    <row r="186916" spans="14:14">
      <c r="N186916" s="10"/>
    </row>
    <row r="186917" spans="14:14">
      <c r="N186917" s="10"/>
    </row>
    <row r="186918" spans="14:14">
      <c r="N186918" s="10"/>
    </row>
    <row r="186919" spans="14:14">
      <c r="N186919" s="10"/>
    </row>
    <row r="186920" spans="14:14">
      <c r="N186920" s="10"/>
    </row>
    <row r="186921" spans="14:14">
      <c r="N186921" s="10"/>
    </row>
    <row r="186922" spans="14:14">
      <c r="N186922" s="10"/>
    </row>
    <row r="186923" spans="14:14">
      <c r="N186923" s="10"/>
    </row>
    <row r="186924" spans="14:14">
      <c r="N186924" s="10"/>
    </row>
    <row r="186925" spans="14:14">
      <c r="N186925" s="10"/>
    </row>
    <row r="186926" spans="14:14">
      <c r="N186926" s="10"/>
    </row>
    <row r="186927" spans="14:14">
      <c r="N186927" s="10"/>
    </row>
    <row r="186928" spans="14:14">
      <c r="N186928" s="10"/>
    </row>
    <row r="186929" spans="14:14">
      <c r="N186929" s="10"/>
    </row>
    <row r="186930" spans="14:14">
      <c r="N186930" s="10"/>
    </row>
    <row r="186931" spans="14:14">
      <c r="N186931" s="10"/>
    </row>
    <row r="186932" spans="14:14">
      <c r="N186932" s="10"/>
    </row>
    <row r="186933" spans="14:14">
      <c r="N186933" s="10"/>
    </row>
    <row r="186934" spans="14:14">
      <c r="N186934" s="10"/>
    </row>
    <row r="186935" spans="14:14">
      <c r="N186935" s="10"/>
    </row>
    <row r="186936" spans="14:14">
      <c r="N186936" s="10"/>
    </row>
    <row r="186937" spans="14:14">
      <c r="N186937" s="10"/>
    </row>
    <row r="186938" spans="14:14">
      <c r="N186938" s="10"/>
    </row>
    <row r="186939" spans="14:14">
      <c r="N186939" s="10"/>
    </row>
    <row r="186940" spans="14:14">
      <c r="N186940" s="10"/>
    </row>
    <row r="186941" spans="14:14">
      <c r="N186941" s="10"/>
    </row>
    <row r="186942" spans="14:14">
      <c r="N186942" s="10"/>
    </row>
    <row r="186943" spans="14:14">
      <c r="N186943" s="10"/>
    </row>
    <row r="186944" spans="14:14">
      <c r="N186944" s="10"/>
    </row>
    <row r="186945" spans="14:14">
      <c r="N186945" s="10"/>
    </row>
    <row r="186946" spans="14:14">
      <c r="N186946" s="10"/>
    </row>
    <row r="186947" spans="14:14">
      <c r="N186947" s="10"/>
    </row>
    <row r="186948" spans="14:14">
      <c r="N186948" s="10"/>
    </row>
    <row r="186949" spans="14:14">
      <c r="N186949" s="10"/>
    </row>
    <row r="186950" spans="14:14">
      <c r="N186950" s="10"/>
    </row>
    <row r="186951" spans="14:14">
      <c r="N186951" s="10"/>
    </row>
    <row r="186952" spans="14:14">
      <c r="N186952" s="10"/>
    </row>
    <row r="186953" spans="14:14">
      <c r="N186953" s="10"/>
    </row>
    <row r="186954" spans="14:14">
      <c r="N186954" s="10"/>
    </row>
    <row r="186955" spans="14:14">
      <c r="N186955" s="10"/>
    </row>
    <row r="186956" spans="14:14">
      <c r="N186956" s="10"/>
    </row>
    <row r="186957" spans="14:14">
      <c r="N186957" s="10"/>
    </row>
    <row r="186958" spans="14:14">
      <c r="N186958" s="10"/>
    </row>
    <row r="186959" spans="14:14">
      <c r="N186959" s="10"/>
    </row>
    <row r="186960" spans="14:14">
      <c r="N186960" s="10"/>
    </row>
    <row r="186961" spans="14:14">
      <c r="N186961" s="10"/>
    </row>
    <row r="186962" spans="14:14">
      <c r="N186962" s="10"/>
    </row>
    <row r="186963" spans="14:14">
      <c r="N186963" s="10"/>
    </row>
    <row r="186964" spans="14:14">
      <c r="N186964" s="10"/>
    </row>
    <row r="186965" spans="14:14">
      <c r="N186965" s="10"/>
    </row>
    <row r="186966" spans="14:14">
      <c r="N186966" s="10"/>
    </row>
    <row r="186967" spans="14:14">
      <c r="N186967" s="10"/>
    </row>
    <row r="186968" spans="14:14">
      <c r="N186968" s="10"/>
    </row>
    <row r="186969" spans="14:14">
      <c r="N186969" s="10"/>
    </row>
    <row r="186970" spans="14:14">
      <c r="N186970" s="10"/>
    </row>
    <row r="186971" spans="14:14">
      <c r="N186971" s="10"/>
    </row>
    <row r="186972" spans="14:14">
      <c r="N186972" s="10"/>
    </row>
    <row r="186973" spans="14:14">
      <c r="N186973" s="10"/>
    </row>
    <row r="186974" spans="14:14">
      <c r="N186974" s="10"/>
    </row>
    <row r="186975" spans="14:14">
      <c r="N186975" s="10"/>
    </row>
    <row r="186976" spans="14:14">
      <c r="N186976" s="10"/>
    </row>
    <row r="186977" spans="14:14">
      <c r="N186977" s="10"/>
    </row>
    <row r="186978" spans="14:14">
      <c r="N186978" s="10"/>
    </row>
    <row r="186979" spans="14:14">
      <c r="N186979" s="10"/>
    </row>
    <row r="186980" spans="14:14">
      <c r="N186980" s="10"/>
    </row>
    <row r="186981" spans="14:14">
      <c r="N186981" s="10"/>
    </row>
    <row r="186982" spans="14:14">
      <c r="N186982" s="10"/>
    </row>
    <row r="186983" spans="14:14">
      <c r="N186983" s="10"/>
    </row>
    <row r="186984" spans="14:14">
      <c r="N186984" s="10"/>
    </row>
    <row r="186985" spans="14:14">
      <c r="N186985" s="10"/>
    </row>
    <row r="186986" spans="14:14">
      <c r="N186986" s="10"/>
    </row>
    <row r="186987" spans="14:14">
      <c r="N186987" s="10"/>
    </row>
    <row r="186988" spans="14:14">
      <c r="N186988" s="10"/>
    </row>
    <row r="186989" spans="14:14">
      <c r="N186989" s="10"/>
    </row>
    <row r="186990" spans="14:14">
      <c r="N186990" s="10"/>
    </row>
    <row r="186991" spans="14:14">
      <c r="N186991" s="10"/>
    </row>
    <row r="186992" spans="14:14">
      <c r="N186992" s="10"/>
    </row>
    <row r="186993" spans="14:14">
      <c r="N186993" s="10"/>
    </row>
    <row r="186994" spans="14:14">
      <c r="N186994" s="10"/>
    </row>
    <row r="186995" spans="14:14">
      <c r="N186995" s="10"/>
    </row>
    <row r="186996" spans="14:14">
      <c r="N186996" s="10"/>
    </row>
    <row r="186997" spans="14:14">
      <c r="N186997" s="10"/>
    </row>
    <row r="186998" spans="14:14">
      <c r="N186998" s="10"/>
    </row>
    <row r="186999" spans="14:14">
      <c r="N186999" s="10"/>
    </row>
    <row r="187000" spans="14:14">
      <c r="N187000" s="10"/>
    </row>
    <row r="187001" spans="14:14">
      <c r="N187001" s="10"/>
    </row>
    <row r="187002" spans="14:14">
      <c r="N187002" s="10"/>
    </row>
    <row r="187003" spans="14:14">
      <c r="N187003" s="10"/>
    </row>
    <row r="187004" spans="14:14">
      <c r="N187004" s="10"/>
    </row>
    <row r="187005" spans="14:14">
      <c r="N187005" s="10"/>
    </row>
    <row r="187006" spans="14:14">
      <c r="N187006" s="10"/>
    </row>
    <row r="187007" spans="14:14">
      <c r="N187007" s="10"/>
    </row>
    <row r="187008" spans="14:14">
      <c r="N187008" s="10"/>
    </row>
    <row r="187009" spans="14:14">
      <c r="N187009" s="10"/>
    </row>
    <row r="187010" spans="14:14">
      <c r="N187010" s="10"/>
    </row>
    <row r="187011" spans="14:14">
      <c r="N187011" s="10"/>
    </row>
    <row r="187012" spans="14:14">
      <c r="N187012" s="10"/>
    </row>
    <row r="187013" spans="14:14">
      <c r="N187013" s="10"/>
    </row>
    <row r="187014" spans="14:14">
      <c r="N187014" s="10"/>
    </row>
    <row r="187015" spans="14:14">
      <c r="N187015" s="10"/>
    </row>
    <row r="187016" spans="14:14">
      <c r="N187016" s="10"/>
    </row>
    <row r="187017" spans="14:14">
      <c r="N187017" s="10"/>
    </row>
    <row r="187018" spans="14:14">
      <c r="N187018" s="10"/>
    </row>
    <row r="187019" spans="14:14">
      <c r="N187019" s="10"/>
    </row>
    <row r="187020" spans="14:14">
      <c r="N187020" s="10"/>
    </row>
    <row r="187021" spans="14:14">
      <c r="N187021" s="10"/>
    </row>
    <row r="187022" spans="14:14">
      <c r="N187022" s="10"/>
    </row>
    <row r="187023" spans="14:14">
      <c r="N187023" s="10"/>
    </row>
    <row r="187024" spans="14:14">
      <c r="N187024" s="10"/>
    </row>
    <row r="187025" spans="14:14">
      <c r="N187025" s="10"/>
    </row>
    <row r="187026" spans="14:14">
      <c r="N187026" s="10"/>
    </row>
    <row r="187027" spans="14:14">
      <c r="N187027" s="10"/>
    </row>
    <row r="187028" spans="14:14">
      <c r="N187028" s="10"/>
    </row>
    <row r="187029" spans="14:14">
      <c r="N187029" s="10"/>
    </row>
    <row r="187030" spans="14:14">
      <c r="N187030" s="10"/>
    </row>
    <row r="187031" spans="14:14">
      <c r="N187031" s="10"/>
    </row>
    <row r="187032" spans="14:14">
      <c r="N187032" s="10"/>
    </row>
    <row r="187033" spans="14:14">
      <c r="N187033" s="10"/>
    </row>
    <row r="187034" spans="14:14">
      <c r="N187034" s="10"/>
    </row>
    <row r="187035" spans="14:14">
      <c r="N187035" s="10"/>
    </row>
    <row r="187036" spans="14:14">
      <c r="N187036" s="10"/>
    </row>
    <row r="187037" spans="14:14">
      <c r="N187037" s="10"/>
    </row>
    <row r="187038" spans="14:14">
      <c r="N187038" s="10"/>
    </row>
    <row r="187039" spans="14:14">
      <c r="N187039" s="10"/>
    </row>
    <row r="187040" spans="14:14">
      <c r="N187040" s="10"/>
    </row>
    <row r="187041" spans="14:14">
      <c r="N187041" s="10"/>
    </row>
    <row r="187042" spans="14:14">
      <c r="N187042" s="10"/>
    </row>
    <row r="187043" spans="14:14">
      <c r="N187043" s="10"/>
    </row>
    <row r="187044" spans="14:14">
      <c r="N187044" s="10"/>
    </row>
    <row r="187045" spans="14:14">
      <c r="N187045" s="10"/>
    </row>
    <row r="187046" spans="14:14">
      <c r="N187046" s="10"/>
    </row>
    <row r="187047" spans="14:14">
      <c r="N187047" s="10"/>
    </row>
    <row r="187048" spans="14:14">
      <c r="N187048" s="10"/>
    </row>
    <row r="187049" spans="14:14">
      <c r="N187049" s="10"/>
    </row>
    <row r="187050" spans="14:14">
      <c r="N187050" s="10"/>
    </row>
    <row r="187051" spans="14:14">
      <c r="N187051" s="10"/>
    </row>
    <row r="187052" spans="14:14">
      <c r="N187052" s="10"/>
    </row>
    <row r="187053" spans="14:14">
      <c r="N187053" s="10"/>
    </row>
    <row r="187054" spans="14:14">
      <c r="N187054" s="10"/>
    </row>
    <row r="187055" spans="14:14">
      <c r="N187055" s="10"/>
    </row>
    <row r="187056" spans="14:14">
      <c r="N187056" s="10"/>
    </row>
    <row r="187057" spans="14:14">
      <c r="N187057" s="10"/>
    </row>
    <row r="187058" spans="14:14">
      <c r="N187058" s="10"/>
    </row>
    <row r="187059" spans="14:14">
      <c r="N187059" s="10"/>
    </row>
    <row r="187060" spans="14:14">
      <c r="N187060" s="10"/>
    </row>
    <row r="187061" spans="14:14">
      <c r="N187061" s="10"/>
    </row>
    <row r="187062" spans="14:14">
      <c r="N187062" s="10"/>
    </row>
    <row r="187063" spans="14:14">
      <c r="N187063" s="10"/>
    </row>
    <row r="187064" spans="14:14">
      <c r="N187064" s="10"/>
    </row>
    <row r="187065" spans="14:14">
      <c r="N187065" s="10"/>
    </row>
    <row r="187066" spans="14:14">
      <c r="N187066" s="10"/>
    </row>
    <row r="187067" spans="14:14">
      <c r="N187067" s="10"/>
    </row>
    <row r="187068" spans="14:14">
      <c r="N187068" s="10"/>
    </row>
    <row r="187069" spans="14:14">
      <c r="N187069" s="10"/>
    </row>
    <row r="187070" spans="14:14">
      <c r="N187070" s="10"/>
    </row>
    <row r="187071" spans="14:14">
      <c r="N187071" s="10"/>
    </row>
    <row r="187072" spans="14:14">
      <c r="N187072" s="10"/>
    </row>
    <row r="187073" spans="14:14">
      <c r="N187073" s="10"/>
    </row>
    <row r="187074" spans="14:14">
      <c r="N187074" s="10"/>
    </row>
    <row r="187075" spans="14:14">
      <c r="N187075" s="10"/>
    </row>
    <row r="187076" spans="14:14">
      <c r="N187076" s="10"/>
    </row>
    <row r="187077" spans="14:14">
      <c r="N187077" s="10"/>
    </row>
    <row r="187078" spans="14:14">
      <c r="N187078" s="10"/>
    </row>
    <row r="187079" spans="14:14">
      <c r="N187079" s="10"/>
    </row>
    <row r="187080" spans="14:14">
      <c r="N187080" s="10"/>
    </row>
    <row r="187081" spans="14:14">
      <c r="N187081" s="10"/>
    </row>
    <row r="187082" spans="14:14">
      <c r="N187082" s="10"/>
    </row>
    <row r="187083" spans="14:14">
      <c r="N187083" s="10"/>
    </row>
    <row r="187084" spans="14:14">
      <c r="N187084" s="10"/>
    </row>
    <row r="187085" spans="14:14">
      <c r="N187085" s="10"/>
    </row>
    <row r="187086" spans="14:14">
      <c r="N187086" s="10"/>
    </row>
    <row r="187087" spans="14:14">
      <c r="N187087" s="10"/>
    </row>
    <row r="187088" spans="14:14">
      <c r="N187088" s="10"/>
    </row>
    <row r="187089" spans="14:14">
      <c r="N187089" s="10"/>
    </row>
    <row r="187090" spans="14:14">
      <c r="N187090" s="10"/>
    </row>
    <row r="187091" spans="14:14">
      <c r="N187091" s="10"/>
    </row>
    <row r="187092" spans="14:14">
      <c r="N187092" s="10"/>
    </row>
    <row r="187093" spans="14:14">
      <c r="N187093" s="10"/>
    </row>
    <row r="187094" spans="14:14">
      <c r="N187094" s="10"/>
    </row>
    <row r="187095" spans="14:14">
      <c r="N187095" s="10"/>
    </row>
    <row r="187096" spans="14:14">
      <c r="N187096" s="10"/>
    </row>
    <row r="187097" spans="14:14">
      <c r="N187097" s="10"/>
    </row>
    <row r="187098" spans="14:14">
      <c r="N187098" s="10"/>
    </row>
    <row r="187099" spans="14:14">
      <c r="N187099" s="10"/>
    </row>
    <row r="187100" spans="14:14">
      <c r="N187100" s="10"/>
    </row>
    <row r="187101" spans="14:14">
      <c r="N187101" s="10"/>
    </row>
    <row r="187102" spans="14:14">
      <c r="N187102" s="10"/>
    </row>
    <row r="187103" spans="14:14">
      <c r="N187103" s="10"/>
    </row>
    <row r="187104" spans="14:14">
      <c r="N187104" s="10"/>
    </row>
    <row r="187105" spans="14:14">
      <c r="N187105" s="10"/>
    </row>
    <row r="187106" spans="14:14">
      <c r="N187106" s="10"/>
    </row>
    <row r="187107" spans="14:14">
      <c r="N187107" s="10"/>
    </row>
    <row r="187108" spans="14:14">
      <c r="N187108" s="10"/>
    </row>
    <row r="187109" spans="14:14">
      <c r="N187109" s="10"/>
    </row>
    <row r="187110" spans="14:14">
      <c r="N187110" s="10"/>
    </row>
    <row r="187111" spans="14:14">
      <c r="N187111" s="10"/>
    </row>
    <row r="187112" spans="14:14">
      <c r="N187112" s="10"/>
    </row>
    <row r="187113" spans="14:14">
      <c r="N187113" s="10"/>
    </row>
    <row r="187114" spans="14:14">
      <c r="N187114" s="10"/>
    </row>
    <row r="187115" spans="14:14">
      <c r="N187115" s="10"/>
    </row>
    <row r="187116" spans="14:14">
      <c r="N187116" s="10"/>
    </row>
    <row r="187117" spans="14:14">
      <c r="N187117" s="10"/>
    </row>
    <row r="187118" spans="14:14">
      <c r="N187118" s="10"/>
    </row>
    <row r="187119" spans="14:14">
      <c r="N187119" s="10"/>
    </row>
    <row r="187120" spans="14:14">
      <c r="N187120" s="10"/>
    </row>
    <row r="187121" spans="14:14">
      <c r="N187121" s="10"/>
    </row>
    <row r="187122" spans="14:14">
      <c r="N187122" s="10"/>
    </row>
    <row r="187123" spans="14:14">
      <c r="N187123" s="10"/>
    </row>
    <row r="187124" spans="14:14">
      <c r="N187124" s="10"/>
    </row>
    <row r="187125" spans="14:14">
      <c r="N187125" s="10"/>
    </row>
    <row r="187126" spans="14:14">
      <c r="N187126" s="10"/>
    </row>
    <row r="187127" spans="14:14">
      <c r="N187127" s="10"/>
    </row>
    <row r="187128" spans="14:14">
      <c r="N187128" s="10"/>
    </row>
    <row r="187129" spans="14:14">
      <c r="N187129" s="10"/>
    </row>
    <row r="187130" spans="14:14">
      <c r="N187130" s="10"/>
    </row>
    <row r="187131" spans="14:14">
      <c r="N187131" s="10"/>
    </row>
    <row r="187132" spans="14:14">
      <c r="N187132" s="10"/>
    </row>
    <row r="187133" spans="14:14">
      <c r="N187133" s="10"/>
    </row>
    <row r="187134" spans="14:14">
      <c r="N187134" s="10"/>
    </row>
    <row r="187135" spans="14:14">
      <c r="N187135" s="10"/>
    </row>
    <row r="187136" spans="14:14">
      <c r="N187136" s="10"/>
    </row>
    <row r="187137" spans="14:14">
      <c r="N187137" s="10"/>
    </row>
    <row r="187138" spans="14:14">
      <c r="N187138" s="10"/>
    </row>
    <row r="187139" spans="14:14">
      <c r="N187139" s="10"/>
    </row>
    <row r="187140" spans="14:14">
      <c r="N187140" s="10"/>
    </row>
    <row r="187141" spans="14:14">
      <c r="N187141" s="10"/>
    </row>
    <row r="187142" spans="14:14">
      <c r="N187142" s="10"/>
    </row>
    <row r="187143" spans="14:14">
      <c r="N187143" s="10"/>
    </row>
    <row r="187144" spans="14:14">
      <c r="N187144" s="10"/>
    </row>
    <row r="187145" spans="14:14">
      <c r="N187145" s="10"/>
    </row>
    <row r="187146" spans="14:14">
      <c r="N187146" s="10"/>
    </row>
    <row r="187147" spans="14:14">
      <c r="N187147" s="10"/>
    </row>
    <row r="187148" spans="14:14">
      <c r="N187148" s="10"/>
    </row>
    <row r="187149" spans="14:14">
      <c r="N187149" s="10"/>
    </row>
    <row r="187150" spans="14:14">
      <c r="N187150" s="10"/>
    </row>
    <row r="187151" spans="14:14">
      <c r="N187151" s="10"/>
    </row>
    <row r="187152" spans="14:14">
      <c r="N187152" s="10"/>
    </row>
    <row r="187153" spans="14:14">
      <c r="N187153" s="10"/>
    </row>
    <row r="187154" spans="14:14">
      <c r="N187154" s="10"/>
    </row>
    <row r="187155" spans="14:14">
      <c r="N187155" s="10"/>
    </row>
    <row r="187156" spans="14:14">
      <c r="N187156" s="10"/>
    </row>
    <row r="187157" spans="14:14">
      <c r="N187157" s="10"/>
    </row>
    <row r="187158" spans="14:14">
      <c r="N187158" s="10"/>
    </row>
    <row r="187159" spans="14:14">
      <c r="N187159" s="10"/>
    </row>
    <row r="187160" spans="14:14">
      <c r="N187160" s="10"/>
    </row>
    <row r="187161" spans="14:14">
      <c r="N187161" s="10"/>
    </row>
    <row r="187162" spans="14:14">
      <c r="N187162" s="10"/>
    </row>
    <row r="187163" spans="14:14">
      <c r="N187163" s="10"/>
    </row>
    <row r="187164" spans="14:14">
      <c r="N187164" s="10"/>
    </row>
    <row r="187165" spans="14:14">
      <c r="N187165" s="10"/>
    </row>
    <row r="187166" spans="14:14">
      <c r="N187166" s="10"/>
    </row>
    <row r="187167" spans="14:14">
      <c r="N187167" s="10"/>
    </row>
    <row r="187168" spans="14:14">
      <c r="N187168" s="10"/>
    </row>
    <row r="187169" spans="14:14">
      <c r="N187169" s="10"/>
    </row>
    <row r="187170" spans="14:14">
      <c r="N187170" s="10"/>
    </row>
    <row r="187171" spans="14:14">
      <c r="N187171" s="10"/>
    </row>
    <row r="187172" spans="14:14">
      <c r="N187172" s="10"/>
    </row>
    <row r="187173" spans="14:14">
      <c r="N187173" s="10"/>
    </row>
    <row r="187174" spans="14:14">
      <c r="N187174" s="10"/>
    </row>
    <row r="187175" spans="14:14">
      <c r="N187175" s="10"/>
    </row>
    <row r="187176" spans="14:14">
      <c r="N187176" s="10"/>
    </row>
    <row r="187177" spans="14:14">
      <c r="N187177" s="10"/>
    </row>
    <row r="187178" spans="14:14">
      <c r="N187178" s="10"/>
    </row>
    <row r="187179" spans="14:14">
      <c r="N187179" s="10"/>
    </row>
    <row r="187180" spans="14:14">
      <c r="N187180" s="10"/>
    </row>
    <row r="187181" spans="14:14">
      <c r="N187181" s="10"/>
    </row>
    <row r="187182" spans="14:14">
      <c r="N187182" s="10"/>
    </row>
    <row r="187183" spans="14:14">
      <c r="N187183" s="10"/>
    </row>
    <row r="187184" spans="14:14">
      <c r="N187184" s="10"/>
    </row>
    <row r="187185" spans="14:14">
      <c r="N187185" s="10"/>
    </row>
    <row r="187186" spans="14:14">
      <c r="N187186" s="10"/>
    </row>
    <row r="187187" spans="14:14">
      <c r="N187187" s="10"/>
    </row>
    <row r="187188" spans="14:14">
      <c r="N187188" s="10"/>
    </row>
    <row r="187189" spans="14:14">
      <c r="N187189" s="10"/>
    </row>
    <row r="187190" spans="14:14">
      <c r="N187190" s="10"/>
    </row>
    <row r="187191" spans="14:14">
      <c r="N187191" s="10"/>
    </row>
    <row r="187192" spans="14:14">
      <c r="N187192" s="10"/>
    </row>
    <row r="187193" spans="14:14">
      <c r="N187193" s="10"/>
    </row>
    <row r="187194" spans="14:14">
      <c r="N187194" s="10"/>
    </row>
    <row r="187195" spans="14:14">
      <c r="N187195" s="10"/>
    </row>
    <row r="187196" spans="14:14">
      <c r="N187196" s="10"/>
    </row>
    <row r="187197" spans="14:14">
      <c r="N187197" s="10"/>
    </row>
    <row r="187198" spans="14:14">
      <c r="N187198" s="10"/>
    </row>
    <row r="187199" spans="14:14">
      <c r="N187199" s="10"/>
    </row>
    <row r="187200" spans="14:14">
      <c r="N187200" s="10"/>
    </row>
    <row r="187201" spans="14:14">
      <c r="N187201" s="10"/>
    </row>
    <row r="187202" spans="14:14">
      <c r="N187202" s="10"/>
    </row>
    <row r="187203" spans="14:14">
      <c r="N187203" s="10"/>
    </row>
    <row r="187204" spans="14:14">
      <c r="N187204" s="10"/>
    </row>
    <row r="187205" spans="14:14">
      <c r="N187205" s="10"/>
    </row>
    <row r="187206" spans="14:14">
      <c r="N187206" s="10"/>
    </row>
    <row r="187207" spans="14:14">
      <c r="N187207" s="10"/>
    </row>
    <row r="187208" spans="14:14">
      <c r="N187208" s="10"/>
    </row>
    <row r="187209" spans="14:14">
      <c r="N187209" s="10"/>
    </row>
    <row r="187210" spans="14:14">
      <c r="N187210" s="10"/>
    </row>
    <row r="187211" spans="14:14">
      <c r="N187211" s="10"/>
    </row>
    <row r="187212" spans="14:14">
      <c r="N187212" s="10"/>
    </row>
    <row r="187213" spans="14:14">
      <c r="N187213" s="10"/>
    </row>
    <row r="187214" spans="14:14">
      <c r="N187214" s="10"/>
    </row>
    <row r="187215" spans="14:14">
      <c r="N187215" s="10"/>
    </row>
    <row r="187216" spans="14:14">
      <c r="N187216" s="10"/>
    </row>
    <row r="187217" spans="14:14">
      <c r="N187217" s="10"/>
    </row>
    <row r="187218" spans="14:14">
      <c r="N187218" s="10"/>
    </row>
    <row r="187219" spans="14:14">
      <c r="N187219" s="10"/>
    </row>
    <row r="187220" spans="14:14">
      <c r="N187220" s="10"/>
    </row>
    <row r="187221" spans="14:14">
      <c r="N187221" s="10"/>
    </row>
    <row r="187222" spans="14:14">
      <c r="N187222" s="10"/>
    </row>
    <row r="187223" spans="14:14">
      <c r="N187223" s="10"/>
    </row>
    <row r="187224" spans="14:14">
      <c r="N187224" s="10"/>
    </row>
    <row r="187225" spans="14:14">
      <c r="N187225" s="10"/>
    </row>
    <row r="187226" spans="14:14">
      <c r="N187226" s="10"/>
    </row>
    <row r="187227" spans="14:14">
      <c r="N187227" s="10"/>
    </row>
    <row r="187228" spans="14:14">
      <c r="N187228" s="10"/>
    </row>
    <row r="187229" spans="14:14">
      <c r="N187229" s="10"/>
    </row>
    <row r="187230" spans="14:14">
      <c r="N187230" s="10"/>
    </row>
    <row r="187231" spans="14:14">
      <c r="N187231" s="10"/>
    </row>
    <row r="187232" spans="14:14">
      <c r="N187232" s="10"/>
    </row>
    <row r="187233" spans="14:14">
      <c r="N187233" s="10"/>
    </row>
    <row r="187234" spans="14:14">
      <c r="N187234" s="10"/>
    </row>
    <row r="187235" spans="14:14">
      <c r="N187235" s="10"/>
    </row>
    <row r="187236" spans="14:14">
      <c r="N187236" s="10"/>
    </row>
    <row r="187237" spans="14:14">
      <c r="N187237" s="10"/>
    </row>
    <row r="187238" spans="14:14">
      <c r="N187238" s="10"/>
    </row>
    <row r="187239" spans="14:14">
      <c r="N187239" s="10"/>
    </row>
    <row r="187240" spans="14:14">
      <c r="N187240" s="10"/>
    </row>
    <row r="187241" spans="14:14">
      <c r="N187241" s="10"/>
    </row>
    <row r="187242" spans="14:14">
      <c r="N187242" s="10"/>
    </row>
    <row r="187243" spans="14:14">
      <c r="N187243" s="10"/>
    </row>
    <row r="187244" spans="14:14">
      <c r="N187244" s="10"/>
    </row>
    <row r="187245" spans="14:14">
      <c r="N187245" s="10"/>
    </row>
    <row r="187246" spans="14:14">
      <c r="N187246" s="10"/>
    </row>
    <row r="187247" spans="14:14">
      <c r="N187247" s="10"/>
    </row>
    <row r="187248" spans="14:14">
      <c r="N187248" s="10"/>
    </row>
    <row r="187249" spans="14:14">
      <c r="N187249" s="10"/>
    </row>
    <row r="187250" spans="14:14">
      <c r="N187250" s="10"/>
    </row>
    <row r="187251" spans="14:14">
      <c r="N187251" s="10"/>
    </row>
    <row r="187252" spans="14:14">
      <c r="N187252" s="10"/>
    </row>
    <row r="187253" spans="14:14">
      <c r="N187253" s="10"/>
    </row>
    <row r="187254" spans="14:14">
      <c r="N187254" s="10"/>
    </row>
    <row r="187255" spans="14:14">
      <c r="N187255" s="10"/>
    </row>
    <row r="187256" spans="14:14">
      <c r="N187256" s="10"/>
    </row>
    <row r="187257" spans="14:14">
      <c r="N187257" s="10"/>
    </row>
    <row r="187258" spans="14:14">
      <c r="N187258" s="10"/>
    </row>
    <row r="187259" spans="14:14">
      <c r="N187259" s="10"/>
    </row>
    <row r="187260" spans="14:14">
      <c r="N187260" s="10"/>
    </row>
    <row r="187261" spans="14:14">
      <c r="N187261" s="10"/>
    </row>
    <row r="187262" spans="14:14">
      <c r="N187262" s="10"/>
    </row>
    <row r="187263" spans="14:14">
      <c r="N187263" s="10"/>
    </row>
    <row r="187264" spans="14:14">
      <c r="N187264" s="10"/>
    </row>
    <row r="187265" spans="14:14">
      <c r="N187265" s="10"/>
    </row>
    <row r="187266" spans="14:14">
      <c r="N187266" s="10"/>
    </row>
    <row r="187267" spans="14:14">
      <c r="N187267" s="10"/>
    </row>
    <row r="187268" spans="14:14">
      <c r="N187268" s="10"/>
    </row>
    <row r="187269" spans="14:14">
      <c r="N187269" s="10"/>
    </row>
    <row r="187270" spans="14:14">
      <c r="N187270" s="10"/>
    </row>
    <row r="187271" spans="14:14">
      <c r="N187271" s="10"/>
    </row>
    <row r="187272" spans="14:14">
      <c r="N187272" s="10"/>
    </row>
    <row r="187273" spans="14:14">
      <c r="N187273" s="10"/>
    </row>
    <row r="187274" spans="14:14">
      <c r="N187274" s="10"/>
    </row>
    <row r="187275" spans="14:14">
      <c r="N187275" s="10"/>
    </row>
    <row r="187276" spans="14:14">
      <c r="N187276" s="10"/>
    </row>
    <row r="187277" spans="14:14">
      <c r="N187277" s="10"/>
    </row>
    <row r="187278" spans="14:14">
      <c r="N187278" s="10"/>
    </row>
    <row r="187279" spans="14:14">
      <c r="N187279" s="10"/>
    </row>
    <row r="187280" spans="14:14">
      <c r="N187280" s="10"/>
    </row>
    <row r="187281" spans="14:14">
      <c r="N187281" s="10"/>
    </row>
    <row r="187282" spans="14:14">
      <c r="N187282" s="10"/>
    </row>
    <row r="187283" spans="14:14">
      <c r="N187283" s="10"/>
    </row>
    <row r="187284" spans="14:14">
      <c r="N187284" s="10"/>
    </row>
    <row r="187285" spans="14:14">
      <c r="N187285" s="10"/>
    </row>
    <row r="187286" spans="14:14">
      <c r="N187286" s="10"/>
    </row>
    <row r="187287" spans="14:14">
      <c r="N187287" s="10"/>
    </row>
    <row r="187288" spans="14:14">
      <c r="N187288" s="10"/>
    </row>
    <row r="187289" spans="14:14">
      <c r="N187289" s="10"/>
    </row>
    <row r="187290" spans="14:14">
      <c r="N187290" s="10"/>
    </row>
    <row r="187291" spans="14:14">
      <c r="N187291" s="10"/>
    </row>
    <row r="187292" spans="14:14">
      <c r="N187292" s="10"/>
    </row>
    <row r="187293" spans="14:14">
      <c r="N187293" s="10"/>
    </row>
    <row r="187294" spans="14:14">
      <c r="N187294" s="10"/>
    </row>
    <row r="187295" spans="14:14">
      <c r="N187295" s="10"/>
    </row>
    <row r="187296" spans="14:14">
      <c r="N187296" s="10"/>
    </row>
    <row r="187297" spans="14:14">
      <c r="N187297" s="10"/>
    </row>
    <row r="187298" spans="14:14">
      <c r="N187298" s="10"/>
    </row>
    <row r="187299" spans="14:14">
      <c r="N187299" s="10"/>
    </row>
    <row r="187300" spans="14:14">
      <c r="N187300" s="10"/>
    </row>
    <row r="187301" spans="14:14">
      <c r="N187301" s="10"/>
    </row>
    <row r="187302" spans="14:14">
      <c r="N187302" s="10"/>
    </row>
    <row r="187303" spans="14:14">
      <c r="N187303" s="10"/>
    </row>
    <row r="187304" spans="14:14">
      <c r="N187304" s="10"/>
    </row>
    <row r="187305" spans="14:14">
      <c r="N187305" s="10"/>
    </row>
    <row r="187306" spans="14:14">
      <c r="N187306" s="10"/>
    </row>
    <row r="187307" spans="14:14">
      <c r="N187307" s="10"/>
    </row>
    <row r="187308" spans="14:14">
      <c r="N187308" s="10"/>
    </row>
    <row r="187309" spans="14:14">
      <c r="N187309" s="10"/>
    </row>
    <row r="187310" spans="14:14">
      <c r="N187310" s="10"/>
    </row>
    <row r="187311" spans="14:14">
      <c r="N187311" s="10"/>
    </row>
    <row r="187312" spans="14:14">
      <c r="N187312" s="10"/>
    </row>
    <row r="187313" spans="14:14">
      <c r="N187313" s="10"/>
    </row>
    <row r="187314" spans="14:14">
      <c r="N187314" s="10"/>
    </row>
    <row r="187315" spans="14:14">
      <c r="N187315" s="10"/>
    </row>
    <row r="187316" spans="14:14">
      <c r="N187316" s="10"/>
    </row>
    <row r="187317" spans="14:14">
      <c r="N187317" s="10"/>
    </row>
    <row r="187318" spans="14:14">
      <c r="N187318" s="10"/>
    </row>
    <row r="187319" spans="14:14">
      <c r="N187319" s="10"/>
    </row>
    <row r="187320" spans="14:14">
      <c r="N187320" s="10"/>
    </row>
    <row r="187321" spans="14:14">
      <c r="N187321" s="10"/>
    </row>
    <row r="187322" spans="14:14">
      <c r="N187322" s="10"/>
    </row>
    <row r="187323" spans="14:14">
      <c r="N187323" s="10"/>
    </row>
    <row r="187324" spans="14:14">
      <c r="N187324" s="10"/>
    </row>
    <row r="187325" spans="14:14">
      <c r="N187325" s="10"/>
    </row>
    <row r="187326" spans="14:14">
      <c r="N187326" s="10"/>
    </row>
    <row r="187327" spans="14:14">
      <c r="N187327" s="10"/>
    </row>
    <row r="187328" spans="14:14">
      <c r="N187328" s="10"/>
    </row>
    <row r="187329" spans="14:14">
      <c r="N187329" s="10"/>
    </row>
    <row r="187330" spans="14:14">
      <c r="N187330" s="10"/>
    </row>
    <row r="187331" spans="14:14">
      <c r="N187331" s="10"/>
    </row>
    <row r="187332" spans="14:14">
      <c r="N187332" s="10"/>
    </row>
    <row r="187333" spans="14:14">
      <c r="N187333" s="10"/>
    </row>
    <row r="187334" spans="14:14">
      <c r="N187334" s="10"/>
    </row>
    <row r="187335" spans="14:14">
      <c r="N187335" s="10"/>
    </row>
    <row r="187336" spans="14:14">
      <c r="N187336" s="10"/>
    </row>
    <row r="187337" spans="14:14">
      <c r="N187337" s="10"/>
    </row>
    <row r="187338" spans="14:14">
      <c r="N187338" s="10"/>
    </row>
    <row r="187339" spans="14:14">
      <c r="N187339" s="10"/>
    </row>
    <row r="187340" spans="14:14">
      <c r="N187340" s="10"/>
    </row>
    <row r="187341" spans="14:14">
      <c r="N187341" s="10"/>
    </row>
    <row r="187342" spans="14:14">
      <c r="N187342" s="10"/>
    </row>
    <row r="187343" spans="14:14">
      <c r="N187343" s="10"/>
    </row>
    <row r="187344" spans="14:14">
      <c r="N187344" s="10"/>
    </row>
    <row r="187345" spans="14:14">
      <c r="N187345" s="10"/>
    </row>
    <row r="187346" spans="14:14">
      <c r="N187346" s="10"/>
    </row>
    <row r="187347" spans="14:14">
      <c r="N187347" s="10"/>
    </row>
    <row r="187348" spans="14:14">
      <c r="N187348" s="10"/>
    </row>
    <row r="187349" spans="14:14">
      <c r="N187349" s="10"/>
    </row>
    <row r="187350" spans="14:14">
      <c r="N187350" s="10"/>
    </row>
    <row r="187351" spans="14:14">
      <c r="N187351" s="10"/>
    </row>
    <row r="187352" spans="14:14">
      <c r="N187352" s="10"/>
    </row>
    <row r="187353" spans="14:14">
      <c r="N187353" s="10"/>
    </row>
    <row r="187354" spans="14:14">
      <c r="N187354" s="10"/>
    </row>
    <row r="187355" spans="14:14">
      <c r="N187355" s="10"/>
    </row>
    <row r="187356" spans="14:14">
      <c r="N187356" s="10"/>
    </row>
    <row r="187357" spans="14:14">
      <c r="N187357" s="10"/>
    </row>
    <row r="187358" spans="14:14">
      <c r="N187358" s="10"/>
    </row>
    <row r="187359" spans="14:14">
      <c r="N187359" s="10"/>
    </row>
    <row r="187360" spans="14:14">
      <c r="N187360" s="10"/>
    </row>
    <row r="187361" spans="14:14">
      <c r="N187361" s="10"/>
    </row>
    <row r="187362" spans="14:14">
      <c r="N187362" s="10"/>
    </row>
    <row r="187363" spans="14:14">
      <c r="N187363" s="10"/>
    </row>
    <row r="187364" spans="14:14">
      <c r="N187364" s="10"/>
    </row>
    <row r="187365" spans="14:14">
      <c r="N187365" s="10"/>
    </row>
    <row r="187366" spans="14:14">
      <c r="N187366" s="10"/>
    </row>
    <row r="187367" spans="14:14">
      <c r="N187367" s="10"/>
    </row>
    <row r="187368" spans="14:14">
      <c r="N187368" s="10"/>
    </row>
    <row r="187369" spans="14:14">
      <c r="N187369" s="10"/>
    </row>
    <row r="187370" spans="14:14">
      <c r="N187370" s="10"/>
    </row>
    <row r="187371" spans="14:14">
      <c r="N187371" s="10"/>
    </row>
    <row r="187372" spans="14:14">
      <c r="N187372" s="10"/>
    </row>
    <row r="187373" spans="14:14">
      <c r="N187373" s="10"/>
    </row>
    <row r="187374" spans="14:14">
      <c r="N187374" s="10"/>
    </row>
    <row r="187375" spans="14:14">
      <c r="N187375" s="10"/>
    </row>
    <row r="187376" spans="14:14">
      <c r="N187376" s="10"/>
    </row>
    <row r="187377" spans="14:14">
      <c r="N187377" s="10"/>
    </row>
    <row r="187378" spans="14:14">
      <c r="N187378" s="10"/>
    </row>
    <row r="187379" spans="14:14">
      <c r="N187379" s="10"/>
    </row>
    <row r="187380" spans="14:14">
      <c r="N187380" s="10"/>
    </row>
    <row r="187381" spans="14:14">
      <c r="N187381" s="10"/>
    </row>
    <row r="187382" spans="14:14">
      <c r="N187382" s="10"/>
    </row>
    <row r="187383" spans="14:14">
      <c r="N187383" s="10"/>
    </row>
    <row r="187384" spans="14:14">
      <c r="N187384" s="10"/>
    </row>
    <row r="187385" spans="14:14">
      <c r="N187385" s="10"/>
    </row>
    <row r="187386" spans="14:14">
      <c r="N187386" s="10"/>
    </row>
    <row r="187387" spans="14:14">
      <c r="N187387" s="10"/>
    </row>
    <row r="187388" spans="14:14">
      <c r="N187388" s="10"/>
    </row>
    <row r="187389" spans="14:14">
      <c r="N187389" s="10"/>
    </row>
    <row r="187390" spans="14:14">
      <c r="N187390" s="10"/>
    </row>
    <row r="187391" spans="14:14">
      <c r="N187391" s="10"/>
    </row>
    <row r="187392" spans="14:14">
      <c r="N187392" s="10"/>
    </row>
    <row r="187393" spans="14:14">
      <c r="N187393" s="10"/>
    </row>
    <row r="187394" spans="14:14">
      <c r="N187394" s="10"/>
    </row>
    <row r="187395" spans="14:14">
      <c r="N187395" s="10"/>
    </row>
    <row r="187396" spans="14:14">
      <c r="N187396" s="10"/>
    </row>
    <row r="187397" spans="14:14">
      <c r="N187397" s="10"/>
    </row>
    <row r="187398" spans="14:14">
      <c r="N187398" s="10"/>
    </row>
    <row r="187399" spans="14:14">
      <c r="N187399" s="10"/>
    </row>
    <row r="187400" spans="14:14">
      <c r="N187400" s="10"/>
    </row>
    <row r="187401" spans="14:14">
      <c r="N187401" s="10"/>
    </row>
    <row r="187402" spans="14:14">
      <c r="N187402" s="10"/>
    </row>
    <row r="187403" spans="14:14">
      <c r="N187403" s="10"/>
    </row>
    <row r="187404" spans="14:14">
      <c r="N187404" s="10"/>
    </row>
    <row r="187405" spans="14:14">
      <c r="N187405" s="10"/>
    </row>
    <row r="187406" spans="14:14">
      <c r="N187406" s="10"/>
    </row>
    <row r="187407" spans="14:14">
      <c r="N187407" s="10"/>
    </row>
    <row r="187408" spans="14:14">
      <c r="N187408" s="10"/>
    </row>
    <row r="187409" spans="14:14">
      <c r="N187409" s="10"/>
    </row>
    <row r="187410" spans="14:14">
      <c r="N187410" s="10"/>
    </row>
    <row r="187411" spans="14:14">
      <c r="N187411" s="10"/>
    </row>
    <row r="187412" spans="14:14">
      <c r="N187412" s="10"/>
    </row>
    <row r="187413" spans="14:14">
      <c r="N187413" s="10"/>
    </row>
    <row r="187414" spans="14:14">
      <c r="N187414" s="10"/>
    </row>
    <row r="187415" spans="14:14">
      <c r="N187415" s="10"/>
    </row>
    <row r="187416" spans="14:14">
      <c r="N187416" s="10"/>
    </row>
    <row r="187417" spans="14:14">
      <c r="N187417" s="10"/>
    </row>
    <row r="187418" spans="14:14">
      <c r="N187418" s="10"/>
    </row>
    <row r="187419" spans="14:14">
      <c r="N187419" s="10"/>
    </row>
    <row r="187420" spans="14:14">
      <c r="N187420" s="10"/>
    </row>
    <row r="187421" spans="14:14">
      <c r="N187421" s="10"/>
    </row>
    <row r="187422" spans="14:14">
      <c r="N187422" s="10"/>
    </row>
    <row r="187423" spans="14:14">
      <c r="N187423" s="10"/>
    </row>
    <row r="187424" spans="14:14">
      <c r="N187424" s="10"/>
    </row>
    <row r="187425" spans="14:14">
      <c r="N187425" s="10"/>
    </row>
    <row r="187426" spans="14:14">
      <c r="N187426" s="10"/>
    </row>
    <row r="187427" spans="14:14">
      <c r="N187427" s="10"/>
    </row>
    <row r="187428" spans="14:14">
      <c r="N187428" s="10"/>
    </row>
    <row r="187429" spans="14:14">
      <c r="N187429" s="10"/>
    </row>
    <row r="187430" spans="14:14">
      <c r="N187430" s="10"/>
    </row>
    <row r="187431" spans="14:14">
      <c r="N187431" s="10"/>
    </row>
    <row r="187432" spans="14:14">
      <c r="N187432" s="10"/>
    </row>
    <row r="187433" spans="14:14">
      <c r="N187433" s="10"/>
    </row>
    <row r="187434" spans="14:14">
      <c r="N187434" s="10"/>
    </row>
    <row r="187435" spans="14:14">
      <c r="N187435" s="10"/>
    </row>
    <row r="187436" spans="14:14">
      <c r="N187436" s="10"/>
    </row>
    <row r="187437" spans="14:14">
      <c r="N187437" s="10"/>
    </row>
    <row r="187438" spans="14:14">
      <c r="N187438" s="10"/>
    </row>
    <row r="187439" spans="14:14">
      <c r="N187439" s="10"/>
    </row>
    <row r="187440" spans="14:14">
      <c r="N187440" s="10"/>
    </row>
    <row r="187441" spans="14:14">
      <c r="N187441" s="10"/>
    </row>
    <row r="187442" spans="14:14">
      <c r="N187442" s="10"/>
    </row>
    <row r="187443" spans="14:14">
      <c r="N187443" s="10"/>
    </row>
    <row r="187444" spans="14:14">
      <c r="N187444" s="10"/>
    </row>
    <row r="187445" spans="14:14">
      <c r="N187445" s="10"/>
    </row>
    <row r="187446" spans="14:14">
      <c r="N187446" s="10"/>
    </row>
    <row r="187447" spans="14:14">
      <c r="N187447" s="10"/>
    </row>
    <row r="187448" spans="14:14">
      <c r="N187448" s="10"/>
    </row>
    <row r="187449" spans="14:14">
      <c r="N187449" s="10"/>
    </row>
    <row r="187450" spans="14:14">
      <c r="N187450" s="10"/>
    </row>
    <row r="187451" spans="14:14">
      <c r="N187451" s="10"/>
    </row>
    <row r="187452" spans="14:14">
      <c r="N187452" s="10"/>
    </row>
    <row r="187453" spans="14:14">
      <c r="N187453" s="10"/>
    </row>
    <row r="187454" spans="14:14">
      <c r="N187454" s="10"/>
    </row>
    <row r="187455" spans="14:14">
      <c r="N187455" s="10"/>
    </row>
    <row r="187456" spans="14:14">
      <c r="N187456" s="10"/>
    </row>
    <row r="187457" spans="14:14">
      <c r="N187457" s="10"/>
    </row>
    <row r="187458" spans="14:14">
      <c r="N187458" s="10"/>
    </row>
    <row r="187459" spans="14:14">
      <c r="N187459" s="10"/>
    </row>
    <row r="187460" spans="14:14">
      <c r="N187460" s="10"/>
    </row>
    <row r="187461" spans="14:14">
      <c r="N187461" s="10"/>
    </row>
    <row r="187462" spans="14:14">
      <c r="N187462" s="10"/>
    </row>
    <row r="187463" spans="14:14">
      <c r="N187463" s="10"/>
    </row>
    <row r="187464" spans="14:14">
      <c r="N187464" s="10"/>
    </row>
    <row r="187465" spans="14:14">
      <c r="N187465" s="10"/>
    </row>
    <row r="187466" spans="14:14">
      <c r="N187466" s="10"/>
    </row>
    <row r="187467" spans="14:14">
      <c r="N187467" s="10"/>
    </row>
    <row r="187468" spans="14:14">
      <c r="N187468" s="10"/>
    </row>
    <row r="187469" spans="14:14">
      <c r="N187469" s="10"/>
    </row>
    <row r="187470" spans="14:14">
      <c r="N187470" s="10"/>
    </row>
    <row r="187471" spans="14:14">
      <c r="N187471" s="10"/>
    </row>
    <row r="187472" spans="14:14">
      <c r="N187472" s="10"/>
    </row>
    <row r="187473" spans="14:14">
      <c r="N187473" s="10"/>
    </row>
    <row r="187474" spans="14:14">
      <c r="N187474" s="10"/>
    </row>
    <row r="187475" spans="14:14">
      <c r="N187475" s="10"/>
    </row>
    <row r="187476" spans="14:14">
      <c r="N187476" s="10"/>
    </row>
    <row r="187477" spans="14:14">
      <c r="N187477" s="10"/>
    </row>
    <row r="187478" spans="14:14">
      <c r="N187478" s="10"/>
    </row>
    <row r="187479" spans="14:14">
      <c r="N187479" s="10"/>
    </row>
    <row r="187480" spans="14:14">
      <c r="N187480" s="10"/>
    </row>
    <row r="187481" spans="14:14">
      <c r="N187481" s="10"/>
    </row>
    <row r="187482" spans="14:14">
      <c r="N187482" s="10"/>
    </row>
    <row r="187483" spans="14:14">
      <c r="N187483" s="10"/>
    </row>
    <row r="187484" spans="14:14">
      <c r="N187484" s="10"/>
    </row>
    <row r="187485" spans="14:14">
      <c r="N187485" s="10"/>
    </row>
    <row r="187486" spans="14:14">
      <c r="N187486" s="10"/>
    </row>
    <row r="187487" spans="14:14">
      <c r="N187487" s="10"/>
    </row>
    <row r="187488" spans="14:14">
      <c r="N187488" s="10"/>
    </row>
    <row r="187489" spans="14:14">
      <c r="N187489" s="10"/>
    </row>
    <row r="187490" spans="14:14">
      <c r="N187490" s="10"/>
    </row>
    <row r="187491" spans="14:14">
      <c r="N187491" s="10"/>
    </row>
    <row r="187492" spans="14:14">
      <c r="N187492" s="10"/>
    </row>
    <row r="187493" spans="14:14">
      <c r="N187493" s="10"/>
    </row>
    <row r="187494" spans="14:14">
      <c r="N187494" s="10"/>
    </row>
    <row r="187495" spans="14:14">
      <c r="N187495" s="10"/>
    </row>
    <row r="187496" spans="14:14">
      <c r="N187496" s="10"/>
    </row>
    <row r="187497" spans="14:14">
      <c r="N187497" s="10"/>
    </row>
    <row r="187498" spans="14:14">
      <c r="N187498" s="10"/>
    </row>
    <row r="187499" spans="14:14">
      <c r="N187499" s="10"/>
    </row>
    <row r="187500" spans="14:14">
      <c r="N187500" s="10"/>
    </row>
    <row r="187501" spans="14:14">
      <c r="N187501" s="10"/>
    </row>
    <row r="187502" spans="14:14">
      <c r="N187502" s="10"/>
    </row>
    <row r="187503" spans="14:14">
      <c r="N187503" s="10"/>
    </row>
    <row r="187504" spans="14:14">
      <c r="N187504" s="10"/>
    </row>
    <row r="187505" spans="14:14">
      <c r="N187505" s="10"/>
    </row>
    <row r="187506" spans="14:14">
      <c r="N187506" s="10"/>
    </row>
    <row r="187507" spans="14:14">
      <c r="N187507" s="10"/>
    </row>
    <row r="187508" spans="14:14">
      <c r="N187508" s="10"/>
    </row>
    <row r="187509" spans="14:14">
      <c r="N187509" s="10"/>
    </row>
    <row r="187510" spans="14:14">
      <c r="N187510" s="10"/>
    </row>
    <row r="187511" spans="14:14">
      <c r="N187511" s="10"/>
    </row>
    <row r="187512" spans="14:14">
      <c r="N187512" s="10"/>
    </row>
    <row r="187513" spans="14:14">
      <c r="N187513" s="10"/>
    </row>
    <row r="187514" spans="14:14">
      <c r="N187514" s="10"/>
    </row>
    <row r="187515" spans="14:14">
      <c r="N187515" s="10"/>
    </row>
    <row r="187516" spans="14:14">
      <c r="N187516" s="10"/>
    </row>
    <row r="187517" spans="14:14">
      <c r="N187517" s="10"/>
    </row>
    <row r="187518" spans="14:14">
      <c r="N187518" s="10"/>
    </row>
    <row r="187519" spans="14:14">
      <c r="N187519" s="10"/>
    </row>
    <row r="187520" spans="14:14">
      <c r="N187520" s="10"/>
    </row>
    <row r="187521" spans="14:14">
      <c r="N187521" s="10"/>
    </row>
    <row r="187522" spans="14:14">
      <c r="N187522" s="10"/>
    </row>
    <row r="187523" spans="14:14">
      <c r="N187523" s="10"/>
    </row>
    <row r="187524" spans="14:14">
      <c r="N187524" s="10"/>
    </row>
    <row r="187525" spans="14:14">
      <c r="N187525" s="10"/>
    </row>
    <row r="187526" spans="14:14">
      <c r="N187526" s="10"/>
    </row>
    <row r="187527" spans="14:14">
      <c r="N187527" s="10"/>
    </row>
    <row r="187528" spans="14:14">
      <c r="N187528" s="10"/>
    </row>
    <row r="187529" spans="14:14">
      <c r="N187529" s="10"/>
    </row>
    <row r="187530" spans="14:14">
      <c r="N187530" s="10"/>
    </row>
    <row r="187531" spans="14:14">
      <c r="N187531" s="10"/>
    </row>
    <row r="187532" spans="14:14">
      <c r="N187532" s="10"/>
    </row>
    <row r="187533" spans="14:14">
      <c r="N187533" s="10"/>
    </row>
    <row r="187534" spans="14:14">
      <c r="N187534" s="10"/>
    </row>
    <row r="187535" spans="14:14">
      <c r="N187535" s="10"/>
    </row>
    <row r="187536" spans="14:14">
      <c r="N187536" s="10"/>
    </row>
    <row r="187537" spans="14:14">
      <c r="N187537" s="10"/>
    </row>
    <row r="187538" spans="14:14">
      <c r="N187538" s="10"/>
    </row>
    <row r="187539" spans="14:14">
      <c r="N187539" s="10"/>
    </row>
    <row r="187540" spans="14:14">
      <c r="N187540" s="10"/>
    </row>
    <row r="187541" spans="14:14">
      <c r="N187541" s="10"/>
    </row>
    <row r="187542" spans="14:14">
      <c r="N187542" s="10"/>
    </row>
    <row r="187543" spans="14:14">
      <c r="N187543" s="10"/>
    </row>
    <row r="187544" spans="14:14">
      <c r="N187544" s="10"/>
    </row>
    <row r="187545" spans="14:14">
      <c r="N187545" s="10"/>
    </row>
    <row r="187546" spans="14:14">
      <c r="N187546" s="10"/>
    </row>
    <row r="187547" spans="14:14">
      <c r="N187547" s="10"/>
    </row>
    <row r="187548" spans="14:14">
      <c r="N187548" s="10"/>
    </row>
    <row r="187549" spans="14:14">
      <c r="N187549" s="10"/>
    </row>
    <row r="187550" spans="14:14">
      <c r="N187550" s="10"/>
    </row>
    <row r="187551" spans="14:14">
      <c r="N187551" s="10"/>
    </row>
    <row r="187552" spans="14:14">
      <c r="N187552" s="10"/>
    </row>
    <row r="187553" spans="14:14">
      <c r="N187553" s="10"/>
    </row>
    <row r="187554" spans="14:14">
      <c r="N187554" s="10"/>
    </row>
    <row r="187555" spans="14:14">
      <c r="N187555" s="10"/>
    </row>
    <row r="187556" spans="14:14">
      <c r="N187556" s="10"/>
    </row>
    <row r="187557" spans="14:14">
      <c r="N187557" s="10"/>
    </row>
    <row r="187558" spans="14:14">
      <c r="N187558" s="10"/>
    </row>
    <row r="187559" spans="14:14">
      <c r="N187559" s="10"/>
    </row>
    <row r="187560" spans="14:14">
      <c r="N187560" s="10"/>
    </row>
    <row r="187561" spans="14:14">
      <c r="N187561" s="10"/>
    </row>
    <row r="187562" spans="14:14">
      <c r="N187562" s="10"/>
    </row>
    <row r="187563" spans="14:14">
      <c r="N187563" s="10"/>
    </row>
    <row r="187564" spans="14:14">
      <c r="N187564" s="10"/>
    </row>
    <row r="187565" spans="14:14">
      <c r="N187565" s="10"/>
    </row>
    <row r="187566" spans="14:14">
      <c r="N187566" s="10"/>
    </row>
    <row r="187567" spans="14:14">
      <c r="N187567" s="10"/>
    </row>
    <row r="187568" spans="14:14">
      <c r="N187568" s="10"/>
    </row>
    <row r="187569" spans="14:14">
      <c r="N187569" s="10"/>
    </row>
    <row r="187570" spans="14:14">
      <c r="N187570" s="10"/>
    </row>
    <row r="187571" spans="14:14">
      <c r="N187571" s="10"/>
    </row>
    <row r="187572" spans="14:14">
      <c r="N187572" s="10"/>
    </row>
    <row r="187573" spans="14:14">
      <c r="N187573" s="10"/>
    </row>
    <row r="187574" spans="14:14">
      <c r="N187574" s="10"/>
    </row>
    <row r="187575" spans="14:14">
      <c r="N187575" s="10"/>
    </row>
    <row r="187576" spans="14:14">
      <c r="N187576" s="10"/>
    </row>
    <row r="187577" spans="14:14">
      <c r="N187577" s="10"/>
    </row>
    <row r="187578" spans="14:14">
      <c r="N187578" s="10"/>
    </row>
    <row r="187579" spans="14:14">
      <c r="N187579" s="10"/>
    </row>
    <row r="187580" spans="14:14">
      <c r="N187580" s="10"/>
    </row>
    <row r="187581" spans="14:14">
      <c r="N187581" s="10"/>
    </row>
    <row r="187582" spans="14:14">
      <c r="N187582" s="10"/>
    </row>
    <row r="187583" spans="14:14">
      <c r="N187583" s="10"/>
    </row>
    <row r="187584" spans="14:14">
      <c r="N187584" s="10"/>
    </row>
    <row r="187585" spans="14:14">
      <c r="N187585" s="10"/>
    </row>
    <row r="187586" spans="14:14">
      <c r="N187586" s="10"/>
    </row>
    <row r="187587" spans="14:14">
      <c r="N187587" s="10"/>
    </row>
    <row r="187588" spans="14:14">
      <c r="N187588" s="10"/>
    </row>
    <row r="187589" spans="14:14">
      <c r="N187589" s="10"/>
    </row>
    <row r="187590" spans="14:14">
      <c r="N187590" s="10"/>
    </row>
    <row r="187591" spans="14:14">
      <c r="N187591" s="10"/>
    </row>
    <row r="187592" spans="14:14">
      <c r="N187592" s="10"/>
    </row>
    <row r="187593" spans="14:14">
      <c r="N187593" s="10"/>
    </row>
    <row r="187594" spans="14:14">
      <c r="N187594" s="10"/>
    </row>
    <row r="187595" spans="14:14">
      <c r="N187595" s="10"/>
    </row>
    <row r="187596" spans="14:14">
      <c r="N187596" s="10"/>
    </row>
    <row r="187597" spans="14:14">
      <c r="N187597" s="10"/>
    </row>
    <row r="187598" spans="14:14">
      <c r="N187598" s="10"/>
    </row>
    <row r="187599" spans="14:14">
      <c r="N187599" s="10"/>
    </row>
    <row r="187600" spans="14:14">
      <c r="N187600" s="10"/>
    </row>
    <row r="187601" spans="14:14">
      <c r="N187601" s="10"/>
    </row>
    <row r="187602" spans="14:14">
      <c r="N187602" s="10"/>
    </row>
    <row r="187603" spans="14:14">
      <c r="N187603" s="10"/>
    </row>
    <row r="187604" spans="14:14">
      <c r="N187604" s="10"/>
    </row>
    <row r="187605" spans="14:14">
      <c r="N187605" s="10"/>
    </row>
    <row r="187606" spans="14:14">
      <c r="N187606" s="10"/>
    </row>
    <row r="187607" spans="14:14">
      <c r="N187607" s="10"/>
    </row>
    <row r="187608" spans="14:14">
      <c r="N187608" s="10"/>
    </row>
    <row r="187609" spans="14:14">
      <c r="N187609" s="10"/>
    </row>
    <row r="187610" spans="14:14">
      <c r="N187610" s="10"/>
    </row>
    <row r="187611" spans="14:14">
      <c r="N187611" s="10"/>
    </row>
    <row r="187612" spans="14:14">
      <c r="N187612" s="10"/>
    </row>
    <row r="187613" spans="14:14">
      <c r="N187613" s="10"/>
    </row>
    <row r="187614" spans="14:14">
      <c r="N187614" s="10"/>
    </row>
    <row r="187615" spans="14:14">
      <c r="N187615" s="10"/>
    </row>
    <row r="187616" spans="14:14">
      <c r="N187616" s="10"/>
    </row>
    <row r="187617" spans="14:14">
      <c r="N187617" s="10"/>
    </row>
    <row r="187618" spans="14:14">
      <c r="N187618" s="10"/>
    </row>
    <row r="187619" spans="14:14">
      <c r="N187619" s="10"/>
    </row>
    <row r="187620" spans="14:14">
      <c r="N187620" s="10"/>
    </row>
    <row r="187621" spans="14:14">
      <c r="N187621" s="10"/>
    </row>
    <row r="187622" spans="14:14">
      <c r="N187622" s="10"/>
    </row>
    <row r="187623" spans="14:14">
      <c r="N187623" s="10"/>
    </row>
    <row r="187624" spans="14:14">
      <c r="N187624" s="10"/>
    </row>
    <row r="187625" spans="14:14">
      <c r="N187625" s="10"/>
    </row>
    <row r="187626" spans="14:14">
      <c r="N187626" s="10"/>
    </row>
    <row r="187627" spans="14:14">
      <c r="N187627" s="10"/>
    </row>
    <row r="187628" spans="14:14">
      <c r="N187628" s="10"/>
    </row>
    <row r="187629" spans="14:14">
      <c r="N187629" s="10"/>
    </row>
    <row r="187630" spans="14:14">
      <c r="N187630" s="10"/>
    </row>
    <row r="187631" spans="14:14">
      <c r="N187631" s="10"/>
    </row>
    <row r="187632" spans="14:14">
      <c r="N187632" s="10"/>
    </row>
    <row r="187633" spans="14:14">
      <c r="N187633" s="10"/>
    </row>
    <row r="187634" spans="14:14">
      <c r="N187634" s="10"/>
    </row>
    <row r="187635" spans="14:14">
      <c r="N187635" s="10"/>
    </row>
    <row r="187636" spans="14:14">
      <c r="N187636" s="10"/>
    </row>
    <row r="187637" spans="14:14">
      <c r="N187637" s="10"/>
    </row>
    <row r="187638" spans="14:14">
      <c r="N187638" s="10"/>
    </row>
    <row r="187639" spans="14:14">
      <c r="N187639" s="10"/>
    </row>
    <row r="187640" spans="14:14">
      <c r="N187640" s="10"/>
    </row>
    <row r="187641" spans="14:14">
      <c r="N187641" s="10"/>
    </row>
    <row r="187642" spans="14:14">
      <c r="N187642" s="10"/>
    </row>
    <row r="187643" spans="14:14">
      <c r="N187643" s="10"/>
    </row>
    <row r="187644" spans="14:14">
      <c r="N187644" s="10"/>
    </row>
    <row r="187645" spans="14:14">
      <c r="N187645" s="10"/>
    </row>
    <row r="187646" spans="14:14">
      <c r="N187646" s="10"/>
    </row>
    <row r="187647" spans="14:14">
      <c r="N187647" s="10"/>
    </row>
    <row r="187648" spans="14:14">
      <c r="N187648" s="10"/>
    </row>
    <row r="187649" spans="14:14">
      <c r="N187649" s="10"/>
    </row>
    <row r="187650" spans="14:14">
      <c r="N187650" s="10"/>
    </row>
    <row r="187651" spans="14:14">
      <c r="N187651" s="10"/>
    </row>
    <row r="187652" spans="14:14">
      <c r="N187652" s="10"/>
    </row>
    <row r="187653" spans="14:14">
      <c r="N187653" s="10"/>
    </row>
    <row r="187654" spans="14:14">
      <c r="N187654" s="10"/>
    </row>
    <row r="187655" spans="14:14">
      <c r="N187655" s="10"/>
    </row>
    <row r="187656" spans="14:14">
      <c r="N187656" s="10"/>
    </row>
    <row r="187657" spans="14:14">
      <c r="N187657" s="10"/>
    </row>
    <row r="187658" spans="14:14">
      <c r="N187658" s="10"/>
    </row>
    <row r="187659" spans="14:14">
      <c r="N187659" s="10"/>
    </row>
    <row r="187660" spans="14:14">
      <c r="N187660" s="10"/>
    </row>
    <row r="187661" spans="14:14">
      <c r="N187661" s="10"/>
    </row>
    <row r="187662" spans="14:14">
      <c r="N187662" s="10"/>
    </row>
    <row r="187663" spans="14:14">
      <c r="N187663" s="10"/>
    </row>
    <row r="187664" spans="14:14">
      <c r="N187664" s="10"/>
    </row>
    <row r="187665" spans="14:14">
      <c r="N187665" s="10"/>
    </row>
    <row r="187666" spans="14:14">
      <c r="N187666" s="10"/>
    </row>
    <row r="187667" spans="14:14">
      <c r="N187667" s="10"/>
    </row>
    <row r="187668" spans="14:14">
      <c r="N187668" s="10"/>
    </row>
    <row r="187669" spans="14:14">
      <c r="N187669" s="10"/>
    </row>
    <row r="187670" spans="14:14">
      <c r="N187670" s="10"/>
    </row>
    <row r="187671" spans="14:14">
      <c r="N187671" s="10"/>
    </row>
    <row r="187672" spans="14:14">
      <c r="N187672" s="10"/>
    </row>
    <row r="187673" spans="14:14">
      <c r="N187673" s="10"/>
    </row>
    <row r="187674" spans="14:14">
      <c r="N187674" s="10"/>
    </row>
    <row r="187675" spans="14:14">
      <c r="N187675" s="10"/>
    </row>
    <row r="187676" spans="14:14">
      <c r="N187676" s="10"/>
    </row>
    <row r="187677" spans="14:14">
      <c r="N187677" s="10"/>
    </row>
    <row r="187678" spans="14:14">
      <c r="N187678" s="10"/>
    </row>
    <row r="187679" spans="14:14">
      <c r="N187679" s="10"/>
    </row>
    <row r="187680" spans="14:14">
      <c r="N187680" s="10"/>
    </row>
    <row r="187681" spans="14:14">
      <c r="N187681" s="10"/>
    </row>
    <row r="187682" spans="14:14">
      <c r="N187682" s="10"/>
    </row>
    <row r="187683" spans="14:14">
      <c r="N187683" s="10"/>
    </row>
    <row r="187684" spans="14:14">
      <c r="N187684" s="10"/>
    </row>
    <row r="187685" spans="14:14">
      <c r="N187685" s="10"/>
    </row>
    <row r="187686" spans="14:14">
      <c r="N187686" s="10"/>
    </row>
    <row r="187687" spans="14:14">
      <c r="N187687" s="10"/>
    </row>
    <row r="187688" spans="14:14">
      <c r="N187688" s="10"/>
    </row>
    <row r="187689" spans="14:14">
      <c r="N187689" s="10"/>
    </row>
    <row r="187690" spans="14:14">
      <c r="N187690" s="10"/>
    </row>
    <row r="187691" spans="14:14">
      <c r="N187691" s="10"/>
    </row>
    <row r="187692" spans="14:14">
      <c r="N187692" s="10"/>
    </row>
    <row r="187693" spans="14:14">
      <c r="N187693" s="10"/>
    </row>
    <row r="187694" spans="14:14">
      <c r="N187694" s="10"/>
    </row>
    <row r="187695" spans="14:14">
      <c r="N187695" s="10"/>
    </row>
    <row r="187696" spans="14:14">
      <c r="N187696" s="10"/>
    </row>
    <row r="187697" spans="14:14">
      <c r="N187697" s="10"/>
    </row>
    <row r="187698" spans="14:14">
      <c r="N187698" s="10"/>
    </row>
    <row r="187699" spans="14:14">
      <c r="N187699" s="10"/>
    </row>
    <row r="187700" spans="14:14">
      <c r="N187700" s="10"/>
    </row>
    <row r="187701" spans="14:14">
      <c r="N187701" s="10"/>
    </row>
    <row r="187702" spans="14:14">
      <c r="N187702" s="10"/>
    </row>
    <row r="187703" spans="14:14">
      <c r="N187703" s="10"/>
    </row>
    <row r="187704" spans="14:14">
      <c r="N187704" s="10"/>
    </row>
    <row r="187705" spans="14:14">
      <c r="N187705" s="10"/>
    </row>
    <row r="187706" spans="14:14">
      <c r="N187706" s="10"/>
    </row>
    <row r="187707" spans="14:14">
      <c r="N187707" s="10"/>
    </row>
    <row r="187708" spans="14:14">
      <c r="N187708" s="10"/>
    </row>
    <row r="187709" spans="14:14">
      <c r="N187709" s="10"/>
    </row>
    <row r="187710" spans="14:14">
      <c r="N187710" s="10"/>
    </row>
    <row r="187711" spans="14:14">
      <c r="N187711" s="10"/>
    </row>
    <row r="187712" spans="14:14">
      <c r="N187712" s="10"/>
    </row>
    <row r="187713" spans="14:14">
      <c r="N187713" s="10"/>
    </row>
    <row r="187714" spans="14:14">
      <c r="N187714" s="10"/>
    </row>
    <row r="187715" spans="14:14">
      <c r="N187715" s="10"/>
    </row>
    <row r="187716" spans="14:14">
      <c r="N187716" s="10"/>
    </row>
    <row r="187717" spans="14:14">
      <c r="N187717" s="10"/>
    </row>
    <row r="187718" spans="14:14">
      <c r="N187718" s="10"/>
    </row>
    <row r="187719" spans="14:14">
      <c r="N187719" s="10"/>
    </row>
    <row r="187720" spans="14:14">
      <c r="N187720" s="10"/>
    </row>
    <row r="187721" spans="14:14">
      <c r="N187721" s="10"/>
    </row>
    <row r="187722" spans="14:14">
      <c r="N187722" s="10"/>
    </row>
    <row r="187723" spans="14:14">
      <c r="N187723" s="10"/>
    </row>
    <row r="187724" spans="14:14">
      <c r="N187724" s="10"/>
    </row>
    <row r="187725" spans="14:14">
      <c r="N187725" s="10"/>
    </row>
    <row r="187726" spans="14:14">
      <c r="N187726" s="10"/>
    </row>
    <row r="187727" spans="14:14">
      <c r="N187727" s="10"/>
    </row>
    <row r="187728" spans="14:14">
      <c r="N187728" s="10"/>
    </row>
    <row r="187729" spans="14:14">
      <c r="N187729" s="10"/>
    </row>
    <row r="187730" spans="14:14">
      <c r="N187730" s="10"/>
    </row>
    <row r="187731" spans="14:14">
      <c r="N187731" s="10"/>
    </row>
    <row r="187732" spans="14:14">
      <c r="N187732" s="10"/>
    </row>
    <row r="187733" spans="14:14">
      <c r="N187733" s="10"/>
    </row>
    <row r="187734" spans="14:14">
      <c r="N187734" s="10"/>
    </row>
    <row r="187735" spans="14:14">
      <c r="N187735" s="10"/>
    </row>
    <row r="187736" spans="14:14">
      <c r="N187736" s="10"/>
    </row>
    <row r="187737" spans="14:14">
      <c r="N187737" s="10"/>
    </row>
    <row r="187738" spans="14:14">
      <c r="N187738" s="10"/>
    </row>
    <row r="187739" spans="14:14">
      <c r="N187739" s="10"/>
    </row>
    <row r="187740" spans="14:14">
      <c r="N187740" s="10"/>
    </row>
    <row r="187741" spans="14:14">
      <c r="N187741" s="10"/>
    </row>
    <row r="187742" spans="14:14">
      <c r="N187742" s="10"/>
    </row>
    <row r="187743" spans="14:14">
      <c r="N187743" s="10"/>
    </row>
    <row r="187744" spans="14:14">
      <c r="N187744" s="10"/>
    </row>
    <row r="187745" spans="14:14">
      <c r="N187745" s="10"/>
    </row>
    <row r="187746" spans="14:14">
      <c r="N187746" s="10"/>
    </row>
    <row r="187747" spans="14:14">
      <c r="N187747" s="10"/>
    </row>
    <row r="187748" spans="14:14">
      <c r="N187748" s="10"/>
    </row>
    <row r="187749" spans="14:14">
      <c r="N187749" s="10"/>
    </row>
    <row r="187750" spans="14:14">
      <c r="N187750" s="10"/>
    </row>
    <row r="187751" spans="14:14">
      <c r="N187751" s="10"/>
    </row>
    <row r="187752" spans="14:14">
      <c r="N187752" s="10"/>
    </row>
    <row r="187753" spans="14:14">
      <c r="N187753" s="10"/>
    </row>
    <row r="187754" spans="14:14">
      <c r="N187754" s="10"/>
    </row>
    <row r="187755" spans="14:14">
      <c r="N187755" s="10"/>
    </row>
    <row r="187756" spans="14:14">
      <c r="N187756" s="10"/>
    </row>
    <row r="187757" spans="14:14">
      <c r="N187757" s="10"/>
    </row>
    <row r="187758" spans="14:14">
      <c r="N187758" s="10"/>
    </row>
    <row r="187759" spans="14:14">
      <c r="N187759" s="10"/>
    </row>
    <row r="187760" spans="14:14">
      <c r="N187760" s="10"/>
    </row>
    <row r="187761" spans="14:14">
      <c r="N187761" s="10"/>
    </row>
    <row r="187762" spans="14:14">
      <c r="N187762" s="10"/>
    </row>
    <row r="187763" spans="14:14">
      <c r="N187763" s="10"/>
    </row>
    <row r="187764" spans="14:14">
      <c r="N187764" s="10"/>
    </row>
    <row r="187765" spans="14:14">
      <c r="N187765" s="10"/>
    </row>
    <row r="187766" spans="14:14">
      <c r="N187766" s="10"/>
    </row>
    <row r="187767" spans="14:14">
      <c r="N187767" s="10"/>
    </row>
    <row r="187768" spans="14:14">
      <c r="N187768" s="10"/>
    </row>
    <row r="187769" spans="14:14">
      <c r="N187769" s="10"/>
    </row>
    <row r="187770" spans="14:14">
      <c r="N187770" s="10"/>
    </row>
    <row r="187771" spans="14:14">
      <c r="N187771" s="10"/>
    </row>
    <row r="187772" spans="14:14">
      <c r="N187772" s="10"/>
    </row>
    <row r="187773" spans="14:14">
      <c r="N187773" s="10"/>
    </row>
    <row r="187774" spans="14:14">
      <c r="N187774" s="10"/>
    </row>
    <row r="187775" spans="14:14">
      <c r="N187775" s="10"/>
    </row>
    <row r="187776" spans="14:14">
      <c r="N187776" s="10"/>
    </row>
    <row r="187777" spans="14:14">
      <c r="N187777" s="10"/>
    </row>
    <row r="187778" spans="14:14">
      <c r="N187778" s="10"/>
    </row>
    <row r="187779" spans="14:14">
      <c r="N187779" s="10"/>
    </row>
    <row r="187780" spans="14:14">
      <c r="N187780" s="10"/>
    </row>
    <row r="187781" spans="14:14">
      <c r="N187781" s="10"/>
    </row>
    <row r="187782" spans="14:14">
      <c r="N187782" s="10"/>
    </row>
    <row r="187783" spans="14:14">
      <c r="N187783" s="10"/>
    </row>
    <row r="187784" spans="14:14">
      <c r="N187784" s="10"/>
    </row>
    <row r="187785" spans="14:14">
      <c r="N187785" s="10"/>
    </row>
    <row r="187786" spans="14:14">
      <c r="N187786" s="10"/>
    </row>
    <row r="187787" spans="14:14">
      <c r="N187787" s="10"/>
    </row>
    <row r="187788" spans="14:14">
      <c r="N187788" s="10"/>
    </row>
    <row r="187789" spans="14:14">
      <c r="N187789" s="10"/>
    </row>
    <row r="187790" spans="14:14">
      <c r="N187790" s="10"/>
    </row>
    <row r="187791" spans="14:14">
      <c r="N187791" s="10"/>
    </row>
    <row r="187792" spans="14:14">
      <c r="N187792" s="10"/>
    </row>
    <row r="187793" spans="14:14">
      <c r="N187793" s="10"/>
    </row>
    <row r="187794" spans="14:14">
      <c r="N187794" s="10"/>
    </row>
    <row r="187795" spans="14:14">
      <c r="N187795" s="10"/>
    </row>
    <row r="187796" spans="14:14">
      <c r="N187796" s="10"/>
    </row>
    <row r="187797" spans="14:14">
      <c r="N187797" s="10"/>
    </row>
    <row r="187798" spans="14:14">
      <c r="N187798" s="10"/>
    </row>
    <row r="187799" spans="14:14">
      <c r="N187799" s="10"/>
    </row>
    <row r="187800" spans="14:14">
      <c r="N187800" s="10"/>
    </row>
    <row r="187801" spans="14:14">
      <c r="N187801" s="10"/>
    </row>
    <row r="187802" spans="14:14">
      <c r="N187802" s="10"/>
    </row>
    <row r="187803" spans="14:14">
      <c r="N187803" s="10"/>
    </row>
    <row r="187804" spans="14:14">
      <c r="N187804" s="10"/>
    </row>
    <row r="187805" spans="14:14">
      <c r="N187805" s="10"/>
    </row>
    <row r="187806" spans="14:14">
      <c r="N187806" s="10"/>
    </row>
    <row r="187807" spans="14:14">
      <c r="N187807" s="10"/>
    </row>
    <row r="187808" spans="14:14">
      <c r="N187808" s="10"/>
    </row>
    <row r="187809" spans="14:14">
      <c r="N187809" s="10"/>
    </row>
    <row r="187810" spans="14:14">
      <c r="N187810" s="10"/>
    </row>
    <row r="187811" spans="14:14">
      <c r="N187811" s="10"/>
    </row>
    <row r="187812" spans="14:14">
      <c r="N187812" s="10"/>
    </row>
    <row r="187813" spans="14:14">
      <c r="N187813" s="10"/>
    </row>
    <row r="187814" spans="14:14">
      <c r="N187814" s="10"/>
    </row>
    <row r="187815" spans="14:14">
      <c r="N187815" s="10"/>
    </row>
    <row r="187816" spans="14:14">
      <c r="N187816" s="10"/>
    </row>
    <row r="187817" spans="14:14">
      <c r="N187817" s="10"/>
    </row>
    <row r="187818" spans="14:14">
      <c r="N187818" s="10"/>
    </row>
    <row r="187819" spans="14:14">
      <c r="N187819" s="10"/>
    </row>
    <row r="187820" spans="14:14">
      <c r="N187820" s="10"/>
    </row>
    <row r="187821" spans="14:14">
      <c r="N187821" s="10"/>
    </row>
    <row r="187822" spans="14:14">
      <c r="N187822" s="10"/>
    </row>
    <row r="187823" spans="14:14">
      <c r="N187823" s="10"/>
    </row>
    <row r="187824" spans="14:14">
      <c r="N187824" s="10"/>
    </row>
    <row r="187825" spans="14:14">
      <c r="N187825" s="10"/>
    </row>
    <row r="187826" spans="14:14">
      <c r="N187826" s="10"/>
    </row>
    <row r="187827" spans="14:14">
      <c r="N187827" s="10"/>
    </row>
    <row r="187828" spans="14:14">
      <c r="N187828" s="10"/>
    </row>
    <row r="187829" spans="14:14">
      <c r="N187829" s="10"/>
    </row>
    <row r="187830" spans="14:14">
      <c r="N187830" s="10"/>
    </row>
    <row r="187831" spans="14:14">
      <c r="N187831" s="10"/>
    </row>
    <row r="187832" spans="14:14">
      <c r="N187832" s="10"/>
    </row>
    <row r="187833" spans="14:14">
      <c r="N187833" s="10"/>
    </row>
    <row r="187834" spans="14:14">
      <c r="N187834" s="10"/>
    </row>
    <row r="187835" spans="14:14">
      <c r="N187835" s="10"/>
    </row>
    <row r="187836" spans="14:14">
      <c r="N187836" s="10"/>
    </row>
    <row r="187837" spans="14:14">
      <c r="N187837" s="10"/>
    </row>
    <row r="187838" spans="14:14">
      <c r="N187838" s="10"/>
    </row>
    <row r="187839" spans="14:14">
      <c r="N187839" s="10"/>
    </row>
    <row r="187840" spans="14:14">
      <c r="N187840" s="10"/>
    </row>
    <row r="187841" spans="14:14">
      <c r="N187841" s="10"/>
    </row>
    <row r="187842" spans="14:14">
      <c r="N187842" s="10"/>
    </row>
    <row r="187843" spans="14:14">
      <c r="N187843" s="10"/>
    </row>
    <row r="187844" spans="14:14">
      <c r="N187844" s="10"/>
    </row>
    <row r="187845" spans="14:14">
      <c r="N187845" s="10"/>
    </row>
    <row r="187846" spans="14:14">
      <c r="N187846" s="10"/>
    </row>
    <row r="187847" spans="14:14">
      <c r="N187847" s="10"/>
    </row>
    <row r="187848" spans="14:14">
      <c r="N187848" s="10"/>
    </row>
    <row r="187849" spans="14:14">
      <c r="N187849" s="10"/>
    </row>
    <row r="187850" spans="14:14">
      <c r="N187850" s="10"/>
    </row>
    <row r="187851" spans="14:14">
      <c r="N187851" s="10"/>
    </row>
    <row r="187852" spans="14:14">
      <c r="N187852" s="10"/>
    </row>
    <row r="187853" spans="14:14">
      <c r="N187853" s="10"/>
    </row>
    <row r="187854" spans="14:14">
      <c r="N187854" s="10"/>
    </row>
    <row r="187855" spans="14:14">
      <c r="N187855" s="10"/>
    </row>
    <row r="187856" spans="14:14">
      <c r="N187856" s="10"/>
    </row>
    <row r="187857" spans="14:14">
      <c r="N187857" s="10"/>
    </row>
    <row r="187858" spans="14:14">
      <c r="N187858" s="10"/>
    </row>
    <row r="187859" spans="14:14">
      <c r="N187859" s="10"/>
    </row>
    <row r="187860" spans="14:14">
      <c r="N187860" s="10"/>
    </row>
    <row r="187861" spans="14:14">
      <c r="N187861" s="10"/>
    </row>
    <row r="187862" spans="14:14">
      <c r="N187862" s="10"/>
    </row>
    <row r="187863" spans="14:14">
      <c r="N187863" s="10"/>
    </row>
    <row r="187864" spans="14:14">
      <c r="N187864" s="10"/>
    </row>
    <row r="187865" spans="14:14">
      <c r="N187865" s="10"/>
    </row>
    <row r="187866" spans="14:14">
      <c r="N187866" s="10"/>
    </row>
    <row r="187867" spans="14:14">
      <c r="N187867" s="10"/>
    </row>
    <row r="187868" spans="14:14">
      <c r="N187868" s="10"/>
    </row>
    <row r="187869" spans="14:14">
      <c r="N187869" s="10"/>
    </row>
    <row r="187870" spans="14:14">
      <c r="N187870" s="10"/>
    </row>
    <row r="187871" spans="14:14">
      <c r="N187871" s="10"/>
    </row>
    <row r="187872" spans="14:14">
      <c r="N187872" s="10"/>
    </row>
    <row r="187873" spans="14:14">
      <c r="N187873" s="10"/>
    </row>
    <row r="187874" spans="14:14">
      <c r="N187874" s="10"/>
    </row>
    <row r="187875" spans="14:14">
      <c r="N187875" s="10"/>
    </row>
    <row r="187876" spans="14:14">
      <c r="N187876" s="10"/>
    </row>
    <row r="187877" spans="14:14">
      <c r="N187877" s="10"/>
    </row>
    <row r="187878" spans="14:14">
      <c r="N187878" s="10"/>
    </row>
    <row r="187879" spans="14:14">
      <c r="N187879" s="10"/>
    </row>
    <row r="187880" spans="14:14">
      <c r="N187880" s="10"/>
    </row>
    <row r="187881" spans="14:14">
      <c r="N187881" s="10"/>
    </row>
    <row r="187882" spans="14:14">
      <c r="N187882" s="10"/>
    </row>
    <row r="187883" spans="14:14">
      <c r="N187883" s="10"/>
    </row>
    <row r="187884" spans="14:14">
      <c r="N187884" s="10"/>
    </row>
    <row r="187885" spans="14:14">
      <c r="N187885" s="10"/>
    </row>
    <row r="187886" spans="14:14">
      <c r="N187886" s="10"/>
    </row>
    <row r="187887" spans="14:14">
      <c r="N187887" s="10"/>
    </row>
    <row r="187888" spans="14:14">
      <c r="N187888" s="10"/>
    </row>
    <row r="187889" spans="14:14">
      <c r="N187889" s="10"/>
    </row>
    <row r="187890" spans="14:14">
      <c r="N187890" s="10"/>
    </row>
    <row r="187891" spans="14:14">
      <c r="N187891" s="10"/>
    </row>
    <row r="187892" spans="14:14">
      <c r="N187892" s="10"/>
    </row>
    <row r="187893" spans="14:14">
      <c r="N187893" s="10"/>
    </row>
    <row r="187894" spans="14:14">
      <c r="N187894" s="10"/>
    </row>
    <row r="187895" spans="14:14">
      <c r="N187895" s="10"/>
    </row>
    <row r="187896" spans="14:14">
      <c r="N187896" s="10"/>
    </row>
    <row r="187897" spans="14:14">
      <c r="N187897" s="10"/>
    </row>
    <row r="187898" spans="14:14">
      <c r="N187898" s="10"/>
    </row>
    <row r="187899" spans="14:14">
      <c r="N187899" s="10"/>
    </row>
    <row r="187900" spans="14:14">
      <c r="N187900" s="10"/>
    </row>
    <row r="187901" spans="14:14">
      <c r="N187901" s="10"/>
    </row>
    <row r="187902" spans="14:14">
      <c r="N187902" s="10"/>
    </row>
    <row r="187903" spans="14:14">
      <c r="N187903" s="10"/>
    </row>
    <row r="187904" spans="14:14">
      <c r="N187904" s="10"/>
    </row>
    <row r="187905" spans="14:14">
      <c r="N187905" s="10"/>
    </row>
    <row r="187906" spans="14:14">
      <c r="N187906" s="10"/>
    </row>
    <row r="187907" spans="14:14">
      <c r="N187907" s="10"/>
    </row>
    <row r="187908" spans="14:14">
      <c r="N187908" s="10"/>
    </row>
    <row r="187909" spans="14:14">
      <c r="N187909" s="10"/>
    </row>
    <row r="187910" spans="14:14">
      <c r="N187910" s="10"/>
    </row>
    <row r="187911" spans="14:14">
      <c r="N187911" s="10"/>
    </row>
    <row r="187912" spans="14:14">
      <c r="N187912" s="10"/>
    </row>
    <row r="187913" spans="14:14">
      <c r="N187913" s="10"/>
    </row>
    <row r="187914" spans="14:14">
      <c r="N187914" s="10"/>
    </row>
    <row r="187915" spans="14:14">
      <c r="N187915" s="10"/>
    </row>
    <row r="187916" spans="14:14">
      <c r="N187916" s="10"/>
    </row>
    <row r="187917" spans="14:14">
      <c r="N187917" s="10"/>
    </row>
    <row r="187918" spans="14:14">
      <c r="N187918" s="10"/>
    </row>
    <row r="187919" spans="14:14">
      <c r="N187919" s="10"/>
    </row>
    <row r="187920" spans="14:14">
      <c r="N187920" s="10"/>
    </row>
    <row r="187921" spans="14:14">
      <c r="N187921" s="10"/>
    </row>
    <row r="187922" spans="14:14">
      <c r="N187922" s="10"/>
    </row>
    <row r="187923" spans="14:14">
      <c r="N187923" s="10"/>
    </row>
    <row r="187924" spans="14:14">
      <c r="N187924" s="10"/>
    </row>
    <row r="187925" spans="14:14">
      <c r="N187925" s="10"/>
    </row>
    <row r="187926" spans="14:14">
      <c r="N187926" s="10"/>
    </row>
    <row r="187927" spans="14:14">
      <c r="N187927" s="10"/>
    </row>
    <row r="187928" spans="14:14">
      <c r="N187928" s="10"/>
    </row>
    <row r="187929" spans="14:14">
      <c r="N187929" s="10"/>
    </row>
    <row r="187930" spans="14:14">
      <c r="N187930" s="10"/>
    </row>
    <row r="187931" spans="14:14">
      <c r="N187931" s="10"/>
    </row>
    <row r="187932" spans="14:14">
      <c r="N187932" s="10"/>
    </row>
    <row r="187933" spans="14:14">
      <c r="N187933" s="10"/>
    </row>
    <row r="187934" spans="14:14">
      <c r="N187934" s="10"/>
    </row>
    <row r="187935" spans="14:14">
      <c r="N187935" s="10"/>
    </row>
    <row r="187936" spans="14:14">
      <c r="N187936" s="10"/>
    </row>
    <row r="187937" spans="14:14">
      <c r="N187937" s="10"/>
    </row>
    <row r="187938" spans="14:14">
      <c r="N187938" s="10"/>
    </row>
    <row r="187939" spans="14:14">
      <c r="N187939" s="10"/>
    </row>
    <row r="187940" spans="14:14">
      <c r="N187940" s="10"/>
    </row>
    <row r="187941" spans="14:14">
      <c r="N187941" s="10"/>
    </row>
    <row r="187942" spans="14:14">
      <c r="N187942" s="10"/>
    </row>
    <row r="187943" spans="14:14">
      <c r="N187943" s="10"/>
    </row>
    <row r="187944" spans="14:14">
      <c r="N187944" s="10"/>
    </row>
    <row r="187945" spans="14:14">
      <c r="N187945" s="10"/>
    </row>
    <row r="187946" spans="14:14">
      <c r="N187946" s="10"/>
    </row>
    <row r="187947" spans="14:14">
      <c r="N187947" s="10"/>
    </row>
    <row r="187948" spans="14:14">
      <c r="N187948" s="10"/>
    </row>
    <row r="187949" spans="14:14">
      <c r="N187949" s="10"/>
    </row>
    <row r="187950" spans="14:14">
      <c r="N187950" s="10"/>
    </row>
    <row r="187951" spans="14:14">
      <c r="N187951" s="10"/>
    </row>
    <row r="187952" spans="14:14">
      <c r="N187952" s="10"/>
    </row>
    <row r="187953" spans="14:14">
      <c r="N187953" s="10"/>
    </row>
    <row r="187954" spans="14:14">
      <c r="N187954" s="10"/>
    </row>
    <row r="187955" spans="14:14">
      <c r="N187955" s="10"/>
    </row>
    <row r="187956" spans="14:14">
      <c r="N187956" s="10"/>
    </row>
    <row r="187957" spans="14:14">
      <c r="N187957" s="10"/>
    </row>
    <row r="187958" spans="14:14">
      <c r="N187958" s="10"/>
    </row>
    <row r="187959" spans="14:14">
      <c r="N187959" s="10"/>
    </row>
    <row r="187960" spans="14:14">
      <c r="N187960" s="10"/>
    </row>
    <row r="187961" spans="14:14">
      <c r="N187961" s="10"/>
    </row>
    <row r="187962" spans="14:14">
      <c r="N187962" s="10"/>
    </row>
    <row r="187963" spans="14:14">
      <c r="N187963" s="10"/>
    </row>
    <row r="187964" spans="14:14">
      <c r="N187964" s="10"/>
    </row>
    <row r="187965" spans="14:14">
      <c r="N187965" s="10"/>
    </row>
    <row r="187966" spans="14:14">
      <c r="N187966" s="10"/>
    </row>
    <row r="187967" spans="14:14">
      <c r="N187967" s="10"/>
    </row>
    <row r="187968" spans="14:14">
      <c r="N187968" s="10"/>
    </row>
    <row r="187969" spans="14:14">
      <c r="N187969" s="10"/>
    </row>
    <row r="187970" spans="14:14">
      <c r="N187970" s="10"/>
    </row>
    <row r="187971" spans="14:14">
      <c r="N187971" s="10"/>
    </row>
    <row r="187972" spans="14:14">
      <c r="N187972" s="10"/>
    </row>
    <row r="187973" spans="14:14">
      <c r="N187973" s="10"/>
    </row>
    <row r="187974" spans="14:14">
      <c r="N187974" s="10"/>
    </row>
    <row r="187975" spans="14:14">
      <c r="N187975" s="10"/>
    </row>
    <row r="187976" spans="14:14">
      <c r="N187976" s="10"/>
    </row>
    <row r="187977" spans="14:14">
      <c r="N187977" s="10"/>
    </row>
    <row r="187978" spans="14:14">
      <c r="N187978" s="10"/>
    </row>
    <row r="187979" spans="14:14">
      <c r="N187979" s="10"/>
    </row>
    <row r="187980" spans="14:14">
      <c r="N187980" s="10"/>
    </row>
    <row r="187981" spans="14:14">
      <c r="N187981" s="10"/>
    </row>
    <row r="187982" spans="14:14">
      <c r="N187982" s="10"/>
    </row>
    <row r="187983" spans="14:14">
      <c r="N187983" s="10"/>
    </row>
    <row r="187984" spans="14:14">
      <c r="N187984" s="10"/>
    </row>
    <row r="187985" spans="14:14">
      <c r="N187985" s="10"/>
    </row>
    <row r="187986" spans="14:14">
      <c r="N187986" s="10"/>
    </row>
    <row r="187987" spans="14:14">
      <c r="N187987" s="10"/>
    </row>
    <row r="187988" spans="14:14">
      <c r="N187988" s="10"/>
    </row>
    <row r="187989" spans="14:14">
      <c r="N187989" s="10"/>
    </row>
    <row r="187990" spans="14:14">
      <c r="N187990" s="10"/>
    </row>
    <row r="187991" spans="14:14">
      <c r="N187991" s="10"/>
    </row>
    <row r="187992" spans="14:14">
      <c r="N187992" s="10"/>
    </row>
    <row r="187993" spans="14:14">
      <c r="N187993" s="10"/>
    </row>
    <row r="187994" spans="14:14">
      <c r="N187994" s="10"/>
    </row>
    <row r="187995" spans="14:14">
      <c r="N187995" s="10"/>
    </row>
    <row r="187996" spans="14:14">
      <c r="N187996" s="10"/>
    </row>
    <row r="187997" spans="14:14">
      <c r="N187997" s="10"/>
    </row>
    <row r="187998" spans="14:14">
      <c r="N187998" s="10"/>
    </row>
    <row r="187999" spans="14:14">
      <c r="N187999" s="10"/>
    </row>
    <row r="188000" spans="14:14">
      <c r="N188000" s="10"/>
    </row>
    <row r="188001" spans="14:14">
      <c r="N188001" s="10"/>
    </row>
    <row r="188002" spans="14:14">
      <c r="N188002" s="10"/>
    </row>
    <row r="188003" spans="14:14">
      <c r="N188003" s="10"/>
    </row>
    <row r="188004" spans="14:14">
      <c r="N188004" s="10"/>
    </row>
    <row r="188005" spans="14:14">
      <c r="N188005" s="10"/>
    </row>
    <row r="188006" spans="14:14">
      <c r="N188006" s="10"/>
    </row>
    <row r="188007" spans="14:14">
      <c r="N188007" s="10"/>
    </row>
    <row r="188008" spans="14:14">
      <c r="N188008" s="10"/>
    </row>
    <row r="188009" spans="14:14">
      <c r="N188009" s="10"/>
    </row>
    <row r="188010" spans="14:14">
      <c r="N188010" s="10"/>
    </row>
    <row r="188011" spans="14:14">
      <c r="N188011" s="10"/>
    </row>
    <row r="188012" spans="14:14">
      <c r="N188012" s="10"/>
    </row>
    <row r="188013" spans="14:14">
      <c r="N188013" s="10"/>
    </row>
    <row r="188014" spans="14:14">
      <c r="N188014" s="10"/>
    </row>
    <row r="188015" spans="14:14">
      <c r="N188015" s="10"/>
    </row>
    <row r="188016" spans="14:14">
      <c r="N188016" s="10"/>
    </row>
    <row r="188017" spans="14:14">
      <c r="N188017" s="10"/>
    </row>
    <row r="188018" spans="14:14">
      <c r="N188018" s="10"/>
    </row>
    <row r="188019" spans="14:14">
      <c r="N188019" s="10"/>
    </row>
    <row r="188020" spans="14:14">
      <c r="N188020" s="10"/>
    </row>
    <row r="188021" spans="14:14">
      <c r="N188021" s="10"/>
    </row>
    <row r="188022" spans="14:14">
      <c r="N188022" s="10"/>
    </row>
    <row r="188023" spans="14:14">
      <c r="N188023" s="10"/>
    </row>
    <row r="188024" spans="14:14">
      <c r="N188024" s="10"/>
    </row>
    <row r="188025" spans="14:14">
      <c r="N188025" s="10"/>
    </row>
    <row r="188026" spans="14:14">
      <c r="N188026" s="10"/>
    </row>
    <row r="188027" spans="14:14">
      <c r="N188027" s="10"/>
    </row>
    <row r="188028" spans="14:14">
      <c r="N188028" s="10"/>
    </row>
    <row r="188029" spans="14:14">
      <c r="N188029" s="10"/>
    </row>
    <row r="188030" spans="14:14">
      <c r="N188030" s="10"/>
    </row>
    <row r="188031" spans="14:14">
      <c r="N188031" s="10"/>
    </row>
    <row r="188032" spans="14:14">
      <c r="N188032" s="10"/>
    </row>
    <row r="188033" spans="14:14">
      <c r="N188033" s="10"/>
    </row>
    <row r="188034" spans="14:14">
      <c r="N188034" s="10"/>
    </row>
    <row r="188035" spans="14:14">
      <c r="N188035" s="10"/>
    </row>
    <row r="188036" spans="14:14">
      <c r="N188036" s="10"/>
    </row>
    <row r="188037" spans="14:14">
      <c r="N188037" s="10"/>
    </row>
    <row r="188038" spans="14:14">
      <c r="N188038" s="10"/>
    </row>
    <row r="188039" spans="14:14">
      <c r="N188039" s="10"/>
    </row>
    <row r="188040" spans="14:14">
      <c r="N188040" s="10"/>
    </row>
    <row r="188041" spans="14:14">
      <c r="N188041" s="10"/>
    </row>
    <row r="188042" spans="14:14">
      <c r="N188042" s="10"/>
    </row>
    <row r="188043" spans="14:14">
      <c r="N188043" s="10"/>
    </row>
    <row r="188044" spans="14:14">
      <c r="N188044" s="10"/>
    </row>
    <row r="188045" spans="14:14">
      <c r="N188045" s="10"/>
    </row>
    <row r="188046" spans="14:14">
      <c r="N188046" s="10"/>
    </row>
    <row r="188047" spans="14:14">
      <c r="N188047" s="10"/>
    </row>
    <row r="188048" spans="14:14">
      <c r="N188048" s="10"/>
    </row>
    <row r="188049" spans="14:14">
      <c r="N188049" s="10"/>
    </row>
    <row r="188050" spans="14:14">
      <c r="N188050" s="10"/>
    </row>
    <row r="188051" spans="14:14">
      <c r="N188051" s="10"/>
    </row>
    <row r="188052" spans="14:14">
      <c r="N188052" s="10"/>
    </row>
    <row r="188053" spans="14:14">
      <c r="N188053" s="10"/>
    </row>
    <row r="188054" spans="14:14">
      <c r="N188054" s="10"/>
    </row>
    <row r="188055" spans="14:14">
      <c r="N188055" s="10"/>
    </row>
    <row r="188056" spans="14:14">
      <c r="N188056" s="10"/>
    </row>
    <row r="188057" spans="14:14">
      <c r="N188057" s="10"/>
    </row>
    <row r="188058" spans="14:14">
      <c r="N188058" s="10"/>
    </row>
    <row r="188059" spans="14:14">
      <c r="N188059" s="10"/>
    </row>
    <row r="188060" spans="14:14">
      <c r="N188060" s="10"/>
    </row>
    <row r="188061" spans="14:14">
      <c r="N188061" s="10"/>
    </row>
    <row r="188062" spans="14:14">
      <c r="N188062" s="10"/>
    </row>
    <row r="188063" spans="14:14">
      <c r="N188063" s="10"/>
    </row>
    <row r="188064" spans="14:14">
      <c r="N188064" s="10"/>
    </row>
    <row r="188065" spans="14:14">
      <c r="N188065" s="10"/>
    </row>
    <row r="188066" spans="14:14">
      <c r="N188066" s="10"/>
    </row>
    <row r="188067" spans="14:14">
      <c r="N188067" s="10"/>
    </row>
    <row r="188068" spans="14:14">
      <c r="N188068" s="10"/>
    </row>
    <row r="188069" spans="14:14">
      <c r="N188069" s="10"/>
    </row>
    <row r="188070" spans="14:14">
      <c r="N188070" s="10"/>
    </row>
    <row r="188071" spans="14:14">
      <c r="N188071" s="10"/>
    </row>
    <row r="188072" spans="14:14">
      <c r="N188072" s="10"/>
    </row>
    <row r="188073" spans="14:14">
      <c r="N188073" s="10"/>
    </row>
    <row r="188074" spans="14:14">
      <c r="N188074" s="10"/>
    </row>
    <row r="188075" spans="14:14">
      <c r="N188075" s="10"/>
    </row>
    <row r="188076" spans="14:14">
      <c r="N188076" s="10"/>
    </row>
    <row r="188077" spans="14:14">
      <c r="N188077" s="10"/>
    </row>
    <row r="188078" spans="14:14">
      <c r="N188078" s="10"/>
    </row>
    <row r="188079" spans="14:14">
      <c r="N188079" s="10"/>
    </row>
    <row r="188080" spans="14:14">
      <c r="N188080" s="10"/>
    </row>
    <row r="188081" spans="14:14">
      <c r="N188081" s="10"/>
    </row>
    <row r="188082" spans="14:14">
      <c r="N188082" s="10"/>
    </row>
    <row r="188083" spans="14:14">
      <c r="N188083" s="10"/>
    </row>
    <row r="188084" spans="14:14">
      <c r="N188084" s="10"/>
    </row>
    <row r="188085" spans="14:14">
      <c r="N188085" s="10"/>
    </row>
    <row r="188086" spans="14:14">
      <c r="N188086" s="10"/>
    </row>
    <row r="188087" spans="14:14">
      <c r="N188087" s="10"/>
    </row>
    <row r="188088" spans="14:14">
      <c r="N188088" s="10"/>
    </row>
    <row r="188089" spans="14:14">
      <c r="N188089" s="10"/>
    </row>
    <row r="188090" spans="14:14">
      <c r="N188090" s="10"/>
    </row>
    <row r="188091" spans="14:14">
      <c r="N188091" s="10"/>
    </row>
    <row r="188092" spans="14:14">
      <c r="N188092" s="10"/>
    </row>
    <row r="188093" spans="14:14">
      <c r="N188093" s="10"/>
    </row>
    <row r="188094" spans="14:14">
      <c r="N188094" s="10"/>
    </row>
    <row r="188095" spans="14:14">
      <c r="N188095" s="10"/>
    </row>
    <row r="188096" spans="14:14">
      <c r="N188096" s="10"/>
    </row>
    <row r="188097" spans="14:14">
      <c r="N188097" s="10"/>
    </row>
    <row r="188098" spans="14:14">
      <c r="N188098" s="10"/>
    </row>
    <row r="188099" spans="14:14">
      <c r="N188099" s="10"/>
    </row>
    <row r="188100" spans="14:14">
      <c r="N188100" s="10"/>
    </row>
    <row r="188101" spans="14:14">
      <c r="N188101" s="10"/>
    </row>
    <row r="188102" spans="14:14">
      <c r="N188102" s="10"/>
    </row>
    <row r="188103" spans="14:14">
      <c r="N188103" s="10"/>
    </row>
    <row r="188104" spans="14:14">
      <c r="N188104" s="10"/>
    </row>
    <row r="188105" spans="14:14">
      <c r="N188105" s="10"/>
    </row>
    <row r="188106" spans="14:14">
      <c r="N188106" s="10"/>
    </row>
    <row r="188107" spans="14:14">
      <c r="N188107" s="10"/>
    </row>
    <row r="188108" spans="14:14">
      <c r="N188108" s="10"/>
    </row>
    <row r="188109" spans="14:14">
      <c r="N188109" s="10"/>
    </row>
    <row r="188110" spans="14:14">
      <c r="N188110" s="10"/>
    </row>
    <row r="188111" spans="14:14">
      <c r="N188111" s="10"/>
    </row>
    <row r="188112" spans="14:14">
      <c r="N188112" s="10"/>
    </row>
    <row r="188113" spans="14:14">
      <c r="N188113" s="10"/>
    </row>
    <row r="188114" spans="14:14">
      <c r="N188114" s="10"/>
    </row>
    <row r="188115" spans="14:14">
      <c r="N188115" s="10"/>
    </row>
    <row r="188116" spans="14:14">
      <c r="N188116" s="10"/>
    </row>
    <row r="188117" spans="14:14">
      <c r="N188117" s="10"/>
    </row>
    <row r="188118" spans="14:14">
      <c r="N188118" s="10"/>
    </row>
    <row r="188119" spans="14:14">
      <c r="N188119" s="10"/>
    </row>
    <row r="188120" spans="14:14">
      <c r="N188120" s="10"/>
    </row>
    <row r="188121" spans="14:14">
      <c r="N188121" s="10"/>
    </row>
    <row r="188122" spans="14:14">
      <c r="N188122" s="10"/>
    </row>
    <row r="188123" spans="14:14">
      <c r="N188123" s="10"/>
    </row>
    <row r="188124" spans="14:14">
      <c r="N188124" s="10"/>
    </row>
    <row r="188125" spans="14:14">
      <c r="N188125" s="10"/>
    </row>
    <row r="188126" spans="14:14">
      <c r="N188126" s="10"/>
    </row>
    <row r="188127" spans="14:14">
      <c r="N188127" s="10"/>
    </row>
    <row r="188128" spans="14:14">
      <c r="N188128" s="10"/>
    </row>
    <row r="188129" spans="14:14">
      <c r="N188129" s="10"/>
    </row>
    <row r="188130" spans="14:14">
      <c r="N188130" s="10"/>
    </row>
    <row r="188131" spans="14:14">
      <c r="N188131" s="10"/>
    </row>
    <row r="188132" spans="14:14">
      <c r="N188132" s="10"/>
    </row>
    <row r="188133" spans="14:14">
      <c r="N188133" s="10"/>
    </row>
    <row r="188134" spans="14:14">
      <c r="N188134" s="10"/>
    </row>
    <row r="188135" spans="14:14">
      <c r="N188135" s="10"/>
    </row>
    <row r="188136" spans="14:14">
      <c r="N188136" s="10"/>
    </row>
    <row r="188137" spans="14:14">
      <c r="N188137" s="10"/>
    </row>
    <row r="188138" spans="14:14">
      <c r="N188138" s="10"/>
    </row>
    <row r="188139" spans="14:14">
      <c r="N188139" s="10"/>
    </row>
    <row r="188140" spans="14:14">
      <c r="N188140" s="10"/>
    </row>
    <row r="188141" spans="14:14">
      <c r="N188141" s="10"/>
    </row>
    <row r="188142" spans="14:14">
      <c r="N188142" s="10"/>
    </row>
    <row r="188143" spans="14:14">
      <c r="N188143" s="10"/>
    </row>
    <row r="188144" spans="14:14">
      <c r="N188144" s="10"/>
    </row>
    <row r="188145" spans="14:14">
      <c r="N188145" s="10"/>
    </row>
    <row r="188146" spans="14:14">
      <c r="N188146" s="10"/>
    </row>
    <row r="188147" spans="14:14">
      <c r="N188147" s="10"/>
    </row>
    <row r="188148" spans="14:14">
      <c r="N188148" s="10"/>
    </row>
    <row r="188149" spans="14:14">
      <c r="N188149" s="10"/>
    </row>
    <row r="188150" spans="14:14">
      <c r="N188150" s="10"/>
    </row>
    <row r="188151" spans="14:14">
      <c r="N188151" s="10"/>
    </row>
    <row r="188152" spans="14:14">
      <c r="N188152" s="10"/>
    </row>
    <row r="188153" spans="14:14">
      <c r="N188153" s="10"/>
    </row>
    <row r="188154" spans="14:14">
      <c r="N188154" s="10"/>
    </row>
    <row r="188155" spans="14:14">
      <c r="N188155" s="10"/>
    </row>
    <row r="188156" spans="14:14">
      <c r="N188156" s="10"/>
    </row>
    <row r="188157" spans="14:14">
      <c r="N188157" s="10"/>
    </row>
    <row r="188158" spans="14:14">
      <c r="N188158" s="10"/>
    </row>
    <row r="188159" spans="14:14">
      <c r="N188159" s="10"/>
    </row>
    <row r="188160" spans="14:14">
      <c r="N188160" s="10"/>
    </row>
    <row r="188161" spans="14:14">
      <c r="N188161" s="10"/>
    </row>
    <row r="188162" spans="14:14">
      <c r="N188162" s="10"/>
    </row>
    <row r="188163" spans="14:14">
      <c r="N188163" s="10"/>
    </row>
    <row r="188164" spans="14:14">
      <c r="N188164" s="10"/>
    </row>
    <row r="188165" spans="14:14">
      <c r="N188165" s="10"/>
    </row>
    <row r="188166" spans="14:14">
      <c r="N188166" s="10"/>
    </row>
    <row r="188167" spans="14:14">
      <c r="N188167" s="10"/>
    </row>
    <row r="188168" spans="14:14">
      <c r="N188168" s="10"/>
    </row>
    <row r="188169" spans="14:14">
      <c r="N188169" s="10"/>
    </row>
    <row r="188170" spans="14:14">
      <c r="N188170" s="10"/>
    </row>
    <row r="188171" spans="14:14">
      <c r="N188171" s="10"/>
    </row>
    <row r="188172" spans="14:14">
      <c r="N188172" s="10"/>
    </row>
    <row r="188173" spans="14:14">
      <c r="N188173" s="10"/>
    </row>
    <row r="188174" spans="14:14">
      <c r="N188174" s="10"/>
    </row>
    <row r="188175" spans="14:14">
      <c r="N188175" s="10"/>
    </row>
    <row r="188176" spans="14:14">
      <c r="N188176" s="10"/>
    </row>
    <row r="188177" spans="14:14">
      <c r="N188177" s="10"/>
    </row>
    <row r="188178" spans="14:14">
      <c r="N188178" s="10"/>
    </row>
    <row r="188179" spans="14:14">
      <c r="N188179" s="10"/>
    </row>
    <row r="188180" spans="14:14">
      <c r="N188180" s="10"/>
    </row>
    <row r="188181" spans="14:14">
      <c r="N188181" s="10"/>
    </row>
    <row r="188182" spans="14:14">
      <c r="N188182" s="10"/>
    </row>
    <row r="188183" spans="14:14">
      <c r="N188183" s="10"/>
    </row>
    <row r="188184" spans="14:14">
      <c r="N188184" s="10"/>
    </row>
    <row r="188185" spans="14:14">
      <c r="N188185" s="10"/>
    </row>
    <row r="188186" spans="14:14">
      <c r="N188186" s="10"/>
    </row>
    <row r="188187" spans="14:14">
      <c r="N188187" s="10"/>
    </row>
    <row r="188188" spans="14:14">
      <c r="N188188" s="10"/>
    </row>
    <row r="188189" spans="14:14">
      <c r="N188189" s="10"/>
    </row>
    <row r="188190" spans="14:14">
      <c r="N188190" s="10"/>
    </row>
    <row r="188191" spans="14:14">
      <c r="N188191" s="10"/>
    </row>
    <row r="188192" spans="14:14">
      <c r="N188192" s="10"/>
    </row>
    <row r="188193" spans="14:14">
      <c r="N188193" s="10"/>
    </row>
    <row r="188194" spans="14:14">
      <c r="N188194" s="10"/>
    </row>
    <row r="188195" spans="14:14">
      <c r="N188195" s="10"/>
    </row>
    <row r="188196" spans="14:14">
      <c r="N188196" s="10"/>
    </row>
    <row r="188197" spans="14:14">
      <c r="N188197" s="10"/>
    </row>
    <row r="188198" spans="14:14">
      <c r="N188198" s="10"/>
    </row>
    <row r="188199" spans="14:14">
      <c r="N188199" s="10"/>
    </row>
    <row r="188200" spans="14:14">
      <c r="N188200" s="10"/>
    </row>
    <row r="188201" spans="14:14">
      <c r="N188201" s="10"/>
    </row>
    <row r="188202" spans="14:14">
      <c r="N188202" s="10"/>
    </row>
    <row r="188203" spans="14:14">
      <c r="N188203" s="10"/>
    </row>
    <row r="188204" spans="14:14">
      <c r="N188204" s="10"/>
    </row>
    <row r="188205" spans="14:14">
      <c r="N188205" s="10"/>
    </row>
    <row r="188206" spans="14:14">
      <c r="N188206" s="10"/>
    </row>
    <row r="188207" spans="14:14">
      <c r="N188207" s="10"/>
    </row>
    <row r="188208" spans="14:14">
      <c r="N188208" s="10"/>
    </row>
    <row r="188209" spans="14:14">
      <c r="N188209" s="10"/>
    </row>
    <row r="188210" spans="14:14">
      <c r="N188210" s="10"/>
    </row>
    <row r="188211" spans="14:14">
      <c r="N188211" s="10"/>
    </row>
    <row r="188212" spans="14:14">
      <c r="N188212" s="10"/>
    </row>
    <row r="188213" spans="14:14">
      <c r="N188213" s="10"/>
    </row>
    <row r="188214" spans="14:14">
      <c r="N188214" s="10"/>
    </row>
    <row r="188215" spans="14:14">
      <c r="N188215" s="10"/>
    </row>
    <row r="188216" spans="14:14">
      <c r="N188216" s="10"/>
    </row>
    <row r="188217" spans="14:14">
      <c r="N188217" s="10"/>
    </row>
    <row r="188218" spans="14:14">
      <c r="N188218" s="10"/>
    </row>
    <row r="188219" spans="14:14">
      <c r="N188219" s="10"/>
    </row>
    <row r="188220" spans="14:14">
      <c r="N188220" s="10"/>
    </row>
    <row r="188221" spans="14:14">
      <c r="N188221" s="10"/>
    </row>
    <row r="188222" spans="14:14">
      <c r="N188222" s="10"/>
    </row>
    <row r="188223" spans="14:14">
      <c r="N188223" s="10"/>
    </row>
    <row r="188224" spans="14:14">
      <c r="N188224" s="10"/>
    </row>
    <row r="188225" spans="14:14">
      <c r="N188225" s="10"/>
    </row>
    <row r="188226" spans="14:14">
      <c r="N188226" s="10"/>
    </row>
    <row r="188227" spans="14:14">
      <c r="N188227" s="10"/>
    </row>
    <row r="188228" spans="14:14">
      <c r="N188228" s="10"/>
    </row>
    <row r="188229" spans="14:14">
      <c r="N188229" s="10"/>
    </row>
    <row r="188230" spans="14:14">
      <c r="N188230" s="10"/>
    </row>
    <row r="188231" spans="14:14">
      <c r="N188231" s="10"/>
    </row>
    <row r="188232" spans="14:14">
      <c r="N188232" s="10"/>
    </row>
    <row r="188233" spans="14:14">
      <c r="N188233" s="10"/>
    </row>
    <row r="188234" spans="14:14">
      <c r="N188234" s="10"/>
    </row>
    <row r="188235" spans="14:14">
      <c r="N188235" s="10"/>
    </row>
    <row r="188236" spans="14:14">
      <c r="N188236" s="10"/>
    </row>
    <row r="188237" spans="14:14">
      <c r="N188237" s="10"/>
    </row>
    <row r="188238" spans="14:14">
      <c r="N188238" s="10"/>
    </row>
    <row r="188239" spans="14:14">
      <c r="N188239" s="10"/>
    </row>
    <row r="188240" spans="14:14">
      <c r="N188240" s="10"/>
    </row>
    <row r="188241" spans="14:14">
      <c r="N188241" s="10"/>
    </row>
    <row r="188242" spans="14:14">
      <c r="N188242" s="10"/>
    </row>
    <row r="188243" spans="14:14">
      <c r="N188243" s="10"/>
    </row>
    <row r="188244" spans="14:14">
      <c r="N188244" s="10"/>
    </row>
    <row r="188245" spans="14:14">
      <c r="N188245" s="10"/>
    </row>
    <row r="188246" spans="14:14">
      <c r="N188246" s="10"/>
    </row>
    <row r="188247" spans="14:14">
      <c r="N188247" s="10"/>
    </row>
    <row r="188248" spans="14:14">
      <c r="N188248" s="10"/>
    </row>
    <row r="188249" spans="14:14">
      <c r="N188249" s="10"/>
    </row>
    <row r="188250" spans="14:14">
      <c r="N188250" s="10"/>
    </row>
    <row r="188251" spans="14:14">
      <c r="N188251" s="10"/>
    </row>
    <row r="188252" spans="14:14">
      <c r="N188252" s="10"/>
    </row>
    <row r="188253" spans="14:14">
      <c r="N188253" s="10"/>
    </row>
    <row r="188254" spans="14:14">
      <c r="N188254" s="10"/>
    </row>
    <row r="188255" spans="14:14">
      <c r="N188255" s="10"/>
    </row>
    <row r="188256" spans="14:14">
      <c r="N188256" s="10"/>
    </row>
    <row r="188257" spans="14:14">
      <c r="N188257" s="10"/>
    </row>
    <row r="188258" spans="14:14">
      <c r="N188258" s="10"/>
    </row>
    <row r="188259" spans="14:14">
      <c r="N188259" s="10"/>
    </row>
    <row r="188260" spans="14:14">
      <c r="N188260" s="10"/>
    </row>
    <row r="188261" spans="14:14">
      <c r="N188261" s="10"/>
    </row>
    <row r="188262" spans="14:14">
      <c r="N188262" s="10"/>
    </row>
    <row r="188263" spans="14:14">
      <c r="N188263" s="10"/>
    </row>
    <row r="188264" spans="14:14">
      <c r="N188264" s="10"/>
    </row>
    <row r="188265" spans="14:14">
      <c r="N188265" s="10"/>
    </row>
    <row r="188266" spans="14:14">
      <c r="N188266" s="10"/>
    </row>
    <row r="188267" spans="14:14">
      <c r="N188267" s="10"/>
    </row>
    <row r="188268" spans="14:14">
      <c r="N188268" s="10"/>
    </row>
    <row r="188269" spans="14:14">
      <c r="N188269" s="10"/>
    </row>
    <row r="188270" spans="14:14">
      <c r="N188270" s="10"/>
    </row>
    <row r="188271" spans="14:14">
      <c r="N188271" s="10"/>
    </row>
    <row r="188272" spans="14:14">
      <c r="N188272" s="10"/>
    </row>
    <row r="188273" spans="14:14">
      <c r="N188273" s="10"/>
    </row>
    <row r="188274" spans="14:14">
      <c r="N188274" s="10"/>
    </row>
    <row r="188275" spans="14:14">
      <c r="N188275" s="10"/>
    </row>
    <row r="188276" spans="14:14">
      <c r="N188276" s="10"/>
    </row>
    <row r="188277" spans="14:14">
      <c r="N188277" s="10"/>
    </row>
    <row r="188278" spans="14:14">
      <c r="N188278" s="10"/>
    </row>
    <row r="188279" spans="14:14">
      <c r="N188279" s="10"/>
    </row>
    <row r="188280" spans="14:14">
      <c r="N188280" s="10"/>
    </row>
    <row r="188281" spans="14:14">
      <c r="N188281" s="10"/>
    </row>
    <row r="188282" spans="14:14">
      <c r="N188282" s="10"/>
    </row>
    <row r="188283" spans="14:14">
      <c r="N188283" s="10"/>
    </row>
    <row r="188284" spans="14:14">
      <c r="N188284" s="10"/>
    </row>
    <row r="188285" spans="14:14">
      <c r="N188285" s="10"/>
    </row>
    <row r="188286" spans="14:14">
      <c r="N188286" s="10"/>
    </row>
    <row r="188287" spans="14:14">
      <c r="N188287" s="10"/>
    </row>
    <row r="188288" spans="14:14">
      <c r="N188288" s="10"/>
    </row>
    <row r="188289" spans="14:14">
      <c r="N188289" s="10"/>
    </row>
    <row r="188290" spans="14:14">
      <c r="N188290" s="10"/>
    </row>
    <row r="188291" spans="14:14">
      <c r="N188291" s="10"/>
    </row>
    <row r="188292" spans="14:14">
      <c r="N188292" s="10"/>
    </row>
    <row r="188293" spans="14:14">
      <c r="N188293" s="10"/>
    </row>
    <row r="188294" spans="14:14">
      <c r="N188294" s="10"/>
    </row>
    <row r="188295" spans="14:14">
      <c r="N188295" s="10"/>
    </row>
    <row r="188296" spans="14:14">
      <c r="N188296" s="10"/>
    </row>
    <row r="188297" spans="14:14">
      <c r="N188297" s="10"/>
    </row>
    <row r="188298" spans="14:14">
      <c r="N188298" s="10"/>
    </row>
    <row r="188299" spans="14:14">
      <c r="N188299" s="10"/>
    </row>
    <row r="188300" spans="14:14">
      <c r="N188300" s="10"/>
    </row>
    <row r="188301" spans="14:14">
      <c r="N188301" s="10"/>
    </row>
    <row r="188302" spans="14:14">
      <c r="N188302" s="10"/>
    </row>
    <row r="188303" spans="14:14">
      <c r="N188303" s="10"/>
    </row>
    <row r="188304" spans="14:14">
      <c r="N188304" s="10"/>
    </row>
    <row r="188305" spans="14:14">
      <c r="N188305" s="10"/>
    </row>
    <row r="188306" spans="14:14">
      <c r="N188306" s="10"/>
    </row>
    <row r="188307" spans="14:14">
      <c r="N188307" s="10"/>
    </row>
    <row r="188308" spans="14:14">
      <c r="N188308" s="10"/>
    </row>
    <row r="188309" spans="14:14">
      <c r="N188309" s="10"/>
    </row>
    <row r="188310" spans="14:14">
      <c r="N188310" s="10"/>
    </row>
    <row r="188311" spans="14:14">
      <c r="N188311" s="10"/>
    </row>
    <row r="188312" spans="14:14">
      <c r="N188312" s="10"/>
    </row>
    <row r="188313" spans="14:14">
      <c r="N188313" s="10"/>
    </row>
    <row r="188314" spans="14:14">
      <c r="N188314" s="10"/>
    </row>
    <row r="188315" spans="14:14">
      <c r="N188315" s="10"/>
    </row>
    <row r="188316" spans="14:14">
      <c r="N188316" s="10"/>
    </row>
    <row r="188317" spans="14:14">
      <c r="N188317" s="10"/>
    </row>
    <row r="188318" spans="14:14">
      <c r="N188318" s="10"/>
    </row>
    <row r="188319" spans="14:14">
      <c r="N188319" s="10"/>
    </row>
    <row r="188320" spans="14:14">
      <c r="N188320" s="10"/>
    </row>
    <row r="188321" spans="14:14">
      <c r="N188321" s="10"/>
    </row>
    <row r="188322" spans="14:14">
      <c r="N188322" s="10"/>
    </row>
    <row r="188323" spans="14:14">
      <c r="N188323" s="10"/>
    </row>
    <row r="188324" spans="14:14">
      <c r="N188324" s="10"/>
    </row>
    <row r="188325" spans="14:14">
      <c r="N188325" s="10"/>
    </row>
    <row r="188326" spans="14:14">
      <c r="N188326" s="10"/>
    </row>
    <row r="188327" spans="14:14">
      <c r="N188327" s="10"/>
    </row>
    <row r="188328" spans="14:14">
      <c r="N188328" s="10"/>
    </row>
    <row r="188329" spans="14:14">
      <c r="N188329" s="10"/>
    </row>
    <row r="188330" spans="14:14">
      <c r="N188330" s="10"/>
    </row>
    <row r="188331" spans="14:14">
      <c r="N188331" s="10"/>
    </row>
    <row r="188332" spans="14:14">
      <c r="N188332" s="10"/>
    </row>
    <row r="188333" spans="14:14">
      <c r="N188333" s="10"/>
    </row>
    <row r="188334" spans="14:14">
      <c r="N188334" s="10"/>
    </row>
    <row r="188335" spans="14:14">
      <c r="N188335" s="10"/>
    </row>
    <row r="188336" spans="14:14">
      <c r="N188336" s="10"/>
    </row>
    <row r="188337" spans="14:14">
      <c r="N188337" s="10"/>
    </row>
    <row r="188338" spans="14:14">
      <c r="N188338" s="10"/>
    </row>
    <row r="188339" spans="14:14">
      <c r="N188339" s="10"/>
    </row>
    <row r="188340" spans="14:14">
      <c r="N188340" s="10"/>
    </row>
    <row r="188341" spans="14:14">
      <c r="N188341" s="10"/>
    </row>
    <row r="188342" spans="14:14">
      <c r="N188342" s="10"/>
    </row>
    <row r="188343" spans="14:14">
      <c r="N188343" s="10"/>
    </row>
    <row r="188344" spans="14:14">
      <c r="N188344" s="10"/>
    </row>
    <row r="188345" spans="14:14">
      <c r="N188345" s="10"/>
    </row>
    <row r="188346" spans="14:14">
      <c r="N188346" s="10"/>
    </row>
    <row r="188347" spans="14:14">
      <c r="N188347" s="10"/>
    </row>
    <row r="188348" spans="14:14">
      <c r="N188348" s="10"/>
    </row>
    <row r="188349" spans="14:14">
      <c r="N188349" s="10"/>
    </row>
    <row r="188350" spans="14:14">
      <c r="N188350" s="10"/>
    </row>
    <row r="188351" spans="14:14">
      <c r="N188351" s="10"/>
    </row>
    <row r="188352" spans="14:14">
      <c r="N188352" s="10"/>
    </row>
    <row r="188353" spans="14:14">
      <c r="N188353" s="10"/>
    </row>
    <row r="188354" spans="14:14">
      <c r="N188354" s="10"/>
    </row>
    <row r="188355" spans="14:14">
      <c r="N188355" s="10"/>
    </row>
    <row r="188356" spans="14:14">
      <c r="N188356" s="10"/>
    </row>
    <row r="188357" spans="14:14">
      <c r="N188357" s="10"/>
    </row>
    <row r="188358" spans="14:14">
      <c r="N188358" s="10"/>
    </row>
    <row r="188359" spans="14:14">
      <c r="N188359" s="10"/>
    </row>
    <row r="188360" spans="14:14">
      <c r="N188360" s="10"/>
    </row>
    <row r="188361" spans="14:14">
      <c r="N188361" s="10"/>
    </row>
    <row r="188362" spans="14:14">
      <c r="N188362" s="10"/>
    </row>
    <row r="188363" spans="14:14">
      <c r="N188363" s="10"/>
    </row>
    <row r="188364" spans="14:14">
      <c r="N188364" s="10"/>
    </row>
    <row r="188365" spans="14:14">
      <c r="N188365" s="10"/>
    </row>
    <row r="188366" spans="14:14">
      <c r="N188366" s="10"/>
    </row>
    <row r="188367" spans="14:14">
      <c r="N188367" s="10"/>
    </row>
    <row r="188368" spans="14:14">
      <c r="N188368" s="10"/>
    </row>
    <row r="188369" spans="14:14">
      <c r="N188369" s="10"/>
    </row>
    <row r="188370" spans="14:14">
      <c r="N188370" s="10"/>
    </row>
    <row r="188371" spans="14:14">
      <c r="N188371" s="10"/>
    </row>
    <row r="188372" spans="14:14">
      <c r="N188372" s="10"/>
    </row>
    <row r="188373" spans="14:14">
      <c r="N188373" s="10"/>
    </row>
    <row r="188374" spans="14:14">
      <c r="N188374" s="10"/>
    </row>
    <row r="188375" spans="14:14">
      <c r="N188375" s="10"/>
    </row>
    <row r="188376" spans="14:14">
      <c r="N188376" s="10"/>
    </row>
    <row r="188377" spans="14:14">
      <c r="N188377" s="10"/>
    </row>
    <row r="188378" spans="14:14">
      <c r="N188378" s="10"/>
    </row>
    <row r="188379" spans="14:14">
      <c r="N188379" s="10"/>
    </row>
    <row r="188380" spans="14:14">
      <c r="N188380" s="10"/>
    </row>
    <row r="188381" spans="14:14">
      <c r="N188381" s="10"/>
    </row>
    <row r="188382" spans="14:14">
      <c r="N188382" s="10"/>
    </row>
    <row r="188383" spans="14:14">
      <c r="N188383" s="10"/>
    </row>
    <row r="188384" spans="14:14">
      <c r="N188384" s="10"/>
    </row>
    <row r="188385" spans="14:14">
      <c r="N188385" s="10"/>
    </row>
    <row r="188386" spans="14:14">
      <c r="N188386" s="10"/>
    </row>
    <row r="188387" spans="14:14">
      <c r="N188387" s="10"/>
    </row>
    <row r="188388" spans="14:14">
      <c r="N188388" s="10"/>
    </row>
    <row r="188389" spans="14:14">
      <c r="N188389" s="10"/>
    </row>
    <row r="188390" spans="14:14">
      <c r="N188390" s="10"/>
    </row>
    <row r="188391" spans="14:14">
      <c r="N188391" s="10"/>
    </row>
    <row r="188392" spans="14:14">
      <c r="N188392" s="10"/>
    </row>
    <row r="188393" spans="14:14">
      <c r="N188393" s="10"/>
    </row>
    <row r="188394" spans="14:14">
      <c r="N188394" s="10"/>
    </row>
    <row r="188395" spans="14:14">
      <c r="N188395" s="10"/>
    </row>
    <row r="188396" spans="14:14">
      <c r="N188396" s="10"/>
    </row>
    <row r="188397" spans="14:14">
      <c r="N188397" s="10"/>
    </row>
    <row r="188398" spans="14:14">
      <c r="N188398" s="10"/>
    </row>
    <row r="188399" spans="14:14">
      <c r="N188399" s="10"/>
    </row>
    <row r="188400" spans="14:14">
      <c r="N188400" s="10"/>
    </row>
    <row r="188401" spans="14:14">
      <c r="N188401" s="10"/>
    </row>
    <row r="188402" spans="14:14">
      <c r="N188402" s="10"/>
    </row>
    <row r="188403" spans="14:14">
      <c r="N188403" s="10"/>
    </row>
    <row r="188404" spans="14:14">
      <c r="N188404" s="10"/>
    </row>
    <row r="188405" spans="14:14">
      <c r="N188405" s="10"/>
    </row>
    <row r="188406" spans="14:14">
      <c r="N188406" s="10"/>
    </row>
    <row r="188407" spans="14:14">
      <c r="N188407" s="10"/>
    </row>
    <row r="188408" spans="14:14">
      <c r="N188408" s="10"/>
    </row>
    <row r="188409" spans="14:14">
      <c r="N188409" s="10"/>
    </row>
    <row r="188410" spans="14:14">
      <c r="N188410" s="10"/>
    </row>
    <row r="188411" spans="14:14">
      <c r="N188411" s="10"/>
    </row>
    <row r="188412" spans="14:14">
      <c r="N188412" s="10"/>
    </row>
    <row r="188413" spans="14:14">
      <c r="N188413" s="10"/>
    </row>
    <row r="188414" spans="14:14">
      <c r="N188414" s="10"/>
    </row>
    <row r="188415" spans="14:14">
      <c r="N188415" s="10"/>
    </row>
    <row r="188416" spans="14:14">
      <c r="N188416" s="10"/>
    </row>
    <row r="188417" spans="14:14">
      <c r="N188417" s="10"/>
    </row>
    <row r="188418" spans="14:14">
      <c r="N188418" s="10"/>
    </row>
    <row r="188419" spans="14:14">
      <c r="N188419" s="10"/>
    </row>
    <row r="188420" spans="14:14">
      <c r="N188420" s="10"/>
    </row>
    <row r="188421" spans="14:14">
      <c r="N188421" s="10"/>
    </row>
    <row r="188422" spans="14:14">
      <c r="N188422" s="10"/>
    </row>
    <row r="188423" spans="14:14">
      <c r="N188423" s="10"/>
    </row>
    <row r="188424" spans="14:14">
      <c r="N188424" s="10"/>
    </row>
    <row r="188425" spans="14:14">
      <c r="N188425" s="10"/>
    </row>
    <row r="188426" spans="14:14">
      <c r="N188426" s="10"/>
    </row>
    <row r="188427" spans="14:14">
      <c r="N188427" s="10"/>
    </row>
    <row r="188428" spans="14:14">
      <c r="N188428" s="10"/>
    </row>
    <row r="188429" spans="14:14">
      <c r="N188429" s="10"/>
    </row>
    <row r="188430" spans="14:14">
      <c r="N188430" s="10"/>
    </row>
    <row r="188431" spans="14:14">
      <c r="N188431" s="10"/>
    </row>
    <row r="188432" spans="14:14">
      <c r="N188432" s="10"/>
    </row>
    <row r="188433" spans="14:14">
      <c r="N188433" s="10"/>
    </row>
    <row r="188434" spans="14:14">
      <c r="N188434" s="10"/>
    </row>
    <row r="188435" spans="14:14">
      <c r="N188435" s="10"/>
    </row>
    <row r="188436" spans="14:14">
      <c r="N188436" s="10"/>
    </row>
    <row r="188437" spans="14:14">
      <c r="N188437" s="10"/>
    </row>
    <row r="188438" spans="14:14">
      <c r="N188438" s="10"/>
    </row>
    <row r="188439" spans="14:14">
      <c r="N188439" s="10"/>
    </row>
    <row r="188440" spans="14:14">
      <c r="N188440" s="10"/>
    </row>
    <row r="188441" spans="14:14">
      <c r="N188441" s="10"/>
    </row>
    <row r="188442" spans="14:14">
      <c r="N188442" s="10"/>
    </row>
    <row r="188443" spans="14:14">
      <c r="N188443" s="10"/>
    </row>
    <row r="188444" spans="14:14">
      <c r="N188444" s="10"/>
    </row>
    <row r="188445" spans="14:14">
      <c r="N188445" s="10"/>
    </row>
    <row r="188446" spans="14:14">
      <c r="N188446" s="10"/>
    </row>
    <row r="188447" spans="14:14">
      <c r="N188447" s="10"/>
    </row>
    <row r="188448" spans="14:14">
      <c r="N188448" s="10"/>
    </row>
    <row r="188449" spans="14:14">
      <c r="N188449" s="10"/>
    </row>
    <row r="188450" spans="14:14">
      <c r="N188450" s="10"/>
    </row>
    <row r="188451" spans="14:14">
      <c r="N188451" s="10"/>
    </row>
    <row r="188452" spans="14:14">
      <c r="N188452" s="10"/>
    </row>
    <row r="188453" spans="14:14">
      <c r="N188453" s="10"/>
    </row>
    <row r="188454" spans="14:14">
      <c r="N188454" s="10"/>
    </row>
    <row r="188455" spans="14:14">
      <c r="N188455" s="10"/>
    </row>
    <row r="188456" spans="14:14">
      <c r="N188456" s="10"/>
    </row>
    <row r="188457" spans="14:14">
      <c r="N188457" s="10"/>
    </row>
    <row r="188458" spans="14:14">
      <c r="N188458" s="10"/>
    </row>
    <row r="188459" spans="14:14">
      <c r="N188459" s="10"/>
    </row>
    <row r="188460" spans="14:14">
      <c r="N188460" s="10"/>
    </row>
    <row r="188461" spans="14:14">
      <c r="N188461" s="10"/>
    </row>
    <row r="188462" spans="14:14">
      <c r="N188462" s="10"/>
    </row>
    <row r="188463" spans="14:14">
      <c r="N188463" s="10"/>
    </row>
    <row r="188464" spans="14:14">
      <c r="N188464" s="10"/>
    </row>
    <row r="188465" spans="14:14">
      <c r="N188465" s="10"/>
    </row>
    <row r="188466" spans="14:14">
      <c r="N188466" s="10"/>
    </row>
    <row r="188467" spans="14:14">
      <c r="N188467" s="10"/>
    </row>
    <row r="188468" spans="14:14">
      <c r="N188468" s="10"/>
    </row>
    <row r="188469" spans="14:14">
      <c r="N188469" s="10"/>
    </row>
    <row r="188470" spans="14:14">
      <c r="N188470" s="10"/>
    </row>
    <row r="188471" spans="14:14">
      <c r="N188471" s="10"/>
    </row>
    <row r="188472" spans="14:14">
      <c r="N188472" s="10"/>
    </row>
    <row r="188473" spans="14:14">
      <c r="N188473" s="10"/>
    </row>
    <row r="188474" spans="14:14">
      <c r="N188474" s="10"/>
    </row>
    <row r="188475" spans="14:14">
      <c r="N188475" s="10"/>
    </row>
    <row r="188476" spans="14:14">
      <c r="N188476" s="10"/>
    </row>
    <row r="188477" spans="14:14">
      <c r="N188477" s="10"/>
    </row>
    <row r="188478" spans="14:14">
      <c r="N188478" s="10"/>
    </row>
    <row r="188479" spans="14:14">
      <c r="N188479" s="10"/>
    </row>
    <row r="188480" spans="14:14">
      <c r="N188480" s="10"/>
    </row>
    <row r="188481" spans="14:14">
      <c r="N188481" s="10"/>
    </row>
    <row r="188482" spans="14:14">
      <c r="N188482" s="10"/>
    </row>
    <row r="188483" spans="14:14">
      <c r="N188483" s="10"/>
    </row>
    <row r="188484" spans="14:14">
      <c r="N188484" s="10"/>
    </row>
    <row r="188485" spans="14:14">
      <c r="N188485" s="10"/>
    </row>
    <row r="188486" spans="14:14">
      <c r="N188486" s="10"/>
    </row>
    <row r="188487" spans="14:14">
      <c r="N188487" s="10"/>
    </row>
    <row r="188488" spans="14:14">
      <c r="N188488" s="10"/>
    </row>
    <row r="188489" spans="14:14">
      <c r="N188489" s="10"/>
    </row>
    <row r="188490" spans="14:14">
      <c r="N188490" s="10"/>
    </row>
    <row r="188491" spans="14:14">
      <c r="N188491" s="10"/>
    </row>
    <row r="188492" spans="14:14">
      <c r="N188492" s="10"/>
    </row>
    <row r="188493" spans="14:14">
      <c r="N188493" s="10"/>
    </row>
    <row r="188494" spans="14:14">
      <c r="N188494" s="10"/>
    </row>
    <row r="188495" spans="14:14">
      <c r="N188495" s="10"/>
    </row>
    <row r="188496" spans="14:14">
      <c r="N188496" s="10"/>
    </row>
    <row r="188497" spans="14:14">
      <c r="N188497" s="10"/>
    </row>
    <row r="188498" spans="14:14">
      <c r="N188498" s="10"/>
    </row>
    <row r="188499" spans="14:14">
      <c r="N188499" s="10"/>
    </row>
    <row r="188500" spans="14:14">
      <c r="N188500" s="10"/>
    </row>
    <row r="188501" spans="14:14">
      <c r="N188501" s="10"/>
    </row>
    <row r="188502" spans="14:14">
      <c r="N188502" s="10"/>
    </row>
    <row r="188503" spans="14:14">
      <c r="N188503" s="10"/>
    </row>
    <row r="188504" spans="14:14">
      <c r="N188504" s="10"/>
    </row>
    <row r="188505" spans="14:14">
      <c r="N188505" s="10"/>
    </row>
    <row r="188506" spans="14:14">
      <c r="N188506" s="10"/>
    </row>
    <row r="188507" spans="14:14">
      <c r="N188507" s="10"/>
    </row>
    <row r="188508" spans="14:14">
      <c r="N188508" s="10"/>
    </row>
    <row r="188509" spans="14:14">
      <c r="N188509" s="10"/>
    </row>
    <row r="188510" spans="14:14">
      <c r="N188510" s="10"/>
    </row>
    <row r="188511" spans="14:14">
      <c r="N188511" s="10"/>
    </row>
    <row r="188512" spans="14:14">
      <c r="N188512" s="10"/>
    </row>
    <row r="188513" spans="14:14">
      <c r="N188513" s="10"/>
    </row>
    <row r="188514" spans="14:14">
      <c r="N188514" s="10"/>
    </row>
    <row r="188515" spans="14:14">
      <c r="N188515" s="10"/>
    </row>
    <row r="188516" spans="14:14">
      <c r="N188516" s="10"/>
    </row>
    <row r="188517" spans="14:14">
      <c r="N188517" s="10"/>
    </row>
    <row r="188518" spans="14:14">
      <c r="N188518" s="10"/>
    </row>
    <row r="188519" spans="14:14">
      <c r="N188519" s="10"/>
    </row>
    <row r="188520" spans="14:14">
      <c r="N188520" s="10"/>
    </row>
    <row r="188521" spans="14:14">
      <c r="N188521" s="10"/>
    </row>
    <row r="188522" spans="14:14">
      <c r="N188522" s="10"/>
    </row>
    <row r="188523" spans="14:14">
      <c r="N188523" s="10"/>
    </row>
    <row r="188524" spans="14:14">
      <c r="N188524" s="10"/>
    </row>
    <row r="188525" spans="14:14">
      <c r="N188525" s="10"/>
    </row>
    <row r="188526" spans="14:14">
      <c r="N188526" s="10"/>
    </row>
    <row r="188527" spans="14:14">
      <c r="N188527" s="10"/>
    </row>
    <row r="188528" spans="14:14">
      <c r="N188528" s="10"/>
    </row>
    <row r="188529" spans="14:14">
      <c r="N188529" s="10"/>
    </row>
    <row r="188530" spans="14:14">
      <c r="N188530" s="10"/>
    </row>
    <row r="188531" spans="14:14">
      <c r="N188531" s="10"/>
    </row>
    <row r="188532" spans="14:14">
      <c r="N188532" s="10"/>
    </row>
    <row r="188533" spans="14:14">
      <c r="N188533" s="10"/>
    </row>
    <row r="188534" spans="14:14">
      <c r="N188534" s="10"/>
    </row>
    <row r="188535" spans="14:14">
      <c r="N188535" s="10"/>
    </row>
    <row r="188536" spans="14:14">
      <c r="N188536" s="10"/>
    </row>
    <row r="188537" spans="14:14">
      <c r="N188537" s="10"/>
    </row>
    <row r="188538" spans="14:14">
      <c r="N188538" s="10"/>
    </row>
    <row r="188539" spans="14:14">
      <c r="N188539" s="10"/>
    </row>
    <row r="188540" spans="14:14">
      <c r="N188540" s="10"/>
    </row>
    <row r="188541" spans="14:14">
      <c r="N188541" s="10"/>
    </row>
    <row r="188542" spans="14:14">
      <c r="N188542" s="10"/>
    </row>
    <row r="188543" spans="14:14">
      <c r="N188543" s="10"/>
    </row>
    <row r="188544" spans="14:14">
      <c r="N188544" s="10"/>
    </row>
    <row r="188545" spans="14:14">
      <c r="N188545" s="10"/>
    </row>
    <row r="188546" spans="14:14">
      <c r="N188546" s="10"/>
    </row>
    <row r="188547" spans="14:14">
      <c r="N188547" s="10"/>
    </row>
    <row r="188548" spans="14:14">
      <c r="N188548" s="10"/>
    </row>
    <row r="188549" spans="14:14">
      <c r="N188549" s="10"/>
    </row>
    <row r="188550" spans="14:14">
      <c r="N188550" s="10"/>
    </row>
    <row r="188551" spans="14:14">
      <c r="N188551" s="10"/>
    </row>
    <row r="188552" spans="14:14">
      <c r="N188552" s="10"/>
    </row>
    <row r="188553" spans="14:14">
      <c r="N188553" s="10"/>
    </row>
    <row r="188554" spans="14:14">
      <c r="N188554" s="10"/>
    </row>
    <row r="188555" spans="14:14">
      <c r="N188555" s="10"/>
    </row>
    <row r="188556" spans="14:14">
      <c r="N188556" s="10"/>
    </row>
    <row r="188557" spans="14:14">
      <c r="N188557" s="10"/>
    </row>
    <row r="188558" spans="14:14">
      <c r="N188558" s="10"/>
    </row>
    <row r="188559" spans="14:14">
      <c r="N188559" s="10"/>
    </row>
    <row r="188560" spans="14:14">
      <c r="N188560" s="10"/>
    </row>
    <row r="188561" spans="14:14">
      <c r="N188561" s="10"/>
    </row>
    <row r="188562" spans="14:14">
      <c r="N188562" s="10"/>
    </row>
    <row r="188563" spans="14:14">
      <c r="N188563" s="10"/>
    </row>
    <row r="188564" spans="14:14">
      <c r="N188564" s="10"/>
    </row>
    <row r="188565" spans="14:14">
      <c r="N188565" s="10"/>
    </row>
    <row r="188566" spans="14:14">
      <c r="N188566" s="10"/>
    </row>
    <row r="188567" spans="14:14">
      <c r="N188567" s="10"/>
    </row>
    <row r="188568" spans="14:14">
      <c r="N188568" s="10"/>
    </row>
    <row r="188569" spans="14:14">
      <c r="N188569" s="10"/>
    </row>
    <row r="188570" spans="14:14">
      <c r="N188570" s="10"/>
    </row>
    <row r="188571" spans="14:14">
      <c r="N188571" s="10"/>
    </row>
    <row r="188572" spans="14:14">
      <c r="N188572" s="10"/>
    </row>
    <row r="188573" spans="14:14">
      <c r="N188573" s="10"/>
    </row>
    <row r="188574" spans="14:14">
      <c r="N188574" s="10"/>
    </row>
    <row r="188575" spans="14:14">
      <c r="N188575" s="10"/>
    </row>
    <row r="188576" spans="14:14">
      <c r="N188576" s="10"/>
    </row>
    <row r="188577" spans="14:14">
      <c r="N188577" s="10"/>
    </row>
    <row r="188578" spans="14:14">
      <c r="N188578" s="10"/>
    </row>
    <row r="188579" spans="14:14">
      <c r="N188579" s="10"/>
    </row>
    <row r="188580" spans="14:14">
      <c r="N188580" s="10"/>
    </row>
    <row r="188581" spans="14:14">
      <c r="N188581" s="10"/>
    </row>
    <row r="188582" spans="14:14">
      <c r="N188582" s="10"/>
    </row>
    <row r="188583" spans="14:14">
      <c r="N188583" s="10"/>
    </row>
    <row r="188584" spans="14:14">
      <c r="N188584" s="10"/>
    </row>
    <row r="188585" spans="14:14">
      <c r="N188585" s="10"/>
    </row>
    <row r="188586" spans="14:14">
      <c r="N188586" s="10"/>
    </row>
    <row r="188587" spans="14:14">
      <c r="N188587" s="10"/>
    </row>
    <row r="188588" spans="14:14">
      <c r="N188588" s="10"/>
    </row>
    <row r="188589" spans="14:14">
      <c r="N188589" s="10"/>
    </row>
    <row r="188590" spans="14:14">
      <c r="N188590" s="10"/>
    </row>
    <row r="188591" spans="14:14">
      <c r="N188591" s="10"/>
    </row>
    <row r="188592" spans="14:14">
      <c r="N188592" s="10"/>
    </row>
    <row r="188593" spans="14:14">
      <c r="N188593" s="10"/>
    </row>
    <row r="188594" spans="14:14">
      <c r="N188594" s="10"/>
    </row>
    <row r="188595" spans="14:14">
      <c r="N188595" s="10"/>
    </row>
    <row r="188596" spans="14:14">
      <c r="N188596" s="10"/>
    </row>
    <row r="188597" spans="14:14">
      <c r="N188597" s="10"/>
    </row>
    <row r="188598" spans="14:14">
      <c r="N188598" s="10"/>
    </row>
    <row r="188599" spans="14:14">
      <c r="N188599" s="10"/>
    </row>
    <row r="188600" spans="14:14">
      <c r="N188600" s="10"/>
    </row>
    <row r="188601" spans="14:14">
      <c r="N188601" s="10"/>
    </row>
    <row r="188602" spans="14:14">
      <c r="N188602" s="10"/>
    </row>
    <row r="188603" spans="14:14">
      <c r="N188603" s="10"/>
    </row>
    <row r="188604" spans="14:14">
      <c r="N188604" s="10"/>
    </row>
    <row r="188605" spans="14:14">
      <c r="N188605" s="10"/>
    </row>
    <row r="188606" spans="14:14">
      <c r="N188606" s="10"/>
    </row>
    <row r="188607" spans="14:14">
      <c r="N188607" s="10"/>
    </row>
    <row r="188608" spans="14:14">
      <c r="N188608" s="10"/>
    </row>
    <row r="188609" spans="14:14">
      <c r="N188609" s="10"/>
    </row>
    <row r="188610" spans="14:14">
      <c r="N188610" s="10"/>
    </row>
    <row r="188611" spans="14:14">
      <c r="N188611" s="10"/>
    </row>
    <row r="188612" spans="14:14">
      <c r="N188612" s="10"/>
    </row>
    <row r="188613" spans="14:14">
      <c r="N188613" s="10"/>
    </row>
    <row r="188614" spans="14:14">
      <c r="N188614" s="10"/>
    </row>
    <row r="188615" spans="14:14">
      <c r="N188615" s="10"/>
    </row>
    <row r="188616" spans="14:14">
      <c r="N188616" s="10"/>
    </row>
    <row r="188617" spans="14:14">
      <c r="N188617" s="10"/>
    </row>
    <row r="188618" spans="14:14">
      <c r="N188618" s="10"/>
    </row>
    <row r="188619" spans="14:14">
      <c r="N188619" s="10"/>
    </row>
    <row r="188620" spans="14:14">
      <c r="N188620" s="10"/>
    </row>
    <row r="188621" spans="14:14">
      <c r="N188621" s="10"/>
    </row>
    <row r="188622" spans="14:14">
      <c r="N188622" s="10"/>
    </row>
    <row r="188623" spans="14:14">
      <c r="N188623" s="10"/>
    </row>
    <row r="188624" spans="14:14">
      <c r="N188624" s="10"/>
    </row>
    <row r="188625" spans="14:14">
      <c r="N188625" s="10"/>
    </row>
    <row r="188626" spans="14:14">
      <c r="N188626" s="10"/>
    </row>
    <row r="188627" spans="14:14">
      <c r="N188627" s="10"/>
    </row>
    <row r="188628" spans="14:14">
      <c r="N188628" s="10"/>
    </row>
    <row r="188629" spans="14:14">
      <c r="N188629" s="10"/>
    </row>
    <row r="188630" spans="14:14">
      <c r="N188630" s="10"/>
    </row>
    <row r="188631" spans="14:14">
      <c r="N188631" s="10"/>
    </row>
    <row r="188632" spans="14:14">
      <c r="N188632" s="10"/>
    </row>
    <row r="188633" spans="14:14">
      <c r="N188633" s="10"/>
    </row>
    <row r="188634" spans="14:14">
      <c r="N188634" s="10"/>
    </row>
    <row r="188635" spans="14:14">
      <c r="N188635" s="10"/>
    </row>
    <row r="188636" spans="14:14">
      <c r="N188636" s="10"/>
    </row>
    <row r="188637" spans="14:14">
      <c r="N188637" s="10"/>
    </row>
    <row r="188638" spans="14:14">
      <c r="N188638" s="10"/>
    </row>
    <row r="188639" spans="14:14">
      <c r="N188639" s="10"/>
    </row>
    <row r="188640" spans="14:14">
      <c r="N188640" s="10"/>
    </row>
    <row r="188641" spans="14:14">
      <c r="N188641" s="10"/>
    </row>
    <row r="188642" spans="14:14">
      <c r="N188642" s="10"/>
    </row>
    <row r="188643" spans="14:14">
      <c r="N188643" s="10"/>
    </row>
    <row r="188644" spans="14:14">
      <c r="N188644" s="10"/>
    </row>
    <row r="188645" spans="14:14">
      <c r="N188645" s="10"/>
    </row>
    <row r="188646" spans="14:14">
      <c r="N188646" s="10"/>
    </row>
    <row r="188647" spans="14:14">
      <c r="N188647" s="10"/>
    </row>
    <row r="188648" spans="14:14">
      <c r="N188648" s="10"/>
    </row>
    <row r="188649" spans="14:14">
      <c r="N188649" s="10"/>
    </row>
    <row r="188650" spans="14:14">
      <c r="N188650" s="10"/>
    </row>
    <row r="188651" spans="14:14">
      <c r="N188651" s="10"/>
    </row>
    <row r="188652" spans="14:14">
      <c r="N188652" s="10"/>
    </row>
    <row r="188653" spans="14:14">
      <c r="N188653" s="10"/>
    </row>
    <row r="188654" spans="14:14">
      <c r="N188654" s="10"/>
    </row>
    <row r="188655" spans="14:14">
      <c r="N188655" s="10"/>
    </row>
    <row r="188656" spans="14:14">
      <c r="N188656" s="10"/>
    </row>
    <row r="188657" spans="14:14">
      <c r="N188657" s="10"/>
    </row>
    <row r="188658" spans="14:14">
      <c r="N188658" s="10"/>
    </row>
    <row r="188659" spans="14:14">
      <c r="N188659" s="10"/>
    </row>
    <row r="188660" spans="14:14">
      <c r="N188660" s="10"/>
    </row>
    <row r="188661" spans="14:14">
      <c r="N188661" s="10"/>
    </row>
    <row r="188662" spans="14:14">
      <c r="N188662" s="10"/>
    </row>
    <row r="188663" spans="14:14">
      <c r="N188663" s="10"/>
    </row>
    <row r="188664" spans="14:14">
      <c r="N188664" s="10"/>
    </row>
    <row r="188665" spans="14:14">
      <c r="N188665" s="10"/>
    </row>
    <row r="188666" spans="14:14">
      <c r="N188666" s="10"/>
    </row>
    <row r="188667" spans="14:14">
      <c r="N188667" s="10"/>
    </row>
    <row r="188668" spans="14:14">
      <c r="N188668" s="10"/>
    </row>
    <row r="188669" spans="14:14">
      <c r="N188669" s="10"/>
    </row>
    <row r="188670" spans="14:14">
      <c r="N188670" s="10"/>
    </row>
    <row r="188671" spans="14:14">
      <c r="N188671" s="10"/>
    </row>
    <row r="188672" spans="14:14">
      <c r="N188672" s="10"/>
    </row>
    <row r="188673" spans="14:14">
      <c r="N188673" s="10"/>
    </row>
    <row r="188674" spans="14:14">
      <c r="N188674" s="10"/>
    </row>
    <row r="188675" spans="14:14">
      <c r="N188675" s="10"/>
    </row>
    <row r="188676" spans="14:14">
      <c r="N188676" s="10"/>
    </row>
    <row r="188677" spans="14:14">
      <c r="N188677" s="10"/>
    </row>
    <row r="188678" spans="14:14">
      <c r="N188678" s="10"/>
    </row>
    <row r="188679" spans="14:14">
      <c r="N188679" s="10"/>
    </row>
    <row r="188680" spans="14:14">
      <c r="N188680" s="10"/>
    </row>
    <row r="188681" spans="14:14">
      <c r="N188681" s="10"/>
    </row>
    <row r="188682" spans="14:14">
      <c r="N188682" s="10"/>
    </row>
    <row r="188683" spans="14:14">
      <c r="N188683" s="10"/>
    </row>
    <row r="188684" spans="14:14">
      <c r="N188684" s="10"/>
    </row>
    <row r="188685" spans="14:14">
      <c r="N188685" s="10"/>
    </row>
    <row r="188686" spans="14:14">
      <c r="N188686" s="10"/>
    </row>
    <row r="188687" spans="14:14">
      <c r="N188687" s="10"/>
    </row>
    <row r="188688" spans="14:14">
      <c r="N188688" s="10"/>
    </row>
    <row r="188689" spans="14:14">
      <c r="N188689" s="10"/>
    </row>
    <row r="188690" spans="14:14">
      <c r="N188690" s="10"/>
    </row>
    <row r="188691" spans="14:14">
      <c r="N188691" s="10"/>
    </row>
    <row r="188692" spans="14:14">
      <c r="N188692" s="10"/>
    </row>
    <row r="188693" spans="14:14">
      <c r="N188693" s="10"/>
    </row>
    <row r="188694" spans="14:14">
      <c r="N188694" s="10"/>
    </row>
    <row r="188695" spans="14:14">
      <c r="N188695" s="10"/>
    </row>
    <row r="188696" spans="14:14">
      <c r="N188696" s="10"/>
    </row>
    <row r="188697" spans="14:14">
      <c r="N188697" s="10"/>
    </row>
    <row r="188698" spans="14:14">
      <c r="N188698" s="10"/>
    </row>
    <row r="188699" spans="14:14">
      <c r="N188699" s="10"/>
    </row>
    <row r="188700" spans="14:14">
      <c r="N188700" s="10"/>
    </row>
    <row r="188701" spans="14:14">
      <c r="N188701" s="10"/>
    </row>
    <row r="188702" spans="14:14">
      <c r="N188702" s="10"/>
    </row>
    <row r="188703" spans="14:14">
      <c r="N188703" s="10"/>
    </row>
    <row r="188704" spans="14:14">
      <c r="N188704" s="10"/>
    </row>
    <row r="188705" spans="14:14">
      <c r="N188705" s="10"/>
    </row>
    <row r="188706" spans="14:14">
      <c r="N188706" s="10"/>
    </row>
    <row r="188707" spans="14:14">
      <c r="N188707" s="10"/>
    </row>
    <row r="188708" spans="14:14">
      <c r="N188708" s="10"/>
    </row>
    <row r="188709" spans="14:14">
      <c r="N188709" s="10"/>
    </row>
    <row r="188710" spans="14:14">
      <c r="N188710" s="10"/>
    </row>
    <row r="188711" spans="14:14">
      <c r="N188711" s="10"/>
    </row>
    <row r="188712" spans="14:14">
      <c r="N188712" s="10"/>
    </row>
    <row r="188713" spans="14:14">
      <c r="N188713" s="10"/>
    </row>
    <row r="188714" spans="14:14">
      <c r="N188714" s="10"/>
    </row>
    <row r="188715" spans="14:14">
      <c r="N188715" s="10"/>
    </row>
    <row r="188716" spans="14:14">
      <c r="N188716" s="10"/>
    </row>
    <row r="188717" spans="14:14">
      <c r="N188717" s="10"/>
    </row>
    <row r="188718" spans="14:14">
      <c r="N188718" s="10"/>
    </row>
    <row r="188719" spans="14:14">
      <c r="N188719" s="10"/>
    </row>
    <row r="188720" spans="14:14">
      <c r="N188720" s="10"/>
    </row>
    <row r="188721" spans="14:14">
      <c r="N188721" s="10"/>
    </row>
    <row r="188722" spans="14:14">
      <c r="N188722" s="10"/>
    </row>
    <row r="188723" spans="14:14">
      <c r="N188723" s="10"/>
    </row>
    <row r="188724" spans="14:14">
      <c r="N188724" s="10"/>
    </row>
    <row r="188725" spans="14:14">
      <c r="N188725" s="10"/>
    </row>
    <row r="188726" spans="14:14">
      <c r="N188726" s="10"/>
    </row>
    <row r="188727" spans="14:14">
      <c r="N188727" s="10"/>
    </row>
    <row r="188728" spans="14:14">
      <c r="N188728" s="10"/>
    </row>
    <row r="188729" spans="14:14">
      <c r="N188729" s="10"/>
    </row>
    <row r="188730" spans="14:14">
      <c r="N188730" s="10"/>
    </row>
    <row r="188731" spans="14:14">
      <c r="N188731" s="10"/>
    </row>
    <row r="188732" spans="14:14">
      <c r="N188732" s="10"/>
    </row>
    <row r="188733" spans="14:14">
      <c r="N188733" s="10"/>
    </row>
    <row r="188734" spans="14:14">
      <c r="N188734" s="10"/>
    </row>
    <row r="188735" spans="14:14">
      <c r="N188735" s="10"/>
    </row>
    <row r="188736" spans="14:14">
      <c r="N188736" s="10"/>
    </row>
    <row r="188737" spans="14:14">
      <c r="N188737" s="10"/>
    </row>
    <row r="188738" spans="14:14">
      <c r="N188738" s="10"/>
    </row>
    <row r="188739" spans="14:14">
      <c r="N188739" s="10"/>
    </row>
    <row r="188740" spans="14:14">
      <c r="N188740" s="10"/>
    </row>
    <row r="188741" spans="14:14">
      <c r="N188741" s="10"/>
    </row>
    <row r="188742" spans="14:14">
      <c r="N188742" s="10"/>
    </row>
    <row r="188743" spans="14:14">
      <c r="N188743" s="10"/>
    </row>
    <row r="188744" spans="14:14">
      <c r="N188744" s="10"/>
    </row>
    <row r="188745" spans="14:14">
      <c r="N188745" s="10"/>
    </row>
    <row r="188746" spans="14:14">
      <c r="N188746" s="10"/>
    </row>
    <row r="188747" spans="14:14">
      <c r="N188747" s="10"/>
    </row>
    <row r="188748" spans="14:14">
      <c r="N188748" s="10"/>
    </row>
    <row r="188749" spans="14:14">
      <c r="N188749" s="10"/>
    </row>
    <row r="188750" spans="14:14">
      <c r="N188750" s="10"/>
    </row>
    <row r="188751" spans="14:14">
      <c r="N188751" s="10"/>
    </row>
    <row r="188752" spans="14:14">
      <c r="N188752" s="10"/>
    </row>
    <row r="188753" spans="14:14">
      <c r="N188753" s="10"/>
    </row>
    <row r="188754" spans="14:14">
      <c r="N188754" s="10"/>
    </row>
    <row r="188755" spans="14:14">
      <c r="N188755" s="10"/>
    </row>
    <row r="188756" spans="14:14">
      <c r="N188756" s="10"/>
    </row>
    <row r="188757" spans="14:14">
      <c r="N188757" s="10"/>
    </row>
    <row r="188758" spans="14:14">
      <c r="N188758" s="10"/>
    </row>
    <row r="188759" spans="14:14">
      <c r="N188759" s="10"/>
    </row>
    <row r="188760" spans="14:14">
      <c r="N188760" s="10"/>
    </row>
    <row r="188761" spans="14:14">
      <c r="N188761" s="10"/>
    </row>
    <row r="188762" spans="14:14">
      <c r="N188762" s="10"/>
    </row>
    <row r="188763" spans="14:14">
      <c r="N188763" s="10"/>
    </row>
    <row r="188764" spans="14:14">
      <c r="N188764" s="10"/>
    </row>
    <row r="188765" spans="14:14">
      <c r="N188765" s="10"/>
    </row>
    <row r="188766" spans="14:14">
      <c r="N188766" s="10"/>
    </row>
    <row r="188767" spans="14:14">
      <c r="N188767" s="10"/>
    </row>
    <row r="188768" spans="14:14">
      <c r="N188768" s="10"/>
    </row>
    <row r="188769" spans="14:14">
      <c r="N188769" s="10"/>
    </row>
    <row r="188770" spans="14:14">
      <c r="N188770" s="10"/>
    </row>
    <row r="188771" spans="14:14">
      <c r="N188771" s="10"/>
    </row>
    <row r="188772" spans="14:14">
      <c r="N188772" s="10"/>
    </row>
    <row r="188773" spans="14:14">
      <c r="N188773" s="10"/>
    </row>
    <row r="188774" spans="14:14">
      <c r="N188774" s="10"/>
    </row>
    <row r="188775" spans="14:14">
      <c r="N188775" s="10"/>
    </row>
    <row r="188776" spans="14:14">
      <c r="N188776" s="10"/>
    </row>
    <row r="188777" spans="14:14">
      <c r="N188777" s="10"/>
    </row>
    <row r="188778" spans="14:14">
      <c r="N188778" s="10"/>
    </row>
    <row r="188779" spans="14:14">
      <c r="N188779" s="10"/>
    </row>
    <row r="188780" spans="14:14">
      <c r="N188780" s="10"/>
    </row>
    <row r="188781" spans="14:14">
      <c r="N188781" s="10"/>
    </row>
    <row r="188782" spans="14:14">
      <c r="N188782" s="10"/>
    </row>
    <row r="188783" spans="14:14">
      <c r="N188783" s="10"/>
    </row>
    <row r="188784" spans="14:14">
      <c r="N188784" s="10"/>
    </row>
    <row r="188785" spans="14:14">
      <c r="N188785" s="10"/>
    </row>
    <row r="188786" spans="14:14">
      <c r="N188786" s="10"/>
    </row>
    <row r="188787" spans="14:14">
      <c r="N188787" s="10"/>
    </row>
    <row r="188788" spans="14:14">
      <c r="N188788" s="10"/>
    </row>
    <row r="188789" spans="14:14">
      <c r="N188789" s="10"/>
    </row>
    <row r="188790" spans="14:14">
      <c r="N188790" s="10"/>
    </row>
    <row r="188791" spans="14:14">
      <c r="N188791" s="10"/>
    </row>
    <row r="188792" spans="14:14">
      <c r="N188792" s="10"/>
    </row>
    <row r="188793" spans="14:14">
      <c r="N188793" s="10"/>
    </row>
    <row r="188794" spans="14:14">
      <c r="N188794" s="10"/>
    </row>
    <row r="188795" spans="14:14">
      <c r="N188795" s="10"/>
    </row>
    <row r="188796" spans="14:14">
      <c r="N188796" s="10"/>
    </row>
    <row r="188797" spans="14:14">
      <c r="N188797" s="10"/>
    </row>
    <row r="188798" spans="14:14">
      <c r="N188798" s="10"/>
    </row>
    <row r="188799" spans="14:14">
      <c r="N188799" s="10"/>
    </row>
    <row r="188800" spans="14:14">
      <c r="N188800" s="10"/>
    </row>
    <row r="188801" spans="14:14">
      <c r="N188801" s="10"/>
    </row>
    <row r="188802" spans="14:14">
      <c r="N188802" s="10"/>
    </row>
    <row r="188803" spans="14:14">
      <c r="N188803" s="10"/>
    </row>
    <row r="188804" spans="14:14">
      <c r="N188804" s="10"/>
    </row>
    <row r="188805" spans="14:14">
      <c r="N188805" s="10"/>
    </row>
    <row r="188806" spans="14:14">
      <c r="N188806" s="10"/>
    </row>
    <row r="188807" spans="14:14">
      <c r="N188807" s="10"/>
    </row>
    <row r="188808" spans="14:14">
      <c r="N188808" s="10"/>
    </row>
    <row r="188809" spans="14:14">
      <c r="N188809" s="10"/>
    </row>
    <row r="188810" spans="14:14">
      <c r="N188810" s="10"/>
    </row>
    <row r="188811" spans="14:14">
      <c r="N188811" s="10"/>
    </row>
    <row r="188812" spans="14:14">
      <c r="N188812" s="10"/>
    </row>
    <row r="188813" spans="14:14">
      <c r="N188813" s="10"/>
    </row>
    <row r="188814" spans="14:14">
      <c r="N188814" s="10"/>
    </row>
    <row r="188815" spans="14:14">
      <c r="N188815" s="10"/>
    </row>
    <row r="188816" spans="14:14">
      <c r="N188816" s="10"/>
    </row>
    <row r="188817" spans="14:14">
      <c r="N188817" s="10"/>
    </row>
    <row r="188818" spans="14:14">
      <c r="N188818" s="10"/>
    </row>
    <row r="188819" spans="14:14">
      <c r="N188819" s="10"/>
    </row>
    <row r="188820" spans="14:14">
      <c r="N188820" s="10"/>
    </row>
    <row r="188821" spans="14:14">
      <c r="N188821" s="10"/>
    </row>
    <row r="188822" spans="14:14">
      <c r="N188822" s="10"/>
    </row>
    <row r="188823" spans="14:14">
      <c r="N188823" s="10"/>
    </row>
    <row r="188824" spans="14:14">
      <c r="N188824" s="10"/>
    </row>
    <row r="188825" spans="14:14">
      <c r="N188825" s="10"/>
    </row>
    <row r="188826" spans="14:14">
      <c r="N188826" s="10"/>
    </row>
    <row r="188827" spans="14:14">
      <c r="N188827" s="10"/>
    </row>
    <row r="188828" spans="14:14">
      <c r="N188828" s="10"/>
    </row>
    <row r="188829" spans="14:14">
      <c r="N188829" s="10"/>
    </row>
    <row r="188830" spans="14:14">
      <c r="N188830" s="10"/>
    </row>
    <row r="188831" spans="14:14">
      <c r="N188831" s="10"/>
    </row>
    <row r="188832" spans="14:14">
      <c r="N188832" s="10"/>
    </row>
    <row r="188833" spans="14:14">
      <c r="N188833" s="10"/>
    </row>
    <row r="188834" spans="14:14">
      <c r="N188834" s="10"/>
    </row>
    <row r="188835" spans="14:14">
      <c r="N188835" s="10"/>
    </row>
    <row r="188836" spans="14:14">
      <c r="N188836" s="10"/>
    </row>
    <row r="188837" spans="14:14">
      <c r="N188837" s="10"/>
    </row>
    <row r="188838" spans="14:14">
      <c r="N188838" s="10"/>
    </row>
    <row r="188839" spans="14:14">
      <c r="N188839" s="10"/>
    </row>
    <row r="188840" spans="14:14">
      <c r="N188840" s="10"/>
    </row>
    <row r="188841" spans="14:14">
      <c r="N188841" s="10"/>
    </row>
    <row r="188842" spans="14:14">
      <c r="N188842" s="10"/>
    </row>
    <row r="188843" spans="14:14">
      <c r="N188843" s="10"/>
    </row>
    <row r="188844" spans="14:14">
      <c r="N188844" s="10"/>
    </row>
    <row r="188845" spans="14:14">
      <c r="N188845" s="10"/>
    </row>
    <row r="188846" spans="14:14">
      <c r="N188846" s="10"/>
    </row>
    <row r="188847" spans="14:14">
      <c r="N188847" s="10"/>
    </row>
    <row r="188848" spans="14:14">
      <c r="N188848" s="10"/>
    </row>
    <row r="188849" spans="14:14">
      <c r="N188849" s="10"/>
    </row>
    <row r="188850" spans="14:14">
      <c r="N188850" s="10"/>
    </row>
    <row r="188851" spans="14:14">
      <c r="N188851" s="10"/>
    </row>
    <row r="188852" spans="14:14">
      <c r="N188852" s="10"/>
    </row>
    <row r="188853" spans="14:14">
      <c r="N188853" s="10"/>
    </row>
    <row r="188854" spans="14:14">
      <c r="N188854" s="10"/>
    </row>
    <row r="188855" spans="14:14">
      <c r="N188855" s="10"/>
    </row>
    <row r="188856" spans="14:14">
      <c r="N188856" s="10"/>
    </row>
    <row r="188857" spans="14:14">
      <c r="N188857" s="10"/>
    </row>
    <row r="188858" spans="14:14">
      <c r="N188858" s="10"/>
    </row>
    <row r="188859" spans="14:14">
      <c r="N188859" s="10"/>
    </row>
    <row r="188860" spans="14:14">
      <c r="N188860" s="10"/>
    </row>
    <row r="188861" spans="14:14">
      <c r="N188861" s="10"/>
    </row>
    <row r="188862" spans="14:14">
      <c r="N188862" s="10"/>
    </row>
    <row r="188863" spans="14:14">
      <c r="N188863" s="10"/>
    </row>
    <row r="188864" spans="14:14">
      <c r="N188864" s="10"/>
    </row>
    <row r="188865" spans="14:14">
      <c r="N188865" s="10"/>
    </row>
    <row r="188866" spans="14:14">
      <c r="N188866" s="10"/>
    </row>
    <row r="188867" spans="14:14">
      <c r="N188867" s="10"/>
    </row>
    <row r="188868" spans="14:14">
      <c r="N188868" s="10"/>
    </row>
    <row r="188869" spans="14:14">
      <c r="N188869" s="10"/>
    </row>
    <row r="188870" spans="14:14">
      <c r="N188870" s="10"/>
    </row>
    <row r="188871" spans="14:14">
      <c r="N188871" s="10"/>
    </row>
    <row r="188872" spans="14:14">
      <c r="N188872" s="10"/>
    </row>
    <row r="188873" spans="14:14">
      <c r="N188873" s="10"/>
    </row>
    <row r="188874" spans="14:14">
      <c r="N188874" s="10"/>
    </row>
    <row r="188875" spans="14:14">
      <c r="N188875" s="10"/>
    </row>
    <row r="188876" spans="14:14">
      <c r="N188876" s="10"/>
    </row>
    <row r="188877" spans="14:14">
      <c r="N188877" s="10"/>
    </row>
    <row r="188878" spans="14:14">
      <c r="N188878" s="10"/>
    </row>
    <row r="188879" spans="14:14">
      <c r="N188879" s="10"/>
    </row>
    <row r="188880" spans="14:14">
      <c r="N188880" s="10"/>
    </row>
    <row r="188881" spans="14:14">
      <c r="N188881" s="10"/>
    </row>
    <row r="188882" spans="14:14">
      <c r="N188882" s="10"/>
    </row>
    <row r="188883" spans="14:14">
      <c r="N188883" s="10"/>
    </row>
    <row r="188884" spans="14:14">
      <c r="N188884" s="10"/>
    </row>
    <row r="188885" spans="14:14">
      <c r="N188885" s="10"/>
    </row>
    <row r="188886" spans="14:14">
      <c r="N188886" s="10"/>
    </row>
    <row r="188887" spans="14:14">
      <c r="N188887" s="10"/>
    </row>
    <row r="188888" spans="14:14">
      <c r="N188888" s="10"/>
    </row>
    <row r="188889" spans="14:14">
      <c r="N188889" s="10"/>
    </row>
    <row r="188890" spans="14:14">
      <c r="N188890" s="10"/>
    </row>
    <row r="188891" spans="14:14">
      <c r="N188891" s="10"/>
    </row>
    <row r="188892" spans="14:14">
      <c r="N188892" s="10"/>
    </row>
    <row r="188893" spans="14:14">
      <c r="N188893" s="10"/>
    </row>
    <row r="188894" spans="14:14">
      <c r="N188894" s="10"/>
    </row>
    <row r="188895" spans="14:14">
      <c r="N188895" s="10"/>
    </row>
    <row r="188896" spans="14:14">
      <c r="N188896" s="10"/>
    </row>
    <row r="188897" spans="14:14">
      <c r="N188897" s="10"/>
    </row>
    <row r="188898" spans="14:14">
      <c r="N188898" s="10"/>
    </row>
    <row r="188899" spans="14:14">
      <c r="N188899" s="10"/>
    </row>
    <row r="188900" spans="14:14">
      <c r="N188900" s="10"/>
    </row>
    <row r="188901" spans="14:14">
      <c r="N188901" s="10"/>
    </row>
    <row r="188902" spans="14:14">
      <c r="N188902" s="10"/>
    </row>
    <row r="188903" spans="14:14">
      <c r="N188903" s="10"/>
    </row>
    <row r="188904" spans="14:14">
      <c r="N188904" s="10"/>
    </row>
    <row r="188905" spans="14:14">
      <c r="N188905" s="10"/>
    </row>
    <row r="188906" spans="14:14">
      <c r="N188906" s="10"/>
    </row>
    <row r="188907" spans="14:14">
      <c r="N188907" s="10"/>
    </row>
    <row r="188908" spans="14:14">
      <c r="N188908" s="10"/>
    </row>
    <row r="188909" spans="14:14">
      <c r="N188909" s="10"/>
    </row>
    <row r="188910" spans="14:14">
      <c r="N188910" s="10"/>
    </row>
    <row r="188911" spans="14:14">
      <c r="N188911" s="10"/>
    </row>
    <row r="188912" spans="14:14">
      <c r="N188912" s="10"/>
    </row>
    <row r="188913" spans="14:14">
      <c r="N188913" s="10"/>
    </row>
    <row r="188914" spans="14:14">
      <c r="N188914" s="10"/>
    </row>
    <row r="188915" spans="14:14">
      <c r="N188915" s="10"/>
    </row>
    <row r="188916" spans="14:14">
      <c r="N188916" s="10"/>
    </row>
    <row r="188917" spans="14:14">
      <c r="N188917" s="10"/>
    </row>
    <row r="188918" spans="14:14">
      <c r="N188918" s="10"/>
    </row>
    <row r="188919" spans="14:14">
      <c r="N188919" s="10"/>
    </row>
    <row r="188920" spans="14:14">
      <c r="N188920" s="10"/>
    </row>
    <row r="188921" spans="14:14">
      <c r="N188921" s="10"/>
    </row>
    <row r="188922" spans="14:14">
      <c r="N188922" s="10"/>
    </row>
    <row r="188923" spans="14:14">
      <c r="N188923" s="10"/>
    </row>
    <row r="188924" spans="14:14">
      <c r="N188924" s="10"/>
    </row>
    <row r="188925" spans="14:14">
      <c r="N188925" s="10"/>
    </row>
    <row r="188926" spans="14:14">
      <c r="N188926" s="10"/>
    </row>
    <row r="188927" spans="14:14">
      <c r="N188927" s="10"/>
    </row>
    <row r="188928" spans="14:14">
      <c r="N188928" s="10"/>
    </row>
    <row r="188929" spans="14:14">
      <c r="N188929" s="10"/>
    </row>
    <row r="188930" spans="14:14">
      <c r="N188930" s="10"/>
    </row>
    <row r="188931" spans="14:14">
      <c r="N188931" s="10"/>
    </row>
    <row r="188932" spans="14:14">
      <c r="N188932" s="10"/>
    </row>
    <row r="188933" spans="14:14">
      <c r="N188933" s="10"/>
    </row>
    <row r="188934" spans="14:14">
      <c r="N188934" s="10"/>
    </row>
    <row r="188935" spans="14:14">
      <c r="N188935" s="10"/>
    </row>
    <row r="188936" spans="14:14">
      <c r="N188936" s="10"/>
    </row>
    <row r="188937" spans="14:14">
      <c r="N188937" s="10"/>
    </row>
    <row r="188938" spans="14:14">
      <c r="N188938" s="10"/>
    </row>
    <row r="188939" spans="14:14">
      <c r="N188939" s="10"/>
    </row>
    <row r="188940" spans="14:14">
      <c r="N188940" s="10"/>
    </row>
    <row r="188941" spans="14:14">
      <c r="N188941" s="10"/>
    </row>
    <row r="188942" spans="14:14">
      <c r="N188942" s="10"/>
    </row>
    <row r="188943" spans="14:14">
      <c r="N188943" s="10"/>
    </row>
    <row r="188944" spans="14:14">
      <c r="N188944" s="10"/>
    </row>
    <row r="188945" spans="14:14">
      <c r="N188945" s="10"/>
    </row>
    <row r="188946" spans="14:14">
      <c r="N188946" s="10"/>
    </row>
    <row r="188947" spans="14:14">
      <c r="N188947" s="10"/>
    </row>
    <row r="188948" spans="14:14">
      <c r="N188948" s="10"/>
    </row>
    <row r="188949" spans="14:14">
      <c r="N188949" s="10"/>
    </row>
    <row r="188950" spans="14:14">
      <c r="N188950" s="10"/>
    </row>
    <row r="188951" spans="14:14">
      <c r="N188951" s="10"/>
    </row>
    <row r="188952" spans="14:14">
      <c r="N188952" s="10"/>
    </row>
    <row r="188953" spans="14:14">
      <c r="N188953" s="10"/>
    </row>
    <row r="188954" spans="14:14">
      <c r="N188954" s="10"/>
    </row>
    <row r="188955" spans="14:14">
      <c r="N188955" s="10"/>
    </row>
    <row r="188956" spans="14:14">
      <c r="N188956" s="10"/>
    </row>
    <row r="188957" spans="14:14">
      <c r="N188957" s="10"/>
    </row>
    <row r="188958" spans="14:14">
      <c r="N188958" s="10"/>
    </row>
    <row r="188959" spans="14:14">
      <c r="N188959" s="10"/>
    </row>
    <row r="188960" spans="14:14">
      <c r="N188960" s="10"/>
    </row>
    <row r="188961" spans="14:14">
      <c r="N188961" s="10"/>
    </row>
    <row r="188962" spans="14:14">
      <c r="N188962" s="10"/>
    </row>
    <row r="188963" spans="14:14">
      <c r="N188963" s="10"/>
    </row>
    <row r="188964" spans="14:14">
      <c r="N188964" s="10"/>
    </row>
    <row r="188965" spans="14:14">
      <c r="N188965" s="10"/>
    </row>
    <row r="188966" spans="14:14">
      <c r="N188966" s="10"/>
    </row>
    <row r="188967" spans="14:14">
      <c r="N188967" s="10"/>
    </row>
    <row r="188968" spans="14:14">
      <c r="N188968" s="10"/>
    </row>
    <row r="188969" spans="14:14">
      <c r="N188969" s="10"/>
    </row>
    <row r="188970" spans="14:14">
      <c r="N188970" s="10"/>
    </row>
    <row r="188971" spans="14:14">
      <c r="N188971" s="10"/>
    </row>
    <row r="188972" spans="14:14">
      <c r="N188972" s="10"/>
    </row>
    <row r="188973" spans="14:14">
      <c r="N188973" s="10"/>
    </row>
    <row r="188974" spans="14:14">
      <c r="N188974" s="10"/>
    </row>
    <row r="188975" spans="14:14">
      <c r="N188975" s="10"/>
    </row>
    <row r="188976" spans="14:14">
      <c r="N188976" s="10"/>
    </row>
    <row r="188977" spans="14:14">
      <c r="N188977" s="10"/>
    </row>
    <row r="188978" spans="14:14">
      <c r="N188978" s="10"/>
    </row>
    <row r="188979" spans="14:14">
      <c r="N188979" s="10"/>
    </row>
    <row r="188980" spans="14:14">
      <c r="N188980" s="10"/>
    </row>
    <row r="188981" spans="14:14">
      <c r="N188981" s="10"/>
    </row>
    <row r="188982" spans="14:14">
      <c r="N188982" s="10"/>
    </row>
    <row r="188983" spans="14:14">
      <c r="N188983" s="10"/>
    </row>
    <row r="188984" spans="14:14">
      <c r="N188984" s="10"/>
    </row>
    <row r="188985" spans="14:14">
      <c r="N188985" s="10"/>
    </row>
    <row r="188986" spans="14:14">
      <c r="N188986" s="10"/>
    </row>
    <row r="188987" spans="14:14">
      <c r="N188987" s="10"/>
    </row>
    <row r="188988" spans="14:14">
      <c r="N188988" s="10"/>
    </row>
    <row r="188989" spans="14:14">
      <c r="N188989" s="10"/>
    </row>
    <row r="188990" spans="14:14">
      <c r="N188990" s="10"/>
    </row>
    <row r="188991" spans="14:14">
      <c r="N188991" s="10"/>
    </row>
    <row r="188992" spans="14:14">
      <c r="N188992" s="10"/>
    </row>
    <row r="188993" spans="14:14">
      <c r="N188993" s="10"/>
    </row>
    <row r="188994" spans="14:14">
      <c r="N188994" s="10"/>
    </row>
    <row r="188995" spans="14:14">
      <c r="N188995" s="10"/>
    </row>
    <row r="188996" spans="14:14">
      <c r="N188996" s="10"/>
    </row>
    <row r="188997" spans="14:14">
      <c r="N188997" s="10"/>
    </row>
    <row r="188998" spans="14:14">
      <c r="N188998" s="10"/>
    </row>
    <row r="188999" spans="14:14">
      <c r="N188999" s="10"/>
    </row>
    <row r="189000" spans="14:14">
      <c r="N189000" s="10"/>
    </row>
    <row r="189001" spans="14:14">
      <c r="N189001" s="10"/>
    </row>
    <row r="189002" spans="14:14">
      <c r="N189002" s="10"/>
    </row>
    <row r="189003" spans="14:14">
      <c r="N189003" s="10"/>
    </row>
    <row r="189004" spans="14:14">
      <c r="N189004" s="10"/>
    </row>
    <row r="189005" spans="14:14">
      <c r="N189005" s="10"/>
    </row>
    <row r="189006" spans="14:14">
      <c r="N189006" s="10"/>
    </row>
    <row r="189007" spans="14:14">
      <c r="N189007" s="10"/>
    </row>
    <row r="189008" spans="14:14">
      <c r="N189008" s="10"/>
    </row>
    <row r="189009" spans="14:14">
      <c r="N189009" s="10"/>
    </row>
    <row r="189010" spans="14:14">
      <c r="N189010" s="10"/>
    </row>
    <row r="189011" spans="14:14">
      <c r="N189011" s="10"/>
    </row>
    <row r="189012" spans="14:14">
      <c r="N189012" s="10"/>
    </row>
    <row r="189013" spans="14:14">
      <c r="N189013" s="10"/>
    </row>
    <row r="189014" spans="14:14">
      <c r="N189014" s="10"/>
    </row>
    <row r="189015" spans="14:14">
      <c r="N189015" s="10"/>
    </row>
    <row r="189016" spans="14:14">
      <c r="N189016" s="10"/>
    </row>
    <row r="189017" spans="14:14">
      <c r="N189017" s="10"/>
    </row>
    <row r="189018" spans="14:14">
      <c r="N189018" s="10"/>
    </row>
    <row r="189019" spans="14:14">
      <c r="N189019" s="10"/>
    </row>
    <row r="189020" spans="14:14">
      <c r="N189020" s="10"/>
    </row>
    <row r="189021" spans="14:14">
      <c r="N189021" s="10"/>
    </row>
    <row r="189022" spans="14:14">
      <c r="N189022" s="10"/>
    </row>
    <row r="189023" spans="14:14">
      <c r="N189023" s="10"/>
    </row>
    <row r="189024" spans="14:14">
      <c r="N189024" s="10"/>
    </row>
    <row r="189025" spans="14:14">
      <c r="N189025" s="10"/>
    </row>
    <row r="189026" spans="14:14">
      <c r="N189026" s="10"/>
    </row>
    <row r="189027" spans="14:14">
      <c r="N189027" s="10"/>
    </row>
    <row r="189028" spans="14:14">
      <c r="N189028" s="10"/>
    </row>
    <row r="189029" spans="14:14">
      <c r="N189029" s="10"/>
    </row>
    <row r="189030" spans="14:14">
      <c r="N189030" s="10"/>
    </row>
    <row r="189031" spans="14:14">
      <c r="N189031" s="10"/>
    </row>
    <row r="189032" spans="14:14">
      <c r="N189032" s="10"/>
    </row>
    <row r="189033" spans="14:14">
      <c r="N189033" s="10"/>
    </row>
    <row r="189034" spans="14:14">
      <c r="N189034" s="10"/>
    </row>
    <row r="189035" spans="14:14">
      <c r="N189035" s="10"/>
    </row>
    <row r="189036" spans="14:14">
      <c r="N189036" s="10"/>
    </row>
    <row r="189037" spans="14:14">
      <c r="N189037" s="10"/>
    </row>
    <row r="189038" spans="14:14">
      <c r="N189038" s="10"/>
    </row>
    <row r="189039" spans="14:14">
      <c r="N189039" s="10"/>
    </row>
    <row r="189040" spans="14:14">
      <c r="N189040" s="10"/>
    </row>
    <row r="189041" spans="14:14">
      <c r="N189041" s="10"/>
    </row>
    <row r="189042" spans="14:14">
      <c r="N189042" s="10"/>
    </row>
    <row r="189043" spans="14:14">
      <c r="N189043" s="10"/>
    </row>
    <row r="189044" spans="14:14">
      <c r="N189044" s="10"/>
    </row>
    <row r="189045" spans="14:14">
      <c r="N189045" s="10"/>
    </row>
    <row r="189046" spans="14:14">
      <c r="N189046" s="10"/>
    </row>
    <row r="189047" spans="14:14">
      <c r="N189047" s="10"/>
    </row>
    <row r="189048" spans="14:14">
      <c r="N189048" s="10"/>
    </row>
    <row r="189049" spans="14:14">
      <c r="N189049" s="10"/>
    </row>
    <row r="189050" spans="14:14">
      <c r="N189050" s="10"/>
    </row>
    <row r="189051" spans="14:14">
      <c r="N189051" s="10"/>
    </row>
    <row r="189052" spans="14:14">
      <c r="N189052" s="10"/>
    </row>
    <row r="189053" spans="14:14">
      <c r="N189053" s="10"/>
    </row>
    <row r="189054" spans="14:14">
      <c r="N189054" s="10"/>
    </row>
    <row r="189055" spans="14:14">
      <c r="N189055" s="10"/>
    </row>
    <row r="189056" spans="14:14">
      <c r="N189056" s="10"/>
    </row>
    <row r="189057" spans="14:14">
      <c r="N189057" s="10"/>
    </row>
    <row r="189058" spans="14:14">
      <c r="N189058" s="10"/>
    </row>
    <row r="189059" spans="14:14">
      <c r="N189059" s="10"/>
    </row>
    <row r="189060" spans="14:14">
      <c r="N189060" s="10"/>
    </row>
    <row r="189061" spans="14:14">
      <c r="N189061" s="10"/>
    </row>
    <row r="189062" spans="14:14">
      <c r="N189062" s="10"/>
    </row>
    <row r="189063" spans="14:14">
      <c r="N189063" s="10"/>
    </row>
    <row r="189064" spans="14:14">
      <c r="N189064" s="10"/>
    </row>
    <row r="189065" spans="14:14">
      <c r="N189065" s="10"/>
    </row>
    <row r="189066" spans="14:14">
      <c r="N189066" s="10"/>
    </row>
    <row r="189067" spans="14:14">
      <c r="N189067" s="10"/>
    </row>
    <row r="189068" spans="14:14">
      <c r="N189068" s="10"/>
    </row>
    <row r="189069" spans="14:14">
      <c r="N189069" s="10"/>
    </row>
    <row r="189070" spans="14:14">
      <c r="N189070" s="10"/>
    </row>
    <row r="189071" spans="14:14">
      <c r="N189071" s="10"/>
    </row>
    <row r="189072" spans="14:14">
      <c r="N189072" s="10"/>
    </row>
    <row r="189073" spans="14:14">
      <c r="N189073" s="10"/>
    </row>
    <row r="189074" spans="14:14">
      <c r="N189074" s="10"/>
    </row>
    <row r="189075" spans="14:14">
      <c r="N189075" s="10"/>
    </row>
    <row r="189076" spans="14:14">
      <c r="N189076" s="10"/>
    </row>
    <row r="189077" spans="14:14">
      <c r="N189077" s="10"/>
    </row>
    <row r="189078" spans="14:14">
      <c r="N189078" s="10"/>
    </row>
    <row r="189079" spans="14:14">
      <c r="N189079" s="10"/>
    </row>
    <row r="189080" spans="14:14">
      <c r="N189080" s="10"/>
    </row>
    <row r="189081" spans="14:14">
      <c r="N189081" s="10"/>
    </row>
    <row r="189082" spans="14:14">
      <c r="N189082" s="10"/>
    </row>
    <row r="189083" spans="14:14">
      <c r="N189083" s="10"/>
    </row>
    <row r="189084" spans="14:14">
      <c r="N189084" s="10"/>
    </row>
    <row r="189085" spans="14:14">
      <c r="N189085" s="10"/>
    </row>
    <row r="189086" spans="14:14">
      <c r="N189086" s="10"/>
    </row>
    <row r="189087" spans="14:14">
      <c r="N189087" s="10"/>
    </row>
    <row r="189088" spans="14:14">
      <c r="N189088" s="10"/>
    </row>
    <row r="189089" spans="14:14">
      <c r="N189089" s="10"/>
    </row>
    <row r="189090" spans="14:14">
      <c r="N189090" s="10"/>
    </row>
    <row r="189091" spans="14:14">
      <c r="N189091" s="10"/>
    </row>
    <row r="189092" spans="14:14">
      <c r="N189092" s="10"/>
    </row>
    <row r="189093" spans="14:14">
      <c r="N189093" s="10"/>
    </row>
    <row r="189094" spans="14:14">
      <c r="N189094" s="10"/>
    </row>
    <row r="189095" spans="14:14">
      <c r="N189095" s="10"/>
    </row>
    <row r="189096" spans="14:14">
      <c r="N189096" s="10"/>
    </row>
    <row r="189097" spans="14:14">
      <c r="N189097" s="10"/>
    </row>
    <row r="189098" spans="14:14">
      <c r="N189098" s="10"/>
    </row>
    <row r="189099" spans="14:14">
      <c r="N189099" s="10"/>
    </row>
    <row r="189100" spans="14:14">
      <c r="N189100" s="10"/>
    </row>
    <row r="189101" spans="14:14">
      <c r="N189101" s="10"/>
    </row>
    <row r="189102" spans="14:14">
      <c r="N189102" s="10"/>
    </row>
    <row r="189103" spans="14:14">
      <c r="N189103" s="10"/>
    </row>
    <row r="189104" spans="14:14">
      <c r="N189104" s="10"/>
    </row>
    <row r="189105" spans="14:14">
      <c r="N189105" s="10"/>
    </row>
    <row r="189106" spans="14:14">
      <c r="N189106" s="10"/>
    </row>
    <row r="189107" spans="14:14">
      <c r="N189107" s="10"/>
    </row>
    <row r="189108" spans="14:14">
      <c r="N189108" s="10"/>
    </row>
    <row r="189109" spans="14:14">
      <c r="N189109" s="10"/>
    </row>
    <row r="189110" spans="14:14">
      <c r="N189110" s="10"/>
    </row>
    <row r="189111" spans="14:14">
      <c r="N189111" s="10"/>
    </row>
    <row r="189112" spans="14:14">
      <c r="N189112" s="10"/>
    </row>
    <row r="189113" spans="14:14">
      <c r="N189113" s="10"/>
    </row>
    <row r="189114" spans="14:14">
      <c r="N189114" s="10"/>
    </row>
    <row r="189115" spans="14:14">
      <c r="N189115" s="10"/>
    </row>
    <row r="189116" spans="14:14">
      <c r="N189116" s="10"/>
    </row>
    <row r="189117" spans="14:14">
      <c r="N189117" s="10"/>
    </row>
    <row r="189118" spans="14:14">
      <c r="N189118" s="10"/>
    </row>
    <row r="189119" spans="14:14">
      <c r="N189119" s="10"/>
    </row>
    <row r="189120" spans="14:14">
      <c r="N189120" s="10"/>
    </row>
    <row r="189121" spans="14:14">
      <c r="N189121" s="10"/>
    </row>
    <row r="189122" spans="14:14">
      <c r="N189122" s="10"/>
    </row>
    <row r="189123" spans="14:14">
      <c r="N189123" s="10"/>
    </row>
    <row r="189124" spans="14:14">
      <c r="N189124" s="10"/>
    </row>
    <row r="189125" spans="14:14">
      <c r="N189125" s="10"/>
    </row>
    <row r="189126" spans="14:14">
      <c r="N189126" s="10"/>
    </row>
    <row r="189127" spans="14:14">
      <c r="N189127" s="10"/>
    </row>
    <row r="189128" spans="14:14">
      <c r="N189128" s="10"/>
    </row>
    <row r="189129" spans="14:14">
      <c r="N189129" s="10"/>
    </row>
    <row r="189130" spans="14:14">
      <c r="N189130" s="10"/>
    </row>
    <row r="189131" spans="14:14">
      <c r="N189131" s="10"/>
    </row>
    <row r="189132" spans="14:14">
      <c r="N189132" s="10"/>
    </row>
    <row r="189133" spans="14:14">
      <c r="N189133" s="10"/>
    </row>
    <row r="189134" spans="14:14">
      <c r="N189134" s="10"/>
    </row>
    <row r="189135" spans="14:14">
      <c r="N189135" s="10"/>
    </row>
    <row r="189136" spans="14:14">
      <c r="N189136" s="10"/>
    </row>
    <row r="189137" spans="14:14">
      <c r="N189137" s="10"/>
    </row>
    <row r="189138" spans="14:14">
      <c r="N189138" s="10"/>
    </row>
    <row r="189139" spans="14:14">
      <c r="N189139" s="10"/>
    </row>
    <row r="189140" spans="14:14">
      <c r="N189140" s="10"/>
    </row>
    <row r="189141" spans="14:14">
      <c r="N189141" s="10"/>
    </row>
    <row r="189142" spans="14:14">
      <c r="N189142" s="10"/>
    </row>
    <row r="189143" spans="14:14">
      <c r="N189143" s="10"/>
    </row>
    <row r="189144" spans="14:14">
      <c r="N189144" s="10"/>
    </row>
    <row r="189145" spans="14:14">
      <c r="N189145" s="10"/>
    </row>
    <row r="189146" spans="14:14">
      <c r="N189146" s="10"/>
    </row>
    <row r="189147" spans="14:14">
      <c r="N189147" s="10"/>
    </row>
    <row r="189148" spans="14:14">
      <c r="N189148" s="10"/>
    </row>
    <row r="189149" spans="14:14">
      <c r="N189149" s="10"/>
    </row>
    <row r="189150" spans="14:14">
      <c r="N189150" s="10"/>
    </row>
    <row r="189151" spans="14:14">
      <c r="N189151" s="10"/>
    </row>
    <row r="189152" spans="14:14">
      <c r="N189152" s="10"/>
    </row>
    <row r="189153" spans="14:14">
      <c r="N189153" s="10"/>
    </row>
    <row r="189154" spans="14:14">
      <c r="N189154" s="10"/>
    </row>
    <row r="189155" spans="14:14">
      <c r="N189155" s="10"/>
    </row>
    <row r="189156" spans="14:14">
      <c r="N189156" s="10"/>
    </row>
    <row r="189157" spans="14:14">
      <c r="N189157" s="10"/>
    </row>
    <row r="189158" spans="14:14">
      <c r="N189158" s="10"/>
    </row>
    <row r="189159" spans="14:14">
      <c r="N189159" s="10"/>
    </row>
    <row r="189160" spans="14:14">
      <c r="N189160" s="10"/>
    </row>
    <row r="189161" spans="14:14">
      <c r="N189161" s="10"/>
    </row>
    <row r="189162" spans="14:14">
      <c r="N189162" s="10"/>
    </row>
    <row r="189163" spans="14:14">
      <c r="N189163" s="10"/>
    </row>
    <row r="189164" spans="14:14">
      <c r="N189164" s="10"/>
    </row>
    <row r="189165" spans="14:14">
      <c r="N189165" s="10"/>
    </row>
    <row r="189166" spans="14:14">
      <c r="N189166" s="10"/>
    </row>
    <row r="189167" spans="14:14">
      <c r="N189167" s="10"/>
    </row>
    <row r="189168" spans="14:14">
      <c r="N189168" s="10"/>
    </row>
    <row r="189169" spans="14:14">
      <c r="N189169" s="10"/>
    </row>
    <row r="189170" spans="14:14">
      <c r="N189170" s="10"/>
    </row>
    <row r="189171" spans="14:14">
      <c r="N189171" s="10"/>
    </row>
    <row r="189172" spans="14:14">
      <c r="N189172" s="10"/>
    </row>
    <row r="189173" spans="14:14">
      <c r="N189173" s="10"/>
    </row>
    <row r="189174" spans="14:14">
      <c r="N189174" s="10"/>
    </row>
    <row r="189175" spans="14:14">
      <c r="N189175" s="10"/>
    </row>
    <row r="189176" spans="14:14">
      <c r="N189176" s="10"/>
    </row>
    <row r="189177" spans="14:14">
      <c r="N189177" s="10"/>
    </row>
    <row r="189178" spans="14:14">
      <c r="N189178" s="10"/>
    </row>
    <row r="189179" spans="14:14">
      <c r="N189179" s="10"/>
    </row>
    <row r="189180" spans="14:14">
      <c r="N189180" s="10"/>
    </row>
    <row r="189181" spans="14:14">
      <c r="N189181" s="10"/>
    </row>
    <row r="189182" spans="14:14">
      <c r="N189182" s="10"/>
    </row>
    <row r="189183" spans="14:14">
      <c r="N189183" s="10"/>
    </row>
    <row r="189184" spans="14:14">
      <c r="N189184" s="10"/>
    </row>
    <row r="189185" spans="14:14">
      <c r="N189185" s="10"/>
    </row>
    <row r="189186" spans="14:14">
      <c r="N189186" s="10"/>
    </row>
    <row r="189187" spans="14:14">
      <c r="N189187" s="10"/>
    </row>
    <row r="189188" spans="14:14">
      <c r="N189188" s="10"/>
    </row>
    <row r="189189" spans="14:14">
      <c r="N189189" s="10"/>
    </row>
    <row r="189190" spans="14:14">
      <c r="N189190" s="10"/>
    </row>
    <row r="189191" spans="14:14">
      <c r="N189191" s="10"/>
    </row>
    <row r="189192" spans="14:14">
      <c r="N189192" s="10"/>
    </row>
    <row r="189193" spans="14:14">
      <c r="N189193" s="10"/>
    </row>
    <row r="189194" spans="14:14">
      <c r="N189194" s="10"/>
    </row>
    <row r="189195" spans="14:14">
      <c r="N189195" s="10"/>
    </row>
    <row r="189196" spans="14:14">
      <c r="N189196" s="10"/>
    </row>
    <row r="189197" spans="14:14">
      <c r="N189197" s="10"/>
    </row>
    <row r="189198" spans="14:14">
      <c r="N189198" s="10"/>
    </row>
    <row r="189199" spans="14:14">
      <c r="N189199" s="10"/>
    </row>
    <row r="189200" spans="14:14">
      <c r="N189200" s="10"/>
    </row>
    <row r="189201" spans="14:14">
      <c r="N189201" s="10"/>
    </row>
    <row r="189202" spans="14:14">
      <c r="N189202" s="10"/>
    </row>
    <row r="189203" spans="14:14">
      <c r="N189203" s="10"/>
    </row>
    <row r="189204" spans="14:14">
      <c r="N189204" s="10"/>
    </row>
    <row r="189205" spans="14:14">
      <c r="N189205" s="10"/>
    </row>
    <row r="189206" spans="14:14">
      <c r="N189206" s="10"/>
    </row>
    <row r="189207" spans="14:14">
      <c r="N189207" s="10"/>
    </row>
    <row r="189208" spans="14:14">
      <c r="N189208" s="10"/>
    </row>
    <row r="189209" spans="14:14">
      <c r="N189209" s="10"/>
    </row>
    <row r="189210" spans="14:14">
      <c r="N189210" s="10"/>
    </row>
    <row r="189211" spans="14:14">
      <c r="N189211" s="10"/>
    </row>
    <row r="189212" spans="14:14">
      <c r="N189212" s="10"/>
    </row>
    <row r="189213" spans="14:14">
      <c r="N189213" s="10"/>
    </row>
    <row r="189214" spans="14:14">
      <c r="N189214" s="10"/>
    </row>
    <row r="189215" spans="14:14">
      <c r="N189215" s="10"/>
    </row>
    <row r="189216" spans="14:14">
      <c r="N189216" s="10"/>
    </row>
    <row r="189217" spans="14:14">
      <c r="N189217" s="10"/>
    </row>
    <row r="189218" spans="14:14">
      <c r="N189218" s="10"/>
    </row>
    <row r="189219" spans="14:14">
      <c r="N189219" s="10"/>
    </row>
    <row r="189220" spans="14:14">
      <c r="N189220" s="10"/>
    </row>
    <row r="189221" spans="14:14">
      <c r="N189221" s="10"/>
    </row>
    <row r="189222" spans="14:14">
      <c r="N189222" s="10"/>
    </row>
    <row r="189223" spans="14:14">
      <c r="N189223" s="10"/>
    </row>
    <row r="189224" spans="14:14">
      <c r="N189224" s="10"/>
    </row>
    <row r="189225" spans="14:14">
      <c r="N189225" s="10"/>
    </row>
    <row r="189226" spans="14:14">
      <c r="N189226" s="10"/>
    </row>
    <row r="189227" spans="14:14">
      <c r="N189227" s="10"/>
    </row>
    <row r="189228" spans="14:14">
      <c r="N189228" s="10"/>
    </row>
    <row r="189229" spans="14:14">
      <c r="N189229" s="10"/>
    </row>
    <row r="189230" spans="14:14">
      <c r="N189230" s="10"/>
    </row>
    <row r="189231" spans="14:14">
      <c r="N189231" s="10"/>
    </row>
    <row r="189232" spans="14:14">
      <c r="N189232" s="10"/>
    </row>
    <row r="189233" spans="14:14">
      <c r="N189233" s="10"/>
    </row>
    <row r="189234" spans="14:14">
      <c r="N189234" s="10"/>
    </row>
    <row r="189235" spans="14:14">
      <c r="N189235" s="10"/>
    </row>
    <row r="189236" spans="14:14">
      <c r="N189236" s="10"/>
    </row>
    <row r="189237" spans="14:14">
      <c r="N189237" s="10"/>
    </row>
    <row r="189238" spans="14:14">
      <c r="N189238" s="10"/>
    </row>
    <row r="189239" spans="14:14">
      <c r="N189239" s="10"/>
    </row>
    <row r="189240" spans="14:14">
      <c r="N189240" s="10"/>
    </row>
    <row r="189241" spans="14:14">
      <c r="N189241" s="10"/>
    </row>
    <row r="189242" spans="14:14">
      <c r="N189242" s="10"/>
    </row>
    <row r="189243" spans="14:14">
      <c r="N189243" s="10"/>
    </row>
    <row r="189244" spans="14:14">
      <c r="N189244" s="10"/>
    </row>
    <row r="189245" spans="14:14">
      <c r="N189245" s="10"/>
    </row>
    <row r="189246" spans="14:14">
      <c r="N189246" s="10"/>
    </row>
    <row r="189247" spans="14:14">
      <c r="N189247" s="10"/>
    </row>
    <row r="189248" spans="14:14">
      <c r="N189248" s="10"/>
    </row>
    <row r="189249" spans="14:14">
      <c r="N189249" s="10"/>
    </row>
    <row r="189250" spans="14:14">
      <c r="N189250" s="10"/>
    </row>
    <row r="189251" spans="14:14">
      <c r="N189251" s="10"/>
    </row>
    <row r="189252" spans="14:14">
      <c r="N189252" s="10"/>
    </row>
    <row r="189253" spans="14:14">
      <c r="N189253" s="10"/>
    </row>
    <row r="189254" spans="14:14">
      <c r="N189254" s="10"/>
    </row>
    <row r="189255" spans="14:14">
      <c r="N189255" s="10"/>
    </row>
    <row r="189256" spans="14:14">
      <c r="N189256" s="10"/>
    </row>
    <row r="189257" spans="14:14">
      <c r="N189257" s="10"/>
    </row>
    <row r="189258" spans="14:14">
      <c r="N189258" s="10"/>
    </row>
    <row r="189259" spans="14:14">
      <c r="N189259" s="10"/>
    </row>
    <row r="189260" spans="14:14">
      <c r="N189260" s="10"/>
    </row>
    <row r="189261" spans="14:14">
      <c r="N189261" s="10"/>
    </row>
    <row r="189262" spans="14:14">
      <c r="N189262" s="10"/>
    </row>
    <row r="189263" spans="14:14">
      <c r="N189263" s="10"/>
    </row>
    <row r="189264" spans="14:14">
      <c r="N189264" s="10"/>
    </row>
    <row r="189265" spans="14:14">
      <c r="N189265" s="10"/>
    </row>
    <row r="189266" spans="14:14">
      <c r="N189266" s="10"/>
    </row>
    <row r="189267" spans="14:14">
      <c r="N189267" s="10"/>
    </row>
    <row r="189268" spans="14:14">
      <c r="N189268" s="10"/>
    </row>
    <row r="189269" spans="14:14">
      <c r="N189269" s="10"/>
    </row>
    <row r="189270" spans="14:14">
      <c r="N189270" s="10"/>
    </row>
    <row r="189271" spans="14:14">
      <c r="N189271" s="10"/>
    </row>
    <row r="189272" spans="14:14">
      <c r="N189272" s="10"/>
    </row>
    <row r="189273" spans="14:14">
      <c r="N189273" s="10"/>
    </row>
    <row r="189274" spans="14:14">
      <c r="N189274" s="10"/>
    </row>
    <row r="189275" spans="14:14">
      <c r="N189275" s="10"/>
    </row>
    <row r="189276" spans="14:14">
      <c r="N189276" s="10"/>
    </row>
    <row r="189277" spans="14:14">
      <c r="N189277" s="10"/>
    </row>
    <row r="189278" spans="14:14">
      <c r="N189278" s="10"/>
    </row>
    <row r="189279" spans="14:14">
      <c r="N189279" s="10"/>
    </row>
    <row r="189280" spans="14:14">
      <c r="N189280" s="10"/>
    </row>
    <row r="189281" spans="14:14">
      <c r="N189281" s="10"/>
    </row>
    <row r="189282" spans="14:14">
      <c r="N189282" s="10"/>
    </row>
    <row r="189283" spans="14:14">
      <c r="N189283" s="10"/>
    </row>
    <row r="189284" spans="14:14">
      <c r="N189284" s="10"/>
    </row>
    <row r="189285" spans="14:14">
      <c r="N189285" s="10"/>
    </row>
    <row r="189286" spans="14:14">
      <c r="N189286" s="10"/>
    </row>
    <row r="189287" spans="14:14">
      <c r="N189287" s="10"/>
    </row>
    <row r="189288" spans="14:14">
      <c r="N189288" s="10"/>
    </row>
    <row r="189289" spans="14:14">
      <c r="N189289" s="10"/>
    </row>
    <row r="189290" spans="14:14">
      <c r="N189290" s="10"/>
    </row>
    <row r="189291" spans="14:14">
      <c r="N189291" s="10"/>
    </row>
    <row r="189292" spans="14:14">
      <c r="N189292" s="10"/>
    </row>
    <row r="189293" spans="14:14">
      <c r="N189293" s="10"/>
    </row>
    <row r="189294" spans="14:14">
      <c r="N189294" s="10"/>
    </row>
    <row r="189295" spans="14:14">
      <c r="N189295" s="10"/>
    </row>
    <row r="189296" spans="14:14">
      <c r="N189296" s="10"/>
    </row>
    <row r="189297" spans="14:14">
      <c r="N189297" s="10"/>
    </row>
    <row r="189298" spans="14:14">
      <c r="N189298" s="10"/>
    </row>
    <row r="189299" spans="14:14">
      <c r="N189299" s="10"/>
    </row>
    <row r="189300" spans="14:14">
      <c r="N189300" s="10"/>
    </row>
    <row r="189301" spans="14:14">
      <c r="N189301" s="10"/>
    </row>
    <row r="189302" spans="14:14">
      <c r="N189302" s="10"/>
    </row>
    <row r="189303" spans="14:14">
      <c r="N189303" s="10"/>
    </row>
    <row r="189304" spans="14:14">
      <c r="N189304" s="10"/>
    </row>
    <row r="189305" spans="14:14">
      <c r="N189305" s="10"/>
    </row>
    <row r="189306" spans="14:14">
      <c r="N189306" s="10"/>
    </row>
    <row r="189307" spans="14:14">
      <c r="N189307" s="10"/>
    </row>
    <row r="189308" spans="14:14">
      <c r="N189308" s="10"/>
    </row>
    <row r="189309" spans="14:14">
      <c r="N189309" s="10"/>
    </row>
    <row r="189310" spans="14:14">
      <c r="N189310" s="10"/>
    </row>
    <row r="189311" spans="14:14">
      <c r="N189311" s="10"/>
    </row>
    <row r="189312" spans="14:14">
      <c r="N189312" s="10"/>
    </row>
    <row r="189313" spans="14:14">
      <c r="N189313" s="10"/>
    </row>
    <row r="189314" spans="14:14">
      <c r="N189314" s="10"/>
    </row>
    <row r="189315" spans="14:14">
      <c r="N189315" s="10"/>
    </row>
    <row r="189316" spans="14:14">
      <c r="N189316" s="10"/>
    </row>
    <row r="189317" spans="14:14">
      <c r="N189317" s="10"/>
    </row>
    <row r="189318" spans="14:14">
      <c r="N189318" s="10"/>
    </row>
    <row r="189319" spans="14:14">
      <c r="N189319" s="10"/>
    </row>
    <row r="189320" spans="14:14">
      <c r="N189320" s="10"/>
    </row>
    <row r="189321" spans="14:14">
      <c r="N189321" s="10"/>
    </row>
    <row r="189322" spans="14:14">
      <c r="N189322" s="10"/>
    </row>
    <row r="189323" spans="14:14">
      <c r="N189323" s="10"/>
    </row>
    <row r="189324" spans="14:14">
      <c r="N189324" s="10"/>
    </row>
    <row r="189325" spans="14:14">
      <c r="N189325" s="10"/>
    </row>
    <row r="189326" spans="14:14">
      <c r="N189326" s="10"/>
    </row>
    <row r="189327" spans="14:14">
      <c r="N189327" s="10"/>
    </row>
    <row r="189328" spans="14:14">
      <c r="N189328" s="10"/>
    </row>
    <row r="189329" spans="14:14">
      <c r="N189329" s="10"/>
    </row>
    <row r="189330" spans="14:14">
      <c r="N189330" s="10"/>
    </row>
    <row r="189331" spans="14:14">
      <c r="N189331" s="10"/>
    </row>
    <row r="189332" spans="14:14">
      <c r="N189332" s="10"/>
    </row>
    <row r="189333" spans="14:14">
      <c r="N189333" s="10"/>
    </row>
    <row r="189334" spans="14:14">
      <c r="N189334" s="10"/>
    </row>
    <row r="189335" spans="14:14">
      <c r="N189335" s="10"/>
    </row>
    <row r="189336" spans="14:14">
      <c r="N189336" s="10"/>
    </row>
    <row r="189337" spans="14:14">
      <c r="N189337" s="10"/>
    </row>
    <row r="189338" spans="14:14">
      <c r="N189338" s="10"/>
    </row>
    <row r="189339" spans="14:14">
      <c r="N189339" s="10"/>
    </row>
    <row r="189340" spans="14:14">
      <c r="N189340" s="10"/>
    </row>
    <row r="189341" spans="14:14">
      <c r="N189341" s="10"/>
    </row>
    <row r="189342" spans="14:14">
      <c r="N189342" s="10"/>
    </row>
    <row r="189343" spans="14:14">
      <c r="N189343" s="10"/>
    </row>
    <row r="189344" spans="14:14">
      <c r="N189344" s="10"/>
    </row>
    <row r="189345" spans="14:14">
      <c r="N189345" s="10"/>
    </row>
    <row r="189346" spans="14:14">
      <c r="N189346" s="10"/>
    </row>
    <row r="189347" spans="14:14">
      <c r="N189347" s="10"/>
    </row>
    <row r="189348" spans="14:14">
      <c r="N189348" s="10"/>
    </row>
    <row r="189349" spans="14:14">
      <c r="N189349" s="10"/>
    </row>
    <row r="189350" spans="14:14">
      <c r="N189350" s="10"/>
    </row>
    <row r="189351" spans="14:14">
      <c r="N189351" s="10"/>
    </row>
    <row r="189352" spans="14:14">
      <c r="N189352" s="10"/>
    </row>
    <row r="189353" spans="14:14">
      <c r="N189353" s="10"/>
    </row>
    <row r="189354" spans="14:14">
      <c r="N189354" s="10"/>
    </row>
    <row r="189355" spans="14:14">
      <c r="N189355" s="10"/>
    </row>
    <row r="189356" spans="14:14">
      <c r="N189356" s="10"/>
    </row>
    <row r="189357" spans="14:14">
      <c r="N189357" s="10"/>
    </row>
    <row r="189358" spans="14:14">
      <c r="N189358" s="10"/>
    </row>
    <row r="189359" spans="14:14">
      <c r="N189359" s="10"/>
    </row>
    <row r="189360" spans="14:14">
      <c r="N189360" s="10"/>
    </row>
    <row r="189361" spans="14:14">
      <c r="N189361" s="10"/>
    </row>
    <row r="189362" spans="14:14">
      <c r="N189362" s="10"/>
    </row>
    <row r="189363" spans="14:14">
      <c r="N189363" s="10"/>
    </row>
    <row r="189364" spans="14:14">
      <c r="N189364" s="10"/>
    </row>
    <row r="189365" spans="14:14">
      <c r="N189365" s="10"/>
    </row>
    <row r="189366" spans="14:14">
      <c r="N189366" s="10"/>
    </row>
    <row r="189367" spans="14:14">
      <c r="N189367" s="10"/>
    </row>
    <row r="189368" spans="14:14">
      <c r="N189368" s="10"/>
    </row>
    <row r="189369" spans="14:14">
      <c r="N189369" s="10"/>
    </row>
    <row r="189370" spans="14:14">
      <c r="N189370" s="10"/>
    </row>
    <row r="189371" spans="14:14">
      <c r="N189371" s="10"/>
    </row>
    <row r="189372" spans="14:14">
      <c r="N189372" s="10"/>
    </row>
    <row r="189373" spans="14:14">
      <c r="N189373" s="10"/>
    </row>
    <row r="189374" spans="14:14">
      <c r="N189374" s="10"/>
    </row>
    <row r="189375" spans="14:14">
      <c r="N189375" s="10"/>
    </row>
    <row r="189376" spans="14:14">
      <c r="N189376" s="10"/>
    </row>
    <row r="189377" spans="14:14">
      <c r="N189377" s="10"/>
    </row>
    <row r="189378" spans="14:14">
      <c r="N189378" s="10"/>
    </row>
    <row r="189379" spans="14:14">
      <c r="N189379" s="10"/>
    </row>
    <row r="189380" spans="14:14">
      <c r="N189380" s="10"/>
    </row>
    <row r="189381" spans="14:14">
      <c r="N189381" s="10"/>
    </row>
    <row r="189382" spans="14:14">
      <c r="N189382" s="10"/>
    </row>
    <row r="189383" spans="14:14">
      <c r="N189383" s="10"/>
    </row>
    <row r="189384" spans="14:14">
      <c r="N189384" s="10"/>
    </row>
    <row r="189385" spans="14:14">
      <c r="N189385" s="10"/>
    </row>
    <row r="189386" spans="14:14">
      <c r="N189386" s="10"/>
    </row>
    <row r="189387" spans="14:14">
      <c r="N189387" s="10"/>
    </row>
    <row r="189388" spans="14:14">
      <c r="N189388" s="10"/>
    </row>
    <row r="189389" spans="14:14">
      <c r="N189389" s="10"/>
    </row>
    <row r="189390" spans="14:14">
      <c r="N189390" s="10"/>
    </row>
    <row r="189391" spans="14:14">
      <c r="N189391" s="10"/>
    </row>
    <row r="189392" spans="14:14">
      <c r="N189392" s="10"/>
    </row>
    <row r="189393" spans="14:14">
      <c r="N189393" s="10"/>
    </row>
    <row r="189394" spans="14:14">
      <c r="N189394" s="10"/>
    </row>
    <row r="189395" spans="14:14">
      <c r="N189395" s="10"/>
    </row>
    <row r="189396" spans="14:14">
      <c r="N189396" s="10"/>
    </row>
    <row r="189397" spans="14:14">
      <c r="N189397" s="10"/>
    </row>
    <row r="189398" spans="14:14">
      <c r="N189398" s="10"/>
    </row>
    <row r="189399" spans="14:14">
      <c r="N189399" s="10"/>
    </row>
    <row r="189400" spans="14:14">
      <c r="N189400" s="10"/>
    </row>
    <row r="189401" spans="14:14">
      <c r="N189401" s="10"/>
    </row>
    <row r="189402" spans="14:14">
      <c r="N189402" s="10"/>
    </row>
    <row r="189403" spans="14:14">
      <c r="N189403" s="10"/>
    </row>
    <row r="189404" spans="14:14">
      <c r="N189404" s="10"/>
    </row>
    <row r="189405" spans="14:14">
      <c r="N189405" s="10"/>
    </row>
    <row r="189406" spans="14:14">
      <c r="N189406" s="10"/>
    </row>
    <row r="189407" spans="14:14">
      <c r="N189407" s="10"/>
    </row>
    <row r="189408" spans="14:14">
      <c r="N189408" s="10"/>
    </row>
    <row r="189409" spans="14:14">
      <c r="N189409" s="10"/>
    </row>
    <row r="189410" spans="14:14">
      <c r="N189410" s="10"/>
    </row>
    <row r="189411" spans="14:14">
      <c r="N189411" s="10"/>
    </row>
    <row r="189412" spans="14:14">
      <c r="N189412" s="10"/>
    </row>
    <row r="189413" spans="14:14">
      <c r="N189413" s="10"/>
    </row>
    <row r="189414" spans="14:14">
      <c r="N189414" s="10"/>
    </row>
    <row r="189415" spans="14:14">
      <c r="N189415" s="10"/>
    </row>
    <row r="189416" spans="14:14">
      <c r="N189416" s="10"/>
    </row>
    <row r="189417" spans="14:14">
      <c r="N189417" s="10"/>
    </row>
    <row r="189418" spans="14:14">
      <c r="N189418" s="10"/>
    </row>
    <row r="189419" spans="14:14">
      <c r="N189419" s="10"/>
    </row>
    <row r="189420" spans="14:14">
      <c r="N189420" s="10"/>
    </row>
    <row r="189421" spans="14:14">
      <c r="N189421" s="10"/>
    </row>
    <row r="189422" spans="14:14">
      <c r="N189422" s="10"/>
    </row>
    <row r="189423" spans="14:14">
      <c r="N189423" s="10"/>
    </row>
    <row r="189424" spans="14:14">
      <c r="N189424" s="10"/>
    </row>
    <row r="189425" spans="14:14">
      <c r="N189425" s="10"/>
    </row>
    <row r="189426" spans="14:14">
      <c r="N189426" s="10"/>
    </row>
    <row r="189427" spans="14:14">
      <c r="N189427" s="10"/>
    </row>
    <row r="189428" spans="14:14">
      <c r="N189428" s="10"/>
    </row>
    <row r="189429" spans="14:14">
      <c r="N189429" s="10"/>
    </row>
    <row r="189430" spans="14:14">
      <c r="N189430" s="10"/>
    </row>
    <row r="189431" spans="14:14">
      <c r="N189431" s="10"/>
    </row>
    <row r="189432" spans="14:14">
      <c r="N189432" s="10"/>
    </row>
    <row r="189433" spans="14:14">
      <c r="N189433" s="10"/>
    </row>
    <row r="189434" spans="14:14">
      <c r="N189434" s="10"/>
    </row>
    <row r="189435" spans="14:14">
      <c r="N189435" s="10"/>
    </row>
    <row r="189436" spans="14:14">
      <c r="N189436" s="10"/>
    </row>
    <row r="189437" spans="14:14">
      <c r="N189437" s="10"/>
    </row>
    <row r="189438" spans="14:14">
      <c r="N189438" s="10"/>
    </row>
    <row r="189439" spans="14:14">
      <c r="N189439" s="10"/>
    </row>
    <row r="189440" spans="14:14">
      <c r="N189440" s="10"/>
    </row>
    <row r="189441" spans="14:14">
      <c r="N189441" s="10"/>
    </row>
    <row r="189442" spans="14:14">
      <c r="N189442" s="10"/>
    </row>
    <row r="189443" spans="14:14">
      <c r="N189443" s="10"/>
    </row>
    <row r="189444" spans="14:14">
      <c r="N189444" s="10"/>
    </row>
    <row r="189445" spans="14:14">
      <c r="N189445" s="10"/>
    </row>
    <row r="189446" spans="14:14">
      <c r="N189446" s="10"/>
    </row>
    <row r="189447" spans="14:14">
      <c r="N189447" s="10"/>
    </row>
    <row r="189448" spans="14:14">
      <c r="N189448" s="10"/>
    </row>
    <row r="189449" spans="14:14">
      <c r="N189449" s="10"/>
    </row>
    <row r="189450" spans="14:14">
      <c r="N189450" s="10"/>
    </row>
    <row r="189451" spans="14:14">
      <c r="N189451" s="10"/>
    </row>
    <row r="189452" spans="14:14">
      <c r="N189452" s="10"/>
    </row>
    <row r="189453" spans="14:14">
      <c r="N189453" s="10"/>
    </row>
    <row r="189454" spans="14:14">
      <c r="N189454" s="10"/>
    </row>
    <row r="189455" spans="14:14">
      <c r="N189455" s="10"/>
    </row>
    <row r="189456" spans="14:14">
      <c r="N189456" s="10"/>
    </row>
    <row r="189457" spans="14:14">
      <c r="N189457" s="10"/>
    </row>
    <row r="189458" spans="14:14">
      <c r="N189458" s="10"/>
    </row>
    <row r="189459" spans="14:14">
      <c r="N189459" s="10"/>
    </row>
    <row r="189460" spans="14:14">
      <c r="N189460" s="10"/>
    </row>
    <row r="189461" spans="14:14">
      <c r="N189461" s="10"/>
    </row>
    <row r="189462" spans="14:14">
      <c r="N189462" s="10"/>
    </row>
    <row r="189463" spans="14:14">
      <c r="N189463" s="10"/>
    </row>
    <row r="189464" spans="14:14">
      <c r="N189464" s="10"/>
    </row>
    <row r="189465" spans="14:14">
      <c r="N189465" s="10"/>
    </row>
    <row r="189466" spans="14:14">
      <c r="N189466" s="10"/>
    </row>
    <row r="189467" spans="14:14">
      <c r="N189467" s="10"/>
    </row>
    <row r="189468" spans="14:14">
      <c r="N189468" s="10"/>
    </row>
    <row r="189469" spans="14:14">
      <c r="N189469" s="10"/>
    </row>
    <row r="189470" spans="14:14">
      <c r="N189470" s="10"/>
    </row>
    <row r="189471" spans="14:14">
      <c r="N189471" s="10"/>
    </row>
    <row r="189472" spans="14:14">
      <c r="N189472" s="10"/>
    </row>
    <row r="189473" spans="14:14">
      <c r="N189473" s="10"/>
    </row>
    <row r="189474" spans="14:14">
      <c r="N189474" s="10"/>
    </row>
    <row r="189475" spans="14:14">
      <c r="N189475" s="10"/>
    </row>
    <row r="189476" spans="14:14">
      <c r="N189476" s="10"/>
    </row>
    <row r="189477" spans="14:14">
      <c r="N189477" s="10"/>
    </row>
    <row r="189478" spans="14:14">
      <c r="N189478" s="10"/>
    </row>
    <row r="189479" spans="14:14">
      <c r="N189479" s="10"/>
    </row>
    <row r="189480" spans="14:14">
      <c r="N189480" s="10"/>
    </row>
    <row r="189481" spans="14:14">
      <c r="N189481" s="10"/>
    </row>
    <row r="189482" spans="14:14">
      <c r="N189482" s="10"/>
    </row>
    <row r="189483" spans="14:14">
      <c r="N189483" s="10"/>
    </row>
    <row r="189484" spans="14:14">
      <c r="N189484" s="10"/>
    </row>
    <row r="189485" spans="14:14">
      <c r="N189485" s="10"/>
    </row>
    <row r="189486" spans="14:14">
      <c r="N189486" s="10"/>
    </row>
    <row r="189487" spans="14:14">
      <c r="N189487" s="10"/>
    </row>
    <row r="189488" spans="14:14">
      <c r="N189488" s="10"/>
    </row>
    <row r="189489" spans="14:14">
      <c r="N189489" s="10"/>
    </row>
    <row r="189490" spans="14:14">
      <c r="N189490" s="10"/>
    </row>
    <row r="189491" spans="14:14">
      <c r="N189491" s="10"/>
    </row>
    <row r="189492" spans="14:14">
      <c r="N189492" s="10"/>
    </row>
    <row r="189493" spans="14:14">
      <c r="N189493" s="10"/>
    </row>
    <row r="189494" spans="14:14">
      <c r="N189494" s="10"/>
    </row>
    <row r="189495" spans="14:14">
      <c r="N189495" s="10"/>
    </row>
    <row r="189496" spans="14:14">
      <c r="N189496" s="10"/>
    </row>
    <row r="189497" spans="14:14">
      <c r="N189497" s="10"/>
    </row>
    <row r="189498" spans="14:14">
      <c r="N189498" s="10"/>
    </row>
    <row r="189499" spans="14:14">
      <c r="N189499" s="10"/>
    </row>
    <row r="189500" spans="14:14">
      <c r="N189500" s="10"/>
    </row>
    <row r="189501" spans="14:14">
      <c r="N189501" s="10"/>
    </row>
    <row r="189502" spans="14:14">
      <c r="N189502" s="10"/>
    </row>
    <row r="189503" spans="14:14">
      <c r="N189503" s="10"/>
    </row>
    <row r="189504" spans="14:14">
      <c r="N189504" s="10"/>
    </row>
    <row r="189505" spans="14:14">
      <c r="N189505" s="10"/>
    </row>
    <row r="189506" spans="14:14">
      <c r="N189506" s="10"/>
    </row>
    <row r="189507" spans="14:14">
      <c r="N189507" s="10"/>
    </row>
    <row r="189508" spans="14:14">
      <c r="N189508" s="10"/>
    </row>
    <row r="189509" spans="14:14">
      <c r="N189509" s="10"/>
    </row>
    <row r="189510" spans="14:14">
      <c r="N189510" s="10"/>
    </row>
    <row r="189511" spans="14:14">
      <c r="N189511" s="10"/>
    </row>
    <row r="189512" spans="14:14">
      <c r="N189512" s="10"/>
    </row>
    <row r="189513" spans="14:14">
      <c r="N189513" s="10"/>
    </row>
    <row r="189514" spans="14:14">
      <c r="N189514" s="10"/>
    </row>
    <row r="189515" spans="14:14">
      <c r="N189515" s="10"/>
    </row>
    <row r="189516" spans="14:14">
      <c r="N189516" s="10"/>
    </row>
    <row r="189517" spans="14:14">
      <c r="N189517" s="10"/>
    </row>
    <row r="189518" spans="14:14">
      <c r="N189518" s="10"/>
    </row>
    <row r="189519" spans="14:14">
      <c r="N189519" s="10"/>
    </row>
    <row r="189520" spans="14:14">
      <c r="N189520" s="10"/>
    </row>
    <row r="189521" spans="14:14">
      <c r="N189521" s="10"/>
    </row>
    <row r="189522" spans="14:14">
      <c r="N189522" s="10"/>
    </row>
    <row r="189523" spans="14:14">
      <c r="N189523" s="10"/>
    </row>
    <row r="189524" spans="14:14">
      <c r="N189524" s="10"/>
    </row>
    <row r="189525" spans="14:14">
      <c r="N189525" s="10"/>
    </row>
    <row r="189526" spans="14:14">
      <c r="N189526" s="10"/>
    </row>
    <row r="189527" spans="14:14">
      <c r="N189527" s="10"/>
    </row>
    <row r="189528" spans="14:14">
      <c r="N189528" s="10"/>
    </row>
    <row r="189529" spans="14:14">
      <c r="N189529" s="10"/>
    </row>
    <row r="189530" spans="14:14">
      <c r="N189530" s="10"/>
    </row>
    <row r="189531" spans="14:14">
      <c r="N189531" s="10"/>
    </row>
    <row r="189532" spans="14:14">
      <c r="N189532" s="10"/>
    </row>
    <row r="189533" spans="14:14">
      <c r="N189533" s="10"/>
    </row>
    <row r="189534" spans="14:14">
      <c r="N189534" s="10"/>
    </row>
    <row r="189535" spans="14:14">
      <c r="N189535" s="10"/>
    </row>
    <row r="189536" spans="14:14">
      <c r="N189536" s="10"/>
    </row>
    <row r="189537" spans="14:14">
      <c r="N189537" s="10"/>
    </row>
    <row r="189538" spans="14:14">
      <c r="N189538" s="10"/>
    </row>
    <row r="189539" spans="14:14">
      <c r="N189539" s="10"/>
    </row>
    <row r="189540" spans="14:14">
      <c r="N189540" s="10"/>
    </row>
    <row r="189541" spans="14:14">
      <c r="N189541" s="10"/>
    </row>
    <row r="189542" spans="14:14">
      <c r="N189542" s="10"/>
    </row>
    <row r="189543" spans="14:14">
      <c r="N189543" s="10"/>
    </row>
    <row r="189544" spans="14:14">
      <c r="N189544" s="10"/>
    </row>
    <row r="189545" spans="14:14">
      <c r="N189545" s="10"/>
    </row>
    <row r="189546" spans="14:14">
      <c r="N189546" s="10"/>
    </row>
    <row r="189547" spans="14:14">
      <c r="N189547" s="10"/>
    </row>
    <row r="189548" spans="14:14">
      <c r="N189548" s="10"/>
    </row>
    <row r="189549" spans="14:14">
      <c r="N189549" s="10"/>
    </row>
    <row r="189550" spans="14:14">
      <c r="N189550" s="10"/>
    </row>
    <row r="189551" spans="14:14">
      <c r="N189551" s="10"/>
    </row>
    <row r="189552" spans="14:14">
      <c r="N189552" s="10"/>
    </row>
    <row r="189553" spans="14:14">
      <c r="N189553" s="10"/>
    </row>
    <row r="189554" spans="14:14">
      <c r="N189554" s="10"/>
    </row>
    <row r="189555" spans="14:14">
      <c r="N189555" s="10"/>
    </row>
    <row r="189556" spans="14:14">
      <c r="N189556" s="10"/>
    </row>
    <row r="189557" spans="14:14">
      <c r="N189557" s="10"/>
    </row>
    <row r="189558" spans="14:14">
      <c r="N189558" s="10"/>
    </row>
    <row r="189559" spans="14:14">
      <c r="N189559" s="10"/>
    </row>
    <row r="189560" spans="14:14">
      <c r="N189560" s="10"/>
    </row>
    <row r="189561" spans="14:14">
      <c r="N189561" s="10"/>
    </row>
    <row r="189562" spans="14:14">
      <c r="N189562" s="10"/>
    </row>
    <row r="189563" spans="14:14">
      <c r="N189563" s="10"/>
    </row>
    <row r="189564" spans="14:14">
      <c r="N189564" s="10"/>
    </row>
    <row r="189565" spans="14:14">
      <c r="N189565" s="10"/>
    </row>
    <row r="189566" spans="14:14">
      <c r="N189566" s="10"/>
    </row>
    <row r="189567" spans="14:14">
      <c r="N189567" s="10"/>
    </row>
    <row r="189568" spans="14:14">
      <c r="N189568" s="10"/>
    </row>
    <row r="189569" spans="14:14">
      <c r="N189569" s="10"/>
    </row>
    <row r="189570" spans="14:14">
      <c r="N189570" s="10"/>
    </row>
    <row r="189571" spans="14:14">
      <c r="N189571" s="10"/>
    </row>
    <row r="189572" spans="14:14">
      <c r="N189572" s="10"/>
    </row>
    <row r="189573" spans="14:14">
      <c r="N189573" s="10"/>
    </row>
    <row r="189574" spans="14:14">
      <c r="N189574" s="10"/>
    </row>
    <row r="189575" spans="14:14">
      <c r="N189575" s="10"/>
    </row>
    <row r="189576" spans="14:14">
      <c r="N189576" s="10"/>
    </row>
    <row r="189577" spans="14:14">
      <c r="N189577" s="10"/>
    </row>
    <row r="189578" spans="14:14">
      <c r="N189578" s="10"/>
    </row>
    <row r="189579" spans="14:14">
      <c r="N189579" s="10"/>
    </row>
    <row r="189580" spans="14:14">
      <c r="N189580" s="10"/>
    </row>
    <row r="189581" spans="14:14">
      <c r="N189581" s="10"/>
    </row>
    <row r="189582" spans="14:14">
      <c r="N189582" s="10"/>
    </row>
    <row r="189583" spans="14:14">
      <c r="N189583" s="10"/>
    </row>
    <row r="189584" spans="14:14">
      <c r="N189584" s="10"/>
    </row>
    <row r="189585" spans="14:14">
      <c r="N189585" s="10"/>
    </row>
    <row r="189586" spans="14:14">
      <c r="N189586" s="10"/>
    </row>
    <row r="189587" spans="14:14">
      <c r="N189587" s="10"/>
    </row>
    <row r="189588" spans="14:14">
      <c r="N189588" s="10"/>
    </row>
    <row r="189589" spans="14:14">
      <c r="N189589" s="10"/>
    </row>
    <row r="189590" spans="14:14">
      <c r="N189590" s="10"/>
    </row>
    <row r="189591" spans="14:14">
      <c r="N189591" s="10"/>
    </row>
    <row r="189592" spans="14:14">
      <c r="N189592" s="10"/>
    </row>
    <row r="189593" spans="14:14">
      <c r="N189593" s="10"/>
    </row>
    <row r="189594" spans="14:14">
      <c r="N189594" s="10"/>
    </row>
    <row r="189595" spans="14:14">
      <c r="N189595" s="10"/>
    </row>
    <row r="189596" spans="14:14">
      <c r="N189596" s="10"/>
    </row>
    <row r="189597" spans="14:14">
      <c r="N189597" s="10"/>
    </row>
    <row r="189598" spans="14:14">
      <c r="N189598" s="10"/>
    </row>
    <row r="189599" spans="14:14">
      <c r="N189599" s="10"/>
    </row>
    <row r="189600" spans="14:14">
      <c r="N189600" s="10"/>
    </row>
    <row r="189601" spans="14:14">
      <c r="N189601" s="10"/>
    </row>
    <row r="189602" spans="14:14">
      <c r="N189602" s="10"/>
    </row>
    <row r="189603" spans="14:14">
      <c r="N189603" s="10"/>
    </row>
    <row r="189604" spans="14:14">
      <c r="N189604" s="10"/>
    </row>
    <row r="189605" spans="14:14">
      <c r="N189605" s="10"/>
    </row>
    <row r="189606" spans="14:14">
      <c r="N189606" s="10"/>
    </row>
    <row r="189607" spans="14:14">
      <c r="N189607" s="10"/>
    </row>
    <row r="189608" spans="14:14">
      <c r="N189608" s="10"/>
    </row>
    <row r="189609" spans="14:14">
      <c r="N189609" s="10"/>
    </row>
    <row r="189610" spans="14:14">
      <c r="N189610" s="10"/>
    </row>
    <row r="189611" spans="14:14">
      <c r="N189611" s="10"/>
    </row>
    <row r="189612" spans="14:14">
      <c r="N189612" s="10"/>
    </row>
    <row r="189613" spans="14:14">
      <c r="N189613" s="10"/>
    </row>
    <row r="189614" spans="14:14">
      <c r="N189614" s="10"/>
    </row>
    <row r="189615" spans="14:14">
      <c r="N189615" s="10"/>
    </row>
    <row r="189616" spans="14:14">
      <c r="N189616" s="10"/>
    </row>
    <row r="189617" spans="14:14">
      <c r="N189617" s="10"/>
    </row>
    <row r="189618" spans="14:14">
      <c r="N189618" s="10"/>
    </row>
    <row r="189619" spans="14:14">
      <c r="N189619" s="10"/>
    </row>
    <row r="189620" spans="14:14">
      <c r="N189620" s="10"/>
    </row>
    <row r="189621" spans="14:14">
      <c r="N189621" s="10"/>
    </row>
    <row r="189622" spans="14:14">
      <c r="N189622" s="10"/>
    </row>
    <row r="189623" spans="14:14">
      <c r="N189623" s="10"/>
    </row>
    <row r="189624" spans="14:14">
      <c r="N189624" s="10"/>
    </row>
    <row r="189625" spans="14:14">
      <c r="N189625" s="10"/>
    </row>
    <row r="189626" spans="14:14">
      <c r="N189626" s="10"/>
    </row>
    <row r="189627" spans="14:14">
      <c r="N189627" s="10"/>
    </row>
    <row r="189628" spans="14:14">
      <c r="N189628" s="10"/>
    </row>
    <row r="189629" spans="14:14">
      <c r="N189629" s="10"/>
    </row>
    <row r="189630" spans="14:14">
      <c r="N189630" s="10"/>
    </row>
    <row r="189631" spans="14:14">
      <c r="N189631" s="10"/>
    </row>
    <row r="189632" spans="14:14">
      <c r="N189632" s="10"/>
    </row>
    <row r="189633" spans="14:14">
      <c r="N189633" s="10"/>
    </row>
    <row r="189634" spans="14:14">
      <c r="N189634" s="10"/>
    </row>
    <row r="189635" spans="14:14">
      <c r="N189635" s="10"/>
    </row>
    <row r="189636" spans="14:14">
      <c r="N189636" s="10"/>
    </row>
    <row r="189637" spans="14:14">
      <c r="N189637" s="10"/>
    </row>
    <row r="189638" spans="14:14">
      <c r="N189638" s="10"/>
    </row>
    <row r="189639" spans="14:14">
      <c r="N189639" s="10"/>
    </row>
    <row r="189640" spans="14:14">
      <c r="N189640" s="10"/>
    </row>
    <row r="189641" spans="14:14">
      <c r="N189641" s="10"/>
    </row>
    <row r="189642" spans="14:14">
      <c r="N189642" s="10"/>
    </row>
    <row r="189643" spans="14:14">
      <c r="N189643" s="10"/>
    </row>
    <row r="189644" spans="14:14">
      <c r="N189644" s="10"/>
    </row>
    <row r="189645" spans="14:14">
      <c r="N189645" s="10"/>
    </row>
    <row r="189646" spans="14:14">
      <c r="N189646" s="10"/>
    </row>
    <row r="189647" spans="14:14">
      <c r="N189647" s="10"/>
    </row>
    <row r="189648" spans="14:14">
      <c r="N189648" s="10"/>
    </row>
    <row r="189649" spans="14:14">
      <c r="N189649" s="10"/>
    </row>
    <row r="189650" spans="14:14">
      <c r="N189650" s="10"/>
    </row>
    <row r="189651" spans="14:14">
      <c r="N189651" s="10"/>
    </row>
    <row r="189652" spans="14:14">
      <c r="N189652" s="10"/>
    </row>
    <row r="189653" spans="14:14">
      <c r="N189653" s="10"/>
    </row>
    <row r="189654" spans="14:14">
      <c r="N189654" s="10"/>
    </row>
    <row r="189655" spans="14:14">
      <c r="N189655" s="10"/>
    </row>
    <row r="189656" spans="14:14">
      <c r="N189656" s="10"/>
    </row>
    <row r="189657" spans="14:14">
      <c r="N189657" s="10"/>
    </row>
    <row r="189658" spans="14:14">
      <c r="N189658" s="10"/>
    </row>
    <row r="189659" spans="14:14">
      <c r="N189659" s="10"/>
    </row>
    <row r="189660" spans="14:14">
      <c r="N189660" s="10"/>
    </row>
    <row r="189661" spans="14:14">
      <c r="N189661" s="10"/>
    </row>
    <row r="189662" spans="14:14">
      <c r="N189662" s="10"/>
    </row>
    <row r="189663" spans="14:14">
      <c r="N189663" s="10"/>
    </row>
    <row r="189664" spans="14:14">
      <c r="N189664" s="10"/>
    </row>
    <row r="189665" spans="14:14">
      <c r="N189665" s="10"/>
    </row>
    <row r="189666" spans="14:14">
      <c r="N189666" s="10"/>
    </row>
    <row r="189667" spans="14:14">
      <c r="N189667" s="10"/>
    </row>
    <row r="189668" spans="14:14">
      <c r="N189668" s="10"/>
    </row>
    <row r="189669" spans="14:14">
      <c r="N189669" s="10"/>
    </row>
    <row r="189670" spans="14:14">
      <c r="N189670" s="10"/>
    </row>
    <row r="189671" spans="14:14">
      <c r="N189671" s="10"/>
    </row>
    <row r="189672" spans="14:14">
      <c r="N189672" s="10"/>
    </row>
    <row r="189673" spans="14:14">
      <c r="N189673" s="10"/>
    </row>
    <row r="189674" spans="14:14">
      <c r="N189674" s="10"/>
    </row>
    <row r="189675" spans="14:14">
      <c r="N189675" s="10"/>
    </row>
    <row r="189676" spans="14:14">
      <c r="N189676" s="10"/>
    </row>
    <row r="189677" spans="14:14">
      <c r="N189677" s="10"/>
    </row>
    <row r="189678" spans="14:14">
      <c r="N189678" s="10"/>
    </row>
    <row r="189679" spans="14:14">
      <c r="N189679" s="10"/>
    </row>
    <row r="189680" spans="14:14">
      <c r="N189680" s="10"/>
    </row>
    <row r="189681" spans="14:14">
      <c r="N189681" s="10"/>
    </row>
    <row r="189682" spans="14:14">
      <c r="N189682" s="10"/>
    </row>
    <row r="189683" spans="14:14">
      <c r="N189683" s="10"/>
    </row>
    <row r="189684" spans="14:14">
      <c r="N189684" s="10"/>
    </row>
    <row r="189685" spans="14:14">
      <c r="N189685" s="10"/>
    </row>
    <row r="189686" spans="14:14">
      <c r="N189686" s="10"/>
    </row>
    <row r="189687" spans="14:14">
      <c r="N189687" s="10"/>
    </row>
    <row r="189688" spans="14:14">
      <c r="N189688" s="10"/>
    </row>
    <row r="189689" spans="14:14">
      <c r="N189689" s="10"/>
    </row>
    <row r="189690" spans="14:14">
      <c r="N189690" s="10"/>
    </row>
    <row r="189691" spans="14:14">
      <c r="N189691" s="10"/>
    </row>
    <row r="189692" spans="14:14">
      <c r="N189692" s="10"/>
    </row>
    <row r="189693" spans="14:14">
      <c r="N189693" s="10"/>
    </row>
    <row r="189694" spans="14:14">
      <c r="N189694" s="10"/>
    </row>
    <row r="189695" spans="14:14">
      <c r="N189695" s="10"/>
    </row>
    <row r="189696" spans="14:14">
      <c r="N189696" s="10"/>
    </row>
    <row r="189697" spans="14:14">
      <c r="N189697" s="10"/>
    </row>
    <row r="189698" spans="14:14">
      <c r="N189698" s="10"/>
    </row>
    <row r="189699" spans="14:14">
      <c r="N189699" s="10"/>
    </row>
    <row r="189700" spans="14:14">
      <c r="N189700" s="10"/>
    </row>
    <row r="189701" spans="14:14">
      <c r="N189701" s="10"/>
    </row>
    <row r="189702" spans="14:14">
      <c r="N189702" s="10"/>
    </row>
    <row r="189703" spans="14:14">
      <c r="N189703" s="10"/>
    </row>
    <row r="189704" spans="14:14">
      <c r="N189704" s="10"/>
    </row>
    <row r="189705" spans="14:14">
      <c r="N189705" s="10"/>
    </row>
    <row r="189706" spans="14:14">
      <c r="N189706" s="10"/>
    </row>
    <row r="189707" spans="14:14">
      <c r="N189707" s="10"/>
    </row>
    <row r="189708" spans="14:14">
      <c r="N189708" s="10"/>
    </row>
    <row r="189709" spans="14:14">
      <c r="N189709" s="10"/>
    </row>
    <row r="189710" spans="14:14">
      <c r="N189710" s="10"/>
    </row>
    <row r="189711" spans="14:14">
      <c r="N189711" s="10"/>
    </row>
    <row r="189712" spans="14:14">
      <c r="N189712" s="10"/>
    </row>
    <row r="189713" spans="14:14">
      <c r="N189713" s="10"/>
    </row>
    <row r="189714" spans="14:14">
      <c r="N189714" s="10"/>
    </row>
    <row r="189715" spans="14:14">
      <c r="N189715" s="10"/>
    </row>
    <row r="189716" spans="14:14">
      <c r="N189716" s="10"/>
    </row>
    <row r="189717" spans="14:14">
      <c r="N189717" s="10"/>
    </row>
    <row r="189718" spans="14:14">
      <c r="N189718" s="10"/>
    </row>
    <row r="189719" spans="14:14">
      <c r="N189719" s="10"/>
    </row>
    <row r="189720" spans="14:14">
      <c r="N189720" s="10"/>
    </row>
    <row r="189721" spans="14:14">
      <c r="N189721" s="10"/>
    </row>
    <row r="189722" spans="14:14">
      <c r="N189722" s="10"/>
    </row>
    <row r="189723" spans="14:14">
      <c r="N189723" s="10"/>
    </row>
    <row r="189724" spans="14:14">
      <c r="N189724" s="10"/>
    </row>
    <row r="189725" spans="14:14">
      <c r="N189725" s="10"/>
    </row>
    <row r="189726" spans="14:14">
      <c r="N189726" s="10"/>
    </row>
    <row r="189727" spans="14:14">
      <c r="N189727" s="10"/>
    </row>
    <row r="189728" spans="14:14">
      <c r="N189728" s="10"/>
    </row>
    <row r="189729" spans="14:14">
      <c r="N189729" s="10"/>
    </row>
    <row r="189730" spans="14:14">
      <c r="N189730" s="10"/>
    </row>
    <row r="189731" spans="14:14">
      <c r="N189731" s="10"/>
    </row>
    <row r="189732" spans="14:14">
      <c r="N189732" s="10"/>
    </row>
    <row r="189733" spans="14:14">
      <c r="N189733" s="10"/>
    </row>
    <row r="189734" spans="14:14">
      <c r="N189734" s="10"/>
    </row>
    <row r="189735" spans="14:14">
      <c r="N189735" s="10"/>
    </row>
    <row r="189736" spans="14:14">
      <c r="N189736" s="10"/>
    </row>
    <row r="189737" spans="14:14">
      <c r="N189737" s="10"/>
    </row>
    <row r="189738" spans="14:14">
      <c r="N189738" s="10"/>
    </row>
    <row r="189739" spans="14:14">
      <c r="N189739" s="10"/>
    </row>
    <row r="189740" spans="14:14">
      <c r="N189740" s="10"/>
    </row>
    <row r="189741" spans="14:14">
      <c r="N189741" s="10"/>
    </row>
    <row r="189742" spans="14:14">
      <c r="N189742" s="10"/>
    </row>
    <row r="189743" spans="14:14">
      <c r="N189743" s="10"/>
    </row>
    <row r="189744" spans="14:14">
      <c r="N189744" s="10"/>
    </row>
    <row r="189745" spans="14:14">
      <c r="N189745" s="10"/>
    </row>
    <row r="189746" spans="14:14">
      <c r="N189746" s="10"/>
    </row>
    <row r="189747" spans="14:14">
      <c r="N189747" s="10"/>
    </row>
    <row r="189748" spans="14:14">
      <c r="N189748" s="10"/>
    </row>
    <row r="189749" spans="14:14">
      <c r="N189749" s="10"/>
    </row>
    <row r="189750" spans="14:14">
      <c r="N189750" s="10"/>
    </row>
    <row r="189751" spans="14:14">
      <c r="N189751" s="10"/>
    </row>
    <row r="189752" spans="14:14">
      <c r="N189752" s="10"/>
    </row>
    <row r="189753" spans="14:14">
      <c r="N189753" s="10"/>
    </row>
    <row r="189754" spans="14:14">
      <c r="N189754" s="10"/>
    </row>
    <row r="189755" spans="14:14">
      <c r="N189755" s="10"/>
    </row>
    <row r="189756" spans="14:14">
      <c r="N189756" s="10"/>
    </row>
    <row r="189757" spans="14:14">
      <c r="N189757" s="10"/>
    </row>
    <row r="189758" spans="14:14">
      <c r="N189758" s="10"/>
    </row>
    <row r="189759" spans="14:14">
      <c r="N189759" s="10"/>
    </row>
    <row r="189760" spans="14:14">
      <c r="N189760" s="10"/>
    </row>
    <row r="189761" spans="14:14">
      <c r="N189761" s="10"/>
    </row>
    <row r="189762" spans="14:14">
      <c r="N189762" s="10"/>
    </row>
    <row r="189763" spans="14:14">
      <c r="N189763" s="10"/>
    </row>
    <row r="189764" spans="14:14">
      <c r="N189764" s="10"/>
    </row>
    <row r="189765" spans="14:14">
      <c r="N189765" s="10"/>
    </row>
    <row r="189766" spans="14:14">
      <c r="N189766" s="10"/>
    </row>
    <row r="189767" spans="14:14">
      <c r="N189767" s="10"/>
    </row>
    <row r="189768" spans="14:14">
      <c r="N189768" s="10"/>
    </row>
    <row r="189769" spans="14:14">
      <c r="N189769" s="10"/>
    </row>
    <row r="189770" spans="14:14">
      <c r="N189770" s="10"/>
    </row>
    <row r="189771" spans="14:14">
      <c r="N189771" s="10"/>
    </row>
    <row r="189772" spans="14:14">
      <c r="N189772" s="10"/>
    </row>
    <row r="189773" spans="14:14">
      <c r="N189773" s="10"/>
    </row>
    <row r="189774" spans="14:14">
      <c r="N189774" s="10"/>
    </row>
    <row r="189775" spans="14:14">
      <c r="N189775" s="10"/>
    </row>
    <row r="189776" spans="14:14">
      <c r="N189776" s="10"/>
    </row>
    <row r="189777" spans="14:14">
      <c r="N189777" s="10"/>
    </row>
    <row r="189778" spans="14:14">
      <c r="N189778" s="10"/>
    </row>
    <row r="189779" spans="14:14">
      <c r="N189779" s="10"/>
    </row>
    <row r="189780" spans="14:14">
      <c r="N189780" s="10"/>
    </row>
    <row r="189781" spans="14:14">
      <c r="N189781" s="10"/>
    </row>
    <row r="189782" spans="14:14">
      <c r="N189782" s="10"/>
    </row>
    <row r="189783" spans="14:14">
      <c r="N189783" s="10"/>
    </row>
    <row r="189784" spans="14:14">
      <c r="N189784" s="10"/>
    </row>
    <row r="189785" spans="14:14">
      <c r="N189785" s="10"/>
    </row>
    <row r="189786" spans="14:14">
      <c r="N189786" s="10"/>
    </row>
    <row r="189787" spans="14:14">
      <c r="N189787" s="10"/>
    </row>
    <row r="189788" spans="14:14">
      <c r="N189788" s="10"/>
    </row>
    <row r="189789" spans="14:14">
      <c r="N189789" s="10"/>
    </row>
    <row r="189790" spans="14:14">
      <c r="N189790" s="10"/>
    </row>
    <row r="189791" spans="14:14">
      <c r="N189791" s="10"/>
    </row>
    <row r="189792" spans="14:14">
      <c r="N189792" s="10"/>
    </row>
    <row r="189793" spans="14:14">
      <c r="N189793" s="10"/>
    </row>
    <row r="189794" spans="14:14">
      <c r="N189794" s="10"/>
    </row>
    <row r="189795" spans="14:14">
      <c r="N189795" s="10"/>
    </row>
    <row r="189796" spans="14:14">
      <c r="N189796" s="10"/>
    </row>
    <row r="189797" spans="14:14">
      <c r="N189797" s="10"/>
    </row>
    <row r="189798" spans="14:14">
      <c r="N189798" s="10"/>
    </row>
    <row r="189799" spans="14:14">
      <c r="N189799" s="10"/>
    </row>
    <row r="189800" spans="14:14">
      <c r="N189800" s="10"/>
    </row>
    <row r="189801" spans="14:14">
      <c r="N189801" s="10"/>
    </row>
    <row r="189802" spans="14:14">
      <c r="N189802" s="10"/>
    </row>
    <row r="189803" spans="14:14">
      <c r="N189803" s="10"/>
    </row>
    <row r="189804" spans="14:14">
      <c r="N189804" s="10"/>
    </row>
    <row r="189805" spans="14:14">
      <c r="N189805" s="10"/>
    </row>
    <row r="189806" spans="14:14">
      <c r="N189806" s="10"/>
    </row>
    <row r="189807" spans="14:14">
      <c r="N189807" s="10"/>
    </row>
    <row r="189808" spans="14:14">
      <c r="N189808" s="10"/>
    </row>
    <row r="189809" spans="14:14">
      <c r="N189809" s="10"/>
    </row>
    <row r="189810" spans="14:14">
      <c r="N189810" s="10"/>
    </row>
    <row r="189811" spans="14:14">
      <c r="N189811" s="10"/>
    </row>
    <row r="189812" spans="14:14">
      <c r="N189812" s="10"/>
    </row>
    <row r="189813" spans="14:14">
      <c r="N189813" s="10"/>
    </row>
    <row r="189814" spans="14:14">
      <c r="N189814" s="10"/>
    </row>
    <row r="189815" spans="14:14">
      <c r="N189815" s="10"/>
    </row>
    <row r="189816" spans="14:14">
      <c r="N189816" s="10"/>
    </row>
    <row r="189817" spans="14:14">
      <c r="N189817" s="10"/>
    </row>
    <row r="189818" spans="14:14">
      <c r="N189818" s="10"/>
    </row>
    <row r="189819" spans="14:14">
      <c r="N189819" s="10"/>
    </row>
    <row r="189820" spans="14:14">
      <c r="N189820" s="10"/>
    </row>
    <row r="189821" spans="14:14">
      <c r="N189821" s="10"/>
    </row>
    <row r="189822" spans="14:14">
      <c r="N189822" s="10"/>
    </row>
    <row r="189823" spans="14:14">
      <c r="N189823" s="10"/>
    </row>
    <row r="189824" spans="14:14">
      <c r="N189824" s="10"/>
    </row>
    <row r="189825" spans="14:14">
      <c r="N189825" s="10"/>
    </row>
    <row r="189826" spans="14:14">
      <c r="N189826" s="10"/>
    </row>
    <row r="189827" spans="14:14">
      <c r="N189827" s="10"/>
    </row>
    <row r="189828" spans="14:14">
      <c r="N189828" s="10"/>
    </row>
    <row r="189829" spans="14:14">
      <c r="N189829" s="10"/>
    </row>
    <row r="189830" spans="14:14">
      <c r="N189830" s="10"/>
    </row>
    <row r="189831" spans="14:14">
      <c r="N189831" s="10"/>
    </row>
    <row r="189832" spans="14:14">
      <c r="N189832" s="10"/>
    </row>
    <row r="189833" spans="14:14">
      <c r="N189833" s="10"/>
    </row>
    <row r="189834" spans="14:14">
      <c r="N189834" s="10"/>
    </row>
    <row r="189835" spans="14:14">
      <c r="N189835" s="10"/>
    </row>
    <row r="189836" spans="14:14">
      <c r="N189836" s="10"/>
    </row>
    <row r="189837" spans="14:14">
      <c r="N189837" s="10"/>
    </row>
    <row r="189838" spans="14:14">
      <c r="N189838" s="10"/>
    </row>
    <row r="189839" spans="14:14">
      <c r="N189839" s="10"/>
    </row>
    <row r="189840" spans="14:14">
      <c r="N189840" s="10"/>
    </row>
    <row r="189841" spans="14:14">
      <c r="N189841" s="10"/>
    </row>
    <row r="189842" spans="14:14">
      <c r="N189842" s="10"/>
    </row>
    <row r="189843" spans="14:14">
      <c r="N189843" s="10"/>
    </row>
    <row r="189844" spans="14:14">
      <c r="N189844" s="10"/>
    </row>
    <row r="189845" spans="14:14">
      <c r="N189845" s="10"/>
    </row>
    <row r="189846" spans="14:14">
      <c r="N189846" s="10"/>
    </row>
    <row r="189847" spans="14:14">
      <c r="N189847" s="10"/>
    </row>
    <row r="189848" spans="14:14">
      <c r="N189848" s="10"/>
    </row>
    <row r="189849" spans="14:14">
      <c r="N189849" s="10"/>
    </row>
    <row r="189850" spans="14:14">
      <c r="N189850" s="10"/>
    </row>
    <row r="189851" spans="14:14">
      <c r="N189851" s="10"/>
    </row>
    <row r="189852" spans="14:14">
      <c r="N189852" s="10"/>
    </row>
    <row r="189853" spans="14:14">
      <c r="N189853" s="10"/>
    </row>
    <row r="189854" spans="14:14">
      <c r="N189854" s="10"/>
    </row>
    <row r="189855" spans="14:14">
      <c r="N189855" s="10"/>
    </row>
    <row r="189856" spans="14:14">
      <c r="N189856" s="10"/>
    </row>
    <row r="189857" spans="14:14">
      <c r="N189857" s="10"/>
    </row>
    <row r="189858" spans="14:14">
      <c r="N189858" s="10"/>
    </row>
    <row r="189859" spans="14:14">
      <c r="N189859" s="10"/>
    </row>
    <row r="189860" spans="14:14">
      <c r="N189860" s="10"/>
    </row>
    <row r="189861" spans="14:14">
      <c r="N189861" s="10"/>
    </row>
    <row r="189862" spans="14:14">
      <c r="N189862" s="10"/>
    </row>
    <row r="189863" spans="14:14">
      <c r="N189863" s="10"/>
    </row>
    <row r="189864" spans="14:14">
      <c r="N189864" s="10"/>
    </row>
    <row r="189865" spans="14:14">
      <c r="N189865" s="10"/>
    </row>
    <row r="189866" spans="14:14">
      <c r="N189866" s="10"/>
    </row>
    <row r="189867" spans="14:14">
      <c r="N189867" s="10"/>
    </row>
    <row r="189868" spans="14:14">
      <c r="N189868" s="10"/>
    </row>
    <row r="189869" spans="14:14">
      <c r="N189869" s="10"/>
    </row>
    <row r="189870" spans="14:14">
      <c r="N189870" s="10"/>
    </row>
    <row r="189871" spans="14:14">
      <c r="N189871" s="10"/>
    </row>
    <row r="189872" spans="14:14">
      <c r="N189872" s="10"/>
    </row>
    <row r="189873" spans="14:14">
      <c r="N189873" s="10"/>
    </row>
    <row r="189874" spans="14:14">
      <c r="N189874" s="10"/>
    </row>
    <row r="189875" spans="14:14">
      <c r="N189875" s="10"/>
    </row>
    <row r="189876" spans="14:14">
      <c r="N189876" s="10"/>
    </row>
    <row r="189877" spans="14:14">
      <c r="N189877" s="10"/>
    </row>
    <row r="189878" spans="14:14">
      <c r="N189878" s="10"/>
    </row>
    <row r="189879" spans="14:14">
      <c r="N189879" s="10"/>
    </row>
    <row r="189880" spans="14:14">
      <c r="N189880" s="10"/>
    </row>
    <row r="189881" spans="14:14">
      <c r="N189881" s="10"/>
    </row>
    <row r="189882" spans="14:14">
      <c r="N189882" s="10"/>
    </row>
    <row r="189883" spans="14:14">
      <c r="N189883" s="10"/>
    </row>
    <row r="189884" spans="14:14">
      <c r="N189884" s="10"/>
    </row>
    <row r="189885" spans="14:14">
      <c r="N189885" s="10"/>
    </row>
    <row r="189886" spans="14:14">
      <c r="N189886" s="10"/>
    </row>
    <row r="189887" spans="14:14">
      <c r="N189887" s="10"/>
    </row>
    <row r="189888" spans="14:14">
      <c r="N189888" s="10"/>
    </row>
    <row r="189889" spans="14:14">
      <c r="N189889" s="10"/>
    </row>
    <row r="189890" spans="14:14">
      <c r="N189890" s="10"/>
    </row>
    <row r="189891" spans="14:14">
      <c r="N189891" s="10"/>
    </row>
    <row r="189892" spans="14:14">
      <c r="N189892" s="10"/>
    </row>
    <row r="189893" spans="14:14">
      <c r="N189893" s="10"/>
    </row>
    <row r="189894" spans="14:14">
      <c r="N189894" s="10"/>
    </row>
    <row r="189895" spans="14:14">
      <c r="N189895" s="10"/>
    </row>
    <row r="189896" spans="14:14">
      <c r="N189896" s="10"/>
    </row>
    <row r="189897" spans="14:14">
      <c r="N189897" s="10"/>
    </row>
    <row r="189898" spans="14:14">
      <c r="N189898" s="10"/>
    </row>
    <row r="189899" spans="14:14">
      <c r="N189899" s="10"/>
    </row>
    <row r="189900" spans="14:14">
      <c r="N189900" s="10"/>
    </row>
    <row r="189901" spans="14:14">
      <c r="N189901" s="10"/>
    </row>
    <row r="189902" spans="14:14">
      <c r="N189902" s="10"/>
    </row>
    <row r="189903" spans="14:14">
      <c r="N189903" s="10"/>
    </row>
    <row r="189904" spans="14:14">
      <c r="N189904" s="10"/>
    </row>
    <row r="189905" spans="14:14">
      <c r="N189905" s="10"/>
    </row>
    <row r="189906" spans="14:14">
      <c r="N189906" s="10"/>
    </row>
    <row r="189907" spans="14:14">
      <c r="N189907" s="10"/>
    </row>
    <row r="189908" spans="14:14">
      <c r="N189908" s="10"/>
    </row>
    <row r="189909" spans="14:14">
      <c r="N189909" s="10"/>
    </row>
    <row r="189910" spans="14:14">
      <c r="N189910" s="10"/>
    </row>
    <row r="189911" spans="14:14">
      <c r="N189911" s="10"/>
    </row>
    <row r="189912" spans="14:14">
      <c r="N189912" s="10"/>
    </row>
    <row r="189913" spans="14:14">
      <c r="N189913" s="10"/>
    </row>
    <row r="189914" spans="14:14">
      <c r="N189914" s="10"/>
    </row>
    <row r="189915" spans="14:14">
      <c r="N189915" s="10"/>
    </row>
    <row r="189916" spans="14:14">
      <c r="N189916" s="10"/>
    </row>
    <row r="189917" spans="14:14">
      <c r="N189917" s="10"/>
    </row>
    <row r="189918" spans="14:14">
      <c r="N189918" s="10"/>
    </row>
    <row r="189919" spans="14:14">
      <c r="N189919" s="10"/>
    </row>
    <row r="189920" spans="14:14">
      <c r="N189920" s="10"/>
    </row>
    <row r="189921" spans="14:14">
      <c r="N189921" s="10"/>
    </row>
    <row r="189922" spans="14:14">
      <c r="N189922" s="10"/>
    </row>
    <row r="189923" spans="14:14">
      <c r="N189923" s="10"/>
    </row>
    <row r="189924" spans="14:14">
      <c r="N189924" s="10"/>
    </row>
    <row r="189925" spans="14:14">
      <c r="N189925" s="10"/>
    </row>
    <row r="189926" spans="14:14">
      <c r="N189926" s="10"/>
    </row>
    <row r="189927" spans="14:14">
      <c r="N189927" s="10"/>
    </row>
    <row r="189928" spans="14:14">
      <c r="N189928" s="10"/>
    </row>
    <row r="189929" spans="14:14">
      <c r="N189929" s="10"/>
    </row>
    <row r="189930" spans="14:14">
      <c r="N189930" s="10"/>
    </row>
    <row r="189931" spans="14:14">
      <c r="N189931" s="10"/>
    </row>
    <row r="189932" spans="14:14">
      <c r="N189932" s="10"/>
    </row>
    <row r="189933" spans="14:14">
      <c r="N189933" s="10"/>
    </row>
    <row r="189934" spans="14:14">
      <c r="N189934" s="10"/>
    </row>
    <row r="189935" spans="14:14">
      <c r="N189935" s="10"/>
    </row>
    <row r="189936" spans="14:14">
      <c r="N189936" s="10"/>
    </row>
    <row r="189937" spans="14:14">
      <c r="N189937" s="10"/>
    </row>
    <row r="189938" spans="14:14">
      <c r="N189938" s="10"/>
    </row>
    <row r="189939" spans="14:14">
      <c r="N189939" s="10"/>
    </row>
    <row r="189940" spans="14:14">
      <c r="N189940" s="10"/>
    </row>
    <row r="189941" spans="14:14">
      <c r="N189941" s="10"/>
    </row>
    <row r="189942" spans="14:14">
      <c r="N189942" s="10"/>
    </row>
    <row r="189943" spans="14:14">
      <c r="N189943" s="10"/>
    </row>
    <row r="189944" spans="14:14">
      <c r="N189944" s="10"/>
    </row>
    <row r="189945" spans="14:14">
      <c r="N189945" s="10"/>
    </row>
    <row r="189946" spans="14:14">
      <c r="N189946" s="10"/>
    </row>
    <row r="189947" spans="14:14">
      <c r="N189947" s="10"/>
    </row>
    <row r="189948" spans="14:14">
      <c r="N189948" s="10"/>
    </row>
    <row r="189949" spans="14:14">
      <c r="N189949" s="10"/>
    </row>
    <row r="189950" spans="14:14">
      <c r="N189950" s="10"/>
    </row>
    <row r="189951" spans="14:14">
      <c r="N189951" s="10"/>
    </row>
    <row r="189952" spans="14:14">
      <c r="N189952" s="10"/>
    </row>
    <row r="189953" spans="14:14">
      <c r="N189953" s="10"/>
    </row>
    <row r="189954" spans="14:14">
      <c r="N189954" s="10"/>
    </row>
    <row r="189955" spans="14:14">
      <c r="N189955" s="10"/>
    </row>
    <row r="189956" spans="14:14">
      <c r="N189956" s="10"/>
    </row>
    <row r="189957" spans="14:14">
      <c r="N189957" s="10"/>
    </row>
    <row r="189958" spans="14:14">
      <c r="N189958" s="10"/>
    </row>
    <row r="189959" spans="14:14">
      <c r="N189959" s="10"/>
    </row>
    <row r="189960" spans="14:14">
      <c r="N189960" s="10"/>
    </row>
    <row r="189961" spans="14:14">
      <c r="N189961" s="10"/>
    </row>
    <row r="189962" spans="14:14">
      <c r="N189962" s="10"/>
    </row>
    <row r="189963" spans="14:14">
      <c r="N189963" s="10"/>
    </row>
    <row r="189964" spans="14:14">
      <c r="N189964" s="10"/>
    </row>
    <row r="189965" spans="14:14">
      <c r="N189965" s="10"/>
    </row>
    <row r="189966" spans="14:14">
      <c r="N189966" s="10"/>
    </row>
    <row r="189967" spans="14:14">
      <c r="N189967" s="10"/>
    </row>
    <row r="189968" spans="14:14">
      <c r="N189968" s="10"/>
    </row>
    <row r="189969" spans="14:14">
      <c r="N189969" s="10"/>
    </row>
    <row r="189970" spans="14:14">
      <c r="N189970" s="10"/>
    </row>
    <row r="189971" spans="14:14">
      <c r="N189971" s="10"/>
    </row>
    <row r="189972" spans="14:14">
      <c r="N189972" s="10"/>
    </row>
    <row r="189973" spans="14:14">
      <c r="N189973" s="10"/>
    </row>
    <row r="189974" spans="14:14">
      <c r="N189974" s="10"/>
    </row>
    <row r="189975" spans="14:14">
      <c r="N189975" s="10"/>
    </row>
    <row r="189976" spans="14:14">
      <c r="N189976" s="10"/>
    </row>
    <row r="189977" spans="14:14">
      <c r="N189977" s="10"/>
    </row>
    <row r="189978" spans="14:14">
      <c r="N189978" s="10"/>
    </row>
    <row r="189979" spans="14:14">
      <c r="N189979" s="10"/>
    </row>
    <row r="189980" spans="14:14">
      <c r="N189980" s="10"/>
    </row>
    <row r="189981" spans="14:14">
      <c r="N189981" s="10"/>
    </row>
    <row r="189982" spans="14:14">
      <c r="N189982" s="10"/>
    </row>
    <row r="189983" spans="14:14">
      <c r="N189983" s="10"/>
    </row>
    <row r="189984" spans="14:14">
      <c r="N189984" s="10"/>
    </row>
    <row r="189985" spans="14:14">
      <c r="N189985" s="10"/>
    </row>
    <row r="189986" spans="14:14">
      <c r="N189986" s="10"/>
    </row>
    <row r="189987" spans="14:14">
      <c r="N189987" s="10"/>
    </row>
    <row r="189988" spans="14:14">
      <c r="N189988" s="10"/>
    </row>
    <row r="189989" spans="14:14">
      <c r="N189989" s="10"/>
    </row>
    <row r="189990" spans="14:14">
      <c r="N189990" s="10"/>
    </row>
    <row r="189991" spans="14:14">
      <c r="N189991" s="10"/>
    </row>
    <row r="189992" spans="14:14">
      <c r="N189992" s="10"/>
    </row>
    <row r="189993" spans="14:14">
      <c r="N189993" s="10"/>
    </row>
    <row r="189994" spans="14:14">
      <c r="N189994" s="10"/>
    </row>
    <row r="189995" spans="14:14">
      <c r="N189995" s="10"/>
    </row>
    <row r="189996" spans="14:14">
      <c r="N189996" s="10"/>
    </row>
    <row r="189997" spans="14:14">
      <c r="N189997" s="10"/>
    </row>
    <row r="189998" spans="14:14">
      <c r="N189998" s="10"/>
    </row>
    <row r="189999" spans="14:14">
      <c r="N189999" s="10"/>
    </row>
    <row r="190000" spans="14:14">
      <c r="N190000" s="10"/>
    </row>
    <row r="190001" spans="14:14">
      <c r="N190001" s="10"/>
    </row>
    <row r="190002" spans="14:14">
      <c r="N190002" s="10"/>
    </row>
    <row r="190003" spans="14:14">
      <c r="N190003" s="10"/>
    </row>
    <row r="190004" spans="14:14">
      <c r="N190004" s="10"/>
    </row>
    <row r="190005" spans="14:14">
      <c r="N190005" s="10"/>
    </row>
    <row r="190006" spans="14:14">
      <c r="N190006" s="10"/>
    </row>
    <row r="190007" spans="14:14">
      <c r="N190007" s="10"/>
    </row>
    <row r="190008" spans="14:14">
      <c r="N190008" s="10"/>
    </row>
    <row r="190009" spans="14:14">
      <c r="N190009" s="10"/>
    </row>
    <row r="190010" spans="14:14">
      <c r="N190010" s="10"/>
    </row>
    <row r="190011" spans="14:14">
      <c r="N190011" s="10"/>
    </row>
    <row r="190012" spans="14:14">
      <c r="N190012" s="10"/>
    </row>
    <row r="190013" spans="14:14">
      <c r="N190013" s="10"/>
    </row>
    <row r="190014" spans="14:14">
      <c r="N190014" s="10"/>
    </row>
    <row r="190015" spans="14:14">
      <c r="N190015" s="10"/>
    </row>
    <row r="190016" spans="14:14">
      <c r="N190016" s="10"/>
    </row>
    <row r="190017" spans="14:14">
      <c r="N190017" s="10"/>
    </row>
    <row r="190018" spans="14:14">
      <c r="N190018" s="10"/>
    </row>
    <row r="190019" spans="14:14">
      <c r="N190019" s="10"/>
    </row>
    <row r="190020" spans="14:14">
      <c r="N190020" s="10"/>
    </row>
    <row r="190021" spans="14:14">
      <c r="N190021" s="10"/>
    </row>
    <row r="190022" spans="14:14">
      <c r="N190022" s="10"/>
    </row>
    <row r="190023" spans="14:14">
      <c r="N190023" s="10"/>
    </row>
    <row r="190024" spans="14:14">
      <c r="N190024" s="10"/>
    </row>
    <row r="190025" spans="14:14">
      <c r="N190025" s="10"/>
    </row>
    <row r="190026" spans="14:14">
      <c r="N190026" s="10"/>
    </row>
    <row r="190027" spans="14:14">
      <c r="N190027" s="10"/>
    </row>
    <row r="190028" spans="14:14">
      <c r="N190028" s="10"/>
    </row>
    <row r="190029" spans="14:14">
      <c r="N190029" s="10"/>
    </row>
    <row r="190030" spans="14:14">
      <c r="N190030" s="10"/>
    </row>
    <row r="190031" spans="14:14">
      <c r="N190031" s="10"/>
    </row>
    <row r="190032" spans="14:14">
      <c r="N190032" s="10"/>
    </row>
    <row r="190033" spans="14:14">
      <c r="N190033" s="10"/>
    </row>
    <row r="190034" spans="14:14">
      <c r="N190034" s="10"/>
    </row>
    <row r="190035" spans="14:14">
      <c r="N190035" s="10"/>
    </row>
    <row r="190036" spans="14:14">
      <c r="N190036" s="10"/>
    </row>
    <row r="190037" spans="14:14">
      <c r="N190037" s="10"/>
    </row>
    <row r="190038" spans="14:14">
      <c r="N190038" s="10"/>
    </row>
    <row r="190039" spans="14:14">
      <c r="N190039" s="10"/>
    </row>
    <row r="190040" spans="14:14">
      <c r="N190040" s="10"/>
    </row>
    <row r="190041" spans="14:14">
      <c r="N190041" s="10"/>
    </row>
    <row r="190042" spans="14:14">
      <c r="N190042" s="10"/>
    </row>
    <row r="190043" spans="14:14">
      <c r="N190043" s="10"/>
    </row>
    <row r="190044" spans="14:14">
      <c r="N190044" s="10"/>
    </row>
    <row r="190045" spans="14:14">
      <c r="N190045" s="10"/>
    </row>
    <row r="190046" spans="14:14">
      <c r="N190046" s="10"/>
    </row>
    <row r="190047" spans="14:14">
      <c r="N190047" s="10"/>
    </row>
    <row r="190048" spans="14:14">
      <c r="N190048" s="10"/>
    </row>
    <row r="190049" spans="14:14">
      <c r="N190049" s="10"/>
    </row>
    <row r="190050" spans="14:14">
      <c r="N190050" s="10"/>
    </row>
    <row r="190051" spans="14:14">
      <c r="N190051" s="10"/>
    </row>
    <row r="190052" spans="14:14">
      <c r="N190052" s="10"/>
    </row>
    <row r="190053" spans="14:14">
      <c r="N190053" s="10"/>
    </row>
    <row r="190054" spans="14:14">
      <c r="N190054" s="10"/>
    </row>
    <row r="190055" spans="14:14">
      <c r="N190055" s="10"/>
    </row>
    <row r="190056" spans="14:14">
      <c r="N190056" s="10"/>
    </row>
    <row r="190057" spans="14:14">
      <c r="N190057" s="10"/>
    </row>
    <row r="190058" spans="14:14">
      <c r="N190058" s="10"/>
    </row>
    <row r="190059" spans="14:14">
      <c r="N190059" s="10"/>
    </row>
    <row r="190060" spans="14:14">
      <c r="N190060" s="10"/>
    </row>
    <row r="190061" spans="14:14">
      <c r="N190061" s="10"/>
    </row>
    <row r="190062" spans="14:14">
      <c r="N190062" s="10"/>
    </row>
    <row r="190063" spans="14:14">
      <c r="N190063" s="10"/>
    </row>
    <row r="190064" spans="14:14">
      <c r="N190064" s="10"/>
    </row>
    <row r="190065" spans="14:14">
      <c r="N190065" s="10"/>
    </row>
    <row r="190066" spans="14:14">
      <c r="N190066" s="10"/>
    </row>
    <row r="190067" spans="14:14">
      <c r="N190067" s="10"/>
    </row>
    <row r="190068" spans="14:14">
      <c r="N190068" s="10"/>
    </row>
    <row r="190069" spans="14:14">
      <c r="N190069" s="10"/>
    </row>
    <row r="190070" spans="14:14">
      <c r="N190070" s="10"/>
    </row>
    <row r="190071" spans="14:14">
      <c r="N190071" s="10"/>
    </row>
    <row r="190072" spans="14:14">
      <c r="N190072" s="10"/>
    </row>
    <row r="190073" spans="14:14">
      <c r="N190073" s="10"/>
    </row>
    <row r="190074" spans="14:14">
      <c r="N190074" s="10"/>
    </row>
    <row r="190075" spans="14:14">
      <c r="N190075" s="10"/>
    </row>
    <row r="190076" spans="14:14">
      <c r="N190076" s="10"/>
    </row>
    <row r="190077" spans="14:14">
      <c r="N190077" s="10"/>
    </row>
    <row r="190078" spans="14:14">
      <c r="N190078" s="10"/>
    </row>
    <row r="190079" spans="14:14">
      <c r="N190079" s="10"/>
    </row>
    <row r="190080" spans="14:14">
      <c r="N190080" s="10"/>
    </row>
    <row r="190081" spans="14:14">
      <c r="N190081" s="10"/>
    </row>
    <row r="190082" spans="14:14">
      <c r="N190082" s="10"/>
    </row>
    <row r="190083" spans="14:14">
      <c r="N190083" s="10"/>
    </row>
    <row r="190084" spans="14:14">
      <c r="N190084" s="10"/>
    </row>
    <row r="190085" spans="14:14">
      <c r="N190085" s="10"/>
    </row>
    <row r="190086" spans="14:14">
      <c r="N190086" s="10"/>
    </row>
    <row r="190087" spans="14:14">
      <c r="N190087" s="10"/>
    </row>
    <row r="190088" spans="14:14">
      <c r="N190088" s="10"/>
    </row>
    <row r="190089" spans="14:14">
      <c r="N190089" s="10"/>
    </row>
    <row r="190090" spans="14:14">
      <c r="N190090" s="10"/>
    </row>
    <row r="190091" spans="14:14">
      <c r="N190091" s="10"/>
    </row>
    <row r="190092" spans="14:14">
      <c r="N190092" s="10"/>
    </row>
    <row r="190093" spans="14:14">
      <c r="N190093" s="10"/>
    </row>
    <row r="190094" spans="14:14">
      <c r="N190094" s="10"/>
    </row>
    <row r="190095" spans="14:14">
      <c r="N190095" s="10"/>
    </row>
    <row r="190096" spans="14:14">
      <c r="N190096" s="10"/>
    </row>
    <row r="190097" spans="14:14">
      <c r="N190097" s="10"/>
    </row>
    <row r="190098" spans="14:14">
      <c r="N190098" s="10"/>
    </row>
    <row r="190099" spans="14:14">
      <c r="N190099" s="10"/>
    </row>
    <row r="190100" spans="14:14">
      <c r="N190100" s="10"/>
    </row>
    <row r="190101" spans="14:14">
      <c r="N190101" s="10"/>
    </row>
    <row r="190102" spans="14:14">
      <c r="N190102" s="10"/>
    </row>
    <row r="190103" spans="14:14">
      <c r="N190103" s="10"/>
    </row>
    <row r="190104" spans="14:14">
      <c r="N190104" s="10"/>
    </row>
    <row r="190105" spans="14:14">
      <c r="N190105" s="10"/>
    </row>
    <row r="190106" spans="14:14">
      <c r="N190106" s="10"/>
    </row>
    <row r="190107" spans="14:14">
      <c r="N190107" s="10"/>
    </row>
    <row r="190108" spans="14:14">
      <c r="N190108" s="10"/>
    </row>
    <row r="190109" spans="14:14">
      <c r="N190109" s="10"/>
    </row>
    <row r="190110" spans="14:14">
      <c r="N190110" s="10"/>
    </row>
    <row r="190111" spans="14:14">
      <c r="N190111" s="10"/>
    </row>
    <row r="190112" spans="14:14">
      <c r="N190112" s="10"/>
    </row>
    <row r="190113" spans="14:14">
      <c r="N190113" s="10"/>
    </row>
    <row r="190114" spans="14:14">
      <c r="N190114" s="10"/>
    </row>
    <row r="190115" spans="14:14">
      <c r="N190115" s="10"/>
    </row>
    <row r="190116" spans="14:14">
      <c r="N190116" s="10"/>
    </row>
    <row r="190117" spans="14:14">
      <c r="N190117" s="10"/>
    </row>
    <row r="190118" spans="14:14">
      <c r="N190118" s="10"/>
    </row>
    <row r="190119" spans="14:14">
      <c r="N190119" s="10"/>
    </row>
    <row r="190120" spans="14:14">
      <c r="N190120" s="10"/>
    </row>
    <row r="190121" spans="14:14">
      <c r="N190121" s="10"/>
    </row>
    <row r="190122" spans="14:14">
      <c r="N190122" s="10"/>
    </row>
    <row r="190123" spans="14:14">
      <c r="N190123" s="10"/>
    </row>
    <row r="190124" spans="14:14">
      <c r="N190124" s="10"/>
    </row>
    <row r="190125" spans="14:14">
      <c r="N190125" s="10"/>
    </row>
    <row r="190126" spans="14:14">
      <c r="N190126" s="10"/>
    </row>
    <row r="190127" spans="14:14">
      <c r="N190127" s="10"/>
    </row>
    <row r="190128" spans="14:14">
      <c r="N190128" s="10"/>
    </row>
    <row r="190129" spans="14:14">
      <c r="N190129" s="10"/>
    </row>
    <row r="190130" spans="14:14">
      <c r="N190130" s="10"/>
    </row>
    <row r="190131" spans="14:14">
      <c r="N190131" s="10"/>
    </row>
    <row r="190132" spans="14:14">
      <c r="N190132" s="10"/>
    </row>
    <row r="190133" spans="14:14">
      <c r="N190133" s="10"/>
    </row>
    <row r="190134" spans="14:14">
      <c r="N190134" s="10"/>
    </row>
    <row r="190135" spans="14:14">
      <c r="N190135" s="10"/>
    </row>
    <row r="190136" spans="14:14">
      <c r="N190136" s="10"/>
    </row>
    <row r="190137" spans="14:14">
      <c r="N190137" s="10"/>
    </row>
    <row r="190138" spans="14:14">
      <c r="N190138" s="10"/>
    </row>
    <row r="190139" spans="14:14">
      <c r="N190139" s="10"/>
    </row>
    <row r="190140" spans="14:14">
      <c r="N190140" s="10"/>
    </row>
    <row r="190141" spans="14:14">
      <c r="N190141" s="10"/>
    </row>
    <row r="190142" spans="14:14">
      <c r="N190142" s="10"/>
    </row>
    <row r="190143" spans="14:14">
      <c r="N190143" s="10"/>
    </row>
    <row r="190144" spans="14:14">
      <c r="N190144" s="10"/>
    </row>
    <row r="190145" spans="14:14">
      <c r="N190145" s="10"/>
    </row>
    <row r="190146" spans="14:14">
      <c r="N190146" s="10"/>
    </row>
    <row r="190147" spans="14:14">
      <c r="N190147" s="10"/>
    </row>
    <row r="190148" spans="14:14">
      <c r="N190148" s="10"/>
    </row>
    <row r="190149" spans="14:14">
      <c r="N190149" s="10"/>
    </row>
    <row r="190150" spans="14:14">
      <c r="N190150" s="10"/>
    </row>
    <row r="190151" spans="14:14">
      <c r="N190151" s="10"/>
    </row>
    <row r="190152" spans="14:14">
      <c r="N190152" s="10"/>
    </row>
    <row r="190153" spans="14:14">
      <c r="N190153" s="10"/>
    </row>
    <row r="190154" spans="14:14">
      <c r="N190154" s="10"/>
    </row>
    <row r="190155" spans="14:14">
      <c r="N190155" s="10"/>
    </row>
    <row r="190156" spans="14:14">
      <c r="N190156" s="10"/>
    </row>
    <row r="190157" spans="14:14">
      <c r="N190157" s="10"/>
    </row>
    <row r="190158" spans="14:14">
      <c r="N190158" s="10"/>
    </row>
    <row r="190159" spans="14:14">
      <c r="N190159" s="10"/>
    </row>
    <row r="190160" spans="14:14">
      <c r="N190160" s="10"/>
    </row>
    <row r="190161" spans="14:14">
      <c r="N190161" s="10"/>
    </row>
    <row r="190162" spans="14:14">
      <c r="N190162" s="10"/>
    </row>
    <row r="190163" spans="14:14">
      <c r="N190163" s="10"/>
    </row>
    <row r="190164" spans="14:14">
      <c r="N190164" s="10"/>
    </row>
    <row r="190165" spans="14:14">
      <c r="N190165" s="10"/>
    </row>
    <row r="190166" spans="14:14">
      <c r="N190166" s="10"/>
    </row>
    <row r="190167" spans="14:14">
      <c r="N190167" s="10"/>
    </row>
    <row r="190168" spans="14:14">
      <c r="N190168" s="10"/>
    </row>
    <row r="190169" spans="14:14">
      <c r="N190169" s="10"/>
    </row>
    <row r="190170" spans="14:14">
      <c r="N190170" s="10"/>
    </row>
    <row r="190171" spans="14:14">
      <c r="N190171" s="10"/>
    </row>
    <row r="190172" spans="14:14">
      <c r="N190172" s="10"/>
    </row>
    <row r="190173" spans="14:14">
      <c r="N190173" s="10"/>
    </row>
    <row r="190174" spans="14:14">
      <c r="N190174" s="10"/>
    </row>
    <row r="190175" spans="14:14">
      <c r="N190175" s="10"/>
    </row>
    <row r="190176" spans="14:14">
      <c r="N190176" s="10"/>
    </row>
    <row r="190177" spans="14:14">
      <c r="N190177" s="10"/>
    </row>
    <row r="190178" spans="14:14">
      <c r="N190178" s="10"/>
    </row>
    <row r="190179" spans="14:14">
      <c r="N190179" s="10"/>
    </row>
    <row r="190180" spans="14:14">
      <c r="N190180" s="10"/>
    </row>
    <row r="190181" spans="14:14">
      <c r="N190181" s="10"/>
    </row>
    <row r="190182" spans="14:14">
      <c r="N190182" s="10"/>
    </row>
    <row r="190183" spans="14:14">
      <c r="N190183" s="10"/>
    </row>
    <row r="190184" spans="14:14">
      <c r="N190184" s="10"/>
    </row>
    <row r="190185" spans="14:14">
      <c r="N190185" s="10"/>
    </row>
    <row r="190186" spans="14:14">
      <c r="N190186" s="10"/>
    </row>
    <row r="190187" spans="14:14">
      <c r="N190187" s="10"/>
    </row>
    <row r="190188" spans="14:14">
      <c r="N190188" s="10"/>
    </row>
    <row r="190189" spans="14:14">
      <c r="N190189" s="10"/>
    </row>
    <row r="190190" spans="14:14">
      <c r="N190190" s="10"/>
    </row>
    <row r="190191" spans="14:14">
      <c r="N190191" s="10"/>
    </row>
    <row r="190192" spans="14:14">
      <c r="N190192" s="10"/>
    </row>
    <row r="190193" spans="14:14">
      <c r="N190193" s="10"/>
    </row>
    <row r="190194" spans="14:14">
      <c r="N190194" s="10"/>
    </row>
    <row r="190195" spans="14:14">
      <c r="N190195" s="10"/>
    </row>
    <row r="190196" spans="14:14">
      <c r="N190196" s="10"/>
    </row>
    <row r="190197" spans="14:14">
      <c r="N190197" s="10"/>
    </row>
    <row r="190198" spans="14:14">
      <c r="N190198" s="10"/>
    </row>
    <row r="190199" spans="14:14">
      <c r="N190199" s="10"/>
    </row>
    <row r="190200" spans="14:14">
      <c r="N190200" s="10"/>
    </row>
    <row r="190201" spans="14:14">
      <c r="N190201" s="10"/>
    </row>
    <row r="190202" spans="14:14">
      <c r="N190202" s="10"/>
    </row>
    <row r="190203" spans="14:14">
      <c r="N190203" s="10"/>
    </row>
    <row r="190204" spans="14:14">
      <c r="N190204" s="10"/>
    </row>
    <row r="190205" spans="14:14">
      <c r="N190205" s="10"/>
    </row>
    <row r="190206" spans="14:14">
      <c r="N190206" s="10"/>
    </row>
    <row r="190207" spans="14:14">
      <c r="N190207" s="10"/>
    </row>
    <row r="190208" spans="14:14">
      <c r="N190208" s="10"/>
    </row>
    <row r="190209" spans="14:14">
      <c r="N190209" s="10"/>
    </row>
    <row r="190210" spans="14:14">
      <c r="N190210" s="10"/>
    </row>
    <row r="190211" spans="14:14">
      <c r="N190211" s="10"/>
    </row>
    <row r="190212" spans="14:14">
      <c r="N190212" s="10"/>
    </row>
    <row r="190213" spans="14:14">
      <c r="N190213" s="10"/>
    </row>
    <row r="190214" spans="14:14">
      <c r="N190214" s="10"/>
    </row>
    <row r="190215" spans="14:14">
      <c r="N190215" s="10"/>
    </row>
    <row r="190216" spans="14:14">
      <c r="N190216" s="10"/>
    </row>
    <row r="190217" spans="14:14">
      <c r="N190217" s="10"/>
    </row>
    <row r="190218" spans="14:14">
      <c r="N190218" s="10"/>
    </row>
    <row r="190219" spans="14:14">
      <c r="N190219" s="10"/>
    </row>
    <row r="190220" spans="14:14">
      <c r="N190220" s="10"/>
    </row>
    <row r="190221" spans="14:14">
      <c r="N190221" s="10"/>
    </row>
    <row r="190222" spans="14:14">
      <c r="N190222" s="10"/>
    </row>
    <row r="190223" spans="14:14">
      <c r="N190223" s="10"/>
    </row>
    <row r="190224" spans="14:14">
      <c r="N190224" s="10"/>
    </row>
    <row r="190225" spans="14:14">
      <c r="N190225" s="10"/>
    </row>
    <row r="190226" spans="14:14">
      <c r="N190226" s="10"/>
    </row>
    <row r="190227" spans="14:14">
      <c r="N190227" s="10"/>
    </row>
    <row r="190228" spans="14:14">
      <c r="N190228" s="10"/>
    </row>
    <row r="190229" spans="14:14">
      <c r="N190229" s="10"/>
    </row>
    <row r="190230" spans="14:14">
      <c r="N190230" s="10"/>
    </row>
    <row r="190231" spans="14:14">
      <c r="N190231" s="10"/>
    </row>
    <row r="190232" spans="14:14">
      <c r="N190232" s="10"/>
    </row>
    <row r="190233" spans="14:14">
      <c r="N190233" s="10"/>
    </row>
    <row r="190234" spans="14:14">
      <c r="N190234" s="10"/>
    </row>
    <row r="190235" spans="14:14">
      <c r="N190235" s="10"/>
    </row>
    <row r="190236" spans="14:14">
      <c r="N190236" s="10"/>
    </row>
    <row r="190237" spans="14:14">
      <c r="N190237" s="10"/>
    </row>
    <row r="190238" spans="14:14">
      <c r="N190238" s="10"/>
    </row>
    <row r="190239" spans="14:14">
      <c r="N190239" s="10"/>
    </row>
    <row r="190240" spans="14:14">
      <c r="N190240" s="10"/>
    </row>
    <row r="190241" spans="14:14">
      <c r="N190241" s="10"/>
    </row>
    <row r="190242" spans="14:14">
      <c r="N190242" s="10"/>
    </row>
    <row r="190243" spans="14:14">
      <c r="N190243" s="10"/>
    </row>
    <row r="190244" spans="14:14">
      <c r="N190244" s="10"/>
    </row>
    <row r="190245" spans="14:14">
      <c r="N190245" s="10"/>
    </row>
    <row r="190246" spans="14:14">
      <c r="N190246" s="10"/>
    </row>
    <row r="190247" spans="14:14">
      <c r="N190247" s="10"/>
    </row>
    <row r="190248" spans="14:14">
      <c r="N190248" s="10"/>
    </row>
    <row r="190249" spans="14:14">
      <c r="N190249" s="10"/>
    </row>
    <row r="190250" spans="14:14">
      <c r="N190250" s="10"/>
    </row>
    <row r="190251" spans="14:14">
      <c r="N190251" s="10"/>
    </row>
    <row r="190252" spans="14:14">
      <c r="N190252" s="10"/>
    </row>
    <row r="190253" spans="14:14">
      <c r="N190253" s="10"/>
    </row>
    <row r="190254" spans="14:14">
      <c r="N190254" s="10"/>
    </row>
    <row r="190255" spans="14:14">
      <c r="N190255" s="10"/>
    </row>
    <row r="190256" spans="14:14">
      <c r="N190256" s="10"/>
    </row>
    <row r="190257" spans="14:14">
      <c r="N190257" s="10"/>
    </row>
    <row r="190258" spans="14:14">
      <c r="N190258" s="10"/>
    </row>
    <row r="190259" spans="14:14">
      <c r="N190259" s="10"/>
    </row>
    <row r="190260" spans="14:14">
      <c r="N190260" s="10"/>
    </row>
    <row r="190261" spans="14:14">
      <c r="N190261" s="10"/>
    </row>
    <row r="190262" spans="14:14">
      <c r="N190262" s="10"/>
    </row>
    <row r="190263" spans="14:14">
      <c r="N190263" s="10"/>
    </row>
    <row r="190264" spans="14:14">
      <c r="N190264" s="10"/>
    </row>
    <row r="190265" spans="14:14">
      <c r="N190265" s="10"/>
    </row>
    <row r="190266" spans="14:14">
      <c r="N190266" s="10"/>
    </row>
    <row r="190267" spans="14:14">
      <c r="N190267" s="10"/>
    </row>
    <row r="190268" spans="14:14">
      <c r="N190268" s="10"/>
    </row>
    <row r="190269" spans="14:14">
      <c r="N190269" s="10"/>
    </row>
    <row r="190270" spans="14:14">
      <c r="N190270" s="10"/>
    </row>
    <row r="190271" spans="14:14">
      <c r="N190271" s="10"/>
    </row>
    <row r="190272" spans="14:14">
      <c r="N190272" s="10"/>
    </row>
    <row r="190273" spans="14:14">
      <c r="N190273" s="10"/>
    </row>
    <row r="190274" spans="14:14">
      <c r="N190274" s="10"/>
    </row>
    <row r="190275" spans="14:14">
      <c r="N190275" s="10"/>
    </row>
    <row r="190276" spans="14:14">
      <c r="N190276" s="10"/>
    </row>
    <row r="190277" spans="14:14">
      <c r="N190277" s="10"/>
    </row>
    <row r="190278" spans="14:14">
      <c r="N190278" s="10"/>
    </row>
    <row r="190279" spans="14:14">
      <c r="N190279" s="10"/>
    </row>
    <row r="190280" spans="14:14">
      <c r="N190280" s="10"/>
    </row>
    <row r="190281" spans="14:14">
      <c r="N190281" s="10"/>
    </row>
    <row r="190282" spans="14:14">
      <c r="N190282" s="10"/>
    </row>
    <row r="190283" spans="14:14">
      <c r="N190283" s="10"/>
    </row>
    <row r="190284" spans="14:14">
      <c r="N190284" s="10"/>
    </row>
    <row r="190285" spans="14:14">
      <c r="N190285" s="10"/>
    </row>
    <row r="190286" spans="14:14">
      <c r="N190286" s="10"/>
    </row>
    <row r="190287" spans="14:14">
      <c r="N190287" s="10"/>
    </row>
    <row r="190288" spans="14:14">
      <c r="N190288" s="10"/>
    </row>
    <row r="190289" spans="14:14">
      <c r="N190289" s="10"/>
    </row>
    <row r="190290" spans="14:14">
      <c r="N190290" s="10"/>
    </row>
    <row r="190291" spans="14:14">
      <c r="N190291" s="10"/>
    </row>
    <row r="190292" spans="14:14">
      <c r="N190292" s="10"/>
    </row>
    <row r="190293" spans="14:14">
      <c r="N190293" s="10"/>
    </row>
    <row r="190294" spans="14:14">
      <c r="N190294" s="10"/>
    </row>
    <row r="190295" spans="14:14">
      <c r="N190295" s="10"/>
    </row>
    <row r="190296" spans="14:14">
      <c r="N190296" s="10"/>
    </row>
    <row r="190297" spans="14:14">
      <c r="N190297" s="10"/>
    </row>
    <row r="190298" spans="14:14">
      <c r="N190298" s="10"/>
    </row>
    <row r="190299" spans="14:14">
      <c r="N190299" s="10"/>
    </row>
    <row r="190300" spans="14:14">
      <c r="N190300" s="10"/>
    </row>
    <row r="190301" spans="14:14">
      <c r="N190301" s="10"/>
    </row>
    <row r="190302" spans="14:14">
      <c r="N190302" s="10"/>
    </row>
    <row r="190303" spans="14:14">
      <c r="N190303" s="10"/>
    </row>
    <row r="190304" spans="14:14">
      <c r="N190304" s="10"/>
    </row>
    <row r="190305" spans="14:14">
      <c r="N190305" s="10"/>
    </row>
    <row r="190306" spans="14:14">
      <c r="N190306" s="10"/>
    </row>
    <row r="190307" spans="14:14">
      <c r="N190307" s="10"/>
    </row>
    <row r="190308" spans="14:14">
      <c r="N190308" s="10"/>
    </row>
    <row r="190309" spans="14:14">
      <c r="N190309" s="10"/>
    </row>
    <row r="190310" spans="14:14">
      <c r="N190310" s="10"/>
    </row>
    <row r="190311" spans="14:14">
      <c r="N190311" s="10"/>
    </row>
    <row r="190312" spans="14:14">
      <c r="N190312" s="10"/>
    </row>
    <row r="190313" spans="14:14">
      <c r="N190313" s="10"/>
    </row>
    <row r="190314" spans="14:14">
      <c r="N190314" s="10"/>
    </row>
    <row r="190315" spans="14:14">
      <c r="N190315" s="10"/>
    </row>
    <row r="190316" spans="14:14">
      <c r="N190316" s="10"/>
    </row>
    <row r="190317" spans="14:14">
      <c r="N190317" s="10"/>
    </row>
    <row r="190318" spans="14:14">
      <c r="N190318" s="10"/>
    </row>
    <row r="190319" spans="14:14">
      <c r="N190319" s="10"/>
    </row>
    <row r="190320" spans="14:14">
      <c r="N190320" s="10"/>
    </row>
    <row r="190321" spans="14:14">
      <c r="N190321" s="10"/>
    </row>
    <row r="190322" spans="14:14">
      <c r="N190322" s="10"/>
    </row>
    <row r="190323" spans="14:14">
      <c r="N190323" s="10"/>
    </row>
    <row r="190324" spans="14:14">
      <c r="N190324" s="10"/>
    </row>
    <row r="190325" spans="14:14">
      <c r="N190325" s="10"/>
    </row>
    <row r="190326" spans="14:14">
      <c r="N190326" s="10"/>
    </row>
    <row r="190327" spans="14:14">
      <c r="N190327" s="10"/>
    </row>
    <row r="190328" spans="14:14">
      <c r="N190328" s="10"/>
    </row>
    <row r="190329" spans="14:14">
      <c r="N190329" s="10"/>
    </row>
    <row r="190330" spans="14:14">
      <c r="N190330" s="10"/>
    </row>
    <row r="190331" spans="14:14">
      <c r="N190331" s="10"/>
    </row>
    <row r="190332" spans="14:14">
      <c r="N190332" s="10"/>
    </row>
    <row r="190333" spans="14:14">
      <c r="N190333" s="10"/>
    </row>
    <row r="190334" spans="14:14">
      <c r="N190334" s="10"/>
    </row>
    <row r="190335" spans="14:14">
      <c r="N190335" s="10"/>
    </row>
    <row r="190336" spans="14:14">
      <c r="N190336" s="10"/>
    </row>
    <row r="190337" spans="14:14">
      <c r="N190337" s="10"/>
    </row>
    <row r="190338" spans="14:14">
      <c r="N190338" s="10"/>
    </row>
    <row r="190339" spans="14:14">
      <c r="N190339" s="10"/>
    </row>
    <row r="190340" spans="14:14">
      <c r="N190340" s="10"/>
    </row>
    <row r="190341" spans="14:14">
      <c r="N190341" s="10"/>
    </row>
    <row r="190342" spans="14:14">
      <c r="N190342" s="10"/>
    </row>
    <row r="190343" spans="14:14">
      <c r="N190343" s="10"/>
    </row>
    <row r="190344" spans="14:14">
      <c r="N190344" s="10"/>
    </row>
    <row r="190345" spans="14:14">
      <c r="N190345" s="10"/>
    </row>
    <row r="190346" spans="14:14">
      <c r="N190346" s="10"/>
    </row>
    <row r="190347" spans="14:14">
      <c r="N190347" s="10"/>
    </row>
    <row r="190348" spans="14:14">
      <c r="N190348" s="10"/>
    </row>
    <row r="190349" spans="14:14">
      <c r="N190349" s="10"/>
    </row>
    <row r="190350" spans="14:14">
      <c r="N190350" s="10"/>
    </row>
    <row r="190351" spans="14:14">
      <c r="N190351" s="10"/>
    </row>
    <row r="190352" spans="14:14">
      <c r="N190352" s="10"/>
    </row>
    <row r="190353" spans="14:14">
      <c r="N190353" s="10"/>
    </row>
    <row r="190354" spans="14:14">
      <c r="N190354" s="10"/>
    </row>
    <row r="190355" spans="14:14">
      <c r="N190355" s="10"/>
    </row>
    <row r="190356" spans="14:14">
      <c r="N190356" s="10"/>
    </row>
    <row r="190357" spans="14:14">
      <c r="N190357" s="10"/>
    </row>
    <row r="190358" spans="14:14">
      <c r="N190358" s="10"/>
    </row>
    <row r="190359" spans="14:14">
      <c r="N190359" s="10"/>
    </row>
    <row r="190360" spans="14:14">
      <c r="N190360" s="10"/>
    </row>
    <row r="190361" spans="14:14">
      <c r="N190361" s="10"/>
    </row>
    <row r="190362" spans="14:14">
      <c r="N190362" s="10"/>
    </row>
    <row r="190363" spans="14:14">
      <c r="N190363" s="10"/>
    </row>
    <row r="190364" spans="14:14">
      <c r="N190364" s="10"/>
    </row>
    <row r="190365" spans="14:14">
      <c r="N190365" s="10"/>
    </row>
    <row r="190366" spans="14:14">
      <c r="N190366" s="10"/>
    </row>
    <row r="190367" spans="14:14">
      <c r="N190367" s="10"/>
    </row>
    <row r="190368" spans="14:14">
      <c r="N190368" s="10"/>
    </row>
    <row r="190369" spans="14:14">
      <c r="N190369" s="10"/>
    </row>
    <row r="190370" spans="14:14">
      <c r="N190370" s="10"/>
    </row>
    <row r="190371" spans="14:14">
      <c r="N190371" s="10"/>
    </row>
    <row r="190372" spans="14:14">
      <c r="N190372" s="10"/>
    </row>
    <row r="190373" spans="14:14">
      <c r="N190373" s="10"/>
    </row>
    <row r="190374" spans="14:14">
      <c r="N190374" s="10"/>
    </row>
    <row r="190375" spans="14:14">
      <c r="N190375" s="10"/>
    </row>
    <row r="190376" spans="14:14">
      <c r="N190376" s="10"/>
    </row>
    <row r="190377" spans="14:14">
      <c r="N190377" s="10"/>
    </row>
    <row r="190378" spans="14:14">
      <c r="N190378" s="10"/>
    </row>
    <row r="190379" spans="14:14">
      <c r="N190379" s="10"/>
    </row>
    <row r="190380" spans="14:14">
      <c r="N190380" s="10"/>
    </row>
    <row r="190381" spans="14:14">
      <c r="N190381" s="10"/>
    </row>
    <row r="190382" spans="14:14">
      <c r="N190382" s="10"/>
    </row>
    <row r="190383" spans="14:14">
      <c r="N190383" s="10"/>
    </row>
    <row r="190384" spans="14:14">
      <c r="N190384" s="10"/>
    </row>
    <row r="190385" spans="14:14">
      <c r="N190385" s="10"/>
    </row>
    <row r="190386" spans="14:14">
      <c r="N190386" s="10"/>
    </row>
    <row r="190387" spans="14:14">
      <c r="N190387" s="10"/>
    </row>
    <row r="190388" spans="14:14">
      <c r="N190388" s="10"/>
    </row>
    <row r="190389" spans="14:14">
      <c r="N190389" s="10"/>
    </row>
    <row r="190390" spans="14:14">
      <c r="N190390" s="10"/>
    </row>
    <row r="190391" spans="14:14">
      <c r="N190391" s="10"/>
    </row>
    <row r="190392" spans="14:14">
      <c r="N190392" s="10"/>
    </row>
    <row r="190393" spans="14:14">
      <c r="N190393" s="10"/>
    </row>
    <row r="190394" spans="14:14">
      <c r="N190394" s="10"/>
    </row>
    <row r="190395" spans="14:14">
      <c r="N190395" s="10"/>
    </row>
    <row r="190396" spans="14:14">
      <c r="N190396" s="10"/>
    </row>
    <row r="190397" spans="14:14">
      <c r="N190397" s="10"/>
    </row>
    <row r="190398" spans="14:14">
      <c r="N190398" s="10"/>
    </row>
    <row r="190399" spans="14:14">
      <c r="N190399" s="10"/>
    </row>
    <row r="190400" spans="14:14">
      <c r="N190400" s="10"/>
    </row>
    <row r="190401" spans="14:14">
      <c r="N190401" s="10"/>
    </row>
    <row r="190402" spans="14:14">
      <c r="N190402" s="10"/>
    </row>
    <row r="190403" spans="14:14">
      <c r="N190403" s="10"/>
    </row>
    <row r="190404" spans="14:14">
      <c r="N190404" s="10"/>
    </row>
    <row r="190405" spans="14:14">
      <c r="N190405" s="10"/>
    </row>
    <row r="190406" spans="14:14">
      <c r="N190406" s="10"/>
    </row>
    <row r="190407" spans="14:14">
      <c r="N190407" s="10"/>
    </row>
    <row r="190408" spans="14:14">
      <c r="N190408" s="10"/>
    </row>
    <row r="190409" spans="14:14">
      <c r="N190409" s="10"/>
    </row>
    <row r="190410" spans="14:14">
      <c r="N190410" s="10"/>
    </row>
    <row r="190411" spans="14:14">
      <c r="N190411" s="10"/>
    </row>
    <row r="190412" spans="14:14">
      <c r="N190412" s="10"/>
    </row>
    <row r="190413" spans="14:14">
      <c r="N190413" s="10"/>
    </row>
    <row r="190414" spans="14:14">
      <c r="N190414" s="10"/>
    </row>
    <row r="190415" spans="14:14">
      <c r="N190415" s="10"/>
    </row>
    <row r="190416" spans="14:14">
      <c r="N190416" s="10"/>
    </row>
    <row r="190417" spans="14:14">
      <c r="N190417" s="10"/>
    </row>
    <row r="190418" spans="14:14">
      <c r="N190418" s="10"/>
    </row>
    <row r="190419" spans="14:14">
      <c r="N190419" s="10"/>
    </row>
    <row r="190420" spans="14:14">
      <c r="N190420" s="10"/>
    </row>
    <row r="190421" spans="14:14">
      <c r="N190421" s="10"/>
    </row>
    <row r="190422" spans="14:14">
      <c r="N190422" s="10"/>
    </row>
    <row r="190423" spans="14:14">
      <c r="N190423" s="10"/>
    </row>
    <row r="190424" spans="14:14">
      <c r="N190424" s="10"/>
    </row>
    <row r="190425" spans="14:14">
      <c r="N190425" s="10"/>
    </row>
    <row r="190426" spans="14:14">
      <c r="N190426" s="10"/>
    </row>
    <row r="190427" spans="14:14">
      <c r="N190427" s="10"/>
    </row>
    <row r="190428" spans="14:14">
      <c r="N190428" s="10"/>
    </row>
    <row r="190429" spans="14:14">
      <c r="N190429" s="10"/>
    </row>
    <row r="190430" spans="14:14">
      <c r="N190430" s="10"/>
    </row>
    <row r="190431" spans="14:14">
      <c r="N190431" s="10"/>
    </row>
    <row r="190432" spans="14:14">
      <c r="N190432" s="10"/>
    </row>
    <row r="190433" spans="14:14">
      <c r="N190433" s="10"/>
    </row>
    <row r="190434" spans="14:14">
      <c r="N190434" s="10"/>
    </row>
    <row r="190435" spans="14:14">
      <c r="N190435" s="10"/>
    </row>
    <row r="190436" spans="14:14">
      <c r="N190436" s="10"/>
    </row>
    <row r="190437" spans="14:14">
      <c r="N190437" s="10"/>
    </row>
    <row r="190438" spans="14:14">
      <c r="N190438" s="10"/>
    </row>
    <row r="190439" spans="14:14">
      <c r="N190439" s="10"/>
    </row>
    <row r="190440" spans="14:14">
      <c r="N190440" s="10"/>
    </row>
    <row r="190441" spans="14:14">
      <c r="N190441" s="10"/>
    </row>
    <row r="190442" spans="14:14">
      <c r="N190442" s="10"/>
    </row>
    <row r="190443" spans="14:14">
      <c r="N190443" s="10"/>
    </row>
    <row r="190444" spans="14:14">
      <c r="N190444" s="10"/>
    </row>
    <row r="190445" spans="14:14">
      <c r="N190445" s="10"/>
    </row>
    <row r="190446" spans="14:14">
      <c r="N190446" s="10"/>
    </row>
    <row r="190447" spans="14:14">
      <c r="N190447" s="10"/>
    </row>
    <row r="190448" spans="14:14">
      <c r="N190448" s="10"/>
    </row>
    <row r="190449" spans="14:14">
      <c r="N190449" s="10"/>
    </row>
    <row r="190450" spans="14:14">
      <c r="N190450" s="10"/>
    </row>
    <row r="190451" spans="14:14">
      <c r="N190451" s="10"/>
    </row>
    <row r="190452" spans="14:14">
      <c r="N190452" s="10"/>
    </row>
    <row r="190453" spans="14:14">
      <c r="N190453" s="10"/>
    </row>
    <row r="190454" spans="14:14">
      <c r="N190454" s="10"/>
    </row>
    <row r="190455" spans="14:14">
      <c r="N190455" s="10"/>
    </row>
    <row r="190456" spans="14:14">
      <c r="N190456" s="10"/>
    </row>
    <row r="190457" spans="14:14">
      <c r="N190457" s="10"/>
    </row>
    <row r="190458" spans="14:14">
      <c r="N190458" s="10"/>
    </row>
    <row r="190459" spans="14:14">
      <c r="N190459" s="10"/>
    </row>
    <row r="190460" spans="14:14">
      <c r="N190460" s="10"/>
    </row>
    <row r="190461" spans="14:14">
      <c r="N190461" s="10"/>
    </row>
    <row r="190462" spans="14:14">
      <c r="N190462" s="10"/>
    </row>
    <row r="190463" spans="14:14">
      <c r="N190463" s="10"/>
    </row>
    <row r="190464" spans="14:14">
      <c r="N190464" s="10"/>
    </row>
    <row r="190465" spans="14:14">
      <c r="N190465" s="10"/>
    </row>
    <row r="190466" spans="14:14">
      <c r="N190466" s="10"/>
    </row>
    <row r="190467" spans="14:14">
      <c r="N190467" s="10"/>
    </row>
    <row r="190468" spans="14:14">
      <c r="N190468" s="10"/>
    </row>
    <row r="190469" spans="14:14">
      <c r="N190469" s="10"/>
    </row>
    <row r="190470" spans="14:14">
      <c r="N190470" s="10"/>
    </row>
    <row r="190471" spans="14:14">
      <c r="N190471" s="10"/>
    </row>
    <row r="190472" spans="14:14">
      <c r="N190472" s="10"/>
    </row>
    <row r="190473" spans="14:14">
      <c r="N190473" s="10"/>
    </row>
    <row r="190474" spans="14:14">
      <c r="N190474" s="10"/>
    </row>
    <row r="190475" spans="14:14">
      <c r="N190475" s="10"/>
    </row>
    <row r="190476" spans="14:14">
      <c r="N190476" s="10"/>
    </row>
    <row r="190477" spans="14:14">
      <c r="N190477" s="10"/>
    </row>
    <row r="190478" spans="14:14">
      <c r="N190478" s="10"/>
    </row>
    <row r="190479" spans="14:14">
      <c r="N190479" s="10"/>
    </row>
    <row r="190480" spans="14:14">
      <c r="N190480" s="10"/>
    </row>
    <row r="190481" spans="14:14">
      <c r="N190481" s="10"/>
    </row>
    <row r="190482" spans="14:14">
      <c r="N190482" s="10"/>
    </row>
    <row r="190483" spans="14:14">
      <c r="N190483" s="10"/>
    </row>
    <row r="190484" spans="14:14">
      <c r="N190484" s="10"/>
    </row>
    <row r="190485" spans="14:14">
      <c r="N190485" s="10"/>
    </row>
    <row r="190486" spans="14:14">
      <c r="N190486" s="10"/>
    </row>
    <row r="190487" spans="14:14">
      <c r="N190487" s="10"/>
    </row>
    <row r="190488" spans="14:14">
      <c r="N190488" s="10"/>
    </row>
    <row r="190489" spans="14:14">
      <c r="N190489" s="10"/>
    </row>
    <row r="190490" spans="14:14">
      <c r="N190490" s="10"/>
    </row>
    <row r="190491" spans="14:14">
      <c r="N190491" s="10"/>
    </row>
    <row r="190492" spans="14:14">
      <c r="N190492" s="10"/>
    </row>
    <row r="190493" spans="14:14">
      <c r="N190493" s="10"/>
    </row>
    <row r="190494" spans="14:14">
      <c r="N190494" s="10"/>
    </row>
    <row r="190495" spans="14:14">
      <c r="N190495" s="10"/>
    </row>
    <row r="190496" spans="14:14">
      <c r="N190496" s="10"/>
    </row>
    <row r="190497" spans="14:14">
      <c r="N190497" s="10"/>
    </row>
    <row r="190498" spans="14:14">
      <c r="N190498" s="10"/>
    </row>
    <row r="190499" spans="14:14">
      <c r="N190499" s="10"/>
    </row>
    <row r="190500" spans="14:14">
      <c r="N190500" s="10"/>
    </row>
    <row r="190501" spans="14:14">
      <c r="N190501" s="10"/>
    </row>
    <row r="190502" spans="14:14">
      <c r="N190502" s="10"/>
    </row>
    <row r="190503" spans="14:14">
      <c r="N190503" s="10"/>
    </row>
    <row r="190504" spans="14:14">
      <c r="N190504" s="10"/>
    </row>
    <row r="190505" spans="14:14">
      <c r="N190505" s="10"/>
    </row>
    <row r="190506" spans="14:14">
      <c r="N190506" s="10"/>
    </row>
    <row r="190507" spans="14:14">
      <c r="N190507" s="10"/>
    </row>
    <row r="190508" spans="14:14">
      <c r="N190508" s="10"/>
    </row>
    <row r="190509" spans="14:14">
      <c r="N190509" s="10"/>
    </row>
    <row r="190510" spans="14:14">
      <c r="N190510" s="10"/>
    </row>
    <row r="190511" spans="14:14">
      <c r="N190511" s="10"/>
    </row>
    <row r="190512" spans="14:14">
      <c r="N190512" s="10"/>
    </row>
    <row r="190513" spans="14:14">
      <c r="N190513" s="10"/>
    </row>
    <row r="190514" spans="14:14">
      <c r="N190514" s="10"/>
    </row>
    <row r="190515" spans="14:14">
      <c r="N190515" s="10"/>
    </row>
    <row r="190516" spans="14:14">
      <c r="N190516" s="10"/>
    </row>
    <row r="190517" spans="14:14">
      <c r="N190517" s="10"/>
    </row>
    <row r="190518" spans="14:14">
      <c r="N190518" s="10"/>
    </row>
    <row r="190519" spans="14:14">
      <c r="N190519" s="10"/>
    </row>
    <row r="190520" spans="14:14">
      <c r="N190520" s="10"/>
    </row>
    <row r="190521" spans="14:14">
      <c r="N190521" s="10"/>
    </row>
    <row r="190522" spans="14:14">
      <c r="N190522" s="10"/>
    </row>
    <row r="190523" spans="14:14">
      <c r="N190523" s="10"/>
    </row>
    <row r="190524" spans="14:14">
      <c r="N190524" s="10"/>
    </row>
    <row r="190525" spans="14:14">
      <c r="N190525" s="10"/>
    </row>
    <row r="190526" spans="14:14">
      <c r="N190526" s="10"/>
    </row>
    <row r="190527" spans="14:14">
      <c r="N190527" s="10"/>
    </row>
    <row r="190528" spans="14:14">
      <c r="N190528" s="10"/>
    </row>
    <row r="190529" spans="14:14">
      <c r="N190529" s="10"/>
    </row>
    <row r="190530" spans="14:14">
      <c r="N190530" s="10"/>
    </row>
    <row r="190531" spans="14:14">
      <c r="N190531" s="10"/>
    </row>
    <row r="190532" spans="14:14">
      <c r="N190532" s="10"/>
    </row>
    <row r="190533" spans="14:14">
      <c r="N190533" s="10"/>
    </row>
    <row r="190534" spans="14:14">
      <c r="N190534" s="10"/>
    </row>
    <row r="190535" spans="14:14">
      <c r="N190535" s="10"/>
    </row>
    <row r="190536" spans="14:14">
      <c r="N190536" s="10"/>
    </row>
    <row r="190537" spans="14:14">
      <c r="N190537" s="10"/>
    </row>
    <row r="190538" spans="14:14">
      <c r="N190538" s="10"/>
    </row>
    <row r="190539" spans="14:14">
      <c r="N190539" s="10"/>
    </row>
    <row r="190540" spans="14:14">
      <c r="N190540" s="10"/>
    </row>
    <row r="190541" spans="14:14">
      <c r="N190541" s="10"/>
    </row>
    <row r="190542" spans="14:14">
      <c r="N190542" s="10"/>
    </row>
    <row r="190543" spans="14:14">
      <c r="N190543" s="10"/>
    </row>
    <row r="190544" spans="14:14">
      <c r="N190544" s="10"/>
    </row>
    <row r="190545" spans="14:14">
      <c r="N190545" s="10"/>
    </row>
    <row r="190546" spans="14:14">
      <c r="N190546" s="10"/>
    </row>
    <row r="190547" spans="14:14">
      <c r="N190547" s="10"/>
    </row>
    <row r="190548" spans="14:14">
      <c r="N190548" s="10"/>
    </row>
    <row r="190549" spans="14:14">
      <c r="N190549" s="10"/>
    </row>
    <row r="190550" spans="14:14">
      <c r="N190550" s="10"/>
    </row>
    <row r="190551" spans="14:14">
      <c r="N190551" s="10"/>
    </row>
    <row r="190552" spans="14:14">
      <c r="N190552" s="10"/>
    </row>
    <row r="190553" spans="14:14">
      <c r="N190553" s="10"/>
    </row>
    <row r="190554" spans="14:14">
      <c r="N190554" s="10"/>
    </row>
    <row r="190555" spans="14:14">
      <c r="N190555" s="10"/>
    </row>
    <row r="190556" spans="14:14">
      <c r="N190556" s="10"/>
    </row>
    <row r="190557" spans="14:14">
      <c r="N190557" s="10"/>
    </row>
    <row r="190558" spans="14:14">
      <c r="N190558" s="10"/>
    </row>
    <row r="190559" spans="14:14">
      <c r="N190559" s="10"/>
    </row>
    <row r="190560" spans="14:14">
      <c r="N190560" s="10"/>
    </row>
    <row r="190561" spans="14:14">
      <c r="N190561" s="10"/>
    </row>
    <row r="190562" spans="14:14">
      <c r="N190562" s="10"/>
    </row>
    <row r="190563" spans="14:14">
      <c r="N190563" s="10"/>
    </row>
    <row r="190564" spans="14:14">
      <c r="N190564" s="10"/>
    </row>
    <row r="190565" spans="14:14">
      <c r="N190565" s="10"/>
    </row>
    <row r="190566" spans="14:14">
      <c r="N190566" s="10"/>
    </row>
    <row r="190567" spans="14:14">
      <c r="N190567" s="10"/>
    </row>
    <row r="190568" spans="14:14">
      <c r="N190568" s="10"/>
    </row>
    <row r="190569" spans="14:14">
      <c r="N190569" s="10"/>
    </row>
    <row r="190570" spans="14:14">
      <c r="N190570" s="10"/>
    </row>
    <row r="190571" spans="14:14">
      <c r="N190571" s="10"/>
    </row>
    <row r="190572" spans="14:14">
      <c r="N190572" s="10"/>
    </row>
    <row r="190573" spans="14:14">
      <c r="N190573" s="10"/>
    </row>
    <row r="190574" spans="14:14">
      <c r="N190574" s="10"/>
    </row>
    <row r="190575" spans="14:14">
      <c r="N190575" s="10"/>
    </row>
    <row r="190576" spans="14:14">
      <c r="N190576" s="10"/>
    </row>
    <row r="190577" spans="14:14">
      <c r="N190577" s="10"/>
    </row>
    <row r="190578" spans="14:14">
      <c r="N190578" s="10"/>
    </row>
    <row r="190579" spans="14:14">
      <c r="N190579" s="10"/>
    </row>
    <row r="190580" spans="14:14">
      <c r="N190580" s="10"/>
    </row>
    <row r="190581" spans="14:14">
      <c r="N190581" s="10"/>
    </row>
    <row r="190582" spans="14:14">
      <c r="N190582" s="10"/>
    </row>
    <row r="190583" spans="14:14">
      <c r="N190583" s="10"/>
    </row>
    <row r="190584" spans="14:14">
      <c r="N190584" s="10"/>
    </row>
    <row r="190585" spans="14:14">
      <c r="N190585" s="10"/>
    </row>
    <row r="190586" spans="14:14">
      <c r="N190586" s="10"/>
    </row>
    <row r="190587" spans="14:14">
      <c r="N190587" s="10"/>
    </row>
    <row r="190588" spans="14:14">
      <c r="N190588" s="10"/>
    </row>
    <row r="190589" spans="14:14">
      <c r="N190589" s="10"/>
    </row>
    <row r="190590" spans="14:14">
      <c r="N190590" s="10"/>
    </row>
    <row r="190591" spans="14:14">
      <c r="N190591" s="10"/>
    </row>
    <row r="190592" spans="14:14">
      <c r="N190592" s="10"/>
    </row>
    <row r="190593" spans="14:14">
      <c r="N190593" s="10"/>
    </row>
    <row r="190594" spans="14:14">
      <c r="N190594" s="10"/>
    </row>
    <row r="190595" spans="14:14">
      <c r="N190595" s="10"/>
    </row>
    <row r="190596" spans="14:14">
      <c r="N190596" s="10"/>
    </row>
    <row r="190597" spans="14:14">
      <c r="N190597" s="10"/>
    </row>
    <row r="190598" spans="14:14">
      <c r="N190598" s="10"/>
    </row>
    <row r="190599" spans="14:14">
      <c r="N190599" s="10"/>
    </row>
    <row r="190600" spans="14:14">
      <c r="N190600" s="10"/>
    </row>
    <row r="190601" spans="14:14">
      <c r="N190601" s="10"/>
    </row>
    <row r="190602" spans="14:14">
      <c r="N190602" s="10"/>
    </row>
    <row r="190603" spans="14:14">
      <c r="N190603" s="10"/>
    </row>
    <row r="190604" spans="14:14">
      <c r="N190604" s="10"/>
    </row>
    <row r="190605" spans="14:14">
      <c r="N190605" s="10"/>
    </row>
    <row r="190606" spans="14:14">
      <c r="N190606" s="10"/>
    </row>
    <row r="190607" spans="14:14">
      <c r="N190607" s="10"/>
    </row>
    <row r="190608" spans="14:14">
      <c r="N190608" s="10"/>
    </row>
    <row r="190609" spans="14:14">
      <c r="N190609" s="10"/>
    </row>
    <row r="190610" spans="14:14">
      <c r="N190610" s="10"/>
    </row>
    <row r="190611" spans="14:14">
      <c r="N190611" s="10"/>
    </row>
    <row r="190612" spans="14:14">
      <c r="N190612" s="10"/>
    </row>
    <row r="190613" spans="14:14">
      <c r="N190613" s="10"/>
    </row>
    <row r="190614" spans="14:14">
      <c r="N190614" s="10"/>
    </row>
    <row r="190615" spans="14:14">
      <c r="N190615" s="10"/>
    </row>
    <row r="190616" spans="14:14">
      <c r="N190616" s="10"/>
    </row>
    <row r="190617" spans="14:14">
      <c r="N190617" s="10"/>
    </row>
    <row r="190618" spans="14:14">
      <c r="N190618" s="10"/>
    </row>
    <row r="190619" spans="14:14">
      <c r="N190619" s="10"/>
    </row>
    <row r="190620" spans="14:14">
      <c r="N190620" s="10"/>
    </row>
    <row r="190621" spans="14:14">
      <c r="N190621" s="10"/>
    </row>
    <row r="190622" spans="14:14">
      <c r="N190622" s="10"/>
    </row>
    <row r="190623" spans="14:14">
      <c r="N190623" s="10"/>
    </row>
    <row r="190624" spans="14:14">
      <c r="N190624" s="10"/>
    </row>
    <row r="190625" spans="14:14">
      <c r="N190625" s="10"/>
    </row>
    <row r="190626" spans="14:14">
      <c r="N190626" s="10"/>
    </row>
    <row r="190627" spans="14:14">
      <c r="N190627" s="10"/>
    </row>
    <row r="190628" spans="14:14">
      <c r="N190628" s="10"/>
    </row>
    <row r="190629" spans="14:14">
      <c r="N190629" s="10"/>
    </row>
    <row r="190630" spans="14:14">
      <c r="N190630" s="10"/>
    </row>
    <row r="190631" spans="14:14">
      <c r="N190631" s="10"/>
    </row>
    <row r="190632" spans="14:14">
      <c r="N190632" s="10"/>
    </row>
    <row r="190633" spans="14:14">
      <c r="N190633" s="10"/>
    </row>
    <row r="190634" spans="14:14">
      <c r="N190634" s="10"/>
    </row>
    <row r="190635" spans="14:14">
      <c r="N190635" s="10"/>
    </row>
    <row r="190636" spans="14:14">
      <c r="N190636" s="10"/>
    </row>
    <row r="190637" spans="14:14">
      <c r="N190637" s="10"/>
    </row>
    <row r="190638" spans="14:14">
      <c r="N190638" s="10"/>
    </row>
    <row r="190639" spans="14:14">
      <c r="N190639" s="10"/>
    </row>
    <row r="190640" spans="14:14">
      <c r="N190640" s="10"/>
    </row>
    <row r="190641" spans="14:14">
      <c r="N190641" s="10"/>
    </row>
    <row r="190642" spans="14:14">
      <c r="N190642" s="10"/>
    </row>
    <row r="190643" spans="14:14">
      <c r="N190643" s="10"/>
    </row>
    <row r="190644" spans="14:14">
      <c r="N190644" s="10"/>
    </row>
    <row r="190645" spans="14:14">
      <c r="N190645" s="10"/>
    </row>
    <row r="190646" spans="14:14">
      <c r="N190646" s="10"/>
    </row>
    <row r="190647" spans="14:14">
      <c r="N190647" s="10"/>
    </row>
    <row r="190648" spans="14:14">
      <c r="N190648" s="10"/>
    </row>
    <row r="190649" spans="14:14">
      <c r="N190649" s="10"/>
    </row>
    <row r="190650" spans="14:14">
      <c r="N190650" s="10"/>
    </row>
    <row r="190651" spans="14:14">
      <c r="N190651" s="10"/>
    </row>
    <row r="190652" spans="14:14">
      <c r="N190652" s="10"/>
    </row>
    <row r="190653" spans="14:14">
      <c r="N190653" s="10"/>
    </row>
    <row r="190654" spans="14:14">
      <c r="N190654" s="10"/>
    </row>
    <row r="190655" spans="14:14">
      <c r="N190655" s="10"/>
    </row>
    <row r="190656" spans="14:14">
      <c r="N190656" s="10"/>
    </row>
    <row r="190657" spans="14:14">
      <c r="N190657" s="10"/>
    </row>
    <row r="190658" spans="14:14">
      <c r="N190658" s="10"/>
    </row>
    <row r="190659" spans="14:14">
      <c r="N190659" s="10"/>
    </row>
    <row r="190660" spans="14:14">
      <c r="N190660" s="10"/>
    </row>
    <row r="190661" spans="14:14">
      <c r="N190661" s="10"/>
    </row>
    <row r="190662" spans="14:14">
      <c r="N190662" s="10"/>
    </row>
    <row r="190663" spans="14:14">
      <c r="N190663" s="10"/>
    </row>
    <row r="190664" spans="14:14">
      <c r="N190664" s="10"/>
    </row>
    <row r="190665" spans="14:14">
      <c r="N190665" s="10"/>
    </row>
    <row r="190666" spans="14:14">
      <c r="N190666" s="10"/>
    </row>
    <row r="190667" spans="14:14">
      <c r="N190667" s="10"/>
    </row>
    <row r="190668" spans="14:14">
      <c r="N190668" s="10"/>
    </row>
    <row r="190669" spans="14:14">
      <c r="N190669" s="10"/>
    </row>
    <row r="190670" spans="14:14">
      <c r="N190670" s="10"/>
    </row>
    <row r="190671" spans="14:14">
      <c r="N190671" s="10"/>
    </row>
    <row r="190672" spans="14:14">
      <c r="N190672" s="10"/>
    </row>
    <row r="190673" spans="14:14">
      <c r="N190673" s="10"/>
    </row>
    <row r="190674" spans="14:14">
      <c r="N190674" s="10"/>
    </row>
    <row r="190675" spans="14:14">
      <c r="N190675" s="10"/>
    </row>
    <row r="190676" spans="14:14">
      <c r="N190676" s="10"/>
    </row>
    <row r="190677" spans="14:14">
      <c r="N190677" s="10"/>
    </row>
    <row r="190678" spans="14:14">
      <c r="N190678" s="10"/>
    </row>
    <row r="190679" spans="14:14">
      <c r="N190679" s="10"/>
    </row>
    <row r="190680" spans="14:14">
      <c r="N190680" s="10"/>
    </row>
    <row r="190681" spans="14:14">
      <c r="N190681" s="10"/>
    </row>
    <row r="190682" spans="14:14">
      <c r="N190682" s="10"/>
    </row>
    <row r="190683" spans="14:14">
      <c r="N190683" s="10"/>
    </row>
    <row r="190684" spans="14:14">
      <c r="N190684" s="10"/>
    </row>
    <row r="190685" spans="14:14">
      <c r="N190685" s="10"/>
    </row>
    <row r="190686" spans="14:14">
      <c r="N190686" s="10"/>
    </row>
    <row r="190687" spans="14:14">
      <c r="N190687" s="10"/>
    </row>
    <row r="190688" spans="14:14">
      <c r="N190688" s="10"/>
    </row>
    <row r="190689" spans="14:14">
      <c r="N190689" s="10"/>
    </row>
    <row r="190690" spans="14:14">
      <c r="N190690" s="10"/>
    </row>
    <row r="190691" spans="14:14">
      <c r="N190691" s="10"/>
    </row>
    <row r="190692" spans="14:14">
      <c r="N190692" s="10"/>
    </row>
    <row r="190693" spans="14:14">
      <c r="N190693" s="10"/>
    </row>
    <row r="190694" spans="14:14">
      <c r="N190694" s="10"/>
    </row>
    <row r="190695" spans="14:14">
      <c r="N190695" s="10"/>
    </row>
    <row r="190696" spans="14:14">
      <c r="N190696" s="10"/>
    </row>
    <row r="190697" spans="14:14">
      <c r="N190697" s="10"/>
    </row>
    <row r="190698" spans="14:14">
      <c r="N190698" s="10"/>
    </row>
    <row r="190699" spans="14:14">
      <c r="N190699" s="10"/>
    </row>
    <row r="190700" spans="14:14">
      <c r="N190700" s="10"/>
    </row>
    <row r="190701" spans="14:14">
      <c r="N190701" s="10"/>
    </row>
    <row r="190702" spans="14:14">
      <c r="N190702" s="10"/>
    </row>
    <row r="190703" spans="14:14">
      <c r="N190703" s="10"/>
    </row>
    <row r="190704" spans="14:14">
      <c r="N190704" s="10"/>
    </row>
    <row r="190705" spans="14:14">
      <c r="N190705" s="10"/>
    </row>
    <row r="190706" spans="14:14">
      <c r="N190706" s="10"/>
    </row>
    <row r="190707" spans="14:14">
      <c r="N190707" s="10"/>
    </row>
    <row r="190708" spans="14:14">
      <c r="N190708" s="10"/>
    </row>
    <row r="190709" spans="14:14">
      <c r="N190709" s="10"/>
    </row>
    <row r="190710" spans="14:14">
      <c r="N190710" s="10"/>
    </row>
    <row r="190711" spans="14:14">
      <c r="N190711" s="10"/>
    </row>
    <row r="190712" spans="14:14">
      <c r="N190712" s="10"/>
    </row>
    <row r="190713" spans="14:14">
      <c r="N190713" s="10"/>
    </row>
    <row r="190714" spans="14:14">
      <c r="N190714" s="10"/>
    </row>
    <row r="190715" spans="14:14">
      <c r="N190715" s="10"/>
    </row>
    <row r="190716" spans="14:14">
      <c r="N190716" s="10"/>
    </row>
    <row r="190717" spans="14:14">
      <c r="N190717" s="10"/>
    </row>
    <row r="190718" spans="14:14">
      <c r="N190718" s="10"/>
    </row>
    <row r="190719" spans="14:14">
      <c r="N190719" s="10"/>
    </row>
    <row r="190720" spans="14:14">
      <c r="N190720" s="10"/>
    </row>
    <row r="190721" spans="14:14">
      <c r="N190721" s="10"/>
    </row>
    <row r="190722" spans="14:14">
      <c r="N190722" s="10"/>
    </row>
    <row r="190723" spans="14:14">
      <c r="N190723" s="10"/>
    </row>
    <row r="190724" spans="14:14">
      <c r="N190724" s="10"/>
    </row>
    <row r="190725" spans="14:14">
      <c r="N190725" s="10"/>
    </row>
    <row r="190726" spans="14:14">
      <c r="N190726" s="10"/>
    </row>
    <row r="190727" spans="14:14">
      <c r="N190727" s="10"/>
    </row>
    <row r="190728" spans="14:14">
      <c r="N190728" s="10"/>
    </row>
    <row r="190729" spans="14:14">
      <c r="N190729" s="10"/>
    </row>
    <row r="190730" spans="14:14">
      <c r="N190730" s="10"/>
    </row>
    <row r="190731" spans="14:14">
      <c r="N190731" s="10"/>
    </row>
    <row r="190732" spans="14:14">
      <c r="N190732" s="10"/>
    </row>
    <row r="190733" spans="14:14">
      <c r="N190733" s="10"/>
    </row>
    <row r="190734" spans="14:14">
      <c r="N190734" s="10"/>
    </row>
    <row r="190735" spans="14:14">
      <c r="N190735" s="10"/>
    </row>
    <row r="190736" spans="14:14">
      <c r="N190736" s="10"/>
    </row>
    <row r="190737" spans="14:14">
      <c r="N190737" s="10"/>
    </row>
    <row r="190738" spans="14:14">
      <c r="N190738" s="10"/>
    </row>
    <row r="190739" spans="14:14">
      <c r="N190739" s="10"/>
    </row>
    <row r="190740" spans="14:14">
      <c r="N190740" s="10"/>
    </row>
    <row r="190741" spans="14:14">
      <c r="N190741" s="10"/>
    </row>
    <row r="190742" spans="14:14">
      <c r="N190742" s="10"/>
    </row>
    <row r="190743" spans="14:14">
      <c r="N190743" s="10"/>
    </row>
    <row r="190744" spans="14:14">
      <c r="N190744" s="10"/>
    </row>
    <row r="190745" spans="14:14">
      <c r="N190745" s="10"/>
    </row>
    <row r="190746" spans="14:14">
      <c r="N190746" s="10"/>
    </row>
    <row r="190747" spans="14:14">
      <c r="N190747" s="10"/>
    </row>
    <row r="190748" spans="14:14">
      <c r="N190748" s="10"/>
    </row>
    <row r="190749" spans="14:14">
      <c r="N190749" s="10"/>
    </row>
    <row r="190750" spans="14:14">
      <c r="N190750" s="10"/>
    </row>
    <row r="190751" spans="14:14">
      <c r="N190751" s="10"/>
    </row>
    <row r="190752" spans="14:14">
      <c r="N190752" s="10"/>
    </row>
    <row r="190753" spans="14:14">
      <c r="N190753" s="10"/>
    </row>
    <row r="190754" spans="14:14">
      <c r="N190754" s="10"/>
    </row>
    <row r="190755" spans="14:14">
      <c r="N190755" s="10"/>
    </row>
    <row r="190756" spans="14:14">
      <c r="N190756" s="10"/>
    </row>
    <row r="190757" spans="14:14">
      <c r="N190757" s="10"/>
    </row>
    <row r="190758" spans="14:14">
      <c r="N190758" s="10"/>
    </row>
    <row r="190759" spans="14:14">
      <c r="N190759" s="10"/>
    </row>
    <row r="190760" spans="14:14">
      <c r="N190760" s="10"/>
    </row>
    <row r="190761" spans="14:14">
      <c r="N190761" s="10"/>
    </row>
    <row r="190762" spans="14:14">
      <c r="N190762" s="10"/>
    </row>
    <row r="190763" spans="14:14">
      <c r="N190763" s="10"/>
    </row>
    <row r="190764" spans="14:14">
      <c r="N190764" s="10"/>
    </row>
    <row r="190765" spans="14:14">
      <c r="N190765" s="10"/>
    </row>
    <row r="190766" spans="14:14">
      <c r="N190766" s="10"/>
    </row>
    <row r="190767" spans="14:14">
      <c r="N190767" s="10"/>
    </row>
    <row r="190768" spans="14:14">
      <c r="N190768" s="10"/>
    </row>
    <row r="190769" spans="14:14">
      <c r="N190769" s="10"/>
    </row>
    <row r="190770" spans="14:14">
      <c r="N190770" s="10"/>
    </row>
    <row r="190771" spans="14:14">
      <c r="N190771" s="10"/>
    </row>
    <row r="190772" spans="14:14">
      <c r="N190772" s="10"/>
    </row>
    <row r="190773" spans="14:14">
      <c r="N190773" s="10"/>
    </row>
    <row r="190774" spans="14:14">
      <c r="N190774" s="10"/>
    </row>
    <row r="190775" spans="14:14">
      <c r="N190775" s="10"/>
    </row>
    <row r="190776" spans="14:14">
      <c r="N190776" s="10"/>
    </row>
    <row r="190777" spans="14:14">
      <c r="N190777" s="10"/>
    </row>
    <row r="190778" spans="14:14">
      <c r="N190778" s="10"/>
    </row>
    <row r="190779" spans="14:14">
      <c r="N190779" s="10"/>
    </row>
    <row r="190780" spans="14:14">
      <c r="N190780" s="10"/>
    </row>
    <row r="190781" spans="14:14">
      <c r="N190781" s="10"/>
    </row>
    <row r="190782" spans="14:14">
      <c r="N190782" s="10"/>
    </row>
    <row r="190783" spans="14:14">
      <c r="N190783" s="10"/>
    </row>
    <row r="190784" spans="14:14">
      <c r="N190784" s="10"/>
    </row>
    <row r="190785" spans="14:14">
      <c r="N190785" s="10"/>
    </row>
    <row r="190786" spans="14:14">
      <c r="N190786" s="10"/>
    </row>
    <row r="190787" spans="14:14">
      <c r="N190787" s="10"/>
    </row>
    <row r="190788" spans="14:14">
      <c r="N190788" s="10"/>
    </row>
    <row r="190789" spans="14:14">
      <c r="N190789" s="10"/>
    </row>
    <row r="190790" spans="14:14">
      <c r="N190790" s="10"/>
    </row>
    <row r="190791" spans="14:14">
      <c r="N190791" s="10"/>
    </row>
    <row r="190792" spans="14:14">
      <c r="N190792" s="10"/>
    </row>
    <row r="190793" spans="14:14">
      <c r="N190793" s="10"/>
    </row>
    <row r="190794" spans="14:14">
      <c r="N190794" s="10"/>
    </row>
    <row r="190795" spans="14:14">
      <c r="N190795" s="10"/>
    </row>
    <row r="190796" spans="14:14">
      <c r="N190796" s="10"/>
    </row>
    <row r="190797" spans="14:14">
      <c r="N190797" s="10"/>
    </row>
    <row r="190798" spans="14:14">
      <c r="N190798" s="10"/>
    </row>
    <row r="190799" spans="14:14">
      <c r="N190799" s="10"/>
    </row>
    <row r="190800" spans="14:14">
      <c r="N190800" s="10"/>
    </row>
    <row r="190801" spans="14:14">
      <c r="N190801" s="10"/>
    </row>
    <row r="190802" spans="14:14">
      <c r="N190802" s="10"/>
    </row>
    <row r="190803" spans="14:14">
      <c r="N190803" s="10"/>
    </row>
    <row r="190804" spans="14:14">
      <c r="N190804" s="10"/>
    </row>
    <row r="190805" spans="14:14">
      <c r="N190805" s="10"/>
    </row>
    <row r="190806" spans="14:14">
      <c r="N190806" s="10"/>
    </row>
    <row r="190807" spans="14:14">
      <c r="N190807" s="10"/>
    </row>
    <row r="190808" spans="14:14">
      <c r="N190808" s="10"/>
    </row>
    <row r="190809" spans="14:14">
      <c r="N190809" s="10"/>
    </row>
    <row r="190810" spans="14:14">
      <c r="N190810" s="10"/>
    </row>
    <row r="190811" spans="14:14">
      <c r="N190811" s="10"/>
    </row>
    <row r="190812" spans="14:14">
      <c r="N190812" s="10"/>
    </row>
    <row r="190813" spans="14:14">
      <c r="N190813" s="10"/>
    </row>
    <row r="190814" spans="14:14">
      <c r="N190814" s="10"/>
    </row>
    <row r="190815" spans="14:14">
      <c r="N190815" s="10"/>
    </row>
    <row r="190816" spans="14:14">
      <c r="N190816" s="10"/>
    </row>
    <row r="190817" spans="14:14">
      <c r="N190817" s="10"/>
    </row>
    <row r="190818" spans="14:14">
      <c r="N190818" s="10"/>
    </row>
    <row r="190819" spans="14:14">
      <c r="N190819" s="10"/>
    </row>
    <row r="190820" spans="14:14">
      <c r="N190820" s="10"/>
    </row>
    <row r="190821" spans="14:14">
      <c r="N190821" s="10"/>
    </row>
    <row r="190822" spans="14:14">
      <c r="N190822" s="10"/>
    </row>
    <row r="190823" spans="14:14">
      <c r="N190823" s="10"/>
    </row>
    <row r="190824" spans="14:14">
      <c r="N190824" s="10"/>
    </row>
    <row r="190825" spans="14:14">
      <c r="N190825" s="10"/>
    </row>
    <row r="190826" spans="14:14">
      <c r="N190826" s="10"/>
    </row>
    <row r="190827" spans="14:14">
      <c r="N190827" s="10"/>
    </row>
    <row r="190828" spans="14:14">
      <c r="N190828" s="10"/>
    </row>
    <row r="190829" spans="14:14">
      <c r="N190829" s="10"/>
    </row>
    <row r="190830" spans="14:14">
      <c r="N190830" s="10"/>
    </row>
    <row r="190831" spans="14:14">
      <c r="N190831" s="10"/>
    </row>
    <row r="190832" spans="14:14">
      <c r="N190832" s="10"/>
    </row>
    <row r="190833" spans="14:14">
      <c r="N190833" s="10"/>
    </row>
    <row r="190834" spans="14:14">
      <c r="N190834" s="10"/>
    </row>
    <row r="190835" spans="14:14">
      <c r="N190835" s="10"/>
    </row>
    <row r="190836" spans="14:14">
      <c r="N190836" s="10"/>
    </row>
    <row r="190837" spans="14:14">
      <c r="N190837" s="10"/>
    </row>
    <row r="190838" spans="14:14">
      <c r="N190838" s="10"/>
    </row>
    <row r="190839" spans="14:14">
      <c r="N190839" s="10"/>
    </row>
    <row r="190840" spans="14:14">
      <c r="N190840" s="10"/>
    </row>
    <row r="190841" spans="14:14">
      <c r="N190841" s="10"/>
    </row>
    <row r="190842" spans="14:14">
      <c r="N190842" s="10"/>
    </row>
    <row r="190843" spans="14:14">
      <c r="N190843" s="10"/>
    </row>
    <row r="190844" spans="14:14">
      <c r="N190844" s="10"/>
    </row>
    <row r="190845" spans="14:14">
      <c r="N190845" s="10"/>
    </row>
    <row r="190846" spans="14:14">
      <c r="N190846" s="10"/>
    </row>
    <row r="190847" spans="14:14">
      <c r="N190847" s="10"/>
    </row>
    <row r="190848" spans="14:14">
      <c r="N190848" s="10"/>
    </row>
    <row r="190849" spans="14:14">
      <c r="N190849" s="10"/>
    </row>
    <row r="190850" spans="14:14">
      <c r="N190850" s="10"/>
    </row>
    <row r="190851" spans="14:14">
      <c r="N190851" s="10"/>
    </row>
    <row r="190852" spans="14:14">
      <c r="N190852" s="10"/>
    </row>
    <row r="190853" spans="14:14">
      <c r="N190853" s="10"/>
    </row>
    <row r="190854" spans="14:14">
      <c r="N190854" s="10"/>
    </row>
    <row r="190855" spans="14:14">
      <c r="N190855" s="10"/>
    </row>
    <row r="190856" spans="14:14">
      <c r="N190856" s="10"/>
    </row>
    <row r="190857" spans="14:14">
      <c r="N190857" s="10"/>
    </row>
    <row r="190858" spans="14:14">
      <c r="N190858" s="10"/>
    </row>
    <row r="190859" spans="14:14">
      <c r="N190859" s="10"/>
    </row>
    <row r="190860" spans="14:14">
      <c r="N190860" s="10"/>
    </row>
    <row r="190861" spans="14:14">
      <c r="N190861" s="10"/>
    </row>
    <row r="190862" spans="14:14">
      <c r="N190862" s="10"/>
    </row>
    <row r="190863" spans="14:14">
      <c r="N190863" s="10"/>
    </row>
    <row r="190864" spans="14:14">
      <c r="N190864" s="10"/>
    </row>
    <row r="190865" spans="14:14">
      <c r="N190865" s="10"/>
    </row>
    <row r="190866" spans="14:14">
      <c r="N190866" s="10"/>
    </row>
    <row r="190867" spans="14:14">
      <c r="N190867" s="10"/>
    </row>
    <row r="190868" spans="14:14">
      <c r="N190868" s="10"/>
    </row>
    <row r="190869" spans="14:14">
      <c r="N190869" s="10"/>
    </row>
    <row r="190870" spans="14:14">
      <c r="N190870" s="10"/>
    </row>
    <row r="190871" spans="14:14">
      <c r="N190871" s="10"/>
    </row>
    <row r="190872" spans="14:14">
      <c r="N190872" s="10"/>
    </row>
    <row r="190873" spans="14:14">
      <c r="N190873" s="10"/>
    </row>
    <row r="190874" spans="14:14">
      <c r="N190874" s="10"/>
    </row>
    <row r="190875" spans="14:14">
      <c r="N190875" s="10"/>
    </row>
    <row r="190876" spans="14:14">
      <c r="N190876" s="10"/>
    </row>
    <row r="190877" spans="14:14">
      <c r="N190877" s="10"/>
    </row>
    <row r="190878" spans="14:14">
      <c r="N190878" s="10"/>
    </row>
    <row r="190879" spans="14:14">
      <c r="N190879" s="10"/>
    </row>
    <row r="190880" spans="14:14">
      <c r="N190880" s="10"/>
    </row>
    <row r="190881" spans="14:14">
      <c r="N190881" s="10"/>
    </row>
    <row r="190882" spans="14:14">
      <c r="N190882" s="10"/>
    </row>
    <row r="190883" spans="14:14">
      <c r="N190883" s="10"/>
    </row>
    <row r="190884" spans="14:14">
      <c r="N190884" s="10"/>
    </row>
    <row r="190885" spans="14:14">
      <c r="N190885" s="10"/>
    </row>
    <row r="190886" spans="14:14">
      <c r="N190886" s="10"/>
    </row>
    <row r="190887" spans="14:14">
      <c r="N190887" s="10"/>
    </row>
    <row r="190888" spans="14:14">
      <c r="N190888" s="10"/>
    </row>
    <row r="190889" spans="14:14">
      <c r="N190889" s="10"/>
    </row>
    <row r="190890" spans="14:14">
      <c r="N190890" s="10"/>
    </row>
    <row r="190891" spans="14:14">
      <c r="N190891" s="10"/>
    </row>
    <row r="190892" spans="14:14">
      <c r="N190892" s="10"/>
    </row>
    <row r="190893" spans="14:14">
      <c r="N190893" s="10"/>
    </row>
    <row r="190894" spans="14:14">
      <c r="N190894" s="10"/>
    </row>
    <row r="190895" spans="14:14">
      <c r="N190895" s="10"/>
    </row>
    <row r="190896" spans="14:14">
      <c r="N190896" s="10"/>
    </row>
    <row r="190897" spans="14:14">
      <c r="N190897" s="10"/>
    </row>
    <row r="190898" spans="14:14">
      <c r="N190898" s="10"/>
    </row>
    <row r="190899" spans="14:14">
      <c r="N190899" s="10"/>
    </row>
    <row r="190900" spans="14:14">
      <c r="N190900" s="10"/>
    </row>
    <row r="190901" spans="14:14">
      <c r="N190901" s="10"/>
    </row>
    <row r="190902" spans="14:14">
      <c r="N190902" s="10"/>
    </row>
    <row r="190903" spans="14:14">
      <c r="N190903" s="10"/>
    </row>
    <row r="190904" spans="14:14">
      <c r="N190904" s="10"/>
    </row>
    <row r="190905" spans="14:14">
      <c r="N190905" s="10"/>
    </row>
    <row r="190906" spans="14:14">
      <c r="N190906" s="10"/>
    </row>
    <row r="190907" spans="14:14">
      <c r="N190907" s="10"/>
    </row>
    <row r="190908" spans="14:14">
      <c r="N190908" s="10"/>
    </row>
    <row r="190909" spans="14:14">
      <c r="N190909" s="10"/>
    </row>
    <row r="190910" spans="14:14">
      <c r="N190910" s="10"/>
    </row>
    <row r="190911" spans="14:14">
      <c r="N190911" s="10"/>
    </row>
    <row r="190912" spans="14:14">
      <c r="N190912" s="10"/>
    </row>
    <row r="190913" spans="14:14">
      <c r="N190913" s="10"/>
    </row>
    <row r="190914" spans="14:14">
      <c r="N190914" s="10"/>
    </row>
    <row r="190915" spans="14:14">
      <c r="N190915" s="10"/>
    </row>
    <row r="190916" spans="14:14">
      <c r="N190916" s="10"/>
    </row>
    <row r="190917" spans="14:14">
      <c r="N190917" s="10"/>
    </row>
    <row r="190918" spans="14:14">
      <c r="N190918" s="10"/>
    </row>
    <row r="190919" spans="14:14">
      <c r="N190919" s="10"/>
    </row>
    <row r="190920" spans="14:14">
      <c r="N190920" s="10"/>
    </row>
    <row r="190921" spans="14:14">
      <c r="N190921" s="10"/>
    </row>
    <row r="190922" spans="14:14">
      <c r="N190922" s="10"/>
    </row>
    <row r="190923" spans="14:14">
      <c r="N190923" s="10"/>
    </row>
    <row r="190924" spans="14:14">
      <c r="N190924" s="10"/>
    </row>
    <row r="190925" spans="14:14">
      <c r="N190925" s="10"/>
    </row>
    <row r="190926" spans="14:14">
      <c r="N190926" s="10"/>
    </row>
    <row r="190927" spans="14:14">
      <c r="N190927" s="10"/>
    </row>
    <row r="190928" spans="14:14">
      <c r="N190928" s="10"/>
    </row>
    <row r="190929" spans="14:14">
      <c r="N190929" s="10"/>
    </row>
    <row r="190930" spans="14:14">
      <c r="N190930" s="10"/>
    </row>
    <row r="190931" spans="14:14">
      <c r="N190931" s="10"/>
    </row>
    <row r="190932" spans="14:14">
      <c r="N190932" s="10"/>
    </row>
    <row r="190933" spans="14:14">
      <c r="N190933" s="10"/>
    </row>
    <row r="190934" spans="14:14">
      <c r="N190934" s="10"/>
    </row>
    <row r="190935" spans="14:14">
      <c r="N190935" s="10"/>
    </row>
    <row r="190936" spans="14:14">
      <c r="N190936" s="10"/>
    </row>
    <row r="190937" spans="14:14">
      <c r="N190937" s="10"/>
    </row>
    <row r="190938" spans="14:14">
      <c r="N190938" s="10"/>
    </row>
    <row r="190939" spans="14:14">
      <c r="N190939" s="10"/>
    </row>
    <row r="190940" spans="14:14">
      <c r="N190940" s="10"/>
    </row>
    <row r="190941" spans="14:14">
      <c r="N190941" s="10"/>
    </row>
    <row r="190942" spans="14:14">
      <c r="N190942" s="10"/>
    </row>
    <row r="190943" spans="14:14">
      <c r="N190943" s="10"/>
    </row>
    <row r="190944" spans="14:14">
      <c r="N190944" s="10"/>
    </row>
    <row r="190945" spans="14:14">
      <c r="N190945" s="10"/>
    </row>
    <row r="190946" spans="14:14">
      <c r="N190946" s="10"/>
    </row>
    <row r="190947" spans="14:14">
      <c r="N190947" s="10"/>
    </row>
    <row r="190948" spans="14:14">
      <c r="N190948" s="10"/>
    </row>
    <row r="190949" spans="14:14">
      <c r="N190949" s="10"/>
    </row>
    <row r="190950" spans="14:14">
      <c r="N190950" s="10"/>
    </row>
    <row r="190951" spans="14:14">
      <c r="N190951" s="10"/>
    </row>
    <row r="190952" spans="14:14">
      <c r="N190952" s="10"/>
    </row>
    <row r="190953" spans="14:14">
      <c r="N190953" s="10"/>
    </row>
    <row r="190954" spans="14:14">
      <c r="N190954" s="10"/>
    </row>
    <row r="190955" spans="14:14">
      <c r="N190955" s="10"/>
    </row>
    <row r="190956" spans="14:14">
      <c r="N190956" s="10"/>
    </row>
    <row r="190957" spans="14:14">
      <c r="N190957" s="10"/>
    </row>
    <row r="190958" spans="14:14">
      <c r="N190958" s="10"/>
    </row>
    <row r="190959" spans="14:14">
      <c r="N190959" s="10"/>
    </row>
    <row r="190960" spans="14:14">
      <c r="N190960" s="10"/>
    </row>
    <row r="190961" spans="14:14">
      <c r="N190961" s="10"/>
    </row>
    <row r="190962" spans="14:14">
      <c r="N190962" s="10"/>
    </row>
    <row r="190963" spans="14:14">
      <c r="N190963" s="10"/>
    </row>
    <row r="190964" spans="14:14">
      <c r="N190964" s="10"/>
    </row>
    <row r="190965" spans="14:14">
      <c r="N190965" s="10"/>
    </row>
    <row r="190966" spans="14:14">
      <c r="N190966" s="10"/>
    </row>
    <row r="190967" spans="14:14">
      <c r="N190967" s="10"/>
    </row>
    <row r="190968" spans="14:14">
      <c r="N190968" s="10"/>
    </row>
    <row r="190969" spans="14:14">
      <c r="N190969" s="10"/>
    </row>
    <row r="190970" spans="14:14">
      <c r="N190970" s="10"/>
    </row>
    <row r="190971" spans="14:14">
      <c r="N190971" s="10"/>
    </row>
    <row r="190972" spans="14:14">
      <c r="N190972" s="10"/>
    </row>
    <row r="190973" spans="14:14">
      <c r="N190973" s="10"/>
    </row>
    <row r="190974" spans="14:14">
      <c r="N190974" s="10"/>
    </row>
    <row r="190975" spans="14:14">
      <c r="N190975" s="10"/>
    </row>
    <row r="190976" spans="14:14">
      <c r="N190976" s="10"/>
    </row>
    <row r="190977" spans="14:14">
      <c r="N190977" s="10"/>
    </row>
    <row r="190978" spans="14:14">
      <c r="N190978" s="10"/>
    </row>
    <row r="190979" spans="14:14">
      <c r="N190979" s="10"/>
    </row>
    <row r="190980" spans="14:14">
      <c r="N190980" s="10"/>
    </row>
    <row r="190981" spans="14:14">
      <c r="N190981" s="10"/>
    </row>
    <row r="190982" spans="14:14">
      <c r="N190982" s="10"/>
    </row>
    <row r="190983" spans="14:14">
      <c r="N190983" s="10"/>
    </row>
    <row r="190984" spans="14:14">
      <c r="N190984" s="10"/>
    </row>
    <row r="190985" spans="14:14">
      <c r="N190985" s="10"/>
    </row>
    <row r="190986" spans="14:14">
      <c r="N190986" s="10"/>
    </row>
    <row r="190987" spans="14:14">
      <c r="N190987" s="10"/>
    </row>
    <row r="190988" spans="14:14">
      <c r="N190988" s="10"/>
    </row>
    <row r="190989" spans="14:14">
      <c r="N190989" s="10"/>
    </row>
    <row r="190990" spans="14:14">
      <c r="N190990" s="10"/>
    </row>
    <row r="190991" spans="14:14">
      <c r="N190991" s="10"/>
    </row>
    <row r="190992" spans="14:14">
      <c r="N190992" s="10"/>
    </row>
    <row r="190993" spans="14:14">
      <c r="N190993" s="10"/>
    </row>
    <row r="190994" spans="14:14">
      <c r="N190994" s="10"/>
    </row>
    <row r="190995" spans="14:14">
      <c r="N190995" s="10"/>
    </row>
    <row r="190996" spans="14:14">
      <c r="N190996" s="10"/>
    </row>
    <row r="190997" spans="14:14">
      <c r="N190997" s="10"/>
    </row>
    <row r="190998" spans="14:14">
      <c r="N190998" s="10"/>
    </row>
    <row r="190999" spans="14:14">
      <c r="N190999" s="10"/>
    </row>
    <row r="191000" spans="14:14">
      <c r="N191000" s="10"/>
    </row>
    <row r="191001" spans="14:14">
      <c r="N191001" s="10"/>
    </row>
    <row r="191002" spans="14:14">
      <c r="N191002" s="10"/>
    </row>
    <row r="191003" spans="14:14">
      <c r="N191003" s="10"/>
    </row>
    <row r="191004" spans="14:14">
      <c r="N191004" s="10"/>
    </row>
    <row r="191005" spans="14:14">
      <c r="N191005" s="10"/>
    </row>
    <row r="191006" spans="14:14">
      <c r="N191006" s="10"/>
    </row>
    <row r="191007" spans="14:14">
      <c r="N191007" s="10"/>
    </row>
    <row r="191008" spans="14:14">
      <c r="N191008" s="10"/>
    </row>
    <row r="191009" spans="14:14">
      <c r="N191009" s="10"/>
    </row>
    <row r="191010" spans="14:14">
      <c r="N191010" s="10"/>
    </row>
    <row r="191011" spans="14:14">
      <c r="N191011" s="10"/>
    </row>
    <row r="191012" spans="14:14">
      <c r="N191012" s="10"/>
    </row>
    <row r="191013" spans="14:14">
      <c r="N191013" s="10"/>
    </row>
    <row r="191014" spans="14:14">
      <c r="N191014" s="10"/>
    </row>
    <row r="191015" spans="14:14">
      <c r="N191015" s="10"/>
    </row>
    <row r="191016" spans="14:14">
      <c r="N191016" s="10"/>
    </row>
    <row r="191017" spans="14:14">
      <c r="N191017" s="10"/>
    </row>
    <row r="191018" spans="14:14">
      <c r="N191018" s="10"/>
    </row>
    <row r="191019" spans="14:14">
      <c r="N191019" s="10"/>
    </row>
    <row r="191020" spans="14:14">
      <c r="N191020" s="10"/>
    </row>
    <row r="191021" spans="14:14">
      <c r="N191021" s="10"/>
    </row>
    <row r="191022" spans="14:14">
      <c r="N191022" s="10"/>
    </row>
    <row r="191023" spans="14:14">
      <c r="N191023" s="10"/>
    </row>
    <row r="191024" spans="14:14">
      <c r="N191024" s="10"/>
    </row>
    <row r="191025" spans="14:14">
      <c r="N191025" s="10"/>
    </row>
    <row r="191026" spans="14:14">
      <c r="N191026" s="10"/>
    </row>
    <row r="191027" spans="14:14">
      <c r="N191027" s="10"/>
    </row>
    <row r="191028" spans="14:14">
      <c r="N191028" s="10"/>
    </row>
    <row r="191029" spans="14:14">
      <c r="N191029" s="10"/>
    </row>
    <row r="191030" spans="14:14">
      <c r="N191030" s="10"/>
    </row>
    <row r="191031" spans="14:14">
      <c r="N191031" s="10"/>
    </row>
    <row r="191032" spans="14:14">
      <c r="N191032" s="10"/>
    </row>
    <row r="191033" spans="14:14">
      <c r="N191033" s="10"/>
    </row>
    <row r="191034" spans="14:14">
      <c r="N191034" s="10"/>
    </row>
    <row r="191035" spans="14:14">
      <c r="N191035" s="10"/>
    </row>
    <row r="191036" spans="14:14">
      <c r="N191036" s="10"/>
    </row>
    <row r="191037" spans="14:14">
      <c r="N191037" s="10"/>
    </row>
    <row r="191038" spans="14:14">
      <c r="N191038" s="10"/>
    </row>
    <row r="191039" spans="14:14">
      <c r="N191039" s="10"/>
    </row>
    <row r="191040" spans="14:14">
      <c r="N191040" s="10"/>
    </row>
    <row r="191041" spans="14:14">
      <c r="N191041" s="10"/>
    </row>
    <row r="191042" spans="14:14">
      <c r="N191042" s="10"/>
    </row>
    <row r="191043" spans="14:14">
      <c r="N191043" s="10"/>
    </row>
    <row r="191044" spans="14:14">
      <c r="N191044" s="10"/>
    </row>
    <row r="191045" spans="14:14">
      <c r="N191045" s="10"/>
    </row>
    <row r="191046" spans="14:14">
      <c r="N191046" s="10"/>
    </row>
    <row r="191047" spans="14:14">
      <c r="N191047" s="10"/>
    </row>
    <row r="191048" spans="14:14">
      <c r="N191048" s="10"/>
    </row>
    <row r="191049" spans="14:14">
      <c r="N191049" s="10"/>
    </row>
    <row r="191050" spans="14:14">
      <c r="N191050" s="10"/>
    </row>
    <row r="191051" spans="14:14">
      <c r="N191051" s="10"/>
    </row>
    <row r="191052" spans="14:14">
      <c r="N191052" s="10"/>
    </row>
    <row r="191053" spans="14:14">
      <c r="N191053" s="10"/>
    </row>
    <row r="191054" spans="14:14">
      <c r="N191054" s="10"/>
    </row>
    <row r="191055" spans="14:14">
      <c r="N191055" s="10"/>
    </row>
    <row r="191056" spans="14:14">
      <c r="N191056" s="10"/>
    </row>
    <row r="191057" spans="14:14">
      <c r="N191057" s="10"/>
    </row>
    <row r="191058" spans="14:14">
      <c r="N191058" s="10"/>
    </row>
    <row r="191059" spans="14:14">
      <c r="N191059" s="10"/>
    </row>
    <row r="191060" spans="14:14">
      <c r="N191060" s="10"/>
    </row>
    <row r="191061" spans="14:14">
      <c r="N191061" s="10"/>
    </row>
    <row r="191062" spans="14:14">
      <c r="N191062" s="10"/>
    </row>
    <row r="191063" spans="14:14">
      <c r="N191063" s="10"/>
    </row>
    <row r="191064" spans="14:14">
      <c r="N191064" s="10"/>
    </row>
    <row r="191065" spans="14:14">
      <c r="N191065" s="10"/>
    </row>
    <row r="191066" spans="14:14">
      <c r="N191066" s="10"/>
    </row>
    <row r="191067" spans="14:14">
      <c r="N191067" s="10"/>
    </row>
    <row r="191068" spans="14:14">
      <c r="N191068" s="10"/>
    </row>
    <row r="191069" spans="14:14">
      <c r="N191069" s="10"/>
    </row>
    <row r="191070" spans="14:14">
      <c r="N191070" s="10"/>
    </row>
    <row r="191071" spans="14:14">
      <c r="N191071" s="10"/>
    </row>
    <row r="191072" spans="14:14">
      <c r="N191072" s="10"/>
    </row>
    <row r="191073" spans="14:14">
      <c r="N191073" s="10"/>
    </row>
    <row r="191074" spans="14:14">
      <c r="N191074" s="10"/>
    </row>
    <row r="191075" spans="14:14">
      <c r="N191075" s="10"/>
    </row>
    <row r="191076" spans="14:14">
      <c r="N191076" s="10"/>
    </row>
    <row r="191077" spans="14:14">
      <c r="N191077" s="10"/>
    </row>
    <row r="191078" spans="14:14">
      <c r="N191078" s="10"/>
    </row>
    <row r="191079" spans="14:14">
      <c r="N191079" s="10"/>
    </row>
    <row r="191080" spans="14:14">
      <c r="N191080" s="10"/>
    </row>
    <row r="191081" spans="14:14">
      <c r="N191081" s="10"/>
    </row>
    <row r="191082" spans="14:14">
      <c r="N191082" s="10"/>
    </row>
    <row r="191083" spans="14:14">
      <c r="N191083" s="10"/>
    </row>
    <row r="191084" spans="14:14">
      <c r="N191084" s="10"/>
    </row>
    <row r="191085" spans="14:14">
      <c r="N191085" s="10"/>
    </row>
    <row r="191086" spans="14:14">
      <c r="N191086" s="10"/>
    </row>
    <row r="191087" spans="14:14">
      <c r="N191087" s="10"/>
    </row>
    <row r="191088" spans="14:14">
      <c r="N191088" s="10"/>
    </row>
    <row r="191089" spans="14:14">
      <c r="N191089" s="10"/>
    </row>
    <row r="191090" spans="14:14">
      <c r="N191090" s="10"/>
    </row>
    <row r="191091" spans="14:14">
      <c r="N191091" s="10"/>
    </row>
    <row r="191092" spans="14:14">
      <c r="N191092" s="10"/>
    </row>
    <row r="191093" spans="14:14">
      <c r="N191093" s="10"/>
    </row>
    <row r="191094" spans="14:14">
      <c r="N191094" s="10"/>
    </row>
    <row r="191095" spans="14:14">
      <c r="N191095" s="10"/>
    </row>
    <row r="191096" spans="14:14">
      <c r="N191096" s="10"/>
    </row>
    <row r="191097" spans="14:14">
      <c r="N191097" s="10"/>
    </row>
    <row r="191098" spans="14:14">
      <c r="N191098" s="10"/>
    </row>
    <row r="191099" spans="14:14">
      <c r="N191099" s="10"/>
    </row>
    <row r="191100" spans="14:14">
      <c r="N191100" s="10"/>
    </row>
    <row r="191101" spans="14:14">
      <c r="N191101" s="10"/>
    </row>
    <row r="191102" spans="14:14">
      <c r="N191102" s="10"/>
    </row>
    <row r="191103" spans="14:14">
      <c r="N191103" s="10"/>
    </row>
    <row r="191104" spans="14:14">
      <c r="N191104" s="10"/>
    </row>
    <row r="191105" spans="14:14">
      <c r="N191105" s="10"/>
    </row>
    <row r="191106" spans="14:14">
      <c r="N191106" s="10"/>
    </row>
    <row r="191107" spans="14:14">
      <c r="N191107" s="10"/>
    </row>
    <row r="191108" spans="14:14">
      <c r="N191108" s="10"/>
    </row>
    <row r="191109" spans="14:14">
      <c r="N191109" s="10"/>
    </row>
    <row r="191110" spans="14:14">
      <c r="N191110" s="10"/>
    </row>
    <row r="191111" spans="14:14">
      <c r="N191111" s="10"/>
    </row>
    <row r="191112" spans="14:14">
      <c r="N191112" s="10"/>
    </row>
    <row r="191113" spans="14:14">
      <c r="N191113" s="10"/>
    </row>
    <row r="191114" spans="14:14">
      <c r="N191114" s="10"/>
    </row>
    <row r="191115" spans="14:14">
      <c r="N191115" s="10"/>
    </row>
    <row r="191116" spans="14:14">
      <c r="N191116" s="10"/>
    </row>
    <row r="191117" spans="14:14">
      <c r="N191117" s="10"/>
    </row>
    <row r="191118" spans="14:14">
      <c r="N191118" s="10"/>
    </row>
    <row r="191119" spans="14:14">
      <c r="N191119" s="10"/>
    </row>
    <row r="191120" spans="14:14">
      <c r="N191120" s="10"/>
    </row>
    <row r="191121" spans="14:14">
      <c r="N191121" s="10"/>
    </row>
    <row r="191122" spans="14:14">
      <c r="N191122" s="10"/>
    </row>
    <row r="191123" spans="14:14">
      <c r="N191123" s="10"/>
    </row>
    <row r="191124" spans="14:14">
      <c r="N191124" s="10"/>
    </row>
    <row r="191125" spans="14:14">
      <c r="N191125" s="10"/>
    </row>
    <row r="191126" spans="14:14">
      <c r="N191126" s="10"/>
    </row>
    <row r="191127" spans="14:14">
      <c r="N191127" s="10"/>
    </row>
    <row r="191128" spans="14:14">
      <c r="N191128" s="10"/>
    </row>
    <row r="191129" spans="14:14">
      <c r="N191129" s="10"/>
    </row>
    <row r="191130" spans="14:14">
      <c r="N191130" s="10"/>
    </row>
    <row r="191131" spans="14:14">
      <c r="N191131" s="10"/>
    </row>
    <row r="191132" spans="14:14">
      <c r="N191132" s="10"/>
    </row>
    <row r="191133" spans="14:14">
      <c r="N191133" s="10"/>
    </row>
    <row r="191134" spans="14:14">
      <c r="N191134" s="10"/>
    </row>
    <row r="191135" spans="14:14">
      <c r="N191135" s="10"/>
    </row>
    <row r="191136" spans="14:14">
      <c r="N191136" s="10"/>
    </row>
    <row r="191137" spans="14:14">
      <c r="N191137" s="10"/>
    </row>
    <row r="191138" spans="14:14">
      <c r="N191138" s="10"/>
    </row>
    <row r="191139" spans="14:14">
      <c r="N191139" s="10"/>
    </row>
    <row r="191140" spans="14:14">
      <c r="N191140" s="10"/>
    </row>
    <row r="191141" spans="14:14">
      <c r="N191141" s="10"/>
    </row>
    <row r="191142" spans="14:14">
      <c r="N191142" s="10"/>
    </row>
    <row r="191143" spans="14:14">
      <c r="N191143" s="10"/>
    </row>
    <row r="191144" spans="14:14">
      <c r="N191144" s="10"/>
    </row>
    <row r="191145" spans="14:14">
      <c r="N191145" s="10"/>
    </row>
    <row r="191146" spans="14:14">
      <c r="N191146" s="10"/>
    </row>
    <row r="191147" spans="14:14">
      <c r="N191147" s="10"/>
    </row>
    <row r="191148" spans="14:14">
      <c r="N191148" s="10"/>
    </row>
    <row r="191149" spans="14:14">
      <c r="N191149" s="10"/>
    </row>
    <row r="191150" spans="14:14">
      <c r="N191150" s="10"/>
    </row>
    <row r="191151" spans="14:14">
      <c r="N191151" s="10"/>
    </row>
    <row r="191152" spans="14:14">
      <c r="N191152" s="10"/>
    </row>
    <row r="191153" spans="14:14">
      <c r="N191153" s="10"/>
    </row>
    <row r="191154" spans="14:14">
      <c r="N191154" s="10"/>
    </row>
    <row r="191155" spans="14:14">
      <c r="N191155" s="10"/>
    </row>
    <row r="191156" spans="14:14">
      <c r="N191156" s="10"/>
    </row>
    <row r="191157" spans="14:14">
      <c r="N191157" s="10"/>
    </row>
    <row r="191158" spans="14:14">
      <c r="N191158" s="10"/>
    </row>
    <row r="191159" spans="14:14">
      <c r="N191159" s="10"/>
    </row>
    <row r="191160" spans="14:14">
      <c r="N191160" s="10"/>
    </row>
    <row r="191161" spans="14:14">
      <c r="N191161" s="10"/>
    </row>
    <row r="191162" spans="14:14">
      <c r="N191162" s="10"/>
    </row>
    <row r="191163" spans="14:14">
      <c r="N191163" s="10"/>
    </row>
    <row r="191164" spans="14:14">
      <c r="N191164" s="10"/>
    </row>
    <row r="191165" spans="14:14">
      <c r="N191165" s="10"/>
    </row>
    <row r="191166" spans="14:14">
      <c r="N191166" s="10"/>
    </row>
    <row r="191167" spans="14:14">
      <c r="N191167" s="10"/>
    </row>
    <row r="191168" spans="14:14">
      <c r="N191168" s="10"/>
    </row>
    <row r="191169" spans="14:14">
      <c r="N191169" s="10"/>
    </row>
    <row r="191170" spans="14:14">
      <c r="N191170" s="10"/>
    </row>
    <row r="191171" spans="14:14">
      <c r="N191171" s="10"/>
    </row>
    <row r="191172" spans="14:14">
      <c r="N191172" s="10"/>
    </row>
    <row r="191173" spans="14:14">
      <c r="N191173" s="10"/>
    </row>
    <row r="191174" spans="14:14">
      <c r="N191174" s="10"/>
    </row>
    <row r="191175" spans="14:14">
      <c r="N191175" s="10"/>
    </row>
    <row r="191176" spans="14:14">
      <c r="N191176" s="10"/>
    </row>
    <row r="191177" spans="14:14">
      <c r="N191177" s="10"/>
    </row>
    <row r="191178" spans="14:14">
      <c r="N191178" s="10"/>
    </row>
    <row r="191179" spans="14:14">
      <c r="N191179" s="10"/>
    </row>
    <row r="191180" spans="14:14">
      <c r="N191180" s="10"/>
    </row>
    <row r="191181" spans="14:14">
      <c r="N191181" s="10"/>
    </row>
    <row r="191182" spans="14:14">
      <c r="N191182" s="10"/>
    </row>
    <row r="191183" spans="14:14">
      <c r="N191183" s="10"/>
    </row>
    <row r="191184" spans="14:14">
      <c r="N191184" s="10"/>
    </row>
    <row r="191185" spans="14:14">
      <c r="N191185" s="10"/>
    </row>
    <row r="191186" spans="14:14">
      <c r="N191186" s="10"/>
    </row>
    <row r="191187" spans="14:14">
      <c r="N191187" s="10"/>
    </row>
    <row r="191188" spans="14:14">
      <c r="N191188" s="10"/>
    </row>
    <row r="191189" spans="14:14">
      <c r="N191189" s="10"/>
    </row>
    <row r="191190" spans="14:14">
      <c r="N191190" s="10"/>
    </row>
    <row r="191191" spans="14:14">
      <c r="N191191" s="10"/>
    </row>
    <row r="191192" spans="14:14">
      <c r="N191192" s="10"/>
    </row>
    <row r="191193" spans="14:14">
      <c r="N191193" s="10"/>
    </row>
    <row r="191194" spans="14:14">
      <c r="N191194" s="10"/>
    </row>
    <row r="191195" spans="14:14">
      <c r="N191195" s="10"/>
    </row>
    <row r="191196" spans="14:14">
      <c r="N191196" s="10"/>
    </row>
    <row r="191197" spans="14:14">
      <c r="N191197" s="10"/>
    </row>
    <row r="191198" spans="14:14">
      <c r="N191198" s="10"/>
    </row>
    <row r="191199" spans="14:14">
      <c r="N191199" s="10"/>
    </row>
    <row r="191200" spans="14:14">
      <c r="N191200" s="10"/>
    </row>
    <row r="191201" spans="14:14">
      <c r="N191201" s="10"/>
    </row>
    <row r="191202" spans="14:14">
      <c r="N191202" s="10"/>
    </row>
    <row r="191203" spans="14:14">
      <c r="N191203" s="10"/>
    </row>
    <row r="191204" spans="14:14">
      <c r="N191204" s="10"/>
    </row>
    <row r="191205" spans="14:14">
      <c r="N191205" s="10"/>
    </row>
    <row r="191206" spans="14:14">
      <c r="N191206" s="10"/>
    </row>
    <row r="191207" spans="14:14">
      <c r="N191207" s="10"/>
    </row>
    <row r="191208" spans="14:14">
      <c r="N191208" s="10"/>
    </row>
    <row r="191209" spans="14:14">
      <c r="N191209" s="10"/>
    </row>
    <row r="191210" spans="14:14">
      <c r="N191210" s="10"/>
    </row>
    <row r="191211" spans="14:14">
      <c r="N191211" s="10"/>
    </row>
    <row r="191212" spans="14:14">
      <c r="N191212" s="10"/>
    </row>
    <row r="191213" spans="14:14">
      <c r="N191213" s="10"/>
    </row>
    <row r="191214" spans="14:14">
      <c r="N191214" s="10"/>
    </row>
    <row r="191215" spans="14:14">
      <c r="N191215" s="10"/>
    </row>
    <row r="191216" spans="14:14">
      <c r="N191216" s="10"/>
    </row>
    <row r="191217" spans="14:14">
      <c r="N191217" s="10"/>
    </row>
    <row r="191218" spans="14:14">
      <c r="N191218" s="10"/>
    </row>
    <row r="191219" spans="14:14">
      <c r="N191219" s="10"/>
    </row>
    <row r="191220" spans="14:14">
      <c r="N191220" s="10"/>
    </row>
    <row r="191221" spans="14:14">
      <c r="N191221" s="10"/>
    </row>
    <row r="191222" spans="14:14">
      <c r="N191222" s="10"/>
    </row>
    <row r="191223" spans="14:14">
      <c r="N191223" s="10"/>
    </row>
    <row r="191224" spans="14:14">
      <c r="N191224" s="10"/>
    </row>
    <row r="191225" spans="14:14">
      <c r="N191225" s="10"/>
    </row>
    <row r="191226" spans="14:14">
      <c r="N191226" s="10"/>
    </row>
    <row r="191227" spans="14:14">
      <c r="N191227" s="10"/>
    </row>
    <row r="191228" spans="14:14">
      <c r="N191228" s="10"/>
    </row>
    <row r="191229" spans="14:14">
      <c r="N191229" s="10"/>
    </row>
    <row r="191230" spans="14:14">
      <c r="N191230" s="10"/>
    </row>
    <row r="191231" spans="14:14">
      <c r="N191231" s="10"/>
    </row>
    <row r="191232" spans="14:14">
      <c r="N191232" s="10"/>
    </row>
    <row r="191233" spans="14:14">
      <c r="N191233" s="10"/>
    </row>
    <row r="191234" spans="14:14">
      <c r="N191234" s="10"/>
    </row>
    <row r="191235" spans="14:14">
      <c r="N191235" s="10"/>
    </row>
    <row r="191236" spans="14:14">
      <c r="N191236" s="10"/>
    </row>
    <row r="191237" spans="14:14">
      <c r="N191237" s="10"/>
    </row>
    <row r="191238" spans="14:14">
      <c r="N191238" s="10"/>
    </row>
    <row r="191239" spans="14:14">
      <c r="N191239" s="10"/>
    </row>
    <row r="191240" spans="14:14">
      <c r="N191240" s="10"/>
    </row>
    <row r="191241" spans="14:14">
      <c r="N191241" s="10"/>
    </row>
    <row r="191242" spans="14:14">
      <c r="N191242" s="10"/>
    </row>
    <row r="191243" spans="14:14">
      <c r="N191243" s="10"/>
    </row>
    <row r="191244" spans="14:14">
      <c r="N191244" s="10"/>
    </row>
    <row r="191245" spans="14:14">
      <c r="N191245" s="10"/>
    </row>
    <row r="191246" spans="14:14">
      <c r="N191246" s="10"/>
    </row>
    <row r="191247" spans="14:14">
      <c r="N191247" s="10"/>
    </row>
    <row r="191248" spans="14:14">
      <c r="N191248" s="10"/>
    </row>
    <row r="191249" spans="14:14">
      <c r="N191249" s="10"/>
    </row>
    <row r="191250" spans="14:14">
      <c r="N191250" s="10"/>
    </row>
    <row r="191251" spans="14:14">
      <c r="N191251" s="10"/>
    </row>
    <row r="191252" spans="14:14">
      <c r="N191252" s="10"/>
    </row>
    <row r="191253" spans="14:14">
      <c r="N191253" s="10"/>
    </row>
    <row r="191254" spans="14:14">
      <c r="N191254" s="10"/>
    </row>
    <row r="191255" spans="14:14">
      <c r="N191255" s="10"/>
    </row>
    <row r="191256" spans="14:14">
      <c r="N191256" s="10"/>
    </row>
    <row r="191257" spans="14:14">
      <c r="N191257" s="10"/>
    </row>
    <row r="191258" spans="14:14">
      <c r="N191258" s="10"/>
    </row>
    <row r="191259" spans="14:14">
      <c r="N191259" s="10"/>
    </row>
    <row r="191260" spans="14:14">
      <c r="N191260" s="10"/>
    </row>
    <row r="191261" spans="14:14">
      <c r="N191261" s="10"/>
    </row>
    <row r="191262" spans="14:14">
      <c r="N191262" s="10"/>
    </row>
    <row r="191263" spans="14:14">
      <c r="N191263" s="10"/>
    </row>
    <row r="191264" spans="14:14">
      <c r="N191264" s="10"/>
    </row>
    <row r="191265" spans="14:14">
      <c r="N191265" s="10"/>
    </row>
    <row r="191266" spans="14:14">
      <c r="N191266" s="10"/>
    </row>
    <row r="191267" spans="14:14">
      <c r="N191267" s="10"/>
    </row>
    <row r="191268" spans="14:14">
      <c r="N191268" s="10"/>
    </row>
    <row r="191269" spans="14:14">
      <c r="N191269" s="10"/>
    </row>
    <row r="191270" spans="14:14">
      <c r="N191270" s="10"/>
    </row>
    <row r="191271" spans="14:14">
      <c r="N191271" s="10"/>
    </row>
    <row r="191272" spans="14:14">
      <c r="N191272" s="10"/>
    </row>
    <row r="191273" spans="14:14">
      <c r="N191273" s="10"/>
    </row>
    <row r="191274" spans="14:14">
      <c r="N191274" s="10"/>
    </row>
    <row r="191275" spans="14:14">
      <c r="N191275" s="10"/>
    </row>
    <row r="191276" spans="14:14">
      <c r="N191276" s="10"/>
    </row>
    <row r="191277" spans="14:14">
      <c r="N191277" s="10"/>
    </row>
    <row r="191278" spans="14:14">
      <c r="N191278" s="10"/>
    </row>
    <row r="191279" spans="14:14">
      <c r="N191279" s="10"/>
    </row>
    <row r="191280" spans="14:14">
      <c r="N191280" s="10"/>
    </row>
    <row r="191281" spans="14:14">
      <c r="N191281" s="10"/>
    </row>
    <row r="191282" spans="14:14">
      <c r="N191282" s="10"/>
    </row>
    <row r="191283" spans="14:14">
      <c r="N191283" s="10"/>
    </row>
    <row r="191284" spans="14:14">
      <c r="N191284" s="10"/>
    </row>
    <row r="191285" spans="14:14">
      <c r="N191285" s="10"/>
    </row>
    <row r="191286" spans="14:14">
      <c r="N191286" s="10"/>
    </row>
    <row r="191287" spans="14:14">
      <c r="N191287" s="10"/>
    </row>
    <row r="191288" spans="14:14">
      <c r="N191288" s="10"/>
    </row>
    <row r="191289" spans="14:14">
      <c r="N191289" s="10"/>
    </row>
    <row r="191290" spans="14:14">
      <c r="N191290" s="10"/>
    </row>
    <row r="191291" spans="14:14">
      <c r="N191291" s="10"/>
    </row>
    <row r="191292" spans="14:14">
      <c r="N191292" s="10"/>
    </row>
    <row r="191293" spans="14:14">
      <c r="N191293" s="10"/>
    </row>
    <row r="191294" spans="14:14">
      <c r="N191294" s="10"/>
    </row>
    <row r="191295" spans="14:14">
      <c r="N191295" s="10"/>
    </row>
    <row r="191296" spans="14:14">
      <c r="N191296" s="10"/>
    </row>
    <row r="191297" spans="14:14">
      <c r="N191297" s="10"/>
    </row>
    <row r="191298" spans="14:14">
      <c r="N191298" s="10"/>
    </row>
    <row r="191299" spans="14:14">
      <c r="N191299" s="10"/>
    </row>
    <row r="191300" spans="14:14">
      <c r="N191300" s="10"/>
    </row>
    <row r="191301" spans="14:14">
      <c r="N191301" s="10"/>
    </row>
    <row r="191302" spans="14:14">
      <c r="N191302" s="10"/>
    </row>
    <row r="191303" spans="14:14">
      <c r="N191303" s="10"/>
    </row>
    <row r="191304" spans="14:14">
      <c r="N191304" s="10"/>
    </row>
    <row r="191305" spans="14:14">
      <c r="N191305" s="10"/>
    </row>
    <row r="191306" spans="14:14">
      <c r="N191306" s="10"/>
    </row>
    <row r="191307" spans="14:14">
      <c r="N191307" s="10"/>
    </row>
    <row r="191308" spans="14:14">
      <c r="N191308" s="10"/>
    </row>
    <row r="191309" spans="14:14">
      <c r="N191309" s="10"/>
    </row>
    <row r="191310" spans="14:14">
      <c r="N191310" s="10"/>
    </row>
    <row r="191311" spans="14:14">
      <c r="N191311" s="10"/>
    </row>
    <row r="191312" spans="14:14">
      <c r="N191312" s="10"/>
    </row>
    <row r="191313" spans="14:14">
      <c r="N191313" s="10"/>
    </row>
    <row r="191314" spans="14:14">
      <c r="N191314" s="10"/>
    </row>
    <row r="191315" spans="14:14">
      <c r="N191315" s="10"/>
    </row>
    <row r="191316" spans="14:14">
      <c r="N191316" s="10"/>
    </row>
    <row r="191317" spans="14:14">
      <c r="N191317" s="10"/>
    </row>
    <row r="191318" spans="14:14">
      <c r="N191318" s="10"/>
    </row>
    <row r="191319" spans="14:14">
      <c r="N191319" s="10"/>
    </row>
    <row r="191320" spans="14:14">
      <c r="N191320" s="10"/>
    </row>
    <row r="191321" spans="14:14">
      <c r="N191321" s="10"/>
    </row>
    <row r="191322" spans="14:14">
      <c r="N191322" s="10"/>
    </row>
    <row r="191323" spans="14:14">
      <c r="N191323" s="10"/>
    </row>
    <row r="191324" spans="14:14">
      <c r="N191324" s="10"/>
    </row>
    <row r="191325" spans="14:14">
      <c r="N191325" s="10"/>
    </row>
    <row r="191326" spans="14:14">
      <c r="N191326" s="10"/>
    </row>
    <row r="191327" spans="14:14">
      <c r="N191327" s="10"/>
    </row>
    <row r="191328" spans="14:14">
      <c r="N191328" s="10"/>
    </row>
    <row r="191329" spans="14:14">
      <c r="N191329" s="10"/>
    </row>
    <row r="191330" spans="14:14">
      <c r="N191330" s="10"/>
    </row>
    <row r="191331" spans="14:14">
      <c r="N191331" s="10"/>
    </row>
    <row r="191332" spans="14:14">
      <c r="N191332" s="10"/>
    </row>
    <row r="191333" spans="14:14">
      <c r="N191333" s="10"/>
    </row>
    <row r="191334" spans="14:14">
      <c r="N191334" s="10"/>
    </row>
    <row r="191335" spans="14:14">
      <c r="N191335" s="10"/>
    </row>
    <row r="191336" spans="14:14">
      <c r="N191336" s="10"/>
    </row>
    <row r="191337" spans="14:14">
      <c r="N191337" s="10"/>
    </row>
    <row r="191338" spans="14:14">
      <c r="N191338" s="10"/>
    </row>
    <row r="191339" spans="14:14">
      <c r="N191339" s="10"/>
    </row>
    <row r="191340" spans="14:14">
      <c r="N191340" s="10"/>
    </row>
    <row r="191341" spans="14:14">
      <c r="N191341" s="10"/>
    </row>
    <row r="191342" spans="14:14">
      <c r="N191342" s="10"/>
    </row>
    <row r="191343" spans="14:14">
      <c r="N191343" s="10"/>
    </row>
    <row r="191344" spans="14:14">
      <c r="N191344" s="10"/>
    </row>
    <row r="191345" spans="14:14">
      <c r="N191345" s="10"/>
    </row>
    <row r="191346" spans="14:14">
      <c r="N191346" s="10"/>
    </row>
    <row r="191347" spans="14:14">
      <c r="N191347" s="10"/>
    </row>
    <row r="191348" spans="14:14">
      <c r="N191348" s="10"/>
    </row>
    <row r="191349" spans="14:14">
      <c r="N191349" s="10"/>
    </row>
    <row r="191350" spans="14:14">
      <c r="N191350" s="10"/>
    </row>
    <row r="191351" spans="14:14">
      <c r="N191351" s="10"/>
    </row>
    <row r="191352" spans="14:14">
      <c r="N191352" s="10"/>
    </row>
    <row r="191353" spans="14:14">
      <c r="N191353" s="10"/>
    </row>
    <row r="191354" spans="14:14">
      <c r="N191354" s="10"/>
    </row>
    <row r="191355" spans="14:14">
      <c r="N191355" s="10"/>
    </row>
    <row r="191356" spans="14:14">
      <c r="N191356" s="10"/>
    </row>
    <row r="191357" spans="14:14">
      <c r="N191357" s="10"/>
    </row>
    <row r="191358" spans="14:14">
      <c r="N191358" s="10"/>
    </row>
    <row r="191359" spans="14:14">
      <c r="N191359" s="10"/>
    </row>
    <row r="191360" spans="14:14">
      <c r="N191360" s="10"/>
    </row>
    <row r="191361" spans="14:14">
      <c r="N191361" s="10"/>
    </row>
    <row r="191362" spans="14:14">
      <c r="N191362" s="10"/>
    </row>
    <row r="191363" spans="14:14">
      <c r="N191363" s="10"/>
    </row>
    <row r="191364" spans="14:14">
      <c r="N191364" s="10"/>
    </row>
    <row r="191365" spans="14:14">
      <c r="N191365" s="10"/>
    </row>
    <row r="191366" spans="14:14">
      <c r="N191366" s="10"/>
    </row>
    <row r="191367" spans="14:14">
      <c r="N191367" s="10"/>
    </row>
    <row r="191368" spans="14:14">
      <c r="N191368" s="10"/>
    </row>
    <row r="191369" spans="14:14">
      <c r="N191369" s="10"/>
    </row>
    <row r="191370" spans="14:14">
      <c r="N191370" s="10"/>
    </row>
    <row r="191371" spans="14:14">
      <c r="N191371" s="10"/>
    </row>
    <row r="191372" spans="14:14">
      <c r="N191372" s="10"/>
    </row>
    <row r="191373" spans="14:14">
      <c r="N191373" s="10"/>
    </row>
    <row r="191374" spans="14:14">
      <c r="N191374" s="10"/>
    </row>
    <row r="191375" spans="14:14">
      <c r="N191375" s="10"/>
    </row>
    <row r="191376" spans="14:14">
      <c r="N191376" s="10"/>
    </row>
    <row r="191377" spans="14:14">
      <c r="N191377" s="10"/>
    </row>
    <row r="191378" spans="14:14">
      <c r="N191378" s="10"/>
    </row>
    <row r="191379" spans="14:14">
      <c r="N191379" s="10"/>
    </row>
    <row r="191380" spans="14:14">
      <c r="N191380" s="10"/>
    </row>
    <row r="191381" spans="14:14">
      <c r="N191381" s="10"/>
    </row>
    <row r="191382" spans="14:14">
      <c r="N191382" s="10"/>
    </row>
    <row r="191383" spans="14:14">
      <c r="N191383" s="10"/>
    </row>
    <row r="191384" spans="14:14">
      <c r="N191384" s="10"/>
    </row>
    <row r="191385" spans="14:14">
      <c r="N191385" s="10"/>
    </row>
    <row r="191386" spans="14:14">
      <c r="N191386" s="10"/>
    </row>
    <row r="191387" spans="14:14">
      <c r="N191387" s="10"/>
    </row>
    <row r="191388" spans="14:14">
      <c r="N191388" s="10"/>
    </row>
    <row r="191389" spans="14:14">
      <c r="N191389" s="10"/>
    </row>
    <row r="191390" spans="14:14">
      <c r="N191390" s="10"/>
    </row>
    <row r="191391" spans="14:14">
      <c r="N191391" s="10"/>
    </row>
    <row r="191392" spans="14:14">
      <c r="N191392" s="10"/>
    </row>
    <row r="191393" spans="14:14">
      <c r="N191393" s="10"/>
    </row>
    <row r="191394" spans="14:14">
      <c r="N191394" s="10"/>
    </row>
    <row r="191395" spans="14:14">
      <c r="N191395" s="10"/>
    </row>
    <row r="191396" spans="14:14">
      <c r="N191396" s="10"/>
    </row>
    <row r="191397" spans="14:14">
      <c r="N191397" s="10"/>
    </row>
    <row r="191398" spans="14:14">
      <c r="N191398" s="10"/>
    </row>
    <row r="191399" spans="14:14">
      <c r="N191399" s="10"/>
    </row>
    <row r="191400" spans="14:14">
      <c r="N191400" s="10"/>
    </row>
    <row r="191401" spans="14:14">
      <c r="N191401" s="10"/>
    </row>
    <row r="191402" spans="14:14">
      <c r="N191402" s="10"/>
    </row>
    <row r="191403" spans="14:14">
      <c r="N191403" s="10"/>
    </row>
    <row r="191404" spans="14:14">
      <c r="N191404" s="10"/>
    </row>
    <row r="191405" spans="14:14">
      <c r="N191405" s="10"/>
    </row>
    <row r="191406" spans="14:14">
      <c r="N191406" s="10"/>
    </row>
    <row r="191407" spans="14:14">
      <c r="N191407" s="10"/>
    </row>
    <row r="191408" spans="14:14">
      <c r="N191408" s="10"/>
    </row>
    <row r="191409" spans="14:14">
      <c r="N191409" s="10"/>
    </row>
    <row r="191410" spans="14:14">
      <c r="N191410" s="10"/>
    </row>
    <row r="191411" spans="14:14">
      <c r="N191411" s="10"/>
    </row>
    <row r="191412" spans="14:14">
      <c r="N191412" s="10"/>
    </row>
    <row r="191413" spans="14:14">
      <c r="N191413" s="10"/>
    </row>
    <row r="191414" spans="14:14">
      <c r="N191414" s="10"/>
    </row>
    <row r="191415" spans="14:14">
      <c r="N191415" s="10"/>
    </row>
    <row r="191416" spans="14:14">
      <c r="N191416" s="10"/>
    </row>
    <row r="191417" spans="14:14">
      <c r="N191417" s="10"/>
    </row>
    <row r="191418" spans="14:14">
      <c r="N191418" s="10"/>
    </row>
    <row r="191419" spans="14:14">
      <c r="N191419" s="10"/>
    </row>
    <row r="191420" spans="14:14">
      <c r="N191420" s="10"/>
    </row>
    <row r="191421" spans="14:14">
      <c r="N191421" s="10"/>
    </row>
    <row r="191422" spans="14:14">
      <c r="N191422" s="10"/>
    </row>
    <row r="191423" spans="14:14">
      <c r="N191423" s="10"/>
    </row>
    <row r="191424" spans="14:14">
      <c r="N191424" s="10"/>
    </row>
    <row r="191425" spans="14:14">
      <c r="N191425" s="10"/>
    </row>
    <row r="191426" spans="14:14">
      <c r="N191426" s="10"/>
    </row>
    <row r="191427" spans="14:14">
      <c r="N191427" s="10"/>
    </row>
    <row r="191428" spans="14:14">
      <c r="N191428" s="10"/>
    </row>
    <row r="191429" spans="14:14">
      <c r="N191429" s="10"/>
    </row>
    <row r="191430" spans="14:14">
      <c r="N191430" s="10"/>
    </row>
    <row r="191431" spans="14:14">
      <c r="N191431" s="10"/>
    </row>
    <row r="191432" spans="14:14">
      <c r="N191432" s="10"/>
    </row>
    <row r="191433" spans="14:14">
      <c r="N191433" s="10"/>
    </row>
    <row r="191434" spans="14:14">
      <c r="N191434" s="10"/>
    </row>
    <row r="191435" spans="14:14">
      <c r="N191435" s="10"/>
    </row>
    <row r="191436" spans="14:14">
      <c r="N191436" s="10"/>
    </row>
    <row r="191437" spans="14:14">
      <c r="N191437" s="10"/>
    </row>
    <row r="191438" spans="14:14">
      <c r="N191438" s="10"/>
    </row>
    <row r="191439" spans="14:14">
      <c r="N191439" s="10"/>
    </row>
    <row r="191440" spans="14:14">
      <c r="N191440" s="10"/>
    </row>
    <row r="191441" spans="14:14">
      <c r="N191441" s="10"/>
    </row>
    <row r="191442" spans="14:14">
      <c r="N191442" s="10"/>
    </row>
    <row r="191443" spans="14:14">
      <c r="N191443" s="10"/>
    </row>
    <row r="191444" spans="14:14">
      <c r="N191444" s="10"/>
    </row>
    <row r="191445" spans="14:14">
      <c r="N191445" s="10"/>
    </row>
    <row r="191446" spans="14:14">
      <c r="N191446" s="10"/>
    </row>
    <row r="191447" spans="14:14">
      <c r="N191447" s="10"/>
    </row>
    <row r="191448" spans="14:14">
      <c r="N191448" s="10"/>
    </row>
    <row r="191449" spans="14:14">
      <c r="N191449" s="10"/>
    </row>
    <row r="191450" spans="14:14">
      <c r="N191450" s="10"/>
    </row>
    <row r="191451" spans="14:14">
      <c r="N191451" s="10"/>
    </row>
    <row r="191452" spans="14:14">
      <c r="N191452" s="10"/>
    </row>
    <row r="191453" spans="14:14">
      <c r="N191453" s="10"/>
    </row>
    <row r="191454" spans="14:14">
      <c r="N191454" s="10"/>
    </row>
    <row r="191455" spans="14:14">
      <c r="N191455" s="10"/>
    </row>
    <row r="191456" spans="14:14">
      <c r="N191456" s="10"/>
    </row>
    <row r="191457" spans="14:14">
      <c r="N191457" s="10"/>
    </row>
    <row r="191458" spans="14:14">
      <c r="N191458" s="10"/>
    </row>
    <row r="191459" spans="14:14">
      <c r="N191459" s="10"/>
    </row>
    <row r="191460" spans="14:14">
      <c r="N191460" s="10"/>
    </row>
    <row r="191461" spans="14:14">
      <c r="N191461" s="10"/>
    </row>
    <row r="191462" spans="14:14">
      <c r="N191462" s="10"/>
    </row>
    <row r="191463" spans="14:14">
      <c r="N191463" s="10"/>
    </row>
    <row r="191464" spans="14:14">
      <c r="N191464" s="10"/>
    </row>
    <row r="191465" spans="14:14">
      <c r="N191465" s="10"/>
    </row>
    <row r="191466" spans="14:14">
      <c r="N191466" s="10"/>
    </row>
    <row r="191467" spans="14:14">
      <c r="N191467" s="10"/>
    </row>
    <row r="191468" spans="14:14">
      <c r="N191468" s="10"/>
    </row>
    <row r="191469" spans="14:14">
      <c r="N191469" s="10"/>
    </row>
    <row r="191470" spans="14:14">
      <c r="N191470" s="10"/>
    </row>
    <row r="191471" spans="14:14">
      <c r="N191471" s="10"/>
    </row>
    <row r="191472" spans="14:14">
      <c r="N191472" s="10"/>
    </row>
    <row r="191473" spans="14:14">
      <c r="N191473" s="10"/>
    </row>
    <row r="191474" spans="14:14">
      <c r="N191474" s="10"/>
    </row>
    <row r="191475" spans="14:14">
      <c r="N191475" s="10"/>
    </row>
    <row r="191476" spans="14:14">
      <c r="N191476" s="10"/>
    </row>
    <row r="191477" spans="14:14">
      <c r="N191477" s="10"/>
    </row>
    <row r="191478" spans="14:14">
      <c r="N191478" s="10"/>
    </row>
    <row r="191479" spans="14:14">
      <c r="N191479" s="10"/>
    </row>
    <row r="191480" spans="14:14">
      <c r="N191480" s="10"/>
    </row>
    <row r="191481" spans="14:14">
      <c r="N191481" s="10"/>
    </row>
    <row r="191482" spans="14:14">
      <c r="N191482" s="10"/>
    </row>
    <row r="191483" spans="14:14">
      <c r="N191483" s="10"/>
    </row>
    <row r="191484" spans="14:14">
      <c r="N191484" s="10"/>
    </row>
    <row r="191485" spans="14:14">
      <c r="N191485" s="10"/>
    </row>
    <row r="191486" spans="14:14">
      <c r="N191486" s="10"/>
    </row>
    <row r="191487" spans="14:14">
      <c r="N191487" s="10"/>
    </row>
    <row r="191488" spans="14:14">
      <c r="N191488" s="10"/>
    </row>
    <row r="191489" spans="14:14">
      <c r="N191489" s="10"/>
    </row>
    <row r="191490" spans="14:14">
      <c r="N191490" s="10"/>
    </row>
    <row r="191491" spans="14:14">
      <c r="N191491" s="10"/>
    </row>
    <row r="191492" spans="14:14">
      <c r="N191492" s="10"/>
    </row>
    <row r="191493" spans="14:14">
      <c r="N191493" s="10"/>
    </row>
    <row r="191494" spans="14:14">
      <c r="N191494" s="10"/>
    </row>
    <row r="191495" spans="14:14">
      <c r="N191495" s="10"/>
    </row>
    <row r="191496" spans="14:14">
      <c r="N191496" s="10"/>
    </row>
    <row r="191497" spans="14:14">
      <c r="N191497" s="10"/>
    </row>
    <row r="191498" spans="14:14">
      <c r="N191498" s="10"/>
    </row>
    <row r="191499" spans="14:14">
      <c r="N191499" s="10"/>
    </row>
    <row r="191500" spans="14:14">
      <c r="N191500" s="10"/>
    </row>
    <row r="191501" spans="14:14">
      <c r="N191501" s="10"/>
    </row>
    <row r="191502" spans="14:14">
      <c r="N191502" s="10"/>
    </row>
    <row r="191503" spans="14:14">
      <c r="N191503" s="10"/>
    </row>
    <row r="191504" spans="14:14">
      <c r="N191504" s="10"/>
    </row>
    <row r="191505" spans="14:14">
      <c r="N191505" s="10"/>
    </row>
    <row r="191506" spans="14:14">
      <c r="N191506" s="10"/>
    </row>
    <row r="191507" spans="14:14">
      <c r="N191507" s="10"/>
    </row>
    <row r="191508" spans="14:14">
      <c r="N191508" s="10"/>
    </row>
    <row r="191509" spans="14:14">
      <c r="N191509" s="10"/>
    </row>
    <row r="191510" spans="14:14">
      <c r="N191510" s="10"/>
    </row>
    <row r="191511" spans="14:14">
      <c r="N191511" s="10"/>
    </row>
    <row r="191512" spans="14:14">
      <c r="N191512" s="10"/>
    </row>
    <row r="191513" spans="14:14">
      <c r="N191513" s="10"/>
    </row>
    <row r="191514" spans="14:14">
      <c r="N191514" s="10"/>
    </row>
    <row r="191515" spans="14:14">
      <c r="N191515" s="10"/>
    </row>
    <row r="191516" spans="14:14">
      <c r="N191516" s="10"/>
    </row>
    <row r="191517" spans="14:14">
      <c r="N191517" s="10"/>
    </row>
    <row r="191518" spans="14:14">
      <c r="N191518" s="10"/>
    </row>
    <row r="191519" spans="14:14">
      <c r="N191519" s="10"/>
    </row>
    <row r="191520" spans="14:14">
      <c r="N191520" s="10"/>
    </row>
    <row r="191521" spans="14:14">
      <c r="N191521" s="10"/>
    </row>
    <row r="191522" spans="14:14">
      <c r="N191522" s="10"/>
    </row>
    <row r="191523" spans="14:14">
      <c r="N191523" s="10"/>
    </row>
    <row r="191524" spans="14:14">
      <c r="N191524" s="10"/>
    </row>
    <row r="191525" spans="14:14">
      <c r="N191525" s="10"/>
    </row>
    <row r="191526" spans="14:14">
      <c r="N191526" s="10"/>
    </row>
    <row r="191527" spans="14:14">
      <c r="N191527" s="10"/>
    </row>
    <row r="191528" spans="14:14">
      <c r="N191528" s="10"/>
    </row>
    <row r="191529" spans="14:14">
      <c r="N191529" s="10"/>
    </row>
    <row r="191530" spans="14:14">
      <c r="N191530" s="10"/>
    </row>
    <row r="191531" spans="14:14">
      <c r="N191531" s="10"/>
    </row>
    <row r="191532" spans="14:14">
      <c r="N191532" s="10"/>
    </row>
    <row r="191533" spans="14:14">
      <c r="N191533" s="10"/>
    </row>
    <row r="191534" spans="14:14">
      <c r="N191534" s="10"/>
    </row>
    <row r="191535" spans="14:14">
      <c r="N191535" s="10"/>
    </row>
    <row r="191536" spans="14:14">
      <c r="N191536" s="10"/>
    </row>
    <row r="191537" spans="14:14">
      <c r="N191537" s="10"/>
    </row>
    <row r="191538" spans="14:14">
      <c r="N191538" s="10"/>
    </row>
    <row r="191539" spans="14:14">
      <c r="N191539" s="10"/>
    </row>
    <row r="191540" spans="14:14">
      <c r="N191540" s="10"/>
    </row>
    <row r="191541" spans="14:14">
      <c r="N191541" s="10"/>
    </row>
    <row r="191542" spans="14:14">
      <c r="N191542" s="10"/>
    </row>
    <row r="191543" spans="14:14">
      <c r="N191543" s="10"/>
    </row>
    <row r="191544" spans="14:14">
      <c r="N191544" s="10"/>
    </row>
    <row r="191545" spans="14:14">
      <c r="N191545" s="10"/>
    </row>
    <row r="191546" spans="14:14">
      <c r="N191546" s="10"/>
    </row>
    <row r="191547" spans="14:14">
      <c r="N191547" s="10"/>
    </row>
    <row r="191548" spans="14:14">
      <c r="N191548" s="10"/>
    </row>
    <row r="191549" spans="14:14">
      <c r="N191549" s="10"/>
    </row>
    <row r="191550" spans="14:14">
      <c r="N191550" s="10"/>
    </row>
    <row r="191551" spans="14:14">
      <c r="N191551" s="10"/>
    </row>
    <row r="191552" spans="14:14">
      <c r="N191552" s="10"/>
    </row>
    <row r="191553" spans="14:14">
      <c r="N191553" s="10"/>
    </row>
    <row r="191554" spans="14:14">
      <c r="N191554" s="10"/>
    </row>
    <row r="191555" spans="14:14">
      <c r="N191555" s="10"/>
    </row>
    <row r="191556" spans="14:14">
      <c r="N191556" s="10"/>
    </row>
    <row r="191557" spans="14:14">
      <c r="N191557" s="10"/>
    </row>
    <row r="191558" spans="14:14">
      <c r="N191558" s="10"/>
    </row>
    <row r="191559" spans="14:14">
      <c r="N191559" s="10"/>
    </row>
    <row r="191560" spans="14:14">
      <c r="N191560" s="10"/>
    </row>
    <row r="191561" spans="14:14">
      <c r="N191561" s="10"/>
    </row>
    <row r="191562" spans="14:14">
      <c r="N191562" s="10"/>
    </row>
    <row r="191563" spans="14:14">
      <c r="N191563" s="10"/>
    </row>
    <row r="191564" spans="14:14">
      <c r="N191564" s="10"/>
    </row>
    <row r="191565" spans="14:14">
      <c r="N191565" s="10"/>
    </row>
    <row r="191566" spans="14:14">
      <c r="N191566" s="10"/>
    </row>
    <row r="191567" spans="14:14">
      <c r="N191567" s="10"/>
    </row>
    <row r="191568" spans="14:14">
      <c r="N191568" s="10"/>
    </row>
    <row r="191569" spans="14:14">
      <c r="N191569" s="10"/>
    </row>
    <row r="191570" spans="14:14">
      <c r="N191570" s="10"/>
    </row>
    <row r="191571" spans="14:14">
      <c r="N191571" s="10"/>
    </row>
    <row r="191572" spans="14:14">
      <c r="N191572" s="10"/>
    </row>
    <row r="191573" spans="14:14">
      <c r="N191573" s="10"/>
    </row>
    <row r="191574" spans="14:14">
      <c r="N191574" s="10"/>
    </row>
    <row r="191575" spans="14:14">
      <c r="N191575" s="10"/>
    </row>
    <row r="191576" spans="14:14">
      <c r="N191576" s="10"/>
    </row>
    <row r="191577" spans="14:14">
      <c r="N191577" s="10"/>
    </row>
    <row r="191578" spans="14:14">
      <c r="N191578" s="10"/>
    </row>
    <row r="191579" spans="14:14">
      <c r="N191579" s="10"/>
    </row>
    <row r="191580" spans="14:14">
      <c r="N191580" s="10"/>
    </row>
    <row r="191581" spans="14:14">
      <c r="N191581" s="10"/>
    </row>
    <row r="191582" spans="14:14">
      <c r="N191582" s="10"/>
    </row>
    <row r="191583" spans="14:14">
      <c r="N191583" s="10"/>
    </row>
    <row r="191584" spans="14:14">
      <c r="N191584" s="10"/>
    </row>
    <row r="191585" spans="14:14">
      <c r="N191585" s="10"/>
    </row>
    <row r="191586" spans="14:14">
      <c r="N191586" s="10"/>
    </row>
    <row r="191587" spans="14:14">
      <c r="N191587" s="10"/>
    </row>
    <row r="191588" spans="14:14">
      <c r="N191588" s="10"/>
    </row>
    <row r="191589" spans="14:14">
      <c r="N191589" s="10"/>
    </row>
    <row r="191590" spans="14:14">
      <c r="N191590" s="10"/>
    </row>
    <row r="191591" spans="14:14">
      <c r="N191591" s="10"/>
    </row>
    <row r="191592" spans="14:14">
      <c r="N191592" s="10"/>
    </row>
    <row r="191593" spans="14:14">
      <c r="N191593" s="10"/>
    </row>
    <row r="191594" spans="14:14">
      <c r="N191594" s="10"/>
    </row>
    <row r="191595" spans="14:14">
      <c r="N191595" s="10"/>
    </row>
    <row r="191596" spans="14:14">
      <c r="N191596" s="10"/>
    </row>
    <row r="191597" spans="14:14">
      <c r="N191597" s="10"/>
    </row>
    <row r="191598" spans="14:14">
      <c r="N191598" s="10"/>
    </row>
    <row r="191599" spans="14:14">
      <c r="N191599" s="10"/>
    </row>
    <row r="191600" spans="14:14">
      <c r="N191600" s="10"/>
    </row>
    <row r="191601" spans="14:14">
      <c r="N191601" s="10"/>
    </row>
    <row r="191602" spans="14:14">
      <c r="N191602" s="10"/>
    </row>
    <row r="191603" spans="14:14">
      <c r="N191603" s="10"/>
    </row>
    <row r="191604" spans="14:14">
      <c r="N191604" s="10"/>
    </row>
    <row r="191605" spans="14:14">
      <c r="N191605" s="10"/>
    </row>
    <row r="191606" spans="14:14">
      <c r="N191606" s="10"/>
    </row>
    <row r="191607" spans="14:14">
      <c r="N191607" s="10"/>
    </row>
    <row r="191608" spans="14:14">
      <c r="N191608" s="10"/>
    </row>
    <row r="191609" spans="14:14">
      <c r="N191609" s="10"/>
    </row>
    <row r="191610" spans="14:14">
      <c r="N191610" s="10"/>
    </row>
    <row r="191611" spans="14:14">
      <c r="N191611" s="10"/>
    </row>
    <row r="191612" spans="14:14">
      <c r="N191612" s="10"/>
    </row>
    <row r="191613" spans="14:14">
      <c r="N191613" s="10"/>
    </row>
    <row r="191614" spans="14:14">
      <c r="N191614" s="10"/>
    </row>
    <row r="191615" spans="14:14">
      <c r="N191615" s="10"/>
    </row>
    <row r="191616" spans="14:14">
      <c r="N191616" s="10"/>
    </row>
    <row r="191617" spans="14:14">
      <c r="N191617" s="10"/>
    </row>
    <row r="191618" spans="14:14">
      <c r="N191618" s="10"/>
    </row>
    <row r="191619" spans="14:14">
      <c r="N191619" s="10"/>
    </row>
    <row r="191620" spans="14:14">
      <c r="N191620" s="10"/>
    </row>
    <row r="191621" spans="14:14">
      <c r="N191621" s="10"/>
    </row>
    <row r="191622" spans="14:14">
      <c r="N191622" s="10"/>
    </row>
    <row r="191623" spans="14:14">
      <c r="N191623" s="10"/>
    </row>
    <row r="191624" spans="14:14">
      <c r="N191624" s="10"/>
    </row>
    <row r="191625" spans="14:14">
      <c r="N191625" s="10"/>
    </row>
    <row r="191626" spans="14:14">
      <c r="N191626" s="10"/>
    </row>
    <row r="191627" spans="14:14">
      <c r="N191627" s="10"/>
    </row>
    <row r="191628" spans="14:14">
      <c r="N191628" s="10"/>
    </row>
    <row r="191629" spans="14:14">
      <c r="N191629" s="10"/>
    </row>
    <row r="191630" spans="14:14">
      <c r="N191630" s="10"/>
    </row>
    <row r="191631" spans="14:14">
      <c r="N191631" s="10"/>
    </row>
    <row r="191632" spans="14:14">
      <c r="N191632" s="10"/>
    </row>
    <row r="191633" spans="14:14">
      <c r="N191633" s="10"/>
    </row>
    <row r="191634" spans="14:14">
      <c r="N191634" s="10"/>
    </row>
    <row r="191635" spans="14:14">
      <c r="N191635" s="10"/>
    </row>
    <row r="191636" spans="14:14">
      <c r="N191636" s="10"/>
    </row>
    <row r="191637" spans="14:14">
      <c r="N191637" s="10"/>
    </row>
    <row r="191638" spans="14:14">
      <c r="N191638" s="10"/>
    </row>
    <row r="191639" spans="14:14">
      <c r="N191639" s="10"/>
    </row>
    <row r="191640" spans="14:14">
      <c r="N191640" s="10"/>
    </row>
    <row r="191641" spans="14:14">
      <c r="N191641" s="10"/>
    </row>
    <row r="191642" spans="14:14">
      <c r="N191642" s="10"/>
    </row>
    <row r="191643" spans="14:14">
      <c r="N191643" s="10"/>
    </row>
    <row r="191644" spans="14:14">
      <c r="N191644" s="10"/>
    </row>
    <row r="191645" spans="14:14">
      <c r="N191645" s="10"/>
    </row>
    <row r="191646" spans="14:14">
      <c r="N191646" s="10"/>
    </row>
    <row r="191647" spans="14:14">
      <c r="N191647" s="10"/>
    </row>
    <row r="191648" spans="14:14">
      <c r="N191648" s="10"/>
    </row>
    <row r="191649" spans="14:14">
      <c r="N191649" s="10"/>
    </row>
    <row r="191650" spans="14:14">
      <c r="N191650" s="10"/>
    </row>
    <row r="191651" spans="14:14">
      <c r="N191651" s="10"/>
    </row>
    <row r="191652" spans="14:14">
      <c r="N191652" s="10"/>
    </row>
    <row r="191653" spans="14:14">
      <c r="N191653" s="10"/>
    </row>
    <row r="191654" spans="14:14">
      <c r="N191654" s="10"/>
    </row>
    <row r="191655" spans="14:14">
      <c r="N191655" s="10"/>
    </row>
    <row r="191656" spans="14:14">
      <c r="N191656" s="10"/>
    </row>
    <row r="191657" spans="14:14">
      <c r="N191657" s="10"/>
    </row>
    <row r="191658" spans="14:14">
      <c r="N191658" s="10"/>
    </row>
    <row r="191659" spans="14:14">
      <c r="N191659" s="10"/>
    </row>
    <row r="191660" spans="14:14">
      <c r="N191660" s="10"/>
    </row>
    <row r="191661" spans="14:14">
      <c r="N191661" s="10"/>
    </row>
    <row r="191662" spans="14:14">
      <c r="N191662" s="10"/>
    </row>
    <row r="191663" spans="14:14">
      <c r="N191663" s="10"/>
    </row>
    <row r="191664" spans="14:14">
      <c r="N191664" s="10"/>
    </row>
    <row r="191665" spans="14:14">
      <c r="N191665" s="10"/>
    </row>
    <row r="191666" spans="14:14">
      <c r="N191666" s="10"/>
    </row>
    <row r="191667" spans="14:14">
      <c r="N191667" s="10"/>
    </row>
    <row r="191668" spans="14:14">
      <c r="N191668" s="10"/>
    </row>
    <row r="191669" spans="14:14">
      <c r="N191669" s="10"/>
    </row>
    <row r="191670" spans="14:14">
      <c r="N191670" s="10"/>
    </row>
    <row r="191671" spans="14:14">
      <c r="N191671" s="10"/>
    </row>
    <row r="191672" spans="14:14">
      <c r="N191672" s="10"/>
    </row>
    <row r="191673" spans="14:14">
      <c r="N191673" s="10"/>
    </row>
    <row r="191674" spans="14:14">
      <c r="N191674" s="10"/>
    </row>
    <row r="191675" spans="14:14">
      <c r="N191675" s="10"/>
    </row>
    <row r="191676" spans="14:14">
      <c r="N191676" s="10"/>
    </row>
    <row r="191677" spans="14:14">
      <c r="N191677" s="10"/>
    </row>
    <row r="191678" spans="14:14">
      <c r="N191678" s="10"/>
    </row>
    <row r="191679" spans="14:14">
      <c r="N191679" s="10"/>
    </row>
    <row r="191680" spans="14:14">
      <c r="N191680" s="10"/>
    </row>
    <row r="191681" spans="14:14">
      <c r="N191681" s="10"/>
    </row>
    <row r="191682" spans="14:14">
      <c r="N191682" s="10"/>
    </row>
    <row r="191683" spans="14:14">
      <c r="N191683" s="10"/>
    </row>
    <row r="191684" spans="14:14">
      <c r="N191684" s="10"/>
    </row>
    <row r="191685" spans="14:14">
      <c r="N191685" s="10"/>
    </row>
    <row r="191686" spans="14:14">
      <c r="N191686" s="10"/>
    </row>
    <row r="191687" spans="14:14">
      <c r="N191687" s="10"/>
    </row>
    <row r="191688" spans="14:14">
      <c r="N191688" s="10"/>
    </row>
    <row r="191689" spans="14:14">
      <c r="N191689" s="10"/>
    </row>
    <row r="191690" spans="14:14">
      <c r="N191690" s="10"/>
    </row>
    <row r="191691" spans="14:14">
      <c r="N191691" s="10"/>
    </row>
    <row r="191692" spans="14:14">
      <c r="N191692" s="10"/>
    </row>
    <row r="191693" spans="14:14">
      <c r="N191693" s="10"/>
    </row>
    <row r="191694" spans="14:14">
      <c r="N191694" s="10"/>
    </row>
    <row r="191695" spans="14:14">
      <c r="N191695" s="10"/>
    </row>
    <row r="191696" spans="14:14">
      <c r="N191696" s="10"/>
    </row>
    <row r="191697" spans="14:14">
      <c r="N191697" s="10"/>
    </row>
    <row r="191698" spans="14:14">
      <c r="N191698" s="10"/>
    </row>
    <row r="191699" spans="14:14">
      <c r="N191699" s="10"/>
    </row>
    <row r="191700" spans="14:14">
      <c r="N191700" s="10"/>
    </row>
    <row r="191701" spans="14:14">
      <c r="N191701" s="10"/>
    </row>
    <row r="191702" spans="14:14">
      <c r="N191702" s="10"/>
    </row>
    <row r="191703" spans="14:14">
      <c r="N191703" s="10"/>
    </row>
    <row r="191704" spans="14:14">
      <c r="N191704" s="10"/>
    </row>
    <row r="191705" spans="14:14">
      <c r="N191705" s="10"/>
    </row>
    <row r="191706" spans="14:14">
      <c r="N191706" s="10"/>
    </row>
    <row r="191707" spans="14:14">
      <c r="N191707" s="10"/>
    </row>
    <row r="191708" spans="14:14">
      <c r="N191708" s="10"/>
    </row>
    <row r="191709" spans="14:14">
      <c r="N191709" s="10"/>
    </row>
    <row r="191710" spans="14:14">
      <c r="N191710" s="10"/>
    </row>
    <row r="191711" spans="14:14">
      <c r="N191711" s="10"/>
    </row>
    <row r="191712" spans="14:14">
      <c r="N191712" s="10"/>
    </row>
    <row r="191713" spans="14:14">
      <c r="N191713" s="10"/>
    </row>
    <row r="191714" spans="14:14">
      <c r="N191714" s="10"/>
    </row>
    <row r="191715" spans="14:14">
      <c r="N191715" s="10"/>
    </row>
    <row r="191716" spans="14:14">
      <c r="N191716" s="10"/>
    </row>
    <row r="191717" spans="14:14">
      <c r="N191717" s="10"/>
    </row>
    <row r="191718" spans="14:14">
      <c r="N191718" s="10"/>
    </row>
    <row r="191719" spans="14:14">
      <c r="N191719" s="10"/>
    </row>
    <row r="191720" spans="14:14">
      <c r="N191720" s="10"/>
    </row>
    <row r="191721" spans="14:14">
      <c r="N191721" s="10"/>
    </row>
    <row r="191722" spans="14:14">
      <c r="N191722" s="10"/>
    </row>
    <row r="191723" spans="14:14">
      <c r="N191723" s="10"/>
    </row>
    <row r="191724" spans="14:14">
      <c r="N191724" s="10"/>
    </row>
    <row r="191725" spans="14:14">
      <c r="N191725" s="10"/>
    </row>
    <row r="191726" spans="14:14">
      <c r="N191726" s="10"/>
    </row>
    <row r="191727" spans="14:14">
      <c r="N191727" s="10"/>
    </row>
    <row r="191728" spans="14:14">
      <c r="N191728" s="10"/>
    </row>
    <row r="191729" spans="14:14">
      <c r="N191729" s="10"/>
    </row>
    <row r="191730" spans="14:14">
      <c r="N191730" s="10"/>
    </row>
    <row r="191731" spans="14:14">
      <c r="N191731" s="10"/>
    </row>
    <row r="191732" spans="14:14">
      <c r="N191732" s="10"/>
    </row>
    <row r="191733" spans="14:14">
      <c r="N191733" s="10"/>
    </row>
    <row r="191734" spans="14:14">
      <c r="N191734" s="10"/>
    </row>
    <row r="191735" spans="14:14">
      <c r="N191735" s="10"/>
    </row>
    <row r="191736" spans="14:14">
      <c r="N191736" s="10"/>
    </row>
    <row r="191737" spans="14:14">
      <c r="N191737" s="10"/>
    </row>
    <row r="191738" spans="14:14">
      <c r="N191738" s="10"/>
    </row>
    <row r="191739" spans="14:14">
      <c r="N191739" s="10"/>
    </row>
    <row r="191740" spans="14:14">
      <c r="N191740" s="10"/>
    </row>
    <row r="191741" spans="14:14">
      <c r="N191741" s="10"/>
    </row>
    <row r="191742" spans="14:14">
      <c r="N191742" s="10"/>
    </row>
    <row r="191743" spans="14:14">
      <c r="N191743" s="10"/>
    </row>
    <row r="191744" spans="14:14">
      <c r="N191744" s="10"/>
    </row>
    <row r="191745" spans="14:14">
      <c r="N191745" s="10"/>
    </row>
    <row r="191746" spans="14:14">
      <c r="N191746" s="10"/>
    </row>
    <row r="191747" spans="14:14">
      <c r="N191747" s="10"/>
    </row>
    <row r="191748" spans="14:14">
      <c r="N191748" s="10"/>
    </row>
    <row r="191749" spans="14:14">
      <c r="N191749" s="10"/>
    </row>
    <row r="191750" spans="14:14">
      <c r="N191750" s="10"/>
    </row>
    <row r="191751" spans="14:14">
      <c r="N191751" s="10"/>
    </row>
    <row r="191752" spans="14:14">
      <c r="N191752" s="10"/>
    </row>
    <row r="191753" spans="14:14">
      <c r="N191753" s="10"/>
    </row>
    <row r="191754" spans="14:14">
      <c r="N191754" s="10"/>
    </row>
    <row r="191755" spans="14:14">
      <c r="N191755" s="10"/>
    </row>
    <row r="191756" spans="14:14">
      <c r="N191756" s="10"/>
    </row>
    <row r="191757" spans="14:14">
      <c r="N191757" s="10"/>
    </row>
    <row r="191758" spans="14:14">
      <c r="N191758" s="10"/>
    </row>
    <row r="191759" spans="14:14">
      <c r="N191759" s="10"/>
    </row>
    <row r="191760" spans="14:14">
      <c r="N191760" s="10"/>
    </row>
    <row r="191761" spans="14:14">
      <c r="N191761" s="10"/>
    </row>
    <row r="191762" spans="14:14">
      <c r="N191762" s="10"/>
    </row>
    <row r="191763" spans="14:14">
      <c r="N191763" s="10"/>
    </row>
    <row r="191764" spans="14:14">
      <c r="N191764" s="10"/>
    </row>
    <row r="191765" spans="14:14">
      <c r="N191765" s="10"/>
    </row>
    <row r="191766" spans="14:14">
      <c r="N191766" s="10"/>
    </row>
    <row r="191767" spans="14:14">
      <c r="N191767" s="10"/>
    </row>
    <row r="191768" spans="14:14">
      <c r="N191768" s="10"/>
    </row>
    <row r="191769" spans="14:14">
      <c r="N191769" s="10"/>
    </row>
    <row r="191770" spans="14:14">
      <c r="N191770" s="10"/>
    </row>
    <row r="191771" spans="14:14">
      <c r="N191771" s="10"/>
    </row>
    <row r="191772" spans="14:14">
      <c r="N191772" s="10"/>
    </row>
    <row r="191773" spans="14:14">
      <c r="N191773" s="10"/>
    </row>
    <row r="191774" spans="14:14">
      <c r="N191774" s="10"/>
    </row>
    <row r="191775" spans="14:14">
      <c r="N191775" s="10"/>
    </row>
    <row r="191776" spans="14:14">
      <c r="N191776" s="10"/>
    </row>
    <row r="191777" spans="14:14">
      <c r="N191777" s="10"/>
    </row>
    <row r="191778" spans="14:14">
      <c r="N191778" s="10"/>
    </row>
    <row r="191779" spans="14:14">
      <c r="N191779" s="10"/>
    </row>
    <row r="191780" spans="14:14">
      <c r="N191780" s="10"/>
    </row>
    <row r="191781" spans="14:14">
      <c r="N191781" s="10"/>
    </row>
    <row r="191782" spans="14:14">
      <c r="N191782" s="10"/>
    </row>
    <row r="191783" spans="14:14">
      <c r="N191783" s="10"/>
    </row>
    <row r="191784" spans="14:14">
      <c r="N191784" s="10"/>
    </row>
    <row r="191785" spans="14:14">
      <c r="N191785" s="10"/>
    </row>
    <row r="191786" spans="14:14">
      <c r="N191786" s="10"/>
    </row>
    <row r="191787" spans="14:14">
      <c r="N191787" s="10"/>
    </row>
    <row r="191788" spans="14:14">
      <c r="N191788" s="10"/>
    </row>
    <row r="191789" spans="14:14">
      <c r="N191789" s="10"/>
    </row>
    <row r="191790" spans="14:14">
      <c r="N191790" s="10"/>
    </row>
    <row r="191791" spans="14:14">
      <c r="N191791" s="10"/>
    </row>
    <row r="191792" spans="14:14">
      <c r="N191792" s="10"/>
    </row>
    <row r="191793" spans="14:14">
      <c r="N191793" s="10"/>
    </row>
    <row r="191794" spans="14:14">
      <c r="N191794" s="10"/>
    </row>
    <row r="191795" spans="14:14">
      <c r="N191795" s="10"/>
    </row>
    <row r="191796" spans="14:14">
      <c r="N191796" s="10"/>
    </row>
    <row r="191797" spans="14:14">
      <c r="N191797" s="10"/>
    </row>
    <row r="191798" spans="14:14">
      <c r="N191798" s="10"/>
    </row>
    <row r="191799" spans="14:14">
      <c r="N191799" s="10"/>
    </row>
    <row r="191800" spans="14:14">
      <c r="N191800" s="10"/>
    </row>
    <row r="191801" spans="14:14">
      <c r="N191801" s="10"/>
    </row>
    <row r="191802" spans="14:14">
      <c r="N191802" s="10"/>
    </row>
    <row r="191803" spans="14:14">
      <c r="N191803" s="10"/>
    </row>
    <row r="191804" spans="14:14">
      <c r="N191804" s="10"/>
    </row>
    <row r="191805" spans="14:14">
      <c r="N191805" s="10"/>
    </row>
    <row r="191806" spans="14:14">
      <c r="N191806" s="10"/>
    </row>
    <row r="191807" spans="14:14">
      <c r="N191807" s="10"/>
    </row>
    <row r="191808" spans="14:14">
      <c r="N191808" s="10"/>
    </row>
    <row r="191809" spans="14:14">
      <c r="N191809" s="10"/>
    </row>
    <row r="191810" spans="14:14">
      <c r="N191810" s="10"/>
    </row>
    <row r="191811" spans="14:14">
      <c r="N191811" s="10"/>
    </row>
    <row r="191812" spans="14:14">
      <c r="N191812" s="10"/>
    </row>
    <row r="191813" spans="14:14">
      <c r="N191813" s="10"/>
    </row>
    <row r="191814" spans="14:14">
      <c r="N191814" s="10"/>
    </row>
    <row r="191815" spans="14:14">
      <c r="N191815" s="10"/>
    </row>
    <row r="191816" spans="14:14">
      <c r="N191816" s="10"/>
    </row>
    <row r="191817" spans="14:14">
      <c r="N191817" s="10"/>
    </row>
    <row r="191818" spans="14:14">
      <c r="N191818" s="10"/>
    </row>
    <row r="191819" spans="14:14">
      <c r="N191819" s="10"/>
    </row>
    <row r="191820" spans="14:14">
      <c r="N191820" s="10"/>
    </row>
    <row r="191821" spans="14:14">
      <c r="N191821" s="10"/>
    </row>
    <row r="191822" spans="14:14">
      <c r="N191822" s="10"/>
    </row>
    <row r="191823" spans="14:14">
      <c r="N191823" s="10"/>
    </row>
    <row r="191824" spans="14:14">
      <c r="N191824" s="10"/>
    </row>
    <row r="191825" spans="14:14">
      <c r="N191825" s="10"/>
    </row>
    <row r="191826" spans="14:14">
      <c r="N191826" s="10"/>
    </row>
    <row r="191827" spans="14:14">
      <c r="N191827" s="10"/>
    </row>
    <row r="191828" spans="14:14">
      <c r="N191828" s="10"/>
    </row>
    <row r="191829" spans="14:14">
      <c r="N191829" s="10"/>
    </row>
    <row r="191830" spans="14:14">
      <c r="N191830" s="10"/>
    </row>
    <row r="191831" spans="14:14">
      <c r="N191831" s="10"/>
    </row>
    <row r="191832" spans="14:14">
      <c r="N191832" s="10"/>
    </row>
    <row r="191833" spans="14:14">
      <c r="N191833" s="10"/>
    </row>
    <row r="191834" spans="14:14">
      <c r="N191834" s="10"/>
    </row>
    <row r="191835" spans="14:14">
      <c r="N191835" s="10"/>
    </row>
    <row r="191836" spans="14:14">
      <c r="N191836" s="10"/>
    </row>
    <row r="191837" spans="14:14">
      <c r="N191837" s="10"/>
    </row>
    <row r="191838" spans="14:14">
      <c r="N191838" s="10"/>
    </row>
    <row r="191839" spans="14:14">
      <c r="N191839" s="10"/>
    </row>
    <row r="191840" spans="14:14">
      <c r="N191840" s="10"/>
    </row>
    <row r="191841" spans="14:14">
      <c r="N191841" s="10"/>
    </row>
    <row r="191842" spans="14:14">
      <c r="N191842" s="10"/>
    </row>
    <row r="191843" spans="14:14">
      <c r="N191843" s="10"/>
    </row>
    <row r="191844" spans="14:14">
      <c r="N191844" s="10"/>
    </row>
    <row r="191845" spans="14:14">
      <c r="N191845" s="10"/>
    </row>
    <row r="191846" spans="14:14">
      <c r="N191846" s="10"/>
    </row>
    <row r="191847" spans="14:14">
      <c r="N191847" s="10"/>
    </row>
    <row r="191848" spans="14:14">
      <c r="N191848" s="10"/>
    </row>
    <row r="191849" spans="14:14">
      <c r="N191849" s="10"/>
    </row>
    <row r="191850" spans="14:14">
      <c r="N191850" s="10"/>
    </row>
    <row r="191851" spans="14:14">
      <c r="N191851" s="10"/>
    </row>
    <row r="191852" spans="14:14">
      <c r="N191852" s="10"/>
    </row>
    <row r="191853" spans="14:14">
      <c r="N191853" s="10"/>
    </row>
    <row r="191854" spans="14:14">
      <c r="N191854" s="10"/>
    </row>
    <row r="191855" spans="14:14">
      <c r="N191855" s="10"/>
    </row>
    <row r="191856" spans="14:14">
      <c r="N191856" s="10"/>
    </row>
    <row r="191857" spans="14:14">
      <c r="N191857" s="10"/>
    </row>
    <row r="191858" spans="14:14">
      <c r="N191858" s="10"/>
    </row>
    <row r="191859" spans="14:14">
      <c r="N191859" s="10"/>
    </row>
    <row r="191860" spans="14:14">
      <c r="N191860" s="10"/>
    </row>
    <row r="191861" spans="14:14">
      <c r="N191861" s="10"/>
    </row>
    <row r="191862" spans="14:14">
      <c r="N191862" s="10"/>
    </row>
    <row r="191863" spans="14:14">
      <c r="N191863" s="10"/>
    </row>
    <row r="191864" spans="14:14">
      <c r="N191864" s="10"/>
    </row>
    <row r="191865" spans="14:14">
      <c r="N191865" s="10"/>
    </row>
    <row r="191866" spans="14:14">
      <c r="N191866" s="10"/>
    </row>
    <row r="191867" spans="14:14">
      <c r="N191867" s="10"/>
    </row>
    <row r="191868" spans="14:14">
      <c r="N191868" s="10"/>
    </row>
    <row r="191869" spans="14:14">
      <c r="N191869" s="10"/>
    </row>
    <row r="191870" spans="14:14">
      <c r="N191870" s="10"/>
    </row>
    <row r="191871" spans="14:14">
      <c r="N191871" s="10"/>
    </row>
    <row r="191872" spans="14:14">
      <c r="N191872" s="10"/>
    </row>
    <row r="191873" spans="14:14">
      <c r="N191873" s="10"/>
    </row>
    <row r="191874" spans="14:14">
      <c r="N191874" s="10"/>
    </row>
    <row r="191875" spans="14:14">
      <c r="N191875" s="10"/>
    </row>
    <row r="191876" spans="14:14">
      <c r="N191876" s="10"/>
    </row>
    <row r="191877" spans="14:14">
      <c r="N191877" s="10"/>
    </row>
    <row r="191878" spans="14:14">
      <c r="N191878" s="10"/>
    </row>
    <row r="191879" spans="14:14">
      <c r="N191879" s="10"/>
    </row>
    <row r="191880" spans="14:14">
      <c r="N191880" s="10"/>
    </row>
    <row r="191881" spans="14:14">
      <c r="N191881" s="10"/>
    </row>
    <row r="191882" spans="14:14">
      <c r="N191882" s="10"/>
    </row>
    <row r="191883" spans="14:14">
      <c r="N191883" s="10"/>
    </row>
    <row r="191884" spans="14:14">
      <c r="N191884" s="10"/>
    </row>
    <row r="191885" spans="14:14">
      <c r="N191885" s="10"/>
    </row>
    <row r="191886" spans="14:14">
      <c r="N191886" s="10"/>
    </row>
    <row r="191887" spans="14:14">
      <c r="N191887" s="10"/>
    </row>
    <row r="191888" spans="14:14">
      <c r="N191888" s="10"/>
    </row>
    <row r="191889" spans="14:14">
      <c r="N191889" s="10"/>
    </row>
    <row r="191890" spans="14:14">
      <c r="N191890" s="10"/>
    </row>
    <row r="191891" spans="14:14">
      <c r="N191891" s="10"/>
    </row>
    <row r="191892" spans="14:14">
      <c r="N191892" s="10"/>
    </row>
    <row r="191893" spans="14:14">
      <c r="N191893" s="10"/>
    </row>
    <row r="191894" spans="14:14">
      <c r="N191894" s="10"/>
    </row>
    <row r="191895" spans="14:14">
      <c r="N191895" s="10"/>
    </row>
    <row r="191896" spans="14:14">
      <c r="N191896" s="10"/>
    </row>
    <row r="191897" spans="14:14">
      <c r="N191897" s="10"/>
    </row>
    <row r="191898" spans="14:14">
      <c r="N191898" s="10"/>
    </row>
    <row r="191899" spans="14:14">
      <c r="N191899" s="10"/>
    </row>
    <row r="191900" spans="14:14">
      <c r="N191900" s="10"/>
    </row>
    <row r="191901" spans="14:14">
      <c r="N191901" s="10"/>
    </row>
    <row r="191902" spans="14:14">
      <c r="N191902" s="10"/>
    </row>
    <row r="191903" spans="14:14">
      <c r="N191903" s="10"/>
    </row>
    <row r="191904" spans="14:14">
      <c r="N191904" s="10"/>
    </row>
    <row r="191905" spans="14:14">
      <c r="N191905" s="10"/>
    </row>
    <row r="191906" spans="14:14">
      <c r="N191906" s="10"/>
    </row>
    <row r="191907" spans="14:14">
      <c r="N191907" s="10"/>
    </row>
    <row r="191908" spans="14:14">
      <c r="N191908" s="10"/>
    </row>
    <row r="191909" spans="14:14">
      <c r="N191909" s="10"/>
    </row>
    <row r="191910" spans="14:14">
      <c r="N191910" s="10"/>
    </row>
    <row r="191911" spans="14:14">
      <c r="N191911" s="10"/>
    </row>
    <row r="191912" spans="14:14">
      <c r="N191912" s="10"/>
    </row>
    <row r="191913" spans="14:14">
      <c r="N191913" s="10"/>
    </row>
    <row r="191914" spans="14:14">
      <c r="N191914" s="10"/>
    </row>
    <row r="191915" spans="14:14">
      <c r="N191915" s="10"/>
    </row>
    <row r="191916" spans="14:14">
      <c r="N191916" s="10"/>
    </row>
    <row r="191917" spans="14:14">
      <c r="N191917" s="10"/>
    </row>
    <row r="191918" spans="14:14">
      <c r="N191918" s="10"/>
    </row>
    <row r="191919" spans="14:14">
      <c r="N191919" s="10"/>
    </row>
    <row r="191920" spans="14:14">
      <c r="N191920" s="10"/>
    </row>
    <row r="191921" spans="14:14">
      <c r="N191921" s="10"/>
    </row>
    <row r="191922" spans="14:14">
      <c r="N191922" s="10"/>
    </row>
    <row r="191923" spans="14:14">
      <c r="N191923" s="10"/>
    </row>
    <row r="191924" spans="14:14">
      <c r="N191924" s="10"/>
    </row>
    <row r="191925" spans="14:14">
      <c r="N191925" s="10"/>
    </row>
    <row r="191926" spans="14:14">
      <c r="N191926" s="10"/>
    </row>
    <row r="191927" spans="14:14">
      <c r="N191927" s="10"/>
    </row>
    <row r="191928" spans="14:14">
      <c r="N191928" s="10"/>
    </row>
    <row r="191929" spans="14:14">
      <c r="N191929" s="10"/>
    </row>
    <row r="191930" spans="14:14">
      <c r="N191930" s="10"/>
    </row>
    <row r="191931" spans="14:14">
      <c r="N191931" s="10"/>
    </row>
    <row r="191932" spans="14:14">
      <c r="N191932" s="10"/>
    </row>
    <row r="191933" spans="14:14">
      <c r="N191933" s="10"/>
    </row>
    <row r="191934" spans="14:14">
      <c r="N191934" s="10"/>
    </row>
    <row r="191935" spans="14:14">
      <c r="N191935" s="10"/>
    </row>
    <row r="191936" spans="14:14">
      <c r="N191936" s="10"/>
    </row>
    <row r="191937" spans="14:14">
      <c r="N191937" s="10"/>
    </row>
    <row r="191938" spans="14:14">
      <c r="N191938" s="10"/>
    </row>
    <row r="191939" spans="14:14">
      <c r="N191939" s="10"/>
    </row>
    <row r="191940" spans="14:14">
      <c r="N191940" s="10"/>
    </row>
    <row r="191941" spans="14:14">
      <c r="N191941" s="10"/>
    </row>
    <row r="191942" spans="14:14">
      <c r="N191942" s="10"/>
    </row>
    <row r="191943" spans="14:14">
      <c r="N191943" s="10"/>
    </row>
    <row r="191944" spans="14:14">
      <c r="N191944" s="10"/>
    </row>
    <row r="191945" spans="14:14">
      <c r="N191945" s="10"/>
    </row>
    <row r="191946" spans="14:14">
      <c r="N191946" s="10"/>
    </row>
    <row r="191947" spans="14:14">
      <c r="N191947" s="10"/>
    </row>
    <row r="191948" spans="14:14">
      <c r="N191948" s="10"/>
    </row>
    <row r="191949" spans="14:14">
      <c r="N191949" s="10"/>
    </row>
    <row r="191950" spans="14:14">
      <c r="N191950" s="10"/>
    </row>
    <row r="191951" spans="14:14">
      <c r="N191951" s="10"/>
    </row>
    <row r="191952" spans="14:14">
      <c r="N191952" s="10"/>
    </row>
    <row r="191953" spans="14:14">
      <c r="N191953" s="10"/>
    </row>
    <row r="191954" spans="14:14">
      <c r="N191954" s="10"/>
    </row>
    <row r="191955" spans="14:14">
      <c r="N191955" s="10"/>
    </row>
    <row r="191956" spans="14:14">
      <c r="N191956" s="10"/>
    </row>
    <row r="191957" spans="14:14">
      <c r="N191957" s="10"/>
    </row>
    <row r="191958" spans="14:14">
      <c r="N191958" s="10"/>
    </row>
    <row r="191959" spans="14:14">
      <c r="N191959" s="10"/>
    </row>
    <row r="191960" spans="14:14">
      <c r="N191960" s="10"/>
    </row>
    <row r="191961" spans="14:14">
      <c r="N191961" s="10"/>
    </row>
    <row r="191962" spans="14:14">
      <c r="N191962" s="10"/>
    </row>
    <row r="191963" spans="14:14">
      <c r="N191963" s="10"/>
    </row>
    <row r="191964" spans="14:14">
      <c r="N191964" s="10"/>
    </row>
    <row r="191965" spans="14:14">
      <c r="N191965" s="10"/>
    </row>
    <row r="191966" spans="14:14">
      <c r="N191966" s="10"/>
    </row>
    <row r="191967" spans="14:14">
      <c r="N191967" s="10"/>
    </row>
    <row r="191968" spans="14:14">
      <c r="N191968" s="10"/>
    </row>
    <row r="191969" spans="14:14">
      <c r="N191969" s="10"/>
    </row>
    <row r="191970" spans="14:14">
      <c r="N191970" s="10"/>
    </row>
    <row r="191971" spans="14:14">
      <c r="N191971" s="10"/>
    </row>
    <row r="191972" spans="14:14">
      <c r="N191972" s="10"/>
    </row>
    <row r="191973" spans="14:14">
      <c r="N191973" s="10"/>
    </row>
    <row r="191974" spans="14:14">
      <c r="N191974" s="10"/>
    </row>
    <row r="191975" spans="14:14">
      <c r="N191975" s="10"/>
    </row>
    <row r="191976" spans="14:14">
      <c r="N191976" s="10"/>
    </row>
    <row r="191977" spans="14:14">
      <c r="N191977" s="10"/>
    </row>
    <row r="191978" spans="14:14">
      <c r="N191978" s="10"/>
    </row>
    <row r="191979" spans="14:14">
      <c r="N191979" s="10"/>
    </row>
    <row r="191980" spans="14:14">
      <c r="N191980" s="10"/>
    </row>
    <row r="191981" spans="14:14">
      <c r="N191981" s="10"/>
    </row>
    <row r="191982" spans="14:14">
      <c r="N191982" s="10"/>
    </row>
    <row r="191983" spans="14:14">
      <c r="N191983" s="10"/>
    </row>
    <row r="191984" spans="14:14">
      <c r="N191984" s="10"/>
    </row>
    <row r="191985" spans="14:14">
      <c r="N191985" s="10"/>
    </row>
    <row r="191986" spans="14:14">
      <c r="N191986" s="10"/>
    </row>
    <row r="191987" spans="14:14">
      <c r="N191987" s="10"/>
    </row>
    <row r="191988" spans="14:14">
      <c r="N191988" s="10"/>
    </row>
    <row r="191989" spans="14:14">
      <c r="N191989" s="10"/>
    </row>
    <row r="191990" spans="14:14">
      <c r="N191990" s="10"/>
    </row>
    <row r="191991" spans="14:14">
      <c r="N191991" s="10"/>
    </row>
    <row r="191992" spans="14:14">
      <c r="N191992" s="10"/>
    </row>
    <row r="191993" spans="14:14">
      <c r="N191993" s="10"/>
    </row>
    <row r="191994" spans="14:14">
      <c r="N191994" s="10"/>
    </row>
    <row r="191995" spans="14:14">
      <c r="N191995" s="10"/>
    </row>
    <row r="191996" spans="14:14">
      <c r="N191996" s="10"/>
    </row>
    <row r="191997" spans="14:14">
      <c r="N191997" s="10"/>
    </row>
    <row r="191998" spans="14:14">
      <c r="N191998" s="10"/>
    </row>
    <row r="191999" spans="14:14">
      <c r="N191999" s="10"/>
    </row>
    <row r="192000" spans="14:14">
      <c r="N192000" s="10"/>
    </row>
    <row r="192001" spans="14:14">
      <c r="N192001" s="10"/>
    </row>
    <row r="192002" spans="14:14">
      <c r="N192002" s="10"/>
    </row>
    <row r="192003" spans="14:14">
      <c r="N192003" s="10"/>
    </row>
    <row r="192004" spans="14:14">
      <c r="N192004" s="10"/>
    </row>
    <row r="192005" spans="14:14">
      <c r="N192005" s="10"/>
    </row>
    <row r="192006" spans="14:14">
      <c r="N192006" s="10"/>
    </row>
    <row r="192007" spans="14:14">
      <c r="N192007" s="10"/>
    </row>
    <row r="192008" spans="14:14">
      <c r="N192008" s="10"/>
    </row>
    <row r="192009" spans="14:14">
      <c r="N192009" s="10"/>
    </row>
    <row r="192010" spans="14:14">
      <c r="N192010" s="10"/>
    </row>
    <row r="192011" spans="14:14">
      <c r="N192011" s="10"/>
    </row>
    <row r="192012" spans="14:14">
      <c r="N192012" s="10"/>
    </row>
    <row r="192013" spans="14:14">
      <c r="N192013" s="10"/>
    </row>
    <row r="192014" spans="14:14">
      <c r="N192014" s="10"/>
    </row>
    <row r="192015" spans="14:14">
      <c r="N192015" s="10"/>
    </row>
    <row r="192016" spans="14:14">
      <c r="N192016" s="10"/>
    </row>
    <row r="192017" spans="14:14">
      <c r="N192017" s="10"/>
    </row>
    <row r="192018" spans="14:14">
      <c r="N192018" s="10"/>
    </row>
    <row r="192019" spans="14:14">
      <c r="N192019" s="10"/>
    </row>
    <row r="192020" spans="14:14">
      <c r="N192020" s="10"/>
    </row>
    <row r="192021" spans="14:14">
      <c r="N192021" s="10"/>
    </row>
    <row r="192022" spans="14:14">
      <c r="N192022" s="10"/>
    </row>
    <row r="192023" spans="14:14">
      <c r="N192023" s="10"/>
    </row>
    <row r="192024" spans="14:14">
      <c r="N192024" s="10"/>
    </row>
    <row r="192025" spans="14:14">
      <c r="N192025" s="10"/>
    </row>
    <row r="192026" spans="14:14">
      <c r="N192026" s="10"/>
    </row>
    <row r="192027" spans="14:14">
      <c r="N192027" s="10"/>
    </row>
    <row r="192028" spans="14:14">
      <c r="N192028" s="10"/>
    </row>
    <row r="192029" spans="14:14">
      <c r="N192029" s="10"/>
    </row>
    <row r="192030" spans="14:14">
      <c r="N192030" s="10"/>
    </row>
    <row r="192031" spans="14:14">
      <c r="N192031" s="10"/>
    </row>
    <row r="192032" spans="14:14">
      <c r="N192032" s="10"/>
    </row>
    <row r="192033" spans="14:14">
      <c r="N192033" s="10"/>
    </row>
    <row r="192034" spans="14:14">
      <c r="N192034" s="10"/>
    </row>
    <row r="192035" spans="14:14">
      <c r="N192035" s="10"/>
    </row>
    <row r="192036" spans="14:14">
      <c r="N192036" s="10"/>
    </row>
    <row r="192037" spans="14:14">
      <c r="N192037" s="10"/>
    </row>
    <row r="192038" spans="14:14">
      <c r="N192038" s="10"/>
    </row>
    <row r="192039" spans="14:14">
      <c r="N192039" s="10"/>
    </row>
    <row r="192040" spans="14:14">
      <c r="N192040" s="10"/>
    </row>
    <row r="192041" spans="14:14">
      <c r="N192041" s="10"/>
    </row>
    <row r="192042" spans="14:14">
      <c r="N192042" s="10"/>
    </row>
    <row r="192043" spans="14:14">
      <c r="N192043" s="10"/>
    </row>
    <row r="192044" spans="14:14">
      <c r="N192044" s="10"/>
    </row>
    <row r="192045" spans="14:14">
      <c r="N192045" s="10"/>
    </row>
    <row r="192046" spans="14:14">
      <c r="N192046" s="10"/>
    </row>
    <row r="192047" spans="14:14">
      <c r="N192047" s="10"/>
    </row>
    <row r="192048" spans="14:14">
      <c r="N192048" s="10"/>
    </row>
    <row r="192049" spans="14:14">
      <c r="N192049" s="10"/>
    </row>
    <row r="192050" spans="14:14">
      <c r="N192050" s="10"/>
    </row>
    <row r="192051" spans="14:14">
      <c r="N192051" s="10"/>
    </row>
    <row r="192052" spans="14:14">
      <c r="N192052" s="10"/>
    </row>
    <row r="192053" spans="14:14">
      <c r="N192053" s="10"/>
    </row>
    <row r="192054" spans="14:14">
      <c r="N192054" s="10"/>
    </row>
    <row r="192055" spans="14:14">
      <c r="N192055" s="10"/>
    </row>
    <row r="192056" spans="14:14">
      <c r="N192056" s="10"/>
    </row>
    <row r="192057" spans="14:14">
      <c r="N192057" s="10"/>
    </row>
    <row r="192058" spans="14:14">
      <c r="N192058" s="10"/>
    </row>
    <row r="192059" spans="14:14">
      <c r="N192059" s="10"/>
    </row>
    <row r="192060" spans="14:14">
      <c r="N192060" s="10"/>
    </row>
    <row r="192061" spans="14:14">
      <c r="N192061" s="10"/>
    </row>
    <row r="192062" spans="14:14">
      <c r="N192062" s="10"/>
    </row>
    <row r="192063" spans="14:14">
      <c r="N192063" s="10"/>
    </row>
    <row r="192064" spans="14:14">
      <c r="N192064" s="10"/>
    </row>
    <row r="192065" spans="14:14">
      <c r="N192065" s="10"/>
    </row>
    <row r="192066" spans="14:14">
      <c r="N192066" s="10"/>
    </row>
    <row r="192067" spans="14:14">
      <c r="N192067" s="10"/>
    </row>
    <row r="192068" spans="14:14">
      <c r="N192068" s="10"/>
    </row>
    <row r="192069" spans="14:14">
      <c r="N192069" s="10"/>
    </row>
    <row r="192070" spans="14:14">
      <c r="N192070" s="10"/>
    </row>
    <row r="192071" spans="14:14">
      <c r="N192071" s="10"/>
    </row>
    <row r="192072" spans="14:14">
      <c r="N192072" s="10"/>
    </row>
    <row r="192073" spans="14:14">
      <c r="N192073" s="10"/>
    </row>
    <row r="192074" spans="14:14">
      <c r="N192074" s="10"/>
    </row>
    <row r="192075" spans="14:14">
      <c r="N192075" s="10"/>
    </row>
    <row r="192076" spans="14:14">
      <c r="N192076" s="10"/>
    </row>
    <row r="192077" spans="14:14">
      <c r="N192077" s="10"/>
    </row>
    <row r="192078" spans="14:14">
      <c r="N192078" s="10"/>
    </row>
    <row r="192079" spans="14:14">
      <c r="N192079" s="10"/>
    </row>
    <row r="192080" spans="14:14">
      <c r="N192080" s="10"/>
    </row>
    <row r="192081" spans="14:14">
      <c r="N192081" s="10"/>
    </row>
    <row r="192082" spans="14:14">
      <c r="N192082" s="10"/>
    </row>
    <row r="192083" spans="14:14">
      <c r="N192083" s="10"/>
    </row>
    <row r="192084" spans="14:14">
      <c r="N192084" s="10"/>
    </row>
    <row r="192085" spans="14:14">
      <c r="N192085" s="10"/>
    </row>
    <row r="192086" spans="14:14">
      <c r="N192086" s="10"/>
    </row>
    <row r="192087" spans="14:14">
      <c r="N192087" s="10"/>
    </row>
    <row r="192088" spans="14:14">
      <c r="N192088" s="10"/>
    </row>
    <row r="192089" spans="14:14">
      <c r="N192089" s="10"/>
    </row>
    <row r="192090" spans="14:14">
      <c r="N192090" s="10"/>
    </row>
    <row r="192091" spans="14:14">
      <c r="N192091" s="10"/>
    </row>
    <row r="192092" spans="14:14">
      <c r="N192092" s="10"/>
    </row>
    <row r="192093" spans="14:14">
      <c r="N192093" s="10"/>
    </row>
    <row r="192094" spans="14:14">
      <c r="N192094" s="10"/>
    </row>
    <row r="192095" spans="14:14">
      <c r="N192095" s="10"/>
    </row>
    <row r="192096" spans="14:14">
      <c r="N192096" s="10"/>
    </row>
    <row r="192097" spans="14:14">
      <c r="N192097" s="10"/>
    </row>
    <row r="192098" spans="14:14">
      <c r="N192098" s="10"/>
    </row>
    <row r="192099" spans="14:14">
      <c r="N192099" s="10"/>
    </row>
    <row r="192100" spans="14:14">
      <c r="N192100" s="10"/>
    </row>
    <row r="192101" spans="14:14">
      <c r="N192101" s="10"/>
    </row>
    <row r="192102" spans="14:14">
      <c r="N192102" s="10"/>
    </row>
    <row r="192103" spans="14:14">
      <c r="N192103" s="10"/>
    </row>
    <row r="192104" spans="14:14">
      <c r="N192104" s="10"/>
    </row>
    <row r="192105" spans="14:14">
      <c r="N192105" s="10"/>
    </row>
    <row r="192106" spans="14:14">
      <c r="N192106" s="10"/>
    </row>
    <row r="192107" spans="14:14">
      <c r="N192107" s="10"/>
    </row>
    <row r="192108" spans="14:14">
      <c r="N192108" s="10"/>
    </row>
    <row r="192109" spans="14:14">
      <c r="N192109" s="10"/>
    </row>
    <row r="192110" spans="14:14">
      <c r="N192110" s="10"/>
    </row>
    <row r="192111" spans="14:14">
      <c r="N192111" s="10"/>
    </row>
    <row r="192112" spans="14:14">
      <c r="N192112" s="10"/>
    </row>
    <row r="192113" spans="14:14">
      <c r="N192113" s="10"/>
    </row>
    <row r="192114" spans="14:14">
      <c r="N192114" s="10"/>
    </row>
    <row r="192115" spans="14:14">
      <c r="N192115" s="10"/>
    </row>
    <row r="192116" spans="14:14">
      <c r="N192116" s="10"/>
    </row>
    <row r="192117" spans="14:14">
      <c r="N192117" s="10"/>
    </row>
    <row r="192118" spans="14:14">
      <c r="N192118" s="10"/>
    </row>
    <row r="192119" spans="14:14">
      <c r="N192119" s="10"/>
    </row>
    <row r="192120" spans="14:14">
      <c r="N192120" s="10"/>
    </row>
    <row r="192121" spans="14:14">
      <c r="N192121" s="10"/>
    </row>
    <row r="192122" spans="14:14">
      <c r="N192122" s="10"/>
    </row>
    <row r="192123" spans="14:14">
      <c r="N192123" s="10"/>
    </row>
    <row r="192124" spans="14:14">
      <c r="N192124" s="10"/>
    </row>
    <row r="192125" spans="14:14">
      <c r="N192125" s="10"/>
    </row>
    <row r="192126" spans="14:14">
      <c r="N192126" s="10"/>
    </row>
    <row r="192127" spans="14:14">
      <c r="N192127" s="10"/>
    </row>
    <row r="192128" spans="14:14">
      <c r="N192128" s="10"/>
    </row>
    <row r="192129" spans="14:14">
      <c r="N192129" s="10"/>
    </row>
    <row r="192130" spans="14:14">
      <c r="N192130" s="10"/>
    </row>
    <row r="192131" spans="14:14">
      <c r="N192131" s="10"/>
    </row>
    <row r="192132" spans="14:14">
      <c r="N192132" s="10"/>
    </row>
    <row r="192133" spans="14:14">
      <c r="N192133" s="10"/>
    </row>
    <row r="192134" spans="14:14">
      <c r="N192134" s="10"/>
    </row>
    <row r="192135" spans="14:14">
      <c r="N192135" s="10"/>
    </row>
    <row r="192136" spans="14:14">
      <c r="N192136" s="10"/>
    </row>
    <row r="192137" spans="14:14">
      <c r="N192137" s="10"/>
    </row>
    <row r="192138" spans="14:14">
      <c r="N192138" s="10"/>
    </row>
    <row r="192139" spans="14:14">
      <c r="N192139" s="10"/>
    </row>
    <row r="192140" spans="14:14">
      <c r="N192140" s="10"/>
    </row>
    <row r="192141" spans="14:14">
      <c r="N192141" s="10"/>
    </row>
    <row r="192142" spans="14:14">
      <c r="N192142" s="10"/>
    </row>
    <row r="192143" spans="14:14">
      <c r="N192143" s="10"/>
    </row>
    <row r="192144" spans="14:14">
      <c r="N192144" s="10"/>
    </row>
    <row r="192145" spans="14:14">
      <c r="N192145" s="10"/>
    </row>
    <row r="192146" spans="14:14">
      <c r="N192146" s="10"/>
    </row>
    <row r="192147" spans="14:14">
      <c r="N192147" s="10"/>
    </row>
    <row r="192148" spans="14:14">
      <c r="N192148" s="10"/>
    </row>
    <row r="192149" spans="14:14">
      <c r="N192149" s="10"/>
    </row>
    <row r="192150" spans="14:14">
      <c r="N192150" s="10"/>
    </row>
    <row r="192151" spans="14:14">
      <c r="N192151" s="10"/>
    </row>
    <row r="192152" spans="14:14">
      <c r="N192152" s="10"/>
    </row>
    <row r="192153" spans="14:14">
      <c r="N192153" s="10"/>
    </row>
    <row r="192154" spans="14:14">
      <c r="N192154" s="10"/>
    </row>
    <row r="192155" spans="14:14">
      <c r="N192155" s="10"/>
    </row>
    <row r="192156" spans="14:14">
      <c r="N192156" s="10"/>
    </row>
    <row r="192157" spans="14:14">
      <c r="N192157" s="10"/>
    </row>
    <row r="192158" spans="14:14">
      <c r="N192158" s="10"/>
    </row>
    <row r="192159" spans="14:14">
      <c r="N192159" s="10"/>
    </row>
    <row r="192160" spans="14:14">
      <c r="N192160" s="10"/>
    </row>
    <row r="192161" spans="14:14">
      <c r="N192161" s="10"/>
    </row>
    <row r="192162" spans="14:14">
      <c r="N192162" s="10"/>
    </row>
    <row r="192163" spans="14:14">
      <c r="N192163" s="10"/>
    </row>
    <row r="192164" spans="14:14">
      <c r="N192164" s="10"/>
    </row>
    <row r="192165" spans="14:14">
      <c r="N192165" s="10"/>
    </row>
    <row r="192166" spans="14:14">
      <c r="N192166" s="10"/>
    </row>
    <row r="192167" spans="14:14">
      <c r="N192167" s="10"/>
    </row>
    <row r="192168" spans="14:14">
      <c r="N192168" s="10"/>
    </row>
    <row r="192169" spans="14:14">
      <c r="N192169" s="10"/>
    </row>
    <row r="192170" spans="14:14">
      <c r="N192170" s="10"/>
    </row>
    <row r="192171" spans="14:14">
      <c r="N192171" s="10"/>
    </row>
    <row r="192172" spans="14:14">
      <c r="N192172" s="10"/>
    </row>
    <row r="192173" spans="14:14">
      <c r="N192173" s="10"/>
    </row>
    <row r="192174" spans="14:14">
      <c r="N192174" s="10"/>
    </row>
    <row r="192175" spans="14:14">
      <c r="N192175" s="10"/>
    </row>
    <row r="192176" spans="14:14">
      <c r="N192176" s="10"/>
    </row>
    <row r="192177" spans="14:14">
      <c r="N192177" s="10"/>
    </row>
    <row r="192178" spans="14:14">
      <c r="N192178" s="10"/>
    </row>
    <row r="192179" spans="14:14">
      <c r="N192179" s="10"/>
    </row>
    <row r="192180" spans="14:14">
      <c r="N192180" s="10"/>
    </row>
    <row r="192181" spans="14:14">
      <c r="N192181" s="10"/>
    </row>
    <row r="192182" spans="14:14">
      <c r="N192182" s="10"/>
    </row>
    <row r="192183" spans="14:14">
      <c r="N192183" s="10"/>
    </row>
    <row r="192184" spans="14:14">
      <c r="N192184" s="10"/>
    </row>
    <row r="192185" spans="14:14">
      <c r="N192185" s="10"/>
    </row>
    <row r="192186" spans="14:14">
      <c r="N192186" s="10"/>
    </row>
    <row r="192187" spans="14:14">
      <c r="N192187" s="10"/>
    </row>
    <row r="192188" spans="14:14">
      <c r="N192188" s="10"/>
    </row>
    <row r="192189" spans="14:14">
      <c r="N192189" s="10"/>
    </row>
    <row r="192190" spans="14:14">
      <c r="N192190" s="10"/>
    </row>
    <row r="192191" spans="14:14">
      <c r="N192191" s="10"/>
    </row>
    <row r="192192" spans="14:14">
      <c r="N192192" s="10"/>
    </row>
    <row r="192193" spans="14:14">
      <c r="N192193" s="10"/>
    </row>
    <row r="192194" spans="14:14">
      <c r="N192194" s="10"/>
    </row>
    <row r="192195" spans="14:14">
      <c r="N192195" s="10"/>
    </row>
    <row r="192196" spans="14:14">
      <c r="N192196" s="10"/>
    </row>
    <row r="192197" spans="14:14">
      <c r="N192197" s="10"/>
    </row>
    <row r="192198" spans="14:14">
      <c r="N192198" s="10"/>
    </row>
    <row r="192199" spans="14:14">
      <c r="N192199" s="10"/>
    </row>
    <row r="192200" spans="14:14">
      <c r="N192200" s="10"/>
    </row>
    <row r="192201" spans="14:14">
      <c r="N192201" s="10"/>
    </row>
    <row r="192202" spans="14:14">
      <c r="N192202" s="10"/>
    </row>
    <row r="192203" spans="14:14">
      <c r="N192203" s="10"/>
    </row>
    <row r="192204" spans="14:14">
      <c r="N192204" s="10"/>
    </row>
    <row r="192205" spans="14:14">
      <c r="N192205" s="10"/>
    </row>
    <row r="192206" spans="14:14">
      <c r="N192206" s="10"/>
    </row>
    <row r="192207" spans="14:14">
      <c r="N192207" s="10"/>
    </row>
    <row r="192208" spans="14:14">
      <c r="N192208" s="10"/>
    </row>
    <row r="192209" spans="14:14">
      <c r="N192209" s="10"/>
    </row>
    <row r="192210" spans="14:14">
      <c r="N192210" s="10"/>
    </row>
    <row r="192211" spans="14:14">
      <c r="N192211" s="10"/>
    </row>
    <row r="192212" spans="14:14">
      <c r="N192212" s="10"/>
    </row>
    <row r="192213" spans="14:14">
      <c r="N192213" s="10"/>
    </row>
    <row r="192214" spans="14:14">
      <c r="N192214" s="10"/>
    </row>
    <row r="192215" spans="14:14">
      <c r="N192215" s="10"/>
    </row>
    <row r="192216" spans="14:14">
      <c r="N192216" s="10"/>
    </row>
    <row r="192217" spans="14:14">
      <c r="N192217" s="10"/>
    </row>
    <row r="192218" spans="14:14">
      <c r="N192218" s="10"/>
    </row>
    <row r="192219" spans="14:14">
      <c r="N192219" s="10"/>
    </row>
    <row r="192220" spans="14:14">
      <c r="N192220" s="10"/>
    </row>
    <row r="192221" spans="14:14">
      <c r="N192221" s="10"/>
    </row>
    <row r="192222" spans="14:14">
      <c r="N192222" s="10"/>
    </row>
    <row r="192223" spans="14:14">
      <c r="N192223" s="10"/>
    </row>
    <row r="192224" spans="14:14">
      <c r="N192224" s="10"/>
    </row>
    <row r="192225" spans="14:14">
      <c r="N192225" s="10"/>
    </row>
    <row r="192226" spans="14:14">
      <c r="N192226" s="10"/>
    </row>
    <row r="192227" spans="14:14">
      <c r="N192227" s="10"/>
    </row>
    <row r="192228" spans="14:14">
      <c r="N192228" s="10"/>
    </row>
    <row r="192229" spans="14:14">
      <c r="N192229" s="10"/>
    </row>
    <row r="192230" spans="14:14">
      <c r="N192230" s="10"/>
    </row>
    <row r="192231" spans="14:14">
      <c r="N192231" s="10"/>
    </row>
    <row r="192232" spans="14:14">
      <c r="N192232" s="10"/>
    </row>
    <row r="192233" spans="14:14">
      <c r="N192233" s="10"/>
    </row>
    <row r="192234" spans="14:14">
      <c r="N192234" s="10"/>
    </row>
    <row r="192235" spans="14:14">
      <c r="N192235" s="10"/>
    </row>
    <row r="192236" spans="14:14">
      <c r="N192236" s="10"/>
    </row>
    <row r="192237" spans="14:14">
      <c r="N192237" s="10"/>
    </row>
    <row r="192238" spans="14:14">
      <c r="N192238" s="10"/>
    </row>
    <row r="192239" spans="14:14">
      <c r="N192239" s="10"/>
    </row>
    <row r="192240" spans="14:14">
      <c r="N192240" s="10"/>
    </row>
    <row r="192241" spans="14:14">
      <c r="N192241" s="10"/>
    </row>
    <row r="192242" spans="14:14">
      <c r="N192242" s="10"/>
    </row>
    <row r="192243" spans="14:14">
      <c r="N192243" s="10"/>
    </row>
    <row r="192244" spans="14:14">
      <c r="N192244" s="10"/>
    </row>
    <row r="192245" spans="14:14">
      <c r="N192245" s="10"/>
    </row>
    <row r="192246" spans="14:14">
      <c r="N192246" s="10"/>
    </row>
    <row r="192247" spans="14:14">
      <c r="N192247" s="10"/>
    </row>
    <row r="192248" spans="14:14">
      <c r="N192248" s="10"/>
    </row>
    <row r="192249" spans="14:14">
      <c r="N192249" s="10"/>
    </row>
    <row r="192250" spans="14:14">
      <c r="N192250" s="10"/>
    </row>
    <row r="192251" spans="14:14">
      <c r="N192251" s="10"/>
    </row>
    <row r="192252" spans="14:14">
      <c r="N192252" s="10"/>
    </row>
    <row r="192253" spans="14:14">
      <c r="N192253" s="10"/>
    </row>
    <row r="192254" spans="14:14">
      <c r="N192254" s="10"/>
    </row>
    <row r="192255" spans="14:14">
      <c r="N192255" s="10"/>
    </row>
    <row r="192256" spans="14:14">
      <c r="N192256" s="10"/>
    </row>
    <row r="192257" spans="14:14">
      <c r="N192257" s="10"/>
    </row>
    <row r="192258" spans="14:14">
      <c r="N192258" s="10"/>
    </row>
    <row r="192259" spans="14:14">
      <c r="N192259" s="10"/>
    </row>
    <row r="192260" spans="14:14">
      <c r="N192260" s="10"/>
    </row>
    <row r="192261" spans="14:14">
      <c r="N192261" s="10"/>
    </row>
    <row r="192262" spans="14:14">
      <c r="N192262" s="10"/>
    </row>
    <row r="192263" spans="14:14">
      <c r="N192263" s="10"/>
    </row>
    <row r="192264" spans="14:14">
      <c r="N192264" s="10"/>
    </row>
    <row r="192265" spans="14:14">
      <c r="N192265" s="10"/>
    </row>
    <row r="192266" spans="14:14">
      <c r="N192266" s="10"/>
    </row>
    <row r="192267" spans="14:14">
      <c r="N192267" s="10"/>
    </row>
    <row r="192268" spans="14:14">
      <c r="N192268" s="10"/>
    </row>
    <row r="192269" spans="14:14">
      <c r="N192269" s="10"/>
    </row>
    <row r="192270" spans="14:14">
      <c r="N192270" s="10"/>
    </row>
    <row r="192271" spans="14:14">
      <c r="N192271" s="10"/>
    </row>
    <row r="192272" spans="14:14">
      <c r="N192272" s="10"/>
    </row>
    <row r="192273" spans="14:14">
      <c r="N192273" s="10"/>
    </row>
    <row r="192274" spans="14:14">
      <c r="N192274" s="10"/>
    </row>
    <row r="192275" spans="14:14">
      <c r="N192275" s="10"/>
    </row>
    <row r="192276" spans="14:14">
      <c r="N192276" s="10"/>
    </row>
    <row r="192277" spans="14:14">
      <c r="N192277" s="10"/>
    </row>
    <row r="192278" spans="14:14">
      <c r="N192278" s="10"/>
    </row>
    <row r="192279" spans="14:14">
      <c r="N192279" s="10"/>
    </row>
    <row r="192280" spans="14:14">
      <c r="N192280" s="10"/>
    </row>
    <row r="192281" spans="14:14">
      <c r="N192281" s="10"/>
    </row>
    <row r="192282" spans="14:14">
      <c r="N192282" s="10"/>
    </row>
    <row r="192283" spans="14:14">
      <c r="N192283" s="10"/>
    </row>
    <row r="192284" spans="14:14">
      <c r="N192284" s="10"/>
    </row>
    <row r="192285" spans="14:14">
      <c r="N192285" s="10"/>
    </row>
    <row r="192286" spans="14:14">
      <c r="N192286" s="10"/>
    </row>
    <row r="192287" spans="14:14">
      <c r="N192287" s="10"/>
    </row>
    <row r="192288" spans="14:14">
      <c r="N192288" s="10"/>
    </row>
    <row r="192289" spans="14:14">
      <c r="N192289" s="10"/>
    </row>
    <row r="192290" spans="14:14">
      <c r="N192290" s="10"/>
    </row>
    <row r="192291" spans="14:14">
      <c r="N192291" s="10"/>
    </row>
    <row r="192292" spans="14:14">
      <c r="N192292" s="10"/>
    </row>
    <row r="192293" spans="14:14">
      <c r="N192293" s="10"/>
    </row>
    <row r="192294" spans="14:14">
      <c r="N192294" s="10"/>
    </row>
    <row r="192295" spans="14:14">
      <c r="N192295" s="10"/>
    </row>
    <row r="192296" spans="14:14">
      <c r="N192296" s="10"/>
    </row>
    <row r="192297" spans="14:14">
      <c r="N192297" s="10"/>
    </row>
    <row r="192298" spans="14:14">
      <c r="N192298" s="10"/>
    </row>
    <row r="192299" spans="14:14">
      <c r="N192299" s="10"/>
    </row>
    <row r="192300" spans="14:14">
      <c r="N192300" s="10"/>
    </row>
    <row r="192301" spans="14:14">
      <c r="N192301" s="10"/>
    </row>
    <row r="192302" spans="14:14">
      <c r="N192302" s="10"/>
    </row>
    <row r="192303" spans="14:14">
      <c r="N192303" s="10"/>
    </row>
    <row r="192304" spans="14:14">
      <c r="N192304" s="10"/>
    </row>
    <row r="192305" spans="14:14">
      <c r="N192305" s="10"/>
    </row>
    <row r="192306" spans="14:14">
      <c r="N192306" s="10"/>
    </row>
    <row r="192307" spans="14:14">
      <c r="N192307" s="10"/>
    </row>
    <row r="192308" spans="14:14">
      <c r="N192308" s="10"/>
    </row>
    <row r="192309" spans="14:14">
      <c r="N192309" s="10"/>
    </row>
    <row r="192310" spans="14:14">
      <c r="N192310" s="10"/>
    </row>
    <row r="192311" spans="14:14">
      <c r="N192311" s="10"/>
    </row>
    <row r="192312" spans="14:14">
      <c r="N192312" s="10"/>
    </row>
    <row r="192313" spans="14:14">
      <c r="N192313" s="10"/>
    </row>
    <row r="192314" spans="14:14">
      <c r="N192314" s="10"/>
    </row>
    <row r="192315" spans="14:14">
      <c r="N192315" s="10"/>
    </row>
    <row r="192316" spans="14:14">
      <c r="N192316" s="10"/>
    </row>
    <row r="192317" spans="14:14">
      <c r="N192317" s="10"/>
    </row>
    <row r="192318" spans="14:14">
      <c r="N192318" s="10"/>
    </row>
    <row r="192319" spans="14:14">
      <c r="N192319" s="10"/>
    </row>
    <row r="192320" spans="14:14">
      <c r="N192320" s="10"/>
    </row>
    <row r="192321" spans="14:14">
      <c r="N192321" s="10"/>
    </row>
    <row r="192322" spans="14:14">
      <c r="N192322" s="10"/>
    </row>
    <row r="192323" spans="14:14">
      <c r="N192323" s="10"/>
    </row>
    <row r="192324" spans="14:14">
      <c r="N192324" s="10"/>
    </row>
    <row r="192325" spans="14:14">
      <c r="N192325" s="10"/>
    </row>
    <row r="192326" spans="14:14">
      <c r="N192326" s="10"/>
    </row>
    <row r="192327" spans="14:14">
      <c r="N192327" s="10"/>
    </row>
    <row r="192328" spans="14:14">
      <c r="N192328" s="10"/>
    </row>
    <row r="192329" spans="14:14">
      <c r="N192329" s="10"/>
    </row>
    <row r="192330" spans="14:14">
      <c r="N192330" s="10"/>
    </row>
    <row r="192331" spans="14:14">
      <c r="N192331" s="10"/>
    </row>
    <row r="192332" spans="14:14">
      <c r="N192332" s="10"/>
    </row>
    <row r="192333" spans="14:14">
      <c r="N192333" s="10"/>
    </row>
    <row r="192334" spans="14:14">
      <c r="N192334" s="10"/>
    </row>
    <row r="192335" spans="14:14">
      <c r="N192335" s="10"/>
    </row>
    <row r="192336" spans="14:14">
      <c r="N192336" s="10"/>
    </row>
    <row r="192337" spans="14:14">
      <c r="N192337" s="10"/>
    </row>
    <row r="192338" spans="14:14">
      <c r="N192338" s="10"/>
    </row>
    <row r="192339" spans="14:14">
      <c r="N192339" s="10"/>
    </row>
    <row r="192340" spans="14:14">
      <c r="N192340" s="10"/>
    </row>
    <row r="192341" spans="14:14">
      <c r="N192341" s="10"/>
    </row>
    <row r="192342" spans="14:14">
      <c r="N192342" s="10"/>
    </row>
    <row r="192343" spans="14:14">
      <c r="N192343" s="10"/>
    </row>
    <row r="192344" spans="14:14">
      <c r="N192344" s="10"/>
    </row>
    <row r="192345" spans="14:14">
      <c r="N192345" s="10"/>
    </row>
    <row r="192346" spans="14:14">
      <c r="N192346" s="10"/>
    </row>
    <row r="192347" spans="14:14">
      <c r="N192347" s="10"/>
    </row>
    <row r="192348" spans="14:14">
      <c r="N192348" s="10"/>
    </row>
    <row r="192349" spans="14:14">
      <c r="N192349" s="10"/>
    </row>
    <row r="192350" spans="14:14">
      <c r="N192350" s="10"/>
    </row>
    <row r="192351" spans="14:14">
      <c r="N192351" s="10"/>
    </row>
    <row r="192352" spans="14:14">
      <c r="N192352" s="10"/>
    </row>
    <row r="192353" spans="14:14">
      <c r="N192353" s="10"/>
    </row>
    <row r="192354" spans="14:14">
      <c r="N192354" s="10"/>
    </row>
    <row r="192355" spans="14:14">
      <c r="N192355" s="10"/>
    </row>
    <row r="192356" spans="14:14">
      <c r="N192356" s="10"/>
    </row>
    <row r="192357" spans="14:14">
      <c r="N192357" s="10"/>
    </row>
    <row r="192358" spans="14:14">
      <c r="N192358" s="10"/>
    </row>
    <row r="192359" spans="14:14">
      <c r="N192359" s="10"/>
    </row>
    <row r="192360" spans="14:14">
      <c r="N192360" s="10"/>
    </row>
    <row r="192361" spans="14:14">
      <c r="N192361" s="10"/>
    </row>
    <row r="192362" spans="14:14">
      <c r="N192362" s="10"/>
    </row>
    <row r="192363" spans="14:14">
      <c r="N192363" s="10"/>
    </row>
    <row r="192364" spans="14:14">
      <c r="N192364" s="10"/>
    </row>
    <row r="192365" spans="14:14">
      <c r="N192365" s="10"/>
    </row>
    <row r="192366" spans="14:14">
      <c r="N192366" s="10"/>
    </row>
    <row r="192367" spans="14:14">
      <c r="N192367" s="10"/>
    </row>
    <row r="192368" spans="14:14">
      <c r="N192368" s="10"/>
    </row>
    <row r="192369" spans="14:14">
      <c r="N192369" s="10"/>
    </row>
    <row r="192370" spans="14:14">
      <c r="N192370" s="10"/>
    </row>
    <row r="192371" spans="14:14">
      <c r="N192371" s="10"/>
    </row>
    <row r="192372" spans="14:14">
      <c r="N192372" s="10"/>
    </row>
    <row r="192373" spans="14:14">
      <c r="N192373" s="10"/>
    </row>
    <row r="192374" spans="14:14">
      <c r="N192374" s="10"/>
    </row>
    <row r="192375" spans="14:14">
      <c r="N192375" s="10"/>
    </row>
    <row r="192376" spans="14:14">
      <c r="N192376" s="10"/>
    </row>
    <row r="192377" spans="14:14">
      <c r="N192377" s="10"/>
    </row>
    <row r="192378" spans="14:14">
      <c r="N192378" s="10"/>
    </row>
    <row r="192379" spans="14:14">
      <c r="N192379" s="10"/>
    </row>
    <row r="192380" spans="14:14">
      <c r="N192380" s="10"/>
    </row>
    <row r="192381" spans="14:14">
      <c r="N192381" s="10"/>
    </row>
    <row r="192382" spans="14:14">
      <c r="N192382" s="10"/>
    </row>
    <row r="192383" spans="14:14">
      <c r="N192383" s="10"/>
    </row>
    <row r="192384" spans="14:14">
      <c r="N192384" s="10"/>
    </row>
    <row r="192385" spans="14:14">
      <c r="N192385" s="10"/>
    </row>
    <row r="192386" spans="14:14">
      <c r="N192386" s="10"/>
    </row>
    <row r="192387" spans="14:14">
      <c r="N192387" s="10"/>
    </row>
    <row r="192388" spans="14:14">
      <c r="N192388" s="10"/>
    </row>
    <row r="192389" spans="14:14">
      <c r="N192389" s="10"/>
    </row>
    <row r="192390" spans="14:14">
      <c r="N192390" s="10"/>
    </row>
    <row r="192391" spans="14:14">
      <c r="N192391" s="10"/>
    </row>
    <row r="192392" spans="14:14">
      <c r="N192392" s="10"/>
    </row>
    <row r="192393" spans="14:14">
      <c r="N192393" s="10"/>
    </row>
    <row r="192394" spans="14:14">
      <c r="N192394" s="10"/>
    </row>
    <row r="192395" spans="14:14">
      <c r="N192395" s="10"/>
    </row>
    <row r="192396" spans="14:14">
      <c r="N192396" s="10"/>
    </row>
    <row r="192397" spans="14:14">
      <c r="N192397" s="10"/>
    </row>
    <row r="192398" spans="14:14">
      <c r="N192398" s="10"/>
    </row>
    <row r="192399" spans="14:14">
      <c r="N192399" s="10"/>
    </row>
    <row r="192400" spans="14:14">
      <c r="N192400" s="10"/>
    </row>
    <row r="192401" spans="14:14">
      <c r="N192401" s="10"/>
    </row>
    <row r="192402" spans="14:14">
      <c r="N192402" s="10"/>
    </row>
    <row r="192403" spans="14:14">
      <c r="N192403" s="10"/>
    </row>
    <row r="192404" spans="14:14">
      <c r="N192404" s="10"/>
    </row>
    <row r="192405" spans="14:14">
      <c r="N192405" s="10"/>
    </row>
    <row r="192406" spans="14:14">
      <c r="N192406" s="10"/>
    </row>
    <row r="192407" spans="14:14">
      <c r="N192407" s="10"/>
    </row>
    <row r="192408" spans="14:14">
      <c r="N192408" s="10"/>
    </row>
    <row r="192409" spans="14:14">
      <c r="N192409" s="10"/>
    </row>
    <row r="192410" spans="14:14">
      <c r="N192410" s="10"/>
    </row>
    <row r="192411" spans="14:14">
      <c r="N192411" s="10"/>
    </row>
    <row r="192412" spans="14:14">
      <c r="N192412" s="10"/>
    </row>
    <row r="192413" spans="14:14">
      <c r="N192413" s="10"/>
    </row>
    <row r="192414" spans="14:14">
      <c r="N192414" s="10"/>
    </row>
    <row r="192415" spans="14:14">
      <c r="N192415" s="10"/>
    </row>
    <row r="192416" spans="14:14">
      <c r="N192416" s="10"/>
    </row>
    <row r="192417" spans="14:14">
      <c r="N192417" s="10"/>
    </row>
    <row r="192418" spans="14:14">
      <c r="N192418" s="10"/>
    </row>
    <row r="192419" spans="14:14">
      <c r="N192419" s="10"/>
    </row>
    <row r="192420" spans="14:14">
      <c r="N192420" s="10"/>
    </row>
    <row r="192421" spans="14:14">
      <c r="N192421" s="10"/>
    </row>
    <row r="192422" spans="14:14">
      <c r="N192422" s="10"/>
    </row>
    <row r="192423" spans="14:14">
      <c r="N192423" s="10"/>
    </row>
    <row r="192424" spans="14:14">
      <c r="N192424" s="10"/>
    </row>
    <row r="192425" spans="14:14">
      <c r="N192425" s="10"/>
    </row>
    <row r="192426" spans="14:14">
      <c r="N192426" s="10"/>
    </row>
    <row r="192427" spans="14:14">
      <c r="N192427" s="10"/>
    </row>
    <row r="192428" spans="14:14">
      <c r="N192428" s="10"/>
    </row>
    <row r="192429" spans="14:14">
      <c r="N192429" s="10"/>
    </row>
    <row r="192430" spans="14:14">
      <c r="N192430" s="10"/>
    </row>
    <row r="192431" spans="14:14">
      <c r="N192431" s="10"/>
    </row>
    <row r="192432" spans="14:14">
      <c r="N192432" s="10"/>
    </row>
    <row r="192433" spans="14:14">
      <c r="N192433" s="10"/>
    </row>
    <row r="192434" spans="14:14">
      <c r="N192434" s="10"/>
    </row>
    <row r="192435" spans="14:14">
      <c r="N192435" s="10"/>
    </row>
    <row r="192436" spans="14:14">
      <c r="N192436" s="10"/>
    </row>
    <row r="192437" spans="14:14">
      <c r="N192437" s="10"/>
    </row>
    <row r="192438" spans="14:14">
      <c r="N192438" s="10"/>
    </row>
    <row r="192439" spans="14:14">
      <c r="N192439" s="10"/>
    </row>
    <row r="192440" spans="14:14">
      <c r="N192440" s="10"/>
    </row>
    <row r="192441" spans="14:14">
      <c r="N192441" s="10"/>
    </row>
    <row r="192442" spans="14:14">
      <c r="N192442" s="10"/>
    </row>
    <row r="192443" spans="14:14">
      <c r="N192443" s="10"/>
    </row>
    <row r="192444" spans="14:14">
      <c r="N192444" s="10"/>
    </row>
    <row r="192445" spans="14:14">
      <c r="N192445" s="10"/>
    </row>
    <row r="192446" spans="14:14">
      <c r="N192446" s="10"/>
    </row>
    <row r="192447" spans="14:14">
      <c r="N192447" s="10"/>
    </row>
    <row r="192448" spans="14:14">
      <c r="N192448" s="10"/>
    </row>
    <row r="192449" spans="14:14">
      <c r="N192449" s="10"/>
    </row>
    <row r="192450" spans="14:14">
      <c r="N192450" s="10"/>
    </row>
    <row r="192451" spans="14:14">
      <c r="N192451" s="10"/>
    </row>
    <row r="192452" spans="14:14">
      <c r="N192452" s="10"/>
    </row>
    <row r="192453" spans="14:14">
      <c r="N192453" s="10"/>
    </row>
    <row r="192454" spans="14:14">
      <c r="N192454" s="10"/>
    </row>
    <row r="192455" spans="14:14">
      <c r="N192455" s="10"/>
    </row>
    <row r="192456" spans="14:14">
      <c r="N192456" s="10"/>
    </row>
    <row r="192457" spans="14:14">
      <c r="N192457" s="10"/>
    </row>
    <row r="192458" spans="14:14">
      <c r="N192458" s="10"/>
    </row>
    <row r="192459" spans="14:14">
      <c r="N192459" s="10"/>
    </row>
    <row r="192460" spans="14:14">
      <c r="N192460" s="10"/>
    </row>
    <row r="192461" spans="14:14">
      <c r="N192461" s="10"/>
    </row>
    <row r="192462" spans="14:14">
      <c r="N192462" s="10"/>
    </row>
    <row r="192463" spans="14:14">
      <c r="N192463" s="10"/>
    </row>
    <row r="192464" spans="14:14">
      <c r="N192464" s="10"/>
    </row>
    <row r="192465" spans="14:14">
      <c r="N192465" s="10"/>
    </row>
    <row r="192466" spans="14:14">
      <c r="N192466" s="10"/>
    </row>
    <row r="192467" spans="14:14">
      <c r="N192467" s="10"/>
    </row>
    <row r="192468" spans="14:14">
      <c r="N192468" s="10"/>
    </row>
    <row r="192469" spans="14:14">
      <c r="N192469" s="10"/>
    </row>
    <row r="192470" spans="14:14">
      <c r="N192470" s="10"/>
    </row>
    <row r="192471" spans="14:14">
      <c r="N192471" s="10"/>
    </row>
    <row r="192472" spans="14:14">
      <c r="N192472" s="10"/>
    </row>
    <row r="192473" spans="14:14">
      <c r="N192473" s="10"/>
    </row>
    <row r="192474" spans="14:14">
      <c r="N192474" s="10"/>
    </row>
    <row r="192475" spans="14:14">
      <c r="N192475" s="10"/>
    </row>
    <row r="192476" spans="14:14">
      <c r="N192476" s="10"/>
    </row>
    <row r="192477" spans="14:14">
      <c r="N192477" s="10"/>
    </row>
    <row r="192478" spans="14:14">
      <c r="N192478" s="10"/>
    </row>
    <row r="192479" spans="14:14">
      <c r="N192479" s="10"/>
    </row>
    <row r="192480" spans="14:14">
      <c r="N192480" s="10"/>
    </row>
    <row r="192481" spans="14:14">
      <c r="N192481" s="10"/>
    </row>
    <row r="192482" spans="14:14">
      <c r="N192482" s="10"/>
    </row>
    <row r="192483" spans="14:14">
      <c r="N192483" s="10"/>
    </row>
    <row r="192484" spans="14:14">
      <c r="N192484" s="10"/>
    </row>
    <row r="192485" spans="14:14">
      <c r="N192485" s="10"/>
    </row>
    <row r="192486" spans="14:14">
      <c r="N192486" s="10"/>
    </row>
    <row r="192487" spans="14:14">
      <c r="N192487" s="10"/>
    </row>
    <row r="192488" spans="14:14">
      <c r="N192488" s="10"/>
    </row>
    <row r="192489" spans="14:14">
      <c r="N192489" s="10"/>
    </row>
    <row r="192490" spans="14:14">
      <c r="N192490" s="10"/>
    </row>
    <row r="192491" spans="14:14">
      <c r="N192491" s="10"/>
    </row>
    <row r="192492" spans="14:14">
      <c r="N192492" s="10"/>
    </row>
    <row r="192493" spans="14:14">
      <c r="N192493" s="10"/>
    </row>
    <row r="192494" spans="14:14">
      <c r="N192494" s="10"/>
    </row>
    <row r="192495" spans="14:14">
      <c r="N192495" s="10"/>
    </row>
    <row r="192496" spans="14:14">
      <c r="N192496" s="10"/>
    </row>
    <row r="192497" spans="14:14">
      <c r="N192497" s="10"/>
    </row>
    <row r="192498" spans="14:14">
      <c r="N192498" s="10"/>
    </row>
    <row r="192499" spans="14:14">
      <c r="N192499" s="10"/>
    </row>
    <row r="192500" spans="14:14">
      <c r="N192500" s="10"/>
    </row>
    <row r="192501" spans="14:14">
      <c r="N192501" s="10"/>
    </row>
    <row r="192502" spans="14:14">
      <c r="N192502" s="10"/>
    </row>
    <row r="192503" spans="14:14">
      <c r="N192503" s="10"/>
    </row>
    <row r="192504" spans="14:14">
      <c r="N192504" s="10"/>
    </row>
    <row r="192505" spans="14:14">
      <c r="N192505" s="10"/>
    </row>
    <row r="192506" spans="14:14">
      <c r="N192506" s="10"/>
    </row>
    <row r="192507" spans="14:14">
      <c r="N192507" s="10"/>
    </row>
    <row r="192508" spans="14:14">
      <c r="N192508" s="10"/>
    </row>
    <row r="192509" spans="14:14">
      <c r="N192509" s="10"/>
    </row>
    <row r="192510" spans="14:14">
      <c r="N192510" s="10"/>
    </row>
    <row r="192511" spans="14:14">
      <c r="N192511" s="10"/>
    </row>
    <row r="192512" spans="14:14">
      <c r="N192512" s="10"/>
    </row>
    <row r="192513" spans="14:14">
      <c r="N192513" s="10"/>
    </row>
    <row r="192514" spans="14:14">
      <c r="N192514" s="10"/>
    </row>
    <row r="192515" spans="14:14">
      <c r="N192515" s="10"/>
    </row>
    <row r="192516" spans="14:14">
      <c r="N192516" s="10"/>
    </row>
    <row r="192517" spans="14:14">
      <c r="N192517" s="10"/>
    </row>
    <row r="192518" spans="14:14">
      <c r="N192518" s="10"/>
    </row>
    <row r="192519" spans="14:14">
      <c r="N192519" s="10"/>
    </row>
    <row r="192520" spans="14:14">
      <c r="N192520" s="10"/>
    </row>
    <row r="192521" spans="14:14">
      <c r="N192521" s="10"/>
    </row>
    <row r="192522" spans="14:14">
      <c r="N192522" s="10"/>
    </row>
    <row r="192523" spans="14:14">
      <c r="N192523" s="10"/>
    </row>
    <row r="192524" spans="14:14">
      <c r="N192524" s="10"/>
    </row>
    <row r="192525" spans="14:14">
      <c r="N192525" s="10"/>
    </row>
    <row r="192526" spans="14:14">
      <c r="N192526" s="10"/>
    </row>
    <row r="192527" spans="14:14">
      <c r="N192527" s="10"/>
    </row>
    <row r="192528" spans="14:14">
      <c r="N192528" s="10"/>
    </row>
    <row r="192529" spans="14:14">
      <c r="N192529" s="10"/>
    </row>
    <row r="192530" spans="14:14">
      <c r="N192530" s="10"/>
    </row>
    <row r="192531" spans="14:14">
      <c r="N192531" s="10"/>
    </row>
    <row r="192532" spans="14:14">
      <c r="N192532" s="10"/>
    </row>
    <row r="192533" spans="14:14">
      <c r="N192533" s="10"/>
    </row>
    <row r="192534" spans="14:14">
      <c r="N192534" s="10"/>
    </row>
    <row r="192535" spans="14:14">
      <c r="N192535" s="10"/>
    </row>
    <row r="192536" spans="14:14">
      <c r="N192536" s="10"/>
    </row>
    <row r="192537" spans="14:14">
      <c r="N192537" s="10"/>
    </row>
    <row r="192538" spans="14:14">
      <c r="N192538" s="10"/>
    </row>
    <row r="192539" spans="14:14">
      <c r="N192539" s="10"/>
    </row>
    <row r="192540" spans="14:14">
      <c r="N192540" s="10"/>
    </row>
    <row r="192541" spans="14:14">
      <c r="N192541" s="10"/>
    </row>
    <row r="192542" spans="14:14">
      <c r="N192542" s="10"/>
    </row>
    <row r="192543" spans="14:14">
      <c r="N192543" s="10"/>
    </row>
    <row r="192544" spans="14:14">
      <c r="N192544" s="10"/>
    </row>
    <row r="192545" spans="14:14">
      <c r="N192545" s="10"/>
    </row>
    <row r="192546" spans="14:14">
      <c r="N192546" s="10"/>
    </row>
    <row r="192547" spans="14:14">
      <c r="N192547" s="10"/>
    </row>
    <row r="192548" spans="14:14">
      <c r="N192548" s="10"/>
    </row>
    <row r="192549" spans="14:14">
      <c r="N192549" s="10"/>
    </row>
    <row r="192550" spans="14:14">
      <c r="N192550" s="10"/>
    </row>
    <row r="192551" spans="14:14">
      <c r="N192551" s="10"/>
    </row>
    <row r="192552" spans="14:14">
      <c r="N192552" s="10"/>
    </row>
    <row r="192553" spans="14:14">
      <c r="N192553" s="10"/>
    </row>
    <row r="192554" spans="14:14">
      <c r="N192554" s="10"/>
    </row>
    <row r="192555" spans="14:14">
      <c r="N192555" s="10"/>
    </row>
    <row r="192556" spans="14:14">
      <c r="N192556" s="10"/>
    </row>
    <row r="192557" spans="14:14">
      <c r="N192557" s="10"/>
    </row>
    <row r="192558" spans="14:14">
      <c r="N192558" s="10"/>
    </row>
    <row r="192559" spans="14:14">
      <c r="N192559" s="10"/>
    </row>
    <row r="192560" spans="14:14">
      <c r="N192560" s="10"/>
    </row>
    <row r="192561" spans="14:14">
      <c r="N192561" s="10"/>
    </row>
    <row r="192562" spans="14:14">
      <c r="N192562" s="10"/>
    </row>
    <row r="192563" spans="14:14">
      <c r="N192563" s="10"/>
    </row>
    <row r="192564" spans="14:14">
      <c r="N192564" s="10"/>
    </row>
    <row r="192565" spans="14:14">
      <c r="N192565" s="10"/>
    </row>
    <row r="192566" spans="14:14">
      <c r="N192566" s="10"/>
    </row>
    <row r="192567" spans="14:14">
      <c r="N192567" s="10"/>
    </row>
    <row r="192568" spans="14:14">
      <c r="N192568" s="10"/>
    </row>
    <row r="192569" spans="14:14">
      <c r="N192569" s="10"/>
    </row>
    <row r="192570" spans="14:14">
      <c r="N192570" s="10"/>
    </row>
    <row r="192571" spans="14:14">
      <c r="N192571" s="10"/>
    </row>
    <row r="192572" spans="14:14">
      <c r="N192572" s="10"/>
    </row>
    <row r="192573" spans="14:14">
      <c r="N192573" s="10"/>
    </row>
    <row r="192574" spans="14:14">
      <c r="N192574" s="10"/>
    </row>
    <row r="192575" spans="14:14">
      <c r="N192575" s="10"/>
    </row>
    <row r="192576" spans="14:14">
      <c r="N192576" s="10"/>
    </row>
    <row r="192577" spans="14:14">
      <c r="N192577" s="10"/>
    </row>
    <row r="192578" spans="14:14">
      <c r="N192578" s="10"/>
    </row>
    <row r="192579" spans="14:14">
      <c r="N192579" s="10"/>
    </row>
    <row r="192580" spans="14:14">
      <c r="N192580" s="10"/>
    </row>
    <row r="192581" spans="14:14">
      <c r="N192581" s="10"/>
    </row>
    <row r="192582" spans="14:14">
      <c r="N192582" s="10"/>
    </row>
    <row r="192583" spans="14:14">
      <c r="N192583" s="10"/>
    </row>
    <row r="192584" spans="14:14">
      <c r="N192584" s="10"/>
    </row>
    <row r="192585" spans="14:14">
      <c r="N192585" s="10"/>
    </row>
    <row r="192586" spans="14:14">
      <c r="N192586" s="10"/>
    </row>
    <row r="192587" spans="14:14">
      <c r="N192587" s="10"/>
    </row>
    <row r="192588" spans="14:14">
      <c r="N192588" s="10"/>
    </row>
    <row r="192589" spans="14:14">
      <c r="N192589" s="10"/>
    </row>
    <row r="192590" spans="14:14">
      <c r="N192590" s="10"/>
    </row>
    <row r="192591" spans="14:14">
      <c r="N192591" s="10"/>
    </row>
    <row r="192592" spans="14:14">
      <c r="N192592" s="10"/>
    </row>
    <row r="192593" spans="14:14">
      <c r="N192593" s="10"/>
    </row>
    <row r="192594" spans="14:14">
      <c r="N192594" s="10"/>
    </row>
    <row r="192595" spans="14:14">
      <c r="N192595" s="10"/>
    </row>
    <row r="192596" spans="14:14">
      <c r="N192596" s="10"/>
    </row>
    <row r="192597" spans="14:14">
      <c r="N192597" s="10"/>
    </row>
    <row r="192598" spans="14:14">
      <c r="N192598" s="10"/>
    </row>
    <row r="192599" spans="14:14">
      <c r="N192599" s="10"/>
    </row>
    <row r="192600" spans="14:14">
      <c r="N192600" s="10"/>
    </row>
    <row r="192601" spans="14:14">
      <c r="N192601" s="10"/>
    </row>
    <row r="192602" spans="14:14">
      <c r="N192602" s="10"/>
    </row>
    <row r="192603" spans="14:14">
      <c r="N192603" s="10"/>
    </row>
    <row r="192604" spans="14:14">
      <c r="N192604" s="10"/>
    </row>
    <row r="192605" spans="14:14">
      <c r="N192605" s="10"/>
    </row>
    <row r="192606" spans="14:14">
      <c r="N192606" s="10"/>
    </row>
    <row r="192607" spans="14:14">
      <c r="N192607" s="10"/>
    </row>
    <row r="192608" spans="14:14">
      <c r="N192608" s="10"/>
    </row>
    <row r="192609" spans="14:14">
      <c r="N192609" s="10"/>
    </row>
    <row r="192610" spans="14:14">
      <c r="N192610" s="10"/>
    </row>
    <row r="192611" spans="14:14">
      <c r="N192611" s="10"/>
    </row>
    <row r="192612" spans="14:14">
      <c r="N192612" s="10"/>
    </row>
    <row r="192613" spans="14:14">
      <c r="N192613" s="10"/>
    </row>
    <row r="192614" spans="14:14">
      <c r="N192614" s="10"/>
    </row>
    <row r="192615" spans="14:14">
      <c r="N192615" s="10"/>
    </row>
    <row r="192616" spans="14:14">
      <c r="N192616" s="10"/>
    </row>
    <row r="192617" spans="14:14">
      <c r="N192617" s="10"/>
    </row>
    <row r="192618" spans="14:14">
      <c r="N192618" s="10"/>
    </row>
    <row r="192619" spans="14:14">
      <c r="N192619" s="10"/>
    </row>
    <row r="192620" spans="14:14">
      <c r="N192620" s="10"/>
    </row>
    <row r="192621" spans="14:14">
      <c r="N192621" s="10"/>
    </row>
    <row r="192622" spans="14:14">
      <c r="N192622" s="10"/>
    </row>
    <row r="192623" spans="14:14">
      <c r="N192623" s="10"/>
    </row>
    <row r="192624" spans="14:14">
      <c r="N192624" s="10"/>
    </row>
    <row r="192625" spans="14:14">
      <c r="N192625" s="10"/>
    </row>
    <row r="192626" spans="14:14">
      <c r="N192626" s="10"/>
    </row>
    <row r="192627" spans="14:14">
      <c r="N192627" s="10"/>
    </row>
    <row r="192628" spans="14:14">
      <c r="N192628" s="10"/>
    </row>
    <row r="192629" spans="14:14">
      <c r="N192629" s="10"/>
    </row>
    <row r="192630" spans="14:14">
      <c r="N192630" s="10"/>
    </row>
    <row r="192631" spans="14:14">
      <c r="N192631" s="10"/>
    </row>
    <row r="192632" spans="14:14">
      <c r="N192632" s="10"/>
    </row>
    <row r="192633" spans="14:14">
      <c r="N192633" s="10"/>
    </row>
    <row r="192634" spans="14:14">
      <c r="N192634" s="10"/>
    </row>
    <row r="192635" spans="14:14">
      <c r="N192635" s="10"/>
    </row>
    <row r="192636" spans="14:14">
      <c r="N192636" s="10"/>
    </row>
    <row r="192637" spans="14:14">
      <c r="N192637" s="10"/>
    </row>
    <row r="192638" spans="14:14">
      <c r="N192638" s="10"/>
    </row>
    <row r="192639" spans="14:14">
      <c r="N192639" s="10"/>
    </row>
    <row r="192640" spans="14:14">
      <c r="N192640" s="10"/>
    </row>
    <row r="192641" spans="14:14">
      <c r="N192641" s="10"/>
    </row>
    <row r="192642" spans="14:14">
      <c r="N192642" s="10"/>
    </row>
    <row r="192643" spans="14:14">
      <c r="N192643" s="10"/>
    </row>
    <row r="192644" spans="14:14">
      <c r="N192644" s="10"/>
    </row>
    <row r="192645" spans="14:14">
      <c r="N192645" s="10"/>
    </row>
    <row r="192646" spans="14:14">
      <c r="N192646" s="10"/>
    </row>
    <row r="192647" spans="14:14">
      <c r="N192647" s="10"/>
    </row>
    <row r="192648" spans="14:14">
      <c r="N192648" s="10"/>
    </row>
    <row r="192649" spans="14:14">
      <c r="N192649" s="10"/>
    </row>
    <row r="192650" spans="14:14">
      <c r="N192650" s="10"/>
    </row>
    <row r="192651" spans="14:14">
      <c r="N192651" s="10"/>
    </row>
    <row r="192652" spans="14:14">
      <c r="N192652" s="10"/>
    </row>
    <row r="192653" spans="14:14">
      <c r="N192653" s="10"/>
    </row>
    <row r="192654" spans="14:14">
      <c r="N192654" s="10"/>
    </row>
    <row r="192655" spans="14:14">
      <c r="N192655" s="10"/>
    </row>
    <row r="192656" spans="14:14">
      <c r="N192656" s="10"/>
    </row>
    <row r="192657" spans="14:14">
      <c r="N192657" s="10"/>
    </row>
    <row r="192658" spans="14:14">
      <c r="N192658" s="10"/>
    </row>
    <row r="192659" spans="14:14">
      <c r="N192659" s="10"/>
    </row>
    <row r="192660" spans="14:14">
      <c r="N192660" s="10"/>
    </row>
    <row r="192661" spans="14:14">
      <c r="N192661" s="10"/>
    </row>
    <row r="192662" spans="14:14">
      <c r="N192662" s="10"/>
    </row>
    <row r="192663" spans="14:14">
      <c r="N192663" s="10"/>
    </row>
    <row r="192664" spans="14:14">
      <c r="N192664" s="10"/>
    </row>
    <row r="192665" spans="14:14">
      <c r="N192665" s="10"/>
    </row>
    <row r="192666" spans="14:14">
      <c r="N192666" s="10"/>
    </row>
    <row r="192667" spans="14:14">
      <c r="N192667" s="10"/>
    </row>
    <row r="192668" spans="14:14">
      <c r="N192668" s="10"/>
    </row>
    <row r="192669" spans="14:14">
      <c r="N192669" s="10"/>
    </row>
    <row r="192670" spans="14:14">
      <c r="N192670" s="10"/>
    </row>
    <row r="192671" spans="14:14">
      <c r="N192671" s="10"/>
    </row>
    <row r="192672" spans="14:14">
      <c r="N192672" s="10"/>
    </row>
    <row r="192673" spans="14:14">
      <c r="N192673" s="10"/>
    </row>
    <row r="192674" spans="14:14">
      <c r="N192674" s="10"/>
    </row>
    <row r="192675" spans="14:14">
      <c r="N192675" s="10"/>
    </row>
    <row r="192676" spans="14:14">
      <c r="N192676" s="10"/>
    </row>
    <row r="192677" spans="14:14">
      <c r="N192677" s="10"/>
    </row>
    <row r="192678" spans="14:14">
      <c r="N192678" s="10"/>
    </row>
    <row r="192679" spans="14:14">
      <c r="N192679" s="10"/>
    </row>
    <row r="192680" spans="14:14">
      <c r="N192680" s="10"/>
    </row>
    <row r="192681" spans="14:14">
      <c r="N192681" s="10"/>
    </row>
    <row r="192682" spans="14:14">
      <c r="N192682" s="10"/>
    </row>
    <row r="192683" spans="14:14">
      <c r="N192683" s="10"/>
    </row>
    <row r="192684" spans="14:14">
      <c r="N192684" s="10"/>
    </row>
    <row r="192685" spans="14:14">
      <c r="N192685" s="10"/>
    </row>
    <row r="192686" spans="14:14">
      <c r="N192686" s="10"/>
    </row>
    <row r="192687" spans="14:14">
      <c r="N192687" s="10"/>
    </row>
    <row r="192688" spans="14:14">
      <c r="N192688" s="10"/>
    </row>
    <row r="192689" spans="14:14">
      <c r="N192689" s="10"/>
    </row>
    <row r="192690" spans="14:14">
      <c r="N192690" s="10"/>
    </row>
    <row r="192691" spans="14:14">
      <c r="N192691" s="10"/>
    </row>
    <row r="192692" spans="14:14">
      <c r="N192692" s="10"/>
    </row>
    <row r="192693" spans="14:14">
      <c r="N192693" s="10"/>
    </row>
    <row r="192694" spans="14:14">
      <c r="N192694" s="10"/>
    </row>
    <row r="192695" spans="14:14">
      <c r="N192695" s="10"/>
    </row>
    <row r="192696" spans="14:14">
      <c r="N192696" s="10"/>
    </row>
    <row r="192697" spans="14:14">
      <c r="N192697" s="10"/>
    </row>
    <row r="192698" spans="14:14">
      <c r="N192698" s="10"/>
    </row>
    <row r="192699" spans="14:14">
      <c r="N192699" s="10"/>
    </row>
    <row r="192700" spans="14:14">
      <c r="N192700" s="10"/>
    </row>
    <row r="192701" spans="14:14">
      <c r="N192701" s="10"/>
    </row>
    <row r="192702" spans="14:14">
      <c r="N192702" s="10"/>
    </row>
    <row r="192703" spans="14:14">
      <c r="N192703" s="10"/>
    </row>
    <row r="192704" spans="14:14">
      <c r="N192704" s="10"/>
    </row>
    <row r="192705" spans="14:14">
      <c r="N192705" s="10"/>
    </row>
    <row r="192706" spans="14:14">
      <c r="N192706" s="10"/>
    </row>
    <row r="192707" spans="14:14">
      <c r="N192707" s="10"/>
    </row>
    <row r="192708" spans="14:14">
      <c r="N192708" s="10"/>
    </row>
    <row r="192709" spans="14:14">
      <c r="N192709" s="10"/>
    </row>
    <row r="192710" spans="14:14">
      <c r="N192710" s="10"/>
    </row>
    <row r="192711" spans="14:14">
      <c r="N192711" s="10"/>
    </row>
    <row r="192712" spans="14:14">
      <c r="N192712" s="10"/>
    </row>
    <row r="192713" spans="14:14">
      <c r="N192713" s="10"/>
    </row>
    <row r="192714" spans="14:14">
      <c r="N192714" s="10"/>
    </row>
    <row r="192715" spans="14:14">
      <c r="N192715" s="10"/>
    </row>
    <row r="192716" spans="14:14">
      <c r="N192716" s="10"/>
    </row>
    <row r="192717" spans="14:14">
      <c r="N192717" s="10"/>
    </row>
    <row r="192718" spans="14:14">
      <c r="N192718" s="10"/>
    </row>
    <row r="192719" spans="14:14">
      <c r="N192719" s="10"/>
    </row>
    <row r="192720" spans="14:14">
      <c r="N192720" s="10"/>
    </row>
    <row r="192721" spans="14:14">
      <c r="N192721" s="10"/>
    </row>
    <row r="192722" spans="14:14">
      <c r="N192722" s="10"/>
    </row>
    <row r="192723" spans="14:14">
      <c r="N192723" s="10"/>
    </row>
    <row r="192724" spans="14:14">
      <c r="N192724" s="10"/>
    </row>
    <row r="192725" spans="14:14">
      <c r="N192725" s="10"/>
    </row>
    <row r="192726" spans="14:14">
      <c r="N192726" s="10"/>
    </row>
    <row r="192727" spans="14:14">
      <c r="N192727" s="10"/>
    </row>
    <row r="192728" spans="14:14">
      <c r="N192728" s="10"/>
    </row>
    <row r="192729" spans="14:14">
      <c r="N192729" s="10"/>
    </row>
    <row r="192730" spans="14:14">
      <c r="N192730" s="10"/>
    </row>
    <row r="192731" spans="14:14">
      <c r="N192731" s="10"/>
    </row>
    <row r="192732" spans="14:14">
      <c r="N192732" s="10"/>
    </row>
    <row r="192733" spans="14:14">
      <c r="N192733" s="10"/>
    </row>
    <row r="192734" spans="14:14">
      <c r="N192734" s="10"/>
    </row>
    <row r="192735" spans="14:14">
      <c r="N192735" s="10"/>
    </row>
    <row r="192736" spans="14:14">
      <c r="N192736" s="10"/>
    </row>
    <row r="192737" spans="14:14">
      <c r="N192737" s="10"/>
    </row>
    <row r="192738" spans="14:14">
      <c r="N192738" s="10"/>
    </row>
    <row r="192739" spans="14:14">
      <c r="N192739" s="10"/>
    </row>
    <row r="192740" spans="14:14">
      <c r="N192740" s="10"/>
    </row>
    <row r="192741" spans="14:14">
      <c r="N192741" s="10"/>
    </row>
    <row r="192742" spans="14:14">
      <c r="N192742" s="10"/>
    </row>
    <row r="192743" spans="14:14">
      <c r="N192743" s="10"/>
    </row>
    <row r="192744" spans="14:14">
      <c r="N192744" s="10"/>
    </row>
    <row r="192745" spans="14:14">
      <c r="N192745" s="10"/>
    </row>
    <row r="192746" spans="14:14">
      <c r="N192746" s="10"/>
    </row>
    <row r="192747" spans="14:14">
      <c r="N192747" s="10"/>
    </row>
    <row r="192748" spans="14:14">
      <c r="N192748" s="10"/>
    </row>
    <row r="192749" spans="14:14">
      <c r="N192749" s="10"/>
    </row>
    <row r="192750" spans="14:14">
      <c r="N192750" s="10"/>
    </row>
    <row r="192751" spans="14:14">
      <c r="N192751" s="10"/>
    </row>
    <row r="192752" spans="14:14">
      <c r="N192752" s="10"/>
    </row>
    <row r="192753" spans="14:14">
      <c r="N192753" s="10"/>
    </row>
    <row r="192754" spans="14:14">
      <c r="N192754" s="10"/>
    </row>
    <row r="192755" spans="14:14">
      <c r="N192755" s="10"/>
    </row>
    <row r="192756" spans="14:14">
      <c r="N192756" s="10"/>
    </row>
    <row r="192757" spans="14:14">
      <c r="N192757" s="10"/>
    </row>
    <row r="192758" spans="14:14">
      <c r="N192758" s="10"/>
    </row>
    <row r="192759" spans="14:14">
      <c r="N192759" s="10"/>
    </row>
    <row r="192760" spans="14:14">
      <c r="N192760" s="10"/>
    </row>
    <row r="192761" spans="14:14">
      <c r="N192761" s="10"/>
    </row>
    <row r="192762" spans="14:14">
      <c r="N192762" s="10"/>
    </row>
    <row r="192763" spans="14:14">
      <c r="N192763" s="10"/>
    </row>
    <row r="192764" spans="14:14">
      <c r="N192764" s="10"/>
    </row>
    <row r="192765" spans="14:14">
      <c r="N192765" s="10"/>
    </row>
    <row r="192766" spans="14:14">
      <c r="N192766" s="10"/>
    </row>
    <row r="192767" spans="14:14">
      <c r="N192767" s="10"/>
    </row>
    <row r="192768" spans="14:14">
      <c r="N192768" s="10"/>
    </row>
    <row r="192769" spans="14:14">
      <c r="N192769" s="10"/>
    </row>
    <row r="192770" spans="14:14">
      <c r="N192770" s="10"/>
    </row>
    <row r="192771" spans="14:14">
      <c r="N192771" s="10"/>
    </row>
    <row r="192772" spans="14:14">
      <c r="N192772" s="10"/>
    </row>
    <row r="192773" spans="14:14">
      <c r="N192773" s="10"/>
    </row>
    <row r="192774" spans="14:14">
      <c r="N192774" s="10"/>
    </row>
    <row r="192775" spans="14:14">
      <c r="N192775" s="10"/>
    </row>
    <row r="192776" spans="14:14">
      <c r="N192776" s="10"/>
    </row>
    <row r="192777" spans="14:14">
      <c r="N192777" s="10"/>
    </row>
    <row r="192778" spans="14:14">
      <c r="N192778" s="10"/>
    </row>
    <row r="192779" spans="14:14">
      <c r="N192779" s="10"/>
    </row>
    <row r="192780" spans="14:14">
      <c r="N192780" s="10"/>
    </row>
    <row r="192781" spans="14:14">
      <c r="N192781" s="10"/>
    </row>
    <row r="192782" spans="14:14">
      <c r="N192782" s="10"/>
    </row>
    <row r="192783" spans="14:14">
      <c r="N192783" s="10"/>
    </row>
    <row r="192784" spans="14:14">
      <c r="N192784" s="10"/>
    </row>
    <row r="192785" spans="14:14">
      <c r="N192785" s="10"/>
    </row>
    <row r="192786" spans="14:14">
      <c r="N192786" s="10"/>
    </row>
    <row r="192787" spans="14:14">
      <c r="N192787" s="10"/>
    </row>
    <row r="192788" spans="14:14">
      <c r="N192788" s="10"/>
    </row>
    <row r="192789" spans="14:14">
      <c r="N192789" s="10"/>
    </row>
    <row r="192790" spans="14:14">
      <c r="N192790" s="10"/>
    </row>
    <row r="192791" spans="14:14">
      <c r="N192791" s="10"/>
    </row>
    <row r="192792" spans="14:14">
      <c r="N192792" s="10"/>
    </row>
    <row r="192793" spans="14:14">
      <c r="N192793" s="10"/>
    </row>
    <row r="192794" spans="14:14">
      <c r="N192794" s="10"/>
    </row>
    <row r="192795" spans="14:14">
      <c r="N192795" s="10"/>
    </row>
    <row r="192796" spans="14:14">
      <c r="N192796" s="10"/>
    </row>
    <row r="192797" spans="14:14">
      <c r="N192797" s="10"/>
    </row>
    <row r="192798" spans="14:14">
      <c r="N192798" s="10"/>
    </row>
    <row r="192799" spans="14:14">
      <c r="N192799" s="10"/>
    </row>
    <row r="192800" spans="14:14">
      <c r="N192800" s="10"/>
    </row>
    <row r="192801" spans="14:14">
      <c r="N192801" s="10"/>
    </row>
    <row r="192802" spans="14:14">
      <c r="N192802" s="10"/>
    </row>
    <row r="192803" spans="14:14">
      <c r="N192803" s="10"/>
    </row>
    <row r="192804" spans="14:14">
      <c r="N192804" s="10"/>
    </row>
    <row r="192805" spans="14:14">
      <c r="N192805" s="10"/>
    </row>
    <row r="192806" spans="14:14">
      <c r="N192806" s="10"/>
    </row>
    <row r="192807" spans="14:14">
      <c r="N192807" s="10"/>
    </row>
    <row r="192808" spans="14:14">
      <c r="N192808" s="10"/>
    </row>
    <row r="192809" spans="14:14">
      <c r="N192809" s="10"/>
    </row>
    <row r="192810" spans="14:14">
      <c r="N192810" s="10"/>
    </row>
    <row r="192811" spans="14:14">
      <c r="N192811" s="10"/>
    </row>
    <row r="192812" spans="14:14">
      <c r="N192812" s="10"/>
    </row>
    <row r="192813" spans="14:14">
      <c r="N192813" s="10"/>
    </row>
    <row r="192814" spans="14:14">
      <c r="N192814" s="10"/>
    </row>
    <row r="192815" spans="14:14">
      <c r="N192815" s="10"/>
    </row>
    <row r="192816" spans="14:14">
      <c r="N192816" s="10"/>
    </row>
    <row r="192817" spans="14:14">
      <c r="N192817" s="10"/>
    </row>
    <row r="192818" spans="14:14">
      <c r="N192818" s="10"/>
    </row>
    <row r="192819" spans="14:14">
      <c r="N192819" s="10"/>
    </row>
    <row r="192820" spans="14:14">
      <c r="N192820" s="10"/>
    </row>
    <row r="192821" spans="14:14">
      <c r="N192821" s="10"/>
    </row>
    <row r="192822" spans="14:14">
      <c r="N192822" s="10"/>
    </row>
    <row r="192823" spans="14:14">
      <c r="N192823" s="10"/>
    </row>
    <row r="192824" spans="14:14">
      <c r="N192824" s="10"/>
    </row>
    <row r="192825" spans="14:14">
      <c r="N192825" s="10"/>
    </row>
    <row r="192826" spans="14:14">
      <c r="N192826" s="10"/>
    </row>
    <row r="192827" spans="14:14">
      <c r="N192827" s="10"/>
    </row>
    <row r="192828" spans="14:14">
      <c r="N192828" s="10"/>
    </row>
    <row r="192829" spans="14:14">
      <c r="N192829" s="10"/>
    </row>
    <row r="192830" spans="14:14">
      <c r="N192830" s="10"/>
    </row>
    <row r="192831" spans="14:14">
      <c r="N192831" s="10"/>
    </row>
    <row r="192832" spans="14:14">
      <c r="N192832" s="10"/>
    </row>
    <row r="192833" spans="14:14">
      <c r="N192833" s="10"/>
    </row>
    <row r="192834" spans="14:14">
      <c r="N192834" s="10"/>
    </row>
    <row r="192835" spans="14:14">
      <c r="N192835" s="10"/>
    </row>
    <row r="192836" spans="14:14">
      <c r="N192836" s="10"/>
    </row>
    <row r="192837" spans="14:14">
      <c r="N192837" s="10"/>
    </row>
    <row r="192838" spans="14:14">
      <c r="N192838" s="10"/>
    </row>
    <row r="192839" spans="14:14">
      <c r="N192839" s="10"/>
    </row>
    <row r="192840" spans="14:14">
      <c r="N192840" s="10"/>
    </row>
    <row r="192841" spans="14:14">
      <c r="N192841" s="10"/>
    </row>
    <row r="192842" spans="14:14">
      <c r="N192842" s="10"/>
    </row>
    <row r="192843" spans="14:14">
      <c r="N192843" s="10"/>
    </row>
    <row r="192844" spans="14:14">
      <c r="N192844" s="10"/>
    </row>
    <row r="192845" spans="14:14">
      <c r="N192845" s="10"/>
    </row>
    <row r="192846" spans="14:14">
      <c r="N192846" s="10"/>
    </row>
    <row r="192847" spans="14:14">
      <c r="N192847" s="10"/>
    </row>
    <row r="192848" spans="14:14">
      <c r="N192848" s="10"/>
    </row>
    <row r="192849" spans="14:14">
      <c r="N192849" s="10"/>
    </row>
    <row r="192850" spans="14:14">
      <c r="N192850" s="10"/>
    </row>
    <row r="192851" spans="14:14">
      <c r="N192851" s="10"/>
    </row>
    <row r="192852" spans="14:14">
      <c r="N192852" s="10"/>
    </row>
    <row r="192853" spans="14:14">
      <c r="N192853" s="10"/>
    </row>
    <row r="192854" spans="14:14">
      <c r="N192854" s="10"/>
    </row>
    <row r="192855" spans="14:14">
      <c r="N192855" s="10"/>
    </row>
    <row r="192856" spans="14:14">
      <c r="N192856" s="10"/>
    </row>
    <row r="192857" spans="14:14">
      <c r="N192857" s="10"/>
    </row>
    <row r="192858" spans="14:14">
      <c r="N192858" s="10"/>
    </row>
    <row r="192859" spans="14:14">
      <c r="N192859" s="10"/>
    </row>
    <row r="192860" spans="14:14">
      <c r="N192860" s="10"/>
    </row>
    <row r="192861" spans="14:14">
      <c r="N192861" s="10"/>
    </row>
    <row r="192862" spans="14:14">
      <c r="N192862" s="10"/>
    </row>
    <row r="192863" spans="14:14">
      <c r="N192863" s="10"/>
    </row>
    <row r="192864" spans="14:14">
      <c r="N192864" s="10"/>
    </row>
    <row r="192865" spans="14:14">
      <c r="N192865" s="10"/>
    </row>
    <row r="192866" spans="14:14">
      <c r="N192866" s="10"/>
    </row>
    <row r="192867" spans="14:14">
      <c r="N192867" s="10"/>
    </row>
    <row r="192868" spans="14:14">
      <c r="N192868" s="10"/>
    </row>
    <row r="192869" spans="14:14">
      <c r="N192869" s="10"/>
    </row>
    <row r="192870" spans="14:14">
      <c r="N192870" s="10"/>
    </row>
    <row r="192871" spans="14:14">
      <c r="N192871" s="10"/>
    </row>
    <row r="192872" spans="14:14">
      <c r="N192872" s="10"/>
    </row>
    <row r="192873" spans="14:14">
      <c r="N192873" s="10"/>
    </row>
    <row r="192874" spans="14:14">
      <c r="N192874" s="10"/>
    </row>
    <row r="192875" spans="14:14">
      <c r="N192875" s="10"/>
    </row>
    <row r="192876" spans="14:14">
      <c r="N192876" s="10"/>
    </row>
    <row r="192877" spans="14:14">
      <c r="N192877" s="10"/>
    </row>
    <row r="192878" spans="14:14">
      <c r="N192878" s="10"/>
    </row>
    <row r="192879" spans="14:14">
      <c r="N192879" s="10"/>
    </row>
    <row r="192880" spans="14:14">
      <c r="N192880" s="10"/>
    </row>
    <row r="192881" spans="14:14">
      <c r="N192881" s="10"/>
    </row>
    <row r="192882" spans="14:14">
      <c r="N192882" s="10"/>
    </row>
    <row r="192883" spans="14:14">
      <c r="N192883" s="10"/>
    </row>
    <row r="192884" spans="14:14">
      <c r="N192884" s="10"/>
    </row>
    <row r="192885" spans="14:14">
      <c r="N192885" s="10"/>
    </row>
    <row r="192886" spans="14:14">
      <c r="N192886" s="10"/>
    </row>
    <row r="192887" spans="14:14">
      <c r="N192887" s="10"/>
    </row>
    <row r="192888" spans="14:14">
      <c r="N192888" s="10"/>
    </row>
    <row r="192889" spans="14:14">
      <c r="N192889" s="10"/>
    </row>
    <row r="192890" spans="14:14">
      <c r="N192890" s="10"/>
    </row>
    <row r="192891" spans="14:14">
      <c r="N192891" s="10"/>
    </row>
    <row r="192892" spans="14:14">
      <c r="N192892" s="10"/>
    </row>
    <row r="192893" spans="14:14">
      <c r="N192893" s="10"/>
    </row>
    <row r="192894" spans="14:14">
      <c r="N192894" s="10"/>
    </row>
    <row r="192895" spans="14:14">
      <c r="N192895" s="10"/>
    </row>
    <row r="192896" spans="14:14">
      <c r="N192896" s="10"/>
    </row>
    <row r="192897" spans="14:14">
      <c r="N192897" s="10"/>
    </row>
    <row r="192898" spans="14:14">
      <c r="N192898" s="10"/>
    </row>
    <row r="192899" spans="14:14">
      <c r="N192899" s="10"/>
    </row>
    <row r="192900" spans="14:14">
      <c r="N192900" s="10"/>
    </row>
    <row r="192901" spans="14:14">
      <c r="N192901" s="10"/>
    </row>
    <row r="192902" spans="14:14">
      <c r="N192902" s="10"/>
    </row>
    <row r="192903" spans="14:14">
      <c r="N192903" s="10"/>
    </row>
    <row r="192904" spans="14:14">
      <c r="N192904" s="10"/>
    </row>
    <row r="192905" spans="14:14">
      <c r="N192905" s="10"/>
    </row>
    <row r="192906" spans="14:14">
      <c r="N192906" s="10"/>
    </row>
    <row r="192907" spans="14:14">
      <c r="N192907" s="10"/>
    </row>
    <row r="192908" spans="14:14">
      <c r="N192908" s="10"/>
    </row>
    <row r="192909" spans="14:14">
      <c r="N192909" s="10"/>
    </row>
    <row r="192910" spans="14:14">
      <c r="N192910" s="10"/>
    </row>
    <row r="192911" spans="14:14">
      <c r="N192911" s="10"/>
    </row>
    <row r="192912" spans="14:14">
      <c r="N192912" s="10"/>
    </row>
    <row r="192913" spans="14:14">
      <c r="N192913" s="10"/>
    </row>
    <row r="192914" spans="14:14">
      <c r="N192914" s="10"/>
    </row>
    <row r="192915" spans="14:14">
      <c r="N192915" s="10"/>
    </row>
    <row r="192916" spans="14:14">
      <c r="N192916" s="10"/>
    </row>
    <row r="192917" spans="14:14">
      <c r="N192917" s="10"/>
    </row>
    <row r="192918" spans="14:14">
      <c r="N192918" s="10"/>
    </row>
    <row r="192919" spans="14:14">
      <c r="N192919" s="10"/>
    </row>
    <row r="192920" spans="14:14">
      <c r="N192920" s="10"/>
    </row>
    <row r="192921" spans="14:14">
      <c r="N192921" s="10"/>
    </row>
    <row r="192922" spans="14:14">
      <c r="N192922" s="10"/>
    </row>
    <row r="192923" spans="14:14">
      <c r="N192923" s="10"/>
    </row>
    <row r="192924" spans="14:14">
      <c r="N192924" s="10"/>
    </row>
    <row r="192925" spans="14:14">
      <c r="N192925" s="10"/>
    </row>
    <row r="192926" spans="14:14">
      <c r="N192926" s="10"/>
    </row>
    <row r="192927" spans="14:14">
      <c r="N192927" s="10"/>
    </row>
    <row r="192928" spans="14:14">
      <c r="N192928" s="10"/>
    </row>
    <row r="192929" spans="14:14">
      <c r="N192929" s="10"/>
    </row>
    <row r="192930" spans="14:14">
      <c r="N192930" s="10"/>
    </row>
    <row r="192931" spans="14:14">
      <c r="N192931" s="10"/>
    </row>
    <row r="192932" spans="14:14">
      <c r="N192932" s="10"/>
    </row>
    <row r="192933" spans="14:14">
      <c r="N192933" s="10"/>
    </row>
    <row r="192934" spans="14:14">
      <c r="N192934" s="10"/>
    </row>
    <row r="192935" spans="14:14">
      <c r="N192935" s="10"/>
    </row>
    <row r="192936" spans="14:14">
      <c r="N192936" s="10"/>
    </row>
    <row r="192937" spans="14:14">
      <c r="N192937" s="10"/>
    </row>
    <row r="192938" spans="14:14">
      <c r="N192938" s="10"/>
    </row>
    <row r="192939" spans="14:14">
      <c r="N192939" s="10"/>
    </row>
    <row r="192940" spans="14:14">
      <c r="N192940" s="10"/>
    </row>
    <row r="192941" spans="14:14">
      <c r="N192941" s="10"/>
    </row>
    <row r="192942" spans="14:14">
      <c r="N192942" s="10"/>
    </row>
    <row r="192943" spans="14:14">
      <c r="N192943" s="10"/>
    </row>
    <row r="192944" spans="14:14">
      <c r="N192944" s="10"/>
    </row>
    <row r="192945" spans="14:14">
      <c r="N192945" s="10"/>
    </row>
    <row r="192946" spans="14:14">
      <c r="N192946" s="10"/>
    </row>
    <row r="192947" spans="14:14">
      <c r="N192947" s="10"/>
    </row>
    <row r="192948" spans="14:14">
      <c r="N192948" s="10"/>
    </row>
    <row r="192949" spans="14:14">
      <c r="N192949" s="10"/>
    </row>
    <row r="192950" spans="14:14">
      <c r="N192950" s="10"/>
    </row>
    <row r="192951" spans="14:14">
      <c r="N192951" s="10"/>
    </row>
    <row r="192952" spans="14:14">
      <c r="N192952" s="10"/>
    </row>
    <row r="192953" spans="14:14">
      <c r="N192953" s="10"/>
    </row>
    <row r="192954" spans="14:14">
      <c r="N192954" s="10"/>
    </row>
    <row r="192955" spans="14:14">
      <c r="N192955" s="10"/>
    </row>
    <row r="192956" spans="14:14">
      <c r="N192956" s="10"/>
    </row>
    <row r="192957" spans="14:14">
      <c r="N192957" s="10"/>
    </row>
    <row r="192958" spans="14:14">
      <c r="N192958" s="10"/>
    </row>
    <row r="192959" spans="14:14">
      <c r="N192959" s="10"/>
    </row>
    <row r="192960" spans="14:14">
      <c r="N192960" s="10"/>
    </row>
    <row r="192961" spans="14:14">
      <c r="N192961" s="10"/>
    </row>
    <row r="192962" spans="14:14">
      <c r="N192962" s="10"/>
    </row>
    <row r="192963" spans="14:14">
      <c r="N192963" s="10"/>
    </row>
    <row r="192964" spans="14:14">
      <c r="N192964" s="10"/>
    </row>
    <row r="192965" spans="14:14">
      <c r="N192965" s="10"/>
    </row>
    <row r="192966" spans="14:14">
      <c r="N192966" s="10"/>
    </row>
    <row r="192967" spans="14:14">
      <c r="N192967" s="10"/>
    </row>
    <row r="192968" spans="14:14">
      <c r="N192968" s="10"/>
    </row>
    <row r="192969" spans="14:14">
      <c r="N192969" s="10"/>
    </row>
    <row r="192970" spans="14:14">
      <c r="N192970" s="10"/>
    </row>
    <row r="192971" spans="14:14">
      <c r="N192971" s="10"/>
    </row>
    <row r="192972" spans="14:14">
      <c r="N192972" s="10"/>
    </row>
    <row r="192973" spans="14:14">
      <c r="N192973" s="10"/>
    </row>
    <row r="192974" spans="14:14">
      <c r="N192974" s="10"/>
    </row>
    <row r="192975" spans="14:14">
      <c r="N192975" s="10"/>
    </row>
    <row r="192976" spans="14:14">
      <c r="N192976" s="10"/>
    </row>
    <row r="192977" spans="14:14">
      <c r="N192977" s="10"/>
    </row>
    <row r="192978" spans="14:14">
      <c r="N192978" s="10"/>
    </row>
    <row r="192979" spans="14:14">
      <c r="N192979" s="10"/>
    </row>
    <row r="192980" spans="14:14">
      <c r="N192980" s="10"/>
    </row>
    <row r="192981" spans="14:14">
      <c r="N192981" s="10"/>
    </row>
    <row r="192982" spans="14:14">
      <c r="N192982" s="10"/>
    </row>
    <row r="192983" spans="14:14">
      <c r="N192983" s="10"/>
    </row>
    <row r="192984" spans="14:14">
      <c r="N192984" s="10"/>
    </row>
    <row r="192985" spans="14:14">
      <c r="N192985" s="10"/>
    </row>
    <row r="192986" spans="14:14">
      <c r="N192986" s="10"/>
    </row>
    <row r="192987" spans="14:14">
      <c r="N192987" s="10"/>
    </row>
    <row r="192988" spans="14:14">
      <c r="N192988" s="10"/>
    </row>
    <row r="192989" spans="14:14">
      <c r="N192989" s="10"/>
    </row>
    <row r="192990" spans="14:14">
      <c r="N192990" s="10"/>
    </row>
    <row r="192991" spans="14:14">
      <c r="N192991" s="10"/>
    </row>
    <row r="192992" spans="14:14">
      <c r="N192992" s="10"/>
    </row>
    <row r="192993" spans="14:14">
      <c r="N192993" s="10"/>
    </row>
    <row r="192994" spans="14:14">
      <c r="N192994" s="10"/>
    </row>
    <row r="192995" spans="14:14">
      <c r="N192995" s="10"/>
    </row>
    <row r="192996" spans="14:14">
      <c r="N192996" s="10"/>
    </row>
    <row r="192997" spans="14:14">
      <c r="N192997" s="10"/>
    </row>
    <row r="192998" spans="14:14">
      <c r="N192998" s="10"/>
    </row>
    <row r="192999" spans="14:14">
      <c r="N192999" s="10"/>
    </row>
    <row r="193000" spans="14:14">
      <c r="N193000" s="10"/>
    </row>
    <row r="193001" spans="14:14">
      <c r="N193001" s="10"/>
    </row>
    <row r="193002" spans="14:14">
      <c r="N193002" s="10"/>
    </row>
    <row r="193003" spans="14:14">
      <c r="N193003" s="10"/>
    </row>
    <row r="193004" spans="14:14">
      <c r="N193004" s="10"/>
    </row>
    <row r="193005" spans="14:14">
      <c r="N193005" s="10"/>
    </row>
    <row r="193006" spans="14:14">
      <c r="N193006" s="10"/>
    </row>
    <row r="193007" spans="14:14">
      <c r="N193007" s="10"/>
    </row>
    <row r="193008" spans="14:14">
      <c r="N193008" s="10"/>
    </row>
    <row r="193009" spans="14:14">
      <c r="N193009" s="10"/>
    </row>
    <row r="193010" spans="14:14">
      <c r="N193010" s="10"/>
    </row>
    <row r="193011" spans="14:14">
      <c r="N193011" s="10"/>
    </row>
    <row r="193012" spans="14:14">
      <c r="N193012" s="10"/>
    </row>
    <row r="193013" spans="14:14">
      <c r="N193013" s="10"/>
    </row>
    <row r="193014" spans="14:14">
      <c r="N193014" s="10"/>
    </row>
    <row r="193015" spans="14:14">
      <c r="N193015" s="10"/>
    </row>
    <row r="193016" spans="14:14">
      <c r="N193016" s="10"/>
    </row>
    <row r="193017" spans="14:14">
      <c r="N193017" s="10"/>
    </row>
    <row r="193018" spans="14:14">
      <c r="N193018" s="10"/>
    </row>
    <row r="193019" spans="14:14">
      <c r="N193019" s="10"/>
    </row>
    <row r="193020" spans="14:14">
      <c r="N193020" s="10"/>
    </row>
    <row r="193021" spans="14:14">
      <c r="N193021" s="10"/>
    </row>
    <row r="193022" spans="14:14">
      <c r="N193022" s="10"/>
    </row>
    <row r="193023" spans="14:14">
      <c r="N193023" s="10"/>
    </row>
    <row r="193024" spans="14:14">
      <c r="N193024" s="10"/>
    </row>
    <row r="193025" spans="14:14">
      <c r="N193025" s="10"/>
    </row>
    <row r="193026" spans="14:14">
      <c r="N193026" s="10"/>
    </row>
    <row r="193027" spans="14:14">
      <c r="N193027" s="10"/>
    </row>
    <row r="193028" spans="14:14">
      <c r="N193028" s="10"/>
    </row>
    <row r="193029" spans="14:14">
      <c r="N193029" s="10"/>
    </row>
    <row r="193030" spans="14:14">
      <c r="N193030" s="10"/>
    </row>
    <row r="193031" spans="14:14">
      <c r="N193031" s="10"/>
    </row>
    <row r="193032" spans="14:14">
      <c r="N193032" s="10"/>
    </row>
    <row r="193033" spans="14:14">
      <c r="N193033" s="10"/>
    </row>
    <row r="193034" spans="14:14">
      <c r="N193034" s="10"/>
    </row>
    <row r="193035" spans="14:14">
      <c r="N193035" s="10"/>
    </row>
    <row r="193036" spans="14:14">
      <c r="N193036" s="10"/>
    </row>
    <row r="193037" spans="14:14">
      <c r="N193037" s="10"/>
    </row>
    <row r="193038" spans="14:14">
      <c r="N193038" s="10"/>
    </row>
    <row r="193039" spans="14:14">
      <c r="N193039" s="10"/>
    </row>
    <row r="193040" spans="14:14">
      <c r="N193040" s="10"/>
    </row>
    <row r="193041" spans="14:14">
      <c r="N193041" s="10"/>
    </row>
    <row r="193042" spans="14:14">
      <c r="N193042" s="10"/>
    </row>
    <row r="193043" spans="14:14">
      <c r="N193043" s="10"/>
    </row>
    <row r="193044" spans="14:14">
      <c r="N193044" s="10"/>
    </row>
    <row r="193045" spans="14:14">
      <c r="N193045" s="10"/>
    </row>
    <row r="193046" spans="14:14">
      <c r="N193046" s="10"/>
    </row>
    <row r="193047" spans="14:14">
      <c r="N193047" s="10"/>
    </row>
    <row r="193048" spans="14:14">
      <c r="N193048" s="10"/>
    </row>
    <row r="193049" spans="14:14">
      <c r="N193049" s="10"/>
    </row>
    <row r="193050" spans="14:14">
      <c r="N193050" s="10"/>
    </row>
    <row r="193051" spans="14:14">
      <c r="N193051" s="10"/>
    </row>
    <row r="193052" spans="14:14">
      <c r="N193052" s="10"/>
    </row>
    <row r="193053" spans="14:14">
      <c r="N193053" s="10"/>
    </row>
    <row r="193054" spans="14:14">
      <c r="N193054" s="10"/>
    </row>
    <row r="193055" spans="14:14">
      <c r="N193055" s="10"/>
    </row>
    <row r="193056" spans="14:14">
      <c r="N193056" s="10"/>
    </row>
    <row r="193057" spans="14:14">
      <c r="N193057" s="10"/>
    </row>
    <row r="193058" spans="14:14">
      <c r="N193058" s="10"/>
    </row>
    <row r="193059" spans="14:14">
      <c r="N193059" s="10"/>
    </row>
    <row r="193060" spans="14:14">
      <c r="N193060" s="10"/>
    </row>
    <row r="193061" spans="14:14">
      <c r="N193061" s="10"/>
    </row>
    <row r="193062" spans="14:14">
      <c r="N193062" s="10"/>
    </row>
    <row r="193063" spans="14:14">
      <c r="N193063" s="10"/>
    </row>
    <row r="193064" spans="14:14">
      <c r="N193064" s="10"/>
    </row>
    <row r="193065" spans="14:14">
      <c r="N193065" s="10"/>
    </row>
    <row r="193066" spans="14:14">
      <c r="N193066" s="10"/>
    </row>
    <row r="193067" spans="14:14">
      <c r="N193067" s="10"/>
    </row>
    <row r="193068" spans="14:14">
      <c r="N193068" s="10"/>
    </row>
    <row r="193069" spans="14:14">
      <c r="N193069" s="10"/>
    </row>
    <row r="193070" spans="14:14">
      <c r="N193070" s="10"/>
    </row>
    <row r="193071" spans="14:14">
      <c r="N193071" s="10"/>
    </row>
    <row r="193072" spans="14:14">
      <c r="N193072" s="10"/>
    </row>
    <row r="193073" spans="14:14">
      <c r="N193073" s="10"/>
    </row>
    <row r="193074" spans="14:14">
      <c r="N193074" s="10"/>
    </row>
    <row r="193075" spans="14:14">
      <c r="N193075" s="10"/>
    </row>
    <row r="193076" spans="14:14">
      <c r="N193076" s="10"/>
    </row>
    <row r="193077" spans="14:14">
      <c r="N193077" s="10"/>
    </row>
    <row r="193078" spans="14:14">
      <c r="N193078" s="10"/>
    </row>
    <row r="193079" spans="14:14">
      <c r="N193079" s="10"/>
    </row>
    <row r="193080" spans="14:14">
      <c r="N193080" s="10"/>
    </row>
    <row r="193081" spans="14:14">
      <c r="N193081" s="10"/>
    </row>
    <row r="193082" spans="14:14">
      <c r="N193082" s="10"/>
    </row>
    <row r="193083" spans="14:14">
      <c r="N193083" s="10"/>
    </row>
    <row r="193084" spans="14:14">
      <c r="N193084" s="10"/>
    </row>
    <row r="193085" spans="14:14">
      <c r="N193085" s="10"/>
    </row>
    <row r="193086" spans="14:14">
      <c r="N193086" s="10"/>
    </row>
    <row r="193087" spans="14:14">
      <c r="N193087" s="10"/>
    </row>
    <row r="193088" spans="14:14">
      <c r="N193088" s="10"/>
    </row>
    <row r="193089" spans="14:14">
      <c r="N193089" s="10"/>
    </row>
    <row r="193090" spans="14:14">
      <c r="N193090" s="10"/>
    </row>
    <row r="193091" spans="14:14">
      <c r="N193091" s="10"/>
    </row>
    <row r="193092" spans="14:14">
      <c r="N193092" s="10"/>
    </row>
    <row r="193093" spans="14:14">
      <c r="N193093" s="10"/>
    </row>
    <row r="193094" spans="14:14">
      <c r="N193094" s="10"/>
    </row>
    <row r="193095" spans="14:14">
      <c r="N193095" s="10"/>
    </row>
    <row r="193096" spans="14:14">
      <c r="N193096" s="10"/>
    </row>
    <row r="193097" spans="14:14">
      <c r="N193097" s="10"/>
    </row>
    <row r="193098" spans="14:14">
      <c r="N193098" s="10"/>
    </row>
    <row r="193099" spans="14:14">
      <c r="N193099" s="10"/>
    </row>
    <row r="193100" spans="14:14">
      <c r="N193100" s="10"/>
    </row>
    <row r="193101" spans="14:14">
      <c r="N193101" s="10"/>
    </row>
    <row r="193102" spans="14:14">
      <c r="N193102" s="10"/>
    </row>
    <row r="193103" spans="14:14">
      <c r="N193103" s="10"/>
    </row>
    <row r="193104" spans="14:14">
      <c r="N193104" s="10"/>
    </row>
    <row r="193105" spans="14:14">
      <c r="N193105" s="10"/>
    </row>
    <row r="193106" spans="14:14">
      <c r="N193106" s="10"/>
    </row>
    <row r="193107" spans="14:14">
      <c r="N193107" s="10"/>
    </row>
    <row r="193108" spans="14:14">
      <c r="N193108" s="10"/>
    </row>
    <row r="193109" spans="14:14">
      <c r="N193109" s="10"/>
    </row>
    <row r="193110" spans="14:14">
      <c r="N193110" s="10"/>
    </row>
    <row r="193111" spans="14:14">
      <c r="N193111" s="10"/>
    </row>
    <row r="193112" spans="14:14">
      <c r="N193112" s="10"/>
    </row>
    <row r="193113" spans="14:14">
      <c r="N193113" s="10"/>
    </row>
    <row r="193114" spans="14:14">
      <c r="N193114" s="10"/>
    </row>
    <row r="193115" spans="14:14">
      <c r="N193115" s="10"/>
    </row>
    <row r="193116" spans="14:14">
      <c r="N193116" s="10"/>
    </row>
    <row r="193117" spans="14:14">
      <c r="N193117" s="10"/>
    </row>
    <row r="193118" spans="14:14">
      <c r="N193118" s="10"/>
    </row>
    <row r="193119" spans="14:14">
      <c r="N193119" s="10"/>
    </row>
    <row r="193120" spans="14:14">
      <c r="N193120" s="10"/>
    </row>
    <row r="193121" spans="14:14">
      <c r="N193121" s="10"/>
    </row>
    <row r="193122" spans="14:14">
      <c r="N193122" s="10"/>
    </row>
    <row r="193123" spans="14:14">
      <c r="N193123" s="10"/>
    </row>
    <row r="193124" spans="14:14">
      <c r="N193124" s="10"/>
    </row>
    <row r="193125" spans="14:14">
      <c r="N193125" s="10"/>
    </row>
    <row r="193126" spans="14:14">
      <c r="N193126" s="10"/>
    </row>
    <row r="193127" spans="14:14">
      <c r="N193127" s="10"/>
    </row>
    <row r="193128" spans="14:14">
      <c r="N193128" s="10"/>
    </row>
    <row r="193129" spans="14:14">
      <c r="N193129" s="10"/>
    </row>
    <row r="193130" spans="14:14">
      <c r="N193130" s="10"/>
    </row>
    <row r="193131" spans="14:14">
      <c r="N193131" s="10"/>
    </row>
    <row r="193132" spans="14:14">
      <c r="N193132" s="10"/>
    </row>
    <row r="193133" spans="14:14">
      <c r="N193133" s="10"/>
    </row>
    <row r="193134" spans="14:14">
      <c r="N193134" s="10"/>
    </row>
    <row r="193135" spans="14:14">
      <c r="N193135" s="10"/>
    </row>
    <row r="193136" spans="14:14">
      <c r="N193136" s="10"/>
    </row>
    <row r="193137" spans="14:14">
      <c r="N193137" s="10"/>
    </row>
    <row r="193138" spans="14:14">
      <c r="N193138" s="10"/>
    </row>
    <row r="193139" spans="14:14">
      <c r="N193139" s="10"/>
    </row>
    <row r="193140" spans="14:14">
      <c r="N193140" s="10"/>
    </row>
    <row r="193141" spans="14:14">
      <c r="N193141" s="10"/>
    </row>
    <row r="193142" spans="14:14">
      <c r="N193142" s="10"/>
    </row>
    <row r="193143" spans="14:14">
      <c r="N193143" s="10"/>
    </row>
    <row r="193144" spans="14:14">
      <c r="N193144" s="10"/>
    </row>
    <row r="193145" spans="14:14">
      <c r="N193145" s="10"/>
    </row>
    <row r="193146" spans="14:14">
      <c r="N193146" s="10"/>
    </row>
    <row r="193147" spans="14:14">
      <c r="N193147" s="10"/>
    </row>
    <row r="193148" spans="14:14">
      <c r="N193148" s="10"/>
    </row>
    <row r="193149" spans="14:14">
      <c r="N193149" s="10"/>
    </row>
    <row r="193150" spans="14:14">
      <c r="N193150" s="10"/>
    </row>
    <row r="193151" spans="14:14">
      <c r="N193151" s="10"/>
    </row>
    <row r="193152" spans="14:14">
      <c r="N193152" s="10"/>
    </row>
    <row r="193153" spans="14:14">
      <c r="N193153" s="10"/>
    </row>
    <row r="193154" spans="14:14">
      <c r="N193154" s="10"/>
    </row>
    <row r="193155" spans="14:14">
      <c r="N193155" s="10"/>
    </row>
    <row r="193156" spans="14:14">
      <c r="N193156" s="10"/>
    </row>
    <row r="193157" spans="14:14">
      <c r="N193157" s="10"/>
    </row>
    <row r="193158" spans="14:14">
      <c r="N193158" s="10"/>
    </row>
    <row r="193159" spans="14:14">
      <c r="N193159" s="10"/>
    </row>
    <row r="193160" spans="14:14">
      <c r="N193160" s="10"/>
    </row>
    <row r="193161" spans="14:14">
      <c r="N193161" s="10"/>
    </row>
    <row r="193162" spans="14:14">
      <c r="N193162" s="10"/>
    </row>
    <row r="193163" spans="14:14">
      <c r="N193163" s="10"/>
    </row>
    <row r="193164" spans="14:14">
      <c r="N193164" s="10"/>
    </row>
    <row r="193165" spans="14:14">
      <c r="N193165" s="10"/>
    </row>
    <row r="193166" spans="14:14">
      <c r="N193166" s="10"/>
    </row>
    <row r="193167" spans="14:14">
      <c r="N193167" s="10"/>
    </row>
    <row r="193168" spans="14:14">
      <c r="N193168" s="10"/>
    </row>
    <row r="193169" spans="14:14">
      <c r="N193169" s="10"/>
    </row>
    <row r="193170" spans="14:14">
      <c r="N193170" s="10"/>
    </row>
    <row r="193171" spans="14:14">
      <c r="N193171" s="10"/>
    </row>
    <row r="193172" spans="14:14">
      <c r="N193172" s="10"/>
    </row>
    <row r="193173" spans="14:14">
      <c r="N193173" s="10"/>
    </row>
    <row r="193174" spans="14:14">
      <c r="N193174" s="10"/>
    </row>
    <row r="193175" spans="14:14">
      <c r="N193175" s="10"/>
    </row>
    <row r="193176" spans="14:14">
      <c r="N193176" s="10"/>
    </row>
    <row r="193177" spans="14:14">
      <c r="N193177" s="10"/>
    </row>
    <row r="193178" spans="14:14">
      <c r="N193178" s="10"/>
    </row>
    <row r="193179" spans="14:14">
      <c r="N193179" s="10"/>
    </row>
    <row r="193180" spans="14:14">
      <c r="N193180" s="10"/>
    </row>
    <row r="193181" spans="14:14">
      <c r="N193181" s="10"/>
    </row>
    <row r="193182" spans="14:14">
      <c r="N193182" s="10"/>
    </row>
    <row r="193183" spans="14:14">
      <c r="N193183" s="10"/>
    </row>
    <row r="193184" spans="14:14">
      <c r="N193184" s="10"/>
    </row>
    <row r="193185" spans="14:14">
      <c r="N193185" s="10"/>
    </row>
    <row r="193186" spans="14:14">
      <c r="N193186" s="10"/>
    </row>
    <row r="193187" spans="14:14">
      <c r="N193187" s="10"/>
    </row>
    <row r="193188" spans="14:14">
      <c r="N193188" s="10"/>
    </row>
    <row r="193189" spans="14:14">
      <c r="N193189" s="10"/>
    </row>
    <row r="193190" spans="14:14">
      <c r="N193190" s="10"/>
    </row>
    <row r="193191" spans="14:14">
      <c r="N193191" s="10"/>
    </row>
    <row r="193192" spans="14:14">
      <c r="N193192" s="10"/>
    </row>
    <row r="193193" spans="14:14">
      <c r="N193193" s="10"/>
    </row>
    <row r="193194" spans="14:14">
      <c r="N193194" s="10"/>
    </row>
    <row r="193195" spans="14:14">
      <c r="N193195" s="10"/>
    </row>
    <row r="193196" spans="14:14">
      <c r="N193196" s="10"/>
    </row>
    <row r="193197" spans="14:14">
      <c r="N193197" s="10"/>
    </row>
    <row r="193198" spans="14:14">
      <c r="N193198" s="10"/>
    </row>
    <row r="193199" spans="14:14">
      <c r="N193199" s="10"/>
    </row>
    <row r="193200" spans="14:14">
      <c r="N193200" s="10"/>
    </row>
    <row r="193201" spans="14:14">
      <c r="N193201" s="10"/>
    </row>
    <row r="193202" spans="14:14">
      <c r="N193202" s="10"/>
    </row>
    <row r="193203" spans="14:14">
      <c r="N193203" s="10"/>
    </row>
    <row r="193204" spans="14:14">
      <c r="N193204" s="10"/>
    </row>
    <row r="193205" spans="14:14">
      <c r="N193205" s="10"/>
    </row>
    <row r="193206" spans="14:14">
      <c r="N193206" s="10"/>
    </row>
    <row r="193207" spans="14:14">
      <c r="N193207" s="10"/>
    </row>
    <row r="193208" spans="14:14">
      <c r="N193208" s="10"/>
    </row>
    <row r="193209" spans="14:14">
      <c r="N193209" s="10"/>
    </row>
    <row r="193210" spans="14:14">
      <c r="N193210" s="10"/>
    </row>
    <row r="193211" spans="14:14">
      <c r="N193211" s="10"/>
    </row>
    <row r="193212" spans="14:14">
      <c r="N193212" s="10"/>
    </row>
    <row r="193213" spans="14:14">
      <c r="N193213" s="10"/>
    </row>
    <row r="193214" spans="14:14">
      <c r="N193214" s="10"/>
    </row>
    <row r="193215" spans="14:14">
      <c r="N193215" s="10"/>
    </row>
    <row r="193216" spans="14:14">
      <c r="N193216" s="10"/>
    </row>
    <row r="193217" spans="14:14">
      <c r="N193217" s="10"/>
    </row>
    <row r="193218" spans="14:14">
      <c r="N193218" s="10"/>
    </row>
    <row r="193219" spans="14:14">
      <c r="N193219" s="10"/>
    </row>
    <row r="193220" spans="14:14">
      <c r="N193220" s="10"/>
    </row>
    <row r="193221" spans="14:14">
      <c r="N193221" s="10"/>
    </row>
    <row r="193222" spans="14:14">
      <c r="N193222" s="10"/>
    </row>
    <row r="193223" spans="14:14">
      <c r="N193223" s="10"/>
    </row>
    <row r="193224" spans="14:14">
      <c r="N193224" s="10"/>
    </row>
    <row r="193225" spans="14:14">
      <c r="N193225" s="10"/>
    </row>
    <row r="193226" spans="14:14">
      <c r="N193226" s="10"/>
    </row>
    <row r="193227" spans="14:14">
      <c r="N193227" s="10"/>
    </row>
    <row r="193228" spans="14:14">
      <c r="N193228" s="10"/>
    </row>
    <row r="193229" spans="14:14">
      <c r="N193229" s="10"/>
    </row>
    <row r="193230" spans="14:14">
      <c r="N193230" s="10"/>
    </row>
    <row r="193231" spans="14:14">
      <c r="N193231" s="10"/>
    </row>
    <row r="193232" spans="14:14">
      <c r="N193232" s="10"/>
    </row>
    <row r="193233" spans="14:14">
      <c r="N193233" s="10"/>
    </row>
    <row r="193234" spans="14:14">
      <c r="N193234" s="10"/>
    </row>
    <row r="193235" spans="14:14">
      <c r="N193235" s="10"/>
    </row>
    <row r="193236" spans="14:14">
      <c r="N193236" s="10"/>
    </row>
    <row r="193237" spans="14:14">
      <c r="N193237" s="10"/>
    </row>
    <row r="193238" spans="14:14">
      <c r="N193238" s="10"/>
    </row>
    <row r="193239" spans="14:14">
      <c r="N193239" s="10"/>
    </row>
    <row r="193240" spans="14:14">
      <c r="N193240" s="10"/>
    </row>
    <row r="193241" spans="14:14">
      <c r="N193241" s="10"/>
    </row>
    <row r="193242" spans="14:14">
      <c r="N193242" s="10"/>
    </row>
    <row r="193243" spans="14:14">
      <c r="N193243" s="10"/>
    </row>
    <row r="193244" spans="14:14">
      <c r="N193244" s="10"/>
    </row>
    <row r="193245" spans="14:14">
      <c r="N193245" s="10"/>
    </row>
    <row r="193246" spans="14:14">
      <c r="N193246" s="10"/>
    </row>
    <row r="193247" spans="14:14">
      <c r="N193247" s="10"/>
    </row>
    <row r="193248" spans="14:14">
      <c r="N193248" s="10"/>
    </row>
    <row r="193249" spans="14:14">
      <c r="N193249" s="10"/>
    </row>
    <row r="193250" spans="14:14">
      <c r="N193250" s="10"/>
    </row>
    <row r="193251" spans="14:14">
      <c r="N193251" s="10"/>
    </row>
    <row r="193252" spans="14:14">
      <c r="N193252" s="10"/>
    </row>
    <row r="193253" spans="14:14">
      <c r="N193253" s="10"/>
    </row>
    <row r="193254" spans="14:14">
      <c r="N193254" s="10"/>
    </row>
    <row r="193255" spans="14:14">
      <c r="N193255" s="10"/>
    </row>
    <row r="193256" spans="14:14">
      <c r="N193256" s="10"/>
    </row>
    <row r="193257" spans="14:14">
      <c r="N193257" s="10"/>
    </row>
    <row r="193258" spans="14:14">
      <c r="N193258" s="10"/>
    </row>
    <row r="193259" spans="14:14">
      <c r="N193259" s="10"/>
    </row>
    <row r="193260" spans="14:14">
      <c r="N193260" s="10"/>
    </row>
    <row r="193261" spans="14:14">
      <c r="N193261" s="10"/>
    </row>
    <row r="193262" spans="14:14">
      <c r="N193262" s="10"/>
    </row>
    <row r="193263" spans="14:14">
      <c r="N193263" s="10"/>
    </row>
    <row r="193264" spans="14:14">
      <c r="N193264" s="10"/>
    </row>
    <row r="193265" spans="14:14">
      <c r="N193265" s="10"/>
    </row>
    <row r="193266" spans="14:14">
      <c r="N193266" s="10"/>
    </row>
    <row r="193267" spans="14:14">
      <c r="N193267" s="10"/>
    </row>
    <row r="193268" spans="14:14">
      <c r="N193268" s="10"/>
    </row>
    <row r="193269" spans="14:14">
      <c r="N193269" s="10"/>
    </row>
    <row r="193270" spans="14:14">
      <c r="N193270" s="10"/>
    </row>
    <row r="193271" spans="14:14">
      <c r="N193271" s="10"/>
    </row>
    <row r="193272" spans="14:14">
      <c r="N193272" s="10"/>
    </row>
    <row r="193273" spans="14:14">
      <c r="N193273" s="10"/>
    </row>
    <row r="193274" spans="14:14">
      <c r="N193274" s="10"/>
    </row>
    <row r="193275" spans="14:14">
      <c r="N193275" s="10"/>
    </row>
    <row r="193276" spans="14:14">
      <c r="N193276" s="10"/>
    </row>
    <row r="193277" spans="14:14">
      <c r="N193277" s="10"/>
    </row>
    <row r="193278" spans="14:14">
      <c r="N193278" s="10"/>
    </row>
    <row r="193279" spans="14:14">
      <c r="N193279" s="10"/>
    </row>
    <row r="193280" spans="14:14">
      <c r="N193280" s="10"/>
    </row>
    <row r="193281" spans="14:14">
      <c r="N193281" s="10"/>
    </row>
    <row r="193282" spans="14:14">
      <c r="N193282" s="10"/>
    </row>
    <row r="193283" spans="14:14">
      <c r="N193283" s="10"/>
    </row>
    <row r="193284" spans="14:14">
      <c r="N193284" s="10"/>
    </row>
    <row r="193285" spans="14:14">
      <c r="N193285" s="10"/>
    </row>
    <row r="193286" spans="14:14">
      <c r="N193286" s="10"/>
    </row>
    <row r="193287" spans="14:14">
      <c r="N193287" s="10"/>
    </row>
    <row r="193288" spans="14:14">
      <c r="N193288" s="10"/>
    </row>
    <row r="193289" spans="14:14">
      <c r="N193289" s="10"/>
    </row>
    <row r="193290" spans="14:14">
      <c r="N193290" s="10"/>
    </row>
    <row r="193291" spans="14:14">
      <c r="N193291" s="10"/>
    </row>
    <row r="193292" spans="14:14">
      <c r="N193292" s="10"/>
    </row>
    <row r="193293" spans="14:14">
      <c r="N193293" s="10"/>
    </row>
    <row r="193294" spans="14:14">
      <c r="N193294" s="10"/>
    </row>
    <row r="193295" spans="14:14">
      <c r="N193295" s="10"/>
    </row>
    <row r="193296" spans="14:14">
      <c r="N193296" s="10"/>
    </row>
    <row r="193297" spans="14:14">
      <c r="N193297" s="10"/>
    </row>
    <row r="193298" spans="14:14">
      <c r="N193298" s="10"/>
    </row>
    <row r="193299" spans="14:14">
      <c r="N193299" s="10"/>
    </row>
    <row r="193300" spans="14:14">
      <c r="N193300" s="10"/>
    </row>
    <row r="193301" spans="14:14">
      <c r="N193301" s="10"/>
    </row>
    <row r="193302" spans="14:14">
      <c r="N193302" s="10"/>
    </row>
    <row r="193303" spans="14:14">
      <c r="N193303" s="10"/>
    </row>
    <row r="193304" spans="14:14">
      <c r="N193304" s="10"/>
    </row>
    <row r="193305" spans="14:14">
      <c r="N193305" s="10"/>
    </row>
    <row r="193306" spans="14:14">
      <c r="N193306" s="10"/>
    </row>
    <row r="193307" spans="14:14">
      <c r="N193307" s="10"/>
    </row>
    <row r="193308" spans="14:14">
      <c r="N193308" s="10"/>
    </row>
    <row r="193309" spans="14:14">
      <c r="N193309" s="10"/>
    </row>
    <row r="193310" spans="14:14">
      <c r="N193310" s="10"/>
    </row>
    <row r="193311" spans="14:14">
      <c r="N193311" s="10"/>
    </row>
    <row r="193312" spans="14:14">
      <c r="N193312" s="10"/>
    </row>
    <row r="193313" spans="14:14">
      <c r="N193313" s="10"/>
    </row>
    <row r="193314" spans="14:14">
      <c r="N193314" s="10"/>
    </row>
    <row r="193315" spans="14:14">
      <c r="N193315" s="10"/>
    </row>
    <row r="193316" spans="14:14">
      <c r="N193316" s="10"/>
    </row>
    <row r="193317" spans="14:14">
      <c r="N193317" s="10"/>
    </row>
    <row r="193318" spans="14:14">
      <c r="N193318" s="10"/>
    </row>
    <row r="193319" spans="14:14">
      <c r="N193319" s="10"/>
    </row>
    <row r="193320" spans="14:14">
      <c r="N193320" s="10"/>
    </row>
    <row r="193321" spans="14:14">
      <c r="N193321" s="10"/>
    </row>
    <row r="193322" spans="14:14">
      <c r="N193322" s="10"/>
    </row>
    <row r="193323" spans="14:14">
      <c r="N193323" s="10"/>
    </row>
    <row r="193324" spans="14:14">
      <c r="N193324" s="10"/>
    </row>
    <row r="193325" spans="14:14">
      <c r="N193325" s="10"/>
    </row>
    <row r="193326" spans="14:14">
      <c r="N193326" s="10"/>
    </row>
    <row r="193327" spans="14:14">
      <c r="N193327" s="10"/>
    </row>
    <row r="193328" spans="14:14">
      <c r="N193328" s="10"/>
    </row>
    <row r="193329" spans="14:14">
      <c r="N193329" s="10"/>
    </row>
    <row r="193330" spans="14:14">
      <c r="N193330" s="10"/>
    </row>
    <row r="193331" spans="14:14">
      <c r="N193331" s="10"/>
    </row>
    <row r="193332" spans="14:14">
      <c r="N193332" s="10"/>
    </row>
    <row r="193333" spans="14:14">
      <c r="N193333" s="10"/>
    </row>
    <row r="193334" spans="14:14">
      <c r="N193334" s="10"/>
    </row>
    <row r="193335" spans="14:14">
      <c r="N193335" s="10"/>
    </row>
    <row r="193336" spans="14:14">
      <c r="N193336" s="10"/>
    </row>
    <row r="193337" spans="14:14">
      <c r="N193337" s="10"/>
    </row>
    <row r="193338" spans="14:14">
      <c r="N193338" s="10"/>
    </row>
    <row r="193339" spans="14:14">
      <c r="N193339" s="10"/>
    </row>
    <row r="193340" spans="14:14">
      <c r="N193340" s="10"/>
    </row>
    <row r="193341" spans="14:14">
      <c r="N193341" s="10"/>
    </row>
    <row r="193342" spans="14:14">
      <c r="N193342" s="10"/>
    </row>
    <row r="193343" spans="14:14">
      <c r="N193343" s="10"/>
    </row>
    <row r="193344" spans="14:14">
      <c r="N193344" s="10"/>
    </row>
    <row r="193345" spans="14:14">
      <c r="N193345" s="10"/>
    </row>
    <row r="193346" spans="14:14">
      <c r="N193346" s="10"/>
    </row>
    <row r="193347" spans="14:14">
      <c r="N193347" s="10"/>
    </row>
    <row r="193348" spans="14:14">
      <c r="N193348" s="10"/>
    </row>
    <row r="193349" spans="14:14">
      <c r="N193349" s="10"/>
    </row>
    <row r="193350" spans="14:14">
      <c r="N193350" s="10"/>
    </row>
    <row r="193351" spans="14:14">
      <c r="N193351" s="10"/>
    </row>
    <row r="193352" spans="14:14">
      <c r="N193352" s="10"/>
    </row>
    <row r="193353" spans="14:14">
      <c r="N193353" s="10"/>
    </row>
    <row r="193354" spans="14:14">
      <c r="N193354" s="10"/>
    </row>
    <row r="193355" spans="14:14">
      <c r="N193355" s="10"/>
    </row>
    <row r="193356" spans="14:14">
      <c r="N193356" s="10"/>
    </row>
    <row r="193357" spans="14:14">
      <c r="N193357" s="10"/>
    </row>
    <row r="193358" spans="14:14">
      <c r="N193358" s="10"/>
    </row>
    <row r="193359" spans="14:14">
      <c r="N193359" s="10"/>
    </row>
    <row r="193360" spans="14:14">
      <c r="N193360" s="10"/>
    </row>
    <row r="193361" spans="14:14">
      <c r="N193361" s="10"/>
    </row>
    <row r="193362" spans="14:14">
      <c r="N193362" s="10"/>
    </row>
    <row r="193363" spans="14:14">
      <c r="N193363" s="10"/>
    </row>
    <row r="193364" spans="14:14">
      <c r="N193364" s="10"/>
    </row>
    <row r="193365" spans="14:14">
      <c r="N193365" s="10"/>
    </row>
    <row r="193366" spans="14:14">
      <c r="N193366" s="10"/>
    </row>
    <row r="193367" spans="14:14">
      <c r="N193367" s="10"/>
    </row>
    <row r="193368" spans="14:14">
      <c r="N193368" s="10"/>
    </row>
    <row r="193369" spans="14:14">
      <c r="N193369" s="10"/>
    </row>
    <row r="193370" spans="14:14">
      <c r="N193370" s="10"/>
    </row>
    <row r="193371" spans="14:14">
      <c r="N193371" s="10"/>
    </row>
    <row r="193372" spans="14:14">
      <c r="N193372" s="10"/>
    </row>
    <row r="193373" spans="14:14">
      <c r="N193373" s="10"/>
    </row>
    <row r="193374" spans="14:14">
      <c r="N193374" s="10"/>
    </row>
    <row r="193375" spans="14:14">
      <c r="N193375" s="10"/>
    </row>
    <row r="193376" spans="14:14">
      <c r="N193376" s="10"/>
    </row>
    <row r="193377" spans="14:14">
      <c r="N193377" s="10"/>
    </row>
    <row r="193378" spans="14:14">
      <c r="N193378" s="10"/>
    </row>
    <row r="193379" spans="14:14">
      <c r="N193379" s="10"/>
    </row>
    <row r="193380" spans="14:14">
      <c r="N193380" s="10"/>
    </row>
    <row r="193381" spans="14:14">
      <c r="N193381" s="10"/>
    </row>
    <row r="193382" spans="14:14">
      <c r="N193382" s="10"/>
    </row>
    <row r="193383" spans="14:14">
      <c r="N193383" s="10"/>
    </row>
    <row r="193384" spans="14:14">
      <c r="N193384" s="10"/>
    </row>
    <row r="193385" spans="14:14">
      <c r="N193385" s="10"/>
    </row>
    <row r="193386" spans="14:14">
      <c r="N193386" s="10"/>
    </row>
    <row r="193387" spans="14:14">
      <c r="N193387" s="10"/>
    </row>
    <row r="193388" spans="14:14">
      <c r="N193388" s="10"/>
    </row>
    <row r="193389" spans="14:14">
      <c r="N193389" s="10"/>
    </row>
    <row r="193390" spans="14:14">
      <c r="N193390" s="10"/>
    </row>
    <row r="193391" spans="14:14">
      <c r="N193391" s="10"/>
    </row>
    <row r="193392" spans="14:14">
      <c r="N193392" s="10"/>
    </row>
    <row r="193393" spans="14:14">
      <c r="N193393" s="10"/>
    </row>
    <row r="193394" spans="14:14">
      <c r="N193394" s="10"/>
    </row>
    <row r="193395" spans="14:14">
      <c r="N193395" s="10"/>
    </row>
    <row r="193396" spans="14:14">
      <c r="N193396" s="10"/>
    </row>
    <row r="193397" spans="14:14">
      <c r="N193397" s="10"/>
    </row>
    <row r="193398" spans="14:14">
      <c r="N193398" s="10"/>
    </row>
    <row r="193399" spans="14:14">
      <c r="N193399" s="10"/>
    </row>
    <row r="193400" spans="14:14">
      <c r="N193400" s="10"/>
    </row>
    <row r="193401" spans="14:14">
      <c r="N193401" s="10"/>
    </row>
    <row r="193402" spans="14:14">
      <c r="N193402" s="10"/>
    </row>
    <row r="193403" spans="14:14">
      <c r="N193403" s="10"/>
    </row>
    <row r="193404" spans="14:14">
      <c r="N193404" s="10"/>
    </row>
    <row r="193405" spans="14:14">
      <c r="N193405" s="10"/>
    </row>
    <row r="193406" spans="14:14">
      <c r="N193406" s="10"/>
    </row>
    <row r="193407" spans="14:14">
      <c r="N193407" s="10"/>
    </row>
    <row r="193408" spans="14:14">
      <c r="N193408" s="10"/>
    </row>
    <row r="193409" spans="14:14">
      <c r="N193409" s="10"/>
    </row>
    <row r="193410" spans="14:14">
      <c r="N193410" s="10"/>
    </row>
    <row r="193411" spans="14:14">
      <c r="N193411" s="10"/>
    </row>
    <row r="193412" spans="14:14">
      <c r="N193412" s="10"/>
    </row>
    <row r="193413" spans="14:14">
      <c r="N193413" s="10"/>
    </row>
    <row r="193414" spans="14:14">
      <c r="N193414" s="10"/>
    </row>
    <row r="193415" spans="14:14">
      <c r="N193415" s="10"/>
    </row>
    <row r="193416" spans="14:14">
      <c r="N193416" s="10"/>
    </row>
    <row r="193417" spans="14:14">
      <c r="N193417" s="10"/>
    </row>
    <row r="193418" spans="14:14">
      <c r="N193418" s="10"/>
    </row>
    <row r="193419" spans="14:14">
      <c r="N193419" s="10"/>
    </row>
    <row r="193420" spans="14:14">
      <c r="N193420" s="10"/>
    </row>
    <row r="193421" spans="14:14">
      <c r="N193421" s="10"/>
    </row>
    <row r="193422" spans="14:14">
      <c r="N193422" s="10"/>
    </row>
    <row r="193423" spans="14:14">
      <c r="N193423" s="10"/>
    </row>
    <row r="193424" spans="14:14">
      <c r="N193424" s="10"/>
    </row>
    <row r="193425" spans="14:14">
      <c r="N193425" s="10"/>
    </row>
    <row r="193426" spans="14:14">
      <c r="N193426" s="10"/>
    </row>
    <row r="193427" spans="14:14">
      <c r="N193427" s="10"/>
    </row>
    <row r="193428" spans="14:14">
      <c r="N193428" s="10"/>
    </row>
    <row r="193429" spans="14:14">
      <c r="N193429" s="10"/>
    </row>
    <row r="193430" spans="14:14">
      <c r="N193430" s="10"/>
    </row>
    <row r="193431" spans="14:14">
      <c r="N193431" s="10"/>
    </row>
    <row r="193432" spans="14:14">
      <c r="N193432" s="10"/>
    </row>
    <row r="193433" spans="14:14">
      <c r="N193433" s="10"/>
    </row>
    <row r="193434" spans="14:14">
      <c r="N193434" s="10"/>
    </row>
    <row r="193435" spans="14:14">
      <c r="N193435" s="10"/>
    </row>
    <row r="193436" spans="14:14">
      <c r="N193436" s="10"/>
    </row>
    <row r="193437" spans="14:14">
      <c r="N193437" s="10"/>
    </row>
    <row r="193438" spans="14:14">
      <c r="N193438" s="10"/>
    </row>
    <row r="193439" spans="14:14">
      <c r="N193439" s="10"/>
    </row>
    <row r="193440" spans="14:14">
      <c r="N193440" s="10"/>
    </row>
    <row r="193441" spans="14:14">
      <c r="N193441" s="10"/>
    </row>
    <row r="193442" spans="14:14">
      <c r="N193442" s="10"/>
    </row>
    <row r="193443" spans="14:14">
      <c r="N193443" s="10"/>
    </row>
    <row r="193444" spans="14:14">
      <c r="N193444" s="10"/>
    </row>
    <row r="193445" spans="14:14">
      <c r="N193445" s="10"/>
    </row>
    <row r="193446" spans="14:14">
      <c r="N193446" s="10"/>
    </row>
    <row r="193447" spans="14:14">
      <c r="N193447" s="10"/>
    </row>
    <row r="193448" spans="14:14">
      <c r="N193448" s="10"/>
    </row>
    <row r="193449" spans="14:14">
      <c r="N193449" s="10"/>
    </row>
    <row r="193450" spans="14:14">
      <c r="N193450" s="10"/>
    </row>
    <row r="193451" spans="14:14">
      <c r="N193451" s="10"/>
    </row>
    <row r="193452" spans="14:14">
      <c r="N193452" s="10"/>
    </row>
    <row r="193453" spans="14:14">
      <c r="N193453" s="10"/>
    </row>
    <row r="193454" spans="14:14">
      <c r="N193454" s="10"/>
    </row>
    <row r="193455" spans="14:14">
      <c r="N193455" s="10"/>
    </row>
    <row r="193456" spans="14:14">
      <c r="N193456" s="10"/>
    </row>
    <row r="193457" spans="14:14">
      <c r="N193457" s="10"/>
    </row>
    <row r="193458" spans="14:14">
      <c r="N193458" s="10"/>
    </row>
    <row r="193459" spans="14:14">
      <c r="N193459" s="10"/>
    </row>
    <row r="193460" spans="14:14">
      <c r="N193460" s="10"/>
    </row>
    <row r="193461" spans="14:14">
      <c r="N193461" s="10"/>
    </row>
    <row r="193462" spans="14:14">
      <c r="N193462" s="10"/>
    </row>
    <row r="193463" spans="14:14">
      <c r="N193463" s="10"/>
    </row>
    <row r="193464" spans="14:14">
      <c r="N193464" s="10"/>
    </row>
    <row r="193465" spans="14:14">
      <c r="N193465" s="10"/>
    </row>
    <row r="193466" spans="14:14">
      <c r="N193466" s="10"/>
    </row>
    <row r="193467" spans="14:14">
      <c r="N193467" s="10"/>
    </row>
    <row r="193468" spans="14:14">
      <c r="N193468" s="10"/>
    </row>
    <row r="193469" spans="14:14">
      <c r="N193469" s="10"/>
    </row>
    <row r="193470" spans="14:14">
      <c r="N193470" s="10"/>
    </row>
    <row r="193471" spans="14:14">
      <c r="N193471" s="10"/>
    </row>
    <row r="193472" spans="14:14">
      <c r="N193472" s="10"/>
    </row>
    <row r="193473" spans="14:14">
      <c r="N193473" s="10"/>
    </row>
    <row r="193474" spans="14:14">
      <c r="N193474" s="10"/>
    </row>
    <row r="193475" spans="14:14">
      <c r="N193475" s="10"/>
    </row>
    <row r="193476" spans="14:14">
      <c r="N193476" s="10"/>
    </row>
    <row r="193477" spans="14:14">
      <c r="N193477" s="10"/>
    </row>
    <row r="193478" spans="14:14">
      <c r="N193478" s="10"/>
    </row>
    <row r="193479" spans="14:14">
      <c r="N193479" s="10"/>
    </row>
    <row r="193480" spans="14:14">
      <c r="N193480" s="10"/>
    </row>
    <row r="193481" spans="14:14">
      <c r="N193481" s="10"/>
    </row>
    <row r="193482" spans="14:14">
      <c r="N193482" s="10"/>
    </row>
    <row r="193483" spans="14:14">
      <c r="N193483" s="10"/>
    </row>
    <row r="193484" spans="14:14">
      <c r="N193484" s="10"/>
    </row>
    <row r="193485" spans="14:14">
      <c r="N193485" s="10"/>
    </row>
    <row r="193486" spans="14:14">
      <c r="N193486" s="10"/>
    </row>
    <row r="193487" spans="14:14">
      <c r="N193487" s="10"/>
    </row>
    <row r="193488" spans="14:14">
      <c r="N193488" s="10"/>
    </row>
    <row r="193489" spans="14:14">
      <c r="N193489" s="10"/>
    </row>
    <row r="193490" spans="14:14">
      <c r="N193490" s="10"/>
    </row>
    <row r="193491" spans="14:14">
      <c r="N193491" s="10"/>
    </row>
    <row r="193492" spans="14:14">
      <c r="N193492" s="10"/>
    </row>
    <row r="193493" spans="14:14">
      <c r="N193493" s="10"/>
    </row>
    <row r="193494" spans="14:14">
      <c r="N193494" s="10"/>
    </row>
    <row r="193495" spans="14:14">
      <c r="N193495" s="10"/>
    </row>
    <row r="193496" spans="14:14">
      <c r="N193496" s="10"/>
    </row>
    <row r="193497" spans="14:14">
      <c r="N193497" s="10"/>
    </row>
    <row r="193498" spans="14:14">
      <c r="N193498" s="10"/>
    </row>
    <row r="193499" spans="14:14">
      <c r="N193499" s="10"/>
    </row>
    <row r="193500" spans="14:14">
      <c r="N193500" s="10"/>
    </row>
    <row r="193501" spans="14:14">
      <c r="N193501" s="10"/>
    </row>
    <row r="193502" spans="14:14">
      <c r="N193502" s="10"/>
    </row>
    <row r="193503" spans="14:14">
      <c r="N193503" s="10"/>
    </row>
    <row r="193504" spans="14:14">
      <c r="N193504" s="10"/>
    </row>
    <row r="193505" spans="14:14">
      <c r="N193505" s="10"/>
    </row>
    <row r="193506" spans="14:14">
      <c r="N193506" s="10"/>
    </row>
    <row r="193507" spans="14:14">
      <c r="N193507" s="10"/>
    </row>
    <row r="193508" spans="14:14">
      <c r="N193508" s="10"/>
    </row>
    <row r="193509" spans="14:14">
      <c r="N193509" s="10"/>
    </row>
    <row r="193510" spans="14:14">
      <c r="N193510" s="10"/>
    </row>
    <row r="193511" spans="14:14">
      <c r="N193511" s="10"/>
    </row>
    <row r="193512" spans="14:14">
      <c r="N193512" s="10"/>
    </row>
    <row r="193513" spans="14:14">
      <c r="N193513" s="10"/>
    </row>
    <row r="193514" spans="14:14">
      <c r="N193514" s="10"/>
    </row>
    <row r="193515" spans="14:14">
      <c r="N193515" s="10"/>
    </row>
    <row r="193516" spans="14:14">
      <c r="N193516" s="10"/>
    </row>
    <row r="193517" spans="14:14">
      <c r="N193517" s="10"/>
    </row>
    <row r="193518" spans="14:14">
      <c r="N193518" s="10"/>
    </row>
    <row r="193519" spans="14:14">
      <c r="N193519" s="10"/>
    </row>
    <row r="193520" spans="14:14">
      <c r="N193520" s="10"/>
    </row>
    <row r="193521" spans="14:14">
      <c r="N193521" s="10"/>
    </row>
    <row r="193522" spans="14:14">
      <c r="N193522" s="10"/>
    </row>
    <row r="193523" spans="14:14">
      <c r="N193523" s="10"/>
    </row>
    <row r="193524" spans="14:14">
      <c r="N193524" s="10"/>
    </row>
    <row r="193525" spans="14:14">
      <c r="N193525" s="10"/>
    </row>
    <row r="193526" spans="14:14">
      <c r="N193526" s="10"/>
    </row>
    <row r="193527" spans="14:14">
      <c r="N193527" s="10"/>
    </row>
    <row r="193528" spans="14:14">
      <c r="N193528" s="10"/>
    </row>
    <row r="193529" spans="14:14">
      <c r="N193529" s="10"/>
    </row>
    <row r="193530" spans="14:14">
      <c r="N193530" s="10"/>
    </row>
    <row r="193531" spans="14:14">
      <c r="N193531" s="10"/>
    </row>
    <row r="193532" spans="14:14">
      <c r="N193532" s="10"/>
    </row>
    <row r="193533" spans="14:14">
      <c r="N193533" s="10"/>
    </row>
    <row r="193534" spans="14:14">
      <c r="N193534" s="10"/>
    </row>
    <row r="193535" spans="14:14">
      <c r="N193535" s="10"/>
    </row>
    <row r="193536" spans="14:14">
      <c r="N193536" s="10"/>
    </row>
    <row r="193537" spans="14:14">
      <c r="N193537" s="10"/>
    </row>
    <row r="193538" spans="14:14">
      <c r="N193538" s="10"/>
    </row>
    <row r="193539" spans="14:14">
      <c r="N193539" s="10"/>
    </row>
    <row r="193540" spans="14:14">
      <c r="N193540" s="10"/>
    </row>
    <row r="193541" spans="14:14">
      <c r="N193541" s="10"/>
    </row>
    <row r="193542" spans="14:14">
      <c r="N193542" s="10"/>
    </row>
    <row r="193543" spans="14:14">
      <c r="N193543" s="10"/>
    </row>
    <row r="193544" spans="14:14">
      <c r="N193544" s="10"/>
    </row>
    <row r="193545" spans="14:14">
      <c r="N193545" s="10"/>
    </row>
    <row r="193546" spans="14:14">
      <c r="N193546" s="10"/>
    </row>
    <row r="193547" spans="14:14">
      <c r="N193547" s="10"/>
    </row>
    <row r="193548" spans="14:14">
      <c r="N193548" s="10"/>
    </row>
    <row r="193549" spans="14:14">
      <c r="N193549" s="10"/>
    </row>
    <row r="193550" spans="14:14">
      <c r="N193550" s="10"/>
    </row>
    <row r="193551" spans="14:14">
      <c r="N193551" s="10"/>
    </row>
    <row r="193552" spans="14:14">
      <c r="N193552" s="10"/>
    </row>
    <row r="193553" spans="14:14">
      <c r="N193553" s="10"/>
    </row>
    <row r="193554" spans="14:14">
      <c r="N193554" s="10"/>
    </row>
    <row r="193555" spans="14:14">
      <c r="N193555" s="10"/>
    </row>
    <row r="193556" spans="14:14">
      <c r="N193556" s="10"/>
    </row>
    <row r="193557" spans="14:14">
      <c r="N193557" s="10"/>
    </row>
    <row r="193558" spans="14:14">
      <c r="N193558" s="10"/>
    </row>
    <row r="193559" spans="14:14">
      <c r="N193559" s="10"/>
    </row>
    <row r="193560" spans="14:14">
      <c r="N193560" s="10"/>
    </row>
    <row r="193561" spans="14:14">
      <c r="N193561" s="10"/>
    </row>
    <row r="193562" spans="14:14">
      <c r="N193562" s="10"/>
    </row>
    <row r="193563" spans="14:14">
      <c r="N193563" s="10"/>
    </row>
    <row r="193564" spans="14:14">
      <c r="N193564" s="10"/>
    </row>
    <row r="193565" spans="14:14">
      <c r="N193565" s="10"/>
    </row>
    <row r="193566" spans="14:14">
      <c r="N193566" s="10"/>
    </row>
    <row r="193567" spans="14:14">
      <c r="N193567" s="10"/>
    </row>
    <row r="193568" spans="14:14">
      <c r="N193568" s="10"/>
    </row>
    <row r="193569" spans="14:14">
      <c r="N193569" s="10"/>
    </row>
    <row r="193570" spans="14:14">
      <c r="N193570" s="10"/>
    </row>
    <row r="193571" spans="14:14">
      <c r="N193571" s="10"/>
    </row>
    <row r="193572" spans="14:14">
      <c r="N193572" s="10"/>
    </row>
    <row r="193573" spans="14:14">
      <c r="N193573" s="10"/>
    </row>
    <row r="193574" spans="14:14">
      <c r="N193574" s="10"/>
    </row>
    <row r="193575" spans="14:14">
      <c r="N193575" s="10"/>
    </row>
    <row r="193576" spans="14:14">
      <c r="N193576" s="10"/>
    </row>
    <row r="193577" spans="14:14">
      <c r="N193577" s="10"/>
    </row>
    <row r="193578" spans="14:14">
      <c r="N193578" s="10"/>
    </row>
    <row r="193579" spans="14:14">
      <c r="N193579" s="10"/>
    </row>
    <row r="193580" spans="14:14">
      <c r="N193580" s="10"/>
    </row>
    <row r="193581" spans="14:14">
      <c r="N193581" s="10"/>
    </row>
    <row r="193582" spans="14:14">
      <c r="N193582" s="10"/>
    </row>
    <row r="193583" spans="14:14">
      <c r="N193583" s="10"/>
    </row>
    <row r="193584" spans="14:14">
      <c r="N193584" s="10"/>
    </row>
    <row r="193585" spans="14:14">
      <c r="N193585" s="10"/>
    </row>
    <row r="193586" spans="14:14">
      <c r="N193586" s="10"/>
    </row>
    <row r="193587" spans="14:14">
      <c r="N193587" s="10"/>
    </row>
    <row r="193588" spans="14:14">
      <c r="N193588" s="10"/>
    </row>
    <row r="193589" spans="14:14">
      <c r="N193589" s="10"/>
    </row>
    <row r="193590" spans="14:14">
      <c r="N193590" s="10"/>
    </row>
    <row r="193591" spans="14:14">
      <c r="N193591" s="10"/>
    </row>
    <row r="193592" spans="14:14">
      <c r="N193592" s="10"/>
    </row>
    <row r="193593" spans="14:14">
      <c r="N193593" s="10"/>
    </row>
    <row r="193594" spans="14:14">
      <c r="N193594" s="10"/>
    </row>
    <row r="193595" spans="14:14">
      <c r="N193595" s="10"/>
    </row>
    <row r="193596" spans="14:14">
      <c r="N193596" s="10"/>
    </row>
    <row r="193597" spans="14:14">
      <c r="N193597" s="10"/>
    </row>
    <row r="193598" spans="14:14">
      <c r="N193598" s="10"/>
    </row>
    <row r="193599" spans="14:14">
      <c r="N193599" s="10"/>
    </row>
    <row r="193600" spans="14:14">
      <c r="N193600" s="10"/>
    </row>
    <row r="193601" spans="14:14">
      <c r="N193601" s="10"/>
    </row>
    <row r="193602" spans="14:14">
      <c r="N193602" s="10"/>
    </row>
    <row r="193603" spans="14:14">
      <c r="N193603" s="10"/>
    </row>
    <row r="193604" spans="14:14">
      <c r="N193604" s="10"/>
    </row>
    <row r="193605" spans="14:14">
      <c r="N193605" s="10"/>
    </row>
    <row r="193606" spans="14:14">
      <c r="N193606" s="10"/>
    </row>
    <row r="193607" spans="14:14">
      <c r="N193607" s="10"/>
    </row>
    <row r="193608" spans="14:14">
      <c r="N193608" s="10"/>
    </row>
    <row r="193609" spans="14:14">
      <c r="N193609" s="10"/>
    </row>
    <row r="193610" spans="14:14">
      <c r="N193610" s="10"/>
    </row>
    <row r="193611" spans="14:14">
      <c r="N193611" s="10"/>
    </row>
    <row r="193612" spans="14:14">
      <c r="N193612" s="10"/>
    </row>
    <row r="193613" spans="14:14">
      <c r="N193613" s="10"/>
    </row>
    <row r="193614" spans="14:14">
      <c r="N193614" s="10"/>
    </row>
    <row r="193615" spans="14:14">
      <c r="N193615" s="10"/>
    </row>
    <row r="193616" spans="14:14">
      <c r="N193616" s="10"/>
    </row>
    <row r="193617" spans="14:14">
      <c r="N193617" s="10"/>
    </row>
    <row r="193618" spans="14:14">
      <c r="N193618" s="10"/>
    </row>
    <row r="193619" spans="14:14">
      <c r="N193619" s="10"/>
    </row>
    <row r="193620" spans="14:14">
      <c r="N193620" s="10"/>
    </row>
    <row r="193621" spans="14:14">
      <c r="N193621" s="10"/>
    </row>
    <row r="193622" spans="14:14">
      <c r="N193622" s="10"/>
    </row>
    <row r="193623" spans="14:14">
      <c r="N193623" s="10"/>
    </row>
    <row r="193624" spans="14:14">
      <c r="N193624" s="10"/>
    </row>
    <row r="193625" spans="14:14">
      <c r="N193625" s="10"/>
    </row>
    <row r="193626" spans="14:14">
      <c r="N193626" s="10"/>
    </row>
    <row r="193627" spans="14:14">
      <c r="N193627" s="10"/>
    </row>
    <row r="193628" spans="14:14">
      <c r="N193628" s="10"/>
    </row>
    <row r="193629" spans="14:14">
      <c r="N193629" s="10"/>
    </row>
    <row r="193630" spans="14:14">
      <c r="N193630" s="10"/>
    </row>
    <row r="193631" spans="14:14">
      <c r="N193631" s="10"/>
    </row>
    <row r="193632" spans="14:14">
      <c r="N193632" s="10"/>
    </row>
    <row r="193633" spans="14:14">
      <c r="N193633" s="10"/>
    </row>
    <row r="193634" spans="14:14">
      <c r="N193634" s="10"/>
    </row>
    <row r="193635" spans="14:14">
      <c r="N193635" s="10"/>
    </row>
    <row r="193636" spans="14:14">
      <c r="N193636" s="10"/>
    </row>
    <row r="193637" spans="14:14">
      <c r="N193637" s="10"/>
    </row>
    <row r="193638" spans="14:14">
      <c r="N193638" s="10"/>
    </row>
    <row r="193639" spans="14:14">
      <c r="N193639" s="10"/>
    </row>
    <row r="193640" spans="14:14">
      <c r="N193640" s="10"/>
    </row>
    <row r="193641" spans="14:14">
      <c r="N193641" s="10"/>
    </row>
    <row r="193642" spans="14:14">
      <c r="N193642" s="10"/>
    </row>
    <row r="193643" spans="14:14">
      <c r="N193643" s="10"/>
    </row>
    <row r="193644" spans="14:14">
      <c r="N193644" s="10"/>
    </row>
    <row r="193645" spans="14:14">
      <c r="N193645" s="10"/>
    </row>
    <row r="193646" spans="14:14">
      <c r="N193646" s="10"/>
    </row>
    <row r="193647" spans="14:14">
      <c r="N193647" s="10"/>
    </row>
    <row r="193648" spans="14:14">
      <c r="N193648" s="10"/>
    </row>
    <row r="193649" spans="14:14">
      <c r="N193649" s="10"/>
    </row>
    <row r="193650" spans="14:14">
      <c r="N193650" s="10"/>
    </row>
    <row r="193651" spans="14:14">
      <c r="N193651" s="10"/>
    </row>
    <row r="193652" spans="14:14">
      <c r="N193652" s="10"/>
    </row>
    <row r="193653" spans="14:14">
      <c r="N193653" s="10"/>
    </row>
    <row r="193654" spans="14:14">
      <c r="N193654" s="10"/>
    </row>
    <row r="193655" spans="14:14">
      <c r="N193655" s="10"/>
    </row>
    <row r="193656" spans="14:14">
      <c r="N193656" s="10"/>
    </row>
    <row r="193657" spans="14:14">
      <c r="N193657" s="10"/>
    </row>
    <row r="193658" spans="14:14">
      <c r="N193658" s="10"/>
    </row>
    <row r="193659" spans="14:14">
      <c r="N193659" s="10"/>
    </row>
    <row r="193660" spans="14:14">
      <c r="N193660" s="10"/>
    </row>
    <row r="193661" spans="14:14">
      <c r="N193661" s="10"/>
    </row>
    <row r="193662" spans="14:14">
      <c r="N193662" s="10"/>
    </row>
    <row r="193663" spans="14:14">
      <c r="N193663" s="10"/>
    </row>
    <row r="193664" spans="14:14">
      <c r="N193664" s="10"/>
    </row>
    <row r="193665" spans="14:14">
      <c r="N193665" s="10"/>
    </row>
    <row r="193666" spans="14:14">
      <c r="N193666" s="10"/>
    </row>
    <row r="193667" spans="14:14">
      <c r="N193667" s="10"/>
    </row>
    <row r="193668" spans="14:14">
      <c r="N193668" s="10"/>
    </row>
    <row r="193669" spans="14:14">
      <c r="N193669" s="10"/>
    </row>
    <row r="193670" spans="14:14">
      <c r="N193670" s="10"/>
    </row>
    <row r="193671" spans="14:14">
      <c r="N193671" s="10"/>
    </row>
    <row r="193672" spans="14:14">
      <c r="N193672" s="10"/>
    </row>
    <row r="193673" spans="14:14">
      <c r="N193673" s="10"/>
    </row>
    <row r="193674" spans="14:14">
      <c r="N193674" s="10"/>
    </row>
    <row r="193675" spans="14:14">
      <c r="N193675" s="10"/>
    </row>
    <row r="193676" spans="14:14">
      <c r="N193676" s="10"/>
    </row>
    <row r="193677" spans="14:14">
      <c r="N193677" s="10"/>
    </row>
    <row r="193678" spans="14:14">
      <c r="N193678" s="10"/>
    </row>
    <row r="193679" spans="14:14">
      <c r="N193679" s="10"/>
    </row>
    <row r="193680" spans="14:14">
      <c r="N193680" s="10"/>
    </row>
    <row r="193681" spans="14:14">
      <c r="N193681" s="10"/>
    </row>
    <row r="193682" spans="14:14">
      <c r="N193682" s="10"/>
    </row>
    <row r="193683" spans="14:14">
      <c r="N193683" s="10"/>
    </row>
    <row r="193684" spans="14:14">
      <c r="N193684" s="10"/>
    </row>
    <row r="193685" spans="14:14">
      <c r="N193685" s="10"/>
    </row>
    <row r="193686" spans="14:14">
      <c r="N193686" s="10"/>
    </row>
    <row r="193687" spans="14:14">
      <c r="N193687" s="10"/>
    </row>
    <row r="193688" spans="14:14">
      <c r="N193688" s="10"/>
    </row>
    <row r="193689" spans="14:14">
      <c r="N193689" s="10"/>
    </row>
    <row r="193690" spans="14:14">
      <c r="N193690" s="10"/>
    </row>
    <row r="193691" spans="14:14">
      <c r="N193691" s="10"/>
    </row>
    <row r="193692" spans="14:14">
      <c r="N193692" s="10"/>
    </row>
    <row r="193693" spans="14:14">
      <c r="N193693" s="10"/>
    </row>
    <row r="193694" spans="14:14">
      <c r="N193694" s="10"/>
    </row>
    <row r="193695" spans="14:14">
      <c r="N193695" s="10"/>
    </row>
    <row r="193696" spans="14:14">
      <c r="N193696" s="10"/>
    </row>
    <row r="193697" spans="14:14">
      <c r="N193697" s="10"/>
    </row>
    <row r="193698" spans="14:14">
      <c r="N193698" s="10"/>
    </row>
    <row r="193699" spans="14:14">
      <c r="N193699" s="10"/>
    </row>
    <row r="193700" spans="14:14">
      <c r="N193700" s="10"/>
    </row>
    <row r="193701" spans="14:14">
      <c r="N193701" s="10"/>
    </row>
    <row r="193702" spans="14:14">
      <c r="N193702" s="10"/>
    </row>
    <row r="193703" spans="14:14">
      <c r="N193703" s="10"/>
    </row>
    <row r="193704" spans="14:14">
      <c r="N193704" s="10"/>
    </row>
    <row r="193705" spans="14:14">
      <c r="N193705" s="10"/>
    </row>
    <row r="193706" spans="14:14">
      <c r="N193706" s="10"/>
    </row>
    <row r="193707" spans="14:14">
      <c r="N193707" s="10"/>
    </row>
    <row r="193708" spans="14:14">
      <c r="N193708" s="10"/>
    </row>
    <row r="193709" spans="14:14">
      <c r="N193709" s="10"/>
    </row>
    <row r="193710" spans="14:14">
      <c r="N193710" s="10"/>
    </row>
    <row r="193711" spans="14:14">
      <c r="N193711" s="10"/>
    </row>
    <row r="193712" spans="14:14">
      <c r="N193712" s="10"/>
    </row>
    <row r="193713" spans="14:14">
      <c r="N193713" s="10"/>
    </row>
    <row r="193714" spans="14:14">
      <c r="N193714" s="10"/>
    </row>
    <row r="193715" spans="14:14">
      <c r="N193715" s="10"/>
    </row>
    <row r="193716" spans="14:14">
      <c r="N193716" s="10"/>
    </row>
    <row r="193717" spans="14:14">
      <c r="N193717" s="10"/>
    </row>
    <row r="193718" spans="14:14">
      <c r="N193718" s="10"/>
    </row>
    <row r="193719" spans="14:14">
      <c r="N193719" s="10"/>
    </row>
    <row r="193720" spans="14:14">
      <c r="N193720" s="10"/>
    </row>
    <row r="193721" spans="14:14">
      <c r="N193721" s="10"/>
    </row>
    <row r="193722" spans="14:14">
      <c r="N193722" s="10"/>
    </row>
    <row r="193723" spans="14:14">
      <c r="N193723" s="10"/>
    </row>
    <row r="193724" spans="14:14">
      <c r="N193724" s="10"/>
    </row>
    <row r="193725" spans="14:14">
      <c r="N193725" s="10"/>
    </row>
    <row r="193726" spans="14:14">
      <c r="N193726" s="10"/>
    </row>
    <row r="193727" spans="14:14">
      <c r="N193727" s="10"/>
    </row>
    <row r="193728" spans="14:14">
      <c r="N193728" s="10"/>
    </row>
    <row r="193729" spans="14:14">
      <c r="N193729" s="10"/>
    </row>
    <row r="193730" spans="14:14">
      <c r="N193730" s="10"/>
    </row>
    <row r="193731" spans="14:14">
      <c r="N193731" s="10"/>
    </row>
    <row r="193732" spans="14:14">
      <c r="N193732" s="10"/>
    </row>
    <row r="193733" spans="14:14">
      <c r="N193733" s="10"/>
    </row>
    <row r="193734" spans="14:14">
      <c r="N193734" s="10"/>
    </row>
    <row r="193735" spans="14:14">
      <c r="N193735" s="10"/>
    </row>
    <row r="193736" spans="14:14">
      <c r="N193736" s="10"/>
    </row>
    <row r="193737" spans="14:14">
      <c r="N193737" s="10"/>
    </row>
    <row r="193738" spans="14:14">
      <c r="N193738" s="10"/>
    </row>
    <row r="193739" spans="14:14">
      <c r="N193739" s="10"/>
    </row>
    <row r="193740" spans="14:14">
      <c r="N193740" s="10"/>
    </row>
    <row r="193741" spans="14:14">
      <c r="N193741" s="10"/>
    </row>
    <row r="193742" spans="14:14">
      <c r="N193742" s="10"/>
    </row>
    <row r="193743" spans="14:14">
      <c r="N193743" s="10"/>
    </row>
    <row r="193744" spans="14:14">
      <c r="N193744" s="10"/>
    </row>
    <row r="193745" spans="14:14">
      <c r="N193745" s="10"/>
    </row>
    <row r="193746" spans="14:14">
      <c r="N193746" s="10"/>
    </row>
    <row r="193747" spans="14:14">
      <c r="N193747" s="10"/>
    </row>
    <row r="193748" spans="14:14">
      <c r="N193748" s="10"/>
    </row>
    <row r="193749" spans="14:14">
      <c r="N193749" s="10"/>
    </row>
    <row r="193750" spans="14:14">
      <c r="N193750" s="10"/>
    </row>
    <row r="193751" spans="14:14">
      <c r="N193751" s="10"/>
    </row>
    <row r="193752" spans="14:14">
      <c r="N193752" s="10"/>
    </row>
    <row r="193753" spans="14:14">
      <c r="N193753" s="10"/>
    </row>
    <row r="193754" spans="14:14">
      <c r="N193754" s="10"/>
    </row>
    <row r="193755" spans="14:14">
      <c r="N193755" s="10"/>
    </row>
    <row r="193756" spans="14:14">
      <c r="N193756" s="10"/>
    </row>
    <row r="193757" spans="14:14">
      <c r="N193757" s="10"/>
    </row>
    <row r="193758" spans="14:14">
      <c r="N193758" s="10"/>
    </row>
    <row r="193759" spans="14:14">
      <c r="N193759" s="10"/>
    </row>
    <row r="193760" spans="14:14">
      <c r="N193760" s="10"/>
    </row>
    <row r="193761" spans="14:14">
      <c r="N193761" s="10"/>
    </row>
    <row r="193762" spans="14:14">
      <c r="N193762" s="10"/>
    </row>
    <row r="193763" spans="14:14">
      <c r="N193763" s="10"/>
    </row>
    <row r="193764" spans="14:14">
      <c r="N193764" s="10"/>
    </row>
    <row r="193765" spans="14:14">
      <c r="N193765" s="10"/>
    </row>
    <row r="193766" spans="14:14">
      <c r="N193766" s="10"/>
    </row>
    <row r="193767" spans="14:14">
      <c r="N193767" s="10"/>
    </row>
    <row r="193768" spans="14:14">
      <c r="N193768" s="10"/>
    </row>
    <row r="193769" spans="14:14">
      <c r="N193769" s="10"/>
    </row>
    <row r="193770" spans="14:14">
      <c r="N193770" s="10"/>
    </row>
    <row r="193771" spans="14:14">
      <c r="N193771" s="10"/>
    </row>
    <row r="193772" spans="14:14">
      <c r="N193772" s="10"/>
    </row>
    <row r="193773" spans="14:14">
      <c r="N193773" s="10"/>
    </row>
    <row r="193774" spans="14:14">
      <c r="N193774" s="10"/>
    </row>
    <row r="193775" spans="14:14">
      <c r="N193775" s="10"/>
    </row>
    <row r="193776" spans="14:14">
      <c r="N193776" s="10"/>
    </row>
    <row r="193777" spans="14:14">
      <c r="N193777" s="10"/>
    </row>
    <row r="193778" spans="14:14">
      <c r="N193778" s="10"/>
    </row>
    <row r="193779" spans="14:14">
      <c r="N193779" s="10"/>
    </row>
    <row r="193780" spans="14:14">
      <c r="N193780" s="10"/>
    </row>
    <row r="193781" spans="14:14">
      <c r="N193781" s="10"/>
    </row>
    <row r="193782" spans="14:14">
      <c r="N193782" s="10"/>
    </row>
    <row r="193783" spans="14:14">
      <c r="N193783" s="10"/>
    </row>
    <row r="193784" spans="14:14">
      <c r="N193784" s="10"/>
    </row>
    <row r="193785" spans="14:14">
      <c r="N193785" s="10"/>
    </row>
    <row r="193786" spans="14:14">
      <c r="N193786" s="10"/>
    </row>
    <row r="193787" spans="14:14">
      <c r="N193787" s="10"/>
    </row>
    <row r="193788" spans="14:14">
      <c r="N193788" s="10"/>
    </row>
    <row r="193789" spans="14:14">
      <c r="N193789" s="10"/>
    </row>
    <row r="193790" spans="14:14">
      <c r="N193790" s="10"/>
    </row>
    <row r="193791" spans="14:14">
      <c r="N193791" s="10"/>
    </row>
    <row r="193792" spans="14:14">
      <c r="N193792" s="10"/>
    </row>
    <row r="193793" spans="14:14">
      <c r="N193793" s="10"/>
    </row>
    <row r="193794" spans="14:14">
      <c r="N193794" s="10"/>
    </row>
    <row r="193795" spans="14:14">
      <c r="N193795" s="10"/>
    </row>
    <row r="193796" spans="14:14">
      <c r="N193796" s="10"/>
    </row>
    <row r="193797" spans="14:14">
      <c r="N193797" s="10"/>
    </row>
    <row r="193798" spans="14:14">
      <c r="N193798" s="10"/>
    </row>
    <row r="193799" spans="14:14">
      <c r="N193799" s="10"/>
    </row>
    <row r="193800" spans="14:14">
      <c r="N193800" s="10"/>
    </row>
    <row r="193801" spans="14:14">
      <c r="N193801" s="10"/>
    </row>
    <row r="193802" spans="14:14">
      <c r="N193802" s="10"/>
    </row>
    <row r="193803" spans="14:14">
      <c r="N193803" s="10"/>
    </row>
    <row r="193804" spans="14:14">
      <c r="N193804" s="10"/>
    </row>
    <row r="193805" spans="14:14">
      <c r="N193805" s="10"/>
    </row>
    <row r="193806" spans="14:14">
      <c r="N193806" s="10"/>
    </row>
    <row r="193807" spans="14:14">
      <c r="N193807" s="10"/>
    </row>
    <row r="193808" spans="14:14">
      <c r="N193808" s="10"/>
    </row>
    <row r="193809" spans="14:14">
      <c r="N193809" s="10"/>
    </row>
    <row r="193810" spans="14:14">
      <c r="N193810" s="10"/>
    </row>
    <row r="193811" spans="14:14">
      <c r="N193811" s="10"/>
    </row>
    <row r="193812" spans="14:14">
      <c r="N193812" s="10"/>
    </row>
    <row r="193813" spans="14:14">
      <c r="N193813" s="10"/>
    </row>
    <row r="193814" spans="14:14">
      <c r="N193814" s="10"/>
    </row>
    <row r="193815" spans="14:14">
      <c r="N193815" s="10"/>
    </row>
    <row r="193816" spans="14:14">
      <c r="N193816" s="10"/>
    </row>
    <row r="193817" spans="14:14">
      <c r="N193817" s="10"/>
    </row>
    <row r="193818" spans="14:14">
      <c r="N193818" s="10"/>
    </row>
    <row r="193819" spans="14:14">
      <c r="N193819" s="10"/>
    </row>
    <row r="193820" spans="14:14">
      <c r="N193820" s="10"/>
    </row>
    <row r="193821" spans="14:14">
      <c r="N193821" s="10"/>
    </row>
    <row r="193822" spans="14:14">
      <c r="N193822" s="10"/>
    </row>
    <row r="193823" spans="14:14">
      <c r="N193823" s="10"/>
    </row>
    <row r="193824" spans="14:14">
      <c r="N193824" s="10"/>
    </row>
    <row r="193825" spans="14:14">
      <c r="N193825" s="10"/>
    </row>
    <row r="193826" spans="14:14">
      <c r="N193826" s="10"/>
    </row>
    <row r="193827" spans="14:14">
      <c r="N193827" s="10"/>
    </row>
    <row r="193828" spans="14:14">
      <c r="N193828" s="10"/>
    </row>
    <row r="193829" spans="14:14">
      <c r="N193829" s="10"/>
    </row>
    <row r="193830" spans="14:14">
      <c r="N193830" s="10"/>
    </row>
    <row r="193831" spans="14:14">
      <c r="N193831" s="10"/>
    </row>
    <row r="193832" spans="14:14">
      <c r="N193832" s="10"/>
    </row>
    <row r="193833" spans="14:14">
      <c r="N193833" s="10"/>
    </row>
    <row r="193834" spans="14:14">
      <c r="N193834" s="10"/>
    </row>
    <row r="193835" spans="14:14">
      <c r="N193835" s="10"/>
    </row>
    <row r="193836" spans="14:14">
      <c r="N193836" s="10"/>
    </row>
    <row r="193837" spans="14:14">
      <c r="N193837" s="10"/>
    </row>
    <row r="193838" spans="14:14">
      <c r="N193838" s="10"/>
    </row>
    <row r="193839" spans="14:14">
      <c r="N193839" s="10"/>
    </row>
    <row r="193840" spans="14:14">
      <c r="N193840" s="10"/>
    </row>
    <row r="193841" spans="14:14">
      <c r="N193841" s="10"/>
    </row>
    <row r="193842" spans="14:14">
      <c r="N193842" s="10"/>
    </row>
    <row r="193843" spans="14:14">
      <c r="N193843" s="10"/>
    </row>
    <row r="193844" spans="14:14">
      <c r="N193844" s="10"/>
    </row>
    <row r="193845" spans="14:14">
      <c r="N193845" s="10"/>
    </row>
    <row r="193846" spans="14:14">
      <c r="N193846" s="10"/>
    </row>
    <row r="193847" spans="14:14">
      <c r="N193847" s="10"/>
    </row>
    <row r="193848" spans="14:14">
      <c r="N193848" s="10"/>
    </row>
    <row r="193849" spans="14:14">
      <c r="N193849" s="10"/>
    </row>
    <row r="193850" spans="14:14">
      <c r="N193850" s="10"/>
    </row>
    <row r="193851" spans="14:14">
      <c r="N193851" s="10"/>
    </row>
    <row r="193852" spans="14:14">
      <c r="N193852" s="10"/>
    </row>
    <row r="193853" spans="14:14">
      <c r="N193853" s="10"/>
    </row>
    <row r="193854" spans="14:14">
      <c r="N193854" s="10"/>
    </row>
    <row r="193855" spans="14:14">
      <c r="N193855" s="10"/>
    </row>
    <row r="193856" spans="14:14">
      <c r="N193856" s="10"/>
    </row>
    <row r="193857" spans="14:14">
      <c r="N193857" s="10"/>
    </row>
    <row r="193858" spans="14:14">
      <c r="N193858" s="10"/>
    </row>
    <row r="193859" spans="14:14">
      <c r="N193859" s="10"/>
    </row>
    <row r="193860" spans="14:14">
      <c r="N193860" s="10"/>
    </row>
    <row r="193861" spans="14:14">
      <c r="N193861" s="10"/>
    </row>
    <row r="193862" spans="14:14">
      <c r="N193862" s="10"/>
    </row>
    <row r="193863" spans="14:14">
      <c r="N193863" s="10"/>
    </row>
    <row r="193864" spans="14:14">
      <c r="N193864" s="10"/>
    </row>
    <row r="193865" spans="14:14">
      <c r="N193865" s="10"/>
    </row>
    <row r="193866" spans="14:14">
      <c r="N193866" s="10"/>
    </row>
    <row r="193867" spans="14:14">
      <c r="N193867" s="10"/>
    </row>
    <row r="193868" spans="14:14">
      <c r="N193868" s="10"/>
    </row>
    <row r="193869" spans="14:14">
      <c r="N193869" s="10"/>
    </row>
    <row r="193870" spans="14:14">
      <c r="N193870" s="10"/>
    </row>
    <row r="193871" spans="14:14">
      <c r="N193871" s="10"/>
    </row>
    <row r="193872" spans="14:14">
      <c r="N193872" s="10"/>
    </row>
    <row r="193873" spans="14:14">
      <c r="N193873" s="10"/>
    </row>
    <row r="193874" spans="14:14">
      <c r="N193874" s="10"/>
    </row>
    <row r="193875" spans="14:14">
      <c r="N193875" s="10"/>
    </row>
    <row r="193876" spans="14:14">
      <c r="N193876" s="10"/>
    </row>
    <row r="193877" spans="14:14">
      <c r="N193877" s="10"/>
    </row>
    <row r="193878" spans="14:14">
      <c r="N193878" s="10"/>
    </row>
    <row r="193879" spans="14:14">
      <c r="N193879" s="10"/>
    </row>
    <row r="193880" spans="14:14">
      <c r="N193880" s="10"/>
    </row>
    <row r="193881" spans="14:14">
      <c r="N193881" s="10"/>
    </row>
    <row r="193882" spans="14:14">
      <c r="N193882" s="10"/>
    </row>
    <row r="193883" spans="14:14">
      <c r="N193883" s="10"/>
    </row>
    <row r="193884" spans="14:14">
      <c r="N193884" s="10"/>
    </row>
    <row r="193885" spans="14:14">
      <c r="N193885" s="10"/>
    </row>
    <row r="193886" spans="14:14">
      <c r="N193886" s="10"/>
    </row>
    <row r="193887" spans="14:14">
      <c r="N193887" s="10"/>
    </row>
    <row r="193888" spans="14:14">
      <c r="N193888" s="10"/>
    </row>
    <row r="193889" spans="14:14">
      <c r="N193889" s="10"/>
    </row>
    <row r="193890" spans="14:14">
      <c r="N193890" s="10"/>
    </row>
    <row r="193891" spans="14:14">
      <c r="N193891" s="10"/>
    </row>
    <row r="193892" spans="14:14">
      <c r="N193892" s="10"/>
    </row>
    <row r="193893" spans="14:14">
      <c r="N193893" s="10"/>
    </row>
    <row r="193894" spans="14:14">
      <c r="N193894" s="10"/>
    </row>
    <row r="193895" spans="14:14">
      <c r="N193895" s="10"/>
    </row>
    <row r="193896" spans="14:14">
      <c r="N193896" s="10"/>
    </row>
    <row r="193897" spans="14:14">
      <c r="N193897" s="10"/>
    </row>
    <row r="193898" spans="14:14">
      <c r="N193898" s="10"/>
    </row>
    <row r="193899" spans="14:14">
      <c r="N193899" s="10"/>
    </row>
    <row r="193900" spans="14:14">
      <c r="N193900" s="10"/>
    </row>
    <row r="193901" spans="14:14">
      <c r="N193901" s="10"/>
    </row>
    <row r="193902" spans="14:14">
      <c r="N193902" s="10"/>
    </row>
    <row r="193903" spans="14:14">
      <c r="N193903" s="10"/>
    </row>
    <row r="193904" spans="14:14">
      <c r="N193904" s="10"/>
    </row>
    <row r="193905" spans="14:14">
      <c r="N193905" s="10"/>
    </row>
    <row r="193906" spans="14:14">
      <c r="N193906" s="10"/>
    </row>
    <row r="193907" spans="14:14">
      <c r="N193907" s="10"/>
    </row>
    <row r="193908" spans="14:14">
      <c r="N193908" s="10"/>
    </row>
    <row r="193909" spans="14:14">
      <c r="N193909" s="10"/>
    </row>
    <row r="193910" spans="14:14">
      <c r="N193910" s="10"/>
    </row>
    <row r="193911" spans="14:14">
      <c r="N193911" s="10"/>
    </row>
    <row r="193912" spans="14:14">
      <c r="N193912" s="10"/>
    </row>
    <row r="193913" spans="14:14">
      <c r="N193913" s="10"/>
    </row>
    <row r="193914" spans="14:14">
      <c r="N193914" s="10"/>
    </row>
    <row r="193915" spans="14:14">
      <c r="N193915" s="10"/>
    </row>
    <row r="193916" spans="14:14">
      <c r="N193916" s="10"/>
    </row>
    <row r="193917" spans="14:14">
      <c r="N193917" s="10"/>
    </row>
    <row r="193918" spans="14:14">
      <c r="N193918" s="10"/>
    </row>
    <row r="193919" spans="14:14">
      <c r="N193919" s="10"/>
    </row>
    <row r="193920" spans="14:14">
      <c r="N193920" s="10"/>
    </row>
    <row r="193921" spans="14:14">
      <c r="N193921" s="10"/>
    </row>
    <row r="193922" spans="14:14">
      <c r="N193922" s="10"/>
    </row>
    <row r="193923" spans="14:14">
      <c r="N193923" s="10"/>
    </row>
    <row r="193924" spans="14:14">
      <c r="N193924" s="10"/>
    </row>
    <row r="193925" spans="14:14">
      <c r="N193925" s="10"/>
    </row>
    <row r="193926" spans="14:14">
      <c r="N193926" s="10"/>
    </row>
    <row r="193927" spans="14:14">
      <c r="N193927" s="10"/>
    </row>
    <row r="193928" spans="14:14">
      <c r="N193928" s="10"/>
    </row>
    <row r="193929" spans="14:14">
      <c r="N193929" s="10"/>
    </row>
    <row r="193930" spans="14:14">
      <c r="N193930" s="10"/>
    </row>
    <row r="193931" spans="14:14">
      <c r="N193931" s="10"/>
    </row>
    <row r="193932" spans="14:14">
      <c r="N193932" s="10"/>
    </row>
    <row r="193933" spans="14:14">
      <c r="N193933" s="10"/>
    </row>
    <row r="193934" spans="14:14">
      <c r="N193934" s="10"/>
    </row>
    <row r="193935" spans="14:14">
      <c r="N193935" s="10"/>
    </row>
    <row r="193936" spans="14:14">
      <c r="N193936" s="10"/>
    </row>
    <row r="193937" spans="14:14">
      <c r="N193937" s="10"/>
    </row>
    <row r="193938" spans="14:14">
      <c r="N193938" s="10"/>
    </row>
    <row r="193939" spans="14:14">
      <c r="N193939" s="10"/>
    </row>
    <row r="193940" spans="14:14">
      <c r="N193940" s="10"/>
    </row>
    <row r="193941" spans="14:14">
      <c r="N193941" s="10"/>
    </row>
    <row r="193942" spans="14:14">
      <c r="N193942" s="10"/>
    </row>
    <row r="193943" spans="14:14">
      <c r="N193943" s="10"/>
    </row>
    <row r="193944" spans="14:14">
      <c r="N193944" s="10"/>
    </row>
    <row r="193945" spans="14:14">
      <c r="N193945" s="10"/>
    </row>
    <row r="193946" spans="14:14">
      <c r="N193946" s="10"/>
    </row>
    <row r="193947" spans="14:14">
      <c r="N193947" s="10"/>
    </row>
    <row r="193948" spans="14:14">
      <c r="N193948" s="10"/>
    </row>
    <row r="193949" spans="14:14">
      <c r="N193949" s="10"/>
    </row>
    <row r="193950" spans="14:14">
      <c r="N193950" s="10"/>
    </row>
    <row r="193951" spans="14:14">
      <c r="N193951" s="10"/>
    </row>
    <row r="193952" spans="14:14">
      <c r="N193952" s="10"/>
    </row>
    <row r="193953" spans="14:14">
      <c r="N193953" s="10"/>
    </row>
    <row r="193954" spans="14:14">
      <c r="N193954" s="10"/>
    </row>
    <row r="193955" spans="14:14">
      <c r="N193955" s="10"/>
    </row>
    <row r="193956" spans="14:14">
      <c r="N193956" s="10"/>
    </row>
    <row r="193957" spans="14:14">
      <c r="N193957" s="10"/>
    </row>
    <row r="193958" spans="14:14">
      <c r="N193958" s="10"/>
    </row>
    <row r="193959" spans="14:14">
      <c r="N193959" s="10"/>
    </row>
    <row r="193960" spans="14:14">
      <c r="N193960" s="10"/>
    </row>
    <row r="193961" spans="14:14">
      <c r="N193961" s="10"/>
    </row>
    <row r="193962" spans="14:14">
      <c r="N193962" s="10"/>
    </row>
    <row r="193963" spans="14:14">
      <c r="N193963" s="10"/>
    </row>
    <row r="193964" spans="14:14">
      <c r="N193964" s="10"/>
    </row>
    <row r="193965" spans="14:14">
      <c r="N193965" s="10"/>
    </row>
    <row r="193966" spans="14:14">
      <c r="N193966" s="10"/>
    </row>
    <row r="193967" spans="14:14">
      <c r="N193967" s="10"/>
    </row>
    <row r="193968" spans="14:14">
      <c r="N193968" s="10"/>
    </row>
    <row r="193969" spans="14:14">
      <c r="N193969" s="10"/>
    </row>
    <row r="193970" spans="14:14">
      <c r="N193970" s="10"/>
    </row>
    <row r="193971" spans="14:14">
      <c r="N193971" s="10"/>
    </row>
    <row r="193972" spans="14:14">
      <c r="N193972" s="10"/>
    </row>
    <row r="193973" spans="14:14">
      <c r="N193973" s="10"/>
    </row>
    <row r="193974" spans="14:14">
      <c r="N193974" s="10"/>
    </row>
    <row r="193975" spans="14:14">
      <c r="N193975" s="10"/>
    </row>
    <row r="193976" spans="14:14">
      <c r="N193976" s="10"/>
    </row>
    <row r="193977" spans="14:14">
      <c r="N193977" s="10"/>
    </row>
    <row r="193978" spans="14:14">
      <c r="N193978" s="10"/>
    </row>
    <row r="193979" spans="14:14">
      <c r="N193979" s="10"/>
    </row>
    <row r="193980" spans="14:14">
      <c r="N193980" s="10"/>
    </row>
    <row r="193981" spans="14:14">
      <c r="N193981" s="10"/>
    </row>
    <row r="193982" spans="14:14">
      <c r="N193982" s="10"/>
    </row>
    <row r="193983" spans="14:14">
      <c r="N193983" s="10"/>
    </row>
    <row r="193984" spans="14:14">
      <c r="N193984" s="10"/>
    </row>
    <row r="193985" spans="14:14">
      <c r="N193985" s="10"/>
    </row>
    <row r="193986" spans="14:14">
      <c r="N193986" s="10"/>
    </row>
    <row r="193987" spans="14:14">
      <c r="N193987" s="10"/>
    </row>
    <row r="193988" spans="14:14">
      <c r="N193988" s="10"/>
    </row>
    <row r="193989" spans="14:14">
      <c r="N193989" s="10"/>
    </row>
    <row r="193990" spans="14:14">
      <c r="N193990" s="10"/>
    </row>
    <row r="193991" spans="14:14">
      <c r="N193991" s="10"/>
    </row>
    <row r="193992" spans="14:14">
      <c r="N193992" s="10"/>
    </row>
    <row r="193993" spans="14:14">
      <c r="N193993" s="10"/>
    </row>
    <row r="193994" spans="14:14">
      <c r="N193994" s="10"/>
    </row>
    <row r="193995" spans="14:14">
      <c r="N193995" s="10"/>
    </row>
    <row r="193996" spans="14:14">
      <c r="N193996" s="10"/>
    </row>
    <row r="193997" spans="14:14">
      <c r="N193997" s="10"/>
    </row>
    <row r="193998" spans="14:14">
      <c r="N193998" s="10"/>
    </row>
    <row r="193999" spans="14:14">
      <c r="N193999" s="10"/>
    </row>
    <row r="194000" spans="14:14">
      <c r="N194000" s="10"/>
    </row>
    <row r="194001" spans="14:14">
      <c r="N194001" s="10"/>
    </row>
    <row r="194002" spans="14:14">
      <c r="N194002" s="10"/>
    </row>
    <row r="194003" spans="14:14">
      <c r="N194003" s="10"/>
    </row>
    <row r="194004" spans="14:14">
      <c r="N194004" s="10"/>
    </row>
    <row r="194005" spans="14:14">
      <c r="N194005" s="10"/>
    </row>
    <row r="194006" spans="14:14">
      <c r="N194006" s="10"/>
    </row>
    <row r="194007" spans="14:14">
      <c r="N194007" s="10"/>
    </row>
    <row r="194008" spans="14:14">
      <c r="N194008" s="10"/>
    </row>
    <row r="194009" spans="14:14">
      <c r="N194009" s="10"/>
    </row>
    <row r="194010" spans="14:14">
      <c r="N194010" s="10"/>
    </row>
    <row r="194011" spans="14:14">
      <c r="N194011" s="10"/>
    </row>
    <row r="194012" spans="14:14">
      <c r="N194012" s="10"/>
    </row>
    <row r="194013" spans="14:14">
      <c r="N194013" s="10"/>
    </row>
    <row r="194014" spans="14:14">
      <c r="N194014" s="10"/>
    </row>
    <row r="194015" spans="14:14">
      <c r="N194015" s="10"/>
    </row>
    <row r="194016" spans="14:14">
      <c r="N194016" s="10"/>
    </row>
    <row r="194017" spans="14:14">
      <c r="N194017" s="10"/>
    </row>
    <row r="194018" spans="14:14">
      <c r="N194018" s="10"/>
    </row>
    <row r="194019" spans="14:14">
      <c r="N194019" s="10"/>
    </row>
    <row r="194020" spans="14:14">
      <c r="N194020" s="10"/>
    </row>
    <row r="194021" spans="14:14">
      <c r="N194021" s="10"/>
    </row>
    <row r="194022" spans="14:14">
      <c r="N194022" s="10"/>
    </row>
    <row r="194023" spans="14:14">
      <c r="N194023" s="10"/>
    </row>
    <row r="194024" spans="14:14">
      <c r="N194024" s="10"/>
    </row>
    <row r="194025" spans="14:14">
      <c r="N194025" s="10"/>
    </row>
    <row r="194026" spans="14:14">
      <c r="N194026" s="10"/>
    </row>
    <row r="194027" spans="14:14">
      <c r="N194027" s="10"/>
    </row>
    <row r="194028" spans="14:14">
      <c r="N194028" s="10"/>
    </row>
    <row r="194029" spans="14:14">
      <c r="N194029" s="10"/>
    </row>
    <row r="194030" spans="14:14">
      <c r="N194030" s="10"/>
    </row>
    <row r="194031" spans="14:14">
      <c r="N194031" s="10"/>
    </row>
    <row r="194032" spans="14:14">
      <c r="N194032" s="10"/>
    </row>
    <row r="194033" spans="14:14">
      <c r="N194033" s="10"/>
    </row>
    <row r="194034" spans="14:14">
      <c r="N194034" s="10"/>
    </row>
    <row r="194035" spans="14:14">
      <c r="N194035" s="10"/>
    </row>
    <row r="194036" spans="14:14">
      <c r="N194036" s="10"/>
    </row>
    <row r="194037" spans="14:14">
      <c r="N194037" s="10"/>
    </row>
    <row r="194038" spans="14:14">
      <c r="N194038" s="10"/>
    </row>
    <row r="194039" spans="14:14">
      <c r="N194039" s="10"/>
    </row>
    <row r="194040" spans="14:14">
      <c r="N194040" s="10"/>
    </row>
    <row r="194041" spans="14:14">
      <c r="N194041" s="10"/>
    </row>
    <row r="194042" spans="14:14">
      <c r="N194042" s="10"/>
    </row>
    <row r="194043" spans="14:14">
      <c r="N194043" s="10"/>
    </row>
    <row r="194044" spans="14:14">
      <c r="N194044" s="10"/>
    </row>
    <row r="194045" spans="14:14">
      <c r="N194045" s="10"/>
    </row>
    <row r="194046" spans="14:14">
      <c r="N194046" s="10"/>
    </row>
    <row r="194047" spans="14:14">
      <c r="N194047" s="10"/>
    </row>
    <row r="194048" spans="14:14">
      <c r="N194048" s="10"/>
    </row>
    <row r="194049" spans="14:14">
      <c r="N194049" s="10"/>
    </row>
    <row r="194050" spans="14:14">
      <c r="N194050" s="10"/>
    </row>
    <row r="194051" spans="14:14">
      <c r="N194051" s="10"/>
    </row>
    <row r="194052" spans="14:14">
      <c r="N194052" s="10"/>
    </row>
    <row r="194053" spans="14:14">
      <c r="N194053" s="10"/>
    </row>
    <row r="194054" spans="14:14">
      <c r="N194054" s="10"/>
    </row>
    <row r="194055" spans="14:14">
      <c r="N194055" s="10"/>
    </row>
    <row r="194056" spans="14:14">
      <c r="N194056" s="10"/>
    </row>
    <row r="194057" spans="14:14">
      <c r="N194057" s="10"/>
    </row>
    <row r="194058" spans="14:14">
      <c r="N194058" s="10"/>
    </row>
    <row r="194059" spans="14:14">
      <c r="N194059" s="10"/>
    </row>
    <row r="194060" spans="14:14">
      <c r="N194060" s="10"/>
    </row>
    <row r="194061" spans="14:14">
      <c r="N194061" s="10"/>
    </row>
    <row r="194062" spans="14:14">
      <c r="N194062" s="10"/>
    </row>
    <row r="194063" spans="14:14">
      <c r="N194063" s="10"/>
    </row>
    <row r="194064" spans="14:14">
      <c r="N194064" s="10"/>
    </row>
    <row r="194065" spans="14:14">
      <c r="N194065" s="10"/>
    </row>
    <row r="194066" spans="14:14">
      <c r="N194066" s="10"/>
    </row>
    <row r="194067" spans="14:14">
      <c r="N194067" s="10"/>
    </row>
    <row r="194068" spans="14:14">
      <c r="N194068" s="10"/>
    </row>
    <row r="194069" spans="14:14">
      <c r="N194069" s="10"/>
    </row>
    <row r="194070" spans="14:14">
      <c r="N194070" s="10"/>
    </row>
    <row r="194071" spans="14:14">
      <c r="N194071" s="10"/>
    </row>
    <row r="194072" spans="14:14">
      <c r="N194072" s="10"/>
    </row>
    <row r="194073" spans="14:14">
      <c r="N194073" s="10"/>
    </row>
    <row r="194074" spans="14:14">
      <c r="N194074" s="10"/>
    </row>
    <row r="194075" spans="14:14">
      <c r="N194075" s="10"/>
    </row>
    <row r="194076" spans="14:14">
      <c r="N194076" s="10"/>
    </row>
    <row r="194077" spans="14:14">
      <c r="N194077" s="10"/>
    </row>
    <row r="194078" spans="14:14">
      <c r="N194078" s="10"/>
    </row>
    <row r="194079" spans="14:14">
      <c r="N194079" s="10"/>
    </row>
    <row r="194080" spans="14:14">
      <c r="N194080" s="10"/>
    </row>
    <row r="194081" spans="14:14">
      <c r="N194081" s="10"/>
    </row>
    <row r="194082" spans="14:14">
      <c r="N194082" s="10"/>
    </row>
    <row r="194083" spans="14:14">
      <c r="N194083" s="10"/>
    </row>
    <row r="194084" spans="14:14">
      <c r="N194084" s="10"/>
    </row>
    <row r="194085" spans="14:14">
      <c r="N194085" s="10"/>
    </row>
    <row r="194086" spans="14:14">
      <c r="N194086" s="10"/>
    </row>
    <row r="194087" spans="14:14">
      <c r="N194087" s="10"/>
    </row>
    <row r="194088" spans="14:14">
      <c r="N194088" s="10"/>
    </row>
    <row r="194089" spans="14:14">
      <c r="N194089" s="10"/>
    </row>
    <row r="194090" spans="14:14">
      <c r="N194090" s="10"/>
    </row>
    <row r="194091" spans="14:14">
      <c r="N194091" s="10"/>
    </row>
    <row r="194092" spans="14:14">
      <c r="N194092" s="10"/>
    </row>
    <row r="194093" spans="14:14">
      <c r="N194093" s="10"/>
    </row>
    <row r="194094" spans="14:14">
      <c r="N194094" s="10"/>
    </row>
    <row r="194095" spans="14:14">
      <c r="N194095" s="10"/>
    </row>
    <row r="194096" spans="14:14">
      <c r="N194096" s="10"/>
    </row>
    <row r="194097" spans="14:14">
      <c r="N194097" s="10"/>
    </row>
    <row r="194098" spans="14:14">
      <c r="N194098" s="10"/>
    </row>
    <row r="194099" spans="14:14">
      <c r="N194099" s="10"/>
    </row>
    <row r="194100" spans="14:14">
      <c r="N194100" s="10"/>
    </row>
    <row r="194101" spans="14:14">
      <c r="N194101" s="10"/>
    </row>
    <row r="194102" spans="14:14">
      <c r="N194102" s="10"/>
    </row>
    <row r="194103" spans="14:14">
      <c r="N194103" s="10"/>
    </row>
    <row r="194104" spans="14:14">
      <c r="N194104" s="10"/>
    </row>
    <row r="194105" spans="14:14">
      <c r="N194105" s="10"/>
    </row>
    <row r="194106" spans="14:14">
      <c r="N194106" s="10"/>
    </row>
    <row r="194107" spans="14:14">
      <c r="N194107" s="10"/>
    </row>
    <row r="194108" spans="14:14">
      <c r="N194108" s="10"/>
    </row>
    <row r="194109" spans="14:14">
      <c r="N194109" s="10"/>
    </row>
    <row r="194110" spans="14:14">
      <c r="N194110" s="10"/>
    </row>
    <row r="194111" spans="14:14">
      <c r="N194111" s="10"/>
    </row>
    <row r="194112" spans="14:14">
      <c r="N194112" s="10"/>
    </row>
    <row r="194113" spans="14:14">
      <c r="N194113" s="10"/>
    </row>
    <row r="194114" spans="14:14">
      <c r="N194114" s="10"/>
    </row>
    <row r="194115" spans="14:14">
      <c r="N194115" s="10"/>
    </row>
    <row r="194116" spans="14:14">
      <c r="N194116" s="10"/>
    </row>
    <row r="194117" spans="14:14">
      <c r="N194117" s="10"/>
    </row>
    <row r="194118" spans="14:14">
      <c r="N194118" s="10"/>
    </row>
    <row r="194119" spans="14:14">
      <c r="N194119" s="10"/>
    </row>
    <row r="194120" spans="14:14">
      <c r="N194120" s="10"/>
    </row>
    <row r="194121" spans="14:14">
      <c r="N194121" s="10"/>
    </row>
    <row r="194122" spans="14:14">
      <c r="N194122" s="10"/>
    </row>
    <row r="194123" spans="14:14">
      <c r="N194123" s="10"/>
    </row>
    <row r="194124" spans="14:14">
      <c r="N194124" s="10"/>
    </row>
    <row r="194125" spans="14:14">
      <c r="N194125" s="10"/>
    </row>
    <row r="194126" spans="14:14">
      <c r="N194126" s="10"/>
    </row>
    <row r="194127" spans="14:14">
      <c r="N194127" s="10"/>
    </row>
    <row r="194128" spans="14:14">
      <c r="N194128" s="10"/>
    </row>
    <row r="194129" spans="14:14">
      <c r="N194129" s="10"/>
    </row>
    <row r="194130" spans="14:14">
      <c r="N194130" s="10"/>
    </row>
    <row r="194131" spans="14:14">
      <c r="N194131" s="10"/>
    </row>
    <row r="194132" spans="14:14">
      <c r="N194132" s="10"/>
    </row>
    <row r="194133" spans="14:14">
      <c r="N194133" s="10"/>
    </row>
    <row r="194134" spans="14:14">
      <c r="N194134" s="10"/>
    </row>
    <row r="194135" spans="14:14">
      <c r="N194135" s="10"/>
    </row>
    <row r="194136" spans="14:14">
      <c r="N194136" s="10"/>
    </row>
    <row r="194137" spans="14:14">
      <c r="N194137" s="10"/>
    </row>
    <row r="194138" spans="14:14">
      <c r="N194138" s="10"/>
    </row>
    <row r="194139" spans="14:14">
      <c r="N194139" s="10"/>
    </row>
    <row r="194140" spans="14:14">
      <c r="N194140" s="10"/>
    </row>
    <row r="194141" spans="14:14">
      <c r="N194141" s="10"/>
    </row>
    <row r="194142" spans="14:14">
      <c r="N194142" s="10"/>
    </row>
    <row r="194143" spans="14:14">
      <c r="N194143" s="10"/>
    </row>
    <row r="194144" spans="14:14">
      <c r="N194144" s="10"/>
    </row>
    <row r="194145" spans="14:14">
      <c r="N194145" s="10"/>
    </row>
    <row r="194146" spans="14:14">
      <c r="N194146" s="10"/>
    </row>
    <row r="194147" spans="14:14">
      <c r="N194147" s="10"/>
    </row>
    <row r="194148" spans="14:14">
      <c r="N194148" s="10"/>
    </row>
    <row r="194149" spans="14:14">
      <c r="N194149" s="10"/>
    </row>
    <row r="194150" spans="14:14">
      <c r="N194150" s="10"/>
    </row>
    <row r="194151" spans="14:14">
      <c r="N194151" s="10"/>
    </row>
    <row r="194152" spans="14:14">
      <c r="N194152" s="10"/>
    </row>
    <row r="194153" spans="14:14">
      <c r="N194153" s="10"/>
    </row>
    <row r="194154" spans="14:14">
      <c r="N194154" s="10"/>
    </row>
    <row r="194155" spans="14:14">
      <c r="N194155" s="10"/>
    </row>
    <row r="194156" spans="14:14">
      <c r="N194156" s="10"/>
    </row>
    <row r="194157" spans="14:14">
      <c r="N194157" s="10"/>
    </row>
    <row r="194158" spans="14:14">
      <c r="N194158" s="10"/>
    </row>
    <row r="194159" spans="14:14">
      <c r="N194159" s="10"/>
    </row>
    <row r="194160" spans="14:14">
      <c r="N194160" s="10"/>
    </row>
    <row r="194161" spans="14:14">
      <c r="N194161" s="10"/>
    </row>
    <row r="194162" spans="14:14">
      <c r="N194162" s="10"/>
    </row>
    <row r="194163" spans="14:14">
      <c r="N194163" s="10"/>
    </row>
    <row r="194164" spans="14:14">
      <c r="N194164" s="10"/>
    </row>
    <row r="194165" spans="14:14">
      <c r="N194165" s="10"/>
    </row>
    <row r="194166" spans="14:14">
      <c r="N194166" s="10"/>
    </row>
    <row r="194167" spans="14:14">
      <c r="N194167" s="10"/>
    </row>
    <row r="194168" spans="14:14">
      <c r="N194168" s="10"/>
    </row>
    <row r="194169" spans="14:14">
      <c r="N194169" s="10"/>
    </row>
    <row r="194170" spans="14:14">
      <c r="N194170" s="10"/>
    </row>
    <row r="194171" spans="14:14">
      <c r="N194171" s="10"/>
    </row>
    <row r="194172" spans="14:14">
      <c r="N194172" s="10"/>
    </row>
    <row r="194173" spans="14:14">
      <c r="N194173" s="10"/>
    </row>
    <row r="194174" spans="14:14">
      <c r="N194174" s="10"/>
    </row>
    <row r="194175" spans="14:14">
      <c r="N194175" s="10"/>
    </row>
    <row r="194176" spans="14:14">
      <c r="N194176" s="10"/>
    </row>
    <row r="194177" spans="14:14">
      <c r="N194177" s="10"/>
    </row>
    <row r="194178" spans="14:14">
      <c r="N194178" s="10"/>
    </row>
    <row r="194179" spans="14:14">
      <c r="N194179" s="10"/>
    </row>
    <row r="194180" spans="14:14">
      <c r="N194180" s="10"/>
    </row>
    <row r="194181" spans="14:14">
      <c r="N194181" s="10"/>
    </row>
    <row r="194182" spans="14:14">
      <c r="N194182" s="10"/>
    </row>
    <row r="194183" spans="14:14">
      <c r="N194183" s="10"/>
    </row>
    <row r="194184" spans="14:14">
      <c r="N194184" s="10"/>
    </row>
    <row r="194185" spans="14:14">
      <c r="N194185" s="10"/>
    </row>
    <row r="194186" spans="14:14">
      <c r="N194186" s="10"/>
    </row>
    <row r="194187" spans="14:14">
      <c r="N194187" s="10"/>
    </row>
    <row r="194188" spans="14:14">
      <c r="N194188" s="10"/>
    </row>
    <row r="194189" spans="14:14">
      <c r="N194189" s="10"/>
    </row>
    <row r="194190" spans="14:14">
      <c r="N194190" s="10"/>
    </row>
    <row r="194191" spans="14:14">
      <c r="N194191" s="10"/>
    </row>
    <row r="194192" spans="14:14">
      <c r="N194192" s="10"/>
    </row>
    <row r="194193" spans="14:14">
      <c r="N194193" s="10"/>
    </row>
    <row r="194194" spans="14:14">
      <c r="N194194" s="10"/>
    </row>
    <row r="194195" spans="14:14">
      <c r="N194195" s="10"/>
    </row>
    <row r="194196" spans="14:14">
      <c r="N194196" s="10"/>
    </row>
    <row r="194197" spans="14:14">
      <c r="N194197" s="10"/>
    </row>
    <row r="194198" spans="14:14">
      <c r="N194198" s="10"/>
    </row>
    <row r="194199" spans="14:14">
      <c r="N194199" s="10"/>
    </row>
    <row r="194200" spans="14:14">
      <c r="N194200" s="10"/>
    </row>
    <row r="194201" spans="14:14">
      <c r="N194201" s="10"/>
    </row>
    <row r="194202" spans="14:14">
      <c r="N194202" s="10"/>
    </row>
    <row r="194203" spans="14:14">
      <c r="N194203" s="10"/>
    </row>
    <row r="194204" spans="14:14">
      <c r="N194204" s="10"/>
    </row>
    <row r="194205" spans="14:14">
      <c r="N194205" s="10"/>
    </row>
    <row r="194206" spans="14:14">
      <c r="N194206" s="10"/>
    </row>
    <row r="194207" spans="14:14">
      <c r="N194207" s="10"/>
    </row>
    <row r="194208" spans="14:14">
      <c r="N194208" s="10"/>
    </row>
    <row r="194209" spans="14:14">
      <c r="N194209" s="10"/>
    </row>
    <row r="194210" spans="14:14">
      <c r="N194210" s="10"/>
    </row>
    <row r="194211" spans="14:14">
      <c r="N194211" s="10"/>
    </row>
    <row r="194212" spans="14:14">
      <c r="N194212" s="10"/>
    </row>
    <row r="194213" spans="14:14">
      <c r="N194213" s="10"/>
    </row>
    <row r="194214" spans="14:14">
      <c r="N194214" s="10"/>
    </row>
    <row r="194215" spans="14:14">
      <c r="N194215" s="10"/>
    </row>
    <row r="194216" spans="14:14">
      <c r="N194216" s="10"/>
    </row>
    <row r="194217" spans="14:14">
      <c r="N194217" s="10"/>
    </row>
    <row r="194218" spans="14:14">
      <c r="N194218" s="10"/>
    </row>
    <row r="194219" spans="14:14">
      <c r="N194219" s="10"/>
    </row>
    <row r="194220" spans="14:14">
      <c r="N194220" s="10"/>
    </row>
    <row r="194221" spans="14:14">
      <c r="N194221" s="10"/>
    </row>
    <row r="194222" spans="14:14">
      <c r="N194222" s="10"/>
    </row>
    <row r="194223" spans="14:14">
      <c r="N194223" s="10"/>
    </row>
    <row r="194224" spans="14:14">
      <c r="N194224" s="10"/>
    </row>
    <row r="194225" spans="14:14">
      <c r="N194225" s="10"/>
    </row>
    <row r="194226" spans="14:14">
      <c r="N194226" s="10"/>
    </row>
    <row r="194227" spans="14:14">
      <c r="N194227" s="10"/>
    </row>
    <row r="194228" spans="14:14">
      <c r="N194228" s="10"/>
    </row>
    <row r="194229" spans="14:14">
      <c r="N194229" s="10"/>
    </row>
    <row r="194230" spans="14:14">
      <c r="N194230" s="10"/>
    </row>
    <row r="194231" spans="14:14">
      <c r="N194231" s="10"/>
    </row>
    <row r="194232" spans="14:14">
      <c r="N194232" s="10"/>
    </row>
    <row r="194233" spans="14:14">
      <c r="N194233" s="10"/>
    </row>
    <row r="194234" spans="14:14">
      <c r="N194234" s="10"/>
    </row>
    <row r="194235" spans="14:14">
      <c r="N194235" s="10"/>
    </row>
    <row r="194236" spans="14:14">
      <c r="N194236" s="10"/>
    </row>
    <row r="194237" spans="14:14">
      <c r="N194237" s="10"/>
    </row>
    <row r="194238" spans="14:14">
      <c r="N194238" s="10"/>
    </row>
    <row r="194239" spans="14:14">
      <c r="N194239" s="10"/>
    </row>
    <row r="194240" spans="14:14">
      <c r="N194240" s="10"/>
    </row>
    <row r="194241" spans="14:14">
      <c r="N194241" s="10"/>
    </row>
    <row r="194242" spans="14:14">
      <c r="N194242" s="10"/>
    </row>
    <row r="194243" spans="14:14">
      <c r="N194243" s="10"/>
    </row>
    <row r="194244" spans="14:14">
      <c r="N194244" s="10"/>
    </row>
    <row r="194245" spans="14:14">
      <c r="N194245" s="10"/>
    </row>
    <row r="194246" spans="14:14">
      <c r="N194246" s="10"/>
    </row>
    <row r="194247" spans="14:14">
      <c r="N194247" s="10"/>
    </row>
    <row r="194248" spans="14:14">
      <c r="N194248" s="10"/>
    </row>
    <row r="194249" spans="14:14">
      <c r="N194249" s="10"/>
    </row>
    <row r="194250" spans="14:14">
      <c r="N194250" s="10"/>
    </row>
    <row r="194251" spans="14:14">
      <c r="N194251" s="10"/>
    </row>
    <row r="194252" spans="14:14">
      <c r="N194252" s="10"/>
    </row>
    <row r="194253" spans="14:14">
      <c r="N194253" s="10"/>
    </row>
    <row r="194254" spans="14:14">
      <c r="N194254" s="10"/>
    </row>
    <row r="194255" spans="14:14">
      <c r="N194255" s="10"/>
    </row>
    <row r="194256" spans="14:14">
      <c r="N194256" s="10"/>
    </row>
    <row r="194257" spans="14:14">
      <c r="N194257" s="10"/>
    </row>
    <row r="194258" spans="14:14">
      <c r="N194258" s="10"/>
    </row>
    <row r="194259" spans="14:14">
      <c r="N194259" s="10"/>
    </row>
    <row r="194260" spans="14:14">
      <c r="N194260" s="10"/>
    </row>
    <row r="194261" spans="14:14">
      <c r="N194261" s="10"/>
    </row>
    <row r="194262" spans="14:14">
      <c r="N194262" s="10"/>
    </row>
    <row r="194263" spans="14:14">
      <c r="N194263" s="10"/>
    </row>
    <row r="194264" spans="14:14">
      <c r="N194264" s="10"/>
    </row>
    <row r="194265" spans="14:14">
      <c r="N194265" s="10"/>
    </row>
    <row r="194266" spans="14:14">
      <c r="N194266" s="10"/>
    </row>
    <row r="194267" spans="14:14">
      <c r="N194267" s="10"/>
    </row>
    <row r="194268" spans="14:14">
      <c r="N194268" s="10"/>
    </row>
    <row r="194269" spans="14:14">
      <c r="N194269" s="10"/>
    </row>
    <row r="194270" spans="14:14">
      <c r="N194270" s="10"/>
    </row>
    <row r="194271" spans="14:14">
      <c r="N194271" s="10"/>
    </row>
    <row r="194272" spans="14:14">
      <c r="N194272" s="10"/>
    </row>
    <row r="194273" spans="14:14">
      <c r="N194273" s="10"/>
    </row>
    <row r="194274" spans="14:14">
      <c r="N194274" s="10"/>
    </row>
    <row r="194275" spans="14:14">
      <c r="N194275" s="10"/>
    </row>
    <row r="194276" spans="14:14">
      <c r="N194276" s="10"/>
    </row>
    <row r="194277" spans="14:14">
      <c r="N194277" s="10"/>
    </row>
    <row r="194278" spans="14:14">
      <c r="N194278" s="10"/>
    </row>
    <row r="194279" spans="14:14">
      <c r="N194279" s="10"/>
    </row>
    <row r="194280" spans="14:14">
      <c r="N194280" s="10"/>
    </row>
    <row r="194281" spans="14:14">
      <c r="N194281" s="10"/>
    </row>
    <row r="194282" spans="14:14">
      <c r="N194282" s="10"/>
    </row>
    <row r="194283" spans="14:14">
      <c r="N194283" s="10"/>
    </row>
    <row r="194284" spans="14:14">
      <c r="N194284" s="10"/>
    </row>
    <row r="194285" spans="14:14">
      <c r="N194285" s="10"/>
    </row>
    <row r="194286" spans="14:14">
      <c r="N194286" s="10"/>
    </row>
    <row r="194287" spans="14:14">
      <c r="N194287" s="10"/>
    </row>
    <row r="194288" spans="14:14">
      <c r="N194288" s="10"/>
    </row>
    <row r="194289" spans="14:14">
      <c r="N194289" s="10"/>
    </row>
    <row r="194290" spans="14:14">
      <c r="N194290" s="10"/>
    </row>
    <row r="194291" spans="14:14">
      <c r="N194291" s="10"/>
    </row>
    <row r="194292" spans="14:14">
      <c r="N194292" s="10"/>
    </row>
    <row r="194293" spans="14:14">
      <c r="N194293" s="10"/>
    </row>
    <row r="194294" spans="14:14">
      <c r="N194294" s="10"/>
    </row>
    <row r="194295" spans="14:14">
      <c r="N194295" s="10"/>
    </row>
    <row r="194296" spans="14:14">
      <c r="N194296" s="10"/>
    </row>
    <row r="194297" spans="14:14">
      <c r="N194297" s="10"/>
    </row>
    <row r="194298" spans="14:14">
      <c r="N194298" s="10"/>
    </row>
    <row r="194299" spans="14:14">
      <c r="N194299" s="10"/>
    </row>
    <row r="194300" spans="14:14">
      <c r="N194300" s="10"/>
    </row>
    <row r="194301" spans="14:14">
      <c r="N194301" s="10"/>
    </row>
    <row r="194302" spans="14:14">
      <c r="N194302" s="10"/>
    </row>
    <row r="194303" spans="14:14">
      <c r="N194303" s="10"/>
    </row>
    <row r="194304" spans="14:14">
      <c r="N194304" s="10"/>
    </row>
    <row r="194305" spans="14:14">
      <c r="N194305" s="10"/>
    </row>
    <row r="194306" spans="14:14">
      <c r="N194306" s="10"/>
    </row>
    <row r="194307" spans="14:14">
      <c r="N194307" s="10"/>
    </row>
    <row r="194308" spans="14:14">
      <c r="N194308" s="10"/>
    </row>
    <row r="194309" spans="14:14">
      <c r="N194309" s="10"/>
    </row>
    <row r="194310" spans="14:14">
      <c r="N194310" s="10"/>
    </row>
    <row r="194311" spans="14:14">
      <c r="N194311" s="10"/>
    </row>
    <row r="194312" spans="14:14">
      <c r="N194312" s="10"/>
    </row>
    <row r="194313" spans="14:14">
      <c r="N194313" s="10"/>
    </row>
    <row r="194314" spans="14:14">
      <c r="N194314" s="10"/>
    </row>
    <row r="194315" spans="14:14">
      <c r="N194315" s="10"/>
    </row>
    <row r="194316" spans="14:14">
      <c r="N194316" s="10"/>
    </row>
    <row r="194317" spans="14:14">
      <c r="N194317" s="10"/>
    </row>
    <row r="194318" spans="14:14">
      <c r="N194318" s="10"/>
    </row>
    <row r="194319" spans="14:14">
      <c r="N194319" s="10"/>
    </row>
    <row r="194320" spans="14:14">
      <c r="N194320" s="10"/>
    </row>
    <row r="194321" spans="14:14">
      <c r="N194321" s="10"/>
    </row>
    <row r="194322" spans="14:14">
      <c r="N194322" s="10"/>
    </row>
    <row r="194323" spans="14:14">
      <c r="N194323" s="10"/>
    </row>
    <row r="194324" spans="14:14">
      <c r="N194324" s="10"/>
    </row>
    <row r="194325" spans="14:14">
      <c r="N194325" s="10"/>
    </row>
    <row r="194326" spans="14:14">
      <c r="N194326" s="10"/>
    </row>
    <row r="194327" spans="14:14">
      <c r="N194327" s="10"/>
    </row>
    <row r="194328" spans="14:14">
      <c r="N194328" s="10"/>
    </row>
    <row r="194329" spans="14:14">
      <c r="N194329" s="10"/>
    </row>
    <row r="194330" spans="14:14">
      <c r="N194330" s="10"/>
    </row>
    <row r="194331" spans="14:14">
      <c r="N194331" s="10"/>
    </row>
    <row r="194332" spans="14:14">
      <c r="N194332" s="10"/>
    </row>
    <row r="194333" spans="14:14">
      <c r="N194333" s="10"/>
    </row>
    <row r="194334" spans="14:14">
      <c r="N194334" s="10"/>
    </row>
    <row r="194335" spans="14:14">
      <c r="N194335" s="10"/>
    </row>
    <row r="194336" spans="14:14">
      <c r="N194336" s="10"/>
    </row>
    <row r="194337" spans="14:14">
      <c r="N194337" s="10"/>
    </row>
    <row r="194338" spans="14:14">
      <c r="N194338" s="10"/>
    </row>
    <row r="194339" spans="14:14">
      <c r="N194339" s="10"/>
    </row>
    <row r="194340" spans="14:14">
      <c r="N194340" s="10"/>
    </row>
    <row r="194341" spans="14:14">
      <c r="N194341" s="10"/>
    </row>
    <row r="194342" spans="14:14">
      <c r="N194342" s="10"/>
    </row>
    <row r="194343" spans="14:14">
      <c r="N194343" s="10"/>
    </row>
    <row r="194344" spans="14:14">
      <c r="N194344" s="10"/>
    </row>
    <row r="194345" spans="14:14">
      <c r="N194345" s="10"/>
    </row>
    <row r="194346" spans="14:14">
      <c r="N194346" s="10"/>
    </row>
    <row r="194347" spans="14:14">
      <c r="N194347" s="10"/>
    </row>
    <row r="194348" spans="14:14">
      <c r="N194348" s="10"/>
    </row>
    <row r="194349" spans="14:14">
      <c r="N194349" s="10"/>
    </row>
    <row r="194350" spans="14:14">
      <c r="N194350" s="10"/>
    </row>
    <row r="194351" spans="14:14">
      <c r="N194351" s="10"/>
    </row>
    <row r="194352" spans="14:14">
      <c r="N194352" s="10"/>
    </row>
    <row r="194353" spans="14:14">
      <c r="N194353" s="10"/>
    </row>
    <row r="194354" spans="14:14">
      <c r="N194354" s="10"/>
    </row>
    <row r="194355" spans="14:14">
      <c r="N194355" s="10"/>
    </row>
    <row r="194356" spans="14:14">
      <c r="N194356" s="10"/>
    </row>
    <row r="194357" spans="14:14">
      <c r="N194357" s="10"/>
    </row>
    <row r="194358" spans="14:14">
      <c r="N194358" s="10"/>
    </row>
    <row r="194359" spans="14:14">
      <c r="N194359" s="10"/>
    </row>
    <row r="194360" spans="14:14">
      <c r="N194360" s="10"/>
    </row>
    <row r="194361" spans="14:14">
      <c r="N194361" s="10"/>
    </row>
    <row r="194362" spans="14:14">
      <c r="N194362" s="10"/>
    </row>
    <row r="194363" spans="14:14">
      <c r="N194363" s="10"/>
    </row>
    <row r="194364" spans="14:14">
      <c r="N194364" s="10"/>
    </row>
    <row r="194365" spans="14:14">
      <c r="N194365" s="10"/>
    </row>
    <row r="194366" spans="14:14">
      <c r="N194366" s="10"/>
    </row>
    <row r="194367" spans="14:14">
      <c r="N194367" s="10"/>
    </row>
    <row r="194368" spans="14:14">
      <c r="N194368" s="10"/>
    </row>
    <row r="194369" spans="14:14">
      <c r="N194369" s="10"/>
    </row>
    <row r="194370" spans="14:14">
      <c r="N194370" s="10"/>
    </row>
    <row r="194371" spans="14:14">
      <c r="N194371" s="10"/>
    </row>
    <row r="194372" spans="14:14">
      <c r="N194372" s="10"/>
    </row>
    <row r="194373" spans="14:14">
      <c r="N194373" s="10"/>
    </row>
    <row r="194374" spans="14:14">
      <c r="N194374" s="10"/>
    </row>
    <row r="194375" spans="14:14">
      <c r="N194375" s="10"/>
    </row>
    <row r="194376" spans="14:14">
      <c r="N194376" s="10"/>
    </row>
    <row r="194377" spans="14:14">
      <c r="N194377" s="10"/>
    </row>
    <row r="194378" spans="14:14">
      <c r="N194378" s="10"/>
    </row>
    <row r="194379" spans="14:14">
      <c r="N194379" s="10"/>
    </row>
    <row r="194380" spans="14:14">
      <c r="N194380" s="10"/>
    </row>
    <row r="194381" spans="14:14">
      <c r="N194381" s="10"/>
    </row>
    <row r="194382" spans="14:14">
      <c r="N194382" s="10"/>
    </row>
    <row r="194383" spans="14:14">
      <c r="N194383" s="10"/>
    </row>
    <row r="194384" spans="14:14">
      <c r="N194384" s="10"/>
    </row>
    <row r="194385" spans="14:14">
      <c r="N194385" s="10"/>
    </row>
    <row r="194386" spans="14:14">
      <c r="N194386" s="10"/>
    </row>
    <row r="194387" spans="14:14">
      <c r="N194387" s="10"/>
    </row>
    <row r="194388" spans="14:14">
      <c r="N194388" s="10"/>
    </row>
    <row r="194389" spans="14:14">
      <c r="N194389" s="10"/>
    </row>
    <row r="194390" spans="14:14">
      <c r="N194390" s="10"/>
    </row>
    <row r="194391" spans="14:14">
      <c r="N194391" s="10"/>
    </row>
    <row r="194392" spans="14:14">
      <c r="N194392" s="10"/>
    </row>
    <row r="194393" spans="14:14">
      <c r="N194393" s="10"/>
    </row>
    <row r="194394" spans="14:14">
      <c r="N194394" s="10"/>
    </row>
    <row r="194395" spans="14:14">
      <c r="N194395" s="10"/>
    </row>
    <row r="194396" spans="14:14">
      <c r="N194396" s="10"/>
    </row>
    <row r="194397" spans="14:14">
      <c r="N194397" s="10"/>
    </row>
    <row r="194398" spans="14:14">
      <c r="N194398" s="10"/>
    </row>
    <row r="194399" spans="14:14">
      <c r="N194399" s="10"/>
    </row>
    <row r="194400" spans="14:14">
      <c r="N194400" s="10"/>
    </row>
    <row r="194401" spans="14:14">
      <c r="N194401" s="10"/>
    </row>
    <row r="194402" spans="14:14">
      <c r="N194402" s="10"/>
    </row>
    <row r="194403" spans="14:14">
      <c r="N194403" s="10"/>
    </row>
    <row r="194404" spans="14:14">
      <c r="N194404" s="10"/>
    </row>
    <row r="194405" spans="14:14">
      <c r="N194405" s="10"/>
    </row>
    <row r="194406" spans="14:14">
      <c r="N194406" s="10"/>
    </row>
    <row r="194407" spans="14:14">
      <c r="N194407" s="10"/>
    </row>
    <row r="194408" spans="14:14">
      <c r="N194408" s="10"/>
    </row>
    <row r="194409" spans="14:14">
      <c r="N194409" s="10"/>
    </row>
    <row r="194410" spans="14:14">
      <c r="N194410" s="10"/>
    </row>
    <row r="194411" spans="14:14">
      <c r="N194411" s="10"/>
    </row>
    <row r="194412" spans="14:14">
      <c r="N194412" s="10"/>
    </row>
    <row r="194413" spans="14:14">
      <c r="N194413" s="10"/>
    </row>
    <row r="194414" spans="14:14">
      <c r="N194414" s="10"/>
    </row>
    <row r="194415" spans="14:14">
      <c r="N194415" s="10"/>
    </row>
    <row r="194416" spans="14:14">
      <c r="N194416" s="10"/>
    </row>
    <row r="194417" spans="14:14">
      <c r="N194417" s="10"/>
    </row>
    <row r="194418" spans="14:14">
      <c r="N194418" s="10"/>
    </row>
    <row r="194419" spans="14:14">
      <c r="N194419" s="10"/>
    </row>
    <row r="194420" spans="14:14">
      <c r="N194420" s="10"/>
    </row>
    <row r="194421" spans="14:14">
      <c r="N194421" s="10"/>
    </row>
    <row r="194422" spans="14:14">
      <c r="N194422" s="10"/>
    </row>
    <row r="194423" spans="14:14">
      <c r="N194423" s="10"/>
    </row>
    <row r="194424" spans="14:14">
      <c r="N194424" s="10"/>
    </row>
    <row r="194425" spans="14:14">
      <c r="N194425" s="10"/>
    </row>
    <row r="194426" spans="14:14">
      <c r="N194426" s="10"/>
    </row>
    <row r="194427" spans="14:14">
      <c r="N194427" s="10"/>
    </row>
    <row r="194428" spans="14:14">
      <c r="N194428" s="10"/>
    </row>
    <row r="194429" spans="14:14">
      <c r="N194429" s="10"/>
    </row>
    <row r="194430" spans="14:14">
      <c r="N194430" s="10"/>
    </row>
    <row r="194431" spans="14:14">
      <c r="N194431" s="10"/>
    </row>
    <row r="194432" spans="14:14">
      <c r="N194432" s="10"/>
    </row>
    <row r="194433" spans="14:14">
      <c r="N194433" s="10"/>
    </row>
    <row r="194434" spans="14:14">
      <c r="N194434" s="10"/>
    </row>
    <row r="194435" spans="14:14">
      <c r="N194435" s="10"/>
    </row>
    <row r="194436" spans="14:14">
      <c r="N194436" s="10"/>
    </row>
    <row r="194437" spans="14:14">
      <c r="N194437" s="10"/>
    </row>
    <row r="194438" spans="14:14">
      <c r="N194438" s="10"/>
    </row>
    <row r="194439" spans="14:14">
      <c r="N194439" s="10"/>
    </row>
    <row r="194440" spans="14:14">
      <c r="N194440" s="10"/>
    </row>
    <row r="194441" spans="14:14">
      <c r="N194441" s="10"/>
    </row>
    <row r="194442" spans="14:14">
      <c r="N194442" s="10"/>
    </row>
    <row r="194443" spans="14:14">
      <c r="N194443" s="10"/>
    </row>
    <row r="194444" spans="14:14">
      <c r="N194444" s="10"/>
    </row>
    <row r="194445" spans="14:14">
      <c r="N194445" s="10"/>
    </row>
    <row r="194446" spans="14:14">
      <c r="N194446" s="10"/>
    </row>
    <row r="194447" spans="14:14">
      <c r="N194447" s="10"/>
    </row>
    <row r="194448" spans="14:14">
      <c r="N194448" s="10"/>
    </row>
    <row r="194449" spans="14:14">
      <c r="N194449" s="10"/>
    </row>
    <row r="194450" spans="14:14">
      <c r="N194450" s="10"/>
    </row>
    <row r="194451" spans="14:14">
      <c r="N194451" s="10"/>
    </row>
    <row r="194452" spans="14:14">
      <c r="N194452" s="10"/>
    </row>
    <row r="194453" spans="14:14">
      <c r="N194453" s="10"/>
    </row>
    <row r="194454" spans="14:14">
      <c r="N194454" s="10"/>
    </row>
    <row r="194455" spans="14:14">
      <c r="N194455" s="10"/>
    </row>
    <row r="194456" spans="14:14">
      <c r="N194456" s="10"/>
    </row>
    <row r="194457" spans="14:14">
      <c r="N194457" s="10"/>
    </row>
    <row r="194458" spans="14:14">
      <c r="N194458" s="10"/>
    </row>
    <row r="194459" spans="14:14">
      <c r="N194459" s="10"/>
    </row>
    <row r="194460" spans="14:14">
      <c r="N194460" s="10"/>
    </row>
    <row r="194461" spans="14:14">
      <c r="N194461" s="10"/>
    </row>
    <row r="194462" spans="14:14">
      <c r="N194462" s="10"/>
    </row>
    <row r="194463" spans="14:14">
      <c r="N194463" s="10"/>
    </row>
    <row r="194464" spans="14:14">
      <c r="N194464" s="10"/>
    </row>
    <row r="194465" spans="14:14">
      <c r="N194465" s="10"/>
    </row>
    <row r="194466" spans="14:14">
      <c r="N194466" s="10"/>
    </row>
    <row r="194467" spans="14:14">
      <c r="N194467" s="10"/>
    </row>
    <row r="194468" spans="14:14">
      <c r="N194468" s="10"/>
    </row>
    <row r="194469" spans="14:14">
      <c r="N194469" s="10"/>
    </row>
    <row r="194470" spans="14:14">
      <c r="N194470" s="10"/>
    </row>
    <row r="194471" spans="14:14">
      <c r="N194471" s="10"/>
    </row>
    <row r="194472" spans="14:14">
      <c r="N194472" s="10"/>
    </row>
    <row r="194473" spans="14:14">
      <c r="N194473" s="10"/>
    </row>
    <row r="194474" spans="14:14">
      <c r="N194474" s="10"/>
    </row>
    <row r="194475" spans="14:14">
      <c r="N194475" s="10"/>
    </row>
    <row r="194476" spans="14:14">
      <c r="N194476" s="10"/>
    </row>
    <row r="194477" spans="14:14">
      <c r="N194477" s="10"/>
    </row>
    <row r="194478" spans="14:14">
      <c r="N194478" s="10"/>
    </row>
    <row r="194479" spans="14:14">
      <c r="N194479" s="10"/>
    </row>
    <row r="194480" spans="14:14">
      <c r="N194480" s="10"/>
    </row>
    <row r="194481" spans="14:14">
      <c r="N194481" s="10"/>
    </row>
    <row r="194482" spans="14:14">
      <c r="N194482" s="10"/>
    </row>
    <row r="194483" spans="14:14">
      <c r="N194483" s="10"/>
    </row>
    <row r="194484" spans="14:14">
      <c r="N194484" s="10"/>
    </row>
    <row r="194485" spans="14:14">
      <c r="N194485" s="10"/>
    </row>
    <row r="194486" spans="14:14">
      <c r="N194486" s="10"/>
    </row>
    <row r="194487" spans="14:14">
      <c r="N194487" s="10"/>
    </row>
    <row r="194488" spans="14:14">
      <c r="N194488" s="10"/>
    </row>
    <row r="194489" spans="14:14">
      <c r="N194489" s="10"/>
    </row>
    <row r="194490" spans="14:14">
      <c r="N194490" s="10"/>
    </row>
    <row r="194491" spans="14:14">
      <c r="N194491" s="10"/>
    </row>
    <row r="194492" spans="14:14">
      <c r="N194492" s="10"/>
    </row>
    <row r="194493" spans="14:14">
      <c r="N194493" s="10"/>
    </row>
    <row r="194494" spans="14:14">
      <c r="N194494" s="10"/>
    </row>
    <row r="194495" spans="14:14">
      <c r="N194495" s="10"/>
    </row>
    <row r="194496" spans="14:14">
      <c r="N194496" s="10"/>
    </row>
    <row r="194497" spans="14:14">
      <c r="N194497" s="10"/>
    </row>
    <row r="194498" spans="14:14">
      <c r="N194498" s="10"/>
    </row>
    <row r="194499" spans="14:14">
      <c r="N194499" s="10"/>
    </row>
    <row r="194500" spans="14:14">
      <c r="N194500" s="10"/>
    </row>
    <row r="194501" spans="14:14">
      <c r="N194501" s="10"/>
    </row>
    <row r="194502" spans="14:14">
      <c r="N194502" s="10"/>
    </row>
    <row r="194503" spans="14:14">
      <c r="N194503" s="10"/>
    </row>
    <row r="194504" spans="14:14">
      <c r="N194504" s="10"/>
    </row>
    <row r="194505" spans="14:14">
      <c r="N194505" s="10"/>
    </row>
    <row r="194506" spans="14:14">
      <c r="N194506" s="10"/>
    </row>
    <row r="194507" spans="14:14">
      <c r="N194507" s="10"/>
    </row>
    <row r="194508" spans="14:14">
      <c r="N194508" s="10"/>
    </row>
    <row r="194509" spans="14:14">
      <c r="N194509" s="10"/>
    </row>
    <row r="194510" spans="14:14">
      <c r="N194510" s="10"/>
    </row>
    <row r="194511" spans="14:14">
      <c r="N194511" s="10"/>
    </row>
    <row r="194512" spans="14:14">
      <c r="N194512" s="10"/>
    </row>
    <row r="194513" spans="14:14">
      <c r="N194513" s="10"/>
    </row>
    <row r="194514" spans="14:14">
      <c r="N194514" s="10"/>
    </row>
    <row r="194515" spans="14:14">
      <c r="N194515" s="10"/>
    </row>
    <row r="194516" spans="14:14">
      <c r="N194516" s="10"/>
    </row>
    <row r="194517" spans="14:14">
      <c r="N194517" s="10"/>
    </row>
    <row r="194518" spans="14:14">
      <c r="N194518" s="10"/>
    </row>
    <row r="194519" spans="14:14">
      <c r="N194519" s="10"/>
    </row>
    <row r="194520" spans="14:14">
      <c r="N194520" s="10"/>
    </row>
    <row r="194521" spans="14:14">
      <c r="N194521" s="10"/>
    </row>
    <row r="194522" spans="14:14">
      <c r="N194522" s="10"/>
    </row>
    <row r="194523" spans="14:14">
      <c r="N194523" s="10"/>
    </row>
    <row r="194524" spans="14:14">
      <c r="N194524" s="10"/>
    </row>
    <row r="194525" spans="14:14">
      <c r="N194525" s="10"/>
    </row>
    <row r="194526" spans="14:14">
      <c r="N194526" s="10"/>
    </row>
    <row r="194527" spans="14:14">
      <c r="N194527" s="10"/>
    </row>
    <row r="194528" spans="14:14">
      <c r="N194528" s="10"/>
    </row>
    <row r="194529" spans="14:14">
      <c r="N194529" s="10"/>
    </row>
    <row r="194530" spans="14:14">
      <c r="N194530" s="10"/>
    </row>
    <row r="194531" spans="14:14">
      <c r="N194531" s="10"/>
    </row>
    <row r="194532" spans="14:14">
      <c r="N194532" s="10"/>
    </row>
    <row r="194533" spans="14:14">
      <c r="N194533" s="10"/>
    </row>
    <row r="194534" spans="14:14">
      <c r="N194534" s="10"/>
    </row>
    <row r="194535" spans="14:14">
      <c r="N194535" s="10"/>
    </row>
    <row r="194536" spans="14:14">
      <c r="N194536" s="10"/>
    </row>
    <row r="194537" spans="14:14">
      <c r="N194537" s="10"/>
    </row>
    <row r="194538" spans="14:14">
      <c r="N194538" s="10"/>
    </row>
    <row r="194539" spans="14:14">
      <c r="N194539" s="10"/>
    </row>
    <row r="194540" spans="14:14">
      <c r="N194540" s="10"/>
    </row>
    <row r="194541" spans="14:14">
      <c r="N194541" s="10"/>
    </row>
    <row r="194542" spans="14:14">
      <c r="N194542" s="10"/>
    </row>
    <row r="194543" spans="14:14">
      <c r="N194543" s="10"/>
    </row>
    <row r="194544" spans="14:14">
      <c r="N194544" s="10"/>
    </row>
    <row r="194545" spans="14:14">
      <c r="N194545" s="10"/>
    </row>
    <row r="194546" spans="14:14">
      <c r="N194546" s="10"/>
    </row>
    <row r="194547" spans="14:14">
      <c r="N194547" s="10"/>
    </row>
    <row r="194548" spans="14:14">
      <c r="N194548" s="10"/>
    </row>
    <row r="194549" spans="14:14">
      <c r="N194549" s="10"/>
    </row>
    <row r="194550" spans="14:14">
      <c r="N194550" s="10"/>
    </row>
    <row r="194551" spans="14:14">
      <c r="N194551" s="10"/>
    </row>
    <row r="194552" spans="14:14">
      <c r="N194552" s="10"/>
    </row>
    <row r="194553" spans="14:14">
      <c r="N194553" s="10"/>
    </row>
    <row r="194554" spans="14:14">
      <c r="N194554" s="10"/>
    </row>
    <row r="194555" spans="14:14">
      <c r="N194555" s="10"/>
    </row>
    <row r="194556" spans="14:14">
      <c r="N194556" s="10"/>
    </row>
    <row r="194557" spans="14:14">
      <c r="N194557" s="10"/>
    </row>
    <row r="194558" spans="14:14">
      <c r="N194558" s="10"/>
    </row>
    <row r="194559" spans="14:14">
      <c r="N194559" s="10"/>
    </row>
    <row r="194560" spans="14:14">
      <c r="N194560" s="10"/>
    </row>
    <row r="194561" spans="14:14">
      <c r="N194561" s="10"/>
    </row>
    <row r="194562" spans="14:14">
      <c r="N194562" s="10"/>
    </row>
    <row r="194563" spans="14:14">
      <c r="N194563" s="10"/>
    </row>
    <row r="194564" spans="14:14">
      <c r="N194564" s="10"/>
    </row>
    <row r="194565" spans="14:14">
      <c r="N194565" s="10"/>
    </row>
    <row r="194566" spans="14:14">
      <c r="N194566" s="10"/>
    </row>
    <row r="194567" spans="14:14">
      <c r="N194567" s="10"/>
    </row>
    <row r="194568" spans="14:14">
      <c r="N194568" s="10"/>
    </row>
    <row r="194569" spans="14:14">
      <c r="N194569" s="10"/>
    </row>
    <row r="194570" spans="14:14">
      <c r="N194570" s="10"/>
    </row>
    <row r="194571" spans="14:14">
      <c r="N194571" s="10"/>
    </row>
    <row r="194572" spans="14:14">
      <c r="N194572" s="10"/>
    </row>
    <row r="194573" spans="14:14">
      <c r="N194573" s="10"/>
    </row>
    <row r="194574" spans="14:14">
      <c r="N194574" s="10"/>
    </row>
    <row r="194575" spans="14:14">
      <c r="N194575" s="10"/>
    </row>
    <row r="194576" spans="14:14">
      <c r="N194576" s="10"/>
    </row>
    <row r="194577" spans="14:14">
      <c r="N194577" s="10"/>
    </row>
    <row r="194578" spans="14:14">
      <c r="N194578" s="10"/>
    </row>
    <row r="194579" spans="14:14">
      <c r="N194579" s="10"/>
    </row>
    <row r="194580" spans="14:14">
      <c r="N194580" s="10"/>
    </row>
    <row r="194581" spans="14:14">
      <c r="N194581" s="10"/>
    </row>
    <row r="194582" spans="14:14">
      <c r="N194582" s="10"/>
    </row>
    <row r="194583" spans="14:14">
      <c r="N194583" s="10"/>
    </row>
    <row r="194584" spans="14:14">
      <c r="N194584" s="10"/>
    </row>
    <row r="194585" spans="14:14">
      <c r="N194585" s="10"/>
    </row>
    <row r="194586" spans="14:14">
      <c r="N194586" s="10"/>
    </row>
    <row r="194587" spans="14:14">
      <c r="N194587" s="10"/>
    </row>
    <row r="194588" spans="14:14">
      <c r="N194588" s="10"/>
    </row>
    <row r="194589" spans="14:14">
      <c r="N194589" s="10"/>
    </row>
    <row r="194590" spans="14:14">
      <c r="N194590" s="10"/>
    </row>
    <row r="194591" spans="14:14">
      <c r="N194591" s="10"/>
    </row>
    <row r="194592" spans="14:14">
      <c r="N194592" s="10"/>
    </row>
    <row r="194593" spans="14:14">
      <c r="N194593" s="10"/>
    </row>
    <row r="194594" spans="14:14">
      <c r="N194594" s="10"/>
    </row>
    <row r="194595" spans="14:14">
      <c r="N194595" s="10"/>
    </row>
    <row r="194596" spans="14:14">
      <c r="N194596" s="10"/>
    </row>
    <row r="194597" spans="14:14">
      <c r="N194597" s="10"/>
    </row>
    <row r="194598" spans="14:14">
      <c r="N194598" s="10"/>
    </row>
    <row r="194599" spans="14:14">
      <c r="N194599" s="10"/>
    </row>
    <row r="194600" spans="14:14">
      <c r="N194600" s="10"/>
    </row>
    <row r="194601" spans="14:14">
      <c r="N194601" s="10"/>
    </row>
    <row r="194602" spans="14:14">
      <c r="N194602" s="10"/>
    </row>
    <row r="194603" spans="14:14">
      <c r="N194603" s="10"/>
    </row>
    <row r="194604" spans="14:14">
      <c r="N194604" s="10"/>
    </row>
    <row r="194605" spans="14:14">
      <c r="N194605" s="10"/>
    </row>
    <row r="194606" spans="14:14">
      <c r="N194606" s="10"/>
    </row>
    <row r="194607" spans="14:14">
      <c r="N194607" s="10"/>
    </row>
    <row r="194608" spans="14:14">
      <c r="N194608" s="10"/>
    </row>
    <row r="194609" spans="14:14">
      <c r="N194609" s="10"/>
    </row>
    <row r="194610" spans="14:14">
      <c r="N194610" s="10"/>
    </row>
    <row r="194611" spans="14:14">
      <c r="N194611" s="10"/>
    </row>
    <row r="194612" spans="14:14">
      <c r="N194612" s="10"/>
    </row>
    <row r="194613" spans="14:14">
      <c r="N194613" s="10"/>
    </row>
    <row r="194614" spans="14:14">
      <c r="N194614" s="10"/>
    </row>
    <row r="194615" spans="14:14">
      <c r="N194615" s="10"/>
    </row>
    <row r="194616" spans="14:14">
      <c r="N194616" s="10"/>
    </row>
    <row r="194617" spans="14:14">
      <c r="N194617" s="10"/>
    </row>
    <row r="194618" spans="14:14">
      <c r="N194618" s="10"/>
    </row>
    <row r="194619" spans="14:14">
      <c r="N194619" s="10"/>
    </row>
    <row r="194620" spans="14:14">
      <c r="N194620" s="10"/>
    </row>
    <row r="194621" spans="14:14">
      <c r="N194621" s="10"/>
    </row>
    <row r="194622" spans="14:14">
      <c r="N194622" s="10"/>
    </row>
    <row r="194623" spans="14:14">
      <c r="N194623" s="10"/>
    </row>
    <row r="194624" spans="14:14">
      <c r="N194624" s="10"/>
    </row>
    <row r="194625" spans="14:14">
      <c r="N194625" s="10"/>
    </row>
    <row r="194626" spans="14:14">
      <c r="N194626" s="10"/>
    </row>
    <row r="194627" spans="14:14">
      <c r="N194627" s="10"/>
    </row>
    <row r="194628" spans="14:14">
      <c r="N194628" s="10"/>
    </row>
    <row r="194629" spans="14:14">
      <c r="N194629" s="10"/>
    </row>
    <row r="194630" spans="14:14">
      <c r="N194630" s="10"/>
    </row>
    <row r="194631" spans="14:14">
      <c r="N194631" s="10"/>
    </row>
    <row r="194632" spans="14:14">
      <c r="N194632" s="10"/>
    </row>
    <row r="194633" spans="14:14">
      <c r="N194633" s="10"/>
    </row>
    <row r="194634" spans="14:14">
      <c r="N194634" s="10"/>
    </row>
    <row r="194635" spans="14:14">
      <c r="N194635" s="10"/>
    </row>
    <row r="194636" spans="14:14">
      <c r="N194636" s="10"/>
    </row>
    <row r="194637" spans="14:14">
      <c r="N194637" s="10"/>
    </row>
    <row r="194638" spans="14:14">
      <c r="N194638" s="10"/>
    </row>
    <row r="194639" spans="14:14">
      <c r="N194639" s="10"/>
    </row>
    <row r="194640" spans="14:14">
      <c r="N194640" s="10"/>
    </row>
    <row r="194641" spans="14:14">
      <c r="N194641" s="10"/>
    </row>
    <row r="194642" spans="14:14">
      <c r="N194642" s="10"/>
    </row>
    <row r="194643" spans="14:14">
      <c r="N194643" s="10"/>
    </row>
    <row r="194644" spans="14:14">
      <c r="N194644" s="10"/>
    </row>
    <row r="194645" spans="14:14">
      <c r="N194645" s="10"/>
    </row>
    <row r="194646" spans="14:14">
      <c r="N194646" s="10"/>
    </row>
    <row r="194647" spans="14:14">
      <c r="N194647" s="10"/>
    </row>
    <row r="194648" spans="14:14">
      <c r="N194648" s="10"/>
    </row>
    <row r="194649" spans="14:14">
      <c r="N194649" s="10"/>
    </row>
    <row r="194650" spans="14:14">
      <c r="N194650" s="10"/>
    </row>
    <row r="194651" spans="14:14">
      <c r="N194651" s="10"/>
    </row>
    <row r="194652" spans="14:14">
      <c r="N194652" s="10"/>
    </row>
    <row r="194653" spans="14:14">
      <c r="N194653" s="10"/>
    </row>
    <row r="194654" spans="14:14">
      <c r="N194654" s="10"/>
    </row>
    <row r="194655" spans="14:14">
      <c r="N194655" s="10"/>
    </row>
    <row r="194656" spans="14:14">
      <c r="N194656" s="10"/>
    </row>
    <row r="194657" spans="14:14">
      <c r="N194657" s="10"/>
    </row>
    <row r="194658" spans="14:14">
      <c r="N194658" s="10"/>
    </row>
    <row r="194659" spans="14:14">
      <c r="N194659" s="10"/>
    </row>
    <row r="194660" spans="14:14">
      <c r="N194660" s="10"/>
    </row>
    <row r="194661" spans="14:14">
      <c r="N194661" s="10"/>
    </row>
    <row r="194662" spans="14:14">
      <c r="N194662" s="10"/>
    </row>
    <row r="194663" spans="14:14">
      <c r="N194663" s="10"/>
    </row>
    <row r="194664" spans="14:14">
      <c r="N194664" s="10"/>
    </row>
    <row r="194665" spans="14:14">
      <c r="N194665" s="10"/>
    </row>
    <row r="194666" spans="14:14">
      <c r="N194666" s="10"/>
    </row>
    <row r="194667" spans="14:14">
      <c r="N194667" s="10"/>
    </row>
    <row r="194668" spans="14:14">
      <c r="N194668" s="10"/>
    </row>
    <row r="194669" spans="14:14">
      <c r="N194669" s="10"/>
    </row>
    <row r="194670" spans="14:14">
      <c r="N194670" s="10"/>
    </row>
    <row r="194671" spans="14:14">
      <c r="N194671" s="10"/>
    </row>
    <row r="194672" spans="14:14">
      <c r="N194672" s="10"/>
    </row>
    <row r="194673" spans="14:14">
      <c r="N194673" s="10"/>
    </row>
    <row r="194674" spans="14:14">
      <c r="N194674" s="10"/>
    </row>
    <row r="194675" spans="14:14">
      <c r="N194675" s="10"/>
    </row>
    <row r="194676" spans="14:14">
      <c r="N194676" s="10"/>
    </row>
    <row r="194677" spans="14:14">
      <c r="N194677" s="10"/>
    </row>
    <row r="194678" spans="14:14">
      <c r="N194678" s="10"/>
    </row>
    <row r="194679" spans="14:14">
      <c r="N194679" s="10"/>
    </row>
    <row r="194680" spans="14:14">
      <c r="N194680" s="10"/>
    </row>
    <row r="194681" spans="14:14">
      <c r="N194681" s="10"/>
    </row>
    <row r="194682" spans="14:14">
      <c r="N194682" s="10"/>
    </row>
    <row r="194683" spans="14:14">
      <c r="N194683" s="10"/>
    </row>
    <row r="194684" spans="14:14">
      <c r="N194684" s="10"/>
    </row>
    <row r="194685" spans="14:14">
      <c r="N194685" s="10"/>
    </row>
    <row r="194686" spans="14:14">
      <c r="N194686" s="10"/>
    </row>
    <row r="194687" spans="14:14">
      <c r="N194687" s="10"/>
    </row>
    <row r="194688" spans="14:14">
      <c r="N194688" s="10"/>
    </row>
    <row r="194689" spans="14:14">
      <c r="N194689" s="10"/>
    </row>
    <row r="194690" spans="14:14">
      <c r="N194690" s="10"/>
    </row>
    <row r="194691" spans="14:14">
      <c r="N194691" s="10"/>
    </row>
    <row r="194692" spans="14:14">
      <c r="N194692" s="10"/>
    </row>
    <row r="194693" spans="14:14">
      <c r="N194693" s="10"/>
    </row>
    <row r="194694" spans="14:14">
      <c r="N194694" s="10"/>
    </row>
    <row r="194695" spans="14:14">
      <c r="N194695" s="10"/>
    </row>
    <row r="194696" spans="14:14">
      <c r="N194696" s="10"/>
    </row>
    <row r="194697" spans="14:14">
      <c r="N194697" s="10"/>
    </row>
    <row r="194698" spans="14:14">
      <c r="N194698" s="10"/>
    </row>
    <row r="194699" spans="14:14">
      <c r="N194699" s="10"/>
    </row>
    <row r="194700" spans="14:14">
      <c r="N194700" s="10"/>
    </row>
    <row r="194701" spans="14:14">
      <c r="N194701" s="10"/>
    </row>
    <row r="194702" spans="14:14">
      <c r="N194702" s="10"/>
    </row>
    <row r="194703" spans="14:14">
      <c r="N194703" s="10"/>
    </row>
    <row r="194704" spans="14:14">
      <c r="N194704" s="10"/>
    </row>
    <row r="194705" spans="14:14">
      <c r="N194705" s="10"/>
    </row>
    <row r="194706" spans="14:14">
      <c r="N194706" s="10"/>
    </row>
    <row r="194707" spans="14:14">
      <c r="N194707" s="10"/>
    </row>
    <row r="194708" spans="14:14">
      <c r="N194708" s="10"/>
    </row>
    <row r="194709" spans="14:14">
      <c r="N194709" s="10"/>
    </row>
    <row r="194710" spans="14:14">
      <c r="N194710" s="10"/>
    </row>
    <row r="194711" spans="14:14">
      <c r="N194711" s="10"/>
    </row>
    <row r="194712" spans="14:14">
      <c r="N194712" s="10"/>
    </row>
    <row r="194713" spans="14:14">
      <c r="N194713" s="10"/>
    </row>
    <row r="194714" spans="14:14">
      <c r="N194714" s="10"/>
    </row>
    <row r="194715" spans="14:14">
      <c r="N194715" s="10"/>
    </row>
    <row r="194716" spans="14:14">
      <c r="N194716" s="10"/>
    </row>
    <row r="194717" spans="14:14">
      <c r="N194717" s="10"/>
    </row>
    <row r="194718" spans="14:14">
      <c r="N194718" s="10"/>
    </row>
    <row r="194719" spans="14:14">
      <c r="N194719" s="10"/>
    </row>
    <row r="194720" spans="14:14">
      <c r="N194720" s="10"/>
    </row>
    <row r="194721" spans="14:14">
      <c r="N194721" s="10"/>
    </row>
    <row r="194722" spans="14:14">
      <c r="N194722" s="10"/>
    </row>
    <row r="194723" spans="14:14">
      <c r="N194723" s="10"/>
    </row>
    <row r="194724" spans="14:14">
      <c r="N194724" s="10"/>
    </row>
    <row r="194725" spans="14:14">
      <c r="N194725" s="10"/>
    </row>
    <row r="194726" spans="14:14">
      <c r="N194726" s="10"/>
    </row>
    <row r="194727" spans="14:14">
      <c r="N194727" s="10"/>
    </row>
    <row r="194728" spans="14:14">
      <c r="N194728" s="10"/>
    </row>
    <row r="194729" spans="14:14">
      <c r="N194729" s="10"/>
    </row>
    <row r="194730" spans="14:14">
      <c r="N194730" s="10"/>
    </row>
    <row r="194731" spans="14:14">
      <c r="N194731" s="10"/>
    </row>
    <row r="194732" spans="14:14">
      <c r="N194732" s="10"/>
    </row>
    <row r="194733" spans="14:14">
      <c r="N194733" s="10"/>
    </row>
    <row r="194734" spans="14:14">
      <c r="N194734" s="10"/>
    </row>
    <row r="194735" spans="14:14">
      <c r="N194735" s="10"/>
    </row>
    <row r="194736" spans="14:14">
      <c r="N194736" s="10"/>
    </row>
    <row r="194737" spans="14:14">
      <c r="N194737" s="10"/>
    </row>
    <row r="194738" spans="14:14">
      <c r="N194738" s="10"/>
    </row>
    <row r="194739" spans="14:14">
      <c r="N194739" s="10"/>
    </row>
    <row r="194740" spans="14:14">
      <c r="N194740" s="10"/>
    </row>
    <row r="194741" spans="14:14">
      <c r="N194741" s="10"/>
    </row>
    <row r="194742" spans="14:14">
      <c r="N194742" s="10"/>
    </row>
    <row r="194743" spans="14:14">
      <c r="N194743" s="10"/>
    </row>
    <row r="194744" spans="14:14">
      <c r="N194744" s="10"/>
    </row>
    <row r="194745" spans="14:14">
      <c r="N194745" s="10"/>
    </row>
    <row r="194746" spans="14:14">
      <c r="N194746" s="10"/>
    </row>
    <row r="194747" spans="14:14">
      <c r="N194747" s="10"/>
    </row>
    <row r="194748" spans="14:14">
      <c r="N194748" s="10"/>
    </row>
    <row r="194749" spans="14:14">
      <c r="N194749" s="10"/>
    </row>
    <row r="194750" spans="14:14">
      <c r="N194750" s="10"/>
    </row>
    <row r="194751" spans="14:14">
      <c r="N194751" s="10"/>
    </row>
    <row r="194752" spans="14:14">
      <c r="N194752" s="10"/>
    </row>
    <row r="194753" spans="14:14">
      <c r="N194753" s="10"/>
    </row>
    <row r="194754" spans="14:14">
      <c r="N194754" s="10"/>
    </row>
    <row r="194755" spans="14:14">
      <c r="N194755" s="10"/>
    </row>
    <row r="194756" spans="14:14">
      <c r="N194756" s="10"/>
    </row>
    <row r="194757" spans="14:14">
      <c r="N194757" s="10"/>
    </row>
    <row r="194758" spans="14:14">
      <c r="N194758" s="10"/>
    </row>
    <row r="194759" spans="14:14">
      <c r="N194759" s="10"/>
    </row>
    <row r="194760" spans="14:14">
      <c r="N194760" s="10"/>
    </row>
    <row r="194761" spans="14:14">
      <c r="N194761" s="10"/>
    </row>
    <row r="194762" spans="14:14">
      <c r="N194762" s="10"/>
    </row>
    <row r="194763" spans="14:14">
      <c r="N194763" s="10"/>
    </row>
    <row r="194764" spans="14:14">
      <c r="N194764" s="10"/>
    </row>
    <row r="194765" spans="14:14">
      <c r="N194765" s="10"/>
    </row>
    <row r="194766" spans="14:14">
      <c r="N194766" s="10"/>
    </row>
    <row r="194767" spans="14:14">
      <c r="N194767" s="10"/>
    </row>
    <row r="194768" spans="14:14">
      <c r="N194768" s="10"/>
    </row>
    <row r="194769" spans="14:14">
      <c r="N194769" s="10"/>
    </row>
    <row r="194770" spans="14:14">
      <c r="N194770" s="10"/>
    </row>
    <row r="194771" spans="14:14">
      <c r="N194771" s="10"/>
    </row>
    <row r="194772" spans="14:14">
      <c r="N194772" s="10"/>
    </row>
    <row r="194773" spans="14:14">
      <c r="N194773" s="10"/>
    </row>
    <row r="194774" spans="14:14">
      <c r="N194774" s="10"/>
    </row>
    <row r="194775" spans="14:14">
      <c r="N194775" s="10"/>
    </row>
    <row r="194776" spans="14:14">
      <c r="N194776" s="10"/>
    </row>
    <row r="194777" spans="14:14">
      <c r="N194777" s="10"/>
    </row>
    <row r="194778" spans="14:14">
      <c r="N194778" s="10"/>
    </row>
    <row r="194779" spans="14:14">
      <c r="N194779" s="10"/>
    </row>
    <row r="194780" spans="14:14">
      <c r="N194780" s="10"/>
    </row>
    <row r="194781" spans="14:14">
      <c r="N194781" s="10"/>
    </row>
    <row r="194782" spans="14:14">
      <c r="N194782" s="10"/>
    </row>
    <row r="194783" spans="14:14">
      <c r="N194783" s="10"/>
    </row>
    <row r="194784" spans="14:14">
      <c r="N194784" s="10"/>
    </row>
    <row r="194785" spans="14:14">
      <c r="N194785" s="10"/>
    </row>
    <row r="194786" spans="14:14">
      <c r="N194786" s="10"/>
    </row>
    <row r="194787" spans="14:14">
      <c r="N194787" s="10"/>
    </row>
    <row r="194788" spans="14:14">
      <c r="N194788" s="10"/>
    </row>
    <row r="194789" spans="14:14">
      <c r="N194789" s="10"/>
    </row>
    <row r="194790" spans="14:14">
      <c r="N194790" s="10"/>
    </row>
    <row r="194791" spans="14:14">
      <c r="N194791" s="10"/>
    </row>
    <row r="194792" spans="14:14">
      <c r="N194792" s="10"/>
    </row>
    <row r="194793" spans="14:14">
      <c r="N194793" s="10"/>
    </row>
    <row r="194794" spans="14:14">
      <c r="N194794" s="10"/>
    </row>
    <row r="194795" spans="14:14">
      <c r="N194795" s="10"/>
    </row>
    <row r="194796" spans="14:14">
      <c r="N194796" s="10"/>
    </row>
    <row r="194797" spans="14:14">
      <c r="N194797" s="10"/>
    </row>
    <row r="194798" spans="14:14">
      <c r="N194798" s="10"/>
    </row>
    <row r="194799" spans="14:14">
      <c r="N194799" s="10"/>
    </row>
    <row r="194800" spans="14:14">
      <c r="N194800" s="10"/>
    </row>
    <row r="194801" spans="14:14">
      <c r="N194801" s="10"/>
    </row>
    <row r="194802" spans="14:14">
      <c r="N194802" s="10"/>
    </row>
    <row r="194803" spans="14:14">
      <c r="N194803" s="10"/>
    </row>
    <row r="194804" spans="14:14">
      <c r="N194804" s="10"/>
    </row>
    <row r="194805" spans="14:14">
      <c r="N194805" s="10"/>
    </row>
    <row r="194806" spans="14:14">
      <c r="N194806" s="10"/>
    </row>
    <row r="194807" spans="14:14">
      <c r="N194807" s="10"/>
    </row>
    <row r="194808" spans="14:14">
      <c r="N194808" s="10"/>
    </row>
    <row r="194809" spans="14:14">
      <c r="N194809" s="10"/>
    </row>
    <row r="194810" spans="14:14">
      <c r="N194810" s="10"/>
    </row>
    <row r="194811" spans="14:14">
      <c r="N194811" s="10"/>
    </row>
    <row r="194812" spans="14:14">
      <c r="N194812" s="10"/>
    </row>
    <row r="194813" spans="14:14">
      <c r="N194813" s="10"/>
    </row>
    <row r="194814" spans="14:14">
      <c r="N194814" s="10"/>
    </row>
    <row r="194815" spans="14:14">
      <c r="N194815" s="10"/>
    </row>
    <row r="194816" spans="14:14">
      <c r="N194816" s="10"/>
    </row>
    <row r="194817" spans="14:14">
      <c r="N194817" s="10"/>
    </row>
    <row r="194818" spans="14:14">
      <c r="N194818" s="10"/>
    </row>
    <row r="194819" spans="14:14">
      <c r="N194819" s="10"/>
    </row>
    <row r="194820" spans="14:14">
      <c r="N194820" s="10"/>
    </row>
    <row r="194821" spans="14:14">
      <c r="N194821" s="10"/>
    </row>
    <row r="194822" spans="14:14">
      <c r="N194822" s="10"/>
    </row>
    <row r="194823" spans="14:14">
      <c r="N194823" s="10"/>
    </row>
    <row r="194824" spans="14:14">
      <c r="N194824" s="10"/>
    </row>
    <row r="194825" spans="14:14">
      <c r="N194825" s="10"/>
    </row>
    <row r="194826" spans="14:14">
      <c r="N194826" s="10"/>
    </row>
    <row r="194827" spans="14:14">
      <c r="N194827" s="10"/>
    </row>
    <row r="194828" spans="14:14">
      <c r="N194828" s="10"/>
    </row>
    <row r="194829" spans="14:14">
      <c r="N194829" s="10"/>
    </row>
    <row r="194830" spans="14:14">
      <c r="N194830" s="10"/>
    </row>
    <row r="194831" spans="14:14">
      <c r="N194831" s="10"/>
    </row>
    <row r="194832" spans="14:14">
      <c r="N194832" s="10"/>
    </row>
    <row r="194833" spans="14:14">
      <c r="N194833" s="10"/>
    </row>
    <row r="194834" spans="14:14">
      <c r="N194834" s="10"/>
    </row>
    <row r="194835" spans="14:14">
      <c r="N194835" s="10"/>
    </row>
    <row r="194836" spans="14:14">
      <c r="N194836" s="10"/>
    </row>
    <row r="194837" spans="14:14">
      <c r="N194837" s="10"/>
    </row>
    <row r="194838" spans="14:14">
      <c r="N194838" s="10"/>
    </row>
    <row r="194839" spans="14:14">
      <c r="N194839" s="10"/>
    </row>
    <row r="194840" spans="14:14">
      <c r="N194840" s="10"/>
    </row>
    <row r="194841" spans="14:14">
      <c r="N194841" s="10"/>
    </row>
    <row r="194842" spans="14:14">
      <c r="N194842" s="10"/>
    </row>
    <row r="194843" spans="14:14">
      <c r="N194843" s="10"/>
    </row>
    <row r="194844" spans="14:14">
      <c r="N194844" s="10"/>
    </row>
    <row r="194845" spans="14:14">
      <c r="N194845" s="10"/>
    </row>
    <row r="194846" spans="14:14">
      <c r="N194846" s="10"/>
    </row>
    <row r="194847" spans="14:14">
      <c r="N194847" s="10"/>
    </row>
    <row r="194848" spans="14:14">
      <c r="N194848" s="10"/>
    </row>
    <row r="194849" spans="14:14">
      <c r="N194849" s="10"/>
    </row>
    <row r="194850" spans="14:14">
      <c r="N194850" s="10"/>
    </row>
    <row r="194851" spans="14:14">
      <c r="N194851" s="10"/>
    </row>
    <row r="194852" spans="14:14">
      <c r="N194852" s="10"/>
    </row>
    <row r="194853" spans="14:14">
      <c r="N194853" s="10"/>
    </row>
    <row r="194854" spans="14:14">
      <c r="N194854" s="10"/>
    </row>
    <row r="194855" spans="14:14">
      <c r="N194855" s="10"/>
    </row>
    <row r="194856" spans="14:14">
      <c r="N194856" s="10"/>
    </row>
    <row r="194857" spans="14:14">
      <c r="N194857" s="10"/>
    </row>
    <row r="194858" spans="14:14">
      <c r="N194858" s="10"/>
    </row>
    <row r="194859" spans="14:14">
      <c r="N194859" s="10"/>
    </row>
    <row r="194860" spans="14:14">
      <c r="N194860" s="10"/>
    </row>
    <row r="194861" spans="14:14">
      <c r="N194861" s="10"/>
    </row>
    <row r="194862" spans="14:14">
      <c r="N194862" s="10"/>
    </row>
    <row r="194863" spans="14:14">
      <c r="N194863" s="10"/>
    </row>
    <row r="194864" spans="14:14">
      <c r="N194864" s="10"/>
    </row>
    <row r="194865" spans="14:14">
      <c r="N194865" s="10"/>
    </row>
    <row r="194866" spans="14:14">
      <c r="N194866" s="10"/>
    </row>
    <row r="194867" spans="14:14">
      <c r="N194867" s="10"/>
    </row>
    <row r="194868" spans="14:14">
      <c r="N194868" s="10"/>
    </row>
    <row r="194869" spans="14:14">
      <c r="N194869" s="10"/>
    </row>
    <row r="194870" spans="14:14">
      <c r="N194870" s="10"/>
    </row>
    <row r="194871" spans="14:14">
      <c r="N194871" s="10"/>
    </row>
    <row r="194872" spans="14:14">
      <c r="N194872" s="10"/>
    </row>
    <row r="194873" spans="14:14">
      <c r="N194873" s="10"/>
    </row>
    <row r="194874" spans="14:14">
      <c r="N194874" s="10"/>
    </row>
    <row r="194875" spans="14:14">
      <c r="N194875" s="10"/>
    </row>
    <row r="194876" spans="14:14">
      <c r="N194876" s="10"/>
    </row>
    <row r="194877" spans="14:14">
      <c r="N194877" s="10"/>
    </row>
    <row r="194878" spans="14:14">
      <c r="N194878" s="10"/>
    </row>
    <row r="194879" spans="14:14">
      <c r="N194879" s="10"/>
    </row>
    <row r="194880" spans="14:14">
      <c r="N194880" s="10"/>
    </row>
    <row r="194881" spans="14:14">
      <c r="N194881" s="10"/>
    </row>
    <row r="194882" spans="14:14">
      <c r="N194882" s="10"/>
    </row>
    <row r="194883" spans="14:14">
      <c r="N194883" s="10"/>
    </row>
    <row r="194884" spans="14:14">
      <c r="N194884" s="10"/>
    </row>
    <row r="194885" spans="14:14">
      <c r="N194885" s="10"/>
    </row>
    <row r="194886" spans="14:14">
      <c r="N194886" s="10"/>
    </row>
    <row r="194887" spans="14:14">
      <c r="N194887" s="10"/>
    </row>
    <row r="194888" spans="14:14">
      <c r="N194888" s="10"/>
    </row>
    <row r="194889" spans="14:14">
      <c r="N194889" s="10"/>
    </row>
    <row r="194890" spans="14:14">
      <c r="N194890" s="10"/>
    </row>
    <row r="194891" spans="14:14">
      <c r="N194891" s="10"/>
    </row>
    <row r="194892" spans="14:14">
      <c r="N194892" s="10"/>
    </row>
    <row r="194893" spans="14:14">
      <c r="N194893" s="10"/>
    </row>
    <row r="194894" spans="14:14">
      <c r="N194894" s="10"/>
    </row>
    <row r="194895" spans="14:14">
      <c r="N194895" s="10"/>
    </row>
    <row r="194896" spans="14:14">
      <c r="N194896" s="10"/>
    </row>
    <row r="194897" spans="14:14">
      <c r="N194897" s="10"/>
    </row>
    <row r="194898" spans="14:14">
      <c r="N194898" s="10"/>
    </row>
    <row r="194899" spans="14:14">
      <c r="N194899" s="10"/>
    </row>
    <row r="194900" spans="14:14">
      <c r="N194900" s="10"/>
    </row>
    <row r="194901" spans="14:14">
      <c r="N194901" s="10"/>
    </row>
    <row r="194902" spans="14:14">
      <c r="N194902" s="10"/>
    </row>
    <row r="194903" spans="14:14">
      <c r="N194903" s="10"/>
    </row>
    <row r="194904" spans="14:14">
      <c r="N194904" s="10"/>
    </row>
    <row r="194905" spans="14:14">
      <c r="N194905" s="10"/>
    </row>
    <row r="194906" spans="14:14">
      <c r="N194906" s="10"/>
    </row>
    <row r="194907" spans="14:14">
      <c r="N194907" s="10"/>
    </row>
    <row r="194908" spans="14:14">
      <c r="N194908" s="10"/>
    </row>
    <row r="194909" spans="14:14">
      <c r="N194909" s="10"/>
    </row>
    <row r="194910" spans="14:14">
      <c r="N194910" s="10"/>
    </row>
    <row r="194911" spans="14:14">
      <c r="N194911" s="10"/>
    </row>
    <row r="194912" spans="14:14">
      <c r="N194912" s="10"/>
    </row>
    <row r="194913" spans="14:14">
      <c r="N194913" s="10"/>
    </row>
    <row r="194914" spans="14:14">
      <c r="N194914" s="10"/>
    </row>
    <row r="194915" spans="14:14">
      <c r="N194915" s="10"/>
    </row>
    <row r="194916" spans="14:14">
      <c r="N194916" s="10"/>
    </row>
    <row r="194917" spans="14:14">
      <c r="N194917" s="10"/>
    </row>
    <row r="194918" spans="14:14">
      <c r="N194918" s="10"/>
    </row>
    <row r="194919" spans="14:14">
      <c r="N194919" s="10"/>
    </row>
    <row r="194920" spans="14:14">
      <c r="N194920" s="10"/>
    </row>
    <row r="194921" spans="14:14">
      <c r="N194921" s="10"/>
    </row>
    <row r="194922" spans="14:14">
      <c r="N194922" s="10"/>
    </row>
    <row r="194923" spans="14:14">
      <c r="N194923" s="10"/>
    </row>
    <row r="194924" spans="14:14">
      <c r="N194924" s="10"/>
    </row>
    <row r="194925" spans="14:14">
      <c r="N194925" s="10"/>
    </row>
    <row r="194926" spans="14:14">
      <c r="N194926" s="10"/>
    </row>
    <row r="194927" spans="14:14">
      <c r="N194927" s="10"/>
    </row>
    <row r="194928" spans="14:14">
      <c r="N194928" s="10"/>
    </row>
    <row r="194929" spans="14:14">
      <c r="N194929" s="10"/>
    </row>
    <row r="194930" spans="14:14">
      <c r="N194930" s="10"/>
    </row>
    <row r="194931" spans="14:14">
      <c r="N194931" s="10"/>
    </row>
    <row r="194932" spans="14:14">
      <c r="N194932" s="10"/>
    </row>
    <row r="194933" spans="14:14">
      <c r="N194933" s="10"/>
    </row>
    <row r="194934" spans="14:14">
      <c r="N194934" s="10"/>
    </row>
    <row r="194935" spans="14:14">
      <c r="N194935" s="10"/>
    </row>
    <row r="194936" spans="14:14">
      <c r="N194936" s="10"/>
    </row>
    <row r="194937" spans="14:14">
      <c r="N194937" s="10"/>
    </row>
    <row r="194938" spans="14:14">
      <c r="N194938" s="10"/>
    </row>
    <row r="194939" spans="14:14">
      <c r="N194939" s="10"/>
    </row>
    <row r="194940" spans="14:14">
      <c r="N194940" s="10"/>
    </row>
    <row r="194941" spans="14:14">
      <c r="N194941" s="10"/>
    </row>
    <row r="194942" spans="14:14">
      <c r="N194942" s="10"/>
    </row>
    <row r="194943" spans="14:14">
      <c r="N194943" s="10"/>
    </row>
    <row r="194944" spans="14:14">
      <c r="N194944" s="10"/>
    </row>
    <row r="194945" spans="14:14">
      <c r="N194945" s="10"/>
    </row>
    <row r="194946" spans="14:14">
      <c r="N194946" s="10"/>
    </row>
    <row r="194947" spans="14:14">
      <c r="N194947" s="10"/>
    </row>
    <row r="194948" spans="14:14">
      <c r="N194948" s="10"/>
    </row>
    <row r="194949" spans="14:14">
      <c r="N194949" s="10"/>
    </row>
    <row r="194950" spans="14:14">
      <c r="N194950" s="10"/>
    </row>
    <row r="194951" spans="14:14">
      <c r="N194951" s="10"/>
    </row>
    <row r="194952" spans="14:14">
      <c r="N194952" s="10"/>
    </row>
    <row r="194953" spans="14:14">
      <c r="N194953" s="10"/>
    </row>
    <row r="194954" spans="14:14">
      <c r="N194954" s="10"/>
    </row>
    <row r="194955" spans="14:14">
      <c r="N194955" s="10"/>
    </row>
    <row r="194956" spans="14:14">
      <c r="N194956" s="10"/>
    </row>
    <row r="194957" spans="14:14">
      <c r="N194957" s="10"/>
    </row>
    <row r="194958" spans="14:14">
      <c r="N194958" s="10"/>
    </row>
    <row r="194959" spans="14:14">
      <c r="N194959" s="10"/>
    </row>
    <row r="194960" spans="14:14">
      <c r="N194960" s="10"/>
    </row>
    <row r="194961" spans="14:14">
      <c r="N194961" s="10"/>
    </row>
    <row r="194962" spans="14:14">
      <c r="N194962" s="10"/>
    </row>
    <row r="194963" spans="14:14">
      <c r="N194963" s="10"/>
    </row>
    <row r="194964" spans="14:14">
      <c r="N194964" s="10"/>
    </row>
    <row r="194965" spans="14:14">
      <c r="N194965" s="10"/>
    </row>
    <row r="194966" spans="14:14">
      <c r="N194966" s="10"/>
    </row>
    <row r="194967" spans="14:14">
      <c r="N194967" s="10"/>
    </row>
    <row r="194968" spans="14:14">
      <c r="N194968" s="10"/>
    </row>
    <row r="194969" spans="14:14">
      <c r="N194969" s="10"/>
    </row>
    <row r="194970" spans="14:14">
      <c r="N194970" s="10"/>
    </row>
    <row r="194971" spans="14:14">
      <c r="N194971" s="10"/>
    </row>
    <row r="194972" spans="14:14">
      <c r="N194972" s="10"/>
    </row>
    <row r="194973" spans="14:14">
      <c r="N194973" s="10"/>
    </row>
    <row r="194974" spans="14:14">
      <c r="N194974" s="10"/>
    </row>
    <row r="194975" spans="14:14">
      <c r="N194975" s="10"/>
    </row>
    <row r="194976" spans="14:14">
      <c r="N194976" s="10"/>
    </row>
    <row r="194977" spans="14:14">
      <c r="N194977" s="10"/>
    </row>
    <row r="194978" spans="14:14">
      <c r="N194978" s="10"/>
    </row>
    <row r="194979" spans="14:14">
      <c r="N194979" s="10"/>
    </row>
    <row r="194980" spans="14:14">
      <c r="N194980" s="10"/>
    </row>
    <row r="194981" spans="14:14">
      <c r="N194981" s="10"/>
    </row>
    <row r="194982" spans="14:14">
      <c r="N194982" s="10"/>
    </row>
    <row r="194983" spans="14:14">
      <c r="N194983" s="10"/>
    </row>
    <row r="194984" spans="14:14">
      <c r="N194984" s="10"/>
    </row>
    <row r="194985" spans="14:14">
      <c r="N194985" s="10"/>
    </row>
    <row r="194986" spans="14:14">
      <c r="N194986" s="10"/>
    </row>
    <row r="194987" spans="14:14">
      <c r="N194987" s="10"/>
    </row>
    <row r="194988" spans="14:14">
      <c r="N194988" s="10"/>
    </row>
    <row r="194989" spans="14:14">
      <c r="N194989" s="10"/>
    </row>
    <row r="194990" spans="14:14">
      <c r="N194990" s="10"/>
    </row>
    <row r="194991" spans="14:14">
      <c r="N194991" s="10"/>
    </row>
    <row r="194992" spans="14:14">
      <c r="N194992" s="10"/>
    </row>
    <row r="194993" spans="14:14">
      <c r="N194993" s="10"/>
    </row>
    <row r="194994" spans="14:14">
      <c r="N194994" s="10"/>
    </row>
    <row r="194995" spans="14:14">
      <c r="N194995" s="10"/>
    </row>
    <row r="194996" spans="14:14">
      <c r="N194996" s="10"/>
    </row>
    <row r="194997" spans="14:14">
      <c r="N194997" s="10"/>
    </row>
    <row r="194998" spans="14:14">
      <c r="N194998" s="10"/>
    </row>
    <row r="194999" spans="14:14">
      <c r="N194999" s="10"/>
    </row>
    <row r="195000" spans="14:14">
      <c r="N195000" s="10"/>
    </row>
    <row r="195001" spans="14:14">
      <c r="N195001" s="10"/>
    </row>
    <row r="195002" spans="14:14">
      <c r="N195002" s="10"/>
    </row>
    <row r="195003" spans="14:14">
      <c r="N195003" s="10"/>
    </row>
    <row r="195004" spans="14:14">
      <c r="N195004" s="10"/>
    </row>
    <row r="195005" spans="14:14">
      <c r="N195005" s="10"/>
    </row>
    <row r="195006" spans="14:14">
      <c r="N195006" s="10"/>
    </row>
    <row r="195007" spans="14:14">
      <c r="N195007" s="10"/>
    </row>
    <row r="195008" spans="14:14">
      <c r="N195008" s="10"/>
    </row>
    <row r="195009" spans="14:14">
      <c r="N195009" s="10"/>
    </row>
    <row r="195010" spans="14:14">
      <c r="N195010" s="10"/>
    </row>
    <row r="195011" spans="14:14">
      <c r="N195011" s="10"/>
    </row>
    <row r="195012" spans="14:14">
      <c r="N195012" s="10"/>
    </row>
    <row r="195013" spans="14:14">
      <c r="N195013" s="10"/>
    </row>
    <row r="195014" spans="14:14">
      <c r="N195014" s="10"/>
    </row>
    <row r="195015" spans="14:14">
      <c r="N195015" s="10"/>
    </row>
    <row r="195016" spans="14:14">
      <c r="N195016" s="10"/>
    </row>
    <row r="195017" spans="14:14">
      <c r="N195017" s="10"/>
    </row>
    <row r="195018" spans="14:14">
      <c r="N195018" s="10"/>
    </row>
    <row r="195019" spans="14:14">
      <c r="N195019" s="10"/>
    </row>
    <row r="195020" spans="14:14">
      <c r="N195020" s="10"/>
    </row>
    <row r="195021" spans="14:14">
      <c r="N195021" s="10"/>
    </row>
    <row r="195022" spans="14:14">
      <c r="N195022" s="10"/>
    </row>
    <row r="195023" spans="14:14">
      <c r="N195023" s="10"/>
    </row>
    <row r="195024" spans="14:14">
      <c r="N195024" s="10"/>
    </row>
    <row r="195025" spans="14:14">
      <c r="N195025" s="10"/>
    </row>
    <row r="195026" spans="14:14">
      <c r="N195026" s="10"/>
    </row>
    <row r="195027" spans="14:14">
      <c r="N195027" s="10"/>
    </row>
    <row r="195028" spans="14:14">
      <c r="N195028" s="10"/>
    </row>
    <row r="195029" spans="14:14">
      <c r="N195029" s="10"/>
    </row>
    <row r="195030" spans="14:14">
      <c r="N195030" s="10"/>
    </row>
    <row r="195031" spans="14:14">
      <c r="N195031" s="10"/>
    </row>
    <row r="195032" spans="14:14">
      <c r="N195032" s="10"/>
    </row>
    <row r="195033" spans="14:14">
      <c r="N195033" s="10"/>
    </row>
    <row r="195034" spans="14:14">
      <c r="N195034" s="10"/>
    </row>
    <row r="195035" spans="14:14">
      <c r="N195035" s="10"/>
    </row>
    <row r="195036" spans="14:14">
      <c r="N195036" s="10"/>
    </row>
    <row r="195037" spans="14:14">
      <c r="N195037" s="10"/>
    </row>
    <row r="195038" spans="14:14">
      <c r="N195038" s="10"/>
    </row>
    <row r="195039" spans="14:14">
      <c r="N195039" s="10"/>
    </row>
    <row r="195040" spans="14:14">
      <c r="N195040" s="10"/>
    </row>
    <row r="195041" spans="14:14">
      <c r="N195041" s="10"/>
    </row>
    <row r="195042" spans="14:14">
      <c r="N195042" s="10"/>
    </row>
    <row r="195043" spans="14:14">
      <c r="N195043" s="10"/>
    </row>
    <row r="195044" spans="14:14">
      <c r="N195044" s="10"/>
    </row>
    <row r="195045" spans="14:14">
      <c r="N195045" s="10"/>
    </row>
    <row r="195046" spans="14:14">
      <c r="N195046" s="10"/>
    </row>
    <row r="195047" spans="14:14">
      <c r="N195047" s="10"/>
    </row>
    <row r="195048" spans="14:14">
      <c r="N195048" s="10"/>
    </row>
    <row r="195049" spans="14:14">
      <c r="N195049" s="10"/>
    </row>
    <row r="195050" spans="14:14">
      <c r="N195050" s="10"/>
    </row>
    <row r="195051" spans="14:14">
      <c r="N195051" s="10"/>
    </row>
    <row r="195052" spans="14:14">
      <c r="N195052" s="10"/>
    </row>
    <row r="195053" spans="14:14">
      <c r="N195053" s="10"/>
    </row>
    <row r="195054" spans="14:14">
      <c r="N195054" s="10"/>
    </row>
    <row r="195055" spans="14:14">
      <c r="N195055" s="10"/>
    </row>
    <row r="195056" spans="14:14">
      <c r="N195056" s="10"/>
    </row>
    <row r="195057" spans="14:14">
      <c r="N195057" s="10"/>
    </row>
    <row r="195058" spans="14:14">
      <c r="N195058" s="10"/>
    </row>
    <row r="195059" spans="14:14">
      <c r="N195059" s="10"/>
    </row>
    <row r="195060" spans="14:14">
      <c r="N195060" s="10"/>
    </row>
    <row r="195061" spans="14:14">
      <c r="N195061" s="10"/>
    </row>
    <row r="195062" spans="14:14">
      <c r="N195062" s="10"/>
    </row>
    <row r="195063" spans="14:14">
      <c r="N195063" s="10"/>
    </row>
    <row r="195064" spans="14:14">
      <c r="N195064" s="10"/>
    </row>
    <row r="195065" spans="14:14">
      <c r="N195065" s="10"/>
    </row>
    <row r="195066" spans="14:14">
      <c r="N195066" s="10"/>
    </row>
    <row r="195067" spans="14:14">
      <c r="N195067" s="10"/>
    </row>
    <row r="195068" spans="14:14">
      <c r="N195068" s="10"/>
    </row>
    <row r="195069" spans="14:14">
      <c r="N195069" s="10"/>
    </row>
    <row r="195070" spans="14:14">
      <c r="N195070" s="10"/>
    </row>
    <row r="195071" spans="14:14">
      <c r="N195071" s="10"/>
    </row>
    <row r="195072" spans="14:14">
      <c r="N195072" s="10"/>
    </row>
    <row r="195073" spans="14:14">
      <c r="N195073" s="10"/>
    </row>
    <row r="195074" spans="14:14">
      <c r="N195074" s="10"/>
    </row>
    <row r="195075" spans="14:14">
      <c r="N195075" s="10"/>
    </row>
    <row r="195076" spans="14:14">
      <c r="N195076" s="10"/>
    </row>
    <row r="195077" spans="14:14">
      <c r="N195077" s="10"/>
    </row>
    <row r="195078" spans="14:14">
      <c r="N195078" s="10"/>
    </row>
    <row r="195079" spans="14:14">
      <c r="N195079" s="10"/>
    </row>
    <row r="195080" spans="14:14">
      <c r="N195080" s="10"/>
    </row>
    <row r="195081" spans="14:14">
      <c r="N195081" s="10"/>
    </row>
    <row r="195082" spans="14:14">
      <c r="N195082" s="10"/>
    </row>
    <row r="195083" spans="14:14">
      <c r="N195083" s="10"/>
    </row>
    <row r="195084" spans="14:14">
      <c r="N195084" s="10"/>
    </row>
    <row r="195085" spans="14:14">
      <c r="N195085" s="10"/>
    </row>
    <row r="195086" spans="14:14">
      <c r="N195086" s="10"/>
    </row>
    <row r="195087" spans="14:14">
      <c r="N195087" s="10"/>
    </row>
    <row r="195088" spans="14:14">
      <c r="N195088" s="10"/>
    </row>
    <row r="195089" spans="14:14">
      <c r="N195089" s="10"/>
    </row>
    <row r="195090" spans="14:14">
      <c r="N195090" s="10"/>
    </row>
    <row r="195091" spans="14:14">
      <c r="N195091" s="10"/>
    </row>
    <row r="195092" spans="14:14">
      <c r="N195092" s="10"/>
    </row>
    <row r="195093" spans="14:14">
      <c r="N195093" s="10"/>
    </row>
    <row r="195094" spans="14:14">
      <c r="N195094" s="10"/>
    </row>
    <row r="195095" spans="14:14">
      <c r="N195095" s="10"/>
    </row>
    <row r="195096" spans="14:14">
      <c r="N195096" s="10"/>
    </row>
    <row r="195097" spans="14:14">
      <c r="N195097" s="10"/>
    </row>
    <row r="195098" spans="14:14">
      <c r="N195098" s="10"/>
    </row>
    <row r="195099" spans="14:14">
      <c r="N195099" s="10"/>
    </row>
    <row r="195100" spans="14:14">
      <c r="N195100" s="10"/>
    </row>
    <row r="195101" spans="14:14">
      <c r="N195101" s="10"/>
    </row>
    <row r="195102" spans="14:14">
      <c r="N195102" s="10"/>
    </row>
    <row r="195103" spans="14:14">
      <c r="N195103" s="10"/>
    </row>
    <row r="195104" spans="14:14">
      <c r="N195104" s="10"/>
    </row>
    <row r="195105" spans="14:14">
      <c r="N195105" s="10"/>
    </row>
    <row r="195106" spans="14:14">
      <c r="N195106" s="10"/>
    </row>
    <row r="195107" spans="14:14">
      <c r="N195107" s="10"/>
    </row>
    <row r="195108" spans="14:14">
      <c r="N195108" s="10"/>
    </row>
    <row r="195109" spans="14:14">
      <c r="N195109" s="10"/>
    </row>
    <row r="195110" spans="14:14">
      <c r="N195110" s="10"/>
    </row>
    <row r="195111" spans="14:14">
      <c r="N195111" s="10"/>
    </row>
    <row r="195112" spans="14:14">
      <c r="N195112" s="10"/>
    </row>
    <row r="195113" spans="14:14">
      <c r="N195113" s="10"/>
    </row>
    <row r="195114" spans="14:14">
      <c r="N195114" s="10"/>
    </row>
    <row r="195115" spans="14:14">
      <c r="N195115" s="10"/>
    </row>
    <row r="195116" spans="14:14">
      <c r="N195116" s="10"/>
    </row>
    <row r="195117" spans="14:14">
      <c r="N195117" s="10"/>
    </row>
    <row r="195118" spans="14:14">
      <c r="N195118" s="10"/>
    </row>
    <row r="195119" spans="14:14">
      <c r="N195119" s="10"/>
    </row>
    <row r="195120" spans="14:14">
      <c r="N195120" s="10"/>
    </row>
    <row r="195121" spans="14:14">
      <c r="N195121" s="10"/>
    </row>
    <row r="195122" spans="14:14">
      <c r="N195122" s="10"/>
    </row>
    <row r="195123" spans="14:14">
      <c r="N195123" s="10"/>
    </row>
    <row r="195124" spans="14:14">
      <c r="N195124" s="10"/>
    </row>
    <row r="195125" spans="14:14">
      <c r="N195125" s="10"/>
    </row>
    <row r="195126" spans="14:14">
      <c r="N195126" s="10"/>
    </row>
    <row r="195127" spans="14:14">
      <c r="N195127" s="10"/>
    </row>
    <row r="195128" spans="14:14">
      <c r="N195128" s="10"/>
    </row>
    <row r="195129" spans="14:14">
      <c r="N195129" s="10"/>
    </row>
    <row r="195130" spans="14:14">
      <c r="N195130" s="10"/>
    </row>
    <row r="195131" spans="14:14">
      <c r="N195131" s="10"/>
    </row>
    <row r="195132" spans="14:14">
      <c r="N195132" s="10"/>
    </row>
    <row r="195133" spans="14:14">
      <c r="N195133" s="10"/>
    </row>
    <row r="195134" spans="14:14">
      <c r="N195134" s="10"/>
    </row>
    <row r="195135" spans="14:14">
      <c r="N195135" s="10"/>
    </row>
    <row r="195136" spans="14:14">
      <c r="N195136" s="10"/>
    </row>
    <row r="195137" spans="14:14">
      <c r="N195137" s="10"/>
    </row>
    <row r="195138" spans="14:14">
      <c r="N195138" s="10"/>
    </row>
    <row r="195139" spans="14:14">
      <c r="N195139" s="10"/>
    </row>
    <row r="195140" spans="14:14">
      <c r="N195140" s="10"/>
    </row>
    <row r="195141" spans="14:14">
      <c r="N195141" s="10"/>
    </row>
    <row r="195142" spans="14:14">
      <c r="N195142" s="10"/>
    </row>
    <row r="195143" spans="14:14">
      <c r="N195143" s="10"/>
    </row>
    <row r="195144" spans="14:14">
      <c r="N195144" s="10"/>
    </row>
    <row r="195145" spans="14:14">
      <c r="N195145" s="10"/>
    </row>
    <row r="195146" spans="14:14">
      <c r="N195146" s="10"/>
    </row>
    <row r="195147" spans="14:14">
      <c r="N195147" s="10"/>
    </row>
    <row r="195148" spans="14:14">
      <c r="N195148" s="10"/>
    </row>
    <row r="195149" spans="14:14">
      <c r="N195149" s="10"/>
    </row>
    <row r="195150" spans="14:14">
      <c r="N195150" s="10"/>
    </row>
    <row r="195151" spans="14:14">
      <c r="N195151" s="10"/>
    </row>
    <row r="195152" spans="14:14">
      <c r="N195152" s="10"/>
    </row>
    <row r="195153" spans="14:14">
      <c r="N195153" s="10"/>
    </row>
    <row r="195154" spans="14:14">
      <c r="N195154" s="10"/>
    </row>
    <row r="195155" spans="14:14">
      <c r="N195155" s="10"/>
    </row>
    <row r="195156" spans="14:14">
      <c r="N195156" s="10"/>
    </row>
    <row r="195157" spans="14:14">
      <c r="N195157" s="10"/>
    </row>
    <row r="195158" spans="14:14">
      <c r="N195158" s="10"/>
    </row>
    <row r="195159" spans="14:14">
      <c r="N195159" s="10"/>
    </row>
    <row r="195160" spans="14:14">
      <c r="N195160" s="10"/>
    </row>
    <row r="195161" spans="14:14">
      <c r="N195161" s="10"/>
    </row>
    <row r="195162" spans="14:14">
      <c r="N195162" s="10"/>
    </row>
    <row r="195163" spans="14:14">
      <c r="N195163" s="10"/>
    </row>
    <row r="195164" spans="14:14">
      <c r="N195164" s="10"/>
    </row>
    <row r="195165" spans="14:14">
      <c r="N195165" s="10"/>
    </row>
    <row r="195166" spans="14:14">
      <c r="N195166" s="10"/>
    </row>
    <row r="195167" spans="14:14">
      <c r="N195167" s="10"/>
    </row>
    <row r="195168" spans="14:14">
      <c r="N195168" s="10"/>
    </row>
    <row r="195169" spans="14:14">
      <c r="N195169" s="10"/>
    </row>
    <row r="195170" spans="14:14">
      <c r="N195170" s="10"/>
    </row>
    <row r="195171" spans="14:14">
      <c r="N195171" s="10"/>
    </row>
    <row r="195172" spans="14:14">
      <c r="N195172" s="10"/>
    </row>
    <row r="195173" spans="14:14">
      <c r="N195173" s="10"/>
    </row>
    <row r="195174" spans="14:14">
      <c r="N195174" s="10"/>
    </row>
    <row r="195175" spans="14:14">
      <c r="N195175" s="10"/>
    </row>
    <row r="195176" spans="14:14">
      <c r="N195176" s="10"/>
    </row>
    <row r="195177" spans="14:14">
      <c r="N195177" s="10"/>
    </row>
    <row r="195178" spans="14:14">
      <c r="N195178" s="10"/>
    </row>
    <row r="195179" spans="14:14">
      <c r="N195179" s="10"/>
    </row>
    <row r="195180" spans="14:14">
      <c r="N195180" s="10"/>
    </row>
    <row r="195181" spans="14:14">
      <c r="N195181" s="10"/>
    </row>
    <row r="195182" spans="14:14">
      <c r="N195182" s="10"/>
    </row>
    <row r="195183" spans="14:14">
      <c r="N195183" s="10"/>
    </row>
    <row r="195184" spans="14:14">
      <c r="N195184" s="10"/>
    </row>
    <row r="195185" spans="14:14">
      <c r="N195185" s="10"/>
    </row>
    <row r="195186" spans="14:14">
      <c r="N195186" s="10"/>
    </row>
    <row r="195187" spans="14:14">
      <c r="N195187" s="10"/>
    </row>
    <row r="195188" spans="14:14">
      <c r="N195188" s="10"/>
    </row>
    <row r="195189" spans="14:14">
      <c r="N195189" s="10"/>
    </row>
    <row r="195190" spans="14:14">
      <c r="N195190" s="10"/>
    </row>
    <row r="195191" spans="14:14">
      <c r="N195191" s="10"/>
    </row>
    <row r="195192" spans="14:14">
      <c r="N195192" s="10"/>
    </row>
    <row r="195193" spans="14:14">
      <c r="N195193" s="10"/>
    </row>
    <row r="195194" spans="14:14">
      <c r="N195194" s="10"/>
    </row>
    <row r="195195" spans="14:14">
      <c r="N195195" s="10"/>
    </row>
    <row r="195196" spans="14:14">
      <c r="N195196" s="10"/>
    </row>
    <row r="195197" spans="14:14">
      <c r="N195197" s="10"/>
    </row>
    <row r="195198" spans="14:14">
      <c r="N195198" s="10"/>
    </row>
    <row r="195199" spans="14:14">
      <c r="N195199" s="10"/>
    </row>
    <row r="195200" spans="14:14">
      <c r="N195200" s="10"/>
    </row>
    <row r="195201" spans="14:14">
      <c r="N195201" s="10"/>
    </row>
    <row r="195202" spans="14:14">
      <c r="N195202" s="10"/>
    </row>
    <row r="195203" spans="14:14">
      <c r="N195203" s="10"/>
    </row>
    <row r="195204" spans="14:14">
      <c r="N195204" s="10"/>
    </row>
    <row r="195205" spans="14:14">
      <c r="N195205" s="10"/>
    </row>
    <row r="195206" spans="14:14">
      <c r="N195206" s="10"/>
    </row>
    <row r="195207" spans="14:14">
      <c r="N195207" s="10"/>
    </row>
    <row r="195208" spans="14:14">
      <c r="N195208" s="10"/>
    </row>
    <row r="195209" spans="14:14">
      <c r="N195209" s="10"/>
    </row>
    <row r="195210" spans="14:14">
      <c r="N195210" s="10"/>
    </row>
    <row r="195211" spans="14:14">
      <c r="N195211" s="10"/>
    </row>
    <row r="195212" spans="14:14">
      <c r="N195212" s="10"/>
    </row>
    <row r="195213" spans="14:14">
      <c r="N195213" s="10"/>
    </row>
    <row r="195214" spans="14:14">
      <c r="N195214" s="10"/>
    </row>
    <row r="195215" spans="14:14">
      <c r="N195215" s="10"/>
    </row>
    <row r="195216" spans="14:14">
      <c r="N195216" s="10"/>
    </row>
    <row r="195217" spans="14:14">
      <c r="N195217" s="10"/>
    </row>
    <row r="195218" spans="14:14">
      <c r="N195218" s="10"/>
    </row>
    <row r="195219" spans="14:14">
      <c r="N195219" s="10"/>
    </row>
    <row r="195220" spans="14:14">
      <c r="N195220" s="10"/>
    </row>
    <row r="195221" spans="14:14">
      <c r="N195221" s="10"/>
    </row>
    <row r="195222" spans="14:14">
      <c r="N195222" s="10"/>
    </row>
    <row r="195223" spans="14:14">
      <c r="N195223" s="10"/>
    </row>
    <row r="195224" spans="14:14">
      <c r="N195224" s="10"/>
    </row>
    <row r="195225" spans="14:14">
      <c r="N195225" s="10"/>
    </row>
    <row r="195226" spans="14:14">
      <c r="N195226" s="10"/>
    </row>
    <row r="195227" spans="14:14">
      <c r="N195227" s="10"/>
    </row>
    <row r="195228" spans="14:14">
      <c r="N195228" s="10"/>
    </row>
    <row r="195229" spans="14:14">
      <c r="N195229" s="10"/>
    </row>
    <row r="195230" spans="14:14">
      <c r="N195230" s="10"/>
    </row>
    <row r="195231" spans="14:14">
      <c r="N195231" s="10"/>
    </row>
    <row r="195232" spans="14:14">
      <c r="N195232" s="10"/>
    </row>
    <row r="195233" spans="14:14">
      <c r="N195233" s="10"/>
    </row>
    <row r="195234" spans="14:14">
      <c r="N195234" s="10"/>
    </row>
    <row r="195235" spans="14:14">
      <c r="N195235" s="10"/>
    </row>
    <row r="195236" spans="14:14">
      <c r="N195236" s="10"/>
    </row>
    <row r="195237" spans="14:14">
      <c r="N195237" s="10"/>
    </row>
    <row r="195238" spans="14:14">
      <c r="N195238" s="10"/>
    </row>
    <row r="195239" spans="14:14">
      <c r="N195239" s="10"/>
    </row>
    <row r="195240" spans="14:14">
      <c r="N195240" s="10"/>
    </row>
    <row r="195241" spans="14:14">
      <c r="N195241" s="10"/>
    </row>
    <row r="195242" spans="14:14">
      <c r="N195242" s="10"/>
    </row>
    <row r="195243" spans="14:14">
      <c r="N195243" s="10"/>
    </row>
    <row r="195244" spans="14:14">
      <c r="N195244" s="10"/>
    </row>
    <row r="195245" spans="14:14">
      <c r="N195245" s="10"/>
    </row>
    <row r="195246" spans="14:14">
      <c r="N195246" s="10"/>
    </row>
    <row r="195247" spans="14:14">
      <c r="N195247" s="10"/>
    </row>
    <row r="195248" spans="14:14">
      <c r="N195248" s="10"/>
    </row>
    <row r="195249" spans="14:14">
      <c r="N195249" s="10"/>
    </row>
    <row r="195250" spans="14:14">
      <c r="N195250" s="10"/>
    </row>
    <row r="195251" spans="14:14">
      <c r="N195251" s="10"/>
    </row>
    <row r="195252" spans="14:14">
      <c r="N195252" s="10"/>
    </row>
    <row r="195253" spans="14:14">
      <c r="N195253" s="10"/>
    </row>
    <row r="195254" spans="14:14">
      <c r="N195254" s="10"/>
    </row>
    <row r="195255" spans="14:14">
      <c r="N195255" s="10"/>
    </row>
    <row r="195256" spans="14:14">
      <c r="N195256" s="10"/>
    </row>
    <row r="195257" spans="14:14">
      <c r="N195257" s="10"/>
    </row>
    <row r="195258" spans="14:14">
      <c r="N195258" s="10"/>
    </row>
    <row r="195259" spans="14:14">
      <c r="N195259" s="10"/>
    </row>
    <row r="195260" spans="14:14">
      <c r="N195260" s="10"/>
    </row>
    <row r="195261" spans="14:14">
      <c r="N195261" s="10"/>
    </row>
    <row r="195262" spans="14:14">
      <c r="N195262" s="10"/>
    </row>
    <row r="195263" spans="14:14">
      <c r="N195263" s="10"/>
    </row>
    <row r="195264" spans="14:14">
      <c r="N195264" s="10"/>
    </row>
    <row r="195265" spans="14:14">
      <c r="N195265" s="10"/>
    </row>
    <row r="195266" spans="14:14">
      <c r="N195266" s="10"/>
    </row>
    <row r="195267" spans="14:14">
      <c r="N195267" s="10"/>
    </row>
    <row r="195268" spans="14:14">
      <c r="N195268" s="10"/>
    </row>
    <row r="195269" spans="14:14">
      <c r="N195269" s="10"/>
    </row>
    <row r="195270" spans="14:14">
      <c r="N195270" s="10"/>
    </row>
    <row r="195271" spans="14:14">
      <c r="N195271" s="10"/>
    </row>
    <row r="195272" spans="14:14">
      <c r="N195272" s="10"/>
    </row>
    <row r="195273" spans="14:14">
      <c r="N195273" s="10"/>
    </row>
    <row r="195274" spans="14:14">
      <c r="N195274" s="10"/>
    </row>
    <row r="195275" spans="14:14">
      <c r="N195275" s="10"/>
    </row>
    <row r="195276" spans="14:14">
      <c r="N195276" s="10"/>
    </row>
    <row r="195277" spans="14:14">
      <c r="N195277" s="10"/>
    </row>
    <row r="195278" spans="14:14">
      <c r="N195278" s="10"/>
    </row>
    <row r="195279" spans="14:14">
      <c r="N195279" s="10"/>
    </row>
    <row r="195280" spans="14:14">
      <c r="N195280" s="10"/>
    </row>
    <row r="195281" spans="14:14">
      <c r="N195281" s="10"/>
    </row>
    <row r="195282" spans="14:14">
      <c r="N195282" s="10"/>
    </row>
    <row r="195283" spans="14:14">
      <c r="N195283" s="10"/>
    </row>
    <row r="195284" spans="14:14">
      <c r="N195284" s="10"/>
    </row>
    <row r="195285" spans="14:14">
      <c r="N195285" s="10"/>
    </row>
    <row r="195286" spans="14:14">
      <c r="N195286" s="10"/>
    </row>
    <row r="195287" spans="14:14">
      <c r="N195287" s="10"/>
    </row>
    <row r="195288" spans="14:14">
      <c r="N195288" s="10"/>
    </row>
    <row r="195289" spans="14:14">
      <c r="N195289" s="10"/>
    </row>
    <row r="195290" spans="14:14">
      <c r="N195290" s="10"/>
    </row>
    <row r="195291" spans="14:14">
      <c r="N195291" s="10"/>
    </row>
    <row r="195292" spans="14:14">
      <c r="N195292" s="10"/>
    </row>
    <row r="195293" spans="14:14">
      <c r="N195293" s="10"/>
    </row>
    <row r="195294" spans="14:14">
      <c r="N195294" s="10"/>
    </row>
    <row r="195295" spans="14:14">
      <c r="N195295" s="10"/>
    </row>
    <row r="195296" spans="14:14">
      <c r="N195296" s="10"/>
    </row>
    <row r="195297" spans="14:14">
      <c r="N195297" s="10"/>
    </row>
    <row r="195298" spans="14:14">
      <c r="N195298" s="10"/>
    </row>
    <row r="195299" spans="14:14">
      <c r="N195299" s="10"/>
    </row>
    <row r="195300" spans="14:14">
      <c r="N195300" s="10"/>
    </row>
    <row r="195301" spans="14:14">
      <c r="N195301" s="10"/>
    </row>
    <row r="195302" spans="14:14">
      <c r="N195302" s="10"/>
    </row>
    <row r="195303" spans="14:14">
      <c r="N195303" s="10"/>
    </row>
    <row r="195304" spans="14:14">
      <c r="N195304" s="10"/>
    </row>
    <row r="195305" spans="14:14">
      <c r="N195305" s="10"/>
    </row>
    <row r="195306" spans="14:14">
      <c r="N195306" s="10"/>
    </row>
    <row r="195307" spans="14:14">
      <c r="N195307" s="10"/>
    </row>
    <row r="195308" spans="14:14">
      <c r="N195308" s="10"/>
    </row>
    <row r="195309" spans="14:14">
      <c r="N195309" s="10"/>
    </row>
    <row r="195310" spans="14:14">
      <c r="N195310" s="10"/>
    </row>
    <row r="195311" spans="14:14">
      <c r="N195311" s="10"/>
    </row>
    <row r="195312" spans="14:14">
      <c r="N195312" s="10"/>
    </row>
    <row r="195313" spans="14:14">
      <c r="N195313" s="10"/>
    </row>
    <row r="195314" spans="14:14">
      <c r="N195314" s="10"/>
    </row>
    <row r="195315" spans="14:14">
      <c r="N195315" s="10"/>
    </row>
    <row r="195316" spans="14:14">
      <c r="N195316" s="10"/>
    </row>
    <row r="195317" spans="14:14">
      <c r="N195317" s="10"/>
    </row>
    <row r="195318" spans="14:14">
      <c r="N195318" s="10"/>
    </row>
    <row r="195319" spans="14:14">
      <c r="N195319" s="10"/>
    </row>
    <row r="195320" spans="14:14">
      <c r="N195320" s="10"/>
    </row>
    <row r="195321" spans="14:14">
      <c r="N195321" s="10"/>
    </row>
    <row r="195322" spans="14:14">
      <c r="N195322" s="10"/>
    </row>
    <row r="195323" spans="14:14">
      <c r="N195323" s="10"/>
    </row>
    <row r="195324" spans="14:14">
      <c r="N195324" s="10"/>
    </row>
    <row r="195325" spans="14:14">
      <c r="N195325" s="10"/>
    </row>
    <row r="195326" spans="14:14">
      <c r="N195326" s="10"/>
    </row>
    <row r="195327" spans="14:14">
      <c r="N195327" s="10"/>
    </row>
    <row r="195328" spans="14:14">
      <c r="N195328" s="10"/>
    </row>
    <row r="195329" spans="14:14">
      <c r="N195329" s="10"/>
    </row>
    <row r="195330" spans="14:14">
      <c r="N195330" s="10"/>
    </row>
    <row r="195331" spans="14:14">
      <c r="N195331" s="10"/>
    </row>
    <row r="195332" spans="14:14">
      <c r="N195332" s="10"/>
    </row>
    <row r="195333" spans="14:14">
      <c r="N195333" s="10"/>
    </row>
    <row r="195334" spans="14:14">
      <c r="N195334" s="10"/>
    </row>
    <row r="195335" spans="14:14">
      <c r="N195335" s="10"/>
    </row>
    <row r="195336" spans="14:14">
      <c r="N195336" s="10"/>
    </row>
    <row r="195337" spans="14:14">
      <c r="N195337" s="10"/>
    </row>
    <row r="195338" spans="14:14">
      <c r="N195338" s="10"/>
    </row>
    <row r="195339" spans="14:14">
      <c r="N195339" s="10"/>
    </row>
    <row r="195340" spans="14:14">
      <c r="N195340" s="10"/>
    </row>
    <row r="195341" spans="14:14">
      <c r="N195341" s="10"/>
    </row>
    <row r="195342" spans="14:14">
      <c r="N195342" s="10"/>
    </row>
    <row r="195343" spans="14:14">
      <c r="N195343" s="10"/>
    </row>
    <row r="195344" spans="14:14">
      <c r="N195344" s="10"/>
    </row>
    <row r="195345" spans="14:14">
      <c r="N195345" s="10"/>
    </row>
    <row r="195346" spans="14:14">
      <c r="N195346" s="10"/>
    </row>
    <row r="195347" spans="14:14">
      <c r="N195347" s="10"/>
    </row>
    <row r="195348" spans="14:14">
      <c r="N195348" s="10"/>
    </row>
    <row r="195349" spans="14:14">
      <c r="N195349" s="10"/>
    </row>
    <row r="195350" spans="14:14">
      <c r="N195350" s="10"/>
    </row>
    <row r="195351" spans="14:14">
      <c r="N195351" s="10"/>
    </row>
    <row r="195352" spans="14:14">
      <c r="N195352" s="10"/>
    </row>
    <row r="195353" spans="14:14">
      <c r="N195353" s="10"/>
    </row>
    <row r="195354" spans="14:14">
      <c r="N195354" s="10"/>
    </row>
    <row r="195355" spans="14:14">
      <c r="N195355" s="10"/>
    </row>
    <row r="195356" spans="14:14">
      <c r="N195356" s="10"/>
    </row>
    <row r="195357" spans="14:14">
      <c r="N195357" s="10"/>
    </row>
    <row r="195358" spans="14:14">
      <c r="N195358" s="10"/>
    </row>
    <row r="195359" spans="14:14">
      <c r="N195359" s="10"/>
    </row>
    <row r="195360" spans="14:14">
      <c r="N195360" s="10"/>
    </row>
    <row r="195361" spans="14:14">
      <c r="N195361" s="10"/>
    </row>
    <row r="195362" spans="14:14">
      <c r="N195362" s="10"/>
    </row>
    <row r="195363" spans="14:14">
      <c r="N195363" s="10"/>
    </row>
    <row r="195364" spans="14:14">
      <c r="N195364" s="10"/>
    </row>
    <row r="195365" spans="14:14">
      <c r="N195365" s="10"/>
    </row>
    <row r="195366" spans="14:14">
      <c r="N195366" s="10"/>
    </row>
    <row r="195367" spans="14:14">
      <c r="N195367" s="10"/>
    </row>
    <row r="195368" spans="14:14">
      <c r="N195368" s="10"/>
    </row>
    <row r="195369" spans="14:14">
      <c r="N195369" s="10"/>
    </row>
    <row r="195370" spans="14:14">
      <c r="N195370" s="10"/>
    </row>
    <row r="195371" spans="14:14">
      <c r="N195371" s="10"/>
    </row>
    <row r="195372" spans="14:14">
      <c r="N195372" s="10"/>
    </row>
    <row r="195373" spans="14:14">
      <c r="N195373" s="10"/>
    </row>
    <row r="195374" spans="14:14">
      <c r="N195374" s="10"/>
    </row>
    <row r="195375" spans="14:14">
      <c r="N195375" s="10"/>
    </row>
    <row r="195376" spans="14:14">
      <c r="N195376" s="10"/>
    </row>
    <row r="195377" spans="14:14">
      <c r="N195377" s="10"/>
    </row>
    <row r="195378" spans="14:14">
      <c r="N195378" s="10"/>
    </row>
    <row r="195379" spans="14:14">
      <c r="N195379" s="10"/>
    </row>
    <row r="195380" spans="14:14">
      <c r="N195380" s="10"/>
    </row>
    <row r="195381" spans="14:14">
      <c r="N195381" s="10"/>
    </row>
    <row r="195382" spans="14:14">
      <c r="N195382" s="10"/>
    </row>
    <row r="195383" spans="14:14">
      <c r="N195383" s="10"/>
    </row>
    <row r="195384" spans="14:14">
      <c r="N195384" s="10"/>
    </row>
    <row r="195385" spans="14:14">
      <c r="N195385" s="10"/>
    </row>
    <row r="195386" spans="14:14">
      <c r="N195386" s="10"/>
    </row>
    <row r="195387" spans="14:14">
      <c r="N195387" s="10"/>
    </row>
    <row r="195388" spans="14:14">
      <c r="N195388" s="10"/>
    </row>
    <row r="195389" spans="14:14">
      <c r="N195389" s="10"/>
    </row>
    <row r="195390" spans="14:14">
      <c r="N195390" s="10"/>
    </row>
    <row r="195391" spans="14:14">
      <c r="N195391" s="10"/>
    </row>
    <row r="195392" spans="14:14">
      <c r="N195392" s="10"/>
    </row>
    <row r="195393" spans="14:14">
      <c r="N195393" s="10"/>
    </row>
    <row r="195394" spans="14:14">
      <c r="N195394" s="10"/>
    </row>
    <row r="195395" spans="14:14">
      <c r="N195395" s="10"/>
    </row>
    <row r="195396" spans="14:14">
      <c r="N195396" s="10"/>
    </row>
    <row r="195397" spans="14:14">
      <c r="N195397" s="10"/>
    </row>
    <row r="195398" spans="14:14">
      <c r="N195398" s="10"/>
    </row>
    <row r="195399" spans="14:14">
      <c r="N195399" s="10"/>
    </row>
    <row r="195400" spans="14:14">
      <c r="N195400" s="10"/>
    </row>
    <row r="195401" spans="14:14">
      <c r="N195401" s="10"/>
    </row>
    <row r="195402" spans="14:14">
      <c r="N195402" s="10"/>
    </row>
    <row r="195403" spans="14:14">
      <c r="N195403" s="10"/>
    </row>
    <row r="195404" spans="14:14">
      <c r="N195404" s="10"/>
    </row>
    <row r="195405" spans="14:14">
      <c r="N195405" s="10"/>
    </row>
    <row r="195406" spans="14:14">
      <c r="N195406" s="10"/>
    </row>
    <row r="195407" spans="14:14">
      <c r="N195407" s="10"/>
    </row>
    <row r="195408" spans="14:14">
      <c r="N195408" s="10"/>
    </row>
    <row r="195409" spans="14:14">
      <c r="N195409" s="10"/>
    </row>
    <row r="195410" spans="14:14">
      <c r="N195410" s="10"/>
    </row>
    <row r="195411" spans="14:14">
      <c r="N195411" s="10"/>
    </row>
    <row r="195412" spans="14:14">
      <c r="N195412" s="10"/>
    </row>
    <row r="195413" spans="14:14">
      <c r="N195413" s="10"/>
    </row>
    <row r="195414" spans="14:14">
      <c r="N195414" s="10"/>
    </row>
    <row r="195415" spans="14:14">
      <c r="N195415" s="10"/>
    </row>
    <row r="195416" spans="14:14">
      <c r="N195416" s="10"/>
    </row>
    <row r="195417" spans="14:14">
      <c r="N195417" s="10"/>
    </row>
    <row r="195418" spans="14:14">
      <c r="N195418" s="10"/>
    </row>
    <row r="195419" spans="14:14">
      <c r="N195419" s="10"/>
    </row>
    <row r="195420" spans="14:14">
      <c r="N195420" s="10"/>
    </row>
    <row r="195421" spans="14:14">
      <c r="N195421" s="10"/>
    </row>
    <row r="195422" spans="14:14">
      <c r="N195422" s="10"/>
    </row>
    <row r="195423" spans="14:14">
      <c r="N195423" s="10"/>
    </row>
    <row r="195424" spans="14:14">
      <c r="N195424" s="10"/>
    </row>
    <row r="195425" spans="14:14">
      <c r="N195425" s="10"/>
    </row>
    <row r="195426" spans="14:14">
      <c r="N195426" s="10"/>
    </row>
    <row r="195427" spans="14:14">
      <c r="N195427" s="10"/>
    </row>
    <row r="195428" spans="14:14">
      <c r="N195428" s="10"/>
    </row>
    <row r="195429" spans="14:14">
      <c r="N195429" s="10"/>
    </row>
    <row r="195430" spans="14:14">
      <c r="N195430" s="10"/>
    </row>
    <row r="195431" spans="14:14">
      <c r="N195431" s="10"/>
    </row>
    <row r="195432" spans="14:14">
      <c r="N195432" s="10"/>
    </row>
    <row r="195433" spans="14:14">
      <c r="N195433" s="10"/>
    </row>
    <row r="195434" spans="14:14">
      <c r="N195434" s="10"/>
    </row>
    <row r="195435" spans="14:14">
      <c r="N195435" s="10"/>
    </row>
    <row r="195436" spans="14:14">
      <c r="N195436" s="10"/>
    </row>
    <row r="195437" spans="14:14">
      <c r="N195437" s="10"/>
    </row>
    <row r="195438" spans="14:14">
      <c r="N195438" s="10"/>
    </row>
    <row r="195439" spans="14:14">
      <c r="N195439" s="10"/>
    </row>
    <row r="195440" spans="14:14">
      <c r="N195440" s="10"/>
    </row>
    <row r="195441" spans="14:14">
      <c r="N195441" s="10"/>
    </row>
    <row r="195442" spans="14:14">
      <c r="N195442" s="10"/>
    </row>
    <row r="195443" spans="14:14">
      <c r="N195443" s="10"/>
    </row>
    <row r="195444" spans="14:14">
      <c r="N195444" s="10"/>
    </row>
    <row r="195445" spans="14:14">
      <c r="N195445" s="10"/>
    </row>
    <row r="195446" spans="14:14">
      <c r="N195446" s="10"/>
    </row>
    <row r="195447" spans="14:14">
      <c r="N195447" s="10"/>
    </row>
    <row r="195448" spans="14:14">
      <c r="N195448" s="10"/>
    </row>
    <row r="195449" spans="14:14">
      <c r="N195449" s="10"/>
    </row>
    <row r="195450" spans="14:14">
      <c r="N195450" s="10"/>
    </row>
    <row r="195451" spans="14:14">
      <c r="N195451" s="10"/>
    </row>
    <row r="195452" spans="14:14">
      <c r="N195452" s="10"/>
    </row>
    <row r="195453" spans="14:14">
      <c r="N195453" s="10"/>
    </row>
    <row r="195454" spans="14:14">
      <c r="N195454" s="10"/>
    </row>
    <row r="195455" spans="14:14">
      <c r="N195455" s="10"/>
    </row>
    <row r="195456" spans="14:14">
      <c r="N195456" s="10"/>
    </row>
    <row r="195457" spans="14:14">
      <c r="N195457" s="10"/>
    </row>
    <row r="195458" spans="14:14">
      <c r="N195458" s="10"/>
    </row>
    <row r="195459" spans="14:14">
      <c r="N195459" s="10"/>
    </row>
    <row r="195460" spans="14:14">
      <c r="N195460" s="10"/>
    </row>
    <row r="195461" spans="14:14">
      <c r="N195461" s="10"/>
    </row>
    <row r="195462" spans="14:14">
      <c r="N195462" s="10"/>
    </row>
    <row r="195463" spans="14:14">
      <c r="N195463" s="10"/>
    </row>
    <row r="195464" spans="14:14">
      <c r="N195464" s="10"/>
    </row>
    <row r="195465" spans="14:14">
      <c r="N195465" s="10"/>
    </row>
    <row r="195466" spans="14:14">
      <c r="N195466" s="10"/>
    </row>
    <row r="195467" spans="14:14">
      <c r="N195467" s="10"/>
    </row>
    <row r="195468" spans="14:14">
      <c r="N195468" s="10"/>
    </row>
    <row r="195469" spans="14:14">
      <c r="N195469" s="10"/>
    </row>
    <row r="195470" spans="14:14">
      <c r="N195470" s="10"/>
    </row>
    <row r="195471" spans="14:14">
      <c r="N195471" s="10"/>
    </row>
    <row r="195472" spans="14:14">
      <c r="N195472" s="10"/>
    </row>
    <row r="195473" spans="14:14">
      <c r="N195473" s="10"/>
    </row>
    <row r="195474" spans="14:14">
      <c r="N195474" s="10"/>
    </row>
    <row r="195475" spans="14:14">
      <c r="N195475" s="10"/>
    </row>
    <row r="195476" spans="14:14">
      <c r="N195476" s="10"/>
    </row>
    <row r="195477" spans="14:14">
      <c r="N195477" s="10"/>
    </row>
    <row r="195478" spans="14:14">
      <c r="N195478" s="10"/>
    </row>
    <row r="195479" spans="14:14">
      <c r="N195479" s="10"/>
    </row>
    <row r="195480" spans="14:14">
      <c r="N195480" s="10"/>
    </row>
    <row r="195481" spans="14:14">
      <c r="N195481" s="10"/>
    </row>
    <row r="195482" spans="14:14">
      <c r="N195482" s="10"/>
    </row>
    <row r="195483" spans="14:14">
      <c r="N195483" s="10"/>
    </row>
    <row r="195484" spans="14:14">
      <c r="N195484" s="10"/>
    </row>
    <row r="195485" spans="14:14">
      <c r="N195485" s="10"/>
    </row>
    <row r="195486" spans="14:14">
      <c r="N195486" s="10"/>
    </row>
    <row r="195487" spans="14:14">
      <c r="N195487" s="10"/>
    </row>
    <row r="195488" spans="14:14">
      <c r="N195488" s="10"/>
    </row>
    <row r="195489" spans="14:14">
      <c r="N195489" s="10"/>
    </row>
    <row r="195490" spans="14:14">
      <c r="N195490" s="10"/>
    </row>
    <row r="195491" spans="14:14">
      <c r="N195491" s="10"/>
    </row>
    <row r="195492" spans="14:14">
      <c r="N195492" s="10"/>
    </row>
    <row r="195493" spans="14:14">
      <c r="N195493" s="10"/>
    </row>
    <row r="195494" spans="14:14">
      <c r="N195494" s="10"/>
    </row>
    <row r="195495" spans="14:14">
      <c r="N195495" s="10"/>
    </row>
    <row r="195496" spans="14:14">
      <c r="N195496" s="10"/>
    </row>
    <row r="195497" spans="14:14">
      <c r="N195497" s="10"/>
    </row>
    <row r="195498" spans="14:14">
      <c r="N195498" s="10"/>
    </row>
    <row r="195499" spans="14:14">
      <c r="N195499" s="10"/>
    </row>
    <row r="195500" spans="14:14">
      <c r="N195500" s="10"/>
    </row>
    <row r="195501" spans="14:14">
      <c r="N195501" s="10"/>
    </row>
    <row r="195502" spans="14:14">
      <c r="N195502" s="10"/>
    </row>
    <row r="195503" spans="14:14">
      <c r="N195503" s="10"/>
    </row>
    <row r="195504" spans="14:14">
      <c r="N195504" s="10"/>
    </row>
    <row r="195505" spans="14:14">
      <c r="N195505" s="10"/>
    </row>
    <row r="195506" spans="14:14">
      <c r="N195506" s="10"/>
    </row>
    <row r="195507" spans="14:14">
      <c r="N195507" s="10"/>
    </row>
    <row r="195508" spans="14:14">
      <c r="N195508" s="10"/>
    </row>
    <row r="195509" spans="14:14">
      <c r="N195509" s="10"/>
    </row>
    <row r="195510" spans="14:14">
      <c r="N195510" s="10"/>
    </row>
    <row r="195511" spans="14:14">
      <c r="N195511" s="10"/>
    </row>
    <row r="195512" spans="14:14">
      <c r="N195512" s="10"/>
    </row>
    <row r="195513" spans="14:14">
      <c r="N195513" s="10"/>
    </row>
    <row r="195514" spans="14:14">
      <c r="N195514" s="10"/>
    </row>
    <row r="195515" spans="14:14">
      <c r="N195515" s="10"/>
    </row>
    <row r="195516" spans="14:14">
      <c r="N195516" s="10"/>
    </row>
    <row r="195517" spans="14:14">
      <c r="N195517" s="10"/>
    </row>
    <row r="195518" spans="14:14">
      <c r="N195518" s="10"/>
    </row>
    <row r="195519" spans="14:14">
      <c r="N195519" s="10"/>
    </row>
    <row r="195520" spans="14:14">
      <c r="N195520" s="10"/>
    </row>
    <row r="195521" spans="14:14">
      <c r="N195521" s="10"/>
    </row>
    <row r="195522" spans="14:14">
      <c r="N195522" s="10"/>
    </row>
    <row r="195523" spans="14:14">
      <c r="N195523" s="10"/>
    </row>
    <row r="195524" spans="14:14">
      <c r="N195524" s="10"/>
    </row>
    <row r="195525" spans="14:14">
      <c r="N195525" s="10"/>
    </row>
    <row r="195526" spans="14:14">
      <c r="N195526" s="10"/>
    </row>
    <row r="195527" spans="14:14">
      <c r="N195527" s="10"/>
    </row>
    <row r="195528" spans="14:14">
      <c r="N195528" s="10"/>
    </row>
    <row r="195529" spans="14:14">
      <c r="N195529" s="10"/>
    </row>
    <row r="195530" spans="14:14">
      <c r="N195530" s="10"/>
    </row>
    <row r="195531" spans="14:14">
      <c r="N195531" s="10"/>
    </row>
    <row r="195532" spans="14:14">
      <c r="N195532" s="10"/>
    </row>
    <row r="195533" spans="14:14">
      <c r="N195533" s="10"/>
    </row>
    <row r="195534" spans="14:14">
      <c r="N195534" s="10"/>
    </row>
    <row r="195535" spans="14:14">
      <c r="N195535" s="10"/>
    </row>
    <row r="195536" spans="14:14">
      <c r="N195536" s="10"/>
    </row>
    <row r="195537" spans="14:14">
      <c r="N195537" s="10"/>
    </row>
    <row r="195538" spans="14:14">
      <c r="N195538" s="10"/>
    </row>
    <row r="195539" spans="14:14">
      <c r="N195539" s="10"/>
    </row>
    <row r="195540" spans="14:14">
      <c r="N195540" s="10"/>
    </row>
    <row r="195541" spans="14:14">
      <c r="N195541" s="10"/>
    </row>
    <row r="195542" spans="14:14">
      <c r="N195542" s="10"/>
    </row>
    <row r="195543" spans="14:14">
      <c r="N195543" s="10"/>
    </row>
    <row r="195544" spans="14:14">
      <c r="N195544" s="10"/>
    </row>
    <row r="195545" spans="14:14">
      <c r="N195545" s="10"/>
    </row>
    <row r="195546" spans="14:14">
      <c r="N195546" s="10"/>
    </row>
    <row r="195547" spans="14:14">
      <c r="N195547" s="10"/>
    </row>
    <row r="195548" spans="14:14">
      <c r="N195548" s="10"/>
    </row>
    <row r="195549" spans="14:14">
      <c r="N195549" s="10"/>
    </row>
    <row r="195550" spans="14:14">
      <c r="N195550" s="10"/>
    </row>
    <row r="195551" spans="14:14">
      <c r="N195551" s="10"/>
    </row>
    <row r="195552" spans="14:14">
      <c r="N195552" s="10"/>
    </row>
    <row r="195553" spans="14:14">
      <c r="N195553" s="10"/>
    </row>
    <row r="195554" spans="14:14">
      <c r="N195554" s="10"/>
    </row>
    <row r="195555" spans="14:14">
      <c r="N195555" s="10"/>
    </row>
    <row r="195556" spans="14:14">
      <c r="N195556" s="10"/>
    </row>
    <row r="195557" spans="14:14">
      <c r="N195557" s="10"/>
    </row>
    <row r="195558" spans="14:14">
      <c r="N195558" s="10"/>
    </row>
    <row r="195559" spans="14:14">
      <c r="N195559" s="10"/>
    </row>
    <row r="195560" spans="14:14">
      <c r="N195560" s="10"/>
    </row>
    <row r="195561" spans="14:14">
      <c r="N195561" s="10"/>
    </row>
    <row r="195562" spans="14:14">
      <c r="N195562" s="10"/>
    </row>
    <row r="195563" spans="14:14">
      <c r="N195563" s="10"/>
    </row>
    <row r="195564" spans="14:14">
      <c r="N195564" s="10"/>
    </row>
    <row r="195565" spans="14:14">
      <c r="N195565" s="10"/>
    </row>
    <row r="195566" spans="14:14">
      <c r="N195566" s="10"/>
    </row>
    <row r="195567" spans="14:14">
      <c r="N195567" s="10"/>
    </row>
    <row r="195568" spans="14:14">
      <c r="N195568" s="10"/>
    </row>
    <row r="195569" spans="14:14">
      <c r="N195569" s="10"/>
    </row>
    <row r="195570" spans="14:14">
      <c r="N195570" s="10"/>
    </row>
    <row r="195571" spans="14:14">
      <c r="N195571" s="10"/>
    </row>
    <row r="195572" spans="14:14">
      <c r="N195572" s="10"/>
    </row>
    <row r="195573" spans="14:14">
      <c r="N195573" s="10"/>
    </row>
    <row r="195574" spans="14:14">
      <c r="N195574" s="10"/>
    </row>
    <row r="195575" spans="14:14">
      <c r="N195575" s="10"/>
    </row>
    <row r="195576" spans="14:14">
      <c r="N195576" s="10"/>
    </row>
    <row r="195577" spans="14:14">
      <c r="N195577" s="10"/>
    </row>
    <row r="195578" spans="14:14">
      <c r="N195578" s="10"/>
    </row>
    <row r="195579" spans="14:14">
      <c r="N195579" s="10"/>
    </row>
    <row r="195580" spans="14:14">
      <c r="N195580" s="10"/>
    </row>
    <row r="195581" spans="14:14">
      <c r="N195581" s="10"/>
    </row>
    <row r="195582" spans="14:14">
      <c r="N195582" s="10"/>
    </row>
    <row r="195583" spans="14:14">
      <c r="N195583" s="10"/>
    </row>
    <row r="195584" spans="14:14">
      <c r="N195584" s="10"/>
    </row>
    <row r="195585" spans="14:14">
      <c r="N195585" s="10"/>
    </row>
    <row r="195586" spans="14:14">
      <c r="N195586" s="10"/>
    </row>
    <row r="195587" spans="14:14">
      <c r="N195587" s="10"/>
    </row>
    <row r="195588" spans="14:14">
      <c r="N195588" s="10"/>
    </row>
    <row r="195589" spans="14:14">
      <c r="N195589" s="10"/>
    </row>
    <row r="195590" spans="14:14">
      <c r="N195590" s="10"/>
    </row>
    <row r="195591" spans="14:14">
      <c r="N195591" s="10"/>
    </row>
    <row r="195592" spans="14:14">
      <c r="N195592" s="10"/>
    </row>
    <row r="195593" spans="14:14">
      <c r="N195593" s="10"/>
    </row>
    <row r="195594" spans="14:14">
      <c r="N195594" s="10"/>
    </row>
    <row r="195595" spans="14:14">
      <c r="N195595" s="10"/>
    </row>
    <row r="195596" spans="14:14">
      <c r="N195596" s="10"/>
    </row>
    <row r="195597" spans="14:14">
      <c r="N195597" s="10"/>
    </row>
    <row r="195598" spans="14:14">
      <c r="N195598" s="10"/>
    </row>
    <row r="195599" spans="14:14">
      <c r="N195599" s="10"/>
    </row>
    <row r="195600" spans="14:14">
      <c r="N195600" s="10"/>
    </row>
    <row r="195601" spans="14:14">
      <c r="N195601" s="10"/>
    </row>
    <row r="195602" spans="14:14">
      <c r="N195602" s="10"/>
    </row>
    <row r="195603" spans="14:14">
      <c r="N195603" s="10"/>
    </row>
    <row r="195604" spans="14:14">
      <c r="N195604" s="10"/>
    </row>
    <row r="195605" spans="14:14">
      <c r="N195605" s="10"/>
    </row>
    <row r="195606" spans="14:14">
      <c r="N195606" s="10"/>
    </row>
    <row r="195607" spans="14:14">
      <c r="N195607" s="10"/>
    </row>
    <row r="195608" spans="14:14">
      <c r="N195608" s="10"/>
    </row>
    <row r="195609" spans="14:14">
      <c r="N195609" s="10"/>
    </row>
    <row r="195610" spans="14:14">
      <c r="N195610" s="10"/>
    </row>
    <row r="195611" spans="14:14">
      <c r="N195611" s="10"/>
    </row>
    <row r="195612" spans="14:14">
      <c r="N195612" s="10"/>
    </row>
    <row r="195613" spans="14:14">
      <c r="N195613" s="10"/>
    </row>
    <row r="195614" spans="14:14">
      <c r="N195614" s="10"/>
    </row>
    <row r="195615" spans="14:14">
      <c r="N195615" s="10"/>
    </row>
    <row r="195616" spans="14:14">
      <c r="N195616" s="10"/>
    </row>
    <row r="195617" spans="14:14">
      <c r="N195617" s="10"/>
    </row>
    <row r="195618" spans="14:14">
      <c r="N195618" s="10"/>
    </row>
    <row r="195619" spans="14:14">
      <c r="N195619" s="10"/>
    </row>
    <row r="195620" spans="14:14">
      <c r="N195620" s="10"/>
    </row>
    <row r="195621" spans="14:14">
      <c r="N195621" s="10"/>
    </row>
    <row r="195622" spans="14:14">
      <c r="N195622" s="10"/>
    </row>
    <row r="195623" spans="14:14">
      <c r="N195623" s="10"/>
    </row>
    <row r="195624" spans="14:14">
      <c r="N195624" s="10"/>
    </row>
    <row r="195625" spans="14:14">
      <c r="N195625" s="10"/>
    </row>
    <row r="195626" spans="14:14">
      <c r="N195626" s="10"/>
    </row>
    <row r="195627" spans="14:14">
      <c r="N195627" s="10"/>
    </row>
    <row r="195628" spans="14:14">
      <c r="N195628" s="10"/>
    </row>
    <row r="195629" spans="14:14">
      <c r="N195629" s="10"/>
    </row>
    <row r="195630" spans="14:14">
      <c r="N195630" s="10"/>
    </row>
    <row r="195631" spans="14:14">
      <c r="N195631" s="10"/>
    </row>
    <row r="195632" spans="14:14">
      <c r="N195632" s="10"/>
    </row>
    <row r="195633" spans="14:14">
      <c r="N195633" s="10"/>
    </row>
    <row r="195634" spans="14:14">
      <c r="N195634" s="10"/>
    </row>
    <row r="195635" spans="14:14">
      <c r="N195635" s="10"/>
    </row>
    <row r="195636" spans="14:14">
      <c r="N195636" s="10"/>
    </row>
    <row r="195637" spans="14:14">
      <c r="N195637" s="10"/>
    </row>
    <row r="195638" spans="14:14">
      <c r="N195638" s="10"/>
    </row>
    <row r="195639" spans="14:14">
      <c r="N195639" s="10"/>
    </row>
    <row r="195640" spans="14:14">
      <c r="N195640" s="10"/>
    </row>
    <row r="195641" spans="14:14">
      <c r="N195641" s="10"/>
    </row>
    <row r="195642" spans="14:14">
      <c r="N195642" s="10"/>
    </row>
    <row r="195643" spans="14:14">
      <c r="N195643" s="10"/>
    </row>
    <row r="195644" spans="14:14">
      <c r="N195644" s="10"/>
    </row>
    <row r="195645" spans="14:14">
      <c r="N195645" s="10"/>
    </row>
    <row r="195646" spans="14:14">
      <c r="N195646" s="10"/>
    </row>
    <row r="195647" spans="14:14">
      <c r="N195647" s="10"/>
    </row>
    <row r="195648" spans="14:14">
      <c r="N195648" s="10"/>
    </row>
    <row r="195649" spans="14:14">
      <c r="N195649" s="10"/>
    </row>
    <row r="195650" spans="14:14">
      <c r="N195650" s="10"/>
    </row>
    <row r="195651" spans="14:14">
      <c r="N195651" s="10"/>
    </row>
    <row r="195652" spans="14:14">
      <c r="N195652" s="10"/>
    </row>
    <row r="195653" spans="14:14">
      <c r="N195653" s="10"/>
    </row>
    <row r="195654" spans="14:14">
      <c r="N195654" s="10"/>
    </row>
    <row r="195655" spans="14:14">
      <c r="N195655" s="10"/>
    </row>
    <row r="195656" spans="14:14">
      <c r="N195656" s="10"/>
    </row>
    <row r="195657" spans="14:14">
      <c r="N195657" s="10"/>
    </row>
    <row r="195658" spans="14:14">
      <c r="N195658" s="10"/>
    </row>
    <row r="195659" spans="14:14">
      <c r="N195659" s="10"/>
    </row>
    <row r="195660" spans="14:14">
      <c r="N195660" s="10"/>
    </row>
    <row r="195661" spans="14:14">
      <c r="N195661" s="10"/>
    </row>
    <row r="195662" spans="14:14">
      <c r="N195662" s="10"/>
    </row>
    <row r="195663" spans="14:14">
      <c r="N195663" s="10"/>
    </row>
    <row r="195664" spans="14:14">
      <c r="N195664" s="10"/>
    </row>
    <row r="195665" spans="14:14">
      <c r="N195665" s="10"/>
    </row>
    <row r="195666" spans="14:14">
      <c r="N195666" s="10"/>
    </row>
    <row r="195667" spans="14:14">
      <c r="N195667" s="10"/>
    </row>
    <row r="195668" spans="14:14">
      <c r="N195668" s="10"/>
    </row>
    <row r="195669" spans="14:14">
      <c r="N195669" s="10"/>
    </row>
    <row r="195670" spans="14:14">
      <c r="N195670" s="10"/>
    </row>
    <row r="195671" spans="14:14">
      <c r="N195671" s="10"/>
    </row>
    <row r="195672" spans="14:14">
      <c r="N195672" s="10"/>
    </row>
    <row r="195673" spans="14:14">
      <c r="N195673" s="10"/>
    </row>
    <row r="195674" spans="14:14">
      <c r="N195674" s="10"/>
    </row>
    <row r="195675" spans="14:14">
      <c r="N195675" s="10"/>
    </row>
    <row r="195676" spans="14:14">
      <c r="N195676" s="10"/>
    </row>
    <row r="195677" spans="14:14">
      <c r="N195677" s="10"/>
    </row>
    <row r="195678" spans="14:14">
      <c r="N195678" s="10"/>
    </row>
    <row r="195679" spans="14:14">
      <c r="N195679" s="10"/>
    </row>
    <row r="195680" spans="14:14">
      <c r="N195680" s="10"/>
    </row>
    <row r="195681" spans="14:14">
      <c r="N195681" s="10"/>
    </row>
    <row r="195682" spans="14:14">
      <c r="N195682" s="10"/>
    </row>
    <row r="195683" spans="14:14">
      <c r="N195683" s="10"/>
    </row>
    <row r="195684" spans="14:14">
      <c r="N195684" s="10"/>
    </row>
    <row r="195685" spans="14:14">
      <c r="N195685" s="10"/>
    </row>
    <row r="195686" spans="14:14">
      <c r="N195686" s="10"/>
    </row>
    <row r="195687" spans="14:14">
      <c r="N195687" s="10"/>
    </row>
    <row r="195688" spans="14:14">
      <c r="N195688" s="10"/>
    </row>
    <row r="195689" spans="14:14">
      <c r="N195689" s="10"/>
    </row>
    <row r="195690" spans="14:14">
      <c r="N195690" s="10"/>
    </row>
    <row r="195691" spans="14:14">
      <c r="N195691" s="10"/>
    </row>
    <row r="195692" spans="14:14">
      <c r="N195692" s="10"/>
    </row>
    <row r="195693" spans="14:14">
      <c r="N195693" s="10"/>
    </row>
    <row r="195694" spans="14:14">
      <c r="N195694" s="10"/>
    </row>
    <row r="195695" spans="14:14">
      <c r="N195695" s="10"/>
    </row>
    <row r="195696" spans="14:14">
      <c r="N195696" s="10"/>
    </row>
    <row r="195697" spans="14:14">
      <c r="N195697" s="10"/>
    </row>
    <row r="195698" spans="14:14">
      <c r="N195698" s="10"/>
    </row>
    <row r="195699" spans="14:14">
      <c r="N195699" s="10"/>
    </row>
    <row r="195700" spans="14:14">
      <c r="N195700" s="10"/>
    </row>
    <row r="195701" spans="14:14">
      <c r="N195701" s="10"/>
    </row>
    <row r="195702" spans="14:14">
      <c r="N195702" s="10"/>
    </row>
    <row r="195703" spans="14:14">
      <c r="N195703" s="10"/>
    </row>
    <row r="195704" spans="14:14">
      <c r="N195704" s="10"/>
    </row>
    <row r="195705" spans="14:14">
      <c r="N195705" s="10"/>
    </row>
    <row r="195706" spans="14:14">
      <c r="N195706" s="10"/>
    </row>
    <row r="195707" spans="14:14">
      <c r="N195707" s="10"/>
    </row>
    <row r="195708" spans="14:14">
      <c r="N195708" s="10"/>
    </row>
    <row r="195709" spans="14:14">
      <c r="N195709" s="10"/>
    </row>
    <row r="195710" spans="14:14">
      <c r="N195710" s="10"/>
    </row>
    <row r="195711" spans="14:14">
      <c r="N195711" s="10"/>
    </row>
    <row r="195712" spans="14:14">
      <c r="N195712" s="10"/>
    </row>
    <row r="195713" spans="14:14">
      <c r="N195713" s="10"/>
    </row>
    <row r="195714" spans="14:14">
      <c r="N195714" s="10"/>
    </row>
    <row r="195715" spans="14:14">
      <c r="N195715" s="10"/>
    </row>
    <row r="195716" spans="14:14">
      <c r="N195716" s="10"/>
    </row>
    <row r="195717" spans="14:14">
      <c r="N195717" s="10"/>
    </row>
    <row r="195718" spans="14:14">
      <c r="N195718" s="10"/>
    </row>
    <row r="195719" spans="14:14">
      <c r="N195719" s="10"/>
    </row>
    <row r="195720" spans="14:14">
      <c r="N195720" s="10"/>
    </row>
    <row r="195721" spans="14:14">
      <c r="N195721" s="10"/>
    </row>
    <row r="195722" spans="14:14">
      <c r="N195722" s="10"/>
    </row>
    <row r="195723" spans="14:14">
      <c r="N195723" s="10"/>
    </row>
    <row r="195724" spans="14:14">
      <c r="N195724" s="10"/>
    </row>
    <row r="195725" spans="14:14">
      <c r="N195725" s="10"/>
    </row>
    <row r="195726" spans="14:14">
      <c r="N195726" s="10"/>
    </row>
    <row r="195727" spans="14:14">
      <c r="N195727" s="10"/>
    </row>
    <row r="195728" spans="14:14">
      <c r="N195728" s="10"/>
    </row>
    <row r="195729" spans="14:14">
      <c r="N195729" s="10"/>
    </row>
    <row r="195730" spans="14:14">
      <c r="N195730" s="10"/>
    </row>
    <row r="195731" spans="14:14">
      <c r="N195731" s="10"/>
    </row>
    <row r="195732" spans="14:14">
      <c r="N195732" s="10"/>
    </row>
    <row r="195733" spans="14:14">
      <c r="N195733" s="10"/>
    </row>
    <row r="195734" spans="14:14">
      <c r="N195734" s="10"/>
    </row>
    <row r="195735" spans="14:14">
      <c r="N195735" s="10"/>
    </row>
    <row r="195736" spans="14:14">
      <c r="N195736" s="10"/>
    </row>
    <row r="195737" spans="14:14">
      <c r="N195737" s="10"/>
    </row>
    <row r="195738" spans="14:14">
      <c r="N195738" s="10"/>
    </row>
    <row r="195739" spans="14:14">
      <c r="N195739" s="10"/>
    </row>
    <row r="195740" spans="14:14">
      <c r="N195740" s="10"/>
    </row>
    <row r="195741" spans="14:14">
      <c r="N195741" s="10"/>
    </row>
    <row r="195742" spans="14:14">
      <c r="N195742" s="10"/>
    </row>
    <row r="195743" spans="14:14">
      <c r="N195743" s="10"/>
    </row>
    <row r="195744" spans="14:14">
      <c r="N195744" s="10"/>
    </row>
    <row r="195745" spans="14:14">
      <c r="N195745" s="10"/>
    </row>
    <row r="195746" spans="14:14">
      <c r="N195746" s="10"/>
    </row>
    <row r="195747" spans="14:14">
      <c r="N195747" s="10"/>
    </row>
    <row r="195748" spans="14:14">
      <c r="N195748" s="10"/>
    </row>
    <row r="195749" spans="14:14">
      <c r="N195749" s="10"/>
    </row>
    <row r="195750" spans="14:14">
      <c r="N195750" s="10"/>
    </row>
    <row r="195751" spans="14:14">
      <c r="N195751" s="10"/>
    </row>
    <row r="195752" spans="14:14">
      <c r="N195752" s="10"/>
    </row>
    <row r="195753" spans="14:14">
      <c r="N195753" s="10"/>
    </row>
    <row r="195754" spans="14:14">
      <c r="N195754" s="10"/>
    </row>
    <row r="195755" spans="14:14">
      <c r="N195755" s="10"/>
    </row>
    <row r="195756" spans="14:14">
      <c r="N195756" s="10"/>
    </row>
    <row r="195757" spans="14:14">
      <c r="N195757" s="10"/>
    </row>
    <row r="195758" spans="14:14">
      <c r="N195758" s="10"/>
    </row>
    <row r="195759" spans="14:14">
      <c r="N195759" s="10"/>
    </row>
    <row r="195760" spans="14:14">
      <c r="N195760" s="10"/>
    </row>
    <row r="195761" spans="14:14">
      <c r="N195761" s="10"/>
    </row>
    <row r="195762" spans="14:14">
      <c r="N195762" s="10"/>
    </row>
    <row r="195763" spans="14:14">
      <c r="N195763" s="10"/>
    </row>
    <row r="195764" spans="14:14">
      <c r="N195764" s="10"/>
    </row>
    <row r="195765" spans="14:14">
      <c r="N195765" s="10"/>
    </row>
    <row r="195766" spans="14:14">
      <c r="N195766" s="10"/>
    </row>
    <row r="195767" spans="14:14">
      <c r="N195767" s="10"/>
    </row>
    <row r="195768" spans="14:14">
      <c r="N195768" s="10"/>
    </row>
    <row r="195769" spans="14:14">
      <c r="N195769" s="10"/>
    </row>
    <row r="195770" spans="14:14">
      <c r="N195770" s="10"/>
    </row>
    <row r="195771" spans="14:14">
      <c r="N195771" s="10"/>
    </row>
    <row r="195772" spans="14:14">
      <c r="N195772" s="10"/>
    </row>
    <row r="195773" spans="14:14">
      <c r="N195773" s="10"/>
    </row>
    <row r="195774" spans="14:14">
      <c r="N195774" s="10"/>
    </row>
    <row r="195775" spans="14:14">
      <c r="N195775" s="10"/>
    </row>
    <row r="195776" spans="14:14">
      <c r="N195776" s="10"/>
    </row>
    <row r="195777" spans="14:14">
      <c r="N195777" s="10"/>
    </row>
    <row r="195778" spans="14:14">
      <c r="N195778" s="10"/>
    </row>
    <row r="195779" spans="14:14">
      <c r="N195779" s="10"/>
    </row>
    <row r="195780" spans="14:14">
      <c r="N195780" s="10"/>
    </row>
    <row r="195781" spans="14:14">
      <c r="N195781" s="10"/>
    </row>
    <row r="195782" spans="14:14">
      <c r="N195782" s="10"/>
    </row>
    <row r="195783" spans="14:14">
      <c r="N195783" s="10"/>
    </row>
    <row r="195784" spans="14:14">
      <c r="N195784" s="10"/>
    </row>
    <row r="195785" spans="14:14">
      <c r="N195785" s="10"/>
    </row>
    <row r="195786" spans="14:14">
      <c r="N195786" s="10"/>
    </row>
    <row r="195787" spans="14:14">
      <c r="N195787" s="10"/>
    </row>
    <row r="195788" spans="14:14">
      <c r="N195788" s="10"/>
    </row>
    <row r="195789" spans="14:14">
      <c r="N195789" s="10"/>
    </row>
    <row r="195790" spans="14:14">
      <c r="N195790" s="10"/>
    </row>
    <row r="195791" spans="14:14">
      <c r="N195791" s="10"/>
    </row>
    <row r="195792" spans="14:14">
      <c r="N195792" s="10"/>
    </row>
    <row r="195793" spans="14:14">
      <c r="N195793" s="10"/>
    </row>
    <row r="195794" spans="14:14">
      <c r="N195794" s="10"/>
    </row>
    <row r="195795" spans="14:14">
      <c r="N195795" s="10"/>
    </row>
    <row r="195796" spans="14:14">
      <c r="N195796" s="10"/>
    </row>
    <row r="195797" spans="14:14">
      <c r="N195797" s="10"/>
    </row>
    <row r="195798" spans="14:14">
      <c r="N195798" s="10"/>
    </row>
    <row r="195799" spans="14:14">
      <c r="N195799" s="10"/>
    </row>
    <row r="195800" spans="14:14">
      <c r="N195800" s="10"/>
    </row>
    <row r="195801" spans="14:14">
      <c r="N195801" s="10"/>
    </row>
    <row r="195802" spans="14:14">
      <c r="N195802" s="10"/>
    </row>
    <row r="195803" spans="14:14">
      <c r="N195803" s="10"/>
    </row>
    <row r="195804" spans="14:14">
      <c r="N195804" s="10"/>
    </row>
    <row r="195805" spans="14:14">
      <c r="N195805" s="10"/>
    </row>
    <row r="195806" spans="14:14">
      <c r="N195806" s="10"/>
    </row>
    <row r="195807" spans="14:14">
      <c r="N195807" s="10"/>
    </row>
    <row r="195808" spans="14:14">
      <c r="N195808" s="10"/>
    </row>
    <row r="195809" spans="14:14">
      <c r="N195809" s="10"/>
    </row>
    <row r="195810" spans="14:14">
      <c r="N195810" s="10"/>
    </row>
    <row r="195811" spans="14:14">
      <c r="N195811" s="10"/>
    </row>
    <row r="195812" spans="14:14">
      <c r="N195812" s="10"/>
    </row>
    <row r="195813" spans="14:14">
      <c r="N195813" s="10"/>
    </row>
    <row r="195814" spans="14:14">
      <c r="N195814" s="10"/>
    </row>
    <row r="195815" spans="14:14">
      <c r="N195815" s="10"/>
    </row>
    <row r="195816" spans="14:14">
      <c r="N195816" s="10"/>
    </row>
    <row r="195817" spans="14:14">
      <c r="N195817" s="10"/>
    </row>
    <row r="195818" spans="14:14">
      <c r="N195818" s="10"/>
    </row>
    <row r="195819" spans="14:14">
      <c r="N195819" s="10"/>
    </row>
    <row r="195820" spans="14:14">
      <c r="N195820" s="10"/>
    </row>
    <row r="195821" spans="14:14">
      <c r="N195821" s="10"/>
    </row>
    <row r="195822" spans="14:14">
      <c r="N195822" s="10"/>
    </row>
    <row r="195823" spans="14:14">
      <c r="N195823" s="10"/>
    </row>
    <row r="195824" spans="14:14">
      <c r="N195824" s="10"/>
    </row>
    <row r="195825" spans="14:14">
      <c r="N195825" s="10"/>
    </row>
    <row r="195826" spans="14:14">
      <c r="N195826" s="10"/>
    </row>
    <row r="195827" spans="14:14">
      <c r="N195827" s="10"/>
    </row>
    <row r="195828" spans="14:14">
      <c r="N195828" s="10"/>
    </row>
    <row r="195829" spans="14:14">
      <c r="N195829" s="10"/>
    </row>
    <row r="195830" spans="14:14">
      <c r="N195830" s="10"/>
    </row>
    <row r="195831" spans="14:14">
      <c r="N195831" s="10"/>
    </row>
    <row r="195832" spans="14:14">
      <c r="N195832" s="10"/>
    </row>
    <row r="195833" spans="14:14">
      <c r="N195833" s="10"/>
    </row>
    <row r="195834" spans="14:14">
      <c r="N195834" s="10"/>
    </row>
    <row r="195835" spans="14:14">
      <c r="N195835" s="10"/>
    </row>
    <row r="195836" spans="14:14">
      <c r="N195836" s="10"/>
    </row>
    <row r="195837" spans="14:14">
      <c r="N195837" s="10"/>
    </row>
    <row r="195838" spans="14:14">
      <c r="N195838" s="10"/>
    </row>
    <row r="195839" spans="14:14">
      <c r="N195839" s="10"/>
    </row>
    <row r="195840" spans="14:14">
      <c r="N195840" s="10"/>
    </row>
    <row r="195841" spans="14:14">
      <c r="N195841" s="10"/>
    </row>
    <row r="195842" spans="14:14">
      <c r="N195842" s="10"/>
    </row>
    <row r="195843" spans="14:14">
      <c r="N195843" s="10"/>
    </row>
    <row r="195844" spans="14:14">
      <c r="N195844" s="10"/>
    </row>
    <row r="195845" spans="14:14">
      <c r="N195845" s="10"/>
    </row>
    <row r="195846" spans="14:14">
      <c r="N195846" s="10"/>
    </row>
    <row r="195847" spans="14:14">
      <c r="N195847" s="10"/>
    </row>
    <row r="195848" spans="14:14">
      <c r="N195848" s="10"/>
    </row>
    <row r="195849" spans="14:14">
      <c r="N195849" s="10"/>
    </row>
    <row r="195850" spans="14:14">
      <c r="N195850" s="10"/>
    </row>
    <row r="195851" spans="14:14">
      <c r="N195851" s="10"/>
    </row>
    <row r="195852" spans="14:14">
      <c r="N195852" s="10"/>
    </row>
    <row r="195853" spans="14:14">
      <c r="N195853" s="10"/>
    </row>
    <row r="195854" spans="14:14">
      <c r="N195854" s="10"/>
    </row>
    <row r="195855" spans="14:14">
      <c r="N195855" s="10"/>
    </row>
    <row r="195856" spans="14:14">
      <c r="N195856" s="10"/>
    </row>
    <row r="195857" spans="14:14">
      <c r="N195857" s="10"/>
    </row>
    <row r="195858" spans="14:14">
      <c r="N195858" s="10"/>
    </row>
    <row r="195859" spans="14:14">
      <c r="N195859" s="10"/>
    </row>
    <row r="195860" spans="14:14">
      <c r="N195860" s="10"/>
    </row>
    <row r="195861" spans="14:14">
      <c r="N195861" s="10"/>
    </row>
    <row r="195862" spans="14:14">
      <c r="N195862" s="10"/>
    </row>
    <row r="195863" spans="14:14">
      <c r="N195863" s="10"/>
    </row>
    <row r="195864" spans="14:14">
      <c r="N195864" s="10"/>
    </row>
    <row r="195865" spans="14:14">
      <c r="N195865" s="10"/>
    </row>
    <row r="195866" spans="14:14">
      <c r="N195866" s="10"/>
    </row>
    <row r="195867" spans="14:14">
      <c r="N195867" s="10"/>
    </row>
    <row r="195868" spans="14:14">
      <c r="N195868" s="10"/>
    </row>
    <row r="195869" spans="14:14">
      <c r="N195869" s="10"/>
    </row>
    <row r="195870" spans="14:14">
      <c r="N195870" s="10"/>
    </row>
    <row r="195871" spans="14:14">
      <c r="N195871" s="10"/>
    </row>
    <row r="195872" spans="14:14">
      <c r="N195872" s="10"/>
    </row>
    <row r="195873" spans="14:14">
      <c r="N195873" s="10"/>
    </row>
    <row r="195874" spans="14:14">
      <c r="N195874" s="10"/>
    </row>
    <row r="195875" spans="14:14">
      <c r="N195875" s="10"/>
    </row>
    <row r="195876" spans="14:14">
      <c r="N195876" s="10"/>
    </row>
    <row r="195877" spans="14:14">
      <c r="N195877" s="10"/>
    </row>
    <row r="195878" spans="14:14">
      <c r="N195878" s="10"/>
    </row>
    <row r="195879" spans="14:14">
      <c r="N195879" s="10"/>
    </row>
    <row r="195880" spans="14:14">
      <c r="N195880" s="10"/>
    </row>
    <row r="195881" spans="14:14">
      <c r="N195881" s="10"/>
    </row>
    <row r="195882" spans="14:14">
      <c r="N195882" s="10"/>
    </row>
    <row r="195883" spans="14:14">
      <c r="N195883" s="10"/>
    </row>
    <row r="195884" spans="14:14">
      <c r="N195884" s="10"/>
    </row>
    <row r="195885" spans="14:14">
      <c r="N195885" s="10"/>
    </row>
    <row r="195886" spans="14:14">
      <c r="N195886" s="10"/>
    </row>
    <row r="195887" spans="14:14">
      <c r="N195887" s="10"/>
    </row>
    <row r="195888" spans="14:14">
      <c r="N195888" s="10"/>
    </row>
    <row r="195889" spans="14:14">
      <c r="N195889" s="10"/>
    </row>
    <row r="195890" spans="14:14">
      <c r="N195890" s="10"/>
    </row>
    <row r="195891" spans="14:14">
      <c r="N195891" s="10"/>
    </row>
    <row r="195892" spans="14:14">
      <c r="N195892" s="10"/>
    </row>
    <row r="195893" spans="14:14">
      <c r="N195893" s="10"/>
    </row>
    <row r="195894" spans="14:14">
      <c r="N195894" s="10"/>
    </row>
    <row r="195895" spans="14:14">
      <c r="N195895" s="10"/>
    </row>
    <row r="195896" spans="14:14">
      <c r="N195896" s="10"/>
    </row>
    <row r="195897" spans="14:14">
      <c r="N195897" s="10"/>
    </row>
    <row r="195898" spans="14:14">
      <c r="N195898" s="10"/>
    </row>
    <row r="195899" spans="14:14">
      <c r="N195899" s="10"/>
    </row>
    <row r="195900" spans="14:14">
      <c r="N195900" s="10"/>
    </row>
    <row r="195901" spans="14:14">
      <c r="N195901" s="10"/>
    </row>
    <row r="195902" spans="14:14">
      <c r="N195902" s="10"/>
    </row>
    <row r="195903" spans="14:14">
      <c r="N195903" s="10"/>
    </row>
    <row r="195904" spans="14:14">
      <c r="N195904" s="10"/>
    </row>
    <row r="195905" spans="14:14">
      <c r="N195905" s="10"/>
    </row>
    <row r="195906" spans="14:14">
      <c r="N195906" s="10"/>
    </row>
    <row r="195907" spans="14:14">
      <c r="N195907" s="10"/>
    </row>
    <row r="195908" spans="14:14">
      <c r="N195908" s="10"/>
    </row>
    <row r="195909" spans="14:14">
      <c r="N195909" s="10"/>
    </row>
    <row r="195910" spans="14:14">
      <c r="N195910" s="10"/>
    </row>
    <row r="195911" spans="14:14">
      <c r="N195911" s="10"/>
    </row>
    <row r="195912" spans="14:14">
      <c r="N195912" s="10"/>
    </row>
    <row r="195913" spans="14:14">
      <c r="N195913" s="10"/>
    </row>
    <row r="195914" spans="14:14">
      <c r="N195914" s="10"/>
    </row>
    <row r="195915" spans="14:14">
      <c r="N195915" s="10"/>
    </row>
    <row r="195916" spans="14:14">
      <c r="N195916" s="10"/>
    </row>
    <row r="195917" spans="14:14">
      <c r="N195917" s="10"/>
    </row>
    <row r="195918" spans="14:14">
      <c r="N195918" s="10"/>
    </row>
    <row r="195919" spans="14:14">
      <c r="N195919" s="10"/>
    </row>
    <row r="195920" spans="14:14">
      <c r="N195920" s="10"/>
    </row>
    <row r="195921" spans="14:14">
      <c r="N195921" s="10"/>
    </row>
    <row r="195922" spans="14:14">
      <c r="N195922" s="10"/>
    </row>
    <row r="195923" spans="14:14">
      <c r="N195923" s="10"/>
    </row>
    <row r="195924" spans="14:14">
      <c r="N195924" s="10"/>
    </row>
    <row r="195925" spans="14:14">
      <c r="N195925" s="10"/>
    </row>
    <row r="195926" spans="14:14">
      <c r="N195926" s="10"/>
    </row>
    <row r="195927" spans="14:14">
      <c r="N195927" s="10"/>
    </row>
    <row r="195928" spans="14:14">
      <c r="N195928" s="10"/>
    </row>
    <row r="195929" spans="14:14">
      <c r="N195929" s="10"/>
    </row>
    <row r="195930" spans="14:14">
      <c r="N195930" s="10"/>
    </row>
    <row r="195931" spans="14:14">
      <c r="N195931" s="10"/>
    </row>
    <row r="195932" spans="14:14">
      <c r="N195932" s="10"/>
    </row>
    <row r="195933" spans="14:14">
      <c r="N195933" s="10"/>
    </row>
    <row r="195934" spans="14:14">
      <c r="N195934" s="10"/>
    </row>
    <row r="195935" spans="14:14">
      <c r="N195935" s="10"/>
    </row>
    <row r="195936" spans="14:14">
      <c r="N195936" s="10"/>
    </row>
    <row r="195937" spans="14:14">
      <c r="N195937" s="10"/>
    </row>
    <row r="195938" spans="14:14">
      <c r="N195938" s="10"/>
    </row>
    <row r="195939" spans="14:14">
      <c r="N195939" s="10"/>
    </row>
    <row r="195940" spans="14:14">
      <c r="N195940" s="10"/>
    </row>
    <row r="195941" spans="14:14">
      <c r="N195941" s="10"/>
    </row>
    <row r="195942" spans="14:14">
      <c r="N195942" s="10"/>
    </row>
    <row r="195943" spans="14:14">
      <c r="N195943" s="10"/>
    </row>
    <row r="195944" spans="14:14">
      <c r="N195944" s="10"/>
    </row>
    <row r="195945" spans="14:14">
      <c r="N195945" s="10"/>
    </row>
    <row r="195946" spans="14:14">
      <c r="N195946" s="10"/>
    </row>
    <row r="195947" spans="14:14">
      <c r="N195947" s="10"/>
    </row>
    <row r="195948" spans="14:14">
      <c r="N195948" s="10"/>
    </row>
    <row r="195949" spans="14:14">
      <c r="N195949" s="10"/>
    </row>
    <row r="195950" spans="14:14">
      <c r="N195950" s="10"/>
    </row>
    <row r="195951" spans="14:14">
      <c r="N195951" s="10"/>
    </row>
    <row r="195952" spans="14:14">
      <c r="N195952" s="10"/>
    </row>
    <row r="195953" spans="14:14">
      <c r="N195953" s="10"/>
    </row>
    <row r="195954" spans="14:14">
      <c r="N195954" s="10"/>
    </row>
    <row r="195955" spans="14:14">
      <c r="N195955" s="10"/>
    </row>
    <row r="195956" spans="14:14">
      <c r="N195956" s="10"/>
    </row>
    <row r="195957" spans="14:14">
      <c r="N195957" s="10"/>
    </row>
    <row r="195958" spans="14:14">
      <c r="N195958" s="10"/>
    </row>
    <row r="195959" spans="14:14">
      <c r="N195959" s="10"/>
    </row>
    <row r="195960" spans="14:14">
      <c r="N195960" s="10"/>
    </row>
    <row r="195961" spans="14:14">
      <c r="N195961" s="10"/>
    </row>
    <row r="195962" spans="14:14">
      <c r="N195962" s="10"/>
    </row>
    <row r="195963" spans="14:14">
      <c r="N195963" s="10"/>
    </row>
    <row r="195964" spans="14:14">
      <c r="N195964" s="10"/>
    </row>
    <row r="195965" spans="14:14">
      <c r="N195965" s="10"/>
    </row>
    <row r="195966" spans="14:14">
      <c r="N195966" s="10"/>
    </row>
    <row r="195967" spans="14:14">
      <c r="N195967" s="10"/>
    </row>
    <row r="195968" spans="14:14">
      <c r="N195968" s="10"/>
    </row>
    <row r="195969" spans="14:14">
      <c r="N195969" s="10"/>
    </row>
    <row r="195970" spans="14:14">
      <c r="N195970" s="10"/>
    </row>
    <row r="195971" spans="14:14">
      <c r="N195971" s="10"/>
    </row>
    <row r="195972" spans="14:14">
      <c r="N195972" s="10"/>
    </row>
    <row r="195973" spans="14:14">
      <c r="N195973" s="10"/>
    </row>
    <row r="195974" spans="14:14">
      <c r="N195974" s="10"/>
    </row>
    <row r="195975" spans="14:14">
      <c r="N195975" s="10"/>
    </row>
    <row r="195976" spans="14:14">
      <c r="N195976" s="10"/>
    </row>
    <row r="195977" spans="14:14">
      <c r="N195977" s="10"/>
    </row>
    <row r="195978" spans="14:14">
      <c r="N195978" s="10"/>
    </row>
    <row r="195979" spans="14:14">
      <c r="N195979" s="10"/>
    </row>
    <row r="195980" spans="14:14">
      <c r="N195980" s="10"/>
    </row>
    <row r="195981" spans="14:14">
      <c r="N195981" s="10"/>
    </row>
    <row r="195982" spans="14:14">
      <c r="N195982" s="10"/>
    </row>
    <row r="195983" spans="14:14">
      <c r="N195983" s="10"/>
    </row>
    <row r="195984" spans="14:14">
      <c r="N195984" s="10"/>
    </row>
    <row r="195985" spans="14:14">
      <c r="N195985" s="10"/>
    </row>
    <row r="195986" spans="14:14">
      <c r="N195986" s="10"/>
    </row>
    <row r="195987" spans="14:14">
      <c r="N195987" s="10"/>
    </row>
    <row r="195988" spans="14:14">
      <c r="N195988" s="10"/>
    </row>
    <row r="195989" spans="14:14">
      <c r="N195989" s="10"/>
    </row>
    <row r="195990" spans="14:14">
      <c r="N195990" s="10"/>
    </row>
    <row r="195991" spans="14:14">
      <c r="N195991" s="10"/>
    </row>
    <row r="195992" spans="14:14">
      <c r="N195992" s="10"/>
    </row>
    <row r="195993" spans="14:14">
      <c r="N195993" s="10"/>
    </row>
    <row r="195994" spans="14:14">
      <c r="N195994" s="10"/>
    </row>
    <row r="195995" spans="14:14">
      <c r="N195995" s="10"/>
    </row>
    <row r="195996" spans="14:14">
      <c r="N195996" s="10"/>
    </row>
    <row r="195997" spans="14:14">
      <c r="N195997" s="10"/>
    </row>
    <row r="195998" spans="14:14">
      <c r="N195998" s="10"/>
    </row>
    <row r="195999" spans="14:14">
      <c r="N195999" s="10"/>
    </row>
    <row r="196000" spans="14:14">
      <c r="N196000" s="10"/>
    </row>
    <row r="196001" spans="14:14">
      <c r="N196001" s="10"/>
    </row>
    <row r="196002" spans="14:14">
      <c r="N196002" s="10"/>
    </row>
    <row r="196003" spans="14:14">
      <c r="N196003" s="10"/>
    </row>
    <row r="196004" spans="14:14">
      <c r="N196004" s="10"/>
    </row>
    <row r="196005" spans="14:14">
      <c r="N196005" s="10"/>
    </row>
    <row r="196006" spans="14:14">
      <c r="N196006" s="10"/>
    </row>
    <row r="196007" spans="14:14">
      <c r="N196007" s="10"/>
    </row>
    <row r="196008" spans="14:14">
      <c r="N196008" s="10"/>
    </row>
    <row r="196009" spans="14:14">
      <c r="N196009" s="10"/>
    </row>
    <row r="196010" spans="14:14">
      <c r="N196010" s="10"/>
    </row>
    <row r="196011" spans="14:14">
      <c r="N196011" s="10"/>
    </row>
    <row r="196012" spans="14:14">
      <c r="N196012" s="10"/>
    </row>
    <row r="196013" spans="14:14">
      <c r="N196013" s="10"/>
    </row>
    <row r="196014" spans="14:14">
      <c r="N196014" s="10"/>
    </row>
    <row r="196015" spans="14:14">
      <c r="N196015" s="10"/>
    </row>
    <row r="196016" spans="14:14">
      <c r="N196016" s="10"/>
    </row>
    <row r="196017" spans="14:14">
      <c r="N196017" s="10"/>
    </row>
    <row r="196018" spans="14:14">
      <c r="N196018" s="10"/>
    </row>
    <row r="196019" spans="14:14">
      <c r="N196019" s="10"/>
    </row>
    <row r="196020" spans="14:14">
      <c r="N196020" s="10"/>
    </row>
    <row r="196021" spans="14:14">
      <c r="N196021" s="10"/>
    </row>
    <row r="196022" spans="14:14">
      <c r="N196022" s="10"/>
    </row>
    <row r="196023" spans="14:14">
      <c r="N196023" s="10"/>
    </row>
    <row r="196024" spans="14:14">
      <c r="N196024" s="10"/>
    </row>
    <row r="196025" spans="14:14">
      <c r="N196025" s="10"/>
    </row>
    <row r="196026" spans="14:14">
      <c r="N196026" s="10"/>
    </row>
    <row r="196027" spans="14:14">
      <c r="N196027" s="10"/>
    </row>
    <row r="196028" spans="14:14">
      <c r="N196028" s="10"/>
    </row>
    <row r="196029" spans="14:14">
      <c r="N196029" s="10"/>
    </row>
    <row r="196030" spans="14:14">
      <c r="N196030" s="10"/>
    </row>
    <row r="196031" spans="14:14">
      <c r="N196031" s="10"/>
    </row>
    <row r="196032" spans="14:14">
      <c r="N196032" s="10"/>
    </row>
    <row r="196033" spans="14:14">
      <c r="N196033" s="10"/>
    </row>
    <row r="196034" spans="14:14">
      <c r="N196034" s="10"/>
    </row>
    <row r="196035" spans="14:14">
      <c r="N196035" s="10"/>
    </row>
    <row r="196036" spans="14:14">
      <c r="N196036" s="10"/>
    </row>
    <row r="196037" spans="14:14">
      <c r="N196037" s="10"/>
    </row>
    <row r="196038" spans="14:14">
      <c r="N196038" s="10"/>
    </row>
    <row r="196039" spans="14:14">
      <c r="N196039" s="10"/>
    </row>
    <row r="196040" spans="14:14">
      <c r="N196040" s="10"/>
    </row>
    <row r="196041" spans="14:14">
      <c r="N196041" s="10"/>
    </row>
    <row r="196042" spans="14:14">
      <c r="N196042" s="10"/>
    </row>
    <row r="196043" spans="14:14">
      <c r="N196043" s="10"/>
    </row>
    <row r="196044" spans="14:14">
      <c r="N196044" s="10"/>
    </row>
    <row r="196045" spans="14:14">
      <c r="N196045" s="10"/>
    </row>
    <row r="196046" spans="14:14">
      <c r="N196046" s="10"/>
    </row>
    <row r="196047" spans="14:14">
      <c r="N196047" s="10"/>
    </row>
    <row r="196048" spans="14:14">
      <c r="N196048" s="10"/>
    </row>
    <row r="196049" spans="14:14">
      <c r="N196049" s="10"/>
    </row>
    <row r="196050" spans="14:14">
      <c r="N196050" s="10"/>
    </row>
    <row r="196051" spans="14:14">
      <c r="N196051" s="10"/>
    </row>
    <row r="196052" spans="14:14">
      <c r="N196052" s="10"/>
    </row>
    <row r="196053" spans="14:14">
      <c r="N196053" s="10"/>
    </row>
    <row r="196054" spans="14:14">
      <c r="N196054" s="10"/>
    </row>
    <row r="196055" spans="14:14">
      <c r="N196055" s="10"/>
    </row>
    <row r="196056" spans="14:14">
      <c r="N196056" s="10"/>
    </row>
    <row r="196057" spans="14:14">
      <c r="N196057" s="10"/>
    </row>
    <row r="196058" spans="14:14">
      <c r="N196058" s="10"/>
    </row>
    <row r="196059" spans="14:14">
      <c r="N196059" s="10"/>
    </row>
    <row r="196060" spans="14:14">
      <c r="N196060" s="10"/>
    </row>
    <row r="196061" spans="14:14">
      <c r="N196061" s="10"/>
    </row>
    <row r="196062" spans="14:14">
      <c r="N196062" s="10"/>
    </row>
    <row r="196063" spans="14:14">
      <c r="N196063" s="10"/>
    </row>
    <row r="196064" spans="14:14">
      <c r="N196064" s="10"/>
    </row>
    <row r="196065" spans="14:14">
      <c r="N196065" s="10"/>
    </row>
    <row r="196066" spans="14:14">
      <c r="N196066" s="10"/>
    </row>
    <row r="196067" spans="14:14">
      <c r="N196067" s="10"/>
    </row>
    <row r="196068" spans="14:14">
      <c r="N196068" s="10"/>
    </row>
    <row r="196069" spans="14:14">
      <c r="N196069" s="10"/>
    </row>
    <row r="196070" spans="14:14">
      <c r="N196070" s="10"/>
    </row>
    <row r="196071" spans="14:14">
      <c r="N196071" s="10"/>
    </row>
    <row r="196072" spans="14:14">
      <c r="N196072" s="10"/>
    </row>
    <row r="196073" spans="14:14">
      <c r="N196073" s="10"/>
    </row>
    <row r="196074" spans="14:14">
      <c r="N196074" s="10"/>
    </row>
    <row r="196075" spans="14:14">
      <c r="N196075" s="10"/>
    </row>
    <row r="196076" spans="14:14">
      <c r="N196076" s="10"/>
    </row>
    <row r="196077" spans="14:14">
      <c r="N196077" s="10"/>
    </row>
    <row r="196078" spans="14:14">
      <c r="N196078" s="10"/>
    </row>
    <row r="196079" spans="14:14">
      <c r="N196079" s="10"/>
    </row>
    <row r="196080" spans="14:14">
      <c r="N196080" s="10"/>
    </row>
    <row r="196081" spans="14:14">
      <c r="N196081" s="10"/>
    </row>
    <row r="196082" spans="14:14">
      <c r="N196082" s="10"/>
    </row>
    <row r="196083" spans="14:14">
      <c r="N196083" s="10"/>
    </row>
    <row r="196084" spans="14:14">
      <c r="N196084" s="10"/>
    </row>
    <row r="196085" spans="14:14">
      <c r="N196085" s="10"/>
    </row>
    <row r="196086" spans="14:14">
      <c r="N196086" s="10"/>
    </row>
    <row r="196087" spans="14:14">
      <c r="N196087" s="10"/>
    </row>
    <row r="196088" spans="14:14">
      <c r="N196088" s="10"/>
    </row>
    <row r="196089" spans="14:14">
      <c r="N196089" s="10"/>
    </row>
    <row r="196090" spans="14:14">
      <c r="N196090" s="10"/>
    </row>
    <row r="196091" spans="14:14">
      <c r="N196091" s="10"/>
    </row>
    <row r="196092" spans="14:14">
      <c r="N196092" s="10"/>
    </row>
    <row r="196093" spans="14:14">
      <c r="N196093" s="10"/>
    </row>
    <row r="196094" spans="14:14">
      <c r="N196094" s="10"/>
    </row>
    <row r="196095" spans="14:14">
      <c r="N196095" s="10"/>
    </row>
    <row r="196096" spans="14:14">
      <c r="N196096" s="10"/>
    </row>
    <row r="196097" spans="14:14">
      <c r="N196097" s="10"/>
    </row>
    <row r="196098" spans="14:14">
      <c r="N196098" s="10"/>
    </row>
    <row r="196099" spans="14:14">
      <c r="N196099" s="10"/>
    </row>
    <row r="196100" spans="14:14">
      <c r="N196100" s="10"/>
    </row>
    <row r="196101" spans="14:14">
      <c r="N196101" s="10"/>
    </row>
    <row r="196102" spans="14:14">
      <c r="N196102" s="10"/>
    </row>
    <row r="196103" spans="14:14">
      <c r="N196103" s="10"/>
    </row>
    <row r="196104" spans="14:14">
      <c r="N196104" s="10"/>
    </row>
    <row r="196105" spans="14:14">
      <c r="N196105" s="10"/>
    </row>
    <row r="196106" spans="14:14">
      <c r="N196106" s="10"/>
    </row>
    <row r="196107" spans="14:14">
      <c r="N196107" s="10"/>
    </row>
    <row r="196108" spans="14:14">
      <c r="N196108" s="10"/>
    </row>
    <row r="196109" spans="14:14">
      <c r="N196109" s="10"/>
    </row>
    <row r="196110" spans="14:14">
      <c r="N196110" s="10"/>
    </row>
    <row r="196111" spans="14:14">
      <c r="N196111" s="10"/>
    </row>
    <row r="196112" spans="14:14">
      <c r="N196112" s="10"/>
    </row>
    <row r="196113" spans="14:14">
      <c r="N196113" s="10"/>
    </row>
    <row r="196114" spans="14:14">
      <c r="N196114" s="10"/>
    </row>
    <row r="196115" spans="14:14">
      <c r="N196115" s="10"/>
    </row>
    <row r="196116" spans="14:14">
      <c r="N196116" s="10"/>
    </row>
    <row r="196117" spans="14:14">
      <c r="N196117" s="10"/>
    </row>
    <row r="196118" spans="14:14">
      <c r="N196118" s="10"/>
    </row>
    <row r="196119" spans="14:14">
      <c r="N196119" s="10"/>
    </row>
    <row r="196120" spans="14:14">
      <c r="N196120" s="10"/>
    </row>
    <row r="196121" spans="14:14">
      <c r="N196121" s="10"/>
    </row>
    <row r="196122" spans="14:14">
      <c r="N196122" s="10"/>
    </row>
    <row r="196123" spans="14:14">
      <c r="N196123" s="10"/>
    </row>
    <row r="196124" spans="14:14">
      <c r="N196124" s="10"/>
    </row>
    <row r="196125" spans="14:14">
      <c r="N196125" s="10"/>
    </row>
    <row r="196126" spans="14:14">
      <c r="N196126" s="10"/>
    </row>
    <row r="196127" spans="14:14">
      <c r="N196127" s="10"/>
    </row>
    <row r="196128" spans="14:14">
      <c r="N196128" s="10"/>
    </row>
    <row r="196129" spans="14:14">
      <c r="N196129" s="10"/>
    </row>
    <row r="196130" spans="14:14">
      <c r="N196130" s="10"/>
    </row>
    <row r="196131" spans="14:14">
      <c r="N196131" s="10"/>
    </row>
    <row r="196132" spans="14:14">
      <c r="N196132" s="10"/>
    </row>
    <row r="196133" spans="14:14">
      <c r="N196133" s="10"/>
    </row>
    <row r="196134" spans="14:14">
      <c r="N196134" s="10"/>
    </row>
    <row r="196135" spans="14:14">
      <c r="N196135" s="10"/>
    </row>
    <row r="196136" spans="14:14">
      <c r="N196136" s="10"/>
    </row>
    <row r="196137" spans="14:14">
      <c r="N196137" s="10"/>
    </row>
    <row r="196138" spans="14:14">
      <c r="N196138" s="10"/>
    </row>
    <row r="196139" spans="14:14">
      <c r="N196139" s="10"/>
    </row>
    <row r="196140" spans="14:14">
      <c r="N196140" s="10"/>
    </row>
    <row r="196141" spans="14:14">
      <c r="N196141" s="10"/>
    </row>
    <row r="196142" spans="14:14">
      <c r="N196142" s="10"/>
    </row>
    <row r="196143" spans="14:14">
      <c r="N196143" s="10"/>
    </row>
    <row r="196144" spans="14:14">
      <c r="N196144" s="10"/>
    </row>
    <row r="196145" spans="14:14">
      <c r="N196145" s="10"/>
    </row>
    <row r="196146" spans="14:14">
      <c r="N196146" s="10"/>
    </row>
    <row r="196147" spans="14:14">
      <c r="N196147" s="10"/>
    </row>
    <row r="196148" spans="14:14">
      <c r="N196148" s="10"/>
    </row>
    <row r="196149" spans="14:14">
      <c r="N196149" s="10"/>
    </row>
    <row r="196150" spans="14:14">
      <c r="N196150" s="10"/>
    </row>
    <row r="196151" spans="14:14">
      <c r="N196151" s="10"/>
    </row>
    <row r="196152" spans="14:14">
      <c r="N196152" s="10"/>
    </row>
    <row r="196153" spans="14:14">
      <c r="N196153" s="10"/>
    </row>
    <row r="196154" spans="14:14">
      <c r="N196154" s="10"/>
    </row>
    <row r="196155" spans="14:14">
      <c r="N196155" s="10"/>
    </row>
    <row r="196156" spans="14:14">
      <c r="N196156" s="10"/>
    </row>
    <row r="196157" spans="14:14">
      <c r="N196157" s="10"/>
    </row>
    <row r="196158" spans="14:14">
      <c r="N196158" s="10"/>
    </row>
    <row r="196159" spans="14:14">
      <c r="N196159" s="10"/>
    </row>
    <row r="196160" spans="14:14">
      <c r="N196160" s="10"/>
    </row>
    <row r="196161" spans="14:14">
      <c r="N196161" s="10"/>
    </row>
    <row r="196162" spans="14:14">
      <c r="N196162" s="10"/>
    </row>
    <row r="196163" spans="14:14">
      <c r="N196163" s="10"/>
    </row>
    <row r="196164" spans="14:14">
      <c r="N196164" s="10"/>
    </row>
    <row r="196165" spans="14:14">
      <c r="N196165" s="10"/>
    </row>
    <row r="196166" spans="14:14">
      <c r="N196166" s="10"/>
    </row>
    <row r="196167" spans="14:14">
      <c r="N196167" s="10"/>
    </row>
    <row r="196168" spans="14:14">
      <c r="N196168" s="10"/>
    </row>
    <row r="196169" spans="14:14">
      <c r="N196169" s="10"/>
    </row>
    <row r="196170" spans="14:14">
      <c r="N196170" s="10"/>
    </row>
    <row r="196171" spans="14:14">
      <c r="N196171" s="10"/>
    </row>
    <row r="196172" spans="14:14">
      <c r="N196172" s="10"/>
    </row>
    <row r="196173" spans="14:14">
      <c r="N196173" s="10"/>
    </row>
    <row r="196174" spans="14:14">
      <c r="N196174" s="10"/>
    </row>
    <row r="196175" spans="14:14">
      <c r="N196175" s="10"/>
    </row>
    <row r="196176" spans="14:14">
      <c r="N196176" s="10"/>
    </row>
    <row r="196177" spans="14:14">
      <c r="N196177" s="10"/>
    </row>
    <row r="196178" spans="14:14">
      <c r="N196178" s="10"/>
    </row>
    <row r="196179" spans="14:14">
      <c r="N196179" s="10"/>
    </row>
    <row r="196180" spans="14:14">
      <c r="N196180" s="10"/>
    </row>
    <row r="196181" spans="14:14">
      <c r="N196181" s="10"/>
    </row>
    <row r="196182" spans="14:14">
      <c r="N196182" s="10"/>
    </row>
    <row r="196183" spans="14:14">
      <c r="N196183" s="10"/>
    </row>
    <row r="196184" spans="14:14">
      <c r="N196184" s="10"/>
    </row>
    <row r="196185" spans="14:14">
      <c r="N196185" s="10"/>
    </row>
    <row r="196186" spans="14:14">
      <c r="N196186" s="10"/>
    </row>
    <row r="196187" spans="14:14">
      <c r="N196187" s="10"/>
    </row>
    <row r="196188" spans="14:14">
      <c r="N196188" s="10"/>
    </row>
    <row r="196189" spans="14:14">
      <c r="N196189" s="10"/>
    </row>
    <row r="196190" spans="14:14">
      <c r="N196190" s="10"/>
    </row>
    <row r="196191" spans="14:14">
      <c r="N196191" s="10"/>
    </row>
    <row r="196192" spans="14:14">
      <c r="N196192" s="10"/>
    </row>
    <row r="196193" spans="14:14">
      <c r="N196193" s="10"/>
    </row>
    <row r="196194" spans="14:14">
      <c r="N196194" s="10"/>
    </row>
    <row r="196195" spans="14:14">
      <c r="N196195" s="10"/>
    </row>
    <row r="196196" spans="14:14">
      <c r="N196196" s="10"/>
    </row>
    <row r="196197" spans="14:14">
      <c r="N196197" s="10"/>
    </row>
    <row r="196198" spans="14:14">
      <c r="N196198" s="10"/>
    </row>
    <row r="196199" spans="14:14">
      <c r="N196199" s="10"/>
    </row>
    <row r="196200" spans="14:14">
      <c r="N196200" s="10"/>
    </row>
    <row r="196201" spans="14:14">
      <c r="N196201" s="10"/>
    </row>
    <row r="196202" spans="14:14">
      <c r="N196202" s="10"/>
    </row>
    <row r="196203" spans="14:14">
      <c r="N196203" s="10"/>
    </row>
    <row r="196204" spans="14:14">
      <c r="N196204" s="10"/>
    </row>
    <row r="196205" spans="14:14">
      <c r="N196205" s="10"/>
    </row>
    <row r="196206" spans="14:14">
      <c r="N196206" s="10"/>
    </row>
    <row r="196207" spans="14:14">
      <c r="N196207" s="10"/>
    </row>
    <row r="196208" spans="14:14">
      <c r="N196208" s="10"/>
    </row>
    <row r="196209" spans="14:14">
      <c r="N196209" s="10"/>
    </row>
    <row r="196210" spans="14:14">
      <c r="N196210" s="10"/>
    </row>
    <row r="196211" spans="14:14">
      <c r="N196211" s="10"/>
    </row>
    <row r="196212" spans="14:14">
      <c r="N196212" s="10"/>
    </row>
    <row r="196213" spans="14:14">
      <c r="N196213" s="10"/>
    </row>
    <row r="196214" spans="14:14">
      <c r="N196214" s="10"/>
    </row>
    <row r="196215" spans="14:14">
      <c r="N196215" s="10"/>
    </row>
    <row r="196216" spans="14:14">
      <c r="N196216" s="10"/>
    </row>
    <row r="196217" spans="14:14">
      <c r="N196217" s="10"/>
    </row>
    <row r="196218" spans="14:14">
      <c r="N196218" s="10"/>
    </row>
    <row r="196219" spans="14:14">
      <c r="N196219" s="10"/>
    </row>
    <row r="196220" spans="14:14">
      <c r="N196220" s="10"/>
    </row>
    <row r="196221" spans="14:14">
      <c r="N196221" s="10"/>
    </row>
    <row r="196222" spans="14:14">
      <c r="N196222" s="10"/>
    </row>
    <row r="196223" spans="14:14">
      <c r="N196223" s="10"/>
    </row>
    <row r="196224" spans="14:14">
      <c r="N196224" s="10"/>
    </row>
    <row r="196225" spans="14:14">
      <c r="N196225" s="10"/>
    </row>
    <row r="196226" spans="14:14">
      <c r="N196226" s="10"/>
    </row>
    <row r="196227" spans="14:14">
      <c r="N196227" s="10"/>
    </row>
    <row r="196228" spans="14:14">
      <c r="N196228" s="10"/>
    </row>
    <row r="196229" spans="14:14">
      <c r="N196229" s="10"/>
    </row>
    <row r="196230" spans="14:14">
      <c r="N196230" s="10"/>
    </row>
    <row r="196231" spans="14:14">
      <c r="N196231" s="10"/>
    </row>
    <row r="196232" spans="14:14">
      <c r="N196232" s="10"/>
    </row>
    <row r="196233" spans="14:14">
      <c r="N196233" s="10"/>
    </row>
    <row r="196234" spans="14:14">
      <c r="N196234" s="10"/>
    </row>
    <row r="196235" spans="14:14">
      <c r="N196235" s="10"/>
    </row>
    <row r="196236" spans="14:14">
      <c r="N196236" s="10"/>
    </row>
    <row r="196237" spans="14:14">
      <c r="N196237" s="10"/>
    </row>
    <row r="196238" spans="14:14">
      <c r="N196238" s="10"/>
    </row>
    <row r="196239" spans="14:14">
      <c r="N196239" s="10"/>
    </row>
    <row r="196240" spans="14:14">
      <c r="N196240" s="10"/>
    </row>
    <row r="196241" spans="14:14">
      <c r="N196241" s="10"/>
    </row>
    <row r="196242" spans="14:14">
      <c r="N196242" s="10"/>
    </row>
    <row r="196243" spans="14:14">
      <c r="N196243" s="10"/>
    </row>
    <row r="196244" spans="14:14">
      <c r="N196244" s="10"/>
    </row>
    <row r="196245" spans="14:14">
      <c r="N196245" s="10"/>
    </row>
    <row r="196246" spans="14:14">
      <c r="N196246" s="10"/>
    </row>
    <row r="196247" spans="14:14">
      <c r="N196247" s="10"/>
    </row>
    <row r="196248" spans="14:14">
      <c r="N196248" s="10"/>
    </row>
    <row r="196249" spans="14:14">
      <c r="N196249" s="10"/>
    </row>
    <row r="196250" spans="14:14">
      <c r="N196250" s="10"/>
    </row>
    <row r="196251" spans="14:14">
      <c r="N196251" s="10"/>
    </row>
    <row r="196252" spans="14:14">
      <c r="N196252" s="10"/>
    </row>
    <row r="196253" spans="14:14">
      <c r="N196253" s="10"/>
    </row>
    <row r="196254" spans="14:14">
      <c r="N196254" s="10"/>
    </row>
    <row r="196255" spans="14:14">
      <c r="N196255" s="10"/>
    </row>
    <row r="196256" spans="14:14">
      <c r="N196256" s="10"/>
    </row>
    <row r="196257" spans="14:14">
      <c r="N196257" s="10"/>
    </row>
    <row r="196258" spans="14:14">
      <c r="N196258" s="10"/>
    </row>
    <row r="196259" spans="14:14">
      <c r="N196259" s="10"/>
    </row>
    <row r="196260" spans="14:14">
      <c r="N196260" s="10"/>
    </row>
    <row r="196261" spans="14:14">
      <c r="N196261" s="10"/>
    </row>
    <row r="196262" spans="14:14">
      <c r="N196262" s="10"/>
    </row>
    <row r="196263" spans="14:14">
      <c r="N196263" s="10"/>
    </row>
    <row r="196264" spans="14:14">
      <c r="N196264" s="10"/>
    </row>
    <row r="196265" spans="14:14">
      <c r="N196265" s="10"/>
    </row>
    <row r="196266" spans="14:14">
      <c r="N196266" s="10"/>
    </row>
    <row r="196267" spans="14:14">
      <c r="N196267" s="10"/>
    </row>
    <row r="196268" spans="14:14">
      <c r="N196268" s="10"/>
    </row>
    <row r="196269" spans="14:14">
      <c r="N196269" s="10"/>
    </row>
    <row r="196270" spans="14:14">
      <c r="N196270" s="10"/>
    </row>
    <row r="196271" spans="14:14">
      <c r="N196271" s="10"/>
    </row>
    <row r="196272" spans="14:14">
      <c r="N196272" s="10"/>
    </row>
    <row r="196273" spans="14:14">
      <c r="N196273" s="10"/>
    </row>
    <row r="196274" spans="14:14">
      <c r="N196274" s="10"/>
    </row>
    <row r="196275" spans="14:14">
      <c r="N196275" s="10"/>
    </row>
    <row r="196276" spans="14:14">
      <c r="N196276" s="10"/>
    </row>
    <row r="196277" spans="14:14">
      <c r="N196277" s="10"/>
    </row>
    <row r="196278" spans="14:14">
      <c r="N196278" s="10"/>
    </row>
    <row r="196279" spans="14:14">
      <c r="N196279" s="10"/>
    </row>
    <row r="196280" spans="14:14">
      <c r="N196280" s="10"/>
    </row>
    <row r="196281" spans="14:14">
      <c r="N196281" s="10"/>
    </row>
    <row r="196282" spans="14:14">
      <c r="N196282" s="10"/>
    </row>
    <row r="196283" spans="14:14">
      <c r="N196283" s="10"/>
    </row>
    <row r="196284" spans="14:14">
      <c r="N196284" s="10"/>
    </row>
    <row r="196285" spans="14:14">
      <c r="N196285" s="10"/>
    </row>
    <row r="196286" spans="14:14">
      <c r="N196286" s="10"/>
    </row>
    <row r="196287" spans="14:14">
      <c r="N196287" s="10"/>
    </row>
    <row r="196288" spans="14:14">
      <c r="N196288" s="10"/>
    </row>
    <row r="196289" spans="14:14">
      <c r="N196289" s="10"/>
    </row>
    <row r="196290" spans="14:14">
      <c r="N196290" s="10"/>
    </row>
    <row r="196291" spans="14:14">
      <c r="N196291" s="10"/>
    </row>
    <row r="196292" spans="14:14">
      <c r="N196292" s="10"/>
    </row>
    <row r="196293" spans="14:14">
      <c r="N196293" s="10"/>
    </row>
    <row r="196294" spans="14:14">
      <c r="N196294" s="10"/>
    </row>
    <row r="196295" spans="14:14">
      <c r="N196295" s="10"/>
    </row>
    <row r="196296" spans="14:14">
      <c r="N196296" s="10"/>
    </row>
    <row r="196297" spans="14:14">
      <c r="N196297" s="10"/>
    </row>
    <row r="196298" spans="14:14">
      <c r="N196298" s="10"/>
    </row>
    <row r="196299" spans="14:14">
      <c r="N196299" s="10"/>
    </row>
    <row r="196300" spans="14:14">
      <c r="N196300" s="10"/>
    </row>
    <row r="196301" spans="14:14">
      <c r="N196301" s="10"/>
    </row>
    <row r="196302" spans="14:14">
      <c r="N196302" s="10"/>
    </row>
    <row r="196303" spans="14:14">
      <c r="N196303" s="10"/>
    </row>
    <row r="196304" spans="14:14">
      <c r="N196304" s="10"/>
    </row>
    <row r="196305" spans="14:14">
      <c r="N196305" s="10"/>
    </row>
    <row r="196306" spans="14:14">
      <c r="N196306" s="10"/>
    </row>
    <row r="196307" spans="14:14">
      <c r="N196307" s="10"/>
    </row>
    <row r="196308" spans="14:14">
      <c r="N196308" s="10"/>
    </row>
    <row r="196309" spans="14:14">
      <c r="N196309" s="10"/>
    </row>
    <row r="196310" spans="14:14">
      <c r="N196310" s="10"/>
    </row>
    <row r="196311" spans="14:14">
      <c r="N196311" s="10"/>
    </row>
    <row r="196312" spans="14:14">
      <c r="N196312" s="10"/>
    </row>
    <row r="196313" spans="14:14">
      <c r="N196313" s="10"/>
    </row>
    <row r="196314" spans="14:14">
      <c r="N196314" s="10"/>
    </row>
    <row r="196315" spans="14:14">
      <c r="N196315" s="10"/>
    </row>
    <row r="196316" spans="14:14">
      <c r="N196316" s="10"/>
    </row>
    <row r="196317" spans="14:14">
      <c r="N196317" s="10"/>
    </row>
    <row r="196318" spans="14:14">
      <c r="N196318" s="10"/>
    </row>
    <row r="196319" spans="14:14">
      <c r="N196319" s="10"/>
    </row>
    <row r="196320" spans="14:14">
      <c r="N196320" s="10"/>
    </row>
    <row r="196321" spans="14:14">
      <c r="N196321" s="10"/>
    </row>
    <row r="196322" spans="14:14">
      <c r="N196322" s="10"/>
    </row>
    <row r="196323" spans="14:14">
      <c r="N196323" s="10"/>
    </row>
    <row r="196324" spans="14:14">
      <c r="N196324" s="10"/>
    </row>
    <row r="196325" spans="14:14">
      <c r="N196325" s="10"/>
    </row>
    <row r="196326" spans="14:14">
      <c r="N196326" s="10"/>
    </row>
    <row r="196327" spans="14:14">
      <c r="N196327" s="10"/>
    </row>
    <row r="196328" spans="14:14">
      <c r="N196328" s="10"/>
    </row>
    <row r="196329" spans="14:14">
      <c r="N196329" s="10"/>
    </row>
    <row r="196330" spans="14:14">
      <c r="N196330" s="10"/>
    </row>
    <row r="196331" spans="14:14">
      <c r="N196331" s="10"/>
    </row>
    <row r="196332" spans="14:14">
      <c r="N196332" s="10"/>
    </row>
    <row r="196333" spans="14:14">
      <c r="N196333" s="10"/>
    </row>
    <row r="196334" spans="14:14">
      <c r="N196334" s="10"/>
    </row>
    <row r="196335" spans="14:14">
      <c r="N196335" s="10"/>
    </row>
    <row r="196336" spans="14:14">
      <c r="N196336" s="10"/>
    </row>
    <row r="196337" spans="14:14">
      <c r="N196337" s="10"/>
    </row>
    <row r="196338" spans="14:14">
      <c r="N196338" s="10"/>
    </row>
    <row r="196339" spans="14:14">
      <c r="N196339" s="10"/>
    </row>
    <row r="196340" spans="14:14">
      <c r="N196340" s="10"/>
    </row>
    <row r="196341" spans="14:14">
      <c r="N196341" s="10"/>
    </row>
    <row r="196342" spans="14:14">
      <c r="N196342" s="10"/>
    </row>
    <row r="196343" spans="14:14">
      <c r="N196343" s="10"/>
    </row>
    <row r="196344" spans="14:14">
      <c r="N196344" s="10"/>
    </row>
    <row r="196345" spans="14:14">
      <c r="N196345" s="10"/>
    </row>
    <row r="196346" spans="14:14">
      <c r="N196346" s="10"/>
    </row>
    <row r="196347" spans="14:14">
      <c r="N196347" s="10"/>
    </row>
    <row r="196348" spans="14:14">
      <c r="N196348" s="10"/>
    </row>
    <row r="196349" spans="14:14">
      <c r="N196349" s="10"/>
    </row>
    <row r="196350" spans="14:14">
      <c r="N196350" s="10"/>
    </row>
    <row r="196351" spans="14:14">
      <c r="N196351" s="10"/>
    </row>
    <row r="196352" spans="14:14">
      <c r="N196352" s="10"/>
    </row>
    <row r="196353" spans="14:14">
      <c r="N196353" s="10"/>
    </row>
    <row r="196354" spans="14:14">
      <c r="N196354" s="10"/>
    </row>
    <row r="196355" spans="14:14">
      <c r="N196355" s="10"/>
    </row>
    <row r="196356" spans="14:14">
      <c r="N196356" s="10"/>
    </row>
    <row r="196357" spans="14:14">
      <c r="N196357" s="10"/>
    </row>
    <row r="196358" spans="14:14">
      <c r="N196358" s="10"/>
    </row>
    <row r="196359" spans="14:14">
      <c r="N196359" s="10"/>
    </row>
    <row r="196360" spans="14:14">
      <c r="N196360" s="10"/>
    </row>
    <row r="196361" spans="14:14">
      <c r="N196361" s="10"/>
    </row>
    <row r="196362" spans="14:14">
      <c r="N196362" s="10"/>
    </row>
    <row r="196363" spans="14:14">
      <c r="N196363" s="10"/>
    </row>
    <row r="196364" spans="14:14">
      <c r="N196364" s="10"/>
    </row>
    <row r="196365" spans="14:14">
      <c r="N196365" s="10"/>
    </row>
    <row r="196366" spans="14:14">
      <c r="N196366" s="10"/>
    </row>
    <row r="196367" spans="14:14">
      <c r="N196367" s="10"/>
    </row>
    <row r="196368" spans="14:14">
      <c r="N196368" s="10"/>
    </row>
    <row r="196369" spans="14:14">
      <c r="N196369" s="10"/>
    </row>
    <row r="196370" spans="14:14">
      <c r="N196370" s="10"/>
    </row>
    <row r="196371" spans="14:14">
      <c r="N196371" s="10"/>
    </row>
    <row r="196372" spans="14:14">
      <c r="N196372" s="10"/>
    </row>
    <row r="196373" spans="14:14">
      <c r="N196373" s="10"/>
    </row>
    <row r="196374" spans="14:14">
      <c r="N196374" s="10"/>
    </row>
    <row r="196375" spans="14:14">
      <c r="N196375" s="10"/>
    </row>
    <row r="196376" spans="14:14">
      <c r="N196376" s="10"/>
    </row>
    <row r="196377" spans="14:14">
      <c r="N196377" s="10"/>
    </row>
    <row r="196378" spans="14:14">
      <c r="N196378" s="10"/>
    </row>
    <row r="196379" spans="14:14">
      <c r="N196379" s="10"/>
    </row>
    <row r="196380" spans="14:14">
      <c r="N196380" s="10"/>
    </row>
    <row r="196381" spans="14:14">
      <c r="N196381" s="10"/>
    </row>
    <row r="196382" spans="14:14">
      <c r="N196382" s="10"/>
    </row>
    <row r="196383" spans="14:14">
      <c r="N196383" s="10"/>
    </row>
    <row r="196384" spans="14:14">
      <c r="N196384" s="10"/>
    </row>
    <row r="196385" spans="14:14">
      <c r="N196385" s="10"/>
    </row>
    <row r="196386" spans="14:14">
      <c r="N196386" s="10"/>
    </row>
    <row r="196387" spans="14:14">
      <c r="N196387" s="10"/>
    </row>
    <row r="196388" spans="14:14">
      <c r="N196388" s="10"/>
    </row>
    <row r="196389" spans="14:14">
      <c r="N196389" s="10"/>
    </row>
    <row r="196390" spans="14:14">
      <c r="N196390" s="10"/>
    </row>
    <row r="196391" spans="14:14">
      <c r="N196391" s="10"/>
    </row>
    <row r="196392" spans="14:14">
      <c r="N196392" s="10"/>
    </row>
    <row r="196393" spans="14:14">
      <c r="N196393" s="10"/>
    </row>
    <row r="196394" spans="14:14">
      <c r="N196394" s="10"/>
    </row>
    <row r="196395" spans="14:14">
      <c r="N196395" s="10"/>
    </row>
    <row r="196396" spans="14:14">
      <c r="N196396" s="10"/>
    </row>
    <row r="196397" spans="14:14">
      <c r="N196397" s="10"/>
    </row>
    <row r="196398" spans="14:14">
      <c r="N196398" s="10"/>
    </row>
    <row r="196399" spans="14:14">
      <c r="N196399" s="10"/>
    </row>
    <row r="196400" spans="14:14">
      <c r="N196400" s="10"/>
    </row>
    <row r="196401" spans="14:14">
      <c r="N196401" s="10"/>
    </row>
    <row r="196402" spans="14:14">
      <c r="N196402" s="10"/>
    </row>
    <row r="196403" spans="14:14">
      <c r="N196403" s="10"/>
    </row>
    <row r="196404" spans="14:14">
      <c r="N196404" s="10"/>
    </row>
    <row r="196405" spans="14:14">
      <c r="N196405" s="10"/>
    </row>
    <row r="196406" spans="14:14">
      <c r="N196406" s="10"/>
    </row>
    <row r="196407" spans="14:14">
      <c r="N196407" s="10"/>
    </row>
    <row r="196408" spans="14:14">
      <c r="N196408" s="10"/>
    </row>
    <row r="196409" spans="14:14">
      <c r="N196409" s="10"/>
    </row>
    <row r="196410" spans="14:14">
      <c r="N196410" s="10"/>
    </row>
    <row r="196411" spans="14:14">
      <c r="N196411" s="10"/>
    </row>
    <row r="196412" spans="14:14">
      <c r="N196412" s="10"/>
    </row>
    <row r="196413" spans="14:14">
      <c r="N196413" s="10"/>
    </row>
    <row r="196414" spans="14:14">
      <c r="N196414" s="10"/>
    </row>
    <row r="196415" spans="14:14">
      <c r="N196415" s="10"/>
    </row>
    <row r="196416" spans="14:14">
      <c r="N196416" s="10"/>
    </row>
    <row r="196417" spans="14:14">
      <c r="N196417" s="10"/>
    </row>
    <row r="196418" spans="14:14">
      <c r="N196418" s="10"/>
    </row>
    <row r="196419" spans="14:14">
      <c r="N196419" s="10"/>
    </row>
    <row r="196420" spans="14:14">
      <c r="N196420" s="10"/>
    </row>
    <row r="196421" spans="14:14">
      <c r="N196421" s="10"/>
    </row>
    <row r="196422" spans="14:14">
      <c r="N196422" s="10"/>
    </row>
    <row r="196423" spans="14:14">
      <c r="N196423" s="10"/>
    </row>
    <row r="196424" spans="14:14">
      <c r="N196424" s="10"/>
    </row>
    <row r="196425" spans="14:14">
      <c r="N196425" s="10"/>
    </row>
    <row r="196426" spans="14:14">
      <c r="N196426" s="10"/>
    </row>
    <row r="196427" spans="14:14">
      <c r="N196427" s="10"/>
    </row>
    <row r="196428" spans="14:14">
      <c r="N196428" s="10"/>
    </row>
    <row r="196429" spans="14:14">
      <c r="N196429" s="10"/>
    </row>
    <row r="196430" spans="14:14">
      <c r="N196430" s="10"/>
    </row>
    <row r="196431" spans="14:14">
      <c r="N196431" s="10"/>
    </row>
    <row r="196432" spans="14:14">
      <c r="N196432" s="10"/>
    </row>
    <row r="196433" spans="14:14">
      <c r="N196433" s="10"/>
    </row>
    <row r="196434" spans="14:14">
      <c r="N196434" s="10"/>
    </row>
    <row r="196435" spans="14:14">
      <c r="N196435" s="10"/>
    </row>
    <row r="196436" spans="14:14">
      <c r="N196436" s="10"/>
    </row>
    <row r="196437" spans="14:14">
      <c r="N196437" s="10"/>
    </row>
    <row r="196438" spans="14:14">
      <c r="N196438" s="10"/>
    </row>
    <row r="196439" spans="14:14">
      <c r="N196439" s="10"/>
    </row>
    <row r="196440" spans="14:14">
      <c r="N196440" s="10"/>
    </row>
    <row r="196441" spans="14:14">
      <c r="N196441" s="10"/>
    </row>
    <row r="196442" spans="14:14">
      <c r="N196442" s="10"/>
    </row>
    <row r="196443" spans="14:14">
      <c r="N196443" s="10"/>
    </row>
    <row r="196444" spans="14:14">
      <c r="N196444" s="10"/>
    </row>
    <row r="196445" spans="14:14">
      <c r="N196445" s="10"/>
    </row>
    <row r="196446" spans="14:14">
      <c r="N196446" s="10"/>
    </row>
    <row r="196447" spans="14:14">
      <c r="N196447" s="10"/>
    </row>
    <row r="196448" spans="14:14">
      <c r="N196448" s="10"/>
    </row>
    <row r="196449" spans="14:14">
      <c r="N196449" s="10"/>
    </row>
    <row r="196450" spans="14:14">
      <c r="N196450" s="10"/>
    </row>
    <row r="196451" spans="14:14">
      <c r="N196451" s="10"/>
    </row>
    <row r="196452" spans="14:14">
      <c r="N196452" s="10"/>
    </row>
    <row r="196453" spans="14:14">
      <c r="N196453" s="10"/>
    </row>
    <row r="196454" spans="14:14">
      <c r="N196454" s="10"/>
    </row>
    <row r="196455" spans="14:14">
      <c r="N196455" s="10"/>
    </row>
    <row r="196456" spans="14:14">
      <c r="N196456" s="10"/>
    </row>
    <row r="196457" spans="14:14">
      <c r="N196457" s="10"/>
    </row>
    <row r="196458" spans="14:14">
      <c r="N196458" s="10"/>
    </row>
    <row r="196459" spans="14:14">
      <c r="N196459" s="10"/>
    </row>
    <row r="196460" spans="14:14">
      <c r="N196460" s="10"/>
    </row>
    <row r="196461" spans="14:14">
      <c r="N196461" s="10"/>
    </row>
    <row r="196462" spans="14:14">
      <c r="N196462" s="10"/>
    </row>
    <row r="196463" spans="14:14">
      <c r="N196463" s="10"/>
    </row>
    <row r="196464" spans="14:14">
      <c r="N196464" s="10"/>
    </row>
    <row r="196465" spans="14:14">
      <c r="N196465" s="10"/>
    </row>
    <row r="196466" spans="14:14">
      <c r="N196466" s="10"/>
    </row>
    <row r="196467" spans="14:14">
      <c r="N196467" s="10"/>
    </row>
    <row r="196468" spans="14:14">
      <c r="N196468" s="10"/>
    </row>
    <row r="196469" spans="14:14">
      <c r="N196469" s="10"/>
    </row>
    <row r="196470" spans="14:14">
      <c r="N196470" s="10"/>
    </row>
    <row r="196471" spans="14:14">
      <c r="N196471" s="10"/>
    </row>
    <row r="196472" spans="14:14">
      <c r="N196472" s="10"/>
    </row>
    <row r="196473" spans="14:14">
      <c r="N196473" s="10"/>
    </row>
    <row r="196474" spans="14:14">
      <c r="N196474" s="10"/>
    </row>
    <row r="196475" spans="14:14">
      <c r="N196475" s="10"/>
    </row>
    <row r="196476" spans="14:14">
      <c r="N196476" s="10"/>
    </row>
    <row r="196477" spans="14:14">
      <c r="N196477" s="10"/>
    </row>
    <row r="196478" spans="14:14">
      <c r="N196478" s="10"/>
    </row>
    <row r="196479" spans="14:14">
      <c r="N196479" s="10"/>
    </row>
    <row r="196480" spans="14:14">
      <c r="N196480" s="10"/>
    </row>
    <row r="196481" spans="14:14">
      <c r="N196481" s="10"/>
    </row>
    <row r="196482" spans="14:14">
      <c r="N196482" s="10"/>
    </row>
    <row r="196483" spans="14:14">
      <c r="N196483" s="10"/>
    </row>
    <row r="196484" spans="14:14">
      <c r="N196484" s="10"/>
    </row>
    <row r="196485" spans="14:14">
      <c r="N196485" s="10"/>
    </row>
    <row r="196486" spans="14:14">
      <c r="N196486" s="10"/>
    </row>
    <row r="196487" spans="14:14">
      <c r="N196487" s="10"/>
    </row>
    <row r="196488" spans="14:14">
      <c r="N196488" s="10"/>
    </row>
    <row r="196489" spans="14:14">
      <c r="N196489" s="10"/>
    </row>
    <row r="196490" spans="14:14">
      <c r="N196490" s="10"/>
    </row>
    <row r="196491" spans="14:14">
      <c r="N196491" s="10"/>
    </row>
    <row r="196492" spans="14:14">
      <c r="N196492" s="10"/>
    </row>
    <row r="196493" spans="14:14">
      <c r="N196493" s="10"/>
    </row>
    <row r="196494" spans="14:14">
      <c r="N196494" s="10"/>
    </row>
    <row r="196495" spans="14:14">
      <c r="N196495" s="10"/>
    </row>
    <row r="196496" spans="14:14">
      <c r="N196496" s="10"/>
    </row>
    <row r="196497" spans="14:14">
      <c r="N196497" s="10"/>
    </row>
    <row r="196498" spans="14:14">
      <c r="N196498" s="10"/>
    </row>
    <row r="196499" spans="14:14">
      <c r="N196499" s="10"/>
    </row>
    <row r="196500" spans="14:14">
      <c r="N196500" s="10"/>
    </row>
    <row r="196501" spans="14:14">
      <c r="N196501" s="10"/>
    </row>
    <row r="196502" spans="14:14">
      <c r="N196502" s="10"/>
    </row>
    <row r="196503" spans="14:14">
      <c r="N196503" s="10"/>
    </row>
    <row r="196504" spans="14:14">
      <c r="N196504" s="10"/>
    </row>
    <row r="196505" spans="14:14">
      <c r="N196505" s="10"/>
    </row>
    <row r="196506" spans="14:14">
      <c r="N196506" s="10"/>
    </row>
    <row r="196507" spans="14:14">
      <c r="N196507" s="10"/>
    </row>
    <row r="196508" spans="14:14">
      <c r="N196508" s="10"/>
    </row>
    <row r="196509" spans="14:14">
      <c r="N196509" s="10"/>
    </row>
    <row r="196510" spans="14:14">
      <c r="N196510" s="10"/>
    </row>
    <row r="196511" spans="14:14">
      <c r="N196511" s="10"/>
    </row>
    <row r="196512" spans="14:14">
      <c r="N196512" s="10"/>
    </row>
    <row r="196513" spans="14:14">
      <c r="N196513" s="10"/>
    </row>
    <row r="196514" spans="14:14">
      <c r="N196514" s="10"/>
    </row>
    <row r="196515" spans="14:14">
      <c r="N196515" s="10"/>
    </row>
    <row r="196516" spans="14:14">
      <c r="N196516" s="10"/>
    </row>
    <row r="196517" spans="14:14">
      <c r="N196517" s="10"/>
    </row>
    <row r="196518" spans="14:14">
      <c r="N196518" s="10"/>
    </row>
    <row r="196519" spans="14:14">
      <c r="N196519" s="10"/>
    </row>
    <row r="196520" spans="14:14">
      <c r="N196520" s="10"/>
    </row>
    <row r="196521" spans="14:14">
      <c r="N196521" s="10"/>
    </row>
    <row r="196522" spans="14:14">
      <c r="N196522" s="10"/>
    </row>
    <row r="196523" spans="14:14">
      <c r="N196523" s="10"/>
    </row>
    <row r="196524" spans="14:14">
      <c r="N196524" s="10"/>
    </row>
    <row r="196525" spans="14:14">
      <c r="N196525" s="10"/>
    </row>
    <row r="196526" spans="14:14">
      <c r="N196526" s="10"/>
    </row>
    <row r="196527" spans="14:14">
      <c r="N196527" s="10"/>
    </row>
    <row r="196528" spans="14:14">
      <c r="N196528" s="10"/>
    </row>
    <row r="196529" spans="14:14">
      <c r="N196529" s="10"/>
    </row>
    <row r="196530" spans="14:14">
      <c r="N196530" s="10"/>
    </row>
    <row r="196531" spans="14:14">
      <c r="N196531" s="10"/>
    </row>
    <row r="196532" spans="14:14">
      <c r="N196532" s="10"/>
    </row>
    <row r="196533" spans="14:14">
      <c r="N196533" s="10"/>
    </row>
    <row r="196534" spans="14:14">
      <c r="N196534" s="10"/>
    </row>
    <row r="196535" spans="14:14">
      <c r="N196535" s="10"/>
    </row>
    <row r="196536" spans="14:14">
      <c r="N196536" s="10"/>
    </row>
    <row r="196537" spans="14:14">
      <c r="N196537" s="10"/>
    </row>
    <row r="196538" spans="14:14">
      <c r="N196538" s="10"/>
    </row>
    <row r="196539" spans="14:14">
      <c r="N196539" s="10"/>
    </row>
    <row r="196540" spans="14:14">
      <c r="N196540" s="10"/>
    </row>
    <row r="196541" spans="14:14">
      <c r="N196541" s="10"/>
    </row>
    <row r="196542" spans="14:14">
      <c r="N196542" s="10"/>
    </row>
    <row r="196543" spans="14:14">
      <c r="N196543" s="10"/>
    </row>
    <row r="196544" spans="14:14">
      <c r="N196544" s="10"/>
    </row>
    <row r="196545" spans="14:14">
      <c r="N196545" s="10"/>
    </row>
    <row r="196546" spans="14:14">
      <c r="N196546" s="10"/>
    </row>
    <row r="196547" spans="14:14">
      <c r="N196547" s="10"/>
    </row>
    <row r="196548" spans="14:14">
      <c r="N196548" s="10"/>
    </row>
    <row r="196549" spans="14:14">
      <c r="N196549" s="10"/>
    </row>
    <row r="196550" spans="14:14">
      <c r="N196550" s="10"/>
    </row>
    <row r="196551" spans="14:14">
      <c r="N196551" s="10"/>
    </row>
    <row r="196552" spans="14:14">
      <c r="N196552" s="10"/>
    </row>
    <row r="196553" spans="14:14">
      <c r="N196553" s="10"/>
    </row>
    <row r="196554" spans="14:14">
      <c r="N196554" s="10"/>
    </row>
    <row r="196555" spans="14:14">
      <c r="N196555" s="10"/>
    </row>
    <row r="196556" spans="14:14">
      <c r="N196556" s="10"/>
    </row>
    <row r="196557" spans="14:14">
      <c r="N196557" s="10"/>
    </row>
    <row r="196558" spans="14:14">
      <c r="N196558" s="10"/>
    </row>
    <row r="196559" spans="14:14">
      <c r="N196559" s="10"/>
    </row>
    <row r="196560" spans="14:14">
      <c r="N196560" s="10"/>
    </row>
    <row r="196561" spans="14:14">
      <c r="N196561" s="10"/>
    </row>
    <row r="196562" spans="14:14">
      <c r="N196562" s="10"/>
    </row>
    <row r="196563" spans="14:14">
      <c r="N196563" s="10"/>
    </row>
    <row r="196564" spans="14:14">
      <c r="N196564" s="10"/>
    </row>
    <row r="196565" spans="14:14">
      <c r="N196565" s="10"/>
    </row>
    <row r="196566" spans="14:14">
      <c r="N196566" s="10"/>
    </row>
    <row r="196567" spans="14:14">
      <c r="N196567" s="10"/>
    </row>
    <row r="196568" spans="14:14">
      <c r="N196568" s="10"/>
    </row>
    <row r="196569" spans="14:14">
      <c r="N196569" s="10"/>
    </row>
    <row r="196570" spans="14:14">
      <c r="N196570" s="10"/>
    </row>
    <row r="196571" spans="14:14">
      <c r="N196571" s="10"/>
    </row>
    <row r="196572" spans="14:14">
      <c r="N196572" s="10"/>
    </row>
    <row r="196573" spans="14:14">
      <c r="N196573" s="10"/>
    </row>
    <row r="196574" spans="14:14">
      <c r="N196574" s="10"/>
    </row>
    <row r="196575" spans="14:14">
      <c r="N196575" s="10"/>
    </row>
    <row r="196576" spans="14:14">
      <c r="N196576" s="10"/>
    </row>
    <row r="196577" spans="14:14">
      <c r="N196577" s="10"/>
    </row>
    <row r="196578" spans="14:14">
      <c r="N196578" s="10"/>
    </row>
    <row r="196579" spans="14:14">
      <c r="N196579" s="10"/>
    </row>
    <row r="196580" spans="14:14">
      <c r="N196580" s="10"/>
    </row>
    <row r="196581" spans="14:14">
      <c r="N196581" s="10"/>
    </row>
    <row r="196582" spans="14:14">
      <c r="N196582" s="10"/>
    </row>
    <row r="196583" spans="14:14">
      <c r="N196583" s="10"/>
    </row>
    <row r="196584" spans="14:14">
      <c r="N196584" s="10"/>
    </row>
    <row r="196585" spans="14:14">
      <c r="N196585" s="10"/>
    </row>
    <row r="196586" spans="14:14">
      <c r="N196586" s="10"/>
    </row>
    <row r="196587" spans="14:14">
      <c r="N196587" s="10"/>
    </row>
    <row r="196588" spans="14:14">
      <c r="N196588" s="10"/>
    </row>
    <row r="196589" spans="14:14">
      <c r="N196589" s="10"/>
    </row>
    <row r="196590" spans="14:14">
      <c r="N196590" s="10"/>
    </row>
    <row r="196591" spans="14:14">
      <c r="N196591" s="10"/>
    </row>
    <row r="196592" spans="14:14">
      <c r="N196592" s="10"/>
    </row>
    <row r="196593" spans="14:14">
      <c r="N196593" s="10"/>
    </row>
    <row r="196594" spans="14:14">
      <c r="N196594" s="10"/>
    </row>
    <row r="196595" spans="14:14">
      <c r="N196595" s="10"/>
    </row>
    <row r="196596" spans="14:14">
      <c r="N196596" s="10"/>
    </row>
    <row r="196597" spans="14:14">
      <c r="N196597" s="10"/>
    </row>
    <row r="196598" spans="14:14">
      <c r="N196598" s="10"/>
    </row>
    <row r="196599" spans="14:14">
      <c r="N196599" s="10"/>
    </row>
    <row r="196600" spans="14:14">
      <c r="N196600" s="10"/>
    </row>
    <row r="196601" spans="14:14">
      <c r="N196601" s="10"/>
    </row>
    <row r="196602" spans="14:14">
      <c r="N196602" s="10"/>
    </row>
    <row r="196603" spans="14:14">
      <c r="N196603" s="10"/>
    </row>
    <row r="196604" spans="14:14">
      <c r="N196604" s="10"/>
    </row>
    <row r="196605" spans="14:14">
      <c r="N196605" s="10"/>
    </row>
    <row r="196606" spans="14:14">
      <c r="N196606" s="10"/>
    </row>
    <row r="196607" spans="14:14">
      <c r="N196607" s="10"/>
    </row>
    <row r="196608" spans="14:14">
      <c r="N196608" s="10"/>
    </row>
    <row r="196609" spans="14:14">
      <c r="N196609" s="10"/>
    </row>
    <row r="196610" spans="14:14">
      <c r="N196610" s="10"/>
    </row>
    <row r="196611" spans="14:14">
      <c r="N196611" s="10"/>
    </row>
    <row r="196612" spans="14:14">
      <c r="N196612" s="10"/>
    </row>
    <row r="196613" spans="14:14">
      <c r="N196613" s="10"/>
    </row>
    <row r="196614" spans="14:14">
      <c r="N196614" s="10"/>
    </row>
    <row r="196615" spans="14:14">
      <c r="N196615" s="10"/>
    </row>
    <row r="196616" spans="14:14">
      <c r="N196616" s="10"/>
    </row>
    <row r="196617" spans="14:14">
      <c r="N196617" s="10"/>
    </row>
    <row r="196618" spans="14:14">
      <c r="N196618" s="10"/>
    </row>
    <row r="196619" spans="14:14">
      <c r="N196619" s="10"/>
    </row>
    <row r="196620" spans="14:14">
      <c r="N196620" s="10"/>
    </row>
    <row r="196621" spans="14:14">
      <c r="N196621" s="10"/>
    </row>
    <row r="196622" spans="14:14">
      <c r="N196622" s="10"/>
    </row>
    <row r="196623" spans="14:14">
      <c r="N196623" s="10"/>
    </row>
    <row r="196624" spans="14:14">
      <c r="N196624" s="10"/>
    </row>
    <row r="196625" spans="14:14">
      <c r="N196625" s="10"/>
    </row>
    <row r="196626" spans="14:14">
      <c r="N196626" s="10"/>
    </row>
    <row r="196627" spans="14:14">
      <c r="N196627" s="10"/>
    </row>
    <row r="196628" spans="14:14">
      <c r="N196628" s="10"/>
    </row>
    <row r="196629" spans="14:14">
      <c r="N196629" s="10"/>
    </row>
    <row r="196630" spans="14:14">
      <c r="N196630" s="10"/>
    </row>
    <row r="196631" spans="14:14">
      <c r="N196631" s="10"/>
    </row>
    <row r="196632" spans="14:14">
      <c r="N196632" s="10"/>
    </row>
    <row r="196633" spans="14:14">
      <c r="N196633" s="10"/>
    </row>
    <row r="196634" spans="14:14">
      <c r="N196634" s="10"/>
    </row>
    <row r="196635" spans="14:14">
      <c r="N196635" s="10"/>
    </row>
    <row r="196636" spans="14:14">
      <c r="N196636" s="10"/>
    </row>
    <row r="196637" spans="14:14">
      <c r="N196637" s="10"/>
    </row>
    <row r="196638" spans="14:14">
      <c r="N196638" s="10"/>
    </row>
    <row r="196639" spans="14:14">
      <c r="N196639" s="10"/>
    </row>
    <row r="196640" spans="14:14">
      <c r="N196640" s="10"/>
    </row>
    <row r="196641" spans="14:14">
      <c r="N196641" s="10"/>
    </row>
    <row r="196642" spans="14:14">
      <c r="N196642" s="10"/>
    </row>
    <row r="196643" spans="14:14">
      <c r="N196643" s="10"/>
    </row>
    <row r="196644" spans="14:14">
      <c r="N196644" s="10"/>
    </row>
    <row r="196645" spans="14:14">
      <c r="N196645" s="10"/>
    </row>
    <row r="196646" spans="14:14">
      <c r="N196646" s="10"/>
    </row>
    <row r="196647" spans="14:14">
      <c r="N196647" s="10"/>
    </row>
    <row r="196648" spans="14:14">
      <c r="N196648" s="10"/>
    </row>
    <row r="196649" spans="14:14">
      <c r="N196649" s="10"/>
    </row>
    <row r="196650" spans="14:14">
      <c r="N196650" s="10"/>
    </row>
    <row r="196651" spans="14:14">
      <c r="N196651" s="10"/>
    </row>
    <row r="196652" spans="14:14">
      <c r="N196652" s="10"/>
    </row>
    <row r="196653" spans="14:14">
      <c r="N196653" s="10"/>
    </row>
    <row r="196654" spans="14:14">
      <c r="N196654" s="10"/>
    </row>
    <row r="196655" spans="14:14">
      <c r="N196655" s="10"/>
    </row>
    <row r="196656" spans="14:14">
      <c r="N196656" s="10"/>
    </row>
    <row r="196657" spans="14:14">
      <c r="N196657" s="10"/>
    </row>
    <row r="196658" spans="14:14">
      <c r="N196658" s="10"/>
    </row>
    <row r="196659" spans="14:14">
      <c r="N196659" s="10"/>
    </row>
    <row r="196660" spans="14:14">
      <c r="N196660" s="10"/>
    </row>
    <row r="196661" spans="14:14">
      <c r="N196661" s="10"/>
    </row>
    <row r="196662" spans="14:14">
      <c r="N196662" s="10"/>
    </row>
    <row r="196663" spans="14:14">
      <c r="N196663" s="10"/>
    </row>
    <row r="196664" spans="14:14">
      <c r="N196664" s="10"/>
    </row>
    <row r="196665" spans="14:14">
      <c r="N196665" s="10"/>
    </row>
    <row r="196666" spans="14:14">
      <c r="N196666" s="10"/>
    </row>
    <row r="196667" spans="14:14">
      <c r="N196667" s="10"/>
    </row>
    <row r="196668" spans="14:14">
      <c r="N196668" s="10"/>
    </row>
    <row r="196669" spans="14:14">
      <c r="N196669" s="10"/>
    </row>
    <row r="196670" spans="14:14">
      <c r="N196670" s="10"/>
    </row>
    <row r="196671" spans="14:14">
      <c r="N196671" s="10"/>
    </row>
    <row r="196672" spans="14:14">
      <c r="N196672" s="10"/>
    </row>
    <row r="196673" spans="14:14">
      <c r="N196673" s="10"/>
    </row>
    <row r="196674" spans="14:14">
      <c r="N196674" s="10"/>
    </row>
    <row r="196675" spans="14:14">
      <c r="N196675" s="10"/>
    </row>
    <row r="196676" spans="14:14">
      <c r="N196676" s="10"/>
    </row>
    <row r="196677" spans="14:14">
      <c r="N196677" s="10"/>
    </row>
    <row r="196678" spans="14:14">
      <c r="N196678" s="10"/>
    </row>
    <row r="196679" spans="14:14">
      <c r="N196679" s="10"/>
    </row>
    <row r="196680" spans="14:14">
      <c r="N196680" s="10"/>
    </row>
    <row r="196681" spans="14:14">
      <c r="N196681" s="10"/>
    </row>
    <row r="196682" spans="14:14">
      <c r="N196682" s="10"/>
    </row>
    <row r="196683" spans="14:14">
      <c r="N196683" s="10"/>
    </row>
    <row r="196684" spans="14:14">
      <c r="N196684" s="10"/>
    </row>
    <row r="196685" spans="14:14">
      <c r="N196685" s="10"/>
    </row>
    <row r="196686" spans="14:14">
      <c r="N196686" s="10"/>
    </row>
    <row r="196687" spans="14:14">
      <c r="N196687" s="10"/>
    </row>
    <row r="196688" spans="14:14">
      <c r="N196688" s="10"/>
    </row>
    <row r="196689" spans="14:14">
      <c r="N196689" s="10"/>
    </row>
    <row r="196690" spans="14:14">
      <c r="N196690" s="10"/>
    </row>
    <row r="196691" spans="14:14">
      <c r="N196691" s="10"/>
    </row>
    <row r="196692" spans="14:14">
      <c r="N196692" s="10"/>
    </row>
    <row r="196693" spans="14:14">
      <c r="N196693" s="10"/>
    </row>
    <row r="196694" spans="14:14">
      <c r="N196694" s="10"/>
    </row>
    <row r="196695" spans="14:14">
      <c r="N196695" s="10"/>
    </row>
    <row r="196696" spans="14:14">
      <c r="N196696" s="10"/>
    </row>
    <row r="196697" spans="14:14">
      <c r="N196697" s="10"/>
    </row>
    <row r="196698" spans="14:14">
      <c r="N196698" s="10"/>
    </row>
    <row r="196699" spans="14:14">
      <c r="N196699" s="10"/>
    </row>
    <row r="196700" spans="14:14">
      <c r="N196700" s="10"/>
    </row>
    <row r="196701" spans="14:14">
      <c r="N196701" s="10"/>
    </row>
    <row r="196702" spans="14:14">
      <c r="N196702" s="10"/>
    </row>
    <row r="196703" spans="14:14">
      <c r="N196703" s="10"/>
    </row>
    <row r="196704" spans="14:14">
      <c r="N196704" s="10"/>
    </row>
    <row r="196705" spans="14:14">
      <c r="N196705" s="10"/>
    </row>
    <row r="196706" spans="14:14">
      <c r="N196706" s="10"/>
    </row>
    <row r="196707" spans="14:14">
      <c r="N196707" s="10"/>
    </row>
    <row r="196708" spans="14:14">
      <c r="N196708" s="10"/>
    </row>
    <row r="196709" spans="14:14">
      <c r="N196709" s="10"/>
    </row>
    <row r="196710" spans="14:14">
      <c r="N196710" s="10"/>
    </row>
    <row r="196711" spans="14:14">
      <c r="N196711" s="10"/>
    </row>
    <row r="196712" spans="14:14">
      <c r="N196712" s="10"/>
    </row>
    <row r="196713" spans="14:14">
      <c r="N196713" s="10"/>
    </row>
    <row r="196714" spans="14:14">
      <c r="N196714" s="10"/>
    </row>
    <row r="196715" spans="14:14">
      <c r="N196715" s="10"/>
    </row>
    <row r="196716" spans="14:14">
      <c r="N196716" s="10"/>
    </row>
    <row r="196717" spans="14:14">
      <c r="N196717" s="10"/>
    </row>
    <row r="196718" spans="14:14">
      <c r="N196718" s="10"/>
    </row>
    <row r="196719" spans="14:14">
      <c r="N196719" s="10"/>
    </row>
    <row r="196720" spans="14:14">
      <c r="N196720" s="10"/>
    </row>
    <row r="196721" spans="14:14">
      <c r="N196721" s="10"/>
    </row>
    <row r="196722" spans="14:14">
      <c r="N196722" s="10"/>
    </row>
    <row r="196723" spans="14:14">
      <c r="N196723" s="10"/>
    </row>
    <row r="196724" spans="14:14">
      <c r="N196724" s="10"/>
    </row>
    <row r="196725" spans="14:14">
      <c r="N196725" s="10"/>
    </row>
    <row r="196726" spans="14:14">
      <c r="N196726" s="10"/>
    </row>
    <row r="196727" spans="14:14">
      <c r="N196727" s="10"/>
    </row>
    <row r="196728" spans="14:14">
      <c r="N196728" s="10"/>
    </row>
    <row r="196729" spans="14:14">
      <c r="N196729" s="10"/>
    </row>
    <row r="196730" spans="14:14">
      <c r="N196730" s="10"/>
    </row>
    <row r="196731" spans="14:14">
      <c r="N196731" s="10"/>
    </row>
    <row r="196732" spans="14:14">
      <c r="N196732" s="10"/>
    </row>
    <row r="196733" spans="14:14">
      <c r="N196733" s="10"/>
    </row>
    <row r="196734" spans="14:14">
      <c r="N196734" s="10"/>
    </row>
    <row r="196735" spans="14:14">
      <c r="N196735" s="10"/>
    </row>
    <row r="196736" spans="14:14">
      <c r="N196736" s="10"/>
    </row>
    <row r="196737" spans="14:14">
      <c r="N196737" s="10"/>
    </row>
    <row r="196738" spans="14:14">
      <c r="N196738" s="10"/>
    </row>
    <row r="196739" spans="14:14">
      <c r="N196739" s="10"/>
    </row>
    <row r="196740" spans="14:14">
      <c r="N196740" s="10"/>
    </row>
    <row r="196741" spans="14:14">
      <c r="N196741" s="10"/>
    </row>
    <row r="196742" spans="14:14">
      <c r="N196742" s="10"/>
    </row>
    <row r="196743" spans="14:14">
      <c r="N196743" s="10"/>
    </row>
    <row r="196744" spans="14:14">
      <c r="N196744" s="10"/>
    </row>
    <row r="196745" spans="14:14">
      <c r="N196745" s="10"/>
    </row>
    <row r="196746" spans="14:14">
      <c r="N196746" s="10"/>
    </row>
    <row r="196747" spans="14:14">
      <c r="N196747" s="10"/>
    </row>
    <row r="196748" spans="14:14">
      <c r="N196748" s="10"/>
    </row>
    <row r="196749" spans="14:14">
      <c r="N196749" s="10"/>
    </row>
    <row r="196750" spans="14:14">
      <c r="N196750" s="10"/>
    </row>
    <row r="196751" spans="14:14">
      <c r="N196751" s="10"/>
    </row>
    <row r="196752" spans="14:14">
      <c r="N196752" s="10"/>
    </row>
    <row r="196753" spans="14:14">
      <c r="N196753" s="10"/>
    </row>
    <row r="196754" spans="14:14">
      <c r="N196754" s="10"/>
    </row>
    <row r="196755" spans="14:14">
      <c r="N196755" s="10"/>
    </row>
    <row r="196756" spans="14:14">
      <c r="N196756" s="10"/>
    </row>
    <row r="196757" spans="14:14">
      <c r="N196757" s="10"/>
    </row>
    <row r="196758" spans="14:14">
      <c r="N196758" s="10"/>
    </row>
    <row r="196759" spans="14:14">
      <c r="N196759" s="10"/>
    </row>
    <row r="196760" spans="14:14">
      <c r="N196760" s="10"/>
    </row>
    <row r="196761" spans="14:14">
      <c r="N196761" s="10"/>
    </row>
    <row r="196762" spans="14:14">
      <c r="N196762" s="10"/>
    </row>
    <row r="196763" spans="14:14">
      <c r="N196763" s="10"/>
    </row>
    <row r="196764" spans="14:14">
      <c r="N196764" s="10"/>
    </row>
    <row r="196765" spans="14:14">
      <c r="N196765" s="10"/>
    </row>
    <row r="196766" spans="14:14">
      <c r="N196766" s="10"/>
    </row>
    <row r="196767" spans="14:14">
      <c r="N196767" s="10"/>
    </row>
    <row r="196768" spans="14:14">
      <c r="N196768" s="10"/>
    </row>
    <row r="196769" spans="14:14">
      <c r="N196769" s="10"/>
    </row>
    <row r="196770" spans="14:14">
      <c r="N196770" s="10"/>
    </row>
    <row r="196771" spans="14:14">
      <c r="N196771" s="10"/>
    </row>
    <row r="196772" spans="14:14">
      <c r="N196772" s="10"/>
    </row>
    <row r="196773" spans="14:14">
      <c r="N196773" s="10"/>
    </row>
    <row r="196774" spans="14:14">
      <c r="N196774" s="10"/>
    </row>
    <row r="196775" spans="14:14">
      <c r="N196775" s="10"/>
    </row>
    <row r="196776" spans="14:14">
      <c r="N196776" s="10"/>
    </row>
    <row r="196777" spans="14:14">
      <c r="N196777" s="10"/>
    </row>
    <row r="196778" spans="14:14">
      <c r="N196778" s="10"/>
    </row>
    <row r="196779" spans="14:14">
      <c r="N196779" s="10"/>
    </row>
    <row r="196780" spans="14:14">
      <c r="N196780" s="10"/>
    </row>
    <row r="196781" spans="14:14">
      <c r="N196781" s="10"/>
    </row>
    <row r="196782" spans="14:14">
      <c r="N196782" s="10"/>
    </row>
    <row r="196783" spans="14:14">
      <c r="N196783" s="10"/>
    </row>
    <row r="196784" spans="14:14">
      <c r="N196784" s="10"/>
    </row>
    <row r="196785" spans="14:14">
      <c r="N196785" s="10"/>
    </row>
    <row r="196786" spans="14:14">
      <c r="N196786" s="10"/>
    </row>
    <row r="196787" spans="14:14">
      <c r="N196787" s="10"/>
    </row>
    <row r="196788" spans="14:14">
      <c r="N196788" s="10"/>
    </row>
    <row r="196789" spans="14:14">
      <c r="N196789" s="10"/>
    </row>
    <row r="196790" spans="14:14">
      <c r="N196790" s="10"/>
    </row>
    <row r="196791" spans="14:14">
      <c r="N196791" s="10"/>
    </row>
    <row r="196792" spans="14:14">
      <c r="N196792" s="10"/>
    </row>
    <row r="196793" spans="14:14">
      <c r="N196793" s="10"/>
    </row>
    <row r="196794" spans="14:14">
      <c r="N196794" s="10"/>
    </row>
    <row r="196795" spans="14:14">
      <c r="N196795" s="10"/>
    </row>
    <row r="196796" spans="14:14">
      <c r="N196796" s="10"/>
    </row>
    <row r="196797" spans="14:14">
      <c r="N196797" s="10"/>
    </row>
    <row r="196798" spans="14:14">
      <c r="N196798" s="10"/>
    </row>
    <row r="196799" spans="14:14">
      <c r="N196799" s="10"/>
    </row>
    <row r="196800" spans="14:14">
      <c r="N196800" s="10"/>
    </row>
    <row r="196801" spans="14:14">
      <c r="N196801" s="10"/>
    </row>
    <row r="196802" spans="14:14">
      <c r="N196802" s="10"/>
    </row>
    <row r="196803" spans="14:14">
      <c r="N196803" s="10"/>
    </row>
    <row r="196804" spans="14:14">
      <c r="N196804" s="10"/>
    </row>
    <row r="196805" spans="14:14">
      <c r="N196805" s="10"/>
    </row>
    <row r="196806" spans="14:14">
      <c r="N196806" s="10"/>
    </row>
    <row r="196807" spans="14:14">
      <c r="N196807" s="10"/>
    </row>
    <row r="196808" spans="14:14">
      <c r="N196808" s="10"/>
    </row>
    <row r="196809" spans="14:14">
      <c r="N196809" s="10"/>
    </row>
    <row r="196810" spans="14:14">
      <c r="N196810" s="10"/>
    </row>
    <row r="196811" spans="14:14">
      <c r="N196811" s="10"/>
    </row>
    <row r="196812" spans="14:14">
      <c r="N196812" s="10"/>
    </row>
    <row r="196813" spans="14:14">
      <c r="N196813" s="10"/>
    </row>
    <row r="196814" spans="14:14">
      <c r="N196814" s="10"/>
    </row>
    <row r="196815" spans="14:14">
      <c r="N196815" s="10"/>
    </row>
    <row r="196816" spans="14:14">
      <c r="N196816" s="10"/>
    </row>
    <row r="196817" spans="14:14">
      <c r="N196817" s="10"/>
    </row>
    <row r="196818" spans="14:14">
      <c r="N196818" s="10"/>
    </row>
    <row r="196819" spans="14:14">
      <c r="N196819" s="10"/>
    </row>
    <row r="196820" spans="14:14">
      <c r="N196820" s="10"/>
    </row>
    <row r="196821" spans="14:14">
      <c r="N196821" s="10"/>
    </row>
    <row r="196822" spans="14:14">
      <c r="N196822" s="10"/>
    </row>
    <row r="196823" spans="14:14">
      <c r="N196823" s="10"/>
    </row>
    <row r="196824" spans="14:14">
      <c r="N196824" s="10"/>
    </row>
    <row r="196825" spans="14:14">
      <c r="N196825" s="10"/>
    </row>
    <row r="196826" spans="14:14">
      <c r="N196826" s="10"/>
    </row>
    <row r="196827" spans="14:14">
      <c r="N196827" s="10"/>
    </row>
    <row r="196828" spans="14:14">
      <c r="N196828" s="10"/>
    </row>
    <row r="196829" spans="14:14">
      <c r="N196829" s="10"/>
    </row>
    <row r="196830" spans="14:14">
      <c r="N196830" s="10"/>
    </row>
    <row r="196831" spans="14:14">
      <c r="N196831" s="10"/>
    </row>
    <row r="196832" spans="14:14">
      <c r="N196832" s="10"/>
    </row>
    <row r="196833" spans="14:14">
      <c r="N196833" s="10"/>
    </row>
    <row r="196834" spans="14:14">
      <c r="N196834" s="10"/>
    </row>
    <row r="196835" spans="14:14">
      <c r="N196835" s="10"/>
    </row>
    <row r="196836" spans="14:14">
      <c r="N196836" s="10"/>
    </row>
    <row r="196837" spans="14:14">
      <c r="N196837" s="10"/>
    </row>
    <row r="196838" spans="14:14">
      <c r="N196838" s="10"/>
    </row>
    <row r="196839" spans="14:14">
      <c r="N196839" s="10"/>
    </row>
    <row r="196840" spans="14:14">
      <c r="N196840" s="10"/>
    </row>
    <row r="196841" spans="14:14">
      <c r="N196841" s="10"/>
    </row>
    <row r="196842" spans="14:14">
      <c r="N196842" s="10"/>
    </row>
    <row r="196843" spans="14:14">
      <c r="N196843" s="10"/>
    </row>
    <row r="196844" spans="14:14">
      <c r="N196844" s="10"/>
    </row>
    <row r="196845" spans="14:14">
      <c r="N196845" s="10"/>
    </row>
    <row r="196846" spans="14:14">
      <c r="N196846" s="10"/>
    </row>
    <row r="196847" spans="14:14">
      <c r="N196847" s="10"/>
    </row>
    <row r="196848" spans="14:14">
      <c r="N196848" s="10"/>
    </row>
    <row r="196849" spans="14:14">
      <c r="N196849" s="10"/>
    </row>
    <row r="196850" spans="14:14">
      <c r="N196850" s="10"/>
    </row>
    <row r="196851" spans="14:14">
      <c r="N196851" s="10"/>
    </row>
    <row r="196852" spans="14:14">
      <c r="N196852" s="10"/>
    </row>
    <row r="196853" spans="14:14">
      <c r="N196853" s="10"/>
    </row>
    <row r="196854" spans="14:14">
      <c r="N196854" s="10"/>
    </row>
    <row r="196855" spans="14:14">
      <c r="N196855" s="10"/>
    </row>
    <row r="196856" spans="14:14">
      <c r="N196856" s="10"/>
    </row>
    <row r="196857" spans="14:14">
      <c r="N196857" s="10"/>
    </row>
    <row r="196858" spans="14:14">
      <c r="N196858" s="10"/>
    </row>
    <row r="196859" spans="14:14">
      <c r="N196859" s="10"/>
    </row>
    <row r="196860" spans="14:14">
      <c r="N196860" s="10"/>
    </row>
    <row r="196861" spans="14:14">
      <c r="N196861" s="10"/>
    </row>
    <row r="196862" spans="14:14">
      <c r="N196862" s="10"/>
    </row>
    <row r="196863" spans="14:14">
      <c r="N196863" s="10"/>
    </row>
    <row r="196864" spans="14:14">
      <c r="N196864" s="10"/>
    </row>
    <row r="196865" spans="14:14">
      <c r="N196865" s="10"/>
    </row>
    <row r="196866" spans="14:14">
      <c r="N196866" s="10"/>
    </row>
    <row r="196867" spans="14:14">
      <c r="N196867" s="10"/>
    </row>
    <row r="196868" spans="14:14">
      <c r="N196868" s="10"/>
    </row>
    <row r="196869" spans="14:14">
      <c r="N196869" s="10"/>
    </row>
    <row r="196870" spans="14:14">
      <c r="N196870" s="10"/>
    </row>
    <row r="196871" spans="14:14">
      <c r="N196871" s="10"/>
    </row>
    <row r="196872" spans="14:14">
      <c r="N196872" s="10"/>
    </row>
    <row r="196873" spans="14:14">
      <c r="N196873" s="10"/>
    </row>
    <row r="196874" spans="14:14">
      <c r="N196874" s="10"/>
    </row>
    <row r="196875" spans="14:14">
      <c r="N196875" s="10"/>
    </row>
    <row r="196876" spans="14:14">
      <c r="N196876" s="10"/>
    </row>
    <row r="196877" spans="14:14">
      <c r="N196877" s="10"/>
    </row>
    <row r="196878" spans="14:14">
      <c r="N196878" s="10"/>
    </row>
    <row r="196879" spans="14:14">
      <c r="N196879" s="10"/>
    </row>
    <row r="196880" spans="14:14">
      <c r="N196880" s="10"/>
    </row>
    <row r="196881" spans="14:14">
      <c r="N196881" s="10"/>
    </row>
    <row r="196882" spans="14:14">
      <c r="N196882" s="10"/>
    </row>
    <row r="196883" spans="14:14">
      <c r="N196883" s="10"/>
    </row>
    <row r="196884" spans="14:14">
      <c r="N196884" s="10"/>
    </row>
    <row r="196885" spans="14:14">
      <c r="N196885" s="10"/>
    </row>
    <row r="196886" spans="14:14">
      <c r="N196886" s="10"/>
    </row>
    <row r="196887" spans="14:14">
      <c r="N196887" s="10"/>
    </row>
    <row r="196888" spans="14:14">
      <c r="N196888" s="10"/>
    </row>
    <row r="196889" spans="14:14">
      <c r="N196889" s="10"/>
    </row>
    <row r="196890" spans="14:14">
      <c r="N196890" s="10"/>
    </row>
    <row r="196891" spans="14:14">
      <c r="N196891" s="10"/>
    </row>
    <row r="196892" spans="14:14">
      <c r="N196892" s="10"/>
    </row>
    <row r="196893" spans="14:14">
      <c r="N196893" s="10"/>
    </row>
    <row r="196894" spans="14:14">
      <c r="N196894" s="10"/>
    </row>
    <row r="196895" spans="14:14">
      <c r="N196895" s="10"/>
    </row>
    <row r="196896" spans="14:14">
      <c r="N196896" s="10"/>
    </row>
    <row r="196897" spans="14:14">
      <c r="N196897" s="10"/>
    </row>
    <row r="196898" spans="14:14">
      <c r="N196898" s="10"/>
    </row>
    <row r="196899" spans="14:14">
      <c r="N196899" s="10"/>
    </row>
    <row r="196900" spans="14:14">
      <c r="N196900" s="10"/>
    </row>
    <row r="196901" spans="14:14">
      <c r="N196901" s="10"/>
    </row>
    <row r="196902" spans="14:14">
      <c r="N196902" s="10"/>
    </row>
    <row r="196903" spans="14:14">
      <c r="N196903" s="10"/>
    </row>
    <row r="196904" spans="14:14">
      <c r="N196904" s="10"/>
    </row>
    <row r="196905" spans="14:14">
      <c r="N196905" s="10"/>
    </row>
    <row r="196906" spans="14:14">
      <c r="N196906" s="10"/>
    </row>
    <row r="196907" spans="14:14">
      <c r="N196907" s="10"/>
    </row>
    <row r="196908" spans="14:14">
      <c r="N196908" s="10"/>
    </row>
    <row r="196909" spans="14:14">
      <c r="N196909" s="10"/>
    </row>
    <row r="196910" spans="14:14">
      <c r="N196910" s="10"/>
    </row>
    <row r="196911" spans="14:14">
      <c r="N196911" s="10"/>
    </row>
    <row r="196912" spans="14:14">
      <c r="N196912" s="10"/>
    </row>
    <row r="196913" spans="14:14">
      <c r="N196913" s="10"/>
    </row>
    <row r="196914" spans="14:14">
      <c r="N196914" s="10"/>
    </row>
    <row r="196915" spans="14:14">
      <c r="N196915" s="10"/>
    </row>
    <row r="196916" spans="14:14">
      <c r="N196916" s="10"/>
    </row>
    <row r="196917" spans="14:14">
      <c r="N196917" s="10"/>
    </row>
    <row r="196918" spans="14:14">
      <c r="N196918" s="10"/>
    </row>
    <row r="196919" spans="14:14">
      <c r="N196919" s="10"/>
    </row>
    <row r="196920" spans="14:14">
      <c r="N196920" s="10"/>
    </row>
    <row r="196921" spans="14:14">
      <c r="N196921" s="10"/>
    </row>
    <row r="196922" spans="14:14">
      <c r="N196922" s="10"/>
    </row>
    <row r="196923" spans="14:14">
      <c r="N196923" s="10"/>
    </row>
    <row r="196924" spans="14:14">
      <c r="N196924" s="10"/>
    </row>
    <row r="196925" spans="14:14">
      <c r="N196925" s="10"/>
    </row>
    <row r="196926" spans="14:14">
      <c r="N196926" s="10"/>
    </row>
    <row r="196927" spans="14:14">
      <c r="N196927" s="10"/>
    </row>
    <row r="196928" spans="14:14">
      <c r="N196928" s="10"/>
    </row>
    <row r="196929" spans="14:14">
      <c r="N196929" s="10"/>
    </row>
    <row r="196930" spans="14:14">
      <c r="N196930" s="10"/>
    </row>
    <row r="196931" spans="14:14">
      <c r="N196931" s="10"/>
    </row>
    <row r="196932" spans="14:14">
      <c r="N196932" s="10"/>
    </row>
    <row r="196933" spans="14:14">
      <c r="N196933" s="10"/>
    </row>
    <row r="196934" spans="14:14">
      <c r="N196934" s="10"/>
    </row>
    <row r="196935" spans="14:14">
      <c r="N196935" s="10"/>
    </row>
    <row r="196936" spans="14:14">
      <c r="N196936" s="10"/>
    </row>
    <row r="196937" spans="14:14">
      <c r="N196937" s="10"/>
    </row>
    <row r="196938" spans="14:14">
      <c r="N196938" s="10"/>
    </row>
    <row r="196939" spans="14:14">
      <c r="N196939" s="10"/>
    </row>
    <row r="196940" spans="14:14">
      <c r="N196940" s="10"/>
    </row>
    <row r="196941" spans="14:14">
      <c r="N196941" s="10"/>
    </row>
    <row r="196942" spans="14:14">
      <c r="N196942" s="10"/>
    </row>
    <row r="196943" spans="14:14">
      <c r="N196943" s="10"/>
    </row>
    <row r="196944" spans="14:14">
      <c r="N196944" s="10"/>
    </row>
    <row r="196945" spans="14:14">
      <c r="N196945" s="10"/>
    </row>
    <row r="196946" spans="14:14">
      <c r="N196946" s="10"/>
    </row>
    <row r="196947" spans="14:14">
      <c r="N196947" s="10"/>
    </row>
    <row r="196948" spans="14:14">
      <c r="N196948" s="10"/>
    </row>
    <row r="196949" spans="14:14">
      <c r="N196949" s="10"/>
    </row>
    <row r="196950" spans="14:14">
      <c r="N196950" s="10"/>
    </row>
    <row r="196951" spans="14:14">
      <c r="N196951" s="10"/>
    </row>
    <row r="196952" spans="14:14">
      <c r="N196952" s="10"/>
    </row>
    <row r="196953" spans="14:14">
      <c r="N196953" s="10"/>
    </row>
    <row r="196954" spans="14:14">
      <c r="N196954" s="10"/>
    </row>
    <row r="196955" spans="14:14">
      <c r="N196955" s="10"/>
    </row>
    <row r="196956" spans="14:14">
      <c r="N196956" s="10"/>
    </row>
    <row r="196957" spans="14:14">
      <c r="N196957" s="10"/>
    </row>
    <row r="196958" spans="14:14">
      <c r="N196958" s="10"/>
    </row>
    <row r="196959" spans="14:14">
      <c r="N196959" s="10"/>
    </row>
    <row r="196960" spans="14:14">
      <c r="N196960" s="10"/>
    </row>
    <row r="196961" spans="14:14">
      <c r="N196961" s="10"/>
    </row>
    <row r="196962" spans="14:14">
      <c r="N196962" s="10"/>
    </row>
    <row r="196963" spans="14:14">
      <c r="N196963" s="10"/>
    </row>
    <row r="196964" spans="14:14">
      <c r="N196964" s="10"/>
    </row>
    <row r="196965" spans="14:14">
      <c r="N196965" s="10"/>
    </row>
    <row r="196966" spans="14:14">
      <c r="N196966" s="10"/>
    </row>
    <row r="196967" spans="14:14">
      <c r="N196967" s="10"/>
    </row>
    <row r="196968" spans="14:14">
      <c r="N196968" s="10"/>
    </row>
    <row r="196969" spans="14:14">
      <c r="N196969" s="10"/>
    </row>
    <row r="196970" spans="14:14">
      <c r="N196970" s="10"/>
    </row>
    <row r="196971" spans="14:14">
      <c r="N196971" s="10"/>
    </row>
    <row r="196972" spans="14:14">
      <c r="N196972" s="10"/>
    </row>
    <row r="196973" spans="14:14">
      <c r="N196973" s="10"/>
    </row>
    <row r="196974" spans="14:14">
      <c r="N196974" s="10"/>
    </row>
    <row r="196975" spans="14:14">
      <c r="N196975" s="10"/>
    </row>
    <row r="196976" spans="14:14">
      <c r="N196976" s="10"/>
    </row>
    <row r="196977" spans="14:14">
      <c r="N196977" s="10"/>
    </row>
    <row r="196978" spans="14:14">
      <c r="N196978" s="10"/>
    </row>
    <row r="196979" spans="14:14">
      <c r="N196979" s="10"/>
    </row>
    <row r="196980" spans="14:14">
      <c r="N196980" s="10"/>
    </row>
    <row r="196981" spans="14:14">
      <c r="N196981" s="10"/>
    </row>
    <row r="196982" spans="14:14">
      <c r="N196982" s="10"/>
    </row>
    <row r="196983" spans="14:14">
      <c r="N196983" s="10"/>
    </row>
    <row r="196984" spans="14:14">
      <c r="N196984" s="10"/>
    </row>
    <row r="196985" spans="14:14">
      <c r="N196985" s="10"/>
    </row>
    <row r="196986" spans="14:14">
      <c r="N196986" s="10"/>
    </row>
    <row r="196987" spans="14:14">
      <c r="N196987" s="10"/>
    </row>
    <row r="196988" spans="14:14">
      <c r="N196988" s="10"/>
    </row>
    <row r="196989" spans="14:14">
      <c r="N196989" s="10"/>
    </row>
    <row r="196990" spans="14:14">
      <c r="N196990" s="10"/>
    </row>
    <row r="196991" spans="14:14">
      <c r="N196991" s="10"/>
    </row>
    <row r="196992" spans="14:14">
      <c r="N196992" s="10"/>
    </row>
    <row r="196993" spans="14:14">
      <c r="N196993" s="10"/>
    </row>
    <row r="196994" spans="14:14">
      <c r="N196994" s="10"/>
    </row>
    <row r="196995" spans="14:14">
      <c r="N196995" s="10"/>
    </row>
    <row r="196996" spans="14:14">
      <c r="N196996" s="10"/>
    </row>
    <row r="196997" spans="14:14">
      <c r="N196997" s="10"/>
    </row>
    <row r="196998" spans="14:14">
      <c r="N196998" s="10"/>
    </row>
    <row r="196999" spans="14:14">
      <c r="N196999" s="10"/>
    </row>
    <row r="197000" spans="14:14">
      <c r="N197000" s="10"/>
    </row>
    <row r="197001" spans="14:14">
      <c r="N197001" s="10"/>
    </row>
    <row r="197002" spans="14:14">
      <c r="N197002" s="10"/>
    </row>
    <row r="197003" spans="14:14">
      <c r="N197003" s="10"/>
    </row>
    <row r="197004" spans="14:14">
      <c r="N197004" s="10"/>
    </row>
    <row r="197005" spans="14:14">
      <c r="N197005" s="10"/>
    </row>
    <row r="197006" spans="14:14">
      <c r="N197006" s="10"/>
    </row>
    <row r="197007" spans="14:14">
      <c r="N197007" s="10"/>
    </row>
    <row r="197008" spans="14:14">
      <c r="N197008" s="10"/>
    </row>
    <row r="197009" spans="14:14">
      <c r="N197009" s="10"/>
    </row>
    <row r="197010" spans="14:14">
      <c r="N197010" s="10"/>
    </row>
    <row r="197011" spans="14:14">
      <c r="N197011" s="10"/>
    </row>
    <row r="197012" spans="14:14">
      <c r="N197012" s="10"/>
    </row>
    <row r="197013" spans="14:14">
      <c r="N197013" s="10"/>
    </row>
    <row r="197014" spans="14:14">
      <c r="N197014" s="10"/>
    </row>
    <row r="197015" spans="14:14">
      <c r="N197015" s="10"/>
    </row>
    <row r="197016" spans="14:14">
      <c r="N197016" s="10"/>
    </row>
    <row r="197017" spans="14:14">
      <c r="N197017" s="10"/>
    </row>
    <row r="197018" spans="14:14">
      <c r="N197018" s="10"/>
    </row>
    <row r="197019" spans="14:14">
      <c r="N197019" s="10"/>
    </row>
    <row r="197020" spans="14:14">
      <c r="N197020" s="10"/>
    </row>
    <row r="197021" spans="14:14">
      <c r="N197021" s="10"/>
    </row>
    <row r="197022" spans="14:14">
      <c r="N197022" s="10"/>
    </row>
    <row r="197023" spans="14:14">
      <c r="N197023" s="10"/>
    </row>
    <row r="197024" spans="14:14">
      <c r="N197024" s="10"/>
    </row>
    <row r="197025" spans="14:14">
      <c r="N197025" s="10"/>
    </row>
    <row r="197026" spans="14:14">
      <c r="N197026" s="10"/>
    </row>
    <row r="197027" spans="14:14">
      <c r="N197027" s="10"/>
    </row>
    <row r="197028" spans="14:14">
      <c r="N197028" s="10"/>
    </row>
    <row r="197029" spans="14:14">
      <c r="N197029" s="10"/>
    </row>
    <row r="197030" spans="14:14">
      <c r="N197030" s="10"/>
    </row>
    <row r="197031" spans="14:14">
      <c r="N197031" s="10"/>
    </row>
    <row r="197032" spans="14:14">
      <c r="N197032" s="10"/>
    </row>
    <row r="197033" spans="14:14">
      <c r="N197033" s="10"/>
    </row>
    <row r="197034" spans="14:14">
      <c r="N197034" s="10"/>
    </row>
    <row r="197035" spans="14:14">
      <c r="N197035" s="10"/>
    </row>
    <row r="197036" spans="14:14">
      <c r="N197036" s="10"/>
    </row>
    <row r="197037" spans="14:14">
      <c r="N197037" s="10"/>
    </row>
    <row r="197038" spans="14:14">
      <c r="N197038" s="10"/>
    </row>
    <row r="197039" spans="14:14">
      <c r="N197039" s="10"/>
    </row>
    <row r="197040" spans="14:14">
      <c r="N197040" s="10"/>
    </row>
    <row r="197041" spans="14:14">
      <c r="N197041" s="10"/>
    </row>
    <row r="197042" spans="14:14">
      <c r="N197042" s="10"/>
    </row>
    <row r="197043" spans="14:14">
      <c r="N197043" s="10"/>
    </row>
    <row r="197044" spans="14:14">
      <c r="N197044" s="10"/>
    </row>
    <row r="197045" spans="14:14">
      <c r="N197045" s="10"/>
    </row>
    <row r="197046" spans="14:14">
      <c r="N197046" s="10"/>
    </row>
    <row r="197047" spans="14:14">
      <c r="N197047" s="10"/>
    </row>
    <row r="197048" spans="14:14">
      <c r="N197048" s="10"/>
    </row>
    <row r="197049" spans="14:14">
      <c r="N197049" s="10"/>
    </row>
    <row r="197050" spans="14:14">
      <c r="N197050" s="10"/>
    </row>
    <row r="197051" spans="14:14">
      <c r="N197051" s="10"/>
    </row>
    <row r="197052" spans="14:14">
      <c r="N197052" s="10"/>
    </row>
    <row r="197053" spans="14:14">
      <c r="N197053" s="10"/>
    </row>
    <row r="197054" spans="14:14">
      <c r="N197054" s="10"/>
    </row>
    <row r="197055" spans="14:14">
      <c r="N197055" s="10"/>
    </row>
    <row r="197056" spans="14:14">
      <c r="N197056" s="10"/>
    </row>
    <row r="197057" spans="14:14">
      <c r="N197057" s="10"/>
    </row>
    <row r="197058" spans="14:14">
      <c r="N197058" s="10"/>
    </row>
    <row r="197059" spans="14:14">
      <c r="N197059" s="10"/>
    </row>
    <row r="197060" spans="14:14">
      <c r="N197060" s="10"/>
    </row>
    <row r="197061" spans="14:14">
      <c r="N197061" s="10"/>
    </row>
    <row r="197062" spans="14:14">
      <c r="N197062" s="10"/>
    </row>
    <row r="197063" spans="14:14">
      <c r="N197063" s="10"/>
    </row>
    <row r="197064" spans="14:14">
      <c r="N197064" s="10"/>
    </row>
    <row r="197065" spans="14:14">
      <c r="N197065" s="10"/>
    </row>
    <row r="197066" spans="14:14">
      <c r="N197066" s="10"/>
    </row>
    <row r="197067" spans="14:14">
      <c r="N197067" s="10"/>
    </row>
    <row r="197068" spans="14:14">
      <c r="N197068" s="10"/>
    </row>
    <row r="197069" spans="14:14">
      <c r="N197069" s="10"/>
    </row>
    <row r="197070" spans="14:14">
      <c r="N197070" s="10"/>
    </row>
    <row r="197071" spans="14:14">
      <c r="N197071" s="10"/>
    </row>
    <row r="197072" spans="14:14">
      <c r="N197072" s="10"/>
    </row>
    <row r="197073" spans="14:14">
      <c r="N197073" s="10"/>
    </row>
    <row r="197074" spans="14:14">
      <c r="N197074" s="10"/>
    </row>
    <row r="197075" spans="14:14">
      <c r="N197075" s="10"/>
    </row>
    <row r="197076" spans="14:14">
      <c r="N197076" s="10"/>
    </row>
    <row r="197077" spans="14:14">
      <c r="N197077" s="10"/>
    </row>
    <row r="197078" spans="14:14">
      <c r="N197078" s="10"/>
    </row>
    <row r="197079" spans="14:14">
      <c r="N197079" s="10"/>
    </row>
    <row r="197080" spans="14:14">
      <c r="N197080" s="10"/>
    </row>
    <row r="197081" spans="14:14">
      <c r="N197081" s="10"/>
    </row>
    <row r="197082" spans="14:14">
      <c r="N197082" s="10"/>
    </row>
    <row r="197083" spans="14:14">
      <c r="N197083" s="10"/>
    </row>
    <row r="197084" spans="14:14">
      <c r="N197084" s="10"/>
    </row>
    <row r="197085" spans="14:14">
      <c r="N197085" s="10"/>
    </row>
    <row r="197086" spans="14:14">
      <c r="N197086" s="10"/>
    </row>
    <row r="197087" spans="14:14">
      <c r="N197087" s="10"/>
    </row>
    <row r="197088" spans="14:14">
      <c r="N197088" s="10"/>
    </row>
    <row r="197089" spans="14:14">
      <c r="N197089" s="10"/>
    </row>
    <row r="197090" spans="14:14">
      <c r="N197090" s="10"/>
    </row>
    <row r="197091" spans="14:14">
      <c r="N197091" s="10"/>
    </row>
    <row r="197092" spans="14:14">
      <c r="N197092" s="10"/>
    </row>
    <row r="197093" spans="14:14">
      <c r="N197093" s="10"/>
    </row>
    <row r="197094" spans="14:14">
      <c r="N197094" s="10"/>
    </row>
    <row r="197095" spans="14:14">
      <c r="N197095" s="10"/>
    </row>
    <row r="197096" spans="14:14">
      <c r="N197096" s="10"/>
    </row>
    <row r="197097" spans="14:14">
      <c r="N197097" s="10"/>
    </row>
    <row r="197098" spans="14:14">
      <c r="N197098" s="10"/>
    </row>
    <row r="197099" spans="14:14">
      <c r="N197099" s="10"/>
    </row>
    <row r="197100" spans="14:14">
      <c r="N197100" s="10"/>
    </row>
    <row r="197101" spans="14:14">
      <c r="N197101" s="10"/>
    </row>
    <row r="197102" spans="14:14">
      <c r="N197102" s="10"/>
    </row>
    <row r="197103" spans="14:14">
      <c r="N197103" s="10"/>
    </row>
    <row r="197104" spans="14:14">
      <c r="N197104" s="10"/>
    </row>
    <row r="197105" spans="14:14">
      <c r="N197105" s="10"/>
    </row>
    <row r="197106" spans="14:14">
      <c r="N197106" s="10"/>
    </row>
    <row r="197107" spans="14:14">
      <c r="N197107" s="10"/>
    </row>
    <row r="197108" spans="14:14">
      <c r="N197108" s="10"/>
    </row>
    <row r="197109" spans="14:14">
      <c r="N197109" s="10"/>
    </row>
    <row r="197110" spans="14:14">
      <c r="N197110" s="10"/>
    </row>
    <row r="197111" spans="14:14">
      <c r="N197111" s="10"/>
    </row>
    <row r="197112" spans="14:14">
      <c r="N197112" s="10"/>
    </row>
    <row r="197113" spans="14:14">
      <c r="N197113" s="10"/>
    </row>
    <row r="197114" spans="14:14">
      <c r="N197114" s="10"/>
    </row>
    <row r="197115" spans="14:14">
      <c r="N197115" s="10"/>
    </row>
    <row r="197116" spans="14:14">
      <c r="N197116" s="10"/>
    </row>
    <row r="197117" spans="14:14">
      <c r="N197117" s="10"/>
    </row>
    <row r="197118" spans="14:14">
      <c r="N197118" s="10"/>
    </row>
    <row r="197119" spans="14:14">
      <c r="N197119" s="10"/>
    </row>
    <row r="197120" spans="14:14">
      <c r="N197120" s="10"/>
    </row>
    <row r="197121" spans="14:14">
      <c r="N197121" s="10"/>
    </row>
    <row r="197122" spans="14:14">
      <c r="N197122" s="10"/>
    </row>
    <row r="197123" spans="14:14">
      <c r="N197123" s="10"/>
    </row>
    <row r="197124" spans="14:14">
      <c r="N197124" s="10"/>
    </row>
    <row r="197125" spans="14:14">
      <c r="N197125" s="10"/>
    </row>
    <row r="197126" spans="14:14">
      <c r="N197126" s="10"/>
    </row>
    <row r="197127" spans="14:14">
      <c r="N197127" s="10"/>
    </row>
    <row r="197128" spans="14:14">
      <c r="N197128" s="10"/>
    </row>
    <row r="197129" spans="14:14">
      <c r="N197129" s="10"/>
    </row>
    <row r="197130" spans="14:14">
      <c r="N197130" s="10"/>
    </row>
    <row r="197131" spans="14:14">
      <c r="N197131" s="10"/>
    </row>
    <row r="197132" spans="14:14">
      <c r="N197132" s="10"/>
    </row>
    <row r="197133" spans="14:14">
      <c r="N197133" s="10"/>
    </row>
    <row r="197134" spans="14:14">
      <c r="N197134" s="10"/>
    </row>
    <row r="197135" spans="14:14">
      <c r="N197135" s="10"/>
    </row>
    <row r="197136" spans="14:14">
      <c r="N197136" s="10"/>
    </row>
    <row r="197137" spans="14:14">
      <c r="N197137" s="10"/>
    </row>
    <row r="197138" spans="14:14">
      <c r="N197138" s="10"/>
    </row>
    <row r="197139" spans="14:14">
      <c r="N197139" s="10"/>
    </row>
    <row r="197140" spans="14:14">
      <c r="N197140" s="10"/>
    </row>
    <row r="197141" spans="14:14">
      <c r="N197141" s="10"/>
    </row>
    <row r="197142" spans="14:14">
      <c r="N197142" s="10"/>
    </row>
    <row r="197143" spans="14:14">
      <c r="N197143" s="10"/>
    </row>
    <row r="197144" spans="14:14">
      <c r="N197144" s="10"/>
    </row>
    <row r="197145" spans="14:14">
      <c r="N197145" s="10"/>
    </row>
    <row r="197146" spans="14:14">
      <c r="N197146" s="10"/>
    </row>
    <row r="197147" spans="14:14">
      <c r="N197147" s="10"/>
    </row>
    <row r="197148" spans="14:14">
      <c r="N197148" s="10"/>
    </row>
    <row r="197149" spans="14:14">
      <c r="N197149" s="10"/>
    </row>
    <row r="197150" spans="14:14">
      <c r="N197150" s="10"/>
    </row>
    <row r="197151" spans="14:14">
      <c r="N197151" s="10"/>
    </row>
    <row r="197152" spans="14:14">
      <c r="N197152" s="10"/>
    </row>
    <row r="197153" spans="14:14">
      <c r="N197153" s="10"/>
    </row>
    <row r="197154" spans="14:14">
      <c r="N197154" s="10"/>
    </row>
    <row r="197155" spans="14:14">
      <c r="N197155" s="10"/>
    </row>
    <row r="197156" spans="14:14">
      <c r="N197156" s="10"/>
    </row>
    <row r="197157" spans="14:14">
      <c r="N197157" s="10"/>
    </row>
    <row r="197158" spans="14:14">
      <c r="N197158" s="10"/>
    </row>
    <row r="197159" spans="14:14">
      <c r="N197159" s="10"/>
    </row>
    <row r="197160" spans="14:14">
      <c r="N197160" s="10"/>
    </row>
    <row r="197161" spans="14:14">
      <c r="N197161" s="10"/>
    </row>
    <row r="197162" spans="14:14">
      <c r="N197162" s="10"/>
    </row>
    <row r="197163" spans="14:14">
      <c r="N197163" s="10"/>
    </row>
    <row r="197164" spans="14:14">
      <c r="N197164" s="10"/>
    </row>
    <row r="197165" spans="14:14">
      <c r="N197165" s="10"/>
    </row>
    <row r="197166" spans="14:14">
      <c r="N197166" s="10"/>
    </row>
    <row r="197167" spans="14:14">
      <c r="N197167" s="10"/>
    </row>
    <row r="197168" spans="14:14">
      <c r="N197168" s="10"/>
    </row>
    <row r="197169" spans="14:14">
      <c r="N197169" s="10"/>
    </row>
    <row r="197170" spans="14:14">
      <c r="N197170" s="10"/>
    </row>
    <row r="197171" spans="14:14">
      <c r="N197171" s="10"/>
    </row>
    <row r="197172" spans="14:14">
      <c r="N197172" s="10"/>
    </row>
    <row r="197173" spans="14:14">
      <c r="N197173" s="10"/>
    </row>
    <row r="197174" spans="14:14">
      <c r="N197174" s="10"/>
    </row>
    <row r="197175" spans="14:14">
      <c r="N197175" s="10"/>
    </row>
    <row r="197176" spans="14:14">
      <c r="N197176" s="10"/>
    </row>
    <row r="197177" spans="14:14">
      <c r="N197177" s="10"/>
    </row>
    <row r="197178" spans="14:14">
      <c r="N197178" s="10"/>
    </row>
    <row r="197179" spans="14:14">
      <c r="N197179" s="10"/>
    </row>
    <row r="197180" spans="14:14">
      <c r="N197180" s="10"/>
    </row>
    <row r="197181" spans="14:14">
      <c r="N197181" s="10"/>
    </row>
    <row r="197182" spans="14:14">
      <c r="N197182" s="10"/>
    </row>
    <row r="197183" spans="14:14">
      <c r="N197183" s="10"/>
    </row>
    <row r="197184" spans="14:14">
      <c r="N197184" s="10"/>
    </row>
    <row r="197185" spans="14:14">
      <c r="N197185" s="10"/>
    </row>
    <row r="197186" spans="14:14">
      <c r="N197186" s="10"/>
    </row>
    <row r="197187" spans="14:14">
      <c r="N197187" s="10"/>
    </row>
    <row r="197188" spans="14:14">
      <c r="N197188" s="10"/>
    </row>
    <row r="197189" spans="14:14">
      <c r="N197189" s="10"/>
    </row>
    <row r="197190" spans="14:14">
      <c r="N197190" s="10"/>
    </row>
    <row r="197191" spans="14:14">
      <c r="N197191" s="10"/>
    </row>
    <row r="197192" spans="14:14">
      <c r="N197192" s="10"/>
    </row>
    <row r="197193" spans="14:14">
      <c r="N197193" s="10"/>
    </row>
    <row r="197194" spans="14:14">
      <c r="N197194" s="10"/>
    </row>
    <row r="197195" spans="14:14">
      <c r="N197195" s="10"/>
    </row>
    <row r="197196" spans="14:14">
      <c r="N197196" s="10"/>
    </row>
    <row r="197197" spans="14:14">
      <c r="N197197" s="10"/>
    </row>
    <row r="197198" spans="14:14">
      <c r="N197198" s="10"/>
    </row>
    <row r="197199" spans="14:14">
      <c r="N197199" s="10"/>
    </row>
    <row r="197200" spans="14:14">
      <c r="N197200" s="10"/>
    </row>
    <row r="197201" spans="14:14">
      <c r="N197201" s="10"/>
    </row>
    <row r="197202" spans="14:14">
      <c r="N197202" s="10"/>
    </row>
    <row r="197203" spans="14:14">
      <c r="N197203" s="10"/>
    </row>
    <row r="197204" spans="14:14">
      <c r="N197204" s="10"/>
    </row>
    <row r="197205" spans="14:14">
      <c r="N197205" s="10"/>
    </row>
    <row r="197206" spans="14:14">
      <c r="N197206" s="10"/>
    </row>
    <row r="197207" spans="14:14">
      <c r="N197207" s="10"/>
    </row>
    <row r="197208" spans="14:14">
      <c r="N197208" s="10"/>
    </row>
    <row r="197209" spans="14:14">
      <c r="N197209" s="10"/>
    </row>
    <row r="197210" spans="14:14">
      <c r="N197210" s="10"/>
    </row>
    <row r="197211" spans="14:14">
      <c r="N197211" s="10"/>
    </row>
    <row r="197212" spans="14:14">
      <c r="N197212" s="10"/>
    </row>
    <row r="197213" spans="14:14">
      <c r="N197213" s="10"/>
    </row>
    <row r="197214" spans="14:14">
      <c r="N197214" s="10"/>
    </row>
    <row r="197215" spans="14:14">
      <c r="N197215" s="10"/>
    </row>
    <row r="197216" spans="14:14">
      <c r="N197216" s="10"/>
    </row>
    <row r="197217" spans="14:14">
      <c r="N197217" s="10"/>
    </row>
    <row r="197218" spans="14:14">
      <c r="N197218" s="10"/>
    </row>
    <row r="197219" spans="14:14">
      <c r="N197219" s="10"/>
    </row>
    <row r="197220" spans="14:14">
      <c r="N197220" s="10"/>
    </row>
    <row r="197221" spans="14:14">
      <c r="N197221" s="10"/>
    </row>
    <row r="197222" spans="14:14">
      <c r="N197222" s="10"/>
    </row>
    <row r="197223" spans="14:14">
      <c r="N197223" s="10"/>
    </row>
    <row r="197224" spans="14:14">
      <c r="N197224" s="10"/>
    </row>
    <row r="197225" spans="14:14">
      <c r="N197225" s="10"/>
    </row>
    <row r="197226" spans="14:14">
      <c r="N197226" s="10"/>
    </row>
    <row r="197227" spans="14:14">
      <c r="N197227" s="10"/>
    </row>
    <row r="197228" spans="14:14">
      <c r="N197228" s="10"/>
    </row>
    <row r="197229" spans="14:14">
      <c r="N197229" s="10"/>
    </row>
    <row r="197230" spans="14:14">
      <c r="N197230" s="10"/>
    </row>
    <row r="197231" spans="14:14">
      <c r="N197231" s="10"/>
    </row>
    <row r="197232" spans="14:14">
      <c r="N197232" s="10"/>
    </row>
    <row r="197233" spans="14:14">
      <c r="N197233" s="10"/>
    </row>
    <row r="197234" spans="14:14">
      <c r="N197234" s="10"/>
    </row>
    <row r="197235" spans="14:14">
      <c r="N197235" s="10"/>
    </row>
    <row r="197236" spans="14:14">
      <c r="N197236" s="10"/>
    </row>
    <row r="197237" spans="14:14">
      <c r="N197237" s="10"/>
    </row>
    <row r="197238" spans="14:14">
      <c r="N197238" s="10"/>
    </row>
    <row r="197239" spans="14:14">
      <c r="N197239" s="10"/>
    </row>
    <row r="197240" spans="14:14">
      <c r="N197240" s="10"/>
    </row>
    <row r="197241" spans="14:14">
      <c r="N197241" s="10"/>
    </row>
    <row r="197242" spans="14:14">
      <c r="N197242" s="10"/>
    </row>
    <row r="197243" spans="14:14">
      <c r="N197243" s="10"/>
    </row>
    <row r="197244" spans="14:14">
      <c r="N197244" s="10"/>
    </row>
    <row r="197245" spans="14:14">
      <c r="N197245" s="10"/>
    </row>
    <row r="197246" spans="14:14">
      <c r="N197246" s="10"/>
    </row>
    <row r="197247" spans="14:14">
      <c r="N197247" s="10"/>
    </row>
    <row r="197248" spans="14:14">
      <c r="N197248" s="10"/>
    </row>
    <row r="197249" spans="14:14">
      <c r="N197249" s="10"/>
    </row>
    <row r="197250" spans="14:14">
      <c r="N197250" s="10"/>
    </row>
    <row r="197251" spans="14:14">
      <c r="N197251" s="10"/>
    </row>
    <row r="197252" spans="14:14">
      <c r="N197252" s="10"/>
    </row>
    <row r="197253" spans="14:14">
      <c r="N197253" s="10"/>
    </row>
    <row r="197254" spans="14:14">
      <c r="N197254" s="10"/>
    </row>
    <row r="197255" spans="14:14">
      <c r="N197255" s="10"/>
    </row>
    <row r="197256" spans="14:14">
      <c r="N197256" s="10"/>
    </row>
    <row r="197257" spans="14:14">
      <c r="N197257" s="10"/>
    </row>
    <row r="197258" spans="14:14">
      <c r="N197258" s="10"/>
    </row>
    <row r="197259" spans="14:14">
      <c r="N197259" s="10"/>
    </row>
    <row r="197260" spans="14:14">
      <c r="N197260" s="10"/>
    </row>
    <row r="197261" spans="14:14">
      <c r="N197261" s="10"/>
    </row>
    <row r="197262" spans="14:14">
      <c r="N197262" s="10"/>
    </row>
    <row r="197263" spans="14:14">
      <c r="N197263" s="10"/>
    </row>
    <row r="197264" spans="14:14">
      <c r="N197264" s="10"/>
    </row>
    <row r="197265" spans="14:14">
      <c r="N197265" s="10"/>
    </row>
    <row r="197266" spans="14:14">
      <c r="N197266" s="10"/>
    </row>
    <row r="197267" spans="14:14">
      <c r="N197267" s="10"/>
    </row>
    <row r="197268" spans="14:14">
      <c r="N197268" s="10"/>
    </row>
    <row r="197269" spans="14:14">
      <c r="N197269" s="10"/>
    </row>
    <row r="197270" spans="14:14">
      <c r="N197270" s="10"/>
    </row>
    <row r="197271" spans="14:14">
      <c r="N197271" s="10"/>
    </row>
    <row r="197272" spans="14:14">
      <c r="N197272" s="10"/>
    </row>
    <row r="197273" spans="14:14">
      <c r="N197273" s="10"/>
    </row>
    <row r="197274" spans="14:14">
      <c r="N197274" s="10"/>
    </row>
    <row r="197275" spans="14:14">
      <c r="N197275" s="10"/>
    </row>
    <row r="197276" spans="14:14">
      <c r="N197276" s="10"/>
    </row>
    <row r="197277" spans="14:14">
      <c r="N197277" s="10"/>
    </row>
    <row r="197278" spans="14:14">
      <c r="N197278" s="10"/>
    </row>
    <row r="197279" spans="14:14">
      <c r="N197279" s="10"/>
    </row>
    <row r="197280" spans="14:14">
      <c r="N197280" s="10"/>
    </row>
    <row r="197281" spans="14:14">
      <c r="N197281" s="10"/>
    </row>
    <row r="197282" spans="14:14">
      <c r="N197282" s="10"/>
    </row>
    <row r="197283" spans="14:14">
      <c r="N197283" s="10"/>
    </row>
    <row r="197284" spans="14:14">
      <c r="N197284" s="10"/>
    </row>
    <row r="197285" spans="14:14">
      <c r="N197285" s="10"/>
    </row>
    <row r="197286" spans="14:14">
      <c r="N197286" s="10"/>
    </row>
    <row r="197287" spans="14:14">
      <c r="N197287" s="10"/>
    </row>
    <row r="197288" spans="14:14">
      <c r="N197288" s="10"/>
    </row>
    <row r="197289" spans="14:14">
      <c r="N197289" s="10"/>
    </row>
    <row r="197290" spans="14:14">
      <c r="N197290" s="10"/>
    </row>
    <row r="197291" spans="14:14">
      <c r="N197291" s="10"/>
    </row>
    <row r="197292" spans="14:14">
      <c r="N197292" s="10"/>
    </row>
    <row r="197293" spans="14:14">
      <c r="N197293" s="10"/>
    </row>
    <row r="197294" spans="14:14">
      <c r="N197294" s="10"/>
    </row>
    <row r="197295" spans="14:14">
      <c r="N197295" s="10"/>
    </row>
    <row r="197296" spans="14:14">
      <c r="N197296" s="10"/>
    </row>
    <row r="197297" spans="14:14">
      <c r="N197297" s="10"/>
    </row>
    <row r="197298" spans="14:14">
      <c r="N197298" s="10"/>
    </row>
    <row r="197299" spans="14:14">
      <c r="N197299" s="10"/>
    </row>
    <row r="197300" spans="14:14">
      <c r="N197300" s="10"/>
    </row>
    <row r="197301" spans="14:14">
      <c r="N197301" s="10"/>
    </row>
    <row r="197302" spans="14:14">
      <c r="N197302" s="10"/>
    </row>
    <row r="197303" spans="14:14">
      <c r="N197303" s="10"/>
    </row>
    <row r="197304" spans="14:14">
      <c r="N197304" s="10"/>
    </row>
    <row r="197305" spans="14:14">
      <c r="N197305" s="10"/>
    </row>
    <row r="197306" spans="14:14">
      <c r="N197306" s="10"/>
    </row>
    <row r="197307" spans="14:14">
      <c r="N197307" s="10"/>
    </row>
    <row r="197308" spans="14:14">
      <c r="N197308" s="10"/>
    </row>
    <row r="197309" spans="14:14">
      <c r="N197309" s="10"/>
    </row>
    <row r="197310" spans="14:14">
      <c r="N197310" s="10"/>
    </row>
    <row r="197311" spans="14:14">
      <c r="N197311" s="10"/>
    </row>
    <row r="197312" spans="14:14">
      <c r="N197312" s="10"/>
    </row>
    <row r="197313" spans="14:14">
      <c r="N197313" s="10"/>
    </row>
    <row r="197314" spans="14:14">
      <c r="N197314" s="10"/>
    </row>
    <row r="197315" spans="14:14">
      <c r="N197315" s="10"/>
    </row>
    <row r="197316" spans="14:14">
      <c r="N197316" s="10"/>
    </row>
    <row r="197317" spans="14:14">
      <c r="N197317" s="10"/>
    </row>
    <row r="197318" spans="14:14">
      <c r="N197318" s="10"/>
    </row>
    <row r="197319" spans="14:14">
      <c r="N197319" s="10"/>
    </row>
    <row r="197320" spans="14:14">
      <c r="N197320" s="10"/>
    </row>
    <row r="197321" spans="14:14">
      <c r="N197321" s="10"/>
    </row>
    <row r="197322" spans="14:14">
      <c r="N197322" s="10"/>
    </row>
    <row r="197323" spans="14:14">
      <c r="N197323" s="10"/>
    </row>
    <row r="197324" spans="14:14">
      <c r="N197324" s="10"/>
    </row>
    <row r="197325" spans="14:14">
      <c r="N197325" s="10"/>
    </row>
    <row r="197326" spans="14:14">
      <c r="N197326" s="10"/>
    </row>
    <row r="197327" spans="14:14">
      <c r="N197327" s="10"/>
    </row>
    <row r="197328" spans="14:14">
      <c r="N197328" s="10"/>
    </row>
    <row r="197329" spans="14:14">
      <c r="N197329" s="10"/>
    </row>
    <row r="197330" spans="14:14">
      <c r="N197330" s="10"/>
    </row>
    <row r="197331" spans="14:14">
      <c r="N197331" s="10"/>
    </row>
    <row r="197332" spans="14:14">
      <c r="N197332" s="10"/>
    </row>
    <row r="197333" spans="14:14">
      <c r="N197333" s="10"/>
    </row>
    <row r="197334" spans="14:14">
      <c r="N197334" s="10"/>
    </row>
    <row r="197335" spans="14:14">
      <c r="N197335" s="10"/>
    </row>
    <row r="197336" spans="14:14">
      <c r="N197336" s="10"/>
    </row>
    <row r="197337" spans="14:14">
      <c r="N197337" s="10"/>
    </row>
    <row r="197338" spans="14:14">
      <c r="N197338" s="10"/>
    </row>
    <row r="197339" spans="14:14">
      <c r="N197339" s="10"/>
    </row>
    <row r="197340" spans="14:14">
      <c r="N197340" s="10"/>
    </row>
    <row r="197341" spans="14:14">
      <c r="N197341" s="10"/>
    </row>
    <row r="197342" spans="14:14">
      <c r="N197342" s="10"/>
    </row>
    <row r="197343" spans="14:14">
      <c r="N197343" s="10"/>
    </row>
    <row r="197344" spans="14:14">
      <c r="N197344" s="10"/>
    </row>
    <row r="197345" spans="14:14">
      <c r="N197345" s="10"/>
    </row>
    <row r="197346" spans="14:14">
      <c r="N197346" s="10"/>
    </row>
    <row r="197347" spans="14:14">
      <c r="N197347" s="10"/>
    </row>
    <row r="197348" spans="14:14">
      <c r="N197348" s="10"/>
    </row>
    <row r="197349" spans="14:14">
      <c r="N197349" s="10"/>
    </row>
    <row r="197350" spans="14:14">
      <c r="N197350" s="10"/>
    </row>
    <row r="197351" spans="14:14">
      <c r="N197351" s="10"/>
    </row>
    <row r="197352" spans="14:14">
      <c r="N197352" s="10"/>
    </row>
    <row r="197353" spans="14:14">
      <c r="N197353" s="10"/>
    </row>
    <row r="197354" spans="14:14">
      <c r="N197354" s="10"/>
    </row>
    <row r="197355" spans="14:14">
      <c r="N197355" s="10"/>
    </row>
    <row r="197356" spans="14:14">
      <c r="N197356" s="10"/>
    </row>
    <row r="197357" spans="14:14">
      <c r="N197357" s="10"/>
    </row>
    <row r="197358" spans="14:14">
      <c r="N197358" s="10"/>
    </row>
    <row r="197359" spans="14:14">
      <c r="N197359" s="10"/>
    </row>
    <row r="197360" spans="14:14">
      <c r="N197360" s="10"/>
    </row>
    <row r="197361" spans="14:14">
      <c r="N197361" s="10"/>
    </row>
    <row r="197362" spans="14:14">
      <c r="N197362" s="10"/>
    </row>
    <row r="197363" spans="14:14">
      <c r="N197363" s="10"/>
    </row>
    <row r="197364" spans="14:14">
      <c r="N197364" s="10"/>
    </row>
    <row r="197365" spans="14:14">
      <c r="N197365" s="10"/>
    </row>
    <row r="197366" spans="14:14">
      <c r="N197366" s="10"/>
    </row>
    <row r="197367" spans="14:14">
      <c r="N197367" s="10"/>
    </row>
    <row r="197368" spans="14:14">
      <c r="N197368" s="10"/>
    </row>
    <row r="197369" spans="14:14">
      <c r="N197369" s="10"/>
    </row>
    <row r="197370" spans="14:14">
      <c r="N197370" s="10"/>
    </row>
    <row r="197371" spans="14:14">
      <c r="N197371" s="10"/>
    </row>
    <row r="197372" spans="14:14">
      <c r="N197372" s="10"/>
    </row>
    <row r="197373" spans="14:14">
      <c r="N197373" s="10"/>
    </row>
    <row r="197374" spans="14:14">
      <c r="N197374" s="10"/>
    </row>
    <row r="197375" spans="14:14">
      <c r="N197375" s="10"/>
    </row>
    <row r="197376" spans="14:14">
      <c r="N197376" s="10"/>
    </row>
    <row r="197377" spans="14:14">
      <c r="N197377" s="10"/>
    </row>
    <row r="197378" spans="14:14">
      <c r="N197378" s="10"/>
    </row>
    <row r="197379" spans="14:14">
      <c r="N197379" s="10"/>
    </row>
    <row r="197380" spans="14:14">
      <c r="N197380" s="10"/>
    </row>
    <row r="197381" spans="14:14">
      <c r="N197381" s="10"/>
    </row>
    <row r="197382" spans="14:14">
      <c r="N197382" s="10"/>
    </row>
    <row r="197383" spans="14:14">
      <c r="N197383" s="10"/>
    </row>
    <row r="197384" spans="14:14">
      <c r="N197384" s="10"/>
    </row>
    <row r="197385" spans="14:14">
      <c r="N197385" s="10"/>
    </row>
    <row r="197386" spans="14:14">
      <c r="N197386" s="10"/>
    </row>
    <row r="197387" spans="14:14">
      <c r="N197387" s="10"/>
    </row>
    <row r="197388" spans="14:14">
      <c r="N197388" s="10"/>
    </row>
    <row r="197389" spans="14:14">
      <c r="N197389" s="10"/>
    </row>
    <row r="197390" spans="14:14">
      <c r="N197390" s="10"/>
    </row>
    <row r="197391" spans="14:14">
      <c r="N197391" s="10"/>
    </row>
    <row r="197392" spans="14:14">
      <c r="N197392" s="10"/>
    </row>
    <row r="197393" spans="14:14">
      <c r="N197393" s="10"/>
    </row>
    <row r="197394" spans="14:14">
      <c r="N197394" s="10"/>
    </row>
    <row r="197395" spans="14:14">
      <c r="N197395" s="10"/>
    </row>
    <row r="197396" spans="14:14">
      <c r="N197396" s="10"/>
    </row>
    <row r="197397" spans="14:14">
      <c r="N197397" s="10"/>
    </row>
    <row r="197398" spans="14:14">
      <c r="N197398" s="10"/>
    </row>
    <row r="197399" spans="14:14">
      <c r="N197399" s="10"/>
    </row>
    <row r="197400" spans="14:14">
      <c r="N197400" s="10"/>
    </row>
    <row r="197401" spans="14:14">
      <c r="N197401" s="10"/>
    </row>
    <row r="197402" spans="14:14">
      <c r="N197402" s="10"/>
    </row>
    <row r="197403" spans="14:14">
      <c r="N197403" s="10"/>
    </row>
    <row r="197404" spans="14:14">
      <c r="N197404" s="10"/>
    </row>
    <row r="197405" spans="14:14">
      <c r="N197405" s="10"/>
    </row>
    <row r="197406" spans="14:14">
      <c r="N197406" s="10"/>
    </row>
    <row r="197407" spans="14:14">
      <c r="N197407" s="10"/>
    </row>
    <row r="197408" spans="14:14">
      <c r="N197408" s="10"/>
    </row>
    <row r="197409" spans="14:14">
      <c r="N197409" s="10"/>
    </row>
    <row r="197410" spans="14:14">
      <c r="N197410" s="10"/>
    </row>
    <row r="197411" spans="14:14">
      <c r="N197411" s="10"/>
    </row>
    <row r="197412" spans="14:14">
      <c r="N197412" s="10"/>
    </row>
    <row r="197413" spans="14:14">
      <c r="N197413" s="10"/>
    </row>
    <row r="197414" spans="14:14">
      <c r="N197414" s="10"/>
    </row>
    <row r="197415" spans="14:14">
      <c r="N197415" s="10"/>
    </row>
    <row r="197416" spans="14:14">
      <c r="N197416" s="10"/>
    </row>
    <row r="197417" spans="14:14">
      <c r="N197417" s="10"/>
    </row>
    <row r="197418" spans="14:14">
      <c r="N197418" s="10"/>
    </row>
    <row r="197419" spans="14:14">
      <c r="N197419" s="10"/>
    </row>
    <row r="197420" spans="14:14">
      <c r="N197420" s="10"/>
    </row>
    <row r="197421" spans="14:14">
      <c r="N197421" s="10"/>
    </row>
    <row r="197422" spans="14:14">
      <c r="N197422" s="10"/>
    </row>
    <row r="197423" spans="14:14">
      <c r="N197423" s="10"/>
    </row>
    <row r="197424" spans="14:14">
      <c r="N197424" s="10"/>
    </row>
    <row r="197425" spans="14:14">
      <c r="N197425" s="10"/>
    </row>
    <row r="197426" spans="14:14">
      <c r="N197426" s="10"/>
    </row>
    <row r="197427" spans="14:14">
      <c r="N197427" s="10"/>
    </row>
    <row r="197428" spans="14:14">
      <c r="N197428" s="10"/>
    </row>
    <row r="197429" spans="14:14">
      <c r="N197429" s="10"/>
    </row>
    <row r="197430" spans="14:14">
      <c r="N197430" s="10"/>
    </row>
    <row r="197431" spans="14:14">
      <c r="N197431" s="10"/>
    </row>
    <row r="197432" spans="14:14">
      <c r="N197432" s="10"/>
    </row>
    <row r="197433" spans="14:14">
      <c r="N197433" s="10"/>
    </row>
    <row r="197434" spans="14:14">
      <c r="N197434" s="10"/>
    </row>
    <row r="197435" spans="14:14">
      <c r="N197435" s="10"/>
    </row>
    <row r="197436" spans="14:14">
      <c r="N197436" s="10"/>
    </row>
    <row r="197437" spans="14:14">
      <c r="N197437" s="10"/>
    </row>
    <row r="197438" spans="14:14">
      <c r="N197438" s="10"/>
    </row>
    <row r="197439" spans="14:14">
      <c r="N197439" s="10"/>
    </row>
    <row r="197440" spans="14:14">
      <c r="N197440" s="10"/>
    </row>
    <row r="197441" spans="14:14">
      <c r="N197441" s="10"/>
    </row>
    <row r="197442" spans="14:14">
      <c r="N197442" s="10"/>
    </row>
    <row r="197443" spans="14:14">
      <c r="N197443" s="10"/>
    </row>
    <row r="197444" spans="14:14">
      <c r="N197444" s="10"/>
    </row>
    <row r="197445" spans="14:14">
      <c r="N197445" s="10"/>
    </row>
    <row r="197446" spans="14:14">
      <c r="N197446" s="10"/>
    </row>
    <row r="197447" spans="14:14">
      <c r="N197447" s="10"/>
    </row>
    <row r="197448" spans="14:14">
      <c r="N197448" s="10"/>
    </row>
    <row r="197449" spans="14:14">
      <c r="N197449" s="10"/>
    </row>
    <row r="197450" spans="14:14">
      <c r="N197450" s="10"/>
    </row>
    <row r="197451" spans="14:14">
      <c r="N197451" s="10"/>
    </row>
    <row r="197452" spans="14:14">
      <c r="N197452" s="10"/>
    </row>
    <row r="197453" spans="14:14">
      <c r="N197453" s="10"/>
    </row>
    <row r="197454" spans="14:14">
      <c r="N197454" s="10"/>
    </row>
    <row r="197455" spans="14:14">
      <c r="N197455" s="10"/>
    </row>
    <row r="197456" spans="14:14">
      <c r="N197456" s="10"/>
    </row>
    <row r="197457" spans="14:14">
      <c r="N197457" s="10"/>
    </row>
    <row r="197458" spans="14:14">
      <c r="N197458" s="10"/>
    </row>
    <row r="197459" spans="14:14">
      <c r="N197459" s="10"/>
    </row>
    <row r="197460" spans="14:14">
      <c r="N197460" s="10"/>
    </row>
    <row r="197461" spans="14:14">
      <c r="N197461" s="10"/>
    </row>
    <row r="197462" spans="14:14">
      <c r="N197462" s="10"/>
    </row>
    <row r="197463" spans="14:14">
      <c r="N197463" s="10"/>
    </row>
    <row r="197464" spans="14:14">
      <c r="N197464" s="10"/>
    </row>
    <row r="197465" spans="14:14">
      <c r="N197465" s="10"/>
    </row>
    <row r="197466" spans="14:14">
      <c r="N197466" s="10"/>
    </row>
    <row r="197467" spans="14:14">
      <c r="N197467" s="10"/>
    </row>
    <row r="197468" spans="14:14">
      <c r="N197468" s="10"/>
    </row>
    <row r="197469" spans="14:14">
      <c r="N197469" s="10"/>
    </row>
    <row r="197470" spans="14:14">
      <c r="N197470" s="10"/>
    </row>
    <row r="197471" spans="14:14">
      <c r="N197471" s="10"/>
    </row>
    <row r="197472" spans="14:14">
      <c r="N197472" s="10"/>
    </row>
    <row r="197473" spans="14:14">
      <c r="N197473" s="10"/>
    </row>
    <row r="197474" spans="14:14">
      <c r="N197474" s="10"/>
    </row>
    <row r="197475" spans="14:14">
      <c r="N197475" s="10"/>
    </row>
    <row r="197476" spans="14:14">
      <c r="N197476" s="10"/>
    </row>
    <row r="197477" spans="14:14">
      <c r="N197477" s="10"/>
    </row>
    <row r="197478" spans="14:14">
      <c r="N197478" s="10"/>
    </row>
    <row r="197479" spans="14:14">
      <c r="N197479" s="10"/>
    </row>
    <row r="197480" spans="14:14">
      <c r="N197480" s="10"/>
    </row>
    <row r="197481" spans="14:14">
      <c r="N197481" s="10"/>
    </row>
    <row r="197482" spans="14:14">
      <c r="N197482" s="10"/>
    </row>
    <row r="197483" spans="14:14">
      <c r="N197483" s="10"/>
    </row>
    <row r="197484" spans="14:14">
      <c r="N197484" s="10"/>
    </row>
    <row r="197485" spans="14:14">
      <c r="N197485" s="10"/>
    </row>
    <row r="197486" spans="14:14">
      <c r="N197486" s="10"/>
    </row>
    <row r="197487" spans="14:14">
      <c r="N197487" s="10"/>
    </row>
    <row r="197488" spans="14:14">
      <c r="N197488" s="10"/>
    </row>
    <row r="197489" spans="14:14">
      <c r="N197489" s="10"/>
    </row>
    <row r="197490" spans="14:14">
      <c r="N197490" s="10"/>
    </row>
    <row r="197491" spans="14:14">
      <c r="N197491" s="10"/>
    </row>
    <row r="197492" spans="14:14">
      <c r="N197492" s="10"/>
    </row>
    <row r="197493" spans="14:14">
      <c r="N197493" s="10"/>
    </row>
    <row r="197494" spans="14:14">
      <c r="N197494" s="10"/>
    </row>
    <row r="197495" spans="14:14">
      <c r="N197495" s="10"/>
    </row>
    <row r="197496" spans="14:14">
      <c r="N197496" s="10"/>
    </row>
    <row r="197497" spans="14:14">
      <c r="N197497" s="10"/>
    </row>
    <row r="197498" spans="14:14">
      <c r="N197498" s="10"/>
    </row>
    <row r="197499" spans="14:14">
      <c r="N197499" s="10"/>
    </row>
    <row r="197500" spans="14:14">
      <c r="N197500" s="10"/>
    </row>
    <row r="197501" spans="14:14">
      <c r="N197501" s="10"/>
    </row>
    <row r="197502" spans="14:14">
      <c r="N197502" s="10"/>
    </row>
    <row r="197503" spans="14:14">
      <c r="N197503" s="10"/>
    </row>
    <row r="197504" spans="14:14">
      <c r="N197504" s="10"/>
    </row>
    <row r="197505" spans="14:14">
      <c r="N197505" s="10"/>
    </row>
    <row r="197506" spans="14:14">
      <c r="N197506" s="10"/>
    </row>
    <row r="197507" spans="14:14">
      <c r="N197507" s="10"/>
    </row>
    <row r="197508" spans="14:14">
      <c r="N197508" s="10"/>
    </row>
    <row r="197509" spans="14:14">
      <c r="N197509" s="10"/>
    </row>
    <row r="197510" spans="14:14">
      <c r="N197510" s="10"/>
    </row>
    <row r="197511" spans="14:14">
      <c r="N197511" s="10"/>
    </row>
    <row r="197512" spans="14:14">
      <c r="N197512" s="10"/>
    </row>
    <row r="197513" spans="14:14">
      <c r="N197513" s="10"/>
    </row>
    <row r="197514" spans="14:14">
      <c r="N197514" s="10"/>
    </row>
    <row r="197515" spans="14:14">
      <c r="N197515" s="10"/>
    </row>
    <row r="197516" spans="14:14">
      <c r="N197516" s="10"/>
    </row>
    <row r="197517" spans="14:14">
      <c r="N197517" s="10"/>
    </row>
    <row r="197518" spans="14:14">
      <c r="N197518" s="10"/>
    </row>
    <row r="197519" spans="14:14">
      <c r="N197519" s="10"/>
    </row>
    <row r="197520" spans="14:14">
      <c r="N197520" s="10"/>
    </row>
    <row r="197521" spans="14:14">
      <c r="N197521" s="10"/>
    </row>
    <row r="197522" spans="14:14">
      <c r="N197522" s="10"/>
    </row>
    <row r="197523" spans="14:14">
      <c r="N197523" s="10"/>
    </row>
    <row r="197524" spans="14:14">
      <c r="N197524" s="10"/>
    </row>
    <row r="197525" spans="14:14">
      <c r="N197525" s="10"/>
    </row>
    <row r="197526" spans="14:14">
      <c r="N197526" s="10"/>
    </row>
    <row r="197527" spans="14:14">
      <c r="N197527" s="10"/>
    </row>
    <row r="197528" spans="14:14">
      <c r="N197528" s="10"/>
    </row>
    <row r="197529" spans="14:14">
      <c r="N197529" s="10"/>
    </row>
    <row r="197530" spans="14:14">
      <c r="N197530" s="10"/>
    </row>
    <row r="197531" spans="14:14">
      <c r="N197531" s="10"/>
    </row>
    <row r="197532" spans="14:14">
      <c r="N197532" s="10"/>
    </row>
    <row r="197533" spans="14:14">
      <c r="N197533" s="10"/>
    </row>
    <row r="197534" spans="14:14">
      <c r="N197534" s="10"/>
    </row>
    <row r="197535" spans="14:14">
      <c r="N197535" s="10"/>
    </row>
    <row r="197536" spans="14:14">
      <c r="N197536" s="10"/>
    </row>
    <row r="197537" spans="14:14">
      <c r="N197537" s="10"/>
    </row>
    <row r="197538" spans="14:14">
      <c r="N197538" s="10"/>
    </row>
    <row r="197539" spans="14:14">
      <c r="N197539" s="10"/>
    </row>
    <row r="197540" spans="14:14">
      <c r="N197540" s="10"/>
    </row>
    <row r="197541" spans="14:14">
      <c r="N197541" s="10"/>
    </row>
    <row r="197542" spans="14:14">
      <c r="N197542" s="10"/>
    </row>
    <row r="197543" spans="14:14">
      <c r="N197543" s="10"/>
    </row>
    <row r="197544" spans="14:14">
      <c r="N197544" s="10"/>
    </row>
    <row r="197545" spans="14:14">
      <c r="N197545" s="10"/>
    </row>
    <row r="197546" spans="14:14">
      <c r="N197546" s="10"/>
    </row>
    <row r="197547" spans="14:14">
      <c r="N197547" s="10"/>
    </row>
    <row r="197548" spans="14:14">
      <c r="N197548" s="10"/>
    </row>
    <row r="197549" spans="14:14">
      <c r="N197549" s="10"/>
    </row>
    <row r="197550" spans="14:14">
      <c r="N197550" s="10"/>
    </row>
    <row r="197551" spans="14:14">
      <c r="N197551" s="10"/>
    </row>
    <row r="197552" spans="14:14">
      <c r="N197552" s="10"/>
    </row>
    <row r="197553" spans="14:14">
      <c r="N197553" s="10"/>
    </row>
    <row r="197554" spans="14:14">
      <c r="N197554" s="10"/>
    </row>
    <row r="197555" spans="14:14">
      <c r="N197555" s="10"/>
    </row>
    <row r="197556" spans="14:14">
      <c r="N197556" s="10"/>
    </row>
    <row r="197557" spans="14:14">
      <c r="N197557" s="10"/>
    </row>
    <row r="197558" spans="14:14">
      <c r="N197558" s="10"/>
    </row>
    <row r="197559" spans="14:14">
      <c r="N197559" s="10"/>
    </row>
    <row r="197560" spans="14:14">
      <c r="N197560" s="10"/>
    </row>
    <row r="197561" spans="14:14">
      <c r="N197561" s="10"/>
    </row>
    <row r="197562" spans="14:14">
      <c r="N197562" s="10"/>
    </row>
    <row r="197563" spans="14:14">
      <c r="N197563" s="10"/>
    </row>
    <row r="197564" spans="14:14">
      <c r="N197564" s="10"/>
    </row>
    <row r="197565" spans="14:14">
      <c r="N197565" s="10"/>
    </row>
    <row r="197566" spans="14:14">
      <c r="N197566" s="10"/>
    </row>
    <row r="197567" spans="14:14">
      <c r="N197567" s="10"/>
    </row>
    <row r="197568" spans="14:14">
      <c r="N197568" s="10"/>
    </row>
    <row r="197569" spans="14:14">
      <c r="N197569" s="10"/>
    </row>
    <row r="197570" spans="14:14">
      <c r="N197570" s="10"/>
    </row>
    <row r="197571" spans="14:14">
      <c r="N197571" s="10"/>
    </row>
    <row r="197572" spans="14:14">
      <c r="N197572" s="10"/>
    </row>
    <row r="197573" spans="14:14">
      <c r="N197573" s="10"/>
    </row>
    <row r="197574" spans="14:14">
      <c r="N197574" s="10"/>
    </row>
    <row r="197575" spans="14:14">
      <c r="N197575" s="10"/>
    </row>
    <row r="197576" spans="14:14">
      <c r="N197576" s="10"/>
    </row>
    <row r="197577" spans="14:14">
      <c r="N197577" s="10"/>
    </row>
    <row r="197578" spans="14:14">
      <c r="N197578" s="10"/>
    </row>
    <row r="197579" spans="14:14">
      <c r="N197579" s="10"/>
    </row>
    <row r="197580" spans="14:14">
      <c r="N197580" s="10"/>
    </row>
    <row r="197581" spans="14:14">
      <c r="N197581" s="10"/>
    </row>
    <row r="197582" spans="14:14">
      <c r="N197582" s="10"/>
    </row>
    <row r="197583" spans="14:14">
      <c r="N197583" s="10"/>
    </row>
    <row r="197584" spans="14:14">
      <c r="N197584" s="10"/>
    </row>
    <row r="197585" spans="14:14">
      <c r="N197585" s="10"/>
    </row>
    <row r="197586" spans="14:14">
      <c r="N197586" s="10"/>
    </row>
    <row r="197587" spans="14:14">
      <c r="N197587" s="10"/>
    </row>
    <row r="197588" spans="14:14">
      <c r="N197588" s="10"/>
    </row>
    <row r="197589" spans="14:14">
      <c r="N197589" s="10"/>
    </row>
    <row r="197590" spans="14:14">
      <c r="N197590" s="10"/>
    </row>
    <row r="197591" spans="14:14">
      <c r="N197591" s="10"/>
    </row>
    <row r="197592" spans="14:14">
      <c r="N197592" s="10"/>
    </row>
    <row r="197593" spans="14:14">
      <c r="N197593" s="10"/>
    </row>
    <row r="197594" spans="14:14">
      <c r="N197594" s="10"/>
    </row>
    <row r="197595" spans="14:14">
      <c r="N197595" s="10"/>
    </row>
    <row r="197596" spans="14:14">
      <c r="N197596" s="10"/>
    </row>
    <row r="197597" spans="14:14">
      <c r="N197597" s="10"/>
    </row>
    <row r="197598" spans="14:14">
      <c r="N197598" s="10"/>
    </row>
    <row r="197599" spans="14:14">
      <c r="N197599" s="10"/>
    </row>
    <row r="197600" spans="14:14">
      <c r="N197600" s="10"/>
    </row>
    <row r="197601" spans="14:14">
      <c r="N197601" s="10"/>
    </row>
    <row r="197602" spans="14:14">
      <c r="N197602" s="10"/>
    </row>
    <row r="197603" spans="14:14">
      <c r="N197603" s="10"/>
    </row>
    <row r="197604" spans="14:14">
      <c r="N197604" s="10"/>
    </row>
    <row r="197605" spans="14:14">
      <c r="N197605" s="10"/>
    </row>
    <row r="197606" spans="14:14">
      <c r="N197606" s="10"/>
    </row>
    <row r="197607" spans="14:14">
      <c r="N197607" s="10"/>
    </row>
    <row r="197608" spans="14:14">
      <c r="N197608" s="10"/>
    </row>
    <row r="197609" spans="14:14">
      <c r="N197609" s="10"/>
    </row>
    <row r="197610" spans="14:14">
      <c r="N197610" s="10"/>
    </row>
    <row r="197611" spans="14:14">
      <c r="N197611" s="10"/>
    </row>
    <row r="197612" spans="14:14">
      <c r="N197612" s="10"/>
    </row>
    <row r="197613" spans="14:14">
      <c r="N197613" s="10"/>
    </row>
    <row r="197614" spans="14:14">
      <c r="N197614" s="10"/>
    </row>
    <row r="197615" spans="14:14">
      <c r="N197615" s="10"/>
    </row>
    <row r="197616" spans="14:14">
      <c r="N197616" s="10"/>
    </row>
    <row r="197617" spans="14:14">
      <c r="N197617" s="10"/>
    </row>
    <row r="197618" spans="14:14">
      <c r="N197618" s="10"/>
    </row>
    <row r="197619" spans="14:14">
      <c r="N197619" s="10"/>
    </row>
    <row r="197620" spans="14:14">
      <c r="N197620" s="10"/>
    </row>
    <row r="197621" spans="14:14">
      <c r="N197621" s="10"/>
    </row>
    <row r="197622" spans="14:14">
      <c r="N197622" s="10"/>
    </row>
    <row r="197623" spans="14:14">
      <c r="N197623" s="10"/>
    </row>
    <row r="197624" spans="14:14">
      <c r="N197624" s="10"/>
    </row>
    <row r="197625" spans="14:14">
      <c r="N197625" s="10"/>
    </row>
    <row r="197626" spans="14:14">
      <c r="N197626" s="10"/>
    </row>
    <row r="197627" spans="14:14">
      <c r="N197627" s="10"/>
    </row>
    <row r="197628" spans="14:14">
      <c r="N197628" s="10"/>
    </row>
    <row r="197629" spans="14:14">
      <c r="N197629" s="10"/>
    </row>
    <row r="197630" spans="14:14">
      <c r="N197630" s="10"/>
    </row>
    <row r="197631" spans="14:14">
      <c r="N197631" s="10"/>
    </row>
    <row r="197632" spans="14:14">
      <c r="N197632" s="10"/>
    </row>
    <row r="197633" spans="14:14">
      <c r="N197633" s="10"/>
    </row>
    <row r="197634" spans="14:14">
      <c r="N197634" s="10"/>
    </row>
    <row r="197635" spans="14:14">
      <c r="N197635" s="10"/>
    </row>
    <row r="197636" spans="14:14">
      <c r="N197636" s="10"/>
    </row>
    <row r="197637" spans="14:14">
      <c r="N197637" s="10"/>
    </row>
    <row r="197638" spans="14:14">
      <c r="N197638" s="10"/>
    </row>
    <row r="197639" spans="14:14">
      <c r="N197639" s="10"/>
    </row>
    <row r="197640" spans="14:14">
      <c r="N197640" s="10"/>
    </row>
    <row r="197641" spans="14:14">
      <c r="N197641" s="10"/>
    </row>
    <row r="197642" spans="14:14">
      <c r="N197642" s="10"/>
    </row>
    <row r="197643" spans="14:14">
      <c r="N197643" s="10"/>
    </row>
    <row r="197644" spans="14:14">
      <c r="N197644" s="10"/>
    </row>
    <row r="197645" spans="14:14">
      <c r="N197645" s="10"/>
    </row>
    <row r="197646" spans="14:14">
      <c r="N197646" s="10"/>
    </row>
    <row r="197647" spans="14:14">
      <c r="N197647" s="10"/>
    </row>
    <row r="197648" spans="14:14">
      <c r="N197648" s="10"/>
    </row>
    <row r="197649" spans="14:14">
      <c r="N197649" s="10"/>
    </row>
    <row r="197650" spans="14:14">
      <c r="N197650" s="10"/>
    </row>
    <row r="197651" spans="14:14">
      <c r="N197651" s="10"/>
    </row>
    <row r="197652" spans="14:14">
      <c r="N197652" s="10"/>
    </row>
    <row r="197653" spans="14:14">
      <c r="N197653" s="10"/>
    </row>
    <row r="197654" spans="14:14">
      <c r="N197654" s="10"/>
    </row>
    <row r="197655" spans="14:14">
      <c r="N197655" s="10"/>
    </row>
    <row r="197656" spans="14:14">
      <c r="N197656" s="10"/>
    </row>
    <row r="197657" spans="14:14">
      <c r="N197657" s="10"/>
    </row>
    <row r="197658" spans="14:14">
      <c r="N197658" s="10"/>
    </row>
    <row r="197659" spans="14:14">
      <c r="N197659" s="10"/>
    </row>
    <row r="197660" spans="14:14">
      <c r="N197660" s="10"/>
    </row>
    <row r="197661" spans="14:14">
      <c r="N197661" s="10"/>
    </row>
    <row r="197662" spans="14:14">
      <c r="N197662" s="10"/>
    </row>
    <row r="197663" spans="14:14">
      <c r="N197663" s="10"/>
    </row>
    <row r="197664" spans="14:14">
      <c r="N197664" s="10"/>
    </row>
    <row r="197665" spans="14:14">
      <c r="N197665" s="10"/>
    </row>
    <row r="197666" spans="14:14">
      <c r="N197666" s="10"/>
    </row>
    <row r="197667" spans="14:14">
      <c r="N197667" s="10"/>
    </row>
    <row r="197668" spans="14:14">
      <c r="N197668" s="10"/>
    </row>
    <row r="197669" spans="14:14">
      <c r="N197669" s="10"/>
    </row>
    <row r="197670" spans="14:14">
      <c r="N197670" s="10"/>
    </row>
    <row r="197671" spans="14:14">
      <c r="N197671" s="10"/>
    </row>
    <row r="197672" spans="14:14">
      <c r="N197672" s="10"/>
    </row>
    <row r="197673" spans="14:14">
      <c r="N197673" s="10"/>
    </row>
    <row r="197674" spans="14:14">
      <c r="N197674" s="10"/>
    </row>
    <row r="197675" spans="14:14">
      <c r="N197675" s="10"/>
    </row>
    <row r="197676" spans="14:14">
      <c r="N197676" s="10"/>
    </row>
    <row r="197677" spans="14:14">
      <c r="N197677" s="10"/>
    </row>
    <row r="197678" spans="14:14">
      <c r="N197678" s="10"/>
    </row>
    <row r="197679" spans="14:14">
      <c r="N197679" s="10"/>
    </row>
    <row r="197680" spans="14:14">
      <c r="N197680" s="10"/>
    </row>
    <row r="197681" spans="14:14">
      <c r="N197681" s="10"/>
    </row>
    <row r="197682" spans="14:14">
      <c r="N197682" s="10"/>
    </row>
    <row r="197683" spans="14:14">
      <c r="N197683" s="10"/>
    </row>
    <row r="197684" spans="14:14">
      <c r="N197684" s="10"/>
    </row>
    <row r="197685" spans="14:14">
      <c r="N197685" s="10"/>
    </row>
    <row r="197686" spans="14:14">
      <c r="N197686" s="10"/>
    </row>
    <row r="197687" spans="14:14">
      <c r="N197687" s="10"/>
    </row>
    <row r="197688" spans="14:14">
      <c r="N197688" s="10"/>
    </row>
    <row r="197689" spans="14:14">
      <c r="N197689" s="10"/>
    </row>
    <row r="197690" spans="14:14">
      <c r="N197690" s="10"/>
    </row>
    <row r="197691" spans="14:14">
      <c r="N197691" s="10"/>
    </row>
    <row r="197692" spans="14:14">
      <c r="N197692" s="10"/>
    </row>
    <row r="197693" spans="14:14">
      <c r="N197693" s="10"/>
    </row>
    <row r="197694" spans="14:14">
      <c r="N197694" s="10"/>
    </row>
    <row r="197695" spans="14:14">
      <c r="N197695" s="10"/>
    </row>
    <row r="197696" spans="14:14">
      <c r="N197696" s="10"/>
    </row>
    <row r="197697" spans="14:14">
      <c r="N197697" s="10"/>
    </row>
    <row r="197698" spans="14:14">
      <c r="N197698" s="10"/>
    </row>
    <row r="197699" spans="14:14">
      <c r="N197699" s="10"/>
    </row>
    <row r="197700" spans="14:14">
      <c r="N197700" s="10"/>
    </row>
    <row r="197701" spans="14:14">
      <c r="N197701" s="10"/>
    </row>
    <row r="197702" spans="14:14">
      <c r="N197702" s="10"/>
    </row>
    <row r="197703" spans="14:14">
      <c r="N197703" s="10"/>
    </row>
    <row r="197704" spans="14:14">
      <c r="N197704" s="10"/>
    </row>
    <row r="197705" spans="14:14">
      <c r="N197705" s="10"/>
    </row>
    <row r="197706" spans="14:14">
      <c r="N197706" s="10"/>
    </row>
    <row r="197707" spans="14:14">
      <c r="N197707" s="10"/>
    </row>
    <row r="197708" spans="14:14">
      <c r="N197708" s="10"/>
    </row>
    <row r="197709" spans="14:14">
      <c r="N197709" s="10"/>
    </row>
    <row r="197710" spans="14:14">
      <c r="N197710" s="10"/>
    </row>
    <row r="197711" spans="14:14">
      <c r="N197711" s="10"/>
    </row>
    <row r="197712" spans="14:14">
      <c r="N197712" s="10"/>
    </row>
    <row r="197713" spans="14:14">
      <c r="N197713" s="10"/>
    </row>
    <row r="197714" spans="14:14">
      <c r="N197714" s="10"/>
    </row>
    <row r="197715" spans="14:14">
      <c r="N197715" s="10"/>
    </row>
    <row r="197716" spans="14:14">
      <c r="N197716" s="10"/>
    </row>
    <row r="197717" spans="14:14">
      <c r="N197717" s="10"/>
    </row>
    <row r="197718" spans="14:14">
      <c r="N197718" s="10"/>
    </row>
    <row r="197719" spans="14:14">
      <c r="N197719" s="10"/>
    </row>
    <row r="197720" spans="14:14">
      <c r="N197720" s="10"/>
    </row>
    <row r="197721" spans="14:14">
      <c r="N197721" s="10"/>
    </row>
    <row r="197722" spans="14:14">
      <c r="N197722" s="10"/>
    </row>
    <row r="197723" spans="14:14">
      <c r="N197723" s="10"/>
    </row>
    <row r="197724" spans="14:14">
      <c r="N197724" s="10"/>
    </row>
    <row r="197725" spans="14:14">
      <c r="N197725" s="10"/>
    </row>
    <row r="197726" spans="14:14">
      <c r="N197726" s="10"/>
    </row>
    <row r="197727" spans="14:14">
      <c r="N197727" s="10"/>
    </row>
    <row r="197728" spans="14:14">
      <c r="N197728" s="10"/>
    </row>
    <row r="197729" spans="14:14">
      <c r="N197729" s="10"/>
    </row>
    <row r="197730" spans="14:14">
      <c r="N197730" s="10"/>
    </row>
    <row r="197731" spans="14:14">
      <c r="N197731" s="10"/>
    </row>
    <row r="197732" spans="14:14">
      <c r="N197732" s="10"/>
    </row>
    <row r="197733" spans="14:14">
      <c r="N197733" s="10"/>
    </row>
    <row r="197734" spans="14:14">
      <c r="N197734" s="10"/>
    </row>
    <row r="197735" spans="14:14">
      <c r="N197735" s="10"/>
    </row>
    <row r="197736" spans="14:14">
      <c r="N197736" s="10"/>
    </row>
    <row r="197737" spans="14:14">
      <c r="N197737" s="10"/>
    </row>
    <row r="197738" spans="14:14">
      <c r="N197738" s="10"/>
    </row>
    <row r="197739" spans="14:14">
      <c r="N197739" s="10"/>
    </row>
    <row r="197740" spans="14:14">
      <c r="N197740" s="10"/>
    </row>
    <row r="197741" spans="14:14">
      <c r="N197741" s="10"/>
    </row>
    <row r="197742" spans="14:14">
      <c r="N197742" s="10"/>
    </row>
    <row r="197743" spans="14:14">
      <c r="N197743" s="10"/>
    </row>
    <row r="197744" spans="14:14">
      <c r="N197744" s="10"/>
    </row>
    <row r="197745" spans="14:14">
      <c r="N197745" s="10"/>
    </row>
    <row r="197746" spans="14:14">
      <c r="N197746" s="10"/>
    </row>
    <row r="197747" spans="14:14">
      <c r="N197747" s="10"/>
    </row>
    <row r="197748" spans="14:14">
      <c r="N197748" s="10"/>
    </row>
    <row r="197749" spans="14:14">
      <c r="N197749" s="10"/>
    </row>
    <row r="197750" spans="14:14">
      <c r="N197750" s="10"/>
    </row>
    <row r="197751" spans="14:14">
      <c r="N197751" s="10"/>
    </row>
    <row r="197752" spans="14:14">
      <c r="N197752" s="10"/>
    </row>
    <row r="197753" spans="14:14">
      <c r="N197753" s="10"/>
    </row>
    <row r="197754" spans="14:14">
      <c r="N197754" s="10"/>
    </row>
    <row r="197755" spans="14:14">
      <c r="N197755" s="10"/>
    </row>
    <row r="197756" spans="14:14">
      <c r="N197756" s="10"/>
    </row>
    <row r="197757" spans="14:14">
      <c r="N197757" s="10"/>
    </row>
    <row r="197758" spans="14:14">
      <c r="N197758" s="10"/>
    </row>
    <row r="197759" spans="14:14">
      <c r="N197759" s="10"/>
    </row>
    <row r="197760" spans="14:14">
      <c r="N197760" s="10"/>
    </row>
    <row r="197761" spans="14:14">
      <c r="N197761" s="10"/>
    </row>
    <row r="197762" spans="14:14">
      <c r="N197762" s="10"/>
    </row>
    <row r="197763" spans="14:14">
      <c r="N197763" s="10"/>
    </row>
    <row r="197764" spans="14:14">
      <c r="N197764" s="10"/>
    </row>
    <row r="197765" spans="14:14">
      <c r="N197765" s="10"/>
    </row>
    <row r="197766" spans="14:14">
      <c r="N197766" s="10"/>
    </row>
    <row r="197767" spans="14:14">
      <c r="N197767" s="10"/>
    </row>
    <row r="197768" spans="14:14">
      <c r="N197768" s="10"/>
    </row>
    <row r="197769" spans="14:14">
      <c r="N197769" s="10"/>
    </row>
    <row r="197770" spans="14:14">
      <c r="N197770" s="10"/>
    </row>
    <row r="197771" spans="14:14">
      <c r="N197771" s="10"/>
    </row>
    <row r="197772" spans="14:14">
      <c r="N197772" s="10"/>
    </row>
    <row r="197773" spans="14:14">
      <c r="N197773" s="10"/>
    </row>
    <row r="197774" spans="14:14">
      <c r="N197774" s="10"/>
    </row>
    <row r="197775" spans="14:14">
      <c r="N197775" s="10"/>
    </row>
    <row r="197776" spans="14:14">
      <c r="N197776" s="10"/>
    </row>
    <row r="197777" spans="14:14">
      <c r="N197777" s="10"/>
    </row>
    <row r="197778" spans="14:14">
      <c r="N197778" s="10"/>
    </row>
    <row r="197779" spans="14:14">
      <c r="N197779" s="10"/>
    </row>
    <row r="197780" spans="14:14">
      <c r="N197780" s="10"/>
    </row>
    <row r="197781" spans="14:14">
      <c r="N197781" s="10"/>
    </row>
    <row r="197782" spans="14:14">
      <c r="N197782" s="10"/>
    </row>
    <row r="197783" spans="14:14">
      <c r="N197783" s="10"/>
    </row>
    <row r="197784" spans="14:14">
      <c r="N197784" s="10"/>
    </row>
    <row r="197785" spans="14:14">
      <c r="N197785" s="10"/>
    </row>
    <row r="197786" spans="14:14">
      <c r="N197786" s="10"/>
    </row>
    <row r="197787" spans="14:14">
      <c r="N197787" s="10"/>
    </row>
    <row r="197788" spans="14:14">
      <c r="N197788" s="10"/>
    </row>
    <row r="197789" spans="14:14">
      <c r="N197789" s="10"/>
    </row>
    <row r="197790" spans="14:14">
      <c r="N197790" s="10"/>
    </row>
    <row r="197791" spans="14:14">
      <c r="N197791" s="10"/>
    </row>
    <row r="197792" spans="14:14">
      <c r="N197792" s="10"/>
    </row>
    <row r="197793" spans="14:14">
      <c r="N197793" s="10"/>
    </row>
    <row r="197794" spans="14:14">
      <c r="N197794" s="10"/>
    </row>
    <row r="197795" spans="14:14">
      <c r="N197795" s="10"/>
    </row>
    <row r="197796" spans="14:14">
      <c r="N197796" s="10"/>
    </row>
    <row r="197797" spans="14:14">
      <c r="N197797" s="10"/>
    </row>
    <row r="197798" spans="14:14">
      <c r="N197798" s="10"/>
    </row>
    <row r="197799" spans="14:14">
      <c r="N197799" s="10"/>
    </row>
    <row r="197800" spans="14:14">
      <c r="N197800" s="10"/>
    </row>
    <row r="197801" spans="14:14">
      <c r="N197801" s="10"/>
    </row>
    <row r="197802" spans="14:14">
      <c r="N197802" s="10"/>
    </row>
    <row r="197803" spans="14:14">
      <c r="N197803" s="10"/>
    </row>
    <row r="197804" spans="14:14">
      <c r="N197804" s="10"/>
    </row>
    <row r="197805" spans="14:14">
      <c r="N197805" s="10"/>
    </row>
    <row r="197806" spans="14:14">
      <c r="N197806" s="10"/>
    </row>
    <row r="197807" spans="14:14">
      <c r="N197807" s="10"/>
    </row>
    <row r="197808" spans="14:14">
      <c r="N197808" s="10"/>
    </row>
    <row r="197809" spans="14:14">
      <c r="N197809" s="10"/>
    </row>
    <row r="197810" spans="14:14">
      <c r="N197810" s="10"/>
    </row>
    <row r="197811" spans="14:14">
      <c r="N197811" s="10"/>
    </row>
    <row r="197812" spans="14:14">
      <c r="N197812" s="10"/>
    </row>
    <row r="197813" spans="14:14">
      <c r="N197813" s="10"/>
    </row>
    <row r="197814" spans="14:14">
      <c r="N197814" s="10"/>
    </row>
    <row r="197815" spans="14:14">
      <c r="N197815" s="10"/>
    </row>
    <row r="197816" spans="14:14">
      <c r="N197816" s="10"/>
    </row>
    <row r="197817" spans="14:14">
      <c r="N197817" s="10"/>
    </row>
    <row r="197818" spans="14:14">
      <c r="N197818" s="10"/>
    </row>
    <row r="197819" spans="14:14">
      <c r="N197819" s="10"/>
    </row>
    <row r="197820" spans="14:14">
      <c r="N197820" s="10"/>
    </row>
    <row r="197821" spans="14:14">
      <c r="N197821" s="10"/>
    </row>
    <row r="197822" spans="14:14">
      <c r="N197822" s="10"/>
    </row>
    <row r="197823" spans="14:14">
      <c r="N197823" s="10"/>
    </row>
    <row r="197824" spans="14:14">
      <c r="N197824" s="10"/>
    </row>
    <row r="197825" spans="14:14">
      <c r="N197825" s="10"/>
    </row>
    <row r="197826" spans="14:14">
      <c r="N197826" s="10"/>
    </row>
    <row r="197827" spans="14:14">
      <c r="N197827" s="10"/>
    </row>
    <row r="197828" spans="14:14">
      <c r="N197828" s="10"/>
    </row>
    <row r="197829" spans="14:14">
      <c r="N197829" s="10"/>
    </row>
    <row r="197830" spans="14:14">
      <c r="N197830" s="10"/>
    </row>
    <row r="197831" spans="14:14">
      <c r="N197831" s="10"/>
    </row>
    <row r="197832" spans="14:14">
      <c r="N197832" s="10"/>
    </row>
    <row r="197833" spans="14:14">
      <c r="N197833" s="10"/>
    </row>
    <row r="197834" spans="14:14">
      <c r="N197834" s="10"/>
    </row>
    <row r="197835" spans="14:14">
      <c r="N197835" s="10"/>
    </row>
    <row r="197836" spans="14:14">
      <c r="N197836" s="10"/>
    </row>
    <row r="197837" spans="14:14">
      <c r="N197837" s="10"/>
    </row>
    <row r="197838" spans="14:14">
      <c r="N197838" s="10"/>
    </row>
    <row r="197839" spans="14:14">
      <c r="N197839" s="10"/>
    </row>
    <row r="197840" spans="14:14">
      <c r="N197840" s="10"/>
    </row>
    <row r="197841" spans="14:14">
      <c r="N197841" s="10"/>
    </row>
    <row r="197842" spans="14:14">
      <c r="N197842" s="10"/>
    </row>
    <row r="197843" spans="14:14">
      <c r="N197843" s="10"/>
    </row>
    <row r="197844" spans="14:14">
      <c r="N197844" s="10"/>
    </row>
    <row r="197845" spans="14:14">
      <c r="N197845" s="10"/>
    </row>
    <row r="197846" spans="14:14">
      <c r="N197846" s="10"/>
    </row>
    <row r="197847" spans="14:14">
      <c r="N197847" s="10"/>
    </row>
    <row r="197848" spans="14:14">
      <c r="N197848" s="10"/>
    </row>
    <row r="197849" spans="14:14">
      <c r="N197849" s="10"/>
    </row>
    <row r="197850" spans="14:14">
      <c r="N197850" s="10"/>
    </row>
    <row r="197851" spans="14:14">
      <c r="N197851" s="10"/>
    </row>
    <row r="197852" spans="14:14">
      <c r="N197852" s="10"/>
    </row>
    <row r="197853" spans="14:14">
      <c r="N197853" s="10"/>
    </row>
    <row r="197854" spans="14:14">
      <c r="N197854" s="10"/>
    </row>
    <row r="197855" spans="14:14">
      <c r="N197855" s="10"/>
    </row>
    <row r="197856" spans="14:14">
      <c r="N197856" s="10"/>
    </row>
    <row r="197857" spans="14:14">
      <c r="N197857" s="10"/>
    </row>
    <row r="197858" spans="14:14">
      <c r="N197858" s="10"/>
    </row>
    <row r="197859" spans="14:14">
      <c r="N197859" s="10"/>
    </row>
    <row r="197860" spans="14:14">
      <c r="N197860" s="10"/>
    </row>
    <row r="197861" spans="14:14">
      <c r="N197861" s="10"/>
    </row>
    <row r="197862" spans="14:14">
      <c r="N197862" s="10"/>
    </row>
    <row r="197863" spans="14:14">
      <c r="N197863" s="10"/>
    </row>
    <row r="197864" spans="14:14">
      <c r="N197864" s="10"/>
    </row>
    <row r="197865" spans="14:14">
      <c r="N197865" s="10"/>
    </row>
    <row r="197866" spans="14:14">
      <c r="N197866" s="10"/>
    </row>
    <row r="197867" spans="14:14">
      <c r="N197867" s="10"/>
    </row>
    <row r="197868" spans="14:14">
      <c r="N197868" s="10"/>
    </row>
    <row r="197869" spans="14:14">
      <c r="N197869" s="10"/>
    </row>
    <row r="197870" spans="14:14">
      <c r="N197870" s="10"/>
    </row>
    <row r="197871" spans="14:14">
      <c r="N197871" s="10"/>
    </row>
    <row r="197872" spans="14:14">
      <c r="N197872" s="10"/>
    </row>
    <row r="197873" spans="14:14">
      <c r="N197873" s="10"/>
    </row>
    <row r="197874" spans="14:14">
      <c r="N197874" s="10"/>
    </row>
    <row r="197875" spans="14:14">
      <c r="N197875" s="10"/>
    </row>
    <row r="197876" spans="14:14">
      <c r="N197876" s="10"/>
    </row>
    <row r="197877" spans="14:14">
      <c r="N197877" s="10"/>
    </row>
    <row r="197878" spans="14:14">
      <c r="N197878" s="10"/>
    </row>
    <row r="197879" spans="14:14">
      <c r="N197879" s="10"/>
    </row>
    <row r="197880" spans="14:14">
      <c r="N197880" s="10"/>
    </row>
    <row r="197881" spans="14:14">
      <c r="N197881" s="10"/>
    </row>
    <row r="197882" spans="14:14">
      <c r="N197882" s="10"/>
    </row>
    <row r="197883" spans="14:14">
      <c r="N197883" s="10"/>
    </row>
    <row r="197884" spans="14:14">
      <c r="N197884" s="10"/>
    </row>
    <row r="197885" spans="14:14">
      <c r="N197885" s="10"/>
    </row>
    <row r="197886" spans="14:14">
      <c r="N197886" s="10"/>
    </row>
    <row r="197887" spans="14:14">
      <c r="N197887" s="10"/>
    </row>
    <row r="197888" spans="14:14">
      <c r="N197888" s="10"/>
    </row>
    <row r="197889" spans="14:14">
      <c r="N197889" s="10"/>
    </row>
    <row r="197890" spans="14:14">
      <c r="N197890" s="10"/>
    </row>
    <row r="197891" spans="14:14">
      <c r="N197891" s="10"/>
    </row>
    <row r="197892" spans="14:14">
      <c r="N197892" s="10"/>
    </row>
    <row r="197893" spans="14:14">
      <c r="N197893" s="10"/>
    </row>
    <row r="197894" spans="14:14">
      <c r="N197894" s="10"/>
    </row>
    <row r="197895" spans="14:14">
      <c r="N197895" s="10"/>
    </row>
    <row r="197896" spans="14:14">
      <c r="N197896" s="10"/>
    </row>
    <row r="197897" spans="14:14">
      <c r="N197897" s="10"/>
    </row>
    <row r="197898" spans="14:14">
      <c r="N197898" s="10"/>
    </row>
    <row r="197899" spans="14:14">
      <c r="N197899" s="10"/>
    </row>
    <row r="197900" spans="14:14">
      <c r="N197900" s="10"/>
    </row>
    <row r="197901" spans="14:14">
      <c r="N197901" s="10"/>
    </row>
    <row r="197902" spans="14:14">
      <c r="N197902" s="10"/>
    </row>
    <row r="197903" spans="14:14">
      <c r="N197903" s="10"/>
    </row>
    <row r="197904" spans="14:14">
      <c r="N197904" s="10"/>
    </row>
    <row r="197905" spans="14:14">
      <c r="N197905" s="10"/>
    </row>
    <row r="197906" spans="14:14">
      <c r="N197906" s="10"/>
    </row>
    <row r="197907" spans="14:14">
      <c r="N197907" s="10"/>
    </row>
    <row r="197908" spans="14:14">
      <c r="N197908" s="10"/>
    </row>
    <row r="197909" spans="14:14">
      <c r="N197909" s="10"/>
    </row>
    <row r="197910" spans="14:14">
      <c r="N197910" s="10"/>
    </row>
    <row r="197911" spans="14:14">
      <c r="N197911" s="10"/>
    </row>
    <row r="197912" spans="14:14">
      <c r="N197912" s="10"/>
    </row>
    <row r="197913" spans="14:14">
      <c r="N197913" s="10"/>
    </row>
    <row r="197914" spans="14:14">
      <c r="N197914" s="10"/>
    </row>
    <row r="197915" spans="14:14">
      <c r="N197915" s="10"/>
    </row>
    <row r="197916" spans="14:14">
      <c r="N197916" s="10"/>
    </row>
    <row r="197917" spans="14:14">
      <c r="N197917" s="10"/>
    </row>
    <row r="197918" spans="14:14">
      <c r="N197918" s="10"/>
    </row>
    <row r="197919" spans="14:14">
      <c r="N197919" s="10"/>
    </row>
    <row r="197920" spans="14:14">
      <c r="N197920" s="10"/>
    </row>
    <row r="197921" spans="14:14">
      <c r="N197921" s="10"/>
    </row>
    <row r="197922" spans="14:14">
      <c r="N197922" s="10"/>
    </row>
    <row r="197923" spans="14:14">
      <c r="N197923" s="10"/>
    </row>
    <row r="197924" spans="14:14">
      <c r="N197924" s="10"/>
    </row>
    <row r="197925" spans="14:14">
      <c r="N197925" s="10"/>
    </row>
    <row r="197926" spans="14:14">
      <c r="N197926" s="10"/>
    </row>
    <row r="197927" spans="14:14">
      <c r="N197927" s="10"/>
    </row>
    <row r="197928" spans="14:14">
      <c r="N197928" s="10"/>
    </row>
    <row r="197929" spans="14:14">
      <c r="N197929" s="10"/>
    </row>
    <row r="197930" spans="14:14">
      <c r="N197930" s="10"/>
    </row>
    <row r="197931" spans="14:14">
      <c r="N197931" s="10"/>
    </row>
    <row r="197932" spans="14:14">
      <c r="N197932" s="10"/>
    </row>
    <row r="197933" spans="14:14">
      <c r="N197933" s="10"/>
    </row>
    <row r="197934" spans="14:14">
      <c r="N197934" s="10"/>
    </row>
    <row r="197935" spans="14:14">
      <c r="N197935" s="10"/>
    </row>
    <row r="197936" spans="14:14">
      <c r="N197936" s="10"/>
    </row>
    <row r="197937" spans="14:14">
      <c r="N197937" s="10"/>
    </row>
    <row r="197938" spans="14:14">
      <c r="N197938" s="10"/>
    </row>
    <row r="197939" spans="14:14">
      <c r="N197939" s="10"/>
    </row>
    <row r="197940" spans="14:14">
      <c r="N197940" s="10"/>
    </row>
    <row r="197941" spans="14:14">
      <c r="N197941" s="10"/>
    </row>
    <row r="197942" spans="14:14">
      <c r="N197942" s="10"/>
    </row>
    <row r="197943" spans="14:14">
      <c r="N197943" s="10"/>
    </row>
    <row r="197944" spans="14:14">
      <c r="N197944" s="10"/>
    </row>
    <row r="197945" spans="14:14">
      <c r="N197945" s="10"/>
    </row>
    <row r="197946" spans="14:14">
      <c r="N197946" s="10"/>
    </row>
    <row r="197947" spans="14:14">
      <c r="N197947" s="10"/>
    </row>
    <row r="197948" spans="14:14">
      <c r="N197948" s="10"/>
    </row>
    <row r="197949" spans="14:14">
      <c r="N197949" s="10"/>
    </row>
    <row r="197950" spans="14:14">
      <c r="N197950" s="10"/>
    </row>
    <row r="197951" spans="14:14">
      <c r="N197951" s="10"/>
    </row>
    <row r="197952" spans="14:14">
      <c r="N197952" s="10"/>
    </row>
    <row r="197953" spans="14:14">
      <c r="N197953" s="10"/>
    </row>
    <row r="197954" spans="14:14">
      <c r="N197954" s="10"/>
    </row>
    <row r="197955" spans="14:14">
      <c r="N197955" s="10"/>
    </row>
    <row r="197956" spans="14:14">
      <c r="N197956" s="10"/>
    </row>
    <row r="197957" spans="14:14">
      <c r="N197957" s="10"/>
    </row>
    <row r="197958" spans="14:14">
      <c r="N197958" s="10"/>
    </row>
    <row r="197959" spans="14:14">
      <c r="N197959" s="10"/>
    </row>
    <row r="197960" spans="14:14">
      <c r="N197960" s="10"/>
    </row>
    <row r="197961" spans="14:14">
      <c r="N197961" s="10"/>
    </row>
    <row r="197962" spans="14:14">
      <c r="N197962" s="10"/>
    </row>
    <row r="197963" spans="14:14">
      <c r="N197963" s="10"/>
    </row>
    <row r="197964" spans="14:14">
      <c r="N197964" s="10"/>
    </row>
    <row r="197965" spans="14:14">
      <c r="N197965" s="10"/>
    </row>
    <row r="197966" spans="14:14">
      <c r="N197966" s="10"/>
    </row>
    <row r="197967" spans="14:14">
      <c r="N197967" s="10"/>
    </row>
    <row r="197968" spans="14:14">
      <c r="N197968" s="10"/>
    </row>
    <row r="197969" spans="14:14">
      <c r="N197969" s="10"/>
    </row>
    <row r="197970" spans="14:14">
      <c r="N197970" s="10"/>
    </row>
    <row r="197971" spans="14:14">
      <c r="N197971" s="10"/>
    </row>
    <row r="197972" spans="14:14">
      <c r="N197972" s="10"/>
    </row>
    <row r="197973" spans="14:14">
      <c r="N197973" s="10"/>
    </row>
    <row r="197974" spans="14:14">
      <c r="N197974" s="10"/>
    </row>
    <row r="197975" spans="14:14">
      <c r="N197975" s="10"/>
    </row>
    <row r="197976" spans="14:14">
      <c r="N197976" s="10"/>
    </row>
    <row r="197977" spans="14:14">
      <c r="N197977" s="10"/>
    </row>
    <row r="197978" spans="14:14">
      <c r="N197978" s="10"/>
    </row>
    <row r="197979" spans="14:14">
      <c r="N197979" s="10"/>
    </row>
    <row r="197980" spans="14:14">
      <c r="N197980" s="10"/>
    </row>
    <row r="197981" spans="14:14">
      <c r="N197981" s="10"/>
    </row>
    <row r="197982" spans="14:14">
      <c r="N197982" s="10"/>
    </row>
    <row r="197983" spans="14:14">
      <c r="N197983" s="10"/>
    </row>
    <row r="197984" spans="14:14">
      <c r="N197984" s="10"/>
    </row>
    <row r="197985" spans="14:14">
      <c r="N197985" s="10"/>
    </row>
    <row r="197986" spans="14:14">
      <c r="N197986" s="10"/>
    </row>
    <row r="197987" spans="14:14">
      <c r="N197987" s="10"/>
    </row>
    <row r="197988" spans="14:14">
      <c r="N197988" s="10"/>
    </row>
    <row r="197989" spans="14:14">
      <c r="N197989" s="10"/>
    </row>
    <row r="197990" spans="14:14">
      <c r="N197990" s="10"/>
    </row>
    <row r="197991" spans="14:14">
      <c r="N197991" s="10"/>
    </row>
    <row r="197992" spans="14:14">
      <c r="N197992" s="10"/>
    </row>
    <row r="197993" spans="14:14">
      <c r="N197993" s="10"/>
    </row>
    <row r="197994" spans="14:14">
      <c r="N197994" s="10"/>
    </row>
    <row r="197995" spans="14:14">
      <c r="N197995" s="10"/>
    </row>
    <row r="197996" spans="14:14">
      <c r="N197996" s="10"/>
    </row>
    <row r="197997" spans="14:14">
      <c r="N197997" s="10"/>
    </row>
    <row r="197998" spans="14:14">
      <c r="N197998" s="10"/>
    </row>
    <row r="197999" spans="14:14">
      <c r="N197999" s="10"/>
    </row>
    <row r="198000" spans="14:14">
      <c r="N198000" s="10"/>
    </row>
    <row r="198001" spans="14:14">
      <c r="N198001" s="10"/>
    </row>
    <row r="198002" spans="14:14">
      <c r="N198002" s="10"/>
    </row>
    <row r="198003" spans="14:14">
      <c r="N198003" s="10"/>
    </row>
    <row r="198004" spans="14:14">
      <c r="N198004" s="10"/>
    </row>
    <row r="198005" spans="14:14">
      <c r="N198005" s="10"/>
    </row>
    <row r="198006" spans="14:14">
      <c r="N198006" s="10"/>
    </row>
    <row r="198007" spans="14:14">
      <c r="N198007" s="10"/>
    </row>
    <row r="198008" spans="14:14">
      <c r="N198008" s="10"/>
    </row>
    <row r="198009" spans="14:14">
      <c r="N198009" s="10"/>
    </row>
    <row r="198010" spans="14:14">
      <c r="N198010" s="10"/>
    </row>
    <row r="198011" spans="14:14">
      <c r="N198011" s="10"/>
    </row>
    <row r="198012" spans="14:14">
      <c r="N198012" s="10"/>
    </row>
    <row r="198013" spans="14:14">
      <c r="N198013" s="10"/>
    </row>
    <row r="198014" spans="14:14">
      <c r="N198014" s="10"/>
    </row>
    <row r="198015" spans="14:14">
      <c r="N198015" s="10"/>
    </row>
    <row r="198016" spans="14:14">
      <c r="N198016" s="10"/>
    </row>
    <row r="198017" spans="14:14">
      <c r="N198017" s="10"/>
    </row>
    <row r="198018" spans="14:14">
      <c r="N198018" s="10"/>
    </row>
    <row r="198019" spans="14:14">
      <c r="N198019" s="10"/>
    </row>
    <row r="198020" spans="14:14">
      <c r="N198020" s="10"/>
    </row>
    <row r="198021" spans="14:14">
      <c r="N198021" s="10"/>
    </row>
    <row r="198022" spans="14:14">
      <c r="N198022" s="10"/>
    </row>
    <row r="198023" spans="14:14">
      <c r="N198023" s="10"/>
    </row>
    <row r="198024" spans="14:14">
      <c r="N198024" s="10"/>
    </row>
    <row r="198025" spans="14:14">
      <c r="N198025" s="10"/>
    </row>
    <row r="198026" spans="14:14">
      <c r="N198026" s="10"/>
    </row>
    <row r="198027" spans="14:14">
      <c r="N198027" s="10"/>
    </row>
    <row r="198028" spans="14:14">
      <c r="N198028" s="10"/>
    </row>
    <row r="198029" spans="14:14">
      <c r="N198029" s="10"/>
    </row>
    <row r="198030" spans="14:14">
      <c r="N198030" s="10"/>
    </row>
    <row r="198031" spans="14:14">
      <c r="N198031" s="10"/>
    </row>
    <row r="198032" spans="14:14">
      <c r="N198032" s="10"/>
    </row>
    <row r="198033" spans="14:14">
      <c r="N198033" s="10"/>
    </row>
    <row r="198034" spans="14:14">
      <c r="N198034" s="10"/>
    </row>
    <row r="198035" spans="14:14">
      <c r="N198035" s="10"/>
    </row>
    <row r="198036" spans="14:14">
      <c r="N198036" s="10"/>
    </row>
    <row r="198037" spans="14:14">
      <c r="N198037" s="10"/>
    </row>
    <row r="198038" spans="14:14">
      <c r="N198038" s="10"/>
    </row>
    <row r="198039" spans="14:14">
      <c r="N198039" s="10"/>
    </row>
    <row r="198040" spans="14:14">
      <c r="N198040" s="10"/>
    </row>
    <row r="198041" spans="14:14">
      <c r="N198041" s="10"/>
    </row>
    <row r="198042" spans="14:14">
      <c r="N198042" s="10"/>
    </row>
    <row r="198043" spans="14:14">
      <c r="N198043" s="10"/>
    </row>
    <row r="198044" spans="14:14">
      <c r="N198044" s="10"/>
    </row>
    <row r="198045" spans="14:14">
      <c r="N198045" s="10"/>
    </row>
    <row r="198046" spans="14:14">
      <c r="N198046" s="10"/>
    </row>
    <row r="198047" spans="14:14">
      <c r="N198047" s="10"/>
    </row>
    <row r="198048" spans="14:14">
      <c r="N198048" s="10"/>
    </row>
    <row r="198049" spans="14:14">
      <c r="N198049" s="10"/>
    </row>
    <row r="198050" spans="14:14">
      <c r="N198050" s="10"/>
    </row>
    <row r="198051" spans="14:14">
      <c r="N198051" s="10"/>
    </row>
    <row r="198052" spans="14:14">
      <c r="N198052" s="10"/>
    </row>
    <row r="198053" spans="14:14">
      <c r="N198053" s="10"/>
    </row>
    <row r="198054" spans="14:14">
      <c r="N198054" s="10"/>
    </row>
    <row r="198055" spans="14:14">
      <c r="N198055" s="10"/>
    </row>
    <row r="198056" spans="14:14">
      <c r="N198056" s="10"/>
    </row>
    <row r="198057" spans="14:14">
      <c r="N198057" s="10"/>
    </row>
    <row r="198058" spans="14:14">
      <c r="N198058" s="10"/>
    </row>
    <row r="198059" spans="14:14">
      <c r="N198059" s="10"/>
    </row>
    <row r="198060" spans="14:14">
      <c r="N198060" s="10"/>
    </row>
    <row r="198061" spans="14:14">
      <c r="N198061" s="10"/>
    </row>
    <row r="198062" spans="14:14">
      <c r="N198062" s="10"/>
    </row>
    <row r="198063" spans="14:14">
      <c r="N198063" s="10"/>
    </row>
    <row r="198064" spans="14:14">
      <c r="N198064" s="10"/>
    </row>
    <row r="198065" spans="14:14">
      <c r="N198065" s="10"/>
    </row>
    <row r="198066" spans="14:14">
      <c r="N198066" s="10"/>
    </row>
    <row r="198067" spans="14:14">
      <c r="N198067" s="10"/>
    </row>
    <row r="198068" spans="14:14">
      <c r="N198068" s="10"/>
    </row>
    <row r="198069" spans="14:14">
      <c r="N198069" s="10"/>
    </row>
    <row r="198070" spans="14:14">
      <c r="N198070" s="10"/>
    </row>
    <row r="198071" spans="14:14">
      <c r="N198071" s="10"/>
    </row>
    <row r="198072" spans="14:14">
      <c r="N198072" s="10"/>
    </row>
    <row r="198073" spans="14:14">
      <c r="N198073" s="10"/>
    </row>
    <row r="198074" spans="14:14">
      <c r="N198074" s="10"/>
    </row>
    <row r="198075" spans="14:14">
      <c r="N198075" s="10"/>
    </row>
    <row r="198076" spans="14:14">
      <c r="N198076" s="10"/>
    </row>
    <row r="198077" spans="14:14">
      <c r="N198077" s="10"/>
    </row>
    <row r="198078" spans="14:14">
      <c r="N198078" s="10"/>
    </row>
    <row r="198079" spans="14:14">
      <c r="N198079" s="10"/>
    </row>
    <row r="198080" spans="14:14">
      <c r="N198080" s="10"/>
    </row>
    <row r="198081" spans="14:14">
      <c r="N198081" s="10"/>
    </row>
    <row r="198082" spans="14:14">
      <c r="N198082" s="10"/>
    </row>
    <row r="198083" spans="14:14">
      <c r="N198083" s="10"/>
    </row>
    <row r="198084" spans="14:14">
      <c r="N198084" s="10"/>
    </row>
    <row r="198085" spans="14:14">
      <c r="N198085" s="10"/>
    </row>
    <row r="198086" spans="14:14">
      <c r="N198086" s="10"/>
    </row>
    <row r="198087" spans="14:14">
      <c r="N198087" s="10"/>
    </row>
    <row r="198088" spans="14:14">
      <c r="N198088" s="10"/>
    </row>
    <row r="198089" spans="14:14">
      <c r="N198089" s="10"/>
    </row>
    <row r="198090" spans="14:14">
      <c r="N198090" s="10"/>
    </row>
    <row r="198091" spans="14:14">
      <c r="N198091" s="10"/>
    </row>
    <row r="198092" spans="14:14">
      <c r="N198092" s="10"/>
    </row>
    <row r="198093" spans="14:14">
      <c r="N198093" s="10"/>
    </row>
    <row r="198094" spans="14:14">
      <c r="N198094" s="10"/>
    </row>
    <row r="198095" spans="14:14">
      <c r="N198095" s="10"/>
    </row>
    <row r="198096" spans="14:14">
      <c r="N198096" s="10"/>
    </row>
    <row r="198097" spans="14:14">
      <c r="N198097" s="10"/>
    </row>
    <row r="198098" spans="14:14">
      <c r="N198098" s="10"/>
    </row>
    <row r="198099" spans="14:14">
      <c r="N198099" s="10"/>
    </row>
    <row r="198100" spans="14:14">
      <c r="N198100" s="10"/>
    </row>
    <row r="198101" spans="14:14">
      <c r="N198101" s="10"/>
    </row>
    <row r="198102" spans="14:14">
      <c r="N198102" s="10"/>
    </row>
    <row r="198103" spans="14:14">
      <c r="N198103" s="10"/>
    </row>
    <row r="198104" spans="14:14">
      <c r="N198104" s="10"/>
    </row>
    <row r="198105" spans="14:14">
      <c r="N198105" s="10"/>
    </row>
    <row r="198106" spans="14:14">
      <c r="N198106" s="10"/>
    </row>
    <row r="198107" spans="14:14">
      <c r="N198107" s="10"/>
    </row>
    <row r="198108" spans="14:14">
      <c r="N198108" s="10"/>
    </row>
    <row r="198109" spans="14:14">
      <c r="N198109" s="10"/>
    </row>
    <row r="198110" spans="14:14">
      <c r="N198110" s="10"/>
    </row>
    <row r="198111" spans="14:14">
      <c r="N198111" s="10"/>
    </row>
    <row r="198112" spans="14:14">
      <c r="N198112" s="10"/>
    </row>
    <row r="198113" spans="14:14">
      <c r="N198113" s="10"/>
    </row>
    <row r="198114" spans="14:14">
      <c r="N198114" s="10"/>
    </row>
    <row r="198115" spans="14:14">
      <c r="N198115" s="10"/>
    </row>
    <row r="198116" spans="14:14">
      <c r="N198116" s="10"/>
    </row>
    <row r="198117" spans="14:14">
      <c r="N198117" s="10"/>
    </row>
    <row r="198118" spans="14:14">
      <c r="N198118" s="10"/>
    </row>
    <row r="198119" spans="14:14">
      <c r="N198119" s="10"/>
    </row>
    <row r="198120" spans="14:14">
      <c r="N198120" s="10"/>
    </row>
    <row r="198121" spans="14:14">
      <c r="N198121" s="10"/>
    </row>
    <row r="198122" spans="14:14">
      <c r="N198122" s="10"/>
    </row>
    <row r="198123" spans="14:14">
      <c r="N198123" s="10"/>
    </row>
    <row r="198124" spans="14:14">
      <c r="N198124" s="10"/>
    </row>
    <row r="198125" spans="14:14">
      <c r="N198125" s="10"/>
    </row>
    <row r="198126" spans="14:14">
      <c r="N198126" s="10"/>
    </row>
    <row r="198127" spans="14:14">
      <c r="N198127" s="10"/>
    </row>
    <row r="198128" spans="14:14">
      <c r="N198128" s="10"/>
    </row>
    <row r="198129" spans="14:14">
      <c r="N198129" s="10"/>
    </row>
    <row r="198130" spans="14:14">
      <c r="N198130" s="10"/>
    </row>
    <row r="198131" spans="14:14">
      <c r="N198131" s="10"/>
    </row>
    <row r="198132" spans="14:14">
      <c r="N198132" s="10"/>
    </row>
    <row r="198133" spans="14:14">
      <c r="N198133" s="10"/>
    </row>
    <row r="198134" spans="14:14">
      <c r="N198134" s="10"/>
    </row>
    <row r="198135" spans="14:14">
      <c r="N198135" s="10"/>
    </row>
    <row r="198136" spans="14:14">
      <c r="N198136" s="10"/>
    </row>
    <row r="198137" spans="14:14">
      <c r="N198137" s="10"/>
    </row>
    <row r="198138" spans="14:14">
      <c r="N198138" s="10"/>
    </row>
    <row r="198139" spans="14:14">
      <c r="N198139" s="10"/>
    </row>
    <row r="198140" spans="14:14">
      <c r="N198140" s="10"/>
    </row>
    <row r="198141" spans="14:14">
      <c r="N198141" s="10"/>
    </row>
    <row r="198142" spans="14:14">
      <c r="N198142" s="10"/>
    </row>
    <row r="198143" spans="14:14">
      <c r="N198143" s="10"/>
    </row>
    <row r="198144" spans="14:14">
      <c r="N198144" s="10"/>
    </row>
    <row r="198145" spans="14:14">
      <c r="N198145" s="10"/>
    </row>
    <row r="198146" spans="14:14">
      <c r="N198146" s="10"/>
    </row>
    <row r="198147" spans="14:14">
      <c r="N198147" s="10"/>
    </row>
    <row r="198148" spans="14:14">
      <c r="N198148" s="10"/>
    </row>
    <row r="198149" spans="14:14">
      <c r="N198149" s="10"/>
    </row>
    <row r="198150" spans="14:14">
      <c r="N198150" s="10"/>
    </row>
    <row r="198151" spans="14:14">
      <c r="N198151" s="10"/>
    </row>
    <row r="198152" spans="14:14">
      <c r="N198152" s="10"/>
    </row>
    <row r="198153" spans="14:14">
      <c r="N198153" s="10"/>
    </row>
    <row r="198154" spans="14:14">
      <c r="N198154" s="10"/>
    </row>
    <row r="198155" spans="14:14">
      <c r="N198155" s="10"/>
    </row>
    <row r="198156" spans="14:14">
      <c r="N198156" s="10"/>
    </row>
    <row r="198157" spans="14:14">
      <c r="N198157" s="10"/>
    </row>
    <row r="198158" spans="14:14">
      <c r="N198158" s="10"/>
    </row>
    <row r="198159" spans="14:14">
      <c r="N198159" s="10"/>
    </row>
    <row r="198160" spans="14:14">
      <c r="N198160" s="10"/>
    </row>
    <row r="198161" spans="14:14">
      <c r="N198161" s="10"/>
    </row>
    <row r="198162" spans="14:14">
      <c r="N198162" s="10"/>
    </row>
    <row r="198163" spans="14:14">
      <c r="N198163" s="10"/>
    </row>
    <row r="198164" spans="14:14">
      <c r="N198164" s="10"/>
    </row>
    <row r="198165" spans="14:14">
      <c r="N198165" s="10"/>
    </row>
    <row r="198166" spans="14:14">
      <c r="N198166" s="10"/>
    </row>
    <row r="198167" spans="14:14">
      <c r="N198167" s="10"/>
    </row>
    <row r="198168" spans="14:14">
      <c r="N198168" s="10"/>
    </row>
    <row r="198169" spans="14:14">
      <c r="N198169" s="10"/>
    </row>
    <row r="198170" spans="14:14">
      <c r="N198170" s="10"/>
    </row>
    <row r="198171" spans="14:14">
      <c r="N198171" s="10"/>
    </row>
    <row r="198172" spans="14:14">
      <c r="N198172" s="10"/>
    </row>
    <row r="198173" spans="14:14">
      <c r="N198173" s="10"/>
    </row>
    <row r="198174" spans="14:14">
      <c r="N198174" s="10"/>
    </row>
    <row r="198175" spans="14:14">
      <c r="N198175" s="10"/>
    </row>
    <row r="198176" spans="14:14">
      <c r="N198176" s="10"/>
    </row>
    <row r="198177" spans="14:14">
      <c r="N198177" s="10"/>
    </row>
    <row r="198178" spans="14:14">
      <c r="N198178" s="10"/>
    </row>
    <row r="198179" spans="14:14">
      <c r="N198179" s="10"/>
    </row>
    <row r="198180" spans="14:14">
      <c r="N198180" s="10"/>
    </row>
    <row r="198181" spans="14:14">
      <c r="N198181" s="10"/>
    </row>
    <row r="198182" spans="14:14">
      <c r="N198182" s="10"/>
    </row>
    <row r="198183" spans="14:14">
      <c r="N198183" s="10"/>
    </row>
    <row r="198184" spans="14:14">
      <c r="N198184" s="10"/>
    </row>
    <row r="198185" spans="14:14">
      <c r="N198185" s="10"/>
    </row>
    <row r="198186" spans="14:14">
      <c r="N198186" s="10"/>
    </row>
    <row r="198187" spans="14:14">
      <c r="N198187" s="10"/>
    </row>
    <row r="198188" spans="14:14">
      <c r="N198188" s="10"/>
    </row>
    <row r="198189" spans="14:14">
      <c r="N198189" s="10"/>
    </row>
    <row r="198190" spans="14:14">
      <c r="N198190" s="10"/>
    </row>
    <row r="198191" spans="14:14">
      <c r="N198191" s="10"/>
    </row>
    <row r="198192" spans="14:14">
      <c r="N198192" s="10"/>
    </row>
    <row r="198193" spans="14:14">
      <c r="N198193" s="10"/>
    </row>
    <row r="198194" spans="14:14">
      <c r="N198194" s="10"/>
    </row>
    <row r="198195" spans="14:14">
      <c r="N198195" s="10"/>
    </row>
    <row r="198196" spans="14:14">
      <c r="N198196" s="10"/>
    </row>
    <row r="198197" spans="14:14">
      <c r="N198197" s="10"/>
    </row>
    <row r="198198" spans="14:14">
      <c r="N198198" s="10"/>
    </row>
    <row r="198199" spans="14:14">
      <c r="N198199" s="10"/>
    </row>
    <row r="198200" spans="14:14">
      <c r="N198200" s="10"/>
    </row>
    <row r="198201" spans="14:14">
      <c r="N198201" s="10"/>
    </row>
    <row r="198202" spans="14:14">
      <c r="N198202" s="10"/>
    </row>
    <row r="198203" spans="14:14">
      <c r="N198203" s="10"/>
    </row>
    <row r="198204" spans="14:14">
      <c r="N198204" s="10"/>
    </row>
    <row r="198205" spans="14:14">
      <c r="N198205" s="10"/>
    </row>
    <row r="198206" spans="14:14">
      <c r="N198206" s="10"/>
    </row>
    <row r="198207" spans="14:14">
      <c r="N198207" s="10"/>
    </row>
    <row r="198208" spans="14:14">
      <c r="N198208" s="10"/>
    </row>
    <row r="198209" spans="14:14">
      <c r="N198209" s="10"/>
    </row>
    <row r="198210" spans="14:14">
      <c r="N198210" s="10"/>
    </row>
    <row r="198211" spans="14:14">
      <c r="N198211" s="10"/>
    </row>
    <row r="198212" spans="14:14">
      <c r="N198212" s="10"/>
    </row>
    <row r="198213" spans="14:14">
      <c r="N198213" s="10"/>
    </row>
    <row r="198214" spans="14:14">
      <c r="N198214" s="10"/>
    </row>
    <row r="198215" spans="14:14">
      <c r="N198215" s="10"/>
    </row>
    <row r="198216" spans="14:14">
      <c r="N198216" s="10"/>
    </row>
    <row r="198217" spans="14:14">
      <c r="N198217" s="10"/>
    </row>
    <row r="198218" spans="14:14">
      <c r="N198218" s="10"/>
    </row>
    <row r="198219" spans="14:14">
      <c r="N198219" s="10"/>
    </row>
    <row r="198220" spans="14:14">
      <c r="N198220" s="10"/>
    </row>
    <row r="198221" spans="14:14">
      <c r="N198221" s="10"/>
    </row>
    <row r="198222" spans="14:14">
      <c r="N198222" s="10"/>
    </row>
    <row r="198223" spans="14:14">
      <c r="N198223" s="10"/>
    </row>
    <row r="198224" spans="14:14">
      <c r="N198224" s="10"/>
    </row>
    <row r="198225" spans="14:14">
      <c r="N198225" s="10"/>
    </row>
    <row r="198226" spans="14:14">
      <c r="N198226" s="10"/>
    </row>
    <row r="198227" spans="14:14">
      <c r="N198227" s="10"/>
    </row>
    <row r="198228" spans="14:14">
      <c r="N198228" s="10"/>
    </row>
    <row r="198229" spans="14:14">
      <c r="N198229" s="10"/>
    </row>
    <row r="198230" spans="14:14">
      <c r="N198230" s="10"/>
    </row>
    <row r="198231" spans="14:14">
      <c r="N198231" s="10"/>
    </row>
    <row r="198232" spans="14:14">
      <c r="N198232" s="10"/>
    </row>
    <row r="198233" spans="14:14">
      <c r="N198233" s="10"/>
    </row>
    <row r="198234" spans="14:14">
      <c r="N198234" s="10"/>
    </row>
    <row r="198235" spans="14:14">
      <c r="N198235" s="10"/>
    </row>
    <row r="198236" spans="14:14">
      <c r="N198236" s="10"/>
    </row>
    <row r="198237" spans="14:14">
      <c r="N198237" s="10"/>
    </row>
    <row r="198238" spans="14:14">
      <c r="N198238" s="10"/>
    </row>
    <row r="198239" spans="14:14">
      <c r="N198239" s="10"/>
    </row>
    <row r="198240" spans="14:14">
      <c r="N198240" s="10"/>
    </row>
    <row r="198241" spans="14:14">
      <c r="N198241" s="10"/>
    </row>
    <row r="198242" spans="14:14">
      <c r="N198242" s="10"/>
    </row>
    <row r="198243" spans="14:14">
      <c r="N198243" s="10"/>
    </row>
    <row r="198244" spans="14:14">
      <c r="N198244" s="10"/>
    </row>
    <row r="198245" spans="14:14">
      <c r="N198245" s="10"/>
    </row>
    <row r="198246" spans="14:14">
      <c r="N198246" s="10"/>
    </row>
    <row r="198247" spans="14:14">
      <c r="N198247" s="10"/>
    </row>
    <row r="198248" spans="14:14">
      <c r="N198248" s="10"/>
    </row>
    <row r="198249" spans="14:14">
      <c r="N198249" s="10"/>
    </row>
    <row r="198250" spans="14:14">
      <c r="N198250" s="10"/>
    </row>
    <row r="198251" spans="14:14">
      <c r="N198251" s="10"/>
    </row>
    <row r="198252" spans="14:14">
      <c r="N198252" s="10"/>
    </row>
    <row r="198253" spans="14:14">
      <c r="N198253" s="10"/>
    </row>
    <row r="198254" spans="14:14">
      <c r="N198254" s="10"/>
    </row>
    <row r="198255" spans="14:14">
      <c r="N198255" s="10"/>
    </row>
    <row r="198256" spans="14:14">
      <c r="N198256" s="10"/>
    </row>
    <row r="198257" spans="14:14">
      <c r="N198257" s="10"/>
    </row>
    <row r="198258" spans="14:14">
      <c r="N198258" s="10"/>
    </row>
    <row r="198259" spans="14:14">
      <c r="N198259" s="10"/>
    </row>
    <row r="198260" spans="14:14">
      <c r="N198260" s="10"/>
    </row>
    <row r="198261" spans="14:14">
      <c r="N198261" s="10"/>
    </row>
    <row r="198262" spans="14:14">
      <c r="N198262" s="10"/>
    </row>
    <row r="198263" spans="14:14">
      <c r="N198263" s="10"/>
    </row>
    <row r="198264" spans="14:14">
      <c r="N198264" s="10"/>
    </row>
    <row r="198265" spans="14:14">
      <c r="N198265" s="10"/>
    </row>
    <row r="198266" spans="14:14">
      <c r="N198266" s="10"/>
    </row>
    <row r="198267" spans="14:14">
      <c r="N198267" s="10"/>
    </row>
    <row r="198268" spans="14:14">
      <c r="N198268" s="10"/>
    </row>
    <row r="198269" spans="14:14">
      <c r="N198269" s="10"/>
    </row>
    <row r="198270" spans="14:14">
      <c r="N198270" s="10"/>
    </row>
    <row r="198271" spans="14:14">
      <c r="N198271" s="10"/>
    </row>
    <row r="198272" spans="14:14">
      <c r="N198272" s="10"/>
    </row>
    <row r="198273" spans="14:14">
      <c r="N198273" s="10"/>
    </row>
    <row r="198274" spans="14:14">
      <c r="N198274" s="10"/>
    </row>
    <row r="198275" spans="14:14">
      <c r="N198275" s="10"/>
    </row>
    <row r="198276" spans="14:14">
      <c r="N198276" s="10"/>
    </row>
    <row r="198277" spans="14:14">
      <c r="N198277" s="10"/>
    </row>
    <row r="198278" spans="14:14">
      <c r="N198278" s="10"/>
    </row>
    <row r="198279" spans="14:14">
      <c r="N198279" s="10"/>
    </row>
    <row r="198280" spans="14:14">
      <c r="N198280" s="10"/>
    </row>
    <row r="198281" spans="14:14">
      <c r="N198281" s="10"/>
    </row>
    <row r="198282" spans="14:14">
      <c r="N198282" s="10"/>
    </row>
    <row r="198283" spans="14:14">
      <c r="N198283" s="10"/>
    </row>
    <row r="198284" spans="14:14">
      <c r="N198284" s="10"/>
    </row>
    <row r="198285" spans="14:14">
      <c r="N198285" s="10"/>
    </row>
    <row r="198286" spans="14:14">
      <c r="N198286" s="10"/>
    </row>
    <row r="198287" spans="14:14">
      <c r="N198287" s="10"/>
    </row>
    <row r="198288" spans="14:14">
      <c r="N198288" s="10"/>
    </row>
    <row r="198289" spans="14:14">
      <c r="N198289" s="10"/>
    </row>
    <row r="198290" spans="14:14">
      <c r="N198290" s="10"/>
    </row>
    <row r="198291" spans="14:14">
      <c r="N198291" s="10"/>
    </row>
    <row r="198292" spans="14:14">
      <c r="N198292" s="10"/>
    </row>
    <row r="198293" spans="14:14">
      <c r="N198293" s="10"/>
    </row>
    <row r="198294" spans="14:14">
      <c r="N198294" s="10"/>
    </row>
    <row r="198295" spans="14:14">
      <c r="N198295" s="10"/>
    </row>
    <row r="198296" spans="14:14">
      <c r="N198296" s="10"/>
    </row>
    <row r="198297" spans="14:14">
      <c r="N198297" s="10"/>
    </row>
    <row r="198298" spans="14:14">
      <c r="N198298" s="10"/>
    </row>
    <row r="198299" spans="14:14">
      <c r="N198299" s="10"/>
    </row>
    <row r="198300" spans="14:14">
      <c r="N198300" s="10"/>
    </row>
    <row r="198301" spans="14:14">
      <c r="N198301" s="10"/>
    </row>
    <row r="198302" spans="14:14">
      <c r="N198302" s="10"/>
    </row>
    <row r="198303" spans="14:14">
      <c r="N198303" s="10"/>
    </row>
    <row r="198304" spans="14:14">
      <c r="N198304" s="10"/>
    </row>
    <row r="198305" spans="14:14">
      <c r="N198305" s="10"/>
    </row>
    <row r="198306" spans="14:14">
      <c r="N198306" s="10"/>
    </row>
    <row r="198307" spans="14:14">
      <c r="N198307" s="10"/>
    </row>
    <row r="198308" spans="14:14">
      <c r="N198308" s="10"/>
    </row>
    <row r="198309" spans="14:14">
      <c r="N198309" s="10"/>
    </row>
    <row r="198310" spans="14:14">
      <c r="N198310" s="10"/>
    </row>
    <row r="198311" spans="14:14">
      <c r="N198311" s="10"/>
    </row>
    <row r="198312" spans="14:14">
      <c r="N198312" s="10"/>
    </row>
    <row r="198313" spans="14:14">
      <c r="N198313" s="10"/>
    </row>
    <row r="198314" spans="14:14">
      <c r="N198314" s="10"/>
    </row>
    <row r="198315" spans="14:14">
      <c r="N198315" s="10"/>
    </row>
    <row r="198316" spans="14:14">
      <c r="N198316" s="10"/>
    </row>
    <row r="198317" spans="14:14">
      <c r="N198317" s="10"/>
    </row>
    <row r="198318" spans="14:14">
      <c r="N198318" s="10"/>
    </row>
    <row r="198319" spans="14:14">
      <c r="N198319" s="10"/>
    </row>
    <row r="198320" spans="14:14">
      <c r="N198320" s="10"/>
    </row>
    <row r="198321" spans="14:14">
      <c r="N198321" s="10"/>
    </row>
    <row r="198322" spans="14:14">
      <c r="N198322" s="10"/>
    </row>
    <row r="198323" spans="14:14">
      <c r="N198323" s="10"/>
    </row>
    <row r="198324" spans="14:14">
      <c r="N198324" s="10"/>
    </row>
    <row r="198325" spans="14:14">
      <c r="N198325" s="10"/>
    </row>
    <row r="198326" spans="14:14">
      <c r="N198326" s="10"/>
    </row>
    <row r="198327" spans="14:14">
      <c r="N198327" s="10"/>
    </row>
    <row r="198328" spans="14:14">
      <c r="N198328" s="10"/>
    </row>
    <row r="198329" spans="14:14">
      <c r="N198329" s="10"/>
    </row>
    <row r="198330" spans="14:14">
      <c r="N198330" s="10"/>
    </row>
    <row r="198331" spans="14:14">
      <c r="N198331" s="10"/>
    </row>
    <row r="198332" spans="14:14">
      <c r="N198332" s="10"/>
    </row>
    <row r="198333" spans="14:14">
      <c r="N198333" s="10"/>
    </row>
    <row r="198334" spans="14:14">
      <c r="N198334" s="10"/>
    </row>
    <row r="198335" spans="14:14">
      <c r="N198335" s="10"/>
    </row>
    <row r="198336" spans="14:14">
      <c r="N198336" s="10"/>
    </row>
    <row r="198337" spans="14:14">
      <c r="N198337" s="10"/>
    </row>
    <row r="198338" spans="14:14">
      <c r="N198338" s="10"/>
    </row>
    <row r="198339" spans="14:14">
      <c r="N198339" s="10"/>
    </row>
    <row r="198340" spans="14:14">
      <c r="N198340" s="10"/>
    </row>
    <row r="198341" spans="14:14">
      <c r="N198341" s="10"/>
    </row>
    <row r="198342" spans="14:14">
      <c r="N198342" s="10"/>
    </row>
    <row r="198343" spans="14:14">
      <c r="N198343" s="10"/>
    </row>
    <row r="198344" spans="14:14">
      <c r="N198344" s="10"/>
    </row>
    <row r="198345" spans="14:14">
      <c r="N198345" s="10"/>
    </row>
    <row r="198346" spans="14:14">
      <c r="N198346" s="10"/>
    </row>
    <row r="198347" spans="14:14">
      <c r="N198347" s="10"/>
    </row>
    <row r="198348" spans="14:14">
      <c r="N198348" s="10"/>
    </row>
    <row r="198349" spans="14:14">
      <c r="N198349" s="10"/>
    </row>
    <row r="198350" spans="14:14">
      <c r="N198350" s="10"/>
    </row>
    <row r="198351" spans="14:14">
      <c r="N198351" s="10"/>
    </row>
    <row r="198352" spans="14:14">
      <c r="N198352" s="10"/>
    </row>
    <row r="198353" spans="14:14">
      <c r="N198353" s="10"/>
    </row>
    <row r="198354" spans="14:14">
      <c r="N198354" s="10"/>
    </row>
    <row r="198355" spans="14:14">
      <c r="N198355" s="10"/>
    </row>
    <row r="198356" spans="14:14">
      <c r="N198356" s="10"/>
    </row>
    <row r="198357" spans="14:14">
      <c r="N198357" s="10"/>
    </row>
    <row r="198358" spans="14:14">
      <c r="N198358" s="10"/>
    </row>
    <row r="198359" spans="14:14">
      <c r="N198359" s="10"/>
    </row>
    <row r="198360" spans="14:14">
      <c r="N198360" s="10"/>
    </row>
    <row r="198361" spans="14:14">
      <c r="N198361" s="10"/>
    </row>
    <row r="198362" spans="14:14">
      <c r="N198362" s="10"/>
    </row>
    <row r="198363" spans="14:14">
      <c r="N198363" s="10"/>
    </row>
    <row r="198364" spans="14:14">
      <c r="N198364" s="10"/>
    </row>
    <row r="198365" spans="14:14">
      <c r="N198365" s="10"/>
    </row>
    <row r="198366" spans="14:14">
      <c r="N198366" s="10"/>
    </row>
    <row r="198367" spans="14:14">
      <c r="N198367" s="10"/>
    </row>
    <row r="198368" spans="14:14">
      <c r="N198368" s="10"/>
    </row>
    <row r="198369" spans="14:14">
      <c r="N198369" s="10"/>
    </row>
    <row r="198370" spans="14:14">
      <c r="N198370" s="10"/>
    </row>
    <row r="198371" spans="14:14">
      <c r="N198371" s="10"/>
    </row>
    <row r="198372" spans="14:14">
      <c r="N198372" s="10"/>
    </row>
    <row r="198373" spans="14:14">
      <c r="N198373" s="10"/>
    </row>
    <row r="198374" spans="14:14">
      <c r="N198374" s="10"/>
    </row>
    <row r="198375" spans="14:14">
      <c r="N198375" s="10"/>
    </row>
    <row r="198376" spans="14:14">
      <c r="N198376" s="10"/>
    </row>
    <row r="198377" spans="14:14">
      <c r="N198377" s="10"/>
    </row>
    <row r="198378" spans="14:14">
      <c r="N198378" s="10"/>
    </row>
    <row r="198379" spans="14:14">
      <c r="N198379" s="10"/>
    </row>
    <row r="198380" spans="14:14">
      <c r="N198380" s="10"/>
    </row>
    <row r="198381" spans="14:14">
      <c r="N198381" s="10"/>
    </row>
    <row r="198382" spans="14:14">
      <c r="N198382" s="10"/>
    </row>
    <row r="198383" spans="14:14">
      <c r="N198383" s="10"/>
    </row>
    <row r="198384" spans="14:14">
      <c r="N198384" s="10"/>
    </row>
    <row r="198385" spans="14:14">
      <c r="N198385" s="10"/>
    </row>
    <row r="198386" spans="14:14">
      <c r="N198386" s="10"/>
    </row>
    <row r="198387" spans="14:14">
      <c r="N198387" s="10"/>
    </row>
    <row r="198388" spans="14:14">
      <c r="N198388" s="10"/>
    </row>
    <row r="198389" spans="14:14">
      <c r="N198389" s="10"/>
    </row>
    <row r="198390" spans="14:14">
      <c r="N198390" s="10"/>
    </row>
    <row r="198391" spans="14:14">
      <c r="N198391" s="10"/>
    </row>
    <row r="198392" spans="14:14">
      <c r="N198392" s="10"/>
    </row>
    <row r="198393" spans="14:14">
      <c r="N198393" s="10"/>
    </row>
    <row r="198394" spans="14:14">
      <c r="N198394" s="10"/>
    </row>
    <row r="198395" spans="14:14">
      <c r="N198395" s="10"/>
    </row>
    <row r="198396" spans="14:14">
      <c r="N198396" s="10"/>
    </row>
    <row r="198397" spans="14:14">
      <c r="N198397" s="10"/>
    </row>
    <row r="198398" spans="14:14">
      <c r="N198398" s="10"/>
    </row>
    <row r="198399" spans="14:14">
      <c r="N198399" s="10"/>
    </row>
    <row r="198400" spans="14:14">
      <c r="N198400" s="10"/>
    </row>
    <row r="198401" spans="14:14">
      <c r="N198401" s="10"/>
    </row>
    <row r="198402" spans="14:14">
      <c r="N198402" s="10"/>
    </row>
    <row r="198403" spans="14:14">
      <c r="N198403" s="10"/>
    </row>
    <row r="198404" spans="14:14">
      <c r="N198404" s="10"/>
    </row>
    <row r="198405" spans="14:14">
      <c r="N198405" s="10"/>
    </row>
    <row r="198406" spans="14:14">
      <c r="N198406" s="10"/>
    </row>
    <row r="198407" spans="14:14">
      <c r="N198407" s="10"/>
    </row>
    <row r="198408" spans="14:14">
      <c r="N198408" s="10"/>
    </row>
    <row r="198409" spans="14:14">
      <c r="N198409" s="10"/>
    </row>
    <row r="198410" spans="14:14">
      <c r="N198410" s="10"/>
    </row>
    <row r="198411" spans="14:14">
      <c r="N198411" s="10"/>
    </row>
    <row r="198412" spans="14:14">
      <c r="N198412" s="10"/>
    </row>
    <row r="198413" spans="14:14">
      <c r="N198413" s="10"/>
    </row>
    <row r="198414" spans="14:14">
      <c r="N198414" s="10"/>
    </row>
    <row r="198415" spans="14:14">
      <c r="N198415" s="10"/>
    </row>
    <row r="198416" spans="14:14">
      <c r="N198416" s="10"/>
    </row>
    <row r="198417" spans="14:14">
      <c r="N198417" s="10"/>
    </row>
    <row r="198418" spans="14:14">
      <c r="N198418" s="10"/>
    </row>
    <row r="198419" spans="14:14">
      <c r="N198419" s="10"/>
    </row>
    <row r="198420" spans="14:14">
      <c r="N198420" s="10"/>
    </row>
    <row r="198421" spans="14:14">
      <c r="N198421" s="10"/>
    </row>
    <row r="198422" spans="14:14">
      <c r="N198422" s="10"/>
    </row>
    <row r="198423" spans="14:14">
      <c r="N198423" s="10"/>
    </row>
    <row r="198424" spans="14:14">
      <c r="N198424" s="10"/>
    </row>
    <row r="198425" spans="14:14">
      <c r="N198425" s="10"/>
    </row>
    <row r="198426" spans="14:14">
      <c r="N198426" s="10"/>
    </row>
    <row r="198427" spans="14:14">
      <c r="N198427" s="10"/>
    </row>
    <row r="198428" spans="14:14">
      <c r="N198428" s="10"/>
    </row>
    <row r="198429" spans="14:14">
      <c r="N198429" s="10"/>
    </row>
    <row r="198430" spans="14:14">
      <c r="N198430" s="10"/>
    </row>
    <row r="198431" spans="14:14">
      <c r="N198431" s="10"/>
    </row>
    <row r="198432" spans="14:14">
      <c r="N198432" s="10"/>
    </row>
    <row r="198433" spans="14:14">
      <c r="N198433" s="10"/>
    </row>
    <row r="198434" spans="14:14">
      <c r="N198434" s="10"/>
    </row>
    <row r="198435" spans="14:14">
      <c r="N198435" s="10"/>
    </row>
    <row r="198436" spans="14:14">
      <c r="N198436" s="10"/>
    </row>
    <row r="198437" spans="14:14">
      <c r="N198437" s="10"/>
    </row>
    <row r="198438" spans="14:14">
      <c r="N198438" s="10"/>
    </row>
    <row r="198439" spans="14:14">
      <c r="N198439" s="10"/>
    </row>
    <row r="198440" spans="14:14">
      <c r="N198440" s="10"/>
    </row>
    <row r="198441" spans="14:14">
      <c r="N198441" s="10"/>
    </row>
    <row r="198442" spans="14:14">
      <c r="N198442" s="10"/>
    </row>
    <row r="198443" spans="14:14">
      <c r="N198443" s="10"/>
    </row>
    <row r="198444" spans="14:14">
      <c r="N198444" s="10"/>
    </row>
    <row r="198445" spans="14:14">
      <c r="N198445" s="10"/>
    </row>
    <row r="198446" spans="14:14">
      <c r="N198446" s="10"/>
    </row>
    <row r="198447" spans="14:14">
      <c r="N198447" s="10"/>
    </row>
    <row r="198448" spans="14:14">
      <c r="N198448" s="10"/>
    </row>
    <row r="198449" spans="14:14">
      <c r="N198449" s="10"/>
    </row>
    <row r="198450" spans="14:14">
      <c r="N198450" s="10"/>
    </row>
    <row r="198451" spans="14:14">
      <c r="N198451" s="10"/>
    </row>
    <row r="198452" spans="14:14">
      <c r="N198452" s="10"/>
    </row>
    <row r="198453" spans="14:14">
      <c r="N198453" s="10"/>
    </row>
    <row r="198454" spans="14:14">
      <c r="N198454" s="10"/>
    </row>
    <row r="198455" spans="14:14">
      <c r="N198455" s="10"/>
    </row>
    <row r="198456" spans="14:14">
      <c r="N198456" s="10"/>
    </row>
    <row r="198457" spans="14:14">
      <c r="N198457" s="10"/>
    </row>
    <row r="198458" spans="14:14">
      <c r="N198458" s="10"/>
    </row>
    <row r="198459" spans="14:14">
      <c r="N198459" s="10"/>
    </row>
    <row r="198460" spans="14:14">
      <c r="N198460" s="10"/>
    </row>
    <row r="198461" spans="14:14">
      <c r="N198461" s="10"/>
    </row>
    <row r="198462" spans="14:14">
      <c r="N198462" s="10"/>
    </row>
    <row r="198463" spans="14:14">
      <c r="N198463" s="10"/>
    </row>
    <row r="198464" spans="14:14">
      <c r="N198464" s="10"/>
    </row>
    <row r="198465" spans="14:14">
      <c r="N198465" s="10"/>
    </row>
    <row r="198466" spans="14:14">
      <c r="N198466" s="10"/>
    </row>
    <row r="198467" spans="14:14">
      <c r="N198467" s="10"/>
    </row>
    <row r="198468" spans="14:14">
      <c r="N198468" s="10"/>
    </row>
    <row r="198469" spans="14:14">
      <c r="N198469" s="10"/>
    </row>
    <row r="198470" spans="14:14">
      <c r="N198470" s="10"/>
    </row>
    <row r="198471" spans="14:14">
      <c r="N198471" s="10"/>
    </row>
    <row r="198472" spans="14:14">
      <c r="N198472" s="10"/>
    </row>
    <row r="198473" spans="14:14">
      <c r="N198473" s="10"/>
    </row>
    <row r="198474" spans="14:14">
      <c r="N198474" s="10"/>
    </row>
    <row r="198475" spans="14:14">
      <c r="N198475" s="10"/>
    </row>
    <row r="198476" spans="14:14">
      <c r="N198476" s="10"/>
    </row>
    <row r="198477" spans="14:14">
      <c r="N198477" s="10"/>
    </row>
    <row r="198478" spans="14:14">
      <c r="N198478" s="10"/>
    </row>
    <row r="198479" spans="14:14">
      <c r="N198479" s="10"/>
    </row>
    <row r="198480" spans="14:14">
      <c r="N198480" s="10"/>
    </row>
    <row r="198481" spans="14:14">
      <c r="N198481" s="10"/>
    </row>
    <row r="198482" spans="14:14">
      <c r="N198482" s="10"/>
    </row>
    <row r="198483" spans="14:14">
      <c r="N198483" s="10"/>
    </row>
    <row r="198484" spans="14:14">
      <c r="N198484" s="10"/>
    </row>
    <row r="198485" spans="14:14">
      <c r="N198485" s="10"/>
    </row>
    <row r="198486" spans="14:14">
      <c r="N198486" s="10"/>
    </row>
    <row r="198487" spans="14:14">
      <c r="N198487" s="10"/>
    </row>
    <row r="198488" spans="14:14">
      <c r="N198488" s="10"/>
    </row>
    <row r="198489" spans="14:14">
      <c r="N198489" s="10"/>
    </row>
    <row r="198490" spans="14:14">
      <c r="N198490" s="10"/>
    </row>
    <row r="198491" spans="14:14">
      <c r="N198491" s="10"/>
    </row>
    <row r="198492" spans="14:14">
      <c r="N198492" s="10"/>
    </row>
    <row r="198493" spans="14:14">
      <c r="N198493" s="10"/>
    </row>
    <row r="198494" spans="14:14">
      <c r="N198494" s="10"/>
    </row>
    <row r="198495" spans="14:14">
      <c r="N198495" s="10"/>
    </row>
    <row r="198496" spans="14:14">
      <c r="N198496" s="10"/>
    </row>
    <row r="198497" spans="14:14">
      <c r="N198497" s="10"/>
    </row>
    <row r="198498" spans="14:14">
      <c r="N198498" s="10"/>
    </row>
    <row r="198499" spans="14:14">
      <c r="N198499" s="10"/>
    </row>
    <row r="198500" spans="14:14">
      <c r="N198500" s="10"/>
    </row>
    <row r="198501" spans="14:14">
      <c r="N198501" s="10"/>
    </row>
    <row r="198502" spans="14:14">
      <c r="N198502" s="10"/>
    </row>
    <row r="198503" spans="14:14">
      <c r="N198503" s="10"/>
    </row>
    <row r="198504" spans="14:14">
      <c r="N198504" s="10"/>
    </row>
    <row r="198505" spans="14:14">
      <c r="N198505" s="10"/>
    </row>
    <row r="198506" spans="14:14">
      <c r="N198506" s="10"/>
    </row>
    <row r="198507" spans="14:14">
      <c r="N198507" s="10"/>
    </row>
    <row r="198508" spans="14:14">
      <c r="N198508" s="10"/>
    </row>
    <row r="198509" spans="14:14">
      <c r="N198509" s="10"/>
    </row>
    <row r="198510" spans="14:14">
      <c r="N198510" s="10"/>
    </row>
    <row r="198511" spans="14:14">
      <c r="N198511" s="10"/>
    </row>
    <row r="198512" spans="14:14">
      <c r="N198512" s="10"/>
    </row>
    <row r="198513" spans="14:14">
      <c r="N198513" s="10"/>
    </row>
    <row r="198514" spans="14:14">
      <c r="N198514" s="10"/>
    </row>
    <row r="198515" spans="14:14">
      <c r="N198515" s="10"/>
    </row>
    <row r="198516" spans="14:14">
      <c r="N198516" s="10"/>
    </row>
    <row r="198517" spans="14:14">
      <c r="N198517" s="10"/>
    </row>
    <row r="198518" spans="14:14">
      <c r="N198518" s="10"/>
    </row>
    <row r="198519" spans="14:14">
      <c r="N198519" s="10"/>
    </row>
    <row r="198520" spans="14:14">
      <c r="N198520" s="10"/>
    </row>
    <row r="198521" spans="14:14">
      <c r="N198521" s="10"/>
    </row>
    <row r="198522" spans="14:14">
      <c r="N198522" s="10"/>
    </row>
    <row r="198523" spans="14:14">
      <c r="N198523" s="10"/>
    </row>
    <row r="198524" spans="14:14">
      <c r="N198524" s="10"/>
    </row>
    <row r="198525" spans="14:14">
      <c r="N198525" s="10"/>
    </row>
    <row r="198526" spans="14:14">
      <c r="N198526" s="10"/>
    </row>
    <row r="198527" spans="14:14">
      <c r="N198527" s="10"/>
    </row>
    <row r="198528" spans="14:14">
      <c r="N198528" s="10"/>
    </row>
    <row r="198529" spans="14:14">
      <c r="N198529" s="10"/>
    </row>
    <row r="198530" spans="14:14">
      <c r="N198530" s="10"/>
    </row>
    <row r="198531" spans="14:14">
      <c r="N198531" s="10"/>
    </row>
    <row r="198532" spans="14:14">
      <c r="N198532" s="10"/>
    </row>
    <row r="198533" spans="14:14">
      <c r="N198533" s="10"/>
    </row>
    <row r="198534" spans="14:14">
      <c r="N198534" s="10"/>
    </row>
    <row r="198535" spans="14:14">
      <c r="N198535" s="10"/>
    </row>
    <row r="198536" spans="14:14">
      <c r="N198536" s="10"/>
    </row>
    <row r="198537" spans="14:14">
      <c r="N198537" s="10"/>
    </row>
    <row r="198538" spans="14:14">
      <c r="N198538" s="10"/>
    </row>
    <row r="198539" spans="14:14">
      <c r="N198539" s="10"/>
    </row>
    <row r="198540" spans="14:14">
      <c r="N198540" s="10"/>
    </row>
    <row r="198541" spans="14:14">
      <c r="N198541" s="10"/>
    </row>
    <row r="198542" spans="14:14">
      <c r="N198542" s="10"/>
    </row>
    <row r="198543" spans="14:14">
      <c r="N198543" s="10"/>
    </row>
    <row r="198544" spans="14:14">
      <c r="N198544" s="10"/>
    </row>
    <row r="198545" spans="14:14">
      <c r="N198545" s="10"/>
    </row>
    <row r="198546" spans="14:14">
      <c r="N198546" s="10"/>
    </row>
    <row r="198547" spans="14:14">
      <c r="N198547" s="10"/>
    </row>
    <row r="198548" spans="14:14">
      <c r="N198548" s="10"/>
    </row>
    <row r="198549" spans="14:14">
      <c r="N198549" s="10"/>
    </row>
    <row r="198550" spans="14:14">
      <c r="N198550" s="10"/>
    </row>
    <row r="198551" spans="14:14">
      <c r="N198551" s="10"/>
    </row>
    <row r="198552" spans="14:14">
      <c r="N198552" s="10"/>
    </row>
    <row r="198553" spans="14:14">
      <c r="N198553" s="10"/>
    </row>
    <row r="198554" spans="14:14">
      <c r="N198554" s="10"/>
    </row>
    <row r="198555" spans="14:14">
      <c r="N198555" s="10"/>
    </row>
    <row r="198556" spans="14:14">
      <c r="N198556" s="10"/>
    </row>
    <row r="198557" spans="14:14">
      <c r="N198557" s="10"/>
    </row>
    <row r="198558" spans="14:14">
      <c r="N198558" s="10"/>
    </row>
    <row r="198559" spans="14:14">
      <c r="N198559" s="10"/>
    </row>
    <row r="198560" spans="14:14">
      <c r="N198560" s="10"/>
    </row>
    <row r="198561" spans="14:14">
      <c r="N198561" s="10"/>
    </row>
    <row r="198562" spans="14:14">
      <c r="N198562" s="10"/>
    </row>
    <row r="198563" spans="14:14">
      <c r="N198563" s="10"/>
    </row>
    <row r="198564" spans="14:14">
      <c r="N198564" s="10"/>
    </row>
    <row r="198565" spans="14:14">
      <c r="N198565" s="10"/>
    </row>
    <row r="198566" spans="14:14">
      <c r="N198566" s="10"/>
    </row>
    <row r="198567" spans="14:14">
      <c r="N198567" s="10"/>
    </row>
    <row r="198568" spans="14:14">
      <c r="N198568" s="10"/>
    </row>
    <row r="198569" spans="14:14">
      <c r="N198569" s="10"/>
    </row>
    <row r="198570" spans="14:14">
      <c r="N198570" s="10"/>
    </row>
    <row r="198571" spans="14:14">
      <c r="N198571" s="10"/>
    </row>
    <row r="198572" spans="14:14">
      <c r="N198572" s="10"/>
    </row>
    <row r="198573" spans="14:14">
      <c r="N198573" s="10"/>
    </row>
    <row r="198574" spans="14:14">
      <c r="N198574" s="10"/>
    </row>
    <row r="198575" spans="14:14">
      <c r="N198575" s="10"/>
    </row>
    <row r="198576" spans="14:14">
      <c r="N198576" s="10"/>
    </row>
    <row r="198577" spans="14:14">
      <c r="N198577" s="10"/>
    </row>
    <row r="198578" spans="14:14">
      <c r="N198578" s="10"/>
    </row>
    <row r="198579" spans="14:14">
      <c r="N198579" s="10"/>
    </row>
    <row r="198580" spans="14:14">
      <c r="N198580" s="10"/>
    </row>
    <row r="198581" spans="14:14">
      <c r="N198581" s="10"/>
    </row>
    <row r="198582" spans="14:14">
      <c r="N198582" s="10"/>
    </row>
    <row r="198583" spans="14:14">
      <c r="N198583" s="10"/>
    </row>
    <row r="198584" spans="14:14">
      <c r="N198584" s="10"/>
    </row>
    <row r="198585" spans="14:14">
      <c r="N198585" s="10"/>
    </row>
    <row r="198586" spans="14:14">
      <c r="N198586" s="10"/>
    </row>
    <row r="198587" spans="14:14">
      <c r="N198587" s="10"/>
    </row>
    <row r="198588" spans="14:14">
      <c r="N198588" s="10"/>
    </row>
    <row r="198589" spans="14:14">
      <c r="N198589" s="10"/>
    </row>
    <row r="198590" spans="14:14">
      <c r="N198590" s="10"/>
    </row>
    <row r="198591" spans="14:14">
      <c r="N198591" s="10"/>
    </row>
    <row r="198592" spans="14:14">
      <c r="N198592" s="10"/>
    </row>
    <row r="198593" spans="14:14">
      <c r="N198593" s="10"/>
    </row>
    <row r="198594" spans="14:14">
      <c r="N198594" s="10"/>
    </row>
    <row r="198595" spans="14:14">
      <c r="N198595" s="10"/>
    </row>
    <row r="198596" spans="14:14">
      <c r="N198596" s="10"/>
    </row>
    <row r="198597" spans="14:14">
      <c r="N198597" s="10"/>
    </row>
    <row r="198598" spans="14:14">
      <c r="N198598" s="10"/>
    </row>
    <row r="198599" spans="14:14">
      <c r="N198599" s="10"/>
    </row>
    <row r="198600" spans="14:14">
      <c r="N198600" s="10"/>
    </row>
    <row r="198601" spans="14:14">
      <c r="N198601" s="10"/>
    </row>
    <row r="198602" spans="14:14">
      <c r="N198602" s="10"/>
    </row>
    <row r="198603" spans="14:14">
      <c r="N198603" s="10"/>
    </row>
    <row r="198604" spans="14:14">
      <c r="N198604" s="10"/>
    </row>
    <row r="198605" spans="14:14">
      <c r="N198605" s="10"/>
    </row>
    <row r="198606" spans="14:14">
      <c r="N198606" s="10"/>
    </row>
    <row r="198607" spans="14:14">
      <c r="N198607" s="10"/>
    </row>
    <row r="198608" spans="14:14">
      <c r="N198608" s="10"/>
    </row>
    <row r="198609" spans="14:14">
      <c r="N198609" s="10"/>
    </row>
    <row r="198610" spans="14:14">
      <c r="N198610" s="10"/>
    </row>
    <row r="198611" spans="14:14">
      <c r="N198611" s="10"/>
    </row>
    <row r="198612" spans="14:14">
      <c r="N198612" s="10"/>
    </row>
    <row r="198613" spans="14:14">
      <c r="N198613" s="10"/>
    </row>
    <row r="198614" spans="14:14">
      <c r="N198614" s="10"/>
    </row>
    <row r="198615" spans="14:14">
      <c r="N198615" s="10"/>
    </row>
    <row r="198616" spans="14:14">
      <c r="N198616" s="10"/>
    </row>
    <row r="198617" spans="14:14">
      <c r="N198617" s="10"/>
    </row>
    <row r="198618" spans="14:14">
      <c r="N198618" s="10"/>
    </row>
    <row r="198619" spans="14:14">
      <c r="N198619" s="10"/>
    </row>
    <row r="198620" spans="14:14">
      <c r="N198620" s="10"/>
    </row>
    <row r="198621" spans="14:14">
      <c r="N198621" s="10"/>
    </row>
    <row r="198622" spans="14:14">
      <c r="N198622" s="10"/>
    </row>
    <row r="198623" spans="14:14">
      <c r="N198623" s="10"/>
    </row>
    <row r="198624" spans="14:14">
      <c r="N198624" s="10"/>
    </row>
    <row r="198625" spans="14:14">
      <c r="N198625" s="10"/>
    </row>
    <row r="198626" spans="14:14">
      <c r="N198626" s="10"/>
    </row>
    <row r="198627" spans="14:14">
      <c r="N198627" s="10"/>
    </row>
    <row r="198628" spans="14:14">
      <c r="N198628" s="10"/>
    </row>
    <row r="198629" spans="14:14">
      <c r="N198629" s="10"/>
    </row>
    <row r="198630" spans="14:14">
      <c r="N198630" s="10"/>
    </row>
    <row r="198631" spans="14:14">
      <c r="N198631" s="10"/>
    </row>
    <row r="198632" spans="14:14">
      <c r="N198632" s="10"/>
    </row>
    <row r="198633" spans="14:14">
      <c r="N198633" s="10"/>
    </row>
    <row r="198634" spans="14:14">
      <c r="N198634" s="10"/>
    </row>
    <row r="198635" spans="14:14">
      <c r="N198635" s="10"/>
    </row>
    <row r="198636" spans="14:14">
      <c r="N198636" s="10"/>
    </row>
    <row r="198637" spans="14:14">
      <c r="N198637" s="10"/>
    </row>
    <row r="198638" spans="14:14">
      <c r="N198638" s="10"/>
    </row>
    <row r="198639" spans="14:14">
      <c r="N198639" s="10"/>
    </row>
    <row r="198640" spans="14:14">
      <c r="N198640" s="10"/>
    </row>
    <row r="198641" spans="14:14">
      <c r="N198641" s="10"/>
    </row>
    <row r="198642" spans="14:14">
      <c r="N198642" s="10"/>
    </row>
    <row r="198643" spans="14:14">
      <c r="N198643" s="10"/>
    </row>
    <row r="198644" spans="14:14">
      <c r="N198644" s="10"/>
    </row>
    <row r="198645" spans="14:14">
      <c r="N198645" s="10"/>
    </row>
    <row r="198646" spans="14:14">
      <c r="N198646" s="10"/>
    </row>
    <row r="198647" spans="14:14">
      <c r="N198647" s="10"/>
    </row>
    <row r="198648" spans="14:14">
      <c r="N198648" s="10"/>
    </row>
    <row r="198649" spans="14:14">
      <c r="N198649" s="10"/>
    </row>
    <row r="198650" spans="14:14">
      <c r="N198650" s="10"/>
    </row>
    <row r="198651" spans="14:14">
      <c r="N198651" s="10"/>
    </row>
    <row r="198652" spans="14:14">
      <c r="N198652" s="10"/>
    </row>
    <row r="198653" spans="14:14">
      <c r="N198653" s="10"/>
    </row>
    <row r="198654" spans="14:14">
      <c r="N198654" s="10"/>
    </row>
    <row r="198655" spans="14:14">
      <c r="N198655" s="10"/>
    </row>
    <row r="198656" spans="14:14">
      <c r="N198656" s="10"/>
    </row>
    <row r="198657" spans="14:14">
      <c r="N198657" s="10"/>
    </row>
    <row r="198658" spans="14:14">
      <c r="N198658" s="10"/>
    </row>
    <row r="198659" spans="14:14">
      <c r="N198659" s="10"/>
    </row>
    <row r="198660" spans="14:14">
      <c r="N198660" s="10"/>
    </row>
    <row r="198661" spans="14:14">
      <c r="N198661" s="10"/>
    </row>
    <row r="198662" spans="14:14">
      <c r="N198662" s="10"/>
    </row>
    <row r="198663" spans="14:14">
      <c r="N198663" s="10"/>
    </row>
    <row r="198664" spans="14:14">
      <c r="N198664" s="10"/>
    </row>
    <row r="198665" spans="14:14">
      <c r="N198665" s="10"/>
    </row>
    <row r="198666" spans="14:14">
      <c r="N198666" s="10"/>
    </row>
    <row r="198667" spans="14:14">
      <c r="N198667" s="10"/>
    </row>
    <row r="198668" spans="14:14">
      <c r="N198668" s="10"/>
    </row>
    <row r="198669" spans="14:14">
      <c r="N198669" s="10"/>
    </row>
    <row r="198670" spans="14:14">
      <c r="N198670" s="10"/>
    </row>
    <row r="198671" spans="14:14">
      <c r="N198671" s="10"/>
    </row>
    <row r="198672" spans="14:14">
      <c r="N198672" s="10"/>
    </row>
    <row r="198673" spans="14:14">
      <c r="N198673" s="10"/>
    </row>
    <row r="198674" spans="14:14">
      <c r="N198674" s="10"/>
    </row>
    <row r="198675" spans="14:14">
      <c r="N198675" s="10"/>
    </row>
    <row r="198676" spans="14:14">
      <c r="N198676" s="10"/>
    </row>
    <row r="198677" spans="14:14">
      <c r="N198677" s="10"/>
    </row>
    <row r="198678" spans="14:14">
      <c r="N198678" s="10"/>
    </row>
    <row r="198679" spans="14:14">
      <c r="N198679" s="10"/>
    </row>
    <row r="198680" spans="14:14">
      <c r="N198680" s="10"/>
    </row>
    <row r="198681" spans="14:14">
      <c r="N198681" s="10"/>
    </row>
    <row r="198682" spans="14:14">
      <c r="N198682" s="10"/>
    </row>
    <row r="198683" spans="14:14">
      <c r="N198683" s="10"/>
    </row>
    <row r="198684" spans="14:14">
      <c r="N198684" s="10"/>
    </row>
    <row r="198685" spans="14:14">
      <c r="N198685" s="10"/>
    </row>
    <row r="198686" spans="14:14">
      <c r="N198686" s="10"/>
    </row>
    <row r="198687" spans="14:14">
      <c r="N198687" s="10"/>
    </row>
    <row r="198688" spans="14:14">
      <c r="N198688" s="10"/>
    </row>
    <row r="198689" spans="14:14">
      <c r="N198689" s="10"/>
    </row>
    <row r="198690" spans="14:14">
      <c r="N198690" s="10"/>
    </row>
    <row r="198691" spans="14:14">
      <c r="N198691" s="10"/>
    </row>
    <row r="198692" spans="14:14">
      <c r="N198692" s="10"/>
    </row>
    <row r="198693" spans="14:14">
      <c r="N198693" s="10"/>
    </row>
    <row r="198694" spans="14:14">
      <c r="N198694" s="10"/>
    </row>
    <row r="198695" spans="14:14">
      <c r="N198695" s="10"/>
    </row>
    <row r="198696" spans="14:14">
      <c r="N198696" s="10"/>
    </row>
    <row r="198697" spans="14:14">
      <c r="N198697" s="10"/>
    </row>
    <row r="198698" spans="14:14">
      <c r="N198698" s="10"/>
    </row>
    <row r="198699" spans="14:14">
      <c r="N198699" s="10"/>
    </row>
    <row r="198700" spans="14:14">
      <c r="N198700" s="10"/>
    </row>
    <row r="198701" spans="14:14">
      <c r="N198701" s="10"/>
    </row>
    <row r="198702" spans="14:14">
      <c r="N198702" s="10"/>
    </row>
    <row r="198703" spans="14:14">
      <c r="N198703" s="10"/>
    </row>
    <row r="198704" spans="14:14">
      <c r="N198704" s="10"/>
    </row>
    <row r="198705" spans="14:14">
      <c r="N198705" s="10"/>
    </row>
    <row r="198706" spans="14:14">
      <c r="N198706" s="10"/>
    </row>
    <row r="198707" spans="14:14">
      <c r="N198707" s="10"/>
    </row>
    <row r="198708" spans="14:14">
      <c r="N198708" s="10"/>
    </row>
    <row r="198709" spans="14:14">
      <c r="N198709" s="10"/>
    </row>
    <row r="198710" spans="14:14">
      <c r="N198710" s="10"/>
    </row>
    <row r="198711" spans="14:14">
      <c r="N198711" s="10"/>
    </row>
    <row r="198712" spans="14:14">
      <c r="N198712" s="10"/>
    </row>
    <row r="198713" spans="14:14">
      <c r="N198713" s="10"/>
    </row>
    <row r="198714" spans="14:14">
      <c r="N198714" s="10"/>
    </row>
    <row r="198715" spans="14:14">
      <c r="N198715" s="10"/>
    </row>
    <row r="198716" spans="14:14">
      <c r="N198716" s="10"/>
    </row>
    <row r="198717" spans="14:14">
      <c r="N198717" s="10"/>
    </row>
    <row r="198718" spans="14:14">
      <c r="N198718" s="10"/>
    </row>
    <row r="198719" spans="14:14">
      <c r="N198719" s="10"/>
    </row>
    <row r="198720" spans="14:14">
      <c r="N198720" s="10"/>
    </row>
    <row r="198721" spans="14:14">
      <c r="N198721" s="10"/>
    </row>
    <row r="198722" spans="14:14">
      <c r="N198722" s="10"/>
    </row>
    <row r="198723" spans="14:14">
      <c r="N198723" s="10"/>
    </row>
    <row r="198724" spans="14:14">
      <c r="N198724" s="10"/>
    </row>
    <row r="198725" spans="14:14">
      <c r="N198725" s="10"/>
    </row>
    <row r="198726" spans="14:14">
      <c r="N198726" s="10"/>
    </row>
    <row r="198727" spans="14:14">
      <c r="N198727" s="10"/>
    </row>
    <row r="198728" spans="14:14">
      <c r="N198728" s="10"/>
    </row>
    <row r="198729" spans="14:14">
      <c r="N198729" s="10"/>
    </row>
    <row r="198730" spans="14:14">
      <c r="N198730" s="10"/>
    </row>
    <row r="198731" spans="14:14">
      <c r="N198731" s="10"/>
    </row>
    <row r="198732" spans="14:14">
      <c r="N198732" s="10"/>
    </row>
    <row r="198733" spans="14:14">
      <c r="N198733" s="10"/>
    </row>
    <row r="198734" spans="14:14">
      <c r="N198734" s="10"/>
    </row>
    <row r="198735" spans="14:14">
      <c r="N198735" s="10"/>
    </row>
    <row r="198736" spans="14:14">
      <c r="N198736" s="10"/>
    </row>
    <row r="198737" spans="14:14">
      <c r="N198737" s="10"/>
    </row>
    <row r="198738" spans="14:14">
      <c r="N198738" s="10"/>
    </row>
    <row r="198739" spans="14:14">
      <c r="N198739" s="10"/>
    </row>
    <row r="198740" spans="14:14">
      <c r="N198740" s="10"/>
    </row>
    <row r="198741" spans="14:14">
      <c r="N198741" s="10"/>
    </row>
    <row r="198742" spans="14:14">
      <c r="N198742" s="10"/>
    </row>
    <row r="198743" spans="14:14">
      <c r="N198743" s="10"/>
    </row>
    <row r="198744" spans="14:14">
      <c r="N198744" s="10"/>
    </row>
    <row r="198745" spans="14:14">
      <c r="N198745" s="10"/>
    </row>
    <row r="198746" spans="14:14">
      <c r="N198746" s="10"/>
    </row>
    <row r="198747" spans="14:14">
      <c r="N198747" s="10"/>
    </row>
    <row r="198748" spans="14:14">
      <c r="N198748" s="10"/>
    </row>
    <row r="198749" spans="14:14">
      <c r="N198749" s="10"/>
    </row>
    <row r="198750" spans="14:14">
      <c r="N198750" s="10"/>
    </row>
    <row r="198751" spans="14:14">
      <c r="N198751" s="10"/>
    </row>
    <row r="198752" spans="14:14">
      <c r="N198752" s="10"/>
    </row>
    <row r="198753" spans="14:14">
      <c r="N198753" s="10"/>
    </row>
    <row r="198754" spans="14:14">
      <c r="N198754" s="10"/>
    </row>
    <row r="198755" spans="14:14">
      <c r="N198755" s="10"/>
    </row>
    <row r="198756" spans="14:14">
      <c r="N198756" s="10"/>
    </row>
    <row r="198757" spans="14:14">
      <c r="N198757" s="10"/>
    </row>
    <row r="198758" spans="14:14">
      <c r="N198758" s="10"/>
    </row>
    <row r="198759" spans="14:14">
      <c r="N198759" s="10"/>
    </row>
    <row r="198760" spans="14:14">
      <c r="N198760" s="10"/>
    </row>
    <row r="198761" spans="14:14">
      <c r="N198761" s="10"/>
    </row>
    <row r="198762" spans="14:14">
      <c r="N198762" s="10"/>
    </row>
    <row r="198763" spans="14:14">
      <c r="N198763" s="10"/>
    </row>
    <row r="198764" spans="14:14">
      <c r="N198764" s="10"/>
    </row>
    <row r="198765" spans="14:14">
      <c r="N198765" s="10"/>
    </row>
    <row r="198766" spans="14:14">
      <c r="N198766" s="10"/>
    </row>
    <row r="198767" spans="14:14">
      <c r="N198767" s="10"/>
    </row>
    <row r="198768" spans="14:14">
      <c r="N198768" s="10"/>
    </row>
    <row r="198769" spans="14:14">
      <c r="N198769" s="10"/>
    </row>
    <row r="198770" spans="14:14">
      <c r="N198770" s="10"/>
    </row>
    <row r="198771" spans="14:14">
      <c r="N198771" s="10"/>
    </row>
    <row r="198772" spans="14:14">
      <c r="N198772" s="10"/>
    </row>
    <row r="198773" spans="14:14">
      <c r="N198773" s="10"/>
    </row>
    <row r="198774" spans="14:14">
      <c r="N198774" s="10"/>
    </row>
    <row r="198775" spans="14:14">
      <c r="N198775" s="10"/>
    </row>
    <row r="198776" spans="14:14">
      <c r="N198776" s="10"/>
    </row>
    <row r="198777" spans="14:14">
      <c r="N198777" s="10"/>
    </row>
    <row r="198778" spans="14:14">
      <c r="N198778" s="10"/>
    </row>
    <row r="198779" spans="14:14">
      <c r="N198779" s="10"/>
    </row>
    <row r="198780" spans="14:14">
      <c r="N198780" s="10"/>
    </row>
    <row r="198781" spans="14:14">
      <c r="N198781" s="10"/>
    </row>
    <row r="198782" spans="14:14">
      <c r="N198782" s="10"/>
    </row>
    <row r="198783" spans="14:14">
      <c r="N198783" s="10"/>
    </row>
    <row r="198784" spans="14:14">
      <c r="N198784" s="10"/>
    </row>
    <row r="198785" spans="14:14">
      <c r="N198785" s="10"/>
    </row>
    <row r="198786" spans="14:14">
      <c r="N198786" s="10"/>
    </row>
    <row r="198787" spans="14:14">
      <c r="N198787" s="10"/>
    </row>
    <row r="198788" spans="14:14">
      <c r="N198788" s="10"/>
    </row>
    <row r="198789" spans="14:14">
      <c r="N198789" s="10"/>
    </row>
    <row r="198790" spans="14:14">
      <c r="N198790" s="10"/>
    </row>
    <row r="198791" spans="14:14">
      <c r="N198791" s="10"/>
    </row>
    <row r="198792" spans="14:14">
      <c r="N198792" s="10"/>
    </row>
    <row r="198793" spans="14:14">
      <c r="N198793" s="10"/>
    </row>
    <row r="198794" spans="14:14">
      <c r="N198794" s="10"/>
    </row>
    <row r="198795" spans="14:14">
      <c r="N198795" s="10"/>
    </row>
    <row r="198796" spans="14:14">
      <c r="N198796" s="10"/>
    </row>
    <row r="198797" spans="14:14">
      <c r="N198797" s="10"/>
    </row>
    <row r="198798" spans="14:14">
      <c r="N198798" s="10"/>
    </row>
    <row r="198799" spans="14:14">
      <c r="N198799" s="10"/>
    </row>
    <row r="198800" spans="14:14">
      <c r="N198800" s="10"/>
    </row>
    <row r="198801" spans="14:14">
      <c r="N198801" s="10"/>
    </row>
    <row r="198802" spans="14:14">
      <c r="N198802" s="10"/>
    </row>
    <row r="198803" spans="14:14">
      <c r="N198803" s="10"/>
    </row>
    <row r="198804" spans="14:14">
      <c r="N198804" s="10"/>
    </row>
    <row r="198805" spans="14:14">
      <c r="N198805" s="10"/>
    </row>
    <row r="198806" spans="14:14">
      <c r="N198806" s="10"/>
    </row>
    <row r="198807" spans="14:14">
      <c r="N198807" s="10"/>
    </row>
    <row r="198808" spans="14:14">
      <c r="N198808" s="10"/>
    </row>
    <row r="198809" spans="14:14">
      <c r="N198809" s="10"/>
    </row>
    <row r="198810" spans="14:14">
      <c r="N198810" s="10"/>
    </row>
    <row r="198811" spans="14:14">
      <c r="N198811" s="10"/>
    </row>
    <row r="198812" spans="14:14">
      <c r="N198812" s="10"/>
    </row>
    <row r="198813" spans="14:14">
      <c r="N198813" s="10"/>
    </row>
    <row r="198814" spans="14:14">
      <c r="N198814" s="10"/>
    </row>
    <row r="198815" spans="14:14">
      <c r="N198815" s="10"/>
    </row>
    <row r="198816" spans="14:14">
      <c r="N198816" s="10"/>
    </row>
    <row r="198817" spans="14:14">
      <c r="N198817" s="10"/>
    </row>
    <row r="198818" spans="14:14">
      <c r="N198818" s="10"/>
    </row>
    <row r="198819" spans="14:14">
      <c r="N198819" s="10"/>
    </row>
    <row r="198820" spans="14:14">
      <c r="N198820" s="10"/>
    </row>
    <row r="198821" spans="14:14">
      <c r="N198821" s="10"/>
    </row>
    <row r="198822" spans="14:14">
      <c r="N198822" s="10"/>
    </row>
    <row r="198823" spans="14:14">
      <c r="N198823" s="10"/>
    </row>
    <row r="198824" spans="14:14">
      <c r="N198824" s="10"/>
    </row>
    <row r="198825" spans="14:14">
      <c r="N198825" s="10"/>
    </row>
    <row r="198826" spans="14:14">
      <c r="N198826" s="10"/>
    </row>
    <row r="198827" spans="14:14">
      <c r="N198827" s="10"/>
    </row>
    <row r="198828" spans="14:14">
      <c r="N198828" s="10"/>
    </row>
    <row r="198829" spans="14:14">
      <c r="N198829" s="10"/>
    </row>
    <row r="198830" spans="14:14">
      <c r="N198830" s="10"/>
    </row>
    <row r="198831" spans="14:14">
      <c r="N198831" s="10"/>
    </row>
    <row r="198832" spans="14:14">
      <c r="N198832" s="10"/>
    </row>
    <row r="198833" spans="14:14">
      <c r="N198833" s="10"/>
    </row>
    <row r="198834" spans="14:14">
      <c r="N198834" s="10"/>
    </row>
    <row r="198835" spans="14:14">
      <c r="N198835" s="10"/>
    </row>
    <row r="198836" spans="14:14">
      <c r="N198836" s="10"/>
    </row>
    <row r="198837" spans="14:14">
      <c r="N198837" s="10"/>
    </row>
    <row r="198838" spans="14:14">
      <c r="N198838" s="10"/>
    </row>
    <row r="198839" spans="14:14">
      <c r="N198839" s="10"/>
    </row>
    <row r="198840" spans="14:14">
      <c r="N198840" s="10"/>
    </row>
    <row r="198841" spans="14:14">
      <c r="N198841" s="10"/>
    </row>
    <row r="198842" spans="14:14">
      <c r="N198842" s="10"/>
    </row>
    <row r="198843" spans="14:14">
      <c r="N198843" s="10"/>
    </row>
    <row r="198844" spans="14:14">
      <c r="N198844" s="10"/>
    </row>
    <row r="198845" spans="14:14">
      <c r="N198845" s="10"/>
    </row>
    <row r="198846" spans="14:14">
      <c r="N198846" s="10"/>
    </row>
    <row r="198847" spans="14:14">
      <c r="N198847" s="10"/>
    </row>
    <row r="198848" spans="14:14">
      <c r="N198848" s="10"/>
    </row>
    <row r="198849" spans="14:14">
      <c r="N198849" s="10"/>
    </row>
    <row r="198850" spans="14:14">
      <c r="N198850" s="10"/>
    </row>
    <row r="198851" spans="14:14">
      <c r="N198851" s="10"/>
    </row>
    <row r="198852" spans="14:14">
      <c r="N198852" s="10"/>
    </row>
    <row r="198853" spans="14:14">
      <c r="N198853" s="10"/>
    </row>
    <row r="198854" spans="14:14">
      <c r="N198854" s="10"/>
    </row>
    <row r="198855" spans="14:14">
      <c r="N198855" s="10"/>
    </row>
    <row r="198856" spans="14:14">
      <c r="N198856" s="10"/>
    </row>
    <row r="198857" spans="14:14">
      <c r="N198857" s="10"/>
    </row>
    <row r="198858" spans="14:14">
      <c r="N198858" s="10"/>
    </row>
    <row r="198859" spans="14:14">
      <c r="N198859" s="10"/>
    </row>
    <row r="198860" spans="14:14">
      <c r="N198860" s="10"/>
    </row>
    <row r="198861" spans="14:14">
      <c r="N198861" s="10"/>
    </row>
    <row r="198862" spans="14:14">
      <c r="N198862" s="10"/>
    </row>
    <row r="198863" spans="14:14">
      <c r="N198863" s="10"/>
    </row>
    <row r="198864" spans="14:14">
      <c r="N198864" s="10"/>
    </row>
    <row r="198865" spans="14:14">
      <c r="N198865" s="10"/>
    </row>
    <row r="198866" spans="14:14">
      <c r="N198866" s="10"/>
    </row>
    <row r="198867" spans="14:14">
      <c r="N198867" s="10"/>
    </row>
    <row r="198868" spans="14:14">
      <c r="N198868" s="10"/>
    </row>
    <row r="198869" spans="14:14">
      <c r="N198869" s="10"/>
    </row>
    <row r="198870" spans="14:14">
      <c r="N198870" s="10"/>
    </row>
    <row r="198871" spans="14:14">
      <c r="N198871" s="10"/>
    </row>
    <row r="198872" spans="14:14">
      <c r="N198872" s="10"/>
    </row>
    <row r="198873" spans="14:14">
      <c r="N198873" s="10"/>
    </row>
    <row r="198874" spans="14:14">
      <c r="N198874" s="10"/>
    </row>
    <row r="198875" spans="14:14">
      <c r="N198875" s="10"/>
    </row>
    <row r="198876" spans="14:14">
      <c r="N198876" s="10"/>
    </row>
    <row r="198877" spans="14:14">
      <c r="N198877" s="10"/>
    </row>
    <row r="198878" spans="14:14">
      <c r="N198878" s="10"/>
    </row>
    <row r="198879" spans="14:14">
      <c r="N198879" s="10"/>
    </row>
    <row r="198880" spans="14:14">
      <c r="N198880" s="10"/>
    </row>
    <row r="198881" spans="14:14">
      <c r="N198881" s="10"/>
    </row>
    <row r="198882" spans="14:14">
      <c r="N198882" s="10"/>
    </row>
    <row r="198883" spans="14:14">
      <c r="N198883" s="10"/>
    </row>
    <row r="198884" spans="14:14">
      <c r="N198884" s="10"/>
    </row>
    <row r="198885" spans="14:14">
      <c r="N198885" s="10"/>
    </row>
    <row r="198886" spans="14:14">
      <c r="N198886" s="10"/>
    </row>
    <row r="198887" spans="14:14">
      <c r="N198887" s="10"/>
    </row>
    <row r="198888" spans="14:14">
      <c r="N198888" s="10"/>
    </row>
    <row r="198889" spans="14:14">
      <c r="N198889" s="10"/>
    </row>
    <row r="198890" spans="14:14">
      <c r="N198890" s="10"/>
    </row>
    <row r="198891" spans="14:14">
      <c r="N198891" s="10"/>
    </row>
    <row r="198892" spans="14:14">
      <c r="N198892" s="10"/>
    </row>
    <row r="198893" spans="14:14">
      <c r="N198893" s="10"/>
    </row>
    <row r="198894" spans="14:14">
      <c r="N198894" s="10"/>
    </row>
    <row r="198895" spans="14:14">
      <c r="N198895" s="10"/>
    </row>
    <row r="198896" spans="14:14">
      <c r="N198896" s="10"/>
    </row>
    <row r="198897" spans="14:14">
      <c r="N198897" s="10"/>
    </row>
    <row r="198898" spans="14:14">
      <c r="N198898" s="10"/>
    </row>
    <row r="198899" spans="14:14">
      <c r="N198899" s="10"/>
    </row>
    <row r="198900" spans="14:14">
      <c r="N198900" s="10"/>
    </row>
    <row r="198901" spans="14:14">
      <c r="N198901" s="10"/>
    </row>
    <row r="198902" spans="14:14">
      <c r="N198902" s="10"/>
    </row>
    <row r="198903" spans="14:14">
      <c r="N198903" s="10"/>
    </row>
    <row r="198904" spans="14:14">
      <c r="N198904" s="10"/>
    </row>
    <row r="198905" spans="14:14">
      <c r="N198905" s="10"/>
    </row>
    <row r="198906" spans="14:14">
      <c r="N198906" s="10"/>
    </row>
    <row r="198907" spans="14:14">
      <c r="N198907" s="10"/>
    </row>
    <row r="198908" spans="14:14">
      <c r="N198908" s="10"/>
    </row>
    <row r="198909" spans="14:14">
      <c r="N198909" s="10"/>
    </row>
    <row r="198910" spans="14:14">
      <c r="N198910" s="10"/>
    </row>
    <row r="198911" spans="14:14">
      <c r="N198911" s="10"/>
    </row>
    <row r="198912" spans="14:14">
      <c r="N198912" s="10"/>
    </row>
    <row r="198913" spans="14:14">
      <c r="N198913" s="10"/>
    </row>
    <row r="198914" spans="14:14">
      <c r="N198914" s="10"/>
    </row>
    <row r="198915" spans="14:14">
      <c r="N198915" s="10"/>
    </row>
    <row r="198916" spans="14:14">
      <c r="N198916" s="10"/>
    </row>
    <row r="198917" spans="14:14">
      <c r="N198917" s="10"/>
    </row>
    <row r="198918" spans="14:14">
      <c r="N198918" s="10"/>
    </row>
    <row r="198919" spans="14:14">
      <c r="N198919" s="10"/>
    </row>
    <row r="198920" spans="14:14">
      <c r="N198920" s="10"/>
    </row>
    <row r="198921" spans="14:14">
      <c r="N198921" s="10"/>
    </row>
    <row r="198922" spans="14:14">
      <c r="N198922" s="10"/>
    </row>
    <row r="198923" spans="14:14">
      <c r="N198923" s="10"/>
    </row>
    <row r="198924" spans="14:14">
      <c r="N198924" s="10"/>
    </row>
    <row r="198925" spans="14:14">
      <c r="N198925" s="10"/>
    </row>
    <row r="198926" spans="14:14">
      <c r="N198926" s="10"/>
    </row>
    <row r="198927" spans="14:14">
      <c r="N198927" s="10"/>
    </row>
    <row r="198928" spans="14:14">
      <c r="N198928" s="10"/>
    </row>
    <row r="198929" spans="14:14">
      <c r="N198929" s="10"/>
    </row>
    <row r="198930" spans="14:14">
      <c r="N198930" s="10"/>
    </row>
    <row r="198931" spans="14:14">
      <c r="N198931" s="10"/>
    </row>
    <row r="198932" spans="14:14">
      <c r="N198932" s="10"/>
    </row>
    <row r="198933" spans="14:14">
      <c r="N198933" s="10"/>
    </row>
    <row r="198934" spans="14:14">
      <c r="N198934" s="10"/>
    </row>
    <row r="198935" spans="14:14">
      <c r="N198935" s="10"/>
    </row>
    <row r="198936" spans="14:14">
      <c r="N198936" s="10"/>
    </row>
    <row r="198937" spans="14:14">
      <c r="N198937" s="10"/>
    </row>
    <row r="198938" spans="14:14">
      <c r="N198938" s="10"/>
    </row>
    <row r="198939" spans="14:14">
      <c r="N198939" s="10"/>
    </row>
    <row r="198940" spans="14:14">
      <c r="N198940" s="10"/>
    </row>
    <row r="198941" spans="14:14">
      <c r="N198941" s="10"/>
    </row>
    <row r="198942" spans="14:14">
      <c r="N198942" s="10"/>
    </row>
    <row r="198943" spans="14:14">
      <c r="N198943" s="10"/>
    </row>
    <row r="198944" spans="14:14">
      <c r="N198944" s="10"/>
    </row>
    <row r="198945" spans="14:14">
      <c r="N198945" s="10"/>
    </row>
    <row r="198946" spans="14:14">
      <c r="N198946" s="10"/>
    </row>
    <row r="198947" spans="14:14">
      <c r="N198947" s="10"/>
    </row>
    <row r="198948" spans="14:14">
      <c r="N198948" s="10"/>
    </row>
    <row r="198949" spans="14:14">
      <c r="N198949" s="10"/>
    </row>
    <row r="198950" spans="14:14">
      <c r="N198950" s="10"/>
    </row>
    <row r="198951" spans="14:14">
      <c r="N198951" s="10"/>
    </row>
    <row r="198952" spans="14:14">
      <c r="N198952" s="10"/>
    </row>
    <row r="198953" spans="14:14">
      <c r="N198953" s="10"/>
    </row>
    <row r="198954" spans="14:14">
      <c r="N198954" s="10"/>
    </row>
    <row r="198955" spans="14:14">
      <c r="N198955" s="10"/>
    </row>
    <row r="198956" spans="14:14">
      <c r="N198956" s="10"/>
    </row>
    <row r="198957" spans="14:14">
      <c r="N198957" s="10"/>
    </row>
    <row r="198958" spans="14:14">
      <c r="N198958" s="10"/>
    </row>
    <row r="198959" spans="14:14">
      <c r="N198959" s="10"/>
    </row>
    <row r="198960" spans="14:14">
      <c r="N198960" s="10"/>
    </row>
    <row r="198961" spans="14:14">
      <c r="N198961" s="10"/>
    </row>
    <row r="198962" spans="14:14">
      <c r="N198962" s="10"/>
    </row>
    <row r="198963" spans="14:14">
      <c r="N198963" s="10"/>
    </row>
    <row r="198964" spans="14:14">
      <c r="N198964" s="10"/>
    </row>
    <row r="198965" spans="14:14">
      <c r="N198965" s="10"/>
    </row>
    <row r="198966" spans="14:14">
      <c r="N198966" s="10"/>
    </row>
    <row r="198967" spans="14:14">
      <c r="N198967" s="10"/>
    </row>
    <row r="198968" spans="14:14">
      <c r="N198968" s="10"/>
    </row>
    <row r="198969" spans="14:14">
      <c r="N198969" s="10"/>
    </row>
    <row r="198970" spans="14:14">
      <c r="N198970" s="10"/>
    </row>
    <row r="198971" spans="14:14">
      <c r="N198971" s="10"/>
    </row>
    <row r="198972" spans="14:14">
      <c r="N198972" s="10"/>
    </row>
    <row r="198973" spans="14:14">
      <c r="N198973" s="10"/>
    </row>
    <row r="198974" spans="14:14">
      <c r="N198974" s="10"/>
    </row>
    <row r="198975" spans="14:14">
      <c r="N198975" s="10"/>
    </row>
    <row r="198976" spans="14:14">
      <c r="N198976" s="10"/>
    </row>
    <row r="198977" spans="14:14">
      <c r="N198977" s="10"/>
    </row>
    <row r="198978" spans="14:14">
      <c r="N198978" s="10"/>
    </row>
    <row r="198979" spans="14:14">
      <c r="N198979" s="10"/>
    </row>
    <row r="198980" spans="14:14">
      <c r="N198980" s="10"/>
    </row>
    <row r="198981" spans="14:14">
      <c r="N198981" s="10"/>
    </row>
    <row r="198982" spans="14:14">
      <c r="N198982" s="10"/>
    </row>
    <row r="198983" spans="14:14">
      <c r="N198983" s="10"/>
    </row>
    <row r="198984" spans="14:14">
      <c r="N198984" s="10"/>
    </row>
    <row r="198985" spans="14:14">
      <c r="N198985" s="10"/>
    </row>
    <row r="198986" spans="14:14">
      <c r="N198986" s="10"/>
    </row>
    <row r="198987" spans="14:14">
      <c r="N198987" s="10"/>
    </row>
    <row r="198988" spans="14:14">
      <c r="N198988" s="10"/>
    </row>
    <row r="198989" spans="14:14">
      <c r="N198989" s="10"/>
    </row>
    <row r="198990" spans="14:14">
      <c r="N198990" s="10"/>
    </row>
    <row r="198991" spans="14:14">
      <c r="N198991" s="10"/>
    </row>
    <row r="198992" spans="14:14">
      <c r="N198992" s="10"/>
    </row>
    <row r="198993" spans="14:14">
      <c r="N198993" s="10"/>
    </row>
    <row r="198994" spans="14:14">
      <c r="N198994" s="10"/>
    </row>
    <row r="198995" spans="14:14">
      <c r="N198995" s="10"/>
    </row>
    <row r="198996" spans="14:14">
      <c r="N198996" s="10"/>
    </row>
    <row r="198997" spans="14:14">
      <c r="N198997" s="10"/>
    </row>
    <row r="198998" spans="14:14">
      <c r="N198998" s="10"/>
    </row>
    <row r="198999" spans="14:14">
      <c r="N198999" s="10"/>
    </row>
    <row r="199000" spans="14:14">
      <c r="N199000" s="10"/>
    </row>
    <row r="199001" spans="14:14">
      <c r="N199001" s="10"/>
    </row>
    <row r="199002" spans="14:14">
      <c r="N199002" s="10"/>
    </row>
    <row r="199003" spans="14:14">
      <c r="N199003" s="10"/>
    </row>
    <row r="199004" spans="14:14">
      <c r="N199004" s="10"/>
    </row>
    <row r="199005" spans="14:14">
      <c r="N199005" s="10"/>
    </row>
    <row r="199006" spans="14:14">
      <c r="N199006" s="10"/>
    </row>
    <row r="199007" spans="14:14">
      <c r="N199007" s="10"/>
    </row>
    <row r="199008" spans="14:14">
      <c r="N199008" s="10"/>
    </row>
    <row r="199009" spans="14:14">
      <c r="N199009" s="10"/>
    </row>
    <row r="199010" spans="14:14">
      <c r="N199010" s="10"/>
    </row>
    <row r="199011" spans="14:14">
      <c r="N199011" s="10"/>
    </row>
    <row r="199012" spans="14:14">
      <c r="N199012" s="10"/>
    </row>
    <row r="199013" spans="14:14">
      <c r="N199013" s="10"/>
    </row>
    <row r="199014" spans="14:14">
      <c r="N199014" s="10"/>
    </row>
    <row r="199015" spans="14:14">
      <c r="N199015" s="10"/>
    </row>
    <row r="199016" spans="14:14">
      <c r="N199016" s="10"/>
    </row>
    <row r="199017" spans="14:14">
      <c r="N199017" s="10"/>
    </row>
    <row r="199018" spans="14:14">
      <c r="N199018" s="10"/>
    </row>
    <row r="199019" spans="14:14">
      <c r="N199019" s="10"/>
    </row>
    <row r="199020" spans="14:14">
      <c r="N199020" s="10"/>
    </row>
    <row r="199021" spans="14:14">
      <c r="N199021" s="10"/>
    </row>
    <row r="199022" spans="14:14">
      <c r="N199022" s="10"/>
    </row>
    <row r="199023" spans="14:14">
      <c r="N199023" s="10"/>
    </row>
    <row r="199024" spans="14:14">
      <c r="N199024" s="10"/>
    </row>
    <row r="199025" spans="14:14">
      <c r="N199025" s="10"/>
    </row>
    <row r="199026" spans="14:14">
      <c r="N199026" s="10"/>
    </row>
    <row r="199027" spans="14:14">
      <c r="N199027" s="10"/>
    </row>
    <row r="199028" spans="14:14">
      <c r="N199028" s="10"/>
    </row>
    <row r="199029" spans="14:14">
      <c r="N199029" s="10"/>
    </row>
    <row r="199030" spans="14:14">
      <c r="N199030" s="10"/>
    </row>
    <row r="199031" spans="14:14">
      <c r="N199031" s="10"/>
    </row>
    <row r="199032" spans="14:14">
      <c r="N199032" s="10"/>
    </row>
    <row r="199033" spans="14:14">
      <c r="N199033" s="10"/>
    </row>
    <row r="199034" spans="14:14">
      <c r="N199034" s="10"/>
    </row>
    <row r="199035" spans="14:14">
      <c r="N199035" s="10"/>
    </row>
    <row r="199036" spans="14:14">
      <c r="N199036" s="10"/>
    </row>
    <row r="199037" spans="14:14">
      <c r="N199037" s="10"/>
    </row>
    <row r="199038" spans="14:14">
      <c r="N199038" s="10"/>
    </row>
    <row r="199039" spans="14:14">
      <c r="N199039" s="10"/>
    </row>
    <row r="199040" spans="14:14">
      <c r="N199040" s="10"/>
    </row>
    <row r="199041" spans="14:14">
      <c r="N199041" s="10"/>
    </row>
    <row r="199042" spans="14:14">
      <c r="N199042" s="10"/>
    </row>
    <row r="199043" spans="14:14">
      <c r="N199043" s="10"/>
    </row>
    <row r="199044" spans="14:14">
      <c r="N199044" s="10"/>
    </row>
    <row r="199045" spans="14:14">
      <c r="N199045" s="10"/>
    </row>
    <row r="199046" spans="14:14">
      <c r="N199046" s="10"/>
    </row>
    <row r="199047" spans="14:14">
      <c r="N199047" s="10"/>
    </row>
    <row r="199048" spans="14:14">
      <c r="N199048" s="10"/>
    </row>
    <row r="199049" spans="14:14">
      <c r="N199049" s="10"/>
    </row>
    <row r="199050" spans="14:14">
      <c r="N199050" s="10"/>
    </row>
    <row r="199051" spans="14:14">
      <c r="N199051" s="10"/>
    </row>
    <row r="199052" spans="14:14">
      <c r="N199052" s="10"/>
    </row>
    <row r="199053" spans="14:14">
      <c r="N199053" s="10"/>
    </row>
    <row r="199054" spans="14:14">
      <c r="N199054" s="10"/>
    </row>
    <row r="199055" spans="14:14">
      <c r="N199055" s="10"/>
    </row>
    <row r="199056" spans="14:14">
      <c r="N199056" s="10"/>
    </row>
    <row r="199057" spans="14:14">
      <c r="N199057" s="10"/>
    </row>
    <row r="199058" spans="14:14">
      <c r="N199058" s="10"/>
    </row>
    <row r="199059" spans="14:14">
      <c r="N199059" s="10"/>
    </row>
    <row r="199060" spans="14:14">
      <c r="N199060" s="10"/>
    </row>
    <row r="199061" spans="14:14">
      <c r="N199061" s="10"/>
    </row>
    <row r="199062" spans="14:14">
      <c r="N199062" s="10"/>
    </row>
    <row r="199063" spans="14:14">
      <c r="N199063" s="10"/>
    </row>
    <row r="199064" spans="14:14">
      <c r="N199064" s="10"/>
    </row>
    <row r="199065" spans="14:14">
      <c r="N199065" s="10"/>
    </row>
    <row r="199066" spans="14:14">
      <c r="N199066" s="10"/>
    </row>
    <row r="199067" spans="14:14">
      <c r="N199067" s="10"/>
    </row>
    <row r="199068" spans="14:14">
      <c r="N199068" s="10"/>
    </row>
    <row r="199069" spans="14:14">
      <c r="N199069" s="10"/>
    </row>
    <row r="199070" spans="14:14">
      <c r="N199070" s="10"/>
    </row>
    <row r="199071" spans="14:14">
      <c r="N199071" s="10"/>
    </row>
    <row r="199072" spans="14:14">
      <c r="N199072" s="10"/>
    </row>
    <row r="199073" spans="14:14">
      <c r="N199073" s="10"/>
    </row>
    <row r="199074" spans="14:14">
      <c r="N199074" s="10"/>
    </row>
    <row r="199075" spans="14:14">
      <c r="N199075" s="10"/>
    </row>
    <row r="199076" spans="14:14">
      <c r="N199076" s="10"/>
    </row>
    <row r="199077" spans="14:14">
      <c r="N199077" s="10"/>
    </row>
    <row r="199078" spans="14:14">
      <c r="N199078" s="10"/>
    </row>
    <row r="199079" spans="14:14">
      <c r="N199079" s="10"/>
    </row>
    <row r="199080" spans="14:14">
      <c r="N199080" s="10"/>
    </row>
    <row r="199081" spans="14:14">
      <c r="N199081" s="10"/>
    </row>
    <row r="199082" spans="14:14">
      <c r="N199082" s="10"/>
    </row>
    <row r="199083" spans="14:14">
      <c r="N199083" s="10"/>
    </row>
    <row r="199084" spans="14:14">
      <c r="N199084" s="10"/>
    </row>
    <row r="199085" spans="14:14">
      <c r="N199085" s="10"/>
    </row>
    <row r="199086" spans="14:14">
      <c r="N199086" s="10"/>
    </row>
    <row r="199087" spans="14:14">
      <c r="N199087" s="10"/>
    </row>
    <row r="199088" spans="14:14">
      <c r="N199088" s="10"/>
    </row>
    <row r="199089" spans="14:14">
      <c r="N199089" s="10"/>
    </row>
    <row r="199090" spans="14:14">
      <c r="N199090" s="10"/>
    </row>
    <row r="199091" spans="14:14">
      <c r="N199091" s="10"/>
    </row>
    <row r="199092" spans="14:14">
      <c r="N199092" s="10"/>
    </row>
    <row r="199093" spans="14:14">
      <c r="N199093" s="10"/>
    </row>
    <row r="199094" spans="14:14">
      <c r="N199094" s="10"/>
    </row>
    <row r="199095" spans="14:14">
      <c r="N199095" s="10"/>
    </row>
    <row r="199096" spans="14:14">
      <c r="N199096" s="10"/>
    </row>
    <row r="199097" spans="14:14">
      <c r="N199097" s="10"/>
    </row>
    <row r="199098" spans="14:14">
      <c r="N199098" s="10"/>
    </row>
    <row r="199099" spans="14:14">
      <c r="N199099" s="10"/>
    </row>
    <row r="199100" spans="14:14">
      <c r="N199100" s="10"/>
    </row>
    <row r="199101" spans="14:14">
      <c r="N199101" s="10"/>
    </row>
    <row r="199102" spans="14:14">
      <c r="N199102" s="10"/>
    </row>
    <row r="199103" spans="14:14">
      <c r="N199103" s="10"/>
    </row>
    <row r="199104" spans="14:14">
      <c r="N199104" s="10"/>
    </row>
    <row r="199105" spans="14:14">
      <c r="N199105" s="10"/>
    </row>
    <row r="199106" spans="14:14">
      <c r="N199106" s="10"/>
    </row>
    <row r="199107" spans="14:14">
      <c r="N199107" s="10"/>
    </row>
    <row r="199108" spans="14:14">
      <c r="N199108" s="10"/>
    </row>
    <row r="199109" spans="14:14">
      <c r="N199109" s="10"/>
    </row>
    <row r="199110" spans="14:14">
      <c r="N199110" s="10"/>
    </row>
    <row r="199111" spans="14:14">
      <c r="N199111" s="10"/>
    </row>
    <row r="199112" spans="14:14">
      <c r="N199112" s="10"/>
    </row>
    <row r="199113" spans="14:14">
      <c r="N199113" s="10"/>
    </row>
    <row r="199114" spans="14:14">
      <c r="N199114" s="10"/>
    </row>
    <row r="199115" spans="14:14">
      <c r="N199115" s="10"/>
    </row>
    <row r="199116" spans="14:14">
      <c r="N199116" s="10"/>
    </row>
    <row r="199117" spans="14:14">
      <c r="N199117" s="10"/>
    </row>
    <row r="199118" spans="14:14">
      <c r="N199118" s="10"/>
    </row>
    <row r="199119" spans="14:14">
      <c r="N199119" s="10"/>
    </row>
    <row r="199120" spans="14:14">
      <c r="N199120" s="10"/>
    </row>
    <row r="199121" spans="14:14">
      <c r="N199121" s="10"/>
    </row>
    <row r="199122" spans="14:14">
      <c r="N199122" s="10"/>
    </row>
    <row r="199123" spans="14:14">
      <c r="N199123" s="10"/>
    </row>
    <row r="199124" spans="14:14">
      <c r="N199124" s="10"/>
    </row>
    <row r="199125" spans="14:14">
      <c r="N199125" s="10"/>
    </row>
    <row r="199126" spans="14:14">
      <c r="N199126" s="10"/>
    </row>
    <row r="199127" spans="14:14">
      <c r="N199127" s="10"/>
    </row>
    <row r="199128" spans="14:14">
      <c r="N199128" s="10"/>
    </row>
    <row r="199129" spans="14:14">
      <c r="N199129" s="10"/>
    </row>
    <row r="199130" spans="14:14">
      <c r="N199130" s="10"/>
    </row>
    <row r="199131" spans="14:14">
      <c r="N199131" s="10"/>
    </row>
    <row r="199132" spans="14:14">
      <c r="N199132" s="10"/>
    </row>
    <row r="199133" spans="14:14">
      <c r="N199133" s="10"/>
    </row>
    <row r="199134" spans="14:14">
      <c r="N199134" s="10"/>
    </row>
    <row r="199135" spans="14:14">
      <c r="N199135" s="10"/>
    </row>
    <row r="199136" spans="14:14">
      <c r="N199136" s="10"/>
    </row>
    <row r="199137" spans="14:14">
      <c r="N199137" s="10"/>
    </row>
    <row r="199138" spans="14:14">
      <c r="N199138" s="10"/>
    </row>
    <row r="199139" spans="14:14">
      <c r="N199139" s="10"/>
    </row>
    <row r="199140" spans="14:14">
      <c r="N199140" s="10"/>
    </row>
    <row r="199141" spans="14:14">
      <c r="N199141" s="10"/>
    </row>
    <row r="199142" spans="14:14">
      <c r="N199142" s="10"/>
    </row>
    <row r="199143" spans="14:14">
      <c r="N199143" s="10"/>
    </row>
    <row r="199144" spans="14:14">
      <c r="N199144" s="10"/>
    </row>
    <row r="199145" spans="14:14">
      <c r="N199145" s="10"/>
    </row>
    <row r="199146" spans="14:14">
      <c r="N199146" s="10"/>
    </row>
    <row r="199147" spans="14:14">
      <c r="N199147" s="10"/>
    </row>
    <row r="199148" spans="14:14">
      <c r="N199148" s="10"/>
    </row>
    <row r="199149" spans="14:14">
      <c r="N199149" s="10"/>
    </row>
    <row r="199150" spans="14:14">
      <c r="N199150" s="10"/>
    </row>
    <row r="199151" spans="14:14">
      <c r="N199151" s="10"/>
    </row>
    <row r="199152" spans="14:14">
      <c r="N199152" s="10"/>
    </row>
    <row r="199153" spans="14:14">
      <c r="N199153" s="10"/>
    </row>
    <row r="199154" spans="14:14">
      <c r="N199154" s="10"/>
    </row>
    <row r="199155" spans="14:14">
      <c r="N199155" s="10"/>
    </row>
    <row r="199156" spans="14:14">
      <c r="N199156" s="10"/>
    </row>
    <row r="199157" spans="14:14">
      <c r="N199157" s="10"/>
    </row>
    <row r="199158" spans="14:14">
      <c r="N199158" s="10"/>
    </row>
    <row r="199159" spans="14:14">
      <c r="N199159" s="10"/>
    </row>
    <row r="199160" spans="14:14">
      <c r="N199160" s="10"/>
    </row>
    <row r="199161" spans="14:14">
      <c r="N199161" s="10"/>
    </row>
    <row r="199162" spans="14:14">
      <c r="N199162" s="10"/>
    </row>
    <row r="199163" spans="14:14">
      <c r="N199163" s="10"/>
    </row>
    <row r="199164" spans="14:14">
      <c r="N199164" s="10"/>
    </row>
    <row r="199165" spans="14:14">
      <c r="N199165" s="10"/>
    </row>
    <row r="199166" spans="14:14">
      <c r="N199166" s="10"/>
    </row>
    <row r="199167" spans="14:14">
      <c r="N199167" s="10"/>
    </row>
    <row r="199168" spans="14:14">
      <c r="N199168" s="10"/>
    </row>
    <row r="199169" spans="14:14">
      <c r="N199169" s="10"/>
    </row>
    <row r="199170" spans="14:14">
      <c r="N199170" s="10"/>
    </row>
    <row r="199171" spans="14:14">
      <c r="N199171" s="10"/>
    </row>
    <row r="199172" spans="14:14">
      <c r="N199172" s="10"/>
    </row>
    <row r="199173" spans="14:14">
      <c r="N199173" s="10"/>
    </row>
    <row r="199174" spans="14:14">
      <c r="N199174" s="10"/>
    </row>
    <row r="199175" spans="14:14">
      <c r="N199175" s="10"/>
    </row>
    <row r="199176" spans="14:14">
      <c r="N199176" s="10"/>
    </row>
    <row r="199177" spans="14:14">
      <c r="N199177" s="10"/>
    </row>
    <row r="199178" spans="14:14">
      <c r="N199178" s="10"/>
    </row>
    <row r="199179" spans="14:14">
      <c r="N199179" s="10"/>
    </row>
    <row r="199180" spans="14:14">
      <c r="N199180" s="10"/>
    </row>
    <row r="199181" spans="14:14">
      <c r="N199181" s="10"/>
    </row>
    <row r="199182" spans="14:14">
      <c r="N199182" s="10"/>
    </row>
    <row r="199183" spans="14:14">
      <c r="N199183" s="10"/>
    </row>
    <row r="199184" spans="14:14">
      <c r="N199184" s="10"/>
    </row>
    <row r="199185" spans="14:14">
      <c r="N199185" s="10"/>
    </row>
    <row r="199186" spans="14:14">
      <c r="N199186" s="10"/>
    </row>
    <row r="199187" spans="14:14">
      <c r="N199187" s="10"/>
    </row>
    <row r="199188" spans="14:14">
      <c r="N199188" s="10"/>
    </row>
    <row r="199189" spans="14:14">
      <c r="N199189" s="10"/>
    </row>
    <row r="199190" spans="14:14">
      <c r="N199190" s="10"/>
    </row>
    <row r="199191" spans="14:14">
      <c r="N199191" s="10"/>
    </row>
    <row r="199192" spans="14:14">
      <c r="N199192" s="10"/>
    </row>
    <row r="199193" spans="14:14">
      <c r="N199193" s="10"/>
    </row>
    <row r="199194" spans="14:14">
      <c r="N199194" s="10"/>
    </row>
    <row r="199195" spans="14:14">
      <c r="N199195" s="10"/>
    </row>
    <row r="199196" spans="14:14">
      <c r="N199196" s="10"/>
    </row>
    <row r="199197" spans="14:14">
      <c r="N199197" s="10"/>
    </row>
    <row r="199198" spans="14:14">
      <c r="N199198" s="10"/>
    </row>
    <row r="199199" spans="14:14">
      <c r="N199199" s="10"/>
    </row>
    <row r="199200" spans="14:14">
      <c r="N199200" s="10"/>
    </row>
    <row r="199201" spans="14:14">
      <c r="N199201" s="10"/>
    </row>
    <row r="199202" spans="14:14">
      <c r="N199202" s="10"/>
    </row>
    <row r="199203" spans="14:14">
      <c r="N199203" s="10"/>
    </row>
    <row r="199204" spans="14:14">
      <c r="N199204" s="10"/>
    </row>
    <row r="199205" spans="14:14">
      <c r="N199205" s="10"/>
    </row>
    <row r="199206" spans="14:14">
      <c r="N199206" s="10"/>
    </row>
    <row r="199207" spans="14:14">
      <c r="N199207" s="10"/>
    </row>
    <row r="199208" spans="14:14">
      <c r="N199208" s="10"/>
    </row>
    <row r="199209" spans="14:14">
      <c r="N199209" s="10"/>
    </row>
    <row r="199210" spans="14:14">
      <c r="N199210" s="10"/>
    </row>
    <row r="199211" spans="14:14">
      <c r="N199211" s="10"/>
    </row>
    <row r="199212" spans="14:14">
      <c r="N199212" s="10"/>
    </row>
    <row r="199213" spans="14:14">
      <c r="N199213" s="10"/>
    </row>
    <row r="199214" spans="14:14">
      <c r="N199214" s="10"/>
    </row>
    <row r="199215" spans="14:14">
      <c r="N199215" s="10"/>
    </row>
    <row r="199216" spans="14:14">
      <c r="N199216" s="10"/>
    </row>
    <row r="199217" spans="14:14">
      <c r="N199217" s="10"/>
    </row>
    <row r="199218" spans="14:14">
      <c r="N199218" s="10"/>
    </row>
    <row r="199219" spans="14:14">
      <c r="N199219" s="10"/>
    </row>
    <row r="199220" spans="14:14">
      <c r="N199220" s="10"/>
    </row>
    <row r="199221" spans="14:14">
      <c r="N199221" s="10"/>
    </row>
    <row r="199222" spans="14:14">
      <c r="N199222" s="10"/>
    </row>
    <row r="199223" spans="14:14">
      <c r="N199223" s="10"/>
    </row>
    <row r="199224" spans="14:14">
      <c r="N199224" s="10"/>
    </row>
    <row r="199225" spans="14:14">
      <c r="N199225" s="10"/>
    </row>
    <row r="199226" spans="14:14">
      <c r="N199226" s="10"/>
    </row>
    <row r="199227" spans="14:14">
      <c r="N199227" s="10"/>
    </row>
    <row r="199228" spans="14:14">
      <c r="N199228" s="10"/>
    </row>
    <row r="199229" spans="14:14">
      <c r="N199229" s="10"/>
    </row>
    <row r="199230" spans="14:14">
      <c r="N199230" s="10"/>
    </row>
    <row r="199231" spans="14:14">
      <c r="N199231" s="10"/>
    </row>
    <row r="199232" spans="14:14">
      <c r="N199232" s="10"/>
    </row>
    <row r="199233" spans="14:14">
      <c r="N199233" s="10"/>
    </row>
    <row r="199234" spans="14:14">
      <c r="N199234" s="10"/>
    </row>
    <row r="199235" spans="14:14">
      <c r="N199235" s="10"/>
    </row>
    <row r="199236" spans="14:14">
      <c r="N199236" s="10"/>
    </row>
    <row r="199237" spans="14:14">
      <c r="N199237" s="10"/>
    </row>
    <row r="199238" spans="14:14">
      <c r="N199238" s="10"/>
    </row>
    <row r="199239" spans="14:14">
      <c r="N199239" s="10"/>
    </row>
    <row r="199240" spans="14:14">
      <c r="N199240" s="10"/>
    </row>
    <row r="199241" spans="14:14">
      <c r="N199241" s="10"/>
    </row>
    <row r="199242" spans="14:14">
      <c r="N199242" s="10"/>
    </row>
    <row r="199243" spans="14:14">
      <c r="N199243" s="10"/>
    </row>
    <row r="199244" spans="14:14">
      <c r="N199244" s="10"/>
    </row>
    <row r="199245" spans="14:14">
      <c r="N199245" s="10"/>
    </row>
    <row r="199246" spans="14:14">
      <c r="N199246" s="10"/>
    </row>
    <row r="199247" spans="14:14">
      <c r="N199247" s="10"/>
    </row>
    <row r="199248" spans="14:14">
      <c r="N199248" s="10"/>
    </row>
    <row r="199249" spans="14:14">
      <c r="N199249" s="10"/>
    </row>
    <row r="199250" spans="14:14">
      <c r="N199250" s="10"/>
    </row>
    <row r="199251" spans="14:14">
      <c r="N199251" s="10"/>
    </row>
    <row r="199252" spans="14:14">
      <c r="N199252" s="10"/>
    </row>
    <row r="199253" spans="14:14">
      <c r="N199253" s="10"/>
    </row>
    <row r="199254" spans="14:14">
      <c r="N199254" s="10"/>
    </row>
    <row r="199255" spans="14:14">
      <c r="N199255" s="10"/>
    </row>
    <row r="199256" spans="14:14">
      <c r="N199256" s="10"/>
    </row>
    <row r="199257" spans="14:14">
      <c r="N199257" s="10"/>
    </row>
    <row r="199258" spans="14:14">
      <c r="N199258" s="10"/>
    </row>
    <row r="199259" spans="14:14">
      <c r="N199259" s="10"/>
    </row>
    <row r="199260" spans="14:14">
      <c r="N199260" s="10"/>
    </row>
    <row r="199261" spans="14:14">
      <c r="N199261" s="10"/>
    </row>
    <row r="199262" spans="14:14">
      <c r="N199262" s="10"/>
    </row>
    <row r="199263" spans="14:14">
      <c r="N199263" s="10"/>
    </row>
    <row r="199264" spans="14:14">
      <c r="N199264" s="10"/>
    </row>
    <row r="199265" spans="14:14">
      <c r="N199265" s="10"/>
    </row>
    <row r="199266" spans="14:14">
      <c r="N199266" s="10"/>
    </row>
    <row r="199267" spans="14:14">
      <c r="N199267" s="10"/>
    </row>
    <row r="199268" spans="14:14">
      <c r="N199268" s="10"/>
    </row>
    <row r="199269" spans="14:14">
      <c r="N199269" s="10"/>
    </row>
    <row r="199270" spans="14:14">
      <c r="N199270" s="10"/>
    </row>
    <row r="199271" spans="14:14">
      <c r="N199271" s="10"/>
    </row>
    <row r="199272" spans="14:14">
      <c r="N199272" s="10"/>
    </row>
    <row r="199273" spans="14:14">
      <c r="N199273" s="10"/>
    </row>
    <row r="199274" spans="14:14">
      <c r="N199274" s="10"/>
    </row>
    <row r="199275" spans="14:14">
      <c r="N199275" s="10"/>
    </row>
    <row r="199276" spans="14:14">
      <c r="N199276" s="10"/>
    </row>
    <row r="199277" spans="14:14">
      <c r="N199277" s="10"/>
    </row>
    <row r="199278" spans="14:14">
      <c r="N199278" s="10"/>
    </row>
    <row r="199279" spans="14:14">
      <c r="N199279" s="10"/>
    </row>
    <row r="199280" spans="14:14">
      <c r="N199280" s="10"/>
    </row>
    <row r="199281" spans="14:14">
      <c r="N199281" s="10"/>
    </row>
    <row r="199282" spans="14:14">
      <c r="N199282" s="10"/>
    </row>
    <row r="199283" spans="14:14">
      <c r="N199283" s="10"/>
    </row>
    <row r="199284" spans="14:14">
      <c r="N199284" s="10"/>
    </row>
    <row r="199285" spans="14:14">
      <c r="N199285" s="10"/>
    </row>
    <row r="199286" spans="14:14">
      <c r="N199286" s="10"/>
    </row>
    <row r="199287" spans="14:14">
      <c r="N199287" s="10"/>
    </row>
    <row r="199288" spans="14:14">
      <c r="N199288" s="10"/>
    </row>
    <row r="199289" spans="14:14">
      <c r="N199289" s="10"/>
    </row>
    <row r="199290" spans="14:14">
      <c r="N199290" s="10"/>
    </row>
    <row r="199291" spans="14:14">
      <c r="N199291" s="10"/>
    </row>
    <row r="199292" spans="14:14">
      <c r="N199292" s="10"/>
    </row>
    <row r="199293" spans="14:14">
      <c r="N199293" s="10"/>
    </row>
    <row r="199294" spans="14:14">
      <c r="N199294" s="10"/>
    </row>
    <row r="199295" spans="14:14">
      <c r="N199295" s="10"/>
    </row>
    <row r="199296" spans="14:14">
      <c r="N199296" s="10"/>
    </row>
    <row r="199297" spans="14:14">
      <c r="N199297" s="10"/>
    </row>
    <row r="199298" spans="14:14">
      <c r="N199298" s="10"/>
    </row>
    <row r="199299" spans="14:14">
      <c r="N199299" s="10"/>
    </row>
    <row r="199300" spans="14:14">
      <c r="N199300" s="10"/>
    </row>
    <row r="199301" spans="14:14">
      <c r="N199301" s="10"/>
    </row>
    <row r="199302" spans="14:14">
      <c r="N199302" s="10"/>
    </row>
    <row r="199303" spans="14:14">
      <c r="N199303" s="10"/>
    </row>
    <row r="199304" spans="14:14">
      <c r="N199304" s="10"/>
    </row>
    <row r="199305" spans="14:14">
      <c r="N199305" s="10"/>
    </row>
    <row r="199306" spans="14:14">
      <c r="N199306" s="10"/>
    </row>
    <row r="199307" spans="14:14">
      <c r="N199307" s="10"/>
    </row>
    <row r="199308" spans="14:14">
      <c r="N199308" s="10"/>
    </row>
    <row r="199309" spans="14:14">
      <c r="N199309" s="10"/>
    </row>
    <row r="199310" spans="14:14">
      <c r="N199310" s="10"/>
    </row>
    <row r="199311" spans="14:14">
      <c r="N199311" s="10"/>
    </row>
    <row r="199312" spans="14:14">
      <c r="N199312" s="10"/>
    </row>
    <row r="199313" spans="14:14">
      <c r="N199313" s="10"/>
    </row>
    <row r="199314" spans="14:14">
      <c r="N199314" s="10"/>
    </row>
    <row r="199315" spans="14:14">
      <c r="N199315" s="10"/>
    </row>
    <row r="199316" spans="14:14">
      <c r="N199316" s="10"/>
    </row>
    <row r="199317" spans="14:14">
      <c r="N199317" s="10"/>
    </row>
    <row r="199318" spans="14:14">
      <c r="N199318" s="10"/>
    </row>
    <row r="199319" spans="14:14">
      <c r="N199319" s="10"/>
    </row>
    <row r="199320" spans="14:14">
      <c r="N199320" s="10"/>
    </row>
    <row r="199321" spans="14:14">
      <c r="N199321" s="10"/>
    </row>
    <row r="199322" spans="14:14">
      <c r="N199322" s="10"/>
    </row>
    <row r="199323" spans="14:14">
      <c r="N199323" s="10"/>
    </row>
    <row r="199324" spans="14:14">
      <c r="N199324" s="10"/>
    </row>
    <row r="199325" spans="14:14">
      <c r="N199325" s="10"/>
    </row>
    <row r="199326" spans="14:14">
      <c r="N199326" s="10"/>
    </row>
    <row r="199327" spans="14:14">
      <c r="N199327" s="10"/>
    </row>
    <row r="199328" spans="14:14">
      <c r="N199328" s="10"/>
    </row>
    <row r="199329" spans="14:14">
      <c r="N199329" s="10"/>
    </row>
    <row r="199330" spans="14:14">
      <c r="N199330" s="10"/>
    </row>
    <row r="199331" spans="14:14">
      <c r="N199331" s="10"/>
    </row>
    <row r="199332" spans="14:14">
      <c r="N199332" s="10"/>
    </row>
    <row r="199333" spans="14:14">
      <c r="N199333" s="10"/>
    </row>
    <row r="199334" spans="14:14">
      <c r="N199334" s="10"/>
    </row>
    <row r="199335" spans="14:14">
      <c r="N199335" s="10"/>
    </row>
    <row r="199336" spans="14:14">
      <c r="N199336" s="10"/>
    </row>
    <row r="199337" spans="14:14">
      <c r="N199337" s="10"/>
    </row>
    <row r="199338" spans="14:14">
      <c r="N199338" s="10"/>
    </row>
    <row r="199339" spans="14:14">
      <c r="N199339" s="10"/>
    </row>
    <row r="199340" spans="14:14">
      <c r="N199340" s="10"/>
    </row>
    <row r="199341" spans="14:14">
      <c r="N199341" s="10"/>
    </row>
    <row r="199342" spans="14:14">
      <c r="N199342" s="10"/>
    </row>
    <row r="199343" spans="14:14">
      <c r="N199343" s="10"/>
    </row>
    <row r="199344" spans="14:14">
      <c r="N199344" s="10"/>
    </row>
    <row r="199345" spans="14:14">
      <c r="N199345" s="10"/>
    </row>
    <row r="199346" spans="14:14">
      <c r="N199346" s="10"/>
    </row>
    <row r="199347" spans="14:14">
      <c r="N199347" s="10"/>
    </row>
    <row r="199348" spans="14:14">
      <c r="N199348" s="10"/>
    </row>
    <row r="199349" spans="14:14">
      <c r="N199349" s="10"/>
    </row>
    <row r="199350" spans="14:14">
      <c r="N199350" s="10"/>
    </row>
    <row r="199351" spans="14:14">
      <c r="N199351" s="10"/>
    </row>
    <row r="199352" spans="14:14">
      <c r="N199352" s="10"/>
    </row>
    <row r="199353" spans="14:14">
      <c r="N199353" s="10"/>
    </row>
    <row r="199354" spans="14:14">
      <c r="N199354" s="10"/>
    </row>
    <row r="199355" spans="14:14">
      <c r="N199355" s="10"/>
    </row>
    <row r="199356" spans="14:14">
      <c r="N199356" s="10"/>
    </row>
    <row r="199357" spans="14:14">
      <c r="N199357" s="10"/>
    </row>
    <row r="199358" spans="14:14">
      <c r="N199358" s="10"/>
    </row>
    <row r="199359" spans="14:14">
      <c r="N199359" s="10"/>
    </row>
    <row r="199360" spans="14:14">
      <c r="N199360" s="10"/>
    </row>
    <row r="199361" spans="14:14">
      <c r="N199361" s="10"/>
    </row>
    <row r="199362" spans="14:14">
      <c r="N199362" s="10"/>
    </row>
    <row r="199363" spans="14:14">
      <c r="N199363" s="10"/>
    </row>
    <row r="199364" spans="14:14">
      <c r="N199364" s="10"/>
    </row>
    <row r="199365" spans="14:14">
      <c r="N199365" s="10"/>
    </row>
    <row r="199366" spans="14:14">
      <c r="N199366" s="10"/>
    </row>
    <row r="199367" spans="14:14">
      <c r="N199367" s="10"/>
    </row>
    <row r="199368" spans="14:14">
      <c r="N199368" s="10"/>
    </row>
    <row r="199369" spans="14:14">
      <c r="N199369" s="10"/>
    </row>
    <row r="199370" spans="14:14">
      <c r="N199370" s="10"/>
    </row>
    <row r="199371" spans="14:14">
      <c r="N199371" s="10"/>
    </row>
    <row r="199372" spans="14:14">
      <c r="N199372" s="10"/>
    </row>
    <row r="199373" spans="14:14">
      <c r="N199373" s="10"/>
    </row>
    <row r="199374" spans="14:14">
      <c r="N199374" s="10"/>
    </row>
    <row r="199375" spans="14:14">
      <c r="N199375" s="10"/>
    </row>
    <row r="199376" spans="14:14">
      <c r="N199376" s="10"/>
    </row>
    <row r="199377" spans="14:14">
      <c r="N199377" s="10"/>
    </row>
    <row r="199378" spans="14:14">
      <c r="N199378" s="10"/>
    </row>
    <row r="199379" spans="14:14">
      <c r="N199379" s="10"/>
    </row>
    <row r="199380" spans="14:14">
      <c r="N199380" s="10"/>
    </row>
    <row r="199381" spans="14:14">
      <c r="N199381" s="10"/>
    </row>
    <row r="199382" spans="14:14">
      <c r="N199382" s="10"/>
    </row>
    <row r="199383" spans="14:14">
      <c r="N199383" s="10"/>
    </row>
    <row r="199384" spans="14:14">
      <c r="N199384" s="10"/>
    </row>
    <row r="199385" spans="14:14">
      <c r="N199385" s="10"/>
    </row>
    <row r="199386" spans="14:14">
      <c r="N199386" s="10"/>
    </row>
    <row r="199387" spans="14:14">
      <c r="N199387" s="10"/>
    </row>
    <row r="199388" spans="14:14">
      <c r="N199388" s="10"/>
    </row>
    <row r="199389" spans="14:14">
      <c r="N199389" s="10"/>
    </row>
    <row r="199390" spans="14:14">
      <c r="N199390" s="10"/>
    </row>
    <row r="199391" spans="14:14">
      <c r="N199391" s="10"/>
    </row>
    <row r="199392" spans="14:14">
      <c r="N199392" s="10"/>
    </row>
    <row r="199393" spans="14:14">
      <c r="N199393" s="10"/>
    </row>
    <row r="199394" spans="14:14">
      <c r="N199394" s="10"/>
    </row>
    <row r="199395" spans="14:14">
      <c r="N199395" s="10"/>
    </row>
    <row r="199396" spans="14:14">
      <c r="N199396" s="10"/>
    </row>
    <row r="199397" spans="14:14">
      <c r="N199397" s="10"/>
    </row>
    <row r="199398" spans="14:14">
      <c r="N199398" s="10"/>
    </row>
    <row r="199399" spans="14:14">
      <c r="N199399" s="10"/>
    </row>
    <row r="199400" spans="14:14">
      <c r="N199400" s="10"/>
    </row>
    <row r="199401" spans="14:14">
      <c r="N199401" s="10"/>
    </row>
    <row r="199402" spans="14:14">
      <c r="N199402" s="10"/>
    </row>
    <row r="199403" spans="14:14">
      <c r="N199403" s="10"/>
    </row>
    <row r="199404" spans="14:14">
      <c r="N199404" s="10"/>
    </row>
    <row r="199405" spans="14:14">
      <c r="N199405" s="10"/>
    </row>
    <row r="199406" spans="14:14">
      <c r="N199406" s="10"/>
    </row>
    <row r="199407" spans="14:14">
      <c r="N199407" s="10"/>
    </row>
    <row r="199408" spans="14:14">
      <c r="N199408" s="10"/>
    </row>
    <row r="199409" spans="14:14">
      <c r="N199409" s="10"/>
    </row>
    <row r="199410" spans="14:14">
      <c r="N199410" s="10"/>
    </row>
    <row r="199411" spans="14:14">
      <c r="N199411" s="10"/>
    </row>
    <row r="199412" spans="14:14">
      <c r="N199412" s="10"/>
    </row>
    <row r="199413" spans="14:14">
      <c r="N199413" s="10"/>
    </row>
    <row r="199414" spans="14:14">
      <c r="N199414" s="10"/>
    </row>
    <row r="199415" spans="14:14">
      <c r="N199415" s="10"/>
    </row>
    <row r="199416" spans="14:14">
      <c r="N199416" s="10"/>
    </row>
    <row r="199417" spans="14:14">
      <c r="N199417" s="10"/>
    </row>
    <row r="199418" spans="14:14">
      <c r="N199418" s="10"/>
    </row>
    <row r="199419" spans="14:14">
      <c r="N199419" s="10"/>
    </row>
    <row r="199420" spans="14:14">
      <c r="N199420" s="10"/>
    </row>
    <row r="199421" spans="14:14">
      <c r="N199421" s="10"/>
    </row>
    <row r="199422" spans="14:14">
      <c r="N199422" s="10"/>
    </row>
    <row r="199423" spans="14:14">
      <c r="N199423" s="10"/>
    </row>
    <row r="199424" spans="14:14">
      <c r="N199424" s="10"/>
    </row>
    <row r="199425" spans="14:14">
      <c r="N199425" s="10"/>
    </row>
    <row r="199426" spans="14:14">
      <c r="N199426" s="10"/>
    </row>
    <row r="199427" spans="14:14">
      <c r="N199427" s="10"/>
    </row>
    <row r="199428" spans="14:14">
      <c r="N199428" s="10"/>
    </row>
    <row r="199429" spans="14:14">
      <c r="N199429" s="10"/>
    </row>
    <row r="199430" spans="14:14">
      <c r="N199430" s="10"/>
    </row>
    <row r="199431" spans="14:14">
      <c r="N199431" s="10"/>
    </row>
    <row r="199432" spans="14:14">
      <c r="N199432" s="10"/>
    </row>
    <row r="199433" spans="14:14">
      <c r="N199433" s="10"/>
    </row>
    <row r="199434" spans="14:14">
      <c r="N199434" s="10"/>
    </row>
    <row r="199435" spans="14:14">
      <c r="N199435" s="10"/>
    </row>
    <row r="199436" spans="14:14">
      <c r="N199436" s="10"/>
    </row>
    <row r="199437" spans="14:14">
      <c r="N199437" s="10"/>
    </row>
    <row r="199438" spans="14:14">
      <c r="N199438" s="10"/>
    </row>
    <row r="199439" spans="14:14">
      <c r="N199439" s="10"/>
    </row>
    <row r="199440" spans="14:14">
      <c r="N199440" s="10"/>
    </row>
    <row r="199441" spans="14:14">
      <c r="N199441" s="10"/>
    </row>
    <row r="199442" spans="14:14">
      <c r="N199442" s="10"/>
    </row>
    <row r="199443" spans="14:14">
      <c r="N199443" s="10"/>
    </row>
    <row r="199444" spans="14:14">
      <c r="N199444" s="10"/>
    </row>
    <row r="199445" spans="14:14">
      <c r="N199445" s="10"/>
    </row>
    <row r="199446" spans="14:14">
      <c r="N199446" s="10"/>
    </row>
    <row r="199447" spans="14:14">
      <c r="N199447" s="10"/>
    </row>
    <row r="199448" spans="14:14">
      <c r="N199448" s="10"/>
    </row>
    <row r="199449" spans="14:14">
      <c r="N199449" s="10"/>
    </row>
    <row r="199450" spans="14:14">
      <c r="N199450" s="10"/>
    </row>
    <row r="199451" spans="14:14">
      <c r="N199451" s="10"/>
    </row>
    <row r="199452" spans="14:14">
      <c r="N199452" s="10"/>
    </row>
    <row r="199453" spans="14:14">
      <c r="N199453" s="10"/>
    </row>
    <row r="199454" spans="14:14">
      <c r="N199454" s="10"/>
    </row>
    <row r="199455" spans="14:14">
      <c r="N199455" s="10"/>
    </row>
    <row r="199456" spans="14:14">
      <c r="N199456" s="10"/>
    </row>
    <row r="199457" spans="14:14">
      <c r="N199457" s="10"/>
    </row>
    <row r="199458" spans="14:14">
      <c r="N199458" s="10"/>
    </row>
    <row r="199459" spans="14:14">
      <c r="N199459" s="10"/>
    </row>
    <row r="199460" spans="14:14">
      <c r="N199460" s="10"/>
    </row>
    <row r="199461" spans="14:14">
      <c r="N199461" s="10"/>
    </row>
    <row r="199462" spans="14:14">
      <c r="N199462" s="10"/>
    </row>
    <row r="199463" spans="14:14">
      <c r="N199463" s="10"/>
    </row>
    <row r="199464" spans="14:14">
      <c r="N199464" s="10"/>
    </row>
    <row r="199465" spans="14:14">
      <c r="N199465" s="10"/>
    </row>
    <row r="199466" spans="14:14">
      <c r="N199466" s="10"/>
    </row>
    <row r="199467" spans="14:14">
      <c r="N199467" s="10"/>
    </row>
    <row r="199468" spans="14:14">
      <c r="N199468" s="10"/>
    </row>
    <row r="199469" spans="14:14">
      <c r="N199469" s="10"/>
    </row>
    <row r="199470" spans="14:14">
      <c r="N199470" s="10"/>
    </row>
    <row r="199471" spans="14:14">
      <c r="N199471" s="10"/>
    </row>
    <row r="199472" spans="14:14">
      <c r="N199472" s="10"/>
    </row>
    <row r="199473" spans="14:14">
      <c r="N199473" s="10"/>
    </row>
    <row r="199474" spans="14:14">
      <c r="N199474" s="10"/>
    </row>
    <row r="199475" spans="14:14">
      <c r="N199475" s="10"/>
    </row>
    <row r="199476" spans="14:14">
      <c r="N199476" s="10"/>
    </row>
    <row r="199477" spans="14:14">
      <c r="N199477" s="10"/>
    </row>
    <row r="199478" spans="14:14">
      <c r="N199478" s="10"/>
    </row>
    <row r="199479" spans="14:14">
      <c r="N199479" s="10"/>
    </row>
    <row r="199480" spans="14:14">
      <c r="N199480" s="10"/>
    </row>
    <row r="199481" spans="14:14">
      <c r="N199481" s="10"/>
    </row>
    <row r="199482" spans="14:14">
      <c r="N199482" s="10"/>
    </row>
    <row r="199483" spans="14:14">
      <c r="N199483" s="10"/>
    </row>
    <row r="199484" spans="14:14">
      <c r="N199484" s="10"/>
    </row>
    <row r="199485" spans="14:14">
      <c r="N199485" s="10"/>
    </row>
    <row r="199486" spans="14:14">
      <c r="N199486" s="10"/>
    </row>
    <row r="199487" spans="14:14">
      <c r="N199487" s="10"/>
    </row>
    <row r="199488" spans="14:14">
      <c r="N199488" s="10"/>
    </row>
    <row r="199489" spans="14:14">
      <c r="N199489" s="10"/>
    </row>
    <row r="199490" spans="14:14">
      <c r="N199490" s="10"/>
    </row>
    <row r="199491" spans="14:14">
      <c r="N199491" s="10"/>
    </row>
    <row r="199492" spans="14:14">
      <c r="N199492" s="10"/>
    </row>
    <row r="199493" spans="14:14">
      <c r="N199493" s="10"/>
    </row>
    <row r="199494" spans="14:14">
      <c r="N199494" s="10"/>
    </row>
    <row r="199495" spans="14:14">
      <c r="N199495" s="10"/>
    </row>
    <row r="199496" spans="14:14">
      <c r="N199496" s="10"/>
    </row>
    <row r="199497" spans="14:14">
      <c r="N199497" s="10"/>
    </row>
    <row r="199498" spans="14:14">
      <c r="N199498" s="10"/>
    </row>
    <row r="199499" spans="14:14">
      <c r="N199499" s="10"/>
    </row>
    <row r="199500" spans="14:14">
      <c r="N199500" s="10"/>
    </row>
    <row r="199501" spans="14:14">
      <c r="N199501" s="10"/>
    </row>
    <row r="199502" spans="14:14">
      <c r="N199502" s="10"/>
    </row>
    <row r="199503" spans="14:14">
      <c r="N199503" s="10"/>
    </row>
    <row r="199504" spans="14:14">
      <c r="N199504" s="10"/>
    </row>
    <row r="199505" spans="14:14">
      <c r="N199505" s="10"/>
    </row>
    <row r="199506" spans="14:14">
      <c r="N199506" s="10"/>
    </row>
    <row r="199507" spans="14:14">
      <c r="N199507" s="10"/>
    </row>
    <row r="199508" spans="14:14">
      <c r="N199508" s="10"/>
    </row>
    <row r="199509" spans="14:14">
      <c r="N199509" s="10"/>
    </row>
    <row r="199510" spans="14:14">
      <c r="N199510" s="10"/>
    </row>
    <row r="199511" spans="14:14">
      <c r="N199511" s="10"/>
    </row>
    <row r="199512" spans="14:14">
      <c r="N199512" s="10"/>
    </row>
    <row r="199513" spans="14:14">
      <c r="N199513" s="10"/>
    </row>
    <row r="199514" spans="14:14">
      <c r="N199514" s="10"/>
    </row>
    <row r="199515" spans="14:14">
      <c r="N199515" s="10"/>
    </row>
    <row r="199516" spans="14:14">
      <c r="N199516" s="10"/>
    </row>
    <row r="199517" spans="14:14">
      <c r="N199517" s="10"/>
    </row>
    <row r="199518" spans="14:14">
      <c r="N199518" s="10"/>
    </row>
    <row r="199519" spans="14:14">
      <c r="N199519" s="10"/>
    </row>
    <row r="199520" spans="14:14">
      <c r="N199520" s="10"/>
    </row>
    <row r="199521" spans="14:14">
      <c r="N199521" s="10"/>
    </row>
    <row r="199522" spans="14:14">
      <c r="N199522" s="10"/>
    </row>
    <row r="199523" spans="14:14">
      <c r="N199523" s="10"/>
    </row>
    <row r="199524" spans="14:14">
      <c r="N199524" s="10"/>
    </row>
    <row r="199525" spans="14:14">
      <c r="N199525" s="10"/>
    </row>
    <row r="199526" spans="14:14">
      <c r="N199526" s="10"/>
    </row>
    <row r="199527" spans="14:14">
      <c r="N199527" s="10"/>
    </row>
    <row r="199528" spans="14:14">
      <c r="N199528" s="10"/>
    </row>
    <row r="199529" spans="14:14">
      <c r="N199529" s="10"/>
    </row>
    <row r="199530" spans="14:14">
      <c r="N199530" s="10"/>
    </row>
    <row r="199531" spans="14:14">
      <c r="N199531" s="10"/>
    </row>
    <row r="199532" spans="14:14">
      <c r="N199532" s="10"/>
    </row>
    <row r="199533" spans="14:14">
      <c r="N199533" s="10"/>
    </row>
    <row r="199534" spans="14:14">
      <c r="N199534" s="10"/>
    </row>
    <row r="199535" spans="14:14">
      <c r="N199535" s="10"/>
    </row>
    <row r="199536" spans="14:14">
      <c r="N199536" s="10"/>
    </row>
    <row r="199537" spans="14:14">
      <c r="N199537" s="10"/>
    </row>
    <row r="199538" spans="14:14">
      <c r="N199538" s="10"/>
    </row>
    <row r="199539" spans="14:14">
      <c r="N199539" s="10"/>
    </row>
    <row r="199540" spans="14:14">
      <c r="N199540" s="10"/>
    </row>
    <row r="199541" spans="14:14">
      <c r="N199541" s="10"/>
    </row>
    <row r="199542" spans="14:14">
      <c r="N199542" s="10"/>
    </row>
    <row r="199543" spans="14:14">
      <c r="N199543" s="10"/>
    </row>
    <row r="199544" spans="14:14">
      <c r="N199544" s="10"/>
    </row>
    <row r="199545" spans="14:14">
      <c r="N199545" s="10"/>
    </row>
    <row r="199546" spans="14:14">
      <c r="N199546" s="10"/>
    </row>
    <row r="199547" spans="14:14">
      <c r="N199547" s="10"/>
    </row>
    <row r="199548" spans="14:14">
      <c r="N199548" s="10"/>
    </row>
    <row r="199549" spans="14:14">
      <c r="N199549" s="10"/>
    </row>
    <row r="199550" spans="14:14">
      <c r="N199550" s="10"/>
    </row>
    <row r="199551" spans="14:14">
      <c r="N199551" s="10"/>
    </row>
    <row r="199552" spans="14:14">
      <c r="N199552" s="10"/>
    </row>
    <row r="199553" spans="14:14">
      <c r="N199553" s="10"/>
    </row>
    <row r="199554" spans="14:14">
      <c r="N199554" s="10"/>
    </row>
    <row r="199555" spans="14:14">
      <c r="N199555" s="10"/>
    </row>
    <row r="199556" spans="14:14">
      <c r="N199556" s="10"/>
    </row>
    <row r="199557" spans="14:14">
      <c r="N199557" s="10"/>
    </row>
    <row r="199558" spans="14:14">
      <c r="N199558" s="10"/>
    </row>
    <row r="199559" spans="14:14">
      <c r="N199559" s="10"/>
    </row>
    <row r="199560" spans="14:14">
      <c r="N199560" s="10"/>
    </row>
    <row r="199561" spans="14:14">
      <c r="N199561" s="10"/>
    </row>
    <row r="199562" spans="14:14">
      <c r="N199562" s="10"/>
    </row>
    <row r="199563" spans="14:14">
      <c r="N199563" s="10"/>
    </row>
    <row r="199564" spans="14:14">
      <c r="N199564" s="10"/>
    </row>
    <row r="199565" spans="14:14">
      <c r="N199565" s="10"/>
    </row>
    <row r="199566" spans="14:14">
      <c r="N199566" s="10"/>
    </row>
    <row r="199567" spans="14:14">
      <c r="N199567" s="10"/>
    </row>
    <row r="199568" spans="14:14">
      <c r="N199568" s="10"/>
    </row>
    <row r="199569" spans="14:14">
      <c r="N199569" s="10"/>
    </row>
    <row r="199570" spans="14:14">
      <c r="N199570" s="10"/>
    </row>
    <row r="199571" spans="14:14">
      <c r="N199571" s="10"/>
    </row>
    <row r="199572" spans="14:14">
      <c r="N199572" s="10"/>
    </row>
    <row r="199573" spans="14:14">
      <c r="N199573" s="10"/>
    </row>
    <row r="199574" spans="14:14">
      <c r="N199574" s="10"/>
    </row>
    <row r="199575" spans="14:14">
      <c r="N199575" s="10"/>
    </row>
    <row r="199576" spans="14:14">
      <c r="N199576" s="10"/>
    </row>
    <row r="199577" spans="14:14">
      <c r="N199577" s="10"/>
    </row>
    <row r="199578" spans="14:14">
      <c r="N199578" s="10"/>
    </row>
    <row r="199579" spans="14:14">
      <c r="N199579" s="10"/>
    </row>
    <row r="199580" spans="14:14">
      <c r="N199580" s="10"/>
    </row>
    <row r="199581" spans="14:14">
      <c r="N199581" s="10"/>
    </row>
    <row r="199582" spans="14:14">
      <c r="N199582" s="10"/>
    </row>
    <row r="199583" spans="14:14">
      <c r="N199583" s="10"/>
    </row>
    <row r="199584" spans="14:14">
      <c r="N199584" s="10"/>
    </row>
    <row r="199585" spans="14:14">
      <c r="N199585" s="10"/>
    </row>
    <row r="199586" spans="14:14">
      <c r="N199586" s="10"/>
    </row>
    <row r="199587" spans="14:14">
      <c r="N199587" s="10"/>
    </row>
    <row r="199588" spans="14:14">
      <c r="N199588" s="10"/>
    </row>
    <row r="199589" spans="14:14">
      <c r="N199589" s="10"/>
    </row>
    <row r="199590" spans="14:14">
      <c r="N199590" s="10"/>
    </row>
    <row r="199591" spans="14:14">
      <c r="N199591" s="10"/>
    </row>
    <row r="199592" spans="14:14">
      <c r="N199592" s="10"/>
    </row>
    <row r="199593" spans="14:14">
      <c r="N199593" s="10"/>
    </row>
    <row r="199594" spans="14:14">
      <c r="N199594" s="10"/>
    </row>
    <row r="199595" spans="14:14">
      <c r="N199595" s="10"/>
    </row>
    <row r="199596" spans="14:14">
      <c r="N199596" s="10"/>
    </row>
    <row r="199597" spans="14:14">
      <c r="N199597" s="10"/>
    </row>
    <row r="199598" spans="14:14">
      <c r="N199598" s="10"/>
    </row>
    <row r="199599" spans="14:14">
      <c r="N199599" s="10"/>
    </row>
    <row r="199600" spans="14:14">
      <c r="N199600" s="10"/>
    </row>
    <row r="199601" spans="14:14">
      <c r="N199601" s="10"/>
    </row>
    <row r="199602" spans="14:14">
      <c r="N199602" s="10"/>
    </row>
    <row r="199603" spans="14:14">
      <c r="N199603" s="10"/>
    </row>
    <row r="199604" spans="14:14">
      <c r="N199604" s="10"/>
    </row>
    <row r="199605" spans="14:14">
      <c r="N199605" s="10"/>
    </row>
    <row r="199606" spans="14:14">
      <c r="N199606" s="10"/>
    </row>
    <row r="199607" spans="14:14">
      <c r="N199607" s="10"/>
    </row>
    <row r="199608" spans="14:14">
      <c r="N199608" s="10"/>
    </row>
    <row r="199609" spans="14:14">
      <c r="N199609" s="10"/>
    </row>
    <row r="199610" spans="14:14">
      <c r="N199610" s="10"/>
    </row>
    <row r="199611" spans="14:14">
      <c r="N199611" s="10"/>
    </row>
    <row r="199612" spans="14:14">
      <c r="N199612" s="10"/>
    </row>
    <row r="199613" spans="14:14">
      <c r="N199613" s="10"/>
    </row>
    <row r="199614" spans="14:14">
      <c r="N199614" s="10"/>
    </row>
    <row r="199615" spans="14:14">
      <c r="N199615" s="10"/>
    </row>
    <row r="199616" spans="14:14">
      <c r="N199616" s="10"/>
    </row>
    <row r="199617" spans="14:14">
      <c r="N199617" s="10"/>
    </row>
    <row r="199618" spans="14:14">
      <c r="N199618" s="10"/>
    </row>
    <row r="199619" spans="14:14">
      <c r="N199619" s="10"/>
    </row>
    <row r="199620" spans="14:14">
      <c r="N199620" s="10"/>
    </row>
    <row r="199621" spans="14:14">
      <c r="N199621" s="10"/>
    </row>
    <row r="199622" spans="14:14">
      <c r="N199622" s="10"/>
    </row>
    <row r="199623" spans="14:14">
      <c r="N199623" s="10"/>
    </row>
    <row r="199624" spans="14:14">
      <c r="N199624" s="10"/>
    </row>
    <row r="199625" spans="14:14">
      <c r="N199625" s="10"/>
    </row>
    <row r="199626" spans="14:14">
      <c r="N199626" s="10"/>
    </row>
    <row r="199627" spans="14:14">
      <c r="N199627" s="10"/>
    </row>
    <row r="199628" spans="14:14">
      <c r="N199628" s="10"/>
    </row>
    <row r="199629" spans="14:14">
      <c r="N199629" s="10"/>
    </row>
    <row r="199630" spans="14:14">
      <c r="N199630" s="10"/>
    </row>
    <row r="199631" spans="14:14">
      <c r="N199631" s="10"/>
    </row>
    <row r="199632" spans="14:14">
      <c r="N199632" s="10"/>
    </row>
    <row r="199633" spans="14:14">
      <c r="N199633" s="10"/>
    </row>
    <row r="199634" spans="14:14">
      <c r="N199634" s="10"/>
    </row>
    <row r="199635" spans="14:14">
      <c r="N199635" s="10"/>
    </row>
    <row r="199636" spans="14:14">
      <c r="N199636" s="10"/>
    </row>
    <row r="199637" spans="14:14">
      <c r="N199637" s="10"/>
    </row>
    <row r="199638" spans="14:14">
      <c r="N199638" s="10"/>
    </row>
    <row r="199639" spans="14:14">
      <c r="N199639" s="10"/>
    </row>
    <row r="199640" spans="14:14">
      <c r="N199640" s="10"/>
    </row>
    <row r="199641" spans="14:14">
      <c r="N199641" s="10"/>
    </row>
    <row r="199642" spans="14:14">
      <c r="N199642" s="10"/>
    </row>
    <row r="199643" spans="14:14">
      <c r="N199643" s="10"/>
    </row>
    <row r="199644" spans="14:14">
      <c r="N199644" s="10"/>
    </row>
    <row r="199645" spans="14:14">
      <c r="N199645" s="10"/>
    </row>
    <row r="199646" spans="14:14">
      <c r="N199646" s="10"/>
    </row>
    <row r="199647" spans="14:14">
      <c r="N199647" s="10"/>
    </row>
    <row r="199648" spans="14:14">
      <c r="N199648" s="10"/>
    </row>
    <row r="199649" spans="14:14">
      <c r="N199649" s="10"/>
    </row>
    <row r="199650" spans="14:14">
      <c r="N199650" s="10"/>
    </row>
    <row r="199651" spans="14:14">
      <c r="N199651" s="10"/>
    </row>
    <row r="199652" spans="14:14">
      <c r="N199652" s="10"/>
    </row>
    <row r="199653" spans="14:14">
      <c r="N199653" s="10"/>
    </row>
    <row r="199654" spans="14:14">
      <c r="N199654" s="10"/>
    </row>
    <row r="199655" spans="14:14">
      <c r="N199655" s="10"/>
    </row>
    <row r="199656" spans="14:14">
      <c r="N199656" s="10"/>
    </row>
    <row r="199657" spans="14:14">
      <c r="N199657" s="10"/>
    </row>
    <row r="199658" spans="14:14">
      <c r="N199658" s="10"/>
    </row>
    <row r="199659" spans="14:14">
      <c r="N199659" s="10"/>
    </row>
    <row r="199660" spans="14:14">
      <c r="N199660" s="10"/>
    </row>
    <row r="199661" spans="14:14">
      <c r="N199661" s="10"/>
    </row>
    <row r="199662" spans="14:14">
      <c r="N199662" s="10"/>
    </row>
    <row r="199663" spans="14:14">
      <c r="N199663" s="10"/>
    </row>
    <row r="199664" spans="14:14">
      <c r="N199664" s="10"/>
    </row>
    <row r="199665" spans="14:14">
      <c r="N199665" s="10"/>
    </row>
    <row r="199666" spans="14:14">
      <c r="N199666" s="10"/>
    </row>
    <row r="199667" spans="14:14">
      <c r="N199667" s="10"/>
    </row>
    <row r="199668" spans="14:14">
      <c r="N199668" s="10"/>
    </row>
    <row r="199669" spans="14:14">
      <c r="N199669" s="10"/>
    </row>
    <row r="199670" spans="14:14">
      <c r="N199670" s="10"/>
    </row>
    <row r="199671" spans="14:14">
      <c r="N199671" s="10"/>
    </row>
    <row r="199672" spans="14:14">
      <c r="N199672" s="10"/>
    </row>
    <row r="199673" spans="14:14">
      <c r="N199673" s="10"/>
    </row>
    <row r="199674" spans="14:14">
      <c r="N199674" s="10"/>
    </row>
    <row r="199675" spans="14:14">
      <c r="N199675" s="10"/>
    </row>
    <row r="199676" spans="14:14">
      <c r="N199676" s="10"/>
    </row>
    <row r="199677" spans="14:14">
      <c r="N199677" s="10"/>
    </row>
    <row r="199678" spans="14:14">
      <c r="N199678" s="10"/>
    </row>
    <row r="199679" spans="14:14">
      <c r="N199679" s="10"/>
    </row>
    <row r="199680" spans="14:14">
      <c r="N199680" s="10"/>
    </row>
    <row r="199681" spans="14:14">
      <c r="N199681" s="10"/>
    </row>
    <row r="199682" spans="14:14">
      <c r="N199682" s="10"/>
    </row>
    <row r="199683" spans="14:14">
      <c r="N199683" s="10"/>
    </row>
    <row r="199684" spans="14:14">
      <c r="N199684" s="10"/>
    </row>
    <row r="199685" spans="14:14">
      <c r="N199685" s="10"/>
    </row>
    <row r="199686" spans="14:14">
      <c r="N199686" s="10"/>
    </row>
    <row r="199687" spans="14:14">
      <c r="N199687" s="10"/>
    </row>
    <row r="199688" spans="14:14">
      <c r="N199688" s="10"/>
    </row>
    <row r="199689" spans="14:14">
      <c r="N199689" s="10"/>
    </row>
    <row r="199690" spans="14:14">
      <c r="N199690" s="10"/>
    </row>
    <row r="199691" spans="14:14">
      <c r="N199691" s="10"/>
    </row>
    <row r="199692" spans="14:14">
      <c r="N199692" s="10"/>
    </row>
    <row r="199693" spans="14:14">
      <c r="N199693" s="10"/>
    </row>
    <row r="199694" spans="14:14">
      <c r="N199694" s="10"/>
    </row>
    <row r="199695" spans="14:14">
      <c r="N199695" s="10"/>
    </row>
    <row r="199696" spans="14:14">
      <c r="N199696" s="10"/>
    </row>
    <row r="199697" spans="14:14">
      <c r="N199697" s="10"/>
    </row>
    <row r="199698" spans="14:14">
      <c r="N199698" s="10"/>
    </row>
    <row r="199699" spans="14:14">
      <c r="N199699" s="10"/>
    </row>
    <row r="199700" spans="14:14">
      <c r="N199700" s="10"/>
    </row>
    <row r="199701" spans="14:14">
      <c r="N199701" s="10"/>
    </row>
    <row r="199702" spans="14:14">
      <c r="N199702" s="10"/>
    </row>
    <row r="199703" spans="14:14">
      <c r="N199703" s="10"/>
    </row>
    <row r="199704" spans="14:14">
      <c r="N199704" s="10"/>
    </row>
    <row r="199705" spans="14:14">
      <c r="N199705" s="10"/>
    </row>
    <row r="199706" spans="14:14">
      <c r="N199706" s="10"/>
    </row>
    <row r="199707" spans="14:14">
      <c r="N199707" s="10"/>
    </row>
    <row r="199708" spans="14:14">
      <c r="N199708" s="10"/>
    </row>
    <row r="199709" spans="14:14">
      <c r="N199709" s="10"/>
    </row>
    <row r="199710" spans="14:14">
      <c r="N199710" s="10"/>
    </row>
    <row r="199711" spans="14:14">
      <c r="N199711" s="10"/>
    </row>
    <row r="199712" spans="14:14">
      <c r="N199712" s="10"/>
    </row>
    <row r="199713" spans="14:14">
      <c r="N199713" s="10"/>
    </row>
    <row r="199714" spans="14:14">
      <c r="N199714" s="10"/>
    </row>
    <row r="199715" spans="14:14">
      <c r="N199715" s="10"/>
    </row>
    <row r="199716" spans="14:14">
      <c r="N199716" s="10"/>
    </row>
    <row r="199717" spans="14:14">
      <c r="N199717" s="10"/>
    </row>
    <row r="199718" spans="14:14">
      <c r="N199718" s="10"/>
    </row>
    <row r="199719" spans="14:14">
      <c r="N199719" s="10"/>
    </row>
    <row r="199720" spans="14:14">
      <c r="N199720" s="10"/>
    </row>
    <row r="199721" spans="14:14">
      <c r="N199721" s="10"/>
    </row>
    <row r="199722" spans="14:14">
      <c r="N199722" s="10"/>
    </row>
    <row r="199723" spans="14:14">
      <c r="N199723" s="10"/>
    </row>
    <row r="199724" spans="14:14">
      <c r="N199724" s="10"/>
    </row>
    <row r="199725" spans="14:14">
      <c r="N199725" s="10"/>
    </row>
    <row r="199726" spans="14:14">
      <c r="N199726" s="10"/>
    </row>
    <row r="199727" spans="14:14">
      <c r="N199727" s="10"/>
    </row>
    <row r="199728" spans="14:14">
      <c r="N199728" s="10"/>
    </row>
    <row r="199729" spans="14:14">
      <c r="N199729" s="10"/>
    </row>
    <row r="199730" spans="14:14">
      <c r="N199730" s="10"/>
    </row>
    <row r="199731" spans="14:14">
      <c r="N199731" s="10"/>
    </row>
    <row r="199732" spans="14:14">
      <c r="N199732" s="10"/>
    </row>
    <row r="199733" spans="14:14">
      <c r="N199733" s="10"/>
    </row>
    <row r="199734" spans="14:14">
      <c r="N199734" s="10"/>
    </row>
    <row r="199735" spans="14:14">
      <c r="N199735" s="10"/>
    </row>
    <row r="199736" spans="14:14">
      <c r="N199736" s="10"/>
    </row>
    <row r="199737" spans="14:14">
      <c r="N199737" s="10"/>
    </row>
    <row r="199738" spans="14:14">
      <c r="N199738" s="10"/>
    </row>
    <row r="199739" spans="14:14">
      <c r="N199739" s="10"/>
    </row>
    <row r="199740" spans="14:14">
      <c r="N199740" s="10"/>
    </row>
    <row r="199741" spans="14:14">
      <c r="N199741" s="10"/>
    </row>
    <row r="199742" spans="14:14">
      <c r="N199742" s="10"/>
    </row>
    <row r="199743" spans="14:14">
      <c r="N199743" s="10"/>
    </row>
    <row r="199744" spans="14:14">
      <c r="N199744" s="10"/>
    </row>
    <row r="199745" spans="14:14">
      <c r="N199745" s="10"/>
    </row>
    <row r="199746" spans="14:14">
      <c r="N199746" s="10"/>
    </row>
    <row r="199747" spans="14:14">
      <c r="N199747" s="10"/>
    </row>
    <row r="199748" spans="14:14">
      <c r="N199748" s="10"/>
    </row>
    <row r="199749" spans="14:14">
      <c r="N199749" s="10"/>
    </row>
    <row r="199750" spans="14:14">
      <c r="N199750" s="10"/>
    </row>
    <row r="199751" spans="14:14">
      <c r="N199751" s="10"/>
    </row>
    <row r="199752" spans="14:14">
      <c r="N199752" s="10"/>
    </row>
    <row r="199753" spans="14:14">
      <c r="N199753" s="10"/>
    </row>
    <row r="199754" spans="14:14">
      <c r="N199754" s="10"/>
    </row>
    <row r="199755" spans="14:14">
      <c r="N199755" s="10"/>
    </row>
    <row r="199756" spans="14:14">
      <c r="N199756" s="10"/>
    </row>
    <row r="199757" spans="14:14">
      <c r="N199757" s="10"/>
    </row>
    <row r="199758" spans="14:14">
      <c r="N199758" s="10"/>
    </row>
    <row r="199759" spans="14:14">
      <c r="N199759" s="10"/>
    </row>
    <row r="199760" spans="14:14">
      <c r="N199760" s="10"/>
    </row>
    <row r="199761" spans="14:14">
      <c r="N199761" s="10"/>
    </row>
    <row r="199762" spans="14:14">
      <c r="N199762" s="10"/>
    </row>
    <row r="199763" spans="14:14">
      <c r="N199763" s="10"/>
    </row>
    <row r="199764" spans="14:14">
      <c r="N199764" s="10"/>
    </row>
    <row r="199765" spans="14:14">
      <c r="N199765" s="10"/>
    </row>
    <row r="199766" spans="14:14">
      <c r="N199766" s="10"/>
    </row>
    <row r="199767" spans="14:14">
      <c r="N199767" s="10"/>
    </row>
    <row r="199768" spans="14:14">
      <c r="N199768" s="10"/>
    </row>
    <row r="199769" spans="14:14">
      <c r="N199769" s="10"/>
    </row>
    <row r="199770" spans="14:14">
      <c r="N199770" s="10"/>
    </row>
    <row r="199771" spans="14:14">
      <c r="N199771" s="10"/>
    </row>
    <row r="199772" spans="14:14">
      <c r="N199772" s="10"/>
    </row>
    <row r="199773" spans="14:14">
      <c r="N199773" s="10"/>
    </row>
    <row r="199774" spans="14:14">
      <c r="N199774" s="10"/>
    </row>
    <row r="199775" spans="14:14">
      <c r="N199775" s="10"/>
    </row>
    <row r="199776" spans="14:14">
      <c r="N199776" s="10"/>
    </row>
    <row r="199777" spans="14:14">
      <c r="N199777" s="10"/>
    </row>
    <row r="199778" spans="14:14">
      <c r="N199778" s="10"/>
    </row>
    <row r="199779" spans="14:14">
      <c r="N199779" s="10"/>
    </row>
    <row r="199780" spans="14:14">
      <c r="N199780" s="10"/>
    </row>
    <row r="199781" spans="14:14">
      <c r="N199781" s="10"/>
    </row>
    <row r="199782" spans="14:14">
      <c r="N199782" s="10"/>
    </row>
    <row r="199783" spans="14:14">
      <c r="N199783" s="10"/>
    </row>
    <row r="199784" spans="14:14">
      <c r="N199784" s="10"/>
    </row>
    <row r="199785" spans="14:14">
      <c r="N199785" s="10"/>
    </row>
    <row r="199786" spans="14:14">
      <c r="N199786" s="10"/>
    </row>
    <row r="199787" spans="14:14">
      <c r="N199787" s="10"/>
    </row>
    <row r="199788" spans="14:14">
      <c r="N199788" s="10"/>
    </row>
    <row r="199789" spans="14:14">
      <c r="N199789" s="10"/>
    </row>
    <row r="199790" spans="14:14">
      <c r="N199790" s="10"/>
    </row>
    <row r="199791" spans="14:14">
      <c r="N199791" s="10"/>
    </row>
    <row r="199792" spans="14:14">
      <c r="N199792" s="10"/>
    </row>
    <row r="199793" spans="14:14">
      <c r="N199793" s="10"/>
    </row>
    <row r="199794" spans="14:14">
      <c r="N199794" s="10"/>
    </row>
    <row r="199795" spans="14:14">
      <c r="N199795" s="10"/>
    </row>
    <row r="199796" spans="14:14">
      <c r="N199796" s="10"/>
    </row>
    <row r="199797" spans="14:14">
      <c r="N199797" s="10"/>
    </row>
    <row r="199798" spans="14:14">
      <c r="N199798" s="10"/>
    </row>
    <row r="199799" spans="14:14">
      <c r="N199799" s="10"/>
    </row>
    <row r="199800" spans="14:14">
      <c r="N199800" s="10"/>
    </row>
    <row r="199801" spans="14:14">
      <c r="N199801" s="10"/>
    </row>
    <row r="199802" spans="14:14">
      <c r="N199802" s="10"/>
    </row>
    <row r="199803" spans="14:14">
      <c r="N199803" s="10"/>
    </row>
    <row r="199804" spans="14:14">
      <c r="N199804" s="10"/>
    </row>
    <row r="199805" spans="14:14">
      <c r="N199805" s="10"/>
    </row>
    <row r="199806" spans="14:14">
      <c r="N199806" s="10"/>
    </row>
    <row r="199807" spans="14:14">
      <c r="N199807" s="10"/>
    </row>
    <row r="199808" spans="14:14">
      <c r="N199808" s="10"/>
    </row>
    <row r="199809" spans="14:14">
      <c r="N199809" s="10"/>
    </row>
    <row r="199810" spans="14:14">
      <c r="N199810" s="10"/>
    </row>
    <row r="199811" spans="14:14">
      <c r="N199811" s="10"/>
    </row>
    <row r="199812" spans="14:14">
      <c r="N199812" s="10"/>
    </row>
    <row r="199813" spans="14:14">
      <c r="N199813" s="10"/>
    </row>
    <row r="199814" spans="14:14">
      <c r="N199814" s="10"/>
    </row>
    <row r="199815" spans="14:14">
      <c r="N199815" s="10"/>
    </row>
    <row r="199816" spans="14:14">
      <c r="N199816" s="10"/>
    </row>
    <row r="199817" spans="14:14">
      <c r="N199817" s="10"/>
    </row>
    <row r="199818" spans="14:14">
      <c r="N199818" s="10"/>
    </row>
    <row r="199819" spans="14:14">
      <c r="N199819" s="10"/>
    </row>
    <row r="199820" spans="14:14">
      <c r="N199820" s="10"/>
    </row>
    <row r="199821" spans="14:14">
      <c r="N199821" s="10"/>
    </row>
    <row r="199822" spans="14:14">
      <c r="N199822" s="10"/>
    </row>
    <row r="199823" spans="14:14">
      <c r="N199823" s="10"/>
    </row>
    <row r="199824" spans="14:14">
      <c r="N199824" s="10"/>
    </row>
    <row r="199825" spans="14:14">
      <c r="N199825" s="10"/>
    </row>
    <row r="199826" spans="14:14">
      <c r="N199826" s="10"/>
    </row>
    <row r="199827" spans="14:14">
      <c r="N199827" s="10"/>
    </row>
    <row r="199828" spans="14:14">
      <c r="N199828" s="10"/>
    </row>
    <row r="199829" spans="14:14">
      <c r="N199829" s="10"/>
    </row>
    <row r="199830" spans="14:14">
      <c r="N199830" s="10"/>
    </row>
    <row r="199831" spans="14:14">
      <c r="N199831" s="10"/>
    </row>
    <row r="199832" spans="14:14">
      <c r="N199832" s="10"/>
    </row>
    <row r="199833" spans="14:14">
      <c r="N199833" s="10"/>
    </row>
    <row r="199834" spans="14:14">
      <c r="N199834" s="10"/>
    </row>
    <row r="199835" spans="14:14">
      <c r="N199835" s="10"/>
    </row>
    <row r="199836" spans="14:14">
      <c r="N199836" s="10"/>
    </row>
    <row r="199837" spans="14:14">
      <c r="N199837" s="10"/>
    </row>
    <row r="199838" spans="14:14">
      <c r="N199838" s="10"/>
    </row>
    <row r="199839" spans="14:14">
      <c r="N199839" s="10"/>
    </row>
    <row r="199840" spans="14:14">
      <c r="N199840" s="10"/>
    </row>
    <row r="199841" spans="14:14">
      <c r="N199841" s="10"/>
    </row>
    <row r="199842" spans="14:14">
      <c r="N199842" s="10"/>
    </row>
    <row r="199843" spans="14:14">
      <c r="N199843" s="10"/>
    </row>
    <row r="199844" spans="14:14">
      <c r="N199844" s="10"/>
    </row>
    <row r="199845" spans="14:14">
      <c r="N199845" s="10"/>
    </row>
    <row r="199846" spans="14:14">
      <c r="N199846" s="10"/>
    </row>
    <row r="199847" spans="14:14">
      <c r="N199847" s="10"/>
    </row>
    <row r="199848" spans="14:14">
      <c r="N199848" s="10"/>
    </row>
    <row r="199849" spans="14:14">
      <c r="N199849" s="10"/>
    </row>
    <row r="199850" spans="14:14">
      <c r="N199850" s="10"/>
    </row>
    <row r="199851" spans="14:14">
      <c r="N199851" s="10"/>
    </row>
    <row r="199852" spans="14:14">
      <c r="N199852" s="10"/>
    </row>
    <row r="199853" spans="14:14">
      <c r="N199853" s="10"/>
    </row>
    <row r="199854" spans="14:14">
      <c r="N199854" s="10"/>
    </row>
    <row r="199855" spans="14:14">
      <c r="N199855" s="10"/>
    </row>
    <row r="199856" spans="14:14">
      <c r="N199856" s="10"/>
    </row>
    <row r="199857" spans="14:14">
      <c r="N199857" s="10"/>
    </row>
    <row r="199858" spans="14:14">
      <c r="N199858" s="10"/>
    </row>
    <row r="199859" spans="14:14">
      <c r="N199859" s="10"/>
    </row>
    <row r="199860" spans="14:14">
      <c r="N199860" s="10"/>
    </row>
    <row r="199861" spans="14:14">
      <c r="N199861" s="10"/>
    </row>
    <row r="199862" spans="14:14">
      <c r="N199862" s="10"/>
    </row>
    <row r="199863" spans="14:14">
      <c r="N199863" s="10"/>
    </row>
    <row r="199864" spans="14:14">
      <c r="N199864" s="10"/>
    </row>
    <row r="199865" spans="14:14">
      <c r="N199865" s="10"/>
    </row>
    <row r="199866" spans="14:14">
      <c r="N199866" s="10"/>
    </row>
    <row r="199867" spans="14:14">
      <c r="N199867" s="10"/>
    </row>
    <row r="199868" spans="14:14">
      <c r="N199868" s="10"/>
    </row>
    <row r="199869" spans="14:14">
      <c r="N199869" s="10"/>
    </row>
    <row r="199870" spans="14:14">
      <c r="N199870" s="10"/>
    </row>
    <row r="199871" spans="14:14">
      <c r="N199871" s="10"/>
    </row>
    <row r="199872" spans="14:14">
      <c r="N199872" s="10"/>
    </row>
    <row r="199873" spans="14:14">
      <c r="N199873" s="10"/>
    </row>
    <row r="199874" spans="14:14">
      <c r="N199874" s="10"/>
    </row>
    <row r="199875" spans="14:14">
      <c r="N199875" s="10"/>
    </row>
    <row r="199876" spans="14:14">
      <c r="N199876" s="10"/>
    </row>
    <row r="199877" spans="14:14">
      <c r="N199877" s="10"/>
    </row>
    <row r="199878" spans="14:14">
      <c r="N199878" s="10"/>
    </row>
    <row r="199879" spans="14:14">
      <c r="N199879" s="10"/>
    </row>
    <row r="199880" spans="14:14">
      <c r="N199880" s="10"/>
    </row>
    <row r="199881" spans="14:14">
      <c r="N199881" s="10"/>
    </row>
    <row r="199882" spans="14:14">
      <c r="N199882" s="10"/>
    </row>
    <row r="199883" spans="14:14">
      <c r="N199883" s="10"/>
    </row>
    <row r="199884" spans="14:14">
      <c r="N199884" s="10"/>
    </row>
    <row r="199885" spans="14:14">
      <c r="N199885" s="10"/>
    </row>
    <row r="199886" spans="14:14">
      <c r="N199886" s="10"/>
    </row>
    <row r="199887" spans="14:14">
      <c r="N199887" s="10"/>
    </row>
    <row r="199888" spans="14:14">
      <c r="N199888" s="10"/>
    </row>
    <row r="199889" spans="14:14">
      <c r="N199889" s="10"/>
    </row>
    <row r="199890" spans="14:14">
      <c r="N199890" s="10"/>
    </row>
    <row r="199891" spans="14:14">
      <c r="N199891" s="10"/>
    </row>
    <row r="199892" spans="14:14">
      <c r="N199892" s="10"/>
    </row>
    <row r="199893" spans="14:14">
      <c r="N199893" s="10"/>
    </row>
    <row r="199894" spans="14:14">
      <c r="N199894" s="10"/>
    </row>
    <row r="199895" spans="14:14">
      <c r="N199895" s="10"/>
    </row>
    <row r="199896" spans="14:14">
      <c r="N199896" s="10"/>
    </row>
    <row r="199897" spans="14:14">
      <c r="N199897" s="10"/>
    </row>
    <row r="199898" spans="14:14">
      <c r="N199898" s="10"/>
    </row>
    <row r="199899" spans="14:14">
      <c r="N199899" s="10"/>
    </row>
    <row r="199900" spans="14:14">
      <c r="N199900" s="10"/>
    </row>
    <row r="199901" spans="14:14">
      <c r="N199901" s="10"/>
    </row>
    <row r="199902" spans="14:14">
      <c r="N199902" s="10"/>
    </row>
    <row r="199903" spans="14:14">
      <c r="N199903" s="10"/>
    </row>
    <row r="199904" spans="14:14">
      <c r="N199904" s="10"/>
    </row>
    <row r="199905" spans="14:14">
      <c r="N199905" s="10"/>
    </row>
    <row r="199906" spans="14:14">
      <c r="N199906" s="10"/>
    </row>
    <row r="199907" spans="14:14">
      <c r="N199907" s="10"/>
    </row>
    <row r="199908" spans="14:14">
      <c r="N199908" s="10"/>
    </row>
    <row r="199909" spans="14:14">
      <c r="N199909" s="10"/>
    </row>
    <row r="199910" spans="14:14">
      <c r="N199910" s="10"/>
    </row>
    <row r="199911" spans="14:14">
      <c r="N199911" s="10"/>
    </row>
    <row r="199912" spans="14:14">
      <c r="N199912" s="10"/>
    </row>
    <row r="199913" spans="14:14">
      <c r="N199913" s="10"/>
    </row>
    <row r="199914" spans="14:14">
      <c r="N199914" s="10"/>
    </row>
    <row r="199915" spans="14:14">
      <c r="N199915" s="10"/>
    </row>
    <row r="199916" spans="14:14">
      <c r="N199916" s="10"/>
    </row>
    <row r="199917" spans="14:14">
      <c r="N199917" s="10"/>
    </row>
    <row r="199918" spans="14:14">
      <c r="N199918" s="10"/>
    </row>
    <row r="199919" spans="14:14">
      <c r="N199919" s="10"/>
    </row>
    <row r="199920" spans="14:14">
      <c r="N199920" s="10"/>
    </row>
    <row r="199921" spans="14:14">
      <c r="N199921" s="10"/>
    </row>
    <row r="199922" spans="14:14">
      <c r="N199922" s="10"/>
    </row>
    <row r="199923" spans="14:14">
      <c r="N199923" s="10"/>
    </row>
    <row r="199924" spans="14:14">
      <c r="N199924" s="10"/>
    </row>
    <row r="199925" spans="14:14">
      <c r="N199925" s="10"/>
    </row>
    <row r="199926" spans="14:14">
      <c r="N199926" s="10"/>
    </row>
    <row r="199927" spans="14:14">
      <c r="N199927" s="10"/>
    </row>
    <row r="199928" spans="14:14">
      <c r="N199928" s="10"/>
    </row>
    <row r="199929" spans="14:14">
      <c r="N199929" s="10"/>
    </row>
    <row r="199930" spans="14:14">
      <c r="N199930" s="10"/>
    </row>
    <row r="199931" spans="14:14">
      <c r="N199931" s="10"/>
    </row>
    <row r="199932" spans="14:14">
      <c r="N199932" s="10"/>
    </row>
    <row r="199933" spans="14:14">
      <c r="N199933" s="10"/>
    </row>
    <row r="199934" spans="14:14">
      <c r="N199934" s="10"/>
    </row>
    <row r="199935" spans="14:14">
      <c r="N199935" s="10"/>
    </row>
    <row r="199936" spans="14:14">
      <c r="N199936" s="10"/>
    </row>
    <row r="199937" spans="14:14">
      <c r="N199937" s="10"/>
    </row>
    <row r="199938" spans="14:14">
      <c r="N199938" s="10"/>
    </row>
    <row r="199939" spans="14:14">
      <c r="N199939" s="10"/>
    </row>
    <row r="199940" spans="14:14">
      <c r="N199940" s="10"/>
    </row>
    <row r="199941" spans="14:14">
      <c r="N199941" s="10"/>
    </row>
    <row r="199942" spans="14:14">
      <c r="N199942" s="10"/>
    </row>
    <row r="199943" spans="14:14">
      <c r="N199943" s="10"/>
    </row>
    <row r="199944" spans="14:14">
      <c r="N199944" s="10"/>
    </row>
    <row r="199945" spans="14:14">
      <c r="N199945" s="10"/>
    </row>
    <row r="199946" spans="14:14">
      <c r="N199946" s="10"/>
    </row>
    <row r="199947" spans="14:14">
      <c r="N199947" s="10"/>
    </row>
    <row r="199948" spans="14:14">
      <c r="N199948" s="10"/>
    </row>
    <row r="199949" spans="14:14">
      <c r="N199949" s="10"/>
    </row>
    <row r="199950" spans="14:14">
      <c r="N199950" s="10"/>
    </row>
    <row r="199951" spans="14:14">
      <c r="N199951" s="10"/>
    </row>
    <row r="199952" spans="14:14">
      <c r="N199952" s="10"/>
    </row>
    <row r="199953" spans="14:14">
      <c r="N199953" s="10"/>
    </row>
    <row r="199954" spans="14:14">
      <c r="N199954" s="10"/>
    </row>
    <row r="199955" spans="14:14">
      <c r="N199955" s="10"/>
    </row>
    <row r="199956" spans="14:14">
      <c r="N199956" s="10"/>
    </row>
    <row r="199957" spans="14:14">
      <c r="N199957" s="10"/>
    </row>
    <row r="199958" spans="14:14">
      <c r="N199958" s="10"/>
    </row>
    <row r="199959" spans="14:14">
      <c r="N199959" s="10"/>
    </row>
    <row r="199960" spans="14:14">
      <c r="N199960" s="10"/>
    </row>
    <row r="199961" spans="14:14">
      <c r="N199961" s="10"/>
    </row>
    <row r="199962" spans="14:14">
      <c r="N199962" s="10"/>
    </row>
    <row r="199963" spans="14:14">
      <c r="N199963" s="10"/>
    </row>
    <row r="199964" spans="14:14">
      <c r="N199964" s="10"/>
    </row>
    <row r="199965" spans="14:14">
      <c r="N199965" s="10"/>
    </row>
    <row r="199966" spans="14:14">
      <c r="N199966" s="10"/>
    </row>
    <row r="199967" spans="14:14">
      <c r="N199967" s="10"/>
    </row>
    <row r="199968" spans="14:14">
      <c r="N199968" s="10"/>
    </row>
    <row r="199969" spans="14:14">
      <c r="N199969" s="10"/>
    </row>
    <row r="199970" spans="14:14">
      <c r="N199970" s="10"/>
    </row>
    <row r="199971" spans="14:14">
      <c r="N199971" s="10"/>
    </row>
    <row r="199972" spans="14:14">
      <c r="N199972" s="10"/>
    </row>
    <row r="199973" spans="14:14">
      <c r="N199973" s="10"/>
    </row>
    <row r="199974" spans="14:14">
      <c r="N199974" s="10"/>
    </row>
    <row r="199975" spans="14:14">
      <c r="N199975" s="10"/>
    </row>
    <row r="199976" spans="14:14">
      <c r="N199976" s="10"/>
    </row>
    <row r="199977" spans="14:14">
      <c r="N199977" s="10"/>
    </row>
    <row r="199978" spans="14:14">
      <c r="N199978" s="10"/>
    </row>
    <row r="199979" spans="14:14">
      <c r="N199979" s="10"/>
    </row>
    <row r="199980" spans="14:14">
      <c r="N199980" s="10"/>
    </row>
    <row r="199981" spans="14:14">
      <c r="N199981" s="10"/>
    </row>
    <row r="199982" spans="14:14">
      <c r="N199982" s="10"/>
    </row>
    <row r="199983" spans="14:14">
      <c r="N199983" s="10"/>
    </row>
    <row r="199984" spans="14:14">
      <c r="N199984" s="10"/>
    </row>
    <row r="199985" spans="14:14">
      <c r="N199985" s="10"/>
    </row>
    <row r="199986" spans="14:14">
      <c r="N199986" s="10"/>
    </row>
    <row r="199987" spans="14:14">
      <c r="N199987" s="10"/>
    </row>
    <row r="199988" spans="14:14">
      <c r="N199988" s="10"/>
    </row>
    <row r="199989" spans="14:14">
      <c r="N199989" s="10"/>
    </row>
    <row r="199990" spans="14:14">
      <c r="N199990" s="10"/>
    </row>
    <row r="199991" spans="14:14">
      <c r="N199991" s="10"/>
    </row>
    <row r="199992" spans="14:14">
      <c r="N199992" s="10"/>
    </row>
    <row r="199993" spans="14:14">
      <c r="N199993" s="10"/>
    </row>
    <row r="199994" spans="14:14">
      <c r="N199994" s="10"/>
    </row>
    <row r="199995" spans="14:14">
      <c r="N199995" s="10"/>
    </row>
    <row r="199996" spans="14:14">
      <c r="N199996" s="10"/>
    </row>
    <row r="199997" spans="14:14">
      <c r="N199997" s="10"/>
    </row>
    <row r="199998" spans="14:14">
      <c r="N199998" s="10"/>
    </row>
    <row r="199999" spans="14:14">
      <c r="N199999" s="10"/>
    </row>
    <row r="200000" spans="14:14">
      <c r="N200000" s="10"/>
    </row>
    <row r="200001" spans="14:14">
      <c r="N200001" s="10"/>
    </row>
    <row r="200002" spans="14:14">
      <c r="N200002" s="10"/>
    </row>
    <row r="200003" spans="14:14">
      <c r="N200003" s="10"/>
    </row>
    <row r="200004" spans="14:14">
      <c r="N200004" s="10"/>
    </row>
    <row r="200005" spans="14:14">
      <c r="N200005" s="10"/>
    </row>
    <row r="200006" spans="14:14">
      <c r="N200006" s="10"/>
    </row>
    <row r="200007" spans="14:14">
      <c r="N200007" s="10"/>
    </row>
    <row r="200008" spans="14:14">
      <c r="N200008" s="10"/>
    </row>
    <row r="200009" spans="14:14">
      <c r="N200009" s="10"/>
    </row>
    <row r="200010" spans="14:14">
      <c r="N200010" s="10"/>
    </row>
    <row r="200011" spans="14:14">
      <c r="N200011" s="10"/>
    </row>
    <row r="200012" spans="14:14">
      <c r="N200012" s="10"/>
    </row>
    <row r="200013" spans="14:14">
      <c r="N200013" s="10"/>
    </row>
    <row r="200014" spans="14:14">
      <c r="N200014" s="10"/>
    </row>
    <row r="200015" spans="14:14">
      <c r="N200015" s="10"/>
    </row>
    <row r="200016" spans="14:14">
      <c r="N200016" s="10"/>
    </row>
    <row r="200017" spans="14:14">
      <c r="N200017" s="10"/>
    </row>
    <row r="200018" spans="14:14">
      <c r="N200018" s="10"/>
    </row>
    <row r="200019" spans="14:14">
      <c r="N200019" s="10"/>
    </row>
    <row r="200020" spans="14:14">
      <c r="N200020" s="10"/>
    </row>
    <row r="200021" spans="14:14">
      <c r="N200021" s="10"/>
    </row>
    <row r="200022" spans="14:14">
      <c r="N200022" s="10"/>
    </row>
    <row r="200023" spans="14:14">
      <c r="N200023" s="10"/>
    </row>
    <row r="200024" spans="14:14">
      <c r="N200024" s="10"/>
    </row>
    <row r="200025" spans="14:14">
      <c r="N200025" s="10"/>
    </row>
    <row r="200026" spans="14:14">
      <c r="N200026" s="10"/>
    </row>
    <row r="200027" spans="14:14">
      <c r="N200027" s="10"/>
    </row>
    <row r="200028" spans="14:14">
      <c r="N200028" s="10"/>
    </row>
    <row r="200029" spans="14:14">
      <c r="N200029" s="10"/>
    </row>
    <row r="200030" spans="14:14">
      <c r="N200030" s="10"/>
    </row>
    <row r="200031" spans="14:14">
      <c r="N200031" s="10"/>
    </row>
    <row r="200032" spans="14:14">
      <c r="N200032" s="10"/>
    </row>
    <row r="200033" spans="14:14">
      <c r="N200033" s="10"/>
    </row>
    <row r="200034" spans="14:14">
      <c r="N200034" s="10"/>
    </row>
    <row r="200035" spans="14:14">
      <c r="N200035" s="10"/>
    </row>
    <row r="200036" spans="14:14">
      <c r="N200036" s="10"/>
    </row>
    <row r="200037" spans="14:14">
      <c r="N200037" s="10"/>
    </row>
    <row r="200038" spans="14:14">
      <c r="N200038" s="10"/>
    </row>
    <row r="200039" spans="14:14">
      <c r="N200039" s="10"/>
    </row>
    <row r="200040" spans="14:14">
      <c r="N200040" s="10"/>
    </row>
    <row r="200041" spans="14:14">
      <c r="N200041" s="10"/>
    </row>
    <row r="200042" spans="14:14">
      <c r="N200042" s="10"/>
    </row>
    <row r="200043" spans="14:14">
      <c r="N200043" s="10"/>
    </row>
    <row r="200044" spans="14:14">
      <c r="N200044" s="10"/>
    </row>
    <row r="200045" spans="14:14">
      <c r="N200045" s="10"/>
    </row>
    <row r="200046" spans="14:14">
      <c r="N200046" s="10"/>
    </row>
    <row r="200047" spans="14:14">
      <c r="N200047" s="10"/>
    </row>
    <row r="200048" spans="14:14">
      <c r="N200048" s="10"/>
    </row>
    <row r="200049" spans="14:14">
      <c r="N200049" s="10"/>
    </row>
    <row r="200050" spans="14:14">
      <c r="N200050" s="10"/>
    </row>
    <row r="200051" spans="14:14">
      <c r="N200051" s="10"/>
    </row>
    <row r="200052" spans="14:14">
      <c r="N200052" s="10"/>
    </row>
    <row r="200053" spans="14:14">
      <c r="N200053" s="10"/>
    </row>
    <row r="200054" spans="14:14">
      <c r="N200054" s="10"/>
    </row>
    <row r="200055" spans="14:14">
      <c r="N200055" s="10"/>
    </row>
    <row r="200056" spans="14:14">
      <c r="N200056" s="10"/>
    </row>
    <row r="200057" spans="14:14">
      <c r="N200057" s="10"/>
    </row>
    <row r="200058" spans="14:14">
      <c r="N200058" s="10"/>
    </row>
    <row r="200059" spans="14:14">
      <c r="N200059" s="10"/>
    </row>
    <row r="200060" spans="14:14">
      <c r="N200060" s="10"/>
    </row>
    <row r="200061" spans="14:14">
      <c r="N200061" s="10"/>
    </row>
    <row r="200062" spans="14:14">
      <c r="N200062" s="10"/>
    </row>
    <row r="200063" spans="14:14">
      <c r="N200063" s="10"/>
    </row>
    <row r="200064" spans="14:14">
      <c r="N200064" s="10"/>
    </row>
    <row r="200065" spans="14:14">
      <c r="N200065" s="10"/>
    </row>
    <row r="200066" spans="14:14">
      <c r="N200066" s="10"/>
    </row>
    <row r="200067" spans="14:14">
      <c r="N200067" s="10"/>
    </row>
    <row r="200068" spans="14:14">
      <c r="N200068" s="10"/>
    </row>
    <row r="200069" spans="14:14">
      <c r="N200069" s="10"/>
    </row>
    <row r="200070" spans="14:14">
      <c r="N200070" s="10"/>
    </row>
    <row r="200071" spans="14:14">
      <c r="N200071" s="10"/>
    </row>
    <row r="200072" spans="14:14">
      <c r="N200072" s="10"/>
    </row>
    <row r="200073" spans="14:14">
      <c r="N200073" s="10"/>
    </row>
    <row r="200074" spans="14:14">
      <c r="N200074" s="10"/>
    </row>
    <row r="200075" spans="14:14">
      <c r="N200075" s="10"/>
    </row>
    <row r="200076" spans="14:14">
      <c r="N200076" s="10"/>
    </row>
    <row r="200077" spans="14:14">
      <c r="N200077" s="10"/>
    </row>
    <row r="200078" spans="14:14">
      <c r="N200078" s="10"/>
    </row>
    <row r="200079" spans="14:14">
      <c r="N200079" s="10"/>
    </row>
    <row r="200080" spans="14:14">
      <c r="N200080" s="10"/>
    </row>
    <row r="200081" spans="14:14">
      <c r="N200081" s="10"/>
    </row>
    <row r="200082" spans="14:14">
      <c r="N200082" s="10"/>
    </row>
    <row r="200083" spans="14:14">
      <c r="N200083" s="10"/>
    </row>
    <row r="200084" spans="14:14">
      <c r="N200084" s="10"/>
    </row>
    <row r="200085" spans="14:14">
      <c r="N200085" s="10"/>
    </row>
    <row r="200086" spans="14:14">
      <c r="N200086" s="10"/>
    </row>
    <row r="200087" spans="14:14">
      <c r="N200087" s="10"/>
    </row>
    <row r="200088" spans="14:14">
      <c r="N200088" s="10"/>
    </row>
    <row r="200089" spans="14:14">
      <c r="N200089" s="10"/>
    </row>
    <row r="200090" spans="14:14">
      <c r="N200090" s="10"/>
    </row>
    <row r="200091" spans="14:14">
      <c r="N200091" s="10"/>
    </row>
    <row r="200092" spans="14:14">
      <c r="N200092" s="10"/>
    </row>
    <row r="200093" spans="14:14">
      <c r="N200093" s="10"/>
    </row>
    <row r="200094" spans="14:14">
      <c r="N200094" s="10"/>
    </row>
    <row r="200095" spans="14:14">
      <c r="N200095" s="10"/>
    </row>
    <row r="200096" spans="14:14">
      <c r="N200096" s="10"/>
    </row>
    <row r="200097" spans="14:14">
      <c r="N200097" s="10"/>
    </row>
    <row r="200098" spans="14:14">
      <c r="N200098" s="10"/>
    </row>
    <row r="200099" spans="14:14">
      <c r="N200099" s="10"/>
    </row>
    <row r="200100" spans="14:14">
      <c r="N200100" s="10"/>
    </row>
    <row r="200101" spans="14:14">
      <c r="N200101" s="10"/>
    </row>
    <row r="200102" spans="14:14">
      <c r="N200102" s="10"/>
    </row>
    <row r="200103" spans="14:14">
      <c r="N200103" s="10"/>
    </row>
    <row r="200104" spans="14:14">
      <c r="N200104" s="10"/>
    </row>
    <row r="200105" spans="14:14">
      <c r="N200105" s="10"/>
    </row>
    <row r="200106" spans="14:14">
      <c r="N200106" s="10"/>
    </row>
    <row r="200107" spans="14:14">
      <c r="N200107" s="10"/>
    </row>
    <row r="200108" spans="14:14">
      <c r="N200108" s="10"/>
    </row>
    <row r="200109" spans="14:14">
      <c r="N200109" s="10"/>
    </row>
    <row r="200110" spans="14:14">
      <c r="N200110" s="10"/>
    </row>
    <row r="200111" spans="14:14">
      <c r="N200111" s="10"/>
    </row>
    <row r="200112" spans="14:14">
      <c r="N200112" s="10"/>
    </row>
    <row r="200113" spans="14:14">
      <c r="N200113" s="10"/>
    </row>
    <row r="200114" spans="14:14">
      <c r="N200114" s="10"/>
    </row>
    <row r="200115" spans="14:14">
      <c r="N200115" s="10"/>
    </row>
    <row r="200116" spans="14:14">
      <c r="N200116" s="10"/>
    </row>
    <row r="200117" spans="14:14">
      <c r="N200117" s="10"/>
    </row>
    <row r="200118" spans="14:14">
      <c r="N200118" s="10"/>
    </row>
    <row r="200119" spans="14:14">
      <c r="N200119" s="10"/>
    </row>
    <row r="200120" spans="14:14">
      <c r="N200120" s="10"/>
    </row>
    <row r="200121" spans="14:14">
      <c r="N200121" s="10"/>
    </row>
    <row r="200122" spans="14:14">
      <c r="N200122" s="10"/>
    </row>
    <row r="200123" spans="14:14">
      <c r="N200123" s="10"/>
    </row>
    <row r="200124" spans="14:14">
      <c r="N200124" s="10"/>
    </row>
    <row r="200125" spans="14:14">
      <c r="N200125" s="10"/>
    </row>
    <row r="200126" spans="14:14">
      <c r="N200126" s="10"/>
    </row>
    <row r="200127" spans="14:14">
      <c r="N200127" s="10"/>
    </row>
    <row r="200128" spans="14:14">
      <c r="N200128" s="10"/>
    </row>
    <row r="200129" spans="14:14">
      <c r="N200129" s="10"/>
    </row>
    <row r="200130" spans="14:14">
      <c r="N200130" s="10"/>
    </row>
    <row r="200131" spans="14:14">
      <c r="N200131" s="10"/>
    </row>
    <row r="200132" spans="14:14">
      <c r="N200132" s="10"/>
    </row>
    <row r="200133" spans="14:14">
      <c r="N200133" s="10"/>
    </row>
    <row r="200134" spans="14:14">
      <c r="N200134" s="10"/>
    </row>
    <row r="200135" spans="14:14">
      <c r="N200135" s="10"/>
    </row>
    <row r="200136" spans="14:14">
      <c r="N200136" s="10"/>
    </row>
    <row r="200137" spans="14:14">
      <c r="N200137" s="10"/>
    </row>
    <row r="200138" spans="14:14">
      <c r="N200138" s="10"/>
    </row>
    <row r="200139" spans="14:14">
      <c r="N200139" s="10"/>
    </row>
    <row r="200140" spans="14:14">
      <c r="N200140" s="10"/>
    </row>
    <row r="200141" spans="14:14">
      <c r="N200141" s="10"/>
    </row>
    <row r="200142" spans="14:14">
      <c r="N200142" s="10"/>
    </row>
    <row r="200143" spans="14:14">
      <c r="N200143" s="10"/>
    </row>
    <row r="200144" spans="14:14">
      <c r="N200144" s="10"/>
    </row>
    <row r="200145" spans="14:14">
      <c r="N200145" s="10"/>
    </row>
    <row r="200146" spans="14:14">
      <c r="N200146" s="10"/>
    </row>
    <row r="200147" spans="14:14">
      <c r="N200147" s="10"/>
    </row>
    <row r="200148" spans="14:14">
      <c r="N200148" s="10"/>
    </row>
    <row r="200149" spans="14:14">
      <c r="N200149" s="10"/>
    </row>
    <row r="200150" spans="14:14">
      <c r="N200150" s="10"/>
    </row>
    <row r="200151" spans="14:14">
      <c r="N200151" s="10"/>
    </row>
    <row r="200152" spans="14:14">
      <c r="N200152" s="10"/>
    </row>
    <row r="200153" spans="14:14">
      <c r="N200153" s="10"/>
    </row>
    <row r="200154" spans="14:14">
      <c r="N200154" s="10"/>
    </row>
    <row r="200155" spans="14:14">
      <c r="N200155" s="10"/>
    </row>
    <row r="200156" spans="14:14">
      <c r="N200156" s="10"/>
    </row>
    <row r="200157" spans="14:14">
      <c r="N200157" s="10"/>
    </row>
    <row r="200158" spans="14:14">
      <c r="N200158" s="10"/>
    </row>
    <row r="200159" spans="14:14">
      <c r="N200159" s="10"/>
    </row>
    <row r="200160" spans="14:14">
      <c r="N200160" s="10"/>
    </row>
    <row r="200161" spans="14:14">
      <c r="N200161" s="10"/>
    </row>
    <row r="200162" spans="14:14">
      <c r="N200162" s="10"/>
    </row>
    <row r="200163" spans="14:14">
      <c r="N200163" s="10"/>
    </row>
    <row r="200164" spans="14:14">
      <c r="N200164" s="10"/>
    </row>
    <row r="200165" spans="14:14">
      <c r="N200165" s="10"/>
    </row>
    <row r="200166" spans="14:14">
      <c r="N200166" s="10"/>
    </row>
    <row r="200167" spans="14:14">
      <c r="N200167" s="10"/>
    </row>
    <row r="200168" spans="14:14">
      <c r="N200168" s="10"/>
    </row>
    <row r="200169" spans="14:14">
      <c r="N200169" s="10"/>
    </row>
    <row r="200170" spans="14:14">
      <c r="N200170" s="10"/>
    </row>
    <row r="200171" spans="14:14">
      <c r="N200171" s="10"/>
    </row>
    <row r="200172" spans="14:14">
      <c r="N200172" s="10"/>
    </row>
    <row r="200173" spans="14:14">
      <c r="N200173" s="10"/>
    </row>
    <row r="200174" spans="14:14">
      <c r="N200174" s="10"/>
    </row>
    <row r="200175" spans="14:14">
      <c r="N200175" s="10"/>
    </row>
    <row r="200176" spans="14:14">
      <c r="N200176" s="10"/>
    </row>
    <row r="200177" spans="14:14">
      <c r="N200177" s="10"/>
    </row>
    <row r="200178" spans="14:14">
      <c r="N200178" s="10"/>
    </row>
    <row r="200179" spans="14:14">
      <c r="N200179" s="10"/>
    </row>
    <row r="200180" spans="14:14">
      <c r="N200180" s="10"/>
    </row>
    <row r="200181" spans="14:14">
      <c r="N200181" s="10"/>
    </row>
    <row r="200182" spans="14:14">
      <c r="N200182" s="10"/>
    </row>
    <row r="200183" spans="14:14">
      <c r="N200183" s="10"/>
    </row>
    <row r="200184" spans="14:14">
      <c r="N200184" s="10"/>
    </row>
    <row r="200185" spans="14:14">
      <c r="N200185" s="10"/>
    </row>
    <row r="200186" spans="14:14">
      <c r="N200186" s="10"/>
    </row>
    <row r="200187" spans="14:14">
      <c r="N200187" s="10"/>
    </row>
    <row r="200188" spans="14:14">
      <c r="N200188" s="10"/>
    </row>
    <row r="200189" spans="14:14">
      <c r="N200189" s="10"/>
    </row>
    <row r="200190" spans="14:14">
      <c r="N200190" s="10"/>
    </row>
    <row r="200191" spans="14:14">
      <c r="N200191" s="10"/>
    </row>
    <row r="200192" spans="14:14">
      <c r="N200192" s="10"/>
    </row>
    <row r="200193" spans="14:14">
      <c r="N200193" s="10"/>
    </row>
    <row r="200194" spans="14:14">
      <c r="N200194" s="10"/>
    </row>
    <row r="200195" spans="14:14">
      <c r="N200195" s="10"/>
    </row>
    <row r="200196" spans="14:14">
      <c r="N200196" s="10"/>
    </row>
    <row r="200197" spans="14:14">
      <c r="N200197" s="10"/>
    </row>
    <row r="200198" spans="14:14">
      <c r="N200198" s="10"/>
    </row>
    <row r="200199" spans="14:14">
      <c r="N200199" s="10"/>
    </row>
    <row r="200200" spans="14:14">
      <c r="N200200" s="10"/>
    </row>
    <row r="200201" spans="14:14">
      <c r="N200201" s="10"/>
    </row>
    <row r="200202" spans="14:14">
      <c r="N200202" s="10"/>
    </row>
    <row r="200203" spans="14:14">
      <c r="N200203" s="10"/>
    </row>
    <row r="200204" spans="14:14">
      <c r="N200204" s="10"/>
    </row>
    <row r="200205" spans="14:14">
      <c r="N200205" s="10"/>
    </row>
    <row r="200206" spans="14:14">
      <c r="N200206" s="10"/>
    </row>
    <row r="200207" spans="14:14">
      <c r="N200207" s="10"/>
    </row>
    <row r="200208" spans="14:14">
      <c r="N200208" s="10"/>
    </row>
    <row r="200209" spans="14:14">
      <c r="N200209" s="10"/>
    </row>
    <row r="200210" spans="14:14">
      <c r="N200210" s="10"/>
    </row>
    <row r="200211" spans="14:14">
      <c r="N200211" s="10"/>
    </row>
    <row r="200212" spans="14:14">
      <c r="N200212" s="10"/>
    </row>
    <row r="200213" spans="14:14">
      <c r="N200213" s="10"/>
    </row>
    <row r="200214" spans="14:14">
      <c r="N200214" s="10"/>
    </row>
    <row r="200215" spans="14:14">
      <c r="N200215" s="10"/>
    </row>
    <row r="200216" spans="14:14">
      <c r="N200216" s="10"/>
    </row>
    <row r="200217" spans="14:14">
      <c r="N200217" s="10"/>
    </row>
    <row r="200218" spans="14:14">
      <c r="N200218" s="10"/>
    </row>
    <row r="200219" spans="14:14">
      <c r="N200219" s="10"/>
    </row>
    <row r="200220" spans="14:14">
      <c r="N200220" s="10"/>
    </row>
    <row r="200221" spans="14:14">
      <c r="N200221" s="10"/>
    </row>
    <row r="200222" spans="14:14">
      <c r="N200222" s="10"/>
    </row>
    <row r="200223" spans="14:14">
      <c r="N200223" s="10"/>
    </row>
    <row r="200224" spans="14:14">
      <c r="N200224" s="10"/>
    </row>
    <row r="200225" spans="14:14">
      <c r="N200225" s="10"/>
    </row>
    <row r="200226" spans="14:14">
      <c r="N200226" s="10"/>
    </row>
    <row r="200227" spans="14:14">
      <c r="N200227" s="10"/>
    </row>
    <row r="200228" spans="14:14">
      <c r="N200228" s="10"/>
    </row>
    <row r="200229" spans="14:14">
      <c r="N200229" s="10"/>
    </row>
    <row r="200230" spans="14:14">
      <c r="N200230" s="10"/>
    </row>
    <row r="200231" spans="14:14">
      <c r="N200231" s="10"/>
    </row>
    <row r="200232" spans="14:14">
      <c r="N200232" s="10"/>
    </row>
    <row r="200233" spans="14:14">
      <c r="N200233" s="10"/>
    </row>
    <row r="200234" spans="14:14">
      <c r="N200234" s="10"/>
    </row>
    <row r="200235" spans="14:14">
      <c r="N200235" s="10"/>
    </row>
    <row r="200236" spans="14:14">
      <c r="N200236" s="10"/>
    </row>
    <row r="200237" spans="14:14">
      <c r="N200237" s="10"/>
    </row>
    <row r="200238" spans="14:14">
      <c r="N200238" s="10"/>
    </row>
    <row r="200239" spans="14:14">
      <c r="N200239" s="10"/>
    </row>
    <row r="200240" spans="14:14">
      <c r="N200240" s="10"/>
    </row>
    <row r="200241" spans="14:14">
      <c r="N200241" s="10"/>
    </row>
    <row r="200242" spans="14:14">
      <c r="N200242" s="10"/>
    </row>
    <row r="200243" spans="14:14">
      <c r="N200243" s="10"/>
    </row>
    <row r="200244" spans="14:14">
      <c r="N200244" s="10"/>
    </row>
    <row r="200245" spans="14:14">
      <c r="N200245" s="10"/>
    </row>
    <row r="200246" spans="14:14">
      <c r="N200246" s="10"/>
    </row>
    <row r="200247" spans="14:14">
      <c r="N200247" s="10"/>
    </row>
    <row r="200248" spans="14:14">
      <c r="N200248" s="10"/>
    </row>
    <row r="200249" spans="14:14">
      <c r="N200249" s="10"/>
    </row>
    <row r="200250" spans="14:14">
      <c r="N200250" s="10"/>
    </row>
    <row r="200251" spans="14:14">
      <c r="N200251" s="10"/>
    </row>
    <row r="200252" spans="14:14">
      <c r="N200252" s="10"/>
    </row>
    <row r="200253" spans="14:14">
      <c r="N200253" s="10"/>
    </row>
    <row r="200254" spans="14:14">
      <c r="N200254" s="10"/>
    </row>
    <row r="200255" spans="14:14">
      <c r="N200255" s="10"/>
    </row>
    <row r="200256" spans="14:14">
      <c r="N200256" s="10"/>
    </row>
    <row r="200257" spans="14:14">
      <c r="N200257" s="10"/>
    </row>
    <row r="200258" spans="14:14">
      <c r="N200258" s="10"/>
    </row>
    <row r="200259" spans="14:14">
      <c r="N200259" s="10"/>
    </row>
    <row r="200260" spans="14:14">
      <c r="N200260" s="10"/>
    </row>
    <row r="200261" spans="14:14">
      <c r="N200261" s="10"/>
    </row>
    <row r="200262" spans="14:14">
      <c r="N200262" s="10"/>
    </row>
    <row r="200263" spans="14:14">
      <c r="N200263" s="10"/>
    </row>
    <row r="200264" spans="14:14">
      <c r="N200264" s="10"/>
    </row>
    <row r="200265" spans="14:14">
      <c r="N200265" s="10"/>
    </row>
    <row r="200266" spans="14:14">
      <c r="N200266" s="10"/>
    </row>
    <row r="200267" spans="14:14">
      <c r="N200267" s="10"/>
    </row>
    <row r="200268" spans="14:14">
      <c r="N200268" s="10"/>
    </row>
    <row r="200269" spans="14:14">
      <c r="N200269" s="10"/>
    </row>
    <row r="200270" spans="14:14">
      <c r="N200270" s="10"/>
    </row>
    <row r="200271" spans="14:14">
      <c r="N200271" s="10"/>
    </row>
    <row r="200272" spans="14:14">
      <c r="N200272" s="10"/>
    </row>
    <row r="200273" spans="14:14">
      <c r="N200273" s="10"/>
    </row>
    <row r="200274" spans="14:14">
      <c r="N200274" s="10"/>
    </row>
    <row r="200275" spans="14:14">
      <c r="N200275" s="10"/>
    </row>
    <row r="200276" spans="14:14">
      <c r="N200276" s="10"/>
    </row>
    <row r="200277" spans="14:14">
      <c r="N200277" s="10"/>
    </row>
    <row r="200278" spans="14:14">
      <c r="N200278" s="10"/>
    </row>
    <row r="200279" spans="14:14">
      <c r="N200279" s="10"/>
    </row>
    <row r="200280" spans="14:14">
      <c r="N200280" s="10"/>
    </row>
    <row r="200281" spans="14:14">
      <c r="N200281" s="10"/>
    </row>
    <row r="200282" spans="14:14">
      <c r="N200282" s="10"/>
    </row>
    <row r="200283" spans="14:14">
      <c r="N200283" s="10"/>
    </row>
    <row r="200284" spans="14:14">
      <c r="N200284" s="10"/>
    </row>
    <row r="200285" spans="14:14">
      <c r="N200285" s="10"/>
    </row>
    <row r="200286" spans="14:14">
      <c r="N200286" s="10"/>
    </row>
    <row r="200287" spans="14:14">
      <c r="N200287" s="10"/>
    </row>
    <row r="200288" spans="14:14">
      <c r="N200288" s="10"/>
    </row>
    <row r="200289" spans="14:14">
      <c r="N200289" s="10"/>
    </row>
    <row r="200290" spans="14:14">
      <c r="N200290" s="10"/>
    </row>
    <row r="200291" spans="14:14">
      <c r="N200291" s="10"/>
    </row>
    <row r="200292" spans="14:14">
      <c r="N200292" s="10"/>
    </row>
    <row r="200293" spans="14:14">
      <c r="N200293" s="10"/>
    </row>
    <row r="200294" spans="14:14">
      <c r="N200294" s="10"/>
    </row>
    <row r="200295" spans="14:14">
      <c r="N200295" s="10"/>
    </row>
    <row r="200296" spans="14:14">
      <c r="N200296" s="10"/>
    </row>
    <row r="200297" spans="14:14">
      <c r="N200297" s="10"/>
    </row>
    <row r="200298" spans="14:14">
      <c r="N200298" s="10"/>
    </row>
    <row r="200299" spans="14:14">
      <c r="N200299" s="10"/>
    </row>
    <row r="200300" spans="14:14">
      <c r="N200300" s="10"/>
    </row>
    <row r="200301" spans="14:14">
      <c r="N200301" s="10"/>
    </row>
    <row r="200302" spans="14:14">
      <c r="N200302" s="10"/>
    </row>
    <row r="200303" spans="14:14">
      <c r="N200303" s="10"/>
    </row>
    <row r="200304" spans="14:14">
      <c r="N200304" s="10"/>
    </row>
    <row r="200305" spans="14:14">
      <c r="N200305" s="10"/>
    </row>
    <row r="200306" spans="14:14">
      <c r="N200306" s="10"/>
    </row>
    <row r="200307" spans="14:14">
      <c r="N200307" s="10"/>
    </row>
    <row r="200308" spans="14:14">
      <c r="N200308" s="10"/>
    </row>
    <row r="200309" spans="14:14">
      <c r="N200309" s="10"/>
    </row>
    <row r="200310" spans="14:14">
      <c r="N200310" s="10"/>
    </row>
    <row r="200311" spans="14:14">
      <c r="N200311" s="10"/>
    </row>
    <row r="200312" spans="14:14">
      <c r="N200312" s="10"/>
    </row>
    <row r="200313" spans="14:14">
      <c r="N200313" s="10"/>
    </row>
    <row r="200314" spans="14:14">
      <c r="N200314" s="10"/>
    </row>
    <row r="200315" spans="14:14">
      <c r="N200315" s="10"/>
    </row>
    <row r="200316" spans="14:14">
      <c r="N200316" s="10"/>
    </row>
    <row r="200317" spans="14:14">
      <c r="N200317" s="10"/>
    </row>
    <row r="200318" spans="14:14">
      <c r="N200318" s="10"/>
    </row>
    <row r="200319" spans="14:14">
      <c r="N200319" s="10"/>
    </row>
    <row r="200320" spans="14:14">
      <c r="N200320" s="10"/>
    </row>
    <row r="200321" spans="14:14">
      <c r="N200321" s="10"/>
    </row>
    <row r="200322" spans="14:14">
      <c r="N200322" s="10"/>
    </row>
    <row r="200323" spans="14:14">
      <c r="N200323" s="10"/>
    </row>
    <row r="200324" spans="14:14">
      <c r="N200324" s="10"/>
    </row>
    <row r="200325" spans="14:14">
      <c r="N200325" s="10"/>
    </row>
    <row r="200326" spans="14:14">
      <c r="N200326" s="10"/>
    </row>
    <row r="200327" spans="14:14">
      <c r="N200327" s="10"/>
    </row>
    <row r="200328" spans="14:14">
      <c r="N200328" s="10"/>
    </row>
    <row r="200329" spans="14:14">
      <c r="N200329" s="10"/>
    </row>
    <row r="200330" spans="14:14">
      <c r="N200330" s="10"/>
    </row>
    <row r="200331" spans="14:14">
      <c r="N200331" s="10"/>
    </row>
    <row r="200332" spans="14:14">
      <c r="N200332" s="10"/>
    </row>
    <row r="200333" spans="14:14">
      <c r="N200333" s="10"/>
    </row>
    <row r="200334" spans="14:14">
      <c r="N200334" s="10"/>
    </row>
    <row r="200335" spans="14:14">
      <c r="N200335" s="10"/>
    </row>
    <row r="200336" spans="14:14">
      <c r="N200336" s="10"/>
    </row>
    <row r="200337" spans="14:14">
      <c r="N200337" s="10"/>
    </row>
    <row r="200338" spans="14:14">
      <c r="N200338" s="10"/>
    </row>
    <row r="200339" spans="14:14">
      <c r="N200339" s="10"/>
    </row>
    <row r="200340" spans="14:14">
      <c r="N200340" s="10"/>
    </row>
    <row r="200341" spans="14:14">
      <c r="N200341" s="10"/>
    </row>
    <row r="200342" spans="14:14">
      <c r="N200342" s="10"/>
    </row>
    <row r="200343" spans="14:14">
      <c r="N200343" s="10"/>
    </row>
    <row r="200344" spans="14:14">
      <c r="N200344" s="10"/>
    </row>
    <row r="200345" spans="14:14">
      <c r="N200345" s="10"/>
    </row>
    <row r="200346" spans="14:14">
      <c r="N200346" s="10"/>
    </row>
    <row r="200347" spans="14:14">
      <c r="N200347" s="10"/>
    </row>
    <row r="200348" spans="14:14">
      <c r="N200348" s="10"/>
    </row>
    <row r="200349" spans="14:14">
      <c r="N200349" s="10"/>
    </row>
    <row r="200350" spans="14:14">
      <c r="N200350" s="10"/>
    </row>
    <row r="200351" spans="14:14">
      <c r="N200351" s="10"/>
    </row>
    <row r="200352" spans="14:14">
      <c r="N200352" s="10"/>
    </row>
    <row r="200353" spans="14:14">
      <c r="N200353" s="10"/>
    </row>
    <row r="200354" spans="14:14">
      <c r="N200354" s="10"/>
    </row>
    <row r="200355" spans="14:14">
      <c r="N200355" s="10"/>
    </row>
    <row r="200356" spans="14:14">
      <c r="N200356" s="10"/>
    </row>
    <row r="200357" spans="14:14">
      <c r="N200357" s="10"/>
    </row>
    <row r="200358" spans="14:14">
      <c r="N200358" s="10"/>
    </row>
    <row r="200359" spans="14:14">
      <c r="N200359" s="10"/>
    </row>
    <row r="200360" spans="14:14">
      <c r="N200360" s="10"/>
    </row>
    <row r="200361" spans="14:14">
      <c r="N200361" s="10"/>
    </row>
    <row r="200362" spans="14:14">
      <c r="N200362" s="10"/>
    </row>
    <row r="200363" spans="14:14">
      <c r="N200363" s="10"/>
    </row>
    <row r="200364" spans="14:14">
      <c r="N200364" s="10"/>
    </row>
    <row r="200365" spans="14:14">
      <c r="N200365" s="10"/>
    </row>
    <row r="200366" spans="14:14">
      <c r="N200366" s="10"/>
    </row>
    <row r="200367" spans="14:14">
      <c r="N200367" s="10"/>
    </row>
    <row r="200368" spans="14:14">
      <c r="N200368" s="10"/>
    </row>
    <row r="200369" spans="14:14">
      <c r="N200369" s="10"/>
    </row>
    <row r="200370" spans="14:14">
      <c r="N200370" s="10"/>
    </row>
    <row r="200371" spans="14:14">
      <c r="N200371" s="10"/>
    </row>
    <row r="200372" spans="14:14">
      <c r="N200372" s="10"/>
    </row>
    <row r="200373" spans="14:14">
      <c r="N200373" s="10"/>
    </row>
    <row r="200374" spans="14:14">
      <c r="N200374" s="10"/>
    </row>
    <row r="200375" spans="14:14">
      <c r="N200375" s="10"/>
    </row>
    <row r="200376" spans="14:14">
      <c r="N200376" s="10"/>
    </row>
    <row r="200377" spans="14:14">
      <c r="N200377" s="10"/>
    </row>
    <row r="200378" spans="14:14">
      <c r="N200378" s="10"/>
    </row>
    <row r="200379" spans="14:14">
      <c r="N200379" s="10"/>
    </row>
    <row r="200380" spans="14:14">
      <c r="N200380" s="10"/>
    </row>
    <row r="200381" spans="14:14">
      <c r="N200381" s="10"/>
    </row>
    <row r="200382" spans="14:14">
      <c r="N200382" s="10"/>
    </row>
    <row r="200383" spans="14:14">
      <c r="N200383" s="10"/>
    </row>
    <row r="200384" spans="14:14">
      <c r="N200384" s="10"/>
    </row>
    <row r="200385" spans="14:14">
      <c r="N200385" s="10"/>
    </row>
    <row r="200386" spans="14:14">
      <c r="N200386" s="10"/>
    </row>
    <row r="200387" spans="14:14">
      <c r="N200387" s="10"/>
    </row>
    <row r="200388" spans="14:14">
      <c r="N200388" s="10"/>
    </row>
    <row r="200389" spans="14:14">
      <c r="N200389" s="10"/>
    </row>
    <row r="200390" spans="14:14">
      <c r="N200390" s="10"/>
    </row>
    <row r="200391" spans="14:14">
      <c r="N200391" s="10"/>
    </row>
    <row r="200392" spans="14:14">
      <c r="N200392" s="10"/>
    </row>
    <row r="200393" spans="14:14">
      <c r="N200393" s="10"/>
    </row>
    <row r="200394" spans="14:14">
      <c r="N200394" s="10"/>
    </row>
    <row r="200395" spans="14:14">
      <c r="N200395" s="10"/>
    </row>
    <row r="200396" spans="14:14">
      <c r="N200396" s="10"/>
    </row>
    <row r="200397" spans="14:14">
      <c r="N200397" s="10"/>
    </row>
    <row r="200398" spans="14:14">
      <c r="N200398" s="10"/>
    </row>
    <row r="200399" spans="14:14">
      <c r="N200399" s="10"/>
    </row>
    <row r="200400" spans="14:14">
      <c r="N200400" s="10"/>
    </row>
    <row r="200401" spans="14:14">
      <c r="N200401" s="10"/>
    </row>
    <row r="200402" spans="14:14">
      <c r="N200402" s="10"/>
    </row>
    <row r="200403" spans="14:14">
      <c r="N200403" s="10"/>
    </row>
    <row r="200404" spans="14:14">
      <c r="N200404" s="10"/>
    </row>
    <row r="200405" spans="14:14">
      <c r="N200405" s="10"/>
    </row>
    <row r="200406" spans="14:14">
      <c r="N200406" s="10"/>
    </row>
    <row r="200407" spans="14:14">
      <c r="N200407" s="10"/>
    </row>
    <row r="200408" spans="14:14">
      <c r="N200408" s="10"/>
    </row>
    <row r="200409" spans="14:14">
      <c r="N200409" s="10"/>
    </row>
    <row r="200410" spans="14:14">
      <c r="N200410" s="10"/>
    </row>
    <row r="200411" spans="14:14">
      <c r="N200411" s="10"/>
    </row>
    <row r="200412" spans="14:14">
      <c r="N200412" s="10"/>
    </row>
    <row r="200413" spans="14:14">
      <c r="N200413" s="10"/>
    </row>
    <row r="200414" spans="14:14">
      <c r="N200414" s="10"/>
    </row>
    <row r="200415" spans="14:14">
      <c r="N200415" s="10"/>
    </row>
    <row r="200416" spans="14:14">
      <c r="N200416" s="10"/>
    </row>
    <row r="200417" spans="14:14">
      <c r="N200417" s="10"/>
    </row>
    <row r="200418" spans="14:14">
      <c r="N200418" s="10"/>
    </row>
    <row r="200419" spans="14:14">
      <c r="N200419" s="10"/>
    </row>
    <row r="200420" spans="14:14">
      <c r="N200420" s="10"/>
    </row>
    <row r="200421" spans="14:14">
      <c r="N200421" s="10"/>
    </row>
    <row r="200422" spans="14:14">
      <c r="N200422" s="10"/>
    </row>
    <row r="200423" spans="14:14">
      <c r="N200423" s="10"/>
    </row>
    <row r="200424" spans="14:14">
      <c r="N200424" s="10"/>
    </row>
    <row r="200425" spans="14:14">
      <c r="N200425" s="10"/>
    </row>
    <row r="200426" spans="14:14">
      <c r="N200426" s="10"/>
    </row>
    <row r="200427" spans="14:14">
      <c r="N200427" s="10"/>
    </row>
    <row r="200428" spans="14:14">
      <c r="N200428" s="10"/>
    </row>
    <row r="200429" spans="14:14">
      <c r="N200429" s="10"/>
    </row>
    <row r="200430" spans="14:14">
      <c r="N200430" s="10"/>
    </row>
    <row r="200431" spans="14:14">
      <c r="N200431" s="10"/>
    </row>
    <row r="200432" spans="14:14">
      <c r="N200432" s="10"/>
    </row>
    <row r="200433" spans="14:14">
      <c r="N200433" s="10"/>
    </row>
    <row r="200434" spans="14:14">
      <c r="N200434" s="10"/>
    </row>
    <row r="200435" spans="14:14">
      <c r="N200435" s="10"/>
    </row>
    <row r="200436" spans="14:14">
      <c r="N200436" s="10"/>
    </row>
    <row r="200437" spans="14:14">
      <c r="N200437" s="10"/>
    </row>
    <row r="200438" spans="14:14">
      <c r="N200438" s="10"/>
    </row>
    <row r="200439" spans="14:14">
      <c r="N200439" s="10"/>
    </row>
    <row r="200440" spans="14:14">
      <c r="N200440" s="10"/>
    </row>
    <row r="200441" spans="14:14">
      <c r="N200441" s="10"/>
    </row>
    <row r="200442" spans="14:14">
      <c r="N200442" s="10"/>
    </row>
    <row r="200443" spans="14:14">
      <c r="N200443" s="10"/>
    </row>
    <row r="200444" spans="14:14">
      <c r="N200444" s="10"/>
    </row>
    <row r="200445" spans="14:14">
      <c r="N200445" s="10"/>
    </row>
    <row r="200446" spans="14:14">
      <c r="N200446" s="10"/>
    </row>
    <row r="200447" spans="14:14">
      <c r="N200447" s="10"/>
    </row>
    <row r="200448" spans="14:14">
      <c r="N200448" s="10"/>
    </row>
    <row r="200449" spans="14:14">
      <c r="N200449" s="10"/>
    </row>
    <row r="200450" spans="14:14">
      <c r="N200450" s="10"/>
    </row>
    <row r="200451" spans="14:14">
      <c r="N200451" s="10"/>
    </row>
    <row r="200452" spans="14:14">
      <c r="N200452" s="10"/>
    </row>
    <row r="200453" spans="14:14">
      <c r="N200453" s="10"/>
    </row>
    <row r="200454" spans="14:14">
      <c r="N200454" s="10"/>
    </row>
    <row r="200455" spans="14:14">
      <c r="N200455" s="10"/>
    </row>
    <row r="200456" spans="14:14">
      <c r="N200456" s="10"/>
    </row>
    <row r="200457" spans="14:14">
      <c r="N200457" s="10"/>
    </row>
    <row r="200458" spans="14:14">
      <c r="N200458" s="10"/>
    </row>
    <row r="200459" spans="14:14">
      <c r="N200459" s="10"/>
    </row>
    <row r="200460" spans="14:14">
      <c r="N200460" s="10"/>
    </row>
    <row r="200461" spans="14:14">
      <c r="N200461" s="10"/>
    </row>
    <row r="200462" spans="14:14">
      <c r="N200462" s="10"/>
    </row>
    <row r="200463" spans="14:14">
      <c r="N200463" s="10"/>
    </row>
    <row r="200464" spans="14:14">
      <c r="N200464" s="10"/>
    </row>
    <row r="200465" spans="14:14">
      <c r="N200465" s="10"/>
    </row>
    <row r="200466" spans="14:14">
      <c r="N200466" s="10"/>
    </row>
    <row r="200467" spans="14:14">
      <c r="N200467" s="10"/>
    </row>
    <row r="200468" spans="14:14">
      <c r="N200468" s="10"/>
    </row>
    <row r="200469" spans="14:14">
      <c r="N200469" s="10"/>
    </row>
    <row r="200470" spans="14:14">
      <c r="N200470" s="10"/>
    </row>
    <row r="200471" spans="14:14">
      <c r="N200471" s="10"/>
    </row>
    <row r="200472" spans="14:14">
      <c r="N200472" s="10"/>
    </row>
    <row r="200473" spans="14:14">
      <c r="N200473" s="10"/>
    </row>
    <row r="200474" spans="14:14">
      <c r="N200474" s="10"/>
    </row>
    <row r="200475" spans="14:14">
      <c r="N200475" s="10"/>
    </row>
    <row r="200476" spans="14:14">
      <c r="N200476" s="10"/>
    </row>
    <row r="200477" spans="14:14">
      <c r="N200477" s="10"/>
    </row>
    <row r="200478" spans="14:14">
      <c r="N200478" s="10"/>
    </row>
    <row r="200479" spans="14:14">
      <c r="N200479" s="10"/>
    </row>
    <row r="200480" spans="14:14">
      <c r="N200480" s="10"/>
    </row>
    <row r="200481" spans="14:14">
      <c r="N200481" s="10"/>
    </row>
    <row r="200482" spans="14:14">
      <c r="N200482" s="10"/>
    </row>
    <row r="200483" spans="14:14">
      <c r="N200483" s="10"/>
    </row>
    <row r="200484" spans="14:14">
      <c r="N200484" s="10"/>
    </row>
    <row r="200485" spans="14:14">
      <c r="N200485" s="10"/>
    </row>
    <row r="200486" spans="14:14">
      <c r="N200486" s="10"/>
    </row>
    <row r="200487" spans="14:14">
      <c r="N200487" s="10"/>
    </row>
    <row r="200488" spans="14:14">
      <c r="N200488" s="10"/>
    </row>
    <row r="200489" spans="14:14">
      <c r="N200489" s="10"/>
    </row>
    <row r="200490" spans="14:14">
      <c r="N200490" s="10"/>
    </row>
    <row r="200491" spans="14:14">
      <c r="N200491" s="10"/>
    </row>
    <row r="200492" spans="14:14">
      <c r="N200492" s="10"/>
    </row>
    <row r="200493" spans="14:14">
      <c r="N200493" s="10"/>
    </row>
    <row r="200494" spans="14:14">
      <c r="N200494" s="10"/>
    </row>
    <row r="200495" spans="14:14">
      <c r="N200495" s="10"/>
    </row>
    <row r="200496" spans="14:14">
      <c r="N200496" s="10"/>
    </row>
    <row r="200497" spans="14:14">
      <c r="N200497" s="10"/>
    </row>
    <row r="200498" spans="14:14">
      <c r="N200498" s="10"/>
    </row>
    <row r="200499" spans="14:14">
      <c r="N200499" s="10"/>
    </row>
    <row r="200500" spans="14:14">
      <c r="N200500" s="10"/>
    </row>
    <row r="200501" spans="14:14">
      <c r="N200501" s="10"/>
    </row>
    <row r="200502" spans="14:14">
      <c r="N200502" s="10"/>
    </row>
    <row r="200503" spans="14:14">
      <c r="N200503" s="10"/>
    </row>
    <row r="200504" spans="14:14">
      <c r="N200504" s="10"/>
    </row>
    <row r="200505" spans="14:14">
      <c r="N200505" s="10"/>
    </row>
    <row r="200506" spans="14:14">
      <c r="N200506" s="10"/>
    </row>
    <row r="200507" spans="14:14">
      <c r="N200507" s="10"/>
    </row>
    <row r="200508" spans="14:14">
      <c r="N200508" s="10"/>
    </row>
    <row r="200509" spans="14:14">
      <c r="N200509" s="10"/>
    </row>
    <row r="200510" spans="14:14">
      <c r="N200510" s="10"/>
    </row>
    <row r="200511" spans="14:14">
      <c r="N200511" s="10"/>
    </row>
    <row r="200512" spans="14:14">
      <c r="N200512" s="10"/>
    </row>
    <row r="200513" spans="14:14">
      <c r="N200513" s="10"/>
    </row>
    <row r="200514" spans="14:14">
      <c r="N200514" s="10"/>
    </row>
    <row r="200515" spans="14:14">
      <c r="N200515" s="10"/>
    </row>
    <row r="200516" spans="14:14">
      <c r="N200516" s="10"/>
    </row>
    <row r="200517" spans="14:14">
      <c r="N200517" s="10"/>
    </row>
    <row r="200518" spans="14:14">
      <c r="N200518" s="10"/>
    </row>
    <row r="200519" spans="14:14">
      <c r="N200519" s="10"/>
    </row>
    <row r="200520" spans="14:14">
      <c r="N200520" s="10"/>
    </row>
    <row r="200521" spans="14:14">
      <c r="N200521" s="10"/>
    </row>
    <row r="200522" spans="14:14">
      <c r="N200522" s="10"/>
    </row>
    <row r="200523" spans="14:14">
      <c r="N200523" s="10"/>
    </row>
    <row r="200524" spans="14:14">
      <c r="N200524" s="10"/>
    </row>
    <row r="200525" spans="14:14">
      <c r="N200525" s="10"/>
    </row>
    <row r="200526" spans="14:14">
      <c r="N200526" s="10"/>
    </row>
    <row r="200527" spans="14:14">
      <c r="N200527" s="10"/>
    </row>
    <row r="200528" spans="14:14">
      <c r="N200528" s="10"/>
    </row>
    <row r="200529" spans="14:14">
      <c r="N200529" s="10"/>
    </row>
    <row r="200530" spans="14:14">
      <c r="N200530" s="10"/>
    </row>
    <row r="200531" spans="14:14">
      <c r="N200531" s="10"/>
    </row>
    <row r="200532" spans="14:14">
      <c r="N200532" s="10"/>
    </row>
    <row r="200533" spans="14:14">
      <c r="N200533" s="10"/>
    </row>
    <row r="200534" spans="14:14">
      <c r="N200534" s="10"/>
    </row>
    <row r="200535" spans="14:14">
      <c r="N200535" s="10"/>
    </row>
    <row r="200536" spans="14:14">
      <c r="N200536" s="10"/>
    </row>
    <row r="200537" spans="14:14">
      <c r="N200537" s="10"/>
    </row>
    <row r="200538" spans="14:14">
      <c r="N200538" s="10"/>
    </row>
    <row r="200539" spans="14:14">
      <c r="N200539" s="10"/>
    </row>
    <row r="200540" spans="14:14">
      <c r="N200540" s="10"/>
    </row>
    <row r="200541" spans="14:14">
      <c r="N200541" s="10"/>
    </row>
    <row r="200542" spans="14:14">
      <c r="N200542" s="10"/>
    </row>
    <row r="200543" spans="14:14">
      <c r="N200543" s="10"/>
    </row>
    <row r="200544" spans="14:14">
      <c r="N200544" s="10"/>
    </row>
    <row r="200545" spans="14:14">
      <c r="N200545" s="10"/>
    </row>
    <row r="200546" spans="14:14">
      <c r="N200546" s="10"/>
    </row>
    <row r="200547" spans="14:14">
      <c r="N200547" s="10"/>
    </row>
    <row r="200548" spans="14:14">
      <c r="N200548" s="10"/>
    </row>
    <row r="200549" spans="14:14">
      <c r="N200549" s="10"/>
    </row>
    <row r="200550" spans="14:14">
      <c r="N200550" s="10"/>
    </row>
    <row r="200551" spans="14:14">
      <c r="N200551" s="10"/>
    </row>
    <row r="200552" spans="14:14">
      <c r="N200552" s="10"/>
    </row>
    <row r="200553" spans="14:14">
      <c r="N200553" s="10"/>
    </row>
    <row r="200554" spans="14:14">
      <c r="N200554" s="10"/>
    </row>
    <row r="200555" spans="14:14">
      <c r="N200555" s="10"/>
    </row>
    <row r="200556" spans="14:14">
      <c r="N200556" s="10"/>
    </row>
    <row r="200557" spans="14:14">
      <c r="N200557" s="10"/>
    </row>
    <row r="200558" spans="14:14">
      <c r="N200558" s="10"/>
    </row>
    <row r="200559" spans="14:14">
      <c r="N200559" s="10"/>
    </row>
    <row r="200560" spans="14:14">
      <c r="N200560" s="10"/>
    </row>
    <row r="200561" spans="14:14">
      <c r="N200561" s="10"/>
    </row>
    <row r="200562" spans="14:14">
      <c r="N200562" s="10"/>
    </row>
    <row r="200563" spans="14:14">
      <c r="N200563" s="10"/>
    </row>
    <row r="200564" spans="14:14">
      <c r="N200564" s="10"/>
    </row>
    <row r="200565" spans="14:14">
      <c r="N200565" s="10"/>
    </row>
    <row r="200566" spans="14:14">
      <c r="N200566" s="10"/>
    </row>
    <row r="200567" spans="14:14">
      <c r="N200567" s="10"/>
    </row>
    <row r="200568" spans="14:14">
      <c r="N200568" s="10"/>
    </row>
    <row r="200569" spans="14:14">
      <c r="N200569" s="10"/>
    </row>
    <row r="200570" spans="14:14">
      <c r="N200570" s="10"/>
    </row>
    <row r="200571" spans="14:14">
      <c r="N200571" s="10"/>
    </row>
    <row r="200572" spans="14:14">
      <c r="N200572" s="10"/>
    </row>
    <row r="200573" spans="14:14">
      <c r="N200573" s="10"/>
    </row>
    <row r="200574" spans="14:14">
      <c r="N200574" s="10"/>
    </row>
    <row r="200575" spans="14:14">
      <c r="N200575" s="10"/>
    </row>
    <row r="200576" spans="14:14">
      <c r="N200576" s="10"/>
    </row>
    <row r="200577" spans="14:14">
      <c r="N200577" s="10"/>
    </row>
    <row r="200578" spans="14:14">
      <c r="N200578" s="10"/>
    </row>
    <row r="200579" spans="14:14">
      <c r="N200579" s="10"/>
    </row>
    <row r="200580" spans="14:14">
      <c r="N200580" s="10"/>
    </row>
    <row r="200581" spans="14:14">
      <c r="N200581" s="10"/>
    </row>
    <row r="200582" spans="14:14">
      <c r="N200582" s="10"/>
    </row>
    <row r="200583" spans="14:14">
      <c r="N200583" s="10"/>
    </row>
    <row r="200584" spans="14:14">
      <c r="N200584" s="10"/>
    </row>
    <row r="200585" spans="14:14">
      <c r="N200585" s="10"/>
    </row>
    <row r="200586" spans="14:14">
      <c r="N200586" s="10"/>
    </row>
    <row r="200587" spans="14:14">
      <c r="N200587" s="10"/>
    </row>
    <row r="200588" spans="14:14">
      <c r="N200588" s="10"/>
    </row>
    <row r="200589" spans="14:14">
      <c r="N200589" s="10"/>
    </row>
    <row r="200590" spans="14:14">
      <c r="N200590" s="10"/>
    </row>
    <row r="200591" spans="14:14">
      <c r="N200591" s="10"/>
    </row>
    <row r="200592" spans="14:14">
      <c r="N200592" s="10"/>
    </row>
    <row r="200593" spans="14:14">
      <c r="N200593" s="10"/>
    </row>
    <row r="200594" spans="14:14">
      <c r="N200594" s="10"/>
    </row>
    <row r="200595" spans="14:14">
      <c r="N200595" s="10"/>
    </row>
    <row r="200596" spans="14:14">
      <c r="N200596" s="10"/>
    </row>
    <row r="200597" spans="14:14">
      <c r="N200597" s="10"/>
    </row>
    <row r="200598" spans="14:14">
      <c r="N200598" s="10"/>
    </row>
    <row r="200599" spans="14:14">
      <c r="N200599" s="10"/>
    </row>
    <row r="200600" spans="14:14">
      <c r="N200600" s="10"/>
    </row>
    <row r="200601" spans="14:14">
      <c r="N200601" s="10"/>
    </row>
    <row r="200602" spans="14:14">
      <c r="N200602" s="10"/>
    </row>
    <row r="200603" spans="14:14">
      <c r="N200603" s="10"/>
    </row>
    <row r="200604" spans="14:14">
      <c r="N200604" s="10"/>
    </row>
    <row r="200605" spans="14:14">
      <c r="N200605" s="10"/>
    </row>
    <row r="200606" spans="14:14">
      <c r="N200606" s="10"/>
    </row>
    <row r="200607" spans="14:14">
      <c r="N200607" s="10"/>
    </row>
    <row r="200608" spans="14:14">
      <c r="N200608" s="10"/>
    </row>
    <row r="200609" spans="14:14">
      <c r="N200609" s="10"/>
    </row>
    <row r="200610" spans="14:14">
      <c r="N200610" s="10"/>
    </row>
    <row r="200611" spans="14:14">
      <c r="N200611" s="10"/>
    </row>
    <row r="200612" spans="14:14">
      <c r="N200612" s="10"/>
    </row>
    <row r="200613" spans="14:14">
      <c r="N200613" s="10"/>
    </row>
    <row r="200614" spans="14:14">
      <c r="N200614" s="10"/>
    </row>
    <row r="200615" spans="14:14">
      <c r="N200615" s="10"/>
    </row>
    <row r="200616" spans="14:14">
      <c r="N200616" s="10"/>
    </row>
    <row r="200617" spans="14:14">
      <c r="N200617" s="10"/>
    </row>
    <row r="200618" spans="14:14">
      <c r="N200618" s="10"/>
    </row>
    <row r="200619" spans="14:14">
      <c r="N200619" s="10"/>
    </row>
    <row r="200620" spans="14:14">
      <c r="N200620" s="10"/>
    </row>
    <row r="200621" spans="14:14">
      <c r="N200621" s="10"/>
    </row>
    <row r="200622" spans="14:14">
      <c r="N200622" s="10"/>
    </row>
    <row r="200623" spans="14:14">
      <c r="N200623" s="10"/>
    </row>
    <row r="200624" spans="14:14">
      <c r="N200624" s="10"/>
    </row>
    <row r="200625" spans="14:14">
      <c r="N200625" s="10"/>
    </row>
    <row r="200626" spans="14:14">
      <c r="N200626" s="10"/>
    </row>
    <row r="200627" spans="14:14">
      <c r="N200627" s="10"/>
    </row>
    <row r="200628" spans="14:14">
      <c r="N200628" s="10"/>
    </row>
    <row r="200629" spans="14:14">
      <c r="N200629" s="10"/>
    </row>
    <row r="200630" spans="14:14">
      <c r="N200630" s="10"/>
    </row>
    <row r="200631" spans="14:14">
      <c r="N200631" s="10"/>
    </row>
    <row r="200632" spans="14:14">
      <c r="N200632" s="10"/>
    </row>
    <row r="200633" spans="14:14">
      <c r="N200633" s="10"/>
    </row>
    <row r="200634" spans="14:14">
      <c r="N200634" s="10"/>
    </row>
    <row r="200635" spans="14:14">
      <c r="N200635" s="10"/>
    </row>
    <row r="200636" spans="14:14">
      <c r="N200636" s="10"/>
    </row>
    <row r="200637" spans="14:14">
      <c r="N200637" s="10"/>
    </row>
    <row r="200638" spans="14:14">
      <c r="N200638" s="10"/>
    </row>
    <row r="200639" spans="14:14">
      <c r="N200639" s="10"/>
    </row>
    <row r="200640" spans="14:14">
      <c r="N200640" s="10"/>
    </row>
    <row r="200641" spans="14:14">
      <c r="N200641" s="10"/>
    </row>
    <row r="200642" spans="14:14">
      <c r="N200642" s="10"/>
    </row>
    <row r="200643" spans="14:14">
      <c r="N200643" s="10"/>
    </row>
    <row r="200644" spans="14:14">
      <c r="N200644" s="10"/>
    </row>
    <row r="200645" spans="14:14">
      <c r="N200645" s="10"/>
    </row>
    <row r="200646" spans="14:14">
      <c r="N200646" s="10"/>
    </row>
    <row r="200647" spans="14:14">
      <c r="N200647" s="10"/>
    </row>
    <row r="200648" spans="14:14">
      <c r="N200648" s="10"/>
    </row>
    <row r="200649" spans="14:14">
      <c r="N200649" s="10"/>
    </row>
    <row r="200650" spans="14:14">
      <c r="N200650" s="10"/>
    </row>
    <row r="200651" spans="14:14">
      <c r="N200651" s="10"/>
    </row>
    <row r="200652" spans="14:14">
      <c r="N200652" s="10"/>
    </row>
    <row r="200653" spans="14:14">
      <c r="N200653" s="10"/>
    </row>
    <row r="200654" spans="14:14">
      <c r="N200654" s="10"/>
    </row>
    <row r="200655" spans="14:14">
      <c r="N200655" s="10"/>
    </row>
    <row r="200656" spans="14:14">
      <c r="N200656" s="10"/>
    </row>
    <row r="200657" spans="14:14">
      <c r="N200657" s="10"/>
    </row>
    <row r="200658" spans="14:14">
      <c r="N200658" s="10"/>
    </row>
    <row r="200659" spans="14:14">
      <c r="N200659" s="10"/>
    </row>
    <row r="200660" spans="14:14">
      <c r="N200660" s="10"/>
    </row>
    <row r="200661" spans="14:14">
      <c r="N200661" s="10"/>
    </row>
    <row r="200662" spans="14:14">
      <c r="N200662" s="10"/>
    </row>
    <row r="200663" spans="14:14">
      <c r="N200663" s="10"/>
    </row>
    <row r="200664" spans="14:14">
      <c r="N200664" s="10"/>
    </row>
    <row r="200665" spans="14:14">
      <c r="N200665" s="10"/>
    </row>
    <row r="200666" spans="14:14">
      <c r="N200666" s="10"/>
    </row>
    <row r="200667" spans="14:14">
      <c r="N200667" s="10"/>
    </row>
    <row r="200668" spans="14:14">
      <c r="N200668" s="10"/>
    </row>
    <row r="200669" spans="14:14">
      <c r="N200669" s="10"/>
    </row>
    <row r="200670" spans="14:14">
      <c r="N200670" s="10"/>
    </row>
    <row r="200671" spans="14:14">
      <c r="N200671" s="10"/>
    </row>
    <row r="200672" spans="14:14">
      <c r="N200672" s="10"/>
    </row>
    <row r="200673" spans="14:14">
      <c r="N200673" s="10"/>
    </row>
    <row r="200674" spans="14:14">
      <c r="N200674" s="10"/>
    </row>
    <row r="200675" spans="14:14">
      <c r="N200675" s="10"/>
    </row>
    <row r="200676" spans="14:14">
      <c r="N200676" s="10"/>
    </row>
    <row r="200677" spans="14:14">
      <c r="N200677" s="10"/>
    </row>
    <row r="200678" spans="14:14">
      <c r="N200678" s="10"/>
    </row>
    <row r="200679" spans="14:14">
      <c r="N200679" s="10"/>
    </row>
    <row r="200680" spans="14:14">
      <c r="N200680" s="10"/>
    </row>
    <row r="200681" spans="14:14">
      <c r="N200681" s="10"/>
    </row>
    <row r="200682" spans="14:14">
      <c r="N200682" s="10"/>
    </row>
    <row r="200683" spans="14:14">
      <c r="N200683" s="10"/>
    </row>
    <row r="200684" spans="14:14">
      <c r="N200684" s="10"/>
    </row>
    <row r="200685" spans="14:14">
      <c r="N200685" s="10"/>
    </row>
    <row r="200686" spans="14:14">
      <c r="N200686" s="10"/>
    </row>
    <row r="200687" spans="14:14">
      <c r="N200687" s="10"/>
    </row>
    <row r="200688" spans="14:14">
      <c r="N200688" s="10"/>
    </row>
    <row r="200689" spans="14:14">
      <c r="N200689" s="10"/>
    </row>
    <row r="200690" spans="14:14">
      <c r="N200690" s="10"/>
    </row>
    <row r="200691" spans="14:14">
      <c r="N200691" s="10"/>
    </row>
    <row r="200692" spans="14:14">
      <c r="N200692" s="10"/>
    </row>
    <row r="200693" spans="14:14">
      <c r="N200693" s="10"/>
    </row>
    <row r="200694" spans="14:14">
      <c r="N200694" s="10"/>
    </row>
    <row r="200695" spans="14:14">
      <c r="N200695" s="10"/>
    </row>
    <row r="200696" spans="14:14">
      <c r="N200696" s="10"/>
    </row>
    <row r="200697" spans="14:14">
      <c r="N200697" s="10"/>
    </row>
    <row r="200698" spans="14:14">
      <c r="N200698" s="10"/>
    </row>
    <row r="200699" spans="14:14">
      <c r="N200699" s="10"/>
    </row>
    <row r="200700" spans="14:14">
      <c r="N200700" s="10"/>
    </row>
    <row r="200701" spans="14:14">
      <c r="N200701" s="10"/>
    </row>
    <row r="200702" spans="14:14">
      <c r="N200702" s="10"/>
    </row>
    <row r="200703" spans="14:14">
      <c r="N200703" s="10"/>
    </row>
    <row r="200704" spans="14:14">
      <c r="N200704" s="10"/>
    </row>
    <row r="200705" spans="14:14">
      <c r="N200705" s="10"/>
    </row>
    <row r="200706" spans="14:14">
      <c r="N200706" s="10"/>
    </row>
    <row r="200707" spans="14:14">
      <c r="N200707" s="10"/>
    </row>
    <row r="200708" spans="14:14">
      <c r="N200708" s="10"/>
    </row>
    <row r="200709" spans="14:14">
      <c r="N200709" s="10"/>
    </row>
    <row r="200710" spans="14:14">
      <c r="N200710" s="10"/>
    </row>
    <row r="200711" spans="14:14">
      <c r="N200711" s="10"/>
    </row>
    <row r="200712" spans="14:14">
      <c r="N200712" s="10"/>
    </row>
    <row r="200713" spans="14:14">
      <c r="N200713" s="10"/>
    </row>
    <row r="200714" spans="14:14">
      <c r="N200714" s="10"/>
    </row>
    <row r="200715" spans="14:14">
      <c r="N200715" s="10"/>
    </row>
    <row r="200716" spans="14:14">
      <c r="N200716" s="10"/>
    </row>
    <row r="200717" spans="14:14">
      <c r="N200717" s="10"/>
    </row>
    <row r="200718" spans="14:14">
      <c r="N200718" s="10"/>
    </row>
    <row r="200719" spans="14:14">
      <c r="N200719" s="10"/>
    </row>
    <row r="200720" spans="14:14">
      <c r="N200720" s="10"/>
    </row>
    <row r="200721" spans="14:14">
      <c r="N200721" s="10"/>
    </row>
    <row r="200722" spans="14:14">
      <c r="N200722" s="10"/>
    </row>
    <row r="200723" spans="14:14">
      <c r="N200723" s="10"/>
    </row>
    <row r="200724" spans="14:14">
      <c r="N200724" s="10"/>
    </row>
    <row r="200725" spans="14:14">
      <c r="N200725" s="10"/>
    </row>
    <row r="200726" spans="14:14">
      <c r="N200726" s="10"/>
    </row>
    <row r="200727" spans="14:14">
      <c r="N200727" s="10"/>
    </row>
    <row r="200728" spans="14:14">
      <c r="N200728" s="10"/>
    </row>
    <row r="200729" spans="14:14">
      <c r="N200729" s="10"/>
    </row>
    <row r="200730" spans="14:14">
      <c r="N200730" s="10"/>
    </row>
    <row r="200731" spans="14:14">
      <c r="N200731" s="10"/>
    </row>
    <row r="200732" spans="14:14">
      <c r="N200732" s="10"/>
    </row>
    <row r="200733" spans="14:14">
      <c r="N200733" s="10"/>
    </row>
    <row r="200734" spans="14:14">
      <c r="N200734" s="10"/>
    </row>
    <row r="200735" spans="14:14">
      <c r="N200735" s="10"/>
    </row>
    <row r="200736" spans="14:14">
      <c r="N200736" s="10"/>
    </row>
    <row r="200737" spans="14:14">
      <c r="N200737" s="10"/>
    </row>
    <row r="200738" spans="14:14">
      <c r="N200738" s="10"/>
    </row>
    <row r="200739" spans="14:14">
      <c r="N200739" s="10"/>
    </row>
    <row r="200740" spans="14:14">
      <c r="N200740" s="10"/>
    </row>
    <row r="200741" spans="14:14">
      <c r="N200741" s="10"/>
    </row>
    <row r="200742" spans="14:14">
      <c r="N200742" s="10"/>
    </row>
    <row r="200743" spans="14:14">
      <c r="N200743" s="10"/>
    </row>
    <row r="200744" spans="14:14">
      <c r="N200744" s="10"/>
    </row>
    <row r="200745" spans="14:14">
      <c r="N200745" s="10"/>
    </row>
    <row r="200746" spans="14:14">
      <c r="N200746" s="10"/>
    </row>
    <row r="200747" spans="14:14">
      <c r="N200747" s="10"/>
    </row>
    <row r="200748" spans="14:14">
      <c r="N200748" s="10"/>
    </row>
    <row r="200749" spans="14:14">
      <c r="N200749" s="10"/>
    </row>
    <row r="200750" spans="14:14">
      <c r="N200750" s="10"/>
    </row>
    <row r="200751" spans="14:14">
      <c r="N200751" s="10"/>
    </row>
    <row r="200752" spans="14:14">
      <c r="N200752" s="10"/>
    </row>
    <row r="200753" spans="14:14">
      <c r="N200753" s="10"/>
    </row>
    <row r="200754" spans="14:14">
      <c r="N200754" s="10"/>
    </row>
    <row r="200755" spans="14:14">
      <c r="N200755" s="10"/>
    </row>
    <row r="200756" spans="14:14">
      <c r="N200756" s="10"/>
    </row>
    <row r="200757" spans="14:14">
      <c r="N200757" s="10"/>
    </row>
    <row r="200758" spans="14:14">
      <c r="N200758" s="10"/>
    </row>
    <row r="200759" spans="14:14">
      <c r="N200759" s="10"/>
    </row>
    <row r="200760" spans="14:14">
      <c r="N200760" s="10"/>
    </row>
    <row r="200761" spans="14:14">
      <c r="N200761" s="10"/>
    </row>
    <row r="200762" spans="14:14">
      <c r="N200762" s="10"/>
    </row>
    <row r="200763" spans="14:14">
      <c r="N200763" s="10"/>
    </row>
    <row r="200764" spans="14:14">
      <c r="N200764" s="10"/>
    </row>
    <row r="200765" spans="14:14">
      <c r="N200765" s="10"/>
    </row>
    <row r="200766" spans="14:14">
      <c r="N200766" s="10"/>
    </row>
    <row r="200767" spans="14:14">
      <c r="N200767" s="10"/>
    </row>
    <row r="200768" spans="14:14">
      <c r="N200768" s="10"/>
    </row>
    <row r="200769" spans="14:14">
      <c r="N200769" s="10"/>
    </row>
    <row r="200770" spans="14:14">
      <c r="N200770" s="10"/>
    </row>
    <row r="200771" spans="14:14">
      <c r="N200771" s="10"/>
    </row>
    <row r="200772" spans="14:14">
      <c r="N200772" s="10"/>
    </row>
    <row r="200773" spans="14:14">
      <c r="N200773" s="10"/>
    </row>
    <row r="200774" spans="14:14">
      <c r="N200774" s="10"/>
    </row>
    <row r="200775" spans="14:14">
      <c r="N200775" s="10"/>
    </row>
    <row r="200776" spans="14:14">
      <c r="N200776" s="10"/>
    </row>
    <row r="200777" spans="14:14">
      <c r="N200777" s="10"/>
    </row>
    <row r="200778" spans="14:14">
      <c r="N200778" s="10"/>
    </row>
    <row r="200779" spans="14:14">
      <c r="N200779" s="10"/>
    </row>
    <row r="200780" spans="14:14">
      <c r="N200780" s="10"/>
    </row>
    <row r="200781" spans="14:14">
      <c r="N200781" s="10"/>
    </row>
    <row r="200782" spans="14:14">
      <c r="N200782" s="10"/>
    </row>
    <row r="200783" spans="14:14">
      <c r="N200783" s="10"/>
    </row>
    <row r="200784" spans="14:14">
      <c r="N200784" s="10"/>
    </row>
    <row r="200785" spans="14:14">
      <c r="N200785" s="10"/>
    </row>
    <row r="200786" spans="14:14">
      <c r="N200786" s="10"/>
    </row>
    <row r="200787" spans="14:14">
      <c r="N200787" s="10"/>
    </row>
    <row r="200788" spans="14:14">
      <c r="N200788" s="10"/>
    </row>
    <row r="200789" spans="14:14">
      <c r="N200789" s="10"/>
    </row>
    <row r="200790" spans="14:14">
      <c r="N200790" s="10"/>
    </row>
    <row r="200791" spans="14:14">
      <c r="N200791" s="10"/>
    </row>
    <row r="200792" spans="14:14">
      <c r="N200792" s="10"/>
    </row>
    <row r="200793" spans="14:14">
      <c r="N200793" s="10"/>
    </row>
    <row r="200794" spans="14:14">
      <c r="N200794" s="10"/>
    </row>
    <row r="200795" spans="14:14">
      <c r="N200795" s="10"/>
    </row>
    <row r="200796" spans="14:14">
      <c r="N200796" s="10"/>
    </row>
    <row r="200797" spans="14:14">
      <c r="N200797" s="10"/>
    </row>
    <row r="200798" spans="14:14">
      <c r="N200798" s="10"/>
    </row>
    <row r="200799" spans="14:14">
      <c r="N200799" s="10"/>
    </row>
    <row r="200800" spans="14:14">
      <c r="N200800" s="10"/>
    </row>
    <row r="200801" spans="14:14">
      <c r="N200801" s="10"/>
    </row>
    <row r="200802" spans="14:14">
      <c r="N200802" s="10"/>
    </row>
    <row r="200803" spans="14:14">
      <c r="N200803" s="10"/>
    </row>
    <row r="200804" spans="14:14">
      <c r="N200804" s="10"/>
    </row>
    <row r="200805" spans="14:14">
      <c r="N200805" s="10"/>
    </row>
    <row r="200806" spans="14:14">
      <c r="N200806" s="10"/>
    </row>
    <row r="200807" spans="14:14">
      <c r="N200807" s="10"/>
    </row>
    <row r="200808" spans="14:14">
      <c r="N200808" s="10"/>
    </row>
    <row r="200809" spans="14:14">
      <c r="N200809" s="10"/>
    </row>
    <row r="200810" spans="14:14">
      <c r="N200810" s="10"/>
    </row>
    <row r="200811" spans="14:14">
      <c r="N200811" s="10"/>
    </row>
    <row r="200812" spans="14:14">
      <c r="N200812" s="10"/>
    </row>
    <row r="200813" spans="14:14">
      <c r="N200813" s="10"/>
    </row>
    <row r="200814" spans="14:14">
      <c r="N200814" s="10"/>
    </row>
    <row r="200815" spans="14:14">
      <c r="N200815" s="10"/>
    </row>
    <row r="200816" spans="14:14">
      <c r="N200816" s="10"/>
    </row>
    <row r="200817" spans="14:14">
      <c r="N200817" s="10"/>
    </row>
    <row r="200818" spans="14:14">
      <c r="N200818" s="10"/>
    </row>
    <row r="200819" spans="14:14">
      <c r="N200819" s="10"/>
    </row>
    <row r="200820" spans="14:14">
      <c r="N200820" s="10"/>
    </row>
    <row r="200821" spans="14:14">
      <c r="N200821" s="10"/>
    </row>
    <row r="200822" spans="14:14">
      <c r="N200822" s="10"/>
    </row>
    <row r="200823" spans="14:14">
      <c r="N200823" s="10"/>
    </row>
    <row r="200824" spans="14:14">
      <c r="N200824" s="10"/>
    </row>
    <row r="200825" spans="14:14">
      <c r="N200825" s="10"/>
    </row>
    <row r="200826" spans="14:14">
      <c r="N200826" s="10"/>
    </row>
    <row r="200827" spans="14:14">
      <c r="N200827" s="10"/>
    </row>
    <row r="200828" spans="14:14">
      <c r="N200828" s="10"/>
    </row>
    <row r="200829" spans="14:14">
      <c r="N200829" s="10"/>
    </row>
    <row r="200830" spans="14:14">
      <c r="N200830" s="10"/>
    </row>
    <row r="200831" spans="14:14">
      <c r="N200831" s="10"/>
    </row>
    <row r="200832" spans="14:14">
      <c r="N200832" s="10"/>
    </row>
    <row r="200833" spans="14:14">
      <c r="N200833" s="10"/>
    </row>
    <row r="200834" spans="14:14">
      <c r="N200834" s="10"/>
    </row>
    <row r="200835" spans="14:14">
      <c r="N200835" s="10"/>
    </row>
    <row r="200836" spans="14:14">
      <c r="N200836" s="10"/>
    </row>
    <row r="200837" spans="14:14">
      <c r="N200837" s="10"/>
    </row>
    <row r="200838" spans="14:14">
      <c r="N200838" s="10"/>
    </row>
    <row r="200839" spans="14:14">
      <c r="N200839" s="10"/>
    </row>
    <row r="200840" spans="14:14">
      <c r="N200840" s="10"/>
    </row>
    <row r="200841" spans="14:14">
      <c r="N200841" s="10"/>
    </row>
    <row r="200842" spans="14:14">
      <c r="N200842" s="10"/>
    </row>
    <row r="200843" spans="14:14">
      <c r="N200843" s="10"/>
    </row>
    <row r="200844" spans="14:14">
      <c r="N200844" s="10"/>
    </row>
    <row r="200845" spans="14:14">
      <c r="N200845" s="10"/>
    </row>
    <row r="200846" spans="14:14">
      <c r="N200846" s="10"/>
    </row>
    <row r="200847" spans="14:14">
      <c r="N200847" s="10"/>
    </row>
    <row r="200848" spans="14:14">
      <c r="N200848" s="10"/>
    </row>
    <row r="200849" spans="14:14">
      <c r="N200849" s="10"/>
    </row>
    <row r="200850" spans="14:14">
      <c r="N200850" s="10"/>
    </row>
    <row r="200851" spans="14:14">
      <c r="N200851" s="10"/>
    </row>
    <row r="200852" spans="14:14">
      <c r="N200852" s="10"/>
    </row>
    <row r="200853" spans="14:14">
      <c r="N200853" s="10"/>
    </row>
    <row r="200854" spans="14:14">
      <c r="N200854" s="10"/>
    </row>
    <row r="200855" spans="14:14">
      <c r="N200855" s="10"/>
    </row>
    <row r="200856" spans="14:14">
      <c r="N200856" s="10"/>
    </row>
    <row r="200857" spans="14:14">
      <c r="N200857" s="10"/>
    </row>
    <row r="200858" spans="14:14">
      <c r="N200858" s="10"/>
    </row>
    <row r="200859" spans="14:14">
      <c r="N200859" s="10"/>
    </row>
    <row r="200860" spans="14:14">
      <c r="N200860" s="10"/>
    </row>
    <row r="200861" spans="14:14">
      <c r="N200861" s="10"/>
    </row>
    <row r="200862" spans="14:14">
      <c r="N200862" s="10"/>
    </row>
    <row r="200863" spans="14:14">
      <c r="N200863" s="10"/>
    </row>
    <row r="200864" spans="14:14">
      <c r="N200864" s="10"/>
    </row>
    <row r="200865" spans="14:14">
      <c r="N200865" s="10"/>
    </row>
    <row r="200866" spans="14:14">
      <c r="N200866" s="10"/>
    </row>
    <row r="200867" spans="14:14">
      <c r="N200867" s="10"/>
    </row>
    <row r="200868" spans="14:14">
      <c r="N200868" s="10"/>
    </row>
    <row r="200869" spans="14:14">
      <c r="N200869" s="10"/>
    </row>
    <row r="200870" spans="14:14">
      <c r="N200870" s="10"/>
    </row>
    <row r="200871" spans="14:14">
      <c r="N200871" s="10"/>
    </row>
    <row r="200872" spans="14:14">
      <c r="N200872" s="10"/>
    </row>
    <row r="200873" spans="14:14">
      <c r="N200873" s="10"/>
    </row>
    <row r="200874" spans="14:14">
      <c r="N200874" s="10"/>
    </row>
    <row r="200875" spans="14:14">
      <c r="N200875" s="10"/>
    </row>
    <row r="200876" spans="14:14">
      <c r="N200876" s="10"/>
    </row>
    <row r="200877" spans="14:14">
      <c r="N200877" s="10"/>
    </row>
    <row r="200878" spans="14:14">
      <c r="N200878" s="10"/>
    </row>
    <row r="200879" spans="14:14">
      <c r="N200879" s="10"/>
    </row>
    <row r="200880" spans="14:14">
      <c r="N200880" s="10"/>
    </row>
    <row r="200881" spans="14:14">
      <c r="N200881" s="10"/>
    </row>
    <row r="200882" spans="14:14">
      <c r="N200882" s="10"/>
    </row>
    <row r="200883" spans="14:14">
      <c r="N200883" s="10"/>
    </row>
    <row r="200884" spans="14:14">
      <c r="N200884" s="10"/>
    </row>
    <row r="200885" spans="14:14">
      <c r="N200885" s="10"/>
    </row>
    <row r="200886" spans="14:14">
      <c r="N200886" s="10"/>
    </row>
    <row r="200887" spans="14:14">
      <c r="N200887" s="10"/>
    </row>
    <row r="200888" spans="14:14">
      <c r="N200888" s="10"/>
    </row>
    <row r="200889" spans="14:14">
      <c r="N200889" s="10"/>
    </row>
    <row r="200890" spans="14:14">
      <c r="N200890" s="10"/>
    </row>
    <row r="200891" spans="14:14">
      <c r="N200891" s="10"/>
    </row>
    <row r="200892" spans="14:14">
      <c r="N200892" s="10"/>
    </row>
    <row r="200893" spans="14:14">
      <c r="N200893" s="10"/>
    </row>
    <row r="200894" spans="14:14">
      <c r="N200894" s="10"/>
    </row>
    <row r="200895" spans="14:14">
      <c r="N200895" s="10"/>
    </row>
    <row r="200896" spans="14:14">
      <c r="N200896" s="10"/>
    </row>
    <row r="200897" spans="14:14">
      <c r="N200897" s="10"/>
    </row>
    <row r="200898" spans="14:14">
      <c r="N200898" s="10"/>
    </row>
    <row r="200899" spans="14:14">
      <c r="N200899" s="10"/>
    </row>
    <row r="200900" spans="14:14">
      <c r="N200900" s="10"/>
    </row>
    <row r="200901" spans="14:14">
      <c r="N200901" s="10"/>
    </row>
    <row r="200902" spans="14:14">
      <c r="N200902" s="10"/>
    </row>
    <row r="200903" spans="14:14">
      <c r="N200903" s="10"/>
    </row>
    <row r="200904" spans="14:14">
      <c r="N200904" s="10"/>
    </row>
    <row r="200905" spans="14:14">
      <c r="N200905" s="10"/>
    </row>
    <row r="200906" spans="14:14">
      <c r="N200906" s="10"/>
    </row>
    <row r="200907" spans="14:14">
      <c r="N200907" s="10"/>
    </row>
    <row r="200908" spans="14:14">
      <c r="N200908" s="10"/>
    </row>
    <row r="200909" spans="14:14">
      <c r="N200909" s="10"/>
    </row>
    <row r="200910" spans="14:14">
      <c r="N200910" s="10"/>
    </row>
    <row r="200911" spans="14:14">
      <c r="N200911" s="10"/>
    </row>
    <row r="200912" spans="14:14">
      <c r="N200912" s="10"/>
    </row>
    <row r="200913" spans="14:14">
      <c r="N200913" s="10"/>
    </row>
    <row r="200914" spans="14:14">
      <c r="N200914" s="10"/>
    </row>
    <row r="200915" spans="14:14">
      <c r="N200915" s="10"/>
    </row>
    <row r="200916" spans="14:14">
      <c r="N200916" s="10"/>
    </row>
    <row r="200917" spans="14:14">
      <c r="N200917" s="10"/>
    </row>
    <row r="200918" spans="14:14">
      <c r="N200918" s="10"/>
    </row>
    <row r="200919" spans="14:14">
      <c r="N200919" s="10"/>
    </row>
    <row r="200920" spans="14:14">
      <c r="N200920" s="10"/>
    </row>
    <row r="200921" spans="14:14">
      <c r="N200921" s="10"/>
    </row>
    <row r="200922" spans="14:14">
      <c r="N200922" s="10"/>
    </row>
    <row r="200923" spans="14:14">
      <c r="N200923" s="10"/>
    </row>
    <row r="200924" spans="14:14">
      <c r="N200924" s="10"/>
    </row>
    <row r="200925" spans="14:14">
      <c r="N200925" s="10"/>
    </row>
    <row r="200926" spans="14:14">
      <c r="N200926" s="10"/>
    </row>
    <row r="200927" spans="14:14">
      <c r="N200927" s="10"/>
    </row>
    <row r="200928" spans="14:14">
      <c r="N200928" s="10"/>
    </row>
    <row r="200929" spans="14:14">
      <c r="N200929" s="10"/>
    </row>
    <row r="200930" spans="14:14">
      <c r="N200930" s="10"/>
    </row>
    <row r="200931" spans="14:14">
      <c r="N200931" s="10"/>
    </row>
    <row r="200932" spans="14:14">
      <c r="N200932" s="10"/>
    </row>
    <row r="200933" spans="14:14">
      <c r="N200933" s="10"/>
    </row>
    <row r="200934" spans="14:14">
      <c r="N200934" s="10"/>
    </row>
    <row r="200935" spans="14:14">
      <c r="N200935" s="10"/>
    </row>
    <row r="200936" spans="14:14">
      <c r="N200936" s="10"/>
    </row>
    <row r="200937" spans="14:14">
      <c r="N200937" s="10"/>
    </row>
    <row r="200938" spans="14:14">
      <c r="N200938" s="10"/>
    </row>
    <row r="200939" spans="14:14">
      <c r="N200939" s="10"/>
    </row>
    <row r="200940" spans="14:14">
      <c r="N200940" s="10"/>
    </row>
    <row r="200941" spans="14:14">
      <c r="N200941" s="10"/>
    </row>
    <row r="200942" spans="14:14">
      <c r="N200942" s="10"/>
    </row>
    <row r="200943" spans="14:14">
      <c r="N200943" s="10"/>
    </row>
    <row r="200944" spans="14:14">
      <c r="N200944" s="10"/>
    </row>
    <row r="200945" spans="14:14">
      <c r="N200945" s="10"/>
    </row>
    <row r="200946" spans="14:14">
      <c r="N200946" s="10"/>
    </row>
    <row r="200947" spans="14:14">
      <c r="N200947" s="10"/>
    </row>
    <row r="200948" spans="14:14">
      <c r="N200948" s="10"/>
    </row>
    <row r="200949" spans="14:14">
      <c r="N200949" s="10"/>
    </row>
    <row r="200950" spans="14:14">
      <c r="N200950" s="10"/>
    </row>
    <row r="200951" spans="14:14">
      <c r="N200951" s="10"/>
    </row>
    <row r="200952" spans="14:14">
      <c r="N200952" s="10"/>
    </row>
    <row r="200953" spans="14:14">
      <c r="N200953" s="10"/>
    </row>
    <row r="200954" spans="14:14">
      <c r="N200954" s="10"/>
    </row>
    <row r="200955" spans="14:14">
      <c r="N200955" s="10"/>
    </row>
    <row r="200956" spans="14:14">
      <c r="N200956" s="10"/>
    </row>
    <row r="200957" spans="14:14">
      <c r="N200957" s="10"/>
    </row>
    <row r="200958" spans="14:14">
      <c r="N200958" s="10"/>
    </row>
    <row r="200959" spans="14:14">
      <c r="N200959" s="10"/>
    </row>
    <row r="200960" spans="14:14">
      <c r="N200960" s="10"/>
    </row>
    <row r="200961" spans="14:14">
      <c r="N200961" s="10"/>
    </row>
    <row r="200962" spans="14:14">
      <c r="N200962" s="10"/>
    </row>
    <row r="200963" spans="14:14">
      <c r="N200963" s="10"/>
    </row>
    <row r="200964" spans="14:14">
      <c r="N200964" s="10"/>
    </row>
    <row r="200965" spans="14:14">
      <c r="N200965" s="10"/>
    </row>
    <row r="200966" spans="14:14">
      <c r="N200966" s="10"/>
    </row>
    <row r="200967" spans="14:14">
      <c r="N200967" s="10"/>
    </row>
    <row r="200968" spans="14:14">
      <c r="N200968" s="10"/>
    </row>
    <row r="200969" spans="14:14">
      <c r="N200969" s="10"/>
    </row>
    <row r="200970" spans="14:14">
      <c r="N200970" s="10"/>
    </row>
    <row r="200971" spans="14:14">
      <c r="N200971" s="10"/>
    </row>
    <row r="200972" spans="14:14">
      <c r="N200972" s="10"/>
    </row>
    <row r="200973" spans="14:14">
      <c r="N200973" s="10"/>
    </row>
    <row r="200974" spans="14:14">
      <c r="N200974" s="10"/>
    </row>
    <row r="200975" spans="14:14">
      <c r="N200975" s="10"/>
    </row>
    <row r="200976" spans="14:14">
      <c r="N200976" s="10"/>
    </row>
    <row r="200977" spans="14:14">
      <c r="N200977" s="10"/>
    </row>
    <row r="200978" spans="14:14">
      <c r="N200978" s="10"/>
    </row>
    <row r="200979" spans="14:14">
      <c r="N200979" s="10"/>
    </row>
    <row r="200980" spans="14:14">
      <c r="N200980" s="10"/>
    </row>
    <row r="200981" spans="14:14">
      <c r="N200981" s="10"/>
    </row>
    <row r="200982" spans="14:14">
      <c r="N200982" s="10"/>
    </row>
    <row r="200983" spans="14:14">
      <c r="N200983" s="10"/>
    </row>
    <row r="200984" spans="14:14">
      <c r="N200984" s="10"/>
    </row>
    <row r="200985" spans="14:14">
      <c r="N200985" s="10"/>
    </row>
    <row r="200986" spans="14:14">
      <c r="N200986" s="10"/>
    </row>
    <row r="200987" spans="14:14">
      <c r="N200987" s="10"/>
    </row>
    <row r="200988" spans="14:14">
      <c r="N200988" s="10"/>
    </row>
    <row r="200989" spans="14:14">
      <c r="N200989" s="10"/>
    </row>
    <row r="200990" spans="14:14">
      <c r="N200990" s="10"/>
    </row>
    <row r="200991" spans="14:14">
      <c r="N200991" s="10"/>
    </row>
    <row r="200992" spans="14:14">
      <c r="N200992" s="10"/>
    </row>
    <row r="200993" spans="14:14">
      <c r="N200993" s="10"/>
    </row>
    <row r="200994" spans="14:14">
      <c r="N200994" s="10"/>
    </row>
    <row r="200995" spans="14:14">
      <c r="N200995" s="10"/>
    </row>
    <row r="200996" spans="14:14">
      <c r="N200996" s="10"/>
    </row>
    <row r="200997" spans="14:14">
      <c r="N200997" s="10"/>
    </row>
    <row r="200998" spans="14:14">
      <c r="N200998" s="10"/>
    </row>
    <row r="200999" spans="14:14">
      <c r="N200999" s="10"/>
    </row>
    <row r="201000" spans="14:14">
      <c r="N201000" s="10"/>
    </row>
    <row r="201001" spans="14:14">
      <c r="N201001" s="10"/>
    </row>
    <row r="201002" spans="14:14">
      <c r="N201002" s="10"/>
    </row>
    <row r="201003" spans="14:14">
      <c r="N201003" s="10"/>
    </row>
    <row r="201004" spans="14:14">
      <c r="N201004" s="10"/>
    </row>
    <row r="201005" spans="14:14">
      <c r="N201005" s="10"/>
    </row>
    <row r="201006" spans="14:14">
      <c r="N201006" s="10"/>
    </row>
    <row r="201007" spans="14:14">
      <c r="N201007" s="10"/>
    </row>
    <row r="201008" spans="14:14">
      <c r="N201008" s="10"/>
    </row>
    <row r="201009" spans="14:14">
      <c r="N201009" s="10"/>
    </row>
    <row r="201010" spans="14:14">
      <c r="N201010" s="10"/>
    </row>
    <row r="201011" spans="14:14">
      <c r="N201011" s="10"/>
    </row>
    <row r="201012" spans="14:14">
      <c r="N201012" s="10"/>
    </row>
    <row r="201013" spans="14:14">
      <c r="N201013" s="10"/>
    </row>
    <row r="201014" spans="14:14">
      <c r="N201014" s="10"/>
    </row>
    <row r="201015" spans="14:14">
      <c r="N201015" s="10"/>
    </row>
    <row r="201016" spans="14:14">
      <c r="N201016" s="10"/>
    </row>
    <row r="201017" spans="14:14">
      <c r="N201017" s="10"/>
    </row>
    <row r="201018" spans="14:14">
      <c r="N201018" s="10"/>
    </row>
    <row r="201019" spans="14:14">
      <c r="N201019" s="10"/>
    </row>
    <row r="201020" spans="14:14">
      <c r="N201020" s="10"/>
    </row>
    <row r="201021" spans="14:14">
      <c r="N201021" s="10"/>
    </row>
    <row r="201022" spans="14:14">
      <c r="N201022" s="10"/>
    </row>
    <row r="201023" spans="14:14">
      <c r="N201023" s="10"/>
    </row>
    <row r="201024" spans="14:14">
      <c r="N201024" s="10"/>
    </row>
    <row r="201025" spans="14:14">
      <c r="N201025" s="10"/>
    </row>
    <row r="201026" spans="14:14">
      <c r="N201026" s="10"/>
    </row>
    <row r="201027" spans="14:14">
      <c r="N201027" s="10"/>
    </row>
    <row r="201028" spans="14:14">
      <c r="N201028" s="10"/>
    </row>
    <row r="201029" spans="14:14">
      <c r="N201029" s="10"/>
    </row>
    <row r="201030" spans="14:14">
      <c r="N201030" s="10"/>
    </row>
    <row r="201031" spans="14:14">
      <c r="N201031" s="10"/>
    </row>
    <row r="201032" spans="14:14">
      <c r="N201032" s="10"/>
    </row>
    <row r="201033" spans="14:14">
      <c r="N201033" s="10"/>
    </row>
    <row r="201034" spans="14:14">
      <c r="N201034" s="10"/>
    </row>
    <row r="201035" spans="14:14">
      <c r="N201035" s="10"/>
    </row>
    <row r="201036" spans="14:14">
      <c r="N201036" s="10"/>
    </row>
    <row r="201037" spans="14:14">
      <c r="N201037" s="10"/>
    </row>
    <row r="201038" spans="14:14">
      <c r="N201038" s="10"/>
    </row>
    <row r="201039" spans="14:14">
      <c r="N201039" s="10"/>
    </row>
    <row r="201040" spans="14:14">
      <c r="N201040" s="10"/>
    </row>
    <row r="201041" spans="14:14">
      <c r="N201041" s="10"/>
    </row>
    <row r="201042" spans="14:14">
      <c r="N201042" s="10"/>
    </row>
    <row r="201043" spans="14:14">
      <c r="N201043" s="10"/>
    </row>
    <row r="201044" spans="14:14">
      <c r="N201044" s="10"/>
    </row>
    <row r="201045" spans="14:14">
      <c r="N201045" s="10"/>
    </row>
    <row r="201046" spans="14:14">
      <c r="N201046" s="10"/>
    </row>
    <row r="201047" spans="14:14">
      <c r="N201047" s="10"/>
    </row>
    <row r="201048" spans="14:14">
      <c r="N201048" s="10"/>
    </row>
    <row r="201049" spans="14:14">
      <c r="N201049" s="10"/>
    </row>
    <row r="201050" spans="14:14">
      <c r="N201050" s="10"/>
    </row>
    <row r="201051" spans="14:14">
      <c r="N201051" s="10"/>
    </row>
    <row r="201052" spans="14:14">
      <c r="N201052" s="10"/>
    </row>
    <row r="201053" spans="14:14">
      <c r="N201053" s="10"/>
    </row>
    <row r="201054" spans="14:14">
      <c r="N201054" s="10"/>
    </row>
    <row r="201055" spans="14:14">
      <c r="N201055" s="10"/>
    </row>
    <row r="201056" spans="14:14">
      <c r="N201056" s="10"/>
    </row>
    <row r="201057" spans="14:14">
      <c r="N201057" s="10"/>
    </row>
    <row r="201058" spans="14:14">
      <c r="N201058" s="10"/>
    </row>
    <row r="201059" spans="14:14">
      <c r="N201059" s="10"/>
    </row>
    <row r="201060" spans="14:14">
      <c r="N201060" s="10"/>
    </row>
    <row r="201061" spans="14:14">
      <c r="N201061" s="10"/>
    </row>
    <row r="201062" spans="14:14">
      <c r="N201062" s="10"/>
    </row>
    <row r="201063" spans="14:14">
      <c r="N201063" s="10"/>
    </row>
    <row r="201064" spans="14:14">
      <c r="N201064" s="10"/>
    </row>
    <row r="201065" spans="14:14">
      <c r="N201065" s="10"/>
    </row>
    <row r="201066" spans="14:14">
      <c r="N201066" s="10"/>
    </row>
    <row r="201067" spans="14:14">
      <c r="N201067" s="10"/>
    </row>
    <row r="201068" spans="14:14">
      <c r="N201068" s="10"/>
    </row>
    <row r="201069" spans="14:14">
      <c r="N201069" s="10"/>
    </row>
    <row r="201070" spans="14:14">
      <c r="N201070" s="10"/>
    </row>
    <row r="201071" spans="14:14">
      <c r="N201071" s="10"/>
    </row>
    <row r="201072" spans="14:14">
      <c r="N201072" s="10"/>
    </row>
    <row r="201073" spans="14:14">
      <c r="N201073" s="10"/>
    </row>
    <row r="201074" spans="14:14">
      <c r="N201074" s="10"/>
    </row>
    <row r="201075" spans="14:14">
      <c r="N201075" s="10"/>
    </row>
    <row r="201076" spans="14:14">
      <c r="N201076" s="10"/>
    </row>
    <row r="201077" spans="14:14">
      <c r="N201077" s="10"/>
    </row>
    <row r="201078" spans="14:14">
      <c r="N201078" s="10"/>
    </row>
    <row r="201079" spans="14:14">
      <c r="N201079" s="10"/>
    </row>
    <row r="201080" spans="14:14">
      <c r="N201080" s="10"/>
    </row>
    <row r="201081" spans="14:14">
      <c r="N201081" s="10"/>
    </row>
    <row r="201082" spans="14:14">
      <c r="N201082" s="10"/>
    </row>
    <row r="201083" spans="14:14">
      <c r="N201083" s="10"/>
    </row>
    <row r="201084" spans="14:14">
      <c r="N201084" s="10"/>
    </row>
    <row r="201085" spans="14:14">
      <c r="N201085" s="10"/>
    </row>
    <row r="201086" spans="14:14">
      <c r="N201086" s="10"/>
    </row>
    <row r="201087" spans="14:14">
      <c r="N201087" s="10"/>
    </row>
    <row r="201088" spans="14:14">
      <c r="N201088" s="10"/>
    </row>
    <row r="201089" spans="14:14">
      <c r="N201089" s="10"/>
    </row>
    <row r="201090" spans="14:14">
      <c r="N201090" s="10"/>
    </row>
    <row r="201091" spans="14:14">
      <c r="N201091" s="10"/>
    </row>
    <row r="201092" spans="14:14">
      <c r="N201092" s="10"/>
    </row>
    <row r="201093" spans="14:14">
      <c r="N201093" s="10"/>
    </row>
    <row r="201094" spans="14:14">
      <c r="N201094" s="10"/>
    </row>
    <row r="201095" spans="14:14">
      <c r="N201095" s="10"/>
    </row>
    <row r="201096" spans="14:14">
      <c r="N201096" s="10"/>
    </row>
    <row r="201097" spans="14:14">
      <c r="N201097" s="10"/>
    </row>
    <row r="201098" spans="14:14">
      <c r="N201098" s="10"/>
    </row>
    <row r="201099" spans="14:14">
      <c r="N201099" s="10"/>
    </row>
    <row r="201100" spans="14:14">
      <c r="N201100" s="10"/>
    </row>
    <row r="201101" spans="14:14">
      <c r="N201101" s="10"/>
    </row>
    <row r="201102" spans="14:14">
      <c r="N201102" s="10"/>
    </row>
    <row r="201103" spans="14:14">
      <c r="N201103" s="10"/>
    </row>
    <row r="201104" spans="14:14">
      <c r="N201104" s="10"/>
    </row>
    <row r="201105" spans="14:14">
      <c r="N201105" s="10"/>
    </row>
    <row r="201106" spans="14:14">
      <c r="N201106" s="10"/>
    </row>
    <row r="201107" spans="14:14">
      <c r="N201107" s="10"/>
    </row>
    <row r="201108" spans="14:14">
      <c r="N201108" s="10"/>
    </row>
    <row r="201109" spans="14:14">
      <c r="N201109" s="10"/>
    </row>
    <row r="201110" spans="14:14">
      <c r="N201110" s="10"/>
    </row>
    <row r="201111" spans="14:14">
      <c r="N201111" s="10"/>
    </row>
    <row r="201112" spans="14:14">
      <c r="N201112" s="10"/>
    </row>
    <row r="201113" spans="14:14">
      <c r="N201113" s="10"/>
    </row>
    <row r="201114" spans="14:14">
      <c r="N201114" s="10"/>
    </row>
    <row r="201115" spans="14:14">
      <c r="N201115" s="10"/>
    </row>
    <row r="201116" spans="14:14">
      <c r="N201116" s="10"/>
    </row>
    <row r="201117" spans="14:14">
      <c r="N201117" s="10"/>
    </row>
    <row r="201118" spans="14:14">
      <c r="N201118" s="10"/>
    </row>
    <row r="201119" spans="14:14">
      <c r="N201119" s="10"/>
    </row>
    <row r="201120" spans="14:14">
      <c r="N201120" s="10"/>
    </row>
    <row r="201121" spans="14:14">
      <c r="N201121" s="10"/>
    </row>
    <row r="201122" spans="14:14">
      <c r="N201122" s="10"/>
    </row>
    <row r="201123" spans="14:14">
      <c r="N201123" s="10"/>
    </row>
    <row r="201124" spans="14:14">
      <c r="N201124" s="10"/>
    </row>
    <row r="201125" spans="14:14">
      <c r="N201125" s="10"/>
    </row>
    <row r="201126" spans="14:14">
      <c r="N201126" s="10"/>
    </row>
    <row r="201127" spans="14:14">
      <c r="N201127" s="10"/>
    </row>
    <row r="201128" spans="14:14">
      <c r="N201128" s="10"/>
    </row>
    <row r="201129" spans="14:14">
      <c r="N201129" s="10"/>
    </row>
    <row r="201130" spans="14:14">
      <c r="N201130" s="10"/>
    </row>
    <row r="201131" spans="14:14">
      <c r="N201131" s="10"/>
    </row>
    <row r="201132" spans="14:14">
      <c r="N201132" s="10"/>
    </row>
    <row r="201133" spans="14:14">
      <c r="N201133" s="10"/>
    </row>
    <row r="201134" spans="14:14">
      <c r="N201134" s="10"/>
    </row>
    <row r="201135" spans="14:14">
      <c r="N201135" s="10"/>
    </row>
    <row r="201136" spans="14:14">
      <c r="N201136" s="10"/>
    </row>
    <row r="201137" spans="14:14">
      <c r="N201137" s="10"/>
    </row>
    <row r="201138" spans="14:14">
      <c r="N201138" s="10"/>
    </row>
    <row r="201139" spans="14:14">
      <c r="N201139" s="10"/>
    </row>
    <row r="201140" spans="14:14">
      <c r="N201140" s="10"/>
    </row>
    <row r="201141" spans="14:14">
      <c r="N201141" s="10"/>
    </row>
    <row r="201142" spans="14:14">
      <c r="N201142" s="10"/>
    </row>
    <row r="201143" spans="14:14">
      <c r="N201143" s="10"/>
    </row>
    <row r="201144" spans="14:14">
      <c r="N201144" s="10"/>
    </row>
    <row r="201145" spans="14:14">
      <c r="N201145" s="10"/>
    </row>
    <row r="201146" spans="14:14">
      <c r="N201146" s="10"/>
    </row>
    <row r="201147" spans="14:14">
      <c r="N201147" s="10"/>
    </row>
    <row r="201148" spans="14:14">
      <c r="N201148" s="10"/>
    </row>
    <row r="201149" spans="14:14">
      <c r="N201149" s="10"/>
    </row>
    <row r="201150" spans="14:14">
      <c r="N201150" s="10"/>
    </row>
    <row r="201151" spans="14:14">
      <c r="N201151" s="10"/>
    </row>
    <row r="201152" spans="14:14">
      <c r="N201152" s="10"/>
    </row>
    <row r="201153" spans="14:14">
      <c r="N201153" s="10"/>
    </row>
    <row r="201154" spans="14:14">
      <c r="N201154" s="10"/>
    </row>
    <row r="201155" spans="14:14">
      <c r="N201155" s="10"/>
    </row>
    <row r="201156" spans="14:14">
      <c r="N201156" s="10"/>
    </row>
    <row r="201157" spans="14:14">
      <c r="N201157" s="10"/>
    </row>
    <row r="201158" spans="14:14">
      <c r="N201158" s="10"/>
    </row>
    <row r="201159" spans="14:14">
      <c r="N201159" s="10"/>
    </row>
    <row r="201160" spans="14:14">
      <c r="N201160" s="10"/>
    </row>
    <row r="201161" spans="14:14">
      <c r="N201161" s="10"/>
    </row>
    <row r="201162" spans="14:14">
      <c r="N201162" s="10"/>
    </row>
    <row r="201163" spans="14:14">
      <c r="N201163" s="10"/>
    </row>
    <row r="201164" spans="14:14">
      <c r="N201164" s="10"/>
    </row>
    <row r="201165" spans="14:14">
      <c r="N201165" s="10"/>
    </row>
    <row r="201166" spans="14:14">
      <c r="N201166" s="10"/>
    </row>
    <row r="201167" spans="14:14">
      <c r="N201167" s="10"/>
    </row>
    <row r="201168" spans="14:14">
      <c r="N201168" s="10"/>
    </row>
    <row r="201169" spans="14:14">
      <c r="N201169" s="10"/>
    </row>
    <row r="201170" spans="14:14">
      <c r="N201170" s="10"/>
    </row>
    <row r="201171" spans="14:14">
      <c r="N201171" s="10"/>
    </row>
    <row r="201172" spans="14:14">
      <c r="N201172" s="10"/>
    </row>
    <row r="201173" spans="14:14">
      <c r="N201173" s="10"/>
    </row>
    <row r="201174" spans="14:14">
      <c r="N201174" s="10"/>
    </row>
    <row r="201175" spans="14:14">
      <c r="N201175" s="10"/>
    </row>
    <row r="201176" spans="14:14">
      <c r="N201176" s="10"/>
    </row>
    <row r="201177" spans="14:14">
      <c r="N201177" s="10"/>
    </row>
    <row r="201178" spans="14:14">
      <c r="N201178" s="10"/>
    </row>
    <row r="201179" spans="14:14">
      <c r="N201179" s="10"/>
    </row>
    <row r="201180" spans="14:14">
      <c r="N201180" s="10"/>
    </row>
    <row r="201181" spans="14:14">
      <c r="N201181" s="10"/>
    </row>
    <row r="201182" spans="14:14">
      <c r="N201182" s="10"/>
    </row>
    <row r="201183" spans="14:14">
      <c r="N201183" s="10"/>
    </row>
    <row r="201184" spans="14:14">
      <c r="N201184" s="10"/>
    </row>
    <row r="201185" spans="14:14">
      <c r="N201185" s="10"/>
    </row>
    <row r="201186" spans="14:14">
      <c r="N201186" s="10"/>
    </row>
    <row r="201187" spans="14:14">
      <c r="N201187" s="10"/>
    </row>
    <row r="201188" spans="14:14">
      <c r="N201188" s="10"/>
    </row>
    <row r="201189" spans="14:14">
      <c r="N201189" s="10"/>
    </row>
    <row r="201190" spans="14:14">
      <c r="N201190" s="10"/>
    </row>
    <row r="201191" spans="14:14">
      <c r="N201191" s="10"/>
    </row>
    <row r="201192" spans="14:14">
      <c r="N201192" s="10"/>
    </row>
    <row r="201193" spans="14:14">
      <c r="N201193" s="10"/>
    </row>
    <row r="201194" spans="14:14">
      <c r="N201194" s="10"/>
    </row>
    <row r="201195" spans="14:14">
      <c r="N201195" s="10"/>
    </row>
    <row r="201196" spans="14:14">
      <c r="N201196" s="10"/>
    </row>
    <row r="201197" spans="14:14">
      <c r="N201197" s="10"/>
    </row>
    <row r="201198" spans="14:14">
      <c r="N201198" s="10"/>
    </row>
    <row r="201199" spans="14:14">
      <c r="N201199" s="10"/>
    </row>
    <row r="201200" spans="14:14">
      <c r="N201200" s="10"/>
    </row>
    <row r="201201" spans="14:14">
      <c r="N201201" s="10"/>
    </row>
    <row r="201202" spans="14:14">
      <c r="N201202" s="10"/>
    </row>
    <row r="201203" spans="14:14">
      <c r="N201203" s="10"/>
    </row>
    <row r="201204" spans="14:14">
      <c r="N201204" s="10"/>
    </row>
    <row r="201205" spans="14:14">
      <c r="N201205" s="10"/>
    </row>
    <row r="201206" spans="14:14">
      <c r="N201206" s="10"/>
    </row>
    <row r="201207" spans="14:14">
      <c r="N201207" s="10"/>
    </row>
    <row r="201208" spans="14:14">
      <c r="N201208" s="10"/>
    </row>
    <row r="201209" spans="14:14">
      <c r="N201209" s="10"/>
    </row>
    <row r="201210" spans="14:14">
      <c r="N201210" s="10"/>
    </row>
    <row r="201211" spans="14:14">
      <c r="N201211" s="10"/>
    </row>
    <row r="201212" spans="14:14">
      <c r="N201212" s="10"/>
    </row>
    <row r="201213" spans="14:14">
      <c r="N201213" s="10"/>
    </row>
    <row r="201214" spans="14:14">
      <c r="N201214" s="10"/>
    </row>
    <row r="201215" spans="14:14">
      <c r="N201215" s="10"/>
    </row>
    <row r="201216" spans="14:14">
      <c r="N201216" s="10"/>
    </row>
    <row r="201217" spans="14:14">
      <c r="N201217" s="10"/>
    </row>
    <row r="201218" spans="14:14">
      <c r="N201218" s="10"/>
    </row>
    <row r="201219" spans="14:14">
      <c r="N201219" s="10"/>
    </row>
    <row r="201220" spans="14:14">
      <c r="N201220" s="10"/>
    </row>
    <row r="201221" spans="14:14">
      <c r="N201221" s="10"/>
    </row>
    <row r="201222" spans="14:14">
      <c r="N201222" s="10"/>
    </row>
    <row r="201223" spans="14:14">
      <c r="N201223" s="10"/>
    </row>
    <row r="201224" spans="14:14">
      <c r="N201224" s="10"/>
    </row>
    <row r="201225" spans="14:14">
      <c r="N201225" s="10"/>
    </row>
    <row r="201226" spans="14:14">
      <c r="N201226" s="10"/>
    </row>
    <row r="201227" spans="14:14">
      <c r="N201227" s="10"/>
    </row>
    <row r="201228" spans="14:14">
      <c r="N201228" s="10"/>
    </row>
    <row r="201229" spans="14:14">
      <c r="N201229" s="10"/>
    </row>
    <row r="201230" spans="14:14">
      <c r="N201230" s="10"/>
    </row>
    <row r="201231" spans="14:14">
      <c r="N201231" s="10"/>
    </row>
    <row r="201232" spans="14:14">
      <c r="N201232" s="10"/>
    </row>
    <row r="201233" spans="14:14">
      <c r="N201233" s="10"/>
    </row>
    <row r="201234" spans="14:14">
      <c r="N201234" s="10"/>
    </row>
    <row r="201235" spans="14:14">
      <c r="N201235" s="10"/>
    </row>
    <row r="201236" spans="14:14">
      <c r="N201236" s="10"/>
    </row>
    <row r="201237" spans="14:14">
      <c r="N201237" s="10"/>
    </row>
    <row r="201238" spans="14:14">
      <c r="N201238" s="10"/>
    </row>
    <row r="201239" spans="14:14">
      <c r="N201239" s="10"/>
    </row>
    <row r="201240" spans="14:14">
      <c r="N201240" s="10"/>
    </row>
    <row r="201241" spans="14:14">
      <c r="N201241" s="10"/>
    </row>
    <row r="201242" spans="14:14">
      <c r="N201242" s="10"/>
    </row>
    <row r="201243" spans="14:14">
      <c r="N201243" s="10"/>
    </row>
    <row r="201244" spans="14:14">
      <c r="N201244" s="10"/>
    </row>
    <row r="201245" spans="14:14">
      <c r="N201245" s="10"/>
    </row>
    <row r="201246" spans="14:14">
      <c r="N201246" s="10"/>
    </row>
    <row r="201247" spans="14:14">
      <c r="N201247" s="10"/>
    </row>
    <row r="201248" spans="14:14">
      <c r="N201248" s="10"/>
    </row>
    <row r="201249" spans="14:14">
      <c r="N201249" s="10"/>
    </row>
    <row r="201250" spans="14:14">
      <c r="N201250" s="10"/>
    </row>
    <row r="201251" spans="14:14">
      <c r="N201251" s="10"/>
    </row>
    <row r="201252" spans="14:14">
      <c r="N201252" s="10"/>
    </row>
    <row r="201253" spans="14:14">
      <c r="N201253" s="10"/>
    </row>
    <row r="201254" spans="14:14">
      <c r="N201254" s="10"/>
    </row>
    <row r="201255" spans="14:14">
      <c r="N201255" s="10"/>
    </row>
    <row r="201256" spans="14:14">
      <c r="N201256" s="10"/>
    </row>
    <row r="201257" spans="14:14">
      <c r="N201257" s="10"/>
    </row>
    <row r="201258" spans="14:14">
      <c r="N201258" s="10"/>
    </row>
    <row r="201259" spans="14:14">
      <c r="N201259" s="10"/>
    </row>
    <row r="201260" spans="14:14">
      <c r="N201260" s="10"/>
    </row>
    <row r="201261" spans="14:14">
      <c r="N201261" s="10"/>
    </row>
    <row r="201262" spans="14:14">
      <c r="N201262" s="10"/>
    </row>
    <row r="201263" spans="14:14">
      <c r="N201263" s="10"/>
    </row>
    <row r="201264" spans="14:14">
      <c r="N201264" s="10"/>
    </row>
    <row r="201265" spans="14:14">
      <c r="N201265" s="10"/>
    </row>
    <row r="201266" spans="14:14">
      <c r="N201266" s="10"/>
    </row>
    <row r="201267" spans="14:14">
      <c r="N201267" s="10"/>
    </row>
    <row r="201268" spans="14:14">
      <c r="N201268" s="10"/>
    </row>
    <row r="201269" spans="14:14">
      <c r="N201269" s="10"/>
    </row>
    <row r="201270" spans="14:14">
      <c r="N201270" s="10"/>
    </row>
    <row r="201271" spans="14:14">
      <c r="N201271" s="10"/>
    </row>
    <row r="201272" spans="14:14">
      <c r="N201272" s="10"/>
    </row>
    <row r="201273" spans="14:14">
      <c r="N201273" s="10"/>
    </row>
    <row r="201274" spans="14:14">
      <c r="N201274" s="10"/>
    </row>
    <row r="201275" spans="14:14">
      <c r="N201275" s="10"/>
    </row>
    <row r="201276" spans="14:14">
      <c r="N201276" s="10"/>
    </row>
    <row r="201277" spans="14:14">
      <c r="N201277" s="10"/>
    </row>
    <row r="201278" spans="14:14">
      <c r="N201278" s="10"/>
    </row>
    <row r="201279" spans="14:14">
      <c r="N201279" s="10"/>
    </row>
    <row r="201280" spans="14:14">
      <c r="N201280" s="10"/>
    </row>
    <row r="201281" spans="14:14">
      <c r="N201281" s="10"/>
    </row>
    <row r="201282" spans="14:14">
      <c r="N201282" s="10"/>
    </row>
    <row r="201283" spans="14:14">
      <c r="N201283" s="10"/>
    </row>
    <row r="201284" spans="14:14">
      <c r="N201284" s="10"/>
    </row>
    <row r="201285" spans="14:14">
      <c r="N201285" s="10"/>
    </row>
    <row r="201286" spans="14:14">
      <c r="N201286" s="10"/>
    </row>
    <row r="201287" spans="14:14">
      <c r="N201287" s="10"/>
    </row>
    <row r="201288" spans="14:14">
      <c r="N201288" s="10"/>
    </row>
    <row r="201289" spans="14:14">
      <c r="N201289" s="10"/>
    </row>
    <row r="201290" spans="14:14">
      <c r="N201290" s="10"/>
    </row>
    <row r="201291" spans="14:14">
      <c r="N201291" s="10"/>
    </row>
    <row r="201292" spans="14:14">
      <c r="N201292" s="10"/>
    </row>
    <row r="201293" spans="14:14">
      <c r="N201293" s="10"/>
    </row>
    <row r="201294" spans="14:14">
      <c r="N201294" s="10"/>
    </row>
    <row r="201295" spans="14:14">
      <c r="N201295" s="10"/>
    </row>
    <row r="201296" spans="14:14">
      <c r="N201296" s="10"/>
    </row>
    <row r="201297" spans="14:14">
      <c r="N201297" s="10"/>
    </row>
    <row r="201298" spans="14:14">
      <c r="N201298" s="10"/>
    </row>
    <row r="201299" spans="14:14">
      <c r="N201299" s="10"/>
    </row>
    <row r="201300" spans="14:14">
      <c r="N201300" s="10"/>
    </row>
    <row r="201301" spans="14:14">
      <c r="N201301" s="10"/>
    </row>
    <row r="201302" spans="14:14">
      <c r="N201302" s="10"/>
    </row>
    <row r="201303" spans="14:14">
      <c r="N201303" s="10"/>
    </row>
    <row r="201304" spans="14:14">
      <c r="N201304" s="10"/>
    </row>
    <row r="201305" spans="14:14">
      <c r="N201305" s="10"/>
    </row>
    <row r="201306" spans="14:14">
      <c r="N201306" s="10"/>
    </row>
    <row r="201307" spans="14:14">
      <c r="N201307" s="10"/>
    </row>
    <row r="201308" spans="14:14">
      <c r="N201308" s="10"/>
    </row>
    <row r="201309" spans="14:14">
      <c r="N201309" s="10"/>
    </row>
    <row r="201310" spans="14:14">
      <c r="N201310" s="10"/>
    </row>
    <row r="201311" spans="14:14">
      <c r="N201311" s="10"/>
    </row>
    <row r="201312" spans="14:14">
      <c r="N201312" s="10"/>
    </row>
    <row r="201313" spans="14:14">
      <c r="N201313" s="10"/>
    </row>
    <row r="201314" spans="14:14">
      <c r="N201314" s="10"/>
    </row>
    <row r="201315" spans="14:14">
      <c r="N201315" s="10"/>
    </row>
    <row r="201316" spans="14:14">
      <c r="N201316" s="10"/>
    </row>
    <row r="201317" spans="14:14">
      <c r="N201317" s="10"/>
    </row>
    <row r="201318" spans="14:14">
      <c r="N201318" s="10"/>
    </row>
    <row r="201319" spans="14:14">
      <c r="N201319" s="10"/>
    </row>
    <row r="201320" spans="14:14">
      <c r="N201320" s="10"/>
    </row>
    <row r="201321" spans="14:14">
      <c r="N201321" s="10"/>
    </row>
    <row r="201322" spans="14:14">
      <c r="N201322" s="10"/>
    </row>
    <row r="201323" spans="14:14">
      <c r="N201323" s="10"/>
    </row>
    <row r="201324" spans="14:14">
      <c r="N201324" s="10"/>
    </row>
    <row r="201325" spans="14:14">
      <c r="N201325" s="10"/>
    </row>
    <row r="201326" spans="14:14">
      <c r="N201326" s="10"/>
    </row>
    <row r="201327" spans="14:14">
      <c r="N201327" s="10"/>
    </row>
    <row r="201328" spans="14:14">
      <c r="N201328" s="10"/>
    </row>
    <row r="201329" spans="14:14">
      <c r="N201329" s="10"/>
    </row>
    <row r="201330" spans="14:14">
      <c r="N201330" s="10"/>
    </row>
    <row r="201331" spans="14:14">
      <c r="N201331" s="10"/>
    </row>
    <row r="201332" spans="14:14">
      <c r="N201332" s="10"/>
    </row>
    <row r="201333" spans="14:14">
      <c r="N201333" s="10"/>
    </row>
    <row r="201334" spans="14:14">
      <c r="N201334" s="10"/>
    </row>
    <row r="201335" spans="14:14">
      <c r="N201335" s="10"/>
    </row>
    <row r="201336" spans="14:14">
      <c r="N201336" s="10"/>
    </row>
    <row r="201337" spans="14:14">
      <c r="N201337" s="10"/>
    </row>
    <row r="201338" spans="14:14">
      <c r="N201338" s="10"/>
    </row>
    <row r="201339" spans="14:14">
      <c r="N201339" s="10"/>
    </row>
    <row r="201340" spans="14:14">
      <c r="N201340" s="10"/>
    </row>
    <row r="201341" spans="14:14">
      <c r="N201341" s="10"/>
    </row>
    <row r="201342" spans="14:14">
      <c r="N201342" s="10"/>
    </row>
    <row r="201343" spans="14:14">
      <c r="N201343" s="10"/>
    </row>
    <row r="201344" spans="14:14">
      <c r="N201344" s="10"/>
    </row>
    <row r="201345" spans="14:14">
      <c r="N201345" s="10"/>
    </row>
    <row r="201346" spans="14:14">
      <c r="N201346" s="10"/>
    </row>
    <row r="201347" spans="14:14">
      <c r="N201347" s="10"/>
    </row>
    <row r="201348" spans="14:14">
      <c r="N201348" s="10"/>
    </row>
    <row r="201349" spans="14:14">
      <c r="N201349" s="10"/>
    </row>
    <row r="201350" spans="14:14">
      <c r="N201350" s="10"/>
    </row>
    <row r="201351" spans="14:14">
      <c r="N201351" s="10"/>
    </row>
    <row r="201352" spans="14:14">
      <c r="N201352" s="10"/>
    </row>
    <row r="201353" spans="14:14">
      <c r="N201353" s="10"/>
    </row>
    <row r="201354" spans="14:14">
      <c r="N201354" s="10"/>
    </row>
    <row r="201355" spans="14:14">
      <c r="N201355" s="10"/>
    </row>
    <row r="201356" spans="14:14">
      <c r="N201356" s="10"/>
    </row>
    <row r="201357" spans="14:14">
      <c r="N201357" s="10"/>
    </row>
    <row r="201358" spans="14:14">
      <c r="N201358" s="10"/>
    </row>
    <row r="201359" spans="14:14">
      <c r="N201359" s="10"/>
    </row>
    <row r="201360" spans="14:14">
      <c r="N201360" s="10"/>
    </row>
    <row r="201361" spans="14:14">
      <c r="N201361" s="10"/>
    </row>
    <row r="201362" spans="14:14">
      <c r="N201362" s="10"/>
    </row>
    <row r="201363" spans="14:14">
      <c r="N201363" s="10"/>
    </row>
    <row r="201364" spans="14:14">
      <c r="N201364" s="10"/>
    </row>
    <row r="201365" spans="14:14">
      <c r="N201365" s="10"/>
    </row>
    <row r="201366" spans="14:14">
      <c r="N201366" s="10"/>
    </row>
    <row r="201367" spans="14:14">
      <c r="N201367" s="10"/>
    </row>
    <row r="201368" spans="14:14">
      <c r="N201368" s="10"/>
    </row>
    <row r="201369" spans="14:14">
      <c r="N201369" s="10"/>
    </row>
    <row r="201370" spans="14:14">
      <c r="N201370" s="10"/>
    </row>
    <row r="201371" spans="14:14">
      <c r="N201371" s="10"/>
    </row>
    <row r="201372" spans="14:14">
      <c r="N201372" s="10"/>
    </row>
    <row r="201373" spans="14:14">
      <c r="N201373" s="10"/>
    </row>
    <row r="201374" spans="14:14">
      <c r="N201374" s="10"/>
    </row>
    <row r="201375" spans="14:14">
      <c r="N201375" s="10"/>
    </row>
    <row r="201376" spans="14:14">
      <c r="N201376" s="10"/>
    </row>
    <row r="201377" spans="14:14">
      <c r="N201377" s="10"/>
    </row>
    <row r="201378" spans="14:14">
      <c r="N201378" s="10"/>
    </row>
    <row r="201379" spans="14:14">
      <c r="N201379" s="10"/>
    </row>
    <row r="201380" spans="14:14">
      <c r="N201380" s="10"/>
    </row>
    <row r="201381" spans="14:14">
      <c r="N201381" s="10"/>
    </row>
    <row r="201382" spans="14:14">
      <c r="N201382" s="10"/>
    </row>
    <row r="201383" spans="14:14">
      <c r="N201383" s="10"/>
    </row>
    <row r="201384" spans="14:14">
      <c r="N201384" s="10"/>
    </row>
    <row r="201385" spans="14:14">
      <c r="N201385" s="10"/>
    </row>
    <row r="201386" spans="14:14">
      <c r="N201386" s="10"/>
    </row>
    <row r="201387" spans="14:14">
      <c r="N201387" s="10"/>
    </row>
    <row r="201388" spans="14:14">
      <c r="N201388" s="10"/>
    </row>
    <row r="201389" spans="14:14">
      <c r="N201389" s="10"/>
    </row>
    <row r="201390" spans="14:14">
      <c r="N201390" s="10"/>
    </row>
    <row r="201391" spans="14:14">
      <c r="N201391" s="10"/>
    </row>
    <row r="201392" spans="14:14">
      <c r="N201392" s="10"/>
    </row>
    <row r="201393" spans="14:14">
      <c r="N201393" s="10"/>
    </row>
    <row r="201394" spans="14:14">
      <c r="N201394" s="10"/>
    </row>
    <row r="201395" spans="14:14">
      <c r="N201395" s="10"/>
    </row>
    <row r="201396" spans="14:14">
      <c r="N201396" s="10"/>
    </row>
    <row r="201397" spans="14:14">
      <c r="N201397" s="10"/>
    </row>
    <row r="201398" spans="14:14">
      <c r="N201398" s="10"/>
    </row>
    <row r="201399" spans="14:14">
      <c r="N201399" s="10"/>
    </row>
    <row r="201400" spans="14:14">
      <c r="N201400" s="10"/>
    </row>
    <row r="201401" spans="14:14">
      <c r="N201401" s="10"/>
    </row>
    <row r="201402" spans="14:14">
      <c r="N201402" s="10"/>
    </row>
    <row r="201403" spans="14:14">
      <c r="N201403" s="10"/>
    </row>
    <row r="201404" spans="14:14">
      <c r="N201404" s="10"/>
    </row>
    <row r="201405" spans="14:14">
      <c r="N201405" s="10"/>
    </row>
    <row r="201406" spans="14:14">
      <c r="N201406" s="10"/>
    </row>
    <row r="201407" spans="14:14">
      <c r="N201407" s="10"/>
    </row>
    <row r="201408" spans="14:14">
      <c r="N201408" s="10"/>
    </row>
    <row r="201409" spans="14:14">
      <c r="N201409" s="10"/>
    </row>
    <row r="201410" spans="14:14">
      <c r="N201410" s="10"/>
    </row>
    <row r="201411" spans="14:14">
      <c r="N201411" s="10"/>
    </row>
    <row r="201412" spans="14:14">
      <c r="N201412" s="10"/>
    </row>
    <row r="201413" spans="14:14">
      <c r="N201413" s="10"/>
    </row>
    <row r="201414" spans="14:14">
      <c r="N201414" s="10"/>
    </row>
    <row r="201415" spans="14:14">
      <c r="N201415" s="10"/>
    </row>
    <row r="201416" spans="14:14">
      <c r="N201416" s="10"/>
    </row>
    <row r="201417" spans="14:14">
      <c r="N201417" s="10"/>
    </row>
    <row r="201418" spans="14:14">
      <c r="N201418" s="10"/>
    </row>
    <row r="201419" spans="14:14">
      <c r="N201419" s="10"/>
    </row>
    <row r="201420" spans="14:14">
      <c r="N201420" s="10"/>
    </row>
    <row r="201421" spans="14:14">
      <c r="N201421" s="10"/>
    </row>
    <row r="201422" spans="14:14">
      <c r="N201422" s="10"/>
    </row>
    <row r="201423" spans="14:14">
      <c r="N201423" s="10"/>
    </row>
    <row r="201424" spans="14:14">
      <c r="N201424" s="10"/>
    </row>
    <row r="201425" spans="14:14">
      <c r="N201425" s="10"/>
    </row>
    <row r="201426" spans="14:14">
      <c r="N201426" s="10"/>
    </row>
    <row r="201427" spans="14:14">
      <c r="N201427" s="10"/>
    </row>
    <row r="201428" spans="14:14">
      <c r="N201428" s="10"/>
    </row>
    <row r="201429" spans="14:14">
      <c r="N201429" s="10"/>
    </row>
    <row r="201430" spans="14:14">
      <c r="N201430" s="10"/>
    </row>
    <row r="201431" spans="14:14">
      <c r="N201431" s="10"/>
    </row>
    <row r="201432" spans="14:14">
      <c r="N201432" s="10"/>
    </row>
    <row r="201433" spans="14:14">
      <c r="N201433" s="10"/>
    </row>
    <row r="201434" spans="14:14">
      <c r="N201434" s="10"/>
    </row>
    <row r="201435" spans="14:14">
      <c r="N201435" s="10"/>
    </row>
    <row r="201436" spans="14:14">
      <c r="N201436" s="10"/>
    </row>
    <row r="201437" spans="14:14">
      <c r="N201437" s="10"/>
    </row>
    <row r="201438" spans="14:14">
      <c r="N201438" s="10"/>
    </row>
    <row r="201439" spans="14:14">
      <c r="N201439" s="10"/>
    </row>
    <row r="201440" spans="14:14">
      <c r="N201440" s="10"/>
    </row>
    <row r="201441" spans="14:14">
      <c r="N201441" s="10"/>
    </row>
    <row r="201442" spans="14:14">
      <c r="N201442" s="10"/>
    </row>
    <row r="201443" spans="14:14">
      <c r="N201443" s="10"/>
    </row>
    <row r="201444" spans="14:14">
      <c r="N201444" s="10"/>
    </row>
    <row r="201445" spans="14:14">
      <c r="N201445" s="10"/>
    </row>
    <row r="201446" spans="14:14">
      <c r="N201446" s="10"/>
    </row>
    <row r="201447" spans="14:14">
      <c r="N201447" s="10"/>
    </row>
    <row r="201448" spans="14:14">
      <c r="N201448" s="10"/>
    </row>
    <row r="201449" spans="14:14">
      <c r="N201449" s="10"/>
    </row>
    <row r="201450" spans="14:14">
      <c r="N201450" s="10"/>
    </row>
    <row r="201451" spans="14:14">
      <c r="N201451" s="10"/>
    </row>
    <row r="201452" spans="14:14">
      <c r="N201452" s="10"/>
    </row>
    <row r="201453" spans="14:14">
      <c r="N201453" s="10"/>
    </row>
    <row r="201454" spans="14:14">
      <c r="N201454" s="10"/>
    </row>
    <row r="201455" spans="14:14">
      <c r="N201455" s="10"/>
    </row>
    <row r="201456" spans="14:14">
      <c r="N201456" s="10"/>
    </row>
    <row r="201457" spans="14:14">
      <c r="N201457" s="10"/>
    </row>
    <row r="201458" spans="14:14">
      <c r="N201458" s="10"/>
    </row>
    <row r="201459" spans="14:14">
      <c r="N201459" s="10"/>
    </row>
    <row r="201460" spans="14:14">
      <c r="N201460" s="10"/>
    </row>
    <row r="201461" spans="14:14">
      <c r="N201461" s="10"/>
    </row>
    <row r="201462" spans="14:14">
      <c r="N201462" s="10"/>
    </row>
    <row r="201463" spans="14:14">
      <c r="N201463" s="10"/>
    </row>
    <row r="201464" spans="14:14">
      <c r="N201464" s="10"/>
    </row>
    <row r="201465" spans="14:14">
      <c r="N201465" s="10"/>
    </row>
    <row r="201466" spans="14:14">
      <c r="N201466" s="10"/>
    </row>
    <row r="201467" spans="14:14">
      <c r="N201467" s="10"/>
    </row>
    <row r="201468" spans="14:14">
      <c r="N201468" s="10"/>
    </row>
    <row r="201469" spans="14:14">
      <c r="N201469" s="10"/>
    </row>
    <row r="201470" spans="14:14">
      <c r="N201470" s="10"/>
    </row>
    <row r="201471" spans="14:14">
      <c r="N201471" s="10"/>
    </row>
    <row r="201472" spans="14:14">
      <c r="N201472" s="10"/>
    </row>
    <row r="201473" spans="14:14">
      <c r="N201473" s="10"/>
    </row>
    <row r="201474" spans="14:14">
      <c r="N201474" s="10"/>
    </row>
    <row r="201475" spans="14:14">
      <c r="N201475" s="10"/>
    </row>
    <row r="201476" spans="14:14">
      <c r="N201476" s="10"/>
    </row>
    <row r="201477" spans="14:14">
      <c r="N201477" s="10"/>
    </row>
    <row r="201478" spans="14:14">
      <c r="N201478" s="10"/>
    </row>
    <row r="201479" spans="14:14">
      <c r="N201479" s="10"/>
    </row>
    <row r="201480" spans="14:14">
      <c r="N201480" s="10"/>
    </row>
    <row r="201481" spans="14:14">
      <c r="N201481" s="10"/>
    </row>
    <row r="201482" spans="14:14">
      <c r="N201482" s="10"/>
    </row>
    <row r="201483" spans="14:14">
      <c r="N201483" s="10"/>
    </row>
    <row r="201484" spans="14:14">
      <c r="N201484" s="10"/>
    </row>
    <row r="201485" spans="14:14">
      <c r="N201485" s="10"/>
    </row>
    <row r="201486" spans="14:14">
      <c r="N201486" s="10"/>
    </row>
    <row r="201487" spans="14:14">
      <c r="N201487" s="10"/>
    </row>
    <row r="201488" spans="14:14">
      <c r="N201488" s="10"/>
    </row>
    <row r="201489" spans="14:14">
      <c r="N201489" s="10"/>
    </row>
    <row r="201490" spans="14:14">
      <c r="N201490" s="10"/>
    </row>
    <row r="201491" spans="14:14">
      <c r="N201491" s="10"/>
    </row>
    <row r="201492" spans="14:14">
      <c r="N201492" s="10"/>
    </row>
    <row r="201493" spans="14:14">
      <c r="N201493" s="10"/>
    </row>
    <row r="201494" spans="14:14">
      <c r="N201494" s="10"/>
    </row>
    <row r="201495" spans="14:14">
      <c r="N201495" s="10"/>
    </row>
    <row r="201496" spans="14:14">
      <c r="N201496" s="10"/>
    </row>
    <row r="201497" spans="14:14">
      <c r="N201497" s="10"/>
    </row>
    <row r="201498" spans="14:14">
      <c r="N201498" s="10"/>
    </row>
    <row r="201499" spans="14:14">
      <c r="N201499" s="10"/>
    </row>
    <row r="201500" spans="14:14">
      <c r="N201500" s="10"/>
    </row>
    <row r="201501" spans="14:14">
      <c r="N201501" s="10"/>
    </row>
    <row r="201502" spans="14:14">
      <c r="N201502" s="10"/>
    </row>
    <row r="201503" spans="14:14">
      <c r="N201503" s="10"/>
    </row>
    <row r="201504" spans="14:14">
      <c r="N201504" s="10"/>
    </row>
    <row r="201505" spans="14:14">
      <c r="N201505" s="10"/>
    </row>
    <row r="201506" spans="14:14">
      <c r="N201506" s="10"/>
    </row>
    <row r="201507" spans="14:14">
      <c r="N201507" s="10"/>
    </row>
    <row r="201508" spans="14:14">
      <c r="N201508" s="10"/>
    </row>
    <row r="201509" spans="14:14">
      <c r="N201509" s="10"/>
    </row>
    <row r="201510" spans="14:14">
      <c r="N201510" s="10"/>
    </row>
    <row r="201511" spans="14:14">
      <c r="N201511" s="10"/>
    </row>
    <row r="201512" spans="14:14">
      <c r="N201512" s="10"/>
    </row>
    <row r="201513" spans="14:14">
      <c r="N201513" s="10"/>
    </row>
    <row r="201514" spans="14:14">
      <c r="N201514" s="10"/>
    </row>
    <row r="201515" spans="14:14">
      <c r="N201515" s="10"/>
    </row>
    <row r="201516" spans="14:14">
      <c r="N201516" s="10"/>
    </row>
    <row r="201517" spans="14:14">
      <c r="N201517" s="10"/>
    </row>
    <row r="201518" spans="14:14">
      <c r="N201518" s="10"/>
    </row>
    <row r="201519" spans="14:14">
      <c r="N201519" s="10"/>
    </row>
    <row r="201520" spans="14:14">
      <c r="N201520" s="10"/>
    </row>
    <row r="201521" spans="14:14">
      <c r="N201521" s="10"/>
    </row>
    <row r="201522" spans="14:14">
      <c r="N201522" s="10"/>
    </row>
    <row r="201523" spans="14:14">
      <c r="N201523" s="10"/>
    </row>
    <row r="201524" spans="14:14">
      <c r="N201524" s="10"/>
    </row>
    <row r="201525" spans="14:14">
      <c r="N201525" s="10"/>
    </row>
    <row r="201526" spans="14:14">
      <c r="N201526" s="10"/>
    </row>
    <row r="201527" spans="14:14">
      <c r="N201527" s="10"/>
    </row>
    <row r="201528" spans="14:14">
      <c r="N201528" s="10"/>
    </row>
    <row r="201529" spans="14:14">
      <c r="N201529" s="10"/>
    </row>
    <row r="201530" spans="14:14">
      <c r="N201530" s="10"/>
    </row>
    <row r="201531" spans="14:14">
      <c r="N201531" s="10"/>
    </row>
    <row r="201532" spans="14:14">
      <c r="N201532" s="10"/>
    </row>
    <row r="201533" spans="14:14">
      <c r="N201533" s="10"/>
    </row>
    <row r="201534" spans="14:14">
      <c r="N201534" s="10"/>
    </row>
    <row r="201535" spans="14:14">
      <c r="N201535" s="10"/>
    </row>
    <row r="201536" spans="14:14">
      <c r="N201536" s="10"/>
    </row>
    <row r="201537" spans="14:14">
      <c r="N201537" s="10"/>
    </row>
    <row r="201538" spans="14:14">
      <c r="N201538" s="10"/>
    </row>
    <row r="201539" spans="14:14">
      <c r="N201539" s="10"/>
    </row>
    <row r="201540" spans="14:14">
      <c r="N201540" s="10"/>
    </row>
    <row r="201541" spans="14:14">
      <c r="N201541" s="10"/>
    </row>
    <row r="201542" spans="14:14">
      <c r="N201542" s="10"/>
    </row>
    <row r="201543" spans="14:14">
      <c r="N201543" s="10"/>
    </row>
    <row r="201544" spans="14:14">
      <c r="N201544" s="10"/>
    </row>
    <row r="201545" spans="14:14">
      <c r="N201545" s="10"/>
    </row>
    <row r="201546" spans="14:14">
      <c r="N201546" s="10"/>
    </row>
    <row r="201547" spans="14:14">
      <c r="N201547" s="10"/>
    </row>
    <row r="201548" spans="14:14">
      <c r="N201548" s="10"/>
    </row>
    <row r="201549" spans="14:14">
      <c r="N201549" s="10"/>
    </row>
    <row r="201550" spans="14:14">
      <c r="N201550" s="10"/>
    </row>
    <row r="201551" spans="14:14">
      <c r="N201551" s="10"/>
    </row>
    <row r="201552" spans="14:14">
      <c r="N201552" s="10"/>
    </row>
    <row r="201553" spans="14:14">
      <c r="N201553" s="10"/>
    </row>
    <row r="201554" spans="14:14">
      <c r="N201554" s="10"/>
    </row>
    <row r="201555" spans="14:14">
      <c r="N201555" s="10"/>
    </row>
    <row r="201556" spans="14:14">
      <c r="N201556" s="10"/>
    </row>
    <row r="201557" spans="14:14">
      <c r="N201557" s="10"/>
    </row>
    <row r="201558" spans="14:14">
      <c r="N201558" s="10"/>
    </row>
    <row r="201559" spans="14:14">
      <c r="N201559" s="10"/>
    </row>
    <row r="201560" spans="14:14">
      <c r="N201560" s="10"/>
    </row>
    <row r="201561" spans="14:14">
      <c r="N201561" s="10"/>
    </row>
    <row r="201562" spans="14:14">
      <c r="N201562" s="10"/>
    </row>
    <row r="201563" spans="14:14">
      <c r="N201563" s="10"/>
    </row>
    <row r="201564" spans="14:14">
      <c r="N201564" s="10"/>
    </row>
    <row r="201565" spans="14:14">
      <c r="N201565" s="10"/>
    </row>
    <row r="201566" spans="14:14">
      <c r="N201566" s="10"/>
    </row>
    <row r="201567" spans="14:14">
      <c r="N201567" s="10"/>
    </row>
    <row r="201568" spans="14:14">
      <c r="N201568" s="10"/>
    </row>
    <row r="201569" spans="14:14">
      <c r="N201569" s="10"/>
    </row>
    <row r="201570" spans="14:14">
      <c r="N201570" s="10"/>
    </row>
    <row r="201571" spans="14:14">
      <c r="N201571" s="10"/>
    </row>
    <row r="201572" spans="14:14">
      <c r="N201572" s="10"/>
    </row>
    <row r="201573" spans="14:14">
      <c r="N201573" s="10"/>
    </row>
    <row r="201574" spans="14:14">
      <c r="N201574" s="10"/>
    </row>
    <row r="201575" spans="14:14">
      <c r="N201575" s="10"/>
    </row>
    <row r="201576" spans="14:14">
      <c r="N201576" s="10"/>
    </row>
    <row r="201577" spans="14:14">
      <c r="N201577" s="10"/>
    </row>
    <row r="201578" spans="14:14">
      <c r="N201578" s="10"/>
    </row>
    <row r="201579" spans="14:14">
      <c r="N201579" s="10"/>
    </row>
    <row r="201580" spans="14:14">
      <c r="N201580" s="10"/>
    </row>
    <row r="201581" spans="14:14">
      <c r="N201581" s="10"/>
    </row>
    <row r="201582" spans="14:14">
      <c r="N201582" s="10"/>
    </row>
    <row r="201583" spans="14:14">
      <c r="N201583" s="10"/>
    </row>
    <row r="201584" spans="14:14">
      <c r="N201584" s="10"/>
    </row>
    <row r="201585" spans="14:14">
      <c r="N201585" s="10"/>
    </row>
    <row r="201586" spans="14:14">
      <c r="N201586" s="10"/>
    </row>
    <row r="201587" spans="14:14">
      <c r="N201587" s="10"/>
    </row>
    <row r="201588" spans="14:14">
      <c r="N201588" s="10"/>
    </row>
    <row r="201589" spans="14:14">
      <c r="N201589" s="10"/>
    </row>
    <row r="201590" spans="14:14">
      <c r="N201590" s="10"/>
    </row>
    <row r="201591" spans="14:14">
      <c r="N201591" s="10"/>
    </row>
    <row r="201592" spans="14:14">
      <c r="N201592" s="10"/>
    </row>
    <row r="201593" spans="14:14">
      <c r="N201593" s="10"/>
    </row>
    <row r="201594" spans="14:14">
      <c r="N201594" s="10"/>
    </row>
    <row r="201595" spans="14:14">
      <c r="N201595" s="10"/>
    </row>
    <row r="201596" spans="14:14">
      <c r="N201596" s="10"/>
    </row>
    <row r="201597" spans="14:14">
      <c r="N201597" s="10"/>
    </row>
    <row r="201598" spans="14:14">
      <c r="N201598" s="10"/>
    </row>
    <row r="201599" spans="14:14">
      <c r="N201599" s="10"/>
    </row>
    <row r="201600" spans="14:14">
      <c r="N201600" s="10"/>
    </row>
    <row r="201601" spans="14:14">
      <c r="N201601" s="10"/>
    </row>
    <row r="201602" spans="14:14">
      <c r="N201602" s="10"/>
    </row>
    <row r="201603" spans="14:14">
      <c r="N201603" s="10"/>
    </row>
    <row r="201604" spans="14:14">
      <c r="N201604" s="10"/>
    </row>
    <row r="201605" spans="14:14">
      <c r="N201605" s="10"/>
    </row>
    <row r="201606" spans="14:14">
      <c r="N201606" s="10"/>
    </row>
    <row r="201607" spans="14:14">
      <c r="N201607" s="10"/>
    </row>
    <row r="201608" spans="14:14">
      <c r="N201608" s="10"/>
    </row>
    <row r="201609" spans="14:14">
      <c r="N201609" s="10"/>
    </row>
    <row r="201610" spans="14:14">
      <c r="N201610" s="10"/>
    </row>
    <row r="201611" spans="14:14">
      <c r="N201611" s="10"/>
    </row>
    <row r="201612" spans="14:14">
      <c r="N201612" s="10"/>
    </row>
    <row r="201613" spans="14:14">
      <c r="N201613" s="10"/>
    </row>
    <row r="201614" spans="14:14">
      <c r="N201614" s="10"/>
    </row>
    <row r="201615" spans="14:14">
      <c r="N201615" s="10"/>
    </row>
    <row r="201616" spans="14:14">
      <c r="N201616" s="10"/>
    </row>
    <row r="201617" spans="14:14">
      <c r="N201617" s="10"/>
    </row>
    <row r="201618" spans="14:14">
      <c r="N201618" s="10"/>
    </row>
    <row r="201619" spans="14:14">
      <c r="N201619" s="10"/>
    </row>
    <row r="201620" spans="14:14">
      <c r="N201620" s="10"/>
    </row>
    <row r="201621" spans="14:14">
      <c r="N201621" s="10"/>
    </row>
    <row r="201622" spans="14:14">
      <c r="N201622" s="10"/>
    </row>
    <row r="201623" spans="14:14">
      <c r="N201623" s="10"/>
    </row>
    <row r="201624" spans="14:14">
      <c r="N201624" s="10"/>
    </row>
    <row r="201625" spans="14:14">
      <c r="N201625" s="10"/>
    </row>
    <row r="201626" spans="14:14">
      <c r="N201626" s="10"/>
    </row>
    <row r="201627" spans="14:14">
      <c r="N201627" s="10"/>
    </row>
    <row r="201628" spans="14:14">
      <c r="N201628" s="10"/>
    </row>
    <row r="201629" spans="14:14">
      <c r="N201629" s="10"/>
    </row>
    <row r="201630" spans="14:14">
      <c r="N201630" s="10"/>
    </row>
    <row r="201631" spans="14:14">
      <c r="N201631" s="10"/>
    </row>
    <row r="201632" spans="14:14">
      <c r="N201632" s="10"/>
    </row>
    <row r="201633" spans="14:14">
      <c r="N201633" s="10"/>
    </row>
    <row r="201634" spans="14:14">
      <c r="N201634" s="10"/>
    </row>
    <row r="201635" spans="14:14">
      <c r="N201635" s="10"/>
    </row>
    <row r="201636" spans="14:14">
      <c r="N201636" s="10"/>
    </row>
    <row r="201637" spans="14:14">
      <c r="N201637" s="10"/>
    </row>
    <row r="201638" spans="14:14">
      <c r="N201638" s="10"/>
    </row>
    <row r="201639" spans="14:14">
      <c r="N201639" s="10"/>
    </row>
    <row r="201640" spans="14:14">
      <c r="N201640" s="10"/>
    </row>
    <row r="201641" spans="14:14">
      <c r="N201641" s="10"/>
    </row>
    <row r="201642" spans="14:14">
      <c r="N201642" s="10"/>
    </row>
    <row r="201643" spans="14:14">
      <c r="N201643" s="10"/>
    </row>
    <row r="201644" spans="14:14">
      <c r="N201644" s="10"/>
    </row>
    <row r="201645" spans="14:14">
      <c r="N201645" s="10"/>
    </row>
    <row r="201646" spans="14:14">
      <c r="N201646" s="10"/>
    </row>
    <row r="201647" spans="14:14">
      <c r="N201647" s="10"/>
    </row>
    <row r="201648" spans="14:14">
      <c r="N201648" s="10"/>
    </row>
    <row r="201649" spans="14:14">
      <c r="N201649" s="10"/>
    </row>
    <row r="201650" spans="14:14">
      <c r="N201650" s="10"/>
    </row>
    <row r="201651" spans="14:14">
      <c r="N201651" s="10"/>
    </row>
    <row r="201652" spans="14:14">
      <c r="N201652" s="10"/>
    </row>
    <row r="201653" spans="14:14">
      <c r="N201653" s="10"/>
    </row>
    <row r="201654" spans="14:14">
      <c r="N201654" s="10"/>
    </row>
    <row r="201655" spans="14:14">
      <c r="N201655" s="10"/>
    </row>
    <row r="201656" spans="14:14">
      <c r="N201656" s="10"/>
    </row>
    <row r="201657" spans="14:14">
      <c r="N201657" s="10"/>
    </row>
    <row r="201658" spans="14:14">
      <c r="N201658" s="10"/>
    </row>
    <row r="201659" spans="14:14">
      <c r="N201659" s="10"/>
    </row>
    <row r="201660" spans="14:14">
      <c r="N201660" s="10"/>
    </row>
    <row r="201661" spans="14:14">
      <c r="N201661" s="10"/>
    </row>
    <row r="201662" spans="14:14">
      <c r="N201662" s="10"/>
    </row>
    <row r="201663" spans="14:14">
      <c r="N201663" s="10"/>
    </row>
    <row r="201664" spans="14:14">
      <c r="N201664" s="10"/>
    </row>
    <row r="201665" spans="14:14">
      <c r="N201665" s="10"/>
    </row>
    <row r="201666" spans="14:14">
      <c r="N201666" s="10"/>
    </row>
    <row r="201667" spans="14:14">
      <c r="N201667" s="10"/>
    </row>
    <row r="201668" spans="14:14">
      <c r="N201668" s="10"/>
    </row>
    <row r="201669" spans="14:14">
      <c r="N201669" s="10"/>
    </row>
    <row r="201670" spans="14:14">
      <c r="N201670" s="10"/>
    </row>
    <row r="201671" spans="14:14">
      <c r="N201671" s="10"/>
    </row>
    <row r="201672" spans="14:14">
      <c r="N201672" s="10"/>
    </row>
    <row r="201673" spans="14:14">
      <c r="N201673" s="10"/>
    </row>
    <row r="201674" spans="14:14">
      <c r="N201674" s="10"/>
    </row>
    <row r="201675" spans="14:14">
      <c r="N201675" s="10"/>
    </row>
    <row r="201676" spans="14:14">
      <c r="N201676" s="10"/>
    </row>
    <row r="201677" spans="14:14">
      <c r="N201677" s="10"/>
    </row>
    <row r="201678" spans="14:14">
      <c r="N201678" s="10"/>
    </row>
    <row r="201679" spans="14:14">
      <c r="N201679" s="10"/>
    </row>
    <row r="201680" spans="14:14">
      <c r="N201680" s="10"/>
    </row>
    <row r="201681" spans="14:14">
      <c r="N201681" s="10"/>
    </row>
    <row r="201682" spans="14:14">
      <c r="N201682" s="10"/>
    </row>
    <row r="201683" spans="14:14">
      <c r="N201683" s="10"/>
    </row>
    <row r="201684" spans="14:14">
      <c r="N201684" s="10"/>
    </row>
    <row r="201685" spans="14:14">
      <c r="N201685" s="10"/>
    </row>
    <row r="201686" spans="14:14">
      <c r="N201686" s="10"/>
    </row>
    <row r="201687" spans="14:14">
      <c r="N201687" s="10"/>
    </row>
    <row r="201688" spans="14:14">
      <c r="N201688" s="10"/>
    </row>
    <row r="201689" spans="14:14">
      <c r="N201689" s="10"/>
    </row>
    <row r="201690" spans="14:14">
      <c r="N201690" s="10"/>
    </row>
    <row r="201691" spans="14:14">
      <c r="N201691" s="10"/>
    </row>
    <row r="201692" spans="14:14">
      <c r="N201692" s="10"/>
    </row>
    <row r="201693" spans="14:14">
      <c r="N201693" s="10"/>
    </row>
    <row r="201694" spans="14:14">
      <c r="N201694" s="10"/>
    </row>
    <row r="201695" spans="14:14">
      <c r="N201695" s="10"/>
    </row>
    <row r="201696" spans="14:14">
      <c r="N201696" s="10"/>
    </row>
    <row r="201697" spans="14:14">
      <c r="N201697" s="10"/>
    </row>
    <row r="201698" spans="14:14">
      <c r="N201698" s="10"/>
    </row>
    <row r="201699" spans="14:14">
      <c r="N201699" s="10"/>
    </row>
    <row r="201700" spans="14:14">
      <c r="N201700" s="10"/>
    </row>
    <row r="201701" spans="14:14">
      <c r="N201701" s="10"/>
    </row>
    <row r="201702" spans="14:14">
      <c r="N201702" s="10"/>
    </row>
    <row r="201703" spans="14:14">
      <c r="N201703" s="10"/>
    </row>
    <row r="201704" spans="14:14">
      <c r="N201704" s="10"/>
    </row>
    <row r="201705" spans="14:14">
      <c r="N201705" s="10"/>
    </row>
    <row r="201706" spans="14:14">
      <c r="N201706" s="10"/>
    </row>
    <row r="201707" spans="14:14">
      <c r="N201707" s="10"/>
    </row>
    <row r="201708" spans="14:14">
      <c r="N201708" s="10"/>
    </row>
    <row r="201709" spans="14:14">
      <c r="N201709" s="10"/>
    </row>
    <row r="201710" spans="14:14">
      <c r="N201710" s="10"/>
    </row>
    <row r="201711" spans="14:14">
      <c r="N201711" s="10"/>
    </row>
    <row r="201712" spans="14:14">
      <c r="N201712" s="10"/>
    </row>
    <row r="201713" spans="14:14">
      <c r="N201713" s="10"/>
    </row>
    <row r="201714" spans="14:14">
      <c r="N201714" s="10"/>
    </row>
    <row r="201715" spans="14:14">
      <c r="N201715" s="10"/>
    </row>
    <row r="201716" spans="14:14">
      <c r="N201716" s="10"/>
    </row>
    <row r="201717" spans="14:14">
      <c r="N201717" s="10"/>
    </row>
    <row r="201718" spans="14:14">
      <c r="N201718" s="10"/>
    </row>
    <row r="201719" spans="14:14">
      <c r="N201719" s="10"/>
    </row>
    <row r="201720" spans="14:14">
      <c r="N201720" s="10"/>
    </row>
    <row r="201721" spans="14:14">
      <c r="N201721" s="10"/>
    </row>
    <row r="201722" spans="14:14">
      <c r="N201722" s="10"/>
    </row>
    <row r="201723" spans="14:14">
      <c r="N201723" s="10"/>
    </row>
    <row r="201724" spans="14:14">
      <c r="N201724" s="10"/>
    </row>
    <row r="201725" spans="14:14">
      <c r="N201725" s="10"/>
    </row>
    <row r="201726" spans="14:14">
      <c r="N201726" s="10"/>
    </row>
    <row r="201727" spans="14:14">
      <c r="N201727" s="10"/>
    </row>
    <row r="201728" spans="14:14">
      <c r="N201728" s="10"/>
    </row>
    <row r="201729" spans="14:14">
      <c r="N201729" s="10"/>
    </row>
    <row r="201730" spans="14:14">
      <c r="N201730" s="10"/>
    </row>
    <row r="201731" spans="14:14">
      <c r="N201731" s="10"/>
    </row>
    <row r="201732" spans="14:14">
      <c r="N201732" s="10"/>
    </row>
    <row r="201733" spans="14:14">
      <c r="N201733" s="10"/>
    </row>
    <row r="201734" spans="14:14">
      <c r="N201734" s="10"/>
    </row>
    <row r="201735" spans="14:14">
      <c r="N201735" s="10"/>
    </row>
    <row r="201736" spans="14:14">
      <c r="N201736" s="10"/>
    </row>
    <row r="201737" spans="14:14">
      <c r="N201737" s="10"/>
    </row>
    <row r="201738" spans="14:14">
      <c r="N201738" s="10"/>
    </row>
    <row r="201739" spans="14:14">
      <c r="N201739" s="10"/>
    </row>
    <row r="201740" spans="14:14">
      <c r="N201740" s="10"/>
    </row>
    <row r="201741" spans="14:14">
      <c r="N201741" s="10"/>
    </row>
    <row r="201742" spans="14:14">
      <c r="N201742" s="10"/>
    </row>
    <row r="201743" spans="14:14">
      <c r="N201743" s="10"/>
    </row>
    <row r="201744" spans="14:14">
      <c r="N201744" s="10"/>
    </row>
    <row r="201745" spans="14:14">
      <c r="N201745" s="10"/>
    </row>
    <row r="201746" spans="14:14">
      <c r="N201746" s="10"/>
    </row>
    <row r="201747" spans="14:14">
      <c r="N201747" s="10"/>
    </row>
    <row r="201748" spans="14:14">
      <c r="N201748" s="10"/>
    </row>
    <row r="201749" spans="14:14">
      <c r="N201749" s="10"/>
    </row>
    <row r="201750" spans="14:14">
      <c r="N201750" s="10"/>
    </row>
    <row r="201751" spans="14:14">
      <c r="N201751" s="10"/>
    </row>
    <row r="201752" spans="14:14">
      <c r="N201752" s="10"/>
    </row>
    <row r="201753" spans="14:14">
      <c r="N201753" s="10"/>
    </row>
    <row r="201754" spans="14:14">
      <c r="N201754" s="10"/>
    </row>
    <row r="201755" spans="14:14">
      <c r="N201755" s="10"/>
    </row>
    <row r="201756" spans="14:14">
      <c r="N201756" s="10"/>
    </row>
    <row r="201757" spans="14:14">
      <c r="N201757" s="10"/>
    </row>
    <row r="201758" spans="14:14">
      <c r="N201758" s="10"/>
    </row>
    <row r="201759" spans="14:14">
      <c r="N201759" s="10"/>
    </row>
    <row r="201760" spans="14:14">
      <c r="N201760" s="10"/>
    </row>
    <row r="201761" spans="14:14">
      <c r="N201761" s="10"/>
    </row>
    <row r="201762" spans="14:14">
      <c r="N201762" s="10"/>
    </row>
    <row r="201763" spans="14:14">
      <c r="N201763" s="10"/>
    </row>
    <row r="201764" spans="14:14">
      <c r="N201764" s="10"/>
    </row>
    <row r="201765" spans="14:14">
      <c r="N201765" s="10"/>
    </row>
    <row r="201766" spans="14:14">
      <c r="N201766" s="10"/>
    </row>
    <row r="201767" spans="14:14">
      <c r="N201767" s="10"/>
    </row>
    <row r="201768" spans="14:14">
      <c r="N201768" s="10"/>
    </row>
    <row r="201769" spans="14:14">
      <c r="N201769" s="10"/>
    </row>
    <row r="201770" spans="14:14">
      <c r="N201770" s="10"/>
    </row>
    <row r="201771" spans="14:14">
      <c r="N201771" s="10"/>
    </row>
    <row r="201772" spans="14:14">
      <c r="N201772" s="10"/>
    </row>
    <row r="201773" spans="14:14">
      <c r="N201773" s="10"/>
    </row>
    <row r="201774" spans="14:14">
      <c r="N201774" s="10"/>
    </row>
    <row r="201775" spans="14:14">
      <c r="N201775" s="10"/>
    </row>
    <row r="201776" spans="14:14">
      <c r="N201776" s="10"/>
    </row>
    <row r="201777" spans="14:14">
      <c r="N201777" s="10"/>
    </row>
    <row r="201778" spans="14:14">
      <c r="N201778" s="10"/>
    </row>
    <row r="201779" spans="14:14">
      <c r="N201779" s="10"/>
    </row>
    <row r="201780" spans="14:14">
      <c r="N201780" s="10"/>
    </row>
    <row r="201781" spans="14:14">
      <c r="N201781" s="10"/>
    </row>
    <row r="201782" spans="14:14">
      <c r="N201782" s="10"/>
    </row>
    <row r="201783" spans="14:14">
      <c r="N201783" s="10"/>
    </row>
    <row r="201784" spans="14:14">
      <c r="N201784" s="10"/>
    </row>
    <row r="201785" spans="14:14">
      <c r="N201785" s="10"/>
    </row>
    <row r="201786" spans="14:14">
      <c r="N201786" s="10"/>
    </row>
    <row r="201787" spans="14:14">
      <c r="N201787" s="10"/>
    </row>
    <row r="201788" spans="14:14">
      <c r="N201788" s="10"/>
    </row>
    <row r="201789" spans="14:14">
      <c r="N201789" s="10"/>
    </row>
    <row r="201790" spans="14:14">
      <c r="N201790" s="10"/>
    </row>
    <row r="201791" spans="14:14">
      <c r="N201791" s="10"/>
    </row>
    <row r="201792" spans="14:14">
      <c r="N201792" s="10"/>
    </row>
    <row r="201793" spans="14:14">
      <c r="N201793" s="10"/>
    </row>
    <row r="201794" spans="14:14">
      <c r="N201794" s="10"/>
    </row>
    <row r="201795" spans="14:14">
      <c r="N201795" s="10"/>
    </row>
    <row r="201796" spans="14:14">
      <c r="N201796" s="10"/>
    </row>
    <row r="201797" spans="14:14">
      <c r="N201797" s="10"/>
    </row>
    <row r="201798" spans="14:14">
      <c r="N201798" s="10"/>
    </row>
    <row r="201799" spans="14:14">
      <c r="N201799" s="10"/>
    </row>
    <row r="201800" spans="14:14">
      <c r="N201800" s="10"/>
    </row>
    <row r="201801" spans="14:14">
      <c r="N201801" s="10"/>
    </row>
    <row r="201802" spans="14:14">
      <c r="N201802" s="10"/>
    </row>
    <row r="201803" spans="14:14">
      <c r="N201803" s="10"/>
    </row>
    <row r="201804" spans="14:14">
      <c r="N201804" s="10"/>
    </row>
    <row r="201805" spans="14:14">
      <c r="N201805" s="10"/>
    </row>
    <row r="201806" spans="14:14">
      <c r="N201806" s="10"/>
    </row>
    <row r="201807" spans="14:14">
      <c r="N201807" s="10"/>
    </row>
    <row r="201808" spans="14:14">
      <c r="N201808" s="10"/>
    </row>
    <row r="201809" spans="14:14">
      <c r="N201809" s="10"/>
    </row>
    <row r="201810" spans="14:14">
      <c r="N201810" s="10"/>
    </row>
    <row r="201811" spans="14:14">
      <c r="N201811" s="10"/>
    </row>
    <row r="201812" spans="14:14">
      <c r="N201812" s="10"/>
    </row>
    <row r="201813" spans="14:14">
      <c r="N201813" s="10"/>
    </row>
    <row r="201814" spans="14:14">
      <c r="N201814" s="10"/>
    </row>
    <row r="201815" spans="14:14">
      <c r="N201815" s="10"/>
    </row>
    <row r="201816" spans="14:14">
      <c r="N201816" s="10"/>
    </row>
    <row r="201817" spans="14:14">
      <c r="N201817" s="10"/>
    </row>
    <row r="201818" spans="14:14">
      <c r="N201818" s="10"/>
    </row>
    <row r="201819" spans="14:14">
      <c r="N201819" s="10"/>
    </row>
    <row r="201820" spans="14:14">
      <c r="N201820" s="10"/>
    </row>
    <row r="201821" spans="14:14">
      <c r="N201821" s="10"/>
    </row>
    <row r="201822" spans="14:14">
      <c r="N201822" s="10"/>
    </row>
    <row r="201823" spans="14:14">
      <c r="N201823" s="10"/>
    </row>
    <row r="201824" spans="14:14">
      <c r="N201824" s="10"/>
    </row>
    <row r="201825" spans="14:14">
      <c r="N201825" s="10"/>
    </row>
    <row r="201826" spans="14:14">
      <c r="N201826" s="10"/>
    </row>
    <row r="201827" spans="14:14">
      <c r="N201827" s="10"/>
    </row>
    <row r="201828" spans="14:14">
      <c r="N201828" s="10"/>
    </row>
    <row r="201829" spans="14:14">
      <c r="N201829" s="10"/>
    </row>
    <row r="201830" spans="14:14">
      <c r="N201830" s="10"/>
    </row>
    <row r="201831" spans="14:14">
      <c r="N201831" s="10"/>
    </row>
    <row r="201832" spans="14:14">
      <c r="N201832" s="10"/>
    </row>
    <row r="201833" spans="14:14">
      <c r="N201833" s="10"/>
    </row>
    <row r="201834" spans="14:14">
      <c r="N201834" s="10"/>
    </row>
    <row r="201835" spans="14:14">
      <c r="N201835" s="10"/>
    </row>
    <row r="201836" spans="14:14">
      <c r="N201836" s="10"/>
    </row>
    <row r="201837" spans="14:14">
      <c r="N201837" s="10"/>
    </row>
    <row r="201838" spans="14:14">
      <c r="N201838" s="10"/>
    </row>
    <row r="201839" spans="14:14">
      <c r="N201839" s="10"/>
    </row>
    <row r="201840" spans="14:14">
      <c r="N201840" s="10"/>
    </row>
    <row r="201841" spans="14:14">
      <c r="N201841" s="10"/>
    </row>
    <row r="201842" spans="14:14">
      <c r="N201842" s="10"/>
    </row>
    <row r="201843" spans="14:14">
      <c r="N201843" s="10"/>
    </row>
    <row r="201844" spans="14:14">
      <c r="N201844" s="10"/>
    </row>
    <row r="201845" spans="14:14">
      <c r="N201845" s="10"/>
    </row>
    <row r="201846" spans="14:14">
      <c r="N201846" s="10"/>
    </row>
    <row r="201847" spans="14:14">
      <c r="N201847" s="10"/>
    </row>
    <row r="201848" spans="14:14">
      <c r="N201848" s="10"/>
    </row>
    <row r="201849" spans="14:14">
      <c r="N201849" s="10"/>
    </row>
    <row r="201850" spans="14:14">
      <c r="N201850" s="10"/>
    </row>
    <row r="201851" spans="14:14">
      <c r="N201851" s="10"/>
    </row>
    <row r="201852" spans="14:14">
      <c r="N201852" s="10"/>
    </row>
    <row r="201853" spans="14:14">
      <c r="N201853" s="10"/>
    </row>
    <row r="201854" spans="14:14">
      <c r="N201854" s="10"/>
    </row>
    <row r="201855" spans="14:14">
      <c r="N201855" s="10"/>
    </row>
    <row r="201856" spans="14:14">
      <c r="N201856" s="10"/>
    </row>
    <row r="201857" spans="14:14">
      <c r="N201857" s="10"/>
    </row>
    <row r="201858" spans="14:14">
      <c r="N201858" s="10"/>
    </row>
    <row r="201859" spans="14:14">
      <c r="N201859" s="10"/>
    </row>
    <row r="201860" spans="14:14">
      <c r="N201860" s="10"/>
    </row>
    <row r="201861" spans="14:14">
      <c r="N201861" s="10"/>
    </row>
    <row r="201862" spans="14:14">
      <c r="N201862" s="10"/>
    </row>
    <row r="201863" spans="14:14">
      <c r="N201863" s="10"/>
    </row>
    <row r="201864" spans="14:14">
      <c r="N201864" s="10"/>
    </row>
    <row r="201865" spans="14:14">
      <c r="N201865" s="10"/>
    </row>
    <row r="201866" spans="14:14">
      <c r="N201866" s="10"/>
    </row>
    <row r="201867" spans="14:14">
      <c r="N201867" s="10"/>
    </row>
    <row r="201868" spans="14:14">
      <c r="N201868" s="10"/>
    </row>
    <row r="201869" spans="14:14">
      <c r="N201869" s="10"/>
    </row>
    <row r="201870" spans="14:14">
      <c r="N201870" s="10"/>
    </row>
    <row r="201871" spans="14:14">
      <c r="N201871" s="10"/>
    </row>
    <row r="201872" spans="14:14">
      <c r="N201872" s="10"/>
    </row>
    <row r="201873" spans="14:14">
      <c r="N201873" s="10"/>
    </row>
    <row r="201874" spans="14:14">
      <c r="N201874" s="10"/>
    </row>
    <row r="201875" spans="14:14">
      <c r="N201875" s="10"/>
    </row>
    <row r="201876" spans="14:14">
      <c r="N201876" s="10"/>
    </row>
    <row r="201877" spans="14:14">
      <c r="N201877" s="10"/>
    </row>
    <row r="201878" spans="14:14">
      <c r="N201878" s="10"/>
    </row>
    <row r="201879" spans="14:14">
      <c r="N201879" s="10"/>
    </row>
    <row r="201880" spans="14:14">
      <c r="N201880" s="10"/>
    </row>
    <row r="201881" spans="14:14">
      <c r="N201881" s="10"/>
    </row>
    <row r="201882" spans="14:14">
      <c r="N201882" s="10"/>
    </row>
    <row r="201883" spans="14:14">
      <c r="N201883" s="10"/>
    </row>
    <row r="201884" spans="14:14">
      <c r="N201884" s="10"/>
    </row>
    <row r="201885" spans="14:14">
      <c r="N201885" s="10"/>
    </row>
    <row r="201886" spans="14:14">
      <c r="N201886" s="10"/>
    </row>
    <row r="201887" spans="14:14">
      <c r="N201887" s="10"/>
    </row>
    <row r="201888" spans="14:14">
      <c r="N201888" s="10"/>
    </row>
    <row r="201889" spans="14:14">
      <c r="N201889" s="10"/>
    </row>
    <row r="201890" spans="14:14">
      <c r="N201890" s="10"/>
    </row>
    <row r="201891" spans="14:14">
      <c r="N201891" s="10"/>
    </row>
    <row r="201892" spans="14:14">
      <c r="N201892" s="10"/>
    </row>
    <row r="201893" spans="14:14">
      <c r="N201893" s="10"/>
    </row>
    <row r="201894" spans="14:14">
      <c r="N201894" s="10"/>
    </row>
    <row r="201895" spans="14:14">
      <c r="N201895" s="10"/>
    </row>
    <row r="201896" spans="14:14">
      <c r="N201896" s="10"/>
    </row>
    <row r="201897" spans="14:14">
      <c r="N201897" s="10"/>
    </row>
    <row r="201898" spans="14:14">
      <c r="N201898" s="10"/>
    </row>
    <row r="201899" spans="14:14">
      <c r="N201899" s="10"/>
    </row>
    <row r="201900" spans="14:14">
      <c r="N201900" s="10"/>
    </row>
    <row r="201901" spans="14:14">
      <c r="N201901" s="10"/>
    </row>
    <row r="201902" spans="14:14">
      <c r="N201902" s="10"/>
    </row>
    <row r="201903" spans="14:14">
      <c r="N201903" s="10"/>
    </row>
    <row r="201904" spans="14:14">
      <c r="N201904" s="10"/>
    </row>
    <row r="201905" spans="14:14">
      <c r="N201905" s="10"/>
    </row>
    <row r="201906" spans="14:14">
      <c r="N201906" s="10"/>
    </row>
    <row r="201907" spans="14:14">
      <c r="N201907" s="10"/>
    </row>
    <row r="201908" spans="14:14">
      <c r="N201908" s="10"/>
    </row>
    <row r="201909" spans="14:14">
      <c r="N201909" s="10"/>
    </row>
    <row r="201910" spans="14:14">
      <c r="N201910" s="10"/>
    </row>
    <row r="201911" spans="14:14">
      <c r="N201911" s="10"/>
    </row>
    <row r="201912" spans="14:14">
      <c r="N201912" s="10"/>
    </row>
    <row r="201913" spans="14:14">
      <c r="N201913" s="10"/>
    </row>
    <row r="201914" spans="14:14">
      <c r="N201914" s="10"/>
    </row>
    <row r="201915" spans="14:14">
      <c r="N201915" s="10"/>
    </row>
    <row r="201916" spans="14:14">
      <c r="N201916" s="10"/>
    </row>
    <row r="201917" spans="14:14">
      <c r="N201917" s="10"/>
    </row>
    <row r="201918" spans="14:14">
      <c r="N201918" s="10"/>
    </row>
    <row r="201919" spans="14:14">
      <c r="N201919" s="10"/>
    </row>
    <row r="201920" spans="14:14">
      <c r="N201920" s="10"/>
    </row>
    <row r="201921" spans="14:14">
      <c r="N201921" s="10"/>
    </row>
    <row r="201922" spans="14:14">
      <c r="N201922" s="10"/>
    </row>
    <row r="201923" spans="14:14">
      <c r="N201923" s="10"/>
    </row>
    <row r="201924" spans="14:14">
      <c r="N201924" s="10"/>
    </row>
    <row r="201925" spans="14:14">
      <c r="N201925" s="10"/>
    </row>
    <row r="201926" spans="14:14">
      <c r="N201926" s="10"/>
    </row>
    <row r="201927" spans="14:14">
      <c r="N201927" s="10"/>
    </row>
    <row r="201928" spans="14:14">
      <c r="N201928" s="10"/>
    </row>
    <row r="201929" spans="14:14">
      <c r="N201929" s="10"/>
    </row>
    <row r="201930" spans="14:14">
      <c r="N201930" s="10"/>
    </row>
    <row r="201931" spans="14:14">
      <c r="N201931" s="10"/>
    </row>
    <row r="201932" spans="14:14">
      <c r="N201932" s="10"/>
    </row>
    <row r="201933" spans="14:14">
      <c r="N201933" s="10"/>
    </row>
    <row r="201934" spans="14:14">
      <c r="N201934" s="10"/>
    </row>
    <row r="201935" spans="14:14">
      <c r="N201935" s="10"/>
    </row>
    <row r="201936" spans="14:14">
      <c r="N201936" s="10"/>
    </row>
    <row r="201937" spans="14:14">
      <c r="N201937" s="10"/>
    </row>
    <row r="201938" spans="14:14">
      <c r="N201938" s="10"/>
    </row>
    <row r="201939" spans="14:14">
      <c r="N201939" s="10"/>
    </row>
    <row r="201940" spans="14:14">
      <c r="N201940" s="10"/>
    </row>
    <row r="201941" spans="14:14">
      <c r="N201941" s="10"/>
    </row>
    <row r="201942" spans="14:14">
      <c r="N201942" s="10"/>
    </row>
    <row r="201943" spans="14:14">
      <c r="N201943" s="10"/>
    </row>
    <row r="201944" spans="14:14">
      <c r="N201944" s="10"/>
    </row>
    <row r="201945" spans="14:14">
      <c r="N201945" s="10"/>
    </row>
    <row r="201946" spans="14:14">
      <c r="N201946" s="10"/>
    </row>
    <row r="201947" spans="14:14">
      <c r="N201947" s="10"/>
    </row>
    <row r="201948" spans="14:14">
      <c r="N201948" s="10"/>
    </row>
    <row r="201949" spans="14:14">
      <c r="N201949" s="10"/>
    </row>
    <row r="201950" spans="14:14">
      <c r="N201950" s="10"/>
    </row>
    <row r="201951" spans="14:14">
      <c r="N201951" s="10"/>
    </row>
    <row r="201952" spans="14:14">
      <c r="N201952" s="10"/>
    </row>
    <row r="201953" spans="14:14">
      <c r="N201953" s="10"/>
    </row>
    <row r="201954" spans="14:14">
      <c r="N201954" s="10"/>
    </row>
    <row r="201955" spans="14:14">
      <c r="N201955" s="10"/>
    </row>
    <row r="201956" spans="14:14">
      <c r="N201956" s="10"/>
    </row>
    <row r="201957" spans="14:14">
      <c r="N201957" s="10"/>
    </row>
    <row r="201958" spans="14:14">
      <c r="N201958" s="10"/>
    </row>
    <row r="201959" spans="14:14">
      <c r="N201959" s="10"/>
    </row>
    <row r="201960" spans="14:14">
      <c r="N201960" s="10"/>
    </row>
    <row r="201961" spans="14:14">
      <c r="N201961" s="10"/>
    </row>
    <row r="201962" spans="14:14">
      <c r="N201962" s="10"/>
    </row>
    <row r="201963" spans="14:14">
      <c r="N201963" s="10"/>
    </row>
    <row r="201964" spans="14:14">
      <c r="N201964" s="10"/>
    </row>
    <row r="201965" spans="14:14">
      <c r="N201965" s="10"/>
    </row>
    <row r="201966" spans="14:14">
      <c r="N201966" s="10"/>
    </row>
    <row r="201967" spans="14:14">
      <c r="N201967" s="10"/>
    </row>
    <row r="201968" spans="14:14">
      <c r="N201968" s="10"/>
    </row>
    <row r="201969" spans="14:14">
      <c r="N201969" s="10"/>
    </row>
    <row r="201970" spans="14:14">
      <c r="N201970" s="10"/>
    </row>
    <row r="201971" spans="14:14">
      <c r="N201971" s="10"/>
    </row>
    <row r="201972" spans="14:14">
      <c r="N201972" s="10"/>
    </row>
    <row r="201973" spans="14:14">
      <c r="N201973" s="10"/>
    </row>
    <row r="201974" spans="14:14">
      <c r="N201974" s="10"/>
    </row>
    <row r="201975" spans="14:14">
      <c r="N201975" s="10"/>
    </row>
    <row r="201976" spans="14:14">
      <c r="N201976" s="10"/>
    </row>
    <row r="201977" spans="14:14">
      <c r="N201977" s="10"/>
    </row>
    <row r="201978" spans="14:14">
      <c r="N201978" s="10"/>
    </row>
    <row r="201979" spans="14:14">
      <c r="N201979" s="10"/>
    </row>
    <row r="201980" spans="14:14">
      <c r="N201980" s="10"/>
    </row>
    <row r="201981" spans="14:14">
      <c r="N201981" s="10"/>
    </row>
    <row r="201982" spans="14:14">
      <c r="N201982" s="10"/>
    </row>
    <row r="201983" spans="14:14">
      <c r="N201983" s="10"/>
    </row>
    <row r="201984" spans="14:14">
      <c r="N201984" s="10"/>
    </row>
    <row r="201985" spans="14:14">
      <c r="N201985" s="10"/>
    </row>
    <row r="201986" spans="14:14">
      <c r="N201986" s="10"/>
    </row>
    <row r="201987" spans="14:14">
      <c r="N201987" s="10"/>
    </row>
    <row r="201988" spans="14:14">
      <c r="N201988" s="10"/>
    </row>
    <row r="201989" spans="14:14">
      <c r="N201989" s="10"/>
    </row>
    <row r="201990" spans="14:14">
      <c r="N201990" s="10"/>
    </row>
    <row r="201991" spans="14:14">
      <c r="N201991" s="10"/>
    </row>
    <row r="201992" spans="14:14">
      <c r="N201992" s="10"/>
    </row>
    <row r="201993" spans="14:14">
      <c r="N201993" s="10"/>
    </row>
    <row r="201994" spans="14:14">
      <c r="N201994" s="10"/>
    </row>
    <row r="201995" spans="14:14">
      <c r="N201995" s="10"/>
    </row>
    <row r="201996" spans="14:14">
      <c r="N201996" s="10"/>
    </row>
    <row r="201997" spans="14:14">
      <c r="N201997" s="10"/>
    </row>
    <row r="201998" spans="14:14">
      <c r="N201998" s="10"/>
    </row>
    <row r="201999" spans="14:14">
      <c r="N201999" s="10"/>
    </row>
    <row r="202000" spans="14:14">
      <c r="N202000" s="10"/>
    </row>
    <row r="202001" spans="14:14">
      <c r="N202001" s="10"/>
    </row>
    <row r="202002" spans="14:14">
      <c r="N202002" s="10"/>
    </row>
    <row r="202003" spans="14:14">
      <c r="N202003" s="10"/>
    </row>
    <row r="202004" spans="14:14">
      <c r="N202004" s="10"/>
    </row>
    <row r="202005" spans="14:14">
      <c r="N202005" s="10"/>
    </row>
    <row r="202006" spans="14:14">
      <c r="N202006" s="10"/>
    </row>
    <row r="202007" spans="14:14">
      <c r="N202007" s="10"/>
    </row>
    <row r="202008" spans="14:14">
      <c r="N202008" s="10"/>
    </row>
    <row r="202009" spans="14:14">
      <c r="N202009" s="10"/>
    </row>
    <row r="202010" spans="14:14">
      <c r="N202010" s="10"/>
    </row>
    <row r="202011" spans="14:14">
      <c r="N202011" s="10"/>
    </row>
    <row r="202012" spans="14:14">
      <c r="N202012" s="10"/>
    </row>
    <row r="202013" spans="14:14">
      <c r="N202013" s="10"/>
    </row>
    <row r="202014" spans="14:14">
      <c r="N202014" s="10"/>
    </row>
    <row r="202015" spans="14:14">
      <c r="N202015" s="10"/>
    </row>
    <row r="202016" spans="14:14">
      <c r="N202016" s="10"/>
    </row>
    <row r="202017" spans="14:14">
      <c r="N202017" s="10"/>
    </row>
    <row r="202018" spans="14:14">
      <c r="N202018" s="10"/>
    </row>
    <row r="202019" spans="14:14">
      <c r="N202019" s="10"/>
    </row>
    <row r="202020" spans="14:14">
      <c r="N202020" s="10"/>
    </row>
    <row r="202021" spans="14:14">
      <c r="N202021" s="10"/>
    </row>
    <row r="202022" spans="14:14">
      <c r="N202022" s="10"/>
    </row>
    <row r="202023" spans="14:14">
      <c r="N202023" s="10"/>
    </row>
    <row r="202024" spans="14:14">
      <c r="N202024" s="10"/>
    </row>
    <row r="202025" spans="14:14">
      <c r="N202025" s="10"/>
    </row>
    <row r="202026" spans="14:14">
      <c r="N202026" s="10"/>
    </row>
    <row r="202027" spans="14:14">
      <c r="N202027" s="10"/>
    </row>
    <row r="202028" spans="14:14">
      <c r="N202028" s="10"/>
    </row>
    <row r="202029" spans="14:14">
      <c r="N202029" s="10"/>
    </row>
    <row r="202030" spans="14:14">
      <c r="N202030" s="10"/>
    </row>
    <row r="202031" spans="14:14">
      <c r="N202031" s="10"/>
    </row>
    <row r="202032" spans="14:14">
      <c r="N202032" s="10"/>
    </row>
    <row r="202033" spans="14:14">
      <c r="N202033" s="10"/>
    </row>
    <row r="202034" spans="14:14">
      <c r="N202034" s="10"/>
    </row>
    <row r="202035" spans="14:14">
      <c r="N202035" s="10"/>
    </row>
    <row r="202036" spans="14:14">
      <c r="N202036" s="10"/>
    </row>
    <row r="202037" spans="14:14">
      <c r="N202037" s="10"/>
    </row>
    <row r="202038" spans="14:14">
      <c r="N202038" s="10"/>
    </row>
    <row r="202039" spans="14:14">
      <c r="N202039" s="10"/>
    </row>
    <row r="202040" spans="14:14">
      <c r="N202040" s="10"/>
    </row>
    <row r="202041" spans="14:14">
      <c r="N202041" s="10"/>
    </row>
    <row r="202042" spans="14:14">
      <c r="N202042" s="10"/>
    </row>
    <row r="202043" spans="14:14">
      <c r="N202043" s="10"/>
    </row>
    <row r="202044" spans="14:14">
      <c r="N202044" s="10"/>
    </row>
    <row r="202045" spans="14:14">
      <c r="N202045" s="10"/>
    </row>
    <row r="202046" spans="14:14">
      <c r="N202046" s="10"/>
    </row>
    <row r="202047" spans="14:14">
      <c r="N202047" s="10"/>
    </row>
    <row r="202048" spans="14:14">
      <c r="N202048" s="10"/>
    </row>
    <row r="202049" spans="14:14">
      <c r="N202049" s="10"/>
    </row>
    <row r="202050" spans="14:14">
      <c r="N202050" s="10"/>
    </row>
    <row r="202051" spans="14:14">
      <c r="N202051" s="10"/>
    </row>
    <row r="202052" spans="14:14">
      <c r="N202052" s="10"/>
    </row>
    <row r="202053" spans="14:14">
      <c r="N202053" s="10"/>
    </row>
    <row r="202054" spans="14:14">
      <c r="N202054" s="10"/>
    </row>
    <row r="202055" spans="14:14">
      <c r="N202055" s="10"/>
    </row>
    <row r="202056" spans="14:14">
      <c r="N202056" s="10"/>
    </row>
    <row r="202057" spans="14:14">
      <c r="N202057" s="10"/>
    </row>
    <row r="202058" spans="14:14">
      <c r="N202058" s="10"/>
    </row>
    <row r="202059" spans="14:14">
      <c r="N202059" s="10"/>
    </row>
    <row r="202060" spans="14:14">
      <c r="N202060" s="10"/>
    </row>
    <row r="202061" spans="14:14">
      <c r="N202061" s="10"/>
    </row>
    <row r="202062" spans="14:14">
      <c r="N202062" s="10"/>
    </row>
    <row r="202063" spans="14:14">
      <c r="N202063" s="10"/>
    </row>
    <row r="202064" spans="14:14">
      <c r="N202064" s="10"/>
    </row>
    <row r="202065" spans="14:14">
      <c r="N202065" s="10"/>
    </row>
    <row r="202066" spans="14:14">
      <c r="N202066" s="10"/>
    </row>
    <row r="202067" spans="14:14">
      <c r="N202067" s="10"/>
    </row>
    <row r="202068" spans="14:14">
      <c r="N202068" s="10"/>
    </row>
    <row r="202069" spans="14:14">
      <c r="N202069" s="10"/>
    </row>
    <row r="202070" spans="14:14">
      <c r="N202070" s="10"/>
    </row>
    <row r="202071" spans="14:14">
      <c r="N202071" s="10"/>
    </row>
    <row r="202072" spans="14:14">
      <c r="N202072" s="10"/>
    </row>
    <row r="202073" spans="14:14">
      <c r="N202073" s="10"/>
    </row>
    <row r="202074" spans="14:14">
      <c r="N202074" s="10"/>
    </row>
    <row r="202075" spans="14:14">
      <c r="N202075" s="10"/>
    </row>
    <row r="202076" spans="14:14">
      <c r="N202076" s="10"/>
    </row>
    <row r="202077" spans="14:14">
      <c r="N202077" s="10"/>
    </row>
    <row r="202078" spans="14:14">
      <c r="N202078" s="10"/>
    </row>
    <row r="202079" spans="14:14">
      <c r="N202079" s="10"/>
    </row>
    <row r="202080" spans="14:14">
      <c r="N202080" s="10"/>
    </row>
    <row r="202081" spans="14:14">
      <c r="N202081" s="10"/>
    </row>
    <row r="202082" spans="14:14">
      <c r="N202082" s="10"/>
    </row>
    <row r="202083" spans="14:14">
      <c r="N202083" s="10"/>
    </row>
    <row r="202084" spans="14:14">
      <c r="N202084" s="10"/>
    </row>
    <row r="202085" spans="14:14">
      <c r="N202085" s="10"/>
    </row>
    <row r="202086" spans="14:14">
      <c r="N202086" s="10"/>
    </row>
    <row r="202087" spans="14:14">
      <c r="N202087" s="10"/>
    </row>
    <row r="202088" spans="14:14">
      <c r="N202088" s="10"/>
    </row>
    <row r="202089" spans="14:14">
      <c r="N202089" s="10"/>
    </row>
    <row r="202090" spans="14:14">
      <c r="N202090" s="10"/>
    </row>
    <row r="202091" spans="14:14">
      <c r="N202091" s="10"/>
    </row>
    <row r="202092" spans="14:14">
      <c r="N202092" s="10"/>
    </row>
    <row r="202093" spans="14:14">
      <c r="N202093" s="10"/>
    </row>
    <row r="202094" spans="14:14">
      <c r="N202094" s="10"/>
    </row>
    <row r="202095" spans="14:14">
      <c r="N202095" s="10"/>
    </row>
    <row r="202096" spans="14:14">
      <c r="N202096" s="10"/>
    </row>
    <row r="202097" spans="14:14">
      <c r="N202097" s="10"/>
    </row>
    <row r="202098" spans="14:14">
      <c r="N202098" s="10"/>
    </row>
    <row r="202099" spans="14:14">
      <c r="N202099" s="10"/>
    </row>
    <row r="202100" spans="14:14">
      <c r="N202100" s="10"/>
    </row>
    <row r="202101" spans="14:14">
      <c r="N202101" s="10"/>
    </row>
    <row r="202102" spans="14:14">
      <c r="N202102" s="10"/>
    </row>
    <row r="202103" spans="14:14">
      <c r="N202103" s="10"/>
    </row>
    <row r="202104" spans="14:14">
      <c r="N202104" s="10"/>
    </row>
    <row r="202105" spans="14:14">
      <c r="N202105" s="10"/>
    </row>
    <row r="202106" spans="14:14">
      <c r="N202106" s="10"/>
    </row>
    <row r="202107" spans="14:14">
      <c r="N202107" s="10"/>
    </row>
    <row r="202108" spans="14:14">
      <c r="N202108" s="10"/>
    </row>
    <row r="202109" spans="14:14">
      <c r="N202109" s="10"/>
    </row>
    <row r="202110" spans="14:14">
      <c r="N202110" s="10"/>
    </row>
    <row r="202111" spans="14:14">
      <c r="N202111" s="10"/>
    </row>
    <row r="202112" spans="14:14">
      <c r="N202112" s="10"/>
    </row>
    <row r="202113" spans="14:14">
      <c r="N202113" s="10"/>
    </row>
    <row r="202114" spans="14:14">
      <c r="N202114" s="10"/>
    </row>
    <row r="202115" spans="14:14">
      <c r="N202115" s="10"/>
    </row>
    <row r="202116" spans="14:14">
      <c r="N202116" s="10"/>
    </row>
    <row r="202117" spans="14:14">
      <c r="N202117" s="10"/>
    </row>
    <row r="202118" spans="14:14">
      <c r="N202118" s="10"/>
    </row>
    <row r="202119" spans="14:14">
      <c r="N202119" s="10"/>
    </row>
    <row r="202120" spans="14:14">
      <c r="N202120" s="10"/>
    </row>
    <row r="202121" spans="14:14">
      <c r="N202121" s="10"/>
    </row>
    <row r="202122" spans="14:14">
      <c r="N202122" s="10"/>
    </row>
    <row r="202123" spans="14:14">
      <c r="N202123" s="10"/>
    </row>
    <row r="202124" spans="14:14">
      <c r="N202124" s="10"/>
    </row>
    <row r="202125" spans="14:14">
      <c r="N202125" s="10"/>
    </row>
    <row r="202126" spans="14:14">
      <c r="N202126" s="10"/>
    </row>
    <row r="202127" spans="14:14">
      <c r="N202127" s="10"/>
    </row>
    <row r="202128" spans="14:14">
      <c r="N202128" s="10"/>
    </row>
    <row r="202129" spans="14:14">
      <c r="N202129" s="10"/>
    </row>
    <row r="202130" spans="14:14">
      <c r="N202130" s="10"/>
    </row>
    <row r="202131" spans="14:14">
      <c r="N202131" s="10"/>
    </row>
    <row r="202132" spans="14:14">
      <c r="N202132" s="10"/>
    </row>
    <row r="202133" spans="14:14">
      <c r="N202133" s="10"/>
    </row>
    <row r="202134" spans="14:14">
      <c r="N202134" s="10"/>
    </row>
    <row r="202135" spans="14:14">
      <c r="N202135" s="10"/>
    </row>
    <row r="202136" spans="14:14">
      <c r="N202136" s="10"/>
    </row>
    <row r="202137" spans="14:14">
      <c r="N202137" s="10"/>
    </row>
    <row r="202138" spans="14:14">
      <c r="N202138" s="10"/>
    </row>
    <row r="202139" spans="14:14">
      <c r="N202139" s="10"/>
    </row>
    <row r="202140" spans="14:14">
      <c r="N202140" s="10"/>
    </row>
    <row r="202141" spans="14:14">
      <c r="N202141" s="10"/>
    </row>
    <row r="202142" spans="14:14">
      <c r="N202142" s="10"/>
    </row>
    <row r="202143" spans="14:14">
      <c r="N202143" s="10"/>
    </row>
    <row r="202144" spans="14:14">
      <c r="N202144" s="10"/>
    </row>
    <row r="202145" spans="14:14">
      <c r="N202145" s="10"/>
    </row>
    <row r="202146" spans="14:14">
      <c r="N202146" s="10"/>
    </row>
    <row r="202147" spans="14:14">
      <c r="N202147" s="10"/>
    </row>
    <row r="202148" spans="14:14">
      <c r="N202148" s="10"/>
    </row>
    <row r="202149" spans="14:14">
      <c r="N202149" s="10"/>
    </row>
    <row r="202150" spans="14:14">
      <c r="N202150" s="10"/>
    </row>
    <row r="202151" spans="14:14">
      <c r="N202151" s="10"/>
    </row>
    <row r="202152" spans="14:14">
      <c r="N202152" s="10"/>
    </row>
    <row r="202153" spans="14:14">
      <c r="N202153" s="10"/>
    </row>
    <row r="202154" spans="14:14">
      <c r="N202154" s="10"/>
    </row>
    <row r="202155" spans="14:14">
      <c r="N202155" s="10"/>
    </row>
    <row r="202156" spans="14:14">
      <c r="N202156" s="10"/>
    </row>
    <row r="202157" spans="14:14">
      <c r="N202157" s="10"/>
    </row>
    <row r="202158" spans="14:14">
      <c r="N202158" s="10"/>
    </row>
    <row r="202159" spans="14:14">
      <c r="N202159" s="10"/>
    </row>
    <row r="202160" spans="14:14">
      <c r="N202160" s="10"/>
    </row>
    <row r="202161" spans="14:14">
      <c r="N202161" s="10"/>
    </row>
    <row r="202162" spans="14:14">
      <c r="N202162" s="10"/>
    </row>
    <row r="202163" spans="14:14">
      <c r="N202163" s="10"/>
    </row>
    <row r="202164" spans="14:14">
      <c r="N202164" s="10"/>
    </row>
    <row r="202165" spans="14:14">
      <c r="N202165" s="10"/>
    </row>
    <row r="202166" spans="14:14">
      <c r="N202166" s="10"/>
    </row>
    <row r="202167" spans="14:14">
      <c r="N202167" s="10"/>
    </row>
    <row r="202168" spans="14:14">
      <c r="N202168" s="10"/>
    </row>
    <row r="202169" spans="14:14">
      <c r="N202169" s="10"/>
    </row>
    <row r="202170" spans="14:14">
      <c r="N202170" s="10"/>
    </row>
    <row r="202171" spans="14:14">
      <c r="N202171" s="10"/>
    </row>
    <row r="202172" spans="14:14">
      <c r="N202172" s="10"/>
    </row>
    <row r="202173" spans="14:14">
      <c r="N202173" s="10"/>
    </row>
    <row r="202174" spans="14:14">
      <c r="N202174" s="10"/>
    </row>
    <row r="202175" spans="14:14">
      <c r="N202175" s="10"/>
    </row>
    <row r="202176" spans="14:14">
      <c r="N202176" s="10"/>
    </row>
    <row r="202177" spans="14:14">
      <c r="N202177" s="10"/>
    </row>
    <row r="202178" spans="14:14">
      <c r="N202178" s="10"/>
    </row>
    <row r="202179" spans="14:14">
      <c r="N202179" s="10"/>
    </row>
    <row r="202180" spans="14:14">
      <c r="N202180" s="10"/>
    </row>
    <row r="202181" spans="14:14">
      <c r="N202181" s="10"/>
    </row>
    <row r="202182" spans="14:14">
      <c r="N202182" s="10"/>
    </row>
    <row r="202183" spans="14:14">
      <c r="N202183" s="10"/>
    </row>
    <row r="202184" spans="14:14">
      <c r="N202184" s="10"/>
    </row>
    <row r="202185" spans="14:14">
      <c r="N202185" s="10"/>
    </row>
    <row r="202186" spans="14:14">
      <c r="N202186" s="10"/>
    </row>
    <row r="202187" spans="14:14">
      <c r="N202187" s="10"/>
    </row>
    <row r="202188" spans="14:14">
      <c r="N202188" s="10"/>
    </row>
    <row r="202189" spans="14:14">
      <c r="N202189" s="10"/>
    </row>
    <row r="202190" spans="14:14">
      <c r="N202190" s="10"/>
    </row>
    <row r="202191" spans="14:14">
      <c r="N202191" s="10"/>
    </row>
    <row r="202192" spans="14:14">
      <c r="N202192" s="10"/>
    </row>
    <row r="202193" spans="14:14">
      <c r="N202193" s="10"/>
    </row>
    <row r="202194" spans="14:14">
      <c r="N202194" s="10"/>
    </row>
    <row r="202195" spans="14:14">
      <c r="N202195" s="10"/>
    </row>
    <row r="202196" spans="14:14">
      <c r="N202196" s="10"/>
    </row>
    <row r="202197" spans="14:14">
      <c r="N202197" s="10"/>
    </row>
    <row r="202198" spans="14:14">
      <c r="N202198" s="10"/>
    </row>
    <row r="202199" spans="14:14">
      <c r="N202199" s="10"/>
    </row>
    <row r="202200" spans="14:14">
      <c r="N202200" s="10"/>
    </row>
    <row r="202201" spans="14:14">
      <c r="N202201" s="10"/>
    </row>
    <row r="202202" spans="14:14">
      <c r="N202202" s="10"/>
    </row>
    <row r="202203" spans="14:14">
      <c r="N202203" s="10"/>
    </row>
    <row r="202204" spans="14:14">
      <c r="N202204" s="10"/>
    </row>
    <row r="202205" spans="14:14">
      <c r="N202205" s="10"/>
    </row>
    <row r="202206" spans="14:14">
      <c r="N202206" s="10"/>
    </row>
    <row r="202207" spans="14:14">
      <c r="N202207" s="10"/>
    </row>
    <row r="202208" spans="14:14">
      <c r="N202208" s="10"/>
    </row>
    <row r="202209" spans="14:14">
      <c r="N202209" s="10"/>
    </row>
    <row r="202210" spans="14:14">
      <c r="N202210" s="10"/>
    </row>
    <row r="202211" spans="14:14">
      <c r="N202211" s="10"/>
    </row>
    <row r="202212" spans="14:14">
      <c r="N202212" s="10"/>
    </row>
    <row r="202213" spans="14:14">
      <c r="N202213" s="10"/>
    </row>
    <row r="202214" spans="14:14">
      <c r="N202214" s="10"/>
    </row>
    <row r="202215" spans="14:14">
      <c r="N202215" s="10"/>
    </row>
    <row r="202216" spans="14:14">
      <c r="N202216" s="10"/>
    </row>
    <row r="202217" spans="14:14">
      <c r="N202217" s="10"/>
    </row>
    <row r="202218" spans="14:14">
      <c r="N202218" s="10"/>
    </row>
    <row r="202219" spans="14:14">
      <c r="N202219" s="10"/>
    </row>
    <row r="202220" spans="14:14">
      <c r="N202220" s="10"/>
    </row>
    <row r="202221" spans="14:14">
      <c r="N202221" s="10"/>
    </row>
    <row r="202222" spans="14:14">
      <c r="N202222" s="10"/>
    </row>
    <row r="202223" spans="14:14">
      <c r="N202223" s="10"/>
    </row>
    <row r="202224" spans="14:14">
      <c r="N202224" s="10"/>
    </row>
    <row r="202225" spans="14:14">
      <c r="N202225" s="10"/>
    </row>
    <row r="202226" spans="14:14">
      <c r="N202226" s="10"/>
    </row>
    <row r="202227" spans="14:14">
      <c r="N202227" s="10"/>
    </row>
    <row r="202228" spans="14:14">
      <c r="N202228" s="10"/>
    </row>
    <row r="202229" spans="14:14">
      <c r="N202229" s="10"/>
    </row>
    <row r="202230" spans="14:14">
      <c r="N202230" s="10"/>
    </row>
    <row r="202231" spans="14:14">
      <c r="N202231" s="10"/>
    </row>
    <row r="202232" spans="14:14">
      <c r="N202232" s="10"/>
    </row>
    <row r="202233" spans="14:14">
      <c r="N202233" s="10"/>
    </row>
    <row r="202234" spans="14:14">
      <c r="N202234" s="10"/>
    </row>
    <row r="202235" spans="14:14">
      <c r="N202235" s="10"/>
    </row>
    <row r="202236" spans="14:14">
      <c r="N202236" s="10"/>
    </row>
    <row r="202237" spans="14:14">
      <c r="N202237" s="10"/>
    </row>
    <row r="202238" spans="14:14">
      <c r="N202238" s="10"/>
    </row>
    <row r="202239" spans="14:14">
      <c r="N202239" s="10"/>
    </row>
    <row r="202240" spans="14:14">
      <c r="N202240" s="10"/>
    </row>
    <row r="202241" spans="14:14">
      <c r="N202241" s="10"/>
    </row>
    <row r="202242" spans="14:14">
      <c r="N202242" s="10"/>
    </row>
    <row r="202243" spans="14:14">
      <c r="N202243" s="10"/>
    </row>
    <row r="202244" spans="14:14">
      <c r="N202244" s="10"/>
    </row>
    <row r="202245" spans="14:14">
      <c r="N202245" s="10"/>
    </row>
    <row r="202246" spans="14:14">
      <c r="N202246" s="10"/>
    </row>
    <row r="202247" spans="14:14">
      <c r="N202247" s="10"/>
    </row>
    <row r="202248" spans="14:14">
      <c r="N202248" s="10"/>
    </row>
    <row r="202249" spans="14:14">
      <c r="N202249" s="10"/>
    </row>
    <row r="202250" spans="14:14">
      <c r="N202250" s="10"/>
    </row>
    <row r="202251" spans="14:14">
      <c r="N202251" s="10"/>
    </row>
    <row r="202252" spans="14:14">
      <c r="N202252" s="10"/>
    </row>
    <row r="202253" spans="14:14">
      <c r="N202253" s="10"/>
    </row>
    <row r="202254" spans="14:14">
      <c r="N202254" s="10"/>
    </row>
    <row r="202255" spans="14:14">
      <c r="N202255" s="10"/>
    </row>
    <row r="202256" spans="14:14">
      <c r="N202256" s="10"/>
    </row>
    <row r="202257" spans="14:14">
      <c r="N202257" s="10"/>
    </row>
    <row r="202258" spans="14:14">
      <c r="N202258" s="10"/>
    </row>
    <row r="202259" spans="14:14">
      <c r="N202259" s="10"/>
    </row>
    <row r="202260" spans="14:14">
      <c r="N202260" s="10"/>
    </row>
    <row r="202261" spans="14:14">
      <c r="N202261" s="10"/>
    </row>
    <row r="202262" spans="14:14">
      <c r="N202262" s="10"/>
    </row>
    <row r="202263" spans="14:14">
      <c r="N202263" s="10"/>
    </row>
    <row r="202264" spans="14:14">
      <c r="N202264" s="10"/>
    </row>
    <row r="202265" spans="14:14">
      <c r="N202265" s="10"/>
    </row>
    <row r="202266" spans="14:14">
      <c r="N202266" s="10"/>
    </row>
    <row r="202267" spans="14:14">
      <c r="N202267" s="10"/>
    </row>
    <row r="202268" spans="14:14">
      <c r="N202268" s="10"/>
    </row>
    <row r="202269" spans="14:14">
      <c r="N202269" s="10"/>
    </row>
    <row r="202270" spans="14:14">
      <c r="N202270" s="10"/>
    </row>
    <row r="202271" spans="14:14">
      <c r="N202271" s="10"/>
    </row>
    <row r="202272" spans="14:14">
      <c r="N202272" s="10"/>
    </row>
    <row r="202273" spans="14:14">
      <c r="N202273" s="10"/>
    </row>
    <row r="202274" spans="14:14">
      <c r="N202274" s="10"/>
    </row>
    <row r="202275" spans="14:14">
      <c r="N202275" s="10"/>
    </row>
    <row r="202276" spans="14:14">
      <c r="N202276" s="10"/>
    </row>
    <row r="202277" spans="14:14">
      <c r="N202277" s="10"/>
    </row>
    <row r="202278" spans="14:14">
      <c r="N202278" s="10"/>
    </row>
    <row r="202279" spans="14:14">
      <c r="N202279" s="10"/>
    </row>
    <row r="202280" spans="14:14">
      <c r="N202280" s="10"/>
    </row>
    <row r="202281" spans="14:14">
      <c r="N202281" s="10"/>
    </row>
    <row r="202282" spans="14:14">
      <c r="N202282" s="10"/>
    </row>
    <row r="202283" spans="14:14">
      <c r="N202283" s="10"/>
    </row>
    <row r="202284" spans="14:14">
      <c r="N202284" s="10"/>
    </row>
    <row r="202285" spans="14:14">
      <c r="N202285" s="10"/>
    </row>
    <row r="202286" spans="14:14">
      <c r="N202286" s="10"/>
    </row>
    <row r="202287" spans="14:14">
      <c r="N202287" s="10"/>
    </row>
    <row r="202288" spans="14:14">
      <c r="N202288" s="10"/>
    </row>
    <row r="202289" spans="14:14">
      <c r="N202289" s="10"/>
    </row>
    <row r="202290" spans="14:14">
      <c r="N202290" s="10"/>
    </row>
    <row r="202291" spans="14:14">
      <c r="N202291" s="10"/>
    </row>
    <row r="202292" spans="14:14">
      <c r="N202292" s="10"/>
    </row>
    <row r="202293" spans="14:14">
      <c r="N202293" s="10"/>
    </row>
    <row r="202294" spans="14:14">
      <c r="N202294" s="10"/>
    </row>
    <row r="202295" spans="14:14">
      <c r="N202295" s="10"/>
    </row>
    <row r="202296" spans="14:14">
      <c r="N202296" s="10"/>
    </row>
    <row r="202297" spans="14:14">
      <c r="N202297" s="10"/>
    </row>
    <row r="202298" spans="14:14">
      <c r="N202298" s="10"/>
    </row>
    <row r="202299" spans="14:14">
      <c r="N202299" s="10"/>
    </row>
    <row r="202300" spans="14:14">
      <c r="N202300" s="10"/>
    </row>
    <row r="202301" spans="14:14">
      <c r="N202301" s="10"/>
    </row>
    <row r="202302" spans="14:14">
      <c r="N202302" s="10"/>
    </row>
    <row r="202303" spans="14:14">
      <c r="N202303" s="10"/>
    </row>
    <row r="202304" spans="14:14">
      <c r="N202304" s="10"/>
    </row>
    <row r="202305" spans="14:14">
      <c r="N202305" s="10"/>
    </row>
    <row r="202306" spans="14:14">
      <c r="N202306" s="10"/>
    </row>
    <row r="202307" spans="14:14">
      <c r="N202307" s="10"/>
    </row>
    <row r="202308" spans="14:14">
      <c r="N202308" s="10"/>
    </row>
    <row r="202309" spans="14:14">
      <c r="N202309" s="10"/>
    </row>
    <row r="202310" spans="14:14">
      <c r="N202310" s="10"/>
    </row>
    <row r="202311" spans="14:14">
      <c r="N202311" s="10"/>
    </row>
    <row r="202312" spans="14:14">
      <c r="N202312" s="10"/>
    </row>
    <row r="202313" spans="14:14">
      <c r="N202313" s="10"/>
    </row>
    <row r="202314" spans="14:14">
      <c r="N202314" s="10"/>
    </row>
    <row r="202315" spans="14:14">
      <c r="N202315" s="10"/>
    </row>
    <row r="202316" spans="14:14">
      <c r="N202316" s="10"/>
    </row>
    <row r="202317" spans="14:14">
      <c r="N202317" s="10"/>
    </row>
    <row r="202318" spans="14:14">
      <c r="N202318" s="10"/>
    </row>
    <row r="202319" spans="14:14">
      <c r="N202319" s="10"/>
    </row>
    <row r="202320" spans="14:14">
      <c r="N202320" s="10"/>
    </row>
    <row r="202321" spans="14:14">
      <c r="N202321" s="10"/>
    </row>
    <row r="202322" spans="14:14">
      <c r="N202322" s="10"/>
    </row>
    <row r="202323" spans="14:14">
      <c r="N202323" s="10"/>
    </row>
    <row r="202324" spans="14:14">
      <c r="N202324" s="10"/>
    </row>
    <row r="202325" spans="14:14">
      <c r="N202325" s="10"/>
    </row>
    <row r="202326" spans="14:14">
      <c r="N202326" s="10"/>
    </row>
    <row r="202327" spans="14:14">
      <c r="N202327" s="10"/>
    </row>
    <row r="202328" spans="14:14">
      <c r="N202328" s="10"/>
    </row>
    <row r="202329" spans="14:14">
      <c r="N202329" s="10"/>
    </row>
    <row r="202330" spans="14:14">
      <c r="N202330" s="10"/>
    </row>
    <row r="202331" spans="14:14">
      <c r="N202331" s="10"/>
    </row>
    <row r="202332" spans="14:14">
      <c r="N202332" s="10"/>
    </row>
    <row r="202333" spans="14:14">
      <c r="N202333" s="10"/>
    </row>
    <row r="202334" spans="14:14">
      <c r="N202334" s="10"/>
    </row>
    <row r="202335" spans="14:14">
      <c r="N202335" s="10"/>
    </row>
    <row r="202336" spans="14:14">
      <c r="N202336" s="10"/>
    </row>
    <row r="202337" spans="14:14">
      <c r="N202337" s="10"/>
    </row>
    <row r="202338" spans="14:14">
      <c r="N202338" s="10"/>
    </row>
    <row r="202339" spans="14:14">
      <c r="N202339" s="10"/>
    </row>
    <row r="202340" spans="14:14">
      <c r="N202340" s="10"/>
    </row>
    <row r="202341" spans="14:14">
      <c r="N202341" s="10"/>
    </row>
    <row r="202342" spans="14:14">
      <c r="N202342" s="10"/>
    </row>
    <row r="202343" spans="14:14">
      <c r="N202343" s="10"/>
    </row>
    <row r="202344" spans="14:14">
      <c r="N202344" s="10"/>
    </row>
    <row r="202345" spans="14:14">
      <c r="N202345" s="10"/>
    </row>
    <row r="202346" spans="14:14">
      <c r="N202346" s="10"/>
    </row>
    <row r="202347" spans="14:14">
      <c r="N202347" s="10"/>
    </row>
    <row r="202348" spans="14:14">
      <c r="N202348" s="10"/>
    </row>
    <row r="202349" spans="14:14">
      <c r="N202349" s="10"/>
    </row>
    <row r="202350" spans="14:14">
      <c r="N202350" s="10"/>
    </row>
    <row r="202351" spans="14:14">
      <c r="N202351" s="10"/>
    </row>
    <row r="202352" spans="14:14">
      <c r="N202352" s="10"/>
    </row>
    <row r="202353" spans="14:14">
      <c r="N202353" s="10"/>
    </row>
    <row r="202354" spans="14:14">
      <c r="N202354" s="10"/>
    </row>
    <row r="202355" spans="14:14">
      <c r="N202355" s="10"/>
    </row>
    <row r="202356" spans="14:14">
      <c r="N202356" s="10"/>
    </row>
    <row r="202357" spans="14:14">
      <c r="N202357" s="10"/>
    </row>
    <row r="202358" spans="14:14">
      <c r="N202358" s="10"/>
    </row>
    <row r="202359" spans="14:14">
      <c r="N202359" s="10"/>
    </row>
    <row r="202360" spans="14:14">
      <c r="N202360" s="10"/>
    </row>
    <row r="202361" spans="14:14">
      <c r="N202361" s="10"/>
    </row>
    <row r="202362" spans="14:14">
      <c r="N202362" s="10"/>
    </row>
    <row r="202363" spans="14:14">
      <c r="N202363" s="10"/>
    </row>
    <row r="202364" spans="14:14">
      <c r="N202364" s="10"/>
    </row>
    <row r="202365" spans="14:14">
      <c r="N202365" s="10"/>
    </row>
    <row r="202366" spans="14:14">
      <c r="N202366" s="10"/>
    </row>
    <row r="202367" spans="14:14">
      <c r="N202367" s="10"/>
    </row>
    <row r="202368" spans="14:14">
      <c r="N202368" s="10"/>
    </row>
    <row r="202369" spans="14:14">
      <c r="N202369" s="10"/>
    </row>
    <row r="202370" spans="14:14">
      <c r="N202370" s="10"/>
    </row>
    <row r="202371" spans="14:14">
      <c r="N202371" s="10"/>
    </row>
    <row r="202372" spans="14:14">
      <c r="N202372" s="10"/>
    </row>
    <row r="202373" spans="14:14">
      <c r="N202373" s="10"/>
    </row>
    <row r="202374" spans="14:14">
      <c r="N202374" s="10"/>
    </row>
    <row r="202375" spans="14:14">
      <c r="N202375" s="10"/>
    </row>
    <row r="202376" spans="14:14">
      <c r="N202376" s="10"/>
    </row>
    <row r="202377" spans="14:14">
      <c r="N202377" s="10"/>
    </row>
    <row r="202378" spans="14:14">
      <c r="N202378" s="10"/>
    </row>
    <row r="202379" spans="14:14">
      <c r="N202379" s="10"/>
    </row>
    <row r="202380" spans="14:14">
      <c r="N202380" s="10"/>
    </row>
    <row r="202381" spans="14:14">
      <c r="N202381" s="10"/>
    </row>
    <row r="202382" spans="14:14">
      <c r="N202382" s="10"/>
    </row>
    <row r="202383" spans="14:14">
      <c r="N202383" s="10"/>
    </row>
    <row r="202384" spans="14:14">
      <c r="N202384" s="10"/>
    </row>
    <row r="202385" spans="14:14">
      <c r="N202385" s="10"/>
    </row>
    <row r="202386" spans="14:14">
      <c r="N202386" s="10"/>
    </row>
    <row r="202387" spans="14:14">
      <c r="N202387" s="10"/>
    </row>
    <row r="202388" spans="14:14">
      <c r="N202388" s="10"/>
    </row>
    <row r="202389" spans="14:14">
      <c r="N202389" s="10"/>
    </row>
    <row r="202390" spans="14:14">
      <c r="N202390" s="10"/>
    </row>
    <row r="202391" spans="14:14">
      <c r="N202391" s="10"/>
    </row>
    <row r="202392" spans="14:14">
      <c r="N202392" s="10"/>
    </row>
    <row r="202393" spans="14:14">
      <c r="N202393" s="10"/>
    </row>
    <row r="202394" spans="14:14">
      <c r="N202394" s="10"/>
    </row>
    <row r="202395" spans="14:14">
      <c r="N202395" s="10"/>
    </row>
    <row r="202396" spans="14:14">
      <c r="N202396" s="10"/>
    </row>
    <row r="202397" spans="14:14">
      <c r="N202397" s="10"/>
    </row>
    <row r="202398" spans="14:14">
      <c r="N202398" s="10"/>
    </row>
    <row r="202399" spans="14:14">
      <c r="N202399" s="10"/>
    </row>
    <row r="202400" spans="14:14">
      <c r="N202400" s="10"/>
    </row>
    <row r="202401" spans="14:14">
      <c r="N202401" s="10"/>
    </row>
    <row r="202402" spans="14:14">
      <c r="N202402" s="10"/>
    </row>
    <row r="202403" spans="14:14">
      <c r="N202403" s="10"/>
    </row>
    <row r="202404" spans="14:14">
      <c r="N202404" s="10"/>
    </row>
    <row r="202405" spans="14:14">
      <c r="N202405" s="10"/>
    </row>
    <row r="202406" spans="14:14">
      <c r="N202406" s="10"/>
    </row>
    <row r="202407" spans="14:14">
      <c r="N202407" s="10"/>
    </row>
    <row r="202408" spans="14:14">
      <c r="N202408" s="10"/>
    </row>
    <row r="202409" spans="14:14">
      <c r="N202409" s="10"/>
    </row>
    <row r="202410" spans="14:14">
      <c r="N202410" s="10"/>
    </row>
    <row r="202411" spans="14:14">
      <c r="N202411" s="10"/>
    </row>
    <row r="202412" spans="14:14">
      <c r="N202412" s="10"/>
    </row>
    <row r="202413" spans="14:14">
      <c r="N202413" s="10"/>
    </row>
    <row r="202414" spans="14:14">
      <c r="N202414" s="10"/>
    </row>
    <row r="202415" spans="14:14">
      <c r="N202415" s="10"/>
    </row>
    <row r="202416" spans="14:14">
      <c r="N202416" s="10"/>
    </row>
    <row r="202417" spans="14:14">
      <c r="N202417" s="10"/>
    </row>
    <row r="202418" spans="14:14">
      <c r="N202418" s="10"/>
    </row>
    <row r="202419" spans="14:14">
      <c r="N202419" s="10"/>
    </row>
    <row r="202420" spans="14:14">
      <c r="N202420" s="10"/>
    </row>
    <row r="202421" spans="14:14">
      <c r="N202421" s="10"/>
    </row>
    <row r="202422" spans="14:14">
      <c r="N202422" s="10"/>
    </row>
    <row r="202423" spans="14:14">
      <c r="N202423" s="10"/>
    </row>
    <row r="202424" spans="14:14">
      <c r="N202424" s="10"/>
    </row>
    <row r="202425" spans="14:14">
      <c r="N202425" s="10"/>
    </row>
    <row r="202426" spans="14:14">
      <c r="N202426" s="10"/>
    </row>
    <row r="202427" spans="14:14">
      <c r="N202427" s="10"/>
    </row>
    <row r="202428" spans="14:14">
      <c r="N202428" s="10"/>
    </row>
    <row r="202429" spans="14:14">
      <c r="N202429" s="10"/>
    </row>
    <row r="202430" spans="14:14">
      <c r="N202430" s="10"/>
    </row>
    <row r="202431" spans="14:14">
      <c r="N202431" s="10"/>
    </row>
    <row r="202432" spans="14:14">
      <c r="N202432" s="10"/>
    </row>
    <row r="202433" spans="14:14">
      <c r="N202433" s="10"/>
    </row>
    <row r="202434" spans="14:14">
      <c r="N202434" s="10"/>
    </row>
    <row r="202435" spans="14:14">
      <c r="N202435" s="10"/>
    </row>
    <row r="202436" spans="14:14">
      <c r="N202436" s="10"/>
    </row>
    <row r="202437" spans="14:14">
      <c r="N202437" s="10"/>
    </row>
    <row r="202438" spans="14:14">
      <c r="N202438" s="10"/>
    </row>
    <row r="202439" spans="14:14">
      <c r="N202439" s="10"/>
    </row>
    <row r="202440" spans="14:14">
      <c r="N202440" s="10"/>
    </row>
    <row r="202441" spans="14:14">
      <c r="N202441" s="10"/>
    </row>
    <row r="202442" spans="14:14">
      <c r="N202442" s="10"/>
    </row>
    <row r="202443" spans="14:14">
      <c r="N202443" s="10"/>
    </row>
    <row r="202444" spans="14:14">
      <c r="N202444" s="10"/>
    </row>
    <row r="202445" spans="14:14">
      <c r="N202445" s="10"/>
    </row>
    <row r="202446" spans="14:14">
      <c r="N202446" s="10"/>
    </row>
    <row r="202447" spans="14:14">
      <c r="N202447" s="10"/>
    </row>
    <row r="202448" spans="14:14">
      <c r="N202448" s="10"/>
    </row>
    <row r="202449" spans="14:14">
      <c r="N202449" s="10"/>
    </row>
    <row r="202450" spans="14:14">
      <c r="N202450" s="10"/>
    </row>
    <row r="202451" spans="14:14">
      <c r="N202451" s="10"/>
    </row>
    <row r="202452" spans="14:14">
      <c r="N202452" s="10"/>
    </row>
    <row r="202453" spans="14:14">
      <c r="N202453" s="10"/>
    </row>
    <row r="202454" spans="14:14">
      <c r="N202454" s="10"/>
    </row>
    <row r="202455" spans="14:14">
      <c r="N202455" s="10"/>
    </row>
    <row r="202456" spans="14:14">
      <c r="N202456" s="10"/>
    </row>
    <row r="202457" spans="14:14">
      <c r="N202457" s="10"/>
    </row>
    <row r="202458" spans="14:14">
      <c r="N202458" s="10"/>
    </row>
    <row r="202459" spans="14:14">
      <c r="N202459" s="10"/>
    </row>
    <row r="202460" spans="14:14">
      <c r="N202460" s="10"/>
    </row>
    <row r="202461" spans="14:14">
      <c r="N202461" s="10"/>
    </row>
    <row r="202462" spans="14:14">
      <c r="N202462" s="10"/>
    </row>
    <row r="202463" spans="14:14">
      <c r="N202463" s="10"/>
    </row>
    <row r="202464" spans="14:14">
      <c r="N202464" s="10"/>
    </row>
    <row r="202465" spans="14:14">
      <c r="N202465" s="10"/>
    </row>
    <row r="202466" spans="14:14">
      <c r="N202466" s="10"/>
    </row>
    <row r="202467" spans="14:14">
      <c r="N202467" s="10"/>
    </row>
    <row r="202468" spans="14:14">
      <c r="N202468" s="10"/>
    </row>
    <row r="202469" spans="14:14">
      <c r="N202469" s="10"/>
    </row>
    <row r="202470" spans="14:14">
      <c r="N202470" s="10"/>
    </row>
    <row r="202471" spans="14:14">
      <c r="N202471" s="10"/>
    </row>
    <row r="202472" spans="14:14">
      <c r="N202472" s="10"/>
    </row>
    <row r="202473" spans="14:14">
      <c r="N202473" s="10"/>
    </row>
    <row r="202474" spans="14:14">
      <c r="N202474" s="10"/>
    </row>
    <row r="202475" spans="14:14">
      <c r="N202475" s="10"/>
    </row>
    <row r="202476" spans="14:14">
      <c r="N202476" s="10"/>
    </row>
    <row r="202477" spans="14:14">
      <c r="N202477" s="10"/>
    </row>
    <row r="202478" spans="14:14">
      <c r="N202478" s="10"/>
    </row>
    <row r="202479" spans="14:14">
      <c r="N202479" s="10"/>
    </row>
    <row r="202480" spans="14:14">
      <c r="N202480" s="10"/>
    </row>
    <row r="202481" spans="14:14">
      <c r="N202481" s="10"/>
    </row>
    <row r="202482" spans="14:14">
      <c r="N202482" s="10"/>
    </row>
    <row r="202483" spans="14:14">
      <c r="N202483" s="10"/>
    </row>
    <row r="202484" spans="14:14">
      <c r="N202484" s="10"/>
    </row>
    <row r="202485" spans="14:14">
      <c r="N202485" s="10"/>
    </row>
    <row r="202486" spans="14:14">
      <c r="N202486" s="10"/>
    </row>
    <row r="202487" spans="14:14">
      <c r="N202487" s="10"/>
    </row>
    <row r="202488" spans="14:14">
      <c r="N202488" s="10"/>
    </row>
    <row r="202489" spans="14:14">
      <c r="N202489" s="10"/>
    </row>
    <row r="202490" spans="14:14">
      <c r="N202490" s="10"/>
    </row>
    <row r="202491" spans="14:14">
      <c r="N202491" s="10"/>
    </row>
    <row r="202492" spans="14:14">
      <c r="N202492" s="10"/>
    </row>
    <row r="202493" spans="14:14">
      <c r="N202493" s="10"/>
    </row>
    <row r="202494" spans="14:14">
      <c r="N202494" s="10"/>
    </row>
    <row r="202495" spans="14:14">
      <c r="N202495" s="10"/>
    </row>
    <row r="202496" spans="14:14">
      <c r="N202496" s="10"/>
    </row>
    <row r="202497" spans="14:14">
      <c r="N202497" s="10"/>
    </row>
    <row r="202498" spans="14:14">
      <c r="N202498" s="10"/>
    </row>
    <row r="202499" spans="14:14">
      <c r="N202499" s="10"/>
    </row>
    <row r="202500" spans="14:14">
      <c r="N202500" s="10"/>
    </row>
    <row r="202501" spans="14:14">
      <c r="N202501" s="10"/>
    </row>
    <row r="202502" spans="14:14">
      <c r="N202502" s="10"/>
    </row>
    <row r="202503" spans="14:14">
      <c r="N202503" s="10"/>
    </row>
    <row r="202504" spans="14:14">
      <c r="N202504" s="10"/>
    </row>
    <row r="202505" spans="14:14">
      <c r="N202505" s="10"/>
    </row>
    <row r="202506" spans="14:14">
      <c r="N202506" s="10"/>
    </row>
    <row r="202507" spans="14:14">
      <c r="N202507" s="10"/>
    </row>
    <row r="202508" spans="14:14">
      <c r="N202508" s="10"/>
    </row>
    <row r="202509" spans="14:14">
      <c r="N202509" s="10"/>
    </row>
    <row r="202510" spans="14:14">
      <c r="N202510" s="10"/>
    </row>
    <row r="202511" spans="14:14">
      <c r="N202511" s="10"/>
    </row>
    <row r="202512" spans="14:14">
      <c r="N202512" s="10"/>
    </row>
    <row r="202513" spans="14:14">
      <c r="N202513" s="10"/>
    </row>
    <row r="202514" spans="14:14">
      <c r="N202514" s="10"/>
    </row>
    <row r="202515" spans="14:14">
      <c r="N202515" s="10"/>
    </row>
    <row r="202516" spans="14:14">
      <c r="N202516" s="10"/>
    </row>
    <row r="202517" spans="14:14">
      <c r="N202517" s="10"/>
    </row>
    <row r="202518" spans="14:14">
      <c r="N202518" s="10"/>
    </row>
    <row r="202519" spans="14:14">
      <c r="N202519" s="10"/>
    </row>
    <row r="202520" spans="14:14">
      <c r="N202520" s="10"/>
    </row>
    <row r="202521" spans="14:14">
      <c r="N202521" s="10"/>
    </row>
    <row r="202522" spans="14:14">
      <c r="N202522" s="10"/>
    </row>
    <row r="202523" spans="14:14">
      <c r="N202523" s="10"/>
    </row>
    <row r="202524" spans="14:14">
      <c r="N202524" s="10"/>
    </row>
    <row r="202525" spans="14:14">
      <c r="N202525" s="10"/>
    </row>
    <row r="202526" spans="14:14">
      <c r="N202526" s="10"/>
    </row>
    <row r="202527" spans="14:14">
      <c r="N202527" s="10"/>
    </row>
    <row r="202528" spans="14:14">
      <c r="N202528" s="10"/>
    </row>
    <row r="202529" spans="14:14">
      <c r="N202529" s="10"/>
    </row>
    <row r="202530" spans="14:14">
      <c r="N202530" s="10"/>
    </row>
    <row r="202531" spans="14:14">
      <c r="N202531" s="10"/>
    </row>
    <row r="202532" spans="14:14">
      <c r="N202532" s="10"/>
    </row>
    <row r="202533" spans="14:14">
      <c r="N202533" s="10"/>
    </row>
    <row r="202534" spans="14:14">
      <c r="N202534" s="10"/>
    </row>
    <row r="202535" spans="14:14">
      <c r="N202535" s="10"/>
    </row>
    <row r="202536" spans="14:14">
      <c r="N202536" s="10"/>
    </row>
    <row r="202537" spans="14:14">
      <c r="N202537" s="10"/>
    </row>
    <row r="202538" spans="14:14">
      <c r="N202538" s="10"/>
    </row>
    <row r="202539" spans="14:14">
      <c r="N202539" s="10"/>
    </row>
    <row r="202540" spans="14:14">
      <c r="N202540" s="10"/>
    </row>
    <row r="202541" spans="14:14">
      <c r="N202541" s="10"/>
    </row>
    <row r="202542" spans="14:14">
      <c r="N202542" s="10"/>
    </row>
    <row r="202543" spans="14:14">
      <c r="N202543" s="10"/>
    </row>
    <row r="202544" spans="14:14">
      <c r="N202544" s="10"/>
    </row>
    <row r="202545" spans="14:14">
      <c r="N202545" s="10"/>
    </row>
    <row r="202546" spans="14:14">
      <c r="N202546" s="10"/>
    </row>
    <row r="202547" spans="14:14">
      <c r="N202547" s="10"/>
    </row>
    <row r="202548" spans="14:14">
      <c r="N202548" s="10"/>
    </row>
    <row r="202549" spans="14:14">
      <c r="N202549" s="10"/>
    </row>
    <row r="202550" spans="14:14">
      <c r="N202550" s="10"/>
    </row>
    <row r="202551" spans="14:14">
      <c r="N202551" s="10"/>
    </row>
    <row r="202552" spans="14:14">
      <c r="N202552" s="10"/>
    </row>
    <row r="202553" spans="14:14">
      <c r="N202553" s="10"/>
    </row>
    <row r="202554" spans="14:14">
      <c r="N202554" s="10"/>
    </row>
    <row r="202555" spans="14:14">
      <c r="N202555" s="10"/>
    </row>
    <row r="202556" spans="14:14">
      <c r="N202556" s="10"/>
    </row>
    <row r="202557" spans="14:14">
      <c r="N202557" s="10"/>
    </row>
    <row r="202558" spans="14:14">
      <c r="N202558" s="10"/>
    </row>
    <row r="202559" spans="14:14">
      <c r="N202559" s="10"/>
    </row>
    <row r="202560" spans="14:14">
      <c r="N202560" s="10"/>
    </row>
    <row r="202561" spans="14:14">
      <c r="N202561" s="10"/>
    </row>
    <row r="202562" spans="14:14">
      <c r="N202562" s="10"/>
    </row>
    <row r="202563" spans="14:14">
      <c r="N202563" s="10"/>
    </row>
    <row r="202564" spans="14:14">
      <c r="N202564" s="10"/>
    </row>
    <row r="202565" spans="14:14">
      <c r="N202565" s="10"/>
    </row>
    <row r="202566" spans="14:14">
      <c r="N202566" s="10"/>
    </row>
    <row r="202567" spans="14:14">
      <c r="N202567" s="10"/>
    </row>
    <row r="202568" spans="14:14">
      <c r="N202568" s="10"/>
    </row>
    <row r="202569" spans="14:14">
      <c r="N202569" s="10"/>
    </row>
    <row r="202570" spans="14:14">
      <c r="N202570" s="10"/>
    </row>
    <row r="202571" spans="14:14">
      <c r="N202571" s="10"/>
    </row>
    <row r="202572" spans="14:14">
      <c r="N202572" s="10"/>
    </row>
    <row r="202573" spans="14:14">
      <c r="N202573" s="10"/>
    </row>
    <row r="202574" spans="14:14">
      <c r="N202574" s="10"/>
    </row>
    <row r="202575" spans="14:14">
      <c r="N202575" s="10"/>
    </row>
    <row r="202576" spans="14:14">
      <c r="N202576" s="10"/>
    </row>
    <row r="202577" spans="14:14">
      <c r="N202577" s="10"/>
    </row>
    <row r="202578" spans="14:14">
      <c r="N202578" s="10"/>
    </row>
    <row r="202579" spans="14:14">
      <c r="N202579" s="10"/>
    </row>
    <row r="202580" spans="14:14">
      <c r="N202580" s="10"/>
    </row>
    <row r="202581" spans="14:14">
      <c r="N202581" s="10"/>
    </row>
    <row r="202582" spans="14:14">
      <c r="N202582" s="10"/>
    </row>
    <row r="202583" spans="14:14">
      <c r="N202583" s="10"/>
    </row>
    <row r="202584" spans="14:14">
      <c r="N202584" s="10"/>
    </row>
    <row r="202585" spans="14:14">
      <c r="N202585" s="10"/>
    </row>
    <row r="202586" spans="14:14">
      <c r="N202586" s="10"/>
    </row>
    <row r="202587" spans="14:14">
      <c r="N202587" s="10"/>
    </row>
    <row r="202588" spans="14:14">
      <c r="N202588" s="10"/>
    </row>
    <row r="202589" spans="14:14">
      <c r="N202589" s="10"/>
    </row>
    <row r="202590" spans="14:14">
      <c r="N202590" s="10"/>
    </row>
    <row r="202591" spans="14:14">
      <c r="N202591" s="10"/>
    </row>
    <row r="202592" spans="14:14">
      <c r="N202592" s="10"/>
    </row>
    <row r="202593" spans="14:14">
      <c r="N202593" s="10"/>
    </row>
    <row r="202594" spans="14:14">
      <c r="N202594" s="10"/>
    </row>
    <row r="202595" spans="14:14">
      <c r="N202595" s="10"/>
    </row>
    <row r="202596" spans="14:14">
      <c r="N202596" s="10"/>
    </row>
    <row r="202597" spans="14:14">
      <c r="N202597" s="10"/>
    </row>
    <row r="202598" spans="14:14">
      <c r="N202598" s="10"/>
    </row>
    <row r="202599" spans="14:14">
      <c r="N202599" s="10"/>
    </row>
    <row r="202600" spans="14:14">
      <c r="N202600" s="10"/>
    </row>
    <row r="202601" spans="14:14">
      <c r="N202601" s="10"/>
    </row>
    <row r="202602" spans="14:14">
      <c r="N202602" s="10"/>
    </row>
    <row r="202603" spans="14:14">
      <c r="N202603" s="10"/>
    </row>
    <row r="202604" spans="14:14">
      <c r="N202604" s="10"/>
    </row>
    <row r="202605" spans="14:14">
      <c r="N202605" s="10"/>
    </row>
    <row r="202606" spans="14:14">
      <c r="N202606" s="10"/>
    </row>
    <row r="202607" spans="14:14">
      <c r="N202607" s="10"/>
    </row>
    <row r="202608" spans="14:14">
      <c r="N202608" s="10"/>
    </row>
    <row r="202609" spans="14:14">
      <c r="N202609" s="10"/>
    </row>
    <row r="202610" spans="14:14">
      <c r="N202610" s="10"/>
    </row>
    <row r="202611" spans="14:14">
      <c r="N202611" s="10"/>
    </row>
    <row r="202612" spans="14:14">
      <c r="N202612" s="10"/>
    </row>
    <row r="202613" spans="14:14">
      <c r="N202613" s="10"/>
    </row>
    <row r="202614" spans="14:14">
      <c r="N202614" s="10"/>
    </row>
    <row r="202615" spans="14:14">
      <c r="N202615" s="10"/>
    </row>
    <row r="202616" spans="14:14">
      <c r="N202616" s="10"/>
    </row>
    <row r="202617" spans="14:14">
      <c r="N202617" s="10"/>
    </row>
    <row r="202618" spans="14:14">
      <c r="N202618" s="10"/>
    </row>
    <row r="202619" spans="14:14">
      <c r="N202619" s="10"/>
    </row>
    <row r="202620" spans="14:14">
      <c r="N202620" s="10"/>
    </row>
    <row r="202621" spans="14:14">
      <c r="N202621" s="10"/>
    </row>
    <row r="202622" spans="14:14">
      <c r="N202622" s="10"/>
    </row>
    <row r="202623" spans="14:14">
      <c r="N202623" s="10"/>
    </row>
    <row r="202624" spans="14:14">
      <c r="N202624" s="10"/>
    </row>
    <row r="202625" spans="14:14">
      <c r="N202625" s="10"/>
    </row>
    <row r="202626" spans="14:14">
      <c r="N202626" s="10"/>
    </row>
    <row r="202627" spans="14:14">
      <c r="N202627" s="10"/>
    </row>
    <row r="202628" spans="14:14">
      <c r="N202628" s="10"/>
    </row>
    <row r="202629" spans="14:14">
      <c r="N202629" s="10"/>
    </row>
    <row r="202630" spans="14:14">
      <c r="N202630" s="10"/>
    </row>
    <row r="202631" spans="14:14">
      <c r="N202631" s="10"/>
    </row>
    <row r="202632" spans="14:14">
      <c r="N202632" s="10"/>
    </row>
    <row r="202633" spans="14:14">
      <c r="N202633" s="10"/>
    </row>
    <row r="202634" spans="14:14">
      <c r="N202634" s="10"/>
    </row>
    <row r="202635" spans="14:14">
      <c r="N202635" s="10"/>
    </row>
    <row r="202636" spans="14:14">
      <c r="N202636" s="10"/>
    </row>
    <row r="202637" spans="14:14">
      <c r="N202637" s="10"/>
    </row>
    <row r="202638" spans="14:14">
      <c r="N202638" s="10"/>
    </row>
    <row r="202639" spans="14:14">
      <c r="N202639" s="10"/>
    </row>
    <row r="202640" spans="14:14">
      <c r="N202640" s="10"/>
    </row>
    <row r="202641" spans="14:14">
      <c r="N202641" s="10"/>
    </row>
    <row r="202642" spans="14:14">
      <c r="N202642" s="10"/>
    </row>
    <row r="202643" spans="14:14">
      <c r="N202643" s="10"/>
    </row>
    <row r="202644" spans="14:14">
      <c r="N202644" s="10"/>
    </row>
    <row r="202645" spans="14:14">
      <c r="N202645" s="10"/>
    </row>
    <row r="202646" spans="14:14">
      <c r="N202646" s="10"/>
    </row>
    <row r="202647" spans="14:14">
      <c r="N202647" s="10"/>
    </row>
    <row r="202648" spans="14:14">
      <c r="N202648" s="10"/>
    </row>
    <row r="202649" spans="14:14">
      <c r="N202649" s="10"/>
    </row>
    <row r="202650" spans="14:14">
      <c r="N202650" s="10"/>
    </row>
    <row r="202651" spans="14:14">
      <c r="N202651" s="10"/>
    </row>
    <row r="202652" spans="14:14">
      <c r="N202652" s="10"/>
    </row>
    <row r="202653" spans="14:14">
      <c r="N202653" s="10"/>
    </row>
    <row r="202654" spans="14:14">
      <c r="N202654" s="10"/>
    </row>
    <row r="202655" spans="14:14">
      <c r="N202655" s="10"/>
    </row>
    <row r="202656" spans="14:14">
      <c r="N202656" s="10"/>
    </row>
    <row r="202657" spans="14:14">
      <c r="N202657" s="10"/>
    </row>
    <row r="202658" spans="14:14">
      <c r="N202658" s="10"/>
    </row>
    <row r="202659" spans="14:14">
      <c r="N202659" s="10"/>
    </row>
    <row r="202660" spans="14:14">
      <c r="N202660" s="10"/>
    </row>
    <row r="202661" spans="14:14">
      <c r="N202661" s="10"/>
    </row>
    <row r="202662" spans="14:14">
      <c r="N202662" s="10"/>
    </row>
    <row r="202663" spans="14:14">
      <c r="N202663" s="10"/>
    </row>
    <row r="202664" spans="14:14">
      <c r="N202664" s="10"/>
    </row>
    <row r="202665" spans="14:14">
      <c r="N202665" s="10"/>
    </row>
    <row r="202666" spans="14:14">
      <c r="N202666" s="10"/>
    </row>
    <row r="202667" spans="14:14">
      <c r="N202667" s="10"/>
    </row>
    <row r="202668" spans="14:14">
      <c r="N202668" s="10"/>
    </row>
    <row r="202669" spans="14:14">
      <c r="N202669" s="10"/>
    </row>
    <row r="202670" spans="14:14">
      <c r="N202670" s="10"/>
    </row>
    <row r="202671" spans="14:14">
      <c r="N202671" s="10"/>
    </row>
    <row r="202672" spans="14:14">
      <c r="N202672" s="10"/>
    </row>
    <row r="202673" spans="14:14">
      <c r="N202673" s="10"/>
    </row>
    <row r="202674" spans="14:14">
      <c r="N202674" s="10"/>
    </row>
    <row r="202675" spans="14:14">
      <c r="N202675" s="10"/>
    </row>
    <row r="202676" spans="14:14">
      <c r="N202676" s="10"/>
    </row>
    <row r="202677" spans="14:14">
      <c r="N202677" s="10"/>
    </row>
    <row r="202678" spans="14:14">
      <c r="N202678" s="10"/>
    </row>
    <row r="202679" spans="14:14">
      <c r="N202679" s="10"/>
    </row>
    <row r="202680" spans="14:14">
      <c r="N202680" s="10"/>
    </row>
    <row r="202681" spans="14:14">
      <c r="N202681" s="10"/>
    </row>
    <row r="202682" spans="14:14">
      <c r="N202682" s="10"/>
    </row>
    <row r="202683" spans="14:14">
      <c r="N202683" s="10"/>
    </row>
    <row r="202684" spans="14:14">
      <c r="N202684" s="10"/>
    </row>
    <row r="202685" spans="14:14">
      <c r="N202685" s="10"/>
    </row>
    <row r="202686" spans="14:14">
      <c r="N202686" s="10"/>
    </row>
    <row r="202687" spans="14:14">
      <c r="N202687" s="10"/>
    </row>
    <row r="202688" spans="14:14">
      <c r="N202688" s="10"/>
    </row>
    <row r="202689" spans="14:14">
      <c r="N202689" s="10"/>
    </row>
    <row r="202690" spans="14:14">
      <c r="N202690" s="10"/>
    </row>
    <row r="202691" spans="14:14">
      <c r="N202691" s="10"/>
    </row>
    <row r="202692" spans="14:14">
      <c r="N202692" s="10"/>
    </row>
    <row r="202693" spans="14:14">
      <c r="N202693" s="10"/>
    </row>
    <row r="202694" spans="14:14">
      <c r="N202694" s="10"/>
    </row>
    <row r="202695" spans="14:14">
      <c r="N202695" s="10"/>
    </row>
    <row r="202696" spans="14:14">
      <c r="N202696" s="10"/>
    </row>
    <row r="202697" spans="14:14">
      <c r="N202697" s="10"/>
    </row>
    <row r="202698" spans="14:14">
      <c r="N202698" s="10"/>
    </row>
    <row r="202699" spans="14:14">
      <c r="N202699" s="10"/>
    </row>
    <row r="202700" spans="14:14">
      <c r="N202700" s="10"/>
    </row>
    <row r="202701" spans="14:14">
      <c r="N202701" s="10"/>
    </row>
    <row r="202702" spans="14:14">
      <c r="N202702" s="10"/>
    </row>
    <row r="202703" spans="14:14">
      <c r="N202703" s="10"/>
    </row>
    <row r="202704" spans="14:14">
      <c r="N202704" s="10"/>
    </row>
    <row r="202705" spans="14:14">
      <c r="N202705" s="10"/>
    </row>
    <row r="202706" spans="14:14">
      <c r="N202706" s="10"/>
    </row>
    <row r="202707" spans="14:14">
      <c r="N202707" s="10"/>
    </row>
    <row r="202708" spans="14:14">
      <c r="N202708" s="10"/>
    </row>
    <row r="202709" spans="14:14">
      <c r="N202709" s="10"/>
    </row>
    <row r="202710" spans="14:14">
      <c r="N202710" s="10"/>
    </row>
    <row r="202711" spans="14:14">
      <c r="N202711" s="10"/>
    </row>
    <row r="202712" spans="14:14">
      <c r="N202712" s="10"/>
    </row>
    <row r="202713" spans="14:14">
      <c r="N202713" s="10"/>
    </row>
    <row r="202714" spans="14:14">
      <c r="N202714" s="10"/>
    </row>
    <row r="202715" spans="14:14">
      <c r="N202715" s="10"/>
    </row>
    <row r="202716" spans="14:14">
      <c r="N202716" s="10"/>
    </row>
    <row r="202717" spans="14:14">
      <c r="N202717" s="10"/>
    </row>
    <row r="202718" spans="14:14">
      <c r="N202718" s="10"/>
    </row>
    <row r="202719" spans="14:14">
      <c r="N202719" s="10"/>
    </row>
    <row r="202720" spans="14:14">
      <c r="N202720" s="10"/>
    </row>
    <row r="202721" spans="14:14">
      <c r="N202721" s="10"/>
    </row>
    <row r="202722" spans="14:14">
      <c r="N202722" s="10"/>
    </row>
    <row r="202723" spans="14:14">
      <c r="N202723" s="10"/>
    </row>
    <row r="202724" spans="14:14">
      <c r="N202724" s="10"/>
    </row>
    <row r="202725" spans="14:14">
      <c r="N202725" s="10"/>
    </row>
    <row r="202726" spans="14:14">
      <c r="N202726" s="10"/>
    </row>
    <row r="202727" spans="14:14">
      <c r="N202727" s="10"/>
    </row>
    <row r="202728" spans="14:14">
      <c r="N202728" s="10"/>
    </row>
    <row r="202729" spans="14:14">
      <c r="N202729" s="10"/>
    </row>
    <row r="202730" spans="14:14">
      <c r="N202730" s="10"/>
    </row>
    <row r="202731" spans="14:14">
      <c r="N202731" s="10"/>
    </row>
    <row r="202732" spans="14:14">
      <c r="N202732" s="10"/>
    </row>
    <row r="202733" spans="14:14">
      <c r="N202733" s="10"/>
    </row>
    <row r="202734" spans="14:14">
      <c r="N202734" s="10"/>
    </row>
    <row r="202735" spans="14:14">
      <c r="N202735" s="10"/>
    </row>
    <row r="202736" spans="14:14">
      <c r="N202736" s="10"/>
    </row>
    <row r="202737" spans="14:14">
      <c r="N202737" s="10"/>
    </row>
    <row r="202738" spans="14:14">
      <c r="N202738" s="10"/>
    </row>
    <row r="202739" spans="14:14">
      <c r="N202739" s="10"/>
    </row>
    <row r="202740" spans="14:14">
      <c r="N202740" s="10"/>
    </row>
    <row r="202741" spans="14:14">
      <c r="N202741" s="10"/>
    </row>
    <row r="202742" spans="14:14">
      <c r="N202742" s="10"/>
    </row>
    <row r="202743" spans="14:14">
      <c r="N202743" s="10"/>
    </row>
    <row r="202744" spans="14:14">
      <c r="N202744" s="10"/>
    </row>
    <row r="202745" spans="14:14">
      <c r="N202745" s="10"/>
    </row>
    <row r="202746" spans="14:14">
      <c r="N202746" s="10"/>
    </row>
    <row r="202747" spans="14:14">
      <c r="N202747" s="10"/>
    </row>
    <row r="202748" spans="14:14">
      <c r="N202748" s="10"/>
    </row>
    <row r="202749" spans="14:14">
      <c r="N202749" s="10"/>
    </row>
    <row r="202750" spans="14:14">
      <c r="N202750" s="10"/>
    </row>
    <row r="202751" spans="14:14">
      <c r="N202751" s="10"/>
    </row>
    <row r="202752" spans="14:14">
      <c r="N202752" s="10"/>
    </row>
    <row r="202753" spans="14:14">
      <c r="N202753" s="10"/>
    </row>
    <row r="202754" spans="14:14">
      <c r="N202754" s="10"/>
    </row>
    <row r="202755" spans="14:14">
      <c r="N202755" s="10"/>
    </row>
    <row r="202756" spans="14:14">
      <c r="N202756" s="10"/>
    </row>
    <row r="202757" spans="14:14">
      <c r="N202757" s="10"/>
    </row>
    <row r="202758" spans="14:14">
      <c r="N202758" s="10"/>
    </row>
    <row r="202759" spans="14:14">
      <c r="N202759" s="10"/>
    </row>
    <row r="202760" spans="14:14">
      <c r="N202760" s="10"/>
    </row>
    <row r="202761" spans="14:14">
      <c r="N202761" s="10"/>
    </row>
    <row r="202762" spans="14:14">
      <c r="N202762" s="10"/>
    </row>
    <row r="202763" spans="14:14">
      <c r="N202763" s="10"/>
    </row>
    <row r="202764" spans="14:14">
      <c r="N202764" s="10"/>
    </row>
    <row r="202765" spans="14:14">
      <c r="N202765" s="10"/>
    </row>
    <row r="202766" spans="14:14">
      <c r="N202766" s="10"/>
    </row>
    <row r="202767" spans="14:14">
      <c r="N202767" s="10"/>
    </row>
    <row r="202768" spans="14:14">
      <c r="N202768" s="10"/>
    </row>
    <row r="202769" spans="14:14">
      <c r="N202769" s="10"/>
    </row>
    <row r="202770" spans="14:14">
      <c r="N202770" s="10"/>
    </row>
    <row r="202771" spans="14:14">
      <c r="N202771" s="10"/>
    </row>
    <row r="202772" spans="14:14">
      <c r="N202772" s="10"/>
    </row>
    <row r="202773" spans="14:14">
      <c r="N202773" s="10"/>
    </row>
    <row r="202774" spans="14:14">
      <c r="N202774" s="10"/>
    </row>
    <row r="202775" spans="14:14">
      <c r="N202775" s="10"/>
    </row>
    <row r="202776" spans="14:14">
      <c r="N202776" s="10"/>
    </row>
    <row r="202777" spans="14:14">
      <c r="N202777" s="10"/>
    </row>
    <row r="202778" spans="14:14">
      <c r="N202778" s="10"/>
    </row>
    <row r="202779" spans="14:14">
      <c r="N202779" s="10"/>
    </row>
    <row r="202780" spans="14:14">
      <c r="N202780" s="10"/>
    </row>
    <row r="202781" spans="14:14">
      <c r="N202781" s="10"/>
    </row>
    <row r="202782" spans="14:14">
      <c r="N202782" s="10"/>
    </row>
    <row r="202783" spans="14:14">
      <c r="N202783" s="10"/>
    </row>
    <row r="202784" spans="14:14">
      <c r="N202784" s="10"/>
    </row>
    <row r="202785" spans="14:14">
      <c r="N202785" s="10"/>
    </row>
    <row r="202786" spans="14:14">
      <c r="N202786" s="10"/>
    </row>
    <row r="202787" spans="14:14">
      <c r="N202787" s="10"/>
    </row>
    <row r="202788" spans="14:14">
      <c r="N202788" s="10"/>
    </row>
    <row r="202789" spans="14:14">
      <c r="N202789" s="10"/>
    </row>
    <row r="202790" spans="14:14">
      <c r="N202790" s="10"/>
    </row>
    <row r="202791" spans="14:14">
      <c r="N202791" s="10"/>
    </row>
    <row r="202792" spans="14:14">
      <c r="N202792" s="10"/>
    </row>
    <row r="202793" spans="14:14">
      <c r="N202793" s="10"/>
    </row>
    <row r="202794" spans="14:14">
      <c r="N202794" s="10"/>
    </row>
    <row r="202795" spans="14:14">
      <c r="N202795" s="10"/>
    </row>
    <row r="202796" spans="14:14">
      <c r="N202796" s="10"/>
    </row>
    <row r="202797" spans="14:14">
      <c r="N202797" s="10"/>
    </row>
    <row r="202798" spans="14:14">
      <c r="N202798" s="10"/>
    </row>
    <row r="202799" spans="14:14">
      <c r="N202799" s="10"/>
    </row>
    <row r="202800" spans="14:14">
      <c r="N202800" s="10"/>
    </row>
    <row r="202801" spans="14:14">
      <c r="N202801" s="10"/>
    </row>
    <row r="202802" spans="14:14">
      <c r="N202802" s="10"/>
    </row>
    <row r="202803" spans="14:14">
      <c r="N202803" s="10"/>
    </row>
    <row r="202804" spans="14:14">
      <c r="N202804" s="10"/>
    </row>
    <row r="202805" spans="14:14">
      <c r="N202805" s="10"/>
    </row>
    <row r="202806" spans="14:14">
      <c r="N202806" s="10"/>
    </row>
    <row r="202807" spans="14:14">
      <c r="N202807" s="10"/>
    </row>
    <row r="202808" spans="14:14">
      <c r="N202808" s="10"/>
    </row>
    <row r="202809" spans="14:14">
      <c r="N202809" s="10"/>
    </row>
    <row r="202810" spans="14:14">
      <c r="N202810" s="10"/>
    </row>
    <row r="202811" spans="14:14">
      <c r="N202811" s="10"/>
    </row>
    <row r="202812" spans="14:14">
      <c r="N202812" s="10"/>
    </row>
    <row r="202813" spans="14:14">
      <c r="N202813" s="10"/>
    </row>
    <row r="202814" spans="14:14">
      <c r="N202814" s="10"/>
    </row>
    <row r="202815" spans="14:14">
      <c r="N202815" s="10"/>
    </row>
    <row r="202816" spans="14:14">
      <c r="N202816" s="10"/>
    </row>
    <row r="202817" spans="14:14">
      <c r="N202817" s="10"/>
    </row>
    <row r="202818" spans="14:14">
      <c r="N202818" s="10"/>
    </row>
    <row r="202819" spans="14:14">
      <c r="N202819" s="10"/>
    </row>
    <row r="202820" spans="14:14">
      <c r="N202820" s="10"/>
    </row>
    <row r="202821" spans="14:14">
      <c r="N202821" s="10"/>
    </row>
    <row r="202822" spans="14:14">
      <c r="N202822" s="10"/>
    </row>
    <row r="202823" spans="14:14">
      <c r="N202823" s="10"/>
    </row>
    <row r="202824" spans="14:14">
      <c r="N202824" s="10"/>
    </row>
    <row r="202825" spans="14:14">
      <c r="N202825" s="10"/>
    </row>
    <row r="202826" spans="14:14">
      <c r="N202826" s="10"/>
    </row>
    <row r="202827" spans="14:14">
      <c r="N202827" s="10"/>
    </row>
    <row r="202828" spans="14:14">
      <c r="N202828" s="10"/>
    </row>
    <row r="202829" spans="14:14">
      <c r="N202829" s="10"/>
    </row>
    <row r="202830" spans="14:14">
      <c r="N202830" s="10"/>
    </row>
    <row r="202831" spans="14:14">
      <c r="N202831" s="10"/>
    </row>
    <row r="202832" spans="14:14">
      <c r="N202832" s="10"/>
    </row>
    <row r="202833" spans="14:14">
      <c r="N202833" s="10"/>
    </row>
    <row r="202834" spans="14:14">
      <c r="N202834" s="10"/>
    </row>
    <row r="202835" spans="14:14">
      <c r="N202835" s="10"/>
    </row>
    <row r="202836" spans="14:14">
      <c r="N202836" s="10"/>
    </row>
    <row r="202837" spans="14:14">
      <c r="N202837" s="10"/>
    </row>
    <row r="202838" spans="14:14">
      <c r="N202838" s="10"/>
    </row>
    <row r="202839" spans="14:14">
      <c r="N202839" s="10"/>
    </row>
    <row r="202840" spans="14:14">
      <c r="N202840" s="10"/>
    </row>
    <row r="202841" spans="14:14">
      <c r="N202841" s="10"/>
    </row>
    <row r="202842" spans="14:14">
      <c r="N202842" s="10"/>
    </row>
    <row r="202843" spans="14:14">
      <c r="N202843" s="10"/>
    </row>
    <row r="202844" spans="14:14">
      <c r="N202844" s="10"/>
    </row>
    <row r="202845" spans="14:14">
      <c r="N202845" s="10"/>
    </row>
    <row r="202846" spans="14:14">
      <c r="N202846" s="10"/>
    </row>
    <row r="202847" spans="14:14">
      <c r="N202847" s="10"/>
    </row>
    <row r="202848" spans="14:14">
      <c r="N202848" s="10"/>
    </row>
    <row r="202849" spans="14:14">
      <c r="N202849" s="10"/>
    </row>
    <row r="202850" spans="14:14">
      <c r="N202850" s="10"/>
    </row>
    <row r="202851" spans="14:14">
      <c r="N202851" s="10"/>
    </row>
    <row r="202852" spans="14:14">
      <c r="N202852" s="10"/>
    </row>
    <row r="202853" spans="14:14">
      <c r="N202853" s="10"/>
    </row>
    <row r="202854" spans="14:14">
      <c r="N202854" s="10"/>
    </row>
    <row r="202855" spans="14:14">
      <c r="N202855" s="10"/>
    </row>
    <row r="202856" spans="14:14">
      <c r="N202856" s="10"/>
    </row>
    <row r="202857" spans="14:14">
      <c r="N202857" s="10"/>
    </row>
    <row r="202858" spans="14:14">
      <c r="N202858" s="10"/>
    </row>
    <row r="202859" spans="14:14">
      <c r="N202859" s="10"/>
    </row>
    <row r="202860" spans="14:14">
      <c r="N202860" s="10"/>
    </row>
    <row r="202861" spans="14:14">
      <c r="N202861" s="10"/>
    </row>
    <row r="202862" spans="14:14">
      <c r="N202862" s="10"/>
    </row>
    <row r="202863" spans="14:14">
      <c r="N202863" s="10"/>
    </row>
    <row r="202864" spans="14:14">
      <c r="N202864" s="10"/>
    </row>
    <row r="202865" spans="14:14">
      <c r="N202865" s="10"/>
    </row>
    <row r="202866" spans="14:14">
      <c r="N202866" s="10"/>
    </row>
    <row r="202867" spans="14:14">
      <c r="N202867" s="10"/>
    </row>
    <row r="202868" spans="14:14">
      <c r="N202868" s="10"/>
    </row>
    <row r="202869" spans="14:14">
      <c r="N202869" s="10"/>
    </row>
    <row r="202870" spans="14:14">
      <c r="N202870" s="10"/>
    </row>
    <row r="202871" spans="14:14">
      <c r="N202871" s="10"/>
    </row>
    <row r="202872" spans="14:14">
      <c r="N202872" s="10"/>
    </row>
    <row r="202873" spans="14:14">
      <c r="N202873" s="10"/>
    </row>
    <row r="202874" spans="14:14">
      <c r="N202874" s="10"/>
    </row>
    <row r="202875" spans="14:14">
      <c r="N202875" s="10"/>
    </row>
    <row r="202876" spans="14:14">
      <c r="N202876" s="10"/>
    </row>
    <row r="202877" spans="14:14">
      <c r="N202877" s="10"/>
    </row>
    <row r="202878" spans="14:14">
      <c r="N202878" s="10"/>
    </row>
    <row r="202879" spans="14:14">
      <c r="N202879" s="10"/>
    </row>
    <row r="202880" spans="14:14">
      <c r="N202880" s="10"/>
    </row>
    <row r="202881" spans="14:14">
      <c r="N202881" s="10"/>
    </row>
    <row r="202882" spans="14:14">
      <c r="N202882" s="10"/>
    </row>
    <row r="202883" spans="14:14">
      <c r="N202883" s="10"/>
    </row>
    <row r="202884" spans="14:14">
      <c r="N202884" s="10"/>
    </row>
    <row r="202885" spans="14:14">
      <c r="N202885" s="10"/>
    </row>
    <row r="202886" spans="14:14">
      <c r="N202886" s="10"/>
    </row>
    <row r="202887" spans="14:14">
      <c r="N202887" s="10"/>
    </row>
    <row r="202888" spans="14:14">
      <c r="N202888" s="10"/>
    </row>
    <row r="202889" spans="14:14">
      <c r="N202889" s="10"/>
    </row>
    <row r="202890" spans="14:14">
      <c r="N202890" s="10"/>
    </row>
    <row r="202891" spans="14:14">
      <c r="N202891" s="10"/>
    </row>
    <row r="202892" spans="14:14">
      <c r="N202892" s="10"/>
    </row>
    <row r="202893" spans="14:14">
      <c r="N202893" s="10"/>
    </row>
    <row r="202894" spans="14:14">
      <c r="N202894" s="10"/>
    </row>
    <row r="202895" spans="14:14">
      <c r="N202895" s="10"/>
    </row>
    <row r="202896" spans="14:14">
      <c r="N202896" s="10"/>
    </row>
    <row r="202897" spans="14:14">
      <c r="N202897" s="10"/>
    </row>
    <row r="202898" spans="14:14">
      <c r="N202898" s="10"/>
    </row>
    <row r="202899" spans="14:14">
      <c r="N202899" s="10"/>
    </row>
    <row r="202900" spans="14:14">
      <c r="N202900" s="10"/>
    </row>
    <row r="202901" spans="14:14">
      <c r="N202901" s="10"/>
    </row>
    <row r="202902" spans="14:14">
      <c r="N202902" s="10"/>
    </row>
    <row r="202903" spans="14:14">
      <c r="N202903" s="10"/>
    </row>
    <row r="202904" spans="14:14">
      <c r="N202904" s="10"/>
    </row>
    <row r="202905" spans="14:14">
      <c r="N202905" s="10"/>
    </row>
    <row r="202906" spans="14:14">
      <c r="N202906" s="10"/>
    </row>
    <row r="202907" spans="14:14">
      <c r="N202907" s="10"/>
    </row>
    <row r="202908" spans="14:14">
      <c r="N202908" s="10"/>
    </row>
    <row r="202909" spans="14:14">
      <c r="N202909" s="10"/>
    </row>
    <row r="202910" spans="14:14">
      <c r="N202910" s="10"/>
    </row>
    <row r="202911" spans="14:14">
      <c r="N202911" s="10"/>
    </row>
    <row r="202912" spans="14:14">
      <c r="N202912" s="10"/>
    </row>
    <row r="202913" spans="14:14">
      <c r="N202913" s="10"/>
    </row>
    <row r="202914" spans="14:14">
      <c r="N202914" s="10"/>
    </row>
    <row r="202915" spans="14:14">
      <c r="N202915" s="10"/>
    </row>
    <row r="202916" spans="14:14">
      <c r="N202916" s="10"/>
    </row>
    <row r="202917" spans="14:14">
      <c r="N202917" s="10"/>
    </row>
    <row r="202918" spans="14:14">
      <c r="N202918" s="10"/>
    </row>
    <row r="202919" spans="14:14">
      <c r="N202919" s="10"/>
    </row>
    <row r="202920" spans="14:14">
      <c r="N202920" s="10"/>
    </row>
    <row r="202921" spans="14:14">
      <c r="N202921" s="10"/>
    </row>
    <row r="202922" spans="14:14">
      <c r="N202922" s="10"/>
    </row>
    <row r="202923" spans="14:14">
      <c r="N202923" s="10"/>
    </row>
    <row r="202924" spans="14:14">
      <c r="N202924" s="10"/>
    </row>
    <row r="202925" spans="14:14">
      <c r="N202925" s="10"/>
    </row>
    <row r="202926" spans="14:14">
      <c r="N202926" s="10"/>
    </row>
    <row r="202927" spans="14:14">
      <c r="N202927" s="10"/>
    </row>
    <row r="202928" spans="14:14">
      <c r="N202928" s="10"/>
    </row>
    <row r="202929" spans="14:14">
      <c r="N202929" s="10"/>
    </row>
    <row r="202930" spans="14:14">
      <c r="N202930" s="10"/>
    </row>
    <row r="202931" spans="14:14">
      <c r="N202931" s="10"/>
    </row>
    <row r="202932" spans="14:14">
      <c r="N202932" s="10"/>
    </row>
    <row r="202933" spans="14:14">
      <c r="N202933" s="10"/>
    </row>
    <row r="202934" spans="14:14">
      <c r="N202934" s="10"/>
    </row>
    <row r="202935" spans="14:14">
      <c r="N202935" s="10"/>
    </row>
    <row r="202936" spans="14:14">
      <c r="N202936" s="10"/>
    </row>
    <row r="202937" spans="14:14">
      <c r="N202937" s="10"/>
    </row>
    <row r="202938" spans="14:14">
      <c r="N202938" s="10"/>
    </row>
    <row r="202939" spans="14:14">
      <c r="N202939" s="10"/>
    </row>
    <row r="202940" spans="14:14">
      <c r="N202940" s="10"/>
    </row>
    <row r="202941" spans="14:14">
      <c r="N202941" s="10"/>
    </row>
    <row r="202942" spans="14:14">
      <c r="N202942" s="10"/>
    </row>
    <row r="202943" spans="14:14">
      <c r="N202943" s="10"/>
    </row>
    <row r="202944" spans="14:14">
      <c r="N202944" s="10"/>
    </row>
    <row r="202945" spans="14:14">
      <c r="N202945" s="10"/>
    </row>
    <row r="202946" spans="14:14">
      <c r="N202946" s="10"/>
    </row>
    <row r="202947" spans="14:14">
      <c r="N202947" s="10"/>
    </row>
    <row r="202948" spans="14:14">
      <c r="N202948" s="10"/>
    </row>
    <row r="202949" spans="14:14">
      <c r="N202949" s="10"/>
    </row>
    <row r="202950" spans="14:14">
      <c r="N202950" s="10"/>
    </row>
    <row r="202951" spans="14:14">
      <c r="N202951" s="10"/>
    </row>
    <row r="202952" spans="14:14">
      <c r="N202952" s="10"/>
    </row>
    <row r="202953" spans="14:14">
      <c r="N202953" s="10"/>
    </row>
    <row r="202954" spans="14:14">
      <c r="N202954" s="10"/>
    </row>
    <row r="202955" spans="14:14">
      <c r="N202955" s="10"/>
    </row>
    <row r="202956" spans="14:14">
      <c r="N202956" s="10"/>
    </row>
    <row r="202957" spans="14:14">
      <c r="N202957" s="10"/>
    </row>
    <row r="202958" spans="14:14">
      <c r="N202958" s="10"/>
    </row>
    <row r="202959" spans="14:14">
      <c r="N202959" s="10"/>
    </row>
    <row r="202960" spans="14:14">
      <c r="N202960" s="10"/>
    </row>
    <row r="202961" spans="14:14">
      <c r="N202961" s="10"/>
    </row>
    <row r="202962" spans="14:14">
      <c r="N202962" s="10"/>
    </row>
    <row r="202963" spans="14:14">
      <c r="N202963" s="10"/>
    </row>
    <row r="202964" spans="14:14">
      <c r="N202964" s="10"/>
    </row>
    <row r="202965" spans="14:14">
      <c r="N202965" s="10"/>
    </row>
    <row r="202966" spans="14:14">
      <c r="N202966" s="10"/>
    </row>
    <row r="202967" spans="14:14">
      <c r="N202967" s="10"/>
    </row>
    <row r="202968" spans="14:14">
      <c r="N202968" s="10"/>
    </row>
    <row r="202969" spans="14:14">
      <c r="N202969" s="10"/>
    </row>
    <row r="202970" spans="14:14">
      <c r="N202970" s="10"/>
    </row>
    <row r="202971" spans="14:14">
      <c r="N202971" s="10"/>
    </row>
    <row r="202972" spans="14:14">
      <c r="N202972" s="10"/>
    </row>
    <row r="202973" spans="14:14">
      <c r="N202973" s="10"/>
    </row>
    <row r="202974" spans="14:14">
      <c r="N202974" s="10"/>
    </row>
    <row r="202975" spans="14:14">
      <c r="N202975" s="10"/>
    </row>
    <row r="202976" spans="14:14">
      <c r="N202976" s="10"/>
    </row>
    <row r="202977" spans="14:14">
      <c r="N202977" s="10"/>
    </row>
    <row r="202978" spans="14:14">
      <c r="N202978" s="10"/>
    </row>
    <row r="202979" spans="14:14">
      <c r="N202979" s="10"/>
    </row>
    <row r="202980" spans="14:14">
      <c r="N202980" s="10"/>
    </row>
    <row r="202981" spans="14:14">
      <c r="N202981" s="10"/>
    </row>
    <row r="202982" spans="14:14">
      <c r="N202982" s="10"/>
    </row>
    <row r="202983" spans="14:14">
      <c r="N202983" s="10"/>
    </row>
    <row r="202984" spans="14:14">
      <c r="N202984" s="10"/>
    </row>
    <row r="202985" spans="14:14">
      <c r="N202985" s="10"/>
    </row>
    <row r="202986" spans="14:14">
      <c r="N202986" s="10"/>
    </row>
    <row r="202987" spans="14:14">
      <c r="N202987" s="10"/>
    </row>
    <row r="202988" spans="14:14">
      <c r="N202988" s="10"/>
    </row>
    <row r="202989" spans="14:14">
      <c r="N202989" s="10"/>
    </row>
    <row r="202990" spans="14:14">
      <c r="N202990" s="10"/>
    </row>
    <row r="202991" spans="14:14">
      <c r="N202991" s="10"/>
    </row>
    <row r="202992" spans="14:14">
      <c r="N202992" s="10"/>
    </row>
    <row r="202993" spans="14:14">
      <c r="N202993" s="10"/>
    </row>
    <row r="202994" spans="14:14">
      <c r="N202994" s="10"/>
    </row>
    <row r="202995" spans="14:14">
      <c r="N202995" s="10"/>
    </row>
    <row r="202996" spans="14:14">
      <c r="N202996" s="10"/>
    </row>
    <row r="202997" spans="14:14">
      <c r="N202997" s="10"/>
    </row>
    <row r="202998" spans="14:14">
      <c r="N202998" s="10"/>
    </row>
    <row r="202999" spans="14:14">
      <c r="N202999" s="10"/>
    </row>
    <row r="203000" spans="14:14">
      <c r="N203000" s="10"/>
    </row>
    <row r="203001" spans="14:14">
      <c r="N203001" s="10"/>
    </row>
    <row r="203002" spans="14:14">
      <c r="N203002" s="10"/>
    </row>
    <row r="203003" spans="14:14">
      <c r="N203003" s="10"/>
    </row>
    <row r="203004" spans="14:14">
      <c r="N203004" s="10"/>
    </row>
    <row r="203005" spans="14:14">
      <c r="N203005" s="10"/>
    </row>
    <row r="203006" spans="14:14">
      <c r="N203006" s="10"/>
    </row>
    <row r="203007" spans="14:14">
      <c r="N203007" s="10"/>
    </row>
    <row r="203008" spans="14:14">
      <c r="N203008" s="10"/>
    </row>
    <row r="203009" spans="14:14">
      <c r="N203009" s="10"/>
    </row>
    <row r="203010" spans="14:14">
      <c r="N203010" s="10"/>
    </row>
    <row r="203011" spans="14:14">
      <c r="N203011" s="10"/>
    </row>
    <row r="203012" spans="14:14">
      <c r="N203012" s="10"/>
    </row>
    <row r="203013" spans="14:14">
      <c r="N203013" s="10"/>
    </row>
    <row r="203014" spans="14:14">
      <c r="N203014" s="10"/>
    </row>
    <row r="203015" spans="14:14">
      <c r="N203015" s="10"/>
    </row>
    <row r="203016" spans="14:14">
      <c r="N203016" s="10"/>
    </row>
    <row r="203017" spans="14:14">
      <c r="N203017" s="10"/>
    </row>
    <row r="203018" spans="14:14">
      <c r="N203018" s="10"/>
    </row>
    <row r="203019" spans="14:14">
      <c r="N203019" s="10"/>
    </row>
    <row r="203020" spans="14:14">
      <c r="N203020" s="10"/>
    </row>
    <row r="203021" spans="14:14">
      <c r="N203021" s="10"/>
    </row>
    <row r="203022" spans="14:14">
      <c r="N203022" s="10"/>
    </row>
    <row r="203023" spans="14:14">
      <c r="N203023" s="10"/>
    </row>
    <row r="203024" spans="14:14">
      <c r="N203024" s="10"/>
    </row>
    <row r="203025" spans="14:14">
      <c r="N203025" s="10"/>
    </row>
    <row r="203026" spans="14:14">
      <c r="N203026" s="10"/>
    </row>
    <row r="203027" spans="14:14">
      <c r="N203027" s="10"/>
    </row>
    <row r="203028" spans="14:14">
      <c r="N203028" s="10"/>
    </row>
    <row r="203029" spans="14:14">
      <c r="N203029" s="10"/>
    </row>
    <row r="203030" spans="14:14">
      <c r="N203030" s="10"/>
    </row>
    <row r="203031" spans="14:14">
      <c r="N203031" s="10"/>
    </row>
    <row r="203032" spans="14:14">
      <c r="N203032" s="10"/>
    </row>
    <row r="203033" spans="14:14">
      <c r="N203033" s="10"/>
    </row>
    <row r="203034" spans="14:14">
      <c r="N203034" s="10"/>
    </row>
    <row r="203035" spans="14:14">
      <c r="N203035" s="10"/>
    </row>
    <row r="203036" spans="14:14">
      <c r="N203036" s="10"/>
    </row>
    <row r="203037" spans="14:14">
      <c r="N203037" s="10"/>
    </row>
    <row r="203038" spans="14:14">
      <c r="N203038" s="10"/>
    </row>
    <row r="203039" spans="14:14">
      <c r="N203039" s="10"/>
    </row>
    <row r="203040" spans="14:14">
      <c r="N203040" s="10"/>
    </row>
    <row r="203041" spans="14:14">
      <c r="N203041" s="10"/>
    </row>
    <row r="203042" spans="14:14">
      <c r="N203042" s="10"/>
    </row>
    <row r="203043" spans="14:14">
      <c r="N203043" s="10"/>
    </row>
    <row r="203044" spans="14:14">
      <c r="N203044" s="10"/>
    </row>
    <row r="203045" spans="14:14">
      <c r="N203045" s="10"/>
    </row>
    <row r="203046" spans="14:14">
      <c r="N203046" s="10"/>
    </row>
    <row r="203047" spans="14:14">
      <c r="N203047" s="10"/>
    </row>
    <row r="203048" spans="14:14">
      <c r="N203048" s="10"/>
    </row>
    <row r="203049" spans="14:14">
      <c r="N203049" s="10"/>
    </row>
    <row r="203050" spans="14:14">
      <c r="N203050" s="10"/>
    </row>
    <row r="203051" spans="14:14">
      <c r="N203051" s="10"/>
    </row>
    <row r="203052" spans="14:14">
      <c r="N203052" s="10"/>
    </row>
    <row r="203053" spans="14:14">
      <c r="N203053" s="10"/>
    </row>
    <row r="203054" spans="14:14">
      <c r="N203054" s="10"/>
    </row>
    <row r="203055" spans="14:14">
      <c r="N203055" s="10"/>
    </row>
    <row r="203056" spans="14:14">
      <c r="N203056" s="10"/>
    </row>
    <row r="203057" spans="14:14">
      <c r="N203057" s="10"/>
    </row>
    <row r="203058" spans="14:14">
      <c r="N203058" s="10"/>
    </row>
    <row r="203059" spans="14:14">
      <c r="N203059" s="10"/>
    </row>
    <row r="203060" spans="14:14">
      <c r="N203060" s="10"/>
    </row>
    <row r="203061" spans="14:14">
      <c r="N203061" s="10"/>
    </row>
    <row r="203062" spans="14:14">
      <c r="N203062" s="10"/>
    </row>
    <row r="203063" spans="14:14">
      <c r="N203063" s="10"/>
    </row>
    <row r="203064" spans="14:14">
      <c r="N203064" s="10"/>
    </row>
    <row r="203065" spans="14:14">
      <c r="N203065" s="10"/>
    </row>
    <row r="203066" spans="14:14">
      <c r="N203066" s="10"/>
    </row>
    <row r="203067" spans="14:14">
      <c r="N203067" s="10"/>
    </row>
    <row r="203068" spans="14:14">
      <c r="N203068" s="10"/>
    </row>
    <row r="203069" spans="14:14">
      <c r="N203069" s="10"/>
    </row>
    <row r="203070" spans="14:14">
      <c r="N203070" s="10"/>
    </row>
    <row r="203071" spans="14:14">
      <c r="N203071" s="10"/>
    </row>
    <row r="203072" spans="14:14">
      <c r="N203072" s="10"/>
    </row>
    <row r="203073" spans="14:14">
      <c r="N203073" s="10"/>
    </row>
    <row r="203074" spans="14:14">
      <c r="N203074" s="10"/>
    </row>
    <row r="203075" spans="14:14">
      <c r="N203075" s="10"/>
    </row>
    <row r="203076" spans="14:14">
      <c r="N203076" s="10"/>
    </row>
    <row r="203077" spans="14:14">
      <c r="N203077" s="10"/>
    </row>
    <row r="203078" spans="14:14">
      <c r="N203078" s="10"/>
    </row>
    <row r="203079" spans="14:14">
      <c r="N203079" s="10"/>
    </row>
    <row r="203080" spans="14:14">
      <c r="N203080" s="10"/>
    </row>
    <row r="203081" spans="14:14">
      <c r="N203081" s="10"/>
    </row>
    <row r="203082" spans="14:14">
      <c r="N203082" s="10"/>
    </row>
    <row r="203083" spans="14:14">
      <c r="N203083" s="10"/>
    </row>
    <row r="203084" spans="14:14">
      <c r="N203084" s="10"/>
    </row>
    <row r="203085" spans="14:14">
      <c r="N203085" s="10"/>
    </row>
    <row r="203086" spans="14:14">
      <c r="N203086" s="10"/>
    </row>
    <row r="203087" spans="14:14">
      <c r="N203087" s="10"/>
    </row>
    <row r="203088" spans="14:14">
      <c r="N203088" s="10"/>
    </row>
    <row r="203089" spans="14:14">
      <c r="N203089" s="10"/>
    </row>
    <row r="203090" spans="14:14">
      <c r="N203090" s="10"/>
    </row>
    <row r="203091" spans="14:14">
      <c r="N203091" s="10"/>
    </row>
    <row r="203092" spans="14:14">
      <c r="N203092" s="10"/>
    </row>
    <row r="203093" spans="14:14">
      <c r="N203093" s="10"/>
    </row>
    <row r="203094" spans="14:14">
      <c r="N203094" s="10"/>
    </row>
    <row r="203095" spans="14:14">
      <c r="N203095" s="10"/>
    </row>
    <row r="203096" spans="14:14">
      <c r="N203096" s="10"/>
    </row>
    <row r="203097" spans="14:14">
      <c r="N203097" s="10"/>
    </row>
    <row r="203098" spans="14:14">
      <c r="N203098" s="10"/>
    </row>
    <row r="203099" spans="14:14">
      <c r="N203099" s="10"/>
    </row>
    <row r="203100" spans="14:14">
      <c r="N203100" s="10"/>
    </row>
    <row r="203101" spans="14:14">
      <c r="N203101" s="10"/>
    </row>
    <row r="203102" spans="14:14">
      <c r="N203102" s="10"/>
    </row>
    <row r="203103" spans="14:14">
      <c r="N203103" s="10"/>
    </row>
    <row r="203104" spans="14:14">
      <c r="N203104" s="10"/>
    </row>
    <row r="203105" spans="14:14">
      <c r="N203105" s="10"/>
    </row>
    <row r="203106" spans="14:14">
      <c r="N203106" s="10"/>
    </row>
    <row r="203107" spans="14:14">
      <c r="N203107" s="10"/>
    </row>
    <row r="203108" spans="14:14">
      <c r="N203108" s="10"/>
    </row>
    <row r="203109" spans="14:14">
      <c r="N203109" s="10"/>
    </row>
    <row r="203110" spans="14:14">
      <c r="N203110" s="10"/>
    </row>
    <row r="203111" spans="14:14">
      <c r="N203111" s="10"/>
    </row>
    <row r="203112" spans="14:14">
      <c r="N203112" s="10"/>
    </row>
    <row r="203113" spans="14:14">
      <c r="N203113" s="10"/>
    </row>
    <row r="203114" spans="14:14">
      <c r="N203114" s="10"/>
    </row>
    <row r="203115" spans="14:14">
      <c r="N203115" s="10"/>
    </row>
    <row r="203116" spans="14:14">
      <c r="N203116" s="10"/>
    </row>
    <row r="203117" spans="14:14">
      <c r="N203117" s="10"/>
    </row>
    <row r="203118" spans="14:14">
      <c r="N203118" s="10"/>
    </row>
    <row r="203119" spans="14:14">
      <c r="N203119" s="10"/>
    </row>
    <row r="203120" spans="14:14">
      <c r="N203120" s="10"/>
    </row>
    <row r="203121" spans="14:14">
      <c r="N203121" s="10"/>
    </row>
    <row r="203122" spans="14:14">
      <c r="N203122" s="10"/>
    </row>
    <row r="203123" spans="14:14">
      <c r="N203123" s="10"/>
    </row>
    <row r="203124" spans="14:14">
      <c r="N203124" s="10"/>
    </row>
    <row r="203125" spans="14:14">
      <c r="N203125" s="10"/>
    </row>
    <row r="203126" spans="14:14">
      <c r="N203126" s="10"/>
    </row>
    <row r="203127" spans="14:14">
      <c r="N203127" s="10"/>
    </row>
    <row r="203128" spans="14:14">
      <c r="N203128" s="10"/>
    </row>
    <row r="203129" spans="14:14">
      <c r="N203129" s="10"/>
    </row>
    <row r="203130" spans="14:14">
      <c r="N203130" s="10"/>
    </row>
    <row r="203131" spans="14:14">
      <c r="N203131" s="10"/>
    </row>
    <row r="203132" spans="14:14">
      <c r="N203132" s="10"/>
    </row>
    <row r="203133" spans="14:14">
      <c r="N203133" s="10"/>
    </row>
    <row r="203134" spans="14:14">
      <c r="N203134" s="10"/>
    </row>
    <row r="203135" spans="14:14">
      <c r="N203135" s="10"/>
    </row>
    <row r="203136" spans="14:14">
      <c r="N203136" s="10"/>
    </row>
    <row r="203137" spans="14:14">
      <c r="N203137" s="10"/>
    </row>
    <row r="203138" spans="14:14">
      <c r="N203138" s="10"/>
    </row>
    <row r="203139" spans="14:14">
      <c r="N203139" s="10"/>
    </row>
    <row r="203140" spans="14:14">
      <c r="N203140" s="10"/>
    </row>
    <row r="203141" spans="14:14">
      <c r="N203141" s="10"/>
    </row>
    <row r="203142" spans="14:14">
      <c r="N203142" s="10"/>
    </row>
    <row r="203143" spans="14:14">
      <c r="N203143" s="10"/>
    </row>
    <row r="203144" spans="14:14">
      <c r="N203144" s="10"/>
    </row>
    <row r="203145" spans="14:14">
      <c r="N203145" s="10"/>
    </row>
    <row r="203146" spans="14:14">
      <c r="N203146" s="10"/>
    </row>
    <row r="203147" spans="14:14">
      <c r="N203147" s="10"/>
    </row>
    <row r="203148" spans="14:14">
      <c r="N203148" s="10"/>
    </row>
    <row r="203149" spans="14:14">
      <c r="N203149" s="10"/>
    </row>
    <row r="203150" spans="14:14">
      <c r="N203150" s="10"/>
    </row>
    <row r="203151" spans="14:14">
      <c r="N203151" s="10"/>
    </row>
    <row r="203152" spans="14:14">
      <c r="N203152" s="10"/>
    </row>
    <row r="203153" spans="14:14">
      <c r="N203153" s="10"/>
    </row>
    <row r="203154" spans="14:14">
      <c r="N203154" s="10"/>
    </row>
    <row r="203155" spans="14:14">
      <c r="N203155" s="10"/>
    </row>
    <row r="203156" spans="14:14">
      <c r="N203156" s="10"/>
    </row>
    <row r="203157" spans="14:14">
      <c r="N203157" s="10"/>
    </row>
    <row r="203158" spans="14:14">
      <c r="N203158" s="10"/>
    </row>
    <row r="203159" spans="14:14">
      <c r="N203159" s="10"/>
    </row>
    <row r="203160" spans="14:14">
      <c r="N203160" s="10"/>
    </row>
    <row r="203161" spans="14:14">
      <c r="N203161" s="10"/>
    </row>
    <row r="203162" spans="14:14">
      <c r="N203162" s="10"/>
    </row>
    <row r="203163" spans="14:14">
      <c r="N203163" s="10"/>
    </row>
    <row r="203164" spans="14:14">
      <c r="N203164" s="10"/>
    </row>
    <row r="203165" spans="14:14">
      <c r="N203165" s="10"/>
    </row>
    <row r="203166" spans="14:14">
      <c r="N203166" s="10"/>
    </row>
    <row r="203167" spans="14:14">
      <c r="N203167" s="10"/>
    </row>
    <row r="203168" spans="14:14">
      <c r="N203168" s="10"/>
    </row>
    <row r="203169" spans="14:14">
      <c r="N203169" s="10"/>
    </row>
    <row r="203170" spans="14:14">
      <c r="N203170" s="10"/>
    </row>
    <row r="203171" spans="14:14">
      <c r="N203171" s="10"/>
    </row>
    <row r="203172" spans="14:14">
      <c r="N203172" s="10"/>
    </row>
    <row r="203173" spans="14:14">
      <c r="N203173" s="10"/>
    </row>
    <row r="203174" spans="14:14">
      <c r="N203174" s="10"/>
    </row>
    <row r="203175" spans="14:14">
      <c r="N203175" s="10"/>
    </row>
    <row r="203176" spans="14:14">
      <c r="N203176" s="10"/>
    </row>
    <row r="203177" spans="14:14">
      <c r="N203177" s="10"/>
    </row>
    <row r="203178" spans="14:14">
      <c r="N203178" s="10"/>
    </row>
    <row r="203179" spans="14:14">
      <c r="N203179" s="10"/>
    </row>
    <row r="203180" spans="14:14">
      <c r="N203180" s="10"/>
    </row>
    <row r="203181" spans="14:14">
      <c r="N203181" s="10"/>
    </row>
    <row r="203182" spans="14:14">
      <c r="N203182" s="10"/>
    </row>
    <row r="203183" spans="14:14">
      <c r="N203183" s="10"/>
    </row>
    <row r="203184" spans="14:14">
      <c r="N203184" s="10"/>
    </row>
    <row r="203185" spans="14:14">
      <c r="N203185" s="10"/>
    </row>
    <row r="203186" spans="14:14">
      <c r="N203186" s="10"/>
    </row>
    <row r="203187" spans="14:14">
      <c r="N203187" s="10"/>
    </row>
    <row r="203188" spans="14:14">
      <c r="N203188" s="10"/>
    </row>
    <row r="203189" spans="14:14">
      <c r="N203189" s="10"/>
    </row>
    <row r="203190" spans="14:14">
      <c r="N203190" s="10"/>
    </row>
    <row r="203191" spans="14:14">
      <c r="N203191" s="10"/>
    </row>
    <row r="203192" spans="14:14">
      <c r="N203192" s="10"/>
    </row>
    <row r="203193" spans="14:14">
      <c r="N203193" s="10"/>
    </row>
    <row r="203194" spans="14:14">
      <c r="N203194" s="10"/>
    </row>
    <row r="203195" spans="14:14">
      <c r="N203195" s="10"/>
    </row>
    <row r="203196" spans="14:14">
      <c r="N203196" s="10"/>
    </row>
    <row r="203197" spans="14:14">
      <c r="N203197" s="10"/>
    </row>
    <row r="203198" spans="14:14">
      <c r="N203198" s="10"/>
    </row>
    <row r="203199" spans="14:14">
      <c r="N203199" s="10"/>
    </row>
    <row r="203200" spans="14:14">
      <c r="N203200" s="10"/>
    </row>
    <row r="203201" spans="14:14">
      <c r="N203201" s="10"/>
    </row>
    <row r="203202" spans="14:14">
      <c r="N203202" s="10"/>
    </row>
    <row r="203203" spans="14:14">
      <c r="N203203" s="10"/>
    </row>
    <row r="203204" spans="14:14">
      <c r="N203204" s="10"/>
    </row>
    <row r="203205" spans="14:14">
      <c r="N203205" s="10"/>
    </row>
    <row r="203206" spans="14:14">
      <c r="N203206" s="10"/>
    </row>
    <row r="203207" spans="14:14">
      <c r="N203207" s="10"/>
    </row>
    <row r="203208" spans="14:14">
      <c r="N203208" s="10"/>
    </row>
    <row r="203209" spans="14:14">
      <c r="N203209" s="10"/>
    </row>
    <row r="203210" spans="14:14">
      <c r="N203210" s="10"/>
    </row>
    <row r="203211" spans="14:14">
      <c r="N203211" s="10"/>
    </row>
    <row r="203212" spans="14:14">
      <c r="N203212" s="10"/>
    </row>
    <row r="203213" spans="14:14">
      <c r="N203213" s="10"/>
    </row>
    <row r="203214" spans="14:14">
      <c r="N203214" s="10"/>
    </row>
    <row r="203215" spans="14:14">
      <c r="N203215" s="10"/>
    </row>
    <row r="203216" spans="14:14">
      <c r="N203216" s="10"/>
    </row>
    <row r="203217" spans="14:14">
      <c r="N203217" s="10"/>
    </row>
    <row r="203218" spans="14:14">
      <c r="N203218" s="10"/>
    </row>
    <row r="203219" spans="14:14">
      <c r="N203219" s="10"/>
    </row>
    <row r="203220" spans="14:14">
      <c r="N203220" s="10"/>
    </row>
    <row r="203221" spans="14:14">
      <c r="N203221" s="10"/>
    </row>
    <row r="203222" spans="14:14">
      <c r="N203222" s="10"/>
    </row>
    <row r="203223" spans="14:14">
      <c r="N203223" s="10"/>
    </row>
    <row r="203224" spans="14:14">
      <c r="N203224" s="10"/>
    </row>
    <row r="203225" spans="14:14">
      <c r="N203225" s="10"/>
    </row>
    <row r="203226" spans="14:14">
      <c r="N203226" s="10"/>
    </row>
    <row r="203227" spans="14:14">
      <c r="N203227" s="10"/>
    </row>
    <row r="203228" spans="14:14">
      <c r="N203228" s="10"/>
    </row>
    <row r="203229" spans="14:14">
      <c r="N203229" s="10"/>
    </row>
    <row r="203230" spans="14:14">
      <c r="N203230" s="10"/>
    </row>
    <row r="203231" spans="14:14">
      <c r="N203231" s="10"/>
    </row>
    <row r="203232" spans="14:14">
      <c r="N203232" s="10"/>
    </row>
    <row r="203233" spans="14:14">
      <c r="N203233" s="10"/>
    </row>
    <row r="203234" spans="14:14">
      <c r="N203234" s="10"/>
    </row>
    <row r="203235" spans="14:14">
      <c r="N203235" s="10"/>
    </row>
    <row r="203236" spans="14:14">
      <c r="N203236" s="10"/>
    </row>
    <row r="203237" spans="14:14">
      <c r="N203237" s="10"/>
    </row>
    <row r="203238" spans="14:14">
      <c r="N203238" s="10"/>
    </row>
    <row r="203239" spans="14:14">
      <c r="N203239" s="10"/>
    </row>
    <row r="203240" spans="14:14">
      <c r="N203240" s="10"/>
    </row>
    <row r="203241" spans="14:14">
      <c r="N203241" s="10"/>
    </row>
    <row r="203242" spans="14:14">
      <c r="N203242" s="10"/>
    </row>
    <row r="203243" spans="14:14">
      <c r="N203243" s="10"/>
    </row>
    <row r="203244" spans="14:14">
      <c r="N203244" s="10"/>
    </row>
    <row r="203245" spans="14:14">
      <c r="N203245" s="10"/>
    </row>
    <row r="203246" spans="14:14">
      <c r="N203246" s="10"/>
    </row>
    <row r="203247" spans="14:14">
      <c r="N203247" s="10"/>
    </row>
    <row r="203248" spans="14:14">
      <c r="N203248" s="10"/>
    </row>
    <row r="203249" spans="14:14">
      <c r="N203249" s="10"/>
    </row>
    <row r="203250" spans="14:14">
      <c r="N203250" s="10"/>
    </row>
    <row r="203251" spans="14:14">
      <c r="N203251" s="10"/>
    </row>
    <row r="203252" spans="14:14">
      <c r="N203252" s="10"/>
    </row>
    <row r="203253" spans="14:14">
      <c r="N203253" s="10"/>
    </row>
    <row r="203254" spans="14:14">
      <c r="N203254" s="10"/>
    </row>
    <row r="203255" spans="14:14">
      <c r="N203255" s="10"/>
    </row>
    <row r="203256" spans="14:14">
      <c r="N203256" s="10"/>
    </row>
    <row r="203257" spans="14:14">
      <c r="N203257" s="10"/>
    </row>
    <row r="203258" spans="14:14">
      <c r="N203258" s="10"/>
    </row>
    <row r="203259" spans="14:14">
      <c r="N203259" s="10"/>
    </row>
    <row r="203260" spans="14:14">
      <c r="N203260" s="10"/>
    </row>
    <row r="203261" spans="14:14">
      <c r="N203261" s="10"/>
    </row>
    <row r="203262" spans="14:14">
      <c r="N203262" s="10"/>
    </row>
    <row r="203263" spans="14:14">
      <c r="N203263" s="10"/>
    </row>
    <row r="203264" spans="14:14">
      <c r="N203264" s="10"/>
    </row>
    <row r="203265" spans="14:14">
      <c r="N203265" s="10"/>
    </row>
    <row r="203266" spans="14:14">
      <c r="N203266" s="10"/>
    </row>
    <row r="203267" spans="14:14">
      <c r="N203267" s="10"/>
    </row>
    <row r="203268" spans="14:14">
      <c r="N203268" s="10"/>
    </row>
    <row r="203269" spans="14:14">
      <c r="N203269" s="10"/>
    </row>
    <row r="203270" spans="14:14">
      <c r="N203270" s="10"/>
    </row>
    <row r="203271" spans="14:14">
      <c r="N203271" s="10"/>
    </row>
    <row r="203272" spans="14:14">
      <c r="N203272" s="10"/>
    </row>
    <row r="203273" spans="14:14">
      <c r="N203273" s="10"/>
    </row>
    <row r="203274" spans="14:14">
      <c r="N203274" s="10"/>
    </row>
    <row r="203275" spans="14:14">
      <c r="N203275" s="10"/>
    </row>
    <row r="203276" spans="14:14">
      <c r="N203276" s="10"/>
    </row>
    <row r="203277" spans="14:14">
      <c r="N203277" s="10"/>
    </row>
    <row r="203278" spans="14:14">
      <c r="N203278" s="10"/>
    </row>
    <row r="203279" spans="14:14">
      <c r="N203279" s="10"/>
    </row>
    <row r="203280" spans="14:14">
      <c r="N203280" s="10"/>
    </row>
    <row r="203281" spans="14:14">
      <c r="N203281" s="10"/>
    </row>
    <row r="203282" spans="14:14">
      <c r="N203282" s="10"/>
    </row>
    <row r="203283" spans="14:14">
      <c r="N203283" s="10"/>
    </row>
    <row r="203284" spans="14:14">
      <c r="N203284" s="10"/>
    </row>
    <row r="203285" spans="14:14">
      <c r="N203285" s="10"/>
    </row>
    <row r="203286" spans="14:14">
      <c r="N203286" s="10"/>
    </row>
    <row r="203287" spans="14:14">
      <c r="N203287" s="10"/>
    </row>
    <row r="203288" spans="14:14">
      <c r="N203288" s="10"/>
    </row>
    <row r="203289" spans="14:14">
      <c r="N203289" s="10"/>
    </row>
    <row r="203290" spans="14:14">
      <c r="N203290" s="10"/>
    </row>
    <row r="203291" spans="14:14">
      <c r="N203291" s="10"/>
    </row>
    <row r="203292" spans="14:14">
      <c r="N203292" s="10"/>
    </row>
    <row r="203293" spans="14:14">
      <c r="N203293" s="10"/>
    </row>
    <row r="203294" spans="14:14">
      <c r="N203294" s="10"/>
    </row>
    <row r="203295" spans="14:14">
      <c r="N203295" s="10"/>
    </row>
    <row r="203296" spans="14:14">
      <c r="N203296" s="10"/>
    </row>
    <row r="203297" spans="14:14">
      <c r="N203297" s="10"/>
    </row>
    <row r="203298" spans="14:14">
      <c r="N203298" s="10"/>
    </row>
    <row r="203299" spans="14:14">
      <c r="N203299" s="10"/>
    </row>
    <row r="203300" spans="14:14">
      <c r="N203300" s="10"/>
    </row>
    <row r="203301" spans="14:14">
      <c r="N203301" s="10"/>
    </row>
    <row r="203302" spans="14:14">
      <c r="N203302" s="10"/>
    </row>
    <row r="203303" spans="14:14">
      <c r="N203303" s="10"/>
    </row>
    <row r="203304" spans="14:14">
      <c r="N203304" s="10"/>
    </row>
    <row r="203305" spans="14:14">
      <c r="N203305" s="10"/>
    </row>
    <row r="203306" spans="14:14">
      <c r="N203306" s="10"/>
    </row>
    <row r="203307" spans="14:14">
      <c r="N203307" s="10"/>
    </row>
    <row r="203308" spans="14:14">
      <c r="N203308" s="10"/>
    </row>
    <row r="203309" spans="14:14">
      <c r="N203309" s="10"/>
    </row>
    <row r="203310" spans="14:14">
      <c r="N203310" s="10"/>
    </row>
    <row r="203311" spans="14:14">
      <c r="N203311" s="10"/>
    </row>
    <row r="203312" spans="14:14">
      <c r="N203312" s="10"/>
    </row>
    <row r="203313" spans="14:14">
      <c r="N203313" s="10"/>
    </row>
    <row r="203314" spans="14:14">
      <c r="N203314" s="10"/>
    </row>
    <row r="203315" spans="14:14">
      <c r="N203315" s="10"/>
    </row>
    <row r="203316" spans="14:14">
      <c r="N203316" s="10"/>
    </row>
    <row r="203317" spans="14:14">
      <c r="N203317" s="10"/>
    </row>
    <row r="203318" spans="14:14">
      <c r="N203318" s="10"/>
    </row>
    <row r="203319" spans="14:14">
      <c r="N203319" s="10"/>
    </row>
    <row r="203320" spans="14:14">
      <c r="N203320" s="10"/>
    </row>
    <row r="203321" spans="14:14">
      <c r="N203321" s="10"/>
    </row>
    <row r="203322" spans="14:14">
      <c r="N203322" s="10"/>
    </row>
    <row r="203323" spans="14:14">
      <c r="N203323" s="10"/>
    </row>
    <row r="203324" spans="14:14">
      <c r="N203324" s="10"/>
    </row>
    <row r="203325" spans="14:14">
      <c r="N203325" s="10"/>
    </row>
    <row r="203326" spans="14:14">
      <c r="N203326" s="10"/>
    </row>
    <row r="203327" spans="14:14">
      <c r="N203327" s="10"/>
    </row>
    <row r="203328" spans="14:14">
      <c r="N203328" s="10"/>
    </row>
    <row r="203329" spans="14:14">
      <c r="N203329" s="10"/>
    </row>
    <row r="203330" spans="14:14">
      <c r="N203330" s="10"/>
    </row>
    <row r="203331" spans="14:14">
      <c r="N203331" s="10"/>
    </row>
    <row r="203332" spans="14:14">
      <c r="N203332" s="10"/>
    </row>
    <row r="203333" spans="14:14">
      <c r="N203333" s="10"/>
    </row>
    <row r="203334" spans="14:14">
      <c r="N203334" s="10"/>
    </row>
    <row r="203335" spans="14:14">
      <c r="N203335" s="10"/>
    </row>
    <row r="203336" spans="14:14">
      <c r="N203336" s="10"/>
    </row>
    <row r="203337" spans="14:14">
      <c r="N203337" s="10"/>
    </row>
    <row r="203338" spans="14:14">
      <c r="N203338" s="10"/>
    </row>
    <row r="203339" spans="14:14">
      <c r="N203339" s="10"/>
    </row>
    <row r="203340" spans="14:14">
      <c r="N203340" s="10"/>
    </row>
    <row r="203341" spans="14:14">
      <c r="N203341" s="10"/>
    </row>
    <row r="203342" spans="14:14">
      <c r="N203342" s="10"/>
    </row>
    <row r="203343" spans="14:14">
      <c r="N203343" s="10"/>
    </row>
    <row r="203344" spans="14:14">
      <c r="N203344" s="10"/>
    </row>
    <row r="203345" spans="14:14">
      <c r="N203345" s="10"/>
    </row>
    <row r="203346" spans="14:14">
      <c r="N203346" s="10"/>
    </row>
    <row r="203347" spans="14:14">
      <c r="N203347" s="10"/>
    </row>
    <row r="203348" spans="14:14">
      <c r="N203348" s="10"/>
    </row>
    <row r="203349" spans="14:14">
      <c r="N203349" s="10"/>
    </row>
    <row r="203350" spans="14:14">
      <c r="N203350" s="10"/>
    </row>
    <row r="203351" spans="14:14">
      <c r="N203351" s="10"/>
    </row>
    <row r="203352" spans="14:14">
      <c r="N203352" s="10"/>
    </row>
    <row r="203353" spans="14:14">
      <c r="N203353" s="10"/>
    </row>
    <row r="203354" spans="14:14">
      <c r="N203354" s="10"/>
    </row>
    <row r="203355" spans="14:14">
      <c r="N203355" s="10"/>
    </row>
    <row r="203356" spans="14:14">
      <c r="N203356" s="10"/>
    </row>
    <row r="203357" spans="14:14">
      <c r="N203357" s="10"/>
    </row>
    <row r="203358" spans="14:14">
      <c r="N203358" s="10"/>
    </row>
    <row r="203359" spans="14:14">
      <c r="N203359" s="10"/>
    </row>
    <row r="203360" spans="14:14">
      <c r="N203360" s="10"/>
    </row>
    <row r="203361" spans="14:14">
      <c r="N203361" s="10"/>
    </row>
    <row r="203362" spans="14:14">
      <c r="N203362" s="10"/>
    </row>
    <row r="203363" spans="14:14">
      <c r="N203363" s="10"/>
    </row>
    <row r="203364" spans="14:14">
      <c r="N203364" s="10"/>
    </row>
    <row r="203365" spans="14:14">
      <c r="N203365" s="10"/>
    </row>
    <row r="203366" spans="14:14">
      <c r="N203366" s="10"/>
    </row>
    <row r="203367" spans="14:14">
      <c r="N203367" s="10"/>
    </row>
    <row r="203368" spans="14:14">
      <c r="N203368" s="10"/>
    </row>
    <row r="203369" spans="14:14">
      <c r="N203369" s="10"/>
    </row>
    <row r="203370" spans="14:14">
      <c r="N203370" s="10"/>
    </row>
    <row r="203371" spans="14:14">
      <c r="N203371" s="10"/>
    </row>
    <row r="203372" spans="14:14">
      <c r="N203372" s="10"/>
    </row>
    <row r="203373" spans="14:14">
      <c r="N203373" s="10"/>
    </row>
    <row r="203374" spans="14:14">
      <c r="N203374" s="10"/>
    </row>
    <row r="203375" spans="14:14">
      <c r="N203375" s="10"/>
    </row>
    <row r="203376" spans="14:14">
      <c r="N203376" s="10"/>
    </row>
    <row r="203377" spans="14:14">
      <c r="N203377" s="10"/>
    </row>
    <row r="203378" spans="14:14">
      <c r="N203378" s="10"/>
    </row>
    <row r="203379" spans="14:14">
      <c r="N203379" s="10"/>
    </row>
    <row r="203380" spans="14:14">
      <c r="N203380" s="10"/>
    </row>
    <row r="203381" spans="14:14">
      <c r="N203381" s="10"/>
    </row>
    <row r="203382" spans="14:14">
      <c r="N203382" s="10"/>
    </row>
    <row r="203383" spans="14:14">
      <c r="N203383" s="10"/>
    </row>
    <row r="203384" spans="14:14">
      <c r="N203384" s="10"/>
    </row>
    <row r="203385" spans="14:14">
      <c r="N203385" s="10"/>
    </row>
    <row r="203386" spans="14:14">
      <c r="N203386" s="10"/>
    </row>
    <row r="203387" spans="14:14">
      <c r="N203387" s="10"/>
    </row>
    <row r="203388" spans="14:14">
      <c r="N203388" s="10"/>
    </row>
    <row r="203389" spans="14:14">
      <c r="N203389" s="10"/>
    </row>
    <row r="203390" spans="14:14">
      <c r="N203390" s="10"/>
    </row>
    <row r="203391" spans="14:14">
      <c r="N203391" s="10"/>
    </row>
    <row r="203392" spans="14:14">
      <c r="N203392" s="10"/>
    </row>
    <row r="203393" spans="14:14">
      <c r="N203393" s="10"/>
    </row>
    <row r="203394" spans="14:14">
      <c r="N203394" s="10"/>
    </row>
    <row r="203395" spans="14:14">
      <c r="N203395" s="10"/>
    </row>
    <row r="203396" spans="14:14">
      <c r="N203396" s="10"/>
    </row>
    <row r="203397" spans="14:14">
      <c r="N203397" s="10"/>
    </row>
    <row r="203398" spans="14:14">
      <c r="N203398" s="10"/>
    </row>
    <row r="203399" spans="14:14">
      <c r="N203399" s="10"/>
    </row>
    <row r="203400" spans="14:14">
      <c r="N203400" s="10"/>
    </row>
    <row r="203401" spans="14:14">
      <c r="N203401" s="10"/>
    </row>
    <row r="203402" spans="14:14">
      <c r="N203402" s="10"/>
    </row>
    <row r="203403" spans="14:14">
      <c r="N203403" s="10"/>
    </row>
    <row r="203404" spans="14:14">
      <c r="N203404" s="10"/>
    </row>
    <row r="203405" spans="14:14">
      <c r="N203405" s="10"/>
    </row>
    <row r="203406" spans="14:14">
      <c r="N203406" s="10"/>
    </row>
    <row r="203407" spans="14:14">
      <c r="N203407" s="10"/>
    </row>
    <row r="203408" spans="14:14">
      <c r="N203408" s="10"/>
    </row>
    <row r="203409" spans="14:14">
      <c r="N203409" s="10"/>
    </row>
    <row r="203410" spans="14:14">
      <c r="N203410" s="10"/>
    </row>
    <row r="203411" spans="14:14">
      <c r="N203411" s="10"/>
    </row>
    <row r="203412" spans="14:14">
      <c r="N203412" s="10"/>
    </row>
    <row r="203413" spans="14:14">
      <c r="N203413" s="10"/>
    </row>
    <row r="203414" spans="14:14">
      <c r="N203414" s="10"/>
    </row>
    <row r="203415" spans="14:14">
      <c r="N203415" s="10"/>
    </row>
    <row r="203416" spans="14:14">
      <c r="N203416" s="10"/>
    </row>
    <row r="203417" spans="14:14">
      <c r="N203417" s="10"/>
    </row>
    <row r="203418" spans="14:14">
      <c r="N203418" s="10"/>
    </row>
    <row r="203419" spans="14:14">
      <c r="N203419" s="10"/>
    </row>
    <row r="203420" spans="14:14">
      <c r="N203420" s="10"/>
    </row>
    <row r="203421" spans="14:14">
      <c r="N203421" s="10"/>
    </row>
    <row r="203422" spans="14:14">
      <c r="N203422" s="10"/>
    </row>
    <row r="203423" spans="14:14">
      <c r="N203423" s="10"/>
    </row>
    <row r="203424" spans="14:14">
      <c r="N203424" s="10"/>
    </row>
    <row r="203425" spans="14:14">
      <c r="N203425" s="10"/>
    </row>
    <row r="203426" spans="14:14">
      <c r="N203426" s="10"/>
    </row>
    <row r="203427" spans="14:14">
      <c r="N203427" s="10"/>
    </row>
    <row r="203428" spans="14:14">
      <c r="N203428" s="10"/>
    </row>
    <row r="203429" spans="14:14">
      <c r="N203429" s="10"/>
    </row>
    <row r="203430" spans="14:14">
      <c r="N203430" s="10"/>
    </row>
    <row r="203431" spans="14:14">
      <c r="N203431" s="10"/>
    </row>
    <row r="203432" spans="14:14">
      <c r="N203432" s="10"/>
    </row>
    <row r="203433" spans="14:14">
      <c r="N203433" s="10"/>
    </row>
    <row r="203434" spans="14:14">
      <c r="N203434" s="10"/>
    </row>
    <row r="203435" spans="14:14">
      <c r="N203435" s="10"/>
    </row>
    <row r="203436" spans="14:14">
      <c r="N203436" s="10"/>
    </row>
    <row r="203437" spans="14:14">
      <c r="N203437" s="10"/>
    </row>
    <row r="203438" spans="14:14">
      <c r="N203438" s="10"/>
    </row>
    <row r="203439" spans="14:14">
      <c r="N203439" s="10"/>
    </row>
    <row r="203440" spans="14:14">
      <c r="N203440" s="10"/>
    </row>
    <row r="203441" spans="14:14">
      <c r="N203441" s="10"/>
    </row>
    <row r="203442" spans="14:14">
      <c r="N203442" s="10"/>
    </row>
    <row r="203443" spans="14:14">
      <c r="N203443" s="10"/>
    </row>
    <row r="203444" spans="14:14">
      <c r="N203444" s="10"/>
    </row>
    <row r="203445" spans="14:14">
      <c r="N203445" s="10"/>
    </row>
    <row r="203446" spans="14:14">
      <c r="N203446" s="10"/>
    </row>
    <row r="203447" spans="14:14">
      <c r="N203447" s="10"/>
    </row>
    <row r="203448" spans="14:14">
      <c r="N203448" s="10"/>
    </row>
    <row r="203449" spans="14:14">
      <c r="N203449" s="10"/>
    </row>
    <row r="203450" spans="14:14">
      <c r="N203450" s="10"/>
    </row>
    <row r="203451" spans="14:14">
      <c r="N203451" s="10"/>
    </row>
    <row r="203452" spans="14:14">
      <c r="N203452" s="10"/>
    </row>
    <row r="203453" spans="14:14">
      <c r="N203453" s="10"/>
    </row>
    <row r="203454" spans="14:14">
      <c r="N203454" s="10"/>
    </row>
    <row r="203455" spans="14:14">
      <c r="N203455" s="10"/>
    </row>
    <row r="203456" spans="14:14">
      <c r="N203456" s="10"/>
    </row>
    <row r="203457" spans="14:14">
      <c r="N203457" s="10"/>
    </row>
    <row r="203458" spans="14:14">
      <c r="N203458" s="10"/>
    </row>
    <row r="203459" spans="14:14">
      <c r="N203459" s="10"/>
    </row>
    <row r="203460" spans="14:14">
      <c r="N203460" s="10"/>
    </row>
    <row r="203461" spans="14:14">
      <c r="N203461" s="10"/>
    </row>
    <row r="203462" spans="14:14">
      <c r="N203462" s="10"/>
    </row>
    <row r="203463" spans="14:14">
      <c r="N203463" s="10"/>
    </row>
    <row r="203464" spans="14:14">
      <c r="N203464" s="10"/>
    </row>
    <row r="203465" spans="14:14">
      <c r="N203465" s="10"/>
    </row>
    <row r="203466" spans="14:14">
      <c r="N203466" s="10"/>
    </row>
    <row r="203467" spans="14:14">
      <c r="N203467" s="10"/>
    </row>
    <row r="203468" spans="14:14">
      <c r="N203468" s="10"/>
    </row>
    <row r="203469" spans="14:14">
      <c r="N203469" s="10"/>
    </row>
    <row r="203470" spans="14:14">
      <c r="N203470" s="10"/>
    </row>
    <row r="203471" spans="14:14">
      <c r="N203471" s="10"/>
    </row>
    <row r="203472" spans="14:14">
      <c r="N203472" s="10"/>
    </row>
    <row r="203473" spans="14:14">
      <c r="N203473" s="10"/>
    </row>
    <row r="203474" spans="14:14">
      <c r="N203474" s="10"/>
    </row>
    <row r="203475" spans="14:14">
      <c r="N203475" s="10"/>
    </row>
    <row r="203476" spans="14:14">
      <c r="N203476" s="10"/>
    </row>
    <row r="203477" spans="14:14">
      <c r="N203477" s="10"/>
    </row>
    <row r="203478" spans="14:14">
      <c r="N203478" s="10"/>
    </row>
    <row r="203479" spans="14:14">
      <c r="N203479" s="10"/>
    </row>
    <row r="203480" spans="14:14">
      <c r="N203480" s="10"/>
    </row>
    <row r="203481" spans="14:14">
      <c r="N203481" s="10"/>
    </row>
    <row r="203482" spans="14:14">
      <c r="N203482" s="10"/>
    </row>
    <row r="203483" spans="14:14">
      <c r="N203483" s="10"/>
    </row>
    <row r="203484" spans="14:14">
      <c r="N203484" s="10"/>
    </row>
    <row r="203485" spans="14:14">
      <c r="N203485" s="10"/>
    </row>
    <row r="203486" spans="14:14">
      <c r="N203486" s="10"/>
    </row>
    <row r="203487" spans="14:14">
      <c r="N203487" s="10"/>
    </row>
    <row r="203488" spans="14:14">
      <c r="N203488" s="10"/>
    </row>
    <row r="203489" spans="14:14">
      <c r="N203489" s="10"/>
    </row>
    <row r="203490" spans="14:14">
      <c r="N203490" s="10"/>
    </row>
    <row r="203491" spans="14:14">
      <c r="N203491" s="10"/>
    </row>
    <row r="203492" spans="14:14">
      <c r="N203492" s="10"/>
    </row>
    <row r="203493" spans="14:14">
      <c r="N203493" s="10"/>
    </row>
    <row r="203494" spans="14:14">
      <c r="N203494" s="10"/>
    </row>
    <row r="203495" spans="14:14">
      <c r="N203495" s="10"/>
    </row>
    <row r="203496" spans="14:14">
      <c r="N203496" s="10"/>
    </row>
    <row r="203497" spans="14:14">
      <c r="N203497" s="10"/>
    </row>
    <row r="203498" spans="14:14">
      <c r="N203498" s="10"/>
    </row>
    <row r="203499" spans="14:14">
      <c r="N203499" s="10"/>
    </row>
    <row r="203500" spans="14:14">
      <c r="N203500" s="10"/>
    </row>
    <row r="203501" spans="14:14">
      <c r="N203501" s="10"/>
    </row>
    <row r="203502" spans="14:14">
      <c r="N203502" s="10"/>
    </row>
    <row r="203503" spans="14:14">
      <c r="N203503" s="10"/>
    </row>
    <row r="203504" spans="14:14">
      <c r="N203504" s="10"/>
    </row>
    <row r="203505" spans="14:14">
      <c r="N203505" s="10"/>
    </row>
    <row r="203506" spans="14:14">
      <c r="N203506" s="10"/>
    </row>
    <row r="203507" spans="14:14">
      <c r="N203507" s="10"/>
    </row>
    <row r="203508" spans="14:14">
      <c r="N203508" s="10"/>
    </row>
    <row r="203509" spans="14:14">
      <c r="N203509" s="10"/>
    </row>
    <row r="203510" spans="14:14">
      <c r="N203510" s="10"/>
    </row>
    <row r="203511" spans="14:14">
      <c r="N203511" s="10"/>
    </row>
    <row r="203512" spans="14:14">
      <c r="N203512" s="10"/>
    </row>
    <row r="203513" spans="14:14">
      <c r="N203513" s="10"/>
    </row>
    <row r="203514" spans="14:14">
      <c r="N203514" s="10"/>
    </row>
    <row r="203515" spans="14:14">
      <c r="N203515" s="10"/>
    </row>
    <row r="203516" spans="14:14">
      <c r="N203516" s="10"/>
    </row>
    <row r="203517" spans="14:14">
      <c r="N203517" s="10"/>
    </row>
    <row r="203518" spans="14:14">
      <c r="N203518" s="10"/>
    </row>
    <row r="203519" spans="14:14">
      <c r="N203519" s="10"/>
    </row>
    <row r="203520" spans="14:14">
      <c r="N203520" s="10"/>
    </row>
    <row r="203521" spans="14:14">
      <c r="N203521" s="10"/>
    </row>
    <row r="203522" spans="14:14">
      <c r="N203522" s="10"/>
    </row>
    <row r="203523" spans="14:14">
      <c r="N203523" s="10"/>
    </row>
    <row r="203524" spans="14:14">
      <c r="N203524" s="10"/>
    </row>
    <row r="203525" spans="14:14">
      <c r="N203525" s="10"/>
    </row>
    <row r="203526" spans="14:14">
      <c r="N203526" s="10"/>
    </row>
    <row r="203527" spans="14:14">
      <c r="N203527" s="10"/>
    </row>
    <row r="203528" spans="14:14">
      <c r="N203528" s="10"/>
    </row>
    <row r="203529" spans="14:14">
      <c r="N203529" s="10"/>
    </row>
    <row r="203530" spans="14:14">
      <c r="N203530" s="10"/>
    </row>
    <row r="203531" spans="14:14">
      <c r="N203531" s="10"/>
    </row>
    <row r="203532" spans="14:14">
      <c r="N203532" s="10"/>
    </row>
    <row r="203533" spans="14:14">
      <c r="N203533" s="10"/>
    </row>
    <row r="203534" spans="14:14">
      <c r="N203534" s="10"/>
    </row>
    <row r="203535" spans="14:14">
      <c r="N203535" s="10"/>
    </row>
    <row r="203536" spans="14:14">
      <c r="N203536" s="10"/>
    </row>
    <row r="203537" spans="14:14">
      <c r="N203537" s="10"/>
    </row>
    <row r="203538" spans="14:14">
      <c r="N203538" s="10"/>
    </row>
    <row r="203539" spans="14:14">
      <c r="N203539" s="10"/>
    </row>
    <row r="203540" spans="14:14">
      <c r="N203540" s="10"/>
    </row>
    <row r="203541" spans="14:14">
      <c r="N203541" s="10"/>
    </row>
    <row r="203542" spans="14:14">
      <c r="N203542" s="10"/>
    </row>
    <row r="203543" spans="14:14">
      <c r="N203543" s="10"/>
    </row>
    <row r="203544" spans="14:14">
      <c r="N203544" s="10"/>
    </row>
    <row r="203545" spans="14:14">
      <c r="N203545" s="10"/>
    </row>
    <row r="203546" spans="14:14">
      <c r="N203546" s="10"/>
    </row>
    <row r="203547" spans="14:14">
      <c r="N203547" s="10"/>
    </row>
    <row r="203548" spans="14:14">
      <c r="N203548" s="10"/>
    </row>
    <row r="203549" spans="14:14">
      <c r="N203549" s="10"/>
    </row>
    <row r="203550" spans="14:14">
      <c r="N203550" s="10"/>
    </row>
    <row r="203551" spans="14:14">
      <c r="N203551" s="10"/>
    </row>
    <row r="203552" spans="14:14">
      <c r="N203552" s="10"/>
    </row>
    <row r="203553" spans="14:14">
      <c r="N203553" s="10"/>
    </row>
    <row r="203554" spans="14:14">
      <c r="N203554" s="10"/>
    </row>
    <row r="203555" spans="14:14">
      <c r="N203555" s="10"/>
    </row>
    <row r="203556" spans="14:14">
      <c r="N203556" s="10"/>
    </row>
    <row r="203557" spans="14:14">
      <c r="N203557" s="10"/>
    </row>
    <row r="203558" spans="14:14">
      <c r="N203558" s="10"/>
    </row>
    <row r="203559" spans="14:14">
      <c r="N203559" s="10"/>
    </row>
    <row r="203560" spans="14:14">
      <c r="N203560" s="10"/>
    </row>
    <row r="203561" spans="14:14">
      <c r="N203561" s="10"/>
    </row>
    <row r="203562" spans="14:14">
      <c r="N203562" s="10"/>
    </row>
    <row r="203563" spans="14:14">
      <c r="N203563" s="10"/>
    </row>
    <row r="203564" spans="14:14">
      <c r="N203564" s="10"/>
    </row>
    <row r="203565" spans="14:14">
      <c r="N203565" s="10"/>
    </row>
    <row r="203566" spans="14:14">
      <c r="N203566" s="10"/>
    </row>
    <row r="203567" spans="14:14">
      <c r="N203567" s="10"/>
    </row>
    <row r="203568" spans="14:14">
      <c r="N203568" s="10"/>
    </row>
    <row r="203569" spans="14:14">
      <c r="N203569" s="10"/>
    </row>
    <row r="203570" spans="14:14">
      <c r="N203570" s="10"/>
    </row>
    <row r="203571" spans="14:14">
      <c r="N203571" s="10"/>
    </row>
    <row r="203572" spans="14:14">
      <c r="N203572" s="10"/>
    </row>
    <row r="203573" spans="14:14">
      <c r="N203573" s="10"/>
    </row>
    <row r="203574" spans="14:14">
      <c r="N203574" s="10"/>
    </row>
    <row r="203575" spans="14:14">
      <c r="N203575" s="10"/>
    </row>
    <row r="203576" spans="14:14">
      <c r="N203576" s="10"/>
    </row>
    <row r="203577" spans="14:14">
      <c r="N203577" s="10"/>
    </row>
    <row r="203578" spans="14:14">
      <c r="N203578" s="10"/>
    </row>
    <row r="203579" spans="14:14">
      <c r="N203579" s="10"/>
    </row>
    <row r="203580" spans="14:14">
      <c r="N203580" s="10"/>
    </row>
    <row r="203581" spans="14:14">
      <c r="N203581" s="10"/>
    </row>
    <row r="203582" spans="14:14">
      <c r="N203582" s="10"/>
    </row>
    <row r="203583" spans="14:14">
      <c r="N203583" s="10"/>
    </row>
    <row r="203584" spans="14:14">
      <c r="N203584" s="10"/>
    </row>
    <row r="203585" spans="14:14">
      <c r="N203585" s="10"/>
    </row>
    <row r="203586" spans="14:14">
      <c r="N203586" s="10"/>
    </row>
    <row r="203587" spans="14:14">
      <c r="N203587" s="10"/>
    </row>
    <row r="203588" spans="14:14">
      <c r="N203588" s="10"/>
    </row>
    <row r="203589" spans="14:14">
      <c r="N203589" s="10"/>
    </row>
    <row r="203590" spans="14:14">
      <c r="N203590" s="10"/>
    </row>
    <row r="203591" spans="14:14">
      <c r="N203591" s="10"/>
    </row>
    <row r="203592" spans="14:14">
      <c r="N203592" s="10"/>
    </row>
    <row r="203593" spans="14:14">
      <c r="N203593" s="10"/>
    </row>
    <row r="203594" spans="14:14">
      <c r="N203594" s="10"/>
    </row>
    <row r="203595" spans="14:14">
      <c r="N203595" s="10"/>
    </row>
    <row r="203596" spans="14:14">
      <c r="N203596" s="10"/>
    </row>
    <row r="203597" spans="14:14">
      <c r="N203597" s="10"/>
    </row>
    <row r="203598" spans="14:14">
      <c r="N203598" s="10"/>
    </row>
    <row r="203599" spans="14:14">
      <c r="N203599" s="10"/>
    </row>
    <row r="203600" spans="14:14">
      <c r="N203600" s="10"/>
    </row>
    <row r="203601" spans="14:14">
      <c r="N203601" s="10"/>
    </row>
    <row r="203602" spans="14:14">
      <c r="N203602" s="10"/>
    </row>
    <row r="203603" spans="14:14">
      <c r="N203603" s="10"/>
    </row>
    <row r="203604" spans="14:14">
      <c r="N203604" s="10"/>
    </row>
    <row r="203605" spans="14:14">
      <c r="N203605" s="10"/>
    </row>
    <row r="203606" spans="14:14">
      <c r="N203606" s="10"/>
    </row>
    <row r="203607" spans="14:14">
      <c r="N203607" s="10"/>
    </row>
    <row r="203608" spans="14:14">
      <c r="N203608" s="10"/>
    </row>
    <row r="203609" spans="14:14">
      <c r="N203609" s="10"/>
    </row>
    <row r="203610" spans="14:14">
      <c r="N203610" s="10"/>
    </row>
    <row r="203611" spans="14:14">
      <c r="N203611" s="10"/>
    </row>
    <row r="203612" spans="14:14">
      <c r="N203612" s="10"/>
    </row>
    <row r="203613" spans="14:14">
      <c r="N203613" s="10"/>
    </row>
    <row r="203614" spans="14:14">
      <c r="N203614" s="10"/>
    </row>
    <row r="203615" spans="14:14">
      <c r="N203615" s="10"/>
    </row>
    <row r="203616" spans="14:14">
      <c r="N203616" s="10"/>
    </row>
    <row r="203617" spans="14:14">
      <c r="N203617" s="10"/>
    </row>
    <row r="203618" spans="14:14">
      <c r="N203618" s="10"/>
    </row>
    <row r="203619" spans="14:14">
      <c r="N203619" s="10"/>
    </row>
    <row r="203620" spans="14:14">
      <c r="N203620" s="10"/>
    </row>
    <row r="203621" spans="14:14">
      <c r="N203621" s="10"/>
    </row>
    <row r="203622" spans="14:14">
      <c r="N203622" s="10"/>
    </row>
    <row r="203623" spans="14:14">
      <c r="N203623" s="10"/>
    </row>
    <row r="203624" spans="14:14">
      <c r="N203624" s="10"/>
    </row>
    <row r="203625" spans="14:14">
      <c r="N203625" s="10"/>
    </row>
    <row r="203626" spans="14:14">
      <c r="N203626" s="10"/>
    </row>
    <row r="203627" spans="14:14">
      <c r="N203627" s="10"/>
    </row>
    <row r="203628" spans="14:14">
      <c r="N203628" s="10"/>
    </row>
    <row r="203629" spans="14:14">
      <c r="N203629" s="10"/>
    </row>
    <row r="203630" spans="14:14">
      <c r="N203630" s="10"/>
    </row>
    <row r="203631" spans="14:14">
      <c r="N203631" s="10"/>
    </row>
    <row r="203632" spans="14:14">
      <c r="N203632" s="10"/>
    </row>
    <row r="203633" spans="14:14">
      <c r="N203633" s="10"/>
    </row>
    <row r="203634" spans="14:14">
      <c r="N203634" s="10"/>
    </row>
    <row r="203635" spans="14:14">
      <c r="N203635" s="10"/>
    </row>
    <row r="203636" spans="14:14">
      <c r="N203636" s="10"/>
    </row>
    <row r="203637" spans="14:14">
      <c r="N203637" s="10"/>
    </row>
    <row r="203638" spans="14:14">
      <c r="N203638" s="10"/>
    </row>
    <row r="203639" spans="14:14">
      <c r="N203639" s="10"/>
    </row>
    <row r="203640" spans="14:14">
      <c r="N203640" s="10"/>
    </row>
    <row r="203641" spans="14:14">
      <c r="N203641" s="10"/>
    </row>
    <row r="203642" spans="14:14">
      <c r="N203642" s="10"/>
    </row>
    <row r="203643" spans="14:14">
      <c r="N203643" s="10"/>
    </row>
    <row r="203644" spans="14:14">
      <c r="N203644" s="10"/>
    </row>
    <row r="203645" spans="14:14">
      <c r="N203645" s="10"/>
    </row>
    <row r="203646" spans="14:14">
      <c r="N203646" s="10"/>
    </row>
    <row r="203647" spans="14:14">
      <c r="N203647" s="10"/>
    </row>
    <row r="203648" spans="14:14">
      <c r="N203648" s="10"/>
    </row>
    <row r="203649" spans="14:14">
      <c r="N203649" s="10"/>
    </row>
    <row r="203650" spans="14:14">
      <c r="N203650" s="10"/>
    </row>
    <row r="203651" spans="14:14">
      <c r="N203651" s="10"/>
    </row>
    <row r="203652" spans="14:14">
      <c r="N203652" s="10"/>
    </row>
    <row r="203653" spans="14:14">
      <c r="N203653" s="10"/>
    </row>
    <row r="203654" spans="14:14">
      <c r="N203654" s="10"/>
    </row>
    <row r="203655" spans="14:14">
      <c r="N203655" s="10"/>
    </row>
    <row r="203656" spans="14:14">
      <c r="N203656" s="10"/>
    </row>
    <row r="203657" spans="14:14">
      <c r="N203657" s="10"/>
    </row>
    <row r="203658" spans="14:14">
      <c r="N203658" s="10"/>
    </row>
    <row r="203659" spans="14:14">
      <c r="N203659" s="10"/>
    </row>
    <row r="203660" spans="14:14">
      <c r="N203660" s="10"/>
    </row>
    <row r="203661" spans="14:14">
      <c r="N203661" s="10"/>
    </row>
    <row r="203662" spans="14:14">
      <c r="N203662" s="10"/>
    </row>
    <row r="203663" spans="14:14">
      <c r="N203663" s="10"/>
    </row>
    <row r="203664" spans="14:14">
      <c r="N203664" s="10"/>
    </row>
    <row r="203665" spans="14:14">
      <c r="N203665" s="10"/>
    </row>
    <row r="203666" spans="14:14">
      <c r="N203666" s="10"/>
    </row>
    <row r="203667" spans="14:14">
      <c r="N203667" s="10"/>
    </row>
    <row r="203668" spans="14:14">
      <c r="N203668" s="10"/>
    </row>
    <row r="203669" spans="14:14">
      <c r="N203669" s="10"/>
    </row>
    <row r="203670" spans="14:14">
      <c r="N203670" s="10"/>
    </row>
    <row r="203671" spans="14:14">
      <c r="N203671" s="10"/>
    </row>
    <row r="203672" spans="14:14">
      <c r="N203672" s="10"/>
    </row>
    <row r="203673" spans="14:14">
      <c r="N203673" s="10"/>
    </row>
    <row r="203674" spans="14:14">
      <c r="N203674" s="10"/>
    </row>
    <row r="203675" spans="14:14">
      <c r="N203675" s="10"/>
    </row>
    <row r="203676" spans="14:14">
      <c r="N203676" s="10"/>
    </row>
    <row r="203677" spans="14:14">
      <c r="N203677" s="10"/>
    </row>
    <row r="203678" spans="14:14">
      <c r="N203678" s="10"/>
    </row>
    <row r="203679" spans="14:14">
      <c r="N203679" s="10"/>
    </row>
    <row r="203680" spans="14:14">
      <c r="N203680" s="10"/>
    </row>
    <row r="203681" spans="14:14">
      <c r="N203681" s="10"/>
    </row>
    <row r="203682" spans="14:14">
      <c r="N203682" s="10"/>
    </row>
    <row r="203683" spans="14:14">
      <c r="N203683" s="10"/>
    </row>
    <row r="203684" spans="14:14">
      <c r="N203684" s="10"/>
    </row>
    <row r="203685" spans="14:14">
      <c r="N203685" s="10"/>
    </row>
    <row r="203686" spans="14:14">
      <c r="N203686" s="10"/>
    </row>
    <row r="203687" spans="14:14">
      <c r="N203687" s="10"/>
    </row>
    <row r="203688" spans="14:14">
      <c r="N203688" s="10"/>
    </row>
    <row r="203689" spans="14:14">
      <c r="N203689" s="10"/>
    </row>
    <row r="203690" spans="14:14">
      <c r="N203690" s="10"/>
    </row>
    <row r="203691" spans="14:14">
      <c r="N203691" s="10"/>
    </row>
    <row r="203692" spans="14:14">
      <c r="N203692" s="10"/>
    </row>
    <row r="203693" spans="14:14">
      <c r="N203693" s="10"/>
    </row>
    <row r="203694" spans="14:14">
      <c r="N203694" s="10"/>
    </row>
    <row r="203695" spans="14:14">
      <c r="N203695" s="10"/>
    </row>
    <row r="203696" spans="14:14">
      <c r="N203696" s="10"/>
    </row>
    <row r="203697" spans="14:14">
      <c r="N203697" s="10"/>
    </row>
    <row r="203698" spans="14:14">
      <c r="N203698" s="10"/>
    </row>
    <row r="203699" spans="14:14">
      <c r="N203699" s="10"/>
    </row>
    <row r="203700" spans="14:14">
      <c r="N203700" s="10"/>
    </row>
    <row r="203701" spans="14:14">
      <c r="N203701" s="10"/>
    </row>
    <row r="203702" spans="14:14">
      <c r="N203702" s="10"/>
    </row>
    <row r="203703" spans="14:14">
      <c r="N203703" s="10"/>
    </row>
    <row r="203704" spans="14:14">
      <c r="N203704" s="10"/>
    </row>
    <row r="203705" spans="14:14">
      <c r="N203705" s="10"/>
    </row>
    <row r="203706" spans="14:14">
      <c r="N203706" s="10"/>
    </row>
    <row r="203707" spans="14:14">
      <c r="N203707" s="10"/>
    </row>
    <row r="203708" spans="14:14">
      <c r="N203708" s="10"/>
    </row>
    <row r="203709" spans="14:14">
      <c r="N203709" s="10"/>
    </row>
    <row r="203710" spans="14:14">
      <c r="N203710" s="10"/>
    </row>
    <row r="203711" spans="14:14">
      <c r="N203711" s="10"/>
    </row>
    <row r="203712" spans="14:14">
      <c r="N203712" s="10"/>
    </row>
    <row r="203713" spans="14:14">
      <c r="N203713" s="10"/>
    </row>
    <row r="203714" spans="14:14">
      <c r="N203714" s="10"/>
    </row>
    <row r="203715" spans="14:14">
      <c r="N203715" s="10"/>
    </row>
    <row r="203716" spans="14:14">
      <c r="N203716" s="10"/>
    </row>
    <row r="203717" spans="14:14">
      <c r="N203717" s="10"/>
    </row>
    <row r="203718" spans="14:14">
      <c r="N203718" s="10"/>
    </row>
    <row r="203719" spans="14:14">
      <c r="N203719" s="10"/>
    </row>
    <row r="203720" spans="14:14">
      <c r="N203720" s="10"/>
    </row>
    <row r="203721" spans="14:14">
      <c r="N203721" s="10"/>
    </row>
    <row r="203722" spans="14:14">
      <c r="N203722" s="10"/>
    </row>
    <row r="203723" spans="14:14">
      <c r="N203723" s="10"/>
    </row>
    <row r="203724" spans="14:14">
      <c r="N203724" s="10"/>
    </row>
    <row r="203725" spans="14:14">
      <c r="N203725" s="10"/>
    </row>
    <row r="203726" spans="14:14">
      <c r="N203726" s="10"/>
    </row>
    <row r="203727" spans="14:14">
      <c r="N203727" s="10"/>
    </row>
    <row r="203728" spans="14:14">
      <c r="N203728" s="10"/>
    </row>
    <row r="203729" spans="14:14">
      <c r="N203729" s="10"/>
    </row>
    <row r="203730" spans="14:14">
      <c r="N203730" s="10"/>
    </row>
    <row r="203731" spans="14:14">
      <c r="N203731" s="10"/>
    </row>
    <row r="203732" spans="14:14">
      <c r="N203732" s="10"/>
    </row>
    <row r="203733" spans="14:14">
      <c r="N203733" s="10"/>
    </row>
    <row r="203734" spans="14:14">
      <c r="N203734" s="10"/>
    </row>
    <row r="203735" spans="14:14">
      <c r="N203735" s="10"/>
    </row>
    <row r="203736" spans="14:14">
      <c r="N203736" s="10"/>
    </row>
    <row r="203737" spans="14:14">
      <c r="N203737" s="10"/>
    </row>
    <row r="203738" spans="14:14">
      <c r="N203738" s="10"/>
    </row>
    <row r="203739" spans="14:14">
      <c r="N203739" s="10"/>
    </row>
    <row r="203740" spans="14:14">
      <c r="N203740" s="10"/>
    </row>
    <row r="203741" spans="14:14">
      <c r="N203741" s="10"/>
    </row>
    <row r="203742" spans="14:14">
      <c r="N203742" s="10"/>
    </row>
    <row r="203743" spans="14:14">
      <c r="N203743" s="10"/>
    </row>
    <row r="203744" spans="14:14">
      <c r="N203744" s="10"/>
    </row>
    <row r="203745" spans="14:14">
      <c r="N203745" s="10"/>
    </row>
    <row r="203746" spans="14:14">
      <c r="N203746" s="10"/>
    </row>
    <row r="203747" spans="14:14">
      <c r="N203747" s="10"/>
    </row>
    <row r="203748" spans="14:14">
      <c r="N203748" s="10"/>
    </row>
    <row r="203749" spans="14:14">
      <c r="N203749" s="10"/>
    </row>
    <row r="203750" spans="14:14">
      <c r="N203750" s="10"/>
    </row>
    <row r="203751" spans="14:14">
      <c r="N203751" s="10"/>
    </row>
    <row r="203752" spans="14:14">
      <c r="N203752" s="10"/>
    </row>
    <row r="203753" spans="14:14">
      <c r="N203753" s="10"/>
    </row>
    <row r="203754" spans="14:14">
      <c r="N203754" s="10"/>
    </row>
    <row r="203755" spans="14:14">
      <c r="N203755" s="10"/>
    </row>
    <row r="203756" spans="14:14">
      <c r="N203756" s="10"/>
    </row>
    <row r="203757" spans="14:14">
      <c r="N203757" s="10"/>
    </row>
    <row r="203758" spans="14:14">
      <c r="N203758" s="10"/>
    </row>
    <row r="203759" spans="14:14">
      <c r="N203759" s="10"/>
    </row>
    <row r="203760" spans="14:14">
      <c r="N203760" s="10"/>
    </row>
    <row r="203761" spans="14:14">
      <c r="N203761" s="10"/>
    </row>
    <row r="203762" spans="14:14">
      <c r="N203762" s="10"/>
    </row>
    <row r="203763" spans="14:14">
      <c r="N203763" s="10"/>
    </row>
    <row r="203764" spans="14:14">
      <c r="N203764" s="10"/>
    </row>
    <row r="203765" spans="14:14">
      <c r="N203765" s="10"/>
    </row>
    <row r="203766" spans="14:14">
      <c r="N203766" s="10"/>
    </row>
    <row r="203767" spans="14:14">
      <c r="N203767" s="10"/>
    </row>
    <row r="203768" spans="14:14">
      <c r="N203768" s="10"/>
    </row>
    <row r="203769" spans="14:14">
      <c r="N203769" s="10"/>
    </row>
    <row r="203770" spans="14:14">
      <c r="N203770" s="10"/>
    </row>
    <row r="203771" spans="14:14">
      <c r="N203771" s="10"/>
    </row>
    <row r="203772" spans="14:14">
      <c r="N203772" s="10"/>
    </row>
    <row r="203773" spans="14:14">
      <c r="N203773" s="10"/>
    </row>
    <row r="203774" spans="14:14">
      <c r="N203774" s="10"/>
    </row>
    <row r="203775" spans="14:14">
      <c r="N203775" s="10"/>
    </row>
    <row r="203776" spans="14:14">
      <c r="N203776" s="10"/>
    </row>
    <row r="203777" spans="14:14">
      <c r="N203777" s="10"/>
    </row>
    <row r="203778" spans="14:14">
      <c r="N203778" s="10"/>
    </row>
    <row r="203779" spans="14:14">
      <c r="N203779" s="10"/>
    </row>
    <row r="203780" spans="14:14">
      <c r="N203780" s="10"/>
    </row>
    <row r="203781" spans="14:14">
      <c r="N203781" s="10"/>
    </row>
    <row r="203782" spans="14:14">
      <c r="N203782" s="10"/>
    </row>
    <row r="203783" spans="14:14">
      <c r="N203783" s="10"/>
    </row>
    <row r="203784" spans="14:14">
      <c r="N203784" s="10"/>
    </row>
    <row r="203785" spans="14:14">
      <c r="N203785" s="10"/>
    </row>
    <row r="203786" spans="14:14">
      <c r="N203786" s="10"/>
    </row>
    <row r="203787" spans="14:14">
      <c r="N203787" s="10"/>
    </row>
    <row r="203788" spans="14:14">
      <c r="N203788" s="10"/>
    </row>
    <row r="203789" spans="14:14">
      <c r="N203789" s="10"/>
    </row>
    <row r="203790" spans="14:14">
      <c r="N203790" s="10"/>
    </row>
    <row r="203791" spans="14:14">
      <c r="N203791" s="10"/>
    </row>
    <row r="203792" spans="14:14">
      <c r="N203792" s="10"/>
    </row>
    <row r="203793" spans="14:14">
      <c r="N203793" s="10"/>
    </row>
    <row r="203794" spans="14:14">
      <c r="N203794" s="10"/>
    </row>
    <row r="203795" spans="14:14">
      <c r="N203795" s="10"/>
    </row>
    <row r="203796" spans="14:14">
      <c r="N203796" s="10"/>
    </row>
    <row r="203797" spans="14:14">
      <c r="N203797" s="10"/>
    </row>
    <row r="203798" spans="14:14">
      <c r="N203798" s="10"/>
    </row>
    <row r="203799" spans="14:14">
      <c r="N203799" s="10"/>
    </row>
    <row r="203800" spans="14:14">
      <c r="N203800" s="10"/>
    </row>
    <row r="203801" spans="14:14">
      <c r="N203801" s="10"/>
    </row>
    <row r="203802" spans="14:14">
      <c r="N203802" s="10"/>
    </row>
    <row r="203803" spans="14:14">
      <c r="N203803" s="10"/>
    </row>
    <row r="203804" spans="14:14">
      <c r="N203804" s="10"/>
    </row>
    <row r="203805" spans="14:14">
      <c r="N203805" s="10"/>
    </row>
    <row r="203806" spans="14:14">
      <c r="N203806" s="10"/>
    </row>
    <row r="203807" spans="14:14">
      <c r="N203807" s="10"/>
    </row>
    <row r="203808" spans="14:14">
      <c r="N203808" s="10"/>
    </row>
    <row r="203809" spans="14:14">
      <c r="N203809" s="10"/>
    </row>
    <row r="203810" spans="14:14">
      <c r="N203810" s="10"/>
    </row>
    <row r="203811" spans="14:14">
      <c r="N203811" s="10"/>
    </row>
    <row r="203812" spans="14:14">
      <c r="N203812" s="10"/>
    </row>
    <row r="203813" spans="14:14">
      <c r="N203813" s="10"/>
    </row>
    <row r="203814" spans="14:14">
      <c r="N203814" s="10"/>
    </row>
    <row r="203815" spans="14:14">
      <c r="N203815" s="10"/>
    </row>
    <row r="203816" spans="14:14">
      <c r="N203816" s="10"/>
    </row>
    <row r="203817" spans="14:14">
      <c r="N203817" s="10"/>
    </row>
    <row r="203818" spans="14:14">
      <c r="N203818" s="10"/>
    </row>
    <row r="203819" spans="14:14">
      <c r="N203819" s="10"/>
    </row>
    <row r="203820" spans="14:14">
      <c r="N203820" s="10"/>
    </row>
    <row r="203821" spans="14:14">
      <c r="N203821" s="10"/>
    </row>
    <row r="203822" spans="14:14">
      <c r="N203822" s="10"/>
    </row>
    <row r="203823" spans="14:14">
      <c r="N203823" s="10"/>
    </row>
    <row r="203824" spans="14:14">
      <c r="N203824" s="10"/>
    </row>
    <row r="203825" spans="14:14">
      <c r="N203825" s="10"/>
    </row>
    <row r="203826" spans="14:14">
      <c r="N203826" s="10"/>
    </row>
    <row r="203827" spans="14:14">
      <c r="N203827" s="10"/>
    </row>
    <row r="203828" spans="14:14">
      <c r="N203828" s="10"/>
    </row>
    <row r="203829" spans="14:14">
      <c r="N203829" s="10"/>
    </row>
    <row r="203830" spans="14:14">
      <c r="N203830" s="10"/>
    </row>
    <row r="203831" spans="14:14">
      <c r="N203831" s="10"/>
    </row>
    <row r="203832" spans="14:14">
      <c r="N203832" s="10"/>
    </row>
    <row r="203833" spans="14:14">
      <c r="N203833" s="10"/>
    </row>
    <row r="203834" spans="14:14">
      <c r="N203834" s="10"/>
    </row>
    <row r="203835" spans="14:14">
      <c r="N203835" s="10"/>
    </row>
    <row r="203836" spans="14:14">
      <c r="N203836" s="10"/>
    </row>
    <row r="203837" spans="14:14">
      <c r="N203837" s="10"/>
    </row>
    <row r="203838" spans="14:14">
      <c r="N203838" s="10"/>
    </row>
    <row r="203839" spans="14:14">
      <c r="N203839" s="10"/>
    </row>
    <row r="203840" spans="14:14">
      <c r="N203840" s="10"/>
    </row>
    <row r="203841" spans="14:14">
      <c r="N203841" s="10"/>
    </row>
    <row r="203842" spans="14:14">
      <c r="N203842" s="10"/>
    </row>
    <row r="203843" spans="14:14">
      <c r="N203843" s="10"/>
    </row>
    <row r="203844" spans="14:14">
      <c r="N203844" s="10"/>
    </row>
    <row r="203845" spans="14:14">
      <c r="N203845" s="10"/>
    </row>
    <row r="203846" spans="14:14">
      <c r="N203846" s="10"/>
    </row>
    <row r="203847" spans="14:14">
      <c r="N203847" s="10"/>
    </row>
    <row r="203848" spans="14:14">
      <c r="N203848" s="10"/>
    </row>
    <row r="203849" spans="14:14">
      <c r="N203849" s="10"/>
    </row>
    <row r="203850" spans="14:14">
      <c r="N203850" s="10"/>
    </row>
    <row r="203851" spans="14:14">
      <c r="N203851" s="10"/>
    </row>
    <row r="203852" spans="14:14">
      <c r="N203852" s="10"/>
    </row>
    <row r="203853" spans="14:14">
      <c r="N203853" s="10"/>
    </row>
    <row r="203854" spans="14:14">
      <c r="N203854" s="10"/>
    </row>
    <row r="203855" spans="14:14">
      <c r="N203855" s="10"/>
    </row>
    <row r="203856" spans="14:14">
      <c r="N203856" s="10"/>
    </row>
    <row r="203857" spans="14:14">
      <c r="N203857" s="10"/>
    </row>
    <row r="203858" spans="14:14">
      <c r="N203858" s="10"/>
    </row>
    <row r="203859" spans="14:14">
      <c r="N203859" s="10"/>
    </row>
    <row r="203860" spans="14:14">
      <c r="N203860" s="10"/>
    </row>
    <row r="203861" spans="14:14">
      <c r="N203861" s="10"/>
    </row>
    <row r="203862" spans="14:14">
      <c r="N203862" s="10"/>
    </row>
    <row r="203863" spans="14:14">
      <c r="N203863" s="10"/>
    </row>
    <row r="203864" spans="14:14">
      <c r="N203864" s="10"/>
    </row>
    <row r="203865" spans="14:14">
      <c r="N203865" s="10"/>
    </row>
    <row r="203866" spans="14:14">
      <c r="N203866" s="10"/>
    </row>
    <row r="203867" spans="14:14">
      <c r="N203867" s="10"/>
    </row>
    <row r="203868" spans="14:14">
      <c r="N203868" s="10"/>
    </row>
    <row r="203869" spans="14:14">
      <c r="N203869" s="10"/>
    </row>
    <row r="203870" spans="14:14">
      <c r="N203870" s="10"/>
    </row>
    <row r="203871" spans="14:14">
      <c r="N203871" s="10"/>
    </row>
    <row r="203872" spans="14:14">
      <c r="N203872" s="10"/>
    </row>
    <row r="203873" spans="14:14">
      <c r="N203873" s="10"/>
    </row>
    <row r="203874" spans="14:14">
      <c r="N203874" s="10"/>
    </row>
    <row r="203875" spans="14:14">
      <c r="N203875" s="10"/>
    </row>
    <row r="203876" spans="14:14">
      <c r="N203876" s="10"/>
    </row>
    <row r="203877" spans="14:14">
      <c r="N203877" s="10"/>
    </row>
    <row r="203878" spans="14:14">
      <c r="N203878" s="10"/>
    </row>
    <row r="203879" spans="14:14">
      <c r="N203879" s="10"/>
    </row>
    <row r="203880" spans="14:14">
      <c r="N203880" s="10"/>
    </row>
    <row r="203881" spans="14:14">
      <c r="N203881" s="10"/>
    </row>
    <row r="203882" spans="14:14">
      <c r="N203882" s="10"/>
    </row>
    <row r="203883" spans="14:14">
      <c r="N203883" s="10"/>
    </row>
    <row r="203884" spans="14:14">
      <c r="N203884" s="10"/>
    </row>
    <row r="203885" spans="14:14">
      <c r="N203885" s="10"/>
    </row>
    <row r="203886" spans="14:14">
      <c r="N203886" s="10"/>
    </row>
    <row r="203887" spans="14:14">
      <c r="N203887" s="10"/>
    </row>
    <row r="203888" spans="14:14">
      <c r="N203888" s="10"/>
    </row>
    <row r="203889" spans="14:14">
      <c r="N203889" s="10"/>
    </row>
    <row r="203890" spans="14:14">
      <c r="N203890" s="10"/>
    </row>
    <row r="203891" spans="14:14">
      <c r="N203891" s="10"/>
    </row>
    <row r="203892" spans="14:14">
      <c r="N203892" s="10"/>
    </row>
    <row r="203893" spans="14:14">
      <c r="N203893" s="10"/>
    </row>
    <row r="203894" spans="14:14">
      <c r="N203894" s="10"/>
    </row>
    <row r="203895" spans="14:14">
      <c r="N203895" s="10"/>
    </row>
    <row r="203896" spans="14:14">
      <c r="N203896" s="10"/>
    </row>
    <row r="203897" spans="14:14">
      <c r="N203897" s="10"/>
    </row>
    <row r="203898" spans="14:14">
      <c r="N203898" s="10"/>
    </row>
    <row r="203899" spans="14:14">
      <c r="N203899" s="10"/>
    </row>
    <row r="203900" spans="14:14">
      <c r="N203900" s="10"/>
    </row>
    <row r="203901" spans="14:14">
      <c r="N203901" s="10"/>
    </row>
    <row r="203902" spans="14:14">
      <c r="N203902" s="10"/>
    </row>
    <row r="203903" spans="14:14">
      <c r="N203903" s="10"/>
    </row>
    <row r="203904" spans="14:14">
      <c r="N203904" s="10"/>
    </row>
    <row r="203905" spans="14:14">
      <c r="N203905" s="10"/>
    </row>
    <row r="203906" spans="14:14">
      <c r="N203906" s="10"/>
    </row>
    <row r="203907" spans="14:14">
      <c r="N203907" s="10"/>
    </row>
    <row r="203908" spans="14:14">
      <c r="N203908" s="10"/>
    </row>
    <row r="203909" spans="14:14">
      <c r="N203909" s="10"/>
    </row>
    <row r="203910" spans="14:14">
      <c r="N203910" s="10"/>
    </row>
    <row r="203911" spans="14:14">
      <c r="N203911" s="10"/>
    </row>
    <row r="203912" spans="14:14">
      <c r="N203912" s="10"/>
    </row>
    <row r="203913" spans="14:14">
      <c r="N203913" s="10"/>
    </row>
    <row r="203914" spans="14:14">
      <c r="N203914" s="10"/>
    </row>
    <row r="203915" spans="14:14">
      <c r="N203915" s="10"/>
    </row>
    <row r="203916" spans="14:14">
      <c r="N203916" s="10"/>
    </row>
    <row r="203917" spans="14:14">
      <c r="N203917" s="10"/>
    </row>
    <row r="203918" spans="14:14">
      <c r="N203918" s="10"/>
    </row>
    <row r="203919" spans="14:14">
      <c r="N203919" s="10"/>
    </row>
    <row r="203920" spans="14:14">
      <c r="N203920" s="10"/>
    </row>
    <row r="203921" spans="14:14">
      <c r="N203921" s="10"/>
    </row>
    <row r="203922" spans="14:14">
      <c r="N203922" s="10"/>
    </row>
    <row r="203923" spans="14:14">
      <c r="N203923" s="10"/>
    </row>
    <row r="203924" spans="14:14">
      <c r="N203924" s="10"/>
    </row>
    <row r="203925" spans="14:14">
      <c r="N203925" s="10"/>
    </row>
    <row r="203926" spans="14:14">
      <c r="N203926" s="10"/>
    </row>
    <row r="203927" spans="14:14">
      <c r="N203927" s="10"/>
    </row>
    <row r="203928" spans="14:14">
      <c r="N203928" s="10"/>
    </row>
    <row r="203929" spans="14:14">
      <c r="N203929" s="10"/>
    </row>
    <row r="203930" spans="14:14">
      <c r="N203930" s="10"/>
    </row>
    <row r="203931" spans="14:14">
      <c r="N203931" s="10"/>
    </row>
    <row r="203932" spans="14:14">
      <c r="N203932" s="10"/>
    </row>
    <row r="203933" spans="14:14">
      <c r="N203933" s="10"/>
    </row>
    <row r="203934" spans="14:14">
      <c r="N203934" s="10"/>
    </row>
    <row r="203935" spans="14:14">
      <c r="N203935" s="10"/>
    </row>
    <row r="203936" spans="14:14">
      <c r="N203936" s="10"/>
    </row>
    <row r="203937" spans="14:14">
      <c r="N203937" s="10"/>
    </row>
    <row r="203938" spans="14:14">
      <c r="N203938" s="10"/>
    </row>
    <row r="203939" spans="14:14">
      <c r="N203939" s="10"/>
    </row>
    <row r="203940" spans="14:14">
      <c r="N203940" s="10"/>
    </row>
    <row r="203941" spans="14:14">
      <c r="N203941" s="10"/>
    </row>
    <row r="203942" spans="14:14">
      <c r="N203942" s="10"/>
    </row>
    <row r="203943" spans="14:14">
      <c r="N203943" s="10"/>
    </row>
    <row r="203944" spans="14:14">
      <c r="N203944" s="10"/>
    </row>
    <row r="203945" spans="14:14">
      <c r="N203945" s="10"/>
    </row>
    <row r="203946" spans="14:14">
      <c r="N203946" s="10"/>
    </row>
    <row r="203947" spans="14:14">
      <c r="N203947" s="10"/>
    </row>
    <row r="203948" spans="14:14">
      <c r="N203948" s="10"/>
    </row>
    <row r="203949" spans="14:14">
      <c r="N203949" s="10"/>
    </row>
    <row r="203950" spans="14:14">
      <c r="N203950" s="10"/>
    </row>
    <row r="203951" spans="14:14">
      <c r="N203951" s="10"/>
    </row>
    <row r="203952" spans="14:14">
      <c r="N203952" s="10"/>
    </row>
    <row r="203953" spans="14:14">
      <c r="N203953" s="10"/>
    </row>
    <row r="203954" spans="14:14">
      <c r="N203954" s="10"/>
    </row>
    <row r="203955" spans="14:14">
      <c r="N203955" s="10"/>
    </row>
    <row r="203956" spans="14:14">
      <c r="N203956" s="10"/>
    </row>
    <row r="203957" spans="14:14">
      <c r="N203957" s="10"/>
    </row>
    <row r="203958" spans="14:14">
      <c r="N203958" s="10"/>
    </row>
    <row r="203959" spans="14:14">
      <c r="N203959" s="10"/>
    </row>
    <row r="203960" spans="14:14">
      <c r="N203960" s="10"/>
    </row>
    <row r="203961" spans="14:14">
      <c r="N203961" s="10"/>
    </row>
    <row r="203962" spans="14:14">
      <c r="N203962" s="10"/>
    </row>
    <row r="203963" spans="14:14">
      <c r="N203963" s="10"/>
    </row>
    <row r="203964" spans="14:14">
      <c r="N203964" s="10"/>
    </row>
    <row r="203965" spans="14:14">
      <c r="N203965" s="10"/>
    </row>
    <row r="203966" spans="14:14">
      <c r="N203966" s="10"/>
    </row>
    <row r="203967" spans="14:14">
      <c r="N203967" s="10"/>
    </row>
    <row r="203968" spans="14:14">
      <c r="N203968" s="10"/>
    </row>
    <row r="203969" spans="14:14">
      <c r="N203969" s="10"/>
    </row>
    <row r="203970" spans="14:14">
      <c r="N203970" s="10"/>
    </row>
    <row r="203971" spans="14:14">
      <c r="N203971" s="10"/>
    </row>
    <row r="203972" spans="14:14">
      <c r="N203972" s="10"/>
    </row>
    <row r="203973" spans="14:14">
      <c r="N203973" s="10"/>
    </row>
    <row r="203974" spans="14:14">
      <c r="N203974" s="10"/>
    </row>
    <row r="203975" spans="14:14">
      <c r="N203975" s="10"/>
    </row>
    <row r="203976" spans="14:14">
      <c r="N203976" s="10"/>
    </row>
    <row r="203977" spans="14:14">
      <c r="N203977" s="10"/>
    </row>
    <row r="203978" spans="14:14">
      <c r="N203978" s="10"/>
    </row>
    <row r="203979" spans="14:14">
      <c r="N203979" s="10"/>
    </row>
    <row r="203980" spans="14:14">
      <c r="N203980" s="10"/>
    </row>
    <row r="203981" spans="14:14">
      <c r="N203981" s="10"/>
    </row>
    <row r="203982" spans="14:14">
      <c r="N203982" s="10"/>
    </row>
    <row r="203983" spans="14:14">
      <c r="N203983" s="10"/>
    </row>
    <row r="203984" spans="14:14">
      <c r="N203984" s="10"/>
    </row>
    <row r="203985" spans="14:14">
      <c r="N203985" s="10"/>
    </row>
    <row r="203986" spans="14:14">
      <c r="N203986" s="10"/>
    </row>
    <row r="203987" spans="14:14">
      <c r="N203987" s="10"/>
    </row>
    <row r="203988" spans="14:14">
      <c r="N203988" s="10"/>
    </row>
    <row r="203989" spans="14:14">
      <c r="N203989" s="10"/>
    </row>
    <row r="203990" spans="14:14">
      <c r="N203990" s="10"/>
    </row>
    <row r="203991" spans="14:14">
      <c r="N203991" s="10"/>
    </row>
    <row r="203992" spans="14:14">
      <c r="N203992" s="10"/>
    </row>
    <row r="203993" spans="14:14">
      <c r="N203993" s="10"/>
    </row>
    <row r="203994" spans="14:14">
      <c r="N203994" s="10"/>
    </row>
    <row r="203995" spans="14:14">
      <c r="N203995" s="10"/>
    </row>
    <row r="203996" spans="14:14">
      <c r="N203996" s="10"/>
    </row>
    <row r="203997" spans="14:14">
      <c r="N203997" s="10"/>
    </row>
    <row r="203998" spans="14:14">
      <c r="N203998" s="10"/>
    </row>
    <row r="203999" spans="14:14">
      <c r="N203999" s="10"/>
    </row>
    <row r="204000" spans="14:14">
      <c r="N204000" s="10"/>
    </row>
    <row r="204001" spans="14:14">
      <c r="N204001" s="10"/>
    </row>
    <row r="204002" spans="14:14">
      <c r="N204002" s="10"/>
    </row>
    <row r="204003" spans="14:14">
      <c r="N204003" s="10"/>
    </row>
    <row r="204004" spans="14:14">
      <c r="N204004" s="10"/>
    </row>
    <row r="204005" spans="14:14">
      <c r="N204005" s="10"/>
    </row>
    <row r="204006" spans="14:14">
      <c r="N204006" s="10"/>
    </row>
    <row r="204007" spans="14:14">
      <c r="N204007" s="10"/>
    </row>
    <row r="204008" spans="14:14">
      <c r="N204008" s="10"/>
    </row>
    <row r="204009" spans="14:14">
      <c r="N204009" s="10"/>
    </row>
    <row r="204010" spans="14:14">
      <c r="N204010" s="10"/>
    </row>
    <row r="204011" spans="14:14">
      <c r="N204011" s="10"/>
    </row>
    <row r="204012" spans="14:14">
      <c r="N204012" s="10"/>
    </row>
    <row r="204013" spans="14:14">
      <c r="N204013" s="10"/>
    </row>
    <row r="204014" spans="14:14">
      <c r="N204014" s="10"/>
    </row>
    <row r="204015" spans="14:14">
      <c r="N204015" s="10"/>
    </row>
    <row r="204016" spans="14:14">
      <c r="N204016" s="10"/>
    </row>
    <row r="204017" spans="14:14">
      <c r="N204017" s="10"/>
    </row>
    <row r="204018" spans="14:14">
      <c r="N204018" s="10"/>
    </row>
    <row r="204019" spans="14:14">
      <c r="N204019" s="10"/>
    </row>
    <row r="204020" spans="14:14">
      <c r="N204020" s="10"/>
    </row>
    <row r="204021" spans="14:14">
      <c r="N204021" s="10"/>
    </row>
    <row r="204022" spans="14:14">
      <c r="N204022" s="10"/>
    </row>
    <row r="204023" spans="14:14">
      <c r="N204023" s="10"/>
    </row>
    <row r="204024" spans="14:14">
      <c r="N204024" s="10"/>
    </row>
    <row r="204025" spans="14:14">
      <c r="N204025" s="10"/>
    </row>
    <row r="204026" spans="14:14">
      <c r="N204026" s="10"/>
    </row>
    <row r="204027" spans="14:14">
      <c r="N204027" s="10"/>
    </row>
    <row r="204028" spans="14:14">
      <c r="N204028" s="10"/>
    </row>
    <row r="204029" spans="14:14">
      <c r="N204029" s="10"/>
    </row>
    <row r="204030" spans="14:14">
      <c r="N204030" s="10"/>
    </row>
    <row r="204031" spans="14:14">
      <c r="N204031" s="10"/>
    </row>
    <row r="204032" spans="14:14">
      <c r="N204032" s="10"/>
    </row>
    <row r="204033" spans="14:14">
      <c r="N204033" s="10"/>
    </row>
    <row r="204034" spans="14:14">
      <c r="N204034" s="10"/>
    </row>
    <row r="204035" spans="14:14">
      <c r="N204035" s="10"/>
    </row>
    <row r="204036" spans="14:14">
      <c r="N204036" s="10"/>
    </row>
    <row r="204037" spans="14:14">
      <c r="N204037" s="10"/>
    </row>
    <row r="204038" spans="14:14">
      <c r="N204038" s="10"/>
    </row>
    <row r="204039" spans="14:14">
      <c r="N204039" s="10"/>
    </row>
    <row r="204040" spans="14:14">
      <c r="N204040" s="10"/>
    </row>
    <row r="204041" spans="14:14">
      <c r="N204041" s="10"/>
    </row>
    <row r="204042" spans="14:14">
      <c r="N204042" s="10"/>
    </row>
    <row r="204043" spans="14:14">
      <c r="N204043" s="10"/>
    </row>
    <row r="204044" spans="14:14">
      <c r="N204044" s="10"/>
    </row>
    <row r="204045" spans="14:14">
      <c r="N204045" s="10"/>
    </row>
    <row r="204046" spans="14:14">
      <c r="N204046" s="10"/>
    </row>
    <row r="204047" spans="14:14">
      <c r="N204047" s="10"/>
    </row>
    <row r="204048" spans="14:14">
      <c r="N204048" s="10"/>
    </row>
    <row r="204049" spans="14:14">
      <c r="N204049" s="10"/>
    </row>
    <row r="204050" spans="14:14">
      <c r="N204050" s="10"/>
    </row>
    <row r="204051" spans="14:14">
      <c r="N204051" s="10"/>
    </row>
    <row r="204052" spans="14:14">
      <c r="N204052" s="10"/>
    </row>
    <row r="204053" spans="14:14">
      <c r="N204053" s="10"/>
    </row>
    <row r="204054" spans="14:14">
      <c r="N204054" s="10"/>
    </row>
    <row r="204055" spans="14:14">
      <c r="N204055" s="10"/>
    </row>
    <row r="204056" spans="14:14">
      <c r="N204056" s="10"/>
    </row>
    <row r="204057" spans="14:14">
      <c r="N204057" s="10"/>
    </row>
    <row r="204058" spans="14:14">
      <c r="N204058" s="10"/>
    </row>
    <row r="204059" spans="14:14">
      <c r="N204059" s="10"/>
    </row>
    <row r="204060" spans="14:14">
      <c r="N204060" s="10"/>
    </row>
    <row r="204061" spans="14:14">
      <c r="N204061" s="10"/>
    </row>
    <row r="204062" spans="14:14">
      <c r="N204062" s="10"/>
    </row>
    <row r="204063" spans="14:14">
      <c r="N204063" s="10"/>
    </row>
    <row r="204064" spans="14:14">
      <c r="N204064" s="10"/>
    </row>
    <row r="204065" spans="14:14">
      <c r="N204065" s="10"/>
    </row>
    <row r="204066" spans="14:14">
      <c r="N204066" s="10"/>
    </row>
    <row r="204067" spans="14:14">
      <c r="N204067" s="10"/>
    </row>
    <row r="204068" spans="14:14">
      <c r="N204068" s="10"/>
    </row>
    <row r="204069" spans="14:14">
      <c r="N204069" s="10"/>
    </row>
    <row r="204070" spans="14:14">
      <c r="N204070" s="10"/>
    </row>
    <row r="204071" spans="14:14">
      <c r="N204071" s="10"/>
    </row>
    <row r="204072" spans="14:14">
      <c r="N204072" s="10"/>
    </row>
    <row r="204073" spans="14:14">
      <c r="N204073" s="10"/>
    </row>
    <row r="204074" spans="14:14">
      <c r="N204074" s="10"/>
    </row>
    <row r="204075" spans="14:14">
      <c r="N204075" s="10"/>
    </row>
    <row r="204076" spans="14:14">
      <c r="N204076" s="10"/>
    </row>
    <row r="204077" spans="14:14">
      <c r="N204077" s="10"/>
    </row>
    <row r="204078" spans="14:14">
      <c r="N204078" s="10"/>
    </row>
    <row r="204079" spans="14:14">
      <c r="N204079" s="10"/>
    </row>
    <row r="204080" spans="14:14">
      <c r="N204080" s="10"/>
    </row>
    <row r="204081" spans="14:14">
      <c r="N204081" s="10"/>
    </row>
    <row r="204082" spans="14:14">
      <c r="N204082" s="10"/>
    </row>
    <row r="204083" spans="14:14">
      <c r="N204083" s="10"/>
    </row>
    <row r="204084" spans="14:14">
      <c r="N204084" s="10"/>
    </row>
    <row r="204085" spans="14:14">
      <c r="N204085" s="10"/>
    </row>
    <row r="204086" spans="14:14">
      <c r="N204086" s="10"/>
    </row>
    <row r="204087" spans="14:14">
      <c r="N204087" s="10"/>
    </row>
    <row r="204088" spans="14:14">
      <c r="N204088" s="10"/>
    </row>
    <row r="204089" spans="14:14">
      <c r="N204089" s="10"/>
    </row>
    <row r="204090" spans="14:14">
      <c r="N204090" s="10"/>
    </row>
    <row r="204091" spans="14:14">
      <c r="N204091" s="10"/>
    </row>
    <row r="204092" spans="14:14">
      <c r="N204092" s="10"/>
    </row>
    <row r="204093" spans="14:14">
      <c r="N204093" s="10"/>
    </row>
    <row r="204094" spans="14:14">
      <c r="N204094" s="10"/>
    </row>
    <row r="204095" spans="14:14">
      <c r="N204095" s="10"/>
    </row>
    <row r="204096" spans="14:14">
      <c r="N204096" s="10"/>
    </row>
    <row r="204097" spans="14:14">
      <c r="N204097" s="10"/>
    </row>
    <row r="204098" spans="14:14">
      <c r="N204098" s="10"/>
    </row>
    <row r="204099" spans="14:14">
      <c r="N204099" s="10"/>
    </row>
    <row r="204100" spans="14:14">
      <c r="N204100" s="10"/>
    </row>
    <row r="204101" spans="14:14">
      <c r="N204101" s="10"/>
    </row>
    <row r="204102" spans="14:14">
      <c r="N204102" s="10"/>
    </row>
    <row r="204103" spans="14:14">
      <c r="N204103" s="10"/>
    </row>
    <row r="204104" spans="14:14">
      <c r="N204104" s="10"/>
    </row>
    <row r="204105" spans="14:14">
      <c r="N204105" s="10"/>
    </row>
    <row r="204106" spans="14:14">
      <c r="N204106" s="10"/>
    </row>
    <row r="204107" spans="14:14">
      <c r="N204107" s="10"/>
    </row>
    <row r="204108" spans="14:14">
      <c r="N204108" s="10"/>
    </row>
    <row r="204109" spans="14:14">
      <c r="N204109" s="10"/>
    </row>
    <row r="204110" spans="14:14">
      <c r="N204110" s="10"/>
    </row>
    <row r="204111" spans="14:14">
      <c r="N204111" s="10"/>
    </row>
    <row r="204112" spans="14:14">
      <c r="N204112" s="10"/>
    </row>
    <row r="204113" spans="14:14">
      <c r="N204113" s="10"/>
    </row>
    <row r="204114" spans="14:14">
      <c r="N204114" s="10"/>
    </row>
    <row r="204115" spans="14:14">
      <c r="N204115" s="10"/>
    </row>
    <row r="204116" spans="14:14">
      <c r="N204116" s="10"/>
    </row>
    <row r="204117" spans="14:14">
      <c r="N204117" s="10"/>
    </row>
    <row r="204118" spans="14:14">
      <c r="N204118" s="10"/>
    </row>
    <row r="204119" spans="14:14">
      <c r="N204119" s="10"/>
    </row>
    <row r="204120" spans="14:14">
      <c r="N204120" s="10"/>
    </row>
    <row r="204121" spans="14:14">
      <c r="N204121" s="10"/>
    </row>
    <row r="204122" spans="14:14">
      <c r="N204122" s="10"/>
    </row>
    <row r="204123" spans="14:14">
      <c r="N204123" s="10"/>
    </row>
    <row r="204124" spans="14:14">
      <c r="N204124" s="10"/>
    </row>
    <row r="204125" spans="14:14">
      <c r="N204125" s="10"/>
    </row>
    <row r="204126" spans="14:14">
      <c r="N204126" s="10"/>
    </row>
    <row r="204127" spans="14:14">
      <c r="N204127" s="10"/>
    </row>
    <row r="204128" spans="14:14">
      <c r="N204128" s="10"/>
    </row>
    <row r="204129" spans="14:14">
      <c r="N204129" s="10"/>
    </row>
    <row r="204130" spans="14:14">
      <c r="N204130" s="10"/>
    </row>
    <row r="204131" spans="14:14">
      <c r="N204131" s="10"/>
    </row>
    <row r="204132" spans="14:14">
      <c r="N204132" s="10"/>
    </row>
    <row r="204133" spans="14:14">
      <c r="N204133" s="10"/>
    </row>
    <row r="204134" spans="14:14">
      <c r="N204134" s="10"/>
    </row>
    <row r="204135" spans="14:14">
      <c r="N204135" s="10"/>
    </row>
    <row r="204136" spans="14:14">
      <c r="N204136" s="10"/>
    </row>
    <row r="204137" spans="14:14">
      <c r="N204137" s="10"/>
    </row>
    <row r="204138" spans="14:14">
      <c r="N204138" s="10"/>
    </row>
    <row r="204139" spans="14:14">
      <c r="N204139" s="10"/>
    </row>
    <row r="204140" spans="14:14">
      <c r="N204140" s="10"/>
    </row>
    <row r="204141" spans="14:14">
      <c r="N204141" s="10"/>
    </row>
    <row r="204142" spans="14:14">
      <c r="N204142" s="10"/>
    </row>
    <row r="204143" spans="14:14">
      <c r="N204143" s="10"/>
    </row>
    <row r="204144" spans="14:14">
      <c r="N204144" s="10"/>
    </row>
    <row r="204145" spans="14:14">
      <c r="N204145" s="10"/>
    </row>
    <row r="204146" spans="14:14">
      <c r="N204146" s="10"/>
    </row>
    <row r="204147" spans="14:14">
      <c r="N204147" s="10"/>
    </row>
    <row r="204148" spans="14:14">
      <c r="N204148" s="10"/>
    </row>
    <row r="204149" spans="14:14">
      <c r="N204149" s="10"/>
    </row>
    <row r="204150" spans="14:14">
      <c r="N204150" s="10"/>
    </row>
    <row r="204151" spans="14:14">
      <c r="N204151" s="10"/>
    </row>
    <row r="204152" spans="14:14">
      <c r="N204152" s="10"/>
    </row>
    <row r="204153" spans="14:14">
      <c r="N204153" s="10"/>
    </row>
    <row r="204154" spans="14:14">
      <c r="N204154" s="10"/>
    </row>
    <row r="204155" spans="14:14">
      <c r="N204155" s="10"/>
    </row>
    <row r="204156" spans="14:14">
      <c r="N204156" s="10"/>
    </row>
    <row r="204157" spans="14:14">
      <c r="N204157" s="10"/>
    </row>
    <row r="204158" spans="14:14">
      <c r="N204158" s="10"/>
    </row>
    <row r="204159" spans="14:14">
      <c r="N204159" s="10"/>
    </row>
    <row r="204160" spans="14:14">
      <c r="N204160" s="10"/>
    </row>
    <row r="204161" spans="14:14">
      <c r="N204161" s="10"/>
    </row>
    <row r="204162" spans="14:14">
      <c r="N204162" s="10"/>
    </row>
    <row r="204163" spans="14:14">
      <c r="N204163" s="10"/>
    </row>
    <row r="204164" spans="14:14">
      <c r="N204164" s="10"/>
    </row>
    <row r="204165" spans="14:14">
      <c r="N204165" s="10"/>
    </row>
    <row r="204166" spans="14:14">
      <c r="N204166" s="10"/>
    </row>
    <row r="204167" spans="14:14">
      <c r="N204167" s="10"/>
    </row>
    <row r="204168" spans="14:14">
      <c r="N204168" s="10"/>
    </row>
    <row r="204169" spans="14:14">
      <c r="N204169" s="10"/>
    </row>
    <row r="204170" spans="14:14">
      <c r="N204170" s="10"/>
    </row>
    <row r="204171" spans="14:14">
      <c r="N204171" s="10"/>
    </row>
    <row r="204172" spans="14:14">
      <c r="N204172" s="10"/>
    </row>
    <row r="204173" spans="14:14">
      <c r="N204173" s="10"/>
    </row>
    <row r="204174" spans="14:14">
      <c r="N204174" s="10"/>
    </row>
    <row r="204175" spans="14:14">
      <c r="N204175" s="10"/>
    </row>
    <row r="204176" spans="14:14">
      <c r="N204176" s="10"/>
    </row>
    <row r="204177" spans="14:14">
      <c r="N204177" s="10"/>
    </row>
    <row r="204178" spans="14:14">
      <c r="N204178" s="10"/>
    </row>
    <row r="204179" spans="14:14">
      <c r="N204179" s="10"/>
    </row>
    <row r="204180" spans="14:14">
      <c r="N204180" s="10"/>
    </row>
    <row r="204181" spans="14:14">
      <c r="N204181" s="10"/>
    </row>
    <row r="204182" spans="14:14">
      <c r="N204182" s="10"/>
    </row>
    <row r="204183" spans="14:14">
      <c r="N204183" s="10"/>
    </row>
    <row r="204184" spans="14:14">
      <c r="N204184" s="10"/>
    </row>
    <row r="204185" spans="14:14">
      <c r="N204185" s="10"/>
    </row>
    <row r="204186" spans="14:14">
      <c r="N204186" s="10"/>
    </row>
    <row r="204187" spans="14:14">
      <c r="N204187" s="10"/>
    </row>
    <row r="204188" spans="14:14">
      <c r="N204188" s="10"/>
    </row>
    <row r="204189" spans="14:14">
      <c r="N204189" s="10"/>
    </row>
    <row r="204190" spans="14:14">
      <c r="N204190" s="10"/>
    </row>
    <row r="204191" spans="14:14">
      <c r="N204191" s="10"/>
    </row>
    <row r="204192" spans="14:14">
      <c r="N204192" s="10"/>
    </row>
    <row r="204193" spans="14:14">
      <c r="N204193" s="10"/>
    </row>
    <row r="204194" spans="14:14">
      <c r="N204194" s="10"/>
    </row>
    <row r="204195" spans="14:14">
      <c r="N204195" s="10"/>
    </row>
    <row r="204196" spans="14:14">
      <c r="N204196" s="10"/>
    </row>
    <row r="204197" spans="14:14">
      <c r="N204197" s="10"/>
    </row>
    <row r="204198" spans="14:14">
      <c r="N204198" s="10"/>
    </row>
    <row r="204199" spans="14:14">
      <c r="N204199" s="10"/>
    </row>
    <row r="204200" spans="14:14">
      <c r="N204200" s="10"/>
    </row>
    <row r="204201" spans="14:14">
      <c r="N204201" s="10"/>
    </row>
    <row r="204202" spans="14:14">
      <c r="N204202" s="10"/>
    </row>
    <row r="204203" spans="14:14">
      <c r="N204203" s="10"/>
    </row>
    <row r="204204" spans="14:14">
      <c r="N204204" s="10"/>
    </row>
    <row r="204205" spans="14:14">
      <c r="N204205" s="10"/>
    </row>
    <row r="204206" spans="14:14">
      <c r="N204206" s="10"/>
    </row>
    <row r="204207" spans="14:14">
      <c r="N204207" s="10"/>
    </row>
    <row r="204208" spans="14:14">
      <c r="N204208" s="10"/>
    </row>
    <row r="204209" spans="14:14">
      <c r="N204209" s="10"/>
    </row>
    <row r="204210" spans="14:14">
      <c r="N204210" s="10"/>
    </row>
    <row r="204211" spans="14:14">
      <c r="N204211" s="10"/>
    </row>
    <row r="204212" spans="14:14">
      <c r="N204212" s="10"/>
    </row>
    <row r="204213" spans="14:14">
      <c r="N204213" s="10"/>
    </row>
    <row r="204214" spans="14:14">
      <c r="N204214" s="10"/>
    </row>
    <row r="204215" spans="14:14">
      <c r="N204215" s="10"/>
    </row>
    <row r="204216" spans="14:14">
      <c r="N204216" s="10"/>
    </row>
    <row r="204217" spans="14:14">
      <c r="N204217" s="10"/>
    </row>
    <row r="204218" spans="14:14">
      <c r="N204218" s="10"/>
    </row>
    <row r="204219" spans="14:14">
      <c r="N204219" s="10"/>
    </row>
    <row r="204220" spans="14:14">
      <c r="N204220" s="10"/>
    </row>
    <row r="204221" spans="14:14">
      <c r="N204221" s="10"/>
    </row>
    <row r="204222" spans="14:14">
      <c r="N204222" s="10"/>
    </row>
    <row r="204223" spans="14:14">
      <c r="N204223" s="10"/>
    </row>
    <row r="204224" spans="14:14">
      <c r="N204224" s="10"/>
    </row>
    <row r="204225" spans="14:14">
      <c r="N204225" s="10"/>
    </row>
    <row r="204226" spans="14:14">
      <c r="N204226" s="10"/>
    </row>
    <row r="204227" spans="14:14">
      <c r="N204227" s="10"/>
    </row>
    <row r="204228" spans="14:14">
      <c r="N204228" s="10"/>
    </row>
    <row r="204229" spans="14:14">
      <c r="N204229" s="10"/>
    </row>
    <row r="204230" spans="14:14">
      <c r="N204230" s="10"/>
    </row>
    <row r="204231" spans="14:14">
      <c r="N204231" s="10"/>
    </row>
    <row r="204232" spans="14:14">
      <c r="N204232" s="10"/>
    </row>
    <row r="204233" spans="14:14">
      <c r="N204233" s="10"/>
    </row>
    <row r="204234" spans="14:14">
      <c r="N204234" s="10"/>
    </row>
    <row r="204235" spans="14:14">
      <c r="N204235" s="10"/>
    </row>
    <row r="204236" spans="14:14">
      <c r="N204236" s="10"/>
    </row>
    <row r="204237" spans="14:14">
      <c r="N204237" s="10"/>
    </row>
    <row r="204238" spans="14:14">
      <c r="N204238" s="10"/>
    </row>
    <row r="204239" spans="14:14">
      <c r="N204239" s="10"/>
    </row>
    <row r="204240" spans="14:14">
      <c r="N204240" s="10"/>
    </row>
    <row r="204241" spans="14:14">
      <c r="N204241" s="10"/>
    </row>
    <row r="204242" spans="14:14">
      <c r="N204242" s="10"/>
    </row>
    <row r="204243" spans="14:14">
      <c r="N204243" s="10"/>
    </row>
    <row r="204244" spans="14:14">
      <c r="N204244" s="10"/>
    </row>
    <row r="204245" spans="14:14">
      <c r="N204245" s="10"/>
    </row>
    <row r="204246" spans="14:14">
      <c r="N204246" s="10"/>
    </row>
    <row r="204247" spans="14:14">
      <c r="N204247" s="10"/>
    </row>
    <row r="204248" spans="14:14">
      <c r="N204248" s="10"/>
    </row>
    <row r="204249" spans="14:14">
      <c r="N204249" s="10"/>
    </row>
    <row r="204250" spans="14:14">
      <c r="N204250" s="10"/>
    </row>
    <row r="204251" spans="14:14">
      <c r="N204251" s="10"/>
    </row>
    <row r="204252" spans="14:14">
      <c r="N204252" s="10"/>
    </row>
    <row r="204253" spans="14:14">
      <c r="N204253" s="10"/>
    </row>
    <row r="204254" spans="14:14">
      <c r="N204254" s="10"/>
    </row>
    <row r="204255" spans="14:14">
      <c r="N204255" s="10"/>
    </row>
    <row r="204256" spans="14:14">
      <c r="N204256" s="10"/>
    </row>
    <row r="204257" spans="14:14">
      <c r="N204257" s="10"/>
    </row>
    <row r="204258" spans="14:14">
      <c r="N204258" s="10"/>
    </row>
    <row r="204259" spans="14:14">
      <c r="N204259" s="10"/>
    </row>
    <row r="204260" spans="14:14">
      <c r="N204260" s="10"/>
    </row>
    <row r="204261" spans="14:14">
      <c r="N204261" s="10"/>
    </row>
    <row r="204262" spans="14:14">
      <c r="N204262" s="10"/>
    </row>
    <row r="204263" spans="14:14">
      <c r="N204263" s="10"/>
    </row>
    <row r="204264" spans="14:14">
      <c r="N204264" s="10"/>
    </row>
    <row r="204265" spans="14:14">
      <c r="N204265" s="10"/>
    </row>
    <row r="204266" spans="14:14">
      <c r="N204266" s="10"/>
    </row>
    <row r="204267" spans="14:14">
      <c r="N204267" s="10"/>
    </row>
    <row r="204268" spans="14:14">
      <c r="N204268" s="10"/>
    </row>
    <row r="204269" spans="14:14">
      <c r="N204269" s="10"/>
    </row>
    <row r="204270" spans="14:14">
      <c r="N204270" s="10"/>
    </row>
    <row r="204271" spans="14:14">
      <c r="N204271" s="10"/>
    </row>
    <row r="204272" spans="14:14">
      <c r="N204272" s="10"/>
    </row>
    <row r="204273" spans="14:14">
      <c r="N204273" s="10"/>
    </row>
    <row r="204274" spans="14:14">
      <c r="N204274" s="10"/>
    </row>
    <row r="204275" spans="14:14">
      <c r="N204275" s="10"/>
    </row>
    <row r="204276" spans="14:14">
      <c r="N204276" s="10"/>
    </row>
    <row r="204277" spans="14:14">
      <c r="N204277" s="10"/>
    </row>
    <row r="204278" spans="14:14">
      <c r="N204278" s="10"/>
    </row>
    <row r="204279" spans="14:14">
      <c r="N204279" s="10"/>
    </row>
    <row r="204280" spans="14:14">
      <c r="N204280" s="10"/>
    </row>
    <row r="204281" spans="14:14">
      <c r="N204281" s="10"/>
    </row>
    <row r="204282" spans="14:14">
      <c r="N204282" s="10"/>
    </row>
    <row r="204283" spans="14:14">
      <c r="N204283" s="10"/>
    </row>
    <row r="204284" spans="14:14">
      <c r="N204284" s="10"/>
    </row>
    <row r="204285" spans="14:14">
      <c r="N204285" s="10"/>
    </row>
    <row r="204286" spans="14:14">
      <c r="N204286" s="10"/>
    </row>
    <row r="204287" spans="14:14">
      <c r="N204287" s="10"/>
    </row>
    <row r="204288" spans="14:14">
      <c r="N204288" s="10"/>
    </row>
    <row r="204289" spans="14:14">
      <c r="N204289" s="10"/>
    </row>
    <row r="204290" spans="14:14">
      <c r="N204290" s="10"/>
    </row>
    <row r="204291" spans="14:14">
      <c r="N204291" s="10"/>
    </row>
    <row r="204292" spans="14:14">
      <c r="N204292" s="10"/>
    </row>
    <row r="204293" spans="14:14">
      <c r="N204293" s="10"/>
    </row>
    <row r="204294" spans="14:14">
      <c r="N204294" s="10"/>
    </row>
    <row r="204295" spans="14:14">
      <c r="N204295" s="10"/>
    </row>
    <row r="204296" spans="14:14">
      <c r="N204296" s="10"/>
    </row>
    <row r="204297" spans="14:14">
      <c r="N204297" s="10"/>
    </row>
    <row r="204298" spans="14:14">
      <c r="N204298" s="10"/>
    </row>
    <row r="204299" spans="14:14">
      <c r="N204299" s="10"/>
    </row>
    <row r="204300" spans="14:14">
      <c r="N204300" s="10"/>
    </row>
    <row r="204301" spans="14:14">
      <c r="N204301" s="10"/>
    </row>
    <row r="204302" spans="14:14">
      <c r="N204302" s="10"/>
    </row>
    <row r="204303" spans="14:14">
      <c r="N204303" s="10"/>
    </row>
    <row r="204304" spans="14:14">
      <c r="N204304" s="10"/>
    </row>
    <row r="204305" spans="14:14">
      <c r="N204305" s="10"/>
    </row>
    <row r="204306" spans="14:14">
      <c r="N204306" s="10"/>
    </row>
    <row r="204307" spans="14:14">
      <c r="N204307" s="10"/>
    </row>
    <row r="204308" spans="14:14">
      <c r="N204308" s="10"/>
    </row>
    <row r="204309" spans="14:14">
      <c r="N204309" s="10"/>
    </row>
    <row r="204310" spans="14:14">
      <c r="N204310" s="10"/>
    </row>
    <row r="204311" spans="14:14">
      <c r="N204311" s="10"/>
    </row>
    <row r="204312" spans="14:14">
      <c r="N204312" s="10"/>
    </row>
    <row r="204313" spans="14:14">
      <c r="N204313" s="10"/>
    </row>
    <row r="204314" spans="14:14">
      <c r="N204314" s="10"/>
    </row>
    <row r="204315" spans="14:14">
      <c r="N204315" s="10"/>
    </row>
    <row r="204316" spans="14:14">
      <c r="N204316" s="10"/>
    </row>
    <row r="204317" spans="14:14">
      <c r="N204317" s="10"/>
    </row>
    <row r="204318" spans="14:14">
      <c r="N204318" s="10"/>
    </row>
    <row r="204319" spans="14:14">
      <c r="N204319" s="10"/>
    </row>
    <row r="204320" spans="14:14">
      <c r="N204320" s="10"/>
    </row>
    <row r="204321" spans="14:14">
      <c r="N204321" s="10"/>
    </row>
    <row r="204322" spans="14:14">
      <c r="N204322" s="10"/>
    </row>
    <row r="204323" spans="14:14">
      <c r="N204323" s="10"/>
    </row>
    <row r="204324" spans="14:14">
      <c r="N204324" s="10"/>
    </row>
    <row r="204325" spans="14:14">
      <c r="N204325" s="10"/>
    </row>
    <row r="204326" spans="14:14">
      <c r="N204326" s="10"/>
    </row>
    <row r="204327" spans="14:14">
      <c r="N204327" s="10"/>
    </row>
    <row r="204328" spans="14:14">
      <c r="N204328" s="10"/>
    </row>
    <row r="204329" spans="14:14">
      <c r="N204329" s="10"/>
    </row>
    <row r="204330" spans="14:14">
      <c r="N204330" s="10"/>
    </row>
    <row r="204331" spans="14:14">
      <c r="N204331" s="10"/>
    </row>
    <row r="204332" spans="14:14">
      <c r="N204332" s="10"/>
    </row>
    <row r="204333" spans="14:14">
      <c r="N204333" s="10"/>
    </row>
    <row r="204334" spans="14:14">
      <c r="N204334" s="10"/>
    </row>
    <row r="204335" spans="14:14">
      <c r="N204335" s="10"/>
    </row>
    <row r="204336" spans="14:14">
      <c r="N204336" s="10"/>
    </row>
    <row r="204337" spans="14:14">
      <c r="N204337" s="10"/>
    </row>
    <row r="204338" spans="14:14">
      <c r="N204338" s="10"/>
    </row>
    <row r="204339" spans="14:14">
      <c r="N204339" s="10"/>
    </row>
    <row r="204340" spans="14:14">
      <c r="N204340" s="10"/>
    </row>
    <row r="204341" spans="14:14">
      <c r="N204341" s="10"/>
    </row>
    <row r="204342" spans="14:14">
      <c r="N204342" s="10"/>
    </row>
    <row r="204343" spans="14:14">
      <c r="N204343" s="10"/>
    </row>
    <row r="204344" spans="14:14">
      <c r="N204344" s="10"/>
    </row>
    <row r="204345" spans="14:14">
      <c r="N204345" s="10"/>
    </row>
    <row r="204346" spans="14:14">
      <c r="N204346" s="10"/>
    </row>
    <row r="204347" spans="14:14">
      <c r="N204347" s="10"/>
    </row>
    <row r="204348" spans="14:14">
      <c r="N204348" s="10"/>
    </row>
    <row r="204349" spans="14:14">
      <c r="N204349" s="10"/>
    </row>
    <row r="204350" spans="14:14">
      <c r="N204350" s="10"/>
    </row>
    <row r="204351" spans="14:14">
      <c r="N204351" s="10"/>
    </row>
    <row r="204352" spans="14:14">
      <c r="N204352" s="10"/>
    </row>
    <row r="204353" spans="14:14">
      <c r="N204353" s="10"/>
    </row>
    <row r="204354" spans="14:14">
      <c r="N204354" s="10"/>
    </row>
    <row r="204355" spans="14:14">
      <c r="N204355" s="10"/>
    </row>
    <row r="204356" spans="14:14">
      <c r="N204356" s="10"/>
    </row>
    <row r="204357" spans="14:14">
      <c r="N204357" s="10"/>
    </row>
    <row r="204358" spans="14:14">
      <c r="N204358" s="10"/>
    </row>
    <row r="204359" spans="14:14">
      <c r="N204359" s="10"/>
    </row>
    <row r="204360" spans="14:14">
      <c r="N204360" s="10"/>
    </row>
    <row r="204361" spans="14:14">
      <c r="N204361" s="10"/>
    </row>
    <row r="204362" spans="14:14">
      <c r="N204362" s="10"/>
    </row>
    <row r="204363" spans="14:14">
      <c r="N204363" s="10"/>
    </row>
    <row r="204364" spans="14:14">
      <c r="N204364" s="10"/>
    </row>
    <row r="204365" spans="14:14">
      <c r="N204365" s="10"/>
    </row>
    <row r="204366" spans="14:14">
      <c r="N204366" s="10"/>
    </row>
    <row r="204367" spans="14:14">
      <c r="N204367" s="10"/>
    </row>
    <row r="204368" spans="14:14">
      <c r="N204368" s="10"/>
    </row>
    <row r="204369" spans="14:14">
      <c r="N204369" s="10"/>
    </row>
    <row r="204370" spans="14:14">
      <c r="N204370" s="10"/>
    </row>
    <row r="204371" spans="14:14">
      <c r="N204371" s="10"/>
    </row>
    <row r="204372" spans="14:14">
      <c r="N204372" s="10"/>
    </row>
    <row r="204373" spans="14:14">
      <c r="N204373" s="10"/>
    </row>
    <row r="204374" spans="14:14">
      <c r="N204374" s="10"/>
    </row>
    <row r="204375" spans="14:14">
      <c r="N204375" s="10"/>
    </row>
    <row r="204376" spans="14:14">
      <c r="N204376" s="10"/>
    </row>
    <row r="204377" spans="14:14">
      <c r="N204377" s="10"/>
    </row>
    <row r="204378" spans="14:14">
      <c r="N204378" s="10"/>
    </row>
    <row r="204379" spans="14:14">
      <c r="N204379" s="10"/>
    </row>
    <row r="204380" spans="14:14">
      <c r="N204380" s="10"/>
    </row>
    <row r="204381" spans="14:14">
      <c r="N204381" s="10"/>
    </row>
    <row r="204382" spans="14:14">
      <c r="N204382" s="10"/>
    </row>
    <row r="204383" spans="14:14">
      <c r="N204383" s="10"/>
    </row>
    <row r="204384" spans="14:14">
      <c r="N204384" s="10"/>
    </row>
    <row r="204385" spans="14:14">
      <c r="N204385" s="10"/>
    </row>
    <row r="204386" spans="14:14">
      <c r="N204386" s="10"/>
    </row>
    <row r="204387" spans="14:14">
      <c r="N204387" s="10"/>
    </row>
    <row r="204388" spans="14:14">
      <c r="N204388" s="10"/>
    </row>
    <row r="204389" spans="14:14">
      <c r="N204389" s="10"/>
    </row>
    <row r="204390" spans="14:14">
      <c r="N204390" s="10"/>
    </row>
    <row r="204391" spans="14:14">
      <c r="N204391" s="10"/>
    </row>
    <row r="204392" spans="14:14">
      <c r="N204392" s="10"/>
    </row>
    <row r="204393" spans="14:14">
      <c r="N204393" s="10"/>
    </row>
    <row r="204394" spans="14:14">
      <c r="N204394" s="10"/>
    </row>
    <row r="204395" spans="14:14">
      <c r="N204395" s="10"/>
    </row>
    <row r="204396" spans="14:14">
      <c r="N204396" s="10"/>
    </row>
    <row r="204397" spans="14:14">
      <c r="N204397" s="10"/>
    </row>
    <row r="204398" spans="14:14">
      <c r="N204398" s="10"/>
    </row>
    <row r="204399" spans="14:14">
      <c r="N204399" s="10"/>
    </row>
    <row r="204400" spans="14:14">
      <c r="N204400" s="10"/>
    </row>
    <row r="204401" spans="14:14">
      <c r="N204401" s="10"/>
    </row>
    <row r="204402" spans="14:14">
      <c r="N204402" s="10"/>
    </row>
    <row r="204403" spans="14:14">
      <c r="N204403" s="10"/>
    </row>
    <row r="204404" spans="14:14">
      <c r="N204404" s="10"/>
    </row>
    <row r="204405" spans="14:14">
      <c r="N204405" s="10"/>
    </row>
    <row r="204406" spans="14:14">
      <c r="N204406" s="10"/>
    </row>
    <row r="204407" spans="14:14">
      <c r="N204407" s="10"/>
    </row>
    <row r="204408" spans="14:14">
      <c r="N204408" s="10"/>
    </row>
    <row r="204409" spans="14:14">
      <c r="N204409" s="10"/>
    </row>
    <row r="204410" spans="14:14">
      <c r="N204410" s="10"/>
    </row>
    <row r="204411" spans="14:14">
      <c r="N204411" s="10"/>
    </row>
    <row r="204412" spans="14:14">
      <c r="N204412" s="10"/>
    </row>
    <row r="204413" spans="14:14">
      <c r="N204413" s="10"/>
    </row>
    <row r="204414" spans="14:14">
      <c r="N204414" s="10"/>
    </row>
    <row r="204415" spans="14:14">
      <c r="N204415" s="10"/>
    </row>
    <row r="204416" spans="14:14">
      <c r="N204416" s="10"/>
    </row>
    <row r="204417" spans="14:14">
      <c r="N204417" s="10"/>
    </row>
    <row r="204418" spans="14:14">
      <c r="N204418" s="10"/>
    </row>
    <row r="204419" spans="14:14">
      <c r="N204419" s="10"/>
    </row>
    <row r="204420" spans="14:14">
      <c r="N204420" s="10"/>
    </row>
    <row r="204421" spans="14:14">
      <c r="N204421" s="10"/>
    </row>
    <row r="204422" spans="14:14">
      <c r="N204422" s="10"/>
    </row>
    <row r="204423" spans="14:14">
      <c r="N204423" s="10"/>
    </row>
    <row r="204424" spans="14:14">
      <c r="N204424" s="10"/>
    </row>
    <row r="204425" spans="14:14">
      <c r="N204425" s="10"/>
    </row>
    <row r="204426" spans="14:14">
      <c r="N204426" s="10"/>
    </row>
    <row r="204427" spans="14:14">
      <c r="N204427" s="10"/>
    </row>
    <row r="204428" spans="14:14">
      <c r="N204428" s="10"/>
    </row>
    <row r="204429" spans="14:14">
      <c r="N204429" s="10"/>
    </row>
    <row r="204430" spans="14:14">
      <c r="N204430" s="10"/>
    </row>
    <row r="204431" spans="14:14">
      <c r="N204431" s="10"/>
    </row>
    <row r="204432" spans="14:14">
      <c r="N204432" s="10"/>
    </row>
    <row r="204433" spans="14:14">
      <c r="N204433" s="10"/>
    </row>
    <row r="204434" spans="14:14">
      <c r="N204434" s="10"/>
    </row>
    <row r="204435" spans="14:14">
      <c r="N204435" s="10"/>
    </row>
    <row r="204436" spans="14:14">
      <c r="N204436" s="10"/>
    </row>
    <row r="204437" spans="14:14">
      <c r="N204437" s="10"/>
    </row>
    <row r="204438" spans="14:14">
      <c r="N204438" s="10"/>
    </row>
    <row r="204439" spans="14:14">
      <c r="N204439" s="10"/>
    </row>
    <row r="204440" spans="14:14">
      <c r="N204440" s="10"/>
    </row>
    <row r="204441" spans="14:14">
      <c r="N204441" s="10"/>
    </row>
    <row r="204442" spans="14:14">
      <c r="N204442" s="10"/>
    </row>
    <row r="204443" spans="14:14">
      <c r="N204443" s="10"/>
    </row>
    <row r="204444" spans="14:14">
      <c r="N204444" s="10"/>
    </row>
    <row r="204445" spans="14:14">
      <c r="N204445" s="10"/>
    </row>
    <row r="204446" spans="14:14">
      <c r="N204446" s="10"/>
    </row>
    <row r="204447" spans="14:14">
      <c r="N204447" s="10"/>
    </row>
    <row r="204448" spans="14:14">
      <c r="N204448" s="10"/>
    </row>
    <row r="204449" spans="14:14">
      <c r="N204449" s="10"/>
    </row>
    <row r="204450" spans="14:14">
      <c r="N204450" s="10"/>
    </row>
    <row r="204451" spans="14:14">
      <c r="N204451" s="10"/>
    </row>
    <row r="204452" spans="14:14">
      <c r="N204452" s="10"/>
    </row>
    <row r="204453" spans="14:14">
      <c r="N204453" s="10"/>
    </row>
    <row r="204454" spans="14:14">
      <c r="N204454" s="10"/>
    </row>
    <row r="204455" spans="14:14">
      <c r="N204455" s="10"/>
    </row>
    <row r="204456" spans="14:14">
      <c r="N204456" s="10"/>
    </row>
    <row r="204457" spans="14:14">
      <c r="N204457" s="10"/>
    </row>
    <row r="204458" spans="14:14">
      <c r="N204458" s="10"/>
    </row>
    <row r="204459" spans="14:14">
      <c r="N204459" s="10"/>
    </row>
    <row r="204460" spans="14:14">
      <c r="N204460" s="10"/>
    </row>
    <row r="204461" spans="14:14">
      <c r="N204461" s="10"/>
    </row>
    <row r="204462" spans="14:14">
      <c r="N204462" s="10"/>
    </row>
    <row r="204463" spans="14:14">
      <c r="N204463" s="10"/>
    </row>
    <row r="204464" spans="14:14">
      <c r="N204464" s="10"/>
    </row>
    <row r="204465" spans="14:14">
      <c r="N204465" s="10"/>
    </row>
    <row r="204466" spans="14:14">
      <c r="N204466" s="10"/>
    </row>
    <row r="204467" spans="14:14">
      <c r="N204467" s="10"/>
    </row>
    <row r="204468" spans="14:14">
      <c r="N204468" s="10"/>
    </row>
    <row r="204469" spans="14:14">
      <c r="N204469" s="10"/>
    </row>
    <row r="204470" spans="14:14">
      <c r="N204470" s="10"/>
    </row>
    <row r="204471" spans="14:14">
      <c r="N204471" s="10"/>
    </row>
    <row r="204472" spans="14:14">
      <c r="N204472" s="10"/>
    </row>
    <row r="204473" spans="14:14">
      <c r="N204473" s="10"/>
    </row>
    <row r="204474" spans="14:14">
      <c r="N204474" s="10"/>
    </row>
    <row r="204475" spans="14:14">
      <c r="N204475" s="10"/>
    </row>
    <row r="204476" spans="14:14">
      <c r="N204476" s="10"/>
    </row>
    <row r="204477" spans="14:14">
      <c r="N204477" s="10"/>
    </row>
    <row r="204478" spans="14:14">
      <c r="N204478" s="10"/>
    </row>
    <row r="204479" spans="14:14">
      <c r="N204479" s="10"/>
    </row>
    <row r="204480" spans="14:14">
      <c r="N204480" s="10"/>
    </row>
    <row r="204481" spans="14:14">
      <c r="N204481" s="10"/>
    </row>
    <row r="204482" spans="14:14">
      <c r="N204482" s="10"/>
    </row>
    <row r="204483" spans="14:14">
      <c r="N204483" s="10"/>
    </row>
    <row r="204484" spans="14:14">
      <c r="N204484" s="10"/>
    </row>
    <row r="204485" spans="14:14">
      <c r="N204485" s="10"/>
    </row>
    <row r="204486" spans="14:14">
      <c r="N204486" s="10"/>
    </row>
    <row r="204487" spans="14:14">
      <c r="N204487" s="10"/>
    </row>
    <row r="204488" spans="14:14">
      <c r="N204488" s="10"/>
    </row>
    <row r="204489" spans="14:14">
      <c r="N204489" s="10"/>
    </row>
    <row r="204490" spans="14:14">
      <c r="N204490" s="10"/>
    </row>
    <row r="204491" spans="14:14">
      <c r="N204491" s="10"/>
    </row>
    <row r="204492" spans="14:14">
      <c r="N204492" s="10"/>
    </row>
    <row r="204493" spans="14:14">
      <c r="N204493" s="10"/>
    </row>
    <row r="204494" spans="14:14">
      <c r="N204494" s="10"/>
    </row>
    <row r="204495" spans="14:14">
      <c r="N204495" s="10"/>
    </row>
    <row r="204496" spans="14:14">
      <c r="N204496" s="10"/>
    </row>
    <row r="204497" spans="14:14">
      <c r="N204497" s="10"/>
    </row>
    <row r="204498" spans="14:14">
      <c r="N204498" s="10"/>
    </row>
    <row r="204499" spans="14:14">
      <c r="N204499" s="10"/>
    </row>
    <row r="204500" spans="14:14">
      <c r="N204500" s="10"/>
    </row>
    <row r="204501" spans="14:14">
      <c r="N204501" s="10"/>
    </row>
    <row r="204502" spans="14:14">
      <c r="N204502" s="10"/>
    </row>
    <row r="204503" spans="14:14">
      <c r="N204503" s="10"/>
    </row>
    <row r="204504" spans="14:14">
      <c r="N204504" s="10"/>
    </row>
    <row r="204505" spans="14:14">
      <c r="N204505" s="10"/>
    </row>
    <row r="204506" spans="14:14">
      <c r="N204506" s="10"/>
    </row>
    <row r="204507" spans="14:14">
      <c r="N204507" s="10"/>
    </row>
    <row r="204508" spans="14:14">
      <c r="N204508" s="10"/>
    </row>
    <row r="204509" spans="14:14">
      <c r="N204509" s="10"/>
    </row>
    <row r="204510" spans="14:14">
      <c r="N204510" s="10"/>
    </row>
    <row r="204511" spans="14:14">
      <c r="N204511" s="10"/>
    </row>
    <row r="204512" spans="14:14">
      <c r="N204512" s="10"/>
    </row>
    <row r="204513" spans="14:14">
      <c r="N204513" s="10"/>
    </row>
    <row r="204514" spans="14:14">
      <c r="N204514" s="10"/>
    </row>
    <row r="204515" spans="14:14">
      <c r="N204515" s="10"/>
    </row>
    <row r="204516" spans="14:14">
      <c r="N204516" s="10"/>
    </row>
    <row r="204517" spans="14:14">
      <c r="N204517" s="10"/>
    </row>
    <row r="204518" spans="14:14">
      <c r="N204518" s="10"/>
    </row>
    <row r="204519" spans="14:14">
      <c r="N204519" s="10"/>
    </row>
    <row r="204520" spans="14:14">
      <c r="N204520" s="10"/>
    </row>
    <row r="204521" spans="14:14">
      <c r="N204521" s="10"/>
    </row>
    <row r="204522" spans="14:14">
      <c r="N204522" s="10"/>
    </row>
    <row r="204523" spans="14:14">
      <c r="N204523" s="10"/>
    </row>
    <row r="204524" spans="14:14">
      <c r="N204524" s="10"/>
    </row>
    <row r="204525" spans="14:14">
      <c r="N204525" s="10"/>
    </row>
    <row r="204526" spans="14:14">
      <c r="N204526" s="10"/>
    </row>
    <row r="204527" spans="14:14">
      <c r="N204527" s="10"/>
    </row>
    <row r="204528" spans="14:14">
      <c r="N204528" s="10"/>
    </row>
    <row r="204529" spans="14:14">
      <c r="N204529" s="10"/>
    </row>
    <row r="204530" spans="14:14">
      <c r="N204530" s="10"/>
    </row>
    <row r="204531" spans="14:14">
      <c r="N204531" s="10"/>
    </row>
    <row r="204532" spans="14:14">
      <c r="N204532" s="10"/>
    </row>
    <row r="204533" spans="14:14">
      <c r="N204533" s="10"/>
    </row>
    <row r="204534" spans="14:14">
      <c r="N204534" s="10"/>
    </row>
    <row r="204535" spans="14:14">
      <c r="N204535" s="10"/>
    </row>
    <row r="204536" spans="14:14">
      <c r="N204536" s="10"/>
    </row>
    <row r="204537" spans="14:14">
      <c r="N204537" s="10"/>
    </row>
    <row r="204538" spans="14:14">
      <c r="N204538" s="10"/>
    </row>
    <row r="204539" spans="14:14">
      <c r="N204539" s="10"/>
    </row>
    <row r="204540" spans="14:14">
      <c r="N204540" s="10"/>
    </row>
    <row r="204541" spans="14:14">
      <c r="N204541" s="10"/>
    </row>
    <row r="204542" spans="14:14">
      <c r="N204542" s="10"/>
    </row>
    <row r="204543" spans="14:14">
      <c r="N204543" s="10"/>
    </row>
    <row r="204544" spans="14:14">
      <c r="N204544" s="10"/>
    </row>
    <row r="204545" spans="14:14">
      <c r="N204545" s="10"/>
    </row>
    <row r="204546" spans="14:14">
      <c r="N204546" s="10"/>
    </row>
    <row r="204547" spans="14:14">
      <c r="N204547" s="10"/>
    </row>
    <row r="204548" spans="14:14">
      <c r="N204548" s="10"/>
    </row>
    <row r="204549" spans="14:14">
      <c r="N204549" s="10"/>
    </row>
    <row r="204550" spans="14:14">
      <c r="N204550" s="10"/>
    </row>
    <row r="204551" spans="14:14">
      <c r="N204551" s="10"/>
    </row>
    <row r="204552" spans="14:14">
      <c r="N204552" s="10"/>
    </row>
    <row r="204553" spans="14:14">
      <c r="N204553" s="10"/>
    </row>
    <row r="204554" spans="14:14">
      <c r="N204554" s="10"/>
    </row>
    <row r="204555" spans="14:14">
      <c r="N204555" s="10"/>
    </row>
    <row r="204556" spans="14:14">
      <c r="N204556" s="10"/>
    </row>
    <row r="204557" spans="14:14">
      <c r="N204557" s="10"/>
    </row>
    <row r="204558" spans="14:14">
      <c r="N204558" s="10"/>
    </row>
    <row r="204559" spans="14:14">
      <c r="N204559" s="10"/>
    </row>
    <row r="204560" spans="14:14">
      <c r="N204560" s="10"/>
    </row>
    <row r="204561" spans="14:14">
      <c r="N204561" s="10"/>
    </row>
    <row r="204562" spans="14:14">
      <c r="N204562" s="10"/>
    </row>
    <row r="204563" spans="14:14">
      <c r="N204563" s="10"/>
    </row>
    <row r="204564" spans="14:14">
      <c r="N204564" s="10"/>
    </row>
    <row r="204565" spans="14:14">
      <c r="N204565" s="10"/>
    </row>
    <row r="204566" spans="14:14">
      <c r="N204566" s="10"/>
    </row>
    <row r="204567" spans="14:14">
      <c r="N204567" s="10"/>
    </row>
    <row r="204568" spans="14:14">
      <c r="N204568" s="10"/>
    </row>
    <row r="204569" spans="14:14">
      <c r="N204569" s="10"/>
    </row>
    <row r="204570" spans="14:14">
      <c r="N204570" s="10"/>
    </row>
    <row r="204571" spans="14:14">
      <c r="N204571" s="10"/>
    </row>
    <row r="204572" spans="14:14">
      <c r="N204572" s="10"/>
    </row>
    <row r="204573" spans="14:14">
      <c r="N204573" s="10"/>
    </row>
    <row r="204574" spans="14:14">
      <c r="N204574" s="10"/>
    </row>
    <row r="204575" spans="14:14">
      <c r="N204575" s="10"/>
    </row>
    <row r="204576" spans="14:14">
      <c r="N204576" s="10"/>
    </row>
    <row r="204577" spans="14:14">
      <c r="N204577" s="10"/>
    </row>
    <row r="204578" spans="14:14">
      <c r="N204578" s="10"/>
    </row>
    <row r="204579" spans="14:14">
      <c r="N204579" s="10"/>
    </row>
    <row r="204580" spans="14:14">
      <c r="N204580" s="10"/>
    </row>
    <row r="204581" spans="14:14">
      <c r="N204581" s="10"/>
    </row>
    <row r="204582" spans="14:14">
      <c r="N204582" s="10"/>
    </row>
    <row r="204583" spans="14:14">
      <c r="N204583" s="10"/>
    </row>
    <row r="204584" spans="14:14">
      <c r="N204584" s="10"/>
    </row>
    <row r="204585" spans="14:14">
      <c r="N204585" s="10"/>
    </row>
    <row r="204586" spans="14:14">
      <c r="N204586" s="10"/>
    </row>
    <row r="204587" spans="14:14">
      <c r="N204587" s="10"/>
    </row>
    <row r="204588" spans="14:14">
      <c r="N204588" s="10"/>
    </row>
    <row r="204589" spans="14:14">
      <c r="N204589" s="10"/>
    </row>
    <row r="204590" spans="14:14">
      <c r="N204590" s="10"/>
    </row>
    <row r="204591" spans="14:14">
      <c r="N204591" s="10"/>
    </row>
    <row r="204592" spans="14:14">
      <c r="N204592" s="10"/>
    </row>
    <row r="204593" spans="14:14">
      <c r="N204593" s="10"/>
    </row>
    <row r="204594" spans="14:14">
      <c r="N204594" s="10"/>
    </row>
    <row r="204595" spans="14:14">
      <c r="N204595" s="10"/>
    </row>
    <row r="204596" spans="14:14">
      <c r="N204596" s="10"/>
    </row>
    <row r="204597" spans="14:14">
      <c r="N204597" s="10"/>
    </row>
    <row r="204598" spans="14:14">
      <c r="N204598" s="10"/>
    </row>
    <row r="204599" spans="14:14">
      <c r="N204599" s="10"/>
    </row>
    <row r="204600" spans="14:14">
      <c r="N204600" s="10"/>
    </row>
    <row r="204601" spans="14:14">
      <c r="N204601" s="10"/>
    </row>
    <row r="204602" spans="14:14">
      <c r="N204602" s="10"/>
    </row>
    <row r="204603" spans="14:14">
      <c r="N204603" s="10"/>
    </row>
    <row r="204604" spans="14:14">
      <c r="N204604" s="10"/>
    </row>
    <row r="204605" spans="14:14">
      <c r="N204605" s="10"/>
    </row>
    <row r="204606" spans="14:14">
      <c r="N204606" s="10"/>
    </row>
    <row r="204607" spans="14:14">
      <c r="N204607" s="10"/>
    </row>
    <row r="204608" spans="14:14">
      <c r="N204608" s="10"/>
    </row>
    <row r="204609" spans="14:14">
      <c r="N204609" s="10"/>
    </row>
    <row r="204610" spans="14:14">
      <c r="N204610" s="10"/>
    </row>
    <row r="204611" spans="14:14">
      <c r="N204611" s="10"/>
    </row>
    <row r="204612" spans="14:14">
      <c r="N204612" s="10"/>
    </row>
    <row r="204613" spans="14:14">
      <c r="N204613" s="10"/>
    </row>
    <row r="204614" spans="14:14">
      <c r="N204614" s="10"/>
    </row>
    <row r="204615" spans="14:14">
      <c r="N204615" s="10"/>
    </row>
    <row r="204616" spans="14:14">
      <c r="N204616" s="10"/>
    </row>
    <row r="204617" spans="14:14">
      <c r="N204617" s="10"/>
    </row>
    <row r="204618" spans="14:14">
      <c r="N204618" s="10"/>
    </row>
    <row r="204619" spans="14:14">
      <c r="N204619" s="10"/>
    </row>
    <row r="204620" spans="14:14">
      <c r="N204620" s="10"/>
    </row>
    <row r="204621" spans="14:14">
      <c r="N204621" s="10"/>
    </row>
    <row r="204622" spans="14:14">
      <c r="N204622" s="10"/>
    </row>
    <row r="204623" spans="14:14">
      <c r="N204623" s="10"/>
    </row>
    <row r="204624" spans="14:14">
      <c r="N204624" s="10"/>
    </row>
    <row r="204625" spans="14:14">
      <c r="N204625" s="10"/>
    </row>
    <row r="204626" spans="14:14">
      <c r="N204626" s="10"/>
    </row>
    <row r="204627" spans="14:14">
      <c r="N204627" s="10"/>
    </row>
    <row r="204628" spans="14:14">
      <c r="N204628" s="10"/>
    </row>
    <row r="204629" spans="14:14">
      <c r="N204629" s="10"/>
    </row>
    <row r="204630" spans="14:14">
      <c r="N204630" s="10"/>
    </row>
    <row r="204631" spans="14:14">
      <c r="N204631" s="10"/>
    </row>
    <row r="204632" spans="14:14">
      <c r="N204632" s="10"/>
    </row>
    <row r="204633" spans="14:14">
      <c r="N204633" s="10"/>
    </row>
    <row r="204634" spans="14:14">
      <c r="N204634" s="10"/>
    </row>
    <row r="204635" spans="14:14">
      <c r="N204635" s="10"/>
    </row>
    <row r="204636" spans="14:14">
      <c r="N204636" s="10"/>
    </row>
    <row r="204637" spans="14:14">
      <c r="N204637" s="10"/>
    </row>
    <row r="204638" spans="14:14">
      <c r="N204638" s="10"/>
    </row>
    <row r="204639" spans="14:14">
      <c r="N204639" s="10"/>
    </row>
    <row r="204640" spans="14:14">
      <c r="N204640" s="10"/>
    </row>
    <row r="204641" spans="14:14">
      <c r="N204641" s="10"/>
    </row>
    <row r="204642" spans="14:14">
      <c r="N204642" s="10"/>
    </row>
    <row r="204643" spans="14:14">
      <c r="N204643" s="10"/>
    </row>
    <row r="204644" spans="14:14">
      <c r="N204644" s="10"/>
    </row>
    <row r="204645" spans="14:14">
      <c r="N204645" s="10"/>
    </row>
    <row r="204646" spans="14:14">
      <c r="N204646" s="10"/>
    </row>
    <row r="204647" spans="14:14">
      <c r="N204647" s="10"/>
    </row>
    <row r="204648" spans="14:14">
      <c r="N204648" s="10"/>
    </row>
    <row r="204649" spans="14:14">
      <c r="N204649" s="10"/>
    </row>
    <row r="204650" spans="14:14">
      <c r="N204650" s="10"/>
    </row>
    <row r="204651" spans="14:14">
      <c r="N204651" s="10"/>
    </row>
    <row r="204652" spans="14:14">
      <c r="N204652" s="10"/>
    </row>
    <row r="204653" spans="14:14">
      <c r="N204653" s="10"/>
    </row>
    <row r="204654" spans="14:14">
      <c r="N204654" s="10"/>
    </row>
    <row r="204655" spans="14:14">
      <c r="N204655" s="10"/>
    </row>
    <row r="204656" spans="14:14">
      <c r="N204656" s="10"/>
    </row>
    <row r="204657" spans="14:14">
      <c r="N204657" s="10"/>
    </row>
    <row r="204658" spans="14:14">
      <c r="N204658" s="10"/>
    </row>
    <row r="204659" spans="14:14">
      <c r="N204659" s="10"/>
    </row>
    <row r="204660" spans="14:14">
      <c r="N204660" s="10"/>
    </row>
    <row r="204661" spans="14:14">
      <c r="N204661" s="10"/>
    </row>
    <row r="204662" spans="14:14">
      <c r="N204662" s="10"/>
    </row>
    <row r="204663" spans="14:14">
      <c r="N204663" s="10"/>
    </row>
    <row r="204664" spans="14:14">
      <c r="N204664" s="10"/>
    </row>
    <row r="204665" spans="14:14">
      <c r="N204665" s="10"/>
    </row>
    <row r="204666" spans="14:14">
      <c r="N204666" s="10"/>
    </row>
    <row r="204667" spans="14:14">
      <c r="N204667" s="10"/>
    </row>
    <row r="204668" spans="14:14">
      <c r="N204668" s="10"/>
    </row>
    <row r="204669" spans="14:14">
      <c r="N204669" s="10"/>
    </row>
    <row r="204670" spans="14:14">
      <c r="N204670" s="10"/>
    </row>
    <row r="204671" spans="14:14">
      <c r="N204671" s="10"/>
    </row>
    <row r="204672" spans="14:14">
      <c r="N204672" s="10"/>
    </row>
    <row r="204673" spans="14:14">
      <c r="N204673" s="10"/>
    </row>
    <row r="204674" spans="14:14">
      <c r="N204674" s="10"/>
    </row>
    <row r="204675" spans="14:14">
      <c r="N204675" s="10"/>
    </row>
    <row r="204676" spans="14:14">
      <c r="N204676" s="10"/>
    </row>
    <row r="204677" spans="14:14">
      <c r="N204677" s="10"/>
    </row>
    <row r="204678" spans="14:14">
      <c r="N204678" s="10"/>
    </row>
    <row r="204679" spans="14:14">
      <c r="N204679" s="10"/>
    </row>
    <row r="204680" spans="14:14">
      <c r="N204680" s="10"/>
    </row>
    <row r="204681" spans="14:14">
      <c r="N204681" s="10"/>
    </row>
    <row r="204682" spans="14:14">
      <c r="N204682" s="10"/>
    </row>
    <row r="204683" spans="14:14">
      <c r="N204683" s="10"/>
    </row>
    <row r="204684" spans="14:14">
      <c r="N204684" s="10"/>
    </row>
    <row r="204685" spans="14:14">
      <c r="N204685" s="10"/>
    </row>
    <row r="204686" spans="14:14">
      <c r="N204686" s="10"/>
    </row>
    <row r="204687" spans="14:14">
      <c r="N204687" s="10"/>
    </row>
    <row r="204688" spans="14:14">
      <c r="N204688" s="10"/>
    </row>
    <row r="204689" spans="14:14">
      <c r="N204689" s="10"/>
    </row>
    <row r="204690" spans="14:14">
      <c r="N204690" s="10"/>
    </row>
    <row r="204691" spans="14:14">
      <c r="N204691" s="10"/>
    </row>
    <row r="204692" spans="14:14">
      <c r="N204692" s="10"/>
    </row>
    <row r="204693" spans="14:14">
      <c r="N204693" s="10"/>
    </row>
    <row r="204694" spans="14:14">
      <c r="N204694" s="10"/>
    </row>
    <row r="204695" spans="14:14">
      <c r="N204695" s="10"/>
    </row>
    <row r="204696" spans="14:14">
      <c r="N204696" s="10"/>
    </row>
    <row r="204697" spans="14:14">
      <c r="N204697" s="10"/>
    </row>
    <row r="204698" spans="14:14">
      <c r="N204698" s="10"/>
    </row>
    <row r="204699" spans="14:14">
      <c r="N204699" s="10"/>
    </row>
    <row r="204700" spans="14:14">
      <c r="N204700" s="10"/>
    </row>
    <row r="204701" spans="14:14">
      <c r="N204701" s="10"/>
    </row>
    <row r="204702" spans="14:14">
      <c r="N204702" s="10"/>
    </row>
    <row r="204703" spans="14:14">
      <c r="N204703" s="10"/>
    </row>
    <row r="204704" spans="14:14">
      <c r="N204704" s="10"/>
    </row>
    <row r="204705" spans="14:14">
      <c r="N204705" s="10"/>
    </row>
    <row r="204706" spans="14:14">
      <c r="N204706" s="10"/>
    </row>
    <row r="204707" spans="14:14">
      <c r="N204707" s="10"/>
    </row>
    <row r="204708" spans="14:14">
      <c r="N204708" s="10"/>
    </row>
    <row r="204709" spans="14:14">
      <c r="N204709" s="10"/>
    </row>
    <row r="204710" spans="14:14">
      <c r="N204710" s="10"/>
    </row>
    <row r="204711" spans="14:14">
      <c r="N204711" s="10"/>
    </row>
    <row r="204712" spans="14:14">
      <c r="N204712" s="10"/>
    </row>
    <row r="204713" spans="14:14">
      <c r="N204713" s="10"/>
    </row>
    <row r="204714" spans="14:14">
      <c r="N204714" s="10"/>
    </row>
    <row r="204715" spans="14:14">
      <c r="N204715" s="10"/>
    </row>
    <row r="204716" spans="14:14">
      <c r="N204716" s="10"/>
    </row>
    <row r="204717" spans="14:14">
      <c r="N204717" s="10"/>
    </row>
    <row r="204718" spans="14:14">
      <c r="N204718" s="10"/>
    </row>
    <row r="204719" spans="14:14">
      <c r="N204719" s="10"/>
    </row>
    <row r="204720" spans="14:14">
      <c r="N204720" s="10"/>
    </row>
    <row r="204721" spans="14:14">
      <c r="N204721" s="10"/>
    </row>
    <row r="204722" spans="14:14">
      <c r="N204722" s="10"/>
    </row>
    <row r="204723" spans="14:14">
      <c r="N204723" s="10"/>
    </row>
    <row r="204724" spans="14:14">
      <c r="N204724" s="10"/>
    </row>
    <row r="204725" spans="14:14">
      <c r="N204725" s="10"/>
    </row>
    <row r="204726" spans="14:14">
      <c r="N204726" s="10"/>
    </row>
    <row r="204727" spans="14:14">
      <c r="N204727" s="10"/>
    </row>
    <row r="204728" spans="14:14">
      <c r="N204728" s="10"/>
    </row>
    <row r="204729" spans="14:14">
      <c r="N204729" s="10"/>
    </row>
    <row r="204730" spans="14:14">
      <c r="N204730" s="10"/>
    </row>
    <row r="204731" spans="14:14">
      <c r="N204731" s="10"/>
    </row>
    <row r="204732" spans="14:14">
      <c r="N204732" s="10"/>
    </row>
    <row r="204733" spans="14:14">
      <c r="N204733" s="10"/>
    </row>
    <row r="204734" spans="14:14">
      <c r="N204734" s="10"/>
    </row>
    <row r="204735" spans="14:14">
      <c r="N204735" s="10"/>
    </row>
    <row r="204736" spans="14:14">
      <c r="N204736" s="10"/>
    </row>
    <row r="204737" spans="14:14">
      <c r="N204737" s="10"/>
    </row>
    <row r="204738" spans="14:14">
      <c r="N204738" s="10"/>
    </row>
    <row r="204739" spans="14:14">
      <c r="N204739" s="10"/>
    </row>
    <row r="204740" spans="14:14">
      <c r="N204740" s="10"/>
    </row>
    <row r="204741" spans="14:14">
      <c r="N204741" s="10"/>
    </row>
    <row r="204742" spans="14:14">
      <c r="N204742" s="10"/>
    </row>
    <row r="204743" spans="14:14">
      <c r="N204743" s="10"/>
    </row>
    <row r="204744" spans="14:14">
      <c r="N204744" s="10"/>
    </row>
    <row r="204745" spans="14:14">
      <c r="N204745" s="10"/>
    </row>
    <row r="204746" spans="14:14">
      <c r="N204746" s="10"/>
    </row>
    <row r="204747" spans="14:14">
      <c r="N204747" s="10"/>
    </row>
    <row r="204748" spans="14:14">
      <c r="N204748" s="10"/>
    </row>
    <row r="204749" spans="14:14">
      <c r="N204749" s="10"/>
    </row>
    <row r="204750" spans="14:14">
      <c r="N204750" s="10"/>
    </row>
    <row r="204751" spans="14:14">
      <c r="N204751" s="10"/>
    </row>
    <row r="204752" spans="14:14">
      <c r="N204752" s="10"/>
    </row>
    <row r="204753" spans="14:14">
      <c r="N204753" s="10"/>
    </row>
    <row r="204754" spans="14:14">
      <c r="N204754" s="10"/>
    </row>
    <row r="204755" spans="14:14">
      <c r="N204755" s="10"/>
    </row>
    <row r="204756" spans="14:14">
      <c r="N204756" s="10"/>
    </row>
    <row r="204757" spans="14:14">
      <c r="N204757" s="10"/>
    </row>
    <row r="204758" spans="14:14">
      <c r="N204758" s="10"/>
    </row>
    <row r="204759" spans="14:14">
      <c r="N204759" s="10"/>
    </row>
    <row r="204760" spans="14:14">
      <c r="N204760" s="10"/>
    </row>
    <row r="204761" spans="14:14">
      <c r="N204761" s="10"/>
    </row>
    <row r="204762" spans="14:14">
      <c r="N204762" s="10"/>
    </row>
    <row r="204763" spans="14:14">
      <c r="N204763" s="10"/>
    </row>
    <row r="204764" spans="14:14">
      <c r="N204764" s="10"/>
    </row>
    <row r="204765" spans="14:14">
      <c r="N204765" s="10"/>
    </row>
    <row r="204766" spans="14:14">
      <c r="N204766" s="10"/>
    </row>
    <row r="204767" spans="14:14">
      <c r="N204767" s="10"/>
    </row>
    <row r="204768" spans="14:14">
      <c r="N204768" s="10"/>
    </row>
    <row r="204769" spans="14:14">
      <c r="N204769" s="10"/>
    </row>
    <row r="204770" spans="14:14">
      <c r="N204770" s="10"/>
    </row>
    <row r="204771" spans="14:14">
      <c r="N204771" s="10"/>
    </row>
    <row r="204772" spans="14:14">
      <c r="N204772" s="10"/>
    </row>
    <row r="204773" spans="14:14">
      <c r="N204773" s="10"/>
    </row>
    <row r="204774" spans="14:14">
      <c r="N204774" s="10"/>
    </row>
    <row r="204775" spans="14:14">
      <c r="N204775" s="10"/>
    </row>
    <row r="204776" spans="14:14">
      <c r="N204776" s="10"/>
    </row>
    <row r="204777" spans="14:14">
      <c r="N204777" s="10"/>
    </row>
    <row r="204778" spans="14:14">
      <c r="N204778" s="10"/>
    </row>
    <row r="204779" spans="14:14">
      <c r="N204779" s="10"/>
    </row>
    <row r="204780" spans="14:14">
      <c r="N204780" s="10"/>
    </row>
    <row r="204781" spans="14:14">
      <c r="N204781" s="10"/>
    </row>
    <row r="204782" spans="14:14">
      <c r="N204782" s="10"/>
    </row>
    <row r="204783" spans="14:14">
      <c r="N204783" s="10"/>
    </row>
    <row r="204784" spans="14:14">
      <c r="N204784" s="10"/>
    </row>
    <row r="204785" spans="14:14">
      <c r="N204785" s="10"/>
    </row>
    <row r="204786" spans="14:14">
      <c r="N204786" s="10"/>
    </row>
    <row r="204787" spans="14:14">
      <c r="N204787" s="10"/>
    </row>
    <row r="204788" spans="14:14">
      <c r="N204788" s="10"/>
    </row>
    <row r="204789" spans="14:14">
      <c r="N204789" s="10"/>
    </row>
    <row r="204790" spans="14:14">
      <c r="N204790" s="10"/>
    </row>
    <row r="204791" spans="14:14">
      <c r="N204791" s="10"/>
    </row>
    <row r="204792" spans="14:14">
      <c r="N204792" s="10"/>
    </row>
    <row r="204793" spans="14:14">
      <c r="N204793" s="10"/>
    </row>
    <row r="204794" spans="14:14">
      <c r="N204794" s="10"/>
    </row>
    <row r="204795" spans="14:14">
      <c r="N204795" s="10"/>
    </row>
    <row r="204796" spans="14:14">
      <c r="N204796" s="10"/>
    </row>
    <row r="204797" spans="14:14">
      <c r="N204797" s="10"/>
    </row>
    <row r="204798" spans="14:14">
      <c r="N204798" s="10"/>
    </row>
    <row r="204799" spans="14:14">
      <c r="N204799" s="10"/>
    </row>
    <row r="204800" spans="14:14">
      <c r="N204800" s="10"/>
    </row>
    <row r="204801" spans="14:14">
      <c r="N204801" s="10"/>
    </row>
    <row r="204802" spans="14:14">
      <c r="N204802" s="10"/>
    </row>
    <row r="204803" spans="14:14">
      <c r="N204803" s="10"/>
    </row>
    <row r="204804" spans="14:14">
      <c r="N204804" s="10"/>
    </row>
    <row r="204805" spans="14:14">
      <c r="N204805" s="10"/>
    </row>
    <row r="204806" spans="14:14">
      <c r="N204806" s="10"/>
    </row>
    <row r="204807" spans="14:14">
      <c r="N204807" s="10"/>
    </row>
    <row r="204808" spans="14:14">
      <c r="N204808" s="10"/>
    </row>
    <row r="204809" spans="14:14">
      <c r="N204809" s="10"/>
    </row>
    <row r="204810" spans="14:14">
      <c r="N204810" s="10"/>
    </row>
    <row r="204811" spans="14:14">
      <c r="N204811" s="10"/>
    </row>
    <row r="204812" spans="14:14">
      <c r="N204812" s="10"/>
    </row>
    <row r="204813" spans="14:14">
      <c r="N204813" s="10"/>
    </row>
    <row r="204814" spans="14:14">
      <c r="N204814" s="10"/>
    </row>
    <row r="204815" spans="14:14">
      <c r="N204815" s="10"/>
    </row>
    <row r="204816" spans="14:14">
      <c r="N204816" s="10"/>
    </row>
    <row r="204817" spans="14:14">
      <c r="N204817" s="10"/>
    </row>
    <row r="204818" spans="14:14">
      <c r="N204818" s="10"/>
    </row>
    <row r="204819" spans="14:14">
      <c r="N204819" s="10"/>
    </row>
    <row r="204820" spans="14:14">
      <c r="N204820" s="10"/>
    </row>
    <row r="204821" spans="14:14">
      <c r="N204821" s="10"/>
    </row>
    <row r="204822" spans="14:14">
      <c r="N204822" s="10"/>
    </row>
    <row r="204823" spans="14:14">
      <c r="N204823" s="10"/>
    </row>
    <row r="204824" spans="14:14">
      <c r="N204824" s="10"/>
    </row>
    <row r="204825" spans="14:14">
      <c r="N204825" s="10"/>
    </row>
    <row r="204826" spans="14:14">
      <c r="N204826" s="10"/>
    </row>
    <row r="204827" spans="14:14">
      <c r="N204827" s="10"/>
    </row>
    <row r="204828" spans="14:14">
      <c r="N204828" s="10"/>
    </row>
    <row r="204829" spans="14:14">
      <c r="N204829" s="10"/>
    </row>
    <row r="204830" spans="14:14">
      <c r="N204830" s="10"/>
    </row>
    <row r="204831" spans="14:14">
      <c r="N204831" s="10"/>
    </row>
    <row r="204832" spans="14:14">
      <c r="N204832" s="10"/>
    </row>
    <row r="204833" spans="14:14">
      <c r="N204833" s="10"/>
    </row>
    <row r="204834" spans="14:14">
      <c r="N204834" s="10"/>
    </row>
    <row r="204835" spans="14:14">
      <c r="N204835" s="10"/>
    </row>
    <row r="204836" spans="14:14">
      <c r="N204836" s="10"/>
    </row>
    <row r="204837" spans="14:14">
      <c r="N204837" s="10"/>
    </row>
    <row r="204838" spans="14:14">
      <c r="N204838" s="10"/>
    </row>
    <row r="204839" spans="14:14">
      <c r="N204839" s="10"/>
    </row>
    <row r="204840" spans="14:14">
      <c r="N204840" s="10"/>
    </row>
    <row r="204841" spans="14:14">
      <c r="N204841" s="10"/>
    </row>
    <row r="204842" spans="14:14">
      <c r="N204842" s="10"/>
    </row>
    <row r="204843" spans="14:14">
      <c r="N204843" s="10"/>
    </row>
    <row r="204844" spans="14:14">
      <c r="N204844" s="10"/>
    </row>
    <row r="204845" spans="14:14">
      <c r="N204845" s="10"/>
    </row>
    <row r="204846" spans="14:14">
      <c r="N204846" s="10"/>
    </row>
    <row r="204847" spans="14:14">
      <c r="N204847" s="10"/>
    </row>
    <row r="204848" spans="14:14">
      <c r="N204848" s="10"/>
    </row>
    <row r="204849" spans="14:14">
      <c r="N204849" s="10"/>
    </row>
    <row r="204850" spans="14:14">
      <c r="N204850" s="10"/>
    </row>
    <row r="204851" spans="14:14">
      <c r="N204851" s="10"/>
    </row>
    <row r="204852" spans="14:14">
      <c r="N204852" s="10"/>
    </row>
    <row r="204853" spans="14:14">
      <c r="N204853" s="10"/>
    </row>
    <row r="204854" spans="14:14">
      <c r="N204854" s="10"/>
    </row>
    <row r="204855" spans="14:14">
      <c r="N204855" s="10"/>
    </row>
    <row r="204856" spans="14:14">
      <c r="N204856" s="10"/>
    </row>
    <row r="204857" spans="14:14">
      <c r="N204857" s="10"/>
    </row>
    <row r="204858" spans="14:14">
      <c r="N204858" s="10"/>
    </row>
    <row r="204859" spans="14:14">
      <c r="N204859" s="10"/>
    </row>
    <row r="204860" spans="14:14">
      <c r="N204860" s="10"/>
    </row>
    <row r="204861" spans="14:14">
      <c r="N204861" s="10"/>
    </row>
    <row r="204862" spans="14:14">
      <c r="N204862" s="10"/>
    </row>
    <row r="204863" spans="14:14">
      <c r="N204863" s="10"/>
    </row>
    <row r="204864" spans="14:14">
      <c r="N204864" s="10"/>
    </row>
    <row r="204865" spans="14:14">
      <c r="N204865" s="10"/>
    </row>
    <row r="204866" spans="14:14">
      <c r="N204866" s="10"/>
    </row>
    <row r="204867" spans="14:14">
      <c r="N204867" s="10"/>
    </row>
    <row r="204868" spans="14:14">
      <c r="N204868" s="10"/>
    </row>
    <row r="204869" spans="14:14">
      <c r="N204869" s="10"/>
    </row>
    <row r="204870" spans="14:14">
      <c r="N204870" s="10"/>
    </row>
    <row r="204871" spans="14:14">
      <c r="N204871" s="10"/>
    </row>
    <row r="204872" spans="14:14">
      <c r="N204872" s="10"/>
    </row>
    <row r="204873" spans="14:14">
      <c r="N204873" s="10"/>
    </row>
    <row r="204874" spans="14:14">
      <c r="N204874" s="10"/>
    </row>
    <row r="204875" spans="14:14">
      <c r="N204875" s="10"/>
    </row>
    <row r="204876" spans="14:14">
      <c r="N204876" s="10"/>
    </row>
    <row r="204877" spans="14:14">
      <c r="N204877" s="10"/>
    </row>
    <row r="204878" spans="14:14">
      <c r="N204878" s="10"/>
    </row>
    <row r="204879" spans="14:14">
      <c r="N204879" s="10"/>
    </row>
    <row r="204880" spans="14:14">
      <c r="N204880" s="10"/>
    </row>
    <row r="204881" spans="14:14">
      <c r="N204881" s="10"/>
    </row>
    <row r="204882" spans="14:14">
      <c r="N204882" s="10"/>
    </row>
    <row r="204883" spans="14:14">
      <c r="N204883" s="10"/>
    </row>
    <row r="204884" spans="14:14">
      <c r="N204884" s="10"/>
    </row>
    <row r="204885" spans="14:14">
      <c r="N204885" s="10"/>
    </row>
    <row r="204886" spans="14:14">
      <c r="N204886" s="10"/>
    </row>
    <row r="204887" spans="14:14">
      <c r="N204887" s="10"/>
    </row>
    <row r="204888" spans="14:14">
      <c r="N204888" s="10"/>
    </row>
    <row r="204889" spans="14:14">
      <c r="N204889" s="10"/>
    </row>
    <row r="204890" spans="14:14">
      <c r="N204890" s="10"/>
    </row>
    <row r="204891" spans="14:14">
      <c r="N204891" s="10"/>
    </row>
    <row r="204892" spans="14:14">
      <c r="N204892" s="10"/>
    </row>
    <row r="204893" spans="14:14">
      <c r="N204893" s="10"/>
    </row>
    <row r="204894" spans="14:14">
      <c r="N204894" s="10"/>
    </row>
    <row r="204895" spans="14:14">
      <c r="N204895" s="10"/>
    </row>
    <row r="204896" spans="14:14">
      <c r="N204896" s="10"/>
    </row>
    <row r="204897" spans="14:14">
      <c r="N204897" s="10"/>
    </row>
    <row r="204898" spans="14:14">
      <c r="N204898" s="10"/>
    </row>
    <row r="204899" spans="14:14">
      <c r="N204899" s="10"/>
    </row>
    <row r="204900" spans="14:14">
      <c r="N204900" s="10"/>
    </row>
    <row r="204901" spans="14:14">
      <c r="N204901" s="10"/>
    </row>
    <row r="204902" spans="14:14">
      <c r="N204902" s="10"/>
    </row>
    <row r="204903" spans="14:14">
      <c r="N204903" s="10"/>
    </row>
    <row r="204904" spans="14:14">
      <c r="N204904" s="10"/>
    </row>
    <row r="204905" spans="14:14">
      <c r="N204905" s="10"/>
    </row>
    <row r="204906" spans="14:14">
      <c r="N204906" s="10"/>
    </row>
    <row r="204907" spans="14:14">
      <c r="N204907" s="10"/>
    </row>
    <row r="204908" spans="14:14">
      <c r="N204908" s="10"/>
    </row>
    <row r="204909" spans="14:14">
      <c r="N204909" s="10"/>
    </row>
    <row r="204910" spans="14:14">
      <c r="N204910" s="10"/>
    </row>
    <row r="204911" spans="14:14">
      <c r="N204911" s="10"/>
    </row>
    <row r="204912" spans="14:14">
      <c r="N204912" s="10"/>
    </row>
    <row r="204913" spans="14:14">
      <c r="N204913" s="10"/>
    </row>
    <row r="204914" spans="14:14">
      <c r="N204914" s="10"/>
    </row>
    <row r="204915" spans="14:14">
      <c r="N204915" s="10"/>
    </row>
    <row r="204916" spans="14:14">
      <c r="N204916" s="10"/>
    </row>
    <row r="204917" spans="14:14">
      <c r="N204917" s="10"/>
    </row>
    <row r="204918" spans="14:14">
      <c r="N204918" s="10"/>
    </row>
    <row r="204919" spans="14:14">
      <c r="N204919" s="10"/>
    </row>
    <row r="204920" spans="14:14">
      <c r="N204920" s="10"/>
    </row>
    <row r="204921" spans="14:14">
      <c r="N204921" s="10"/>
    </row>
    <row r="204922" spans="14:14">
      <c r="N204922" s="10"/>
    </row>
    <row r="204923" spans="14:14">
      <c r="N204923" s="10"/>
    </row>
    <row r="204924" spans="14:14">
      <c r="N204924" s="10"/>
    </row>
    <row r="204925" spans="14:14">
      <c r="N204925" s="10"/>
    </row>
    <row r="204926" spans="14:14">
      <c r="N204926" s="10"/>
    </row>
    <row r="204927" spans="14:14">
      <c r="N204927" s="10"/>
    </row>
    <row r="204928" spans="14:14">
      <c r="N204928" s="10"/>
    </row>
    <row r="204929" spans="14:14">
      <c r="N204929" s="10"/>
    </row>
    <row r="204930" spans="14:14">
      <c r="N204930" s="10"/>
    </row>
    <row r="204931" spans="14:14">
      <c r="N204931" s="10"/>
    </row>
    <row r="204932" spans="14:14">
      <c r="N204932" s="10"/>
    </row>
    <row r="204933" spans="14:14">
      <c r="N204933" s="10"/>
    </row>
    <row r="204934" spans="14:14">
      <c r="N204934" s="10"/>
    </row>
    <row r="204935" spans="14:14">
      <c r="N204935" s="10"/>
    </row>
    <row r="204936" spans="14:14">
      <c r="N204936" s="10"/>
    </row>
    <row r="204937" spans="14:14">
      <c r="N204937" s="10"/>
    </row>
    <row r="204938" spans="14:14">
      <c r="N204938" s="10"/>
    </row>
    <row r="204939" spans="14:14">
      <c r="N204939" s="10"/>
    </row>
    <row r="204940" spans="14:14">
      <c r="N204940" s="10"/>
    </row>
    <row r="204941" spans="14:14">
      <c r="N204941" s="10"/>
    </row>
    <row r="204942" spans="14:14">
      <c r="N204942" s="10"/>
    </row>
    <row r="204943" spans="14:14">
      <c r="N204943" s="10"/>
    </row>
    <row r="204944" spans="14:14">
      <c r="N204944" s="10"/>
    </row>
    <row r="204945" spans="14:14">
      <c r="N204945" s="10"/>
    </row>
    <row r="204946" spans="14:14">
      <c r="N204946" s="10"/>
    </row>
    <row r="204947" spans="14:14">
      <c r="N204947" s="10"/>
    </row>
    <row r="204948" spans="14:14">
      <c r="N204948" s="10"/>
    </row>
    <row r="204949" spans="14:14">
      <c r="N204949" s="10"/>
    </row>
    <row r="204950" spans="14:14">
      <c r="N204950" s="10"/>
    </row>
    <row r="204951" spans="14:14">
      <c r="N204951" s="10"/>
    </row>
    <row r="204952" spans="14:14">
      <c r="N204952" s="10"/>
    </row>
    <row r="204953" spans="14:14">
      <c r="N204953" s="10"/>
    </row>
    <row r="204954" spans="14:14">
      <c r="N204954" s="10"/>
    </row>
    <row r="204955" spans="14:14">
      <c r="N204955" s="10"/>
    </row>
    <row r="204956" spans="14:14">
      <c r="N204956" s="10"/>
    </row>
    <row r="204957" spans="14:14">
      <c r="N204957" s="10"/>
    </row>
    <row r="204958" spans="14:14">
      <c r="N204958" s="10"/>
    </row>
    <row r="204959" spans="14:14">
      <c r="N204959" s="10"/>
    </row>
    <row r="204960" spans="14:14">
      <c r="N204960" s="10"/>
    </row>
    <row r="204961" spans="14:14">
      <c r="N204961" s="10"/>
    </row>
    <row r="204962" spans="14:14">
      <c r="N204962" s="10"/>
    </row>
    <row r="204963" spans="14:14">
      <c r="N204963" s="10"/>
    </row>
    <row r="204964" spans="14:14">
      <c r="N204964" s="10"/>
    </row>
    <row r="204965" spans="14:14">
      <c r="N204965" s="10"/>
    </row>
    <row r="204966" spans="14:14">
      <c r="N204966" s="10"/>
    </row>
    <row r="204967" spans="14:14">
      <c r="N204967" s="10"/>
    </row>
    <row r="204968" spans="14:14">
      <c r="N204968" s="10"/>
    </row>
    <row r="204969" spans="14:14">
      <c r="N204969" s="10"/>
    </row>
    <row r="204970" spans="14:14">
      <c r="N204970" s="10"/>
    </row>
    <row r="204971" spans="14:14">
      <c r="N204971" s="10"/>
    </row>
    <row r="204972" spans="14:14">
      <c r="N204972" s="10"/>
    </row>
    <row r="204973" spans="14:14">
      <c r="N204973" s="10"/>
    </row>
    <row r="204974" spans="14:14">
      <c r="N204974" s="10"/>
    </row>
    <row r="204975" spans="14:14">
      <c r="N204975" s="10"/>
    </row>
    <row r="204976" spans="14:14">
      <c r="N204976" s="10"/>
    </row>
    <row r="204977" spans="14:14">
      <c r="N204977" s="10"/>
    </row>
    <row r="204978" spans="14:14">
      <c r="N204978" s="10"/>
    </row>
    <row r="204979" spans="14:14">
      <c r="N204979" s="10"/>
    </row>
    <row r="204980" spans="14:14">
      <c r="N204980" s="10"/>
    </row>
    <row r="204981" spans="14:14">
      <c r="N204981" s="10"/>
    </row>
    <row r="204982" spans="14:14">
      <c r="N204982" s="10"/>
    </row>
    <row r="204983" spans="14:14">
      <c r="N204983" s="10"/>
    </row>
    <row r="204984" spans="14:14">
      <c r="N204984" s="10"/>
    </row>
    <row r="204985" spans="14:14">
      <c r="N204985" s="10"/>
    </row>
    <row r="204986" spans="14:14">
      <c r="N204986" s="10"/>
    </row>
    <row r="204987" spans="14:14">
      <c r="N204987" s="10"/>
    </row>
    <row r="204988" spans="14:14">
      <c r="N204988" s="10"/>
    </row>
    <row r="204989" spans="14:14">
      <c r="N204989" s="10"/>
    </row>
    <row r="204990" spans="14:14">
      <c r="N204990" s="10"/>
    </row>
    <row r="204991" spans="14:14">
      <c r="N204991" s="10"/>
    </row>
    <row r="204992" spans="14:14">
      <c r="N204992" s="10"/>
    </row>
    <row r="204993" spans="14:14">
      <c r="N204993" s="10"/>
    </row>
    <row r="204994" spans="14:14">
      <c r="N204994" s="10"/>
    </row>
    <row r="204995" spans="14:14">
      <c r="N204995" s="10"/>
    </row>
    <row r="204996" spans="14:14">
      <c r="N204996" s="10"/>
    </row>
    <row r="204997" spans="14:14">
      <c r="N204997" s="10"/>
    </row>
    <row r="204998" spans="14:14">
      <c r="N204998" s="10"/>
    </row>
    <row r="204999" spans="14:14">
      <c r="N204999" s="10"/>
    </row>
    <row r="205000" spans="14:14">
      <c r="N205000" s="10"/>
    </row>
    <row r="205001" spans="14:14">
      <c r="N205001" s="10"/>
    </row>
    <row r="205002" spans="14:14">
      <c r="N205002" s="10"/>
    </row>
    <row r="205003" spans="14:14">
      <c r="N205003" s="10"/>
    </row>
    <row r="205004" spans="14:14">
      <c r="N205004" s="10"/>
    </row>
    <row r="205005" spans="14:14">
      <c r="N205005" s="10"/>
    </row>
    <row r="205006" spans="14:14">
      <c r="N205006" s="10"/>
    </row>
    <row r="205007" spans="14:14">
      <c r="N205007" s="10"/>
    </row>
    <row r="205008" spans="14:14">
      <c r="N205008" s="10"/>
    </row>
    <row r="205009" spans="14:14">
      <c r="N205009" s="10"/>
    </row>
    <row r="205010" spans="14:14">
      <c r="N205010" s="10"/>
    </row>
    <row r="205011" spans="14:14">
      <c r="N205011" s="10"/>
    </row>
    <row r="205012" spans="14:14">
      <c r="N205012" s="10"/>
    </row>
    <row r="205013" spans="14:14">
      <c r="N205013" s="10"/>
    </row>
    <row r="205014" spans="14:14">
      <c r="N205014" s="10"/>
    </row>
    <row r="205015" spans="14:14">
      <c r="N205015" s="10"/>
    </row>
    <row r="205016" spans="14:14">
      <c r="N205016" s="10"/>
    </row>
    <row r="205017" spans="14:14">
      <c r="N205017" s="10"/>
    </row>
    <row r="205018" spans="14:14">
      <c r="N205018" s="10"/>
    </row>
    <row r="205019" spans="14:14">
      <c r="N205019" s="10"/>
    </row>
    <row r="205020" spans="14:14">
      <c r="N205020" s="10"/>
    </row>
    <row r="205021" spans="14:14">
      <c r="N205021" s="10"/>
    </row>
    <row r="205022" spans="14:14">
      <c r="N205022" s="10"/>
    </row>
    <row r="205023" spans="14:14">
      <c r="N205023" s="10"/>
    </row>
    <row r="205024" spans="14:14">
      <c r="N205024" s="10"/>
    </row>
    <row r="205025" spans="14:14">
      <c r="N205025" s="10"/>
    </row>
    <row r="205026" spans="14:14">
      <c r="N205026" s="10"/>
    </row>
    <row r="205027" spans="14:14">
      <c r="N205027" s="10"/>
    </row>
    <row r="205028" spans="14:14">
      <c r="N205028" s="10"/>
    </row>
    <row r="205029" spans="14:14">
      <c r="N205029" s="10"/>
    </row>
    <row r="205030" spans="14:14">
      <c r="N205030" s="10"/>
    </row>
    <row r="205031" spans="14:14">
      <c r="N205031" s="10"/>
    </row>
    <row r="205032" spans="14:14">
      <c r="N205032" s="10"/>
    </row>
    <row r="205033" spans="14:14">
      <c r="N205033" s="10"/>
    </row>
    <row r="205034" spans="14:14">
      <c r="N205034" s="10"/>
    </row>
    <row r="205035" spans="14:14">
      <c r="N205035" s="10"/>
    </row>
    <row r="205036" spans="14:14">
      <c r="N205036" s="10"/>
    </row>
    <row r="205037" spans="14:14">
      <c r="N205037" s="10"/>
    </row>
    <row r="205038" spans="14:14">
      <c r="N205038" s="10"/>
    </row>
    <row r="205039" spans="14:14">
      <c r="N205039" s="10"/>
    </row>
    <row r="205040" spans="14:14">
      <c r="N205040" s="10"/>
    </row>
    <row r="205041" spans="14:14">
      <c r="N205041" s="10"/>
    </row>
    <row r="205042" spans="14:14">
      <c r="N205042" s="10"/>
    </row>
    <row r="205043" spans="14:14">
      <c r="N205043" s="10"/>
    </row>
    <row r="205044" spans="14:14">
      <c r="N205044" s="10"/>
    </row>
    <row r="205045" spans="14:14">
      <c r="N205045" s="10"/>
    </row>
    <row r="205046" spans="14:14">
      <c r="N205046" s="10"/>
    </row>
    <row r="205047" spans="14:14">
      <c r="N205047" s="10"/>
    </row>
    <row r="205048" spans="14:14">
      <c r="N205048" s="10"/>
    </row>
    <row r="205049" spans="14:14">
      <c r="N205049" s="10"/>
    </row>
    <row r="205050" spans="14:14">
      <c r="N205050" s="10"/>
    </row>
    <row r="205051" spans="14:14">
      <c r="N205051" s="10"/>
    </row>
    <row r="205052" spans="14:14">
      <c r="N205052" s="10"/>
    </row>
    <row r="205053" spans="14:14">
      <c r="N205053" s="10"/>
    </row>
    <row r="205054" spans="14:14">
      <c r="N205054" s="10"/>
    </row>
    <row r="205055" spans="14:14">
      <c r="N205055" s="10"/>
    </row>
    <row r="205056" spans="14:14">
      <c r="N205056" s="10"/>
    </row>
    <row r="205057" spans="14:14">
      <c r="N205057" s="10"/>
    </row>
    <row r="205058" spans="14:14">
      <c r="N205058" s="10"/>
    </row>
    <row r="205059" spans="14:14">
      <c r="N205059" s="10"/>
    </row>
    <row r="205060" spans="14:14">
      <c r="N205060" s="10"/>
    </row>
    <row r="205061" spans="14:14">
      <c r="N205061" s="10"/>
    </row>
    <row r="205062" spans="14:14">
      <c r="N205062" s="10"/>
    </row>
    <row r="205063" spans="14:14">
      <c r="N205063" s="10"/>
    </row>
    <row r="205064" spans="14:14">
      <c r="N205064" s="10"/>
    </row>
    <row r="205065" spans="14:14">
      <c r="N205065" s="10"/>
    </row>
    <row r="205066" spans="14:14">
      <c r="N205066" s="10"/>
    </row>
    <row r="205067" spans="14:14">
      <c r="N205067" s="10"/>
    </row>
    <row r="205068" spans="14:14">
      <c r="N205068" s="10"/>
    </row>
    <row r="205069" spans="14:14">
      <c r="N205069" s="10"/>
    </row>
    <row r="205070" spans="14:14">
      <c r="N205070" s="10"/>
    </row>
    <row r="205071" spans="14:14">
      <c r="N205071" s="10"/>
    </row>
    <row r="205072" spans="14:14">
      <c r="N205072" s="10"/>
    </row>
    <row r="205073" spans="14:14">
      <c r="N205073" s="10"/>
    </row>
    <row r="205074" spans="14:14">
      <c r="N205074" s="10"/>
    </row>
    <row r="205075" spans="14:14">
      <c r="N205075" s="10"/>
    </row>
    <row r="205076" spans="14:14">
      <c r="N205076" s="10"/>
    </row>
    <row r="205077" spans="14:14">
      <c r="N205077" s="10"/>
    </row>
    <row r="205078" spans="14:14">
      <c r="N205078" s="10"/>
    </row>
    <row r="205079" spans="14:14">
      <c r="N205079" s="10"/>
    </row>
    <row r="205080" spans="14:14">
      <c r="N205080" s="10"/>
    </row>
    <row r="205081" spans="14:14">
      <c r="N205081" s="10"/>
    </row>
    <row r="205082" spans="14:14">
      <c r="N205082" s="10"/>
    </row>
    <row r="205083" spans="14:14">
      <c r="N205083" s="10"/>
    </row>
    <row r="205084" spans="14:14">
      <c r="N205084" s="10"/>
    </row>
    <row r="205085" spans="14:14">
      <c r="N205085" s="10"/>
    </row>
    <row r="205086" spans="14:14">
      <c r="N205086" s="10"/>
    </row>
    <row r="205087" spans="14:14">
      <c r="N205087" s="10"/>
    </row>
    <row r="205088" spans="14:14">
      <c r="N205088" s="10"/>
    </row>
    <row r="205089" spans="14:14">
      <c r="N205089" s="10"/>
    </row>
    <row r="205090" spans="14:14">
      <c r="N205090" s="10"/>
    </row>
    <row r="205091" spans="14:14">
      <c r="N205091" s="10"/>
    </row>
    <row r="205092" spans="14:14">
      <c r="N205092" s="10"/>
    </row>
    <row r="205093" spans="14:14">
      <c r="N205093" s="10"/>
    </row>
    <row r="205094" spans="14:14">
      <c r="N205094" s="10"/>
    </row>
    <row r="205095" spans="14:14">
      <c r="N205095" s="10"/>
    </row>
    <row r="205096" spans="14:14">
      <c r="N205096" s="10"/>
    </row>
    <row r="205097" spans="14:14">
      <c r="N205097" s="10"/>
    </row>
    <row r="205098" spans="14:14">
      <c r="N205098" s="10"/>
    </row>
    <row r="205099" spans="14:14">
      <c r="N205099" s="10"/>
    </row>
    <row r="205100" spans="14:14">
      <c r="N205100" s="10"/>
    </row>
    <row r="205101" spans="14:14">
      <c r="N205101" s="10"/>
    </row>
    <row r="205102" spans="14:14">
      <c r="N205102" s="10"/>
    </row>
    <row r="205103" spans="14:14">
      <c r="N205103" s="10"/>
    </row>
    <row r="205104" spans="14:14">
      <c r="N205104" s="10"/>
    </row>
    <row r="205105" spans="14:14">
      <c r="N205105" s="10"/>
    </row>
    <row r="205106" spans="14:14">
      <c r="N205106" s="10"/>
    </row>
    <row r="205107" spans="14:14">
      <c r="N205107" s="10"/>
    </row>
    <row r="205108" spans="14:14">
      <c r="N205108" s="10"/>
    </row>
    <row r="205109" spans="14:14">
      <c r="N205109" s="10"/>
    </row>
    <row r="205110" spans="14:14">
      <c r="N205110" s="10"/>
    </row>
    <row r="205111" spans="14:14">
      <c r="N205111" s="10"/>
    </row>
    <row r="205112" spans="14:14">
      <c r="N205112" s="10"/>
    </row>
    <row r="205113" spans="14:14">
      <c r="N205113" s="10"/>
    </row>
    <row r="205114" spans="14:14">
      <c r="N205114" s="10"/>
    </row>
    <row r="205115" spans="14:14">
      <c r="N205115" s="10"/>
    </row>
    <row r="205116" spans="14:14">
      <c r="N205116" s="10"/>
    </row>
    <row r="205117" spans="14:14">
      <c r="N205117" s="10"/>
    </row>
    <row r="205118" spans="14:14">
      <c r="N205118" s="10"/>
    </row>
    <row r="205119" spans="14:14">
      <c r="N205119" s="10"/>
    </row>
    <row r="205120" spans="14:14">
      <c r="N205120" s="10"/>
    </row>
    <row r="205121" spans="14:14">
      <c r="N205121" s="10"/>
    </row>
    <row r="205122" spans="14:14">
      <c r="N205122" s="10"/>
    </row>
    <row r="205123" spans="14:14">
      <c r="N205123" s="10"/>
    </row>
    <row r="205124" spans="14:14">
      <c r="N205124" s="10"/>
    </row>
    <row r="205125" spans="14:14">
      <c r="N205125" s="10"/>
    </row>
    <row r="205126" spans="14:14">
      <c r="N205126" s="10"/>
    </row>
    <row r="205127" spans="14:14">
      <c r="N205127" s="10"/>
    </row>
    <row r="205128" spans="14:14">
      <c r="N205128" s="10"/>
    </row>
    <row r="205129" spans="14:14">
      <c r="N205129" s="10"/>
    </row>
    <row r="205130" spans="14:14">
      <c r="N205130" s="10"/>
    </row>
    <row r="205131" spans="14:14">
      <c r="N205131" s="10"/>
    </row>
    <row r="205132" spans="14:14">
      <c r="N205132" s="10"/>
    </row>
    <row r="205133" spans="14:14">
      <c r="N205133" s="10"/>
    </row>
    <row r="205134" spans="14:14">
      <c r="N205134" s="10"/>
    </row>
    <row r="205135" spans="14:14">
      <c r="N205135" s="10"/>
    </row>
    <row r="205136" spans="14:14">
      <c r="N205136" s="10"/>
    </row>
    <row r="205137" spans="14:14">
      <c r="N205137" s="10"/>
    </row>
    <row r="205138" spans="14:14">
      <c r="N205138" s="10"/>
    </row>
    <row r="205139" spans="14:14">
      <c r="N205139" s="10"/>
    </row>
    <row r="205140" spans="14:14">
      <c r="N205140" s="10"/>
    </row>
    <row r="205141" spans="14:14">
      <c r="N205141" s="10"/>
    </row>
    <row r="205142" spans="14:14">
      <c r="N205142" s="10"/>
    </row>
    <row r="205143" spans="14:14">
      <c r="N205143" s="10"/>
    </row>
    <row r="205144" spans="14:14">
      <c r="N205144" s="10"/>
    </row>
    <row r="205145" spans="14:14">
      <c r="N205145" s="10"/>
    </row>
    <row r="205146" spans="14:14">
      <c r="N205146" s="10"/>
    </row>
    <row r="205147" spans="14:14">
      <c r="N205147" s="10"/>
    </row>
    <row r="205148" spans="14:14">
      <c r="N205148" s="10"/>
    </row>
    <row r="205149" spans="14:14">
      <c r="N205149" s="10"/>
    </row>
    <row r="205150" spans="14:14">
      <c r="N205150" s="10"/>
    </row>
    <row r="205151" spans="14:14">
      <c r="N205151" s="10"/>
    </row>
    <row r="205152" spans="14:14">
      <c r="N205152" s="10"/>
    </row>
    <row r="205153" spans="14:14">
      <c r="N205153" s="10"/>
    </row>
    <row r="205154" spans="14:14">
      <c r="N205154" s="10"/>
    </row>
    <row r="205155" spans="14:14">
      <c r="N205155" s="10"/>
    </row>
    <row r="205156" spans="14:14">
      <c r="N205156" s="10"/>
    </row>
    <row r="205157" spans="14:14">
      <c r="N205157" s="10"/>
    </row>
    <row r="205158" spans="14:14">
      <c r="N205158" s="10"/>
    </row>
    <row r="205159" spans="14:14">
      <c r="N205159" s="10"/>
    </row>
    <row r="205160" spans="14:14">
      <c r="N205160" s="10"/>
    </row>
    <row r="205161" spans="14:14">
      <c r="N205161" s="10"/>
    </row>
    <row r="205162" spans="14:14">
      <c r="N205162" s="10"/>
    </row>
    <row r="205163" spans="14:14">
      <c r="N205163" s="10"/>
    </row>
    <row r="205164" spans="14:14">
      <c r="N205164" s="10"/>
    </row>
    <row r="205165" spans="14:14">
      <c r="N205165" s="10"/>
    </row>
    <row r="205166" spans="14:14">
      <c r="N205166" s="10"/>
    </row>
    <row r="205167" spans="14:14">
      <c r="N205167" s="10"/>
    </row>
    <row r="205168" spans="14:14">
      <c r="N205168" s="10"/>
    </row>
    <row r="205169" spans="14:14">
      <c r="N205169" s="10"/>
    </row>
    <row r="205170" spans="14:14">
      <c r="N205170" s="10"/>
    </row>
    <row r="205171" spans="14:14">
      <c r="N205171" s="10"/>
    </row>
    <row r="205172" spans="14:14">
      <c r="N205172" s="10"/>
    </row>
    <row r="205173" spans="14:14">
      <c r="N205173" s="10"/>
    </row>
    <row r="205174" spans="14:14">
      <c r="N205174" s="10"/>
    </row>
    <row r="205175" spans="14:14">
      <c r="N205175" s="10"/>
    </row>
    <row r="205176" spans="14:14">
      <c r="N205176" s="10"/>
    </row>
    <row r="205177" spans="14:14">
      <c r="N205177" s="10"/>
    </row>
    <row r="205178" spans="14:14">
      <c r="N205178" s="10"/>
    </row>
    <row r="205179" spans="14:14">
      <c r="N205179" s="10"/>
    </row>
    <row r="205180" spans="14:14">
      <c r="N205180" s="10"/>
    </row>
    <row r="205181" spans="14:14">
      <c r="N205181" s="10"/>
    </row>
    <row r="205182" spans="14:14">
      <c r="N205182" s="10"/>
    </row>
    <row r="205183" spans="14:14">
      <c r="N205183" s="10"/>
    </row>
    <row r="205184" spans="14:14">
      <c r="N205184" s="10"/>
    </row>
    <row r="205185" spans="14:14">
      <c r="N205185" s="10"/>
    </row>
    <row r="205186" spans="14:14">
      <c r="N205186" s="10"/>
    </row>
    <row r="205187" spans="14:14">
      <c r="N205187" s="10"/>
    </row>
    <row r="205188" spans="14:14">
      <c r="N205188" s="10"/>
    </row>
    <row r="205189" spans="14:14">
      <c r="N205189" s="10"/>
    </row>
    <row r="205190" spans="14:14">
      <c r="N205190" s="10"/>
    </row>
    <row r="205191" spans="14:14">
      <c r="N205191" s="10"/>
    </row>
    <row r="205192" spans="14:14">
      <c r="N205192" s="10"/>
    </row>
    <row r="205193" spans="14:14">
      <c r="N205193" s="10"/>
    </row>
    <row r="205194" spans="14:14">
      <c r="N205194" s="10"/>
    </row>
    <row r="205195" spans="14:14">
      <c r="N205195" s="10"/>
    </row>
    <row r="205196" spans="14:14">
      <c r="N205196" s="10"/>
    </row>
    <row r="205197" spans="14:14">
      <c r="N205197" s="10"/>
    </row>
    <row r="205198" spans="14:14">
      <c r="N205198" s="10"/>
    </row>
    <row r="205199" spans="14:14">
      <c r="N205199" s="10"/>
    </row>
    <row r="205200" spans="14:14">
      <c r="N205200" s="10"/>
    </row>
    <row r="205201" spans="14:14">
      <c r="N205201" s="10"/>
    </row>
    <row r="205202" spans="14:14">
      <c r="N205202" s="10"/>
    </row>
    <row r="205203" spans="14:14">
      <c r="N205203" s="10"/>
    </row>
    <row r="205204" spans="14:14">
      <c r="N205204" s="10"/>
    </row>
    <row r="205205" spans="14:14">
      <c r="N205205" s="10"/>
    </row>
    <row r="205206" spans="14:14">
      <c r="N205206" s="10"/>
    </row>
    <row r="205207" spans="14:14">
      <c r="N205207" s="10"/>
    </row>
    <row r="205208" spans="14:14">
      <c r="N205208" s="10"/>
    </row>
    <row r="205209" spans="14:14">
      <c r="N205209" s="10"/>
    </row>
    <row r="205210" spans="14:14">
      <c r="N205210" s="10"/>
    </row>
    <row r="205211" spans="14:14">
      <c r="N205211" s="10"/>
    </row>
    <row r="205212" spans="14:14">
      <c r="N205212" s="10"/>
    </row>
    <row r="205213" spans="14:14">
      <c r="N205213" s="10"/>
    </row>
    <row r="205214" spans="14:14">
      <c r="N205214" s="10"/>
    </row>
    <row r="205215" spans="14:14">
      <c r="N205215" s="10"/>
    </row>
    <row r="205216" spans="14:14">
      <c r="N205216" s="10"/>
    </row>
    <row r="205217" spans="14:14">
      <c r="N205217" s="10"/>
    </row>
    <row r="205218" spans="14:14">
      <c r="N205218" s="10"/>
    </row>
    <row r="205219" spans="14:14">
      <c r="N205219" s="10"/>
    </row>
    <row r="205220" spans="14:14">
      <c r="N205220" s="10"/>
    </row>
    <row r="205221" spans="14:14">
      <c r="N205221" s="10"/>
    </row>
    <row r="205222" spans="14:14">
      <c r="N205222" s="10"/>
    </row>
    <row r="205223" spans="14:14">
      <c r="N205223" s="10"/>
    </row>
    <row r="205224" spans="14:14">
      <c r="N205224" s="10"/>
    </row>
    <row r="205225" spans="14:14">
      <c r="N205225" s="10"/>
    </row>
    <row r="205226" spans="14:14">
      <c r="N205226" s="10"/>
    </row>
    <row r="205227" spans="14:14">
      <c r="N205227" s="10"/>
    </row>
    <row r="205228" spans="14:14">
      <c r="N205228" s="10"/>
    </row>
    <row r="205229" spans="14:14">
      <c r="N205229" s="10"/>
    </row>
    <row r="205230" spans="14:14">
      <c r="N205230" s="10"/>
    </row>
    <row r="205231" spans="14:14">
      <c r="N205231" s="10"/>
    </row>
    <row r="205232" spans="14:14">
      <c r="N205232" s="10"/>
    </row>
    <row r="205233" spans="14:14">
      <c r="N205233" s="10"/>
    </row>
    <row r="205234" spans="14:14">
      <c r="N205234" s="10"/>
    </row>
    <row r="205235" spans="14:14">
      <c r="N205235" s="10"/>
    </row>
    <row r="205236" spans="14:14">
      <c r="N205236" s="10"/>
    </row>
    <row r="205237" spans="14:14">
      <c r="N205237" s="10"/>
    </row>
    <row r="205238" spans="14:14">
      <c r="N205238" s="10"/>
    </row>
    <row r="205239" spans="14:14">
      <c r="N205239" s="10"/>
    </row>
    <row r="205240" spans="14:14">
      <c r="N205240" s="10"/>
    </row>
    <row r="205241" spans="14:14">
      <c r="N205241" s="10"/>
    </row>
    <row r="205242" spans="14:14">
      <c r="N205242" s="10"/>
    </row>
    <row r="205243" spans="14:14">
      <c r="N205243" s="10"/>
    </row>
    <row r="205244" spans="14:14">
      <c r="N205244" s="10"/>
    </row>
    <row r="205245" spans="14:14">
      <c r="N205245" s="10"/>
    </row>
    <row r="205246" spans="14:14">
      <c r="N205246" s="10"/>
    </row>
    <row r="205247" spans="14:14">
      <c r="N205247" s="10"/>
    </row>
    <row r="205248" spans="14:14">
      <c r="N205248" s="10"/>
    </row>
    <row r="205249" spans="14:14">
      <c r="N205249" s="10"/>
    </row>
    <row r="205250" spans="14:14">
      <c r="N205250" s="10"/>
    </row>
    <row r="205251" spans="14:14">
      <c r="N205251" s="10"/>
    </row>
    <row r="205252" spans="14:14">
      <c r="N205252" s="10"/>
    </row>
    <row r="205253" spans="14:14">
      <c r="N205253" s="10"/>
    </row>
    <row r="205254" spans="14:14">
      <c r="N205254" s="10"/>
    </row>
    <row r="205255" spans="14:14">
      <c r="N205255" s="10"/>
    </row>
    <row r="205256" spans="14:14">
      <c r="N205256" s="10"/>
    </row>
    <row r="205257" spans="14:14">
      <c r="N205257" s="10"/>
    </row>
    <row r="205258" spans="14:14">
      <c r="N205258" s="10"/>
    </row>
    <row r="205259" spans="14:14">
      <c r="N205259" s="10"/>
    </row>
    <row r="205260" spans="14:14">
      <c r="N205260" s="10"/>
    </row>
    <row r="205261" spans="14:14">
      <c r="N205261" s="10"/>
    </row>
    <row r="205262" spans="14:14">
      <c r="N205262" s="10"/>
    </row>
    <row r="205263" spans="14:14">
      <c r="N205263" s="10"/>
    </row>
    <row r="205264" spans="14:14">
      <c r="N205264" s="10"/>
    </row>
    <row r="205265" spans="14:14">
      <c r="N205265" s="10"/>
    </row>
    <row r="205266" spans="14:14">
      <c r="N205266" s="10"/>
    </row>
    <row r="205267" spans="14:14">
      <c r="N205267" s="10"/>
    </row>
    <row r="205268" spans="14:14">
      <c r="N205268" s="10"/>
    </row>
    <row r="205269" spans="14:14">
      <c r="N205269" s="10"/>
    </row>
    <row r="205270" spans="14:14">
      <c r="N205270" s="10"/>
    </row>
    <row r="205271" spans="14:14">
      <c r="N205271" s="10"/>
    </row>
    <row r="205272" spans="14:14">
      <c r="N205272" s="10"/>
    </row>
    <row r="205273" spans="14:14">
      <c r="N205273" s="10"/>
    </row>
    <row r="205274" spans="14:14">
      <c r="N205274" s="10"/>
    </row>
    <row r="205275" spans="14:14">
      <c r="N205275" s="10"/>
    </row>
    <row r="205276" spans="14:14">
      <c r="N205276" s="10"/>
    </row>
    <row r="205277" spans="14:14">
      <c r="N205277" s="10"/>
    </row>
    <row r="205278" spans="14:14">
      <c r="N205278" s="10"/>
    </row>
    <row r="205279" spans="14:14">
      <c r="N205279" s="10"/>
    </row>
    <row r="205280" spans="14:14">
      <c r="N205280" s="10"/>
    </row>
    <row r="205281" spans="14:14">
      <c r="N205281" s="10"/>
    </row>
    <row r="205282" spans="14:14">
      <c r="N205282" s="10"/>
    </row>
    <row r="205283" spans="14:14">
      <c r="N205283" s="10"/>
    </row>
    <row r="205284" spans="14:14">
      <c r="N205284" s="10"/>
    </row>
    <row r="205285" spans="14:14">
      <c r="N205285" s="10"/>
    </row>
    <row r="205286" spans="14:14">
      <c r="N205286" s="10"/>
    </row>
    <row r="205287" spans="14:14">
      <c r="N205287" s="10"/>
    </row>
    <row r="205288" spans="14:14">
      <c r="N205288" s="10"/>
    </row>
    <row r="205289" spans="14:14">
      <c r="N205289" s="10"/>
    </row>
    <row r="205290" spans="14:14">
      <c r="N205290" s="10"/>
    </row>
    <row r="205291" spans="14:14">
      <c r="N205291" s="10"/>
    </row>
    <row r="205292" spans="14:14">
      <c r="N205292" s="10"/>
    </row>
    <row r="205293" spans="14:14">
      <c r="N205293" s="10"/>
    </row>
    <row r="205294" spans="14:14">
      <c r="N205294" s="10"/>
    </row>
    <row r="205295" spans="14:14">
      <c r="N205295" s="10"/>
    </row>
    <row r="205296" spans="14:14">
      <c r="N205296" s="10"/>
    </row>
    <row r="205297" spans="14:14">
      <c r="N205297" s="10"/>
    </row>
    <row r="205298" spans="14:14">
      <c r="N205298" s="10"/>
    </row>
    <row r="205299" spans="14:14">
      <c r="N205299" s="10"/>
    </row>
    <row r="205300" spans="14:14">
      <c r="N205300" s="10"/>
    </row>
    <row r="205301" spans="14:14">
      <c r="N205301" s="10"/>
    </row>
    <row r="205302" spans="14:14">
      <c r="N205302" s="10"/>
    </row>
    <row r="205303" spans="14:14">
      <c r="N205303" s="10"/>
    </row>
    <row r="205304" spans="14:14">
      <c r="N205304" s="10"/>
    </row>
    <row r="205305" spans="14:14">
      <c r="N205305" s="10"/>
    </row>
    <row r="205306" spans="14:14">
      <c r="N205306" s="10"/>
    </row>
    <row r="205307" spans="14:14">
      <c r="N205307" s="10"/>
    </row>
    <row r="205308" spans="14:14">
      <c r="N205308" s="10"/>
    </row>
    <row r="205309" spans="14:14">
      <c r="N205309" s="10"/>
    </row>
    <row r="205310" spans="14:14">
      <c r="N205310" s="10"/>
    </row>
    <row r="205311" spans="14:14">
      <c r="N205311" s="10"/>
    </row>
    <row r="205312" spans="14:14">
      <c r="N205312" s="10"/>
    </row>
    <row r="205313" spans="14:14">
      <c r="N205313" s="10"/>
    </row>
    <row r="205314" spans="14:14">
      <c r="N205314" s="10"/>
    </row>
    <row r="205315" spans="14:14">
      <c r="N205315" s="10"/>
    </row>
    <row r="205316" spans="14:14">
      <c r="N205316" s="10"/>
    </row>
    <row r="205317" spans="14:14">
      <c r="N205317" s="10"/>
    </row>
    <row r="205318" spans="14:14">
      <c r="N205318" s="10"/>
    </row>
    <row r="205319" spans="14:14">
      <c r="N205319" s="10"/>
    </row>
    <row r="205320" spans="14:14">
      <c r="N205320" s="10"/>
    </row>
    <row r="205321" spans="14:14">
      <c r="N205321" s="10"/>
    </row>
    <row r="205322" spans="14:14">
      <c r="N205322" s="10"/>
    </row>
    <row r="205323" spans="14:14">
      <c r="N205323" s="10"/>
    </row>
    <row r="205324" spans="14:14">
      <c r="N205324" s="10"/>
    </row>
    <row r="205325" spans="14:14">
      <c r="N205325" s="10"/>
    </row>
    <row r="205326" spans="14:14">
      <c r="N205326" s="10"/>
    </row>
    <row r="205327" spans="14:14">
      <c r="N205327" s="10"/>
    </row>
    <row r="205328" spans="14:14">
      <c r="N205328" s="10"/>
    </row>
    <row r="205329" spans="14:14">
      <c r="N205329" s="10"/>
    </row>
    <row r="205330" spans="14:14">
      <c r="N205330" s="10"/>
    </row>
    <row r="205331" spans="14:14">
      <c r="N205331" s="10"/>
    </row>
    <row r="205332" spans="14:14">
      <c r="N205332" s="10"/>
    </row>
    <row r="205333" spans="14:14">
      <c r="N205333" s="10"/>
    </row>
    <row r="205334" spans="14:14">
      <c r="N205334" s="10"/>
    </row>
    <row r="205335" spans="14:14">
      <c r="N205335" s="10"/>
    </row>
    <row r="205336" spans="14:14">
      <c r="N205336" s="10"/>
    </row>
    <row r="205337" spans="14:14">
      <c r="N205337" s="10"/>
    </row>
    <row r="205338" spans="14:14">
      <c r="N205338" s="10"/>
    </row>
    <row r="205339" spans="14:14">
      <c r="N205339" s="10"/>
    </row>
    <row r="205340" spans="14:14">
      <c r="N205340" s="10"/>
    </row>
    <row r="205341" spans="14:14">
      <c r="N205341" s="10"/>
    </row>
    <row r="205342" spans="14:14">
      <c r="N205342" s="10"/>
    </row>
    <row r="205343" spans="14:14">
      <c r="N205343" s="10"/>
    </row>
    <row r="205344" spans="14:14">
      <c r="N205344" s="10"/>
    </row>
    <row r="205345" spans="14:14">
      <c r="N205345" s="10"/>
    </row>
    <row r="205346" spans="14:14">
      <c r="N205346" s="10"/>
    </row>
    <row r="205347" spans="14:14">
      <c r="N205347" s="10"/>
    </row>
    <row r="205348" spans="14:14">
      <c r="N205348" s="10"/>
    </row>
    <row r="205349" spans="14:14">
      <c r="N205349" s="10"/>
    </row>
    <row r="205350" spans="14:14">
      <c r="N205350" s="10"/>
    </row>
    <row r="205351" spans="14:14">
      <c r="N205351" s="10"/>
    </row>
    <row r="205352" spans="14:14">
      <c r="N205352" s="10"/>
    </row>
    <row r="205353" spans="14:14">
      <c r="N205353" s="10"/>
    </row>
    <row r="205354" spans="14:14">
      <c r="N205354" s="10"/>
    </row>
    <row r="205355" spans="14:14">
      <c r="N205355" s="10"/>
    </row>
    <row r="205356" spans="14:14">
      <c r="N205356" s="10"/>
    </row>
    <row r="205357" spans="14:14">
      <c r="N205357" s="10"/>
    </row>
    <row r="205358" spans="14:14">
      <c r="N205358" s="10"/>
    </row>
    <row r="205359" spans="14:14">
      <c r="N205359" s="10"/>
    </row>
    <row r="205360" spans="14:14">
      <c r="N205360" s="10"/>
    </row>
    <row r="205361" spans="14:14">
      <c r="N205361" s="10"/>
    </row>
    <row r="205362" spans="14:14">
      <c r="N205362" s="10"/>
    </row>
    <row r="205363" spans="14:14">
      <c r="N205363" s="10"/>
    </row>
    <row r="205364" spans="14:14">
      <c r="N205364" s="10"/>
    </row>
    <row r="205365" spans="14:14">
      <c r="N205365" s="10"/>
    </row>
    <row r="205366" spans="14:14">
      <c r="N205366" s="10"/>
    </row>
    <row r="205367" spans="14:14">
      <c r="N205367" s="10"/>
    </row>
    <row r="205368" spans="14:14">
      <c r="N205368" s="10"/>
    </row>
    <row r="205369" spans="14:14">
      <c r="N205369" s="10"/>
    </row>
    <row r="205370" spans="14:14">
      <c r="N205370" s="10"/>
    </row>
    <row r="205371" spans="14:14">
      <c r="N205371" s="10"/>
    </row>
    <row r="205372" spans="14:14">
      <c r="N205372" s="10"/>
    </row>
    <row r="205373" spans="14:14">
      <c r="N205373" s="10"/>
    </row>
    <row r="205374" spans="14:14">
      <c r="N205374" s="10"/>
    </row>
    <row r="205375" spans="14:14">
      <c r="N205375" s="10"/>
    </row>
    <row r="205376" spans="14:14">
      <c r="N205376" s="10"/>
    </row>
    <row r="205377" spans="14:14">
      <c r="N205377" s="10"/>
    </row>
    <row r="205378" spans="14:14">
      <c r="N205378" s="10"/>
    </row>
    <row r="205379" spans="14:14">
      <c r="N205379" s="10"/>
    </row>
    <row r="205380" spans="14:14">
      <c r="N205380" s="10"/>
    </row>
    <row r="205381" spans="14:14">
      <c r="N205381" s="10"/>
    </row>
    <row r="205382" spans="14:14">
      <c r="N205382" s="10"/>
    </row>
    <row r="205383" spans="14:14">
      <c r="N205383" s="10"/>
    </row>
    <row r="205384" spans="14:14">
      <c r="N205384" s="10"/>
    </row>
    <row r="205385" spans="14:14">
      <c r="N205385" s="10"/>
    </row>
    <row r="205386" spans="14:14">
      <c r="N205386" s="10"/>
    </row>
    <row r="205387" spans="14:14">
      <c r="N205387" s="10"/>
    </row>
    <row r="205388" spans="14:14">
      <c r="N205388" s="10"/>
    </row>
    <row r="205389" spans="14:14">
      <c r="N205389" s="10"/>
    </row>
    <row r="205390" spans="14:14">
      <c r="N205390" s="10"/>
    </row>
    <row r="205391" spans="14:14">
      <c r="N205391" s="10"/>
    </row>
    <row r="205392" spans="14:14">
      <c r="N205392" s="10"/>
    </row>
    <row r="205393" spans="14:14">
      <c r="N205393" s="10"/>
    </row>
    <row r="205394" spans="14:14">
      <c r="N205394" s="10"/>
    </row>
    <row r="205395" spans="14:14">
      <c r="N205395" s="10"/>
    </row>
    <row r="205396" spans="14:14">
      <c r="N205396" s="10"/>
    </row>
    <row r="205397" spans="14:14">
      <c r="N205397" s="10"/>
    </row>
    <row r="205398" spans="14:14">
      <c r="N205398" s="10"/>
    </row>
    <row r="205399" spans="14:14">
      <c r="N205399" s="10"/>
    </row>
    <row r="205400" spans="14:14">
      <c r="N205400" s="10"/>
    </row>
    <row r="205401" spans="14:14">
      <c r="N205401" s="10"/>
    </row>
    <row r="205402" spans="14:14">
      <c r="N205402" s="10"/>
    </row>
    <row r="205403" spans="14:14">
      <c r="N205403" s="10"/>
    </row>
    <row r="205404" spans="14:14">
      <c r="N205404" s="10"/>
    </row>
    <row r="205405" spans="14:14">
      <c r="N205405" s="10"/>
    </row>
    <row r="205406" spans="14:14">
      <c r="N205406" s="10"/>
    </row>
    <row r="205407" spans="14:14">
      <c r="N205407" s="10"/>
    </row>
    <row r="205408" spans="14:14">
      <c r="N205408" s="10"/>
    </row>
    <row r="205409" spans="14:14">
      <c r="N205409" s="10"/>
    </row>
    <row r="205410" spans="14:14">
      <c r="N205410" s="10"/>
    </row>
    <row r="205411" spans="14:14">
      <c r="N205411" s="10"/>
    </row>
    <row r="205412" spans="14:14">
      <c r="N205412" s="10"/>
    </row>
    <row r="205413" spans="14:14">
      <c r="N205413" s="10"/>
    </row>
    <row r="205414" spans="14:14">
      <c r="N205414" s="10"/>
    </row>
    <row r="205415" spans="14:14">
      <c r="N205415" s="10"/>
    </row>
    <row r="205416" spans="14:14">
      <c r="N205416" s="10"/>
    </row>
    <row r="205417" spans="14:14">
      <c r="N205417" s="10"/>
    </row>
    <row r="205418" spans="14:14">
      <c r="N205418" s="10"/>
    </row>
    <row r="205419" spans="14:14">
      <c r="N205419" s="10"/>
    </row>
    <row r="205420" spans="14:14">
      <c r="N205420" s="10"/>
    </row>
    <row r="205421" spans="14:14">
      <c r="N205421" s="10"/>
    </row>
    <row r="205422" spans="14:14">
      <c r="N205422" s="10"/>
    </row>
    <row r="205423" spans="14:14">
      <c r="N205423" s="10"/>
    </row>
    <row r="205424" spans="14:14">
      <c r="N205424" s="10"/>
    </row>
    <row r="205425" spans="14:14">
      <c r="N205425" s="10"/>
    </row>
    <row r="205426" spans="14:14">
      <c r="N205426" s="10"/>
    </row>
    <row r="205427" spans="14:14">
      <c r="N205427" s="10"/>
    </row>
    <row r="205428" spans="14:14">
      <c r="N205428" s="10"/>
    </row>
    <row r="205429" spans="14:14">
      <c r="N205429" s="10"/>
    </row>
    <row r="205430" spans="14:14">
      <c r="N205430" s="10"/>
    </row>
    <row r="205431" spans="14:14">
      <c r="N205431" s="10"/>
    </row>
    <row r="205432" spans="14:14">
      <c r="N205432" s="10"/>
    </row>
    <row r="205433" spans="14:14">
      <c r="N205433" s="10"/>
    </row>
    <row r="205434" spans="14:14">
      <c r="N205434" s="10"/>
    </row>
    <row r="205435" spans="14:14">
      <c r="N205435" s="10"/>
    </row>
    <row r="205436" spans="14:14">
      <c r="N205436" s="10"/>
    </row>
    <row r="205437" spans="14:14">
      <c r="N205437" s="10"/>
    </row>
    <row r="205438" spans="14:14">
      <c r="N205438" s="10"/>
    </row>
    <row r="205439" spans="14:14">
      <c r="N205439" s="10"/>
    </row>
    <row r="205440" spans="14:14">
      <c r="N205440" s="10"/>
    </row>
    <row r="205441" spans="14:14">
      <c r="N205441" s="10"/>
    </row>
    <row r="205442" spans="14:14">
      <c r="N205442" s="10"/>
    </row>
    <row r="205443" spans="14:14">
      <c r="N205443" s="10"/>
    </row>
    <row r="205444" spans="14:14">
      <c r="N205444" s="10"/>
    </row>
    <row r="205445" spans="14:14">
      <c r="N205445" s="10"/>
    </row>
    <row r="205446" spans="14:14">
      <c r="N205446" s="10"/>
    </row>
    <row r="205447" spans="14:14">
      <c r="N205447" s="10"/>
    </row>
    <row r="205448" spans="14:14">
      <c r="N205448" s="10"/>
    </row>
    <row r="205449" spans="14:14">
      <c r="N205449" s="10"/>
    </row>
    <row r="205450" spans="14:14">
      <c r="N205450" s="10"/>
    </row>
    <row r="205451" spans="14:14">
      <c r="N205451" s="10"/>
    </row>
    <row r="205452" spans="14:14">
      <c r="N205452" s="10"/>
    </row>
    <row r="205453" spans="14:14">
      <c r="N205453" s="10"/>
    </row>
    <row r="205454" spans="14:14">
      <c r="N205454" s="10"/>
    </row>
    <row r="205455" spans="14:14">
      <c r="N205455" s="10"/>
    </row>
    <row r="205456" spans="14:14">
      <c r="N205456" s="10"/>
    </row>
    <row r="205457" spans="14:14">
      <c r="N205457" s="10"/>
    </row>
    <row r="205458" spans="14:14">
      <c r="N205458" s="10"/>
    </row>
    <row r="205459" spans="14:14">
      <c r="N205459" s="10"/>
    </row>
    <row r="205460" spans="14:14">
      <c r="N205460" s="10"/>
    </row>
    <row r="205461" spans="14:14">
      <c r="N205461" s="10"/>
    </row>
    <row r="205462" spans="14:14">
      <c r="N205462" s="10"/>
    </row>
    <row r="205463" spans="14:14">
      <c r="N205463" s="10"/>
    </row>
    <row r="205464" spans="14:14">
      <c r="N205464" s="10"/>
    </row>
    <row r="205465" spans="14:14">
      <c r="N205465" s="10"/>
    </row>
    <row r="205466" spans="14:14">
      <c r="N205466" s="10"/>
    </row>
    <row r="205467" spans="14:14">
      <c r="N205467" s="10"/>
    </row>
    <row r="205468" spans="14:14">
      <c r="N205468" s="10"/>
    </row>
    <row r="205469" spans="14:14">
      <c r="N205469" s="10"/>
    </row>
    <row r="205470" spans="14:14">
      <c r="N205470" s="10"/>
    </row>
    <row r="205471" spans="14:14">
      <c r="N205471" s="10"/>
    </row>
    <row r="205472" spans="14:14">
      <c r="N205472" s="10"/>
    </row>
    <row r="205473" spans="14:14">
      <c r="N205473" s="10"/>
    </row>
    <row r="205474" spans="14:14">
      <c r="N205474" s="10"/>
    </row>
    <row r="205475" spans="14:14">
      <c r="N205475" s="10"/>
    </row>
    <row r="205476" spans="14:14">
      <c r="N205476" s="10"/>
    </row>
    <row r="205477" spans="14:14">
      <c r="N205477" s="10"/>
    </row>
    <row r="205478" spans="14:14">
      <c r="N205478" s="10"/>
    </row>
    <row r="205479" spans="14:14">
      <c r="N205479" s="10"/>
    </row>
    <row r="205480" spans="14:14">
      <c r="N205480" s="10"/>
    </row>
    <row r="205481" spans="14:14">
      <c r="N205481" s="10"/>
    </row>
    <row r="205482" spans="14:14">
      <c r="N205482" s="10"/>
    </row>
    <row r="205483" spans="14:14">
      <c r="N205483" s="10"/>
    </row>
    <row r="205484" spans="14:14">
      <c r="N205484" s="10"/>
    </row>
    <row r="205485" spans="14:14">
      <c r="N205485" s="10"/>
    </row>
    <row r="205486" spans="14:14">
      <c r="N205486" s="10"/>
    </row>
    <row r="205487" spans="14:14">
      <c r="N205487" s="10"/>
    </row>
    <row r="205488" spans="14:14">
      <c r="N205488" s="10"/>
    </row>
    <row r="205489" spans="14:14">
      <c r="N205489" s="10"/>
    </row>
    <row r="205490" spans="14:14">
      <c r="N205490" s="10"/>
    </row>
    <row r="205491" spans="14:14">
      <c r="N205491" s="10"/>
    </row>
    <row r="205492" spans="14:14">
      <c r="N205492" s="10"/>
    </row>
    <row r="205493" spans="14:14">
      <c r="N205493" s="10"/>
    </row>
    <row r="205494" spans="14:14">
      <c r="N205494" s="10"/>
    </row>
    <row r="205495" spans="14:14">
      <c r="N205495" s="10"/>
    </row>
    <row r="205496" spans="14:14">
      <c r="N205496" s="10"/>
    </row>
    <row r="205497" spans="14:14">
      <c r="N205497" s="10"/>
    </row>
    <row r="205498" spans="14:14">
      <c r="N205498" s="10"/>
    </row>
    <row r="205499" spans="14:14">
      <c r="N205499" s="10"/>
    </row>
    <row r="205500" spans="14:14">
      <c r="N205500" s="10"/>
    </row>
    <row r="205501" spans="14:14">
      <c r="N205501" s="10"/>
    </row>
    <row r="205502" spans="14:14">
      <c r="N205502" s="10"/>
    </row>
    <row r="205503" spans="14:14">
      <c r="N205503" s="10"/>
    </row>
    <row r="205504" spans="14:14">
      <c r="N205504" s="10"/>
    </row>
    <row r="205505" spans="14:14">
      <c r="N205505" s="10"/>
    </row>
    <row r="205506" spans="14:14">
      <c r="N205506" s="10"/>
    </row>
    <row r="205507" spans="14:14">
      <c r="N205507" s="10"/>
    </row>
    <row r="205508" spans="14:14">
      <c r="N205508" s="10"/>
    </row>
    <row r="205509" spans="14:14">
      <c r="N205509" s="10"/>
    </row>
    <row r="205510" spans="14:14">
      <c r="N205510" s="10"/>
    </row>
    <row r="205511" spans="14:14">
      <c r="N205511" s="10"/>
    </row>
    <row r="205512" spans="14:14">
      <c r="N205512" s="10"/>
    </row>
    <row r="205513" spans="14:14">
      <c r="N205513" s="10"/>
    </row>
    <row r="205514" spans="14:14">
      <c r="N205514" s="10"/>
    </row>
    <row r="205515" spans="14:14">
      <c r="N205515" s="10"/>
    </row>
    <row r="205516" spans="14:14">
      <c r="N205516" s="10"/>
    </row>
    <row r="205517" spans="14:14">
      <c r="N205517" s="10"/>
    </row>
    <row r="205518" spans="14:14">
      <c r="N205518" s="10"/>
    </row>
    <row r="205519" spans="14:14">
      <c r="N205519" s="10"/>
    </row>
    <row r="205520" spans="14:14">
      <c r="N205520" s="10"/>
    </row>
    <row r="205521" spans="14:14">
      <c r="N205521" s="10"/>
    </row>
    <row r="205522" spans="14:14">
      <c r="N205522" s="10"/>
    </row>
    <row r="205523" spans="14:14">
      <c r="N205523" s="10"/>
    </row>
    <row r="205524" spans="14:14">
      <c r="N205524" s="10"/>
    </row>
    <row r="205525" spans="14:14">
      <c r="N205525" s="10"/>
    </row>
    <row r="205526" spans="14:14">
      <c r="N205526" s="10"/>
    </row>
    <row r="205527" spans="14:14">
      <c r="N205527" s="10"/>
    </row>
    <row r="205528" spans="14:14">
      <c r="N205528" s="10"/>
    </row>
    <row r="205529" spans="14:14">
      <c r="N205529" s="10"/>
    </row>
    <row r="205530" spans="14:14">
      <c r="N205530" s="10"/>
    </row>
    <row r="205531" spans="14:14">
      <c r="N205531" s="10"/>
    </row>
    <row r="205532" spans="14:14">
      <c r="N205532" s="10"/>
    </row>
    <row r="205533" spans="14:14">
      <c r="N205533" s="10"/>
    </row>
    <row r="205534" spans="14:14">
      <c r="N205534" s="10"/>
    </row>
    <row r="205535" spans="14:14">
      <c r="N205535" s="10"/>
    </row>
    <row r="205536" spans="14:14">
      <c r="N205536" s="10"/>
    </row>
    <row r="205537" spans="14:14">
      <c r="N205537" s="10"/>
    </row>
    <row r="205538" spans="14:14">
      <c r="N205538" s="10"/>
    </row>
    <row r="205539" spans="14:14">
      <c r="N205539" s="10"/>
    </row>
    <row r="205540" spans="14:14">
      <c r="N205540" s="10"/>
    </row>
    <row r="205541" spans="14:14">
      <c r="N205541" s="10"/>
    </row>
    <row r="205542" spans="14:14">
      <c r="N205542" s="10"/>
    </row>
    <row r="205543" spans="14:14">
      <c r="N205543" s="10"/>
    </row>
    <row r="205544" spans="14:14">
      <c r="N205544" s="10"/>
    </row>
    <row r="205545" spans="14:14">
      <c r="N205545" s="10"/>
    </row>
    <row r="205546" spans="14:14">
      <c r="N205546" s="10"/>
    </row>
    <row r="205547" spans="14:14">
      <c r="N205547" s="10"/>
    </row>
    <row r="205548" spans="14:14">
      <c r="N205548" s="10"/>
    </row>
    <row r="205549" spans="14:14">
      <c r="N205549" s="10"/>
    </row>
    <row r="205550" spans="14:14">
      <c r="N205550" s="10"/>
    </row>
    <row r="205551" spans="14:14">
      <c r="N205551" s="10"/>
    </row>
    <row r="205552" spans="14:14">
      <c r="N205552" s="10"/>
    </row>
    <row r="205553" spans="14:14">
      <c r="N205553" s="10"/>
    </row>
    <row r="205554" spans="14:14">
      <c r="N205554" s="10"/>
    </row>
    <row r="205555" spans="14:14">
      <c r="N205555" s="10"/>
    </row>
    <row r="205556" spans="14:14">
      <c r="N205556" s="10"/>
    </row>
    <row r="205557" spans="14:14">
      <c r="N205557" s="10"/>
    </row>
    <row r="205558" spans="14:14">
      <c r="N205558" s="10"/>
    </row>
    <row r="205559" spans="14:14">
      <c r="N205559" s="10"/>
    </row>
    <row r="205560" spans="14:14">
      <c r="N205560" s="10"/>
    </row>
    <row r="205561" spans="14:14">
      <c r="N205561" s="10"/>
    </row>
    <row r="205562" spans="14:14">
      <c r="N205562" s="10"/>
    </row>
    <row r="205563" spans="14:14">
      <c r="N205563" s="10"/>
    </row>
    <row r="205564" spans="14:14">
      <c r="N205564" s="10"/>
    </row>
    <row r="205565" spans="14:14">
      <c r="N205565" s="10"/>
    </row>
    <row r="205566" spans="14:14">
      <c r="N205566" s="10"/>
    </row>
    <row r="205567" spans="14:14">
      <c r="N205567" s="10"/>
    </row>
    <row r="205568" spans="14:14">
      <c r="N205568" s="10"/>
    </row>
    <row r="205569" spans="14:14">
      <c r="N205569" s="10"/>
    </row>
    <row r="205570" spans="14:14">
      <c r="N205570" s="10"/>
    </row>
    <row r="205571" spans="14:14">
      <c r="N205571" s="10"/>
    </row>
    <row r="205572" spans="14:14">
      <c r="N205572" s="10"/>
    </row>
    <row r="205573" spans="14:14">
      <c r="N205573" s="10"/>
    </row>
    <row r="205574" spans="14:14">
      <c r="N205574" s="10"/>
    </row>
    <row r="205575" spans="14:14">
      <c r="N205575" s="10"/>
    </row>
    <row r="205576" spans="14:14">
      <c r="N205576" s="10"/>
    </row>
    <row r="205577" spans="14:14">
      <c r="N205577" s="10"/>
    </row>
    <row r="205578" spans="14:14">
      <c r="N205578" s="10"/>
    </row>
    <row r="205579" spans="14:14">
      <c r="N205579" s="10"/>
    </row>
    <row r="205580" spans="14:14">
      <c r="N205580" s="10"/>
    </row>
    <row r="205581" spans="14:14">
      <c r="N205581" s="10"/>
    </row>
    <row r="205582" spans="14:14">
      <c r="N205582" s="10"/>
    </row>
    <row r="205583" spans="14:14">
      <c r="N205583" s="10"/>
    </row>
    <row r="205584" spans="14:14">
      <c r="N205584" s="10"/>
    </row>
    <row r="205585" spans="14:14">
      <c r="N205585" s="10"/>
    </row>
    <row r="205586" spans="14:14">
      <c r="N205586" s="10"/>
    </row>
    <row r="205587" spans="14:14">
      <c r="N205587" s="10"/>
    </row>
    <row r="205588" spans="14:14">
      <c r="N205588" s="10"/>
    </row>
    <row r="205589" spans="14:14">
      <c r="N205589" s="10"/>
    </row>
    <row r="205590" spans="14:14">
      <c r="N205590" s="10"/>
    </row>
    <row r="205591" spans="14:14">
      <c r="N205591" s="10"/>
    </row>
    <row r="205592" spans="14:14">
      <c r="N205592" s="10"/>
    </row>
    <row r="205593" spans="14:14">
      <c r="N205593" s="10"/>
    </row>
    <row r="205594" spans="14:14">
      <c r="N205594" s="10"/>
    </row>
    <row r="205595" spans="14:14">
      <c r="N205595" s="10"/>
    </row>
    <row r="205596" spans="14:14">
      <c r="N205596" s="10"/>
    </row>
    <row r="205597" spans="14:14">
      <c r="N205597" s="10"/>
    </row>
    <row r="205598" spans="14:14">
      <c r="N205598" s="10"/>
    </row>
    <row r="205599" spans="14:14">
      <c r="N205599" s="10"/>
    </row>
    <row r="205600" spans="14:14">
      <c r="N205600" s="10"/>
    </row>
    <row r="205601" spans="14:14">
      <c r="N205601" s="10"/>
    </row>
    <row r="205602" spans="14:14">
      <c r="N205602" s="10"/>
    </row>
    <row r="205603" spans="14:14">
      <c r="N205603" s="10"/>
    </row>
    <row r="205604" spans="14:14">
      <c r="N205604" s="10"/>
    </row>
    <row r="205605" spans="14:14">
      <c r="N205605" s="10"/>
    </row>
    <row r="205606" spans="14:14">
      <c r="N205606" s="10"/>
    </row>
    <row r="205607" spans="14:14">
      <c r="N205607" s="10"/>
    </row>
    <row r="205608" spans="14:14">
      <c r="N205608" s="10"/>
    </row>
    <row r="205609" spans="14:14">
      <c r="N205609" s="10"/>
    </row>
    <row r="205610" spans="14:14">
      <c r="N205610" s="10"/>
    </row>
    <row r="205611" spans="14:14">
      <c r="N205611" s="10"/>
    </row>
    <row r="205612" spans="14:14">
      <c r="N205612" s="10"/>
    </row>
    <row r="205613" spans="14:14">
      <c r="N205613" s="10"/>
    </row>
    <row r="205614" spans="14:14">
      <c r="N205614" s="10"/>
    </row>
    <row r="205615" spans="14:14">
      <c r="N205615" s="10"/>
    </row>
    <row r="205616" spans="14:14">
      <c r="N205616" s="10"/>
    </row>
    <row r="205617" spans="14:14">
      <c r="N205617" s="10"/>
    </row>
    <row r="205618" spans="14:14">
      <c r="N205618" s="10"/>
    </row>
    <row r="205619" spans="14:14">
      <c r="N205619" s="10"/>
    </row>
    <row r="205620" spans="14:14">
      <c r="N205620" s="10"/>
    </row>
    <row r="205621" spans="14:14">
      <c r="N205621" s="10"/>
    </row>
    <row r="205622" spans="14:14">
      <c r="N205622" s="10"/>
    </row>
    <row r="205623" spans="14:14">
      <c r="N205623" s="10"/>
    </row>
    <row r="205624" spans="14:14">
      <c r="N205624" s="10"/>
    </row>
    <row r="205625" spans="14:14">
      <c r="N205625" s="10"/>
    </row>
    <row r="205626" spans="14:14">
      <c r="N205626" s="10"/>
    </row>
    <row r="205627" spans="14:14">
      <c r="N205627" s="10"/>
    </row>
    <row r="205628" spans="14:14">
      <c r="N205628" s="10"/>
    </row>
    <row r="205629" spans="14:14">
      <c r="N205629" s="10"/>
    </row>
    <row r="205630" spans="14:14">
      <c r="N205630" s="10"/>
    </row>
    <row r="205631" spans="14:14">
      <c r="N205631" s="10"/>
    </row>
    <row r="205632" spans="14:14">
      <c r="N205632" s="10"/>
    </row>
    <row r="205633" spans="14:14">
      <c r="N205633" s="10"/>
    </row>
    <row r="205634" spans="14:14">
      <c r="N205634" s="10"/>
    </row>
    <row r="205635" spans="14:14">
      <c r="N205635" s="10"/>
    </row>
    <row r="205636" spans="14:14">
      <c r="N205636" s="10"/>
    </row>
    <row r="205637" spans="14:14">
      <c r="N205637" s="10"/>
    </row>
    <row r="205638" spans="14:14">
      <c r="N205638" s="10"/>
    </row>
    <row r="205639" spans="14:14">
      <c r="N205639" s="10"/>
    </row>
    <row r="205640" spans="14:14">
      <c r="N205640" s="10"/>
    </row>
    <row r="205641" spans="14:14">
      <c r="N205641" s="10"/>
    </row>
    <row r="205642" spans="14:14">
      <c r="N205642" s="10"/>
    </row>
    <row r="205643" spans="14:14">
      <c r="N205643" s="10"/>
    </row>
    <row r="205644" spans="14:14">
      <c r="N205644" s="10"/>
    </row>
    <row r="205645" spans="14:14">
      <c r="N205645" s="10"/>
    </row>
    <row r="205646" spans="14:14">
      <c r="N205646" s="10"/>
    </row>
    <row r="205647" spans="14:14">
      <c r="N205647" s="10"/>
    </row>
    <row r="205648" spans="14:14">
      <c r="N205648" s="10"/>
    </row>
    <row r="205649" spans="14:14">
      <c r="N205649" s="10"/>
    </row>
    <row r="205650" spans="14:14">
      <c r="N205650" s="10"/>
    </row>
    <row r="205651" spans="14:14">
      <c r="N205651" s="10"/>
    </row>
    <row r="205652" spans="14:14">
      <c r="N205652" s="10"/>
    </row>
    <row r="205653" spans="14:14">
      <c r="N205653" s="10"/>
    </row>
    <row r="205654" spans="14:14">
      <c r="N205654" s="10"/>
    </row>
    <row r="205655" spans="14:14">
      <c r="N205655" s="10"/>
    </row>
    <row r="205656" spans="14:14">
      <c r="N205656" s="10"/>
    </row>
    <row r="205657" spans="14:14">
      <c r="N205657" s="10"/>
    </row>
    <row r="205658" spans="14:14">
      <c r="N205658" s="10"/>
    </row>
    <row r="205659" spans="14:14">
      <c r="N205659" s="10"/>
    </row>
    <row r="205660" spans="14:14">
      <c r="N205660" s="10"/>
    </row>
    <row r="205661" spans="14:14">
      <c r="N205661" s="10"/>
    </row>
    <row r="205662" spans="14:14">
      <c r="N205662" s="10"/>
    </row>
    <row r="205663" spans="14:14">
      <c r="N205663" s="10"/>
    </row>
    <row r="205664" spans="14:14">
      <c r="N205664" s="10"/>
    </row>
    <row r="205665" spans="14:14">
      <c r="N205665" s="10"/>
    </row>
    <row r="205666" spans="14:14">
      <c r="N205666" s="10"/>
    </row>
    <row r="205667" spans="14:14">
      <c r="N205667" s="10"/>
    </row>
    <row r="205668" spans="14:14">
      <c r="N205668" s="10"/>
    </row>
    <row r="205669" spans="14:14">
      <c r="N205669" s="10"/>
    </row>
    <row r="205670" spans="14:14">
      <c r="N205670" s="10"/>
    </row>
    <row r="205671" spans="14:14">
      <c r="N205671" s="10"/>
    </row>
    <row r="205672" spans="14:14">
      <c r="N205672" s="10"/>
    </row>
    <row r="205673" spans="14:14">
      <c r="N205673" s="10"/>
    </row>
    <row r="205674" spans="14:14">
      <c r="N205674" s="10"/>
    </row>
    <row r="205675" spans="14:14">
      <c r="N205675" s="10"/>
    </row>
    <row r="205676" spans="14:14">
      <c r="N205676" s="10"/>
    </row>
    <row r="205677" spans="14:14">
      <c r="N205677" s="10"/>
    </row>
    <row r="205678" spans="14:14">
      <c r="N205678" s="10"/>
    </row>
    <row r="205679" spans="14:14">
      <c r="N205679" s="10"/>
    </row>
    <row r="205680" spans="14:14">
      <c r="N205680" s="10"/>
    </row>
    <row r="205681" spans="14:14">
      <c r="N205681" s="10"/>
    </row>
    <row r="205682" spans="14:14">
      <c r="N205682" s="10"/>
    </row>
    <row r="205683" spans="14:14">
      <c r="N205683" s="10"/>
    </row>
    <row r="205684" spans="14:14">
      <c r="N205684" s="10"/>
    </row>
    <row r="205685" spans="14:14">
      <c r="N205685" s="10"/>
    </row>
    <row r="205686" spans="14:14">
      <c r="N205686" s="10"/>
    </row>
    <row r="205687" spans="14:14">
      <c r="N205687" s="10"/>
    </row>
    <row r="205688" spans="14:14">
      <c r="N205688" s="10"/>
    </row>
    <row r="205689" spans="14:14">
      <c r="N205689" s="10"/>
    </row>
    <row r="205690" spans="14:14">
      <c r="N205690" s="10"/>
    </row>
    <row r="205691" spans="14:14">
      <c r="N205691" s="10"/>
    </row>
    <row r="205692" spans="14:14">
      <c r="N205692" s="10"/>
    </row>
    <row r="205693" spans="14:14">
      <c r="N205693" s="10"/>
    </row>
    <row r="205694" spans="14:14">
      <c r="N205694" s="10"/>
    </row>
    <row r="205695" spans="14:14">
      <c r="N205695" s="10"/>
    </row>
    <row r="205696" spans="14:14">
      <c r="N205696" s="10"/>
    </row>
    <row r="205697" spans="14:14">
      <c r="N205697" s="10"/>
    </row>
    <row r="205698" spans="14:14">
      <c r="N205698" s="10"/>
    </row>
    <row r="205699" spans="14:14">
      <c r="N205699" s="10"/>
    </row>
    <row r="205700" spans="14:14">
      <c r="N205700" s="10"/>
    </row>
    <row r="205701" spans="14:14">
      <c r="N205701" s="10"/>
    </row>
    <row r="205702" spans="14:14">
      <c r="N205702" s="10"/>
    </row>
    <row r="205703" spans="14:14">
      <c r="N205703" s="10"/>
    </row>
    <row r="205704" spans="14:14">
      <c r="N205704" s="10"/>
    </row>
    <row r="205705" spans="14:14">
      <c r="N205705" s="10"/>
    </row>
    <row r="205706" spans="14:14">
      <c r="N205706" s="10"/>
    </row>
    <row r="205707" spans="14:14">
      <c r="N205707" s="10"/>
    </row>
    <row r="205708" spans="14:14">
      <c r="N205708" s="10"/>
    </row>
    <row r="205709" spans="14:14">
      <c r="N205709" s="10"/>
    </row>
    <row r="205710" spans="14:14">
      <c r="N205710" s="10"/>
    </row>
    <row r="205711" spans="14:14">
      <c r="N205711" s="10"/>
    </row>
    <row r="205712" spans="14:14">
      <c r="N205712" s="10"/>
    </row>
    <row r="205713" spans="14:14">
      <c r="N205713" s="10"/>
    </row>
    <row r="205714" spans="14:14">
      <c r="N205714" s="10"/>
    </row>
    <row r="205715" spans="14:14">
      <c r="N205715" s="10"/>
    </row>
    <row r="205716" spans="14:14">
      <c r="N205716" s="10"/>
    </row>
    <row r="205717" spans="14:14">
      <c r="N205717" s="10"/>
    </row>
    <row r="205718" spans="14:14">
      <c r="N205718" s="10"/>
    </row>
    <row r="205719" spans="14:14">
      <c r="N205719" s="10"/>
    </row>
    <row r="205720" spans="14:14">
      <c r="N205720" s="10"/>
    </row>
    <row r="205721" spans="14:14">
      <c r="N205721" s="10"/>
    </row>
    <row r="205722" spans="14:14">
      <c r="N205722" s="10"/>
    </row>
    <row r="205723" spans="14:14">
      <c r="N205723" s="10"/>
    </row>
    <row r="205724" spans="14:14">
      <c r="N205724" s="10"/>
    </row>
    <row r="205725" spans="14:14">
      <c r="N205725" s="10"/>
    </row>
    <row r="205726" spans="14:14">
      <c r="N205726" s="10"/>
    </row>
    <row r="205727" spans="14:14">
      <c r="N205727" s="10"/>
    </row>
    <row r="205728" spans="14:14">
      <c r="N205728" s="10"/>
    </row>
    <row r="205729" spans="14:14">
      <c r="N205729" s="10"/>
    </row>
    <row r="205730" spans="14:14">
      <c r="N205730" s="10"/>
    </row>
    <row r="205731" spans="14:14">
      <c r="N205731" s="10"/>
    </row>
    <row r="205732" spans="14:14">
      <c r="N205732" s="10"/>
    </row>
    <row r="205733" spans="14:14">
      <c r="N205733" s="10"/>
    </row>
    <row r="205734" spans="14:14">
      <c r="N205734" s="10"/>
    </row>
    <row r="205735" spans="14:14">
      <c r="N205735" s="10"/>
    </row>
    <row r="205736" spans="14:14">
      <c r="N205736" s="10"/>
    </row>
    <row r="205737" spans="14:14">
      <c r="N205737" s="10"/>
    </row>
    <row r="205738" spans="14:14">
      <c r="N205738" s="10"/>
    </row>
    <row r="205739" spans="14:14">
      <c r="N205739" s="10"/>
    </row>
    <row r="205740" spans="14:14">
      <c r="N205740" s="10"/>
    </row>
    <row r="205741" spans="14:14">
      <c r="N205741" s="10"/>
    </row>
    <row r="205742" spans="14:14">
      <c r="N205742" s="10"/>
    </row>
    <row r="205743" spans="14:14">
      <c r="N205743" s="10"/>
    </row>
    <row r="205744" spans="14:14">
      <c r="N205744" s="10"/>
    </row>
    <row r="205745" spans="14:14">
      <c r="N205745" s="10"/>
    </row>
    <row r="205746" spans="14:14">
      <c r="N205746" s="10"/>
    </row>
    <row r="205747" spans="14:14">
      <c r="N205747" s="10"/>
    </row>
    <row r="205748" spans="14:14">
      <c r="N205748" s="10"/>
    </row>
    <row r="205749" spans="14:14">
      <c r="N205749" s="10"/>
    </row>
    <row r="205750" spans="14:14">
      <c r="N205750" s="10"/>
    </row>
    <row r="205751" spans="14:14">
      <c r="N205751" s="10"/>
    </row>
    <row r="205752" spans="14:14">
      <c r="N205752" s="10"/>
    </row>
    <row r="205753" spans="14:14">
      <c r="N205753" s="10"/>
    </row>
    <row r="205754" spans="14:14">
      <c r="N205754" s="10"/>
    </row>
    <row r="205755" spans="14:14">
      <c r="N205755" s="10"/>
    </row>
    <row r="205756" spans="14:14">
      <c r="N205756" s="10"/>
    </row>
    <row r="205757" spans="14:14">
      <c r="N205757" s="10"/>
    </row>
    <row r="205758" spans="14:14">
      <c r="N205758" s="10"/>
    </row>
    <row r="205759" spans="14:14">
      <c r="N205759" s="10"/>
    </row>
    <row r="205760" spans="14:14">
      <c r="N205760" s="10"/>
    </row>
    <row r="205761" spans="14:14">
      <c r="N205761" s="10"/>
    </row>
    <row r="205762" spans="14:14">
      <c r="N205762" s="10"/>
    </row>
    <row r="205763" spans="14:14">
      <c r="N205763" s="10"/>
    </row>
    <row r="205764" spans="14:14">
      <c r="N205764" s="10"/>
    </row>
    <row r="205765" spans="14:14">
      <c r="N205765" s="10"/>
    </row>
    <row r="205766" spans="14:14">
      <c r="N205766" s="10"/>
    </row>
    <row r="205767" spans="14:14">
      <c r="N205767" s="10"/>
    </row>
    <row r="205768" spans="14:14">
      <c r="N205768" s="10"/>
    </row>
    <row r="205769" spans="14:14">
      <c r="N205769" s="10"/>
    </row>
    <row r="205770" spans="14:14">
      <c r="N205770" s="10"/>
    </row>
    <row r="205771" spans="14:14">
      <c r="N205771" s="10"/>
    </row>
    <row r="205772" spans="14:14">
      <c r="N205772" s="10"/>
    </row>
    <row r="205773" spans="14:14">
      <c r="N205773" s="10"/>
    </row>
    <row r="205774" spans="14:14">
      <c r="N205774" s="10"/>
    </row>
    <row r="205775" spans="14:14">
      <c r="N205775" s="10"/>
    </row>
    <row r="205776" spans="14:14">
      <c r="N205776" s="10"/>
    </row>
    <row r="205777" spans="14:14">
      <c r="N205777" s="10"/>
    </row>
    <row r="205778" spans="14:14">
      <c r="N205778" s="10"/>
    </row>
    <row r="205779" spans="14:14">
      <c r="N205779" s="10"/>
    </row>
    <row r="205780" spans="14:14">
      <c r="N205780" s="10"/>
    </row>
    <row r="205781" spans="14:14">
      <c r="N205781" s="10"/>
    </row>
    <row r="205782" spans="14:14">
      <c r="N205782" s="10"/>
    </row>
    <row r="205783" spans="14:14">
      <c r="N205783" s="10"/>
    </row>
    <row r="205784" spans="14:14">
      <c r="N205784" s="10"/>
    </row>
    <row r="205785" spans="14:14">
      <c r="N205785" s="10"/>
    </row>
    <row r="205786" spans="14:14">
      <c r="N205786" s="10"/>
    </row>
    <row r="205787" spans="14:14">
      <c r="N205787" s="10"/>
    </row>
    <row r="205788" spans="14:14">
      <c r="N205788" s="10"/>
    </row>
    <row r="205789" spans="14:14">
      <c r="N205789" s="10"/>
    </row>
    <row r="205790" spans="14:14">
      <c r="N205790" s="10"/>
    </row>
    <row r="205791" spans="14:14">
      <c r="N205791" s="10"/>
    </row>
    <row r="205792" spans="14:14">
      <c r="N205792" s="10"/>
    </row>
    <row r="205793" spans="14:14">
      <c r="N205793" s="10"/>
    </row>
    <row r="205794" spans="14:14">
      <c r="N205794" s="10"/>
    </row>
    <row r="205795" spans="14:14">
      <c r="N205795" s="10"/>
    </row>
    <row r="205796" spans="14:14">
      <c r="N205796" s="10"/>
    </row>
    <row r="205797" spans="14:14">
      <c r="N205797" s="10"/>
    </row>
    <row r="205798" spans="14:14">
      <c r="N205798" s="10"/>
    </row>
    <row r="205799" spans="14:14">
      <c r="N205799" s="10"/>
    </row>
    <row r="205800" spans="14:14">
      <c r="N205800" s="10"/>
    </row>
    <row r="205801" spans="14:14">
      <c r="N205801" s="10"/>
    </row>
    <row r="205802" spans="14:14">
      <c r="N205802" s="10"/>
    </row>
    <row r="205803" spans="14:14">
      <c r="N205803" s="10"/>
    </row>
    <row r="205804" spans="14:14">
      <c r="N205804" s="10"/>
    </row>
    <row r="205805" spans="14:14">
      <c r="N205805" s="10"/>
    </row>
    <row r="205806" spans="14:14">
      <c r="N205806" s="10"/>
    </row>
    <row r="205807" spans="14:14">
      <c r="N205807" s="10"/>
    </row>
    <row r="205808" spans="14:14">
      <c r="N205808" s="10"/>
    </row>
    <row r="205809" spans="14:14">
      <c r="N205809" s="10"/>
    </row>
    <row r="205810" spans="14:14">
      <c r="N205810" s="10"/>
    </row>
    <row r="205811" spans="14:14">
      <c r="N205811" s="10"/>
    </row>
    <row r="205812" spans="14:14">
      <c r="N205812" s="10"/>
    </row>
    <row r="205813" spans="14:14">
      <c r="N205813" s="10"/>
    </row>
    <row r="205814" spans="14:14">
      <c r="N205814" s="10"/>
    </row>
    <row r="205815" spans="14:14">
      <c r="N205815" s="10"/>
    </row>
    <row r="205816" spans="14:14">
      <c r="N205816" s="10"/>
    </row>
    <row r="205817" spans="14:14">
      <c r="N205817" s="10"/>
    </row>
    <row r="205818" spans="14:14">
      <c r="N205818" s="10"/>
    </row>
    <row r="205819" spans="14:14">
      <c r="N205819" s="10"/>
    </row>
    <row r="205820" spans="14:14">
      <c r="N205820" s="10"/>
    </row>
    <row r="205821" spans="14:14">
      <c r="N205821" s="10"/>
    </row>
    <row r="205822" spans="14:14">
      <c r="N205822" s="10"/>
    </row>
    <row r="205823" spans="14:14">
      <c r="N205823" s="10"/>
    </row>
    <row r="205824" spans="14:14">
      <c r="N205824" s="10"/>
    </row>
    <row r="205825" spans="14:14">
      <c r="N205825" s="10"/>
    </row>
    <row r="205826" spans="14:14">
      <c r="N205826" s="10"/>
    </row>
    <row r="205827" spans="14:14">
      <c r="N205827" s="10"/>
    </row>
    <row r="205828" spans="14:14">
      <c r="N205828" s="10"/>
    </row>
    <row r="205829" spans="14:14">
      <c r="N205829" s="10"/>
    </row>
    <row r="205830" spans="14:14">
      <c r="N205830" s="10"/>
    </row>
    <row r="205831" spans="14:14">
      <c r="N205831" s="10"/>
    </row>
    <row r="205832" spans="14:14">
      <c r="N205832" s="10"/>
    </row>
    <row r="205833" spans="14:14">
      <c r="N205833" s="10"/>
    </row>
    <row r="205834" spans="14:14">
      <c r="N205834" s="10"/>
    </row>
    <row r="205835" spans="14:14">
      <c r="N205835" s="10"/>
    </row>
    <row r="205836" spans="14:14">
      <c r="N205836" s="10"/>
    </row>
    <row r="205837" spans="14:14">
      <c r="N205837" s="10"/>
    </row>
    <row r="205838" spans="14:14">
      <c r="N205838" s="10"/>
    </row>
    <row r="205839" spans="14:14">
      <c r="N205839" s="10"/>
    </row>
    <row r="205840" spans="14:14">
      <c r="N205840" s="10"/>
    </row>
    <row r="205841" spans="14:14">
      <c r="N205841" s="10"/>
    </row>
    <row r="205842" spans="14:14">
      <c r="N205842" s="10"/>
    </row>
    <row r="205843" spans="14:14">
      <c r="N205843" s="10"/>
    </row>
    <row r="205844" spans="14:14">
      <c r="N205844" s="10"/>
    </row>
    <row r="205845" spans="14:14">
      <c r="N205845" s="10"/>
    </row>
    <row r="205846" spans="14:14">
      <c r="N205846" s="10"/>
    </row>
    <row r="205847" spans="14:14">
      <c r="N205847" s="10"/>
    </row>
    <row r="205848" spans="14:14">
      <c r="N205848" s="10"/>
    </row>
    <row r="205849" spans="14:14">
      <c r="N205849" s="10"/>
    </row>
    <row r="205850" spans="14:14">
      <c r="N205850" s="10"/>
    </row>
    <row r="205851" spans="14:14">
      <c r="N205851" s="10"/>
    </row>
    <row r="205852" spans="14:14">
      <c r="N205852" s="10"/>
    </row>
    <row r="205853" spans="14:14">
      <c r="N205853" s="10"/>
    </row>
    <row r="205854" spans="14:14">
      <c r="N205854" s="10"/>
    </row>
    <row r="205855" spans="14:14">
      <c r="N205855" s="10"/>
    </row>
    <row r="205856" spans="14:14">
      <c r="N205856" s="10"/>
    </row>
    <row r="205857" spans="14:14">
      <c r="N205857" s="10"/>
    </row>
    <row r="205858" spans="14:14">
      <c r="N205858" s="10"/>
    </row>
    <row r="205859" spans="14:14">
      <c r="N205859" s="10"/>
    </row>
    <row r="205860" spans="14:14">
      <c r="N205860" s="10"/>
    </row>
    <row r="205861" spans="14:14">
      <c r="N205861" s="10"/>
    </row>
    <row r="205862" spans="14:14">
      <c r="N205862" s="10"/>
    </row>
    <row r="205863" spans="14:14">
      <c r="N205863" s="10"/>
    </row>
    <row r="205864" spans="14:14">
      <c r="N205864" s="10"/>
    </row>
    <row r="205865" spans="14:14">
      <c r="N205865" s="10"/>
    </row>
    <row r="205866" spans="14:14">
      <c r="N205866" s="10"/>
    </row>
    <row r="205867" spans="14:14">
      <c r="N205867" s="10"/>
    </row>
    <row r="205868" spans="14:14">
      <c r="N205868" s="10"/>
    </row>
    <row r="205869" spans="14:14">
      <c r="N205869" s="10"/>
    </row>
    <row r="205870" spans="14:14">
      <c r="N205870" s="10"/>
    </row>
    <row r="205871" spans="14:14">
      <c r="N205871" s="10"/>
    </row>
    <row r="205872" spans="14:14">
      <c r="N205872" s="10"/>
    </row>
    <row r="205873" spans="14:14">
      <c r="N205873" s="10"/>
    </row>
    <row r="205874" spans="14:14">
      <c r="N205874" s="10"/>
    </row>
    <row r="205875" spans="14:14">
      <c r="N205875" s="10"/>
    </row>
    <row r="205876" spans="14:14">
      <c r="N205876" s="10"/>
    </row>
    <row r="205877" spans="14:14">
      <c r="N205877" s="10"/>
    </row>
    <row r="205878" spans="14:14">
      <c r="N205878" s="10"/>
    </row>
    <row r="205879" spans="14:14">
      <c r="N205879" s="10"/>
    </row>
    <row r="205880" spans="14:14">
      <c r="N205880" s="10"/>
    </row>
    <row r="205881" spans="14:14">
      <c r="N205881" s="10"/>
    </row>
    <row r="205882" spans="14:14">
      <c r="N205882" s="10"/>
    </row>
    <row r="205883" spans="14:14">
      <c r="N205883" s="10"/>
    </row>
    <row r="205884" spans="14:14">
      <c r="N205884" s="10"/>
    </row>
    <row r="205885" spans="14:14">
      <c r="N205885" s="10"/>
    </row>
    <row r="205886" spans="14:14">
      <c r="N205886" s="10"/>
    </row>
    <row r="205887" spans="14:14">
      <c r="N205887" s="10"/>
    </row>
    <row r="205888" spans="14:14">
      <c r="N205888" s="10"/>
    </row>
    <row r="205889" spans="14:14">
      <c r="N205889" s="10"/>
    </row>
    <row r="205890" spans="14:14">
      <c r="N205890" s="10"/>
    </row>
    <row r="205891" spans="14:14">
      <c r="N205891" s="10"/>
    </row>
    <row r="205892" spans="14:14">
      <c r="N205892" s="10"/>
    </row>
    <row r="205893" spans="14:14">
      <c r="N205893" s="10"/>
    </row>
    <row r="205894" spans="14:14">
      <c r="N205894" s="10"/>
    </row>
    <row r="205895" spans="14:14">
      <c r="N205895" s="10"/>
    </row>
    <row r="205896" spans="14:14">
      <c r="N205896" s="10"/>
    </row>
    <row r="205897" spans="14:14">
      <c r="N205897" s="10"/>
    </row>
    <row r="205898" spans="14:14">
      <c r="N205898" s="10"/>
    </row>
    <row r="205899" spans="14:14">
      <c r="N205899" s="10"/>
    </row>
    <row r="205900" spans="14:14">
      <c r="N205900" s="10"/>
    </row>
    <row r="205901" spans="14:14">
      <c r="N205901" s="10"/>
    </row>
    <row r="205902" spans="14:14">
      <c r="N205902" s="10"/>
    </row>
    <row r="205903" spans="14:14">
      <c r="N205903" s="10"/>
    </row>
    <row r="205904" spans="14:14">
      <c r="N205904" s="10"/>
    </row>
    <row r="205905" spans="14:14">
      <c r="N205905" s="10"/>
    </row>
    <row r="205906" spans="14:14">
      <c r="N205906" s="10"/>
    </row>
    <row r="205907" spans="14:14">
      <c r="N205907" s="10"/>
    </row>
    <row r="205908" spans="14:14">
      <c r="N205908" s="10"/>
    </row>
    <row r="205909" spans="14:14">
      <c r="N205909" s="10"/>
    </row>
    <row r="205910" spans="14:14">
      <c r="N205910" s="10"/>
    </row>
    <row r="205911" spans="14:14">
      <c r="N205911" s="10"/>
    </row>
    <row r="205912" spans="14:14">
      <c r="N205912" s="10"/>
    </row>
    <row r="205913" spans="14:14">
      <c r="N205913" s="10"/>
    </row>
    <row r="205914" spans="14:14">
      <c r="N205914" s="10"/>
    </row>
    <row r="205915" spans="14:14">
      <c r="N205915" s="10"/>
    </row>
    <row r="205916" spans="14:14">
      <c r="N205916" s="10"/>
    </row>
    <row r="205917" spans="14:14">
      <c r="N205917" s="10"/>
    </row>
    <row r="205918" spans="14:14">
      <c r="N205918" s="10"/>
    </row>
    <row r="205919" spans="14:14">
      <c r="N205919" s="10"/>
    </row>
    <row r="205920" spans="14:14">
      <c r="N205920" s="10"/>
    </row>
    <row r="205921" spans="14:14">
      <c r="N205921" s="10"/>
    </row>
    <row r="205922" spans="14:14">
      <c r="N205922" s="10"/>
    </row>
    <row r="205923" spans="14:14">
      <c r="N205923" s="10"/>
    </row>
    <row r="205924" spans="14:14">
      <c r="N205924" s="10"/>
    </row>
    <row r="205925" spans="14:14">
      <c r="N205925" s="10"/>
    </row>
    <row r="205926" spans="14:14">
      <c r="N205926" s="10"/>
    </row>
    <row r="205927" spans="14:14">
      <c r="N205927" s="10"/>
    </row>
    <row r="205928" spans="14:14">
      <c r="N205928" s="10"/>
    </row>
    <row r="205929" spans="14:14">
      <c r="N205929" s="10"/>
    </row>
    <row r="205930" spans="14:14">
      <c r="N205930" s="10"/>
    </row>
    <row r="205931" spans="14:14">
      <c r="N205931" s="10"/>
    </row>
    <row r="205932" spans="14:14">
      <c r="N205932" s="10"/>
    </row>
    <row r="205933" spans="14:14">
      <c r="N205933" s="10"/>
    </row>
    <row r="205934" spans="14:14">
      <c r="N205934" s="10"/>
    </row>
    <row r="205935" spans="14:14">
      <c r="N205935" s="10"/>
    </row>
    <row r="205936" spans="14:14">
      <c r="N205936" s="10"/>
    </row>
    <row r="205937" spans="14:14">
      <c r="N205937" s="10"/>
    </row>
    <row r="205938" spans="14:14">
      <c r="N205938" s="10"/>
    </row>
    <row r="205939" spans="14:14">
      <c r="N205939" s="10"/>
    </row>
    <row r="205940" spans="14:14">
      <c r="N205940" s="10"/>
    </row>
    <row r="205941" spans="14:14">
      <c r="N205941" s="10"/>
    </row>
    <row r="205942" spans="14:14">
      <c r="N205942" s="10"/>
    </row>
    <row r="205943" spans="14:14">
      <c r="N205943" s="10"/>
    </row>
    <row r="205944" spans="14:14">
      <c r="N205944" s="10"/>
    </row>
    <row r="205945" spans="14:14">
      <c r="N205945" s="10"/>
    </row>
    <row r="205946" spans="14:14">
      <c r="N205946" s="10"/>
    </row>
    <row r="205947" spans="14:14">
      <c r="N205947" s="10"/>
    </row>
    <row r="205948" spans="14:14">
      <c r="N205948" s="10"/>
    </row>
    <row r="205949" spans="14:14">
      <c r="N205949" s="10"/>
    </row>
    <row r="205950" spans="14:14">
      <c r="N205950" s="10"/>
    </row>
    <row r="205951" spans="14:14">
      <c r="N205951" s="10"/>
    </row>
    <row r="205952" spans="14:14">
      <c r="N205952" s="10"/>
    </row>
    <row r="205953" spans="14:14">
      <c r="N205953" s="10"/>
    </row>
    <row r="205954" spans="14:14">
      <c r="N205954" s="10"/>
    </row>
    <row r="205955" spans="14:14">
      <c r="N205955" s="10"/>
    </row>
    <row r="205956" spans="14:14">
      <c r="N205956" s="10"/>
    </row>
    <row r="205957" spans="14:14">
      <c r="N205957" s="10"/>
    </row>
    <row r="205958" spans="14:14">
      <c r="N205958" s="10"/>
    </row>
    <row r="205959" spans="14:14">
      <c r="N205959" s="10"/>
    </row>
    <row r="205960" spans="14:14">
      <c r="N205960" s="10"/>
    </row>
    <row r="205961" spans="14:14">
      <c r="N205961" s="10"/>
    </row>
    <row r="205962" spans="14:14">
      <c r="N205962" s="10"/>
    </row>
    <row r="205963" spans="14:14">
      <c r="N205963" s="10"/>
    </row>
    <row r="205964" spans="14:14">
      <c r="N205964" s="10"/>
    </row>
    <row r="205965" spans="14:14">
      <c r="N205965" s="10"/>
    </row>
    <row r="205966" spans="14:14">
      <c r="N205966" s="10"/>
    </row>
    <row r="205967" spans="14:14">
      <c r="N205967" s="10"/>
    </row>
    <row r="205968" spans="14:14">
      <c r="N205968" s="10"/>
    </row>
    <row r="205969" spans="14:14">
      <c r="N205969" s="10"/>
    </row>
    <row r="205970" spans="14:14">
      <c r="N205970" s="10"/>
    </row>
    <row r="205971" spans="14:14">
      <c r="N205971" s="10"/>
    </row>
    <row r="205972" spans="14:14">
      <c r="N205972" s="10"/>
    </row>
    <row r="205973" spans="14:14">
      <c r="N205973" s="10"/>
    </row>
    <row r="205974" spans="14:14">
      <c r="N205974" s="10"/>
    </row>
    <row r="205975" spans="14:14">
      <c r="N205975" s="10"/>
    </row>
    <row r="205976" spans="14:14">
      <c r="N205976" s="10"/>
    </row>
    <row r="205977" spans="14:14">
      <c r="N205977" s="10"/>
    </row>
    <row r="205978" spans="14:14">
      <c r="N205978" s="10"/>
    </row>
    <row r="205979" spans="14:14">
      <c r="N205979" s="10"/>
    </row>
    <row r="205980" spans="14:14">
      <c r="N205980" s="10"/>
    </row>
    <row r="205981" spans="14:14">
      <c r="N205981" s="10"/>
    </row>
    <row r="205982" spans="14:14">
      <c r="N205982" s="10"/>
    </row>
    <row r="205983" spans="14:14">
      <c r="N205983" s="10"/>
    </row>
    <row r="205984" spans="14:14">
      <c r="N205984" s="10"/>
    </row>
    <row r="205985" spans="14:14">
      <c r="N205985" s="10"/>
    </row>
    <row r="205986" spans="14:14">
      <c r="N205986" s="10"/>
    </row>
    <row r="205987" spans="14:14">
      <c r="N205987" s="10"/>
    </row>
    <row r="205988" spans="14:14">
      <c r="N205988" s="10"/>
    </row>
    <row r="205989" spans="14:14">
      <c r="N205989" s="10"/>
    </row>
    <row r="205990" spans="14:14">
      <c r="N205990" s="10"/>
    </row>
    <row r="205991" spans="14:14">
      <c r="N205991" s="10"/>
    </row>
    <row r="205992" spans="14:14">
      <c r="N205992" s="10"/>
    </row>
    <row r="205993" spans="14:14">
      <c r="N205993" s="10"/>
    </row>
    <row r="205994" spans="14:14">
      <c r="N205994" s="10"/>
    </row>
    <row r="205995" spans="14:14">
      <c r="N205995" s="10"/>
    </row>
    <row r="205996" spans="14:14">
      <c r="N205996" s="10"/>
    </row>
    <row r="205997" spans="14:14">
      <c r="N205997" s="10"/>
    </row>
    <row r="205998" spans="14:14">
      <c r="N205998" s="10"/>
    </row>
    <row r="205999" spans="14:14">
      <c r="N205999" s="10"/>
    </row>
    <row r="206000" spans="14:14">
      <c r="N206000" s="10"/>
    </row>
    <row r="206001" spans="14:14">
      <c r="N206001" s="10"/>
    </row>
    <row r="206002" spans="14:14">
      <c r="N206002" s="10"/>
    </row>
    <row r="206003" spans="14:14">
      <c r="N206003" s="10"/>
    </row>
    <row r="206004" spans="14:14">
      <c r="N206004" s="10"/>
    </row>
    <row r="206005" spans="14:14">
      <c r="N206005" s="10"/>
    </row>
    <row r="206006" spans="14:14">
      <c r="N206006" s="10"/>
    </row>
    <row r="206007" spans="14:14">
      <c r="N206007" s="10"/>
    </row>
    <row r="206008" spans="14:14">
      <c r="N206008" s="10"/>
    </row>
    <row r="206009" spans="14:14">
      <c r="N206009" s="10"/>
    </row>
    <row r="206010" spans="14:14">
      <c r="N206010" s="10"/>
    </row>
    <row r="206011" spans="14:14">
      <c r="N206011" s="10"/>
    </row>
    <row r="206012" spans="14:14">
      <c r="N206012" s="10"/>
    </row>
    <row r="206013" spans="14:14">
      <c r="N206013" s="10"/>
    </row>
    <row r="206014" spans="14:14">
      <c r="N206014" s="10"/>
    </row>
    <row r="206015" spans="14:14">
      <c r="N206015" s="10"/>
    </row>
    <row r="206016" spans="14:14">
      <c r="N206016" s="10"/>
    </row>
    <row r="206017" spans="14:14">
      <c r="N206017" s="10"/>
    </row>
    <row r="206018" spans="14:14">
      <c r="N206018" s="10"/>
    </row>
    <row r="206019" spans="14:14">
      <c r="N206019" s="10"/>
    </row>
    <row r="206020" spans="14:14">
      <c r="N206020" s="10"/>
    </row>
    <row r="206021" spans="14:14">
      <c r="N206021" s="10"/>
    </row>
    <row r="206022" spans="14:14">
      <c r="N206022" s="10"/>
    </row>
    <row r="206023" spans="14:14">
      <c r="N206023" s="10"/>
    </row>
    <row r="206024" spans="14:14">
      <c r="N206024" s="10"/>
    </row>
    <row r="206025" spans="14:14">
      <c r="N206025" s="10"/>
    </row>
    <row r="206026" spans="14:14">
      <c r="N206026" s="10"/>
    </row>
    <row r="206027" spans="14:14">
      <c r="N206027" s="10"/>
    </row>
    <row r="206028" spans="14:14">
      <c r="N206028" s="10"/>
    </row>
    <row r="206029" spans="14:14">
      <c r="N206029" s="10"/>
    </row>
    <row r="206030" spans="14:14">
      <c r="N206030" s="10"/>
    </row>
    <row r="206031" spans="14:14">
      <c r="N206031" s="10"/>
    </row>
    <row r="206032" spans="14:14">
      <c r="N206032" s="10"/>
    </row>
    <row r="206033" spans="14:14">
      <c r="N206033" s="10"/>
    </row>
    <row r="206034" spans="14:14">
      <c r="N206034" s="10"/>
    </row>
    <row r="206035" spans="14:14">
      <c r="N206035" s="10"/>
    </row>
    <row r="206036" spans="14:14">
      <c r="N206036" s="10"/>
    </row>
    <row r="206037" spans="14:14">
      <c r="N206037" s="10"/>
    </row>
    <row r="206038" spans="14:14">
      <c r="N206038" s="10"/>
    </row>
    <row r="206039" spans="14:14">
      <c r="N206039" s="10"/>
    </row>
    <row r="206040" spans="14:14">
      <c r="N206040" s="10"/>
    </row>
    <row r="206041" spans="14:14">
      <c r="N206041" s="10"/>
    </row>
    <row r="206042" spans="14:14">
      <c r="N206042" s="10"/>
    </row>
    <row r="206043" spans="14:14">
      <c r="N206043" s="10"/>
    </row>
    <row r="206044" spans="14:14">
      <c r="N206044" s="10"/>
    </row>
    <row r="206045" spans="14:14">
      <c r="N206045" s="10"/>
    </row>
    <row r="206046" spans="14:14">
      <c r="N206046" s="10"/>
    </row>
    <row r="206047" spans="14:14">
      <c r="N206047" s="10"/>
    </row>
    <row r="206048" spans="14:14">
      <c r="N206048" s="10"/>
    </row>
    <row r="206049" spans="14:14">
      <c r="N206049" s="10"/>
    </row>
    <row r="206050" spans="14:14">
      <c r="N206050" s="10"/>
    </row>
    <row r="206051" spans="14:14">
      <c r="N206051" s="10"/>
    </row>
    <row r="206052" spans="14:14">
      <c r="N206052" s="10"/>
    </row>
    <row r="206053" spans="14:14">
      <c r="N206053" s="10"/>
    </row>
    <row r="206054" spans="14:14">
      <c r="N206054" s="10"/>
    </row>
    <row r="206055" spans="14:14">
      <c r="N206055" s="10"/>
    </row>
    <row r="206056" spans="14:14">
      <c r="N206056" s="10"/>
    </row>
    <row r="206057" spans="14:14">
      <c r="N206057" s="10"/>
    </row>
    <row r="206058" spans="14:14">
      <c r="N206058" s="10"/>
    </row>
    <row r="206059" spans="14:14">
      <c r="N206059" s="10"/>
    </row>
    <row r="206060" spans="14:14">
      <c r="N206060" s="10"/>
    </row>
    <row r="206061" spans="14:14">
      <c r="N206061" s="10"/>
    </row>
    <row r="206062" spans="14:14">
      <c r="N206062" s="10"/>
    </row>
    <row r="206063" spans="14:14">
      <c r="N206063" s="10"/>
    </row>
    <row r="206064" spans="14:14">
      <c r="N206064" s="10"/>
    </row>
    <row r="206065" spans="14:14">
      <c r="N206065" s="10"/>
    </row>
    <row r="206066" spans="14:14">
      <c r="N206066" s="10"/>
    </row>
    <row r="206067" spans="14:14">
      <c r="N206067" s="10"/>
    </row>
    <row r="206068" spans="14:14">
      <c r="N206068" s="10"/>
    </row>
    <row r="206069" spans="14:14">
      <c r="N206069" s="10"/>
    </row>
    <row r="206070" spans="14:14">
      <c r="N206070" s="10"/>
    </row>
    <row r="206071" spans="14:14">
      <c r="N206071" s="10"/>
    </row>
    <row r="206072" spans="14:14">
      <c r="N206072" s="10"/>
    </row>
    <row r="206073" spans="14:14">
      <c r="N206073" s="10"/>
    </row>
    <row r="206074" spans="14:14">
      <c r="N206074" s="10"/>
    </row>
    <row r="206075" spans="14:14">
      <c r="N206075" s="10"/>
    </row>
    <row r="206076" spans="14:14">
      <c r="N206076" s="10"/>
    </row>
    <row r="206077" spans="14:14">
      <c r="N206077" s="10"/>
    </row>
    <row r="206078" spans="14:14">
      <c r="N206078" s="10"/>
    </row>
    <row r="206079" spans="14:14">
      <c r="N206079" s="10"/>
    </row>
    <row r="206080" spans="14:14">
      <c r="N206080" s="10"/>
    </row>
    <row r="206081" spans="14:14">
      <c r="N206081" s="10"/>
    </row>
    <row r="206082" spans="14:14">
      <c r="N206082" s="10"/>
    </row>
    <row r="206083" spans="14:14">
      <c r="N206083" s="10"/>
    </row>
    <row r="206084" spans="14:14">
      <c r="N206084" s="10"/>
    </row>
    <row r="206085" spans="14:14">
      <c r="N206085" s="10"/>
    </row>
    <row r="206086" spans="14:14">
      <c r="N206086" s="10"/>
    </row>
    <row r="206087" spans="14:14">
      <c r="N206087" s="10"/>
    </row>
    <row r="206088" spans="14:14">
      <c r="N206088" s="10"/>
    </row>
    <row r="206089" spans="14:14">
      <c r="N206089" s="10"/>
    </row>
    <row r="206090" spans="14:14">
      <c r="N206090" s="10"/>
    </row>
    <row r="206091" spans="14:14">
      <c r="N206091" s="10"/>
    </row>
    <row r="206092" spans="14:14">
      <c r="N206092" s="10"/>
    </row>
    <row r="206093" spans="14:14">
      <c r="N206093" s="10"/>
    </row>
    <row r="206094" spans="14:14">
      <c r="N206094" s="10"/>
    </row>
    <row r="206095" spans="14:14">
      <c r="N206095" s="10"/>
    </row>
    <row r="206096" spans="14:14">
      <c r="N206096" s="10"/>
    </row>
    <row r="206097" spans="14:14">
      <c r="N206097" s="10"/>
    </row>
    <row r="206098" spans="14:14">
      <c r="N206098" s="10"/>
    </row>
    <row r="206099" spans="14:14">
      <c r="N206099" s="10"/>
    </row>
    <row r="206100" spans="14:14">
      <c r="N206100" s="10"/>
    </row>
    <row r="206101" spans="14:14">
      <c r="N206101" s="10"/>
    </row>
    <row r="206102" spans="14:14">
      <c r="N206102" s="10"/>
    </row>
    <row r="206103" spans="14:14">
      <c r="N206103" s="10"/>
    </row>
    <row r="206104" spans="14:14">
      <c r="N206104" s="10"/>
    </row>
    <row r="206105" spans="14:14">
      <c r="N206105" s="10"/>
    </row>
    <row r="206106" spans="14:14">
      <c r="N206106" s="10"/>
    </row>
    <row r="206107" spans="14:14">
      <c r="N206107" s="10"/>
    </row>
    <row r="206108" spans="14:14">
      <c r="N206108" s="10"/>
    </row>
    <row r="206109" spans="14:14">
      <c r="N206109" s="10"/>
    </row>
    <row r="206110" spans="14:14">
      <c r="N206110" s="10"/>
    </row>
    <row r="206111" spans="14:14">
      <c r="N206111" s="10"/>
    </row>
    <row r="206112" spans="14:14">
      <c r="N206112" s="10"/>
    </row>
    <row r="206113" spans="14:14">
      <c r="N206113" s="10"/>
    </row>
    <row r="206114" spans="14:14">
      <c r="N206114" s="10"/>
    </row>
    <row r="206115" spans="14:14">
      <c r="N206115" s="10"/>
    </row>
    <row r="206116" spans="14:14">
      <c r="N206116" s="10"/>
    </row>
    <row r="206117" spans="14:14">
      <c r="N206117" s="10"/>
    </row>
    <row r="206118" spans="14:14">
      <c r="N206118" s="10"/>
    </row>
    <row r="206119" spans="14:14">
      <c r="N206119" s="10"/>
    </row>
    <row r="206120" spans="14:14">
      <c r="N206120" s="10"/>
    </row>
    <row r="206121" spans="14:14">
      <c r="N206121" s="10"/>
    </row>
    <row r="206122" spans="14:14">
      <c r="N206122" s="10"/>
    </row>
    <row r="206123" spans="14:14">
      <c r="N206123" s="10"/>
    </row>
    <row r="206124" spans="14:14">
      <c r="N206124" s="10"/>
    </row>
    <row r="206125" spans="14:14">
      <c r="N206125" s="10"/>
    </row>
    <row r="206126" spans="14:14">
      <c r="N206126" s="10"/>
    </row>
    <row r="206127" spans="14:14">
      <c r="N206127" s="10"/>
    </row>
    <row r="206128" spans="14:14">
      <c r="N206128" s="10"/>
    </row>
    <row r="206129" spans="14:14">
      <c r="N206129" s="10"/>
    </row>
    <row r="206130" spans="14:14">
      <c r="N206130" s="10"/>
    </row>
    <row r="206131" spans="14:14">
      <c r="N206131" s="10"/>
    </row>
    <row r="206132" spans="14:14">
      <c r="N206132" s="10"/>
    </row>
    <row r="206133" spans="14:14">
      <c r="N206133" s="10"/>
    </row>
    <row r="206134" spans="14:14">
      <c r="N206134" s="10"/>
    </row>
    <row r="206135" spans="14:14">
      <c r="N206135" s="10"/>
    </row>
    <row r="206136" spans="14:14">
      <c r="N206136" s="10"/>
    </row>
    <row r="206137" spans="14:14">
      <c r="N206137" s="10"/>
    </row>
    <row r="206138" spans="14:14">
      <c r="N206138" s="10"/>
    </row>
    <row r="206139" spans="14:14">
      <c r="N206139" s="10"/>
    </row>
    <row r="206140" spans="14:14">
      <c r="N206140" s="10"/>
    </row>
    <row r="206141" spans="14:14">
      <c r="N206141" s="10"/>
    </row>
    <row r="206142" spans="14:14">
      <c r="N206142" s="10"/>
    </row>
    <row r="206143" spans="14:14">
      <c r="N206143" s="10"/>
    </row>
    <row r="206144" spans="14:14">
      <c r="N206144" s="10"/>
    </row>
    <row r="206145" spans="14:14">
      <c r="N206145" s="10"/>
    </row>
    <row r="206146" spans="14:14">
      <c r="N206146" s="10"/>
    </row>
    <row r="206147" spans="14:14">
      <c r="N206147" s="10"/>
    </row>
    <row r="206148" spans="14:14">
      <c r="N206148" s="10"/>
    </row>
    <row r="206149" spans="14:14">
      <c r="N206149" s="10"/>
    </row>
    <row r="206150" spans="14:14">
      <c r="N206150" s="10"/>
    </row>
    <row r="206151" spans="14:14">
      <c r="N206151" s="10"/>
    </row>
    <row r="206152" spans="14:14">
      <c r="N206152" s="10"/>
    </row>
    <row r="206153" spans="14:14">
      <c r="N206153" s="10"/>
    </row>
    <row r="206154" spans="14:14">
      <c r="N206154" s="10"/>
    </row>
    <row r="206155" spans="14:14">
      <c r="N206155" s="10"/>
    </row>
    <row r="206156" spans="14:14">
      <c r="N206156" s="10"/>
    </row>
    <row r="206157" spans="14:14">
      <c r="N206157" s="10"/>
    </row>
    <row r="206158" spans="14:14">
      <c r="N206158" s="10"/>
    </row>
    <row r="206159" spans="14:14">
      <c r="N206159" s="10"/>
    </row>
    <row r="206160" spans="14:14">
      <c r="N206160" s="10"/>
    </row>
    <row r="206161" spans="14:14">
      <c r="N206161" s="10"/>
    </row>
    <row r="206162" spans="14:14">
      <c r="N206162" s="10"/>
    </row>
    <row r="206163" spans="14:14">
      <c r="N206163" s="10"/>
    </row>
    <row r="206164" spans="14:14">
      <c r="N206164" s="10"/>
    </row>
    <row r="206165" spans="14:14">
      <c r="N206165" s="10"/>
    </row>
    <row r="206166" spans="14:14">
      <c r="N206166" s="10"/>
    </row>
    <row r="206167" spans="14:14">
      <c r="N206167" s="10"/>
    </row>
    <row r="206168" spans="14:14">
      <c r="N206168" s="10"/>
    </row>
    <row r="206169" spans="14:14">
      <c r="N206169" s="10"/>
    </row>
    <row r="206170" spans="14:14">
      <c r="N206170" s="10"/>
    </row>
    <row r="206171" spans="14:14">
      <c r="N206171" s="10"/>
    </row>
    <row r="206172" spans="14:14">
      <c r="N206172" s="10"/>
    </row>
    <row r="206173" spans="14:14">
      <c r="N206173" s="10"/>
    </row>
    <row r="206174" spans="14:14">
      <c r="N206174" s="10"/>
    </row>
    <row r="206175" spans="14:14">
      <c r="N206175" s="10"/>
    </row>
    <row r="206176" spans="14:14">
      <c r="N206176" s="10"/>
    </row>
    <row r="206177" spans="14:14">
      <c r="N206177" s="10"/>
    </row>
    <row r="206178" spans="14:14">
      <c r="N206178" s="10"/>
    </row>
    <row r="206179" spans="14:14">
      <c r="N206179" s="10"/>
    </row>
    <row r="206180" spans="14:14">
      <c r="N206180" s="10"/>
    </row>
    <row r="206181" spans="14:14">
      <c r="N206181" s="10"/>
    </row>
    <row r="206182" spans="14:14">
      <c r="N206182" s="10"/>
    </row>
    <row r="206183" spans="14:14">
      <c r="N206183" s="10"/>
    </row>
    <row r="206184" spans="14:14">
      <c r="N206184" s="10"/>
    </row>
    <row r="206185" spans="14:14">
      <c r="N206185" s="10"/>
    </row>
    <row r="206186" spans="14:14">
      <c r="N206186" s="10"/>
    </row>
    <row r="206187" spans="14:14">
      <c r="N206187" s="10"/>
    </row>
    <row r="206188" spans="14:14">
      <c r="N206188" s="10"/>
    </row>
    <row r="206189" spans="14:14">
      <c r="N206189" s="10"/>
    </row>
    <row r="206190" spans="14:14">
      <c r="N206190" s="10"/>
    </row>
    <row r="206191" spans="14:14">
      <c r="N206191" s="10"/>
    </row>
    <row r="206192" spans="14:14">
      <c r="N206192" s="10"/>
    </row>
    <row r="206193" spans="14:14">
      <c r="N206193" s="10"/>
    </row>
    <row r="206194" spans="14:14">
      <c r="N206194" s="10"/>
    </row>
    <row r="206195" spans="14:14">
      <c r="N206195" s="10"/>
    </row>
    <row r="206196" spans="14:14">
      <c r="N206196" s="10"/>
    </row>
    <row r="206197" spans="14:14">
      <c r="N206197" s="10"/>
    </row>
    <row r="206198" spans="14:14">
      <c r="N206198" s="10"/>
    </row>
    <row r="206199" spans="14:14">
      <c r="N206199" s="10"/>
    </row>
    <row r="206200" spans="14:14">
      <c r="N206200" s="10"/>
    </row>
    <row r="206201" spans="14:14">
      <c r="N206201" s="10"/>
    </row>
    <row r="206202" spans="14:14">
      <c r="N206202" s="10"/>
    </row>
    <row r="206203" spans="14:14">
      <c r="N206203" s="10"/>
    </row>
    <row r="206204" spans="14:14">
      <c r="N206204" s="10"/>
    </row>
    <row r="206205" spans="14:14">
      <c r="N206205" s="10"/>
    </row>
    <row r="206206" spans="14:14">
      <c r="N206206" s="10"/>
    </row>
    <row r="206207" spans="14:14">
      <c r="N206207" s="10"/>
    </row>
    <row r="206208" spans="14:14">
      <c r="N206208" s="10"/>
    </row>
    <row r="206209" spans="14:14">
      <c r="N206209" s="10"/>
    </row>
    <row r="206210" spans="14:14">
      <c r="N206210" s="10"/>
    </row>
    <row r="206211" spans="14:14">
      <c r="N206211" s="10"/>
    </row>
    <row r="206212" spans="14:14">
      <c r="N206212" s="10"/>
    </row>
    <row r="206213" spans="14:14">
      <c r="N206213" s="10"/>
    </row>
    <row r="206214" spans="14:14">
      <c r="N206214" s="10"/>
    </row>
    <row r="206215" spans="14:14">
      <c r="N206215" s="10"/>
    </row>
    <row r="206216" spans="14:14">
      <c r="N206216" s="10"/>
    </row>
    <row r="206217" spans="14:14">
      <c r="N206217" s="10"/>
    </row>
    <row r="206218" spans="14:14">
      <c r="N206218" s="10"/>
    </row>
    <row r="206219" spans="14:14">
      <c r="N206219" s="10"/>
    </row>
    <row r="206220" spans="14:14">
      <c r="N206220" s="10"/>
    </row>
    <row r="206221" spans="14:14">
      <c r="N206221" s="10"/>
    </row>
    <row r="206222" spans="14:14">
      <c r="N206222" s="10"/>
    </row>
    <row r="206223" spans="14:14">
      <c r="N206223" s="10"/>
    </row>
    <row r="206224" spans="14:14">
      <c r="N206224" s="10"/>
    </row>
    <row r="206225" spans="14:14">
      <c r="N206225" s="10"/>
    </row>
    <row r="206226" spans="14:14">
      <c r="N206226" s="10"/>
    </row>
    <row r="206227" spans="14:14">
      <c r="N206227" s="10"/>
    </row>
    <row r="206228" spans="14:14">
      <c r="N206228" s="10"/>
    </row>
    <row r="206229" spans="14:14">
      <c r="N206229" s="10"/>
    </row>
    <row r="206230" spans="14:14">
      <c r="N206230" s="10"/>
    </row>
    <row r="206231" spans="14:14">
      <c r="N206231" s="10"/>
    </row>
    <row r="206232" spans="14:14">
      <c r="N206232" s="10"/>
    </row>
    <row r="206233" spans="14:14">
      <c r="N206233" s="10"/>
    </row>
    <row r="206234" spans="14:14">
      <c r="N206234" s="10"/>
    </row>
    <row r="206235" spans="14:14">
      <c r="N206235" s="10"/>
    </row>
    <row r="206236" spans="14:14">
      <c r="N206236" s="10"/>
    </row>
    <row r="206237" spans="14:14">
      <c r="N206237" s="10"/>
    </row>
    <row r="206238" spans="14:14">
      <c r="N206238" s="10"/>
    </row>
    <row r="206239" spans="14:14">
      <c r="N206239" s="10"/>
    </row>
    <row r="206240" spans="14:14">
      <c r="N206240" s="10"/>
    </row>
    <row r="206241" spans="14:14">
      <c r="N206241" s="10"/>
    </row>
    <row r="206242" spans="14:14">
      <c r="N206242" s="10"/>
    </row>
    <row r="206243" spans="14:14">
      <c r="N206243" s="10"/>
    </row>
    <row r="206244" spans="14:14">
      <c r="N206244" s="10"/>
    </row>
    <row r="206245" spans="14:14">
      <c r="N206245" s="10"/>
    </row>
    <row r="206246" spans="14:14">
      <c r="N206246" s="10"/>
    </row>
    <row r="206247" spans="14:14">
      <c r="N206247" s="10"/>
    </row>
    <row r="206248" spans="14:14">
      <c r="N206248" s="10"/>
    </row>
    <row r="206249" spans="14:14">
      <c r="N206249" s="10"/>
    </row>
    <row r="206250" spans="14:14">
      <c r="N206250" s="10"/>
    </row>
    <row r="206251" spans="14:14">
      <c r="N206251" s="10"/>
    </row>
    <row r="206252" spans="14:14">
      <c r="N206252" s="10"/>
    </row>
    <row r="206253" spans="14:14">
      <c r="N206253" s="10"/>
    </row>
    <row r="206254" spans="14:14">
      <c r="N206254" s="10"/>
    </row>
    <row r="206255" spans="14:14">
      <c r="N206255" s="10"/>
    </row>
    <row r="206256" spans="14:14">
      <c r="N206256" s="10"/>
    </row>
    <row r="206257" spans="14:14">
      <c r="N206257" s="10"/>
    </row>
    <row r="206258" spans="14:14">
      <c r="N206258" s="10"/>
    </row>
    <row r="206259" spans="14:14">
      <c r="N206259" s="10"/>
    </row>
    <row r="206260" spans="14:14">
      <c r="N206260" s="10"/>
    </row>
    <row r="206261" spans="14:14">
      <c r="N206261" s="10"/>
    </row>
    <row r="206262" spans="14:14">
      <c r="N206262" s="10"/>
    </row>
    <row r="206263" spans="14:14">
      <c r="N206263" s="10"/>
    </row>
    <row r="206264" spans="14:14">
      <c r="N206264" s="10"/>
    </row>
    <row r="206265" spans="14:14">
      <c r="N206265" s="10"/>
    </row>
    <row r="206266" spans="14:14">
      <c r="N206266" s="10"/>
    </row>
    <row r="206267" spans="14:14">
      <c r="N206267" s="10"/>
    </row>
    <row r="206268" spans="14:14">
      <c r="N206268" s="10"/>
    </row>
    <row r="206269" spans="14:14">
      <c r="N206269" s="10"/>
    </row>
    <row r="206270" spans="14:14">
      <c r="N206270" s="10"/>
    </row>
    <row r="206271" spans="14:14">
      <c r="N206271" s="10"/>
    </row>
    <row r="206272" spans="14:14">
      <c r="N206272" s="10"/>
    </row>
    <row r="206273" spans="14:14">
      <c r="N206273" s="10"/>
    </row>
    <row r="206274" spans="14:14">
      <c r="N206274" s="10"/>
    </row>
    <row r="206275" spans="14:14">
      <c r="N206275" s="10"/>
    </row>
    <row r="206276" spans="14:14">
      <c r="N206276" s="10"/>
    </row>
    <row r="206277" spans="14:14">
      <c r="N206277" s="10"/>
    </row>
    <row r="206278" spans="14:14">
      <c r="N206278" s="10"/>
    </row>
    <row r="206279" spans="14:14">
      <c r="N206279" s="10"/>
    </row>
    <row r="206280" spans="14:14">
      <c r="N206280" s="10"/>
    </row>
    <row r="206281" spans="14:14">
      <c r="N206281" s="10"/>
    </row>
    <row r="206282" spans="14:14">
      <c r="N206282" s="10"/>
    </row>
    <row r="206283" spans="14:14">
      <c r="N206283" s="10"/>
    </row>
    <row r="206284" spans="14:14">
      <c r="N206284" s="10"/>
    </row>
    <row r="206285" spans="14:14">
      <c r="N206285" s="10"/>
    </row>
    <row r="206286" spans="14:14">
      <c r="N206286" s="10"/>
    </row>
    <row r="206287" spans="14:14">
      <c r="N206287" s="10"/>
    </row>
    <row r="206288" spans="14:14">
      <c r="N206288" s="10"/>
    </row>
    <row r="206289" spans="14:14">
      <c r="N206289" s="10"/>
    </row>
    <row r="206290" spans="14:14">
      <c r="N206290" s="10"/>
    </row>
    <row r="206291" spans="14:14">
      <c r="N206291" s="10"/>
    </row>
    <row r="206292" spans="14:14">
      <c r="N206292" s="10"/>
    </row>
    <row r="206293" spans="14:14">
      <c r="N206293" s="10"/>
    </row>
    <row r="206294" spans="14:14">
      <c r="N206294" s="10"/>
    </row>
    <row r="206295" spans="14:14">
      <c r="N206295" s="10"/>
    </row>
    <row r="206296" spans="14:14">
      <c r="N206296" s="10"/>
    </row>
    <row r="206297" spans="14:14">
      <c r="N206297" s="10"/>
    </row>
    <row r="206298" spans="14:14">
      <c r="N206298" s="10"/>
    </row>
    <row r="206299" spans="14:14">
      <c r="N206299" s="10"/>
    </row>
    <row r="206300" spans="14:14">
      <c r="N206300" s="10"/>
    </row>
    <row r="206301" spans="14:14">
      <c r="N206301" s="10"/>
    </row>
    <row r="206302" spans="14:14">
      <c r="N206302" s="10"/>
    </row>
    <row r="206303" spans="14:14">
      <c r="N206303" s="10"/>
    </row>
    <row r="206304" spans="14:14">
      <c r="N206304" s="10"/>
    </row>
    <row r="206305" spans="14:14">
      <c r="N206305" s="10"/>
    </row>
    <row r="206306" spans="14:14">
      <c r="N206306" s="10"/>
    </row>
    <row r="206307" spans="14:14">
      <c r="N206307" s="10"/>
    </row>
    <row r="206308" spans="14:14">
      <c r="N206308" s="10"/>
    </row>
    <row r="206309" spans="14:14">
      <c r="N206309" s="10"/>
    </row>
    <row r="206310" spans="14:14">
      <c r="N206310" s="10"/>
    </row>
    <row r="206311" spans="14:14">
      <c r="N206311" s="10"/>
    </row>
    <row r="206312" spans="14:14">
      <c r="N206312" s="10"/>
    </row>
    <row r="206313" spans="14:14">
      <c r="N206313" s="10"/>
    </row>
    <row r="206314" spans="14:14">
      <c r="N206314" s="10"/>
    </row>
    <row r="206315" spans="14:14">
      <c r="N206315" s="10"/>
    </row>
    <row r="206316" spans="14:14">
      <c r="N206316" s="10"/>
    </row>
    <row r="206317" spans="14:14">
      <c r="N206317" s="10"/>
    </row>
    <row r="206318" spans="14:14">
      <c r="N206318" s="10"/>
    </row>
    <row r="206319" spans="14:14">
      <c r="N206319" s="10"/>
    </row>
    <row r="206320" spans="14:14">
      <c r="N206320" s="10"/>
    </row>
    <row r="206321" spans="14:14">
      <c r="N206321" s="10"/>
    </row>
    <row r="206322" spans="14:14">
      <c r="N206322" s="10"/>
    </row>
    <row r="206323" spans="14:14">
      <c r="N206323" s="10"/>
    </row>
    <row r="206324" spans="14:14">
      <c r="N206324" s="10"/>
    </row>
    <row r="206325" spans="14:14">
      <c r="N206325" s="10"/>
    </row>
    <row r="206326" spans="14:14">
      <c r="N206326" s="10"/>
    </row>
    <row r="206327" spans="14:14">
      <c r="N206327" s="10"/>
    </row>
    <row r="206328" spans="14:14">
      <c r="N206328" s="10"/>
    </row>
    <row r="206329" spans="14:14">
      <c r="N206329" s="10"/>
    </row>
    <row r="206330" spans="14:14">
      <c r="N206330" s="10"/>
    </row>
    <row r="206331" spans="14:14">
      <c r="N206331" s="10"/>
    </row>
    <row r="206332" spans="14:14">
      <c r="N206332" s="10"/>
    </row>
    <row r="206333" spans="14:14">
      <c r="N206333" s="10"/>
    </row>
    <row r="206334" spans="14:14">
      <c r="N206334" s="10"/>
    </row>
    <row r="206335" spans="14:14">
      <c r="N206335" s="10"/>
    </row>
    <row r="206336" spans="14:14">
      <c r="N206336" s="10"/>
    </row>
    <row r="206337" spans="14:14">
      <c r="N206337" s="10"/>
    </row>
    <row r="206338" spans="14:14">
      <c r="N206338" s="10"/>
    </row>
    <row r="206339" spans="14:14">
      <c r="N206339" s="10"/>
    </row>
    <row r="206340" spans="14:14">
      <c r="N206340" s="10"/>
    </row>
    <row r="206341" spans="14:14">
      <c r="N206341" s="10"/>
    </row>
    <row r="206342" spans="14:14">
      <c r="N206342" s="10"/>
    </row>
    <row r="206343" spans="14:14">
      <c r="N206343" s="10"/>
    </row>
    <row r="206344" spans="14:14">
      <c r="N206344" s="10"/>
    </row>
    <row r="206345" spans="14:14">
      <c r="N206345" s="10"/>
    </row>
    <row r="206346" spans="14:14">
      <c r="N206346" s="10"/>
    </row>
    <row r="206347" spans="14:14">
      <c r="N206347" s="10"/>
    </row>
    <row r="206348" spans="14:14">
      <c r="N206348" s="10"/>
    </row>
    <row r="206349" spans="14:14">
      <c r="N206349" s="10"/>
    </row>
    <row r="206350" spans="14:14">
      <c r="N206350" s="10"/>
    </row>
    <row r="206351" spans="14:14">
      <c r="N206351" s="10"/>
    </row>
    <row r="206352" spans="14:14">
      <c r="N206352" s="10"/>
    </row>
    <row r="206353" spans="14:14">
      <c r="N206353" s="10"/>
    </row>
    <row r="206354" spans="14:14">
      <c r="N206354" s="10"/>
    </row>
    <row r="206355" spans="14:14">
      <c r="N206355" s="10"/>
    </row>
    <row r="206356" spans="14:14">
      <c r="N206356" s="10"/>
    </row>
    <row r="206357" spans="14:14">
      <c r="N206357" s="10"/>
    </row>
    <row r="206358" spans="14:14">
      <c r="N206358" s="10"/>
    </row>
    <row r="206359" spans="14:14">
      <c r="N206359" s="10"/>
    </row>
    <row r="206360" spans="14:14">
      <c r="N206360" s="10"/>
    </row>
    <row r="206361" spans="14:14">
      <c r="N206361" s="10"/>
    </row>
    <row r="206362" spans="14:14">
      <c r="N206362" s="10"/>
    </row>
    <row r="206363" spans="14:14">
      <c r="N206363" s="10"/>
    </row>
    <row r="206364" spans="14:14">
      <c r="N206364" s="10"/>
    </row>
    <row r="206365" spans="14:14">
      <c r="N206365" s="10"/>
    </row>
    <row r="206366" spans="14:14">
      <c r="N206366" s="10"/>
    </row>
    <row r="206367" spans="14:14">
      <c r="N206367" s="10"/>
    </row>
    <row r="206368" spans="14:14">
      <c r="N206368" s="10"/>
    </row>
    <row r="206369" spans="14:14">
      <c r="N206369" s="10"/>
    </row>
    <row r="206370" spans="14:14">
      <c r="N206370" s="10"/>
    </row>
    <row r="206371" spans="14:14">
      <c r="N206371" s="10"/>
    </row>
    <row r="206372" spans="14:14">
      <c r="N206372" s="10"/>
    </row>
    <row r="206373" spans="14:14">
      <c r="N206373" s="10"/>
    </row>
    <row r="206374" spans="14:14">
      <c r="N206374" s="10"/>
    </row>
    <row r="206375" spans="14:14">
      <c r="N206375" s="10"/>
    </row>
    <row r="206376" spans="14:14">
      <c r="N206376" s="10"/>
    </row>
    <row r="206377" spans="14:14">
      <c r="N206377" s="10"/>
    </row>
    <row r="206378" spans="14:14">
      <c r="N206378" s="10"/>
    </row>
    <row r="206379" spans="14:14">
      <c r="N206379" s="10"/>
    </row>
    <row r="206380" spans="14:14">
      <c r="N206380" s="10"/>
    </row>
    <row r="206381" spans="14:14">
      <c r="N206381" s="10"/>
    </row>
    <row r="206382" spans="14:14">
      <c r="N206382" s="10"/>
    </row>
    <row r="206383" spans="14:14">
      <c r="N206383" s="10"/>
    </row>
    <row r="206384" spans="14:14">
      <c r="N206384" s="10"/>
    </row>
    <row r="206385" spans="14:14">
      <c r="N206385" s="10"/>
    </row>
    <row r="206386" spans="14:14">
      <c r="N206386" s="10"/>
    </row>
    <row r="206387" spans="14:14">
      <c r="N206387" s="10"/>
    </row>
    <row r="206388" spans="14:14">
      <c r="N206388" s="10"/>
    </row>
    <row r="206389" spans="14:14">
      <c r="N206389" s="10"/>
    </row>
    <row r="206390" spans="14:14">
      <c r="N206390" s="10"/>
    </row>
    <row r="206391" spans="14:14">
      <c r="N206391" s="10"/>
    </row>
    <row r="206392" spans="14:14">
      <c r="N206392" s="10"/>
    </row>
    <row r="206393" spans="14:14">
      <c r="N206393" s="10"/>
    </row>
    <row r="206394" spans="14:14">
      <c r="N206394" s="10"/>
    </row>
    <row r="206395" spans="14:14">
      <c r="N206395" s="10"/>
    </row>
    <row r="206396" spans="14:14">
      <c r="N206396" s="10"/>
    </row>
    <row r="206397" spans="14:14">
      <c r="N206397" s="10"/>
    </row>
    <row r="206398" spans="14:14">
      <c r="N206398" s="10"/>
    </row>
    <row r="206399" spans="14:14">
      <c r="N206399" s="10"/>
    </row>
    <row r="206400" spans="14:14">
      <c r="N206400" s="10"/>
    </row>
    <row r="206401" spans="14:14">
      <c r="N206401" s="10"/>
    </row>
    <row r="206402" spans="14:14">
      <c r="N206402" s="10"/>
    </row>
    <row r="206403" spans="14:14">
      <c r="N206403" s="10"/>
    </row>
    <row r="206404" spans="14:14">
      <c r="N206404" s="10"/>
    </row>
    <row r="206405" spans="14:14">
      <c r="N206405" s="10"/>
    </row>
    <row r="206406" spans="14:14">
      <c r="N206406" s="10"/>
    </row>
    <row r="206407" spans="14:14">
      <c r="N206407" s="10"/>
    </row>
    <row r="206408" spans="14:14">
      <c r="N206408" s="10"/>
    </row>
    <row r="206409" spans="14:14">
      <c r="N206409" s="10"/>
    </row>
    <row r="206410" spans="14:14">
      <c r="N206410" s="10"/>
    </row>
    <row r="206411" spans="14:14">
      <c r="N206411" s="10"/>
    </row>
    <row r="206412" spans="14:14">
      <c r="N206412" s="10"/>
    </row>
    <row r="206413" spans="14:14">
      <c r="N206413" s="10"/>
    </row>
    <row r="206414" spans="14:14">
      <c r="N206414" s="10"/>
    </row>
    <row r="206415" spans="14:14">
      <c r="N206415" s="10"/>
    </row>
    <row r="206416" spans="14:14">
      <c r="N206416" s="10"/>
    </row>
    <row r="206417" spans="14:14">
      <c r="N206417" s="10"/>
    </row>
    <row r="206418" spans="14:14">
      <c r="N206418" s="10"/>
    </row>
    <row r="206419" spans="14:14">
      <c r="N206419" s="10"/>
    </row>
    <row r="206420" spans="14:14">
      <c r="N206420" s="10"/>
    </row>
    <row r="206421" spans="14:14">
      <c r="N206421" s="10"/>
    </row>
    <row r="206422" spans="14:14">
      <c r="N206422" s="10"/>
    </row>
    <row r="206423" spans="14:14">
      <c r="N206423" s="10"/>
    </row>
    <row r="206424" spans="14:14">
      <c r="N206424" s="10"/>
    </row>
    <row r="206425" spans="14:14">
      <c r="N206425" s="10"/>
    </row>
    <row r="206426" spans="14:14">
      <c r="N206426" s="10"/>
    </row>
    <row r="206427" spans="14:14">
      <c r="N206427" s="10"/>
    </row>
    <row r="206428" spans="14:14">
      <c r="N206428" s="10"/>
    </row>
    <row r="206429" spans="14:14">
      <c r="N206429" s="10"/>
    </row>
    <row r="206430" spans="14:14">
      <c r="N206430" s="10"/>
    </row>
    <row r="206431" spans="14:14">
      <c r="N206431" s="10"/>
    </row>
    <row r="206432" spans="14:14">
      <c r="N206432" s="10"/>
    </row>
    <row r="206433" spans="14:14">
      <c r="N206433" s="10"/>
    </row>
    <row r="206434" spans="14:14">
      <c r="N206434" s="10"/>
    </row>
    <row r="206435" spans="14:14">
      <c r="N206435" s="10"/>
    </row>
    <row r="206436" spans="14:14">
      <c r="N206436" s="10"/>
    </row>
    <row r="206437" spans="14:14">
      <c r="N206437" s="10"/>
    </row>
    <row r="206438" spans="14:14">
      <c r="N206438" s="10"/>
    </row>
    <row r="206439" spans="14:14">
      <c r="N206439" s="10"/>
    </row>
    <row r="206440" spans="14:14">
      <c r="N206440" s="10"/>
    </row>
    <row r="206441" spans="14:14">
      <c r="N206441" s="10"/>
    </row>
    <row r="206442" spans="14:14">
      <c r="N206442" s="10"/>
    </row>
    <row r="206443" spans="14:14">
      <c r="N206443" s="10"/>
    </row>
    <row r="206444" spans="14:14">
      <c r="N206444" s="10"/>
    </row>
    <row r="206445" spans="14:14">
      <c r="N206445" s="10"/>
    </row>
    <row r="206446" spans="14:14">
      <c r="N206446" s="10"/>
    </row>
    <row r="206447" spans="14:14">
      <c r="N206447" s="10"/>
    </row>
    <row r="206448" spans="14:14">
      <c r="N206448" s="10"/>
    </row>
    <row r="206449" spans="14:14">
      <c r="N206449" s="10"/>
    </row>
    <row r="206450" spans="14:14">
      <c r="N206450" s="10"/>
    </row>
    <row r="206451" spans="14:14">
      <c r="N206451" s="10"/>
    </row>
    <row r="206452" spans="14:14">
      <c r="N206452" s="10"/>
    </row>
    <row r="206453" spans="14:14">
      <c r="N206453" s="10"/>
    </row>
    <row r="206454" spans="14:14">
      <c r="N206454" s="10"/>
    </row>
    <row r="206455" spans="14:14">
      <c r="N206455" s="10"/>
    </row>
    <row r="206456" spans="14:14">
      <c r="N206456" s="10"/>
    </row>
    <row r="206457" spans="14:14">
      <c r="N206457" s="10"/>
    </row>
    <row r="206458" spans="14:14">
      <c r="N206458" s="10"/>
    </row>
    <row r="206459" spans="14:14">
      <c r="N206459" s="10"/>
    </row>
    <row r="206460" spans="14:14">
      <c r="N206460" s="10"/>
    </row>
    <row r="206461" spans="14:14">
      <c r="N206461" s="10"/>
    </row>
    <row r="206462" spans="14:14">
      <c r="N206462" s="10"/>
    </row>
    <row r="206463" spans="14:14">
      <c r="N206463" s="10"/>
    </row>
    <row r="206464" spans="14:14">
      <c r="N206464" s="10"/>
    </row>
    <row r="206465" spans="14:14">
      <c r="N206465" s="10"/>
    </row>
    <row r="206466" spans="14:14">
      <c r="N206466" s="10"/>
    </row>
    <row r="206467" spans="14:14">
      <c r="N206467" s="10"/>
    </row>
    <row r="206468" spans="14:14">
      <c r="N206468" s="10"/>
    </row>
    <row r="206469" spans="14:14">
      <c r="N206469" s="10"/>
    </row>
    <row r="206470" spans="14:14">
      <c r="N206470" s="10"/>
    </row>
    <row r="206471" spans="14:14">
      <c r="N206471" s="10"/>
    </row>
    <row r="206472" spans="14:14">
      <c r="N206472" s="10"/>
    </row>
    <row r="206473" spans="14:14">
      <c r="N206473" s="10"/>
    </row>
    <row r="206474" spans="14:14">
      <c r="N206474" s="10"/>
    </row>
    <row r="206475" spans="14:14">
      <c r="N206475" s="10"/>
    </row>
    <row r="206476" spans="14:14">
      <c r="N206476" s="10"/>
    </row>
    <row r="206477" spans="14:14">
      <c r="N206477" s="10"/>
    </row>
    <row r="206478" spans="14:14">
      <c r="N206478" s="10"/>
    </row>
    <row r="206479" spans="14:14">
      <c r="N206479" s="10"/>
    </row>
    <row r="206480" spans="14:14">
      <c r="N206480" s="10"/>
    </row>
    <row r="206481" spans="14:14">
      <c r="N206481" s="10"/>
    </row>
    <row r="206482" spans="14:14">
      <c r="N206482" s="10"/>
    </row>
    <row r="206483" spans="14:14">
      <c r="N206483" s="10"/>
    </row>
    <row r="206484" spans="14:14">
      <c r="N206484" s="10"/>
    </row>
    <row r="206485" spans="14:14">
      <c r="N206485" s="10"/>
    </row>
    <row r="206486" spans="14:14">
      <c r="N206486" s="10"/>
    </row>
    <row r="206487" spans="14:14">
      <c r="N206487" s="10"/>
    </row>
    <row r="206488" spans="14:14">
      <c r="N206488" s="10"/>
    </row>
    <row r="206489" spans="14:14">
      <c r="N206489" s="10"/>
    </row>
    <row r="206490" spans="14:14">
      <c r="N206490" s="10"/>
    </row>
    <row r="206491" spans="14:14">
      <c r="N206491" s="10"/>
    </row>
    <row r="206492" spans="14:14">
      <c r="N206492" s="10"/>
    </row>
    <row r="206493" spans="14:14">
      <c r="N206493" s="10"/>
    </row>
    <row r="206494" spans="14:14">
      <c r="N206494" s="10"/>
    </row>
    <row r="206495" spans="14:14">
      <c r="N206495" s="10"/>
    </row>
    <row r="206496" spans="14:14">
      <c r="N206496" s="10"/>
    </row>
    <row r="206497" spans="14:14">
      <c r="N206497" s="10"/>
    </row>
    <row r="206498" spans="14:14">
      <c r="N206498" s="10"/>
    </row>
    <row r="206499" spans="14:14">
      <c r="N206499" s="10"/>
    </row>
    <row r="206500" spans="14:14">
      <c r="N206500" s="10"/>
    </row>
    <row r="206501" spans="14:14">
      <c r="N206501" s="10"/>
    </row>
    <row r="206502" spans="14:14">
      <c r="N206502" s="10"/>
    </row>
    <row r="206503" spans="14:14">
      <c r="N206503" s="10"/>
    </row>
    <row r="206504" spans="14:14">
      <c r="N206504" s="10"/>
    </row>
    <row r="206505" spans="14:14">
      <c r="N206505" s="10"/>
    </row>
    <row r="206506" spans="14:14">
      <c r="N206506" s="10"/>
    </row>
    <row r="206507" spans="14:14">
      <c r="N206507" s="10"/>
    </row>
    <row r="206508" spans="14:14">
      <c r="N206508" s="10"/>
    </row>
    <row r="206509" spans="14:14">
      <c r="N206509" s="10"/>
    </row>
    <row r="206510" spans="14:14">
      <c r="N206510" s="10"/>
    </row>
    <row r="206511" spans="14:14">
      <c r="N206511" s="10"/>
    </row>
    <row r="206512" spans="14:14">
      <c r="N206512" s="10"/>
    </row>
    <row r="206513" spans="14:14">
      <c r="N206513" s="10"/>
    </row>
    <row r="206514" spans="14:14">
      <c r="N206514" s="10"/>
    </row>
    <row r="206515" spans="14:14">
      <c r="N206515" s="10"/>
    </row>
    <row r="206516" spans="14:14">
      <c r="N206516" s="10"/>
    </row>
    <row r="206517" spans="14:14">
      <c r="N206517" s="10"/>
    </row>
    <row r="206518" spans="14:14">
      <c r="N206518" s="10"/>
    </row>
    <row r="206519" spans="14:14">
      <c r="N206519" s="10"/>
    </row>
    <row r="206520" spans="14:14">
      <c r="N206520" s="10"/>
    </row>
    <row r="206521" spans="14:14">
      <c r="N206521" s="10"/>
    </row>
    <row r="206522" spans="14:14">
      <c r="N206522" s="10"/>
    </row>
    <row r="206523" spans="14:14">
      <c r="N206523" s="10"/>
    </row>
    <row r="206524" spans="14:14">
      <c r="N206524" s="10"/>
    </row>
    <row r="206525" spans="14:14">
      <c r="N206525" s="10"/>
    </row>
    <row r="206526" spans="14:14">
      <c r="N206526" s="10"/>
    </row>
    <row r="206527" spans="14:14">
      <c r="N206527" s="10"/>
    </row>
    <row r="206528" spans="14:14">
      <c r="N206528" s="10"/>
    </row>
    <row r="206529" spans="14:14">
      <c r="N206529" s="10"/>
    </row>
    <row r="206530" spans="14:14">
      <c r="N206530" s="10"/>
    </row>
    <row r="206531" spans="14:14">
      <c r="N206531" s="10"/>
    </row>
    <row r="206532" spans="14:14">
      <c r="N206532" s="10"/>
    </row>
    <row r="206533" spans="14:14">
      <c r="N206533" s="10"/>
    </row>
    <row r="206534" spans="14:14">
      <c r="N206534" s="10"/>
    </row>
    <row r="206535" spans="14:14">
      <c r="N206535" s="10"/>
    </row>
    <row r="206536" spans="14:14">
      <c r="N206536" s="10"/>
    </row>
    <row r="206537" spans="14:14">
      <c r="N206537" s="10"/>
    </row>
    <row r="206538" spans="14:14">
      <c r="N206538" s="10"/>
    </row>
    <row r="206539" spans="14:14">
      <c r="N206539" s="10"/>
    </row>
    <row r="206540" spans="14:14">
      <c r="N206540" s="10"/>
    </row>
    <row r="206541" spans="14:14">
      <c r="N206541" s="10"/>
    </row>
    <row r="206542" spans="14:14">
      <c r="N206542" s="10"/>
    </row>
    <row r="206543" spans="14:14">
      <c r="N206543" s="10"/>
    </row>
    <row r="206544" spans="14:14">
      <c r="N206544" s="10"/>
    </row>
    <row r="206545" spans="14:14">
      <c r="N206545" s="10"/>
    </row>
    <row r="206546" spans="14:14">
      <c r="N206546" s="10"/>
    </row>
    <row r="206547" spans="14:14">
      <c r="N206547" s="10"/>
    </row>
    <row r="206548" spans="14:14">
      <c r="N206548" s="10"/>
    </row>
    <row r="206549" spans="14:14">
      <c r="N206549" s="10"/>
    </row>
    <row r="206550" spans="14:14">
      <c r="N206550" s="10"/>
    </row>
    <row r="206551" spans="14:14">
      <c r="N206551" s="10"/>
    </row>
    <row r="206552" spans="14:14">
      <c r="N206552" s="10"/>
    </row>
    <row r="206553" spans="14:14">
      <c r="N206553" s="10"/>
    </row>
    <row r="206554" spans="14:14">
      <c r="N206554" s="10"/>
    </row>
    <row r="206555" spans="14:14">
      <c r="N206555" s="10"/>
    </row>
    <row r="206556" spans="14:14">
      <c r="N206556" s="10"/>
    </row>
    <row r="206557" spans="14:14">
      <c r="N206557" s="10"/>
    </row>
    <row r="206558" spans="14:14">
      <c r="N206558" s="10"/>
    </row>
    <row r="206559" spans="14:14">
      <c r="N206559" s="10"/>
    </row>
    <row r="206560" spans="14:14">
      <c r="N206560" s="10"/>
    </row>
    <row r="206561" spans="14:14">
      <c r="N206561" s="10"/>
    </row>
    <row r="206562" spans="14:14">
      <c r="N206562" s="10"/>
    </row>
    <row r="206563" spans="14:14">
      <c r="N206563" s="10"/>
    </row>
    <row r="206564" spans="14:14">
      <c r="N206564" s="10"/>
    </row>
    <row r="206565" spans="14:14">
      <c r="N206565" s="10"/>
    </row>
    <row r="206566" spans="14:14">
      <c r="N206566" s="10"/>
    </row>
    <row r="206567" spans="14:14">
      <c r="N206567" s="10"/>
    </row>
    <row r="206568" spans="14:14">
      <c r="N206568" s="10"/>
    </row>
    <row r="206569" spans="14:14">
      <c r="N206569" s="10"/>
    </row>
    <row r="206570" spans="14:14">
      <c r="N206570" s="10"/>
    </row>
    <row r="206571" spans="14:14">
      <c r="N206571" s="10"/>
    </row>
    <row r="206572" spans="14:14">
      <c r="N206572" s="10"/>
    </row>
    <row r="206573" spans="14:14">
      <c r="N206573" s="10"/>
    </row>
    <row r="206574" spans="14:14">
      <c r="N206574" s="10"/>
    </row>
    <row r="206575" spans="14:14">
      <c r="N206575" s="10"/>
    </row>
    <row r="206576" spans="14:14">
      <c r="N206576" s="10"/>
    </row>
    <row r="206577" spans="14:14">
      <c r="N206577" s="10"/>
    </row>
    <row r="206578" spans="14:14">
      <c r="N206578" s="10"/>
    </row>
    <row r="206579" spans="14:14">
      <c r="N206579" s="10"/>
    </row>
    <row r="206580" spans="14:14">
      <c r="N206580" s="10"/>
    </row>
    <row r="206581" spans="14:14">
      <c r="N206581" s="10"/>
    </row>
    <row r="206582" spans="14:14">
      <c r="N206582" s="10"/>
    </row>
    <row r="206583" spans="14:14">
      <c r="N206583" s="10"/>
    </row>
    <row r="206584" spans="14:14">
      <c r="N206584" s="10"/>
    </row>
    <row r="206585" spans="14:14">
      <c r="N206585" s="10"/>
    </row>
    <row r="206586" spans="14:14">
      <c r="N206586" s="10"/>
    </row>
    <row r="206587" spans="14:14">
      <c r="N206587" s="10"/>
    </row>
    <row r="206588" spans="14:14">
      <c r="N206588" s="10"/>
    </row>
    <row r="206589" spans="14:14">
      <c r="N206589" s="10"/>
    </row>
    <row r="206590" spans="14:14">
      <c r="N206590" s="10"/>
    </row>
    <row r="206591" spans="14:14">
      <c r="N206591" s="10"/>
    </row>
    <row r="206592" spans="14:14">
      <c r="N206592" s="10"/>
    </row>
    <row r="206593" spans="14:14">
      <c r="N206593" s="10"/>
    </row>
    <row r="206594" spans="14:14">
      <c r="N206594" s="10"/>
    </row>
    <row r="206595" spans="14:14">
      <c r="N206595" s="10"/>
    </row>
    <row r="206596" spans="14:14">
      <c r="N206596" s="10"/>
    </row>
    <row r="206597" spans="14:14">
      <c r="N206597" s="10"/>
    </row>
    <row r="206598" spans="14:14">
      <c r="N206598" s="10"/>
    </row>
    <row r="206599" spans="14:14">
      <c r="N206599" s="10"/>
    </row>
    <row r="206600" spans="14:14">
      <c r="N206600" s="10"/>
    </row>
    <row r="206601" spans="14:14">
      <c r="N206601" s="10"/>
    </row>
    <row r="206602" spans="14:14">
      <c r="N206602" s="10"/>
    </row>
    <row r="206603" spans="14:14">
      <c r="N206603" s="10"/>
    </row>
    <row r="206604" spans="14:14">
      <c r="N206604" s="10"/>
    </row>
    <row r="206605" spans="14:14">
      <c r="N206605" s="10"/>
    </row>
    <row r="206606" spans="14:14">
      <c r="N206606" s="10"/>
    </row>
    <row r="206607" spans="14:14">
      <c r="N206607" s="10"/>
    </row>
    <row r="206608" spans="14:14">
      <c r="N206608" s="10"/>
    </row>
    <row r="206609" spans="14:14">
      <c r="N206609" s="10"/>
    </row>
    <row r="206610" spans="14:14">
      <c r="N206610" s="10"/>
    </row>
    <row r="206611" spans="14:14">
      <c r="N206611" s="10"/>
    </row>
    <row r="206612" spans="14:14">
      <c r="N206612" s="10"/>
    </row>
    <row r="206613" spans="14:14">
      <c r="N206613" s="10"/>
    </row>
    <row r="206614" spans="14:14">
      <c r="N206614" s="10"/>
    </row>
    <row r="206615" spans="14:14">
      <c r="N206615" s="10"/>
    </row>
    <row r="206616" spans="14:14">
      <c r="N206616" s="10"/>
    </row>
    <row r="206617" spans="14:14">
      <c r="N206617" s="10"/>
    </row>
    <row r="206618" spans="14:14">
      <c r="N206618" s="10"/>
    </row>
    <row r="206619" spans="14:14">
      <c r="N206619" s="10"/>
    </row>
    <row r="206620" spans="14:14">
      <c r="N206620" s="10"/>
    </row>
    <row r="206621" spans="14:14">
      <c r="N206621" s="10"/>
    </row>
    <row r="206622" spans="14:14">
      <c r="N206622" s="10"/>
    </row>
    <row r="206623" spans="14:14">
      <c r="N206623" s="10"/>
    </row>
    <row r="206624" spans="14:14">
      <c r="N206624" s="10"/>
    </row>
    <row r="206625" spans="14:14">
      <c r="N206625" s="10"/>
    </row>
    <row r="206626" spans="14:14">
      <c r="N206626" s="10"/>
    </row>
    <row r="206627" spans="14:14">
      <c r="N206627" s="10"/>
    </row>
    <row r="206628" spans="14:14">
      <c r="N206628" s="10"/>
    </row>
    <row r="206629" spans="14:14">
      <c r="N206629" s="10"/>
    </row>
    <row r="206630" spans="14:14">
      <c r="N206630" s="10"/>
    </row>
    <row r="206631" spans="14:14">
      <c r="N206631" s="10"/>
    </row>
    <row r="206632" spans="14:14">
      <c r="N206632" s="10"/>
    </row>
    <row r="206633" spans="14:14">
      <c r="N206633" s="10"/>
    </row>
    <row r="206634" spans="14:14">
      <c r="N206634" s="10"/>
    </row>
    <row r="206635" spans="14:14">
      <c r="N206635" s="10"/>
    </row>
    <row r="206636" spans="14:14">
      <c r="N206636" s="10"/>
    </row>
    <row r="206637" spans="14:14">
      <c r="N206637" s="10"/>
    </row>
    <row r="206638" spans="14:14">
      <c r="N206638" s="10"/>
    </row>
    <row r="206639" spans="14:14">
      <c r="N206639" s="10"/>
    </row>
    <row r="206640" spans="14:14">
      <c r="N206640" s="10"/>
    </row>
    <row r="206641" spans="14:14">
      <c r="N206641" s="10"/>
    </row>
    <row r="206642" spans="14:14">
      <c r="N206642" s="10"/>
    </row>
    <row r="206643" spans="14:14">
      <c r="N206643" s="10"/>
    </row>
    <row r="206644" spans="14:14">
      <c r="N206644" s="10"/>
    </row>
    <row r="206645" spans="14:14">
      <c r="N206645" s="10"/>
    </row>
    <row r="206646" spans="14:14">
      <c r="N206646" s="10"/>
    </row>
    <row r="206647" spans="14:14">
      <c r="N206647" s="10"/>
    </row>
    <row r="206648" spans="14:14">
      <c r="N206648" s="10"/>
    </row>
    <row r="206649" spans="14:14">
      <c r="N206649" s="10"/>
    </row>
    <row r="206650" spans="14:14">
      <c r="N206650" s="10"/>
    </row>
    <row r="206651" spans="14:14">
      <c r="N206651" s="10"/>
    </row>
    <row r="206652" spans="14:14">
      <c r="N206652" s="10"/>
    </row>
    <row r="206653" spans="14:14">
      <c r="N206653" s="10"/>
    </row>
    <row r="206654" spans="14:14">
      <c r="N206654" s="10"/>
    </row>
    <row r="206655" spans="14:14">
      <c r="N206655" s="10"/>
    </row>
    <row r="206656" spans="14:14">
      <c r="N206656" s="10"/>
    </row>
    <row r="206657" spans="14:14">
      <c r="N206657" s="10"/>
    </row>
    <row r="206658" spans="14:14">
      <c r="N206658" s="10"/>
    </row>
    <row r="206659" spans="14:14">
      <c r="N206659" s="10"/>
    </row>
    <row r="206660" spans="14:14">
      <c r="N206660" s="10"/>
    </row>
    <row r="206661" spans="14:14">
      <c r="N206661" s="10"/>
    </row>
    <row r="206662" spans="14:14">
      <c r="N206662" s="10"/>
    </row>
    <row r="206663" spans="14:14">
      <c r="N206663" s="10"/>
    </row>
    <row r="206664" spans="14:14">
      <c r="N206664" s="10"/>
    </row>
    <row r="206665" spans="14:14">
      <c r="N206665" s="10"/>
    </row>
    <row r="206666" spans="14:14">
      <c r="N206666" s="10"/>
    </row>
    <row r="206667" spans="14:14">
      <c r="N206667" s="10"/>
    </row>
    <row r="206668" spans="14:14">
      <c r="N206668" s="10"/>
    </row>
    <row r="206669" spans="14:14">
      <c r="N206669" s="10"/>
    </row>
    <row r="206670" spans="14:14">
      <c r="N206670" s="10"/>
    </row>
    <row r="206671" spans="14:14">
      <c r="N206671" s="10"/>
    </row>
    <row r="206672" spans="14:14">
      <c r="N206672" s="10"/>
    </row>
    <row r="206673" spans="14:14">
      <c r="N206673" s="10"/>
    </row>
    <row r="206674" spans="14:14">
      <c r="N206674" s="10"/>
    </row>
    <row r="206675" spans="14:14">
      <c r="N206675" s="10"/>
    </row>
    <row r="206676" spans="14:14">
      <c r="N206676" s="10"/>
    </row>
    <row r="206677" spans="14:14">
      <c r="N206677" s="10"/>
    </row>
    <row r="206678" spans="14:14">
      <c r="N206678" s="10"/>
    </row>
    <row r="206679" spans="14:14">
      <c r="N206679" s="10"/>
    </row>
    <row r="206680" spans="14:14">
      <c r="N206680" s="10"/>
    </row>
    <row r="206681" spans="14:14">
      <c r="N206681" s="10"/>
    </row>
    <row r="206682" spans="14:14">
      <c r="N206682" s="10"/>
    </row>
    <row r="206683" spans="14:14">
      <c r="N206683" s="10"/>
    </row>
    <row r="206684" spans="14:14">
      <c r="N206684" s="10"/>
    </row>
    <row r="206685" spans="14:14">
      <c r="N206685" s="10"/>
    </row>
    <row r="206686" spans="14:14">
      <c r="N206686" s="10"/>
    </row>
    <row r="206687" spans="14:14">
      <c r="N206687" s="10"/>
    </row>
    <row r="206688" spans="14:14">
      <c r="N206688" s="10"/>
    </row>
    <row r="206689" spans="14:14">
      <c r="N206689" s="10"/>
    </row>
    <row r="206690" spans="14:14">
      <c r="N206690" s="10"/>
    </row>
    <row r="206691" spans="14:14">
      <c r="N206691" s="10"/>
    </row>
    <row r="206692" spans="14:14">
      <c r="N206692" s="10"/>
    </row>
    <row r="206693" spans="14:14">
      <c r="N206693" s="10"/>
    </row>
    <row r="206694" spans="14:14">
      <c r="N206694" s="10"/>
    </row>
    <row r="206695" spans="14:14">
      <c r="N206695" s="10"/>
    </row>
    <row r="206696" spans="14:14">
      <c r="N206696" s="10"/>
    </row>
    <row r="206697" spans="14:14">
      <c r="N206697" s="10"/>
    </row>
    <row r="206698" spans="14:14">
      <c r="N206698" s="10"/>
    </row>
    <row r="206699" spans="14:14">
      <c r="N206699" s="10"/>
    </row>
    <row r="206700" spans="14:14">
      <c r="N206700" s="10"/>
    </row>
    <row r="206701" spans="14:14">
      <c r="N206701" s="10"/>
    </row>
    <row r="206702" spans="14:14">
      <c r="N206702" s="10"/>
    </row>
    <row r="206703" spans="14:14">
      <c r="N206703" s="10"/>
    </row>
    <row r="206704" spans="14:14">
      <c r="N206704" s="10"/>
    </row>
    <row r="206705" spans="14:14">
      <c r="N206705" s="10"/>
    </row>
    <row r="206706" spans="14:14">
      <c r="N206706" s="10"/>
    </row>
    <row r="206707" spans="14:14">
      <c r="N206707" s="10"/>
    </row>
    <row r="206708" spans="14:14">
      <c r="N206708" s="10"/>
    </row>
    <row r="206709" spans="14:14">
      <c r="N206709" s="10"/>
    </row>
    <row r="206710" spans="14:14">
      <c r="N206710" s="10"/>
    </row>
    <row r="206711" spans="14:14">
      <c r="N206711" s="10"/>
    </row>
    <row r="206712" spans="14:14">
      <c r="N206712" s="10"/>
    </row>
    <row r="206713" spans="14:14">
      <c r="N206713" s="10"/>
    </row>
    <row r="206714" spans="14:14">
      <c r="N206714" s="10"/>
    </row>
    <row r="206715" spans="14:14">
      <c r="N206715" s="10"/>
    </row>
    <row r="206716" spans="14:14">
      <c r="N206716" s="10"/>
    </row>
    <row r="206717" spans="14:14">
      <c r="N206717" s="10"/>
    </row>
    <row r="206718" spans="14:14">
      <c r="N206718" s="10"/>
    </row>
    <row r="206719" spans="14:14">
      <c r="N206719" s="10"/>
    </row>
    <row r="206720" spans="14:14">
      <c r="N206720" s="10"/>
    </row>
    <row r="206721" spans="14:14">
      <c r="N206721" s="10"/>
    </row>
    <row r="206722" spans="14:14">
      <c r="N206722" s="10"/>
    </row>
    <row r="206723" spans="14:14">
      <c r="N206723" s="10"/>
    </row>
    <row r="206724" spans="14:14">
      <c r="N206724" s="10"/>
    </row>
    <row r="206725" spans="14:14">
      <c r="N206725" s="10"/>
    </row>
    <row r="206726" spans="14:14">
      <c r="N206726" s="10"/>
    </row>
    <row r="206727" spans="14:14">
      <c r="N206727" s="10"/>
    </row>
    <row r="206728" spans="14:14">
      <c r="N206728" s="10"/>
    </row>
    <row r="206729" spans="14:14">
      <c r="N206729" s="10"/>
    </row>
    <row r="206730" spans="14:14">
      <c r="N206730" s="10"/>
    </row>
    <row r="206731" spans="14:14">
      <c r="N206731" s="10"/>
    </row>
    <row r="206732" spans="14:14">
      <c r="N206732" s="10"/>
    </row>
    <row r="206733" spans="14:14">
      <c r="N206733" s="10"/>
    </row>
    <row r="206734" spans="14:14">
      <c r="N206734" s="10"/>
    </row>
    <row r="206735" spans="14:14">
      <c r="N206735" s="10"/>
    </row>
    <row r="206736" spans="14:14">
      <c r="N206736" s="10"/>
    </row>
    <row r="206737" spans="14:14">
      <c r="N206737" s="10"/>
    </row>
    <row r="206738" spans="14:14">
      <c r="N206738" s="10"/>
    </row>
    <row r="206739" spans="14:14">
      <c r="N206739" s="10"/>
    </row>
    <row r="206740" spans="14:14">
      <c r="N206740" s="10"/>
    </row>
    <row r="206741" spans="14:14">
      <c r="N206741" s="10"/>
    </row>
    <row r="206742" spans="14:14">
      <c r="N206742" s="10"/>
    </row>
    <row r="206743" spans="14:14">
      <c r="N206743" s="10"/>
    </row>
    <row r="206744" spans="14:14">
      <c r="N206744" s="10"/>
    </row>
    <row r="206745" spans="14:14">
      <c r="N206745" s="10"/>
    </row>
    <row r="206746" spans="14:14">
      <c r="N206746" s="10"/>
    </row>
    <row r="206747" spans="14:14">
      <c r="N206747" s="10"/>
    </row>
    <row r="206748" spans="14:14">
      <c r="N206748" s="10"/>
    </row>
    <row r="206749" spans="14:14">
      <c r="N206749" s="10"/>
    </row>
    <row r="206750" spans="14:14">
      <c r="N206750" s="10"/>
    </row>
    <row r="206751" spans="14:14">
      <c r="N206751" s="10"/>
    </row>
    <row r="206752" spans="14:14">
      <c r="N206752" s="10"/>
    </row>
    <row r="206753" spans="14:14">
      <c r="N206753" s="10"/>
    </row>
    <row r="206754" spans="14:14">
      <c r="N206754" s="10"/>
    </row>
    <row r="206755" spans="14:14">
      <c r="N206755" s="10"/>
    </row>
    <row r="206756" spans="14:14">
      <c r="N206756" s="10"/>
    </row>
    <row r="206757" spans="14:14">
      <c r="N206757" s="10"/>
    </row>
    <row r="206758" spans="14:14">
      <c r="N206758" s="10"/>
    </row>
    <row r="206759" spans="14:14">
      <c r="N206759" s="10"/>
    </row>
    <row r="206760" spans="14:14">
      <c r="N206760" s="10"/>
    </row>
    <row r="206761" spans="14:14">
      <c r="N206761" s="10"/>
    </row>
    <row r="206762" spans="14:14">
      <c r="N206762" s="10"/>
    </row>
    <row r="206763" spans="14:14">
      <c r="N206763" s="10"/>
    </row>
    <row r="206764" spans="14:14">
      <c r="N206764" s="10"/>
    </row>
    <row r="206765" spans="14:14">
      <c r="N206765" s="10"/>
    </row>
    <row r="206766" spans="14:14">
      <c r="N206766" s="10"/>
    </row>
    <row r="206767" spans="14:14">
      <c r="N206767" s="10"/>
    </row>
    <row r="206768" spans="14:14">
      <c r="N206768" s="10"/>
    </row>
    <row r="206769" spans="14:14">
      <c r="N206769" s="10"/>
    </row>
    <row r="206770" spans="14:14">
      <c r="N206770" s="10"/>
    </row>
    <row r="206771" spans="14:14">
      <c r="N206771" s="10"/>
    </row>
    <row r="206772" spans="14:14">
      <c r="N206772" s="10"/>
    </row>
    <row r="206773" spans="14:14">
      <c r="N206773" s="10"/>
    </row>
    <row r="206774" spans="14:14">
      <c r="N206774" s="10"/>
    </row>
    <row r="206775" spans="14:14">
      <c r="N206775" s="10"/>
    </row>
    <row r="206776" spans="14:14">
      <c r="N206776" s="10"/>
    </row>
    <row r="206777" spans="14:14">
      <c r="N206777" s="10"/>
    </row>
    <row r="206778" spans="14:14">
      <c r="N206778" s="10"/>
    </row>
    <row r="206779" spans="14:14">
      <c r="N206779" s="10"/>
    </row>
    <row r="206780" spans="14:14">
      <c r="N206780" s="10"/>
    </row>
    <row r="206781" spans="14:14">
      <c r="N206781" s="10"/>
    </row>
    <row r="206782" spans="14:14">
      <c r="N206782" s="10"/>
    </row>
    <row r="206783" spans="14:14">
      <c r="N206783" s="10"/>
    </row>
    <row r="206784" spans="14:14">
      <c r="N206784" s="10"/>
    </row>
    <row r="206785" spans="14:14">
      <c r="N206785" s="10"/>
    </row>
    <row r="206786" spans="14:14">
      <c r="N206786" s="10"/>
    </row>
    <row r="206787" spans="14:14">
      <c r="N206787" s="10"/>
    </row>
    <row r="206788" spans="14:14">
      <c r="N206788" s="10"/>
    </row>
    <row r="206789" spans="14:14">
      <c r="N206789" s="10"/>
    </row>
    <row r="206790" spans="14:14">
      <c r="N206790" s="10"/>
    </row>
    <row r="206791" spans="14:14">
      <c r="N206791" s="10"/>
    </row>
    <row r="206792" spans="14:14">
      <c r="N206792" s="10"/>
    </row>
    <row r="206793" spans="14:14">
      <c r="N206793" s="10"/>
    </row>
    <row r="206794" spans="14:14">
      <c r="N206794" s="10"/>
    </row>
    <row r="206795" spans="14:14">
      <c r="N206795" s="10"/>
    </row>
    <row r="206796" spans="14:14">
      <c r="N206796" s="10"/>
    </row>
    <row r="206797" spans="14:14">
      <c r="N206797" s="10"/>
    </row>
    <row r="206798" spans="14:14">
      <c r="N206798" s="10"/>
    </row>
    <row r="206799" spans="14:14">
      <c r="N206799" s="10"/>
    </row>
    <row r="206800" spans="14:14">
      <c r="N206800" s="10"/>
    </row>
    <row r="206801" spans="14:14">
      <c r="N206801" s="10"/>
    </row>
    <row r="206802" spans="14:14">
      <c r="N206802" s="10"/>
    </row>
    <row r="206803" spans="14:14">
      <c r="N206803" s="10"/>
    </row>
    <row r="206804" spans="14:14">
      <c r="N206804" s="10"/>
    </row>
    <row r="206805" spans="14:14">
      <c r="N206805" s="10"/>
    </row>
    <row r="206806" spans="14:14">
      <c r="N206806" s="10"/>
    </row>
    <row r="206807" spans="14:14">
      <c r="N206807" s="10"/>
    </row>
    <row r="206808" spans="14:14">
      <c r="N206808" s="10"/>
    </row>
    <row r="206809" spans="14:14">
      <c r="N206809" s="10"/>
    </row>
    <row r="206810" spans="14:14">
      <c r="N206810" s="10"/>
    </row>
    <row r="206811" spans="14:14">
      <c r="N206811" s="10"/>
    </row>
    <row r="206812" spans="14:14">
      <c r="N206812" s="10"/>
    </row>
    <row r="206813" spans="14:14">
      <c r="N206813" s="10"/>
    </row>
    <row r="206814" spans="14:14">
      <c r="N206814" s="10"/>
    </row>
    <row r="206815" spans="14:14">
      <c r="N206815" s="10"/>
    </row>
    <row r="206816" spans="14:14">
      <c r="N206816" s="10"/>
    </row>
    <row r="206817" spans="14:14">
      <c r="N206817" s="10"/>
    </row>
    <row r="206818" spans="14:14">
      <c r="N206818" s="10"/>
    </row>
    <row r="206819" spans="14:14">
      <c r="N206819" s="10"/>
    </row>
    <row r="206820" spans="14:14">
      <c r="N206820" s="10"/>
    </row>
    <row r="206821" spans="14:14">
      <c r="N206821" s="10"/>
    </row>
    <row r="206822" spans="14:14">
      <c r="N206822" s="10"/>
    </row>
    <row r="206823" spans="14:14">
      <c r="N206823" s="10"/>
    </row>
    <row r="206824" spans="14:14">
      <c r="N206824" s="10"/>
    </row>
    <row r="206825" spans="14:14">
      <c r="N206825" s="10"/>
    </row>
    <row r="206826" spans="14:14">
      <c r="N206826" s="10"/>
    </row>
    <row r="206827" spans="14:14">
      <c r="N206827" s="10"/>
    </row>
    <row r="206828" spans="14:14">
      <c r="N206828" s="10"/>
    </row>
    <row r="206829" spans="14:14">
      <c r="N206829" s="10"/>
    </row>
    <row r="206830" spans="14:14">
      <c r="N206830" s="10"/>
    </row>
    <row r="206831" spans="14:14">
      <c r="N206831" s="10"/>
    </row>
    <row r="206832" spans="14:14">
      <c r="N206832" s="10"/>
    </row>
    <row r="206833" spans="14:14">
      <c r="N206833" s="10"/>
    </row>
    <row r="206834" spans="14:14">
      <c r="N206834" s="10"/>
    </row>
    <row r="206835" spans="14:14">
      <c r="N206835" s="10"/>
    </row>
    <row r="206836" spans="14:14">
      <c r="N206836" s="10"/>
    </row>
    <row r="206837" spans="14:14">
      <c r="N206837" s="10"/>
    </row>
    <row r="206838" spans="14:14">
      <c r="N206838" s="10"/>
    </row>
    <row r="206839" spans="14:14">
      <c r="N206839" s="10"/>
    </row>
    <row r="206840" spans="14:14">
      <c r="N206840" s="10"/>
    </row>
    <row r="206841" spans="14:14">
      <c r="N206841" s="10"/>
    </row>
    <row r="206842" spans="14:14">
      <c r="N206842" s="10"/>
    </row>
    <row r="206843" spans="14:14">
      <c r="N206843" s="10"/>
    </row>
    <row r="206844" spans="14:14">
      <c r="N206844" s="10"/>
    </row>
    <row r="206845" spans="14:14">
      <c r="N206845" s="10"/>
    </row>
    <row r="206846" spans="14:14">
      <c r="N206846" s="10"/>
    </row>
    <row r="206847" spans="14:14">
      <c r="N206847" s="10"/>
    </row>
    <row r="206848" spans="14:14">
      <c r="N206848" s="10"/>
    </row>
    <row r="206849" spans="14:14">
      <c r="N206849" s="10"/>
    </row>
    <row r="206850" spans="14:14">
      <c r="N206850" s="10"/>
    </row>
    <row r="206851" spans="14:14">
      <c r="N206851" s="10"/>
    </row>
    <row r="206852" spans="14:14">
      <c r="N206852" s="10"/>
    </row>
    <row r="206853" spans="14:14">
      <c r="N206853" s="10"/>
    </row>
    <row r="206854" spans="14:14">
      <c r="N206854" s="10"/>
    </row>
    <row r="206855" spans="14:14">
      <c r="N206855" s="10"/>
    </row>
    <row r="206856" spans="14:14">
      <c r="N206856" s="10"/>
    </row>
    <row r="206857" spans="14:14">
      <c r="N206857" s="10"/>
    </row>
    <row r="206858" spans="14:14">
      <c r="N206858" s="10"/>
    </row>
    <row r="206859" spans="14:14">
      <c r="N206859" s="10"/>
    </row>
    <row r="206860" spans="14:14">
      <c r="N206860" s="10"/>
    </row>
    <row r="206861" spans="14:14">
      <c r="N206861" s="10"/>
    </row>
    <row r="206862" spans="14:14">
      <c r="N206862" s="10"/>
    </row>
    <row r="206863" spans="14:14">
      <c r="N206863" s="10"/>
    </row>
    <row r="206864" spans="14:14">
      <c r="N206864" s="10"/>
    </row>
    <row r="206865" spans="14:14">
      <c r="N206865" s="10"/>
    </row>
    <row r="206866" spans="14:14">
      <c r="N206866" s="10"/>
    </row>
    <row r="206867" spans="14:14">
      <c r="N206867" s="10"/>
    </row>
    <row r="206868" spans="14:14">
      <c r="N206868" s="10"/>
    </row>
    <row r="206869" spans="14:14">
      <c r="N206869" s="10"/>
    </row>
    <row r="206870" spans="14:14">
      <c r="N206870" s="10"/>
    </row>
    <row r="206871" spans="14:14">
      <c r="N206871" s="10"/>
    </row>
    <row r="206872" spans="14:14">
      <c r="N206872" s="10"/>
    </row>
    <row r="206873" spans="14:14">
      <c r="N206873" s="10"/>
    </row>
    <row r="206874" spans="14:14">
      <c r="N206874" s="10"/>
    </row>
    <row r="206875" spans="14:14">
      <c r="N206875" s="10"/>
    </row>
    <row r="206876" spans="14:14">
      <c r="N206876" s="10"/>
    </row>
    <row r="206877" spans="14:14">
      <c r="N206877" s="10"/>
    </row>
    <row r="206878" spans="14:14">
      <c r="N206878" s="10"/>
    </row>
    <row r="206879" spans="14:14">
      <c r="N206879" s="10"/>
    </row>
    <row r="206880" spans="14:14">
      <c r="N206880" s="10"/>
    </row>
    <row r="206881" spans="14:14">
      <c r="N206881" s="10"/>
    </row>
    <row r="206882" spans="14:14">
      <c r="N206882" s="10"/>
    </row>
    <row r="206883" spans="14:14">
      <c r="N206883" s="10"/>
    </row>
    <row r="206884" spans="14:14">
      <c r="N206884" s="10"/>
    </row>
    <row r="206885" spans="14:14">
      <c r="N206885" s="10"/>
    </row>
    <row r="206886" spans="14:14">
      <c r="N206886" s="10"/>
    </row>
    <row r="206887" spans="14:14">
      <c r="N206887" s="10"/>
    </row>
    <row r="206888" spans="14:14">
      <c r="N206888" s="10"/>
    </row>
    <row r="206889" spans="14:14">
      <c r="N206889" s="10"/>
    </row>
    <row r="206890" spans="14:14">
      <c r="N206890" s="10"/>
    </row>
    <row r="206891" spans="14:14">
      <c r="N206891" s="10"/>
    </row>
    <row r="206892" spans="14:14">
      <c r="N206892" s="10"/>
    </row>
    <row r="206893" spans="14:14">
      <c r="N206893" s="10"/>
    </row>
    <row r="206894" spans="14:14">
      <c r="N206894" s="10"/>
    </row>
    <row r="206895" spans="14:14">
      <c r="N206895" s="10"/>
    </row>
    <row r="206896" spans="14:14">
      <c r="N206896" s="10"/>
    </row>
    <row r="206897" spans="14:14">
      <c r="N206897" s="10"/>
    </row>
    <row r="206898" spans="14:14">
      <c r="N206898" s="10"/>
    </row>
    <row r="206899" spans="14:14">
      <c r="N206899" s="10"/>
    </row>
    <row r="206900" spans="14:14">
      <c r="N206900" s="10"/>
    </row>
    <row r="206901" spans="14:14">
      <c r="N206901" s="10"/>
    </row>
    <row r="206902" spans="14:14">
      <c r="N206902" s="10"/>
    </row>
    <row r="206903" spans="14:14">
      <c r="N206903" s="10"/>
    </row>
    <row r="206904" spans="14:14">
      <c r="N206904" s="10"/>
    </row>
    <row r="206905" spans="14:14">
      <c r="N206905" s="10"/>
    </row>
    <row r="206906" spans="14:14">
      <c r="N206906" s="10"/>
    </row>
    <row r="206907" spans="14:14">
      <c r="N206907" s="10"/>
    </row>
    <row r="206908" spans="14:14">
      <c r="N206908" s="10"/>
    </row>
    <row r="206909" spans="14:14">
      <c r="N206909" s="10"/>
    </row>
    <row r="206910" spans="14:14">
      <c r="N206910" s="10"/>
    </row>
    <row r="206911" spans="14:14">
      <c r="N206911" s="10"/>
    </row>
    <row r="206912" spans="14:14">
      <c r="N206912" s="10"/>
    </row>
    <row r="206913" spans="14:14">
      <c r="N206913" s="10"/>
    </row>
    <row r="206914" spans="14:14">
      <c r="N206914" s="10"/>
    </row>
    <row r="206915" spans="14:14">
      <c r="N206915" s="10"/>
    </row>
    <row r="206916" spans="14:14">
      <c r="N206916" s="10"/>
    </row>
    <row r="206917" spans="14:14">
      <c r="N206917" s="10"/>
    </row>
    <row r="206918" spans="14:14">
      <c r="N206918" s="10"/>
    </row>
    <row r="206919" spans="14:14">
      <c r="N206919" s="10"/>
    </row>
    <row r="206920" spans="14:14">
      <c r="N206920" s="10"/>
    </row>
    <row r="206921" spans="14:14">
      <c r="N206921" s="10"/>
    </row>
    <row r="206922" spans="14:14">
      <c r="N206922" s="10"/>
    </row>
    <row r="206923" spans="14:14">
      <c r="N206923" s="10"/>
    </row>
    <row r="206924" spans="14:14">
      <c r="N206924" s="10"/>
    </row>
    <row r="206925" spans="14:14">
      <c r="N206925" s="10"/>
    </row>
    <row r="206926" spans="14:14">
      <c r="N206926" s="10"/>
    </row>
    <row r="206927" spans="14:14">
      <c r="N206927" s="10"/>
    </row>
    <row r="206928" spans="14:14">
      <c r="N206928" s="10"/>
    </row>
    <row r="206929" spans="14:14">
      <c r="N206929" s="10"/>
    </row>
    <row r="206930" spans="14:14">
      <c r="N206930" s="10"/>
    </row>
    <row r="206931" spans="14:14">
      <c r="N206931" s="10"/>
    </row>
    <row r="206932" spans="14:14">
      <c r="N206932" s="10"/>
    </row>
    <row r="206933" spans="14:14">
      <c r="N206933" s="10"/>
    </row>
    <row r="206934" spans="14:14">
      <c r="N206934" s="10"/>
    </row>
    <row r="206935" spans="14:14">
      <c r="N206935" s="10"/>
    </row>
    <row r="206936" spans="14:14">
      <c r="N206936" s="10"/>
    </row>
    <row r="206937" spans="14:14">
      <c r="N206937" s="10"/>
    </row>
    <row r="206938" spans="14:14">
      <c r="N206938" s="10"/>
    </row>
    <row r="206939" spans="14:14">
      <c r="N206939" s="10"/>
    </row>
    <row r="206940" spans="14:14">
      <c r="N206940" s="10"/>
    </row>
    <row r="206941" spans="14:14">
      <c r="N206941" s="10"/>
    </row>
    <row r="206942" spans="14:14">
      <c r="N206942" s="10"/>
    </row>
    <row r="206943" spans="14:14">
      <c r="N206943" s="10"/>
    </row>
    <row r="206944" spans="14:14">
      <c r="N206944" s="10"/>
    </row>
    <row r="206945" spans="14:14">
      <c r="N206945" s="10"/>
    </row>
    <row r="206946" spans="14:14">
      <c r="N206946" s="10"/>
    </row>
    <row r="206947" spans="14:14">
      <c r="N206947" s="10"/>
    </row>
    <row r="206948" spans="14:14">
      <c r="N206948" s="10"/>
    </row>
    <row r="206949" spans="14:14">
      <c r="N206949" s="10"/>
    </row>
    <row r="206950" spans="14:14">
      <c r="N206950" s="10"/>
    </row>
    <row r="206951" spans="14:14">
      <c r="N206951" s="10"/>
    </row>
    <row r="206952" spans="14:14">
      <c r="N206952" s="10"/>
    </row>
    <row r="206953" spans="14:14">
      <c r="N206953" s="10"/>
    </row>
    <row r="206954" spans="14:14">
      <c r="N206954" s="10"/>
    </row>
    <row r="206955" spans="14:14">
      <c r="N206955" s="10"/>
    </row>
    <row r="206956" spans="14:14">
      <c r="N206956" s="10"/>
    </row>
    <row r="206957" spans="14:14">
      <c r="N206957" s="10"/>
    </row>
    <row r="206958" spans="14:14">
      <c r="N206958" s="10"/>
    </row>
    <row r="206959" spans="14:14">
      <c r="N206959" s="10"/>
    </row>
    <row r="206960" spans="14:14">
      <c r="N206960" s="10"/>
    </row>
    <row r="206961" spans="14:14">
      <c r="N206961" s="10"/>
    </row>
    <row r="206962" spans="14:14">
      <c r="N206962" s="10"/>
    </row>
    <row r="206963" spans="14:14">
      <c r="N206963" s="10"/>
    </row>
    <row r="206964" spans="14:14">
      <c r="N206964" s="10"/>
    </row>
    <row r="206965" spans="14:14">
      <c r="N206965" s="10"/>
    </row>
    <row r="206966" spans="14:14">
      <c r="N206966" s="10"/>
    </row>
    <row r="206967" spans="14:14">
      <c r="N206967" s="10"/>
    </row>
    <row r="206968" spans="14:14">
      <c r="N206968" s="10"/>
    </row>
    <row r="206969" spans="14:14">
      <c r="N206969" s="10"/>
    </row>
    <row r="206970" spans="14:14">
      <c r="N206970" s="10"/>
    </row>
    <row r="206971" spans="14:14">
      <c r="N206971" s="10"/>
    </row>
    <row r="206972" spans="14:14">
      <c r="N206972" s="10"/>
    </row>
    <row r="206973" spans="14:14">
      <c r="N206973" s="10"/>
    </row>
    <row r="206974" spans="14:14">
      <c r="N206974" s="10"/>
    </row>
    <row r="206975" spans="14:14">
      <c r="N206975" s="10"/>
    </row>
    <row r="206976" spans="14:14">
      <c r="N206976" s="10"/>
    </row>
    <row r="206977" spans="14:14">
      <c r="N206977" s="10"/>
    </row>
    <row r="206978" spans="14:14">
      <c r="N206978" s="10"/>
    </row>
    <row r="206979" spans="14:14">
      <c r="N206979" s="10"/>
    </row>
    <row r="206980" spans="14:14">
      <c r="N206980" s="10"/>
    </row>
    <row r="206981" spans="14:14">
      <c r="N206981" s="10"/>
    </row>
    <row r="206982" spans="14:14">
      <c r="N206982" s="10"/>
    </row>
    <row r="206983" spans="14:14">
      <c r="N206983" s="10"/>
    </row>
    <row r="206984" spans="14:14">
      <c r="N206984" s="10"/>
    </row>
    <row r="206985" spans="14:14">
      <c r="N206985" s="10"/>
    </row>
    <row r="206986" spans="14:14">
      <c r="N206986" s="10"/>
    </row>
    <row r="206987" spans="14:14">
      <c r="N206987" s="10"/>
    </row>
    <row r="206988" spans="14:14">
      <c r="N206988" s="10"/>
    </row>
    <row r="206989" spans="14:14">
      <c r="N206989" s="10"/>
    </row>
    <row r="206990" spans="14:14">
      <c r="N206990" s="10"/>
    </row>
    <row r="206991" spans="14:14">
      <c r="N206991" s="10"/>
    </row>
    <row r="206992" spans="14:14">
      <c r="N206992" s="10"/>
    </row>
    <row r="206993" spans="14:14">
      <c r="N206993" s="10"/>
    </row>
    <row r="206994" spans="14:14">
      <c r="N206994" s="10"/>
    </row>
    <row r="206995" spans="14:14">
      <c r="N206995" s="10"/>
    </row>
    <row r="206996" spans="14:14">
      <c r="N206996" s="10"/>
    </row>
    <row r="206997" spans="14:14">
      <c r="N206997" s="10"/>
    </row>
    <row r="206998" spans="14:14">
      <c r="N206998" s="10"/>
    </row>
    <row r="206999" spans="14:14">
      <c r="N206999" s="10"/>
    </row>
    <row r="207000" spans="14:14">
      <c r="N207000" s="10"/>
    </row>
    <row r="207001" spans="14:14">
      <c r="N207001" s="10"/>
    </row>
    <row r="207002" spans="14:14">
      <c r="N207002" s="10"/>
    </row>
    <row r="207003" spans="14:14">
      <c r="N207003" s="10"/>
    </row>
    <row r="207004" spans="14:14">
      <c r="N207004" s="10"/>
    </row>
    <row r="207005" spans="14:14">
      <c r="N207005" s="10"/>
    </row>
    <row r="207006" spans="14:14">
      <c r="N207006" s="10"/>
    </row>
    <row r="207007" spans="14:14">
      <c r="N207007" s="10"/>
    </row>
    <row r="207008" spans="14:14">
      <c r="N207008" s="10"/>
    </row>
    <row r="207009" spans="14:14">
      <c r="N207009" s="10"/>
    </row>
    <row r="207010" spans="14:14">
      <c r="N207010" s="10"/>
    </row>
    <row r="207011" spans="14:14">
      <c r="N207011" s="10"/>
    </row>
    <row r="207012" spans="14:14">
      <c r="N207012" s="10"/>
    </row>
    <row r="207013" spans="14:14">
      <c r="N207013" s="10"/>
    </row>
    <row r="207014" spans="14:14">
      <c r="N207014" s="10"/>
    </row>
    <row r="207015" spans="14:14">
      <c r="N207015" s="10"/>
    </row>
    <row r="207016" spans="14:14">
      <c r="N207016" s="10"/>
    </row>
    <row r="207017" spans="14:14">
      <c r="N207017" s="10"/>
    </row>
    <row r="207018" spans="14:14">
      <c r="N207018" s="10"/>
    </row>
    <row r="207019" spans="14:14">
      <c r="N207019" s="10"/>
    </row>
    <row r="207020" spans="14:14">
      <c r="N207020" s="10"/>
    </row>
    <row r="207021" spans="14:14">
      <c r="N207021" s="10"/>
    </row>
    <row r="207022" spans="14:14">
      <c r="N207022" s="10"/>
    </row>
    <row r="207023" spans="14:14">
      <c r="N207023" s="10"/>
    </row>
    <row r="207024" spans="14:14">
      <c r="N207024" s="10"/>
    </row>
    <row r="207025" spans="14:14">
      <c r="N207025" s="10"/>
    </row>
    <row r="207026" spans="14:14">
      <c r="N207026" s="10"/>
    </row>
    <row r="207027" spans="14:14">
      <c r="N207027" s="10"/>
    </row>
    <row r="207028" spans="14:14">
      <c r="N207028" s="10"/>
    </row>
    <row r="207029" spans="14:14">
      <c r="N207029" s="10"/>
    </row>
    <row r="207030" spans="14:14">
      <c r="N207030" s="10"/>
    </row>
    <row r="207031" spans="14:14">
      <c r="N207031" s="10"/>
    </row>
    <row r="207032" spans="14:14">
      <c r="N207032" s="10"/>
    </row>
    <row r="207033" spans="14:14">
      <c r="N207033" s="10"/>
    </row>
    <row r="207034" spans="14:14">
      <c r="N207034" s="10"/>
    </row>
    <row r="207035" spans="14:14">
      <c r="N207035" s="10"/>
    </row>
    <row r="207036" spans="14:14">
      <c r="N207036" s="10"/>
    </row>
    <row r="207037" spans="14:14">
      <c r="N207037" s="10"/>
    </row>
    <row r="207038" spans="14:14">
      <c r="N207038" s="10"/>
    </row>
    <row r="207039" spans="14:14">
      <c r="N207039" s="10"/>
    </row>
    <row r="207040" spans="14:14">
      <c r="N207040" s="10"/>
    </row>
    <row r="207041" spans="14:14">
      <c r="N207041" s="10"/>
    </row>
    <row r="207042" spans="14:14">
      <c r="N207042" s="10"/>
    </row>
    <row r="207043" spans="14:14">
      <c r="N207043" s="10"/>
    </row>
    <row r="207044" spans="14:14">
      <c r="N207044" s="10"/>
    </row>
    <row r="207045" spans="14:14">
      <c r="N207045" s="10"/>
    </row>
    <row r="207046" spans="14:14">
      <c r="N207046" s="10"/>
    </row>
    <row r="207047" spans="14:14">
      <c r="N207047" s="10"/>
    </row>
    <row r="207048" spans="14:14">
      <c r="N207048" s="10"/>
    </row>
    <row r="207049" spans="14:14">
      <c r="N207049" s="10"/>
    </row>
    <row r="207050" spans="14:14">
      <c r="N207050" s="10"/>
    </row>
    <row r="207051" spans="14:14">
      <c r="N207051" s="10"/>
    </row>
    <row r="207052" spans="14:14">
      <c r="N207052" s="10"/>
    </row>
    <row r="207053" spans="14:14">
      <c r="N207053" s="10"/>
    </row>
    <row r="207054" spans="14:14">
      <c r="N207054" s="10"/>
    </row>
    <row r="207055" spans="14:14">
      <c r="N207055" s="10"/>
    </row>
    <row r="207056" spans="14:14">
      <c r="N207056" s="10"/>
    </row>
    <row r="207057" spans="14:14">
      <c r="N207057" s="10"/>
    </row>
    <row r="207058" spans="14:14">
      <c r="N207058" s="10"/>
    </row>
    <row r="207059" spans="14:14">
      <c r="N207059" s="10"/>
    </row>
    <row r="207060" spans="14:14">
      <c r="N207060" s="10"/>
    </row>
    <row r="207061" spans="14:14">
      <c r="N207061" s="10"/>
    </row>
    <row r="207062" spans="14:14">
      <c r="N207062" s="10"/>
    </row>
    <row r="207063" spans="14:14">
      <c r="N207063" s="10"/>
    </row>
    <row r="207064" spans="14:14">
      <c r="N207064" s="10"/>
    </row>
    <row r="207065" spans="14:14">
      <c r="N207065" s="10"/>
    </row>
    <row r="207066" spans="14:14">
      <c r="N207066" s="10"/>
    </row>
    <row r="207067" spans="14:14">
      <c r="N207067" s="10"/>
    </row>
    <row r="207068" spans="14:14">
      <c r="N207068" s="10"/>
    </row>
    <row r="207069" spans="14:14">
      <c r="N207069" s="10"/>
    </row>
    <row r="207070" spans="14:14">
      <c r="N207070" s="10"/>
    </row>
    <row r="207071" spans="14:14">
      <c r="N207071" s="10"/>
    </row>
    <row r="207072" spans="14:14">
      <c r="N207072" s="10"/>
    </row>
    <row r="207073" spans="14:14">
      <c r="N207073" s="10"/>
    </row>
    <row r="207074" spans="14:14">
      <c r="N207074" s="10"/>
    </row>
    <row r="207075" spans="14:14">
      <c r="N207075" s="10"/>
    </row>
    <row r="207076" spans="14:14">
      <c r="N207076" s="10"/>
    </row>
    <row r="207077" spans="14:14">
      <c r="N207077" s="10"/>
    </row>
    <row r="207078" spans="14:14">
      <c r="N207078" s="10"/>
    </row>
    <row r="207079" spans="14:14">
      <c r="N207079" s="10"/>
    </row>
    <row r="207080" spans="14:14">
      <c r="N207080" s="10"/>
    </row>
    <row r="207081" spans="14:14">
      <c r="N207081" s="10"/>
    </row>
    <row r="207082" spans="14:14">
      <c r="N207082" s="10"/>
    </row>
    <row r="207083" spans="14:14">
      <c r="N207083" s="10"/>
    </row>
    <row r="207084" spans="14:14">
      <c r="N207084" s="10"/>
    </row>
    <row r="207085" spans="14:14">
      <c r="N207085" s="10"/>
    </row>
    <row r="207086" spans="14:14">
      <c r="N207086" s="10"/>
    </row>
    <row r="207087" spans="14:14">
      <c r="N207087" s="10"/>
    </row>
    <row r="207088" spans="14:14">
      <c r="N207088" s="10"/>
    </row>
    <row r="207089" spans="14:14">
      <c r="N207089" s="10"/>
    </row>
    <row r="207090" spans="14:14">
      <c r="N207090" s="10"/>
    </row>
    <row r="207091" spans="14:14">
      <c r="N207091" s="10"/>
    </row>
    <row r="207092" spans="14:14">
      <c r="N207092" s="10"/>
    </row>
    <row r="207093" spans="14:14">
      <c r="N207093" s="10"/>
    </row>
    <row r="207094" spans="14:14">
      <c r="N207094" s="10"/>
    </row>
    <row r="207095" spans="14:14">
      <c r="N207095" s="10"/>
    </row>
    <row r="207096" spans="14:14">
      <c r="N207096" s="10"/>
    </row>
    <row r="207097" spans="14:14">
      <c r="N207097" s="10"/>
    </row>
    <row r="207098" spans="14:14">
      <c r="N207098" s="10"/>
    </row>
    <row r="207099" spans="14:14">
      <c r="N207099" s="10"/>
    </row>
    <row r="207100" spans="14:14">
      <c r="N207100" s="10"/>
    </row>
    <row r="207101" spans="14:14">
      <c r="N207101" s="10"/>
    </row>
    <row r="207102" spans="14:14">
      <c r="N207102" s="10"/>
    </row>
    <row r="207103" spans="14:14">
      <c r="N207103" s="10"/>
    </row>
    <row r="207104" spans="14:14">
      <c r="N207104" s="10"/>
    </row>
    <row r="207105" spans="14:14">
      <c r="N207105" s="10"/>
    </row>
    <row r="207106" spans="14:14">
      <c r="N207106" s="10"/>
    </row>
    <row r="207107" spans="14:14">
      <c r="N207107" s="10"/>
    </row>
    <row r="207108" spans="14:14">
      <c r="N207108" s="10"/>
    </row>
    <row r="207109" spans="14:14">
      <c r="N207109" s="10"/>
    </row>
    <row r="207110" spans="14:14">
      <c r="N207110" s="10"/>
    </row>
    <row r="207111" spans="14:14">
      <c r="N207111" s="10"/>
    </row>
    <row r="207112" spans="14:14">
      <c r="N207112" s="10"/>
    </row>
    <row r="207113" spans="14:14">
      <c r="N207113" s="10"/>
    </row>
    <row r="207114" spans="14:14">
      <c r="N207114" s="10"/>
    </row>
    <row r="207115" spans="14:14">
      <c r="N207115" s="10"/>
    </row>
    <row r="207116" spans="14:14">
      <c r="N207116" s="10"/>
    </row>
    <row r="207117" spans="14:14">
      <c r="N207117" s="10"/>
    </row>
    <row r="207118" spans="14:14">
      <c r="N207118" s="10"/>
    </row>
    <row r="207119" spans="14:14">
      <c r="N207119" s="10"/>
    </row>
    <row r="207120" spans="14:14">
      <c r="N207120" s="10"/>
    </row>
    <row r="207121" spans="14:14">
      <c r="N207121" s="10"/>
    </row>
    <row r="207122" spans="14:14">
      <c r="N207122" s="10"/>
    </row>
    <row r="207123" spans="14:14">
      <c r="N207123" s="10"/>
    </row>
    <row r="207124" spans="14:14">
      <c r="N207124" s="10"/>
    </row>
    <row r="207125" spans="14:14">
      <c r="N207125" s="10"/>
    </row>
    <row r="207126" spans="14:14">
      <c r="N207126" s="10"/>
    </row>
    <row r="207127" spans="14:14">
      <c r="N207127" s="10"/>
    </row>
    <row r="207128" spans="14:14">
      <c r="N207128" s="10"/>
    </row>
    <row r="207129" spans="14:14">
      <c r="N207129" s="10"/>
    </row>
    <row r="207130" spans="14:14">
      <c r="N207130" s="10"/>
    </row>
    <row r="207131" spans="14:14">
      <c r="N207131" s="10"/>
    </row>
    <row r="207132" spans="14:14">
      <c r="N207132" s="10"/>
    </row>
    <row r="207133" spans="14:14">
      <c r="N207133" s="10"/>
    </row>
    <row r="207134" spans="14:14">
      <c r="N207134" s="10"/>
    </row>
    <row r="207135" spans="14:14">
      <c r="N207135" s="10"/>
    </row>
    <row r="207136" spans="14:14">
      <c r="N207136" s="10"/>
    </row>
    <row r="207137" spans="14:14">
      <c r="N207137" s="10"/>
    </row>
    <row r="207138" spans="14:14">
      <c r="N207138" s="10"/>
    </row>
    <row r="207139" spans="14:14">
      <c r="N207139" s="10"/>
    </row>
    <row r="207140" spans="14:14">
      <c r="N207140" s="10"/>
    </row>
    <row r="207141" spans="14:14">
      <c r="N207141" s="10"/>
    </row>
    <row r="207142" spans="14:14">
      <c r="N207142" s="10"/>
    </row>
    <row r="207143" spans="14:14">
      <c r="N207143" s="10"/>
    </row>
    <row r="207144" spans="14:14">
      <c r="N207144" s="10"/>
    </row>
    <row r="207145" spans="14:14">
      <c r="N207145" s="10"/>
    </row>
    <row r="207146" spans="14:14">
      <c r="N207146" s="10"/>
    </row>
    <row r="207147" spans="14:14">
      <c r="N207147" s="10"/>
    </row>
    <row r="207148" spans="14:14">
      <c r="N207148" s="10"/>
    </row>
    <row r="207149" spans="14:14">
      <c r="N207149" s="10"/>
    </row>
    <row r="207150" spans="14:14">
      <c r="N207150" s="10"/>
    </row>
    <row r="207151" spans="14:14">
      <c r="N207151" s="10"/>
    </row>
    <row r="207152" spans="14:14">
      <c r="N207152" s="10"/>
    </row>
    <row r="207153" spans="14:14">
      <c r="N207153" s="10"/>
    </row>
    <row r="207154" spans="14:14">
      <c r="N207154" s="10"/>
    </row>
    <row r="207155" spans="14:14">
      <c r="N207155" s="10"/>
    </row>
    <row r="207156" spans="14:14">
      <c r="N207156" s="10"/>
    </row>
    <row r="207157" spans="14:14">
      <c r="N207157" s="10"/>
    </row>
    <row r="207158" spans="14:14">
      <c r="N207158" s="10"/>
    </row>
    <row r="207159" spans="14:14">
      <c r="N207159" s="10"/>
    </row>
    <row r="207160" spans="14:14">
      <c r="N207160" s="10"/>
    </row>
    <row r="207161" spans="14:14">
      <c r="N207161" s="10"/>
    </row>
    <row r="207162" spans="14:14">
      <c r="N207162" s="10"/>
    </row>
    <row r="207163" spans="14:14">
      <c r="N207163" s="10"/>
    </row>
    <row r="207164" spans="14:14">
      <c r="N207164" s="10"/>
    </row>
    <row r="207165" spans="14:14">
      <c r="N207165" s="10"/>
    </row>
    <row r="207166" spans="14:14">
      <c r="N207166" s="10"/>
    </row>
    <row r="207167" spans="14:14">
      <c r="N207167" s="10"/>
    </row>
    <row r="207168" spans="14:14">
      <c r="N207168" s="10"/>
    </row>
    <row r="207169" spans="14:14">
      <c r="N207169" s="10"/>
    </row>
    <row r="207170" spans="14:14">
      <c r="N207170" s="10"/>
    </row>
    <row r="207171" spans="14:14">
      <c r="N207171" s="10"/>
    </row>
    <row r="207172" spans="14:14">
      <c r="N207172" s="10"/>
    </row>
    <row r="207173" spans="14:14">
      <c r="N207173" s="10"/>
    </row>
    <row r="207174" spans="14:14">
      <c r="N207174" s="10"/>
    </row>
    <row r="207175" spans="14:14">
      <c r="N207175" s="10"/>
    </row>
    <row r="207176" spans="14:14">
      <c r="N207176" s="10"/>
    </row>
    <row r="207177" spans="14:14">
      <c r="N207177" s="10"/>
    </row>
    <row r="207178" spans="14:14">
      <c r="N207178" s="10"/>
    </row>
    <row r="207179" spans="14:14">
      <c r="N207179" s="10"/>
    </row>
    <row r="207180" spans="14:14">
      <c r="N207180" s="10"/>
    </row>
    <row r="207181" spans="14:14">
      <c r="N207181" s="10"/>
    </row>
    <row r="207182" spans="14:14">
      <c r="N207182" s="10"/>
    </row>
    <row r="207183" spans="14:14">
      <c r="N207183" s="10"/>
    </row>
    <row r="207184" spans="14:14">
      <c r="N207184" s="10"/>
    </row>
    <row r="207185" spans="14:14">
      <c r="N207185" s="10"/>
    </row>
    <row r="207186" spans="14:14">
      <c r="N207186" s="10"/>
    </row>
    <row r="207187" spans="14:14">
      <c r="N207187" s="10"/>
    </row>
    <row r="207188" spans="14:14">
      <c r="N207188" s="10"/>
    </row>
    <row r="207189" spans="14:14">
      <c r="N207189" s="10"/>
    </row>
    <row r="207190" spans="14:14">
      <c r="N207190" s="10"/>
    </row>
    <row r="207191" spans="14:14">
      <c r="N207191" s="10"/>
    </row>
    <row r="207192" spans="14:14">
      <c r="N207192" s="10"/>
    </row>
    <row r="207193" spans="14:14">
      <c r="N207193" s="10"/>
    </row>
    <row r="207194" spans="14:14">
      <c r="N207194" s="10"/>
    </row>
    <row r="207195" spans="14:14">
      <c r="N207195" s="10"/>
    </row>
    <row r="207196" spans="14:14">
      <c r="N207196" s="10"/>
    </row>
    <row r="207197" spans="14:14">
      <c r="N207197" s="10"/>
    </row>
    <row r="207198" spans="14:14">
      <c r="N207198" s="10"/>
    </row>
    <row r="207199" spans="14:14">
      <c r="N207199" s="10"/>
    </row>
    <row r="207200" spans="14:14">
      <c r="N207200" s="10"/>
    </row>
    <row r="207201" spans="14:14">
      <c r="N207201" s="10"/>
    </row>
    <row r="207202" spans="14:14">
      <c r="N207202" s="10"/>
    </row>
    <row r="207203" spans="14:14">
      <c r="N207203" s="10"/>
    </row>
    <row r="207204" spans="14:14">
      <c r="N207204" s="10"/>
    </row>
    <row r="207205" spans="14:14">
      <c r="N207205" s="10"/>
    </row>
    <row r="207206" spans="14:14">
      <c r="N207206" s="10"/>
    </row>
    <row r="207207" spans="14:14">
      <c r="N207207" s="10"/>
    </row>
    <row r="207208" spans="14:14">
      <c r="N207208" s="10"/>
    </row>
    <row r="207209" spans="14:14">
      <c r="N207209" s="10"/>
    </row>
    <row r="207210" spans="14:14">
      <c r="N207210" s="10"/>
    </row>
    <row r="207211" spans="14:14">
      <c r="N207211" s="10"/>
    </row>
    <row r="207212" spans="14:14">
      <c r="N207212" s="10"/>
    </row>
    <row r="207213" spans="14:14">
      <c r="N207213" s="10"/>
    </row>
    <row r="207214" spans="14:14">
      <c r="N207214" s="10"/>
    </row>
    <row r="207215" spans="14:14">
      <c r="N207215" s="10"/>
    </row>
    <row r="207216" spans="14:14">
      <c r="N207216" s="10"/>
    </row>
    <row r="207217" spans="14:14">
      <c r="N207217" s="10"/>
    </row>
    <row r="207218" spans="14:14">
      <c r="N207218" s="10"/>
    </row>
    <row r="207219" spans="14:14">
      <c r="N207219" s="10"/>
    </row>
    <row r="207220" spans="14:14">
      <c r="N207220" s="10"/>
    </row>
    <row r="207221" spans="14:14">
      <c r="N207221" s="10"/>
    </row>
    <row r="207222" spans="14:14">
      <c r="N207222" s="10"/>
    </row>
    <row r="207223" spans="14:14">
      <c r="N207223" s="10"/>
    </row>
    <row r="207224" spans="14:14">
      <c r="N207224" s="10"/>
    </row>
    <row r="207225" spans="14:14">
      <c r="N207225" s="10"/>
    </row>
    <row r="207226" spans="14:14">
      <c r="N207226" s="10"/>
    </row>
    <row r="207227" spans="14:14">
      <c r="N207227" s="10"/>
    </row>
    <row r="207228" spans="14:14">
      <c r="N207228" s="10"/>
    </row>
    <row r="207229" spans="14:14">
      <c r="N207229" s="10"/>
    </row>
    <row r="207230" spans="14:14">
      <c r="N207230" s="10"/>
    </row>
    <row r="207231" spans="14:14">
      <c r="N207231" s="10"/>
    </row>
    <row r="207232" spans="14:14">
      <c r="N207232" s="10"/>
    </row>
    <row r="207233" spans="14:14">
      <c r="N207233" s="10"/>
    </row>
    <row r="207234" spans="14:14">
      <c r="N207234" s="10"/>
    </row>
    <row r="207235" spans="14:14">
      <c r="N207235" s="10"/>
    </row>
    <row r="207236" spans="14:14">
      <c r="N207236" s="10"/>
    </row>
    <row r="207237" spans="14:14">
      <c r="N207237" s="10"/>
    </row>
    <row r="207238" spans="14:14">
      <c r="N207238" s="10"/>
    </row>
    <row r="207239" spans="14:14">
      <c r="N207239" s="10"/>
    </row>
    <row r="207240" spans="14:14">
      <c r="N207240" s="10"/>
    </row>
    <row r="207241" spans="14:14">
      <c r="N207241" s="10"/>
    </row>
    <row r="207242" spans="14:14">
      <c r="N207242" s="10"/>
    </row>
    <row r="207243" spans="14:14">
      <c r="N207243" s="10"/>
    </row>
    <row r="207244" spans="14:14">
      <c r="N207244" s="10"/>
    </row>
    <row r="207245" spans="14:14">
      <c r="N207245" s="10"/>
    </row>
    <row r="207246" spans="14:14">
      <c r="N207246" s="10"/>
    </row>
    <row r="207247" spans="14:14">
      <c r="N207247" s="10"/>
    </row>
    <row r="207248" spans="14:14">
      <c r="N207248" s="10"/>
    </row>
    <row r="207249" spans="14:14">
      <c r="N207249" s="10"/>
    </row>
    <row r="207250" spans="14:14">
      <c r="N207250" s="10"/>
    </row>
    <row r="207251" spans="14:14">
      <c r="N207251" s="10"/>
    </row>
    <row r="207252" spans="14:14">
      <c r="N207252" s="10"/>
    </row>
    <row r="207253" spans="14:14">
      <c r="N207253" s="10"/>
    </row>
    <row r="207254" spans="14:14">
      <c r="N207254" s="10"/>
    </row>
    <row r="207255" spans="14:14">
      <c r="N207255" s="10"/>
    </row>
    <row r="207256" spans="14:14">
      <c r="N207256" s="10"/>
    </row>
    <row r="207257" spans="14:14">
      <c r="N207257" s="10"/>
    </row>
    <row r="207258" spans="14:14">
      <c r="N207258" s="10"/>
    </row>
    <row r="207259" spans="14:14">
      <c r="N207259" s="10"/>
    </row>
    <row r="207260" spans="14:14">
      <c r="N207260" s="10"/>
    </row>
    <row r="207261" spans="14:14">
      <c r="N207261" s="10"/>
    </row>
    <row r="207262" spans="14:14">
      <c r="N207262" s="10"/>
    </row>
    <row r="207263" spans="14:14">
      <c r="N207263" s="10"/>
    </row>
    <row r="207264" spans="14:14">
      <c r="N207264" s="10"/>
    </row>
    <row r="207265" spans="14:14">
      <c r="N207265" s="10"/>
    </row>
    <row r="207266" spans="14:14">
      <c r="N207266" s="10"/>
    </row>
    <row r="207267" spans="14:14">
      <c r="N207267" s="10"/>
    </row>
    <row r="207268" spans="14:14">
      <c r="N207268" s="10"/>
    </row>
    <row r="207269" spans="14:14">
      <c r="N207269" s="10"/>
    </row>
    <row r="207270" spans="14:14">
      <c r="N207270" s="10"/>
    </row>
    <row r="207271" spans="14:14">
      <c r="N207271" s="10"/>
    </row>
    <row r="207272" spans="14:14">
      <c r="N207272" s="10"/>
    </row>
    <row r="207273" spans="14:14">
      <c r="N207273" s="10"/>
    </row>
    <row r="207274" spans="14:14">
      <c r="N207274" s="10"/>
    </row>
    <row r="207275" spans="14:14">
      <c r="N207275" s="10"/>
    </row>
    <row r="207276" spans="14:14">
      <c r="N207276" s="10"/>
    </row>
    <row r="207277" spans="14:14">
      <c r="N207277" s="10"/>
    </row>
    <row r="207278" spans="14:14">
      <c r="N207278" s="10"/>
    </row>
    <row r="207279" spans="14:14">
      <c r="N207279" s="10"/>
    </row>
    <row r="207280" spans="14:14">
      <c r="N207280" s="10"/>
    </row>
    <row r="207281" spans="14:14">
      <c r="N207281" s="10"/>
    </row>
    <row r="207282" spans="14:14">
      <c r="N207282" s="10"/>
    </row>
    <row r="207283" spans="14:14">
      <c r="N207283" s="10"/>
    </row>
    <row r="207284" spans="14:14">
      <c r="N207284" s="10"/>
    </row>
    <row r="207285" spans="14:14">
      <c r="N207285" s="10"/>
    </row>
    <row r="207286" spans="14:14">
      <c r="N207286" s="10"/>
    </row>
    <row r="207287" spans="14:14">
      <c r="N207287" s="10"/>
    </row>
    <row r="207288" spans="14:14">
      <c r="N207288" s="10"/>
    </row>
    <row r="207289" spans="14:14">
      <c r="N207289" s="10"/>
    </row>
    <row r="207290" spans="14:14">
      <c r="N207290" s="10"/>
    </row>
    <row r="207291" spans="14:14">
      <c r="N207291" s="10"/>
    </row>
    <row r="207292" spans="14:14">
      <c r="N207292" s="10"/>
    </row>
    <row r="207293" spans="14:14">
      <c r="N207293" s="10"/>
    </row>
    <row r="207294" spans="14:14">
      <c r="N207294" s="10"/>
    </row>
    <row r="207295" spans="14:14">
      <c r="N207295" s="10"/>
    </row>
    <row r="207296" spans="14:14">
      <c r="N207296" s="10"/>
    </row>
    <row r="207297" spans="14:14">
      <c r="N207297" s="10"/>
    </row>
    <row r="207298" spans="14:14">
      <c r="N207298" s="10"/>
    </row>
    <row r="207299" spans="14:14">
      <c r="N207299" s="10"/>
    </row>
    <row r="207300" spans="14:14">
      <c r="N207300" s="10"/>
    </row>
    <row r="207301" spans="14:14">
      <c r="N207301" s="10"/>
    </row>
    <row r="207302" spans="14:14">
      <c r="N207302" s="10"/>
    </row>
    <row r="207303" spans="14:14">
      <c r="N207303" s="10"/>
    </row>
    <row r="207304" spans="14:14">
      <c r="N207304" s="10"/>
    </row>
    <row r="207305" spans="14:14">
      <c r="N207305" s="10"/>
    </row>
    <row r="207306" spans="14:14">
      <c r="N207306" s="10"/>
    </row>
    <row r="207307" spans="14:14">
      <c r="N207307" s="10"/>
    </row>
    <row r="207308" spans="14:14">
      <c r="N207308" s="10"/>
    </row>
    <row r="207309" spans="14:14">
      <c r="N207309" s="10"/>
    </row>
    <row r="207310" spans="14:14">
      <c r="N207310" s="10"/>
    </row>
    <row r="207311" spans="14:14">
      <c r="N207311" s="10"/>
    </row>
    <row r="207312" spans="14:14">
      <c r="N207312" s="10"/>
    </row>
    <row r="207313" spans="14:14">
      <c r="N207313" s="10"/>
    </row>
    <row r="207314" spans="14:14">
      <c r="N207314" s="10"/>
    </row>
    <row r="207315" spans="14:14">
      <c r="N207315" s="10"/>
    </row>
    <row r="207316" spans="14:14">
      <c r="N207316" s="10"/>
    </row>
    <row r="207317" spans="14:14">
      <c r="N207317" s="10"/>
    </row>
    <row r="207318" spans="14:14">
      <c r="N207318" s="10"/>
    </row>
    <row r="207319" spans="14:14">
      <c r="N207319" s="10"/>
    </row>
    <row r="207320" spans="14:14">
      <c r="N207320" s="10"/>
    </row>
    <row r="207321" spans="14:14">
      <c r="N207321" s="10"/>
    </row>
    <row r="207322" spans="14:14">
      <c r="N207322" s="10"/>
    </row>
    <row r="207323" spans="14:14">
      <c r="N207323" s="10"/>
    </row>
    <row r="207324" spans="14:14">
      <c r="N207324" s="10"/>
    </row>
    <row r="207325" spans="14:14">
      <c r="N207325" s="10"/>
    </row>
    <row r="207326" spans="14:14">
      <c r="N207326" s="10"/>
    </row>
    <row r="207327" spans="14:14">
      <c r="N207327" s="10"/>
    </row>
    <row r="207328" spans="14:14">
      <c r="N207328" s="10"/>
    </row>
    <row r="207329" spans="14:14">
      <c r="N207329" s="10"/>
    </row>
    <row r="207330" spans="14:14">
      <c r="N207330" s="10"/>
    </row>
    <row r="207331" spans="14:14">
      <c r="N207331" s="10"/>
    </row>
    <row r="207332" spans="14:14">
      <c r="N207332" s="10"/>
    </row>
    <row r="207333" spans="14:14">
      <c r="N207333" s="10"/>
    </row>
    <row r="207334" spans="14:14">
      <c r="N207334" s="10"/>
    </row>
    <row r="207335" spans="14:14">
      <c r="N207335" s="10"/>
    </row>
    <row r="207336" spans="14:14">
      <c r="N207336" s="10"/>
    </row>
    <row r="207337" spans="14:14">
      <c r="N207337" s="10"/>
    </row>
    <row r="207338" spans="14:14">
      <c r="N207338" s="10"/>
    </row>
    <row r="207339" spans="14:14">
      <c r="N207339" s="10"/>
    </row>
    <row r="207340" spans="14:14">
      <c r="N207340" s="10"/>
    </row>
    <row r="207341" spans="14:14">
      <c r="N207341" s="10"/>
    </row>
    <row r="207342" spans="14:14">
      <c r="N207342" s="10"/>
    </row>
    <row r="207343" spans="14:14">
      <c r="N207343" s="10"/>
    </row>
    <row r="207344" spans="14:14">
      <c r="N207344" s="10"/>
    </row>
    <row r="207345" spans="14:14">
      <c r="N207345" s="10"/>
    </row>
    <row r="207346" spans="14:14">
      <c r="N207346" s="10"/>
    </row>
    <row r="207347" spans="14:14">
      <c r="N207347" s="10"/>
    </row>
    <row r="207348" spans="14:14">
      <c r="N207348" s="10"/>
    </row>
    <row r="207349" spans="14:14">
      <c r="N207349" s="10"/>
    </row>
    <row r="207350" spans="14:14">
      <c r="N207350" s="10"/>
    </row>
    <row r="207351" spans="14:14">
      <c r="N207351" s="10"/>
    </row>
    <row r="207352" spans="14:14">
      <c r="N207352" s="10"/>
    </row>
    <row r="207353" spans="14:14">
      <c r="N207353" s="10"/>
    </row>
    <row r="207354" spans="14:14">
      <c r="N207354" s="10"/>
    </row>
    <row r="207355" spans="14:14">
      <c r="N207355" s="10"/>
    </row>
    <row r="207356" spans="14:14">
      <c r="N207356" s="10"/>
    </row>
    <row r="207357" spans="14:14">
      <c r="N207357" s="10"/>
    </row>
    <row r="207358" spans="14:14">
      <c r="N207358" s="10"/>
    </row>
    <row r="207359" spans="14:14">
      <c r="N207359" s="10"/>
    </row>
    <row r="207360" spans="14:14">
      <c r="N207360" s="10"/>
    </row>
    <row r="207361" spans="14:14">
      <c r="N207361" s="10"/>
    </row>
    <row r="207362" spans="14:14">
      <c r="N207362" s="10"/>
    </row>
    <row r="207363" spans="14:14">
      <c r="N207363" s="10"/>
    </row>
    <row r="207364" spans="14:14">
      <c r="N207364" s="10"/>
    </row>
    <row r="207365" spans="14:14">
      <c r="N207365" s="10"/>
    </row>
    <row r="207366" spans="14:14">
      <c r="N207366" s="10"/>
    </row>
    <row r="207367" spans="14:14">
      <c r="N207367" s="10"/>
    </row>
    <row r="207368" spans="14:14">
      <c r="N207368" s="10"/>
    </row>
    <row r="207369" spans="14:14">
      <c r="N207369" s="10"/>
    </row>
    <row r="207370" spans="14:14">
      <c r="N207370" s="10"/>
    </row>
    <row r="207371" spans="14:14">
      <c r="N207371" s="10"/>
    </row>
    <row r="207372" spans="14:14">
      <c r="N207372" s="10"/>
    </row>
    <row r="207373" spans="14:14">
      <c r="N207373" s="10"/>
    </row>
    <row r="207374" spans="14:14">
      <c r="N207374" s="10"/>
    </row>
    <row r="207375" spans="14:14">
      <c r="N207375" s="10"/>
    </row>
    <row r="207376" spans="14:14">
      <c r="N207376" s="10"/>
    </row>
    <row r="207377" spans="14:14">
      <c r="N207377" s="10"/>
    </row>
    <row r="207378" spans="14:14">
      <c r="N207378" s="10"/>
    </row>
    <row r="207379" spans="14:14">
      <c r="N207379" s="10"/>
    </row>
    <row r="207380" spans="14:14">
      <c r="N207380" s="10"/>
    </row>
    <row r="207381" spans="14:14">
      <c r="N207381" s="10"/>
    </row>
    <row r="207382" spans="14:14">
      <c r="N207382" s="10"/>
    </row>
    <row r="207383" spans="14:14">
      <c r="N207383" s="10"/>
    </row>
    <row r="207384" spans="14:14">
      <c r="N207384" s="10"/>
    </row>
    <row r="207385" spans="14:14">
      <c r="N207385" s="10"/>
    </row>
    <row r="207386" spans="14:14">
      <c r="N207386" s="10"/>
    </row>
    <row r="207387" spans="14:14">
      <c r="N207387" s="10"/>
    </row>
    <row r="207388" spans="14:14">
      <c r="N207388" s="10"/>
    </row>
    <row r="207389" spans="14:14">
      <c r="N207389" s="10"/>
    </row>
    <row r="207390" spans="14:14">
      <c r="N207390" s="10"/>
    </row>
    <row r="207391" spans="14:14">
      <c r="N207391" s="10"/>
    </row>
    <row r="207392" spans="14:14">
      <c r="N207392" s="10"/>
    </row>
    <row r="207393" spans="14:14">
      <c r="N207393" s="10"/>
    </row>
    <row r="207394" spans="14:14">
      <c r="N207394" s="10"/>
    </row>
    <row r="207395" spans="14:14">
      <c r="N207395" s="10"/>
    </row>
    <row r="207396" spans="14:14">
      <c r="N207396" s="10"/>
    </row>
    <row r="207397" spans="14:14">
      <c r="N207397" s="10"/>
    </row>
    <row r="207398" spans="14:14">
      <c r="N207398" s="10"/>
    </row>
    <row r="207399" spans="14:14">
      <c r="N207399" s="10"/>
    </row>
    <row r="207400" spans="14:14">
      <c r="N207400" s="10"/>
    </row>
    <row r="207401" spans="14:14">
      <c r="N207401" s="10"/>
    </row>
    <row r="207402" spans="14:14">
      <c r="N207402" s="10"/>
    </row>
    <row r="207403" spans="14:14">
      <c r="N207403" s="10"/>
    </row>
    <row r="207404" spans="14:14">
      <c r="N207404" s="10"/>
    </row>
    <row r="207405" spans="14:14">
      <c r="N207405" s="10"/>
    </row>
    <row r="207406" spans="14:14">
      <c r="N207406" s="10"/>
    </row>
    <row r="207407" spans="14:14">
      <c r="N207407" s="10"/>
    </row>
    <row r="207408" spans="14:14">
      <c r="N207408" s="10"/>
    </row>
    <row r="207409" spans="14:14">
      <c r="N207409" s="10"/>
    </row>
    <row r="207410" spans="14:14">
      <c r="N207410" s="10"/>
    </row>
    <row r="207411" spans="14:14">
      <c r="N207411" s="10"/>
    </row>
    <row r="207412" spans="14:14">
      <c r="N207412" s="10"/>
    </row>
    <row r="207413" spans="14:14">
      <c r="N207413" s="10"/>
    </row>
    <row r="207414" spans="14:14">
      <c r="N207414" s="10"/>
    </row>
    <row r="207415" spans="14:14">
      <c r="N207415" s="10"/>
    </row>
    <row r="207416" spans="14:14">
      <c r="N207416" s="10"/>
    </row>
    <row r="207417" spans="14:14">
      <c r="N207417" s="10"/>
    </row>
    <row r="207418" spans="14:14">
      <c r="N207418" s="10"/>
    </row>
    <row r="207419" spans="14:14">
      <c r="N207419" s="10"/>
    </row>
    <row r="207420" spans="14:14">
      <c r="N207420" s="10"/>
    </row>
    <row r="207421" spans="14:14">
      <c r="N207421" s="10"/>
    </row>
    <row r="207422" spans="14:14">
      <c r="N207422" s="10"/>
    </row>
    <row r="207423" spans="14:14">
      <c r="N207423" s="10"/>
    </row>
    <row r="207424" spans="14:14">
      <c r="N207424" s="10"/>
    </row>
    <row r="207425" spans="14:14">
      <c r="N207425" s="10"/>
    </row>
    <row r="207426" spans="14:14">
      <c r="N207426" s="10"/>
    </row>
    <row r="207427" spans="14:14">
      <c r="N207427" s="10"/>
    </row>
    <row r="207428" spans="14:14">
      <c r="N207428" s="10"/>
    </row>
    <row r="207429" spans="14:14">
      <c r="N207429" s="10"/>
    </row>
    <row r="207430" spans="14:14">
      <c r="N207430" s="10"/>
    </row>
    <row r="207431" spans="14:14">
      <c r="N207431" s="10"/>
    </row>
    <row r="207432" spans="14:14">
      <c r="N207432" s="10"/>
    </row>
    <row r="207433" spans="14:14">
      <c r="N207433" s="10"/>
    </row>
    <row r="207434" spans="14:14">
      <c r="N207434" s="10"/>
    </row>
    <row r="207435" spans="14:14">
      <c r="N207435" s="10"/>
    </row>
    <row r="207436" spans="14:14">
      <c r="N207436" s="10"/>
    </row>
    <row r="207437" spans="14:14">
      <c r="N207437" s="10"/>
    </row>
    <row r="207438" spans="14:14">
      <c r="N207438" s="10"/>
    </row>
    <row r="207439" spans="14:14">
      <c r="N207439" s="10"/>
    </row>
    <row r="207440" spans="14:14">
      <c r="N207440" s="10"/>
    </row>
    <row r="207441" spans="14:14">
      <c r="N207441" s="10"/>
    </row>
    <row r="207442" spans="14:14">
      <c r="N207442" s="10"/>
    </row>
    <row r="207443" spans="14:14">
      <c r="N207443" s="10"/>
    </row>
    <row r="207444" spans="14:14">
      <c r="N207444" s="10"/>
    </row>
    <row r="207445" spans="14:14">
      <c r="N207445" s="10"/>
    </row>
    <row r="207446" spans="14:14">
      <c r="N207446" s="10"/>
    </row>
    <row r="207447" spans="14:14">
      <c r="N207447" s="10"/>
    </row>
    <row r="207448" spans="14:14">
      <c r="N207448" s="10"/>
    </row>
    <row r="207449" spans="14:14">
      <c r="N207449" s="10"/>
    </row>
    <row r="207450" spans="14:14">
      <c r="N207450" s="10"/>
    </row>
    <row r="207451" spans="14:14">
      <c r="N207451" s="10"/>
    </row>
    <row r="207452" spans="14:14">
      <c r="N207452" s="10"/>
    </row>
    <row r="207453" spans="14:14">
      <c r="N207453" s="10"/>
    </row>
    <row r="207454" spans="14:14">
      <c r="N207454" s="10"/>
    </row>
    <row r="207455" spans="14:14">
      <c r="N207455" s="10"/>
    </row>
    <row r="207456" spans="14:14">
      <c r="N207456" s="10"/>
    </row>
    <row r="207457" spans="14:14">
      <c r="N207457" s="10"/>
    </row>
    <row r="207458" spans="14:14">
      <c r="N207458" s="10"/>
    </row>
    <row r="207459" spans="14:14">
      <c r="N207459" s="10"/>
    </row>
    <row r="207460" spans="14:14">
      <c r="N207460" s="10"/>
    </row>
    <row r="207461" spans="14:14">
      <c r="N207461" s="10"/>
    </row>
    <row r="207462" spans="14:14">
      <c r="N207462" s="10"/>
    </row>
    <row r="207463" spans="14:14">
      <c r="N207463" s="10"/>
    </row>
    <row r="207464" spans="14:14">
      <c r="N207464" s="10"/>
    </row>
    <row r="207465" spans="14:14">
      <c r="N207465" s="10"/>
    </row>
    <row r="207466" spans="14:14">
      <c r="N207466" s="10"/>
    </row>
    <row r="207467" spans="14:14">
      <c r="N207467" s="10"/>
    </row>
    <row r="207468" spans="14:14">
      <c r="N207468" s="10"/>
    </row>
    <row r="207469" spans="14:14">
      <c r="N207469" s="10"/>
    </row>
    <row r="207470" spans="14:14">
      <c r="N207470" s="10"/>
    </row>
    <row r="207471" spans="14:14">
      <c r="N207471" s="10"/>
    </row>
    <row r="207472" spans="14:14">
      <c r="N207472" s="10"/>
    </row>
    <row r="207473" spans="14:14">
      <c r="N207473" s="10"/>
    </row>
    <row r="207474" spans="14:14">
      <c r="N207474" s="10"/>
    </row>
    <row r="207475" spans="14:14">
      <c r="N207475" s="10"/>
    </row>
    <row r="207476" spans="14:14">
      <c r="N207476" s="10"/>
    </row>
    <row r="207477" spans="14:14">
      <c r="N207477" s="10"/>
    </row>
    <row r="207478" spans="14:14">
      <c r="N207478" s="10"/>
    </row>
    <row r="207479" spans="14:14">
      <c r="N207479" s="10"/>
    </row>
    <row r="207480" spans="14:14">
      <c r="N207480" s="10"/>
    </row>
    <row r="207481" spans="14:14">
      <c r="N207481" s="10"/>
    </row>
    <row r="207482" spans="14:14">
      <c r="N207482" s="10"/>
    </row>
    <row r="207483" spans="14:14">
      <c r="N207483" s="10"/>
    </row>
    <row r="207484" spans="14:14">
      <c r="N207484" s="10"/>
    </row>
    <row r="207485" spans="14:14">
      <c r="N207485" s="10"/>
    </row>
    <row r="207486" spans="14:14">
      <c r="N207486" s="10"/>
    </row>
    <row r="207487" spans="14:14">
      <c r="N207487" s="10"/>
    </row>
    <row r="207488" spans="14:14">
      <c r="N207488" s="10"/>
    </row>
    <row r="207489" spans="14:14">
      <c r="N207489" s="10"/>
    </row>
    <row r="207490" spans="14:14">
      <c r="N207490" s="10"/>
    </row>
    <row r="207491" spans="14:14">
      <c r="N207491" s="10"/>
    </row>
    <row r="207492" spans="14:14">
      <c r="N207492" s="10"/>
    </row>
    <row r="207493" spans="14:14">
      <c r="N207493" s="10"/>
    </row>
    <row r="207494" spans="14:14">
      <c r="N207494" s="10"/>
    </row>
    <row r="207495" spans="14:14">
      <c r="N207495" s="10"/>
    </row>
    <row r="207496" spans="14:14">
      <c r="N207496" s="10"/>
    </row>
    <row r="207497" spans="14:14">
      <c r="N207497" s="10"/>
    </row>
    <row r="207498" spans="14:14">
      <c r="N207498" s="10"/>
    </row>
    <row r="207499" spans="14:14">
      <c r="N207499" s="10"/>
    </row>
    <row r="207500" spans="14:14">
      <c r="N207500" s="10"/>
    </row>
    <row r="207501" spans="14:14">
      <c r="N207501" s="10"/>
    </row>
    <row r="207502" spans="14:14">
      <c r="N207502" s="10"/>
    </row>
    <row r="207503" spans="14:14">
      <c r="N207503" s="10"/>
    </row>
    <row r="207504" spans="14:14">
      <c r="N207504" s="10"/>
    </row>
    <row r="207505" spans="14:14">
      <c r="N207505" s="10"/>
    </row>
    <row r="207506" spans="14:14">
      <c r="N207506" s="10"/>
    </row>
    <row r="207507" spans="14:14">
      <c r="N207507" s="10"/>
    </row>
    <row r="207508" spans="14:14">
      <c r="N207508" s="10"/>
    </row>
    <row r="207509" spans="14:14">
      <c r="N207509" s="10"/>
    </row>
    <row r="207510" spans="14:14">
      <c r="N207510" s="10"/>
    </row>
    <row r="207511" spans="14:14">
      <c r="N207511" s="10"/>
    </row>
    <row r="207512" spans="14:14">
      <c r="N207512" s="10"/>
    </row>
    <row r="207513" spans="14:14">
      <c r="N207513" s="10"/>
    </row>
    <row r="207514" spans="14:14">
      <c r="N207514" s="10"/>
    </row>
    <row r="207515" spans="14:14">
      <c r="N207515" s="10"/>
    </row>
    <row r="207516" spans="14:14">
      <c r="N207516" s="10"/>
    </row>
    <row r="207517" spans="14:14">
      <c r="N207517" s="10"/>
    </row>
    <row r="207518" spans="14:14">
      <c r="N207518" s="10"/>
    </row>
    <row r="207519" spans="14:14">
      <c r="N207519" s="10"/>
    </row>
    <row r="207520" spans="14:14">
      <c r="N207520" s="10"/>
    </row>
    <row r="207521" spans="14:14">
      <c r="N207521" s="10"/>
    </row>
    <row r="207522" spans="14:14">
      <c r="N207522" s="10"/>
    </row>
    <row r="207523" spans="14:14">
      <c r="N207523" s="10"/>
    </row>
    <row r="207524" spans="14:14">
      <c r="N207524" s="10"/>
    </row>
    <row r="207525" spans="14:14">
      <c r="N207525" s="10"/>
    </row>
    <row r="207526" spans="14:14">
      <c r="N207526" s="10"/>
    </row>
    <row r="207527" spans="14:14">
      <c r="N207527" s="10"/>
    </row>
    <row r="207528" spans="14:14">
      <c r="N207528" s="10"/>
    </row>
    <row r="207529" spans="14:14">
      <c r="N207529" s="10"/>
    </row>
    <row r="207530" spans="14:14">
      <c r="N207530" s="10"/>
    </row>
    <row r="207531" spans="14:14">
      <c r="N207531" s="10"/>
    </row>
    <row r="207532" spans="14:14">
      <c r="N207532" s="10"/>
    </row>
    <row r="207533" spans="14:14">
      <c r="N207533" s="10"/>
    </row>
    <row r="207534" spans="14:14">
      <c r="N207534" s="10"/>
    </row>
    <row r="207535" spans="14:14">
      <c r="N207535" s="10"/>
    </row>
    <row r="207536" spans="14:14">
      <c r="N207536" s="10"/>
    </row>
    <row r="207537" spans="14:14">
      <c r="N207537" s="10"/>
    </row>
    <row r="207538" spans="14:14">
      <c r="N207538" s="10"/>
    </row>
    <row r="207539" spans="14:14">
      <c r="N207539" s="10"/>
    </row>
    <row r="207540" spans="14:14">
      <c r="N207540" s="10"/>
    </row>
    <row r="207541" spans="14:14">
      <c r="N207541" s="10"/>
    </row>
    <row r="207542" spans="14:14">
      <c r="N207542" s="10"/>
    </row>
    <row r="207543" spans="14:14">
      <c r="N207543" s="10"/>
    </row>
    <row r="207544" spans="14:14">
      <c r="N207544" s="10"/>
    </row>
    <row r="207545" spans="14:14">
      <c r="N207545" s="10"/>
    </row>
    <row r="207546" spans="14:14">
      <c r="N207546" s="10"/>
    </row>
    <row r="207547" spans="14:14">
      <c r="N207547" s="10"/>
    </row>
    <row r="207548" spans="14:14">
      <c r="N207548" s="10"/>
    </row>
    <row r="207549" spans="14:14">
      <c r="N207549" s="10"/>
    </row>
    <row r="207550" spans="14:14">
      <c r="N207550" s="10"/>
    </row>
    <row r="207551" spans="14:14">
      <c r="N207551" s="10"/>
    </row>
    <row r="207552" spans="14:14">
      <c r="N207552" s="10"/>
    </row>
    <row r="207553" spans="14:14">
      <c r="N207553" s="10"/>
    </row>
    <row r="207554" spans="14:14">
      <c r="N207554" s="10"/>
    </row>
    <row r="207555" spans="14:14">
      <c r="N207555" s="10"/>
    </row>
    <row r="207556" spans="14:14">
      <c r="N207556" s="10"/>
    </row>
    <row r="207557" spans="14:14">
      <c r="N207557" s="10"/>
    </row>
    <row r="207558" spans="14:14">
      <c r="N207558" s="10"/>
    </row>
    <row r="207559" spans="14:14">
      <c r="N207559" s="10"/>
    </row>
    <row r="207560" spans="14:14">
      <c r="N207560" s="10"/>
    </row>
    <row r="207561" spans="14:14">
      <c r="N207561" s="10"/>
    </row>
    <row r="207562" spans="14:14">
      <c r="N207562" s="10"/>
    </row>
    <row r="207563" spans="14:14">
      <c r="N207563" s="10"/>
    </row>
    <row r="207564" spans="14:14">
      <c r="N207564" s="10"/>
    </row>
    <row r="207565" spans="14:14">
      <c r="N207565" s="10"/>
    </row>
    <row r="207566" spans="14:14">
      <c r="N207566" s="10"/>
    </row>
    <row r="207567" spans="14:14">
      <c r="N207567" s="10"/>
    </row>
    <row r="207568" spans="14:14">
      <c r="N207568" s="10"/>
    </row>
    <row r="207569" spans="14:14">
      <c r="N207569" s="10"/>
    </row>
    <row r="207570" spans="14:14">
      <c r="N207570" s="10"/>
    </row>
    <row r="207571" spans="14:14">
      <c r="N207571" s="10"/>
    </row>
    <row r="207572" spans="14:14">
      <c r="N207572" s="10"/>
    </row>
    <row r="207573" spans="14:14">
      <c r="N207573" s="10"/>
    </row>
    <row r="207574" spans="14:14">
      <c r="N207574" s="10"/>
    </row>
    <row r="207575" spans="14:14">
      <c r="N207575" s="10"/>
    </row>
    <row r="207576" spans="14:14">
      <c r="N207576" s="10"/>
    </row>
    <row r="207577" spans="14:14">
      <c r="N207577" s="10"/>
    </row>
    <row r="207578" spans="14:14">
      <c r="N207578" s="10"/>
    </row>
    <row r="207579" spans="14:14">
      <c r="N207579" s="10"/>
    </row>
    <row r="207580" spans="14:14">
      <c r="N207580" s="10"/>
    </row>
    <row r="207581" spans="14:14">
      <c r="N207581" s="10"/>
    </row>
    <row r="207582" spans="14:14">
      <c r="N207582" s="10"/>
    </row>
    <row r="207583" spans="14:14">
      <c r="N207583" s="10"/>
    </row>
    <row r="207584" spans="14:14">
      <c r="N207584" s="10"/>
    </row>
    <row r="207585" spans="14:14">
      <c r="N207585" s="10"/>
    </row>
    <row r="207586" spans="14:14">
      <c r="N207586" s="10"/>
    </row>
    <row r="207587" spans="14:14">
      <c r="N207587" s="10"/>
    </row>
    <row r="207588" spans="14:14">
      <c r="N207588" s="10"/>
    </row>
    <row r="207589" spans="14:14">
      <c r="N207589" s="10"/>
    </row>
    <row r="207590" spans="14:14">
      <c r="N207590" s="10"/>
    </row>
    <row r="207591" spans="14:14">
      <c r="N207591" s="10"/>
    </row>
    <row r="207592" spans="14:14">
      <c r="N207592" s="10"/>
    </row>
    <row r="207593" spans="14:14">
      <c r="N207593" s="10"/>
    </row>
    <row r="207594" spans="14:14">
      <c r="N207594" s="10"/>
    </row>
    <row r="207595" spans="14:14">
      <c r="N207595" s="10"/>
    </row>
    <row r="207596" spans="14:14">
      <c r="N207596" s="10"/>
    </row>
    <row r="207597" spans="14:14">
      <c r="N207597" s="10"/>
    </row>
    <row r="207598" spans="14:14">
      <c r="N207598" s="10"/>
    </row>
    <row r="207599" spans="14:14">
      <c r="N207599" s="10"/>
    </row>
    <row r="207600" spans="14:14">
      <c r="N207600" s="10"/>
    </row>
    <row r="207601" spans="14:14">
      <c r="N207601" s="10"/>
    </row>
    <row r="207602" spans="14:14">
      <c r="N207602" s="10"/>
    </row>
    <row r="207603" spans="14:14">
      <c r="N207603" s="10"/>
    </row>
    <row r="207604" spans="14:14">
      <c r="N207604" s="10"/>
    </row>
    <row r="207605" spans="14:14">
      <c r="N207605" s="10"/>
    </row>
    <row r="207606" spans="14:14">
      <c r="N207606" s="10"/>
    </row>
    <row r="207607" spans="14:14">
      <c r="N207607" s="10"/>
    </row>
    <row r="207608" spans="14:14">
      <c r="N207608" s="10"/>
    </row>
    <row r="207609" spans="14:14">
      <c r="N207609" s="10"/>
    </row>
    <row r="207610" spans="14:14">
      <c r="N207610" s="10"/>
    </row>
    <row r="207611" spans="14:14">
      <c r="N207611" s="10"/>
    </row>
    <row r="207612" spans="14:14">
      <c r="N207612" s="10"/>
    </row>
    <row r="207613" spans="14:14">
      <c r="N207613" s="10"/>
    </row>
    <row r="207614" spans="14:14">
      <c r="N207614" s="10"/>
    </row>
    <row r="207615" spans="14:14">
      <c r="N207615" s="10"/>
    </row>
    <row r="207616" spans="14:14">
      <c r="N207616" s="10"/>
    </row>
    <row r="207617" spans="14:14">
      <c r="N207617" s="10"/>
    </row>
    <row r="207618" spans="14:14">
      <c r="N207618" s="10"/>
    </row>
    <row r="207619" spans="14:14">
      <c r="N207619" s="10"/>
    </row>
    <row r="207620" spans="14:14">
      <c r="N207620" s="10"/>
    </row>
    <row r="207621" spans="14:14">
      <c r="N207621" s="10"/>
    </row>
    <row r="207622" spans="14:14">
      <c r="N207622" s="10"/>
    </row>
    <row r="207623" spans="14:14">
      <c r="N207623" s="10"/>
    </row>
    <row r="207624" spans="14:14">
      <c r="N207624" s="10"/>
    </row>
    <row r="207625" spans="14:14">
      <c r="N207625" s="10"/>
    </row>
    <row r="207626" spans="14:14">
      <c r="N207626" s="10"/>
    </row>
    <row r="207627" spans="14:14">
      <c r="N207627" s="10"/>
    </row>
    <row r="207628" spans="14:14">
      <c r="N207628" s="10"/>
    </row>
    <row r="207629" spans="14:14">
      <c r="N207629" s="10"/>
    </row>
    <row r="207630" spans="14:14">
      <c r="N207630" s="10"/>
    </row>
    <row r="207631" spans="14:14">
      <c r="N207631" s="10"/>
    </row>
    <row r="207632" spans="14:14">
      <c r="N207632" s="10"/>
    </row>
    <row r="207633" spans="14:14">
      <c r="N207633" s="10"/>
    </row>
    <row r="207634" spans="14:14">
      <c r="N207634" s="10"/>
    </row>
    <row r="207635" spans="14:14">
      <c r="N207635" s="10"/>
    </row>
    <row r="207636" spans="14:14">
      <c r="N207636" s="10"/>
    </row>
    <row r="207637" spans="14:14">
      <c r="N207637" s="10"/>
    </row>
    <row r="207638" spans="14:14">
      <c r="N207638" s="10"/>
    </row>
    <row r="207639" spans="14:14">
      <c r="N207639" s="10"/>
    </row>
    <row r="207640" spans="14:14">
      <c r="N207640" s="10"/>
    </row>
    <row r="207641" spans="14:14">
      <c r="N207641" s="10"/>
    </row>
    <row r="207642" spans="14:14">
      <c r="N207642" s="10"/>
    </row>
    <row r="207643" spans="14:14">
      <c r="N207643" s="10"/>
    </row>
    <row r="207644" spans="14:14">
      <c r="N207644" s="10"/>
    </row>
    <row r="207645" spans="14:14">
      <c r="N207645" s="10"/>
    </row>
    <row r="207646" spans="14:14">
      <c r="N207646" s="10"/>
    </row>
    <row r="207647" spans="14:14">
      <c r="N207647" s="10"/>
    </row>
    <row r="207648" spans="14:14">
      <c r="N207648" s="10"/>
    </row>
    <row r="207649" spans="14:14">
      <c r="N207649" s="10"/>
    </row>
    <row r="207650" spans="14:14">
      <c r="N207650" s="10"/>
    </row>
    <row r="207651" spans="14:14">
      <c r="N207651" s="10"/>
    </row>
    <row r="207652" spans="14:14">
      <c r="N207652" s="10"/>
    </row>
    <row r="207653" spans="14:14">
      <c r="N207653" s="10"/>
    </row>
    <row r="207654" spans="14:14">
      <c r="N207654" s="10"/>
    </row>
    <row r="207655" spans="14:14">
      <c r="N207655" s="10"/>
    </row>
    <row r="207656" spans="14:14">
      <c r="N207656" s="10"/>
    </row>
    <row r="207657" spans="14:14">
      <c r="N207657" s="10"/>
    </row>
    <row r="207658" spans="14:14">
      <c r="N207658" s="10"/>
    </row>
    <row r="207659" spans="14:14">
      <c r="N207659" s="10"/>
    </row>
    <row r="207660" spans="14:14">
      <c r="N207660" s="10"/>
    </row>
    <row r="207661" spans="14:14">
      <c r="N207661" s="10"/>
    </row>
    <row r="207662" spans="14:14">
      <c r="N207662" s="10"/>
    </row>
    <row r="207663" spans="14:14">
      <c r="N207663" s="10"/>
    </row>
    <row r="207664" spans="14:14">
      <c r="N207664" s="10"/>
    </row>
    <row r="207665" spans="14:14">
      <c r="N207665" s="10"/>
    </row>
    <row r="207666" spans="14:14">
      <c r="N207666" s="10"/>
    </row>
    <row r="207667" spans="14:14">
      <c r="N207667" s="10"/>
    </row>
    <row r="207668" spans="14:14">
      <c r="N207668" s="10"/>
    </row>
    <row r="207669" spans="14:14">
      <c r="N207669" s="10"/>
    </row>
    <row r="207670" spans="14:14">
      <c r="N207670" s="10"/>
    </row>
    <row r="207671" spans="14:14">
      <c r="N207671" s="10"/>
    </row>
    <row r="207672" spans="14:14">
      <c r="N207672" s="10"/>
    </row>
    <row r="207673" spans="14:14">
      <c r="N207673" s="10"/>
    </row>
    <row r="207674" spans="14:14">
      <c r="N207674" s="10"/>
    </row>
    <row r="207675" spans="14:14">
      <c r="N207675" s="10"/>
    </row>
    <row r="207676" spans="14:14">
      <c r="N207676" s="10"/>
    </row>
    <row r="207677" spans="14:14">
      <c r="N207677" s="10"/>
    </row>
    <row r="207678" spans="14:14">
      <c r="N207678" s="10"/>
    </row>
    <row r="207679" spans="14:14">
      <c r="N207679" s="10"/>
    </row>
    <row r="207680" spans="14:14">
      <c r="N207680" s="10"/>
    </row>
    <row r="207681" spans="14:14">
      <c r="N207681" s="10"/>
    </row>
    <row r="207682" spans="14:14">
      <c r="N207682" s="10"/>
    </row>
    <row r="207683" spans="14:14">
      <c r="N207683" s="10"/>
    </row>
    <row r="207684" spans="14:14">
      <c r="N207684" s="10"/>
    </row>
    <row r="207685" spans="14:14">
      <c r="N207685" s="10"/>
    </row>
    <row r="207686" spans="14:14">
      <c r="N207686" s="10"/>
    </row>
    <row r="207687" spans="14:14">
      <c r="N207687" s="10"/>
    </row>
    <row r="207688" spans="14:14">
      <c r="N207688" s="10"/>
    </row>
    <row r="207689" spans="14:14">
      <c r="N207689" s="10"/>
    </row>
    <row r="207690" spans="14:14">
      <c r="N207690" s="10"/>
    </row>
    <row r="207691" spans="14:14">
      <c r="N207691" s="10"/>
    </row>
    <row r="207692" spans="14:14">
      <c r="N207692" s="10"/>
    </row>
    <row r="207693" spans="14:14">
      <c r="N207693" s="10"/>
    </row>
    <row r="207694" spans="14:14">
      <c r="N207694" s="10"/>
    </row>
    <row r="207695" spans="14:14">
      <c r="N207695" s="10"/>
    </row>
    <row r="207696" spans="14:14">
      <c r="N207696" s="10"/>
    </row>
    <row r="207697" spans="14:14">
      <c r="N207697" s="10"/>
    </row>
    <row r="207698" spans="14:14">
      <c r="N207698" s="10"/>
    </row>
    <row r="207699" spans="14:14">
      <c r="N207699" s="10"/>
    </row>
    <row r="207700" spans="14:14">
      <c r="N207700" s="10"/>
    </row>
    <row r="207701" spans="14:14">
      <c r="N207701" s="10"/>
    </row>
    <row r="207702" spans="14:14">
      <c r="N207702" s="10"/>
    </row>
    <row r="207703" spans="14:14">
      <c r="N207703" s="10"/>
    </row>
    <row r="207704" spans="14:14">
      <c r="N207704" s="10"/>
    </row>
    <row r="207705" spans="14:14">
      <c r="N207705" s="10"/>
    </row>
    <row r="207706" spans="14:14">
      <c r="N207706" s="10"/>
    </row>
    <row r="207707" spans="14:14">
      <c r="N207707" s="10"/>
    </row>
    <row r="207708" spans="14:14">
      <c r="N207708" s="10"/>
    </row>
    <row r="207709" spans="14:14">
      <c r="N207709" s="10"/>
    </row>
    <row r="207710" spans="14:14">
      <c r="N207710" s="10"/>
    </row>
    <row r="207711" spans="14:14">
      <c r="N207711" s="10"/>
    </row>
    <row r="207712" spans="14:14">
      <c r="N207712" s="10"/>
    </row>
    <row r="207713" spans="14:14">
      <c r="N207713" s="10"/>
    </row>
    <row r="207714" spans="14:14">
      <c r="N207714" s="10"/>
    </row>
    <row r="207715" spans="14:14">
      <c r="N207715" s="10"/>
    </row>
    <row r="207716" spans="14:14">
      <c r="N207716" s="10"/>
    </row>
    <row r="207717" spans="14:14">
      <c r="N207717" s="10"/>
    </row>
    <row r="207718" spans="14:14">
      <c r="N207718" s="10"/>
    </row>
    <row r="207719" spans="14:14">
      <c r="N207719" s="10"/>
    </row>
    <row r="207720" spans="14:14">
      <c r="N207720" s="10"/>
    </row>
    <row r="207721" spans="14:14">
      <c r="N207721" s="10"/>
    </row>
    <row r="207722" spans="14:14">
      <c r="N207722" s="10"/>
    </row>
    <row r="207723" spans="14:14">
      <c r="N207723" s="10"/>
    </row>
    <row r="207724" spans="14:14">
      <c r="N207724" s="10"/>
    </row>
    <row r="207725" spans="14:14">
      <c r="N207725" s="10"/>
    </row>
    <row r="207726" spans="14:14">
      <c r="N207726" s="10"/>
    </row>
    <row r="207727" spans="14:14">
      <c r="N207727" s="10"/>
    </row>
    <row r="207728" spans="14:14">
      <c r="N207728" s="10"/>
    </row>
    <row r="207729" spans="14:14">
      <c r="N207729" s="10"/>
    </row>
    <row r="207730" spans="14:14">
      <c r="N207730" s="10"/>
    </row>
    <row r="207731" spans="14:14">
      <c r="N207731" s="10"/>
    </row>
    <row r="207732" spans="14:14">
      <c r="N207732" s="10"/>
    </row>
    <row r="207733" spans="14:14">
      <c r="N207733" s="10"/>
    </row>
    <row r="207734" spans="14:14">
      <c r="N207734" s="10"/>
    </row>
    <row r="207735" spans="14:14">
      <c r="N207735" s="10"/>
    </row>
    <row r="207736" spans="14:14">
      <c r="N207736" s="10"/>
    </row>
    <row r="207737" spans="14:14">
      <c r="N207737" s="10"/>
    </row>
    <row r="207738" spans="14:14">
      <c r="N207738" s="10"/>
    </row>
    <row r="207739" spans="14:14">
      <c r="N207739" s="10"/>
    </row>
    <row r="207740" spans="14:14">
      <c r="N207740" s="10"/>
    </row>
    <row r="207741" spans="14:14">
      <c r="N207741" s="10"/>
    </row>
    <row r="207742" spans="14:14">
      <c r="N207742" s="10"/>
    </row>
    <row r="207743" spans="14:14">
      <c r="N207743" s="10"/>
    </row>
    <row r="207744" spans="14:14">
      <c r="N207744" s="10"/>
    </row>
    <row r="207745" spans="14:14">
      <c r="N207745" s="10"/>
    </row>
    <row r="207746" spans="14:14">
      <c r="N207746" s="10"/>
    </row>
    <row r="207747" spans="14:14">
      <c r="N207747" s="10"/>
    </row>
    <row r="207748" spans="14:14">
      <c r="N207748" s="10"/>
    </row>
    <row r="207749" spans="14:14">
      <c r="N207749" s="10"/>
    </row>
    <row r="207750" spans="14:14">
      <c r="N207750" s="10"/>
    </row>
    <row r="207751" spans="14:14">
      <c r="N207751" s="10"/>
    </row>
    <row r="207752" spans="14:14">
      <c r="N207752" s="10"/>
    </row>
    <row r="207753" spans="14:14">
      <c r="N207753" s="10"/>
    </row>
    <row r="207754" spans="14:14">
      <c r="N207754" s="10"/>
    </row>
    <row r="207755" spans="14:14">
      <c r="N207755" s="10"/>
    </row>
    <row r="207756" spans="14:14">
      <c r="N207756" s="10"/>
    </row>
    <row r="207757" spans="14:14">
      <c r="N207757" s="10"/>
    </row>
    <row r="207758" spans="14:14">
      <c r="N207758" s="10"/>
    </row>
    <row r="207759" spans="14:14">
      <c r="N207759" s="10"/>
    </row>
    <row r="207760" spans="14:14">
      <c r="N207760" s="10"/>
    </row>
    <row r="207761" spans="14:14">
      <c r="N207761" s="10"/>
    </row>
    <row r="207762" spans="14:14">
      <c r="N207762" s="10"/>
    </row>
    <row r="207763" spans="14:14">
      <c r="N207763" s="10"/>
    </row>
    <row r="207764" spans="14:14">
      <c r="N207764" s="10"/>
    </row>
    <row r="207765" spans="14:14">
      <c r="N207765" s="10"/>
    </row>
    <row r="207766" spans="14:14">
      <c r="N207766" s="10"/>
    </row>
    <row r="207767" spans="14:14">
      <c r="N207767" s="10"/>
    </row>
    <row r="207768" spans="14:14">
      <c r="N207768" s="10"/>
    </row>
    <row r="207769" spans="14:14">
      <c r="N207769" s="10"/>
    </row>
    <row r="207770" spans="14:14">
      <c r="N207770" s="10"/>
    </row>
    <row r="207771" spans="14:14">
      <c r="N207771" s="10"/>
    </row>
    <row r="207772" spans="14:14">
      <c r="N207772" s="10"/>
    </row>
    <row r="207773" spans="14:14">
      <c r="N207773" s="10"/>
    </row>
    <row r="207774" spans="14:14">
      <c r="N207774" s="10"/>
    </row>
    <row r="207775" spans="14:14">
      <c r="N207775" s="10"/>
    </row>
    <row r="207776" spans="14:14">
      <c r="N207776" s="10"/>
    </row>
    <row r="207777" spans="14:14">
      <c r="N207777" s="10"/>
    </row>
    <row r="207778" spans="14:14">
      <c r="N207778" s="10"/>
    </row>
    <row r="207779" spans="14:14">
      <c r="N207779" s="10"/>
    </row>
    <row r="207780" spans="14:14">
      <c r="N207780" s="10"/>
    </row>
    <row r="207781" spans="14:14">
      <c r="N207781" s="10"/>
    </row>
    <row r="207782" spans="14:14">
      <c r="N207782" s="10"/>
    </row>
    <row r="207783" spans="14:14">
      <c r="N207783" s="10"/>
    </row>
    <row r="207784" spans="14:14">
      <c r="N207784" s="10"/>
    </row>
    <row r="207785" spans="14:14">
      <c r="N207785" s="10"/>
    </row>
    <row r="207786" spans="14:14">
      <c r="N207786" s="10"/>
    </row>
    <row r="207787" spans="14:14">
      <c r="N207787" s="10"/>
    </row>
    <row r="207788" spans="14:14">
      <c r="N207788" s="10"/>
    </row>
    <row r="207789" spans="14:14">
      <c r="N207789" s="10"/>
    </row>
    <row r="207790" spans="14:14">
      <c r="N207790" s="10"/>
    </row>
    <row r="207791" spans="14:14">
      <c r="N207791" s="10"/>
    </row>
    <row r="207792" spans="14:14">
      <c r="N207792" s="10"/>
    </row>
    <row r="207793" spans="14:14">
      <c r="N207793" s="10"/>
    </row>
    <row r="207794" spans="14:14">
      <c r="N207794" s="10"/>
    </row>
    <row r="207795" spans="14:14">
      <c r="N207795" s="10"/>
    </row>
    <row r="207796" spans="14:14">
      <c r="N207796" s="10"/>
    </row>
    <row r="207797" spans="14:14">
      <c r="N207797" s="10"/>
    </row>
    <row r="207798" spans="14:14">
      <c r="N207798" s="10"/>
    </row>
    <row r="207799" spans="14:14">
      <c r="N207799" s="10"/>
    </row>
    <row r="207800" spans="14:14">
      <c r="N207800" s="10"/>
    </row>
    <row r="207801" spans="14:14">
      <c r="N207801" s="10"/>
    </row>
    <row r="207802" spans="14:14">
      <c r="N207802" s="10"/>
    </row>
    <row r="207803" spans="14:14">
      <c r="N207803" s="10"/>
    </row>
    <row r="207804" spans="14:14">
      <c r="N207804" s="10"/>
    </row>
    <row r="207805" spans="14:14">
      <c r="N207805" s="10"/>
    </row>
    <row r="207806" spans="14:14">
      <c r="N207806" s="10"/>
    </row>
    <row r="207807" spans="14:14">
      <c r="N207807" s="10"/>
    </row>
    <row r="207808" spans="14:14">
      <c r="N207808" s="10"/>
    </row>
    <row r="207809" spans="14:14">
      <c r="N207809" s="10"/>
    </row>
    <row r="207810" spans="14:14">
      <c r="N207810" s="10"/>
    </row>
    <row r="207811" spans="14:14">
      <c r="N207811" s="10"/>
    </row>
    <row r="207812" spans="14:14">
      <c r="N207812" s="10"/>
    </row>
    <row r="207813" spans="14:14">
      <c r="N207813" s="10"/>
    </row>
    <row r="207814" spans="14:14">
      <c r="N207814" s="10"/>
    </row>
    <row r="207815" spans="14:14">
      <c r="N207815" s="10"/>
    </row>
    <row r="207816" spans="14:14">
      <c r="N207816" s="10"/>
    </row>
    <row r="207817" spans="14:14">
      <c r="N207817" s="10"/>
    </row>
    <row r="207818" spans="14:14">
      <c r="N207818" s="10"/>
    </row>
    <row r="207819" spans="14:14">
      <c r="N207819" s="10"/>
    </row>
    <row r="207820" spans="14:14">
      <c r="N207820" s="10"/>
    </row>
    <row r="207821" spans="14:14">
      <c r="N207821" s="10"/>
    </row>
    <row r="207822" spans="14:14">
      <c r="N207822" s="10"/>
    </row>
    <row r="207823" spans="14:14">
      <c r="N207823" s="10"/>
    </row>
    <row r="207824" spans="14:14">
      <c r="N207824" s="10"/>
    </row>
    <row r="207825" spans="14:14">
      <c r="N207825" s="10"/>
    </row>
    <row r="207826" spans="14:14">
      <c r="N207826" s="10"/>
    </row>
    <row r="207827" spans="14:14">
      <c r="N207827" s="10"/>
    </row>
    <row r="207828" spans="14:14">
      <c r="N207828" s="10"/>
    </row>
    <row r="207829" spans="14:14">
      <c r="N207829" s="10"/>
    </row>
    <row r="207830" spans="14:14">
      <c r="N207830" s="10"/>
    </row>
    <row r="207831" spans="14:14">
      <c r="N207831" s="10"/>
    </row>
    <row r="207832" spans="14:14">
      <c r="N207832" s="10"/>
    </row>
    <row r="207833" spans="14:14">
      <c r="N207833" s="10"/>
    </row>
    <row r="207834" spans="14:14">
      <c r="N207834" s="10"/>
    </row>
    <row r="207835" spans="14:14">
      <c r="N207835" s="10"/>
    </row>
    <row r="207836" spans="14:14">
      <c r="N207836" s="10"/>
    </row>
    <row r="207837" spans="14:14">
      <c r="N207837" s="10"/>
    </row>
    <row r="207838" spans="14:14">
      <c r="N207838" s="10"/>
    </row>
    <row r="207839" spans="14:14">
      <c r="N207839" s="10"/>
    </row>
    <row r="207840" spans="14:14">
      <c r="N207840" s="10"/>
    </row>
    <row r="207841" spans="14:14">
      <c r="N207841" s="10"/>
    </row>
    <row r="207842" spans="14:14">
      <c r="N207842" s="10"/>
    </row>
    <row r="207843" spans="14:14">
      <c r="N207843" s="10"/>
    </row>
    <row r="207844" spans="14:14">
      <c r="N207844" s="10"/>
    </row>
    <row r="207845" spans="14:14">
      <c r="N207845" s="10"/>
    </row>
    <row r="207846" spans="14:14">
      <c r="N207846" s="10"/>
    </row>
    <row r="207847" spans="14:14">
      <c r="N207847" s="10"/>
    </row>
    <row r="207848" spans="14:14">
      <c r="N207848" s="10"/>
    </row>
    <row r="207849" spans="14:14">
      <c r="N207849" s="10"/>
    </row>
    <row r="207850" spans="14:14">
      <c r="N207850" s="10"/>
    </row>
    <row r="207851" spans="14:14">
      <c r="N207851" s="10"/>
    </row>
    <row r="207852" spans="14:14">
      <c r="N207852" s="10"/>
    </row>
    <row r="207853" spans="14:14">
      <c r="N207853" s="10"/>
    </row>
    <row r="207854" spans="14:14">
      <c r="N207854" s="10"/>
    </row>
    <row r="207855" spans="14:14">
      <c r="N207855" s="10"/>
    </row>
    <row r="207856" spans="14:14">
      <c r="N207856" s="10"/>
    </row>
    <row r="207857" spans="14:14">
      <c r="N207857" s="10"/>
    </row>
    <row r="207858" spans="14:14">
      <c r="N207858" s="10"/>
    </row>
    <row r="207859" spans="14:14">
      <c r="N207859" s="10"/>
    </row>
    <row r="207860" spans="14:14">
      <c r="N207860" s="10"/>
    </row>
    <row r="207861" spans="14:14">
      <c r="N207861" s="10"/>
    </row>
    <row r="207862" spans="14:14">
      <c r="N207862" s="10"/>
    </row>
    <row r="207863" spans="14:14">
      <c r="N207863" s="10"/>
    </row>
    <row r="207864" spans="14:14">
      <c r="N207864" s="10"/>
    </row>
    <row r="207865" spans="14:14">
      <c r="N207865" s="10"/>
    </row>
    <row r="207866" spans="14:14">
      <c r="N207866" s="10"/>
    </row>
    <row r="207867" spans="14:14">
      <c r="N207867" s="10"/>
    </row>
    <row r="207868" spans="14:14">
      <c r="N207868" s="10"/>
    </row>
    <row r="207869" spans="14:14">
      <c r="N207869" s="10"/>
    </row>
    <row r="207870" spans="14:14">
      <c r="N207870" s="10"/>
    </row>
    <row r="207871" spans="14:14">
      <c r="N207871" s="10"/>
    </row>
    <row r="207872" spans="14:14">
      <c r="N207872" s="10"/>
    </row>
    <row r="207873" spans="14:14">
      <c r="N207873" s="10"/>
    </row>
    <row r="207874" spans="14:14">
      <c r="N207874" s="10"/>
    </row>
    <row r="207875" spans="14:14">
      <c r="N207875" s="10"/>
    </row>
    <row r="207876" spans="14:14">
      <c r="N207876" s="10"/>
    </row>
    <row r="207877" spans="14:14">
      <c r="N207877" s="10"/>
    </row>
    <row r="207878" spans="14:14">
      <c r="N207878" s="10"/>
    </row>
    <row r="207879" spans="14:14">
      <c r="N207879" s="10"/>
    </row>
    <row r="207880" spans="14:14">
      <c r="N207880" s="10"/>
    </row>
    <row r="207881" spans="14:14">
      <c r="N207881" s="10"/>
    </row>
    <row r="207882" spans="14:14">
      <c r="N207882" s="10"/>
    </row>
    <row r="207883" spans="14:14">
      <c r="N207883" s="10"/>
    </row>
    <row r="207884" spans="14:14">
      <c r="N207884" s="10"/>
    </row>
    <row r="207885" spans="14:14">
      <c r="N207885" s="10"/>
    </row>
    <row r="207886" spans="14:14">
      <c r="N207886" s="10"/>
    </row>
    <row r="207887" spans="14:14">
      <c r="N207887" s="10"/>
    </row>
    <row r="207888" spans="14:14">
      <c r="N207888" s="10"/>
    </row>
    <row r="207889" spans="14:14">
      <c r="N207889" s="10"/>
    </row>
    <row r="207890" spans="14:14">
      <c r="N207890" s="10"/>
    </row>
    <row r="207891" spans="14:14">
      <c r="N207891" s="10"/>
    </row>
    <row r="207892" spans="14:14">
      <c r="N207892" s="10"/>
    </row>
    <row r="207893" spans="14:14">
      <c r="N207893" s="10"/>
    </row>
    <row r="207894" spans="14:14">
      <c r="N207894" s="10"/>
    </row>
    <row r="207895" spans="14:14">
      <c r="N207895" s="10"/>
    </row>
    <row r="207896" spans="14:14">
      <c r="N207896" s="10"/>
    </row>
    <row r="207897" spans="14:14">
      <c r="N207897" s="10"/>
    </row>
    <row r="207898" spans="14:14">
      <c r="N207898" s="10"/>
    </row>
    <row r="207899" spans="14:14">
      <c r="N207899" s="10"/>
    </row>
    <row r="207900" spans="14:14">
      <c r="N207900" s="10"/>
    </row>
    <row r="207901" spans="14:14">
      <c r="N207901" s="10"/>
    </row>
    <row r="207902" spans="14:14">
      <c r="N207902" s="10"/>
    </row>
    <row r="207903" spans="14:14">
      <c r="N207903" s="10"/>
    </row>
    <row r="207904" spans="14:14">
      <c r="N207904" s="10"/>
    </row>
    <row r="207905" spans="14:14">
      <c r="N207905" s="10"/>
    </row>
    <row r="207906" spans="14:14">
      <c r="N207906" s="10"/>
    </row>
    <row r="207907" spans="14:14">
      <c r="N207907" s="10"/>
    </row>
    <row r="207908" spans="14:14">
      <c r="N207908" s="10"/>
    </row>
    <row r="207909" spans="14:14">
      <c r="N207909" s="10"/>
    </row>
    <row r="207910" spans="14:14">
      <c r="N207910" s="10"/>
    </row>
    <row r="207911" spans="14:14">
      <c r="N207911" s="10"/>
    </row>
    <row r="207912" spans="14:14">
      <c r="N207912" s="10"/>
    </row>
    <row r="207913" spans="14:14">
      <c r="N207913" s="10"/>
    </row>
    <row r="207914" spans="14:14">
      <c r="N207914" s="10"/>
    </row>
    <row r="207915" spans="14:14">
      <c r="N207915" s="10"/>
    </row>
    <row r="207916" spans="14:14">
      <c r="N207916" s="10"/>
    </row>
    <row r="207917" spans="14:14">
      <c r="N207917" s="10"/>
    </row>
    <row r="207918" spans="14:14">
      <c r="N207918" s="10"/>
    </row>
    <row r="207919" spans="14:14">
      <c r="N207919" s="10"/>
    </row>
    <row r="207920" spans="14:14">
      <c r="N207920" s="10"/>
    </row>
    <row r="207921" spans="14:14">
      <c r="N207921" s="10"/>
    </row>
    <row r="207922" spans="14:14">
      <c r="N207922" s="10"/>
    </row>
    <row r="207923" spans="14:14">
      <c r="N207923" s="10"/>
    </row>
    <row r="207924" spans="14:14">
      <c r="N207924" s="10"/>
    </row>
    <row r="207925" spans="14:14">
      <c r="N207925" s="10"/>
    </row>
    <row r="207926" spans="14:14">
      <c r="N207926" s="10"/>
    </row>
    <row r="207927" spans="14:14">
      <c r="N207927" s="10"/>
    </row>
    <row r="207928" spans="14:14">
      <c r="N207928" s="10"/>
    </row>
    <row r="207929" spans="14:14">
      <c r="N207929" s="10"/>
    </row>
    <row r="207930" spans="14:14">
      <c r="N207930" s="10"/>
    </row>
    <row r="207931" spans="14:14">
      <c r="N207931" s="10"/>
    </row>
    <row r="207932" spans="14:14">
      <c r="N207932" s="10"/>
    </row>
    <row r="207933" spans="14:14">
      <c r="N207933" s="10"/>
    </row>
    <row r="207934" spans="14:14">
      <c r="N207934" s="10"/>
    </row>
    <row r="207935" spans="14:14">
      <c r="N207935" s="10"/>
    </row>
    <row r="207936" spans="14:14">
      <c r="N207936" s="10"/>
    </row>
    <row r="207937" spans="14:14">
      <c r="N207937" s="10"/>
    </row>
    <row r="207938" spans="14:14">
      <c r="N207938" s="10"/>
    </row>
    <row r="207939" spans="14:14">
      <c r="N207939" s="10"/>
    </row>
    <row r="207940" spans="14:14">
      <c r="N207940" s="10"/>
    </row>
    <row r="207941" spans="14:14">
      <c r="N207941" s="10"/>
    </row>
    <row r="207942" spans="14:14">
      <c r="N207942" s="10"/>
    </row>
    <row r="207943" spans="14:14">
      <c r="N207943" s="10"/>
    </row>
    <row r="207944" spans="14:14">
      <c r="N207944" s="10"/>
    </row>
    <row r="207945" spans="14:14">
      <c r="N207945" s="10"/>
    </row>
    <row r="207946" spans="14:14">
      <c r="N207946" s="10"/>
    </row>
    <row r="207947" spans="14:14">
      <c r="N207947" s="10"/>
    </row>
    <row r="207948" spans="14:14">
      <c r="N207948" s="10"/>
    </row>
    <row r="207949" spans="14:14">
      <c r="N207949" s="10"/>
    </row>
    <row r="207950" spans="14:14">
      <c r="N207950" s="10"/>
    </row>
    <row r="207951" spans="14:14">
      <c r="N207951" s="10"/>
    </row>
    <row r="207952" spans="14:14">
      <c r="N207952" s="10"/>
    </row>
    <row r="207953" spans="14:14">
      <c r="N207953" s="10"/>
    </row>
    <row r="207954" spans="14:14">
      <c r="N207954" s="10"/>
    </row>
    <row r="207955" spans="14:14">
      <c r="N207955" s="10"/>
    </row>
    <row r="207956" spans="14:14">
      <c r="N207956" s="10"/>
    </row>
    <row r="207957" spans="14:14">
      <c r="N207957" s="10"/>
    </row>
    <row r="207958" spans="14:14">
      <c r="N207958" s="10"/>
    </row>
    <row r="207959" spans="14:14">
      <c r="N207959" s="10"/>
    </row>
    <row r="207960" spans="14:14">
      <c r="N207960" s="10"/>
    </row>
    <row r="207961" spans="14:14">
      <c r="N207961" s="10"/>
    </row>
    <row r="207962" spans="14:14">
      <c r="N207962" s="10"/>
    </row>
    <row r="207963" spans="14:14">
      <c r="N207963" s="10"/>
    </row>
    <row r="207964" spans="14:14">
      <c r="N207964" s="10"/>
    </row>
    <row r="207965" spans="14:14">
      <c r="N207965" s="10"/>
    </row>
    <row r="207966" spans="14:14">
      <c r="N207966" s="10"/>
    </row>
    <row r="207967" spans="14:14">
      <c r="N207967" s="10"/>
    </row>
    <row r="207968" spans="14:14">
      <c r="N207968" s="10"/>
    </row>
    <row r="207969" spans="14:14">
      <c r="N207969" s="10"/>
    </row>
    <row r="207970" spans="14:14">
      <c r="N207970" s="10"/>
    </row>
    <row r="207971" spans="14:14">
      <c r="N207971" s="10"/>
    </row>
    <row r="207972" spans="14:14">
      <c r="N207972" s="10"/>
    </row>
    <row r="207973" spans="14:14">
      <c r="N207973" s="10"/>
    </row>
    <row r="207974" spans="14:14">
      <c r="N207974" s="10"/>
    </row>
    <row r="207975" spans="14:14">
      <c r="N207975" s="10"/>
    </row>
    <row r="207976" spans="14:14">
      <c r="N207976" s="10"/>
    </row>
    <row r="207977" spans="14:14">
      <c r="N207977" s="10"/>
    </row>
    <row r="207978" spans="14:14">
      <c r="N207978" s="10"/>
    </row>
    <row r="207979" spans="14:14">
      <c r="N207979" s="10"/>
    </row>
    <row r="207980" spans="14:14">
      <c r="N207980" s="10"/>
    </row>
    <row r="207981" spans="14:14">
      <c r="N207981" s="10"/>
    </row>
    <row r="207982" spans="14:14">
      <c r="N207982" s="10"/>
    </row>
    <row r="207983" spans="14:14">
      <c r="N207983" s="10"/>
    </row>
    <row r="207984" spans="14:14">
      <c r="N207984" s="10"/>
    </row>
    <row r="207985" spans="14:14">
      <c r="N207985" s="10"/>
    </row>
    <row r="207986" spans="14:14">
      <c r="N207986" s="10"/>
    </row>
    <row r="207987" spans="14:14">
      <c r="N207987" s="10"/>
    </row>
    <row r="207988" spans="14:14">
      <c r="N207988" s="10"/>
    </row>
    <row r="207989" spans="14:14">
      <c r="N207989" s="10"/>
    </row>
    <row r="207990" spans="14:14">
      <c r="N207990" s="10"/>
    </row>
    <row r="207991" spans="14:14">
      <c r="N207991" s="10"/>
    </row>
    <row r="207992" spans="14:14">
      <c r="N207992" s="10"/>
    </row>
    <row r="207993" spans="14:14">
      <c r="N207993" s="10"/>
    </row>
    <row r="207994" spans="14:14">
      <c r="N207994" s="10"/>
    </row>
    <row r="207995" spans="14:14">
      <c r="N207995" s="10"/>
    </row>
    <row r="207996" spans="14:14">
      <c r="N207996" s="10"/>
    </row>
    <row r="207997" spans="14:14">
      <c r="N207997" s="10"/>
    </row>
    <row r="207998" spans="14:14">
      <c r="N207998" s="10"/>
    </row>
    <row r="207999" spans="14:14">
      <c r="N207999" s="10"/>
    </row>
    <row r="208000" spans="14:14">
      <c r="N208000" s="10"/>
    </row>
    <row r="208001" spans="14:14">
      <c r="N208001" s="10"/>
    </row>
    <row r="208002" spans="14:14">
      <c r="N208002" s="10"/>
    </row>
    <row r="208003" spans="14:14">
      <c r="N208003" s="10"/>
    </row>
    <row r="208004" spans="14:14">
      <c r="N208004" s="10"/>
    </row>
    <row r="208005" spans="14:14">
      <c r="N208005" s="10"/>
    </row>
    <row r="208006" spans="14:14">
      <c r="N208006" s="10"/>
    </row>
    <row r="208007" spans="14:14">
      <c r="N208007" s="10"/>
    </row>
    <row r="208008" spans="14:14">
      <c r="N208008" s="10"/>
    </row>
    <row r="208009" spans="14:14">
      <c r="N208009" s="10"/>
    </row>
    <row r="208010" spans="14:14">
      <c r="N208010" s="10"/>
    </row>
    <row r="208011" spans="14:14">
      <c r="N208011" s="10"/>
    </row>
    <row r="208012" spans="14:14">
      <c r="N208012" s="10"/>
    </row>
    <row r="208013" spans="14:14">
      <c r="N208013" s="10"/>
    </row>
    <row r="208014" spans="14:14">
      <c r="N208014" s="10"/>
    </row>
    <row r="208015" spans="14:14">
      <c r="N208015" s="10"/>
    </row>
    <row r="208016" spans="14:14">
      <c r="N208016" s="10"/>
    </row>
    <row r="208017" spans="14:14">
      <c r="N208017" s="10"/>
    </row>
    <row r="208018" spans="14:14">
      <c r="N208018" s="10"/>
    </row>
    <row r="208019" spans="14:14">
      <c r="N208019" s="10"/>
    </row>
    <row r="208020" spans="14:14">
      <c r="N208020" s="10"/>
    </row>
    <row r="208021" spans="14:14">
      <c r="N208021" s="10"/>
    </row>
    <row r="208022" spans="14:14">
      <c r="N208022" s="10"/>
    </row>
    <row r="208023" spans="14:14">
      <c r="N208023" s="10"/>
    </row>
    <row r="208024" spans="14:14">
      <c r="N208024" s="10"/>
    </row>
    <row r="208025" spans="14:14">
      <c r="N208025" s="10"/>
    </row>
    <row r="208026" spans="14:14">
      <c r="N208026" s="10"/>
    </row>
    <row r="208027" spans="14:14">
      <c r="N208027" s="10"/>
    </row>
    <row r="208028" spans="14:14">
      <c r="N208028" s="10"/>
    </row>
    <row r="208029" spans="14:14">
      <c r="N208029" s="10"/>
    </row>
    <row r="208030" spans="14:14">
      <c r="N208030" s="10"/>
    </row>
    <row r="208031" spans="14:14">
      <c r="N208031" s="10"/>
    </row>
    <row r="208032" spans="14:14">
      <c r="N208032" s="10"/>
    </row>
    <row r="208033" spans="14:14">
      <c r="N208033" s="10"/>
    </row>
    <row r="208034" spans="14:14">
      <c r="N208034" s="10"/>
    </row>
    <row r="208035" spans="14:14">
      <c r="N208035" s="10"/>
    </row>
    <row r="208036" spans="14:14">
      <c r="N208036" s="10"/>
    </row>
    <row r="208037" spans="14:14">
      <c r="N208037" s="10"/>
    </row>
    <row r="208038" spans="14:14">
      <c r="N208038" s="10"/>
    </row>
    <row r="208039" spans="14:14">
      <c r="N208039" s="10"/>
    </row>
    <row r="208040" spans="14:14">
      <c r="N208040" s="10"/>
    </row>
    <row r="208041" spans="14:14">
      <c r="N208041" s="10"/>
    </row>
    <row r="208042" spans="14:14">
      <c r="N208042" s="10"/>
    </row>
    <row r="208043" spans="14:14">
      <c r="N208043" s="10"/>
    </row>
    <row r="208044" spans="14:14">
      <c r="N208044" s="10"/>
    </row>
    <row r="208045" spans="14:14">
      <c r="N208045" s="10"/>
    </row>
    <row r="208046" spans="14:14">
      <c r="N208046" s="10"/>
    </row>
    <row r="208047" spans="14:14">
      <c r="N208047" s="10"/>
    </row>
    <row r="208048" spans="14:14">
      <c r="N208048" s="10"/>
    </row>
    <row r="208049" spans="14:14">
      <c r="N208049" s="10"/>
    </row>
    <row r="208050" spans="14:14">
      <c r="N208050" s="10"/>
    </row>
    <row r="208051" spans="14:14">
      <c r="N208051" s="10"/>
    </row>
    <row r="208052" spans="14:14">
      <c r="N208052" s="10"/>
    </row>
    <row r="208053" spans="14:14">
      <c r="N208053" s="10"/>
    </row>
    <row r="208054" spans="14:14">
      <c r="N208054" s="10"/>
    </row>
    <row r="208055" spans="14:14">
      <c r="N208055" s="10"/>
    </row>
    <row r="208056" spans="14:14">
      <c r="N208056" s="10"/>
    </row>
    <row r="208057" spans="14:14">
      <c r="N208057" s="10"/>
    </row>
    <row r="208058" spans="14:14">
      <c r="N208058" s="10"/>
    </row>
    <row r="208059" spans="14:14">
      <c r="N208059" s="10"/>
    </row>
    <row r="208060" spans="14:14">
      <c r="N208060" s="10"/>
    </row>
    <row r="208061" spans="14:14">
      <c r="N208061" s="10"/>
    </row>
    <row r="208062" spans="14:14">
      <c r="N208062" s="10"/>
    </row>
    <row r="208063" spans="14:14">
      <c r="N208063" s="10"/>
    </row>
    <row r="208064" spans="14:14">
      <c r="N208064" s="10"/>
    </row>
    <row r="208065" spans="14:14">
      <c r="N208065" s="10"/>
    </row>
    <row r="208066" spans="14:14">
      <c r="N208066" s="10"/>
    </row>
    <row r="208067" spans="14:14">
      <c r="N208067" s="10"/>
    </row>
    <row r="208068" spans="14:14">
      <c r="N208068" s="10"/>
    </row>
    <row r="208069" spans="14:14">
      <c r="N208069" s="10"/>
    </row>
    <row r="208070" spans="14:14">
      <c r="N208070" s="10"/>
    </row>
    <row r="208071" spans="14:14">
      <c r="N208071" s="10"/>
    </row>
    <row r="208072" spans="14:14">
      <c r="N208072" s="10"/>
    </row>
    <row r="208073" spans="14:14">
      <c r="N208073" s="10"/>
    </row>
    <row r="208074" spans="14:14">
      <c r="N208074" s="10"/>
    </row>
    <row r="208075" spans="14:14">
      <c r="N208075" s="10"/>
    </row>
    <row r="208076" spans="14:14">
      <c r="N208076" s="10"/>
    </row>
    <row r="208077" spans="14:14">
      <c r="N208077" s="10"/>
    </row>
    <row r="208078" spans="14:14">
      <c r="N208078" s="10"/>
    </row>
    <row r="208079" spans="14:14">
      <c r="N208079" s="10"/>
    </row>
    <row r="208080" spans="14:14">
      <c r="N208080" s="10"/>
    </row>
    <row r="208081" spans="14:14">
      <c r="N208081" s="10"/>
    </row>
    <row r="208082" spans="14:14">
      <c r="N208082" s="10"/>
    </row>
    <row r="208083" spans="14:14">
      <c r="N208083" s="10"/>
    </row>
    <row r="208084" spans="14:14">
      <c r="N208084" s="10"/>
    </row>
    <row r="208085" spans="14:14">
      <c r="N208085" s="10"/>
    </row>
    <row r="208086" spans="14:14">
      <c r="N208086" s="10"/>
    </row>
    <row r="208087" spans="14:14">
      <c r="N208087" s="10"/>
    </row>
    <row r="208088" spans="14:14">
      <c r="N208088" s="10"/>
    </row>
    <row r="208089" spans="14:14">
      <c r="N208089" s="10"/>
    </row>
    <row r="208090" spans="14:14">
      <c r="N208090" s="10"/>
    </row>
    <row r="208091" spans="14:14">
      <c r="N208091" s="10"/>
    </row>
    <row r="208092" spans="14:14">
      <c r="N208092" s="10"/>
    </row>
    <row r="208093" spans="14:14">
      <c r="N208093" s="10"/>
    </row>
    <row r="208094" spans="14:14">
      <c r="N208094" s="10"/>
    </row>
    <row r="208095" spans="14:14">
      <c r="N208095" s="10"/>
    </row>
    <row r="208096" spans="14:14">
      <c r="N208096" s="10"/>
    </row>
    <row r="208097" spans="14:14">
      <c r="N208097" s="10"/>
    </row>
    <row r="208098" spans="14:14">
      <c r="N208098" s="10"/>
    </row>
    <row r="208099" spans="14:14">
      <c r="N208099" s="10"/>
    </row>
    <row r="208100" spans="14:14">
      <c r="N208100" s="10"/>
    </row>
    <row r="208101" spans="14:14">
      <c r="N208101" s="10"/>
    </row>
    <row r="208102" spans="14:14">
      <c r="N208102" s="10"/>
    </row>
    <row r="208103" spans="14:14">
      <c r="N208103" s="10"/>
    </row>
    <row r="208104" spans="14:14">
      <c r="N208104" s="10"/>
    </row>
    <row r="208105" spans="14:14">
      <c r="N208105" s="10"/>
    </row>
    <row r="208106" spans="14:14">
      <c r="N208106" s="10"/>
    </row>
    <row r="208107" spans="14:14">
      <c r="N208107" s="10"/>
    </row>
    <row r="208108" spans="14:14">
      <c r="N208108" s="10"/>
    </row>
    <row r="208109" spans="14:14">
      <c r="N208109" s="10"/>
    </row>
    <row r="208110" spans="14:14">
      <c r="N208110" s="10"/>
    </row>
    <row r="208111" spans="14:14">
      <c r="N208111" s="10"/>
    </row>
    <row r="208112" spans="14:14">
      <c r="N208112" s="10"/>
    </row>
    <row r="208113" spans="14:14">
      <c r="N208113" s="10"/>
    </row>
    <row r="208114" spans="14:14">
      <c r="N208114" s="10"/>
    </row>
    <row r="208115" spans="14:14">
      <c r="N208115" s="10"/>
    </row>
    <row r="208116" spans="14:14">
      <c r="N208116" s="10"/>
    </row>
    <row r="208117" spans="14:14">
      <c r="N208117" s="10"/>
    </row>
    <row r="208118" spans="14:14">
      <c r="N208118" s="10"/>
    </row>
    <row r="208119" spans="14:14">
      <c r="N208119" s="10"/>
    </row>
    <row r="208120" spans="14:14">
      <c r="N208120" s="10"/>
    </row>
    <row r="208121" spans="14:14">
      <c r="N208121" s="10"/>
    </row>
    <row r="208122" spans="14:14">
      <c r="N208122" s="10"/>
    </row>
    <row r="208123" spans="14:14">
      <c r="N208123" s="10"/>
    </row>
    <row r="208124" spans="14:14">
      <c r="N208124" s="10"/>
    </row>
    <row r="208125" spans="14:14">
      <c r="N208125" s="10"/>
    </row>
    <row r="208126" spans="14:14">
      <c r="N208126" s="10"/>
    </row>
    <row r="208127" spans="14:14">
      <c r="N208127" s="10"/>
    </row>
    <row r="208128" spans="14:14">
      <c r="N208128" s="10"/>
    </row>
    <row r="208129" spans="14:14">
      <c r="N208129" s="10"/>
    </row>
    <row r="208130" spans="14:14">
      <c r="N208130" s="10"/>
    </row>
    <row r="208131" spans="14:14">
      <c r="N208131" s="10"/>
    </row>
    <row r="208132" spans="14:14">
      <c r="N208132" s="10"/>
    </row>
    <row r="208133" spans="14:14">
      <c r="N208133" s="10"/>
    </row>
    <row r="208134" spans="14:14">
      <c r="N208134" s="10"/>
    </row>
    <row r="208135" spans="14:14">
      <c r="N208135" s="10"/>
    </row>
    <row r="208136" spans="14:14">
      <c r="N208136" s="10"/>
    </row>
    <row r="208137" spans="14:14">
      <c r="N208137" s="10"/>
    </row>
    <row r="208138" spans="14:14">
      <c r="N208138" s="10"/>
    </row>
    <row r="208139" spans="14:14">
      <c r="N208139" s="10"/>
    </row>
    <row r="208140" spans="14:14">
      <c r="N208140" s="10"/>
    </row>
    <row r="208141" spans="14:14">
      <c r="N208141" s="10"/>
    </row>
    <row r="208142" spans="14:14">
      <c r="N208142" s="10"/>
    </row>
    <row r="208143" spans="14:14">
      <c r="N208143" s="10"/>
    </row>
    <row r="208144" spans="14:14">
      <c r="N208144" s="10"/>
    </row>
    <row r="208145" spans="14:14">
      <c r="N208145" s="10"/>
    </row>
    <row r="208146" spans="14:14">
      <c r="N208146" s="10"/>
    </row>
    <row r="208147" spans="14:14">
      <c r="N208147" s="10"/>
    </row>
    <row r="208148" spans="14:14">
      <c r="N208148" s="10"/>
    </row>
    <row r="208149" spans="14:14">
      <c r="N208149" s="10"/>
    </row>
    <row r="208150" spans="14:14">
      <c r="N208150" s="10"/>
    </row>
    <row r="208151" spans="14:14">
      <c r="N208151" s="10"/>
    </row>
    <row r="208152" spans="14:14">
      <c r="N208152" s="10"/>
    </row>
    <row r="208153" spans="14:14">
      <c r="N208153" s="10"/>
    </row>
    <row r="208154" spans="14:14">
      <c r="N208154" s="10"/>
    </row>
    <row r="208155" spans="14:14">
      <c r="N208155" s="10"/>
    </row>
    <row r="208156" spans="14:14">
      <c r="N208156" s="10"/>
    </row>
    <row r="208157" spans="14:14">
      <c r="N208157" s="10"/>
    </row>
    <row r="208158" spans="14:14">
      <c r="N208158" s="10"/>
    </row>
    <row r="208159" spans="14:14">
      <c r="N208159" s="10"/>
    </row>
    <row r="208160" spans="14:14">
      <c r="N208160" s="10"/>
    </row>
    <row r="208161" spans="14:14">
      <c r="N208161" s="10"/>
    </row>
    <row r="208162" spans="14:14">
      <c r="N208162" s="10"/>
    </row>
    <row r="208163" spans="14:14">
      <c r="N208163" s="10"/>
    </row>
    <row r="208164" spans="14:14">
      <c r="N208164" s="10"/>
    </row>
    <row r="208165" spans="14:14">
      <c r="N208165" s="10"/>
    </row>
    <row r="208166" spans="14:14">
      <c r="N208166" s="10"/>
    </row>
    <row r="208167" spans="14:14">
      <c r="N208167" s="10"/>
    </row>
    <row r="208168" spans="14:14">
      <c r="N208168" s="10"/>
    </row>
    <row r="208169" spans="14:14">
      <c r="N208169" s="10"/>
    </row>
    <row r="208170" spans="14:14">
      <c r="N208170" s="10"/>
    </row>
    <row r="208171" spans="14:14">
      <c r="N208171" s="10"/>
    </row>
    <row r="208172" spans="14:14">
      <c r="N208172" s="10"/>
    </row>
    <row r="208173" spans="14:14">
      <c r="N208173" s="10"/>
    </row>
    <row r="208174" spans="14:14">
      <c r="N208174" s="10"/>
    </row>
    <row r="208175" spans="14:14">
      <c r="N208175" s="10"/>
    </row>
    <row r="208176" spans="14:14">
      <c r="N208176" s="10"/>
    </row>
    <row r="208177" spans="14:14">
      <c r="N208177" s="10"/>
    </row>
    <row r="208178" spans="14:14">
      <c r="N208178" s="10"/>
    </row>
    <row r="208179" spans="14:14">
      <c r="N208179" s="10"/>
    </row>
    <row r="208180" spans="14:14">
      <c r="N208180" s="10"/>
    </row>
    <row r="208181" spans="14:14">
      <c r="N208181" s="10"/>
    </row>
    <row r="208182" spans="14:14">
      <c r="N208182" s="10"/>
    </row>
    <row r="208183" spans="14:14">
      <c r="N208183" s="10"/>
    </row>
    <row r="208184" spans="14:14">
      <c r="N208184" s="10"/>
    </row>
    <row r="208185" spans="14:14">
      <c r="N208185" s="10"/>
    </row>
    <row r="208186" spans="14:14">
      <c r="N208186" s="10"/>
    </row>
    <row r="208187" spans="14:14">
      <c r="N208187" s="10"/>
    </row>
    <row r="208188" spans="14:14">
      <c r="N208188" s="10"/>
    </row>
    <row r="208189" spans="14:14">
      <c r="N208189" s="10"/>
    </row>
    <row r="208190" spans="14:14">
      <c r="N208190" s="10"/>
    </row>
    <row r="208191" spans="14:14">
      <c r="N208191" s="10"/>
    </row>
    <row r="208192" spans="14:14">
      <c r="N208192" s="10"/>
    </row>
    <row r="208193" spans="14:14">
      <c r="N208193" s="10"/>
    </row>
    <row r="208194" spans="14:14">
      <c r="N208194" s="10"/>
    </row>
    <row r="208195" spans="14:14">
      <c r="N208195" s="10"/>
    </row>
    <row r="208196" spans="14:14">
      <c r="N208196" s="10"/>
    </row>
    <row r="208197" spans="14:14">
      <c r="N208197" s="10"/>
    </row>
    <row r="208198" spans="14:14">
      <c r="N208198" s="10"/>
    </row>
    <row r="208199" spans="14:14">
      <c r="N208199" s="10"/>
    </row>
    <row r="208200" spans="14:14">
      <c r="N208200" s="10"/>
    </row>
    <row r="208201" spans="14:14">
      <c r="N208201" s="10"/>
    </row>
    <row r="208202" spans="14:14">
      <c r="N208202" s="10"/>
    </row>
    <row r="208203" spans="14:14">
      <c r="N208203" s="10"/>
    </row>
    <row r="208204" spans="14:14">
      <c r="N208204" s="10"/>
    </row>
    <row r="208205" spans="14:14">
      <c r="N208205" s="10"/>
    </row>
    <row r="208206" spans="14:14">
      <c r="N208206" s="10"/>
    </row>
    <row r="208207" spans="14:14">
      <c r="N208207" s="10"/>
    </row>
    <row r="208208" spans="14:14">
      <c r="N208208" s="10"/>
    </row>
    <row r="208209" spans="14:14">
      <c r="N208209" s="10"/>
    </row>
    <row r="208210" spans="14:14">
      <c r="N208210" s="10"/>
    </row>
    <row r="208211" spans="14:14">
      <c r="N208211" s="10"/>
    </row>
    <row r="208212" spans="14:14">
      <c r="N208212" s="10"/>
    </row>
    <row r="208213" spans="14:14">
      <c r="N208213" s="10"/>
    </row>
    <row r="208214" spans="14:14">
      <c r="N208214" s="10"/>
    </row>
    <row r="208215" spans="14:14">
      <c r="N208215" s="10"/>
    </row>
    <row r="208216" spans="14:14">
      <c r="N208216" s="10"/>
    </row>
    <row r="208217" spans="14:14">
      <c r="N208217" s="10"/>
    </row>
    <row r="208218" spans="14:14">
      <c r="N208218" s="10"/>
    </row>
    <row r="208219" spans="14:14">
      <c r="N208219" s="10"/>
    </row>
    <row r="208220" spans="14:14">
      <c r="N208220" s="10"/>
    </row>
    <row r="208221" spans="14:14">
      <c r="N208221" s="10"/>
    </row>
    <row r="208222" spans="14:14">
      <c r="N208222" s="10"/>
    </row>
    <row r="208223" spans="14:14">
      <c r="N208223" s="10"/>
    </row>
    <row r="208224" spans="14:14">
      <c r="N208224" s="10"/>
    </row>
    <row r="208225" spans="14:14">
      <c r="N208225" s="10"/>
    </row>
    <row r="208226" spans="14:14">
      <c r="N208226" s="10"/>
    </row>
    <row r="208227" spans="14:14">
      <c r="N208227" s="10"/>
    </row>
    <row r="208228" spans="14:14">
      <c r="N208228" s="10"/>
    </row>
    <row r="208229" spans="14:14">
      <c r="N208229" s="10"/>
    </row>
    <row r="208230" spans="14:14">
      <c r="N208230" s="10"/>
    </row>
    <row r="208231" spans="14:14">
      <c r="N208231" s="10"/>
    </row>
    <row r="208232" spans="14:14">
      <c r="N208232" s="10"/>
    </row>
    <row r="208233" spans="14:14">
      <c r="N208233" s="10"/>
    </row>
    <row r="208234" spans="14:14">
      <c r="N208234" s="10"/>
    </row>
    <row r="208235" spans="14:14">
      <c r="N208235" s="10"/>
    </row>
    <row r="208236" spans="14:14">
      <c r="N208236" s="10"/>
    </row>
    <row r="208237" spans="14:14">
      <c r="N208237" s="10"/>
    </row>
    <row r="208238" spans="14:14">
      <c r="N208238" s="10"/>
    </row>
    <row r="208239" spans="14:14">
      <c r="N208239" s="10"/>
    </row>
    <row r="208240" spans="14:14">
      <c r="N208240" s="10"/>
    </row>
    <row r="208241" spans="14:14">
      <c r="N208241" s="10"/>
    </row>
    <row r="208242" spans="14:14">
      <c r="N208242" s="10"/>
    </row>
    <row r="208243" spans="14:14">
      <c r="N208243" s="10"/>
    </row>
    <row r="208244" spans="14:14">
      <c r="N208244" s="10"/>
    </row>
    <row r="208245" spans="14:14">
      <c r="N208245" s="10"/>
    </row>
    <row r="208246" spans="14:14">
      <c r="N208246" s="10"/>
    </row>
    <row r="208247" spans="14:14">
      <c r="N208247" s="10"/>
    </row>
    <row r="208248" spans="14:14">
      <c r="N208248" s="10"/>
    </row>
    <row r="208249" spans="14:14">
      <c r="N208249" s="10"/>
    </row>
    <row r="208250" spans="14:14">
      <c r="N208250" s="10"/>
    </row>
    <row r="208251" spans="14:14">
      <c r="N208251" s="10"/>
    </row>
    <row r="208252" spans="14:14">
      <c r="N208252" s="10"/>
    </row>
    <row r="208253" spans="14:14">
      <c r="N208253" s="10"/>
    </row>
    <row r="208254" spans="14:14">
      <c r="N208254" s="10"/>
    </row>
    <row r="208255" spans="14:14">
      <c r="N208255" s="10"/>
    </row>
    <row r="208256" spans="14:14">
      <c r="N208256" s="10"/>
    </row>
    <row r="208257" spans="14:14">
      <c r="N208257" s="10"/>
    </row>
    <row r="208258" spans="14:14">
      <c r="N208258" s="10"/>
    </row>
    <row r="208259" spans="14:14">
      <c r="N208259" s="10"/>
    </row>
    <row r="208260" spans="14:14">
      <c r="N208260" s="10"/>
    </row>
    <row r="208261" spans="14:14">
      <c r="N208261" s="10"/>
    </row>
    <row r="208262" spans="14:14">
      <c r="N208262" s="10"/>
    </row>
    <row r="208263" spans="14:14">
      <c r="N208263" s="10"/>
    </row>
    <row r="208264" spans="14:14">
      <c r="N208264" s="10"/>
    </row>
    <row r="208265" spans="14:14">
      <c r="N208265" s="10"/>
    </row>
    <row r="208266" spans="14:14">
      <c r="N208266" s="10"/>
    </row>
    <row r="208267" spans="14:14">
      <c r="N208267" s="10"/>
    </row>
    <row r="208268" spans="14:14">
      <c r="N208268" s="10"/>
    </row>
    <row r="208269" spans="14:14">
      <c r="N208269" s="10"/>
    </row>
    <row r="208270" spans="14:14">
      <c r="N208270" s="10"/>
    </row>
    <row r="208271" spans="14:14">
      <c r="N208271" s="10"/>
    </row>
    <row r="208272" spans="14:14">
      <c r="N208272" s="10"/>
    </row>
    <row r="208273" spans="14:14">
      <c r="N208273" s="10"/>
    </row>
    <row r="208274" spans="14:14">
      <c r="N208274" s="10"/>
    </row>
    <row r="208275" spans="14:14">
      <c r="N208275" s="10"/>
    </row>
    <row r="208276" spans="14:14">
      <c r="N208276" s="10"/>
    </row>
    <row r="208277" spans="14:14">
      <c r="N208277" s="10"/>
    </row>
    <row r="208278" spans="14:14">
      <c r="N208278" s="10"/>
    </row>
    <row r="208279" spans="14:14">
      <c r="N208279" s="10"/>
    </row>
    <row r="208280" spans="14:14">
      <c r="N208280" s="10"/>
    </row>
    <row r="208281" spans="14:14">
      <c r="N208281" s="10"/>
    </row>
    <row r="208282" spans="14:14">
      <c r="N208282" s="10"/>
    </row>
    <row r="208283" spans="14:14">
      <c r="N208283" s="10"/>
    </row>
    <row r="208284" spans="14:14">
      <c r="N208284" s="10"/>
    </row>
    <row r="208285" spans="14:14">
      <c r="N208285" s="10"/>
    </row>
    <row r="208286" spans="14:14">
      <c r="N208286" s="10"/>
    </row>
    <row r="208287" spans="14:14">
      <c r="N208287" s="10"/>
    </row>
    <row r="208288" spans="14:14">
      <c r="N208288" s="10"/>
    </row>
    <row r="208289" spans="14:14">
      <c r="N208289" s="10"/>
    </row>
    <row r="208290" spans="14:14">
      <c r="N208290" s="10"/>
    </row>
    <row r="208291" spans="14:14">
      <c r="N208291" s="10"/>
    </row>
    <row r="208292" spans="14:14">
      <c r="N208292" s="10"/>
    </row>
    <row r="208293" spans="14:14">
      <c r="N208293" s="10"/>
    </row>
    <row r="208294" spans="14:14">
      <c r="N208294" s="10"/>
    </row>
    <row r="208295" spans="14:14">
      <c r="N208295" s="10"/>
    </row>
    <row r="208296" spans="14:14">
      <c r="N208296" s="10"/>
    </row>
    <row r="208297" spans="14:14">
      <c r="N208297" s="10"/>
    </row>
    <row r="208298" spans="14:14">
      <c r="N208298" s="10"/>
    </row>
    <row r="208299" spans="14:14">
      <c r="N208299" s="10"/>
    </row>
    <row r="208300" spans="14:14">
      <c r="N208300" s="10"/>
    </row>
    <row r="208301" spans="14:14">
      <c r="N208301" s="10"/>
    </row>
    <row r="208302" spans="14:14">
      <c r="N208302" s="10"/>
    </row>
    <row r="208303" spans="14:14">
      <c r="N208303" s="10"/>
    </row>
    <row r="208304" spans="14:14">
      <c r="N208304" s="10"/>
    </row>
    <row r="208305" spans="14:14">
      <c r="N208305" s="10"/>
    </row>
    <row r="208306" spans="14:14">
      <c r="N208306" s="10"/>
    </row>
    <row r="208307" spans="14:14">
      <c r="N208307" s="10"/>
    </row>
    <row r="208308" spans="14:14">
      <c r="N208308" s="10"/>
    </row>
    <row r="208309" spans="14:14">
      <c r="N208309" s="10"/>
    </row>
    <row r="208310" spans="14:14">
      <c r="N208310" s="10"/>
    </row>
    <row r="208311" spans="14:14">
      <c r="N208311" s="10"/>
    </row>
    <row r="208312" spans="14:14">
      <c r="N208312" s="10"/>
    </row>
    <row r="208313" spans="14:14">
      <c r="N208313" s="10"/>
    </row>
    <row r="208314" spans="14:14">
      <c r="N208314" s="10"/>
    </row>
    <row r="208315" spans="14:14">
      <c r="N208315" s="10"/>
    </row>
    <row r="208316" spans="14:14">
      <c r="N208316" s="10"/>
    </row>
    <row r="208317" spans="14:14">
      <c r="N208317" s="10"/>
    </row>
    <row r="208318" spans="14:14">
      <c r="N208318" s="10"/>
    </row>
    <row r="208319" spans="14:14">
      <c r="N208319" s="10"/>
    </row>
    <row r="208320" spans="14:14">
      <c r="N208320" s="10"/>
    </row>
    <row r="208321" spans="14:14">
      <c r="N208321" s="10"/>
    </row>
    <row r="208322" spans="14:14">
      <c r="N208322" s="10"/>
    </row>
    <row r="208323" spans="14:14">
      <c r="N208323" s="10"/>
    </row>
    <row r="208324" spans="14:14">
      <c r="N208324" s="10"/>
    </row>
    <row r="208325" spans="14:14">
      <c r="N208325" s="10"/>
    </row>
    <row r="208326" spans="14:14">
      <c r="N208326" s="10"/>
    </row>
    <row r="208327" spans="14:14">
      <c r="N208327" s="10"/>
    </row>
    <row r="208328" spans="14:14">
      <c r="N208328" s="10"/>
    </row>
    <row r="208329" spans="14:14">
      <c r="N208329" s="10"/>
    </row>
    <row r="208330" spans="14:14">
      <c r="N208330" s="10"/>
    </row>
    <row r="208331" spans="14:14">
      <c r="N208331" s="10"/>
    </row>
    <row r="208332" spans="14:14">
      <c r="N208332" s="10"/>
    </row>
    <row r="208333" spans="14:14">
      <c r="N208333" s="10"/>
    </row>
    <row r="208334" spans="14:14">
      <c r="N208334" s="10"/>
    </row>
    <row r="208335" spans="14:14">
      <c r="N208335" s="10"/>
    </row>
    <row r="208336" spans="14:14">
      <c r="N208336" s="10"/>
    </row>
    <row r="208337" spans="14:14">
      <c r="N208337" s="10"/>
    </row>
    <row r="208338" spans="14:14">
      <c r="N208338" s="10"/>
    </row>
    <row r="208339" spans="14:14">
      <c r="N208339" s="10"/>
    </row>
    <row r="208340" spans="14:14">
      <c r="N208340" s="10"/>
    </row>
    <row r="208341" spans="14:14">
      <c r="N208341" s="10"/>
    </row>
    <row r="208342" spans="14:14">
      <c r="N208342" s="10"/>
    </row>
    <row r="208343" spans="14:14">
      <c r="N208343" s="10"/>
    </row>
    <row r="208344" spans="14:14">
      <c r="N208344" s="10"/>
    </row>
    <row r="208345" spans="14:14">
      <c r="N208345" s="10"/>
    </row>
    <row r="208346" spans="14:14">
      <c r="N208346" s="10"/>
    </row>
    <row r="208347" spans="14:14">
      <c r="N208347" s="10"/>
    </row>
    <row r="208348" spans="14:14">
      <c r="N208348" s="10"/>
    </row>
    <row r="208349" spans="14:14">
      <c r="N208349" s="10"/>
    </row>
    <row r="208350" spans="14:14">
      <c r="N208350" s="10"/>
    </row>
    <row r="208351" spans="14:14">
      <c r="N208351" s="10"/>
    </row>
    <row r="208352" spans="14:14">
      <c r="N208352" s="10"/>
    </row>
    <row r="208353" spans="14:14">
      <c r="N208353" s="10"/>
    </row>
    <row r="208354" spans="14:14">
      <c r="N208354" s="10"/>
    </row>
    <row r="208355" spans="14:14">
      <c r="N208355" s="10"/>
    </row>
    <row r="208356" spans="14:14">
      <c r="N208356" s="10"/>
    </row>
    <row r="208357" spans="14:14">
      <c r="N208357" s="10"/>
    </row>
    <row r="208358" spans="14:14">
      <c r="N208358" s="10"/>
    </row>
    <row r="208359" spans="14:14">
      <c r="N208359" s="10"/>
    </row>
    <row r="208360" spans="14:14">
      <c r="N208360" s="10"/>
    </row>
    <row r="208361" spans="14:14">
      <c r="N208361" s="10"/>
    </row>
    <row r="208362" spans="14:14">
      <c r="N208362" s="10"/>
    </row>
    <row r="208363" spans="14:14">
      <c r="N208363" s="10"/>
    </row>
    <row r="208364" spans="14:14">
      <c r="N208364" s="10"/>
    </row>
    <row r="208365" spans="14:14">
      <c r="N208365" s="10"/>
    </row>
    <row r="208366" spans="14:14">
      <c r="N208366" s="10"/>
    </row>
    <row r="208367" spans="14:14">
      <c r="N208367" s="10"/>
    </row>
    <row r="208368" spans="14:14">
      <c r="N208368" s="10"/>
    </row>
    <row r="208369" spans="14:14">
      <c r="N208369" s="10"/>
    </row>
    <row r="208370" spans="14:14">
      <c r="N208370" s="10"/>
    </row>
    <row r="208371" spans="14:14">
      <c r="N208371" s="10"/>
    </row>
    <row r="208372" spans="14:14">
      <c r="N208372" s="10"/>
    </row>
    <row r="208373" spans="14:14">
      <c r="N208373" s="10"/>
    </row>
    <row r="208374" spans="14:14">
      <c r="N208374" s="10"/>
    </row>
    <row r="208375" spans="14:14">
      <c r="N208375" s="10"/>
    </row>
    <row r="208376" spans="14:14">
      <c r="N208376" s="10"/>
    </row>
    <row r="208377" spans="14:14">
      <c r="N208377" s="10"/>
    </row>
    <row r="208378" spans="14:14">
      <c r="N208378" s="10"/>
    </row>
    <row r="208379" spans="14:14">
      <c r="N208379" s="10"/>
    </row>
    <row r="208380" spans="14:14">
      <c r="N208380" s="10"/>
    </row>
    <row r="208381" spans="14:14">
      <c r="N208381" s="10"/>
    </row>
    <row r="208382" spans="14:14">
      <c r="N208382" s="10"/>
    </row>
    <row r="208383" spans="14:14">
      <c r="N208383" s="10"/>
    </row>
    <row r="208384" spans="14:14">
      <c r="N208384" s="10"/>
    </row>
    <row r="208385" spans="14:14">
      <c r="N208385" s="10"/>
    </row>
    <row r="208386" spans="14:14">
      <c r="N208386" s="10"/>
    </row>
    <row r="208387" spans="14:14">
      <c r="N208387" s="10"/>
    </row>
    <row r="208388" spans="14:14">
      <c r="N208388" s="10"/>
    </row>
    <row r="208389" spans="14:14">
      <c r="N208389" s="10"/>
    </row>
    <row r="208390" spans="14:14">
      <c r="N208390" s="10"/>
    </row>
    <row r="208391" spans="14:14">
      <c r="N208391" s="10"/>
    </row>
    <row r="208392" spans="14:14">
      <c r="N208392" s="10"/>
    </row>
    <row r="208393" spans="14:14">
      <c r="N208393" s="10"/>
    </row>
    <row r="208394" spans="14:14">
      <c r="N208394" s="10"/>
    </row>
    <row r="208395" spans="14:14">
      <c r="N208395" s="10"/>
    </row>
    <row r="208396" spans="14:14">
      <c r="N208396" s="10"/>
    </row>
    <row r="208397" spans="14:14">
      <c r="N208397" s="10"/>
    </row>
    <row r="208398" spans="14:14">
      <c r="N208398" s="10"/>
    </row>
    <row r="208399" spans="14:14">
      <c r="N208399" s="10"/>
    </row>
    <row r="208400" spans="14:14">
      <c r="N208400" s="10"/>
    </row>
    <row r="208401" spans="14:14">
      <c r="N208401" s="10"/>
    </row>
    <row r="208402" spans="14:14">
      <c r="N208402" s="10"/>
    </row>
    <row r="208403" spans="14:14">
      <c r="N208403" s="10"/>
    </row>
    <row r="208404" spans="14:14">
      <c r="N208404" s="10"/>
    </row>
    <row r="208405" spans="14:14">
      <c r="N208405" s="10"/>
    </row>
    <row r="208406" spans="14:14">
      <c r="N208406" s="10"/>
    </row>
    <row r="208407" spans="14:14">
      <c r="N208407" s="10"/>
    </row>
    <row r="208408" spans="14:14">
      <c r="N208408" s="10"/>
    </row>
    <row r="208409" spans="14:14">
      <c r="N208409" s="10"/>
    </row>
    <row r="208410" spans="14:14">
      <c r="N208410" s="10"/>
    </row>
    <row r="208411" spans="14:14">
      <c r="N208411" s="10"/>
    </row>
    <row r="208412" spans="14:14">
      <c r="N208412" s="10"/>
    </row>
    <row r="208413" spans="14:14">
      <c r="N208413" s="10"/>
    </row>
    <row r="208414" spans="14:14">
      <c r="N208414" s="10"/>
    </row>
    <row r="208415" spans="14:14">
      <c r="N208415" s="10"/>
    </row>
    <row r="208416" spans="14:14">
      <c r="N208416" s="10"/>
    </row>
    <row r="208417" spans="14:14">
      <c r="N208417" s="10"/>
    </row>
    <row r="208418" spans="14:14">
      <c r="N208418" s="10"/>
    </row>
    <row r="208419" spans="14:14">
      <c r="N208419" s="10"/>
    </row>
    <row r="208420" spans="14:14">
      <c r="N208420" s="10"/>
    </row>
    <row r="208421" spans="14:14">
      <c r="N208421" s="10"/>
    </row>
    <row r="208422" spans="14:14">
      <c r="N208422" s="10"/>
    </row>
    <row r="208423" spans="14:14">
      <c r="N208423" s="10"/>
    </row>
    <row r="208424" spans="14:14">
      <c r="N208424" s="10"/>
    </row>
    <row r="208425" spans="14:14">
      <c r="N208425" s="10"/>
    </row>
    <row r="208426" spans="14:14">
      <c r="N208426" s="10"/>
    </row>
    <row r="208427" spans="14:14">
      <c r="N208427" s="10"/>
    </row>
    <row r="208428" spans="14:14">
      <c r="N208428" s="10"/>
    </row>
    <row r="208429" spans="14:14">
      <c r="N208429" s="10"/>
    </row>
    <row r="208430" spans="14:14">
      <c r="N208430" s="10"/>
    </row>
    <row r="208431" spans="14:14">
      <c r="N208431" s="10"/>
    </row>
    <row r="208432" spans="14:14">
      <c r="N208432" s="10"/>
    </row>
    <row r="208433" spans="14:14">
      <c r="N208433" s="10"/>
    </row>
    <row r="208434" spans="14:14">
      <c r="N208434" s="10"/>
    </row>
    <row r="208435" spans="14:14">
      <c r="N208435" s="10"/>
    </row>
    <row r="208436" spans="14:14">
      <c r="N208436" s="10"/>
    </row>
    <row r="208437" spans="14:14">
      <c r="N208437" s="10"/>
    </row>
    <row r="208438" spans="14:14">
      <c r="N208438" s="10"/>
    </row>
    <row r="208439" spans="14:14">
      <c r="N208439" s="10"/>
    </row>
    <row r="208440" spans="14:14">
      <c r="N208440" s="10"/>
    </row>
    <row r="208441" spans="14:14">
      <c r="N208441" s="10"/>
    </row>
    <row r="208442" spans="14:14">
      <c r="N208442" s="10"/>
    </row>
    <row r="208443" spans="14:14">
      <c r="N208443" s="10"/>
    </row>
    <row r="208444" spans="14:14">
      <c r="N208444" s="10"/>
    </row>
    <row r="208445" spans="14:14">
      <c r="N208445" s="10"/>
    </row>
    <row r="208446" spans="14:14">
      <c r="N208446" s="10"/>
    </row>
    <row r="208447" spans="14:14">
      <c r="N208447" s="10"/>
    </row>
    <row r="208448" spans="14:14">
      <c r="N208448" s="10"/>
    </row>
    <row r="208449" spans="14:14">
      <c r="N208449" s="10"/>
    </row>
    <row r="208450" spans="14:14">
      <c r="N208450" s="10"/>
    </row>
    <row r="208451" spans="14:14">
      <c r="N208451" s="10"/>
    </row>
    <row r="208452" spans="14:14">
      <c r="N208452" s="10"/>
    </row>
    <row r="208453" spans="14:14">
      <c r="N208453" s="10"/>
    </row>
    <row r="208454" spans="14:14">
      <c r="N208454" s="10"/>
    </row>
    <row r="208455" spans="14:14">
      <c r="N208455" s="10"/>
    </row>
    <row r="208456" spans="14:14">
      <c r="N208456" s="10"/>
    </row>
    <row r="208457" spans="14:14">
      <c r="N208457" s="10"/>
    </row>
    <row r="208458" spans="14:14">
      <c r="N208458" s="10"/>
    </row>
    <row r="208459" spans="14:14">
      <c r="N208459" s="10"/>
    </row>
    <row r="208460" spans="14:14">
      <c r="N208460" s="10"/>
    </row>
    <row r="208461" spans="14:14">
      <c r="N208461" s="10"/>
    </row>
    <row r="208462" spans="14:14">
      <c r="N208462" s="10"/>
    </row>
    <row r="208463" spans="14:14">
      <c r="N208463" s="10"/>
    </row>
    <row r="208464" spans="14:14">
      <c r="N208464" s="10"/>
    </row>
    <row r="208465" spans="14:14">
      <c r="N208465" s="10"/>
    </row>
    <row r="208466" spans="14:14">
      <c r="N208466" s="10"/>
    </row>
    <row r="208467" spans="14:14">
      <c r="N208467" s="10"/>
    </row>
    <row r="208468" spans="14:14">
      <c r="N208468" s="10"/>
    </row>
    <row r="208469" spans="14:14">
      <c r="N208469" s="10"/>
    </row>
    <row r="208470" spans="14:14">
      <c r="N208470" s="10"/>
    </row>
    <row r="208471" spans="14:14">
      <c r="N208471" s="10"/>
    </row>
    <row r="208472" spans="14:14">
      <c r="N208472" s="10"/>
    </row>
    <row r="208473" spans="14:14">
      <c r="N208473" s="10"/>
    </row>
    <row r="208474" spans="14:14">
      <c r="N208474" s="10"/>
    </row>
    <row r="208475" spans="14:14">
      <c r="N208475" s="10"/>
    </row>
    <row r="208476" spans="14:14">
      <c r="N208476" s="10"/>
    </row>
    <row r="208477" spans="14:14">
      <c r="N208477" s="10"/>
    </row>
    <row r="208478" spans="14:14">
      <c r="N208478" s="10"/>
    </row>
    <row r="208479" spans="14:14">
      <c r="N208479" s="10"/>
    </row>
    <row r="208480" spans="14:14">
      <c r="N208480" s="10"/>
    </row>
    <row r="208481" spans="14:14">
      <c r="N208481" s="10"/>
    </row>
    <row r="208482" spans="14:14">
      <c r="N208482" s="10"/>
    </row>
    <row r="208483" spans="14:14">
      <c r="N208483" s="10"/>
    </row>
    <row r="208484" spans="14:14">
      <c r="N208484" s="10"/>
    </row>
    <row r="208485" spans="14:14">
      <c r="N208485" s="10"/>
    </row>
    <row r="208486" spans="14:14">
      <c r="N208486" s="10"/>
    </row>
    <row r="208487" spans="14:14">
      <c r="N208487" s="10"/>
    </row>
    <row r="208488" spans="14:14">
      <c r="N208488" s="10"/>
    </row>
    <row r="208489" spans="14:14">
      <c r="N208489" s="10"/>
    </row>
    <row r="208490" spans="14:14">
      <c r="N208490" s="10"/>
    </row>
    <row r="208491" spans="14:14">
      <c r="N208491" s="10"/>
    </row>
    <row r="208492" spans="14:14">
      <c r="N208492" s="10"/>
    </row>
    <row r="208493" spans="14:14">
      <c r="N208493" s="10"/>
    </row>
    <row r="208494" spans="14:14">
      <c r="N208494" s="10"/>
    </row>
    <row r="208495" spans="14:14">
      <c r="N208495" s="10"/>
    </row>
    <row r="208496" spans="14:14">
      <c r="N208496" s="10"/>
    </row>
    <row r="208497" spans="14:14">
      <c r="N208497" s="10"/>
    </row>
    <row r="208498" spans="14:14">
      <c r="N208498" s="10"/>
    </row>
    <row r="208499" spans="14:14">
      <c r="N208499" s="10"/>
    </row>
    <row r="208500" spans="14:14">
      <c r="N208500" s="10"/>
    </row>
    <row r="208501" spans="14:14">
      <c r="N208501" s="10"/>
    </row>
    <row r="208502" spans="14:14">
      <c r="N208502" s="10"/>
    </row>
    <row r="208503" spans="14:14">
      <c r="N208503" s="10"/>
    </row>
    <row r="208504" spans="14:14">
      <c r="N208504" s="10"/>
    </row>
    <row r="208505" spans="14:14">
      <c r="N208505" s="10"/>
    </row>
    <row r="208506" spans="14:14">
      <c r="N208506" s="10"/>
    </row>
    <row r="208507" spans="14:14">
      <c r="N208507" s="10"/>
    </row>
    <row r="208508" spans="14:14">
      <c r="N208508" s="10"/>
    </row>
    <row r="208509" spans="14:14">
      <c r="N208509" s="10"/>
    </row>
    <row r="208510" spans="14:14">
      <c r="N208510" s="10"/>
    </row>
    <row r="208511" spans="14:14">
      <c r="N208511" s="10"/>
    </row>
    <row r="208512" spans="14:14">
      <c r="N208512" s="10"/>
    </row>
    <row r="208513" spans="14:14">
      <c r="N208513" s="10"/>
    </row>
    <row r="208514" spans="14:14">
      <c r="N208514" s="10"/>
    </row>
    <row r="208515" spans="14:14">
      <c r="N208515" s="10"/>
    </row>
    <row r="208516" spans="14:14">
      <c r="N208516" s="10"/>
    </row>
    <row r="208517" spans="14:14">
      <c r="N208517" s="10"/>
    </row>
    <row r="208518" spans="14:14">
      <c r="N208518" s="10"/>
    </row>
    <row r="208519" spans="14:14">
      <c r="N208519" s="10"/>
    </row>
    <row r="208520" spans="14:14">
      <c r="N208520" s="10"/>
    </row>
    <row r="208521" spans="14:14">
      <c r="N208521" s="10"/>
    </row>
    <row r="208522" spans="14:14">
      <c r="N208522" s="10"/>
    </row>
    <row r="208523" spans="14:14">
      <c r="N208523" s="10"/>
    </row>
    <row r="208524" spans="14:14">
      <c r="N208524" s="10"/>
    </row>
    <row r="208525" spans="14:14">
      <c r="N208525" s="10"/>
    </row>
    <row r="208526" spans="14:14">
      <c r="N208526" s="10"/>
    </row>
    <row r="208527" spans="14:14">
      <c r="N208527" s="10"/>
    </row>
    <row r="208528" spans="14:14">
      <c r="N208528" s="10"/>
    </row>
    <row r="208529" spans="14:14">
      <c r="N208529" s="10"/>
    </row>
    <row r="208530" spans="14:14">
      <c r="N208530" s="10"/>
    </row>
    <row r="208531" spans="14:14">
      <c r="N208531" s="10"/>
    </row>
    <row r="208532" spans="14:14">
      <c r="N208532" s="10"/>
    </row>
    <row r="208533" spans="14:14">
      <c r="N208533" s="10"/>
    </row>
    <row r="208534" spans="14:14">
      <c r="N208534" s="10"/>
    </row>
    <row r="208535" spans="14:14">
      <c r="N208535" s="10"/>
    </row>
    <row r="208536" spans="14:14">
      <c r="N208536" s="10"/>
    </row>
    <row r="208537" spans="14:14">
      <c r="N208537" s="10"/>
    </row>
    <row r="208538" spans="14:14">
      <c r="N208538" s="10"/>
    </row>
    <row r="208539" spans="14:14">
      <c r="N208539" s="10"/>
    </row>
    <row r="208540" spans="14:14">
      <c r="N208540" s="10"/>
    </row>
    <row r="208541" spans="14:14">
      <c r="N208541" s="10"/>
    </row>
    <row r="208542" spans="14:14">
      <c r="N208542" s="10"/>
    </row>
    <row r="208543" spans="14:14">
      <c r="N208543" s="10"/>
    </row>
    <row r="208544" spans="14:14">
      <c r="N208544" s="10"/>
    </row>
    <row r="208545" spans="14:14">
      <c r="N208545" s="10"/>
    </row>
    <row r="208546" spans="14:14">
      <c r="N208546" s="10"/>
    </row>
    <row r="208547" spans="14:14">
      <c r="N208547" s="10"/>
    </row>
    <row r="208548" spans="14:14">
      <c r="N208548" s="10"/>
    </row>
    <row r="208549" spans="14:14">
      <c r="N208549" s="10"/>
    </row>
    <row r="208550" spans="14:14">
      <c r="N208550" s="10"/>
    </row>
    <row r="208551" spans="14:14">
      <c r="N208551" s="10"/>
    </row>
    <row r="208552" spans="14:14">
      <c r="N208552" s="10"/>
    </row>
    <row r="208553" spans="14:14">
      <c r="N208553" s="10"/>
    </row>
    <row r="208554" spans="14:14">
      <c r="N208554" s="10"/>
    </row>
    <row r="208555" spans="14:14">
      <c r="N208555" s="10"/>
    </row>
    <row r="208556" spans="14:14">
      <c r="N208556" s="10"/>
    </row>
    <row r="208557" spans="14:14">
      <c r="N208557" s="10"/>
    </row>
    <row r="208558" spans="14:14">
      <c r="N208558" s="10"/>
    </row>
    <row r="208559" spans="14:14">
      <c r="N208559" s="10"/>
    </row>
    <row r="208560" spans="14:14">
      <c r="N208560" s="10"/>
    </row>
    <row r="208561" spans="14:14">
      <c r="N208561" s="10"/>
    </row>
    <row r="208562" spans="14:14">
      <c r="N208562" s="10"/>
    </row>
    <row r="208563" spans="14:14">
      <c r="N208563" s="10"/>
    </row>
    <row r="208564" spans="14:14">
      <c r="N208564" s="10"/>
    </row>
    <row r="208565" spans="14:14">
      <c r="N208565" s="10"/>
    </row>
    <row r="208566" spans="14:14">
      <c r="N208566" s="10"/>
    </row>
    <row r="208567" spans="14:14">
      <c r="N208567" s="10"/>
    </row>
    <row r="208568" spans="14:14">
      <c r="N208568" s="10"/>
    </row>
    <row r="208569" spans="14:14">
      <c r="N208569" s="10"/>
    </row>
    <row r="208570" spans="14:14">
      <c r="N208570" s="10"/>
    </row>
    <row r="208571" spans="14:14">
      <c r="N208571" s="10"/>
    </row>
    <row r="208572" spans="14:14">
      <c r="N208572" s="10"/>
    </row>
    <row r="208573" spans="14:14">
      <c r="N208573" s="10"/>
    </row>
    <row r="208574" spans="14:14">
      <c r="N208574" s="10"/>
    </row>
    <row r="208575" spans="14:14">
      <c r="N208575" s="10"/>
    </row>
    <row r="208576" spans="14:14">
      <c r="N208576" s="10"/>
    </row>
    <row r="208577" spans="14:14">
      <c r="N208577" s="10"/>
    </row>
    <row r="208578" spans="14:14">
      <c r="N208578" s="10"/>
    </row>
    <row r="208579" spans="14:14">
      <c r="N208579" s="10"/>
    </row>
    <row r="208580" spans="14:14">
      <c r="N208580" s="10"/>
    </row>
    <row r="208581" spans="14:14">
      <c r="N208581" s="10"/>
    </row>
    <row r="208582" spans="14:14">
      <c r="N208582" s="10"/>
    </row>
    <row r="208583" spans="14:14">
      <c r="N208583" s="10"/>
    </row>
    <row r="208584" spans="14:14">
      <c r="N208584" s="10"/>
    </row>
    <row r="208585" spans="14:14">
      <c r="N208585" s="10"/>
    </row>
    <row r="208586" spans="14:14">
      <c r="N208586" s="10"/>
    </row>
    <row r="208587" spans="14:14">
      <c r="N208587" s="10"/>
    </row>
    <row r="208588" spans="14:14">
      <c r="N208588" s="10"/>
    </row>
    <row r="208589" spans="14:14">
      <c r="N208589" s="10"/>
    </row>
    <row r="208590" spans="14:14">
      <c r="N208590" s="10"/>
    </row>
    <row r="208591" spans="14:14">
      <c r="N208591" s="10"/>
    </row>
    <row r="208592" spans="14:14">
      <c r="N208592" s="10"/>
    </row>
    <row r="208593" spans="14:14">
      <c r="N208593" s="10"/>
    </row>
    <row r="208594" spans="14:14">
      <c r="N208594" s="10"/>
    </row>
    <row r="208595" spans="14:14">
      <c r="N208595" s="10"/>
    </row>
    <row r="208596" spans="14:14">
      <c r="N208596" s="10"/>
    </row>
    <row r="208597" spans="14:14">
      <c r="N208597" s="10"/>
    </row>
    <row r="208598" spans="14:14">
      <c r="N208598" s="10"/>
    </row>
    <row r="208599" spans="14:14">
      <c r="N208599" s="10"/>
    </row>
    <row r="208600" spans="14:14">
      <c r="N208600" s="10"/>
    </row>
    <row r="208601" spans="14:14">
      <c r="N208601" s="10"/>
    </row>
    <row r="208602" spans="14:14">
      <c r="N208602" s="10"/>
    </row>
    <row r="208603" spans="14:14">
      <c r="N208603" s="10"/>
    </row>
    <row r="208604" spans="14:14">
      <c r="N208604" s="10"/>
    </row>
    <row r="208605" spans="14:14">
      <c r="N208605" s="10"/>
    </row>
    <row r="208606" spans="14:14">
      <c r="N208606" s="10"/>
    </row>
    <row r="208607" spans="14:14">
      <c r="N208607" s="10"/>
    </row>
    <row r="208608" spans="14:14">
      <c r="N208608" s="10"/>
    </row>
    <row r="208609" spans="14:14">
      <c r="N208609" s="10"/>
    </row>
    <row r="208610" spans="14:14">
      <c r="N208610" s="10"/>
    </row>
    <row r="208611" spans="14:14">
      <c r="N208611" s="10"/>
    </row>
    <row r="208612" spans="14:14">
      <c r="N208612" s="10"/>
    </row>
    <row r="208613" spans="14:14">
      <c r="N208613" s="10"/>
    </row>
    <row r="208614" spans="14:14">
      <c r="N208614" s="10"/>
    </row>
    <row r="208615" spans="14:14">
      <c r="N208615" s="10"/>
    </row>
    <row r="208616" spans="14:14">
      <c r="N208616" s="10"/>
    </row>
    <row r="208617" spans="14:14">
      <c r="N208617" s="10"/>
    </row>
    <row r="208618" spans="14:14">
      <c r="N208618" s="10"/>
    </row>
    <row r="208619" spans="14:14">
      <c r="N208619" s="10"/>
    </row>
    <row r="208620" spans="14:14">
      <c r="N208620" s="10"/>
    </row>
    <row r="208621" spans="14:14">
      <c r="N208621" s="10"/>
    </row>
    <row r="208622" spans="14:14">
      <c r="N208622" s="10"/>
    </row>
    <row r="208623" spans="14:14">
      <c r="N208623" s="10"/>
    </row>
    <row r="208624" spans="14:14">
      <c r="N208624" s="10"/>
    </row>
    <row r="208625" spans="14:14">
      <c r="N208625" s="10"/>
    </row>
    <row r="208626" spans="14:14">
      <c r="N208626" s="10"/>
    </row>
    <row r="208627" spans="14:14">
      <c r="N208627" s="10"/>
    </row>
    <row r="208628" spans="14:14">
      <c r="N208628" s="10"/>
    </row>
    <row r="208629" spans="14:14">
      <c r="N208629" s="10"/>
    </row>
    <row r="208630" spans="14:14">
      <c r="N208630" s="10"/>
    </row>
    <row r="208631" spans="14:14">
      <c r="N208631" s="10"/>
    </row>
    <row r="208632" spans="14:14">
      <c r="N208632" s="10"/>
    </row>
    <row r="208633" spans="14:14">
      <c r="N208633" s="10"/>
    </row>
    <row r="208634" spans="14:14">
      <c r="N208634" s="10"/>
    </row>
    <row r="208635" spans="14:14">
      <c r="N208635" s="10"/>
    </row>
    <row r="208636" spans="14:14">
      <c r="N208636" s="10"/>
    </row>
    <row r="208637" spans="14:14">
      <c r="N208637" s="10"/>
    </row>
    <row r="208638" spans="14:14">
      <c r="N208638" s="10"/>
    </row>
    <row r="208639" spans="14:14">
      <c r="N208639" s="10"/>
    </row>
    <row r="208640" spans="14:14">
      <c r="N208640" s="10"/>
    </row>
    <row r="208641" spans="14:14">
      <c r="N208641" s="10"/>
    </row>
    <row r="208642" spans="14:14">
      <c r="N208642" s="10"/>
    </row>
    <row r="208643" spans="14:14">
      <c r="N208643" s="10"/>
    </row>
    <row r="208644" spans="14:14">
      <c r="N208644" s="10"/>
    </row>
    <row r="208645" spans="14:14">
      <c r="N208645" s="10"/>
    </row>
    <row r="208646" spans="14:14">
      <c r="N208646" s="10"/>
    </row>
    <row r="208647" spans="14:14">
      <c r="N208647" s="10"/>
    </row>
    <row r="208648" spans="14:14">
      <c r="N208648" s="10"/>
    </row>
    <row r="208649" spans="14:14">
      <c r="N208649" s="10"/>
    </row>
    <row r="208650" spans="14:14">
      <c r="N208650" s="10"/>
    </row>
    <row r="208651" spans="14:14">
      <c r="N208651" s="10"/>
    </row>
    <row r="208652" spans="14:14">
      <c r="N208652" s="10"/>
    </row>
    <row r="208653" spans="14:14">
      <c r="N208653" s="10"/>
    </row>
    <row r="208654" spans="14:14">
      <c r="N208654" s="10"/>
    </row>
    <row r="208655" spans="14:14">
      <c r="N208655" s="10"/>
    </row>
    <row r="208656" spans="14:14">
      <c r="N208656" s="10"/>
    </row>
    <row r="208657" spans="14:14">
      <c r="N208657" s="10"/>
    </row>
    <row r="208658" spans="14:14">
      <c r="N208658" s="10"/>
    </row>
    <row r="208659" spans="14:14">
      <c r="N208659" s="10"/>
    </row>
    <row r="208660" spans="14:14">
      <c r="N208660" s="10"/>
    </row>
    <row r="208661" spans="14:14">
      <c r="N208661" s="10"/>
    </row>
    <row r="208662" spans="14:14">
      <c r="N208662" s="10"/>
    </row>
    <row r="208663" spans="14:14">
      <c r="N208663" s="10"/>
    </row>
    <row r="208664" spans="14:14">
      <c r="N208664" s="10"/>
    </row>
    <row r="208665" spans="14:14">
      <c r="N208665" s="10"/>
    </row>
    <row r="208666" spans="14:14">
      <c r="N208666" s="10"/>
    </row>
    <row r="208667" spans="14:14">
      <c r="N208667" s="10"/>
    </row>
    <row r="208668" spans="14:14">
      <c r="N208668" s="10"/>
    </row>
    <row r="208669" spans="14:14">
      <c r="N208669" s="10"/>
    </row>
    <row r="208670" spans="14:14">
      <c r="N208670" s="10"/>
    </row>
    <row r="208671" spans="14:14">
      <c r="N208671" s="10"/>
    </row>
    <row r="208672" spans="14:14">
      <c r="N208672" s="10"/>
    </row>
    <row r="208673" spans="14:14">
      <c r="N208673" s="10"/>
    </row>
    <row r="208674" spans="14:14">
      <c r="N208674" s="10"/>
    </row>
    <row r="208675" spans="14:14">
      <c r="N208675" s="10"/>
    </row>
    <row r="208676" spans="14:14">
      <c r="N208676" s="10"/>
    </row>
    <row r="208677" spans="14:14">
      <c r="N208677" s="10"/>
    </row>
    <row r="208678" spans="14:14">
      <c r="N208678" s="10"/>
    </row>
    <row r="208679" spans="14:14">
      <c r="N208679" s="10"/>
    </row>
    <row r="208680" spans="14:14">
      <c r="N208680" s="10"/>
    </row>
    <row r="208681" spans="14:14">
      <c r="N208681" s="10"/>
    </row>
    <row r="208682" spans="14:14">
      <c r="N208682" s="10"/>
    </row>
    <row r="208683" spans="14:14">
      <c r="N208683" s="10"/>
    </row>
    <row r="208684" spans="14:14">
      <c r="N208684" s="10"/>
    </row>
    <row r="208685" spans="14:14">
      <c r="N208685" s="10"/>
    </row>
    <row r="208686" spans="14:14">
      <c r="N208686" s="10"/>
    </row>
    <row r="208687" spans="14:14">
      <c r="N208687" s="10"/>
    </row>
    <row r="208688" spans="14:14">
      <c r="N208688" s="10"/>
    </row>
    <row r="208689" spans="14:14">
      <c r="N208689" s="10"/>
    </row>
    <row r="208690" spans="14:14">
      <c r="N208690" s="10"/>
    </row>
    <row r="208691" spans="14:14">
      <c r="N208691" s="10"/>
    </row>
    <row r="208692" spans="14:14">
      <c r="N208692" s="10"/>
    </row>
    <row r="208693" spans="14:14">
      <c r="N208693" s="10"/>
    </row>
    <row r="208694" spans="14:14">
      <c r="N208694" s="10"/>
    </row>
    <row r="208695" spans="14:14">
      <c r="N208695" s="10"/>
    </row>
    <row r="208696" spans="14:14">
      <c r="N208696" s="10"/>
    </row>
    <row r="208697" spans="14:14">
      <c r="N208697" s="10"/>
    </row>
    <row r="208698" spans="14:14">
      <c r="N208698" s="10"/>
    </row>
    <row r="208699" spans="14:14">
      <c r="N208699" s="10"/>
    </row>
    <row r="208700" spans="14:14">
      <c r="N208700" s="10"/>
    </row>
    <row r="208701" spans="14:14">
      <c r="N208701" s="10"/>
    </row>
    <row r="208702" spans="14:14">
      <c r="N208702" s="10"/>
    </row>
    <row r="208703" spans="14:14">
      <c r="N208703" s="10"/>
    </row>
    <row r="208704" spans="14:14">
      <c r="N208704" s="10"/>
    </row>
    <row r="208705" spans="14:14">
      <c r="N208705" s="10"/>
    </row>
    <row r="208706" spans="14:14">
      <c r="N208706" s="10"/>
    </row>
    <row r="208707" spans="14:14">
      <c r="N208707" s="10"/>
    </row>
    <row r="208708" spans="14:14">
      <c r="N208708" s="10"/>
    </row>
    <row r="208709" spans="14:14">
      <c r="N208709" s="10"/>
    </row>
    <row r="208710" spans="14:14">
      <c r="N208710" s="10"/>
    </row>
    <row r="208711" spans="14:14">
      <c r="N208711" s="10"/>
    </row>
    <row r="208712" spans="14:14">
      <c r="N208712" s="10"/>
    </row>
    <row r="208713" spans="14:14">
      <c r="N208713" s="10"/>
    </row>
    <row r="208714" spans="14:14">
      <c r="N208714" s="10"/>
    </row>
    <row r="208715" spans="14:14">
      <c r="N208715" s="10"/>
    </row>
    <row r="208716" spans="14:14">
      <c r="N208716" s="10"/>
    </row>
    <row r="208717" spans="14:14">
      <c r="N208717" s="10"/>
    </row>
    <row r="208718" spans="14:14">
      <c r="N208718" s="10"/>
    </row>
    <row r="208719" spans="14:14">
      <c r="N208719" s="10"/>
    </row>
    <row r="208720" spans="14:14">
      <c r="N208720" s="10"/>
    </row>
    <row r="208721" spans="14:14">
      <c r="N208721" s="10"/>
    </row>
    <row r="208722" spans="14:14">
      <c r="N208722" s="10"/>
    </row>
    <row r="208723" spans="14:14">
      <c r="N208723" s="10"/>
    </row>
    <row r="208724" spans="14:14">
      <c r="N208724" s="10"/>
    </row>
    <row r="208725" spans="14:14">
      <c r="N208725" s="10"/>
    </row>
    <row r="208726" spans="14:14">
      <c r="N208726" s="10"/>
    </row>
    <row r="208727" spans="14:14">
      <c r="N208727" s="10"/>
    </row>
    <row r="208728" spans="14:14">
      <c r="N208728" s="10"/>
    </row>
    <row r="208729" spans="14:14">
      <c r="N208729" s="10"/>
    </row>
    <row r="208730" spans="14:14">
      <c r="N208730" s="10"/>
    </row>
    <row r="208731" spans="14:14">
      <c r="N208731" s="10"/>
    </row>
    <row r="208732" spans="14:14">
      <c r="N208732" s="10"/>
    </row>
    <row r="208733" spans="14:14">
      <c r="N208733" s="10"/>
    </row>
    <row r="208734" spans="14:14">
      <c r="N208734" s="10"/>
    </row>
    <row r="208735" spans="14:14">
      <c r="N208735" s="10"/>
    </row>
    <row r="208736" spans="14:14">
      <c r="N208736" s="10"/>
    </row>
    <row r="208737" spans="14:14">
      <c r="N208737" s="10"/>
    </row>
    <row r="208738" spans="14:14">
      <c r="N208738" s="10"/>
    </row>
    <row r="208739" spans="14:14">
      <c r="N208739" s="10"/>
    </row>
    <row r="208740" spans="14:14">
      <c r="N208740" s="10"/>
    </row>
    <row r="208741" spans="14:14">
      <c r="N208741" s="10"/>
    </row>
    <row r="208742" spans="14:14">
      <c r="N208742" s="10"/>
    </row>
    <row r="208743" spans="14:14">
      <c r="N208743" s="10"/>
    </row>
    <row r="208744" spans="14:14">
      <c r="N208744" s="10"/>
    </row>
    <row r="208745" spans="14:14">
      <c r="N208745" s="10"/>
    </row>
    <row r="208746" spans="14:14">
      <c r="N208746" s="10"/>
    </row>
    <row r="208747" spans="14:14">
      <c r="N208747" s="10"/>
    </row>
    <row r="208748" spans="14:14">
      <c r="N208748" s="10"/>
    </row>
    <row r="208749" spans="14:14">
      <c r="N208749" s="10"/>
    </row>
    <row r="208750" spans="14:14">
      <c r="N208750" s="10"/>
    </row>
    <row r="208751" spans="14:14">
      <c r="N208751" s="10"/>
    </row>
    <row r="208752" spans="14:14">
      <c r="N208752" s="10"/>
    </row>
    <row r="208753" spans="14:14">
      <c r="N208753" s="10"/>
    </row>
    <row r="208754" spans="14:14">
      <c r="N208754" s="10"/>
    </row>
    <row r="208755" spans="14:14">
      <c r="N208755" s="10"/>
    </row>
    <row r="208756" spans="14:14">
      <c r="N208756" s="10"/>
    </row>
    <row r="208757" spans="14:14">
      <c r="N208757" s="10"/>
    </row>
    <row r="208758" spans="14:14">
      <c r="N208758" s="10"/>
    </row>
    <row r="208759" spans="14:14">
      <c r="N208759" s="10"/>
    </row>
    <row r="208760" spans="14:14">
      <c r="N208760" s="10"/>
    </row>
    <row r="208761" spans="14:14">
      <c r="N208761" s="10"/>
    </row>
    <row r="208762" spans="14:14">
      <c r="N208762" s="10"/>
    </row>
    <row r="208763" spans="14:14">
      <c r="N208763" s="10"/>
    </row>
    <row r="208764" spans="14:14">
      <c r="N208764" s="10"/>
    </row>
    <row r="208765" spans="14:14">
      <c r="N208765" s="10"/>
    </row>
    <row r="208766" spans="14:14">
      <c r="N208766" s="10"/>
    </row>
    <row r="208767" spans="14:14">
      <c r="N208767" s="10"/>
    </row>
    <row r="208768" spans="14:14">
      <c r="N208768" s="10"/>
    </row>
    <row r="208769" spans="14:14">
      <c r="N208769" s="10"/>
    </row>
    <row r="208770" spans="14:14">
      <c r="N208770" s="10"/>
    </row>
    <row r="208771" spans="14:14">
      <c r="N208771" s="10"/>
    </row>
    <row r="208772" spans="14:14">
      <c r="N208772" s="10"/>
    </row>
    <row r="208773" spans="14:14">
      <c r="N208773" s="10"/>
    </row>
    <row r="208774" spans="14:14">
      <c r="N208774" s="10"/>
    </row>
    <row r="208775" spans="14:14">
      <c r="N208775" s="10"/>
    </row>
    <row r="208776" spans="14:14">
      <c r="N208776" s="10"/>
    </row>
    <row r="208777" spans="14:14">
      <c r="N208777" s="10"/>
    </row>
    <row r="208778" spans="14:14">
      <c r="N208778" s="10"/>
    </row>
    <row r="208779" spans="14:14">
      <c r="N208779" s="10"/>
    </row>
    <row r="208780" spans="14:14">
      <c r="N208780" s="10"/>
    </row>
    <row r="208781" spans="14:14">
      <c r="N208781" s="10"/>
    </row>
    <row r="208782" spans="14:14">
      <c r="N208782" s="10"/>
    </row>
    <row r="208783" spans="14:14">
      <c r="N208783" s="10"/>
    </row>
    <row r="208784" spans="14:14">
      <c r="N208784" s="10"/>
    </row>
    <row r="208785" spans="14:14">
      <c r="N208785" s="10"/>
    </row>
    <row r="208786" spans="14:14">
      <c r="N208786" s="10"/>
    </row>
    <row r="208787" spans="14:14">
      <c r="N208787" s="10"/>
    </row>
    <row r="208788" spans="14:14">
      <c r="N208788" s="10"/>
    </row>
    <row r="208789" spans="14:14">
      <c r="N208789" s="10"/>
    </row>
    <row r="208790" spans="14:14">
      <c r="N208790" s="10"/>
    </row>
    <row r="208791" spans="14:14">
      <c r="N208791" s="10"/>
    </row>
    <row r="208792" spans="14:14">
      <c r="N208792" s="10"/>
    </row>
    <row r="208793" spans="14:14">
      <c r="N208793" s="10"/>
    </row>
    <row r="208794" spans="14:14">
      <c r="N208794" s="10"/>
    </row>
    <row r="208795" spans="14:14">
      <c r="N208795" s="10"/>
    </row>
    <row r="208796" spans="14:14">
      <c r="N208796" s="10"/>
    </row>
    <row r="208797" spans="14:14">
      <c r="N208797" s="10"/>
    </row>
    <row r="208798" spans="14:14">
      <c r="N208798" s="10"/>
    </row>
    <row r="208799" spans="14:14">
      <c r="N208799" s="10"/>
    </row>
    <row r="208800" spans="14:14">
      <c r="N208800" s="10"/>
    </row>
    <row r="208801" spans="14:14">
      <c r="N208801" s="10"/>
    </row>
    <row r="208802" spans="14:14">
      <c r="N208802" s="10"/>
    </row>
    <row r="208803" spans="14:14">
      <c r="N208803" s="10"/>
    </row>
    <row r="208804" spans="14:14">
      <c r="N208804" s="10"/>
    </row>
    <row r="208805" spans="14:14">
      <c r="N208805" s="10"/>
    </row>
    <row r="208806" spans="14:14">
      <c r="N208806" s="10"/>
    </row>
    <row r="208807" spans="14:14">
      <c r="N208807" s="10"/>
    </row>
    <row r="208808" spans="14:14">
      <c r="N208808" s="10"/>
    </row>
    <row r="208809" spans="14:14">
      <c r="N208809" s="10"/>
    </row>
    <row r="208810" spans="14:14">
      <c r="N208810" s="10"/>
    </row>
    <row r="208811" spans="14:14">
      <c r="N208811" s="10"/>
    </row>
    <row r="208812" spans="14:14">
      <c r="N208812" s="10"/>
    </row>
    <row r="208813" spans="14:14">
      <c r="N208813" s="10"/>
    </row>
    <row r="208814" spans="14:14">
      <c r="N208814" s="10"/>
    </row>
    <row r="208815" spans="14:14">
      <c r="N208815" s="10"/>
    </row>
    <row r="208816" spans="14:14">
      <c r="N208816" s="10"/>
    </row>
    <row r="208817" spans="14:14">
      <c r="N208817" s="10"/>
    </row>
    <row r="208818" spans="14:14">
      <c r="N208818" s="10"/>
    </row>
    <row r="208819" spans="14:14">
      <c r="N208819" s="10"/>
    </row>
    <row r="208820" spans="14:14">
      <c r="N208820" s="10"/>
    </row>
    <row r="208821" spans="14:14">
      <c r="N208821" s="10"/>
    </row>
    <row r="208822" spans="14:14">
      <c r="N208822" s="10"/>
    </row>
    <row r="208823" spans="14:14">
      <c r="N208823" s="10"/>
    </row>
    <row r="208824" spans="14:14">
      <c r="N208824" s="10"/>
    </row>
    <row r="208825" spans="14:14">
      <c r="N208825" s="10"/>
    </row>
    <row r="208826" spans="14:14">
      <c r="N208826" s="10"/>
    </row>
    <row r="208827" spans="14:14">
      <c r="N208827" s="10"/>
    </row>
    <row r="208828" spans="14:14">
      <c r="N208828" s="10"/>
    </row>
    <row r="208829" spans="14:14">
      <c r="N208829" s="10"/>
    </row>
    <row r="208830" spans="14:14">
      <c r="N208830" s="10"/>
    </row>
    <row r="208831" spans="14:14">
      <c r="N208831" s="10"/>
    </row>
    <row r="208832" spans="14:14">
      <c r="N208832" s="10"/>
    </row>
    <row r="208833" spans="14:14">
      <c r="N208833" s="10"/>
    </row>
    <row r="208834" spans="14:14">
      <c r="N208834" s="10"/>
    </row>
    <row r="208835" spans="14:14">
      <c r="N208835" s="10"/>
    </row>
    <row r="208836" spans="14:14">
      <c r="N208836" s="10"/>
    </row>
    <row r="208837" spans="14:14">
      <c r="N208837" s="10"/>
    </row>
    <row r="208838" spans="14:14">
      <c r="N208838" s="10"/>
    </row>
    <row r="208839" spans="14:14">
      <c r="N208839" s="10"/>
    </row>
    <row r="208840" spans="14:14">
      <c r="N208840" s="10"/>
    </row>
    <row r="208841" spans="14:14">
      <c r="N208841" s="10"/>
    </row>
    <row r="208842" spans="14:14">
      <c r="N208842" s="10"/>
    </row>
    <row r="208843" spans="14:14">
      <c r="N208843" s="10"/>
    </row>
    <row r="208844" spans="14:14">
      <c r="N208844" s="10"/>
    </row>
    <row r="208845" spans="14:14">
      <c r="N208845" s="10"/>
    </row>
    <row r="208846" spans="14:14">
      <c r="N208846" s="10"/>
    </row>
    <row r="208847" spans="14:14">
      <c r="N208847" s="10"/>
    </row>
    <row r="208848" spans="14:14">
      <c r="N208848" s="10"/>
    </row>
    <row r="208849" spans="14:14">
      <c r="N208849" s="10"/>
    </row>
    <row r="208850" spans="14:14">
      <c r="N208850" s="10"/>
    </row>
    <row r="208851" spans="14:14">
      <c r="N208851" s="10"/>
    </row>
    <row r="208852" spans="14:14">
      <c r="N208852" s="10"/>
    </row>
    <row r="208853" spans="14:14">
      <c r="N208853" s="10"/>
    </row>
    <row r="208854" spans="14:14">
      <c r="N208854" s="10"/>
    </row>
    <row r="208855" spans="14:14">
      <c r="N208855" s="10"/>
    </row>
    <row r="208856" spans="14:14">
      <c r="N208856" s="10"/>
    </row>
    <row r="208857" spans="14:14">
      <c r="N208857" s="10"/>
    </row>
    <row r="208858" spans="14:14">
      <c r="N208858" s="10"/>
    </row>
    <row r="208859" spans="14:14">
      <c r="N208859" s="10"/>
    </row>
    <row r="208860" spans="14:14">
      <c r="N208860" s="10"/>
    </row>
    <row r="208861" spans="14:14">
      <c r="N208861" s="10"/>
    </row>
    <row r="208862" spans="14:14">
      <c r="N208862" s="10"/>
    </row>
    <row r="208863" spans="14:14">
      <c r="N208863" s="10"/>
    </row>
    <row r="208864" spans="14:14">
      <c r="N208864" s="10"/>
    </row>
    <row r="208865" spans="14:14">
      <c r="N208865" s="10"/>
    </row>
    <row r="208866" spans="14:14">
      <c r="N208866" s="10"/>
    </row>
    <row r="208867" spans="14:14">
      <c r="N208867" s="10"/>
    </row>
    <row r="208868" spans="14:14">
      <c r="N208868" s="10"/>
    </row>
    <row r="208869" spans="14:14">
      <c r="N208869" s="10"/>
    </row>
    <row r="208870" spans="14:14">
      <c r="N208870" s="10"/>
    </row>
    <row r="208871" spans="14:14">
      <c r="N208871" s="10"/>
    </row>
    <row r="208872" spans="14:14">
      <c r="N208872" s="10"/>
    </row>
    <row r="208873" spans="14:14">
      <c r="N208873" s="10"/>
    </row>
    <row r="208874" spans="14:14">
      <c r="N208874" s="10"/>
    </row>
    <row r="208875" spans="14:14">
      <c r="N208875" s="10"/>
    </row>
    <row r="208876" spans="14:14">
      <c r="N208876" s="10"/>
    </row>
    <row r="208877" spans="14:14">
      <c r="N208877" s="10"/>
    </row>
    <row r="208878" spans="14:14">
      <c r="N208878" s="10"/>
    </row>
    <row r="208879" spans="14:14">
      <c r="N208879" s="10"/>
    </row>
    <row r="208880" spans="14:14">
      <c r="N208880" s="10"/>
    </row>
    <row r="208881" spans="14:14">
      <c r="N208881" s="10"/>
    </row>
    <row r="208882" spans="14:14">
      <c r="N208882" s="10"/>
    </row>
    <row r="208883" spans="14:14">
      <c r="N208883" s="10"/>
    </row>
    <row r="208884" spans="14:14">
      <c r="N208884" s="10"/>
    </row>
    <row r="208885" spans="14:14">
      <c r="N208885" s="10"/>
    </row>
    <row r="208886" spans="14:14">
      <c r="N208886" s="10"/>
    </row>
    <row r="208887" spans="14:14">
      <c r="N208887" s="10"/>
    </row>
    <row r="208888" spans="14:14">
      <c r="N208888" s="10"/>
    </row>
    <row r="208889" spans="14:14">
      <c r="N208889" s="10"/>
    </row>
    <row r="208890" spans="14:14">
      <c r="N208890" s="10"/>
    </row>
    <row r="208891" spans="14:14">
      <c r="N208891" s="10"/>
    </row>
    <row r="208892" spans="14:14">
      <c r="N208892" s="10"/>
    </row>
    <row r="208893" spans="14:14">
      <c r="N208893" s="10"/>
    </row>
    <row r="208894" spans="14:14">
      <c r="N208894" s="10"/>
    </row>
    <row r="208895" spans="14:14">
      <c r="N208895" s="10"/>
    </row>
    <row r="208896" spans="14:14">
      <c r="N208896" s="10"/>
    </row>
    <row r="208897" spans="14:14">
      <c r="N208897" s="10"/>
    </row>
    <row r="208898" spans="14:14">
      <c r="N208898" s="10"/>
    </row>
    <row r="208899" spans="14:14">
      <c r="N208899" s="10"/>
    </row>
    <row r="208900" spans="14:14">
      <c r="N208900" s="10"/>
    </row>
    <row r="208901" spans="14:14">
      <c r="N208901" s="10"/>
    </row>
    <row r="208902" spans="14:14">
      <c r="N208902" s="10"/>
    </row>
    <row r="208903" spans="14:14">
      <c r="N208903" s="10"/>
    </row>
    <row r="208904" spans="14:14">
      <c r="N208904" s="10"/>
    </row>
    <row r="208905" spans="14:14">
      <c r="N208905" s="10"/>
    </row>
    <row r="208906" spans="14:14">
      <c r="N208906" s="10"/>
    </row>
    <row r="208907" spans="14:14">
      <c r="N208907" s="10"/>
    </row>
    <row r="208908" spans="14:14">
      <c r="N208908" s="10"/>
    </row>
    <row r="208909" spans="14:14">
      <c r="N208909" s="10"/>
    </row>
    <row r="208910" spans="14:14">
      <c r="N208910" s="10"/>
    </row>
    <row r="208911" spans="14:14">
      <c r="N208911" s="10"/>
    </row>
    <row r="208912" spans="14:14">
      <c r="N208912" s="10"/>
    </row>
    <row r="208913" spans="14:14">
      <c r="N208913" s="10"/>
    </row>
    <row r="208914" spans="14:14">
      <c r="N208914" s="10"/>
    </row>
    <row r="208915" spans="14:14">
      <c r="N208915" s="10"/>
    </row>
    <row r="208916" spans="14:14">
      <c r="N208916" s="10"/>
    </row>
    <row r="208917" spans="14:14">
      <c r="N208917" s="10"/>
    </row>
    <row r="208918" spans="14:14">
      <c r="N208918" s="10"/>
    </row>
    <row r="208919" spans="14:14">
      <c r="N208919" s="10"/>
    </row>
    <row r="208920" spans="14:14">
      <c r="N208920" s="10"/>
    </row>
    <row r="208921" spans="14:14">
      <c r="N208921" s="10"/>
    </row>
    <row r="208922" spans="14:14">
      <c r="N208922" s="10"/>
    </row>
    <row r="208923" spans="14:14">
      <c r="N208923" s="10"/>
    </row>
    <row r="208924" spans="14:14">
      <c r="N208924" s="10"/>
    </row>
    <row r="208925" spans="14:14">
      <c r="N208925" s="10"/>
    </row>
    <row r="208926" spans="14:14">
      <c r="N208926" s="10"/>
    </row>
    <row r="208927" spans="14:14">
      <c r="N208927" s="10"/>
    </row>
    <row r="208928" spans="14:14">
      <c r="N208928" s="10"/>
    </row>
    <row r="208929" spans="14:14">
      <c r="N208929" s="10"/>
    </row>
    <row r="208930" spans="14:14">
      <c r="N208930" s="10"/>
    </row>
    <row r="208931" spans="14:14">
      <c r="N208931" s="10"/>
    </row>
    <row r="208932" spans="14:14">
      <c r="N208932" s="10"/>
    </row>
    <row r="208933" spans="14:14">
      <c r="N208933" s="10"/>
    </row>
    <row r="208934" spans="14:14">
      <c r="N208934" s="10"/>
    </row>
    <row r="208935" spans="14:14">
      <c r="N208935" s="10"/>
    </row>
    <row r="208936" spans="14:14">
      <c r="N208936" s="10"/>
    </row>
    <row r="208937" spans="14:14">
      <c r="N208937" s="10"/>
    </row>
    <row r="208938" spans="14:14">
      <c r="N208938" s="10"/>
    </row>
    <row r="208939" spans="14:14">
      <c r="N208939" s="10"/>
    </row>
    <row r="208940" spans="14:14">
      <c r="N208940" s="10"/>
    </row>
    <row r="208941" spans="14:14">
      <c r="N208941" s="10"/>
    </row>
    <row r="208942" spans="14:14">
      <c r="N208942" s="10"/>
    </row>
    <row r="208943" spans="14:14">
      <c r="N208943" s="10"/>
    </row>
    <row r="208944" spans="14:14">
      <c r="N208944" s="10"/>
    </row>
    <row r="208945" spans="14:14">
      <c r="N208945" s="10"/>
    </row>
    <row r="208946" spans="14:14">
      <c r="N208946" s="10"/>
    </row>
    <row r="208947" spans="14:14">
      <c r="N208947" s="10"/>
    </row>
    <row r="208948" spans="14:14">
      <c r="N208948" s="10"/>
    </row>
    <row r="208949" spans="14:14">
      <c r="N208949" s="10"/>
    </row>
    <row r="208950" spans="14:14">
      <c r="N208950" s="10"/>
    </row>
    <row r="208951" spans="14:14">
      <c r="N208951" s="10"/>
    </row>
    <row r="208952" spans="14:14">
      <c r="N208952" s="10"/>
    </row>
    <row r="208953" spans="14:14">
      <c r="N208953" s="10"/>
    </row>
    <row r="208954" spans="14:14">
      <c r="N208954" s="10"/>
    </row>
    <row r="208955" spans="14:14">
      <c r="N208955" s="10"/>
    </row>
    <row r="208956" spans="14:14">
      <c r="N208956" s="10"/>
    </row>
    <row r="208957" spans="14:14">
      <c r="N208957" s="10"/>
    </row>
    <row r="208958" spans="14:14">
      <c r="N208958" s="10"/>
    </row>
    <row r="208959" spans="14:14">
      <c r="N208959" s="10"/>
    </row>
    <row r="208960" spans="14:14">
      <c r="N208960" s="10"/>
    </row>
    <row r="208961" spans="14:14">
      <c r="N208961" s="10"/>
    </row>
    <row r="208962" spans="14:14">
      <c r="N208962" s="10"/>
    </row>
    <row r="208963" spans="14:14">
      <c r="N208963" s="10"/>
    </row>
    <row r="208964" spans="14:14">
      <c r="N208964" s="10"/>
    </row>
    <row r="208965" spans="14:14">
      <c r="N208965" s="10"/>
    </row>
    <row r="208966" spans="14:14">
      <c r="N208966" s="10"/>
    </row>
    <row r="208967" spans="14:14">
      <c r="N208967" s="10"/>
    </row>
    <row r="208968" spans="14:14">
      <c r="N208968" s="10"/>
    </row>
    <row r="208969" spans="14:14">
      <c r="N208969" s="10"/>
    </row>
    <row r="208970" spans="14:14">
      <c r="N208970" s="10"/>
    </row>
    <row r="208971" spans="14:14">
      <c r="N208971" s="10"/>
    </row>
    <row r="208972" spans="14:14">
      <c r="N208972" s="10"/>
    </row>
    <row r="208973" spans="14:14">
      <c r="N208973" s="10"/>
    </row>
    <row r="208974" spans="14:14">
      <c r="N208974" s="10"/>
    </row>
    <row r="208975" spans="14:14">
      <c r="N208975" s="10"/>
    </row>
    <row r="208976" spans="14:14">
      <c r="N208976" s="10"/>
    </row>
    <row r="208977" spans="14:14">
      <c r="N208977" s="10"/>
    </row>
    <row r="208978" spans="14:14">
      <c r="N208978" s="10"/>
    </row>
    <row r="208979" spans="14:14">
      <c r="N208979" s="10"/>
    </row>
    <row r="208980" spans="14:14">
      <c r="N208980" s="10"/>
    </row>
    <row r="208981" spans="14:14">
      <c r="N208981" s="10"/>
    </row>
    <row r="208982" spans="14:14">
      <c r="N208982" s="10"/>
    </row>
    <row r="208983" spans="14:14">
      <c r="N208983" s="10"/>
    </row>
    <row r="208984" spans="14:14">
      <c r="N208984" s="10"/>
    </row>
    <row r="208985" spans="14:14">
      <c r="N208985" s="10"/>
    </row>
    <row r="208986" spans="14:14">
      <c r="N208986" s="10"/>
    </row>
    <row r="208987" spans="14:14">
      <c r="N208987" s="10"/>
    </row>
    <row r="208988" spans="14:14">
      <c r="N208988" s="10"/>
    </row>
    <row r="208989" spans="14:14">
      <c r="N208989" s="10"/>
    </row>
    <row r="208990" spans="14:14">
      <c r="N208990" s="10"/>
    </row>
    <row r="208991" spans="14:14">
      <c r="N208991" s="10"/>
    </row>
    <row r="208992" spans="14:14">
      <c r="N208992" s="10"/>
    </row>
    <row r="208993" spans="14:14">
      <c r="N208993" s="10"/>
    </row>
    <row r="208994" spans="14:14">
      <c r="N208994" s="10"/>
    </row>
    <row r="208995" spans="14:14">
      <c r="N208995" s="10"/>
    </row>
    <row r="208996" spans="14:14">
      <c r="N208996" s="10"/>
    </row>
    <row r="208997" spans="14:14">
      <c r="N208997" s="10"/>
    </row>
    <row r="208998" spans="14:14">
      <c r="N208998" s="10"/>
    </row>
    <row r="208999" spans="14:14">
      <c r="N208999" s="10"/>
    </row>
    <row r="209000" spans="14:14">
      <c r="N209000" s="10"/>
    </row>
    <row r="209001" spans="14:14">
      <c r="N209001" s="10"/>
    </row>
    <row r="209002" spans="14:14">
      <c r="N209002" s="10"/>
    </row>
    <row r="209003" spans="14:14">
      <c r="N209003" s="10"/>
    </row>
    <row r="209004" spans="14:14">
      <c r="N209004" s="10"/>
    </row>
    <row r="209005" spans="14:14">
      <c r="N209005" s="10"/>
    </row>
    <row r="209006" spans="14:14">
      <c r="N209006" s="10"/>
    </row>
    <row r="209007" spans="14:14">
      <c r="N209007" s="10"/>
    </row>
    <row r="209008" spans="14:14">
      <c r="N209008" s="10"/>
    </row>
    <row r="209009" spans="14:14">
      <c r="N209009" s="10"/>
    </row>
    <row r="209010" spans="14:14">
      <c r="N209010" s="10"/>
    </row>
    <row r="209011" spans="14:14">
      <c r="N209011" s="10"/>
    </row>
    <row r="209012" spans="14:14">
      <c r="N209012" s="10"/>
    </row>
    <row r="209013" spans="14:14">
      <c r="N209013" s="10"/>
    </row>
    <row r="209014" spans="14:14">
      <c r="N209014" s="10"/>
    </row>
    <row r="209015" spans="14:14">
      <c r="N209015" s="10"/>
    </row>
    <row r="209016" spans="14:14">
      <c r="N209016" s="10"/>
    </row>
    <row r="209017" spans="14:14">
      <c r="N209017" s="10"/>
    </row>
    <row r="209018" spans="14:14">
      <c r="N209018" s="10"/>
    </row>
    <row r="209019" spans="14:14">
      <c r="N209019" s="10"/>
    </row>
    <row r="209020" spans="14:14">
      <c r="N209020" s="10"/>
    </row>
    <row r="209021" spans="14:14">
      <c r="N209021" s="10"/>
    </row>
    <row r="209022" spans="14:14">
      <c r="N209022" s="10"/>
    </row>
    <row r="209023" spans="14:14">
      <c r="N209023" s="10"/>
    </row>
    <row r="209024" spans="14:14">
      <c r="N209024" s="10"/>
    </row>
    <row r="209025" spans="14:14">
      <c r="N209025" s="10"/>
    </row>
    <row r="209026" spans="14:14">
      <c r="N209026" s="10"/>
    </row>
    <row r="209027" spans="14:14">
      <c r="N209027" s="10"/>
    </row>
    <row r="209028" spans="14:14">
      <c r="N209028" s="10"/>
    </row>
    <row r="209029" spans="14:14">
      <c r="N209029" s="10"/>
    </row>
    <row r="209030" spans="14:14">
      <c r="N209030" s="10"/>
    </row>
    <row r="209031" spans="14:14">
      <c r="N209031" s="10"/>
    </row>
    <row r="209032" spans="14:14">
      <c r="N209032" s="10"/>
    </row>
    <row r="209033" spans="14:14">
      <c r="N209033" s="10"/>
    </row>
    <row r="209034" spans="14:14">
      <c r="N209034" s="10"/>
    </row>
    <row r="209035" spans="14:14">
      <c r="N209035" s="10"/>
    </row>
    <row r="209036" spans="14:14">
      <c r="N209036" s="10"/>
    </row>
    <row r="209037" spans="14:14">
      <c r="N209037" s="10"/>
    </row>
    <row r="209038" spans="14:14">
      <c r="N209038" s="10"/>
    </row>
    <row r="209039" spans="14:14">
      <c r="N209039" s="10"/>
    </row>
    <row r="209040" spans="14:14">
      <c r="N209040" s="10"/>
    </row>
    <row r="209041" spans="14:14">
      <c r="N209041" s="10"/>
    </row>
    <row r="209042" spans="14:14">
      <c r="N209042" s="10"/>
    </row>
    <row r="209043" spans="14:14">
      <c r="N209043" s="10"/>
    </row>
    <row r="209044" spans="14:14">
      <c r="N209044" s="10"/>
    </row>
    <row r="209045" spans="14:14">
      <c r="N209045" s="10"/>
    </row>
    <row r="209046" spans="14:14">
      <c r="N209046" s="10"/>
    </row>
    <row r="209047" spans="14:14">
      <c r="N209047" s="10"/>
    </row>
    <row r="209048" spans="14:14">
      <c r="N209048" s="10"/>
    </row>
    <row r="209049" spans="14:14">
      <c r="N209049" s="10"/>
    </row>
    <row r="209050" spans="14:14">
      <c r="N209050" s="10"/>
    </row>
    <row r="209051" spans="14:14">
      <c r="N209051" s="10"/>
    </row>
    <row r="209052" spans="14:14">
      <c r="N209052" s="10"/>
    </row>
    <row r="209053" spans="14:14">
      <c r="N209053" s="10"/>
    </row>
    <row r="209054" spans="14:14">
      <c r="N209054" s="10"/>
    </row>
    <row r="209055" spans="14:14">
      <c r="N209055" s="10"/>
    </row>
    <row r="209056" spans="14:14">
      <c r="N209056" s="10"/>
    </row>
    <row r="209057" spans="14:14">
      <c r="N209057" s="10"/>
    </row>
    <row r="209058" spans="14:14">
      <c r="N209058" s="10"/>
    </row>
    <row r="209059" spans="14:14">
      <c r="N209059" s="10"/>
    </row>
    <row r="209060" spans="14:14">
      <c r="N209060" s="10"/>
    </row>
    <row r="209061" spans="14:14">
      <c r="N209061" s="10"/>
    </row>
    <row r="209062" spans="14:14">
      <c r="N209062" s="10"/>
    </row>
    <row r="209063" spans="14:14">
      <c r="N209063" s="10"/>
    </row>
    <row r="209064" spans="14:14">
      <c r="N209064" s="10"/>
    </row>
    <row r="209065" spans="14:14">
      <c r="N209065" s="10"/>
    </row>
    <row r="209066" spans="14:14">
      <c r="N209066" s="10"/>
    </row>
    <row r="209067" spans="14:14">
      <c r="N209067" s="10"/>
    </row>
    <row r="209068" spans="14:14">
      <c r="N209068" s="10"/>
    </row>
    <row r="209069" spans="14:14">
      <c r="N209069" s="10"/>
    </row>
    <row r="209070" spans="14:14">
      <c r="N209070" s="10"/>
    </row>
    <row r="209071" spans="14:14">
      <c r="N209071" s="10"/>
    </row>
    <row r="209072" spans="14:14">
      <c r="N209072" s="10"/>
    </row>
    <row r="209073" spans="14:14">
      <c r="N209073" s="10"/>
    </row>
    <row r="209074" spans="14:14">
      <c r="N209074" s="10"/>
    </row>
    <row r="209075" spans="14:14">
      <c r="N209075" s="10"/>
    </row>
    <row r="209076" spans="14:14">
      <c r="N209076" s="10"/>
    </row>
    <row r="209077" spans="14:14">
      <c r="N209077" s="10"/>
    </row>
    <row r="209078" spans="14:14">
      <c r="N209078" s="10"/>
    </row>
    <row r="209079" spans="14:14">
      <c r="N209079" s="10"/>
    </row>
    <row r="209080" spans="14:14">
      <c r="N209080" s="10"/>
    </row>
    <row r="209081" spans="14:14">
      <c r="N209081" s="10"/>
    </row>
    <row r="209082" spans="14:14">
      <c r="N209082" s="10"/>
    </row>
    <row r="209083" spans="14:14">
      <c r="N209083" s="10"/>
    </row>
    <row r="209084" spans="14:14">
      <c r="N209084" s="10"/>
    </row>
    <row r="209085" spans="14:14">
      <c r="N209085" s="10"/>
    </row>
    <row r="209086" spans="14:14">
      <c r="N209086" s="10"/>
    </row>
    <row r="209087" spans="14:14">
      <c r="N209087" s="10"/>
    </row>
    <row r="209088" spans="14:14">
      <c r="N209088" s="10"/>
    </row>
    <row r="209089" spans="14:14">
      <c r="N209089" s="10"/>
    </row>
    <row r="209090" spans="14:14">
      <c r="N209090" s="10"/>
    </row>
    <row r="209091" spans="14:14">
      <c r="N209091" s="10"/>
    </row>
    <row r="209092" spans="14:14">
      <c r="N209092" s="10"/>
    </row>
    <row r="209093" spans="14:14">
      <c r="N209093" s="10"/>
    </row>
    <row r="209094" spans="14:14">
      <c r="N209094" s="10"/>
    </row>
    <row r="209095" spans="14:14">
      <c r="N209095" s="10"/>
    </row>
    <row r="209096" spans="14:14">
      <c r="N209096" s="10"/>
    </row>
    <row r="209097" spans="14:14">
      <c r="N209097" s="10"/>
    </row>
    <row r="209098" spans="14:14">
      <c r="N209098" s="10"/>
    </row>
    <row r="209099" spans="14:14">
      <c r="N209099" s="10"/>
    </row>
    <row r="209100" spans="14:14">
      <c r="N209100" s="10"/>
    </row>
    <row r="209101" spans="14:14">
      <c r="N209101" s="10"/>
    </row>
    <row r="209102" spans="14:14">
      <c r="N209102" s="10"/>
    </row>
    <row r="209103" spans="14:14">
      <c r="N209103" s="10"/>
    </row>
    <row r="209104" spans="14:14">
      <c r="N209104" s="10"/>
    </row>
    <row r="209105" spans="14:14">
      <c r="N209105" s="10"/>
    </row>
    <row r="209106" spans="14:14">
      <c r="N209106" s="10"/>
    </row>
    <row r="209107" spans="14:14">
      <c r="N209107" s="10"/>
    </row>
    <row r="209108" spans="14:14">
      <c r="N209108" s="10"/>
    </row>
    <row r="209109" spans="14:14">
      <c r="N209109" s="10"/>
    </row>
    <row r="209110" spans="14:14">
      <c r="N209110" s="10"/>
    </row>
    <row r="209111" spans="14:14">
      <c r="N209111" s="10"/>
    </row>
    <row r="209112" spans="14:14">
      <c r="N209112" s="10"/>
    </row>
    <row r="209113" spans="14:14">
      <c r="N209113" s="10"/>
    </row>
    <row r="209114" spans="14:14">
      <c r="N209114" s="10"/>
    </row>
    <row r="209115" spans="14:14">
      <c r="N209115" s="10"/>
    </row>
    <row r="209116" spans="14:14">
      <c r="N209116" s="10"/>
    </row>
    <row r="209117" spans="14:14">
      <c r="N209117" s="10"/>
    </row>
    <row r="209118" spans="14:14">
      <c r="N209118" s="10"/>
    </row>
    <row r="209119" spans="14:14">
      <c r="N209119" s="10"/>
    </row>
    <row r="209120" spans="14:14">
      <c r="N209120" s="10"/>
    </row>
    <row r="209121" spans="14:14">
      <c r="N209121" s="10"/>
    </row>
    <row r="209122" spans="14:14">
      <c r="N209122" s="10"/>
    </row>
    <row r="209123" spans="14:14">
      <c r="N209123" s="10"/>
    </row>
    <row r="209124" spans="14:14">
      <c r="N209124" s="10"/>
    </row>
    <row r="209125" spans="14:14">
      <c r="N209125" s="10"/>
    </row>
    <row r="209126" spans="14:14">
      <c r="N209126" s="10"/>
    </row>
    <row r="209127" spans="14:14">
      <c r="N209127" s="10"/>
    </row>
    <row r="209128" spans="14:14">
      <c r="N209128" s="10"/>
    </row>
    <row r="209129" spans="14:14">
      <c r="N209129" s="10"/>
    </row>
    <row r="209130" spans="14:14">
      <c r="N209130" s="10"/>
    </row>
    <row r="209131" spans="14:14">
      <c r="N209131" s="10"/>
    </row>
    <row r="209132" spans="14:14">
      <c r="N209132" s="10"/>
    </row>
    <row r="209133" spans="14:14">
      <c r="N209133" s="10"/>
    </row>
    <row r="209134" spans="14:14">
      <c r="N209134" s="10"/>
    </row>
    <row r="209135" spans="14:14">
      <c r="N209135" s="10"/>
    </row>
    <row r="209136" spans="14:14">
      <c r="N209136" s="10"/>
    </row>
    <row r="209137" spans="14:14">
      <c r="N209137" s="10"/>
    </row>
    <row r="209138" spans="14:14">
      <c r="N209138" s="10"/>
    </row>
    <row r="209139" spans="14:14">
      <c r="N209139" s="10"/>
    </row>
    <row r="209140" spans="14:14">
      <c r="N209140" s="10"/>
    </row>
    <row r="209141" spans="14:14">
      <c r="N209141" s="10"/>
    </row>
    <row r="209142" spans="14:14">
      <c r="N209142" s="10"/>
    </row>
    <row r="209143" spans="14:14">
      <c r="N209143" s="10"/>
    </row>
    <row r="209144" spans="14:14">
      <c r="N209144" s="10"/>
    </row>
    <row r="209145" spans="14:14">
      <c r="N209145" s="10"/>
    </row>
    <row r="209146" spans="14:14">
      <c r="N209146" s="10"/>
    </row>
    <row r="209147" spans="14:14">
      <c r="N209147" s="10"/>
    </row>
    <row r="209148" spans="14:14">
      <c r="N209148" s="10"/>
    </row>
    <row r="209149" spans="14:14">
      <c r="N209149" s="10"/>
    </row>
    <row r="209150" spans="14:14">
      <c r="N209150" s="10"/>
    </row>
    <row r="209151" spans="14:14">
      <c r="N209151" s="10"/>
    </row>
    <row r="209152" spans="14:14">
      <c r="N209152" s="10"/>
    </row>
    <row r="209153" spans="14:14">
      <c r="N209153" s="10"/>
    </row>
    <row r="209154" spans="14:14">
      <c r="N209154" s="10"/>
    </row>
    <row r="209155" spans="14:14">
      <c r="N209155" s="10"/>
    </row>
    <row r="209156" spans="14:14">
      <c r="N209156" s="10"/>
    </row>
    <row r="209157" spans="14:14">
      <c r="N209157" s="10"/>
    </row>
    <row r="209158" spans="14:14">
      <c r="N209158" s="10"/>
    </row>
    <row r="209159" spans="14:14">
      <c r="N209159" s="10"/>
    </row>
    <row r="209160" spans="14:14">
      <c r="N209160" s="10"/>
    </row>
    <row r="209161" spans="14:14">
      <c r="N209161" s="10"/>
    </row>
    <row r="209162" spans="14:14">
      <c r="N209162" s="10"/>
    </row>
    <row r="209163" spans="14:14">
      <c r="N209163" s="10"/>
    </row>
    <row r="209164" spans="14:14">
      <c r="N209164" s="10"/>
    </row>
    <row r="209165" spans="14:14">
      <c r="N209165" s="10"/>
    </row>
    <row r="209166" spans="14:14">
      <c r="N209166" s="10"/>
    </row>
    <row r="209167" spans="14:14">
      <c r="N209167" s="10"/>
    </row>
    <row r="209168" spans="14:14">
      <c r="N209168" s="10"/>
    </row>
    <row r="209169" spans="14:14">
      <c r="N209169" s="10"/>
    </row>
    <row r="209170" spans="14:14">
      <c r="N209170" s="10"/>
    </row>
    <row r="209171" spans="14:14">
      <c r="N209171" s="10"/>
    </row>
    <row r="209172" spans="14:14">
      <c r="N209172" s="10"/>
    </row>
    <row r="209173" spans="14:14">
      <c r="N209173" s="10"/>
    </row>
    <row r="209174" spans="14:14">
      <c r="N209174" s="10"/>
    </row>
    <row r="209175" spans="14:14">
      <c r="N209175" s="10"/>
    </row>
    <row r="209176" spans="14:14">
      <c r="N209176" s="10"/>
    </row>
    <row r="209177" spans="14:14">
      <c r="N209177" s="10"/>
    </row>
    <row r="209178" spans="14:14">
      <c r="N209178" s="10"/>
    </row>
    <row r="209179" spans="14:14">
      <c r="N209179" s="10"/>
    </row>
    <row r="209180" spans="14:14">
      <c r="N209180" s="10"/>
    </row>
    <row r="209181" spans="14:14">
      <c r="N209181" s="10"/>
    </row>
    <row r="209182" spans="14:14">
      <c r="N209182" s="10"/>
    </row>
    <row r="209183" spans="14:14">
      <c r="N209183" s="10"/>
    </row>
    <row r="209184" spans="14:14">
      <c r="N209184" s="10"/>
    </row>
    <row r="209185" spans="14:14">
      <c r="N209185" s="10"/>
    </row>
    <row r="209186" spans="14:14">
      <c r="N209186" s="10"/>
    </row>
    <row r="209187" spans="14:14">
      <c r="N209187" s="10"/>
    </row>
    <row r="209188" spans="14:14">
      <c r="N209188" s="10"/>
    </row>
    <row r="209189" spans="14:14">
      <c r="N209189" s="10"/>
    </row>
    <row r="209190" spans="14:14">
      <c r="N209190" s="10"/>
    </row>
    <row r="209191" spans="14:14">
      <c r="N209191" s="10"/>
    </row>
    <row r="209192" spans="14:14">
      <c r="N209192" s="10"/>
    </row>
    <row r="209193" spans="14:14">
      <c r="N209193" s="10"/>
    </row>
    <row r="209194" spans="14:14">
      <c r="N209194" s="10"/>
    </row>
    <row r="209195" spans="14:14">
      <c r="N209195" s="10"/>
    </row>
    <row r="209196" spans="14:14">
      <c r="N209196" s="10"/>
    </row>
    <row r="209197" spans="14:14">
      <c r="N209197" s="10"/>
    </row>
    <row r="209198" spans="14:14">
      <c r="N209198" s="10"/>
    </row>
    <row r="209199" spans="14:14">
      <c r="N209199" s="10"/>
    </row>
    <row r="209200" spans="14:14">
      <c r="N209200" s="10"/>
    </row>
    <row r="209201" spans="14:14">
      <c r="N209201" s="10"/>
    </row>
    <row r="209202" spans="14:14">
      <c r="N209202" s="10"/>
    </row>
    <row r="209203" spans="14:14">
      <c r="N209203" s="10"/>
    </row>
    <row r="209204" spans="14:14">
      <c r="N209204" s="10"/>
    </row>
    <row r="209205" spans="14:14">
      <c r="N209205" s="10"/>
    </row>
    <row r="209206" spans="14:14">
      <c r="N209206" s="10"/>
    </row>
    <row r="209207" spans="14:14">
      <c r="N209207" s="10"/>
    </row>
    <row r="209208" spans="14:14">
      <c r="N209208" s="10"/>
    </row>
    <row r="209209" spans="14:14">
      <c r="N209209" s="10"/>
    </row>
    <row r="209210" spans="14:14">
      <c r="N209210" s="10"/>
    </row>
    <row r="209211" spans="14:14">
      <c r="N209211" s="10"/>
    </row>
    <row r="209212" spans="14:14">
      <c r="N209212" s="10"/>
    </row>
    <row r="209213" spans="14:14">
      <c r="N209213" s="10"/>
    </row>
    <row r="209214" spans="14:14">
      <c r="N209214" s="10"/>
    </row>
    <row r="209215" spans="14:14">
      <c r="N209215" s="10"/>
    </row>
    <row r="209216" spans="14:14">
      <c r="N209216" s="10"/>
    </row>
    <row r="209217" spans="14:14">
      <c r="N209217" s="10"/>
    </row>
    <row r="209218" spans="14:14">
      <c r="N209218" s="10"/>
    </row>
    <row r="209219" spans="14:14">
      <c r="N209219" s="10"/>
    </row>
    <row r="209220" spans="14:14">
      <c r="N209220" s="10"/>
    </row>
    <row r="209221" spans="14:14">
      <c r="N209221" s="10"/>
    </row>
    <row r="209222" spans="14:14">
      <c r="N209222" s="10"/>
    </row>
    <row r="209223" spans="14:14">
      <c r="N209223" s="10"/>
    </row>
    <row r="209224" spans="14:14">
      <c r="N209224" s="10"/>
    </row>
    <row r="209225" spans="14:14">
      <c r="N209225" s="10"/>
    </row>
    <row r="209226" spans="14:14">
      <c r="N209226" s="10"/>
    </row>
    <row r="209227" spans="14:14">
      <c r="N209227" s="10"/>
    </row>
    <row r="209228" spans="14:14">
      <c r="N209228" s="10"/>
    </row>
    <row r="209229" spans="14:14">
      <c r="N209229" s="10"/>
    </row>
    <row r="209230" spans="14:14">
      <c r="N209230" s="10"/>
    </row>
    <row r="209231" spans="14:14">
      <c r="N209231" s="10"/>
    </row>
    <row r="209232" spans="14:14">
      <c r="N209232" s="10"/>
    </row>
    <row r="209233" spans="14:14">
      <c r="N209233" s="10"/>
    </row>
    <row r="209234" spans="14:14">
      <c r="N209234" s="10"/>
    </row>
    <row r="209235" spans="14:14">
      <c r="N209235" s="10"/>
    </row>
    <row r="209236" spans="14:14">
      <c r="N209236" s="10"/>
    </row>
    <row r="209237" spans="14:14">
      <c r="N209237" s="10"/>
    </row>
    <row r="209238" spans="14:14">
      <c r="N209238" s="10"/>
    </row>
    <row r="209239" spans="14:14">
      <c r="N209239" s="10"/>
    </row>
    <row r="209240" spans="14:14">
      <c r="N209240" s="10"/>
    </row>
    <row r="209241" spans="14:14">
      <c r="N209241" s="10"/>
    </row>
    <row r="209242" spans="14:14">
      <c r="N209242" s="10"/>
    </row>
    <row r="209243" spans="14:14">
      <c r="N209243" s="10"/>
    </row>
    <row r="209244" spans="14:14">
      <c r="N209244" s="10"/>
    </row>
    <row r="209245" spans="14:14">
      <c r="N209245" s="10"/>
    </row>
    <row r="209246" spans="14:14">
      <c r="N209246" s="10"/>
    </row>
    <row r="209247" spans="14:14">
      <c r="N209247" s="10"/>
    </row>
    <row r="209248" spans="14:14">
      <c r="N209248" s="10"/>
    </row>
    <row r="209249" spans="14:14">
      <c r="N209249" s="10"/>
    </row>
    <row r="209250" spans="14:14">
      <c r="N209250" s="10"/>
    </row>
    <row r="209251" spans="14:14">
      <c r="N209251" s="10"/>
    </row>
    <row r="209252" spans="14:14">
      <c r="N209252" s="10"/>
    </row>
    <row r="209253" spans="14:14">
      <c r="N209253" s="10"/>
    </row>
    <row r="209254" spans="14:14">
      <c r="N209254" s="10"/>
    </row>
    <row r="209255" spans="14:14">
      <c r="N209255" s="10"/>
    </row>
    <row r="209256" spans="14:14">
      <c r="N209256" s="10"/>
    </row>
    <row r="209257" spans="14:14">
      <c r="N209257" s="10"/>
    </row>
    <row r="209258" spans="14:14">
      <c r="N209258" s="10"/>
    </row>
    <row r="209259" spans="14:14">
      <c r="N209259" s="10"/>
    </row>
    <row r="209260" spans="14:14">
      <c r="N209260" s="10"/>
    </row>
    <row r="209261" spans="14:14">
      <c r="N209261" s="10"/>
    </row>
    <row r="209262" spans="14:14">
      <c r="N209262" s="10"/>
    </row>
    <row r="209263" spans="14:14">
      <c r="N209263" s="10"/>
    </row>
    <row r="209264" spans="14:14">
      <c r="N209264" s="10"/>
    </row>
    <row r="209265" spans="14:14">
      <c r="N209265" s="10"/>
    </row>
    <row r="209266" spans="14:14">
      <c r="N209266" s="10"/>
    </row>
    <row r="209267" spans="14:14">
      <c r="N209267" s="10"/>
    </row>
    <row r="209268" spans="14:14">
      <c r="N209268" s="10"/>
    </row>
    <row r="209269" spans="14:14">
      <c r="N209269" s="10"/>
    </row>
    <row r="209270" spans="14:14">
      <c r="N209270" s="10"/>
    </row>
    <row r="209271" spans="14:14">
      <c r="N209271" s="10"/>
    </row>
    <row r="209272" spans="14:14">
      <c r="N209272" s="10"/>
    </row>
    <row r="209273" spans="14:14">
      <c r="N209273" s="10"/>
    </row>
    <row r="209274" spans="14:14">
      <c r="N209274" s="10"/>
    </row>
    <row r="209275" spans="14:14">
      <c r="N209275" s="10"/>
    </row>
    <row r="209276" spans="14:14">
      <c r="N209276" s="10"/>
    </row>
    <row r="209277" spans="14:14">
      <c r="N209277" s="10"/>
    </row>
    <row r="209278" spans="14:14">
      <c r="N209278" s="10"/>
    </row>
    <row r="209279" spans="14:14">
      <c r="N209279" s="10"/>
    </row>
    <row r="209280" spans="14:14">
      <c r="N209280" s="10"/>
    </row>
    <row r="209281" spans="14:14">
      <c r="N209281" s="10"/>
    </row>
    <row r="209282" spans="14:14">
      <c r="N209282" s="10"/>
    </row>
    <row r="209283" spans="14:14">
      <c r="N209283" s="10"/>
    </row>
    <row r="209284" spans="14:14">
      <c r="N209284" s="10"/>
    </row>
    <row r="209285" spans="14:14">
      <c r="N209285" s="10"/>
    </row>
    <row r="209286" spans="14:14">
      <c r="N209286" s="10"/>
    </row>
    <row r="209287" spans="14:14">
      <c r="N209287" s="10"/>
    </row>
    <row r="209288" spans="14:14">
      <c r="N209288" s="10"/>
    </row>
    <row r="209289" spans="14:14">
      <c r="N209289" s="10"/>
    </row>
    <row r="209290" spans="14:14">
      <c r="N209290" s="10"/>
    </row>
    <row r="209291" spans="14:14">
      <c r="N209291" s="10"/>
    </row>
    <row r="209292" spans="14:14">
      <c r="N209292" s="10"/>
    </row>
    <row r="209293" spans="14:14">
      <c r="N209293" s="10"/>
    </row>
    <row r="209294" spans="14:14">
      <c r="N209294" s="10"/>
    </row>
    <row r="209295" spans="14:14">
      <c r="N209295" s="10"/>
    </row>
    <row r="209296" spans="14:14">
      <c r="N209296" s="10"/>
    </row>
    <row r="209297" spans="14:14">
      <c r="N209297" s="10"/>
    </row>
    <row r="209298" spans="14:14">
      <c r="N209298" s="10"/>
    </row>
    <row r="209299" spans="14:14">
      <c r="N209299" s="10"/>
    </row>
    <row r="209300" spans="14:14">
      <c r="N209300" s="10"/>
    </row>
    <row r="209301" spans="14:14">
      <c r="N209301" s="10"/>
    </row>
    <row r="209302" spans="14:14">
      <c r="N209302" s="10"/>
    </row>
    <row r="209303" spans="14:14">
      <c r="N209303" s="10"/>
    </row>
    <row r="209304" spans="14:14">
      <c r="N209304" s="10"/>
    </row>
    <row r="209305" spans="14:14">
      <c r="N209305" s="10"/>
    </row>
    <row r="209306" spans="14:14">
      <c r="N209306" s="10"/>
    </row>
    <row r="209307" spans="14:14">
      <c r="N209307" s="10"/>
    </row>
    <row r="209308" spans="14:14">
      <c r="N209308" s="10"/>
    </row>
    <row r="209309" spans="14:14">
      <c r="N209309" s="10"/>
    </row>
    <row r="209310" spans="14:14">
      <c r="N209310" s="10"/>
    </row>
    <row r="209311" spans="14:14">
      <c r="N209311" s="10"/>
    </row>
    <row r="209312" spans="14:14">
      <c r="N209312" s="10"/>
    </row>
    <row r="209313" spans="14:14">
      <c r="N209313" s="10"/>
    </row>
    <row r="209314" spans="14:14">
      <c r="N209314" s="10"/>
    </row>
    <row r="209315" spans="14:14">
      <c r="N209315" s="10"/>
    </row>
    <row r="209316" spans="14:14">
      <c r="N209316" s="10"/>
    </row>
    <row r="209317" spans="14:14">
      <c r="N209317" s="10"/>
    </row>
    <row r="209318" spans="14:14">
      <c r="N209318" s="10"/>
    </row>
    <row r="209319" spans="14:14">
      <c r="N209319" s="10"/>
    </row>
    <row r="209320" spans="14:14">
      <c r="N209320" s="10"/>
    </row>
    <row r="209321" spans="14:14">
      <c r="N209321" s="10"/>
    </row>
    <row r="209322" spans="14:14">
      <c r="N209322" s="10"/>
    </row>
    <row r="209323" spans="14:14">
      <c r="N209323" s="10"/>
    </row>
    <row r="209324" spans="14:14">
      <c r="N209324" s="10"/>
    </row>
    <row r="209325" spans="14:14">
      <c r="N209325" s="10"/>
    </row>
    <row r="209326" spans="14:14">
      <c r="N209326" s="10"/>
    </row>
    <row r="209327" spans="14:14">
      <c r="N209327" s="10"/>
    </row>
    <row r="209328" spans="14:14">
      <c r="N209328" s="10"/>
    </row>
    <row r="209329" spans="14:14">
      <c r="N209329" s="10"/>
    </row>
    <row r="209330" spans="14:14">
      <c r="N209330" s="10"/>
    </row>
    <row r="209331" spans="14:14">
      <c r="N209331" s="10"/>
    </row>
    <row r="209332" spans="14:14">
      <c r="N209332" s="10"/>
    </row>
    <row r="209333" spans="14:14">
      <c r="N209333" s="10"/>
    </row>
    <row r="209334" spans="14:14">
      <c r="N209334" s="10"/>
    </row>
    <row r="209335" spans="14:14">
      <c r="N209335" s="10"/>
    </row>
    <row r="209336" spans="14:14">
      <c r="N209336" s="10"/>
    </row>
    <row r="209337" spans="14:14">
      <c r="N209337" s="10"/>
    </row>
    <row r="209338" spans="14:14">
      <c r="N209338" s="10"/>
    </row>
    <row r="209339" spans="14:14">
      <c r="N209339" s="10"/>
    </row>
    <row r="209340" spans="14:14">
      <c r="N209340" s="10"/>
    </row>
    <row r="209341" spans="14:14">
      <c r="N209341" s="10"/>
    </row>
    <row r="209342" spans="14:14">
      <c r="N209342" s="10"/>
    </row>
    <row r="209343" spans="14:14">
      <c r="N209343" s="10"/>
    </row>
    <row r="209344" spans="14:14">
      <c r="N209344" s="10"/>
    </row>
    <row r="209345" spans="14:14">
      <c r="N209345" s="10"/>
    </row>
    <row r="209346" spans="14:14">
      <c r="N209346" s="10"/>
    </row>
    <row r="209347" spans="14:14">
      <c r="N209347" s="10"/>
    </row>
    <row r="209348" spans="14:14">
      <c r="N209348" s="10"/>
    </row>
    <row r="209349" spans="14:14">
      <c r="N209349" s="10"/>
    </row>
    <row r="209350" spans="14:14">
      <c r="N209350" s="10"/>
    </row>
    <row r="209351" spans="14:14">
      <c r="N209351" s="10"/>
    </row>
    <row r="209352" spans="14:14">
      <c r="N209352" s="10"/>
    </row>
    <row r="209353" spans="14:14">
      <c r="N209353" s="10"/>
    </row>
    <row r="209354" spans="14:14">
      <c r="N209354" s="10"/>
    </row>
    <row r="209355" spans="14:14">
      <c r="N209355" s="10"/>
    </row>
    <row r="209356" spans="14:14">
      <c r="N209356" s="10"/>
    </row>
    <row r="209357" spans="14:14">
      <c r="N209357" s="10"/>
    </row>
    <row r="209358" spans="14:14">
      <c r="N209358" s="10"/>
    </row>
    <row r="209359" spans="14:14">
      <c r="N209359" s="10"/>
    </row>
    <row r="209360" spans="14:14">
      <c r="N209360" s="10"/>
    </row>
    <row r="209361" spans="14:14">
      <c r="N209361" s="10"/>
    </row>
    <row r="209362" spans="14:14">
      <c r="N209362" s="10"/>
    </row>
    <row r="209363" spans="14:14">
      <c r="N209363" s="10"/>
    </row>
    <row r="209364" spans="14:14">
      <c r="N209364" s="10"/>
    </row>
    <row r="209365" spans="14:14">
      <c r="N209365" s="10"/>
    </row>
    <row r="209366" spans="14:14">
      <c r="N209366" s="10"/>
    </row>
    <row r="209367" spans="14:14">
      <c r="N209367" s="10"/>
    </row>
    <row r="209368" spans="14:14">
      <c r="N209368" s="10"/>
    </row>
    <row r="209369" spans="14:14">
      <c r="N209369" s="10"/>
    </row>
    <row r="209370" spans="14:14">
      <c r="N209370" s="10"/>
    </row>
    <row r="209371" spans="14:14">
      <c r="N209371" s="10"/>
    </row>
    <row r="209372" spans="14:14">
      <c r="N209372" s="10"/>
    </row>
    <row r="209373" spans="14:14">
      <c r="N209373" s="10"/>
    </row>
    <row r="209374" spans="14:14">
      <c r="N209374" s="10"/>
    </row>
    <row r="209375" spans="14:14">
      <c r="N209375" s="10"/>
    </row>
    <row r="209376" spans="14:14">
      <c r="N209376" s="10"/>
    </row>
    <row r="209377" spans="14:14">
      <c r="N209377" s="10"/>
    </row>
    <row r="209378" spans="14:14">
      <c r="N209378" s="10"/>
    </row>
    <row r="209379" spans="14:14">
      <c r="N209379" s="10"/>
    </row>
    <row r="209380" spans="14:14">
      <c r="N209380" s="10"/>
    </row>
    <row r="209381" spans="14:14">
      <c r="N209381" s="10"/>
    </row>
    <row r="209382" spans="14:14">
      <c r="N209382" s="10"/>
    </row>
    <row r="209383" spans="14:14">
      <c r="N209383" s="10"/>
    </row>
    <row r="209384" spans="14:14">
      <c r="N209384" s="10"/>
    </row>
    <row r="209385" spans="14:14">
      <c r="N209385" s="10"/>
    </row>
    <row r="209386" spans="14:14">
      <c r="N209386" s="10"/>
    </row>
    <row r="209387" spans="14:14">
      <c r="N209387" s="10"/>
    </row>
    <row r="209388" spans="14:14">
      <c r="N209388" s="10"/>
    </row>
    <row r="209389" spans="14:14">
      <c r="N209389" s="10"/>
    </row>
    <row r="209390" spans="14:14">
      <c r="N209390" s="10"/>
    </row>
    <row r="209391" spans="14:14">
      <c r="N209391" s="10"/>
    </row>
    <row r="209392" spans="14:14">
      <c r="N209392" s="10"/>
    </row>
    <row r="209393" spans="14:14">
      <c r="N209393" s="10"/>
    </row>
    <row r="209394" spans="14:14">
      <c r="N209394" s="10"/>
    </row>
    <row r="209395" spans="14:14">
      <c r="N209395" s="10"/>
    </row>
    <row r="209396" spans="14:14">
      <c r="N209396" s="10"/>
    </row>
    <row r="209397" spans="14:14">
      <c r="N209397" s="10"/>
    </row>
    <row r="209398" spans="14:14">
      <c r="N209398" s="10"/>
    </row>
    <row r="209399" spans="14:14">
      <c r="N209399" s="10"/>
    </row>
    <row r="209400" spans="14:14">
      <c r="N209400" s="10"/>
    </row>
    <row r="209401" spans="14:14">
      <c r="N209401" s="10"/>
    </row>
    <row r="209402" spans="14:14">
      <c r="N209402" s="10"/>
    </row>
    <row r="209403" spans="14:14">
      <c r="N209403" s="10"/>
    </row>
    <row r="209404" spans="14:14">
      <c r="N209404" s="10"/>
    </row>
    <row r="209405" spans="14:14">
      <c r="N209405" s="10"/>
    </row>
    <row r="209406" spans="14:14">
      <c r="N209406" s="10"/>
    </row>
    <row r="209407" spans="14:14">
      <c r="N209407" s="10"/>
    </row>
    <row r="209408" spans="14:14">
      <c r="N209408" s="10"/>
    </row>
    <row r="209409" spans="14:14">
      <c r="N209409" s="10"/>
    </row>
    <row r="209410" spans="14:14">
      <c r="N209410" s="10"/>
    </row>
    <row r="209411" spans="14:14">
      <c r="N209411" s="10"/>
    </row>
    <row r="209412" spans="14:14">
      <c r="N209412" s="10"/>
    </row>
    <row r="209413" spans="14:14">
      <c r="N209413" s="10"/>
    </row>
    <row r="209414" spans="14:14">
      <c r="N209414" s="10"/>
    </row>
    <row r="209415" spans="14:14">
      <c r="N209415" s="10"/>
    </row>
    <row r="209416" spans="14:14">
      <c r="N209416" s="10"/>
    </row>
    <row r="209417" spans="14:14">
      <c r="N209417" s="10"/>
    </row>
    <row r="209418" spans="14:14">
      <c r="N209418" s="10"/>
    </row>
    <row r="209419" spans="14:14">
      <c r="N209419" s="10"/>
    </row>
    <row r="209420" spans="14:14">
      <c r="N209420" s="10"/>
    </row>
    <row r="209421" spans="14:14">
      <c r="N209421" s="10"/>
    </row>
    <row r="209422" spans="14:14">
      <c r="N209422" s="10"/>
    </row>
    <row r="209423" spans="14:14">
      <c r="N209423" s="10"/>
    </row>
    <row r="209424" spans="14:14">
      <c r="N209424" s="10"/>
    </row>
    <row r="209425" spans="14:14">
      <c r="N209425" s="10"/>
    </row>
    <row r="209426" spans="14:14">
      <c r="N209426" s="10"/>
    </row>
    <row r="209427" spans="14:14">
      <c r="N209427" s="10"/>
    </row>
    <row r="209428" spans="14:14">
      <c r="N209428" s="10"/>
    </row>
    <row r="209429" spans="14:14">
      <c r="N209429" s="10"/>
    </row>
    <row r="209430" spans="14:14">
      <c r="N209430" s="10"/>
    </row>
    <row r="209431" spans="14:14">
      <c r="N209431" s="10"/>
    </row>
    <row r="209432" spans="14:14">
      <c r="N209432" s="10"/>
    </row>
    <row r="209433" spans="14:14">
      <c r="N209433" s="10"/>
    </row>
    <row r="209434" spans="14:14">
      <c r="N209434" s="10"/>
    </row>
    <row r="209435" spans="14:14">
      <c r="N209435" s="10"/>
    </row>
    <row r="209436" spans="14:14">
      <c r="N209436" s="10"/>
    </row>
    <row r="209437" spans="14:14">
      <c r="N209437" s="10"/>
    </row>
    <row r="209438" spans="14:14">
      <c r="N209438" s="10"/>
    </row>
    <row r="209439" spans="14:14">
      <c r="N209439" s="10"/>
    </row>
    <row r="209440" spans="14:14">
      <c r="N209440" s="10"/>
    </row>
    <row r="209441" spans="14:14">
      <c r="N209441" s="10"/>
    </row>
    <row r="209442" spans="14:14">
      <c r="N209442" s="10"/>
    </row>
    <row r="209443" spans="14:14">
      <c r="N209443" s="10"/>
    </row>
    <row r="209444" spans="14:14">
      <c r="N209444" s="10"/>
    </row>
    <row r="209445" spans="14:14">
      <c r="N209445" s="10"/>
    </row>
    <row r="209446" spans="14:14">
      <c r="N209446" s="10"/>
    </row>
    <row r="209447" spans="14:14">
      <c r="N209447" s="10"/>
    </row>
    <row r="209448" spans="14:14">
      <c r="N209448" s="10"/>
    </row>
    <row r="209449" spans="14:14">
      <c r="N209449" s="10"/>
    </row>
    <row r="209450" spans="14:14">
      <c r="N209450" s="10"/>
    </row>
    <row r="209451" spans="14:14">
      <c r="N209451" s="10"/>
    </row>
    <row r="209452" spans="14:14">
      <c r="N209452" s="10"/>
    </row>
    <row r="209453" spans="14:14">
      <c r="N209453" s="10"/>
    </row>
    <row r="209454" spans="14:14">
      <c r="N209454" s="10"/>
    </row>
    <row r="209455" spans="14:14">
      <c r="N209455" s="10"/>
    </row>
    <row r="209456" spans="14:14">
      <c r="N209456" s="10"/>
    </row>
    <row r="209457" spans="14:14">
      <c r="N209457" s="10"/>
    </row>
    <row r="209458" spans="14:14">
      <c r="N209458" s="10"/>
    </row>
    <row r="209459" spans="14:14">
      <c r="N209459" s="10"/>
    </row>
    <row r="209460" spans="14:14">
      <c r="N209460" s="10"/>
    </row>
    <row r="209461" spans="14:14">
      <c r="N209461" s="10"/>
    </row>
    <row r="209462" spans="14:14">
      <c r="N209462" s="10"/>
    </row>
    <row r="209463" spans="14:14">
      <c r="N209463" s="10"/>
    </row>
    <row r="209464" spans="14:14">
      <c r="N209464" s="10"/>
    </row>
    <row r="209465" spans="14:14">
      <c r="N209465" s="10"/>
    </row>
    <row r="209466" spans="14:14">
      <c r="N209466" s="10"/>
    </row>
    <row r="209467" spans="14:14">
      <c r="N209467" s="10"/>
    </row>
    <row r="209468" spans="14:14">
      <c r="N209468" s="10"/>
    </row>
    <row r="209469" spans="14:14">
      <c r="N209469" s="10"/>
    </row>
    <row r="209470" spans="14:14">
      <c r="N209470" s="10"/>
    </row>
    <row r="209471" spans="14:14">
      <c r="N209471" s="10"/>
    </row>
    <row r="209472" spans="14:14">
      <c r="N209472" s="10"/>
    </row>
    <row r="209473" spans="14:14">
      <c r="N209473" s="10"/>
    </row>
    <row r="209474" spans="14:14">
      <c r="N209474" s="10"/>
    </row>
    <row r="209475" spans="14:14">
      <c r="N209475" s="10"/>
    </row>
    <row r="209476" spans="14:14">
      <c r="N209476" s="10"/>
    </row>
    <row r="209477" spans="14:14">
      <c r="N209477" s="10"/>
    </row>
    <row r="209478" spans="14:14">
      <c r="N209478" s="10"/>
    </row>
    <row r="209479" spans="14:14">
      <c r="N209479" s="10"/>
    </row>
    <row r="209480" spans="14:14">
      <c r="N209480" s="10"/>
    </row>
    <row r="209481" spans="14:14">
      <c r="N209481" s="10"/>
    </row>
    <row r="209482" spans="14:14">
      <c r="N209482" s="10"/>
    </row>
    <row r="209483" spans="14:14">
      <c r="N209483" s="10"/>
    </row>
    <row r="209484" spans="14:14">
      <c r="N209484" s="10"/>
    </row>
    <row r="209485" spans="14:14">
      <c r="N209485" s="10"/>
    </row>
    <row r="209486" spans="14:14">
      <c r="N209486" s="10"/>
    </row>
    <row r="209487" spans="14:14">
      <c r="N209487" s="10"/>
    </row>
    <row r="209488" spans="14:14">
      <c r="N209488" s="10"/>
    </row>
    <row r="209489" spans="14:14">
      <c r="N209489" s="10"/>
    </row>
    <row r="209490" spans="14:14">
      <c r="N209490" s="10"/>
    </row>
    <row r="209491" spans="14:14">
      <c r="N209491" s="10"/>
    </row>
    <row r="209492" spans="14:14">
      <c r="N209492" s="10"/>
    </row>
    <row r="209493" spans="14:14">
      <c r="N209493" s="10"/>
    </row>
    <row r="209494" spans="14:14">
      <c r="N209494" s="10"/>
    </row>
    <row r="209495" spans="14:14">
      <c r="N209495" s="10"/>
    </row>
    <row r="209496" spans="14:14">
      <c r="N209496" s="10"/>
    </row>
    <row r="209497" spans="14:14">
      <c r="N209497" s="10"/>
    </row>
    <row r="209498" spans="14:14">
      <c r="N209498" s="10"/>
    </row>
    <row r="209499" spans="14:14">
      <c r="N209499" s="10"/>
    </row>
    <row r="209500" spans="14:14">
      <c r="N209500" s="10"/>
    </row>
    <row r="209501" spans="14:14">
      <c r="N209501" s="10"/>
    </row>
    <row r="209502" spans="14:14">
      <c r="N209502" s="10"/>
    </row>
    <row r="209503" spans="14:14">
      <c r="N209503" s="10"/>
    </row>
    <row r="209504" spans="14:14">
      <c r="N209504" s="10"/>
    </row>
    <row r="209505" spans="14:14">
      <c r="N209505" s="10"/>
    </row>
    <row r="209506" spans="14:14">
      <c r="N209506" s="10"/>
    </row>
    <row r="209507" spans="14:14">
      <c r="N209507" s="10"/>
    </row>
    <row r="209508" spans="14:14">
      <c r="N209508" s="10"/>
    </row>
    <row r="209509" spans="14:14">
      <c r="N209509" s="10"/>
    </row>
    <row r="209510" spans="14:14">
      <c r="N209510" s="10"/>
    </row>
    <row r="209511" spans="14:14">
      <c r="N209511" s="10"/>
    </row>
    <row r="209512" spans="14:14">
      <c r="N209512" s="10"/>
    </row>
    <row r="209513" spans="14:14">
      <c r="N209513" s="10"/>
    </row>
    <row r="209514" spans="14:14">
      <c r="N209514" s="10"/>
    </row>
    <row r="209515" spans="14:14">
      <c r="N209515" s="10"/>
    </row>
    <row r="209516" spans="14:14">
      <c r="N209516" s="10"/>
    </row>
    <row r="209517" spans="14:14">
      <c r="N209517" s="10"/>
    </row>
    <row r="209518" spans="14:14">
      <c r="N209518" s="10"/>
    </row>
    <row r="209519" spans="14:14">
      <c r="N209519" s="10"/>
    </row>
    <row r="209520" spans="14:14">
      <c r="N209520" s="10"/>
    </row>
    <row r="209521" spans="14:14">
      <c r="N209521" s="10"/>
    </row>
    <row r="209522" spans="14:14">
      <c r="N209522" s="10"/>
    </row>
    <row r="209523" spans="14:14">
      <c r="N209523" s="10"/>
    </row>
    <row r="209524" spans="14:14">
      <c r="N209524" s="10"/>
    </row>
    <row r="209525" spans="14:14">
      <c r="N209525" s="10"/>
    </row>
    <row r="209526" spans="14:14">
      <c r="N209526" s="10"/>
    </row>
    <row r="209527" spans="14:14">
      <c r="N209527" s="10"/>
    </row>
    <row r="209528" spans="14:14">
      <c r="N209528" s="10"/>
    </row>
    <row r="209529" spans="14:14">
      <c r="N209529" s="10"/>
    </row>
    <row r="209530" spans="14:14">
      <c r="N209530" s="10"/>
    </row>
    <row r="209531" spans="14:14">
      <c r="N209531" s="10"/>
    </row>
    <row r="209532" spans="14:14">
      <c r="N209532" s="10"/>
    </row>
    <row r="209533" spans="14:14">
      <c r="N209533" s="10"/>
    </row>
    <row r="209534" spans="14:14">
      <c r="N209534" s="10"/>
    </row>
    <row r="209535" spans="14:14">
      <c r="N209535" s="10"/>
    </row>
    <row r="209536" spans="14:14">
      <c r="N209536" s="10"/>
    </row>
    <row r="209537" spans="14:14">
      <c r="N209537" s="10"/>
    </row>
    <row r="209538" spans="14:14">
      <c r="N209538" s="10"/>
    </row>
    <row r="209539" spans="14:14">
      <c r="N209539" s="10"/>
    </row>
    <row r="209540" spans="14:14">
      <c r="N209540" s="10"/>
    </row>
    <row r="209541" spans="14:14">
      <c r="N209541" s="10"/>
    </row>
    <row r="209542" spans="14:14">
      <c r="N209542" s="10"/>
    </row>
    <row r="209543" spans="14:14">
      <c r="N209543" s="10"/>
    </row>
    <row r="209544" spans="14:14">
      <c r="N209544" s="10"/>
    </row>
    <row r="209545" spans="14:14">
      <c r="N209545" s="10"/>
    </row>
    <row r="209546" spans="14:14">
      <c r="N209546" s="10"/>
    </row>
    <row r="209547" spans="14:14">
      <c r="N209547" s="10"/>
    </row>
    <row r="209548" spans="14:14">
      <c r="N209548" s="10"/>
    </row>
    <row r="209549" spans="14:14">
      <c r="N209549" s="10"/>
    </row>
    <row r="209550" spans="14:14">
      <c r="N209550" s="10"/>
    </row>
    <row r="209551" spans="14:14">
      <c r="N209551" s="10"/>
    </row>
    <row r="209552" spans="14:14">
      <c r="N209552" s="10"/>
    </row>
    <row r="209553" spans="14:14">
      <c r="N209553" s="10"/>
    </row>
    <row r="209554" spans="14:14">
      <c r="N209554" s="10"/>
    </row>
    <row r="209555" spans="14:14">
      <c r="N209555" s="10"/>
    </row>
    <row r="209556" spans="14:14">
      <c r="N209556" s="10"/>
    </row>
    <row r="209557" spans="14:14">
      <c r="N209557" s="10"/>
    </row>
    <row r="209558" spans="14:14">
      <c r="N209558" s="10"/>
    </row>
    <row r="209559" spans="14:14">
      <c r="N209559" s="10"/>
    </row>
    <row r="209560" spans="14:14">
      <c r="N209560" s="10"/>
    </row>
    <row r="209561" spans="14:14">
      <c r="N209561" s="10"/>
    </row>
    <row r="209562" spans="14:14">
      <c r="N209562" s="10"/>
    </row>
    <row r="209563" spans="14:14">
      <c r="N209563" s="10"/>
    </row>
    <row r="209564" spans="14:14">
      <c r="N209564" s="10"/>
    </row>
    <row r="209565" spans="14:14">
      <c r="N209565" s="10"/>
    </row>
    <row r="209566" spans="14:14">
      <c r="N209566" s="10"/>
    </row>
    <row r="209567" spans="14:14">
      <c r="N209567" s="10"/>
    </row>
    <row r="209568" spans="14:14">
      <c r="N209568" s="10"/>
    </row>
    <row r="209569" spans="14:14">
      <c r="N209569" s="10"/>
    </row>
    <row r="209570" spans="14:14">
      <c r="N209570" s="10"/>
    </row>
    <row r="209571" spans="14:14">
      <c r="N209571" s="10"/>
    </row>
    <row r="209572" spans="14:14">
      <c r="N209572" s="10"/>
    </row>
    <row r="209573" spans="14:14">
      <c r="N209573" s="10"/>
    </row>
    <row r="209574" spans="14:14">
      <c r="N209574" s="10"/>
    </row>
    <row r="209575" spans="14:14">
      <c r="N209575" s="10"/>
    </row>
    <row r="209576" spans="14:14">
      <c r="N209576" s="10"/>
    </row>
    <row r="209577" spans="14:14">
      <c r="N209577" s="10"/>
    </row>
    <row r="209578" spans="14:14">
      <c r="N209578" s="10"/>
    </row>
    <row r="209579" spans="14:14">
      <c r="N209579" s="10"/>
    </row>
    <row r="209580" spans="14:14">
      <c r="N209580" s="10"/>
    </row>
    <row r="209581" spans="14:14">
      <c r="N209581" s="10"/>
    </row>
    <row r="209582" spans="14:14">
      <c r="N209582" s="10"/>
    </row>
    <row r="209583" spans="14:14">
      <c r="N209583" s="10"/>
    </row>
    <row r="209584" spans="14:14">
      <c r="N209584" s="10"/>
    </row>
    <row r="209585" spans="14:14">
      <c r="N209585" s="10"/>
    </row>
    <row r="209586" spans="14:14">
      <c r="N209586" s="10"/>
    </row>
    <row r="209587" spans="14:14">
      <c r="N209587" s="10"/>
    </row>
    <row r="209588" spans="14:14">
      <c r="N209588" s="10"/>
    </row>
    <row r="209589" spans="14:14">
      <c r="N209589" s="10"/>
    </row>
    <row r="209590" spans="14:14">
      <c r="N209590" s="10"/>
    </row>
    <row r="209591" spans="14:14">
      <c r="N209591" s="10"/>
    </row>
    <row r="209592" spans="14:14">
      <c r="N209592" s="10"/>
    </row>
    <row r="209593" spans="14:14">
      <c r="N209593" s="10"/>
    </row>
    <row r="209594" spans="14:14">
      <c r="N209594" s="10"/>
    </row>
    <row r="209595" spans="14:14">
      <c r="N209595" s="10"/>
    </row>
    <row r="209596" spans="14:14">
      <c r="N209596" s="10"/>
    </row>
    <row r="209597" spans="14:14">
      <c r="N209597" s="10"/>
    </row>
    <row r="209598" spans="14:14">
      <c r="N209598" s="10"/>
    </row>
    <row r="209599" spans="14:14">
      <c r="N209599" s="10"/>
    </row>
    <row r="209600" spans="14:14">
      <c r="N209600" s="10"/>
    </row>
    <row r="209601" spans="14:14">
      <c r="N209601" s="10"/>
    </row>
    <row r="209602" spans="14:14">
      <c r="N209602" s="10"/>
    </row>
    <row r="209603" spans="14:14">
      <c r="N209603" s="10"/>
    </row>
    <row r="209604" spans="14:14">
      <c r="N209604" s="10"/>
    </row>
    <row r="209605" spans="14:14">
      <c r="N209605" s="10"/>
    </row>
    <row r="209606" spans="14:14">
      <c r="N209606" s="10"/>
    </row>
    <row r="209607" spans="14:14">
      <c r="N209607" s="10"/>
    </row>
    <row r="209608" spans="14:14">
      <c r="N209608" s="10"/>
    </row>
    <row r="209609" spans="14:14">
      <c r="N209609" s="10"/>
    </row>
    <row r="209610" spans="14:14">
      <c r="N209610" s="10"/>
    </row>
    <row r="209611" spans="14:14">
      <c r="N209611" s="10"/>
    </row>
    <row r="209612" spans="14:14">
      <c r="N209612" s="10"/>
    </row>
    <row r="209613" spans="14:14">
      <c r="N209613" s="10"/>
    </row>
    <row r="209614" spans="14:14">
      <c r="N209614" s="10"/>
    </row>
    <row r="209615" spans="14:14">
      <c r="N209615" s="10"/>
    </row>
    <row r="209616" spans="14:14">
      <c r="N209616" s="10"/>
    </row>
    <row r="209617" spans="14:14">
      <c r="N209617" s="10"/>
    </row>
    <row r="209618" spans="14:14">
      <c r="N209618" s="10"/>
    </row>
    <row r="209619" spans="14:14">
      <c r="N209619" s="10"/>
    </row>
    <row r="209620" spans="14:14">
      <c r="N209620" s="10"/>
    </row>
    <row r="209621" spans="14:14">
      <c r="N209621" s="10"/>
    </row>
    <row r="209622" spans="14:14">
      <c r="N209622" s="10"/>
    </row>
    <row r="209623" spans="14:14">
      <c r="N209623" s="10"/>
    </row>
    <row r="209624" spans="14:14">
      <c r="N209624" s="10"/>
    </row>
    <row r="209625" spans="14:14">
      <c r="N209625" s="10"/>
    </row>
    <row r="209626" spans="14:14">
      <c r="N209626" s="10"/>
    </row>
    <row r="209627" spans="14:14">
      <c r="N209627" s="10"/>
    </row>
    <row r="209628" spans="14:14">
      <c r="N209628" s="10"/>
    </row>
    <row r="209629" spans="14:14">
      <c r="N209629" s="10"/>
    </row>
    <row r="209630" spans="14:14">
      <c r="N209630" s="10"/>
    </row>
    <row r="209631" spans="14:14">
      <c r="N209631" s="10"/>
    </row>
    <row r="209632" spans="14:14">
      <c r="N209632" s="10"/>
    </row>
    <row r="209633" spans="14:14">
      <c r="N209633" s="10"/>
    </row>
    <row r="209634" spans="14:14">
      <c r="N209634" s="10"/>
    </row>
    <row r="209635" spans="14:14">
      <c r="N209635" s="10"/>
    </row>
    <row r="209636" spans="14:14">
      <c r="N209636" s="10"/>
    </row>
    <row r="209637" spans="14:14">
      <c r="N209637" s="10"/>
    </row>
    <row r="209638" spans="14:14">
      <c r="N209638" s="10"/>
    </row>
    <row r="209639" spans="14:14">
      <c r="N209639" s="10"/>
    </row>
    <row r="209640" spans="14:14">
      <c r="N209640" s="10"/>
    </row>
    <row r="209641" spans="14:14">
      <c r="N209641" s="10"/>
    </row>
    <row r="209642" spans="14:14">
      <c r="N209642" s="10"/>
    </row>
    <row r="209643" spans="14:14">
      <c r="N209643" s="10"/>
    </row>
    <row r="209644" spans="14:14">
      <c r="N209644" s="10"/>
    </row>
    <row r="209645" spans="14:14">
      <c r="N209645" s="10"/>
    </row>
    <row r="209646" spans="14:14">
      <c r="N209646" s="10"/>
    </row>
    <row r="209647" spans="14:14">
      <c r="N209647" s="10"/>
    </row>
    <row r="209648" spans="14:14">
      <c r="N209648" s="10"/>
    </row>
    <row r="209649" spans="14:14">
      <c r="N209649" s="10"/>
    </row>
    <row r="209650" spans="14:14">
      <c r="N209650" s="10"/>
    </row>
    <row r="209651" spans="14:14">
      <c r="N209651" s="10"/>
    </row>
    <row r="209652" spans="14:14">
      <c r="N209652" s="10"/>
    </row>
    <row r="209653" spans="14:14">
      <c r="N209653" s="10"/>
    </row>
    <row r="209654" spans="14:14">
      <c r="N209654" s="10"/>
    </row>
    <row r="209655" spans="14:14">
      <c r="N209655" s="10"/>
    </row>
    <row r="209656" spans="14:14">
      <c r="N209656" s="10"/>
    </row>
    <row r="209657" spans="14:14">
      <c r="N209657" s="10"/>
    </row>
    <row r="209658" spans="14:14">
      <c r="N209658" s="10"/>
    </row>
    <row r="209659" spans="14:14">
      <c r="N209659" s="10"/>
    </row>
    <row r="209660" spans="14:14">
      <c r="N209660" s="10"/>
    </row>
    <row r="209661" spans="14:14">
      <c r="N209661" s="10"/>
    </row>
    <row r="209662" spans="14:14">
      <c r="N209662" s="10"/>
    </row>
    <row r="209663" spans="14:14">
      <c r="N209663" s="10"/>
    </row>
    <row r="209664" spans="14:14">
      <c r="N209664" s="10"/>
    </row>
    <row r="209665" spans="14:14">
      <c r="N209665" s="10"/>
    </row>
    <row r="209666" spans="14:14">
      <c r="N209666" s="10"/>
    </row>
    <row r="209667" spans="14:14">
      <c r="N209667" s="10"/>
    </row>
    <row r="209668" spans="14:14">
      <c r="N209668" s="10"/>
    </row>
    <row r="209669" spans="14:14">
      <c r="N209669" s="10"/>
    </row>
    <row r="209670" spans="14:14">
      <c r="N209670" s="10"/>
    </row>
    <row r="209671" spans="14:14">
      <c r="N209671" s="10"/>
    </row>
    <row r="209672" spans="14:14">
      <c r="N209672" s="10"/>
    </row>
    <row r="209673" spans="14:14">
      <c r="N209673" s="10"/>
    </row>
    <row r="209674" spans="14:14">
      <c r="N209674" s="10"/>
    </row>
    <row r="209675" spans="14:14">
      <c r="N209675" s="10"/>
    </row>
    <row r="209676" spans="14:14">
      <c r="N209676" s="10"/>
    </row>
    <row r="209677" spans="14:14">
      <c r="N209677" s="10"/>
    </row>
    <row r="209678" spans="14:14">
      <c r="N209678" s="10"/>
    </row>
    <row r="209679" spans="14:14">
      <c r="N209679" s="10"/>
    </row>
    <row r="209680" spans="14:14">
      <c r="N209680" s="10"/>
    </row>
    <row r="209681" spans="14:14">
      <c r="N209681" s="10"/>
    </row>
    <row r="209682" spans="14:14">
      <c r="N209682" s="10"/>
    </row>
    <row r="209683" spans="14:14">
      <c r="N209683" s="10"/>
    </row>
    <row r="209684" spans="14:14">
      <c r="N209684" s="10"/>
    </row>
    <row r="209685" spans="14:14">
      <c r="N209685" s="10"/>
    </row>
    <row r="209686" spans="14:14">
      <c r="N209686" s="10"/>
    </row>
    <row r="209687" spans="14:14">
      <c r="N209687" s="10"/>
    </row>
    <row r="209688" spans="14:14">
      <c r="N209688" s="10"/>
    </row>
    <row r="209689" spans="14:14">
      <c r="N209689" s="10"/>
    </row>
    <row r="209690" spans="14:14">
      <c r="N209690" s="10"/>
    </row>
    <row r="209691" spans="14:14">
      <c r="N209691" s="10"/>
    </row>
    <row r="209692" spans="14:14">
      <c r="N209692" s="10"/>
    </row>
    <row r="209693" spans="14:14">
      <c r="N209693" s="10"/>
    </row>
    <row r="209694" spans="14:14">
      <c r="N209694" s="10"/>
    </row>
    <row r="209695" spans="14:14">
      <c r="N209695" s="10"/>
    </row>
    <row r="209696" spans="14:14">
      <c r="N209696" s="10"/>
    </row>
    <row r="209697" spans="14:14">
      <c r="N209697" s="10"/>
    </row>
    <row r="209698" spans="14:14">
      <c r="N209698" s="10"/>
    </row>
    <row r="209699" spans="14:14">
      <c r="N209699" s="10"/>
    </row>
    <row r="209700" spans="14:14">
      <c r="N209700" s="10"/>
    </row>
    <row r="209701" spans="14:14">
      <c r="N209701" s="10"/>
    </row>
    <row r="209702" spans="14:14">
      <c r="N209702" s="10"/>
    </row>
    <row r="209703" spans="14:14">
      <c r="N209703" s="10"/>
    </row>
    <row r="209704" spans="14:14">
      <c r="N209704" s="10"/>
    </row>
    <row r="209705" spans="14:14">
      <c r="N209705" s="10"/>
    </row>
    <row r="209706" spans="14:14">
      <c r="N209706" s="10"/>
    </row>
    <row r="209707" spans="14:14">
      <c r="N209707" s="10"/>
    </row>
    <row r="209708" spans="14:14">
      <c r="N209708" s="10"/>
    </row>
    <row r="209709" spans="14:14">
      <c r="N209709" s="10"/>
    </row>
    <row r="209710" spans="14:14">
      <c r="N209710" s="10"/>
    </row>
    <row r="209711" spans="14:14">
      <c r="N209711" s="10"/>
    </row>
    <row r="209712" spans="14:14">
      <c r="N209712" s="10"/>
    </row>
    <row r="209713" spans="14:14">
      <c r="N209713" s="10"/>
    </row>
    <row r="209714" spans="14:14">
      <c r="N209714" s="10"/>
    </row>
    <row r="209715" spans="14:14">
      <c r="N209715" s="10"/>
    </row>
    <row r="209716" spans="14:14">
      <c r="N209716" s="10"/>
    </row>
    <row r="209717" spans="14:14">
      <c r="N209717" s="10"/>
    </row>
    <row r="209718" spans="14:14">
      <c r="N209718" s="10"/>
    </row>
    <row r="209719" spans="14:14">
      <c r="N209719" s="10"/>
    </row>
    <row r="209720" spans="14:14">
      <c r="N209720" s="10"/>
    </row>
    <row r="209721" spans="14:14">
      <c r="N209721" s="10"/>
    </row>
    <row r="209722" spans="14:14">
      <c r="N209722" s="10"/>
    </row>
    <row r="209723" spans="14:14">
      <c r="N209723" s="10"/>
    </row>
    <row r="209724" spans="14:14">
      <c r="N209724" s="10"/>
    </row>
    <row r="209725" spans="14:14">
      <c r="N209725" s="10"/>
    </row>
    <row r="209726" spans="14:14">
      <c r="N209726" s="10"/>
    </row>
    <row r="209727" spans="14:14">
      <c r="N209727" s="10"/>
    </row>
    <row r="209728" spans="14:14">
      <c r="N209728" s="10"/>
    </row>
    <row r="209729" spans="14:14">
      <c r="N209729" s="10"/>
    </row>
    <row r="209730" spans="14:14">
      <c r="N209730" s="10"/>
    </row>
    <row r="209731" spans="14:14">
      <c r="N209731" s="10"/>
    </row>
    <row r="209732" spans="14:14">
      <c r="N209732" s="10"/>
    </row>
    <row r="209733" spans="14:14">
      <c r="N209733" s="10"/>
    </row>
    <row r="209734" spans="14:14">
      <c r="N209734" s="10"/>
    </row>
    <row r="209735" spans="14:14">
      <c r="N209735" s="10"/>
    </row>
    <row r="209736" spans="14:14">
      <c r="N209736" s="10"/>
    </row>
    <row r="209737" spans="14:14">
      <c r="N209737" s="10"/>
    </row>
    <row r="209738" spans="14:14">
      <c r="N209738" s="10"/>
    </row>
    <row r="209739" spans="14:14">
      <c r="N209739" s="10"/>
    </row>
    <row r="209740" spans="14:14">
      <c r="N209740" s="10"/>
    </row>
    <row r="209741" spans="14:14">
      <c r="N209741" s="10"/>
    </row>
    <row r="209742" spans="14:14">
      <c r="N209742" s="10"/>
    </row>
    <row r="209743" spans="14:14">
      <c r="N209743" s="10"/>
    </row>
    <row r="209744" spans="14:14">
      <c r="N209744" s="10"/>
    </row>
    <row r="209745" spans="14:14">
      <c r="N209745" s="10"/>
    </row>
    <row r="209746" spans="14:14">
      <c r="N209746" s="10"/>
    </row>
    <row r="209747" spans="14:14">
      <c r="N209747" s="10"/>
    </row>
    <row r="209748" spans="14:14">
      <c r="N209748" s="10"/>
    </row>
    <row r="209749" spans="14:14">
      <c r="N209749" s="10"/>
    </row>
    <row r="209750" spans="14:14">
      <c r="N209750" s="10"/>
    </row>
    <row r="209751" spans="14:14">
      <c r="N209751" s="10"/>
    </row>
    <row r="209752" spans="14:14">
      <c r="N209752" s="10"/>
    </row>
    <row r="209753" spans="14:14">
      <c r="N209753" s="10"/>
    </row>
    <row r="209754" spans="14:14">
      <c r="N209754" s="10"/>
    </row>
    <row r="209755" spans="14:14">
      <c r="N209755" s="10"/>
    </row>
    <row r="209756" spans="14:14">
      <c r="N209756" s="10"/>
    </row>
    <row r="209757" spans="14:14">
      <c r="N209757" s="10"/>
    </row>
    <row r="209758" spans="14:14">
      <c r="N209758" s="10"/>
    </row>
    <row r="209759" spans="14:14">
      <c r="N209759" s="10"/>
    </row>
    <row r="209760" spans="14:14">
      <c r="N209760" s="10"/>
    </row>
    <row r="209761" spans="14:14">
      <c r="N209761" s="10"/>
    </row>
    <row r="209762" spans="14:14">
      <c r="N209762" s="10"/>
    </row>
    <row r="209763" spans="14:14">
      <c r="N209763" s="10"/>
    </row>
    <row r="209764" spans="14:14">
      <c r="N209764" s="10"/>
    </row>
    <row r="209765" spans="14:14">
      <c r="N209765" s="10"/>
    </row>
    <row r="209766" spans="14:14">
      <c r="N209766" s="10"/>
    </row>
    <row r="209767" spans="14:14">
      <c r="N209767" s="10"/>
    </row>
    <row r="209768" spans="14:14">
      <c r="N209768" s="10"/>
    </row>
    <row r="209769" spans="14:14">
      <c r="N209769" s="10"/>
    </row>
    <row r="209770" spans="14:14">
      <c r="N209770" s="10"/>
    </row>
    <row r="209771" spans="14:14">
      <c r="N209771" s="10"/>
    </row>
    <row r="209772" spans="14:14">
      <c r="N209772" s="10"/>
    </row>
    <row r="209773" spans="14:14">
      <c r="N209773" s="10"/>
    </row>
    <row r="209774" spans="14:14">
      <c r="N209774" s="10"/>
    </row>
    <row r="209775" spans="14:14">
      <c r="N209775" s="10"/>
    </row>
    <row r="209776" spans="14:14">
      <c r="N209776" s="10"/>
    </row>
    <row r="209777" spans="14:14">
      <c r="N209777" s="10"/>
    </row>
    <row r="209778" spans="14:14">
      <c r="N209778" s="10"/>
    </row>
    <row r="209779" spans="14:14">
      <c r="N209779" s="10"/>
    </row>
    <row r="209780" spans="14:14">
      <c r="N209780" s="10"/>
    </row>
    <row r="209781" spans="14:14">
      <c r="N209781" s="10"/>
    </row>
    <row r="209782" spans="14:14">
      <c r="N209782" s="10"/>
    </row>
    <row r="209783" spans="14:14">
      <c r="N209783" s="10"/>
    </row>
    <row r="209784" spans="14:14">
      <c r="N209784" s="10"/>
    </row>
    <row r="209785" spans="14:14">
      <c r="N209785" s="10"/>
    </row>
    <row r="209786" spans="14:14">
      <c r="N209786" s="10"/>
    </row>
    <row r="209787" spans="14:14">
      <c r="N209787" s="10"/>
    </row>
    <row r="209788" spans="14:14">
      <c r="N209788" s="10"/>
    </row>
    <row r="209789" spans="14:14">
      <c r="N209789" s="10"/>
    </row>
    <row r="209790" spans="14:14">
      <c r="N209790" s="10"/>
    </row>
    <row r="209791" spans="14:14">
      <c r="N209791" s="10"/>
    </row>
    <row r="209792" spans="14:14">
      <c r="N209792" s="10"/>
    </row>
    <row r="209793" spans="14:14">
      <c r="N209793" s="10"/>
    </row>
    <row r="209794" spans="14:14">
      <c r="N209794" s="10"/>
    </row>
    <row r="209795" spans="14:14">
      <c r="N209795" s="10"/>
    </row>
    <row r="209796" spans="14:14">
      <c r="N209796" s="10"/>
    </row>
    <row r="209797" spans="14:14">
      <c r="N209797" s="10"/>
    </row>
    <row r="209798" spans="14:14">
      <c r="N209798" s="10"/>
    </row>
    <row r="209799" spans="14:14">
      <c r="N209799" s="10"/>
    </row>
    <row r="209800" spans="14:14">
      <c r="N209800" s="10"/>
    </row>
    <row r="209801" spans="14:14">
      <c r="N209801" s="10"/>
    </row>
    <row r="209802" spans="14:14">
      <c r="N209802" s="10"/>
    </row>
    <row r="209803" spans="14:14">
      <c r="N209803" s="10"/>
    </row>
    <row r="209804" spans="14:14">
      <c r="N209804" s="10"/>
    </row>
    <row r="209805" spans="14:14">
      <c r="N209805" s="10"/>
    </row>
    <row r="209806" spans="14:14">
      <c r="N209806" s="10"/>
    </row>
    <row r="209807" spans="14:14">
      <c r="N209807" s="10"/>
    </row>
    <row r="209808" spans="14:14">
      <c r="N209808" s="10"/>
    </row>
    <row r="209809" spans="14:14">
      <c r="N209809" s="10"/>
    </row>
    <row r="209810" spans="14:14">
      <c r="N209810" s="10"/>
    </row>
    <row r="209811" spans="14:14">
      <c r="N209811" s="10"/>
    </row>
    <row r="209812" spans="14:14">
      <c r="N209812" s="10"/>
    </row>
    <row r="209813" spans="14:14">
      <c r="N209813" s="10"/>
    </row>
    <row r="209814" spans="14:14">
      <c r="N209814" s="10"/>
    </row>
    <row r="209815" spans="14:14">
      <c r="N209815" s="10"/>
    </row>
    <row r="209816" spans="14:14">
      <c r="N209816" s="10"/>
    </row>
    <row r="209817" spans="14:14">
      <c r="N209817" s="10"/>
    </row>
    <row r="209818" spans="14:14">
      <c r="N209818" s="10"/>
    </row>
    <row r="209819" spans="14:14">
      <c r="N209819" s="10"/>
    </row>
    <row r="209820" spans="14:14">
      <c r="N209820" s="10"/>
    </row>
    <row r="209821" spans="14:14">
      <c r="N209821" s="10"/>
    </row>
    <row r="209822" spans="14:14">
      <c r="N209822" s="10"/>
    </row>
    <row r="209823" spans="14:14">
      <c r="N209823" s="10"/>
    </row>
    <row r="209824" spans="14:14">
      <c r="N209824" s="10"/>
    </row>
    <row r="209825" spans="14:14">
      <c r="N209825" s="10"/>
    </row>
    <row r="209826" spans="14:14">
      <c r="N209826" s="10"/>
    </row>
    <row r="209827" spans="14:14">
      <c r="N209827" s="10"/>
    </row>
    <row r="209828" spans="14:14">
      <c r="N209828" s="10"/>
    </row>
    <row r="209829" spans="14:14">
      <c r="N209829" s="10"/>
    </row>
    <row r="209830" spans="14:14">
      <c r="N209830" s="10"/>
    </row>
    <row r="209831" spans="14:14">
      <c r="N209831" s="10"/>
    </row>
    <row r="209832" spans="14:14">
      <c r="N209832" s="10"/>
    </row>
    <row r="209833" spans="14:14">
      <c r="N209833" s="10"/>
    </row>
    <row r="209834" spans="14:14">
      <c r="N209834" s="10"/>
    </row>
    <row r="209835" spans="14:14">
      <c r="N209835" s="10"/>
    </row>
    <row r="209836" spans="14:14">
      <c r="N209836" s="10"/>
    </row>
    <row r="209837" spans="14:14">
      <c r="N209837" s="10"/>
    </row>
    <row r="209838" spans="14:14">
      <c r="N209838" s="10"/>
    </row>
    <row r="209839" spans="14:14">
      <c r="N209839" s="10"/>
    </row>
    <row r="209840" spans="14:14">
      <c r="N209840" s="10"/>
    </row>
    <row r="209841" spans="14:14">
      <c r="N209841" s="10"/>
    </row>
    <row r="209842" spans="14:14">
      <c r="N209842" s="10"/>
    </row>
    <row r="209843" spans="14:14">
      <c r="N209843" s="10"/>
    </row>
    <row r="209844" spans="14:14">
      <c r="N209844" s="10"/>
    </row>
    <row r="209845" spans="14:14">
      <c r="N209845" s="10"/>
    </row>
    <row r="209846" spans="14:14">
      <c r="N209846" s="10"/>
    </row>
    <row r="209847" spans="14:14">
      <c r="N209847" s="10"/>
    </row>
    <row r="209848" spans="14:14">
      <c r="N209848" s="10"/>
    </row>
    <row r="209849" spans="14:14">
      <c r="N209849" s="10"/>
    </row>
    <row r="209850" spans="14:14">
      <c r="N209850" s="10"/>
    </row>
    <row r="209851" spans="14:14">
      <c r="N209851" s="10"/>
    </row>
    <row r="209852" spans="14:14">
      <c r="N209852" s="10"/>
    </row>
    <row r="209853" spans="14:14">
      <c r="N209853" s="10"/>
    </row>
    <row r="209854" spans="14:14">
      <c r="N209854" s="10"/>
    </row>
    <row r="209855" spans="14:14">
      <c r="N209855" s="10"/>
    </row>
    <row r="209856" spans="14:14">
      <c r="N209856" s="10"/>
    </row>
    <row r="209857" spans="14:14">
      <c r="N209857" s="10"/>
    </row>
    <row r="209858" spans="14:14">
      <c r="N209858" s="10"/>
    </row>
    <row r="209859" spans="14:14">
      <c r="N209859" s="10"/>
    </row>
    <row r="209860" spans="14:14">
      <c r="N209860" s="10"/>
    </row>
    <row r="209861" spans="14:14">
      <c r="N209861" s="10"/>
    </row>
    <row r="209862" spans="14:14">
      <c r="N209862" s="10"/>
    </row>
    <row r="209863" spans="14:14">
      <c r="N209863" s="10"/>
    </row>
    <row r="209864" spans="14:14">
      <c r="N209864" s="10"/>
    </row>
    <row r="209865" spans="14:14">
      <c r="N209865" s="10"/>
    </row>
    <row r="209866" spans="14:14">
      <c r="N209866" s="10"/>
    </row>
    <row r="209867" spans="14:14">
      <c r="N209867" s="10"/>
    </row>
    <row r="209868" spans="14:14">
      <c r="N209868" s="10"/>
    </row>
    <row r="209869" spans="14:14">
      <c r="N209869" s="10"/>
    </row>
    <row r="209870" spans="14:14">
      <c r="N209870" s="10"/>
    </row>
    <row r="209871" spans="14:14">
      <c r="N209871" s="10"/>
    </row>
    <row r="209872" spans="14:14">
      <c r="N209872" s="10"/>
    </row>
    <row r="209873" spans="14:14">
      <c r="N209873" s="10"/>
    </row>
    <row r="209874" spans="14:14">
      <c r="N209874" s="10"/>
    </row>
    <row r="209875" spans="14:14">
      <c r="N209875" s="10"/>
    </row>
    <row r="209876" spans="14:14">
      <c r="N209876" s="10"/>
    </row>
    <row r="209877" spans="14:14">
      <c r="N209877" s="10"/>
    </row>
    <row r="209878" spans="14:14">
      <c r="N209878" s="10"/>
    </row>
    <row r="209879" spans="14:14">
      <c r="N209879" s="10"/>
    </row>
    <row r="209880" spans="14:14">
      <c r="N209880" s="10"/>
    </row>
    <row r="209881" spans="14:14">
      <c r="N209881" s="10"/>
    </row>
    <row r="209882" spans="14:14">
      <c r="N209882" s="10"/>
    </row>
    <row r="209883" spans="14:14">
      <c r="N209883" s="10"/>
    </row>
    <row r="209884" spans="14:14">
      <c r="N209884" s="10"/>
    </row>
    <row r="209885" spans="14:14">
      <c r="N209885" s="10"/>
    </row>
    <row r="209886" spans="14:14">
      <c r="N209886" s="10"/>
    </row>
    <row r="209887" spans="14:14">
      <c r="N209887" s="10"/>
    </row>
    <row r="209888" spans="14:14">
      <c r="N209888" s="10"/>
    </row>
    <row r="209889" spans="14:14">
      <c r="N209889" s="10"/>
    </row>
    <row r="209890" spans="14:14">
      <c r="N209890" s="10"/>
    </row>
    <row r="209891" spans="14:14">
      <c r="N209891" s="10"/>
    </row>
    <row r="209892" spans="14:14">
      <c r="N209892" s="10"/>
    </row>
    <row r="209893" spans="14:14">
      <c r="N209893" s="10"/>
    </row>
    <row r="209894" spans="14:14">
      <c r="N209894" s="10"/>
    </row>
    <row r="209895" spans="14:14">
      <c r="N209895" s="10"/>
    </row>
    <row r="209896" spans="14:14">
      <c r="N209896" s="10"/>
    </row>
    <row r="209897" spans="14:14">
      <c r="N209897" s="10"/>
    </row>
    <row r="209898" spans="14:14">
      <c r="N209898" s="10"/>
    </row>
    <row r="209899" spans="14:14">
      <c r="N209899" s="10"/>
    </row>
    <row r="209900" spans="14:14">
      <c r="N209900" s="10"/>
    </row>
    <row r="209901" spans="14:14">
      <c r="N209901" s="10"/>
    </row>
    <row r="209902" spans="14:14">
      <c r="N209902" s="10"/>
    </row>
    <row r="209903" spans="14:14">
      <c r="N209903" s="10"/>
    </row>
    <row r="209904" spans="14:14">
      <c r="N209904" s="10"/>
    </row>
    <row r="209905" spans="14:14">
      <c r="N209905" s="10"/>
    </row>
    <row r="209906" spans="14:14">
      <c r="N209906" s="10"/>
    </row>
    <row r="209907" spans="14:14">
      <c r="N209907" s="10"/>
    </row>
    <row r="209908" spans="14:14">
      <c r="N209908" s="10"/>
    </row>
    <row r="209909" spans="14:14">
      <c r="N209909" s="10"/>
    </row>
    <row r="209910" spans="14:14">
      <c r="N209910" s="10"/>
    </row>
    <row r="209911" spans="14:14">
      <c r="N209911" s="10"/>
    </row>
    <row r="209912" spans="14:14">
      <c r="N209912" s="10"/>
    </row>
    <row r="209913" spans="14:14">
      <c r="N209913" s="10"/>
    </row>
    <row r="209914" spans="14:14">
      <c r="N209914" s="10"/>
    </row>
    <row r="209915" spans="14:14">
      <c r="N209915" s="10"/>
    </row>
    <row r="209916" spans="14:14">
      <c r="N209916" s="10"/>
    </row>
    <row r="209917" spans="14:14">
      <c r="N209917" s="10"/>
    </row>
    <row r="209918" spans="14:14">
      <c r="N209918" s="10"/>
    </row>
    <row r="209919" spans="14:14">
      <c r="N209919" s="10"/>
    </row>
    <row r="209920" spans="14:14">
      <c r="N209920" s="10"/>
    </row>
    <row r="209921" spans="14:14">
      <c r="N209921" s="10"/>
    </row>
    <row r="209922" spans="14:14">
      <c r="N209922" s="10"/>
    </row>
    <row r="209923" spans="14:14">
      <c r="N209923" s="10"/>
    </row>
    <row r="209924" spans="14:14">
      <c r="N209924" s="10"/>
    </row>
    <row r="209925" spans="14:14">
      <c r="N209925" s="10"/>
    </row>
    <row r="209926" spans="14:14">
      <c r="N209926" s="10"/>
    </row>
    <row r="209927" spans="14:14">
      <c r="N209927" s="10"/>
    </row>
    <row r="209928" spans="14:14">
      <c r="N209928" s="10"/>
    </row>
    <row r="209929" spans="14:14">
      <c r="N209929" s="10"/>
    </row>
    <row r="209930" spans="14:14">
      <c r="N209930" s="10"/>
    </row>
    <row r="209931" spans="14:14">
      <c r="N209931" s="10"/>
    </row>
    <row r="209932" spans="14:14">
      <c r="N209932" s="10"/>
    </row>
    <row r="209933" spans="14:14">
      <c r="N209933" s="10"/>
    </row>
    <row r="209934" spans="14:14">
      <c r="N209934" s="10"/>
    </row>
    <row r="209935" spans="14:14">
      <c r="N209935" s="10"/>
    </row>
    <row r="209936" spans="14:14">
      <c r="N209936" s="10"/>
    </row>
    <row r="209937" spans="14:14">
      <c r="N209937" s="10"/>
    </row>
    <row r="209938" spans="14:14">
      <c r="N209938" s="10"/>
    </row>
    <row r="209939" spans="14:14">
      <c r="N209939" s="10"/>
    </row>
    <row r="209940" spans="14:14">
      <c r="N209940" s="10"/>
    </row>
    <row r="209941" spans="14:14">
      <c r="N209941" s="10"/>
    </row>
    <row r="209942" spans="14:14">
      <c r="N209942" s="10"/>
    </row>
    <row r="209943" spans="14:14">
      <c r="N209943" s="10"/>
    </row>
    <row r="209944" spans="14:14">
      <c r="N209944" s="10"/>
    </row>
    <row r="209945" spans="14:14">
      <c r="N209945" s="10"/>
    </row>
    <row r="209946" spans="14:14">
      <c r="N209946" s="10"/>
    </row>
    <row r="209947" spans="14:14">
      <c r="N209947" s="10"/>
    </row>
    <row r="209948" spans="14:14">
      <c r="N209948" s="10"/>
    </row>
    <row r="209949" spans="14:14">
      <c r="N209949" s="10"/>
    </row>
    <row r="209950" spans="14:14">
      <c r="N209950" s="10"/>
    </row>
    <row r="209951" spans="14:14">
      <c r="N209951" s="10"/>
    </row>
    <row r="209952" spans="14:14">
      <c r="N209952" s="10"/>
    </row>
    <row r="209953" spans="14:14">
      <c r="N209953" s="10"/>
    </row>
    <row r="209954" spans="14:14">
      <c r="N209954" s="10"/>
    </row>
    <row r="209955" spans="14:14">
      <c r="N209955" s="10"/>
    </row>
    <row r="209956" spans="14:14">
      <c r="N209956" s="10"/>
    </row>
    <row r="209957" spans="14:14">
      <c r="N209957" s="10"/>
    </row>
    <row r="209958" spans="14:14">
      <c r="N209958" s="10"/>
    </row>
    <row r="209959" spans="14:14">
      <c r="N209959" s="10"/>
    </row>
    <row r="209960" spans="14:14">
      <c r="N209960" s="10"/>
    </row>
    <row r="209961" spans="14:14">
      <c r="N209961" s="10"/>
    </row>
    <row r="209962" spans="14:14">
      <c r="N209962" s="10"/>
    </row>
    <row r="209963" spans="14:14">
      <c r="N209963" s="10"/>
    </row>
    <row r="209964" spans="14:14">
      <c r="N209964" s="10"/>
    </row>
    <row r="209965" spans="14:14">
      <c r="N209965" s="10"/>
    </row>
    <row r="209966" spans="14:14">
      <c r="N209966" s="10"/>
    </row>
    <row r="209967" spans="14:14">
      <c r="N209967" s="10"/>
    </row>
    <row r="209968" spans="14:14">
      <c r="N209968" s="10"/>
    </row>
    <row r="209969" spans="14:14">
      <c r="N209969" s="10"/>
    </row>
    <row r="209970" spans="14:14">
      <c r="N209970" s="10"/>
    </row>
    <row r="209971" spans="14:14">
      <c r="N209971" s="10"/>
    </row>
    <row r="209972" spans="14:14">
      <c r="N209972" s="10"/>
    </row>
    <row r="209973" spans="14:14">
      <c r="N209973" s="10"/>
    </row>
    <row r="209974" spans="14:14">
      <c r="N209974" s="10"/>
    </row>
    <row r="209975" spans="14:14">
      <c r="N209975" s="10"/>
    </row>
    <row r="209976" spans="14:14">
      <c r="N209976" s="10"/>
    </row>
    <row r="209977" spans="14:14">
      <c r="N209977" s="10"/>
    </row>
    <row r="209978" spans="14:14">
      <c r="N209978" s="10"/>
    </row>
    <row r="209979" spans="14:14">
      <c r="N209979" s="10"/>
    </row>
    <row r="209980" spans="14:14">
      <c r="N209980" s="10"/>
    </row>
    <row r="209981" spans="14:14">
      <c r="N209981" s="10"/>
    </row>
    <row r="209982" spans="14:14">
      <c r="N209982" s="10"/>
    </row>
    <row r="209983" spans="14:14">
      <c r="N209983" s="10"/>
    </row>
    <row r="209984" spans="14:14">
      <c r="N209984" s="10"/>
    </row>
    <row r="209985" spans="14:14">
      <c r="N209985" s="10"/>
    </row>
    <row r="209986" spans="14:14">
      <c r="N209986" s="10"/>
    </row>
    <row r="209987" spans="14:14">
      <c r="N209987" s="10"/>
    </row>
    <row r="209988" spans="14:14">
      <c r="N209988" s="10"/>
    </row>
    <row r="209989" spans="14:14">
      <c r="N209989" s="10"/>
    </row>
    <row r="209990" spans="14:14">
      <c r="N209990" s="10"/>
    </row>
    <row r="209991" spans="14:14">
      <c r="N209991" s="10"/>
    </row>
    <row r="209992" spans="14:14">
      <c r="N209992" s="10"/>
    </row>
    <row r="209993" spans="14:14">
      <c r="N209993" s="10"/>
    </row>
    <row r="209994" spans="14:14">
      <c r="N209994" s="10"/>
    </row>
    <row r="209995" spans="14:14">
      <c r="N209995" s="10"/>
    </row>
    <row r="209996" spans="14:14">
      <c r="N209996" s="10"/>
    </row>
    <row r="209997" spans="14:14">
      <c r="N209997" s="10"/>
    </row>
    <row r="209998" spans="14:14">
      <c r="N209998" s="10"/>
    </row>
    <row r="209999" spans="14:14">
      <c r="N209999" s="10"/>
    </row>
    <row r="210000" spans="14:14">
      <c r="N210000" s="10"/>
    </row>
    <row r="210001" spans="14:14">
      <c r="N210001" s="10"/>
    </row>
    <row r="210002" spans="14:14">
      <c r="N210002" s="10"/>
    </row>
    <row r="210003" spans="14:14">
      <c r="N210003" s="10"/>
    </row>
    <row r="210004" spans="14:14">
      <c r="N210004" s="10"/>
    </row>
    <row r="210005" spans="14:14">
      <c r="N210005" s="10"/>
    </row>
    <row r="210006" spans="14:14">
      <c r="N210006" s="10"/>
    </row>
    <row r="210007" spans="14:14">
      <c r="N210007" s="10"/>
    </row>
    <row r="210008" spans="14:14">
      <c r="N210008" s="10"/>
    </row>
    <row r="210009" spans="14:14">
      <c r="N210009" s="10"/>
    </row>
    <row r="210010" spans="14:14">
      <c r="N210010" s="10"/>
    </row>
    <row r="210011" spans="14:14">
      <c r="N210011" s="10"/>
    </row>
    <row r="210012" spans="14:14">
      <c r="N210012" s="10"/>
    </row>
    <row r="210013" spans="14:14">
      <c r="N210013" s="10"/>
    </row>
    <row r="210014" spans="14:14">
      <c r="N210014" s="10"/>
    </row>
    <row r="210015" spans="14:14">
      <c r="N210015" s="10"/>
    </row>
    <row r="210016" spans="14:14">
      <c r="N210016" s="10"/>
    </row>
    <row r="210017" spans="14:14">
      <c r="N210017" s="10"/>
    </row>
    <row r="210018" spans="14:14">
      <c r="N210018" s="10"/>
    </row>
    <row r="210019" spans="14:14">
      <c r="N210019" s="10"/>
    </row>
    <row r="210020" spans="14:14">
      <c r="N210020" s="10"/>
    </row>
    <row r="210021" spans="14:14">
      <c r="N210021" s="10"/>
    </row>
    <row r="210022" spans="14:14">
      <c r="N210022" s="10"/>
    </row>
    <row r="210023" spans="14:14">
      <c r="N210023" s="10"/>
    </row>
    <row r="210024" spans="14:14">
      <c r="N210024" s="10"/>
    </row>
    <row r="210025" spans="14:14">
      <c r="N210025" s="10"/>
    </row>
    <row r="210026" spans="14:14">
      <c r="N210026" s="10"/>
    </row>
    <row r="210027" spans="14:14">
      <c r="N210027" s="10"/>
    </row>
    <row r="210028" spans="14:14">
      <c r="N210028" s="10"/>
    </row>
    <row r="210029" spans="14:14">
      <c r="N210029" s="10"/>
    </row>
    <row r="210030" spans="14:14">
      <c r="N210030" s="10"/>
    </row>
    <row r="210031" spans="14:14">
      <c r="N210031" s="10"/>
    </row>
    <row r="210032" spans="14:14">
      <c r="N210032" s="10"/>
    </row>
    <row r="210033" spans="14:14">
      <c r="N210033" s="10"/>
    </row>
    <row r="210034" spans="14:14">
      <c r="N210034" s="10"/>
    </row>
    <row r="210035" spans="14:14">
      <c r="N210035" s="10"/>
    </row>
    <row r="210036" spans="14:14">
      <c r="N210036" s="10"/>
    </row>
    <row r="210037" spans="14:14">
      <c r="N210037" s="10"/>
    </row>
    <row r="210038" spans="14:14">
      <c r="N210038" s="10"/>
    </row>
    <row r="210039" spans="14:14">
      <c r="N210039" s="10"/>
    </row>
    <row r="210040" spans="14:14">
      <c r="N210040" s="10"/>
    </row>
    <row r="210041" spans="14:14">
      <c r="N210041" s="10"/>
    </row>
    <row r="210042" spans="14:14">
      <c r="N210042" s="10"/>
    </row>
    <row r="210043" spans="14:14">
      <c r="N210043" s="10"/>
    </row>
    <row r="210044" spans="14:14">
      <c r="N210044" s="10"/>
    </row>
    <row r="210045" spans="14:14">
      <c r="N210045" s="10"/>
    </row>
    <row r="210046" spans="14:14">
      <c r="N210046" s="10"/>
    </row>
    <row r="210047" spans="14:14">
      <c r="N210047" s="10"/>
    </row>
    <row r="210048" spans="14:14">
      <c r="N210048" s="10"/>
    </row>
    <row r="210049" spans="14:14">
      <c r="N210049" s="10"/>
    </row>
    <row r="210050" spans="14:14">
      <c r="N210050" s="10"/>
    </row>
    <row r="210051" spans="14:14">
      <c r="N210051" s="10"/>
    </row>
    <row r="210052" spans="14:14">
      <c r="N210052" s="10"/>
    </row>
    <row r="210053" spans="14:14">
      <c r="N210053" s="10"/>
    </row>
    <row r="210054" spans="14:14">
      <c r="N210054" s="10"/>
    </row>
    <row r="210055" spans="14:14">
      <c r="N210055" s="10"/>
    </row>
    <row r="210056" spans="14:14">
      <c r="N210056" s="10"/>
    </row>
    <row r="210057" spans="14:14">
      <c r="N210057" s="10"/>
    </row>
    <row r="210058" spans="14:14">
      <c r="N210058" s="10"/>
    </row>
    <row r="210059" spans="14:14">
      <c r="N210059" s="10"/>
    </row>
    <row r="210060" spans="14:14">
      <c r="N210060" s="10"/>
    </row>
    <row r="210061" spans="14:14">
      <c r="N210061" s="10"/>
    </row>
    <row r="210062" spans="14:14">
      <c r="N210062" s="10"/>
    </row>
    <row r="210063" spans="14:14">
      <c r="N210063" s="10"/>
    </row>
    <row r="210064" spans="14:14">
      <c r="N210064" s="10"/>
    </row>
    <row r="210065" spans="14:14">
      <c r="N210065" s="10"/>
    </row>
    <row r="210066" spans="14:14">
      <c r="N210066" s="10"/>
    </row>
    <row r="210067" spans="14:14">
      <c r="N210067" s="10"/>
    </row>
    <row r="210068" spans="14:14">
      <c r="N210068" s="10"/>
    </row>
    <row r="210069" spans="14:14">
      <c r="N210069" s="10"/>
    </row>
    <row r="210070" spans="14:14">
      <c r="N210070" s="10"/>
    </row>
    <row r="210071" spans="14:14">
      <c r="N210071" s="10"/>
    </row>
    <row r="210072" spans="14:14">
      <c r="N210072" s="10"/>
    </row>
    <row r="210073" spans="14:14">
      <c r="N210073" s="10"/>
    </row>
    <row r="210074" spans="14:14">
      <c r="N210074" s="10"/>
    </row>
    <row r="210075" spans="14:14">
      <c r="N210075" s="10"/>
    </row>
    <row r="210076" spans="14:14">
      <c r="N210076" s="10"/>
    </row>
    <row r="210077" spans="14:14">
      <c r="N210077" s="10"/>
    </row>
    <row r="210078" spans="14:14">
      <c r="N210078" s="10"/>
    </row>
    <row r="210079" spans="14:14">
      <c r="N210079" s="10"/>
    </row>
    <row r="210080" spans="14:14">
      <c r="N210080" s="10"/>
    </row>
    <row r="210081" spans="14:14">
      <c r="N210081" s="10"/>
    </row>
    <row r="210082" spans="14:14">
      <c r="N210082" s="10"/>
    </row>
    <row r="210083" spans="14:14">
      <c r="N210083" s="10"/>
    </row>
    <row r="210084" spans="14:14">
      <c r="N210084" s="10"/>
    </row>
    <row r="210085" spans="14:14">
      <c r="N210085" s="10"/>
    </row>
    <row r="210086" spans="14:14">
      <c r="N210086" s="10"/>
    </row>
    <row r="210087" spans="14:14">
      <c r="N210087" s="10"/>
    </row>
    <row r="210088" spans="14:14">
      <c r="N210088" s="10"/>
    </row>
    <row r="210089" spans="14:14">
      <c r="N210089" s="10"/>
    </row>
    <row r="210090" spans="14:14">
      <c r="N210090" s="10"/>
    </row>
    <row r="210091" spans="14:14">
      <c r="N210091" s="10"/>
    </row>
    <row r="210092" spans="14:14">
      <c r="N210092" s="10"/>
    </row>
    <row r="210093" spans="14:14">
      <c r="N210093" s="10"/>
    </row>
    <row r="210094" spans="14:14">
      <c r="N210094" s="10"/>
    </row>
    <row r="210095" spans="14:14">
      <c r="N210095" s="10"/>
    </row>
    <row r="210096" spans="14:14">
      <c r="N210096" s="10"/>
    </row>
    <row r="210097" spans="14:14">
      <c r="N210097" s="10"/>
    </row>
    <row r="210098" spans="14:14">
      <c r="N210098" s="10"/>
    </row>
    <row r="210099" spans="14:14">
      <c r="N210099" s="10"/>
    </row>
    <row r="210100" spans="14:14">
      <c r="N210100" s="10"/>
    </row>
    <row r="210101" spans="14:14">
      <c r="N210101" s="10"/>
    </row>
    <row r="210102" spans="14:14">
      <c r="N210102" s="10"/>
    </row>
    <row r="210103" spans="14:14">
      <c r="N210103" s="10"/>
    </row>
    <row r="210104" spans="14:14">
      <c r="N210104" s="10"/>
    </row>
    <row r="210105" spans="14:14">
      <c r="N210105" s="10"/>
    </row>
    <row r="210106" spans="14:14">
      <c r="N210106" s="10"/>
    </row>
    <row r="210107" spans="14:14">
      <c r="N210107" s="10"/>
    </row>
    <row r="210108" spans="14:14">
      <c r="N210108" s="10"/>
    </row>
    <row r="210109" spans="14:14">
      <c r="N210109" s="10"/>
    </row>
    <row r="210110" spans="14:14">
      <c r="N210110" s="10"/>
    </row>
    <row r="210111" spans="14:14">
      <c r="N210111" s="10"/>
    </row>
    <row r="210112" spans="14:14">
      <c r="N210112" s="10"/>
    </row>
    <row r="210113" spans="14:14">
      <c r="N210113" s="10"/>
    </row>
    <row r="210114" spans="14:14">
      <c r="N210114" s="10"/>
    </row>
    <row r="210115" spans="14:14">
      <c r="N210115" s="10"/>
    </row>
    <row r="210116" spans="14:14">
      <c r="N210116" s="10"/>
    </row>
    <row r="210117" spans="14:14">
      <c r="N210117" s="10"/>
    </row>
    <row r="210118" spans="14:14">
      <c r="N210118" s="10"/>
    </row>
    <row r="210119" spans="14:14">
      <c r="N210119" s="10"/>
    </row>
    <row r="210120" spans="14:14">
      <c r="N210120" s="10"/>
    </row>
    <row r="210121" spans="14:14">
      <c r="N210121" s="10"/>
    </row>
    <row r="210122" spans="14:14">
      <c r="N210122" s="10"/>
    </row>
    <row r="210123" spans="14:14">
      <c r="N210123" s="10"/>
    </row>
    <row r="210124" spans="14:14">
      <c r="N210124" s="10"/>
    </row>
    <row r="210125" spans="14:14">
      <c r="N210125" s="10"/>
    </row>
    <row r="210126" spans="14:14">
      <c r="N210126" s="10"/>
    </row>
    <row r="210127" spans="14:14">
      <c r="N210127" s="10"/>
    </row>
    <row r="210128" spans="14:14">
      <c r="N210128" s="10"/>
    </row>
    <row r="210129" spans="14:14">
      <c r="N210129" s="10"/>
    </row>
    <row r="210130" spans="14:14">
      <c r="N210130" s="10"/>
    </row>
    <row r="210131" spans="14:14">
      <c r="N210131" s="10"/>
    </row>
    <row r="210132" spans="14:14">
      <c r="N210132" s="10"/>
    </row>
    <row r="210133" spans="14:14">
      <c r="N210133" s="10"/>
    </row>
    <row r="210134" spans="14:14">
      <c r="N210134" s="10"/>
    </row>
    <row r="210135" spans="14:14">
      <c r="N210135" s="10"/>
    </row>
    <row r="210136" spans="14:14">
      <c r="N210136" s="10"/>
    </row>
    <row r="210137" spans="14:14">
      <c r="N210137" s="10"/>
    </row>
    <row r="210138" spans="14:14">
      <c r="N210138" s="10"/>
    </row>
    <row r="210139" spans="14:14">
      <c r="N210139" s="10"/>
    </row>
    <row r="210140" spans="14:14">
      <c r="N210140" s="10"/>
    </row>
    <row r="210141" spans="14:14">
      <c r="N210141" s="10"/>
    </row>
    <row r="210142" spans="14:14">
      <c r="N210142" s="10"/>
    </row>
    <row r="210143" spans="14:14">
      <c r="N210143" s="10"/>
    </row>
    <row r="210144" spans="14:14">
      <c r="N210144" s="10"/>
    </row>
    <row r="210145" spans="14:14">
      <c r="N210145" s="10"/>
    </row>
    <row r="210146" spans="14:14">
      <c r="N210146" s="10"/>
    </row>
    <row r="210147" spans="14:14">
      <c r="N210147" s="10"/>
    </row>
    <row r="210148" spans="14:14">
      <c r="N210148" s="10"/>
    </row>
    <row r="210149" spans="14:14">
      <c r="N210149" s="10"/>
    </row>
    <row r="210150" spans="14:14">
      <c r="N210150" s="10"/>
    </row>
    <row r="210151" spans="14:14">
      <c r="N210151" s="10"/>
    </row>
    <row r="210152" spans="14:14">
      <c r="N210152" s="10"/>
    </row>
    <row r="210153" spans="14:14">
      <c r="N210153" s="10"/>
    </row>
    <row r="210154" spans="14:14">
      <c r="N210154" s="10"/>
    </row>
    <row r="210155" spans="14:14">
      <c r="N210155" s="10"/>
    </row>
    <row r="210156" spans="14:14">
      <c r="N210156" s="10"/>
    </row>
    <row r="210157" spans="14:14">
      <c r="N210157" s="10"/>
    </row>
    <row r="210158" spans="14:14">
      <c r="N210158" s="10"/>
    </row>
    <row r="210159" spans="14:14">
      <c r="N210159" s="10"/>
    </row>
    <row r="210160" spans="14:14">
      <c r="N210160" s="10"/>
    </row>
    <row r="210161" spans="14:14">
      <c r="N210161" s="10"/>
    </row>
    <row r="210162" spans="14:14">
      <c r="N210162" s="10"/>
    </row>
    <row r="210163" spans="14:14">
      <c r="N210163" s="10"/>
    </row>
    <row r="210164" spans="14:14">
      <c r="N210164" s="10"/>
    </row>
    <row r="210165" spans="14:14">
      <c r="N210165" s="10"/>
    </row>
    <row r="210166" spans="14:14">
      <c r="N210166" s="10"/>
    </row>
    <row r="210167" spans="14:14">
      <c r="N210167" s="10"/>
    </row>
    <row r="210168" spans="14:14">
      <c r="N210168" s="10"/>
    </row>
    <row r="210169" spans="14:14">
      <c r="N210169" s="10"/>
    </row>
    <row r="210170" spans="14:14">
      <c r="N210170" s="10"/>
    </row>
    <row r="210171" spans="14:14">
      <c r="N210171" s="10"/>
    </row>
    <row r="210172" spans="14:14">
      <c r="N210172" s="10"/>
    </row>
    <row r="210173" spans="14:14">
      <c r="N210173" s="10"/>
    </row>
    <row r="210174" spans="14:14">
      <c r="N210174" s="10"/>
    </row>
    <row r="210175" spans="14:14">
      <c r="N210175" s="10"/>
    </row>
    <row r="210176" spans="14:14">
      <c r="N210176" s="10"/>
    </row>
    <row r="210177" spans="14:14">
      <c r="N210177" s="10"/>
    </row>
    <row r="210178" spans="14:14">
      <c r="N210178" s="10"/>
    </row>
    <row r="210179" spans="14:14">
      <c r="N210179" s="10"/>
    </row>
    <row r="210180" spans="14:14">
      <c r="N210180" s="10"/>
    </row>
    <row r="210181" spans="14:14">
      <c r="N210181" s="10"/>
    </row>
    <row r="210182" spans="14:14">
      <c r="N210182" s="10"/>
    </row>
    <row r="210183" spans="14:14">
      <c r="N210183" s="10"/>
    </row>
    <row r="210184" spans="14:14">
      <c r="N210184" s="10"/>
    </row>
    <row r="210185" spans="14:14">
      <c r="N210185" s="10"/>
    </row>
    <row r="210186" spans="14:14">
      <c r="N210186" s="10"/>
    </row>
    <row r="210187" spans="14:14">
      <c r="N210187" s="10"/>
    </row>
    <row r="210188" spans="14:14">
      <c r="N210188" s="10"/>
    </row>
    <row r="210189" spans="14:14">
      <c r="N210189" s="10"/>
    </row>
    <row r="210190" spans="14:14">
      <c r="N210190" s="10"/>
    </row>
    <row r="210191" spans="14:14">
      <c r="N210191" s="10"/>
    </row>
    <row r="210192" spans="14:14">
      <c r="N210192" s="10"/>
    </row>
    <row r="210193" spans="14:14">
      <c r="N210193" s="10"/>
    </row>
    <row r="210194" spans="14:14">
      <c r="N210194" s="10"/>
    </row>
    <row r="210195" spans="14:14">
      <c r="N210195" s="10"/>
    </row>
    <row r="210196" spans="14:14">
      <c r="N210196" s="10"/>
    </row>
    <row r="210197" spans="14:14">
      <c r="N210197" s="10"/>
    </row>
    <row r="210198" spans="14:14">
      <c r="N210198" s="10"/>
    </row>
    <row r="210199" spans="14:14">
      <c r="N210199" s="10"/>
    </row>
    <row r="210200" spans="14:14">
      <c r="N210200" s="10"/>
    </row>
    <row r="210201" spans="14:14">
      <c r="N210201" s="10"/>
    </row>
    <row r="210202" spans="14:14">
      <c r="N210202" s="10"/>
    </row>
    <row r="210203" spans="14:14">
      <c r="N210203" s="10"/>
    </row>
    <row r="210204" spans="14:14">
      <c r="N210204" s="10"/>
    </row>
    <row r="210205" spans="14:14">
      <c r="N210205" s="10"/>
    </row>
    <row r="210206" spans="14:14">
      <c r="N210206" s="10"/>
    </row>
    <row r="210207" spans="14:14">
      <c r="N210207" s="10"/>
    </row>
    <row r="210208" spans="14:14">
      <c r="N210208" s="10"/>
    </row>
    <row r="210209" spans="14:14">
      <c r="N210209" s="10"/>
    </row>
    <row r="210210" spans="14:14">
      <c r="N210210" s="10"/>
    </row>
    <row r="210211" spans="14:14">
      <c r="N210211" s="10"/>
    </row>
    <row r="210212" spans="14:14">
      <c r="N210212" s="10"/>
    </row>
    <row r="210213" spans="14:14">
      <c r="N210213" s="10"/>
    </row>
    <row r="210214" spans="14:14">
      <c r="N210214" s="10"/>
    </row>
    <row r="210215" spans="14:14">
      <c r="N210215" s="10"/>
    </row>
    <row r="210216" spans="14:14">
      <c r="N210216" s="10"/>
    </row>
    <row r="210217" spans="14:14">
      <c r="N210217" s="10"/>
    </row>
    <row r="210218" spans="14:14">
      <c r="N210218" s="10"/>
    </row>
    <row r="210219" spans="14:14">
      <c r="N210219" s="10"/>
    </row>
    <row r="210220" spans="14:14">
      <c r="N210220" s="10"/>
    </row>
    <row r="210221" spans="14:14">
      <c r="N210221" s="10"/>
    </row>
    <row r="210222" spans="14:14">
      <c r="N210222" s="10"/>
    </row>
    <row r="210223" spans="14:14">
      <c r="N210223" s="10"/>
    </row>
    <row r="210224" spans="14:14">
      <c r="N210224" s="10"/>
    </row>
    <row r="210225" spans="14:14">
      <c r="N210225" s="10"/>
    </row>
    <row r="210226" spans="14:14">
      <c r="N210226" s="10"/>
    </row>
    <row r="210227" spans="14:14">
      <c r="N210227" s="10"/>
    </row>
    <row r="210228" spans="14:14">
      <c r="N210228" s="10"/>
    </row>
    <row r="210229" spans="14:14">
      <c r="N210229" s="10"/>
    </row>
    <row r="210230" spans="14:14">
      <c r="N210230" s="10"/>
    </row>
    <row r="210231" spans="14:14">
      <c r="N210231" s="10"/>
    </row>
    <row r="210232" spans="14:14">
      <c r="N210232" s="10"/>
    </row>
    <row r="210233" spans="14:14">
      <c r="N210233" s="10"/>
    </row>
    <row r="210234" spans="14:14">
      <c r="N210234" s="10"/>
    </row>
    <row r="210235" spans="14:14">
      <c r="N210235" s="10"/>
    </row>
    <row r="210236" spans="14:14">
      <c r="N210236" s="10"/>
    </row>
    <row r="210237" spans="14:14">
      <c r="N210237" s="10"/>
    </row>
    <row r="210238" spans="14:14">
      <c r="N210238" s="10"/>
    </row>
    <row r="210239" spans="14:14">
      <c r="N210239" s="10"/>
    </row>
    <row r="210240" spans="14:14">
      <c r="N210240" s="10"/>
    </row>
    <row r="210241" spans="14:14">
      <c r="N210241" s="10"/>
    </row>
    <row r="210242" spans="14:14">
      <c r="N210242" s="10"/>
    </row>
    <row r="210243" spans="14:14">
      <c r="N210243" s="10"/>
    </row>
    <row r="210244" spans="14:14">
      <c r="N210244" s="10"/>
    </row>
    <row r="210245" spans="14:14">
      <c r="N210245" s="10"/>
    </row>
    <row r="210246" spans="14:14">
      <c r="N210246" s="10"/>
    </row>
    <row r="210247" spans="14:14">
      <c r="N210247" s="10"/>
    </row>
    <row r="210248" spans="14:14">
      <c r="N210248" s="10"/>
    </row>
    <row r="210249" spans="14:14">
      <c r="N210249" s="10"/>
    </row>
    <row r="210250" spans="14:14">
      <c r="N210250" s="10"/>
    </row>
    <row r="210251" spans="14:14">
      <c r="N210251" s="10"/>
    </row>
    <row r="210252" spans="14:14">
      <c r="N210252" s="10"/>
    </row>
    <row r="210253" spans="14:14">
      <c r="N210253" s="10"/>
    </row>
    <row r="210254" spans="14:14">
      <c r="N210254" s="10"/>
    </row>
    <row r="210255" spans="14:14">
      <c r="N210255" s="10"/>
    </row>
    <row r="210256" spans="14:14">
      <c r="N210256" s="10"/>
    </row>
    <row r="210257" spans="14:14">
      <c r="N210257" s="10"/>
    </row>
    <row r="210258" spans="14:14">
      <c r="N210258" s="10"/>
    </row>
    <row r="210259" spans="14:14">
      <c r="N210259" s="10"/>
    </row>
    <row r="210260" spans="14:14">
      <c r="N210260" s="10"/>
    </row>
    <row r="210261" spans="14:14">
      <c r="N210261" s="10"/>
    </row>
    <row r="210262" spans="14:14">
      <c r="N210262" s="10"/>
    </row>
    <row r="210263" spans="14:14">
      <c r="N210263" s="10"/>
    </row>
    <row r="210264" spans="14:14">
      <c r="N210264" s="10"/>
    </row>
    <row r="210265" spans="14:14">
      <c r="N210265" s="10"/>
    </row>
    <row r="210266" spans="14:14">
      <c r="N210266" s="10"/>
    </row>
    <row r="210267" spans="14:14">
      <c r="N210267" s="10"/>
    </row>
    <row r="210268" spans="14:14">
      <c r="N210268" s="10"/>
    </row>
    <row r="210269" spans="14:14">
      <c r="N210269" s="10"/>
    </row>
    <row r="210270" spans="14:14">
      <c r="N210270" s="10"/>
    </row>
    <row r="210271" spans="14:14">
      <c r="N210271" s="10"/>
    </row>
    <row r="210272" spans="14:14">
      <c r="N210272" s="10"/>
    </row>
    <row r="210273" spans="14:14">
      <c r="N210273" s="10"/>
    </row>
    <row r="210274" spans="14:14">
      <c r="N210274" s="10"/>
    </row>
    <row r="210275" spans="14:14">
      <c r="N210275" s="10"/>
    </row>
    <row r="210276" spans="14:14">
      <c r="N210276" s="10"/>
    </row>
    <row r="210277" spans="14:14">
      <c r="N210277" s="10"/>
    </row>
    <row r="210278" spans="14:14">
      <c r="N210278" s="10"/>
    </row>
    <row r="210279" spans="14:14">
      <c r="N210279" s="10"/>
    </row>
    <row r="210280" spans="14:14">
      <c r="N210280" s="10"/>
    </row>
    <row r="210281" spans="14:14">
      <c r="N210281" s="10"/>
    </row>
    <row r="210282" spans="14:14">
      <c r="N210282" s="10"/>
    </row>
    <row r="210283" spans="14:14">
      <c r="N210283" s="10"/>
    </row>
    <row r="210284" spans="14:14">
      <c r="N210284" s="10"/>
    </row>
    <row r="210285" spans="14:14">
      <c r="N210285" s="10"/>
    </row>
    <row r="210286" spans="14:14">
      <c r="N210286" s="10"/>
    </row>
    <row r="210287" spans="14:14">
      <c r="N210287" s="10"/>
    </row>
    <row r="210288" spans="14:14">
      <c r="N210288" s="10"/>
    </row>
    <row r="210289" spans="14:14">
      <c r="N210289" s="10"/>
    </row>
    <row r="210290" spans="14:14">
      <c r="N210290" s="10"/>
    </row>
    <row r="210291" spans="14:14">
      <c r="N210291" s="10"/>
    </row>
    <row r="210292" spans="14:14">
      <c r="N210292" s="10"/>
    </row>
    <row r="210293" spans="14:14">
      <c r="N210293" s="10"/>
    </row>
    <row r="210294" spans="14:14">
      <c r="N210294" s="10"/>
    </row>
    <row r="210295" spans="14:14">
      <c r="N210295" s="10"/>
    </row>
    <row r="210296" spans="14:14">
      <c r="N210296" s="10"/>
    </row>
    <row r="210297" spans="14:14">
      <c r="N210297" s="10"/>
    </row>
    <row r="210298" spans="14:14">
      <c r="N210298" s="10"/>
    </row>
    <row r="210299" spans="14:14">
      <c r="N210299" s="10"/>
    </row>
    <row r="210300" spans="14:14">
      <c r="N210300" s="10"/>
    </row>
    <row r="210301" spans="14:14">
      <c r="N210301" s="10"/>
    </row>
    <row r="210302" spans="14:14">
      <c r="N210302" s="10"/>
    </row>
    <row r="210303" spans="14:14">
      <c r="N210303" s="10"/>
    </row>
    <row r="210304" spans="14:14">
      <c r="N210304" s="10"/>
    </row>
    <row r="210305" spans="14:14">
      <c r="N210305" s="10"/>
    </row>
    <row r="210306" spans="14:14">
      <c r="N210306" s="10"/>
    </row>
    <row r="210307" spans="14:14">
      <c r="N210307" s="10"/>
    </row>
    <row r="210308" spans="14:14">
      <c r="N210308" s="10"/>
    </row>
    <row r="210309" spans="14:14">
      <c r="N210309" s="10"/>
    </row>
    <row r="210310" spans="14:14">
      <c r="N210310" s="10"/>
    </row>
    <row r="210311" spans="14:14">
      <c r="N210311" s="10"/>
    </row>
    <row r="210312" spans="14:14">
      <c r="N210312" s="10"/>
    </row>
    <row r="210313" spans="14:14">
      <c r="N210313" s="10"/>
    </row>
    <row r="210314" spans="14:14">
      <c r="N210314" s="10"/>
    </row>
    <row r="210315" spans="14:14">
      <c r="N210315" s="10"/>
    </row>
    <row r="210316" spans="14:14">
      <c r="N210316" s="10"/>
    </row>
    <row r="210317" spans="14:14">
      <c r="N210317" s="10"/>
    </row>
    <row r="210318" spans="14:14">
      <c r="N210318" s="10"/>
    </row>
    <row r="210319" spans="14:14">
      <c r="N210319" s="10"/>
    </row>
    <row r="210320" spans="14:14">
      <c r="N210320" s="10"/>
    </row>
    <row r="210321" spans="14:14">
      <c r="N210321" s="10"/>
    </row>
    <row r="210322" spans="14:14">
      <c r="N210322" s="10"/>
    </row>
    <row r="210323" spans="14:14">
      <c r="N210323" s="10"/>
    </row>
    <row r="210324" spans="14:14">
      <c r="N210324" s="10"/>
    </row>
    <row r="210325" spans="14:14">
      <c r="N210325" s="10"/>
    </row>
    <row r="210326" spans="14:14">
      <c r="N210326" s="10"/>
    </row>
    <row r="210327" spans="14:14">
      <c r="N210327" s="10"/>
    </row>
    <row r="210328" spans="14:14">
      <c r="N210328" s="10"/>
    </row>
    <row r="210329" spans="14:14">
      <c r="N210329" s="10"/>
    </row>
    <row r="210330" spans="14:14">
      <c r="N210330" s="10"/>
    </row>
    <row r="210331" spans="14:14">
      <c r="N210331" s="10"/>
    </row>
    <row r="210332" spans="14:14">
      <c r="N210332" s="10"/>
    </row>
    <row r="210333" spans="14:14">
      <c r="N210333" s="10"/>
    </row>
    <row r="210334" spans="14:14">
      <c r="N210334" s="10"/>
    </row>
    <row r="210335" spans="14:14">
      <c r="N210335" s="10"/>
    </row>
    <row r="210336" spans="14:14">
      <c r="N210336" s="10"/>
    </row>
    <row r="210337" spans="14:14">
      <c r="N210337" s="10"/>
    </row>
    <row r="210338" spans="14:14">
      <c r="N210338" s="10"/>
    </row>
    <row r="210339" spans="14:14">
      <c r="N210339" s="10"/>
    </row>
    <row r="210340" spans="14:14">
      <c r="N210340" s="10"/>
    </row>
    <row r="210341" spans="14:14">
      <c r="N210341" s="10"/>
    </row>
    <row r="210342" spans="14:14">
      <c r="N210342" s="10"/>
    </row>
    <row r="210343" spans="14:14">
      <c r="N210343" s="10"/>
    </row>
    <row r="210344" spans="14:14">
      <c r="N210344" s="10"/>
    </row>
    <row r="210345" spans="14:14">
      <c r="N210345" s="10"/>
    </row>
    <row r="210346" spans="14:14">
      <c r="N210346" s="10"/>
    </row>
    <row r="210347" spans="14:14">
      <c r="N210347" s="10"/>
    </row>
    <row r="210348" spans="14:14">
      <c r="N210348" s="10"/>
    </row>
    <row r="210349" spans="14:14">
      <c r="N210349" s="10"/>
    </row>
    <row r="210350" spans="14:14">
      <c r="N210350" s="10"/>
    </row>
    <row r="210351" spans="14:14">
      <c r="N210351" s="10"/>
    </row>
    <row r="210352" spans="14:14">
      <c r="N210352" s="10"/>
    </row>
    <row r="210353" spans="14:14">
      <c r="N210353" s="10"/>
    </row>
    <row r="210354" spans="14:14">
      <c r="N210354" s="10"/>
    </row>
    <row r="210355" spans="14:14">
      <c r="N210355" s="10"/>
    </row>
    <row r="210356" spans="14:14">
      <c r="N210356" s="10"/>
    </row>
    <row r="210357" spans="14:14">
      <c r="N210357" s="10"/>
    </row>
    <row r="210358" spans="14:14">
      <c r="N210358" s="10"/>
    </row>
    <row r="210359" spans="14:14">
      <c r="N210359" s="10"/>
    </row>
    <row r="210360" spans="14:14">
      <c r="N210360" s="10"/>
    </row>
    <row r="210361" spans="14:14">
      <c r="N210361" s="10"/>
    </row>
    <row r="210362" spans="14:14">
      <c r="N210362" s="10"/>
    </row>
    <row r="210363" spans="14:14">
      <c r="N210363" s="10"/>
    </row>
    <row r="210364" spans="14:14">
      <c r="N210364" s="10"/>
    </row>
    <row r="210365" spans="14:14">
      <c r="N210365" s="10"/>
    </row>
    <row r="210366" spans="14:14">
      <c r="N210366" s="10"/>
    </row>
    <row r="210367" spans="14:14">
      <c r="N210367" s="10"/>
    </row>
    <row r="210368" spans="14:14">
      <c r="N210368" s="10"/>
    </row>
    <row r="210369" spans="14:14">
      <c r="N210369" s="10"/>
    </row>
    <row r="210370" spans="14:14">
      <c r="N210370" s="10"/>
    </row>
    <row r="210371" spans="14:14">
      <c r="N210371" s="10"/>
    </row>
    <row r="210372" spans="14:14">
      <c r="N210372" s="10"/>
    </row>
    <row r="210373" spans="14:14">
      <c r="N210373" s="10"/>
    </row>
    <row r="210374" spans="14:14">
      <c r="N210374" s="10"/>
    </row>
    <row r="210375" spans="14:14">
      <c r="N210375" s="10"/>
    </row>
    <row r="210376" spans="14:14">
      <c r="N210376" s="10"/>
    </row>
    <row r="210377" spans="14:14">
      <c r="N210377" s="10"/>
    </row>
    <row r="210378" spans="14:14">
      <c r="N210378" s="10"/>
    </row>
    <row r="210379" spans="14:14">
      <c r="N210379" s="10"/>
    </row>
    <row r="210380" spans="14:14">
      <c r="N210380" s="10"/>
    </row>
    <row r="210381" spans="14:14">
      <c r="N210381" s="10"/>
    </row>
    <row r="210382" spans="14:14">
      <c r="N210382" s="10"/>
    </row>
    <row r="210383" spans="14:14">
      <c r="N210383" s="10"/>
    </row>
    <row r="210384" spans="14:14">
      <c r="N210384" s="10"/>
    </row>
    <row r="210385" spans="14:14">
      <c r="N210385" s="10"/>
    </row>
    <row r="210386" spans="14:14">
      <c r="N210386" s="10"/>
    </row>
    <row r="210387" spans="14:14">
      <c r="N210387" s="10"/>
    </row>
    <row r="210388" spans="14:14">
      <c r="N210388" s="10"/>
    </row>
    <row r="210389" spans="14:14">
      <c r="N210389" s="10"/>
    </row>
    <row r="210390" spans="14:14">
      <c r="N210390" s="10"/>
    </row>
    <row r="210391" spans="14:14">
      <c r="N210391" s="10"/>
    </row>
    <row r="210392" spans="14:14">
      <c r="N210392" s="10"/>
    </row>
    <row r="210393" spans="14:14">
      <c r="N210393" s="10"/>
    </row>
    <row r="210394" spans="14:14">
      <c r="N210394" s="10"/>
    </row>
    <row r="210395" spans="14:14">
      <c r="N210395" s="10"/>
    </row>
    <row r="210396" spans="14:14">
      <c r="N210396" s="10"/>
    </row>
    <row r="210397" spans="14:14">
      <c r="N210397" s="10"/>
    </row>
    <row r="210398" spans="14:14">
      <c r="N210398" s="10"/>
    </row>
    <row r="210399" spans="14:14">
      <c r="N210399" s="10"/>
    </row>
    <row r="210400" spans="14:14">
      <c r="N210400" s="10"/>
    </row>
    <row r="210401" spans="14:14">
      <c r="N210401" s="10"/>
    </row>
    <row r="210402" spans="14:14">
      <c r="N210402" s="10"/>
    </row>
    <row r="210403" spans="14:14">
      <c r="N210403" s="10"/>
    </row>
    <row r="210404" spans="14:14">
      <c r="N210404" s="10"/>
    </row>
    <row r="210405" spans="14:14">
      <c r="N210405" s="10"/>
    </row>
    <row r="210406" spans="14:14">
      <c r="N210406" s="10"/>
    </row>
    <row r="210407" spans="14:14">
      <c r="N210407" s="10"/>
    </row>
    <row r="210408" spans="14:14">
      <c r="N210408" s="10"/>
    </row>
    <row r="210409" spans="14:14">
      <c r="N210409" s="10"/>
    </row>
    <row r="210410" spans="14:14">
      <c r="N210410" s="10"/>
    </row>
    <row r="210411" spans="14:14">
      <c r="N210411" s="10"/>
    </row>
    <row r="210412" spans="14:14">
      <c r="N210412" s="10"/>
    </row>
    <row r="210413" spans="14:14">
      <c r="N210413" s="10"/>
    </row>
    <row r="210414" spans="14:14">
      <c r="N210414" s="10"/>
    </row>
    <row r="210415" spans="14:14">
      <c r="N210415" s="10"/>
    </row>
    <row r="210416" spans="14:14">
      <c r="N210416" s="10"/>
    </row>
    <row r="210417" spans="14:14">
      <c r="N210417" s="10"/>
    </row>
    <row r="210418" spans="14:14">
      <c r="N210418" s="10"/>
    </row>
    <row r="210419" spans="14:14">
      <c r="N210419" s="10"/>
    </row>
    <row r="210420" spans="14:14">
      <c r="N210420" s="10"/>
    </row>
    <row r="210421" spans="14:14">
      <c r="N210421" s="10"/>
    </row>
    <row r="210422" spans="14:14">
      <c r="N210422" s="10"/>
    </row>
    <row r="210423" spans="14:14">
      <c r="N210423" s="10"/>
    </row>
    <row r="210424" spans="14:14">
      <c r="N210424" s="10"/>
    </row>
    <row r="210425" spans="14:14">
      <c r="N210425" s="10"/>
    </row>
    <row r="210426" spans="14:14">
      <c r="N210426" s="10"/>
    </row>
    <row r="210427" spans="14:14">
      <c r="N210427" s="10"/>
    </row>
    <row r="210428" spans="14:14">
      <c r="N210428" s="10"/>
    </row>
    <row r="210429" spans="14:14">
      <c r="N210429" s="10"/>
    </row>
    <row r="210430" spans="14:14">
      <c r="N210430" s="10"/>
    </row>
    <row r="210431" spans="14:14">
      <c r="N210431" s="10"/>
    </row>
    <row r="210432" spans="14:14">
      <c r="N210432" s="10"/>
    </row>
    <row r="210433" spans="14:14">
      <c r="N210433" s="10"/>
    </row>
    <row r="210434" spans="14:14">
      <c r="N210434" s="10"/>
    </row>
    <row r="210435" spans="14:14">
      <c r="N210435" s="10"/>
    </row>
    <row r="210436" spans="14:14">
      <c r="N210436" s="10"/>
    </row>
    <row r="210437" spans="14:14">
      <c r="N210437" s="10"/>
    </row>
    <row r="210438" spans="14:14">
      <c r="N210438" s="10"/>
    </row>
    <row r="210439" spans="14:14">
      <c r="N210439" s="10"/>
    </row>
    <row r="210440" spans="14:14">
      <c r="N210440" s="10"/>
    </row>
    <row r="210441" spans="14:14">
      <c r="N210441" s="10"/>
    </row>
    <row r="210442" spans="14:14">
      <c r="N210442" s="10"/>
    </row>
    <row r="210443" spans="14:14">
      <c r="N210443" s="10"/>
    </row>
    <row r="210444" spans="14:14">
      <c r="N210444" s="10"/>
    </row>
    <row r="210445" spans="14:14">
      <c r="N210445" s="10"/>
    </row>
    <row r="210446" spans="14:14">
      <c r="N210446" s="10"/>
    </row>
    <row r="210447" spans="14:14">
      <c r="N210447" s="10"/>
    </row>
    <row r="210448" spans="14:14">
      <c r="N210448" s="10"/>
    </row>
    <row r="210449" spans="14:14">
      <c r="N210449" s="10"/>
    </row>
    <row r="210450" spans="14:14">
      <c r="N210450" s="10"/>
    </row>
    <row r="210451" spans="14:14">
      <c r="N210451" s="10"/>
    </row>
    <row r="210452" spans="14:14">
      <c r="N210452" s="10"/>
    </row>
    <row r="210453" spans="14:14">
      <c r="N210453" s="10"/>
    </row>
    <row r="210454" spans="14:14">
      <c r="N210454" s="10"/>
    </row>
    <row r="210455" spans="14:14">
      <c r="N210455" s="10"/>
    </row>
    <row r="210456" spans="14:14">
      <c r="N210456" s="10"/>
    </row>
    <row r="210457" spans="14:14">
      <c r="N210457" s="10"/>
    </row>
    <row r="210458" spans="14:14">
      <c r="N210458" s="10"/>
    </row>
    <row r="210459" spans="14:14">
      <c r="N210459" s="10"/>
    </row>
    <row r="210460" spans="14:14">
      <c r="N210460" s="10"/>
    </row>
    <row r="210461" spans="14:14">
      <c r="N210461" s="10"/>
    </row>
    <row r="210462" spans="14:14">
      <c r="N210462" s="10"/>
    </row>
    <row r="210463" spans="14:14">
      <c r="N210463" s="10"/>
    </row>
    <row r="210464" spans="14:14">
      <c r="N210464" s="10"/>
    </row>
    <row r="210465" spans="14:14">
      <c r="N210465" s="10"/>
    </row>
    <row r="210466" spans="14:14">
      <c r="N210466" s="10"/>
    </row>
    <row r="210467" spans="14:14">
      <c r="N210467" s="10"/>
    </row>
    <row r="210468" spans="14:14">
      <c r="N210468" s="10"/>
    </row>
    <row r="210469" spans="14:14">
      <c r="N210469" s="10"/>
    </row>
    <row r="210470" spans="14:14">
      <c r="N210470" s="10"/>
    </row>
    <row r="210471" spans="14:14">
      <c r="N210471" s="10"/>
    </row>
    <row r="210472" spans="14:14">
      <c r="N210472" s="10"/>
    </row>
    <row r="210473" spans="14:14">
      <c r="N210473" s="10"/>
    </row>
    <row r="210474" spans="14:14">
      <c r="N210474" s="10"/>
    </row>
    <row r="210475" spans="14:14">
      <c r="N210475" s="10"/>
    </row>
    <row r="210476" spans="14:14">
      <c r="N210476" s="10"/>
    </row>
    <row r="210477" spans="14:14">
      <c r="N210477" s="10"/>
    </row>
    <row r="210478" spans="14:14">
      <c r="N210478" s="10"/>
    </row>
    <row r="210479" spans="14:14">
      <c r="N210479" s="10"/>
    </row>
    <row r="210480" spans="14:14">
      <c r="N210480" s="10"/>
    </row>
    <row r="210481" spans="14:14">
      <c r="N210481" s="10"/>
    </row>
    <row r="210482" spans="14:14">
      <c r="N210482" s="10"/>
    </row>
    <row r="210483" spans="14:14">
      <c r="N210483" s="10"/>
    </row>
    <row r="210484" spans="14:14">
      <c r="N210484" s="10"/>
    </row>
    <row r="210485" spans="14:14">
      <c r="N210485" s="10"/>
    </row>
    <row r="210486" spans="14:14">
      <c r="N210486" s="10"/>
    </row>
    <row r="210487" spans="14:14">
      <c r="N210487" s="10"/>
    </row>
    <row r="210488" spans="14:14">
      <c r="N210488" s="10"/>
    </row>
    <row r="210489" spans="14:14">
      <c r="N210489" s="10"/>
    </row>
    <row r="210490" spans="14:14">
      <c r="N210490" s="10"/>
    </row>
    <row r="210491" spans="14:14">
      <c r="N210491" s="10"/>
    </row>
    <row r="210492" spans="14:14">
      <c r="N210492" s="10"/>
    </row>
    <row r="210493" spans="14:14">
      <c r="N210493" s="10"/>
    </row>
    <row r="210494" spans="14:14">
      <c r="N210494" s="10"/>
    </row>
    <row r="210495" spans="14:14">
      <c r="N210495" s="10"/>
    </row>
    <row r="210496" spans="14:14">
      <c r="N210496" s="10"/>
    </row>
    <row r="210497" spans="14:14">
      <c r="N210497" s="10"/>
    </row>
    <row r="210498" spans="14:14">
      <c r="N210498" s="10"/>
    </row>
    <row r="210499" spans="14:14">
      <c r="N210499" s="10"/>
    </row>
    <row r="210500" spans="14:14">
      <c r="N210500" s="10"/>
    </row>
    <row r="210501" spans="14:14">
      <c r="N210501" s="10"/>
    </row>
    <row r="210502" spans="14:14">
      <c r="N210502" s="10"/>
    </row>
    <row r="210503" spans="14:14">
      <c r="N210503" s="10"/>
    </row>
    <row r="210504" spans="14:14">
      <c r="N210504" s="10"/>
    </row>
    <row r="210505" spans="14:14">
      <c r="N210505" s="10"/>
    </row>
    <row r="210506" spans="14:14">
      <c r="N210506" s="10"/>
    </row>
    <row r="210507" spans="14:14">
      <c r="N210507" s="10"/>
    </row>
    <row r="210508" spans="14:14">
      <c r="N210508" s="10"/>
    </row>
    <row r="210509" spans="14:14">
      <c r="N210509" s="10"/>
    </row>
    <row r="210510" spans="14:14">
      <c r="N210510" s="10"/>
    </row>
    <row r="210511" spans="14:14">
      <c r="N210511" s="10"/>
    </row>
    <row r="210512" spans="14:14">
      <c r="N210512" s="10"/>
    </row>
    <row r="210513" spans="14:14">
      <c r="N210513" s="10"/>
    </row>
    <row r="210514" spans="14:14">
      <c r="N210514" s="10"/>
    </row>
    <row r="210515" spans="14:14">
      <c r="N210515" s="10"/>
    </row>
    <row r="210516" spans="14:14">
      <c r="N210516" s="10"/>
    </row>
    <row r="210517" spans="14:14">
      <c r="N210517" s="10"/>
    </row>
    <row r="210518" spans="14:14">
      <c r="N210518" s="10"/>
    </row>
    <row r="210519" spans="14:14">
      <c r="N210519" s="10"/>
    </row>
    <row r="210520" spans="14:14">
      <c r="N210520" s="10"/>
    </row>
    <row r="210521" spans="14:14">
      <c r="N210521" s="10"/>
    </row>
    <row r="210522" spans="14:14">
      <c r="N210522" s="10"/>
    </row>
    <row r="210523" spans="14:14">
      <c r="N210523" s="10"/>
    </row>
    <row r="210524" spans="14:14">
      <c r="N210524" s="10"/>
    </row>
    <row r="210525" spans="14:14">
      <c r="N210525" s="10"/>
    </row>
    <row r="210526" spans="14:14">
      <c r="N210526" s="10"/>
    </row>
    <row r="210527" spans="14:14">
      <c r="N210527" s="10"/>
    </row>
    <row r="210528" spans="14:14">
      <c r="N210528" s="10"/>
    </row>
    <row r="210529" spans="14:14">
      <c r="N210529" s="10"/>
    </row>
    <row r="210530" spans="14:14">
      <c r="N210530" s="10"/>
    </row>
    <row r="210531" spans="14:14">
      <c r="N210531" s="10"/>
    </row>
    <row r="210532" spans="14:14">
      <c r="N210532" s="10"/>
    </row>
    <row r="210533" spans="14:14">
      <c r="N210533" s="10"/>
    </row>
    <row r="210534" spans="14:14">
      <c r="N210534" s="10"/>
    </row>
    <row r="210535" spans="14:14">
      <c r="N210535" s="10"/>
    </row>
    <row r="210536" spans="14:14">
      <c r="N210536" s="10"/>
    </row>
    <row r="210537" spans="14:14">
      <c r="N210537" s="10"/>
    </row>
    <row r="210538" spans="14:14">
      <c r="N210538" s="10"/>
    </row>
    <row r="210539" spans="14:14">
      <c r="N210539" s="10"/>
    </row>
    <row r="210540" spans="14:14">
      <c r="N210540" s="10"/>
    </row>
    <row r="210541" spans="14:14">
      <c r="N210541" s="10"/>
    </row>
    <row r="210542" spans="14:14">
      <c r="N210542" s="10"/>
    </row>
    <row r="210543" spans="14:14">
      <c r="N210543" s="10"/>
    </row>
    <row r="210544" spans="14:14">
      <c r="N210544" s="10"/>
    </row>
    <row r="210545" spans="14:14">
      <c r="N210545" s="10"/>
    </row>
    <row r="210546" spans="14:14">
      <c r="N210546" s="10"/>
    </row>
    <row r="210547" spans="14:14">
      <c r="N210547" s="10"/>
    </row>
    <row r="210548" spans="14:14">
      <c r="N210548" s="10"/>
    </row>
    <row r="210549" spans="14:14">
      <c r="N210549" s="10"/>
    </row>
    <row r="210550" spans="14:14">
      <c r="N210550" s="10"/>
    </row>
    <row r="210551" spans="14:14">
      <c r="N210551" s="10"/>
    </row>
    <row r="210552" spans="14:14">
      <c r="N210552" s="10"/>
    </row>
    <row r="210553" spans="14:14">
      <c r="N210553" s="10"/>
    </row>
    <row r="210554" spans="14:14">
      <c r="N210554" s="10"/>
    </row>
    <row r="210555" spans="14:14">
      <c r="N210555" s="10"/>
    </row>
    <row r="210556" spans="14:14">
      <c r="N210556" s="10"/>
    </row>
    <row r="210557" spans="14:14">
      <c r="N210557" s="10"/>
    </row>
    <row r="210558" spans="14:14">
      <c r="N210558" s="10"/>
    </row>
    <row r="210559" spans="14:14">
      <c r="N210559" s="10"/>
    </row>
    <row r="210560" spans="14:14">
      <c r="N210560" s="10"/>
    </row>
    <row r="210561" spans="14:14">
      <c r="N210561" s="10"/>
    </row>
    <row r="210562" spans="14:14">
      <c r="N210562" s="10"/>
    </row>
    <row r="210563" spans="14:14">
      <c r="N210563" s="10"/>
    </row>
    <row r="210564" spans="14:14">
      <c r="N210564" s="10"/>
    </row>
    <row r="210565" spans="14:14">
      <c r="N210565" s="10"/>
    </row>
    <row r="210566" spans="14:14">
      <c r="N210566" s="10"/>
    </row>
    <row r="210567" spans="14:14">
      <c r="N210567" s="10"/>
    </row>
    <row r="210568" spans="14:14">
      <c r="N210568" s="10"/>
    </row>
    <row r="210569" spans="14:14">
      <c r="N210569" s="10"/>
    </row>
    <row r="210570" spans="14:14">
      <c r="N210570" s="10"/>
    </row>
    <row r="210571" spans="14:14">
      <c r="N210571" s="10"/>
    </row>
    <row r="210572" spans="14:14">
      <c r="N210572" s="10"/>
    </row>
    <row r="210573" spans="14:14">
      <c r="N210573" s="10"/>
    </row>
    <row r="210574" spans="14:14">
      <c r="N210574" s="10"/>
    </row>
    <row r="210575" spans="14:14">
      <c r="N210575" s="10"/>
    </row>
    <row r="210576" spans="14:14">
      <c r="N210576" s="10"/>
    </row>
    <row r="210577" spans="14:14">
      <c r="N210577" s="10"/>
    </row>
    <row r="210578" spans="14:14">
      <c r="N210578" s="10"/>
    </row>
    <row r="210579" spans="14:14">
      <c r="N210579" s="10"/>
    </row>
    <row r="210580" spans="14:14">
      <c r="N210580" s="10"/>
    </row>
    <row r="210581" spans="14:14">
      <c r="N210581" s="10"/>
    </row>
    <row r="210582" spans="14:14">
      <c r="N210582" s="10"/>
    </row>
    <row r="210583" spans="14:14">
      <c r="N210583" s="10"/>
    </row>
    <row r="210584" spans="14:14">
      <c r="N210584" s="10"/>
    </row>
    <row r="210585" spans="14:14">
      <c r="N210585" s="10"/>
    </row>
    <row r="210586" spans="14:14">
      <c r="N210586" s="10"/>
    </row>
    <row r="210587" spans="14:14">
      <c r="N210587" s="10"/>
    </row>
    <row r="210588" spans="14:14">
      <c r="N210588" s="10"/>
    </row>
    <row r="210589" spans="14:14">
      <c r="N210589" s="10"/>
    </row>
    <row r="210590" spans="14:14">
      <c r="N210590" s="10"/>
    </row>
    <row r="210591" spans="14:14">
      <c r="N210591" s="10"/>
    </row>
    <row r="210592" spans="14:14">
      <c r="N210592" s="10"/>
    </row>
    <row r="210593" spans="14:14">
      <c r="N210593" s="10"/>
    </row>
    <row r="210594" spans="14:14">
      <c r="N210594" s="10"/>
    </row>
    <row r="210595" spans="14:14">
      <c r="N210595" s="10"/>
    </row>
    <row r="210596" spans="14:14">
      <c r="N210596" s="10"/>
    </row>
    <row r="210597" spans="14:14">
      <c r="N210597" s="10"/>
    </row>
    <row r="210598" spans="14:14">
      <c r="N210598" s="10"/>
    </row>
    <row r="210599" spans="14:14">
      <c r="N210599" s="10"/>
    </row>
    <row r="210600" spans="14:14">
      <c r="N210600" s="10"/>
    </row>
    <row r="210601" spans="14:14">
      <c r="N210601" s="10"/>
    </row>
    <row r="210602" spans="14:14">
      <c r="N210602" s="10"/>
    </row>
    <row r="210603" spans="14:14">
      <c r="N210603" s="10"/>
    </row>
    <row r="210604" spans="14:14">
      <c r="N210604" s="10"/>
    </row>
    <row r="210605" spans="14:14">
      <c r="N210605" s="10"/>
    </row>
    <row r="210606" spans="14:14">
      <c r="N210606" s="10"/>
    </row>
    <row r="210607" spans="14:14">
      <c r="N210607" s="10"/>
    </row>
    <row r="210608" spans="14:14">
      <c r="N210608" s="10"/>
    </row>
    <row r="210609" spans="14:14">
      <c r="N210609" s="10"/>
    </row>
    <row r="210610" spans="14:14">
      <c r="N210610" s="10"/>
    </row>
    <row r="210611" spans="14:14">
      <c r="N210611" s="10"/>
    </row>
    <row r="210612" spans="14:14">
      <c r="N210612" s="10"/>
    </row>
    <row r="210613" spans="14:14">
      <c r="N210613" s="10"/>
    </row>
    <row r="210614" spans="14:14">
      <c r="N210614" s="10"/>
    </row>
    <row r="210615" spans="14:14">
      <c r="N210615" s="10"/>
    </row>
    <row r="210616" spans="14:14">
      <c r="N210616" s="10"/>
    </row>
    <row r="210617" spans="14:14">
      <c r="N210617" s="10"/>
    </row>
    <row r="210618" spans="14:14">
      <c r="N210618" s="10"/>
    </row>
    <row r="210619" spans="14:14">
      <c r="N210619" s="10"/>
    </row>
    <row r="210620" spans="14:14">
      <c r="N210620" s="10"/>
    </row>
    <row r="210621" spans="14:14">
      <c r="N210621" s="10"/>
    </row>
    <row r="210622" spans="14:14">
      <c r="N210622" s="10"/>
    </row>
    <row r="210623" spans="14:14">
      <c r="N210623" s="10"/>
    </row>
    <row r="210624" spans="14:14">
      <c r="N210624" s="10"/>
    </row>
    <row r="210625" spans="14:14">
      <c r="N210625" s="10"/>
    </row>
    <row r="210626" spans="14:14">
      <c r="N210626" s="10"/>
    </row>
    <row r="210627" spans="14:14">
      <c r="N210627" s="10"/>
    </row>
    <row r="210628" spans="14:14">
      <c r="N210628" s="10"/>
    </row>
    <row r="210629" spans="14:14">
      <c r="N210629" s="10"/>
    </row>
    <row r="210630" spans="14:14">
      <c r="N210630" s="10"/>
    </row>
    <row r="210631" spans="14:14">
      <c r="N210631" s="10"/>
    </row>
    <row r="210632" spans="14:14">
      <c r="N210632" s="10"/>
    </row>
    <row r="210633" spans="14:14">
      <c r="N210633" s="10"/>
    </row>
    <row r="210634" spans="14:14">
      <c r="N210634" s="10"/>
    </row>
    <row r="210635" spans="14:14">
      <c r="N210635" s="10"/>
    </row>
    <row r="210636" spans="14:14">
      <c r="N210636" s="10"/>
    </row>
    <row r="210637" spans="14:14">
      <c r="N210637" s="10"/>
    </row>
    <row r="210638" spans="14:14">
      <c r="N210638" s="10"/>
    </row>
    <row r="210639" spans="14:14">
      <c r="N210639" s="10"/>
    </row>
    <row r="210640" spans="14:14">
      <c r="N210640" s="10"/>
    </row>
    <row r="210641" spans="14:14">
      <c r="N210641" s="10"/>
    </row>
    <row r="210642" spans="14:14">
      <c r="N210642" s="10"/>
    </row>
    <row r="210643" spans="14:14">
      <c r="N210643" s="10"/>
    </row>
    <row r="210644" spans="14:14">
      <c r="N210644" s="10"/>
    </row>
    <row r="210645" spans="14:14">
      <c r="N210645" s="10"/>
    </row>
    <row r="210646" spans="14:14">
      <c r="N210646" s="10"/>
    </row>
    <row r="210647" spans="14:14">
      <c r="N210647" s="10"/>
    </row>
    <row r="210648" spans="14:14">
      <c r="N210648" s="10"/>
    </row>
    <row r="210649" spans="14:14">
      <c r="N210649" s="10"/>
    </row>
    <row r="210650" spans="14:14">
      <c r="N210650" s="10"/>
    </row>
    <row r="210651" spans="14:14">
      <c r="N210651" s="10"/>
    </row>
    <row r="210652" spans="14:14">
      <c r="N210652" s="10"/>
    </row>
    <row r="210653" spans="14:14">
      <c r="N210653" s="10"/>
    </row>
    <row r="210654" spans="14:14">
      <c r="N210654" s="10"/>
    </row>
    <row r="210655" spans="14:14">
      <c r="N210655" s="10"/>
    </row>
    <row r="210656" spans="14:14">
      <c r="N210656" s="10"/>
    </row>
    <row r="210657" spans="14:14">
      <c r="N210657" s="10"/>
    </row>
    <row r="210658" spans="14:14">
      <c r="N210658" s="10"/>
    </row>
    <row r="210659" spans="14:14">
      <c r="N210659" s="10"/>
    </row>
    <row r="210660" spans="14:14">
      <c r="N210660" s="10"/>
    </row>
    <row r="210661" spans="14:14">
      <c r="N210661" s="10"/>
    </row>
    <row r="210662" spans="14:14">
      <c r="N210662" s="10"/>
    </row>
    <row r="210663" spans="14:14">
      <c r="N210663" s="10"/>
    </row>
    <row r="210664" spans="14:14">
      <c r="N210664" s="10"/>
    </row>
    <row r="210665" spans="14:14">
      <c r="N210665" s="10"/>
    </row>
    <row r="210666" spans="14:14">
      <c r="N210666" s="10"/>
    </row>
    <row r="210667" spans="14:14">
      <c r="N210667" s="10"/>
    </row>
    <row r="210668" spans="14:14">
      <c r="N210668" s="10"/>
    </row>
    <row r="210669" spans="14:14">
      <c r="N210669" s="10"/>
    </row>
    <row r="210670" spans="14:14">
      <c r="N210670" s="10"/>
    </row>
    <row r="210671" spans="14:14">
      <c r="N210671" s="10"/>
    </row>
    <row r="210672" spans="14:14">
      <c r="N210672" s="10"/>
    </row>
    <row r="210673" spans="14:14">
      <c r="N210673" s="10"/>
    </row>
    <row r="210674" spans="14:14">
      <c r="N210674" s="10"/>
    </row>
    <row r="210675" spans="14:14">
      <c r="N210675" s="10"/>
    </row>
    <row r="210676" spans="14:14">
      <c r="N210676" s="10"/>
    </row>
    <row r="210677" spans="14:14">
      <c r="N210677" s="10"/>
    </row>
    <row r="210678" spans="14:14">
      <c r="N210678" s="10"/>
    </row>
    <row r="210679" spans="14:14">
      <c r="N210679" s="10"/>
    </row>
    <row r="210680" spans="14:14">
      <c r="N210680" s="10"/>
    </row>
    <row r="210681" spans="14:14">
      <c r="N210681" s="10"/>
    </row>
    <row r="210682" spans="14:14">
      <c r="N210682" s="10"/>
    </row>
    <row r="210683" spans="14:14">
      <c r="N210683" s="10"/>
    </row>
    <row r="210684" spans="14:14">
      <c r="N210684" s="10"/>
    </row>
    <row r="210685" spans="14:14">
      <c r="N210685" s="10"/>
    </row>
    <row r="210686" spans="14:14">
      <c r="N210686" s="10"/>
    </row>
    <row r="210687" spans="14:14">
      <c r="N210687" s="10"/>
    </row>
    <row r="210688" spans="14:14">
      <c r="N210688" s="10"/>
    </row>
    <row r="210689" spans="14:14">
      <c r="N210689" s="10"/>
    </row>
    <row r="210690" spans="14:14">
      <c r="N210690" s="10"/>
    </row>
    <row r="210691" spans="14:14">
      <c r="N210691" s="10"/>
    </row>
    <row r="210692" spans="14:14">
      <c r="N210692" s="10"/>
    </row>
    <row r="210693" spans="14:14">
      <c r="N210693" s="10"/>
    </row>
    <row r="210694" spans="14:14">
      <c r="N210694" s="10"/>
    </row>
    <row r="210695" spans="14:14">
      <c r="N210695" s="10"/>
    </row>
    <row r="210696" spans="14:14">
      <c r="N210696" s="10"/>
    </row>
    <row r="210697" spans="14:14">
      <c r="N210697" s="10"/>
    </row>
    <row r="210698" spans="14:14">
      <c r="N210698" s="10"/>
    </row>
    <row r="210699" spans="14:14">
      <c r="N210699" s="10"/>
    </row>
    <row r="210700" spans="14:14">
      <c r="N210700" s="10"/>
    </row>
    <row r="210701" spans="14:14">
      <c r="N210701" s="10"/>
    </row>
    <row r="210702" spans="14:14">
      <c r="N210702" s="10"/>
    </row>
    <row r="210703" spans="14:14">
      <c r="N210703" s="10"/>
    </row>
    <row r="210704" spans="14:14">
      <c r="N210704" s="10"/>
    </row>
    <row r="210705" spans="14:14">
      <c r="N210705" s="10"/>
    </row>
    <row r="210706" spans="14:14">
      <c r="N210706" s="10"/>
    </row>
    <row r="210707" spans="14:14">
      <c r="N210707" s="10"/>
    </row>
    <row r="210708" spans="14:14">
      <c r="N210708" s="10"/>
    </row>
    <row r="210709" spans="14:14">
      <c r="N210709" s="10"/>
    </row>
    <row r="210710" spans="14:14">
      <c r="N210710" s="10"/>
    </row>
    <row r="210711" spans="14:14">
      <c r="N210711" s="10"/>
    </row>
    <row r="210712" spans="14:14">
      <c r="N210712" s="10"/>
    </row>
    <row r="210713" spans="14:14">
      <c r="N210713" s="10"/>
    </row>
    <row r="210714" spans="14:14">
      <c r="N210714" s="10"/>
    </row>
    <row r="210715" spans="14:14">
      <c r="N210715" s="10"/>
    </row>
    <row r="210716" spans="14:14">
      <c r="N210716" s="10"/>
    </row>
    <row r="210717" spans="14:14">
      <c r="N210717" s="10"/>
    </row>
    <row r="210718" spans="14:14">
      <c r="N210718" s="10"/>
    </row>
    <row r="210719" spans="14:14">
      <c r="N210719" s="10"/>
    </row>
    <row r="210720" spans="14:14">
      <c r="N210720" s="10"/>
    </row>
    <row r="210721" spans="14:14">
      <c r="N210721" s="10"/>
    </row>
    <row r="210722" spans="14:14">
      <c r="N210722" s="10"/>
    </row>
    <row r="210723" spans="14:14">
      <c r="N210723" s="10"/>
    </row>
    <row r="210724" spans="14:14">
      <c r="N210724" s="10"/>
    </row>
    <row r="210725" spans="14:14">
      <c r="N210725" s="10"/>
    </row>
    <row r="210726" spans="14:14">
      <c r="N210726" s="10"/>
    </row>
    <row r="210727" spans="14:14">
      <c r="N210727" s="10"/>
    </row>
    <row r="210728" spans="14:14">
      <c r="N210728" s="10"/>
    </row>
    <row r="210729" spans="14:14">
      <c r="N210729" s="10"/>
    </row>
    <row r="210730" spans="14:14">
      <c r="N210730" s="10"/>
    </row>
    <row r="210731" spans="14:14">
      <c r="N210731" s="10"/>
    </row>
    <row r="210732" spans="14:14">
      <c r="N210732" s="10"/>
    </row>
    <row r="210733" spans="14:14">
      <c r="N210733" s="10"/>
    </row>
    <row r="210734" spans="14:14">
      <c r="N210734" s="10"/>
    </row>
    <row r="210735" spans="14:14">
      <c r="N210735" s="10"/>
    </row>
    <row r="210736" spans="14:14">
      <c r="N210736" s="10"/>
    </row>
    <row r="210737" spans="14:14">
      <c r="N210737" s="10"/>
    </row>
    <row r="210738" spans="14:14">
      <c r="N210738" s="10"/>
    </row>
    <row r="210739" spans="14:14">
      <c r="N210739" s="10"/>
    </row>
    <row r="210740" spans="14:14">
      <c r="N210740" s="10"/>
    </row>
    <row r="210741" spans="14:14">
      <c r="N210741" s="10"/>
    </row>
    <row r="210742" spans="14:14">
      <c r="N210742" s="10"/>
    </row>
    <row r="210743" spans="14:14">
      <c r="N210743" s="10"/>
    </row>
    <row r="210744" spans="14:14">
      <c r="N210744" s="10"/>
    </row>
    <row r="210745" spans="14:14">
      <c r="N210745" s="10"/>
    </row>
    <row r="210746" spans="14:14">
      <c r="N210746" s="10"/>
    </row>
    <row r="210747" spans="14:14">
      <c r="N210747" s="10"/>
    </row>
    <row r="210748" spans="14:14">
      <c r="N210748" s="10"/>
    </row>
    <row r="210749" spans="14:14">
      <c r="N210749" s="10"/>
    </row>
    <row r="210750" spans="14:14">
      <c r="N210750" s="10"/>
    </row>
    <row r="210751" spans="14:14">
      <c r="N210751" s="10"/>
    </row>
    <row r="210752" spans="14:14">
      <c r="N210752" s="10"/>
    </row>
    <row r="210753" spans="14:14">
      <c r="N210753" s="10"/>
    </row>
    <row r="210754" spans="14:14">
      <c r="N210754" s="10"/>
    </row>
    <row r="210755" spans="14:14">
      <c r="N210755" s="10"/>
    </row>
    <row r="210756" spans="14:14">
      <c r="N210756" s="10"/>
    </row>
    <row r="210757" spans="14:14">
      <c r="N210757" s="10"/>
    </row>
    <row r="210758" spans="14:14">
      <c r="N210758" s="10"/>
    </row>
    <row r="210759" spans="14:14">
      <c r="N210759" s="10"/>
    </row>
    <row r="210760" spans="14:14">
      <c r="N210760" s="10"/>
    </row>
    <row r="210761" spans="14:14">
      <c r="N210761" s="10"/>
    </row>
    <row r="210762" spans="14:14">
      <c r="N210762" s="10"/>
    </row>
    <row r="210763" spans="14:14">
      <c r="N210763" s="10"/>
    </row>
    <row r="210764" spans="14:14">
      <c r="N210764" s="10"/>
    </row>
    <row r="210765" spans="14:14">
      <c r="N210765" s="10"/>
    </row>
    <row r="210766" spans="14:14">
      <c r="N210766" s="10"/>
    </row>
    <row r="210767" spans="14:14">
      <c r="N210767" s="10"/>
    </row>
    <row r="210768" spans="14:14">
      <c r="N210768" s="10"/>
    </row>
    <row r="210769" spans="14:14">
      <c r="N210769" s="10"/>
    </row>
    <row r="210770" spans="14:14">
      <c r="N210770" s="10"/>
    </row>
    <row r="210771" spans="14:14">
      <c r="N210771" s="10"/>
    </row>
    <row r="210772" spans="14:14">
      <c r="N210772" s="10"/>
    </row>
    <row r="210773" spans="14:14">
      <c r="N210773" s="10"/>
    </row>
    <row r="210774" spans="14:14">
      <c r="N210774" s="10"/>
    </row>
    <row r="210775" spans="14:14">
      <c r="N210775" s="10"/>
    </row>
    <row r="210776" spans="14:14">
      <c r="N210776" s="10"/>
    </row>
    <row r="210777" spans="14:14">
      <c r="N210777" s="10"/>
    </row>
    <row r="210778" spans="14:14">
      <c r="N210778" s="10"/>
    </row>
    <row r="210779" spans="14:14">
      <c r="N210779" s="10"/>
    </row>
    <row r="210780" spans="14:14">
      <c r="N210780" s="10"/>
    </row>
    <row r="210781" spans="14:14">
      <c r="N210781" s="10"/>
    </row>
    <row r="210782" spans="14:14">
      <c r="N210782" s="10"/>
    </row>
    <row r="210783" spans="14:14">
      <c r="N210783" s="10"/>
    </row>
    <row r="210784" spans="14:14">
      <c r="N210784" s="10"/>
    </row>
    <row r="210785" spans="14:14">
      <c r="N210785" s="10"/>
    </row>
    <row r="210786" spans="14:14">
      <c r="N210786" s="10"/>
    </row>
    <row r="210787" spans="14:14">
      <c r="N210787" s="10"/>
    </row>
    <row r="210788" spans="14:14">
      <c r="N210788" s="10"/>
    </row>
    <row r="210789" spans="14:14">
      <c r="N210789" s="10"/>
    </row>
    <row r="210790" spans="14:14">
      <c r="N210790" s="10"/>
    </row>
    <row r="210791" spans="14:14">
      <c r="N210791" s="10"/>
    </row>
    <row r="210792" spans="14:14">
      <c r="N210792" s="10"/>
    </row>
    <row r="210793" spans="14:14">
      <c r="N210793" s="10"/>
    </row>
    <row r="210794" spans="14:14">
      <c r="N210794" s="10"/>
    </row>
    <row r="210795" spans="14:14">
      <c r="N210795" s="10"/>
    </row>
    <row r="210796" spans="14:14">
      <c r="N210796" s="10"/>
    </row>
    <row r="210797" spans="14:14">
      <c r="N210797" s="10"/>
    </row>
    <row r="210798" spans="14:14">
      <c r="N210798" s="10"/>
    </row>
    <row r="210799" spans="14:14">
      <c r="N210799" s="10"/>
    </row>
    <row r="210800" spans="14:14">
      <c r="N210800" s="10"/>
    </row>
    <row r="210801" spans="14:14">
      <c r="N210801" s="10"/>
    </row>
    <row r="210802" spans="14:14">
      <c r="N210802" s="10"/>
    </row>
    <row r="210803" spans="14:14">
      <c r="N210803" s="10"/>
    </row>
    <row r="210804" spans="14:14">
      <c r="N210804" s="10"/>
    </row>
    <row r="210805" spans="14:14">
      <c r="N210805" s="10"/>
    </row>
    <row r="210806" spans="14:14">
      <c r="N210806" s="10"/>
    </row>
    <row r="210807" spans="14:14">
      <c r="N210807" s="10"/>
    </row>
    <row r="210808" spans="14:14">
      <c r="N210808" s="10"/>
    </row>
    <row r="210809" spans="14:14">
      <c r="N210809" s="10"/>
    </row>
    <row r="210810" spans="14:14">
      <c r="N210810" s="10"/>
    </row>
    <row r="210811" spans="14:14">
      <c r="N210811" s="10"/>
    </row>
    <row r="210812" spans="14:14">
      <c r="N210812" s="10"/>
    </row>
    <row r="210813" spans="14:14">
      <c r="N210813" s="10"/>
    </row>
    <row r="210814" spans="14:14">
      <c r="N210814" s="10"/>
    </row>
    <row r="210815" spans="14:14">
      <c r="N210815" s="10"/>
    </row>
    <row r="210816" spans="14:14">
      <c r="N210816" s="10"/>
    </row>
    <row r="210817" spans="14:14">
      <c r="N210817" s="10"/>
    </row>
    <row r="210818" spans="14:14">
      <c r="N210818" s="10"/>
    </row>
    <row r="210819" spans="14:14">
      <c r="N210819" s="10"/>
    </row>
    <row r="210820" spans="14:14">
      <c r="N210820" s="10"/>
    </row>
    <row r="210821" spans="14:14">
      <c r="N210821" s="10"/>
    </row>
    <row r="210822" spans="14:14">
      <c r="N210822" s="10"/>
    </row>
    <row r="210823" spans="14:14">
      <c r="N210823" s="10"/>
    </row>
    <row r="210824" spans="14:14">
      <c r="N210824" s="10"/>
    </row>
    <row r="210825" spans="14:14">
      <c r="N210825" s="10"/>
    </row>
    <row r="210826" spans="14:14">
      <c r="N210826" s="10"/>
    </row>
    <row r="210827" spans="14:14">
      <c r="N210827" s="10"/>
    </row>
    <row r="210828" spans="14:14">
      <c r="N210828" s="10"/>
    </row>
    <row r="210829" spans="14:14">
      <c r="N210829" s="10"/>
    </row>
    <row r="210830" spans="14:14">
      <c r="N210830" s="10"/>
    </row>
    <row r="210831" spans="14:14">
      <c r="N210831" s="10"/>
    </row>
    <row r="210832" spans="14:14">
      <c r="N210832" s="10"/>
    </row>
    <row r="210833" spans="14:14">
      <c r="N210833" s="10"/>
    </row>
    <row r="210834" spans="14:14">
      <c r="N210834" s="10"/>
    </row>
    <row r="210835" spans="14:14">
      <c r="N210835" s="10"/>
    </row>
    <row r="210836" spans="14:14">
      <c r="N210836" s="10"/>
    </row>
    <row r="210837" spans="14:14">
      <c r="N210837" s="10"/>
    </row>
    <row r="210838" spans="14:14">
      <c r="N210838" s="10"/>
    </row>
    <row r="210839" spans="14:14">
      <c r="N210839" s="10"/>
    </row>
    <row r="210840" spans="14:14">
      <c r="N210840" s="10"/>
    </row>
    <row r="210841" spans="14:14">
      <c r="N210841" s="10"/>
    </row>
    <row r="210842" spans="14:14">
      <c r="N210842" s="10"/>
    </row>
    <row r="210843" spans="14:14">
      <c r="N210843" s="10"/>
    </row>
    <row r="210844" spans="14:14">
      <c r="N210844" s="10"/>
    </row>
    <row r="210845" spans="14:14">
      <c r="N210845" s="10"/>
    </row>
    <row r="210846" spans="14:14">
      <c r="N210846" s="10"/>
    </row>
    <row r="210847" spans="14:14">
      <c r="N210847" s="10"/>
    </row>
    <row r="210848" spans="14:14">
      <c r="N210848" s="10"/>
    </row>
    <row r="210849" spans="14:14">
      <c r="N210849" s="10"/>
    </row>
    <row r="210850" spans="14:14">
      <c r="N210850" s="10"/>
    </row>
    <row r="210851" spans="14:14">
      <c r="N210851" s="10"/>
    </row>
    <row r="210852" spans="14:14">
      <c r="N210852" s="10"/>
    </row>
    <row r="210853" spans="14:14">
      <c r="N210853" s="10"/>
    </row>
    <row r="210854" spans="14:14">
      <c r="N210854" s="10"/>
    </row>
    <row r="210855" spans="14:14">
      <c r="N210855" s="10"/>
    </row>
    <row r="210856" spans="14:14">
      <c r="N210856" s="10"/>
    </row>
    <row r="210857" spans="14:14">
      <c r="N210857" s="10"/>
    </row>
    <row r="210858" spans="14:14">
      <c r="N210858" s="10"/>
    </row>
    <row r="210859" spans="14:14">
      <c r="N210859" s="10"/>
    </row>
    <row r="210860" spans="14:14">
      <c r="N210860" s="10"/>
    </row>
    <row r="210861" spans="14:14">
      <c r="N210861" s="10"/>
    </row>
    <row r="210862" spans="14:14">
      <c r="N210862" s="10"/>
    </row>
    <row r="210863" spans="14:14">
      <c r="N210863" s="10"/>
    </row>
    <row r="210864" spans="14:14">
      <c r="N210864" s="10"/>
    </row>
    <row r="210865" spans="14:14">
      <c r="N210865" s="10"/>
    </row>
    <row r="210866" spans="14:14">
      <c r="N210866" s="10"/>
    </row>
    <row r="210867" spans="14:14">
      <c r="N210867" s="10"/>
    </row>
    <row r="210868" spans="14:14">
      <c r="N210868" s="10"/>
    </row>
    <row r="210869" spans="14:14">
      <c r="N210869" s="10"/>
    </row>
    <row r="210870" spans="14:14">
      <c r="N210870" s="10"/>
    </row>
    <row r="210871" spans="14:14">
      <c r="N210871" s="10"/>
    </row>
    <row r="210872" spans="14:14">
      <c r="N210872" s="10"/>
    </row>
    <row r="210873" spans="14:14">
      <c r="N210873" s="10"/>
    </row>
    <row r="210874" spans="14:14">
      <c r="N210874" s="10"/>
    </row>
    <row r="210875" spans="14:14">
      <c r="N210875" s="10"/>
    </row>
    <row r="210876" spans="14:14">
      <c r="N210876" s="10"/>
    </row>
    <row r="210877" spans="14:14">
      <c r="N210877" s="10"/>
    </row>
    <row r="210878" spans="14:14">
      <c r="N210878" s="10"/>
    </row>
    <row r="210879" spans="14:14">
      <c r="N210879" s="10"/>
    </row>
    <row r="210880" spans="14:14">
      <c r="N210880" s="10"/>
    </row>
    <row r="210881" spans="14:14">
      <c r="N210881" s="10"/>
    </row>
    <row r="210882" spans="14:14">
      <c r="N210882" s="10"/>
    </row>
    <row r="210883" spans="14:14">
      <c r="N210883" s="10"/>
    </row>
    <row r="210884" spans="14:14">
      <c r="N210884" s="10"/>
    </row>
    <row r="210885" spans="14:14">
      <c r="N210885" s="10"/>
    </row>
    <row r="210886" spans="14:14">
      <c r="N210886" s="10"/>
    </row>
    <row r="210887" spans="14:14">
      <c r="N210887" s="10"/>
    </row>
    <row r="210888" spans="14:14">
      <c r="N210888" s="10"/>
    </row>
    <row r="210889" spans="14:14">
      <c r="N210889" s="10"/>
    </row>
    <row r="210890" spans="14:14">
      <c r="N210890" s="10"/>
    </row>
    <row r="210891" spans="14:14">
      <c r="N210891" s="10"/>
    </row>
    <row r="210892" spans="14:14">
      <c r="N210892" s="10"/>
    </row>
    <row r="210893" spans="14:14">
      <c r="N210893" s="10"/>
    </row>
    <row r="210894" spans="14:14">
      <c r="N210894" s="10"/>
    </row>
    <row r="210895" spans="14:14">
      <c r="N210895" s="10"/>
    </row>
    <row r="210896" spans="14:14">
      <c r="N210896" s="10"/>
    </row>
    <row r="210897" spans="14:14">
      <c r="N210897" s="10"/>
    </row>
    <row r="210898" spans="14:14">
      <c r="N210898" s="10"/>
    </row>
    <row r="210899" spans="14:14">
      <c r="N210899" s="10"/>
    </row>
    <row r="210900" spans="14:14">
      <c r="N210900" s="10"/>
    </row>
    <row r="210901" spans="14:14">
      <c r="N210901" s="10"/>
    </row>
    <row r="210902" spans="14:14">
      <c r="N210902" s="10"/>
    </row>
    <row r="210903" spans="14:14">
      <c r="N210903" s="10"/>
    </row>
    <row r="210904" spans="14:14">
      <c r="N210904" s="10"/>
    </row>
    <row r="210905" spans="14:14">
      <c r="N210905" s="10"/>
    </row>
    <row r="210906" spans="14:14">
      <c r="N210906" s="10"/>
    </row>
    <row r="210907" spans="14:14">
      <c r="N210907" s="10"/>
    </row>
    <row r="210908" spans="14:14">
      <c r="N210908" s="10"/>
    </row>
    <row r="210909" spans="14:14">
      <c r="N210909" s="10"/>
    </row>
    <row r="210910" spans="14:14">
      <c r="N210910" s="10"/>
    </row>
    <row r="210911" spans="14:14">
      <c r="N210911" s="10"/>
    </row>
    <row r="210912" spans="14:14">
      <c r="N210912" s="10"/>
    </row>
    <row r="210913" spans="14:14">
      <c r="N210913" s="10"/>
    </row>
    <row r="210914" spans="14:14">
      <c r="N210914" s="10"/>
    </row>
    <row r="210915" spans="14:14">
      <c r="N210915" s="10"/>
    </row>
    <row r="210916" spans="14:14">
      <c r="N210916" s="10"/>
    </row>
    <row r="210917" spans="14:14">
      <c r="N210917" s="10"/>
    </row>
    <row r="210918" spans="14:14">
      <c r="N210918" s="10"/>
    </row>
    <row r="210919" spans="14:14">
      <c r="N210919" s="10"/>
    </row>
    <row r="210920" spans="14:14">
      <c r="N210920" s="10"/>
    </row>
    <row r="210921" spans="14:14">
      <c r="N210921" s="10"/>
    </row>
    <row r="210922" spans="14:14">
      <c r="N210922" s="10"/>
    </row>
    <row r="210923" spans="14:14">
      <c r="N210923" s="10"/>
    </row>
    <row r="210924" spans="14:14">
      <c r="N210924" s="10"/>
    </row>
    <row r="210925" spans="14:14">
      <c r="N210925" s="10"/>
    </row>
    <row r="210926" spans="14:14">
      <c r="N210926" s="10"/>
    </row>
    <row r="210927" spans="14:14">
      <c r="N210927" s="10"/>
    </row>
    <row r="210928" spans="14:14">
      <c r="N210928" s="10"/>
    </row>
    <row r="210929" spans="14:14">
      <c r="N210929" s="10"/>
    </row>
    <row r="210930" spans="14:14">
      <c r="N210930" s="10"/>
    </row>
    <row r="210931" spans="14:14">
      <c r="N210931" s="10"/>
    </row>
    <row r="210932" spans="14:14">
      <c r="N210932" s="10"/>
    </row>
    <row r="210933" spans="14:14">
      <c r="N210933" s="10"/>
    </row>
    <row r="210934" spans="14:14">
      <c r="N210934" s="10"/>
    </row>
    <row r="210935" spans="14:14">
      <c r="N210935" s="10"/>
    </row>
    <row r="210936" spans="14:14">
      <c r="N210936" s="10"/>
    </row>
    <row r="210937" spans="14:14">
      <c r="N210937" s="10"/>
    </row>
    <row r="210938" spans="14:14">
      <c r="N210938" s="10"/>
    </row>
    <row r="210939" spans="14:14">
      <c r="N210939" s="10"/>
    </row>
    <row r="210940" spans="14:14">
      <c r="N210940" s="10"/>
    </row>
    <row r="210941" spans="14:14">
      <c r="N210941" s="10"/>
    </row>
    <row r="210942" spans="14:14">
      <c r="N210942" s="10"/>
    </row>
    <row r="210943" spans="14:14">
      <c r="N210943" s="10"/>
    </row>
    <row r="210944" spans="14:14">
      <c r="N210944" s="10"/>
    </row>
    <row r="210945" spans="14:14">
      <c r="N210945" s="10"/>
    </row>
    <row r="210946" spans="14:14">
      <c r="N210946" s="10"/>
    </row>
    <row r="210947" spans="14:14">
      <c r="N210947" s="10"/>
    </row>
    <row r="210948" spans="14:14">
      <c r="N210948" s="10"/>
    </row>
    <row r="210949" spans="14:14">
      <c r="N210949" s="10"/>
    </row>
    <row r="210950" spans="14:14">
      <c r="N210950" s="10"/>
    </row>
    <row r="210951" spans="14:14">
      <c r="N210951" s="10"/>
    </row>
    <row r="210952" spans="14:14">
      <c r="N210952" s="10"/>
    </row>
    <row r="210953" spans="14:14">
      <c r="N210953" s="10"/>
    </row>
    <row r="210954" spans="14:14">
      <c r="N210954" s="10"/>
    </row>
    <row r="210955" spans="14:14">
      <c r="N210955" s="10"/>
    </row>
    <row r="210956" spans="14:14">
      <c r="N210956" s="10"/>
    </row>
    <row r="210957" spans="14:14">
      <c r="N210957" s="10"/>
    </row>
    <row r="210958" spans="14:14">
      <c r="N210958" s="10"/>
    </row>
    <row r="210959" spans="14:14">
      <c r="N210959" s="10"/>
    </row>
    <row r="210960" spans="14:14">
      <c r="N210960" s="10"/>
    </row>
    <row r="210961" spans="14:14">
      <c r="N210961" s="10"/>
    </row>
    <row r="210962" spans="14:14">
      <c r="N210962" s="10"/>
    </row>
    <row r="210963" spans="14:14">
      <c r="N210963" s="10"/>
    </row>
    <row r="210964" spans="14:14">
      <c r="N210964" s="10"/>
    </row>
    <row r="210965" spans="14:14">
      <c r="N210965" s="10"/>
    </row>
    <row r="210966" spans="14:14">
      <c r="N210966" s="10"/>
    </row>
    <row r="210967" spans="14:14">
      <c r="N210967" s="10"/>
    </row>
    <row r="210968" spans="14:14">
      <c r="N210968" s="10"/>
    </row>
    <row r="210969" spans="14:14">
      <c r="N210969" s="10"/>
    </row>
    <row r="210970" spans="14:14">
      <c r="N210970" s="10"/>
    </row>
    <row r="210971" spans="14:14">
      <c r="N210971" s="10"/>
    </row>
    <row r="210972" spans="14:14">
      <c r="N210972" s="10"/>
    </row>
    <row r="210973" spans="14:14">
      <c r="N210973" s="10"/>
    </row>
    <row r="210974" spans="14:14">
      <c r="N210974" s="10"/>
    </row>
    <row r="210975" spans="14:14">
      <c r="N210975" s="10"/>
    </row>
    <row r="210976" spans="14:14">
      <c r="N210976" s="10"/>
    </row>
    <row r="210977" spans="14:14">
      <c r="N210977" s="10"/>
    </row>
    <row r="210978" spans="14:14">
      <c r="N210978" s="10"/>
    </row>
    <row r="210979" spans="14:14">
      <c r="N210979" s="10"/>
    </row>
    <row r="210980" spans="14:14">
      <c r="N210980" s="10"/>
    </row>
    <row r="210981" spans="14:14">
      <c r="N210981" s="10"/>
    </row>
    <row r="210982" spans="14:14">
      <c r="N210982" s="10"/>
    </row>
    <row r="210983" spans="14:14">
      <c r="N210983" s="10"/>
    </row>
    <row r="210984" spans="14:14">
      <c r="N210984" s="10"/>
    </row>
    <row r="210985" spans="14:14">
      <c r="N210985" s="10"/>
    </row>
    <row r="210986" spans="14:14">
      <c r="N210986" s="10"/>
    </row>
    <row r="210987" spans="14:14">
      <c r="N210987" s="10"/>
    </row>
    <row r="210988" spans="14:14">
      <c r="N210988" s="10"/>
    </row>
    <row r="210989" spans="14:14">
      <c r="N210989" s="10"/>
    </row>
    <row r="210990" spans="14:14">
      <c r="N210990" s="10"/>
    </row>
    <row r="210991" spans="14:14">
      <c r="N210991" s="10"/>
    </row>
    <row r="210992" spans="14:14">
      <c r="N210992" s="10"/>
    </row>
    <row r="210993" spans="14:14">
      <c r="N210993" s="10"/>
    </row>
    <row r="210994" spans="14:14">
      <c r="N210994" s="10"/>
    </row>
    <row r="210995" spans="14:14">
      <c r="N210995" s="10"/>
    </row>
    <row r="210996" spans="14:14">
      <c r="N210996" s="10"/>
    </row>
    <row r="210997" spans="14:14">
      <c r="N210997" s="10"/>
    </row>
    <row r="210998" spans="14:14">
      <c r="N210998" s="10"/>
    </row>
    <row r="210999" spans="14:14">
      <c r="N210999" s="10"/>
    </row>
    <row r="211000" spans="14:14">
      <c r="N211000" s="10"/>
    </row>
    <row r="211001" spans="14:14">
      <c r="N211001" s="10"/>
    </row>
    <row r="211002" spans="14:14">
      <c r="N211002" s="10"/>
    </row>
    <row r="211003" spans="14:14">
      <c r="N211003" s="10"/>
    </row>
    <row r="211004" spans="14:14">
      <c r="N211004" s="10"/>
    </row>
    <row r="211005" spans="14:14">
      <c r="N211005" s="10"/>
    </row>
    <row r="211006" spans="14:14">
      <c r="N211006" s="10"/>
    </row>
    <row r="211007" spans="14:14">
      <c r="N211007" s="10"/>
    </row>
    <row r="211008" spans="14:14">
      <c r="N211008" s="10"/>
    </row>
    <row r="211009" spans="14:14">
      <c r="N211009" s="10"/>
    </row>
    <row r="211010" spans="14:14">
      <c r="N211010" s="10"/>
    </row>
    <row r="211011" spans="14:14">
      <c r="N211011" s="10"/>
    </row>
    <row r="211012" spans="14:14">
      <c r="N211012" s="10"/>
    </row>
    <row r="211013" spans="14:14">
      <c r="N211013" s="10"/>
    </row>
    <row r="211014" spans="14:14">
      <c r="N211014" s="10"/>
    </row>
    <row r="211015" spans="14:14">
      <c r="N211015" s="10"/>
    </row>
    <row r="211016" spans="14:14">
      <c r="N211016" s="10"/>
    </row>
    <row r="211017" spans="14:14">
      <c r="N211017" s="10"/>
    </row>
    <row r="211018" spans="14:14">
      <c r="N211018" s="10"/>
    </row>
    <row r="211019" spans="14:14">
      <c r="N211019" s="10"/>
    </row>
    <row r="211020" spans="14:14">
      <c r="N211020" s="10"/>
    </row>
    <row r="211021" spans="14:14">
      <c r="N211021" s="10"/>
    </row>
    <row r="211022" spans="14:14">
      <c r="N211022" s="10"/>
    </row>
    <row r="211023" spans="14:14">
      <c r="N211023" s="10"/>
    </row>
    <row r="211024" spans="14:14">
      <c r="N211024" s="10"/>
    </row>
    <row r="211025" spans="14:14">
      <c r="N211025" s="10"/>
    </row>
    <row r="211026" spans="14:14">
      <c r="N211026" s="10"/>
    </row>
    <row r="211027" spans="14:14">
      <c r="N211027" s="10"/>
    </row>
    <row r="211028" spans="14:14">
      <c r="N211028" s="10"/>
    </row>
    <row r="211029" spans="14:14">
      <c r="N211029" s="10"/>
    </row>
    <row r="211030" spans="14:14">
      <c r="N211030" s="10"/>
    </row>
    <row r="211031" spans="14:14">
      <c r="N211031" s="10"/>
    </row>
    <row r="211032" spans="14:14">
      <c r="N211032" s="10"/>
    </row>
    <row r="211033" spans="14:14">
      <c r="N211033" s="10"/>
    </row>
    <row r="211034" spans="14:14">
      <c r="N211034" s="10"/>
    </row>
    <row r="211035" spans="14:14">
      <c r="N211035" s="10"/>
    </row>
    <row r="211036" spans="14:14">
      <c r="N211036" s="10"/>
    </row>
    <row r="211037" spans="14:14">
      <c r="N211037" s="10"/>
    </row>
    <row r="211038" spans="14:14">
      <c r="N211038" s="10"/>
    </row>
    <row r="211039" spans="14:14">
      <c r="N211039" s="10"/>
    </row>
    <row r="211040" spans="14:14">
      <c r="N211040" s="10"/>
    </row>
    <row r="211041" spans="14:14">
      <c r="N211041" s="10"/>
    </row>
    <row r="211042" spans="14:14">
      <c r="N211042" s="10"/>
    </row>
    <row r="211043" spans="14:14">
      <c r="N211043" s="10"/>
    </row>
    <row r="211044" spans="14:14">
      <c r="N211044" s="10"/>
    </row>
    <row r="211045" spans="14:14">
      <c r="N211045" s="10"/>
    </row>
    <row r="211046" spans="14:14">
      <c r="N211046" s="10"/>
    </row>
    <row r="211047" spans="14:14">
      <c r="N211047" s="10"/>
    </row>
    <row r="211048" spans="14:14">
      <c r="N211048" s="10"/>
    </row>
    <row r="211049" spans="14:14">
      <c r="N211049" s="10"/>
    </row>
    <row r="211050" spans="14:14">
      <c r="N211050" s="10"/>
    </row>
    <row r="211051" spans="14:14">
      <c r="N211051" s="10"/>
    </row>
    <row r="211052" spans="14:14">
      <c r="N211052" s="10"/>
    </row>
    <row r="211053" spans="14:14">
      <c r="N211053" s="10"/>
    </row>
    <row r="211054" spans="14:14">
      <c r="N211054" s="10"/>
    </row>
    <row r="211055" spans="14:14">
      <c r="N211055" s="10"/>
    </row>
    <row r="211056" spans="14:14">
      <c r="N211056" s="10"/>
    </row>
    <row r="211057" spans="14:14">
      <c r="N211057" s="10"/>
    </row>
    <row r="211058" spans="14:14">
      <c r="N211058" s="10"/>
    </row>
    <row r="211059" spans="14:14">
      <c r="N211059" s="10"/>
    </row>
    <row r="211060" spans="14:14">
      <c r="N211060" s="10"/>
    </row>
    <row r="211061" spans="14:14">
      <c r="N211061" s="10"/>
    </row>
    <row r="211062" spans="14:14">
      <c r="N211062" s="10"/>
    </row>
    <row r="211063" spans="14:14">
      <c r="N211063" s="10"/>
    </row>
    <row r="211064" spans="14:14">
      <c r="N211064" s="10"/>
    </row>
    <row r="211065" spans="14:14">
      <c r="N211065" s="10"/>
    </row>
    <row r="211066" spans="14:14">
      <c r="N211066" s="10"/>
    </row>
    <row r="211067" spans="14:14">
      <c r="N211067" s="10"/>
    </row>
    <row r="211068" spans="14:14">
      <c r="N211068" s="10"/>
    </row>
    <row r="211069" spans="14:14">
      <c r="N211069" s="10"/>
    </row>
    <row r="211070" spans="14:14">
      <c r="N211070" s="10"/>
    </row>
    <row r="211071" spans="14:14">
      <c r="N211071" s="10"/>
    </row>
    <row r="211072" spans="14:14">
      <c r="N211072" s="10"/>
    </row>
    <row r="211073" spans="14:14">
      <c r="N211073" s="10"/>
    </row>
    <row r="211074" spans="14:14">
      <c r="N211074" s="10"/>
    </row>
    <row r="211075" spans="14:14">
      <c r="N211075" s="10"/>
    </row>
    <row r="211076" spans="14:14">
      <c r="N211076" s="10"/>
    </row>
    <row r="211077" spans="14:14">
      <c r="N211077" s="10"/>
    </row>
    <row r="211078" spans="14:14">
      <c r="N211078" s="10"/>
    </row>
    <row r="211079" spans="14:14">
      <c r="N211079" s="10"/>
    </row>
    <row r="211080" spans="14:14">
      <c r="N211080" s="10"/>
    </row>
    <row r="211081" spans="14:14">
      <c r="N211081" s="10"/>
    </row>
    <row r="211082" spans="14:14">
      <c r="N211082" s="10"/>
    </row>
    <row r="211083" spans="14:14">
      <c r="N211083" s="10"/>
    </row>
    <row r="211084" spans="14:14">
      <c r="N211084" s="10"/>
    </row>
    <row r="211085" spans="14:14">
      <c r="N211085" s="10"/>
    </row>
    <row r="211086" spans="14:14">
      <c r="N211086" s="10"/>
    </row>
    <row r="211087" spans="14:14">
      <c r="N211087" s="10"/>
    </row>
    <row r="211088" spans="14:14">
      <c r="N211088" s="10"/>
    </row>
    <row r="211089" spans="14:14">
      <c r="N211089" s="10"/>
    </row>
    <row r="211090" spans="14:14">
      <c r="N211090" s="10"/>
    </row>
    <row r="211091" spans="14:14">
      <c r="N211091" s="10"/>
    </row>
    <row r="211092" spans="14:14">
      <c r="N211092" s="10"/>
    </row>
    <row r="211093" spans="14:14">
      <c r="N211093" s="10"/>
    </row>
    <row r="211094" spans="14:14">
      <c r="N211094" s="10"/>
    </row>
    <row r="211095" spans="14:14">
      <c r="N211095" s="10"/>
    </row>
    <row r="211096" spans="14:14">
      <c r="N211096" s="10"/>
    </row>
    <row r="211097" spans="14:14">
      <c r="N211097" s="10"/>
    </row>
    <row r="211098" spans="14:14">
      <c r="N211098" s="10"/>
    </row>
    <row r="211099" spans="14:14">
      <c r="N211099" s="10"/>
    </row>
    <row r="211100" spans="14:14">
      <c r="N211100" s="10"/>
    </row>
    <row r="211101" spans="14:14">
      <c r="N211101" s="10"/>
    </row>
    <row r="211102" spans="14:14">
      <c r="N211102" s="10"/>
    </row>
    <row r="211103" spans="14:14">
      <c r="N211103" s="10"/>
    </row>
    <row r="211104" spans="14:14">
      <c r="N211104" s="10"/>
    </row>
    <row r="211105" spans="14:14">
      <c r="N211105" s="10"/>
    </row>
    <row r="211106" spans="14:14">
      <c r="N211106" s="10"/>
    </row>
    <row r="211107" spans="14:14">
      <c r="N211107" s="10"/>
    </row>
    <row r="211108" spans="14:14">
      <c r="N211108" s="10"/>
    </row>
    <row r="211109" spans="14:14">
      <c r="N211109" s="10"/>
    </row>
    <row r="211110" spans="14:14">
      <c r="N211110" s="10"/>
    </row>
    <row r="211111" spans="14:14">
      <c r="N211111" s="10"/>
    </row>
    <row r="211112" spans="14:14">
      <c r="N211112" s="10"/>
    </row>
    <row r="211113" spans="14:14">
      <c r="N211113" s="10"/>
    </row>
    <row r="211114" spans="14:14">
      <c r="N211114" s="10"/>
    </row>
    <row r="211115" spans="14:14">
      <c r="N211115" s="10"/>
    </row>
    <row r="211116" spans="14:14">
      <c r="N211116" s="10"/>
    </row>
    <row r="211117" spans="14:14">
      <c r="N211117" s="10"/>
    </row>
    <row r="211118" spans="14:14">
      <c r="N211118" s="10"/>
    </row>
    <row r="211119" spans="14:14">
      <c r="N211119" s="10"/>
    </row>
    <row r="211120" spans="14:14">
      <c r="N211120" s="10"/>
    </row>
    <row r="211121" spans="14:14">
      <c r="N211121" s="10"/>
    </row>
    <row r="211122" spans="14:14">
      <c r="N211122" s="10"/>
    </row>
    <row r="211123" spans="14:14">
      <c r="N211123" s="10"/>
    </row>
    <row r="211124" spans="14:14">
      <c r="N211124" s="10"/>
    </row>
    <row r="211125" spans="14:14">
      <c r="N211125" s="10"/>
    </row>
    <row r="211126" spans="14:14">
      <c r="N211126" s="10"/>
    </row>
    <row r="211127" spans="14:14">
      <c r="N211127" s="10"/>
    </row>
    <row r="211128" spans="14:14">
      <c r="N211128" s="10"/>
    </row>
    <row r="211129" spans="14:14">
      <c r="N211129" s="10"/>
    </row>
    <row r="211130" spans="14:14">
      <c r="N211130" s="10"/>
    </row>
    <row r="211131" spans="14:14">
      <c r="N211131" s="10"/>
    </row>
    <row r="211132" spans="14:14">
      <c r="N211132" s="10"/>
    </row>
    <row r="211133" spans="14:14">
      <c r="N211133" s="10"/>
    </row>
    <row r="211134" spans="14:14">
      <c r="N211134" s="10"/>
    </row>
    <row r="211135" spans="14:14">
      <c r="N211135" s="10"/>
    </row>
    <row r="211136" spans="14:14">
      <c r="N211136" s="10"/>
    </row>
    <row r="211137" spans="14:14">
      <c r="N211137" s="10"/>
    </row>
    <row r="211138" spans="14:14">
      <c r="N211138" s="10"/>
    </row>
    <row r="211139" spans="14:14">
      <c r="N211139" s="10"/>
    </row>
    <row r="211140" spans="14:14">
      <c r="N211140" s="10"/>
    </row>
    <row r="211141" spans="14:14">
      <c r="N211141" s="10"/>
    </row>
    <row r="211142" spans="14:14">
      <c r="N211142" s="10"/>
    </row>
    <row r="211143" spans="14:14">
      <c r="N211143" s="10"/>
    </row>
    <row r="211144" spans="14:14">
      <c r="N211144" s="10"/>
    </row>
    <row r="211145" spans="14:14">
      <c r="N211145" s="10"/>
    </row>
    <row r="211146" spans="14:14">
      <c r="N211146" s="10"/>
    </row>
    <row r="211147" spans="14:14">
      <c r="N211147" s="10"/>
    </row>
    <row r="211148" spans="14:14">
      <c r="N211148" s="10"/>
    </row>
    <row r="211149" spans="14:14">
      <c r="N211149" s="10"/>
    </row>
    <row r="211150" spans="14:14">
      <c r="N211150" s="10"/>
    </row>
    <row r="211151" spans="14:14">
      <c r="N211151" s="10"/>
    </row>
    <row r="211152" spans="14:14">
      <c r="N211152" s="10"/>
    </row>
    <row r="211153" spans="14:14">
      <c r="N211153" s="10"/>
    </row>
    <row r="211154" spans="14:14">
      <c r="N211154" s="10"/>
    </row>
    <row r="211155" spans="14:14">
      <c r="N211155" s="10"/>
    </row>
    <row r="211156" spans="14:14">
      <c r="N211156" s="10"/>
    </row>
    <row r="211157" spans="14:14">
      <c r="N211157" s="10"/>
    </row>
    <row r="211158" spans="14:14">
      <c r="N211158" s="10"/>
    </row>
    <row r="211159" spans="14:14">
      <c r="N211159" s="10"/>
    </row>
    <row r="211160" spans="14:14">
      <c r="N211160" s="10"/>
    </row>
    <row r="211161" spans="14:14">
      <c r="N211161" s="10"/>
    </row>
    <row r="211162" spans="14:14">
      <c r="N211162" s="10"/>
    </row>
    <row r="211163" spans="14:14">
      <c r="N211163" s="10"/>
    </row>
    <row r="211164" spans="14:14">
      <c r="N211164" s="10"/>
    </row>
    <row r="211165" spans="14:14">
      <c r="N211165" s="10"/>
    </row>
    <row r="211166" spans="14:14">
      <c r="N211166" s="10"/>
    </row>
    <row r="211167" spans="14:14">
      <c r="N211167" s="10"/>
    </row>
    <row r="211168" spans="14:14">
      <c r="N211168" s="10"/>
    </row>
    <row r="211169" spans="14:14">
      <c r="N211169" s="10"/>
    </row>
    <row r="211170" spans="14:14">
      <c r="N211170" s="10"/>
    </row>
    <row r="211171" spans="14:14">
      <c r="N211171" s="10"/>
    </row>
    <row r="211172" spans="14:14">
      <c r="N211172" s="10"/>
    </row>
    <row r="211173" spans="14:14">
      <c r="N211173" s="10"/>
    </row>
    <row r="211174" spans="14:14">
      <c r="N211174" s="10"/>
    </row>
    <row r="211175" spans="14:14">
      <c r="N211175" s="10"/>
    </row>
    <row r="211176" spans="14:14">
      <c r="N211176" s="10"/>
    </row>
    <row r="211177" spans="14:14">
      <c r="N211177" s="10"/>
    </row>
    <row r="211178" spans="14:14">
      <c r="N211178" s="10"/>
    </row>
    <row r="211179" spans="14:14">
      <c r="N211179" s="10"/>
    </row>
    <row r="211180" spans="14:14">
      <c r="N211180" s="10"/>
    </row>
    <row r="211181" spans="14:14">
      <c r="N211181" s="10"/>
    </row>
    <row r="211182" spans="14:14">
      <c r="N211182" s="10"/>
    </row>
    <row r="211183" spans="14:14">
      <c r="N211183" s="10"/>
    </row>
    <row r="211184" spans="14:14">
      <c r="N211184" s="10"/>
    </row>
    <row r="211185" spans="14:14">
      <c r="N211185" s="10"/>
    </row>
    <row r="211186" spans="14:14">
      <c r="N211186" s="10"/>
    </row>
    <row r="211187" spans="14:14">
      <c r="N211187" s="10"/>
    </row>
    <row r="211188" spans="14:14">
      <c r="N211188" s="10"/>
    </row>
    <row r="211189" spans="14:14">
      <c r="N211189" s="10"/>
    </row>
    <row r="211190" spans="14:14">
      <c r="N211190" s="10"/>
    </row>
    <row r="211191" spans="14:14">
      <c r="N211191" s="10"/>
    </row>
    <row r="211192" spans="14:14">
      <c r="N211192" s="10"/>
    </row>
    <row r="211193" spans="14:14">
      <c r="N211193" s="10"/>
    </row>
    <row r="211194" spans="14:14">
      <c r="N211194" s="10"/>
    </row>
    <row r="211195" spans="14:14">
      <c r="N211195" s="10"/>
    </row>
    <row r="211196" spans="14:14">
      <c r="N211196" s="10"/>
    </row>
    <row r="211197" spans="14:14">
      <c r="N211197" s="10"/>
    </row>
    <row r="211198" spans="14:14">
      <c r="N211198" s="10"/>
    </row>
    <row r="211199" spans="14:14">
      <c r="N211199" s="10"/>
    </row>
    <row r="211200" spans="14:14">
      <c r="N211200" s="10"/>
    </row>
    <row r="211201" spans="14:14">
      <c r="N211201" s="10"/>
    </row>
    <row r="211202" spans="14:14">
      <c r="N211202" s="10"/>
    </row>
    <row r="211203" spans="14:14">
      <c r="N211203" s="10"/>
    </row>
    <row r="211204" spans="14:14">
      <c r="N211204" s="10"/>
    </row>
    <row r="211205" spans="14:14">
      <c r="N211205" s="10"/>
    </row>
    <row r="211206" spans="14:14">
      <c r="N211206" s="10"/>
    </row>
    <row r="211207" spans="14:14">
      <c r="N211207" s="10"/>
    </row>
    <row r="211208" spans="14:14">
      <c r="N211208" s="10"/>
    </row>
    <row r="211209" spans="14:14">
      <c r="N211209" s="10"/>
    </row>
    <row r="211210" spans="14:14">
      <c r="N211210" s="10"/>
    </row>
    <row r="211211" spans="14:14">
      <c r="N211211" s="10"/>
    </row>
    <row r="211212" spans="14:14">
      <c r="N211212" s="10"/>
    </row>
    <row r="211213" spans="14:14">
      <c r="N211213" s="10"/>
    </row>
    <row r="211214" spans="14:14">
      <c r="N211214" s="10"/>
    </row>
    <row r="211215" spans="14:14">
      <c r="N211215" s="10"/>
    </row>
    <row r="211216" spans="14:14">
      <c r="N211216" s="10"/>
    </row>
    <row r="211217" spans="14:14">
      <c r="N211217" s="10"/>
    </row>
    <row r="211218" spans="14:14">
      <c r="N211218" s="10"/>
    </row>
    <row r="211219" spans="14:14">
      <c r="N211219" s="10"/>
    </row>
    <row r="211220" spans="14:14">
      <c r="N211220" s="10"/>
    </row>
    <row r="211221" spans="14:14">
      <c r="N211221" s="10"/>
    </row>
    <row r="211222" spans="14:14">
      <c r="N211222" s="10"/>
    </row>
    <row r="211223" spans="14:14">
      <c r="N211223" s="10"/>
    </row>
    <row r="211224" spans="14:14">
      <c r="N211224" s="10"/>
    </row>
    <row r="211225" spans="14:14">
      <c r="N211225" s="10"/>
    </row>
    <row r="211226" spans="14:14">
      <c r="N211226" s="10"/>
    </row>
    <row r="211227" spans="14:14">
      <c r="N211227" s="10"/>
    </row>
    <row r="211228" spans="14:14">
      <c r="N211228" s="10"/>
    </row>
    <row r="211229" spans="14:14">
      <c r="N211229" s="10"/>
    </row>
    <row r="211230" spans="14:14">
      <c r="N211230" s="10"/>
    </row>
    <row r="211231" spans="14:14">
      <c r="N211231" s="10"/>
    </row>
    <row r="211232" spans="14:14">
      <c r="N211232" s="10"/>
    </row>
    <row r="211233" spans="14:14">
      <c r="N211233" s="10"/>
    </row>
    <row r="211234" spans="14:14">
      <c r="N211234" s="10"/>
    </row>
    <row r="211235" spans="14:14">
      <c r="N211235" s="10"/>
    </row>
    <row r="211236" spans="14:14">
      <c r="N211236" s="10"/>
    </row>
    <row r="211237" spans="14:14">
      <c r="N211237" s="10"/>
    </row>
    <row r="211238" spans="14:14">
      <c r="N211238" s="10"/>
    </row>
    <row r="211239" spans="14:14">
      <c r="N211239" s="10"/>
    </row>
    <row r="211240" spans="14:14">
      <c r="N211240" s="10"/>
    </row>
    <row r="211241" spans="14:14">
      <c r="N211241" s="10"/>
    </row>
    <row r="211242" spans="14:14">
      <c r="N211242" s="10"/>
    </row>
    <row r="211243" spans="14:14">
      <c r="N211243" s="10"/>
    </row>
    <row r="211244" spans="14:14">
      <c r="N211244" s="10"/>
    </row>
    <row r="211245" spans="14:14">
      <c r="N211245" s="10"/>
    </row>
    <row r="211246" spans="14:14">
      <c r="N211246" s="10"/>
    </row>
    <row r="211247" spans="14:14">
      <c r="N211247" s="10"/>
    </row>
    <row r="211248" spans="14:14">
      <c r="N211248" s="10"/>
    </row>
    <row r="211249" spans="14:14">
      <c r="N211249" s="10"/>
    </row>
    <row r="211250" spans="14:14">
      <c r="N211250" s="10"/>
    </row>
    <row r="211251" spans="14:14">
      <c r="N211251" s="10"/>
    </row>
    <row r="211252" spans="14:14">
      <c r="N211252" s="10"/>
    </row>
    <row r="211253" spans="14:14">
      <c r="N211253" s="10"/>
    </row>
    <row r="211254" spans="14:14">
      <c r="N211254" s="10"/>
    </row>
    <row r="211255" spans="14:14">
      <c r="N211255" s="10"/>
    </row>
    <row r="211256" spans="14:14">
      <c r="N211256" s="10"/>
    </row>
    <row r="211257" spans="14:14">
      <c r="N211257" s="10"/>
    </row>
    <row r="211258" spans="14:14">
      <c r="N211258" s="10"/>
    </row>
    <row r="211259" spans="14:14">
      <c r="N211259" s="10"/>
    </row>
    <row r="211260" spans="14:14">
      <c r="N211260" s="10"/>
    </row>
    <row r="211261" spans="14:14">
      <c r="N211261" s="10"/>
    </row>
    <row r="211262" spans="14:14">
      <c r="N211262" s="10"/>
    </row>
    <row r="211263" spans="14:14">
      <c r="N211263" s="10"/>
    </row>
    <row r="211264" spans="14:14">
      <c r="N211264" s="10"/>
    </row>
    <row r="211265" spans="14:14">
      <c r="N211265" s="10"/>
    </row>
    <row r="211266" spans="14:14">
      <c r="N211266" s="10"/>
    </row>
    <row r="211267" spans="14:14">
      <c r="N211267" s="10"/>
    </row>
    <row r="211268" spans="14:14">
      <c r="N211268" s="10"/>
    </row>
    <row r="211269" spans="14:14">
      <c r="N211269" s="10"/>
    </row>
    <row r="211270" spans="14:14">
      <c r="N211270" s="10"/>
    </row>
    <row r="211271" spans="14:14">
      <c r="N211271" s="10"/>
    </row>
    <row r="211272" spans="14:14">
      <c r="N211272" s="10"/>
    </row>
    <row r="211273" spans="14:14">
      <c r="N211273" s="10"/>
    </row>
    <row r="211274" spans="14:14">
      <c r="N211274" s="10"/>
    </row>
    <row r="211275" spans="14:14">
      <c r="N211275" s="10"/>
    </row>
    <row r="211276" spans="14:14">
      <c r="N211276" s="10"/>
    </row>
    <row r="211277" spans="14:14">
      <c r="N211277" s="10"/>
    </row>
    <row r="211278" spans="14:14">
      <c r="N211278" s="10"/>
    </row>
    <row r="211279" spans="14:14">
      <c r="N211279" s="10"/>
    </row>
    <row r="211280" spans="14:14">
      <c r="N211280" s="10"/>
    </row>
    <row r="211281" spans="14:14">
      <c r="N211281" s="10"/>
    </row>
    <row r="211282" spans="14:14">
      <c r="N211282" s="10"/>
    </row>
    <row r="211283" spans="14:14">
      <c r="N211283" s="10"/>
    </row>
    <row r="211284" spans="14:14">
      <c r="N211284" s="10"/>
    </row>
    <row r="211285" spans="14:14">
      <c r="N211285" s="10"/>
    </row>
    <row r="211286" spans="14:14">
      <c r="N211286" s="10"/>
    </row>
    <row r="211287" spans="14:14">
      <c r="N211287" s="10"/>
    </row>
    <row r="211288" spans="14:14">
      <c r="N211288" s="10"/>
    </row>
    <row r="211289" spans="14:14">
      <c r="N211289" s="10"/>
    </row>
    <row r="211290" spans="14:14">
      <c r="N211290" s="10"/>
    </row>
    <row r="211291" spans="14:14">
      <c r="N211291" s="10"/>
    </row>
    <row r="211292" spans="14:14">
      <c r="N211292" s="10"/>
    </row>
    <row r="211293" spans="14:14">
      <c r="N211293" s="10"/>
    </row>
    <row r="211294" spans="14:14">
      <c r="N211294" s="10"/>
    </row>
    <row r="211295" spans="14:14">
      <c r="N211295" s="10"/>
    </row>
    <row r="211296" spans="14:14">
      <c r="N211296" s="10"/>
    </row>
    <row r="211297" spans="14:14">
      <c r="N211297" s="10"/>
    </row>
    <row r="211298" spans="14:14">
      <c r="N211298" s="10"/>
    </row>
    <row r="211299" spans="14:14">
      <c r="N211299" s="10"/>
    </row>
    <row r="211300" spans="14:14">
      <c r="N211300" s="10"/>
    </row>
    <row r="211301" spans="14:14">
      <c r="N211301" s="10"/>
    </row>
    <row r="211302" spans="14:14">
      <c r="N211302" s="10"/>
    </row>
    <row r="211303" spans="14:14">
      <c r="N211303" s="10"/>
    </row>
    <row r="211304" spans="14:14">
      <c r="N211304" s="10"/>
    </row>
    <row r="211305" spans="14:14">
      <c r="N211305" s="10"/>
    </row>
    <row r="211306" spans="14:14">
      <c r="N211306" s="10"/>
    </row>
    <row r="211307" spans="14:14">
      <c r="N211307" s="10"/>
    </row>
    <row r="211308" spans="14:14">
      <c r="N211308" s="10"/>
    </row>
    <row r="211309" spans="14:14">
      <c r="N211309" s="10"/>
    </row>
    <row r="211310" spans="14:14">
      <c r="N211310" s="10"/>
    </row>
    <row r="211311" spans="14:14">
      <c r="N211311" s="10"/>
    </row>
    <row r="211312" spans="14:14">
      <c r="N211312" s="10"/>
    </row>
    <row r="211313" spans="14:14">
      <c r="N211313" s="10"/>
    </row>
    <row r="211314" spans="14:14">
      <c r="N211314" s="10"/>
    </row>
    <row r="211315" spans="14:14">
      <c r="N211315" s="10"/>
    </row>
    <row r="211316" spans="14:14">
      <c r="N211316" s="10"/>
    </row>
    <row r="211317" spans="14:14">
      <c r="N211317" s="10"/>
    </row>
    <row r="211318" spans="14:14">
      <c r="N211318" s="10"/>
    </row>
    <row r="211319" spans="14:14">
      <c r="N211319" s="10"/>
    </row>
    <row r="211320" spans="14:14">
      <c r="N211320" s="10"/>
    </row>
    <row r="211321" spans="14:14">
      <c r="N211321" s="10"/>
    </row>
    <row r="211322" spans="14:14">
      <c r="N211322" s="10"/>
    </row>
    <row r="211323" spans="14:14">
      <c r="N211323" s="10"/>
    </row>
    <row r="211324" spans="14:14">
      <c r="N211324" s="10"/>
    </row>
    <row r="211325" spans="14:14">
      <c r="N211325" s="10"/>
    </row>
    <row r="211326" spans="14:14">
      <c r="N211326" s="10"/>
    </row>
    <row r="211327" spans="14:14">
      <c r="N211327" s="10"/>
    </row>
    <row r="211328" spans="14:14">
      <c r="N211328" s="10"/>
    </row>
    <row r="211329" spans="14:14">
      <c r="N211329" s="10"/>
    </row>
    <row r="211330" spans="14:14">
      <c r="N211330" s="10"/>
    </row>
    <row r="211331" spans="14:14">
      <c r="N211331" s="10"/>
    </row>
    <row r="211332" spans="14:14">
      <c r="N211332" s="10"/>
    </row>
    <row r="211333" spans="14:14">
      <c r="N211333" s="10"/>
    </row>
    <row r="211334" spans="14:14">
      <c r="N211334" s="10"/>
    </row>
    <row r="211335" spans="14:14">
      <c r="N211335" s="10"/>
    </row>
    <row r="211336" spans="14:14">
      <c r="N211336" s="10"/>
    </row>
    <row r="211337" spans="14:14">
      <c r="N211337" s="10"/>
    </row>
    <row r="211338" spans="14:14">
      <c r="N211338" s="10"/>
    </row>
    <row r="211339" spans="14:14">
      <c r="N211339" s="10"/>
    </row>
    <row r="211340" spans="14:14">
      <c r="N211340" s="10"/>
    </row>
    <row r="211341" spans="14:14">
      <c r="N211341" s="10"/>
    </row>
    <row r="211342" spans="14:14">
      <c r="N211342" s="10"/>
    </row>
    <row r="211343" spans="14:14">
      <c r="N211343" s="10"/>
    </row>
    <row r="211344" spans="14:14">
      <c r="N211344" s="10"/>
    </row>
    <row r="211345" spans="14:14">
      <c r="N211345" s="10"/>
    </row>
    <row r="211346" spans="14:14">
      <c r="N211346" s="10"/>
    </row>
    <row r="211347" spans="14:14">
      <c r="N211347" s="10"/>
    </row>
    <row r="211348" spans="14:14">
      <c r="N211348" s="10"/>
    </row>
    <row r="211349" spans="14:14">
      <c r="N211349" s="10"/>
    </row>
    <row r="211350" spans="14:14">
      <c r="N211350" s="10"/>
    </row>
    <row r="211351" spans="14:14">
      <c r="N211351" s="10"/>
    </row>
    <row r="211352" spans="14:14">
      <c r="N211352" s="10"/>
    </row>
    <row r="211353" spans="14:14">
      <c r="N211353" s="10"/>
    </row>
    <row r="211354" spans="14:14">
      <c r="N211354" s="10"/>
    </row>
    <row r="211355" spans="14:14">
      <c r="N211355" s="10"/>
    </row>
    <row r="211356" spans="14:14">
      <c r="N211356" s="10"/>
    </row>
    <row r="211357" spans="14:14">
      <c r="N211357" s="10"/>
    </row>
    <row r="211358" spans="14:14">
      <c r="N211358" s="10"/>
    </row>
    <row r="211359" spans="14:14">
      <c r="N211359" s="10"/>
    </row>
    <row r="211360" spans="14:14">
      <c r="N211360" s="10"/>
    </row>
    <row r="211361" spans="14:14">
      <c r="N211361" s="10"/>
    </row>
    <row r="211362" spans="14:14">
      <c r="N211362" s="10"/>
    </row>
    <row r="211363" spans="14:14">
      <c r="N211363" s="10"/>
    </row>
    <row r="211364" spans="14:14">
      <c r="N211364" s="10"/>
    </row>
    <row r="211365" spans="14:14">
      <c r="N211365" s="10"/>
    </row>
    <row r="211366" spans="14:14">
      <c r="N211366" s="10"/>
    </row>
    <row r="211367" spans="14:14">
      <c r="N211367" s="10"/>
    </row>
    <row r="211368" spans="14:14">
      <c r="N211368" s="10"/>
    </row>
    <row r="211369" spans="14:14">
      <c r="N211369" s="10"/>
    </row>
    <row r="211370" spans="14:14">
      <c r="N211370" s="10"/>
    </row>
    <row r="211371" spans="14:14">
      <c r="N211371" s="10"/>
    </row>
    <row r="211372" spans="14:14">
      <c r="N211372" s="10"/>
    </row>
    <row r="211373" spans="14:14">
      <c r="N211373" s="10"/>
    </row>
    <row r="211374" spans="14:14">
      <c r="N211374" s="10"/>
    </row>
    <row r="211375" spans="14:14">
      <c r="N211375" s="10"/>
    </row>
    <row r="211376" spans="14:14">
      <c r="N211376" s="10"/>
    </row>
    <row r="211377" spans="14:14">
      <c r="N211377" s="10"/>
    </row>
    <row r="211378" spans="14:14">
      <c r="N211378" s="10"/>
    </row>
    <row r="211379" spans="14:14">
      <c r="N211379" s="10"/>
    </row>
    <row r="211380" spans="14:14">
      <c r="N211380" s="10"/>
    </row>
    <row r="211381" spans="14:14">
      <c r="N211381" s="10"/>
    </row>
    <row r="211382" spans="14:14">
      <c r="N211382" s="10"/>
    </row>
    <row r="211383" spans="14:14">
      <c r="N211383" s="10"/>
    </row>
    <row r="211384" spans="14:14">
      <c r="N211384" s="10"/>
    </row>
    <row r="211385" spans="14:14">
      <c r="N211385" s="10"/>
    </row>
    <row r="211386" spans="14:14">
      <c r="N211386" s="10"/>
    </row>
    <row r="211387" spans="14:14">
      <c r="N211387" s="10"/>
    </row>
    <row r="211388" spans="14:14">
      <c r="N211388" s="10"/>
    </row>
    <row r="211389" spans="14:14">
      <c r="N211389" s="10"/>
    </row>
    <row r="211390" spans="14:14">
      <c r="N211390" s="10"/>
    </row>
    <row r="211391" spans="14:14">
      <c r="N211391" s="10"/>
    </row>
    <row r="211392" spans="14:14">
      <c r="N211392" s="10"/>
    </row>
    <row r="211393" spans="14:14">
      <c r="N211393" s="10"/>
    </row>
    <row r="211394" spans="14:14">
      <c r="N211394" s="10"/>
    </row>
    <row r="211395" spans="14:14">
      <c r="N211395" s="10"/>
    </row>
    <row r="211396" spans="14:14">
      <c r="N211396" s="10"/>
    </row>
    <row r="211397" spans="14:14">
      <c r="N211397" s="10"/>
    </row>
    <row r="211398" spans="14:14">
      <c r="N211398" s="10"/>
    </row>
    <row r="211399" spans="14:14">
      <c r="N211399" s="10"/>
    </row>
    <row r="211400" spans="14:14">
      <c r="N211400" s="10"/>
    </row>
    <row r="211401" spans="14:14">
      <c r="N211401" s="10"/>
    </row>
    <row r="211402" spans="14:14">
      <c r="N211402" s="10"/>
    </row>
    <row r="211403" spans="14:14">
      <c r="N211403" s="10"/>
    </row>
    <row r="211404" spans="14:14">
      <c r="N211404" s="10"/>
    </row>
    <row r="211405" spans="14:14">
      <c r="N211405" s="10"/>
    </row>
    <row r="211406" spans="14:14">
      <c r="N211406" s="10"/>
    </row>
    <row r="211407" spans="14:14">
      <c r="N211407" s="10"/>
    </row>
    <row r="211408" spans="14:14">
      <c r="N211408" s="10"/>
    </row>
    <row r="211409" spans="14:14">
      <c r="N211409" s="10"/>
    </row>
    <row r="211410" spans="14:14">
      <c r="N211410" s="10"/>
    </row>
    <row r="211411" spans="14:14">
      <c r="N211411" s="10"/>
    </row>
    <row r="211412" spans="14:14">
      <c r="N211412" s="10"/>
    </row>
    <row r="211413" spans="14:14">
      <c r="N211413" s="10"/>
    </row>
    <row r="211414" spans="14:14">
      <c r="N211414" s="10"/>
    </row>
    <row r="211415" spans="14:14">
      <c r="N211415" s="10"/>
    </row>
    <row r="211416" spans="14:14">
      <c r="N211416" s="10"/>
    </row>
    <row r="211417" spans="14:14">
      <c r="N211417" s="10"/>
    </row>
    <row r="211418" spans="14:14">
      <c r="N211418" s="10"/>
    </row>
    <row r="211419" spans="14:14">
      <c r="N211419" s="10"/>
    </row>
    <row r="211420" spans="14:14">
      <c r="N211420" s="10"/>
    </row>
    <row r="211421" spans="14:14">
      <c r="N211421" s="10"/>
    </row>
    <row r="211422" spans="14:14">
      <c r="N211422" s="10"/>
    </row>
    <row r="211423" spans="14:14">
      <c r="N211423" s="10"/>
    </row>
    <row r="211424" spans="14:14">
      <c r="N211424" s="10"/>
    </row>
    <row r="211425" spans="14:14">
      <c r="N211425" s="10"/>
    </row>
    <row r="211426" spans="14:14">
      <c r="N211426" s="10"/>
    </row>
    <row r="211427" spans="14:14">
      <c r="N211427" s="10"/>
    </row>
    <row r="211428" spans="14:14">
      <c r="N211428" s="10"/>
    </row>
    <row r="211429" spans="14:14">
      <c r="N211429" s="10"/>
    </row>
    <row r="211430" spans="14:14">
      <c r="N211430" s="10"/>
    </row>
    <row r="211431" spans="14:14">
      <c r="N211431" s="10"/>
    </row>
    <row r="211432" spans="14:14">
      <c r="N211432" s="10"/>
    </row>
    <row r="211433" spans="14:14">
      <c r="N211433" s="10"/>
    </row>
    <row r="211434" spans="14:14">
      <c r="N211434" s="10"/>
    </row>
    <row r="211435" spans="14:14">
      <c r="N211435" s="10"/>
    </row>
    <row r="211436" spans="14:14">
      <c r="N211436" s="10"/>
    </row>
    <row r="211437" spans="14:14">
      <c r="N211437" s="10"/>
    </row>
    <row r="211438" spans="14:14">
      <c r="N211438" s="10"/>
    </row>
    <row r="211439" spans="14:14">
      <c r="N211439" s="10"/>
    </row>
    <row r="211440" spans="14:14">
      <c r="N211440" s="10"/>
    </row>
    <row r="211441" spans="14:14">
      <c r="N211441" s="10"/>
    </row>
    <row r="211442" spans="14:14">
      <c r="N211442" s="10"/>
    </row>
    <row r="211443" spans="14:14">
      <c r="N211443" s="10"/>
    </row>
    <row r="211444" spans="14:14">
      <c r="N211444" s="10"/>
    </row>
    <row r="211445" spans="14:14">
      <c r="N211445" s="10"/>
    </row>
    <row r="211446" spans="14:14">
      <c r="N211446" s="10"/>
    </row>
    <row r="211447" spans="14:14">
      <c r="N211447" s="10"/>
    </row>
    <row r="211448" spans="14:14">
      <c r="N211448" s="10"/>
    </row>
    <row r="211449" spans="14:14">
      <c r="N211449" s="10"/>
    </row>
    <row r="211450" spans="14:14">
      <c r="N211450" s="10"/>
    </row>
    <row r="211451" spans="14:14">
      <c r="N211451" s="10"/>
    </row>
    <row r="211452" spans="14:14">
      <c r="N211452" s="10"/>
    </row>
    <row r="211453" spans="14:14">
      <c r="N211453" s="10"/>
    </row>
    <row r="211454" spans="14:14">
      <c r="N211454" s="10"/>
    </row>
    <row r="211455" spans="14:14">
      <c r="N211455" s="10"/>
    </row>
    <row r="211456" spans="14:14">
      <c r="N211456" s="10"/>
    </row>
    <row r="211457" spans="14:14">
      <c r="N211457" s="10"/>
    </row>
    <row r="211458" spans="14:14">
      <c r="N211458" s="10"/>
    </row>
    <row r="211459" spans="14:14">
      <c r="N211459" s="10"/>
    </row>
    <row r="211460" spans="14:14">
      <c r="N211460" s="10"/>
    </row>
    <row r="211461" spans="14:14">
      <c r="N211461" s="10"/>
    </row>
    <row r="211462" spans="14:14">
      <c r="N211462" s="10"/>
    </row>
    <row r="211463" spans="14:14">
      <c r="N211463" s="10"/>
    </row>
    <row r="211464" spans="14:14">
      <c r="N211464" s="10"/>
    </row>
    <row r="211465" spans="14:14">
      <c r="N211465" s="10"/>
    </row>
    <row r="211466" spans="14:14">
      <c r="N211466" s="10"/>
    </row>
    <row r="211467" spans="14:14">
      <c r="N211467" s="10"/>
    </row>
    <row r="211468" spans="14:14">
      <c r="N211468" s="10"/>
    </row>
    <row r="211469" spans="14:14">
      <c r="N211469" s="10"/>
    </row>
    <row r="211470" spans="14:14">
      <c r="N211470" s="10"/>
    </row>
    <row r="211471" spans="14:14">
      <c r="N211471" s="10"/>
    </row>
    <row r="211472" spans="14:14">
      <c r="N211472" s="10"/>
    </row>
    <row r="211473" spans="14:14">
      <c r="N211473" s="10"/>
    </row>
    <row r="211474" spans="14:14">
      <c r="N211474" s="10"/>
    </row>
    <row r="211475" spans="14:14">
      <c r="N211475" s="10"/>
    </row>
    <row r="211476" spans="14:14">
      <c r="N211476" s="10"/>
    </row>
    <row r="211477" spans="14:14">
      <c r="N211477" s="10"/>
    </row>
    <row r="211478" spans="14:14">
      <c r="N211478" s="10"/>
    </row>
    <row r="211479" spans="14:14">
      <c r="N211479" s="10"/>
    </row>
    <row r="211480" spans="14:14">
      <c r="N211480" s="10"/>
    </row>
    <row r="211481" spans="14:14">
      <c r="N211481" s="10"/>
    </row>
    <row r="211482" spans="14:14">
      <c r="N211482" s="10"/>
    </row>
    <row r="211483" spans="14:14">
      <c r="N211483" s="10"/>
    </row>
    <row r="211484" spans="14:14">
      <c r="N211484" s="10"/>
    </row>
    <row r="211485" spans="14:14">
      <c r="N211485" s="10"/>
    </row>
    <row r="211486" spans="14:14">
      <c r="N211486" s="10"/>
    </row>
    <row r="211487" spans="14:14">
      <c r="N211487" s="10"/>
    </row>
    <row r="211488" spans="14:14">
      <c r="N211488" s="10"/>
    </row>
    <row r="211489" spans="14:14">
      <c r="N211489" s="10"/>
    </row>
    <row r="211490" spans="14:14">
      <c r="N211490" s="10"/>
    </row>
    <row r="211491" spans="14:14">
      <c r="N211491" s="10"/>
    </row>
    <row r="211492" spans="14:14">
      <c r="N211492" s="10"/>
    </row>
    <row r="211493" spans="14:14">
      <c r="N211493" s="10"/>
    </row>
    <row r="211494" spans="14:14">
      <c r="N211494" s="10"/>
    </row>
    <row r="211495" spans="14:14">
      <c r="N211495" s="10"/>
    </row>
    <row r="211496" spans="14:14">
      <c r="N211496" s="10"/>
    </row>
    <row r="211497" spans="14:14">
      <c r="N211497" s="10"/>
    </row>
    <row r="211498" spans="14:14">
      <c r="N211498" s="10"/>
    </row>
    <row r="211499" spans="14:14">
      <c r="N211499" s="10"/>
    </row>
    <row r="211500" spans="14:14">
      <c r="N211500" s="10"/>
    </row>
    <row r="211501" spans="14:14">
      <c r="N211501" s="10"/>
    </row>
    <row r="211502" spans="14:14">
      <c r="N211502" s="10"/>
    </row>
    <row r="211503" spans="14:14">
      <c r="N211503" s="10"/>
    </row>
    <row r="211504" spans="14:14">
      <c r="N211504" s="10"/>
    </row>
    <row r="211505" spans="14:14">
      <c r="N211505" s="10"/>
    </row>
    <row r="211506" spans="14:14">
      <c r="N211506" s="10"/>
    </row>
    <row r="211507" spans="14:14">
      <c r="N211507" s="10"/>
    </row>
    <row r="211508" spans="14:14">
      <c r="N211508" s="10"/>
    </row>
    <row r="211509" spans="14:14">
      <c r="N211509" s="10"/>
    </row>
    <row r="211510" spans="14:14">
      <c r="N211510" s="10"/>
    </row>
    <row r="211511" spans="14:14">
      <c r="N211511" s="10"/>
    </row>
    <row r="211512" spans="14:14">
      <c r="N211512" s="10"/>
    </row>
    <row r="211513" spans="14:14">
      <c r="N211513" s="10"/>
    </row>
    <row r="211514" spans="14:14">
      <c r="N211514" s="10"/>
    </row>
    <row r="211515" spans="14:14">
      <c r="N211515" s="10"/>
    </row>
    <row r="211516" spans="14:14">
      <c r="N211516" s="10"/>
    </row>
    <row r="211517" spans="14:14">
      <c r="N211517" s="10"/>
    </row>
    <row r="211518" spans="14:14">
      <c r="N211518" s="10"/>
    </row>
    <row r="211519" spans="14:14">
      <c r="N211519" s="10"/>
    </row>
    <row r="211520" spans="14:14">
      <c r="N211520" s="10"/>
    </row>
    <row r="211521" spans="14:14">
      <c r="N211521" s="10"/>
    </row>
    <row r="211522" spans="14:14">
      <c r="N211522" s="10"/>
    </row>
    <row r="211523" spans="14:14">
      <c r="N211523" s="10"/>
    </row>
    <row r="211524" spans="14:14">
      <c r="N211524" s="10"/>
    </row>
    <row r="211525" spans="14:14">
      <c r="N211525" s="10"/>
    </row>
    <row r="211526" spans="14:14">
      <c r="N211526" s="10"/>
    </row>
    <row r="211527" spans="14:14">
      <c r="N211527" s="10"/>
    </row>
    <row r="211528" spans="14:14">
      <c r="N211528" s="10"/>
    </row>
    <row r="211529" spans="14:14">
      <c r="N211529" s="10"/>
    </row>
    <row r="211530" spans="14:14">
      <c r="N211530" s="10"/>
    </row>
    <row r="211531" spans="14:14">
      <c r="N211531" s="10"/>
    </row>
    <row r="211532" spans="14:14">
      <c r="N211532" s="10"/>
    </row>
    <row r="211533" spans="14:14">
      <c r="N211533" s="10"/>
    </row>
    <row r="211534" spans="14:14">
      <c r="N211534" s="10"/>
    </row>
    <row r="211535" spans="14:14">
      <c r="N211535" s="10"/>
    </row>
    <row r="211536" spans="14:14">
      <c r="N211536" s="10"/>
    </row>
    <row r="211537" spans="14:14">
      <c r="N211537" s="10"/>
    </row>
    <row r="211538" spans="14:14">
      <c r="N211538" s="10"/>
    </row>
    <row r="211539" spans="14:14">
      <c r="N211539" s="10"/>
    </row>
    <row r="211540" spans="14:14">
      <c r="N211540" s="10"/>
    </row>
    <row r="211541" spans="14:14">
      <c r="N211541" s="10"/>
    </row>
    <row r="211542" spans="14:14">
      <c r="N211542" s="10"/>
    </row>
    <row r="211543" spans="14:14">
      <c r="N211543" s="10"/>
    </row>
    <row r="211544" spans="14:14">
      <c r="N211544" s="10"/>
    </row>
    <row r="211545" spans="14:14">
      <c r="N211545" s="10"/>
    </row>
    <row r="211546" spans="14:14">
      <c r="N211546" s="10"/>
    </row>
    <row r="211547" spans="14:14">
      <c r="N211547" s="10"/>
    </row>
    <row r="211548" spans="14:14">
      <c r="N211548" s="10"/>
    </row>
    <row r="211549" spans="14:14">
      <c r="N211549" s="10"/>
    </row>
    <row r="211550" spans="14:14">
      <c r="N211550" s="10"/>
    </row>
    <row r="211551" spans="14:14">
      <c r="N211551" s="10"/>
    </row>
    <row r="211552" spans="14:14">
      <c r="N211552" s="10"/>
    </row>
    <row r="211553" spans="14:14">
      <c r="N211553" s="10"/>
    </row>
    <row r="211554" spans="14:14">
      <c r="N211554" s="10"/>
    </row>
    <row r="211555" spans="14:14">
      <c r="N211555" s="10"/>
    </row>
    <row r="211556" spans="14:14">
      <c r="N211556" s="10"/>
    </row>
    <row r="211557" spans="14:14">
      <c r="N211557" s="10"/>
    </row>
    <row r="211558" spans="14:14">
      <c r="N211558" s="10"/>
    </row>
    <row r="211559" spans="14:14">
      <c r="N211559" s="10"/>
    </row>
    <row r="211560" spans="14:14">
      <c r="N211560" s="10"/>
    </row>
    <row r="211561" spans="14:14">
      <c r="N211561" s="10"/>
    </row>
    <row r="211562" spans="14:14">
      <c r="N211562" s="10"/>
    </row>
    <row r="211563" spans="14:14">
      <c r="N211563" s="10"/>
    </row>
    <row r="211564" spans="14:14">
      <c r="N211564" s="10"/>
    </row>
    <row r="211565" spans="14:14">
      <c r="N211565" s="10"/>
    </row>
    <row r="211566" spans="14:14">
      <c r="N211566" s="10"/>
    </row>
    <row r="211567" spans="14:14">
      <c r="N211567" s="10"/>
    </row>
    <row r="211568" spans="14:14">
      <c r="N211568" s="10"/>
    </row>
    <row r="211569" spans="14:14">
      <c r="N211569" s="10"/>
    </row>
    <row r="211570" spans="14:14">
      <c r="N211570" s="10"/>
    </row>
    <row r="211571" spans="14:14">
      <c r="N211571" s="10"/>
    </row>
    <row r="211572" spans="14:14">
      <c r="N211572" s="10"/>
    </row>
    <row r="211573" spans="14:14">
      <c r="N211573" s="10"/>
    </row>
    <row r="211574" spans="14:14">
      <c r="N211574" s="10"/>
    </row>
    <row r="211575" spans="14:14">
      <c r="N211575" s="10"/>
    </row>
    <row r="211576" spans="14:14">
      <c r="N211576" s="10"/>
    </row>
    <row r="211577" spans="14:14">
      <c r="N211577" s="10"/>
    </row>
    <row r="211578" spans="14:14">
      <c r="N211578" s="10"/>
    </row>
    <row r="211579" spans="14:14">
      <c r="N211579" s="10"/>
    </row>
    <row r="211580" spans="14:14">
      <c r="N211580" s="10"/>
    </row>
    <row r="211581" spans="14:14">
      <c r="N211581" s="10"/>
    </row>
    <row r="211582" spans="14:14">
      <c r="N211582" s="10"/>
    </row>
    <row r="211583" spans="14:14">
      <c r="N211583" s="10"/>
    </row>
    <row r="211584" spans="14:14">
      <c r="N211584" s="10"/>
    </row>
    <row r="211585" spans="14:14">
      <c r="N211585" s="10"/>
    </row>
    <row r="211586" spans="14:14">
      <c r="N211586" s="10"/>
    </row>
    <row r="211587" spans="14:14">
      <c r="N211587" s="10"/>
    </row>
    <row r="211588" spans="14:14">
      <c r="N211588" s="10"/>
    </row>
    <row r="211589" spans="14:14">
      <c r="N211589" s="10"/>
    </row>
    <row r="211590" spans="14:14">
      <c r="N211590" s="10"/>
    </row>
    <row r="211591" spans="14:14">
      <c r="N211591" s="10"/>
    </row>
    <row r="211592" spans="14:14">
      <c r="N211592" s="10"/>
    </row>
    <row r="211593" spans="14:14">
      <c r="N211593" s="10"/>
    </row>
    <row r="211594" spans="14:14">
      <c r="N211594" s="10"/>
    </row>
    <row r="211595" spans="14:14">
      <c r="N211595" s="10"/>
    </row>
    <row r="211596" spans="14:14">
      <c r="N211596" s="10"/>
    </row>
    <row r="211597" spans="14:14">
      <c r="N211597" s="10"/>
    </row>
    <row r="211598" spans="14:14">
      <c r="N211598" s="10"/>
    </row>
    <row r="211599" spans="14:14">
      <c r="N211599" s="10"/>
    </row>
    <row r="211600" spans="14:14">
      <c r="N211600" s="10"/>
    </row>
    <row r="211601" spans="14:14">
      <c r="N211601" s="10"/>
    </row>
    <row r="211602" spans="14:14">
      <c r="N211602" s="10"/>
    </row>
    <row r="211603" spans="14:14">
      <c r="N211603" s="10"/>
    </row>
    <row r="211604" spans="14:14">
      <c r="N211604" s="10"/>
    </row>
    <row r="211605" spans="14:14">
      <c r="N211605" s="10"/>
    </row>
    <row r="211606" spans="14:14">
      <c r="N211606" s="10"/>
    </row>
    <row r="211607" spans="14:14">
      <c r="N211607" s="10"/>
    </row>
    <row r="211608" spans="14:14">
      <c r="N211608" s="10"/>
    </row>
    <row r="211609" spans="14:14">
      <c r="N211609" s="10"/>
    </row>
    <row r="211610" spans="14:14">
      <c r="N211610" s="10"/>
    </row>
    <row r="211611" spans="14:14">
      <c r="N211611" s="10"/>
    </row>
    <row r="211612" spans="14:14">
      <c r="N211612" s="10"/>
    </row>
    <row r="211613" spans="14:14">
      <c r="N211613" s="10"/>
    </row>
    <row r="211614" spans="14:14">
      <c r="N211614" s="10"/>
    </row>
    <row r="211615" spans="14:14">
      <c r="N211615" s="10"/>
    </row>
    <row r="211616" spans="14:14">
      <c r="N211616" s="10"/>
    </row>
    <row r="211617" spans="14:14">
      <c r="N211617" s="10"/>
    </row>
    <row r="211618" spans="14:14">
      <c r="N211618" s="10"/>
    </row>
    <row r="211619" spans="14:14">
      <c r="N211619" s="10"/>
    </row>
    <row r="211620" spans="14:14">
      <c r="N211620" s="10"/>
    </row>
    <row r="211621" spans="14:14">
      <c r="N211621" s="10"/>
    </row>
    <row r="211622" spans="14:14">
      <c r="N211622" s="10"/>
    </row>
    <row r="211623" spans="14:14">
      <c r="N211623" s="10"/>
    </row>
    <row r="211624" spans="14:14">
      <c r="N211624" s="10"/>
    </row>
    <row r="211625" spans="14:14">
      <c r="N211625" s="10"/>
    </row>
    <row r="211626" spans="14:14">
      <c r="N211626" s="10"/>
    </row>
    <row r="211627" spans="14:14">
      <c r="N211627" s="10"/>
    </row>
    <row r="211628" spans="14:14">
      <c r="N211628" s="10"/>
    </row>
    <row r="211629" spans="14:14">
      <c r="N211629" s="10"/>
    </row>
    <row r="211630" spans="14:14">
      <c r="N211630" s="10"/>
    </row>
    <row r="211631" spans="14:14">
      <c r="N211631" s="10"/>
    </row>
    <row r="211632" spans="14:14">
      <c r="N211632" s="10"/>
    </row>
    <row r="211633" spans="14:14">
      <c r="N211633" s="10"/>
    </row>
    <row r="211634" spans="14:14">
      <c r="N211634" s="10"/>
    </row>
    <row r="211635" spans="14:14">
      <c r="N211635" s="10"/>
    </row>
    <row r="211636" spans="14:14">
      <c r="N211636" s="10"/>
    </row>
    <row r="211637" spans="14:14">
      <c r="N211637" s="10"/>
    </row>
    <row r="211638" spans="14:14">
      <c r="N211638" s="10"/>
    </row>
    <row r="211639" spans="14:14">
      <c r="N211639" s="10"/>
    </row>
    <row r="211640" spans="14:14">
      <c r="N211640" s="10"/>
    </row>
    <row r="211641" spans="14:14">
      <c r="N211641" s="10"/>
    </row>
    <row r="211642" spans="14:14">
      <c r="N211642" s="10"/>
    </row>
    <row r="211643" spans="14:14">
      <c r="N211643" s="10"/>
    </row>
    <row r="211644" spans="14:14">
      <c r="N211644" s="10"/>
    </row>
    <row r="211645" spans="14:14">
      <c r="N211645" s="10"/>
    </row>
    <row r="211646" spans="14:14">
      <c r="N211646" s="10"/>
    </row>
    <row r="211647" spans="14:14">
      <c r="N211647" s="10"/>
    </row>
    <row r="211648" spans="14:14">
      <c r="N211648" s="10"/>
    </row>
    <row r="211649" spans="14:14">
      <c r="N211649" s="10"/>
    </row>
    <row r="211650" spans="14:14">
      <c r="N211650" s="10"/>
    </row>
    <row r="211651" spans="14:14">
      <c r="N211651" s="10"/>
    </row>
    <row r="211652" spans="14:14">
      <c r="N211652" s="10"/>
    </row>
    <row r="211653" spans="14:14">
      <c r="N211653" s="10"/>
    </row>
    <row r="211654" spans="14:14">
      <c r="N211654" s="10"/>
    </row>
    <row r="211655" spans="14:14">
      <c r="N211655" s="10"/>
    </row>
    <row r="211656" spans="14:14">
      <c r="N211656" s="10"/>
    </row>
    <row r="211657" spans="14:14">
      <c r="N211657" s="10"/>
    </row>
    <row r="211658" spans="14:14">
      <c r="N211658" s="10"/>
    </row>
    <row r="211659" spans="14:14">
      <c r="N211659" s="10"/>
    </row>
    <row r="211660" spans="14:14">
      <c r="N211660" s="10"/>
    </row>
    <row r="211661" spans="14:14">
      <c r="N211661" s="10"/>
    </row>
    <row r="211662" spans="14:14">
      <c r="N211662" s="10"/>
    </row>
    <row r="211663" spans="14:14">
      <c r="N211663" s="10"/>
    </row>
    <row r="211664" spans="14:14">
      <c r="N211664" s="10"/>
    </row>
    <row r="211665" spans="14:14">
      <c r="N211665" s="10"/>
    </row>
    <row r="211666" spans="14:14">
      <c r="N211666" s="10"/>
    </row>
    <row r="211667" spans="14:14">
      <c r="N211667" s="10"/>
    </row>
    <row r="211668" spans="14:14">
      <c r="N211668" s="10"/>
    </row>
    <row r="211669" spans="14:14">
      <c r="N211669" s="10"/>
    </row>
    <row r="211670" spans="14:14">
      <c r="N211670" s="10"/>
    </row>
    <row r="211671" spans="14:14">
      <c r="N211671" s="10"/>
    </row>
    <row r="211672" spans="14:14">
      <c r="N211672" s="10"/>
    </row>
    <row r="211673" spans="14:14">
      <c r="N211673" s="10"/>
    </row>
    <row r="211674" spans="14:14">
      <c r="N211674" s="10"/>
    </row>
    <row r="211675" spans="14:14">
      <c r="N211675" s="10"/>
    </row>
    <row r="211676" spans="14:14">
      <c r="N211676" s="10"/>
    </row>
    <row r="211677" spans="14:14">
      <c r="N211677" s="10"/>
    </row>
    <row r="211678" spans="14:14">
      <c r="N211678" s="10"/>
    </row>
    <row r="211679" spans="14:14">
      <c r="N211679" s="10"/>
    </row>
    <row r="211680" spans="14:14">
      <c r="N211680" s="10"/>
    </row>
    <row r="211681" spans="14:14">
      <c r="N211681" s="10"/>
    </row>
    <row r="211682" spans="14:14">
      <c r="N211682" s="10"/>
    </row>
    <row r="211683" spans="14:14">
      <c r="N211683" s="10"/>
    </row>
    <row r="211684" spans="14:14">
      <c r="N211684" s="10"/>
    </row>
    <row r="211685" spans="14:14">
      <c r="N211685" s="10"/>
    </row>
    <row r="211686" spans="14:14">
      <c r="N211686" s="10"/>
    </row>
    <row r="211687" spans="14:14">
      <c r="N211687" s="10"/>
    </row>
    <row r="211688" spans="14:14">
      <c r="N211688" s="10"/>
    </row>
    <row r="211689" spans="14:14">
      <c r="N211689" s="10"/>
    </row>
    <row r="211690" spans="14:14">
      <c r="N211690" s="10"/>
    </row>
    <row r="211691" spans="14:14">
      <c r="N211691" s="10"/>
    </row>
    <row r="211692" spans="14:14">
      <c r="N211692" s="10"/>
    </row>
    <row r="211693" spans="14:14">
      <c r="N211693" s="10"/>
    </row>
    <row r="211694" spans="14:14">
      <c r="N211694" s="10"/>
    </row>
    <row r="211695" spans="14:14">
      <c r="N211695" s="10"/>
    </row>
    <row r="211696" spans="14:14">
      <c r="N211696" s="10"/>
    </row>
    <row r="211697" spans="14:14">
      <c r="N211697" s="10"/>
    </row>
    <row r="211698" spans="14:14">
      <c r="N211698" s="10"/>
    </row>
    <row r="211699" spans="14:14">
      <c r="N211699" s="10"/>
    </row>
    <row r="211700" spans="14:14">
      <c r="N211700" s="10"/>
    </row>
    <row r="211701" spans="14:14">
      <c r="N211701" s="10"/>
    </row>
    <row r="211702" spans="14:14">
      <c r="N211702" s="10"/>
    </row>
    <row r="211703" spans="14:14">
      <c r="N211703" s="10"/>
    </row>
    <row r="211704" spans="14:14">
      <c r="N211704" s="10"/>
    </row>
    <row r="211705" spans="14:14">
      <c r="N211705" s="10"/>
    </row>
    <row r="211706" spans="14:14">
      <c r="N211706" s="10"/>
    </row>
    <row r="211707" spans="14:14">
      <c r="N211707" s="10"/>
    </row>
    <row r="211708" spans="14:14">
      <c r="N211708" s="10"/>
    </row>
    <row r="211709" spans="14:14">
      <c r="N211709" s="10"/>
    </row>
    <row r="211710" spans="14:14">
      <c r="N211710" s="10"/>
    </row>
    <row r="211711" spans="14:14">
      <c r="N211711" s="10"/>
    </row>
    <row r="211712" spans="14:14">
      <c r="N211712" s="10"/>
    </row>
    <row r="211713" spans="14:14">
      <c r="N211713" s="10"/>
    </row>
    <row r="211714" spans="14:14">
      <c r="N211714" s="10"/>
    </row>
    <row r="211715" spans="14:14">
      <c r="N211715" s="10"/>
    </row>
    <row r="211716" spans="14:14">
      <c r="N211716" s="10"/>
    </row>
    <row r="211717" spans="14:14">
      <c r="N211717" s="10"/>
    </row>
    <row r="211718" spans="14:14">
      <c r="N211718" s="10"/>
    </row>
    <row r="211719" spans="14:14">
      <c r="N211719" s="10"/>
    </row>
    <row r="211720" spans="14:14">
      <c r="N211720" s="10"/>
    </row>
    <row r="211721" spans="14:14">
      <c r="N211721" s="10"/>
    </row>
    <row r="211722" spans="14:14">
      <c r="N211722" s="10"/>
    </row>
    <row r="211723" spans="14:14">
      <c r="N211723" s="10"/>
    </row>
    <row r="211724" spans="14:14">
      <c r="N211724" s="10"/>
    </row>
    <row r="211725" spans="14:14">
      <c r="N211725" s="10"/>
    </row>
    <row r="211726" spans="14:14">
      <c r="N211726" s="10"/>
    </row>
    <row r="211727" spans="14:14">
      <c r="N211727" s="10"/>
    </row>
    <row r="211728" spans="14:14">
      <c r="N211728" s="10"/>
    </row>
    <row r="211729" spans="14:14">
      <c r="N211729" s="10"/>
    </row>
    <row r="211730" spans="14:14">
      <c r="N211730" s="10"/>
    </row>
    <row r="211731" spans="14:14">
      <c r="N211731" s="10"/>
    </row>
    <row r="211732" spans="14:14">
      <c r="N211732" s="10"/>
    </row>
    <row r="211733" spans="14:14">
      <c r="N211733" s="10"/>
    </row>
    <row r="211734" spans="14:14">
      <c r="N211734" s="10"/>
    </row>
    <row r="211735" spans="14:14">
      <c r="N211735" s="10"/>
    </row>
    <row r="211736" spans="14:14">
      <c r="N211736" s="10"/>
    </row>
    <row r="211737" spans="14:14">
      <c r="N211737" s="10"/>
    </row>
    <row r="211738" spans="14:14">
      <c r="N211738" s="10"/>
    </row>
    <row r="211739" spans="14:14">
      <c r="N211739" s="10"/>
    </row>
    <row r="211740" spans="14:14">
      <c r="N211740" s="10"/>
    </row>
    <row r="211741" spans="14:14">
      <c r="N211741" s="10"/>
    </row>
    <row r="211742" spans="14:14">
      <c r="N211742" s="10"/>
    </row>
    <row r="211743" spans="14:14">
      <c r="N211743" s="10"/>
    </row>
    <row r="211744" spans="14:14">
      <c r="N211744" s="10"/>
    </row>
    <row r="211745" spans="14:14">
      <c r="N211745" s="10"/>
    </row>
    <row r="211746" spans="14:14">
      <c r="N211746" s="10"/>
    </row>
    <row r="211747" spans="14:14">
      <c r="N211747" s="10"/>
    </row>
    <row r="211748" spans="14:14">
      <c r="N211748" s="10"/>
    </row>
    <row r="211749" spans="14:14">
      <c r="N211749" s="10"/>
    </row>
    <row r="211750" spans="14:14">
      <c r="N211750" s="10"/>
    </row>
    <row r="211751" spans="14:14">
      <c r="N211751" s="10"/>
    </row>
    <row r="211752" spans="14:14">
      <c r="N211752" s="10"/>
    </row>
    <row r="211753" spans="14:14">
      <c r="N211753" s="10"/>
    </row>
    <row r="211754" spans="14:14">
      <c r="N211754" s="10"/>
    </row>
    <row r="211755" spans="14:14">
      <c r="N211755" s="10"/>
    </row>
    <row r="211756" spans="14:14">
      <c r="N211756" s="10"/>
    </row>
    <row r="211757" spans="14:14">
      <c r="N211757" s="10"/>
    </row>
    <row r="211758" spans="14:14">
      <c r="N211758" s="10"/>
    </row>
    <row r="211759" spans="14:14">
      <c r="N211759" s="10"/>
    </row>
    <row r="211760" spans="14:14">
      <c r="N211760" s="10"/>
    </row>
    <row r="211761" spans="14:14">
      <c r="N211761" s="10"/>
    </row>
    <row r="211762" spans="14:14">
      <c r="N211762" s="10"/>
    </row>
    <row r="211763" spans="14:14">
      <c r="N211763" s="10"/>
    </row>
    <row r="211764" spans="14:14">
      <c r="N211764" s="10"/>
    </row>
    <row r="211765" spans="14:14">
      <c r="N211765" s="10"/>
    </row>
    <row r="211766" spans="14:14">
      <c r="N211766" s="10"/>
    </row>
    <row r="211767" spans="14:14">
      <c r="N211767" s="10"/>
    </row>
    <row r="211768" spans="14:14">
      <c r="N211768" s="10"/>
    </row>
    <row r="211769" spans="14:14">
      <c r="N211769" s="10"/>
    </row>
    <row r="211770" spans="14:14">
      <c r="N211770" s="10"/>
    </row>
    <row r="211771" spans="14:14">
      <c r="N211771" s="10"/>
    </row>
    <row r="211772" spans="14:14">
      <c r="N211772" s="10"/>
    </row>
    <row r="211773" spans="14:14">
      <c r="N211773" s="10"/>
    </row>
    <row r="211774" spans="14:14">
      <c r="N211774" s="10"/>
    </row>
    <row r="211775" spans="14:14">
      <c r="N211775" s="10"/>
    </row>
    <row r="211776" spans="14:14">
      <c r="N211776" s="10"/>
    </row>
    <row r="211777" spans="14:14">
      <c r="N211777" s="10"/>
    </row>
    <row r="211778" spans="14:14">
      <c r="N211778" s="10"/>
    </row>
    <row r="211779" spans="14:14">
      <c r="N211779" s="10"/>
    </row>
    <row r="211780" spans="14:14">
      <c r="N211780" s="10"/>
    </row>
    <row r="211781" spans="14:14">
      <c r="N211781" s="10"/>
    </row>
    <row r="211782" spans="14:14">
      <c r="N211782" s="10"/>
    </row>
    <row r="211783" spans="14:14">
      <c r="N211783" s="10"/>
    </row>
    <row r="211784" spans="14:14">
      <c r="N211784" s="10"/>
    </row>
    <row r="211785" spans="14:14">
      <c r="N211785" s="10"/>
    </row>
    <row r="211786" spans="14:14">
      <c r="N211786" s="10"/>
    </row>
    <row r="211787" spans="14:14">
      <c r="N211787" s="10"/>
    </row>
    <row r="211788" spans="14:14">
      <c r="N211788" s="10"/>
    </row>
    <row r="211789" spans="14:14">
      <c r="N211789" s="10"/>
    </row>
    <row r="211790" spans="14:14">
      <c r="N211790" s="10"/>
    </row>
    <row r="211791" spans="14:14">
      <c r="N211791" s="10"/>
    </row>
    <row r="211792" spans="14:14">
      <c r="N211792" s="10"/>
    </row>
    <row r="211793" spans="14:14">
      <c r="N211793" s="10"/>
    </row>
    <row r="211794" spans="14:14">
      <c r="N211794" s="10"/>
    </row>
    <row r="211795" spans="14:14">
      <c r="N211795" s="10"/>
    </row>
    <row r="211796" spans="14:14">
      <c r="N211796" s="10"/>
    </row>
    <row r="211797" spans="14:14">
      <c r="N211797" s="10"/>
    </row>
    <row r="211798" spans="14:14">
      <c r="N211798" s="10"/>
    </row>
    <row r="211799" spans="14:14">
      <c r="N211799" s="10"/>
    </row>
    <row r="211800" spans="14:14">
      <c r="N211800" s="10"/>
    </row>
    <row r="211801" spans="14:14">
      <c r="N211801" s="10"/>
    </row>
    <row r="211802" spans="14:14">
      <c r="N211802" s="10"/>
    </row>
    <row r="211803" spans="14:14">
      <c r="N211803" s="10"/>
    </row>
    <row r="211804" spans="14:14">
      <c r="N211804" s="10"/>
    </row>
    <row r="211805" spans="14:14">
      <c r="N211805" s="10"/>
    </row>
    <row r="211806" spans="14:14">
      <c r="N211806" s="10"/>
    </row>
    <row r="211807" spans="14:14">
      <c r="N211807" s="10"/>
    </row>
    <row r="211808" spans="14:14">
      <c r="N211808" s="10"/>
    </row>
    <row r="211809" spans="14:14">
      <c r="N211809" s="10"/>
    </row>
    <row r="211810" spans="14:14">
      <c r="N211810" s="10"/>
    </row>
    <row r="211811" spans="14:14">
      <c r="N211811" s="10"/>
    </row>
    <row r="211812" spans="14:14">
      <c r="N211812" s="10"/>
    </row>
    <row r="211813" spans="14:14">
      <c r="N211813" s="10"/>
    </row>
    <row r="211814" spans="14:14">
      <c r="N211814" s="10"/>
    </row>
    <row r="211815" spans="14:14">
      <c r="N211815" s="10"/>
    </row>
    <row r="211816" spans="14:14">
      <c r="N211816" s="10"/>
    </row>
    <row r="211817" spans="14:14">
      <c r="N211817" s="10"/>
    </row>
    <row r="211818" spans="14:14">
      <c r="N211818" s="10"/>
    </row>
    <row r="211819" spans="14:14">
      <c r="N211819" s="10"/>
    </row>
    <row r="211820" spans="14:14">
      <c r="N211820" s="10"/>
    </row>
    <row r="211821" spans="14:14">
      <c r="N211821" s="10"/>
    </row>
    <row r="211822" spans="14:14">
      <c r="N211822" s="10"/>
    </row>
    <row r="211823" spans="14:14">
      <c r="N211823" s="10"/>
    </row>
    <row r="211824" spans="14:14">
      <c r="N211824" s="10"/>
    </row>
    <row r="211825" spans="14:14">
      <c r="N211825" s="10"/>
    </row>
    <row r="211826" spans="14:14">
      <c r="N211826" s="10"/>
    </row>
    <row r="211827" spans="14:14">
      <c r="N211827" s="10"/>
    </row>
    <row r="211828" spans="14:14">
      <c r="N211828" s="10"/>
    </row>
    <row r="211829" spans="14:14">
      <c r="N211829" s="10"/>
    </row>
    <row r="211830" spans="14:14">
      <c r="N211830" s="10"/>
    </row>
    <row r="211831" spans="14:14">
      <c r="N211831" s="10"/>
    </row>
    <row r="211832" spans="14:14">
      <c r="N211832" s="10"/>
    </row>
    <row r="211833" spans="14:14">
      <c r="N211833" s="10"/>
    </row>
    <row r="211834" spans="14:14">
      <c r="N211834" s="10"/>
    </row>
    <row r="211835" spans="14:14">
      <c r="N211835" s="10"/>
    </row>
    <row r="211836" spans="14:14">
      <c r="N211836" s="10"/>
    </row>
    <row r="211837" spans="14:14">
      <c r="N211837" s="10"/>
    </row>
    <row r="211838" spans="14:14">
      <c r="N211838" s="10"/>
    </row>
    <row r="211839" spans="14:14">
      <c r="N211839" s="10"/>
    </row>
    <row r="211840" spans="14:14">
      <c r="N211840" s="10"/>
    </row>
    <row r="211841" spans="14:14">
      <c r="N211841" s="10"/>
    </row>
    <row r="211842" spans="14:14">
      <c r="N211842" s="10"/>
    </row>
    <row r="211843" spans="14:14">
      <c r="N211843" s="10"/>
    </row>
    <row r="211844" spans="14:14">
      <c r="N211844" s="10"/>
    </row>
    <row r="211845" spans="14:14">
      <c r="N211845" s="10"/>
    </row>
    <row r="211846" spans="14:14">
      <c r="N211846" s="10"/>
    </row>
    <row r="211847" spans="14:14">
      <c r="N211847" s="10"/>
    </row>
    <row r="211848" spans="14:14">
      <c r="N211848" s="10"/>
    </row>
    <row r="211849" spans="14:14">
      <c r="N211849" s="10"/>
    </row>
    <row r="211850" spans="14:14">
      <c r="N211850" s="10"/>
    </row>
    <row r="211851" spans="14:14">
      <c r="N211851" s="10"/>
    </row>
    <row r="211852" spans="14:14">
      <c r="N211852" s="10"/>
    </row>
    <row r="211853" spans="14:14">
      <c r="N211853" s="10"/>
    </row>
    <row r="211854" spans="14:14">
      <c r="N211854" s="10"/>
    </row>
    <row r="211855" spans="14:14">
      <c r="N211855" s="10"/>
    </row>
    <row r="211856" spans="14:14">
      <c r="N211856" s="10"/>
    </row>
    <row r="211857" spans="14:14">
      <c r="N211857" s="10"/>
    </row>
    <row r="211858" spans="14:14">
      <c r="N211858" s="10"/>
    </row>
    <row r="211859" spans="14:14">
      <c r="N211859" s="10"/>
    </row>
    <row r="211860" spans="14:14">
      <c r="N211860" s="10"/>
    </row>
    <row r="211861" spans="14:14">
      <c r="N211861" s="10"/>
    </row>
    <row r="211862" spans="14:14">
      <c r="N211862" s="10"/>
    </row>
    <row r="211863" spans="14:14">
      <c r="N211863" s="10"/>
    </row>
    <row r="211864" spans="14:14">
      <c r="N211864" s="10"/>
    </row>
    <row r="211865" spans="14:14">
      <c r="N211865" s="10"/>
    </row>
    <row r="211866" spans="14:14">
      <c r="N211866" s="10"/>
    </row>
    <row r="211867" spans="14:14">
      <c r="N211867" s="10"/>
    </row>
    <row r="211868" spans="14:14">
      <c r="N211868" s="10"/>
    </row>
    <row r="211869" spans="14:14">
      <c r="N211869" s="10"/>
    </row>
    <row r="211870" spans="14:14">
      <c r="N211870" s="10"/>
    </row>
    <row r="211871" spans="14:14">
      <c r="N211871" s="10"/>
    </row>
    <row r="211872" spans="14:14">
      <c r="N211872" s="10"/>
    </row>
    <row r="211873" spans="14:14">
      <c r="N211873" s="10"/>
    </row>
    <row r="211874" spans="14:14">
      <c r="N211874" s="10"/>
    </row>
    <row r="211875" spans="14:14">
      <c r="N211875" s="10"/>
    </row>
    <row r="211876" spans="14:14">
      <c r="N211876" s="10"/>
    </row>
    <row r="211877" spans="14:14">
      <c r="N211877" s="10"/>
    </row>
    <row r="211878" spans="14:14">
      <c r="N211878" s="10"/>
    </row>
    <row r="211879" spans="14:14">
      <c r="N211879" s="10"/>
    </row>
    <row r="211880" spans="14:14">
      <c r="N211880" s="10"/>
    </row>
    <row r="211881" spans="14:14">
      <c r="N211881" s="10"/>
    </row>
    <row r="211882" spans="14:14">
      <c r="N211882" s="10"/>
    </row>
    <row r="211883" spans="14:14">
      <c r="N211883" s="10"/>
    </row>
    <row r="211884" spans="14:14">
      <c r="N211884" s="10"/>
    </row>
    <row r="211885" spans="14:14">
      <c r="N211885" s="10"/>
    </row>
    <row r="211886" spans="14:14">
      <c r="N211886" s="10"/>
    </row>
    <row r="211887" spans="14:14">
      <c r="N211887" s="10"/>
    </row>
    <row r="211888" spans="14:14">
      <c r="N211888" s="10"/>
    </row>
    <row r="211889" spans="14:14">
      <c r="N211889" s="10"/>
    </row>
    <row r="211890" spans="14:14">
      <c r="N211890" s="10"/>
    </row>
    <row r="211891" spans="14:14">
      <c r="N211891" s="10"/>
    </row>
    <row r="211892" spans="14:14">
      <c r="N211892" s="10"/>
    </row>
    <row r="211893" spans="14:14">
      <c r="N211893" s="10"/>
    </row>
    <row r="211894" spans="14:14">
      <c r="N211894" s="10"/>
    </row>
    <row r="211895" spans="14:14">
      <c r="N211895" s="10"/>
    </row>
    <row r="211896" spans="14:14">
      <c r="N211896" s="10"/>
    </row>
    <row r="211897" spans="14:14">
      <c r="N211897" s="10"/>
    </row>
    <row r="211898" spans="14:14">
      <c r="N211898" s="10"/>
    </row>
    <row r="211899" spans="14:14">
      <c r="N211899" s="10"/>
    </row>
    <row r="211900" spans="14:14">
      <c r="N211900" s="10"/>
    </row>
    <row r="211901" spans="14:14">
      <c r="N211901" s="10"/>
    </row>
    <row r="211902" spans="14:14">
      <c r="N211902" s="10"/>
    </row>
    <row r="211903" spans="14:14">
      <c r="N211903" s="10"/>
    </row>
    <row r="211904" spans="14:14">
      <c r="N211904" s="10"/>
    </row>
    <row r="211905" spans="14:14">
      <c r="N211905" s="10"/>
    </row>
    <row r="211906" spans="14:14">
      <c r="N211906" s="10"/>
    </row>
    <row r="211907" spans="14:14">
      <c r="N211907" s="10"/>
    </row>
    <row r="211908" spans="14:14">
      <c r="N211908" s="10"/>
    </row>
    <row r="211909" spans="14:14">
      <c r="N211909" s="10"/>
    </row>
    <row r="211910" spans="14:14">
      <c r="N211910" s="10"/>
    </row>
    <row r="211911" spans="14:14">
      <c r="N211911" s="10"/>
    </row>
    <row r="211912" spans="14:14">
      <c r="N211912" s="10"/>
    </row>
    <row r="211913" spans="14:14">
      <c r="N211913" s="10"/>
    </row>
    <row r="211914" spans="14:14">
      <c r="N211914" s="10"/>
    </row>
    <row r="211915" spans="14:14">
      <c r="N211915" s="10"/>
    </row>
    <row r="211916" spans="14:14">
      <c r="N211916" s="10"/>
    </row>
    <row r="211917" spans="14:14">
      <c r="N211917" s="10"/>
    </row>
    <row r="211918" spans="14:14">
      <c r="N211918" s="10"/>
    </row>
    <row r="211919" spans="14:14">
      <c r="N211919" s="10"/>
    </row>
    <row r="211920" spans="14:14">
      <c r="N211920" s="10"/>
    </row>
    <row r="211921" spans="14:14">
      <c r="N211921" s="10"/>
    </row>
    <row r="211922" spans="14:14">
      <c r="N211922" s="10"/>
    </row>
    <row r="211923" spans="14:14">
      <c r="N211923" s="10"/>
    </row>
    <row r="211924" spans="14:14">
      <c r="N211924" s="10"/>
    </row>
    <row r="211925" spans="14:14">
      <c r="N211925" s="10"/>
    </row>
    <row r="211926" spans="14:14">
      <c r="N211926" s="10"/>
    </row>
    <row r="211927" spans="14:14">
      <c r="N211927" s="10"/>
    </row>
    <row r="211928" spans="14:14">
      <c r="N211928" s="10"/>
    </row>
    <row r="211929" spans="14:14">
      <c r="N211929" s="10"/>
    </row>
    <row r="211930" spans="14:14">
      <c r="N211930" s="10"/>
    </row>
    <row r="211931" spans="14:14">
      <c r="N211931" s="10"/>
    </row>
    <row r="211932" spans="14:14">
      <c r="N211932" s="10"/>
    </row>
    <row r="211933" spans="14:14">
      <c r="N211933" s="10"/>
    </row>
    <row r="211934" spans="14:14">
      <c r="N211934" s="10"/>
    </row>
    <row r="211935" spans="14:14">
      <c r="N211935" s="10"/>
    </row>
    <row r="211936" spans="14:14">
      <c r="N211936" s="10"/>
    </row>
    <row r="211937" spans="14:14">
      <c r="N211937" s="10"/>
    </row>
    <row r="211938" spans="14:14">
      <c r="N211938" s="10"/>
    </row>
    <row r="211939" spans="14:14">
      <c r="N211939" s="10"/>
    </row>
    <row r="211940" spans="14:14">
      <c r="N211940" s="10"/>
    </row>
    <row r="211941" spans="14:14">
      <c r="N211941" s="10"/>
    </row>
    <row r="211942" spans="14:14">
      <c r="N211942" s="10"/>
    </row>
    <row r="211943" spans="14:14">
      <c r="N211943" s="10"/>
    </row>
    <row r="211944" spans="14:14">
      <c r="N211944" s="10"/>
    </row>
    <row r="211945" spans="14:14">
      <c r="N211945" s="10"/>
    </row>
    <row r="211946" spans="14:14">
      <c r="N211946" s="10"/>
    </row>
    <row r="211947" spans="14:14">
      <c r="N211947" s="10"/>
    </row>
    <row r="211948" spans="14:14">
      <c r="N211948" s="10"/>
    </row>
    <row r="211949" spans="14:14">
      <c r="N211949" s="10"/>
    </row>
    <row r="211950" spans="14:14">
      <c r="N211950" s="10"/>
    </row>
    <row r="211951" spans="14:14">
      <c r="N211951" s="10"/>
    </row>
    <row r="211952" spans="14:14">
      <c r="N211952" s="10"/>
    </row>
    <row r="211953" spans="14:14">
      <c r="N211953" s="10"/>
    </row>
    <row r="211954" spans="14:14">
      <c r="N211954" s="10"/>
    </row>
    <row r="211955" spans="14:14">
      <c r="N211955" s="10"/>
    </row>
    <row r="211956" spans="14:14">
      <c r="N211956" s="10"/>
    </row>
    <row r="211957" spans="14:14">
      <c r="N211957" s="10"/>
    </row>
    <row r="211958" spans="14:14">
      <c r="N211958" s="10"/>
    </row>
    <row r="211959" spans="14:14">
      <c r="N211959" s="10"/>
    </row>
    <row r="211960" spans="14:14">
      <c r="N211960" s="10"/>
    </row>
    <row r="211961" spans="14:14">
      <c r="N211961" s="10"/>
    </row>
    <row r="211962" spans="14:14">
      <c r="N211962" s="10"/>
    </row>
    <row r="211963" spans="14:14">
      <c r="N211963" s="10"/>
    </row>
    <row r="211964" spans="14:14">
      <c r="N211964" s="10"/>
    </row>
    <row r="211965" spans="14:14">
      <c r="N211965" s="10"/>
    </row>
    <row r="211966" spans="14:14">
      <c r="N211966" s="10"/>
    </row>
    <row r="211967" spans="14:14">
      <c r="N211967" s="10"/>
    </row>
    <row r="211968" spans="14:14">
      <c r="N211968" s="10"/>
    </row>
    <row r="211969" spans="14:14">
      <c r="N211969" s="10"/>
    </row>
    <row r="211970" spans="14:14">
      <c r="N211970" s="10"/>
    </row>
    <row r="211971" spans="14:14">
      <c r="N211971" s="10"/>
    </row>
    <row r="211972" spans="14:14">
      <c r="N211972" s="10"/>
    </row>
    <row r="211973" spans="14:14">
      <c r="N211973" s="10"/>
    </row>
    <row r="211974" spans="14:14">
      <c r="N211974" s="10"/>
    </row>
    <row r="211975" spans="14:14">
      <c r="N211975" s="10"/>
    </row>
    <row r="211976" spans="14:14">
      <c r="N211976" s="10"/>
    </row>
    <row r="211977" spans="14:14">
      <c r="N211977" s="10"/>
    </row>
    <row r="211978" spans="14:14">
      <c r="N211978" s="10"/>
    </row>
    <row r="211979" spans="14:14">
      <c r="N211979" s="10"/>
    </row>
    <row r="211980" spans="14:14">
      <c r="N211980" s="10"/>
    </row>
    <row r="211981" spans="14:14">
      <c r="N211981" s="10"/>
    </row>
    <row r="211982" spans="14:14">
      <c r="N211982" s="10"/>
    </row>
    <row r="211983" spans="14:14">
      <c r="N211983" s="10"/>
    </row>
    <row r="211984" spans="14:14">
      <c r="N211984" s="10"/>
    </row>
    <row r="211985" spans="14:14">
      <c r="N211985" s="10"/>
    </row>
    <row r="211986" spans="14:14">
      <c r="N211986" s="10"/>
    </row>
    <row r="211987" spans="14:14">
      <c r="N211987" s="10"/>
    </row>
    <row r="211988" spans="14:14">
      <c r="N211988" s="10"/>
    </row>
    <row r="211989" spans="14:14">
      <c r="N211989" s="10"/>
    </row>
    <row r="211990" spans="14:14">
      <c r="N211990" s="10"/>
    </row>
    <row r="211991" spans="14:14">
      <c r="N211991" s="10"/>
    </row>
    <row r="211992" spans="14:14">
      <c r="N211992" s="10"/>
    </row>
    <row r="211993" spans="14:14">
      <c r="N211993" s="10"/>
    </row>
    <row r="211994" spans="14:14">
      <c r="N211994" s="10"/>
    </row>
    <row r="211995" spans="14:14">
      <c r="N211995" s="10"/>
    </row>
    <row r="211996" spans="14:14">
      <c r="N211996" s="10"/>
    </row>
    <row r="211997" spans="14:14">
      <c r="N211997" s="10"/>
    </row>
    <row r="211998" spans="14:14">
      <c r="N211998" s="10"/>
    </row>
    <row r="211999" spans="14:14">
      <c r="N211999" s="10"/>
    </row>
    <row r="212000" spans="14:14">
      <c r="N212000" s="10"/>
    </row>
    <row r="212001" spans="14:14">
      <c r="N212001" s="10"/>
    </row>
    <row r="212002" spans="14:14">
      <c r="N212002" s="10"/>
    </row>
    <row r="212003" spans="14:14">
      <c r="N212003" s="10"/>
    </row>
    <row r="212004" spans="14:14">
      <c r="N212004" s="10"/>
    </row>
    <row r="212005" spans="14:14">
      <c r="N212005" s="10"/>
    </row>
    <row r="212006" spans="14:14">
      <c r="N212006" s="10"/>
    </row>
    <row r="212007" spans="14:14">
      <c r="N212007" s="10"/>
    </row>
    <row r="212008" spans="14:14">
      <c r="N212008" s="10"/>
    </row>
    <row r="212009" spans="14:14">
      <c r="N212009" s="10"/>
    </row>
    <row r="212010" spans="14:14">
      <c r="N212010" s="10"/>
    </row>
    <row r="212011" spans="14:14">
      <c r="N212011" s="10"/>
    </row>
    <row r="212012" spans="14:14">
      <c r="N212012" s="10"/>
    </row>
    <row r="212013" spans="14:14">
      <c r="N212013" s="10"/>
    </row>
    <row r="212014" spans="14:14">
      <c r="N212014" s="10"/>
    </row>
    <row r="212015" spans="14:14">
      <c r="N212015" s="10"/>
    </row>
    <row r="212016" spans="14:14">
      <c r="N212016" s="10"/>
    </row>
    <row r="212017" spans="14:14">
      <c r="N212017" s="10"/>
    </row>
    <row r="212018" spans="14:14">
      <c r="N212018" s="10"/>
    </row>
    <row r="212019" spans="14:14">
      <c r="N212019" s="10"/>
    </row>
    <row r="212020" spans="14:14">
      <c r="N212020" s="10"/>
    </row>
    <row r="212021" spans="14:14">
      <c r="N212021" s="10"/>
    </row>
    <row r="212022" spans="14:14">
      <c r="N212022" s="10"/>
    </row>
    <row r="212023" spans="14:14">
      <c r="N212023" s="10"/>
    </row>
    <row r="212024" spans="14:14">
      <c r="N212024" s="10"/>
    </row>
    <row r="212025" spans="14:14">
      <c r="N212025" s="10"/>
    </row>
    <row r="212026" spans="14:14">
      <c r="N212026" s="10"/>
    </row>
    <row r="212027" spans="14:14">
      <c r="N212027" s="10"/>
    </row>
    <row r="212028" spans="14:14">
      <c r="N212028" s="10"/>
    </row>
    <row r="212029" spans="14:14">
      <c r="N212029" s="10"/>
    </row>
    <row r="212030" spans="14:14">
      <c r="N212030" s="10"/>
    </row>
    <row r="212031" spans="14:14">
      <c r="N212031" s="10"/>
    </row>
    <row r="212032" spans="14:14">
      <c r="N212032" s="10"/>
    </row>
    <row r="212033" spans="14:14">
      <c r="N212033" s="10"/>
    </row>
    <row r="212034" spans="14:14">
      <c r="N212034" s="10"/>
    </row>
    <row r="212035" spans="14:14">
      <c r="N212035" s="10"/>
    </row>
    <row r="212036" spans="14:14">
      <c r="N212036" s="10"/>
    </row>
    <row r="212037" spans="14:14">
      <c r="N212037" s="10"/>
    </row>
    <row r="212038" spans="14:14">
      <c r="N212038" s="10"/>
    </row>
    <row r="212039" spans="14:14">
      <c r="N212039" s="10"/>
    </row>
    <row r="212040" spans="14:14">
      <c r="N212040" s="10"/>
    </row>
    <row r="212041" spans="14:14">
      <c r="N212041" s="10"/>
    </row>
    <row r="212042" spans="14:14">
      <c r="N212042" s="10"/>
    </row>
    <row r="212043" spans="14:14">
      <c r="N212043" s="10"/>
    </row>
    <row r="212044" spans="14:14">
      <c r="N212044" s="10"/>
    </row>
    <row r="212045" spans="14:14">
      <c r="N212045" s="10"/>
    </row>
    <row r="212046" spans="14:14">
      <c r="N212046" s="10"/>
    </row>
    <row r="212047" spans="14:14">
      <c r="N212047" s="10"/>
    </row>
    <row r="212048" spans="14:14">
      <c r="N212048" s="10"/>
    </row>
    <row r="212049" spans="14:14">
      <c r="N212049" s="10"/>
    </row>
    <row r="212050" spans="14:14">
      <c r="N212050" s="10"/>
    </row>
    <row r="212051" spans="14:14">
      <c r="N212051" s="10"/>
    </row>
    <row r="212052" spans="14:14">
      <c r="N212052" s="10"/>
    </row>
    <row r="212053" spans="14:14">
      <c r="N212053" s="10"/>
    </row>
    <row r="212054" spans="14:14">
      <c r="N212054" s="10"/>
    </row>
    <row r="212055" spans="14:14">
      <c r="N212055" s="10"/>
    </row>
    <row r="212056" spans="14:14">
      <c r="N212056" s="10"/>
    </row>
    <row r="212057" spans="14:14">
      <c r="N212057" s="10"/>
    </row>
    <row r="212058" spans="14:14">
      <c r="N212058" s="10"/>
    </row>
    <row r="212059" spans="14:14">
      <c r="N212059" s="10"/>
    </row>
    <row r="212060" spans="14:14">
      <c r="N212060" s="10"/>
    </row>
    <row r="212061" spans="14:14">
      <c r="N212061" s="10"/>
    </row>
    <row r="212062" spans="14:14">
      <c r="N212062" s="10"/>
    </row>
    <row r="212063" spans="14:14">
      <c r="N212063" s="10"/>
    </row>
    <row r="212064" spans="14:14">
      <c r="N212064" s="10"/>
    </row>
    <row r="212065" spans="14:14">
      <c r="N212065" s="10"/>
    </row>
    <row r="212066" spans="14:14">
      <c r="N212066" s="10"/>
    </row>
    <row r="212067" spans="14:14">
      <c r="N212067" s="10"/>
    </row>
    <row r="212068" spans="14:14">
      <c r="N212068" s="10"/>
    </row>
    <row r="212069" spans="14:14">
      <c r="N212069" s="10"/>
    </row>
    <row r="212070" spans="14:14">
      <c r="N212070" s="10"/>
    </row>
    <row r="212071" spans="14:14">
      <c r="N212071" s="10"/>
    </row>
    <row r="212072" spans="14:14">
      <c r="N212072" s="10"/>
    </row>
    <row r="212073" spans="14:14">
      <c r="N212073" s="10"/>
    </row>
    <row r="212074" spans="14:14">
      <c r="N212074" s="10"/>
    </row>
    <row r="212075" spans="14:14">
      <c r="N212075" s="10"/>
    </row>
    <row r="212076" spans="14:14">
      <c r="N212076" s="10"/>
    </row>
    <row r="212077" spans="14:14">
      <c r="N212077" s="10"/>
    </row>
    <row r="212078" spans="14:14">
      <c r="N212078" s="10"/>
    </row>
    <row r="212079" spans="14:14">
      <c r="N212079" s="10"/>
    </row>
    <row r="212080" spans="14:14">
      <c r="N212080" s="10"/>
    </row>
    <row r="212081" spans="14:14">
      <c r="N212081" s="10"/>
    </row>
    <row r="212082" spans="14:14">
      <c r="N212082" s="10"/>
    </row>
    <row r="212083" spans="14:14">
      <c r="N212083" s="10"/>
    </row>
    <row r="212084" spans="14:14">
      <c r="N212084" s="10"/>
    </row>
    <row r="212085" spans="14:14">
      <c r="N212085" s="10"/>
    </row>
    <row r="212086" spans="14:14">
      <c r="N212086" s="10"/>
    </row>
    <row r="212087" spans="14:14">
      <c r="N212087" s="10"/>
    </row>
    <row r="212088" spans="14:14">
      <c r="N212088" s="10"/>
    </row>
    <row r="212089" spans="14:14">
      <c r="N212089" s="10"/>
    </row>
    <row r="212090" spans="14:14">
      <c r="N212090" s="10"/>
    </row>
    <row r="212091" spans="14:14">
      <c r="N212091" s="10"/>
    </row>
    <row r="212092" spans="14:14">
      <c r="N212092" s="10"/>
    </row>
    <row r="212093" spans="14:14">
      <c r="N212093" s="10"/>
    </row>
    <row r="212094" spans="14:14">
      <c r="N212094" s="10"/>
    </row>
    <row r="212095" spans="14:14">
      <c r="N212095" s="10"/>
    </row>
    <row r="212096" spans="14:14">
      <c r="N212096" s="10"/>
    </row>
    <row r="212097" spans="14:14">
      <c r="N212097" s="10"/>
    </row>
    <row r="212098" spans="14:14">
      <c r="N212098" s="10"/>
    </row>
    <row r="212099" spans="14:14">
      <c r="N212099" s="10"/>
    </row>
    <row r="212100" spans="14:14">
      <c r="N212100" s="10"/>
    </row>
    <row r="212101" spans="14:14">
      <c r="N212101" s="10"/>
    </row>
    <row r="212102" spans="14:14">
      <c r="N212102" s="10"/>
    </row>
    <row r="212103" spans="14:14">
      <c r="N212103" s="10"/>
    </row>
    <row r="212104" spans="14:14">
      <c r="N212104" s="10"/>
    </row>
    <row r="212105" spans="14:14">
      <c r="N212105" s="10"/>
    </row>
    <row r="212106" spans="14:14">
      <c r="N212106" s="10"/>
    </row>
    <row r="212107" spans="14:14">
      <c r="N212107" s="10"/>
    </row>
    <row r="212108" spans="14:14">
      <c r="N212108" s="10"/>
    </row>
    <row r="212109" spans="14:14">
      <c r="N212109" s="10"/>
    </row>
    <row r="212110" spans="14:14">
      <c r="N212110" s="10"/>
    </row>
    <row r="212111" spans="14:14">
      <c r="N212111" s="10"/>
    </row>
    <row r="212112" spans="14:14">
      <c r="N212112" s="10"/>
    </row>
    <row r="212113" spans="14:14">
      <c r="N212113" s="10"/>
    </row>
    <row r="212114" spans="14:14">
      <c r="N212114" s="10"/>
    </row>
    <row r="212115" spans="14:14">
      <c r="N212115" s="10"/>
    </row>
    <row r="212116" spans="14:14">
      <c r="N212116" s="10"/>
    </row>
    <row r="212117" spans="14:14">
      <c r="N212117" s="10"/>
    </row>
    <row r="212118" spans="14:14">
      <c r="N212118" s="10"/>
    </row>
    <row r="212119" spans="14:14">
      <c r="N212119" s="10"/>
    </row>
    <row r="212120" spans="14:14">
      <c r="N212120" s="10"/>
    </row>
    <row r="212121" spans="14:14">
      <c r="N212121" s="10"/>
    </row>
    <row r="212122" spans="14:14">
      <c r="N212122" s="10"/>
    </row>
    <row r="212123" spans="14:14">
      <c r="N212123" s="10"/>
    </row>
    <row r="212124" spans="14:14">
      <c r="N212124" s="10"/>
    </row>
    <row r="212125" spans="14:14">
      <c r="N212125" s="10"/>
    </row>
    <row r="212126" spans="14:14">
      <c r="N212126" s="10"/>
    </row>
    <row r="212127" spans="14:14">
      <c r="N212127" s="10"/>
    </row>
    <row r="212128" spans="14:14">
      <c r="N212128" s="10"/>
    </row>
    <row r="212129" spans="14:14">
      <c r="N212129" s="10"/>
    </row>
    <row r="212130" spans="14:14">
      <c r="N212130" s="10"/>
    </row>
    <row r="212131" spans="14:14">
      <c r="N212131" s="10"/>
    </row>
    <row r="212132" spans="14:14">
      <c r="N212132" s="10"/>
    </row>
    <row r="212133" spans="14:14">
      <c r="N212133" s="10"/>
    </row>
    <row r="212134" spans="14:14">
      <c r="N212134" s="10"/>
    </row>
    <row r="212135" spans="14:14">
      <c r="N212135" s="10"/>
    </row>
    <row r="212136" spans="14:14">
      <c r="N212136" s="10"/>
    </row>
    <row r="212137" spans="14:14">
      <c r="N212137" s="10"/>
    </row>
    <row r="212138" spans="14:14">
      <c r="N212138" s="10"/>
    </row>
    <row r="212139" spans="14:14">
      <c r="N212139" s="10"/>
    </row>
    <row r="212140" spans="14:14">
      <c r="N212140" s="10"/>
    </row>
    <row r="212141" spans="14:14">
      <c r="N212141" s="10"/>
    </row>
    <row r="212142" spans="14:14">
      <c r="N212142" s="10"/>
    </row>
    <row r="212143" spans="14:14">
      <c r="N212143" s="10"/>
    </row>
    <row r="212144" spans="14:14">
      <c r="N212144" s="10"/>
    </row>
    <row r="212145" spans="14:14">
      <c r="N212145" s="10"/>
    </row>
    <row r="212146" spans="14:14">
      <c r="N212146" s="10"/>
    </row>
    <row r="212147" spans="14:14">
      <c r="N212147" s="10"/>
    </row>
    <row r="212148" spans="14:14">
      <c r="N212148" s="10"/>
    </row>
    <row r="212149" spans="14:14">
      <c r="N212149" s="10"/>
    </row>
    <row r="212150" spans="14:14">
      <c r="N212150" s="10"/>
    </row>
    <row r="212151" spans="14:14">
      <c r="N212151" s="10"/>
    </row>
    <row r="212152" spans="14:14">
      <c r="N212152" s="10"/>
    </row>
    <row r="212153" spans="14:14">
      <c r="N212153" s="10"/>
    </row>
    <row r="212154" spans="14:14">
      <c r="N212154" s="10"/>
    </row>
    <row r="212155" spans="14:14">
      <c r="N212155" s="10"/>
    </row>
    <row r="212156" spans="14:14">
      <c r="N212156" s="10"/>
    </row>
    <row r="212157" spans="14:14">
      <c r="N212157" s="10"/>
    </row>
    <row r="212158" spans="14:14">
      <c r="N212158" s="10"/>
    </row>
    <row r="212159" spans="14:14">
      <c r="N212159" s="10"/>
    </row>
    <row r="212160" spans="14:14">
      <c r="N212160" s="10"/>
    </row>
    <row r="212161" spans="14:14">
      <c r="N212161" s="10"/>
    </row>
    <row r="212162" spans="14:14">
      <c r="N212162" s="10"/>
    </row>
    <row r="212163" spans="14:14">
      <c r="N212163" s="10"/>
    </row>
    <row r="212164" spans="14:14">
      <c r="N212164" s="10"/>
    </row>
    <row r="212165" spans="14:14">
      <c r="N212165" s="10"/>
    </row>
    <row r="212166" spans="14:14">
      <c r="N212166" s="10"/>
    </row>
    <row r="212167" spans="14:14">
      <c r="N212167" s="10"/>
    </row>
    <row r="212168" spans="14:14">
      <c r="N212168" s="10"/>
    </row>
    <row r="212169" spans="14:14">
      <c r="N212169" s="10"/>
    </row>
    <row r="212170" spans="14:14">
      <c r="N212170" s="10"/>
    </row>
    <row r="212171" spans="14:14">
      <c r="N212171" s="10"/>
    </row>
    <row r="212172" spans="14:14">
      <c r="N212172" s="10"/>
    </row>
    <row r="212173" spans="14:14">
      <c r="N212173" s="10"/>
    </row>
    <row r="212174" spans="14:14">
      <c r="N212174" s="10"/>
    </row>
    <row r="212175" spans="14:14">
      <c r="N212175" s="10"/>
    </row>
    <row r="212176" spans="14:14">
      <c r="N212176" s="10"/>
    </row>
    <row r="212177" spans="14:14">
      <c r="N212177" s="10"/>
    </row>
    <row r="212178" spans="14:14">
      <c r="N212178" s="10"/>
    </row>
    <row r="212179" spans="14:14">
      <c r="N212179" s="10"/>
    </row>
    <row r="212180" spans="14:14">
      <c r="N212180" s="10"/>
    </row>
    <row r="212181" spans="14:14">
      <c r="N212181" s="10"/>
    </row>
    <row r="212182" spans="14:14">
      <c r="N212182" s="10"/>
    </row>
    <row r="212183" spans="14:14">
      <c r="N212183" s="10"/>
    </row>
    <row r="212184" spans="14:14">
      <c r="N212184" s="10"/>
    </row>
    <row r="212185" spans="14:14">
      <c r="N212185" s="10"/>
    </row>
    <row r="212186" spans="14:14">
      <c r="N212186" s="10"/>
    </row>
    <row r="212187" spans="14:14">
      <c r="N212187" s="10"/>
    </row>
    <row r="212188" spans="14:14">
      <c r="N212188" s="10"/>
    </row>
    <row r="212189" spans="14:14">
      <c r="N212189" s="10"/>
    </row>
    <row r="212190" spans="14:14">
      <c r="N212190" s="10"/>
    </row>
    <row r="212191" spans="14:14">
      <c r="N212191" s="10"/>
    </row>
    <row r="212192" spans="14:14">
      <c r="N212192" s="10"/>
    </row>
    <row r="212193" spans="14:14">
      <c r="N212193" s="10"/>
    </row>
    <row r="212194" spans="14:14">
      <c r="N212194" s="10"/>
    </row>
    <row r="212195" spans="14:14">
      <c r="N212195" s="10"/>
    </row>
    <row r="212196" spans="14:14">
      <c r="N212196" s="10"/>
    </row>
    <row r="212197" spans="14:14">
      <c r="N212197" s="10"/>
    </row>
    <row r="212198" spans="14:14">
      <c r="N212198" s="10"/>
    </row>
    <row r="212199" spans="14:14">
      <c r="N212199" s="10"/>
    </row>
    <row r="212200" spans="14:14">
      <c r="N212200" s="10"/>
    </row>
    <row r="212201" spans="14:14">
      <c r="N212201" s="10"/>
    </row>
    <row r="212202" spans="14:14">
      <c r="N212202" s="10"/>
    </row>
    <row r="212203" spans="14:14">
      <c r="N212203" s="10"/>
    </row>
    <row r="212204" spans="14:14">
      <c r="N212204" s="10"/>
    </row>
    <row r="212205" spans="14:14">
      <c r="N212205" s="10"/>
    </row>
    <row r="212206" spans="14:14">
      <c r="N212206" s="10"/>
    </row>
    <row r="212207" spans="14:14">
      <c r="N212207" s="10"/>
    </row>
    <row r="212208" spans="14:14">
      <c r="N212208" s="10"/>
    </row>
    <row r="212209" spans="14:14">
      <c r="N212209" s="10"/>
    </row>
    <row r="212210" spans="14:14">
      <c r="N212210" s="10"/>
    </row>
    <row r="212211" spans="14:14">
      <c r="N212211" s="10"/>
    </row>
    <row r="212212" spans="14:14">
      <c r="N212212" s="10"/>
    </row>
    <row r="212213" spans="14:14">
      <c r="N212213" s="10"/>
    </row>
    <row r="212214" spans="14:14">
      <c r="N212214" s="10"/>
    </row>
    <row r="212215" spans="14:14">
      <c r="N212215" s="10"/>
    </row>
    <row r="212216" spans="14:14">
      <c r="N212216" s="10"/>
    </row>
    <row r="212217" spans="14:14">
      <c r="N212217" s="10"/>
    </row>
    <row r="212218" spans="14:14">
      <c r="N212218" s="10"/>
    </row>
    <row r="212219" spans="14:14">
      <c r="N212219" s="10"/>
    </row>
    <row r="212220" spans="14:14">
      <c r="N212220" s="10"/>
    </row>
    <row r="212221" spans="14:14">
      <c r="N212221" s="10"/>
    </row>
    <row r="212222" spans="14:14">
      <c r="N212222" s="10"/>
    </row>
    <row r="212223" spans="14:14">
      <c r="N212223" s="10"/>
    </row>
    <row r="212224" spans="14:14">
      <c r="N212224" s="10"/>
    </row>
    <row r="212225" spans="14:14">
      <c r="N212225" s="10"/>
    </row>
    <row r="212226" spans="14:14">
      <c r="N212226" s="10"/>
    </row>
    <row r="212227" spans="14:14">
      <c r="N212227" s="10"/>
    </row>
    <row r="212228" spans="14:14">
      <c r="N212228" s="10"/>
    </row>
    <row r="212229" spans="14:14">
      <c r="N212229" s="10"/>
    </row>
    <row r="212230" spans="14:14">
      <c r="N212230" s="10"/>
    </row>
    <row r="212231" spans="14:14">
      <c r="N212231" s="10"/>
    </row>
    <row r="212232" spans="14:14">
      <c r="N212232" s="10"/>
    </row>
    <row r="212233" spans="14:14">
      <c r="N212233" s="10"/>
    </row>
    <row r="212234" spans="14:14">
      <c r="N212234" s="10"/>
    </row>
    <row r="212235" spans="14:14">
      <c r="N212235" s="10"/>
    </row>
    <row r="212236" spans="14:14">
      <c r="N212236" s="10"/>
    </row>
    <row r="212237" spans="14:14">
      <c r="N212237" s="10"/>
    </row>
    <row r="212238" spans="14:14">
      <c r="N212238" s="10"/>
    </row>
    <row r="212239" spans="14:14">
      <c r="N212239" s="10"/>
    </row>
    <row r="212240" spans="14:14">
      <c r="N212240" s="10"/>
    </row>
    <row r="212241" spans="14:14">
      <c r="N212241" s="10"/>
    </row>
    <row r="212242" spans="14:14">
      <c r="N212242" s="10"/>
    </row>
    <row r="212243" spans="14:14">
      <c r="N212243" s="10"/>
    </row>
    <row r="212244" spans="14:14">
      <c r="N212244" s="10"/>
    </row>
    <row r="212245" spans="14:14">
      <c r="N212245" s="10"/>
    </row>
    <row r="212246" spans="14:14">
      <c r="N212246" s="10"/>
    </row>
    <row r="212247" spans="14:14">
      <c r="N212247" s="10"/>
    </row>
    <row r="212248" spans="14:14">
      <c r="N212248" s="10"/>
    </row>
    <row r="212249" spans="14:14">
      <c r="N212249" s="10"/>
    </row>
    <row r="212250" spans="14:14">
      <c r="N212250" s="10"/>
    </row>
    <row r="212251" spans="14:14">
      <c r="N212251" s="10"/>
    </row>
    <row r="212252" spans="14:14">
      <c r="N212252" s="10"/>
    </row>
    <row r="212253" spans="14:14">
      <c r="N212253" s="10"/>
    </row>
    <row r="212254" spans="14:14">
      <c r="N212254" s="10"/>
    </row>
    <row r="212255" spans="14:14">
      <c r="N212255" s="10"/>
    </row>
    <row r="212256" spans="14:14">
      <c r="N212256" s="10"/>
    </row>
    <row r="212257" spans="14:14">
      <c r="N212257" s="10"/>
    </row>
    <row r="212258" spans="14:14">
      <c r="N212258" s="10"/>
    </row>
    <row r="212259" spans="14:14">
      <c r="N212259" s="10"/>
    </row>
    <row r="212260" spans="14:14">
      <c r="N212260" s="10"/>
    </row>
    <row r="212261" spans="14:14">
      <c r="N212261" s="10"/>
    </row>
    <row r="212262" spans="14:14">
      <c r="N212262" s="10"/>
    </row>
    <row r="212263" spans="14:14">
      <c r="N212263" s="10"/>
    </row>
    <row r="212264" spans="14:14">
      <c r="N212264" s="10"/>
    </row>
    <row r="212265" spans="14:14">
      <c r="N212265" s="10"/>
    </row>
    <row r="212266" spans="14:14">
      <c r="N212266" s="10"/>
    </row>
    <row r="212267" spans="14:14">
      <c r="N212267" s="10"/>
    </row>
    <row r="212268" spans="14:14">
      <c r="N212268" s="10"/>
    </row>
    <row r="212269" spans="14:14">
      <c r="N212269" s="10"/>
    </row>
    <row r="212270" spans="14:14">
      <c r="N212270" s="10"/>
    </row>
    <row r="212271" spans="14:14">
      <c r="N212271" s="10"/>
    </row>
    <row r="212272" spans="14:14">
      <c r="N212272" s="10"/>
    </row>
    <row r="212273" spans="14:14">
      <c r="N212273" s="10"/>
    </row>
    <row r="212274" spans="14:14">
      <c r="N212274" s="10"/>
    </row>
    <row r="212275" spans="14:14">
      <c r="N212275" s="10"/>
    </row>
    <row r="212276" spans="14:14">
      <c r="N212276" s="10"/>
    </row>
    <row r="212277" spans="14:14">
      <c r="N212277" s="10"/>
    </row>
    <row r="212278" spans="14:14">
      <c r="N212278" s="10"/>
    </row>
    <row r="212279" spans="14:14">
      <c r="N212279" s="10"/>
    </row>
    <row r="212280" spans="14:14">
      <c r="N212280" s="10"/>
    </row>
    <row r="212281" spans="14:14">
      <c r="N212281" s="10"/>
    </row>
    <row r="212282" spans="14:14">
      <c r="N212282" s="10"/>
    </row>
    <row r="212283" spans="14:14">
      <c r="N212283" s="10"/>
    </row>
    <row r="212284" spans="14:14">
      <c r="N212284" s="10"/>
    </row>
    <row r="212285" spans="14:14">
      <c r="N212285" s="10"/>
    </row>
    <row r="212286" spans="14:14">
      <c r="N212286" s="10"/>
    </row>
    <row r="212287" spans="14:14">
      <c r="N212287" s="10"/>
    </row>
    <row r="212288" spans="14:14">
      <c r="N212288" s="10"/>
    </row>
    <row r="212289" spans="14:14">
      <c r="N212289" s="10"/>
    </row>
    <row r="212290" spans="14:14">
      <c r="N212290" s="10"/>
    </row>
    <row r="212291" spans="14:14">
      <c r="N212291" s="10"/>
    </row>
    <row r="212292" spans="14:14">
      <c r="N212292" s="10"/>
    </row>
    <row r="212293" spans="14:14">
      <c r="N212293" s="10"/>
    </row>
    <row r="212294" spans="14:14">
      <c r="N212294" s="10"/>
    </row>
    <row r="212295" spans="14:14">
      <c r="N212295" s="10"/>
    </row>
    <row r="212296" spans="14:14">
      <c r="N212296" s="10"/>
    </row>
    <row r="212297" spans="14:14">
      <c r="N212297" s="10"/>
    </row>
    <row r="212298" spans="14:14">
      <c r="N212298" s="10"/>
    </row>
    <row r="212299" spans="14:14">
      <c r="N212299" s="10"/>
    </row>
    <row r="212300" spans="14:14">
      <c r="N212300" s="10"/>
    </row>
    <row r="212301" spans="14:14">
      <c r="N212301" s="10"/>
    </row>
    <row r="212302" spans="14:14">
      <c r="N212302" s="10"/>
    </row>
    <row r="212303" spans="14:14">
      <c r="N212303" s="10"/>
    </row>
    <row r="212304" spans="14:14">
      <c r="N212304" s="10"/>
    </row>
    <row r="212305" spans="14:14">
      <c r="N212305" s="10"/>
    </row>
    <row r="212306" spans="14:14">
      <c r="N212306" s="10"/>
    </row>
    <row r="212307" spans="14:14">
      <c r="N212307" s="10"/>
    </row>
    <row r="212308" spans="14:14">
      <c r="N212308" s="10"/>
    </row>
    <row r="212309" spans="14:14">
      <c r="N212309" s="10"/>
    </row>
    <row r="212310" spans="14:14">
      <c r="N212310" s="10"/>
    </row>
    <row r="212311" spans="14:14">
      <c r="N212311" s="10"/>
    </row>
    <row r="212312" spans="14:14">
      <c r="N212312" s="10"/>
    </row>
    <row r="212313" spans="14:14">
      <c r="N212313" s="10"/>
    </row>
    <row r="212314" spans="14:14">
      <c r="N212314" s="10"/>
    </row>
    <row r="212315" spans="14:14">
      <c r="N212315" s="10"/>
    </row>
    <row r="212316" spans="14:14">
      <c r="N212316" s="10"/>
    </row>
    <row r="212317" spans="14:14">
      <c r="N212317" s="10"/>
    </row>
    <row r="212318" spans="14:14">
      <c r="N212318" s="10"/>
    </row>
    <row r="212319" spans="14:14">
      <c r="N212319" s="10"/>
    </row>
    <row r="212320" spans="14:14">
      <c r="N212320" s="10"/>
    </row>
    <row r="212321" spans="14:14">
      <c r="N212321" s="10"/>
    </row>
    <row r="212322" spans="14:14">
      <c r="N212322" s="10"/>
    </row>
    <row r="212323" spans="14:14">
      <c r="N212323" s="10"/>
    </row>
    <row r="212324" spans="14:14">
      <c r="N212324" s="10"/>
    </row>
    <row r="212325" spans="14:14">
      <c r="N212325" s="10"/>
    </row>
    <row r="212326" spans="14:14">
      <c r="N212326" s="10"/>
    </row>
    <row r="212327" spans="14:14">
      <c r="N212327" s="10"/>
    </row>
    <row r="212328" spans="14:14">
      <c r="N212328" s="10"/>
    </row>
    <row r="212329" spans="14:14">
      <c r="N212329" s="10"/>
    </row>
    <row r="212330" spans="14:14">
      <c r="N212330" s="10"/>
    </row>
    <row r="212331" spans="14:14">
      <c r="N212331" s="10"/>
    </row>
    <row r="212332" spans="14:14">
      <c r="N212332" s="10"/>
    </row>
    <row r="212333" spans="14:14">
      <c r="N212333" s="10"/>
    </row>
    <row r="212334" spans="14:14">
      <c r="N212334" s="10"/>
    </row>
    <row r="212335" spans="14:14">
      <c r="N212335" s="10"/>
    </row>
    <row r="212336" spans="14:14">
      <c r="N212336" s="10"/>
    </row>
    <row r="212337" spans="14:14">
      <c r="N212337" s="10"/>
    </row>
    <row r="212338" spans="14:14">
      <c r="N212338" s="10"/>
    </row>
    <row r="212339" spans="14:14">
      <c r="N212339" s="10"/>
    </row>
    <row r="212340" spans="14:14">
      <c r="N212340" s="10"/>
    </row>
    <row r="212341" spans="14:14">
      <c r="N212341" s="10"/>
    </row>
    <row r="212342" spans="14:14">
      <c r="N212342" s="10"/>
    </row>
    <row r="212343" spans="14:14">
      <c r="N212343" s="10"/>
    </row>
    <row r="212344" spans="14:14">
      <c r="N212344" s="10"/>
    </row>
    <row r="212345" spans="14:14">
      <c r="N212345" s="10"/>
    </row>
    <row r="212346" spans="14:14">
      <c r="N212346" s="10"/>
    </row>
    <row r="212347" spans="14:14">
      <c r="N212347" s="10"/>
    </row>
    <row r="212348" spans="14:14">
      <c r="N212348" s="10"/>
    </row>
    <row r="212349" spans="14:14">
      <c r="N212349" s="10"/>
    </row>
    <row r="212350" spans="14:14">
      <c r="N212350" s="10"/>
    </row>
    <row r="212351" spans="14:14">
      <c r="N212351" s="10"/>
    </row>
    <row r="212352" spans="14:14">
      <c r="N212352" s="10"/>
    </row>
    <row r="212353" spans="14:14">
      <c r="N212353" s="10"/>
    </row>
    <row r="212354" spans="14:14">
      <c r="N212354" s="10"/>
    </row>
    <row r="212355" spans="14:14">
      <c r="N212355" s="10"/>
    </row>
    <row r="212356" spans="14:14">
      <c r="N212356" s="10"/>
    </row>
    <row r="212357" spans="14:14">
      <c r="N212357" s="10"/>
    </row>
    <row r="212358" spans="14:14">
      <c r="N212358" s="10"/>
    </row>
    <row r="212359" spans="14:14">
      <c r="N212359" s="10"/>
    </row>
    <row r="212360" spans="14:14">
      <c r="N212360" s="10"/>
    </row>
    <row r="212361" spans="14:14">
      <c r="N212361" s="10"/>
    </row>
    <row r="212362" spans="14:14">
      <c r="N212362" s="10"/>
    </row>
    <row r="212363" spans="14:14">
      <c r="N212363" s="10"/>
    </row>
    <row r="212364" spans="14:14">
      <c r="N212364" s="10"/>
    </row>
    <row r="212365" spans="14:14">
      <c r="N212365" s="10"/>
    </row>
    <row r="212366" spans="14:14">
      <c r="N212366" s="10"/>
    </row>
    <row r="212367" spans="14:14">
      <c r="N212367" s="10"/>
    </row>
    <row r="212368" spans="14:14">
      <c r="N212368" s="10"/>
    </row>
    <row r="212369" spans="14:14">
      <c r="N212369" s="10"/>
    </row>
    <row r="212370" spans="14:14">
      <c r="N212370" s="10"/>
    </row>
    <row r="212371" spans="14:14">
      <c r="N212371" s="10"/>
    </row>
    <row r="212372" spans="14:14">
      <c r="N212372" s="10"/>
    </row>
    <row r="212373" spans="14:14">
      <c r="N212373" s="10"/>
    </row>
    <row r="212374" spans="14:14">
      <c r="N212374" s="10"/>
    </row>
    <row r="212375" spans="14:14">
      <c r="N212375" s="10"/>
    </row>
    <row r="212376" spans="14:14">
      <c r="N212376" s="10"/>
    </row>
    <row r="212377" spans="14:14">
      <c r="N212377" s="10"/>
    </row>
    <row r="212378" spans="14:14">
      <c r="N212378" s="10"/>
    </row>
    <row r="212379" spans="14:14">
      <c r="N212379" s="10"/>
    </row>
    <row r="212380" spans="14:14">
      <c r="N212380" s="10"/>
    </row>
    <row r="212381" spans="14:14">
      <c r="N212381" s="10"/>
    </row>
    <row r="212382" spans="14:14">
      <c r="N212382" s="10"/>
    </row>
    <row r="212383" spans="14:14">
      <c r="N212383" s="10"/>
    </row>
    <row r="212384" spans="14:14">
      <c r="N212384" s="10"/>
    </row>
    <row r="212385" spans="14:14">
      <c r="N212385" s="10"/>
    </row>
    <row r="212386" spans="14:14">
      <c r="N212386" s="10"/>
    </row>
    <row r="212387" spans="14:14">
      <c r="N212387" s="10"/>
    </row>
    <row r="212388" spans="14:14">
      <c r="N212388" s="10"/>
    </row>
    <row r="212389" spans="14:14">
      <c r="N212389" s="10"/>
    </row>
    <row r="212390" spans="14:14">
      <c r="N212390" s="10"/>
    </row>
    <row r="212391" spans="14:14">
      <c r="N212391" s="10"/>
    </row>
    <row r="212392" spans="14:14">
      <c r="N212392" s="10"/>
    </row>
    <row r="212393" spans="14:14">
      <c r="N212393" s="10"/>
    </row>
    <row r="212394" spans="14:14">
      <c r="N212394" s="10"/>
    </row>
    <row r="212395" spans="14:14">
      <c r="N212395" s="10"/>
    </row>
    <row r="212396" spans="14:14">
      <c r="N212396" s="10"/>
    </row>
    <row r="212397" spans="14:14">
      <c r="N212397" s="10"/>
    </row>
    <row r="212398" spans="14:14">
      <c r="N212398" s="10"/>
    </row>
    <row r="212399" spans="14:14">
      <c r="N212399" s="10"/>
    </row>
    <row r="212400" spans="14:14">
      <c r="N212400" s="10"/>
    </row>
    <row r="212401" spans="14:14">
      <c r="N212401" s="10"/>
    </row>
    <row r="212402" spans="14:14">
      <c r="N212402" s="10"/>
    </row>
    <row r="212403" spans="14:14">
      <c r="N212403" s="10"/>
    </row>
    <row r="212404" spans="14:14">
      <c r="N212404" s="10"/>
    </row>
    <row r="212405" spans="14:14">
      <c r="N212405" s="10"/>
    </row>
    <row r="212406" spans="14:14">
      <c r="N212406" s="10"/>
    </row>
    <row r="212407" spans="14:14">
      <c r="N212407" s="10"/>
    </row>
    <row r="212408" spans="14:14">
      <c r="N212408" s="10"/>
    </row>
    <row r="212409" spans="14:14">
      <c r="N212409" s="10"/>
    </row>
    <row r="212410" spans="14:14">
      <c r="N212410" s="10"/>
    </row>
    <row r="212411" spans="14:14">
      <c r="N212411" s="10"/>
    </row>
    <row r="212412" spans="14:14">
      <c r="N212412" s="10"/>
    </row>
    <row r="212413" spans="14:14">
      <c r="N212413" s="10"/>
    </row>
    <row r="212414" spans="14:14">
      <c r="N212414" s="10"/>
    </row>
    <row r="212415" spans="14:14">
      <c r="N212415" s="10"/>
    </row>
    <row r="212416" spans="14:14">
      <c r="N212416" s="10"/>
    </row>
    <row r="212417" spans="14:14">
      <c r="N212417" s="10"/>
    </row>
    <row r="212418" spans="14:14">
      <c r="N212418" s="10"/>
    </row>
    <row r="212419" spans="14:14">
      <c r="N212419" s="10"/>
    </row>
    <row r="212420" spans="14:14">
      <c r="N212420" s="10"/>
    </row>
    <row r="212421" spans="14:14">
      <c r="N212421" s="10"/>
    </row>
    <row r="212422" spans="14:14">
      <c r="N212422" s="10"/>
    </row>
    <row r="212423" spans="14:14">
      <c r="N212423" s="10"/>
    </row>
    <row r="212424" spans="14:14">
      <c r="N212424" s="10"/>
    </row>
    <row r="212425" spans="14:14">
      <c r="N212425" s="10"/>
    </row>
    <row r="212426" spans="14:14">
      <c r="N212426" s="10"/>
    </row>
    <row r="212427" spans="14:14">
      <c r="N212427" s="10"/>
    </row>
    <row r="212428" spans="14:14">
      <c r="N212428" s="10"/>
    </row>
    <row r="212429" spans="14:14">
      <c r="N212429" s="10"/>
    </row>
    <row r="212430" spans="14:14">
      <c r="N212430" s="10"/>
    </row>
    <row r="212431" spans="14:14">
      <c r="N212431" s="10"/>
    </row>
    <row r="212432" spans="14:14">
      <c r="N212432" s="10"/>
    </row>
    <row r="212433" spans="14:14">
      <c r="N212433" s="10"/>
    </row>
    <row r="212434" spans="14:14">
      <c r="N212434" s="10"/>
    </row>
    <row r="212435" spans="14:14">
      <c r="N212435" s="10"/>
    </row>
    <row r="212436" spans="14:14">
      <c r="N212436" s="10"/>
    </row>
    <row r="212437" spans="14:14">
      <c r="N212437" s="10"/>
    </row>
    <row r="212438" spans="14:14">
      <c r="N212438" s="10"/>
    </row>
    <row r="212439" spans="14:14">
      <c r="N212439" s="10"/>
    </row>
    <row r="212440" spans="14:14">
      <c r="N212440" s="10"/>
    </row>
    <row r="212441" spans="14:14">
      <c r="N212441" s="10"/>
    </row>
    <row r="212442" spans="14:14">
      <c r="N212442" s="10"/>
    </row>
    <row r="212443" spans="14:14">
      <c r="N212443" s="10"/>
    </row>
    <row r="212444" spans="14:14">
      <c r="N212444" s="10"/>
    </row>
    <row r="212445" spans="14:14">
      <c r="N212445" s="10"/>
    </row>
    <row r="212446" spans="14:14">
      <c r="N212446" s="10"/>
    </row>
    <row r="212447" spans="14:14">
      <c r="N212447" s="10"/>
    </row>
    <row r="212448" spans="14:14">
      <c r="N212448" s="10"/>
    </row>
    <row r="212449" spans="14:14">
      <c r="N212449" s="10"/>
    </row>
    <row r="212450" spans="14:14">
      <c r="N212450" s="10"/>
    </row>
    <row r="212451" spans="14:14">
      <c r="N212451" s="10"/>
    </row>
    <row r="212452" spans="14:14">
      <c r="N212452" s="10"/>
    </row>
    <row r="212453" spans="14:14">
      <c r="N212453" s="10"/>
    </row>
    <row r="212454" spans="14:14">
      <c r="N212454" s="10"/>
    </row>
    <row r="212455" spans="14:14">
      <c r="N212455" s="10"/>
    </row>
    <row r="212456" spans="14:14">
      <c r="N212456" s="10"/>
    </row>
    <row r="212457" spans="14:14">
      <c r="N212457" s="10"/>
    </row>
    <row r="212458" spans="14:14">
      <c r="N212458" s="10"/>
    </row>
    <row r="212459" spans="14:14">
      <c r="N212459" s="10"/>
    </row>
    <row r="212460" spans="14:14">
      <c r="N212460" s="10"/>
    </row>
    <row r="212461" spans="14:14">
      <c r="N212461" s="10"/>
    </row>
    <row r="212462" spans="14:14">
      <c r="N212462" s="10"/>
    </row>
    <row r="212463" spans="14:14">
      <c r="N212463" s="10"/>
    </row>
    <row r="212464" spans="14:14">
      <c r="N212464" s="10"/>
    </row>
    <row r="212465" spans="14:14">
      <c r="N212465" s="10"/>
    </row>
    <row r="212466" spans="14:14">
      <c r="N212466" s="10"/>
    </row>
    <row r="212467" spans="14:14">
      <c r="N212467" s="10"/>
    </row>
    <row r="212468" spans="14:14">
      <c r="N212468" s="10"/>
    </row>
    <row r="212469" spans="14:14">
      <c r="N212469" s="10"/>
    </row>
    <row r="212470" spans="14:14">
      <c r="N212470" s="10"/>
    </row>
    <row r="212471" spans="14:14">
      <c r="N212471" s="10"/>
    </row>
    <row r="212472" spans="14:14">
      <c r="N212472" s="10"/>
    </row>
    <row r="212473" spans="14:14">
      <c r="N212473" s="10"/>
    </row>
    <row r="212474" spans="14:14">
      <c r="N212474" s="10"/>
    </row>
    <row r="212475" spans="14:14">
      <c r="N212475" s="10"/>
    </row>
    <row r="212476" spans="14:14">
      <c r="N212476" s="10"/>
    </row>
    <row r="212477" spans="14:14">
      <c r="N212477" s="10"/>
    </row>
    <row r="212478" spans="14:14">
      <c r="N212478" s="10"/>
    </row>
    <row r="212479" spans="14:14">
      <c r="N212479" s="10"/>
    </row>
    <row r="212480" spans="14:14">
      <c r="N212480" s="10"/>
    </row>
    <row r="212481" spans="14:14">
      <c r="N212481" s="10"/>
    </row>
    <row r="212482" spans="14:14">
      <c r="N212482" s="10"/>
    </row>
    <row r="212483" spans="14:14">
      <c r="N212483" s="10"/>
    </row>
    <row r="212484" spans="14:14">
      <c r="N212484" s="10"/>
    </row>
    <row r="212485" spans="14:14">
      <c r="N212485" s="10"/>
    </row>
    <row r="212486" spans="14:14">
      <c r="N212486" s="10"/>
    </row>
    <row r="212487" spans="14:14">
      <c r="N212487" s="10"/>
    </row>
    <row r="212488" spans="14:14">
      <c r="N212488" s="10"/>
    </row>
    <row r="212489" spans="14:14">
      <c r="N212489" s="10"/>
    </row>
    <row r="212490" spans="14:14">
      <c r="N212490" s="10"/>
    </row>
    <row r="212491" spans="14:14">
      <c r="N212491" s="10"/>
    </row>
    <row r="212492" spans="14:14">
      <c r="N212492" s="10"/>
    </row>
    <row r="212493" spans="14:14">
      <c r="N212493" s="10"/>
    </row>
    <row r="212494" spans="14:14">
      <c r="N212494" s="10"/>
    </row>
    <row r="212495" spans="14:14">
      <c r="N212495" s="10"/>
    </row>
    <row r="212496" spans="14:14">
      <c r="N212496" s="10"/>
    </row>
    <row r="212497" spans="14:14">
      <c r="N212497" s="10"/>
    </row>
    <row r="212498" spans="14:14">
      <c r="N212498" s="10"/>
    </row>
    <row r="212499" spans="14:14">
      <c r="N212499" s="10"/>
    </row>
    <row r="212500" spans="14:14">
      <c r="N212500" s="10"/>
    </row>
    <row r="212501" spans="14:14">
      <c r="N212501" s="10"/>
    </row>
    <row r="212502" spans="14:14">
      <c r="N212502" s="10"/>
    </row>
    <row r="212503" spans="14:14">
      <c r="N212503" s="10"/>
    </row>
    <row r="212504" spans="14:14">
      <c r="N212504" s="10"/>
    </row>
    <row r="212505" spans="14:14">
      <c r="N212505" s="10"/>
    </row>
    <row r="212506" spans="14:14">
      <c r="N212506" s="10"/>
    </row>
    <row r="212507" spans="14:14">
      <c r="N212507" s="10"/>
    </row>
    <row r="212508" spans="14:14">
      <c r="N212508" s="10"/>
    </row>
    <row r="212509" spans="14:14">
      <c r="N212509" s="10"/>
    </row>
    <row r="212510" spans="14:14">
      <c r="N212510" s="10"/>
    </row>
    <row r="212511" spans="14:14">
      <c r="N212511" s="10"/>
    </row>
    <row r="212512" spans="14:14">
      <c r="N212512" s="10"/>
    </row>
    <row r="212513" spans="14:14">
      <c r="N212513" s="10"/>
    </row>
    <row r="212514" spans="14:14">
      <c r="N212514" s="10"/>
    </row>
    <row r="212515" spans="14:14">
      <c r="N212515" s="10"/>
    </row>
    <row r="212516" spans="14:14">
      <c r="N212516" s="10"/>
    </row>
    <row r="212517" spans="14:14">
      <c r="N212517" s="10"/>
    </row>
    <row r="212518" spans="14:14">
      <c r="N212518" s="10"/>
    </row>
    <row r="212519" spans="14:14">
      <c r="N212519" s="10"/>
    </row>
    <row r="212520" spans="14:14">
      <c r="N212520" s="10"/>
    </row>
    <row r="212521" spans="14:14">
      <c r="N212521" s="10"/>
    </row>
    <row r="212522" spans="14:14">
      <c r="N212522" s="10"/>
    </row>
    <row r="212523" spans="14:14">
      <c r="N212523" s="10"/>
    </row>
    <row r="212524" spans="14:14">
      <c r="N212524" s="10"/>
    </row>
    <row r="212525" spans="14:14">
      <c r="N212525" s="10"/>
    </row>
    <row r="212526" spans="14:14">
      <c r="N212526" s="10"/>
    </row>
    <row r="212527" spans="14:14">
      <c r="N212527" s="10"/>
    </row>
    <row r="212528" spans="14:14">
      <c r="N212528" s="10"/>
    </row>
    <row r="212529" spans="14:14">
      <c r="N212529" s="10"/>
    </row>
    <row r="212530" spans="14:14">
      <c r="N212530" s="10"/>
    </row>
    <row r="212531" spans="14:14">
      <c r="N212531" s="10"/>
    </row>
    <row r="212532" spans="14:14">
      <c r="N212532" s="10"/>
    </row>
    <row r="212533" spans="14:14">
      <c r="N212533" s="10"/>
    </row>
    <row r="212534" spans="14:14">
      <c r="N212534" s="10"/>
    </row>
    <row r="212535" spans="14:14">
      <c r="N212535" s="10"/>
    </row>
    <row r="212536" spans="14:14">
      <c r="N212536" s="10"/>
    </row>
    <row r="212537" spans="14:14">
      <c r="N212537" s="10"/>
    </row>
    <row r="212538" spans="14:14">
      <c r="N212538" s="10"/>
    </row>
    <row r="212539" spans="14:14">
      <c r="N212539" s="10"/>
    </row>
    <row r="212540" spans="14:14">
      <c r="N212540" s="10"/>
    </row>
    <row r="212541" spans="14:14">
      <c r="N212541" s="10"/>
    </row>
    <row r="212542" spans="14:14">
      <c r="N212542" s="10"/>
    </row>
    <row r="212543" spans="14:14">
      <c r="N212543" s="10"/>
    </row>
    <row r="212544" spans="14:14">
      <c r="N212544" s="10"/>
    </row>
    <row r="212545" spans="14:14">
      <c r="N212545" s="10"/>
    </row>
    <row r="212546" spans="14:14">
      <c r="N212546" s="10"/>
    </row>
    <row r="212547" spans="14:14">
      <c r="N212547" s="10"/>
    </row>
    <row r="212548" spans="14:14">
      <c r="N212548" s="10"/>
    </row>
    <row r="212549" spans="14:14">
      <c r="N212549" s="10"/>
    </row>
    <row r="212550" spans="14:14">
      <c r="N212550" s="10"/>
    </row>
    <row r="212551" spans="14:14">
      <c r="N212551" s="10"/>
    </row>
    <row r="212552" spans="14:14">
      <c r="N212552" s="10"/>
    </row>
    <row r="212553" spans="14:14">
      <c r="N212553" s="10"/>
    </row>
    <row r="212554" spans="14:14">
      <c r="N212554" s="10"/>
    </row>
    <row r="212555" spans="14:14">
      <c r="N212555" s="10"/>
    </row>
    <row r="212556" spans="14:14">
      <c r="N212556" s="10"/>
    </row>
    <row r="212557" spans="14:14">
      <c r="N212557" s="10"/>
    </row>
    <row r="212558" spans="14:14">
      <c r="N212558" s="10"/>
    </row>
    <row r="212559" spans="14:14">
      <c r="N212559" s="10"/>
    </row>
    <row r="212560" spans="14:14">
      <c r="N212560" s="10"/>
    </row>
    <row r="212561" spans="14:14">
      <c r="N212561" s="10"/>
    </row>
    <row r="212562" spans="14:14">
      <c r="N212562" s="10"/>
    </row>
    <row r="212563" spans="14:14">
      <c r="N212563" s="10"/>
    </row>
    <row r="212564" spans="14:14">
      <c r="N212564" s="10"/>
    </row>
    <row r="212565" spans="14:14">
      <c r="N212565" s="10"/>
    </row>
    <row r="212566" spans="14:14">
      <c r="N212566" s="10"/>
    </row>
    <row r="212567" spans="14:14">
      <c r="N212567" s="10"/>
    </row>
    <row r="212568" spans="14:14">
      <c r="N212568" s="10"/>
    </row>
    <row r="212569" spans="14:14">
      <c r="N212569" s="10"/>
    </row>
    <row r="212570" spans="14:14">
      <c r="N212570" s="10"/>
    </row>
    <row r="212571" spans="14:14">
      <c r="N212571" s="10"/>
    </row>
    <row r="212572" spans="14:14">
      <c r="N212572" s="10"/>
    </row>
    <row r="212573" spans="14:14">
      <c r="N212573" s="10"/>
    </row>
    <row r="212574" spans="14:14">
      <c r="N212574" s="10"/>
    </row>
    <row r="212575" spans="14:14">
      <c r="N212575" s="10"/>
    </row>
    <row r="212576" spans="14:14">
      <c r="N212576" s="10"/>
    </row>
    <row r="212577" spans="14:14">
      <c r="N212577" s="10"/>
    </row>
    <row r="212578" spans="14:14">
      <c r="N212578" s="10"/>
    </row>
    <row r="212579" spans="14:14">
      <c r="N212579" s="10"/>
    </row>
    <row r="212580" spans="14:14">
      <c r="N212580" s="10"/>
    </row>
    <row r="212581" spans="14:14">
      <c r="N212581" s="10"/>
    </row>
    <row r="212582" spans="14:14">
      <c r="N212582" s="10"/>
    </row>
    <row r="212583" spans="14:14">
      <c r="N212583" s="10"/>
    </row>
    <row r="212584" spans="14:14">
      <c r="N212584" s="10"/>
    </row>
    <row r="212585" spans="14:14">
      <c r="N212585" s="10"/>
    </row>
    <row r="212586" spans="14:14">
      <c r="N212586" s="10"/>
    </row>
    <row r="212587" spans="14:14">
      <c r="N212587" s="10"/>
    </row>
    <row r="212588" spans="14:14">
      <c r="N212588" s="10"/>
    </row>
    <row r="212589" spans="14:14">
      <c r="N212589" s="10"/>
    </row>
    <row r="212590" spans="14:14">
      <c r="N212590" s="10"/>
    </row>
    <row r="212591" spans="14:14">
      <c r="N212591" s="10"/>
    </row>
    <row r="212592" spans="14:14">
      <c r="N212592" s="10"/>
    </row>
    <row r="212593" spans="14:14">
      <c r="N212593" s="10"/>
    </row>
    <row r="212594" spans="14:14">
      <c r="N212594" s="10"/>
    </row>
    <row r="212595" spans="14:14">
      <c r="N212595" s="10"/>
    </row>
    <row r="212596" spans="14:14">
      <c r="N212596" s="10"/>
    </row>
    <row r="212597" spans="14:14">
      <c r="N212597" s="10"/>
    </row>
    <row r="212598" spans="14:14">
      <c r="N212598" s="10"/>
    </row>
    <row r="212599" spans="14:14">
      <c r="N212599" s="10"/>
    </row>
    <row r="212600" spans="14:14">
      <c r="N212600" s="10"/>
    </row>
    <row r="212601" spans="14:14">
      <c r="N212601" s="10"/>
    </row>
    <row r="212602" spans="14:14">
      <c r="N212602" s="10"/>
    </row>
    <row r="212603" spans="14:14">
      <c r="N212603" s="10"/>
    </row>
    <row r="212604" spans="14:14">
      <c r="N212604" s="10"/>
    </row>
    <row r="212605" spans="14:14">
      <c r="N212605" s="10"/>
    </row>
    <row r="212606" spans="14:14">
      <c r="N212606" s="10"/>
    </row>
    <row r="212607" spans="14:14">
      <c r="N212607" s="10"/>
    </row>
    <row r="212608" spans="14:14">
      <c r="N212608" s="10"/>
    </row>
    <row r="212609" spans="14:14">
      <c r="N212609" s="10"/>
    </row>
    <row r="212610" spans="14:14">
      <c r="N212610" s="10"/>
    </row>
    <row r="212611" spans="14:14">
      <c r="N212611" s="10"/>
    </row>
    <row r="212612" spans="14:14">
      <c r="N212612" s="10"/>
    </row>
    <row r="212613" spans="14:14">
      <c r="N212613" s="10"/>
    </row>
    <row r="212614" spans="14:14">
      <c r="N212614" s="10"/>
    </row>
    <row r="212615" spans="14:14">
      <c r="N212615" s="10"/>
    </row>
    <row r="212616" spans="14:14">
      <c r="N212616" s="10"/>
    </row>
    <row r="212617" spans="14:14">
      <c r="N212617" s="10"/>
    </row>
    <row r="212618" spans="14:14">
      <c r="N212618" s="10"/>
    </row>
    <row r="212619" spans="14:14">
      <c r="N212619" s="10"/>
    </row>
    <row r="212620" spans="14:14">
      <c r="N212620" s="10"/>
    </row>
    <row r="212621" spans="14:14">
      <c r="N212621" s="10"/>
    </row>
    <row r="212622" spans="14:14">
      <c r="N212622" s="10"/>
    </row>
    <row r="212623" spans="14:14">
      <c r="N212623" s="10"/>
    </row>
    <row r="212624" spans="14:14">
      <c r="N212624" s="10"/>
    </row>
    <row r="212625" spans="14:14">
      <c r="N212625" s="10"/>
    </row>
    <row r="212626" spans="14:14">
      <c r="N212626" s="10"/>
    </row>
    <row r="212627" spans="14:14">
      <c r="N212627" s="10"/>
    </row>
    <row r="212628" spans="14:14">
      <c r="N212628" s="10"/>
    </row>
    <row r="212629" spans="14:14">
      <c r="N212629" s="10"/>
    </row>
    <row r="212630" spans="14:14">
      <c r="N212630" s="10"/>
    </row>
    <row r="212631" spans="14:14">
      <c r="N212631" s="10"/>
    </row>
    <row r="212632" spans="14:14">
      <c r="N212632" s="10"/>
    </row>
    <row r="212633" spans="14:14">
      <c r="N212633" s="10"/>
    </row>
    <row r="212634" spans="14:14">
      <c r="N212634" s="10"/>
    </row>
    <row r="212635" spans="14:14">
      <c r="N212635" s="10"/>
    </row>
    <row r="212636" spans="14:14">
      <c r="N212636" s="10"/>
    </row>
    <row r="212637" spans="14:14">
      <c r="N212637" s="10"/>
    </row>
    <row r="212638" spans="14:14">
      <c r="N212638" s="10"/>
    </row>
    <row r="212639" spans="14:14">
      <c r="N212639" s="10"/>
    </row>
    <row r="212640" spans="14:14">
      <c r="N212640" s="10"/>
    </row>
    <row r="212641" spans="14:14">
      <c r="N212641" s="10"/>
    </row>
    <row r="212642" spans="14:14">
      <c r="N212642" s="10"/>
    </row>
    <row r="212643" spans="14:14">
      <c r="N212643" s="10"/>
    </row>
    <row r="212644" spans="14:14">
      <c r="N212644" s="10"/>
    </row>
    <row r="212645" spans="14:14">
      <c r="N212645" s="10"/>
    </row>
    <row r="212646" spans="14:14">
      <c r="N212646" s="10"/>
    </row>
    <row r="212647" spans="14:14">
      <c r="N212647" s="10"/>
    </row>
    <row r="212648" spans="14:14">
      <c r="N212648" s="10"/>
    </row>
    <row r="212649" spans="14:14">
      <c r="N212649" s="10"/>
    </row>
    <row r="212650" spans="14:14">
      <c r="N212650" s="10"/>
    </row>
    <row r="212651" spans="14:14">
      <c r="N212651" s="10"/>
    </row>
    <row r="212652" spans="14:14">
      <c r="N212652" s="10"/>
    </row>
    <row r="212653" spans="14:14">
      <c r="N212653" s="10"/>
    </row>
    <row r="212654" spans="14:14">
      <c r="N212654" s="10"/>
    </row>
    <row r="212655" spans="14:14">
      <c r="N212655" s="10"/>
    </row>
    <row r="212656" spans="14:14">
      <c r="N212656" s="10"/>
    </row>
    <row r="212657" spans="14:14">
      <c r="N212657" s="10"/>
    </row>
    <row r="212658" spans="14:14">
      <c r="N212658" s="10"/>
    </row>
    <row r="212659" spans="14:14">
      <c r="N212659" s="10"/>
    </row>
    <row r="212660" spans="14:14">
      <c r="N212660" s="10"/>
    </row>
    <row r="212661" spans="14:14">
      <c r="N212661" s="10"/>
    </row>
    <row r="212662" spans="14:14">
      <c r="N212662" s="10"/>
    </row>
    <row r="212663" spans="14:14">
      <c r="N212663" s="10"/>
    </row>
    <row r="212664" spans="14:14">
      <c r="N212664" s="10"/>
    </row>
    <row r="212665" spans="14:14">
      <c r="N212665" s="10"/>
    </row>
    <row r="212666" spans="14:14">
      <c r="N212666" s="10"/>
    </row>
    <row r="212667" spans="14:14">
      <c r="N212667" s="10"/>
    </row>
    <row r="212668" spans="14:14">
      <c r="N212668" s="10"/>
    </row>
    <row r="212669" spans="14:14">
      <c r="N212669" s="10"/>
    </row>
    <row r="212670" spans="14:14">
      <c r="N212670" s="10"/>
    </row>
    <row r="212671" spans="14:14">
      <c r="N212671" s="10"/>
    </row>
    <row r="212672" spans="14:14">
      <c r="N212672" s="10"/>
    </row>
    <row r="212673" spans="14:14">
      <c r="N212673" s="10"/>
    </row>
    <row r="212674" spans="14:14">
      <c r="N212674" s="10"/>
    </row>
    <row r="212675" spans="14:14">
      <c r="N212675" s="10"/>
    </row>
    <row r="212676" spans="14:14">
      <c r="N212676" s="10"/>
    </row>
    <row r="212677" spans="14:14">
      <c r="N212677" s="10"/>
    </row>
    <row r="212678" spans="14:14">
      <c r="N212678" s="10"/>
    </row>
    <row r="212679" spans="14:14">
      <c r="N212679" s="10"/>
    </row>
    <row r="212680" spans="14:14">
      <c r="N212680" s="10"/>
    </row>
    <row r="212681" spans="14:14">
      <c r="N212681" s="10"/>
    </row>
    <row r="212682" spans="14:14">
      <c r="N212682" s="10"/>
    </row>
    <row r="212683" spans="14:14">
      <c r="N212683" s="10"/>
    </row>
    <row r="212684" spans="14:14">
      <c r="N212684" s="10"/>
    </row>
    <row r="212685" spans="14:14">
      <c r="N212685" s="10"/>
    </row>
    <row r="212686" spans="14:14">
      <c r="N212686" s="10"/>
    </row>
    <row r="212687" spans="14:14">
      <c r="N212687" s="10"/>
    </row>
    <row r="212688" spans="14:14">
      <c r="N212688" s="10"/>
    </row>
    <row r="212689" spans="14:14">
      <c r="N212689" s="10"/>
    </row>
    <row r="212690" spans="14:14">
      <c r="N212690" s="10"/>
    </row>
    <row r="212691" spans="14:14">
      <c r="N212691" s="10"/>
    </row>
    <row r="212692" spans="14:14">
      <c r="N212692" s="10"/>
    </row>
    <row r="212693" spans="14:14">
      <c r="N212693" s="10"/>
    </row>
    <row r="212694" spans="14:14">
      <c r="N212694" s="10"/>
    </row>
    <row r="212695" spans="14:14">
      <c r="N212695" s="10"/>
    </row>
    <row r="212696" spans="14:14">
      <c r="N212696" s="10"/>
    </row>
    <row r="212697" spans="14:14">
      <c r="N212697" s="10"/>
    </row>
    <row r="212698" spans="14:14">
      <c r="N212698" s="10"/>
    </row>
    <row r="212699" spans="14:14">
      <c r="N212699" s="10"/>
    </row>
    <row r="212700" spans="14:14">
      <c r="N212700" s="10"/>
    </row>
    <row r="212701" spans="14:14">
      <c r="N212701" s="10"/>
    </row>
    <row r="212702" spans="14:14">
      <c r="N212702" s="10"/>
    </row>
    <row r="212703" spans="14:14">
      <c r="N212703" s="10"/>
    </row>
    <row r="212704" spans="14:14">
      <c r="N212704" s="10"/>
    </row>
    <row r="212705" spans="14:14">
      <c r="N212705" s="10"/>
    </row>
    <row r="212706" spans="14:14">
      <c r="N212706" s="10"/>
    </row>
    <row r="212707" spans="14:14">
      <c r="N212707" s="10"/>
    </row>
    <row r="212708" spans="14:14">
      <c r="N212708" s="10"/>
    </row>
    <row r="212709" spans="14:14">
      <c r="N212709" s="10"/>
    </row>
    <row r="212710" spans="14:14">
      <c r="N212710" s="10"/>
    </row>
    <row r="212711" spans="14:14">
      <c r="N212711" s="10"/>
    </row>
    <row r="212712" spans="14:14">
      <c r="N212712" s="10"/>
    </row>
    <row r="212713" spans="14:14">
      <c r="N212713" s="10"/>
    </row>
    <row r="212714" spans="14:14">
      <c r="N212714" s="10"/>
    </row>
    <row r="212715" spans="14:14">
      <c r="N212715" s="10"/>
    </row>
    <row r="212716" spans="14:14">
      <c r="N212716" s="10"/>
    </row>
    <row r="212717" spans="14:14">
      <c r="N212717" s="10"/>
    </row>
    <row r="212718" spans="14:14">
      <c r="N212718" s="10"/>
    </row>
    <row r="212719" spans="14:14">
      <c r="N212719" s="10"/>
    </row>
    <row r="212720" spans="14:14">
      <c r="N212720" s="10"/>
    </row>
    <row r="212721" spans="14:14">
      <c r="N212721" s="10"/>
    </row>
    <row r="212722" spans="14:14">
      <c r="N212722" s="10"/>
    </row>
    <row r="212723" spans="14:14">
      <c r="N212723" s="10"/>
    </row>
    <row r="212724" spans="14:14">
      <c r="N212724" s="10"/>
    </row>
    <row r="212725" spans="14:14">
      <c r="N212725" s="10"/>
    </row>
    <row r="212726" spans="14:14">
      <c r="N212726" s="10"/>
    </row>
    <row r="212727" spans="14:14">
      <c r="N212727" s="10"/>
    </row>
    <row r="212728" spans="14:14">
      <c r="N212728" s="10"/>
    </row>
    <row r="212729" spans="14:14">
      <c r="N212729" s="10"/>
    </row>
    <row r="212730" spans="14:14">
      <c r="N212730" s="10"/>
    </row>
    <row r="212731" spans="14:14">
      <c r="N212731" s="10"/>
    </row>
    <row r="212732" spans="14:14">
      <c r="N212732" s="10"/>
    </row>
    <row r="212733" spans="14:14">
      <c r="N212733" s="10"/>
    </row>
    <row r="212734" spans="14:14">
      <c r="N212734" s="10"/>
    </row>
    <row r="212735" spans="14:14">
      <c r="N212735" s="10"/>
    </row>
    <row r="212736" spans="14:14">
      <c r="N212736" s="10"/>
    </row>
    <row r="212737" spans="14:14">
      <c r="N212737" s="10"/>
    </row>
    <row r="212738" spans="14:14">
      <c r="N212738" s="10"/>
    </row>
    <row r="212739" spans="14:14">
      <c r="N212739" s="10"/>
    </row>
    <row r="212740" spans="14:14">
      <c r="N212740" s="10"/>
    </row>
    <row r="212741" spans="14:14">
      <c r="N212741" s="10"/>
    </row>
    <row r="212742" spans="14:14">
      <c r="N212742" s="10"/>
    </row>
    <row r="212743" spans="14:14">
      <c r="N212743" s="10"/>
    </row>
    <row r="212744" spans="14:14">
      <c r="N212744" s="10"/>
    </row>
    <row r="212745" spans="14:14">
      <c r="N212745" s="10"/>
    </row>
    <row r="212746" spans="14:14">
      <c r="N212746" s="10"/>
    </row>
    <row r="212747" spans="14:14">
      <c r="N212747" s="10"/>
    </row>
    <row r="212748" spans="14:14">
      <c r="N212748" s="10"/>
    </row>
    <row r="212749" spans="14:14">
      <c r="N212749" s="10"/>
    </row>
    <row r="212750" spans="14:14">
      <c r="N212750" s="10"/>
    </row>
    <row r="212751" spans="14:14">
      <c r="N212751" s="10"/>
    </row>
    <row r="212752" spans="14:14">
      <c r="N212752" s="10"/>
    </row>
    <row r="212753" spans="14:14">
      <c r="N212753" s="10"/>
    </row>
    <row r="212754" spans="14:14">
      <c r="N212754" s="10"/>
    </row>
    <row r="212755" spans="14:14">
      <c r="N212755" s="10"/>
    </row>
    <row r="212756" spans="14:14">
      <c r="N212756" s="10"/>
    </row>
    <row r="212757" spans="14:14">
      <c r="N212757" s="10"/>
    </row>
    <row r="212758" spans="14:14">
      <c r="N212758" s="10"/>
    </row>
    <row r="212759" spans="14:14">
      <c r="N212759" s="10"/>
    </row>
    <row r="212760" spans="14:14">
      <c r="N212760" s="10"/>
    </row>
    <row r="212761" spans="14:14">
      <c r="N212761" s="10"/>
    </row>
    <row r="212762" spans="14:14">
      <c r="N212762" s="10"/>
    </row>
    <row r="212763" spans="14:14">
      <c r="N212763" s="10"/>
    </row>
    <row r="212764" spans="14:14">
      <c r="N212764" s="10"/>
    </row>
    <row r="212765" spans="14:14">
      <c r="N212765" s="10"/>
    </row>
    <row r="212766" spans="14:14">
      <c r="N212766" s="10"/>
    </row>
    <row r="212767" spans="14:14">
      <c r="N212767" s="10"/>
    </row>
    <row r="212768" spans="14:14">
      <c r="N212768" s="10"/>
    </row>
    <row r="212769" spans="14:14">
      <c r="N212769" s="10"/>
    </row>
    <row r="212770" spans="14:14">
      <c r="N212770" s="10"/>
    </row>
    <row r="212771" spans="14:14">
      <c r="N212771" s="10"/>
    </row>
    <row r="212772" spans="14:14">
      <c r="N212772" s="10"/>
    </row>
    <row r="212773" spans="14:14">
      <c r="N212773" s="10"/>
    </row>
    <row r="212774" spans="14:14">
      <c r="N212774" s="10"/>
    </row>
    <row r="212775" spans="14:14">
      <c r="N212775" s="10"/>
    </row>
    <row r="212776" spans="14:14">
      <c r="N212776" s="10"/>
    </row>
    <row r="212777" spans="14:14">
      <c r="N212777" s="10"/>
    </row>
    <row r="212778" spans="14:14">
      <c r="N212778" s="10"/>
    </row>
    <row r="212779" spans="14:14">
      <c r="N212779" s="10"/>
    </row>
    <row r="212780" spans="14:14">
      <c r="N212780" s="10"/>
    </row>
    <row r="212781" spans="14:14">
      <c r="N212781" s="10"/>
    </row>
    <row r="212782" spans="14:14">
      <c r="N212782" s="10"/>
    </row>
    <row r="212783" spans="14:14">
      <c r="N212783" s="10"/>
    </row>
    <row r="212784" spans="14:14">
      <c r="N212784" s="10"/>
    </row>
    <row r="212785" spans="14:14">
      <c r="N212785" s="10"/>
    </row>
    <row r="212786" spans="14:14">
      <c r="N212786" s="10"/>
    </row>
    <row r="212787" spans="14:14">
      <c r="N212787" s="10"/>
    </row>
    <row r="212788" spans="14:14">
      <c r="N212788" s="10"/>
    </row>
    <row r="212789" spans="14:14">
      <c r="N212789" s="10"/>
    </row>
    <row r="212790" spans="14:14">
      <c r="N212790" s="10"/>
    </row>
    <row r="212791" spans="14:14">
      <c r="N212791" s="10"/>
    </row>
    <row r="212792" spans="14:14">
      <c r="N212792" s="10"/>
    </row>
    <row r="212793" spans="14:14">
      <c r="N212793" s="10"/>
    </row>
    <row r="212794" spans="14:14">
      <c r="N212794" s="10"/>
    </row>
    <row r="212795" spans="14:14">
      <c r="N212795" s="10"/>
    </row>
    <row r="212796" spans="14:14">
      <c r="N212796" s="10"/>
    </row>
    <row r="212797" spans="14:14">
      <c r="N212797" s="10"/>
    </row>
    <row r="212798" spans="14:14">
      <c r="N212798" s="10"/>
    </row>
    <row r="212799" spans="14:14">
      <c r="N212799" s="10"/>
    </row>
    <row r="212800" spans="14:14">
      <c r="N212800" s="10"/>
    </row>
    <row r="212801" spans="14:14">
      <c r="N212801" s="10"/>
    </row>
    <row r="212802" spans="14:14">
      <c r="N212802" s="10"/>
    </row>
    <row r="212803" spans="14:14">
      <c r="N212803" s="10"/>
    </row>
    <row r="212804" spans="14:14">
      <c r="N212804" s="10"/>
    </row>
    <row r="212805" spans="14:14">
      <c r="N212805" s="10"/>
    </row>
    <row r="212806" spans="14:14">
      <c r="N212806" s="10"/>
    </row>
    <row r="212807" spans="14:14">
      <c r="N212807" s="10"/>
    </row>
    <row r="212808" spans="14:14">
      <c r="N212808" s="10"/>
    </row>
    <row r="212809" spans="14:14">
      <c r="N212809" s="10"/>
    </row>
    <row r="212810" spans="14:14">
      <c r="N212810" s="10"/>
    </row>
    <row r="212811" spans="14:14">
      <c r="N212811" s="10"/>
    </row>
    <row r="212812" spans="14:14">
      <c r="N212812" s="10"/>
    </row>
    <row r="212813" spans="14:14">
      <c r="N212813" s="10"/>
    </row>
    <row r="212814" spans="14:14">
      <c r="N212814" s="10"/>
    </row>
    <row r="212815" spans="14:14">
      <c r="N212815" s="10"/>
    </row>
    <row r="212816" spans="14:14">
      <c r="N212816" s="10"/>
    </row>
    <row r="212817" spans="14:14">
      <c r="N212817" s="10"/>
    </row>
    <row r="212818" spans="14:14">
      <c r="N212818" s="10"/>
    </row>
    <row r="212819" spans="14:14">
      <c r="N212819" s="10"/>
    </row>
    <row r="212820" spans="14:14">
      <c r="N212820" s="10"/>
    </row>
    <row r="212821" spans="14:14">
      <c r="N212821" s="10"/>
    </row>
    <row r="212822" spans="14:14">
      <c r="N212822" s="10"/>
    </row>
    <row r="212823" spans="14:14">
      <c r="N212823" s="10"/>
    </row>
    <row r="212824" spans="14:14">
      <c r="N212824" s="10"/>
    </row>
    <row r="212825" spans="14:14">
      <c r="N212825" s="10"/>
    </row>
    <row r="212826" spans="14:14">
      <c r="N212826" s="10"/>
    </row>
    <row r="212827" spans="14:14">
      <c r="N212827" s="10"/>
    </row>
    <row r="212828" spans="14:14">
      <c r="N212828" s="10"/>
    </row>
    <row r="212829" spans="14:14">
      <c r="N212829" s="10"/>
    </row>
    <row r="212830" spans="14:14">
      <c r="N212830" s="10"/>
    </row>
    <row r="212831" spans="14:14">
      <c r="N212831" s="10"/>
    </row>
    <row r="212832" spans="14:14">
      <c r="N212832" s="10"/>
    </row>
    <row r="212833" spans="14:14">
      <c r="N212833" s="10"/>
    </row>
    <row r="212834" spans="14:14">
      <c r="N212834" s="10"/>
    </row>
    <row r="212835" spans="14:14">
      <c r="N212835" s="10"/>
    </row>
    <row r="212836" spans="14:14">
      <c r="N212836" s="10"/>
    </row>
    <row r="212837" spans="14:14">
      <c r="N212837" s="10"/>
    </row>
    <row r="212838" spans="14:14">
      <c r="N212838" s="10"/>
    </row>
    <row r="212839" spans="14:14">
      <c r="N212839" s="10"/>
    </row>
    <row r="212840" spans="14:14">
      <c r="N212840" s="10"/>
    </row>
    <row r="212841" spans="14:14">
      <c r="N212841" s="10"/>
    </row>
    <row r="212842" spans="14:14">
      <c r="N212842" s="10"/>
    </row>
    <row r="212843" spans="14:14">
      <c r="N212843" s="10"/>
    </row>
    <row r="212844" spans="14:14">
      <c r="N212844" s="10"/>
    </row>
    <row r="212845" spans="14:14">
      <c r="N212845" s="10"/>
    </row>
    <row r="212846" spans="14:14">
      <c r="N212846" s="10"/>
    </row>
    <row r="212847" spans="14:14">
      <c r="N212847" s="10"/>
    </row>
    <row r="212848" spans="14:14">
      <c r="N212848" s="10"/>
    </row>
    <row r="212849" spans="14:14">
      <c r="N212849" s="10"/>
    </row>
    <row r="212850" spans="14:14">
      <c r="N212850" s="10"/>
    </row>
    <row r="212851" spans="14:14">
      <c r="N212851" s="10"/>
    </row>
    <row r="212852" spans="14:14">
      <c r="N212852" s="10"/>
    </row>
    <row r="212853" spans="14:14">
      <c r="N212853" s="10"/>
    </row>
    <row r="212854" spans="14:14">
      <c r="N212854" s="10"/>
    </row>
    <row r="212855" spans="14:14">
      <c r="N212855" s="10"/>
    </row>
    <row r="212856" spans="14:14">
      <c r="N212856" s="10"/>
    </row>
    <row r="212857" spans="14:14">
      <c r="N212857" s="10"/>
    </row>
    <row r="212858" spans="14:14">
      <c r="N212858" s="10"/>
    </row>
    <row r="212859" spans="14:14">
      <c r="N212859" s="10"/>
    </row>
    <row r="212860" spans="14:14">
      <c r="N212860" s="10"/>
    </row>
    <row r="212861" spans="14:14">
      <c r="N212861" s="10"/>
    </row>
    <row r="212862" spans="14:14">
      <c r="N212862" s="10"/>
    </row>
    <row r="212863" spans="14:14">
      <c r="N212863" s="10"/>
    </row>
    <row r="212864" spans="14:14">
      <c r="N212864" s="10"/>
    </row>
    <row r="212865" spans="14:14">
      <c r="N212865" s="10"/>
    </row>
    <row r="212866" spans="14:14">
      <c r="N212866" s="10"/>
    </row>
    <row r="212867" spans="14:14">
      <c r="N212867" s="10"/>
    </row>
    <row r="212868" spans="14:14">
      <c r="N212868" s="10"/>
    </row>
    <row r="212869" spans="14:14">
      <c r="N212869" s="10"/>
    </row>
    <row r="212870" spans="14:14">
      <c r="N212870" s="10"/>
    </row>
    <row r="212871" spans="14:14">
      <c r="N212871" s="10"/>
    </row>
    <row r="212872" spans="14:14">
      <c r="N212872" s="10"/>
    </row>
    <row r="212873" spans="14:14">
      <c r="N212873" s="10"/>
    </row>
    <row r="212874" spans="14:14">
      <c r="N212874" s="10"/>
    </row>
    <row r="212875" spans="14:14">
      <c r="N212875" s="10"/>
    </row>
    <row r="212876" spans="14:14">
      <c r="N212876" s="10"/>
    </row>
    <row r="212877" spans="14:14">
      <c r="N212877" s="10"/>
    </row>
    <row r="212878" spans="14:14">
      <c r="N212878" s="10"/>
    </row>
    <row r="212879" spans="14:14">
      <c r="N212879" s="10"/>
    </row>
    <row r="212880" spans="14:14">
      <c r="N212880" s="10"/>
    </row>
    <row r="212881" spans="14:14">
      <c r="N212881" s="10"/>
    </row>
    <row r="212882" spans="14:14">
      <c r="N212882" s="10"/>
    </row>
    <row r="212883" spans="14:14">
      <c r="N212883" s="10"/>
    </row>
    <row r="212884" spans="14:14">
      <c r="N212884" s="10"/>
    </row>
    <row r="212885" spans="14:14">
      <c r="N212885" s="10"/>
    </row>
    <row r="212886" spans="14:14">
      <c r="N212886" s="10"/>
    </row>
    <row r="212887" spans="14:14">
      <c r="N212887" s="10"/>
    </row>
    <row r="212888" spans="14:14">
      <c r="N212888" s="10"/>
    </row>
    <row r="212889" spans="14:14">
      <c r="N212889" s="10"/>
    </row>
    <row r="212890" spans="14:14">
      <c r="N212890" s="10"/>
    </row>
    <row r="212891" spans="14:14">
      <c r="N212891" s="10"/>
    </row>
    <row r="212892" spans="14:14">
      <c r="N212892" s="10"/>
    </row>
    <row r="212893" spans="14:14">
      <c r="N212893" s="10"/>
    </row>
    <row r="212894" spans="14:14">
      <c r="N212894" s="10"/>
    </row>
    <row r="212895" spans="14:14">
      <c r="N212895" s="10"/>
    </row>
    <row r="212896" spans="14:14">
      <c r="N212896" s="10"/>
    </row>
    <row r="212897" spans="14:14">
      <c r="N212897" s="10"/>
    </row>
    <row r="212898" spans="14:14">
      <c r="N212898" s="10"/>
    </row>
    <row r="212899" spans="14:14">
      <c r="N212899" s="10"/>
    </row>
    <row r="212900" spans="14:14">
      <c r="N212900" s="10"/>
    </row>
    <row r="212901" spans="14:14">
      <c r="N212901" s="10"/>
    </row>
    <row r="212902" spans="14:14">
      <c r="N212902" s="10"/>
    </row>
    <row r="212903" spans="14:14">
      <c r="N212903" s="10"/>
    </row>
    <row r="212904" spans="14:14">
      <c r="N212904" s="10"/>
    </row>
    <row r="212905" spans="14:14">
      <c r="N212905" s="10"/>
    </row>
    <row r="212906" spans="14:14">
      <c r="N212906" s="10"/>
    </row>
    <row r="212907" spans="14:14">
      <c r="N212907" s="10"/>
    </row>
    <row r="212908" spans="14:14">
      <c r="N212908" s="10"/>
    </row>
    <row r="212909" spans="14:14">
      <c r="N212909" s="10"/>
    </row>
    <row r="212910" spans="14:14">
      <c r="N212910" s="10"/>
    </row>
    <row r="212911" spans="14:14">
      <c r="N212911" s="10"/>
    </row>
    <row r="212912" spans="14:14">
      <c r="N212912" s="10"/>
    </row>
    <row r="212913" spans="14:14">
      <c r="N212913" s="10"/>
    </row>
    <row r="212914" spans="14:14">
      <c r="N212914" s="10"/>
    </row>
    <row r="212915" spans="14:14">
      <c r="N212915" s="10"/>
    </row>
    <row r="212916" spans="14:14">
      <c r="N212916" s="10"/>
    </row>
    <row r="212917" spans="14:14">
      <c r="N212917" s="10"/>
    </row>
    <row r="212918" spans="14:14">
      <c r="N212918" s="10"/>
    </row>
    <row r="212919" spans="14:14">
      <c r="N212919" s="10"/>
    </row>
    <row r="212920" spans="14:14">
      <c r="N212920" s="10"/>
    </row>
    <row r="212921" spans="14:14">
      <c r="N212921" s="10"/>
    </row>
    <row r="212922" spans="14:14">
      <c r="N212922" s="10"/>
    </row>
    <row r="212923" spans="14:14">
      <c r="N212923" s="10"/>
    </row>
    <row r="212924" spans="14:14">
      <c r="N212924" s="10"/>
    </row>
    <row r="212925" spans="14:14">
      <c r="N212925" s="10"/>
    </row>
    <row r="212926" spans="14:14">
      <c r="N212926" s="10"/>
    </row>
    <row r="212927" spans="14:14">
      <c r="N212927" s="10"/>
    </row>
    <row r="212928" spans="14:14">
      <c r="N212928" s="10"/>
    </row>
    <row r="212929" spans="14:14">
      <c r="N212929" s="10"/>
    </row>
    <row r="212930" spans="14:14">
      <c r="N212930" s="10"/>
    </row>
    <row r="212931" spans="14:14">
      <c r="N212931" s="10"/>
    </row>
    <row r="212932" spans="14:14">
      <c r="N212932" s="10"/>
    </row>
    <row r="212933" spans="14:14">
      <c r="N212933" s="10"/>
    </row>
    <row r="212934" spans="14:14">
      <c r="N212934" s="10"/>
    </row>
    <row r="212935" spans="14:14">
      <c r="N212935" s="10"/>
    </row>
    <row r="212936" spans="14:14">
      <c r="N212936" s="10"/>
    </row>
    <row r="212937" spans="14:14">
      <c r="N212937" s="10"/>
    </row>
    <row r="212938" spans="14:14">
      <c r="N212938" s="10"/>
    </row>
    <row r="212939" spans="14:14">
      <c r="N212939" s="10"/>
    </row>
    <row r="212940" spans="14:14">
      <c r="N212940" s="10"/>
    </row>
    <row r="212941" spans="14:14">
      <c r="N212941" s="10"/>
    </row>
    <row r="212942" spans="14:14">
      <c r="N212942" s="10"/>
    </row>
    <row r="212943" spans="14:14">
      <c r="N212943" s="10"/>
    </row>
    <row r="212944" spans="14:14">
      <c r="N212944" s="10"/>
    </row>
    <row r="212945" spans="14:14">
      <c r="N212945" s="10"/>
    </row>
    <row r="212946" spans="14:14">
      <c r="N212946" s="10"/>
    </row>
    <row r="212947" spans="14:14">
      <c r="N212947" s="10"/>
    </row>
    <row r="212948" spans="14:14">
      <c r="N212948" s="10"/>
    </row>
    <row r="212949" spans="14:14">
      <c r="N212949" s="10"/>
    </row>
    <row r="212950" spans="14:14">
      <c r="N212950" s="10"/>
    </row>
    <row r="212951" spans="14:14">
      <c r="N212951" s="10"/>
    </row>
    <row r="212952" spans="14:14">
      <c r="N212952" s="10"/>
    </row>
    <row r="212953" spans="14:14">
      <c r="N212953" s="10"/>
    </row>
    <row r="212954" spans="14:14">
      <c r="N212954" s="10"/>
    </row>
    <row r="212955" spans="14:14">
      <c r="N212955" s="10"/>
    </row>
    <row r="212956" spans="14:14">
      <c r="N212956" s="10"/>
    </row>
    <row r="212957" spans="14:14">
      <c r="N212957" s="10"/>
    </row>
    <row r="212958" spans="14:14">
      <c r="N212958" s="10"/>
    </row>
    <row r="212959" spans="14:14">
      <c r="N212959" s="10"/>
    </row>
    <row r="212960" spans="14:14">
      <c r="N212960" s="10"/>
    </row>
    <row r="212961" spans="14:14">
      <c r="N212961" s="10"/>
    </row>
    <row r="212962" spans="14:14">
      <c r="N212962" s="10"/>
    </row>
    <row r="212963" spans="14:14">
      <c r="N212963" s="10"/>
    </row>
    <row r="212964" spans="14:14">
      <c r="N212964" s="10"/>
    </row>
    <row r="212965" spans="14:14">
      <c r="N212965" s="10"/>
    </row>
    <row r="212966" spans="14:14">
      <c r="N212966" s="10"/>
    </row>
    <row r="212967" spans="14:14">
      <c r="N212967" s="10"/>
    </row>
    <row r="212968" spans="14:14">
      <c r="N212968" s="10"/>
    </row>
    <row r="212969" spans="14:14">
      <c r="N212969" s="10"/>
    </row>
    <row r="212970" spans="14:14">
      <c r="N212970" s="10"/>
    </row>
    <row r="212971" spans="14:14">
      <c r="N212971" s="10"/>
    </row>
    <row r="212972" spans="14:14">
      <c r="N212972" s="10"/>
    </row>
    <row r="212973" spans="14:14">
      <c r="N212973" s="10"/>
    </row>
    <row r="212974" spans="14:14">
      <c r="N212974" s="10"/>
    </row>
    <row r="212975" spans="14:14">
      <c r="N212975" s="10"/>
    </row>
    <row r="212976" spans="14:14">
      <c r="N212976" s="10"/>
    </row>
    <row r="212977" spans="14:14">
      <c r="N212977" s="10"/>
    </row>
    <row r="212978" spans="14:14">
      <c r="N212978" s="10"/>
    </row>
    <row r="212979" spans="14:14">
      <c r="N212979" s="10"/>
    </row>
    <row r="212980" spans="14:14">
      <c r="N212980" s="10"/>
    </row>
    <row r="212981" spans="14:14">
      <c r="N212981" s="10"/>
    </row>
    <row r="212982" spans="14:14">
      <c r="N212982" s="10"/>
    </row>
    <row r="212983" spans="14:14">
      <c r="N212983" s="10"/>
    </row>
    <row r="212984" spans="14:14">
      <c r="N212984" s="10"/>
    </row>
    <row r="212985" spans="14:14">
      <c r="N212985" s="10"/>
    </row>
    <row r="212986" spans="14:14">
      <c r="N212986" s="10"/>
    </row>
    <row r="212987" spans="14:14">
      <c r="N212987" s="10"/>
    </row>
    <row r="212988" spans="14:14">
      <c r="N212988" s="10"/>
    </row>
    <row r="212989" spans="14:14">
      <c r="N212989" s="10"/>
    </row>
    <row r="212990" spans="14:14">
      <c r="N212990" s="10"/>
    </row>
    <row r="212991" spans="14:14">
      <c r="N212991" s="10"/>
    </row>
    <row r="212992" spans="14:14">
      <c r="N212992" s="10"/>
    </row>
    <row r="212993" spans="14:14">
      <c r="N212993" s="10"/>
    </row>
    <row r="212994" spans="14:14">
      <c r="N212994" s="10"/>
    </row>
    <row r="212995" spans="14:14">
      <c r="N212995" s="10"/>
    </row>
    <row r="212996" spans="14:14">
      <c r="N212996" s="10"/>
    </row>
    <row r="212997" spans="14:14">
      <c r="N212997" s="10"/>
    </row>
    <row r="212998" spans="14:14">
      <c r="N212998" s="10"/>
    </row>
    <row r="212999" spans="14:14">
      <c r="N212999" s="10"/>
    </row>
    <row r="213000" spans="14:14">
      <c r="N213000" s="10"/>
    </row>
    <row r="213001" spans="14:14">
      <c r="N213001" s="10"/>
    </row>
    <row r="213002" spans="14:14">
      <c r="N213002" s="10"/>
    </row>
    <row r="213003" spans="14:14">
      <c r="N213003" s="10"/>
    </row>
    <row r="213004" spans="14:14">
      <c r="N213004" s="10"/>
    </row>
    <row r="213005" spans="14:14">
      <c r="N213005" s="10"/>
    </row>
    <row r="213006" spans="14:14">
      <c r="N213006" s="10"/>
    </row>
    <row r="213007" spans="14:14">
      <c r="N213007" s="10"/>
    </row>
    <row r="213008" spans="14:14">
      <c r="N213008" s="10"/>
    </row>
    <row r="213009" spans="14:14">
      <c r="N213009" s="10"/>
    </row>
    <row r="213010" spans="14:14">
      <c r="N213010" s="10"/>
    </row>
    <row r="213011" spans="14:14">
      <c r="N213011" s="10"/>
    </row>
    <row r="213012" spans="14:14">
      <c r="N213012" s="10"/>
    </row>
    <row r="213013" spans="14:14">
      <c r="N213013" s="10"/>
    </row>
    <row r="213014" spans="14:14">
      <c r="N213014" s="10"/>
    </row>
    <row r="213015" spans="14:14">
      <c r="N213015" s="10"/>
    </row>
    <row r="213016" spans="14:14">
      <c r="N213016" s="10"/>
    </row>
    <row r="213017" spans="14:14">
      <c r="N213017" s="10"/>
    </row>
    <row r="213018" spans="14:14">
      <c r="N213018" s="10"/>
    </row>
    <row r="213019" spans="14:14">
      <c r="N213019" s="10"/>
    </row>
    <row r="213020" spans="14:14">
      <c r="N213020" s="10"/>
    </row>
    <row r="213021" spans="14:14">
      <c r="N213021" s="10"/>
    </row>
    <row r="213022" spans="14:14">
      <c r="N213022" s="10"/>
    </row>
    <row r="213023" spans="14:14">
      <c r="N213023" s="10"/>
    </row>
    <row r="213024" spans="14:14">
      <c r="N213024" s="10"/>
    </row>
    <row r="213025" spans="14:14">
      <c r="N213025" s="10"/>
    </row>
    <row r="213026" spans="14:14">
      <c r="N213026" s="10"/>
    </row>
    <row r="213027" spans="14:14">
      <c r="N213027" s="10"/>
    </row>
    <row r="213028" spans="14:14">
      <c r="N213028" s="10"/>
    </row>
    <row r="213029" spans="14:14">
      <c r="N213029" s="10"/>
    </row>
    <row r="213030" spans="14:14">
      <c r="N213030" s="10"/>
    </row>
    <row r="213031" spans="14:14">
      <c r="N213031" s="10"/>
    </row>
    <row r="213032" spans="14:14">
      <c r="N213032" s="10"/>
    </row>
    <row r="213033" spans="14:14">
      <c r="N213033" s="10"/>
    </row>
    <row r="213034" spans="14:14">
      <c r="N213034" s="10"/>
    </row>
    <row r="213035" spans="14:14">
      <c r="N213035" s="10"/>
    </row>
    <row r="213036" spans="14:14">
      <c r="N213036" s="10"/>
    </row>
    <row r="213037" spans="14:14">
      <c r="N213037" s="10"/>
    </row>
    <row r="213038" spans="14:14">
      <c r="N213038" s="10"/>
    </row>
    <row r="213039" spans="14:14">
      <c r="N213039" s="10"/>
    </row>
    <row r="213040" spans="14:14">
      <c r="N213040" s="10"/>
    </row>
    <row r="213041" spans="14:14">
      <c r="N213041" s="10"/>
    </row>
    <row r="213042" spans="14:14">
      <c r="N213042" s="10"/>
    </row>
    <row r="213043" spans="14:14">
      <c r="N213043" s="10"/>
    </row>
    <row r="213044" spans="14:14">
      <c r="N213044" s="10"/>
    </row>
    <row r="213045" spans="14:14">
      <c r="N213045" s="10"/>
    </row>
    <row r="213046" spans="14:14">
      <c r="N213046" s="10"/>
    </row>
    <row r="213047" spans="14:14">
      <c r="N213047" s="10"/>
    </row>
    <row r="213048" spans="14:14">
      <c r="N213048" s="10"/>
    </row>
    <row r="213049" spans="14:14">
      <c r="N213049" s="10"/>
    </row>
    <row r="213050" spans="14:14">
      <c r="N213050" s="10"/>
    </row>
    <row r="213051" spans="14:14">
      <c r="N213051" s="10"/>
    </row>
    <row r="213052" spans="14:14">
      <c r="N213052" s="10"/>
    </row>
    <row r="213053" spans="14:14">
      <c r="N213053" s="10"/>
    </row>
    <row r="213054" spans="14:14">
      <c r="N213054" s="10"/>
    </row>
    <row r="213055" spans="14:14">
      <c r="N213055" s="10"/>
    </row>
    <row r="213056" spans="14:14">
      <c r="N213056" s="10"/>
    </row>
    <row r="213057" spans="14:14">
      <c r="N213057" s="10"/>
    </row>
    <row r="213058" spans="14:14">
      <c r="N213058" s="10"/>
    </row>
    <row r="213059" spans="14:14">
      <c r="N213059" s="10"/>
    </row>
    <row r="213060" spans="14:14">
      <c r="N213060" s="10"/>
    </row>
    <row r="213061" spans="14:14">
      <c r="N213061" s="10"/>
    </row>
    <row r="213062" spans="14:14">
      <c r="N213062" s="10"/>
    </row>
    <row r="213063" spans="14:14">
      <c r="N213063" s="10"/>
    </row>
    <row r="213064" spans="14:14">
      <c r="N213064" s="10"/>
    </row>
    <row r="213065" spans="14:14">
      <c r="N213065" s="10"/>
    </row>
    <row r="213066" spans="14:14">
      <c r="N213066" s="10"/>
    </row>
    <row r="213067" spans="14:14">
      <c r="N213067" s="10"/>
    </row>
    <row r="213068" spans="14:14">
      <c r="N213068" s="10"/>
    </row>
    <row r="213069" spans="14:14">
      <c r="N213069" s="10"/>
    </row>
    <row r="213070" spans="14:14">
      <c r="N213070" s="10"/>
    </row>
    <row r="213071" spans="14:14">
      <c r="N213071" s="10"/>
    </row>
    <row r="213072" spans="14:14">
      <c r="N213072" s="10"/>
    </row>
    <row r="213073" spans="14:14">
      <c r="N213073" s="10"/>
    </row>
    <row r="213074" spans="14:14">
      <c r="N213074" s="10"/>
    </row>
    <row r="213075" spans="14:14">
      <c r="N213075" s="10"/>
    </row>
    <row r="213076" spans="14:14">
      <c r="N213076" s="10"/>
    </row>
    <row r="213077" spans="14:14">
      <c r="N213077" s="10"/>
    </row>
    <row r="213078" spans="14:14">
      <c r="N213078" s="10"/>
    </row>
    <row r="213079" spans="14:14">
      <c r="N213079" s="10"/>
    </row>
    <row r="213080" spans="14:14">
      <c r="N213080" s="10"/>
    </row>
    <row r="213081" spans="14:14">
      <c r="N213081" s="10"/>
    </row>
    <row r="213082" spans="14:14">
      <c r="N213082" s="10"/>
    </row>
    <row r="213083" spans="14:14">
      <c r="N213083" s="10"/>
    </row>
    <row r="213084" spans="14:14">
      <c r="N213084" s="10"/>
    </row>
    <row r="213085" spans="14:14">
      <c r="N213085" s="10"/>
    </row>
    <row r="213086" spans="14:14">
      <c r="N213086" s="10"/>
    </row>
    <row r="213087" spans="14:14">
      <c r="N213087" s="10"/>
    </row>
    <row r="213088" spans="14:14">
      <c r="N213088" s="10"/>
    </row>
    <row r="213089" spans="14:14">
      <c r="N213089" s="10"/>
    </row>
    <row r="213090" spans="14:14">
      <c r="N213090" s="10"/>
    </row>
    <row r="213091" spans="14:14">
      <c r="N213091" s="10"/>
    </row>
    <row r="213092" spans="14:14">
      <c r="N213092" s="10"/>
    </row>
    <row r="213093" spans="14:14">
      <c r="N213093" s="10"/>
    </row>
    <row r="213094" spans="14:14">
      <c r="N213094" s="10"/>
    </row>
    <row r="213095" spans="14:14">
      <c r="N213095" s="10"/>
    </row>
    <row r="213096" spans="14:14">
      <c r="N213096" s="10"/>
    </row>
    <row r="213097" spans="14:14">
      <c r="N213097" s="10"/>
    </row>
    <row r="213098" spans="14:14">
      <c r="N213098" s="10"/>
    </row>
    <row r="213099" spans="14:14">
      <c r="N213099" s="10"/>
    </row>
    <row r="213100" spans="14:14">
      <c r="N213100" s="10"/>
    </row>
    <row r="213101" spans="14:14">
      <c r="N213101" s="10"/>
    </row>
    <row r="213102" spans="14:14">
      <c r="N213102" s="10"/>
    </row>
    <row r="213103" spans="14:14">
      <c r="N213103" s="10"/>
    </row>
    <row r="213104" spans="14:14">
      <c r="N213104" s="10"/>
    </row>
    <row r="213105" spans="14:14">
      <c r="N213105" s="10"/>
    </row>
    <row r="213106" spans="14:14">
      <c r="N213106" s="10"/>
    </row>
    <row r="213107" spans="14:14">
      <c r="N213107" s="10"/>
    </row>
    <row r="213108" spans="14:14">
      <c r="N213108" s="10"/>
    </row>
    <row r="213109" spans="14:14">
      <c r="N213109" s="10"/>
    </row>
    <row r="213110" spans="14:14">
      <c r="N213110" s="10"/>
    </row>
    <row r="213111" spans="14:14">
      <c r="N213111" s="10"/>
    </row>
    <row r="213112" spans="14:14">
      <c r="N213112" s="10"/>
    </row>
    <row r="213113" spans="14:14">
      <c r="N213113" s="10"/>
    </row>
    <row r="213114" spans="14:14">
      <c r="N213114" s="10"/>
    </row>
    <row r="213115" spans="14:14">
      <c r="N213115" s="10"/>
    </row>
    <row r="213116" spans="14:14">
      <c r="N213116" s="10"/>
    </row>
    <row r="213117" spans="14:14">
      <c r="N213117" s="10"/>
    </row>
    <row r="213118" spans="14:14">
      <c r="N213118" s="10"/>
    </row>
    <row r="213119" spans="14:14">
      <c r="N213119" s="10"/>
    </row>
    <row r="213120" spans="14:14">
      <c r="N213120" s="10"/>
    </row>
    <row r="213121" spans="14:14">
      <c r="N213121" s="10"/>
    </row>
    <row r="213122" spans="14:14">
      <c r="N213122" s="10"/>
    </row>
    <row r="213123" spans="14:14">
      <c r="N213123" s="10"/>
    </row>
    <row r="213124" spans="14:14">
      <c r="N213124" s="10"/>
    </row>
    <row r="213125" spans="14:14">
      <c r="N213125" s="10"/>
    </row>
    <row r="213126" spans="14:14">
      <c r="N213126" s="10"/>
    </row>
    <row r="213127" spans="14:14">
      <c r="N213127" s="10"/>
    </row>
    <row r="213128" spans="14:14">
      <c r="N213128" s="10"/>
    </row>
    <row r="213129" spans="14:14">
      <c r="N213129" s="10"/>
    </row>
    <row r="213130" spans="14:14">
      <c r="N213130" s="10"/>
    </row>
    <row r="213131" spans="14:14">
      <c r="N213131" s="10"/>
    </row>
    <row r="213132" spans="14:14">
      <c r="N213132" s="10"/>
    </row>
    <row r="213133" spans="14:14">
      <c r="N213133" s="10"/>
    </row>
    <row r="213134" spans="14:14">
      <c r="N213134" s="10"/>
    </row>
    <row r="213135" spans="14:14">
      <c r="N213135" s="10"/>
    </row>
    <row r="213136" spans="14:14">
      <c r="N213136" s="10"/>
    </row>
    <row r="213137" spans="14:14">
      <c r="N213137" s="10"/>
    </row>
    <row r="213138" spans="14:14">
      <c r="N213138" s="10"/>
    </row>
    <row r="213139" spans="14:14">
      <c r="N213139" s="10"/>
    </row>
    <row r="213140" spans="14:14">
      <c r="N213140" s="10"/>
    </row>
    <row r="213141" spans="14:14">
      <c r="N213141" s="10"/>
    </row>
    <row r="213142" spans="14:14">
      <c r="N213142" s="10"/>
    </row>
    <row r="213143" spans="14:14">
      <c r="N213143" s="10"/>
    </row>
    <row r="213144" spans="14:14">
      <c r="N213144" s="10"/>
    </row>
    <row r="213145" spans="14:14">
      <c r="N213145" s="10"/>
    </row>
    <row r="213146" spans="14:14">
      <c r="N213146" s="10"/>
    </row>
    <row r="213147" spans="14:14">
      <c r="N213147" s="10"/>
    </row>
    <row r="213148" spans="14:14">
      <c r="N213148" s="10"/>
    </row>
    <row r="213149" spans="14:14">
      <c r="N213149" s="10"/>
    </row>
    <row r="213150" spans="14:14">
      <c r="N213150" s="10"/>
    </row>
    <row r="213151" spans="14:14">
      <c r="N213151" s="10"/>
    </row>
    <row r="213152" spans="14:14">
      <c r="N213152" s="10"/>
    </row>
    <row r="213153" spans="14:14">
      <c r="N213153" s="10"/>
    </row>
    <row r="213154" spans="14:14">
      <c r="N213154" s="10"/>
    </row>
    <row r="213155" spans="14:14">
      <c r="N213155" s="10"/>
    </row>
    <row r="213156" spans="14:14">
      <c r="N213156" s="10"/>
    </row>
    <row r="213157" spans="14:14">
      <c r="N213157" s="10"/>
    </row>
    <row r="213158" spans="14:14">
      <c r="N213158" s="10"/>
    </row>
    <row r="213159" spans="14:14">
      <c r="N213159" s="10"/>
    </row>
    <row r="213160" spans="14:14">
      <c r="N213160" s="10"/>
    </row>
    <row r="213161" spans="14:14">
      <c r="N213161" s="10"/>
    </row>
    <row r="213162" spans="14:14">
      <c r="N213162" s="10"/>
    </row>
    <row r="213163" spans="14:14">
      <c r="N213163" s="10"/>
    </row>
    <row r="213164" spans="14:14">
      <c r="N213164" s="10"/>
    </row>
    <row r="213165" spans="14:14">
      <c r="N213165" s="10"/>
    </row>
    <row r="213166" spans="14:14">
      <c r="N213166" s="10"/>
    </row>
    <row r="213167" spans="14:14">
      <c r="N213167" s="10"/>
    </row>
    <row r="213168" spans="14:14">
      <c r="N213168" s="10"/>
    </row>
    <row r="213169" spans="14:14">
      <c r="N213169" s="10"/>
    </row>
    <row r="213170" spans="14:14">
      <c r="N213170" s="10"/>
    </row>
    <row r="213171" spans="14:14">
      <c r="N213171" s="10"/>
    </row>
    <row r="213172" spans="14:14">
      <c r="N213172" s="10"/>
    </row>
    <row r="213173" spans="14:14">
      <c r="N213173" s="10"/>
    </row>
    <row r="213174" spans="14:14">
      <c r="N213174" s="10"/>
    </row>
    <row r="213175" spans="14:14">
      <c r="N213175" s="10"/>
    </row>
    <row r="213176" spans="14:14">
      <c r="N213176" s="10"/>
    </row>
    <row r="213177" spans="14:14">
      <c r="N213177" s="10"/>
    </row>
    <row r="213178" spans="14:14">
      <c r="N213178" s="10"/>
    </row>
    <row r="213179" spans="14:14">
      <c r="N213179" s="10"/>
    </row>
    <row r="213180" spans="14:14">
      <c r="N213180" s="10"/>
    </row>
    <row r="213181" spans="14:14">
      <c r="N213181" s="10"/>
    </row>
    <row r="213182" spans="14:14">
      <c r="N213182" s="10"/>
    </row>
    <row r="213183" spans="14:14">
      <c r="N213183" s="10"/>
    </row>
    <row r="213184" spans="14:14">
      <c r="N213184" s="10"/>
    </row>
    <row r="213185" spans="14:14">
      <c r="N213185" s="10"/>
    </row>
    <row r="213186" spans="14:14">
      <c r="N213186" s="10"/>
    </row>
    <row r="213187" spans="14:14">
      <c r="N213187" s="10"/>
    </row>
    <row r="213188" spans="14:14">
      <c r="N213188" s="10"/>
    </row>
    <row r="213189" spans="14:14">
      <c r="N213189" s="10"/>
    </row>
    <row r="213190" spans="14:14">
      <c r="N213190" s="10"/>
    </row>
    <row r="213191" spans="14:14">
      <c r="N213191" s="10"/>
    </row>
    <row r="213192" spans="14:14">
      <c r="N213192" s="10"/>
    </row>
    <row r="213193" spans="14:14">
      <c r="N213193" s="10"/>
    </row>
    <row r="213194" spans="14:14">
      <c r="N213194" s="10"/>
    </row>
    <row r="213195" spans="14:14">
      <c r="N213195" s="10"/>
    </row>
    <row r="213196" spans="14:14">
      <c r="N213196" s="10"/>
    </row>
    <row r="213197" spans="14:14">
      <c r="N213197" s="10"/>
    </row>
    <row r="213198" spans="14:14">
      <c r="N213198" s="10"/>
    </row>
    <row r="213199" spans="14:14">
      <c r="N213199" s="10"/>
    </row>
    <row r="213200" spans="14:14">
      <c r="N213200" s="10"/>
    </row>
    <row r="213201" spans="14:14">
      <c r="N213201" s="10"/>
    </row>
    <row r="213202" spans="14:14">
      <c r="N213202" s="10"/>
    </row>
    <row r="213203" spans="14:14">
      <c r="N213203" s="10"/>
    </row>
    <row r="213204" spans="14:14">
      <c r="N213204" s="10"/>
    </row>
    <row r="213205" spans="14:14">
      <c r="N213205" s="10"/>
    </row>
    <row r="213206" spans="14:14">
      <c r="N213206" s="10"/>
    </row>
    <row r="213207" spans="14:14">
      <c r="N213207" s="10"/>
    </row>
    <row r="213208" spans="14:14">
      <c r="N213208" s="10"/>
    </row>
    <row r="213209" spans="14:14">
      <c r="N213209" s="10"/>
    </row>
    <row r="213210" spans="14:14">
      <c r="N213210" s="10"/>
    </row>
    <row r="213211" spans="14:14">
      <c r="N213211" s="10"/>
    </row>
    <row r="213212" spans="14:14">
      <c r="N213212" s="10"/>
    </row>
    <row r="213213" spans="14:14">
      <c r="N213213" s="10"/>
    </row>
    <row r="213214" spans="14:14">
      <c r="N213214" s="10"/>
    </row>
    <row r="213215" spans="14:14">
      <c r="N213215" s="10"/>
    </row>
    <row r="213216" spans="14:14">
      <c r="N213216" s="10"/>
    </row>
    <row r="213217" spans="14:14">
      <c r="N213217" s="10"/>
    </row>
    <row r="213218" spans="14:14">
      <c r="N213218" s="10"/>
    </row>
    <row r="213219" spans="14:14">
      <c r="N213219" s="10"/>
    </row>
    <row r="213220" spans="14:14">
      <c r="N213220" s="10"/>
    </row>
    <row r="213221" spans="14:14">
      <c r="N213221" s="10"/>
    </row>
    <row r="213222" spans="14:14">
      <c r="N213222" s="10"/>
    </row>
    <row r="213223" spans="14:14">
      <c r="N213223" s="10"/>
    </row>
    <row r="213224" spans="14:14">
      <c r="N213224" s="10"/>
    </row>
    <row r="213225" spans="14:14">
      <c r="N213225" s="10"/>
    </row>
    <row r="213226" spans="14:14">
      <c r="N213226" s="10"/>
    </row>
    <row r="213227" spans="14:14">
      <c r="N213227" s="10"/>
    </row>
    <row r="213228" spans="14:14">
      <c r="N213228" s="10"/>
    </row>
    <row r="213229" spans="14:14">
      <c r="N213229" s="10"/>
    </row>
    <row r="213230" spans="14:14">
      <c r="N213230" s="10"/>
    </row>
    <row r="213231" spans="14:14">
      <c r="N213231" s="10"/>
    </row>
    <row r="213232" spans="14:14">
      <c r="N213232" s="10"/>
    </row>
    <row r="213233" spans="14:14">
      <c r="N213233" s="10"/>
    </row>
    <row r="213234" spans="14:14">
      <c r="N213234" s="10"/>
    </row>
    <row r="213235" spans="14:14">
      <c r="N213235" s="10"/>
    </row>
    <row r="213236" spans="14:14">
      <c r="N213236" s="10"/>
    </row>
    <row r="213237" spans="14:14">
      <c r="N213237" s="10"/>
    </row>
    <row r="213238" spans="14:14">
      <c r="N213238" s="10"/>
    </row>
    <row r="213239" spans="14:14">
      <c r="N213239" s="10"/>
    </row>
    <row r="213240" spans="14:14">
      <c r="N213240" s="10"/>
    </row>
    <row r="213241" spans="14:14">
      <c r="N213241" s="10"/>
    </row>
    <row r="213242" spans="14:14">
      <c r="N213242" s="10"/>
    </row>
    <row r="213243" spans="14:14">
      <c r="N213243" s="10"/>
    </row>
    <row r="213244" spans="14:14">
      <c r="N213244" s="10"/>
    </row>
    <row r="213245" spans="14:14">
      <c r="N213245" s="10"/>
    </row>
    <row r="213246" spans="14:14">
      <c r="N213246" s="10"/>
    </row>
    <row r="213247" spans="14:14">
      <c r="N213247" s="10"/>
    </row>
    <row r="213248" spans="14:14">
      <c r="N213248" s="10"/>
    </row>
    <row r="213249" spans="14:14">
      <c r="N213249" s="10"/>
    </row>
    <row r="213250" spans="14:14">
      <c r="N213250" s="10"/>
    </row>
    <row r="213251" spans="14:14">
      <c r="N213251" s="10"/>
    </row>
    <row r="213252" spans="14:14">
      <c r="N213252" s="10"/>
    </row>
    <row r="213253" spans="14:14">
      <c r="N213253" s="10"/>
    </row>
    <row r="213254" spans="14:14">
      <c r="N213254" s="10"/>
    </row>
    <row r="213255" spans="14:14">
      <c r="N213255" s="10"/>
    </row>
    <row r="213256" spans="14:14">
      <c r="N213256" s="10"/>
    </row>
    <row r="213257" spans="14:14">
      <c r="N213257" s="10"/>
    </row>
    <row r="213258" spans="14:14">
      <c r="N213258" s="10"/>
    </row>
    <row r="213259" spans="14:14">
      <c r="N213259" s="10"/>
    </row>
    <row r="213260" spans="14:14">
      <c r="N213260" s="10"/>
    </row>
    <row r="213261" spans="14:14">
      <c r="N213261" s="10"/>
    </row>
    <row r="213262" spans="14:14">
      <c r="N213262" s="10"/>
    </row>
    <row r="213263" spans="14:14">
      <c r="N213263" s="10"/>
    </row>
    <row r="213264" spans="14:14">
      <c r="N213264" s="10"/>
    </row>
    <row r="213265" spans="14:14">
      <c r="N213265" s="10"/>
    </row>
    <row r="213266" spans="14:14">
      <c r="N213266" s="10"/>
    </row>
    <row r="213267" spans="14:14">
      <c r="N213267" s="10"/>
    </row>
    <row r="213268" spans="14:14">
      <c r="N213268" s="10"/>
    </row>
    <row r="213269" spans="14:14">
      <c r="N213269" s="10"/>
    </row>
    <row r="213270" spans="14:14">
      <c r="N213270" s="10"/>
    </row>
    <row r="213271" spans="14:14">
      <c r="N213271" s="10"/>
    </row>
    <row r="213272" spans="14:14">
      <c r="N213272" s="10"/>
    </row>
    <row r="213273" spans="14:14">
      <c r="N213273" s="10"/>
    </row>
    <row r="213274" spans="14:14">
      <c r="N213274" s="10"/>
    </row>
    <row r="213275" spans="14:14">
      <c r="N213275" s="10"/>
    </row>
    <row r="213276" spans="14:14">
      <c r="N213276" s="10"/>
    </row>
    <row r="213277" spans="14:14">
      <c r="N213277" s="10"/>
    </row>
    <row r="213278" spans="14:14">
      <c r="N213278" s="10"/>
    </row>
    <row r="213279" spans="14:14">
      <c r="N213279" s="10"/>
    </row>
    <row r="213280" spans="14:14">
      <c r="N213280" s="10"/>
    </row>
    <row r="213281" spans="14:14">
      <c r="N213281" s="10"/>
    </row>
    <row r="213282" spans="14:14">
      <c r="N213282" s="10"/>
    </row>
    <row r="213283" spans="14:14">
      <c r="N213283" s="10"/>
    </row>
    <row r="213284" spans="14:14">
      <c r="N213284" s="10"/>
    </row>
    <row r="213285" spans="14:14">
      <c r="N213285" s="10"/>
    </row>
    <row r="213286" spans="14:14">
      <c r="N213286" s="10"/>
    </row>
    <row r="213287" spans="14:14">
      <c r="N213287" s="10"/>
    </row>
    <row r="213288" spans="14:14">
      <c r="N213288" s="10"/>
    </row>
    <row r="213289" spans="14:14">
      <c r="N213289" s="10"/>
    </row>
    <row r="213290" spans="14:14">
      <c r="N213290" s="10"/>
    </row>
    <row r="213291" spans="14:14">
      <c r="N213291" s="10"/>
    </row>
    <row r="213292" spans="14:14">
      <c r="N213292" s="10"/>
    </row>
    <row r="213293" spans="14:14">
      <c r="N213293" s="10"/>
    </row>
    <row r="213294" spans="14:14">
      <c r="N213294" s="10"/>
    </row>
    <row r="213295" spans="14:14">
      <c r="N213295" s="10"/>
    </row>
    <row r="213296" spans="14:14">
      <c r="N213296" s="10"/>
    </row>
    <row r="213297" spans="14:14">
      <c r="N213297" s="10"/>
    </row>
    <row r="213298" spans="14:14">
      <c r="N213298" s="10"/>
    </row>
    <row r="213299" spans="14:14">
      <c r="N213299" s="10"/>
    </row>
    <row r="213300" spans="14:14">
      <c r="N213300" s="10"/>
    </row>
    <row r="213301" spans="14:14">
      <c r="N213301" s="10"/>
    </row>
    <row r="213302" spans="14:14">
      <c r="N213302" s="10"/>
    </row>
    <row r="213303" spans="14:14">
      <c r="N213303" s="10"/>
    </row>
    <row r="213304" spans="14:14">
      <c r="N213304" s="10"/>
    </row>
    <row r="213305" spans="14:14">
      <c r="N213305" s="10"/>
    </row>
    <row r="213306" spans="14:14">
      <c r="N213306" s="10"/>
    </row>
    <row r="213307" spans="14:14">
      <c r="N213307" s="10"/>
    </row>
    <row r="213308" spans="14:14">
      <c r="N213308" s="10"/>
    </row>
    <row r="213309" spans="14:14">
      <c r="N213309" s="10"/>
    </row>
    <row r="213310" spans="14:14">
      <c r="N213310" s="10"/>
    </row>
    <row r="213311" spans="14:14">
      <c r="N213311" s="10"/>
    </row>
    <row r="213312" spans="14:14">
      <c r="N213312" s="10"/>
    </row>
    <row r="213313" spans="14:14">
      <c r="N213313" s="10"/>
    </row>
    <row r="213314" spans="14:14">
      <c r="N213314" s="10"/>
    </row>
    <row r="213315" spans="14:14">
      <c r="N213315" s="10"/>
    </row>
    <row r="213316" spans="14:14">
      <c r="N213316" s="10"/>
    </row>
    <row r="213317" spans="14:14">
      <c r="N213317" s="10"/>
    </row>
    <row r="213318" spans="14:14">
      <c r="N213318" s="10"/>
    </row>
    <row r="213319" spans="14:14">
      <c r="N213319" s="10"/>
    </row>
    <row r="213320" spans="14:14">
      <c r="N213320" s="10"/>
    </row>
    <row r="213321" spans="14:14">
      <c r="N213321" s="10"/>
    </row>
    <row r="213322" spans="14:14">
      <c r="N213322" s="10"/>
    </row>
    <row r="213323" spans="14:14">
      <c r="N213323" s="10"/>
    </row>
    <row r="213324" spans="14:14">
      <c r="N213324" s="10"/>
    </row>
    <row r="213325" spans="14:14">
      <c r="N213325" s="10"/>
    </row>
    <row r="213326" spans="14:14">
      <c r="N213326" s="10"/>
    </row>
    <row r="213327" spans="14:14">
      <c r="N213327" s="10"/>
    </row>
    <row r="213328" spans="14:14">
      <c r="N213328" s="10"/>
    </row>
    <row r="213329" spans="14:14">
      <c r="N213329" s="10"/>
    </row>
    <row r="213330" spans="14:14">
      <c r="N213330" s="10"/>
    </row>
    <row r="213331" spans="14:14">
      <c r="N213331" s="10"/>
    </row>
    <row r="213332" spans="14:14">
      <c r="N213332" s="10"/>
    </row>
    <row r="213333" spans="14:14">
      <c r="N213333" s="10"/>
    </row>
    <row r="213334" spans="14:14">
      <c r="N213334" s="10"/>
    </row>
    <row r="213335" spans="14:14">
      <c r="N213335" s="10"/>
    </row>
    <row r="213336" spans="14:14">
      <c r="N213336" s="10"/>
    </row>
    <row r="213337" spans="14:14">
      <c r="N213337" s="10"/>
    </row>
    <row r="213338" spans="14:14">
      <c r="N213338" s="10"/>
    </row>
    <row r="213339" spans="14:14">
      <c r="N213339" s="10"/>
    </row>
    <row r="213340" spans="14:14">
      <c r="N213340" s="10"/>
    </row>
    <row r="213341" spans="14:14">
      <c r="N213341" s="10"/>
    </row>
    <row r="213342" spans="14:14">
      <c r="N213342" s="10"/>
    </row>
    <row r="213343" spans="14:14">
      <c r="N213343" s="10"/>
    </row>
    <row r="213344" spans="14:14">
      <c r="N213344" s="10"/>
    </row>
    <row r="213345" spans="14:14">
      <c r="N213345" s="10"/>
    </row>
    <row r="213346" spans="14:14">
      <c r="N213346" s="10"/>
    </row>
    <row r="213347" spans="14:14">
      <c r="N213347" s="10"/>
    </row>
    <row r="213348" spans="14:14">
      <c r="N213348" s="10"/>
    </row>
    <row r="213349" spans="14:14">
      <c r="N213349" s="10"/>
    </row>
    <row r="213350" spans="14:14">
      <c r="N213350" s="10"/>
    </row>
    <row r="213351" spans="14:14">
      <c r="N213351" s="10"/>
    </row>
    <row r="213352" spans="14:14">
      <c r="N213352" s="10"/>
    </row>
    <row r="213353" spans="14:14">
      <c r="N213353" s="10"/>
    </row>
    <row r="213354" spans="14:14">
      <c r="N213354" s="10"/>
    </row>
    <row r="213355" spans="14:14">
      <c r="N213355" s="10"/>
    </row>
    <row r="213356" spans="14:14">
      <c r="N213356" s="10"/>
    </row>
    <row r="213357" spans="14:14">
      <c r="N213357" s="10"/>
    </row>
    <row r="213358" spans="14:14">
      <c r="N213358" s="10"/>
    </row>
    <row r="213359" spans="14:14">
      <c r="N213359" s="10"/>
    </row>
    <row r="213360" spans="14:14">
      <c r="N213360" s="10"/>
    </row>
    <row r="213361" spans="14:14">
      <c r="N213361" s="10"/>
    </row>
    <row r="213362" spans="14:14">
      <c r="N213362" s="10"/>
    </row>
    <row r="213363" spans="14:14">
      <c r="N213363" s="10"/>
    </row>
    <row r="213364" spans="14:14">
      <c r="N213364" s="10"/>
    </row>
    <row r="213365" spans="14:14">
      <c r="N213365" s="10"/>
    </row>
    <row r="213366" spans="14:14">
      <c r="N213366" s="10"/>
    </row>
    <row r="213367" spans="14:14">
      <c r="N213367" s="10"/>
    </row>
    <row r="213368" spans="14:14">
      <c r="N213368" s="10"/>
    </row>
    <row r="213369" spans="14:14">
      <c r="N213369" s="10"/>
    </row>
    <row r="213370" spans="14:14">
      <c r="N213370" s="10"/>
    </row>
    <row r="213371" spans="14:14">
      <c r="N213371" s="10"/>
    </row>
    <row r="213372" spans="14:14">
      <c r="N213372" s="10"/>
    </row>
    <row r="213373" spans="14:14">
      <c r="N213373" s="10"/>
    </row>
    <row r="213374" spans="14:14">
      <c r="N213374" s="10"/>
    </row>
    <row r="213375" spans="14:14">
      <c r="N213375" s="10"/>
    </row>
    <row r="213376" spans="14:14">
      <c r="N213376" s="10"/>
    </row>
    <row r="213377" spans="14:14">
      <c r="N213377" s="10"/>
    </row>
    <row r="213378" spans="14:14">
      <c r="N213378" s="10"/>
    </row>
    <row r="213379" spans="14:14">
      <c r="N213379" s="10"/>
    </row>
    <row r="213380" spans="14:14">
      <c r="N213380" s="10"/>
    </row>
    <row r="213381" spans="14:14">
      <c r="N213381" s="10"/>
    </row>
    <row r="213382" spans="14:14">
      <c r="N213382" s="10"/>
    </row>
    <row r="213383" spans="14:14">
      <c r="N213383" s="10"/>
    </row>
    <row r="213384" spans="14:14">
      <c r="N213384" s="10"/>
    </row>
    <row r="213385" spans="14:14">
      <c r="N213385" s="10"/>
    </row>
    <row r="213386" spans="14:14">
      <c r="N213386" s="10"/>
    </row>
    <row r="213387" spans="14:14">
      <c r="N213387" s="10"/>
    </row>
    <row r="213388" spans="14:14">
      <c r="N213388" s="10"/>
    </row>
    <row r="213389" spans="14:14">
      <c r="N213389" s="10"/>
    </row>
    <row r="213390" spans="14:14">
      <c r="N213390" s="10"/>
    </row>
    <row r="213391" spans="14:14">
      <c r="N213391" s="10"/>
    </row>
    <row r="213392" spans="14:14">
      <c r="N213392" s="10"/>
    </row>
    <row r="213393" spans="14:14">
      <c r="N213393" s="10"/>
    </row>
    <row r="213394" spans="14:14">
      <c r="N213394" s="10"/>
    </row>
    <row r="213395" spans="14:14">
      <c r="N213395" s="10"/>
    </row>
    <row r="213396" spans="14:14">
      <c r="N213396" s="10"/>
    </row>
    <row r="213397" spans="14:14">
      <c r="N213397" s="10"/>
    </row>
    <row r="213398" spans="14:14">
      <c r="N213398" s="10"/>
    </row>
    <row r="213399" spans="14:14">
      <c r="N213399" s="10"/>
    </row>
    <row r="213400" spans="14:14">
      <c r="N213400" s="10"/>
    </row>
    <row r="213401" spans="14:14">
      <c r="N213401" s="10"/>
    </row>
    <row r="213402" spans="14:14">
      <c r="N213402" s="10"/>
    </row>
    <row r="213403" spans="14:14">
      <c r="N213403" s="10"/>
    </row>
    <row r="213404" spans="14:14">
      <c r="N213404" s="10"/>
    </row>
    <row r="213405" spans="14:14">
      <c r="N213405" s="10"/>
    </row>
    <row r="213406" spans="14:14">
      <c r="N213406" s="10"/>
    </row>
    <row r="213407" spans="14:14">
      <c r="N213407" s="10"/>
    </row>
    <row r="213408" spans="14:14">
      <c r="N213408" s="10"/>
    </row>
    <row r="213409" spans="14:14">
      <c r="N213409" s="10"/>
    </row>
    <row r="213410" spans="14:14">
      <c r="N213410" s="10"/>
    </row>
    <row r="213411" spans="14:14">
      <c r="N213411" s="10"/>
    </row>
    <row r="213412" spans="14:14">
      <c r="N213412" s="10"/>
    </row>
    <row r="213413" spans="14:14">
      <c r="N213413" s="10"/>
    </row>
    <row r="213414" spans="14:14">
      <c r="N213414" s="10"/>
    </row>
    <row r="213415" spans="14:14">
      <c r="N213415" s="10"/>
    </row>
    <row r="213416" spans="14:14">
      <c r="N213416" s="10"/>
    </row>
    <row r="213417" spans="14:14">
      <c r="N213417" s="10"/>
    </row>
    <row r="213418" spans="14:14">
      <c r="N213418" s="10"/>
    </row>
    <row r="213419" spans="14:14">
      <c r="N213419" s="10"/>
    </row>
    <row r="213420" spans="14:14">
      <c r="N213420" s="10"/>
    </row>
    <row r="213421" spans="14:14">
      <c r="N213421" s="10"/>
    </row>
    <row r="213422" spans="14:14">
      <c r="N213422" s="10"/>
    </row>
    <row r="213423" spans="14:14">
      <c r="N213423" s="10"/>
    </row>
    <row r="213424" spans="14:14">
      <c r="N213424" s="10"/>
    </row>
    <row r="213425" spans="14:14">
      <c r="N213425" s="10"/>
    </row>
    <row r="213426" spans="14:14">
      <c r="N213426" s="10"/>
    </row>
    <row r="213427" spans="14:14">
      <c r="N213427" s="10"/>
    </row>
    <row r="213428" spans="14:14">
      <c r="N213428" s="10"/>
    </row>
    <row r="213429" spans="14:14">
      <c r="N213429" s="10"/>
    </row>
    <row r="213430" spans="14:14">
      <c r="N213430" s="10"/>
    </row>
    <row r="213431" spans="14:14">
      <c r="N213431" s="10"/>
    </row>
    <row r="213432" spans="14:14">
      <c r="N213432" s="10"/>
    </row>
    <row r="213433" spans="14:14">
      <c r="N213433" s="10"/>
    </row>
    <row r="213434" spans="14:14">
      <c r="N213434" s="10"/>
    </row>
    <row r="213435" spans="14:14">
      <c r="N213435" s="10"/>
    </row>
    <row r="213436" spans="14:14">
      <c r="N213436" s="10"/>
    </row>
    <row r="213437" spans="14:14">
      <c r="N213437" s="10"/>
    </row>
    <row r="213438" spans="14:14">
      <c r="N213438" s="10"/>
    </row>
    <row r="213439" spans="14:14">
      <c r="N213439" s="10"/>
    </row>
    <row r="213440" spans="14:14">
      <c r="N213440" s="10"/>
    </row>
    <row r="213441" spans="14:14">
      <c r="N213441" s="10"/>
    </row>
    <row r="213442" spans="14:14">
      <c r="N213442" s="10"/>
    </row>
    <row r="213443" spans="14:14">
      <c r="N213443" s="10"/>
    </row>
    <row r="213444" spans="14:14">
      <c r="N213444" s="10"/>
    </row>
    <row r="213445" spans="14:14">
      <c r="N213445" s="10"/>
    </row>
    <row r="213446" spans="14:14">
      <c r="N213446" s="10"/>
    </row>
    <row r="213447" spans="14:14">
      <c r="N213447" s="10"/>
    </row>
    <row r="213448" spans="14:14">
      <c r="N213448" s="10"/>
    </row>
    <row r="213449" spans="14:14">
      <c r="N213449" s="10"/>
    </row>
    <row r="213450" spans="14:14">
      <c r="N213450" s="10"/>
    </row>
    <row r="213451" spans="14:14">
      <c r="N213451" s="10"/>
    </row>
    <row r="213452" spans="14:14">
      <c r="N213452" s="10"/>
    </row>
    <row r="213453" spans="14:14">
      <c r="N213453" s="10"/>
    </row>
    <row r="213454" spans="14:14">
      <c r="N213454" s="10"/>
    </row>
    <row r="213455" spans="14:14">
      <c r="N213455" s="10"/>
    </row>
    <row r="213456" spans="14:14">
      <c r="N213456" s="10"/>
    </row>
    <row r="213457" spans="14:14">
      <c r="N213457" s="10"/>
    </row>
    <row r="213458" spans="14:14">
      <c r="N213458" s="10"/>
    </row>
    <row r="213459" spans="14:14">
      <c r="N213459" s="10"/>
    </row>
    <row r="213460" spans="14:14">
      <c r="N213460" s="10"/>
    </row>
    <row r="213461" spans="14:14">
      <c r="N213461" s="10"/>
    </row>
    <row r="213462" spans="14:14">
      <c r="N213462" s="10"/>
    </row>
    <row r="213463" spans="14:14">
      <c r="N213463" s="10"/>
    </row>
    <row r="213464" spans="14:14">
      <c r="N213464" s="10"/>
    </row>
    <row r="213465" spans="14:14">
      <c r="N213465" s="10"/>
    </row>
    <row r="213466" spans="14:14">
      <c r="N213466" s="10"/>
    </row>
    <row r="213467" spans="14:14">
      <c r="N213467" s="10"/>
    </row>
    <row r="213468" spans="14:14">
      <c r="N213468" s="10"/>
    </row>
    <row r="213469" spans="14:14">
      <c r="N213469" s="10"/>
    </row>
    <row r="213470" spans="14:14">
      <c r="N213470" s="10"/>
    </row>
    <row r="213471" spans="14:14">
      <c r="N213471" s="10"/>
    </row>
    <row r="213472" spans="14:14">
      <c r="N213472" s="10"/>
    </row>
    <row r="213473" spans="14:14">
      <c r="N213473" s="10"/>
    </row>
    <row r="213474" spans="14:14">
      <c r="N213474" s="10"/>
    </row>
    <row r="213475" spans="14:14">
      <c r="N213475" s="10"/>
    </row>
    <row r="213476" spans="14:14">
      <c r="N213476" s="10"/>
    </row>
    <row r="213477" spans="14:14">
      <c r="N213477" s="10"/>
    </row>
    <row r="213478" spans="14:14">
      <c r="N213478" s="10"/>
    </row>
    <row r="213479" spans="14:14">
      <c r="N213479" s="10"/>
    </row>
    <row r="213480" spans="14:14">
      <c r="N213480" s="10"/>
    </row>
    <row r="213481" spans="14:14">
      <c r="N213481" s="10"/>
    </row>
    <row r="213482" spans="14:14">
      <c r="N213482" s="10"/>
    </row>
    <row r="213483" spans="14:14">
      <c r="N213483" s="10"/>
    </row>
    <row r="213484" spans="14:14">
      <c r="N213484" s="10"/>
    </row>
    <row r="213485" spans="14:14">
      <c r="N213485" s="10"/>
    </row>
    <row r="213486" spans="14:14">
      <c r="N213486" s="10"/>
    </row>
    <row r="213487" spans="14:14">
      <c r="N213487" s="10"/>
    </row>
    <row r="213488" spans="14:14">
      <c r="N213488" s="10"/>
    </row>
    <row r="213489" spans="14:14">
      <c r="N213489" s="10"/>
    </row>
    <row r="213490" spans="14:14">
      <c r="N213490" s="10"/>
    </row>
    <row r="213491" spans="14:14">
      <c r="N213491" s="10"/>
    </row>
    <row r="213492" spans="14:14">
      <c r="N213492" s="10"/>
    </row>
    <row r="213493" spans="14:14">
      <c r="N213493" s="10"/>
    </row>
    <row r="213494" spans="14:14">
      <c r="N213494" s="10"/>
    </row>
    <row r="213495" spans="14:14">
      <c r="N213495" s="10"/>
    </row>
    <row r="213496" spans="14:14">
      <c r="N213496" s="10"/>
    </row>
    <row r="213497" spans="14:14">
      <c r="N213497" s="10"/>
    </row>
    <row r="213498" spans="14:14">
      <c r="N213498" s="10"/>
    </row>
    <row r="213499" spans="14:14">
      <c r="N213499" s="10"/>
    </row>
    <row r="213500" spans="14:14">
      <c r="N213500" s="10"/>
    </row>
    <row r="213501" spans="14:14">
      <c r="N213501" s="10"/>
    </row>
    <row r="213502" spans="14:14">
      <c r="N213502" s="10"/>
    </row>
    <row r="213503" spans="14:14">
      <c r="N213503" s="10"/>
    </row>
    <row r="213504" spans="14:14">
      <c r="N213504" s="10"/>
    </row>
    <row r="213505" spans="14:14">
      <c r="N213505" s="10"/>
    </row>
    <row r="213506" spans="14:14">
      <c r="N213506" s="10"/>
    </row>
    <row r="213507" spans="14:14">
      <c r="N213507" s="10"/>
    </row>
    <row r="213508" spans="14:14">
      <c r="N213508" s="10"/>
    </row>
    <row r="213509" spans="14:14">
      <c r="N213509" s="10"/>
    </row>
    <row r="213510" spans="14:14">
      <c r="N213510" s="10"/>
    </row>
    <row r="213511" spans="14:14">
      <c r="N213511" s="10"/>
    </row>
    <row r="213512" spans="14:14">
      <c r="N213512" s="10"/>
    </row>
    <row r="213513" spans="14:14">
      <c r="N213513" s="10"/>
    </row>
    <row r="213514" spans="14:14">
      <c r="N213514" s="10"/>
    </row>
    <row r="213515" spans="14:14">
      <c r="N213515" s="10"/>
    </row>
    <row r="213516" spans="14:14">
      <c r="N213516" s="10"/>
    </row>
    <row r="213517" spans="14:14">
      <c r="N213517" s="10"/>
    </row>
    <row r="213518" spans="14:14">
      <c r="N213518" s="10"/>
    </row>
    <row r="213519" spans="14:14">
      <c r="N213519" s="10"/>
    </row>
    <row r="213520" spans="14:14">
      <c r="N213520" s="10"/>
    </row>
    <row r="213521" spans="14:14">
      <c r="N213521" s="10"/>
    </row>
    <row r="213522" spans="14:14">
      <c r="N213522" s="10"/>
    </row>
    <row r="213523" spans="14:14">
      <c r="N213523" s="10"/>
    </row>
    <row r="213524" spans="14:14">
      <c r="N213524" s="10"/>
    </row>
    <row r="213525" spans="14:14">
      <c r="N213525" s="10"/>
    </row>
    <row r="213526" spans="14:14">
      <c r="N213526" s="10"/>
    </row>
    <row r="213527" spans="14:14">
      <c r="N213527" s="10"/>
    </row>
    <row r="213528" spans="14:14">
      <c r="N213528" s="10"/>
    </row>
    <row r="213529" spans="14:14">
      <c r="N213529" s="10"/>
    </row>
    <row r="213530" spans="14:14">
      <c r="N213530" s="10"/>
    </row>
    <row r="213531" spans="14:14">
      <c r="N213531" s="10"/>
    </row>
    <row r="213532" spans="14:14">
      <c r="N213532" s="10"/>
    </row>
    <row r="213533" spans="14:14">
      <c r="N213533" s="10"/>
    </row>
    <row r="213534" spans="14:14">
      <c r="N213534" s="10"/>
    </row>
    <row r="213535" spans="14:14">
      <c r="N213535" s="10"/>
    </row>
    <row r="213536" spans="14:14">
      <c r="N213536" s="10"/>
    </row>
    <row r="213537" spans="14:14">
      <c r="N213537" s="10"/>
    </row>
    <row r="213538" spans="14:14">
      <c r="N213538" s="10"/>
    </row>
    <row r="213539" spans="14:14">
      <c r="N213539" s="10"/>
    </row>
    <row r="213540" spans="14:14">
      <c r="N213540" s="10"/>
    </row>
    <row r="213541" spans="14:14">
      <c r="N213541" s="10"/>
    </row>
    <row r="213542" spans="14:14">
      <c r="N213542" s="10"/>
    </row>
    <row r="213543" spans="14:14">
      <c r="N213543" s="10"/>
    </row>
    <row r="213544" spans="14:14">
      <c r="N213544" s="10"/>
    </row>
    <row r="213545" spans="14:14">
      <c r="N213545" s="10"/>
    </row>
    <row r="213546" spans="14:14">
      <c r="N213546" s="10"/>
    </row>
    <row r="213547" spans="14:14">
      <c r="N213547" s="10"/>
    </row>
    <row r="213548" spans="14:14">
      <c r="N213548" s="10"/>
    </row>
    <row r="213549" spans="14:14">
      <c r="N213549" s="10"/>
    </row>
    <row r="213550" spans="14:14">
      <c r="N213550" s="10"/>
    </row>
    <row r="213551" spans="14:14">
      <c r="N213551" s="10"/>
    </row>
    <row r="213552" spans="14:14">
      <c r="N213552" s="10"/>
    </row>
    <row r="213553" spans="14:14">
      <c r="N213553" s="10"/>
    </row>
    <row r="213554" spans="14:14">
      <c r="N213554" s="10"/>
    </row>
    <row r="213555" spans="14:14">
      <c r="N213555" s="10"/>
    </row>
    <row r="213556" spans="14:14">
      <c r="N213556" s="10"/>
    </row>
    <row r="213557" spans="14:14">
      <c r="N213557" s="10"/>
    </row>
    <row r="213558" spans="14:14">
      <c r="N213558" s="10"/>
    </row>
    <row r="213559" spans="14:14">
      <c r="N213559" s="10"/>
    </row>
    <row r="213560" spans="14:14">
      <c r="N213560" s="10"/>
    </row>
    <row r="213561" spans="14:14">
      <c r="N213561" s="10"/>
    </row>
    <row r="213562" spans="14:14">
      <c r="N213562" s="10"/>
    </row>
    <row r="213563" spans="14:14">
      <c r="N213563" s="10"/>
    </row>
    <row r="213564" spans="14:14">
      <c r="N213564" s="10"/>
    </row>
    <row r="213565" spans="14:14">
      <c r="N213565" s="10"/>
    </row>
    <row r="213566" spans="14:14">
      <c r="N213566" s="10"/>
    </row>
    <row r="213567" spans="14:14">
      <c r="N213567" s="10"/>
    </row>
    <row r="213568" spans="14:14">
      <c r="N213568" s="10"/>
    </row>
    <row r="213569" spans="14:14">
      <c r="N213569" s="10"/>
    </row>
    <row r="213570" spans="14:14">
      <c r="N213570" s="10"/>
    </row>
    <row r="213571" spans="14:14">
      <c r="N213571" s="10"/>
    </row>
    <row r="213572" spans="14:14">
      <c r="N213572" s="10"/>
    </row>
    <row r="213573" spans="14:14">
      <c r="N213573" s="10"/>
    </row>
    <row r="213574" spans="14:14">
      <c r="N213574" s="10"/>
    </row>
    <row r="213575" spans="14:14">
      <c r="N213575" s="10"/>
    </row>
    <row r="213576" spans="14:14">
      <c r="N213576" s="10"/>
    </row>
    <row r="213577" spans="14:14">
      <c r="N213577" s="10"/>
    </row>
    <row r="213578" spans="14:14">
      <c r="N213578" s="10"/>
    </row>
    <row r="213579" spans="14:14">
      <c r="N213579" s="10"/>
    </row>
    <row r="213580" spans="14:14">
      <c r="N213580" s="10"/>
    </row>
    <row r="213581" spans="14:14">
      <c r="N213581" s="10"/>
    </row>
    <row r="213582" spans="14:14">
      <c r="N213582" s="10"/>
    </row>
    <row r="213583" spans="14:14">
      <c r="N213583" s="10"/>
    </row>
    <row r="213584" spans="14:14">
      <c r="N213584" s="10"/>
    </row>
    <row r="213585" spans="14:14">
      <c r="N213585" s="10"/>
    </row>
    <row r="213586" spans="14:14">
      <c r="N213586" s="10"/>
    </row>
    <row r="213587" spans="14:14">
      <c r="N213587" s="10"/>
    </row>
    <row r="213588" spans="14:14">
      <c r="N213588" s="10"/>
    </row>
    <row r="213589" spans="14:14">
      <c r="N213589" s="10"/>
    </row>
    <row r="213590" spans="14:14">
      <c r="N213590" s="10"/>
    </row>
    <row r="213591" spans="14:14">
      <c r="N213591" s="10"/>
    </row>
    <row r="213592" spans="14:14">
      <c r="N213592" s="10"/>
    </row>
    <row r="213593" spans="14:14">
      <c r="N213593" s="10"/>
    </row>
    <row r="213594" spans="14:14">
      <c r="N213594" s="10"/>
    </row>
    <row r="213595" spans="14:14">
      <c r="N213595" s="10"/>
    </row>
    <row r="213596" spans="14:14">
      <c r="N213596" s="10"/>
    </row>
    <row r="213597" spans="14:14">
      <c r="N213597" s="10"/>
    </row>
    <row r="213598" spans="14:14">
      <c r="N213598" s="10"/>
    </row>
    <row r="213599" spans="14:14">
      <c r="N213599" s="10"/>
    </row>
    <row r="213600" spans="14:14">
      <c r="N213600" s="10"/>
    </row>
    <row r="213601" spans="14:14">
      <c r="N213601" s="10"/>
    </row>
    <row r="213602" spans="14:14">
      <c r="N213602" s="10"/>
    </row>
    <row r="213603" spans="14:14">
      <c r="N213603" s="10"/>
    </row>
    <row r="213604" spans="14:14">
      <c r="N213604" s="10"/>
    </row>
    <row r="213605" spans="14:14">
      <c r="N213605" s="10"/>
    </row>
    <row r="213606" spans="14:14">
      <c r="N213606" s="10"/>
    </row>
    <row r="213607" spans="14:14">
      <c r="N213607" s="10"/>
    </row>
    <row r="213608" spans="14:14">
      <c r="N213608" s="10"/>
    </row>
    <row r="213609" spans="14:14">
      <c r="N213609" s="10"/>
    </row>
    <row r="213610" spans="14:14">
      <c r="N213610" s="10"/>
    </row>
    <row r="213611" spans="14:14">
      <c r="N213611" s="10"/>
    </row>
    <row r="213612" spans="14:14">
      <c r="N213612" s="10"/>
    </row>
    <row r="213613" spans="14:14">
      <c r="N213613" s="10"/>
    </row>
    <row r="213614" spans="14:14">
      <c r="N213614" s="10"/>
    </row>
    <row r="213615" spans="14:14">
      <c r="N213615" s="10"/>
    </row>
    <row r="213616" spans="14:14">
      <c r="N213616" s="10"/>
    </row>
    <row r="213617" spans="14:14">
      <c r="N213617" s="10"/>
    </row>
    <row r="213618" spans="14:14">
      <c r="N213618" s="10"/>
    </row>
    <row r="213619" spans="14:14">
      <c r="N213619" s="10"/>
    </row>
    <row r="213620" spans="14:14">
      <c r="N213620" s="10"/>
    </row>
    <row r="213621" spans="14:14">
      <c r="N213621" s="10"/>
    </row>
    <row r="213622" spans="14:14">
      <c r="N213622" s="10"/>
    </row>
    <row r="213623" spans="14:14">
      <c r="N213623" s="10"/>
    </row>
    <row r="213624" spans="14:14">
      <c r="N213624" s="10"/>
    </row>
    <row r="213625" spans="14:14">
      <c r="N213625" s="10"/>
    </row>
    <row r="213626" spans="14:14">
      <c r="N213626" s="10"/>
    </row>
    <row r="213627" spans="14:14">
      <c r="N213627" s="10"/>
    </row>
    <row r="213628" spans="14:14">
      <c r="N213628" s="10"/>
    </row>
    <row r="213629" spans="14:14">
      <c r="N213629" s="10"/>
    </row>
    <row r="213630" spans="14:14">
      <c r="N213630" s="10"/>
    </row>
    <row r="213631" spans="14:14">
      <c r="N213631" s="10"/>
    </row>
    <row r="213632" spans="14:14">
      <c r="N213632" s="10"/>
    </row>
    <row r="213633" spans="14:14">
      <c r="N213633" s="10"/>
    </row>
    <row r="213634" spans="14:14">
      <c r="N213634" s="10"/>
    </row>
    <row r="213635" spans="14:14">
      <c r="N213635" s="10"/>
    </row>
    <row r="213636" spans="14:14">
      <c r="N213636" s="10"/>
    </row>
    <row r="213637" spans="14:14">
      <c r="N213637" s="10"/>
    </row>
    <row r="213638" spans="14:14">
      <c r="N213638" s="10"/>
    </row>
    <row r="213639" spans="14:14">
      <c r="N213639" s="10"/>
    </row>
    <row r="213640" spans="14:14">
      <c r="N213640" s="10"/>
    </row>
    <row r="213641" spans="14:14">
      <c r="N213641" s="10"/>
    </row>
    <row r="213642" spans="14:14">
      <c r="N213642" s="10"/>
    </row>
    <row r="213643" spans="14:14">
      <c r="N213643" s="10"/>
    </row>
    <row r="213644" spans="14:14">
      <c r="N213644" s="10"/>
    </row>
    <row r="213645" spans="14:14">
      <c r="N213645" s="10"/>
    </row>
    <row r="213646" spans="14:14">
      <c r="N213646" s="10"/>
    </row>
    <row r="213647" spans="14:14">
      <c r="N213647" s="10"/>
    </row>
    <row r="213648" spans="14:14">
      <c r="N213648" s="10"/>
    </row>
    <row r="213649" spans="14:14">
      <c r="N213649" s="10"/>
    </row>
    <row r="213650" spans="14:14">
      <c r="N213650" s="10"/>
    </row>
    <row r="213651" spans="14:14">
      <c r="N213651" s="10"/>
    </row>
    <row r="213652" spans="14:14">
      <c r="N213652" s="10"/>
    </row>
    <row r="213653" spans="14:14">
      <c r="N213653" s="10"/>
    </row>
    <row r="213654" spans="14:14">
      <c r="N213654" s="10"/>
    </row>
    <row r="213655" spans="14:14">
      <c r="N213655" s="10"/>
    </row>
    <row r="213656" spans="14:14">
      <c r="N213656" s="10"/>
    </row>
    <row r="213657" spans="14:14">
      <c r="N213657" s="10"/>
    </row>
    <row r="213658" spans="14:14">
      <c r="N213658" s="10"/>
    </row>
    <row r="213659" spans="14:14">
      <c r="N213659" s="10"/>
    </row>
    <row r="213660" spans="14:14">
      <c r="N213660" s="10"/>
    </row>
    <row r="213661" spans="14:14">
      <c r="N213661" s="10"/>
    </row>
    <row r="213662" spans="14:14">
      <c r="N213662" s="10"/>
    </row>
    <row r="213663" spans="14:14">
      <c r="N213663" s="10"/>
    </row>
    <row r="213664" spans="14:14">
      <c r="N213664" s="10"/>
    </row>
    <row r="213665" spans="14:14">
      <c r="N213665" s="10"/>
    </row>
    <row r="213666" spans="14:14">
      <c r="N213666" s="10"/>
    </row>
    <row r="213667" spans="14:14">
      <c r="N213667" s="10"/>
    </row>
    <row r="213668" spans="14:14">
      <c r="N213668" s="10"/>
    </row>
    <row r="213669" spans="14:14">
      <c r="N213669" s="10"/>
    </row>
    <row r="213670" spans="14:14">
      <c r="N213670" s="10"/>
    </row>
    <row r="213671" spans="14:14">
      <c r="N213671" s="10"/>
    </row>
    <row r="213672" spans="14:14">
      <c r="N213672" s="10"/>
    </row>
    <row r="213673" spans="14:14">
      <c r="N213673" s="10"/>
    </row>
    <row r="213674" spans="14:14">
      <c r="N213674" s="10"/>
    </row>
    <row r="213675" spans="14:14">
      <c r="N213675" s="10"/>
    </row>
    <row r="213676" spans="14:14">
      <c r="N213676" s="10"/>
    </row>
    <row r="213677" spans="14:14">
      <c r="N213677" s="10"/>
    </row>
    <row r="213678" spans="14:14">
      <c r="N213678" s="10"/>
    </row>
    <row r="213679" spans="14:14">
      <c r="N213679" s="10"/>
    </row>
    <row r="213680" spans="14:14">
      <c r="N213680" s="10"/>
    </row>
    <row r="213681" spans="14:14">
      <c r="N213681" s="10"/>
    </row>
    <row r="213682" spans="14:14">
      <c r="N213682" s="10"/>
    </row>
    <row r="213683" spans="14:14">
      <c r="N213683" s="10"/>
    </row>
    <row r="213684" spans="14:14">
      <c r="N213684" s="10"/>
    </row>
    <row r="213685" spans="14:14">
      <c r="N213685" s="10"/>
    </row>
    <row r="213686" spans="14:14">
      <c r="N213686" s="10"/>
    </row>
    <row r="213687" spans="14:14">
      <c r="N213687" s="10"/>
    </row>
    <row r="213688" spans="14:14">
      <c r="N213688" s="10"/>
    </row>
    <row r="213689" spans="14:14">
      <c r="N213689" s="10"/>
    </row>
    <row r="213690" spans="14:14">
      <c r="N213690" s="10"/>
    </row>
    <row r="213691" spans="14:14">
      <c r="N213691" s="10"/>
    </row>
    <row r="213692" spans="14:14">
      <c r="N213692" s="10"/>
    </row>
    <row r="213693" spans="14:14">
      <c r="N213693" s="10"/>
    </row>
    <row r="213694" spans="14:14">
      <c r="N213694" s="10"/>
    </row>
    <row r="213695" spans="14:14">
      <c r="N213695" s="10"/>
    </row>
    <row r="213696" spans="14:14">
      <c r="N213696" s="10"/>
    </row>
    <row r="213697" spans="14:14">
      <c r="N213697" s="10"/>
    </row>
    <row r="213698" spans="14:14">
      <c r="N213698" s="10"/>
    </row>
    <row r="213699" spans="14:14">
      <c r="N213699" s="10"/>
    </row>
    <row r="213700" spans="14:14">
      <c r="N213700" s="10"/>
    </row>
    <row r="213701" spans="14:14">
      <c r="N213701" s="10"/>
    </row>
    <row r="213702" spans="14:14">
      <c r="N213702" s="10"/>
    </row>
    <row r="213703" spans="14:14">
      <c r="N213703" s="10"/>
    </row>
    <row r="213704" spans="14:14">
      <c r="N213704" s="10"/>
    </row>
    <row r="213705" spans="14:14">
      <c r="N213705" s="10"/>
    </row>
    <row r="213706" spans="14:14">
      <c r="N213706" s="10"/>
    </row>
    <row r="213707" spans="14:14">
      <c r="N213707" s="10"/>
    </row>
    <row r="213708" spans="14:14">
      <c r="N213708" s="10"/>
    </row>
    <row r="213709" spans="14:14">
      <c r="N213709" s="10"/>
    </row>
    <row r="213710" spans="14:14">
      <c r="N213710" s="10"/>
    </row>
    <row r="213711" spans="14:14">
      <c r="N213711" s="10"/>
    </row>
    <row r="213712" spans="14:14">
      <c r="N213712" s="10"/>
    </row>
    <row r="213713" spans="14:14">
      <c r="N213713" s="10"/>
    </row>
    <row r="213714" spans="14:14">
      <c r="N213714" s="10"/>
    </row>
    <row r="213715" spans="14:14">
      <c r="N213715" s="10"/>
    </row>
    <row r="213716" spans="14:14">
      <c r="N213716" s="10"/>
    </row>
    <row r="213717" spans="14:14">
      <c r="N213717" s="10"/>
    </row>
    <row r="213718" spans="14:14">
      <c r="N213718" s="10"/>
    </row>
    <row r="213719" spans="14:14">
      <c r="N213719" s="10"/>
    </row>
    <row r="213720" spans="14:14">
      <c r="N213720" s="10"/>
    </row>
    <row r="213721" spans="14:14">
      <c r="N213721" s="10"/>
    </row>
    <row r="213722" spans="14:14">
      <c r="N213722" s="10"/>
    </row>
    <row r="213723" spans="14:14">
      <c r="N213723" s="10"/>
    </row>
    <row r="213724" spans="14:14">
      <c r="N213724" s="10"/>
    </row>
    <row r="213725" spans="14:14">
      <c r="N213725" s="10"/>
    </row>
    <row r="213726" spans="14:14">
      <c r="N213726" s="10"/>
    </row>
    <row r="213727" spans="14:14">
      <c r="N213727" s="10"/>
    </row>
    <row r="213728" spans="14:14">
      <c r="N213728" s="10"/>
    </row>
    <row r="213729" spans="14:14">
      <c r="N213729" s="10"/>
    </row>
    <row r="213730" spans="14:14">
      <c r="N213730" s="10"/>
    </row>
    <row r="213731" spans="14:14">
      <c r="N213731" s="10"/>
    </row>
    <row r="213732" spans="14:14">
      <c r="N213732" s="10"/>
    </row>
    <row r="213733" spans="14:14">
      <c r="N213733" s="10"/>
    </row>
    <row r="213734" spans="14:14">
      <c r="N213734" s="10"/>
    </row>
    <row r="213735" spans="14:14">
      <c r="N213735" s="10"/>
    </row>
    <row r="213736" spans="14:14">
      <c r="N213736" s="10"/>
    </row>
    <row r="213737" spans="14:14">
      <c r="N213737" s="10"/>
    </row>
    <row r="213738" spans="14:14">
      <c r="N213738" s="10"/>
    </row>
    <row r="213739" spans="14:14">
      <c r="N213739" s="10"/>
    </row>
    <row r="213740" spans="14:14">
      <c r="N213740" s="10"/>
    </row>
    <row r="213741" spans="14:14">
      <c r="N213741" s="10"/>
    </row>
    <row r="213742" spans="14:14">
      <c r="N213742" s="10"/>
    </row>
    <row r="213743" spans="14:14">
      <c r="N213743" s="10"/>
    </row>
    <row r="213744" spans="14:14">
      <c r="N213744" s="10"/>
    </row>
    <row r="213745" spans="14:14">
      <c r="N213745" s="10"/>
    </row>
    <row r="213746" spans="14:14">
      <c r="N213746" s="10"/>
    </row>
    <row r="213747" spans="14:14">
      <c r="N213747" s="10"/>
    </row>
    <row r="213748" spans="14:14">
      <c r="N213748" s="10"/>
    </row>
    <row r="213749" spans="14:14">
      <c r="N213749" s="10"/>
    </row>
    <row r="213750" spans="14:14">
      <c r="N213750" s="10"/>
    </row>
    <row r="213751" spans="14:14">
      <c r="N213751" s="10"/>
    </row>
    <row r="213752" spans="14:14">
      <c r="N213752" s="10"/>
    </row>
    <row r="213753" spans="14:14">
      <c r="N213753" s="10"/>
    </row>
    <row r="213754" spans="14:14">
      <c r="N213754" s="10"/>
    </row>
    <row r="213755" spans="14:14">
      <c r="N213755" s="10"/>
    </row>
    <row r="213756" spans="14:14">
      <c r="N213756" s="10"/>
    </row>
    <row r="213757" spans="14:14">
      <c r="N213757" s="10"/>
    </row>
    <row r="213758" spans="14:14">
      <c r="N213758" s="10"/>
    </row>
    <row r="213759" spans="14:14">
      <c r="N213759" s="10"/>
    </row>
    <row r="213760" spans="14:14">
      <c r="N213760" s="10"/>
    </row>
    <row r="213761" spans="14:14">
      <c r="N213761" s="10"/>
    </row>
    <row r="213762" spans="14:14">
      <c r="N213762" s="10"/>
    </row>
    <row r="213763" spans="14:14">
      <c r="N213763" s="10"/>
    </row>
    <row r="213764" spans="14:14">
      <c r="N213764" s="10"/>
    </row>
    <row r="213765" spans="14:14">
      <c r="N213765" s="10"/>
    </row>
    <row r="213766" spans="14:14">
      <c r="N213766" s="10"/>
    </row>
    <row r="213767" spans="14:14">
      <c r="N213767" s="10"/>
    </row>
    <row r="213768" spans="14:14">
      <c r="N213768" s="10"/>
    </row>
    <row r="213769" spans="14:14">
      <c r="N213769" s="10"/>
    </row>
    <row r="213770" spans="14:14">
      <c r="N213770" s="10"/>
    </row>
    <row r="213771" spans="14:14">
      <c r="N213771" s="10"/>
    </row>
    <row r="213772" spans="14:14">
      <c r="N213772" s="10"/>
    </row>
    <row r="213773" spans="14:14">
      <c r="N213773" s="10"/>
    </row>
    <row r="213774" spans="14:14">
      <c r="N213774" s="10"/>
    </row>
    <row r="213775" spans="14:14">
      <c r="N213775" s="10"/>
    </row>
    <row r="213776" spans="14:14">
      <c r="N213776" s="10"/>
    </row>
    <row r="213777" spans="14:14">
      <c r="N213777" s="10"/>
    </row>
    <row r="213778" spans="14:14">
      <c r="N213778" s="10"/>
    </row>
    <row r="213779" spans="14:14">
      <c r="N213779" s="10"/>
    </row>
    <row r="213780" spans="14:14">
      <c r="N213780" s="10"/>
    </row>
    <row r="213781" spans="14:14">
      <c r="N213781" s="10"/>
    </row>
    <row r="213782" spans="14:14">
      <c r="N213782" s="10"/>
    </row>
    <row r="213783" spans="14:14">
      <c r="N213783" s="10"/>
    </row>
    <row r="213784" spans="14:14">
      <c r="N213784" s="10"/>
    </row>
    <row r="213785" spans="14:14">
      <c r="N213785" s="10"/>
    </row>
    <row r="213786" spans="14:14">
      <c r="N213786" s="10"/>
    </row>
    <row r="213787" spans="14:14">
      <c r="N213787" s="10"/>
    </row>
    <row r="213788" spans="14:14">
      <c r="N213788" s="10"/>
    </row>
    <row r="213789" spans="14:14">
      <c r="N213789" s="10"/>
    </row>
    <row r="213790" spans="14:14">
      <c r="N213790" s="10"/>
    </row>
    <row r="213791" spans="14:14">
      <c r="N213791" s="10"/>
    </row>
    <row r="213792" spans="14:14">
      <c r="N213792" s="10"/>
    </row>
    <row r="213793" spans="14:14">
      <c r="N213793" s="10"/>
    </row>
    <row r="213794" spans="14:14">
      <c r="N213794" s="10"/>
    </row>
    <row r="213795" spans="14:14">
      <c r="N213795" s="10"/>
    </row>
    <row r="213796" spans="14:14">
      <c r="N213796" s="10"/>
    </row>
    <row r="213797" spans="14:14">
      <c r="N213797" s="10"/>
    </row>
    <row r="213798" spans="14:14">
      <c r="N213798" s="10"/>
    </row>
    <row r="213799" spans="14:14">
      <c r="N213799" s="10"/>
    </row>
    <row r="213800" spans="14:14">
      <c r="N213800" s="10"/>
    </row>
    <row r="213801" spans="14:14">
      <c r="N213801" s="10"/>
    </row>
    <row r="213802" spans="14:14">
      <c r="N213802" s="10"/>
    </row>
    <row r="213803" spans="14:14">
      <c r="N213803" s="10"/>
    </row>
    <row r="213804" spans="14:14">
      <c r="N213804" s="10"/>
    </row>
    <row r="213805" spans="14:14">
      <c r="N213805" s="10"/>
    </row>
    <row r="213806" spans="14:14">
      <c r="N213806" s="10"/>
    </row>
    <row r="213807" spans="14:14">
      <c r="N213807" s="10"/>
    </row>
    <row r="213808" spans="14:14">
      <c r="N213808" s="10"/>
    </row>
    <row r="213809" spans="14:14">
      <c r="N213809" s="10"/>
    </row>
    <row r="213810" spans="14:14">
      <c r="N213810" s="10"/>
    </row>
    <row r="213811" spans="14:14">
      <c r="N213811" s="10"/>
    </row>
    <row r="213812" spans="14:14">
      <c r="N213812" s="10"/>
    </row>
    <row r="213813" spans="14:14">
      <c r="N213813" s="10"/>
    </row>
    <row r="213814" spans="14:14">
      <c r="N213814" s="10"/>
    </row>
    <row r="213815" spans="14:14">
      <c r="N213815" s="10"/>
    </row>
    <row r="213816" spans="14:14">
      <c r="N213816" s="10"/>
    </row>
    <row r="213817" spans="14:14">
      <c r="N213817" s="10"/>
    </row>
    <row r="213818" spans="14:14">
      <c r="N213818" s="10"/>
    </row>
    <row r="213819" spans="14:14">
      <c r="N213819" s="10"/>
    </row>
    <row r="213820" spans="14:14">
      <c r="N213820" s="10"/>
    </row>
    <row r="213821" spans="14:14">
      <c r="N213821" s="10"/>
    </row>
    <row r="213822" spans="14:14">
      <c r="N213822" s="10"/>
    </row>
    <row r="213823" spans="14:14">
      <c r="N213823" s="10"/>
    </row>
    <row r="213824" spans="14:14">
      <c r="N213824" s="10"/>
    </row>
    <row r="213825" spans="14:14">
      <c r="N213825" s="10"/>
    </row>
    <row r="213826" spans="14:14">
      <c r="N213826" s="10"/>
    </row>
    <row r="213827" spans="14:14">
      <c r="N213827" s="10"/>
    </row>
    <row r="213828" spans="14:14">
      <c r="N213828" s="10"/>
    </row>
    <row r="213829" spans="14:14">
      <c r="N213829" s="10"/>
    </row>
    <row r="213830" spans="14:14">
      <c r="N213830" s="10"/>
    </row>
    <row r="213831" spans="14:14">
      <c r="N213831" s="10"/>
    </row>
    <row r="213832" spans="14:14">
      <c r="N213832" s="10"/>
    </row>
    <row r="213833" spans="14:14">
      <c r="N213833" s="10"/>
    </row>
    <row r="213834" spans="14:14">
      <c r="N213834" s="10"/>
    </row>
    <row r="213835" spans="14:14">
      <c r="N213835" s="10"/>
    </row>
    <row r="213836" spans="14:14">
      <c r="N213836" s="10"/>
    </row>
    <row r="213837" spans="14:14">
      <c r="N213837" s="10"/>
    </row>
    <row r="213838" spans="14:14">
      <c r="N213838" s="10"/>
    </row>
    <row r="213839" spans="14:14">
      <c r="N213839" s="10"/>
    </row>
    <row r="213840" spans="14:14">
      <c r="N213840" s="10"/>
    </row>
    <row r="213841" spans="14:14">
      <c r="N213841" s="10"/>
    </row>
    <row r="213842" spans="14:14">
      <c r="N213842" s="10"/>
    </row>
    <row r="213843" spans="14:14">
      <c r="N213843" s="10"/>
    </row>
    <row r="213844" spans="14:14">
      <c r="N213844" s="10"/>
    </row>
    <row r="213845" spans="14:14">
      <c r="N213845" s="10"/>
    </row>
    <row r="213846" spans="14:14">
      <c r="N213846" s="10"/>
    </row>
    <row r="213847" spans="14:14">
      <c r="N213847" s="10"/>
    </row>
    <row r="213848" spans="14:14">
      <c r="N213848" s="10"/>
    </row>
    <row r="213849" spans="14:14">
      <c r="N213849" s="10"/>
    </row>
    <row r="213850" spans="14:14">
      <c r="N213850" s="10"/>
    </row>
    <row r="213851" spans="14:14">
      <c r="N213851" s="10"/>
    </row>
    <row r="213852" spans="14:14">
      <c r="N213852" s="10"/>
    </row>
    <row r="213853" spans="14:14">
      <c r="N213853" s="10"/>
    </row>
    <row r="213854" spans="14:14">
      <c r="N213854" s="10"/>
    </row>
    <row r="213855" spans="14:14">
      <c r="N213855" s="10"/>
    </row>
    <row r="213856" spans="14:14">
      <c r="N213856" s="10"/>
    </row>
    <row r="213857" spans="14:14">
      <c r="N213857" s="10"/>
    </row>
    <row r="213858" spans="14:14">
      <c r="N213858" s="10"/>
    </row>
    <row r="213859" spans="14:14">
      <c r="N213859" s="10"/>
    </row>
    <row r="213860" spans="14:14">
      <c r="N213860" s="10"/>
    </row>
    <row r="213861" spans="14:14">
      <c r="N213861" s="10"/>
    </row>
    <row r="213862" spans="14:14">
      <c r="N213862" s="10"/>
    </row>
    <row r="213863" spans="14:14">
      <c r="N213863" s="10"/>
    </row>
    <row r="213864" spans="14:14">
      <c r="N213864" s="10"/>
    </row>
    <row r="213865" spans="14:14">
      <c r="N213865" s="10"/>
    </row>
    <row r="213866" spans="14:14">
      <c r="N213866" s="10"/>
    </row>
    <row r="213867" spans="14:14">
      <c r="N213867" s="10"/>
    </row>
    <row r="213868" spans="14:14">
      <c r="N213868" s="10"/>
    </row>
    <row r="213869" spans="14:14">
      <c r="N213869" s="10"/>
    </row>
    <row r="213870" spans="14:14">
      <c r="N213870" s="10"/>
    </row>
    <row r="213871" spans="14:14">
      <c r="N213871" s="10"/>
    </row>
    <row r="213872" spans="14:14">
      <c r="N213872" s="10"/>
    </row>
    <row r="213873" spans="14:14">
      <c r="N213873" s="10"/>
    </row>
    <row r="213874" spans="14:14">
      <c r="N213874" s="10"/>
    </row>
    <row r="213875" spans="14:14">
      <c r="N213875" s="10"/>
    </row>
    <row r="213876" spans="14:14">
      <c r="N213876" s="10"/>
    </row>
    <row r="213877" spans="14:14">
      <c r="N213877" s="10"/>
    </row>
    <row r="213878" spans="14:14">
      <c r="N213878" s="10"/>
    </row>
    <row r="213879" spans="14:14">
      <c r="N213879" s="10"/>
    </row>
    <row r="213880" spans="14:14">
      <c r="N213880" s="10"/>
    </row>
    <row r="213881" spans="14:14">
      <c r="N213881" s="10"/>
    </row>
    <row r="213882" spans="14:14">
      <c r="N213882" s="10"/>
    </row>
    <row r="213883" spans="14:14">
      <c r="N213883" s="10"/>
    </row>
    <row r="213884" spans="14:14">
      <c r="N213884" s="10"/>
    </row>
    <row r="213885" spans="14:14">
      <c r="N213885" s="10"/>
    </row>
    <row r="213886" spans="14:14">
      <c r="N213886" s="10"/>
    </row>
    <row r="213887" spans="14:14">
      <c r="N213887" s="10"/>
    </row>
    <row r="213888" spans="14:14">
      <c r="N213888" s="10"/>
    </row>
    <row r="213889" spans="14:14">
      <c r="N213889" s="10"/>
    </row>
    <row r="213890" spans="14:14">
      <c r="N213890" s="10"/>
    </row>
    <row r="213891" spans="14:14">
      <c r="N213891" s="10"/>
    </row>
    <row r="213892" spans="14:14">
      <c r="N213892" s="10"/>
    </row>
    <row r="213893" spans="14:14">
      <c r="N213893" s="10"/>
    </row>
    <row r="213894" spans="14:14">
      <c r="N213894" s="10"/>
    </row>
    <row r="213895" spans="14:14">
      <c r="N213895" s="10"/>
    </row>
    <row r="213896" spans="14:14">
      <c r="N213896" s="10"/>
    </row>
    <row r="213897" spans="14:14">
      <c r="N213897" s="10"/>
    </row>
    <row r="213898" spans="14:14">
      <c r="N213898" s="10"/>
    </row>
    <row r="213899" spans="14:14">
      <c r="N213899" s="10"/>
    </row>
    <row r="213900" spans="14:14">
      <c r="N213900" s="10"/>
    </row>
    <row r="213901" spans="14:14">
      <c r="N213901" s="10"/>
    </row>
    <row r="213902" spans="14:14">
      <c r="N213902" s="10"/>
    </row>
    <row r="213903" spans="14:14">
      <c r="N213903" s="10"/>
    </row>
    <row r="213904" spans="14:14">
      <c r="N213904" s="10"/>
    </row>
    <row r="213905" spans="14:14">
      <c r="N213905" s="10"/>
    </row>
    <row r="213906" spans="14:14">
      <c r="N213906" s="10"/>
    </row>
    <row r="213907" spans="14:14">
      <c r="N213907" s="10"/>
    </row>
    <row r="213908" spans="14:14">
      <c r="N213908" s="10"/>
    </row>
    <row r="213909" spans="14:14">
      <c r="N213909" s="10"/>
    </row>
    <row r="213910" spans="14:14">
      <c r="N213910" s="10"/>
    </row>
    <row r="213911" spans="14:14">
      <c r="N213911" s="10"/>
    </row>
    <row r="213912" spans="14:14">
      <c r="N213912" s="10"/>
    </row>
    <row r="213913" spans="14:14">
      <c r="N213913" s="10"/>
    </row>
    <row r="213914" spans="14:14">
      <c r="N213914" s="10"/>
    </row>
    <row r="213915" spans="14:14">
      <c r="N213915" s="10"/>
    </row>
    <row r="213916" spans="14:14">
      <c r="N213916" s="10"/>
    </row>
    <row r="213917" spans="14:14">
      <c r="N213917" s="10"/>
    </row>
    <row r="213918" spans="14:14">
      <c r="N213918" s="10"/>
    </row>
    <row r="213919" spans="14:14">
      <c r="N213919" s="10"/>
    </row>
    <row r="213920" spans="14:14">
      <c r="N213920" s="10"/>
    </row>
    <row r="213921" spans="14:14">
      <c r="N213921" s="10"/>
    </row>
    <row r="213922" spans="14:14">
      <c r="N213922" s="10"/>
    </row>
    <row r="213923" spans="14:14">
      <c r="N213923" s="10"/>
    </row>
    <row r="213924" spans="14:14">
      <c r="N213924" s="10"/>
    </row>
    <row r="213925" spans="14:14">
      <c r="N213925" s="10"/>
    </row>
    <row r="213926" spans="14:14">
      <c r="N213926" s="10"/>
    </row>
    <row r="213927" spans="14:14">
      <c r="N213927" s="10"/>
    </row>
    <row r="213928" spans="14:14">
      <c r="N213928" s="10"/>
    </row>
    <row r="213929" spans="14:14">
      <c r="N213929" s="10"/>
    </row>
    <row r="213930" spans="14:14">
      <c r="N213930" s="10"/>
    </row>
    <row r="213931" spans="14:14">
      <c r="N213931" s="10"/>
    </row>
    <row r="213932" spans="14:14">
      <c r="N213932" s="10"/>
    </row>
    <row r="213933" spans="14:14">
      <c r="N213933" s="10"/>
    </row>
    <row r="213934" spans="14:14">
      <c r="N213934" s="10"/>
    </row>
    <row r="213935" spans="14:14">
      <c r="N213935" s="10"/>
    </row>
    <row r="213936" spans="14:14">
      <c r="N213936" s="10"/>
    </row>
    <row r="213937" spans="14:14">
      <c r="N213937" s="10"/>
    </row>
    <row r="213938" spans="14:14">
      <c r="N213938" s="10"/>
    </row>
    <row r="213939" spans="14:14">
      <c r="N213939" s="10"/>
    </row>
    <row r="213940" spans="14:14">
      <c r="N213940" s="10"/>
    </row>
    <row r="213941" spans="14:14">
      <c r="N213941" s="10"/>
    </row>
    <row r="213942" spans="14:14">
      <c r="N213942" s="10"/>
    </row>
    <row r="213943" spans="14:14">
      <c r="N213943" s="10"/>
    </row>
    <row r="213944" spans="14:14">
      <c r="N213944" s="10"/>
    </row>
    <row r="213945" spans="14:14">
      <c r="N213945" s="10"/>
    </row>
    <row r="213946" spans="14:14">
      <c r="N213946" s="10"/>
    </row>
    <row r="213947" spans="14:14">
      <c r="N213947" s="10"/>
    </row>
    <row r="213948" spans="14:14">
      <c r="N213948" s="10"/>
    </row>
    <row r="213949" spans="14:14">
      <c r="N213949" s="10"/>
    </row>
    <row r="213950" spans="14:14">
      <c r="N213950" s="10"/>
    </row>
    <row r="213951" spans="14:14">
      <c r="N213951" s="10"/>
    </row>
    <row r="213952" spans="14:14">
      <c r="N213952" s="10"/>
    </row>
    <row r="213953" spans="14:14">
      <c r="N213953" s="10"/>
    </row>
    <row r="213954" spans="14:14">
      <c r="N213954" s="10"/>
    </row>
    <row r="213955" spans="14:14">
      <c r="N213955" s="10"/>
    </row>
    <row r="213956" spans="14:14">
      <c r="N213956" s="10"/>
    </row>
    <row r="213957" spans="14:14">
      <c r="N213957" s="10"/>
    </row>
    <row r="213958" spans="14:14">
      <c r="N213958" s="10"/>
    </row>
    <row r="213959" spans="14:14">
      <c r="N213959" s="10"/>
    </row>
    <row r="213960" spans="14:14">
      <c r="N213960" s="10"/>
    </row>
    <row r="213961" spans="14:14">
      <c r="N213961" s="10"/>
    </row>
    <row r="213962" spans="14:14">
      <c r="N213962" s="10"/>
    </row>
    <row r="213963" spans="14:14">
      <c r="N213963" s="10"/>
    </row>
    <row r="213964" spans="14:14">
      <c r="N213964" s="10"/>
    </row>
    <row r="213965" spans="14:14">
      <c r="N213965" s="10"/>
    </row>
    <row r="213966" spans="14:14">
      <c r="N213966" s="10"/>
    </row>
    <row r="213967" spans="14:14">
      <c r="N213967" s="10"/>
    </row>
    <row r="213968" spans="14:14">
      <c r="N213968" s="10"/>
    </row>
    <row r="213969" spans="14:14">
      <c r="N213969" s="10"/>
    </row>
    <row r="213970" spans="14:14">
      <c r="N213970" s="10"/>
    </row>
    <row r="213971" spans="14:14">
      <c r="N213971" s="10"/>
    </row>
    <row r="213972" spans="14:14">
      <c r="N213972" s="10"/>
    </row>
    <row r="213973" spans="14:14">
      <c r="N213973" s="10"/>
    </row>
    <row r="213974" spans="14:14">
      <c r="N213974" s="10"/>
    </row>
    <row r="213975" spans="14:14">
      <c r="N213975" s="10"/>
    </row>
    <row r="213976" spans="14:14">
      <c r="N213976" s="10"/>
    </row>
    <row r="213977" spans="14:14">
      <c r="N213977" s="10"/>
    </row>
    <row r="213978" spans="14:14">
      <c r="N213978" s="10"/>
    </row>
    <row r="213979" spans="14:14">
      <c r="N213979" s="10"/>
    </row>
    <row r="213980" spans="14:14">
      <c r="N213980" s="10"/>
    </row>
    <row r="213981" spans="14:14">
      <c r="N213981" s="10"/>
    </row>
    <row r="213982" spans="14:14">
      <c r="N213982" s="10"/>
    </row>
    <row r="213983" spans="14:14">
      <c r="N213983" s="10"/>
    </row>
    <row r="213984" spans="14:14">
      <c r="N213984" s="10"/>
    </row>
    <row r="213985" spans="14:14">
      <c r="N213985" s="10"/>
    </row>
    <row r="213986" spans="14:14">
      <c r="N213986" s="10"/>
    </row>
    <row r="213987" spans="14:14">
      <c r="N213987" s="10"/>
    </row>
    <row r="213988" spans="14:14">
      <c r="N213988" s="10"/>
    </row>
    <row r="213989" spans="14:14">
      <c r="N213989" s="10"/>
    </row>
    <row r="213990" spans="14:14">
      <c r="N213990" s="10"/>
    </row>
    <row r="213991" spans="14:14">
      <c r="N213991" s="10"/>
    </row>
    <row r="213992" spans="14:14">
      <c r="N213992" s="10"/>
    </row>
    <row r="213993" spans="14:14">
      <c r="N213993" s="10"/>
    </row>
    <row r="213994" spans="14:14">
      <c r="N213994" s="10"/>
    </row>
    <row r="213995" spans="14:14">
      <c r="N213995" s="10"/>
    </row>
    <row r="213996" spans="14:14">
      <c r="N213996" s="10"/>
    </row>
    <row r="213997" spans="14:14">
      <c r="N213997" s="10"/>
    </row>
    <row r="213998" spans="14:14">
      <c r="N213998" s="10"/>
    </row>
    <row r="213999" spans="14:14">
      <c r="N213999" s="10"/>
    </row>
    <row r="214000" spans="14:14">
      <c r="N214000" s="10"/>
    </row>
    <row r="214001" spans="14:14">
      <c r="N214001" s="10"/>
    </row>
    <row r="214002" spans="14:14">
      <c r="N214002" s="10"/>
    </row>
    <row r="214003" spans="14:14">
      <c r="N214003" s="10"/>
    </row>
    <row r="214004" spans="14:14">
      <c r="N214004" s="10"/>
    </row>
    <row r="214005" spans="14:14">
      <c r="N214005" s="10"/>
    </row>
    <row r="214006" spans="14:14">
      <c r="N214006" s="10"/>
    </row>
    <row r="214007" spans="14:14">
      <c r="N214007" s="10"/>
    </row>
    <row r="214008" spans="14:14">
      <c r="N214008" s="10"/>
    </row>
    <row r="214009" spans="14:14">
      <c r="N214009" s="10"/>
    </row>
    <row r="214010" spans="14:14">
      <c r="N214010" s="10"/>
    </row>
    <row r="214011" spans="14:14">
      <c r="N214011" s="10"/>
    </row>
    <row r="214012" spans="14:14">
      <c r="N214012" s="10"/>
    </row>
    <row r="214013" spans="14:14">
      <c r="N214013" s="10"/>
    </row>
    <row r="214014" spans="14:14">
      <c r="N214014" s="10"/>
    </row>
    <row r="214015" spans="14:14">
      <c r="N214015" s="10"/>
    </row>
    <row r="214016" spans="14:14">
      <c r="N214016" s="10"/>
    </row>
    <row r="214017" spans="14:14">
      <c r="N214017" s="10"/>
    </row>
    <row r="214018" spans="14:14">
      <c r="N214018" s="10"/>
    </row>
    <row r="214019" spans="14:14">
      <c r="N214019" s="10"/>
    </row>
    <row r="214020" spans="14:14">
      <c r="N214020" s="10"/>
    </row>
    <row r="214021" spans="14:14">
      <c r="N214021" s="10"/>
    </row>
    <row r="214022" spans="14:14">
      <c r="N214022" s="10"/>
    </row>
    <row r="214023" spans="14:14">
      <c r="N214023" s="10"/>
    </row>
    <row r="214024" spans="14:14">
      <c r="N214024" s="10"/>
    </row>
    <row r="214025" spans="14:14">
      <c r="N214025" s="10"/>
    </row>
    <row r="214026" spans="14:14">
      <c r="N214026" s="10"/>
    </row>
    <row r="214027" spans="14:14">
      <c r="N214027" s="10"/>
    </row>
    <row r="214028" spans="14:14">
      <c r="N214028" s="10"/>
    </row>
    <row r="214029" spans="14:14">
      <c r="N214029" s="10"/>
    </row>
    <row r="214030" spans="14:14">
      <c r="N214030" s="10"/>
    </row>
    <row r="214031" spans="14:14">
      <c r="N214031" s="10"/>
    </row>
    <row r="214032" spans="14:14">
      <c r="N214032" s="10"/>
    </row>
    <row r="214033" spans="14:14">
      <c r="N214033" s="10"/>
    </row>
    <row r="214034" spans="14:14">
      <c r="N214034" s="10"/>
    </row>
    <row r="214035" spans="14:14">
      <c r="N214035" s="10"/>
    </row>
    <row r="214036" spans="14:14">
      <c r="N214036" s="10"/>
    </row>
    <row r="214037" spans="14:14">
      <c r="N214037" s="10"/>
    </row>
    <row r="214038" spans="14:14">
      <c r="N214038" s="10"/>
    </row>
    <row r="214039" spans="14:14">
      <c r="N214039" s="10"/>
    </row>
    <row r="214040" spans="14:14">
      <c r="N214040" s="10"/>
    </row>
    <row r="214041" spans="14:14">
      <c r="N214041" s="10"/>
    </row>
    <row r="214042" spans="14:14">
      <c r="N214042" s="10"/>
    </row>
    <row r="214043" spans="14:14">
      <c r="N214043" s="10"/>
    </row>
    <row r="214044" spans="14:14">
      <c r="N214044" s="10"/>
    </row>
    <row r="214045" spans="14:14">
      <c r="N214045" s="10"/>
    </row>
    <row r="214046" spans="14:14">
      <c r="N214046" s="10"/>
    </row>
    <row r="214047" spans="14:14">
      <c r="N214047" s="10"/>
    </row>
    <row r="214048" spans="14:14">
      <c r="N214048" s="10"/>
    </row>
    <row r="214049" spans="14:14">
      <c r="N214049" s="10"/>
    </row>
    <row r="214050" spans="14:14">
      <c r="N214050" s="10"/>
    </row>
    <row r="214051" spans="14:14">
      <c r="N214051" s="10"/>
    </row>
    <row r="214052" spans="14:14">
      <c r="N214052" s="10"/>
    </row>
    <row r="214053" spans="14:14">
      <c r="N214053" s="10"/>
    </row>
    <row r="214054" spans="14:14">
      <c r="N214054" s="10"/>
    </row>
    <row r="214055" spans="14:14">
      <c r="N214055" s="10"/>
    </row>
    <row r="214056" spans="14:14">
      <c r="N214056" s="10"/>
    </row>
    <row r="214057" spans="14:14">
      <c r="N214057" s="10"/>
    </row>
    <row r="214058" spans="14:14">
      <c r="N214058" s="10"/>
    </row>
    <row r="214059" spans="14:14">
      <c r="N214059" s="10"/>
    </row>
    <row r="214060" spans="14:14">
      <c r="N214060" s="10"/>
    </row>
    <row r="214061" spans="14:14">
      <c r="N214061" s="10"/>
    </row>
    <row r="214062" spans="14:14">
      <c r="N214062" s="10"/>
    </row>
    <row r="214063" spans="14:14">
      <c r="N214063" s="10"/>
    </row>
    <row r="214064" spans="14:14">
      <c r="N214064" s="10"/>
    </row>
    <row r="214065" spans="14:14">
      <c r="N214065" s="10"/>
    </row>
    <row r="214066" spans="14:14">
      <c r="N214066" s="10"/>
    </row>
    <row r="214067" spans="14:14">
      <c r="N214067" s="10"/>
    </row>
    <row r="214068" spans="14:14">
      <c r="N214068" s="10"/>
    </row>
    <row r="214069" spans="14:14">
      <c r="N214069" s="10"/>
    </row>
    <row r="214070" spans="14:14">
      <c r="N214070" s="10"/>
    </row>
    <row r="214071" spans="14:14">
      <c r="N214071" s="10"/>
    </row>
    <row r="214072" spans="14:14">
      <c r="N214072" s="10"/>
    </row>
    <row r="214073" spans="14:14">
      <c r="N214073" s="10"/>
    </row>
    <row r="214074" spans="14:14">
      <c r="N214074" s="10"/>
    </row>
    <row r="214075" spans="14:14">
      <c r="N214075" s="10"/>
    </row>
    <row r="214076" spans="14:14">
      <c r="N214076" s="10"/>
    </row>
    <row r="214077" spans="14:14">
      <c r="N214077" s="10"/>
    </row>
    <row r="214078" spans="14:14">
      <c r="N214078" s="10"/>
    </row>
    <row r="214079" spans="14:14">
      <c r="N214079" s="10"/>
    </row>
    <row r="214080" spans="14:14">
      <c r="N214080" s="10"/>
    </row>
    <row r="214081" spans="14:14">
      <c r="N214081" s="10"/>
    </row>
    <row r="214082" spans="14:14">
      <c r="N214082" s="10"/>
    </row>
    <row r="214083" spans="14:14">
      <c r="N214083" s="10"/>
    </row>
    <row r="214084" spans="14:14">
      <c r="N214084" s="10"/>
    </row>
    <row r="214085" spans="14:14">
      <c r="N214085" s="10"/>
    </row>
    <row r="214086" spans="14:14">
      <c r="N214086" s="10"/>
    </row>
    <row r="214087" spans="14:14">
      <c r="N214087" s="10"/>
    </row>
    <row r="214088" spans="14:14">
      <c r="N214088" s="10"/>
    </row>
    <row r="214089" spans="14:14">
      <c r="N214089" s="10"/>
    </row>
    <row r="214090" spans="14:14">
      <c r="N214090" s="10"/>
    </row>
    <row r="214091" spans="14:14">
      <c r="N214091" s="10"/>
    </row>
    <row r="214092" spans="14:14">
      <c r="N214092" s="10"/>
    </row>
    <row r="214093" spans="14:14">
      <c r="N214093" s="10"/>
    </row>
    <row r="214094" spans="14:14">
      <c r="N214094" s="10"/>
    </row>
    <row r="214095" spans="14:14">
      <c r="N214095" s="10"/>
    </row>
    <row r="214096" spans="14:14">
      <c r="N214096" s="10"/>
    </row>
    <row r="214097" spans="14:14">
      <c r="N214097" s="10"/>
    </row>
    <row r="214098" spans="14:14">
      <c r="N214098" s="10"/>
    </row>
    <row r="214099" spans="14:14">
      <c r="N214099" s="10"/>
    </row>
    <row r="214100" spans="14:14">
      <c r="N214100" s="10"/>
    </row>
    <row r="214101" spans="14:14">
      <c r="N214101" s="10"/>
    </row>
    <row r="214102" spans="14:14">
      <c r="N214102" s="10"/>
    </row>
    <row r="214103" spans="14:14">
      <c r="N214103" s="10"/>
    </row>
    <row r="214104" spans="14:14">
      <c r="N214104" s="10"/>
    </row>
    <row r="214105" spans="14:14">
      <c r="N214105" s="10"/>
    </row>
    <row r="214106" spans="14:14">
      <c r="N214106" s="10"/>
    </row>
    <row r="214107" spans="14:14">
      <c r="N214107" s="10"/>
    </row>
    <row r="214108" spans="14:14">
      <c r="N214108" s="10"/>
    </row>
    <row r="214109" spans="14:14">
      <c r="N214109" s="10"/>
    </row>
    <row r="214110" spans="14:14">
      <c r="N214110" s="10"/>
    </row>
    <row r="214111" spans="14:14">
      <c r="N214111" s="10"/>
    </row>
    <row r="214112" spans="14:14">
      <c r="N214112" s="10"/>
    </row>
    <row r="214113" spans="14:14">
      <c r="N214113" s="10"/>
    </row>
    <row r="214114" spans="14:14">
      <c r="N214114" s="10"/>
    </row>
    <row r="214115" spans="14:14">
      <c r="N214115" s="10"/>
    </row>
    <row r="214116" spans="14:14">
      <c r="N214116" s="10"/>
    </row>
    <row r="214117" spans="14:14">
      <c r="N214117" s="10"/>
    </row>
    <row r="214118" spans="14:14">
      <c r="N214118" s="10"/>
    </row>
    <row r="214119" spans="14:14">
      <c r="N214119" s="10"/>
    </row>
    <row r="214120" spans="14:14">
      <c r="N214120" s="10"/>
    </row>
    <row r="214121" spans="14:14">
      <c r="N214121" s="10"/>
    </row>
    <row r="214122" spans="14:14">
      <c r="N214122" s="10"/>
    </row>
    <row r="214123" spans="14:14">
      <c r="N214123" s="10"/>
    </row>
    <row r="214124" spans="14:14">
      <c r="N214124" s="10"/>
    </row>
    <row r="214125" spans="14:14">
      <c r="N214125" s="10"/>
    </row>
    <row r="214126" spans="14:14">
      <c r="N214126" s="10"/>
    </row>
    <row r="214127" spans="14:14">
      <c r="N214127" s="10"/>
    </row>
    <row r="214128" spans="14:14">
      <c r="N214128" s="10"/>
    </row>
    <row r="214129" spans="14:14">
      <c r="N214129" s="10"/>
    </row>
    <row r="214130" spans="14:14">
      <c r="N214130" s="10"/>
    </row>
    <row r="214131" spans="14:14">
      <c r="N214131" s="10"/>
    </row>
    <row r="214132" spans="14:14">
      <c r="N214132" s="10"/>
    </row>
    <row r="214133" spans="14:14">
      <c r="N214133" s="10"/>
    </row>
    <row r="214134" spans="14:14">
      <c r="N214134" s="10"/>
    </row>
    <row r="214135" spans="14:14">
      <c r="N214135" s="10"/>
    </row>
    <row r="214136" spans="14:14">
      <c r="N214136" s="10"/>
    </row>
    <row r="214137" spans="14:14">
      <c r="N214137" s="10"/>
    </row>
    <row r="214138" spans="14:14">
      <c r="N214138" s="10"/>
    </row>
    <row r="214139" spans="14:14">
      <c r="N214139" s="10"/>
    </row>
    <row r="214140" spans="14:14">
      <c r="N214140" s="10"/>
    </row>
    <row r="214141" spans="14:14">
      <c r="N214141" s="10"/>
    </row>
    <row r="214142" spans="14:14">
      <c r="N214142" s="10"/>
    </row>
    <row r="214143" spans="14:14">
      <c r="N214143" s="10"/>
    </row>
    <row r="214144" spans="14:14">
      <c r="N214144" s="10"/>
    </row>
    <row r="214145" spans="14:14">
      <c r="N214145" s="10"/>
    </row>
    <row r="214146" spans="14:14">
      <c r="N214146" s="10"/>
    </row>
    <row r="214147" spans="14:14">
      <c r="N214147" s="10"/>
    </row>
    <row r="214148" spans="14:14">
      <c r="N214148" s="10"/>
    </row>
    <row r="214149" spans="14:14">
      <c r="N214149" s="10"/>
    </row>
    <row r="214150" spans="14:14">
      <c r="N214150" s="10"/>
    </row>
    <row r="214151" spans="14:14">
      <c r="N214151" s="10"/>
    </row>
    <row r="214152" spans="14:14">
      <c r="N214152" s="10"/>
    </row>
    <row r="214153" spans="14:14">
      <c r="N214153" s="10"/>
    </row>
    <row r="214154" spans="14:14">
      <c r="N214154" s="10"/>
    </row>
    <row r="214155" spans="14:14">
      <c r="N214155" s="10"/>
    </row>
    <row r="214156" spans="14:14">
      <c r="N214156" s="10"/>
    </row>
    <row r="214157" spans="14:14">
      <c r="N214157" s="10"/>
    </row>
    <row r="214158" spans="14:14">
      <c r="N214158" s="10"/>
    </row>
    <row r="214159" spans="14:14">
      <c r="N214159" s="10"/>
    </row>
    <row r="214160" spans="14:14">
      <c r="N214160" s="10"/>
    </row>
    <row r="214161" spans="14:14">
      <c r="N214161" s="10"/>
    </row>
    <row r="214162" spans="14:14">
      <c r="N214162" s="10"/>
    </row>
    <row r="214163" spans="14:14">
      <c r="N214163" s="10"/>
    </row>
    <row r="214164" spans="14:14">
      <c r="N214164" s="10"/>
    </row>
    <row r="214165" spans="14:14">
      <c r="N214165" s="10"/>
    </row>
    <row r="214166" spans="14:14">
      <c r="N214166" s="10"/>
    </row>
    <row r="214167" spans="14:14">
      <c r="N214167" s="10"/>
    </row>
    <row r="214168" spans="14:14">
      <c r="N214168" s="10"/>
    </row>
    <row r="214169" spans="14:14">
      <c r="N214169" s="10"/>
    </row>
    <row r="214170" spans="14:14">
      <c r="N214170" s="10"/>
    </row>
    <row r="214171" spans="14:14">
      <c r="N214171" s="10"/>
    </row>
    <row r="214172" spans="14:14">
      <c r="N214172" s="10"/>
    </row>
    <row r="214173" spans="14:14">
      <c r="N214173" s="10"/>
    </row>
    <row r="214174" spans="14:14">
      <c r="N214174" s="10"/>
    </row>
    <row r="214175" spans="14:14">
      <c r="N214175" s="10"/>
    </row>
    <row r="214176" spans="14:14">
      <c r="N214176" s="10"/>
    </row>
    <row r="214177" spans="14:14">
      <c r="N214177" s="10"/>
    </row>
    <row r="214178" spans="14:14">
      <c r="N214178" s="10"/>
    </row>
    <row r="214179" spans="14:14">
      <c r="N214179" s="10"/>
    </row>
    <row r="214180" spans="14:14">
      <c r="N214180" s="10"/>
    </row>
    <row r="214181" spans="14:14">
      <c r="N214181" s="10"/>
    </row>
    <row r="214182" spans="14:14">
      <c r="N214182" s="10"/>
    </row>
    <row r="214183" spans="14:14">
      <c r="N214183" s="10"/>
    </row>
    <row r="214184" spans="14:14">
      <c r="N214184" s="10"/>
    </row>
    <row r="214185" spans="14:14">
      <c r="N214185" s="10"/>
    </row>
    <row r="214186" spans="14:14">
      <c r="N214186" s="10"/>
    </row>
    <row r="214187" spans="14:14">
      <c r="N214187" s="10"/>
    </row>
    <row r="214188" spans="14:14">
      <c r="N214188" s="10"/>
    </row>
    <row r="214189" spans="14:14">
      <c r="N214189" s="10"/>
    </row>
    <row r="214190" spans="14:14">
      <c r="N214190" s="10"/>
    </row>
    <row r="214191" spans="14:14">
      <c r="N214191" s="10"/>
    </row>
    <row r="214192" spans="14:14">
      <c r="N214192" s="10"/>
    </row>
    <row r="214193" spans="14:14">
      <c r="N214193" s="10"/>
    </row>
    <row r="214194" spans="14:14">
      <c r="N214194" s="10"/>
    </row>
    <row r="214195" spans="14:14">
      <c r="N214195" s="10"/>
    </row>
    <row r="214196" spans="14:14">
      <c r="N214196" s="10"/>
    </row>
    <row r="214197" spans="14:14">
      <c r="N214197" s="10"/>
    </row>
    <row r="214198" spans="14:14">
      <c r="N214198" s="10"/>
    </row>
    <row r="214199" spans="14:14">
      <c r="N214199" s="10"/>
    </row>
    <row r="214200" spans="14:14">
      <c r="N214200" s="10"/>
    </row>
    <row r="214201" spans="14:14">
      <c r="N214201" s="10"/>
    </row>
    <row r="214202" spans="14:14">
      <c r="N214202" s="10"/>
    </row>
    <row r="214203" spans="14:14">
      <c r="N214203" s="10"/>
    </row>
    <row r="214204" spans="14:14">
      <c r="N214204" s="10"/>
    </row>
    <row r="214205" spans="14:14">
      <c r="N214205" s="10"/>
    </row>
    <row r="214206" spans="14:14">
      <c r="N214206" s="10"/>
    </row>
    <row r="214207" spans="14:14">
      <c r="N214207" s="10"/>
    </row>
    <row r="214208" spans="14:14">
      <c r="N214208" s="10"/>
    </row>
    <row r="214209" spans="14:14">
      <c r="N214209" s="10"/>
    </row>
    <row r="214210" spans="14:14">
      <c r="N214210" s="10"/>
    </row>
    <row r="214211" spans="14:14">
      <c r="N214211" s="10"/>
    </row>
    <row r="214212" spans="14:14">
      <c r="N214212" s="10"/>
    </row>
    <row r="214213" spans="14:14">
      <c r="N214213" s="10"/>
    </row>
    <row r="214214" spans="14:14">
      <c r="N214214" s="10"/>
    </row>
    <row r="214215" spans="14:14">
      <c r="N214215" s="10"/>
    </row>
    <row r="214216" spans="14:14">
      <c r="N214216" s="10"/>
    </row>
    <row r="214217" spans="14:14">
      <c r="N214217" s="10"/>
    </row>
    <row r="214218" spans="14:14">
      <c r="N214218" s="10"/>
    </row>
    <row r="214219" spans="14:14">
      <c r="N214219" s="10"/>
    </row>
    <row r="214220" spans="14:14">
      <c r="N214220" s="10"/>
    </row>
    <row r="214221" spans="14:14">
      <c r="N214221" s="10"/>
    </row>
    <row r="214222" spans="14:14">
      <c r="N214222" s="10"/>
    </row>
    <row r="214223" spans="14:14">
      <c r="N214223" s="10"/>
    </row>
    <row r="214224" spans="14:14">
      <c r="N214224" s="10"/>
    </row>
    <row r="214225" spans="14:14">
      <c r="N214225" s="10"/>
    </row>
    <row r="214226" spans="14:14">
      <c r="N214226" s="10"/>
    </row>
    <row r="214227" spans="14:14">
      <c r="N214227" s="10"/>
    </row>
    <row r="214228" spans="14:14">
      <c r="N214228" s="10"/>
    </row>
    <row r="214229" spans="14:14">
      <c r="N214229" s="10"/>
    </row>
    <row r="214230" spans="14:14">
      <c r="N214230" s="10"/>
    </row>
    <row r="214231" spans="14:14">
      <c r="N214231" s="10"/>
    </row>
    <row r="214232" spans="14:14">
      <c r="N214232" s="10"/>
    </row>
    <row r="214233" spans="14:14">
      <c r="N214233" s="10"/>
    </row>
    <row r="214234" spans="14:14">
      <c r="N214234" s="10"/>
    </row>
    <row r="214235" spans="14:14">
      <c r="N214235" s="10"/>
    </row>
    <row r="214236" spans="14:14">
      <c r="N214236" s="10"/>
    </row>
    <row r="214237" spans="14:14">
      <c r="N214237" s="10"/>
    </row>
    <row r="214238" spans="14:14">
      <c r="N214238" s="10"/>
    </row>
    <row r="214239" spans="14:14">
      <c r="N214239" s="10"/>
    </row>
    <row r="214240" spans="14:14">
      <c r="N214240" s="10"/>
    </row>
    <row r="214241" spans="14:14">
      <c r="N214241" s="10"/>
    </row>
    <row r="214242" spans="14:14">
      <c r="N214242" s="10"/>
    </row>
    <row r="214243" spans="14:14">
      <c r="N214243" s="10"/>
    </row>
    <row r="214244" spans="14:14">
      <c r="N214244" s="10"/>
    </row>
    <row r="214245" spans="14:14">
      <c r="N214245" s="10"/>
    </row>
    <row r="214246" spans="14:14">
      <c r="N214246" s="10"/>
    </row>
    <row r="214247" spans="14:14">
      <c r="N214247" s="10"/>
    </row>
    <row r="214248" spans="14:14">
      <c r="N214248" s="10"/>
    </row>
    <row r="214249" spans="14:14">
      <c r="N214249" s="10"/>
    </row>
    <row r="214250" spans="14:14">
      <c r="N214250" s="10"/>
    </row>
    <row r="214251" spans="14:14">
      <c r="N214251" s="10"/>
    </row>
    <row r="214252" spans="14:14">
      <c r="N214252" s="10"/>
    </row>
    <row r="214253" spans="14:14">
      <c r="N214253" s="10"/>
    </row>
    <row r="214254" spans="14:14">
      <c r="N214254" s="10"/>
    </row>
    <row r="214255" spans="14:14">
      <c r="N214255" s="10"/>
    </row>
    <row r="214256" spans="14:14">
      <c r="N214256" s="10"/>
    </row>
    <row r="214257" spans="14:14">
      <c r="N214257" s="10"/>
    </row>
    <row r="214258" spans="14:14">
      <c r="N214258" s="10"/>
    </row>
    <row r="214259" spans="14:14">
      <c r="N214259" s="10"/>
    </row>
    <row r="214260" spans="14:14">
      <c r="N214260" s="10"/>
    </row>
    <row r="214261" spans="14:14">
      <c r="N214261" s="10"/>
    </row>
    <row r="214262" spans="14:14">
      <c r="N214262" s="10"/>
    </row>
    <row r="214263" spans="14:14">
      <c r="N214263" s="10"/>
    </row>
    <row r="214264" spans="14:14">
      <c r="N214264" s="10"/>
    </row>
    <row r="214265" spans="14:14">
      <c r="N214265" s="10"/>
    </row>
    <row r="214266" spans="14:14">
      <c r="N214266" s="10"/>
    </row>
    <row r="214267" spans="14:14">
      <c r="N214267" s="10"/>
    </row>
    <row r="214268" spans="14:14">
      <c r="N214268" s="10"/>
    </row>
    <row r="214269" spans="14:14">
      <c r="N214269" s="10"/>
    </row>
    <row r="214270" spans="14:14">
      <c r="N214270" s="10"/>
    </row>
    <row r="214271" spans="14:14">
      <c r="N214271" s="10"/>
    </row>
    <row r="214272" spans="14:14">
      <c r="N214272" s="10"/>
    </row>
    <row r="214273" spans="14:14">
      <c r="N214273" s="10"/>
    </row>
    <row r="214274" spans="14:14">
      <c r="N214274" s="10"/>
    </row>
    <row r="214275" spans="14:14">
      <c r="N214275" s="10"/>
    </row>
    <row r="214276" spans="14:14">
      <c r="N214276" s="10"/>
    </row>
    <row r="214277" spans="14:14">
      <c r="N214277" s="10"/>
    </row>
    <row r="214278" spans="14:14">
      <c r="N214278" s="10"/>
    </row>
    <row r="214279" spans="14:14">
      <c r="N214279" s="10"/>
    </row>
    <row r="214280" spans="14:14">
      <c r="N214280" s="10"/>
    </row>
    <row r="214281" spans="14:14">
      <c r="N214281" s="10"/>
    </row>
    <row r="214282" spans="14:14">
      <c r="N214282" s="10"/>
    </row>
    <row r="214283" spans="14:14">
      <c r="N214283" s="10"/>
    </row>
    <row r="214284" spans="14:14">
      <c r="N214284" s="10"/>
    </row>
    <row r="214285" spans="14:14">
      <c r="N214285" s="10"/>
    </row>
    <row r="214286" spans="14:14">
      <c r="N214286" s="10"/>
    </row>
    <row r="214287" spans="14:14">
      <c r="N214287" s="10"/>
    </row>
    <row r="214288" spans="14:14">
      <c r="N214288" s="10"/>
    </row>
    <row r="214289" spans="14:14">
      <c r="N214289" s="10"/>
    </row>
    <row r="214290" spans="14:14">
      <c r="N214290" s="10"/>
    </row>
    <row r="214291" spans="14:14">
      <c r="N214291" s="10"/>
    </row>
    <row r="214292" spans="14:14">
      <c r="N214292" s="10"/>
    </row>
    <row r="214293" spans="14:14">
      <c r="N214293" s="10"/>
    </row>
    <row r="214294" spans="14:14">
      <c r="N214294" s="10"/>
    </row>
    <row r="214295" spans="14:14">
      <c r="N214295" s="10"/>
    </row>
    <row r="214296" spans="14:14">
      <c r="N214296" s="10"/>
    </row>
    <row r="214297" spans="14:14">
      <c r="N214297" s="10"/>
    </row>
    <row r="214298" spans="14:14">
      <c r="N214298" s="10"/>
    </row>
    <row r="214299" spans="14:14">
      <c r="N214299" s="10"/>
    </row>
    <row r="214300" spans="14:14">
      <c r="N214300" s="10"/>
    </row>
    <row r="214301" spans="14:14">
      <c r="N214301" s="10"/>
    </row>
    <row r="214302" spans="14:14">
      <c r="N214302" s="10"/>
    </row>
    <row r="214303" spans="14:14">
      <c r="N214303" s="10"/>
    </row>
    <row r="214304" spans="14:14">
      <c r="N214304" s="10"/>
    </row>
    <row r="214305" spans="14:14">
      <c r="N214305" s="10"/>
    </row>
    <row r="214306" spans="14:14">
      <c r="N214306" s="10"/>
    </row>
    <row r="214307" spans="14:14">
      <c r="N214307" s="10"/>
    </row>
    <row r="214308" spans="14:14">
      <c r="N214308" s="10"/>
    </row>
    <row r="214309" spans="14:14">
      <c r="N214309" s="10"/>
    </row>
    <row r="214310" spans="14:14">
      <c r="N214310" s="10"/>
    </row>
    <row r="214311" spans="14:14">
      <c r="N214311" s="10"/>
    </row>
    <row r="214312" spans="14:14">
      <c r="N214312" s="10"/>
    </row>
    <row r="214313" spans="14:14">
      <c r="N214313" s="10"/>
    </row>
    <row r="214314" spans="14:14">
      <c r="N214314" s="10"/>
    </row>
    <row r="214315" spans="14:14">
      <c r="N214315" s="10"/>
    </row>
    <row r="214316" spans="14:14">
      <c r="N214316" s="10"/>
    </row>
    <row r="214317" spans="14:14">
      <c r="N214317" s="10"/>
    </row>
    <row r="214318" spans="14:14">
      <c r="N214318" s="10"/>
    </row>
    <row r="214319" spans="14:14">
      <c r="N214319" s="10"/>
    </row>
    <row r="214320" spans="14:14">
      <c r="N214320" s="10"/>
    </row>
    <row r="214321" spans="14:14">
      <c r="N214321" s="10"/>
    </row>
    <row r="214322" spans="14:14">
      <c r="N214322" s="10"/>
    </row>
    <row r="214323" spans="14:14">
      <c r="N214323" s="10"/>
    </row>
    <row r="214324" spans="14:14">
      <c r="N214324" s="10"/>
    </row>
    <row r="214325" spans="14:14">
      <c r="N214325" s="10"/>
    </row>
    <row r="214326" spans="14:14">
      <c r="N214326" s="10"/>
    </row>
    <row r="214327" spans="14:14">
      <c r="N214327" s="10"/>
    </row>
    <row r="214328" spans="14:14">
      <c r="N214328" s="10"/>
    </row>
    <row r="214329" spans="14:14">
      <c r="N214329" s="10"/>
    </row>
    <row r="214330" spans="14:14">
      <c r="N214330" s="10"/>
    </row>
    <row r="214331" spans="14:14">
      <c r="N214331" s="10"/>
    </row>
    <row r="214332" spans="14:14">
      <c r="N214332" s="10"/>
    </row>
    <row r="214333" spans="14:14">
      <c r="N214333" s="10"/>
    </row>
    <row r="214334" spans="14:14">
      <c r="N214334" s="10"/>
    </row>
    <row r="214335" spans="14:14">
      <c r="N214335" s="10"/>
    </row>
    <row r="214336" spans="14:14">
      <c r="N214336" s="10"/>
    </row>
    <row r="214337" spans="14:14">
      <c r="N214337" s="10"/>
    </row>
    <row r="214338" spans="14:14">
      <c r="N214338" s="10"/>
    </row>
    <row r="214339" spans="14:14">
      <c r="N214339" s="10"/>
    </row>
    <row r="214340" spans="14:14">
      <c r="N214340" s="10"/>
    </row>
    <row r="214341" spans="14:14">
      <c r="N214341" s="10"/>
    </row>
    <row r="214342" spans="14:14">
      <c r="N214342" s="10"/>
    </row>
    <row r="214343" spans="14:14">
      <c r="N214343" s="10"/>
    </row>
    <row r="214344" spans="14:14">
      <c r="N214344" s="10"/>
    </row>
    <row r="214345" spans="14:14">
      <c r="N214345" s="10"/>
    </row>
    <row r="214346" spans="14:14">
      <c r="N214346" s="10"/>
    </row>
    <row r="214347" spans="14:14">
      <c r="N214347" s="10"/>
    </row>
    <row r="214348" spans="14:14">
      <c r="N214348" s="10"/>
    </row>
    <row r="214349" spans="14:14">
      <c r="N214349" s="10"/>
    </row>
    <row r="214350" spans="14:14">
      <c r="N214350" s="10"/>
    </row>
    <row r="214351" spans="14:14">
      <c r="N214351" s="10"/>
    </row>
    <row r="214352" spans="14:14">
      <c r="N214352" s="10"/>
    </row>
    <row r="214353" spans="14:14">
      <c r="N214353" s="10"/>
    </row>
    <row r="214354" spans="14:14">
      <c r="N214354" s="10"/>
    </row>
    <row r="214355" spans="14:14">
      <c r="N214355" s="10"/>
    </row>
    <row r="214356" spans="14:14">
      <c r="N214356" s="10"/>
    </row>
    <row r="214357" spans="14:14">
      <c r="N214357" s="10"/>
    </row>
    <row r="214358" spans="14:14">
      <c r="N214358" s="10"/>
    </row>
    <row r="214359" spans="14:14">
      <c r="N214359" s="10"/>
    </row>
    <row r="214360" spans="14:14">
      <c r="N214360" s="10"/>
    </row>
    <row r="214361" spans="14:14">
      <c r="N214361" s="10"/>
    </row>
    <row r="214362" spans="14:14">
      <c r="N214362" s="10"/>
    </row>
    <row r="214363" spans="14:14">
      <c r="N214363" s="10"/>
    </row>
    <row r="214364" spans="14:14">
      <c r="N214364" s="10"/>
    </row>
    <row r="214365" spans="14:14">
      <c r="N214365" s="10"/>
    </row>
    <row r="214366" spans="14:14">
      <c r="N214366" s="10"/>
    </row>
    <row r="214367" spans="14:14">
      <c r="N214367" s="10"/>
    </row>
    <row r="214368" spans="14:14">
      <c r="N214368" s="10"/>
    </row>
    <row r="214369" spans="14:14">
      <c r="N214369" s="10"/>
    </row>
    <row r="214370" spans="14:14">
      <c r="N214370" s="10"/>
    </row>
    <row r="214371" spans="14:14">
      <c r="N214371" s="10"/>
    </row>
    <row r="214372" spans="14:14">
      <c r="N214372" s="10"/>
    </row>
    <row r="214373" spans="14:14">
      <c r="N214373" s="10"/>
    </row>
    <row r="214374" spans="14:14">
      <c r="N214374" s="10"/>
    </row>
    <row r="214375" spans="14:14">
      <c r="N214375" s="10"/>
    </row>
    <row r="214376" spans="14:14">
      <c r="N214376" s="10"/>
    </row>
    <row r="214377" spans="14:14">
      <c r="N214377" s="10"/>
    </row>
    <row r="214378" spans="14:14">
      <c r="N214378" s="10"/>
    </row>
    <row r="214379" spans="14:14">
      <c r="N214379" s="10"/>
    </row>
    <row r="214380" spans="14:14">
      <c r="N214380" s="10"/>
    </row>
    <row r="214381" spans="14:14">
      <c r="N214381" s="10"/>
    </row>
    <row r="214382" spans="14:14">
      <c r="N214382" s="10"/>
    </row>
    <row r="214383" spans="14:14">
      <c r="N214383" s="10"/>
    </row>
    <row r="214384" spans="14:14">
      <c r="N214384" s="10"/>
    </row>
    <row r="214385" spans="14:14">
      <c r="N214385" s="10"/>
    </row>
    <row r="214386" spans="14:14">
      <c r="N214386" s="10"/>
    </row>
    <row r="214387" spans="14:14">
      <c r="N214387" s="10"/>
    </row>
    <row r="214388" spans="14:14">
      <c r="N214388" s="10"/>
    </row>
    <row r="214389" spans="14:14">
      <c r="N214389" s="10"/>
    </row>
    <row r="214390" spans="14:14">
      <c r="N214390" s="10"/>
    </row>
    <row r="214391" spans="14:14">
      <c r="N214391" s="10"/>
    </row>
    <row r="214392" spans="14:14">
      <c r="N214392" s="10"/>
    </row>
    <row r="214393" spans="14:14">
      <c r="N214393" s="10"/>
    </row>
    <row r="214394" spans="14:14">
      <c r="N214394" s="10"/>
    </row>
    <row r="214395" spans="14:14">
      <c r="N214395" s="10"/>
    </row>
    <row r="214396" spans="14:14">
      <c r="N214396" s="10"/>
    </row>
    <row r="214397" spans="14:14">
      <c r="N214397" s="10"/>
    </row>
    <row r="214398" spans="14:14">
      <c r="N214398" s="10"/>
    </row>
    <row r="214399" spans="14:14">
      <c r="N214399" s="10"/>
    </row>
    <row r="214400" spans="14:14">
      <c r="N214400" s="10"/>
    </row>
    <row r="214401" spans="14:14">
      <c r="N214401" s="10"/>
    </row>
    <row r="214402" spans="14:14">
      <c r="N214402" s="10"/>
    </row>
    <row r="214403" spans="14:14">
      <c r="N214403" s="10"/>
    </row>
    <row r="214404" spans="14:14">
      <c r="N214404" s="10"/>
    </row>
    <row r="214405" spans="14:14">
      <c r="N214405" s="10"/>
    </row>
    <row r="214406" spans="14:14">
      <c r="N214406" s="10"/>
    </row>
    <row r="214407" spans="14:14">
      <c r="N214407" s="10"/>
    </row>
    <row r="214408" spans="14:14">
      <c r="N214408" s="10"/>
    </row>
    <row r="214409" spans="14:14">
      <c r="N214409" s="10"/>
    </row>
    <row r="214410" spans="14:14">
      <c r="N214410" s="10"/>
    </row>
    <row r="214411" spans="14:14">
      <c r="N214411" s="10"/>
    </row>
    <row r="214412" spans="14:14">
      <c r="N214412" s="10"/>
    </row>
    <row r="214413" spans="14:14">
      <c r="N214413" s="10"/>
    </row>
    <row r="214414" spans="14:14">
      <c r="N214414" s="10"/>
    </row>
    <row r="214415" spans="14:14">
      <c r="N214415" s="10"/>
    </row>
    <row r="214416" spans="14:14">
      <c r="N214416" s="10"/>
    </row>
    <row r="214417" spans="14:14">
      <c r="N214417" s="10"/>
    </row>
    <row r="214418" spans="14:14">
      <c r="N214418" s="10"/>
    </row>
    <row r="214419" spans="14:14">
      <c r="N214419" s="10"/>
    </row>
    <row r="214420" spans="14:14">
      <c r="N214420" s="10"/>
    </row>
    <row r="214421" spans="14:14">
      <c r="N214421" s="10"/>
    </row>
    <row r="214422" spans="14:14">
      <c r="N214422" s="10"/>
    </row>
    <row r="214423" spans="14:14">
      <c r="N214423" s="10"/>
    </row>
    <row r="214424" spans="14:14">
      <c r="N214424" s="10"/>
    </row>
    <row r="214425" spans="14:14">
      <c r="N214425" s="10"/>
    </row>
    <row r="214426" spans="14:14">
      <c r="N214426" s="10"/>
    </row>
    <row r="214427" spans="14:14">
      <c r="N214427" s="10"/>
    </row>
    <row r="214428" spans="14:14">
      <c r="N214428" s="10"/>
    </row>
    <row r="214429" spans="14:14">
      <c r="N214429" s="10"/>
    </row>
    <row r="214430" spans="14:14">
      <c r="N214430" s="10"/>
    </row>
    <row r="214431" spans="14:14">
      <c r="N214431" s="10"/>
    </row>
    <row r="214432" spans="14:14">
      <c r="N214432" s="10"/>
    </row>
    <row r="214433" spans="14:14">
      <c r="N214433" s="10"/>
    </row>
    <row r="214434" spans="14:14">
      <c r="N214434" s="10"/>
    </row>
    <row r="214435" spans="14:14">
      <c r="N214435" s="10"/>
    </row>
    <row r="214436" spans="14:14">
      <c r="N214436" s="10"/>
    </row>
    <row r="214437" spans="14:14">
      <c r="N214437" s="10"/>
    </row>
    <row r="214438" spans="14:14">
      <c r="N214438" s="10"/>
    </row>
    <row r="214439" spans="14:14">
      <c r="N214439" s="10"/>
    </row>
    <row r="214440" spans="14:14">
      <c r="N214440" s="10"/>
    </row>
    <row r="214441" spans="14:14">
      <c r="N214441" s="10"/>
    </row>
    <row r="214442" spans="14:14">
      <c r="N214442" s="10"/>
    </row>
    <row r="214443" spans="14:14">
      <c r="N214443" s="10"/>
    </row>
    <row r="214444" spans="14:14">
      <c r="N214444" s="10"/>
    </row>
    <row r="214445" spans="14:14">
      <c r="N214445" s="10"/>
    </row>
    <row r="214446" spans="14:14">
      <c r="N214446" s="10"/>
    </row>
    <row r="214447" spans="14:14">
      <c r="N214447" s="10"/>
    </row>
    <row r="214448" spans="14:14">
      <c r="N214448" s="10"/>
    </row>
    <row r="214449" spans="14:14">
      <c r="N214449" s="10"/>
    </row>
    <row r="214450" spans="14:14">
      <c r="N214450" s="10"/>
    </row>
    <row r="214451" spans="14:14">
      <c r="N214451" s="10"/>
    </row>
    <row r="214452" spans="14:14">
      <c r="N214452" s="10"/>
    </row>
    <row r="214453" spans="14:14">
      <c r="N214453" s="10"/>
    </row>
    <row r="214454" spans="14:14">
      <c r="N214454" s="10"/>
    </row>
    <row r="214455" spans="14:14">
      <c r="N214455" s="10"/>
    </row>
    <row r="214456" spans="14:14">
      <c r="N214456" s="10"/>
    </row>
    <row r="214457" spans="14:14">
      <c r="N214457" s="10"/>
    </row>
    <row r="214458" spans="14:14">
      <c r="N214458" s="10"/>
    </row>
    <row r="214459" spans="14:14">
      <c r="N214459" s="10"/>
    </row>
    <row r="214460" spans="14:14">
      <c r="N214460" s="10"/>
    </row>
    <row r="214461" spans="14:14">
      <c r="N214461" s="10"/>
    </row>
    <row r="214462" spans="14:14">
      <c r="N214462" s="10"/>
    </row>
    <row r="214463" spans="14:14">
      <c r="N214463" s="10"/>
    </row>
    <row r="214464" spans="14:14">
      <c r="N214464" s="10"/>
    </row>
    <row r="214465" spans="14:14">
      <c r="N214465" s="10"/>
    </row>
    <row r="214466" spans="14:14">
      <c r="N214466" s="10"/>
    </row>
    <row r="214467" spans="14:14">
      <c r="N214467" s="10"/>
    </row>
    <row r="214468" spans="14:14">
      <c r="N214468" s="10"/>
    </row>
    <row r="214469" spans="14:14">
      <c r="N214469" s="10"/>
    </row>
    <row r="214470" spans="14:14">
      <c r="N214470" s="10"/>
    </row>
    <row r="214471" spans="14:14">
      <c r="N214471" s="10"/>
    </row>
    <row r="214472" spans="14:14">
      <c r="N214472" s="10"/>
    </row>
    <row r="214473" spans="14:14">
      <c r="N214473" s="10"/>
    </row>
    <row r="214474" spans="14:14">
      <c r="N214474" s="10"/>
    </row>
    <row r="214475" spans="14:14">
      <c r="N214475" s="10"/>
    </row>
    <row r="214476" spans="14:14">
      <c r="N214476" s="10"/>
    </row>
    <row r="214477" spans="14:14">
      <c r="N214477" s="10"/>
    </row>
    <row r="214478" spans="14:14">
      <c r="N214478" s="10"/>
    </row>
    <row r="214479" spans="14:14">
      <c r="N214479" s="10"/>
    </row>
    <row r="214480" spans="14:14">
      <c r="N214480" s="10"/>
    </row>
    <row r="214481" spans="14:14">
      <c r="N214481" s="10"/>
    </row>
    <row r="214482" spans="14:14">
      <c r="N214482" s="10"/>
    </row>
    <row r="214483" spans="14:14">
      <c r="N214483" s="10"/>
    </row>
    <row r="214484" spans="14:14">
      <c r="N214484" s="10"/>
    </row>
    <row r="214485" spans="14:14">
      <c r="N214485" s="10"/>
    </row>
    <row r="214486" spans="14:14">
      <c r="N214486" s="10"/>
    </row>
    <row r="214487" spans="14:14">
      <c r="N214487" s="10"/>
    </row>
    <row r="214488" spans="14:14">
      <c r="N214488" s="10"/>
    </row>
    <row r="214489" spans="14:14">
      <c r="N214489" s="10"/>
    </row>
    <row r="214490" spans="14:14">
      <c r="N214490" s="10"/>
    </row>
    <row r="214491" spans="14:14">
      <c r="N214491" s="10"/>
    </row>
    <row r="214492" spans="14:14">
      <c r="N214492" s="10"/>
    </row>
    <row r="214493" spans="14:14">
      <c r="N214493" s="10"/>
    </row>
    <row r="214494" spans="14:14">
      <c r="N214494" s="10"/>
    </row>
    <row r="214495" spans="14:14">
      <c r="N214495" s="10"/>
    </row>
    <row r="214496" spans="14:14">
      <c r="N214496" s="10"/>
    </row>
    <row r="214497" spans="14:14">
      <c r="N214497" s="10"/>
    </row>
    <row r="214498" spans="14:14">
      <c r="N214498" s="10"/>
    </row>
    <row r="214499" spans="14:14">
      <c r="N214499" s="10"/>
    </row>
    <row r="214500" spans="14:14">
      <c r="N214500" s="10"/>
    </row>
    <row r="214501" spans="14:14">
      <c r="N214501" s="10"/>
    </row>
    <row r="214502" spans="14:14">
      <c r="N214502" s="10"/>
    </row>
    <row r="214503" spans="14:14">
      <c r="N214503" s="10"/>
    </row>
    <row r="214504" spans="14:14">
      <c r="N214504" s="10"/>
    </row>
    <row r="214505" spans="14:14">
      <c r="N214505" s="10"/>
    </row>
    <row r="214506" spans="14:14">
      <c r="N214506" s="10"/>
    </row>
    <row r="214507" spans="14:14">
      <c r="N214507" s="10"/>
    </row>
    <row r="214508" spans="14:14">
      <c r="N214508" s="10"/>
    </row>
    <row r="214509" spans="14:14">
      <c r="N214509" s="10"/>
    </row>
    <row r="214510" spans="14:14">
      <c r="N214510" s="10"/>
    </row>
    <row r="214511" spans="14:14">
      <c r="N214511" s="10"/>
    </row>
    <row r="214512" spans="14:14">
      <c r="N214512" s="10"/>
    </row>
    <row r="214513" spans="14:14">
      <c r="N214513" s="10"/>
    </row>
    <row r="214514" spans="14:14">
      <c r="N214514" s="10"/>
    </row>
    <row r="214515" spans="14:14">
      <c r="N214515" s="10"/>
    </row>
    <row r="214516" spans="14:14">
      <c r="N214516" s="10"/>
    </row>
    <row r="214517" spans="14:14">
      <c r="N214517" s="10"/>
    </row>
    <row r="214518" spans="14:14">
      <c r="N214518" s="10"/>
    </row>
    <row r="214519" spans="14:14">
      <c r="N214519" s="10"/>
    </row>
    <row r="214520" spans="14:14">
      <c r="N214520" s="10"/>
    </row>
    <row r="214521" spans="14:14">
      <c r="N214521" s="10"/>
    </row>
    <row r="214522" spans="14:14">
      <c r="N214522" s="10"/>
    </row>
    <row r="214523" spans="14:14">
      <c r="N214523" s="10"/>
    </row>
    <row r="214524" spans="14:14">
      <c r="N214524" s="10"/>
    </row>
    <row r="214525" spans="14:14">
      <c r="N214525" s="10"/>
    </row>
    <row r="214526" spans="14:14">
      <c r="N214526" s="10"/>
    </row>
    <row r="214527" spans="14:14">
      <c r="N214527" s="10"/>
    </row>
    <row r="214528" spans="14:14">
      <c r="N214528" s="10"/>
    </row>
    <row r="214529" spans="14:14">
      <c r="N214529" s="10"/>
    </row>
    <row r="214530" spans="14:14">
      <c r="N214530" s="10"/>
    </row>
    <row r="214531" spans="14:14">
      <c r="N214531" s="10"/>
    </row>
    <row r="214532" spans="14:14">
      <c r="N214532" s="10"/>
    </row>
    <row r="214533" spans="14:14">
      <c r="N214533" s="10"/>
    </row>
    <row r="214534" spans="14:14">
      <c r="N214534" s="10"/>
    </row>
    <row r="214535" spans="14:14">
      <c r="N214535" s="10"/>
    </row>
    <row r="214536" spans="14:14">
      <c r="N214536" s="10"/>
    </row>
    <row r="214537" spans="14:14">
      <c r="N214537" s="10"/>
    </row>
    <row r="214538" spans="14:14">
      <c r="N214538" s="10"/>
    </row>
    <row r="214539" spans="14:14">
      <c r="N214539" s="10"/>
    </row>
    <row r="214540" spans="14:14">
      <c r="N214540" s="10"/>
    </row>
    <row r="214541" spans="14:14">
      <c r="N214541" s="10"/>
    </row>
    <row r="214542" spans="14:14">
      <c r="N214542" s="10"/>
    </row>
    <row r="214543" spans="14:14">
      <c r="N214543" s="10"/>
    </row>
    <row r="214544" spans="14:14">
      <c r="N214544" s="10"/>
    </row>
    <row r="214545" spans="14:14">
      <c r="N214545" s="10"/>
    </row>
    <row r="214546" spans="14:14">
      <c r="N214546" s="10"/>
    </row>
    <row r="214547" spans="14:14">
      <c r="N214547" s="10"/>
    </row>
    <row r="214548" spans="14:14">
      <c r="N214548" s="10"/>
    </row>
    <row r="214549" spans="14:14">
      <c r="N214549" s="10"/>
    </row>
    <row r="214550" spans="14:14">
      <c r="N214550" s="10"/>
    </row>
    <row r="214551" spans="14:14">
      <c r="N214551" s="10"/>
    </row>
    <row r="214552" spans="14:14">
      <c r="N214552" s="10"/>
    </row>
    <row r="214553" spans="14:14">
      <c r="N214553" s="10"/>
    </row>
    <row r="214554" spans="14:14">
      <c r="N214554" s="10"/>
    </row>
    <row r="214555" spans="14:14">
      <c r="N214555" s="10"/>
    </row>
    <row r="214556" spans="14:14">
      <c r="N214556" s="10"/>
    </row>
    <row r="214557" spans="14:14">
      <c r="N214557" s="10"/>
    </row>
    <row r="214558" spans="14:14">
      <c r="N214558" s="10"/>
    </row>
    <row r="214559" spans="14:14">
      <c r="N214559" s="10"/>
    </row>
    <row r="214560" spans="14:14">
      <c r="N214560" s="10"/>
    </row>
    <row r="214561" spans="14:14">
      <c r="N214561" s="10"/>
    </row>
    <row r="214562" spans="14:14">
      <c r="N214562" s="10"/>
    </row>
    <row r="214563" spans="14:14">
      <c r="N214563" s="10"/>
    </row>
    <row r="214564" spans="14:14">
      <c r="N214564" s="10"/>
    </row>
    <row r="214565" spans="14:14">
      <c r="N214565" s="10"/>
    </row>
    <row r="214566" spans="14:14">
      <c r="N214566" s="10"/>
    </row>
    <row r="214567" spans="14:14">
      <c r="N214567" s="10"/>
    </row>
    <row r="214568" spans="14:14">
      <c r="N214568" s="10"/>
    </row>
    <row r="214569" spans="14:14">
      <c r="N214569" s="10"/>
    </row>
    <row r="214570" spans="14:14">
      <c r="N214570" s="10"/>
    </row>
    <row r="214571" spans="14:14">
      <c r="N214571" s="10"/>
    </row>
    <row r="214572" spans="14:14">
      <c r="N214572" s="10"/>
    </row>
    <row r="214573" spans="14:14">
      <c r="N214573" s="10"/>
    </row>
    <row r="214574" spans="14:14">
      <c r="N214574" s="10"/>
    </row>
    <row r="214575" spans="14:14">
      <c r="N214575" s="10"/>
    </row>
    <row r="214576" spans="14:14">
      <c r="N214576" s="10"/>
    </row>
    <row r="214577" spans="14:14">
      <c r="N214577" s="10"/>
    </row>
    <row r="214578" spans="14:14">
      <c r="N214578" s="10"/>
    </row>
    <row r="214579" spans="14:14">
      <c r="N214579" s="10"/>
    </row>
    <row r="214580" spans="14:14">
      <c r="N214580" s="10"/>
    </row>
    <row r="214581" spans="14:14">
      <c r="N214581" s="10"/>
    </row>
    <row r="214582" spans="14:14">
      <c r="N214582" s="10"/>
    </row>
    <row r="214583" spans="14:14">
      <c r="N214583" s="10"/>
    </row>
    <row r="214584" spans="14:14">
      <c r="N214584" s="10"/>
    </row>
    <row r="214585" spans="14:14">
      <c r="N214585" s="10"/>
    </row>
    <row r="214586" spans="14:14">
      <c r="N214586" s="10"/>
    </row>
    <row r="214587" spans="14:14">
      <c r="N214587" s="10"/>
    </row>
    <row r="214588" spans="14:14">
      <c r="N214588" s="10"/>
    </row>
    <row r="214589" spans="14:14">
      <c r="N214589" s="10"/>
    </row>
    <row r="214590" spans="14:14">
      <c r="N214590" s="10"/>
    </row>
    <row r="214591" spans="14:14">
      <c r="N214591" s="10"/>
    </row>
    <row r="214592" spans="14:14">
      <c r="N214592" s="10"/>
    </row>
    <row r="214593" spans="14:14">
      <c r="N214593" s="10"/>
    </row>
    <row r="214594" spans="14:14">
      <c r="N214594" s="10"/>
    </row>
    <row r="214595" spans="14:14">
      <c r="N214595" s="10"/>
    </row>
    <row r="214596" spans="14:14">
      <c r="N214596" s="10"/>
    </row>
    <row r="214597" spans="14:14">
      <c r="N214597" s="10"/>
    </row>
    <row r="214598" spans="14:14">
      <c r="N214598" s="10"/>
    </row>
    <row r="214599" spans="14:14">
      <c r="N214599" s="10"/>
    </row>
    <row r="214600" spans="14:14">
      <c r="N214600" s="10"/>
    </row>
    <row r="214601" spans="14:14">
      <c r="N214601" s="10"/>
    </row>
    <row r="214602" spans="14:14">
      <c r="N214602" s="10"/>
    </row>
    <row r="214603" spans="14:14">
      <c r="N214603" s="10"/>
    </row>
    <row r="214604" spans="14:14">
      <c r="N214604" s="10"/>
    </row>
    <row r="214605" spans="14:14">
      <c r="N214605" s="10"/>
    </row>
    <row r="214606" spans="14:14">
      <c r="N214606" s="10"/>
    </row>
    <row r="214607" spans="14:14">
      <c r="N214607" s="10"/>
    </row>
    <row r="214608" spans="14:14">
      <c r="N214608" s="10"/>
    </row>
    <row r="214609" spans="14:14">
      <c r="N214609" s="10"/>
    </row>
    <row r="214610" spans="14:14">
      <c r="N214610" s="10"/>
    </row>
    <row r="214611" spans="14:14">
      <c r="N214611" s="10"/>
    </row>
    <row r="214612" spans="14:14">
      <c r="N214612" s="10"/>
    </row>
    <row r="214613" spans="14:14">
      <c r="N214613" s="10"/>
    </row>
    <row r="214614" spans="14:14">
      <c r="N214614" s="10"/>
    </row>
    <row r="214615" spans="14:14">
      <c r="N214615" s="10"/>
    </row>
    <row r="214616" spans="14:14">
      <c r="N214616" s="10"/>
    </row>
    <row r="214617" spans="14:14">
      <c r="N214617" s="10"/>
    </row>
    <row r="214618" spans="14:14">
      <c r="N214618" s="10"/>
    </row>
    <row r="214619" spans="14:14">
      <c r="N214619" s="10"/>
    </row>
    <row r="214620" spans="14:14">
      <c r="N214620" s="10"/>
    </row>
    <row r="214621" spans="14:14">
      <c r="N214621" s="10"/>
    </row>
    <row r="214622" spans="14:14">
      <c r="N214622" s="10"/>
    </row>
    <row r="214623" spans="14:14">
      <c r="N214623" s="10"/>
    </row>
    <row r="214624" spans="14:14">
      <c r="N214624" s="10"/>
    </row>
    <row r="214625" spans="14:14">
      <c r="N214625" s="10"/>
    </row>
    <row r="214626" spans="14:14">
      <c r="N214626" s="10"/>
    </row>
    <row r="214627" spans="14:14">
      <c r="N214627" s="10"/>
    </row>
    <row r="214628" spans="14:14">
      <c r="N214628" s="10"/>
    </row>
    <row r="214629" spans="14:14">
      <c r="N214629" s="10"/>
    </row>
    <row r="214630" spans="14:14">
      <c r="N214630" s="10"/>
    </row>
    <row r="214631" spans="14:14">
      <c r="N214631" s="10"/>
    </row>
    <row r="214632" spans="14:14">
      <c r="N214632" s="10"/>
    </row>
    <row r="214633" spans="14:14">
      <c r="N214633" s="10"/>
    </row>
    <row r="214634" spans="14:14">
      <c r="N214634" s="10"/>
    </row>
    <row r="214635" spans="14:14">
      <c r="N214635" s="10"/>
    </row>
    <row r="214636" spans="14:14">
      <c r="N214636" s="10"/>
    </row>
    <row r="214637" spans="14:14">
      <c r="N214637" s="10"/>
    </row>
    <row r="214638" spans="14:14">
      <c r="N214638" s="10"/>
    </row>
    <row r="214639" spans="14:14">
      <c r="N214639" s="10"/>
    </row>
    <row r="214640" spans="14:14">
      <c r="N214640" s="10"/>
    </row>
    <row r="214641" spans="14:14">
      <c r="N214641" s="10"/>
    </row>
    <row r="214642" spans="14:14">
      <c r="N214642" s="10"/>
    </row>
    <row r="214643" spans="14:14">
      <c r="N214643" s="10"/>
    </row>
    <row r="214644" spans="14:14">
      <c r="N214644" s="10"/>
    </row>
    <row r="214645" spans="14:14">
      <c r="N214645" s="10"/>
    </row>
    <row r="214646" spans="14:14">
      <c r="N214646" s="10"/>
    </row>
    <row r="214647" spans="14:14">
      <c r="N214647" s="10"/>
    </row>
    <row r="214648" spans="14:14">
      <c r="N214648" s="10"/>
    </row>
    <row r="214649" spans="14:14">
      <c r="N214649" s="10"/>
    </row>
    <row r="214650" spans="14:14">
      <c r="N214650" s="10"/>
    </row>
    <row r="214651" spans="14:14">
      <c r="N214651" s="10"/>
    </row>
    <row r="214652" spans="14:14">
      <c r="N214652" s="10"/>
    </row>
    <row r="214653" spans="14:14">
      <c r="N214653" s="10"/>
    </row>
    <row r="214654" spans="14:14">
      <c r="N214654" s="10"/>
    </row>
    <row r="214655" spans="14:14">
      <c r="N214655" s="10"/>
    </row>
    <row r="214656" spans="14:14">
      <c r="N214656" s="10"/>
    </row>
    <row r="214657" spans="14:14">
      <c r="N214657" s="10"/>
    </row>
    <row r="214658" spans="14:14">
      <c r="N214658" s="10"/>
    </row>
    <row r="214659" spans="14:14">
      <c r="N214659" s="10"/>
    </row>
    <row r="214660" spans="14:14">
      <c r="N214660" s="10"/>
    </row>
    <row r="214661" spans="14:14">
      <c r="N214661" s="10"/>
    </row>
    <row r="214662" spans="14:14">
      <c r="N214662" s="10"/>
    </row>
    <row r="214663" spans="14:14">
      <c r="N214663" s="10"/>
    </row>
    <row r="214664" spans="14:14">
      <c r="N214664" s="10"/>
    </row>
    <row r="214665" spans="14:14">
      <c r="N214665" s="10"/>
    </row>
    <row r="214666" spans="14:14">
      <c r="N214666" s="10"/>
    </row>
    <row r="214667" spans="14:14">
      <c r="N214667" s="10"/>
    </row>
    <row r="214668" spans="14:14">
      <c r="N214668" s="10"/>
    </row>
    <row r="214669" spans="14:14">
      <c r="N214669" s="10"/>
    </row>
    <row r="214670" spans="14:14">
      <c r="N214670" s="10"/>
    </row>
    <row r="214671" spans="14:14">
      <c r="N214671" s="10"/>
    </row>
    <row r="214672" spans="14:14">
      <c r="N214672" s="10"/>
    </row>
    <row r="214673" spans="14:14">
      <c r="N214673" s="10"/>
    </row>
    <row r="214674" spans="14:14">
      <c r="N214674" s="10"/>
    </row>
    <row r="214675" spans="14:14">
      <c r="N214675" s="10"/>
    </row>
    <row r="214676" spans="14:14">
      <c r="N214676" s="10"/>
    </row>
    <row r="214677" spans="14:14">
      <c r="N214677" s="10"/>
    </row>
    <row r="214678" spans="14:14">
      <c r="N214678" s="10"/>
    </row>
    <row r="214679" spans="14:14">
      <c r="N214679" s="10"/>
    </row>
    <row r="214680" spans="14:14">
      <c r="N214680" s="10"/>
    </row>
    <row r="214681" spans="14:14">
      <c r="N214681" s="10"/>
    </row>
    <row r="214682" spans="14:14">
      <c r="N214682" s="10"/>
    </row>
    <row r="214683" spans="14:14">
      <c r="N214683" s="10"/>
    </row>
    <row r="214684" spans="14:14">
      <c r="N214684" s="10"/>
    </row>
    <row r="214685" spans="14:14">
      <c r="N214685" s="10"/>
    </row>
    <row r="214686" spans="14:14">
      <c r="N214686" s="10"/>
    </row>
    <row r="214687" spans="14:14">
      <c r="N214687" s="10"/>
    </row>
    <row r="214688" spans="14:14">
      <c r="N214688" s="10"/>
    </row>
    <row r="214689" spans="14:14">
      <c r="N214689" s="10"/>
    </row>
    <row r="214690" spans="14:14">
      <c r="N214690" s="10"/>
    </row>
    <row r="214691" spans="14:14">
      <c r="N214691" s="10"/>
    </row>
    <row r="214692" spans="14:14">
      <c r="N214692" s="10"/>
    </row>
    <row r="214693" spans="14:14">
      <c r="N214693" s="10"/>
    </row>
    <row r="214694" spans="14:14">
      <c r="N214694" s="10"/>
    </row>
    <row r="214695" spans="14:14">
      <c r="N214695" s="10"/>
    </row>
    <row r="214696" spans="14:14">
      <c r="N214696" s="10"/>
    </row>
    <row r="214697" spans="14:14">
      <c r="N214697" s="10"/>
    </row>
    <row r="214698" spans="14:14">
      <c r="N214698" s="10"/>
    </row>
    <row r="214699" spans="14:14">
      <c r="N214699" s="10"/>
    </row>
    <row r="214700" spans="14:14">
      <c r="N214700" s="10"/>
    </row>
    <row r="214701" spans="14:14">
      <c r="N214701" s="10"/>
    </row>
    <row r="214702" spans="14:14">
      <c r="N214702" s="10"/>
    </row>
    <row r="214703" spans="14:14">
      <c r="N214703" s="10"/>
    </row>
    <row r="214704" spans="14:14">
      <c r="N214704" s="10"/>
    </row>
    <row r="214705" spans="14:14">
      <c r="N214705" s="10"/>
    </row>
    <row r="214706" spans="14:14">
      <c r="N214706" s="10"/>
    </row>
    <row r="214707" spans="14:14">
      <c r="N214707" s="10"/>
    </row>
    <row r="214708" spans="14:14">
      <c r="N214708" s="10"/>
    </row>
    <row r="214709" spans="14:14">
      <c r="N214709" s="10"/>
    </row>
    <row r="214710" spans="14:14">
      <c r="N214710" s="10"/>
    </row>
    <row r="214711" spans="14:14">
      <c r="N214711" s="10"/>
    </row>
    <row r="214712" spans="14:14">
      <c r="N214712" s="10"/>
    </row>
    <row r="214713" spans="14:14">
      <c r="N214713" s="10"/>
    </row>
    <row r="214714" spans="14:14">
      <c r="N214714" s="10"/>
    </row>
    <row r="214715" spans="14:14">
      <c r="N214715" s="10"/>
    </row>
    <row r="214716" spans="14:14">
      <c r="N214716" s="10"/>
    </row>
    <row r="214717" spans="14:14">
      <c r="N214717" s="10"/>
    </row>
    <row r="214718" spans="14:14">
      <c r="N214718" s="10"/>
    </row>
    <row r="214719" spans="14:14">
      <c r="N214719" s="10"/>
    </row>
    <row r="214720" spans="14:14">
      <c r="N214720" s="10"/>
    </row>
    <row r="214721" spans="14:14">
      <c r="N214721" s="10"/>
    </row>
    <row r="214722" spans="14:14">
      <c r="N214722" s="10"/>
    </row>
    <row r="214723" spans="14:14">
      <c r="N214723" s="10"/>
    </row>
    <row r="214724" spans="14:14">
      <c r="N214724" s="10"/>
    </row>
    <row r="214725" spans="14:14">
      <c r="N214725" s="10"/>
    </row>
    <row r="214726" spans="14:14">
      <c r="N214726" s="10"/>
    </row>
    <row r="214727" spans="14:14">
      <c r="N214727" s="10"/>
    </row>
    <row r="214728" spans="14:14">
      <c r="N214728" s="10"/>
    </row>
    <row r="214729" spans="14:14">
      <c r="N214729" s="10"/>
    </row>
    <row r="214730" spans="14:14">
      <c r="N214730" s="10"/>
    </row>
    <row r="214731" spans="14:14">
      <c r="N214731" s="10"/>
    </row>
    <row r="214732" spans="14:14">
      <c r="N214732" s="10"/>
    </row>
    <row r="214733" spans="14:14">
      <c r="N214733" s="10"/>
    </row>
    <row r="214734" spans="14:14">
      <c r="N214734" s="10"/>
    </row>
    <row r="214735" spans="14:14">
      <c r="N214735" s="10"/>
    </row>
    <row r="214736" spans="14:14">
      <c r="N214736" s="10"/>
    </row>
    <row r="214737" spans="14:14">
      <c r="N214737" s="10"/>
    </row>
    <row r="214738" spans="14:14">
      <c r="N214738" s="10"/>
    </row>
    <row r="214739" spans="14:14">
      <c r="N214739" s="10"/>
    </row>
    <row r="214740" spans="14:14">
      <c r="N214740" s="10"/>
    </row>
    <row r="214741" spans="14:14">
      <c r="N214741" s="10"/>
    </row>
    <row r="214742" spans="14:14">
      <c r="N214742" s="10"/>
    </row>
    <row r="214743" spans="14:14">
      <c r="N214743" s="10"/>
    </row>
    <row r="214744" spans="14:14">
      <c r="N214744" s="10"/>
    </row>
    <row r="214745" spans="14:14">
      <c r="N214745" s="10"/>
    </row>
    <row r="214746" spans="14:14">
      <c r="N214746" s="10"/>
    </row>
    <row r="214747" spans="14:14">
      <c r="N214747" s="10"/>
    </row>
    <row r="214748" spans="14:14">
      <c r="N214748" s="10"/>
    </row>
    <row r="214749" spans="14:14">
      <c r="N214749" s="10"/>
    </row>
    <row r="214750" spans="14:14">
      <c r="N214750" s="10"/>
    </row>
    <row r="214751" spans="14:14">
      <c r="N214751" s="10"/>
    </row>
    <row r="214752" spans="14:14">
      <c r="N214752" s="10"/>
    </row>
    <row r="214753" spans="14:14">
      <c r="N214753" s="10"/>
    </row>
    <row r="214754" spans="14:14">
      <c r="N214754" s="10"/>
    </row>
    <row r="214755" spans="14:14">
      <c r="N214755" s="10"/>
    </row>
    <row r="214756" spans="14:14">
      <c r="N214756" s="10"/>
    </row>
    <row r="214757" spans="14:14">
      <c r="N214757" s="10"/>
    </row>
    <row r="214758" spans="14:14">
      <c r="N214758" s="10"/>
    </row>
    <row r="214759" spans="14:14">
      <c r="N214759" s="10"/>
    </row>
    <row r="214760" spans="14:14">
      <c r="N214760" s="10"/>
    </row>
    <row r="214761" spans="14:14">
      <c r="N214761" s="10"/>
    </row>
    <row r="214762" spans="14:14">
      <c r="N214762" s="10"/>
    </row>
    <row r="214763" spans="14:14">
      <c r="N214763" s="10"/>
    </row>
    <row r="214764" spans="14:14">
      <c r="N214764" s="10"/>
    </row>
    <row r="214765" spans="14:14">
      <c r="N214765" s="10"/>
    </row>
    <row r="214766" spans="14:14">
      <c r="N214766" s="10"/>
    </row>
    <row r="214767" spans="14:14">
      <c r="N214767" s="10"/>
    </row>
    <row r="214768" spans="14:14">
      <c r="N214768" s="10"/>
    </row>
    <row r="214769" spans="14:14">
      <c r="N214769" s="10"/>
    </row>
    <row r="214770" spans="14:14">
      <c r="N214770" s="10"/>
    </row>
    <row r="214771" spans="14:14">
      <c r="N214771" s="10"/>
    </row>
    <row r="214772" spans="14:14">
      <c r="N214772" s="10"/>
    </row>
    <row r="214773" spans="14:14">
      <c r="N214773" s="10"/>
    </row>
    <row r="214774" spans="14:14">
      <c r="N214774" s="10"/>
    </row>
    <row r="214775" spans="14:14">
      <c r="N214775" s="10"/>
    </row>
    <row r="214776" spans="14:14">
      <c r="N214776" s="10"/>
    </row>
    <row r="214777" spans="14:14">
      <c r="N214777" s="10"/>
    </row>
    <row r="214778" spans="14:14">
      <c r="N214778" s="10"/>
    </row>
    <row r="214779" spans="14:14">
      <c r="N214779" s="10"/>
    </row>
    <row r="214780" spans="14:14">
      <c r="N214780" s="10"/>
    </row>
    <row r="214781" spans="14:14">
      <c r="N214781" s="10"/>
    </row>
    <row r="214782" spans="14:14">
      <c r="N214782" s="10"/>
    </row>
    <row r="214783" spans="14:14">
      <c r="N214783" s="10"/>
    </row>
    <row r="214784" spans="14:14">
      <c r="N214784" s="10"/>
    </row>
    <row r="214785" spans="14:14">
      <c r="N214785" s="10"/>
    </row>
    <row r="214786" spans="14:14">
      <c r="N214786" s="10"/>
    </row>
    <row r="214787" spans="14:14">
      <c r="N214787" s="10"/>
    </row>
    <row r="214788" spans="14:14">
      <c r="N214788" s="10"/>
    </row>
    <row r="214789" spans="14:14">
      <c r="N214789" s="10"/>
    </row>
    <row r="214790" spans="14:14">
      <c r="N214790" s="10"/>
    </row>
    <row r="214791" spans="14:14">
      <c r="N214791" s="10"/>
    </row>
    <row r="214792" spans="14:14">
      <c r="N214792" s="10"/>
    </row>
    <row r="214793" spans="14:14">
      <c r="N214793" s="10"/>
    </row>
    <row r="214794" spans="14:14">
      <c r="N214794" s="10"/>
    </row>
    <row r="214795" spans="14:14">
      <c r="N214795" s="10"/>
    </row>
    <row r="214796" spans="14:14">
      <c r="N214796" s="10"/>
    </row>
    <row r="214797" spans="14:14">
      <c r="N214797" s="10"/>
    </row>
    <row r="214798" spans="14:14">
      <c r="N214798" s="10"/>
    </row>
    <row r="214799" spans="14:14">
      <c r="N214799" s="10"/>
    </row>
    <row r="214800" spans="14:14">
      <c r="N214800" s="10"/>
    </row>
    <row r="214801" spans="14:14">
      <c r="N214801" s="10"/>
    </row>
    <row r="214802" spans="14:14">
      <c r="N214802" s="10"/>
    </row>
    <row r="214803" spans="14:14">
      <c r="N214803" s="10"/>
    </row>
    <row r="214804" spans="14:14">
      <c r="N214804" s="10"/>
    </row>
    <row r="214805" spans="14:14">
      <c r="N214805" s="10"/>
    </row>
    <row r="214806" spans="14:14">
      <c r="N214806" s="10"/>
    </row>
    <row r="214807" spans="14:14">
      <c r="N214807" s="10"/>
    </row>
    <row r="214808" spans="14:14">
      <c r="N214808" s="10"/>
    </row>
    <row r="214809" spans="14:14">
      <c r="N214809" s="10"/>
    </row>
    <row r="214810" spans="14:14">
      <c r="N214810" s="10"/>
    </row>
    <row r="214811" spans="14:14">
      <c r="N214811" s="10"/>
    </row>
    <row r="214812" spans="14:14">
      <c r="N214812" s="10"/>
    </row>
    <row r="214813" spans="14:14">
      <c r="N214813" s="10"/>
    </row>
    <row r="214814" spans="14:14">
      <c r="N214814" s="10"/>
    </row>
    <row r="214815" spans="14:14">
      <c r="N214815" s="10"/>
    </row>
    <row r="214816" spans="14:14">
      <c r="N214816" s="10"/>
    </row>
    <row r="214817" spans="14:14">
      <c r="N214817" s="10"/>
    </row>
    <row r="214818" spans="14:14">
      <c r="N214818" s="10"/>
    </row>
    <row r="214819" spans="14:14">
      <c r="N214819" s="10"/>
    </row>
    <row r="214820" spans="14:14">
      <c r="N214820" s="10"/>
    </row>
    <row r="214821" spans="14:14">
      <c r="N214821" s="10"/>
    </row>
    <row r="214822" spans="14:14">
      <c r="N214822" s="10"/>
    </row>
    <row r="214823" spans="14:14">
      <c r="N214823" s="10"/>
    </row>
    <row r="214824" spans="14:14">
      <c r="N214824" s="10"/>
    </row>
    <row r="214825" spans="14:14">
      <c r="N214825" s="10"/>
    </row>
    <row r="214826" spans="14:14">
      <c r="N214826" s="10"/>
    </row>
    <row r="214827" spans="14:14">
      <c r="N214827" s="10"/>
    </row>
    <row r="214828" spans="14:14">
      <c r="N214828" s="10"/>
    </row>
    <row r="214829" spans="14:14">
      <c r="N214829" s="10"/>
    </row>
    <row r="214830" spans="14:14">
      <c r="N214830" s="10"/>
    </row>
    <row r="214831" spans="14:14">
      <c r="N214831" s="10"/>
    </row>
    <row r="214832" spans="14:14">
      <c r="N214832" s="10"/>
    </row>
    <row r="214833" spans="14:14">
      <c r="N214833" s="10"/>
    </row>
    <row r="214834" spans="14:14">
      <c r="N214834" s="10"/>
    </row>
    <row r="214835" spans="14:14">
      <c r="N214835" s="10"/>
    </row>
    <row r="214836" spans="14:14">
      <c r="N214836" s="10"/>
    </row>
    <row r="214837" spans="14:14">
      <c r="N214837" s="10"/>
    </row>
    <row r="214838" spans="14:14">
      <c r="N214838" s="10"/>
    </row>
    <row r="214839" spans="14:14">
      <c r="N214839" s="10"/>
    </row>
    <row r="214840" spans="14:14">
      <c r="N214840" s="10"/>
    </row>
    <row r="214841" spans="14:14">
      <c r="N214841" s="10"/>
    </row>
    <row r="214842" spans="14:14">
      <c r="N214842" s="10"/>
    </row>
    <row r="214843" spans="14:14">
      <c r="N214843" s="10"/>
    </row>
    <row r="214844" spans="14:14">
      <c r="N214844" s="10"/>
    </row>
    <row r="214845" spans="14:14">
      <c r="N214845" s="10"/>
    </row>
    <row r="214846" spans="14:14">
      <c r="N214846" s="10"/>
    </row>
    <row r="214847" spans="14:14">
      <c r="N214847" s="10"/>
    </row>
    <row r="214848" spans="14:14">
      <c r="N214848" s="10"/>
    </row>
    <row r="214849" spans="14:14">
      <c r="N214849" s="10"/>
    </row>
    <row r="214850" spans="14:14">
      <c r="N214850" s="10"/>
    </row>
    <row r="214851" spans="14:14">
      <c r="N214851" s="10"/>
    </row>
    <row r="214852" spans="14:14">
      <c r="N214852" s="10"/>
    </row>
    <row r="214853" spans="14:14">
      <c r="N214853" s="10"/>
    </row>
    <row r="214854" spans="14:14">
      <c r="N214854" s="10"/>
    </row>
    <row r="214855" spans="14:14">
      <c r="N214855" s="10"/>
    </row>
    <row r="214856" spans="14:14">
      <c r="N214856" s="10"/>
    </row>
    <row r="214857" spans="14:14">
      <c r="N214857" s="10"/>
    </row>
    <row r="214858" spans="14:14">
      <c r="N214858" s="10"/>
    </row>
    <row r="214859" spans="14:14">
      <c r="N214859" s="10"/>
    </row>
    <row r="214860" spans="14:14">
      <c r="N214860" s="10"/>
    </row>
    <row r="214861" spans="14:14">
      <c r="N214861" s="10"/>
    </row>
    <row r="214862" spans="14:14">
      <c r="N214862" s="10"/>
    </row>
    <row r="214863" spans="14:14">
      <c r="N214863" s="10"/>
    </row>
    <row r="214864" spans="14:14">
      <c r="N214864" s="10"/>
    </row>
    <row r="214865" spans="14:14">
      <c r="N214865" s="10"/>
    </row>
    <row r="214866" spans="14:14">
      <c r="N214866" s="10"/>
    </row>
    <row r="214867" spans="14:14">
      <c r="N214867" s="10"/>
    </row>
    <row r="214868" spans="14:14">
      <c r="N214868" s="10"/>
    </row>
    <row r="214869" spans="14:14">
      <c r="N214869" s="10"/>
    </row>
    <row r="214870" spans="14:14">
      <c r="N214870" s="10"/>
    </row>
    <row r="214871" spans="14:14">
      <c r="N214871" s="10"/>
    </row>
    <row r="214872" spans="14:14">
      <c r="N214872" s="10"/>
    </row>
    <row r="214873" spans="14:14">
      <c r="N214873" s="10"/>
    </row>
    <row r="214874" spans="14:14">
      <c r="N214874" s="10"/>
    </row>
    <row r="214875" spans="14:14">
      <c r="N214875" s="10"/>
    </row>
    <row r="214876" spans="14:14">
      <c r="N214876" s="10"/>
    </row>
    <row r="214877" spans="14:14">
      <c r="N214877" s="10"/>
    </row>
    <row r="214878" spans="14:14">
      <c r="N214878" s="10"/>
    </row>
    <row r="214879" spans="14:14">
      <c r="N214879" s="10"/>
    </row>
    <row r="214880" spans="14:14">
      <c r="N214880" s="10"/>
    </row>
    <row r="214881" spans="14:14">
      <c r="N214881" s="10"/>
    </row>
    <row r="214882" spans="14:14">
      <c r="N214882" s="10"/>
    </row>
    <row r="214883" spans="14:14">
      <c r="N214883" s="10"/>
    </row>
    <row r="214884" spans="14:14">
      <c r="N214884" s="10"/>
    </row>
    <row r="214885" spans="14:14">
      <c r="N214885" s="10"/>
    </row>
    <row r="214886" spans="14:14">
      <c r="N214886" s="10"/>
    </row>
    <row r="214887" spans="14:14">
      <c r="N214887" s="10"/>
    </row>
    <row r="214888" spans="14:14">
      <c r="N214888" s="10"/>
    </row>
    <row r="214889" spans="14:14">
      <c r="N214889" s="10"/>
    </row>
    <row r="214890" spans="14:14">
      <c r="N214890" s="10"/>
    </row>
    <row r="214891" spans="14:14">
      <c r="N214891" s="10"/>
    </row>
    <row r="214892" spans="14:14">
      <c r="N214892" s="10"/>
    </row>
    <row r="214893" spans="14:14">
      <c r="N214893" s="10"/>
    </row>
    <row r="214894" spans="14:14">
      <c r="N214894" s="10"/>
    </row>
    <row r="214895" spans="14:14">
      <c r="N214895" s="10"/>
    </row>
    <row r="214896" spans="14:14">
      <c r="N214896" s="10"/>
    </row>
    <row r="214897" spans="14:14">
      <c r="N214897" s="10"/>
    </row>
    <row r="214898" spans="14:14">
      <c r="N214898" s="10"/>
    </row>
    <row r="214899" spans="14:14">
      <c r="N214899" s="10"/>
    </row>
    <row r="214900" spans="14:14">
      <c r="N214900" s="10"/>
    </row>
    <row r="214901" spans="14:14">
      <c r="N214901" s="10"/>
    </row>
    <row r="214902" spans="14:14">
      <c r="N214902" s="10"/>
    </row>
    <row r="214903" spans="14:14">
      <c r="N214903" s="10"/>
    </row>
    <row r="214904" spans="14:14">
      <c r="N214904" s="10"/>
    </row>
    <row r="214905" spans="14:14">
      <c r="N214905" s="10"/>
    </row>
    <row r="214906" spans="14:14">
      <c r="N214906" s="10"/>
    </row>
    <row r="214907" spans="14:14">
      <c r="N214907" s="10"/>
    </row>
    <row r="214908" spans="14:14">
      <c r="N214908" s="10"/>
    </row>
    <row r="214909" spans="14:14">
      <c r="N214909" s="10"/>
    </row>
    <row r="214910" spans="14:14">
      <c r="N214910" s="10"/>
    </row>
    <row r="214911" spans="14:14">
      <c r="N214911" s="10"/>
    </row>
    <row r="214912" spans="14:14">
      <c r="N214912" s="10"/>
    </row>
    <row r="214913" spans="14:14">
      <c r="N214913" s="10"/>
    </row>
    <row r="214914" spans="14:14">
      <c r="N214914" s="10"/>
    </row>
    <row r="214915" spans="14:14">
      <c r="N214915" s="10"/>
    </row>
    <row r="214916" spans="14:14">
      <c r="N214916" s="10"/>
    </row>
    <row r="214917" spans="14:14">
      <c r="N214917" s="10"/>
    </row>
    <row r="214918" spans="14:14">
      <c r="N214918" s="10"/>
    </row>
    <row r="214919" spans="14:14">
      <c r="N214919" s="10"/>
    </row>
    <row r="214920" spans="14:14">
      <c r="N214920" s="10"/>
    </row>
    <row r="214921" spans="14:14">
      <c r="N214921" s="10"/>
    </row>
    <row r="214922" spans="14:14">
      <c r="N214922" s="10"/>
    </row>
    <row r="214923" spans="14:14">
      <c r="N214923" s="10"/>
    </row>
    <row r="214924" spans="14:14">
      <c r="N214924" s="10"/>
    </row>
    <row r="214925" spans="14:14">
      <c r="N214925" s="10"/>
    </row>
    <row r="214926" spans="14:14">
      <c r="N214926" s="10"/>
    </row>
    <row r="214927" spans="14:14">
      <c r="N214927" s="10"/>
    </row>
    <row r="214928" spans="14:14">
      <c r="N214928" s="10"/>
    </row>
    <row r="214929" spans="14:14">
      <c r="N214929" s="10"/>
    </row>
    <row r="214930" spans="14:14">
      <c r="N214930" s="10"/>
    </row>
    <row r="214931" spans="14:14">
      <c r="N214931" s="10"/>
    </row>
    <row r="214932" spans="14:14">
      <c r="N214932" s="10"/>
    </row>
    <row r="214933" spans="14:14">
      <c r="N214933" s="10"/>
    </row>
    <row r="214934" spans="14:14">
      <c r="N214934" s="10"/>
    </row>
    <row r="214935" spans="14:14">
      <c r="N214935" s="10"/>
    </row>
    <row r="214936" spans="14:14">
      <c r="N214936" s="10"/>
    </row>
    <row r="214937" spans="14:14">
      <c r="N214937" s="10"/>
    </row>
    <row r="214938" spans="14:14">
      <c r="N214938" s="10"/>
    </row>
    <row r="214939" spans="14:14">
      <c r="N214939" s="10"/>
    </row>
    <row r="214940" spans="14:14">
      <c r="N214940" s="10"/>
    </row>
    <row r="214941" spans="14:14">
      <c r="N214941" s="10"/>
    </row>
    <row r="214942" spans="14:14">
      <c r="N214942" s="10"/>
    </row>
    <row r="214943" spans="14:14">
      <c r="N214943" s="10"/>
    </row>
    <row r="214944" spans="14:14">
      <c r="N214944" s="10"/>
    </row>
    <row r="214945" spans="14:14">
      <c r="N214945" s="10"/>
    </row>
    <row r="214946" spans="14:14">
      <c r="N214946" s="10"/>
    </row>
    <row r="214947" spans="14:14">
      <c r="N214947" s="10"/>
    </row>
    <row r="214948" spans="14:14">
      <c r="N214948" s="10"/>
    </row>
    <row r="214949" spans="14:14">
      <c r="N214949" s="10"/>
    </row>
    <row r="214950" spans="14:14">
      <c r="N214950" s="10"/>
    </row>
    <row r="214951" spans="14:14">
      <c r="N214951" s="10"/>
    </row>
    <row r="214952" spans="14:14">
      <c r="N214952" s="10"/>
    </row>
    <row r="214953" spans="14:14">
      <c r="N214953" s="10"/>
    </row>
    <row r="214954" spans="14:14">
      <c r="N214954" s="10"/>
    </row>
    <row r="214955" spans="14:14">
      <c r="N214955" s="10"/>
    </row>
    <row r="214956" spans="14:14">
      <c r="N214956" s="10"/>
    </row>
    <row r="214957" spans="14:14">
      <c r="N214957" s="10"/>
    </row>
    <row r="214958" spans="14:14">
      <c r="N214958" s="10"/>
    </row>
    <row r="214959" spans="14:14">
      <c r="N214959" s="10"/>
    </row>
    <row r="214960" spans="14:14">
      <c r="N214960" s="10"/>
    </row>
    <row r="214961" spans="14:14">
      <c r="N214961" s="10"/>
    </row>
    <row r="214962" spans="14:14">
      <c r="N214962" s="10"/>
    </row>
    <row r="214963" spans="14:14">
      <c r="N214963" s="10"/>
    </row>
    <row r="214964" spans="14:14">
      <c r="N214964" s="10"/>
    </row>
    <row r="214965" spans="14:14">
      <c r="N214965" s="10"/>
    </row>
    <row r="214966" spans="14:14">
      <c r="N214966" s="10"/>
    </row>
    <row r="214967" spans="14:14">
      <c r="N214967" s="10"/>
    </row>
    <row r="214968" spans="14:14">
      <c r="N214968" s="10"/>
    </row>
    <row r="214969" spans="14:14">
      <c r="N214969" s="10"/>
    </row>
    <row r="214970" spans="14:14">
      <c r="N214970" s="10"/>
    </row>
    <row r="214971" spans="14:14">
      <c r="N214971" s="10"/>
    </row>
    <row r="214972" spans="14:14">
      <c r="N214972" s="10"/>
    </row>
    <row r="214973" spans="14:14">
      <c r="N214973" s="10"/>
    </row>
    <row r="214974" spans="14:14">
      <c r="N214974" s="10"/>
    </row>
    <row r="214975" spans="14:14">
      <c r="N214975" s="10"/>
    </row>
    <row r="214976" spans="14:14">
      <c r="N214976" s="10"/>
    </row>
    <row r="214977" spans="14:14">
      <c r="N214977" s="10"/>
    </row>
    <row r="214978" spans="14:14">
      <c r="N214978" s="10"/>
    </row>
    <row r="214979" spans="14:14">
      <c r="N214979" s="10"/>
    </row>
    <row r="214980" spans="14:14">
      <c r="N214980" s="10"/>
    </row>
    <row r="214981" spans="14:14">
      <c r="N214981" s="10"/>
    </row>
    <row r="214982" spans="14:14">
      <c r="N214982" s="10"/>
    </row>
    <row r="214983" spans="14:14">
      <c r="N214983" s="10"/>
    </row>
    <row r="214984" spans="14:14">
      <c r="N214984" s="10"/>
    </row>
    <row r="214985" spans="14:14">
      <c r="N214985" s="10"/>
    </row>
    <row r="214986" spans="14:14">
      <c r="N214986" s="10"/>
    </row>
    <row r="214987" spans="14:14">
      <c r="N214987" s="10"/>
    </row>
    <row r="214988" spans="14:14">
      <c r="N214988" s="10"/>
    </row>
    <row r="214989" spans="14:14">
      <c r="N214989" s="10"/>
    </row>
    <row r="214990" spans="14:14">
      <c r="N214990" s="10"/>
    </row>
    <row r="214991" spans="14:14">
      <c r="N214991" s="10"/>
    </row>
    <row r="214992" spans="14:14">
      <c r="N214992" s="10"/>
    </row>
    <row r="214993" spans="14:14">
      <c r="N214993" s="10"/>
    </row>
    <row r="214994" spans="14:14">
      <c r="N214994" s="10"/>
    </row>
    <row r="214995" spans="14:14">
      <c r="N214995" s="10"/>
    </row>
    <row r="214996" spans="14:14">
      <c r="N214996" s="10"/>
    </row>
    <row r="214997" spans="14:14">
      <c r="N214997" s="10"/>
    </row>
    <row r="214998" spans="14:14">
      <c r="N214998" s="10"/>
    </row>
    <row r="214999" spans="14:14">
      <c r="N214999" s="10"/>
    </row>
    <row r="215000" spans="14:14">
      <c r="N215000" s="10"/>
    </row>
    <row r="215001" spans="14:14">
      <c r="N215001" s="10"/>
    </row>
    <row r="215002" spans="14:14">
      <c r="N215002" s="10"/>
    </row>
    <row r="215003" spans="14:14">
      <c r="N215003" s="10"/>
    </row>
    <row r="215004" spans="14:14">
      <c r="N215004" s="10"/>
    </row>
    <row r="215005" spans="14:14">
      <c r="N215005" s="10"/>
    </row>
    <row r="215006" spans="14:14">
      <c r="N215006" s="10"/>
    </row>
    <row r="215007" spans="14:14">
      <c r="N215007" s="10"/>
    </row>
    <row r="215008" spans="14:14">
      <c r="N215008" s="10"/>
    </row>
    <row r="215009" spans="14:14">
      <c r="N215009" s="10"/>
    </row>
    <row r="215010" spans="14:14">
      <c r="N215010" s="10"/>
    </row>
    <row r="215011" spans="14:14">
      <c r="N215011" s="10"/>
    </row>
    <row r="215012" spans="14:14">
      <c r="N215012" s="10"/>
    </row>
    <row r="215013" spans="14:14">
      <c r="N215013" s="10"/>
    </row>
    <row r="215014" spans="14:14">
      <c r="N215014" s="10"/>
    </row>
    <row r="215015" spans="14:14">
      <c r="N215015" s="10"/>
    </row>
    <row r="215016" spans="14:14">
      <c r="N215016" s="10"/>
    </row>
    <row r="215017" spans="14:14">
      <c r="N215017" s="10"/>
    </row>
    <row r="215018" spans="14:14">
      <c r="N215018" s="10"/>
    </row>
    <row r="215019" spans="14:14">
      <c r="N215019" s="10"/>
    </row>
    <row r="215020" spans="14:14">
      <c r="N215020" s="10"/>
    </row>
    <row r="215021" spans="14:14">
      <c r="N215021" s="10"/>
    </row>
    <row r="215022" spans="14:14">
      <c r="N215022" s="10"/>
    </row>
    <row r="215023" spans="14:14">
      <c r="N215023" s="10"/>
    </row>
    <row r="215024" spans="14:14">
      <c r="N215024" s="10"/>
    </row>
    <row r="215025" spans="14:14">
      <c r="N215025" s="10"/>
    </row>
    <row r="215026" spans="14:14">
      <c r="N215026" s="10"/>
    </row>
    <row r="215027" spans="14:14">
      <c r="N215027" s="10"/>
    </row>
    <row r="215028" spans="14:14">
      <c r="N215028" s="10"/>
    </row>
    <row r="215029" spans="14:14">
      <c r="N215029" s="10"/>
    </row>
    <row r="215030" spans="14:14">
      <c r="N215030" s="10"/>
    </row>
    <row r="215031" spans="14:14">
      <c r="N215031" s="10"/>
    </row>
    <row r="215032" spans="14:14">
      <c r="N215032" s="10"/>
    </row>
    <row r="215033" spans="14:14">
      <c r="N215033" s="10"/>
    </row>
    <row r="215034" spans="14:14">
      <c r="N215034" s="10"/>
    </row>
    <row r="215035" spans="14:14">
      <c r="N215035" s="10"/>
    </row>
    <row r="215036" spans="14:14">
      <c r="N215036" s="10"/>
    </row>
    <row r="215037" spans="14:14">
      <c r="N215037" s="10"/>
    </row>
    <row r="215038" spans="14:14">
      <c r="N215038" s="10"/>
    </row>
    <row r="215039" spans="14:14">
      <c r="N215039" s="10"/>
    </row>
    <row r="215040" spans="14:14">
      <c r="N215040" s="10"/>
    </row>
    <row r="215041" spans="14:14">
      <c r="N215041" s="10"/>
    </row>
    <row r="215042" spans="14:14">
      <c r="N215042" s="10"/>
    </row>
    <row r="215043" spans="14:14">
      <c r="N215043" s="10"/>
    </row>
    <row r="215044" spans="14:14">
      <c r="N215044" s="10"/>
    </row>
    <row r="215045" spans="14:14">
      <c r="N215045" s="10"/>
    </row>
    <row r="215046" spans="14:14">
      <c r="N215046" s="10"/>
    </row>
    <row r="215047" spans="14:14">
      <c r="N215047" s="10"/>
    </row>
    <row r="215048" spans="14:14">
      <c r="N215048" s="10"/>
    </row>
    <row r="215049" spans="14:14">
      <c r="N215049" s="10"/>
    </row>
    <row r="215050" spans="14:14">
      <c r="N215050" s="10"/>
    </row>
    <row r="215051" spans="14:14">
      <c r="N215051" s="10"/>
    </row>
    <row r="215052" spans="14:14">
      <c r="N215052" s="10"/>
    </row>
    <row r="215053" spans="14:14">
      <c r="N215053" s="10"/>
    </row>
    <row r="215054" spans="14:14">
      <c r="N215054" s="10"/>
    </row>
    <row r="215055" spans="14:14">
      <c r="N215055" s="10"/>
    </row>
    <row r="215056" spans="14:14">
      <c r="N215056" s="10"/>
    </row>
    <row r="215057" spans="14:14">
      <c r="N215057" s="10"/>
    </row>
    <row r="215058" spans="14:14">
      <c r="N215058" s="10"/>
    </row>
    <row r="215059" spans="14:14">
      <c r="N215059" s="10"/>
    </row>
    <row r="215060" spans="14:14">
      <c r="N215060" s="10"/>
    </row>
    <row r="215061" spans="14:14">
      <c r="N215061" s="10"/>
    </row>
    <row r="215062" spans="14:14">
      <c r="N215062" s="10"/>
    </row>
    <row r="215063" spans="14:14">
      <c r="N215063" s="10"/>
    </row>
    <row r="215064" spans="14:14">
      <c r="N215064" s="10"/>
    </row>
    <row r="215065" spans="14:14">
      <c r="N215065" s="10"/>
    </row>
    <row r="215066" spans="14:14">
      <c r="N215066" s="10"/>
    </row>
    <row r="215067" spans="14:14">
      <c r="N215067" s="10"/>
    </row>
    <row r="215068" spans="14:14">
      <c r="N215068" s="10"/>
    </row>
    <row r="215069" spans="14:14">
      <c r="N215069" s="10"/>
    </row>
    <row r="215070" spans="14:14">
      <c r="N215070" s="10"/>
    </row>
    <row r="215071" spans="14:14">
      <c r="N215071" s="10"/>
    </row>
    <row r="215072" spans="14:14">
      <c r="N215072" s="10"/>
    </row>
    <row r="215073" spans="14:14">
      <c r="N215073" s="10"/>
    </row>
    <row r="215074" spans="14:14">
      <c r="N215074" s="10"/>
    </row>
    <row r="215075" spans="14:14">
      <c r="N215075" s="10"/>
    </row>
    <row r="215076" spans="14:14">
      <c r="N215076" s="10"/>
    </row>
    <row r="215077" spans="14:14">
      <c r="N215077" s="10"/>
    </row>
    <row r="215078" spans="14:14">
      <c r="N215078" s="10"/>
    </row>
    <row r="215079" spans="14:14">
      <c r="N215079" s="10"/>
    </row>
    <row r="215080" spans="14:14">
      <c r="N215080" s="10"/>
    </row>
    <row r="215081" spans="14:14">
      <c r="N215081" s="10"/>
    </row>
    <row r="215082" spans="14:14">
      <c r="N215082" s="10"/>
    </row>
    <row r="215083" spans="14:14">
      <c r="N215083" s="10"/>
    </row>
    <row r="215084" spans="14:14">
      <c r="N215084" s="10"/>
    </row>
    <row r="215085" spans="14:14">
      <c r="N215085" s="10"/>
    </row>
    <row r="215086" spans="14:14">
      <c r="N215086" s="10"/>
    </row>
    <row r="215087" spans="14:14">
      <c r="N215087" s="10"/>
    </row>
    <row r="215088" spans="14:14">
      <c r="N215088" s="10"/>
    </row>
    <row r="215089" spans="14:14">
      <c r="N215089" s="10"/>
    </row>
    <row r="215090" spans="14:14">
      <c r="N215090" s="10"/>
    </row>
    <row r="215091" spans="14:14">
      <c r="N215091" s="10"/>
    </row>
    <row r="215092" spans="14:14">
      <c r="N215092" s="10"/>
    </row>
    <row r="215093" spans="14:14">
      <c r="N215093" s="10"/>
    </row>
    <row r="215094" spans="14:14">
      <c r="N215094" s="10"/>
    </row>
    <row r="215095" spans="14:14">
      <c r="N215095" s="10"/>
    </row>
    <row r="215096" spans="14:14">
      <c r="N215096" s="10"/>
    </row>
    <row r="215097" spans="14:14">
      <c r="N215097" s="10"/>
    </row>
    <row r="215098" spans="14:14">
      <c r="N215098" s="10"/>
    </row>
    <row r="215099" spans="14:14">
      <c r="N215099" s="10"/>
    </row>
    <row r="215100" spans="14:14">
      <c r="N215100" s="10"/>
    </row>
    <row r="215101" spans="14:14">
      <c r="N215101" s="10"/>
    </row>
    <row r="215102" spans="14:14">
      <c r="N215102" s="10"/>
    </row>
    <row r="215103" spans="14:14">
      <c r="N215103" s="10"/>
    </row>
    <row r="215104" spans="14:14">
      <c r="N215104" s="10"/>
    </row>
    <row r="215105" spans="14:14">
      <c r="N215105" s="10"/>
    </row>
    <row r="215106" spans="14:14">
      <c r="N215106" s="10"/>
    </row>
    <row r="215107" spans="14:14">
      <c r="N215107" s="10"/>
    </row>
    <row r="215108" spans="14:14">
      <c r="N215108" s="10"/>
    </row>
    <row r="215109" spans="14:14">
      <c r="N215109" s="10"/>
    </row>
    <row r="215110" spans="14:14">
      <c r="N215110" s="10"/>
    </row>
    <row r="215111" spans="14:14">
      <c r="N215111" s="10"/>
    </row>
    <row r="215112" spans="14:14">
      <c r="N215112" s="10"/>
    </row>
    <row r="215113" spans="14:14">
      <c r="N215113" s="10"/>
    </row>
    <row r="215114" spans="14:14">
      <c r="N215114" s="10"/>
    </row>
    <row r="215115" spans="14:14">
      <c r="N215115" s="10"/>
    </row>
    <row r="215116" spans="14:14">
      <c r="N215116" s="10"/>
    </row>
    <row r="215117" spans="14:14">
      <c r="N215117" s="10"/>
    </row>
    <row r="215118" spans="14:14">
      <c r="N215118" s="10"/>
    </row>
    <row r="215119" spans="14:14">
      <c r="N215119" s="10"/>
    </row>
    <row r="215120" spans="14:14">
      <c r="N215120" s="10"/>
    </row>
    <row r="215121" spans="14:14">
      <c r="N215121" s="10"/>
    </row>
    <row r="215122" spans="14:14">
      <c r="N215122" s="10"/>
    </row>
    <row r="215123" spans="14:14">
      <c r="N215123" s="10"/>
    </row>
    <row r="215124" spans="14:14">
      <c r="N215124" s="10"/>
    </row>
    <row r="215125" spans="14:14">
      <c r="N215125" s="10"/>
    </row>
    <row r="215126" spans="14:14">
      <c r="N215126" s="10"/>
    </row>
    <row r="215127" spans="14:14">
      <c r="N215127" s="10"/>
    </row>
    <row r="215128" spans="14:14">
      <c r="N215128" s="10"/>
    </row>
    <row r="215129" spans="14:14">
      <c r="N215129" s="10"/>
    </row>
    <row r="215130" spans="14:14">
      <c r="N215130" s="10"/>
    </row>
    <row r="215131" spans="14:14">
      <c r="N215131" s="10"/>
    </row>
    <row r="215132" spans="14:14">
      <c r="N215132" s="10"/>
    </row>
    <row r="215133" spans="14:14">
      <c r="N215133" s="10"/>
    </row>
    <row r="215134" spans="14:14">
      <c r="N215134" s="10"/>
    </row>
    <row r="215135" spans="14:14">
      <c r="N215135" s="10"/>
    </row>
    <row r="215136" spans="14:14">
      <c r="N215136" s="10"/>
    </row>
    <row r="215137" spans="14:14">
      <c r="N215137" s="10"/>
    </row>
    <row r="215138" spans="14:14">
      <c r="N215138" s="10"/>
    </row>
    <row r="215139" spans="14:14">
      <c r="N215139" s="10"/>
    </row>
    <row r="215140" spans="14:14">
      <c r="N215140" s="10"/>
    </row>
    <row r="215141" spans="14:14">
      <c r="N215141" s="10"/>
    </row>
    <row r="215142" spans="14:14">
      <c r="N215142" s="10"/>
    </row>
    <row r="215143" spans="14:14">
      <c r="N215143" s="10"/>
    </row>
    <row r="215144" spans="14:14">
      <c r="N215144" s="10"/>
    </row>
    <row r="215145" spans="14:14">
      <c r="N215145" s="10"/>
    </row>
    <row r="215146" spans="14:14">
      <c r="N215146" s="10"/>
    </row>
    <row r="215147" spans="14:14">
      <c r="N215147" s="10"/>
    </row>
    <row r="215148" spans="14:14">
      <c r="N215148" s="10"/>
    </row>
    <row r="215149" spans="14:14">
      <c r="N215149" s="10"/>
    </row>
    <row r="215150" spans="14:14">
      <c r="N215150" s="10"/>
    </row>
    <row r="215151" spans="14:14">
      <c r="N215151" s="10"/>
    </row>
    <row r="215152" spans="14:14">
      <c r="N215152" s="10"/>
    </row>
    <row r="215153" spans="14:14">
      <c r="N215153" s="10"/>
    </row>
    <row r="215154" spans="14:14">
      <c r="N215154" s="10"/>
    </row>
    <row r="215155" spans="14:14">
      <c r="N215155" s="10"/>
    </row>
    <row r="215156" spans="14:14">
      <c r="N215156" s="10"/>
    </row>
    <row r="215157" spans="14:14">
      <c r="N215157" s="10"/>
    </row>
    <row r="215158" spans="14:14">
      <c r="N215158" s="10"/>
    </row>
    <row r="215159" spans="14:14">
      <c r="N215159" s="10"/>
    </row>
    <row r="215160" spans="14:14">
      <c r="N215160" s="10"/>
    </row>
    <row r="215161" spans="14:14">
      <c r="N215161" s="10"/>
    </row>
    <row r="215162" spans="14:14">
      <c r="N215162" s="10"/>
    </row>
    <row r="215163" spans="14:14">
      <c r="N215163" s="10"/>
    </row>
    <row r="215164" spans="14:14">
      <c r="N215164" s="10"/>
    </row>
    <row r="215165" spans="14:14">
      <c r="N215165" s="10"/>
    </row>
    <row r="215166" spans="14:14">
      <c r="N215166" s="10"/>
    </row>
    <row r="215167" spans="14:14">
      <c r="N215167" s="10"/>
    </row>
    <row r="215168" spans="14:14">
      <c r="N215168" s="10"/>
    </row>
    <row r="215169" spans="14:14">
      <c r="N215169" s="10"/>
    </row>
    <row r="215170" spans="14:14">
      <c r="N215170" s="10"/>
    </row>
    <row r="215171" spans="14:14">
      <c r="N215171" s="10"/>
    </row>
    <row r="215172" spans="14:14">
      <c r="N215172" s="10"/>
    </row>
    <row r="215173" spans="14:14">
      <c r="N215173" s="10"/>
    </row>
    <row r="215174" spans="14:14">
      <c r="N215174" s="10"/>
    </row>
    <row r="215175" spans="14:14">
      <c r="N215175" s="10"/>
    </row>
    <row r="215176" spans="14:14">
      <c r="N215176" s="10"/>
    </row>
    <row r="215177" spans="14:14">
      <c r="N215177" s="10"/>
    </row>
    <row r="215178" spans="14:14">
      <c r="N215178" s="10"/>
    </row>
    <row r="215179" spans="14:14">
      <c r="N215179" s="10"/>
    </row>
    <row r="215180" spans="14:14">
      <c r="N215180" s="10"/>
    </row>
    <row r="215181" spans="14:14">
      <c r="N215181" s="10"/>
    </row>
    <row r="215182" spans="14:14">
      <c r="N215182" s="10"/>
    </row>
    <row r="215183" spans="14:14">
      <c r="N215183" s="10"/>
    </row>
    <row r="215184" spans="14:14">
      <c r="N215184" s="10"/>
    </row>
    <row r="215185" spans="14:14">
      <c r="N215185" s="10"/>
    </row>
    <row r="215186" spans="14:14">
      <c r="N215186" s="10"/>
    </row>
    <row r="215187" spans="14:14">
      <c r="N215187" s="10"/>
    </row>
    <row r="215188" spans="14:14">
      <c r="N215188" s="10"/>
    </row>
    <row r="215189" spans="14:14">
      <c r="N215189" s="10"/>
    </row>
    <row r="215190" spans="14:14">
      <c r="N215190" s="10"/>
    </row>
    <row r="215191" spans="14:14">
      <c r="N215191" s="10"/>
    </row>
    <row r="215192" spans="14:14">
      <c r="N215192" s="10"/>
    </row>
    <row r="215193" spans="14:14">
      <c r="N215193" s="10"/>
    </row>
    <row r="215194" spans="14:14">
      <c r="N215194" s="10"/>
    </row>
    <row r="215195" spans="14:14">
      <c r="N215195" s="10"/>
    </row>
    <row r="215196" spans="14:14">
      <c r="N215196" s="10"/>
    </row>
    <row r="215197" spans="14:14">
      <c r="N215197" s="10"/>
    </row>
    <row r="215198" spans="14:14">
      <c r="N215198" s="10"/>
    </row>
    <row r="215199" spans="14:14">
      <c r="N215199" s="10"/>
    </row>
    <row r="215200" spans="14:14">
      <c r="N215200" s="10"/>
    </row>
    <row r="215201" spans="14:14">
      <c r="N215201" s="10"/>
    </row>
    <row r="215202" spans="14:14">
      <c r="N215202" s="10"/>
    </row>
    <row r="215203" spans="14:14">
      <c r="N215203" s="10"/>
    </row>
    <row r="215204" spans="14:14">
      <c r="N215204" s="10"/>
    </row>
    <row r="215205" spans="14:14">
      <c r="N215205" s="10"/>
    </row>
    <row r="215206" spans="14:14">
      <c r="N215206" s="10"/>
    </row>
    <row r="215207" spans="14:14">
      <c r="N215207" s="10"/>
    </row>
    <row r="215208" spans="14:14">
      <c r="N215208" s="10"/>
    </row>
    <row r="215209" spans="14:14">
      <c r="N215209" s="10"/>
    </row>
    <row r="215210" spans="14:14">
      <c r="N215210" s="10"/>
    </row>
    <row r="215211" spans="14:14">
      <c r="N215211" s="10"/>
    </row>
    <row r="215212" spans="14:14">
      <c r="N215212" s="10"/>
    </row>
    <row r="215213" spans="14:14">
      <c r="N215213" s="10"/>
    </row>
    <row r="215214" spans="14:14">
      <c r="N215214" s="10"/>
    </row>
    <row r="215215" spans="14:14">
      <c r="N215215" s="10"/>
    </row>
    <row r="215216" spans="14:14">
      <c r="N215216" s="10"/>
    </row>
    <row r="215217" spans="14:14">
      <c r="N215217" s="10"/>
    </row>
    <row r="215218" spans="14:14">
      <c r="N215218" s="10"/>
    </row>
    <row r="215219" spans="14:14">
      <c r="N215219" s="10"/>
    </row>
    <row r="215220" spans="14:14">
      <c r="N215220" s="10"/>
    </row>
    <row r="215221" spans="14:14">
      <c r="N215221" s="10"/>
    </row>
    <row r="215222" spans="14:14">
      <c r="N215222" s="10"/>
    </row>
    <row r="215223" spans="14:14">
      <c r="N215223" s="10"/>
    </row>
    <row r="215224" spans="14:14">
      <c r="N215224" s="10"/>
    </row>
    <row r="215225" spans="14:14">
      <c r="N215225" s="10"/>
    </row>
    <row r="215226" spans="14:14">
      <c r="N215226" s="10"/>
    </row>
    <row r="215227" spans="14:14">
      <c r="N215227" s="10"/>
    </row>
    <row r="215228" spans="14:14">
      <c r="N215228" s="10"/>
    </row>
    <row r="215229" spans="14:14">
      <c r="N215229" s="10"/>
    </row>
    <row r="215230" spans="14:14">
      <c r="N215230" s="10"/>
    </row>
    <row r="215231" spans="14:14">
      <c r="N215231" s="10"/>
    </row>
    <row r="215232" spans="14:14">
      <c r="N215232" s="10"/>
    </row>
    <row r="215233" spans="14:14">
      <c r="N215233" s="10"/>
    </row>
    <row r="215234" spans="14:14">
      <c r="N215234" s="10"/>
    </row>
    <row r="215235" spans="14:14">
      <c r="N215235" s="10"/>
    </row>
    <row r="215236" spans="14:14">
      <c r="N215236" s="10"/>
    </row>
    <row r="215237" spans="14:14">
      <c r="N215237" s="10"/>
    </row>
    <row r="215238" spans="14:14">
      <c r="N215238" s="10"/>
    </row>
    <row r="215239" spans="14:14">
      <c r="N215239" s="10"/>
    </row>
    <row r="215240" spans="14:14">
      <c r="N215240" s="10"/>
    </row>
    <row r="215241" spans="14:14">
      <c r="N215241" s="10"/>
    </row>
    <row r="215242" spans="14:14">
      <c r="N215242" s="10"/>
    </row>
    <row r="215243" spans="14:14">
      <c r="N215243" s="10"/>
    </row>
    <row r="215244" spans="14:14">
      <c r="N215244" s="10"/>
    </row>
    <row r="215245" spans="14:14">
      <c r="N215245" s="10"/>
    </row>
    <row r="215246" spans="14:14">
      <c r="N215246" s="10"/>
    </row>
    <row r="215247" spans="14:14">
      <c r="N215247" s="10"/>
    </row>
    <row r="215248" spans="14:14">
      <c r="N215248" s="10"/>
    </row>
    <row r="215249" spans="14:14">
      <c r="N215249" s="10"/>
    </row>
    <row r="215250" spans="14:14">
      <c r="N215250" s="10"/>
    </row>
    <row r="215251" spans="14:14">
      <c r="N215251" s="10"/>
    </row>
    <row r="215252" spans="14:14">
      <c r="N215252" s="10"/>
    </row>
    <row r="215253" spans="14:14">
      <c r="N215253" s="10"/>
    </row>
    <row r="215254" spans="14:14">
      <c r="N215254" s="10"/>
    </row>
    <row r="215255" spans="14:14">
      <c r="N215255" s="10"/>
    </row>
    <row r="215256" spans="14:14">
      <c r="N215256" s="10"/>
    </row>
    <row r="215257" spans="14:14">
      <c r="N215257" s="10"/>
    </row>
    <row r="215258" spans="14:14">
      <c r="N215258" s="10"/>
    </row>
    <row r="215259" spans="14:14">
      <c r="N215259" s="10"/>
    </row>
    <row r="215260" spans="14:14">
      <c r="N215260" s="10"/>
    </row>
    <row r="215261" spans="14:14">
      <c r="N215261" s="10"/>
    </row>
    <row r="215262" spans="14:14">
      <c r="N215262" s="10"/>
    </row>
    <row r="215263" spans="14:14">
      <c r="N215263" s="10"/>
    </row>
    <row r="215264" spans="14:14">
      <c r="N215264" s="10"/>
    </row>
    <row r="215265" spans="14:14">
      <c r="N215265" s="10"/>
    </row>
    <row r="215266" spans="14:14">
      <c r="N215266" s="10"/>
    </row>
    <row r="215267" spans="14:14">
      <c r="N215267" s="10"/>
    </row>
    <row r="215268" spans="14:14">
      <c r="N215268" s="10"/>
    </row>
    <row r="215269" spans="14:14">
      <c r="N215269" s="10"/>
    </row>
    <row r="215270" spans="14:14">
      <c r="N215270" s="10"/>
    </row>
    <row r="215271" spans="14:14">
      <c r="N215271" s="10"/>
    </row>
    <row r="215272" spans="14:14">
      <c r="N215272" s="10"/>
    </row>
    <row r="215273" spans="14:14">
      <c r="N215273" s="10"/>
    </row>
    <row r="215274" spans="14:14">
      <c r="N215274" s="10"/>
    </row>
    <row r="215275" spans="14:14">
      <c r="N215275" s="10"/>
    </row>
    <row r="215276" spans="14:14">
      <c r="N215276" s="10"/>
    </row>
    <row r="215277" spans="14:14">
      <c r="N215277" s="10"/>
    </row>
    <row r="215278" spans="14:14">
      <c r="N215278" s="10"/>
    </row>
    <row r="215279" spans="14:14">
      <c r="N215279" s="10"/>
    </row>
    <row r="215280" spans="14:14">
      <c r="N215280" s="10"/>
    </row>
    <row r="215281" spans="14:14">
      <c r="N215281" s="10"/>
    </row>
    <row r="215282" spans="14:14">
      <c r="N215282" s="10"/>
    </row>
    <row r="215283" spans="14:14">
      <c r="N215283" s="10"/>
    </row>
    <row r="215284" spans="14:14">
      <c r="N215284" s="10"/>
    </row>
    <row r="215285" spans="14:14">
      <c r="N215285" s="10"/>
    </row>
    <row r="215286" spans="14:14">
      <c r="N215286" s="10"/>
    </row>
    <row r="215287" spans="14:14">
      <c r="N215287" s="10"/>
    </row>
    <row r="215288" spans="14:14">
      <c r="N215288" s="10"/>
    </row>
    <row r="215289" spans="14:14">
      <c r="N215289" s="10"/>
    </row>
    <row r="215290" spans="14:14">
      <c r="N215290" s="10"/>
    </row>
    <row r="215291" spans="14:14">
      <c r="N215291" s="10"/>
    </row>
    <row r="215292" spans="14:14">
      <c r="N215292" s="10"/>
    </row>
    <row r="215293" spans="14:14">
      <c r="N215293" s="10"/>
    </row>
    <row r="215294" spans="14:14">
      <c r="N215294" s="10"/>
    </row>
    <row r="215295" spans="14:14">
      <c r="N215295" s="10"/>
    </row>
    <row r="215296" spans="14:14">
      <c r="N215296" s="10"/>
    </row>
    <row r="215297" spans="14:14">
      <c r="N215297" s="10"/>
    </row>
    <row r="215298" spans="14:14">
      <c r="N215298" s="10"/>
    </row>
    <row r="215299" spans="14:14">
      <c r="N215299" s="10"/>
    </row>
    <row r="215300" spans="14:14">
      <c r="N215300" s="10"/>
    </row>
    <row r="215301" spans="14:14">
      <c r="N215301" s="10"/>
    </row>
    <row r="215302" spans="14:14">
      <c r="N215302" s="10"/>
    </row>
    <row r="215303" spans="14:14">
      <c r="N215303" s="10"/>
    </row>
    <row r="215304" spans="14:14">
      <c r="N215304" s="10"/>
    </row>
    <row r="215305" spans="14:14">
      <c r="N215305" s="10"/>
    </row>
    <row r="215306" spans="14:14">
      <c r="N215306" s="10"/>
    </row>
    <row r="215307" spans="14:14">
      <c r="N215307" s="10"/>
    </row>
    <row r="215308" spans="14:14">
      <c r="N215308" s="10"/>
    </row>
    <row r="215309" spans="14:14">
      <c r="N215309" s="10"/>
    </row>
    <row r="215310" spans="14:14">
      <c r="N215310" s="10"/>
    </row>
    <row r="215311" spans="14:14">
      <c r="N215311" s="10"/>
    </row>
    <row r="215312" spans="14:14">
      <c r="N215312" s="10"/>
    </row>
    <row r="215313" spans="14:14">
      <c r="N215313" s="10"/>
    </row>
    <row r="215314" spans="14:14">
      <c r="N215314" s="10"/>
    </row>
    <row r="215315" spans="14:14">
      <c r="N215315" s="10"/>
    </row>
    <row r="215316" spans="14:14">
      <c r="N215316" s="10"/>
    </row>
    <row r="215317" spans="14:14">
      <c r="N215317" s="10"/>
    </row>
    <row r="215318" spans="14:14">
      <c r="N215318" s="10"/>
    </row>
    <row r="215319" spans="14:14">
      <c r="N215319" s="10"/>
    </row>
    <row r="215320" spans="14:14">
      <c r="N215320" s="10"/>
    </row>
    <row r="215321" spans="14:14">
      <c r="N215321" s="10"/>
    </row>
    <row r="215322" spans="14:14">
      <c r="N215322" s="10"/>
    </row>
    <row r="215323" spans="14:14">
      <c r="N215323" s="10"/>
    </row>
    <row r="215324" spans="14:14">
      <c r="N215324" s="10"/>
    </row>
    <row r="215325" spans="14:14">
      <c r="N215325" s="10"/>
    </row>
    <row r="215326" spans="14:14">
      <c r="N215326" s="10"/>
    </row>
    <row r="215327" spans="14:14">
      <c r="N215327" s="10"/>
    </row>
    <row r="215328" spans="14:14">
      <c r="N215328" s="10"/>
    </row>
    <row r="215329" spans="14:14">
      <c r="N215329" s="10"/>
    </row>
    <row r="215330" spans="14:14">
      <c r="N215330" s="10"/>
    </row>
    <row r="215331" spans="14:14">
      <c r="N215331" s="10"/>
    </row>
    <row r="215332" spans="14:14">
      <c r="N215332" s="10"/>
    </row>
    <row r="215333" spans="14:14">
      <c r="N215333" s="10"/>
    </row>
    <row r="215334" spans="14:14">
      <c r="N215334" s="10"/>
    </row>
    <row r="215335" spans="14:14">
      <c r="N215335" s="10"/>
    </row>
    <row r="215336" spans="14:14">
      <c r="N215336" s="10"/>
    </row>
    <row r="215337" spans="14:14">
      <c r="N215337" s="10"/>
    </row>
    <row r="215338" spans="14:14">
      <c r="N215338" s="10"/>
    </row>
    <row r="215339" spans="14:14">
      <c r="N215339" s="10"/>
    </row>
    <row r="215340" spans="14:14">
      <c r="N215340" s="10"/>
    </row>
    <row r="215341" spans="14:14">
      <c r="N215341" s="10"/>
    </row>
    <row r="215342" spans="14:14">
      <c r="N215342" s="10"/>
    </row>
    <row r="215343" spans="14:14">
      <c r="N215343" s="10"/>
    </row>
    <row r="215344" spans="14:14">
      <c r="N215344" s="10"/>
    </row>
    <row r="215345" spans="14:14">
      <c r="N215345" s="10"/>
    </row>
    <row r="215346" spans="14:14">
      <c r="N215346" s="10"/>
    </row>
    <row r="215347" spans="14:14">
      <c r="N215347" s="10"/>
    </row>
    <row r="215348" spans="14:14">
      <c r="N215348" s="10"/>
    </row>
    <row r="215349" spans="14:14">
      <c r="N215349" s="10"/>
    </row>
    <row r="215350" spans="14:14">
      <c r="N215350" s="10"/>
    </row>
    <row r="215351" spans="14:14">
      <c r="N215351" s="10"/>
    </row>
    <row r="215352" spans="14:14">
      <c r="N215352" s="10"/>
    </row>
    <row r="215353" spans="14:14">
      <c r="N215353" s="10"/>
    </row>
    <row r="215354" spans="14:14">
      <c r="N215354" s="10"/>
    </row>
    <row r="215355" spans="14:14">
      <c r="N215355" s="10"/>
    </row>
    <row r="215356" spans="14:14">
      <c r="N215356" s="10"/>
    </row>
    <row r="215357" spans="14:14">
      <c r="N215357" s="10"/>
    </row>
    <row r="215358" spans="14:14">
      <c r="N215358" s="10"/>
    </row>
    <row r="215359" spans="14:14">
      <c r="N215359" s="10"/>
    </row>
    <row r="215360" spans="14:14">
      <c r="N215360" s="10"/>
    </row>
    <row r="215361" spans="14:14">
      <c r="N215361" s="10"/>
    </row>
    <row r="215362" spans="14:14">
      <c r="N215362" s="10"/>
    </row>
    <row r="215363" spans="14:14">
      <c r="N215363" s="10"/>
    </row>
    <row r="215364" spans="14:14">
      <c r="N215364" s="10"/>
    </row>
    <row r="215365" spans="14:14">
      <c r="N215365" s="10"/>
    </row>
    <row r="215366" spans="14:14">
      <c r="N215366" s="10"/>
    </row>
    <row r="215367" spans="14:14">
      <c r="N215367" s="10"/>
    </row>
    <row r="215368" spans="14:14">
      <c r="N215368" s="10"/>
    </row>
    <row r="215369" spans="14:14">
      <c r="N215369" s="10"/>
    </row>
    <row r="215370" spans="14:14">
      <c r="N215370" s="10"/>
    </row>
    <row r="215371" spans="14:14">
      <c r="N215371" s="10"/>
    </row>
    <row r="215372" spans="14:14">
      <c r="N215372" s="10"/>
    </row>
    <row r="215373" spans="14:14">
      <c r="N215373" s="10"/>
    </row>
    <row r="215374" spans="14:14">
      <c r="N215374" s="10"/>
    </row>
    <row r="215375" spans="14:14">
      <c r="N215375" s="10"/>
    </row>
    <row r="215376" spans="14:14">
      <c r="N215376" s="10"/>
    </row>
    <row r="215377" spans="14:14">
      <c r="N215377" s="10"/>
    </row>
    <row r="215378" spans="14:14">
      <c r="N215378" s="10"/>
    </row>
    <row r="215379" spans="14:14">
      <c r="N215379" s="10"/>
    </row>
    <row r="215380" spans="14:14">
      <c r="N215380" s="10"/>
    </row>
    <row r="215381" spans="14:14">
      <c r="N215381" s="10"/>
    </row>
    <row r="215382" spans="14:14">
      <c r="N215382" s="10"/>
    </row>
    <row r="215383" spans="14:14">
      <c r="N215383" s="10"/>
    </row>
    <row r="215384" spans="14:14">
      <c r="N215384" s="10"/>
    </row>
    <row r="215385" spans="14:14">
      <c r="N215385" s="10"/>
    </row>
    <row r="215386" spans="14:14">
      <c r="N215386" s="10"/>
    </row>
    <row r="215387" spans="14:14">
      <c r="N215387" s="10"/>
    </row>
    <row r="215388" spans="14:14">
      <c r="N215388" s="10"/>
    </row>
    <row r="215389" spans="14:14">
      <c r="N215389" s="10"/>
    </row>
    <row r="215390" spans="14:14">
      <c r="N215390" s="10"/>
    </row>
    <row r="215391" spans="14:14">
      <c r="N215391" s="10"/>
    </row>
    <row r="215392" spans="14:14">
      <c r="N215392" s="10"/>
    </row>
    <row r="215393" spans="14:14">
      <c r="N215393" s="10"/>
    </row>
    <row r="215394" spans="14:14">
      <c r="N215394" s="10"/>
    </row>
    <row r="215395" spans="14:14">
      <c r="N215395" s="10"/>
    </row>
    <row r="215396" spans="14:14">
      <c r="N215396" s="10"/>
    </row>
    <row r="215397" spans="14:14">
      <c r="N215397" s="10"/>
    </row>
    <row r="215398" spans="14:14">
      <c r="N215398" s="10"/>
    </row>
    <row r="215399" spans="14:14">
      <c r="N215399" s="10"/>
    </row>
    <row r="215400" spans="14:14">
      <c r="N215400" s="10"/>
    </row>
    <row r="215401" spans="14:14">
      <c r="N215401" s="10"/>
    </row>
    <row r="215402" spans="14:14">
      <c r="N215402" s="10"/>
    </row>
    <row r="215403" spans="14:14">
      <c r="N215403" s="10"/>
    </row>
    <row r="215404" spans="14:14">
      <c r="N215404" s="10"/>
    </row>
    <row r="215405" spans="14:14">
      <c r="N215405" s="10"/>
    </row>
    <row r="215406" spans="14:14">
      <c r="N215406" s="10"/>
    </row>
    <row r="215407" spans="14:14">
      <c r="N215407" s="10"/>
    </row>
    <row r="215408" spans="14:14">
      <c r="N215408" s="10"/>
    </row>
    <row r="215409" spans="14:14">
      <c r="N215409" s="10"/>
    </row>
    <row r="215410" spans="14:14">
      <c r="N215410" s="10"/>
    </row>
    <row r="215411" spans="14:14">
      <c r="N215411" s="10"/>
    </row>
    <row r="215412" spans="14:14">
      <c r="N215412" s="10"/>
    </row>
    <row r="215413" spans="14:14">
      <c r="N215413" s="10"/>
    </row>
    <row r="215414" spans="14:14">
      <c r="N215414" s="10"/>
    </row>
    <row r="215415" spans="14:14">
      <c r="N215415" s="10"/>
    </row>
    <row r="215416" spans="14:14">
      <c r="N215416" s="10"/>
    </row>
    <row r="215417" spans="14:14">
      <c r="N215417" s="10"/>
    </row>
    <row r="215418" spans="14:14">
      <c r="N215418" s="10"/>
    </row>
    <row r="215419" spans="14:14">
      <c r="N215419" s="10"/>
    </row>
    <row r="215420" spans="14:14">
      <c r="N215420" s="10"/>
    </row>
    <row r="215421" spans="14:14">
      <c r="N215421" s="10"/>
    </row>
    <row r="215422" spans="14:14">
      <c r="N215422" s="10"/>
    </row>
    <row r="215423" spans="14:14">
      <c r="N215423" s="10"/>
    </row>
    <row r="215424" spans="14:14">
      <c r="N215424" s="10"/>
    </row>
    <row r="215425" spans="14:14">
      <c r="N215425" s="10"/>
    </row>
    <row r="215426" spans="14:14">
      <c r="N215426" s="10"/>
    </row>
    <row r="215427" spans="14:14">
      <c r="N215427" s="10"/>
    </row>
    <row r="215428" spans="14:14">
      <c r="N215428" s="10"/>
    </row>
    <row r="215429" spans="14:14">
      <c r="N215429" s="10"/>
    </row>
    <row r="215430" spans="14:14">
      <c r="N215430" s="10"/>
    </row>
    <row r="215431" spans="14:14">
      <c r="N215431" s="10"/>
    </row>
    <row r="215432" spans="14:14">
      <c r="N215432" s="10"/>
    </row>
    <row r="215433" spans="14:14">
      <c r="N215433" s="10"/>
    </row>
    <row r="215434" spans="14:14">
      <c r="N215434" s="10"/>
    </row>
    <row r="215435" spans="14:14">
      <c r="N215435" s="10"/>
    </row>
    <row r="215436" spans="14:14">
      <c r="N215436" s="10"/>
    </row>
    <row r="215437" spans="14:14">
      <c r="N215437" s="10"/>
    </row>
    <row r="215438" spans="14:14">
      <c r="N215438" s="10"/>
    </row>
    <row r="215439" spans="14:14">
      <c r="N215439" s="10"/>
    </row>
    <row r="215440" spans="14:14">
      <c r="N215440" s="10"/>
    </row>
    <row r="215441" spans="14:14">
      <c r="N215441" s="10"/>
    </row>
    <row r="215442" spans="14:14">
      <c r="N215442" s="10"/>
    </row>
    <row r="215443" spans="14:14">
      <c r="N215443" s="10"/>
    </row>
    <row r="215444" spans="14:14">
      <c r="N215444" s="10"/>
    </row>
    <row r="215445" spans="14:14">
      <c r="N215445" s="10"/>
    </row>
    <row r="215446" spans="14:14">
      <c r="N215446" s="10"/>
    </row>
    <row r="215447" spans="14:14">
      <c r="N215447" s="10"/>
    </row>
    <row r="215448" spans="14:14">
      <c r="N215448" s="10"/>
    </row>
    <row r="215449" spans="14:14">
      <c r="N215449" s="10"/>
    </row>
    <row r="215450" spans="14:14">
      <c r="N215450" s="10"/>
    </row>
    <row r="215451" spans="14:14">
      <c r="N215451" s="10"/>
    </row>
    <row r="215452" spans="14:14">
      <c r="N215452" s="10"/>
    </row>
    <row r="215453" spans="14:14">
      <c r="N215453" s="10"/>
    </row>
    <row r="215454" spans="14:14">
      <c r="N215454" s="10"/>
    </row>
    <row r="215455" spans="14:14">
      <c r="N215455" s="10"/>
    </row>
    <row r="215456" spans="14:14">
      <c r="N215456" s="10"/>
    </row>
    <row r="215457" spans="14:14">
      <c r="N215457" s="10"/>
    </row>
    <row r="215458" spans="14:14">
      <c r="N215458" s="10"/>
    </row>
    <row r="215459" spans="14:14">
      <c r="N215459" s="10"/>
    </row>
    <row r="215460" spans="14:14">
      <c r="N215460" s="10"/>
    </row>
    <row r="215461" spans="14:14">
      <c r="N215461" s="10"/>
    </row>
    <row r="215462" spans="14:14">
      <c r="N215462" s="10"/>
    </row>
    <row r="215463" spans="14:14">
      <c r="N215463" s="10"/>
    </row>
    <row r="215464" spans="14:14">
      <c r="N215464" s="10"/>
    </row>
    <row r="215465" spans="14:14">
      <c r="N215465" s="10"/>
    </row>
    <row r="215466" spans="14:14">
      <c r="N215466" s="10"/>
    </row>
    <row r="215467" spans="14:14">
      <c r="N215467" s="10"/>
    </row>
    <row r="215468" spans="14:14">
      <c r="N215468" s="10"/>
    </row>
    <row r="215469" spans="14:14">
      <c r="N215469" s="10"/>
    </row>
    <row r="215470" spans="14:14">
      <c r="N215470" s="10"/>
    </row>
    <row r="215471" spans="14:14">
      <c r="N215471" s="10"/>
    </row>
    <row r="215472" spans="14:14">
      <c r="N215472" s="10"/>
    </row>
    <row r="215473" spans="14:14">
      <c r="N215473" s="10"/>
    </row>
    <row r="215474" spans="14:14">
      <c r="N215474" s="10"/>
    </row>
    <row r="215475" spans="14:14">
      <c r="N215475" s="10"/>
    </row>
    <row r="215476" spans="14:14">
      <c r="N215476" s="10"/>
    </row>
    <row r="215477" spans="14:14">
      <c r="N215477" s="10"/>
    </row>
    <row r="215478" spans="14:14">
      <c r="N215478" s="10"/>
    </row>
    <row r="215479" spans="14:14">
      <c r="N215479" s="10"/>
    </row>
    <row r="215480" spans="14:14">
      <c r="N215480" s="10"/>
    </row>
    <row r="215481" spans="14:14">
      <c r="N215481" s="10"/>
    </row>
    <row r="215482" spans="14:14">
      <c r="N215482" s="10"/>
    </row>
    <row r="215483" spans="14:14">
      <c r="N215483" s="10"/>
    </row>
    <row r="215484" spans="14:14">
      <c r="N215484" s="10"/>
    </row>
    <row r="215485" spans="14:14">
      <c r="N215485" s="10"/>
    </row>
    <row r="215486" spans="14:14">
      <c r="N215486" s="10"/>
    </row>
    <row r="215487" spans="14:14">
      <c r="N215487" s="10"/>
    </row>
    <row r="215488" spans="14:14">
      <c r="N215488" s="10"/>
    </row>
    <row r="215489" spans="14:14">
      <c r="N215489" s="10"/>
    </row>
    <row r="215490" spans="14:14">
      <c r="N215490" s="10"/>
    </row>
    <row r="215491" spans="14:14">
      <c r="N215491" s="10"/>
    </row>
    <row r="215492" spans="14:14">
      <c r="N215492" s="10"/>
    </row>
    <row r="215493" spans="14:14">
      <c r="N215493" s="10"/>
    </row>
    <row r="215494" spans="14:14">
      <c r="N215494" s="10"/>
    </row>
    <row r="215495" spans="14:14">
      <c r="N215495" s="10"/>
    </row>
    <row r="215496" spans="14:14">
      <c r="N215496" s="10"/>
    </row>
    <row r="215497" spans="14:14">
      <c r="N215497" s="10"/>
    </row>
    <row r="215498" spans="14:14">
      <c r="N215498" s="10"/>
    </row>
    <row r="215499" spans="14:14">
      <c r="N215499" s="10"/>
    </row>
    <row r="215500" spans="14:14">
      <c r="N215500" s="10"/>
    </row>
    <row r="215501" spans="14:14">
      <c r="N215501" s="10"/>
    </row>
    <row r="215502" spans="14:14">
      <c r="N215502" s="10"/>
    </row>
    <row r="215503" spans="14:14">
      <c r="N215503" s="10"/>
    </row>
    <row r="215504" spans="14:14">
      <c r="N215504" s="10"/>
    </row>
    <row r="215505" spans="14:14">
      <c r="N215505" s="10"/>
    </row>
    <row r="215506" spans="14:14">
      <c r="N215506" s="10"/>
    </row>
    <row r="215507" spans="14:14">
      <c r="N215507" s="10"/>
    </row>
    <row r="215508" spans="14:14">
      <c r="N215508" s="10"/>
    </row>
    <row r="215509" spans="14:14">
      <c r="N215509" s="10"/>
    </row>
    <row r="215510" spans="14:14">
      <c r="N215510" s="10"/>
    </row>
    <row r="215511" spans="14:14">
      <c r="N215511" s="10"/>
    </row>
    <row r="215512" spans="14:14">
      <c r="N215512" s="10"/>
    </row>
    <row r="215513" spans="14:14">
      <c r="N215513" s="10"/>
    </row>
    <row r="215514" spans="14:14">
      <c r="N215514" s="10"/>
    </row>
    <row r="215515" spans="14:14">
      <c r="N215515" s="10"/>
    </row>
    <row r="215516" spans="14:14">
      <c r="N215516" s="10"/>
    </row>
    <row r="215517" spans="14:14">
      <c r="N215517" s="10"/>
    </row>
    <row r="215518" spans="14:14">
      <c r="N215518" s="10"/>
    </row>
    <row r="215519" spans="14:14">
      <c r="N215519" s="10"/>
    </row>
    <row r="215520" spans="14:14">
      <c r="N215520" s="10"/>
    </row>
    <row r="215521" spans="14:14">
      <c r="N215521" s="10"/>
    </row>
    <row r="215522" spans="14:14">
      <c r="N215522" s="10"/>
    </row>
    <row r="215523" spans="14:14">
      <c r="N215523" s="10"/>
    </row>
    <row r="215524" spans="14:14">
      <c r="N215524" s="10"/>
    </row>
    <row r="215525" spans="14:14">
      <c r="N215525" s="10"/>
    </row>
    <row r="215526" spans="14:14">
      <c r="N215526" s="10"/>
    </row>
    <row r="215527" spans="14:14">
      <c r="N215527" s="10"/>
    </row>
    <row r="215528" spans="14:14">
      <c r="N215528" s="10"/>
    </row>
    <row r="215529" spans="14:14">
      <c r="N215529" s="10"/>
    </row>
    <row r="215530" spans="14:14">
      <c r="N215530" s="10"/>
    </row>
    <row r="215531" spans="14:14">
      <c r="N215531" s="10"/>
    </row>
    <row r="215532" spans="14:14">
      <c r="N215532" s="10"/>
    </row>
    <row r="215533" spans="14:14">
      <c r="N215533" s="10"/>
    </row>
    <row r="215534" spans="14:14">
      <c r="N215534" s="10"/>
    </row>
    <row r="215535" spans="14:14">
      <c r="N215535" s="10"/>
    </row>
    <row r="215536" spans="14:14">
      <c r="N215536" s="10"/>
    </row>
    <row r="215537" spans="14:14">
      <c r="N215537" s="10"/>
    </row>
    <row r="215538" spans="14:14">
      <c r="N215538" s="10"/>
    </row>
    <row r="215539" spans="14:14">
      <c r="N215539" s="10"/>
    </row>
    <row r="215540" spans="14:14">
      <c r="N215540" s="10"/>
    </row>
    <row r="215541" spans="14:14">
      <c r="N215541" s="10"/>
    </row>
    <row r="215542" spans="14:14">
      <c r="N215542" s="10"/>
    </row>
    <row r="215543" spans="14:14">
      <c r="N215543" s="10"/>
    </row>
    <row r="215544" spans="14:14">
      <c r="N215544" s="10"/>
    </row>
    <row r="215545" spans="14:14">
      <c r="N215545" s="10"/>
    </row>
    <row r="215546" spans="14:14">
      <c r="N215546" s="10"/>
    </row>
    <row r="215547" spans="14:14">
      <c r="N215547" s="10"/>
    </row>
    <row r="215548" spans="14:14">
      <c r="N215548" s="10"/>
    </row>
    <row r="215549" spans="14:14">
      <c r="N215549" s="10"/>
    </row>
    <row r="215550" spans="14:14">
      <c r="N215550" s="10"/>
    </row>
    <row r="215551" spans="14:14">
      <c r="N215551" s="10"/>
    </row>
    <row r="215552" spans="14:14">
      <c r="N215552" s="10"/>
    </row>
    <row r="215553" spans="14:14">
      <c r="N215553" s="10"/>
    </row>
    <row r="215554" spans="14:14">
      <c r="N215554" s="10"/>
    </row>
    <row r="215555" spans="14:14">
      <c r="N215555" s="10"/>
    </row>
    <row r="215556" spans="14:14">
      <c r="N215556" s="10"/>
    </row>
    <row r="215557" spans="14:14">
      <c r="N215557" s="10"/>
    </row>
    <row r="215558" spans="14:14">
      <c r="N215558" s="10"/>
    </row>
    <row r="215559" spans="14:14">
      <c r="N215559" s="10"/>
    </row>
    <row r="215560" spans="14:14">
      <c r="N215560" s="10"/>
    </row>
    <row r="215561" spans="14:14">
      <c r="N215561" s="10"/>
    </row>
    <row r="215562" spans="14:14">
      <c r="N215562" s="10"/>
    </row>
    <row r="215563" spans="14:14">
      <c r="N215563" s="10"/>
    </row>
    <row r="215564" spans="14:14">
      <c r="N215564" s="10"/>
    </row>
    <row r="215565" spans="14:14">
      <c r="N215565" s="10"/>
    </row>
    <row r="215566" spans="14:14">
      <c r="N215566" s="10"/>
    </row>
    <row r="215567" spans="14:14">
      <c r="N215567" s="10"/>
    </row>
    <row r="215568" spans="14:14">
      <c r="N215568" s="10"/>
    </row>
    <row r="215569" spans="14:14">
      <c r="N215569" s="10"/>
    </row>
    <row r="215570" spans="14:14">
      <c r="N215570" s="10"/>
    </row>
    <row r="215571" spans="14:14">
      <c r="N215571" s="10"/>
    </row>
    <row r="215572" spans="14:14">
      <c r="N215572" s="10"/>
    </row>
    <row r="215573" spans="14:14">
      <c r="N215573" s="10"/>
    </row>
    <row r="215574" spans="14:14">
      <c r="N215574" s="10"/>
    </row>
    <row r="215575" spans="14:14">
      <c r="N215575" s="10"/>
    </row>
    <row r="215576" spans="14:14">
      <c r="N215576" s="10"/>
    </row>
    <row r="215577" spans="14:14">
      <c r="N215577" s="10"/>
    </row>
    <row r="215578" spans="14:14">
      <c r="N215578" s="10"/>
    </row>
    <row r="215579" spans="14:14">
      <c r="N215579" s="10"/>
    </row>
    <row r="215580" spans="14:14">
      <c r="N215580" s="10"/>
    </row>
    <row r="215581" spans="14:14">
      <c r="N215581" s="10"/>
    </row>
    <row r="215582" spans="14:14">
      <c r="N215582" s="10"/>
    </row>
    <row r="215583" spans="14:14">
      <c r="N215583" s="10"/>
    </row>
    <row r="215584" spans="14:14">
      <c r="N215584" s="10"/>
    </row>
    <row r="215585" spans="14:14">
      <c r="N215585" s="10"/>
    </row>
    <row r="215586" spans="14:14">
      <c r="N215586" s="10"/>
    </row>
    <row r="215587" spans="14:14">
      <c r="N215587" s="10"/>
    </row>
    <row r="215588" spans="14:14">
      <c r="N215588" s="10"/>
    </row>
    <row r="215589" spans="14:14">
      <c r="N215589" s="10"/>
    </row>
    <row r="215590" spans="14:14">
      <c r="N215590" s="10"/>
    </row>
    <row r="215591" spans="14:14">
      <c r="N215591" s="10"/>
    </row>
    <row r="215592" spans="14:14">
      <c r="N215592" s="10"/>
    </row>
    <row r="215593" spans="14:14">
      <c r="N215593" s="10"/>
    </row>
    <row r="215594" spans="14:14">
      <c r="N215594" s="10"/>
    </row>
    <row r="215595" spans="14:14">
      <c r="N215595" s="10"/>
    </row>
    <row r="215596" spans="14:14">
      <c r="N215596" s="10"/>
    </row>
    <row r="215597" spans="14:14">
      <c r="N215597" s="10"/>
    </row>
    <row r="215598" spans="14:14">
      <c r="N215598" s="10"/>
    </row>
    <row r="215599" spans="14:14">
      <c r="N215599" s="10"/>
    </row>
    <row r="215600" spans="14:14">
      <c r="N215600" s="10"/>
    </row>
    <row r="215601" spans="14:14">
      <c r="N215601" s="10"/>
    </row>
    <row r="215602" spans="14:14">
      <c r="N215602" s="10"/>
    </row>
    <row r="215603" spans="14:14">
      <c r="N215603" s="10"/>
    </row>
    <row r="215604" spans="14:14">
      <c r="N215604" s="10"/>
    </row>
    <row r="215605" spans="14:14">
      <c r="N215605" s="10"/>
    </row>
    <row r="215606" spans="14:14">
      <c r="N215606" s="10"/>
    </row>
    <row r="215607" spans="14:14">
      <c r="N215607" s="10"/>
    </row>
    <row r="215608" spans="14:14">
      <c r="N215608" s="10"/>
    </row>
    <row r="215609" spans="14:14">
      <c r="N215609" s="10"/>
    </row>
    <row r="215610" spans="14:14">
      <c r="N215610" s="10"/>
    </row>
    <row r="215611" spans="14:14">
      <c r="N215611" s="10"/>
    </row>
    <row r="215612" spans="14:14">
      <c r="N215612" s="10"/>
    </row>
    <row r="215613" spans="14:14">
      <c r="N215613" s="10"/>
    </row>
    <row r="215614" spans="14:14">
      <c r="N215614" s="10"/>
    </row>
    <row r="215615" spans="14:14">
      <c r="N215615" s="10"/>
    </row>
    <row r="215616" spans="14:14">
      <c r="N215616" s="10"/>
    </row>
    <row r="215617" spans="14:14">
      <c r="N215617" s="10"/>
    </row>
    <row r="215618" spans="14:14">
      <c r="N215618" s="10"/>
    </row>
    <row r="215619" spans="14:14">
      <c r="N215619" s="10"/>
    </row>
    <row r="215620" spans="14:14">
      <c r="N215620" s="10"/>
    </row>
    <row r="215621" spans="14:14">
      <c r="N215621" s="10"/>
    </row>
    <row r="215622" spans="14:14">
      <c r="N215622" s="10"/>
    </row>
    <row r="215623" spans="14:14">
      <c r="N215623" s="10"/>
    </row>
    <row r="215624" spans="14:14">
      <c r="N215624" s="10"/>
    </row>
    <row r="215625" spans="14:14">
      <c r="N215625" s="10"/>
    </row>
    <row r="215626" spans="14:14">
      <c r="N215626" s="10"/>
    </row>
    <row r="215627" spans="14:14">
      <c r="N215627" s="10"/>
    </row>
    <row r="215628" spans="14:14">
      <c r="N215628" s="10"/>
    </row>
    <row r="215629" spans="14:14">
      <c r="N215629" s="10"/>
    </row>
    <row r="215630" spans="14:14">
      <c r="N215630" s="10"/>
    </row>
    <row r="215631" spans="14:14">
      <c r="N215631" s="10"/>
    </row>
    <row r="215632" spans="14:14">
      <c r="N215632" s="10"/>
    </row>
    <row r="215633" spans="14:14">
      <c r="N215633" s="10"/>
    </row>
    <row r="215634" spans="14:14">
      <c r="N215634" s="10"/>
    </row>
    <row r="215635" spans="14:14">
      <c r="N215635" s="10"/>
    </row>
    <row r="215636" spans="14:14">
      <c r="N215636" s="10"/>
    </row>
    <row r="215637" spans="14:14">
      <c r="N215637" s="10"/>
    </row>
    <row r="215638" spans="14:14">
      <c r="N215638" s="10"/>
    </row>
    <row r="215639" spans="14:14">
      <c r="N215639" s="10"/>
    </row>
    <row r="215640" spans="14:14">
      <c r="N215640" s="10"/>
    </row>
    <row r="215641" spans="14:14">
      <c r="N215641" s="10"/>
    </row>
    <row r="215642" spans="14:14">
      <c r="N215642" s="10"/>
    </row>
    <row r="215643" spans="14:14">
      <c r="N215643" s="10"/>
    </row>
    <row r="215644" spans="14:14">
      <c r="N215644" s="10"/>
    </row>
    <row r="215645" spans="14:14">
      <c r="N215645" s="10"/>
    </row>
    <row r="215646" spans="14:14">
      <c r="N215646" s="10"/>
    </row>
    <row r="215647" spans="14:14">
      <c r="N215647" s="10"/>
    </row>
    <row r="215648" spans="14:14">
      <c r="N215648" s="10"/>
    </row>
    <row r="215649" spans="14:14">
      <c r="N215649" s="10"/>
    </row>
    <row r="215650" spans="14:14">
      <c r="N215650" s="10"/>
    </row>
    <row r="215651" spans="14:14">
      <c r="N215651" s="10"/>
    </row>
    <row r="215652" spans="14:14">
      <c r="N215652" s="10"/>
    </row>
    <row r="215653" spans="14:14">
      <c r="N215653" s="10"/>
    </row>
    <row r="215654" spans="14:14">
      <c r="N215654" s="10"/>
    </row>
    <row r="215655" spans="14:14">
      <c r="N215655" s="10"/>
    </row>
    <row r="215656" spans="14:14">
      <c r="N215656" s="10"/>
    </row>
    <row r="215657" spans="14:14">
      <c r="N215657" s="10"/>
    </row>
    <row r="215658" spans="14:14">
      <c r="N215658" s="10"/>
    </row>
    <row r="215659" spans="14:14">
      <c r="N215659" s="10"/>
    </row>
    <row r="215660" spans="14:14">
      <c r="N215660" s="10"/>
    </row>
    <row r="215661" spans="14:14">
      <c r="N215661" s="10"/>
    </row>
    <row r="215662" spans="14:14">
      <c r="N215662" s="10"/>
    </row>
    <row r="215663" spans="14:14">
      <c r="N215663" s="10"/>
    </row>
    <row r="215664" spans="14:14">
      <c r="N215664" s="10"/>
    </row>
    <row r="215665" spans="14:14">
      <c r="N215665" s="10"/>
    </row>
    <row r="215666" spans="14:14">
      <c r="N215666" s="10"/>
    </row>
    <row r="215667" spans="14:14">
      <c r="N215667" s="10"/>
    </row>
    <row r="215668" spans="14:14">
      <c r="N215668" s="10"/>
    </row>
    <row r="215669" spans="14:14">
      <c r="N215669" s="10"/>
    </row>
    <row r="215670" spans="14:14">
      <c r="N215670" s="10"/>
    </row>
    <row r="215671" spans="14:14">
      <c r="N215671" s="10"/>
    </row>
    <row r="215672" spans="14:14">
      <c r="N215672" s="10"/>
    </row>
    <row r="215673" spans="14:14">
      <c r="N215673" s="10"/>
    </row>
    <row r="215674" spans="14:14">
      <c r="N215674" s="10"/>
    </row>
    <row r="215675" spans="14:14">
      <c r="N215675" s="10"/>
    </row>
    <row r="215676" spans="14:14">
      <c r="N215676" s="10"/>
    </row>
    <row r="215677" spans="14:14">
      <c r="N215677" s="10"/>
    </row>
    <row r="215678" spans="14:14">
      <c r="N215678" s="10"/>
    </row>
    <row r="215679" spans="14:14">
      <c r="N215679" s="10"/>
    </row>
    <row r="215680" spans="14:14">
      <c r="N215680" s="10"/>
    </row>
    <row r="215681" spans="14:14">
      <c r="N215681" s="10"/>
    </row>
    <row r="215682" spans="14:14">
      <c r="N215682" s="10"/>
    </row>
    <row r="215683" spans="14:14">
      <c r="N215683" s="10"/>
    </row>
    <row r="215684" spans="14:14">
      <c r="N215684" s="10"/>
    </row>
    <row r="215685" spans="14:14">
      <c r="N215685" s="10"/>
    </row>
    <row r="215686" spans="14:14">
      <c r="N215686" s="10"/>
    </row>
    <row r="215687" spans="14:14">
      <c r="N215687" s="10"/>
    </row>
    <row r="215688" spans="14:14">
      <c r="N215688" s="10"/>
    </row>
    <row r="215689" spans="14:14">
      <c r="N215689" s="10"/>
    </row>
    <row r="215690" spans="14:14">
      <c r="N215690" s="10"/>
    </row>
    <row r="215691" spans="14:14">
      <c r="N215691" s="10"/>
    </row>
    <row r="215692" spans="14:14">
      <c r="N215692" s="10"/>
    </row>
    <row r="215693" spans="14:14">
      <c r="N215693" s="10"/>
    </row>
    <row r="215694" spans="14:14">
      <c r="N215694" s="10"/>
    </row>
    <row r="215695" spans="14:14">
      <c r="N215695" s="10"/>
    </row>
    <row r="215696" spans="14:14">
      <c r="N215696" s="10"/>
    </row>
    <row r="215697" spans="14:14">
      <c r="N215697" s="10"/>
    </row>
    <row r="215698" spans="14:14">
      <c r="N215698" s="10"/>
    </row>
    <row r="215699" spans="14:14">
      <c r="N215699" s="10"/>
    </row>
    <row r="215700" spans="14:14">
      <c r="N215700" s="10"/>
    </row>
    <row r="215701" spans="14:14">
      <c r="N215701" s="10"/>
    </row>
    <row r="215702" spans="14:14">
      <c r="N215702" s="10"/>
    </row>
    <row r="215703" spans="14:14">
      <c r="N215703" s="10"/>
    </row>
    <row r="215704" spans="14:14">
      <c r="N215704" s="10"/>
    </row>
    <row r="215705" spans="14:14">
      <c r="N215705" s="10"/>
    </row>
    <row r="215706" spans="14:14">
      <c r="N215706" s="10"/>
    </row>
    <row r="215707" spans="14:14">
      <c r="N215707" s="10"/>
    </row>
    <row r="215708" spans="14:14">
      <c r="N215708" s="10"/>
    </row>
    <row r="215709" spans="14:14">
      <c r="N215709" s="10"/>
    </row>
    <row r="215710" spans="14:14">
      <c r="N215710" s="10"/>
    </row>
    <row r="215711" spans="14:14">
      <c r="N215711" s="10"/>
    </row>
    <row r="215712" spans="14:14">
      <c r="N215712" s="10"/>
    </row>
    <row r="215713" spans="14:14">
      <c r="N215713" s="10"/>
    </row>
    <row r="215714" spans="14:14">
      <c r="N215714" s="10"/>
    </row>
    <row r="215715" spans="14:14">
      <c r="N215715" s="10"/>
    </row>
    <row r="215716" spans="14:14">
      <c r="N215716" s="10"/>
    </row>
    <row r="215717" spans="14:14">
      <c r="N215717" s="10"/>
    </row>
    <row r="215718" spans="14:14">
      <c r="N215718" s="10"/>
    </row>
    <row r="215719" spans="14:14">
      <c r="N215719" s="10"/>
    </row>
    <row r="215720" spans="14:14">
      <c r="N215720" s="10"/>
    </row>
    <row r="215721" spans="14:14">
      <c r="N215721" s="10"/>
    </row>
    <row r="215722" spans="14:14">
      <c r="N215722" s="10"/>
    </row>
    <row r="215723" spans="14:14">
      <c r="N215723" s="10"/>
    </row>
    <row r="215724" spans="14:14">
      <c r="N215724" s="10"/>
    </row>
    <row r="215725" spans="14:14">
      <c r="N215725" s="10"/>
    </row>
    <row r="215726" spans="14:14">
      <c r="N215726" s="10"/>
    </row>
    <row r="215727" spans="14:14">
      <c r="N215727" s="10"/>
    </row>
    <row r="215728" spans="14:14">
      <c r="N215728" s="10"/>
    </row>
    <row r="215729" spans="14:14">
      <c r="N215729" s="10"/>
    </row>
    <row r="215730" spans="14:14">
      <c r="N215730" s="10"/>
    </row>
    <row r="215731" spans="14:14">
      <c r="N215731" s="10"/>
    </row>
    <row r="215732" spans="14:14">
      <c r="N215732" s="10"/>
    </row>
    <row r="215733" spans="14:14">
      <c r="N215733" s="10"/>
    </row>
    <row r="215734" spans="14:14">
      <c r="N215734" s="10"/>
    </row>
    <row r="215735" spans="14:14">
      <c r="N215735" s="10"/>
    </row>
    <row r="215736" spans="14:14">
      <c r="N215736" s="10"/>
    </row>
    <row r="215737" spans="14:14">
      <c r="N215737" s="10"/>
    </row>
    <row r="215738" spans="14:14">
      <c r="N215738" s="10"/>
    </row>
    <row r="215739" spans="14:14">
      <c r="N215739" s="10"/>
    </row>
    <row r="215740" spans="14:14">
      <c r="N215740" s="10"/>
    </row>
    <row r="215741" spans="14:14">
      <c r="N215741" s="10"/>
    </row>
    <row r="215742" spans="14:14">
      <c r="N215742" s="10"/>
    </row>
    <row r="215743" spans="14:14">
      <c r="N215743" s="10"/>
    </row>
    <row r="215744" spans="14:14">
      <c r="N215744" s="10"/>
    </row>
    <row r="215745" spans="14:14">
      <c r="N215745" s="10"/>
    </row>
    <row r="215746" spans="14:14">
      <c r="N215746" s="10"/>
    </row>
    <row r="215747" spans="14:14">
      <c r="N215747" s="10"/>
    </row>
    <row r="215748" spans="14:14">
      <c r="N215748" s="10"/>
    </row>
    <row r="215749" spans="14:14">
      <c r="N215749" s="10"/>
    </row>
    <row r="215750" spans="14:14">
      <c r="N215750" s="10"/>
    </row>
    <row r="215751" spans="14:14">
      <c r="N215751" s="10"/>
    </row>
    <row r="215752" spans="14:14">
      <c r="N215752" s="10"/>
    </row>
    <row r="215753" spans="14:14">
      <c r="N215753" s="10"/>
    </row>
    <row r="215754" spans="14:14">
      <c r="N215754" s="10"/>
    </row>
    <row r="215755" spans="14:14">
      <c r="N215755" s="10"/>
    </row>
    <row r="215756" spans="14:14">
      <c r="N215756" s="10"/>
    </row>
    <row r="215757" spans="14:14">
      <c r="N215757" s="10"/>
    </row>
    <row r="215758" spans="14:14">
      <c r="N215758" s="10"/>
    </row>
    <row r="215759" spans="14:14">
      <c r="N215759" s="10"/>
    </row>
    <row r="215760" spans="14:14">
      <c r="N215760" s="10"/>
    </row>
    <row r="215761" spans="14:14">
      <c r="N215761" s="10"/>
    </row>
    <row r="215762" spans="14:14">
      <c r="N215762" s="10"/>
    </row>
    <row r="215763" spans="14:14">
      <c r="N215763" s="10"/>
    </row>
    <row r="215764" spans="14:14">
      <c r="N215764" s="10"/>
    </row>
    <row r="215765" spans="14:14">
      <c r="N215765" s="10"/>
    </row>
    <row r="215766" spans="14:14">
      <c r="N215766" s="10"/>
    </row>
    <row r="215767" spans="14:14">
      <c r="N215767" s="10"/>
    </row>
    <row r="215768" spans="14:14">
      <c r="N215768" s="10"/>
    </row>
    <row r="215769" spans="14:14">
      <c r="N215769" s="10"/>
    </row>
    <row r="215770" spans="14:14">
      <c r="N215770" s="10"/>
    </row>
    <row r="215771" spans="14:14">
      <c r="N215771" s="10"/>
    </row>
    <row r="215772" spans="14:14">
      <c r="N215772" s="10"/>
    </row>
    <row r="215773" spans="14:14">
      <c r="N215773" s="10"/>
    </row>
    <row r="215774" spans="14:14">
      <c r="N215774" s="10"/>
    </row>
    <row r="215775" spans="14:14">
      <c r="N215775" s="10"/>
    </row>
    <row r="215776" spans="14:14">
      <c r="N215776" s="10"/>
    </row>
    <row r="215777" spans="14:14">
      <c r="N215777" s="10"/>
    </row>
    <row r="215778" spans="14:14">
      <c r="N215778" s="10"/>
    </row>
    <row r="215779" spans="14:14">
      <c r="N215779" s="10"/>
    </row>
    <row r="215780" spans="14:14">
      <c r="N215780" s="10"/>
    </row>
    <row r="215781" spans="14:14">
      <c r="N215781" s="10"/>
    </row>
    <row r="215782" spans="14:14">
      <c r="N215782" s="10"/>
    </row>
    <row r="215783" spans="14:14">
      <c r="N215783" s="10"/>
    </row>
    <row r="215784" spans="14:14">
      <c r="N215784" s="10"/>
    </row>
    <row r="215785" spans="14:14">
      <c r="N215785" s="10"/>
    </row>
    <row r="215786" spans="14:14">
      <c r="N215786" s="10"/>
    </row>
    <row r="215787" spans="14:14">
      <c r="N215787" s="10"/>
    </row>
    <row r="215788" spans="14:14">
      <c r="N215788" s="10"/>
    </row>
    <row r="215789" spans="14:14">
      <c r="N215789" s="10"/>
    </row>
    <row r="215790" spans="14:14">
      <c r="N215790" s="10"/>
    </row>
    <row r="215791" spans="14:14">
      <c r="N215791" s="10"/>
    </row>
    <row r="215792" spans="14:14">
      <c r="N215792" s="10"/>
    </row>
    <row r="215793" spans="14:14">
      <c r="N215793" s="10"/>
    </row>
    <row r="215794" spans="14:14">
      <c r="N215794" s="10"/>
    </row>
    <row r="215795" spans="14:14">
      <c r="N215795" s="10"/>
    </row>
    <row r="215796" spans="14:14">
      <c r="N215796" s="10"/>
    </row>
    <row r="215797" spans="14:14">
      <c r="N215797" s="10"/>
    </row>
    <row r="215798" spans="14:14">
      <c r="N215798" s="10"/>
    </row>
    <row r="215799" spans="14:14">
      <c r="N215799" s="10"/>
    </row>
    <row r="215800" spans="14:14">
      <c r="N215800" s="10"/>
    </row>
    <row r="215801" spans="14:14">
      <c r="N215801" s="10"/>
    </row>
    <row r="215802" spans="14:14">
      <c r="N215802" s="10"/>
    </row>
    <row r="215803" spans="14:14">
      <c r="N215803" s="10"/>
    </row>
    <row r="215804" spans="14:14">
      <c r="N215804" s="10"/>
    </row>
    <row r="215805" spans="14:14">
      <c r="N215805" s="10"/>
    </row>
    <row r="215806" spans="14:14">
      <c r="N215806" s="10"/>
    </row>
    <row r="215807" spans="14:14">
      <c r="N215807" s="10"/>
    </row>
    <row r="215808" spans="14:14">
      <c r="N215808" s="10"/>
    </row>
    <row r="215809" spans="14:14">
      <c r="N215809" s="10"/>
    </row>
    <row r="215810" spans="14:14">
      <c r="N215810" s="10"/>
    </row>
    <row r="215811" spans="14:14">
      <c r="N215811" s="10"/>
    </row>
    <row r="215812" spans="14:14">
      <c r="N215812" s="10"/>
    </row>
    <row r="215813" spans="14:14">
      <c r="N215813" s="10"/>
    </row>
    <row r="215814" spans="14:14">
      <c r="N215814" s="10"/>
    </row>
    <row r="215815" spans="14:14">
      <c r="N215815" s="10"/>
    </row>
    <row r="215816" spans="14:14">
      <c r="N215816" s="10"/>
    </row>
    <row r="215817" spans="14:14">
      <c r="N215817" s="10"/>
    </row>
    <row r="215818" spans="14:14">
      <c r="N215818" s="10"/>
    </row>
    <row r="215819" spans="14:14">
      <c r="N215819" s="10"/>
    </row>
    <row r="215820" spans="14:14">
      <c r="N215820" s="10"/>
    </row>
    <row r="215821" spans="14:14">
      <c r="N215821" s="10"/>
    </row>
    <row r="215822" spans="14:14">
      <c r="N215822" s="10"/>
    </row>
    <row r="215823" spans="14:14">
      <c r="N215823" s="10"/>
    </row>
    <row r="215824" spans="14:14">
      <c r="N215824" s="10"/>
    </row>
    <row r="215825" spans="14:14">
      <c r="N215825" s="10"/>
    </row>
    <row r="215826" spans="14:14">
      <c r="N215826" s="10"/>
    </row>
    <row r="215827" spans="14:14">
      <c r="N215827" s="10"/>
    </row>
    <row r="215828" spans="14:14">
      <c r="N215828" s="10"/>
    </row>
    <row r="215829" spans="14:14">
      <c r="N215829" s="10"/>
    </row>
    <row r="215830" spans="14:14">
      <c r="N215830" s="10"/>
    </row>
    <row r="215831" spans="14:14">
      <c r="N215831" s="10"/>
    </row>
    <row r="215832" spans="14:14">
      <c r="N215832" s="10"/>
    </row>
    <row r="215833" spans="14:14">
      <c r="N215833" s="10"/>
    </row>
    <row r="215834" spans="14:14">
      <c r="N215834" s="10"/>
    </row>
    <row r="215835" spans="14:14">
      <c r="N215835" s="10"/>
    </row>
    <row r="215836" spans="14:14">
      <c r="N215836" s="10"/>
    </row>
    <row r="215837" spans="14:14">
      <c r="N215837" s="10"/>
    </row>
    <row r="215838" spans="14:14">
      <c r="N215838" s="10"/>
    </row>
    <row r="215839" spans="14:14">
      <c r="N215839" s="10"/>
    </row>
    <row r="215840" spans="14:14">
      <c r="N215840" s="10"/>
    </row>
    <row r="215841" spans="14:14">
      <c r="N215841" s="10"/>
    </row>
    <row r="215842" spans="14:14">
      <c r="N215842" s="10"/>
    </row>
    <row r="215843" spans="14:14">
      <c r="N215843" s="10"/>
    </row>
    <row r="215844" spans="14:14">
      <c r="N215844" s="10"/>
    </row>
    <row r="215845" spans="14:14">
      <c r="N215845" s="10"/>
    </row>
    <row r="215846" spans="14:14">
      <c r="N215846" s="10"/>
    </row>
    <row r="215847" spans="14:14">
      <c r="N215847" s="10"/>
    </row>
    <row r="215848" spans="14:14">
      <c r="N215848" s="10"/>
    </row>
    <row r="215849" spans="14:14">
      <c r="N215849" s="10"/>
    </row>
    <row r="215850" spans="14:14">
      <c r="N215850" s="10"/>
    </row>
    <row r="215851" spans="14:14">
      <c r="N215851" s="10"/>
    </row>
    <row r="215852" spans="14:14">
      <c r="N215852" s="10"/>
    </row>
    <row r="215853" spans="14:14">
      <c r="N215853" s="10"/>
    </row>
    <row r="215854" spans="14:14">
      <c r="N215854" s="10"/>
    </row>
    <row r="215855" spans="14:14">
      <c r="N215855" s="10"/>
    </row>
    <row r="215856" spans="14:14">
      <c r="N215856" s="10"/>
    </row>
    <row r="215857" spans="14:14">
      <c r="N215857" s="10"/>
    </row>
    <row r="215858" spans="14:14">
      <c r="N215858" s="10"/>
    </row>
    <row r="215859" spans="14:14">
      <c r="N215859" s="10"/>
    </row>
    <row r="215860" spans="14:14">
      <c r="N215860" s="10"/>
    </row>
    <row r="215861" spans="14:14">
      <c r="N215861" s="10"/>
    </row>
    <row r="215862" spans="14:14">
      <c r="N215862" s="10"/>
    </row>
    <row r="215863" spans="14:14">
      <c r="N215863" s="10"/>
    </row>
    <row r="215864" spans="14:14">
      <c r="N215864" s="10"/>
    </row>
    <row r="215865" spans="14:14">
      <c r="N215865" s="10"/>
    </row>
    <row r="215866" spans="14:14">
      <c r="N215866" s="10"/>
    </row>
    <row r="215867" spans="14:14">
      <c r="N215867" s="10"/>
    </row>
    <row r="215868" spans="14:14">
      <c r="N215868" s="10"/>
    </row>
    <row r="215869" spans="14:14">
      <c r="N215869" s="10"/>
    </row>
    <row r="215870" spans="14:14">
      <c r="N215870" s="10"/>
    </row>
    <row r="215871" spans="14:14">
      <c r="N215871" s="10"/>
    </row>
    <row r="215872" spans="14:14">
      <c r="N215872" s="10"/>
    </row>
    <row r="215873" spans="14:14">
      <c r="N215873" s="10"/>
    </row>
    <row r="215874" spans="14:14">
      <c r="N215874" s="10"/>
    </row>
    <row r="215875" spans="14:14">
      <c r="N215875" s="10"/>
    </row>
    <row r="215876" spans="14:14">
      <c r="N215876" s="10"/>
    </row>
    <row r="215877" spans="14:14">
      <c r="N215877" s="10"/>
    </row>
    <row r="215878" spans="14:14">
      <c r="N215878" s="10"/>
    </row>
    <row r="215879" spans="14:14">
      <c r="N215879" s="10"/>
    </row>
    <row r="215880" spans="14:14">
      <c r="N215880" s="10"/>
    </row>
    <row r="215881" spans="14:14">
      <c r="N215881" s="10"/>
    </row>
    <row r="215882" spans="14:14">
      <c r="N215882" s="10"/>
    </row>
    <row r="215883" spans="14:14">
      <c r="N215883" s="10"/>
    </row>
    <row r="215884" spans="14:14">
      <c r="N215884" s="10"/>
    </row>
    <row r="215885" spans="14:14">
      <c r="N215885" s="10"/>
    </row>
    <row r="215886" spans="14:14">
      <c r="N215886" s="10"/>
    </row>
    <row r="215887" spans="14:14">
      <c r="N215887" s="10"/>
    </row>
    <row r="215888" spans="14:14">
      <c r="N215888" s="10"/>
    </row>
    <row r="215889" spans="14:14">
      <c r="N215889" s="10"/>
    </row>
    <row r="215890" spans="14:14">
      <c r="N215890" s="10"/>
    </row>
    <row r="215891" spans="14:14">
      <c r="N215891" s="10"/>
    </row>
    <row r="215892" spans="14:14">
      <c r="N215892" s="10"/>
    </row>
    <row r="215893" spans="14:14">
      <c r="N215893" s="10"/>
    </row>
    <row r="215894" spans="14:14">
      <c r="N215894" s="10"/>
    </row>
    <row r="215895" spans="14:14">
      <c r="N215895" s="10"/>
    </row>
    <row r="215896" spans="14:14">
      <c r="N215896" s="10"/>
    </row>
    <row r="215897" spans="14:14">
      <c r="N215897" s="10"/>
    </row>
    <row r="215898" spans="14:14">
      <c r="N215898" s="10"/>
    </row>
    <row r="215899" spans="14:14">
      <c r="N215899" s="10"/>
    </row>
    <row r="215900" spans="14:14">
      <c r="N215900" s="10"/>
    </row>
    <row r="215901" spans="14:14">
      <c r="N215901" s="10"/>
    </row>
    <row r="215902" spans="14:14">
      <c r="N215902" s="10"/>
    </row>
    <row r="215903" spans="14:14">
      <c r="N215903" s="10"/>
    </row>
    <row r="215904" spans="14:14">
      <c r="N215904" s="10"/>
    </row>
    <row r="215905" spans="14:14">
      <c r="N215905" s="10"/>
    </row>
    <row r="215906" spans="14:14">
      <c r="N215906" s="10"/>
    </row>
    <row r="215907" spans="14:14">
      <c r="N215907" s="10"/>
    </row>
    <row r="215908" spans="14:14">
      <c r="N215908" s="10"/>
    </row>
    <row r="215909" spans="14:14">
      <c r="N215909" s="10"/>
    </row>
    <row r="215910" spans="14:14">
      <c r="N215910" s="10"/>
    </row>
    <row r="215911" spans="14:14">
      <c r="N215911" s="10"/>
    </row>
    <row r="215912" spans="14:14">
      <c r="N215912" s="10"/>
    </row>
    <row r="215913" spans="14:14">
      <c r="N215913" s="10"/>
    </row>
    <row r="215914" spans="14:14">
      <c r="N215914" s="10"/>
    </row>
    <row r="215915" spans="14:14">
      <c r="N215915" s="10"/>
    </row>
    <row r="215916" spans="14:14">
      <c r="N215916" s="10"/>
    </row>
    <row r="215917" spans="14:14">
      <c r="N215917" s="10"/>
    </row>
    <row r="215918" spans="14:14">
      <c r="N215918" s="10"/>
    </row>
    <row r="215919" spans="14:14">
      <c r="N215919" s="10"/>
    </row>
    <row r="215920" spans="14:14">
      <c r="N215920" s="10"/>
    </row>
    <row r="215921" spans="14:14">
      <c r="N215921" s="10"/>
    </row>
    <row r="215922" spans="14:14">
      <c r="N215922" s="10"/>
    </row>
    <row r="215923" spans="14:14">
      <c r="N215923" s="10"/>
    </row>
    <row r="215924" spans="14:14">
      <c r="N215924" s="10"/>
    </row>
    <row r="215925" spans="14:14">
      <c r="N215925" s="10"/>
    </row>
    <row r="215926" spans="14:14">
      <c r="N215926" s="10"/>
    </row>
    <row r="215927" spans="14:14">
      <c r="N215927" s="10"/>
    </row>
    <row r="215928" spans="14:14">
      <c r="N215928" s="10"/>
    </row>
    <row r="215929" spans="14:14">
      <c r="N215929" s="10"/>
    </row>
    <row r="215930" spans="14:14">
      <c r="N215930" s="10"/>
    </row>
    <row r="215931" spans="14:14">
      <c r="N215931" s="10"/>
    </row>
    <row r="215932" spans="14:14">
      <c r="N215932" s="10"/>
    </row>
    <row r="215933" spans="14:14">
      <c r="N215933" s="10"/>
    </row>
    <row r="215934" spans="14:14">
      <c r="N215934" s="10"/>
    </row>
    <row r="215935" spans="14:14">
      <c r="N215935" s="10"/>
    </row>
    <row r="215936" spans="14:14">
      <c r="N215936" s="10"/>
    </row>
    <row r="215937" spans="14:14">
      <c r="N215937" s="10"/>
    </row>
    <row r="215938" spans="14:14">
      <c r="N215938" s="10"/>
    </row>
    <row r="215939" spans="14:14">
      <c r="N215939" s="10"/>
    </row>
    <row r="215940" spans="14:14">
      <c r="N215940" s="10"/>
    </row>
    <row r="215941" spans="14:14">
      <c r="N215941" s="10"/>
    </row>
    <row r="215942" spans="14:14">
      <c r="N215942" s="10"/>
    </row>
    <row r="215943" spans="14:14">
      <c r="N215943" s="10"/>
    </row>
    <row r="215944" spans="14:14">
      <c r="N215944" s="10"/>
    </row>
    <row r="215945" spans="14:14">
      <c r="N215945" s="10"/>
    </row>
    <row r="215946" spans="14:14">
      <c r="N215946" s="10"/>
    </row>
    <row r="215947" spans="14:14">
      <c r="N215947" s="10"/>
    </row>
    <row r="215948" spans="14:14">
      <c r="N215948" s="10"/>
    </row>
    <row r="215949" spans="14:14">
      <c r="N215949" s="10"/>
    </row>
    <row r="215950" spans="14:14">
      <c r="N215950" s="10"/>
    </row>
    <row r="215951" spans="14:14">
      <c r="N215951" s="10"/>
    </row>
    <row r="215952" spans="14:14">
      <c r="N215952" s="10"/>
    </row>
    <row r="215953" spans="14:14">
      <c r="N215953" s="10"/>
    </row>
    <row r="215954" spans="14:14">
      <c r="N215954" s="10"/>
    </row>
    <row r="215955" spans="14:14">
      <c r="N215955" s="10"/>
    </row>
    <row r="215956" spans="14:14">
      <c r="N215956" s="10"/>
    </row>
    <row r="215957" spans="14:14">
      <c r="N215957" s="10"/>
    </row>
    <row r="215958" spans="14:14">
      <c r="N215958" s="10"/>
    </row>
    <row r="215959" spans="14:14">
      <c r="N215959" s="10"/>
    </row>
    <row r="215960" spans="14:14">
      <c r="N215960" s="10"/>
    </row>
    <row r="215961" spans="14:14">
      <c r="N215961" s="10"/>
    </row>
    <row r="215962" spans="14:14">
      <c r="N215962" s="10"/>
    </row>
    <row r="215963" spans="14:14">
      <c r="N215963" s="10"/>
    </row>
    <row r="215964" spans="14:14">
      <c r="N215964" s="10"/>
    </row>
    <row r="215965" spans="14:14">
      <c r="N215965" s="10"/>
    </row>
    <row r="215966" spans="14:14">
      <c r="N215966" s="10"/>
    </row>
    <row r="215967" spans="14:14">
      <c r="N215967" s="10"/>
    </row>
    <row r="215968" spans="14:14">
      <c r="N215968" s="10"/>
    </row>
    <row r="215969" spans="14:14">
      <c r="N215969" s="10"/>
    </row>
    <row r="215970" spans="14:14">
      <c r="N215970" s="10"/>
    </row>
    <row r="215971" spans="14:14">
      <c r="N215971" s="10"/>
    </row>
    <row r="215972" spans="14:14">
      <c r="N215972" s="10"/>
    </row>
    <row r="215973" spans="14:14">
      <c r="N215973" s="10"/>
    </row>
    <row r="215974" spans="14:14">
      <c r="N215974" s="10"/>
    </row>
    <row r="215975" spans="14:14">
      <c r="N215975" s="10"/>
    </row>
    <row r="215976" spans="14:14">
      <c r="N215976" s="10"/>
    </row>
    <row r="215977" spans="14:14">
      <c r="N215977" s="10"/>
    </row>
    <row r="215978" spans="14:14">
      <c r="N215978" s="10"/>
    </row>
    <row r="215979" spans="14:14">
      <c r="N215979" s="10"/>
    </row>
    <row r="215980" spans="14:14">
      <c r="N215980" s="10"/>
    </row>
    <row r="215981" spans="14:14">
      <c r="N215981" s="10"/>
    </row>
    <row r="215982" spans="14:14">
      <c r="N215982" s="10"/>
    </row>
    <row r="215983" spans="14:14">
      <c r="N215983" s="10"/>
    </row>
    <row r="215984" spans="14:14">
      <c r="N215984" s="10"/>
    </row>
    <row r="215985" spans="14:14">
      <c r="N215985" s="10"/>
    </row>
    <row r="215986" spans="14:14">
      <c r="N215986" s="10"/>
    </row>
    <row r="215987" spans="14:14">
      <c r="N215987" s="10"/>
    </row>
    <row r="215988" spans="14:14">
      <c r="N215988" s="10"/>
    </row>
    <row r="215989" spans="14:14">
      <c r="N215989" s="10"/>
    </row>
    <row r="215990" spans="14:14">
      <c r="N215990" s="10"/>
    </row>
    <row r="215991" spans="14:14">
      <c r="N215991" s="10"/>
    </row>
    <row r="215992" spans="14:14">
      <c r="N215992" s="10"/>
    </row>
    <row r="215993" spans="14:14">
      <c r="N215993" s="10"/>
    </row>
    <row r="215994" spans="14:14">
      <c r="N215994" s="10"/>
    </row>
    <row r="215995" spans="14:14">
      <c r="N215995" s="10"/>
    </row>
    <row r="215996" spans="14:14">
      <c r="N215996" s="10"/>
    </row>
    <row r="215997" spans="14:14">
      <c r="N215997" s="10"/>
    </row>
    <row r="215998" spans="14:14">
      <c r="N215998" s="10"/>
    </row>
    <row r="215999" spans="14:14">
      <c r="N215999" s="10"/>
    </row>
    <row r="216000" spans="14:14">
      <c r="N216000" s="10"/>
    </row>
    <row r="216001" spans="14:14">
      <c r="N216001" s="10"/>
    </row>
    <row r="216002" spans="14:14">
      <c r="N216002" s="10"/>
    </row>
    <row r="216003" spans="14:14">
      <c r="N216003" s="10"/>
    </row>
    <row r="216004" spans="14:14">
      <c r="N216004" s="10"/>
    </row>
    <row r="216005" spans="14:14">
      <c r="N216005" s="10"/>
    </row>
    <row r="216006" spans="14:14">
      <c r="N216006" s="10"/>
    </row>
    <row r="216007" spans="14:14">
      <c r="N216007" s="10"/>
    </row>
    <row r="216008" spans="14:14">
      <c r="N216008" s="10"/>
    </row>
    <row r="216009" spans="14:14">
      <c r="N216009" s="10"/>
    </row>
    <row r="216010" spans="14:14">
      <c r="N216010" s="10"/>
    </row>
    <row r="216011" spans="14:14">
      <c r="N216011" s="10"/>
    </row>
    <row r="216012" spans="14:14">
      <c r="N216012" s="10"/>
    </row>
    <row r="216013" spans="14:14">
      <c r="N216013" s="10"/>
    </row>
    <row r="216014" spans="14:14">
      <c r="N216014" s="10"/>
    </row>
    <row r="216015" spans="14:14">
      <c r="N216015" s="10"/>
    </row>
    <row r="216016" spans="14:14">
      <c r="N216016" s="10"/>
    </row>
    <row r="216017" spans="14:14">
      <c r="N216017" s="10"/>
    </row>
    <row r="216018" spans="14:14">
      <c r="N216018" s="10"/>
    </row>
    <row r="216019" spans="14:14">
      <c r="N216019" s="10"/>
    </row>
    <row r="216020" spans="14:14">
      <c r="N216020" s="10"/>
    </row>
    <row r="216021" spans="14:14">
      <c r="N216021" s="10"/>
    </row>
    <row r="216022" spans="14:14">
      <c r="N216022" s="10"/>
    </row>
    <row r="216023" spans="14:14">
      <c r="N216023" s="10"/>
    </row>
    <row r="216024" spans="14:14">
      <c r="N216024" s="10"/>
    </row>
    <row r="216025" spans="14:14">
      <c r="N216025" s="10"/>
    </row>
    <row r="216026" spans="14:14">
      <c r="N216026" s="10"/>
    </row>
    <row r="216027" spans="14:14">
      <c r="N216027" s="10"/>
    </row>
    <row r="216028" spans="14:14">
      <c r="N216028" s="10"/>
    </row>
    <row r="216029" spans="14:14">
      <c r="N216029" s="10"/>
    </row>
    <row r="216030" spans="14:14">
      <c r="N216030" s="10"/>
    </row>
    <row r="216031" spans="14:14">
      <c r="N216031" s="10"/>
    </row>
    <row r="216032" spans="14:14">
      <c r="N216032" s="10"/>
    </row>
    <row r="216033" spans="14:14">
      <c r="N216033" s="10"/>
    </row>
    <row r="216034" spans="14:14">
      <c r="N216034" s="10"/>
    </row>
    <row r="216035" spans="14:14">
      <c r="N216035" s="10"/>
    </row>
    <row r="216036" spans="14:14">
      <c r="N216036" s="10"/>
    </row>
    <row r="216037" spans="14:14">
      <c r="N216037" s="10"/>
    </row>
    <row r="216038" spans="14:14">
      <c r="N216038" s="10"/>
    </row>
    <row r="216039" spans="14:14">
      <c r="N216039" s="10"/>
    </row>
    <row r="216040" spans="14:14">
      <c r="N216040" s="10"/>
    </row>
    <row r="216041" spans="14:14">
      <c r="N216041" s="10"/>
    </row>
    <row r="216042" spans="14:14">
      <c r="N216042" s="10"/>
    </row>
    <row r="216043" spans="14:14">
      <c r="N216043" s="10"/>
    </row>
    <row r="216044" spans="14:14">
      <c r="N216044" s="10"/>
    </row>
    <row r="216045" spans="14:14">
      <c r="N216045" s="10"/>
    </row>
    <row r="216046" spans="14:14">
      <c r="N216046" s="10"/>
    </row>
    <row r="216047" spans="14:14">
      <c r="N216047" s="10"/>
    </row>
    <row r="216048" spans="14:14">
      <c r="N216048" s="10"/>
    </row>
    <row r="216049" spans="14:14">
      <c r="N216049" s="10"/>
    </row>
    <row r="216050" spans="14:14">
      <c r="N216050" s="10"/>
    </row>
    <row r="216051" spans="14:14">
      <c r="N216051" s="10"/>
    </row>
    <row r="216052" spans="14:14">
      <c r="N216052" s="10"/>
    </row>
    <row r="216053" spans="14:14">
      <c r="N216053" s="10"/>
    </row>
    <row r="216054" spans="14:14">
      <c r="N216054" s="10"/>
    </row>
    <row r="216055" spans="14:14">
      <c r="N216055" s="10"/>
    </row>
    <row r="216056" spans="14:14">
      <c r="N216056" s="10"/>
    </row>
    <row r="216057" spans="14:14">
      <c r="N216057" s="10"/>
    </row>
    <row r="216058" spans="14:14">
      <c r="N216058" s="10"/>
    </row>
    <row r="216059" spans="14:14">
      <c r="N216059" s="10"/>
    </row>
    <row r="216060" spans="14:14">
      <c r="N216060" s="10"/>
    </row>
    <row r="216061" spans="14:14">
      <c r="N216061" s="10"/>
    </row>
    <row r="216062" spans="14:14">
      <c r="N216062" s="10"/>
    </row>
    <row r="216063" spans="14:14">
      <c r="N216063" s="10"/>
    </row>
    <row r="216064" spans="14:14">
      <c r="N216064" s="10"/>
    </row>
    <row r="216065" spans="14:14">
      <c r="N216065" s="10"/>
    </row>
    <row r="216066" spans="14:14">
      <c r="N216066" s="10"/>
    </row>
    <row r="216067" spans="14:14">
      <c r="N216067" s="10"/>
    </row>
    <row r="216068" spans="14:14">
      <c r="N216068" s="10"/>
    </row>
    <row r="216069" spans="14:14">
      <c r="N216069" s="10"/>
    </row>
    <row r="216070" spans="14:14">
      <c r="N216070" s="10"/>
    </row>
    <row r="216071" spans="14:14">
      <c r="N216071" s="10"/>
    </row>
    <row r="216072" spans="14:14">
      <c r="N216072" s="10"/>
    </row>
    <row r="216073" spans="14:14">
      <c r="N216073" s="10"/>
    </row>
    <row r="216074" spans="14:14">
      <c r="N216074" s="10"/>
    </row>
    <row r="216075" spans="14:14">
      <c r="N216075" s="10"/>
    </row>
    <row r="216076" spans="14:14">
      <c r="N216076" s="10"/>
    </row>
    <row r="216077" spans="14:14">
      <c r="N216077" s="10"/>
    </row>
    <row r="216078" spans="14:14">
      <c r="N216078" s="10"/>
    </row>
    <row r="216079" spans="14:14">
      <c r="N216079" s="10"/>
    </row>
    <row r="216080" spans="14:14">
      <c r="N216080" s="10"/>
    </row>
    <row r="216081" spans="14:14">
      <c r="N216081" s="10"/>
    </row>
    <row r="216082" spans="14:14">
      <c r="N216082" s="10"/>
    </row>
    <row r="216083" spans="14:14">
      <c r="N216083" s="10"/>
    </row>
    <row r="216084" spans="14:14">
      <c r="N216084" s="10"/>
    </row>
    <row r="216085" spans="14:14">
      <c r="N216085" s="10"/>
    </row>
    <row r="216086" spans="14:14">
      <c r="N216086" s="10"/>
    </row>
    <row r="216087" spans="14:14">
      <c r="N216087" s="10"/>
    </row>
    <row r="216088" spans="14:14">
      <c r="N216088" s="10"/>
    </row>
    <row r="216089" spans="14:14">
      <c r="N216089" s="10"/>
    </row>
    <row r="216090" spans="14:14">
      <c r="N216090" s="10"/>
    </row>
    <row r="216091" spans="14:14">
      <c r="N216091" s="10"/>
    </row>
    <row r="216092" spans="14:14">
      <c r="N216092" s="10"/>
    </row>
    <row r="216093" spans="14:14">
      <c r="N216093" s="10"/>
    </row>
    <row r="216094" spans="14:14">
      <c r="N216094" s="10"/>
    </row>
    <row r="216095" spans="14:14">
      <c r="N216095" s="10"/>
    </row>
    <row r="216096" spans="14:14">
      <c r="N216096" s="10"/>
    </row>
    <row r="216097" spans="14:14">
      <c r="N216097" s="10"/>
    </row>
    <row r="216098" spans="14:14">
      <c r="N216098" s="10"/>
    </row>
    <row r="216099" spans="14:14">
      <c r="N216099" s="10"/>
    </row>
    <row r="216100" spans="14:14">
      <c r="N216100" s="10"/>
    </row>
    <row r="216101" spans="14:14">
      <c r="N216101" s="10"/>
    </row>
    <row r="216102" spans="14:14">
      <c r="N216102" s="10"/>
    </row>
    <row r="216103" spans="14:14">
      <c r="N216103" s="10"/>
    </row>
    <row r="216104" spans="14:14">
      <c r="N216104" s="10"/>
    </row>
    <row r="216105" spans="14:14">
      <c r="N216105" s="10"/>
    </row>
    <row r="216106" spans="14:14">
      <c r="N216106" s="10"/>
    </row>
    <row r="216107" spans="14:14">
      <c r="N216107" s="10"/>
    </row>
    <row r="216108" spans="14:14">
      <c r="N216108" s="10"/>
    </row>
    <row r="216109" spans="14:14">
      <c r="N216109" s="10"/>
    </row>
    <row r="216110" spans="14:14">
      <c r="N216110" s="10"/>
    </row>
    <row r="216111" spans="14:14">
      <c r="N216111" s="10"/>
    </row>
    <row r="216112" spans="14:14">
      <c r="N216112" s="10"/>
    </row>
    <row r="216113" spans="14:14">
      <c r="N216113" s="10"/>
    </row>
    <row r="216114" spans="14:14">
      <c r="N216114" s="10"/>
    </row>
    <row r="216115" spans="14:14">
      <c r="N216115" s="10"/>
    </row>
    <row r="216116" spans="14:14">
      <c r="N216116" s="10"/>
    </row>
    <row r="216117" spans="14:14">
      <c r="N216117" s="10"/>
    </row>
    <row r="216118" spans="14:14">
      <c r="N216118" s="10"/>
    </row>
    <row r="216119" spans="14:14">
      <c r="N216119" s="10"/>
    </row>
    <row r="216120" spans="14:14">
      <c r="N216120" s="10"/>
    </row>
    <row r="216121" spans="14:14">
      <c r="N216121" s="10"/>
    </row>
    <row r="216122" spans="14:14">
      <c r="N216122" s="10"/>
    </row>
    <row r="216123" spans="14:14">
      <c r="N216123" s="10"/>
    </row>
    <row r="216124" spans="14:14">
      <c r="N216124" s="10"/>
    </row>
    <row r="216125" spans="14:14">
      <c r="N216125" s="10"/>
    </row>
    <row r="216126" spans="14:14">
      <c r="N216126" s="10"/>
    </row>
    <row r="216127" spans="14:14">
      <c r="N216127" s="10"/>
    </row>
    <row r="216128" spans="14:14">
      <c r="N216128" s="10"/>
    </row>
    <row r="216129" spans="14:14">
      <c r="N216129" s="10"/>
    </row>
    <row r="216130" spans="14:14">
      <c r="N216130" s="10"/>
    </row>
    <row r="216131" spans="14:14">
      <c r="N216131" s="10"/>
    </row>
    <row r="216132" spans="14:14">
      <c r="N216132" s="10"/>
    </row>
    <row r="216133" spans="14:14">
      <c r="N216133" s="10"/>
    </row>
    <row r="216134" spans="14:14">
      <c r="N216134" s="10"/>
    </row>
    <row r="216135" spans="14:14">
      <c r="N216135" s="10"/>
    </row>
    <row r="216136" spans="14:14">
      <c r="N216136" s="10"/>
    </row>
    <row r="216137" spans="14:14">
      <c r="N216137" s="10"/>
    </row>
    <row r="216138" spans="14:14">
      <c r="N216138" s="10"/>
    </row>
    <row r="216139" spans="14:14">
      <c r="N216139" s="10"/>
    </row>
    <row r="216140" spans="14:14">
      <c r="N216140" s="10"/>
    </row>
    <row r="216141" spans="14:14">
      <c r="N216141" s="10"/>
    </row>
    <row r="216142" spans="14:14">
      <c r="N216142" s="10"/>
    </row>
    <row r="216143" spans="14:14">
      <c r="N216143" s="10"/>
    </row>
    <row r="216144" spans="14:14">
      <c r="N216144" s="10"/>
    </row>
    <row r="216145" spans="14:14">
      <c r="N216145" s="10"/>
    </row>
    <row r="216146" spans="14:14">
      <c r="N216146" s="10"/>
    </row>
    <row r="216147" spans="14:14">
      <c r="N216147" s="10"/>
    </row>
    <row r="216148" spans="14:14">
      <c r="N216148" s="10"/>
    </row>
    <row r="216149" spans="14:14">
      <c r="N216149" s="10"/>
    </row>
    <row r="216150" spans="14:14">
      <c r="N216150" s="10"/>
    </row>
    <row r="216151" spans="14:14">
      <c r="N216151" s="10"/>
    </row>
    <row r="216152" spans="14:14">
      <c r="N216152" s="10"/>
    </row>
    <row r="216153" spans="14:14">
      <c r="N216153" s="10"/>
    </row>
    <row r="216154" spans="14:14">
      <c r="N216154" s="10"/>
    </row>
    <row r="216155" spans="14:14">
      <c r="N216155" s="10"/>
    </row>
    <row r="216156" spans="14:14">
      <c r="N216156" s="10"/>
    </row>
    <row r="216157" spans="14:14">
      <c r="N216157" s="10"/>
    </row>
    <row r="216158" spans="14:14">
      <c r="N216158" s="10"/>
    </row>
    <row r="216159" spans="14:14">
      <c r="N216159" s="10"/>
    </row>
    <row r="216160" spans="14:14">
      <c r="N216160" s="10"/>
    </row>
    <row r="216161" spans="14:14">
      <c r="N216161" s="10"/>
    </row>
    <row r="216162" spans="14:14">
      <c r="N216162" s="10"/>
    </row>
    <row r="216163" spans="14:14">
      <c r="N216163" s="10"/>
    </row>
    <row r="216164" spans="14:14">
      <c r="N216164" s="10"/>
    </row>
    <row r="216165" spans="14:14">
      <c r="N216165" s="10"/>
    </row>
    <row r="216166" spans="14:14">
      <c r="N216166" s="10"/>
    </row>
    <row r="216167" spans="14:14">
      <c r="N216167" s="10"/>
    </row>
    <row r="216168" spans="14:14">
      <c r="N216168" s="10"/>
    </row>
    <row r="216169" spans="14:14">
      <c r="N216169" s="10"/>
    </row>
    <row r="216170" spans="14:14">
      <c r="N216170" s="10"/>
    </row>
    <row r="216171" spans="14:14">
      <c r="N216171" s="10"/>
    </row>
    <row r="216172" spans="14:14">
      <c r="N216172" s="10"/>
    </row>
    <row r="216173" spans="14:14">
      <c r="N216173" s="10"/>
    </row>
    <row r="216174" spans="14:14">
      <c r="N216174" s="10"/>
    </row>
    <row r="216175" spans="14:14">
      <c r="N216175" s="10"/>
    </row>
    <row r="216176" spans="14:14">
      <c r="N216176" s="10"/>
    </row>
    <row r="216177" spans="14:14">
      <c r="N216177" s="10"/>
    </row>
    <row r="216178" spans="14:14">
      <c r="N216178" s="10"/>
    </row>
    <row r="216179" spans="14:14">
      <c r="N216179" s="10"/>
    </row>
    <row r="216180" spans="14:14">
      <c r="N216180" s="10"/>
    </row>
    <row r="216181" spans="14:14">
      <c r="N216181" s="10"/>
    </row>
    <row r="216182" spans="14:14">
      <c r="N216182" s="10"/>
    </row>
    <row r="216183" spans="14:14">
      <c r="N216183" s="10"/>
    </row>
    <row r="216184" spans="14:14">
      <c r="N216184" s="10"/>
    </row>
    <row r="216185" spans="14:14">
      <c r="N216185" s="10"/>
    </row>
    <row r="216186" spans="14:14">
      <c r="N216186" s="10"/>
    </row>
    <row r="216187" spans="14:14">
      <c r="N216187" s="10"/>
    </row>
    <row r="216188" spans="14:14">
      <c r="N216188" s="10"/>
    </row>
    <row r="216189" spans="14:14">
      <c r="N216189" s="10"/>
    </row>
    <row r="216190" spans="14:14">
      <c r="N216190" s="10"/>
    </row>
    <row r="216191" spans="14:14">
      <c r="N216191" s="10"/>
    </row>
    <row r="216192" spans="14:14">
      <c r="N216192" s="10"/>
    </row>
    <row r="216193" spans="14:14">
      <c r="N216193" s="10"/>
    </row>
    <row r="216194" spans="14:14">
      <c r="N216194" s="10"/>
    </row>
    <row r="216195" spans="14:14">
      <c r="N216195" s="10"/>
    </row>
    <row r="216196" spans="14:14">
      <c r="N216196" s="10"/>
    </row>
    <row r="216197" spans="14:14">
      <c r="N216197" s="10"/>
    </row>
    <row r="216198" spans="14:14">
      <c r="N216198" s="10"/>
    </row>
    <row r="216199" spans="14:14">
      <c r="N216199" s="10"/>
    </row>
    <row r="216200" spans="14:14">
      <c r="N216200" s="10"/>
    </row>
    <row r="216201" spans="14:14">
      <c r="N216201" s="10"/>
    </row>
    <row r="216202" spans="14:14">
      <c r="N216202" s="10"/>
    </row>
    <row r="216203" spans="14:14">
      <c r="N216203" s="10"/>
    </row>
    <row r="216204" spans="14:14">
      <c r="N216204" s="10"/>
    </row>
    <row r="216205" spans="14:14">
      <c r="N216205" s="10"/>
    </row>
    <row r="216206" spans="14:14">
      <c r="N216206" s="10"/>
    </row>
    <row r="216207" spans="14:14">
      <c r="N216207" s="10"/>
    </row>
    <row r="216208" spans="14:14">
      <c r="N216208" s="10"/>
    </row>
    <row r="216209" spans="14:14">
      <c r="N216209" s="10"/>
    </row>
    <row r="216210" spans="14:14">
      <c r="N216210" s="10"/>
    </row>
    <row r="216211" spans="14:14">
      <c r="N216211" s="10"/>
    </row>
    <row r="216212" spans="14:14">
      <c r="N216212" s="10"/>
    </row>
    <row r="216213" spans="14:14">
      <c r="N216213" s="10"/>
    </row>
    <row r="216214" spans="14:14">
      <c r="N216214" s="10"/>
    </row>
    <row r="216215" spans="14:14">
      <c r="N216215" s="10"/>
    </row>
    <row r="216216" spans="14:14">
      <c r="N216216" s="10"/>
    </row>
    <row r="216217" spans="14:14">
      <c r="N216217" s="10"/>
    </row>
    <row r="216218" spans="14:14">
      <c r="N216218" s="10"/>
    </row>
    <row r="216219" spans="14:14">
      <c r="N216219" s="10"/>
    </row>
    <row r="216220" spans="14:14">
      <c r="N216220" s="10"/>
    </row>
    <row r="216221" spans="14:14">
      <c r="N216221" s="10"/>
    </row>
    <row r="216222" spans="14:14">
      <c r="N216222" s="10"/>
    </row>
    <row r="216223" spans="14:14">
      <c r="N216223" s="10"/>
    </row>
    <row r="216224" spans="14:14">
      <c r="N216224" s="10"/>
    </row>
    <row r="216225" spans="14:14">
      <c r="N216225" s="10"/>
    </row>
    <row r="216226" spans="14:14">
      <c r="N216226" s="10"/>
    </row>
    <row r="216227" spans="14:14">
      <c r="N216227" s="10"/>
    </row>
    <row r="216228" spans="14:14">
      <c r="N216228" s="10"/>
    </row>
    <row r="216229" spans="14:14">
      <c r="N216229" s="10"/>
    </row>
    <row r="216230" spans="14:14">
      <c r="N216230" s="10"/>
    </row>
    <row r="216231" spans="14:14">
      <c r="N216231" s="10"/>
    </row>
    <row r="216232" spans="14:14">
      <c r="N216232" s="10"/>
    </row>
    <row r="216233" spans="14:14">
      <c r="N216233" s="10"/>
    </row>
    <row r="216234" spans="14:14">
      <c r="N216234" s="10"/>
    </row>
    <row r="216235" spans="14:14">
      <c r="N216235" s="10"/>
    </row>
    <row r="216236" spans="14:14">
      <c r="N216236" s="10"/>
    </row>
    <row r="216237" spans="14:14">
      <c r="N216237" s="10"/>
    </row>
    <row r="216238" spans="14:14">
      <c r="N216238" s="10"/>
    </row>
    <row r="216239" spans="14:14">
      <c r="N216239" s="10"/>
    </row>
    <row r="216240" spans="14:14">
      <c r="N216240" s="10"/>
    </row>
    <row r="216241" spans="14:14">
      <c r="N216241" s="10"/>
    </row>
    <row r="216242" spans="14:14">
      <c r="N216242" s="10"/>
    </row>
    <row r="216243" spans="14:14">
      <c r="N216243" s="10"/>
    </row>
    <row r="216244" spans="14:14">
      <c r="N216244" s="10"/>
    </row>
    <row r="216245" spans="14:14">
      <c r="N216245" s="10"/>
    </row>
    <row r="216246" spans="14:14">
      <c r="N216246" s="10"/>
    </row>
    <row r="216247" spans="14:14">
      <c r="N216247" s="10"/>
    </row>
    <row r="216248" spans="14:14">
      <c r="N216248" s="10"/>
    </row>
    <row r="216249" spans="14:14">
      <c r="N216249" s="10"/>
    </row>
    <row r="216250" spans="14:14">
      <c r="N216250" s="10"/>
    </row>
    <row r="216251" spans="14:14">
      <c r="N216251" s="10"/>
    </row>
    <row r="216252" spans="14:14">
      <c r="N216252" s="10"/>
    </row>
    <row r="216253" spans="14:14">
      <c r="N216253" s="10"/>
    </row>
    <row r="216254" spans="14:14">
      <c r="N216254" s="10"/>
    </row>
    <row r="216255" spans="14:14">
      <c r="N216255" s="10"/>
    </row>
    <row r="216256" spans="14:14">
      <c r="N216256" s="10"/>
    </row>
    <row r="216257" spans="14:14">
      <c r="N216257" s="10"/>
    </row>
    <row r="216258" spans="14:14">
      <c r="N216258" s="10"/>
    </row>
    <row r="216259" spans="14:14">
      <c r="N216259" s="10"/>
    </row>
    <row r="216260" spans="14:14">
      <c r="N216260" s="10"/>
    </row>
    <row r="216261" spans="14:14">
      <c r="N216261" s="10"/>
    </row>
    <row r="216262" spans="14:14">
      <c r="N216262" s="10"/>
    </row>
    <row r="216263" spans="14:14">
      <c r="N216263" s="10"/>
    </row>
    <row r="216264" spans="14:14">
      <c r="N216264" s="10"/>
    </row>
    <row r="216265" spans="14:14">
      <c r="N216265" s="10"/>
    </row>
    <row r="216266" spans="14:14">
      <c r="N216266" s="10"/>
    </row>
    <row r="216267" spans="14:14">
      <c r="N216267" s="10"/>
    </row>
    <row r="216268" spans="14:14">
      <c r="N216268" s="10"/>
    </row>
    <row r="216269" spans="14:14">
      <c r="N216269" s="10"/>
    </row>
    <row r="216270" spans="14:14">
      <c r="N216270" s="10"/>
    </row>
    <row r="216271" spans="14:14">
      <c r="N216271" s="10"/>
    </row>
    <row r="216272" spans="14:14">
      <c r="N216272" s="10"/>
    </row>
    <row r="216273" spans="14:14">
      <c r="N216273" s="10"/>
    </row>
    <row r="216274" spans="14:14">
      <c r="N216274" s="10"/>
    </row>
    <row r="216275" spans="14:14">
      <c r="N216275" s="10"/>
    </row>
    <row r="216276" spans="14:14">
      <c r="N216276" s="10"/>
    </row>
    <row r="216277" spans="14:14">
      <c r="N216277" s="10"/>
    </row>
    <row r="216278" spans="14:14">
      <c r="N216278" s="10"/>
    </row>
    <row r="216279" spans="14:14">
      <c r="N216279" s="10"/>
    </row>
    <row r="216280" spans="14:14">
      <c r="N216280" s="10"/>
    </row>
    <row r="216281" spans="14:14">
      <c r="N216281" s="10"/>
    </row>
    <row r="216282" spans="14:14">
      <c r="N216282" s="10"/>
    </row>
    <row r="216283" spans="14:14">
      <c r="N216283" s="10"/>
    </row>
    <row r="216284" spans="14:14">
      <c r="N216284" s="10"/>
    </row>
    <row r="216285" spans="14:14">
      <c r="N216285" s="10"/>
    </row>
    <row r="216286" spans="14:14">
      <c r="N216286" s="10"/>
    </row>
    <row r="216287" spans="14:14">
      <c r="N216287" s="10"/>
    </row>
    <row r="216288" spans="14:14">
      <c r="N216288" s="10"/>
    </row>
    <row r="216289" spans="14:14">
      <c r="N216289" s="10"/>
    </row>
    <row r="216290" spans="14:14">
      <c r="N216290" s="10"/>
    </row>
    <row r="216291" spans="14:14">
      <c r="N216291" s="10"/>
    </row>
    <row r="216292" spans="14:14">
      <c r="N216292" s="10"/>
    </row>
    <row r="216293" spans="14:14">
      <c r="N216293" s="10"/>
    </row>
    <row r="216294" spans="14:14">
      <c r="N216294" s="10"/>
    </row>
    <row r="216295" spans="14:14">
      <c r="N216295" s="10"/>
    </row>
    <row r="216296" spans="14:14">
      <c r="N216296" s="10"/>
    </row>
    <row r="216297" spans="14:14">
      <c r="N216297" s="10"/>
    </row>
    <row r="216298" spans="14:14">
      <c r="N216298" s="10"/>
    </row>
    <row r="216299" spans="14:14">
      <c r="N216299" s="10"/>
    </row>
    <row r="216300" spans="14:14">
      <c r="N216300" s="10"/>
    </row>
    <row r="216301" spans="14:14">
      <c r="N216301" s="10"/>
    </row>
    <row r="216302" spans="14:14">
      <c r="N216302" s="10"/>
    </row>
    <row r="216303" spans="14:14">
      <c r="N216303" s="10"/>
    </row>
    <row r="216304" spans="14:14">
      <c r="N216304" s="10"/>
    </row>
    <row r="216305" spans="14:14">
      <c r="N216305" s="10"/>
    </row>
    <row r="216306" spans="14:14">
      <c r="N216306" s="10"/>
    </row>
    <row r="216307" spans="14:14">
      <c r="N216307" s="10"/>
    </row>
    <row r="216308" spans="14:14">
      <c r="N216308" s="10"/>
    </row>
    <row r="216309" spans="14:14">
      <c r="N216309" s="10"/>
    </row>
    <row r="216310" spans="14:14">
      <c r="N216310" s="10"/>
    </row>
    <row r="216311" spans="14:14">
      <c r="N216311" s="10"/>
    </row>
    <row r="216312" spans="14:14">
      <c r="N216312" s="10"/>
    </row>
    <row r="216313" spans="14:14">
      <c r="N216313" s="10"/>
    </row>
    <row r="216314" spans="14:14">
      <c r="N216314" s="10"/>
    </row>
    <row r="216315" spans="14:14">
      <c r="N216315" s="10"/>
    </row>
    <row r="216316" spans="14:14">
      <c r="N216316" s="10"/>
    </row>
    <row r="216317" spans="14:14">
      <c r="N216317" s="10"/>
    </row>
    <row r="216318" spans="14:14">
      <c r="N216318" s="10"/>
    </row>
    <row r="216319" spans="14:14">
      <c r="N216319" s="10"/>
    </row>
    <row r="216320" spans="14:14">
      <c r="N216320" s="10"/>
    </row>
    <row r="216321" spans="14:14">
      <c r="N216321" s="10"/>
    </row>
    <row r="216322" spans="14:14">
      <c r="N216322" s="10"/>
    </row>
    <row r="216323" spans="14:14">
      <c r="N216323" s="10"/>
    </row>
    <row r="216324" spans="14:14">
      <c r="N216324" s="10"/>
    </row>
    <row r="216325" spans="14:14">
      <c r="N216325" s="10"/>
    </row>
    <row r="216326" spans="14:14">
      <c r="N216326" s="10"/>
    </row>
    <row r="216327" spans="14:14">
      <c r="N216327" s="10"/>
    </row>
    <row r="216328" spans="14:14">
      <c r="N216328" s="10"/>
    </row>
    <row r="216329" spans="14:14">
      <c r="N216329" s="10"/>
    </row>
    <row r="216330" spans="14:14">
      <c r="N216330" s="10"/>
    </row>
    <row r="216331" spans="14:14">
      <c r="N216331" s="10"/>
    </row>
    <row r="216332" spans="14:14">
      <c r="N216332" s="10"/>
    </row>
    <row r="216333" spans="14:14">
      <c r="N216333" s="10"/>
    </row>
    <row r="216334" spans="14:14">
      <c r="N216334" s="10"/>
    </row>
    <row r="216335" spans="14:14">
      <c r="N216335" s="10"/>
    </row>
    <row r="216336" spans="14:14">
      <c r="N216336" s="10"/>
    </row>
    <row r="216337" spans="14:14">
      <c r="N216337" s="10"/>
    </row>
    <row r="216338" spans="14:14">
      <c r="N216338" s="10"/>
    </row>
    <row r="216339" spans="14:14">
      <c r="N216339" s="10"/>
    </row>
    <row r="216340" spans="14:14">
      <c r="N216340" s="10"/>
    </row>
    <row r="216341" spans="14:14">
      <c r="N216341" s="10"/>
    </row>
    <row r="216342" spans="14:14">
      <c r="N216342" s="10"/>
    </row>
    <row r="216343" spans="14:14">
      <c r="N216343" s="10"/>
    </row>
    <row r="216344" spans="14:14">
      <c r="N216344" s="10"/>
    </row>
    <row r="216345" spans="14:14">
      <c r="N216345" s="10"/>
    </row>
    <row r="216346" spans="14:14">
      <c r="N216346" s="10"/>
    </row>
    <row r="216347" spans="14:14">
      <c r="N216347" s="10"/>
    </row>
    <row r="216348" spans="14:14">
      <c r="N216348" s="10"/>
    </row>
    <row r="216349" spans="14:14">
      <c r="N216349" s="10"/>
    </row>
    <row r="216350" spans="14:14">
      <c r="N216350" s="10"/>
    </row>
    <row r="216351" spans="14:14">
      <c r="N216351" s="10"/>
    </row>
    <row r="216352" spans="14:14">
      <c r="N216352" s="10"/>
    </row>
    <row r="216353" spans="14:14">
      <c r="N216353" s="10"/>
    </row>
    <row r="216354" spans="14:14">
      <c r="N216354" s="10"/>
    </row>
    <row r="216355" spans="14:14">
      <c r="N216355" s="10"/>
    </row>
    <row r="216356" spans="14:14">
      <c r="N216356" s="10"/>
    </row>
    <row r="216357" spans="14:14">
      <c r="N216357" s="10"/>
    </row>
    <row r="216358" spans="14:14">
      <c r="N216358" s="10"/>
    </row>
    <row r="216359" spans="14:14">
      <c r="N216359" s="10"/>
    </row>
    <row r="216360" spans="14:14">
      <c r="N216360" s="10"/>
    </row>
    <row r="216361" spans="14:14">
      <c r="N216361" s="10"/>
    </row>
    <row r="216362" spans="14:14">
      <c r="N216362" s="10"/>
    </row>
    <row r="216363" spans="14:14">
      <c r="N216363" s="10"/>
    </row>
    <row r="216364" spans="14:14">
      <c r="N216364" s="10"/>
    </row>
    <row r="216365" spans="14:14">
      <c r="N216365" s="10"/>
    </row>
    <row r="216366" spans="14:14">
      <c r="N216366" s="10"/>
    </row>
    <row r="216367" spans="14:14">
      <c r="N216367" s="10"/>
    </row>
    <row r="216368" spans="14:14">
      <c r="N216368" s="10"/>
    </row>
    <row r="216369" spans="14:14">
      <c r="N216369" s="10"/>
    </row>
    <row r="216370" spans="14:14">
      <c r="N216370" s="10"/>
    </row>
    <row r="216371" spans="14:14">
      <c r="N216371" s="10"/>
    </row>
    <row r="216372" spans="14:14">
      <c r="N216372" s="10"/>
    </row>
    <row r="216373" spans="14:14">
      <c r="N216373" s="10"/>
    </row>
    <row r="216374" spans="14:14">
      <c r="N216374" s="10"/>
    </row>
    <row r="216375" spans="14:14">
      <c r="N216375" s="10"/>
    </row>
    <row r="216376" spans="14:14">
      <c r="N216376" s="10"/>
    </row>
    <row r="216377" spans="14:14">
      <c r="N216377" s="10"/>
    </row>
    <row r="216378" spans="14:14">
      <c r="N216378" s="10"/>
    </row>
    <row r="216379" spans="14:14">
      <c r="N216379" s="10"/>
    </row>
    <row r="216380" spans="14:14">
      <c r="N216380" s="10"/>
    </row>
    <row r="216381" spans="14:14">
      <c r="N216381" s="10"/>
    </row>
    <row r="216382" spans="14:14">
      <c r="N216382" s="10"/>
    </row>
    <row r="216383" spans="14:14">
      <c r="N216383" s="10"/>
    </row>
    <row r="216384" spans="14:14">
      <c r="N216384" s="10"/>
    </row>
    <row r="216385" spans="14:14">
      <c r="N216385" s="10"/>
    </row>
    <row r="216386" spans="14:14">
      <c r="N216386" s="10"/>
    </row>
    <row r="216387" spans="14:14">
      <c r="N216387" s="10"/>
    </row>
    <row r="216388" spans="14:14">
      <c r="N216388" s="10"/>
    </row>
    <row r="216389" spans="14:14">
      <c r="N216389" s="10"/>
    </row>
    <row r="216390" spans="14:14">
      <c r="N216390" s="10"/>
    </row>
    <row r="216391" spans="14:14">
      <c r="N216391" s="10"/>
    </row>
    <row r="216392" spans="14:14">
      <c r="N216392" s="10"/>
    </row>
    <row r="216393" spans="14:14">
      <c r="N216393" s="10"/>
    </row>
    <row r="216394" spans="14:14">
      <c r="N216394" s="10"/>
    </row>
    <row r="216395" spans="14:14">
      <c r="N216395" s="10"/>
    </row>
    <row r="216396" spans="14:14">
      <c r="N216396" s="10"/>
    </row>
    <row r="216397" spans="14:14">
      <c r="N216397" s="10"/>
    </row>
    <row r="216398" spans="14:14">
      <c r="N216398" s="10"/>
    </row>
    <row r="216399" spans="14:14">
      <c r="N216399" s="10"/>
    </row>
    <row r="216400" spans="14:14">
      <c r="N216400" s="10"/>
    </row>
    <row r="216401" spans="14:14">
      <c r="N216401" s="10"/>
    </row>
    <row r="216402" spans="14:14">
      <c r="N216402" s="10"/>
    </row>
    <row r="216403" spans="14:14">
      <c r="N216403" s="10"/>
    </row>
    <row r="216404" spans="14:14">
      <c r="N216404" s="10"/>
    </row>
    <row r="216405" spans="14:14">
      <c r="N216405" s="10"/>
    </row>
    <row r="216406" spans="14:14">
      <c r="N216406" s="10"/>
    </row>
    <row r="216407" spans="14:14">
      <c r="N216407" s="10"/>
    </row>
    <row r="216408" spans="14:14">
      <c r="N216408" s="10"/>
    </row>
    <row r="216409" spans="14:14">
      <c r="N216409" s="10"/>
    </row>
    <row r="216410" spans="14:14">
      <c r="N216410" s="10"/>
    </row>
    <row r="216411" spans="14:14">
      <c r="N216411" s="10"/>
    </row>
    <row r="216412" spans="14:14">
      <c r="N216412" s="10"/>
    </row>
    <row r="216413" spans="14:14">
      <c r="N216413" s="10"/>
    </row>
    <row r="216414" spans="14:14">
      <c r="N216414" s="10"/>
    </row>
    <row r="216415" spans="14:14">
      <c r="N216415" s="10"/>
    </row>
    <row r="216416" spans="14:14">
      <c r="N216416" s="10"/>
    </row>
    <row r="216417" spans="14:14">
      <c r="N216417" s="10"/>
    </row>
    <row r="216418" spans="14:14">
      <c r="N216418" s="10"/>
    </row>
    <row r="216419" spans="14:14">
      <c r="N216419" s="10"/>
    </row>
    <row r="216420" spans="14:14">
      <c r="N216420" s="10"/>
    </row>
    <row r="216421" spans="14:14">
      <c r="N216421" s="10"/>
    </row>
    <row r="216422" spans="14:14">
      <c r="N216422" s="10"/>
    </row>
    <row r="216423" spans="14:14">
      <c r="N216423" s="10"/>
    </row>
    <row r="216424" spans="14:14">
      <c r="N216424" s="10"/>
    </row>
    <row r="216425" spans="14:14">
      <c r="N216425" s="10"/>
    </row>
    <row r="216426" spans="14:14">
      <c r="N216426" s="10"/>
    </row>
    <row r="216427" spans="14:14">
      <c r="N216427" s="10"/>
    </row>
    <row r="216428" spans="14:14">
      <c r="N216428" s="10"/>
    </row>
    <row r="216429" spans="14:14">
      <c r="N216429" s="10"/>
    </row>
    <row r="216430" spans="14:14">
      <c r="N216430" s="10"/>
    </row>
    <row r="216431" spans="14:14">
      <c r="N216431" s="10"/>
    </row>
    <row r="216432" spans="14:14">
      <c r="N216432" s="10"/>
    </row>
    <row r="216433" spans="14:14">
      <c r="N216433" s="10"/>
    </row>
    <row r="216434" spans="14:14">
      <c r="N216434" s="10"/>
    </row>
    <row r="216435" spans="14:14">
      <c r="N216435" s="10"/>
    </row>
    <row r="216436" spans="14:14">
      <c r="N216436" s="10"/>
    </row>
    <row r="216437" spans="14:14">
      <c r="N216437" s="10"/>
    </row>
    <row r="216438" spans="14:14">
      <c r="N216438" s="10"/>
    </row>
    <row r="216439" spans="14:14">
      <c r="N216439" s="10"/>
    </row>
    <row r="216440" spans="14:14">
      <c r="N216440" s="10"/>
    </row>
    <row r="216441" spans="14:14">
      <c r="N216441" s="10"/>
    </row>
    <row r="216442" spans="14:14">
      <c r="N216442" s="10"/>
    </row>
    <row r="216443" spans="14:14">
      <c r="N216443" s="10"/>
    </row>
    <row r="216444" spans="14:14">
      <c r="N216444" s="10"/>
    </row>
    <row r="216445" spans="14:14">
      <c r="N216445" s="10"/>
    </row>
    <row r="216446" spans="14:14">
      <c r="N216446" s="10"/>
    </row>
    <row r="216447" spans="14:14">
      <c r="N216447" s="10"/>
    </row>
    <row r="216448" spans="14:14">
      <c r="N216448" s="10"/>
    </row>
    <row r="216449" spans="14:14">
      <c r="N216449" s="10"/>
    </row>
    <row r="216450" spans="14:14">
      <c r="N216450" s="10"/>
    </row>
    <row r="216451" spans="14:14">
      <c r="N216451" s="10"/>
    </row>
    <row r="216452" spans="14:14">
      <c r="N216452" s="10"/>
    </row>
    <row r="216453" spans="14:14">
      <c r="N216453" s="10"/>
    </row>
    <row r="216454" spans="14:14">
      <c r="N216454" s="10"/>
    </row>
    <row r="216455" spans="14:14">
      <c r="N216455" s="10"/>
    </row>
    <row r="216456" spans="14:14">
      <c r="N216456" s="10"/>
    </row>
    <row r="216457" spans="14:14">
      <c r="N216457" s="10"/>
    </row>
    <row r="216458" spans="14:14">
      <c r="N216458" s="10"/>
    </row>
    <row r="216459" spans="14:14">
      <c r="N216459" s="10"/>
    </row>
    <row r="216460" spans="14:14">
      <c r="N216460" s="10"/>
    </row>
    <row r="216461" spans="14:14">
      <c r="N216461" s="10"/>
    </row>
    <row r="216462" spans="14:14">
      <c r="N216462" s="10"/>
    </row>
    <row r="216463" spans="14:14">
      <c r="N216463" s="10"/>
    </row>
    <row r="216464" spans="14:14">
      <c r="N216464" s="10"/>
    </row>
    <row r="216465" spans="14:14">
      <c r="N216465" s="10"/>
    </row>
    <row r="216466" spans="14:14">
      <c r="N216466" s="10"/>
    </row>
    <row r="216467" spans="14:14">
      <c r="N216467" s="10"/>
    </row>
    <row r="216468" spans="14:14">
      <c r="N216468" s="10"/>
    </row>
    <row r="216469" spans="14:14">
      <c r="N216469" s="10"/>
    </row>
    <row r="216470" spans="14:14">
      <c r="N216470" s="10"/>
    </row>
    <row r="216471" spans="14:14">
      <c r="N216471" s="10"/>
    </row>
    <row r="216472" spans="14:14">
      <c r="N216472" s="10"/>
    </row>
    <row r="216473" spans="14:14">
      <c r="N216473" s="10"/>
    </row>
    <row r="216474" spans="14:14">
      <c r="N216474" s="10"/>
    </row>
    <row r="216475" spans="14:14">
      <c r="N216475" s="10"/>
    </row>
    <row r="216476" spans="14:14">
      <c r="N216476" s="10"/>
    </row>
    <row r="216477" spans="14:14">
      <c r="N216477" s="10"/>
    </row>
    <row r="216478" spans="14:14">
      <c r="N216478" s="10"/>
    </row>
    <row r="216479" spans="14:14">
      <c r="N216479" s="10"/>
    </row>
    <row r="216480" spans="14:14">
      <c r="N216480" s="10"/>
    </row>
    <row r="216481" spans="14:14">
      <c r="N216481" s="10"/>
    </row>
    <row r="216482" spans="14:14">
      <c r="N216482" s="10"/>
    </row>
    <row r="216483" spans="14:14">
      <c r="N216483" s="10"/>
    </row>
    <row r="216484" spans="14:14">
      <c r="N216484" s="10"/>
    </row>
    <row r="216485" spans="14:14">
      <c r="N216485" s="10"/>
    </row>
    <row r="216486" spans="14:14">
      <c r="N216486" s="10"/>
    </row>
    <row r="216487" spans="14:14">
      <c r="N216487" s="10"/>
    </row>
    <row r="216488" spans="14:14">
      <c r="N216488" s="10"/>
    </row>
    <row r="216489" spans="14:14">
      <c r="N216489" s="10"/>
    </row>
    <row r="216490" spans="14:14">
      <c r="N216490" s="10"/>
    </row>
    <row r="216491" spans="14:14">
      <c r="N216491" s="10"/>
    </row>
    <row r="216492" spans="14:14">
      <c r="N216492" s="10"/>
    </row>
    <row r="216493" spans="14:14">
      <c r="N216493" s="10"/>
    </row>
    <row r="216494" spans="14:14">
      <c r="N216494" s="10"/>
    </row>
    <row r="216495" spans="14:14">
      <c r="N216495" s="10"/>
    </row>
    <row r="216496" spans="14:14">
      <c r="N216496" s="10"/>
    </row>
    <row r="216497" spans="14:14">
      <c r="N216497" s="10"/>
    </row>
    <row r="216498" spans="14:14">
      <c r="N216498" s="10"/>
    </row>
    <row r="216499" spans="14:14">
      <c r="N216499" s="10"/>
    </row>
    <row r="216500" spans="14:14">
      <c r="N216500" s="10"/>
    </row>
    <row r="216501" spans="14:14">
      <c r="N216501" s="10"/>
    </row>
    <row r="216502" spans="14:14">
      <c r="N216502" s="10"/>
    </row>
    <row r="216503" spans="14:14">
      <c r="N216503" s="10"/>
    </row>
    <row r="216504" spans="14:14">
      <c r="N216504" s="10"/>
    </row>
    <row r="216505" spans="14:14">
      <c r="N216505" s="10"/>
    </row>
    <row r="216506" spans="14:14">
      <c r="N216506" s="10"/>
    </row>
    <row r="216507" spans="14:14">
      <c r="N216507" s="10"/>
    </row>
    <row r="216508" spans="14:14">
      <c r="N216508" s="10"/>
    </row>
    <row r="216509" spans="14:14">
      <c r="N216509" s="10"/>
    </row>
    <row r="216510" spans="14:14">
      <c r="N216510" s="10"/>
    </row>
    <row r="216511" spans="14:14">
      <c r="N216511" s="10"/>
    </row>
    <row r="216512" spans="14:14">
      <c r="N216512" s="10"/>
    </row>
    <row r="216513" spans="14:14">
      <c r="N216513" s="10"/>
    </row>
    <row r="216514" spans="14:14">
      <c r="N216514" s="10"/>
    </row>
    <row r="216515" spans="14:14">
      <c r="N216515" s="10"/>
    </row>
    <row r="216516" spans="14:14">
      <c r="N216516" s="10"/>
    </row>
    <row r="216517" spans="14:14">
      <c r="N216517" s="10"/>
    </row>
    <row r="216518" spans="14:14">
      <c r="N216518" s="10"/>
    </row>
    <row r="216519" spans="14:14">
      <c r="N216519" s="10"/>
    </row>
    <row r="216520" spans="14:14">
      <c r="N216520" s="10"/>
    </row>
    <row r="216521" spans="14:14">
      <c r="N216521" s="10"/>
    </row>
    <row r="216522" spans="14:14">
      <c r="N216522" s="10"/>
    </row>
    <row r="216523" spans="14:14">
      <c r="N216523" s="10"/>
    </row>
    <row r="216524" spans="14:14">
      <c r="N216524" s="10"/>
    </row>
    <row r="216525" spans="14:14">
      <c r="N216525" s="10"/>
    </row>
    <row r="216526" spans="14:14">
      <c r="N216526" s="10"/>
    </row>
    <row r="216527" spans="14:14">
      <c r="N216527" s="10"/>
    </row>
    <row r="216528" spans="14:14">
      <c r="N216528" s="10"/>
    </row>
    <row r="216529" spans="14:14">
      <c r="N216529" s="10"/>
    </row>
    <row r="216530" spans="14:14">
      <c r="N216530" s="10"/>
    </row>
    <row r="216531" spans="14:14">
      <c r="N216531" s="10"/>
    </row>
    <row r="216532" spans="14:14">
      <c r="N216532" s="10"/>
    </row>
    <row r="216533" spans="14:14">
      <c r="N216533" s="10"/>
    </row>
    <row r="216534" spans="14:14">
      <c r="N216534" s="10"/>
    </row>
    <row r="216535" spans="14:14">
      <c r="N216535" s="10"/>
    </row>
    <row r="216536" spans="14:14">
      <c r="N216536" s="10"/>
    </row>
    <row r="216537" spans="14:14">
      <c r="N216537" s="10"/>
    </row>
    <row r="216538" spans="14:14">
      <c r="N216538" s="10"/>
    </row>
    <row r="216539" spans="14:14">
      <c r="N216539" s="10"/>
    </row>
    <row r="216540" spans="14:14">
      <c r="N216540" s="10"/>
    </row>
    <row r="216541" spans="14:14">
      <c r="N216541" s="10"/>
    </row>
    <row r="216542" spans="14:14">
      <c r="N216542" s="10"/>
    </row>
    <row r="216543" spans="14:14">
      <c r="N216543" s="10"/>
    </row>
    <row r="216544" spans="14:14">
      <c r="N216544" s="10"/>
    </row>
    <row r="216545" spans="14:14">
      <c r="N216545" s="10"/>
    </row>
    <row r="216546" spans="14:14">
      <c r="N216546" s="10"/>
    </row>
    <row r="216547" spans="14:14">
      <c r="N216547" s="10"/>
    </row>
    <row r="216548" spans="14:14">
      <c r="N216548" s="10"/>
    </row>
    <row r="216549" spans="14:14">
      <c r="N216549" s="10"/>
    </row>
    <row r="216550" spans="14:14">
      <c r="N216550" s="10"/>
    </row>
    <row r="216551" spans="14:14">
      <c r="N216551" s="10"/>
    </row>
    <row r="216552" spans="14:14">
      <c r="N216552" s="10"/>
    </row>
    <row r="216553" spans="14:14">
      <c r="N216553" s="10"/>
    </row>
    <row r="216554" spans="14:14">
      <c r="N216554" s="10"/>
    </row>
    <row r="216555" spans="14:14">
      <c r="N216555" s="10"/>
    </row>
    <row r="216556" spans="14:14">
      <c r="N216556" s="10"/>
    </row>
    <row r="216557" spans="14:14">
      <c r="N216557" s="10"/>
    </row>
    <row r="216558" spans="14:14">
      <c r="N216558" s="10"/>
    </row>
    <row r="216559" spans="14:14">
      <c r="N216559" s="10"/>
    </row>
    <row r="216560" spans="14:14">
      <c r="N216560" s="10"/>
    </row>
    <row r="216561" spans="14:14">
      <c r="N216561" s="10"/>
    </row>
    <row r="216562" spans="14:14">
      <c r="N216562" s="10"/>
    </row>
    <row r="216563" spans="14:14">
      <c r="N216563" s="10"/>
    </row>
    <row r="216564" spans="14:14">
      <c r="N216564" s="10"/>
    </row>
    <row r="216565" spans="14:14">
      <c r="N216565" s="10"/>
    </row>
    <row r="216566" spans="14:14">
      <c r="N216566" s="10"/>
    </row>
    <row r="216567" spans="14:14">
      <c r="N216567" s="10"/>
    </row>
    <row r="216568" spans="14:14">
      <c r="N216568" s="10"/>
    </row>
    <row r="216569" spans="14:14">
      <c r="N216569" s="10"/>
    </row>
    <row r="216570" spans="14:14">
      <c r="N216570" s="10"/>
    </row>
    <row r="216571" spans="14:14">
      <c r="N216571" s="10"/>
    </row>
    <row r="216572" spans="14:14">
      <c r="N216572" s="10"/>
    </row>
    <row r="216573" spans="14:14">
      <c r="N216573" s="10"/>
    </row>
    <row r="216574" spans="14:14">
      <c r="N216574" s="10"/>
    </row>
    <row r="216575" spans="14:14">
      <c r="N216575" s="10"/>
    </row>
    <row r="216576" spans="14:14">
      <c r="N216576" s="10"/>
    </row>
    <row r="216577" spans="14:14">
      <c r="N216577" s="10"/>
    </row>
    <row r="216578" spans="14:14">
      <c r="N216578" s="10"/>
    </row>
    <row r="216579" spans="14:14">
      <c r="N216579" s="10"/>
    </row>
    <row r="216580" spans="14:14">
      <c r="N216580" s="10"/>
    </row>
    <row r="216581" spans="14:14">
      <c r="N216581" s="10"/>
    </row>
    <row r="216582" spans="14:14">
      <c r="N216582" s="10"/>
    </row>
    <row r="216583" spans="14:14">
      <c r="N216583" s="10"/>
    </row>
    <row r="216584" spans="14:14">
      <c r="N216584" s="10"/>
    </row>
    <row r="216585" spans="14:14">
      <c r="N216585" s="10"/>
    </row>
    <row r="216586" spans="14:14">
      <c r="N216586" s="10"/>
    </row>
    <row r="216587" spans="14:14">
      <c r="N216587" s="10"/>
    </row>
    <row r="216588" spans="14:14">
      <c r="N216588" s="10"/>
    </row>
    <row r="216589" spans="14:14">
      <c r="N216589" s="10"/>
    </row>
    <row r="216590" spans="14:14">
      <c r="N216590" s="10"/>
    </row>
    <row r="216591" spans="14:14">
      <c r="N216591" s="10"/>
    </row>
    <row r="216592" spans="14:14">
      <c r="N216592" s="10"/>
    </row>
    <row r="216593" spans="14:14">
      <c r="N216593" s="10"/>
    </row>
    <row r="216594" spans="14:14">
      <c r="N216594" s="10"/>
    </row>
    <row r="216595" spans="14:14">
      <c r="N216595" s="10"/>
    </row>
    <row r="216596" spans="14:14">
      <c r="N216596" s="10"/>
    </row>
    <row r="216597" spans="14:14">
      <c r="N216597" s="10"/>
    </row>
    <row r="216598" spans="14:14">
      <c r="N216598" s="10"/>
    </row>
    <row r="216599" spans="14:14">
      <c r="N216599" s="10"/>
    </row>
    <row r="216600" spans="14:14">
      <c r="N216600" s="10"/>
    </row>
    <row r="216601" spans="14:14">
      <c r="N216601" s="10"/>
    </row>
    <row r="216602" spans="14:14">
      <c r="N216602" s="10"/>
    </row>
    <row r="216603" spans="14:14">
      <c r="N216603" s="10"/>
    </row>
    <row r="216604" spans="14:14">
      <c r="N216604" s="10"/>
    </row>
    <row r="216605" spans="14:14">
      <c r="N216605" s="10"/>
    </row>
    <row r="216606" spans="14:14">
      <c r="N216606" s="10"/>
    </row>
    <row r="216607" spans="14:14">
      <c r="N216607" s="10"/>
    </row>
    <row r="216608" spans="14:14">
      <c r="N216608" s="10"/>
    </row>
    <row r="216609" spans="14:14">
      <c r="N216609" s="10"/>
    </row>
    <row r="216610" spans="14:14">
      <c r="N216610" s="10"/>
    </row>
    <row r="216611" spans="14:14">
      <c r="N216611" s="10"/>
    </row>
    <row r="216612" spans="14:14">
      <c r="N216612" s="10"/>
    </row>
    <row r="216613" spans="14:14">
      <c r="N216613" s="10"/>
    </row>
    <row r="216614" spans="14:14">
      <c r="N216614" s="10"/>
    </row>
    <row r="216615" spans="14:14">
      <c r="N216615" s="10"/>
    </row>
    <row r="216616" spans="14:14">
      <c r="N216616" s="10"/>
    </row>
    <row r="216617" spans="14:14">
      <c r="N216617" s="10"/>
    </row>
    <row r="216618" spans="14:14">
      <c r="N216618" s="10"/>
    </row>
    <row r="216619" spans="14:14">
      <c r="N216619" s="10"/>
    </row>
    <row r="216620" spans="14:14">
      <c r="N216620" s="10"/>
    </row>
    <row r="216621" spans="14:14">
      <c r="N216621" s="10"/>
    </row>
    <row r="216622" spans="14:14">
      <c r="N216622" s="10"/>
    </row>
    <row r="216623" spans="14:14">
      <c r="N216623" s="10"/>
    </row>
    <row r="216624" spans="14:14">
      <c r="N216624" s="10"/>
    </row>
    <row r="216625" spans="14:14">
      <c r="N216625" s="10"/>
    </row>
    <row r="216626" spans="14:14">
      <c r="N216626" s="10"/>
    </row>
    <row r="216627" spans="14:14">
      <c r="N216627" s="10"/>
    </row>
    <row r="216628" spans="14:14">
      <c r="N216628" s="10"/>
    </row>
    <row r="216629" spans="14:14">
      <c r="N216629" s="10"/>
    </row>
    <row r="216630" spans="14:14">
      <c r="N216630" s="10"/>
    </row>
    <row r="216631" spans="14:14">
      <c r="N216631" s="10"/>
    </row>
    <row r="216632" spans="14:14">
      <c r="N216632" s="10"/>
    </row>
    <row r="216633" spans="14:14">
      <c r="N216633" s="10"/>
    </row>
    <row r="216634" spans="14:14">
      <c r="N216634" s="10"/>
    </row>
    <row r="216635" spans="14:14">
      <c r="N216635" s="10"/>
    </row>
    <row r="216636" spans="14:14">
      <c r="N216636" s="10"/>
    </row>
    <row r="216637" spans="14:14">
      <c r="N216637" s="10"/>
    </row>
    <row r="216638" spans="14:14">
      <c r="N216638" s="10"/>
    </row>
    <row r="216639" spans="14:14">
      <c r="N216639" s="10"/>
    </row>
    <row r="216640" spans="14:14">
      <c r="N216640" s="10"/>
    </row>
    <row r="216641" spans="14:14">
      <c r="N216641" s="10"/>
    </row>
    <row r="216642" spans="14:14">
      <c r="N216642" s="10"/>
    </row>
    <row r="216643" spans="14:14">
      <c r="N216643" s="10"/>
    </row>
    <row r="216644" spans="14:14">
      <c r="N216644" s="10"/>
    </row>
    <row r="216645" spans="14:14">
      <c r="N216645" s="10"/>
    </row>
    <row r="216646" spans="14:14">
      <c r="N216646" s="10"/>
    </row>
    <row r="216647" spans="14:14">
      <c r="N216647" s="10"/>
    </row>
    <row r="216648" spans="14:14">
      <c r="N216648" s="10"/>
    </row>
    <row r="216649" spans="14:14">
      <c r="N216649" s="10"/>
    </row>
    <row r="216650" spans="14:14">
      <c r="N216650" s="10"/>
    </row>
    <row r="216651" spans="14:14">
      <c r="N216651" s="10"/>
    </row>
    <row r="216652" spans="14:14">
      <c r="N216652" s="10"/>
    </row>
    <row r="216653" spans="14:14">
      <c r="N216653" s="10"/>
    </row>
    <row r="216654" spans="14:14">
      <c r="N216654" s="10"/>
    </row>
    <row r="216655" spans="14:14">
      <c r="N216655" s="10"/>
    </row>
    <row r="216656" spans="14:14">
      <c r="N216656" s="10"/>
    </row>
    <row r="216657" spans="14:14">
      <c r="N216657" s="10"/>
    </row>
    <row r="216658" spans="14:14">
      <c r="N216658" s="10"/>
    </row>
    <row r="216659" spans="14:14">
      <c r="N216659" s="10"/>
    </row>
    <row r="216660" spans="14:14">
      <c r="N216660" s="10"/>
    </row>
    <row r="216661" spans="14:14">
      <c r="N216661" s="10"/>
    </row>
    <row r="216662" spans="14:14">
      <c r="N216662" s="10"/>
    </row>
    <row r="216663" spans="14:14">
      <c r="N216663" s="10"/>
    </row>
    <row r="216664" spans="14:14">
      <c r="N216664" s="10"/>
    </row>
    <row r="216665" spans="14:14">
      <c r="N216665" s="10"/>
    </row>
    <row r="216666" spans="14:14">
      <c r="N216666" s="10"/>
    </row>
    <row r="216667" spans="14:14">
      <c r="N216667" s="10"/>
    </row>
    <row r="216668" spans="14:14">
      <c r="N216668" s="10"/>
    </row>
    <row r="216669" spans="14:14">
      <c r="N216669" s="10"/>
    </row>
    <row r="216670" spans="14:14">
      <c r="N216670" s="10"/>
    </row>
    <row r="216671" spans="14:14">
      <c r="N216671" s="10"/>
    </row>
    <row r="216672" spans="14:14">
      <c r="N216672" s="10"/>
    </row>
    <row r="216673" spans="14:14">
      <c r="N216673" s="10"/>
    </row>
    <row r="216674" spans="14:14">
      <c r="N216674" s="10"/>
    </row>
    <row r="216675" spans="14:14">
      <c r="N216675" s="10"/>
    </row>
    <row r="216676" spans="14:14">
      <c r="N216676" s="10"/>
    </row>
    <row r="216677" spans="14:14">
      <c r="N216677" s="10"/>
    </row>
    <row r="216678" spans="14:14">
      <c r="N216678" s="10"/>
    </row>
    <row r="216679" spans="14:14">
      <c r="N216679" s="10"/>
    </row>
    <row r="216680" spans="14:14">
      <c r="N216680" s="10"/>
    </row>
    <row r="216681" spans="14:14">
      <c r="N216681" s="10"/>
    </row>
    <row r="216682" spans="14:14">
      <c r="N216682" s="10"/>
    </row>
    <row r="216683" spans="14:14">
      <c r="N216683" s="10"/>
    </row>
    <row r="216684" spans="14:14">
      <c r="N216684" s="10"/>
    </row>
    <row r="216685" spans="14:14">
      <c r="N216685" s="10"/>
    </row>
    <row r="216686" spans="14:14">
      <c r="N216686" s="10"/>
    </row>
    <row r="216687" spans="14:14">
      <c r="N216687" s="10"/>
    </row>
    <row r="216688" spans="14:14">
      <c r="N216688" s="10"/>
    </row>
    <row r="216689" spans="14:14">
      <c r="N216689" s="10"/>
    </row>
    <row r="216690" spans="14:14">
      <c r="N216690" s="10"/>
    </row>
    <row r="216691" spans="14:14">
      <c r="N216691" s="10"/>
    </row>
    <row r="216692" spans="14:14">
      <c r="N216692" s="10"/>
    </row>
    <row r="216693" spans="14:14">
      <c r="N216693" s="10"/>
    </row>
    <row r="216694" spans="14:14">
      <c r="N216694" s="10"/>
    </row>
    <row r="216695" spans="14:14">
      <c r="N216695" s="10"/>
    </row>
    <row r="216696" spans="14:14">
      <c r="N216696" s="10"/>
    </row>
    <row r="216697" spans="14:14">
      <c r="N216697" s="10"/>
    </row>
    <row r="216698" spans="14:14">
      <c r="N216698" s="10"/>
    </row>
    <row r="216699" spans="14:14">
      <c r="N216699" s="10"/>
    </row>
    <row r="216700" spans="14:14">
      <c r="N216700" s="10"/>
    </row>
    <row r="216701" spans="14:14">
      <c r="N216701" s="10"/>
    </row>
    <row r="216702" spans="14:14">
      <c r="N216702" s="10"/>
    </row>
    <row r="216703" spans="14:14">
      <c r="N216703" s="10"/>
    </row>
    <row r="216704" spans="14:14">
      <c r="N216704" s="10"/>
    </row>
    <row r="216705" spans="14:14">
      <c r="N216705" s="10"/>
    </row>
    <row r="216706" spans="14:14">
      <c r="N216706" s="10"/>
    </row>
    <row r="216707" spans="14:14">
      <c r="N216707" s="10"/>
    </row>
    <row r="216708" spans="14:14">
      <c r="N216708" s="10"/>
    </row>
    <row r="216709" spans="14:14">
      <c r="N216709" s="10"/>
    </row>
    <row r="216710" spans="14:14">
      <c r="N216710" s="10"/>
    </row>
    <row r="216711" spans="14:14">
      <c r="N216711" s="10"/>
    </row>
    <row r="216712" spans="14:14">
      <c r="N216712" s="10"/>
    </row>
    <row r="216713" spans="14:14">
      <c r="N216713" s="10"/>
    </row>
    <row r="216714" spans="14:14">
      <c r="N216714" s="10"/>
    </row>
    <row r="216715" spans="14:14">
      <c r="N216715" s="10"/>
    </row>
    <row r="216716" spans="14:14">
      <c r="N216716" s="10"/>
    </row>
    <row r="216717" spans="14:14">
      <c r="N216717" s="10"/>
    </row>
    <row r="216718" spans="14:14">
      <c r="N216718" s="10"/>
    </row>
    <row r="216719" spans="14:14">
      <c r="N216719" s="10"/>
    </row>
    <row r="216720" spans="14:14">
      <c r="N216720" s="10"/>
    </row>
    <row r="216721" spans="14:14">
      <c r="N216721" s="10"/>
    </row>
    <row r="216722" spans="14:14">
      <c r="N216722" s="10"/>
    </row>
    <row r="216723" spans="14:14">
      <c r="N216723" s="10"/>
    </row>
    <row r="216724" spans="14:14">
      <c r="N216724" s="10"/>
    </row>
    <row r="216725" spans="14:14">
      <c r="N216725" s="10"/>
    </row>
    <row r="216726" spans="14:14">
      <c r="N216726" s="10"/>
    </row>
    <row r="216727" spans="14:14">
      <c r="N216727" s="10"/>
    </row>
    <row r="216728" spans="14:14">
      <c r="N216728" s="10"/>
    </row>
    <row r="216729" spans="14:14">
      <c r="N216729" s="10"/>
    </row>
    <row r="216730" spans="14:14">
      <c r="N216730" s="10"/>
    </row>
    <row r="216731" spans="14:14">
      <c r="N216731" s="10"/>
    </row>
    <row r="216732" spans="14:14">
      <c r="N216732" s="10"/>
    </row>
    <row r="216733" spans="14:14">
      <c r="N216733" s="10"/>
    </row>
    <row r="216734" spans="14:14">
      <c r="N216734" s="10"/>
    </row>
    <row r="216735" spans="14:14">
      <c r="N216735" s="10"/>
    </row>
    <row r="216736" spans="14:14">
      <c r="N216736" s="10"/>
    </row>
    <row r="216737" spans="14:14">
      <c r="N216737" s="10"/>
    </row>
    <row r="216738" spans="14:14">
      <c r="N216738" s="10"/>
    </row>
    <row r="216739" spans="14:14">
      <c r="N216739" s="10"/>
    </row>
    <row r="216740" spans="14:14">
      <c r="N216740" s="10"/>
    </row>
    <row r="216741" spans="14:14">
      <c r="N216741" s="10"/>
    </row>
    <row r="216742" spans="14:14">
      <c r="N216742" s="10"/>
    </row>
    <row r="216743" spans="14:14">
      <c r="N216743" s="10"/>
    </row>
    <row r="216744" spans="14:14">
      <c r="N216744" s="10"/>
    </row>
    <row r="216745" spans="14:14">
      <c r="N216745" s="10"/>
    </row>
    <row r="216746" spans="14:14">
      <c r="N216746" s="10"/>
    </row>
    <row r="216747" spans="14:14">
      <c r="N216747" s="10"/>
    </row>
    <row r="216748" spans="14:14">
      <c r="N216748" s="10"/>
    </row>
    <row r="216749" spans="14:14">
      <c r="N216749" s="10"/>
    </row>
    <row r="216750" spans="14:14">
      <c r="N216750" s="10"/>
    </row>
    <row r="216751" spans="14:14">
      <c r="N216751" s="10"/>
    </row>
    <row r="216752" spans="14:14">
      <c r="N216752" s="10"/>
    </row>
    <row r="216753" spans="14:14">
      <c r="N216753" s="10"/>
    </row>
    <row r="216754" spans="14:14">
      <c r="N216754" s="10"/>
    </row>
    <row r="216755" spans="14:14">
      <c r="N216755" s="10"/>
    </row>
    <row r="216756" spans="14:14">
      <c r="N216756" s="10"/>
    </row>
    <row r="216757" spans="14:14">
      <c r="N216757" s="10"/>
    </row>
    <row r="216758" spans="14:14">
      <c r="N216758" s="10"/>
    </row>
    <row r="216759" spans="14:14">
      <c r="N216759" s="10"/>
    </row>
    <row r="216760" spans="14:14">
      <c r="N216760" s="10"/>
    </row>
    <row r="216761" spans="14:14">
      <c r="N216761" s="10"/>
    </row>
    <row r="216762" spans="14:14">
      <c r="N216762" s="10"/>
    </row>
    <row r="216763" spans="14:14">
      <c r="N216763" s="10"/>
    </row>
    <row r="216764" spans="14:14">
      <c r="N216764" s="10"/>
    </row>
    <row r="216765" spans="14:14">
      <c r="N216765" s="10"/>
    </row>
    <row r="216766" spans="14:14">
      <c r="N216766" s="10"/>
    </row>
    <row r="216767" spans="14:14">
      <c r="N216767" s="10"/>
    </row>
    <row r="216768" spans="14:14">
      <c r="N216768" s="10"/>
    </row>
    <row r="216769" spans="14:14">
      <c r="N216769" s="10"/>
    </row>
    <row r="216770" spans="14:14">
      <c r="N216770" s="10"/>
    </row>
    <row r="216771" spans="14:14">
      <c r="N216771" s="10"/>
    </row>
    <row r="216772" spans="14:14">
      <c r="N216772" s="10"/>
    </row>
    <row r="216773" spans="14:14">
      <c r="N216773" s="10"/>
    </row>
    <row r="216774" spans="14:14">
      <c r="N216774" s="10"/>
    </row>
    <row r="216775" spans="14:14">
      <c r="N216775" s="10"/>
    </row>
    <row r="216776" spans="14:14">
      <c r="N216776" s="10"/>
    </row>
    <row r="216777" spans="14:14">
      <c r="N216777" s="10"/>
    </row>
    <row r="216778" spans="14:14">
      <c r="N216778" s="10"/>
    </row>
    <row r="216779" spans="14:14">
      <c r="N216779" s="10"/>
    </row>
    <row r="216780" spans="14:14">
      <c r="N216780" s="10"/>
    </row>
    <row r="216781" spans="14:14">
      <c r="N216781" s="10"/>
    </row>
    <row r="216782" spans="14:14">
      <c r="N216782" s="10"/>
    </row>
    <row r="216783" spans="14:14">
      <c r="N216783" s="10"/>
    </row>
    <row r="216784" spans="14:14">
      <c r="N216784" s="10"/>
    </row>
    <row r="216785" spans="14:14">
      <c r="N216785" s="10"/>
    </row>
    <row r="216786" spans="14:14">
      <c r="N216786" s="10"/>
    </row>
    <row r="216787" spans="14:14">
      <c r="N216787" s="10"/>
    </row>
    <row r="216788" spans="14:14">
      <c r="N216788" s="10"/>
    </row>
    <row r="216789" spans="14:14">
      <c r="N216789" s="10"/>
    </row>
    <row r="216790" spans="14:14">
      <c r="N216790" s="10"/>
    </row>
    <row r="216791" spans="14:14">
      <c r="N216791" s="10"/>
    </row>
    <row r="216792" spans="14:14">
      <c r="N216792" s="10"/>
    </row>
    <row r="216793" spans="14:14">
      <c r="N216793" s="10"/>
    </row>
    <row r="216794" spans="14:14">
      <c r="N216794" s="10"/>
    </row>
    <row r="216795" spans="14:14">
      <c r="N216795" s="10"/>
    </row>
    <row r="216796" spans="14:14">
      <c r="N216796" s="10"/>
    </row>
    <row r="216797" spans="14:14">
      <c r="N216797" s="10"/>
    </row>
    <row r="216798" spans="14:14">
      <c r="N216798" s="10"/>
    </row>
    <row r="216799" spans="14:14">
      <c r="N216799" s="10"/>
    </row>
    <row r="216800" spans="14:14">
      <c r="N216800" s="10"/>
    </row>
    <row r="216801" spans="14:14">
      <c r="N216801" s="10"/>
    </row>
    <row r="216802" spans="14:14">
      <c r="N216802" s="10"/>
    </row>
    <row r="216803" spans="14:14">
      <c r="N216803" s="10"/>
    </row>
    <row r="216804" spans="14:14">
      <c r="N216804" s="10"/>
    </row>
    <row r="216805" spans="14:14">
      <c r="N216805" s="10"/>
    </row>
    <row r="216806" spans="14:14">
      <c r="N216806" s="10"/>
    </row>
    <row r="216807" spans="14:14">
      <c r="N216807" s="10"/>
    </row>
    <row r="216808" spans="14:14">
      <c r="N216808" s="10"/>
    </row>
    <row r="216809" spans="14:14">
      <c r="N216809" s="10"/>
    </row>
    <row r="216810" spans="14:14">
      <c r="N216810" s="10"/>
    </row>
    <row r="216811" spans="14:14">
      <c r="N216811" s="10"/>
    </row>
    <row r="216812" spans="14:14">
      <c r="N216812" s="10"/>
    </row>
    <row r="216813" spans="14:14">
      <c r="N216813" s="10"/>
    </row>
    <row r="216814" spans="14:14">
      <c r="N216814" s="10"/>
    </row>
    <row r="216815" spans="14:14">
      <c r="N216815" s="10"/>
    </row>
    <row r="216816" spans="14:14">
      <c r="N216816" s="10"/>
    </row>
    <row r="216817" spans="14:14">
      <c r="N216817" s="10"/>
    </row>
    <row r="216818" spans="14:14">
      <c r="N216818" s="10"/>
    </row>
    <row r="216819" spans="14:14">
      <c r="N216819" s="10"/>
    </row>
    <row r="216820" spans="14:14">
      <c r="N216820" s="10"/>
    </row>
    <row r="216821" spans="14:14">
      <c r="N216821" s="10"/>
    </row>
    <row r="216822" spans="14:14">
      <c r="N216822" s="10"/>
    </row>
    <row r="216823" spans="14:14">
      <c r="N216823" s="10"/>
    </row>
    <row r="216824" spans="14:14">
      <c r="N216824" s="10"/>
    </row>
    <row r="216825" spans="14:14">
      <c r="N216825" s="10"/>
    </row>
    <row r="216826" spans="14:14">
      <c r="N216826" s="10"/>
    </row>
    <row r="216827" spans="14:14">
      <c r="N216827" s="10"/>
    </row>
    <row r="216828" spans="14:14">
      <c r="N216828" s="10"/>
    </row>
    <row r="216829" spans="14:14">
      <c r="N216829" s="10"/>
    </row>
    <row r="216830" spans="14:14">
      <c r="N216830" s="10"/>
    </row>
    <row r="216831" spans="14:14">
      <c r="N216831" s="10"/>
    </row>
    <row r="216832" spans="14:14">
      <c r="N216832" s="10"/>
    </row>
    <row r="216833" spans="14:14">
      <c r="N216833" s="10"/>
    </row>
    <row r="216834" spans="14:14">
      <c r="N216834" s="10"/>
    </row>
    <row r="216835" spans="14:14">
      <c r="N216835" s="10"/>
    </row>
    <row r="216836" spans="14:14">
      <c r="N216836" s="10"/>
    </row>
    <row r="216837" spans="14:14">
      <c r="N216837" s="10"/>
    </row>
    <row r="216838" spans="14:14">
      <c r="N216838" s="10"/>
    </row>
    <row r="216839" spans="14:14">
      <c r="N216839" s="10"/>
    </row>
    <row r="216840" spans="14:14">
      <c r="N216840" s="10"/>
    </row>
    <row r="216841" spans="14:14">
      <c r="N216841" s="10"/>
    </row>
    <row r="216842" spans="14:14">
      <c r="N216842" s="10"/>
    </row>
    <row r="216843" spans="14:14">
      <c r="N216843" s="10"/>
    </row>
    <row r="216844" spans="14:14">
      <c r="N216844" s="10"/>
    </row>
    <row r="216845" spans="14:14">
      <c r="N216845" s="10"/>
    </row>
    <row r="216846" spans="14:14">
      <c r="N216846" s="10"/>
    </row>
    <row r="216847" spans="14:14">
      <c r="N216847" s="10"/>
    </row>
    <row r="216848" spans="14:14">
      <c r="N216848" s="10"/>
    </row>
    <row r="216849" spans="14:14">
      <c r="N216849" s="10"/>
    </row>
    <row r="216850" spans="14:14">
      <c r="N216850" s="10"/>
    </row>
    <row r="216851" spans="14:14">
      <c r="N216851" s="10"/>
    </row>
    <row r="216852" spans="14:14">
      <c r="N216852" s="10"/>
    </row>
    <row r="216853" spans="14:14">
      <c r="N216853" s="10"/>
    </row>
    <row r="216854" spans="14:14">
      <c r="N216854" s="10"/>
    </row>
    <row r="216855" spans="14:14">
      <c r="N216855" s="10"/>
    </row>
    <row r="216856" spans="14:14">
      <c r="N216856" s="10"/>
    </row>
    <row r="216857" spans="14:14">
      <c r="N216857" s="10"/>
    </row>
    <row r="216858" spans="14:14">
      <c r="N216858" s="10"/>
    </row>
    <row r="216859" spans="14:14">
      <c r="N216859" s="10"/>
    </row>
    <row r="216860" spans="14:14">
      <c r="N216860" s="10"/>
    </row>
    <row r="216861" spans="14:14">
      <c r="N216861" s="10"/>
    </row>
    <row r="216862" spans="14:14">
      <c r="N216862" s="10"/>
    </row>
    <row r="216863" spans="14:14">
      <c r="N216863" s="10"/>
    </row>
    <row r="216864" spans="14:14">
      <c r="N216864" s="10"/>
    </row>
    <row r="216865" spans="14:14">
      <c r="N216865" s="10"/>
    </row>
    <row r="216866" spans="14:14">
      <c r="N216866" s="10"/>
    </row>
    <row r="216867" spans="14:14">
      <c r="N216867" s="10"/>
    </row>
    <row r="216868" spans="14:14">
      <c r="N216868" s="10"/>
    </row>
    <row r="216869" spans="14:14">
      <c r="N216869" s="10"/>
    </row>
    <row r="216870" spans="14:14">
      <c r="N216870" s="10"/>
    </row>
    <row r="216871" spans="14:14">
      <c r="N216871" s="10"/>
    </row>
    <row r="216872" spans="14:14">
      <c r="N216872" s="10"/>
    </row>
    <row r="216873" spans="14:14">
      <c r="N216873" s="10"/>
    </row>
    <row r="216874" spans="14:14">
      <c r="N216874" s="10"/>
    </row>
    <row r="216875" spans="14:14">
      <c r="N216875" s="10"/>
    </row>
    <row r="216876" spans="14:14">
      <c r="N216876" s="10"/>
    </row>
    <row r="216877" spans="14:14">
      <c r="N216877" s="10"/>
    </row>
    <row r="216878" spans="14:14">
      <c r="N216878" s="10"/>
    </row>
    <row r="216879" spans="14:14">
      <c r="N216879" s="10"/>
    </row>
    <row r="216880" spans="14:14">
      <c r="N216880" s="10"/>
    </row>
    <row r="216881" spans="14:14">
      <c r="N216881" s="10"/>
    </row>
    <row r="216882" spans="14:14">
      <c r="N216882" s="10"/>
    </row>
    <row r="216883" spans="14:14">
      <c r="N216883" s="10"/>
    </row>
    <row r="216884" spans="14:14">
      <c r="N216884" s="10"/>
    </row>
    <row r="216885" spans="14:14">
      <c r="N216885" s="10"/>
    </row>
    <row r="216886" spans="14:14">
      <c r="N216886" s="10"/>
    </row>
    <row r="216887" spans="14:14">
      <c r="N216887" s="10"/>
    </row>
    <row r="216888" spans="14:14">
      <c r="N216888" s="10"/>
    </row>
    <row r="216889" spans="14:14">
      <c r="N216889" s="10"/>
    </row>
    <row r="216890" spans="14:14">
      <c r="N216890" s="10"/>
    </row>
    <row r="216891" spans="14:14">
      <c r="N216891" s="10"/>
    </row>
    <row r="216892" spans="14:14">
      <c r="N216892" s="10"/>
    </row>
    <row r="216893" spans="14:14">
      <c r="N216893" s="10"/>
    </row>
    <row r="216894" spans="14:14">
      <c r="N216894" s="10"/>
    </row>
    <row r="216895" spans="14:14">
      <c r="N216895" s="10"/>
    </row>
    <row r="216896" spans="14:14">
      <c r="N216896" s="10"/>
    </row>
    <row r="216897" spans="14:14">
      <c r="N216897" s="10"/>
    </row>
    <row r="216898" spans="14:14">
      <c r="N216898" s="10"/>
    </row>
    <row r="216899" spans="14:14">
      <c r="N216899" s="10"/>
    </row>
    <row r="216900" spans="14:14">
      <c r="N216900" s="10"/>
    </row>
    <row r="216901" spans="14:14">
      <c r="N216901" s="10"/>
    </row>
    <row r="216902" spans="14:14">
      <c r="N216902" s="10"/>
    </row>
    <row r="216903" spans="14:14">
      <c r="N216903" s="10"/>
    </row>
    <row r="216904" spans="14:14">
      <c r="N216904" s="10"/>
    </row>
    <row r="216905" spans="14:14">
      <c r="N216905" s="10"/>
    </row>
    <row r="216906" spans="14:14">
      <c r="N216906" s="10"/>
    </row>
    <row r="216907" spans="14:14">
      <c r="N216907" s="10"/>
    </row>
    <row r="216908" spans="14:14">
      <c r="N216908" s="10"/>
    </row>
    <row r="216909" spans="14:14">
      <c r="N216909" s="10"/>
    </row>
    <row r="216910" spans="14:14">
      <c r="N216910" s="10"/>
    </row>
    <row r="216911" spans="14:14">
      <c r="N216911" s="10"/>
    </row>
    <row r="216912" spans="14:14">
      <c r="N216912" s="10"/>
    </row>
    <row r="216913" spans="14:14">
      <c r="N216913" s="10"/>
    </row>
    <row r="216914" spans="14:14">
      <c r="N216914" s="10"/>
    </row>
    <row r="216915" spans="14:14">
      <c r="N216915" s="10"/>
    </row>
    <row r="216916" spans="14:14">
      <c r="N216916" s="10"/>
    </row>
    <row r="216917" spans="14:14">
      <c r="N216917" s="10"/>
    </row>
    <row r="216918" spans="14:14">
      <c r="N216918" s="10"/>
    </row>
    <row r="216919" spans="14:14">
      <c r="N216919" s="10"/>
    </row>
    <row r="216920" spans="14:14">
      <c r="N216920" s="10"/>
    </row>
    <row r="216921" spans="14:14">
      <c r="N216921" s="10"/>
    </row>
    <row r="216922" spans="14:14">
      <c r="N216922" s="10"/>
    </row>
    <row r="216923" spans="14:14">
      <c r="N216923" s="10"/>
    </row>
    <row r="216924" spans="14:14">
      <c r="N216924" s="10"/>
    </row>
    <row r="216925" spans="14:14">
      <c r="N216925" s="10"/>
    </row>
    <row r="216926" spans="14:14">
      <c r="N216926" s="10"/>
    </row>
    <row r="216927" spans="14:14">
      <c r="N216927" s="10"/>
    </row>
    <row r="216928" spans="14:14">
      <c r="N216928" s="10"/>
    </row>
    <row r="216929" spans="14:14">
      <c r="N216929" s="10"/>
    </row>
    <row r="216930" spans="14:14">
      <c r="N216930" s="10"/>
    </row>
    <row r="216931" spans="14:14">
      <c r="N216931" s="10"/>
    </row>
    <row r="216932" spans="14:14">
      <c r="N216932" s="10"/>
    </row>
    <row r="216933" spans="14:14">
      <c r="N216933" s="10"/>
    </row>
    <row r="216934" spans="14:14">
      <c r="N216934" s="10"/>
    </row>
    <row r="216935" spans="14:14">
      <c r="N216935" s="10"/>
    </row>
    <row r="216936" spans="14:14">
      <c r="N216936" s="10"/>
    </row>
    <row r="216937" spans="14:14">
      <c r="N216937" s="10"/>
    </row>
    <row r="216938" spans="14:14">
      <c r="N216938" s="10"/>
    </row>
    <row r="216939" spans="14:14">
      <c r="N216939" s="10"/>
    </row>
    <row r="216940" spans="14:14">
      <c r="N216940" s="10"/>
    </row>
    <row r="216941" spans="14:14">
      <c r="N216941" s="10"/>
    </row>
    <row r="216942" spans="14:14">
      <c r="N216942" s="10"/>
    </row>
    <row r="216943" spans="14:14">
      <c r="N216943" s="10"/>
    </row>
    <row r="216944" spans="14:14">
      <c r="N216944" s="10"/>
    </row>
    <row r="216945" spans="14:14">
      <c r="N216945" s="10"/>
    </row>
    <row r="216946" spans="14:14">
      <c r="N216946" s="10"/>
    </row>
    <row r="216947" spans="14:14">
      <c r="N216947" s="10"/>
    </row>
    <row r="216948" spans="14:14">
      <c r="N216948" s="10"/>
    </row>
    <row r="216949" spans="14:14">
      <c r="N216949" s="10"/>
    </row>
    <row r="216950" spans="14:14">
      <c r="N216950" s="10"/>
    </row>
    <row r="216951" spans="14:14">
      <c r="N216951" s="10"/>
    </row>
    <row r="216952" spans="14:14">
      <c r="N216952" s="10"/>
    </row>
    <row r="216953" spans="14:14">
      <c r="N216953" s="10"/>
    </row>
    <row r="216954" spans="14:14">
      <c r="N216954" s="10"/>
    </row>
    <row r="216955" spans="14:14">
      <c r="N216955" s="10"/>
    </row>
    <row r="216956" spans="14:14">
      <c r="N216956" s="10"/>
    </row>
    <row r="216957" spans="14:14">
      <c r="N216957" s="10"/>
    </row>
    <row r="216958" spans="14:14">
      <c r="N216958" s="10"/>
    </row>
    <row r="216959" spans="14:14">
      <c r="N216959" s="10"/>
    </row>
    <row r="216960" spans="14:14">
      <c r="N216960" s="10"/>
    </row>
    <row r="216961" spans="14:14">
      <c r="N216961" s="10"/>
    </row>
    <row r="216962" spans="14:14">
      <c r="N216962" s="10"/>
    </row>
    <row r="216963" spans="14:14">
      <c r="N216963" s="10"/>
    </row>
    <row r="216964" spans="14:14">
      <c r="N216964" s="10"/>
    </row>
    <row r="216965" spans="14:14">
      <c r="N216965" s="10"/>
    </row>
    <row r="216966" spans="14:14">
      <c r="N216966" s="10"/>
    </row>
    <row r="216967" spans="14:14">
      <c r="N216967" s="10"/>
    </row>
    <row r="216968" spans="14:14">
      <c r="N216968" s="10"/>
    </row>
    <row r="216969" spans="14:14">
      <c r="N216969" s="10"/>
    </row>
    <row r="216970" spans="14:14">
      <c r="N216970" s="10"/>
    </row>
    <row r="216971" spans="14:14">
      <c r="N216971" s="10"/>
    </row>
    <row r="216972" spans="14:14">
      <c r="N216972" s="10"/>
    </row>
    <row r="216973" spans="14:14">
      <c r="N216973" s="10"/>
    </row>
    <row r="216974" spans="14:14">
      <c r="N216974" s="10"/>
    </row>
    <row r="216975" spans="14:14">
      <c r="N216975" s="10"/>
    </row>
    <row r="216976" spans="14:14">
      <c r="N216976" s="10"/>
    </row>
    <row r="216977" spans="14:14">
      <c r="N216977" s="10"/>
    </row>
    <row r="216978" spans="14:14">
      <c r="N216978" s="10"/>
    </row>
    <row r="216979" spans="14:14">
      <c r="N216979" s="10"/>
    </row>
    <row r="216980" spans="14:14">
      <c r="N216980" s="10"/>
    </row>
    <row r="216981" spans="14:14">
      <c r="N216981" s="10"/>
    </row>
    <row r="216982" spans="14:14">
      <c r="N216982" s="10"/>
    </row>
    <row r="216983" spans="14:14">
      <c r="N216983" s="10"/>
    </row>
    <row r="216984" spans="14:14">
      <c r="N216984" s="10"/>
    </row>
    <row r="216985" spans="14:14">
      <c r="N216985" s="10"/>
    </row>
    <row r="216986" spans="14:14">
      <c r="N216986" s="10"/>
    </row>
    <row r="216987" spans="14:14">
      <c r="N216987" s="10"/>
    </row>
    <row r="216988" spans="14:14">
      <c r="N216988" s="10"/>
    </row>
    <row r="216989" spans="14:14">
      <c r="N216989" s="10"/>
    </row>
    <row r="216990" spans="14:14">
      <c r="N216990" s="10"/>
    </row>
    <row r="216991" spans="14:14">
      <c r="N216991" s="10"/>
    </row>
    <row r="216992" spans="14:14">
      <c r="N216992" s="10"/>
    </row>
    <row r="216993" spans="14:14">
      <c r="N216993" s="10"/>
    </row>
    <row r="216994" spans="14:14">
      <c r="N216994" s="10"/>
    </row>
    <row r="216995" spans="14:14">
      <c r="N216995" s="10"/>
    </row>
    <row r="216996" spans="14:14">
      <c r="N216996" s="10"/>
    </row>
    <row r="216997" spans="14:14">
      <c r="N216997" s="10"/>
    </row>
    <row r="216998" spans="14:14">
      <c r="N216998" s="10"/>
    </row>
    <row r="216999" spans="14:14">
      <c r="N216999" s="10"/>
    </row>
    <row r="217000" spans="14:14">
      <c r="N217000" s="10"/>
    </row>
    <row r="217001" spans="14:14">
      <c r="N217001" s="10"/>
    </row>
    <row r="217002" spans="14:14">
      <c r="N217002" s="10"/>
    </row>
    <row r="217003" spans="14:14">
      <c r="N217003" s="10"/>
    </row>
    <row r="217004" spans="14:14">
      <c r="N217004" s="10"/>
    </row>
    <row r="217005" spans="14:14">
      <c r="N217005" s="10"/>
    </row>
    <row r="217006" spans="14:14">
      <c r="N217006" s="10"/>
    </row>
    <row r="217007" spans="14:14">
      <c r="N217007" s="10"/>
    </row>
    <row r="217008" spans="14:14">
      <c r="N217008" s="10"/>
    </row>
    <row r="217009" spans="14:14">
      <c r="N217009" s="10"/>
    </row>
    <row r="217010" spans="14:14">
      <c r="N217010" s="10"/>
    </row>
    <row r="217011" spans="14:14">
      <c r="N217011" s="10"/>
    </row>
    <row r="217012" spans="14:14">
      <c r="N217012" s="10"/>
    </row>
    <row r="217013" spans="14:14">
      <c r="N217013" s="10"/>
    </row>
    <row r="217014" spans="14:14">
      <c r="N217014" s="10"/>
    </row>
    <row r="217015" spans="14:14">
      <c r="N217015" s="10"/>
    </row>
    <row r="217016" spans="14:14">
      <c r="N217016" s="10"/>
    </row>
    <row r="217017" spans="14:14">
      <c r="N217017" s="10"/>
    </row>
    <row r="217018" spans="14:14">
      <c r="N217018" s="10"/>
    </row>
    <row r="217019" spans="14:14">
      <c r="N217019" s="10"/>
    </row>
    <row r="217020" spans="14:14">
      <c r="N217020" s="10"/>
    </row>
    <row r="217021" spans="14:14">
      <c r="N217021" s="10"/>
    </row>
    <row r="217022" spans="14:14">
      <c r="N217022" s="10"/>
    </row>
    <row r="217023" spans="14:14">
      <c r="N217023" s="10"/>
    </row>
    <row r="217024" spans="14:14">
      <c r="N217024" s="10"/>
    </row>
    <row r="217025" spans="14:14">
      <c r="N217025" s="10"/>
    </row>
    <row r="217026" spans="14:14">
      <c r="N217026" s="10"/>
    </row>
    <row r="217027" spans="14:14">
      <c r="N217027" s="10"/>
    </row>
    <row r="217028" spans="14:14">
      <c r="N217028" s="10"/>
    </row>
    <row r="217029" spans="14:14">
      <c r="N217029" s="10"/>
    </row>
    <row r="217030" spans="14:14">
      <c r="N217030" s="10"/>
    </row>
    <row r="217031" spans="14:14">
      <c r="N217031" s="10"/>
    </row>
    <row r="217032" spans="14:14">
      <c r="N217032" s="10"/>
    </row>
    <row r="217033" spans="14:14">
      <c r="N217033" s="10"/>
    </row>
    <row r="217034" spans="14:14">
      <c r="N217034" s="10"/>
    </row>
    <row r="217035" spans="14:14">
      <c r="N217035" s="10"/>
    </row>
    <row r="217036" spans="14:14">
      <c r="N217036" s="10"/>
    </row>
    <row r="217037" spans="14:14">
      <c r="N217037" s="10"/>
    </row>
    <row r="217038" spans="14:14">
      <c r="N217038" s="10"/>
    </row>
    <row r="217039" spans="14:14">
      <c r="N217039" s="10"/>
    </row>
    <row r="217040" spans="14:14">
      <c r="N217040" s="10"/>
    </row>
    <row r="217041" spans="14:14">
      <c r="N217041" s="10"/>
    </row>
    <row r="217042" spans="14:14">
      <c r="N217042" s="10"/>
    </row>
    <row r="217043" spans="14:14">
      <c r="N217043" s="10"/>
    </row>
    <row r="217044" spans="14:14">
      <c r="N217044" s="10"/>
    </row>
    <row r="217045" spans="14:14">
      <c r="N217045" s="10"/>
    </row>
    <row r="217046" spans="14:14">
      <c r="N217046" s="10"/>
    </row>
    <row r="217047" spans="14:14">
      <c r="N217047" s="10"/>
    </row>
    <row r="217048" spans="14:14">
      <c r="N217048" s="10"/>
    </row>
    <row r="217049" spans="14:14">
      <c r="N217049" s="10"/>
    </row>
    <row r="217050" spans="14:14">
      <c r="N217050" s="10"/>
    </row>
    <row r="217051" spans="14:14">
      <c r="N217051" s="10"/>
    </row>
    <row r="217052" spans="14:14">
      <c r="N217052" s="10"/>
    </row>
    <row r="217053" spans="14:14">
      <c r="N217053" s="10"/>
    </row>
    <row r="217054" spans="14:14">
      <c r="N217054" s="10"/>
    </row>
    <row r="217055" spans="14:14">
      <c r="N217055" s="10"/>
    </row>
    <row r="217056" spans="14:14">
      <c r="N217056" s="10"/>
    </row>
    <row r="217057" spans="14:14">
      <c r="N217057" s="10"/>
    </row>
    <row r="217058" spans="14:14">
      <c r="N217058" s="10"/>
    </row>
    <row r="217059" spans="14:14">
      <c r="N217059" s="10"/>
    </row>
    <row r="217060" spans="14:14">
      <c r="N217060" s="10"/>
    </row>
    <row r="217061" spans="14:14">
      <c r="N217061" s="10"/>
    </row>
    <row r="217062" spans="14:14">
      <c r="N217062" s="10"/>
    </row>
    <row r="217063" spans="14:14">
      <c r="N217063" s="10"/>
    </row>
    <row r="217064" spans="14:14">
      <c r="N217064" s="10"/>
    </row>
    <row r="217065" spans="14:14">
      <c r="N217065" s="10"/>
    </row>
    <row r="217066" spans="14:14">
      <c r="N217066" s="10"/>
    </row>
    <row r="217067" spans="14:14">
      <c r="N217067" s="10"/>
    </row>
    <row r="217068" spans="14:14">
      <c r="N217068" s="10"/>
    </row>
    <row r="217069" spans="14:14">
      <c r="N217069" s="10"/>
    </row>
    <row r="217070" spans="14:14">
      <c r="N217070" s="10"/>
    </row>
    <row r="217071" spans="14:14">
      <c r="N217071" s="10"/>
    </row>
    <row r="217072" spans="14:14">
      <c r="N217072" s="10"/>
    </row>
    <row r="217073" spans="14:14">
      <c r="N217073" s="10"/>
    </row>
    <row r="217074" spans="14:14">
      <c r="N217074" s="10"/>
    </row>
    <row r="217075" spans="14:14">
      <c r="N217075" s="10"/>
    </row>
    <row r="217076" spans="14:14">
      <c r="N217076" s="10"/>
    </row>
    <row r="217077" spans="14:14">
      <c r="N217077" s="10"/>
    </row>
    <row r="217078" spans="14:14">
      <c r="N217078" s="10"/>
    </row>
    <row r="217079" spans="14:14">
      <c r="N217079" s="10"/>
    </row>
    <row r="217080" spans="14:14">
      <c r="N217080" s="10"/>
    </row>
    <row r="217081" spans="14:14">
      <c r="N217081" s="10"/>
    </row>
    <row r="217082" spans="14:14">
      <c r="N217082" s="10"/>
    </row>
    <row r="217083" spans="14:14">
      <c r="N217083" s="10"/>
    </row>
    <row r="217084" spans="14:14">
      <c r="N217084" s="10"/>
    </row>
    <row r="217085" spans="14:14">
      <c r="N217085" s="10"/>
    </row>
    <row r="217086" spans="14:14">
      <c r="N217086" s="10"/>
    </row>
    <row r="217087" spans="14:14">
      <c r="N217087" s="10"/>
    </row>
    <row r="217088" spans="14:14">
      <c r="N217088" s="10"/>
    </row>
    <row r="217089" spans="14:14">
      <c r="N217089" s="10"/>
    </row>
    <row r="217090" spans="14:14">
      <c r="N217090" s="10"/>
    </row>
    <row r="217091" spans="14:14">
      <c r="N217091" s="10"/>
    </row>
    <row r="217092" spans="14:14">
      <c r="N217092" s="10"/>
    </row>
    <row r="217093" spans="14:14">
      <c r="N217093" s="10"/>
    </row>
    <row r="217094" spans="14:14">
      <c r="N217094" s="10"/>
    </row>
    <row r="217095" spans="14:14">
      <c r="N217095" s="10"/>
    </row>
    <row r="217096" spans="14:14">
      <c r="N217096" s="10"/>
    </row>
    <row r="217097" spans="14:14">
      <c r="N217097" s="10"/>
    </row>
    <row r="217098" spans="14:14">
      <c r="N217098" s="10"/>
    </row>
    <row r="217099" spans="14:14">
      <c r="N217099" s="10"/>
    </row>
    <row r="217100" spans="14:14">
      <c r="N217100" s="10"/>
    </row>
    <row r="217101" spans="14:14">
      <c r="N217101" s="10"/>
    </row>
    <row r="217102" spans="14:14">
      <c r="N217102" s="10"/>
    </row>
    <row r="217103" spans="14:14">
      <c r="N217103" s="10"/>
    </row>
    <row r="217104" spans="14:14">
      <c r="N217104" s="10"/>
    </row>
    <row r="217105" spans="14:14">
      <c r="N217105" s="10"/>
    </row>
    <row r="217106" spans="14:14">
      <c r="N217106" s="10"/>
    </row>
    <row r="217107" spans="14:14">
      <c r="N217107" s="10"/>
    </row>
    <row r="217108" spans="14:14">
      <c r="N217108" s="10"/>
    </row>
    <row r="217109" spans="14:14">
      <c r="N217109" s="10"/>
    </row>
    <row r="217110" spans="14:14">
      <c r="N217110" s="10"/>
    </row>
    <row r="217111" spans="14:14">
      <c r="N217111" s="10"/>
    </row>
    <row r="217112" spans="14:14">
      <c r="N217112" s="10"/>
    </row>
    <row r="217113" spans="14:14">
      <c r="N217113" s="10"/>
    </row>
    <row r="217114" spans="14:14">
      <c r="N217114" s="10"/>
    </row>
    <row r="217115" spans="14:14">
      <c r="N217115" s="10"/>
    </row>
    <row r="217116" spans="14:14">
      <c r="N217116" s="10"/>
    </row>
    <row r="217117" spans="14:14">
      <c r="N217117" s="10"/>
    </row>
    <row r="217118" spans="14:14">
      <c r="N217118" s="10"/>
    </row>
    <row r="217119" spans="14:14">
      <c r="N217119" s="10"/>
    </row>
    <row r="217120" spans="14:14">
      <c r="N217120" s="10"/>
    </row>
    <row r="217121" spans="14:14">
      <c r="N217121" s="10"/>
    </row>
    <row r="217122" spans="14:14">
      <c r="N217122" s="10"/>
    </row>
    <row r="217123" spans="14:14">
      <c r="N217123" s="10"/>
    </row>
    <row r="217124" spans="14:14">
      <c r="N217124" s="10"/>
    </row>
    <row r="217125" spans="14:14">
      <c r="N217125" s="10"/>
    </row>
    <row r="217126" spans="14:14">
      <c r="N217126" s="10"/>
    </row>
    <row r="217127" spans="14:14">
      <c r="N217127" s="10"/>
    </row>
    <row r="217128" spans="14:14">
      <c r="N217128" s="10"/>
    </row>
    <row r="217129" spans="14:14">
      <c r="N217129" s="10"/>
    </row>
    <row r="217130" spans="14:14">
      <c r="N217130" s="10"/>
    </row>
    <row r="217131" spans="14:14">
      <c r="N217131" s="10"/>
    </row>
    <row r="217132" spans="14:14">
      <c r="N217132" s="10"/>
    </row>
    <row r="217133" spans="14:14">
      <c r="N217133" s="10"/>
    </row>
    <row r="217134" spans="14:14">
      <c r="N217134" s="10"/>
    </row>
    <row r="217135" spans="14:14">
      <c r="N217135" s="10"/>
    </row>
    <row r="217136" spans="14:14">
      <c r="N217136" s="10"/>
    </row>
    <row r="217137" spans="14:14">
      <c r="N217137" s="10"/>
    </row>
    <row r="217138" spans="14:14">
      <c r="N217138" s="10"/>
    </row>
    <row r="217139" spans="14:14">
      <c r="N217139" s="10"/>
    </row>
    <row r="217140" spans="14:14">
      <c r="N217140" s="10"/>
    </row>
    <row r="217141" spans="14:14">
      <c r="N217141" s="10"/>
    </row>
    <row r="217142" spans="14:14">
      <c r="N217142" s="10"/>
    </row>
    <row r="217143" spans="14:14">
      <c r="N217143" s="10"/>
    </row>
    <row r="217144" spans="14:14">
      <c r="N217144" s="10"/>
    </row>
    <row r="217145" spans="14:14">
      <c r="N217145" s="10"/>
    </row>
    <row r="217146" spans="14:14">
      <c r="N217146" s="10"/>
    </row>
    <row r="217147" spans="14:14">
      <c r="N217147" s="10"/>
    </row>
    <row r="217148" spans="14:14">
      <c r="N217148" s="10"/>
    </row>
    <row r="217149" spans="14:14">
      <c r="N217149" s="10"/>
    </row>
    <row r="217150" spans="14:14">
      <c r="N217150" s="10"/>
    </row>
    <row r="217151" spans="14:14">
      <c r="N217151" s="10"/>
    </row>
    <row r="217152" spans="14:14">
      <c r="N217152" s="10"/>
    </row>
    <row r="217153" spans="14:14">
      <c r="N217153" s="10"/>
    </row>
    <row r="217154" spans="14:14">
      <c r="N217154" s="10"/>
    </row>
    <row r="217155" spans="14:14">
      <c r="N217155" s="10"/>
    </row>
    <row r="217156" spans="14:14">
      <c r="N217156" s="10"/>
    </row>
    <row r="217157" spans="14:14">
      <c r="N217157" s="10"/>
    </row>
    <row r="217158" spans="14:14">
      <c r="N217158" s="10"/>
    </row>
    <row r="217159" spans="14:14">
      <c r="N217159" s="10"/>
    </row>
    <row r="217160" spans="14:14">
      <c r="N217160" s="10"/>
    </row>
    <row r="217161" spans="14:14">
      <c r="N217161" s="10"/>
    </row>
    <row r="217162" spans="14:14">
      <c r="N217162" s="10"/>
    </row>
    <row r="217163" spans="14:14">
      <c r="N217163" s="10"/>
    </row>
    <row r="217164" spans="14:14">
      <c r="N217164" s="10"/>
    </row>
    <row r="217165" spans="14:14">
      <c r="N217165" s="10"/>
    </row>
    <row r="217166" spans="14:14">
      <c r="N217166" s="10"/>
    </row>
    <row r="217167" spans="14:14">
      <c r="N217167" s="10"/>
    </row>
    <row r="217168" spans="14:14">
      <c r="N217168" s="10"/>
    </row>
    <row r="217169" spans="14:14">
      <c r="N217169" s="10"/>
    </row>
    <row r="217170" spans="14:14">
      <c r="N217170" s="10"/>
    </row>
    <row r="217171" spans="14:14">
      <c r="N217171" s="10"/>
    </row>
    <row r="217172" spans="14:14">
      <c r="N217172" s="10"/>
    </row>
    <row r="217173" spans="14:14">
      <c r="N217173" s="10"/>
    </row>
    <row r="217174" spans="14:14">
      <c r="N217174" s="10"/>
    </row>
    <row r="217175" spans="14:14">
      <c r="N217175" s="10"/>
    </row>
    <row r="217176" spans="14:14">
      <c r="N217176" s="10"/>
    </row>
    <row r="217177" spans="14:14">
      <c r="N217177" s="10"/>
    </row>
    <row r="217178" spans="14:14">
      <c r="N217178" s="10"/>
    </row>
    <row r="217179" spans="14:14">
      <c r="N217179" s="10"/>
    </row>
    <row r="217180" spans="14:14">
      <c r="N217180" s="10"/>
    </row>
    <row r="217181" spans="14:14">
      <c r="N217181" s="10"/>
    </row>
    <row r="217182" spans="14:14">
      <c r="N217182" s="10"/>
    </row>
    <row r="217183" spans="14:14">
      <c r="N217183" s="10"/>
    </row>
    <row r="217184" spans="14:14">
      <c r="N217184" s="10"/>
    </row>
    <row r="217185" spans="14:14">
      <c r="N217185" s="10"/>
    </row>
    <row r="217186" spans="14:14">
      <c r="N217186" s="10"/>
    </row>
    <row r="217187" spans="14:14">
      <c r="N217187" s="10"/>
    </row>
    <row r="217188" spans="14:14">
      <c r="N217188" s="10"/>
    </row>
    <row r="217189" spans="14:14">
      <c r="N217189" s="10"/>
    </row>
    <row r="217190" spans="14:14">
      <c r="N217190" s="10"/>
    </row>
    <row r="217191" spans="14:14">
      <c r="N217191" s="10"/>
    </row>
    <row r="217192" spans="14:14">
      <c r="N217192" s="10"/>
    </row>
    <row r="217193" spans="14:14">
      <c r="N217193" s="10"/>
    </row>
    <row r="217194" spans="14:14">
      <c r="N217194" s="10"/>
    </row>
    <row r="217195" spans="14:14">
      <c r="N217195" s="10"/>
    </row>
    <row r="217196" spans="14:14">
      <c r="N217196" s="10"/>
    </row>
    <row r="217197" spans="14:14">
      <c r="N217197" s="10"/>
    </row>
    <row r="217198" spans="14:14">
      <c r="N217198" s="10"/>
    </row>
    <row r="217199" spans="14:14">
      <c r="N217199" s="10"/>
    </row>
    <row r="217200" spans="14:14">
      <c r="N217200" s="10"/>
    </row>
    <row r="217201" spans="14:14">
      <c r="N217201" s="10"/>
    </row>
    <row r="217202" spans="14:14">
      <c r="N217202" s="10"/>
    </row>
    <row r="217203" spans="14:14">
      <c r="N217203" s="10"/>
    </row>
    <row r="217204" spans="14:14">
      <c r="N217204" s="10"/>
    </row>
    <row r="217205" spans="14:14">
      <c r="N217205" s="10"/>
    </row>
    <row r="217206" spans="14:14">
      <c r="N217206" s="10"/>
    </row>
    <row r="217207" spans="14:14">
      <c r="N217207" s="10"/>
    </row>
    <row r="217208" spans="14:14">
      <c r="N217208" s="10"/>
    </row>
    <row r="217209" spans="14:14">
      <c r="N217209" s="10"/>
    </row>
    <row r="217210" spans="14:14">
      <c r="N217210" s="10"/>
    </row>
    <row r="217211" spans="14:14">
      <c r="N217211" s="10"/>
    </row>
    <row r="217212" spans="14:14">
      <c r="N217212" s="10"/>
    </row>
    <row r="217213" spans="14:14">
      <c r="N217213" s="10"/>
    </row>
    <row r="217214" spans="14:14">
      <c r="N217214" s="10"/>
    </row>
    <row r="217215" spans="14:14">
      <c r="N217215" s="10"/>
    </row>
    <row r="217216" spans="14:14">
      <c r="N217216" s="10"/>
    </row>
    <row r="217217" spans="14:14">
      <c r="N217217" s="10"/>
    </row>
    <row r="217218" spans="14:14">
      <c r="N217218" s="10"/>
    </row>
    <row r="217219" spans="14:14">
      <c r="N217219" s="10"/>
    </row>
    <row r="217220" spans="14:14">
      <c r="N217220" s="10"/>
    </row>
    <row r="217221" spans="14:14">
      <c r="N217221" s="10"/>
    </row>
    <row r="217222" spans="14:14">
      <c r="N217222" s="10"/>
    </row>
    <row r="217223" spans="14:14">
      <c r="N217223" s="10"/>
    </row>
    <row r="217224" spans="14:14">
      <c r="N217224" s="10"/>
    </row>
    <row r="217225" spans="14:14">
      <c r="N217225" s="10"/>
    </row>
    <row r="217226" spans="14:14">
      <c r="N217226" s="10"/>
    </row>
    <row r="217227" spans="14:14">
      <c r="N217227" s="10"/>
    </row>
    <row r="217228" spans="14:14">
      <c r="N217228" s="10"/>
    </row>
    <row r="217229" spans="14:14">
      <c r="N217229" s="10"/>
    </row>
    <row r="217230" spans="14:14">
      <c r="N217230" s="10"/>
    </row>
    <row r="217231" spans="14:14">
      <c r="N217231" s="10"/>
    </row>
    <row r="217232" spans="14:14">
      <c r="N217232" s="10"/>
    </row>
    <row r="217233" spans="14:14">
      <c r="N217233" s="10"/>
    </row>
    <row r="217234" spans="14:14">
      <c r="N217234" s="10"/>
    </row>
    <row r="217235" spans="14:14">
      <c r="N217235" s="10"/>
    </row>
    <row r="217236" spans="14:14">
      <c r="N217236" s="10"/>
    </row>
    <row r="217237" spans="14:14">
      <c r="N217237" s="10"/>
    </row>
    <row r="217238" spans="14:14">
      <c r="N217238" s="10"/>
    </row>
    <row r="217239" spans="14:14">
      <c r="N217239" s="10"/>
    </row>
    <row r="217240" spans="14:14">
      <c r="N217240" s="10"/>
    </row>
    <row r="217241" spans="14:14">
      <c r="N217241" s="10"/>
    </row>
    <row r="217242" spans="14:14">
      <c r="N217242" s="10"/>
    </row>
    <row r="217243" spans="14:14">
      <c r="N217243" s="10"/>
    </row>
    <row r="217244" spans="14:14">
      <c r="N217244" s="10"/>
    </row>
    <row r="217245" spans="14:14">
      <c r="N217245" s="10"/>
    </row>
    <row r="217246" spans="14:14">
      <c r="N217246" s="10"/>
    </row>
    <row r="217247" spans="14:14">
      <c r="N217247" s="10"/>
    </row>
    <row r="217248" spans="14:14">
      <c r="N217248" s="10"/>
    </row>
    <row r="217249" spans="14:14">
      <c r="N217249" s="10"/>
    </row>
    <row r="217250" spans="14:14">
      <c r="N217250" s="10"/>
    </row>
    <row r="217251" spans="14:14">
      <c r="N217251" s="10"/>
    </row>
    <row r="217252" spans="14:14">
      <c r="N217252" s="10"/>
    </row>
    <row r="217253" spans="14:14">
      <c r="N217253" s="10"/>
    </row>
    <row r="217254" spans="14:14">
      <c r="N217254" s="10"/>
    </row>
    <row r="217255" spans="14:14">
      <c r="N217255" s="10"/>
    </row>
    <row r="217256" spans="14:14">
      <c r="N217256" s="10"/>
    </row>
    <row r="217257" spans="14:14">
      <c r="N217257" s="10"/>
    </row>
    <row r="217258" spans="14:14">
      <c r="N217258" s="10"/>
    </row>
    <row r="217259" spans="14:14">
      <c r="N217259" s="10"/>
    </row>
    <row r="217260" spans="14:14">
      <c r="N217260" s="10"/>
    </row>
    <row r="217261" spans="14:14">
      <c r="N217261" s="10"/>
    </row>
    <row r="217262" spans="14:14">
      <c r="N217262" s="10"/>
    </row>
    <row r="217263" spans="14:14">
      <c r="N217263" s="10"/>
    </row>
    <row r="217264" spans="14:14">
      <c r="N217264" s="10"/>
    </row>
    <row r="217265" spans="14:14">
      <c r="N217265" s="10"/>
    </row>
    <row r="217266" spans="14:14">
      <c r="N217266" s="10"/>
    </row>
    <row r="217267" spans="14:14">
      <c r="N217267" s="10"/>
    </row>
    <row r="217268" spans="14:14">
      <c r="N217268" s="10"/>
    </row>
    <row r="217269" spans="14:14">
      <c r="N217269" s="10"/>
    </row>
    <row r="217270" spans="14:14">
      <c r="N217270" s="10"/>
    </row>
    <row r="217271" spans="14:14">
      <c r="N217271" s="10"/>
    </row>
    <row r="217272" spans="14:14">
      <c r="N217272" s="10"/>
    </row>
    <row r="217273" spans="14:14">
      <c r="N217273" s="10"/>
    </row>
    <row r="217274" spans="14:14">
      <c r="N217274" s="10"/>
    </row>
    <row r="217275" spans="14:14">
      <c r="N217275" s="10"/>
    </row>
    <row r="217276" spans="14:14">
      <c r="N217276" s="10"/>
    </row>
    <row r="217277" spans="14:14">
      <c r="N217277" s="10"/>
    </row>
    <row r="217278" spans="14:14">
      <c r="N217278" s="10"/>
    </row>
    <row r="217279" spans="14:14">
      <c r="N217279" s="10"/>
    </row>
    <row r="217280" spans="14:14">
      <c r="N217280" s="10"/>
    </row>
    <row r="217281" spans="14:14">
      <c r="N217281" s="10"/>
    </row>
    <row r="217282" spans="14:14">
      <c r="N217282" s="10"/>
    </row>
    <row r="217283" spans="14:14">
      <c r="N217283" s="10"/>
    </row>
    <row r="217284" spans="14:14">
      <c r="N217284" s="10"/>
    </row>
    <row r="217285" spans="14:14">
      <c r="N217285" s="10"/>
    </row>
    <row r="217286" spans="14:14">
      <c r="N217286" s="10"/>
    </row>
    <row r="217287" spans="14:14">
      <c r="N217287" s="10"/>
    </row>
    <row r="217288" spans="14:14">
      <c r="N217288" s="10"/>
    </row>
    <row r="217289" spans="14:14">
      <c r="N217289" s="10"/>
    </row>
    <row r="217290" spans="14:14">
      <c r="N217290" s="10"/>
    </row>
    <row r="217291" spans="14:14">
      <c r="N217291" s="10"/>
    </row>
    <row r="217292" spans="14:14">
      <c r="N217292" s="10"/>
    </row>
    <row r="217293" spans="14:14">
      <c r="N217293" s="10"/>
    </row>
    <row r="217294" spans="14:14">
      <c r="N217294" s="10"/>
    </row>
    <row r="217295" spans="14:14">
      <c r="N217295" s="10"/>
    </row>
    <row r="217296" spans="14:14">
      <c r="N217296" s="10"/>
    </row>
    <row r="217297" spans="14:14">
      <c r="N217297" s="10"/>
    </row>
    <row r="217298" spans="14:14">
      <c r="N217298" s="10"/>
    </row>
    <row r="217299" spans="14:14">
      <c r="N217299" s="10"/>
    </row>
    <row r="217300" spans="14:14">
      <c r="N217300" s="10"/>
    </row>
    <row r="217301" spans="14:14">
      <c r="N217301" s="10"/>
    </row>
    <row r="217302" spans="14:14">
      <c r="N217302" s="10"/>
    </row>
    <row r="217303" spans="14:14">
      <c r="N217303" s="10"/>
    </row>
    <row r="217304" spans="14:14">
      <c r="N217304" s="10"/>
    </row>
    <row r="217305" spans="14:14">
      <c r="N217305" s="10"/>
    </row>
    <row r="217306" spans="14:14">
      <c r="N217306" s="10"/>
    </row>
    <row r="217307" spans="14:14">
      <c r="N217307" s="10"/>
    </row>
    <row r="217308" spans="14:14">
      <c r="N217308" s="10"/>
    </row>
    <row r="217309" spans="14:14">
      <c r="N217309" s="10"/>
    </row>
    <row r="217310" spans="14:14">
      <c r="N217310" s="10"/>
    </row>
    <row r="217311" spans="14:14">
      <c r="N217311" s="10"/>
    </row>
    <row r="217312" spans="14:14">
      <c r="N217312" s="10"/>
    </row>
    <row r="217313" spans="14:14">
      <c r="N217313" s="10"/>
    </row>
    <row r="217314" spans="14:14">
      <c r="N217314" s="10"/>
    </row>
    <row r="217315" spans="14:14">
      <c r="N217315" s="10"/>
    </row>
    <row r="217316" spans="14:14">
      <c r="N217316" s="10"/>
    </row>
    <row r="217317" spans="14:14">
      <c r="N217317" s="10"/>
    </row>
    <row r="217318" spans="14:14">
      <c r="N217318" s="10"/>
    </row>
    <row r="217319" spans="14:14">
      <c r="N217319" s="10"/>
    </row>
    <row r="217320" spans="14:14">
      <c r="N217320" s="10"/>
    </row>
    <row r="217321" spans="14:14">
      <c r="N217321" s="10"/>
    </row>
    <row r="217322" spans="14:14">
      <c r="N217322" s="10"/>
    </row>
    <row r="217323" spans="14:14">
      <c r="N217323" s="10"/>
    </row>
    <row r="217324" spans="14:14">
      <c r="N217324" s="10"/>
    </row>
    <row r="217325" spans="14:14">
      <c r="N217325" s="10"/>
    </row>
    <row r="217326" spans="14:14">
      <c r="N217326" s="10"/>
    </row>
    <row r="217327" spans="14:14">
      <c r="N217327" s="10"/>
    </row>
    <row r="217328" spans="14:14">
      <c r="N217328" s="10"/>
    </row>
    <row r="217329" spans="14:14">
      <c r="N217329" s="10"/>
    </row>
    <row r="217330" spans="14:14">
      <c r="N217330" s="10"/>
    </row>
    <row r="217331" spans="14:14">
      <c r="N217331" s="10"/>
    </row>
    <row r="217332" spans="14:14">
      <c r="N217332" s="10"/>
    </row>
    <row r="217333" spans="14:14">
      <c r="N217333" s="10"/>
    </row>
    <row r="217334" spans="14:14">
      <c r="N217334" s="10"/>
    </row>
    <row r="217335" spans="14:14">
      <c r="N217335" s="10"/>
    </row>
    <row r="217336" spans="14:14">
      <c r="N217336" s="10"/>
    </row>
    <row r="217337" spans="14:14">
      <c r="N217337" s="10"/>
    </row>
    <row r="217338" spans="14:14">
      <c r="N217338" s="10"/>
    </row>
    <row r="217339" spans="14:14">
      <c r="N217339" s="10"/>
    </row>
    <row r="217340" spans="14:14">
      <c r="N217340" s="10"/>
    </row>
    <row r="217341" spans="14:14">
      <c r="N217341" s="10"/>
    </row>
    <row r="217342" spans="14:14">
      <c r="N217342" s="10"/>
    </row>
    <row r="217343" spans="14:14">
      <c r="N217343" s="10"/>
    </row>
    <row r="217344" spans="14:14">
      <c r="N217344" s="10"/>
    </row>
    <row r="217345" spans="14:14">
      <c r="N217345" s="10"/>
    </row>
    <row r="217346" spans="14:14">
      <c r="N217346" s="10"/>
    </row>
    <row r="217347" spans="14:14">
      <c r="N217347" s="10"/>
    </row>
    <row r="217348" spans="14:14">
      <c r="N217348" s="10"/>
    </row>
    <row r="217349" spans="14:14">
      <c r="N217349" s="10"/>
    </row>
    <row r="217350" spans="14:14">
      <c r="N217350" s="10"/>
    </row>
    <row r="217351" spans="14:14">
      <c r="N217351" s="10"/>
    </row>
    <row r="217352" spans="14:14">
      <c r="N217352" s="10"/>
    </row>
    <row r="217353" spans="14:14">
      <c r="N217353" s="10"/>
    </row>
    <row r="217354" spans="14:14">
      <c r="N217354" s="10"/>
    </row>
    <row r="217355" spans="14:14">
      <c r="N217355" s="10"/>
    </row>
    <row r="217356" spans="14:14">
      <c r="N217356" s="10"/>
    </row>
    <row r="217357" spans="14:14">
      <c r="N217357" s="10"/>
    </row>
    <row r="217358" spans="14:14">
      <c r="N217358" s="10"/>
    </row>
    <row r="217359" spans="14:14">
      <c r="N217359" s="10"/>
    </row>
    <row r="217360" spans="14:14">
      <c r="N217360" s="10"/>
    </row>
    <row r="217361" spans="14:14">
      <c r="N217361" s="10"/>
    </row>
    <row r="217362" spans="14:14">
      <c r="N217362" s="10"/>
    </row>
    <row r="217363" spans="14:14">
      <c r="N217363" s="10"/>
    </row>
    <row r="217364" spans="14:14">
      <c r="N217364" s="10"/>
    </row>
    <row r="217365" spans="14:14">
      <c r="N217365" s="10"/>
    </row>
    <row r="217366" spans="14:14">
      <c r="N217366" s="10"/>
    </row>
    <row r="217367" spans="14:14">
      <c r="N217367" s="10"/>
    </row>
    <row r="217368" spans="14:14">
      <c r="N217368" s="10"/>
    </row>
    <row r="217369" spans="14:14">
      <c r="N217369" s="10"/>
    </row>
    <row r="217370" spans="14:14">
      <c r="N217370" s="10"/>
    </row>
    <row r="217371" spans="14:14">
      <c r="N217371" s="10"/>
    </row>
    <row r="217372" spans="14:14">
      <c r="N217372" s="10"/>
    </row>
    <row r="217373" spans="14:14">
      <c r="N217373" s="10"/>
    </row>
    <row r="217374" spans="14:14">
      <c r="N217374" s="10"/>
    </row>
    <row r="217375" spans="14:14">
      <c r="N217375" s="10"/>
    </row>
    <row r="217376" spans="14:14">
      <c r="N217376" s="10"/>
    </row>
    <row r="217377" spans="14:14">
      <c r="N217377" s="10"/>
    </row>
    <row r="217378" spans="14:14">
      <c r="N217378" s="10"/>
    </row>
    <row r="217379" spans="14:14">
      <c r="N217379" s="10"/>
    </row>
    <row r="217380" spans="14:14">
      <c r="N217380" s="10"/>
    </row>
    <row r="217381" spans="14:14">
      <c r="N217381" s="10"/>
    </row>
    <row r="217382" spans="14:14">
      <c r="N217382" s="10"/>
    </row>
    <row r="217383" spans="14:14">
      <c r="N217383" s="10"/>
    </row>
    <row r="217384" spans="14:14">
      <c r="N217384" s="10"/>
    </row>
    <row r="217385" spans="14:14">
      <c r="N217385" s="10"/>
    </row>
    <row r="217386" spans="14:14">
      <c r="N217386" s="10"/>
    </row>
    <row r="217387" spans="14:14">
      <c r="N217387" s="10"/>
    </row>
    <row r="217388" spans="14:14">
      <c r="N217388" s="10"/>
    </row>
    <row r="217389" spans="14:14">
      <c r="N217389" s="10"/>
    </row>
    <row r="217390" spans="14:14">
      <c r="N217390" s="10"/>
    </row>
    <row r="217391" spans="14:14">
      <c r="N217391" s="10"/>
    </row>
    <row r="217392" spans="14:14">
      <c r="N217392" s="10"/>
    </row>
    <row r="217393" spans="14:14">
      <c r="N217393" s="10"/>
    </row>
    <row r="217394" spans="14:14">
      <c r="N217394" s="10"/>
    </row>
    <row r="217395" spans="14:14">
      <c r="N217395" s="10"/>
    </row>
    <row r="217396" spans="14:14">
      <c r="N217396" s="10"/>
    </row>
    <row r="217397" spans="14:14">
      <c r="N217397" s="10"/>
    </row>
    <row r="217398" spans="14:14">
      <c r="N217398" s="10"/>
    </row>
    <row r="217399" spans="14:14">
      <c r="N217399" s="10"/>
    </row>
    <row r="217400" spans="14:14">
      <c r="N217400" s="10"/>
    </row>
    <row r="217401" spans="14:14">
      <c r="N217401" s="10"/>
    </row>
    <row r="217402" spans="14:14">
      <c r="N217402" s="10"/>
    </row>
    <row r="217403" spans="14:14">
      <c r="N217403" s="10"/>
    </row>
    <row r="217404" spans="14:14">
      <c r="N217404" s="10"/>
    </row>
    <row r="217405" spans="14:14">
      <c r="N217405" s="10"/>
    </row>
    <row r="217406" spans="14:14">
      <c r="N217406" s="10"/>
    </row>
    <row r="217407" spans="14:14">
      <c r="N217407" s="10"/>
    </row>
    <row r="217408" spans="14:14">
      <c r="N217408" s="10"/>
    </row>
    <row r="217409" spans="14:14">
      <c r="N217409" s="10"/>
    </row>
    <row r="217410" spans="14:14">
      <c r="N217410" s="10"/>
    </row>
    <row r="217411" spans="14:14">
      <c r="N217411" s="10"/>
    </row>
    <row r="217412" spans="14:14">
      <c r="N217412" s="10"/>
    </row>
    <row r="217413" spans="14:14">
      <c r="N217413" s="10"/>
    </row>
    <row r="217414" spans="14:14">
      <c r="N217414" s="10"/>
    </row>
    <row r="217415" spans="14:14">
      <c r="N217415" s="10"/>
    </row>
    <row r="217416" spans="14:14">
      <c r="N217416" s="10"/>
    </row>
    <row r="217417" spans="14:14">
      <c r="N217417" s="10"/>
    </row>
    <row r="217418" spans="14:14">
      <c r="N217418" s="10"/>
    </row>
    <row r="217419" spans="14:14">
      <c r="N217419" s="10"/>
    </row>
    <row r="217420" spans="14:14">
      <c r="N217420" s="10"/>
    </row>
    <row r="217421" spans="14:14">
      <c r="N217421" s="10"/>
    </row>
    <row r="217422" spans="14:14">
      <c r="N217422" s="10"/>
    </row>
    <row r="217423" spans="14:14">
      <c r="N217423" s="10"/>
    </row>
    <row r="217424" spans="14:14">
      <c r="N217424" s="10"/>
    </row>
    <row r="217425" spans="14:14">
      <c r="N217425" s="10"/>
    </row>
    <row r="217426" spans="14:14">
      <c r="N217426" s="10"/>
    </row>
    <row r="217427" spans="14:14">
      <c r="N217427" s="10"/>
    </row>
    <row r="217428" spans="14:14">
      <c r="N217428" s="10"/>
    </row>
    <row r="217429" spans="14:14">
      <c r="N217429" s="10"/>
    </row>
    <row r="217430" spans="14:14">
      <c r="N217430" s="10"/>
    </row>
    <row r="217431" spans="14:14">
      <c r="N217431" s="10"/>
    </row>
    <row r="217432" spans="14:14">
      <c r="N217432" s="10"/>
    </row>
    <row r="217433" spans="14:14">
      <c r="N217433" s="10"/>
    </row>
    <row r="217434" spans="14:14">
      <c r="N217434" s="10"/>
    </row>
    <row r="217435" spans="14:14">
      <c r="N217435" s="10"/>
    </row>
    <row r="217436" spans="14:14">
      <c r="N217436" s="10"/>
    </row>
    <row r="217437" spans="14:14">
      <c r="N217437" s="10"/>
    </row>
    <row r="217438" spans="14:14">
      <c r="N217438" s="10"/>
    </row>
    <row r="217439" spans="14:14">
      <c r="N217439" s="10"/>
    </row>
    <row r="217440" spans="14:14">
      <c r="N217440" s="10"/>
    </row>
    <row r="217441" spans="14:14">
      <c r="N217441" s="10"/>
    </row>
    <row r="217442" spans="14:14">
      <c r="N217442" s="10"/>
    </row>
    <row r="217443" spans="14:14">
      <c r="N217443" s="10"/>
    </row>
    <row r="217444" spans="14:14">
      <c r="N217444" s="10"/>
    </row>
    <row r="217445" spans="14:14">
      <c r="N217445" s="10"/>
    </row>
    <row r="217446" spans="14:14">
      <c r="N217446" s="10"/>
    </row>
    <row r="217447" spans="14:14">
      <c r="N217447" s="10"/>
    </row>
    <row r="217448" spans="14:14">
      <c r="N217448" s="10"/>
    </row>
    <row r="217449" spans="14:14">
      <c r="N217449" s="10"/>
    </row>
    <row r="217450" spans="14:14">
      <c r="N217450" s="10"/>
    </row>
    <row r="217451" spans="14:14">
      <c r="N217451" s="10"/>
    </row>
    <row r="217452" spans="14:14">
      <c r="N217452" s="10"/>
    </row>
    <row r="217453" spans="14:14">
      <c r="N217453" s="10"/>
    </row>
    <row r="217454" spans="14:14">
      <c r="N217454" s="10"/>
    </row>
    <row r="217455" spans="14:14">
      <c r="N217455" s="10"/>
    </row>
    <row r="217456" spans="14:14">
      <c r="N217456" s="10"/>
    </row>
    <row r="217457" spans="14:14">
      <c r="N217457" s="10"/>
    </row>
    <row r="217458" spans="14:14">
      <c r="N217458" s="10"/>
    </row>
    <row r="217459" spans="14:14">
      <c r="N217459" s="10"/>
    </row>
    <row r="217460" spans="14:14">
      <c r="N217460" s="10"/>
    </row>
    <row r="217461" spans="14:14">
      <c r="N217461" s="10"/>
    </row>
    <row r="217462" spans="14:14">
      <c r="N217462" s="10"/>
    </row>
    <row r="217463" spans="14:14">
      <c r="N217463" s="10"/>
    </row>
    <row r="217464" spans="14:14">
      <c r="N217464" s="10"/>
    </row>
    <row r="217465" spans="14:14">
      <c r="N217465" s="10"/>
    </row>
    <row r="217466" spans="14:14">
      <c r="N217466" s="10"/>
    </row>
    <row r="217467" spans="14:14">
      <c r="N217467" s="10"/>
    </row>
    <row r="217468" spans="14:14">
      <c r="N217468" s="10"/>
    </row>
    <row r="217469" spans="14:14">
      <c r="N217469" s="10"/>
    </row>
    <row r="217470" spans="14:14">
      <c r="N217470" s="10"/>
    </row>
    <row r="217471" spans="14:14">
      <c r="N217471" s="10"/>
    </row>
    <row r="217472" spans="14:14">
      <c r="N217472" s="10"/>
    </row>
    <row r="217473" spans="14:14">
      <c r="N217473" s="10"/>
    </row>
    <row r="217474" spans="14:14">
      <c r="N217474" s="10"/>
    </row>
    <row r="217475" spans="14:14">
      <c r="N217475" s="10"/>
    </row>
    <row r="217476" spans="14:14">
      <c r="N217476" s="10"/>
    </row>
    <row r="217477" spans="14:14">
      <c r="N217477" s="10"/>
    </row>
    <row r="217478" spans="14:14">
      <c r="N217478" s="10"/>
    </row>
    <row r="217479" spans="14:14">
      <c r="N217479" s="10"/>
    </row>
    <row r="217480" spans="14:14">
      <c r="N217480" s="10"/>
    </row>
    <row r="217481" spans="14:14">
      <c r="N217481" s="10"/>
    </row>
    <row r="217482" spans="14:14">
      <c r="N217482" s="10"/>
    </row>
    <row r="217483" spans="14:14">
      <c r="N217483" s="10"/>
    </row>
    <row r="217484" spans="14:14">
      <c r="N217484" s="10"/>
    </row>
    <row r="217485" spans="14:14">
      <c r="N217485" s="10"/>
    </row>
    <row r="217486" spans="14:14">
      <c r="N217486" s="10"/>
    </row>
    <row r="217487" spans="14:14">
      <c r="N217487" s="10"/>
    </row>
    <row r="217488" spans="14:14">
      <c r="N217488" s="10"/>
    </row>
    <row r="217489" spans="14:14">
      <c r="N217489" s="10"/>
    </row>
    <row r="217490" spans="14:14">
      <c r="N217490" s="10"/>
    </row>
    <row r="217491" spans="14:14">
      <c r="N217491" s="10"/>
    </row>
    <row r="217492" spans="14:14">
      <c r="N217492" s="10"/>
    </row>
    <row r="217493" spans="14:14">
      <c r="N217493" s="10"/>
    </row>
    <row r="217494" spans="14:14">
      <c r="N217494" s="10"/>
    </row>
    <row r="217495" spans="14:14">
      <c r="N217495" s="10"/>
    </row>
    <row r="217496" spans="14:14">
      <c r="N217496" s="10"/>
    </row>
    <row r="217497" spans="14:14">
      <c r="N217497" s="10"/>
    </row>
    <row r="217498" spans="14:14">
      <c r="N217498" s="10"/>
    </row>
    <row r="217499" spans="14:14">
      <c r="N217499" s="10"/>
    </row>
    <row r="217500" spans="14:14">
      <c r="N217500" s="10"/>
    </row>
    <row r="217501" spans="14:14">
      <c r="N217501" s="10"/>
    </row>
    <row r="217502" spans="14:14">
      <c r="N217502" s="10"/>
    </row>
    <row r="217503" spans="14:14">
      <c r="N217503" s="10"/>
    </row>
    <row r="217504" spans="14:14">
      <c r="N217504" s="10"/>
    </row>
    <row r="217505" spans="14:14">
      <c r="N217505" s="10"/>
    </row>
    <row r="217506" spans="14:14">
      <c r="N217506" s="10"/>
    </row>
    <row r="217507" spans="14:14">
      <c r="N217507" s="10"/>
    </row>
    <row r="217508" spans="14:14">
      <c r="N217508" s="10"/>
    </row>
    <row r="217509" spans="14:14">
      <c r="N217509" s="10"/>
    </row>
    <row r="217510" spans="14:14">
      <c r="N217510" s="10"/>
    </row>
    <row r="217511" spans="14:14">
      <c r="N217511" s="10"/>
    </row>
    <row r="217512" spans="14:14">
      <c r="N217512" s="10"/>
    </row>
    <row r="217513" spans="14:14">
      <c r="N217513" s="10"/>
    </row>
    <row r="217514" spans="14:14">
      <c r="N217514" s="10"/>
    </row>
    <row r="217515" spans="14:14">
      <c r="N217515" s="10"/>
    </row>
    <row r="217516" spans="14:14">
      <c r="N217516" s="10"/>
    </row>
    <row r="217517" spans="14:14">
      <c r="N217517" s="10"/>
    </row>
    <row r="217518" spans="14:14">
      <c r="N217518" s="10"/>
    </row>
    <row r="217519" spans="14:14">
      <c r="N217519" s="10"/>
    </row>
    <row r="217520" spans="14:14">
      <c r="N217520" s="10"/>
    </row>
    <row r="217521" spans="14:14">
      <c r="N217521" s="10"/>
    </row>
    <row r="217522" spans="14:14">
      <c r="N217522" s="10"/>
    </row>
    <row r="217523" spans="14:14">
      <c r="N217523" s="10"/>
    </row>
    <row r="217524" spans="14:14">
      <c r="N217524" s="10"/>
    </row>
    <row r="217525" spans="14:14">
      <c r="N217525" s="10"/>
    </row>
    <row r="217526" spans="14:14">
      <c r="N217526" s="10"/>
    </row>
    <row r="217527" spans="14:14">
      <c r="N217527" s="10"/>
    </row>
    <row r="217528" spans="14:14">
      <c r="N217528" s="10"/>
    </row>
    <row r="217529" spans="14:14">
      <c r="N217529" s="10"/>
    </row>
    <row r="217530" spans="14:14">
      <c r="N217530" s="10"/>
    </row>
    <row r="217531" spans="14:14">
      <c r="N217531" s="10"/>
    </row>
    <row r="217532" spans="14:14">
      <c r="N217532" s="10"/>
    </row>
    <row r="217533" spans="14:14">
      <c r="N217533" s="10"/>
    </row>
    <row r="217534" spans="14:14">
      <c r="N217534" s="10"/>
    </row>
    <row r="217535" spans="14:14">
      <c r="N217535" s="10"/>
    </row>
    <row r="217536" spans="14:14">
      <c r="N217536" s="10"/>
    </row>
    <row r="217537" spans="14:14">
      <c r="N217537" s="10"/>
    </row>
    <row r="217538" spans="14:14">
      <c r="N217538" s="10"/>
    </row>
    <row r="217539" spans="14:14">
      <c r="N217539" s="10"/>
    </row>
    <row r="217540" spans="14:14">
      <c r="N217540" s="10"/>
    </row>
    <row r="217541" spans="14:14">
      <c r="N217541" s="10"/>
    </row>
    <row r="217542" spans="14:14">
      <c r="N217542" s="10"/>
    </row>
    <row r="217543" spans="14:14">
      <c r="N217543" s="10"/>
    </row>
    <row r="217544" spans="14:14">
      <c r="N217544" s="10"/>
    </row>
    <row r="217545" spans="14:14">
      <c r="N217545" s="10"/>
    </row>
    <row r="217546" spans="14:14">
      <c r="N217546" s="10"/>
    </row>
    <row r="217547" spans="14:14">
      <c r="N217547" s="10"/>
    </row>
    <row r="217548" spans="14:14">
      <c r="N217548" s="10"/>
    </row>
    <row r="217549" spans="14:14">
      <c r="N217549" s="10"/>
    </row>
    <row r="217550" spans="14:14">
      <c r="N217550" s="10"/>
    </row>
    <row r="217551" spans="14:14">
      <c r="N217551" s="10"/>
    </row>
    <row r="217552" spans="14:14">
      <c r="N217552" s="10"/>
    </row>
    <row r="217553" spans="14:14">
      <c r="N217553" s="10"/>
    </row>
    <row r="217554" spans="14:14">
      <c r="N217554" s="10"/>
    </row>
    <row r="217555" spans="14:14">
      <c r="N217555" s="10"/>
    </row>
    <row r="217556" spans="14:14">
      <c r="N217556" s="10"/>
    </row>
    <row r="217557" spans="14:14">
      <c r="N217557" s="10"/>
    </row>
    <row r="217558" spans="14:14">
      <c r="N217558" s="10"/>
    </row>
    <row r="217559" spans="14:14">
      <c r="N217559" s="10"/>
    </row>
    <row r="217560" spans="14:14">
      <c r="N217560" s="10"/>
    </row>
    <row r="217561" spans="14:14">
      <c r="N217561" s="10"/>
    </row>
    <row r="217562" spans="14:14">
      <c r="N217562" s="10"/>
    </row>
    <row r="217563" spans="14:14">
      <c r="N217563" s="10"/>
    </row>
    <row r="217564" spans="14:14">
      <c r="N217564" s="10"/>
    </row>
    <row r="217565" spans="14:14">
      <c r="N217565" s="10"/>
    </row>
    <row r="217566" spans="14:14">
      <c r="N217566" s="10"/>
    </row>
    <row r="217567" spans="14:14">
      <c r="N217567" s="10"/>
    </row>
    <row r="217568" spans="14:14">
      <c r="N217568" s="10"/>
    </row>
    <row r="217569" spans="14:14">
      <c r="N217569" s="10"/>
    </row>
    <row r="217570" spans="14:14">
      <c r="N217570" s="10"/>
    </row>
    <row r="217571" spans="14:14">
      <c r="N217571" s="10"/>
    </row>
    <row r="217572" spans="14:14">
      <c r="N217572" s="10"/>
    </row>
    <row r="217573" spans="14:14">
      <c r="N217573" s="10"/>
    </row>
    <row r="217574" spans="14:14">
      <c r="N217574" s="10"/>
    </row>
    <row r="217575" spans="14:14">
      <c r="N217575" s="10"/>
    </row>
    <row r="217576" spans="14:14">
      <c r="N217576" s="10"/>
    </row>
    <row r="217577" spans="14:14">
      <c r="N217577" s="10"/>
    </row>
    <row r="217578" spans="14:14">
      <c r="N217578" s="10"/>
    </row>
    <row r="217579" spans="14:14">
      <c r="N217579" s="10"/>
    </row>
    <row r="217580" spans="14:14">
      <c r="N217580" s="10"/>
    </row>
    <row r="217581" spans="14:14">
      <c r="N217581" s="10"/>
    </row>
    <row r="217582" spans="14:14">
      <c r="N217582" s="10"/>
    </row>
    <row r="217583" spans="14:14">
      <c r="N217583" s="10"/>
    </row>
    <row r="217584" spans="14:14">
      <c r="N217584" s="10"/>
    </row>
    <row r="217585" spans="14:14">
      <c r="N217585" s="10"/>
    </row>
    <row r="217586" spans="14:14">
      <c r="N217586" s="10"/>
    </row>
    <row r="217587" spans="14:14">
      <c r="N217587" s="10"/>
    </row>
    <row r="217588" spans="14:14">
      <c r="N217588" s="10"/>
    </row>
    <row r="217589" spans="14:14">
      <c r="N217589" s="10"/>
    </row>
    <row r="217590" spans="14:14">
      <c r="N217590" s="10"/>
    </row>
    <row r="217591" spans="14:14">
      <c r="N217591" s="10"/>
    </row>
    <row r="217592" spans="14:14">
      <c r="N217592" s="10"/>
    </row>
    <row r="217593" spans="14:14">
      <c r="N217593" s="10"/>
    </row>
    <row r="217594" spans="14:14">
      <c r="N217594" s="10"/>
    </row>
    <row r="217595" spans="14:14">
      <c r="N217595" s="10"/>
    </row>
    <row r="217596" spans="14:14">
      <c r="N217596" s="10"/>
    </row>
    <row r="217597" spans="14:14">
      <c r="N217597" s="10"/>
    </row>
    <row r="217598" spans="14:14">
      <c r="N217598" s="10"/>
    </row>
    <row r="217599" spans="14:14">
      <c r="N217599" s="10"/>
    </row>
    <row r="217600" spans="14:14">
      <c r="N217600" s="10"/>
    </row>
    <row r="217601" spans="14:14">
      <c r="N217601" s="10"/>
    </row>
    <row r="217602" spans="14:14">
      <c r="N217602" s="10"/>
    </row>
    <row r="217603" spans="14:14">
      <c r="N217603" s="10"/>
    </row>
    <row r="217604" spans="14:14">
      <c r="N217604" s="10"/>
    </row>
    <row r="217605" spans="14:14">
      <c r="N217605" s="10"/>
    </row>
    <row r="217606" spans="14:14">
      <c r="N217606" s="10"/>
    </row>
    <row r="217607" spans="14:14">
      <c r="N217607" s="10"/>
    </row>
    <row r="217608" spans="14:14">
      <c r="N217608" s="10"/>
    </row>
    <row r="217609" spans="14:14">
      <c r="N217609" s="10"/>
    </row>
    <row r="217610" spans="14:14">
      <c r="N217610" s="10"/>
    </row>
    <row r="217611" spans="14:14">
      <c r="N217611" s="10"/>
    </row>
    <row r="217612" spans="14:14">
      <c r="N217612" s="10"/>
    </row>
    <row r="217613" spans="14:14">
      <c r="N217613" s="10"/>
    </row>
    <row r="217614" spans="14:14">
      <c r="N217614" s="10"/>
    </row>
    <row r="217615" spans="14:14">
      <c r="N217615" s="10"/>
    </row>
    <row r="217616" spans="14:14">
      <c r="N217616" s="10"/>
    </row>
    <row r="217617" spans="14:14">
      <c r="N217617" s="10"/>
    </row>
    <row r="217618" spans="14:14">
      <c r="N217618" s="10"/>
    </row>
    <row r="217619" spans="14:14">
      <c r="N217619" s="10"/>
    </row>
    <row r="217620" spans="14:14">
      <c r="N217620" s="10"/>
    </row>
    <row r="217621" spans="14:14">
      <c r="N217621" s="10"/>
    </row>
    <row r="217622" spans="14:14">
      <c r="N217622" s="10"/>
    </row>
    <row r="217623" spans="14:14">
      <c r="N217623" s="10"/>
    </row>
    <row r="217624" spans="14:14">
      <c r="N217624" s="10"/>
    </row>
    <row r="217625" spans="14:14">
      <c r="N217625" s="10"/>
    </row>
    <row r="217626" spans="14:14">
      <c r="N217626" s="10"/>
    </row>
    <row r="217627" spans="14:14">
      <c r="N217627" s="10"/>
    </row>
    <row r="217628" spans="14:14">
      <c r="N217628" s="10"/>
    </row>
    <row r="217629" spans="14:14">
      <c r="N217629" s="10"/>
    </row>
    <row r="217630" spans="14:14">
      <c r="N217630" s="10"/>
    </row>
    <row r="217631" spans="14:14">
      <c r="N217631" s="10"/>
    </row>
    <row r="217632" spans="14:14">
      <c r="N217632" s="10"/>
    </row>
    <row r="217633" spans="14:14">
      <c r="N217633" s="10"/>
    </row>
    <row r="217634" spans="14:14">
      <c r="N217634" s="10"/>
    </row>
    <row r="217635" spans="14:14">
      <c r="N217635" s="10"/>
    </row>
    <row r="217636" spans="14:14">
      <c r="N217636" s="10"/>
    </row>
    <row r="217637" spans="14:14">
      <c r="N217637" s="10"/>
    </row>
    <row r="217638" spans="14:14">
      <c r="N217638" s="10"/>
    </row>
    <row r="217639" spans="14:14">
      <c r="N217639" s="10"/>
    </row>
    <row r="217640" spans="14:14">
      <c r="N217640" s="10"/>
    </row>
    <row r="217641" spans="14:14">
      <c r="N217641" s="10"/>
    </row>
    <row r="217642" spans="14:14">
      <c r="N217642" s="10"/>
    </row>
    <row r="217643" spans="14:14">
      <c r="N217643" s="10"/>
    </row>
    <row r="217644" spans="14:14">
      <c r="N217644" s="10"/>
    </row>
    <row r="217645" spans="14:14">
      <c r="N217645" s="10"/>
    </row>
    <row r="217646" spans="14:14">
      <c r="N217646" s="10"/>
    </row>
    <row r="217647" spans="14:14">
      <c r="N217647" s="10"/>
    </row>
    <row r="217648" spans="14:14">
      <c r="N217648" s="10"/>
    </row>
    <row r="217649" spans="14:14">
      <c r="N217649" s="10"/>
    </row>
    <row r="217650" spans="14:14">
      <c r="N217650" s="10"/>
    </row>
    <row r="217651" spans="14:14">
      <c r="N217651" s="10"/>
    </row>
    <row r="217652" spans="14:14">
      <c r="N217652" s="10"/>
    </row>
    <row r="217653" spans="14:14">
      <c r="N217653" s="10"/>
    </row>
    <row r="217654" spans="14:14">
      <c r="N217654" s="10"/>
    </row>
    <row r="217655" spans="14:14">
      <c r="N217655" s="10"/>
    </row>
    <row r="217656" spans="14:14">
      <c r="N217656" s="10"/>
    </row>
    <row r="217657" spans="14:14">
      <c r="N217657" s="10"/>
    </row>
    <row r="217658" spans="14:14">
      <c r="N217658" s="10"/>
    </row>
    <row r="217659" spans="14:14">
      <c r="N217659" s="10"/>
    </row>
    <row r="217660" spans="14:14">
      <c r="N217660" s="10"/>
    </row>
    <row r="217661" spans="14:14">
      <c r="N217661" s="10"/>
    </row>
    <row r="217662" spans="14:14">
      <c r="N217662" s="10"/>
    </row>
    <row r="217663" spans="14:14">
      <c r="N217663" s="10"/>
    </row>
    <row r="217664" spans="14:14">
      <c r="N217664" s="10"/>
    </row>
    <row r="217665" spans="14:14">
      <c r="N217665" s="10"/>
    </row>
    <row r="217666" spans="14:14">
      <c r="N217666" s="10"/>
    </row>
    <row r="217667" spans="14:14">
      <c r="N217667" s="10"/>
    </row>
    <row r="217668" spans="14:14">
      <c r="N217668" s="10"/>
    </row>
    <row r="217669" spans="14:14">
      <c r="N217669" s="10"/>
    </row>
    <row r="217670" spans="14:14">
      <c r="N217670" s="10"/>
    </row>
    <row r="217671" spans="14:14">
      <c r="N217671" s="10"/>
    </row>
    <row r="217672" spans="14:14">
      <c r="N217672" s="10"/>
    </row>
    <row r="217673" spans="14:14">
      <c r="N217673" s="10"/>
    </row>
    <row r="217674" spans="14:14">
      <c r="N217674" s="10"/>
    </row>
    <row r="217675" spans="14:14">
      <c r="N217675" s="10"/>
    </row>
    <row r="217676" spans="14:14">
      <c r="N217676" s="10"/>
    </row>
    <row r="217677" spans="14:14">
      <c r="N217677" s="10"/>
    </row>
    <row r="217678" spans="14:14">
      <c r="N217678" s="10"/>
    </row>
    <row r="217679" spans="14:14">
      <c r="N217679" s="10"/>
    </row>
    <row r="217680" spans="14:14">
      <c r="N217680" s="10"/>
    </row>
    <row r="217681" spans="14:14">
      <c r="N217681" s="10"/>
    </row>
    <row r="217682" spans="14:14">
      <c r="N217682" s="10"/>
    </row>
    <row r="217683" spans="14:14">
      <c r="N217683" s="10"/>
    </row>
    <row r="217684" spans="14:14">
      <c r="N217684" s="10"/>
    </row>
    <row r="217685" spans="14:14">
      <c r="N217685" s="10"/>
    </row>
    <row r="217686" spans="14:14">
      <c r="N217686" s="10"/>
    </row>
    <row r="217687" spans="14:14">
      <c r="N217687" s="10"/>
    </row>
    <row r="217688" spans="14:14">
      <c r="N217688" s="10"/>
    </row>
    <row r="217689" spans="14:14">
      <c r="N217689" s="10"/>
    </row>
    <row r="217690" spans="14:14">
      <c r="N217690" s="10"/>
    </row>
    <row r="217691" spans="14:14">
      <c r="N217691" s="10"/>
    </row>
    <row r="217692" spans="14:14">
      <c r="N217692" s="10"/>
    </row>
    <row r="217693" spans="14:14">
      <c r="N217693" s="10"/>
    </row>
    <row r="217694" spans="14:14">
      <c r="N217694" s="10"/>
    </row>
    <row r="217695" spans="14:14">
      <c r="N217695" s="10"/>
    </row>
    <row r="217696" spans="14:14">
      <c r="N217696" s="10"/>
    </row>
    <row r="217697" spans="14:14">
      <c r="N217697" s="10"/>
    </row>
    <row r="217698" spans="14:14">
      <c r="N217698" s="10"/>
    </row>
    <row r="217699" spans="14:14">
      <c r="N217699" s="10"/>
    </row>
    <row r="217700" spans="14:14">
      <c r="N217700" s="10"/>
    </row>
    <row r="217701" spans="14:14">
      <c r="N217701" s="10"/>
    </row>
    <row r="217702" spans="14:14">
      <c r="N217702" s="10"/>
    </row>
    <row r="217703" spans="14:14">
      <c r="N217703" s="10"/>
    </row>
    <row r="217704" spans="14:14">
      <c r="N217704" s="10"/>
    </row>
    <row r="217705" spans="14:14">
      <c r="N217705" s="10"/>
    </row>
    <row r="217706" spans="14:14">
      <c r="N217706" s="10"/>
    </row>
    <row r="217707" spans="14:14">
      <c r="N217707" s="10"/>
    </row>
    <row r="217708" spans="14:14">
      <c r="N217708" s="10"/>
    </row>
    <row r="217709" spans="14:14">
      <c r="N217709" s="10"/>
    </row>
    <row r="217710" spans="14:14">
      <c r="N217710" s="10"/>
    </row>
    <row r="217711" spans="14:14">
      <c r="N217711" s="10"/>
    </row>
    <row r="217712" spans="14:14">
      <c r="N217712" s="10"/>
    </row>
    <row r="217713" spans="14:14">
      <c r="N217713" s="10"/>
    </row>
    <row r="217714" spans="14:14">
      <c r="N217714" s="10"/>
    </row>
    <row r="217715" spans="14:14">
      <c r="N217715" s="10"/>
    </row>
    <row r="217716" spans="14:14">
      <c r="N217716" s="10"/>
    </row>
    <row r="217717" spans="14:14">
      <c r="N217717" s="10"/>
    </row>
    <row r="217718" spans="14:14">
      <c r="N217718" s="10"/>
    </row>
    <row r="217719" spans="14:14">
      <c r="N217719" s="10"/>
    </row>
    <row r="217720" spans="14:14">
      <c r="N217720" s="10"/>
    </row>
    <row r="217721" spans="14:14">
      <c r="N217721" s="10"/>
    </row>
    <row r="217722" spans="14:14">
      <c r="N217722" s="10"/>
    </row>
    <row r="217723" spans="14:14">
      <c r="N217723" s="10"/>
    </row>
    <row r="217724" spans="14:14">
      <c r="N217724" s="10"/>
    </row>
    <row r="217725" spans="14:14">
      <c r="N217725" s="10"/>
    </row>
    <row r="217726" spans="14:14">
      <c r="N217726" s="10"/>
    </row>
    <row r="217727" spans="14:14">
      <c r="N217727" s="10"/>
    </row>
    <row r="217728" spans="14:14">
      <c r="N217728" s="10"/>
    </row>
    <row r="217729" spans="14:14">
      <c r="N217729" s="10"/>
    </row>
    <row r="217730" spans="14:14">
      <c r="N217730" s="10"/>
    </row>
    <row r="217731" spans="14:14">
      <c r="N217731" s="10"/>
    </row>
    <row r="217732" spans="14:14">
      <c r="N217732" s="10"/>
    </row>
    <row r="217733" spans="14:14">
      <c r="N217733" s="10"/>
    </row>
    <row r="217734" spans="14:14">
      <c r="N217734" s="10"/>
    </row>
    <row r="217735" spans="14:14">
      <c r="N217735" s="10"/>
    </row>
    <row r="217736" spans="14:14">
      <c r="N217736" s="10"/>
    </row>
    <row r="217737" spans="14:14">
      <c r="N217737" s="10"/>
    </row>
    <row r="217738" spans="14:14">
      <c r="N217738" s="10"/>
    </row>
    <row r="217739" spans="14:14">
      <c r="N217739" s="10"/>
    </row>
    <row r="217740" spans="14:14">
      <c r="N217740" s="10"/>
    </row>
    <row r="217741" spans="14:14">
      <c r="N217741" s="10"/>
    </row>
    <row r="217742" spans="14:14">
      <c r="N217742" s="10"/>
    </row>
    <row r="217743" spans="14:14">
      <c r="N217743" s="10"/>
    </row>
    <row r="217744" spans="14:14">
      <c r="N217744" s="10"/>
    </row>
    <row r="217745" spans="14:14">
      <c r="N217745" s="10"/>
    </row>
    <row r="217746" spans="14:14">
      <c r="N217746" s="10"/>
    </row>
    <row r="217747" spans="14:14">
      <c r="N217747" s="10"/>
    </row>
    <row r="217748" spans="14:14">
      <c r="N217748" s="10"/>
    </row>
    <row r="217749" spans="14:14">
      <c r="N217749" s="10"/>
    </row>
    <row r="217750" spans="14:14">
      <c r="N217750" s="10"/>
    </row>
    <row r="217751" spans="14:14">
      <c r="N217751" s="10"/>
    </row>
    <row r="217752" spans="14:14">
      <c r="N217752" s="10"/>
    </row>
    <row r="217753" spans="14:14">
      <c r="N217753" s="10"/>
    </row>
    <row r="217754" spans="14:14">
      <c r="N217754" s="10"/>
    </row>
    <row r="217755" spans="14:14">
      <c r="N217755" s="10"/>
    </row>
    <row r="217756" spans="14:14">
      <c r="N217756" s="10"/>
    </row>
    <row r="217757" spans="14:14">
      <c r="N217757" s="10"/>
    </row>
    <row r="217758" spans="14:14">
      <c r="N217758" s="10"/>
    </row>
    <row r="217759" spans="14:14">
      <c r="N217759" s="10"/>
    </row>
    <row r="217760" spans="14:14">
      <c r="N217760" s="10"/>
    </row>
    <row r="217761" spans="14:14">
      <c r="N217761" s="10"/>
    </row>
    <row r="217762" spans="14:14">
      <c r="N217762" s="10"/>
    </row>
    <row r="217763" spans="14:14">
      <c r="N217763" s="10"/>
    </row>
    <row r="217764" spans="14:14">
      <c r="N217764" s="10"/>
    </row>
    <row r="217765" spans="14:14">
      <c r="N217765" s="10"/>
    </row>
    <row r="217766" spans="14:14">
      <c r="N217766" s="10"/>
    </row>
    <row r="217767" spans="14:14">
      <c r="N217767" s="10"/>
    </row>
    <row r="217768" spans="14:14">
      <c r="N217768" s="10"/>
    </row>
    <row r="217769" spans="14:14">
      <c r="N217769" s="10"/>
    </row>
    <row r="217770" spans="14:14">
      <c r="N217770" s="10"/>
    </row>
    <row r="217771" spans="14:14">
      <c r="N217771" s="10"/>
    </row>
    <row r="217772" spans="14:14">
      <c r="N217772" s="10"/>
    </row>
    <row r="217773" spans="14:14">
      <c r="N217773" s="10"/>
    </row>
    <row r="217774" spans="14:14">
      <c r="N217774" s="10"/>
    </row>
    <row r="217775" spans="14:14">
      <c r="N217775" s="10"/>
    </row>
    <row r="217776" spans="14:14">
      <c r="N217776" s="10"/>
    </row>
    <row r="217777" spans="14:14">
      <c r="N217777" s="10"/>
    </row>
    <row r="217778" spans="14:14">
      <c r="N217778" s="10"/>
    </row>
    <row r="217779" spans="14:14">
      <c r="N217779" s="10"/>
    </row>
    <row r="217780" spans="14:14">
      <c r="N217780" s="10"/>
    </row>
    <row r="217781" spans="14:14">
      <c r="N217781" s="10"/>
    </row>
    <row r="217782" spans="14:14">
      <c r="N217782" s="10"/>
    </row>
    <row r="217783" spans="14:14">
      <c r="N217783" s="10"/>
    </row>
    <row r="217784" spans="14:14">
      <c r="N217784" s="10"/>
    </row>
    <row r="217785" spans="14:14">
      <c r="N217785" s="10"/>
    </row>
    <row r="217786" spans="14:14">
      <c r="N217786" s="10"/>
    </row>
    <row r="217787" spans="14:14">
      <c r="N217787" s="10"/>
    </row>
    <row r="217788" spans="14:14">
      <c r="N217788" s="10"/>
    </row>
    <row r="217789" spans="14:14">
      <c r="N217789" s="10"/>
    </row>
    <row r="217790" spans="14:14">
      <c r="N217790" s="10"/>
    </row>
    <row r="217791" spans="14:14">
      <c r="N217791" s="10"/>
    </row>
    <row r="217792" spans="14:14">
      <c r="N217792" s="10"/>
    </row>
    <row r="217793" spans="14:14">
      <c r="N217793" s="10"/>
    </row>
    <row r="217794" spans="14:14">
      <c r="N217794" s="10"/>
    </row>
    <row r="217795" spans="14:14">
      <c r="N217795" s="10"/>
    </row>
    <row r="217796" spans="14:14">
      <c r="N217796" s="10"/>
    </row>
    <row r="217797" spans="14:14">
      <c r="N217797" s="10"/>
    </row>
    <row r="217798" spans="14:14">
      <c r="N217798" s="10"/>
    </row>
    <row r="217799" spans="14:14">
      <c r="N217799" s="10"/>
    </row>
    <row r="217800" spans="14:14">
      <c r="N217800" s="10"/>
    </row>
    <row r="217801" spans="14:14">
      <c r="N217801" s="10"/>
    </row>
    <row r="217802" spans="14:14">
      <c r="N217802" s="10"/>
    </row>
    <row r="217803" spans="14:14">
      <c r="N217803" s="10"/>
    </row>
    <row r="217804" spans="14:14">
      <c r="N217804" s="10"/>
    </row>
    <row r="217805" spans="14:14">
      <c r="N217805" s="10"/>
    </row>
    <row r="217806" spans="14:14">
      <c r="N217806" s="10"/>
    </row>
    <row r="217807" spans="14:14">
      <c r="N217807" s="10"/>
    </row>
    <row r="217808" spans="14:14">
      <c r="N217808" s="10"/>
    </row>
    <row r="217809" spans="14:14">
      <c r="N217809" s="10"/>
    </row>
    <row r="217810" spans="14:14">
      <c r="N217810" s="10"/>
    </row>
    <row r="217811" spans="14:14">
      <c r="N217811" s="10"/>
    </row>
    <row r="217812" spans="14:14">
      <c r="N217812" s="10"/>
    </row>
    <row r="217813" spans="14:14">
      <c r="N217813" s="10"/>
    </row>
    <row r="217814" spans="14:14">
      <c r="N217814" s="10"/>
    </row>
    <row r="217815" spans="14:14">
      <c r="N217815" s="10"/>
    </row>
    <row r="217816" spans="14:14">
      <c r="N217816" s="10"/>
    </row>
    <row r="217817" spans="14:14">
      <c r="N217817" s="10"/>
    </row>
    <row r="217818" spans="14:14">
      <c r="N217818" s="10"/>
    </row>
    <row r="217819" spans="14:14">
      <c r="N217819" s="10"/>
    </row>
    <row r="217820" spans="14:14">
      <c r="N217820" s="10"/>
    </row>
    <row r="217821" spans="14:14">
      <c r="N217821" s="10"/>
    </row>
    <row r="217822" spans="14:14">
      <c r="N217822" s="10"/>
    </row>
    <row r="217823" spans="14:14">
      <c r="N217823" s="10"/>
    </row>
    <row r="217824" spans="14:14">
      <c r="N217824" s="10"/>
    </row>
    <row r="217825" spans="14:14">
      <c r="N217825" s="10"/>
    </row>
    <row r="217826" spans="14:14">
      <c r="N217826" s="10"/>
    </row>
    <row r="217827" spans="14:14">
      <c r="N217827" s="10"/>
    </row>
    <row r="217828" spans="14:14">
      <c r="N217828" s="10"/>
    </row>
    <row r="217829" spans="14:14">
      <c r="N217829" s="10"/>
    </row>
    <row r="217830" spans="14:14">
      <c r="N217830" s="10"/>
    </row>
    <row r="217831" spans="14:14">
      <c r="N217831" s="10"/>
    </row>
    <row r="217832" spans="14:14">
      <c r="N217832" s="10"/>
    </row>
    <row r="217833" spans="14:14">
      <c r="N217833" s="10"/>
    </row>
    <row r="217834" spans="14:14">
      <c r="N217834" s="10"/>
    </row>
    <row r="217835" spans="14:14">
      <c r="N217835" s="10"/>
    </row>
    <row r="217836" spans="14:14">
      <c r="N217836" s="10"/>
    </row>
    <row r="217837" spans="14:14">
      <c r="N217837" s="10"/>
    </row>
    <row r="217838" spans="14:14">
      <c r="N217838" s="10"/>
    </row>
    <row r="217839" spans="14:14">
      <c r="N217839" s="10"/>
    </row>
    <row r="217840" spans="14:14">
      <c r="N217840" s="10"/>
    </row>
    <row r="217841" spans="14:14">
      <c r="N217841" s="10"/>
    </row>
    <row r="217842" spans="14:14">
      <c r="N217842" s="10"/>
    </row>
    <row r="217843" spans="14:14">
      <c r="N217843" s="10"/>
    </row>
    <row r="217844" spans="14:14">
      <c r="N217844" s="10"/>
    </row>
    <row r="217845" spans="14:14">
      <c r="N217845" s="10"/>
    </row>
    <row r="217846" spans="14:14">
      <c r="N217846" s="10"/>
    </row>
    <row r="217847" spans="14:14">
      <c r="N217847" s="10"/>
    </row>
    <row r="217848" spans="14:14">
      <c r="N217848" s="10"/>
    </row>
    <row r="217849" spans="14:14">
      <c r="N217849" s="10"/>
    </row>
    <row r="217850" spans="14:14">
      <c r="N217850" s="10"/>
    </row>
    <row r="217851" spans="14:14">
      <c r="N217851" s="10"/>
    </row>
    <row r="217852" spans="14:14">
      <c r="N217852" s="10"/>
    </row>
    <row r="217853" spans="14:14">
      <c r="N217853" s="10"/>
    </row>
    <row r="217854" spans="14:14">
      <c r="N217854" s="10"/>
    </row>
    <row r="217855" spans="14:14">
      <c r="N217855" s="10"/>
    </row>
    <row r="217856" spans="14:14">
      <c r="N217856" s="10"/>
    </row>
    <row r="217857" spans="14:14">
      <c r="N217857" s="10"/>
    </row>
    <row r="217858" spans="14:14">
      <c r="N217858" s="10"/>
    </row>
    <row r="217859" spans="14:14">
      <c r="N217859" s="10"/>
    </row>
    <row r="217860" spans="14:14">
      <c r="N217860" s="10"/>
    </row>
    <row r="217861" spans="14:14">
      <c r="N217861" s="10"/>
    </row>
    <row r="217862" spans="14:14">
      <c r="N217862" s="10"/>
    </row>
    <row r="217863" spans="14:14">
      <c r="N217863" s="10"/>
    </row>
    <row r="217864" spans="14:14">
      <c r="N217864" s="10"/>
    </row>
    <row r="217865" spans="14:14">
      <c r="N217865" s="10"/>
    </row>
    <row r="217866" spans="14:14">
      <c r="N217866" s="10"/>
    </row>
    <row r="217867" spans="14:14">
      <c r="N217867" s="10"/>
    </row>
    <row r="217868" spans="14:14">
      <c r="N217868" s="10"/>
    </row>
    <row r="217869" spans="14:14">
      <c r="N217869" s="10"/>
    </row>
    <row r="217870" spans="14:14">
      <c r="N217870" s="10"/>
    </row>
    <row r="217871" spans="14:14">
      <c r="N217871" s="10"/>
    </row>
    <row r="217872" spans="14:14">
      <c r="N217872" s="10"/>
    </row>
    <row r="217873" spans="14:14">
      <c r="N217873" s="10"/>
    </row>
    <row r="217874" spans="14:14">
      <c r="N217874" s="10"/>
    </row>
    <row r="217875" spans="14:14">
      <c r="N217875" s="10"/>
    </row>
    <row r="217876" spans="14:14">
      <c r="N217876" s="10"/>
    </row>
    <row r="217877" spans="14:14">
      <c r="N217877" s="10"/>
    </row>
    <row r="217878" spans="14:14">
      <c r="N217878" s="10"/>
    </row>
    <row r="217879" spans="14:14">
      <c r="N217879" s="10"/>
    </row>
    <row r="217880" spans="14:14">
      <c r="N217880" s="10"/>
    </row>
    <row r="217881" spans="14:14">
      <c r="N217881" s="10"/>
    </row>
    <row r="217882" spans="14:14">
      <c r="N217882" s="10"/>
    </row>
    <row r="217883" spans="14:14">
      <c r="N217883" s="10"/>
    </row>
    <row r="217884" spans="14:14">
      <c r="N217884" s="10"/>
    </row>
    <row r="217885" spans="14:14">
      <c r="N217885" s="10"/>
    </row>
    <row r="217886" spans="14:14">
      <c r="N217886" s="10"/>
    </row>
    <row r="217887" spans="14:14">
      <c r="N217887" s="10"/>
    </row>
    <row r="217888" spans="14:14">
      <c r="N217888" s="10"/>
    </row>
    <row r="217889" spans="14:14">
      <c r="N217889" s="10"/>
    </row>
    <row r="217890" spans="14:14">
      <c r="N217890" s="10"/>
    </row>
    <row r="217891" spans="14:14">
      <c r="N217891" s="10"/>
    </row>
    <row r="217892" spans="14:14">
      <c r="N217892" s="10"/>
    </row>
    <row r="217893" spans="14:14">
      <c r="N217893" s="10"/>
    </row>
    <row r="217894" spans="14:14">
      <c r="N217894" s="10"/>
    </row>
    <row r="217895" spans="14:14">
      <c r="N217895" s="10"/>
    </row>
    <row r="217896" spans="14:14">
      <c r="N217896" s="10"/>
    </row>
    <row r="217897" spans="14:14">
      <c r="N217897" s="10"/>
    </row>
    <row r="217898" spans="14:14">
      <c r="N217898" s="10"/>
    </row>
    <row r="217899" spans="14:14">
      <c r="N217899" s="10"/>
    </row>
    <row r="217900" spans="14:14">
      <c r="N217900" s="10"/>
    </row>
    <row r="217901" spans="14:14">
      <c r="N217901" s="10"/>
    </row>
    <row r="217902" spans="14:14">
      <c r="N217902" s="10"/>
    </row>
    <row r="217903" spans="14:14">
      <c r="N217903" s="10"/>
    </row>
    <row r="217904" spans="14:14">
      <c r="N217904" s="10"/>
    </row>
    <row r="217905" spans="14:14">
      <c r="N217905" s="10"/>
    </row>
    <row r="217906" spans="14:14">
      <c r="N217906" s="10"/>
    </row>
    <row r="217907" spans="14:14">
      <c r="N217907" s="10"/>
    </row>
    <row r="217908" spans="14:14">
      <c r="N217908" s="10"/>
    </row>
    <row r="217909" spans="14:14">
      <c r="N217909" s="10"/>
    </row>
    <row r="217910" spans="14:14">
      <c r="N217910" s="10"/>
    </row>
    <row r="217911" spans="14:14">
      <c r="N217911" s="10"/>
    </row>
    <row r="217912" spans="14:14">
      <c r="N217912" s="10"/>
    </row>
    <row r="217913" spans="14:14">
      <c r="N217913" s="10"/>
    </row>
    <row r="217914" spans="14:14">
      <c r="N217914" s="10"/>
    </row>
    <row r="217915" spans="14:14">
      <c r="N217915" s="10"/>
    </row>
    <row r="217916" spans="14:14">
      <c r="N217916" s="10"/>
    </row>
    <row r="217917" spans="14:14">
      <c r="N217917" s="10"/>
    </row>
    <row r="217918" spans="14:14">
      <c r="N217918" s="10"/>
    </row>
    <row r="217919" spans="14:14">
      <c r="N217919" s="10"/>
    </row>
    <row r="217920" spans="14:14">
      <c r="N217920" s="10"/>
    </row>
    <row r="217921" spans="14:14">
      <c r="N217921" s="10"/>
    </row>
    <row r="217922" spans="14:14">
      <c r="N217922" s="10"/>
    </row>
    <row r="217923" spans="14:14">
      <c r="N217923" s="10"/>
    </row>
    <row r="217924" spans="14:14">
      <c r="N217924" s="10"/>
    </row>
    <row r="217925" spans="14:14">
      <c r="N217925" s="10"/>
    </row>
    <row r="217926" spans="14:14">
      <c r="N217926" s="10"/>
    </row>
    <row r="217927" spans="14:14">
      <c r="N217927" s="10"/>
    </row>
    <row r="217928" spans="14:14">
      <c r="N217928" s="10"/>
    </row>
    <row r="217929" spans="14:14">
      <c r="N217929" s="10"/>
    </row>
    <row r="217930" spans="14:14">
      <c r="N217930" s="10"/>
    </row>
    <row r="217931" spans="14:14">
      <c r="N217931" s="10"/>
    </row>
    <row r="217932" spans="14:14">
      <c r="N217932" s="10"/>
    </row>
    <row r="217933" spans="14:14">
      <c r="N217933" s="10"/>
    </row>
    <row r="217934" spans="14:14">
      <c r="N217934" s="10"/>
    </row>
    <row r="217935" spans="14:14">
      <c r="N217935" s="10"/>
    </row>
    <row r="217936" spans="14:14">
      <c r="N217936" s="10"/>
    </row>
    <row r="217937" spans="14:14">
      <c r="N217937" s="10"/>
    </row>
    <row r="217938" spans="14:14">
      <c r="N217938" s="10"/>
    </row>
    <row r="217939" spans="14:14">
      <c r="N217939" s="10"/>
    </row>
    <row r="217940" spans="14:14">
      <c r="N217940" s="10"/>
    </row>
    <row r="217941" spans="14:14">
      <c r="N217941" s="10"/>
    </row>
    <row r="217942" spans="14:14">
      <c r="N217942" s="10"/>
    </row>
    <row r="217943" spans="14:14">
      <c r="N217943" s="10"/>
    </row>
    <row r="217944" spans="14:14">
      <c r="N217944" s="10"/>
    </row>
    <row r="217945" spans="14:14">
      <c r="N217945" s="10"/>
    </row>
    <row r="217946" spans="14:14">
      <c r="N217946" s="10"/>
    </row>
    <row r="217947" spans="14:14">
      <c r="N217947" s="10"/>
    </row>
    <row r="217948" spans="14:14">
      <c r="N217948" s="10"/>
    </row>
    <row r="217949" spans="14:14">
      <c r="N217949" s="10"/>
    </row>
    <row r="217950" spans="14:14">
      <c r="N217950" s="10"/>
    </row>
    <row r="217951" spans="14:14">
      <c r="N217951" s="10"/>
    </row>
    <row r="217952" spans="14:14">
      <c r="N217952" s="10"/>
    </row>
    <row r="217953" spans="14:14">
      <c r="N217953" s="10"/>
    </row>
    <row r="217954" spans="14:14">
      <c r="N217954" s="10"/>
    </row>
    <row r="217955" spans="14:14">
      <c r="N217955" s="10"/>
    </row>
    <row r="217956" spans="14:14">
      <c r="N217956" s="10"/>
    </row>
    <row r="217957" spans="14:14">
      <c r="N217957" s="10"/>
    </row>
    <row r="217958" spans="14:14">
      <c r="N217958" s="10"/>
    </row>
    <row r="217959" spans="14:14">
      <c r="N217959" s="10"/>
    </row>
    <row r="217960" spans="14:14">
      <c r="N217960" s="10"/>
    </row>
    <row r="217961" spans="14:14">
      <c r="N217961" s="10"/>
    </row>
    <row r="217962" spans="14:14">
      <c r="N217962" s="10"/>
    </row>
    <row r="217963" spans="14:14">
      <c r="N217963" s="10"/>
    </row>
    <row r="217964" spans="14:14">
      <c r="N217964" s="10"/>
    </row>
    <row r="217965" spans="14:14">
      <c r="N217965" s="10"/>
    </row>
    <row r="217966" spans="14:14">
      <c r="N217966" s="10"/>
    </row>
    <row r="217967" spans="14:14">
      <c r="N217967" s="10"/>
    </row>
    <row r="217968" spans="14:14">
      <c r="N217968" s="10"/>
    </row>
    <row r="217969" spans="14:14">
      <c r="N217969" s="10"/>
    </row>
    <row r="217970" spans="14:14">
      <c r="N217970" s="10"/>
    </row>
    <row r="217971" spans="14:14">
      <c r="N217971" s="10"/>
    </row>
    <row r="217972" spans="14:14">
      <c r="N217972" s="10"/>
    </row>
    <row r="217973" spans="14:14">
      <c r="N217973" s="10"/>
    </row>
    <row r="217974" spans="14:14">
      <c r="N217974" s="10"/>
    </row>
    <row r="217975" spans="14:14">
      <c r="N217975" s="10"/>
    </row>
    <row r="217976" spans="14:14">
      <c r="N217976" s="10"/>
    </row>
    <row r="217977" spans="14:14">
      <c r="N217977" s="10"/>
    </row>
    <row r="217978" spans="14:14">
      <c r="N217978" s="10"/>
    </row>
    <row r="217979" spans="14:14">
      <c r="N217979" s="10"/>
    </row>
    <row r="217980" spans="14:14">
      <c r="N217980" s="10"/>
    </row>
    <row r="217981" spans="14:14">
      <c r="N217981" s="10"/>
    </row>
    <row r="217982" spans="14:14">
      <c r="N217982" s="10"/>
    </row>
    <row r="217983" spans="14:14">
      <c r="N217983" s="10"/>
    </row>
    <row r="217984" spans="14:14">
      <c r="N217984" s="10"/>
    </row>
    <row r="217985" spans="14:14">
      <c r="N217985" s="10"/>
    </row>
    <row r="217986" spans="14:14">
      <c r="N217986" s="10"/>
    </row>
    <row r="217987" spans="14:14">
      <c r="N217987" s="10"/>
    </row>
    <row r="217988" spans="14:14">
      <c r="N217988" s="10"/>
    </row>
    <row r="217989" spans="14:14">
      <c r="N217989" s="10"/>
    </row>
    <row r="217990" spans="14:14">
      <c r="N217990" s="10"/>
    </row>
    <row r="217991" spans="14:14">
      <c r="N217991" s="10"/>
    </row>
    <row r="217992" spans="14:14">
      <c r="N217992" s="10"/>
    </row>
    <row r="217993" spans="14:14">
      <c r="N217993" s="10"/>
    </row>
    <row r="217994" spans="14:14">
      <c r="N217994" s="10"/>
    </row>
    <row r="217995" spans="14:14">
      <c r="N217995" s="10"/>
    </row>
    <row r="217996" spans="14:14">
      <c r="N217996" s="10"/>
    </row>
    <row r="217997" spans="14:14">
      <c r="N217997" s="10"/>
    </row>
    <row r="217998" spans="14:14">
      <c r="N217998" s="10"/>
    </row>
    <row r="217999" spans="14:14">
      <c r="N217999" s="10"/>
    </row>
    <row r="218000" spans="14:14">
      <c r="N218000" s="10"/>
    </row>
    <row r="218001" spans="14:14">
      <c r="N218001" s="10"/>
    </row>
    <row r="218002" spans="14:14">
      <c r="N218002" s="10"/>
    </row>
    <row r="218003" spans="14:14">
      <c r="N218003" s="10"/>
    </row>
    <row r="218004" spans="14:14">
      <c r="N218004" s="10"/>
    </row>
    <row r="218005" spans="14:14">
      <c r="N218005" s="10"/>
    </row>
    <row r="218006" spans="14:14">
      <c r="N218006" s="10"/>
    </row>
    <row r="218007" spans="14:14">
      <c r="N218007" s="10"/>
    </row>
    <row r="218008" spans="14:14">
      <c r="N218008" s="10"/>
    </row>
    <row r="218009" spans="14:14">
      <c r="N218009" s="10"/>
    </row>
    <row r="218010" spans="14:14">
      <c r="N218010" s="10"/>
    </row>
    <row r="218011" spans="14:14">
      <c r="N218011" s="10"/>
    </row>
    <row r="218012" spans="14:14">
      <c r="N218012" s="10"/>
    </row>
    <row r="218013" spans="14:14">
      <c r="N218013" s="10"/>
    </row>
    <row r="218014" spans="14:14">
      <c r="N218014" s="10"/>
    </row>
    <row r="218015" spans="14:14">
      <c r="N218015" s="10"/>
    </row>
    <row r="218016" spans="14:14">
      <c r="N218016" s="10"/>
    </row>
    <row r="218017" spans="14:14">
      <c r="N218017" s="10"/>
    </row>
    <row r="218018" spans="14:14">
      <c r="N218018" s="10"/>
    </row>
    <row r="218019" spans="14:14">
      <c r="N218019" s="10"/>
    </row>
    <row r="218020" spans="14:14">
      <c r="N218020" s="10"/>
    </row>
    <row r="218021" spans="14:14">
      <c r="N218021" s="10"/>
    </row>
    <row r="218022" spans="14:14">
      <c r="N218022" s="10"/>
    </row>
    <row r="218023" spans="14:14">
      <c r="N218023" s="10"/>
    </row>
    <row r="218024" spans="14:14">
      <c r="N218024" s="10"/>
    </row>
    <row r="218025" spans="14:14">
      <c r="N218025" s="10"/>
    </row>
    <row r="218026" spans="14:14">
      <c r="N218026" s="10"/>
    </row>
    <row r="218027" spans="14:14">
      <c r="N218027" s="10"/>
    </row>
    <row r="218028" spans="14:14">
      <c r="N218028" s="10"/>
    </row>
    <row r="218029" spans="14:14">
      <c r="N218029" s="10"/>
    </row>
    <row r="218030" spans="14:14">
      <c r="N218030" s="10"/>
    </row>
    <row r="218031" spans="14:14">
      <c r="N218031" s="10"/>
    </row>
    <row r="218032" spans="14:14">
      <c r="N218032" s="10"/>
    </row>
    <row r="218033" spans="14:14">
      <c r="N218033" s="10"/>
    </row>
    <row r="218034" spans="14:14">
      <c r="N218034" s="10"/>
    </row>
    <row r="218035" spans="14:14">
      <c r="N218035" s="10"/>
    </row>
    <row r="218036" spans="14:14">
      <c r="N218036" s="10"/>
    </row>
    <row r="218037" spans="14:14">
      <c r="N218037" s="10"/>
    </row>
    <row r="218038" spans="14:14">
      <c r="N218038" s="10"/>
    </row>
    <row r="218039" spans="14:14">
      <c r="N218039" s="10"/>
    </row>
    <row r="218040" spans="14:14">
      <c r="N218040" s="10"/>
    </row>
    <row r="218041" spans="14:14">
      <c r="N218041" s="10"/>
    </row>
    <row r="218042" spans="14:14">
      <c r="N218042" s="10"/>
    </row>
    <row r="218043" spans="14:14">
      <c r="N218043" s="10"/>
    </row>
    <row r="218044" spans="14:14">
      <c r="N218044" s="10"/>
    </row>
    <row r="218045" spans="14:14">
      <c r="N218045" s="10"/>
    </row>
    <row r="218046" spans="14:14">
      <c r="N218046" s="10"/>
    </row>
    <row r="218047" spans="14:14">
      <c r="N218047" s="10"/>
    </row>
    <row r="218048" spans="14:14">
      <c r="N218048" s="10"/>
    </row>
    <row r="218049" spans="14:14">
      <c r="N218049" s="10"/>
    </row>
    <row r="218050" spans="14:14">
      <c r="N218050" s="10"/>
    </row>
    <row r="218051" spans="14:14">
      <c r="N218051" s="10"/>
    </row>
    <row r="218052" spans="14:14">
      <c r="N218052" s="10"/>
    </row>
    <row r="218053" spans="14:14">
      <c r="N218053" s="10"/>
    </row>
    <row r="218054" spans="14:14">
      <c r="N218054" s="10"/>
    </row>
    <row r="218055" spans="14:14">
      <c r="N218055" s="10"/>
    </row>
    <row r="218056" spans="14:14">
      <c r="N218056" s="10"/>
    </row>
    <row r="218057" spans="14:14">
      <c r="N218057" s="10"/>
    </row>
    <row r="218058" spans="14:14">
      <c r="N218058" s="10"/>
    </row>
    <row r="218059" spans="14:14">
      <c r="N218059" s="10"/>
    </row>
    <row r="218060" spans="14:14">
      <c r="N218060" s="10"/>
    </row>
    <row r="218061" spans="14:14">
      <c r="N218061" s="10"/>
    </row>
    <row r="218062" spans="14:14">
      <c r="N218062" s="10"/>
    </row>
    <row r="218063" spans="14:14">
      <c r="N218063" s="10"/>
    </row>
    <row r="218064" spans="14:14">
      <c r="N218064" s="10"/>
    </row>
    <row r="218065" spans="14:14">
      <c r="N218065" s="10"/>
    </row>
    <row r="218066" spans="14:14">
      <c r="N218066" s="10"/>
    </row>
    <row r="218067" spans="14:14">
      <c r="N218067" s="10"/>
    </row>
    <row r="218068" spans="14:14">
      <c r="N218068" s="10"/>
    </row>
    <row r="218069" spans="14:14">
      <c r="N218069" s="10"/>
    </row>
    <row r="218070" spans="14:14">
      <c r="N218070" s="10"/>
    </row>
    <row r="218071" spans="14:14">
      <c r="N218071" s="10"/>
    </row>
    <row r="218072" spans="14:14">
      <c r="N218072" s="10"/>
    </row>
    <row r="218073" spans="14:14">
      <c r="N218073" s="10"/>
    </row>
    <row r="218074" spans="14:14">
      <c r="N218074" s="10"/>
    </row>
    <row r="218075" spans="14:14">
      <c r="N218075" s="10"/>
    </row>
    <row r="218076" spans="14:14">
      <c r="N218076" s="10"/>
    </row>
    <row r="218077" spans="14:14">
      <c r="N218077" s="10"/>
    </row>
    <row r="218078" spans="14:14">
      <c r="N218078" s="10"/>
    </row>
    <row r="218079" spans="14:14">
      <c r="N218079" s="10"/>
    </row>
    <row r="218080" spans="14:14">
      <c r="N218080" s="10"/>
    </row>
    <row r="218081" spans="14:14">
      <c r="N218081" s="10"/>
    </row>
    <row r="218082" spans="14:14">
      <c r="N218082" s="10"/>
    </row>
    <row r="218083" spans="14:14">
      <c r="N218083" s="10"/>
    </row>
    <row r="218084" spans="14:14">
      <c r="N218084" s="10"/>
    </row>
    <row r="218085" spans="14:14">
      <c r="N218085" s="10"/>
    </row>
    <row r="218086" spans="14:14">
      <c r="N218086" s="10"/>
    </row>
    <row r="218087" spans="14:14">
      <c r="N218087" s="10"/>
    </row>
    <row r="218088" spans="14:14">
      <c r="N218088" s="10"/>
    </row>
    <row r="218089" spans="14:14">
      <c r="N218089" s="10"/>
    </row>
    <row r="218090" spans="14:14">
      <c r="N218090" s="10"/>
    </row>
    <row r="218091" spans="14:14">
      <c r="N218091" s="10"/>
    </row>
    <row r="218092" spans="14:14">
      <c r="N218092" s="10"/>
    </row>
    <row r="218093" spans="14:14">
      <c r="N218093" s="10"/>
    </row>
    <row r="218094" spans="14:14">
      <c r="N218094" s="10"/>
    </row>
    <row r="218095" spans="14:14">
      <c r="N218095" s="10"/>
    </row>
    <row r="218096" spans="14:14">
      <c r="N218096" s="10"/>
    </row>
    <row r="218097" spans="14:14">
      <c r="N218097" s="10"/>
    </row>
    <row r="218098" spans="14:14">
      <c r="N218098" s="10"/>
    </row>
    <row r="218099" spans="14:14">
      <c r="N218099" s="10"/>
    </row>
    <row r="218100" spans="14:14">
      <c r="N218100" s="10"/>
    </row>
    <row r="218101" spans="14:14">
      <c r="N218101" s="10"/>
    </row>
    <row r="218102" spans="14:14">
      <c r="N218102" s="10"/>
    </row>
    <row r="218103" spans="14:14">
      <c r="N218103" s="10"/>
    </row>
    <row r="218104" spans="14:14">
      <c r="N218104" s="10"/>
    </row>
    <row r="218105" spans="14:14">
      <c r="N218105" s="10"/>
    </row>
    <row r="218106" spans="14:14">
      <c r="N218106" s="10"/>
    </row>
    <row r="218107" spans="14:14">
      <c r="N218107" s="10"/>
    </row>
    <row r="218108" spans="14:14">
      <c r="N218108" s="10"/>
    </row>
    <row r="218109" spans="14:14">
      <c r="N218109" s="10"/>
    </row>
    <row r="218110" spans="14:14">
      <c r="N218110" s="10"/>
    </row>
    <row r="218111" spans="14:14">
      <c r="N218111" s="10"/>
    </row>
    <row r="218112" spans="14:14">
      <c r="N218112" s="10"/>
    </row>
    <row r="218113" spans="14:14">
      <c r="N218113" s="10"/>
    </row>
    <row r="218114" spans="14:14">
      <c r="N218114" s="10"/>
    </row>
    <row r="218115" spans="14:14">
      <c r="N218115" s="10"/>
    </row>
    <row r="218116" spans="14:14">
      <c r="N218116" s="10"/>
    </row>
    <row r="218117" spans="14:14">
      <c r="N218117" s="10"/>
    </row>
    <row r="218118" spans="14:14">
      <c r="N218118" s="10"/>
    </row>
    <row r="218119" spans="14:14">
      <c r="N218119" s="10"/>
    </row>
    <row r="218120" spans="14:14">
      <c r="N218120" s="10"/>
    </row>
    <row r="218121" spans="14:14">
      <c r="N218121" s="10"/>
    </row>
    <row r="218122" spans="14:14">
      <c r="N218122" s="10"/>
    </row>
    <row r="218123" spans="14:14">
      <c r="N218123" s="10"/>
    </row>
    <row r="218124" spans="14:14">
      <c r="N218124" s="10"/>
    </row>
    <row r="218125" spans="14:14">
      <c r="N218125" s="10"/>
    </row>
    <row r="218126" spans="14:14">
      <c r="N218126" s="10"/>
    </row>
    <row r="218127" spans="14:14">
      <c r="N218127" s="10"/>
    </row>
    <row r="218128" spans="14:14">
      <c r="N218128" s="10"/>
    </row>
    <row r="218129" spans="14:14">
      <c r="N218129" s="10"/>
    </row>
    <row r="218130" spans="14:14">
      <c r="N218130" s="10"/>
    </row>
    <row r="218131" spans="14:14">
      <c r="N218131" s="10"/>
    </row>
    <row r="218132" spans="14:14">
      <c r="N218132" s="10"/>
    </row>
    <row r="218133" spans="14:14">
      <c r="N218133" s="10"/>
    </row>
    <row r="218134" spans="14:14">
      <c r="N218134" s="10"/>
    </row>
    <row r="218135" spans="14:14">
      <c r="N218135" s="10"/>
    </row>
    <row r="218136" spans="14:14">
      <c r="N218136" s="10"/>
    </row>
    <row r="218137" spans="14:14">
      <c r="N218137" s="10"/>
    </row>
    <row r="218138" spans="14:14">
      <c r="N218138" s="10"/>
    </row>
    <row r="218139" spans="14:14">
      <c r="N218139" s="10"/>
    </row>
    <row r="218140" spans="14:14">
      <c r="N218140" s="10"/>
    </row>
    <row r="218141" spans="14:14">
      <c r="N218141" s="10"/>
    </row>
    <row r="218142" spans="14:14">
      <c r="N218142" s="10"/>
    </row>
    <row r="218143" spans="14:14">
      <c r="N218143" s="10"/>
    </row>
    <row r="218144" spans="14:14">
      <c r="N218144" s="10"/>
    </row>
    <row r="218145" spans="14:14">
      <c r="N218145" s="10"/>
    </row>
    <row r="218146" spans="14:14">
      <c r="N218146" s="10"/>
    </row>
    <row r="218147" spans="14:14">
      <c r="N218147" s="10"/>
    </row>
    <row r="218148" spans="14:14">
      <c r="N218148" s="10"/>
    </row>
    <row r="218149" spans="14:14">
      <c r="N218149" s="10"/>
    </row>
    <row r="218150" spans="14:14">
      <c r="N218150" s="10"/>
    </row>
    <row r="218151" spans="14:14">
      <c r="N218151" s="10"/>
    </row>
    <row r="218152" spans="14:14">
      <c r="N218152" s="10"/>
    </row>
    <row r="218153" spans="14:14">
      <c r="N218153" s="10"/>
    </row>
    <row r="218154" spans="14:14">
      <c r="N218154" s="10"/>
    </row>
    <row r="218155" spans="14:14">
      <c r="N218155" s="10"/>
    </row>
    <row r="218156" spans="14:14">
      <c r="N218156" s="10"/>
    </row>
    <row r="218157" spans="14:14">
      <c r="N218157" s="10"/>
    </row>
    <row r="218158" spans="14:14">
      <c r="N218158" s="10"/>
    </row>
    <row r="218159" spans="14:14">
      <c r="N218159" s="10"/>
    </row>
    <row r="218160" spans="14:14">
      <c r="N218160" s="10"/>
    </row>
    <row r="218161" spans="14:14">
      <c r="N218161" s="10"/>
    </row>
    <row r="218162" spans="14:14">
      <c r="N218162" s="10"/>
    </row>
    <row r="218163" spans="14:14">
      <c r="N218163" s="10"/>
    </row>
    <row r="218164" spans="14:14">
      <c r="N218164" s="10"/>
    </row>
    <row r="218165" spans="14:14">
      <c r="N218165" s="10"/>
    </row>
    <row r="218166" spans="14:14">
      <c r="N218166" s="10"/>
    </row>
    <row r="218167" spans="14:14">
      <c r="N218167" s="10"/>
    </row>
    <row r="218168" spans="14:14">
      <c r="N218168" s="10"/>
    </row>
    <row r="218169" spans="14:14">
      <c r="N218169" s="10"/>
    </row>
    <row r="218170" spans="14:14">
      <c r="N218170" s="10"/>
    </row>
    <row r="218171" spans="14:14">
      <c r="N218171" s="10"/>
    </row>
    <row r="218172" spans="14:14">
      <c r="N218172" s="10"/>
    </row>
    <row r="218173" spans="14:14">
      <c r="N218173" s="10"/>
    </row>
    <row r="218174" spans="14:14">
      <c r="N218174" s="10"/>
    </row>
    <row r="218175" spans="14:14">
      <c r="N218175" s="10"/>
    </row>
    <row r="218176" spans="14:14">
      <c r="N218176" s="10"/>
    </row>
    <row r="218177" spans="14:14">
      <c r="N218177" s="10"/>
    </row>
    <row r="218178" spans="14:14">
      <c r="N218178" s="10"/>
    </row>
    <row r="218179" spans="14:14">
      <c r="N218179" s="10"/>
    </row>
    <row r="218180" spans="14:14">
      <c r="N218180" s="10"/>
    </row>
    <row r="218181" spans="14:14">
      <c r="N218181" s="10"/>
    </row>
    <row r="218182" spans="14:14">
      <c r="N218182" s="10"/>
    </row>
    <row r="218183" spans="14:14">
      <c r="N218183" s="10"/>
    </row>
    <row r="218184" spans="14:14">
      <c r="N218184" s="10"/>
    </row>
    <row r="218185" spans="14:14">
      <c r="N218185" s="10"/>
    </row>
    <row r="218186" spans="14:14">
      <c r="N218186" s="10"/>
    </row>
    <row r="218187" spans="14:14">
      <c r="N218187" s="10"/>
    </row>
    <row r="218188" spans="14:14">
      <c r="N218188" s="10"/>
    </row>
    <row r="218189" spans="14:14">
      <c r="N218189" s="10"/>
    </row>
    <row r="218190" spans="14:14">
      <c r="N218190" s="10"/>
    </row>
    <row r="218191" spans="14:14">
      <c r="N218191" s="10"/>
    </row>
    <row r="218192" spans="14:14">
      <c r="N218192" s="10"/>
    </row>
    <row r="218193" spans="14:14">
      <c r="N218193" s="10"/>
    </row>
    <row r="218194" spans="14:14">
      <c r="N218194" s="10"/>
    </row>
    <row r="218195" spans="14:14">
      <c r="N218195" s="10"/>
    </row>
    <row r="218196" spans="14:14">
      <c r="N218196" s="10"/>
    </row>
    <row r="218197" spans="14:14">
      <c r="N218197" s="10"/>
    </row>
    <row r="218198" spans="14:14">
      <c r="N218198" s="10"/>
    </row>
    <row r="218199" spans="14:14">
      <c r="N218199" s="10"/>
    </row>
    <row r="218200" spans="14:14">
      <c r="N218200" s="10"/>
    </row>
    <row r="218201" spans="14:14">
      <c r="N218201" s="10"/>
    </row>
    <row r="218202" spans="14:14">
      <c r="N218202" s="10"/>
    </row>
    <row r="218203" spans="14:14">
      <c r="N218203" s="10"/>
    </row>
    <row r="218204" spans="14:14">
      <c r="N218204" s="10"/>
    </row>
    <row r="218205" spans="14:14">
      <c r="N218205" s="10"/>
    </row>
    <row r="218206" spans="14:14">
      <c r="N218206" s="10"/>
    </row>
    <row r="218207" spans="14:14">
      <c r="N218207" s="10"/>
    </row>
    <row r="218208" spans="14:14">
      <c r="N218208" s="10"/>
    </row>
    <row r="218209" spans="14:14">
      <c r="N218209" s="10"/>
    </row>
    <row r="218210" spans="14:14">
      <c r="N218210" s="10"/>
    </row>
    <row r="218211" spans="14:14">
      <c r="N218211" s="10"/>
    </row>
    <row r="218212" spans="14:14">
      <c r="N218212" s="10"/>
    </row>
    <row r="218213" spans="14:14">
      <c r="N218213" s="10"/>
    </row>
    <row r="218214" spans="14:14">
      <c r="N218214" s="10"/>
    </row>
    <row r="218215" spans="14:14">
      <c r="N218215" s="10"/>
    </row>
    <row r="218216" spans="14:14">
      <c r="N218216" s="10"/>
    </row>
    <row r="218217" spans="14:14">
      <c r="N218217" s="10"/>
    </row>
    <row r="218218" spans="14:14">
      <c r="N218218" s="10"/>
    </row>
    <row r="218219" spans="14:14">
      <c r="N218219" s="10"/>
    </row>
    <row r="218220" spans="14:14">
      <c r="N218220" s="10"/>
    </row>
    <row r="218221" spans="14:14">
      <c r="N218221" s="10"/>
    </row>
    <row r="218222" spans="14:14">
      <c r="N218222" s="10"/>
    </row>
    <row r="218223" spans="14:14">
      <c r="N218223" s="10"/>
    </row>
    <row r="218224" spans="14:14">
      <c r="N218224" s="10"/>
    </row>
    <row r="218225" spans="14:14">
      <c r="N218225" s="10"/>
    </row>
    <row r="218226" spans="14:14">
      <c r="N218226" s="10"/>
    </row>
    <row r="218227" spans="14:14">
      <c r="N218227" s="10"/>
    </row>
    <row r="218228" spans="14:14">
      <c r="N218228" s="10"/>
    </row>
    <row r="218229" spans="14:14">
      <c r="N218229" s="10"/>
    </row>
    <row r="218230" spans="14:14">
      <c r="N218230" s="10"/>
    </row>
    <row r="218231" spans="14:14">
      <c r="N218231" s="10"/>
    </row>
    <row r="218232" spans="14:14">
      <c r="N218232" s="10"/>
    </row>
    <row r="218233" spans="14:14">
      <c r="N218233" s="10"/>
    </row>
    <row r="218234" spans="14:14">
      <c r="N218234" s="10"/>
    </row>
    <row r="218235" spans="14:14">
      <c r="N218235" s="10"/>
    </row>
    <row r="218236" spans="14:14">
      <c r="N218236" s="10"/>
    </row>
    <row r="218237" spans="14:14">
      <c r="N218237" s="10"/>
    </row>
    <row r="218238" spans="14:14">
      <c r="N218238" s="10"/>
    </row>
    <row r="218239" spans="14:14">
      <c r="N218239" s="10"/>
    </row>
    <row r="218240" spans="14:14">
      <c r="N218240" s="10"/>
    </row>
    <row r="218241" spans="14:14">
      <c r="N218241" s="10"/>
    </row>
    <row r="218242" spans="14:14">
      <c r="N218242" s="10"/>
    </row>
    <row r="218243" spans="14:14">
      <c r="N218243" s="10"/>
    </row>
    <row r="218244" spans="14:14">
      <c r="N218244" s="10"/>
    </row>
    <row r="218245" spans="14:14">
      <c r="N218245" s="10"/>
    </row>
    <row r="218246" spans="14:14">
      <c r="N218246" s="10"/>
    </row>
    <row r="218247" spans="14:14">
      <c r="N218247" s="10"/>
    </row>
    <row r="218248" spans="14:14">
      <c r="N218248" s="10"/>
    </row>
    <row r="218249" spans="14:14">
      <c r="N218249" s="10"/>
    </row>
    <row r="218250" spans="14:14">
      <c r="N218250" s="10"/>
    </row>
    <row r="218251" spans="14:14">
      <c r="N218251" s="10"/>
    </row>
    <row r="218252" spans="14:14">
      <c r="N218252" s="10"/>
    </row>
    <row r="218253" spans="14:14">
      <c r="N218253" s="10"/>
    </row>
    <row r="218254" spans="14:14">
      <c r="N218254" s="10"/>
    </row>
    <row r="218255" spans="14:14">
      <c r="N218255" s="10"/>
    </row>
    <row r="218256" spans="14:14">
      <c r="N218256" s="10"/>
    </row>
    <row r="218257" spans="14:14">
      <c r="N218257" s="10"/>
    </row>
    <row r="218258" spans="14:14">
      <c r="N218258" s="10"/>
    </row>
    <row r="218259" spans="14:14">
      <c r="N218259" s="10"/>
    </row>
    <row r="218260" spans="14:14">
      <c r="N218260" s="10"/>
    </row>
    <row r="218261" spans="14:14">
      <c r="N218261" s="10"/>
    </row>
    <row r="218262" spans="14:14">
      <c r="N218262" s="10"/>
    </row>
    <row r="218263" spans="14:14">
      <c r="N218263" s="10"/>
    </row>
    <row r="218264" spans="14:14">
      <c r="N218264" s="10"/>
    </row>
    <row r="218265" spans="14:14">
      <c r="N218265" s="10"/>
    </row>
    <row r="218266" spans="14:14">
      <c r="N218266" s="10"/>
    </row>
    <row r="218267" spans="14:14">
      <c r="N218267" s="10"/>
    </row>
    <row r="218268" spans="14:14">
      <c r="N218268" s="10"/>
    </row>
    <row r="218269" spans="14:14">
      <c r="N218269" s="10"/>
    </row>
    <row r="218270" spans="14:14">
      <c r="N218270" s="10"/>
    </row>
    <row r="218271" spans="14:14">
      <c r="N218271" s="10"/>
    </row>
    <row r="218272" spans="14:14">
      <c r="N218272" s="10"/>
    </row>
    <row r="218273" spans="14:14">
      <c r="N218273" s="10"/>
    </row>
    <row r="218274" spans="14:14">
      <c r="N218274" s="10"/>
    </row>
    <row r="218275" spans="14:14">
      <c r="N218275" s="10"/>
    </row>
    <row r="218276" spans="14:14">
      <c r="N218276" s="10"/>
    </row>
    <row r="218277" spans="14:14">
      <c r="N218277" s="10"/>
    </row>
    <row r="218278" spans="14:14">
      <c r="N218278" s="10"/>
    </row>
    <row r="218279" spans="14:14">
      <c r="N218279" s="10"/>
    </row>
    <row r="218280" spans="14:14">
      <c r="N218280" s="10"/>
    </row>
    <row r="218281" spans="14:14">
      <c r="N218281" s="10"/>
    </row>
    <row r="218282" spans="14:14">
      <c r="N218282" s="10"/>
    </row>
    <row r="218283" spans="14:14">
      <c r="N218283" s="10"/>
    </row>
    <row r="218284" spans="14:14">
      <c r="N218284" s="10"/>
    </row>
    <row r="218285" spans="14:14">
      <c r="N218285" s="10"/>
    </row>
    <row r="218286" spans="14:14">
      <c r="N218286" s="10"/>
    </row>
    <row r="218287" spans="14:14">
      <c r="N218287" s="10"/>
    </row>
    <row r="218288" spans="14:14">
      <c r="N218288" s="10"/>
    </row>
    <row r="218289" spans="14:14">
      <c r="N218289" s="10"/>
    </row>
    <row r="218290" spans="14:14">
      <c r="N218290" s="10"/>
    </row>
    <row r="218291" spans="14:14">
      <c r="N218291" s="10"/>
    </row>
    <row r="218292" spans="14:14">
      <c r="N218292" s="10"/>
    </row>
    <row r="218293" spans="14:14">
      <c r="N218293" s="10"/>
    </row>
    <row r="218294" spans="14:14">
      <c r="N218294" s="10"/>
    </row>
    <row r="218295" spans="14:14">
      <c r="N218295" s="10"/>
    </row>
    <row r="218296" spans="14:14">
      <c r="N218296" s="10"/>
    </row>
    <row r="218297" spans="14:14">
      <c r="N218297" s="10"/>
    </row>
    <row r="218298" spans="14:14">
      <c r="N218298" s="10"/>
    </row>
    <row r="218299" spans="14:14">
      <c r="N218299" s="10"/>
    </row>
    <row r="218300" spans="14:14">
      <c r="N218300" s="10"/>
    </row>
    <row r="218301" spans="14:14">
      <c r="N218301" s="10"/>
    </row>
    <row r="218302" spans="14:14">
      <c r="N218302" s="10"/>
    </row>
    <row r="218303" spans="14:14">
      <c r="N218303" s="10"/>
    </row>
    <row r="218304" spans="14:14">
      <c r="N218304" s="10"/>
    </row>
    <row r="218305" spans="14:14">
      <c r="N218305" s="10"/>
    </row>
    <row r="218306" spans="14:14">
      <c r="N218306" s="10"/>
    </row>
    <row r="218307" spans="14:14">
      <c r="N218307" s="10"/>
    </row>
    <row r="218308" spans="14:14">
      <c r="N218308" s="10"/>
    </row>
    <row r="218309" spans="14:14">
      <c r="N218309" s="10"/>
    </row>
    <row r="218310" spans="14:14">
      <c r="N218310" s="10"/>
    </row>
    <row r="218311" spans="14:14">
      <c r="N218311" s="10"/>
    </row>
    <row r="218312" spans="14:14">
      <c r="N218312" s="10"/>
    </row>
    <row r="218313" spans="14:14">
      <c r="N218313" s="10"/>
    </row>
    <row r="218314" spans="14:14">
      <c r="N218314" s="10"/>
    </row>
    <row r="218315" spans="14:14">
      <c r="N218315" s="10"/>
    </row>
    <row r="218316" spans="14:14">
      <c r="N218316" s="10"/>
    </row>
    <row r="218317" spans="14:14">
      <c r="N218317" s="10"/>
    </row>
    <row r="218318" spans="14:14">
      <c r="N218318" s="10"/>
    </row>
    <row r="218319" spans="14:14">
      <c r="N218319" s="10"/>
    </row>
    <row r="218320" spans="14:14">
      <c r="N218320" s="10"/>
    </row>
    <row r="218321" spans="14:14">
      <c r="N218321" s="10"/>
    </row>
    <row r="218322" spans="14:14">
      <c r="N218322" s="10"/>
    </row>
    <row r="218323" spans="14:14">
      <c r="N218323" s="10"/>
    </row>
    <row r="218324" spans="14:14">
      <c r="N218324" s="10"/>
    </row>
    <row r="218325" spans="14:14">
      <c r="N218325" s="10"/>
    </row>
    <row r="218326" spans="14:14">
      <c r="N218326" s="10"/>
    </row>
    <row r="218327" spans="14:14">
      <c r="N218327" s="10"/>
    </row>
    <row r="218328" spans="14:14">
      <c r="N218328" s="10"/>
    </row>
    <row r="218329" spans="14:14">
      <c r="N218329" s="10"/>
    </row>
    <row r="218330" spans="14:14">
      <c r="N218330" s="10"/>
    </row>
    <row r="218331" spans="14:14">
      <c r="N218331" s="10"/>
    </row>
    <row r="218332" spans="14:14">
      <c r="N218332" s="10"/>
    </row>
    <row r="218333" spans="14:14">
      <c r="N218333" s="10"/>
    </row>
    <row r="218334" spans="14:14">
      <c r="N218334" s="10"/>
    </row>
    <row r="218335" spans="14:14">
      <c r="N218335" s="10"/>
    </row>
    <row r="218336" spans="14:14">
      <c r="N218336" s="10"/>
    </row>
    <row r="218337" spans="14:14">
      <c r="N218337" s="10"/>
    </row>
    <row r="218338" spans="14:14">
      <c r="N218338" s="10"/>
    </row>
    <row r="218339" spans="14:14">
      <c r="N218339" s="10"/>
    </row>
    <row r="218340" spans="14:14">
      <c r="N218340" s="10"/>
    </row>
    <row r="218341" spans="14:14">
      <c r="N218341" s="10"/>
    </row>
    <row r="218342" spans="14:14">
      <c r="N218342" s="10"/>
    </row>
    <row r="218343" spans="14:14">
      <c r="N218343" s="10"/>
    </row>
    <row r="218344" spans="14:14">
      <c r="N218344" s="10"/>
    </row>
    <row r="218345" spans="14:14">
      <c r="N218345" s="10"/>
    </row>
    <row r="218346" spans="14:14">
      <c r="N218346" s="10"/>
    </row>
    <row r="218347" spans="14:14">
      <c r="N218347" s="10"/>
    </row>
    <row r="218348" spans="14:14">
      <c r="N218348" s="10"/>
    </row>
    <row r="218349" spans="14:14">
      <c r="N218349" s="10"/>
    </row>
    <row r="218350" spans="14:14">
      <c r="N218350" s="10"/>
    </row>
    <row r="218351" spans="14:14">
      <c r="N218351" s="10"/>
    </row>
    <row r="218352" spans="14:14">
      <c r="N218352" s="10"/>
    </row>
    <row r="218353" spans="14:14">
      <c r="N218353" s="10"/>
    </row>
    <row r="218354" spans="14:14">
      <c r="N218354" s="10"/>
    </row>
    <row r="218355" spans="14:14">
      <c r="N218355" s="10"/>
    </row>
    <row r="218356" spans="14:14">
      <c r="N218356" s="10"/>
    </row>
    <row r="218357" spans="14:14">
      <c r="N218357" s="10"/>
    </row>
    <row r="218358" spans="14:14">
      <c r="N218358" s="10"/>
    </row>
    <row r="218359" spans="14:14">
      <c r="N218359" s="10"/>
    </row>
    <row r="218360" spans="14:14">
      <c r="N218360" s="10"/>
    </row>
    <row r="218361" spans="14:14">
      <c r="N218361" s="10"/>
    </row>
    <row r="218362" spans="14:14">
      <c r="N218362" s="10"/>
    </row>
    <row r="218363" spans="14:14">
      <c r="N218363" s="10"/>
    </row>
    <row r="218364" spans="14:14">
      <c r="N218364" s="10"/>
    </row>
    <row r="218365" spans="14:14">
      <c r="N218365" s="10"/>
    </row>
    <row r="218366" spans="14:14">
      <c r="N218366" s="10"/>
    </row>
    <row r="218367" spans="14:14">
      <c r="N218367" s="10"/>
    </row>
    <row r="218368" spans="14:14">
      <c r="N218368" s="10"/>
    </row>
    <row r="218369" spans="14:14">
      <c r="N218369" s="10"/>
    </row>
    <row r="218370" spans="14:14">
      <c r="N218370" s="10"/>
    </row>
    <row r="218371" spans="14:14">
      <c r="N218371" s="10"/>
    </row>
    <row r="218372" spans="14:14">
      <c r="N218372" s="10"/>
    </row>
    <row r="218373" spans="14:14">
      <c r="N218373" s="10"/>
    </row>
    <row r="218374" spans="14:14">
      <c r="N218374" s="10"/>
    </row>
    <row r="218375" spans="14:14">
      <c r="N218375" s="10"/>
    </row>
    <row r="218376" spans="14:14">
      <c r="N218376" s="10"/>
    </row>
    <row r="218377" spans="14:14">
      <c r="N218377" s="10"/>
    </row>
    <row r="218378" spans="14:14">
      <c r="N218378" s="10"/>
    </row>
    <row r="218379" spans="14:14">
      <c r="N218379" s="10"/>
    </row>
    <row r="218380" spans="14:14">
      <c r="N218380" s="10"/>
    </row>
    <row r="218381" spans="14:14">
      <c r="N218381" s="10"/>
    </row>
    <row r="218382" spans="14:14">
      <c r="N218382" s="10"/>
    </row>
    <row r="218383" spans="14:14">
      <c r="N218383" s="10"/>
    </row>
    <row r="218384" spans="14:14">
      <c r="N218384" s="10"/>
    </row>
    <row r="218385" spans="14:14">
      <c r="N218385" s="10"/>
    </row>
    <row r="218386" spans="14:14">
      <c r="N218386" s="10"/>
    </row>
    <row r="218387" spans="14:14">
      <c r="N218387" s="10"/>
    </row>
    <row r="218388" spans="14:14">
      <c r="N218388" s="10"/>
    </row>
    <row r="218389" spans="14:14">
      <c r="N218389" s="10"/>
    </row>
    <row r="218390" spans="14:14">
      <c r="N218390" s="10"/>
    </row>
    <row r="218391" spans="14:14">
      <c r="N218391" s="10"/>
    </row>
    <row r="218392" spans="14:14">
      <c r="N218392" s="10"/>
    </row>
    <row r="218393" spans="14:14">
      <c r="N218393" s="10"/>
    </row>
    <row r="218394" spans="14:14">
      <c r="N218394" s="10"/>
    </row>
    <row r="218395" spans="14:14">
      <c r="N218395" s="10"/>
    </row>
    <row r="218396" spans="14:14">
      <c r="N218396" s="10"/>
    </row>
    <row r="218397" spans="14:14">
      <c r="N218397" s="10"/>
    </row>
    <row r="218398" spans="14:14">
      <c r="N218398" s="10"/>
    </row>
    <row r="218399" spans="14:14">
      <c r="N218399" s="10"/>
    </row>
    <row r="218400" spans="14:14">
      <c r="N218400" s="10"/>
    </row>
    <row r="218401" spans="14:14">
      <c r="N218401" s="10"/>
    </row>
    <row r="218402" spans="14:14">
      <c r="N218402" s="10"/>
    </row>
    <row r="218403" spans="14:14">
      <c r="N218403" s="10"/>
    </row>
    <row r="218404" spans="14:14">
      <c r="N218404" s="10"/>
    </row>
    <row r="218405" spans="14:14">
      <c r="N218405" s="10"/>
    </row>
    <row r="218406" spans="14:14">
      <c r="N218406" s="10"/>
    </row>
    <row r="218407" spans="14:14">
      <c r="N218407" s="10"/>
    </row>
    <row r="218408" spans="14:14">
      <c r="N218408" s="10"/>
    </row>
    <row r="218409" spans="14:14">
      <c r="N218409" s="10"/>
    </row>
    <row r="218410" spans="14:14">
      <c r="N218410" s="10"/>
    </row>
    <row r="218411" spans="14:14">
      <c r="N218411" s="10"/>
    </row>
    <row r="218412" spans="14:14">
      <c r="N218412" s="10"/>
    </row>
    <row r="218413" spans="14:14">
      <c r="N218413" s="10"/>
    </row>
    <row r="218414" spans="14:14">
      <c r="N218414" s="10"/>
    </row>
    <row r="218415" spans="14:14">
      <c r="N218415" s="10"/>
    </row>
    <row r="218416" spans="14:14">
      <c r="N218416" s="10"/>
    </row>
    <row r="218417" spans="14:14">
      <c r="N218417" s="10"/>
    </row>
    <row r="218418" spans="14:14">
      <c r="N218418" s="10"/>
    </row>
    <row r="218419" spans="14:14">
      <c r="N218419" s="10"/>
    </row>
    <row r="218420" spans="14:14">
      <c r="N218420" s="10"/>
    </row>
    <row r="218421" spans="14:14">
      <c r="N218421" s="10"/>
    </row>
    <row r="218422" spans="14:14">
      <c r="N218422" s="10"/>
    </row>
    <row r="218423" spans="14:14">
      <c r="N218423" s="10"/>
    </row>
    <row r="218424" spans="14:14">
      <c r="N218424" s="10"/>
    </row>
    <row r="218425" spans="14:14">
      <c r="N218425" s="10"/>
    </row>
    <row r="218426" spans="14:14">
      <c r="N218426" s="10"/>
    </row>
    <row r="218427" spans="14:14">
      <c r="N218427" s="10"/>
    </row>
    <row r="218428" spans="14:14">
      <c r="N218428" s="10"/>
    </row>
    <row r="218429" spans="14:14">
      <c r="N218429" s="10"/>
    </row>
    <row r="218430" spans="14:14">
      <c r="N218430" s="10"/>
    </row>
    <row r="218431" spans="14:14">
      <c r="N218431" s="10"/>
    </row>
    <row r="218432" spans="14:14">
      <c r="N218432" s="10"/>
    </row>
    <row r="218433" spans="14:14">
      <c r="N218433" s="10"/>
    </row>
    <row r="218434" spans="14:14">
      <c r="N218434" s="10"/>
    </row>
    <row r="218435" spans="14:14">
      <c r="N218435" s="10"/>
    </row>
    <row r="218436" spans="14:14">
      <c r="N218436" s="10"/>
    </row>
    <row r="218437" spans="14:14">
      <c r="N218437" s="10"/>
    </row>
    <row r="218438" spans="14:14">
      <c r="N218438" s="10"/>
    </row>
    <row r="218439" spans="14:14">
      <c r="N218439" s="10"/>
    </row>
    <row r="218440" spans="14:14">
      <c r="N218440" s="10"/>
    </row>
    <row r="218441" spans="14:14">
      <c r="N218441" s="10"/>
    </row>
    <row r="218442" spans="14:14">
      <c r="N218442" s="10"/>
    </row>
    <row r="218443" spans="14:14">
      <c r="N218443" s="10"/>
    </row>
    <row r="218444" spans="14:14">
      <c r="N218444" s="10"/>
    </row>
    <row r="218445" spans="14:14">
      <c r="N218445" s="10"/>
    </row>
    <row r="218446" spans="14:14">
      <c r="N218446" s="10"/>
    </row>
    <row r="218447" spans="14:14">
      <c r="N218447" s="10"/>
    </row>
    <row r="218448" spans="14:14">
      <c r="N218448" s="10"/>
    </row>
    <row r="218449" spans="14:14">
      <c r="N218449" s="10"/>
    </row>
    <row r="218450" spans="14:14">
      <c r="N218450" s="10"/>
    </row>
    <row r="218451" spans="14:14">
      <c r="N218451" s="10"/>
    </row>
    <row r="218452" spans="14:14">
      <c r="N218452" s="10"/>
    </row>
    <row r="218453" spans="14:14">
      <c r="N218453" s="10"/>
    </row>
    <row r="218454" spans="14:14">
      <c r="N218454" s="10"/>
    </row>
    <row r="218455" spans="14:14">
      <c r="N218455" s="10"/>
    </row>
    <row r="218456" spans="14:14">
      <c r="N218456" s="10"/>
    </row>
    <row r="218457" spans="14:14">
      <c r="N218457" s="10"/>
    </row>
    <row r="218458" spans="14:14">
      <c r="N218458" s="10"/>
    </row>
    <row r="218459" spans="14:14">
      <c r="N218459" s="10"/>
    </row>
    <row r="218460" spans="14:14">
      <c r="N218460" s="10"/>
    </row>
    <row r="218461" spans="14:14">
      <c r="N218461" s="10"/>
    </row>
    <row r="218462" spans="14:14">
      <c r="N218462" s="10"/>
    </row>
    <row r="218463" spans="14:14">
      <c r="N218463" s="10"/>
    </row>
    <row r="218464" spans="14:14">
      <c r="N218464" s="10"/>
    </row>
    <row r="218465" spans="14:14">
      <c r="N218465" s="10"/>
    </row>
    <row r="218466" spans="14:14">
      <c r="N218466" s="10"/>
    </row>
    <row r="218467" spans="14:14">
      <c r="N218467" s="10"/>
    </row>
    <row r="218468" spans="14:14">
      <c r="N218468" s="10"/>
    </row>
    <row r="218469" spans="14:14">
      <c r="N218469" s="10"/>
    </row>
    <row r="218470" spans="14:14">
      <c r="N218470" s="10"/>
    </row>
    <row r="218471" spans="14:14">
      <c r="N218471" s="10"/>
    </row>
    <row r="218472" spans="14:14">
      <c r="N218472" s="10"/>
    </row>
    <row r="218473" spans="14:14">
      <c r="N218473" s="10"/>
    </row>
    <row r="218474" spans="14:14">
      <c r="N218474" s="10"/>
    </row>
    <row r="218475" spans="14:14">
      <c r="N218475" s="10"/>
    </row>
    <row r="218476" spans="14:14">
      <c r="N218476" s="10"/>
    </row>
    <row r="218477" spans="14:14">
      <c r="N218477" s="10"/>
    </row>
    <row r="218478" spans="14:14">
      <c r="N218478" s="10"/>
    </row>
    <row r="218479" spans="14:14">
      <c r="N218479" s="10"/>
    </row>
    <row r="218480" spans="14:14">
      <c r="N218480" s="10"/>
    </row>
    <row r="218481" spans="14:14">
      <c r="N218481" s="10"/>
    </row>
    <row r="218482" spans="14:14">
      <c r="N218482" s="10"/>
    </row>
    <row r="218483" spans="14:14">
      <c r="N218483" s="10"/>
    </row>
    <row r="218484" spans="14:14">
      <c r="N218484" s="10"/>
    </row>
    <row r="218485" spans="14:14">
      <c r="N218485" s="10"/>
    </row>
    <row r="218486" spans="14:14">
      <c r="N218486" s="10"/>
    </row>
    <row r="218487" spans="14:14">
      <c r="N218487" s="10"/>
    </row>
    <row r="218488" spans="14:14">
      <c r="N218488" s="10"/>
    </row>
    <row r="218489" spans="14:14">
      <c r="N218489" s="10"/>
    </row>
    <row r="218490" spans="14:14">
      <c r="N218490" s="10"/>
    </row>
    <row r="218491" spans="14:14">
      <c r="N218491" s="10"/>
    </row>
    <row r="218492" spans="14:14">
      <c r="N218492" s="10"/>
    </row>
    <row r="218493" spans="14:14">
      <c r="N218493" s="10"/>
    </row>
    <row r="218494" spans="14:14">
      <c r="N218494" s="10"/>
    </row>
    <row r="218495" spans="14:14">
      <c r="N218495" s="10"/>
    </row>
    <row r="218496" spans="14:14">
      <c r="N218496" s="10"/>
    </row>
    <row r="218497" spans="14:14">
      <c r="N218497" s="10"/>
    </row>
    <row r="218498" spans="14:14">
      <c r="N218498" s="10"/>
    </row>
    <row r="218499" spans="14:14">
      <c r="N218499" s="10"/>
    </row>
    <row r="218500" spans="14:14">
      <c r="N218500" s="10"/>
    </row>
    <row r="218501" spans="14:14">
      <c r="N218501" s="10"/>
    </row>
    <row r="218502" spans="14:14">
      <c r="N218502" s="10"/>
    </row>
    <row r="218503" spans="14:14">
      <c r="N218503" s="10"/>
    </row>
    <row r="218504" spans="14:14">
      <c r="N218504" s="10"/>
    </row>
    <row r="218505" spans="14:14">
      <c r="N218505" s="10"/>
    </row>
    <row r="218506" spans="14:14">
      <c r="N218506" s="10"/>
    </row>
    <row r="218507" spans="14:14">
      <c r="N218507" s="10"/>
    </row>
    <row r="218508" spans="14:14">
      <c r="N218508" s="10"/>
    </row>
    <row r="218509" spans="14:14">
      <c r="N218509" s="10"/>
    </row>
    <row r="218510" spans="14:14">
      <c r="N218510" s="10"/>
    </row>
    <row r="218511" spans="14:14">
      <c r="N218511" s="10"/>
    </row>
    <row r="218512" spans="14:14">
      <c r="N218512" s="10"/>
    </row>
    <row r="218513" spans="14:14">
      <c r="N218513" s="10"/>
    </row>
    <row r="218514" spans="14:14">
      <c r="N218514" s="10"/>
    </row>
    <row r="218515" spans="14:14">
      <c r="N218515" s="10"/>
    </row>
    <row r="218516" spans="14:14">
      <c r="N218516" s="10"/>
    </row>
    <row r="218517" spans="14:14">
      <c r="N218517" s="10"/>
    </row>
    <row r="218518" spans="14:14">
      <c r="N218518" s="10"/>
    </row>
    <row r="218519" spans="14:14">
      <c r="N218519" s="10"/>
    </row>
    <row r="218520" spans="14:14">
      <c r="N218520" s="10"/>
    </row>
    <row r="218521" spans="14:14">
      <c r="N218521" s="10"/>
    </row>
    <row r="218522" spans="14:14">
      <c r="N218522" s="10"/>
    </row>
    <row r="218523" spans="14:14">
      <c r="N218523" s="10"/>
    </row>
    <row r="218524" spans="14:14">
      <c r="N218524" s="10"/>
    </row>
    <row r="218525" spans="14:14">
      <c r="N218525" s="10"/>
    </row>
    <row r="218526" spans="14:14">
      <c r="N218526" s="10"/>
    </row>
    <row r="218527" spans="14:14">
      <c r="N218527" s="10"/>
    </row>
    <row r="218528" spans="14:14">
      <c r="N218528" s="10"/>
    </row>
    <row r="218529" spans="14:14">
      <c r="N218529" s="10"/>
    </row>
    <row r="218530" spans="14:14">
      <c r="N218530" s="10"/>
    </row>
    <row r="218531" spans="14:14">
      <c r="N218531" s="10"/>
    </row>
    <row r="218532" spans="14:14">
      <c r="N218532" s="10"/>
    </row>
    <row r="218533" spans="14:14">
      <c r="N218533" s="10"/>
    </row>
    <row r="218534" spans="14:14">
      <c r="N218534" s="10"/>
    </row>
    <row r="218535" spans="14:14">
      <c r="N218535" s="10"/>
    </row>
    <row r="218536" spans="14:14">
      <c r="N218536" s="10"/>
    </row>
    <row r="218537" spans="14:14">
      <c r="N218537" s="10"/>
    </row>
    <row r="218538" spans="14:14">
      <c r="N218538" s="10"/>
    </row>
    <row r="218539" spans="14:14">
      <c r="N218539" s="10"/>
    </row>
    <row r="218540" spans="14:14">
      <c r="N218540" s="10"/>
    </row>
    <row r="218541" spans="14:14">
      <c r="N218541" s="10"/>
    </row>
    <row r="218542" spans="14:14">
      <c r="N218542" s="10"/>
    </row>
    <row r="218543" spans="14:14">
      <c r="N218543" s="10"/>
    </row>
    <row r="218544" spans="14:14">
      <c r="N218544" s="10"/>
    </row>
    <row r="218545" spans="14:14">
      <c r="N218545" s="10"/>
    </row>
    <row r="218546" spans="14:14">
      <c r="N218546" s="10"/>
    </row>
    <row r="218547" spans="14:14">
      <c r="N218547" s="10"/>
    </row>
    <row r="218548" spans="14:14">
      <c r="N218548" s="10"/>
    </row>
    <row r="218549" spans="14:14">
      <c r="N218549" s="10"/>
    </row>
    <row r="218550" spans="14:14">
      <c r="N218550" s="10"/>
    </row>
    <row r="218551" spans="14:14">
      <c r="N218551" s="10"/>
    </row>
    <row r="218552" spans="14:14">
      <c r="N218552" s="10"/>
    </row>
    <row r="218553" spans="14:14">
      <c r="N218553" s="10"/>
    </row>
    <row r="218554" spans="14:14">
      <c r="N218554" s="10"/>
    </row>
    <row r="218555" spans="14:14">
      <c r="N218555" s="10"/>
    </row>
    <row r="218556" spans="14:14">
      <c r="N218556" s="10"/>
    </row>
    <row r="218557" spans="14:14">
      <c r="N218557" s="10"/>
    </row>
    <row r="218558" spans="14:14">
      <c r="N218558" s="10"/>
    </row>
    <row r="218559" spans="14:14">
      <c r="N218559" s="10"/>
    </row>
    <row r="218560" spans="14:14">
      <c r="N218560" s="10"/>
    </row>
    <row r="218561" spans="14:14">
      <c r="N218561" s="10"/>
    </row>
    <row r="218562" spans="14:14">
      <c r="N218562" s="10"/>
    </row>
    <row r="218563" spans="14:14">
      <c r="N218563" s="10"/>
    </row>
    <row r="218564" spans="14:14">
      <c r="N218564" s="10"/>
    </row>
    <row r="218565" spans="14:14">
      <c r="N218565" s="10"/>
    </row>
    <row r="218566" spans="14:14">
      <c r="N218566" s="10"/>
    </row>
    <row r="218567" spans="14:14">
      <c r="N218567" s="10"/>
    </row>
    <row r="218568" spans="14:14">
      <c r="N218568" s="10"/>
    </row>
    <row r="218569" spans="14:14">
      <c r="N218569" s="10"/>
    </row>
    <row r="218570" spans="14:14">
      <c r="N218570" s="10"/>
    </row>
    <row r="218571" spans="14:14">
      <c r="N218571" s="10"/>
    </row>
    <row r="218572" spans="14:14">
      <c r="N218572" s="10"/>
    </row>
    <row r="218573" spans="14:14">
      <c r="N218573" s="10"/>
    </row>
    <row r="218574" spans="14:14">
      <c r="N218574" s="10"/>
    </row>
    <row r="218575" spans="14:14">
      <c r="N218575" s="10"/>
    </row>
    <row r="218576" spans="14:14">
      <c r="N218576" s="10"/>
    </row>
    <row r="218577" spans="14:14">
      <c r="N218577" s="10"/>
    </row>
    <row r="218578" spans="14:14">
      <c r="N218578" s="10"/>
    </row>
    <row r="218579" spans="14:14">
      <c r="N218579" s="10"/>
    </row>
    <row r="218580" spans="14:14">
      <c r="N218580" s="10"/>
    </row>
    <row r="218581" spans="14:14">
      <c r="N218581" s="10"/>
    </row>
    <row r="218582" spans="14:14">
      <c r="N218582" s="10"/>
    </row>
    <row r="218583" spans="14:14">
      <c r="N218583" s="10"/>
    </row>
    <row r="218584" spans="14:14">
      <c r="N218584" s="10"/>
    </row>
    <row r="218585" spans="14:14">
      <c r="N218585" s="10"/>
    </row>
    <row r="218586" spans="14:14">
      <c r="N218586" s="10"/>
    </row>
    <row r="218587" spans="14:14">
      <c r="N218587" s="10"/>
    </row>
    <row r="218588" spans="14:14">
      <c r="N218588" s="10"/>
    </row>
    <row r="218589" spans="14:14">
      <c r="N218589" s="10"/>
    </row>
    <row r="218590" spans="14:14">
      <c r="N218590" s="10"/>
    </row>
    <row r="218591" spans="14:14">
      <c r="N218591" s="10"/>
    </row>
    <row r="218592" spans="14:14">
      <c r="N218592" s="10"/>
    </row>
    <row r="218593" spans="14:14">
      <c r="N218593" s="10"/>
    </row>
    <row r="218594" spans="14:14">
      <c r="N218594" s="10"/>
    </row>
    <row r="218595" spans="14:14">
      <c r="N218595" s="10"/>
    </row>
    <row r="218596" spans="14:14">
      <c r="N218596" s="10"/>
    </row>
    <row r="218597" spans="14:14">
      <c r="N218597" s="10"/>
    </row>
    <row r="218598" spans="14:14">
      <c r="N218598" s="10"/>
    </row>
    <row r="218599" spans="14:14">
      <c r="N218599" s="10"/>
    </row>
    <row r="218600" spans="14:14">
      <c r="N218600" s="10"/>
    </row>
    <row r="218601" spans="14:14">
      <c r="N218601" s="10"/>
    </row>
    <row r="218602" spans="14:14">
      <c r="N218602" s="10"/>
    </row>
    <row r="218603" spans="14:14">
      <c r="N218603" s="10"/>
    </row>
    <row r="218604" spans="14:14">
      <c r="N218604" s="10"/>
    </row>
    <row r="218605" spans="14:14">
      <c r="N218605" s="10"/>
    </row>
    <row r="218606" spans="14:14">
      <c r="N218606" s="10"/>
    </row>
    <row r="218607" spans="14:14">
      <c r="N218607" s="10"/>
    </row>
    <row r="218608" spans="14:14">
      <c r="N218608" s="10"/>
    </row>
    <row r="218609" spans="14:14">
      <c r="N218609" s="10"/>
    </row>
    <row r="218610" spans="14:14">
      <c r="N218610" s="10"/>
    </row>
    <row r="218611" spans="14:14">
      <c r="N218611" s="10"/>
    </row>
    <row r="218612" spans="14:14">
      <c r="N218612" s="10"/>
    </row>
    <row r="218613" spans="14:14">
      <c r="N218613" s="10"/>
    </row>
    <row r="218614" spans="14:14">
      <c r="N218614" s="10"/>
    </row>
    <row r="218615" spans="14:14">
      <c r="N218615" s="10"/>
    </row>
    <row r="218616" spans="14:14">
      <c r="N218616" s="10"/>
    </row>
    <row r="218617" spans="14:14">
      <c r="N218617" s="10"/>
    </row>
    <row r="218618" spans="14:14">
      <c r="N218618" s="10"/>
    </row>
    <row r="218619" spans="14:14">
      <c r="N218619" s="10"/>
    </row>
    <row r="218620" spans="14:14">
      <c r="N218620" s="10"/>
    </row>
    <row r="218621" spans="14:14">
      <c r="N218621" s="10"/>
    </row>
    <row r="218622" spans="14:14">
      <c r="N218622" s="10"/>
    </row>
    <row r="218623" spans="14:14">
      <c r="N218623" s="10"/>
    </row>
    <row r="218624" spans="14:14">
      <c r="N218624" s="10"/>
    </row>
    <row r="218625" spans="14:14">
      <c r="N218625" s="10"/>
    </row>
    <row r="218626" spans="14:14">
      <c r="N218626" s="10"/>
    </row>
    <row r="218627" spans="14:14">
      <c r="N218627" s="10"/>
    </row>
    <row r="218628" spans="14:14">
      <c r="N218628" s="10"/>
    </row>
    <row r="218629" spans="14:14">
      <c r="N218629" s="10"/>
    </row>
    <row r="218630" spans="14:14">
      <c r="N218630" s="10"/>
    </row>
    <row r="218631" spans="14:14">
      <c r="N218631" s="10"/>
    </row>
    <row r="218632" spans="14:14">
      <c r="N218632" s="10"/>
    </row>
    <row r="218633" spans="14:14">
      <c r="N218633" s="10"/>
    </row>
    <row r="218634" spans="14:14">
      <c r="N218634" s="10"/>
    </row>
    <row r="218635" spans="14:14">
      <c r="N218635" s="10"/>
    </row>
    <row r="218636" spans="14:14">
      <c r="N218636" s="10"/>
    </row>
    <row r="218637" spans="14:14">
      <c r="N218637" s="10"/>
    </row>
    <row r="218638" spans="14:14">
      <c r="N218638" s="10"/>
    </row>
    <row r="218639" spans="14:14">
      <c r="N218639" s="10"/>
    </row>
    <row r="218640" spans="14:14">
      <c r="N218640" s="10"/>
    </row>
    <row r="218641" spans="14:14">
      <c r="N218641" s="10"/>
    </row>
    <row r="218642" spans="14:14">
      <c r="N218642" s="10"/>
    </row>
    <row r="218643" spans="14:14">
      <c r="N218643" s="10"/>
    </row>
    <row r="218644" spans="14:14">
      <c r="N218644" s="10"/>
    </row>
    <row r="218645" spans="14:14">
      <c r="N218645" s="10"/>
    </row>
    <row r="218646" spans="14:14">
      <c r="N218646" s="10"/>
    </row>
    <row r="218647" spans="14:14">
      <c r="N218647" s="10"/>
    </row>
    <row r="218648" spans="14:14">
      <c r="N218648" s="10"/>
    </row>
    <row r="218649" spans="14:14">
      <c r="N218649" s="10"/>
    </row>
    <row r="218650" spans="14:14">
      <c r="N218650" s="10"/>
    </row>
    <row r="218651" spans="14:14">
      <c r="N218651" s="10"/>
    </row>
    <row r="218652" spans="14:14">
      <c r="N218652" s="10"/>
    </row>
    <row r="218653" spans="14:14">
      <c r="N218653" s="10"/>
    </row>
    <row r="218654" spans="14:14">
      <c r="N218654" s="10"/>
    </row>
    <row r="218655" spans="14:14">
      <c r="N218655" s="10"/>
    </row>
    <row r="218656" spans="14:14">
      <c r="N218656" s="10"/>
    </row>
    <row r="218657" spans="14:14">
      <c r="N218657" s="10"/>
    </row>
    <row r="218658" spans="14:14">
      <c r="N218658" s="10"/>
    </row>
    <row r="218659" spans="14:14">
      <c r="N218659" s="10"/>
    </row>
    <row r="218660" spans="14:14">
      <c r="N218660" s="10"/>
    </row>
    <row r="218661" spans="14:14">
      <c r="N218661" s="10"/>
    </row>
    <row r="218662" spans="14:14">
      <c r="N218662" s="10"/>
    </row>
    <row r="218663" spans="14:14">
      <c r="N218663" s="10"/>
    </row>
    <row r="218664" spans="14:14">
      <c r="N218664" s="10"/>
    </row>
    <row r="218665" spans="14:14">
      <c r="N218665" s="10"/>
    </row>
    <row r="218666" spans="14:14">
      <c r="N218666" s="10"/>
    </row>
    <row r="218667" spans="14:14">
      <c r="N218667" s="10"/>
    </row>
    <row r="218668" spans="14:14">
      <c r="N218668" s="10"/>
    </row>
    <row r="218669" spans="14:14">
      <c r="N218669" s="10"/>
    </row>
    <row r="218670" spans="14:14">
      <c r="N218670" s="10"/>
    </row>
    <row r="218671" spans="14:14">
      <c r="N218671" s="10"/>
    </row>
    <row r="218672" spans="14:14">
      <c r="N218672" s="10"/>
    </row>
    <row r="218673" spans="14:14">
      <c r="N218673" s="10"/>
    </row>
    <row r="218674" spans="14:14">
      <c r="N218674" s="10"/>
    </row>
    <row r="218675" spans="14:14">
      <c r="N218675" s="10"/>
    </row>
    <row r="218676" spans="14:14">
      <c r="N218676" s="10"/>
    </row>
    <row r="218677" spans="14:14">
      <c r="N218677" s="10"/>
    </row>
    <row r="218678" spans="14:14">
      <c r="N218678" s="10"/>
    </row>
    <row r="218679" spans="14:14">
      <c r="N218679" s="10"/>
    </row>
    <row r="218680" spans="14:14">
      <c r="N218680" s="10"/>
    </row>
    <row r="218681" spans="14:14">
      <c r="N218681" s="10"/>
    </row>
    <row r="218682" spans="14:14">
      <c r="N218682" s="10"/>
    </row>
    <row r="218683" spans="14:14">
      <c r="N218683" s="10"/>
    </row>
    <row r="218684" spans="14:14">
      <c r="N218684" s="10"/>
    </row>
    <row r="218685" spans="14:14">
      <c r="N218685" s="10"/>
    </row>
    <row r="218686" spans="14:14">
      <c r="N218686" s="10"/>
    </row>
    <row r="218687" spans="14:14">
      <c r="N218687" s="10"/>
    </row>
    <row r="218688" spans="14:14">
      <c r="N218688" s="10"/>
    </row>
    <row r="218689" spans="14:14">
      <c r="N218689" s="10"/>
    </row>
    <row r="218690" spans="14:14">
      <c r="N218690" s="10"/>
    </row>
    <row r="218691" spans="14:14">
      <c r="N218691" s="10"/>
    </row>
    <row r="218692" spans="14:14">
      <c r="N218692" s="10"/>
    </row>
    <row r="218693" spans="14:14">
      <c r="N218693" s="10"/>
    </row>
    <row r="218694" spans="14:14">
      <c r="N218694" s="10"/>
    </row>
    <row r="218695" spans="14:14">
      <c r="N218695" s="10"/>
    </row>
    <row r="218696" spans="14:14">
      <c r="N218696" s="10"/>
    </row>
    <row r="218697" spans="14:14">
      <c r="N218697" s="10"/>
    </row>
    <row r="218698" spans="14:14">
      <c r="N218698" s="10"/>
    </row>
    <row r="218699" spans="14:14">
      <c r="N218699" s="10"/>
    </row>
    <row r="218700" spans="14:14">
      <c r="N218700" s="10"/>
    </row>
    <row r="218701" spans="14:14">
      <c r="N218701" s="10"/>
    </row>
    <row r="218702" spans="14:14">
      <c r="N218702" s="10"/>
    </row>
    <row r="218703" spans="14:14">
      <c r="N218703" s="10"/>
    </row>
    <row r="218704" spans="14:14">
      <c r="N218704" s="10"/>
    </row>
    <row r="218705" spans="14:14">
      <c r="N218705" s="10"/>
    </row>
    <row r="218706" spans="14:14">
      <c r="N218706" s="10"/>
    </row>
    <row r="218707" spans="14:14">
      <c r="N218707" s="10"/>
    </row>
    <row r="218708" spans="14:14">
      <c r="N218708" s="10"/>
    </row>
    <row r="218709" spans="14:14">
      <c r="N218709" s="10"/>
    </row>
    <row r="218710" spans="14:14">
      <c r="N218710" s="10"/>
    </row>
    <row r="218711" spans="14:14">
      <c r="N218711" s="10"/>
    </row>
    <row r="218712" spans="14:14">
      <c r="N218712" s="10"/>
    </row>
    <row r="218713" spans="14:14">
      <c r="N218713" s="10"/>
    </row>
    <row r="218714" spans="14:14">
      <c r="N218714" s="10"/>
    </row>
    <row r="218715" spans="14:14">
      <c r="N218715" s="10"/>
    </row>
    <row r="218716" spans="14:14">
      <c r="N218716" s="10"/>
    </row>
    <row r="218717" spans="14:14">
      <c r="N218717" s="10"/>
    </row>
    <row r="218718" spans="14:14">
      <c r="N218718" s="10"/>
    </row>
    <row r="218719" spans="14:14">
      <c r="N218719" s="10"/>
    </row>
    <row r="218720" spans="14:14">
      <c r="N218720" s="10"/>
    </row>
    <row r="218721" spans="14:14">
      <c r="N218721" s="10"/>
    </row>
    <row r="218722" spans="14:14">
      <c r="N218722" s="10"/>
    </row>
    <row r="218723" spans="14:14">
      <c r="N218723" s="10"/>
    </row>
    <row r="218724" spans="14:14">
      <c r="N218724" s="10"/>
    </row>
    <row r="218725" spans="14:14">
      <c r="N218725" s="10"/>
    </row>
    <row r="218726" spans="14:14">
      <c r="N218726" s="10"/>
    </row>
    <row r="218727" spans="14:14">
      <c r="N218727" s="10"/>
    </row>
    <row r="218728" spans="14:14">
      <c r="N218728" s="10"/>
    </row>
    <row r="218729" spans="14:14">
      <c r="N218729" s="10"/>
    </row>
    <row r="218730" spans="14:14">
      <c r="N218730" s="10"/>
    </row>
    <row r="218731" spans="14:14">
      <c r="N218731" s="10"/>
    </row>
    <row r="218732" spans="14:14">
      <c r="N218732" s="10"/>
    </row>
    <row r="218733" spans="14:14">
      <c r="N218733" s="10"/>
    </row>
    <row r="218734" spans="14:14">
      <c r="N218734" s="10"/>
    </row>
    <row r="218735" spans="14:14">
      <c r="N218735" s="10"/>
    </row>
    <row r="218736" spans="14:14">
      <c r="N218736" s="10"/>
    </row>
    <row r="218737" spans="14:14">
      <c r="N218737" s="10"/>
    </row>
    <row r="218738" spans="14:14">
      <c r="N218738" s="10"/>
    </row>
    <row r="218739" spans="14:14">
      <c r="N218739" s="10"/>
    </row>
    <row r="218740" spans="14:14">
      <c r="N218740" s="10"/>
    </row>
    <row r="218741" spans="14:14">
      <c r="N218741" s="10"/>
    </row>
    <row r="218742" spans="14:14">
      <c r="N218742" s="10"/>
    </row>
    <row r="218743" spans="14:14">
      <c r="N218743" s="10"/>
    </row>
    <row r="218744" spans="14:14">
      <c r="N218744" s="10"/>
    </row>
    <row r="218745" spans="14:14">
      <c r="N218745" s="10"/>
    </row>
    <row r="218746" spans="14:14">
      <c r="N218746" s="10"/>
    </row>
    <row r="218747" spans="14:14">
      <c r="N218747" s="10"/>
    </row>
    <row r="218748" spans="14:14">
      <c r="N218748" s="10"/>
    </row>
    <row r="218749" spans="14:14">
      <c r="N218749" s="10"/>
    </row>
    <row r="218750" spans="14:14">
      <c r="N218750" s="10"/>
    </row>
    <row r="218751" spans="14:14">
      <c r="N218751" s="10"/>
    </row>
    <row r="218752" spans="14:14">
      <c r="N218752" s="10"/>
    </row>
    <row r="218753" spans="14:14">
      <c r="N218753" s="10"/>
    </row>
    <row r="218754" spans="14:14">
      <c r="N218754" s="10"/>
    </row>
    <row r="218755" spans="14:14">
      <c r="N218755" s="10"/>
    </row>
    <row r="218756" spans="14:14">
      <c r="N218756" s="10"/>
    </row>
    <row r="218757" spans="14:14">
      <c r="N218757" s="10"/>
    </row>
    <row r="218758" spans="14:14">
      <c r="N218758" s="10"/>
    </row>
    <row r="218759" spans="14:14">
      <c r="N218759" s="10"/>
    </row>
    <row r="218760" spans="14:14">
      <c r="N218760" s="10"/>
    </row>
    <row r="218761" spans="14:14">
      <c r="N218761" s="10"/>
    </row>
    <row r="218762" spans="14:14">
      <c r="N218762" s="10"/>
    </row>
    <row r="218763" spans="14:14">
      <c r="N218763" s="10"/>
    </row>
    <row r="218764" spans="14:14">
      <c r="N218764" s="10"/>
    </row>
    <row r="218765" spans="14:14">
      <c r="N218765" s="10"/>
    </row>
    <row r="218766" spans="14:14">
      <c r="N218766" s="10"/>
    </row>
    <row r="218767" spans="14:14">
      <c r="N218767" s="10"/>
    </row>
    <row r="218768" spans="14:14">
      <c r="N218768" s="10"/>
    </row>
    <row r="218769" spans="14:14">
      <c r="N218769" s="10"/>
    </row>
    <row r="218770" spans="14:14">
      <c r="N218770" s="10"/>
    </row>
    <row r="218771" spans="14:14">
      <c r="N218771" s="10"/>
    </row>
    <row r="218772" spans="14:14">
      <c r="N218772" s="10"/>
    </row>
    <row r="218773" spans="14:14">
      <c r="N218773" s="10"/>
    </row>
    <row r="218774" spans="14:14">
      <c r="N218774" s="10"/>
    </row>
    <row r="218775" spans="14:14">
      <c r="N218775" s="10"/>
    </row>
    <row r="218776" spans="14:14">
      <c r="N218776" s="10"/>
    </row>
    <row r="218777" spans="14:14">
      <c r="N218777" s="10"/>
    </row>
    <row r="218778" spans="14:14">
      <c r="N218778" s="10"/>
    </row>
    <row r="218779" spans="14:14">
      <c r="N218779" s="10"/>
    </row>
    <row r="218780" spans="14:14">
      <c r="N218780" s="10"/>
    </row>
    <row r="218781" spans="14:14">
      <c r="N218781" s="10"/>
    </row>
    <row r="218782" spans="14:14">
      <c r="N218782" s="10"/>
    </row>
    <row r="218783" spans="14:14">
      <c r="N218783" s="10"/>
    </row>
    <row r="218784" spans="14:14">
      <c r="N218784" s="10"/>
    </row>
    <row r="218785" spans="14:14">
      <c r="N218785" s="10"/>
    </row>
    <row r="218786" spans="14:14">
      <c r="N218786" s="10"/>
    </row>
    <row r="218787" spans="14:14">
      <c r="N218787" s="10"/>
    </row>
    <row r="218788" spans="14:14">
      <c r="N218788" s="10"/>
    </row>
    <row r="218789" spans="14:14">
      <c r="N218789" s="10"/>
    </row>
    <row r="218790" spans="14:14">
      <c r="N218790" s="10"/>
    </row>
    <row r="218791" spans="14:14">
      <c r="N218791" s="10"/>
    </row>
    <row r="218792" spans="14:14">
      <c r="N218792" s="10"/>
    </row>
    <row r="218793" spans="14:14">
      <c r="N218793" s="10"/>
    </row>
    <row r="218794" spans="14:14">
      <c r="N218794" s="10"/>
    </row>
    <row r="218795" spans="14:14">
      <c r="N218795" s="10"/>
    </row>
    <row r="218796" spans="14:14">
      <c r="N218796" s="10"/>
    </row>
    <row r="218797" spans="14:14">
      <c r="N218797" s="10"/>
    </row>
    <row r="218798" spans="14:14">
      <c r="N218798" s="10"/>
    </row>
    <row r="218799" spans="14:14">
      <c r="N218799" s="10"/>
    </row>
    <row r="218800" spans="14:14">
      <c r="N218800" s="10"/>
    </row>
    <row r="218801" spans="14:14">
      <c r="N218801" s="10"/>
    </row>
    <row r="218802" spans="14:14">
      <c r="N218802" s="10"/>
    </row>
    <row r="218803" spans="14:14">
      <c r="N218803" s="10"/>
    </row>
    <row r="218804" spans="14:14">
      <c r="N218804" s="10"/>
    </row>
    <row r="218805" spans="14:14">
      <c r="N218805" s="10"/>
    </row>
    <row r="218806" spans="14:14">
      <c r="N218806" s="10"/>
    </row>
    <row r="218807" spans="14:14">
      <c r="N218807" s="10"/>
    </row>
    <row r="218808" spans="14:14">
      <c r="N218808" s="10"/>
    </row>
    <row r="218809" spans="14:14">
      <c r="N218809" s="10"/>
    </row>
    <row r="218810" spans="14:14">
      <c r="N218810" s="10"/>
    </row>
    <row r="218811" spans="14:14">
      <c r="N218811" s="10"/>
    </row>
    <row r="218812" spans="14:14">
      <c r="N218812" s="10"/>
    </row>
    <row r="218813" spans="14:14">
      <c r="N218813" s="10"/>
    </row>
    <row r="218814" spans="14:14">
      <c r="N218814" s="10"/>
    </row>
    <row r="218815" spans="14:14">
      <c r="N218815" s="10"/>
    </row>
    <row r="218816" spans="14:14">
      <c r="N218816" s="10"/>
    </row>
    <row r="218817" spans="14:14">
      <c r="N218817" s="10"/>
    </row>
    <row r="218818" spans="14:14">
      <c r="N218818" s="10"/>
    </row>
    <row r="218819" spans="14:14">
      <c r="N218819" s="10"/>
    </row>
    <row r="218820" spans="14:14">
      <c r="N218820" s="10"/>
    </row>
    <row r="218821" spans="14:14">
      <c r="N218821" s="10"/>
    </row>
    <row r="218822" spans="14:14">
      <c r="N218822" s="10"/>
    </row>
    <row r="218823" spans="14:14">
      <c r="N218823" s="10"/>
    </row>
    <row r="218824" spans="14:14">
      <c r="N218824" s="10"/>
    </row>
    <row r="218825" spans="14:14">
      <c r="N218825" s="10"/>
    </row>
    <row r="218826" spans="14:14">
      <c r="N218826" s="10"/>
    </row>
    <row r="218827" spans="14:14">
      <c r="N218827" s="10"/>
    </row>
    <row r="218828" spans="14:14">
      <c r="N218828" s="10"/>
    </row>
    <row r="218829" spans="14:14">
      <c r="N218829" s="10"/>
    </row>
    <row r="218830" spans="14:14">
      <c r="N218830" s="10"/>
    </row>
    <row r="218831" spans="14:14">
      <c r="N218831" s="10"/>
    </row>
    <row r="218832" spans="14:14">
      <c r="N218832" s="10"/>
    </row>
    <row r="218833" spans="14:14">
      <c r="N218833" s="10"/>
    </row>
    <row r="218834" spans="14:14">
      <c r="N218834" s="10"/>
    </row>
    <row r="218835" spans="14:14">
      <c r="N218835" s="10"/>
    </row>
    <row r="218836" spans="14:14">
      <c r="N218836" s="10"/>
    </row>
    <row r="218837" spans="14:14">
      <c r="N218837" s="10"/>
    </row>
    <row r="218838" spans="14:14">
      <c r="N218838" s="10"/>
    </row>
    <row r="218839" spans="14:14">
      <c r="N218839" s="10"/>
    </row>
    <row r="218840" spans="14:14">
      <c r="N218840" s="10"/>
    </row>
    <row r="218841" spans="14:14">
      <c r="N218841" s="10"/>
    </row>
    <row r="218842" spans="14:14">
      <c r="N218842" s="10"/>
    </row>
    <row r="218843" spans="14:14">
      <c r="N218843" s="10"/>
    </row>
    <row r="218844" spans="14:14">
      <c r="N218844" s="10"/>
    </row>
    <row r="218845" spans="14:14">
      <c r="N218845" s="10"/>
    </row>
    <row r="218846" spans="14:14">
      <c r="N218846" s="10"/>
    </row>
    <row r="218847" spans="14:14">
      <c r="N218847" s="10"/>
    </row>
    <row r="218848" spans="14:14">
      <c r="N218848" s="10"/>
    </row>
    <row r="218849" spans="14:14">
      <c r="N218849" s="10"/>
    </row>
    <row r="218850" spans="14:14">
      <c r="N218850" s="10"/>
    </row>
    <row r="218851" spans="14:14">
      <c r="N218851" s="10"/>
    </row>
    <row r="218852" spans="14:14">
      <c r="N218852" s="10"/>
    </row>
    <row r="218853" spans="14:14">
      <c r="N218853" s="10"/>
    </row>
    <row r="218854" spans="14:14">
      <c r="N218854" s="10"/>
    </row>
    <row r="218855" spans="14:14">
      <c r="N218855" s="10"/>
    </row>
    <row r="218856" spans="14:14">
      <c r="N218856" s="10"/>
    </row>
    <row r="218857" spans="14:14">
      <c r="N218857" s="10"/>
    </row>
    <row r="218858" spans="14:14">
      <c r="N218858" s="10"/>
    </row>
    <row r="218859" spans="14:14">
      <c r="N218859" s="10"/>
    </row>
    <row r="218860" spans="14:14">
      <c r="N218860" s="10"/>
    </row>
    <row r="218861" spans="14:14">
      <c r="N218861" s="10"/>
    </row>
    <row r="218862" spans="14:14">
      <c r="N218862" s="10"/>
    </row>
    <row r="218863" spans="14:14">
      <c r="N218863" s="10"/>
    </row>
    <row r="218864" spans="14:14">
      <c r="N218864" s="10"/>
    </row>
    <row r="218865" spans="14:14">
      <c r="N218865" s="10"/>
    </row>
    <row r="218866" spans="14:14">
      <c r="N218866" s="10"/>
    </row>
    <row r="218867" spans="14:14">
      <c r="N218867" s="10"/>
    </row>
    <row r="218868" spans="14:14">
      <c r="N218868" s="10"/>
    </row>
    <row r="218869" spans="14:14">
      <c r="N218869" s="10"/>
    </row>
    <row r="218870" spans="14:14">
      <c r="N218870" s="10"/>
    </row>
    <row r="218871" spans="14:14">
      <c r="N218871" s="10"/>
    </row>
    <row r="218872" spans="14:14">
      <c r="N218872" s="10"/>
    </row>
    <row r="218873" spans="14:14">
      <c r="N218873" s="10"/>
    </row>
    <row r="218874" spans="14:14">
      <c r="N218874" s="10"/>
    </row>
    <row r="218875" spans="14:14">
      <c r="N218875" s="10"/>
    </row>
    <row r="218876" spans="14:14">
      <c r="N218876" s="10"/>
    </row>
    <row r="218877" spans="14:14">
      <c r="N218877" s="10"/>
    </row>
    <row r="218878" spans="14:14">
      <c r="N218878" s="10"/>
    </row>
    <row r="218879" spans="14:14">
      <c r="N218879" s="10"/>
    </row>
    <row r="218880" spans="14:14">
      <c r="N218880" s="10"/>
    </row>
    <row r="218881" spans="14:14">
      <c r="N218881" s="10"/>
    </row>
    <row r="218882" spans="14:14">
      <c r="N218882" s="10"/>
    </row>
    <row r="218883" spans="14:14">
      <c r="N218883" s="10"/>
    </row>
    <row r="218884" spans="14:14">
      <c r="N218884" s="10"/>
    </row>
    <row r="218885" spans="14:14">
      <c r="N218885" s="10"/>
    </row>
    <row r="218886" spans="14:14">
      <c r="N218886" s="10"/>
    </row>
    <row r="218887" spans="14:14">
      <c r="N218887" s="10"/>
    </row>
    <row r="218888" spans="14:14">
      <c r="N218888" s="10"/>
    </row>
    <row r="218889" spans="14:14">
      <c r="N218889" s="10"/>
    </row>
    <row r="218890" spans="14:14">
      <c r="N218890" s="10"/>
    </row>
    <row r="218891" spans="14:14">
      <c r="N218891" s="10"/>
    </row>
    <row r="218892" spans="14:14">
      <c r="N218892" s="10"/>
    </row>
    <row r="218893" spans="14:14">
      <c r="N218893" s="10"/>
    </row>
    <row r="218894" spans="14:14">
      <c r="N218894" s="10"/>
    </row>
    <row r="218895" spans="14:14">
      <c r="N218895" s="10"/>
    </row>
    <row r="218896" spans="14:14">
      <c r="N218896" s="10"/>
    </row>
    <row r="218897" spans="14:14">
      <c r="N218897" s="10"/>
    </row>
    <row r="218898" spans="14:14">
      <c r="N218898" s="10"/>
    </row>
    <row r="218899" spans="14:14">
      <c r="N218899" s="10"/>
    </row>
    <row r="218900" spans="14:14">
      <c r="N218900" s="10"/>
    </row>
    <row r="218901" spans="14:14">
      <c r="N218901" s="10"/>
    </row>
    <row r="218902" spans="14:14">
      <c r="N218902" s="10"/>
    </row>
    <row r="218903" spans="14:14">
      <c r="N218903" s="10"/>
    </row>
    <row r="218904" spans="14:14">
      <c r="N218904" s="10"/>
    </row>
    <row r="218905" spans="14:14">
      <c r="N218905" s="10"/>
    </row>
    <row r="218906" spans="14:14">
      <c r="N218906" s="10"/>
    </row>
    <row r="218907" spans="14:14">
      <c r="N218907" s="10"/>
    </row>
    <row r="218908" spans="14:14">
      <c r="N218908" s="10"/>
    </row>
    <row r="218909" spans="14:14">
      <c r="N218909" s="10"/>
    </row>
    <row r="218910" spans="14:14">
      <c r="N218910" s="10"/>
    </row>
    <row r="218911" spans="14:14">
      <c r="N218911" s="10"/>
    </row>
    <row r="218912" spans="14:14">
      <c r="N218912" s="10"/>
    </row>
    <row r="218913" spans="14:14">
      <c r="N218913" s="10"/>
    </row>
    <row r="218914" spans="14:14">
      <c r="N218914" s="10"/>
    </row>
    <row r="218915" spans="14:14">
      <c r="N218915" s="10"/>
    </row>
    <row r="218916" spans="14:14">
      <c r="N218916" s="10"/>
    </row>
    <row r="218917" spans="14:14">
      <c r="N218917" s="10"/>
    </row>
    <row r="218918" spans="14:14">
      <c r="N218918" s="10"/>
    </row>
    <row r="218919" spans="14:14">
      <c r="N218919" s="10"/>
    </row>
    <row r="218920" spans="14:14">
      <c r="N218920" s="10"/>
    </row>
    <row r="218921" spans="14:14">
      <c r="N218921" s="10"/>
    </row>
    <row r="218922" spans="14:14">
      <c r="N218922" s="10"/>
    </row>
    <row r="218923" spans="14:14">
      <c r="N218923" s="10"/>
    </row>
    <row r="218924" spans="14:14">
      <c r="N218924" s="10"/>
    </row>
    <row r="218925" spans="14:14">
      <c r="N218925" s="10"/>
    </row>
    <row r="218926" spans="14:14">
      <c r="N218926" s="10"/>
    </row>
    <row r="218927" spans="14:14">
      <c r="N218927" s="10"/>
    </row>
    <row r="218928" spans="14:14">
      <c r="N218928" s="10"/>
    </row>
    <row r="218929" spans="14:14">
      <c r="N218929" s="10"/>
    </row>
    <row r="218930" spans="14:14">
      <c r="N218930" s="10"/>
    </row>
    <row r="218931" spans="14:14">
      <c r="N218931" s="10"/>
    </row>
    <row r="218932" spans="14:14">
      <c r="N218932" s="10"/>
    </row>
    <row r="218933" spans="14:14">
      <c r="N218933" s="10"/>
    </row>
    <row r="218934" spans="14:14">
      <c r="N218934" s="10"/>
    </row>
    <row r="218935" spans="14:14">
      <c r="N218935" s="10"/>
    </row>
    <row r="218936" spans="14:14">
      <c r="N218936" s="10"/>
    </row>
    <row r="218937" spans="14:14">
      <c r="N218937" s="10"/>
    </row>
    <row r="218938" spans="14:14">
      <c r="N218938" s="10"/>
    </row>
    <row r="218939" spans="14:14">
      <c r="N218939" s="10"/>
    </row>
    <row r="218940" spans="14:14">
      <c r="N218940" s="10"/>
    </row>
    <row r="218941" spans="14:14">
      <c r="N218941" s="10"/>
    </row>
    <row r="218942" spans="14:14">
      <c r="N218942" s="10"/>
    </row>
    <row r="218943" spans="14:14">
      <c r="N218943" s="10"/>
    </row>
    <row r="218944" spans="14:14">
      <c r="N218944" s="10"/>
    </row>
    <row r="218945" spans="14:14">
      <c r="N218945" s="10"/>
    </row>
    <row r="218946" spans="14:14">
      <c r="N218946" s="10"/>
    </row>
    <row r="218947" spans="14:14">
      <c r="N218947" s="10"/>
    </row>
    <row r="218948" spans="14:14">
      <c r="N218948" s="10"/>
    </row>
    <row r="218949" spans="14:14">
      <c r="N218949" s="10"/>
    </row>
    <row r="218950" spans="14:14">
      <c r="N218950" s="10"/>
    </row>
    <row r="218951" spans="14:14">
      <c r="N218951" s="10"/>
    </row>
    <row r="218952" spans="14:14">
      <c r="N218952" s="10"/>
    </row>
    <row r="218953" spans="14:14">
      <c r="N218953" s="10"/>
    </row>
    <row r="218954" spans="14:14">
      <c r="N218954" s="10"/>
    </row>
    <row r="218955" spans="14:14">
      <c r="N218955" s="10"/>
    </row>
    <row r="218956" spans="14:14">
      <c r="N218956" s="10"/>
    </row>
    <row r="218957" spans="14:14">
      <c r="N218957" s="10"/>
    </row>
    <row r="218958" spans="14:14">
      <c r="N218958" s="10"/>
    </row>
    <row r="218959" spans="14:14">
      <c r="N218959" s="10"/>
    </row>
    <row r="218960" spans="14:14">
      <c r="N218960" s="10"/>
    </row>
    <row r="218961" spans="14:14">
      <c r="N218961" s="10"/>
    </row>
    <row r="218962" spans="14:14">
      <c r="N218962" s="10"/>
    </row>
    <row r="218963" spans="14:14">
      <c r="N218963" s="10"/>
    </row>
    <row r="218964" spans="14:14">
      <c r="N218964" s="10"/>
    </row>
    <row r="218965" spans="14:14">
      <c r="N218965" s="10"/>
    </row>
    <row r="218966" spans="14:14">
      <c r="N218966" s="10"/>
    </row>
    <row r="218967" spans="14:14">
      <c r="N218967" s="10"/>
    </row>
    <row r="218968" spans="14:14">
      <c r="N218968" s="10"/>
    </row>
    <row r="218969" spans="14:14">
      <c r="N218969" s="10"/>
    </row>
    <row r="218970" spans="14:14">
      <c r="N218970" s="10"/>
    </row>
    <row r="218971" spans="14:14">
      <c r="N218971" s="10"/>
    </row>
    <row r="218972" spans="14:14">
      <c r="N218972" s="10"/>
    </row>
    <row r="218973" spans="14:14">
      <c r="N218973" s="10"/>
    </row>
    <row r="218974" spans="14:14">
      <c r="N218974" s="10"/>
    </row>
    <row r="218975" spans="14:14">
      <c r="N218975" s="10"/>
    </row>
    <row r="218976" spans="14:14">
      <c r="N218976" s="10"/>
    </row>
    <row r="218977" spans="14:14">
      <c r="N218977" s="10"/>
    </row>
    <row r="218978" spans="14:14">
      <c r="N218978" s="10"/>
    </row>
    <row r="218979" spans="14:14">
      <c r="N218979" s="10"/>
    </row>
    <row r="218980" spans="14:14">
      <c r="N218980" s="10"/>
    </row>
    <row r="218981" spans="14:14">
      <c r="N218981" s="10"/>
    </row>
    <row r="218982" spans="14:14">
      <c r="N218982" s="10"/>
    </row>
    <row r="218983" spans="14:14">
      <c r="N218983" s="10"/>
    </row>
    <row r="218984" spans="14:14">
      <c r="N218984" s="10"/>
    </row>
    <row r="218985" spans="14:14">
      <c r="N218985" s="10"/>
    </row>
    <row r="218986" spans="14:14">
      <c r="N218986" s="10"/>
    </row>
    <row r="218987" spans="14:14">
      <c r="N218987" s="10"/>
    </row>
    <row r="218988" spans="14:14">
      <c r="N218988" s="10"/>
    </row>
    <row r="218989" spans="14:14">
      <c r="N218989" s="10"/>
    </row>
    <row r="218990" spans="14:14">
      <c r="N218990" s="10"/>
    </row>
    <row r="218991" spans="14:14">
      <c r="N218991" s="10"/>
    </row>
    <row r="218992" spans="14:14">
      <c r="N218992" s="10"/>
    </row>
    <row r="218993" spans="14:14">
      <c r="N218993" s="10"/>
    </row>
    <row r="218994" spans="14:14">
      <c r="N218994" s="10"/>
    </row>
    <row r="218995" spans="14:14">
      <c r="N218995" s="10"/>
    </row>
    <row r="218996" spans="14:14">
      <c r="N218996" s="10"/>
    </row>
    <row r="218997" spans="14:14">
      <c r="N218997" s="10"/>
    </row>
    <row r="218998" spans="14:14">
      <c r="N218998" s="10"/>
    </row>
    <row r="218999" spans="14:14">
      <c r="N218999" s="10"/>
    </row>
    <row r="219000" spans="14:14">
      <c r="N219000" s="10"/>
    </row>
    <row r="219001" spans="14:14">
      <c r="N219001" s="10"/>
    </row>
    <row r="219002" spans="14:14">
      <c r="N219002" s="10"/>
    </row>
    <row r="219003" spans="14:14">
      <c r="N219003" s="10"/>
    </row>
    <row r="219004" spans="14:14">
      <c r="N219004" s="10"/>
    </row>
    <row r="219005" spans="14:14">
      <c r="N219005" s="10"/>
    </row>
    <row r="219006" spans="14:14">
      <c r="N219006" s="10"/>
    </row>
    <row r="219007" spans="14:14">
      <c r="N219007" s="10"/>
    </row>
    <row r="219008" spans="14:14">
      <c r="N219008" s="10"/>
    </row>
    <row r="219009" spans="14:14">
      <c r="N219009" s="10"/>
    </row>
    <row r="219010" spans="14:14">
      <c r="N219010" s="10"/>
    </row>
    <row r="219011" spans="14:14">
      <c r="N219011" s="10"/>
    </row>
    <row r="219012" spans="14:14">
      <c r="N219012" s="10"/>
    </row>
    <row r="219013" spans="14:14">
      <c r="N219013" s="10"/>
    </row>
    <row r="219014" spans="14:14">
      <c r="N219014" s="10"/>
    </row>
    <row r="219015" spans="14:14">
      <c r="N219015" s="10"/>
    </row>
    <row r="219016" spans="14:14">
      <c r="N219016" s="10"/>
    </row>
    <row r="219017" spans="14:14">
      <c r="N219017" s="10"/>
    </row>
    <row r="219018" spans="14:14">
      <c r="N219018" s="10"/>
    </row>
    <row r="219019" spans="14:14">
      <c r="N219019" s="10"/>
    </row>
    <row r="219020" spans="14:14">
      <c r="N219020" s="10"/>
    </row>
    <row r="219021" spans="14:14">
      <c r="N219021" s="10"/>
    </row>
    <row r="219022" spans="14:14">
      <c r="N219022" s="10"/>
    </row>
    <row r="219023" spans="14:14">
      <c r="N219023" s="10"/>
    </row>
    <row r="219024" spans="14:14">
      <c r="N219024" s="10"/>
    </row>
    <row r="219025" spans="14:14">
      <c r="N219025" s="10"/>
    </row>
    <row r="219026" spans="14:14">
      <c r="N219026" s="10"/>
    </row>
    <row r="219027" spans="14:14">
      <c r="N219027" s="10"/>
    </row>
    <row r="219028" spans="14:14">
      <c r="N219028" s="10"/>
    </row>
    <row r="219029" spans="14:14">
      <c r="N219029" s="10"/>
    </row>
    <row r="219030" spans="14:14">
      <c r="N219030" s="10"/>
    </row>
    <row r="219031" spans="14:14">
      <c r="N219031" s="10"/>
    </row>
    <row r="219032" spans="14:14">
      <c r="N219032" s="10"/>
    </row>
    <row r="219033" spans="14:14">
      <c r="N219033" s="10"/>
    </row>
    <row r="219034" spans="14:14">
      <c r="N219034" s="10"/>
    </row>
    <row r="219035" spans="14:14">
      <c r="N219035" s="10"/>
    </row>
    <row r="219036" spans="14:14">
      <c r="N219036" s="10"/>
    </row>
    <row r="219037" spans="14:14">
      <c r="N219037" s="10"/>
    </row>
    <row r="219038" spans="14:14">
      <c r="N219038" s="10"/>
    </row>
    <row r="219039" spans="14:14">
      <c r="N219039" s="10"/>
    </row>
    <row r="219040" spans="14:14">
      <c r="N219040" s="10"/>
    </row>
    <row r="219041" spans="14:14">
      <c r="N219041" s="10"/>
    </row>
    <row r="219042" spans="14:14">
      <c r="N219042" s="10"/>
    </row>
    <row r="219043" spans="14:14">
      <c r="N219043" s="10"/>
    </row>
    <row r="219044" spans="14:14">
      <c r="N219044" s="10"/>
    </row>
    <row r="219045" spans="14:14">
      <c r="N219045" s="10"/>
    </row>
    <row r="219046" spans="14:14">
      <c r="N219046" s="10"/>
    </row>
    <row r="219047" spans="14:14">
      <c r="N219047" s="10"/>
    </row>
    <row r="219048" spans="14:14">
      <c r="N219048" s="10"/>
    </row>
    <row r="219049" spans="14:14">
      <c r="N219049" s="10"/>
    </row>
    <row r="219050" spans="14:14">
      <c r="N219050" s="10"/>
    </row>
    <row r="219051" spans="14:14">
      <c r="N219051" s="10"/>
    </row>
    <row r="219052" spans="14:14">
      <c r="N219052" s="10"/>
    </row>
    <row r="219053" spans="14:14">
      <c r="N219053" s="10"/>
    </row>
    <row r="219054" spans="14:14">
      <c r="N219054" s="10"/>
    </row>
    <row r="219055" spans="14:14">
      <c r="N219055" s="10"/>
    </row>
    <row r="219056" spans="14:14">
      <c r="N219056" s="10"/>
    </row>
    <row r="219057" spans="14:14">
      <c r="N219057" s="10"/>
    </row>
    <row r="219058" spans="14:14">
      <c r="N219058" s="10"/>
    </row>
    <row r="219059" spans="14:14">
      <c r="N219059" s="10"/>
    </row>
    <row r="219060" spans="14:14">
      <c r="N219060" s="10"/>
    </row>
    <row r="219061" spans="14:14">
      <c r="N219061" s="10"/>
    </row>
    <row r="219062" spans="14:14">
      <c r="N219062" s="10"/>
    </row>
    <row r="219063" spans="14:14">
      <c r="N219063" s="10"/>
    </row>
    <row r="219064" spans="14:14">
      <c r="N219064" s="10"/>
    </row>
    <row r="219065" spans="14:14">
      <c r="N219065" s="10"/>
    </row>
    <row r="219066" spans="14:14">
      <c r="N219066" s="10"/>
    </row>
    <row r="219067" spans="14:14">
      <c r="N219067" s="10"/>
    </row>
    <row r="219068" spans="14:14">
      <c r="N219068" s="10"/>
    </row>
    <row r="219069" spans="14:14">
      <c r="N219069" s="10"/>
    </row>
    <row r="219070" spans="14:14">
      <c r="N219070" s="10"/>
    </row>
    <row r="219071" spans="14:14">
      <c r="N219071" s="10"/>
    </row>
    <row r="219072" spans="14:14">
      <c r="N219072" s="10"/>
    </row>
    <row r="219073" spans="14:14">
      <c r="N219073" s="10"/>
    </row>
    <row r="219074" spans="14:14">
      <c r="N219074" s="10"/>
    </row>
    <row r="219075" spans="14:14">
      <c r="N219075" s="10"/>
    </row>
    <row r="219076" spans="14:14">
      <c r="N219076" s="10"/>
    </row>
    <row r="219077" spans="14:14">
      <c r="N219077" s="10"/>
    </row>
    <row r="219078" spans="14:14">
      <c r="N219078" s="10"/>
    </row>
    <row r="219079" spans="14:14">
      <c r="N219079" s="10"/>
    </row>
    <row r="219080" spans="14:14">
      <c r="N219080" s="10"/>
    </row>
    <row r="219081" spans="14:14">
      <c r="N219081" s="10"/>
    </row>
    <row r="219082" spans="14:14">
      <c r="N219082" s="10"/>
    </row>
    <row r="219083" spans="14:14">
      <c r="N219083" s="10"/>
    </row>
    <row r="219084" spans="14:14">
      <c r="N219084" s="10"/>
    </row>
    <row r="219085" spans="14:14">
      <c r="N219085" s="10"/>
    </row>
    <row r="219086" spans="14:14">
      <c r="N219086" s="10"/>
    </row>
    <row r="219087" spans="14:14">
      <c r="N219087" s="10"/>
    </row>
    <row r="219088" spans="14:14">
      <c r="N219088" s="10"/>
    </row>
    <row r="219089" spans="14:14">
      <c r="N219089" s="10"/>
    </row>
    <row r="219090" spans="14:14">
      <c r="N219090" s="10"/>
    </row>
    <row r="219091" spans="14:14">
      <c r="N219091" s="10"/>
    </row>
    <row r="219092" spans="14:14">
      <c r="N219092" s="10"/>
    </row>
    <row r="219093" spans="14:14">
      <c r="N219093" s="10"/>
    </row>
    <row r="219094" spans="14:14">
      <c r="N219094" s="10"/>
    </row>
    <row r="219095" spans="14:14">
      <c r="N219095" s="10"/>
    </row>
    <row r="219096" spans="14:14">
      <c r="N219096" s="10"/>
    </row>
    <row r="219097" spans="14:14">
      <c r="N219097" s="10"/>
    </row>
    <row r="219098" spans="14:14">
      <c r="N219098" s="10"/>
    </row>
    <row r="219099" spans="14:14">
      <c r="N219099" s="10"/>
    </row>
    <row r="219100" spans="14:14">
      <c r="N219100" s="10"/>
    </row>
    <row r="219101" spans="14:14">
      <c r="N219101" s="10"/>
    </row>
    <row r="219102" spans="14:14">
      <c r="N219102" s="10"/>
    </row>
    <row r="219103" spans="14:14">
      <c r="N219103" s="10"/>
    </row>
    <row r="219104" spans="14:14">
      <c r="N219104" s="10"/>
    </row>
    <row r="219105" spans="14:14">
      <c r="N219105" s="10"/>
    </row>
    <row r="219106" spans="14:14">
      <c r="N219106" s="10"/>
    </row>
    <row r="219107" spans="14:14">
      <c r="N219107" s="10"/>
    </row>
    <row r="219108" spans="14:14">
      <c r="N219108" s="10"/>
    </row>
    <row r="219109" spans="14:14">
      <c r="N219109" s="10"/>
    </row>
    <row r="219110" spans="14:14">
      <c r="N219110" s="10"/>
    </row>
    <row r="219111" spans="14:14">
      <c r="N219111" s="10"/>
    </row>
    <row r="219112" spans="14:14">
      <c r="N219112" s="10"/>
    </row>
    <row r="219113" spans="14:14">
      <c r="N219113" s="10"/>
    </row>
    <row r="219114" spans="14:14">
      <c r="N219114" s="10"/>
    </row>
    <row r="219115" spans="14:14">
      <c r="N219115" s="10"/>
    </row>
    <row r="219116" spans="14:14">
      <c r="N219116" s="10"/>
    </row>
    <row r="219117" spans="14:14">
      <c r="N219117" s="10"/>
    </row>
    <row r="219118" spans="14:14">
      <c r="N219118" s="10"/>
    </row>
    <row r="219119" spans="14:14">
      <c r="N219119" s="10"/>
    </row>
    <row r="219120" spans="14:14">
      <c r="N219120" s="10"/>
    </row>
    <row r="219121" spans="14:14">
      <c r="N219121" s="10"/>
    </row>
    <row r="219122" spans="14:14">
      <c r="N219122" s="10"/>
    </row>
    <row r="219123" spans="14:14">
      <c r="N219123" s="10"/>
    </row>
    <row r="219124" spans="14:14">
      <c r="N219124" s="10"/>
    </row>
    <row r="219125" spans="14:14">
      <c r="N219125" s="10"/>
    </row>
    <row r="219126" spans="14:14">
      <c r="N219126" s="10"/>
    </row>
    <row r="219127" spans="14:14">
      <c r="N219127" s="10"/>
    </row>
    <row r="219128" spans="14:14">
      <c r="N219128" s="10"/>
    </row>
    <row r="219129" spans="14:14">
      <c r="N219129" s="10"/>
    </row>
    <row r="219130" spans="14:14">
      <c r="N219130" s="10"/>
    </row>
    <row r="219131" spans="14:14">
      <c r="N219131" s="10"/>
    </row>
    <row r="219132" spans="14:14">
      <c r="N219132" s="10"/>
    </row>
    <row r="219133" spans="14:14">
      <c r="N219133" s="10"/>
    </row>
    <row r="219134" spans="14:14">
      <c r="N219134" s="10"/>
    </row>
    <row r="219135" spans="14:14">
      <c r="N219135" s="10"/>
    </row>
    <row r="219136" spans="14:14">
      <c r="N219136" s="10"/>
    </row>
    <row r="219137" spans="14:14">
      <c r="N219137" s="10"/>
    </row>
    <row r="219138" spans="14:14">
      <c r="N219138" s="10"/>
    </row>
    <row r="219139" spans="14:14">
      <c r="N219139" s="10"/>
    </row>
    <row r="219140" spans="14:14">
      <c r="N219140" s="10"/>
    </row>
    <row r="219141" spans="14:14">
      <c r="N219141" s="10"/>
    </row>
    <row r="219142" spans="14:14">
      <c r="N219142" s="10"/>
    </row>
    <row r="219143" spans="14:14">
      <c r="N219143" s="10"/>
    </row>
    <row r="219144" spans="14:14">
      <c r="N219144" s="10"/>
    </row>
    <row r="219145" spans="14:14">
      <c r="N219145" s="10"/>
    </row>
    <row r="219146" spans="14:14">
      <c r="N219146" s="10"/>
    </row>
    <row r="219147" spans="14:14">
      <c r="N219147" s="10"/>
    </row>
    <row r="219148" spans="14:14">
      <c r="N219148" s="10"/>
    </row>
    <row r="219149" spans="14:14">
      <c r="N219149" s="10"/>
    </row>
    <row r="219150" spans="14:14">
      <c r="N219150" s="10"/>
    </row>
    <row r="219151" spans="14:14">
      <c r="N219151" s="10"/>
    </row>
    <row r="219152" spans="14:14">
      <c r="N219152" s="10"/>
    </row>
    <row r="219153" spans="14:14">
      <c r="N219153" s="10"/>
    </row>
    <row r="219154" spans="14:14">
      <c r="N219154" s="10"/>
    </row>
    <row r="219155" spans="14:14">
      <c r="N219155" s="10"/>
    </row>
    <row r="219156" spans="14:14">
      <c r="N219156" s="10"/>
    </row>
    <row r="219157" spans="14:14">
      <c r="N219157" s="10"/>
    </row>
    <row r="219158" spans="14:14">
      <c r="N219158" s="10"/>
    </row>
    <row r="219159" spans="14:14">
      <c r="N219159" s="10"/>
    </row>
    <row r="219160" spans="14:14">
      <c r="N219160" s="10"/>
    </row>
    <row r="219161" spans="14:14">
      <c r="N219161" s="10"/>
    </row>
    <row r="219162" spans="14:14">
      <c r="N219162" s="10"/>
    </row>
    <row r="219163" spans="14:14">
      <c r="N219163" s="10"/>
    </row>
    <row r="219164" spans="14:14">
      <c r="N219164" s="10"/>
    </row>
    <row r="219165" spans="14:14">
      <c r="N219165" s="10"/>
    </row>
    <row r="219166" spans="14:14">
      <c r="N219166" s="10"/>
    </row>
    <row r="219167" spans="14:14">
      <c r="N219167" s="10"/>
    </row>
    <row r="219168" spans="14:14">
      <c r="N219168" s="10"/>
    </row>
    <row r="219169" spans="14:14">
      <c r="N219169" s="10"/>
    </row>
    <row r="219170" spans="14:14">
      <c r="N219170" s="10"/>
    </row>
    <row r="219171" spans="14:14">
      <c r="N219171" s="10"/>
    </row>
    <row r="219172" spans="14:14">
      <c r="N219172" s="10"/>
    </row>
    <row r="219173" spans="14:14">
      <c r="N219173" s="10"/>
    </row>
    <row r="219174" spans="14:14">
      <c r="N219174" s="10"/>
    </row>
    <row r="219175" spans="14:14">
      <c r="N219175" s="10"/>
    </row>
    <row r="219176" spans="14:14">
      <c r="N219176" s="10"/>
    </row>
    <row r="219177" spans="14:14">
      <c r="N219177" s="10"/>
    </row>
    <row r="219178" spans="14:14">
      <c r="N219178" s="10"/>
    </row>
    <row r="219179" spans="14:14">
      <c r="N219179" s="10"/>
    </row>
    <row r="219180" spans="14:14">
      <c r="N219180" s="10"/>
    </row>
    <row r="219181" spans="14:14">
      <c r="N219181" s="10"/>
    </row>
    <row r="219182" spans="14:14">
      <c r="N219182" s="10"/>
    </row>
    <row r="219183" spans="14:14">
      <c r="N219183" s="10"/>
    </row>
    <row r="219184" spans="14:14">
      <c r="N219184" s="10"/>
    </row>
    <row r="219185" spans="14:14">
      <c r="N219185" s="10"/>
    </row>
    <row r="219186" spans="14:14">
      <c r="N219186" s="10"/>
    </row>
    <row r="219187" spans="14:14">
      <c r="N219187" s="10"/>
    </row>
    <row r="219188" spans="14:14">
      <c r="N219188" s="10"/>
    </row>
    <row r="219189" spans="14:14">
      <c r="N219189" s="10"/>
    </row>
    <row r="219190" spans="14:14">
      <c r="N219190" s="10"/>
    </row>
    <row r="219191" spans="14:14">
      <c r="N219191" s="10"/>
    </row>
    <row r="219192" spans="14:14">
      <c r="N219192" s="10"/>
    </row>
    <row r="219193" spans="14:14">
      <c r="N219193" s="10"/>
    </row>
    <row r="219194" spans="14:14">
      <c r="N219194" s="10"/>
    </row>
    <row r="219195" spans="14:14">
      <c r="N219195" s="10"/>
    </row>
    <row r="219196" spans="14:14">
      <c r="N219196" s="10"/>
    </row>
    <row r="219197" spans="14:14">
      <c r="N219197" s="10"/>
    </row>
    <row r="219198" spans="14:14">
      <c r="N219198" s="10"/>
    </row>
    <row r="219199" spans="14:14">
      <c r="N219199" s="10"/>
    </row>
    <row r="219200" spans="14:14">
      <c r="N219200" s="10"/>
    </row>
    <row r="219201" spans="14:14">
      <c r="N219201" s="10"/>
    </row>
    <row r="219202" spans="14:14">
      <c r="N219202" s="10"/>
    </row>
    <row r="219203" spans="14:14">
      <c r="N219203" s="10"/>
    </row>
    <row r="219204" spans="14:14">
      <c r="N219204" s="10"/>
    </row>
    <row r="219205" spans="14:14">
      <c r="N219205" s="10"/>
    </row>
    <row r="219206" spans="14:14">
      <c r="N219206" s="10"/>
    </row>
    <row r="219207" spans="14:14">
      <c r="N219207" s="10"/>
    </row>
    <row r="219208" spans="14:14">
      <c r="N219208" s="10"/>
    </row>
    <row r="219209" spans="14:14">
      <c r="N219209" s="10"/>
    </row>
    <row r="219210" spans="14:14">
      <c r="N219210" s="10"/>
    </row>
    <row r="219211" spans="14:14">
      <c r="N219211" s="10"/>
    </row>
    <row r="219212" spans="14:14">
      <c r="N219212" s="10"/>
    </row>
    <row r="219213" spans="14:14">
      <c r="N219213" s="10"/>
    </row>
    <row r="219214" spans="14:14">
      <c r="N219214" s="10"/>
    </row>
    <row r="219215" spans="14:14">
      <c r="N219215" s="10"/>
    </row>
    <row r="219216" spans="14:14">
      <c r="N219216" s="10"/>
    </row>
    <row r="219217" spans="14:14">
      <c r="N219217" s="10"/>
    </row>
    <row r="219218" spans="14:14">
      <c r="N219218" s="10"/>
    </row>
    <row r="219219" spans="14:14">
      <c r="N219219" s="10"/>
    </row>
    <row r="219220" spans="14:14">
      <c r="N219220" s="10"/>
    </row>
    <row r="219221" spans="14:14">
      <c r="N219221" s="10"/>
    </row>
    <row r="219222" spans="14:14">
      <c r="N219222" s="10"/>
    </row>
    <row r="219223" spans="14:14">
      <c r="N219223" s="10"/>
    </row>
    <row r="219224" spans="14:14">
      <c r="N219224" s="10"/>
    </row>
    <row r="219225" spans="14:14">
      <c r="N219225" s="10"/>
    </row>
    <row r="219226" spans="14:14">
      <c r="N219226" s="10"/>
    </row>
    <row r="219227" spans="14:14">
      <c r="N219227" s="10"/>
    </row>
    <row r="219228" spans="14:14">
      <c r="N219228" s="10"/>
    </row>
    <row r="219229" spans="14:14">
      <c r="N219229" s="10"/>
    </row>
    <row r="219230" spans="14:14">
      <c r="N219230" s="10"/>
    </row>
    <row r="219231" spans="14:14">
      <c r="N219231" s="10"/>
    </row>
    <row r="219232" spans="14:14">
      <c r="N219232" s="10"/>
    </row>
    <row r="219233" spans="14:14">
      <c r="N219233" s="10"/>
    </row>
    <row r="219234" spans="14:14">
      <c r="N219234" s="10"/>
    </row>
    <row r="219235" spans="14:14">
      <c r="N219235" s="10"/>
    </row>
    <row r="219236" spans="14:14">
      <c r="N219236" s="10"/>
    </row>
    <row r="219237" spans="14:14">
      <c r="N219237" s="10"/>
    </row>
    <row r="219238" spans="14:14">
      <c r="N219238" s="10"/>
    </row>
    <row r="219239" spans="14:14">
      <c r="N219239" s="10"/>
    </row>
    <row r="219240" spans="14:14">
      <c r="N219240" s="10"/>
    </row>
    <row r="219241" spans="14:14">
      <c r="N219241" s="10"/>
    </row>
    <row r="219242" spans="14:14">
      <c r="N219242" s="10"/>
    </row>
    <row r="219243" spans="14:14">
      <c r="N219243" s="10"/>
    </row>
    <row r="219244" spans="14:14">
      <c r="N219244" s="10"/>
    </row>
    <row r="219245" spans="14:14">
      <c r="N219245" s="10"/>
    </row>
    <row r="219246" spans="14:14">
      <c r="N219246" s="10"/>
    </row>
    <row r="219247" spans="14:14">
      <c r="N219247" s="10"/>
    </row>
    <row r="219248" spans="14:14">
      <c r="N219248" s="10"/>
    </row>
    <row r="219249" spans="14:14">
      <c r="N219249" s="10"/>
    </row>
    <row r="219250" spans="14:14">
      <c r="N219250" s="10"/>
    </row>
    <row r="219251" spans="14:14">
      <c r="N219251" s="10"/>
    </row>
    <row r="219252" spans="14:14">
      <c r="N219252" s="10"/>
    </row>
    <row r="219253" spans="14:14">
      <c r="N219253" s="10"/>
    </row>
    <row r="219254" spans="14:14">
      <c r="N219254" s="10"/>
    </row>
    <row r="219255" spans="14:14">
      <c r="N219255" s="10"/>
    </row>
    <row r="219256" spans="14:14">
      <c r="N219256" s="10"/>
    </row>
    <row r="219257" spans="14:14">
      <c r="N219257" s="10"/>
    </row>
    <row r="219258" spans="14:14">
      <c r="N219258" s="10"/>
    </row>
    <row r="219259" spans="14:14">
      <c r="N219259" s="10"/>
    </row>
    <row r="219260" spans="14:14">
      <c r="N219260" s="10"/>
    </row>
    <row r="219261" spans="14:14">
      <c r="N219261" s="10"/>
    </row>
    <row r="219262" spans="14:14">
      <c r="N219262" s="10"/>
    </row>
    <row r="219263" spans="14:14">
      <c r="N219263" s="10"/>
    </row>
    <row r="219264" spans="14:14">
      <c r="N219264" s="10"/>
    </row>
    <row r="219265" spans="14:14">
      <c r="N219265" s="10"/>
    </row>
    <row r="219266" spans="14:14">
      <c r="N219266" s="10"/>
    </row>
    <row r="219267" spans="14:14">
      <c r="N219267" s="10"/>
    </row>
    <row r="219268" spans="14:14">
      <c r="N219268" s="10"/>
    </row>
    <row r="219269" spans="14:14">
      <c r="N219269" s="10"/>
    </row>
    <row r="219270" spans="14:14">
      <c r="N219270" s="10"/>
    </row>
    <row r="219271" spans="14:14">
      <c r="N219271" s="10"/>
    </row>
    <row r="219272" spans="14:14">
      <c r="N219272" s="10"/>
    </row>
    <row r="219273" spans="14:14">
      <c r="N219273" s="10"/>
    </row>
    <row r="219274" spans="14:14">
      <c r="N219274" s="10"/>
    </row>
    <row r="219275" spans="14:14">
      <c r="N219275" s="10"/>
    </row>
    <row r="219276" spans="14:14">
      <c r="N219276" s="10"/>
    </row>
    <row r="219277" spans="14:14">
      <c r="N219277" s="10"/>
    </row>
    <row r="219278" spans="14:14">
      <c r="N219278" s="10"/>
    </row>
    <row r="219279" spans="14:14">
      <c r="N219279" s="10"/>
    </row>
    <row r="219280" spans="14:14">
      <c r="N219280" s="10"/>
    </row>
    <row r="219281" spans="14:14">
      <c r="N219281" s="10"/>
    </row>
    <row r="219282" spans="14:14">
      <c r="N219282" s="10"/>
    </row>
    <row r="219283" spans="14:14">
      <c r="N219283" s="10"/>
    </row>
    <row r="219284" spans="14:14">
      <c r="N219284" s="10"/>
    </row>
    <row r="219285" spans="14:14">
      <c r="N219285" s="10"/>
    </row>
    <row r="219286" spans="14:14">
      <c r="N219286" s="10"/>
    </row>
    <row r="219287" spans="14:14">
      <c r="N219287" s="10"/>
    </row>
    <row r="219288" spans="14:14">
      <c r="N219288" s="10"/>
    </row>
    <row r="219289" spans="14:14">
      <c r="N219289" s="10"/>
    </row>
    <row r="219290" spans="14:14">
      <c r="N219290" s="10"/>
    </row>
    <row r="219291" spans="14:14">
      <c r="N219291" s="10"/>
    </row>
    <row r="219292" spans="14:14">
      <c r="N219292" s="10"/>
    </row>
    <row r="219293" spans="14:14">
      <c r="N219293" s="10"/>
    </row>
    <row r="219294" spans="14:14">
      <c r="N219294" s="10"/>
    </row>
    <row r="219295" spans="14:14">
      <c r="N219295" s="10"/>
    </row>
    <row r="219296" spans="14:14">
      <c r="N219296" s="10"/>
    </row>
    <row r="219297" spans="14:14">
      <c r="N219297" s="10"/>
    </row>
    <row r="219298" spans="14:14">
      <c r="N219298" s="10"/>
    </row>
    <row r="219299" spans="14:14">
      <c r="N219299" s="10"/>
    </row>
    <row r="219300" spans="14:14">
      <c r="N219300" s="10"/>
    </row>
    <row r="219301" spans="14:14">
      <c r="N219301" s="10"/>
    </row>
    <row r="219302" spans="14:14">
      <c r="N219302" s="10"/>
    </row>
    <row r="219303" spans="14:14">
      <c r="N219303" s="10"/>
    </row>
    <row r="219304" spans="14:14">
      <c r="N219304" s="10"/>
    </row>
    <row r="219305" spans="14:14">
      <c r="N219305" s="10"/>
    </row>
    <row r="219306" spans="14:14">
      <c r="N219306" s="10"/>
    </row>
    <row r="219307" spans="14:14">
      <c r="N219307" s="10"/>
    </row>
    <row r="219308" spans="14:14">
      <c r="N219308" s="10"/>
    </row>
    <row r="219309" spans="14:14">
      <c r="N219309" s="10"/>
    </row>
    <row r="219310" spans="14:14">
      <c r="N219310" s="10"/>
    </row>
    <row r="219311" spans="14:14">
      <c r="N219311" s="10"/>
    </row>
    <row r="219312" spans="14:14">
      <c r="N219312" s="10"/>
    </row>
    <row r="219313" spans="14:14">
      <c r="N219313" s="10"/>
    </row>
    <row r="219314" spans="14:14">
      <c r="N219314" s="10"/>
    </row>
    <row r="219315" spans="14:14">
      <c r="N219315" s="10"/>
    </row>
    <row r="219316" spans="14:14">
      <c r="N219316" s="10"/>
    </row>
    <row r="219317" spans="14:14">
      <c r="N219317" s="10"/>
    </row>
    <row r="219318" spans="14:14">
      <c r="N219318" s="10"/>
    </row>
    <row r="219319" spans="14:14">
      <c r="N219319" s="10"/>
    </row>
    <row r="219320" spans="14:14">
      <c r="N219320" s="10"/>
    </row>
    <row r="219321" spans="14:14">
      <c r="N219321" s="10"/>
    </row>
    <row r="219322" spans="14:14">
      <c r="N219322" s="10"/>
    </row>
    <row r="219323" spans="14:14">
      <c r="N219323" s="10"/>
    </row>
    <row r="219324" spans="14:14">
      <c r="N219324" s="10"/>
    </row>
    <row r="219325" spans="14:14">
      <c r="N219325" s="10"/>
    </row>
    <row r="219326" spans="14:14">
      <c r="N219326" s="10"/>
    </row>
    <row r="219327" spans="14:14">
      <c r="N219327" s="10"/>
    </row>
    <row r="219328" spans="14:14">
      <c r="N219328" s="10"/>
    </row>
    <row r="219329" spans="14:14">
      <c r="N219329" s="10"/>
    </row>
    <row r="219330" spans="14:14">
      <c r="N219330" s="10"/>
    </row>
    <row r="219331" spans="14:14">
      <c r="N219331" s="10"/>
    </row>
    <row r="219332" spans="14:14">
      <c r="N219332" s="10"/>
    </row>
    <row r="219333" spans="14:14">
      <c r="N219333" s="10"/>
    </row>
    <row r="219334" spans="14:14">
      <c r="N219334" s="10"/>
    </row>
    <row r="219335" spans="14:14">
      <c r="N219335" s="10"/>
    </row>
    <row r="219336" spans="14:14">
      <c r="N219336" s="10"/>
    </row>
    <row r="219337" spans="14:14">
      <c r="N219337" s="10"/>
    </row>
    <row r="219338" spans="14:14">
      <c r="N219338" s="10"/>
    </row>
    <row r="219339" spans="14:14">
      <c r="N219339" s="10"/>
    </row>
    <row r="219340" spans="14:14">
      <c r="N219340" s="10"/>
    </row>
    <row r="219341" spans="14:14">
      <c r="N219341" s="10"/>
    </row>
    <row r="219342" spans="14:14">
      <c r="N219342" s="10"/>
    </row>
    <row r="219343" spans="14:14">
      <c r="N219343" s="10"/>
    </row>
    <row r="219344" spans="14:14">
      <c r="N219344" s="10"/>
    </row>
    <row r="219345" spans="14:14">
      <c r="N219345" s="10"/>
    </row>
    <row r="219346" spans="14:14">
      <c r="N219346" s="10"/>
    </row>
    <row r="219347" spans="14:14">
      <c r="N219347" s="10"/>
    </row>
    <row r="219348" spans="14:14">
      <c r="N219348" s="10"/>
    </row>
    <row r="219349" spans="14:14">
      <c r="N219349" s="10"/>
    </row>
    <row r="219350" spans="14:14">
      <c r="N219350" s="10"/>
    </row>
    <row r="219351" spans="14:14">
      <c r="N219351" s="10"/>
    </row>
    <row r="219352" spans="14:14">
      <c r="N219352" s="10"/>
    </row>
    <row r="219353" spans="14:14">
      <c r="N219353" s="10"/>
    </row>
    <row r="219354" spans="14:14">
      <c r="N219354" s="10"/>
    </row>
    <row r="219355" spans="14:14">
      <c r="N219355" s="10"/>
    </row>
    <row r="219356" spans="14:14">
      <c r="N219356" s="10"/>
    </row>
    <row r="219357" spans="14:14">
      <c r="N219357" s="10"/>
    </row>
    <row r="219358" spans="14:14">
      <c r="N219358" s="10"/>
    </row>
    <row r="219359" spans="14:14">
      <c r="N219359" s="10"/>
    </row>
    <row r="219360" spans="14:14">
      <c r="N219360" s="10"/>
    </row>
    <row r="219361" spans="14:14">
      <c r="N219361" s="10"/>
    </row>
    <row r="219362" spans="14:14">
      <c r="N219362" s="10"/>
    </row>
    <row r="219363" spans="14:14">
      <c r="N219363" s="10"/>
    </row>
    <row r="219364" spans="14:14">
      <c r="N219364" s="10"/>
    </row>
    <row r="219365" spans="14:14">
      <c r="N219365" s="10"/>
    </row>
    <row r="219366" spans="14:14">
      <c r="N219366" s="10"/>
    </row>
    <row r="219367" spans="14:14">
      <c r="N219367" s="10"/>
    </row>
    <row r="219368" spans="14:14">
      <c r="N219368" s="10"/>
    </row>
    <row r="219369" spans="14:14">
      <c r="N219369" s="10"/>
    </row>
    <row r="219370" spans="14:14">
      <c r="N219370" s="10"/>
    </row>
    <row r="219371" spans="14:14">
      <c r="N219371" s="10"/>
    </row>
    <row r="219372" spans="14:14">
      <c r="N219372" s="10"/>
    </row>
    <row r="219373" spans="14:14">
      <c r="N219373" s="10"/>
    </row>
    <row r="219374" spans="14:14">
      <c r="N219374" s="10"/>
    </row>
    <row r="219375" spans="14:14">
      <c r="N219375" s="10"/>
    </row>
    <row r="219376" spans="14:14">
      <c r="N219376" s="10"/>
    </row>
    <row r="219377" spans="14:14">
      <c r="N219377" s="10"/>
    </row>
    <row r="219378" spans="14:14">
      <c r="N219378" s="10"/>
    </row>
    <row r="219379" spans="14:14">
      <c r="N219379" s="10"/>
    </row>
    <row r="219380" spans="14:14">
      <c r="N219380" s="10"/>
    </row>
    <row r="219381" spans="14:14">
      <c r="N219381" s="10"/>
    </row>
    <row r="219382" spans="14:14">
      <c r="N219382" s="10"/>
    </row>
    <row r="219383" spans="14:14">
      <c r="N219383" s="10"/>
    </row>
    <row r="219384" spans="14:14">
      <c r="N219384" s="10"/>
    </row>
    <row r="219385" spans="14:14">
      <c r="N219385" s="10"/>
    </row>
    <row r="219386" spans="14:14">
      <c r="N219386" s="10"/>
    </row>
    <row r="219387" spans="14:14">
      <c r="N219387" s="10"/>
    </row>
    <row r="219388" spans="14:14">
      <c r="N219388" s="10"/>
    </row>
    <row r="219389" spans="14:14">
      <c r="N219389" s="10"/>
    </row>
    <row r="219390" spans="14:14">
      <c r="N219390" s="10"/>
    </row>
    <row r="219391" spans="14:14">
      <c r="N219391" s="10"/>
    </row>
    <row r="219392" spans="14:14">
      <c r="N219392" s="10"/>
    </row>
    <row r="219393" spans="14:14">
      <c r="N219393" s="10"/>
    </row>
    <row r="219394" spans="14:14">
      <c r="N219394" s="10"/>
    </row>
    <row r="219395" spans="14:14">
      <c r="N219395" s="10"/>
    </row>
    <row r="219396" spans="14:14">
      <c r="N219396" s="10"/>
    </row>
    <row r="219397" spans="14:14">
      <c r="N219397" s="10"/>
    </row>
    <row r="219398" spans="14:14">
      <c r="N219398" s="10"/>
    </row>
    <row r="219399" spans="14:14">
      <c r="N219399" s="10"/>
    </row>
    <row r="219400" spans="14:14">
      <c r="N219400" s="10"/>
    </row>
    <row r="219401" spans="14:14">
      <c r="N219401" s="10"/>
    </row>
    <row r="219402" spans="14:14">
      <c r="N219402" s="10"/>
    </row>
    <row r="219403" spans="14:14">
      <c r="N219403" s="10"/>
    </row>
    <row r="219404" spans="14:14">
      <c r="N219404" s="10"/>
    </row>
    <row r="219405" spans="14:14">
      <c r="N219405" s="10"/>
    </row>
    <row r="219406" spans="14:14">
      <c r="N219406" s="10"/>
    </row>
    <row r="219407" spans="14:14">
      <c r="N219407" s="10"/>
    </row>
    <row r="219408" spans="14:14">
      <c r="N219408" s="10"/>
    </row>
    <row r="219409" spans="14:14">
      <c r="N219409" s="10"/>
    </row>
    <row r="219410" spans="14:14">
      <c r="N219410" s="10"/>
    </row>
    <row r="219411" spans="14:14">
      <c r="N219411" s="10"/>
    </row>
    <row r="219412" spans="14:14">
      <c r="N219412" s="10"/>
    </row>
    <row r="219413" spans="14:14">
      <c r="N219413" s="10"/>
    </row>
    <row r="219414" spans="14:14">
      <c r="N219414" s="10"/>
    </row>
    <row r="219415" spans="14:14">
      <c r="N219415" s="10"/>
    </row>
    <row r="219416" spans="14:14">
      <c r="N219416" s="10"/>
    </row>
    <row r="219417" spans="14:14">
      <c r="N219417" s="10"/>
    </row>
    <row r="219418" spans="14:14">
      <c r="N219418" s="10"/>
    </row>
    <row r="219419" spans="14:14">
      <c r="N219419" s="10"/>
    </row>
    <row r="219420" spans="14:14">
      <c r="N219420" s="10"/>
    </row>
    <row r="219421" spans="14:14">
      <c r="N219421" s="10"/>
    </row>
    <row r="219422" spans="14:14">
      <c r="N219422" s="10"/>
    </row>
    <row r="219423" spans="14:14">
      <c r="N219423" s="10"/>
    </row>
    <row r="219424" spans="14:14">
      <c r="N219424" s="10"/>
    </row>
    <row r="219425" spans="14:14">
      <c r="N219425" s="10"/>
    </row>
    <row r="219426" spans="14:14">
      <c r="N219426" s="10"/>
    </row>
    <row r="219427" spans="14:14">
      <c r="N219427" s="10"/>
    </row>
    <row r="219428" spans="14:14">
      <c r="N219428" s="10"/>
    </row>
    <row r="219429" spans="14:14">
      <c r="N219429" s="10"/>
    </row>
    <row r="219430" spans="14:14">
      <c r="N219430" s="10"/>
    </row>
    <row r="219431" spans="14:14">
      <c r="N219431" s="10"/>
    </row>
    <row r="219432" spans="14:14">
      <c r="N219432" s="10"/>
    </row>
    <row r="219433" spans="14:14">
      <c r="N219433" s="10"/>
    </row>
    <row r="219434" spans="14:14">
      <c r="N219434" s="10"/>
    </row>
    <row r="219435" spans="14:14">
      <c r="N219435" s="10"/>
    </row>
    <row r="219436" spans="14:14">
      <c r="N219436" s="10"/>
    </row>
    <row r="219437" spans="14:14">
      <c r="N219437" s="10"/>
    </row>
    <row r="219438" spans="14:14">
      <c r="N219438" s="10"/>
    </row>
    <row r="219439" spans="14:14">
      <c r="N219439" s="10"/>
    </row>
    <row r="219440" spans="14:14">
      <c r="N219440" s="10"/>
    </row>
    <row r="219441" spans="14:14">
      <c r="N219441" s="10"/>
    </row>
    <row r="219442" spans="14:14">
      <c r="N219442" s="10"/>
    </row>
    <row r="219443" spans="14:14">
      <c r="N219443" s="10"/>
    </row>
    <row r="219444" spans="14:14">
      <c r="N219444" s="10"/>
    </row>
    <row r="219445" spans="14:14">
      <c r="N219445" s="10"/>
    </row>
    <row r="219446" spans="14:14">
      <c r="N219446" s="10"/>
    </row>
    <row r="219447" spans="14:14">
      <c r="N219447" s="10"/>
    </row>
    <row r="219448" spans="14:14">
      <c r="N219448" s="10"/>
    </row>
    <row r="219449" spans="14:14">
      <c r="N219449" s="10"/>
    </row>
    <row r="219450" spans="14:14">
      <c r="N219450" s="10"/>
    </row>
    <row r="219451" spans="14:14">
      <c r="N219451" s="10"/>
    </row>
    <row r="219452" spans="14:14">
      <c r="N219452" s="10"/>
    </row>
    <row r="219453" spans="14:14">
      <c r="N219453" s="10"/>
    </row>
    <row r="219454" spans="14:14">
      <c r="N219454" s="10"/>
    </row>
    <row r="219455" spans="14:14">
      <c r="N219455" s="10"/>
    </row>
    <row r="219456" spans="14:14">
      <c r="N219456" s="10"/>
    </row>
    <row r="219457" spans="14:14">
      <c r="N219457" s="10"/>
    </row>
    <row r="219458" spans="14:14">
      <c r="N219458" s="10"/>
    </row>
    <row r="219459" spans="14:14">
      <c r="N219459" s="10"/>
    </row>
    <row r="219460" spans="14:14">
      <c r="N219460" s="10"/>
    </row>
    <row r="219461" spans="14:14">
      <c r="N219461" s="10"/>
    </row>
    <row r="219462" spans="14:14">
      <c r="N219462" s="10"/>
    </row>
    <row r="219463" spans="14:14">
      <c r="N219463" s="10"/>
    </row>
    <row r="219464" spans="14:14">
      <c r="N219464" s="10"/>
    </row>
    <row r="219465" spans="14:14">
      <c r="N219465" s="10"/>
    </row>
    <row r="219466" spans="14:14">
      <c r="N219466" s="10"/>
    </row>
    <row r="219467" spans="14:14">
      <c r="N219467" s="10"/>
    </row>
    <row r="219468" spans="14:14">
      <c r="N219468" s="10"/>
    </row>
    <row r="219469" spans="14:14">
      <c r="N219469" s="10"/>
    </row>
    <row r="219470" spans="14:14">
      <c r="N219470" s="10"/>
    </row>
    <row r="219471" spans="14:14">
      <c r="N219471" s="10"/>
    </row>
    <row r="219472" spans="14:14">
      <c r="N219472" s="10"/>
    </row>
    <row r="219473" spans="14:14">
      <c r="N219473" s="10"/>
    </row>
    <row r="219474" spans="14:14">
      <c r="N219474" s="10"/>
    </row>
    <row r="219475" spans="14:14">
      <c r="N219475" s="10"/>
    </row>
    <row r="219476" spans="14:14">
      <c r="N219476" s="10"/>
    </row>
    <row r="219477" spans="14:14">
      <c r="N219477" s="10"/>
    </row>
    <row r="219478" spans="14:14">
      <c r="N219478" s="10"/>
    </row>
    <row r="219479" spans="14:14">
      <c r="N219479" s="10"/>
    </row>
    <row r="219480" spans="14:14">
      <c r="N219480" s="10"/>
    </row>
    <row r="219481" spans="14:14">
      <c r="N219481" s="10"/>
    </row>
    <row r="219482" spans="14:14">
      <c r="N219482" s="10"/>
    </row>
    <row r="219483" spans="14:14">
      <c r="N219483" s="10"/>
    </row>
    <row r="219484" spans="14:14">
      <c r="N219484" s="10"/>
    </row>
    <row r="219485" spans="14:14">
      <c r="N219485" s="10"/>
    </row>
    <row r="219486" spans="14:14">
      <c r="N219486" s="10"/>
    </row>
    <row r="219487" spans="14:14">
      <c r="N219487" s="10"/>
    </row>
    <row r="219488" spans="14:14">
      <c r="N219488" s="10"/>
    </row>
    <row r="219489" spans="14:14">
      <c r="N219489" s="10"/>
    </row>
    <row r="219490" spans="14:14">
      <c r="N219490" s="10"/>
    </row>
    <row r="219491" spans="14:14">
      <c r="N219491" s="10"/>
    </row>
    <row r="219492" spans="14:14">
      <c r="N219492" s="10"/>
    </row>
    <row r="219493" spans="14:14">
      <c r="N219493" s="10"/>
    </row>
    <row r="219494" spans="14:14">
      <c r="N219494" s="10"/>
    </row>
    <row r="219495" spans="14:14">
      <c r="N219495" s="10"/>
    </row>
    <row r="219496" spans="14:14">
      <c r="N219496" s="10"/>
    </row>
    <row r="219497" spans="14:14">
      <c r="N219497" s="10"/>
    </row>
    <row r="219498" spans="14:14">
      <c r="N219498" s="10"/>
    </row>
    <row r="219499" spans="14:14">
      <c r="N219499" s="10"/>
    </row>
    <row r="219500" spans="14:14">
      <c r="N219500" s="10"/>
    </row>
    <row r="219501" spans="14:14">
      <c r="N219501" s="10"/>
    </row>
    <row r="219502" spans="14:14">
      <c r="N219502" s="10"/>
    </row>
    <row r="219503" spans="14:14">
      <c r="N219503" s="10"/>
    </row>
    <row r="219504" spans="14:14">
      <c r="N219504" s="10"/>
    </row>
    <row r="219505" spans="14:14">
      <c r="N219505" s="10"/>
    </row>
    <row r="219506" spans="14:14">
      <c r="N219506" s="10"/>
    </row>
    <row r="219507" spans="14:14">
      <c r="N219507" s="10"/>
    </row>
    <row r="219508" spans="14:14">
      <c r="N219508" s="10"/>
    </row>
    <row r="219509" spans="14:14">
      <c r="N219509" s="10"/>
    </row>
    <row r="219510" spans="14:14">
      <c r="N219510" s="10"/>
    </row>
    <row r="219511" spans="14:14">
      <c r="N219511" s="10"/>
    </row>
    <row r="219512" spans="14:14">
      <c r="N219512" s="10"/>
    </row>
    <row r="219513" spans="14:14">
      <c r="N219513" s="10"/>
    </row>
    <row r="219514" spans="14:14">
      <c r="N219514" s="10"/>
    </row>
    <row r="219515" spans="14:14">
      <c r="N219515" s="10"/>
    </row>
    <row r="219516" spans="14:14">
      <c r="N219516" s="10"/>
    </row>
    <row r="219517" spans="14:14">
      <c r="N219517" s="10"/>
    </row>
    <row r="219518" spans="14:14">
      <c r="N219518" s="10"/>
    </row>
    <row r="219519" spans="14:14">
      <c r="N219519" s="10"/>
    </row>
    <row r="219520" spans="14:14">
      <c r="N219520" s="10"/>
    </row>
    <row r="219521" spans="14:14">
      <c r="N219521" s="10"/>
    </row>
    <row r="219522" spans="14:14">
      <c r="N219522" s="10"/>
    </row>
    <row r="219523" spans="14:14">
      <c r="N219523" s="10"/>
    </row>
    <row r="219524" spans="14:14">
      <c r="N219524" s="10"/>
    </row>
    <row r="219525" spans="14:14">
      <c r="N219525" s="10"/>
    </row>
    <row r="219526" spans="14:14">
      <c r="N219526" s="10"/>
    </row>
    <row r="219527" spans="14:14">
      <c r="N219527" s="10"/>
    </row>
    <row r="219528" spans="14:14">
      <c r="N219528" s="10"/>
    </row>
    <row r="219529" spans="14:14">
      <c r="N219529" s="10"/>
    </row>
    <row r="219530" spans="14:14">
      <c r="N219530" s="10"/>
    </row>
    <row r="219531" spans="14:14">
      <c r="N219531" s="10"/>
    </row>
    <row r="219532" spans="14:14">
      <c r="N219532" s="10"/>
    </row>
    <row r="219533" spans="14:14">
      <c r="N219533" s="10"/>
    </row>
    <row r="219534" spans="14:14">
      <c r="N219534" s="10"/>
    </row>
    <row r="219535" spans="14:14">
      <c r="N219535" s="10"/>
    </row>
    <row r="219536" spans="14:14">
      <c r="N219536" s="10"/>
    </row>
    <row r="219537" spans="14:14">
      <c r="N219537" s="10"/>
    </row>
    <row r="219538" spans="14:14">
      <c r="N219538" s="10"/>
    </row>
    <row r="219539" spans="14:14">
      <c r="N219539" s="10"/>
    </row>
    <row r="219540" spans="14:14">
      <c r="N219540" s="10"/>
    </row>
    <row r="219541" spans="14:14">
      <c r="N219541" s="10"/>
    </row>
    <row r="219542" spans="14:14">
      <c r="N219542" s="10"/>
    </row>
    <row r="219543" spans="14:14">
      <c r="N219543" s="10"/>
    </row>
    <row r="219544" spans="14:14">
      <c r="N219544" s="10"/>
    </row>
    <row r="219545" spans="14:14">
      <c r="N219545" s="10"/>
    </row>
    <row r="219546" spans="14:14">
      <c r="N219546" s="10"/>
    </row>
    <row r="219547" spans="14:14">
      <c r="N219547" s="10"/>
    </row>
    <row r="219548" spans="14:14">
      <c r="N219548" s="10"/>
    </row>
    <row r="219549" spans="14:14">
      <c r="N219549" s="10"/>
    </row>
    <row r="219550" spans="14:14">
      <c r="N219550" s="10"/>
    </row>
    <row r="219551" spans="14:14">
      <c r="N219551" s="10"/>
    </row>
    <row r="219552" spans="14:14">
      <c r="N219552" s="10"/>
    </row>
    <row r="219553" spans="14:14">
      <c r="N219553" s="10"/>
    </row>
    <row r="219554" spans="14:14">
      <c r="N219554" s="10"/>
    </row>
    <row r="219555" spans="14:14">
      <c r="N219555" s="10"/>
    </row>
    <row r="219556" spans="14:14">
      <c r="N219556" s="10"/>
    </row>
    <row r="219557" spans="14:14">
      <c r="N219557" s="10"/>
    </row>
    <row r="219558" spans="14:14">
      <c r="N219558" s="10"/>
    </row>
    <row r="219559" spans="14:14">
      <c r="N219559" s="10"/>
    </row>
    <row r="219560" spans="14:14">
      <c r="N219560" s="10"/>
    </row>
    <row r="219561" spans="14:14">
      <c r="N219561" s="10"/>
    </row>
    <row r="219562" spans="14:14">
      <c r="N219562" s="10"/>
    </row>
    <row r="219563" spans="14:14">
      <c r="N219563" s="10"/>
    </row>
    <row r="219564" spans="14:14">
      <c r="N219564" s="10"/>
    </row>
    <row r="219565" spans="14:14">
      <c r="N219565" s="10"/>
    </row>
    <row r="219566" spans="14:14">
      <c r="N219566" s="10"/>
    </row>
    <row r="219567" spans="14:14">
      <c r="N219567" s="10"/>
    </row>
    <row r="219568" spans="14:14">
      <c r="N219568" s="10"/>
    </row>
    <row r="219569" spans="14:14">
      <c r="N219569" s="10"/>
    </row>
    <row r="219570" spans="14:14">
      <c r="N219570" s="10"/>
    </row>
    <row r="219571" spans="14:14">
      <c r="N219571" s="10"/>
    </row>
    <row r="219572" spans="14:14">
      <c r="N219572" s="10"/>
    </row>
    <row r="219573" spans="14:14">
      <c r="N219573" s="10"/>
    </row>
    <row r="219574" spans="14:14">
      <c r="N219574" s="10"/>
    </row>
    <row r="219575" spans="14:14">
      <c r="N219575" s="10"/>
    </row>
    <row r="219576" spans="14:14">
      <c r="N219576" s="10"/>
    </row>
    <row r="219577" spans="14:14">
      <c r="N219577" s="10"/>
    </row>
    <row r="219578" spans="14:14">
      <c r="N219578" s="10"/>
    </row>
    <row r="219579" spans="14:14">
      <c r="N219579" s="10"/>
    </row>
    <row r="219580" spans="14:14">
      <c r="N219580" s="10"/>
    </row>
    <row r="219581" spans="14:14">
      <c r="N219581" s="10"/>
    </row>
    <row r="219582" spans="14:14">
      <c r="N219582" s="10"/>
    </row>
    <row r="219583" spans="14:14">
      <c r="N219583" s="10"/>
    </row>
    <row r="219584" spans="14:14">
      <c r="N219584" s="10"/>
    </row>
    <row r="219585" spans="14:14">
      <c r="N219585" s="10"/>
    </row>
    <row r="219586" spans="14:14">
      <c r="N219586" s="10"/>
    </row>
    <row r="219587" spans="14:14">
      <c r="N219587" s="10"/>
    </row>
    <row r="219588" spans="14:14">
      <c r="N219588" s="10"/>
    </row>
    <row r="219589" spans="14:14">
      <c r="N219589" s="10"/>
    </row>
    <row r="219590" spans="14:14">
      <c r="N219590" s="10"/>
    </row>
    <row r="219591" spans="14:14">
      <c r="N219591" s="10"/>
    </row>
    <row r="219592" spans="14:14">
      <c r="N219592" s="10"/>
    </row>
    <row r="219593" spans="14:14">
      <c r="N219593" s="10"/>
    </row>
    <row r="219594" spans="14:14">
      <c r="N219594" s="10"/>
    </row>
    <row r="219595" spans="14:14">
      <c r="N219595" s="10"/>
    </row>
    <row r="219596" spans="14:14">
      <c r="N219596" s="10"/>
    </row>
    <row r="219597" spans="14:14">
      <c r="N219597" s="10"/>
    </row>
    <row r="219598" spans="14:14">
      <c r="N219598" s="10"/>
    </row>
    <row r="219599" spans="14:14">
      <c r="N219599" s="10"/>
    </row>
    <row r="219600" spans="14:14">
      <c r="N219600" s="10"/>
    </row>
    <row r="219601" spans="14:14">
      <c r="N219601" s="10"/>
    </row>
    <row r="219602" spans="14:14">
      <c r="N219602" s="10"/>
    </row>
    <row r="219603" spans="14:14">
      <c r="N219603" s="10"/>
    </row>
    <row r="219604" spans="14:14">
      <c r="N219604" s="10"/>
    </row>
    <row r="219605" spans="14:14">
      <c r="N219605" s="10"/>
    </row>
    <row r="219606" spans="14:14">
      <c r="N219606" s="10"/>
    </row>
    <row r="219607" spans="14:14">
      <c r="N219607" s="10"/>
    </row>
    <row r="219608" spans="14:14">
      <c r="N219608" s="10"/>
    </row>
    <row r="219609" spans="14:14">
      <c r="N219609" s="10"/>
    </row>
    <row r="219610" spans="14:14">
      <c r="N219610" s="10"/>
    </row>
    <row r="219611" spans="14:14">
      <c r="N219611" s="10"/>
    </row>
    <row r="219612" spans="14:14">
      <c r="N219612" s="10"/>
    </row>
    <row r="219613" spans="14:14">
      <c r="N219613" s="10"/>
    </row>
    <row r="219614" spans="14:14">
      <c r="N219614" s="10"/>
    </row>
    <row r="219615" spans="14:14">
      <c r="N219615" s="10"/>
    </row>
    <row r="219616" spans="14:14">
      <c r="N219616" s="10"/>
    </row>
    <row r="219617" spans="14:14">
      <c r="N219617" s="10"/>
    </row>
    <row r="219618" spans="14:14">
      <c r="N219618" s="10"/>
    </row>
    <row r="219619" spans="14:14">
      <c r="N219619" s="10"/>
    </row>
    <row r="219620" spans="14:14">
      <c r="N219620" s="10"/>
    </row>
    <row r="219621" spans="14:14">
      <c r="N219621" s="10"/>
    </row>
    <row r="219622" spans="14:14">
      <c r="N219622" s="10"/>
    </row>
    <row r="219623" spans="14:14">
      <c r="N219623" s="10"/>
    </row>
    <row r="219624" spans="14:14">
      <c r="N219624" s="10"/>
    </row>
    <row r="219625" spans="14:14">
      <c r="N219625" s="10"/>
    </row>
    <row r="219626" spans="14:14">
      <c r="N219626" s="10"/>
    </row>
    <row r="219627" spans="14:14">
      <c r="N219627" s="10"/>
    </row>
    <row r="219628" spans="14:14">
      <c r="N219628" s="10"/>
    </row>
    <row r="219629" spans="14:14">
      <c r="N219629" s="10"/>
    </row>
    <row r="219630" spans="14:14">
      <c r="N219630" s="10"/>
    </row>
    <row r="219631" spans="14:14">
      <c r="N219631" s="10"/>
    </row>
    <row r="219632" spans="14:14">
      <c r="N219632" s="10"/>
    </row>
    <row r="219633" spans="14:14">
      <c r="N219633" s="10"/>
    </row>
    <row r="219634" spans="14:14">
      <c r="N219634" s="10"/>
    </row>
    <row r="219635" spans="14:14">
      <c r="N219635" s="10"/>
    </row>
    <row r="219636" spans="14:14">
      <c r="N219636" s="10"/>
    </row>
    <row r="219637" spans="14:14">
      <c r="N219637" s="10"/>
    </row>
    <row r="219638" spans="14:14">
      <c r="N219638" s="10"/>
    </row>
    <row r="219639" spans="14:14">
      <c r="N219639" s="10"/>
    </row>
    <row r="219640" spans="14:14">
      <c r="N219640" s="10"/>
    </row>
    <row r="219641" spans="14:14">
      <c r="N219641" s="10"/>
    </row>
    <row r="219642" spans="14:14">
      <c r="N219642" s="10"/>
    </row>
    <row r="219643" spans="14:14">
      <c r="N219643" s="10"/>
    </row>
    <row r="219644" spans="14:14">
      <c r="N219644" s="10"/>
    </row>
    <row r="219645" spans="14:14">
      <c r="N219645" s="10"/>
    </row>
    <row r="219646" spans="14:14">
      <c r="N219646" s="10"/>
    </row>
    <row r="219647" spans="14:14">
      <c r="N219647" s="10"/>
    </row>
    <row r="219648" spans="14:14">
      <c r="N219648" s="10"/>
    </row>
    <row r="219649" spans="14:14">
      <c r="N219649" s="10"/>
    </row>
    <row r="219650" spans="14:14">
      <c r="N219650" s="10"/>
    </row>
    <row r="219651" spans="14:14">
      <c r="N219651" s="10"/>
    </row>
    <row r="219652" spans="14:14">
      <c r="N219652" s="10"/>
    </row>
    <row r="219653" spans="14:14">
      <c r="N219653" s="10"/>
    </row>
    <row r="219654" spans="14:14">
      <c r="N219654" s="10"/>
    </row>
    <row r="219655" spans="14:14">
      <c r="N219655" s="10"/>
    </row>
    <row r="219656" spans="14:14">
      <c r="N219656" s="10"/>
    </row>
    <row r="219657" spans="14:14">
      <c r="N219657" s="10"/>
    </row>
    <row r="219658" spans="14:14">
      <c r="N219658" s="10"/>
    </row>
    <row r="219659" spans="14:14">
      <c r="N219659" s="10"/>
    </row>
    <row r="219660" spans="14:14">
      <c r="N219660" s="10"/>
    </row>
    <row r="219661" spans="14:14">
      <c r="N219661" s="10"/>
    </row>
    <row r="219662" spans="14:14">
      <c r="N219662" s="10"/>
    </row>
    <row r="219663" spans="14:14">
      <c r="N219663" s="10"/>
    </row>
    <row r="219664" spans="14:14">
      <c r="N219664" s="10"/>
    </row>
    <row r="219665" spans="14:14">
      <c r="N219665" s="10"/>
    </row>
    <row r="219666" spans="14:14">
      <c r="N219666" s="10"/>
    </row>
    <row r="219667" spans="14:14">
      <c r="N219667" s="10"/>
    </row>
    <row r="219668" spans="14:14">
      <c r="N219668" s="10"/>
    </row>
    <row r="219669" spans="14:14">
      <c r="N219669" s="10"/>
    </row>
    <row r="219670" spans="14:14">
      <c r="N219670" s="10"/>
    </row>
    <row r="219671" spans="14:14">
      <c r="N219671" s="10"/>
    </row>
    <row r="219672" spans="14:14">
      <c r="N219672" s="10"/>
    </row>
    <row r="219673" spans="14:14">
      <c r="N219673" s="10"/>
    </row>
    <row r="219674" spans="14:14">
      <c r="N219674" s="10"/>
    </row>
    <row r="219675" spans="14:14">
      <c r="N219675" s="10"/>
    </row>
    <row r="219676" spans="14:14">
      <c r="N219676" s="10"/>
    </row>
    <row r="219677" spans="14:14">
      <c r="N219677" s="10"/>
    </row>
    <row r="219678" spans="14:14">
      <c r="N219678" s="10"/>
    </row>
    <row r="219679" spans="14:14">
      <c r="N219679" s="10"/>
    </row>
    <row r="219680" spans="14:14">
      <c r="N219680" s="10"/>
    </row>
    <row r="219681" spans="14:14">
      <c r="N219681" s="10"/>
    </row>
    <row r="219682" spans="14:14">
      <c r="N219682" s="10"/>
    </row>
    <row r="219683" spans="14:14">
      <c r="N219683" s="10"/>
    </row>
    <row r="219684" spans="14:14">
      <c r="N219684" s="10"/>
    </row>
    <row r="219685" spans="14:14">
      <c r="N219685" s="10"/>
    </row>
    <row r="219686" spans="14:14">
      <c r="N219686" s="10"/>
    </row>
    <row r="219687" spans="14:14">
      <c r="N219687" s="10"/>
    </row>
    <row r="219688" spans="14:14">
      <c r="N219688" s="10"/>
    </row>
    <row r="219689" spans="14:14">
      <c r="N219689" s="10"/>
    </row>
    <row r="219690" spans="14:14">
      <c r="N219690" s="10"/>
    </row>
    <row r="219691" spans="14:14">
      <c r="N219691" s="10"/>
    </row>
    <row r="219692" spans="14:14">
      <c r="N219692" s="10"/>
    </row>
    <row r="219693" spans="14:14">
      <c r="N219693" s="10"/>
    </row>
    <row r="219694" spans="14:14">
      <c r="N219694" s="10"/>
    </row>
    <row r="219695" spans="14:14">
      <c r="N219695" s="10"/>
    </row>
    <row r="219696" spans="14:14">
      <c r="N219696" s="10"/>
    </row>
    <row r="219697" spans="14:14">
      <c r="N219697" s="10"/>
    </row>
    <row r="219698" spans="14:14">
      <c r="N219698" s="10"/>
    </row>
    <row r="219699" spans="14:14">
      <c r="N219699" s="10"/>
    </row>
    <row r="219700" spans="14:14">
      <c r="N219700" s="10"/>
    </row>
    <row r="219701" spans="14:14">
      <c r="N219701" s="10"/>
    </row>
    <row r="219702" spans="14:14">
      <c r="N219702" s="10"/>
    </row>
    <row r="219703" spans="14:14">
      <c r="N219703" s="10"/>
    </row>
    <row r="219704" spans="14:14">
      <c r="N219704" s="10"/>
    </row>
    <row r="219705" spans="14:14">
      <c r="N219705" s="10"/>
    </row>
    <row r="219706" spans="14:14">
      <c r="N219706" s="10"/>
    </row>
    <row r="219707" spans="14:14">
      <c r="N219707" s="10"/>
    </row>
    <row r="219708" spans="14:14">
      <c r="N219708" s="10"/>
    </row>
    <row r="219709" spans="14:14">
      <c r="N219709" s="10"/>
    </row>
    <row r="219710" spans="14:14">
      <c r="N219710" s="10"/>
    </row>
    <row r="219711" spans="14:14">
      <c r="N219711" s="10"/>
    </row>
    <row r="219712" spans="14:14">
      <c r="N219712" s="10"/>
    </row>
    <row r="219713" spans="14:14">
      <c r="N219713" s="10"/>
    </row>
    <row r="219714" spans="14:14">
      <c r="N219714" s="10"/>
    </row>
    <row r="219715" spans="14:14">
      <c r="N219715" s="10"/>
    </row>
    <row r="219716" spans="14:14">
      <c r="N219716" s="10"/>
    </row>
    <row r="219717" spans="14:14">
      <c r="N219717" s="10"/>
    </row>
    <row r="219718" spans="14:14">
      <c r="N219718" s="10"/>
    </row>
    <row r="219719" spans="14:14">
      <c r="N219719" s="10"/>
    </row>
    <row r="219720" spans="14:14">
      <c r="N219720" s="10"/>
    </row>
    <row r="219721" spans="14:14">
      <c r="N219721" s="10"/>
    </row>
    <row r="219722" spans="14:14">
      <c r="N219722" s="10"/>
    </row>
    <row r="219723" spans="14:14">
      <c r="N219723" s="10"/>
    </row>
    <row r="219724" spans="14:14">
      <c r="N219724" s="10"/>
    </row>
    <row r="219725" spans="14:14">
      <c r="N219725" s="10"/>
    </row>
    <row r="219726" spans="14:14">
      <c r="N219726" s="10"/>
    </row>
    <row r="219727" spans="14:14">
      <c r="N219727" s="10"/>
    </row>
    <row r="219728" spans="14:14">
      <c r="N219728" s="10"/>
    </row>
    <row r="219729" spans="14:14">
      <c r="N219729" s="10"/>
    </row>
    <row r="219730" spans="14:14">
      <c r="N219730" s="10"/>
    </row>
    <row r="219731" spans="14:14">
      <c r="N219731" s="10"/>
    </row>
    <row r="219732" spans="14:14">
      <c r="N219732" s="10"/>
    </row>
    <row r="219733" spans="14:14">
      <c r="N219733" s="10"/>
    </row>
    <row r="219734" spans="14:14">
      <c r="N219734" s="10"/>
    </row>
    <row r="219735" spans="14:14">
      <c r="N219735" s="10"/>
    </row>
    <row r="219736" spans="14:14">
      <c r="N219736" s="10"/>
    </row>
    <row r="219737" spans="14:14">
      <c r="N219737" s="10"/>
    </row>
    <row r="219738" spans="14:14">
      <c r="N219738" s="10"/>
    </row>
    <row r="219739" spans="14:14">
      <c r="N219739" s="10"/>
    </row>
    <row r="219740" spans="14:14">
      <c r="N219740" s="10"/>
    </row>
    <row r="219741" spans="14:14">
      <c r="N219741" s="10"/>
    </row>
    <row r="219742" spans="14:14">
      <c r="N219742" s="10"/>
    </row>
    <row r="219743" spans="14:14">
      <c r="N219743" s="10"/>
    </row>
    <row r="219744" spans="14:14">
      <c r="N219744" s="10"/>
    </row>
    <row r="219745" spans="14:14">
      <c r="N219745" s="10"/>
    </row>
    <row r="219746" spans="14:14">
      <c r="N219746" s="10"/>
    </row>
    <row r="219747" spans="14:14">
      <c r="N219747" s="10"/>
    </row>
    <row r="219748" spans="14:14">
      <c r="N219748" s="10"/>
    </row>
    <row r="219749" spans="14:14">
      <c r="N219749" s="10"/>
    </row>
    <row r="219750" spans="14:14">
      <c r="N219750" s="10"/>
    </row>
    <row r="219751" spans="14:14">
      <c r="N219751" s="10"/>
    </row>
    <row r="219752" spans="14:14">
      <c r="N219752" s="10"/>
    </row>
    <row r="219753" spans="14:14">
      <c r="N219753" s="10"/>
    </row>
    <row r="219754" spans="14:14">
      <c r="N219754" s="10"/>
    </row>
    <row r="219755" spans="14:14">
      <c r="N219755" s="10"/>
    </row>
    <row r="219756" spans="14:14">
      <c r="N219756" s="10"/>
    </row>
    <row r="219757" spans="14:14">
      <c r="N219757" s="10"/>
    </row>
    <row r="219758" spans="14:14">
      <c r="N219758" s="10"/>
    </row>
    <row r="219759" spans="14:14">
      <c r="N219759" s="10"/>
    </row>
    <row r="219760" spans="14:14">
      <c r="N219760" s="10"/>
    </row>
    <row r="219761" spans="14:14">
      <c r="N219761" s="10"/>
    </row>
    <row r="219762" spans="14:14">
      <c r="N219762" s="10"/>
    </row>
    <row r="219763" spans="14:14">
      <c r="N219763" s="10"/>
    </row>
    <row r="219764" spans="14:14">
      <c r="N219764" s="10"/>
    </row>
    <row r="219765" spans="14:14">
      <c r="N219765" s="10"/>
    </row>
    <row r="219766" spans="14:14">
      <c r="N219766" s="10"/>
    </row>
    <row r="219767" spans="14:14">
      <c r="N219767" s="10"/>
    </row>
    <row r="219768" spans="14:14">
      <c r="N219768" s="10"/>
    </row>
    <row r="219769" spans="14:14">
      <c r="N219769" s="10"/>
    </row>
    <row r="219770" spans="14:14">
      <c r="N219770" s="10"/>
    </row>
    <row r="219771" spans="14:14">
      <c r="N219771" s="10"/>
    </row>
    <row r="219772" spans="14:14">
      <c r="N219772" s="10"/>
    </row>
    <row r="219773" spans="14:14">
      <c r="N219773" s="10"/>
    </row>
    <row r="219774" spans="14:14">
      <c r="N219774" s="10"/>
    </row>
    <row r="219775" spans="14:14">
      <c r="N219775" s="10"/>
    </row>
    <row r="219776" spans="14:14">
      <c r="N219776" s="10"/>
    </row>
    <row r="219777" spans="14:14">
      <c r="N219777" s="10"/>
    </row>
    <row r="219778" spans="14:14">
      <c r="N219778" s="10"/>
    </row>
    <row r="219779" spans="14:14">
      <c r="N219779" s="10"/>
    </row>
    <row r="219780" spans="14:14">
      <c r="N219780" s="10"/>
    </row>
    <row r="219781" spans="14:14">
      <c r="N219781" s="10"/>
    </row>
    <row r="219782" spans="14:14">
      <c r="N219782" s="10"/>
    </row>
    <row r="219783" spans="14:14">
      <c r="N219783" s="10"/>
    </row>
    <row r="219784" spans="14:14">
      <c r="N219784" s="10"/>
    </row>
    <row r="219785" spans="14:14">
      <c r="N219785" s="10"/>
    </row>
    <row r="219786" spans="14:14">
      <c r="N219786" s="10"/>
    </row>
    <row r="219787" spans="14:14">
      <c r="N219787" s="10"/>
    </row>
    <row r="219788" spans="14:14">
      <c r="N219788" s="10"/>
    </row>
    <row r="219789" spans="14:14">
      <c r="N219789" s="10"/>
    </row>
    <row r="219790" spans="14:14">
      <c r="N219790" s="10"/>
    </row>
    <row r="219791" spans="14:14">
      <c r="N219791" s="10"/>
    </row>
    <row r="219792" spans="14:14">
      <c r="N219792" s="10"/>
    </row>
    <row r="219793" spans="14:14">
      <c r="N219793" s="10"/>
    </row>
    <row r="219794" spans="14:14">
      <c r="N219794" s="10"/>
    </row>
    <row r="219795" spans="14:14">
      <c r="N219795" s="10"/>
    </row>
    <row r="219796" spans="14:14">
      <c r="N219796" s="10"/>
    </row>
    <row r="219797" spans="14:14">
      <c r="N219797" s="10"/>
    </row>
    <row r="219798" spans="14:14">
      <c r="N219798" s="10"/>
    </row>
    <row r="219799" spans="14:14">
      <c r="N219799" s="10"/>
    </row>
    <row r="219800" spans="14:14">
      <c r="N219800" s="10"/>
    </row>
    <row r="219801" spans="14:14">
      <c r="N219801" s="10"/>
    </row>
    <row r="219802" spans="14:14">
      <c r="N219802" s="10"/>
    </row>
    <row r="219803" spans="14:14">
      <c r="N219803" s="10"/>
    </row>
    <row r="219804" spans="14:14">
      <c r="N219804" s="10"/>
    </row>
    <row r="219805" spans="14:14">
      <c r="N219805" s="10"/>
    </row>
    <row r="219806" spans="14:14">
      <c r="N219806" s="10"/>
    </row>
    <row r="219807" spans="14:14">
      <c r="N219807" s="10"/>
    </row>
    <row r="219808" spans="14:14">
      <c r="N219808" s="10"/>
    </row>
    <row r="219809" spans="14:14">
      <c r="N219809" s="10"/>
    </row>
    <row r="219810" spans="14:14">
      <c r="N219810" s="10"/>
    </row>
    <row r="219811" spans="14:14">
      <c r="N219811" s="10"/>
    </row>
    <row r="219812" spans="14:14">
      <c r="N219812" s="10"/>
    </row>
    <row r="219813" spans="14:14">
      <c r="N219813" s="10"/>
    </row>
    <row r="219814" spans="14:14">
      <c r="N219814" s="10"/>
    </row>
    <row r="219815" spans="14:14">
      <c r="N219815" s="10"/>
    </row>
    <row r="219816" spans="14:14">
      <c r="N219816" s="10"/>
    </row>
    <row r="219817" spans="14:14">
      <c r="N219817" s="10"/>
    </row>
    <row r="219818" spans="14:14">
      <c r="N219818" s="10"/>
    </row>
    <row r="219819" spans="14:14">
      <c r="N219819" s="10"/>
    </row>
    <row r="219820" spans="14:14">
      <c r="N219820" s="10"/>
    </row>
    <row r="219821" spans="14:14">
      <c r="N219821" s="10"/>
    </row>
    <row r="219822" spans="14:14">
      <c r="N219822" s="10"/>
    </row>
    <row r="219823" spans="14:14">
      <c r="N219823" s="10"/>
    </row>
    <row r="219824" spans="14:14">
      <c r="N219824" s="10"/>
    </row>
    <row r="219825" spans="14:14">
      <c r="N219825" s="10"/>
    </row>
    <row r="219826" spans="14:14">
      <c r="N219826" s="10"/>
    </row>
    <row r="219827" spans="14:14">
      <c r="N219827" s="10"/>
    </row>
    <row r="219828" spans="14:14">
      <c r="N219828" s="10"/>
    </row>
    <row r="219829" spans="14:14">
      <c r="N219829" s="10"/>
    </row>
    <row r="219830" spans="14:14">
      <c r="N219830" s="10"/>
    </row>
    <row r="219831" spans="14:14">
      <c r="N219831" s="10"/>
    </row>
    <row r="219832" spans="14:14">
      <c r="N219832" s="10"/>
    </row>
    <row r="219833" spans="14:14">
      <c r="N219833" s="10"/>
    </row>
    <row r="219834" spans="14:14">
      <c r="N219834" s="10"/>
    </row>
    <row r="219835" spans="14:14">
      <c r="N219835" s="10"/>
    </row>
    <row r="219836" spans="14:14">
      <c r="N219836" s="10"/>
    </row>
    <row r="219837" spans="14:14">
      <c r="N219837" s="10"/>
    </row>
    <row r="219838" spans="14:14">
      <c r="N219838" s="10"/>
    </row>
    <row r="219839" spans="14:14">
      <c r="N219839" s="10"/>
    </row>
    <row r="219840" spans="14:14">
      <c r="N219840" s="10"/>
    </row>
    <row r="219841" spans="14:14">
      <c r="N219841" s="10"/>
    </row>
    <row r="219842" spans="14:14">
      <c r="N219842" s="10"/>
    </row>
    <row r="219843" spans="14:14">
      <c r="N219843" s="10"/>
    </row>
    <row r="219844" spans="14:14">
      <c r="N219844" s="10"/>
    </row>
    <row r="219845" spans="14:14">
      <c r="N219845" s="10"/>
    </row>
    <row r="219846" spans="14:14">
      <c r="N219846" s="10"/>
    </row>
    <row r="219847" spans="14:14">
      <c r="N219847" s="10"/>
    </row>
    <row r="219848" spans="14:14">
      <c r="N219848" s="10"/>
    </row>
    <row r="219849" spans="14:14">
      <c r="N219849" s="10"/>
    </row>
    <row r="219850" spans="14:14">
      <c r="N219850" s="10"/>
    </row>
    <row r="219851" spans="14:14">
      <c r="N219851" s="10"/>
    </row>
    <row r="219852" spans="14:14">
      <c r="N219852" s="10"/>
    </row>
    <row r="219853" spans="14:14">
      <c r="N219853" s="10"/>
    </row>
    <row r="219854" spans="14:14">
      <c r="N219854" s="10"/>
    </row>
    <row r="219855" spans="14:14">
      <c r="N219855" s="10"/>
    </row>
    <row r="219856" spans="14:14">
      <c r="N219856" s="10"/>
    </row>
    <row r="219857" spans="14:14">
      <c r="N219857" s="10"/>
    </row>
    <row r="219858" spans="14:14">
      <c r="N219858" s="10"/>
    </row>
    <row r="219859" spans="14:14">
      <c r="N219859" s="10"/>
    </row>
    <row r="219860" spans="14:14">
      <c r="N219860" s="10"/>
    </row>
    <row r="219861" spans="14:14">
      <c r="N219861" s="10"/>
    </row>
    <row r="219862" spans="14:14">
      <c r="N219862" s="10"/>
    </row>
    <row r="219863" spans="14:14">
      <c r="N219863" s="10"/>
    </row>
    <row r="219864" spans="14:14">
      <c r="N219864" s="10"/>
    </row>
    <row r="219865" spans="14:14">
      <c r="N219865" s="10"/>
    </row>
    <row r="219866" spans="14:14">
      <c r="N219866" s="10"/>
    </row>
    <row r="219867" spans="14:14">
      <c r="N219867" s="10"/>
    </row>
    <row r="219868" spans="14:14">
      <c r="N219868" s="10"/>
    </row>
    <row r="219869" spans="14:14">
      <c r="N219869" s="10"/>
    </row>
    <row r="219870" spans="14:14">
      <c r="N219870" s="10"/>
    </row>
    <row r="219871" spans="14:14">
      <c r="N219871" s="10"/>
    </row>
    <row r="219872" spans="14:14">
      <c r="N219872" s="10"/>
    </row>
    <row r="219873" spans="14:14">
      <c r="N219873" s="10"/>
    </row>
    <row r="219874" spans="14:14">
      <c r="N219874" s="10"/>
    </row>
    <row r="219875" spans="14:14">
      <c r="N219875" s="10"/>
    </row>
    <row r="219876" spans="14:14">
      <c r="N219876" s="10"/>
    </row>
    <row r="219877" spans="14:14">
      <c r="N219877" s="10"/>
    </row>
    <row r="219878" spans="14:14">
      <c r="N219878" s="10"/>
    </row>
    <row r="219879" spans="14:14">
      <c r="N219879" s="10"/>
    </row>
    <row r="219880" spans="14:14">
      <c r="N219880" s="10"/>
    </row>
    <row r="219881" spans="14:14">
      <c r="N219881" s="10"/>
    </row>
    <row r="219882" spans="14:14">
      <c r="N219882" s="10"/>
    </row>
    <row r="219883" spans="14:14">
      <c r="N219883" s="10"/>
    </row>
    <row r="219884" spans="14:14">
      <c r="N219884" s="10"/>
    </row>
    <row r="219885" spans="14:14">
      <c r="N219885" s="10"/>
    </row>
    <row r="219886" spans="14:14">
      <c r="N219886" s="10"/>
    </row>
    <row r="219887" spans="14:14">
      <c r="N219887" s="10"/>
    </row>
    <row r="219888" spans="14:14">
      <c r="N219888" s="10"/>
    </row>
    <row r="219889" spans="14:14">
      <c r="N219889" s="10"/>
    </row>
    <row r="219890" spans="14:14">
      <c r="N219890" s="10"/>
    </row>
    <row r="219891" spans="14:14">
      <c r="N219891" s="10"/>
    </row>
    <row r="219892" spans="14:14">
      <c r="N219892" s="10"/>
    </row>
    <row r="219893" spans="14:14">
      <c r="N219893" s="10"/>
    </row>
    <row r="219894" spans="14:14">
      <c r="N219894" s="10"/>
    </row>
    <row r="219895" spans="14:14">
      <c r="N219895" s="10"/>
    </row>
    <row r="219896" spans="14:14">
      <c r="N219896" s="10"/>
    </row>
    <row r="219897" spans="14:14">
      <c r="N219897" s="10"/>
    </row>
    <row r="219898" spans="14:14">
      <c r="N219898" s="10"/>
    </row>
    <row r="219899" spans="14:14">
      <c r="N219899" s="10"/>
    </row>
    <row r="219900" spans="14:14">
      <c r="N219900" s="10"/>
    </row>
    <row r="219901" spans="14:14">
      <c r="N219901" s="10"/>
    </row>
    <row r="219902" spans="14:14">
      <c r="N219902" s="10"/>
    </row>
    <row r="219903" spans="14:14">
      <c r="N219903" s="10"/>
    </row>
    <row r="219904" spans="14:14">
      <c r="N219904" s="10"/>
    </row>
    <row r="219905" spans="14:14">
      <c r="N219905" s="10"/>
    </row>
    <row r="219906" spans="14:14">
      <c r="N219906" s="10"/>
    </row>
    <row r="219907" spans="14:14">
      <c r="N219907" s="10"/>
    </row>
    <row r="219908" spans="14:14">
      <c r="N219908" s="10"/>
    </row>
    <row r="219909" spans="14:14">
      <c r="N219909" s="10"/>
    </row>
    <row r="219910" spans="14:14">
      <c r="N219910" s="10"/>
    </row>
    <row r="219911" spans="14:14">
      <c r="N219911" s="10"/>
    </row>
    <row r="219912" spans="14:14">
      <c r="N219912" s="10"/>
    </row>
    <row r="219913" spans="14:14">
      <c r="N219913" s="10"/>
    </row>
    <row r="219914" spans="14:14">
      <c r="N219914" s="10"/>
    </row>
    <row r="219915" spans="14:14">
      <c r="N219915" s="10"/>
    </row>
    <row r="219916" spans="14:14">
      <c r="N219916" s="10"/>
    </row>
    <row r="219917" spans="14:14">
      <c r="N219917" s="10"/>
    </row>
    <row r="219918" spans="14:14">
      <c r="N219918" s="10"/>
    </row>
    <row r="219919" spans="14:14">
      <c r="N219919" s="10"/>
    </row>
    <row r="219920" spans="14:14">
      <c r="N219920" s="10"/>
    </row>
    <row r="219921" spans="14:14">
      <c r="N219921" s="10"/>
    </row>
    <row r="219922" spans="14:14">
      <c r="N219922" s="10"/>
    </row>
    <row r="219923" spans="14:14">
      <c r="N219923" s="10"/>
    </row>
    <row r="219924" spans="14:14">
      <c r="N219924" s="10"/>
    </row>
    <row r="219925" spans="14:14">
      <c r="N219925" s="10"/>
    </row>
    <row r="219926" spans="14:14">
      <c r="N219926" s="10"/>
    </row>
    <row r="219927" spans="14:14">
      <c r="N219927" s="10"/>
    </row>
    <row r="219928" spans="14:14">
      <c r="N219928" s="10"/>
    </row>
    <row r="219929" spans="14:14">
      <c r="N219929" s="10"/>
    </row>
    <row r="219930" spans="14:14">
      <c r="N219930" s="10"/>
    </row>
    <row r="219931" spans="14:14">
      <c r="N219931" s="10"/>
    </row>
    <row r="219932" spans="14:14">
      <c r="N219932" s="10"/>
    </row>
    <row r="219933" spans="14:14">
      <c r="N219933" s="10"/>
    </row>
    <row r="219934" spans="14:14">
      <c r="N219934" s="10"/>
    </row>
    <row r="219935" spans="14:14">
      <c r="N219935" s="10"/>
    </row>
    <row r="219936" spans="14:14">
      <c r="N219936" s="10"/>
    </row>
    <row r="219937" spans="14:14">
      <c r="N219937" s="10"/>
    </row>
    <row r="219938" spans="14:14">
      <c r="N219938" s="10"/>
    </row>
    <row r="219939" spans="14:14">
      <c r="N219939" s="10"/>
    </row>
    <row r="219940" spans="14:14">
      <c r="N219940" s="10"/>
    </row>
    <row r="219941" spans="14:14">
      <c r="N219941" s="10"/>
    </row>
    <row r="219942" spans="14:14">
      <c r="N219942" s="10"/>
    </row>
    <row r="219943" spans="14:14">
      <c r="N219943" s="10"/>
    </row>
    <row r="219944" spans="14:14">
      <c r="N219944" s="10"/>
    </row>
    <row r="219945" spans="14:14">
      <c r="N219945" s="10"/>
    </row>
    <row r="219946" spans="14:14">
      <c r="N219946" s="10"/>
    </row>
    <row r="219947" spans="14:14">
      <c r="N219947" s="10"/>
    </row>
    <row r="219948" spans="14:14">
      <c r="N219948" s="10"/>
    </row>
    <row r="219949" spans="14:14">
      <c r="N219949" s="10"/>
    </row>
    <row r="219950" spans="14:14">
      <c r="N219950" s="10"/>
    </row>
    <row r="219951" spans="14:14">
      <c r="N219951" s="10"/>
    </row>
    <row r="219952" spans="14:14">
      <c r="N219952" s="10"/>
    </row>
    <row r="219953" spans="14:14">
      <c r="N219953" s="10"/>
    </row>
    <row r="219954" spans="14:14">
      <c r="N219954" s="10"/>
    </row>
    <row r="219955" spans="14:14">
      <c r="N219955" s="10"/>
    </row>
    <row r="219956" spans="14:14">
      <c r="N219956" s="10"/>
    </row>
    <row r="219957" spans="14:14">
      <c r="N219957" s="10"/>
    </row>
    <row r="219958" spans="14:14">
      <c r="N219958" s="10"/>
    </row>
    <row r="219959" spans="14:14">
      <c r="N219959" s="10"/>
    </row>
    <row r="219960" spans="14:14">
      <c r="N219960" s="10"/>
    </row>
    <row r="219961" spans="14:14">
      <c r="N219961" s="10"/>
    </row>
    <row r="219962" spans="14:14">
      <c r="N219962" s="10"/>
    </row>
    <row r="219963" spans="14:14">
      <c r="N219963" s="10"/>
    </row>
    <row r="219964" spans="14:14">
      <c r="N219964" s="10"/>
    </row>
    <row r="219965" spans="14:14">
      <c r="N219965" s="10"/>
    </row>
    <row r="219966" spans="14:14">
      <c r="N219966" s="10"/>
    </row>
    <row r="219967" spans="14:14">
      <c r="N219967" s="10"/>
    </row>
    <row r="219968" spans="14:14">
      <c r="N219968" s="10"/>
    </row>
    <row r="219969" spans="14:14">
      <c r="N219969" s="10"/>
    </row>
    <row r="219970" spans="14:14">
      <c r="N219970" s="10"/>
    </row>
    <row r="219971" spans="14:14">
      <c r="N219971" s="10"/>
    </row>
    <row r="219972" spans="14:14">
      <c r="N219972" s="10"/>
    </row>
    <row r="219973" spans="14:14">
      <c r="N219973" s="10"/>
    </row>
    <row r="219974" spans="14:14">
      <c r="N219974" s="10"/>
    </row>
    <row r="219975" spans="14:14">
      <c r="N219975" s="10"/>
    </row>
    <row r="219976" spans="14:14">
      <c r="N219976" s="10"/>
    </row>
    <row r="219977" spans="14:14">
      <c r="N219977" s="10"/>
    </row>
    <row r="219978" spans="14:14">
      <c r="N219978" s="10"/>
    </row>
    <row r="219979" spans="14:14">
      <c r="N219979" s="10"/>
    </row>
    <row r="219980" spans="14:14">
      <c r="N219980" s="10"/>
    </row>
    <row r="219981" spans="14:14">
      <c r="N219981" s="10"/>
    </row>
    <row r="219982" spans="14:14">
      <c r="N219982" s="10"/>
    </row>
    <row r="219983" spans="14:14">
      <c r="N219983" s="10"/>
    </row>
    <row r="219984" spans="14:14">
      <c r="N219984" s="10"/>
    </row>
    <row r="219985" spans="14:14">
      <c r="N219985" s="10"/>
    </row>
    <row r="219986" spans="14:14">
      <c r="N219986" s="10"/>
    </row>
    <row r="219987" spans="14:14">
      <c r="N219987" s="10"/>
    </row>
    <row r="219988" spans="14:14">
      <c r="N219988" s="10"/>
    </row>
    <row r="219989" spans="14:14">
      <c r="N219989" s="10"/>
    </row>
    <row r="219990" spans="14:14">
      <c r="N219990" s="10"/>
    </row>
    <row r="219991" spans="14:14">
      <c r="N219991" s="10"/>
    </row>
    <row r="219992" spans="14:14">
      <c r="N219992" s="10"/>
    </row>
    <row r="219993" spans="14:14">
      <c r="N219993" s="10"/>
    </row>
    <row r="219994" spans="14:14">
      <c r="N219994" s="10"/>
    </row>
    <row r="219995" spans="14:14">
      <c r="N219995" s="10"/>
    </row>
    <row r="219996" spans="14:14">
      <c r="N219996" s="10"/>
    </row>
    <row r="219997" spans="14:14">
      <c r="N219997" s="10"/>
    </row>
    <row r="219998" spans="14:14">
      <c r="N219998" s="10"/>
    </row>
    <row r="219999" spans="14:14">
      <c r="N219999" s="10"/>
    </row>
    <row r="220000" spans="14:14">
      <c r="N220000" s="10"/>
    </row>
    <row r="220001" spans="14:14">
      <c r="N220001" s="10"/>
    </row>
    <row r="220002" spans="14:14">
      <c r="N220002" s="10"/>
    </row>
    <row r="220003" spans="14:14">
      <c r="N220003" s="10"/>
    </row>
    <row r="220004" spans="14:14">
      <c r="N220004" s="10"/>
    </row>
    <row r="220005" spans="14:14">
      <c r="N220005" s="10"/>
    </row>
    <row r="220006" spans="14:14">
      <c r="N220006" s="10"/>
    </row>
    <row r="220007" spans="14:14">
      <c r="N220007" s="10"/>
    </row>
    <row r="220008" spans="14:14">
      <c r="N220008" s="10"/>
    </row>
    <row r="220009" spans="14:14">
      <c r="N220009" s="10"/>
    </row>
    <row r="220010" spans="14:14">
      <c r="N220010" s="10"/>
    </row>
    <row r="220011" spans="14:14">
      <c r="N220011" s="10"/>
    </row>
    <row r="220012" spans="14:14">
      <c r="N220012" s="10"/>
    </row>
    <row r="220013" spans="14:14">
      <c r="N220013" s="10"/>
    </row>
    <row r="220014" spans="14:14">
      <c r="N220014" s="10"/>
    </row>
    <row r="220015" spans="14:14">
      <c r="N220015" s="10"/>
    </row>
    <row r="220016" spans="14:14">
      <c r="N220016" s="10"/>
    </row>
    <row r="220017" spans="14:14">
      <c r="N220017" s="10"/>
    </row>
    <row r="220018" spans="14:14">
      <c r="N220018" s="10"/>
    </row>
    <row r="220019" spans="14:14">
      <c r="N220019" s="10"/>
    </row>
    <row r="220020" spans="14:14">
      <c r="N220020" s="10"/>
    </row>
    <row r="220021" spans="14:14">
      <c r="N220021" s="10"/>
    </row>
    <row r="220022" spans="14:14">
      <c r="N220022" s="10"/>
    </row>
    <row r="220023" spans="14:14">
      <c r="N220023" s="10"/>
    </row>
    <row r="220024" spans="14:14">
      <c r="N220024" s="10"/>
    </row>
    <row r="220025" spans="14:14">
      <c r="N220025" s="10"/>
    </row>
    <row r="220026" spans="14:14">
      <c r="N220026" s="10"/>
    </row>
    <row r="220027" spans="14:14">
      <c r="N220027" s="10"/>
    </row>
    <row r="220028" spans="14:14">
      <c r="N220028" s="10"/>
    </row>
    <row r="220029" spans="14:14">
      <c r="N220029" s="10"/>
    </row>
    <row r="220030" spans="14:14">
      <c r="N220030" s="10"/>
    </row>
    <row r="220031" spans="14:14">
      <c r="N220031" s="10"/>
    </row>
    <row r="220032" spans="14:14">
      <c r="N220032" s="10"/>
    </row>
    <row r="220033" spans="14:14">
      <c r="N220033" s="10"/>
    </row>
    <row r="220034" spans="14:14">
      <c r="N220034" s="10"/>
    </row>
    <row r="220035" spans="14:14">
      <c r="N220035" s="10"/>
    </row>
    <row r="220036" spans="14:14">
      <c r="N220036" s="10"/>
    </row>
    <row r="220037" spans="14:14">
      <c r="N220037" s="10"/>
    </row>
    <row r="220038" spans="14:14">
      <c r="N220038" s="10"/>
    </row>
    <row r="220039" spans="14:14">
      <c r="N220039" s="10"/>
    </row>
    <row r="220040" spans="14:14">
      <c r="N220040" s="10"/>
    </row>
    <row r="220041" spans="14:14">
      <c r="N220041" s="10"/>
    </row>
    <row r="220042" spans="14:14">
      <c r="N220042" s="10"/>
    </row>
    <row r="220043" spans="14:14">
      <c r="N220043" s="10"/>
    </row>
    <row r="220044" spans="14:14">
      <c r="N220044" s="10"/>
    </row>
    <row r="220045" spans="14:14">
      <c r="N220045" s="10"/>
    </row>
    <row r="220046" spans="14:14">
      <c r="N220046" s="10"/>
    </row>
    <row r="220047" spans="14:14">
      <c r="N220047" s="10"/>
    </row>
    <row r="220048" spans="14:14">
      <c r="N220048" s="10"/>
    </row>
    <row r="220049" spans="14:14">
      <c r="N220049" s="10"/>
    </row>
    <row r="220050" spans="14:14">
      <c r="N220050" s="10"/>
    </row>
    <row r="220051" spans="14:14">
      <c r="N220051" s="10"/>
    </row>
    <row r="220052" spans="14:14">
      <c r="N220052" s="10"/>
    </row>
    <row r="220053" spans="14:14">
      <c r="N220053" s="10"/>
    </row>
    <row r="220054" spans="14:14">
      <c r="N220054" s="10"/>
    </row>
    <row r="220055" spans="14:14">
      <c r="N220055" s="10"/>
    </row>
    <row r="220056" spans="14:14">
      <c r="N220056" s="10"/>
    </row>
    <row r="220057" spans="14:14">
      <c r="N220057" s="10"/>
    </row>
    <row r="220058" spans="14:14">
      <c r="N220058" s="10"/>
    </row>
    <row r="220059" spans="14:14">
      <c r="N220059" s="10"/>
    </row>
    <row r="220060" spans="14:14">
      <c r="N220060" s="10"/>
    </row>
    <row r="220061" spans="14:14">
      <c r="N220061" s="10"/>
    </row>
    <row r="220062" spans="14:14">
      <c r="N220062" s="10"/>
    </row>
    <row r="220063" spans="14:14">
      <c r="N220063" s="10"/>
    </row>
    <row r="220064" spans="14:14">
      <c r="N220064" s="10"/>
    </row>
    <row r="220065" spans="14:14">
      <c r="N220065" s="10"/>
    </row>
    <row r="220066" spans="14:14">
      <c r="N220066" s="10"/>
    </row>
    <row r="220067" spans="14:14">
      <c r="N220067" s="10"/>
    </row>
    <row r="220068" spans="14:14">
      <c r="N220068" s="10"/>
    </row>
    <row r="220069" spans="14:14">
      <c r="N220069" s="10"/>
    </row>
    <row r="220070" spans="14:14">
      <c r="N220070" s="10"/>
    </row>
    <row r="220071" spans="14:14">
      <c r="N220071" s="10"/>
    </row>
    <row r="220072" spans="14:14">
      <c r="N220072" s="10"/>
    </row>
    <row r="220073" spans="14:14">
      <c r="N220073" s="10"/>
    </row>
    <row r="220074" spans="14:14">
      <c r="N220074" s="10"/>
    </row>
    <row r="220075" spans="14:14">
      <c r="N220075" s="10"/>
    </row>
    <row r="220076" spans="14:14">
      <c r="N220076" s="10"/>
    </row>
    <row r="220077" spans="14:14">
      <c r="N220077" s="10"/>
    </row>
    <row r="220078" spans="14:14">
      <c r="N220078" s="10"/>
    </row>
    <row r="220079" spans="14:14">
      <c r="N220079" s="10"/>
    </row>
    <row r="220080" spans="14:14">
      <c r="N220080" s="10"/>
    </row>
    <row r="220081" spans="14:14">
      <c r="N220081" s="10"/>
    </row>
    <row r="220082" spans="14:14">
      <c r="N220082" s="10"/>
    </row>
    <row r="220083" spans="14:14">
      <c r="N220083" s="10"/>
    </row>
    <row r="220084" spans="14:14">
      <c r="N220084" s="10"/>
    </row>
    <row r="220085" spans="14:14">
      <c r="N220085" s="10"/>
    </row>
    <row r="220086" spans="14:14">
      <c r="N220086" s="10"/>
    </row>
    <row r="220087" spans="14:14">
      <c r="N220087" s="10"/>
    </row>
    <row r="220088" spans="14:14">
      <c r="N220088" s="10"/>
    </row>
    <row r="220089" spans="14:14">
      <c r="N220089" s="10"/>
    </row>
    <row r="220090" spans="14:14">
      <c r="N220090" s="10"/>
    </row>
    <row r="220091" spans="14:14">
      <c r="N220091" s="10"/>
    </row>
    <row r="220092" spans="14:14">
      <c r="N220092" s="10"/>
    </row>
    <row r="220093" spans="14:14">
      <c r="N220093" s="10"/>
    </row>
    <row r="220094" spans="14:14">
      <c r="N220094" s="10"/>
    </row>
    <row r="220095" spans="14:14">
      <c r="N220095" s="10"/>
    </row>
    <row r="220096" spans="14:14">
      <c r="N220096" s="10"/>
    </row>
    <row r="220097" spans="14:14">
      <c r="N220097" s="10"/>
    </row>
    <row r="220098" spans="14:14">
      <c r="N220098" s="10"/>
    </row>
    <row r="220099" spans="14:14">
      <c r="N220099" s="10"/>
    </row>
    <row r="220100" spans="14:14">
      <c r="N220100" s="10"/>
    </row>
    <row r="220101" spans="14:14">
      <c r="N220101" s="10"/>
    </row>
    <row r="220102" spans="14:14">
      <c r="N220102" s="10"/>
    </row>
    <row r="220103" spans="14:14">
      <c r="N220103" s="10"/>
    </row>
    <row r="220104" spans="14:14">
      <c r="N220104" s="10"/>
    </row>
    <row r="220105" spans="14:14">
      <c r="N220105" s="10"/>
    </row>
    <row r="220106" spans="14:14">
      <c r="N220106" s="10"/>
    </row>
    <row r="220107" spans="14:14">
      <c r="N220107" s="10"/>
    </row>
    <row r="220108" spans="14:14">
      <c r="N220108" s="10"/>
    </row>
    <row r="220109" spans="14:14">
      <c r="N220109" s="10"/>
    </row>
    <row r="220110" spans="14:14">
      <c r="N220110" s="10"/>
    </row>
    <row r="220111" spans="14:14">
      <c r="N220111" s="10"/>
    </row>
    <row r="220112" spans="14:14">
      <c r="N220112" s="10"/>
    </row>
    <row r="220113" spans="14:14">
      <c r="N220113" s="10"/>
    </row>
    <row r="220114" spans="14:14">
      <c r="N220114" s="10"/>
    </row>
    <row r="220115" spans="14:14">
      <c r="N220115" s="10"/>
    </row>
    <row r="220116" spans="14:14">
      <c r="N220116" s="10"/>
    </row>
    <row r="220117" spans="14:14">
      <c r="N220117" s="10"/>
    </row>
    <row r="220118" spans="14:14">
      <c r="N220118" s="10"/>
    </row>
    <row r="220119" spans="14:14">
      <c r="N220119" s="10"/>
    </row>
    <row r="220120" spans="14:14">
      <c r="N220120" s="10"/>
    </row>
    <row r="220121" spans="14:14">
      <c r="N220121" s="10"/>
    </row>
    <row r="220122" spans="14:14">
      <c r="N220122" s="10"/>
    </row>
    <row r="220123" spans="14:14">
      <c r="N220123" s="10"/>
    </row>
    <row r="220124" spans="14:14">
      <c r="N220124" s="10"/>
    </row>
    <row r="220125" spans="14:14">
      <c r="N220125" s="10"/>
    </row>
    <row r="220126" spans="14:14">
      <c r="N220126" s="10"/>
    </row>
    <row r="220127" spans="14:14">
      <c r="N220127" s="10"/>
    </row>
    <row r="220128" spans="14:14">
      <c r="N220128" s="10"/>
    </row>
    <row r="220129" spans="14:14">
      <c r="N220129" s="10"/>
    </row>
    <row r="220130" spans="14:14">
      <c r="N220130" s="10"/>
    </row>
    <row r="220131" spans="14:14">
      <c r="N220131" s="10"/>
    </row>
    <row r="220132" spans="14:14">
      <c r="N220132" s="10"/>
    </row>
    <row r="220133" spans="14:14">
      <c r="N220133" s="10"/>
    </row>
    <row r="220134" spans="14:14">
      <c r="N220134" s="10"/>
    </row>
    <row r="220135" spans="14:14">
      <c r="N220135" s="10"/>
    </row>
    <row r="220136" spans="14:14">
      <c r="N220136" s="10"/>
    </row>
    <row r="220137" spans="14:14">
      <c r="N220137" s="10"/>
    </row>
    <row r="220138" spans="14:14">
      <c r="N220138" s="10"/>
    </row>
    <row r="220139" spans="14:14">
      <c r="N220139" s="10"/>
    </row>
    <row r="220140" spans="14:14">
      <c r="N220140" s="10"/>
    </row>
    <row r="220141" spans="14:14">
      <c r="N220141" s="10"/>
    </row>
    <row r="220142" spans="14:14">
      <c r="N220142" s="10"/>
    </row>
    <row r="220143" spans="14:14">
      <c r="N220143" s="10"/>
    </row>
    <row r="220144" spans="14:14">
      <c r="N220144" s="10"/>
    </row>
    <row r="220145" spans="14:14">
      <c r="N220145" s="10"/>
    </row>
    <row r="220146" spans="14:14">
      <c r="N220146" s="10"/>
    </row>
    <row r="220147" spans="14:14">
      <c r="N220147" s="10"/>
    </row>
    <row r="220148" spans="14:14">
      <c r="N220148" s="10"/>
    </row>
    <row r="220149" spans="14:14">
      <c r="N220149" s="10"/>
    </row>
    <row r="220150" spans="14:14">
      <c r="N220150" s="10"/>
    </row>
    <row r="220151" spans="14:14">
      <c r="N220151" s="10"/>
    </row>
    <row r="220152" spans="14:14">
      <c r="N220152" s="10"/>
    </row>
    <row r="220153" spans="14:14">
      <c r="N220153" s="10"/>
    </row>
    <row r="220154" spans="14:14">
      <c r="N220154" s="10"/>
    </row>
    <row r="220155" spans="14:14">
      <c r="N220155" s="10"/>
    </row>
    <row r="220156" spans="14:14">
      <c r="N220156" s="10"/>
    </row>
    <row r="220157" spans="14:14">
      <c r="N220157" s="10"/>
    </row>
    <row r="220158" spans="14:14">
      <c r="N220158" s="10"/>
    </row>
    <row r="220159" spans="14:14">
      <c r="N220159" s="10"/>
    </row>
    <row r="220160" spans="14:14">
      <c r="N220160" s="10"/>
    </row>
    <row r="220161" spans="14:14">
      <c r="N220161" s="10"/>
    </row>
    <row r="220162" spans="14:14">
      <c r="N220162" s="10"/>
    </row>
    <row r="220163" spans="14:14">
      <c r="N220163" s="10"/>
    </row>
    <row r="220164" spans="14:14">
      <c r="N220164" s="10"/>
    </row>
    <row r="220165" spans="14:14">
      <c r="N220165" s="10"/>
    </row>
    <row r="220166" spans="14:14">
      <c r="N220166" s="10"/>
    </row>
    <row r="220167" spans="14:14">
      <c r="N220167" s="10"/>
    </row>
    <row r="220168" spans="14:14">
      <c r="N220168" s="10"/>
    </row>
    <row r="220169" spans="14:14">
      <c r="N220169" s="10"/>
    </row>
    <row r="220170" spans="14:14">
      <c r="N220170" s="10"/>
    </row>
    <row r="220171" spans="14:14">
      <c r="N220171" s="10"/>
    </row>
    <row r="220172" spans="14:14">
      <c r="N220172" s="10"/>
    </row>
    <row r="220173" spans="14:14">
      <c r="N220173" s="10"/>
    </row>
    <row r="220174" spans="14:14">
      <c r="N220174" s="10"/>
    </row>
    <row r="220175" spans="14:14">
      <c r="N220175" s="10"/>
    </row>
    <row r="220176" spans="14:14">
      <c r="N220176" s="10"/>
    </row>
    <row r="220177" spans="14:14">
      <c r="N220177" s="10"/>
    </row>
    <row r="220178" spans="14:14">
      <c r="N220178" s="10"/>
    </row>
    <row r="220179" spans="14:14">
      <c r="N220179" s="10"/>
    </row>
    <row r="220180" spans="14:14">
      <c r="N220180" s="10"/>
    </row>
    <row r="220181" spans="14:14">
      <c r="N220181" s="10"/>
    </row>
    <row r="220182" spans="14:14">
      <c r="N220182" s="10"/>
    </row>
    <row r="220183" spans="14:14">
      <c r="N220183" s="10"/>
    </row>
    <row r="220184" spans="14:14">
      <c r="N220184" s="10"/>
    </row>
    <row r="220185" spans="14:14">
      <c r="N220185" s="10"/>
    </row>
    <row r="220186" spans="14:14">
      <c r="N220186" s="10"/>
    </row>
    <row r="220187" spans="14:14">
      <c r="N220187" s="10"/>
    </row>
    <row r="220188" spans="14:14">
      <c r="N220188" s="10"/>
    </row>
    <row r="220189" spans="14:14">
      <c r="N220189" s="10"/>
    </row>
    <row r="220190" spans="14:14">
      <c r="N220190" s="10"/>
    </row>
    <row r="220191" spans="14:14">
      <c r="N220191" s="10"/>
    </row>
    <row r="220192" spans="14:14">
      <c r="N220192" s="10"/>
    </row>
    <row r="220193" spans="14:14">
      <c r="N220193" s="10"/>
    </row>
    <row r="220194" spans="14:14">
      <c r="N220194" s="10"/>
    </row>
    <row r="220195" spans="14:14">
      <c r="N220195" s="10"/>
    </row>
    <row r="220196" spans="14:14">
      <c r="N220196" s="10"/>
    </row>
    <row r="220197" spans="14:14">
      <c r="N220197" s="10"/>
    </row>
    <row r="220198" spans="14:14">
      <c r="N220198" s="10"/>
    </row>
    <row r="220199" spans="14:14">
      <c r="N220199" s="10"/>
    </row>
    <row r="220200" spans="14:14">
      <c r="N220200" s="10"/>
    </row>
    <row r="220201" spans="14:14">
      <c r="N220201" s="10"/>
    </row>
    <row r="220202" spans="14:14">
      <c r="N220202" s="10"/>
    </row>
    <row r="220203" spans="14:14">
      <c r="N220203" s="10"/>
    </row>
    <row r="220204" spans="14:14">
      <c r="N220204" s="10"/>
    </row>
    <row r="220205" spans="14:14">
      <c r="N220205" s="10"/>
    </row>
    <row r="220206" spans="14:14">
      <c r="N220206" s="10"/>
    </row>
    <row r="220207" spans="14:14">
      <c r="N220207" s="10"/>
    </row>
    <row r="220208" spans="14:14">
      <c r="N220208" s="10"/>
    </row>
    <row r="220209" spans="14:14">
      <c r="N220209" s="10"/>
    </row>
    <row r="220210" spans="14:14">
      <c r="N220210" s="10"/>
    </row>
    <row r="220211" spans="14:14">
      <c r="N220211" s="10"/>
    </row>
    <row r="220212" spans="14:14">
      <c r="N220212" s="10"/>
    </row>
    <row r="220213" spans="14:14">
      <c r="N220213" s="10"/>
    </row>
    <row r="220214" spans="14:14">
      <c r="N220214" s="10"/>
    </row>
    <row r="220215" spans="14:14">
      <c r="N220215" s="10"/>
    </row>
    <row r="220216" spans="14:14">
      <c r="N220216" s="10"/>
    </row>
    <row r="220217" spans="14:14">
      <c r="N220217" s="10"/>
    </row>
    <row r="220218" spans="14:14">
      <c r="N220218" s="10"/>
    </row>
    <row r="220219" spans="14:14">
      <c r="N220219" s="10"/>
    </row>
    <row r="220220" spans="14:14">
      <c r="N220220" s="10"/>
    </row>
    <row r="220221" spans="14:14">
      <c r="N220221" s="10"/>
    </row>
    <row r="220222" spans="14:14">
      <c r="N220222" s="10"/>
    </row>
    <row r="220223" spans="14:14">
      <c r="N220223" s="10"/>
    </row>
    <row r="220224" spans="14:14">
      <c r="N220224" s="10"/>
    </row>
    <row r="220225" spans="14:14">
      <c r="N220225" s="10"/>
    </row>
    <row r="220226" spans="14:14">
      <c r="N220226" s="10"/>
    </row>
    <row r="220227" spans="14:14">
      <c r="N220227" s="10"/>
    </row>
    <row r="220228" spans="14:14">
      <c r="N220228" s="10"/>
    </row>
    <row r="220229" spans="14:14">
      <c r="N220229" s="10"/>
    </row>
    <row r="220230" spans="14:14">
      <c r="N220230" s="10"/>
    </row>
    <row r="220231" spans="14:14">
      <c r="N220231" s="10"/>
    </row>
    <row r="220232" spans="14:14">
      <c r="N220232" s="10"/>
    </row>
    <row r="220233" spans="14:14">
      <c r="N220233" s="10"/>
    </row>
    <row r="220234" spans="14:14">
      <c r="N220234" s="10"/>
    </row>
    <row r="220235" spans="14:14">
      <c r="N220235" s="10"/>
    </row>
    <row r="220236" spans="14:14">
      <c r="N220236" s="10"/>
    </row>
    <row r="220237" spans="14:14">
      <c r="N220237" s="10"/>
    </row>
    <row r="220238" spans="14:14">
      <c r="N220238" s="10"/>
    </row>
    <row r="220239" spans="14:14">
      <c r="N220239" s="10"/>
    </row>
    <row r="220240" spans="14:14">
      <c r="N220240" s="10"/>
    </row>
    <row r="220241" spans="14:14">
      <c r="N220241" s="10"/>
    </row>
    <row r="220242" spans="14:14">
      <c r="N220242" s="10"/>
    </row>
    <row r="220243" spans="14:14">
      <c r="N220243" s="10"/>
    </row>
    <row r="220244" spans="14:14">
      <c r="N220244" s="10"/>
    </row>
    <row r="220245" spans="14:14">
      <c r="N220245" s="10"/>
    </row>
    <row r="220246" spans="14:14">
      <c r="N220246" s="10"/>
    </row>
    <row r="220247" spans="14:14">
      <c r="N220247" s="10"/>
    </row>
    <row r="220248" spans="14:14">
      <c r="N220248" s="10"/>
    </row>
    <row r="220249" spans="14:14">
      <c r="N220249" s="10"/>
    </row>
    <row r="220250" spans="14:14">
      <c r="N220250" s="10"/>
    </row>
    <row r="220251" spans="14:14">
      <c r="N220251" s="10"/>
    </row>
    <row r="220252" spans="14:14">
      <c r="N220252" s="10"/>
    </row>
    <row r="220253" spans="14:14">
      <c r="N220253" s="10"/>
    </row>
    <row r="220254" spans="14:14">
      <c r="N220254" s="10"/>
    </row>
    <row r="220255" spans="14:14">
      <c r="N220255" s="10"/>
    </row>
    <row r="220256" spans="14:14">
      <c r="N220256" s="10"/>
    </row>
    <row r="220257" spans="14:14">
      <c r="N220257" s="10"/>
    </row>
    <row r="220258" spans="14:14">
      <c r="N220258" s="10"/>
    </row>
    <row r="220259" spans="14:14">
      <c r="N220259" s="10"/>
    </row>
    <row r="220260" spans="14:14">
      <c r="N220260" s="10"/>
    </row>
    <row r="220261" spans="14:14">
      <c r="N220261" s="10"/>
    </row>
    <row r="220262" spans="14:14">
      <c r="N220262" s="10"/>
    </row>
    <row r="220263" spans="14:14">
      <c r="N220263" s="10"/>
    </row>
    <row r="220264" spans="14:14">
      <c r="N220264" s="10"/>
    </row>
    <row r="220265" spans="14:14">
      <c r="N220265" s="10"/>
    </row>
    <row r="220266" spans="14:14">
      <c r="N220266" s="10"/>
    </row>
    <row r="220267" spans="14:14">
      <c r="N220267" s="10"/>
    </row>
    <row r="220268" spans="14:14">
      <c r="N220268" s="10"/>
    </row>
    <row r="220269" spans="14:14">
      <c r="N220269" s="10"/>
    </row>
    <row r="220270" spans="14:14">
      <c r="N220270" s="10"/>
    </row>
    <row r="220271" spans="14:14">
      <c r="N220271" s="10"/>
    </row>
    <row r="220272" spans="14:14">
      <c r="N220272" s="10"/>
    </row>
    <row r="220273" spans="14:14">
      <c r="N220273" s="10"/>
    </row>
    <row r="220274" spans="14:14">
      <c r="N220274" s="10"/>
    </row>
    <row r="220275" spans="14:14">
      <c r="N220275" s="10"/>
    </row>
    <row r="220276" spans="14:14">
      <c r="N220276" s="10"/>
    </row>
    <row r="220277" spans="14:14">
      <c r="N220277" s="10"/>
    </row>
    <row r="220278" spans="14:14">
      <c r="N220278" s="10"/>
    </row>
    <row r="220279" spans="14:14">
      <c r="N220279" s="10"/>
    </row>
    <row r="220280" spans="14:14">
      <c r="N220280" s="10"/>
    </row>
    <row r="220281" spans="14:14">
      <c r="N220281" s="10"/>
    </row>
    <row r="220282" spans="14:14">
      <c r="N220282" s="10"/>
    </row>
    <row r="220283" spans="14:14">
      <c r="N220283" s="10"/>
    </row>
    <row r="220284" spans="14:14">
      <c r="N220284" s="10"/>
    </row>
    <row r="220285" spans="14:14">
      <c r="N220285" s="10"/>
    </row>
    <row r="220286" spans="14:14">
      <c r="N220286" s="10"/>
    </row>
    <row r="220287" spans="14:14">
      <c r="N220287" s="10"/>
    </row>
    <row r="220288" spans="14:14">
      <c r="N220288" s="10"/>
    </row>
    <row r="220289" spans="14:14">
      <c r="N220289" s="10"/>
    </row>
    <row r="220290" spans="14:14">
      <c r="N220290" s="10"/>
    </row>
    <row r="220291" spans="14:14">
      <c r="N220291" s="10"/>
    </row>
    <row r="220292" spans="14:14">
      <c r="N220292" s="10"/>
    </row>
    <row r="220293" spans="14:14">
      <c r="N220293" s="10"/>
    </row>
    <row r="220294" spans="14:14">
      <c r="N220294" s="10"/>
    </row>
    <row r="220295" spans="14:14">
      <c r="N220295" s="10"/>
    </row>
    <row r="220296" spans="14:14">
      <c r="N220296" s="10"/>
    </row>
    <row r="220297" spans="14:14">
      <c r="N220297" s="10"/>
    </row>
    <row r="220298" spans="14:14">
      <c r="N220298" s="10"/>
    </row>
    <row r="220299" spans="14:14">
      <c r="N220299" s="10"/>
    </row>
    <row r="220300" spans="14:14">
      <c r="N220300" s="10"/>
    </row>
    <row r="220301" spans="14:14">
      <c r="N220301" s="10"/>
    </row>
    <row r="220302" spans="14:14">
      <c r="N220302" s="10"/>
    </row>
    <row r="220303" spans="14:14">
      <c r="N220303" s="10"/>
    </row>
    <row r="220304" spans="14:14">
      <c r="N220304" s="10"/>
    </row>
    <row r="220305" spans="14:14">
      <c r="N220305" s="10"/>
    </row>
    <row r="220306" spans="14:14">
      <c r="N220306" s="10"/>
    </row>
    <row r="220307" spans="14:14">
      <c r="N220307" s="10"/>
    </row>
    <row r="220308" spans="14:14">
      <c r="N220308" s="10"/>
    </row>
    <row r="220309" spans="14:14">
      <c r="N220309" s="10"/>
    </row>
    <row r="220310" spans="14:14">
      <c r="N220310" s="10"/>
    </row>
    <row r="220311" spans="14:14">
      <c r="N220311" s="10"/>
    </row>
    <row r="220312" spans="14:14">
      <c r="N220312" s="10"/>
    </row>
    <row r="220313" spans="14:14">
      <c r="N220313" s="10"/>
    </row>
    <row r="220314" spans="14:14">
      <c r="N220314" s="10"/>
    </row>
    <row r="220315" spans="14:14">
      <c r="N220315" s="10"/>
    </row>
    <row r="220316" spans="14:14">
      <c r="N220316" s="10"/>
    </row>
    <row r="220317" spans="14:14">
      <c r="N220317" s="10"/>
    </row>
    <row r="220318" spans="14:14">
      <c r="N220318" s="10"/>
    </row>
    <row r="220319" spans="14:14">
      <c r="N220319" s="10"/>
    </row>
    <row r="220320" spans="14:14">
      <c r="N220320" s="10"/>
    </row>
    <row r="220321" spans="14:14">
      <c r="N220321" s="10"/>
    </row>
    <row r="220322" spans="14:14">
      <c r="N220322" s="10"/>
    </row>
    <row r="220323" spans="14:14">
      <c r="N220323" s="10"/>
    </row>
    <row r="220324" spans="14:14">
      <c r="N220324" s="10"/>
    </row>
    <row r="220325" spans="14:14">
      <c r="N220325" s="10"/>
    </row>
    <row r="220326" spans="14:14">
      <c r="N220326" s="10"/>
    </row>
    <row r="220327" spans="14:14">
      <c r="N220327" s="10"/>
    </row>
    <row r="220328" spans="14:14">
      <c r="N220328" s="10"/>
    </row>
    <row r="220329" spans="14:14">
      <c r="N220329" s="10"/>
    </row>
    <row r="220330" spans="14:14">
      <c r="N220330" s="10"/>
    </row>
    <row r="220331" spans="14:14">
      <c r="N220331" s="10"/>
    </row>
    <row r="220332" spans="14:14">
      <c r="N220332" s="10"/>
    </row>
    <row r="220333" spans="14:14">
      <c r="N220333" s="10"/>
    </row>
    <row r="220334" spans="14:14">
      <c r="N220334" s="10"/>
    </row>
    <row r="220335" spans="14:14">
      <c r="N220335" s="10"/>
    </row>
    <row r="220336" spans="14:14">
      <c r="N220336" s="10"/>
    </row>
    <row r="220337" spans="14:14">
      <c r="N220337" s="10"/>
    </row>
    <row r="220338" spans="14:14">
      <c r="N220338" s="10"/>
    </row>
    <row r="220339" spans="14:14">
      <c r="N220339" s="10"/>
    </row>
    <row r="220340" spans="14:14">
      <c r="N220340" s="10"/>
    </row>
    <row r="220341" spans="14:14">
      <c r="N220341" s="10"/>
    </row>
    <row r="220342" spans="14:14">
      <c r="N220342" s="10"/>
    </row>
    <row r="220343" spans="14:14">
      <c r="N220343" s="10"/>
    </row>
    <row r="220344" spans="14:14">
      <c r="N220344" s="10"/>
    </row>
    <row r="220345" spans="14:14">
      <c r="N220345" s="10"/>
    </row>
    <row r="220346" spans="14:14">
      <c r="N220346" s="10"/>
    </row>
    <row r="220347" spans="14:14">
      <c r="N220347" s="10"/>
    </row>
    <row r="220348" spans="14:14">
      <c r="N220348" s="10"/>
    </row>
    <row r="220349" spans="14:14">
      <c r="N220349" s="10"/>
    </row>
    <row r="220350" spans="14:14">
      <c r="N220350" s="10"/>
    </row>
    <row r="220351" spans="14:14">
      <c r="N220351" s="10"/>
    </row>
    <row r="220352" spans="14:14">
      <c r="N220352" s="10"/>
    </row>
    <row r="220353" spans="14:14">
      <c r="N220353" s="10"/>
    </row>
    <row r="220354" spans="14:14">
      <c r="N220354" s="10"/>
    </row>
    <row r="220355" spans="14:14">
      <c r="N220355" s="10"/>
    </row>
    <row r="220356" spans="14:14">
      <c r="N220356" s="10"/>
    </row>
    <row r="220357" spans="14:14">
      <c r="N220357" s="10"/>
    </row>
    <row r="220358" spans="14:14">
      <c r="N220358" s="10"/>
    </row>
    <row r="220359" spans="14:14">
      <c r="N220359" s="10"/>
    </row>
    <row r="220360" spans="14:14">
      <c r="N220360" s="10"/>
    </row>
    <row r="220361" spans="14:14">
      <c r="N220361" s="10"/>
    </row>
    <row r="220362" spans="14:14">
      <c r="N220362" s="10"/>
    </row>
    <row r="220363" spans="14:14">
      <c r="N220363" s="10"/>
    </row>
    <row r="220364" spans="14:14">
      <c r="N220364" s="10"/>
    </row>
    <row r="220365" spans="14:14">
      <c r="N220365" s="10"/>
    </row>
    <row r="220366" spans="14:14">
      <c r="N220366" s="10"/>
    </row>
    <row r="220367" spans="14:14">
      <c r="N220367" s="10"/>
    </row>
    <row r="220368" spans="14:14">
      <c r="N220368" s="10"/>
    </row>
    <row r="220369" spans="14:14">
      <c r="N220369" s="10"/>
    </row>
    <row r="220370" spans="14:14">
      <c r="N220370" s="10"/>
    </row>
    <row r="220371" spans="14:14">
      <c r="N220371" s="10"/>
    </row>
    <row r="220372" spans="14:14">
      <c r="N220372" s="10"/>
    </row>
    <row r="220373" spans="14:14">
      <c r="N220373" s="10"/>
    </row>
    <row r="220374" spans="14:14">
      <c r="N220374" s="10"/>
    </row>
    <row r="220375" spans="14:14">
      <c r="N220375" s="10"/>
    </row>
    <row r="220376" spans="14:14">
      <c r="N220376" s="10"/>
    </row>
    <row r="220377" spans="14:14">
      <c r="N220377" s="10"/>
    </row>
    <row r="220378" spans="14:14">
      <c r="N220378" s="10"/>
    </row>
    <row r="220379" spans="14:14">
      <c r="N220379" s="10"/>
    </row>
    <row r="220380" spans="14:14">
      <c r="N220380" s="10"/>
    </row>
    <row r="220381" spans="14:14">
      <c r="N220381" s="10"/>
    </row>
    <row r="220382" spans="14:14">
      <c r="N220382" s="10"/>
    </row>
    <row r="220383" spans="14:14">
      <c r="N220383" s="10"/>
    </row>
    <row r="220384" spans="14:14">
      <c r="N220384" s="10"/>
    </row>
    <row r="220385" spans="14:14">
      <c r="N220385" s="10"/>
    </row>
    <row r="220386" spans="14:14">
      <c r="N220386" s="10"/>
    </row>
    <row r="220387" spans="14:14">
      <c r="N220387" s="10"/>
    </row>
    <row r="220388" spans="14:14">
      <c r="N220388" s="10"/>
    </row>
    <row r="220389" spans="14:14">
      <c r="N220389" s="10"/>
    </row>
    <row r="220390" spans="14:14">
      <c r="N220390" s="10"/>
    </row>
    <row r="220391" spans="14:14">
      <c r="N220391" s="10"/>
    </row>
    <row r="220392" spans="14:14">
      <c r="N220392" s="10"/>
    </row>
    <row r="220393" spans="14:14">
      <c r="N220393" s="10"/>
    </row>
    <row r="220394" spans="14:14">
      <c r="N220394" s="10"/>
    </row>
    <row r="220395" spans="14:14">
      <c r="N220395" s="10"/>
    </row>
    <row r="220396" spans="14:14">
      <c r="N220396" s="10"/>
    </row>
    <row r="220397" spans="14:14">
      <c r="N220397" s="10"/>
    </row>
    <row r="220398" spans="14:14">
      <c r="N220398" s="10"/>
    </row>
    <row r="220399" spans="14:14">
      <c r="N220399" s="10"/>
    </row>
    <row r="220400" spans="14:14">
      <c r="N220400" s="10"/>
    </row>
    <row r="220401" spans="14:14">
      <c r="N220401" s="10"/>
    </row>
    <row r="220402" spans="14:14">
      <c r="N220402" s="10"/>
    </row>
    <row r="220403" spans="14:14">
      <c r="N220403" s="10"/>
    </row>
    <row r="220404" spans="14:14">
      <c r="N220404" s="10"/>
    </row>
    <row r="220405" spans="14:14">
      <c r="N220405" s="10"/>
    </row>
    <row r="220406" spans="14:14">
      <c r="N220406" s="10"/>
    </row>
    <row r="220407" spans="14:14">
      <c r="N220407" s="10"/>
    </row>
    <row r="220408" spans="14:14">
      <c r="N220408" s="10"/>
    </row>
    <row r="220409" spans="14:14">
      <c r="N220409" s="10"/>
    </row>
    <row r="220410" spans="14:14">
      <c r="N220410" s="10"/>
    </row>
    <row r="220411" spans="14:14">
      <c r="N220411" s="10"/>
    </row>
    <row r="220412" spans="14:14">
      <c r="N220412" s="10"/>
    </row>
    <row r="220413" spans="14:14">
      <c r="N220413" s="10"/>
    </row>
    <row r="220414" spans="14:14">
      <c r="N220414" s="10"/>
    </row>
    <row r="220415" spans="14:14">
      <c r="N220415" s="10"/>
    </row>
    <row r="220416" spans="14:14">
      <c r="N220416" s="10"/>
    </row>
    <row r="220417" spans="14:14">
      <c r="N220417" s="10"/>
    </row>
    <row r="220418" spans="14:14">
      <c r="N220418" s="10"/>
    </row>
    <row r="220419" spans="14:14">
      <c r="N220419" s="10"/>
    </row>
    <row r="220420" spans="14:14">
      <c r="N220420" s="10"/>
    </row>
    <row r="220421" spans="14:14">
      <c r="N220421" s="10"/>
    </row>
    <row r="220422" spans="14:14">
      <c r="N220422" s="10"/>
    </row>
    <row r="220423" spans="14:14">
      <c r="N220423" s="10"/>
    </row>
    <row r="220424" spans="14:14">
      <c r="N220424" s="10"/>
    </row>
    <row r="220425" spans="14:14">
      <c r="N220425" s="10"/>
    </row>
    <row r="220426" spans="14:14">
      <c r="N220426" s="10"/>
    </row>
    <row r="220427" spans="14:14">
      <c r="N220427" s="10"/>
    </row>
    <row r="220428" spans="14:14">
      <c r="N220428" s="10"/>
    </row>
    <row r="220429" spans="14:14">
      <c r="N220429" s="10"/>
    </row>
    <row r="220430" spans="14:14">
      <c r="N220430" s="10"/>
    </row>
    <row r="220431" spans="14:14">
      <c r="N220431" s="10"/>
    </row>
    <row r="220432" spans="14:14">
      <c r="N220432" s="10"/>
    </row>
    <row r="220433" spans="14:14">
      <c r="N220433" s="10"/>
    </row>
    <row r="220434" spans="14:14">
      <c r="N220434" s="10"/>
    </row>
    <row r="220435" spans="14:14">
      <c r="N220435" s="10"/>
    </row>
    <row r="220436" spans="14:14">
      <c r="N220436" s="10"/>
    </row>
    <row r="220437" spans="14:14">
      <c r="N220437" s="10"/>
    </row>
    <row r="220438" spans="14:14">
      <c r="N220438" s="10"/>
    </row>
    <row r="220439" spans="14:14">
      <c r="N220439" s="10"/>
    </row>
    <row r="220440" spans="14:14">
      <c r="N220440" s="10"/>
    </row>
    <row r="220441" spans="14:14">
      <c r="N220441" s="10"/>
    </row>
    <row r="220442" spans="14:14">
      <c r="N220442" s="10"/>
    </row>
    <row r="220443" spans="14:14">
      <c r="N220443" s="10"/>
    </row>
    <row r="220444" spans="14:14">
      <c r="N220444" s="10"/>
    </row>
    <row r="220445" spans="14:14">
      <c r="N220445" s="10"/>
    </row>
    <row r="220446" spans="14:14">
      <c r="N220446" s="10"/>
    </row>
    <row r="220447" spans="14:14">
      <c r="N220447" s="10"/>
    </row>
    <row r="220448" spans="14:14">
      <c r="N220448" s="10"/>
    </row>
    <row r="220449" spans="14:14">
      <c r="N220449" s="10"/>
    </row>
    <row r="220450" spans="14:14">
      <c r="N220450" s="10"/>
    </row>
    <row r="220451" spans="14:14">
      <c r="N220451" s="10"/>
    </row>
    <row r="220452" spans="14:14">
      <c r="N220452" s="10"/>
    </row>
    <row r="220453" spans="14:14">
      <c r="N220453" s="10"/>
    </row>
    <row r="220454" spans="14:14">
      <c r="N220454" s="10"/>
    </row>
    <row r="220455" spans="14:14">
      <c r="N220455" s="10"/>
    </row>
    <row r="220456" spans="14:14">
      <c r="N220456" s="10"/>
    </row>
    <row r="220457" spans="14:14">
      <c r="N220457" s="10"/>
    </row>
    <row r="220458" spans="14:14">
      <c r="N220458" s="10"/>
    </row>
    <row r="220459" spans="14:14">
      <c r="N220459" s="10"/>
    </row>
    <row r="220460" spans="14:14">
      <c r="N220460" s="10"/>
    </row>
    <row r="220461" spans="14:14">
      <c r="N220461" s="10"/>
    </row>
    <row r="220462" spans="14:14">
      <c r="N220462" s="10"/>
    </row>
    <row r="220463" spans="14:14">
      <c r="N220463" s="10"/>
    </row>
    <row r="220464" spans="14:14">
      <c r="N220464" s="10"/>
    </row>
    <row r="220465" spans="14:14">
      <c r="N220465" s="10"/>
    </row>
    <row r="220466" spans="14:14">
      <c r="N220466" s="10"/>
    </row>
    <row r="220467" spans="14:14">
      <c r="N220467" s="10"/>
    </row>
    <row r="220468" spans="14:14">
      <c r="N220468" s="10"/>
    </row>
    <row r="220469" spans="14:14">
      <c r="N220469" s="10"/>
    </row>
    <row r="220470" spans="14:14">
      <c r="N220470" s="10"/>
    </row>
    <row r="220471" spans="14:14">
      <c r="N220471" s="10"/>
    </row>
    <row r="220472" spans="14:14">
      <c r="N220472" s="10"/>
    </row>
    <row r="220473" spans="14:14">
      <c r="N220473" s="10"/>
    </row>
    <row r="220474" spans="14:14">
      <c r="N220474" s="10"/>
    </row>
    <row r="220475" spans="14:14">
      <c r="N220475" s="10"/>
    </row>
    <row r="220476" spans="14:14">
      <c r="N220476" s="10"/>
    </row>
    <row r="220477" spans="14:14">
      <c r="N220477" s="10"/>
    </row>
    <row r="220478" spans="14:14">
      <c r="N220478" s="10"/>
    </row>
    <row r="220479" spans="14:14">
      <c r="N220479" s="10"/>
    </row>
    <row r="220480" spans="14:14">
      <c r="N220480" s="10"/>
    </row>
    <row r="220481" spans="14:14">
      <c r="N220481" s="10"/>
    </row>
    <row r="220482" spans="14:14">
      <c r="N220482" s="10"/>
    </row>
    <row r="220483" spans="14:14">
      <c r="N220483" s="10"/>
    </row>
    <row r="220484" spans="14:14">
      <c r="N220484" s="10"/>
    </row>
    <row r="220485" spans="14:14">
      <c r="N220485" s="10"/>
    </row>
    <row r="220486" spans="14:14">
      <c r="N220486" s="10"/>
    </row>
    <row r="220487" spans="14:14">
      <c r="N220487" s="10"/>
    </row>
    <row r="220488" spans="14:14">
      <c r="N220488" s="10"/>
    </row>
    <row r="220489" spans="14:14">
      <c r="N220489" s="10"/>
    </row>
    <row r="220490" spans="14:14">
      <c r="N220490" s="10"/>
    </row>
    <row r="220491" spans="14:14">
      <c r="N220491" s="10"/>
    </row>
    <row r="220492" spans="14:14">
      <c r="N220492" s="10"/>
    </row>
    <row r="220493" spans="14:14">
      <c r="N220493" s="10"/>
    </row>
    <row r="220494" spans="14:14">
      <c r="N220494" s="10"/>
    </row>
    <row r="220495" spans="14:14">
      <c r="N220495" s="10"/>
    </row>
    <row r="220496" spans="14:14">
      <c r="N220496" s="10"/>
    </row>
    <row r="220497" spans="14:14">
      <c r="N220497" s="10"/>
    </row>
    <row r="220498" spans="14:14">
      <c r="N220498" s="10"/>
    </row>
    <row r="220499" spans="14:14">
      <c r="N220499" s="10"/>
    </row>
    <row r="220500" spans="14:14">
      <c r="N220500" s="10"/>
    </row>
    <row r="220501" spans="14:14">
      <c r="N220501" s="10"/>
    </row>
    <row r="220502" spans="14:14">
      <c r="N220502" s="10"/>
    </row>
    <row r="220503" spans="14:14">
      <c r="N220503" s="10"/>
    </row>
    <row r="220504" spans="14:14">
      <c r="N220504" s="10"/>
    </row>
    <row r="220505" spans="14:14">
      <c r="N220505" s="10"/>
    </row>
    <row r="220506" spans="14:14">
      <c r="N220506" s="10"/>
    </row>
    <row r="220507" spans="14:14">
      <c r="N220507" s="10"/>
    </row>
    <row r="220508" spans="14:14">
      <c r="N220508" s="10"/>
    </row>
    <row r="220509" spans="14:14">
      <c r="N220509" s="10"/>
    </row>
    <row r="220510" spans="14:14">
      <c r="N220510" s="10"/>
    </row>
    <row r="220511" spans="14:14">
      <c r="N220511" s="10"/>
    </row>
    <row r="220512" spans="14:14">
      <c r="N220512" s="10"/>
    </row>
    <row r="220513" spans="14:14">
      <c r="N220513" s="10"/>
    </row>
    <row r="220514" spans="14:14">
      <c r="N220514" s="10"/>
    </row>
    <row r="220515" spans="14:14">
      <c r="N220515" s="10"/>
    </row>
    <row r="220516" spans="14:14">
      <c r="N220516" s="10"/>
    </row>
    <row r="220517" spans="14:14">
      <c r="N220517" s="10"/>
    </row>
    <row r="220518" spans="14:14">
      <c r="N220518" s="10"/>
    </row>
    <row r="220519" spans="14:14">
      <c r="N220519" s="10"/>
    </row>
    <row r="220520" spans="14:14">
      <c r="N220520" s="10"/>
    </row>
    <row r="220521" spans="14:14">
      <c r="N220521" s="10"/>
    </row>
    <row r="220522" spans="14:14">
      <c r="N220522" s="10"/>
    </row>
    <row r="220523" spans="14:14">
      <c r="N220523" s="10"/>
    </row>
    <row r="220524" spans="14:14">
      <c r="N220524" s="10"/>
    </row>
    <row r="220525" spans="14:14">
      <c r="N220525" s="10"/>
    </row>
    <row r="220526" spans="14:14">
      <c r="N220526" s="10"/>
    </row>
    <row r="220527" spans="14:14">
      <c r="N220527" s="10"/>
    </row>
    <row r="220528" spans="14:14">
      <c r="N220528" s="10"/>
    </row>
    <row r="220529" spans="14:14">
      <c r="N220529" s="10"/>
    </row>
    <row r="220530" spans="14:14">
      <c r="N220530" s="10"/>
    </row>
    <row r="220531" spans="14:14">
      <c r="N220531" s="10"/>
    </row>
    <row r="220532" spans="14:14">
      <c r="N220532" s="10"/>
    </row>
    <row r="220533" spans="14:14">
      <c r="N220533" s="10"/>
    </row>
    <row r="220534" spans="14:14">
      <c r="N220534" s="10"/>
    </row>
    <row r="220535" spans="14:14">
      <c r="N220535" s="10"/>
    </row>
    <row r="220536" spans="14:14">
      <c r="N220536" s="10"/>
    </row>
    <row r="220537" spans="14:14">
      <c r="N220537" s="10"/>
    </row>
    <row r="220538" spans="14:14">
      <c r="N220538" s="10"/>
    </row>
    <row r="220539" spans="14:14">
      <c r="N220539" s="10"/>
    </row>
    <row r="220540" spans="14:14">
      <c r="N220540" s="10"/>
    </row>
    <row r="220541" spans="14:14">
      <c r="N220541" s="10"/>
    </row>
    <row r="220542" spans="14:14">
      <c r="N220542" s="10"/>
    </row>
    <row r="220543" spans="14:14">
      <c r="N220543" s="10"/>
    </row>
    <row r="220544" spans="14:14">
      <c r="N220544" s="10"/>
    </row>
    <row r="220545" spans="14:14">
      <c r="N220545" s="10"/>
    </row>
    <row r="220546" spans="14:14">
      <c r="N220546" s="10"/>
    </row>
    <row r="220547" spans="14:14">
      <c r="N220547" s="10"/>
    </row>
    <row r="220548" spans="14:14">
      <c r="N220548" s="10"/>
    </row>
    <row r="220549" spans="14:14">
      <c r="N220549" s="10"/>
    </row>
    <row r="220550" spans="14:14">
      <c r="N220550" s="10"/>
    </row>
    <row r="220551" spans="14:14">
      <c r="N220551" s="10"/>
    </row>
    <row r="220552" spans="14:14">
      <c r="N220552" s="10"/>
    </row>
    <row r="220553" spans="14:14">
      <c r="N220553" s="10"/>
    </row>
    <row r="220554" spans="14:14">
      <c r="N220554" s="10"/>
    </row>
    <row r="220555" spans="14:14">
      <c r="N220555" s="10"/>
    </row>
    <row r="220556" spans="14:14">
      <c r="N220556" s="10"/>
    </row>
    <row r="220557" spans="14:14">
      <c r="N220557" s="10"/>
    </row>
    <row r="220558" spans="14:14">
      <c r="N220558" s="10"/>
    </row>
    <row r="220559" spans="14:14">
      <c r="N220559" s="10"/>
    </row>
    <row r="220560" spans="14:14">
      <c r="N220560" s="10"/>
    </row>
    <row r="220561" spans="14:14">
      <c r="N220561" s="10"/>
    </row>
    <row r="220562" spans="14:14">
      <c r="N220562" s="10"/>
    </row>
    <row r="220563" spans="14:14">
      <c r="N220563" s="10"/>
    </row>
    <row r="220564" spans="14:14">
      <c r="N220564" s="10"/>
    </row>
    <row r="220565" spans="14:14">
      <c r="N220565" s="10"/>
    </row>
    <row r="220566" spans="14:14">
      <c r="N220566" s="10"/>
    </row>
    <row r="220567" spans="14:14">
      <c r="N220567" s="10"/>
    </row>
    <row r="220568" spans="14:14">
      <c r="N220568" s="10"/>
    </row>
    <row r="220569" spans="14:14">
      <c r="N220569" s="10"/>
    </row>
    <row r="220570" spans="14:14">
      <c r="N220570" s="10"/>
    </row>
    <row r="220571" spans="14:14">
      <c r="N220571" s="10"/>
    </row>
    <row r="220572" spans="14:14">
      <c r="N220572" s="10"/>
    </row>
    <row r="220573" spans="14:14">
      <c r="N220573" s="10"/>
    </row>
    <row r="220574" spans="14:14">
      <c r="N220574" s="10"/>
    </row>
    <row r="220575" spans="14:14">
      <c r="N220575" s="10"/>
    </row>
    <row r="220576" spans="14:14">
      <c r="N220576" s="10"/>
    </row>
    <row r="220577" spans="14:14">
      <c r="N220577" s="10"/>
    </row>
    <row r="220578" spans="14:14">
      <c r="N220578" s="10"/>
    </row>
    <row r="220579" spans="14:14">
      <c r="N220579" s="10"/>
    </row>
    <row r="220580" spans="14:14">
      <c r="N220580" s="10"/>
    </row>
    <row r="220581" spans="14:14">
      <c r="N220581" s="10"/>
    </row>
    <row r="220582" spans="14:14">
      <c r="N220582" s="10"/>
    </row>
    <row r="220583" spans="14:14">
      <c r="N220583" s="10"/>
    </row>
    <row r="220584" spans="14:14">
      <c r="N220584" s="10"/>
    </row>
    <row r="220585" spans="14:14">
      <c r="N220585" s="10"/>
    </row>
    <row r="220586" spans="14:14">
      <c r="N220586" s="10"/>
    </row>
    <row r="220587" spans="14:14">
      <c r="N220587" s="10"/>
    </row>
    <row r="220588" spans="14:14">
      <c r="N220588" s="10"/>
    </row>
    <row r="220589" spans="14:14">
      <c r="N220589" s="10"/>
    </row>
    <row r="220590" spans="14:14">
      <c r="N220590" s="10"/>
    </row>
    <row r="220591" spans="14:14">
      <c r="N220591" s="10"/>
    </row>
    <row r="220592" spans="14:14">
      <c r="N220592" s="10"/>
    </row>
    <row r="220593" spans="14:14">
      <c r="N220593" s="10"/>
    </row>
    <row r="220594" spans="14:14">
      <c r="N220594" s="10"/>
    </row>
    <row r="220595" spans="14:14">
      <c r="N220595" s="10"/>
    </row>
    <row r="220596" spans="14:14">
      <c r="N220596" s="10"/>
    </row>
    <row r="220597" spans="14:14">
      <c r="N220597" s="10"/>
    </row>
    <row r="220598" spans="14:14">
      <c r="N220598" s="10"/>
    </row>
    <row r="220599" spans="14:14">
      <c r="N220599" s="10"/>
    </row>
    <row r="220600" spans="14:14">
      <c r="N220600" s="10"/>
    </row>
    <row r="220601" spans="14:14">
      <c r="N220601" s="10"/>
    </row>
    <row r="220602" spans="14:14">
      <c r="N220602" s="10"/>
    </row>
    <row r="220603" spans="14:14">
      <c r="N220603" s="10"/>
    </row>
    <row r="220604" spans="14:14">
      <c r="N220604" s="10"/>
    </row>
    <row r="220605" spans="14:14">
      <c r="N220605" s="10"/>
    </row>
    <row r="220606" spans="14:14">
      <c r="N220606" s="10"/>
    </row>
    <row r="220607" spans="14:14">
      <c r="N220607" s="10"/>
    </row>
    <row r="220608" spans="14:14">
      <c r="N220608" s="10"/>
    </row>
    <row r="220609" spans="14:14">
      <c r="N220609" s="10"/>
    </row>
    <row r="220610" spans="14:14">
      <c r="N220610" s="10"/>
    </row>
    <row r="220611" spans="14:14">
      <c r="N220611" s="10"/>
    </row>
    <row r="220612" spans="14:14">
      <c r="N220612" s="10"/>
    </row>
    <row r="220613" spans="14:14">
      <c r="N220613" s="10"/>
    </row>
    <row r="220614" spans="14:14">
      <c r="N220614" s="10"/>
    </row>
    <row r="220615" spans="14:14">
      <c r="N220615" s="10"/>
    </row>
    <row r="220616" spans="14:14">
      <c r="N220616" s="10"/>
    </row>
    <row r="220617" spans="14:14">
      <c r="N220617" s="10"/>
    </row>
    <row r="220618" spans="14:14">
      <c r="N220618" s="10"/>
    </row>
    <row r="220619" spans="14:14">
      <c r="N220619" s="10"/>
    </row>
    <row r="220620" spans="14:14">
      <c r="N220620" s="10"/>
    </row>
    <row r="220621" spans="14:14">
      <c r="N220621" s="10"/>
    </row>
    <row r="220622" spans="14:14">
      <c r="N220622" s="10"/>
    </row>
    <row r="220623" spans="14:14">
      <c r="N220623" s="10"/>
    </row>
    <row r="220624" spans="14:14">
      <c r="N220624" s="10"/>
    </row>
    <row r="220625" spans="14:14">
      <c r="N220625" s="10"/>
    </row>
    <row r="220626" spans="14:14">
      <c r="N220626" s="10"/>
    </row>
    <row r="220627" spans="14:14">
      <c r="N220627" s="10"/>
    </row>
    <row r="220628" spans="14:14">
      <c r="N220628" s="10"/>
    </row>
    <row r="220629" spans="14:14">
      <c r="N220629" s="10"/>
    </row>
    <row r="220630" spans="14:14">
      <c r="N220630" s="10"/>
    </row>
    <row r="220631" spans="14:14">
      <c r="N220631" s="10"/>
    </row>
    <row r="220632" spans="14:14">
      <c r="N220632" s="10"/>
    </row>
    <row r="220633" spans="14:14">
      <c r="N220633" s="10"/>
    </row>
    <row r="220634" spans="14:14">
      <c r="N220634" s="10"/>
    </row>
    <row r="220635" spans="14:14">
      <c r="N220635" s="10"/>
    </row>
    <row r="220636" spans="14:14">
      <c r="N220636" s="10"/>
    </row>
    <row r="220637" spans="14:14">
      <c r="N220637" s="10"/>
    </row>
    <row r="220638" spans="14:14">
      <c r="N220638" s="10"/>
    </row>
    <row r="220639" spans="14:14">
      <c r="N220639" s="10"/>
    </row>
    <row r="220640" spans="14:14">
      <c r="N220640" s="10"/>
    </row>
    <row r="220641" spans="14:14">
      <c r="N220641" s="10"/>
    </row>
    <row r="220642" spans="14:14">
      <c r="N220642" s="10"/>
    </row>
    <row r="220643" spans="14:14">
      <c r="N220643" s="10"/>
    </row>
    <row r="220644" spans="14:14">
      <c r="N220644" s="10"/>
    </row>
    <row r="220645" spans="14:14">
      <c r="N220645" s="10"/>
    </row>
    <row r="220646" spans="14:14">
      <c r="N220646" s="10"/>
    </row>
    <row r="220647" spans="14:14">
      <c r="N220647" s="10"/>
    </row>
    <row r="220648" spans="14:14">
      <c r="N220648" s="10"/>
    </row>
    <row r="220649" spans="14:14">
      <c r="N220649" s="10"/>
    </row>
    <row r="220650" spans="14:14">
      <c r="N220650" s="10"/>
    </row>
    <row r="220651" spans="14:14">
      <c r="N220651" s="10"/>
    </row>
    <row r="220652" spans="14:14">
      <c r="N220652" s="10"/>
    </row>
    <row r="220653" spans="14:14">
      <c r="N220653" s="10"/>
    </row>
    <row r="220654" spans="14:14">
      <c r="N220654" s="10"/>
    </row>
    <row r="220655" spans="14:14">
      <c r="N220655" s="10"/>
    </row>
    <row r="220656" spans="14:14">
      <c r="N220656" s="10"/>
    </row>
    <row r="220657" spans="14:14">
      <c r="N220657" s="10"/>
    </row>
    <row r="220658" spans="14:14">
      <c r="N220658" s="10"/>
    </row>
    <row r="220659" spans="14:14">
      <c r="N220659" s="10"/>
    </row>
    <row r="220660" spans="14:14">
      <c r="N220660" s="10"/>
    </row>
    <row r="220661" spans="14:14">
      <c r="N220661" s="10"/>
    </row>
    <row r="220662" spans="14:14">
      <c r="N220662" s="10"/>
    </row>
    <row r="220663" spans="14:14">
      <c r="N220663" s="10"/>
    </row>
    <row r="220664" spans="14:14">
      <c r="N220664" s="10"/>
    </row>
    <row r="220665" spans="14:14">
      <c r="N220665" s="10"/>
    </row>
    <row r="220666" spans="14:14">
      <c r="N220666" s="10"/>
    </row>
    <row r="220667" spans="14:14">
      <c r="N220667" s="10"/>
    </row>
    <row r="220668" spans="14:14">
      <c r="N220668" s="10"/>
    </row>
    <row r="220669" spans="14:14">
      <c r="N220669" s="10"/>
    </row>
    <row r="220670" spans="14:14">
      <c r="N220670" s="10"/>
    </row>
    <row r="220671" spans="14:14">
      <c r="N220671" s="10"/>
    </row>
    <row r="220672" spans="14:14">
      <c r="N220672" s="10"/>
    </row>
    <row r="220673" spans="14:14">
      <c r="N220673" s="10"/>
    </row>
    <row r="220674" spans="14:14">
      <c r="N220674" s="10"/>
    </row>
    <row r="220675" spans="14:14">
      <c r="N220675" s="10"/>
    </row>
    <row r="220676" spans="14:14">
      <c r="N220676" s="10"/>
    </row>
    <row r="220677" spans="14:14">
      <c r="N220677" s="10"/>
    </row>
    <row r="220678" spans="14:14">
      <c r="N220678" s="10"/>
    </row>
    <row r="220679" spans="14:14">
      <c r="N220679" s="10"/>
    </row>
    <row r="220680" spans="14:14">
      <c r="N220680" s="10"/>
    </row>
    <row r="220681" spans="14:14">
      <c r="N220681" s="10"/>
    </row>
    <row r="220682" spans="14:14">
      <c r="N220682" s="10"/>
    </row>
    <row r="220683" spans="14:14">
      <c r="N220683" s="10"/>
    </row>
    <row r="220684" spans="14:14">
      <c r="N220684" s="10"/>
    </row>
    <row r="220685" spans="14:14">
      <c r="N220685" s="10"/>
    </row>
    <row r="220686" spans="14:14">
      <c r="N220686" s="10"/>
    </row>
    <row r="220687" spans="14:14">
      <c r="N220687" s="10"/>
    </row>
    <row r="220688" spans="14:14">
      <c r="N220688" s="10"/>
    </row>
    <row r="220689" spans="14:14">
      <c r="N220689" s="10"/>
    </row>
    <row r="220690" spans="14:14">
      <c r="N220690" s="10"/>
    </row>
    <row r="220691" spans="14:14">
      <c r="N220691" s="10"/>
    </row>
    <row r="220692" spans="14:14">
      <c r="N220692" s="10"/>
    </row>
    <row r="220693" spans="14:14">
      <c r="N220693" s="10"/>
    </row>
    <row r="220694" spans="14:14">
      <c r="N220694" s="10"/>
    </row>
    <row r="220695" spans="14:14">
      <c r="N220695" s="10"/>
    </row>
    <row r="220696" spans="14:14">
      <c r="N220696" s="10"/>
    </row>
    <row r="220697" spans="14:14">
      <c r="N220697" s="10"/>
    </row>
    <row r="220698" spans="14:14">
      <c r="N220698" s="10"/>
    </row>
    <row r="220699" spans="14:14">
      <c r="N220699" s="10"/>
    </row>
    <row r="220700" spans="14:14">
      <c r="N220700" s="10"/>
    </row>
    <row r="220701" spans="14:14">
      <c r="N220701" s="10"/>
    </row>
    <row r="220702" spans="14:14">
      <c r="N220702" s="10"/>
    </row>
    <row r="220703" spans="14:14">
      <c r="N220703" s="10"/>
    </row>
    <row r="220704" spans="14:14">
      <c r="N220704" s="10"/>
    </row>
    <row r="220705" spans="14:14">
      <c r="N220705" s="10"/>
    </row>
    <row r="220706" spans="14:14">
      <c r="N220706" s="10"/>
    </row>
    <row r="220707" spans="14:14">
      <c r="N220707" s="10"/>
    </row>
    <row r="220708" spans="14:14">
      <c r="N220708" s="10"/>
    </row>
    <row r="220709" spans="14:14">
      <c r="N220709" s="10"/>
    </row>
    <row r="220710" spans="14:14">
      <c r="N220710" s="10"/>
    </row>
    <row r="220711" spans="14:14">
      <c r="N220711" s="10"/>
    </row>
    <row r="220712" spans="14:14">
      <c r="N220712" s="10"/>
    </row>
    <row r="220713" spans="14:14">
      <c r="N220713" s="10"/>
    </row>
    <row r="220714" spans="14:14">
      <c r="N220714" s="10"/>
    </row>
    <row r="220715" spans="14:14">
      <c r="N220715" s="10"/>
    </row>
    <row r="220716" spans="14:14">
      <c r="N220716" s="10"/>
    </row>
    <row r="220717" spans="14:14">
      <c r="N220717" s="10"/>
    </row>
    <row r="220718" spans="14:14">
      <c r="N220718" s="10"/>
    </row>
    <row r="220719" spans="14:14">
      <c r="N220719" s="10"/>
    </row>
    <row r="220720" spans="14:14">
      <c r="N220720" s="10"/>
    </row>
    <row r="220721" spans="14:14">
      <c r="N220721" s="10"/>
    </row>
    <row r="220722" spans="14:14">
      <c r="N220722" s="10"/>
    </row>
    <row r="220723" spans="14:14">
      <c r="N220723" s="10"/>
    </row>
    <row r="220724" spans="14:14">
      <c r="N220724" s="10"/>
    </row>
    <row r="220725" spans="14:14">
      <c r="N220725" s="10"/>
    </row>
    <row r="220726" spans="14:14">
      <c r="N220726" s="10"/>
    </row>
    <row r="220727" spans="14:14">
      <c r="N220727" s="10"/>
    </row>
    <row r="220728" spans="14:14">
      <c r="N220728" s="10"/>
    </row>
    <row r="220729" spans="14:14">
      <c r="N220729" s="10"/>
    </row>
    <row r="220730" spans="14:14">
      <c r="N220730" s="10"/>
    </row>
    <row r="220731" spans="14:14">
      <c r="N220731" s="10"/>
    </row>
    <row r="220732" spans="14:14">
      <c r="N220732" s="10"/>
    </row>
    <row r="220733" spans="14:14">
      <c r="N220733" s="10"/>
    </row>
    <row r="220734" spans="14:14">
      <c r="N220734" s="10"/>
    </row>
    <row r="220735" spans="14:14">
      <c r="N220735" s="10"/>
    </row>
    <row r="220736" spans="14:14">
      <c r="N220736" s="10"/>
    </row>
    <row r="220737" spans="14:14">
      <c r="N220737" s="10"/>
    </row>
    <row r="220738" spans="14:14">
      <c r="N220738" s="10"/>
    </row>
    <row r="220739" spans="14:14">
      <c r="N220739" s="10"/>
    </row>
    <row r="220740" spans="14:14">
      <c r="N220740" s="10"/>
    </row>
    <row r="220741" spans="14:14">
      <c r="N220741" s="10"/>
    </row>
    <row r="220742" spans="14:14">
      <c r="N220742" s="10"/>
    </row>
    <row r="220743" spans="14:14">
      <c r="N220743" s="10"/>
    </row>
    <row r="220744" spans="14:14">
      <c r="N220744" s="10"/>
    </row>
    <row r="220745" spans="14:14">
      <c r="N220745" s="10"/>
    </row>
    <row r="220746" spans="14:14">
      <c r="N220746" s="10"/>
    </row>
    <row r="220747" spans="14:14">
      <c r="N220747" s="10"/>
    </row>
    <row r="220748" spans="14:14">
      <c r="N220748" s="10"/>
    </row>
    <row r="220749" spans="14:14">
      <c r="N220749" s="10"/>
    </row>
    <row r="220750" spans="14:14">
      <c r="N220750" s="10"/>
    </row>
    <row r="220751" spans="14:14">
      <c r="N220751" s="10"/>
    </row>
    <row r="220752" spans="14:14">
      <c r="N220752" s="10"/>
    </row>
    <row r="220753" spans="14:14">
      <c r="N220753" s="10"/>
    </row>
    <row r="220754" spans="14:14">
      <c r="N220754" s="10"/>
    </row>
    <row r="220755" spans="14:14">
      <c r="N220755" s="10"/>
    </row>
    <row r="220756" spans="14:14">
      <c r="N220756" s="10"/>
    </row>
    <row r="220757" spans="14:14">
      <c r="N220757" s="10"/>
    </row>
    <row r="220758" spans="14:14">
      <c r="N220758" s="10"/>
    </row>
    <row r="220759" spans="14:14">
      <c r="N220759" s="10"/>
    </row>
    <row r="220760" spans="14:14">
      <c r="N220760" s="10"/>
    </row>
    <row r="220761" spans="14:14">
      <c r="N220761" s="10"/>
    </row>
    <row r="220762" spans="14:14">
      <c r="N220762" s="10"/>
    </row>
    <row r="220763" spans="14:14">
      <c r="N220763" s="10"/>
    </row>
    <row r="220764" spans="14:14">
      <c r="N220764" s="10"/>
    </row>
    <row r="220765" spans="14:14">
      <c r="N220765" s="10"/>
    </row>
    <row r="220766" spans="14:14">
      <c r="N220766" s="10"/>
    </row>
    <row r="220767" spans="14:14">
      <c r="N220767" s="10"/>
    </row>
    <row r="220768" spans="14:14">
      <c r="N220768" s="10"/>
    </row>
    <row r="220769" spans="14:14">
      <c r="N220769" s="10"/>
    </row>
    <row r="220770" spans="14:14">
      <c r="N220770" s="10"/>
    </row>
    <row r="220771" spans="14:14">
      <c r="N220771" s="10"/>
    </row>
    <row r="220772" spans="14:14">
      <c r="N220772" s="10"/>
    </row>
    <row r="220773" spans="14:14">
      <c r="N220773" s="10"/>
    </row>
    <row r="220774" spans="14:14">
      <c r="N220774" s="10"/>
    </row>
    <row r="220775" spans="14:14">
      <c r="N220775" s="10"/>
    </row>
    <row r="220776" spans="14:14">
      <c r="N220776" s="10"/>
    </row>
    <row r="220777" spans="14:14">
      <c r="N220777" s="10"/>
    </row>
    <row r="220778" spans="14:14">
      <c r="N220778" s="10"/>
    </row>
    <row r="220779" spans="14:14">
      <c r="N220779" s="10"/>
    </row>
    <row r="220780" spans="14:14">
      <c r="N220780" s="10"/>
    </row>
    <row r="220781" spans="14:14">
      <c r="N220781" s="10"/>
    </row>
    <row r="220782" spans="14:14">
      <c r="N220782" s="10"/>
    </row>
    <row r="220783" spans="14:14">
      <c r="N220783" s="10"/>
    </row>
    <row r="220784" spans="14:14">
      <c r="N220784" s="10"/>
    </row>
    <row r="220785" spans="14:14">
      <c r="N220785" s="10"/>
    </row>
    <row r="220786" spans="14:14">
      <c r="N220786" s="10"/>
    </row>
    <row r="220787" spans="14:14">
      <c r="N220787" s="10"/>
    </row>
    <row r="220788" spans="14:14">
      <c r="N220788" s="10"/>
    </row>
    <row r="220789" spans="14:14">
      <c r="N220789" s="10"/>
    </row>
    <row r="220790" spans="14:14">
      <c r="N220790" s="10"/>
    </row>
    <row r="220791" spans="14:14">
      <c r="N220791" s="10"/>
    </row>
    <row r="220792" spans="14:14">
      <c r="N220792" s="10"/>
    </row>
    <row r="220793" spans="14:14">
      <c r="N220793" s="10"/>
    </row>
    <row r="220794" spans="14:14">
      <c r="N220794" s="10"/>
    </row>
    <row r="220795" spans="14:14">
      <c r="N220795" s="10"/>
    </row>
    <row r="220796" spans="14:14">
      <c r="N220796" s="10"/>
    </row>
    <row r="220797" spans="14:14">
      <c r="N220797" s="10"/>
    </row>
    <row r="220798" spans="14:14">
      <c r="N220798" s="10"/>
    </row>
    <row r="220799" spans="14:14">
      <c r="N220799" s="10"/>
    </row>
    <row r="220800" spans="14:14">
      <c r="N220800" s="10"/>
    </row>
    <row r="220801" spans="14:14">
      <c r="N220801" s="10"/>
    </row>
    <row r="220802" spans="14:14">
      <c r="N220802" s="10"/>
    </row>
    <row r="220803" spans="14:14">
      <c r="N220803" s="10"/>
    </row>
    <row r="220804" spans="14:14">
      <c r="N220804" s="10"/>
    </row>
    <row r="220805" spans="14:14">
      <c r="N220805" s="10"/>
    </row>
    <row r="220806" spans="14:14">
      <c r="N220806" s="10"/>
    </row>
    <row r="220807" spans="14:14">
      <c r="N220807" s="10"/>
    </row>
    <row r="220808" spans="14:14">
      <c r="N220808" s="10"/>
    </row>
    <row r="220809" spans="14:14">
      <c r="N220809" s="10"/>
    </row>
    <row r="220810" spans="14:14">
      <c r="N220810" s="10"/>
    </row>
    <row r="220811" spans="14:14">
      <c r="N220811" s="10"/>
    </row>
    <row r="220812" spans="14:14">
      <c r="N220812" s="10"/>
    </row>
    <row r="220813" spans="14:14">
      <c r="N220813" s="10"/>
    </row>
    <row r="220814" spans="14:14">
      <c r="N220814" s="10"/>
    </row>
    <row r="220815" spans="14:14">
      <c r="N220815" s="10"/>
    </row>
    <row r="220816" spans="14:14">
      <c r="N220816" s="10"/>
    </row>
    <row r="220817" spans="14:14">
      <c r="N220817" s="10"/>
    </row>
    <row r="220818" spans="14:14">
      <c r="N220818" s="10"/>
    </row>
    <row r="220819" spans="14:14">
      <c r="N220819" s="10"/>
    </row>
    <row r="220820" spans="14:14">
      <c r="N220820" s="10"/>
    </row>
    <row r="220821" spans="14:14">
      <c r="N220821" s="10"/>
    </row>
    <row r="220822" spans="14:14">
      <c r="N220822" s="10"/>
    </row>
    <row r="220823" spans="14:14">
      <c r="N220823" s="10"/>
    </row>
    <row r="220824" spans="14:14">
      <c r="N220824" s="10"/>
    </row>
    <row r="220825" spans="14:14">
      <c r="N220825" s="10"/>
    </row>
    <row r="220826" spans="14:14">
      <c r="N220826" s="10"/>
    </row>
    <row r="220827" spans="14:14">
      <c r="N220827" s="10"/>
    </row>
    <row r="220828" spans="14:14">
      <c r="N220828" s="10"/>
    </row>
    <row r="220829" spans="14:14">
      <c r="N220829" s="10"/>
    </row>
    <row r="220830" spans="14:14">
      <c r="N220830" s="10"/>
    </row>
    <row r="220831" spans="14:14">
      <c r="N220831" s="10"/>
    </row>
    <row r="220832" spans="14:14">
      <c r="N220832" s="10"/>
    </row>
    <row r="220833" spans="14:14">
      <c r="N220833" s="10"/>
    </row>
    <row r="220834" spans="14:14">
      <c r="N220834" s="10"/>
    </row>
    <row r="220835" spans="14:14">
      <c r="N220835" s="10"/>
    </row>
    <row r="220836" spans="14:14">
      <c r="N220836" s="10"/>
    </row>
    <row r="220837" spans="14:14">
      <c r="N220837" s="10"/>
    </row>
    <row r="220838" spans="14:14">
      <c r="N220838" s="10"/>
    </row>
    <row r="220839" spans="14:14">
      <c r="N220839" s="10"/>
    </row>
    <row r="220840" spans="14:14">
      <c r="N220840" s="10"/>
    </row>
    <row r="220841" spans="14:14">
      <c r="N220841" s="10"/>
    </row>
    <row r="220842" spans="14:14">
      <c r="N220842" s="10"/>
    </row>
    <row r="220843" spans="14:14">
      <c r="N220843" s="10"/>
    </row>
    <row r="220844" spans="14:14">
      <c r="N220844" s="10"/>
    </row>
    <row r="220845" spans="14:14">
      <c r="N220845" s="10"/>
    </row>
    <row r="220846" spans="14:14">
      <c r="N220846" s="10"/>
    </row>
    <row r="220847" spans="14:14">
      <c r="N220847" s="10"/>
    </row>
    <row r="220848" spans="14:14">
      <c r="N220848" s="10"/>
    </row>
    <row r="220849" spans="14:14">
      <c r="N220849" s="10"/>
    </row>
    <row r="220850" spans="14:14">
      <c r="N220850" s="10"/>
    </row>
    <row r="220851" spans="14:14">
      <c r="N220851" s="10"/>
    </row>
    <row r="220852" spans="14:14">
      <c r="N220852" s="10"/>
    </row>
    <row r="220853" spans="14:14">
      <c r="N220853" s="10"/>
    </row>
    <row r="220854" spans="14:14">
      <c r="N220854" s="10"/>
    </row>
    <row r="220855" spans="14:14">
      <c r="N220855" s="10"/>
    </row>
    <row r="220856" spans="14:14">
      <c r="N220856" s="10"/>
    </row>
    <row r="220857" spans="14:14">
      <c r="N220857" s="10"/>
    </row>
    <row r="220858" spans="14:14">
      <c r="N220858" s="10"/>
    </row>
    <row r="220859" spans="14:14">
      <c r="N220859" s="10"/>
    </row>
    <row r="220860" spans="14:14">
      <c r="N220860" s="10"/>
    </row>
    <row r="220861" spans="14:14">
      <c r="N220861" s="10"/>
    </row>
    <row r="220862" spans="14:14">
      <c r="N220862" s="10"/>
    </row>
    <row r="220863" spans="14:14">
      <c r="N220863" s="10"/>
    </row>
    <row r="220864" spans="14:14">
      <c r="N220864" s="10"/>
    </row>
    <row r="220865" spans="14:14">
      <c r="N220865" s="10"/>
    </row>
    <row r="220866" spans="14:14">
      <c r="N220866" s="10"/>
    </row>
    <row r="220867" spans="14:14">
      <c r="N220867" s="10"/>
    </row>
    <row r="220868" spans="14:14">
      <c r="N220868" s="10"/>
    </row>
    <row r="220869" spans="14:14">
      <c r="N220869" s="10"/>
    </row>
    <row r="220870" spans="14:14">
      <c r="N220870" s="10"/>
    </row>
    <row r="220871" spans="14:14">
      <c r="N220871" s="10"/>
    </row>
    <row r="220872" spans="14:14">
      <c r="N220872" s="10"/>
    </row>
    <row r="220873" spans="14:14">
      <c r="N220873" s="10"/>
    </row>
    <row r="220874" spans="14:14">
      <c r="N220874" s="10"/>
    </row>
    <row r="220875" spans="14:14">
      <c r="N220875" s="10"/>
    </row>
    <row r="220876" spans="14:14">
      <c r="N220876" s="10"/>
    </row>
    <row r="220877" spans="14:14">
      <c r="N220877" s="10"/>
    </row>
    <row r="220878" spans="14:14">
      <c r="N220878" s="10"/>
    </row>
    <row r="220879" spans="14:14">
      <c r="N220879" s="10"/>
    </row>
    <row r="220880" spans="14:14">
      <c r="N220880" s="10"/>
    </row>
    <row r="220881" spans="14:14">
      <c r="N220881" s="10"/>
    </row>
    <row r="220882" spans="14:14">
      <c r="N220882" s="10"/>
    </row>
    <row r="220883" spans="14:14">
      <c r="N220883" s="10"/>
    </row>
    <row r="220884" spans="14:14">
      <c r="N220884" s="10"/>
    </row>
    <row r="220885" spans="14:14">
      <c r="N220885" s="10"/>
    </row>
    <row r="220886" spans="14:14">
      <c r="N220886" s="10"/>
    </row>
    <row r="220887" spans="14:14">
      <c r="N220887" s="10"/>
    </row>
    <row r="220888" spans="14:14">
      <c r="N220888" s="10"/>
    </row>
    <row r="220889" spans="14:14">
      <c r="N220889" s="10"/>
    </row>
    <row r="220890" spans="14:14">
      <c r="N220890" s="10"/>
    </row>
    <row r="220891" spans="14:14">
      <c r="N220891" s="10"/>
    </row>
    <row r="220892" spans="14:14">
      <c r="N220892" s="10"/>
    </row>
    <row r="220893" spans="14:14">
      <c r="N220893" s="10"/>
    </row>
    <row r="220894" spans="14:14">
      <c r="N220894" s="10"/>
    </row>
    <row r="220895" spans="14:14">
      <c r="N220895" s="10"/>
    </row>
    <row r="220896" spans="14:14">
      <c r="N220896" s="10"/>
    </row>
    <row r="220897" spans="14:14">
      <c r="N220897" s="10"/>
    </row>
    <row r="220898" spans="14:14">
      <c r="N220898" s="10"/>
    </row>
    <row r="220899" spans="14:14">
      <c r="N220899" s="10"/>
    </row>
    <row r="220900" spans="14:14">
      <c r="N220900" s="10"/>
    </row>
    <row r="220901" spans="14:14">
      <c r="N220901" s="10"/>
    </row>
    <row r="220902" spans="14:14">
      <c r="N220902" s="10"/>
    </row>
    <row r="220903" spans="14:14">
      <c r="N220903" s="10"/>
    </row>
    <row r="220904" spans="14:14">
      <c r="N220904" s="10"/>
    </row>
    <row r="220905" spans="14:14">
      <c r="N220905" s="10"/>
    </row>
    <row r="220906" spans="14:14">
      <c r="N220906" s="10"/>
    </row>
    <row r="220907" spans="14:14">
      <c r="N220907" s="10"/>
    </row>
    <row r="220908" spans="14:14">
      <c r="N220908" s="10"/>
    </row>
    <row r="220909" spans="14:14">
      <c r="N220909" s="10"/>
    </row>
    <row r="220910" spans="14:14">
      <c r="N220910" s="10"/>
    </row>
    <row r="220911" spans="14:14">
      <c r="N220911" s="10"/>
    </row>
    <row r="220912" spans="14:14">
      <c r="N220912" s="10"/>
    </row>
    <row r="220913" spans="14:14">
      <c r="N220913" s="10"/>
    </row>
    <row r="220914" spans="14:14">
      <c r="N220914" s="10"/>
    </row>
    <row r="220915" spans="14:14">
      <c r="N220915" s="10"/>
    </row>
    <row r="220916" spans="14:14">
      <c r="N220916" s="10"/>
    </row>
    <row r="220917" spans="14:14">
      <c r="N220917" s="10"/>
    </row>
    <row r="220918" spans="14:14">
      <c r="N220918" s="10"/>
    </row>
    <row r="220919" spans="14:14">
      <c r="N220919" s="10"/>
    </row>
    <row r="220920" spans="14:14">
      <c r="N220920" s="10"/>
    </row>
    <row r="220921" spans="14:14">
      <c r="N220921" s="10"/>
    </row>
    <row r="220922" spans="14:14">
      <c r="N220922" s="10"/>
    </row>
    <row r="220923" spans="14:14">
      <c r="N220923" s="10"/>
    </row>
    <row r="220924" spans="14:14">
      <c r="N220924" s="10"/>
    </row>
    <row r="220925" spans="14:14">
      <c r="N220925" s="10"/>
    </row>
    <row r="220926" spans="14:14">
      <c r="N220926" s="10"/>
    </row>
    <row r="220927" spans="14:14">
      <c r="N220927" s="10"/>
    </row>
    <row r="220928" spans="14:14">
      <c r="N220928" s="10"/>
    </row>
    <row r="220929" spans="14:14">
      <c r="N220929" s="10"/>
    </row>
    <row r="220930" spans="14:14">
      <c r="N220930" s="10"/>
    </row>
    <row r="220931" spans="14:14">
      <c r="N220931" s="10"/>
    </row>
    <row r="220932" spans="14:14">
      <c r="N220932" s="10"/>
    </row>
    <row r="220933" spans="14:14">
      <c r="N220933" s="10"/>
    </row>
    <row r="220934" spans="14:14">
      <c r="N220934" s="10"/>
    </row>
    <row r="220935" spans="14:14">
      <c r="N220935" s="10"/>
    </row>
    <row r="220936" spans="14:14">
      <c r="N220936" s="10"/>
    </row>
    <row r="220937" spans="14:14">
      <c r="N220937" s="10"/>
    </row>
    <row r="220938" spans="14:14">
      <c r="N220938" s="10"/>
    </row>
    <row r="220939" spans="14:14">
      <c r="N220939" s="10"/>
    </row>
    <row r="220940" spans="14:14">
      <c r="N220940" s="10"/>
    </row>
    <row r="220941" spans="14:14">
      <c r="N220941" s="10"/>
    </row>
    <row r="220942" spans="14:14">
      <c r="N220942" s="10"/>
    </row>
    <row r="220943" spans="14:14">
      <c r="N220943" s="10"/>
    </row>
    <row r="220944" spans="14:14">
      <c r="N220944" s="10"/>
    </row>
    <row r="220945" spans="14:14">
      <c r="N220945" s="10"/>
    </row>
    <row r="220946" spans="14:14">
      <c r="N220946" s="10"/>
    </row>
    <row r="220947" spans="14:14">
      <c r="N220947" s="10"/>
    </row>
    <row r="220948" spans="14:14">
      <c r="N220948" s="10"/>
    </row>
    <row r="220949" spans="14:14">
      <c r="N220949" s="10"/>
    </row>
    <row r="220950" spans="14:14">
      <c r="N220950" s="10"/>
    </row>
    <row r="220951" spans="14:14">
      <c r="N220951" s="10"/>
    </row>
    <row r="220952" spans="14:14">
      <c r="N220952" s="10"/>
    </row>
    <row r="220953" spans="14:14">
      <c r="N220953" s="10"/>
    </row>
    <row r="220954" spans="14:14">
      <c r="N220954" s="10"/>
    </row>
    <row r="220955" spans="14:14">
      <c r="N220955" s="10"/>
    </row>
    <row r="220956" spans="14:14">
      <c r="N220956" s="10"/>
    </row>
    <row r="220957" spans="14:14">
      <c r="N220957" s="10"/>
    </row>
    <row r="220958" spans="14:14">
      <c r="N220958" s="10"/>
    </row>
    <row r="220959" spans="14:14">
      <c r="N220959" s="10"/>
    </row>
    <row r="220960" spans="14:14">
      <c r="N220960" s="10"/>
    </row>
    <row r="220961" spans="14:14">
      <c r="N220961" s="10"/>
    </row>
    <row r="220962" spans="14:14">
      <c r="N220962" s="10"/>
    </row>
    <row r="220963" spans="14:14">
      <c r="N220963" s="10"/>
    </row>
    <row r="220964" spans="14:14">
      <c r="N220964" s="10"/>
    </row>
    <row r="220965" spans="14:14">
      <c r="N220965" s="10"/>
    </row>
    <row r="220966" spans="14:14">
      <c r="N220966" s="10"/>
    </row>
    <row r="220967" spans="14:14">
      <c r="N220967" s="10"/>
    </row>
    <row r="220968" spans="14:14">
      <c r="N220968" s="10"/>
    </row>
    <row r="220969" spans="14:14">
      <c r="N220969" s="10"/>
    </row>
    <row r="220970" spans="14:14">
      <c r="N220970" s="10"/>
    </row>
    <row r="220971" spans="14:14">
      <c r="N220971" s="10"/>
    </row>
    <row r="220972" spans="14:14">
      <c r="N220972" s="10"/>
    </row>
    <row r="220973" spans="14:14">
      <c r="N220973" s="10"/>
    </row>
    <row r="220974" spans="14:14">
      <c r="N220974" s="10"/>
    </row>
    <row r="220975" spans="14:14">
      <c r="N220975" s="10"/>
    </row>
    <row r="220976" spans="14:14">
      <c r="N220976" s="10"/>
    </row>
    <row r="220977" spans="14:14">
      <c r="N220977" s="10"/>
    </row>
    <row r="220978" spans="14:14">
      <c r="N220978" s="10"/>
    </row>
    <row r="220979" spans="14:14">
      <c r="N220979" s="10"/>
    </row>
    <row r="220980" spans="14:14">
      <c r="N220980" s="10"/>
    </row>
    <row r="220981" spans="14:14">
      <c r="N220981" s="10"/>
    </row>
    <row r="220982" spans="14:14">
      <c r="N220982" s="10"/>
    </row>
    <row r="220983" spans="14:14">
      <c r="N220983" s="10"/>
    </row>
    <row r="220984" spans="14:14">
      <c r="N220984" s="10"/>
    </row>
    <row r="220985" spans="14:14">
      <c r="N220985" s="10"/>
    </row>
    <row r="220986" spans="14:14">
      <c r="N220986" s="10"/>
    </row>
    <row r="220987" spans="14:14">
      <c r="N220987" s="10"/>
    </row>
    <row r="220988" spans="14:14">
      <c r="N220988" s="10"/>
    </row>
    <row r="220989" spans="14:14">
      <c r="N220989" s="10"/>
    </row>
    <row r="220990" spans="14:14">
      <c r="N220990" s="10"/>
    </row>
    <row r="220991" spans="14:14">
      <c r="N220991" s="10"/>
    </row>
    <row r="220992" spans="14:14">
      <c r="N220992" s="10"/>
    </row>
    <row r="220993" spans="14:14">
      <c r="N220993" s="10"/>
    </row>
    <row r="220994" spans="14:14">
      <c r="N220994" s="10"/>
    </row>
    <row r="220995" spans="14:14">
      <c r="N220995" s="10"/>
    </row>
    <row r="220996" spans="14:14">
      <c r="N220996" s="10"/>
    </row>
    <row r="220997" spans="14:14">
      <c r="N220997" s="10"/>
    </row>
    <row r="220998" spans="14:14">
      <c r="N220998" s="10"/>
    </row>
    <row r="220999" spans="14:14">
      <c r="N220999" s="10"/>
    </row>
    <row r="221000" spans="14:14">
      <c r="N221000" s="10"/>
    </row>
    <row r="221001" spans="14:14">
      <c r="N221001" s="10"/>
    </row>
    <row r="221002" spans="14:14">
      <c r="N221002" s="10"/>
    </row>
    <row r="221003" spans="14:14">
      <c r="N221003" s="10"/>
    </row>
    <row r="221004" spans="14:14">
      <c r="N221004" s="10"/>
    </row>
    <row r="221005" spans="14:14">
      <c r="N221005" s="10"/>
    </row>
    <row r="221006" spans="14:14">
      <c r="N221006" s="10"/>
    </row>
    <row r="221007" spans="14:14">
      <c r="N221007" s="10"/>
    </row>
    <row r="221008" spans="14:14">
      <c r="N221008" s="10"/>
    </row>
    <row r="221009" spans="14:14">
      <c r="N221009" s="10"/>
    </row>
    <row r="221010" spans="14:14">
      <c r="N221010" s="10"/>
    </row>
    <row r="221011" spans="14:14">
      <c r="N221011" s="10"/>
    </row>
    <row r="221012" spans="14:14">
      <c r="N221012" s="10"/>
    </row>
    <row r="221013" spans="14:14">
      <c r="N221013" s="10"/>
    </row>
    <row r="221014" spans="14:14">
      <c r="N221014" s="10"/>
    </row>
    <row r="221015" spans="14:14">
      <c r="N221015" s="10"/>
    </row>
    <row r="221016" spans="14:14">
      <c r="N221016" s="10"/>
    </row>
    <row r="221017" spans="14:14">
      <c r="N221017" s="10"/>
    </row>
    <row r="221018" spans="14:14">
      <c r="N221018" s="10"/>
    </row>
    <row r="221019" spans="14:14">
      <c r="N221019" s="10"/>
    </row>
    <row r="221020" spans="14:14">
      <c r="N221020" s="10"/>
    </row>
    <row r="221021" spans="14:14">
      <c r="N221021" s="10"/>
    </row>
    <row r="221022" spans="14:14">
      <c r="N221022" s="10"/>
    </row>
    <row r="221023" spans="14:14">
      <c r="N221023" s="10"/>
    </row>
    <row r="221024" spans="14:14">
      <c r="N221024" s="10"/>
    </row>
    <row r="221025" spans="14:14">
      <c r="N221025" s="10"/>
    </row>
    <row r="221026" spans="14:14">
      <c r="N221026" s="10"/>
    </row>
    <row r="221027" spans="14:14">
      <c r="N221027" s="10"/>
    </row>
    <row r="221028" spans="14:14">
      <c r="N221028" s="10"/>
    </row>
    <row r="221029" spans="14:14">
      <c r="N221029" s="10"/>
    </row>
    <row r="221030" spans="14:14">
      <c r="N221030" s="10"/>
    </row>
    <row r="221031" spans="14:14">
      <c r="N221031" s="10"/>
    </row>
    <row r="221032" spans="14:14">
      <c r="N221032" s="10"/>
    </row>
    <row r="221033" spans="14:14">
      <c r="N221033" s="10"/>
    </row>
    <row r="221034" spans="14:14">
      <c r="N221034" s="10"/>
    </row>
    <row r="221035" spans="14:14">
      <c r="N221035" s="10"/>
    </row>
    <row r="221036" spans="14:14">
      <c r="N221036" s="10"/>
    </row>
    <row r="221037" spans="14:14">
      <c r="N221037" s="10"/>
    </row>
    <row r="221038" spans="14:14">
      <c r="N221038" s="10"/>
    </row>
    <row r="221039" spans="14:14">
      <c r="N221039" s="10"/>
    </row>
    <row r="221040" spans="14:14">
      <c r="N221040" s="10"/>
    </row>
    <row r="221041" spans="14:14">
      <c r="N221041" s="10"/>
    </row>
    <row r="221042" spans="14:14">
      <c r="N221042" s="10"/>
    </row>
    <row r="221043" spans="14:14">
      <c r="N221043" s="10"/>
    </row>
    <row r="221044" spans="14:14">
      <c r="N221044" s="10"/>
    </row>
    <row r="221045" spans="14:14">
      <c r="N221045" s="10"/>
    </row>
    <row r="221046" spans="14:14">
      <c r="N221046" s="10"/>
    </row>
    <row r="221047" spans="14:14">
      <c r="N221047" s="10"/>
    </row>
    <row r="221048" spans="14:14">
      <c r="N221048" s="10"/>
    </row>
    <row r="221049" spans="14:14">
      <c r="N221049" s="10"/>
    </row>
    <row r="221050" spans="14:14">
      <c r="N221050" s="10"/>
    </row>
    <row r="221051" spans="14:14">
      <c r="N221051" s="10"/>
    </row>
    <row r="221052" spans="14:14">
      <c r="N221052" s="10"/>
    </row>
    <row r="221053" spans="14:14">
      <c r="N221053" s="10"/>
    </row>
    <row r="221054" spans="14:14">
      <c r="N221054" s="10"/>
    </row>
    <row r="221055" spans="14:14">
      <c r="N221055" s="10"/>
    </row>
    <row r="221056" spans="14:14">
      <c r="N221056" s="10"/>
    </row>
    <row r="221057" spans="14:14">
      <c r="N221057" s="10"/>
    </row>
    <row r="221058" spans="14:14">
      <c r="N221058" s="10"/>
    </row>
    <row r="221059" spans="14:14">
      <c r="N221059" s="10"/>
    </row>
    <row r="221060" spans="14:14">
      <c r="N221060" s="10"/>
    </row>
    <row r="221061" spans="14:14">
      <c r="N221061" s="10"/>
    </row>
    <row r="221062" spans="14:14">
      <c r="N221062" s="10"/>
    </row>
    <row r="221063" spans="14:14">
      <c r="N221063" s="10"/>
    </row>
    <row r="221064" spans="14:14">
      <c r="N221064" s="10"/>
    </row>
    <row r="221065" spans="14:14">
      <c r="N221065" s="10"/>
    </row>
    <row r="221066" spans="14:14">
      <c r="N221066" s="10"/>
    </row>
    <row r="221067" spans="14:14">
      <c r="N221067" s="10"/>
    </row>
    <row r="221068" spans="14:14">
      <c r="N221068" s="10"/>
    </row>
    <row r="221069" spans="14:14">
      <c r="N221069" s="10"/>
    </row>
    <row r="221070" spans="14:14">
      <c r="N221070" s="10"/>
    </row>
    <row r="221071" spans="14:14">
      <c r="N221071" s="10"/>
    </row>
    <row r="221072" spans="14:14">
      <c r="N221072" s="10"/>
    </row>
    <row r="221073" spans="14:14">
      <c r="N221073" s="10"/>
    </row>
    <row r="221074" spans="14:14">
      <c r="N221074" s="10"/>
    </row>
    <row r="221075" spans="14:14">
      <c r="N221075" s="10"/>
    </row>
    <row r="221076" spans="14:14">
      <c r="N221076" s="10"/>
    </row>
    <row r="221077" spans="14:14">
      <c r="N221077" s="10"/>
    </row>
    <row r="221078" spans="14:14">
      <c r="N221078" s="10"/>
    </row>
    <row r="221079" spans="14:14">
      <c r="N221079" s="10"/>
    </row>
    <row r="221080" spans="14:14">
      <c r="N221080" s="10"/>
    </row>
    <row r="221081" spans="14:14">
      <c r="N221081" s="10"/>
    </row>
    <row r="221082" spans="14:14">
      <c r="N221082" s="10"/>
    </row>
    <row r="221083" spans="14:14">
      <c r="N221083" s="10"/>
    </row>
    <row r="221084" spans="14:14">
      <c r="N221084" s="10"/>
    </row>
    <row r="221085" spans="14:14">
      <c r="N221085" s="10"/>
    </row>
    <row r="221086" spans="14:14">
      <c r="N221086" s="10"/>
    </row>
    <row r="221087" spans="14:14">
      <c r="N221087" s="10"/>
    </row>
    <row r="221088" spans="14:14">
      <c r="N221088" s="10"/>
    </row>
    <row r="221089" spans="14:14">
      <c r="N221089" s="10"/>
    </row>
    <row r="221090" spans="14:14">
      <c r="N221090" s="10"/>
    </row>
    <row r="221091" spans="14:14">
      <c r="N221091" s="10"/>
    </row>
    <row r="221092" spans="14:14">
      <c r="N221092" s="10"/>
    </row>
    <row r="221093" spans="14:14">
      <c r="N221093" s="10"/>
    </row>
    <row r="221094" spans="14:14">
      <c r="N221094" s="10"/>
    </row>
    <row r="221095" spans="14:14">
      <c r="N221095" s="10"/>
    </row>
    <row r="221096" spans="14:14">
      <c r="N221096" s="10"/>
    </row>
    <row r="221097" spans="14:14">
      <c r="N221097" s="10"/>
    </row>
    <row r="221098" spans="14:14">
      <c r="N221098" s="10"/>
    </row>
    <row r="221099" spans="14:14">
      <c r="N221099" s="10"/>
    </row>
    <row r="221100" spans="14:14">
      <c r="N221100" s="10"/>
    </row>
    <row r="221101" spans="14:14">
      <c r="N221101" s="10"/>
    </row>
    <row r="221102" spans="14:14">
      <c r="N221102" s="10"/>
    </row>
    <row r="221103" spans="14:14">
      <c r="N221103" s="10"/>
    </row>
    <row r="221104" spans="14:14">
      <c r="N221104" s="10"/>
    </row>
    <row r="221105" spans="14:14">
      <c r="N221105" s="10"/>
    </row>
    <row r="221106" spans="14:14">
      <c r="N221106" s="10"/>
    </row>
    <row r="221107" spans="14:14">
      <c r="N221107" s="10"/>
    </row>
    <row r="221108" spans="14:14">
      <c r="N221108" s="10"/>
    </row>
    <row r="221109" spans="14:14">
      <c r="N221109" s="10"/>
    </row>
    <row r="221110" spans="14:14">
      <c r="N221110" s="10"/>
    </row>
    <row r="221111" spans="14:14">
      <c r="N221111" s="10"/>
    </row>
    <row r="221112" spans="14:14">
      <c r="N221112" s="10"/>
    </row>
    <row r="221113" spans="14:14">
      <c r="N221113" s="10"/>
    </row>
    <row r="221114" spans="14:14">
      <c r="N221114" s="10"/>
    </row>
    <row r="221115" spans="14:14">
      <c r="N221115" s="10"/>
    </row>
    <row r="221116" spans="14:14">
      <c r="N221116" s="10"/>
    </row>
    <row r="221117" spans="14:14">
      <c r="N221117" s="10"/>
    </row>
    <row r="221118" spans="14:14">
      <c r="N221118" s="10"/>
    </row>
    <row r="221119" spans="14:14">
      <c r="N221119" s="10"/>
    </row>
    <row r="221120" spans="14:14">
      <c r="N221120" s="10"/>
    </row>
    <row r="221121" spans="14:14">
      <c r="N221121" s="10"/>
    </row>
    <row r="221122" spans="14:14">
      <c r="N221122" s="10"/>
    </row>
    <row r="221123" spans="14:14">
      <c r="N221123" s="10"/>
    </row>
    <row r="221124" spans="14:14">
      <c r="N221124" s="10"/>
    </row>
    <row r="221125" spans="14:14">
      <c r="N221125" s="10"/>
    </row>
    <row r="221126" spans="14:14">
      <c r="N221126" s="10"/>
    </row>
    <row r="221127" spans="14:14">
      <c r="N221127" s="10"/>
    </row>
    <row r="221128" spans="14:14">
      <c r="N221128" s="10"/>
    </row>
    <row r="221129" spans="14:14">
      <c r="N221129" s="10"/>
    </row>
    <row r="221130" spans="14:14">
      <c r="N221130" s="10"/>
    </row>
    <row r="221131" spans="14:14">
      <c r="N221131" s="10"/>
    </row>
    <row r="221132" spans="14:14">
      <c r="N221132" s="10"/>
    </row>
    <row r="221133" spans="14:14">
      <c r="N221133" s="10"/>
    </row>
    <row r="221134" spans="14:14">
      <c r="N221134" s="10"/>
    </row>
    <row r="221135" spans="14:14">
      <c r="N221135" s="10"/>
    </row>
    <row r="221136" spans="14:14">
      <c r="N221136" s="10"/>
    </row>
    <row r="221137" spans="14:14">
      <c r="N221137" s="10"/>
    </row>
    <row r="221138" spans="14:14">
      <c r="N221138" s="10"/>
    </row>
    <row r="221139" spans="14:14">
      <c r="N221139" s="10"/>
    </row>
    <row r="221140" spans="14:14">
      <c r="N221140" s="10"/>
    </row>
    <row r="221141" spans="14:14">
      <c r="N221141" s="10"/>
    </row>
    <row r="221142" spans="14:14">
      <c r="N221142" s="10"/>
    </row>
    <row r="221143" spans="14:14">
      <c r="N221143" s="10"/>
    </row>
    <row r="221144" spans="14:14">
      <c r="N221144" s="10"/>
    </row>
    <row r="221145" spans="14:14">
      <c r="N221145" s="10"/>
    </row>
    <row r="221146" spans="14:14">
      <c r="N221146" s="10"/>
    </row>
    <row r="221147" spans="14:14">
      <c r="N221147" s="10"/>
    </row>
    <row r="221148" spans="14:14">
      <c r="N221148" s="10"/>
    </row>
    <row r="221149" spans="14:14">
      <c r="N221149" s="10"/>
    </row>
    <row r="221150" spans="14:14">
      <c r="N221150" s="10"/>
    </row>
    <row r="221151" spans="14:14">
      <c r="N221151" s="10"/>
    </row>
    <row r="221152" spans="14:14">
      <c r="N221152" s="10"/>
    </row>
    <row r="221153" spans="14:14">
      <c r="N221153" s="10"/>
    </row>
    <row r="221154" spans="14:14">
      <c r="N221154" s="10"/>
    </row>
    <row r="221155" spans="14:14">
      <c r="N221155" s="10"/>
    </row>
    <row r="221156" spans="14:14">
      <c r="N221156" s="10"/>
    </row>
    <row r="221157" spans="14:14">
      <c r="N221157" s="10"/>
    </row>
    <row r="221158" spans="14:14">
      <c r="N221158" s="10"/>
    </row>
    <row r="221159" spans="14:14">
      <c r="N221159" s="10"/>
    </row>
    <row r="221160" spans="14:14">
      <c r="N221160" s="10"/>
    </row>
    <row r="221161" spans="14:14">
      <c r="N221161" s="10"/>
    </row>
    <row r="221162" spans="14:14">
      <c r="N221162" s="10"/>
    </row>
    <row r="221163" spans="14:14">
      <c r="N221163" s="10"/>
    </row>
    <row r="221164" spans="14:14">
      <c r="N221164" s="10"/>
    </row>
    <row r="221165" spans="14:14">
      <c r="N221165" s="10"/>
    </row>
    <row r="221166" spans="14:14">
      <c r="N221166" s="10"/>
    </row>
    <row r="221167" spans="14:14">
      <c r="N221167" s="10"/>
    </row>
    <row r="221168" spans="14:14">
      <c r="N221168" s="10"/>
    </row>
    <row r="221169" spans="14:14">
      <c r="N221169" s="10"/>
    </row>
    <row r="221170" spans="14:14">
      <c r="N221170" s="10"/>
    </row>
    <row r="221171" spans="14:14">
      <c r="N221171" s="10"/>
    </row>
    <row r="221172" spans="14:14">
      <c r="N221172" s="10"/>
    </row>
    <row r="221173" spans="14:14">
      <c r="N221173" s="10"/>
    </row>
    <row r="221174" spans="14:14">
      <c r="N221174" s="10"/>
    </row>
    <row r="221175" spans="14:14">
      <c r="N221175" s="10"/>
    </row>
    <row r="221176" spans="14:14">
      <c r="N221176" s="10"/>
    </row>
    <row r="221177" spans="14:14">
      <c r="N221177" s="10"/>
    </row>
    <row r="221178" spans="14:14">
      <c r="N221178" s="10"/>
    </row>
    <row r="221179" spans="14:14">
      <c r="N221179" s="10"/>
    </row>
    <row r="221180" spans="14:14">
      <c r="N221180" s="10"/>
    </row>
    <row r="221181" spans="14:14">
      <c r="N221181" s="10"/>
    </row>
    <row r="221182" spans="14:14">
      <c r="N221182" s="10"/>
    </row>
    <row r="221183" spans="14:14">
      <c r="N221183" s="10"/>
    </row>
    <row r="221184" spans="14:14">
      <c r="N221184" s="10"/>
    </row>
    <row r="221185" spans="14:14">
      <c r="N221185" s="10"/>
    </row>
    <row r="221186" spans="14:14">
      <c r="N221186" s="10"/>
    </row>
    <row r="221187" spans="14:14">
      <c r="N221187" s="10"/>
    </row>
    <row r="221188" spans="14:14">
      <c r="N221188" s="10"/>
    </row>
    <row r="221189" spans="14:14">
      <c r="N221189" s="10"/>
    </row>
    <row r="221190" spans="14:14">
      <c r="N221190" s="10"/>
    </row>
    <row r="221191" spans="14:14">
      <c r="N221191" s="10"/>
    </row>
    <row r="221192" spans="14:14">
      <c r="N221192" s="10"/>
    </row>
    <row r="221193" spans="14:14">
      <c r="N221193" s="10"/>
    </row>
    <row r="221194" spans="14:14">
      <c r="N221194" s="10"/>
    </row>
    <row r="221195" spans="14:14">
      <c r="N221195" s="10"/>
    </row>
    <row r="221196" spans="14:14">
      <c r="N221196" s="10"/>
    </row>
    <row r="221197" spans="14:14">
      <c r="N221197" s="10"/>
    </row>
    <row r="221198" spans="14:14">
      <c r="N221198" s="10"/>
    </row>
    <row r="221199" spans="14:14">
      <c r="N221199" s="10"/>
    </row>
    <row r="221200" spans="14:14">
      <c r="N221200" s="10"/>
    </row>
    <row r="221201" spans="14:14">
      <c r="N221201" s="10"/>
    </row>
    <row r="221202" spans="14:14">
      <c r="N221202" s="10"/>
    </row>
    <row r="221203" spans="14:14">
      <c r="N221203" s="10"/>
    </row>
    <row r="221204" spans="14:14">
      <c r="N221204" s="10"/>
    </row>
    <row r="221205" spans="14:14">
      <c r="N221205" s="10"/>
    </row>
    <row r="221206" spans="14:14">
      <c r="N221206" s="10"/>
    </row>
    <row r="221207" spans="14:14">
      <c r="N221207" s="10"/>
    </row>
    <row r="221208" spans="14:14">
      <c r="N221208" s="10"/>
    </row>
    <row r="221209" spans="14:14">
      <c r="N221209" s="10"/>
    </row>
    <row r="221210" spans="14:14">
      <c r="N221210" s="10"/>
    </row>
    <row r="221211" spans="14:14">
      <c r="N221211" s="10"/>
    </row>
    <row r="221212" spans="14:14">
      <c r="N221212" s="10"/>
    </row>
    <row r="221213" spans="14:14">
      <c r="N221213" s="10"/>
    </row>
    <row r="221214" spans="14:14">
      <c r="N221214" s="10"/>
    </row>
    <row r="221215" spans="14:14">
      <c r="N221215" s="10"/>
    </row>
    <row r="221216" spans="14:14">
      <c r="N221216" s="10"/>
    </row>
    <row r="221217" spans="14:14">
      <c r="N221217" s="10"/>
    </row>
    <row r="221218" spans="14:14">
      <c r="N221218" s="10"/>
    </row>
    <row r="221219" spans="14:14">
      <c r="N221219" s="10"/>
    </row>
    <row r="221220" spans="14:14">
      <c r="N221220" s="10"/>
    </row>
    <row r="221221" spans="14:14">
      <c r="N221221" s="10"/>
    </row>
    <row r="221222" spans="14:14">
      <c r="N221222" s="10"/>
    </row>
    <row r="221223" spans="14:14">
      <c r="N221223" s="10"/>
    </row>
    <row r="221224" spans="14:14">
      <c r="N221224" s="10"/>
    </row>
    <row r="221225" spans="14:14">
      <c r="N221225" s="10"/>
    </row>
    <row r="221226" spans="14:14">
      <c r="N221226" s="10"/>
    </row>
    <row r="221227" spans="14:14">
      <c r="N221227" s="10"/>
    </row>
    <row r="221228" spans="14:14">
      <c r="N221228" s="10"/>
    </row>
    <row r="221229" spans="14:14">
      <c r="N221229" s="10"/>
    </row>
    <row r="221230" spans="14:14">
      <c r="N221230" s="10"/>
    </row>
    <row r="221231" spans="14:14">
      <c r="N221231" s="10"/>
    </row>
    <row r="221232" spans="14:14">
      <c r="N221232" s="10"/>
    </row>
    <row r="221233" spans="14:14">
      <c r="N221233" s="10"/>
    </row>
    <row r="221234" spans="14:14">
      <c r="N221234" s="10"/>
    </row>
    <row r="221235" spans="14:14">
      <c r="N221235" s="10"/>
    </row>
    <row r="221236" spans="14:14">
      <c r="N221236" s="10"/>
    </row>
    <row r="221237" spans="14:14">
      <c r="N221237" s="10"/>
    </row>
    <row r="221238" spans="14:14">
      <c r="N221238" s="10"/>
    </row>
    <row r="221239" spans="14:14">
      <c r="N221239" s="10"/>
    </row>
    <row r="221240" spans="14:14">
      <c r="N221240" s="10"/>
    </row>
    <row r="221241" spans="14:14">
      <c r="N221241" s="10"/>
    </row>
    <row r="221242" spans="14:14">
      <c r="N221242" s="10"/>
    </row>
    <row r="221243" spans="14:14">
      <c r="N221243" s="10"/>
    </row>
    <row r="221244" spans="14:14">
      <c r="N221244" s="10"/>
    </row>
    <row r="221245" spans="14:14">
      <c r="N221245" s="10"/>
    </row>
    <row r="221246" spans="14:14">
      <c r="N221246" s="10"/>
    </row>
    <row r="221247" spans="14:14">
      <c r="N221247" s="10"/>
    </row>
    <row r="221248" spans="14:14">
      <c r="N221248" s="10"/>
    </row>
    <row r="221249" spans="14:14">
      <c r="N221249" s="10"/>
    </row>
    <row r="221250" spans="14:14">
      <c r="N221250" s="10"/>
    </row>
    <row r="221251" spans="14:14">
      <c r="N221251" s="10"/>
    </row>
    <row r="221252" spans="14:14">
      <c r="N221252" s="10"/>
    </row>
    <row r="221253" spans="14:14">
      <c r="N221253" s="10"/>
    </row>
    <row r="221254" spans="14:14">
      <c r="N221254" s="10"/>
    </row>
    <row r="221255" spans="14:14">
      <c r="N221255" s="10"/>
    </row>
    <row r="221256" spans="14:14">
      <c r="N221256" s="10"/>
    </row>
    <row r="221257" spans="14:14">
      <c r="N221257" s="10"/>
    </row>
    <row r="221258" spans="14:14">
      <c r="N221258" s="10"/>
    </row>
    <row r="221259" spans="14:14">
      <c r="N221259" s="10"/>
    </row>
    <row r="221260" spans="14:14">
      <c r="N221260" s="10"/>
    </row>
    <row r="221261" spans="14:14">
      <c r="N221261" s="10"/>
    </row>
    <row r="221262" spans="14:14">
      <c r="N221262" s="10"/>
    </row>
    <row r="221263" spans="14:14">
      <c r="N221263" s="10"/>
    </row>
    <row r="221264" spans="14:14">
      <c r="N221264" s="10"/>
    </row>
    <row r="221265" spans="14:14">
      <c r="N221265" s="10"/>
    </row>
    <row r="221266" spans="14:14">
      <c r="N221266" s="10"/>
    </row>
    <row r="221267" spans="14:14">
      <c r="N221267" s="10"/>
    </row>
    <row r="221268" spans="14:14">
      <c r="N221268" s="10"/>
    </row>
    <row r="221269" spans="14:14">
      <c r="N221269" s="10"/>
    </row>
    <row r="221270" spans="14:14">
      <c r="N221270" s="10"/>
    </row>
    <row r="221271" spans="14:14">
      <c r="N221271" s="10"/>
    </row>
    <row r="221272" spans="14:14">
      <c r="N221272" s="10"/>
    </row>
    <row r="221273" spans="14:14">
      <c r="N221273" s="10"/>
    </row>
    <row r="221274" spans="14:14">
      <c r="N221274" s="10"/>
    </row>
    <row r="221275" spans="14:14">
      <c r="N221275" s="10"/>
    </row>
    <row r="221276" spans="14:14">
      <c r="N221276" s="10"/>
    </row>
    <row r="221277" spans="14:14">
      <c r="N221277" s="10"/>
    </row>
    <row r="221278" spans="14:14">
      <c r="N221278" s="10"/>
    </row>
    <row r="221279" spans="14:14">
      <c r="N221279" s="10"/>
    </row>
    <row r="221280" spans="14:14">
      <c r="N221280" s="10"/>
    </row>
    <row r="221281" spans="14:14">
      <c r="N221281" s="10"/>
    </row>
    <row r="221282" spans="14:14">
      <c r="N221282" s="10"/>
    </row>
    <row r="221283" spans="14:14">
      <c r="N221283" s="10"/>
    </row>
    <row r="221284" spans="14:14">
      <c r="N221284" s="10"/>
    </row>
    <row r="221285" spans="14:14">
      <c r="N221285" s="10"/>
    </row>
    <row r="221286" spans="14:14">
      <c r="N221286" s="10"/>
    </row>
    <row r="221287" spans="14:14">
      <c r="N221287" s="10"/>
    </row>
    <row r="221288" spans="14:14">
      <c r="N221288" s="10"/>
    </row>
    <row r="221289" spans="14:14">
      <c r="N221289" s="10"/>
    </row>
    <row r="221290" spans="14:14">
      <c r="N221290" s="10"/>
    </row>
    <row r="221291" spans="14:14">
      <c r="N221291" s="10"/>
    </row>
    <row r="221292" spans="14:14">
      <c r="N221292" s="10"/>
    </row>
    <row r="221293" spans="14:14">
      <c r="N221293" s="10"/>
    </row>
    <row r="221294" spans="14:14">
      <c r="N221294" s="10"/>
    </row>
    <row r="221295" spans="14:14">
      <c r="N221295" s="10"/>
    </row>
    <row r="221296" spans="14:14">
      <c r="N221296" s="10"/>
    </row>
    <row r="221297" spans="14:14">
      <c r="N221297" s="10"/>
    </row>
    <row r="221298" spans="14:14">
      <c r="N221298" s="10"/>
    </row>
    <row r="221299" spans="14:14">
      <c r="N221299" s="10"/>
    </row>
    <row r="221300" spans="14:14">
      <c r="N221300" s="10"/>
    </row>
    <row r="221301" spans="14:14">
      <c r="N221301" s="10"/>
    </row>
    <row r="221302" spans="14:14">
      <c r="N221302" s="10"/>
    </row>
    <row r="221303" spans="14:14">
      <c r="N221303" s="10"/>
    </row>
    <row r="221304" spans="14:14">
      <c r="N221304" s="10"/>
    </row>
    <row r="221305" spans="14:14">
      <c r="N221305" s="10"/>
    </row>
    <row r="221306" spans="14:14">
      <c r="N221306" s="10"/>
    </row>
    <row r="221307" spans="14:14">
      <c r="N221307" s="10"/>
    </row>
    <row r="221308" spans="14:14">
      <c r="N221308" s="10"/>
    </row>
    <row r="221309" spans="14:14">
      <c r="N221309" s="10"/>
    </row>
    <row r="221310" spans="14:14">
      <c r="N221310" s="10"/>
    </row>
    <row r="221311" spans="14:14">
      <c r="N221311" s="10"/>
    </row>
    <row r="221312" spans="14:14">
      <c r="N221312" s="10"/>
    </row>
    <row r="221313" spans="14:14">
      <c r="N221313" s="10"/>
    </row>
    <row r="221314" spans="14:14">
      <c r="N221314" s="10"/>
    </row>
    <row r="221315" spans="14:14">
      <c r="N221315" s="10"/>
    </row>
    <row r="221316" spans="14:14">
      <c r="N221316" s="10"/>
    </row>
    <row r="221317" spans="14:14">
      <c r="N221317" s="10"/>
    </row>
    <row r="221318" spans="14:14">
      <c r="N221318" s="10"/>
    </row>
    <row r="221319" spans="14:14">
      <c r="N221319" s="10"/>
    </row>
    <row r="221320" spans="14:14">
      <c r="N221320" s="10"/>
    </row>
    <row r="221321" spans="14:14">
      <c r="N221321" s="10"/>
    </row>
    <row r="221322" spans="14:14">
      <c r="N221322" s="10"/>
    </row>
    <row r="221323" spans="14:14">
      <c r="N221323" s="10"/>
    </row>
    <row r="221324" spans="14:14">
      <c r="N221324" s="10"/>
    </row>
    <row r="221325" spans="14:14">
      <c r="N221325" s="10"/>
    </row>
    <row r="221326" spans="14:14">
      <c r="N221326" s="10"/>
    </row>
    <row r="221327" spans="14:14">
      <c r="N221327" s="10"/>
    </row>
    <row r="221328" spans="14:14">
      <c r="N221328" s="10"/>
    </row>
    <row r="221329" spans="14:14">
      <c r="N221329" s="10"/>
    </row>
    <row r="221330" spans="14:14">
      <c r="N221330" s="10"/>
    </row>
    <row r="221331" spans="14:14">
      <c r="N221331" s="10"/>
    </row>
    <row r="221332" spans="14:14">
      <c r="N221332" s="10"/>
    </row>
    <row r="221333" spans="14:14">
      <c r="N221333" s="10"/>
    </row>
    <row r="221334" spans="14:14">
      <c r="N221334" s="10"/>
    </row>
    <row r="221335" spans="14:14">
      <c r="N221335" s="10"/>
    </row>
    <row r="221336" spans="14:14">
      <c r="N221336" s="10"/>
    </row>
    <row r="221337" spans="14:14">
      <c r="N221337" s="10"/>
    </row>
    <row r="221338" spans="14:14">
      <c r="N221338" s="10"/>
    </row>
    <row r="221339" spans="14:14">
      <c r="N221339" s="10"/>
    </row>
    <row r="221340" spans="14:14">
      <c r="N221340" s="10"/>
    </row>
    <row r="221341" spans="14:14">
      <c r="N221341" s="10"/>
    </row>
    <row r="221342" spans="14:14">
      <c r="N221342" s="10"/>
    </row>
    <row r="221343" spans="14:14">
      <c r="N221343" s="10"/>
    </row>
    <row r="221344" spans="14:14">
      <c r="N221344" s="10"/>
    </row>
    <row r="221345" spans="14:14">
      <c r="N221345" s="10"/>
    </row>
    <row r="221346" spans="14:14">
      <c r="N221346" s="10"/>
    </row>
    <row r="221347" spans="14:14">
      <c r="N221347" s="10"/>
    </row>
    <row r="221348" spans="14:14">
      <c r="N221348" s="10"/>
    </row>
    <row r="221349" spans="14:14">
      <c r="N221349" s="10"/>
    </row>
    <row r="221350" spans="14:14">
      <c r="N221350" s="10"/>
    </row>
    <row r="221351" spans="14:14">
      <c r="N221351" s="10"/>
    </row>
    <row r="221352" spans="14:14">
      <c r="N221352" s="10"/>
    </row>
    <row r="221353" spans="14:14">
      <c r="N221353" s="10"/>
    </row>
    <row r="221354" spans="14:14">
      <c r="N221354" s="10"/>
    </row>
    <row r="221355" spans="14:14">
      <c r="N221355" s="10"/>
    </row>
    <row r="221356" spans="14:14">
      <c r="N221356" s="10"/>
    </row>
    <row r="221357" spans="14:14">
      <c r="N221357" s="10"/>
    </row>
    <row r="221358" spans="14:14">
      <c r="N221358" s="10"/>
    </row>
    <row r="221359" spans="14:14">
      <c r="N221359" s="10"/>
    </row>
    <row r="221360" spans="14:14">
      <c r="N221360" s="10"/>
    </row>
    <row r="221361" spans="14:14">
      <c r="N221361" s="10"/>
    </row>
    <row r="221362" spans="14:14">
      <c r="N221362" s="10"/>
    </row>
    <row r="221363" spans="14:14">
      <c r="N221363" s="10"/>
    </row>
    <row r="221364" spans="14:14">
      <c r="N221364" s="10"/>
    </row>
    <row r="221365" spans="14:14">
      <c r="N221365" s="10"/>
    </row>
    <row r="221366" spans="14:14">
      <c r="N221366" s="10"/>
    </row>
    <row r="221367" spans="14:14">
      <c r="N221367" s="10"/>
    </row>
    <row r="221368" spans="14:14">
      <c r="N221368" s="10"/>
    </row>
    <row r="221369" spans="14:14">
      <c r="N221369" s="10"/>
    </row>
    <row r="221370" spans="14:14">
      <c r="N221370" s="10"/>
    </row>
    <row r="221371" spans="14:14">
      <c r="N221371" s="10"/>
    </row>
    <row r="221372" spans="14:14">
      <c r="N221372" s="10"/>
    </row>
    <row r="221373" spans="14:14">
      <c r="N221373" s="10"/>
    </row>
    <row r="221374" spans="14:14">
      <c r="N221374" s="10"/>
    </row>
    <row r="221375" spans="14:14">
      <c r="N221375" s="10"/>
    </row>
    <row r="221376" spans="14:14">
      <c r="N221376" s="10"/>
    </row>
    <row r="221377" spans="14:14">
      <c r="N221377" s="10"/>
    </row>
    <row r="221378" spans="14:14">
      <c r="N221378" s="10"/>
    </row>
    <row r="221379" spans="14:14">
      <c r="N221379" s="10"/>
    </row>
    <row r="221380" spans="14:14">
      <c r="N221380" s="10"/>
    </row>
    <row r="221381" spans="14:14">
      <c r="N221381" s="10"/>
    </row>
    <row r="221382" spans="14:14">
      <c r="N221382" s="10"/>
    </row>
    <row r="221383" spans="14:14">
      <c r="N221383" s="10"/>
    </row>
    <row r="221384" spans="14:14">
      <c r="N221384" s="10"/>
    </row>
    <row r="221385" spans="14:14">
      <c r="N221385" s="10"/>
    </row>
    <row r="221386" spans="14:14">
      <c r="N221386" s="10"/>
    </row>
    <row r="221387" spans="14:14">
      <c r="N221387" s="10"/>
    </row>
    <row r="221388" spans="14:14">
      <c r="N221388" s="10"/>
    </row>
    <row r="221389" spans="14:14">
      <c r="N221389" s="10"/>
    </row>
    <row r="221390" spans="14:14">
      <c r="N221390" s="10"/>
    </row>
    <row r="221391" spans="14:14">
      <c r="N221391" s="10"/>
    </row>
    <row r="221392" spans="14:14">
      <c r="N221392" s="10"/>
    </row>
    <row r="221393" spans="14:14">
      <c r="N221393" s="10"/>
    </row>
    <row r="221394" spans="14:14">
      <c r="N221394" s="10"/>
    </row>
    <row r="221395" spans="14:14">
      <c r="N221395" s="10"/>
    </row>
    <row r="221396" spans="14:14">
      <c r="N221396" s="10"/>
    </row>
    <row r="221397" spans="14:14">
      <c r="N221397" s="10"/>
    </row>
    <row r="221398" spans="14:14">
      <c r="N221398" s="10"/>
    </row>
    <row r="221399" spans="14:14">
      <c r="N221399" s="10"/>
    </row>
    <row r="221400" spans="14:14">
      <c r="N221400" s="10"/>
    </row>
    <row r="221401" spans="14:14">
      <c r="N221401" s="10"/>
    </row>
    <row r="221402" spans="14:14">
      <c r="N221402" s="10"/>
    </row>
    <row r="221403" spans="14:14">
      <c r="N221403" s="10"/>
    </row>
    <row r="221404" spans="14:14">
      <c r="N221404" s="10"/>
    </row>
    <row r="221405" spans="14:14">
      <c r="N221405" s="10"/>
    </row>
    <row r="221406" spans="14:14">
      <c r="N221406" s="10"/>
    </row>
    <row r="221407" spans="14:14">
      <c r="N221407" s="10"/>
    </row>
    <row r="221408" spans="14:14">
      <c r="N221408" s="10"/>
    </row>
    <row r="221409" spans="14:14">
      <c r="N221409" s="10"/>
    </row>
    <row r="221410" spans="14:14">
      <c r="N221410" s="10"/>
    </row>
    <row r="221411" spans="14:14">
      <c r="N221411" s="10"/>
    </row>
    <row r="221412" spans="14:14">
      <c r="N221412" s="10"/>
    </row>
    <row r="221413" spans="14:14">
      <c r="N221413" s="10"/>
    </row>
    <row r="221414" spans="14:14">
      <c r="N221414" s="10"/>
    </row>
    <row r="221415" spans="14:14">
      <c r="N221415" s="10"/>
    </row>
    <row r="221416" spans="14:14">
      <c r="N221416" s="10"/>
    </row>
    <row r="221417" spans="14:14">
      <c r="N221417" s="10"/>
    </row>
    <row r="221418" spans="14:14">
      <c r="N221418" s="10"/>
    </row>
    <row r="221419" spans="14:14">
      <c r="N221419" s="10"/>
    </row>
    <row r="221420" spans="14:14">
      <c r="N221420" s="10"/>
    </row>
    <row r="221421" spans="14:14">
      <c r="N221421" s="10"/>
    </row>
    <row r="221422" spans="14:14">
      <c r="N221422" s="10"/>
    </row>
    <row r="221423" spans="14:14">
      <c r="N221423" s="10"/>
    </row>
    <row r="221424" spans="14:14">
      <c r="N221424" s="10"/>
    </row>
    <row r="221425" spans="14:14">
      <c r="N221425" s="10"/>
    </row>
    <row r="221426" spans="14:14">
      <c r="N221426" s="10"/>
    </row>
    <row r="221427" spans="14:14">
      <c r="N221427" s="10"/>
    </row>
    <row r="221428" spans="14:14">
      <c r="N221428" s="10"/>
    </row>
    <row r="221429" spans="14:14">
      <c r="N221429" s="10"/>
    </row>
    <row r="221430" spans="14:14">
      <c r="N221430" s="10"/>
    </row>
    <row r="221431" spans="14:14">
      <c r="N221431" s="10"/>
    </row>
    <row r="221432" spans="14:14">
      <c r="N221432" s="10"/>
    </row>
    <row r="221433" spans="14:14">
      <c r="N221433" s="10"/>
    </row>
    <row r="221434" spans="14:14">
      <c r="N221434" s="10"/>
    </row>
    <row r="221435" spans="14:14">
      <c r="N221435" s="10"/>
    </row>
    <row r="221436" spans="14:14">
      <c r="N221436" s="10"/>
    </row>
    <row r="221437" spans="14:14">
      <c r="N221437" s="10"/>
    </row>
    <row r="221438" spans="14:14">
      <c r="N221438" s="10"/>
    </row>
    <row r="221439" spans="14:14">
      <c r="N221439" s="10"/>
    </row>
    <row r="221440" spans="14:14">
      <c r="N221440" s="10"/>
    </row>
    <row r="221441" spans="14:14">
      <c r="N221441" s="10"/>
    </row>
    <row r="221442" spans="14:14">
      <c r="N221442" s="10"/>
    </row>
    <row r="221443" spans="14:14">
      <c r="N221443" s="10"/>
    </row>
    <row r="221444" spans="14:14">
      <c r="N221444" s="10"/>
    </row>
    <row r="221445" spans="14:14">
      <c r="N221445" s="10"/>
    </row>
    <row r="221446" spans="14:14">
      <c r="N221446" s="10"/>
    </row>
    <row r="221447" spans="14:14">
      <c r="N221447" s="10"/>
    </row>
    <row r="221448" spans="14:14">
      <c r="N221448" s="10"/>
    </row>
    <row r="221449" spans="14:14">
      <c r="N221449" s="10"/>
    </row>
    <row r="221450" spans="14:14">
      <c r="N221450" s="10"/>
    </row>
    <row r="221451" spans="14:14">
      <c r="N221451" s="10"/>
    </row>
    <row r="221452" spans="14:14">
      <c r="N221452" s="10"/>
    </row>
    <row r="221453" spans="14:14">
      <c r="N221453" s="10"/>
    </row>
    <row r="221454" spans="14:14">
      <c r="N221454" s="10"/>
    </row>
    <row r="221455" spans="14:14">
      <c r="N221455" s="10"/>
    </row>
    <row r="221456" spans="14:14">
      <c r="N221456" s="10"/>
    </row>
    <row r="221457" spans="14:14">
      <c r="N221457" s="10"/>
    </row>
    <row r="221458" spans="14:14">
      <c r="N221458" s="10"/>
    </row>
    <row r="221459" spans="14:14">
      <c r="N221459" s="10"/>
    </row>
    <row r="221460" spans="14:14">
      <c r="N221460" s="10"/>
    </row>
    <row r="221461" spans="14:14">
      <c r="N221461" s="10"/>
    </row>
    <row r="221462" spans="14:14">
      <c r="N221462" s="10"/>
    </row>
    <row r="221463" spans="14:14">
      <c r="N221463" s="10"/>
    </row>
    <row r="221464" spans="14:14">
      <c r="N221464" s="10"/>
    </row>
    <row r="221465" spans="14:14">
      <c r="N221465" s="10"/>
    </row>
    <row r="221466" spans="14:14">
      <c r="N221466" s="10"/>
    </row>
    <row r="221467" spans="14:14">
      <c r="N221467" s="10"/>
    </row>
    <row r="221468" spans="14:14">
      <c r="N221468" s="10"/>
    </row>
    <row r="221469" spans="14:14">
      <c r="N221469" s="10"/>
    </row>
    <row r="221470" spans="14:14">
      <c r="N221470" s="10"/>
    </row>
    <row r="221471" spans="14:14">
      <c r="N221471" s="10"/>
    </row>
    <row r="221472" spans="14:14">
      <c r="N221472" s="10"/>
    </row>
    <row r="221473" spans="14:14">
      <c r="N221473" s="10"/>
    </row>
    <row r="221474" spans="14:14">
      <c r="N221474" s="10"/>
    </row>
    <row r="221475" spans="14:14">
      <c r="N221475" s="10"/>
    </row>
    <row r="221476" spans="14:14">
      <c r="N221476" s="10"/>
    </row>
    <row r="221477" spans="14:14">
      <c r="N221477" s="10"/>
    </row>
    <row r="221478" spans="14:14">
      <c r="N221478" s="10"/>
    </row>
    <row r="221479" spans="14:14">
      <c r="N221479" s="10"/>
    </row>
    <row r="221480" spans="14:14">
      <c r="N221480" s="10"/>
    </row>
    <row r="221481" spans="14:14">
      <c r="N221481" s="10"/>
    </row>
    <row r="221482" spans="14:14">
      <c r="N221482" s="10"/>
    </row>
    <row r="221483" spans="14:14">
      <c r="N221483" s="10"/>
    </row>
    <row r="221484" spans="14:14">
      <c r="N221484" s="10"/>
    </row>
    <row r="221485" spans="14:14">
      <c r="N221485" s="10"/>
    </row>
    <row r="221486" spans="14:14">
      <c r="N221486" s="10"/>
    </row>
    <row r="221487" spans="14:14">
      <c r="N221487" s="10"/>
    </row>
    <row r="221488" spans="14:14">
      <c r="N221488" s="10"/>
    </row>
    <row r="221489" spans="14:14">
      <c r="N221489" s="10"/>
    </row>
    <row r="221490" spans="14:14">
      <c r="N221490" s="10"/>
    </row>
    <row r="221491" spans="14:14">
      <c r="N221491" s="10"/>
    </row>
    <row r="221492" spans="14:14">
      <c r="N221492" s="10"/>
    </row>
    <row r="221493" spans="14:14">
      <c r="N221493" s="10"/>
    </row>
    <row r="221494" spans="14:14">
      <c r="N221494" s="10"/>
    </row>
    <row r="221495" spans="14:14">
      <c r="N221495" s="10"/>
    </row>
    <row r="221496" spans="14:14">
      <c r="N221496" s="10"/>
    </row>
    <row r="221497" spans="14:14">
      <c r="N221497" s="10"/>
    </row>
    <row r="221498" spans="14:14">
      <c r="N221498" s="10"/>
    </row>
    <row r="221499" spans="14:14">
      <c r="N221499" s="10"/>
    </row>
    <row r="221500" spans="14:14">
      <c r="N221500" s="10"/>
    </row>
    <row r="221501" spans="14:14">
      <c r="N221501" s="10"/>
    </row>
    <row r="221502" spans="14:14">
      <c r="N221502" s="10"/>
    </row>
    <row r="221503" spans="14:14">
      <c r="N221503" s="10"/>
    </row>
    <row r="221504" spans="14:14">
      <c r="N221504" s="10"/>
    </row>
    <row r="221505" spans="14:14">
      <c r="N221505" s="10"/>
    </row>
    <row r="221506" spans="14:14">
      <c r="N221506" s="10"/>
    </row>
    <row r="221507" spans="14:14">
      <c r="N221507" s="10"/>
    </row>
    <row r="221508" spans="14:14">
      <c r="N221508" s="10"/>
    </row>
    <row r="221509" spans="14:14">
      <c r="N221509" s="10"/>
    </row>
    <row r="221510" spans="14:14">
      <c r="N221510" s="10"/>
    </row>
    <row r="221511" spans="14:14">
      <c r="N221511" s="10"/>
    </row>
    <row r="221512" spans="14:14">
      <c r="N221512" s="10"/>
    </row>
    <row r="221513" spans="14:14">
      <c r="N221513" s="10"/>
    </row>
    <row r="221514" spans="14:14">
      <c r="N221514" s="10"/>
    </row>
    <row r="221515" spans="14:14">
      <c r="N221515" s="10"/>
    </row>
    <row r="221516" spans="14:14">
      <c r="N221516" s="10"/>
    </row>
    <row r="221517" spans="14:14">
      <c r="N221517" s="10"/>
    </row>
    <row r="221518" spans="14:14">
      <c r="N221518" s="10"/>
    </row>
    <row r="221519" spans="14:14">
      <c r="N221519" s="10"/>
    </row>
    <row r="221520" spans="14:14">
      <c r="N221520" s="10"/>
    </row>
    <row r="221521" spans="14:14">
      <c r="N221521" s="10"/>
    </row>
    <row r="221522" spans="14:14">
      <c r="N221522" s="10"/>
    </row>
    <row r="221523" spans="14:14">
      <c r="N221523" s="10"/>
    </row>
    <row r="221524" spans="14:14">
      <c r="N221524" s="10"/>
    </row>
    <row r="221525" spans="14:14">
      <c r="N221525" s="10"/>
    </row>
    <row r="221526" spans="14:14">
      <c r="N221526" s="10"/>
    </row>
    <row r="221527" spans="14:14">
      <c r="N221527" s="10"/>
    </row>
    <row r="221528" spans="14:14">
      <c r="N221528" s="10"/>
    </row>
    <row r="221529" spans="14:14">
      <c r="N221529" s="10"/>
    </row>
    <row r="221530" spans="14:14">
      <c r="N221530" s="10"/>
    </row>
    <row r="221531" spans="14:14">
      <c r="N221531" s="10"/>
    </row>
    <row r="221532" spans="14:14">
      <c r="N221532" s="10"/>
    </row>
    <row r="221533" spans="14:14">
      <c r="N221533" s="10"/>
    </row>
    <row r="221534" spans="14:14">
      <c r="N221534" s="10"/>
    </row>
    <row r="221535" spans="14:14">
      <c r="N221535" s="10"/>
    </row>
    <row r="221536" spans="14:14">
      <c r="N221536" s="10"/>
    </row>
    <row r="221537" spans="14:14">
      <c r="N221537" s="10"/>
    </row>
    <row r="221538" spans="14:14">
      <c r="N221538" s="10"/>
    </row>
    <row r="221539" spans="14:14">
      <c r="N221539" s="10"/>
    </row>
    <row r="221540" spans="14:14">
      <c r="N221540" s="10"/>
    </row>
    <row r="221541" spans="14:14">
      <c r="N221541" s="10"/>
    </row>
    <row r="221542" spans="14:14">
      <c r="N221542" s="10"/>
    </row>
    <row r="221543" spans="14:14">
      <c r="N221543" s="10"/>
    </row>
    <row r="221544" spans="14:14">
      <c r="N221544" s="10"/>
    </row>
    <row r="221545" spans="14:14">
      <c r="N221545" s="10"/>
    </row>
    <row r="221546" spans="14:14">
      <c r="N221546" s="10"/>
    </row>
    <row r="221547" spans="14:14">
      <c r="N221547" s="10"/>
    </row>
    <row r="221548" spans="14:14">
      <c r="N221548" s="10"/>
    </row>
    <row r="221549" spans="14:14">
      <c r="N221549" s="10"/>
    </row>
    <row r="221550" spans="14:14">
      <c r="N221550" s="10"/>
    </row>
    <row r="221551" spans="14:14">
      <c r="N221551" s="10"/>
    </row>
    <row r="221552" spans="14:14">
      <c r="N221552" s="10"/>
    </row>
    <row r="221553" spans="14:14">
      <c r="N221553" s="10"/>
    </row>
    <row r="221554" spans="14:14">
      <c r="N221554" s="10"/>
    </row>
    <row r="221555" spans="14:14">
      <c r="N221555" s="10"/>
    </row>
    <row r="221556" spans="14:14">
      <c r="N221556" s="10"/>
    </row>
    <row r="221557" spans="14:14">
      <c r="N221557" s="10"/>
    </row>
    <row r="221558" spans="14:14">
      <c r="N221558" s="10"/>
    </row>
    <row r="221559" spans="14:14">
      <c r="N221559" s="10"/>
    </row>
    <row r="221560" spans="14:14">
      <c r="N221560" s="10"/>
    </row>
    <row r="221561" spans="14:14">
      <c r="N221561" s="10"/>
    </row>
    <row r="221562" spans="14:14">
      <c r="N221562" s="10"/>
    </row>
    <row r="221563" spans="14:14">
      <c r="N221563" s="10"/>
    </row>
    <row r="221564" spans="14:14">
      <c r="N221564" s="10"/>
    </row>
    <row r="221565" spans="14:14">
      <c r="N221565" s="10"/>
    </row>
    <row r="221566" spans="14:14">
      <c r="N221566" s="10"/>
    </row>
    <row r="221567" spans="14:14">
      <c r="N221567" s="10"/>
    </row>
    <row r="221568" spans="14:14">
      <c r="N221568" s="10"/>
    </row>
    <row r="221569" spans="14:14">
      <c r="N221569" s="10"/>
    </row>
    <row r="221570" spans="14:14">
      <c r="N221570" s="10"/>
    </row>
    <row r="221571" spans="14:14">
      <c r="N221571" s="10"/>
    </row>
    <row r="221572" spans="14:14">
      <c r="N221572" s="10"/>
    </row>
    <row r="221573" spans="14:14">
      <c r="N221573" s="10"/>
    </row>
    <row r="221574" spans="14:14">
      <c r="N221574" s="10"/>
    </row>
    <row r="221575" spans="14:14">
      <c r="N221575" s="10"/>
    </row>
    <row r="221576" spans="14:14">
      <c r="N221576" s="10"/>
    </row>
    <row r="221577" spans="14:14">
      <c r="N221577" s="10"/>
    </row>
    <row r="221578" spans="14:14">
      <c r="N221578" s="10"/>
    </row>
    <row r="221579" spans="14:14">
      <c r="N221579" s="10"/>
    </row>
    <row r="221580" spans="14:14">
      <c r="N221580" s="10"/>
    </row>
    <row r="221581" spans="14:14">
      <c r="N221581" s="10"/>
    </row>
    <row r="221582" spans="14:14">
      <c r="N221582" s="10"/>
    </row>
    <row r="221583" spans="14:14">
      <c r="N221583" s="10"/>
    </row>
    <row r="221584" spans="14:14">
      <c r="N221584" s="10"/>
    </row>
    <row r="221585" spans="14:14">
      <c r="N221585" s="10"/>
    </row>
    <row r="221586" spans="14:14">
      <c r="N221586" s="10"/>
    </row>
    <row r="221587" spans="14:14">
      <c r="N221587" s="10"/>
    </row>
    <row r="221588" spans="14:14">
      <c r="N221588" s="10"/>
    </row>
    <row r="221589" spans="14:14">
      <c r="N221589" s="10"/>
    </row>
    <row r="221590" spans="14:14">
      <c r="N221590" s="10"/>
    </row>
    <row r="221591" spans="14:14">
      <c r="N221591" s="10"/>
    </row>
    <row r="221592" spans="14:14">
      <c r="N221592" s="10"/>
    </row>
    <row r="221593" spans="14:14">
      <c r="N221593" s="10"/>
    </row>
    <row r="221594" spans="14:14">
      <c r="N221594" s="10"/>
    </row>
    <row r="221595" spans="14:14">
      <c r="N221595" s="10"/>
    </row>
    <row r="221596" spans="14:14">
      <c r="N221596" s="10"/>
    </row>
    <row r="221597" spans="14:14">
      <c r="N221597" s="10"/>
    </row>
    <row r="221598" spans="14:14">
      <c r="N221598" s="10"/>
    </row>
    <row r="221599" spans="14:14">
      <c r="N221599" s="10"/>
    </row>
    <row r="221600" spans="14:14">
      <c r="N221600" s="10"/>
    </row>
    <row r="221601" spans="14:14">
      <c r="N221601" s="10"/>
    </row>
    <row r="221602" spans="14:14">
      <c r="N221602" s="10"/>
    </row>
    <row r="221603" spans="14:14">
      <c r="N221603" s="10"/>
    </row>
    <row r="221604" spans="14:14">
      <c r="N221604" s="10"/>
    </row>
    <row r="221605" spans="14:14">
      <c r="N221605" s="10"/>
    </row>
    <row r="221606" spans="14:14">
      <c r="N221606" s="10"/>
    </row>
    <row r="221607" spans="14:14">
      <c r="N221607" s="10"/>
    </row>
    <row r="221608" spans="14:14">
      <c r="N221608" s="10"/>
    </row>
    <row r="221609" spans="14:14">
      <c r="N221609" s="10"/>
    </row>
    <row r="221610" spans="14:14">
      <c r="N221610" s="10"/>
    </row>
    <row r="221611" spans="14:14">
      <c r="N221611" s="10"/>
    </row>
    <row r="221612" spans="14:14">
      <c r="N221612" s="10"/>
    </row>
    <row r="221613" spans="14:14">
      <c r="N221613" s="10"/>
    </row>
    <row r="221614" spans="14:14">
      <c r="N221614" s="10"/>
    </row>
    <row r="221615" spans="14:14">
      <c r="N221615" s="10"/>
    </row>
    <row r="221616" spans="14:14">
      <c r="N221616" s="10"/>
    </row>
    <row r="221617" spans="14:14">
      <c r="N221617" s="10"/>
    </row>
    <row r="221618" spans="14:14">
      <c r="N221618" s="10"/>
    </row>
    <row r="221619" spans="14:14">
      <c r="N221619" s="10"/>
    </row>
    <row r="221620" spans="14:14">
      <c r="N221620" s="10"/>
    </row>
    <row r="221621" spans="14:14">
      <c r="N221621" s="10"/>
    </row>
    <row r="221622" spans="14:14">
      <c r="N221622" s="10"/>
    </row>
    <row r="221623" spans="14:14">
      <c r="N221623" s="10"/>
    </row>
    <row r="221624" spans="14:14">
      <c r="N221624" s="10"/>
    </row>
    <row r="221625" spans="14:14">
      <c r="N221625" s="10"/>
    </row>
    <row r="221626" spans="14:14">
      <c r="N221626" s="10"/>
    </row>
    <row r="221627" spans="14:14">
      <c r="N221627" s="10"/>
    </row>
    <row r="221628" spans="14:14">
      <c r="N221628" s="10"/>
    </row>
    <row r="221629" spans="14:14">
      <c r="N221629" s="10"/>
    </row>
    <row r="221630" spans="14:14">
      <c r="N221630" s="10"/>
    </row>
    <row r="221631" spans="14:14">
      <c r="N221631" s="10"/>
    </row>
    <row r="221632" spans="14:14">
      <c r="N221632" s="10"/>
    </row>
    <row r="221633" spans="14:14">
      <c r="N221633" s="10"/>
    </row>
    <row r="221634" spans="14:14">
      <c r="N221634" s="10"/>
    </row>
    <row r="221635" spans="14:14">
      <c r="N221635" s="10"/>
    </row>
    <row r="221636" spans="14:14">
      <c r="N221636" s="10"/>
    </row>
    <row r="221637" spans="14:14">
      <c r="N221637" s="10"/>
    </row>
    <row r="221638" spans="14:14">
      <c r="N221638" s="10"/>
    </row>
    <row r="221639" spans="14:14">
      <c r="N221639" s="10"/>
    </row>
    <row r="221640" spans="14:14">
      <c r="N221640" s="10"/>
    </row>
    <row r="221641" spans="14:14">
      <c r="N221641" s="10"/>
    </row>
    <row r="221642" spans="14:14">
      <c r="N221642" s="10"/>
    </row>
    <row r="221643" spans="14:14">
      <c r="N221643" s="10"/>
    </row>
    <row r="221644" spans="14:14">
      <c r="N221644" s="10"/>
    </row>
    <row r="221645" spans="14:14">
      <c r="N221645" s="10"/>
    </row>
    <row r="221646" spans="14:14">
      <c r="N221646" s="10"/>
    </row>
    <row r="221647" spans="14:14">
      <c r="N221647" s="10"/>
    </row>
    <row r="221648" spans="14:14">
      <c r="N221648" s="10"/>
    </row>
    <row r="221649" spans="14:14">
      <c r="N221649" s="10"/>
    </row>
    <row r="221650" spans="14:14">
      <c r="N221650" s="10"/>
    </row>
    <row r="221651" spans="14:14">
      <c r="N221651" s="10"/>
    </row>
    <row r="221652" spans="14:14">
      <c r="N221652" s="10"/>
    </row>
    <row r="221653" spans="14:14">
      <c r="N221653" s="10"/>
    </row>
    <row r="221654" spans="14:14">
      <c r="N221654" s="10"/>
    </row>
    <row r="221655" spans="14:14">
      <c r="N221655" s="10"/>
    </row>
    <row r="221656" spans="14:14">
      <c r="N221656" s="10"/>
    </row>
    <row r="221657" spans="14:14">
      <c r="N221657" s="10"/>
    </row>
    <row r="221658" spans="14:14">
      <c r="N221658" s="10"/>
    </row>
    <row r="221659" spans="14:14">
      <c r="N221659" s="10"/>
    </row>
    <row r="221660" spans="14:14">
      <c r="N221660" s="10"/>
    </row>
    <row r="221661" spans="14:14">
      <c r="N221661" s="10"/>
    </row>
    <row r="221662" spans="14:14">
      <c r="N221662" s="10"/>
    </row>
    <row r="221663" spans="14:14">
      <c r="N221663" s="10"/>
    </row>
    <row r="221664" spans="14:14">
      <c r="N221664" s="10"/>
    </row>
    <row r="221665" spans="14:14">
      <c r="N221665" s="10"/>
    </row>
    <row r="221666" spans="14:14">
      <c r="N221666" s="10"/>
    </row>
    <row r="221667" spans="14:14">
      <c r="N221667" s="10"/>
    </row>
    <row r="221668" spans="14:14">
      <c r="N221668" s="10"/>
    </row>
    <row r="221669" spans="14:14">
      <c r="N221669" s="10"/>
    </row>
    <row r="221670" spans="14:14">
      <c r="N221670" s="10"/>
    </row>
    <row r="221671" spans="14:14">
      <c r="N221671" s="10"/>
    </row>
    <row r="221672" spans="14:14">
      <c r="N221672" s="10"/>
    </row>
    <row r="221673" spans="14:14">
      <c r="N221673" s="10"/>
    </row>
    <row r="221674" spans="14:14">
      <c r="N221674" s="10"/>
    </row>
    <row r="221675" spans="14:14">
      <c r="N221675" s="10"/>
    </row>
    <row r="221676" spans="14:14">
      <c r="N221676" s="10"/>
    </row>
    <row r="221677" spans="14:14">
      <c r="N221677" s="10"/>
    </row>
    <row r="221678" spans="14:14">
      <c r="N221678" s="10"/>
    </row>
    <row r="221679" spans="14:14">
      <c r="N221679" s="10"/>
    </row>
    <row r="221680" spans="14:14">
      <c r="N221680" s="10"/>
    </row>
    <row r="221681" spans="14:14">
      <c r="N221681" s="10"/>
    </row>
    <row r="221682" spans="14:14">
      <c r="N221682" s="10"/>
    </row>
    <row r="221683" spans="14:14">
      <c r="N221683" s="10"/>
    </row>
    <row r="221684" spans="14:14">
      <c r="N221684" s="10"/>
    </row>
    <row r="221685" spans="14:14">
      <c r="N221685" s="10"/>
    </row>
    <row r="221686" spans="14:14">
      <c r="N221686" s="10"/>
    </row>
    <row r="221687" spans="14:14">
      <c r="N221687" s="10"/>
    </row>
    <row r="221688" spans="14:14">
      <c r="N221688" s="10"/>
    </row>
    <row r="221689" spans="14:14">
      <c r="N221689" s="10"/>
    </row>
    <row r="221690" spans="14:14">
      <c r="N221690" s="10"/>
    </row>
    <row r="221691" spans="14:14">
      <c r="N221691" s="10"/>
    </row>
    <row r="221692" spans="14:14">
      <c r="N221692" s="10"/>
    </row>
    <row r="221693" spans="14:14">
      <c r="N221693" s="10"/>
    </row>
    <row r="221694" spans="14:14">
      <c r="N221694" s="10"/>
    </row>
    <row r="221695" spans="14:14">
      <c r="N221695" s="10"/>
    </row>
    <row r="221696" spans="14:14">
      <c r="N221696" s="10"/>
    </row>
    <row r="221697" spans="14:14">
      <c r="N221697" s="10"/>
    </row>
    <row r="221698" spans="14:14">
      <c r="N221698" s="10"/>
    </row>
    <row r="221699" spans="14:14">
      <c r="N221699" s="10"/>
    </row>
    <row r="221700" spans="14:14">
      <c r="N221700" s="10"/>
    </row>
    <row r="221701" spans="14:14">
      <c r="N221701" s="10"/>
    </row>
    <row r="221702" spans="14:14">
      <c r="N221702" s="10"/>
    </row>
    <row r="221703" spans="14:14">
      <c r="N221703" s="10"/>
    </row>
    <row r="221704" spans="14:14">
      <c r="N221704" s="10"/>
    </row>
    <row r="221705" spans="14:14">
      <c r="N221705" s="10"/>
    </row>
    <row r="221706" spans="14:14">
      <c r="N221706" s="10"/>
    </row>
    <row r="221707" spans="14:14">
      <c r="N221707" s="10"/>
    </row>
    <row r="221708" spans="14:14">
      <c r="N221708" s="10"/>
    </row>
    <row r="221709" spans="14:14">
      <c r="N221709" s="10"/>
    </row>
    <row r="221710" spans="14:14">
      <c r="N221710" s="10"/>
    </row>
    <row r="221711" spans="14:14">
      <c r="N221711" s="10"/>
    </row>
    <row r="221712" spans="14:14">
      <c r="N221712" s="10"/>
    </row>
    <row r="221713" spans="14:14">
      <c r="N221713" s="10"/>
    </row>
    <row r="221714" spans="14:14">
      <c r="N221714" s="10"/>
    </row>
    <row r="221715" spans="14:14">
      <c r="N221715" s="10"/>
    </row>
    <row r="221716" spans="14:14">
      <c r="N221716" s="10"/>
    </row>
    <row r="221717" spans="14:14">
      <c r="N221717" s="10"/>
    </row>
    <row r="221718" spans="14:14">
      <c r="N221718" s="10"/>
    </row>
    <row r="221719" spans="14:14">
      <c r="N221719" s="10"/>
    </row>
    <row r="221720" spans="14:14">
      <c r="N221720" s="10"/>
    </row>
    <row r="221721" spans="14:14">
      <c r="N221721" s="10"/>
    </row>
    <row r="221722" spans="14:14">
      <c r="N221722" s="10"/>
    </row>
    <row r="221723" spans="14:14">
      <c r="N221723" s="10"/>
    </row>
    <row r="221724" spans="14:14">
      <c r="N221724" s="10"/>
    </row>
    <row r="221725" spans="14:14">
      <c r="N221725" s="10"/>
    </row>
    <row r="221726" spans="14:14">
      <c r="N221726" s="10"/>
    </row>
    <row r="221727" spans="14:14">
      <c r="N221727" s="10"/>
    </row>
    <row r="221728" spans="14:14">
      <c r="N221728" s="10"/>
    </row>
    <row r="221729" spans="14:14">
      <c r="N221729" s="10"/>
    </row>
    <row r="221730" spans="14:14">
      <c r="N221730" s="10"/>
    </row>
    <row r="221731" spans="14:14">
      <c r="N221731" s="10"/>
    </row>
    <row r="221732" spans="14:14">
      <c r="N221732" s="10"/>
    </row>
    <row r="221733" spans="14:14">
      <c r="N221733" s="10"/>
    </row>
    <row r="221734" spans="14:14">
      <c r="N221734" s="10"/>
    </row>
    <row r="221735" spans="14:14">
      <c r="N221735" s="10"/>
    </row>
    <row r="221736" spans="14:14">
      <c r="N221736" s="10"/>
    </row>
    <row r="221737" spans="14:14">
      <c r="N221737" s="10"/>
    </row>
    <row r="221738" spans="14:14">
      <c r="N221738" s="10"/>
    </row>
    <row r="221739" spans="14:14">
      <c r="N221739" s="10"/>
    </row>
    <row r="221740" spans="14:14">
      <c r="N221740" s="10"/>
    </row>
    <row r="221741" spans="14:14">
      <c r="N221741" s="10"/>
    </row>
    <row r="221742" spans="14:14">
      <c r="N221742" s="10"/>
    </row>
    <row r="221743" spans="14:14">
      <c r="N221743" s="10"/>
    </row>
    <row r="221744" spans="14:14">
      <c r="N221744" s="10"/>
    </row>
    <row r="221745" spans="14:14">
      <c r="N221745" s="10"/>
    </row>
    <row r="221746" spans="14:14">
      <c r="N221746" s="10"/>
    </row>
    <row r="221747" spans="14:14">
      <c r="N221747" s="10"/>
    </row>
    <row r="221748" spans="14:14">
      <c r="N221748" s="10"/>
    </row>
    <row r="221749" spans="14:14">
      <c r="N221749" s="10"/>
    </row>
    <row r="221750" spans="14:14">
      <c r="N221750" s="10"/>
    </row>
    <row r="221751" spans="14:14">
      <c r="N221751" s="10"/>
    </row>
    <row r="221752" spans="14:14">
      <c r="N221752" s="10"/>
    </row>
    <row r="221753" spans="14:14">
      <c r="N221753" s="10"/>
    </row>
    <row r="221754" spans="14:14">
      <c r="N221754" s="10"/>
    </row>
    <row r="221755" spans="14:14">
      <c r="N221755" s="10"/>
    </row>
    <row r="221756" spans="14:14">
      <c r="N221756" s="10"/>
    </row>
    <row r="221757" spans="14:14">
      <c r="N221757" s="10"/>
    </row>
    <row r="221758" spans="14:14">
      <c r="N221758" s="10"/>
    </row>
    <row r="221759" spans="14:14">
      <c r="N221759" s="10"/>
    </row>
    <row r="221760" spans="14:14">
      <c r="N221760" s="10"/>
    </row>
    <row r="221761" spans="14:14">
      <c r="N221761" s="10"/>
    </row>
    <row r="221762" spans="14:14">
      <c r="N221762" s="10"/>
    </row>
    <row r="221763" spans="14:14">
      <c r="N221763" s="10"/>
    </row>
    <row r="221764" spans="14:14">
      <c r="N221764" s="10"/>
    </row>
    <row r="221765" spans="14:14">
      <c r="N221765" s="10"/>
    </row>
    <row r="221766" spans="14:14">
      <c r="N221766" s="10"/>
    </row>
    <row r="221767" spans="14:14">
      <c r="N221767" s="10"/>
    </row>
    <row r="221768" spans="14:14">
      <c r="N221768" s="10"/>
    </row>
    <row r="221769" spans="14:14">
      <c r="N221769" s="10"/>
    </row>
    <row r="221770" spans="14:14">
      <c r="N221770" s="10"/>
    </row>
    <row r="221771" spans="14:14">
      <c r="N221771" s="10"/>
    </row>
    <row r="221772" spans="14:14">
      <c r="N221772" s="10"/>
    </row>
    <row r="221773" spans="14:14">
      <c r="N221773" s="10"/>
    </row>
    <row r="221774" spans="14:14">
      <c r="N221774" s="10"/>
    </row>
    <row r="221775" spans="14:14">
      <c r="N221775" s="10"/>
    </row>
    <row r="221776" spans="14:14">
      <c r="N221776" s="10"/>
    </row>
    <row r="221777" spans="14:14">
      <c r="N221777" s="10"/>
    </row>
    <row r="221778" spans="14:14">
      <c r="N221778" s="10"/>
    </row>
    <row r="221779" spans="14:14">
      <c r="N221779" s="10"/>
    </row>
    <row r="221780" spans="14:14">
      <c r="N221780" s="10"/>
    </row>
    <row r="221781" spans="14:14">
      <c r="N221781" s="10"/>
    </row>
    <row r="221782" spans="14:14">
      <c r="N221782" s="10"/>
    </row>
    <row r="221783" spans="14:14">
      <c r="N221783" s="10"/>
    </row>
    <row r="221784" spans="14:14">
      <c r="N221784" s="10"/>
    </row>
    <row r="221785" spans="14:14">
      <c r="N221785" s="10"/>
    </row>
    <row r="221786" spans="14:14">
      <c r="N221786" s="10"/>
    </row>
    <row r="221787" spans="14:14">
      <c r="N221787" s="10"/>
    </row>
    <row r="221788" spans="14:14">
      <c r="N221788" s="10"/>
    </row>
    <row r="221789" spans="14:14">
      <c r="N221789" s="10"/>
    </row>
    <row r="221790" spans="14:14">
      <c r="N221790" s="10"/>
    </row>
    <row r="221791" spans="14:14">
      <c r="N221791" s="10"/>
    </row>
    <row r="221792" spans="14:14">
      <c r="N221792" s="10"/>
    </row>
    <row r="221793" spans="14:14">
      <c r="N221793" s="10"/>
    </row>
    <row r="221794" spans="14:14">
      <c r="N221794" s="10"/>
    </row>
    <row r="221795" spans="14:14">
      <c r="N221795" s="10"/>
    </row>
    <row r="221796" spans="14:14">
      <c r="N221796" s="10"/>
    </row>
    <row r="221797" spans="14:14">
      <c r="N221797" s="10"/>
    </row>
    <row r="221798" spans="14:14">
      <c r="N221798" s="10"/>
    </row>
    <row r="221799" spans="14:14">
      <c r="N221799" s="10"/>
    </row>
    <row r="221800" spans="14:14">
      <c r="N221800" s="10"/>
    </row>
    <row r="221801" spans="14:14">
      <c r="N221801" s="10"/>
    </row>
    <row r="221802" spans="14:14">
      <c r="N221802" s="10"/>
    </row>
    <row r="221803" spans="14:14">
      <c r="N221803" s="10"/>
    </row>
    <row r="221804" spans="14:14">
      <c r="N221804" s="10"/>
    </row>
    <row r="221805" spans="14:14">
      <c r="N221805" s="10"/>
    </row>
    <row r="221806" spans="14:14">
      <c r="N221806" s="10"/>
    </row>
    <row r="221807" spans="14:14">
      <c r="N221807" s="10"/>
    </row>
    <row r="221808" spans="14:14">
      <c r="N221808" s="10"/>
    </row>
    <row r="221809" spans="14:14">
      <c r="N221809" s="10"/>
    </row>
    <row r="221810" spans="14:14">
      <c r="N221810" s="10"/>
    </row>
    <row r="221811" spans="14:14">
      <c r="N221811" s="10"/>
    </row>
    <row r="221812" spans="14:14">
      <c r="N221812" s="10"/>
    </row>
    <row r="221813" spans="14:14">
      <c r="N221813" s="10"/>
    </row>
    <row r="221814" spans="14:14">
      <c r="N221814" s="10"/>
    </row>
    <row r="221815" spans="14:14">
      <c r="N221815" s="10"/>
    </row>
    <row r="221816" spans="14:14">
      <c r="N221816" s="10"/>
    </row>
    <row r="221817" spans="14:14">
      <c r="N221817" s="10"/>
    </row>
    <row r="221818" spans="14:14">
      <c r="N221818" s="10"/>
    </row>
    <row r="221819" spans="14:14">
      <c r="N221819" s="10"/>
    </row>
    <row r="221820" spans="14:14">
      <c r="N221820" s="10"/>
    </row>
    <row r="221821" spans="14:14">
      <c r="N221821" s="10"/>
    </row>
    <row r="221822" spans="14:14">
      <c r="N221822" s="10"/>
    </row>
    <row r="221823" spans="14:14">
      <c r="N221823" s="10"/>
    </row>
    <row r="221824" spans="14:14">
      <c r="N221824" s="10"/>
    </row>
    <row r="221825" spans="14:14">
      <c r="N221825" s="10"/>
    </row>
    <row r="221826" spans="14:14">
      <c r="N221826" s="10"/>
    </row>
    <row r="221827" spans="14:14">
      <c r="N221827" s="10"/>
    </row>
    <row r="221828" spans="14:14">
      <c r="N221828" s="10"/>
    </row>
    <row r="221829" spans="14:14">
      <c r="N221829" s="10"/>
    </row>
    <row r="221830" spans="14:14">
      <c r="N221830" s="10"/>
    </row>
    <row r="221831" spans="14:14">
      <c r="N221831" s="10"/>
    </row>
    <row r="221832" spans="14:14">
      <c r="N221832" s="10"/>
    </row>
    <row r="221833" spans="14:14">
      <c r="N221833" s="10"/>
    </row>
    <row r="221834" spans="14:14">
      <c r="N221834" s="10"/>
    </row>
    <row r="221835" spans="14:14">
      <c r="N221835" s="10"/>
    </row>
    <row r="221836" spans="14:14">
      <c r="N221836" s="10"/>
    </row>
    <row r="221837" spans="14:14">
      <c r="N221837" s="10"/>
    </row>
    <row r="221838" spans="14:14">
      <c r="N221838" s="10"/>
    </row>
    <row r="221839" spans="14:14">
      <c r="N221839" s="10"/>
    </row>
    <row r="221840" spans="14:14">
      <c r="N221840" s="10"/>
    </row>
    <row r="221841" spans="14:14">
      <c r="N221841" s="10"/>
    </row>
    <row r="221842" spans="14:14">
      <c r="N221842" s="10"/>
    </row>
    <row r="221843" spans="14:14">
      <c r="N221843" s="10"/>
    </row>
    <row r="221844" spans="14:14">
      <c r="N221844" s="10"/>
    </row>
    <row r="221845" spans="14:14">
      <c r="N221845" s="10"/>
    </row>
    <row r="221846" spans="14:14">
      <c r="N221846" s="10"/>
    </row>
    <row r="221847" spans="14:14">
      <c r="N221847" s="10"/>
    </row>
    <row r="221848" spans="14:14">
      <c r="N221848" s="10"/>
    </row>
    <row r="221849" spans="14:14">
      <c r="N221849" s="10"/>
    </row>
    <row r="221850" spans="14:14">
      <c r="N221850" s="10"/>
    </row>
    <row r="221851" spans="14:14">
      <c r="N221851" s="10"/>
    </row>
    <row r="221852" spans="14:14">
      <c r="N221852" s="10"/>
    </row>
    <row r="221853" spans="14:14">
      <c r="N221853" s="10"/>
    </row>
    <row r="221854" spans="14:14">
      <c r="N221854" s="10"/>
    </row>
    <row r="221855" spans="14:14">
      <c r="N221855" s="10"/>
    </row>
    <row r="221856" spans="14:14">
      <c r="N221856" s="10"/>
    </row>
    <row r="221857" spans="14:14">
      <c r="N221857" s="10"/>
    </row>
    <row r="221858" spans="14:14">
      <c r="N221858" s="10"/>
    </row>
    <row r="221859" spans="14:14">
      <c r="N221859" s="10"/>
    </row>
    <row r="221860" spans="14:14">
      <c r="N221860" s="10"/>
    </row>
    <row r="221861" spans="14:14">
      <c r="N221861" s="10"/>
    </row>
    <row r="221862" spans="14:14">
      <c r="N221862" s="10"/>
    </row>
    <row r="221863" spans="14:14">
      <c r="N221863" s="10"/>
    </row>
    <row r="221864" spans="14:14">
      <c r="N221864" s="10"/>
    </row>
    <row r="221865" spans="14:14">
      <c r="N221865" s="10"/>
    </row>
    <row r="221866" spans="14:14">
      <c r="N221866" s="10"/>
    </row>
    <row r="221867" spans="14:14">
      <c r="N221867" s="10"/>
    </row>
    <row r="221868" spans="14:14">
      <c r="N221868" s="10"/>
    </row>
    <row r="221869" spans="14:14">
      <c r="N221869" s="10"/>
    </row>
    <row r="221870" spans="14:14">
      <c r="N221870" s="10"/>
    </row>
    <row r="221871" spans="14:14">
      <c r="N221871" s="10"/>
    </row>
    <row r="221872" spans="14:14">
      <c r="N221872" s="10"/>
    </row>
    <row r="221873" spans="14:14">
      <c r="N221873" s="10"/>
    </row>
    <row r="221874" spans="14:14">
      <c r="N221874" s="10"/>
    </row>
    <row r="221875" spans="14:14">
      <c r="N221875" s="10"/>
    </row>
    <row r="221876" spans="14:14">
      <c r="N221876" s="10"/>
    </row>
    <row r="221877" spans="14:14">
      <c r="N221877" s="10"/>
    </row>
    <row r="221878" spans="14:14">
      <c r="N221878" s="10"/>
    </row>
    <row r="221879" spans="14:14">
      <c r="N221879" s="10"/>
    </row>
    <row r="221880" spans="14:14">
      <c r="N221880" s="10"/>
    </row>
    <row r="221881" spans="14:14">
      <c r="N221881" s="10"/>
    </row>
    <row r="221882" spans="14:14">
      <c r="N221882" s="10"/>
    </row>
    <row r="221883" spans="14:14">
      <c r="N221883" s="10"/>
    </row>
    <row r="221884" spans="14:14">
      <c r="N221884" s="10"/>
    </row>
    <row r="221885" spans="14:14">
      <c r="N221885" s="10"/>
    </row>
    <row r="221886" spans="14:14">
      <c r="N221886" s="10"/>
    </row>
    <row r="221887" spans="14:14">
      <c r="N221887" s="10"/>
    </row>
    <row r="221888" spans="14:14">
      <c r="N221888" s="10"/>
    </row>
    <row r="221889" spans="14:14">
      <c r="N221889" s="10"/>
    </row>
    <row r="221890" spans="14:14">
      <c r="N221890" s="10"/>
    </row>
    <row r="221891" spans="14:14">
      <c r="N221891" s="10"/>
    </row>
    <row r="221892" spans="14:14">
      <c r="N221892" s="10"/>
    </row>
    <row r="221893" spans="14:14">
      <c r="N221893" s="10"/>
    </row>
    <row r="221894" spans="14:14">
      <c r="N221894" s="10"/>
    </row>
    <row r="221895" spans="14:14">
      <c r="N221895" s="10"/>
    </row>
    <row r="221896" spans="14:14">
      <c r="N221896" s="10"/>
    </row>
    <row r="221897" spans="14:14">
      <c r="N221897" s="10"/>
    </row>
    <row r="221898" spans="14:14">
      <c r="N221898" s="10"/>
    </row>
    <row r="221899" spans="14:14">
      <c r="N221899" s="10"/>
    </row>
    <row r="221900" spans="14:14">
      <c r="N221900" s="10"/>
    </row>
    <row r="221901" spans="14:14">
      <c r="N221901" s="10"/>
    </row>
    <row r="221902" spans="14:14">
      <c r="N221902" s="10"/>
    </row>
    <row r="221903" spans="14:14">
      <c r="N221903" s="10"/>
    </row>
    <row r="221904" spans="14:14">
      <c r="N221904" s="10"/>
    </row>
    <row r="221905" spans="14:14">
      <c r="N221905" s="10"/>
    </row>
    <row r="221906" spans="14:14">
      <c r="N221906" s="10"/>
    </row>
    <row r="221907" spans="14:14">
      <c r="N221907" s="10"/>
    </row>
    <row r="221908" spans="14:14">
      <c r="N221908" s="10"/>
    </row>
    <row r="221909" spans="14:14">
      <c r="N221909" s="10"/>
    </row>
    <row r="221910" spans="14:14">
      <c r="N221910" s="10"/>
    </row>
    <row r="221911" spans="14:14">
      <c r="N221911" s="10"/>
    </row>
    <row r="221912" spans="14:14">
      <c r="N221912" s="10"/>
    </row>
    <row r="221913" spans="14:14">
      <c r="N221913" s="10"/>
    </row>
    <row r="221914" spans="14:14">
      <c r="N221914" s="10"/>
    </row>
    <row r="221915" spans="14:14">
      <c r="N221915" s="10"/>
    </row>
    <row r="221916" spans="14:14">
      <c r="N221916" s="10"/>
    </row>
    <row r="221917" spans="14:14">
      <c r="N221917" s="10"/>
    </row>
    <row r="221918" spans="14:14">
      <c r="N221918" s="10"/>
    </row>
    <row r="221919" spans="14:14">
      <c r="N221919" s="10"/>
    </row>
    <row r="221920" spans="14:14">
      <c r="N221920" s="10"/>
    </row>
    <row r="221921" spans="14:14">
      <c r="N221921" s="10"/>
    </row>
    <row r="221922" spans="14:14">
      <c r="N221922" s="10"/>
    </row>
    <row r="221923" spans="14:14">
      <c r="N221923" s="10"/>
    </row>
    <row r="221924" spans="14:14">
      <c r="N221924" s="10"/>
    </row>
    <row r="221925" spans="14:14">
      <c r="N221925" s="10"/>
    </row>
    <row r="221926" spans="14:14">
      <c r="N221926" s="10"/>
    </row>
    <row r="221927" spans="14:14">
      <c r="N221927" s="10"/>
    </row>
    <row r="221928" spans="14:14">
      <c r="N221928" s="10"/>
    </row>
    <row r="221929" spans="14:14">
      <c r="N221929" s="10"/>
    </row>
    <row r="221930" spans="14:14">
      <c r="N221930" s="10"/>
    </row>
    <row r="221931" spans="14:14">
      <c r="N221931" s="10"/>
    </row>
    <row r="221932" spans="14:14">
      <c r="N221932" s="10"/>
    </row>
    <row r="221933" spans="14:14">
      <c r="N221933" s="10"/>
    </row>
    <row r="221934" spans="14:14">
      <c r="N221934" s="10"/>
    </row>
    <row r="221935" spans="14:14">
      <c r="N221935" s="10"/>
    </row>
    <row r="221936" spans="14:14">
      <c r="N221936" s="10"/>
    </row>
    <row r="221937" spans="14:14">
      <c r="N221937" s="10"/>
    </row>
    <row r="221938" spans="14:14">
      <c r="N221938" s="10"/>
    </row>
    <row r="221939" spans="14:14">
      <c r="N221939" s="10"/>
    </row>
    <row r="221940" spans="14:14">
      <c r="N221940" s="10"/>
    </row>
    <row r="221941" spans="14:14">
      <c r="N221941" s="10"/>
    </row>
    <row r="221942" spans="14:14">
      <c r="N221942" s="10"/>
    </row>
    <row r="221943" spans="14:14">
      <c r="N221943" s="10"/>
    </row>
    <row r="221944" spans="14:14">
      <c r="N221944" s="10"/>
    </row>
    <row r="221945" spans="14:14">
      <c r="N221945" s="10"/>
    </row>
    <row r="221946" spans="14:14">
      <c r="N221946" s="10"/>
    </row>
    <row r="221947" spans="14:14">
      <c r="N221947" s="10"/>
    </row>
    <row r="221948" spans="14:14">
      <c r="N221948" s="10"/>
    </row>
    <row r="221949" spans="14:14">
      <c r="N221949" s="10"/>
    </row>
    <row r="221950" spans="14:14">
      <c r="N221950" s="10"/>
    </row>
    <row r="221951" spans="14:14">
      <c r="N221951" s="10"/>
    </row>
    <row r="221952" spans="14:14">
      <c r="N221952" s="10"/>
    </row>
    <row r="221953" spans="14:14">
      <c r="N221953" s="10"/>
    </row>
    <row r="221954" spans="14:14">
      <c r="N221954" s="10"/>
    </row>
    <row r="221955" spans="14:14">
      <c r="N221955" s="10"/>
    </row>
    <row r="221956" spans="14:14">
      <c r="N221956" s="10"/>
    </row>
    <row r="221957" spans="14:14">
      <c r="N221957" s="10"/>
    </row>
    <row r="221958" spans="14:14">
      <c r="N221958" s="10"/>
    </row>
    <row r="221959" spans="14:14">
      <c r="N221959" s="10"/>
    </row>
    <row r="221960" spans="14:14">
      <c r="N221960" s="10"/>
    </row>
    <row r="221961" spans="14:14">
      <c r="N221961" s="10"/>
    </row>
    <row r="221962" spans="14:14">
      <c r="N221962" s="10"/>
    </row>
    <row r="221963" spans="14:14">
      <c r="N221963" s="10"/>
    </row>
    <row r="221964" spans="14:14">
      <c r="N221964" s="10"/>
    </row>
    <row r="221965" spans="14:14">
      <c r="N221965" s="10"/>
    </row>
    <row r="221966" spans="14:14">
      <c r="N221966" s="10"/>
    </row>
    <row r="221967" spans="14:14">
      <c r="N221967" s="10"/>
    </row>
    <row r="221968" spans="14:14">
      <c r="N221968" s="10"/>
    </row>
    <row r="221969" spans="14:14">
      <c r="N221969" s="10"/>
    </row>
    <row r="221970" spans="14:14">
      <c r="N221970" s="10"/>
    </row>
    <row r="221971" spans="14:14">
      <c r="N221971" s="10"/>
    </row>
    <row r="221972" spans="14:14">
      <c r="N221972" s="10"/>
    </row>
    <row r="221973" spans="14:14">
      <c r="N221973" s="10"/>
    </row>
    <row r="221974" spans="14:14">
      <c r="N221974" s="10"/>
    </row>
    <row r="221975" spans="14:14">
      <c r="N221975" s="10"/>
    </row>
    <row r="221976" spans="14:14">
      <c r="N221976" s="10"/>
    </row>
    <row r="221977" spans="14:14">
      <c r="N221977" s="10"/>
    </row>
    <row r="221978" spans="14:14">
      <c r="N221978" s="10"/>
    </row>
    <row r="221979" spans="14:14">
      <c r="N221979" s="10"/>
    </row>
    <row r="221980" spans="14:14">
      <c r="N221980" s="10"/>
    </row>
    <row r="221981" spans="14:14">
      <c r="N221981" s="10"/>
    </row>
    <row r="221982" spans="14:14">
      <c r="N221982" s="10"/>
    </row>
    <row r="221983" spans="14:14">
      <c r="N221983" s="10"/>
    </row>
    <row r="221984" spans="14:14">
      <c r="N221984" s="10"/>
    </row>
    <row r="221985" spans="14:14">
      <c r="N221985" s="10"/>
    </row>
    <row r="221986" spans="14:14">
      <c r="N221986" s="10"/>
    </row>
    <row r="221987" spans="14:14">
      <c r="N221987" s="10"/>
    </row>
    <row r="221988" spans="14:14">
      <c r="N221988" s="10"/>
    </row>
    <row r="221989" spans="14:14">
      <c r="N221989" s="10"/>
    </row>
    <row r="221990" spans="14:14">
      <c r="N221990" s="10"/>
    </row>
    <row r="221991" spans="14:14">
      <c r="N221991" s="10"/>
    </row>
    <row r="221992" spans="14:14">
      <c r="N221992" s="10"/>
    </row>
    <row r="221993" spans="14:14">
      <c r="N221993" s="10"/>
    </row>
    <row r="221994" spans="14:14">
      <c r="N221994" s="10"/>
    </row>
    <row r="221995" spans="14:14">
      <c r="N221995" s="10"/>
    </row>
    <row r="221996" spans="14:14">
      <c r="N221996" s="10"/>
    </row>
    <row r="221997" spans="14:14">
      <c r="N221997" s="10"/>
    </row>
    <row r="221998" spans="14:14">
      <c r="N221998" s="10"/>
    </row>
    <row r="221999" spans="14:14">
      <c r="N221999" s="10"/>
    </row>
    <row r="222000" spans="14:14">
      <c r="N222000" s="10"/>
    </row>
    <row r="222001" spans="14:14">
      <c r="N222001" s="10"/>
    </row>
    <row r="222002" spans="14:14">
      <c r="N222002" s="10"/>
    </row>
    <row r="222003" spans="14:14">
      <c r="N222003" s="10"/>
    </row>
    <row r="222004" spans="14:14">
      <c r="N222004" s="10"/>
    </row>
    <row r="222005" spans="14:14">
      <c r="N222005" s="10"/>
    </row>
    <row r="222006" spans="14:14">
      <c r="N222006" s="10"/>
    </row>
    <row r="222007" spans="14:14">
      <c r="N222007" s="10"/>
    </row>
    <row r="222008" spans="14:14">
      <c r="N222008" s="10"/>
    </row>
    <row r="222009" spans="14:14">
      <c r="N222009" s="10"/>
    </row>
    <row r="222010" spans="14:14">
      <c r="N222010" s="10"/>
    </row>
    <row r="222011" spans="14:14">
      <c r="N222011" s="10"/>
    </row>
    <row r="222012" spans="14:14">
      <c r="N222012" s="10"/>
    </row>
    <row r="222013" spans="14:14">
      <c r="N222013" s="10"/>
    </row>
    <row r="222014" spans="14:14">
      <c r="N222014" s="10"/>
    </row>
    <row r="222015" spans="14:14">
      <c r="N222015" s="10"/>
    </row>
    <row r="222016" spans="14:14">
      <c r="N222016" s="10"/>
    </row>
    <row r="222017" spans="14:14">
      <c r="N222017" s="10"/>
    </row>
    <row r="222018" spans="14:14">
      <c r="N222018" s="10"/>
    </row>
    <row r="222019" spans="14:14">
      <c r="N222019" s="10"/>
    </row>
    <row r="222020" spans="14:14">
      <c r="N222020" s="10"/>
    </row>
    <row r="222021" spans="14:14">
      <c r="N222021" s="10"/>
    </row>
    <row r="222022" spans="14:14">
      <c r="N222022" s="10"/>
    </row>
    <row r="222023" spans="14:14">
      <c r="N222023" s="10"/>
    </row>
    <row r="222024" spans="14:14">
      <c r="N222024" s="10"/>
    </row>
    <row r="222025" spans="14:14">
      <c r="N222025" s="10"/>
    </row>
    <row r="222026" spans="14:14">
      <c r="N222026" s="10"/>
    </row>
    <row r="222027" spans="14:14">
      <c r="N222027" s="10"/>
    </row>
    <row r="222028" spans="14:14">
      <c r="N222028" s="10"/>
    </row>
    <row r="222029" spans="14:14">
      <c r="N222029" s="10"/>
    </row>
    <row r="222030" spans="14:14">
      <c r="N222030" s="10"/>
    </row>
    <row r="222031" spans="14:14">
      <c r="N222031" s="10"/>
    </row>
    <row r="222032" spans="14:14">
      <c r="N222032" s="10"/>
    </row>
    <row r="222033" spans="14:14">
      <c r="N222033" s="10"/>
    </row>
    <row r="222034" spans="14:14">
      <c r="N222034" s="10"/>
    </row>
    <row r="222035" spans="14:14">
      <c r="N222035" s="10"/>
    </row>
    <row r="222036" spans="14:14">
      <c r="N222036" s="10"/>
    </row>
    <row r="222037" spans="14:14">
      <c r="N222037" s="10"/>
    </row>
    <row r="222038" spans="14:14">
      <c r="N222038" s="10"/>
    </row>
    <row r="222039" spans="14:14">
      <c r="N222039" s="10"/>
    </row>
    <row r="222040" spans="14:14">
      <c r="N222040" s="10"/>
    </row>
    <row r="222041" spans="14:14">
      <c r="N222041" s="10"/>
    </row>
    <row r="222042" spans="14:14">
      <c r="N222042" s="10"/>
    </row>
    <row r="222043" spans="14:14">
      <c r="N222043" s="10"/>
    </row>
    <row r="222044" spans="14:14">
      <c r="N222044" s="10"/>
    </row>
    <row r="222045" spans="14:14">
      <c r="N222045" s="10"/>
    </row>
    <row r="222046" spans="14:14">
      <c r="N222046" s="10"/>
    </row>
    <row r="222047" spans="14:14">
      <c r="N222047" s="10"/>
    </row>
    <row r="222048" spans="14:14">
      <c r="N222048" s="10"/>
    </row>
    <row r="222049" spans="14:14">
      <c r="N222049" s="10"/>
    </row>
    <row r="222050" spans="14:14">
      <c r="N222050" s="10"/>
    </row>
    <row r="222051" spans="14:14">
      <c r="N222051" s="10"/>
    </row>
    <row r="222052" spans="14:14">
      <c r="N222052" s="10"/>
    </row>
    <row r="222053" spans="14:14">
      <c r="N222053" s="10"/>
    </row>
    <row r="222054" spans="14:14">
      <c r="N222054" s="10"/>
    </row>
    <row r="222055" spans="14:14">
      <c r="N222055" s="10"/>
    </row>
    <row r="222056" spans="14:14">
      <c r="N222056" s="10"/>
    </row>
    <row r="222057" spans="14:14">
      <c r="N222057" s="10"/>
    </row>
    <row r="222058" spans="14:14">
      <c r="N222058" s="10"/>
    </row>
    <row r="222059" spans="14:14">
      <c r="N222059" s="10"/>
    </row>
    <row r="222060" spans="14:14">
      <c r="N222060" s="10"/>
    </row>
    <row r="222061" spans="14:14">
      <c r="N222061" s="10"/>
    </row>
    <row r="222062" spans="14:14">
      <c r="N222062" s="10"/>
    </row>
    <row r="222063" spans="14:14">
      <c r="N222063" s="10"/>
    </row>
    <row r="222064" spans="14:14">
      <c r="N222064" s="10"/>
    </row>
    <row r="222065" spans="14:14">
      <c r="N222065" s="10"/>
    </row>
    <row r="222066" spans="14:14">
      <c r="N222066" s="10"/>
    </row>
    <row r="222067" spans="14:14">
      <c r="N222067" s="10"/>
    </row>
    <row r="222068" spans="14:14">
      <c r="N222068" s="10"/>
    </row>
    <row r="222069" spans="14:14">
      <c r="N222069" s="10"/>
    </row>
    <row r="222070" spans="14:14">
      <c r="N222070" s="10"/>
    </row>
    <row r="222071" spans="14:14">
      <c r="N222071" s="10"/>
    </row>
    <row r="222072" spans="14:14">
      <c r="N222072" s="10"/>
    </row>
    <row r="222073" spans="14:14">
      <c r="N222073" s="10"/>
    </row>
    <row r="222074" spans="14:14">
      <c r="N222074" s="10"/>
    </row>
    <row r="222075" spans="14:14">
      <c r="N222075" s="10"/>
    </row>
    <row r="222076" spans="14:14">
      <c r="N222076" s="10"/>
    </row>
    <row r="222077" spans="14:14">
      <c r="N222077" s="10"/>
    </row>
    <row r="222078" spans="14:14">
      <c r="N222078" s="10"/>
    </row>
    <row r="222079" spans="14:14">
      <c r="N222079" s="10"/>
    </row>
    <row r="222080" spans="14:14">
      <c r="N222080" s="10"/>
    </row>
    <row r="222081" spans="14:14">
      <c r="N222081" s="10"/>
    </row>
    <row r="222082" spans="14:14">
      <c r="N222082" s="10"/>
    </row>
    <row r="222083" spans="14:14">
      <c r="N222083" s="10"/>
    </row>
    <row r="222084" spans="14:14">
      <c r="N222084" s="10"/>
    </row>
    <row r="222085" spans="14:14">
      <c r="N222085" s="10"/>
    </row>
    <row r="222086" spans="14:14">
      <c r="N222086" s="10"/>
    </row>
    <row r="222087" spans="14:14">
      <c r="N222087" s="10"/>
    </row>
    <row r="222088" spans="14:14">
      <c r="N222088" s="10"/>
    </row>
    <row r="222089" spans="14:14">
      <c r="N222089" s="10"/>
    </row>
    <row r="222090" spans="14:14">
      <c r="N222090" s="10"/>
    </row>
    <row r="222091" spans="14:14">
      <c r="N222091" s="10"/>
    </row>
    <row r="222092" spans="14:14">
      <c r="N222092" s="10"/>
    </row>
    <row r="222093" spans="14:14">
      <c r="N222093" s="10"/>
    </row>
    <row r="222094" spans="14:14">
      <c r="N222094" s="10"/>
    </row>
    <row r="222095" spans="14:14">
      <c r="N222095" s="10"/>
    </row>
    <row r="222096" spans="14:14">
      <c r="N222096" s="10"/>
    </row>
    <row r="222097" spans="14:14">
      <c r="N222097" s="10"/>
    </row>
    <row r="222098" spans="14:14">
      <c r="N222098" s="10"/>
    </row>
    <row r="222099" spans="14:14">
      <c r="N222099" s="10"/>
    </row>
    <row r="222100" spans="14:14">
      <c r="N222100" s="10"/>
    </row>
    <row r="222101" spans="14:14">
      <c r="N222101" s="10"/>
    </row>
    <row r="222102" spans="14:14">
      <c r="N222102" s="10"/>
    </row>
    <row r="222103" spans="14:14">
      <c r="N222103" s="10"/>
    </row>
    <row r="222104" spans="14:14">
      <c r="N222104" s="10"/>
    </row>
    <row r="222105" spans="14:14">
      <c r="N222105" s="10"/>
    </row>
    <row r="222106" spans="14:14">
      <c r="N222106" s="10"/>
    </row>
    <row r="222107" spans="14:14">
      <c r="N222107" s="10"/>
    </row>
    <row r="222108" spans="14:14">
      <c r="N222108" s="10"/>
    </row>
    <row r="222109" spans="14:14">
      <c r="N222109" s="10"/>
    </row>
    <row r="222110" spans="14:14">
      <c r="N222110" s="10"/>
    </row>
    <row r="222111" spans="14:14">
      <c r="N222111" s="10"/>
    </row>
    <row r="222112" spans="14:14">
      <c r="N222112" s="10"/>
    </row>
    <row r="222113" spans="14:14">
      <c r="N222113" s="10"/>
    </row>
    <row r="222114" spans="14:14">
      <c r="N222114" s="10"/>
    </row>
    <row r="222115" spans="14:14">
      <c r="N222115" s="10"/>
    </row>
    <row r="222116" spans="14:14">
      <c r="N222116" s="10"/>
    </row>
    <row r="222117" spans="14:14">
      <c r="N222117" s="10"/>
    </row>
    <row r="222118" spans="14:14">
      <c r="N222118" s="10"/>
    </row>
    <row r="222119" spans="14:14">
      <c r="N222119" s="10"/>
    </row>
    <row r="222120" spans="14:14">
      <c r="N222120" s="10"/>
    </row>
    <row r="222121" spans="14:14">
      <c r="N222121" s="10"/>
    </row>
    <row r="222122" spans="14:14">
      <c r="N222122" s="10"/>
    </row>
    <row r="222123" spans="14:14">
      <c r="N222123" s="10"/>
    </row>
    <row r="222124" spans="14:14">
      <c r="N222124" s="10"/>
    </row>
    <row r="222125" spans="14:14">
      <c r="N222125" s="10"/>
    </row>
    <row r="222126" spans="14:14">
      <c r="N222126" s="10"/>
    </row>
    <row r="222127" spans="14:14">
      <c r="N222127" s="10"/>
    </row>
    <row r="222128" spans="14:14">
      <c r="N222128" s="10"/>
    </row>
    <row r="222129" spans="14:14">
      <c r="N222129" s="10"/>
    </row>
    <row r="222130" spans="14:14">
      <c r="N222130" s="10"/>
    </row>
    <row r="222131" spans="14:14">
      <c r="N222131" s="10"/>
    </row>
    <row r="222132" spans="14:14">
      <c r="N222132" s="10"/>
    </row>
    <row r="222133" spans="14:14">
      <c r="N222133" s="10"/>
    </row>
    <row r="222134" spans="14:14">
      <c r="N222134" s="10"/>
    </row>
    <row r="222135" spans="14:14">
      <c r="N222135" s="10"/>
    </row>
    <row r="222136" spans="14:14">
      <c r="N222136" s="10"/>
    </row>
    <row r="222137" spans="14:14">
      <c r="N222137" s="10"/>
    </row>
    <row r="222138" spans="14:14">
      <c r="N222138" s="10"/>
    </row>
    <row r="222139" spans="14:14">
      <c r="N222139" s="10"/>
    </row>
    <row r="222140" spans="14:14">
      <c r="N222140" s="10"/>
    </row>
    <row r="222141" spans="14:14">
      <c r="N222141" s="10"/>
    </row>
    <row r="222142" spans="14:14">
      <c r="N222142" s="10"/>
    </row>
    <row r="222143" spans="14:14">
      <c r="N222143" s="10"/>
    </row>
    <row r="222144" spans="14:14">
      <c r="N222144" s="10"/>
    </row>
    <row r="222145" spans="14:14">
      <c r="N222145" s="10"/>
    </row>
    <row r="222146" spans="14:14">
      <c r="N222146" s="10"/>
    </row>
    <row r="222147" spans="14:14">
      <c r="N222147" s="10"/>
    </row>
    <row r="222148" spans="14:14">
      <c r="N222148" s="10"/>
    </row>
    <row r="222149" spans="14:14">
      <c r="N222149" s="10"/>
    </row>
    <row r="222150" spans="14:14">
      <c r="N222150" s="10"/>
    </row>
    <row r="222151" spans="14:14">
      <c r="N222151" s="10"/>
    </row>
    <row r="222152" spans="14:14">
      <c r="N222152" s="10"/>
    </row>
    <row r="222153" spans="14:14">
      <c r="N222153" s="10"/>
    </row>
    <row r="222154" spans="14:14">
      <c r="N222154" s="10"/>
    </row>
    <row r="222155" spans="14:14">
      <c r="N222155" s="10"/>
    </row>
    <row r="222156" spans="14:14">
      <c r="N222156" s="10"/>
    </row>
    <row r="222157" spans="14:14">
      <c r="N222157" s="10"/>
    </row>
    <row r="222158" spans="14:14">
      <c r="N222158" s="10"/>
    </row>
    <row r="222159" spans="14:14">
      <c r="N222159" s="10"/>
    </row>
    <row r="222160" spans="14:14">
      <c r="N222160" s="10"/>
    </row>
    <row r="222161" spans="14:14">
      <c r="N222161" s="10"/>
    </row>
    <row r="222162" spans="14:14">
      <c r="N222162" s="10"/>
    </row>
    <row r="222163" spans="14:14">
      <c r="N222163" s="10"/>
    </row>
    <row r="222164" spans="14:14">
      <c r="N222164" s="10"/>
    </row>
    <row r="222165" spans="14:14">
      <c r="N222165" s="10"/>
    </row>
    <row r="222166" spans="14:14">
      <c r="N222166" s="10"/>
    </row>
    <row r="222167" spans="14:14">
      <c r="N222167" s="10"/>
    </row>
    <row r="222168" spans="14:14">
      <c r="N222168" s="10"/>
    </row>
    <row r="222169" spans="14:14">
      <c r="N222169" s="10"/>
    </row>
    <row r="222170" spans="14:14">
      <c r="N222170" s="10"/>
    </row>
    <row r="222171" spans="14:14">
      <c r="N222171" s="10"/>
    </row>
    <row r="222172" spans="14:14">
      <c r="N222172" s="10"/>
    </row>
    <row r="222173" spans="14:14">
      <c r="N222173" s="10"/>
    </row>
    <row r="222174" spans="14:14">
      <c r="N222174" s="10"/>
    </row>
    <row r="222175" spans="14:14">
      <c r="N222175" s="10"/>
    </row>
    <row r="222176" spans="14:14">
      <c r="N222176" s="10"/>
    </row>
    <row r="222177" spans="14:14">
      <c r="N222177" s="10"/>
    </row>
    <row r="222178" spans="14:14">
      <c r="N222178" s="10"/>
    </row>
    <row r="222179" spans="14:14">
      <c r="N222179" s="10"/>
    </row>
    <row r="222180" spans="14:14">
      <c r="N222180" s="10"/>
    </row>
    <row r="222181" spans="14:14">
      <c r="N222181" s="10"/>
    </row>
    <row r="222182" spans="14:14">
      <c r="N222182" s="10"/>
    </row>
    <row r="222183" spans="14:14">
      <c r="N222183" s="10"/>
    </row>
    <row r="222184" spans="14:14">
      <c r="N222184" s="10"/>
    </row>
    <row r="222185" spans="14:14">
      <c r="N222185" s="10"/>
    </row>
    <row r="222186" spans="14:14">
      <c r="N222186" s="10"/>
    </row>
    <row r="222187" spans="14:14">
      <c r="N222187" s="10"/>
    </row>
    <row r="222188" spans="14:14">
      <c r="N222188" s="10"/>
    </row>
    <row r="222189" spans="14:14">
      <c r="N222189" s="10"/>
    </row>
    <row r="222190" spans="14:14">
      <c r="N222190" s="10"/>
    </row>
    <row r="222191" spans="14:14">
      <c r="N222191" s="10"/>
    </row>
    <row r="222192" spans="14:14">
      <c r="N222192" s="10"/>
    </row>
    <row r="222193" spans="14:14">
      <c r="N222193" s="10"/>
    </row>
    <row r="222194" spans="14:14">
      <c r="N222194" s="10"/>
    </row>
    <row r="222195" spans="14:14">
      <c r="N222195" s="10"/>
    </row>
    <row r="222196" spans="14:14">
      <c r="N222196" s="10"/>
    </row>
    <row r="222197" spans="14:14">
      <c r="N222197" s="10"/>
    </row>
    <row r="222198" spans="14:14">
      <c r="N222198" s="10"/>
    </row>
    <row r="222199" spans="14:14">
      <c r="N222199" s="10"/>
    </row>
    <row r="222200" spans="14:14">
      <c r="N222200" s="10"/>
    </row>
    <row r="222201" spans="14:14">
      <c r="N222201" s="10"/>
    </row>
    <row r="222202" spans="14:14">
      <c r="N222202" s="10"/>
    </row>
    <row r="222203" spans="14:14">
      <c r="N222203" s="10"/>
    </row>
    <row r="222204" spans="14:14">
      <c r="N222204" s="10"/>
    </row>
    <row r="222205" spans="14:14">
      <c r="N222205" s="10"/>
    </row>
    <row r="222206" spans="14:14">
      <c r="N222206" s="10"/>
    </row>
    <row r="222207" spans="14:14">
      <c r="N222207" s="10"/>
    </row>
    <row r="222208" spans="14:14">
      <c r="N222208" s="10"/>
    </row>
    <row r="222209" spans="14:14">
      <c r="N222209" s="10"/>
    </row>
    <row r="222210" spans="14:14">
      <c r="N222210" s="10"/>
    </row>
    <row r="222211" spans="14:14">
      <c r="N222211" s="10"/>
    </row>
    <row r="222212" spans="14:14">
      <c r="N222212" s="10"/>
    </row>
    <row r="222213" spans="14:14">
      <c r="N222213" s="10"/>
    </row>
    <row r="222214" spans="14:14">
      <c r="N222214" s="10"/>
    </row>
    <row r="222215" spans="14:14">
      <c r="N222215" s="10"/>
    </row>
    <row r="222216" spans="14:14">
      <c r="N222216" s="10"/>
    </row>
    <row r="222217" spans="14:14">
      <c r="N222217" s="10"/>
    </row>
    <row r="222218" spans="14:14">
      <c r="N222218" s="10"/>
    </row>
    <row r="222219" spans="14:14">
      <c r="N222219" s="10"/>
    </row>
    <row r="222220" spans="14:14">
      <c r="N222220" s="10"/>
    </row>
    <row r="222221" spans="14:14">
      <c r="N222221" s="10"/>
    </row>
    <row r="222222" spans="14:14">
      <c r="N222222" s="10"/>
    </row>
    <row r="222223" spans="14:14">
      <c r="N222223" s="10"/>
    </row>
    <row r="222224" spans="14:14">
      <c r="N222224" s="10"/>
    </row>
    <row r="222225" spans="14:14">
      <c r="N222225" s="10"/>
    </row>
    <row r="222226" spans="14:14">
      <c r="N222226" s="10"/>
    </row>
    <row r="222227" spans="14:14">
      <c r="N222227" s="10"/>
    </row>
    <row r="222228" spans="14:14">
      <c r="N222228" s="10"/>
    </row>
    <row r="222229" spans="14:14">
      <c r="N222229" s="10"/>
    </row>
    <row r="222230" spans="14:14">
      <c r="N222230" s="10"/>
    </row>
    <row r="222231" spans="14:14">
      <c r="N222231" s="10"/>
    </row>
    <row r="222232" spans="14:14">
      <c r="N222232" s="10"/>
    </row>
    <row r="222233" spans="14:14">
      <c r="N222233" s="10"/>
    </row>
    <row r="222234" spans="14:14">
      <c r="N222234" s="10"/>
    </row>
    <row r="222235" spans="14:14">
      <c r="N222235" s="10"/>
    </row>
    <row r="222236" spans="14:14">
      <c r="N222236" s="10"/>
    </row>
    <row r="222237" spans="14:14">
      <c r="N222237" s="10"/>
    </row>
    <row r="222238" spans="14:14">
      <c r="N222238" s="10"/>
    </row>
    <row r="222239" spans="14:14">
      <c r="N222239" s="10"/>
    </row>
    <row r="222240" spans="14:14">
      <c r="N222240" s="10"/>
    </row>
    <row r="222241" spans="14:14">
      <c r="N222241" s="10"/>
    </row>
    <row r="222242" spans="14:14">
      <c r="N222242" s="10"/>
    </row>
    <row r="222243" spans="14:14">
      <c r="N222243" s="10"/>
    </row>
    <row r="222244" spans="14:14">
      <c r="N222244" s="10"/>
    </row>
    <row r="222245" spans="14:14">
      <c r="N222245" s="10"/>
    </row>
    <row r="222246" spans="14:14">
      <c r="N222246" s="10"/>
    </row>
    <row r="222247" spans="14:14">
      <c r="N222247" s="10"/>
    </row>
    <row r="222248" spans="14:14">
      <c r="N222248" s="10"/>
    </row>
    <row r="222249" spans="14:14">
      <c r="N222249" s="10"/>
    </row>
    <row r="222250" spans="14:14">
      <c r="N222250" s="10"/>
    </row>
    <row r="222251" spans="14:14">
      <c r="N222251" s="10"/>
    </row>
    <row r="222252" spans="14:14">
      <c r="N222252" s="10"/>
    </row>
    <row r="222253" spans="14:14">
      <c r="N222253" s="10"/>
    </row>
    <row r="222254" spans="14:14">
      <c r="N222254" s="10"/>
    </row>
    <row r="222255" spans="14:14">
      <c r="N222255" s="10"/>
    </row>
    <row r="222256" spans="14:14">
      <c r="N222256" s="10"/>
    </row>
    <row r="222257" spans="14:14">
      <c r="N222257" s="10"/>
    </row>
    <row r="222258" spans="14:14">
      <c r="N222258" s="10"/>
    </row>
    <row r="222259" spans="14:14">
      <c r="N222259" s="10"/>
    </row>
    <row r="222260" spans="14:14">
      <c r="N222260" s="10"/>
    </row>
    <row r="222261" spans="14:14">
      <c r="N222261" s="10"/>
    </row>
    <row r="222262" spans="14:14">
      <c r="N222262" s="10"/>
    </row>
    <row r="222263" spans="14:14">
      <c r="N222263" s="10"/>
    </row>
    <row r="222264" spans="14:14">
      <c r="N222264" s="10"/>
    </row>
    <row r="222265" spans="14:14">
      <c r="N222265" s="10"/>
    </row>
    <row r="222266" spans="14:14">
      <c r="N222266" s="10"/>
    </row>
    <row r="222267" spans="14:14">
      <c r="N222267" s="10"/>
    </row>
    <row r="222268" spans="14:14">
      <c r="N222268" s="10"/>
    </row>
    <row r="222269" spans="14:14">
      <c r="N222269" s="10"/>
    </row>
    <row r="222270" spans="14:14">
      <c r="N222270" s="10"/>
    </row>
    <row r="222271" spans="14:14">
      <c r="N222271" s="10"/>
    </row>
    <row r="222272" spans="14:14">
      <c r="N222272" s="10"/>
    </row>
    <row r="222273" spans="14:14">
      <c r="N222273" s="10"/>
    </row>
    <row r="222274" spans="14:14">
      <c r="N222274" s="10"/>
    </row>
    <row r="222275" spans="14:14">
      <c r="N222275" s="10"/>
    </row>
    <row r="222276" spans="14:14">
      <c r="N222276" s="10"/>
    </row>
    <row r="222277" spans="14:14">
      <c r="N222277" s="10"/>
    </row>
    <row r="222278" spans="14:14">
      <c r="N222278" s="10"/>
    </row>
    <row r="222279" spans="14:14">
      <c r="N222279" s="10"/>
    </row>
    <row r="222280" spans="14:14">
      <c r="N222280" s="10"/>
    </row>
    <row r="222281" spans="14:14">
      <c r="N222281" s="10"/>
    </row>
    <row r="222282" spans="14:14">
      <c r="N222282" s="10"/>
    </row>
    <row r="222283" spans="14:14">
      <c r="N222283" s="10"/>
    </row>
    <row r="222284" spans="14:14">
      <c r="N222284" s="10"/>
    </row>
    <row r="222285" spans="14:14">
      <c r="N222285" s="10"/>
    </row>
    <row r="222286" spans="14:14">
      <c r="N222286" s="10"/>
    </row>
    <row r="222287" spans="14:14">
      <c r="N222287" s="10"/>
    </row>
    <row r="222288" spans="14:14">
      <c r="N222288" s="10"/>
    </row>
    <row r="222289" spans="14:14">
      <c r="N222289" s="10"/>
    </row>
    <row r="222290" spans="14:14">
      <c r="N222290" s="10"/>
    </row>
    <row r="222291" spans="14:14">
      <c r="N222291" s="10"/>
    </row>
    <row r="222292" spans="14:14">
      <c r="N222292" s="10"/>
    </row>
    <row r="222293" spans="14:14">
      <c r="N222293" s="10"/>
    </row>
    <row r="222294" spans="14:14">
      <c r="N222294" s="10"/>
    </row>
    <row r="222295" spans="14:14">
      <c r="N222295" s="10"/>
    </row>
    <row r="222296" spans="14:14">
      <c r="N222296" s="10"/>
    </row>
    <row r="222297" spans="14:14">
      <c r="N222297" s="10"/>
    </row>
    <row r="222298" spans="14:14">
      <c r="N222298" s="10"/>
    </row>
    <row r="222299" spans="14:14">
      <c r="N222299" s="10"/>
    </row>
    <row r="222300" spans="14:14">
      <c r="N222300" s="10"/>
    </row>
    <row r="222301" spans="14:14">
      <c r="N222301" s="10"/>
    </row>
    <row r="222302" spans="14:14">
      <c r="N222302" s="10"/>
    </row>
    <row r="222303" spans="14:14">
      <c r="N222303" s="10"/>
    </row>
    <row r="222304" spans="14:14">
      <c r="N222304" s="10"/>
    </row>
    <row r="222305" spans="14:14">
      <c r="N222305" s="10"/>
    </row>
    <row r="222306" spans="14:14">
      <c r="N222306" s="10"/>
    </row>
    <row r="222307" spans="14:14">
      <c r="N222307" s="10"/>
    </row>
    <row r="222308" spans="14:14">
      <c r="N222308" s="10"/>
    </row>
    <row r="222309" spans="14:14">
      <c r="N222309" s="10"/>
    </row>
    <row r="222310" spans="14:14">
      <c r="N222310" s="10"/>
    </row>
    <row r="222311" spans="14:14">
      <c r="N222311" s="10"/>
    </row>
    <row r="222312" spans="14:14">
      <c r="N222312" s="10"/>
    </row>
    <row r="222313" spans="14:14">
      <c r="N222313" s="10"/>
    </row>
    <row r="222314" spans="14:14">
      <c r="N222314" s="10"/>
    </row>
    <row r="222315" spans="14:14">
      <c r="N222315" s="10"/>
    </row>
    <row r="222316" spans="14:14">
      <c r="N222316" s="10"/>
    </row>
    <row r="222317" spans="14:14">
      <c r="N222317" s="10"/>
    </row>
    <row r="222318" spans="14:14">
      <c r="N222318" s="10"/>
    </row>
    <row r="222319" spans="14:14">
      <c r="N222319" s="10"/>
    </row>
    <row r="222320" spans="14:14">
      <c r="N222320" s="10"/>
    </row>
    <row r="222321" spans="14:14">
      <c r="N222321" s="10"/>
    </row>
    <row r="222322" spans="14:14">
      <c r="N222322" s="10"/>
    </row>
    <row r="222323" spans="14:14">
      <c r="N222323" s="10"/>
    </row>
    <row r="222324" spans="14:14">
      <c r="N222324" s="10"/>
    </row>
    <row r="222325" spans="14:14">
      <c r="N222325" s="10"/>
    </row>
    <row r="222326" spans="14:14">
      <c r="N222326" s="10"/>
    </row>
    <row r="222327" spans="14:14">
      <c r="N222327" s="10"/>
    </row>
    <row r="222328" spans="14:14">
      <c r="N222328" s="10"/>
    </row>
    <row r="222329" spans="14:14">
      <c r="N222329" s="10"/>
    </row>
    <row r="222330" spans="14:14">
      <c r="N222330" s="10"/>
    </row>
    <row r="222331" spans="14:14">
      <c r="N222331" s="10"/>
    </row>
    <row r="222332" spans="14:14">
      <c r="N222332" s="10"/>
    </row>
    <row r="222333" spans="14:14">
      <c r="N222333" s="10"/>
    </row>
    <row r="222334" spans="14:14">
      <c r="N222334" s="10"/>
    </row>
    <row r="222335" spans="14:14">
      <c r="N222335" s="10"/>
    </row>
    <row r="222336" spans="14:14">
      <c r="N222336" s="10"/>
    </row>
    <row r="222337" spans="14:14">
      <c r="N222337" s="10"/>
    </row>
    <row r="222338" spans="14:14">
      <c r="N222338" s="10"/>
    </row>
    <row r="222339" spans="14:14">
      <c r="N222339" s="10"/>
    </row>
    <row r="222340" spans="14:14">
      <c r="N222340" s="10"/>
    </row>
    <row r="222341" spans="14:14">
      <c r="N222341" s="10"/>
    </row>
    <row r="222342" spans="14:14">
      <c r="N222342" s="10"/>
    </row>
    <row r="222343" spans="14:14">
      <c r="N222343" s="10"/>
    </row>
    <row r="222344" spans="14:14">
      <c r="N222344" s="10"/>
    </row>
    <row r="222345" spans="14:14">
      <c r="N222345" s="10"/>
    </row>
    <row r="222346" spans="14:14">
      <c r="N222346" s="10"/>
    </row>
    <row r="222347" spans="14:14">
      <c r="N222347" s="10"/>
    </row>
    <row r="222348" spans="14:14">
      <c r="N222348" s="10"/>
    </row>
    <row r="222349" spans="14:14">
      <c r="N222349" s="10"/>
    </row>
    <row r="222350" spans="14:14">
      <c r="N222350" s="10"/>
    </row>
    <row r="222351" spans="14:14">
      <c r="N222351" s="10"/>
    </row>
    <row r="222352" spans="14:14">
      <c r="N222352" s="10"/>
    </row>
    <row r="222353" spans="14:14">
      <c r="N222353" s="10"/>
    </row>
    <row r="222354" spans="14:14">
      <c r="N222354" s="10"/>
    </row>
    <row r="222355" spans="14:14">
      <c r="N222355" s="10"/>
    </row>
    <row r="222356" spans="14:14">
      <c r="N222356" s="10"/>
    </row>
    <row r="222357" spans="14:14">
      <c r="N222357" s="10"/>
    </row>
    <row r="222358" spans="14:14">
      <c r="N222358" s="10"/>
    </row>
    <row r="222359" spans="14:14">
      <c r="N222359" s="10"/>
    </row>
    <row r="222360" spans="14:14">
      <c r="N222360" s="10"/>
    </row>
    <row r="222361" spans="14:14">
      <c r="N222361" s="10"/>
    </row>
    <row r="222362" spans="14:14">
      <c r="N222362" s="10"/>
    </row>
    <row r="222363" spans="14:14">
      <c r="N222363" s="10"/>
    </row>
    <row r="222364" spans="14:14">
      <c r="N222364" s="10"/>
    </row>
    <row r="222365" spans="14:14">
      <c r="N222365" s="10"/>
    </row>
    <row r="222366" spans="14:14">
      <c r="N222366" s="10"/>
    </row>
    <row r="222367" spans="14:14">
      <c r="N222367" s="10"/>
    </row>
    <row r="222368" spans="14:14">
      <c r="N222368" s="10"/>
    </row>
    <row r="222369" spans="14:14">
      <c r="N222369" s="10"/>
    </row>
    <row r="222370" spans="14:14">
      <c r="N222370" s="10"/>
    </row>
    <row r="222371" spans="14:14">
      <c r="N222371" s="10"/>
    </row>
    <row r="222372" spans="14:14">
      <c r="N222372" s="10"/>
    </row>
    <row r="222373" spans="14:14">
      <c r="N222373" s="10"/>
    </row>
    <row r="222374" spans="14:14">
      <c r="N222374" s="10"/>
    </row>
    <row r="222375" spans="14:14">
      <c r="N222375" s="10"/>
    </row>
    <row r="222376" spans="14:14">
      <c r="N222376" s="10"/>
    </row>
    <row r="222377" spans="14:14">
      <c r="N222377" s="10"/>
    </row>
    <row r="222378" spans="14:14">
      <c r="N222378" s="10"/>
    </row>
    <row r="222379" spans="14:14">
      <c r="N222379" s="10"/>
    </row>
    <row r="222380" spans="14:14">
      <c r="N222380" s="10"/>
    </row>
    <row r="222381" spans="14:14">
      <c r="N222381" s="10"/>
    </row>
    <row r="222382" spans="14:14">
      <c r="N222382" s="10"/>
    </row>
    <row r="222383" spans="14:14">
      <c r="N222383" s="10"/>
    </row>
    <row r="222384" spans="14:14">
      <c r="N222384" s="10"/>
    </row>
    <row r="222385" spans="14:14">
      <c r="N222385" s="10"/>
    </row>
    <row r="222386" spans="14:14">
      <c r="N222386" s="10"/>
    </row>
    <row r="222387" spans="14:14">
      <c r="N222387" s="10"/>
    </row>
    <row r="222388" spans="14:14">
      <c r="N222388" s="10"/>
    </row>
    <row r="222389" spans="14:14">
      <c r="N222389" s="10"/>
    </row>
    <row r="222390" spans="14:14">
      <c r="N222390" s="10"/>
    </row>
    <row r="222391" spans="14:14">
      <c r="N222391" s="10"/>
    </row>
    <row r="222392" spans="14:14">
      <c r="N222392" s="10"/>
    </row>
    <row r="222393" spans="14:14">
      <c r="N222393" s="10"/>
    </row>
    <row r="222394" spans="14:14">
      <c r="N222394" s="10"/>
    </row>
    <row r="222395" spans="14:14">
      <c r="N222395" s="10"/>
    </row>
    <row r="222396" spans="14:14">
      <c r="N222396" s="10"/>
    </row>
    <row r="222397" spans="14:14">
      <c r="N222397" s="10"/>
    </row>
    <row r="222398" spans="14:14">
      <c r="N222398" s="10"/>
    </row>
    <row r="222399" spans="14:14">
      <c r="N222399" s="10"/>
    </row>
    <row r="222400" spans="14:14">
      <c r="N222400" s="10"/>
    </row>
    <row r="222401" spans="14:14">
      <c r="N222401" s="10"/>
    </row>
    <row r="222402" spans="14:14">
      <c r="N222402" s="10"/>
    </row>
    <row r="222403" spans="14:14">
      <c r="N222403" s="10"/>
    </row>
    <row r="222404" spans="14:14">
      <c r="N222404" s="10"/>
    </row>
    <row r="222405" spans="14:14">
      <c r="N222405" s="10"/>
    </row>
    <row r="222406" spans="14:14">
      <c r="N222406" s="10"/>
    </row>
    <row r="222407" spans="14:14">
      <c r="N222407" s="10"/>
    </row>
    <row r="222408" spans="14:14">
      <c r="N222408" s="10"/>
    </row>
    <row r="222409" spans="14:14">
      <c r="N222409" s="10"/>
    </row>
    <row r="222410" spans="14:14">
      <c r="N222410" s="10"/>
    </row>
    <row r="222411" spans="14:14">
      <c r="N222411" s="10"/>
    </row>
    <row r="222412" spans="14:14">
      <c r="N222412" s="10"/>
    </row>
    <row r="222413" spans="14:14">
      <c r="N222413" s="10"/>
    </row>
    <row r="222414" spans="14:14">
      <c r="N222414" s="10"/>
    </row>
    <row r="222415" spans="14:14">
      <c r="N222415" s="10"/>
    </row>
    <row r="222416" spans="14:14">
      <c r="N222416" s="10"/>
    </row>
    <row r="222417" spans="14:14">
      <c r="N222417" s="10"/>
    </row>
    <row r="222418" spans="14:14">
      <c r="N222418" s="10"/>
    </row>
    <row r="222419" spans="14:14">
      <c r="N222419" s="10"/>
    </row>
    <row r="222420" spans="14:14">
      <c r="N222420" s="10"/>
    </row>
    <row r="222421" spans="14:14">
      <c r="N222421" s="10"/>
    </row>
    <row r="222422" spans="14:14">
      <c r="N222422" s="10"/>
    </row>
    <row r="222423" spans="14:14">
      <c r="N222423" s="10"/>
    </row>
    <row r="222424" spans="14:14">
      <c r="N222424" s="10"/>
    </row>
    <row r="222425" spans="14:14">
      <c r="N222425" s="10"/>
    </row>
    <row r="222426" spans="14:14">
      <c r="N222426" s="10"/>
    </row>
    <row r="222427" spans="14:14">
      <c r="N222427" s="10"/>
    </row>
    <row r="222428" spans="14:14">
      <c r="N222428" s="10"/>
    </row>
    <row r="222429" spans="14:14">
      <c r="N222429" s="10"/>
    </row>
    <row r="222430" spans="14:14">
      <c r="N222430" s="10"/>
    </row>
    <row r="222431" spans="14:14">
      <c r="N222431" s="10"/>
    </row>
    <row r="222432" spans="14:14">
      <c r="N222432" s="10"/>
    </row>
    <row r="222433" spans="14:14">
      <c r="N222433" s="10"/>
    </row>
    <row r="222434" spans="14:14">
      <c r="N222434" s="10"/>
    </row>
    <row r="222435" spans="14:14">
      <c r="N222435" s="10"/>
    </row>
    <row r="222436" spans="14:14">
      <c r="N222436" s="10"/>
    </row>
    <row r="222437" spans="14:14">
      <c r="N222437" s="10"/>
    </row>
    <row r="222438" spans="14:14">
      <c r="N222438" s="10"/>
    </row>
    <row r="222439" spans="14:14">
      <c r="N222439" s="10"/>
    </row>
    <row r="222440" spans="14:14">
      <c r="N222440" s="10"/>
    </row>
    <row r="222441" spans="14:14">
      <c r="N222441" s="10"/>
    </row>
    <row r="222442" spans="14:14">
      <c r="N222442" s="10"/>
    </row>
    <row r="222443" spans="14:14">
      <c r="N222443" s="10"/>
    </row>
    <row r="222444" spans="14:14">
      <c r="N222444" s="10"/>
    </row>
    <row r="222445" spans="14:14">
      <c r="N222445" s="10"/>
    </row>
    <row r="222446" spans="14:14">
      <c r="N222446" s="10"/>
    </row>
    <row r="222447" spans="14:14">
      <c r="N222447" s="10"/>
    </row>
    <row r="222448" spans="14:14">
      <c r="N222448" s="10"/>
    </row>
    <row r="222449" spans="14:14">
      <c r="N222449" s="10"/>
    </row>
    <row r="222450" spans="14:14">
      <c r="N222450" s="10"/>
    </row>
    <row r="222451" spans="14:14">
      <c r="N222451" s="10"/>
    </row>
    <row r="222452" spans="14:14">
      <c r="N222452" s="10"/>
    </row>
    <row r="222453" spans="14:14">
      <c r="N222453" s="10"/>
    </row>
    <row r="222454" spans="14:14">
      <c r="N222454" s="10"/>
    </row>
    <row r="222455" spans="14:14">
      <c r="N222455" s="10"/>
    </row>
    <row r="222456" spans="14:14">
      <c r="N222456" s="10"/>
    </row>
    <row r="222457" spans="14:14">
      <c r="N222457" s="10"/>
    </row>
    <row r="222458" spans="14:14">
      <c r="N222458" s="10"/>
    </row>
    <row r="222459" spans="14:14">
      <c r="N222459" s="10"/>
    </row>
    <row r="222460" spans="14:14">
      <c r="N222460" s="10"/>
    </row>
    <row r="222461" spans="14:14">
      <c r="N222461" s="10"/>
    </row>
    <row r="222462" spans="14:14">
      <c r="N222462" s="10"/>
    </row>
    <row r="222463" spans="14:14">
      <c r="N222463" s="10"/>
    </row>
    <row r="222464" spans="14:14">
      <c r="N222464" s="10"/>
    </row>
    <row r="222465" spans="14:14">
      <c r="N222465" s="10"/>
    </row>
    <row r="222466" spans="14:14">
      <c r="N222466" s="10"/>
    </row>
    <row r="222467" spans="14:14">
      <c r="N222467" s="10"/>
    </row>
    <row r="222468" spans="14:14">
      <c r="N222468" s="10"/>
    </row>
    <row r="222469" spans="14:14">
      <c r="N222469" s="10"/>
    </row>
    <row r="222470" spans="14:14">
      <c r="N222470" s="10"/>
    </row>
    <row r="222471" spans="14:14">
      <c r="N222471" s="10"/>
    </row>
    <row r="222472" spans="14:14">
      <c r="N222472" s="10"/>
    </row>
    <row r="222473" spans="14:14">
      <c r="N222473" s="10"/>
    </row>
    <row r="222474" spans="14:14">
      <c r="N222474" s="10"/>
    </row>
    <row r="222475" spans="14:14">
      <c r="N222475" s="10"/>
    </row>
    <row r="222476" spans="14:14">
      <c r="N222476" s="10"/>
    </row>
    <row r="222477" spans="14:14">
      <c r="N222477" s="10"/>
    </row>
    <row r="222478" spans="14:14">
      <c r="N222478" s="10"/>
    </row>
    <row r="222479" spans="14:14">
      <c r="N222479" s="10"/>
    </row>
    <row r="222480" spans="14:14">
      <c r="N222480" s="10"/>
    </row>
    <row r="222481" spans="14:14">
      <c r="N222481" s="10"/>
    </row>
    <row r="222482" spans="14:14">
      <c r="N222482" s="10"/>
    </row>
    <row r="222483" spans="14:14">
      <c r="N222483" s="10"/>
    </row>
    <row r="222484" spans="14:14">
      <c r="N222484" s="10"/>
    </row>
    <row r="222485" spans="14:14">
      <c r="N222485" s="10"/>
    </row>
    <row r="222486" spans="14:14">
      <c r="N222486" s="10"/>
    </row>
    <row r="222487" spans="14:14">
      <c r="N222487" s="10"/>
    </row>
    <row r="222488" spans="14:14">
      <c r="N222488" s="10"/>
    </row>
    <row r="222489" spans="14:14">
      <c r="N222489" s="10"/>
    </row>
    <row r="222490" spans="14:14">
      <c r="N222490" s="10"/>
    </row>
    <row r="222491" spans="14:14">
      <c r="N222491" s="10"/>
    </row>
    <row r="222492" spans="14:14">
      <c r="N222492" s="10"/>
    </row>
    <row r="222493" spans="14:14">
      <c r="N222493" s="10"/>
    </row>
    <row r="222494" spans="14:14">
      <c r="N222494" s="10"/>
    </row>
    <row r="222495" spans="14:14">
      <c r="N222495" s="10"/>
    </row>
    <row r="222496" spans="14:14">
      <c r="N222496" s="10"/>
    </row>
    <row r="222497" spans="14:14">
      <c r="N222497" s="10"/>
    </row>
    <row r="222498" spans="14:14">
      <c r="N222498" s="10"/>
    </row>
    <row r="222499" spans="14:14">
      <c r="N222499" s="10"/>
    </row>
    <row r="222500" spans="14:14">
      <c r="N222500" s="10"/>
    </row>
    <row r="222501" spans="14:14">
      <c r="N222501" s="10"/>
    </row>
    <row r="222502" spans="14:14">
      <c r="N222502" s="10"/>
    </row>
    <row r="222503" spans="14:14">
      <c r="N222503" s="10"/>
    </row>
    <row r="222504" spans="14:14">
      <c r="N222504" s="10"/>
    </row>
    <row r="222505" spans="14:14">
      <c r="N222505" s="10"/>
    </row>
    <row r="222506" spans="14:14">
      <c r="N222506" s="10"/>
    </row>
    <row r="222507" spans="14:14">
      <c r="N222507" s="10"/>
    </row>
    <row r="222508" spans="14:14">
      <c r="N222508" s="10"/>
    </row>
    <row r="222509" spans="14:14">
      <c r="N222509" s="10"/>
    </row>
    <row r="222510" spans="14:14">
      <c r="N222510" s="10"/>
    </row>
    <row r="222511" spans="14:14">
      <c r="N222511" s="10"/>
    </row>
    <row r="222512" spans="14:14">
      <c r="N222512" s="10"/>
    </row>
    <row r="222513" spans="14:14">
      <c r="N222513" s="10"/>
    </row>
    <row r="222514" spans="14:14">
      <c r="N222514" s="10"/>
    </row>
    <row r="222515" spans="14:14">
      <c r="N222515" s="10"/>
    </row>
    <row r="222516" spans="14:14">
      <c r="N222516" s="10"/>
    </row>
    <row r="222517" spans="14:14">
      <c r="N222517" s="10"/>
    </row>
    <row r="222518" spans="14:14">
      <c r="N222518" s="10"/>
    </row>
    <row r="222519" spans="14:14">
      <c r="N222519" s="10"/>
    </row>
    <row r="222520" spans="14:14">
      <c r="N222520" s="10"/>
    </row>
    <row r="222521" spans="14:14">
      <c r="N222521" s="10"/>
    </row>
    <row r="222522" spans="14:14">
      <c r="N222522" s="10"/>
    </row>
    <row r="222523" spans="14:14">
      <c r="N222523" s="10"/>
    </row>
    <row r="222524" spans="14:14">
      <c r="N222524" s="10"/>
    </row>
    <row r="222525" spans="14:14">
      <c r="N222525" s="10"/>
    </row>
    <row r="222526" spans="14:14">
      <c r="N222526" s="10"/>
    </row>
    <row r="222527" spans="14:14">
      <c r="N222527" s="10"/>
    </row>
    <row r="222528" spans="14:14">
      <c r="N222528" s="10"/>
    </row>
    <row r="222529" spans="14:14">
      <c r="N222529" s="10"/>
    </row>
    <row r="222530" spans="14:14">
      <c r="N222530" s="10"/>
    </row>
    <row r="222531" spans="14:14">
      <c r="N222531" s="10"/>
    </row>
    <row r="222532" spans="14:14">
      <c r="N222532" s="10"/>
    </row>
    <row r="222533" spans="14:14">
      <c r="N222533" s="10"/>
    </row>
    <row r="222534" spans="14:14">
      <c r="N222534" s="10"/>
    </row>
    <row r="222535" spans="14:14">
      <c r="N222535" s="10"/>
    </row>
    <row r="222536" spans="14:14">
      <c r="N222536" s="10"/>
    </row>
    <row r="222537" spans="14:14">
      <c r="N222537" s="10"/>
    </row>
    <row r="222538" spans="14:14">
      <c r="N222538" s="10"/>
    </row>
    <row r="222539" spans="14:14">
      <c r="N222539" s="10"/>
    </row>
    <row r="222540" spans="14:14">
      <c r="N222540" s="10"/>
    </row>
    <row r="222541" spans="14:14">
      <c r="N222541" s="10"/>
    </row>
    <row r="222542" spans="14:14">
      <c r="N222542" s="10"/>
    </row>
    <row r="222543" spans="14:14">
      <c r="N222543" s="10"/>
    </row>
    <row r="222544" spans="14:14">
      <c r="N222544" s="10"/>
    </row>
    <row r="222545" spans="14:14">
      <c r="N222545" s="10"/>
    </row>
    <row r="222546" spans="14:14">
      <c r="N222546" s="10"/>
    </row>
    <row r="222547" spans="14:14">
      <c r="N222547" s="10"/>
    </row>
    <row r="222548" spans="14:14">
      <c r="N222548" s="10"/>
    </row>
    <row r="222549" spans="14:14">
      <c r="N222549" s="10"/>
    </row>
    <row r="222550" spans="14:14">
      <c r="N222550" s="10"/>
    </row>
    <row r="222551" spans="14:14">
      <c r="N222551" s="10"/>
    </row>
    <row r="222552" spans="14:14">
      <c r="N222552" s="10"/>
    </row>
    <row r="222553" spans="14:14">
      <c r="N222553" s="10"/>
    </row>
    <row r="222554" spans="14:14">
      <c r="N222554" s="10"/>
    </row>
    <row r="222555" spans="14:14">
      <c r="N222555" s="10"/>
    </row>
    <row r="222556" spans="14:14">
      <c r="N222556" s="10"/>
    </row>
    <row r="222557" spans="14:14">
      <c r="N222557" s="10"/>
    </row>
    <row r="222558" spans="14:14">
      <c r="N222558" s="10"/>
    </row>
    <row r="222559" spans="14:14">
      <c r="N222559" s="10"/>
    </row>
    <row r="222560" spans="14:14">
      <c r="N222560" s="10"/>
    </row>
    <row r="222561" spans="14:14">
      <c r="N222561" s="10"/>
    </row>
    <row r="222562" spans="14:14">
      <c r="N222562" s="10"/>
    </row>
    <row r="222563" spans="14:14">
      <c r="N222563" s="10"/>
    </row>
    <row r="222564" spans="14:14">
      <c r="N222564" s="10"/>
    </row>
    <row r="222565" spans="14:14">
      <c r="N222565" s="10"/>
    </row>
    <row r="222566" spans="14:14">
      <c r="N222566" s="10"/>
    </row>
    <row r="222567" spans="14:14">
      <c r="N222567" s="10"/>
    </row>
    <row r="222568" spans="14:14">
      <c r="N222568" s="10"/>
    </row>
    <row r="222569" spans="14:14">
      <c r="N222569" s="10"/>
    </row>
    <row r="222570" spans="14:14">
      <c r="N222570" s="10"/>
    </row>
    <row r="222571" spans="14:14">
      <c r="N222571" s="10"/>
    </row>
    <row r="222572" spans="14:14">
      <c r="N222572" s="10"/>
    </row>
    <row r="222573" spans="14:14">
      <c r="N222573" s="10"/>
    </row>
    <row r="222574" spans="14:14">
      <c r="N222574" s="10"/>
    </row>
    <row r="222575" spans="14:14">
      <c r="N222575" s="10"/>
    </row>
    <row r="222576" spans="14:14">
      <c r="N222576" s="10"/>
    </row>
    <row r="222577" spans="14:14">
      <c r="N222577" s="10"/>
    </row>
    <row r="222578" spans="14:14">
      <c r="N222578" s="10"/>
    </row>
    <row r="222579" spans="14:14">
      <c r="N222579" s="10"/>
    </row>
    <row r="222580" spans="14:14">
      <c r="N222580" s="10"/>
    </row>
    <row r="222581" spans="14:14">
      <c r="N222581" s="10"/>
    </row>
    <row r="222582" spans="14:14">
      <c r="N222582" s="10"/>
    </row>
    <row r="222583" spans="14:14">
      <c r="N222583" s="10"/>
    </row>
    <row r="222584" spans="14:14">
      <c r="N222584" s="10"/>
    </row>
    <row r="222585" spans="14:14">
      <c r="N222585" s="10"/>
    </row>
    <row r="222586" spans="14:14">
      <c r="N222586" s="10"/>
    </row>
    <row r="222587" spans="14:14">
      <c r="N222587" s="10"/>
    </row>
    <row r="222588" spans="14:14">
      <c r="N222588" s="10"/>
    </row>
    <row r="222589" spans="14:14">
      <c r="N222589" s="10"/>
    </row>
    <row r="222590" spans="14:14">
      <c r="N222590" s="10"/>
    </row>
    <row r="222591" spans="14:14">
      <c r="N222591" s="10"/>
    </row>
    <row r="222592" spans="14:14">
      <c r="N222592" s="10"/>
    </row>
    <row r="222593" spans="14:14">
      <c r="N222593" s="10"/>
    </row>
    <row r="222594" spans="14:14">
      <c r="N222594" s="10"/>
    </row>
    <row r="222595" spans="14:14">
      <c r="N222595" s="10"/>
    </row>
    <row r="222596" spans="14:14">
      <c r="N222596" s="10"/>
    </row>
    <row r="222597" spans="14:14">
      <c r="N222597" s="10"/>
    </row>
    <row r="222598" spans="14:14">
      <c r="N222598" s="10"/>
    </row>
    <row r="222599" spans="14:14">
      <c r="N222599" s="10"/>
    </row>
    <row r="222600" spans="14:14">
      <c r="N222600" s="10"/>
    </row>
    <row r="222601" spans="14:14">
      <c r="N222601" s="10"/>
    </row>
    <row r="222602" spans="14:14">
      <c r="N222602" s="10"/>
    </row>
    <row r="222603" spans="14:14">
      <c r="N222603" s="10"/>
    </row>
    <row r="222604" spans="14:14">
      <c r="N222604" s="10"/>
    </row>
    <row r="222605" spans="14:14">
      <c r="N222605" s="10"/>
    </row>
    <row r="222606" spans="14:14">
      <c r="N222606" s="10"/>
    </row>
    <row r="222607" spans="14:14">
      <c r="N222607" s="10"/>
    </row>
    <row r="222608" spans="14:14">
      <c r="N222608" s="10"/>
    </row>
    <row r="222609" spans="14:14">
      <c r="N222609" s="10"/>
    </row>
    <row r="222610" spans="14:14">
      <c r="N222610" s="10"/>
    </row>
    <row r="222611" spans="14:14">
      <c r="N222611" s="10"/>
    </row>
    <row r="222612" spans="14:14">
      <c r="N222612" s="10"/>
    </row>
    <row r="222613" spans="14:14">
      <c r="N222613" s="10"/>
    </row>
    <row r="222614" spans="14:14">
      <c r="N222614" s="10"/>
    </row>
    <row r="222615" spans="14:14">
      <c r="N222615" s="10"/>
    </row>
    <row r="222616" spans="14:14">
      <c r="N222616" s="10"/>
    </row>
    <row r="222617" spans="14:14">
      <c r="N222617" s="10"/>
    </row>
    <row r="222618" spans="14:14">
      <c r="N222618" s="10"/>
    </row>
    <row r="222619" spans="14:14">
      <c r="N222619" s="10"/>
    </row>
    <row r="222620" spans="14:14">
      <c r="N222620" s="10"/>
    </row>
    <row r="222621" spans="14:14">
      <c r="N222621" s="10"/>
    </row>
    <row r="222622" spans="14:14">
      <c r="N222622" s="10"/>
    </row>
    <row r="222623" spans="14:14">
      <c r="N222623" s="10"/>
    </row>
    <row r="222624" spans="14:14">
      <c r="N222624" s="10"/>
    </row>
    <row r="222625" spans="14:14">
      <c r="N222625" s="10"/>
    </row>
    <row r="222626" spans="14:14">
      <c r="N222626" s="10"/>
    </row>
    <row r="222627" spans="14:14">
      <c r="N222627" s="10"/>
    </row>
    <row r="222628" spans="14:14">
      <c r="N222628" s="10"/>
    </row>
    <row r="222629" spans="14:14">
      <c r="N222629" s="10"/>
    </row>
    <row r="222630" spans="14:14">
      <c r="N222630" s="10"/>
    </row>
    <row r="222631" spans="14:14">
      <c r="N222631" s="10"/>
    </row>
    <row r="222632" spans="14:14">
      <c r="N222632" s="10"/>
    </row>
    <row r="222633" spans="14:14">
      <c r="N222633" s="10"/>
    </row>
    <row r="222634" spans="14:14">
      <c r="N222634" s="10"/>
    </row>
    <row r="222635" spans="14:14">
      <c r="N222635" s="10"/>
    </row>
    <row r="222636" spans="14:14">
      <c r="N222636" s="10"/>
    </row>
    <row r="222637" spans="14:14">
      <c r="N222637" s="10"/>
    </row>
    <row r="222638" spans="14:14">
      <c r="N222638" s="10"/>
    </row>
    <row r="222639" spans="14:14">
      <c r="N222639" s="10"/>
    </row>
    <row r="222640" spans="14:14">
      <c r="N222640" s="10"/>
    </row>
    <row r="222641" spans="14:14">
      <c r="N222641" s="10"/>
    </row>
    <row r="222642" spans="14:14">
      <c r="N222642" s="10"/>
    </row>
    <row r="222643" spans="14:14">
      <c r="N222643" s="10"/>
    </row>
    <row r="222644" spans="14:14">
      <c r="N222644" s="10"/>
    </row>
    <row r="222645" spans="14:14">
      <c r="N222645" s="10"/>
    </row>
    <row r="222646" spans="14:14">
      <c r="N222646" s="10"/>
    </row>
    <row r="222647" spans="14:14">
      <c r="N222647" s="10"/>
    </row>
    <row r="222648" spans="14:14">
      <c r="N222648" s="10"/>
    </row>
    <row r="222649" spans="14:14">
      <c r="N222649" s="10"/>
    </row>
    <row r="222650" spans="14:14">
      <c r="N222650" s="10"/>
    </row>
    <row r="222651" spans="14:14">
      <c r="N222651" s="10"/>
    </row>
    <row r="222652" spans="14:14">
      <c r="N222652" s="10"/>
    </row>
    <row r="222653" spans="14:14">
      <c r="N222653" s="10"/>
    </row>
    <row r="222654" spans="14:14">
      <c r="N222654" s="10"/>
    </row>
    <row r="222655" spans="14:14">
      <c r="N222655" s="10"/>
    </row>
    <row r="222656" spans="14:14">
      <c r="N222656" s="10"/>
    </row>
    <row r="222657" spans="14:14">
      <c r="N222657" s="10"/>
    </row>
    <row r="222658" spans="14:14">
      <c r="N222658" s="10"/>
    </row>
    <row r="222659" spans="14:14">
      <c r="N222659" s="10"/>
    </row>
    <row r="222660" spans="14:14">
      <c r="N222660" s="10"/>
    </row>
    <row r="222661" spans="14:14">
      <c r="N222661" s="10"/>
    </row>
    <row r="222662" spans="14:14">
      <c r="N222662" s="10"/>
    </row>
    <row r="222663" spans="14:14">
      <c r="N222663" s="10"/>
    </row>
    <row r="222664" spans="14:14">
      <c r="N222664" s="10"/>
    </row>
    <row r="222665" spans="14:14">
      <c r="N222665" s="10"/>
    </row>
    <row r="222666" spans="14:14">
      <c r="N222666" s="10"/>
    </row>
    <row r="222667" spans="14:14">
      <c r="N222667" s="10"/>
    </row>
    <row r="222668" spans="14:14">
      <c r="N222668" s="10"/>
    </row>
    <row r="222669" spans="14:14">
      <c r="N222669" s="10"/>
    </row>
    <row r="222670" spans="14:14">
      <c r="N222670" s="10"/>
    </row>
    <row r="222671" spans="14:14">
      <c r="N222671" s="10"/>
    </row>
    <row r="222672" spans="14:14">
      <c r="N222672" s="10"/>
    </row>
    <row r="222673" spans="14:14">
      <c r="N222673" s="10"/>
    </row>
    <row r="222674" spans="14:14">
      <c r="N222674" s="10"/>
    </row>
    <row r="222675" spans="14:14">
      <c r="N222675" s="10"/>
    </row>
    <row r="222676" spans="14:14">
      <c r="N222676" s="10"/>
    </row>
    <row r="222677" spans="14:14">
      <c r="N222677" s="10"/>
    </row>
    <row r="222678" spans="14:14">
      <c r="N222678" s="10"/>
    </row>
    <row r="222679" spans="14:14">
      <c r="N222679" s="10"/>
    </row>
    <row r="222680" spans="14:14">
      <c r="N222680" s="10"/>
    </row>
    <row r="222681" spans="14:14">
      <c r="N222681" s="10"/>
    </row>
    <row r="222682" spans="14:14">
      <c r="N222682" s="10"/>
    </row>
    <row r="222683" spans="14:14">
      <c r="N222683" s="10"/>
    </row>
    <row r="222684" spans="14:14">
      <c r="N222684" s="10"/>
    </row>
    <row r="222685" spans="14:14">
      <c r="N222685" s="10"/>
    </row>
    <row r="222686" spans="14:14">
      <c r="N222686" s="10"/>
    </row>
    <row r="222687" spans="14:14">
      <c r="N222687" s="10"/>
    </row>
    <row r="222688" spans="14:14">
      <c r="N222688" s="10"/>
    </row>
    <row r="222689" spans="14:14">
      <c r="N222689" s="10"/>
    </row>
    <row r="222690" spans="14:14">
      <c r="N222690" s="10"/>
    </row>
    <row r="222691" spans="14:14">
      <c r="N222691" s="10"/>
    </row>
    <row r="222692" spans="14:14">
      <c r="N222692" s="10"/>
    </row>
    <row r="222693" spans="14:14">
      <c r="N222693" s="10"/>
    </row>
    <row r="222694" spans="14:14">
      <c r="N222694" s="10"/>
    </row>
    <row r="222695" spans="14:14">
      <c r="N222695" s="10"/>
    </row>
    <row r="222696" spans="14:14">
      <c r="N222696" s="10"/>
    </row>
    <row r="222697" spans="14:14">
      <c r="N222697" s="10"/>
    </row>
    <row r="222698" spans="14:14">
      <c r="N222698" s="10"/>
    </row>
    <row r="222699" spans="14:14">
      <c r="N222699" s="10"/>
    </row>
    <row r="222700" spans="14:14">
      <c r="N222700" s="10"/>
    </row>
    <row r="222701" spans="14:14">
      <c r="N222701" s="10"/>
    </row>
    <row r="222702" spans="14:14">
      <c r="N222702" s="10"/>
    </row>
    <row r="222703" spans="14:14">
      <c r="N222703" s="10"/>
    </row>
    <row r="222704" spans="14:14">
      <c r="N222704" s="10"/>
    </row>
    <row r="222705" spans="14:14">
      <c r="N222705" s="10"/>
    </row>
    <row r="222706" spans="14:14">
      <c r="N222706" s="10"/>
    </row>
    <row r="222707" spans="14:14">
      <c r="N222707" s="10"/>
    </row>
    <row r="222708" spans="14:14">
      <c r="N222708" s="10"/>
    </row>
    <row r="222709" spans="14:14">
      <c r="N222709" s="10"/>
    </row>
    <row r="222710" spans="14:14">
      <c r="N222710" s="10"/>
    </row>
    <row r="222711" spans="14:14">
      <c r="N222711" s="10"/>
    </row>
    <row r="222712" spans="14:14">
      <c r="N222712" s="10"/>
    </row>
    <row r="222713" spans="14:14">
      <c r="N222713" s="10"/>
    </row>
    <row r="222714" spans="14:14">
      <c r="N222714" s="10"/>
    </row>
    <row r="222715" spans="14:14">
      <c r="N222715" s="10"/>
    </row>
    <row r="222716" spans="14:14">
      <c r="N222716" s="10"/>
    </row>
    <row r="222717" spans="14:14">
      <c r="N222717" s="10"/>
    </row>
    <row r="222718" spans="14:14">
      <c r="N222718" s="10"/>
    </row>
    <row r="222719" spans="14:14">
      <c r="N222719" s="10"/>
    </row>
    <row r="222720" spans="14:14">
      <c r="N222720" s="10"/>
    </row>
    <row r="222721" spans="14:14">
      <c r="N222721" s="10"/>
    </row>
    <row r="222722" spans="14:14">
      <c r="N222722" s="10"/>
    </row>
    <row r="222723" spans="14:14">
      <c r="N222723" s="10"/>
    </row>
    <row r="222724" spans="14:14">
      <c r="N222724" s="10"/>
    </row>
    <row r="222725" spans="14:14">
      <c r="N222725" s="10"/>
    </row>
    <row r="222726" spans="14:14">
      <c r="N222726" s="10"/>
    </row>
    <row r="222727" spans="14:14">
      <c r="N222727" s="10"/>
    </row>
    <row r="222728" spans="14:14">
      <c r="N222728" s="10"/>
    </row>
    <row r="222729" spans="14:14">
      <c r="N222729" s="10"/>
    </row>
    <row r="222730" spans="14:14">
      <c r="N222730" s="10"/>
    </row>
    <row r="222731" spans="14:14">
      <c r="N222731" s="10"/>
    </row>
    <row r="222732" spans="14:14">
      <c r="N222732" s="10"/>
    </row>
    <row r="222733" spans="14:14">
      <c r="N222733" s="10"/>
    </row>
    <row r="222734" spans="14:14">
      <c r="N222734" s="10"/>
    </row>
    <row r="222735" spans="14:14">
      <c r="N222735" s="10"/>
    </row>
    <row r="222736" spans="14:14">
      <c r="N222736" s="10"/>
    </row>
    <row r="222737" spans="14:14">
      <c r="N222737" s="10"/>
    </row>
    <row r="222738" spans="14:14">
      <c r="N222738" s="10"/>
    </row>
    <row r="222739" spans="14:14">
      <c r="N222739" s="10"/>
    </row>
    <row r="222740" spans="14:14">
      <c r="N222740" s="10"/>
    </row>
    <row r="222741" spans="14:14">
      <c r="N222741" s="10"/>
    </row>
    <row r="222742" spans="14:14">
      <c r="N222742" s="10"/>
    </row>
    <row r="222743" spans="14:14">
      <c r="N222743" s="10"/>
    </row>
    <row r="222744" spans="14:14">
      <c r="N222744" s="10"/>
    </row>
    <row r="222745" spans="14:14">
      <c r="N222745" s="10"/>
    </row>
    <row r="222746" spans="14:14">
      <c r="N222746" s="10"/>
    </row>
    <row r="222747" spans="14:14">
      <c r="N222747" s="10"/>
    </row>
    <row r="222748" spans="14:14">
      <c r="N222748" s="10"/>
    </row>
    <row r="222749" spans="14:14">
      <c r="N222749" s="10"/>
    </row>
    <row r="222750" spans="14:14">
      <c r="N222750" s="10"/>
    </row>
    <row r="222751" spans="14:14">
      <c r="N222751" s="10"/>
    </row>
    <row r="222752" spans="14:14">
      <c r="N222752" s="10"/>
    </row>
    <row r="222753" spans="14:14">
      <c r="N222753" s="10"/>
    </row>
    <row r="222754" spans="14:14">
      <c r="N222754" s="10"/>
    </row>
    <row r="222755" spans="14:14">
      <c r="N222755" s="10"/>
    </row>
    <row r="222756" spans="14:14">
      <c r="N222756" s="10"/>
    </row>
    <row r="222757" spans="14:14">
      <c r="N222757" s="10"/>
    </row>
    <row r="222758" spans="14:14">
      <c r="N222758" s="10"/>
    </row>
    <row r="222759" spans="14:14">
      <c r="N222759" s="10"/>
    </row>
    <row r="222760" spans="14:14">
      <c r="N222760" s="10"/>
    </row>
    <row r="222761" spans="14:14">
      <c r="N222761" s="10"/>
    </row>
    <row r="222762" spans="14:14">
      <c r="N222762" s="10"/>
    </row>
    <row r="222763" spans="14:14">
      <c r="N222763" s="10"/>
    </row>
    <row r="222764" spans="14:14">
      <c r="N222764" s="10"/>
    </row>
    <row r="222765" spans="14:14">
      <c r="N222765" s="10"/>
    </row>
    <row r="222766" spans="14:14">
      <c r="N222766" s="10"/>
    </row>
    <row r="222767" spans="14:14">
      <c r="N222767" s="10"/>
    </row>
    <row r="222768" spans="14:14">
      <c r="N222768" s="10"/>
    </row>
    <row r="222769" spans="14:14">
      <c r="N222769" s="10"/>
    </row>
    <row r="222770" spans="14:14">
      <c r="N222770" s="10"/>
    </row>
    <row r="222771" spans="14:14">
      <c r="N222771" s="10"/>
    </row>
    <row r="222772" spans="14:14">
      <c r="N222772" s="10"/>
    </row>
    <row r="222773" spans="14:14">
      <c r="N222773" s="10"/>
    </row>
    <row r="222774" spans="14:14">
      <c r="N222774" s="10"/>
    </row>
    <row r="222775" spans="14:14">
      <c r="N222775" s="10"/>
    </row>
    <row r="222776" spans="14:14">
      <c r="N222776" s="10"/>
    </row>
    <row r="222777" spans="14:14">
      <c r="N222777" s="10"/>
    </row>
    <row r="222778" spans="14:14">
      <c r="N222778" s="10"/>
    </row>
    <row r="222779" spans="14:14">
      <c r="N222779" s="10"/>
    </row>
    <row r="222780" spans="14:14">
      <c r="N222780" s="10"/>
    </row>
    <row r="222781" spans="14:14">
      <c r="N222781" s="10"/>
    </row>
    <row r="222782" spans="14:14">
      <c r="N222782" s="10"/>
    </row>
    <row r="222783" spans="14:14">
      <c r="N222783" s="10"/>
    </row>
    <row r="222784" spans="14:14">
      <c r="N222784" s="10"/>
    </row>
    <row r="222785" spans="14:14">
      <c r="N222785" s="10"/>
    </row>
    <row r="222786" spans="14:14">
      <c r="N222786" s="10"/>
    </row>
    <row r="222787" spans="14:14">
      <c r="N222787" s="10"/>
    </row>
    <row r="222788" spans="14:14">
      <c r="N222788" s="10"/>
    </row>
    <row r="222789" spans="14:14">
      <c r="N222789" s="10"/>
    </row>
    <row r="222790" spans="14:14">
      <c r="N222790" s="10"/>
    </row>
    <row r="222791" spans="14:14">
      <c r="N222791" s="10"/>
    </row>
    <row r="222792" spans="14:14">
      <c r="N222792" s="10"/>
    </row>
    <row r="222793" spans="14:14">
      <c r="N222793" s="10"/>
    </row>
    <row r="222794" spans="14:14">
      <c r="N222794" s="10"/>
    </row>
    <row r="222795" spans="14:14">
      <c r="N222795" s="10"/>
    </row>
    <row r="222796" spans="14:14">
      <c r="N222796" s="10"/>
    </row>
    <row r="222797" spans="14:14">
      <c r="N222797" s="10"/>
    </row>
    <row r="222798" spans="14:14">
      <c r="N222798" s="10"/>
    </row>
    <row r="222799" spans="14:14">
      <c r="N222799" s="10"/>
    </row>
    <row r="222800" spans="14:14">
      <c r="N222800" s="10"/>
    </row>
    <row r="222801" spans="14:14">
      <c r="N222801" s="10"/>
    </row>
    <row r="222802" spans="14:14">
      <c r="N222802" s="10"/>
    </row>
    <row r="222803" spans="14:14">
      <c r="N222803" s="10"/>
    </row>
    <row r="222804" spans="14:14">
      <c r="N222804" s="10"/>
    </row>
    <row r="222805" spans="14:14">
      <c r="N222805" s="10"/>
    </row>
    <row r="222806" spans="14:14">
      <c r="N222806" s="10"/>
    </row>
    <row r="222807" spans="14:14">
      <c r="N222807" s="10"/>
    </row>
    <row r="222808" spans="14:14">
      <c r="N222808" s="10"/>
    </row>
    <row r="222809" spans="14:14">
      <c r="N222809" s="10"/>
    </row>
    <row r="222810" spans="14:14">
      <c r="N222810" s="10"/>
    </row>
    <row r="222811" spans="14:14">
      <c r="N222811" s="10"/>
    </row>
    <row r="222812" spans="14:14">
      <c r="N222812" s="10"/>
    </row>
    <row r="222813" spans="14:14">
      <c r="N222813" s="10"/>
    </row>
    <row r="222814" spans="14:14">
      <c r="N222814" s="10"/>
    </row>
    <row r="222815" spans="14:14">
      <c r="N222815" s="10"/>
    </row>
    <row r="222816" spans="14:14">
      <c r="N222816" s="10"/>
    </row>
    <row r="222817" spans="14:14">
      <c r="N222817" s="10"/>
    </row>
    <row r="222818" spans="14:14">
      <c r="N222818" s="10"/>
    </row>
    <row r="222819" spans="14:14">
      <c r="N222819" s="10"/>
    </row>
    <row r="222820" spans="14:14">
      <c r="N222820" s="10"/>
    </row>
    <row r="222821" spans="14:14">
      <c r="N222821" s="10"/>
    </row>
    <row r="222822" spans="14:14">
      <c r="N222822" s="10"/>
    </row>
    <row r="222823" spans="14:14">
      <c r="N222823" s="10"/>
    </row>
    <row r="222824" spans="14:14">
      <c r="N222824" s="10"/>
    </row>
    <row r="222825" spans="14:14">
      <c r="N222825" s="10"/>
    </row>
    <row r="222826" spans="14:14">
      <c r="N222826" s="10"/>
    </row>
    <row r="222827" spans="14:14">
      <c r="N222827" s="10"/>
    </row>
    <row r="222828" spans="14:14">
      <c r="N222828" s="10"/>
    </row>
    <row r="222829" spans="14:14">
      <c r="N222829" s="10"/>
    </row>
    <row r="222830" spans="14:14">
      <c r="N222830" s="10"/>
    </row>
    <row r="222831" spans="14:14">
      <c r="N222831" s="10"/>
    </row>
    <row r="222832" spans="14:14">
      <c r="N222832" s="10"/>
    </row>
    <row r="222833" spans="14:14">
      <c r="N222833" s="10"/>
    </row>
    <row r="222834" spans="14:14">
      <c r="N222834" s="10"/>
    </row>
    <row r="222835" spans="14:14">
      <c r="N222835" s="10"/>
    </row>
    <row r="222836" spans="14:14">
      <c r="N222836" s="10"/>
    </row>
    <row r="222837" spans="14:14">
      <c r="N222837" s="10"/>
    </row>
    <row r="222838" spans="14:14">
      <c r="N222838" s="10"/>
    </row>
    <row r="222839" spans="14:14">
      <c r="N222839" s="10"/>
    </row>
    <row r="222840" spans="14:14">
      <c r="N222840" s="10"/>
    </row>
    <row r="222841" spans="14:14">
      <c r="N222841" s="10"/>
    </row>
    <row r="222842" spans="14:14">
      <c r="N222842" s="10"/>
    </row>
    <row r="222843" spans="14:14">
      <c r="N222843" s="10"/>
    </row>
    <row r="222844" spans="14:14">
      <c r="N222844" s="10"/>
    </row>
    <row r="222845" spans="14:14">
      <c r="N222845" s="10"/>
    </row>
    <row r="222846" spans="14:14">
      <c r="N222846" s="10"/>
    </row>
    <row r="222847" spans="14:14">
      <c r="N222847" s="10"/>
    </row>
    <row r="222848" spans="14:14">
      <c r="N222848" s="10"/>
    </row>
    <row r="222849" spans="14:14">
      <c r="N222849" s="10"/>
    </row>
    <row r="222850" spans="14:14">
      <c r="N222850" s="10"/>
    </row>
    <row r="222851" spans="14:14">
      <c r="N222851" s="10"/>
    </row>
    <row r="222852" spans="14:14">
      <c r="N222852" s="10"/>
    </row>
    <row r="222853" spans="14:14">
      <c r="N222853" s="10"/>
    </row>
    <row r="222854" spans="14:14">
      <c r="N222854" s="10"/>
    </row>
    <row r="222855" spans="14:14">
      <c r="N222855" s="10"/>
    </row>
    <row r="222856" spans="14:14">
      <c r="N222856" s="10"/>
    </row>
    <row r="222857" spans="14:14">
      <c r="N222857" s="10"/>
    </row>
    <row r="222858" spans="14:14">
      <c r="N222858" s="10"/>
    </row>
    <row r="222859" spans="14:14">
      <c r="N222859" s="10"/>
    </row>
    <row r="222860" spans="14:14">
      <c r="N222860" s="10"/>
    </row>
    <row r="222861" spans="14:14">
      <c r="N222861" s="10"/>
    </row>
    <row r="222862" spans="14:14">
      <c r="N222862" s="10"/>
    </row>
    <row r="222863" spans="14:14">
      <c r="N222863" s="10"/>
    </row>
    <row r="222864" spans="14:14">
      <c r="N222864" s="10"/>
    </row>
    <row r="222865" spans="14:14">
      <c r="N222865" s="10"/>
    </row>
    <row r="222866" spans="14:14">
      <c r="N222866" s="10"/>
    </row>
    <row r="222867" spans="14:14">
      <c r="N222867" s="10"/>
    </row>
    <row r="222868" spans="14:14">
      <c r="N222868" s="10"/>
    </row>
    <row r="222869" spans="14:14">
      <c r="N222869" s="10"/>
    </row>
    <row r="222870" spans="14:14">
      <c r="N222870" s="10"/>
    </row>
    <row r="222871" spans="14:14">
      <c r="N222871" s="10"/>
    </row>
    <row r="222872" spans="14:14">
      <c r="N222872" s="10"/>
    </row>
    <row r="222873" spans="14:14">
      <c r="N222873" s="10"/>
    </row>
    <row r="222874" spans="14:14">
      <c r="N222874" s="10"/>
    </row>
    <row r="222875" spans="14:14">
      <c r="N222875" s="10"/>
    </row>
    <row r="222876" spans="14:14">
      <c r="N222876" s="10"/>
    </row>
    <row r="222877" spans="14:14">
      <c r="N222877" s="10"/>
    </row>
    <row r="222878" spans="14:14">
      <c r="N222878" s="10"/>
    </row>
    <row r="222879" spans="14:14">
      <c r="N222879" s="10"/>
    </row>
    <row r="222880" spans="14:14">
      <c r="N222880" s="10"/>
    </row>
    <row r="222881" spans="14:14">
      <c r="N222881" s="10"/>
    </row>
    <row r="222882" spans="14:14">
      <c r="N222882" s="10"/>
    </row>
    <row r="222883" spans="14:14">
      <c r="N222883" s="10"/>
    </row>
    <row r="222884" spans="14:14">
      <c r="N222884" s="10"/>
    </row>
    <row r="222885" spans="14:14">
      <c r="N222885" s="10"/>
    </row>
    <row r="222886" spans="14:14">
      <c r="N222886" s="10"/>
    </row>
    <row r="222887" spans="14:14">
      <c r="N222887" s="10"/>
    </row>
    <row r="222888" spans="14:14">
      <c r="N222888" s="10"/>
    </row>
    <row r="222889" spans="14:14">
      <c r="N222889" s="10"/>
    </row>
    <row r="222890" spans="14:14">
      <c r="N222890" s="10"/>
    </row>
    <row r="222891" spans="14:14">
      <c r="N222891" s="10"/>
    </row>
    <row r="222892" spans="14:14">
      <c r="N222892" s="10"/>
    </row>
    <row r="222893" spans="14:14">
      <c r="N222893" s="10"/>
    </row>
    <row r="222894" spans="14:14">
      <c r="N222894" s="10"/>
    </row>
    <row r="222895" spans="14:14">
      <c r="N222895" s="10"/>
    </row>
    <row r="222896" spans="14:14">
      <c r="N222896" s="10"/>
    </row>
    <row r="222897" spans="14:14">
      <c r="N222897" s="10"/>
    </row>
    <row r="222898" spans="14:14">
      <c r="N222898" s="10"/>
    </row>
    <row r="222899" spans="14:14">
      <c r="N222899" s="10"/>
    </row>
    <row r="222900" spans="14:14">
      <c r="N222900" s="10"/>
    </row>
    <row r="222901" spans="14:14">
      <c r="N222901" s="10"/>
    </row>
    <row r="222902" spans="14:14">
      <c r="N222902" s="10"/>
    </row>
    <row r="222903" spans="14:14">
      <c r="N222903" s="10"/>
    </row>
    <row r="222904" spans="14:14">
      <c r="N222904" s="10"/>
    </row>
    <row r="222905" spans="14:14">
      <c r="N222905" s="10"/>
    </row>
    <row r="222906" spans="14:14">
      <c r="N222906" s="10"/>
    </row>
    <row r="222907" spans="14:14">
      <c r="N222907" s="10"/>
    </row>
    <row r="222908" spans="14:14">
      <c r="N222908" s="10"/>
    </row>
    <row r="222909" spans="14:14">
      <c r="N222909" s="10"/>
    </row>
    <row r="222910" spans="14:14">
      <c r="N222910" s="10"/>
    </row>
    <row r="222911" spans="14:14">
      <c r="N222911" s="10"/>
    </row>
    <row r="222912" spans="14:14">
      <c r="N222912" s="10"/>
    </row>
    <row r="222913" spans="14:14">
      <c r="N222913" s="10"/>
    </row>
    <row r="222914" spans="14:14">
      <c r="N222914" s="10"/>
    </row>
    <row r="222915" spans="14:14">
      <c r="N222915" s="10"/>
    </row>
    <row r="222916" spans="14:14">
      <c r="N222916" s="10"/>
    </row>
    <row r="222917" spans="14:14">
      <c r="N222917" s="10"/>
    </row>
    <row r="222918" spans="14:14">
      <c r="N222918" s="10"/>
    </row>
    <row r="222919" spans="14:14">
      <c r="N222919" s="10"/>
    </row>
    <row r="222920" spans="14:14">
      <c r="N222920" s="10"/>
    </row>
    <row r="222921" spans="14:14">
      <c r="N222921" s="10"/>
    </row>
    <row r="222922" spans="14:14">
      <c r="N222922" s="10"/>
    </row>
    <row r="222923" spans="14:14">
      <c r="N222923" s="10"/>
    </row>
    <row r="222924" spans="14:14">
      <c r="N222924" s="10"/>
    </row>
    <row r="222925" spans="14:14">
      <c r="N222925" s="10"/>
    </row>
    <row r="222926" spans="14:14">
      <c r="N222926" s="10"/>
    </row>
    <row r="222927" spans="14:14">
      <c r="N222927" s="10"/>
    </row>
    <row r="222928" spans="14:14">
      <c r="N222928" s="10"/>
    </row>
    <row r="222929" spans="14:14">
      <c r="N222929" s="10"/>
    </row>
    <row r="222930" spans="14:14">
      <c r="N222930" s="10"/>
    </row>
    <row r="222931" spans="14:14">
      <c r="N222931" s="10"/>
    </row>
    <row r="222932" spans="14:14">
      <c r="N222932" s="10"/>
    </row>
    <row r="222933" spans="14:14">
      <c r="N222933" s="10"/>
    </row>
    <row r="222934" spans="14:14">
      <c r="N222934" s="10"/>
    </row>
    <row r="222935" spans="14:14">
      <c r="N222935" s="10"/>
    </row>
    <row r="222936" spans="14:14">
      <c r="N222936" s="10"/>
    </row>
    <row r="222937" spans="14:14">
      <c r="N222937" s="10"/>
    </row>
    <row r="222938" spans="14:14">
      <c r="N222938" s="10"/>
    </row>
    <row r="222939" spans="14:14">
      <c r="N222939" s="10"/>
    </row>
    <row r="222940" spans="14:14">
      <c r="N222940" s="10"/>
    </row>
    <row r="222941" spans="14:14">
      <c r="N222941" s="10"/>
    </row>
    <row r="222942" spans="14:14">
      <c r="N222942" s="10"/>
    </row>
    <row r="222943" spans="14:14">
      <c r="N222943" s="10"/>
    </row>
    <row r="222944" spans="14:14">
      <c r="N222944" s="10"/>
    </row>
    <row r="222945" spans="14:14">
      <c r="N222945" s="10"/>
    </row>
    <row r="222946" spans="14:14">
      <c r="N222946" s="10"/>
    </row>
    <row r="222947" spans="14:14">
      <c r="N222947" s="10"/>
    </row>
    <row r="222948" spans="14:14">
      <c r="N222948" s="10"/>
    </row>
    <row r="222949" spans="14:14">
      <c r="N222949" s="10"/>
    </row>
    <row r="222950" spans="14:14">
      <c r="N222950" s="10"/>
    </row>
    <row r="222951" spans="14:14">
      <c r="N222951" s="10"/>
    </row>
    <row r="222952" spans="14:14">
      <c r="N222952" s="10"/>
    </row>
    <row r="222953" spans="14:14">
      <c r="N222953" s="10"/>
    </row>
    <row r="222954" spans="14:14">
      <c r="N222954" s="10"/>
    </row>
    <row r="222955" spans="14:14">
      <c r="N222955" s="10"/>
    </row>
    <row r="222956" spans="14:14">
      <c r="N222956" s="10"/>
    </row>
    <row r="222957" spans="14:14">
      <c r="N222957" s="10"/>
    </row>
    <row r="222958" spans="14:14">
      <c r="N222958" s="10"/>
    </row>
    <row r="222959" spans="14:14">
      <c r="N222959" s="10"/>
    </row>
    <row r="222960" spans="14:14">
      <c r="N222960" s="10"/>
    </row>
    <row r="222961" spans="14:14">
      <c r="N222961" s="10"/>
    </row>
    <row r="222962" spans="14:14">
      <c r="N222962" s="10"/>
    </row>
    <row r="222963" spans="14:14">
      <c r="N222963" s="10"/>
    </row>
    <row r="222964" spans="14:14">
      <c r="N222964" s="10"/>
    </row>
    <row r="222965" spans="14:14">
      <c r="N222965" s="10"/>
    </row>
    <row r="222966" spans="14:14">
      <c r="N222966" s="10"/>
    </row>
    <row r="222967" spans="14:14">
      <c r="N222967" s="10"/>
    </row>
    <row r="222968" spans="14:14">
      <c r="N222968" s="10"/>
    </row>
    <row r="222969" spans="14:14">
      <c r="N222969" s="10"/>
    </row>
    <row r="222970" spans="14:14">
      <c r="N222970" s="10"/>
    </row>
    <row r="222971" spans="14:14">
      <c r="N222971" s="10"/>
    </row>
    <row r="222972" spans="14:14">
      <c r="N222972" s="10"/>
    </row>
    <row r="222973" spans="14:14">
      <c r="N222973" s="10"/>
    </row>
    <row r="222974" spans="14:14">
      <c r="N222974" s="10"/>
    </row>
    <row r="222975" spans="14:14">
      <c r="N222975" s="10"/>
    </row>
    <row r="222976" spans="14:14">
      <c r="N222976" s="10"/>
    </row>
    <row r="222977" spans="14:14">
      <c r="N222977" s="10"/>
    </row>
    <row r="222978" spans="14:14">
      <c r="N222978" s="10"/>
    </row>
    <row r="222979" spans="14:14">
      <c r="N222979" s="10"/>
    </row>
    <row r="222980" spans="14:14">
      <c r="N222980" s="10"/>
    </row>
    <row r="222981" spans="14:14">
      <c r="N222981" s="10"/>
    </row>
    <row r="222982" spans="14:14">
      <c r="N222982" s="10"/>
    </row>
    <row r="222983" spans="14:14">
      <c r="N222983" s="10"/>
    </row>
    <row r="222984" spans="14:14">
      <c r="N222984" s="10"/>
    </row>
    <row r="222985" spans="14:14">
      <c r="N222985" s="10"/>
    </row>
    <row r="222986" spans="14:14">
      <c r="N222986" s="10"/>
    </row>
    <row r="222987" spans="14:14">
      <c r="N222987" s="10"/>
    </row>
    <row r="222988" spans="14:14">
      <c r="N222988" s="10"/>
    </row>
    <row r="222989" spans="14:14">
      <c r="N222989" s="10"/>
    </row>
    <row r="222990" spans="14:14">
      <c r="N222990" s="10"/>
    </row>
    <row r="222991" spans="14:14">
      <c r="N222991" s="10"/>
    </row>
    <row r="222992" spans="14:14">
      <c r="N222992" s="10"/>
    </row>
    <row r="222993" spans="14:14">
      <c r="N222993" s="10"/>
    </row>
    <row r="222994" spans="14:14">
      <c r="N222994" s="10"/>
    </row>
    <row r="222995" spans="14:14">
      <c r="N222995" s="10"/>
    </row>
    <row r="222996" spans="14:14">
      <c r="N222996" s="10"/>
    </row>
    <row r="222997" spans="14:14">
      <c r="N222997" s="10"/>
    </row>
    <row r="222998" spans="14:14">
      <c r="N222998" s="10"/>
    </row>
    <row r="222999" spans="14:14">
      <c r="N222999" s="10"/>
    </row>
    <row r="223000" spans="14:14">
      <c r="N223000" s="10"/>
    </row>
    <row r="223001" spans="14:14">
      <c r="N223001" s="10"/>
    </row>
    <row r="223002" spans="14:14">
      <c r="N223002" s="10"/>
    </row>
    <row r="223003" spans="14:14">
      <c r="N223003" s="10"/>
    </row>
    <row r="223004" spans="14:14">
      <c r="N223004" s="10"/>
    </row>
    <row r="223005" spans="14:14">
      <c r="N223005" s="10"/>
    </row>
    <row r="223006" spans="14:14">
      <c r="N223006" s="10"/>
    </row>
    <row r="223007" spans="14:14">
      <c r="N223007" s="10"/>
    </row>
    <row r="223008" spans="14:14">
      <c r="N223008" s="10"/>
    </row>
    <row r="223009" spans="14:14">
      <c r="N223009" s="10"/>
    </row>
    <row r="223010" spans="14:14">
      <c r="N223010" s="10"/>
    </row>
    <row r="223011" spans="14:14">
      <c r="N223011" s="10"/>
    </row>
    <row r="223012" spans="14:14">
      <c r="N223012" s="10"/>
    </row>
    <row r="223013" spans="14:14">
      <c r="N223013" s="10"/>
    </row>
    <row r="223014" spans="14:14">
      <c r="N223014" s="10"/>
    </row>
    <row r="223015" spans="14:14">
      <c r="N223015" s="10"/>
    </row>
    <row r="223016" spans="14:14">
      <c r="N223016" s="10"/>
    </row>
    <row r="223017" spans="14:14">
      <c r="N223017" s="10"/>
    </row>
    <row r="223018" spans="14:14">
      <c r="N223018" s="10"/>
    </row>
    <row r="223019" spans="14:14">
      <c r="N223019" s="10"/>
    </row>
    <row r="223020" spans="14:14">
      <c r="N223020" s="10"/>
    </row>
    <row r="223021" spans="14:14">
      <c r="N223021" s="10"/>
    </row>
    <row r="223022" spans="14:14">
      <c r="N223022" s="10"/>
    </row>
    <row r="223023" spans="14:14">
      <c r="N223023" s="10"/>
    </row>
    <row r="223024" spans="14:14">
      <c r="N223024" s="10"/>
    </row>
    <row r="223025" spans="14:14">
      <c r="N223025" s="10"/>
    </row>
    <row r="223026" spans="14:14">
      <c r="N223026" s="10"/>
    </row>
    <row r="223027" spans="14:14">
      <c r="N223027" s="10"/>
    </row>
    <row r="223028" spans="14:14">
      <c r="N223028" s="10"/>
    </row>
    <row r="223029" spans="14:14">
      <c r="N223029" s="10"/>
    </row>
    <row r="223030" spans="14:14">
      <c r="N223030" s="10"/>
    </row>
    <row r="223031" spans="14:14">
      <c r="N223031" s="10"/>
    </row>
    <row r="223032" spans="14:14">
      <c r="N223032" s="10"/>
    </row>
    <row r="223033" spans="14:14">
      <c r="N223033" s="10"/>
    </row>
    <row r="223034" spans="14:14">
      <c r="N223034" s="10"/>
    </row>
    <row r="223035" spans="14:14">
      <c r="N223035" s="10"/>
    </row>
    <row r="223036" spans="14:14">
      <c r="N223036" s="10"/>
    </row>
    <row r="223037" spans="14:14">
      <c r="N223037" s="10"/>
    </row>
    <row r="223038" spans="14:14">
      <c r="N223038" s="10"/>
    </row>
    <row r="223039" spans="14:14">
      <c r="N223039" s="10"/>
    </row>
    <row r="223040" spans="14:14">
      <c r="N223040" s="10"/>
    </row>
    <row r="223041" spans="14:14">
      <c r="N223041" s="10"/>
    </row>
    <row r="223042" spans="14:14">
      <c r="N223042" s="10"/>
    </row>
    <row r="223043" spans="14:14">
      <c r="N223043" s="10"/>
    </row>
    <row r="223044" spans="14:14">
      <c r="N223044" s="10"/>
    </row>
    <row r="223045" spans="14:14">
      <c r="N223045" s="10"/>
    </row>
    <row r="223046" spans="14:14">
      <c r="N223046" s="10"/>
    </row>
    <row r="223047" spans="14:14">
      <c r="N223047" s="10"/>
    </row>
    <row r="223048" spans="14:14">
      <c r="N223048" s="10"/>
    </row>
    <row r="223049" spans="14:14">
      <c r="N223049" s="10"/>
    </row>
    <row r="223050" spans="14:14">
      <c r="N223050" s="10"/>
    </row>
    <row r="223051" spans="14:14">
      <c r="N223051" s="10"/>
    </row>
    <row r="223052" spans="14:14">
      <c r="N223052" s="10"/>
    </row>
    <row r="223053" spans="14:14">
      <c r="N223053" s="10"/>
    </row>
    <row r="223054" spans="14:14">
      <c r="N223054" s="10"/>
    </row>
    <row r="223055" spans="14:14">
      <c r="N223055" s="10"/>
    </row>
    <row r="223056" spans="14:14">
      <c r="N223056" s="10"/>
    </row>
    <row r="223057" spans="14:14">
      <c r="N223057" s="10"/>
    </row>
    <row r="223058" spans="14:14">
      <c r="N223058" s="10"/>
    </row>
    <row r="223059" spans="14:14">
      <c r="N223059" s="10"/>
    </row>
    <row r="223060" spans="14:14">
      <c r="N223060" s="10"/>
    </row>
    <row r="223061" spans="14:14">
      <c r="N223061" s="10"/>
    </row>
    <row r="223062" spans="14:14">
      <c r="N223062" s="10"/>
    </row>
    <row r="223063" spans="14:14">
      <c r="N223063" s="10"/>
    </row>
    <row r="223064" spans="14:14">
      <c r="N223064" s="10"/>
    </row>
    <row r="223065" spans="14:14">
      <c r="N223065" s="10"/>
    </row>
    <row r="223066" spans="14:14">
      <c r="N223066" s="10"/>
    </row>
    <row r="223067" spans="14:14">
      <c r="N223067" s="10"/>
    </row>
    <row r="223068" spans="14:14">
      <c r="N223068" s="10"/>
    </row>
    <row r="223069" spans="14:14">
      <c r="N223069" s="10"/>
    </row>
    <row r="223070" spans="14:14">
      <c r="N223070" s="10"/>
    </row>
    <row r="223071" spans="14:14">
      <c r="N223071" s="10"/>
    </row>
    <row r="223072" spans="14:14">
      <c r="N223072" s="10"/>
    </row>
    <row r="223073" spans="14:14">
      <c r="N223073" s="10"/>
    </row>
    <row r="223074" spans="14:14">
      <c r="N223074" s="10"/>
    </row>
    <row r="223075" spans="14:14">
      <c r="N223075" s="10"/>
    </row>
    <row r="223076" spans="14:14">
      <c r="N223076" s="10"/>
    </row>
    <row r="223077" spans="14:14">
      <c r="N223077" s="10"/>
    </row>
    <row r="223078" spans="14:14">
      <c r="N223078" s="10"/>
    </row>
    <row r="223079" spans="14:14">
      <c r="N223079" s="10"/>
    </row>
    <row r="223080" spans="14:14">
      <c r="N223080" s="10"/>
    </row>
    <row r="223081" spans="14:14">
      <c r="N223081" s="10"/>
    </row>
    <row r="223082" spans="14:14">
      <c r="N223082" s="10"/>
    </row>
    <row r="223083" spans="14:14">
      <c r="N223083" s="10"/>
    </row>
    <row r="223084" spans="14:14">
      <c r="N223084" s="10"/>
    </row>
    <row r="223085" spans="14:14">
      <c r="N223085" s="10"/>
    </row>
    <row r="223086" spans="14:14">
      <c r="N223086" s="10"/>
    </row>
    <row r="223087" spans="14:14">
      <c r="N223087" s="10"/>
    </row>
    <row r="223088" spans="14:14">
      <c r="N223088" s="10"/>
    </row>
    <row r="223089" spans="14:14">
      <c r="N223089" s="10"/>
    </row>
    <row r="223090" spans="14:14">
      <c r="N223090" s="10"/>
    </row>
    <row r="223091" spans="14:14">
      <c r="N223091" s="10"/>
    </row>
    <row r="223092" spans="14:14">
      <c r="N223092" s="10"/>
    </row>
    <row r="223093" spans="14:14">
      <c r="N223093" s="10"/>
    </row>
    <row r="223094" spans="14:14">
      <c r="N223094" s="10"/>
    </row>
    <row r="223095" spans="14:14">
      <c r="N223095" s="10"/>
    </row>
    <row r="223096" spans="14:14">
      <c r="N223096" s="10"/>
    </row>
    <row r="223097" spans="14:14">
      <c r="N223097" s="10"/>
    </row>
    <row r="223098" spans="14:14">
      <c r="N223098" s="10"/>
    </row>
    <row r="223099" spans="14:14">
      <c r="N223099" s="10"/>
    </row>
    <row r="223100" spans="14:14">
      <c r="N223100" s="10"/>
    </row>
    <row r="223101" spans="14:14">
      <c r="N223101" s="10"/>
    </row>
    <row r="223102" spans="14:14">
      <c r="N223102" s="10"/>
    </row>
    <row r="223103" spans="14:14">
      <c r="N223103" s="10"/>
    </row>
    <row r="223104" spans="14:14">
      <c r="N223104" s="10"/>
    </row>
    <row r="223105" spans="14:14">
      <c r="N223105" s="10"/>
    </row>
    <row r="223106" spans="14:14">
      <c r="N223106" s="10"/>
    </row>
    <row r="223107" spans="14:14">
      <c r="N223107" s="10"/>
    </row>
    <row r="223108" spans="14:14">
      <c r="N223108" s="10"/>
    </row>
    <row r="223109" spans="14:14">
      <c r="N223109" s="10"/>
    </row>
    <row r="223110" spans="14:14">
      <c r="N223110" s="10"/>
    </row>
    <row r="223111" spans="14:14">
      <c r="N223111" s="10"/>
    </row>
    <row r="223112" spans="14:14">
      <c r="N223112" s="10"/>
    </row>
    <row r="223113" spans="14:14">
      <c r="N223113" s="10"/>
    </row>
    <row r="223114" spans="14:14">
      <c r="N223114" s="10"/>
    </row>
    <row r="223115" spans="14:14">
      <c r="N223115" s="10"/>
    </row>
    <row r="223116" spans="14:14">
      <c r="N223116" s="10"/>
    </row>
    <row r="223117" spans="14:14">
      <c r="N223117" s="10"/>
    </row>
    <row r="223118" spans="14:14">
      <c r="N223118" s="10"/>
    </row>
    <row r="223119" spans="14:14">
      <c r="N223119" s="10"/>
    </row>
    <row r="223120" spans="14:14">
      <c r="N223120" s="10"/>
    </row>
    <row r="223121" spans="14:14">
      <c r="N223121" s="10"/>
    </row>
    <row r="223122" spans="14:14">
      <c r="N223122" s="10"/>
    </row>
    <row r="223123" spans="14:14">
      <c r="N223123" s="10"/>
    </row>
    <row r="223124" spans="14:14">
      <c r="N223124" s="10"/>
    </row>
    <row r="223125" spans="14:14">
      <c r="N223125" s="10"/>
    </row>
    <row r="223126" spans="14:14">
      <c r="N223126" s="10"/>
    </row>
    <row r="223127" spans="14:14">
      <c r="N223127" s="10"/>
    </row>
    <row r="223128" spans="14:14">
      <c r="N223128" s="10"/>
    </row>
    <row r="223129" spans="14:14">
      <c r="N223129" s="10"/>
    </row>
    <row r="223130" spans="14:14">
      <c r="N223130" s="10"/>
    </row>
    <row r="223131" spans="14:14">
      <c r="N223131" s="10"/>
    </row>
    <row r="223132" spans="14:14">
      <c r="N223132" s="10"/>
    </row>
    <row r="223133" spans="14:14">
      <c r="N223133" s="10"/>
    </row>
    <row r="223134" spans="14:14">
      <c r="N223134" s="10"/>
    </row>
    <row r="223135" spans="14:14">
      <c r="N223135" s="10"/>
    </row>
    <row r="223136" spans="14:14">
      <c r="N223136" s="10"/>
    </row>
    <row r="223137" spans="14:14">
      <c r="N223137" s="10"/>
    </row>
    <row r="223138" spans="14:14">
      <c r="N223138" s="10"/>
    </row>
    <row r="223139" spans="14:14">
      <c r="N223139" s="10"/>
    </row>
    <row r="223140" spans="14:14">
      <c r="N223140" s="10"/>
    </row>
    <row r="223141" spans="14:14">
      <c r="N223141" s="10"/>
    </row>
    <row r="223142" spans="14:14">
      <c r="N223142" s="10"/>
    </row>
    <row r="223143" spans="14:14">
      <c r="N223143" s="10"/>
    </row>
    <row r="223144" spans="14:14">
      <c r="N223144" s="10"/>
    </row>
    <row r="223145" spans="14:14">
      <c r="N223145" s="10"/>
    </row>
    <row r="223146" spans="14:14">
      <c r="N223146" s="10"/>
    </row>
    <row r="223147" spans="14:14">
      <c r="N223147" s="10"/>
    </row>
    <row r="223148" spans="14:14">
      <c r="N223148" s="10"/>
    </row>
    <row r="223149" spans="14:14">
      <c r="N223149" s="10"/>
    </row>
    <row r="223150" spans="14:14">
      <c r="N223150" s="10"/>
    </row>
    <row r="223151" spans="14:14">
      <c r="N223151" s="10"/>
    </row>
    <row r="223152" spans="14:14">
      <c r="N223152" s="10"/>
    </row>
    <row r="223153" spans="14:14">
      <c r="N223153" s="10"/>
    </row>
    <row r="223154" spans="14:14">
      <c r="N223154" s="10"/>
    </row>
    <row r="223155" spans="14:14">
      <c r="N223155" s="10"/>
    </row>
    <row r="223156" spans="14:14">
      <c r="N223156" s="10"/>
    </row>
    <row r="223157" spans="14:14">
      <c r="N223157" s="10"/>
    </row>
    <row r="223158" spans="14:14">
      <c r="N223158" s="10"/>
    </row>
    <row r="223159" spans="14:14">
      <c r="N223159" s="10"/>
    </row>
    <row r="223160" spans="14:14">
      <c r="N223160" s="10"/>
    </row>
    <row r="223161" spans="14:14">
      <c r="N223161" s="10"/>
    </row>
    <row r="223162" spans="14:14">
      <c r="N223162" s="10"/>
    </row>
    <row r="223163" spans="14:14">
      <c r="N223163" s="10"/>
    </row>
    <row r="223164" spans="14:14">
      <c r="N223164" s="10"/>
    </row>
    <row r="223165" spans="14:14">
      <c r="N223165" s="10"/>
    </row>
    <row r="223166" spans="14:14">
      <c r="N223166" s="10"/>
    </row>
    <row r="223167" spans="14:14">
      <c r="N223167" s="10"/>
    </row>
    <row r="223168" spans="14:14">
      <c r="N223168" s="10"/>
    </row>
    <row r="223169" spans="14:14">
      <c r="N223169" s="10"/>
    </row>
    <row r="223170" spans="14:14">
      <c r="N223170" s="10"/>
    </row>
    <row r="223171" spans="14:14">
      <c r="N223171" s="10"/>
    </row>
    <row r="223172" spans="14:14">
      <c r="N223172" s="10"/>
    </row>
    <row r="223173" spans="14:14">
      <c r="N223173" s="10"/>
    </row>
    <row r="223174" spans="14:14">
      <c r="N223174" s="10"/>
    </row>
    <row r="223175" spans="14:14">
      <c r="N223175" s="10"/>
    </row>
    <row r="223176" spans="14:14">
      <c r="N223176" s="10"/>
    </row>
    <row r="223177" spans="14:14">
      <c r="N223177" s="10"/>
    </row>
    <row r="223178" spans="14:14">
      <c r="N223178" s="10"/>
    </row>
    <row r="223179" spans="14:14">
      <c r="N223179" s="10"/>
    </row>
    <row r="223180" spans="14:14">
      <c r="N223180" s="10"/>
    </row>
    <row r="223181" spans="14:14">
      <c r="N223181" s="10"/>
    </row>
    <row r="223182" spans="14:14">
      <c r="N223182" s="10"/>
    </row>
    <row r="223183" spans="14:14">
      <c r="N223183" s="10"/>
    </row>
    <row r="223184" spans="14:14">
      <c r="N223184" s="10"/>
    </row>
    <row r="223185" spans="14:14">
      <c r="N223185" s="10"/>
    </row>
    <row r="223186" spans="14:14">
      <c r="N223186" s="10"/>
    </row>
    <row r="223187" spans="14:14">
      <c r="N223187" s="10"/>
    </row>
    <row r="223188" spans="14:14">
      <c r="N223188" s="10"/>
    </row>
    <row r="223189" spans="14:14">
      <c r="N223189" s="10"/>
    </row>
    <row r="223190" spans="14:14">
      <c r="N223190" s="10"/>
    </row>
    <row r="223191" spans="14:14">
      <c r="N223191" s="10"/>
    </row>
    <row r="223192" spans="14:14">
      <c r="N223192" s="10"/>
    </row>
    <row r="223193" spans="14:14">
      <c r="N223193" s="10"/>
    </row>
    <row r="223194" spans="14:14">
      <c r="N223194" s="10"/>
    </row>
    <row r="223195" spans="14:14">
      <c r="N223195" s="10"/>
    </row>
    <row r="223196" spans="14:14">
      <c r="N223196" s="10"/>
    </row>
    <row r="223197" spans="14:14">
      <c r="N223197" s="10"/>
    </row>
    <row r="223198" spans="14:14">
      <c r="N223198" s="10"/>
    </row>
    <row r="223199" spans="14:14">
      <c r="N223199" s="10"/>
    </row>
    <row r="223200" spans="14:14">
      <c r="N223200" s="10"/>
    </row>
    <row r="223201" spans="14:14">
      <c r="N223201" s="10"/>
    </row>
    <row r="223202" spans="14:14">
      <c r="N223202" s="10"/>
    </row>
    <row r="223203" spans="14:14">
      <c r="N223203" s="10"/>
    </row>
    <row r="223204" spans="14:14">
      <c r="N223204" s="10"/>
    </row>
    <row r="223205" spans="14:14">
      <c r="N223205" s="10"/>
    </row>
    <row r="223206" spans="14:14">
      <c r="N223206" s="10"/>
    </row>
    <row r="223207" spans="14:14">
      <c r="N223207" s="10"/>
    </row>
    <row r="223208" spans="14:14">
      <c r="N223208" s="10"/>
    </row>
    <row r="223209" spans="14:14">
      <c r="N223209" s="10"/>
    </row>
    <row r="223210" spans="14:14">
      <c r="N223210" s="10"/>
    </row>
    <row r="223211" spans="14:14">
      <c r="N223211" s="10"/>
    </row>
    <row r="223212" spans="14:14">
      <c r="N223212" s="10"/>
    </row>
    <row r="223213" spans="14:14">
      <c r="N223213" s="10"/>
    </row>
    <row r="223214" spans="14:14">
      <c r="N223214" s="10"/>
    </row>
    <row r="223215" spans="14:14">
      <c r="N223215" s="10"/>
    </row>
    <row r="223216" spans="14:14">
      <c r="N223216" s="10"/>
    </row>
    <row r="223217" spans="14:14">
      <c r="N223217" s="10"/>
    </row>
    <row r="223218" spans="14:14">
      <c r="N223218" s="10"/>
    </row>
    <row r="223219" spans="14:14">
      <c r="N223219" s="10"/>
    </row>
    <row r="223220" spans="14:14">
      <c r="N223220" s="10"/>
    </row>
    <row r="223221" spans="14:14">
      <c r="N223221" s="10"/>
    </row>
    <row r="223222" spans="14:14">
      <c r="N223222" s="10"/>
    </row>
    <row r="223223" spans="14:14">
      <c r="N223223" s="10"/>
    </row>
    <row r="223224" spans="14:14">
      <c r="N223224" s="10"/>
    </row>
    <row r="223225" spans="14:14">
      <c r="N223225" s="10"/>
    </row>
    <row r="223226" spans="14:14">
      <c r="N223226" s="10"/>
    </row>
    <row r="223227" spans="14:14">
      <c r="N223227" s="10"/>
    </row>
    <row r="223228" spans="14:14">
      <c r="N223228" s="10"/>
    </row>
    <row r="223229" spans="14:14">
      <c r="N223229" s="10"/>
    </row>
    <row r="223230" spans="14:14">
      <c r="N223230" s="10"/>
    </row>
    <row r="223231" spans="14:14">
      <c r="N223231" s="10"/>
    </row>
    <row r="223232" spans="14:14">
      <c r="N223232" s="10"/>
    </row>
    <row r="223233" spans="14:14">
      <c r="N223233" s="10"/>
    </row>
    <row r="223234" spans="14:14">
      <c r="N223234" s="10"/>
    </row>
    <row r="223235" spans="14:14">
      <c r="N223235" s="10"/>
    </row>
    <row r="223236" spans="14:14">
      <c r="N223236" s="10"/>
    </row>
    <row r="223237" spans="14:14">
      <c r="N223237" s="10"/>
    </row>
    <row r="223238" spans="14:14">
      <c r="N223238" s="10"/>
    </row>
    <row r="223239" spans="14:14">
      <c r="N223239" s="10"/>
    </row>
    <row r="223240" spans="14:14">
      <c r="N223240" s="10"/>
    </row>
    <row r="223241" spans="14:14">
      <c r="N223241" s="10"/>
    </row>
    <row r="223242" spans="14:14">
      <c r="N223242" s="10"/>
    </row>
    <row r="223243" spans="14:14">
      <c r="N223243" s="10"/>
    </row>
    <row r="223244" spans="14:14">
      <c r="N223244" s="10"/>
    </row>
    <row r="223245" spans="14:14">
      <c r="N223245" s="10"/>
    </row>
    <row r="223246" spans="14:14">
      <c r="N223246" s="10"/>
    </row>
    <row r="223247" spans="14:14">
      <c r="N223247" s="10"/>
    </row>
    <row r="223248" spans="14:14">
      <c r="N223248" s="10"/>
    </row>
    <row r="223249" spans="14:14">
      <c r="N223249" s="10"/>
    </row>
    <row r="223250" spans="14:14">
      <c r="N223250" s="10"/>
    </row>
    <row r="223251" spans="14:14">
      <c r="N223251" s="10"/>
    </row>
    <row r="223252" spans="14:14">
      <c r="N223252" s="10"/>
    </row>
    <row r="223253" spans="14:14">
      <c r="N223253" s="10"/>
    </row>
    <row r="223254" spans="14:14">
      <c r="N223254" s="10"/>
    </row>
    <row r="223255" spans="14:14">
      <c r="N223255" s="10"/>
    </row>
    <row r="223256" spans="14:14">
      <c r="N223256" s="10"/>
    </row>
    <row r="223257" spans="14:14">
      <c r="N223257" s="10"/>
    </row>
    <row r="223258" spans="14:14">
      <c r="N223258" s="10"/>
    </row>
    <row r="223259" spans="14:14">
      <c r="N223259" s="10"/>
    </row>
    <row r="223260" spans="14:14">
      <c r="N223260" s="10"/>
    </row>
    <row r="223261" spans="14:14">
      <c r="N223261" s="10"/>
    </row>
    <row r="223262" spans="14:14">
      <c r="N223262" s="10"/>
    </row>
    <row r="223263" spans="14:14">
      <c r="N223263" s="10"/>
    </row>
    <row r="223264" spans="14:14">
      <c r="N223264" s="10"/>
    </row>
    <row r="223265" spans="14:14">
      <c r="N223265" s="10"/>
    </row>
    <row r="223266" spans="14:14">
      <c r="N223266" s="10"/>
    </row>
    <row r="223267" spans="14:14">
      <c r="N223267" s="10"/>
    </row>
    <row r="223268" spans="14:14">
      <c r="N223268" s="10"/>
    </row>
    <row r="223269" spans="14:14">
      <c r="N223269" s="10"/>
    </row>
    <row r="223270" spans="14:14">
      <c r="N223270" s="10"/>
    </row>
    <row r="223271" spans="14:14">
      <c r="N223271" s="10"/>
    </row>
    <row r="223272" spans="14:14">
      <c r="N223272" s="10"/>
    </row>
    <row r="223273" spans="14:14">
      <c r="N223273" s="10"/>
    </row>
    <row r="223274" spans="14:14">
      <c r="N223274" s="10"/>
    </row>
    <row r="223275" spans="14:14">
      <c r="N223275" s="10"/>
    </row>
    <row r="223276" spans="14:14">
      <c r="N223276" s="10"/>
    </row>
    <row r="223277" spans="14:14">
      <c r="N223277" s="10"/>
    </row>
    <row r="223278" spans="14:14">
      <c r="N223278" s="10"/>
    </row>
    <row r="223279" spans="14:14">
      <c r="N223279" s="10"/>
    </row>
    <row r="223280" spans="14:14">
      <c r="N223280" s="10"/>
    </row>
    <row r="223281" spans="14:14">
      <c r="N223281" s="10"/>
    </row>
    <row r="223282" spans="14:14">
      <c r="N223282" s="10"/>
    </row>
    <row r="223283" spans="14:14">
      <c r="N223283" s="10"/>
    </row>
    <row r="223284" spans="14:14">
      <c r="N223284" s="10"/>
    </row>
    <row r="223285" spans="14:14">
      <c r="N223285" s="10"/>
    </row>
    <row r="223286" spans="14:14">
      <c r="N223286" s="10"/>
    </row>
    <row r="223287" spans="14:14">
      <c r="N223287" s="10"/>
    </row>
    <row r="223288" spans="14:14">
      <c r="N223288" s="10"/>
    </row>
    <row r="223289" spans="14:14">
      <c r="N223289" s="10"/>
    </row>
    <row r="223290" spans="14:14">
      <c r="N223290" s="10"/>
    </row>
    <row r="223291" spans="14:14">
      <c r="N223291" s="10"/>
    </row>
    <row r="223292" spans="14:14">
      <c r="N223292" s="10"/>
    </row>
    <row r="223293" spans="14:14">
      <c r="N223293" s="10"/>
    </row>
    <row r="223294" spans="14:14">
      <c r="N223294" s="10"/>
    </row>
    <row r="223295" spans="14:14">
      <c r="N223295" s="10"/>
    </row>
    <row r="223296" spans="14:14">
      <c r="N223296" s="10"/>
    </row>
    <row r="223297" spans="14:14">
      <c r="N223297" s="10"/>
    </row>
    <row r="223298" spans="14:14">
      <c r="N223298" s="10"/>
    </row>
    <row r="223299" spans="14:14">
      <c r="N223299" s="10"/>
    </row>
    <row r="223300" spans="14:14">
      <c r="N223300" s="10"/>
    </row>
    <row r="223301" spans="14:14">
      <c r="N223301" s="10"/>
    </row>
    <row r="223302" spans="14:14">
      <c r="N223302" s="10"/>
    </row>
    <row r="223303" spans="14:14">
      <c r="N223303" s="10"/>
    </row>
    <row r="223304" spans="14:14">
      <c r="N223304" s="10"/>
    </row>
    <row r="223305" spans="14:14">
      <c r="N223305" s="10"/>
    </row>
    <row r="223306" spans="14:14">
      <c r="N223306" s="10"/>
    </row>
    <row r="223307" spans="14:14">
      <c r="N223307" s="10"/>
    </row>
    <row r="223308" spans="14:14">
      <c r="N223308" s="10"/>
    </row>
    <row r="223309" spans="14:14">
      <c r="N223309" s="10"/>
    </row>
    <row r="223310" spans="14:14">
      <c r="N223310" s="10"/>
    </row>
    <row r="223311" spans="14:14">
      <c r="N223311" s="10"/>
    </row>
    <row r="223312" spans="14:14">
      <c r="N223312" s="10"/>
    </row>
    <row r="223313" spans="14:14">
      <c r="N223313" s="10"/>
    </row>
    <row r="223314" spans="14:14">
      <c r="N223314" s="10"/>
    </row>
    <row r="223315" spans="14:14">
      <c r="N223315" s="10"/>
    </row>
    <row r="223316" spans="14:14">
      <c r="N223316" s="10"/>
    </row>
    <row r="223317" spans="14:14">
      <c r="N223317" s="10"/>
    </row>
    <row r="223318" spans="14:14">
      <c r="N223318" s="10"/>
    </row>
    <row r="223319" spans="14:14">
      <c r="N223319" s="10"/>
    </row>
    <row r="223320" spans="14:14">
      <c r="N223320" s="10"/>
    </row>
    <row r="223321" spans="14:14">
      <c r="N223321" s="10"/>
    </row>
    <row r="223322" spans="14:14">
      <c r="N223322" s="10"/>
    </row>
    <row r="223323" spans="14:14">
      <c r="N223323" s="10"/>
    </row>
    <row r="223324" spans="14:14">
      <c r="N223324" s="10"/>
    </row>
    <row r="223325" spans="14:14">
      <c r="N223325" s="10"/>
    </row>
    <row r="223326" spans="14:14">
      <c r="N223326" s="10"/>
    </row>
    <row r="223327" spans="14:14">
      <c r="N223327" s="10"/>
    </row>
    <row r="223328" spans="14:14">
      <c r="N223328" s="10"/>
    </row>
    <row r="223329" spans="14:14">
      <c r="N223329" s="10"/>
    </row>
    <row r="223330" spans="14:14">
      <c r="N223330" s="10"/>
    </row>
    <row r="223331" spans="14:14">
      <c r="N223331" s="10"/>
    </row>
    <row r="223332" spans="14:14">
      <c r="N223332" s="10"/>
    </row>
    <row r="223333" spans="14:14">
      <c r="N223333" s="10"/>
    </row>
    <row r="223334" spans="14:14">
      <c r="N223334" s="10"/>
    </row>
    <row r="223335" spans="14:14">
      <c r="N223335" s="10"/>
    </row>
    <row r="223336" spans="14:14">
      <c r="N223336" s="10"/>
    </row>
    <row r="223337" spans="14:14">
      <c r="N223337" s="10"/>
    </row>
    <row r="223338" spans="14:14">
      <c r="N223338" s="10"/>
    </row>
    <row r="223339" spans="14:14">
      <c r="N223339" s="10"/>
    </row>
    <row r="223340" spans="14:14">
      <c r="N223340" s="10"/>
    </row>
    <row r="223341" spans="14:14">
      <c r="N223341" s="10"/>
    </row>
    <row r="223342" spans="14:14">
      <c r="N223342" s="10"/>
    </row>
    <row r="223343" spans="14:14">
      <c r="N223343" s="10"/>
    </row>
    <row r="223344" spans="14:14">
      <c r="N223344" s="10"/>
    </row>
    <row r="223345" spans="14:14">
      <c r="N223345" s="10"/>
    </row>
    <row r="223346" spans="14:14">
      <c r="N223346" s="10"/>
    </row>
    <row r="223347" spans="14:14">
      <c r="N223347" s="10"/>
    </row>
    <row r="223348" spans="14:14">
      <c r="N223348" s="10"/>
    </row>
    <row r="223349" spans="14:14">
      <c r="N223349" s="10"/>
    </row>
    <row r="223350" spans="14:14">
      <c r="N223350" s="10"/>
    </row>
    <row r="223351" spans="14:14">
      <c r="N223351" s="10"/>
    </row>
    <row r="223352" spans="14:14">
      <c r="N223352" s="10"/>
    </row>
    <row r="223353" spans="14:14">
      <c r="N223353" s="10"/>
    </row>
    <row r="223354" spans="14:14">
      <c r="N223354" s="10"/>
    </row>
    <row r="223355" spans="14:14">
      <c r="N223355" s="10"/>
    </row>
    <row r="223356" spans="14:14">
      <c r="N223356" s="10"/>
    </row>
    <row r="223357" spans="14:14">
      <c r="N223357" s="10"/>
    </row>
    <row r="223358" spans="14:14">
      <c r="N223358" s="10"/>
    </row>
    <row r="223359" spans="14:14">
      <c r="N223359" s="10"/>
    </row>
    <row r="223360" spans="14:14">
      <c r="N223360" s="10"/>
    </row>
    <row r="223361" spans="14:14">
      <c r="N223361" s="10"/>
    </row>
    <row r="223362" spans="14:14">
      <c r="N223362" s="10"/>
    </row>
    <row r="223363" spans="14:14">
      <c r="N223363" s="10"/>
    </row>
    <row r="223364" spans="14:14">
      <c r="N223364" s="10"/>
    </row>
    <row r="223365" spans="14:14">
      <c r="N223365" s="10"/>
    </row>
    <row r="223366" spans="14:14">
      <c r="N223366" s="10"/>
    </row>
    <row r="223367" spans="14:14">
      <c r="N223367" s="10"/>
    </row>
    <row r="223368" spans="14:14">
      <c r="N223368" s="10"/>
    </row>
    <row r="223369" spans="14:14">
      <c r="N223369" s="10"/>
    </row>
    <row r="223370" spans="14:14">
      <c r="N223370" s="10"/>
    </row>
    <row r="223371" spans="14:14">
      <c r="N223371" s="10"/>
    </row>
    <row r="223372" spans="14:14">
      <c r="N223372" s="10"/>
    </row>
    <row r="223373" spans="14:14">
      <c r="N223373" s="10"/>
    </row>
    <row r="223374" spans="14:14">
      <c r="N223374" s="10"/>
    </row>
    <row r="223375" spans="14:14">
      <c r="N223375" s="10"/>
    </row>
    <row r="223376" spans="14:14">
      <c r="N223376" s="10"/>
    </row>
    <row r="223377" spans="14:14">
      <c r="N223377" s="10"/>
    </row>
    <row r="223378" spans="14:14">
      <c r="N223378" s="10"/>
    </row>
    <row r="223379" spans="14:14">
      <c r="N223379" s="10"/>
    </row>
    <row r="223380" spans="14:14">
      <c r="N223380" s="10"/>
    </row>
    <row r="223381" spans="14:14">
      <c r="N223381" s="10"/>
    </row>
    <row r="223382" spans="14:14">
      <c r="N223382" s="10"/>
    </row>
    <row r="223383" spans="14:14">
      <c r="N223383" s="10"/>
    </row>
    <row r="223384" spans="14:14">
      <c r="N223384" s="10"/>
    </row>
    <row r="223385" spans="14:14">
      <c r="N223385" s="10"/>
    </row>
    <row r="223386" spans="14:14">
      <c r="N223386" s="10"/>
    </row>
    <row r="223387" spans="14:14">
      <c r="N223387" s="10"/>
    </row>
    <row r="223388" spans="14:14">
      <c r="N223388" s="10"/>
    </row>
    <row r="223389" spans="14:14">
      <c r="N223389" s="10"/>
    </row>
    <row r="223390" spans="14:14">
      <c r="N223390" s="10"/>
    </row>
    <row r="223391" spans="14:14">
      <c r="N223391" s="10"/>
    </row>
    <row r="223392" spans="14:14">
      <c r="N223392" s="10"/>
    </row>
    <row r="223393" spans="14:14">
      <c r="N223393" s="10"/>
    </row>
    <row r="223394" spans="14:14">
      <c r="N223394" s="10"/>
    </row>
    <row r="223395" spans="14:14">
      <c r="N223395" s="10"/>
    </row>
    <row r="223396" spans="14:14">
      <c r="N223396" s="10"/>
    </row>
    <row r="223397" spans="14:14">
      <c r="N223397" s="10"/>
    </row>
    <row r="223398" spans="14:14">
      <c r="N223398" s="10"/>
    </row>
    <row r="223399" spans="14:14">
      <c r="N223399" s="10"/>
    </row>
    <row r="223400" spans="14:14">
      <c r="N223400" s="10"/>
    </row>
    <row r="223401" spans="14:14">
      <c r="N223401" s="10"/>
    </row>
    <row r="223402" spans="14:14">
      <c r="N223402" s="10"/>
    </row>
    <row r="223403" spans="14:14">
      <c r="N223403" s="10"/>
    </row>
    <row r="223404" spans="14:14">
      <c r="N223404" s="10"/>
    </row>
    <row r="223405" spans="14:14">
      <c r="N223405" s="10"/>
    </row>
    <row r="223406" spans="14:14">
      <c r="N223406" s="10"/>
    </row>
    <row r="223407" spans="14:14">
      <c r="N223407" s="10"/>
    </row>
    <row r="223408" spans="14:14">
      <c r="N223408" s="10"/>
    </row>
    <row r="223409" spans="14:14">
      <c r="N223409" s="10"/>
    </row>
    <row r="223410" spans="14:14">
      <c r="N223410" s="10"/>
    </row>
    <row r="223411" spans="14:14">
      <c r="N223411" s="10"/>
    </row>
    <row r="223412" spans="14:14">
      <c r="N223412" s="10"/>
    </row>
    <row r="223413" spans="14:14">
      <c r="N223413" s="10"/>
    </row>
    <row r="223414" spans="14:14">
      <c r="N223414" s="10"/>
    </row>
    <row r="223415" spans="14:14">
      <c r="N223415" s="10"/>
    </row>
    <row r="223416" spans="14:14">
      <c r="N223416" s="10"/>
    </row>
    <row r="223417" spans="14:14">
      <c r="N223417" s="10"/>
    </row>
    <row r="223418" spans="14:14">
      <c r="N223418" s="10"/>
    </row>
    <row r="223419" spans="14:14">
      <c r="N223419" s="10"/>
    </row>
    <row r="223420" spans="14:14">
      <c r="N223420" s="10"/>
    </row>
    <row r="223421" spans="14:14">
      <c r="N223421" s="10"/>
    </row>
    <row r="223422" spans="14:14">
      <c r="N223422" s="10"/>
    </row>
    <row r="223423" spans="14:14">
      <c r="N223423" s="10"/>
    </row>
    <row r="223424" spans="14:14">
      <c r="N223424" s="10"/>
    </row>
    <row r="223425" spans="14:14">
      <c r="N223425" s="10"/>
    </row>
    <row r="223426" spans="14:14">
      <c r="N223426" s="10"/>
    </row>
    <row r="223427" spans="14:14">
      <c r="N223427" s="10"/>
    </row>
    <row r="223428" spans="14:14">
      <c r="N223428" s="10"/>
    </row>
    <row r="223429" spans="14:14">
      <c r="N223429" s="10"/>
    </row>
    <row r="223430" spans="14:14">
      <c r="N223430" s="10"/>
    </row>
    <row r="223431" spans="14:14">
      <c r="N223431" s="10"/>
    </row>
    <row r="223432" spans="14:14">
      <c r="N223432" s="10"/>
    </row>
    <row r="223433" spans="14:14">
      <c r="N223433" s="10"/>
    </row>
    <row r="223434" spans="14:14">
      <c r="N223434" s="10"/>
    </row>
    <row r="223435" spans="14:14">
      <c r="N223435" s="10"/>
    </row>
    <row r="223436" spans="14:14">
      <c r="N223436" s="10"/>
    </row>
    <row r="223437" spans="14:14">
      <c r="N223437" s="10"/>
    </row>
    <row r="223438" spans="14:14">
      <c r="N223438" s="10"/>
    </row>
    <row r="223439" spans="14:14">
      <c r="N223439" s="10"/>
    </row>
    <row r="223440" spans="14:14">
      <c r="N223440" s="10"/>
    </row>
    <row r="223441" spans="14:14">
      <c r="N223441" s="10"/>
    </row>
    <row r="223442" spans="14:14">
      <c r="N223442" s="10"/>
    </row>
    <row r="223443" spans="14:14">
      <c r="N223443" s="10"/>
    </row>
    <row r="223444" spans="14:14">
      <c r="N223444" s="10"/>
    </row>
    <row r="223445" spans="14:14">
      <c r="N223445" s="10"/>
    </row>
    <row r="223446" spans="14:14">
      <c r="N223446" s="10"/>
    </row>
    <row r="223447" spans="14:14">
      <c r="N223447" s="10"/>
    </row>
    <row r="223448" spans="14:14">
      <c r="N223448" s="10"/>
    </row>
    <row r="223449" spans="14:14">
      <c r="N223449" s="10"/>
    </row>
    <row r="223450" spans="14:14">
      <c r="N223450" s="10"/>
    </row>
    <row r="223451" spans="14:14">
      <c r="N223451" s="10"/>
    </row>
    <row r="223452" spans="14:14">
      <c r="N223452" s="10"/>
    </row>
    <row r="223453" spans="14:14">
      <c r="N223453" s="10"/>
    </row>
    <row r="223454" spans="14:14">
      <c r="N223454" s="10"/>
    </row>
    <row r="223455" spans="14:14">
      <c r="N223455" s="10"/>
    </row>
    <row r="223456" spans="14:14">
      <c r="N223456" s="10"/>
    </row>
    <row r="223457" spans="14:14">
      <c r="N223457" s="10"/>
    </row>
    <row r="223458" spans="14:14">
      <c r="N223458" s="10"/>
    </row>
    <row r="223459" spans="14:14">
      <c r="N223459" s="10"/>
    </row>
    <row r="223460" spans="14:14">
      <c r="N223460" s="10"/>
    </row>
    <row r="223461" spans="14:14">
      <c r="N223461" s="10"/>
    </row>
    <row r="223462" spans="14:14">
      <c r="N223462" s="10"/>
    </row>
    <row r="223463" spans="14:14">
      <c r="N223463" s="10"/>
    </row>
    <row r="223464" spans="14:14">
      <c r="N223464" s="10"/>
    </row>
    <row r="223465" spans="14:14">
      <c r="N223465" s="10"/>
    </row>
    <row r="223466" spans="14:14">
      <c r="N223466" s="10"/>
    </row>
    <row r="223467" spans="14:14">
      <c r="N223467" s="10"/>
    </row>
    <row r="223468" spans="14:14">
      <c r="N223468" s="10"/>
    </row>
    <row r="223469" spans="14:14">
      <c r="N223469" s="10"/>
    </row>
    <row r="223470" spans="14:14">
      <c r="N223470" s="10"/>
    </row>
    <row r="223471" spans="14:14">
      <c r="N223471" s="10"/>
    </row>
    <row r="223472" spans="14:14">
      <c r="N223472" s="10"/>
    </row>
    <row r="223473" spans="14:14">
      <c r="N223473" s="10"/>
    </row>
    <row r="223474" spans="14:14">
      <c r="N223474" s="10"/>
    </row>
    <row r="223475" spans="14:14">
      <c r="N223475" s="10"/>
    </row>
    <row r="223476" spans="14:14">
      <c r="N223476" s="10"/>
    </row>
    <row r="223477" spans="14:14">
      <c r="N223477" s="10"/>
    </row>
    <row r="223478" spans="14:14">
      <c r="N223478" s="10"/>
    </row>
    <row r="223479" spans="14:14">
      <c r="N223479" s="10"/>
    </row>
    <row r="223480" spans="14:14">
      <c r="N223480" s="10"/>
    </row>
    <row r="223481" spans="14:14">
      <c r="N223481" s="10"/>
    </row>
    <row r="223482" spans="14:14">
      <c r="N223482" s="10"/>
    </row>
    <row r="223483" spans="14:14">
      <c r="N223483" s="10"/>
    </row>
    <row r="223484" spans="14:14">
      <c r="N223484" s="10"/>
    </row>
    <row r="223485" spans="14:14">
      <c r="N223485" s="10"/>
    </row>
    <row r="223486" spans="14:14">
      <c r="N223486" s="10"/>
    </row>
    <row r="223487" spans="14:14">
      <c r="N223487" s="10"/>
    </row>
    <row r="223488" spans="14:14">
      <c r="N223488" s="10"/>
    </row>
    <row r="223489" spans="14:14">
      <c r="N223489" s="10"/>
    </row>
    <row r="223490" spans="14:14">
      <c r="N223490" s="10"/>
    </row>
    <row r="223491" spans="14:14">
      <c r="N223491" s="10"/>
    </row>
    <row r="223492" spans="14:14">
      <c r="N223492" s="10"/>
    </row>
    <row r="223493" spans="14:14">
      <c r="N223493" s="10"/>
    </row>
    <row r="223494" spans="14:14">
      <c r="N223494" s="10"/>
    </row>
    <row r="223495" spans="14:14">
      <c r="N223495" s="10"/>
    </row>
    <row r="223496" spans="14:14">
      <c r="N223496" s="10"/>
    </row>
    <row r="223497" spans="14:14">
      <c r="N223497" s="10"/>
    </row>
    <row r="223498" spans="14:14">
      <c r="N223498" s="10"/>
    </row>
    <row r="223499" spans="14:14">
      <c r="N223499" s="10"/>
    </row>
    <row r="223500" spans="14:14">
      <c r="N223500" s="10"/>
    </row>
    <row r="223501" spans="14:14">
      <c r="N223501" s="10"/>
    </row>
    <row r="223502" spans="14:14">
      <c r="N223502" s="10"/>
    </row>
    <row r="223503" spans="14:14">
      <c r="N223503" s="10"/>
    </row>
    <row r="223504" spans="14:14">
      <c r="N223504" s="10"/>
    </row>
    <row r="223505" spans="14:14">
      <c r="N223505" s="10"/>
    </row>
    <row r="223506" spans="14:14">
      <c r="N223506" s="10"/>
    </row>
    <row r="223507" spans="14:14">
      <c r="N223507" s="10"/>
    </row>
    <row r="223508" spans="14:14">
      <c r="N223508" s="10"/>
    </row>
    <row r="223509" spans="14:14">
      <c r="N223509" s="10"/>
    </row>
    <row r="223510" spans="14:14">
      <c r="N223510" s="10"/>
    </row>
    <row r="223511" spans="14:14">
      <c r="N223511" s="10"/>
    </row>
    <row r="223512" spans="14:14">
      <c r="N223512" s="10"/>
    </row>
    <row r="223513" spans="14:14">
      <c r="N223513" s="10"/>
    </row>
    <row r="223514" spans="14:14">
      <c r="N223514" s="10"/>
    </row>
    <row r="223515" spans="14:14">
      <c r="N223515" s="10"/>
    </row>
    <row r="223516" spans="14:14">
      <c r="N223516" s="10"/>
    </row>
    <row r="223517" spans="14:14">
      <c r="N223517" s="10"/>
    </row>
    <row r="223518" spans="14:14">
      <c r="N223518" s="10"/>
    </row>
    <row r="223519" spans="14:14">
      <c r="N223519" s="10"/>
    </row>
    <row r="223520" spans="14:14">
      <c r="N223520" s="10"/>
    </row>
    <row r="223521" spans="14:14">
      <c r="N223521" s="10"/>
    </row>
    <row r="223522" spans="14:14">
      <c r="N223522" s="10"/>
    </row>
    <row r="223523" spans="14:14">
      <c r="N223523" s="10"/>
    </row>
    <row r="223524" spans="14:14">
      <c r="N223524" s="10"/>
    </row>
    <row r="223525" spans="14:14">
      <c r="N223525" s="10"/>
    </row>
    <row r="223526" spans="14:14">
      <c r="N223526" s="10"/>
    </row>
    <row r="223527" spans="14:14">
      <c r="N223527" s="10"/>
    </row>
    <row r="223528" spans="14:14">
      <c r="N223528" s="10"/>
    </row>
    <row r="223529" spans="14:14">
      <c r="N223529" s="10"/>
    </row>
    <row r="223530" spans="14:14">
      <c r="N223530" s="10"/>
    </row>
    <row r="223531" spans="14:14">
      <c r="N223531" s="10"/>
    </row>
    <row r="223532" spans="14:14">
      <c r="N223532" s="10"/>
    </row>
    <row r="223533" spans="14:14">
      <c r="N223533" s="10"/>
    </row>
    <row r="223534" spans="14:14">
      <c r="N223534" s="10"/>
    </row>
    <row r="223535" spans="14:14">
      <c r="N223535" s="10"/>
    </row>
    <row r="223536" spans="14:14">
      <c r="N223536" s="10"/>
    </row>
    <row r="223537" spans="14:14">
      <c r="N223537" s="10"/>
    </row>
    <row r="223538" spans="14:14">
      <c r="N223538" s="10"/>
    </row>
    <row r="223539" spans="14:14">
      <c r="N223539" s="10"/>
    </row>
    <row r="223540" spans="14:14">
      <c r="N223540" s="10"/>
    </row>
    <row r="223541" spans="14:14">
      <c r="N223541" s="10"/>
    </row>
    <row r="223542" spans="14:14">
      <c r="N223542" s="10"/>
    </row>
    <row r="223543" spans="14:14">
      <c r="N223543" s="10"/>
    </row>
    <row r="223544" spans="14:14">
      <c r="N223544" s="10"/>
    </row>
    <row r="223545" spans="14:14">
      <c r="N223545" s="10"/>
    </row>
    <row r="223546" spans="14:14">
      <c r="N223546" s="10"/>
    </row>
    <row r="223547" spans="14:14">
      <c r="N223547" s="10"/>
    </row>
    <row r="223548" spans="14:14">
      <c r="N223548" s="10"/>
    </row>
    <row r="223549" spans="14:14">
      <c r="N223549" s="10"/>
    </row>
    <row r="223550" spans="14:14">
      <c r="N223550" s="10"/>
    </row>
    <row r="223551" spans="14:14">
      <c r="N223551" s="10"/>
    </row>
    <row r="223552" spans="14:14">
      <c r="N223552" s="10"/>
    </row>
    <row r="223553" spans="14:14">
      <c r="N223553" s="10"/>
    </row>
    <row r="223554" spans="14:14">
      <c r="N223554" s="10"/>
    </row>
    <row r="223555" spans="14:14">
      <c r="N223555" s="10"/>
    </row>
    <row r="223556" spans="14:14">
      <c r="N223556" s="10"/>
    </row>
    <row r="223557" spans="14:14">
      <c r="N223557" s="10"/>
    </row>
    <row r="223558" spans="14:14">
      <c r="N223558" s="10"/>
    </row>
    <row r="223559" spans="14:14">
      <c r="N223559" s="10"/>
    </row>
    <row r="223560" spans="14:14">
      <c r="N223560" s="10"/>
    </row>
    <row r="223561" spans="14:14">
      <c r="N223561" s="10"/>
    </row>
    <row r="223562" spans="14:14">
      <c r="N223562" s="10"/>
    </row>
    <row r="223563" spans="14:14">
      <c r="N223563" s="10"/>
    </row>
    <row r="223564" spans="14:14">
      <c r="N223564" s="10"/>
    </row>
    <row r="223565" spans="14:14">
      <c r="N223565" s="10"/>
    </row>
    <row r="223566" spans="14:14">
      <c r="N223566" s="10"/>
    </row>
    <row r="223567" spans="14:14">
      <c r="N223567" s="10"/>
    </row>
    <row r="223568" spans="14:14">
      <c r="N223568" s="10"/>
    </row>
    <row r="223569" spans="14:14">
      <c r="N223569" s="10"/>
    </row>
    <row r="223570" spans="14:14">
      <c r="N223570" s="10"/>
    </row>
    <row r="223571" spans="14:14">
      <c r="N223571" s="10"/>
    </row>
    <row r="223572" spans="14:14">
      <c r="N223572" s="10"/>
    </row>
    <row r="223573" spans="14:14">
      <c r="N223573" s="10"/>
    </row>
    <row r="223574" spans="14:14">
      <c r="N223574" s="10"/>
    </row>
    <row r="223575" spans="14:14">
      <c r="N223575" s="10"/>
    </row>
    <row r="223576" spans="14:14">
      <c r="N223576" s="10"/>
    </row>
    <row r="223577" spans="14:14">
      <c r="N223577" s="10"/>
    </row>
    <row r="223578" spans="14:14">
      <c r="N223578" s="10"/>
    </row>
    <row r="223579" spans="14:14">
      <c r="N223579" s="10"/>
    </row>
    <row r="223580" spans="14:14">
      <c r="N223580" s="10"/>
    </row>
    <row r="223581" spans="14:14">
      <c r="N223581" s="10"/>
    </row>
    <row r="223582" spans="14:14">
      <c r="N223582" s="10"/>
    </row>
    <row r="223583" spans="14:14">
      <c r="N223583" s="10"/>
    </row>
    <row r="223584" spans="14:14">
      <c r="N223584" s="10"/>
    </row>
    <row r="223585" spans="14:14">
      <c r="N223585" s="10"/>
    </row>
    <row r="223586" spans="14:14">
      <c r="N223586" s="10"/>
    </row>
    <row r="223587" spans="14:14">
      <c r="N223587" s="10"/>
    </row>
    <row r="223588" spans="14:14">
      <c r="N223588" s="10"/>
    </row>
    <row r="223589" spans="14:14">
      <c r="N223589" s="10"/>
    </row>
    <row r="223590" spans="14:14">
      <c r="N223590" s="10"/>
    </row>
    <row r="223591" spans="14:14">
      <c r="N223591" s="10"/>
    </row>
    <row r="223592" spans="14:14">
      <c r="N223592" s="10"/>
    </row>
    <row r="223593" spans="14:14">
      <c r="N223593" s="10"/>
    </row>
    <row r="223594" spans="14:14">
      <c r="N223594" s="10"/>
    </row>
    <row r="223595" spans="14:14">
      <c r="N223595" s="10"/>
    </row>
    <row r="223596" spans="14:14">
      <c r="N223596" s="10"/>
    </row>
    <row r="223597" spans="14:14">
      <c r="N223597" s="10"/>
    </row>
    <row r="223598" spans="14:14">
      <c r="N223598" s="10"/>
    </row>
    <row r="223599" spans="14:14">
      <c r="N223599" s="10"/>
    </row>
    <row r="223600" spans="14:14">
      <c r="N223600" s="10"/>
    </row>
    <row r="223601" spans="14:14">
      <c r="N223601" s="10"/>
    </row>
    <row r="223602" spans="14:14">
      <c r="N223602" s="10"/>
    </row>
    <row r="223603" spans="14:14">
      <c r="N223603" s="10"/>
    </row>
    <row r="223604" spans="14:14">
      <c r="N223604" s="10"/>
    </row>
    <row r="223605" spans="14:14">
      <c r="N223605" s="10"/>
    </row>
    <row r="223606" spans="14:14">
      <c r="N223606" s="10"/>
    </row>
    <row r="223607" spans="14:14">
      <c r="N223607" s="10"/>
    </row>
    <row r="223608" spans="14:14">
      <c r="N223608" s="10"/>
    </row>
    <row r="223609" spans="14:14">
      <c r="N223609" s="10"/>
    </row>
    <row r="223610" spans="14:14">
      <c r="N223610" s="10"/>
    </row>
    <row r="223611" spans="14:14">
      <c r="N223611" s="10"/>
    </row>
    <row r="223612" spans="14:14">
      <c r="N223612" s="10"/>
    </row>
    <row r="223613" spans="14:14">
      <c r="N223613" s="10"/>
    </row>
    <row r="223614" spans="14:14">
      <c r="N223614" s="10"/>
    </row>
    <row r="223615" spans="14:14">
      <c r="N223615" s="10"/>
    </row>
    <row r="223616" spans="14:14">
      <c r="N223616" s="10"/>
    </row>
    <row r="223617" spans="14:14">
      <c r="N223617" s="10"/>
    </row>
    <row r="223618" spans="14:14">
      <c r="N223618" s="10"/>
    </row>
    <row r="223619" spans="14:14">
      <c r="N223619" s="10"/>
    </row>
    <row r="223620" spans="14:14">
      <c r="N223620" s="10"/>
    </row>
    <row r="223621" spans="14:14">
      <c r="N223621" s="10"/>
    </row>
    <row r="223622" spans="14:14">
      <c r="N223622" s="10"/>
    </row>
    <row r="223623" spans="14:14">
      <c r="N223623" s="10"/>
    </row>
    <row r="223624" spans="14:14">
      <c r="N223624" s="10"/>
    </row>
    <row r="223625" spans="14:14">
      <c r="N223625" s="10"/>
    </row>
    <row r="223626" spans="14:14">
      <c r="N223626" s="10"/>
    </row>
    <row r="223627" spans="14:14">
      <c r="N223627" s="10"/>
    </row>
    <row r="223628" spans="14:14">
      <c r="N223628" s="10"/>
    </row>
    <row r="223629" spans="14:14">
      <c r="N223629" s="10"/>
    </row>
    <row r="223630" spans="14:14">
      <c r="N223630" s="10"/>
    </row>
    <row r="223631" spans="14:14">
      <c r="N223631" s="10"/>
    </row>
    <row r="223632" spans="14:14">
      <c r="N223632" s="10"/>
    </row>
    <row r="223633" spans="14:14">
      <c r="N223633" s="10"/>
    </row>
    <row r="223634" spans="14:14">
      <c r="N223634" s="10"/>
    </row>
    <row r="223635" spans="14:14">
      <c r="N223635" s="10"/>
    </row>
    <row r="223636" spans="14:14">
      <c r="N223636" s="10"/>
    </row>
    <row r="223637" spans="14:14">
      <c r="N223637" s="10"/>
    </row>
    <row r="223638" spans="14:14">
      <c r="N223638" s="10"/>
    </row>
    <row r="223639" spans="14:14">
      <c r="N223639" s="10"/>
    </row>
    <row r="223640" spans="14:14">
      <c r="N223640" s="10"/>
    </row>
    <row r="223641" spans="14:14">
      <c r="N223641" s="10"/>
    </row>
    <row r="223642" spans="14:14">
      <c r="N223642" s="10"/>
    </row>
    <row r="223643" spans="14:14">
      <c r="N223643" s="10"/>
    </row>
    <row r="223644" spans="14:14">
      <c r="N223644" s="10"/>
    </row>
    <row r="223645" spans="14:14">
      <c r="N223645" s="10"/>
    </row>
    <row r="223646" spans="14:14">
      <c r="N223646" s="10"/>
    </row>
    <row r="223647" spans="14:14">
      <c r="N223647" s="10"/>
    </row>
    <row r="223648" spans="14:14">
      <c r="N223648" s="10"/>
    </row>
    <row r="223649" spans="14:14">
      <c r="N223649" s="10"/>
    </row>
    <row r="223650" spans="14:14">
      <c r="N223650" s="10"/>
    </row>
    <row r="223651" spans="14:14">
      <c r="N223651" s="10"/>
    </row>
    <row r="223652" spans="14:14">
      <c r="N223652" s="10"/>
    </row>
    <row r="223653" spans="14:14">
      <c r="N223653" s="10"/>
    </row>
    <row r="223654" spans="14:14">
      <c r="N223654" s="10"/>
    </row>
    <row r="223655" spans="14:14">
      <c r="N223655" s="10"/>
    </row>
    <row r="223656" spans="14:14">
      <c r="N223656" s="10"/>
    </row>
    <row r="223657" spans="14:14">
      <c r="N223657" s="10"/>
    </row>
    <row r="223658" spans="14:14">
      <c r="N223658" s="10"/>
    </row>
    <row r="223659" spans="14:14">
      <c r="N223659" s="10"/>
    </row>
    <row r="223660" spans="14:14">
      <c r="N223660" s="10"/>
    </row>
    <row r="223661" spans="14:14">
      <c r="N223661" s="10"/>
    </row>
    <row r="223662" spans="14:14">
      <c r="N223662" s="10"/>
    </row>
    <row r="223663" spans="14:14">
      <c r="N223663" s="10"/>
    </row>
    <row r="223664" spans="14:14">
      <c r="N223664" s="10"/>
    </row>
    <row r="223665" spans="14:14">
      <c r="N223665" s="10"/>
    </row>
    <row r="223666" spans="14:14">
      <c r="N223666" s="10"/>
    </row>
    <row r="223667" spans="14:14">
      <c r="N223667" s="10"/>
    </row>
    <row r="223668" spans="14:14">
      <c r="N223668" s="10"/>
    </row>
    <row r="223669" spans="14:14">
      <c r="N223669" s="10"/>
    </row>
    <row r="223670" spans="14:14">
      <c r="N223670" s="10"/>
    </row>
    <row r="223671" spans="14:14">
      <c r="N223671" s="10"/>
    </row>
    <row r="223672" spans="14:14">
      <c r="N223672" s="10"/>
    </row>
    <row r="223673" spans="14:14">
      <c r="N223673" s="10"/>
    </row>
    <row r="223674" spans="14:14">
      <c r="N223674" s="10"/>
    </row>
    <row r="223675" spans="14:14">
      <c r="N223675" s="10"/>
    </row>
    <row r="223676" spans="14:14">
      <c r="N223676" s="10"/>
    </row>
    <row r="223677" spans="14:14">
      <c r="N223677" s="10"/>
    </row>
    <row r="223678" spans="14:14">
      <c r="N223678" s="10"/>
    </row>
    <row r="223679" spans="14:14">
      <c r="N223679" s="10"/>
    </row>
    <row r="223680" spans="14:14">
      <c r="N223680" s="10"/>
    </row>
    <row r="223681" spans="14:14">
      <c r="N223681" s="10"/>
    </row>
    <row r="223682" spans="14:14">
      <c r="N223682" s="10"/>
    </row>
    <row r="223683" spans="14:14">
      <c r="N223683" s="10"/>
    </row>
    <row r="223684" spans="14:14">
      <c r="N223684" s="10"/>
    </row>
    <row r="223685" spans="14:14">
      <c r="N223685" s="10"/>
    </row>
    <row r="223686" spans="14:14">
      <c r="N223686" s="10"/>
    </row>
    <row r="223687" spans="14:14">
      <c r="N223687" s="10"/>
    </row>
    <row r="223688" spans="14:14">
      <c r="N223688" s="10"/>
    </row>
    <row r="223689" spans="14:14">
      <c r="N223689" s="10"/>
    </row>
    <row r="223690" spans="14:14">
      <c r="N223690" s="10"/>
    </row>
    <row r="223691" spans="14:14">
      <c r="N223691" s="10"/>
    </row>
    <row r="223692" spans="14:14">
      <c r="N223692" s="10"/>
    </row>
    <row r="223693" spans="14:14">
      <c r="N223693" s="10"/>
    </row>
    <row r="223694" spans="14:14">
      <c r="N223694" s="10"/>
    </row>
    <row r="223695" spans="14:14">
      <c r="N223695" s="10"/>
    </row>
    <row r="223696" spans="14:14">
      <c r="N223696" s="10"/>
    </row>
    <row r="223697" spans="14:14">
      <c r="N223697" s="10"/>
    </row>
    <row r="223698" spans="14:14">
      <c r="N223698" s="10"/>
    </row>
    <row r="223699" spans="14:14">
      <c r="N223699" s="10"/>
    </row>
    <row r="223700" spans="14:14">
      <c r="N223700" s="10"/>
    </row>
    <row r="223701" spans="14:14">
      <c r="N223701" s="10"/>
    </row>
    <row r="223702" spans="14:14">
      <c r="N223702" s="10"/>
    </row>
    <row r="223703" spans="14:14">
      <c r="N223703" s="10"/>
    </row>
    <row r="223704" spans="14:14">
      <c r="N223704" s="10"/>
    </row>
    <row r="223705" spans="14:14">
      <c r="N223705" s="10"/>
    </row>
    <row r="223706" spans="14:14">
      <c r="N223706" s="10"/>
    </row>
    <row r="223707" spans="14:14">
      <c r="N223707" s="10"/>
    </row>
    <row r="223708" spans="14:14">
      <c r="N223708" s="10"/>
    </row>
    <row r="223709" spans="14:14">
      <c r="N223709" s="10"/>
    </row>
    <row r="223710" spans="14:14">
      <c r="N223710" s="10"/>
    </row>
    <row r="223711" spans="14:14">
      <c r="N223711" s="10"/>
    </row>
    <row r="223712" spans="14:14">
      <c r="N223712" s="10"/>
    </row>
    <row r="223713" spans="14:14">
      <c r="N223713" s="10"/>
    </row>
    <row r="223714" spans="14:14">
      <c r="N223714" s="10"/>
    </row>
    <row r="223715" spans="14:14">
      <c r="N223715" s="10"/>
    </row>
    <row r="223716" spans="14:14">
      <c r="N223716" s="10"/>
    </row>
    <row r="223717" spans="14:14">
      <c r="N223717" s="10"/>
    </row>
    <row r="223718" spans="14:14">
      <c r="N223718" s="10"/>
    </row>
    <row r="223719" spans="14:14">
      <c r="N223719" s="10"/>
    </row>
    <row r="223720" spans="14:14">
      <c r="N223720" s="10"/>
    </row>
    <row r="223721" spans="14:14">
      <c r="N223721" s="10"/>
    </row>
    <row r="223722" spans="14:14">
      <c r="N223722" s="10"/>
    </row>
    <row r="223723" spans="14:14">
      <c r="N223723" s="10"/>
    </row>
    <row r="223724" spans="14:14">
      <c r="N223724" s="10"/>
    </row>
    <row r="223725" spans="14:14">
      <c r="N223725" s="10"/>
    </row>
    <row r="223726" spans="14:14">
      <c r="N223726" s="10"/>
    </row>
    <row r="223727" spans="14:14">
      <c r="N223727" s="10"/>
    </row>
    <row r="223728" spans="14:14">
      <c r="N223728" s="10"/>
    </row>
    <row r="223729" spans="14:14">
      <c r="N223729" s="10"/>
    </row>
    <row r="223730" spans="14:14">
      <c r="N223730" s="10"/>
    </row>
    <row r="223731" spans="14:14">
      <c r="N223731" s="10"/>
    </row>
    <row r="223732" spans="14:14">
      <c r="N223732" s="10"/>
    </row>
    <row r="223733" spans="14:14">
      <c r="N223733" s="10"/>
    </row>
    <row r="223734" spans="14:14">
      <c r="N223734" s="10"/>
    </row>
    <row r="223735" spans="14:14">
      <c r="N223735" s="10"/>
    </row>
    <row r="223736" spans="14:14">
      <c r="N223736" s="10"/>
    </row>
    <row r="223737" spans="14:14">
      <c r="N223737" s="10"/>
    </row>
    <row r="223738" spans="14:14">
      <c r="N223738" s="10"/>
    </row>
    <row r="223739" spans="14:14">
      <c r="N223739" s="10"/>
    </row>
    <row r="223740" spans="14:14">
      <c r="N223740" s="10"/>
    </row>
    <row r="223741" spans="14:14">
      <c r="N223741" s="10"/>
    </row>
    <row r="223742" spans="14:14">
      <c r="N223742" s="10"/>
    </row>
    <row r="223743" spans="14:14">
      <c r="N223743" s="10"/>
    </row>
    <row r="223744" spans="14:14">
      <c r="N223744" s="10"/>
    </row>
    <row r="223745" spans="14:14">
      <c r="N223745" s="10"/>
    </row>
    <row r="223746" spans="14:14">
      <c r="N223746" s="10"/>
    </row>
    <row r="223747" spans="14:14">
      <c r="N223747" s="10"/>
    </row>
    <row r="223748" spans="14:14">
      <c r="N223748" s="10"/>
    </row>
    <row r="223749" spans="14:14">
      <c r="N223749" s="10"/>
    </row>
    <row r="223750" spans="14:14">
      <c r="N223750" s="10"/>
    </row>
    <row r="223751" spans="14:14">
      <c r="N223751" s="10"/>
    </row>
    <row r="223752" spans="14:14">
      <c r="N223752" s="10"/>
    </row>
    <row r="223753" spans="14:14">
      <c r="N223753" s="10"/>
    </row>
    <row r="223754" spans="14:14">
      <c r="N223754" s="10"/>
    </row>
    <row r="223755" spans="14:14">
      <c r="N223755" s="10"/>
    </row>
    <row r="223756" spans="14:14">
      <c r="N223756" s="10"/>
    </row>
    <row r="223757" spans="14:14">
      <c r="N223757" s="10"/>
    </row>
    <row r="223758" spans="14:14">
      <c r="N223758" s="10"/>
    </row>
    <row r="223759" spans="14:14">
      <c r="N223759" s="10"/>
    </row>
    <row r="223760" spans="14:14">
      <c r="N223760" s="10"/>
    </row>
    <row r="223761" spans="14:14">
      <c r="N223761" s="10"/>
    </row>
    <row r="223762" spans="14:14">
      <c r="N223762" s="10"/>
    </row>
    <row r="223763" spans="14:14">
      <c r="N223763" s="10"/>
    </row>
    <row r="223764" spans="14:14">
      <c r="N223764" s="10"/>
    </row>
    <row r="223765" spans="14:14">
      <c r="N223765" s="10"/>
    </row>
    <row r="223766" spans="14:14">
      <c r="N223766" s="10"/>
    </row>
    <row r="223767" spans="14:14">
      <c r="N223767" s="10"/>
    </row>
    <row r="223768" spans="14:14">
      <c r="N223768" s="10"/>
    </row>
    <row r="223769" spans="14:14">
      <c r="N223769" s="10"/>
    </row>
    <row r="223770" spans="14:14">
      <c r="N223770" s="10"/>
    </row>
    <row r="223771" spans="14:14">
      <c r="N223771" s="10"/>
    </row>
    <row r="223772" spans="14:14">
      <c r="N223772" s="10"/>
    </row>
    <row r="223773" spans="14:14">
      <c r="N223773" s="10"/>
    </row>
    <row r="223774" spans="14:14">
      <c r="N223774" s="10"/>
    </row>
    <row r="223775" spans="14:14">
      <c r="N223775" s="10"/>
    </row>
    <row r="223776" spans="14:14">
      <c r="N223776" s="10"/>
    </row>
    <row r="223777" spans="14:14">
      <c r="N223777" s="10"/>
    </row>
    <row r="223778" spans="14:14">
      <c r="N223778" s="10"/>
    </row>
    <row r="223779" spans="14:14">
      <c r="N223779" s="10"/>
    </row>
    <row r="223780" spans="14:14">
      <c r="N223780" s="10"/>
    </row>
    <row r="223781" spans="14:14">
      <c r="N223781" s="10"/>
    </row>
    <row r="223782" spans="14:14">
      <c r="N223782" s="10"/>
    </row>
    <row r="223783" spans="14:14">
      <c r="N223783" s="10"/>
    </row>
    <row r="223784" spans="14:14">
      <c r="N223784" s="10"/>
    </row>
    <row r="223785" spans="14:14">
      <c r="N223785" s="10"/>
    </row>
    <row r="223786" spans="14:14">
      <c r="N223786" s="10"/>
    </row>
    <row r="223787" spans="14:14">
      <c r="N223787" s="10"/>
    </row>
    <row r="223788" spans="14:14">
      <c r="N223788" s="10"/>
    </row>
    <row r="223789" spans="14:14">
      <c r="N223789" s="10"/>
    </row>
    <row r="223790" spans="14:14">
      <c r="N223790" s="10"/>
    </row>
    <row r="223791" spans="14:14">
      <c r="N223791" s="10"/>
    </row>
    <row r="223792" spans="14:14">
      <c r="N223792" s="10"/>
    </row>
    <row r="223793" spans="14:14">
      <c r="N223793" s="10"/>
    </row>
    <row r="223794" spans="14:14">
      <c r="N223794" s="10"/>
    </row>
    <row r="223795" spans="14:14">
      <c r="N223795" s="10"/>
    </row>
    <row r="223796" spans="14:14">
      <c r="N223796" s="10"/>
    </row>
    <row r="223797" spans="14:14">
      <c r="N223797" s="10"/>
    </row>
    <row r="223798" spans="14:14">
      <c r="N223798" s="10"/>
    </row>
    <row r="223799" spans="14:14">
      <c r="N223799" s="10"/>
    </row>
    <row r="223800" spans="14:14">
      <c r="N223800" s="10"/>
    </row>
    <row r="223801" spans="14:14">
      <c r="N223801" s="10"/>
    </row>
    <row r="223802" spans="14:14">
      <c r="N223802" s="10"/>
    </row>
    <row r="223803" spans="14:14">
      <c r="N223803" s="10"/>
    </row>
    <row r="223804" spans="14:14">
      <c r="N223804" s="10"/>
    </row>
    <row r="223805" spans="14:14">
      <c r="N223805" s="10"/>
    </row>
    <row r="223806" spans="14:14">
      <c r="N223806" s="10"/>
    </row>
    <row r="223807" spans="14:14">
      <c r="N223807" s="10"/>
    </row>
    <row r="223808" spans="14:14">
      <c r="N223808" s="10"/>
    </row>
    <row r="223809" spans="14:14">
      <c r="N223809" s="10"/>
    </row>
    <row r="223810" spans="14:14">
      <c r="N223810" s="10"/>
    </row>
    <row r="223811" spans="14:14">
      <c r="N223811" s="10"/>
    </row>
    <row r="223812" spans="14:14">
      <c r="N223812" s="10"/>
    </row>
    <row r="223813" spans="14:14">
      <c r="N223813" s="10"/>
    </row>
    <row r="223814" spans="14:14">
      <c r="N223814" s="10"/>
    </row>
    <row r="223815" spans="14:14">
      <c r="N223815" s="10"/>
    </row>
    <row r="223816" spans="14:14">
      <c r="N223816" s="10"/>
    </row>
    <row r="223817" spans="14:14">
      <c r="N223817" s="10"/>
    </row>
    <row r="223818" spans="14:14">
      <c r="N223818" s="10"/>
    </row>
    <row r="223819" spans="14:14">
      <c r="N223819" s="10"/>
    </row>
    <row r="223820" spans="14:14">
      <c r="N223820" s="10"/>
    </row>
    <row r="223821" spans="14:14">
      <c r="N223821" s="10"/>
    </row>
    <row r="223822" spans="14:14">
      <c r="N223822" s="10"/>
    </row>
    <row r="223823" spans="14:14">
      <c r="N223823" s="10"/>
    </row>
    <row r="223824" spans="14:14">
      <c r="N223824" s="10"/>
    </row>
    <row r="223825" spans="14:14">
      <c r="N223825" s="10"/>
    </row>
    <row r="223826" spans="14:14">
      <c r="N223826" s="10"/>
    </row>
    <row r="223827" spans="14:14">
      <c r="N223827" s="10"/>
    </row>
    <row r="223828" spans="14:14">
      <c r="N223828" s="10"/>
    </row>
    <row r="223829" spans="14:14">
      <c r="N223829" s="10"/>
    </row>
    <row r="223830" spans="14:14">
      <c r="N223830" s="10"/>
    </row>
    <row r="223831" spans="14:14">
      <c r="N223831" s="10"/>
    </row>
    <row r="223832" spans="14:14">
      <c r="N223832" s="10"/>
    </row>
    <row r="223833" spans="14:14">
      <c r="N223833" s="10"/>
    </row>
    <row r="223834" spans="14:14">
      <c r="N223834" s="10"/>
    </row>
    <row r="223835" spans="14:14">
      <c r="N223835" s="10"/>
    </row>
    <row r="223836" spans="14:14">
      <c r="N223836" s="10"/>
    </row>
    <row r="223837" spans="14:14">
      <c r="N223837" s="10"/>
    </row>
    <row r="223838" spans="14:14">
      <c r="N223838" s="10"/>
    </row>
    <row r="223839" spans="14:14">
      <c r="N223839" s="10"/>
    </row>
    <row r="223840" spans="14:14">
      <c r="N223840" s="10"/>
    </row>
    <row r="223841" spans="14:14">
      <c r="N223841" s="10"/>
    </row>
    <row r="223842" spans="14:14">
      <c r="N223842" s="10"/>
    </row>
    <row r="223843" spans="14:14">
      <c r="N223843" s="10"/>
    </row>
    <row r="223844" spans="14:14">
      <c r="N223844" s="10"/>
    </row>
    <row r="223845" spans="14:14">
      <c r="N223845" s="10"/>
    </row>
    <row r="223846" spans="14:14">
      <c r="N223846" s="10"/>
    </row>
    <row r="223847" spans="14:14">
      <c r="N223847" s="10"/>
    </row>
    <row r="223848" spans="14:14">
      <c r="N223848" s="10"/>
    </row>
    <row r="223849" spans="14:14">
      <c r="N223849" s="10"/>
    </row>
    <row r="223850" spans="14:14">
      <c r="N223850" s="10"/>
    </row>
    <row r="223851" spans="14:14">
      <c r="N223851" s="10"/>
    </row>
    <row r="223852" spans="14:14">
      <c r="N223852" s="10"/>
    </row>
    <row r="223853" spans="14:14">
      <c r="N223853" s="10"/>
    </row>
    <row r="223854" spans="14:14">
      <c r="N223854" s="10"/>
    </row>
    <row r="223855" spans="14:14">
      <c r="N223855" s="10"/>
    </row>
    <row r="223856" spans="14:14">
      <c r="N223856" s="10"/>
    </row>
    <row r="223857" spans="14:14">
      <c r="N223857" s="10"/>
    </row>
    <row r="223858" spans="14:14">
      <c r="N223858" s="10"/>
    </row>
    <row r="223859" spans="14:14">
      <c r="N223859" s="10"/>
    </row>
    <row r="223860" spans="14:14">
      <c r="N223860" s="10"/>
    </row>
    <row r="223861" spans="14:14">
      <c r="N223861" s="10"/>
    </row>
    <row r="223862" spans="14:14">
      <c r="N223862" s="10"/>
    </row>
    <row r="223863" spans="14:14">
      <c r="N223863" s="10"/>
    </row>
    <row r="223864" spans="14:14">
      <c r="N223864" s="10"/>
    </row>
    <row r="223865" spans="14:14">
      <c r="N223865" s="10"/>
    </row>
    <row r="223866" spans="14:14">
      <c r="N223866" s="10"/>
    </row>
    <row r="223867" spans="14:14">
      <c r="N223867" s="10"/>
    </row>
    <row r="223868" spans="14:14">
      <c r="N223868" s="10"/>
    </row>
    <row r="223869" spans="14:14">
      <c r="N223869" s="10"/>
    </row>
    <row r="223870" spans="14:14">
      <c r="N223870" s="10"/>
    </row>
    <row r="223871" spans="14:14">
      <c r="N223871" s="10"/>
    </row>
    <row r="223872" spans="14:14">
      <c r="N223872" s="10"/>
    </row>
    <row r="223873" spans="14:14">
      <c r="N223873" s="10"/>
    </row>
    <row r="223874" spans="14:14">
      <c r="N223874" s="10"/>
    </row>
    <row r="223875" spans="14:14">
      <c r="N223875" s="10"/>
    </row>
    <row r="223876" spans="14:14">
      <c r="N223876" s="10"/>
    </row>
    <row r="223877" spans="14:14">
      <c r="N223877" s="10"/>
    </row>
    <row r="223878" spans="14:14">
      <c r="N223878" s="10"/>
    </row>
    <row r="223879" spans="14:14">
      <c r="N223879" s="10"/>
    </row>
    <row r="223880" spans="14:14">
      <c r="N223880" s="10"/>
    </row>
    <row r="223881" spans="14:14">
      <c r="N223881" s="10"/>
    </row>
    <row r="223882" spans="14:14">
      <c r="N223882" s="10"/>
    </row>
    <row r="223883" spans="14:14">
      <c r="N223883" s="10"/>
    </row>
    <row r="223884" spans="14:14">
      <c r="N223884" s="10"/>
    </row>
    <row r="223885" spans="14:14">
      <c r="N223885" s="10"/>
    </row>
    <row r="223886" spans="14:14">
      <c r="N223886" s="10"/>
    </row>
    <row r="223887" spans="14:14">
      <c r="N223887" s="10"/>
    </row>
    <row r="223888" spans="14:14">
      <c r="N223888" s="10"/>
    </row>
    <row r="223889" spans="14:14">
      <c r="N223889" s="10"/>
    </row>
    <row r="223890" spans="14:14">
      <c r="N223890" s="10"/>
    </row>
    <row r="223891" spans="14:14">
      <c r="N223891" s="10"/>
    </row>
    <row r="223892" spans="14:14">
      <c r="N223892" s="10"/>
    </row>
    <row r="223893" spans="14:14">
      <c r="N223893" s="10"/>
    </row>
    <row r="223894" spans="14:14">
      <c r="N223894" s="10"/>
    </row>
    <row r="223895" spans="14:14">
      <c r="N223895" s="10"/>
    </row>
    <row r="223896" spans="14:14">
      <c r="N223896" s="10"/>
    </row>
    <row r="223897" spans="14:14">
      <c r="N223897" s="10"/>
    </row>
    <row r="223898" spans="14:14">
      <c r="N223898" s="10"/>
    </row>
    <row r="223899" spans="14:14">
      <c r="N223899" s="10"/>
    </row>
    <row r="223900" spans="14:14">
      <c r="N223900" s="10"/>
    </row>
    <row r="223901" spans="14:14">
      <c r="N223901" s="10"/>
    </row>
    <row r="223902" spans="14:14">
      <c r="N223902" s="10"/>
    </row>
    <row r="223903" spans="14:14">
      <c r="N223903" s="10"/>
    </row>
    <row r="223904" spans="14:14">
      <c r="N223904" s="10"/>
    </row>
    <row r="223905" spans="14:14">
      <c r="N223905" s="10"/>
    </row>
    <row r="223906" spans="14:14">
      <c r="N223906" s="10"/>
    </row>
    <row r="223907" spans="14:14">
      <c r="N223907" s="10"/>
    </row>
    <row r="223908" spans="14:14">
      <c r="N223908" s="10"/>
    </row>
    <row r="223909" spans="14:14">
      <c r="N223909" s="10"/>
    </row>
    <row r="223910" spans="14:14">
      <c r="N223910" s="10"/>
    </row>
    <row r="223911" spans="14:14">
      <c r="N223911" s="10"/>
    </row>
    <row r="223912" spans="14:14">
      <c r="N223912" s="10"/>
    </row>
    <row r="223913" spans="14:14">
      <c r="N223913" s="10"/>
    </row>
    <row r="223914" spans="14:14">
      <c r="N223914" s="10"/>
    </row>
    <row r="223915" spans="14:14">
      <c r="N223915" s="10"/>
    </row>
    <row r="223916" spans="14:14">
      <c r="N223916" s="10"/>
    </row>
    <row r="223917" spans="14:14">
      <c r="N223917" s="10"/>
    </row>
    <row r="223918" spans="14:14">
      <c r="N223918" s="10"/>
    </row>
    <row r="223919" spans="14:14">
      <c r="N223919" s="10"/>
    </row>
    <row r="223920" spans="14:14">
      <c r="N223920" s="10"/>
    </row>
    <row r="223921" spans="14:14">
      <c r="N223921" s="10"/>
    </row>
    <row r="223922" spans="14:14">
      <c r="N223922" s="10"/>
    </row>
    <row r="223923" spans="14:14">
      <c r="N223923" s="10"/>
    </row>
    <row r="223924" spans="14:14">
      <c r="N223924" s="10"/>
    </row>
    <row r="223925" spans="14:14">
      <c r="N223925" s="10"/>
    </row>
    <row r="223926" spans="14:14">
      <c r="N223926" s="10"/>
    </row>
    <row r="223927" spans="14:14">
      <c r="N223927" s="10"/>
    </row>
    <row r="223928" spans="14:14">
      <c r="N223928" s="10"/>
    </row>
    <row r="223929" spans="14:14">
      <c r="N223929" s="10"/>
    </row>
    <row r="223930" spans="14:14">
      <c r="N223930" s="10"/>
    </row>
    <row r="223931" spans="14:14">
      <c r="N223931" s="10"/>
    </row>
    <row r="223932" spans="14:14">
      <c r="N223932" s="10"/>
    </row>
    <row r="223933" spans="14:14">
      <c r="N223933" s="10"/>
    </row>
    <row r="223934" spans="14:14">
      <c r="N223934" s="10"/>
    </row>
    <row r="223935" spans="14:14">
      <c r="N223935" s="10"/>
    </row>
    <row r="223936" spans="14:14">
      <c r="N223936" s="10"/>
    </row>
    <row r="223937" spans="14:14">
      <c r="N223937" s="10"/>
    </row>
    <row r="223938" spans="14:14">
      <c r="N223938" s="10"/>
    </row>
    <row r="223939" spans="14:14">
      <c r="N223939" s="10"/>
    </row>
    <row r="223940" spans="14:14">
      <c r="N223940" s="10"/>
    </row>
    <row r="223941" spans="14:14">
      <c r="N223941" s="10"/>
    </row>
    <row r="223942" spans="14:14">
      <c r="N223942" s="10"/>
    </row>
    <row r="223943" spans="14:14">
      <c r="N223943" s="10"/>
    </row>
    <row r="223944" spans="14:14">
      <c r="N223944" s="10"/>
    </row>
    <row r="223945" spans="14:14">
      <c r="N223945" s="10"/>
    </row>
    <row r="223946" spans="14:14">
      <c r="N223946" s="10"/>
    </row>
    <row r="223947" spans="14:14">
      <c r="N223947" s="10"/>
    </row>
    <row r="223948" spans="14:14">
      <c r="N223948" s="10"/>
    </row>
    <row r="223949" spans="14:14">
      <c r="N223949" s="10"/>
    </row>
    <row r="223950" spans="14:14">
      <c r="N223950" s="10"/>
    </row>
    <row r="223951" spans="14:14">
      <c r="N223951" s="10"/>
    </row>
    <row r="223952" spans="14:14">
      <c r="N223952" s="10"/>
    </row>
    <row r="223953" spans="14:14">
      <c r="N223953" s="10"/>
    </row>
    <row r="223954" spans="14:14">
      <c r="N223954" s="10"/>
    </row>
    <row r="223955" spans="14:14">
      <c r="N223955" s="10"/>
    </row>
    <row r="223956" spans="14:14">
      <c r="N223956" s="10"/>
    </row>
    <row r="223957" spans="14:14">
      <c r="N223957" s="10"/>
    </row>
    <row r="223958" spans="14:14">
      <c r="N223958" s="10"/>
    </row>
    <row r="223959" spans="14:14">
      <c r="N223959" s="10"/>
    </row>
    <row r="223960" spans="14:14">
      <c r="N223960" s="10"/>
    </row>
    <row r="223961" spans="14:14">
      <c r="N223961" s="10"/>
    </row>
    <row r="223962" spans="14:14">
      <c r="N223962" s="10"/>
    </row>
    <row r="223963" spans="14:14">
      <c r="N223963" s="10"/>
    </row>
    <row r="223964" spans="14:14">
      <c r="N223964" s="10"/>
    </row>
    <row r="223965" spans="14:14">
      <c r="N223965" s="10"/>
    </row>
    <row r="223966" spans="14:14">
      <c r="N223966" s="10"/>
    </row>
    <row r="223967" spans="14:14">
      <c r="N223967" s="10"/>
    </row>
    <row r="223968" spans="14:14">
      <c r="N223968" s="10"/>
    </row>
    <row r="223969" spans="14:14">
      <c r="N223969" s="10"/>
    </row>
    <row r="223970" spans="14:14">
      <c r="N223970" s="10"/>
    </row>
    <row r="223971" spans="14:14">
      <c r="N223971" s="10"/>
    </row>
    <row r="223972" spans="14:14">
      <c r="N223972" s="10"/>
    </row>
    <row r="223973" spans="14:14">
      <c r="N223973" s="10"/>
    </row>
    <row r="223974" spans="14:14">
      <c r="N223974" s="10"/>
    </row>
    <row r="223975" spans="14:14">
      <c r="N223975" s="10"/>
    </row>
    <row r="223976" spans="14:14">
      <c r="N223976" s="10"/>
    </row>
    <row r="223977" spans="14:14">
      <c r="N223977" s="10"/>
    </row>
    <row r="223978" spans="14:14">
      <c r="N223978" s="10"/>
    </row>
    <row r="223979" spans="14:14">
      <c r="N223979" s="10"/>
    </row>
    <row r="223980" spans="14:14">
      <c r="N223980" s="10"/>
    </row>
    <row r="223981" spans="14:14">
      <c r="N223981" s="10"/>
    </row>
    <row r="223982" spans="14:14">
      <c r="N223982" s="10"/>
    </row>
    <row r="223983" spans="14:14">
      <c r="N223983" s="10"/>
    </row>
    <row r="223984" spans="14:14">
      <c r="N223984" s="10"/>
    </row>
    <row r="223985" spans="14:14">
      <c r="N223985" s="10"/>
    </row>
    <row r="223986" spans="14:14">
      <c r="N223986" s="10"/>
    </row>
    <row r="223987" spans="14:14">
      <c r="N223987" s="10"/>
    </row>
    <row r="223988" spans="14:14">
      <c r="N223988" s="10"/>
    </row>
    <row r="223989" spans="14:14">
      <c r="N223989" s="10"/>
    </row>
    <row r="223990" spans="14:14">
      <c r="N223990" s="10"/>
    </row>
    <row r="223991" spans="14:14">
      <c r="N223991" s="10"/>
    </row>
    <row r="223992" spans="14:14">
      <c r="N223992" s="10"/>
    </row>
    <row r="223993" spans="14:14">
      <c r="N223993" s="10"/>
    </row>
    <row r="223994" spans="14:14">
      <c r="N223994" s="10"/>
    </row>
    <row r="223995" spans="14:14">
      <c r="N223995" s="10"/>
    </row>
    <row r="223996" spans="14:14">
      <c r="N223996" s="10"/>
    </row>
    <row r="223997" spans="14:14">
      <c r="N223997" s="10"/>
    </row>
    <row r="223998" spans="14:14">
      <c r="N223998" s="10"/>
    </row>
    <row r="223999" spans="14:14">
      <c r="N223999" s="10"/>
    </row>
    <row r="224000" spans="14:14">
      <c r="N224000" s="10"/>
    </row>
    <row r="224001" spans="14:14">
      <c r="N224001" s="10"/>
    </row>
    <row r="224002" spans="14:14">
      <c r="N224002" s="10"/>
    </row>
    <row r="224003" spans="14:14">
      <c r="N224003" s="10"/>
    </row>
    <row r="224004" spans="14:14">
      <c r="N224004" s="10"/>
    </row>
    <row r="224005" spans="14:14">
      <c r="N224005" s="10"/>
    </row>
    <row r="224006" spans="14:14">
      <c r="N224006" s="10"/>
    </row>
    <row r="224007" spans="14:14">
      <c r="N224007" s="10"/>
    </row>
    <row r="224008" spans="14:14">
      <c r="N224008" s="10"/>
    </row>
    <row r="224009" spans="14:14">
      <c r="N224009" s="10"/>
    </row>
    <row r="224010" spans="14:14">
      <c r="N224010" s="10"/>
    </row>
    <row r="224011" spans="14:14">
      <c r="N224011" s="10"/>
    </row>
    <row r="224012" spans="14:14">
      <c r="N224012" s="10"/>
    </row>
    <row r="224013" spans="14:14">
      <c r="N224013" s="10"/>
    </row>
    <row r="224014" spans="14:14">
      <c r="N224014" s="10"/>
    </row>
    <row r="224015" spans="14:14">
      <c r="N224015" s="10"/>
    </row>
    <row r="224016" spans="14:14">
      <c r="N224016" s="10"/>
    </row>
    <row r="224017" spans="14:14">
      <c r="N224017" s="10"/>
    </row>
    <row r="224018" spans="14:14">
      <c r="N224018" s="10"/>
    </row>
    <row r="224019" spans="14:14">
      <c r="N224019" s="10"/>
    </row>
    <row r="224020" spans="14:14">
      <c r="N224020" s="10"/>
    </row>
    <row r="224021" spans="14:14">
      <c r="N224021" s="10"/>
    </row>
    <row r="224022" spans="14:14">
      <c r="N224022" s="10"/>
    </row>
    <row r="224023" spans="14:14">
      <c r="N224023" s="10"/>
    </row>
    <row r="224024" spans="14:14">
      <c r="N224024" s="10"/>
    </row>
    <row r="224025" spans="14:14">
      <c r="N224025" s="10"/>
    </row>
    <row r="224026" spans="14:14">
      <c r="N224026" s="10"/>
    </row>
    <row r="224027" spans="14:14">
      <c r="N224027" s="10"/>
    </row>
    <row r="224028" spans="14:14">
      <c r="N224028" s="10"/>
    </row>
    <row r="224029" spans="14:14">
      <c r="N224029" s="10"/>
    </row>
    <row r="224030" spans="14:14">
      <c r="N224030" s="10"/>
    </row>
    <row r="224031" spans="14:14">
      <c r="N224031" s="10"/>
    </row>
    <row r="224032" spans="14:14">
      <c r="N224032" s="10"/>
    </row>
    <row r="224033" spans="14:14">
      <c r="N224033" s="10"/>
    </row>
    <row r="224034" spans="14:14">
      <c r="N224034" s="10"/>
    </row>
    <row r="224035" spans="14:14">
      <c r="N224035" s="10"/>
    </row>
    <row r="224036" spans="14:14">
      <c r="N224036" s="10"/>
    </row>
    <row r="224037" spans="14:14">
      <c r="N224037" s="10"/>
    </row>
    <row r="224038" spans="14:14">
      <c r="N224038" s="10"/>
    </row>
    <row r="224039" spans="14:14">
      <c r="N224039" s="10"/>
    </row>
    <row r="224040" spans="14:14">
      <c r="N224040" s="10"/>
    </row>
    <row r="224041" spans="14:14">
      <c r="N224041" s="10"/>
    </row>
    <row r="224042" spans="14:14">
      <c r="N224042" s="10"/>
    </row>
    <row r="224043" spans="14:14">
      <c r="N224043" s="10"/>
    </row>
    <row r="224044" spans="14:14">
      <c r="N224044" s="10"/>
    </row>
    <row r="224045" spans="14:14">
      <c r="N224045" s="10"/>
    </row>
    <row r="224046" spans="14:14">
      <c r="N224046" s="10"/>
    </row>
    <row r="224047" spans="14:14">
      <c r="N224047" s="10"/>
    </row>
    <row r="224048" spans="14:14">
      <c r="N224048" s="10"/>
    </row>
    <row r="224049" spans="14:14">
      <c r="N224049" s="10"/>
    </row>
    <row r="224050" spans="14:14">
      <c r="N224050" s="10"/>
    </row>
    <row r="224051" spans="14:14">
      <c r="N224051" s="10"/>
    </row>
    <row r="224052" spans="14:14">
      <c r="N224052" s="10"/>
    </row>
    <row r="224053" spans="14:14">
      <c r="N224053" s="10"/>
    </row>
    <row r="224054" spans="14:14">
      <c r="N224054" s="10"/>
    </row>
    <row r="224055" spans="14:14">
      <c r="N224055" s="10"/>
    </row>
    <row r="224056" spans="14:14">
      <c r="N224056" s="10"/>
    </row>
    <row r="224057" spans="14:14">
      <c r="N224057" s="10"/>
    </row>
    <row r="224058" spans="14:14">
      <c r="N224058" s="10"/>
    </row>
    <row r="224059" spans="14:14">
      <c r="N224059" s="10"/>
    </row>
    <row r="224060" spans="14:14">
      <c r="N224060" s="10"/>
    </row>
    <row r="224061" spans="14:14">
      <c r="N224061" s="10"/>
    </row>
    <row r="224062" spans="14:14">
      <c r="N224062" s="10"/>
    </row>
    <row r="224063" spans="14:14">
      <c r="N224063" s="10"/>
    </row>
    <row r="224064" spans="14:14">
      <c r="N224064" s="10"/>
    </row>
    <row r="224065" spans="14:14">
      <c r="N224065" s="10"/>
    </row>
    <row r="224066" spans="14:14">
      <c r="N224066" s="10"/>
    </row>
    <row r="224067" spans="14:14">
      <c r="N224067" s="10"/>
    </row>
    <row r="224068" spans="14:14">
      <c r="N224068" s="10"/>
    </row>
    <row r="224069" spans="14:14">
      <c r="N224069" s="10"/>
    </row>
    <row r="224070" spans="14:14">
      <c r="N224070" s="10"/>
    </row>
    <row r="224071" spans="14:14">
      <c r="N224071" s="10"/>
    </row>
    <row r="224072" spans="14:14">
      <c r="N224072" s="10"/>
    </row>
    <row r="224073" spans="14:14">
      <c r="N224073" s="10"/>
    </row>
    <row r="224074" spans="14:14">
      <c r="N224074" s="10"/>
    </row>
    <row r="224075" spans="14:14">
      <c r="N224075" s="10"/>
    </row>
    <row r="224076" spans="14:14">
      <c r="N224076" s="10"/>
    </row>
    <row r="224077" spans="14:14">
      <c r="N224077" s="10"/>
    </row>
    <row r="224078" spans="14:14">
      <c r="N224078" s="10"/>
    </row>
    <row r="224079" spans="14:14">
      <c r="N224079" s="10"/>
    </row>
    <row r="224080" spans="14:14">
      <c r="N224080" s="10"/>
    </row>
    <row r="224081" spans="14:14">
      <c r="N224081" s="10"/>
    </row>
    <row r="224082" spans="14:14">
      <c r="N224082" s="10"/>
    </row>
    <row r="224083" spans="14:14">
      <c r="N224083" s="10"/>
    </row>
    <row r="224084" spans="14:14">
      <c r="N224084" s="10"/>
    </row>
    <row r="224085" spans="14:14">
      <c r="N224085" s="10"/>
    </row>
    <row r="224086" spans="14:14">
      <c r="N224086" s="10"/>
    </row>
    <row r="224087" spans="14:14">
      <c r="N224087" s="10"/>
    </row>
    <row r="224088" spans="14:14">
      <c r="N224088" s="10"/>
    </row>
    <row r="224089" spans="14:14">
      <c r="N224089" s="10"/>
    </row>
    <row r="224090" spans="14:14">
      <c r="N224090" s="10"/>
    </row>
    <row r="224091" spans="14:14">
      <c r="N224091" s="10"/>
    </row>
    <row r="224092" spans="14:14">
      <c r="N224092" s="10"/>
    </row>
    <row r="224093" spans="14:14">
      <c r="N224093" s="10"/>
    </row>
    <row r="224094" spans="14:14">
      <c r="N224094" s="10"/>
    </row>
    <row r="224095" spans="14:14">
      <c r="N224095" s="10"/>
    </row>
    <row r="224096" spans="14:14">
      <c r="N224096" s="10"/>
    </row>
    <row r="224097" spans="14:14">
      <c r="N224097" s="10"/>
    </row>
    <row r="224098" spans="14:14">
      <c r="N224098" s="10"/>
    </row>
    <row r="224099" spans="14:14">
      <c r="N224099" s="10"/>
    </row>
    <row r="224100" spans="14:14">
      <c r="N224100" s="10"/>
    </row>
    <row r="224101" spans="14:14">
      <c r="N224101" s="10"/>
    </row>
    <row r="224102" spans="14:14">
      <c r="N224102" s="10"/>
    </row>
    <row r="224103" spans="14:14">
      <c r="N224103" s="10"/>
    </row>
    <row r="224104" spans="14:14">
      <c r="N224104" s="10"/>
    </row>
    <row r="224105" spans="14:14">
      <c r="N224105" s="10"/>
    </row>
    <row r="224106" spans="14:14">
      <c r="N224106" s="10"/>
    </row>
    <row r="224107" spans="14:14">
      <c r="N224107" s="10"/>
    </row>
    <row r="224108" spans="14:14">
      <c r="N224108" s="10"/>
    </row>
    <row r="224109" spans="14:14">
      <c r="N224109" s="10"/>
    </row>
    <row r="224110" spans="14:14">
      <c r="N224110" s="10"/>
    </row>
    <row r="224111" spans="14:14">
      <c r="N224111" s="10"/>
    </row>
    <row r="224112" spans="14:14">
      <c r="N224112" s="10"/>
    </row>
    <row r="224113" spans="14:14">
      <c r="N224113" s="10"/>
    </row>
    <row r="224114" spans="14:14">
      <c r="N224114" s="10"/>
    </row>
    <row r="224115" spans="14:14">
      <c r="N224115" s="10"/>
    </row>
    <row r="224116" spans="14:14">
      <c r="N224116" s="10"/>
    </row>
    <row r="224117" spans="14:14">
      <c r="N224117" s="10"/>
    </row>
    <row r="224118" spans="14:14">
      <c r="N224118" s="10"/>
    </row>
    <row r="224119" spans="14:14">
      <c r="N224119" s="10"/>
    </row>
    <row r="224120" spans="14:14">
      <c r="N224120" s="10"/>
    </row>
    <row r="224121" spans="14:14">
      <c r="N224121" s="10"/>
    </row>
    <row r="224122" spans="14:14">
      <c r="N224122" s="10"/>
    </row>
    <row r="224123" spans="14:14">
      <c r="N224123" s="10"/>
    </row>
    <row r="224124" spans="14:14">
      <c r="N224124" s="10"/>
    </row>
    <row r="224125" spans="14:14">
      <c r="N224125" s="10"/>
    </row>
    <row r="224126" spans="14:14">
      <c r="N224126" s="10"/>
    </row>
    <row r="224127" spans="14:14">
      <c r="N224127" s="10"/>
    </row>
    <row r="224128" spans="14:14">
      <c r="N224128" s="10"/>
    </row>
    <row r="224129" spans="14:14">
      <c r="N224129" s="10"/>
    </row>
    <row r="224130" spans="14:14">
      <c r="N224130" s="10"/>
    </row>
    <row r="224131" spans="14:14">
      <c r="N224131" s="10"/>
    </row>
    <row r="224132" spans="14:14">
      <c r="N224132" s="10"/>
    </row>
    <row r="224133" spans="14:14">
      <c r="N224133" s="10"/>
    </row>
    <row r="224134" spans="14:14">
      <c r="N224134" s="10"/>
    </row>
    <row r="224135" spans="14:14">
      <c r="N224135" s="10"/>
    </row>
    <row r="224136" spans="14:14">
      <c r="N224136" s="10"/>
    </row>
    <row r="224137" spans="14:14">
      <c r="N224137" s="10"/>
    </row>
    <row r="224138" spans="14:14">
      <c r="N224138" s="10"/>
    </row>
    <row r="224139" spans="14:14">
      <c r="N224139" s="10"/>
    </row>
    <row r="224140" spans="14:14">
      <c r="N224140" s="10"/>
    </row>
    <row r="224141" spans="14:14">
      <c r="N224141" s="10"/>
    </row>
    <row r="224142" spans="14:14">
      <c r="N224142" s="10"/>
    </row>
    <row r="224143" spans="14:14">
      <c r="N224143" s="10"/>
    </row>
    <row r="224144" spans="14:14">
      <c r="N224144" s="10"/>
    </row>
    <row r="224145" spans="14:14">
      <c r="N224145" s="10"/>
    </row>
    <row r="224146" spans="14:14">
      <c r="N224146" s="10"/>
    </row>
    <row r="224147" spans="14:14">
      <c r="N224147" s="10"/>
    </row>
    <row r="224148" spans="14:14">
      <c r="N224148" s="10"/>
    </row>
    <row r="224149" spans="14:14">
      <c r="N224149" s="10"/>
    </row>
    <row r="224150" spans="14:14">
      <c r="N224150" s="10"/>
    </row>
    <row r="224151" spans="14:14">
      <c r="N224151" s="10"/>
    </row>
    <row r="224152" spans="14:14">
      <c r="N224152" s="10"/>
    </row>
    <row r="224153" spans="14:14">
      <c r="N224153" s="10"/>
    </row>
    <row r="224154" spans="14:14">
      <c r="N224154" s="10"/>
    </row>
    <row r="224155" spans="14:14">
      <c r="N224155" s="10"/>
    </row>
    <row r="224156" spans="14:14">
      <c r="N224156" s="10"/>
    </row>
    <row r="224157" spans="14:14">
      <c r="N224157" s="10"/>
    </row>
    <row r="224158" spans="14:14">
      <c r="N224158" s="10"/>
    </row>
    <row r="224159" spans="14:14">
      <c r="N224159" s="10"/>
    </row>
    <row r="224160" spans="14:14">
      <c r="N224160" s="10"/>
    </row>
    <row r="224161" spans="14:14">
      <c r="N224161" s="10"/>
    </row>
    <row r="224162" spans="14:14">
      <c r="N224162" s="10"/>
    </row>
    <row r="224163" spans="14:14">
      <c r="N224163" s="10"/>
    </row>
    <row r="224164" spans="14:14">
      <c r="N224164" s="10"/>
    </row>
    <row r="224165" spans="14:14">
      <c r="N224165" s="10"/>
    </row>
    <row r="224166" spans="14:14">
      <c r="N224166" s="10"/>
    </row>
    <row r="224167" spans="14:14">
      <c r="N224167" s="10"/>
    </row>
    <row r="224168" spans="14:14">
      <c r="N224168" s="10"/>
    </row>
    <row r="224169" spans="14:14">
      <c r="N224169" s="10"/>
    </row>
    <row r="224170" spans="14:14">
      <c r="N224170" s="10"/>
    </row>
    <row r="224171" spans="14:14">
      <c r="N224171" s="10"/>
    </row>
    <row r="224172" spans="14:14">
      <c r="N224172" s="10"/>
    </row>
    <row r="224173" spans="14:14">
      <c r="N224173" s="10"/>
    </row>
    <row r="224174" spans="14:14">
      <c r="N224174" s="10"/>
    </row>
    <row r="224175" spans="14:14">
      <c r="N224175" s="10"/>
    </row>
    <row r="224176" spans="14:14">
      <c r="N224176" s="10"/>
    </row>
    <row r="224177" spans="14:14">
      <c r="N224177" s="10"/>
    </row>
    <row r="224178" spans="14:14">
      <c r="N224178" s="10"/>
    </row>
    <row r="224179" spans="14:14">
      <c r="N224179" s="10"/>
    </row>
    <row r="224180" spans="14:14">
      <c r="N224180" s="10"/>
    </row>
    <row r="224181" spans="14:14">
      <c r="N224181" s="10"/>
    </row>
    <row r="224182" spans="14:14">
      <c r="N224182" s="10"/>
    </row>
    <row r="224183" spans="14:14">
      <c r="N224183" s="10"/>
    </row>
    <row r="224184" spans="14:14">
      <c r="N224184" s="10"/>
    </row>
    <row r="224185" spans="14:14">
      <c r="N224185" s="10"/>
    </row>
    <row r="224186" spans="14:14">
      <c r="N224186" s="10"/>
    </row>
    <row r="224187" spans="14:14">
      <c r="N224187" s="10"/>
    </row>
    <row r="224188" spans="14:14">
      <c r="N224188" s="10"/>
    </row>
    <row r="224189" spans="14:14">
      <c r="N224189" s="10"/>
    </row>
    <row r="224190" spans="14:14">
      <c r="N224190" s="10"/>
    </row>
    <row r="224191" spans="14:14">
      <c r="N224191" s="10"/>
    </row>
    <row r="224192" spans="14:14">
      <c r="N224192" s="10"/>
    </row>
    <row r="224193" spans="14:14">
      <c r="N224193" s="10"/>
    </row>
    <row r="224194" spans="14:14">
      <c r="N224194" s="10"/>
    </row>
    <row r="224195" spans="14:14">
      <c r="N224195" s="10"/>
    </row>
    <row r="224196" spans="14:14">
      <c r="N224196" s="10"/>
    </row>
    <row r="224197" spans="14:14">
      <c r="N224197" s="10"/>
    </row>
    <row r="224198" spans="14:14">
      <c r="N224198" s="10"/>
    </row>
    <row r="224199" spans="14:14">
      <c r="N224199" s="10"/>
    </row>
    <row r="224200" spans="14:14">
      <c r="N224200" s="10"/>
    </row>
    <row r="224201" spans="14:14">
      <c r="N224201" s="10"/>
    </row>
    <row r="224202" spans="14:14">
      <c r="N224202" s="10"/>
    </row>
    <row r="224203" spans="14:14">
      <c r="N224203" s="10"/>
    </row>
    <row r="224204" spans="14:14">
      <c r="N224204" s="10"/>
    </row>
    <row r="224205" spans="14:14">
      <c r="N224205" s="10"/>
    </row>
    <row r="224206" spans="14:14">
      <c r="N224206" s="10"/>
    </row>
    <row r="224207" spans="14:14">
      <c r="N224207" s="10"/>
    </row>
    <row r="224208" spans="14:14">
      <c r="N224208" s="10"/>
    </row>
    <row r="224209" spans="14:14">
      <c r="N224209" s="10"/>
    </row>
    <row r="224210" spans="14:14">
      <c r="N224210" s="10"/>
    </row>
    <row r="224211" spans="14:14">
      <c r="N224211" s="10"/>
    </row>
    <row r="224212" spans="14:14">
      <c r="N224212" s="10"/>
    </row>
    <row r="224213" spans="14:14">
      <c r="N224213" s="10"/>
    </row>
    <row r="224214" spans="14:14">
      <c r="N224214" s="10"/>
    </row>
    <row r="224215" spans="14:14">
      <c r="N224215" s="10"/>
    </row>
    <row r="224216" spans="14:14">
      <c r="N224216" s="10"/>
    </row>
    <row r="224217" spans="14:14">
      <c r="N224217" s="10"/>
    </row>
    <row r="224218" spans="14:14">
      <c r="N224218" s="10"/>
    </row>
    <row r="224219" spans="14:14">
      <c r="N224219" s="10"/>
    </row>
    <row r="224220" spans="14:14">
      <c r="N224220" s="10"/>
    </row>
    <row r="224221" spans="14:14">
      <c r="N224221" s="10"/>
    </row>
    <row r="224222" spans="14:14">
      <c r="N224222" s="10"/>
    </row>
    <row r="224223" spans="14:14">
      <c r="N224223" s="10"/>
    </row>
    <row r="224224" spans="14:14">
      <c r="N224224" s="10"/>
    </row>
    <row r="224225" spans="14:14">
      <c r="N224225" s="10"/>
    </row>
    <row r="224226" spans="14:14">
      <c r="N224226" s="10"/>
    </row>
    <row r="224227" spans="14:14">
      <c r="N224227" s="10"/>
    </row>
    <row r="224228" spans="14:14">
      <c r="N224228" s="10"/>
    </row>
    <row r="224229" spans="14:14">
      <c r="N224229" s="10"/>
    </row>
    <row r="224230" spans="14:14">
      <c r="N224230" s="10"/>
    </row>
    <row r="224231" spans="14:14">
      <c r="N224231" s="10"/>
    </row>
    <row r="224232" spans="14:14">
      <c r="N224232" s="10"/>
    </row>
    <row r="224233" spans="14:14">
      <c r="N224233" s="10"/>
    </row>
    <row r="224234" spans="14:14">
      <c r="N224234" s="10"/>
    </row>
    <row r="224235" spans="14:14">
      <c r="N224235" s="10"/>
    </row>
    <row r="224236" spans="14:14">
      <c r="N224236" s="10"/>
    </row>
    <row r="224237" spans="14:14">
      <c r="N224237" s="10"/>
    </row>
    <row r="224238" spans="14:14">
      <c r="N224238" s="10"/>
    </row>
    <row r="224239" spans="14:14">
      <c r="N224239" s="10"/>
    </row>
    <row r="224240" spans="14:14">
      <c r="N224240" s="10"/>
    </row>
    <row r="224241" spans="14:14">
      <c r="N224241" s="10"/>
    </row>
    <row r="224242" spans="14:14">
      <c r="N224242" s="10"/>
    </row>
    <row r="224243" spans="14:14">
      <c r="N224243" s="10"/>
    </row>
    <row r="224244" spans="14:14">
      <c r="N224244" s="10"/>
    </row>
    <row r="224245" spans="14:14">
      <c r="N224245" s="10"/>
    </row>
    <row r="224246" spans="14:14">
      <c r="N224246" s="10"/>
    </row>
    <row r="224247" spans="14:14">
      <c r="N224247" s="10"/>
    </row>
    <row r="224248" spans="14:14">
      <c r="N224248" s="10"/>
    </row>
    <row r="224249" spans="14:14">
      <c r="N224249" s="10"/>
    </row>
    <row r="224250" spans="14:14">
      <c r="N224250" s="10"/>
    </row>
    <row r="224251" spans="14:14">
      <c r="N224251" s="10"/>
    </row>
    <row r="224252" spans="14:14">
      <c r="N224252" s="10"/>
    </row>
    <row r="224253" spans="14:14">
      <c r="N224253" s="10"/>
    </row>
    <row r="224254" spans="14:14">
      <c r="N224254" s="10"/>
    </row>
    <row r="224255" spans="14:14">
      <c r="N224255" s="10"/>
    </row>
    <row r="224256" spans="14:14">
      <c r="N224256" s="10"/>
    </row>
    <row r="224257" spans="14:14">
      <c r="N224257" s="10"/>
    </row>
    <row r="224258" spans="14:14">
      <c r="N224258" s="10"/>
    </row>
    <row r="224259" spans="14:14">
      <c r="N224259" s="10"/>
    </row>
    <row r="224260" spans="14:14">
      <c r="N224260" s="10"/>
    </row>
    <row r="224261" spans="14:14">
      <c r="N224261" s="10"/>
    </row>
    <row r="224262" spans="14:14">
      <c r="N224262" s="10"/>
    </row>
    <row r="224263" spans="14:14">
      <c r="N224263" s="10"/>
    </row>
    <row r="224264" spans="14:14">
      <c r="N224264" s="10"/>
    </row>
    <row r="224265" spans="14:14">
      <c r="N224265" s="10"/>
    </row>
    <row r="224266" spans="14:14">
      <c r="N224266" s="10"/>
    </row>
    <row r="224267" spans="14:14">
      <c r="N224267" s="10"/>
    </row>
    <row r="224268" spans="14:14">
      <c r="N224268" s="10"/>
    </row>
    <row r="224269" spans="14:14">
      <c r="N224269" s="10"/>
    </row>
    <row r="224270" spans="14:14">
      <c r="N224270" s="10"/>
    </row>
    <row r="224271" spans="14:14">
      <c r="N224271" s="10"/>
    </row>
    <row r="224272" spans="14:14">
      <c r="N224272" s="10"/>
    </row>
    <row r="224273" spans="14:14">
      <c r="N224273" s="10"/>
    </row>
    <row r="224274" spans="14:14">
      <c r="N224274" s="10"/>
    </row>
    <row r="224275" spans="14:14">
      <c r="N224275" s="10"/>
    </row>
    <row r="224276" spans="14:14">
      <c r="N224276" s="10"/>
    </row>
    <row r="224277" spans="14:14">
      <c r="N224277" s="10"/>
    </row>
    <row r="224278" spans="14:14">
      <c r="N224278" s="10"/>
    </row>
    <row r="224279" spans="14:14">
      <c r="N224279" s="10"/>
    </row>
    <row r="224280" spans="14:14">
      <c r="N224280" s="10"/>
    </row>
    <row r="224281" spans="14:14">
      <c r="N224281" s="10"/>
    </row>
    <row r="224282" spans="14:14">
      <c r="N224282" s="10"/>
    </row>
    <row r="224283" spans="14:14">
      <c r="N224283" s="10"/>
    </row>
    <row r="224284" spans="14:14">
      <c r="N224284" s="10"/>
    </row>
    <row r="224285" spans="14:14">
      <c r="N224285" s="10"/>
    </row>
    <row r="224286" spans="14:14">
      <c r="N224286" s="10"/>
    </row>
    <row r="224287" spans="14:14">
      <c r="N224287" s="10"/>
    </row>
    <row r="224288" spans="14:14">
      <c r="N224288" s="10"/>
    </row>
    <row r="224289" spans="14:14">
      <c r="N224289" s="10"/>
    </row>
    <row r="224290" spans="14:14">
      <c r="N224290" s="10"/>
    </row>
    <row r="224291" spans="14:14">
      <c r="N224291" s="10"/>
    </row>
    <row r="224292" spans="14:14">
      <c r="N224292" s="10"/>
    </row>
    <row r="224293" spans="14:14">
      <c r="N224293" s="10"/>
    </row>
    <row r="224294" spans="14:14">
      <c r="N224294" s="10"/>
    </row>
    <row r="224295" spans="14:14">
      <c r="N224295" s="10"/>
    </row>
    <row r="224296" spans="14:14">
      <c r="N224296" s="10"/>
    </row>
    <row r="224297" spans="14:14">
      <c r="N224297" s="10"/>
    </row>
    <row r="224298" spans="14:14">
      <c r="N224298" s="10"/>
    </row>
    <row r="224299" spans="14:14">
      <c r="N224299" s="10"/>
    </row>
    <row r="224300" spans="14:14">
      <c r="N224300" s="10"/>
    </row>
    <row r="224301" spans="14:14">
      <c r="N224301" s="10"/>
    </row>
    <row r="224302" spans="14:14">
      <c r="N224302" s="10"/>
    </row>
    <row r="224303" spans="14:14">
      <c r="N224303" s="10"/>
    </row>
    <row r="224304" spans="14:14">
      <c r="N224304" s="10"/>
    </row>
    <row r="224305" spans="14:14">
      <c r="N224305" s="10"/>
    </row>
    <row r="224306" spans="14:14">
      <c r="N224306" s="10"/>
    </row>
    <row r="224307" spans="14:14">
      <c r="N224307" s="10"/>
    </row>
    <row r="224308" spans="14:14">
      <c r="N224308" s="10"/>
    </row>
    <row r="224309" spans="14:14">
      <c r="N224309" s="10"/>
    </row>
    <row r="224310" spans="14:14">
      <c r="N224310" s="10"/>
    </row>
    <row r="224311" spans="14:14">
      <c r="N224311" s="10"/>
    </row>
    <row r="224312" spans="14:14">
      <c r="N224312" s="10"/>
    </row>
    <row r="224313" spans="14:14">
      <c r="N224313" s="10"/>
    </row>
    <row r="224314" spans="14:14">
      <c r="N224314" s="10"/>
    </row>
    <row r="224315" spans="14:14">
      <c r="N224315" s="10"/>
    </row>
    <row r="224316" spans="14:14">
      <c r="N224316" s="10"/>
    </row>
    <row r="224317" spans="14:14">
      <c r="N224317" s="10"/>
    </row>
    <row r="224318" spans="14:14">
      <c r="N224318" s="10"/>
    </row>
    <row r="224319" spans="14:14">
      <c r="N224319" s="10"/>
    </row>
    <row r="224320" spans="14:14">
      <c r="N224320" s="10"/>
    </row>
    <row r="224321" spans="14:14">
      <c r="N224321" s="10"/>
    </row>
    <row r="224322" spans="14:14">
      <c r="N224322" s="10"/>
    </row>
    <row r="224323" spans="14:14">
      <c r="N224323" s="10"/>
    </row>
    <row r="224324" spans="14:14">
      <c r="N224324" s="10"/>
    </row>
    <row r="224325" spans="14:14">
      <c r="N224325" s="10"/>
    </row>
    <row r="224326" spans="14:14">
      <c r="N224326" s="10"/>
    </row>
    <row r="224327" spans="14:14">
      <c r="N224327" s="10"/>
    </row>
    <row r="224328" spans="14:14">
      <c r="N224328" s="10"/>
    </row>
    <row r="224329" spans="14:14">
      <c r="N224329" s="10"/>
    </row>
    <row r="224330" spans="14:14">
      <c r="N224330" s="10"/>
    </row>
    <row r="224331" spans="14:14">
      <c r="N224331" s="10"/>
    </row>
    <row r="224332" spans="14:14">
      <c r="N224332" s="10"/>
    </row>
    <row r="224333" spans="14:14">
      <c r="N224333" s="10"/>
    </row>
    <row r="224334" spans="14:14">
      <c r="N224334" s="10"/>
    </row>
    <row r="224335" spans="14:14">
      <c r="N224335" s="10"/>
    </row>
    <row r="224336" spans="14:14">
      <c r="N224336" s="10"/>
    </row>
    <row r="224337" spans="14:14">
      <c r="N224337" s="10"/>
    </row>
    <row r="224338" spans="14:14">
      <c r="N224338" s="10"/>
    </row>
    <row r="224339" spans="14:14">
      <c r="N224339" s="10"/>
    </row>
    <row r="224340" spans="14:14">
      <c r="N224340" s="10"/>
    </row>
    <row r="224341" spans="14:14">
      <c r="N224341" s="10"/>
    </row>
    <row r="224342" spans="14:14">
      <c r="N224342" s="10"/>
    </row>
    <row r="224343" spans="14:14">
      <c r="N224343" s="10"/>
    </row>
    <row r="224344" spans="14:14">
      <c r="N224344" s="10"/>
    </row>
    <row r="224345" spans="14:14">
      <c r="N224345" s="10"/>
    </row>
    <row r="224346" spans="14:14">
      <c r="N224346" s="10"/>
    </row>
    <row r="224347" spans="14:14">
      <c r="N224347" s="10"/>
    </row>
    <row r="224348" spans="14:14">
      <c r="N224348" s="10"/>
    </row>
    <row r="224349" spans="14:14">
      <c r="N224349" s="10"/>
    </row>
    <row r="224350" spans="14:14">
      <c r="N224350" s="10"/>
    </row>
    <row r="224351" spans="14:14">
      <c r="N224351" s="10"/>
    </row>
    <row r="224352" spans="14:14">
      <c r="N224352" s="10"/>
    </row>
    <row r="224353" spans="14:14">
      <c r="N224353" s="10"/>
    </row>
    <row r="224354" spans="14:14">
      <c r="N224354" s="10"/>
    </row>
    <row r="224355" spans="14:14">
      <c r="N224355" s="10"/>
    </row>
    <row r="224356" spans="14:14">
      <c r="N224356" s="10"/>
    </row>
    <row r="224357" spans="14:14">
      <c r="N224357" s="10"/>
    </row>
    <row r="224358" spans="14:14">
      <c r="N224358" s="10"/>
    </row>
    <row r="224359" spans="14:14">
      <c r="N224359" s="10"/>
    </row>
    <row r="224360" spans="14:14">
      <c r="N224360" s="10"/>
    </row>
    <row r="224361" spans="14:14">
      <c r="N224361" s="10"/>
    </row>
    <row r="224362" spans="14:14">
      <c r="N224362" s="10"/>
    </row>
    <row r="224363" spans="14:14">
      <c r="N224363" s="10"/>
    </row>
    <row r="224364" spans="14:14">
      <c r="N224364" s="10"/>
    </row>
    <row r="224365" spans="14:14">
      <c r="N224365" s="10"/>
    </row>
    <row r="224366" spans="14:14">
      <c r="N224366" s="10"/>
    </row>
    <row r="224367" spans="14:14">
      <c r="N224367" s="10"/>
    </row>
    <row r="224368" spans="14:14">
      <c r="N224368" s="10"/>
    </row>
    <row r="224369" spans="14:14">
      <c r="N224369" s="10"/>
    </row>
    <row r="224370" spans="14:14">
      <c r="N224370" s="10"/>
    </row>
    <row r="224371" spans="14:14">
      <c r="N224371" s="10"/>
    </row>
    <row r="224372" spans="14:14">
      <c r="N224372" s="10"/>
    </row>
    <row r="224373" spans="14:14">
      <c r="N224373" s="10"/>
    </row>
    <row r="224374" spans="14:14">
      <c r="N224374" s="10"/>
    </row>
    <row r="224375" spans="14:14">
      <c r="N224375" s="10"/>
    </row>
    <row r="224376" spans="14:14">
      <c r="N224376" s="10"/>
    </row>
    <row r="224377" spans="14:14">
      <c r="N224377" s="10"/>
    </row>
    <row r="224378" spans="14:14">
      <c r="N224378" s="10"/>
    </row>
    <row r="224379" spans="14:14">
      <c r="N224379" s="10"/>
    </row>
    <row r="224380" spans="14:14">
      <c r="N224380" s="10"/>
    </row>
    <row r="224381" spans="14:14">
      <c r="N224381" s="10"/>
    </row>
    <row r="224382" spans="14:14">
      <c r="N224382" s="10"/>
    </row>
    <row r="224383" spans="14:14">
      <c r="N224383" s="10"/>
    </row>
    <row r="224384" spans="14:14">
      <c r="N224384" s="10"/>
    </row>
    <row r="224385" spans="14:14">
      <c r="N224385" s="10"/>
    </row>
    <row r="224386" spans="14:14">
      <c r="N224386" s="10"/>
    </row>
    <row r="224387" spans="14:14">
      <c r="N224387" s="10"/>
    </row>
    <row r="224388" spans="14:14">
      <c r="N224388" s="10"/>
    </row>
    <row r="224389" spans="14:14">
      <c r="N224389" s="10"/>
    </row>
    <row r="224390" spans="14:14">
      <c r="N224390" s="10"/>
    </row>
    <row r="224391" spans="14:14">
      <c r="N224391" s="10"/>
    </row>
    <row r="224392" spans="14:14">
      <c r="N224392" s="10"/>
    </row>
    <row r="224393" spans="14:14">
      <c r="N224393" s="10"/>
    </row>
    <row r="224394" spans="14:14">
      <c r="N224394" s="10"/>
    </row>
    <row r="224395" spans="14:14">
      <c r="N224395" s="10"/>
    </row>
    <row r="224396" spans="14:14">
      <c r="N224396" s="10"/>
    </row>
    <row r="224397" spans="14:14">
      <c r="N224397" s="10"/>
    </row>
    <row r="224398" spans="14:14">
      <c r="N224398" s="10"/>
    </row>
    <row r="224399" spans="14:14">
      <c r="N224399" s="10"/>
    </row>
    <row r="224400" spans="14:14">
      <c r="N224400" s="10"/>
    </row>
    <row r="224401" spans="14:14">
      <c r="N224401" s="10"/>
    </row>
    <row r="224402" spans="14:14">
      <c r="N224402" s="10"/>
    </row>
    <row r="224403" spans="14:14">
      <c r="N224403" s="10"/>
    </row>
    <row r="224404" spans="14:14">
      <c r="N224404" s="10"/>
    </row>
    <row r="224405" spans="14:14">
      <c r="N224405" s="10"/>
    </row>
    <row r="224406" spans="14:14">
      <c r="N224406" s="10"/>
    </row>
    <row r="224407" spans="14:14">
      <c r="N224407" s="10"/>
    </row>
    <row r="224408" spans="14:14">
      <c r="N224408" s="10"/>
    </row>
    <row r="224409" spans="14:14">
      <c r="N224409" s="10"/>
    </row>
    <row r="224410" spans="14:14">
      <c r="N224410" s="10"/>
    </row>
    <row r="224411" spans="14:14">
      <c r="N224411" s="10"/>
    </row>
    <row r="224412" spans="14:14">
      <c r="N224412" s="10"/>
    </row>
    <row r="224413" spans="14:14">
      <c r="N224413" s="10"/>
    </row>
    <row r="224414" spans="14:14">
      <c r="N224414" s="10"/>
    </row>
    <row r="224415" spans="14:14">
      <c r="N224415" s="10"/>
    </row>
    <row r="224416" spans="14:14">
      <c r="N224416" s="10"/>
    </row>
    <row r="224417" spans="14:14">
      <c r="N224417" s="10"/>
    </row>
    <row r="224418" spans="14:14">
      <c r="N224418" s="10"/>
    </row>
    <row r="224419" spans="14:14">
      <c r="N224419" s="10"/>
    </row>
    <row r="224420" spans="14:14">
      <c r="N224420" s="10"/>
    </row>
    <row r="224421" spans="14:14">
      <c r="N224421" s="10"/>
    </row>
    <row r="224422" spans="14:14">
      <c r="N224422" s="10"/>
    </row>
    <row r="224423" spans="14:14">
      <c r="N224423" s="10"/>
    </row>
    <row r="224424" spans="14:14">
      <c r="N224424" s="10"/>
    </row>
    <row r="224425" spans="14:14">
      <c r="N224425" s="10"/>
    </row>
    <row r="224426" spans="14:14">
      <c r="N224426" s="10"/>
    </row>
    <row r="224427" spans="14:14">
      <c r="N224427" s="10"/>
    </row>
    <row r="224428" spans="14:14">
      <c r="N224428" s="10"/>
    </row>
    <row r="224429" spans="14:14">
      <c r="N224429" s="10"/>
    </row>
    <row r="224430" spans="14:14">
      <c r="N224430" s="10"/>
    </row>
    <row r="224431" spans="14:14">
      <c r="N224431" s="10"/>
    </row>
    <row r="224432" spans="14:14">
      <c r="N224432" s="10"/>
    </row>
    <row r="224433" spans="14:14">
      <c r="N224433" s="10"/>
    </row>
    <row r="224434" spans="14:14">
      <c r="N224434" s="10"/>
    </row>
    <row r="224435" spans="14:14">
      <c r="N224435" s="10"/>
    </row>
    <row r="224436" spans="14:14">
      <c r="N224436" s="10"/>
    </row>
    <row r="224437" spans="14:14">
      <c r="N224437" s="10"/>
    </row>
    <row r="224438" spans="14:14">
      <c r="N224438" s="10"/>
    </row>
    <row r="224439" spans="14:14">
      <c r="N224439" s="10"/>
    </row>
    <row r="224440" spans="14:14">
      <c r="N224440" s="10"/>
    </row>
    <row r="224441" spans="14:14">
      <c r="N224441" s="10"/>
    </row>
    <row r="224442" spans="14:14">
      <c r="N224442" s="10"/>
    </row>
    <row r="224443" spans="14:14">
      <c r="N224443" s="10"/>
    </row>
    <row r="224444" spans="14:14">
      <c r="N224444" s="10"/>
    </row>
    <row r="224445" spans="14:14">
      <c r="N224445" s="10"/>
    </row>
    <row r="224446" spans="14:14">
      <c r="N224446" s="10"/>
    </row>
    <row r="224447" spans="14:14">
      <c r="N224447" s="10"/>
    </row>
    <row r="224448" spans="14:14">
      <c r="N224448" s="10"/>
    </row>
    <row r="224449" spans="14:14">
      <c r="N224449" s="10"/>
    </row>
    <row r="224450" spans="14:14">
      <c r="N224450" s="10"/>
    </row>
    <row r="224451" spans="14:14">
      <c r="N224451" s="10"/>
    </row>
    <row r="224452" spans="14:14">
      <c r="N224452" s="10"/>
    </row>
    <row r="224453" spans="14:14">
      <c r="N224453" s="10"/>
    </row>
    <row r="224454" spans="14:14">
      <c r="N224454" s="10"/>
    </row>
    <row r="224455" spans="14:14">
      <c r="N224455" s="10"/>
    </row>
    <row r="224456" spans="14:14">
      <c r="N224456" s="10"/>
    </row>
    <row r="224457" spans="14:14">
      <c r="N224457" s="10"/>
    </row>
    <row r="224458" spans="14:14">
      <c r="N224458" s="10"/>
    </row>
    <row r="224459" spans="14:14">
      <c r="N224459" s="10"/>
    </row>
    <row r="224460" spans="14:14">
      <c r="N224460" s="10"/>
    </row>
    <row r="224461" spans="14:14">
      <c r="N224461" s="10"/>
    </row>
    <row r="224462" spans="14:14">
      <c r="N224462" s="10"/>
    </row>
    <row r="224463" spans="14:14">
      <c r="N224463" s="10"/>
    </row>
    <row r="224464" spans="14:14">
      <c r="N224464" s="10"/>
    </row>
    <row r="224465" spans="14:14">
      <c r="N224465" s="10"/>
    </row>
    <row r="224466" spans="14:14">
      <c r="N224466" s="10"/>
    </row>
    <row r="224467" spans="14:14">
      <c r="N224467" s="10"/>
    </row>
    <row r="224468" spans="14:14">
      <c r="N224468" s="10"/>
    </row>
    <row r="224469" spans="14:14">
      <c r="N224469" s="10"/>
    </row>
    <row r="224470" spans="14:14">
      <c r="N224470" s="10"/>
    </row>
    <row r="224471" spans="14:14">
      <c r="N224471" s="10"/>
    </row>
    <row r="224472" spans="14:14">
      <c r="N224472" s="10"/>
    </row>
    <row r="224473" spans="14:14">
      <c r="N224473" s="10"/>
    </row>
    <row r="224474" spans="14:14">
      <c r="N224474" s="10"/>
    </row>
    <row r="224475" spans="14:14">
      <c r="N224475" s="10"/>
    </row>
    <row r="224476" spans="14:14">
      <c r="N224476" s="10"/>
    </row>
    <row r="224477" spans="14:14">
      <c r="N224477" s="10"/>
    </row>
    <row r="224478" spans="14:14">
      <c r="N224478" s="10"/>
    </row>
    <row r="224479" spans="14:14">
      <c r="N224479" s="10"/>
    </row>
    <row r="224480" spans="14:14">
      <c r="N224480" s="10"/>
    </row>
    <row r="224481" spans="14:14">
      <c r="N224481" s="10"/>
    </row>
    <row r="224482" spans="14:14">
      <c r="N224482" s="10"/>
    </row>
    <row r="224483" spans="14:14">
      <c r="N224483" s="10"/>
    </row>
    <row r="224484" spans="14:14">
      <c r="N224484" s="10"/>
    </row>
    <row r="224485" spans="14:14">
      <c r="N224485" s="10"/>
    </row>
    <row r="224486" spans="14:14">
      <c r="N224486" s="10"/>
    </row>
    <row r="224487" spans="14:14">
      <c r="N224487" s="10"/>
    </row>
    <row r="224488" spans="14:14">
      <c r="N224488" s="10"/>
    </row>
    <row r="224489" spans="14:14">
      <c r="N224489" s="10"/>
    </row>
    <row r="224490" spans="14:14">
      <c r="N224490" s="10"/>
    </row>
    <row r="224491" spans="14:14">
      <c r="N224491" s="10"/>
    </row>
    <row r="224492" spans="14:14">
      <c r="N224492" s="10"/>
    </row>
    <row r="224493" spans="14:14">
      <c r="N224493" s="10"/>
    </row>
    <row r="224494" spans="14:14">
      <c r="N224494" s="10"/>
    </row>
    <row r="224495" spans="14:14">
      <c r="N224495" s="10"/>
    </row>
    <row r="224496" spans="14:14">
      <c r="N224496" s="10"/>
    </row>
    <row r="224497" spans="14:14">
      <c r="N224497" s="10"/>
    </row>
    <row r="224498" spans="14:14">
      <c r="N224498" s="10"/>
    </row>
    <row r="224499" spans="14:14">
      <c r="N224499" s="10"/>
    </row>
    <row r="224500" spans="14:14">
      <c r="N224500" s="10"/>
    </row>
    <row r="224501" spans="14:14">
      <c r="N224501" s="10"/>
    </row>
    <row r="224502" spans="14:14">
      <c r="N224502" s="10"/>
    </row>
    <row r="224503" spans="14:14">
      <c r="N224503" s="10"/>
    </row>
    <row r="224504" spans="14:14">
      <c r="N224504" s="10"/>
    </row>
    <row r="224505" spans="14:14">
      <c r="N224505" s="10"/>
    </row>
    <row r="224506" spans="14:14">
      <c r="N224506" s="10"/>
    </row>
    <row r="224507" spans="14:14">
      <c r="N224507" s="10"/>
    </row>
    <row r="224508" spans="14:14">
      <c r="N224508" s="10"/>
    </row>
    <row r="224509" spans="14:14">
      <c r="N224509" s="10"/>
    </row>
    <row r="224510" spans="14:14">
      <c r="N224510" s="10"/>
    </row>
    <row r="224511" spans="14:14">
      <c r="N224511" s="10"/>
    </row>
    <row r="224512" spans="14:14">
      <c r="N224512" s="10"/>
    </row>
    <row r="224513" spans="14:14">
      <c r="N224513" s="10"/>
    </row>
    <row r="224514" spans="14:14">
      <c r="N224514" s="10"/>
    </row>
    <row r="224515" spans="14:14">
      <c r="N224515" s="10"/>
    </row>
    <row r="224516" spans="14:14">
      <c r="N224516" s="10"/>
    </row>
    <row r="224517" spans="14:14">
      <c r="N224517" s="10"/>
    </row>
    <row r="224518" spans="14:14">
      <c r="N224518" s="10"/>
    </row>
    <row r="224519" spans="14:14">
      <c r="N224519" s="10"/>
    </row>
    <row r="224520" spans="14:14">
      <c r="N224520" s="10"/>
    </row>
    <row r="224521" spans="14:14">
      <c r="N224521" s="10"/>
    </row>
    <row r="224522" spans="14:14">
      <c r="N224522" s="10"/>
    </row>
    <row r="224523" spans="14:14">
      <c r="N224523" s="10"/>
    </row>
    <row r="224524" spans="14:14">
      <c r="N224524" s="10"/>
    </row>
    <row r="224525" spans="14:14">
      <c r="N224525" s="10"/>
    </row>
    <row r="224526" spans="14:14">
      <c r="N224526" s="10"/>
    </row>
    <row r="224527" spans="14:14">
      <c r="N224527" s="10"/>
    </row>
    <row r="224528" spans="14:14">
      <c r="N224528" s="10"/>
    </row>
    <row r="224529" spans="14:14">
      <c r="N224529" s="10"/>
    </row>
    <row r="224530" spans="14:14">
      <c r="N224530" s="10"/>
    </row>
    <row r="224531" spans="14:14">
      <c r="N224531" s="10"/>
    </row>
    <row r="224532" spans="14:14">
      <c r="N224532" s="10"/>
    </row>
    <row r="224533" spans="14:14">
      <c r="N224533" s="10"/>
    </row>
    <row r="224534" spans="14:14">
      <c r="N224534" s="10"/>
    </row>
    <row r="224535" spans="14:14">
      <c r="N224535" s="10"/>
    </row>
    <row r="224536" spans="14:14">
      <c r="N224536" s="10"/>
    </row>
    <row r="224537" spans="14:14">
      <c r="N224537" s="10"/>
    </row>
    <row r="224538" spans="14:14">
      <c r="N224538" s="10"/>
    </row>
    <row r="224539" spans="14:14">
      <c r="N224539" s="10"/>
    </row>
    <row r="224540" spans="14:14">
      <c r="N224540" s="10"/>
    </row>
    <row r="224541" spans="14:14">
      <c r="N224541" s="10"/>
    </row>
    <row r="224542" spans="14:14">
      <c r="N224542" s="10"/>
    </row>
    <row r="224543" spans="14:14">
      <c r="N224543" s="10"/>
    </row>
    <row r="224544" spans="14:14">
      <c r="N224544" s="10"/>
    </row>
    <row r="224545" spans="14:14">
      <c r="N224545" s="10"/>
    </row>
    <row r="224546" spans="14:14">
      <c r="N224546" s="10"/>
    </row>
    <row r="224547" spans="14:14">
      <c r="N224547" s="10"/>
    </row>
    <row r="224548" spans="14:14">
      <c r="N224548" s="10"/>
    </row>
    <row r="224549" spans="14:14">
      <c r="N224549" s="10"/>
    </row>
    <row r="224550" spans="14:14">
      <c r="N224550" s="10"/>
    </row>
    <row r="224551" spans="14:14">
      <c r="N224551" s="10"/>
    </row>
    <row r="224552" spans="14:14">
      <c r="N224552" s="10"/>
    </row>
    <row r="224553" spans="14:14">
      <c r="N224553" s="10"/>
    </row>
    <row r="224554" spans="14:14">
      <c r="N224554" s="10"/>
    </row>
    <row r="224555" spans="14:14">
      <c r="N224555" s="10"/>
    </row>
    <row r="224556" spans="14:14">
      <c r="N224556" s="10"/>
    </row>
    <row r="224557" spans="14:14">
      <c r="N224557" s="10"/>
    </row>
    <row r="224558" spans="14:14">
      <c r="N224558" s="10"/>
    </row>
    <row r="224559" spans="14:14">
      <c r="N224559" s="10"/>
    </row>
    <row r="224560" spans="14:14">
      <c r="N224560" s="10"/>
    </row>
    <row r="224561" spans="14:14">
      <c r="N224561" s="10"/>
    </row>
    <row r="224562" spans="14:14">
      <c r="N224562" s="10"/>
    </row>
    <row r="224563" spans="14:14">
      <c r="N224563" s="10"/>
    </row>
    <row r="224564" spans="14:14">
      <c r="N224564" s="10"/>
    </row>
    <row r="224565" spans="14:14">
      <c r="N224565" s="10"/>
    </row>
    <row r="224566" spans="14:14">
      <c r="N224566" s="10"/>
    </row>
    <row r="224567" spans="14:14">
      <c r="N224567" s="10"/>
    </row>
    <row r="224568" spans="14:14">
      <c r="N224568" s="10"/>
    </row>
    <row r="224569" spans="14:14">
      <c r="N224569" s="10"/>
    </row>
    <row r="224570" spans="14:14">
      <c r="N224570" s="10"/>
    </row>
    <row r="224571" spans="14:14">
      <c r="N224571" s="10"/>
    </row>
    <row r="224572" spans="14:14">
      <c r="N224572" s="10"/>
    </row>
    <row r="224573" spans="14:14">
      <c r="N224573" s="10"/>
    </row>
    <row r="224574" spans="14:14">
      <c r="N224574" s="10"/>
    </row>
    <row r="224575" spans="14:14">
      <c r="N224575" s="10"/>
    </row>
    <row r="224576" spans="14:14">
      <c r="N224576" s="10"/>
    </row>
    <row r="224577" spans="14:14">
      <c r="N224577" s="10"/>
    </row>
    <row r="224578" spans="14:14">
      <c r="N224578" s="10"/>
    </row>
    <row r="224579" spans="14:14">
      <c r="N224579" s="10"/>
    </row>
    <row r="224580" spans="14:14">
      <c r="N224580" s="10"/>
    </row>
    <row r="224581" spans="14:14">
      <c r="N224581" s="10"/>
    </row>
    <row r="224582" spans="14:14">
      <c r="N224582" s="10"/>
    </row>
    <row r="224583" spans="14:14">
      <c r="N224583" s="10"/>
    </row>
    <row r="224584" spans="14:14">
      <c r="N224584" s="10"/>
    </row>
    <row r="224585" spans="14:14">
      <c r="N224585" s="10"/>
    </row>
    <row r="224586" spans="14:14">
      <c r="N224586" s="10"/>
    </row>
    <row r="224587" spans="14:14">
      <c r="N224587" s="10"/>
    </row>
    <row r="224588" spans="14:14">
      <c r="N224588" s="10"/>
    </row>
    <row r="224589" spans="14:14">
      <c r="N224589" s="10"/>
    </row>
    <row r="224590" spans="14:14">
      <c r="N224590" s="10"/>
    </row>
    <row r="224591" spans="14:14">
      <c r="N224591" s="10"/>
    </row>
    <row r="224592" spans="14:14">
      <c r="N224592" s="10"/>
    </row>
    <row r="224593" spans="14:14">
      <c r="N224593" s="10"/>
    </row>
    <row r="224594" spans="14:14">
      <c r="N224594" s="10"/>
    </row>
    <row r="224595" spans="14:14">
      <c r="N224595" s="10"/>
    </row>
    <row r="224596" spans="14:14">
      <c r="N224596" s="10"/>
    </row>
    <row r="224597" spans="14:14">
      <c r="N224597" s="10"/>
    </row>
    <row r="224598" spans="14:14">
      <c r="N224598" s="10"/>
    </row>
    <row r="224599" spans="14:14">
      <c r="N224599" s="10"/>
    </row>
    <row r="224600" spans="14:14">
      <c r="N224600" s="10"/>
    </row>
    <row r="224601" spans="14:14">
      <c r="N224601" s="10"/>
    </row>
    <row r="224602" spans="14:14">
      <c r="N224602" s="10"/>
    </row>
    <row r="224603" spans="14:14">
      <c r="N224603" s="10"/>
    </row>
    <row r="224604" spans="14:14">
      <c r="N224604" s="10"/>
    </row>
    <row r="224605" spans="14:14">
      <c r="N224605" s="10"/>
    </row>
    <row r="224606" spans="14:14">
      <c r="N224606" s="10"/>
    </row>
    <row r="224607" spans="14:14">
      <c r="N224607" s="10"/>
    </row>
    <row r="224608" spans="14:14">
      <c r="N224608" s="10"/>
    </row>
    <row r="224609" spans="14:14">
      <c r="N224609" s="10"/>
    </row>
    <row r="224610" spans="14:14">
      <c r="N224610" s="10"/>
    </row>
    <row r="224611" spans="14:14">
      <c r="N224611" s="10"/>
    </row>
    <row r="224612" spans="14:14">
      <c r="N224612" s="10"/>
    </row>
    <row r="224613" spans="14:14">
      <c r="N224613" s="10"/>
    </row>
    <row r="224614" spans="14:14">
      <c r="N224614" s="10"/>
    </row>
    <row r="224615" spans="14:14">
      <c r="N224615" s="10"/>
    </row>
    <row r="224616" spans="14:14">
      <c r="N224616" s="10"/>
    </row>
    <row r="224617" spans="14:14">
      <c r="N224617" s="10"/>
    </row>
    <row r="224618" spans="14:14">
      <c r="N224618" s="10"/>
    </row>
    <row r="224619" spans="14:14">
      <c r="N224619" s="10"/>
    </row>
    <row r="224620" spans="14:14">
      <c r="N224620" s="10"/>
    </row>
    <row r="224621" spans="14:14">
      <c r="N224621" s="10"/>
    </row>
    <row r="224622" spans="14:14">
      <c r="N224622" s="10"/>
    </row>
    <row r="224623" spans="14:14">
      <c r="N224623" s="10"/>
    </row>
    <row r="224624" spans="14:14">
      <c r="N224624" s="10"/>
    </row>
    <row r="224625" spans="14:14">
      <c r="N224625" s="10"/>
    </row>
    <row r="224626" spans="14:14">
      <c r="N224626" s="10"/>
    </row>
    <row r="224627" spans="14:14">
      <c r="N224627" s="10"/>
    </row>
    <row r="224628" spans="14:14">
      <c r="N224628" s="10"/>
    </row>
    <row r="224629" spans="14:14">
      <c r="N224629" s="10"/>
    </row>
    <row r="224630" spans="14:14">
      <c r="N224630" s="10"/>
    </row>
    <row r="224631" spans="14:14">
      <c r="N224631" s="10"/>
    </row>
    <row r="224632" spans="14:14">
      <c r="N224632" s="10"/>
    </row>
    <row r="224633" spans="14:14">
      <c r="N224633" s="10"/>
    </row>
    <row r="224634" spans="14:14">
      <c r="N224634" s="10"/>
    </row>
    <row r="224635" spans="14:14">
      <c r="N224635" s="10"/>
    </row>
    <row r="224636" spans="14:14">
      <c r="N224636" s="10"/>
    </row>
    <row r="224637" spans="14:14">
      <c r="N224637" s="10"/>
    </row>
    <row r="224638" spans="14:14">
      <c r="N224638" s="10"/>
    </row>
    <row r="224639" spans="14:14">
      <c r="N224639" s="10"/>
    </row>
    <row r="224640" spans="14:14">
      <c r="N224640" s="10"/>
    </row>
    <row r="224641" spans="14:14">
      <c r="N224641" s="10"/>
    </row>
    <row r="224642" spans="14:14">
      <c r="N224642" s="10"/>
    </row>
    <row r="224643" spans="14:14">
      <c r="N224643" s="10"/>
    </row>
    <row r="224644" spans="14:14">
      <c r="N224644" s="10"/>
    </row>
    <row r="224645" spans="14:14">
      <c r="N224645" s="10"/>
    </row>
    <row r="224646" spans="14:14">
      <c r="N224646" s="10"/>
    </row>
    <row r="224647" spans="14:14">
      <c r="N224647" s="10"/>
    </row>
    <row r="224648" spans="14:14">
      <c r="N224648" s="10"/>
    </row>
    <row r="224649" spans="14:14">
      <c r="N224649" s="10"/>
    </row>
    <row r="224650" spans="14:14">
      <c r="N224650" s="10"/>
    </row>
    <row r="224651" spans="14:14">
      <c r="N224651" s="10"/>
    </row>
    <row r="224652" spans="14:14">
      <c r="N224652" s="10"/>
    </row>
    <row r="224653" spans="14:14">
      <c r="N224653" s="10"/>
    </row>
    <row r="224654" spans="14:14">
      <c r="N224654" s="10"/>
    </row>
    <row r="224655" spans="14:14">
      <c r="N224655" s="10"/>
    </row>
    <row r="224656" spans="14:14">
      <c r="N224656" s="10"/>
    </row>
    <row r="224657" spans="14:14">
      <c r="N224657" s="10"/>
    </row>
    <row r="224658" spans="14:14">
      <c r="N224658" s="10"/>
    </row>
    <row r="224659" spans="14:14">
      <c r="N224659" s="10"/>
    </row>
    <row r="224660" spans="14:14">
      <c r="N224660" s="10"/>
    </row>
    <row r="224661" spans="14:14">
      <c r="N224661" s="10"/>
    </row>
    <row r="224662" spans="14:14">
      <c r="N224662" s="10"/>
    </row>
    <row r="224663" spans="14:14">
      <c r="N224663" s="10"/>
    </row>
    <row r="224664" spans="14:14">
      <c r="N224664" s="10"/>
    </row>
    <row r="224665" spans="14:14">
      <c r="N224665" s="10"/>
    </row>
    <row r="224666" spans="14:14">
      <c r="N224666" s="10"/>
    </row>
    <row r="224667" spans="14:14">
      <c r="N224667" s="10"/>
    </row>
    <row r="224668" spans="14:14">
      <c r="N224668" s="10"/>
    </row>
    <row r="224669" spans="14:14">
      <c r="N224669" s="10"/>
    </row>
    <row r="224670" spans="14:14">
      <c r="N224670" s="10"/>
    </row>
    <row r="224671" spans="14:14">
      <c r="N224671" s="10"/>
    </row>
    <row r="224672" spans="14:14">
      <c r="N224672" s="10"/>
    </row>
    <row r="224673" spans="14:14">
      <c r="N224673" s="10"/>
    </row>
    <row r="224674" spans="14:14">
      <c r="N224674" s="10"/>
    </row>
    <row r="224675" spans="14:14">
      <c r="N224675" s="10"/>
    </row>
    <row r="224676" spans="14:14">
      <c r="N224676" s="10"/>
    </row>
    <row r="224677" spans="14:14">
      <c r="N224677" s="10"/>
    </row>
    <row r="224678" spans="14:14">
      <c r="N224678" s="10"/>
    </row>
    <row r="224679" spans="14:14">
      <c r="N224679" s="10"/>
    </row>
    <row r="224680" spans="14:14">
      <c r="N224680" s="10"/>
    </row>
    <row r="224681" spans="14:14">
      <c r="N224681" s="10"/>
    </row>
    <row r="224682" spans="14:14">
      <c r="N224682" s="10"/>
    </row>
    <row r="224683" spans="14:14">
      <c r="N224683" s="10"/>
    </row>
    <row r="224684" spans="14:14">
      <c r="N224684" s="10"/>
    </row>
    <row r="224685" spans="14:14">
      <c r="N224685" s="10"/>
    </row>
    <row r="224686" spans="14:14">
      <c r="N224686" s="10"/>
    </row>
    <row r="224687" spans="14:14">
      <c r="N224687" s="10"/>
    </row>
    <row r="224688" spans="14:14">
      <c r="N224688" s="10"/>
    </row>
    <row r="224689" spans="14:14">
      <c r="N224689" s="10"/>
    </row>
    <row r="224690" spans="14:14">
      <c r="N224690" s="10"/>
    </row>
    <row r="224691" spans="14:14">
      <c r="N224691" s="10"/>
    </row>
    <row r="224692" spans="14:14">
      <c r="N224692" s="10"/>
    </row>
    <row r="224693" spans="14:14">
      <c r="N224693" s="10"/>
    </row>
    <row r="224694" spans="14:14">
      <c r="N224694" s="10"/>
    </row>
    <row r="224695" spans="14:14">
      <c r="N224695" s="10"/>
    </row>
    <row r="224696" spans="14:14">
      <c r="N224696" s="10"/>
    </row>
    <row r="224697" spans="14:14">
      <c r="N224697" s="10"/>
    </row>
    <row r="224698" spans="14:14">
      <c r="N224698" s="10"/>
    </row>
    <row r="224699" spans="14:14">
      <c r="N224699" s="10"/>
    </row>
    <row r="224700" spans="14:14">
      <c r="N224700" s="10"/>
    </row>
    <row r="224701" spans="14:14">
      <c r="N224701" s="10"/>
    </row>
    <row r="224702" spans="14:14">
      <c r="N224702" s="10"/>
    </row>
    <row r="224703" spans="14:14">
      <c r="N224703" s="10"/>
    </row>
    <row r="224704" spans="14:14">
      <c r="N224704" s="10"/>
    </row>
    <row r="224705" spans="14:14">
      <c r="N224705" s="10"/>
    </row>
    <row r="224706" spans="14:14">
      <c r="N224706" s="10"/>
    </row>
    <row r="224707" spans="14:14">
      <c r="N224707" s="10"/>
    </row>
    <row r="224708" spans="14:14">
      <c r="N224708" s="10"/>
    </row>
    <row r="224709" spans="14:14">
      <c r="N224709" s="10"/>
    </row>
    <row r="224710" spans="14:14">
      <c r="N224710" s="10"/>
    </row>
    <row r="224711" spans="14:14">
      <c r="N224711" s="10"/>
    </row>
    <row r="224712" spans="14:14">
      <c r="N224712" s="10"/>
    </row>
    <row r="224713" spans="14:14">
      <c r="N224713" s="10"/>
    </row>
    <row r="224714" spans="14:14">
      <c r="N224714" s="10"/>
    </row>
    <row r="224715" spans="14:14">
      <c r="N224715" s="10"/>
    </row>
    <row r="224716" spans="14:14">
      <c r="N224716" s="10"/>
    </row>
    <row r="224717" spans="14:14">
      <c r="N224717" s="10"/>
    </row>
    <row r="224718" spans="14:14">
      <c r="N224718" s="10"/>
    </row>
    <row r="224719" spans="14:14">
      <c r="N224719" s="10"/>
    </row>
    <row r="224720" spans="14:14">
      <c r="N224720" s="10"/>
    </row>
    <row r="224721" spans="14:14">
      <c r="N224721" s="10"/>
    </row>
    <row r="224722" spans="14:14">
      <c r="N224722" s="10"/>
    </row>
    <row r="224723" spans="14:14">
      <c r="N224723" s="10"/>
    </row>
    <row r="224724" spans="14:14">
      <c r="N224724" s="10"/>
    </row>
    <row r="224725" spans="14:14">
      <c r="N224725" s="10"/>
    </row>
    <row r="224726" spans="14:14">
      <c r="N224726" s="10"/>
    </row>
    <row r="224727" spans="14:14">
      <c r="N224727" s="10"/>
    </row>
    <row r="224728" spans="14:14">
      <c r="N224728" s="10"/>
    </row>
    <row r="224729" spans="14:14">
      <c r="N224729" s="10"/>
    </row>
    <row r="224730" spans="14:14">
      <c r="N224730" s="10"/>
    </row>
    <row r="224731" spans="14:14">
      <c r="N224731" s="10"/>
    </row>
    <row r="224732" spans="14:14">
      <c r="N224732" s="10"/>
    </row>
    <row r="224733" spans="14:14">
      <c r="N224733" s="10"/>
    </row>
    <row r="224734" spans="14:14">
      <c r="N224734" s="10"/>
    </row>
    <row r="224735" spans="14:14">
      <c r="N224735" s="10"/>
    </row>
    <row r="224736" spans="14:14">
      <c r="N224736" s="10"/>
    </row>
    <row r="224737" spans="14:14">
      <c r="N224737" s="10"/>
    </row>
    <row r="224738" spans="14:14">
      <c r="N224738" s="10"/>
    </row>
    <row r="224739" spans="14:14">
      <c r="N224739" s="10"/>
    </row>
    <row r="224740" spans="14:14">
      <c r="N224740" s="10"/>
    </row>
    <row r="224741" spans="14:14">
      <c r="N224741" s="10"/>
    </row>
    <row r="224742" spans="14:14">
      <c r="N224742" s="10"/>
    </row>
    <row r="224743" spans="14:14">
      <c r="N224743" s="10"/>
    </row>
    <row r="224744" spans="14:14">
      <c r="N224744" s="10"/>
    </row>
    <row r="224745" spans="14:14">
      <c r="N224745" s="10"/>
    </row>
    <row r="224746" spans="14:14">
      <c r="N224746" s="10"/>
    </row>
    <row r="224747" spans="14:14">
      <c r="N224747" s="10"/>
    </row>
    <row r="224748" spans="14:14">
      <c r="N224748" s="10"/>
    </row>
    <row r="224749" spans="14:14">
      <c r="N224749" s="10"/>
    </row>
    <row r="224750" spans="14:14">
      <c r="N224750" s="10"/>
    </row>
    <row r="224751" spans="14:14">
      <c r="N224751" s="10"/>
    </row>
    <row r="224752" spans="14:14">
      <c r="N224752" s="10"/>
    </row>
    <row r="224753" spans="14:14">
      <c r="N224753" s="10"/>
    </row>
    <row r="224754" spans="14:14">
      <c r="N224754" s="10"/>
    </row>
    <row r="224755" spans="14:14">
      <c r="N224755" s="10"/>
    </row>
    <row r="224756" spans="14:14">
      <c r="N224756" s="10"/>
    </row>
    <row r="224757" spans="14:14">
      <c r="N224757" s="10"/>
    </row>
    <row r="224758" spans="14:14">
      <c r="N224758" s="10"/>
    </row>
    <row r="224759" spans="14:14">
      <c r="N224759" s="10"/>
    </row>
    <row r="224760" spans="14:14">
      <c r="N224760" s="10"/>
    </row>
    <row r="224761" spans="14:14">
      <c r="N224761" s="10"/>
    </row>
    <row r="224762" spans="14:14">
      <c r="N224762" s="10"/>
    </row>
    <row r="224763" spans="14:14">
      <c r="N224763" s="10"/>
    </row>
    <row r="224764" spans="14:14">
      <c r="N224764" s="10"/>
    </row>
    <row r="224765" spans="14:14">
      <c r="N224765" s="10"/>
    </row>
    <row r="224766" spans="14:14">
      <c r="N224766" s="10"/>
    </row>
    <row r="224767" spans="14:14">
      <c r="N224767" s="10"/>
    </row>
    <row r="224768" spans="14:14">
      <c r="N224768" s="10"/>
    </row>
    <row r="224769" spans="14:14">
      <c r="N224769" s="10"/>
    </row>
    <row r="224770" spans="14:14">
      <c r="N224770" s="10"/>
    </row>
    <row r="224771" spans="14:14">
      <c r="N224771" s="10"/>
    </row>
    <row r="224772" spans="14:14">
      <c r="N224772" s="10"/>
    </row>
    <row r="224773" spans="14:14">
      <c r="N224773" s="10"/>
    </row>
    <row r="224774" spans="14:14">
      <c r="N224774" s="10"/>
    </row>
    <row r="224775" spans="14:14">
      <c r="N224775" s="10"/>
    </row>
    <row r="224776" spans="14:14">
      <c r="N224776" s="10"/>
    </row>
    <row r="224777" spans="14:14">
      <c r="N224777" s="10"/>
    </row>
    <row r="224778" spans="14:14">
      <c r="N224778" s="10"/>
    </row>
    <row r="224779" spans="14:14">
      <c r="N224779" s="10"/>
    </row>
    <row r="224780" spans="14:14">
      <c r="N224780" s="10"/>
    </row>
    <row r="224781" spans="14:14">
      <c r="N224781" s="10"/>
    </row>
    <row r="224782" spans="14:14">
      <c r="N224782" s="10"/>
    </row>
    <row r="224783" spans="14:14">
      <c r="N224783" s="10"/>
    </row>
    <row r="224784" spans="14:14">
      <c r="N224784" s="10"/>
    </row>
    <row r="224785" spans="14:14">
      <c r="N224785" s="10"/>
    </row>
    <row r="224786" spans="14:14">
      <c r="N224786" s="10"/>
    </row>
    <row r="224787" spans="14:14">
      <c r="N224787" s="10"/>
    </row>
    <row r="224788" spans="14:14">
      <c r="N224788" s="10"/>
    </row>
    <row r="224789" spans="14:14">
      <c r="N224789" s="10"/>
    </row>
    <row r="224790" spans="14:14">
      <c r="N224790" s="10"/>
    </row>
    <row r="224791" spans="14:14">
      <c r="N224791" s="10"/>
    </row>
    <row r="224792" spans="14:14">
      <c r="N224792" s="10"/>
    </row>
    <row r="224793" spans="14:14">
      <c r="N224793" s="10"/>
    </row>
    <row r="224794" spans="14:14">
      <c r="N224794" s="10"/>
    </row>
    <row r="224795" spans="14:14">
      <c r="N224795" s="10"/>
    </row>
    <row r="224796" spans="14:14">
      <c r="N224796" s="10"/>
    </row>
    <row r="224797" spans="14:14">
      <c r="N224797" s="10"/>
    </row>
    <row r="224798" spans="14:14">
      <c r="N224798" s="10"/>
    </row>
    <row r="224799" spans="14:14">
      <c r="N224799" s="10"/>
    </row>
    <row r="224800" spans="14:14">
      <c r="N224800" s="10"/>
    </row>
    <row r="224801" spans="14:14">
      <c r="N224801" s="10"/>
    </row>
    <row r="224802" spans="14:14">
      <c r="N224802" s="10"/>
    </row>
    <row r="224803" spans="14:14">
      <c r="N224803" s="10"/>
    </row>
    <row r="224804" spans="14:14">
      <c r="N224804" s="10"/>
    </row>
    <row r="224805" spans="14:14">
      <c r="N224805" s="10"/>
    </row>
    <row r="224806" spans="14:14">
      <c r="N224806" s="10"/>
    </row>
    <row r="224807" spans="14:14">
      <c r="N224807" s="10"/>
    </row>
    <row r="224808" spans="14:14">
      <c r="N224808" s="10"/>
    </row>
    <row r="224809" spans="14:14">
      <c r="N224809" s="10"/>
    </row>
    <row r="224810" spans="14:14">
      <c r="N224810" s="10"/>
    </row>
    <row r="224811" spans="14:14">
      <c r="N224811" s="10"/>
    </row>
    <row r="224812" spans="14:14">
      <c r="N224812" s="10"/>
    </row>
    <row r="224813" spans="14:14">
      <c r="N224813" s="10"/>
    </row>
    <row r="224814" spans="14:14">
      <c r="N224814" s="10"/>
    </row>
    <row r="224815" spans="14:14">
      <c r="N224815" s="10"/>
    </row>
    <row r="224816" spans="14:14">
      <c r="N224816" s="10"/>
    </row>
    <row r="224817" spans="14:14">
      <c r="N224817" s="10"/>
    </row>
    <row r="224818" spans="14:14">
      <c r="N224818" s="10"/>
    </row>
    <row r="224819" spans="14:14">
      <c r="N224819" s="10"/>
    </row>
    <row r="224820" spans="14:14">
      <c r="N224820" s="10"/>
    </row>
    <row r="224821" spans="14:14">
      <c r="N224821" s="10"/>
    </row>
    <row r="224822" spans="14:14">
      <c r="N224822" s="10"/>
    </row>
    <row r="224823" spans="14:14">
      <c r="N224823" s="10"/>
    </row>
    <row r="224824" spans="14:14">
      <c r="N224824" s="10"/>
    </row>
    <row r="224825" spans="14:14">
      <c r="N224825" s="10"/>
    </row>
    <row r="224826" spans="14:14">
      <c r="N224826" s="10"/>
    </row>
    <row r="224827" spans="14:14">
      <c r="N224827" s="10"/>
    </row>
    <row r="224828" spans="14:14">
      <c r="N224828" s="10"/>
    </row>
    <row r="224829" spans="14:14">
      <c r="N224829" s="10"/>
    </row>
    <row r="224830" spans="14:14">
      <c r="N224830" s="10"/>
    </row>
    <row r="224831" spans="14:14">
      <c r="N224831" s="10"/>
    </row>
    <row r="224832" spans="14:14">
      <c r="N224832" s="10"/>
    </row>
    <row r="224833" spans="14:14">
      <c r="N224833" s="10"/>
    </row>
    <row r="224834" spans="14:14">
      <c r="N224834" s="10"/>
    </row>
    <row r="224835" spans="14:14">
      <c r="N224835" s="10"/>
    </row>
    <row r="224836" spans="14:14">
      <c r="N224836" s="10"/>
    </row>
    <row r="224837" spans="14:14">
      <c r="N224837" s="10"/>
    </row>
    <row r="224838" spans="14:14">
      <c r="N224838" s="10"/>
    </row>
    <row r="224839" spans="14:14">
      <c r="N224839" s="10"/>
    </row>
    <row r="224840" spans="14:14">
      <c r="N224840" s="10"/>
    </row>
    <row r="224841" spans="14:14">
      <c r="N224841" s="10"/>
    </row>
    <row r="224842" spans="14:14">
      <c r="N224842" s="10"/>
    </row>
    <row r="224843" spans="14:14">
      <c r="N224843" s="10"/>
    </row>
    <row r="224844" spans="14:14">
      <c r="N224844" s="10"/>
    </row>
    <row r="224845" spans="14:14">
      <c r="N224845" s="10"/>
    </row>
    <row r="224846" spans="14:14">
      <c r="N224846" s="10"/>
    </row>
    <row r="224847" spans="14:14">
      <c r="N224847" s="10"/>
    </row>
    <row r="224848" spans="14:14">
      <c r="N224848" s="10"/>
    </row>
    <row r="224849" spans="14:14">
      <c r="N224849" s="10"/>
    </row>
    <row r="224850" spans="14:14">
      <c r="N224850" s="10"/>
    </row>
    <row r="224851" spans="14:14">
      <c r="N224851" s="10"/>
    </row>
    <row r="224852" spans="14:14">
      <c r="N224852" s="10"/>
    </row>
    <row r="224853" spans="14:14">
      <c r="N224853" s="10"/>
    </row>
    <row r="224854" spans="14:14">
      <c r="N224854" s="10"/>
    </row>
    <row r="224855" spans="14:14">
      <c r="N224855" s="10"/>
    </row>
    <row r="224856" spans="14:14">
      <c r="N224856" s="10"/>
    </row>
    <row r="224857" spans="14:14">
      <c r="N224857" s="10"/>
    </row>
    <row r="224858" spans="14:14">
      <c r="N224858" s="10"/>
    </row>
    <row r="224859" spans="14:14">
      <c r="N224859" s="10"/>
    </row>
    <row r="224860" spans="14:14">
      <c r="N224860" s="10"/>
    </row>
    <row r="224861" spans="14:14">
      <c r="N224861" s="10"/>
    </row>
    <row r="224862" spans="14:14">
      <c r="N224862" s="10"/>
    </row>
    <row r="224863" spans="14:14">
      <c r="N224863" s="10"/>
    </row>
    <row r="224864" spans="14:14">
      <c r="N224864" s="10"/>
    </row>
    <row r="224865" spans="14:14">
      <c r="N224865" s="10"/>
    </row>
    <row r="224866" spans="14:14">
      <c r="N224866" s="10"/>
    </row>
    <row r="224867" spans="14:14">
      <c r="N224867" s="10"/>
    </row>
    <row r="224868" spans="14:14">
      <c r="N224868" s="10"/>
    </row>
    <row r="224869" spans="14:14">
      <c r="N224869" s="10"/>
    </row>
    <row r="224870" spans="14:14">
      <c r="N224870" s="10"/>
    </row>
    <row r="224871" spans="14:14">
      <c r="N224871" s="10"/>
    </row>
    <row r="224872" spans="14:14">
      <c r="N224872" s="10"/>
    </row>
    <row r="224873" spans="14:14">
      <c r="N224873" s="10"/>
    </row>
    <row r="224874" spans="14:14">
      <c r="N224874" s="10"/>
    </row>
    <row r="224875" spans="14:14">
      <c r="N224875" s="10"/>
    </row>
    <row r="224876" spans="14:14">
      <c r="N224876" s="10"/>
    </row>
    <row r="224877" spans="14:14">
      <c r="N224877" s="10"/>
    </row>
    <row r="224878" spans="14:14">
      <c r="N224878" s="10"/>
    </row>
    <row r="224879" spans="14:14">
      <c r="N224879" s="10"/>
    </row>
    <row r="224880" spans="14:14">
      <c r="N224880" s="10"/>
    </row>
    <row r="224881" spans="14:14">
      <c r="N224881" s="10"/>
    </row>
    <row r="224882" spans="14:14">
      <c r="N224882" s="10"/>
    </row>
    <row r="224883" spans="14:14">
      <c r="N224883" s="10"/>
    </row>
    <row r="224884" spans="14:14">
      <c r="N224884" s="10"/>
    </row>
    <row r="224885" spans="14:14">
      <c r="N224885" s="10"/>
    </row>
    <row r="224886" spans="14:14">
      <c r="N224886" s="10"/>
    </row>
    <row r="224887" spans="14:14">
      <c r="N224887" s="10"/>
    </row>
    <row r="224888" spans="14:14">
      <c r="N224888" s="10"/>
    </row>
    <row r="224889" spans="14:14">
      <c r="N224889" s="10"/>
    </row>
    <row r="224890" spans="14:14">
      <c r="N224890" s="10"/>
    </row>
    <row r="224891" spans="14:14">
      <c r="N224891" s="10"/>
    </row>
    <row r="224892" spans="14:14">
      <c r="N224892" s="10"/>
    </row>
    <row r="224893" spans="14:14">
      <c r="N224893" s="10"/>
    </row>
    <row r="224894" spans="14:14">
      <c r="N224894" s="10"/>
    </row>
    <row r="224895" spans="14:14">
      <c r="N224895" s="10"/>
    </row>
    <row r="224896" spans="14:14">
      <c r="N224896" s="10"/>
    </row>
    <row r="224897" spans="14:14">
      <c r="N224897" s="10"/>
    </row>
    <row r="224898" spans="14:14">
      <c r="N224898" s="10"/>
    </row>
    <row r="224899" spans="14:14">
      <c r="N224899" s="10"/>
    </row>
    <row r="224900" spans="14:14">
      <c r="N224900" s="10"/>
    </row>
    <row r="224901" spans="14:14">
      <c r="N224901" s="10"/>
    </row>
    <row r="224902" spans="14:14">
      <c r="N224902" s="10"/>
    </row>
    <row r="224903" spans="14:14">
      <c r="N224903" s="10"/>
    </row>
    <row r="224904" spans="14:14">
      <c r="N224904" s="10"/>
    </row>
    <row r="224905" spans="14:14">
      <c r="N224905" s="10"/>
    </row>
    <row r="224906" spans="14:14">
      <c r="N224906" s="10"/>
    </row>
    <row r="224907" spans="14:14">
      <c r="N224907" s="10"/>
    </row>
    <row r="224908" spans="14:14">
      <c r="N224908" s="10"/>
    </row>
    <row r="224909" spans="14:14">
      <c r="N224909" s="10"/>
    </row>
    <row r="224910" spans="14:14">
      <c r="N224910" s="10"/>
    </row>
    <row r="224911" spans="14:14">
      <c r="N224911" s="10"/>
    </row>
    <row r="224912" spans="14:14">
      <c r="N224912" s="10"/>
    </row>
    <row r="224913" spans="14:14">
      <c r="N224913" s="10"/>
    </row>
    <row r="224914" spans="14:14">
      <c r="N224914" s="10"/>
    </row>
    <row r="224915" spans="14:14">
      <c r="N224915" s="10"/>
    </row>
    <row r="224916" spans="14:14">
      <c r="N224916" s="10"/>
    </row>
    <row r="224917" spans="14:14">
      <c r="N224917" s="10"/>
    </row>
    <row r="224918" spans="14:14">
      <c r="N224918" s="10"/>
    </row>
    <row r="224919" spans="14:14">
      <c r="N224919" s="10"/>
    </row>
    <row r="224920" spans="14:14">
      <c r="N224920" s="10"/>
    </row>
    <row r="224921" spans="14:14">
      <c r="N224921" s="10"/>
    </row>
    <row r="224922" spans="14:14">
      <c r="N224922" s="10"/>
    </row>
    <row r="224923" spans="14:14">
      <c r="N224923" s="10"/>
    </row>
    <row r="224924" spans="14:14">
      <c r="N224924" s="10"/>
    </row>
    <row r="224925" spans="14:14">
      <c r="N224925" s="10"/>
    </row>
    <row r="224926" spans="14:14">
      <c r="N224926" s="10"/>
    </row>
    <row r="224927" spans="14:14">
      <c r="N224927" s="10"/>
    </row>
    <row r="224928" spans="14:14">
      <c r="N224928" s="10"/>
    </row>
    <row r="224929" spans="14:14">
      <c r="N224929" s="10"/>
    </row>
    <row r="224930" spans="14:14">
      <c r="N224930" s="10"/>
    </row>
    <row r="224931" spans="14:14">
      <c r="N224931" s="10"/>
    </row>
    <row r="224932" spans="14:14">
      <c r="N224932" s="10"/>
    </row>
    <row r="224933" spans="14:14">
      <c r="N224933" s="10"/>
    </row>
    <row r="224934" spans="14:14">
      <c r="N224934" s="10"/>
    </row>
    <row r="224935" spans="14:14">
      <c r="N224935" s="10"/>
    </row>
    <row r="224936" spans="14:14">
      <c r="N224936" s="10"/>
    </row>
    <row r="224937" spans="14:14">
      <c r="N224937" s="10"/>
    </row>
    <row r="224938" spans="14:14">
      <c r="N224938" s="10"/>
    </row>
    <row r="224939" spans="14:14">
      <c r="N224939" s="10"/>
    </row>
    <row r="224940" spans="14:14">
      <c r="N224940" s="10"/>
    </row>
    <row r="224941" spans="14:14">
      <c r="N224941" s="10"/>
    </row>
    <row r="224942" spans="14:14">
      <c r="N224942" s="10"/>
    </row>
    <row r="224943" spans="14:14">
      <c r="N224943" s="10"/>
    </row>
    <row r="224944" spans="14:14">
      <c r="N224944" s="10"/>
    </row>
    <row r="224945" spans="14:14">
      <c r="N224945" s="10"/>
    </row>
    <row r="224946" spans="14:14">
      <c r="N224946" s="10"/>
    </row>
    <row r="224947" spans="14:14">
      <c r="N224947" s="10"/>
    </row>
    <row r="224948" spans="14:14">
      <c r="N224948" s="10"/>
    </row>
    <row r="224949" spans="14:14">
      <c r="N224949" s="10"/>
    </row>
    <row r="224950" spans="14:14">
      <c r="N224950" s="10"/>
    </row>
    <row r="224951" spans="14:14">
      <c r="N224951" s="10"/>
    </row>
    <row r="224952" spans="14:14">
      <c r="N224952" s="10"/>
    </row>
    <row r="224953" spans="14:14">
      <c r="N224953" s="10"/>
    </row>
    <row r="224954" spans="14:14">
      <c r="N224954" s="10"/>
    </row>
    <row r="224955" spans="14:14">
      <c r="N224955" s="10"/>
    </row>
    <row r="224956" spans="14:14">
      <c r="N224956" s="10"/>
    </row>
    <row r="224957" spans="14:14">
      <c r="N224957" s="10"/>
    </row>
    <row r="224958" spans="14:14">
      <c r="N224958" s="10"/>
    </row>
    <row r="224959" spans="14:14">
      <c r="N224959" s="10"/>
    </row>
    <row r="224960" spans="14:14">
      <c r="N224960" s="10"/>
    </row>
    <row r="224961" spans="14:14">
      <c r="N224961" s="10"/>
    </row>
    <row r="224962" spans="14:14">
      <c r="N224962" s="10"/>
    </row>
    <row r="224963" spans="14:14">
      <c r="N224963" s="10"/>
    </row>
    <row r="224964" spans="14:14">
      <c r="N224964" s="10"/>
    </row>
    <row r="224965" spans="14:14">
      <c r="N224965" s="10"/>
    </row>
    <row r="224966" spans="14:14">
      <c r="N224966" s="10"/>
    </row>
    <row r="224967" spans="14:14">
      <c r="N224967" s="10"/>
    </row>
    <row r="224968" spans="14:14">
      <c r="N224968" s="10"/>
    </row>
    <row r="224969" spans="14:14">
      <c r="N224969" s="10"/>
    </row>
    <row r="224970" spans="14:14">
      <c r="N224970" s="10"/>
    </row>
    <row r="224971" spans="14:14">
      <c r="N224971" s="10"/>
    </row>
    <row r="224972" spans="14:14">
      <c r="N224972" s="10"/>
    </row>
    <row r="224973" spans="14:14">
      <c r="N224973" s="10"/>
    </row>
    <row r="224974" spans="14:14">
      <c r="N224974" s="10"/>
    </row>
    <row r="224975" spans="14:14">
      <c r="N224975" s="10"/>
    </row>
    <row r="224976" spans="14:14">
      <c r="N224976" s="10"/>
    </row>
    <row r="224977" spans="14:14">
      <c r="N224977" s="10"/>
    </row>
    <row r="224978" spans="14:14">
      <c r="N224978" s="10"/>
    </row>
    <row r="224979" spans="14:14">
      <c r="N224979" s="10"/>
    </row>
    <row r="224980" spans="14:14">
      <c r="N224980" s="10"/>
    </row>
    <row r="224981" spans="14:14">
      <c r="N224981" s="10"/>
    </row>
    <row r="224982" spans="14:14">
      <c r="N224982" s="10"/>
    </row>
    <row r="224983" spans="14:14">
      <c r="N224983" s="10"/>
    </row>
    <row r="224984" spans="14:14">
      <c r="N224984" s="10"/>
    </row>
    <row r="224985" spans="14:14">
      <c r="N224985" s="10"/>
    </row>
    <row r="224986" spans="14:14">
      <c r="N224986" s="10"/>
    </row>
    <row r="224987" spans="14:14">
      <c r="N224987" s="10"/>
    </row>
    <row r="224988" spans="14:14">
      <c r="N224988" s="10"/>
    </row>
    <row r="224989" spans="14:14">
      <c r="N224989" s="10"/>
    </row>
    <row r="224990" spans="14:14">
      <c r="N224990" s="10"/>
    </row>
    <row r="224991" spans="14:14">
      <c r="N224991" s="10"/>
    </row>
    <row r="224992" spans="14:14">
      <c r="N224992" s="10"/>
    </row>
    <row r="224993" spans="14:14">
      <c r="N224993" s="10"/>
    </row>
    <row r="224994" spans="14:14">
      <c r="N224994" s="10"/>
    </row>
    <row r="224995" spans="14:14">
      <c r="N224995" s="10"/>
    </row>
    <row r="224996" spans="14:14">
      <c r="N224996" s="10"/>
    </row>
    <row r="224997" spans="14:14">
      <c r="N224997" s="10"/>
    </row>
    <row r="224998" spans="14:14">
      <c r="N224998" s="10"/>
    </row>
    <row r="224999" spans="14:14">
      <c r="N224999" s="10"/>
    </row>
    <row r="225000" spans="14:14">
      <c r="N225000" s="10"/>
    </row>
    <row r="225001" spans="14:14">
      <c r="N225001" s="10"/>
    </row>
    <row r="225002" spans="14:14">
      <c r="N225002" s="10"/>
    </row>
    <row r="225003" spans="14:14">
      <c r="N225003" s="10"/>
    </row>
    <row r="225004" spans="14:14">
      <c r="N225004" s="10"/>
    </row>
    <row r="225005" spans="14:14">
      <c r="N225005" s="10"/>
    </row>
    <row r="225006" spans="14:14">
      <c r="N225006" s="10"/>
    </row>
    <row r="225007" spans="14:14">
      <c r="N225007" s="10"/>
    </row>
    <row r="225008" spans="14:14">
      <c r="N225008" s="10"/>
    </row>
    <row r="225009" spans="14:14">
      <c r="N225009" s="10"/>
    </row>
    <row r="225010" spans="14:14">
      <c r="N225010" s="10"/>
    </row>
    <row r="225011" spans="14:14">
      <c r="N225011" s="10"/>
    </row>
    <row r="225012" spans="14:14">
      <c r="N225012" s="10"/>
    </row>
    <row r="225013" spans="14:14">
      <c r="N225013" s="10"/>
    </row>
    <row r="225014" spans="14:14">
      <c r="N225014" s="10"/>
    </row>
    <row r="225015" spans="14:14">
      <c r="N225015" s="10"/>
    </row>
    <row r="225016" spans="14:14">
      <c r="N225016" s="10"/>
    </row>
    <row r="225017" spans="14:14">
      <c r="N225017" s="10"/>
    </row>
    <row r="225018" spans="14:14">
      <c r="N225018" s="10"/>
    </row>
    <row r="225019" spans="14:14">
      <c r="N225019" s="10"/>
    </row>
    <row r="225020" spans="14:14">
      <c r="N225020" s="10"/>
    </row>
    <row r="225021" spans="14:14">
      <c r="N225021" s="10"/>
    </row>
    <row r="225022" spans="14:14">
      <c r="N225022" s="10"/>
    </row>
    <row r="225023" spans="14:14">
      <c r="N225023" s="10"/>
    </row>
    <row r="225024" spans="14:14">
      <c r="N225024" s="10"/>
    </row>
    <row r="225025" spans="14:14">
      <c r="N225025" s="10"/>
    </row>
    <row r="225026" spans="14:14">
      <c r="N225026" s="10"/>
    </row>
    <row r="225027" spans="14:14">
      <c r="N225027" s="10"/>
    </row>
    <row r="225028" spans="14:14">
      <c r="N225028" s="10"/>
    </row>
    <row r="225029" spans="14:14">
      <c r="N225029" s="10"/>
    </row>
    <row r="225030" spans="14:14">
      <c r="N225030" s="10"/>
    </row>
    <row r="225031" spans="14:14">
      <c r="N225031" s="10"/>
    </row>
    <row r="225032" spans="14:14">
      <c r="N225032" s="10"/>
    </row>
    <row r="225033" spans="14:14">
      <c r="N225033" s="10"/>
    </row>
    <row r="225034" spans="14:14">
      <c r="N225034" s="10"/>
    </row>
    <row r="225035" spans="14:14">
      <c r="N225035" s="10"/>
    </row>
    <row r="225036" spans="14:14">
      <c r="N225036" s="10"/>
    </row>
    <row r="225037" spans="14:14">
      <c r="N225037" s="10"/>
    </row>
    <row r="225038" spans="14:14">
      <c r="N225038" s="10"/>
    </row>
    <row r="225039" spans="14:14">
      <c r="N225039" s="10"/>
    </row>
    <row r="225040" spans="14:14">
      <c r="N225040" s="10"/>
    </row>
    <row r="225041" spans="14:14">
      <c r="N225041" s="10"/>
    </row>
    <row r="225042" spans="14:14">
      <c r="N225042" s="10"/>
    </row>
    <row r="225043" spans="14:14">
      <c r="N225043" s="10"/>
    </row>
    <row r="225044" spans="14:14">
      <c r="N225044" s="10"/>
    </row>
    <row r="225045" spans="14:14">
      <c r="N225045" s="10"/>
    </row>
    <row r="225046" spans="14:14">
      <c r="N225046" s="10"/>
    </row>
    <row r="225047" spans="14:14">
      <c r="N225047" s="10"/>
    </row>
    <row r="225048" spans="14:14">
      <c r="N225048" s="10"/>
    </row>
    <row r="225049" spans="14:14">
      <c r="N225049" s="10"/>
    </row>
    <row r="225050" spans="14:14">
      <c r="N225050" s="10"/>
    </row>
    <row r="225051" spans="14:14">
      <c r="N225051" s="10"/>
    </row>
    <row r="225052" spans="14:14">
      <c r="N225052" s="10"/>
    </row>
    <row r="225053" spans="14:14">
      <c r="N225053" s="10"/>
    </row>
    <row r="225054" spans="14:14">
      <c r="N225054" s="10"/>
    </row>
    <row r="225055" spans="14:14">
      <c r="N225055" s="10"/>
    </row>
    <row r="225056" spans="14:14">
      <c r="N225056" s="10"/>
    </row>
    <row r="225057" spans="14:14">
      <c r="N225057" s="10"/>
    </row>
    <row r="225058" spans="14:14">
      <c r="N225058" s="10"/>
    </row>
    <row r="225059" spans="14:14">
      <c r="N225059" s="10"/>
    </row>
    <row r="225060" spans="14:14">
      <c r="N225060" s="10"/>
    </row>
    <row r="225061" spans="14:14">
      <c r="N225061" s="10"/>
    </row>
    <row r="225062" spans="14:14">
      <c r="N225062" s="10"/>
    </row>
    <row r="225063" spans="14:14">
      <c r="N225063" s="10"/>
    </row>
    <row r="225064" spans="14:14">
      <c r="N225064" s="10"/>
    </row>
    <row r="225065" spans="14:14">
      <c r="N225065" s="10"/>
    </row>
    <row r="225066" spans="14:14">
      <c r="N225066" s="10"/>
    </row>
    <row r="225067" spans="14:14">
      <c r="N225067" s="10"/>
    </row>
    <row r="225068" spans="14:14">
      <c r="N225068" s="10"/>
    </row>
    <row r="225069" spans="14:14">
      <c r="N225069" s="10"/>
    </row>
    <row r="225070" spans="14:14">
      <c r="N225070" s="10"/>
    </row>
    <row r="225071" spans="14:14">
      <c r="N225071" s="10"/>
    </row>
    <row r="225072" spans="14:14">
      <c r="N225072" s="10"/>
    </row>
    <row r="225073" spans="14:14">
      <c r="N225073" s="10"/>
    </row>
    <row r="225074" spans="14:14">
      <c r="N225074" s="10"/>
    </row>
    <row r="225075" spans="14:14">
      <c r="N225075" s="10"/>
    </row>
    <row r="225076" spans="14:14">
      <c r="N225076" s="10"/>
    </row>
    <row r="225077" spans="14:14">
      <c r="N225077" s="10"/>
    </row>
    <row r="225078" spans="14:14">
      <c r="N225078" s="10"/>
    </row>
    <row r="225079" spans="14:14">
      <c r="N225079" s="10"/>
    </row>
    <row r="225080" spans="14:14">
      <c r="N225080" s="10"/>
    </row>
    <row r="225081" spans="14:14">
      <c r="N225081" s="10"/>
    </row>
    <row r="225082" spans="14:14">
      <c r="N225082" s="10"/>
    </row>
    <row r="225083" spans="14:14">
      <c r="N225083" s="10"/>
    </row>
    <row r="225084" spans="14:14">
      <c r="N225084" s="10"/>
    </row>
    <row r="225085" spans="14:14">
      <c r="N225085" s="10"/>
    </row>
    <row r="225086" spans="14:14">
      <c r="N225086" s="10"/>
    </row>
    <row r="225087" spans="14:14">
      <c r="N225087" s="10"/>
    </row>
    <row r="225088" spans="14:14">
      <c r="N225088" s="10"/>
    </row>
    <row r="225089" spans="14:14">
      <c r="N225089" s="10"/>
    </row>
    <row r="225090" spans="14:14">
      <c r="N225090" s="10"/>
    </row>
    <row r="225091" spans="14:14">
      <c r="N225091" s="10"/>
    </row>
    <row r="225092" spans="14:14">
      <c r="N225092" s="10"/>
    </row>
    <row r="225093" spans="14:14">
      <c r="N225093" s="10"/>
    </row>
    <row r="225094" spans="14:14">
      <c r="N225094" s="10"/>
    </row>
    <row r="225095" spans="14:14">
      <c r="N225095" s="10"/>
    </row>
    <row r="225096" spans="14:14">
      <c r="N225096" s="10"/>
    </row>
    <row r="225097" spans="14:14">
      <c r="N225097" s="10"/>
    </row>
    <row r="225098" spans="14:14">
      <c r="N225098" s="10"/>
    </row>
    <row r="225099" spans="14:14">
      <c r="N225099" s="10"/>
    </row>
    <row r="225100" spans="14:14">
      <c r="N225100" s="10"/>
    </row>
    <row r="225101" spans="14:14">
      <c r="N225101" s="10"/>
    </row>
    <row r="225102" spans="14:14">
      <c r="N225102" s="10"/>
    </row>
    <row r="225103" spans="14:14">
      <c r="N225103" s="10"/>
    </row>
    <row r="225104" spans="14:14">
      <c r="N225104" s="10"/>
    </row>
    <row r="225105" spans="14:14">
      <c r="N225105" s="10"/>
    </row>
    <row r="225106" spans="14:14">
      <c r="N225106" s="10"/>
    </row>
    <row r="225107" spans="14:14">
      <c r="N225107" s="10"/>
    </row>
    <row r="225108" spans="14:14">
      <c r="N225108" s="10"/>
    </row>
    <row r="225109" spans="14:14">
      <c r="N225109" s="10"/>
    </row>
    <row r="225110" spans="14:14">
      <c r="N225110" s="10"/>
    </row>
    <row r="225111" spans="14:14">
      <c r="N225111" s="10"/>
    </row>
    <row r="225112" spans="14:14">
      <c r="N225112" s="10"/>
    </row>
    <row r="225113" spans="14:14">
      <c r="N225113" s="10"/>
    </row>
    <row r="225114" spans="14:14">
      <c r="N225114" s="10"/>
    </row>
    <row r="225115" spans="14:14">
      <c r="N225115" s="10"/>
    </row>
    <row r="225116" spans="14:14">
      <c r="N225116" s="10"/>
    </row>
    <row r="225117" spans="14:14">
      <c r="N225117" s="10"/>
    </row>
    <row r="225118" spans="14:14">
      <c r="N225118" s="10"/>
    </row>
    <row r="225119" spans="14:14">
      <c r="N225119" s="10"/>
    </row>
    <row r="225120" spans="14:14">
      <c r="N225120" s="10"/>
    </row>
    <row r="225121" spans="14:14">
      <c r="N225121" s="10"/>
    </row>
    <row r="225122" spans="14:14">
      <c r="N225122" s="10"/>
    </row>
    <row r="225123" spans="14:14">
      <c r="N225123" s="10"/>
    </row>
    <row r="225124" spans="14:14">
      <c r="N225124" s="10"/>
    </row>
    <row r="225125" spans="14:14">
      <c r="N225125" s="10"/>
    </row>
    <row r="225126" spans="14:14">
      <c r="N225126" s="10"/>
    </row>
    <row r="225127" spans="14:14">
      <c r="N225127" s="10"/>
    </row>
    <row r="225128" spans="14:14">
      <c r="N225128" s="10"/>
    </row>
    <row r="225129" spans="14:14">
      <c r="N225129" s="10"/>
    </row>
    <row r="225130" spans="14:14">
      <c r="N225130" s="10"/>
    </row>
    <row r="225131" spans="14:14">
      <c r="N225131" s="10"/>
    </row>
    <row r="225132" spans="14:14">
      <c r="N225132" s="10"/>
    </row>
    <row r="225133" spans="14:14">
      <c r="N225133" s="10"/>
    </row>
    <row r="225134" spans="14:14">
      <c r="N225134" s="10"/>
    </row>
    <row r="225135" spans="14:14">
      <c r="N225135" s="10"/>
    </row>
    <row r="225136" spans="14:14">
      <c r="N225136" s="10"/>
    </row>
    <row r="225137" spans="14:14">
      <c r="N225137" s="10"/>
    </row>
    <row r="225138" spans="14:14">
      <c r="N225138" s="10"/>
    </row>
    <row r="225139" spans="14:14">
      <c r="N225139" s="10"/>
    </row>
    <row r="225140" spans="14:14">
      <c r="N225140" s="10"/>
    </row>
    <row r="225141" spans="14:14">
      <c r="N225141" s="10"/>
    </row>
    <row r="225142" spans="14:14">
      <c r="N225142" s="10"/>
    </row>
    <row r="225143" spans="14:14">
      <c r="N225143" s="10"/>
    </row>
    <row r="225144" spans="14:14">
      <c r="N225144" s="10"/>
    </row>
    <row r="225145" spans="14:14">
      <c r="N225145" s="10"/>
    </row>
    <row r="225146" spans="14:14">
      <c r="N225146" s="10"/>
    </row>
    <row r="225147" spans="14:14">
      <c r="N225147" s="10"/>
    </row>
    <row r="225148" spans="14:14">
      <c r="N225148" s="10"/>
    </row>
    <row r="225149" spans="14:14">
      <c r="N225149" s="10"/>
    </row>
    <row r="225150" spans="14:14">
      <c r="N225150" s="10"/>
    </row>
    <row r="225151" spans="14:14">
      <c r="N225151" s="10"/>
    </row>
    <row r="225152" spans="14:14">
      <c r="N225152" s="10"/>
    </row>
    <row r="225153" spans="14:14">
      <c r="N225153" s="10"/>
    </row>
    <row r="225154" spans="14:14">
      <c r="N225154" s="10"/>
    </row>
    <row r="225155" spans="14:14">
      <c r="N225155" s="10"/>
    </row>
    <row r="225156" spans="14:14">
      <c r="N225156" s="10"/>
    </row>
    <row r="225157" spans="14:14">
      <c r="N225157" s="10"/>
    </row>
    <row r="225158" spans="14:14">
      <c r="N225158" s="10"/>
    </row>
    <row r="225159" spans="14:14">
      <c r="N225159" s="10"/>
    </row>
    <row r="225160" spans="14:14">
      <c r="N225160" s="10"/>
    </row>
    <row r="225161" spans="14:14">
      <c r="N225161" s="10"/>
    </row>
    <row r="225162" spans="14:14">
      <c r="N225162" s="10"/>
    </row>
    <row r="225163" spans="14:14">
      <c r="N225163" s="10"/>
    </row>
    <row r="225164" spans="14:14">
      <c r="N225164" s="10"/>
    </row>
    <row r="225165" spans="14:14">
      <c r="N225165" s="10"/>
    </row>
    <row r="225166" spans="14:14">
      <c r="N225166" s="10"/>
    </row>
    <row r="225167" spans="14:14">
      <c r="N225167" s="10"/>
    </row>
    <row r="225168" spans="14:14">
      <c r="N225168" s="10"/>
    </row>
    <row r="225169" spans="14:14">
      <c r="N225169" s="10"/>
    </row>
    <row r="225170" spans="14:14">
      <c r="N225170" s="10"/>
    </row>
    <row r="225171" spans="14:14">
      <c r="N225171" s="10"/>
    </row>
    <row r="225172" spans="14:14">
      <c r="N225172" s="10"/>
    </row>
    <row r="225173" spans="14:14">
      <c r="N225173" s="10"/>
    </row>
    <row r="225174" spans="14:14">
      <c r="N225174" s="10"/>
    </row>
    <row r="225175" spans="14:14">
      <c r="N225175" s="10"/>
    </row>
    <row r="225176" spans="14:14">
      <c r="N225176" s="10"/>
    </row>
    <row r="225177" spans="14:14">
      <c r="N225177" s="10"/>
    </row>
    <row r="225178" spans="14:14">
      <c r="N225178" s="10"/>
    </row>
    <row r="225179" spans="14:14">
      <c r="N225179" s="10"/>
    </row>
    <row r="225180" spans="14:14">
      <c r="N225180" s="10"/>
    </row>
    <row r="225181" spans="14:14">
      <c r="N225181" s="10"/>
    </row>
    <row r="225182" spans="14:14">
      <c r="N225182" s="10"/>
    </row>
    <row r="225183" spans="14:14">
      <c r="N225183" s="10"/>
    </row>
    <row r="225184" spans="14:14">
      <c r="N225184" s="10"/>
    </row>
    <row r="225185" spans="14:14">
      <c r="N225185" s="10"/>
    </row>
    <row r="225186" spans="14:14">
      <c r="N225186" s="10"/>
    </row>
    <row r="225187" spans="14:14">
      <c r="N225187" s="10"/>
    </row>
    <row r="225188" spans="14:14">
      <c r="N225188" s="10"/>
    </row>
    <row r="225189" spans="14:14">
      <c r="N225189" s="10"/>
    </row>
    <row r="225190" spans="14:14">
      <c r="N225190" s="10"/>
    </row>
    <row r="225191" spans="14:14">
      <c r="N225191" s="10"/>
    </row>
    <row r="225192" spans="14:14">
      <c r="N225192" s="10"/>
    </row>
    <row r="225193" spans="14:14">
      <c r="N225193" s="10"/>
    </row>
    <row r="225194" spans="14:14">
      <c r="N225194" s="10"/>
    </row>
    <row r="225195" spans="14:14">
      <c r="N225195" s="10"/>
    </row>
    <row r="225196" spans="14:14">
      <c r="N225196" s="10"/>
    </row>
    <row r="225197" spans="14:14">
      <c r="N225197" s="10"/>
    </row>
    <row r="225198" spans="14:14">
      <c r="N225198" s="10"/>
    </row>
    <row r="225199" spans="14:14">
      <c r="N225199" s="10"/>
    </row>
    <row r="225200" spans="14:14">
      <c r="N225200" s="10"/>
    </row>
    <row r="225201" spans="14:14">
      <c r="N225201" s="10"/>
    </row>
    <row r="225202" spans="14:14">
      <c r="N225202" s="10"/>
    </row>
    <row r="225203" spans="14:14">
      <c r="N225203" s="10"/>
    </row>
    <row r="225204" spans="14:14">
      <c r="N225204" s="10"/>
    </row>
    <row r="225205" spans="14:14">
      <c r="N225205" s="10"/>
    </row>
    <row r="225206" spans="14:14">
      <c r="N225206" s="10"/>
    </row>
    <row r="225207" spans="14:14">
      <c r="N225207" s="10"/>
    </row>
    <row r="225208" spans="14:14">
      <c r="N225208" s="10"/>
    </row>
    <row r="225209" spans="14:14">
      <c r="N225209" s="10"/>
    </row>
    <row r="225210" spans="14:14">
      <c r="N225210" s="10"/>
    </row>
    <row r="225211" spans="14:14">
      <c r="N225211" s="10"/>
    </row>
    <row r="225212" spans="14:14">
      <c r="N225212" s="10"/>
    </row>
    <row r="225213" spans="14:14">
      <c r="N225213" s="10"/>
    </row>
    <row r="225214" spans="14:14">
      <c r="N225214" s="10"/>
    </row>
    <row r="225215" spans="14:14">
      <c r="N225215" s="10"/>
    </row>
    <row r="225216" spans="14:14">
      <c r="N225216" s="10"/>
    </row>
    <row r="225217" spans="14:14">
      <c r="N225217" s="10"/>
    </row>
    <row r="225218" spans="14:14">
      <c r="N225218" s="10"/>
    </row>
    <row r="225219" spans="14:14">
      <c r="N225219" s="10"/>
    </row>
    <row r="225220" spans="14:14">
      <c r="N225220" s="10"/>
    </row>
    <row r="225221" spans="14:14">
      <c r="N225221" s="10"/>
    </row>
    <row r="225222" spans="14:14">
      <c r="N225222" s="10"/>
    </row>
    <row r="225223" spans="14:14">
      <c r="N225223" s="10"/>
    </row>
    <row r="225224" spans="14:14">
      <c r="N225224" s="10"/>
    </row>
    <row r="225225" spans="14:14">
      <c r="N225225" s="10"/>
    </row>
    <row r="225226" spans="14:14">
      <c r="N225226" s="10"/>
    </row>
    <row r="225227" spans="14:14">
      <c r="N225227" s="10"/>
    </row>
    <row r="225228" spans="14:14">
      <c r="N225228" s="10"/>
    </row>
    <row r="225229" spans="14:14">
      <c r="N225229" s="10"/>
    </row>
    <row r="225230" spans="14:14">
      <c r="N225230" s="10"/>
    </row>
    <row r="225231" spans="14:14">
      <c r="N225231" s="10"/>
    </row>
    <row r="225232" spans="14:14">
      <c r="N225232" s="10"/>
    </row>
    <row r="225233" spans="14:14">
      <c r="N225233" s="10"/>
    </row>
    <row r="225234" spans="14:14">
      <c r="N225234" s="10"/>
    </row>
    <row r="225235" spans="14:14">
      <c r="N225235" s="10"/>
    </row>
    <row r="225236" spans="14:14">
      <c r="N225236" s="10"/>
    </row>
    <row r="225237" spans="14:14">
      <c r="N225237" s="10"/>
    </row>
    <row r="225238" spans="14:14">
      <c r="N225238" s="10"/>
    </row>
    <row r="225239" spans="14:14">
      <c r="N225239" s="10"/>
    </row>
    <row r="225240" spans="14:14">
      <c r="N225240" s="10"/>
    </row>
    <row r="225241" spans="14:14">
      <c r="N225241" s="10"/>
    </row>
    <row r="225242" spans="14:14">
      <c r="N225242" s="10"/>
    </row>
    <row r="225243" spans="14:14">
      <c r="N225243" s="10"/>
    </row>
    <row r="225244" spans="14:14">
      <c r="N225244" s="10"/>
    </row>
    <row r="225245" spans="14:14">
      <c r="N225245" s="10"/>
    </row>
    <row r="225246" spans="14:14">
      <c r="N225246" s="10"/>
    </row>
    <row r="225247" spans="14:14">
      <c r="N225247" s="10"/>
    </row>
    <row r="225248" spans="14:14">
      <c r="N225248" s="10"/>
    </row>
    <row r="225249" spans="14:14">
      <c r="N225249" s="10"/>
    </row>
    <row r="225250" spans="14:14">
      <c r="N225250" s="10"/>
    </row>
    <row r="225251" spans="14:14">
      <c r="N225251" s="10"/>
    </row>
    <row r="225252" spans="14:14">
      <c r="N225252" s="10"/>
    </row>
    <row r="225253" spans="14:14">
      <c r="N225253" s="10"/>
    </row>
    <row r="225254" spans="14:14">
      <c r="N225254" s="10"/>
    </row>
    <row r="225255" spans="14:14">
      <c r="N225255" s="10"/>
    </row>
    <row r="225256" spans="14:14">
      <c r="N225256" s="10"/>
    </row>
    <row r="225257" spans="14:14">
      <c r="N225257" s="10"/>
    </row>
    <row r="225258" spans="14:14">
      <c r="N225258" s="10"/>
    </row>
    <row r="225259" spans="14:14">
      <c r="N225259" s="10"/>
    </row>
    <row r="225260" spans="14:14">
      <c r="N225260" s="10"/>
    </row>
    <row r="225261" spans="14:14">
      <c r="N225261" s="10"/>
    </row>
    <row r="225262" spans="14:14">
      <c r="N225262" s="10"/>
    </row>
    <row r="225263" spans="14:14">
      <c r="N225263" s="10"/>
    </row>
    <row r="225264" spans="14:14">
      <c r="N225264" s="10"/>
    </row>
    <row r="225265" spans="14:14">
      <c r="N225265" s="10"/>
    </row>
    <row r="225266" spans="14:14">
      <c r="N225266" s="10"/>
    </row>
    <row r="225267" spans="14:14">
      <c r="N225267" s="10"/>
    </row>
    <row r="225268" spans="14:14">
      <c r="N225268" s="10"/>
    </row>
    <row r="225269" spans="14:14">
      <c r="N225269" s="10"/>
    </row>
    <row r="225270" spans="14:14">
      <c r="N225270" s="10"/>
    </row>
    <row r="225271" spans="14:14">
      <c r="N225271" s="10"/>
    </row>
    <row r="225272" spans="14:14">
      <c r="N225272" s="10"/>
    </row>
    <row r="225273" spans="14:14">
      <c r="N225273" s="10"/>
    </row>
    <row r="225274" spans="14:14">
      <c r="N225274" s="10"/>
    </row>
    <row r="225275" spans="14:14">
      <c r="N225275" s="10"/>
    </row>
    <row r="225276" spans="14:14">
      <c r="N225276" s="10"/>
    </row>
    <row r="225277" spans="14:14">
      <c r="N225277" s="10"/>
    </row>
    <row r="225278" spans="14:14">
      <c r="N225278" s="10"/>
    </row>
    <row r="225279" spans="14:14">
      <c r="N225279" s="10"/>
    </row>
    <row r="225280" spans="14:14">
      <c r="N225280" s="10"/>
    </row>
    <row r="225281" spans="14:14">
      <c r="N225281" s="10"/>
    </row>
    <row r="225282" spans="14:14">
      <c r="N225282" s="10"/>
    </row>
    <row r="225283" spans="14:14">
      <c r="N225283" s="10"/>
    </row>
    <row r="225284" spans="14:14">
      <c r="N225284" s="10"/>
    </row>
    <row r="225285" spans="14:14">
      <c r="N225285" s="10"/>
    </row>
    <row r="225286" spans="14:14">
      <c r="N225286" s="10"/>
    </row>
    <row r="225287" spans="14:14">
      <c r="N225287" s="10"/>
    </row>
    <row r="225288" spans="14:14">
      <c r="N225288" s="10"/>
    </row>
    <row r="225289" spans="14:14">
      <c r="N225289" s="10"/>
    </row>
    <row r="225290" spans="14:14">
      <c r="N225290" s="10"/>
    </row>
    <row r="225291" spans="14:14">
      <c r="N225291" s="10"/>
    </row>
    <row r="225292" spans="14:14">
      <c r="N225292" s="10"/>
    </row>
    <row r="225293" spans="14:14">
      <c r="N225293" s="10"/>
    </row>
    <row r="225294" spans="14:14">
      <c r="N225294" s="10"/>
    </row>
    <row r="225295" spans="14:14">
      <c r="N225295" s="10"/>
    </row>
    <row r="225296" spans="14:14">
      <c r="N225296" s="10"/>
    </row>
    <row r="225297" spans="14:14">
      <c r="N225297" s="10"/>
    </row>
    <row r="225298" spans="14:14">
      <c r="N225298" s="10"/>
    </row>
    <row r="225299" spans="14:14">
      <c r="N225299" s="10"/>
    </row>
    <row r="225300" spans="14:14">
      <c r="N225300" s="10"/>
    </row>
    <row r="225301" spans="14:14">
      <c r="N225301" s="10"/>
    </row>
    <row r="225302" spans="14:14">
      <c r="N225302" s="10"/>
    </row>
    <row r="225303" spans="14:14">
      <c r="N225303" s="10"/>
    </row>
    <row r="225304" spans="14:14">
      <c r="N225304" s="10"/>
    </row>
    <row r="225305" spans="14:14">
      <c r="N225305" s="10"/>
    </row>
    <row r="225306" spans="14:14">
      <c r="N225306" s="10"/>
    </row>
    <row r="225307" spans="14:14">
      <c r="N225307" s="10"/>
    </row>
    <row r="225308" spans="14:14">
      <c r="N225308" s="10"/>
    </row>
    <row r="225309" spans="14:14">
      <c r="N225309" s="10"/>
    </row>
    <row r="225310" spans="14:14">
      <c r="N225310" s="10"/>
    </row>
    <row r="225311" spans="14:14">
      <c r="N225311" s="10"/>
    </row>
    <row r="225312" spans="14:14">
      <c r="N225312" s="10"/>
    </row>
    <row r="225313" spans="14:14">
      <c r="N225313" s="10"/>
    </row>
    <row r="225314" spans="14:14">
      <c r="N225314" s="10"/>
    </row>
    <row r="225315" spans="14:14">
      <c r="N225315" s="10"/>
    </row>
    <row r="225316" spans="14:14">
      <c r="N225316" s="10"/>
    </row>
    <row r="225317" spans="14:14">
      <c r="N225317" s="10"/>
    </row>
    <row r="225318" spans="14:14">
      <c r="N225318" s="10"/>
    </row>
    <row r="225319" spans="14:14">
      <c r="N225319" s="10"/>
    </row>
    <row r="225320" spans="14:14">
      <c r="N225320" s="10"/>
    </row>
    <row r="225321" spans="14:14">
      <c r="N225321" s="10"/>
    </row>
    <row r="225322" spans="14:14">
      <c r="N225322" s="10"/>
    </row>
    <row r="225323" spans="14:14">
      <c r="N225323" s="10"/>
    </row>
    <row r="225324" spans="14:14">
      <c r="N225324" s="10"/>
    </row>
    <row r="225325" spans="14:14">
      <c r="N225325" s="10"/>
    </row>
    <row r="225326" spans="14:14">
      <c r="N225326" s="10"/>
    </row>
    <row r="225327" spans="14:14">
      <c r="N225327" s="10"/>
    </row>
    <row r="225328" spans="14:14">
      <c r="N225328" s="10"/>
    </row>
    <row r="225329" spans="14:14">
      <c r="N225329" s="10"/>
    </row>
    <row r="225330" spans="14:14">
      <c r="N225330" s="10"/>
    </row>
    <row r="225331" spans="14:14">
      <c r="N225331" s="10"/>
    </row>
    <row r="225332" spans="14:14">
      <c r="N225332" s="10"/>
    </row>
    <row r="225333" spans="14:14">
      <c r="N225333" s="10"/>
    </row>
    <row r="225334" spans="14:14">
      <c r="N225334" s="10"/>
    </row>
    <row r="225335" spans="14:14">
      <c r="N225335" s="10"/>
    </row>
    <row r="225336" spans="14:14">
      <c r="N225336" s="10"/>
    </row>
    <row r="225337" spans="14:14">
      <c r="N225337" s="10"/>
    </row>
    <row r="225338" spans="14:14">
      <c r="N225338" s="10"/>
    </row>
    <row r="225339" spans="14:14">
      <c r="N225339" s="10"/>
    </row>
    <row r="225340" spans="14:14">
      <c r="N225340" s="10"/>
    </row>
    <row r="225341" spans="14:14">
      <c r="N225341" s="10"/>
    </row>
    <row r="225342" spans="14:14">
      <c r="N225342" s="10"/>
    </row>
    <row r="225343" spans="14:14">
      <c r="N225343" s="10"/>
    </row>
    <row r="225344" spans="14:14">
      <c r="N225344" s="10"/>
    </row>
    <row r="225345" spans="14:14">
      <c r="N225345" s="10"/>
    </row>
    <row r="225346" spans="14:14">
      <c r="N225346" s="10"/>
    </row>
    <row r="225347" spans="14:14">
      <c r="N225347" s="10"/>
    </row>
    <row r="225348" spans="14:14">
      <c r="N225348" s="10"/>
    </row>
    <row r="225349" spans="14:14">
      <c r="N225349" s="10"/>
    </row>
    <row r="225350" spans="14:14">
      <c r="N225350" s="10"/>
    </row>
    <row r="225351" spans="14:14">
      <c r="N225351" s="10"/>
    </row>
    <row r="225352" spans="14:14">
      <c r="N225352" s="10"/>
    </row>
    <row r="225353" spans="14:14">
      <c r="N225353" s="10"/>
    </row>
    <row r="225354" spans="14:14">
      <c r="N225354" s="10"/>
    </row>
    <row r="225355" spans="14:14">
      <c r="N225355" s="10"/>
    </row>
    <row r="225356" spans="14:14">
      <c r="N225356" s="10"/>
    </row>
    <row r="225357" spans="14:14">
      <c r="N225357" s="10"/>
    </row>
    <row r="225358" spans="14:14">
      <c r="N225358" s="10"/>
    </row>
    <row r="225359" spans="14:14">
      <c r="N225359" s="10"/>
    </row>
    <row r="225360" spans="14:14">
      <c r="N225360" s="10"/>
    </row>
    <row r="225361" spans="14:14">
      <c r="N225361" s="10"/>
    </row>
    <row r="225362" spans="14:14">
      <c r="N225362" s="10"/>
    </row>
    <row r="225363" spans="14:14">
      <c r="N225363" s="10"/>
    </row>
    <row r="225364" spans="14:14">
      <c r="N225364" s="10"/>
    </row>
    <row r="225365" spans="14:14">
      <c r="N225365" s="10"/>
    </row>
    <row r="225366" spans="14:14">
      <c r="N225366" s="10"/>
    </row>
    <row r="225367" spans="14:14">
      <c r="N225367" s="10"/>
    </row>
    <row r="225368" spans="14:14">
      <c r="N225368" s="10"/>
    </row>
    <row r="225369" spans="14:14">
      <c r="N225369" s="10"/>
    </row>
    <row r="225370" spans="14:14">
      <c r="N225370" s="10"/>
    </row>
    <row r="225371" spans="14:14">
      <c r="N225371" s="10"/>
    </row>
    <row r="225372" spans="14:14">
      <c r="N225372" s="10"/>
    </row>
    <row r="225373" spans="14:14">
      <c r="N225373" s="10"/>
    </row>
    <row r="225374" spans="14:14">
      <c r="N225374" s="10"/>
    </row>
    <row r="225375" spans="14:14">
      <c r="N225375" s="10"/>
    </row>
    <row r="225376" spans="14:14">
      <c r="N225376" s="10"/>
    </row>
    <row r="225377" spans="14:14">
      <c r="N225377" s="10"/>
    </row>
    <row r="225378" spans="14:14">
      <c r="N225378" s="10"/>
    </row>
    <row r="225379" spans="14:14">
      <c r="N225379" s="10"/>
    </row>
    <row r="225380" spans="14:14">
      <c r="N225380" s="10"/>
    </row>
    <row r="225381" spans="14:14">
      <c r="N225381" s="10"/>
    </row>
    <row r="225382" spans="14:14">
      <c r="N225382" s="10"/>
    </row>
    <row r="225383" spans="14:14">
      <c r="N225383" s="10"/>
    </row>
    <row r="225384" spans="14:14">
      <c r="N225384" s="10"/>
    </row>
    <row r="225385" spans="14:14">
      <c r="N225385" s="10"/>
    </row>
    <row r="225386" spans="14:14">
      <c r="N225386" s="10"/>
    </row>
    <row r="225387" spans="14:14">
      <c r="N225387" s="10"/>
    </row>
    <row r="225388" spans="14:14">
      <c r="N225388" s="10"/>
    </row>
    <row r="225389" spans="14:14">
      <c r="N225389" s="10"/>
    </row>
    <row r="225390" spans="14:14">
      <c r="N225390" s="10"/>
    </row>
    <row r="225391" spans="14:14">
      <c r="N225391" s="10"/>
    </row>
    <row r="225392" spans="14:14">
      <c r="N225392" s="10"/>
    </row>
    <row r="225393" spans="14:14">
      <c r="N225393" s="10"/>
    </row>
    <row r="225394" spans="14:14">
      <c r="N225394" s="10"/>
    </row>
    <row r="225395" spans="14:14">
      <c r="N225395" s="10"/>
    </row>
    <row r="225396" spans="14:14">
      <c r="N225396" s="10"/>
    </row>
    <row r="225397" spans="14:14">
      <c r="N225397" s="10"/>
    </row>
    <row r="225398" spans="14:14">
      <c r="N225398" s="10"/>
    </row>
    <row r="225399" spans="14:14">
      <c r="N225399" s="10"/>
    </row>
    <row r="225400" spans="14:14">
      <c r="N225400" s="10"/>
    </row>
    <row r="225401" spans="14:14">
      <c r="N225401" s="10"/>
    </row>
    <row r="225402" spans="14:14">
      <c r="N225402" s="10"/>
    </row>
    <row r="225403" spans="14:14">
      <c r="N225403" s="10"/>
    </row>
    <row r="225404" spans="14:14">
      <c r="N225404" s="10"/>
    </row>
    <row r="225405" spans="14:14">
      <c r="N225405" s="10"/>
    </row>
    <row r="225406" spans="14:14">
      <c r="N225406" s="10"/>
    </row>
    <row r="225407" spans="14:14">
      <c r="N225407" s="10"/>
    </row>
    <row r="225408" spans="14:14">
      <c r="N225408" s="10"/>
    </row>
    <row r="225409" spans="14:14">
      <c r="N225409" s="10"/>
    </row>
    <row r="225410" spans="14:14">
      <c r="N225410" s="10"/>
    </row>
    <row r="225411" spans="14:14">
      <c r="N225411" s="10"/>
    </row>
    <row r="225412" spans="14:14">
      <c r="N225412" s="10"/>
    </row>
    <row r="225413" spans="14:14">
      <c r="N225413" s="10"/>
    </row>
    <row r="225414" spans="14:14">
      <c r="N225414" s="10"/>
    </row>
    <row r="225415" spans="14:14">
      <c r="N225415" s="10"/>
    </row>
    <row r="225416" spans="14:14">
      <c r="N225416" s="10"/>
    </row>
    <row r="225417" spans="14:14">
      <c r="N225417" s="10"/>
    </row>
    <row r="225418" spans="14:14">
      <c r="N225418" s="10"/>
    </row>
    <row r="225419" spans="14:14">
      <c r="N225419" s="10"/>
    </row>
    <row r="225420" spans="14:14">
      <c r="N225420" s="10"/>
    </row>
    <row r="225421" spans="14:14">
      <c r="N225421" s="10"/>
    </row>
    <row r="225422" spans="14:14">
      <c r="N225422" s="10"/>
    </row>
    <row r="225423" spans="14:14">
      <c r="N225423" s="10"/>
    </row>
    <row r="225424" spans="14:14">
      <c r="N225424" s="10"/>
    </row>
    <row r="225425" spans="14:14">
      <c r="N225425" s="10"/>
    </row>
    <row r="225426" spans="14:14">
      <c r="N225426" s="10"/>
    </row>
    <row r="225427" spans="14:14">
      <c r="N225427" s="10"/>
    </row>
    <row r="225428" spans="14:14">
      <c r="N225428" s="10"/>
    </row>
    <row r="225429" spans="14:14">
      <c r="N225429" s="10"/>
    </row>
    <row r="225430" spans="14:14">
      <c r="N225430" s="10"/>
    </row>
    <row r="225431" spans="14:14">
      <c r="N225431" s="10"/>
    </row>
    <row r="225432" spans="14:14">
      <c r="N225432" s="10"/>
    </row>
    <row r="225433" spans="14:14">
      <c r="N225433" s="10"/>
    </row>
    <row r="225434" spans="14:14">
      <c r="N225434" s="10"/>
    </row>
    <row r="225435" spans="14:14">
      <c r="N225435" s="10"/>
    </row>
    <row r="225436" spans="14:14">
      <c r="N225436" s="10"/>
    </row>
    <row r="225437" spans="14:14">
      <c r="N225437" s="10"/>
    </row>
    <row r="225438" spans="14:14">
      <c r="N225438" s="10"/>
    </row>
    <row r="225439" spans="14:14">
      <c r="N225439" s="10"/>
    </row>
    <row r="225440" spans="14:14">
      <c r="N225440" s="10"/>
    </row>
    <row r="225441" spans="14:14">
      <c r="N225441" s="10"/>
    </row>
    <row r="225442" spans="14:14">
      <c r="N225442" s="10"/>
    </row>
    <row r="225443" spans="14:14">
      <c r="N225443" s="10"/>
    </row>
    <row r="225444" spans="14:14">
      <c r="N225444" s="10"/>
    </row>
    <row r="225445" spans="14:14">
      <c r="N225445" s="10"/>
    </row>
    <row r="225446" spans="14:14">
      <c r="N225446" s="10"/>
    </row>
    <row r="225447" spans="14:14">
      <c r="N225447" s="10"/>
    </row>
    <row r="225448" spans="14:14">
      <c r="N225448" s="10"/>
    </row>
    <row r="225449" spans="14:14">
      <c r="N225449" s="10"/>
    </row>
    <row r="225450" spans="14:14">
      <c r="N225450" s="10"/>
    </row>
    <row r="225451" spans="14:14">
      <c r="N225451" s="10"/>
    </row>
    <row r="225452" spans="14:14">
      <c r="N225452" s="10"/>
    </row>
    <row r="225453" spans="14:14">
      <c r="N225453" s="10"/>
    </row>
    <row r="225454" spans="14:14">
      <c r="N225454" s="10"/>
    </row>
    <row r="225455" spans="14:14">
      <c r="N225455" s="10"/>
    </row>
    <row r="225456" spans="14:14">
      <c r="N225456" s="10"/>
    </row>
    <row r="225457" spans="14:14">
      <c r="N225457" s="10"/>
    </row>
    <row r="225458" spans="14:14">
      <c r="N225458" s="10"/>
    </row>
    <row r="225459" spans="14:14">
      <c r="N225459" s="10"/>
    </row>
    <row r="225460" spans="14:14">
      <c r="N225460" s="10"/>
    </row>
    <row r="225461" spans="14:14">
      <c r="N225461" s="10"/>
    </row>
    <row r="225462" spans="14:14">
      <c r="N225462" s="10"/>
    </row>
    <row r="225463" spans="14:14">
      <c r="N225463" s="10"/>
    </row>
    <row r="225464" spans="14:14">
      <c r="N225464" s="10"/>
    </row>
    <row r="225465" spans="14:14">
      <c r="N225465" s="10"/>
    </row>
    <row r="225466" spans="14:14">
      <c r="N225466" s="10"/>
    </row>
    <row r="225467" spans="14:14">
      <c r="N225467" s="10"/>
    </row>
    <row r="225468" spans="14:14">
      <c r="N225468" s="10"/>
    </row>
    <row r="225469" spans="14:14">
      <c r="N225469" s="10"/>
    </row>
    <row r="225470" spans="14:14">
      <c r="N225470" s="10"/>
    </row>
    <row r="225471" spans="14:14">
      <c r="N225471" s="10"/>
    </row>
    <row r="225472" spans="14:14">
      <c r="N225472" s="10"/>
    </row>
    <row r="225473" spans="14:14">
      <c r="N225473" s="10"/>
    </row>
    <row r="225474" spans="14:14">
      <c r="N225474" s="10"/>
    </row>
    <row r="225475" spans="14:14">
      <c r="N225475" s="10"/>
    </row>
    <row r="225476" spans="14:14">
      <c r="N225476" s="10"/>
    </row>
    <row r="225477" spans="14:14">
      <c r="N225477" s="10"/>
    </row>
    <row r="225478" spans="14:14">
      <c r="N225478" s="10"/>
    </row>
    <row r="225479" spans="14:14">
      <c r="N225479" s="10"/>
    </row>
    <row r="225480" spans="14:14">
      <c r="N225480" s="10"/>
    </row>
    <row r="225481" spans="14:14">
      <c r="N225481" s="10"/>
    </row>
    <row r="225482" spans="14:14">
      <c r="N225482" s="10"/>
    </row>
    <row r="225483" spans="14:14">
      <c r="N225483" s="10"/>
    </row>
    <row r="225484" spans="14:14">
      <c r="N225484" s="10"/>
    </row>
    <row r="225485" spans="14:14">
      <c r="N225485" s="10"/>
    </row>
    <row r="225486" spans="14:14">
      <c r="N225486" s="10"/>
    </row>
    <row r="225487" spans="14:14">
      <c r="N225487" s="10"/>
    </row>
    <row r="225488" spans="14:14">
      <c r="N225488" s="10"/>
    </row>
    <row r="225489" spans="14:14">
      <c r="N225489" s="10"/>
    </row>
    <row r="225490" spans="14:14">
      <c r="N225490" s="10"/>
    </row>
    <row r="225491" spans="14:14">
      <c r="N225491" s="10"/>
    </row>
    <row r="225492" spans="14:14">
      <c r="N225492" s="10"/>
    </row>
    <row r="225493" spans="14:14">
      <c r="N225493" s="10"/>
    </row>
    <row r="225494" spans="14:14">
      <c r="N225494" s="10"/>
    </row>
    <row r="225495" spans="14:14">
      <c r="N225495" s="10"/>
    </row>
    <row r="225496" spans="14:14">
      <c r="N225496" s="10"/>
    </row>
    <row r="225497" spans="14:14">
      <c r="N225497" s="10"/>
    </row>
    <row r="225498" spans="14:14">
      <c r="N225498" s="10"/>
    </row>
    <row r="225499" spans="14:14">
      <c r="N225499" s="10"/>
    </row>
    <row r="225500" spans="14:14">
      <c r="N225500" s="10"/>
    </row>
    <row r="225501" spans="14:14">
      <c r="N225501" s="10"/>
    </row>
    <row r="225502" spans="14:14">
      <c r="N225502" s="10"/>
    </row>
    <row r="225503" spans="14:14">
      <c r="N225503" s="10"/>
    </row>
    <row r="225504" spans="14:14">
      <c r="N225504" s="10"/>
    </row>
    <row r="225505" spans="14:14">
      <c r="N225505" s="10"/>
    </row>
    <row r="225506" spans="14:14">
      <c r="N225506" s="10"/>
    </row>
    <row r="225507" spans="14:14">
      <c r="N225507" s="10"/>
    </row>
    <row r="225508" spans="14:14">
      <c r="N225508" s="10"/>
    </row>
    <row r="225509" spans="14:14">
      <c r="N225509" s="10"/>
    </row>
    <row r="225510" spans="14:14">
      <c r="N225510" s="10"/>
    </row>
    <row r="225511" spans="14:14">
      <c r="N225511" s="10"/>
    </row>
    <row r="225512" spans="14:14">
      <c r="N225512" s="10"/>
    </row>
    <row r="225513" spans="14:14">
      <c r="N225513" s="10"/>
    </row>
    <row r="225514" spans="14:14">
      <c r="N225514" s="10"/>
    </row>
    <row r="225515" spans="14:14">
      <c r="N225515" s="10"/>
    </row>
    <row r="225516" spans="14:14">
      <c r="N225516" s="10"/>
    </row>
    <row r="225517" spans="14:14">
      <c r="N225517" s="10"/>
    </row>
    <row r="225518" spans="14:14">
      <c r="N225518" s="10"/>
    </row>
    <row r="225519" spans="14:14">
      <c r="N225519" s="10"/>
    </row>
    <row r="225520" spans="14:14">
      <c r="N225520" s="10"/>
    </row>
    <row r="225521" spans="14:14">
      <c r="N225521" s="10"/>
    </row>
    <row r="225522" spans="14:14">
      <c r="N225522" s="10"/>
    </row>
    <row r="225523" spans="14:14">
      <c r="N225523" s="10"/>
    </row>
    <row r="225524" spans="14:14">
      <c r="N225524" s="10"/>
    </row>
    <row r="225525" spans="14:14">
      <c r="N225525" s="10"/>
    </row>
    <row r="225526" spans="14:14">
      <c r="N225526" s="10"/>
    </row>
    <row r="225527" spans="14:14">
      <c r="N225527" s="10"/>
    </row>
    <row r="225528" spans="14:14">
      <c r="N225528" s="10"/>
    </row>
    <row r="225529" spans="14:14">
      <c r="N225529" s="10"/>
    </row>
    <row r="225530" spans="14:14">
      <c r="N225530" s="10"/>
    </row>
    <row r="225531" spans="14:14">
      <c r="N225531" s="10"/>
    </row>
    <row r="225532" spans="14:14">
      <c r="N225532" s="10"/>
    </row>
    <row r="225533" spans="14:14">
      <c r="N225533" s="10"/>
    </row>
    <row r="225534" spans="14:14">
      <c r="N225534" s="10"/>
    </row>
    <row r="225535" spans="14:14">
      <c r="N225535" s="10"/>
    </row>
    <row r="225536" spans="14:14">
      <c r="N225536" s="10"/>
    </row>
    <row r="225537" spans="14:14">
      <c r="N225537" s="10"/>
    </row>
    <row r="225538" spans="14:14">
      <c r="N225538" s="10"/>
    </row>
    <row r="225539" spans="14:14">
      <c r="N225539" s="10"/>
    </row>
    <row r="225540" spans="14:14">
      <c r="N225540" s="10"/>
    </row>
    <row r="225541" spans="14:14">
      <c r="N225541" s="10"/>
    </row>
    <row r="225542" spans="14:14">
      <c r="N225542" s="10"/>
    </row>
    <row r="225543" spans="14:14">
      <c r="N225543" s="10"/>
    </row>
    <row r="225544" spans="14:14">
      <c r="N225544" s="10"/>
    </row>
    <row r="225545" spans="14:14">
      <c r="N225545" s="10"/>
    </row>
    <row r="225546" spans="14:14">
      <c r="N225546" s="10"/>
    </row>
    <row r="225547" spans="14:14">
      <c r="N225547" s="10"/>
    </row>
    <row r="225548" spans="14:14">
      <c r="N225548" s="10"/>
    </row>
    <row r="225549" spans="14:14">
      <c r="N225549" s="10"/>
    </row>
    <row r="225550" spans="14:14">
      <c r="N225550" s="10"/>
    </row>
    <row r="225551" spans="14:14">
      <c r="N225551" s="10"/>
    </row>
    <row r="225552" spans="14:14">
      <c r="N225552" s="10"/>
    </row>
    <row r="225553" spans="14:14">
      <c r="N225553" s="10"/>
    </row>
    <row r="225554" spans="14:14">
      <c r="N225554" s="10"/>
    </row>
    <row r="225555" spans="14:14">
      <c r="N225555" s="10"/>
    </row>
    <row r="225556" spans="14:14">
      <c r="N225556" s="10"/>
    </row>
    <row r="225557" spans="14:14">
      <c r="N225557" s="10"/>
    </row>
    <row r="225558" spans="14:14">
      <c r="N225558" s="10"/>
    </row>
    <row r="225559" spans="14:14">
      <c r="N225559" s="10"/>
    </row>
    <row r="225560" spans="14:14">
      <c r="N225560" s="10"/>
    </row>
    <row r="225561" spans="14:14">
      <c r="N225561" s="10"/>
    </row>
    <row r="225562" spans="14:14">
      <c r="N225562" s="10"/>
    </row>
    <row r="225563" spans="14:14">
      <c r="N225563" s="10"/>
    </row>
    <row r="225564" spans="14:14">
      <c r="N225564" s="10"/>
    </row>
    <row r="225565" spans="14:14">
      <c r="N225565" s="10"/>
    </row>
    <row r="225566" spans="14:14">
      <c r="N225566" s="10"/>
    </row>
    <row r="225567" spans="14:14">
      <c r="N225567" s="10"/>
    </row>
    <row r="225568" spans="14:14">
      <c r="N225568" s="10"/>
    </row>
    <row r="225569" spans="14:14">
      <c r="N225569" s="10"/>
    </row>
    <row r="225570" spans="14:14">
      <c r="N225570" s="10"/>
    </row>
    <row r="225571" spans="14:14">
      <c r="N225571" s="10"/>
    </row>
    <row r="225572" spans="14:14">
      <c r="N225572" s="10"/>
    </row>
    <row r="225573" spans="14:14">
      <c r="N225573" s="10"/>
    </row>
    <row r="225574" spans="14:14">
      <c r="N225574" s="10"/>
    </row>
    <row r="225575" spans="14:14">
      <c r="N225575" s="10"/>
    </row>
    <row r="225576" spans="14:14">
      <c r="N225576" s="10"/>
    </row>
    <row r="225577" spans="14:14">
      <c r="N225577" s="10"/>
    </row>
    <row r="225578" spans="14:14">
      <c r="N225578" s="10"/>
    </row>
    <row r="225579" spans="14:14">
      <c r="N225579" s="10"/>
    </row>
    <row r="225580" spans="14:14">
      <c r="N225580" s="10"/>
    </row>
    <row r="225581" spans="14:14">
      <c r="N225581" s="10"/>
    </row>
    <row r="225582" spans="14:14">
      <c r="N225582" s="10"/>
    </row>
    <row r="225583" spans="14:14">
      <c r="N225583" s="10"/>
    </row>
    <row r="225584" spans="14:14">
      <c r="N225584" s="10"/>
    </row>
    <row r="225585" spans="14:14">
      <c r="N225585" s="10"/>
    </row>
    <row r="225586" spans="14:14">
      <c r="N225586" s="10"/>
    </row>
    <row r="225587" spans="14:14">
      <c r="N225587" s="10"/>
    </row>
    <row r="225588" spans="14:14">
      <c r="N225588" s="10"/>
    </row>
    <row r="225589" spans="14:14">
      <c r="N225589" s="10"/>
    </row>
    <row r="225590" spans="14:14">
      <c r="N225590" s="10"/>
    </row>
    <row r="225591" spans="14:14">
      <c r="N225591" s="10"/>
    </row>
    <row r="225592" spans="14:14">
      <c r="N225592" s="10"/>
    </row>
    <row r="225593" spans="14:14">
      <c r="N225593" s="10"/>
    </row>
    <row r="225594" spans="14:14">
      <c r="N225594" s="10"/>
    </row>
    <row r="225595" spans="14:14">
      <c r="N225595" s="10"/>
    </row>
    <row r="225596" spans="14:14">
      <c r="N225596" s="10"/>
    </row>
    <row r="225597" spans="14:14">
      <c r="N225597" s="10"/>
    </row>
    <row r="225598" spans="14:14">
      <c r="N225598" s="10"/>
    </row>
    <row r="225599" spans="14:14">
      <c r="N225599" s="10"/>
    </row>
    <row r="225600" spans="14:14">
      <c r="N225600" s="10"/>
    </row>
    <row r="225601" spans="14:14">
      <c r="N225601" s="10"/>
    </row>
    <row r="225602" spans="14:14">
      <c r="N225602" s="10"/>
    </row>
    <row r="225603" spans="14:14">
      <c r="N225603" s="10"/>
    </row>
    <row r="225604" spans="14:14">
      <c r="N225604" s="10"/>
    </row>
    <row r="225605" spans="14:14">
      <c r="N225605" s="10"/>
    </row>
    <row r="225606" spans="14:14">
      <c r="N225606" s="10"/>
    </row>
    <row r="225607" spans="14:14">
      <c r="N225607" s="10"/>
    </row>
    <row r="225608" spans="14:14">
      <c r="N225608" s="10"/>
    </row>
    <row r="225609" spans="14:14">
      <c r="N225609" s="10"/>
    </row>
    <row r="225610" spans="14:14">
      <c r="N225610" s="10"/>
    </row>
    <row r="225611" spans="14:14">
      <c r="N225611" s="10"/>
    </row>
    <row r="225612" spans="14:14">
      <c r="N225612" s="10"/>
    </row>
    <row r="225613" spans="14:14">
      <c r="N225613" s="10"/>
    </row>
    <row r="225614" spans="14:14">
      <c r="N225614" s="10"/>
    </row>
    <row r="225615" spans="14:14">
      <c r="N225615" s="10"/>
    </row>
    <row r="225616" spans="14:14">
      <c r="N225616" s="10"/>
    </row>
    <row r="225617" spans="14:14">
      <c r="N225617" s="10"/>
    </row>
    <row r="225618" spans="14:14">
      <c r="N225618" s="10"/>
    </row>
    <row r="225619" spans="14:14">
      <c r="N225619" s="10"/>
    </row>
    <row r="225620" spans="14:14">
      <c r="N225620" s="10"/>
    </row>
    <row r="225621" spans="14:14">
      <c r="N225621" s="10"/>
    </row>
    <row r="225622" spans="14:14">
      <c r="N225622" s="10"/>
    </row>
    <row r="225623" spans="14:14">
      <c r="N225623" s="10"/>
    </row>
    <row r="225624" spans="14:14">
      <c r="N225624" s="10"/>
    </row>
    <row r="225625" spans="14:14">
      <c r="N225625" s="10"/>
    </row>
    <row r="225626" spans="14:14">
      <c r="N225626" s="10"/>
    </row>
    <row r="225627" spans="14:14">
      <c r="N225627" s="10"/>
    </row>
    <row r="225628" spans="14:14">
      <c r="N225628" s="10"/>
    </row>
    <row r="225629" spans="14:14">
      <c r="N225629" s="10"/>
    </row>
    <row r="225630" spans="14:14">
      <c r="N225630" s="10"/>
    </row>
    <row r="225631" spans="14:14">
      <c r="N225631" s="10"/>
    </row>
    <row r="225632" spans="14:14">
      <c r="N225632" s="10"/>
    </row>
    <row r="225633" spans="14:14">
      <c r="N225633" s="10"/>
    </row>
    <row r="225634" spans="14:14">
      <c r="N225634" s="10"/>
    </row>
    <row r="225635" spans="14:14">
      <c r="N225635" s="10"/>
    </row>
    <row r="225636" spans="14:14">
      <c r="N225636" s="10"/>
    </row>
    <row r="225637" spans="14:14">
      <c r="N225637" s="10"/>
    </row>
    <row r="225638" spans="14:14">
      <c r="N225638" s="10"/>
    </row>
    <row r="225639" spans="14:14">
      <c r="N225639" s="10"/>
    </row>
    <row r="225640" spans="14:14">
      <c r="N225640" s="10"/>
    </row>
    <row r="225641" spans="14:14">
      <c r="N225641" s="10"/>
    </row>
    <row r="225642" spans="14:14">
      <c r="N225642" s="10"/>
    </row>
    <row r="225643" spans="14:14">
      <c r="N225643" s="10"/>
    </row>
    <row r="225644" spans="14:14">
      <c r="N225644" s="10"/>
    </row>
    <row r="225645" spans="14:14">
      <c r="N225645" s="10"/>
    </row>
    <row r="225646" spans="14:14">
      <c r="N225646" s="10"/>
    </row>
    <row r="225647" spans="14:14">
      <c r="N225647" s="10"/>
    </row>
    <row r="225648" spans="14:14">
      <c r="N225648" s="10"/>
    </row>
    <row r="225649" spans="14:14">
      <c r="N225649" s="10"/>
    </row>
    <row r="225650" spans="14:14">
      <c r="N225650" s="10"/>
    </row>
    <row r="225651" spans="14:14">
      <c r="N225651" s="10"/>
    </row>
    <row r="225652" spans="14:14">
      <c r="N225652" s="10"/>
    </row>
    <row r="225653" spans="14:14">
      <c r="N225653" s="10"/>
    </row>
    <row r="225654" spans="14:14">
      <c r="N225654" s="10"/>
    </row>
    <row r="225655" spans="14:14">
      <c r="N225655" s="10"/>
    </row>
    <row r="225656" spans="14:14">
      <c r="N225656" s="10"/>
    </row>
    <row r="225657" spans="14:14">
      <c r="N225657" s="10"/>
    </row>
    <row r="225658" spans="14:14">
      <c r="N225658" s="10"/>
    </row>
    <row r="225659" spans="14:14">
      <c r="N225659" s="10"/>
    </row>
    <row r="225660" spans="14:14">
      <c r="N225660" s="10"/>
    </row>
    <row r="225661" spans="14:14">
      <c r="N225661" s="10"/>
    </row>
    <row r="225662" spans="14:14">
      <c r="N225662" s="10"/>
    </row>
    <row r="225663" spans="14:14">
      <c r="N225663" s="10"/>
    </row>
    <row r="225664" spans="14:14">
      <c r="N225664" s="10"/>
    </row>
    <row r="225665" spans="14:14">
      <c r="N225665" s="10"/>
    </row>
    <row r="225666" spans="14:14">
      <c r="N225666" s="10"/>
    </row>
    <row r="225667" spans="14:14">
      <c r="N225667" s="10"/>
    </row>
    <row r="225668" spans="14:14">
      <c r="N225668" s="10"/>
    </row>
    <row r="225669" spans="14:14">
      <c r="N225669" s="10"/>
    </row>
    <row r="225670" spans="14:14">
      <c r="N225670" s="10"/>
    </row>
    <row r="225671" spans="14:14">
      <c r="N225671" s="10"/>
    </row>
    <row r="225672" spans="14:14">
      <c r="N225672" s="10"/>
    </row>
    <row r="225673" spans="14:14">
      <c r="N225673" s="10"/>
    </row>
    <row r="225674" spans="14:14">
      <c r="N225674" s="10"/>
    </row>
    <row r="225675" spans="14:14">
      <c r="N225675" s="10"/>
    </row>
    <row r="225676" spans="14:14">
      <c r="N225676" s="10"/>
    </row>
    <row r="225677" spans="14:14">
      <c r="N225677" s="10"/>
    </row>
    <row r="225678" spans="14:14">
      <c r="N225678" s="10"/>
    </row>
    <row r="225679" spans="14:14">
      <c r="N225679" s="10"/>
    </row>
    <row r="225680" spans="14:14">
      <c r="N225680" s="10"/>
    </row>
    <row r="225681" spans="14:14">
      <c r="N225681" s="10"/>
    </row>
    <row r="225682" spans="14:14">
      <c r="N225682" s="10"/>
    </row>
    <row r="225683" spans="14:14">
      <c r="N225683" s="10"/>
    </row>
    <row r="225684" spans="14:14">
      <c r="N225684" s="10"/>
    </row>
    <row r="225685" spans="14:14">
      <c r="N225685" s="10"/>
    </row>
    <row r="225686" spans="14:14">
      <c r="N225686" s="10"/>
    </row>
    <row r="225687" spans="14:14">
      <c r="N225687" s="10"/>
    </row>
    <row r="225688" spans="14:14">
      <c r="N225688" s="10"/>
    </row>
    <row r="225689" spans="14:14">
      <c r="N225689" s="10"/>
    </row>
    <row r="225690" spans="14:14">
      <c r="N225690" s="10"/>
    </row>
    <row r="225691" spans="14:14">
      <c r="N225691" s="10"/>
    </row>
    <row r="225692" spans="14:14">
      <c r="N225692" s="10"/>
    </row>
    <row r="225693" spans="14:14">
      <c r="N225693" s="10"/>
    </row>
    <row r="225694" spans="14:14">
      <c r="N225694" s="10"/>
    </row>
    <row r="225695" spans="14:14">
      <c r="N225695" s="10"/>
    </row>
    <row r="225696" spans="14:14">
      <c r="N225696" s="10"/>
    </row>
    <row r="225697" spans="14:14">
      <c r="N225697" s="10"/>
    </row>
    <row r="225698" spans="14:14">
      <c r="N225698" s="10"/>
    </row>
    <row r="225699" spans="14:14">
      <c r="N225699" s="10"/>
    </row>
    <row r="225700" spans="14:14">
      <c r="N225700" s="10"/>
    </row>
    <row r="225701" spans="14:14">
      <c r="N225701" s="10"/>
    </row>
    <row r="225702" spans="14:14">
      <c r="N225702" s="10"/>
    </row>
    <row r="225703" spans="14:14">
      <c r="N225703" s="10"/>
    </row>
    <row r="225704" spans="14:14">
      <c r="N225704" s="10"/>
    </row>
    <row r="225705" spans="14:14">
      <c r="N225705" s="10"/>
    </row>
    <row r="225706" spans="14:14">
      <c r="N225706" s="10"/>
    </row>
    <row r="225707" spans="14:14">
      <c r="N225707" s="10"/>
    </row>
    <row r="225708" spans="14:14">
      <c r="N225708" s="10"/>
    </row>
    <row r="225709" spans="14:14">
      <c r="N225709" s="10"/>
    </row>
    <row r="225710" spans="14:14">
      <c r="N225710" s="10"/>
    </row>
    <row r="225711" spans="14:14">
      <c r="N225711" s="10"/>
    </row>
    <row r="225712" spans="14:14">
      <c r="N225712" s="10"/>
    </row>
    <row r="225713" spans="14:14">
      <c r="N225713" s="10"/>
    </row>
    <row r="225714" spans="14:14">
      <c r="N225714" s="10"/>
    </row>
    <row r="225715" spans="14:14">
      <c r="N225715" s="10"/>
    </row>
    <row r="225716" spans="14:14">
      <c r="N225716" s="10"/>
    </row>
    <row r="225717" spans="14:14">
      <c r="N225717" s="10"/>
    </row>
    <row r="225718" spans="14:14">
      <c r="N225718" s="10"/>
    </row>
    <row r="225719" spans="14:14">
      <c r="N225719" s="10"/>
    </row>
    <row r="225720" spans="14:14">
      <c r="N225720" s="10"/>
    </row>
    <row r="225721" spans="14:14">
      <c r="N225721" s="10"/>
    </row>
    <row r="225722" spans="14:14">
      <c r="N225722" s="10"/>
    </row>
    <row r="225723" spans="14:14">
      <c r="N225723" s="10"/>
    </row>
    <row r="225724" spans="14:14">
      <c r="N225724" s="10"/>
    </row>
    <row r="225725" spans="14:14">
      <c r="N225725" s="10"/>
    </row>
    <row r="225726" spans="14:14">
      <c r="N225726" s="10"/>
    </row>
    <row r="225727" spans="14:14">
      <c r="N225727" s="10"/>
    </row>
    <row r="225728" spans="14:14">
      <c r="N225728" s="10"/>
    </row>
    <row r="225729" spans="14:14">
      <c r="N225729" s="10"/>
    </row>
    <row r="225730" spans="14:14">
      <c r="N225730" s="10"/>
    </row>
    <row r="225731" spans="14:14">
      <c r="N225731" s="10"/>
    </row>
    <row r="225732" spans="14:14">
      <c r="N225732" s="10"/>
    </row>
    <row r="225733" spans="14:14">
      <c r="N225733" s="10"/>
    </row>
    <row r="225734" spans="14:14">
      <c r="N225734" s="10"/>
    </row>
    <row r="225735" spans="14:14">
      <c r="N225735" s="10"/>
    </row>
    <row r="225736" spans="14:14">
      <c r="N225736" s="10"/>
    </row>
    <row r="225737" spans="14:14">
      <c r="N225737" s="10"/>
    </row>
    <row r="225738" spans="14:14">
      <c r="N225738" s="10"/>
    </row>
    <row r="225739" spans="14:14">
      <c r="N225739" s="10"/>
    </row>
    <row r="225740" spans="14:14">
      <c r="N225740" s="10"/>
    </row>
    <row r="225741" spans="14:14">
      <c r="N225741" s="10"/>
    </row>
    <row r="225742" spans="14:14">
      <c r="N225742" s="10"/>
    </row>
    <row r="225743" spans="14:14">
      <c r="N225743" s="10"/>
    </row>
    <row r="225744" spans="14:14">
      <c r="N225744" s="10"/>
    </row>
    <row r="225745" spans="14:14">
      <c r="N225745" s="10"/>
    </row>
    <row r="225746" spans="14:14">
      <c r="N225746" s="10"/>
    </row>
    <row r="225747" spans="14:14">
      <c r="N225747" s="10"/>
    </row>
    <row r="225748" spans="14:14">
      <c r="N225748" s="10"/>
    </row>
    <row r="225749" spans="14:14">
      <c r="N225749" s="10"/>
    </row>
    <row r="225750" spans="14:14">
      <c r="N225750" s="10"/>
    </row>
    <row r="225751" spans="14:14">
      <c r="N225751" s="10"/>
    </row>
    <row r="225752" spans="14:14">
      <c r="N225752" s="10"/>
    </row>
    <row r="225753" spans="14:14">
      <c r="N225753" s="10"/>
    </row>
    <row r="225754" spans="14:14">
      <c r="N225754" s="10"/>
    </row>
    <row r="225755" spans="14:14">
      <c r="N225755" s="10"/>
    </row>
    <row r="225756" spans="14:14">
      <c r="N225756" s="10"/>
    </row>
    <row r="225757" spans="14:14">
      <c r="N225757" s="10"/>
    </row>
    <row r="225758" spans="14:14">
      <c r="N225758" s="10"/>
    </row>
    <row r="225759" spans="14:14">
      <c r="N225759" s="10"/>
    </row>
    <row r="225760" spans="14:14">
      <c r="N225760" s="10"/>
    </row>
    <row r="225761" spans="14:14">
      <c r="N225761" s="10"/>
    </row>
    <row r="225762" spans="14:14">
      <c r="N225762" s="10"/>
    </row>
    <row r="225763" spans="14:14">
      <c r="N225763" s="10"/>
    </row>
    <row r="225764" spans="14:14">
      <c r="N225764" s="10"/>
    </row>
    <row r="225765" spans="14:14">
      <c r="N225765" s="10"/>
    </row>
    <row r="225766" spans="14:14">
      <c r="N225766" s="10"/>
    </row>
    <row r="225767" spans="14:14">
      <c r="N225767" s="10"/>
    </row>
    <row r="225768" spans="14:14">
      <c r="N225768" s="10"/>
    </row>
    <row r="225769" spans="14:14">
      <c r="N225769" s="10"/>
    </row>
    <row r="225770" spans="14:14">
      <c r="N225770" s="10"/>
    </row>
    <row r="225771" spans="14:14">
      <c r="N225771" s="10"/>
    </row>
    <row r="225772" spans="14:14">
      <c r="N225772" s="10"/>
    </row>
    <row r="225773" spans="14:14">
      <c r="N225773" s="10"/>
    </row>
    <row r="225774" spans="14:14">
      <c r="N225774" s="10"/>
    </row>
    <row r="225775" spans="14:14">
      <c r="N225775" s="10"/>
    </row>
    <row r="225776" spans="14:14">
      <c r="N225776" s="10"/>
    </row>
    <row r="225777" spans="14:14">
      <c r="N225777" s="10"/>
    </row>
    <row r="225778" spans="14:14">
      <c r="N225778" s="10"/>
    </row>
    <row r="225779" spans="14:14">
      <c r="N225779" s="10"/>
    </row>
    <row r="225780" spans="14:14">
      <c r="N225780" s="10"/>
    </row>
    <row r="225781" spans="14:14">
      <c r="N225781" s="10"/>
    </row>
    <row r="225782" spans="14:14">
      <c r="N225782" s="10"/>
    </row>
    <row r="225783" spans="14:14">
      <c r="N225783" s="10"/>
    </row>
    <row r="225784" spans="14:14">
      <c r="N225784" s="10"/>
    </row>
    <row r="225785" spans="14:14">
      <c r="N225785" s="10"/>
    </row>
    <row r="225786" spans="14:14">
      <c r="N225786" s="10"/>
    </row>
    <row r="225787" spans="14:14">
      <c r="N225787" s="10"/>
    </row>
    <row r="225788" spans="14:14">
      <c r="N225788" s="10"/>
    </row>
    <row r="225789" spans="14:14">
      <c r="N225789" s="10"/>
    </row>
    <row r="225790" spans="14:14">
      <c r="N225790" s="10"/>
    </row>
    <row r="225791" spans="14:14">
      <c r="N225791" s="10"/>
    </row>
    <row r="225792" spans="14:14">
      <c r="N225792" s="10"/>
    </row>
    <row r="225793" spans="14:14">
      <c r="N225793" s="10"/>
    </row>
    <row r="225794" spans="14:14">
      <c r="N225794" s="10"/>
    </row>
    <row r="225795" spans="14:14">
      <c r="N225795" s="10"/>
    </row>
    <row r="225796" spans="14:14">
      <c r="N225796" s="10"/>
    </row>
    <row r="225797" spans="14:14">
      <c r="N225797" s="10"/>
    </row>
    <row r="225798" spans="14:14">
      <c r="N225798" s="10"/>
    </row>
    <row r="225799" spans="14:14">
      <c r="N225799" s="10"/>
    </row>
    <row r="225800" spans="14:14">
      <c r="N225800" s="10"/>
    </row>
    <row r="225801" spans="14:14">
      <c r="N225801" s="10"/>
    </row>
    <row r="225802" spans="14:14">
      <c r="N225802" s="10"/>
    </row>
    <row r="225803" spans="14:14">
      <c r="N225803" s="10"/>
    </row>
    <row r="225804" spans="14:14">
      <c r="N225804" s="10"/>
    </row>
    <row r="225805" spans="14:14">
      <c r="N225805" s="10"/>
    </row>
    <row r="225806" spans="14:14">
      <c r="N225806" s="10"/>
    </row>
    <row r="225807" spans="14:14">
      <c r="N225807" s="10"/>
    </row>
    <row r="225808" spans="14:14">
      <c r="N225808" s="10"/>
    </row>
    <row r="225809" spans="14:14">
      <c r="N225809" s="10"/>
    </row>
    <row r="225810" spans="14:14">
      <c r="N225810" s="10"/>
    </row>
    <row r="225811" spans="14:14">
      <c r="N225811" s="10"/>
    </row>
    <row r="225812" spans="14:14">
      <c r="N225812" s="10"/>
    </row>
    <row r="225813" spans="14:14">
      <c r="N225813" s="10"/>
    </row>
    <row r="225814" spans="14:14">
      <c r="N225814" s="10"/>
    </row>
    <row r="225815" spans="14:14">
      <c r="N225815" s="10"/>
    </row>
    <row r="225816" spans="14:14">
      <c r="N225816" s="10"/>
    </row>
    <row r="225817" spans="14:14">
      <c r="N225817" s="10"/>
    </row>
    <row r="225818" spans="14:14">
      <c r="N225818" s="10"/>
    </row>
    <row r="225819" spans="14:14">
      <c r="N225819" s="10"/>
    </row>
    <row r="225820" spans="14:14">
      <c r="N225820" s="10"/>
    </row>
    <row r="225821" spans="14:14">
      <c r="N225821" s="10"/>
    </row>
    <row r="225822" spans="14:14">
      <c r="N225822" s="10"/>
    </row>
    <row r="225823" spans="14:14">
      <c r="N225823" s="10"/>
    </row>
    <row r="225824" spans="14:14">
      <c r="N225824" s="10"/>
    </row>
    <row r="225825" spans="14:14">
      <c r="N225825" s="10"/>
    </row>
    <row r="225826" spans="14:14">
      <c r="N225826" s="10"/>
    </row>
    <row r="225827" spans="14:14">
      <c r="N225827" s="10"/>
    </row>
    <row r="225828" spans="14:14">
      <c r="N225828" s="10"/>
    </row>
    <row r="225829" spans="14:14">
      <c r="N225829" s="10"/>
    </row>
    <row r="225830" spans="14:14">
      <c r="N225830" s="10"/>
    </row>
    <row r="225831" spans="14:14">
      <c r="N225831" s="10"/>
    </row>
    <row r="225832" spans="14:14">
      <c r="N225832" s="10"/>
    </row>
    <row r="225833" spans="14:14">
      <c r="N225833" s="10"/>
    </row>
    <row r="225834" spans="14:14">
      <c r="N225834" s="10"/>
    </row>
    <row r="225835" spans="14:14">
      <c r="N225835" s="10"/>
    </row>
    <row r="225836" spans="14:14">
      <c r="N225836" s="10"/>
    </row>
    <row r="225837" spans="14:14">
      <c r="N225837" s="10"/>
    </row>
    <row r="225838" spans="14:14">
      <c r="N225838" s="10"/>
    </row>
    <row r="225839" spans="14:14">
      <c r="N225839" s="10"/>
    </row>
    <row r="225840" spans="14:14">
      <c r="N225840" s="10"/>
    </row>
    <row r="225841" spans="14:14">
      <c r="N225841" s="10"/>
    </row>
    <row r="225842" spans="14:14">
      <c r="N225842" s="10"/>
    </row>
    <row r="225843" spans="14:14">
      <c r="N225843" s="10"/>
    </row>
    <row r="225844" spans="14:14">
      <c r="N225844" s="10"/>
    </row>
    <row r="225845" spans="14:14">
      <c r="N225845" s="10"/>
    </row>
    <row r="225846" spans="14:14">
      <c r="N225846" s="10"/>
    </row>
    <row r="225847" spans="14:14">
      <c r="N225847" s="10"/>
    </row>
    <row r="225848" spans="14:14">
      <c r="N225848" s="10"/>
    </row>
    <row r="225849" spans="14:14">
      <c r="N225849" s="10"/>
    </row>
    <row r="225850" spans="14:14">
      <c r="N225850" s="10"/>
    </row>
    <row r="225851" spans="14:14">
      <c r="N225851" s="10"/>
    </row>
    <row r="225852" spans="14:14">
      <c r="N225852" s="10"/>
    </row>
    <row r="225853" spans="14:14">
      <c r="N225853" s="10"/>
    </row>
    <row r="225854" spans="14:14">
      <c r="N225854" s="10"/>
    </row>
    <row r="225855" spans="14:14">
      <c r="N225855" s="10"/>
    </row>
    <row r="225856" spans="14:14">
      <c r="N225856" s="10"/>
    </row>
    <row r="225857" spans="14:14">
      <c r="N225857" s="10"/>
    </row>
    <row r="225858" spans="14:14">
      <c r="N225858" s="10"/>
    </row>
    <row r="225859" spans="14:14">
      <c r="N225859" s="10"/>
    </row>
    <row r="225860" spans="14:14">
      <c r="N225860" s="10"/>
    </row>
    <row r="225861" spans="14:14">
      <c r="N225861" s="10"/>
    </row>
    <row r="225862" spans="14:14">
      <c r="N225862" s="10"/>
    </row>
    <row r="225863" spans="14:14">
      <c r="N225863" s="10"/>
    </row>
    <row r="225864" spans="14:14">
      <c r="N225864" s="10"/>
    </row>
    <row r="225865" spans="14:14">
      <c r="N225865" s="10"/>
    </row>
    <row r="225866" spans="14:14">
      <c r="N225866" s="10"/>
    </row>
    <row r="225867" spans="14:14">
      <c r="N225867" s="10"/>
    </row>
    <row r="225868" spans="14:14">
      <c r="N225868" s="10"/>
    </row>
    <row r="225869" spans="14:14">
      <c r="N225869" s="10"/>
    </row>
    <row r="225870" spans="14:14">
      <c r="N225870" s="10"/>
    </row>
    <row r="225871" spans="14:14">
      <c r="N225871" s="10"/>
    </row>
    <row r="225872" spans="14:14">
      <c r="N225872" s="10"/>
    </row>
    <row r="225873" spans="14:14">
      <c r="N225873" s="10"/>
    </row>
    <row r="225874" spans="14:14">
      <c r="N225874" s="10"/>
    </row>
    <row r="225875" spans="14:14">
      <c r="N225875" s="10"/>
    </row>
    <row r="225876" spans="14:14">
      <c r="N225876" s="10"/>
    </row>
    <row r="225877" spans="14:14">
      <c r="N225877" s="10"/>
    </row>
    <row r="225878" spans="14:14">
      <c r="N225878" s="10"/>
    </row>
    <row r="225879" spans="14:14">
      <c r="N225879" s="10"/>
    </row>
    <row r="225880" spans="14:14">
      <c r="N225880" s="10"/>
    </row>
    <row r="225881" spans="14:14">
      <c r="N225881" s="10"/>
    </row>
    <row r="225882" spans="14:14">
      <c r="N225882" s="10"/>
    </row>
    <row r="225883" spans="14:14">
      <c r="N225883" s="10"/>
    </row>
    <row r="225884" spans="14:14">
      <c r="N225884" s="10"/>
    </row>
    <row r="225885" spans="14:14">
      <c r="N225885" s="10"/>
    </row>
    <row r="225886" spans="14:14">
      <c r="N225886" s="10"/>
    </row>
    <row r="225887" spans="14:14">
      <c r="N225887" s="10"/>
    </row>
    <row r="225888" spans="14:14">
      <c r="N225888" s="10"/>
    </row>
    <row r="225889" spans="14:14">
      <c r="N225889" s="10"/>
    </row>
    <row r="225890" spans="14:14">
      <c r="N225890" s="10"/>
    </row>
    <row r="225891" spans="14:14">
      <c r="N225891" s="10"/>
    </row>
    <row r="225892" spans="14:14">
      <c r="N225892" s="10"/>
    </row>
    <row r="225893" spans="14:14">
      <c r="N225893" s="10"/>
    </row>
    <row r="225894" spans="14:14">
      <c r="N225894" s="10"/>
    </row>
    <row r="225895" spans="14:14">
      <c r="N225895" s="10"/>
    </row>
    <row r="225896" spans="14:14">
      <c r="N225896" s="10"/>
    </row>
    <row r="225897" spans="14:14">
      <c r="N225897" s="10"/>
    </row>
    <row r="225898" spans="14:14">
      <c r="N225898" s="10"/>
    </row>
    <row r="225899" spans="14:14">
      <c r="N225899" s="10"/>
    </row>
    <row r="225900" spans="14:14">
      <c r="N225900" s="10"/>
    </row>
    <row r="225901" spans="14:14">
      <c r="N225901" s="10"/>
    </row>
    <row r="225902" spans="14:14">
      <c r="N225902" s="10"/>
    </row>
    <row r="225903" spans="14:14">
      <c r="N225903" s="10"/>
    </row>
    <row r="225904" spans="14:14">
      <c r="N225904" s="10"/>
    </row>
    <row r="225905" spans="14:14">
      <c r="N225905" s="10"/>
    </row>
    <row r="225906" spans="14:14">
      <c r="N225906" s="10"/>
    </row>
    <row r="225907" spans="14:14">
      <c r="N225907" s="10"/>
    </row>
    <row r="225908" spans="14:14">
      <c r="N225908" s="10"/>
    </row>
    <row r="225909" spans="14:14">
      <c r="N225909" s="10"/>
    </row>
    <row r="225910" spans="14:14">
      <c r="N225910" s="10"/>
    </row>
    <row r="225911" spans="14:14">
      <c r="N225911" s="10"/>
    </row>
    <row r="225912" spans="14:14">
      <c r="N225912" s="10"/>
    </row>
    <row r="225913" spans="14:14">
      <c r="N225913" s="10"/>
    </row>
    <row r="225914" spans="14:14">
      <c r="N225914" s="10"/>
    </row>
    <row r="225915" spans="14:14">
      <c r="N225915" s="10"/>
    </row>
    <row r="225916" spans="14:14">
      <c r="N225916" s="10"/>
    </row>
    <row r="225917" spans="14:14">
      <c r="N225917" s="10"/>
    </row>
    <row r="225918" spans="14:14">
      <c r="N225918" s="10"/>
    </row>
    <row r="225919" spans="14:14">
      <c r="N225919" s="10"/>
    </row>
    <row r="225920" spans="14:14">
      <c r="N225920" s="10"/>
    </row>
    <row r="225921" spans="14:14">
      <c r="N225921" s="10"/>
    </row>
    <row r="225922" spans="14:14">
      <c r="N225922" s="10"/>
    </row>
    <row r="225923" spans="14:14">
      <c r="N225923" s="10"/>
    </row>
    <row r="225924" spans="14:14">
      <c r="N225924" s="10"/>
    </row>
    <row r="225925" spans="14:14">
      <c r="N225925" s="10"/>
    </row>
    <row r="225926" spans="14:14">
      <c r="N225926" s="10"/>
    </row>
    <row r="225927" spans="14:14">
      <c r="N225927" s="10"/>
    </row>
    <row r="225928" spans="14:14">
      <c r="N225928" s="10"/>
    </row>
    <row r="225929" spans="14:14">
      <c r="N225929" s="10"/>
    </row>
    <row r="225930" spans="14:14">
      <c r="N225930" s="10"/>
    </row>
    <row r="225931" spans="14:14">
      <c r="N225931" s="10"/>
    </row>
    <row r="225932" spans="14:14">
      <c r="N225932" s="10"/>
    </row>
    <row r="225933" spans="14:14">
      <c r="N225933" s="10"/>
    </row>
    <row r="225934" spans="14:14">
      <c r="N225934" s="10"/>
    </row>
    <row r="225935" spans="14:14">
      <c r="N225935" s="10"/>
    </row>
    <row r="225936" spans="14:14">
      <c r="N225936" s="10"/>
    </row>
    <row r="225937" spans="14:14">
      <c r="N225937" s="10"/>
    </row>
    <row r="225938" spans="14:14">
      <c r="N225938" s="10"/>
    </row>
    <row r="225939" spans="14:14">
      <c r="N225939" s="10"/>
    </row>
    <row r="225940" spans="14:14">
      <c r="N225940" s="10"/>
    </row>
    <row r="225941" spans="14:14">
      <c r="N225941" s="10"/>
    </row>
    <row r="225942" spans="14:14">
      <c r="N225942" s="10"/>
    </row>
    <row r="225943" spans="14:14">
      <c r="N225943" s="10"/>
    </row>
    <row r="225944" spans="14:14">
      <c r="N225944" s="10"/>
    </row>
    <row r="225945" spans="14:14">
      <c r="N225945" s="10"/>
    </row>
    <row r="225946" spans="14:14">
      <c r="N225946" s="10"/>
    </row>
    <row r="225947" spans="14:14">
      <c r="N225947" s="10"/>
    </row>
    <row r="225948" spans="14:14">
      <c r="N225948" s="10"/>
    </row>
    <row r="225949" spans="14:14">
      <c r="N225949" s="10"/>
    </row>
    <row r="225950" spans="14:14">
      <c r="N225950" s="10"/>
    </row>
    <row r="225951" spans="14:14">
      <c r="N225951" s="10"/>
    </row>
    <row r="225952" spans="14:14">
      <c r="N225952" s="10"/>
    </row>
    <row r="225953" spans="14:14">
      <c r="N225953" s="10"/>
    </row>
    <row r="225954" spans="14:14">
      <c r="N225954" s="10"/>
    </row>
    <row r="225955" spans="14:14">
      <c r="N225955" s="10"/>
    </row>
    <row r="225956" spans="14:14">
      <c r="N225956" s="10"/>
    </row>
    <row r="225957" spans="14:14">
      <c r="N225957" s="10"/>
    </row>
    <row r="225958" spans="14:14">
      <c r="N225958" s="10"/>
    </row>
    <row r="225959" spans="14:14">
      <c r="N225959" s="10"/>
    </row>
    <row r="225960" spans="14:14">
      <c r="N225960" s="10"/>
    </row>
    <row r="225961" spans="14:14">
      <c r="N225961" s="10"/>
    </row>
    <row r="225962" spans="14:14">
      <c r="N225962" s="10"/>
    </row>
    <row r="225963" spans="14:14">
      <c r="N225963" s="10"/>
    </row>
    <row r="225964" spans="14:14">
      <c r="N225964" s="10"/>
    </row>
    <row r="225965" spans="14:14">
      <c r="N225965" s="10"/>
    </row>
    <row r="225966" spans="14:14">
      <c r="N225966" s="10"/>
    </row>
    <row r="225967" spans="14:14">
      <c r="N225967" s="10"/>
    </row>
    <row r="225968" spans="14:14">
      <c r="N225968" s="10"/>
    </row>
    <row r="225969" spans="14:14">
      <c r="N225969" s="10"/>
    </row>
    <row r="225970" spans="14:14">
      <c r="N225970" s="10"/>
    </row>
    <row r="225971" spans="14:14">
      <c r="N225971" s="10"/>
    </row>
    <row r="225972" spans="14:14">
      <c r="N225972" s="10"/>
    </row>
    <row r="225973" spans="14:14">
      <c r="N225973" s="10"/>
    </row>
    <row r="225974" spans="14:14">
      <c r="N225974" s="10"/>
    </row>
    <row r="225975" spans="14:14">
      <c r="N225975" s="10"/>
    </row>
    <row r="225976" spans="14:14">
      <c r="N225976" s="10"/>
    </row>
    <row r="225977" spans="14:14">
      <c r="N225977" s="10"/>
    </row>
    <row r="225978" spans="14:14">
      <c r="N225978" s="10"/>
    </row>
    <row r="225979" spans="14:14">
      <c r="N225979" s="10"/>
    </row>
    <row r="225980" spans="14:14">
      <c r="N225980" s="10"/>
    </row>
    <row r="225981" spans="14:14">
      <c r="N225981" s="10"/>
    </row>
    <row r="225982" spans="14:14">
      <c r="N225982" s="10"/>
    </row>
    <row r="225983" spans="14:14">
      <c r="N225983" s="10"/>
    </row>
    <row r="225984" spans="14:14">
      <c r="N225984" s="10"/>
    </row>
    <row r="225985" spans="14:14">
      <c r="N225985" s="10"/>
    </row>
    <row r="225986" spans="14:14">
      <c r="N225986" s="10"/>
    </row>
    <row r="225987" spans="14:14">
      <c r="N225987" s="10"/>
    </row>
    <row r="225988" spans="14:14">
      <c r="N225988" s="10"/>
    </row>
    <row r="225989" spans="14:14">
      <c r="N225989" s="10"/>
    </row>
    <row r="225990" spans="14:14">
      <c r="N225990" s="10"/>
    </row>
    <row r="225991" spans="14:14">
      <c r="N225991" s="10"/>
    </row>
    <row r="225992" spans="14:14">
      <c r="N225992" s="10"/>
    </row>
    <row r="225993" spans="14:14">
      <c r="N225993" s="10"/>
    </row>
    <row r="225994" spans="14:14">
      <c r="N225994" s="10"/>
    </row>
    <row r="225995" spans="14:14">
      <c r="N225995" s="10"/>
    </row>
    <row r="225996" spans="14:14">
      <c r="N225996" s="10"/>
    </row>
    <row r="225997" spans="14:14">
      <c r="N225997" s="10"/>
    </row>
    <row r="225998" spans="14:14">
      <c r="N225998" s="10"/>
    </row>
    <row r="225999" spans="14:14">
      <c r="N225999" s="10"/>
    </row>
    <row r="226000" spans="14:14">
      <c r="N226000" s="10"/>
    </row>
    <row r="226001" spans="14:14">
      <c r="N226001" s="10"/>
    </row>
    <row r="226002" spans="14:14">
      <c r="N226002" s="10"/>
    </row>
    <row r="226003" spans="14:14">
      <c r="N226003" s="10"/>
    </row>
    <row r="226004" spans="14:14">
      <c r="N226004" s="10"/>
    </row>
    <row r="226005" spans="14:14">
      <c r="N226005" s="10"/>
    </row>
    <row r="226006" spans="14:14">
      <c r="N226006" s="10"/>
    </row>
    <row r="226007" spans="14:14">
      <c r="N226007" s="10"/>
    </row>
    <row r="226008" spans="14:14">
      <c r="N226008" s="10"/>
    </row>
    <row r="226009" spans="14:14">
      <c r="N226009" s="10"/>
    </row>
    <row r="226010" spans="14:14">
      <c r="N226010" s="10"/>
    </row>
    <row r="226011" spans="14:14">
      <c r="N226011" s="10"/>
    </row>
    <row r="226012" spans="14:14">
      <c r="N226012" s="10"/>
    </row>
    <row r="226013" spans="14:14">
      <c r="N226013" s="10"/>
    </row>
    <row r="226014" spans="14:14">
      <c r="N226014" s="10"/>
    </row>
    <row r="226015" spans="14:14">
      <c r="N226015" s="10"/>
    </row>
    <row r="226016" spans="14:14">
      <c r="N226016" s="10"/>
    </row>
    <row r="226017" spans="14:14">
      <c r="N226017" s="10"/>
    </row>
    <row r="226018" spans="14:14">
      <c r="N226018" s="10"/>
    </row>
    <row r="226019" spans="14:14">
      <c r="N226019" s="10"/>
    </row>
    <row r="226020" spans="14:14">
      <c r="N226020" s="10"/>
    </row>
    <row r="226021" spans="14:14">
      <c r="N226021" s="10"/>
    </row>
    <row r="226022" spans="14:14">
      <c r="N226022" s="10"/>
    </row>
    <row r="226023" spans="14:14">
      <c r="N226023" s="10"/>
    </row>
    <row r="226024" spans="14:14">
      <c r="N226024" s="10"/>
    </row>
    <row r="226025" spans="14:14">
      <c r="N226025" s="10"/>
    </row>
    <row r="226026" spans="14:14">
      <c r="N226026" s="10"/>
    </row>
    <row r="226027" spans="14:14">
      <c r="N226027" s="10"/>
    </row>
    <row r="226028" spans="14:14">
      <c r="N226028" s="10"/>
    </row>
    <row r="226029" spans="14:14">
      <c r="N226029" s="10"/>
    </row>
    <row r="226030" spans="14:14">
      <c r="N226030" s="10"/>
    </row>
    <row r="226031" spans="14:14">
      <c r="N226031" s="10"/>
    </row>
    <row r="226032" spans="14:14">
      <c r="N226032" s="10"/>
    </row>
    <row r="226033" spans="14:14">
      <c r="N226033" s="10"/>
    </row>
    <row r="226034" spans="14:14">
      <c r="N226034" s="10"/>
    </row>
    <row r="226035" spans="14:14">
      <c r="N226035" s="10"/>
    </row>
    <row r="226036" spans="14:14">
      <c r="N226036" s="10"/>
    </row>
    <row r="226037" spans="14:14">
      <c r="N226037" s="10"/>
    </row>
    <row r="226038" spans="14:14">
      <c r="N226038" s="10"/>
    </row>
    <row r="226039" spans="14:14">
      <c r="N226039" s="10"/>
    </row>
    <row r="226040" spans="14:14">
      <c r="N226040" s="10"/>
    </row>
    <row r="226041" spans="14:14">
      <c r="N226041" s="10"/>
    </row>
    <row r="226042" spans="14:14">
      <c r="N226042" s="10"/>
    </row>
    <row r="226043" spans="14:14">
      <c r="N226043" s="10"/>
    </row>
    <row r="226044" spans="14:14">
      <c r="N226044" s="10"/>
    </row>
    <row r="226045" spans="14:14">
      <c r="N226045" s="10"/>
    </row>
    <row r="226046" spans="14:14">
      <c r="N226046" s="10"/>
    </row>
    <row r="226047" spans="14:14">
      <c r="N226047" s="10"/>
    </row>
    <row r="226048" spans="14:14">
      <c r="N226048" s="10"/>
    </row>
    <row r="226049" spans="14:14">
      <c r="N226049" s="10"/>
    </row>
    <row r="226050" spans="14:14">
      <c r="N226050" s="10"/>
    </row>
    <row r="226051" spans="14:14">
      <c r="N226051" s="10"/>
    </row>
    <row r="226052" spans="14:14">
      <c r="N226052" s="10"/>
    </row>
    <row r="226053" spans="14:14">
      <c r="N226053" s="10"/>
    </row>
    <row r="226054" spans="14:14">
      <c r="N226054" s="10"/>
    </row>
    <row r="226055" spans="14:14">
      <c r="N226055" s="10"/>
    </row>
    <row r="226056" spans="14:14">
      <c r="N226056" s="10"/>
    </row>
    <row r="226057" spans="14:14">
      <c r="N226057" s="10"/>
    </row>
    <row r="226058" spans="14:14">
      <c r="N226058" s="10"/>
    </row>
    <row r="226059" spans="14:14">
      <c r="N226059" s="10"/>
    </row>
    <row r="226060" spans="14:14">
      <c r="N226060" s="10"/>
    </row>
    <row r="226061" spans="14:14">
      <c r="N226061" s="10"/>
    </row>
    <row r="226062" spans="14:14">
      <c r="N226062" s="10"/>
    </row>
    <row r="226063" spans="14:14">
      <c r="N226063" s="10"/>
    </row>
    <row r="226064" spans="14:14">
      <c r="N226064" s="10"/>
    </row>
    <row r="226065" spans="14:14">
      <c r="N226065" s="10"/>
    </row>
    <row r="226066" spans="14:14">
      <c r="N226066" s="10"/>
    </row>
    <row r="226067" spans="14:14">
      <c r="N226067" s="10"/>
    </row>
    <row r="226068" spans="14:14">
      <c r="N226068" s="10"/>
    </row>
    <row r="226069" spans="14:14">
      <c r="N226069" s="10"/>
    </row>
    <row r="226070" spans="14:14">
      <c r="N226070" s="10"/>
    </row>
    <row r="226071" spans="14:14">
      <c r="N226071" s="10"/>
    </row>
    <row r="226072" spans="14:14">
      <c r="N226072" s="10"/>
    </row>
    <row r="226073" spans="14:14">
      <c r="N226073" s="10"/>
    </row>
    <row r="226074" spans="14:14">
      <c r="N226074" s="10"/>
    </row>
    <row r="226075" spans="14:14">
      <c r="N226075" s="10"/>
    </row>
    <row r="226076" spans="14:14">
      <c r="N226076" s="10"/>
    </row>
    <row r="226077" spans="14:14">
      <c r="N226077" s="10"/>
    </row>
    <row r="226078" spans="14:14">
      <c r="N226078" s="10"/>
    </row>
    <row r="226079" spans="14:14">
      <c r="N226079" s="10"/>
    </row>
    <row r="226080" spans="14:14">
      <c r="N226080" s="10"/>
    </row>
    <row r="226081" spans="14:14">
      <c r="N226081" s="10"/>
    </row>
    <row r="226082" spans="14:14">
      <c r="N226082" s="10"/>
    </row>
    <row r="226083" spans="14:14">
      <c r="N226083" s="10"/>
    </row>
    <row r="226084" spans="14:14">
      <c r="N226084" s="10"/>
    </row>
    <row r="226085" spans="14:14">
      <c r="N226085" s="10"/>
    </row>
    <row r="226086" spans="14:14">
      <c r="N226086" s="10"/>
    </row>
    <row r="226087" spans="14:14">
      <c r="N226087" s="10"/>
    </row>
    <row r="226088" spans="14:14">
      <c r="N226088" s="10"/>
    </row>
    <row r="226089" spans="14:14">
      <c r="N226089" s="10"/>
    </row>
    <row r="226090" spans="14:14">
      <c r="N226090" s="10"/>
    </row>
    <row r="226091" spans="14:14">
      <c r="N226091" s="10"/>
    </row>
    <row r="226092" spans="14:14">
      <c r="N226092" s="10"/>
    </row>
    <row r="226093" spans="14:14">
      <c r="N226093" s="10"/>
    </row>
    <row r="226094" spans="14:14">
      <c r="N226094" s="10"/>
    </row>
    <row r="226095" spans="14:14">
      <c r="N226095" s="10"/>
    </row>
    <row r="226096" spans="14:14">
      <c r="N226096" s="10"/>
    </row>
    <row r="226097" spans="14:14">
      <c r="N226097" s="10"/>
    </row>
    <row r="226098" spans="14:14">
      <c r="N226098" s="10"/>
    </row>
    <row r="226099" spans="14:14">
      <c r="N226099" s="10"/>
    </row>
    <row r="226100" spans="14:14">
      <c r="N226100" s="10"/>
    </row>
    <row r="226101" spans="14:14">
      <c r="N226101" s="10"/>
    </row>
    <row r="226102" spans="14:14">
      <c r="N226102" s="10"/>
    </row>
    <row r="226103" spans="14:14">
      <c r="N226103" s="10"/>
    </row>
    <row r="226104" spans="14:14">
      <c r="N226104" s="10"/>
    </row>
    <row r="226105" spans="14:14">
      <c r="N226105" s="10"/>
    </row>
    <row r="226106" spans="14:14">
      <c r="N226106" s="10"/>
    </row>
    <row r="226107" spans="14:14">
      <c r="N226107" s="10"/>
    </row>
    <row r="226108" spans="14:14">
      <c r="N226108" s="10"/>
    </row>
    <row r="226109" spans="14:14">
      <c r="N226109" s="10"/>
    </row>
    <row r="226110" spans="14:14">
      <c r="N226110" s="10"/>
    </row>
    <row r="226111" spans="14:14">
      <c r="N226111" s="10"/>
    </row>
    <row r="226112" spans="14:14">
      <c r="N226112" s="10"/>
    </row>
    <row r="226113" spans="14:14">
      <c r="N226113" s="10"/>
    </row>
    <row r="226114" spans="14:14">
      <c r="N226114" s="10"/>
    </row>
    <row r="226115" spans="14:14">
      <c r="N226115" s="10"/>
    </row>
    <row r="226116" spans="14:14">
      <c r="N226116" s="10"/>
    </row>
    <row r="226117" spans="14:14">
      <c r="N226117" s="10"/>
    </row>
    <row r="226118" spans="14:14">
      <c r="N226118" s="10"/>
    </row>
    <row r="226119" spans="14:14">
      <c r="N226119" s="10"/>
    </row>
    <row r="226120" spans="14:14">
      <c r="N226120" s="10"/>
    </row>
    <row r="226121" spans="14:14">
      <c r="N226121" s="10"/>
    </row>
    <row r="226122" spans="14:14">
      <c r="N226122" s="10"/>
    </row>
    <row r="226123" spans="14:14">
      <c r="N226123" s="10"/>
    </row>
    <row r="226124" spans="14:14">
      <c r="N226124" s="10"/>
    </row>
    <row r="226125" spans="14:14">
      <c r="N226125" s="10"/>
    </row>
    <row r="226126" spans="14:14">
      <c r="N226126" s="10"/>
    </row>
    <row r="226127" spans="14:14">
      <c r="N226127" s="10"/>
    </row>
    <row r="226128" spans="14:14">
      <c r="N226128" s="10"/>
    </row>
    <row r="226129" spans="14:14">
      <c r="N226129" s="10"/>
    </row>
    <row r="226130" spans="14:14">
      <c r="N226130" s="10"/>
    </row>
    <row r="226131" spans="14:14">
      <c r="N226131" s="10"/>
    </row>
    <row r="226132" spans="14:14">
      <c r="N226132" s="10"/>
    </row>
    <row r="226133" spans="14:14">
      <c r="N226133" s="10"/>
    </row>
    <row r="226134" spans="14:14">
      <c r="N226134" s="10"/>
    </row>
    <row r="226135" spans="14:14">
      <c r="N226135" s="10"/>
    </row>
    <row r="226136" spans="14:14">
      <c r="N226136" s="10"/>
    </row>
    <row r="226137" spans="14:14">
      <c r="N226137" s="10"/>
    </row>
    <row r="226138" spans="14:14">
      <c r="N226138" s="10"/>
    </row>
    <row r="226139" spans="14:14">
      <c r="N226139" s="10"/>
    </row>
    <row r="226140" spans="14:14">
      <c r="N226140" s="10"/>
    </row>
    <row r="226141" spans="14:14">
      <c r="N226141" s="10"/>
    </row>
    <row r="226142" spans="14:14">
      <c r="N226142" s="10"/>
    </row>
    <row r="226143" spans="14:14">
      <c r="N226143" s="10"/>
    </row>
    <row r="226144" spans="14:14">
      <c r="N226144" s="10"/>
    </row>
    <row r="226145" spans="14:14">
      <c r="N226145" s="10"/>
    </row>
    <row r="226146" spans="14:14">
      <c r="N226146" s="10"/>
    </row>
    <row r="226147" spans="14:14">
      <c r="N226147" s="10"/>
    </row>
    <row r="226148" spans="14:14">
      <c r="N226148" s="10"/>
    </row>
    <row r="226149" spans="14:14">
      <c r="N226149" s="10"/>
    </row>
    <row r="226150" spans="14:14">
      <c r="N226150" s="10"/>
    </row>
    <row r="226151" spans="14:14">
      <c r="N226151" s="10"/>
    </row>
    <row r="226152" spans="14:14">
      <c r="N226152" s="10"/>
    </row>
    <row r="226153" spans="14:14">
      <c r="N226153" s="10"/>
    </row>
    <row r="226154" spans="14:14">
      <c r="N226154" s="10"/>
    </row>
    <row r="226155" spans="14:14">
      <c r="N226155" s="10"/>
    </row>
    <row r="226156" spans="14:14">
      <c r="N226156" s="10"/>
    </row>
    <row r="226157" spans="14:14">
      <c r="N226157" s="10"/>
    </row>
    <row r="226158" spans="14:14">
      <c r="N226158" s="10"/>
    </row>
    <row r="226159" spans="14:14">
      <c r="N226159" s="10"/>
    </row>
    <row r="226160" spans="14:14">
      <c r="N226160" s="10"/>
    </row>
    <row r="226161" spans="14:14">
      <c r="N226161" s="10"/>
    </row>
    <row r="226162" spans="14:14">
      <c r="N226162" s="10"/>
    </row>
    <row r="226163" spans="14:14">
      <c r="N226163" s="10"/>
    </row>
    <row r="226164" spans="14:14">
      <c r="N226164" s="10"/>
    </row>
    <row r="226165" spans="14:14">
      <c r="N226165" s="10"/>
    </row>
    <row r="226166" spans="14:14">
      <c r="N226166" s="10"/>
    </row>
    <row r="226167" spans="14:14">
      <c r="N226167" s="10"/>
    </row>
    <row r="226168" spans="14:14">
      <c r="N226168" s="10"/>
    </row>
    <row r="226169" spans="14:14">
      <c r="N226169" s="10"/>
    </row>
    <row r="226170" spans="14:14">
      <c r="N226170" s="10"/>
    </row>
    <row r="226171" spans="14:14">
      <c r="N226171" s="10"/>
    </row>
    <row r="226172" spans="14:14">
      <c r="N226172" s="10"/>
    </row>
    <row r="226173" spans="14:14">
      <c r="N226173" s="10"/>
    </row>
    <row r="226174" spans="14:14">
      <c r="N226174" s="10"/>
    </row>
    <row r="226175" spans="14:14">
      <c r="N226175" s="10"/>
    </row>
    <row r="226176" spans="14:14">
      <c r="N226176" s="10"/>
    </row>
    <row r="226177" spans="14:14">
      <c r="N226177" s="10"/>
    </row>
    <row r="226178" spans="14:14">
      <c r="N226178" s="10"/>
    </row>
    <row r="226179" spans="14:14">
      <c r="N226179" s="10"/>
    </row>
    <row r="226180" spans="14:14">
      <c r="N226180" s="10"/>
    </row>
    <row r="226181" spans="14:14">
      <c r="N226181" s="10"/>
    </row>
    <row r="226182" spans="14:14">
      <c r="N226182" s="10"/>
    </row>
    <row r="226183" spans="14:14">
      <c r="N226183" s="10"/>
    </row>
    <row r="226184" spans="14:14">
      <c r="N226184" s="10"/>
    </row>
    <row r="226185" spans="14:14">
      <c r="N226185" s="10"/>
    </row>
    <row r="226186" spans="14:14">
      <c r="N226186" s="10"/>
    </row>
    <row r="226187" spans="14:14">
      <c r="N226187" s="10"/>
    </row>
    <row r="226188" spans="14:14">
      <c r="N226188" s="10"/>
    </row>
    <row r="226189" spans="14:14">
      <c r="N226189" s="10"/>
    </row>
    <row r="226190" spans="14:14">
      <c r="N226190" s="10"/>
    </row>
    <row r="226191" spans="14:14">
      <c r="N226191" s="10"/>
    </row>
    <row r="226192" spans="14:14">
      <c r="N226192" s="10"/>
    </row>
    <row r="226193" spans="14:14">
      <c r="N226193" s="10"/>
    </row>
    <row r="226194" spans="14:14">
      <c r="N226194" s="10"/>
    </row>
    <row r="226195" spans="14:14">
      <c r="N226195" s="10"/>
    </row>
    <row r="226196" spans="14:14">
      <c r="N226196" s="10"/>
    </row>
    <row r="226197" spans="14:14">
      <c r="N226197" s="10"/>
    </row>
    <row r="226198" spans="14:14">
      <c r="N226198" s="10"/>
    </row>
    <row r="226199" spans="14:14">
      <c r="N226199" s="10"/>
    </row>
    <row r="226200" spans="14:14">
      <c r="N226200" s="10"/>
    </row>
    <row r="226201" spans="14:14">
      <c r="N226201" s="10"/>
    </row>
    <row r="226202" spans="14:14">
      <c r="N226202" s="10"/>
    </row>
    <row r="226203" spans="14:14">
      <c r="N226203" s="10"/>
    </row>
    <row r="226204" spans="14:14">
      <c r="N226204" s="10"/>
    </row>
    <row r="226205" spans="14:14">
      <c r="N226205" s="10"/>
    </row>
    <row r="226206" spans="14:14">
      <c r="N226206" s="10"/>
    </row>
    <row r="226207" spans="14:14">
      <c r="N226207" s="10"/>
    </row>
    <row r="226208" spans="14:14">
      <c r="N226208" s="10"/>
    </row>
    <row r="226209" spans="14:14">
      <c r="N226209" s="10"/>
    </row>
    <row r="226210" spans="14:14">
      <c r="N226210" s="10"/>
    </row>
    <row r="226211" spans="14:14">
      <c r="N226211" s="10"/>
    </row>
    <row r="226212" spans="14:14">
      <c r="N226212" s="10"/>
    </row>
    <row r="226213" spans="14:14">
      <c r="N226213" s="10"/>
    </row>
    <row r="226214" spans="14:14">
      <c r="N226214" s="10"/>
    </row>
    <row r="226215" spans="14:14">
      <c r="N226215" s="10"/>
    </row>
    <row r="226216" spans="14:14">
      <c r="N226216" s="10"/>
    </row>
    <row r="226217" spans="14:14">
      <c r="N226217" s="10"/>
    </row>
    <row r="226218" spans="14:14">
      <c r="N226218" s="10"/>
    </row>
    <row r="226219" spans="14:14">
      <c r="N226219" s="10"/>
    </row>
    <row r="226220" spans="14:14">
      <c r="N226220" s="10"/>
    </row>
    <row r="226221" spans="14:14">
      <c r="N226221" s="10"/>
    </row>
    <row r="226222" spans="14:14">
      <c r="N226222" s="10"/>
    </row>
    <row r="226223" spans="14:14">
      <c r="N226223" s="10"/>
    </row>
    <row r="226224" spans="14:14">
      <c r="N226224" s="10"/>
    </row>
    <row r="226225" spans="14:14">
      <c r="N226225" s="10"/>
    </row>
    <row r="226226" spans="14:14">
      <c r="N226226" s="10"/>
    </row>
    <row r="226227" spans="14:14">
      <c r="N226227" s="10"/>
    </row>
    <row r="226228" spans="14:14">
      <c r="N226228" s="10"/>
    </row>
    <row r="226229" spans="14:14">
      <c r="N226229" s="10"/>
    </row>
    <row r="226230" spans="14:14">
      <c r="N226230" s="10"/>
    </row>
    <row r="226231" spans="14:14">
      <c r="N226231" s="10"/>
    </row>
    <row r="226232" spans="14:14">
      <c r="N226232" s="10"/>
    </row>
    <row r="226233" spans="14:14">
      <c r="N226233" s="10"/>
    </row>
    <row r="226234" spans="14:14">
      <c r="N226234" s="10"/>
    </row>
    <row r="226235" spans="14:14">
      <c r="N226235" s="10"/>
    </row>
    <row r="226236" spans="14:14">
      <c r="N226236" s="10"/>
    </row>
    <row r="226237" spans="14:14">
      <c r="N226237" s="10"/>
    </row>
    <row r="226238" spans="14:14">
      <c r="N226238" s="10"/>
    </row>
    <row r="226239" spans="14:14">
      <c r="N226239" s="10"/>
    </row>
    <row r="226240" spans="14:14">
      <c r="N226240" s="10"/>
    </row>
    <row r="226241" spans="14:14">
      <c r="N226241" s="10"/>
    </row>
    <row r="226242" spans="14:14">
      <c r="N226242" s="10"/>
    </row>
    <row r="226243" spans="14:14">
      <c r="N226243" s="10"/>
    </row>
    <row r="226244" spans="14:14">
      <c r="N226244" s="10"/>
    </row>
    <row r="226245" spans="14:14">
      <c r="N226245" s="10"/>
    </row>
    <row r="226246" spans="14:14">
      <c r="N226246" s="10"/>
    </row>
    <row r="226247" spans="14:14">
      <c r="N226247" s="10"/>
    </row>
    <row r="226248" spans="14:14">
      <c r="N226248" s="10"/>
    </row>
    <row r="226249" spans="14:14">
      <c r="N226249" s="10"/>
    </row>
    <row r="226250" spans="14:14">
      <c r="N226250" s="10"/>
    </row>
    <row r="226251" spans="14:14">
      <c r="N226251" s="10"/>
    </row>
    <row r="226252" spans="14:14">
      <c r="N226252" s="10"/>
    </row>
    <row r="226253" spans="14:14">
      <c r="N226253" s="10"/>
    </row>
    <row r="226254" spans="14:14">
      <c r="N226254" s="10"/>
    </row>
    <row r="226255" spans="14:14">
      <c r="N226255" s="10"/>
    </row>
    <row r="226256" spans="14:14">
      <c r="N226256" s="10"/>
    </row>
    <row r="226257" spans="14:14">
      <c r="N226257" s="10"/>
    </row>
    <row r="226258" spans="14:14">
      <c r="N226258" s="10"/>
    </row>
    <row r="226259" spans="14:14">
      <c r="N226259" s="10"/>
    </row>
    <row r="226260" spans="14:14">
      <c r="N226260" s="10"/>
    </row>
    <row r="226261" spans="14:14">
      <c r="N226261" s="10"/>
    </row>
    <row r="226262" spans="14:14">
      <c r="N226262" s="10"/>
    </row>
    <row r="226263" spans="14:14">
      <c r="N226263" s="10"/>
    </row>
    <row r="226264" spans="14:14">
      <c r="N226264" s="10"/>
    </row>
    <row r="226265" spans="14:14">
      <c r="N226265" s="10"/>
    </row>
    <row r="226266" spans="14:14">
      <c r="N226266" s="10"/>
    </row>
    <row r="226267" spans="14:14">
      <c r="N226267" s="10"/>
    </row>
    <row r="226268" spans="14:14">
      <c r="N226268" s="10"/>
    </row>
    <row r="226269" spans="14:14">
      <c r="N226269" s="10"/>
    </row>
    <row r="226270" spans="14:14">
      <c r="N226270" s="10"/>
    </row>
    <row r="226271" spans="14:14">
      <c r="N226271" s="10"/>
    </row>
    <row r="226272" spans="14:14">
      <c r="N226272" s="10"/>
    </row>
    <row r="226273" spans="14:14">
      <c r="N226273" s="10"/>
    </row>
    <row r="226274" spans="14:14">
      <c r="N226274" s="10"/>
    </row>
    <row r="226275" spans="14:14">
      <c r="N226275" s="10"/>
    </row>
    <row r="226276" spans="14:14">
      <c r="N226276" s="10"/>
    </row>
    <row r="226277" spans="14:14">
      <c r="N226277" s="10"/>
    </row>
    <row r="226278" spans="14:14">
      <c r="N226278" s="10"/>
    </row>
    <row r="226279" spans="14:14">
      <c r="N226279" s="10"/>
    </row>
    <row r="226280" spans="14:14">
      <c r="N226280" s="10"/>
    </row>
    <row r="226281" spans="14:14">
      <c r="N226281" s="10"/>
    </row>
    <row r="226282" spans="14:14">
      <c r="N226282" s="10"/>
    </row>
    <row r="226283" spans="14:14">
      <c r="N226283" s="10"/>
    </row>
    <row r="226284" spans="14:14">
      <c r="N226284" s="10"/>
    </row>
    <row r="226285" spans="14:14">
      <c r="N226285" s="10"/>
    </row>
    <row r="226286" spans="14:14">
      <c r="N226286" s="10"/>
    </row>
    <row r="226287" spans="14:14">
      <c r="N226287" s="10"/>
    </row>
    <row r="226288" spans="14:14">
      <c r="N226288" s="10"/>
    </row>
    <row r="226289" spans="14:14">
      <c r="N226289" s="10"/>
    </row>
    <row r="226290" spans="14:14">
      <c r="N226290" s="10"/>
    </row>
    <row r="226291" spans="14:14">
      <c r="N226291" s="10"/>
    </row>
    <row r="226292" spans="14:14">
      <c r="N226292" s="10"/>
    </row>
    <row r="226293" spans="14:14">
      <c r="N226293" s="10"/>
    </row>
    <row r="226294" spans="14:14">
      <c r="N226294" s="10"/>
    </row>
    <row r="226295" spans="14:14">
      <c r="N226295" s="10"/>
    </row>
    <row r="226296" spans="14:14">
      <c r="N226296" s="10"/>
    </row>
    <row r="226297" spans="14:14">
      <c r="N226297" s="10"/>
    </row>
    <row r="226298" spans="14:14">
      <c r="N226298" s="10"/>
    </row>
    <row r="226299" spans="14:14">
      <c r="N226299" s="10"/>
    </row>
    <row r="226300" spans="14:14">
      <c r="N226300" s="10"/>
    </row>
    <row r="226301" spans="14:14">
      <c r="N226301" s="10"/>
    </row>
    <row r="226302" spans="14:14">
      <c r="N226302" s="10"/>
    </row>
    <row r="226303" spans="14:14">
      <c r="N226303" s="10"/>
    </row>
    <row r="226304" spans="14:14">
      <c r="N226304" s="10"/>
    </row>
    <row r="226305" spans="14:14">
      <c r="N226305" s="10"/>
    </row>
    <row r="226306" spans="14:14">
      <c r="N226306" s="10"/>
    </row>
    <row r="226307" spans="14:14">
      <c r="N226307" s="10"/>
    </row>
    <row r="226308" spans="14:14">
      <c r="N226308" s="10"/>
    </row>
    <row r="226309" spans="14:14">
      <c r="N226309" s="10"/>
    </row>
    <row r="226310" spans="14:14">
      <c r="N226310" s="10"/>
    </row>
    <row r="226311" spans="14:14">
      <c r="N226311" s="10"/>
    </row>
    <row r="226312" spans="14:14">
      <c r="N226312" s="10"/>
    </row>
    <row r="226313" spans="14:14">
      <c r="N226313" s="10"/>
    </row>
    <row r="226314" spans="14:14">
      <c r="N226314" s="10"/>
    </row>
    <row r="226315" spans="14:14">
      <c r="N226315" s="10"/>
    </row>
    <row r="226316" spans="14:14">
      <c r="N226316" s="10"/>
    </row>
    <row r="226317" spans="14:14">
      <c r="N226317" s="10"/>
    </row>
    <row r="226318" spans="14:14">
      <c r="N226318" s="10"/>
    </row>
    <row r="226319" spans="14:14">
      <c r="N226319" s="10"/>
    </row>
    <row r="226320" spans="14:14">
      <c r="N226320" s="10"/>
    </row>
    <row r="226321" spans="14:14">
      <c r="N226321" s="10"/>
    </row>
    <row r="226322" spans="14:14">
      <c r="N226322" s="10"/>
    </row>
    <row r="226323" spans="14:14">
      <c r="N226323" s="10"/>
    </row>
    <row r="226324" spans="14:14">
      <c r="N226324" s="10"/>
    </row>
    <row r="226325" spans="14:14">
      <c r="N226325" s="10"/>
    </row>
    <row r="226326" spans="14:14">
      <c r="N226326" s="10"/>
    </row>
    <row r="226327" spans="14:14">
      <c r="N226327" s="10"/>
    </row>
    <row r="226328" spans="14:14">
      <c r="N226328" s="10"/>
    </row>
    <row r="226329" spans="14:14">
      <c r="N226329" s="10"/>
    </row>
    <row r="226330" spans="14:14">
      <c r="N226330" s="10"/>
    </row>
    <row r="226331" spans="14:14">
      <c r="N226331" s="10"/>
    </row>
    <row r="226332" spans="14:14">
      <c r="N226332" s="10"/>
    </row>
    <row r="226333" spans="14:14">
      <c r="N226333" s="10"/>
    </row>
    <row r="226334" spans="14:14">
      <c r="N226334" s="10"/>
    </row>
    <row r="226335" spans="14:14">
      <c r="N226335" s="10"/>
    </row>
    <row r="226336" spans="14:14">
      <c r="N226336" s="10"/>
    </row>
    <row r="226337" spans="14:14">
      <c r="N226337" s="10"/>
    </row>
    <row r="226338" spans="14:14">
      <c r="N226338" s="10"/>
    </row>
    <row r="226339" spans="14:14">
      <c r="N226339" s="10"/>
    </row>
    <row r="226340" spans="14:14">
      <c r="N226340" s="10"/>
    </row>
    <row r="226341" spans="14:14">
      <c r="N226341" s="10"/>
    </row>
    <row r="226342" spans="14:14">
      <c r="N226342" s="10"/>
    </row>
    <row r="226343" spans="14:14">
      <c r="N226343" s="10"/>
    </row>
    <row r="226344" spans="14:14">
      <c r="N226344" s="10"/>
    </row>
    <row r="226345" spans="14:14">
      <c r="N226345" s="10"/>
    </row>
    <row r="226346" spans="14:14">
      <c r="N226346" s="10"/>
    </row>
    <row r="226347" spans="14:14">
      <c r="N226347" s="10"/>
    </row>
    <row r="226348" spans="14:14">
      <c r="N226348" s="10"/>
    </row>
    <row r="226349" spans="14:14">
      <c r="N226349" s="10"/>
    </row>
    <row r="226350" spans="14:14">
      <c r="N226350" s="10"/>
    </row>
    <row r="226351" spans="14:14">
      <c r="N226351" s="10"/>
    </row>
    <row r="226352" spans="14:14">
      <c r="N226352" s="10"/>
    </row>
    <row r="226353" spans="14:14">
      <c r="N226353" s="10"/>
    </row>
    <row r="226354" spans="14:14">
      <c r="N226354" s="10"/>
    </row>
    <row r="226355" spans="14:14">
      <c r="N226355" s="10"/>
    </row>
    <row r="226356" spans="14:14">
      <c r="N226356" s="10"/>
    </row>
    <row r="226357" spans="14:14">
      <c r="N226357" s="10"/>
    </row>
    <row r="226358" spans="14:14">
      <c r="N226358" s="10"/>
    </row>
    <row r="226359" spans="14:14">
      <c r="N226359" s="10"/>
    </row>
    <row r="226360" spans="14:14">
      <c r="N226360" s="10"/>
    </row>
    <row r="226361" spans="14:14">
      <c r="N226361" s="10"/>
    </row>
    <row r="226362" spans="14:14">
      <c r="N226362" s="10"/>
    </row>
    <row r="226363" spans="14:14">
      <c r="N226363" s="10"/>
    </row>
    <row r="226364" spans="14:14">
      <c r="N226364" s="10"/>
    </row>
    <row r="226365" spans="14:14">
      <c r="N226365" s="10"/>
    </row>
    <row r="226366" spans="14:14">
      <c r="N226366" s="10"/>
    </row>
    <row r="226367" spans="14:14">
      <c r="N226367" s="10"/>
    </row>
    <row r="226368" spans="14:14">
      <c r="N226368" s="10"/>
    </row>
    <row r="226369" spans="14:14">
      <c r="N226369" s="10"/>
    </row>
    <row r="226370" spans="14:14">
      <c r="N226370" s="10"/>
    </row>
    <row r="226371" spans="14:14">
      <c r="N226371" s="10"/>
    </row>
    <row r="226372" spans="14:14">
      <c r="N226372" s="10"/>
    </row>
    <row r="226373" spans="14:14">
      <c r="N226373" s="10"/>
    </row>
    <row r="226374" spans="14:14">
      <c r="N226374" s="10"/>
    </row>
    <row r="226375" spans="14:14">
      <c r="N226375" s="10"/>
    </row>
    <row r="226376" spans="14:14">
      <c r="N226376" s="10"/>
    </row>
    <row r="226377" spans="14:14">
      <c r="N226377" s="10"/>
    </row>
    <row r="226378" spans="14:14">
      <c r="N226378" s="10"/>
    </row>
    <row r="226379" spans="14:14">
      <c r="N226379" s="10"/>
    </row>
    <row r="226380" spans="14:14">
      <c r="N226380" s="10"/>
    </row>
    <row r="226381" spans="14:14">
      <c r="N226381" s="10"/>
    </row>
    <row r="226382" spans="14:14">
      <c r="N226382" s="10"/>
    </row>
    <row r="226383" spans="14:14">
      <c r="N226383" s="10"/>
    </row>
    <row r="226384" spans="14:14">
      <c r="N226384" s="10"/>
    </row>
    <row r="226385" spans="14:14">
      <c r="N226385" s="10"/>
    </row>
    <row r="226386" spans="14:14">
      <c r="N226386" s="10"/>
    </row>
    <row r="226387" spans="14:14">
      <c r="N226387" s="10"/>
    </row>
    <row r="226388" spans="14:14">
      <c r="N226388" s="10"/>
    </row>
    <row r="226389" spans="14:14">
      <c r="N226389" s="10"/>
    </row>
    <row r="226390" spans="14:14">
      <c r="N226390" s="10"/>
    </row>
    <row r="226391" spans="14:14">
      <c r="N226391" s="10"/>
    </row>
    <row r="226392" spans="14:14">
      <c r="N226392" s="10"/>
    </row>
    <row r="226393" spans="14:14">
      <c r="N226393" s="10"/>
    </row>
    <row r="226394" spans="14:14">
      <c r="N226394" s="10"/>
    </row>
    <row r="226395" spans="14:14">
      <c r="N226395" s="10"/>
    </row>
    <row r="226396" spans="14:14">
      <c r="N226396" s="10"/>
    </row>
    <row r="226397" spans="14:14">
      <c r="N226397" s="10"/>
    </row>
    <row r="226398" spans="14:14">
      <c r="N226398" s="10"/>
    </row>
    <row r="226399" spans="14:14">
      <c r="N226399" s="10"/>
    </row>
    <row r="226400" spans="14:14">
      <c r="N226400" s="10"/>
    </row>
    <row r="226401" spans="14:14">
      <c r="N226401" s="10"/>
    </row>
    <row r="226402" spans="14:14">
      <c r="N226402" s="10"/>
    </row>
    <row r="226403" spans="14:14">
      <c r="N226403" s="10"/>
    </row>
    <row r="226404" spans="14:14">
      <c r="N226404" s="10"/>
    </row>
    <row r="226405" spans="14:14">
      <c r="N226405" s="10"/>
    </row>
    <row r="226406" spans="14:14">
      <c r="N226406" s="10"/>
    </row>
    <row r="226407" spans="14:14">
      <c r="N226407" s="10"/>
    </row>
    <row r="226408" spans="14:14">
      <c r="N226408" s="10"/>
    </row>
    <row r="226409" spans="14:14">
      <c r="N226409" s="10"/>
    </row>
    <row r="226410" spans="14:14">
      <c r="N226410" s="10"/>
    </row>
    <row r="226411" spans="14:14">
      <c r="N226411" s="10"/>
    </row>
    <row r="226412" spans="14:14">
      <c r="N226412" s="10"/>
    </row>
    <row r="226413" spans="14:14">
      <c r="N226413" s="10"/>
    </row>
    <row r="226414" spans="14:14">
      <c r="N226414" s="10"/>
    </row>
    <row r="226415" spans="14:14">
      <c r="N226415" s="10"/>
    </row>
    <row r="226416" spans="14:14">
      <c r="N226416" s="10"/>
    </row>
    <row r="226417" spans="14:14">
      <c r="N226417" s="10"/>
    </row>
    <row r="226418" spans="14:14">
      <c r="N226418" s="10"/>
    </row>
    <row r="226419" spans="14:14">
      <c r="N226419" s="10"/>
    </row>
    <row r="226420" spans="14:14">
      <c r="N226420" s="10"/>
    </row>
    <row r="226421" spans="14:14">
      <c r="N226421" s="10"/>
    </row>
    <row r="226422" spans="14:14">
      <c r="N226422" s="10"/>
    </row>
    <row r="226423" spans="14:14">
      <c r="N226423" s="10"/>
    </row>
    <row r="226424" spans="14:14">
      <c r="N226424" s="10"/>
    </row>
    <row r="226425" spans="14:14">
      <c r="N226425" s="10"/>
    </row>
    <row r="226426" spans="14:14">
      <c r="N226426" s="10"/>
    </row>
    <row r="226427" spans="14:14">
      <c r="N226427" s="10"/>
    </row>
    <row r="226428" spans="14:14">
      <c r="N226428" s="10"/>
    </row>
    <row r="226429" spans="14:14">
      <c r="N226429" s="10"/>
    </row>
    <row r="226430" spans="14:14">
      <c r="N226430" s="10"/>
    </row>
    <row r="226431" spans="14:14">
      <c r="N226431" s="10"/>
    </row>
    <row r="226432" spans="14:14">
      <c r="N226432" s="10"/>
    </row>
    <row r="226433" spans="14:14">
      <c r="N226433" s="10"/>
    </row>
    <row r="226434" spans="14:14">
      <c r="N226434" s="10"/>
    </row>
    <row r="226435" spans="14:14">
      <c r="N226435" s="10"/>
    </row>
    <row r="226436" spans="14:14">
      <c r="N226436" s="10"/>
    </row>
    <row r="226437" spans="14:14">
      <c r="N226437" s="10"/>
    </row>
    <row r="226438" spans="14:14">
      <c r="N226438" s="10"/>
    </row>
    <row r="226439" spans="14:14">
      <c r="N226439" s="10"/>
    </row>
    <row r="226440" spans="14:14">
      <c r="N226440" s="10"/>
    </row>
    <row r="226441" spans="14:14">
      <c r="N226441" s="10"/>
    </row>
    <row r="226442" spans="14:14">
      <c r="N226442" s="10"/>
    </row>
    <row r="226443" spans="14:14">
      <c r="N226443" s="10"/>
    </row>
    <row r="226444" spans="14:14">
      <c r="N226444" s="10"/>
    </row>
    <row r="226445" spans="14:14">
      <c r="N226445" s="10"/>
    </row>
    <row r="226446" spans="14:14">
      <c r="N226446" s="10"/>
    </row>
    <row r="226447" spans="14:14">
      <c r="N226447" s="10"/>
    </row>
    <row r="226448" spans="14:14">
      <c r="N226448" s="10"/>
    </row>
    <row r="226449" spans="14:14">
      <c r="N226449" s="10"/>
    </row>
    <row r="226450" spans="14:14">
      <c r="N226450" s="10"/>
    </row>
    <row r="226451" spans="14:14">
      <c r="N226451" s="10"/>
    </row>
    <row r="226452" spans="14:14">
      <c r="N226452" s="10"/>
    </row>
    <row r="226453" spans="14:14">
      <c r="N226453" s="10"/>
    </row>
    <row r="226454" spans="14:14">
      <c r="N226454" s="10"/>
    </row>
    <row r="226455" spans="14:14">
      <c r="N226455" s="10"/>
    </row>
    <row r="226456" spans="14:14">
      <c r="N226456" s="10"/>
    </row>
    <row r="226457" spans="14:14">
      <c r="N226457" s="10"/>
    </row>
    <row r="226458" spans="14:14">
      <c r="N226458" s="10"/>
    </row>
    <row r="226459" spans="14:14">
      <c r="N226459" s="10"/>
    </row>
    <row r="226460" spans="14:14">
      <c r="N226460" s="10"/>
    </row>
    <row r="226461" spans="14:14">
      <c r="N226461" s="10"/>
    </row>
    <row r="226462" spans="14:14">
      <c r="N226462" s="10"/>
    </row>
    <row r="226463" spans="14:14">
      <c r="N226463" s="10"/>
    </row>
    <row r="226464" spans="14:14">
      <c r="N226464" s="10"/>
    </row>
    <row r="226465" spans="14:14">
      <c r="N226465" s="10"/>
    </row>
    <row r="226466" spans="14:14">
      <c r="N226466" s="10"/>
    </row>
    <row r="226467" spans="14:14">
      <c r="N226467" s="10"/>
    </row>
    <row r="226468" spans="14:14">
      <c r="N226468" s="10"/>
    </row>
    <row r="226469" spans="14:14">
      <c r="N226469" s="10"/>
    </row>
    <row r="226470" spans="14:14">
      <c r="N226470" s="10"/>
    </row>
    <row r="226471" spans="14:14">
      <c r="N226471" s="10"/>
    </row>
    <row r="226472" spans="14:14">
      <c r="N226472" s="10"/>
    </row>
    <row r="226473" spans="14:14">
      <c r="N226473" s="10"/>
    </row>
    <row r="226474" spans="14:14">
      <c r="N226474" s="10"/>
    </row>
    <row r="226475" spans="14:14">
      <c r="N226475" s="10"/>
    </row>
    <row r="226476" spans="14:14">
      <c r="N226476" s="10"/>
    </row>
    <row r="226477" spans="14:14">
      <c r="N226477" s="10"/>
    </row>
    <row r="226478" spans="14:14">
      <c r="N226478" s="10"/>
    </row>
    <row r="226479" spans="14:14">
      <c r="N226479" s="10"/>
    </row>
    <row r="226480" spans="14:14">
      <c r="N226480" s="10"/>
    </row>
    <row r="226481" spans="14:14">
      <c r="N226481" s="10"/>
    </row>
    <row r="226482" spans="14:14">
      <c r="N226482" s="10"/>
    </row>
    <row r="226483" spans="14:14">
      <c r="N226483" s="10"/>
    </row>
    <row r="226484" spans="14:14">
      <c r="N226484" s="10"/>
    </row>
    <row r="226485" spans="14:14">
      <c r="N226485" s="10"/>
    </row>
    <row r="226486" spans="14:14">
      <c r="N226486" s="10"/>
    </row>
    <row r="226487" spans="14:14">
      <c r="N226487" s="10"/>
    </row>
    <row r="226488" spans="14:14">
      <c r="N226488" s="10"/>
    </row>
    <row r="226489" spans="14:14">
      <c r="N226489" s="10"/>
    </row>
    <row r="226490" spans="14:14">
      <c r="N226490" s="10"/>
    </row>
    <row r="226491" spans="14:14">
      <c r="N226491" s="10"/>
    </row>
    <row r="226492" spans="14:14">
      <c r="N226492" s="10"/>
    </row>
    <row r="226493" spans="14:14">
      <c r="N226493" s="10"/>
    </row>
    <row r="226494" spans="14:14">
      <c r="N226494" s="10"/>
    </row>
    <row r="226495" spans="14:14">
      <c r="N226495" s="10"/>
    </row>
    <row r="226496" spans="14:14">
      <c r="N226496" s="10"/>
    </row>
    <row r="226497" spans="14:14">
      <c r="N226497" s="10"/>
    </row>
    <row r="226498" spans="14:14">
      <c r="N226498" s="10"/>
    </row>
    <row r="226499" spans="14:14">
      <c r="N226499" s="10"/>
    </row>
    <row r="226500" spans="14:14">
      <c r="N226500" s="10"/>
    </row>
    <row r="226501" spans="14:14">
      <c r="N226501" s="10"/>
    </row>
    <row r="226502" spans="14:14">
      <c r="N226502" s="10"/>
    </row>
    <row r="226503" spans="14:14">
      <c r="N226503" s="10"/>
    </row>
    <row r="226504" spans="14:14">
      <c r="N226504" s="10"/>
    </row>
    <row r="226505" spans="14:14">
      <c r="N226505" s="10"/>
    </row>
    <row r="226506" spans="14:14">
      <c r="N226506" s="10"/>
    </row>
    <row r="226507" spans="14:14">
      <c r="N226507" s="10"/>
    </row>
    <row r="226508" spans="14:14">
      <c r="N226508" s="10"/>
    </row>
    <row r="226509" spans="14:14">
      <c r="N226509" s="10"/>
    </row>
    <row r="226510" spans="14:14">
      <c r="N226510" s="10"/>
    </row>
    <row r="226511" spans="14:14">
      <c r="N226511" s="10"/>
    </row>
    <row r="226512" spans="14:14">
      <c r="N226512" s="10"/>
    </row>
    <row r="226513" spans="14:14">
      <c r="N226513" s="10"/>
    </row>
    <row r="226514" spans="14:14">
      <c r="N226514" s="10"/>
    </row>
    <row r="226515" spans="14:14">
      <c r="N226515" s="10"/>
    </row>
    <row r="226516" spans="14:14">
      <c r="N226516" s="10"/>
    </row>
    <row r="226517" spans="14:14">
      <c r="N226517" s="10"/>
    </row>
    <row r="226518" spans="14:14">
      <c r="N226518" s="10"/>
    </row>
    <row r="226519" spans="14:14">
      <c r="N226519" s="10"/>
    </row>
    <row r="226520" spans="14:14">
      <c r="N226520" s="10"/>
    </row>
    <row r="226521" spans="14:14">
      <c r="N226521" s="10"/>
    </row>
    <row r="226522" spans="14:14">
      <c r="N226522" s="10"/>
    </row>
    <row r="226523" spans="14:14">
      <c r="N226523" s="10"/>
    </row>
    <row r="226524" spans="14:14">
      <c r="N226524" s="10"/>
    </row>
    <row r="226525" spans="14:14">
      <c r="N226525" s="10"/>
    </row>
    <row r="226526" spans="14:14">
      <c r="N226526" s="10"/>
    </row>
    <row r="226527" spans="14:14">
      <c r="N226527" s="10"/>
    </row>
    <row r="226528" spans="14:14">
      <c r="N226528" s="10"/>
    </row>
    <row r="226529" spans="14:14">
      <c r="N226529" s="10"/>
    </row>
    <row r="226530" spans="14:14">
      <c r="N226530" s="10"/>
    </row>
    <row r="226531" spans="14:14">
      <c r="N226531" s="10"/>
    </row>
    <row r="226532" spans="14:14">
      <c r="N226532" s="10"/>
    </row>
    <row r="226533" spans="14:14">
      <c r="N226533" s="10"/>
    </row>
    <row r="226534" spans="14:14">
      <c r="N226534" s="10"/>
    </row>
    <row r="226535" spans="14:14">
      <c r="N226535" s="10"/>
    </row>
    <row r="226536" spans="14:14">
      <c r="N226536" s="10"/>
    </row>
    <row r="226537" spans="14:14">
      <c r="N226537" s="10"/>
    </row>
    <row r="226538" spans="14:14">
      <c r="N226538" s="10"/>
    </row>
    <row r="226539" spans="14:14">
      <c r="N226539" s="10"/>
    </row>
    <row r="226540" spans="14:14">
      <c r="N226540" s="10"/>
    </row>
    <row r="226541" spans="14:14">
      <c r="N226541" s="10"/>
    </row>
    <row r="226542" spans="14:14">
      <c r="N226542" s="10"/>
    </row>
    <row r="226543" spans="14:14">
      <c r="N226543" s="10"/>
    </row>
    <row r="226544" spans="14:14">
      <c r="N226544" s="10"/>
    </row>
    <row r="226545" spans="14:14">
      <c r="N226545" s="10"/>
    </row>
    <row r="226546" spans="14:14">
      <c r="N226546" s="10"/>
    </row>
    <row r="226547" spans="14:14">
      <c r="N226547" s="10"/>
    </row>
    <row r="226548" spans="14:14">
      <c r="N226548" s="10"/>
    </row>
    <row r="226549" spans="14:14">
      <c r="N226549" s="10"/>
    </row>
    <row r="226550" spans="14:14">
      <c r="N226550" s="10"/>
    </row>
    <row r="226551" spans="14:14">
      <c r="N226551" s="10"/>
    </row>
    <row r="226552" spans="14:14">
      <c r="N226552" s="10"/>
    </row>
    <row r="226553" spans="14:14">
      <c r="N226553" s="10"/>
    </row>
    <row r="226554" spans="14:14">
      <c r="N226554" s="10"/>
    </row>
    <row r="226555" spans="14:14">
      <c r="N226555" s="10"/>
    </row>
    <row r="226556" spans="14:14">
      <c r="N226556" s="10"/>
    </row>
    <row r="226557" spans="14:14">
      <c r="N226557" s="10"/>
    </row>
    <row r="226558" spans="14:14">
      <c r="N226558" s="10"/>
    </row>
    <row r="226559" spans="14:14">
      <c r="N226559" s="10"/>
    </row>
    <row r="226560" spans="14:14">
      <c r="N226560" s="10"/>
    </row>
    <row r="226561" spans="14:14">
      <c r="N226561" s="10"/>
    </row>
    <row r="226562" spans="14:14">
      <c r="N226562" s="10"/>
    </row>
    <row r="226563" spans="14:14">
      <c r="N226563" s="10"/>
    </row>
    <row r="226564" spans="14:14">
      <c r="N226564" s="10"/>
    </row>
    <row r="226565" spans="14:14">
      <c r="N226565" s="10"/>
    </row>
    <row r="226566" spans="14:14">
      <c r="N226566" s="10"/>
    </row>
    <row r="226567" spans="14:14">
      <c r="N226567" s="10"/>
    </row>
    <row r="226568" spans="14:14">
      <c r="N226568" s="10"/>
    </row>
    <row r="226569" spans="14:14">
      <c r="N226569" s="10"/>
    </row>
    <row r="226570" spans="14:14">
      <c r="N226570" s="10"/>
    </row>
    <row r="226571" spans="14:14">
      <c r="N226571" s="10"/>
    </row>
    <row r="226572" spans="14:14">
      <c r="N226572" s="10"/>
    </row>
    <row r="226573" spans="14:14">
      <c r="N226573" s="10"/>
    </row>
    <row r="226574" spans="14:14">
      <c r="N226574" s="10"/>
    </row>
    <row r="226575" spans="14:14">
      <c r="N226575" s="10"/>
    </row>
    <row r="226576" spans="14:14">
      <c r="N226576" s="10"/>
    </row>
    <row r="226577" spans="14:14">
      <c r="N226577" s="10"/>
    </row>
    <row r="226578" spans="14:14">
      <c r="N226578" s="10"/>
    </row>
    <row r="226579" spans="14:14">
      <c r="N226579" s="10"/>
    </row>
    <row r="226580" spans="14:14">
      <c r="N226580" s="10"/>
    </row>
    <row r="226581" spans="14:14">
      <c r="N226581" s="10"/>
    </row>
    <row r="226582" spans="14:14">
      <c r="N226582" s="10"/>
    </row>
    <row r="226583" spans="14:14">
      <c r="N226583" s="10"/>
    </row>
    <row r="226584" spans="14:14">
      <c r="N226584" s="10"/>
    </row>
    <row r="226585" spans="14:14">
      <c r="N226585" s="10"/>
    </row>
    <row r="226586" spans="14:14">
      <c r="N226586" s="10"/>
    </row>
    <row r="226587" spans="14:14">
      <c r="N226587" s="10"/>
    </row>
    <row r="226588" spans="14:14">
      <c r="N226588" s="10"/>
    </row>
    <row r="226589" spans="14:14">
      <c r="N226589" s="10"/>
    </row>
    <row r="226590" spans="14:14">
      <c r="N226590" s="10"/>
    </row>
    <row r="226591" spans="14:14">
      <c r="N226591" s="10"/>
    </row>
    <row r="226592" spans="14:14">
      <c r="N226592" s="10"/>
    </row>
    <row r="226593" spans="14:14">
      <c r="N226593" s="10"/>
    </row>
    <row r="226594" spans="14:14">
      <c r="N226594" s="10"/>
    </row>
    <row r="226595" spans="14:14">
      <c r="N226595" s="10"/>
    </row>
    <row r="226596" spans="14:14">
      <c r="N226596" s="10"/>
    </row>
    <row r="226597" spans="14:14">
      <c r="N226597" s="10"/>
    </row>
    <row r="226598" spans="14:14">
      <c r="N226598" s="10"/>
    </row>
    <row r="226599" spans="14:14">
      <c r="N226599" s="10"/>
    </row>
    <row r="226600" spans="14:14">
      <c r="N226600" s="10"/>
    </row>
    <row r="226601" spans="14:14">
      <c r="N226601" s="10"/>
    </row>
    <row r="226602" spans="14:14">
      <c r="N226602" s="10"/>
    </row>
    <row r="226603" spans="14:14">
      <c r="N226603" s="10"/>
    </row>
    <row r="226604" spans="14:14">
      <c r="N226604" s="10"/>
    </row>
    <row r="226605" spans="14:14">
      <c r="N226605" s="10"/>
    </row>
    <row r="226606" spans="14:14">
      <c r="N226606" s="10"/>
    </row>
    <row r="226607" spans="14:14">
      <c r="N226607" s="10"/>
    </row>
    <row r="226608" spans="14:14">
      <c r="N226608" s="10"/>
    </row>
    <row r="226609" spans="14:14">
      <c r="N226609" s="10"/>
    </row>
    <row r="226610" spans="14:14">
      <c r="N226610" s="10"/>
    </row>
    <row r="226611" spans="14:14">
      <c r="N226611" s="10"/>
    </row>
    <row r="226612" spans="14:14">
      <c r="N226612" s="10"/>
    </row>
    <row r="226613" spans="14:14">
      <c r="N226613" s="10"/>
    </row>
    <row r="226614" spans="14:14">
      <c r="N226614" s="10"/>
    </row>
    <row r="226615" spans="14:14">
      <c r="N226615" s="10"/>
    </row>
    <row r="226616" spans="14:14">
      <c r="N226616" s="10"/>
    </row>
    <row r="226617" spans="14:14">
      <c r="N226617" s="10"/>
    </row>
    <row r="226618" spans="14:14">
      <c r="N226618" s="10"/>
    </row>
    <row r="226619" spans="14:14">
      <c r="N226619" s="10"/>
    </row>
    <row r="226620" spans="14:14">
      <c r="N226620" s="10"/>
    </row>
    <row r="226621" spans="14:14">
      <c r="N226621" s="10"/>
    </row>
    <row r="226622" spans="14:14">
      <c r="N226622" s="10"/>
    </row>
    <row r="226623" spans="14:14">
      <c r="N226623" s="10"/>
    </row>
    <row r="226624" spans="14:14">
      <c r="N226624" s="10"/>
    </row>
    <row r="226625" spans="14:14">
      <c r="N226625" s="10"/>
    </row>
    <row r="226626" spans="14:14">
      <c r="N226626" s="10"/>
    </row>
    <row r="226627" spans="14:14">
      <c r="N226627" s="10"/>
    </row>
    <row r="226628" spans="14:14">
      <c r="N226628" s="10"/>
    </row>
    <row r="226629" spans="14:14">
      <c r="N226629" s="10"/>
    </row>
    <row r="226630" spans="14:14">
      <c r="N226630" s="10"/>
    </row>
    <row r="226631" spans="14:14">
      <c r="N226631" s="10"/>
    </row>
    <row r="226632" spans="14:14">
      <c r="N226632" s="10"/>
    </row>
    <row r="226633" spans="14:14">
      <c r="N226633" s="10"/>
    </row>
    <row r="226634" spans="14:14">
      <c r="N226634" s="10"/>
    </row>
    <row r="226635" spans="14:14">
      <c r="N226635" s="10"/>
    </row>
    <row r="226636" spans="14:14">
      <c r="N226636" s="10"/>
    </row>
    <row r="226637" spans="14:14">
      <c r="N226637" s="10"/>
    </row>
    <row r="226638" spans="14:14">
      <c r="N226638" s="10"/>
    </row>
    <row r="226639" spans="14:14">
      <c r="N226639" s="10"/>
    </row>
    <row r="226640" spans="14:14">
      <c r="N226640" s="10"/>
    </row>
    <row r="226641" spans="14:14">
      <c r="N226641" s="10"/>
    </row>
    <row r="226642" spans="14:14">
      <c r="N226642" s="10"/>
    </row>
    <row r="226643" spans="14:14">
      <c r="N226643" s="10"/>
    </row>
    <row r="226644" spans="14:14">
      <c r="N226644" s="10"/>
    </row>
    <row r="226645" spans="14:14">
      <c r="N226645" s="10"/>
    </row>
    <row r="226646" spans="14:14">
      <c r="N226646" s="10"/>
    </row>
    <row r="226647" spans="14:14">
      <c r="N226647" s="10"/>
    </row>
    <row r="226648" spans="14:14">
      <c r="N226648" s="10"/>
    </row>
    <row r="226649" spans="14:14">
      <c r="N226649" s="10"/>
    </row>
    <row r="226650" spans="14:14">
      <c r="N226650" s="10"/>
    </row>
    <row r="226651" spans="14:14">
      <c r="N226651" s="10"/>
    </row>
    <row r="226652" spans="14:14">
      <c r="N226652" s="10"/>
    </row>
    <row r="226653" spans="14:14">
      <c r="N226653" s="10"/>
    </row>
    <row r="226654" spans="14:14">
      <c r="N226654" s="10"/>
    </row>
    <row r="226655" spans="14:14">
      <c r="N226655" s="10"/>
    </row>
    <row r="226656" spans="14:14">
      <c r="N226656" s="10"/>
    </row>
    <row r="226657" spans="14:14">
      <c r="N226657" s="10"/>
    </row>
    <row r="226658" spans="14:14">
      <c r="N226658" s="10"/>
    </row>
    <row r="226659" spans="14:14">
      <c r="N226659" s="10"/>
    </row>
    <row r="226660" spans="14:14">
      <c r="N226660" s="10"/>
    </row>
    <row r="226661" spans="14:14">
      <c r="N226661" s="10"/>
    </row>
    <row r="226662" spans="14:14">
      <c r="N226662" s="10"/>
    </row>
    <row r="226663" spans="14:14">
      <c r="N226663" s="10"/>
    </row>
    <row r="226664" spans="14:14">
      <c r="N226664" s="10"/>
    </row>
    <row r="226665" spans="14:14">
      <c r="N226665" s="10"/>
    </row>
    <row r="226666" spans="14:14">
      <c r="N226666" s="10"/>
    </row>
    <row r="226667" spans="14:14">
      <c r="N226667" s="10"/>
    </row>
    <row r="226668" spans="14:14">
      <c r="N226668" s="10"/>
    </row>
    <row r="226669" spans="14:14">
      <c r="N226669" s="10"/>
    </row>
    <row r="226670" spans="14:14">
      <c r="N226670" s="10"/>
    </row>
    <row r="226671" spans="14:14">
      <c r="N226671" s="10"/>
    </row>
    <row r="226672" spans="14:14">
      <c r="N226672" s="10"/>
    </row>
    <row r="226673" spans="14:14">
      <c r="N226673" s="10"/>
    </row>
    <row r="226674" spans="14:14">
      <c r="N226674" s="10"/>
    </row>
    <row r="226675" spans="14:14">
      <c r="N226675" s="10"/>
    </row>
    <row r="226676" spans="14:14">
      <c r="N226676" s="10"/>
    </row>
    <row r="226677" spans="14:14">
      <c r="N226677" s="10"/>
    </row>
    <row r="226678" spans="14:14">
      <c r="N226678" s="10"/>
    </row>
    <row r="226679" spans="14:14">
      <c r="N226679" s="10"/>
    </row>
    <row r="226680" spans="14:14">
      <c r="N226680" s="10"/>
    </row>
    <row r="226681" spans="14:14">
      <c r="N226681" s="10"/>
    </row>
    <row r="226682" spans="14:14">
      <c r="N226682" s="10"/>
    </row>
    <row r="226683" spans="14:14">
      <c r="N226683" s="10"/>
    </row>
    <row r="226684" spans="14:14">
      <c r="N226684" s="10"/>
    </row>
    <row r="226685" spans="14:14">
      <c r="N226685" s="10"/>
    </row>
    <row r="226686" spans="14:14">
      <c r="N226686" s="10"/>
    </row>
    <row r="226687" spans="14:14">
      <c r="N226687" s="10"/>
    </row>
    <row r="226688" spans="14:14">
      <c r="N226688" s="10"/>
    </row>
    <row r="226689" spans="14:14">
      <c r="N226689" s="10"/>
    </row>
    <row r="226690" spans="14:14">
      <c r="N226690" s="10"/>
    </row>
    <row r="226691" spans="14:14">
      <c r="N226691" s="10"/>
    </row>
    <row r="226692" spans="14:14">
      <c r="N226692" s="10"/>
    </row>
    <row r="226693" spans="14:14">
      <c r="N226693" s="10"/>
    </row>
    <row r="226694" spans="14:14">
      <c r="N226694" s="10"/>
    </row>
    <row r="226695" spans="14:14">
      <c r="N226695" s="10"/>
    </row>
    <row r="226696" spans="14:14">
      <c r="N226696" s="10"/>
    </row>
    <row r="226697" spans="14:14">
      <c r="N226697" s="10"/>
    </row>
    <row r="226698" spans="14:14">
      <c r="N226698" s="10"/>
    </row>
    <row r="226699" spans="14:14">
      <c r="N226699" s="10"/>
    </row>
    <row r="226700" spans="14:14">
      <c r="N226700" s="10"/>
    </row>
    <row r="226701" spans="14:14">
      <c r="N226701" s="10"/>
    </row>
    <row r="226702" spans="14:14">
      <c r="N226702" s="10"/>
    </row>
    <row r="226703" spans="14:14">
      <c r="N226703" s="10"/>
    </row>
    <row r="226704" spans="14:14">
      <c r="N226704" s="10"/>
    </row>
    <row r="226705" spans="14:14">
      <c r="N226705" s="10"/>
    </row>
    <row r="226706" spans="14:14">
      <c r="N226706" s="10"/>
    </row>
    <row r="226707" spans="14:14">
      <c r="N226707" s="10"/>
    </row>
    <row r="226708" spans="14:14">
      <c r="N226708" s="10"/>
    </row>
    <row r="226709" spans="14:14">
      <c r="N226709" s="10"/>
    </row>
    <row r="226710" spans="14:14">
      <c r="N226710" s="10"/>
    </row>
    <row r="226711" spans="14:14">
      <c r="N226711" s="10"/>
    </row>
    <row r="226712" spans="14:14">
      <c r="N226712" s="10"/>
    </row>
    <row r="226713" spans="14:14">
      <c r="N226713" s="10"/>
    </row>
    <row r="226714" spans="14:14">
      <c r="N226714" s="10"/>
    </row>
    <row r="226715" spans="14:14">
      <c r="N226715" s="10"/>
    </row>
    <row r="226716" spans="14:14">
      <c r="N226716" s="10"/>
    </row>
    <row r="226717" spans="14:14">
      <c r="N226717" s="10"/>
    </row>
    <row r="226718" spans="14:14">
      <c r="N226718" s="10"/>
    </row>
    <row r="226719" spans="14:14">
      <c r="N226719" s="10"/>
    </row>
    <row r="226720" spans="14:14">
      <c r="N226720" s="10"/>
    </row>
    <row r="226721" spans="14:14">
      <c r="N226721" s="10"/>
    </row>
    <row r="226722" spans="14:14">
      <c r="N226722" s="10"/>
    </row>
    <row r="226723" spans="14:14">
      <c r="N226723" s="10"/>
    </row>
    <row r="226724" spans="14:14">
      <c r="N226724" s="10"/>
    </row>
    <row r="226725" spans="14:14">
      <c r="N226725" s="10"/>
    </row>
    <row r="226726" spans="14:14">
      <c r="N226726" s="10"/>
    </row>
    <row r="226727" spans="14:14">
      <c r="N226727" s="10"/>
    </row>
    <row r="226728" spans="14:14">
      <c r="N226728" s="10"/>
    </row>
    <row r="226729" spans="14:14">
      <c r="N226729" s="10"/>
    </row>
    <row r="226730" spans="14:14">
      <c r="N226730" s="10"/>
    </row>
    <row r="226731" spans="14:14">
      <c r="N226731" s="10"/>
    </row>
    <row r="226732" spans="14:14">
      <c r="N226732" s="10"/>
    </row>
    <row r="226733" spans="14:14">
      <c r="N226733" s="10"/>
    </row>
    <row r="226734" spans="14:14">
      <c r="N226734" s="10"/>
    </row>
    <row r="226735" spans="14:14">
      <c r="N226735" s="10"/>
    </row>
    <row r="226736" spans="14:14">
      <c r="N226736" s="10"/>
    </row>
    <row r="226737" spans="14:14">
      <c r="N226737" s="10"/>
    </row>
    <row r="226738" spans="14:14">
      <c r="N226738" s="10"/>
    </row>
    <row r="226739" spans="14:14">
      <c r="N226739" s="10"/>
    </row>
    <row r="226740" spans="14:14">
      <c r="N226740" s="10"/>
    </row>
    <row r="226741" spans="14:14">
      <c r="N226741" s="10"/>
    </row>
    <row r="226742" spans="14:14">
      <c r="N226742" s="10"/>
    </row>
    <row r="226743" spans="14:14">
      <c r="N226743" s="10"/>
    </row>
    <row r="226744" spans="14:14">
      <c r="N226744" s="10"/>
    </row>
    <row r="226745" spans="14:14">
      <c r="N226745" s="10"/>
    </row>
    <row r="226746" spans="14:14">
      <c r="N226746" s="10"/>
    </row>
    <row r="226747" spans="14:14">
      <c r="N226747" s="10"/>
    </row>
    <row r="226748" spans="14:14">
      <c r="N226748" s="10"/>
    </row>
    <row r="226749" spans="14:14">
      <c r="N226749" s="10"/>
    </row>
    <row r="226750" spans="14:14">
      <c r="N226750" s="10"/>
    </row>
    <row r="226751" spans="14:14">
      <c r="N226751" s="10"/>
    </row>
    <row r="226752" spans="14:14">
      <c r="N226752" s="10"/>
    </row>
    <row r="226753" spans="14:14">
      <c r="N226753" s="10"/>
    </row>
    <row r="226754" spans="14:14">
      <c r="N226754" s="10"/>
    </row>
    <row r="226755" spans="14:14">
      <c r="N226755" s="10"/>
    </row>
    <row r="226756" spans="14:14">
      <c r="N226756" s="10"/>
    </row>
    <row r="226757" spans="14:14">
      <c r="N226757" s="10"/>
    </row>
    <row r="226758" spans="14:14">
      <c r="N226758" s="10"/>
    </row>
    <row r="226759" spans="14:14">
      <c r="N226759" s="10"/>
    </row>
    <row r="226760" spans="14:14">
      <c r="N226760" s="10"/>
    </row>
    <row r="226761" spans="14:14">
      <c r="N226761" s="10"/>
    </row>
    <row r="226762" spans="14:14">
      <c r="N226762" s="10"/>
    </row>
    <row r="226763" spans="14:14">
      <c r="N226763" s="10"/>
    </row>
    <row r="226764" spans="14:14">
      <c r="N226764" s="10"/>
    </row>
    <row r="226765" spans="14:14">
      <c r="N226765" s="10"/>
    </row>
    <row r="226766" spans="14:14">
      <c r="N226766" s="10"/>
    </row>
    <row r="226767" spans="14:14">
      <c r="N226767" s="10"/>
    </row>
    <row r="226768" spans="14:14">
      <c r="N226768" s="10"/>
    </row>
    <row r="226769" spans="14:14">
      <c r="N226769" s="10"/>
    </row>
    <row r="226770" spans="14:14">
      <c r="N226770" s="10"/>
    </row>
    <row r="226771" spans="14:14">
      <c r="N226771" s="10"/>
    </row>
    <row r="226772" spans="14:14">
      <c r="N226772" s="10"/>
    </row>
    <row r="226773" spans="14:14">
      <c r="N226773" s="10"/>
    </row>
    <row r="226774" spans="14:14">
      <c r="N226774" s="10"/>
    </row>
    <row r="226775" spans="14:14">
      <c r="N226775" s="10"/>
    </row>
    <row r="226776" spans="14:14">
      <c r="N226776" s="10"/>
    </row>
    <row r="226777" spans="14:14">
      <c r="N226777" s="10"/>
    </row>
    <row r="226778" spans="14:14">
      <c r="N226778" s="10"/>
    </row>
    <row r="226779" spans="14:14">
      <c r="N226779" s="10"/>
    </row>
    <row r="226780" spans="14:14">
      <c r="N226780" s="10"/>
    </row>
    <row r="226781" spans="14:14">
      <c r="N226781" s="10"/>
    </row>
    <row r="226782" spans="14:14">
      <c r="N226782" s="10"/>
    </row>
    <row r="226783" spans="14:14">
      <c r="N226783" s="10"/>
    </row>
    <row r="226784" spans="14:14">
      <c r="N226784" s="10"/>
    </row>
    <row r="226785" spans="14:14">
      <c r="N226785" s="10"/>
    </row>
    <row r="226786" spans="14:14">
      <c r="N226786" s="10"/>
    </row>
    <row r="226787" spans="14:14">
      <c r="N226787" s="10"/>
    </row>
    <row r="226788" spans="14:14">
      <c r="N226788" s="10"/>
    </row>
    <row r="226789" spans="14:14">
      <c r="N226789" s="10"/>
    </row>
    <row r="226790" spans="14:14">
      <c r="N226790" s="10"/>
    </row>
    <row r="226791" spans="14:14">
      <c r="N226791" s="10"/>
    </row>
    <row r="226792" spans="14:14">
      <c r="N226792" s="10"/>
    </row>
    <row r="226793" spans="14:14">
      <c r="N226793" s="10"/>
    </row>
    <row r="226794" spans="14:14">
      <c r="N226794" s="10"/>
    </row>
    <row r="226795" spans="14:14">
      <c r="N226795" s="10"/>
    </row>
    <row r="226796" spans="14:14">
      <c r="N226796" s="10"/>
    </row>
    <row r="226797" spans="14:14">
      <c r="N226797" s="10"/>
    </row>
    <row r="226798" spans="14:14">
      <c r="N226798" s="10"/>
    </row>
    <row r="226799" spans="14:14">
      <c r="N226799" s="10"/>
    </row>
    <row r="226800" spans="14:14">
      <c r="N226800" s="10"/>
    </row>
    <row r="226801" spans="14:14">
      <c r="N226801" s="10"/>
    </row>
    <row r="226802" spans="14:14">
      <c r="N226802" s="10"/>
    </row>
    <row r="226803" spans="14:14">
      <c r="N226803" s="10"/>
    </row>
    <row r="226804" spans="14:14">
      <c r="N226804" s="10"/>
    </row>
    <row r="226805" spans="14:14">
      <c r="N226805" s="10"/>
    </row>
    <row r="226806" spans="14:14">
      <c r="N226806" s="10"/>
    </row>
    <row r="226807" spans="14:14">
      <c r="N226807" s="10"/>
    </row>
    <row r="226808" spans="14:14">
      <c r="N226808" s="10"/>
    </row>
    <row r="226809" spans="14:14">
      <c r="N226809" s="10"/>
    </row>
    <row r="226810" spans="14:14">
      <c r="N226810" s="10"/>
    </row>
    <row r="226811" spans="14:14">
      <c r="N226811" s="10"/>
    </row>
    <row r="226812" spans="14:14">
      <c r="N226812" s="10"/>
    </row>
    <row r="226813" spans="14:14">
      <c r="N226813" s="10"/>
    </row>
    <row r="226814" spans="14:14">
      <c r="N226814" s="10"/>
    </row>
    <row r="226815" spans="14:14">
      <c r="N226815" s="10"/>
    </row>
    <row r="226816" spans="14:14">
      <c r="N226816" s="10"/>
    </row>
    <row r="226817" spans="14:14">
      <c r="N226817" s="10"/>
    </row>
    <row r="226818" spans="14:14">
      <c r="N226818" s="10"/>
    </row>
    <row r="226819" spans="14:14">
      <c r="N226819" s="10"/>
    </row>
    <row r="226820" spans="14:14">
      <c r="N226820" s="10"/>
    </row>
    <row r="226821" spans="14:14">
      <c r="N226821" s="10"/>
    </row>
    <row r="226822" spans="14:14">
      <c r="N226822" s="10"/>
    </row>
    <row r="226823" spans="14:14">
      <c r="N226823" s="10"/>
    </row>
    <row r="226824" spans="14:14">
      <c r="N226824" s="10"/>
    </row>
    <row r="226825" spans="14:14">
      <c r="N226825" s="10"/>
    </row>
    <row r="226826" spans="14:14">
      <c r="N226826" s="10"/>
    </row>
    <row r="226827" spans="14:14">
      <c r="N226827" s="10"/>
    </row>
    <row r="226828" spans="14:14">
      <c r="N226828" s="10"/>
    </row>
    <row r="226829" spans="14:14">
      <c r="N226829" s="10"/>
    </row>
    <row r="226830" spans="14:14">
      <c r="N226830" s="10"/>
    </row>
    <row r="226831" spans="14:14">
      <c r="N226831" s="10"/>
    </row>
    <row r="226832" spans="14:14">
      <c r="N226832" s="10"/>
    </row>
    <row r="226833" spans="14:14">
      <c r="N226833" s="10"/>
    </row>
    <row r="226834" spans="14:14">
      <c r="N226834" s="10"/>
    </row>
    <row r="226835" spans="14:14">
      <c r="N226835" s="10"/>
    </row>
    <row r="226836" spans="14:14">
      <c r="N226836" s="10"/>
    </row>
    <row r="226837" spans="14:14">
      <c r="N226837" s="10"/>
    </row>
    <row r="226838" spans="14:14">
      <c r="N226838" s="10"/>
    </row>
    <row r="226839" spans="14:14">
      <c r="N226839" s="10"/>
    </row>
    <row r="226840" spans="14:14">
      <c r="N226840" s="10"/>
    </row>
    <row r="226841" spans="14:14">
      <c r="N226841" s="10"/>
    </row>
    <row r="226842" spans="14:14">
      <c r="N226842" s="10"/>
    </row>
    <row r="226843" spans="14:14">
      <c r="N226843" s="10"/>
    </row>
    <row r="226844" spans="14:14">
      <c r="N226844" s="10"/>
    </row>
    <row r="226845" spans="14:14">
      <c r="N226845" s="10"/>
    </row>
    <row r="226846" spans="14:14">
      <c r="N226846" s="10"/>
    </row>
    <row r="226847" spans="14:14">
      <c r="N226847" s="10"/>
    </row>
    <row r="226848" spans="14:14">
      <c r="N226848" s="10"/>
    </row>
    <row r="226849" spans="14:14">
      <c r="N226849" s="10"/>
    </row>
    <row r="226850" spans="14:14">
      <c r="N226850" s="10"/>
    </row>
    <row r="226851" spans="14:14">
      <c r="N226851" s="10"/>
    </row>
    <row r="226852" spans="14:14">
      <c r="N226852" s="10"/>
    </row>
    <row r="226853" spans="14:14">
      <c r="N226853" s="10"/>
    </row>
    <row r="226854" spans="14:14">
      <c r="N226854" s="10"/>
    </row>
    <row r="226855" spans="14:14">
      <c r="N226855" s="10"/>
    </row>
    <row r="226856" spans="14:14">
      <c r="N226856" s="10"/>
    </row>
    <row r="226857" spans="14:14">
      <c r="N226857" s="10"/>
    </row>
    <row r="226858" spans="14:14">
      <c r="N226858" s="10"/>
    </row>
    <row r="226859" spans="14:14">
      <c r="N226859" s="10"/>
    </row>
    <row r="226860" spans="14:14">
      <c r="N226860" s="10"/>
    </row>
    <row r="226861" spans="14:14">
      <c r="N226861" s="10"/>
    </row>
    <row r="226862" spans="14:14">
      <c r="N226862" s="10"/>
    </row>
    <row r="226863" spans="14:14">
      <c r="N226863" s="10"/>
    </row>
    <row r="226864" spans="14:14">
      <c r="N226864" s="10"/>
    </row>
    <row r="226865" spans="14:14">
      <c r="N226865" s="10"/>
    </row>
    <row r="226866" spans="14:14">
      <c r="N226866" s="10"/>
    </row>
    <row r="226867" spans="14:14">
      <c r="N226867" s="10"/>
    </row>
    <row r="226868" spans="14:14">
      <c r="N226868" s="10"/>
    </row>
    <row r="226869" spans="14:14">
      <c r="N226869" s="10"/>
    </row>
    <row r="226870" spans="14:14">
      <c r="N226870" s="10"/>
    </row>
    <row r="226871" spans="14:14">
      <c r="N226871" s="10"/>
    </row>
    <row r="226872" spans="14:14">
      <c r="N226872" s="10"/>
    </row>
    <row r="226873" spans="14:14">
      <c r="N226873" s="10"/>
    </row>
    <row r="226874" spans="14:14">
      <c r="N226874" s="10"/>
    </row>
    <row r="226875" spans="14:14">
      <c r="N226875" s="10"/>
    </row>
    <row r="226876" spans="14:14">
      <c r="N226876" s="10"/>
    </row>
    <row r="226877" spans="14:14">
      <c r="N226877" s="10"/>
    </row>
    <row r="226878" spans="14:14">
      <c r="N226878" s="10"/>
    </row>
    <row r="226879" spans="14:14">
      <c r="N226879" s="10"/>
    </row>
    <row r="226880" spans="14:14">
      <c r="N226880" s="10"/>
    </row>
    <row r="226881" spans="14:14">
      <c r="N226881" s="10"/>
    </row>
    <row r="226882" spans="14:14">
      <c r="N226882" s="10"/>
    </row>
    <row r="226883" spans="14:14">
      <c r="N226883" s="10"/>
    </row>
    <row r="226884" spans="14:14">
      <c r="N226884" s="10"/>
    </row>
    <row r="226885" spans="14:14">
      <c r="N226885" s="10"/>
    </row>
    <row r="226886" spans="14:14">
      <c r="N226886" s="10"/>
    </row>
    <row r="226887" spans="14:14">
      <c r="N226887" s="10"/>
    </row>
    <row r="226888" spans="14:14">
      <c r="N226888" s="10"/>
    </row>
    <row r="226889" spans="14:14">
      <c r="N226889" s="10"/>
    </row>
    <row r="226890" spans="14:14">
      <c r="N226890" s="10"/>
    </row>
    <row r="226891" spans="14:14">
      <c r="N226891" s="10"/>
    </row>
    <row r="226892" spans="14:14">
      <c r="N226892" s="10"/>
    </row>
    <row r="226893" spans="14:14">
      <c r="N226893" s="10"/>
    </row>
    <row r="226894" spans="14:14">
      <c r="N226894" s="10"/>
    </row>
    <row r="226895" spans="14:14">
      <c r="N226895" s="10"/>
    </row>
    <row r="226896" spans="14:14">
      <c r="N226896" s="10"/>
    </row>
    <row r="226897" spans="14:14">
      <c r="N226897" s="10"/>
    </row>
    <row r="226898" spans="14:14">
      <c r="N226898" s="10"/>
    </row>
    <row r="226899" spans="14:14">
      <c r="N226899" s="10"/>
    </row>
    <row r="226900" spans="14:14">
      <c r="N226900" s="10"/>
    </row>
    <row r="226901" spans="14:14">
      <c r="N226901" s="10"/>
    </row>
    <row r="226902" spans="14:14">
      <c r="N226902" s="10"/>
    </row>
    <row r="226903" spans="14:14">
      <c r="N226903" s="10"/>
    </row>
    <row r="226904" spans="14:14">
      <c r="N226904" s="10"/>
    </row>
    <row r="226905" spans="14:14">
      <c r="N226905" s="10"/>
    </row>
    <row r="226906" spans="14:14">
      <c r="N226906" s="10"/>
    </row>
    <row r="226907" spans="14:14">
      <c r="N226907" s="10"/>
    </row>
    <row r="226908" spans="14:14">
      <c r="N226908" s="10"/>
    </row>
    <row r="226909" spans="14:14">
      <c r="N226909" s="10"/>
    </row>
    <row r="226910" spans="14:14">
      <c r="N226910" s="10"/>
    </row>
    <row r="226911" spans="14:14">
      <c r="N226911" s="10"/>
    </row>
    <row r="226912" spans="14:14">
      <c r="N226912" s="10"/>
    </row>
    <row r="226913" spans="14:14">
      <c r="N226913" s="10"/>
    </row>
    <row r="226914" spans="14:14">
      <c r="N226914" s="10"/>
    </row>
    <row r="226915" spans="14:14">
      <c r="N226915" s="10"/>
    </row>
    <row r="226916" spans="14:14">
      <c r="N226916" s="10"/>
    </row>
    <row r="226917" spans="14:14">
      <c r="N226917" s="10"/>
    </row>
    <row r="226918" spans="14:14">
      <c r="N226918" s="10"/>
    </row>
    <row r="226919" spans="14:14">
      <c r="N226919" s="10"/>
    </row>
    <row r="226920" spans="14:14">
      <c r="N226920" s="10"/>
    </row>
    <row r="226921" spans="14:14">
      <c r="N226921" s="10"/>
    </row>
    <row r="226922" spans="14:14">
      <c r="N226922" s="10"/>
    </row>
    <row r="226923" spans="14:14">
      <c r="N226923" s="10"/>
    </row>
    <row r="226924" spans="14:14">
      <c r="N226924" s="10"/>
    </row>
    <row r="226925" spans="14:14">
      <c r="N226925" s="10"/>
    </row>
    <row r="226926" spans="14:14">
      <c r="N226926" s="10"/>
    </row>
    <row r="226927" spans="14:14">
      <c r="N226927" s="10"/>
    </row>
    <row r="226928" spans="14:14">
      <c r="N226928" s="10"/>
    </row>
    <row r="226929" spans="14:14">
      <c r="N226929" s="10"/>
    </row>
    <row r="226930" spans="14:14">
      <c r="N226930" s="10"/>
    </row>
    <row r="226931" spans="14:14">
      <c r="N226931" s="10"/>
    </row>
    <row r="226932" spans="14:14">
      <c r="N226932" s="10"/>
    </row>
    <row r="226933" spans="14:14">
      <c r="N226933" s="10"/>
    </row>
    <row r="226934" spans="14:14">
      <c r="N226934" s="10"/>
    </row>
    <row r="226935" spans="14:14">
      <c r="N226935" s="10"/>
    </row>
    <row r="226936" spans="14:14">
      <c r="N226936" s="10"/>
    </row>
    <row r="226937" spans="14:14">
      <c r="N226937" s="10"/>
    </row>
    <row r="226938" spans="14:14">
      <c r="N226938" s="10"/>
    </row>
    <row r="226939" spans="14:14">
      <c r="N226939" s="10"/>
    </row>
    <row r="226940" spans="14:14">
      <c r="N226940" s="10"/>
    </row>
    <row r="226941" spans="14:14">
      <c r="N226941" s="10"/>
    </row>
    <row r="226942" spans="14:14">
      <c r="N226942" s="10"/>
    </row>
    <row r="226943" spans="14:14">
      <c r="N226943" s="10"/>
    </row>
    <row r="226944" spans="14:14">
      <c r="N226944" s="10"/>
    </row>
    <row r="226945" spans="14:14">
      <c r="N226945" s="10"/>
    </row>
    <row r="226946" spans="14:14">
      <c r="N226946" s="10"/>
    </row>
    <row r="226947" spans="14:14">
      <c r="N226947" s="10"/>
    </row>
    <row r="226948" spans="14:14">
      <c r="N226948" s="10"/>
    </row>
    <row r="226949" spans="14:14">
      <c r="N226949" s="10"/>
    </row>
    <row r="226950" spans="14:14">
      <c r="N226950" s="10"/>
    </row>
    <row r="226951" spans="14:14">
      <c r="N226951" s="10"/>
    </row>
    <row r="226952" spans="14:14">
      <c r="N226952" s="10"/>
    </row>
    <row r="226953" spans="14:14">
      <c r="N226953" s="10"/>
    </row>
    <row r="226954" spans="14:14">
      <c r="N226954" s="10"/>
    </row>
    <row r="226955" spans="14:14">
      <c r="N226955" s="10"/>
    </row>
    <row r="226956" spans="14:14">
      <c r="N226956" s="10"/>
    </row>
    <row r="226957" spans="14:14">
      <c r="N226957" s="10"/>
    </row>
    <row r="226958" spans="14:14">
      <c r="N226958" s="10"/>
    </row>
    <row r="226959" spans="14:14">
      <c r="N226959" s="10"/>
    </row>
    <row r="226960" spans="14:14">
      <c r="N226960" s="10"/>
    </row>
    <row r="226961" spans="14:14">
      <c r="N226961" s="10"/>
    </row>
    <row r="226962" spans="14:14">
      <c r="N226962" s="10"/>
    </row>
    <row r="226963" spans="14:14">
      <c r="N226963" s="10"/>
    </row>
    <row r="226964" spans="14:14">
      <c r="N226964" s="10"/>
    </row>
    <row r="226965" spans="14:14">
      <c r="N226965" s="10"/>
    </row>
    <row r="226966" spans="14:14">
      <c r="N226966" s="10"/>
    </row>
    <row r="226967" spans="14:14">
      <c r="N226967" s="10"/>
    </row>
    <row r="226968" spans="14:14">
      <c r="N226968" s="10"/>
    </row>
    <row r="226969" spans="14:14">
      <c r="N226969" s="10"/>
    </row>
    <row r="226970" spans="14:14">
      <c r="N226970" s="10"/>
    </row>
    <row r="226971" spans="14:14">
      <c r="N226971" s="10"/>
    </row>
    <row r="226972" spans="14:14">
      <c r="N226972" s="10"/>
    </row>
    <row r="226973" spans="14:14">
      <c r="N226973" s="10"/>
    </row>
    <row r="226974" spans="14:14">
      <c r="N226974" s="10"/>
    </row>
    <row r="226975" spans="14:14">
      <c r="N226975" s="10"/>
    </row>
    <row r="226976" spans="14:14">
      <c r="N226976" s="10"/>
    </row>
    <row r="226977" spans="14:14">
      <c r="N226977" s="10"/>
    </row>
    <row r="226978" spans="14:14">
      <c r="N226978" s="10"/>
    </row>
    <row r="226979" spans="14:14">
      <c r="N226979" s="10"/>
    </row>
    <row r="226980" spans="14:14">
      <c r="N226980" s="10"/>
    </row>
    <row r="226981" spans="14:14">
      <c r="N226981" s="10"/>
    </row>
    <row r="226982" spans="14:14">
      <c r="N226982" s="10"/>
    </row>
    <row r="226983" spans="14:14">
      <c r="N226983" s="10"/>
    </row>
    <row r="226984" spans="14:14">
      <c r="N226984" s="10"/>
    </row>
    <row r="226985" spans="14:14">
      <c r="N226985" s="10"/>
    </row>
    <row r="226986" spans="14:14">
      <c r="N226986" s="10"/>
    </row>
    <row r="226987" spans="14:14">
      <c r="N226987" s="10"/>
    </row>
    <row r="226988" spans="14:14">
      <c r="N226988" s="10"/>
    </row>
    <row r="226989" spans="14:14">
      <c r="N226989" s="10"/>
    </row>
    <row r="226990" spans="14:14">
      <c r="N226990" s="10"/>
    </row>
    <row r="226991" spans="14:14">
      <c r="N226991" s="10"/>
    </row>
    <row r="226992" spans="14:14">
      <c r="N226992" s="10"/>
    </row>
    <row r="226993" spans="14:14">
      <c r="N226993" s="10"/>
    </row>
    <row r="226994" spans="14:14">
      <c r="N226994" s="10"/>
    </row>
    <row r="226995" spans="14:14">
      <c r="N226995" s="10"/>
    </row>
    <row r="226996" spans="14:14">
      <c r="N226996" s="10"/>
    </row>
    <row r="226997" spans="14:14">
      <c r="N226997" s="10"/>
    </row>
    <row r="226998" spans="14:14">
      <c r="N226998" s="10"/>
    </row>
    <row r="226999" spans="14:14">
      <c r="N226999" s="10"/>
    </row>
    <row r="227000" spans="14:14">
      <c r="N227000" s="10"/>
    </row>
    <row r="227001" spans="14:14">
      <c r="N227001" s="10"/>
    </row>
    <row r="227002" spans="14:14">
      <c r="N227002" s="10"/>
    </row>
    <row r="227003" spans="14:14">
      <c r="N227003" s="10"/>
    </row>
    <row r="227004" spans="14:14">
      <c r="N227004" s="10"/>
    </row>
    <row r="227005" spans="14:14">
      <c r="N227005" s="10"/>
    </row>
    <row r="227006" spans="14:14">
      <c r="N227006" s="10"/>
    </row>
    <row r="227007" spans="14:14">
      <c r="N227007" s="10"/>
    </row>
    <row r="227008" spans="14:14">
      <c r="N227008" s="10"/>
    </row>
    <row r="227009" spans="14:14">
      <c r="N227009" s="10"/>
    </row>
    <row r="227010" spans="14:14">
      <c r="N227010" s="10"/>
    </row>
    <row r="227011" spans="14:14">
      <c r="N227011" s="10"/>
    </row>
    <row r="227012" spans="14:14">
      <c r="N227012" s="10"/>
    </row>
    <row r="227013" spans="14:14">
      <c r="N227013" s="10"/>
    </row>
    <row r="227014" spans="14:14">
      <c r="N227014" s="10"/>
    </row>
    <row r="227015" spans="14:14">
      <c r="N227015" s="10"/>
    </row>
    <row r="227016" spans="14:14">
      <c r="N227016" s="10"/>
    </row>
    <row r="227017" spans="14:14">
      <c r="N227017" s="10"/>
    </row>
    <row r="227018" spans="14:14">
      <c r="N227018" s="10"/>
    </row>
    <row r="227019" spans="14:14">
      <c r="N227019" s="10"/>
    </row>
    <row r="227020" spans="14:14">
      <c r="N227020" s="10"/>
    </row>
    <row r="227021" spans="14:14">
      <c r="N227021" s="10"/>
    </row>
    <row r="227022" spans="14:14">
      <c r="N227022" s="10"/>
    </row>
    <row r="227023" spans="14:14">
      <c r="N227023" s="10"/>
    </row>
    <row r="227024" spans="14:14">
      <c r="N227024" s="10"/>
    </row>
    <row r="227025" spans="14:14">
      <c r="N227025" s="10"/>
    </row>
    <row r="227026" spans="14:14">
      <c r="N227026" s="10"/>
    </row>
    <row r="227027" spans="14:14">
      <c r="N227027" s="10"/>
    </row>
    <row r="227028" spans="14:14">
      <c r="N227028" s="10"/>
    </row>
    <row r="227029" spans="14:14">
      <c r="N227029" s="10"/>
    </row>
    <row r="227030" spans="14:14">
      <c r="N227030" s="10"/>
    </row>
    <row r="227031" spans="14:14">
      <c r="N227031" s="10"/>
    </row>
    <row r="227032" spans="14:14">
      <c r="N227032" s="10"/>
    </row>
    <row r="227033" spans="14:14">
      <c r="N227033" s="10"/>
    </row>
    <row r="227034" spans="14:14">
      <c r="N227034" s="10"/>
    </row>
    <row r="227035" spans="14:14">
      <c r="N227035" s="10"/>
    </row>
    <row r="227036" spans="14:14">
      <c r="N227036" s="10"/>
    </row>
    <row r="227037" spans="14:14">
      <c r="N227037" s="10"/>
    </row>
    <row r="227038" spans="14:14">
      <c r="N227038" s="10"/>
    </row>
    <row r="227039" spans="14:14">
      <c r="N227039" s="10"/>
    </row>
    <row r="227040" spans="14:14">
      <c r="N227040" s="10"/>
    </row>
    <row r="227041" spans="14:14">
      <c r="N227041" s="10"/>
    </row>
    <row r="227042" spans="14:14">
      <c r="N227042" s="10"/>
    </row>
    <row r="227043" spans="14:14">
      <c r="N227043" s="10"/>
    </row>
    <row r="227044" spans="14:14">
      <c r="N227044" s="10"/>
    </row>
    <row r="227045" spans="14:14">
      <c r="N227045" s="10"/>
    </row>
    <row r="227046" spans="14:14">
      <c r="N227046" s="10"/>
    </row>
    <row r="227047" spans="14:14">
      <c r="N227047" s="10"/>
    </row>
    <row r="227048" spans="14:14">
      <c r="N227048" s="10"/>
    </row>
    <row r="227049" spans="14:14">
      <c r="N227049" s="10"/>
    </row>
    <row r="227050" spans="14:14">
      <c r="N227050" s="10"/>
    </row>
    <row r="227051" spans="14:14">
      <c r="N227051" s="10"/>
    </row>
    <row r="227052" spans="14:14">
      <c r="N227052" s="10"/>
    </row>
    <row r="227053" spans="14:14">
      <c r="N227053" s="10"/>
    </row>
    <row r="227054" spans="14:14">
      <c r="N227054" s="10"/>
    </row>
    <row r="227055" spans="14:14">
      <c r="N227055" s="10"/>
    </row>
    <row r="227056" spans="14:14">
      <c r="N227056" s="10"/>
    </row>
    <row r="227057" spans="14:14">
      <c r="N227057" s="10"/>
    </row>
    <row r="227058" spans="14:14">
      <c r="N227058" s="10"/>
    </row>
    <row r="227059" spans="14:14">
      <c r="N227059" s="10"/>
    </row>
    <row r="227060" spans="14:14">
      <c r="N227060" s="10"/>
    </row>
    <row r="227061" spans="14:14">
      <c r="N227061" s="10"/>
    </row>
    <row r="227062" spans="14:14">
      <c r="N227062" s="10"/>
    </row>
    <row r="227063" spans="14:14">
      <c r="N227063" s="10"/>
    </row>
    <row r="227064" spans="14:14">
      <c r="N227064" s="10"/>
    </row>
    <row r="227065" spans="14:14">
      <c r="N227065" s="10"/>
    </row>
    <row r="227066" spans="14:14">
      <c r="N227066" s="10"/>
    </row>
    <row r="227067" spans="14:14">
      <c r="N227067" s="10"/>
    </row>
    <row r="227068" spans="14:14">
      <c r="N227068" s="10"/>
    </row>
    <row r="227069" spans="14:14">
      <c r="N227069" s="10"/>
    </row>
    <row r="227070" spans="14:14">
      <c r="N227070" s="10"/>
    </row>
    <row r="227071" spans="14:14">
      <c r="N227071" s="10"/>
    </row>
    <row r="227072" spans="14:14">
      <c r="N227072" s="10"/>
    </row>
    <row r="227073" spans="14:14">
      <c r="N227073" s="10"/>
    </row>
    <row r="227074" spans="14:14">
      <c r="N227074" s="10"/>
    </row>
    <row r="227075" spans="14:14">
      <c r="N227075" s="10"/>
    </row>
    <row r="227076" spans="14:14">
      <c r="N227076" s="10"/>
    </row>
    <row r="227077" spans="14:14">
      <c r="N227077" s="10"/>
    </row>
    <row r="227078" spans="14:14">
      <c r="N227078" s="10"/>
    </row>
    <row r="227079" spans="14:14">
      <c r="N227079" s="10"/>
    </row>
    <row r="227080" spans="14:14">
      <c r="N227080" s="10"/>
    </row>
    <row r="227081" spans="14:14">
      <c r="N227081" s="10"/>
    </row>
    <row r="227082" spans="14:14">
      <c r="N227082" s="10"/>
    </row>
    <row r="227083" spans="14:14">
      <c r="N227083" s="10"/>
    </row>
    <row r="227084" spans="14:14">
      <c r="N227084" s="10"/>
    </row>
    <row r="227085" spans="14:14">
      <c r="N227085" s="10"/>
    </row>
    <row r="227086" spans="14:14">
      <c r="N227086" s="10"/>
    </row>
    <row r="227087" spans="14:14">
      <c r="N227087" s="10"/>
    </row>
    <row r="227088" spans="14:14">
      <c r="N227088" s="10"/>
    </row>
    <row r="227089" spans="14:14">
      <c r="N227089" s="10"/>
    </row>
    <row r="227090" spans="14:14">
      <c r="N227090" s="10"/>
    </row>
    <row r="227091" spans="14:14">
      <c r="N227091" s="10"/>
    </row>
    <row r="227092" spans="14:14">
      <c r="N227092" s="10"/>
    </row>
    <row r="227093" spans="14:14">
      <c r="N227093" s="10"/>
    </row>
    <row r="227094" spans="14:14">
      <c r="N227094" s="10"/>
    </row>
    <row r="227095" spans="14:14">
      <c r="N227095" s="10"/>
    </row>
    <row r="227096" spans="14:14">
      <c r="N227096" s="10"/>
    </row>
    <row r="227097" spans="14:14">
      <c r="N227097" s="10"/>
    </row>
    <row r="227098" spans="14:14">
      <c r="N227098" s="10"/>
    </row>
    <row r="227099" spans="14:14">
      <c r="N227099" s="10"/>
    </row>
    <row r="227100" spans="14:14">
      <c r="N227100" s="10"/>
    </row>
    <row r="227101" spans="14:14">
      <c r="N227101" s="10"/>
    </row>
    <row r="227102" spans="14:14">
      <c r="N227102" s="10"/>
    </row>
    <row r="227103" spans="14:14">
      <c r="N227103" s="10"/>
    </row>
    <row r="227104" spans="14:14">
      <c r="N227104" s="10"/>
    </row>
    <row r="227105" spans="14:14">
      <c r="N227105" s="10"/>
    </row>
    <row r="227106" spans="14:14">
      <c r="N227106" s="10"/>
    </row>
    <row r="227107" spans="14:14">
      <c r="N227107" s="10"/>
    </row>
    <row r="227108" spans="14:14">
      <c r="N227108" s="10"/>
    </row>
    <row r="227109" spans="14:14">
      <c r="N227109" s="10"/>
    </row>
    <row r="227110" spans="14:14">
      <c r="N227110" s="10"/>
    </row>
    <row r="227111" spans="14:14">
      <c r="N227111" s="10"/>
    </row>
    <row r="227112" spans="14:14">
      <c r="N227112" s="10"/>
    </row>
    <row r="227113" spans="14:14">
      <c r="N227113" s="10"/>
    </row>
    <row r="227114" spans="14:14">
      <c r="N227114" s="10"/>
    </row>
    <row r="227115" spans="14:14">
      <c r="N227115" s="10"/>
    </row>
    <row r="227116" spans="14:14">
      <c r="N227116" s="10"/>
    </row>
    <row r="227117" spans="14:14">
      <c r="N227117" s="10"/>
    </row>
    <row r="227118" spans="14:14">
      <c r="N227118" s="10"/>
    </row>
    <row r="227119" spans="14:14">
      <c r="N227119" s="10"/>
    </row>
    <row r="227120" spans="14:14">
      <c r="N227120" s="10"/>
    </row>
    <row r="227121" spans="14:14">
      <c r="N227121" s="10"/>
    </row>
    <row r="227122" spans="14:14">
      <c r="N227122" s="10"/>
    </row>
    <row r="227123" spans="14:14">
      <c r="N227123" s="10"/>
    </row>
    <row r="227124" spans="14:14">
      <c r="N227124" s="10"/>
    </row>
    <row r="227125" spans="14:14">
      <c r="N227125" s="10"/>
    </row>
    <row r="227126" spans="14:14">
      <c r="N227126" s="10"/>
    </row>
    <row r="227127" spans="14:14">
      <c r="N227127" s="10"/>
    </row>
    <row r="227128" spans="14:14">
      <c r="N227128" s="10"/>
    </row>
    <row r="227129" spans="14:14">
      <c r="N227129" s="10"/>
    </row>
    <row r="227130" spans="14:14">
      <c r="N227130" s="10"/>
    </row>
    <row r="227131" spans="14:14">
      <c r="N227131" s="10"/>
    </row>
    <row r="227132" spans="14:14">
      <c r="N227132" s="10"/>
    </row>
    <row r="227133" spans="14:14">
      <c r="N227133" s="10"/>
    </row>
    <row r="227134" spans="14:14">
      <c r="N227134" s="10"/>
    </row>
    <row r="227135" spans="14:14">
      <c r="N227135" s="10"/>
    </row>
    <row r="227136" spans="14:14">
      <c r="N227136" s="10"/>
    </row>
    <row r="227137" spans="14:14">
      <c r="N227137" s="10"/>
    </row>
    <row r="227138" spans="14:14">
      <c r="N227138" s="10"/>
    </row>
    <row r="227139" spans="14:14">
      <c r="N227139" s="10"/>
    </row>
    <row r="227140" spans="14:14">
      <c r="N227140" s="10"/>
    </row>
    <row r="227141" spans="14:14">
      <c r="N227141" s="10"/>
    </row>
    <row r="227142" spans="14:14">
      <c r="N227142" s="10"/>
    </row>
    <row r="227143" spans="14:14">
      <c r="N227143" s="10"/>
    </row>
    <row r="227144" spans="14:14">
      <c r="N227144" s="10"/>
    </row>
    <row r="227145" spans="14:14">
      <c r="N227145" s="10"/>
    </row>
    <row r="227146" spans="14:14">
      <c r="N227146" s="10"/>
    </row>
    <row r="227147" spans="14:14">
      <c r="N227147" s="10"/>
    </row>
    <row r="227148" spans="14:14">
      <c r="N227148" s="10"/>
    </row>
    <row r="227149" spans="14:14">
      <c r="N227149" s="10"/>
    </row>
    <row r="227150" spans="14:14">
      <c r="N227150" s="10"/>
    </row>
    <row r="227151" spans="14:14">
      <c r="N227151" s="10"/>
    </row>
    <row r="227152" spans="14:14">
      <c r="N227152" s="10"/>
    </row>
    <row r="227153" spans="14:14">
      <c r="N227153" s="10"/>
    </row>
    <row r="227154" spans="14:14">
      <c r="N227154" s="10"/>
    </row>
    <row r="227155" spans="14:14">
      <c r="N227155" s="10"/>
    </row>
    <row r="227156" spans="14:14">
      <c r="N227156" s="10"/>
    </row>
    <row r="227157" spans="14:14">
      <c r="N227157" s="10"/>
    </row>
    <row r="227158" spans="14:14">
      <c r="N227158" s="10"/>
    </row>
    <row r="227159" spans="14:14">
      <c r="N227159" s="10"/>
    </row>
    <row r="227160" spans="14:14">
      <c r="N227160" s="10"/>
    </row>
    <row r="227161" spans="14:14">
      <c r="N227161" s="10"/>
    </row>
    <row r="227162" spans="14:14">
      <c r="N227162" s="10"/>
    </row>
    <row r="227163" spans="14:14">
      <c r="N227163" s="10"/>
    </row>
    <row r="227164" spans="14:14">
      <c r="N227164" s="10"/>
    </row>
    <row r="227165" spans="14:14">
      <c r="N227165" s="10"/>
    </row>
    <row r="227166" spans="14:14">
      <c r="N227166" s="10"/>
    </row>
    <row r="227167" spans="14:14">
      <c r="N227167" s="10"/>
    </row>
    <row r="227168" spans="14:14">
      <c r="N227168" s="10"/>
    </row>
    <row r="227169" spans="14:14">
      <c r="N227169" s="10"/>
    </row>
    <row r="227170" spans="14:14">
      <c r="N227170" s="10"/>
    </row>
    <row r="227171" spans="14:14">
      <c r="N227171" s="10"/>
    </row>
    <row r="227172" spans="14:14">
      <c r="N227172" s="10"/>
    </row>
    <row r="227173" spans="14:14">
      <c r="N227173" s="10"/>
    </row>
    <row r="227174" spans="14:14">
      <c r="N227174" s="10"/>
    </row>
    <row r="227175" spans="14:14">
      <c r="N227175" s="10"/>
    </row>
    <row r="227176" spans="14:14">
      <c r="N227176" s="10"/>
    </row>
    <row r="227177" spans="14:14">
      <c r="N227177" s="10"/>
    </row>
    <row r="227178" spans="14:14">
      <c r="N227178" s="10"/>
    </row>
    <row r="227179" spans="14:14">
      <c r="N227179" s="10"/>
    </row>
    <row r="227180" spans="14:14">
      <c r="N227180" s="10"/>
    </row>
    <row r="227181" spans="14:14">
      <c r="N227181" s="10"/>
    </row>
    <row r="227182" spans="14:14">
      <c r="N227182" s="10"/>
    </row>
    <row r="227183" spans="14:14">
      <c r="N227183" s="10"/>
    </row>
    <row r="227184" spans="14:14">
      <c r="N227184" s="10"/>
    </row>
    <row r="227185" spans="14:14">
      <c r="N227185" s="10"/>
    </row>
    <row r="227186" spans="14:14">
      <c r="N227186" s="10"/>
    </row>
    <row r="227187" spans="14:14">
      <c r="N227187" s="10"/>
    </row>
    <row r="227188" spans="14:14">
      <c r="N227188" s="10"/>
    </row>
    <row r="227189" spans="14:14">
      <c r="N227189" s="10"/>
    </row>
    <row r="227190" spans="14:14">
      <c r="N227190" s="10"/>
    </row>
    <row r="227191" spans="14:14">
      <c r="N227191" s="10"/>
    </row>
    <row r="227192" spans="14:14">
      <c r="N227192" s="10"/>
    </row>
    <row r="227193" spans="14:14">
      <c r="N227193" s="10"/>
    </row>
    <row r="227194" spans="14:14">
      <c r="N227194" s="10"/>
    </row>
    <row r="227195" spans="14:14">
      <c r="N227195" s="10"/>
    </row>
    <row r="227196" spans="14:14">
      <c r="N227196" s="10"/>
    </row>
    <row r="227197" spans="14:14">
      <c r="N227197" s="10"/>
    </row>
    <row r="227198" spans="14:14">
      <c r="N227198" s="10"/>
    </row>
    <row r="227199" spans="14:14">
      <c r="N227199" s="10"/>
    </row>
    <row r="227200" spans="14:14">
      <c r="N227200" s="10"/>
    </row>
    <row r="227201" spans="14:14">
      <c r="N227201" s="10"/>
    </row>
    <row r="227202" spans="14:14">
      <c r="N227202" s="10"/>
    </row>
    <row r="227203" spans="14:14">
      <c r="N227203" s="10"/>
    </row>
    <row r="227204" spans="14:14">
      <c r="N227204" s="10"/>
    </row>
    <row r="227205" spans="14:14">
      <c r="N227205" s="10"/>
    </row>
    <row r="227206" spans="14:14">
      <c r="N227206" s="10"/>
    </row>
    <row r="227207" spans="14:14">
      <c r="N227207" s="10"/>
    </row>
    <row r="227208" spans="14:14">
      <c r="N227208" s="10"/>
    </row>
    <row r="227209" spans="14:14">
      <c r="N227209" s="10"/>
    </row>
    <row r="227210" spans="14:14">
      <c r="N227210" s="10"/>
    </row>
    <row r="227211" spans="14:14">
      <c r="N227211" s="10"/>
    </row>
    <row r="227212" spans="14:14">
      <c r="N227212" s="10"/>
    </row>
    <row r="227213" spans="14:14">
      <c r="N227213" s="10"/>
    </row>
    <row r="227214" spans="14:14">
      <c r="N227214" s="10"/>
    </row>
    <row r="227215" spans="14:14">
      <c r="N227215" s="10"/>
    </row>
    <row r="227216" spans="14:14">
      <c r="N227216" s="10"/>
    </row>
    <row r="227217" spans="14:14">
      <c r="N227217" s="10"/>
    </row>
    <row r="227218" spans="14:14">
      <c r="N227218" s="10"/>
    </row>
    <row r="227219" spans="14:14">
      <c r="N227219" s="10"/>
    </row>
    <row r="227220" spans="14:14">
      <c r="N227220" s="10"/>
    </row>
    <row r="227221" spans="14:14">
      <c r="N227221" s="10"/>
    </row>
    <row r="227222" spans="14:14">
      <c r="N227222" s="10"/>
    </row>
    <row r="227223" spans="14:14">
      <c r="N227223" s="10"/>
    </row>
    <row r="227224" spans="14:14">
      <c r="N227224" s="10"/>
    </row>
    <row r="227225" spans="14:14">
      <c r="N227225" s="10"/>
    </row>
    <row r="227226" spans="14:14">
      <c r="N227226" s="10"/>
    </row>
    <row r="227227" spans="14:14">
      <c r="N227227" s="10"/>
    </row>
    <row r="227228" spans="14:14">
      <c r="N227228" s="10"/>
    </row>
    <row r="227229" spans="14:14">
      <c r="N227229" s="10"/>
    </row>
    <row r="227230" spans="14:14">
      <c r="N227230" s="10"/>
    </row>
    <row r="227231" spans="14:14">
      <c r="N227231" s="10"/>
    </row>
    <row r="227232" spans="14:14">
      <c r="N227232" s="10"/>
    </row>
    <row r="227233" spans="14:14">
      <c r="N227233" s="10"/>
    </row>
    <row r="227234" spans="14:14">
      <c r="N227234" s="10"/>
    </row>
    <row r="227235" spans="14:14">
      <c r="N227235" s="10"/>
    </row>
    <row r="227236" spans="14:14">
      <c r="N227236" s="10"/>
    </row>
    <row r="227237" spans="14:14">
      <c r="N227237" s="10"/>
    </row>
    <row r="227238" spans="14:14">
      <c r="N227238" s="10"/>
    </row>
    <row r="227239" spans="14:14">
      <c r="N227239" s="10"/>
    </row>
    <row r="227240" spans="14:14">
      <c r="N227240" s="10"/>
    </row>
    <row r="227241" spans="14:14">
      <c r="N227241" s="10"/>
    </row>
    <row r="227242" spans="14:14">
      <c r="N227242" s="10"/>
    </row>
    <row r="227243" spans="14:14">
      <c r="N227243" s="10"/>
    </row>
    <row r="227244" spans="14:14">
      <c r="N227244" s="10"/>
    </row>
    <row r="227245" spans="14:14">
      <c r="N227245" s="10"/>
    </row>
    <row r="227246" spans="14:14">
      <c r="N227246" s="10"/>
    </row>
    <row r="227247" spans="14:14">
      <c r="N227247" s="10"/>
    </row>
    <row r="227248" spans="14:14">
      <c r="N227248" s="10"/>
    </row>
    <row r="227249" spans="14:14">
      <c r="N227249" s="10"/>
    </row>
    <row r="227250" spans="14:14">
      <c r="N227250" s="10"/>
    </row>
    <row r="227251" spans="14:14">
      <c r="N227251" s="10"/>
    </row>
    <row r="227252" spans="14:14">
      <c r="N227252" s="10"/>
    </row>
    <row r="227253" spans="14:14">
      <c r="N227253" s="10"/>
    </row>
    <row r="227254" spans="14:14">
      <c r="N227254" s="10"/>
    </row>
    <row r="227255" spans="14:14">
      <c r="N227255" s="10"/>
    </row>
    <row r="227256" spans="14:14">
      <c r="N227256" s="10"/>
    </row>
    <row r="227257" spans="14:14">
      <c r="N227257" s="10"/>
    </row>
    <row r="227258" spans="14:14">
      <c r="N227258" s="10"/>
    </row>
    <row r="227259" spans="14:14">
      <c r="N227259" s="10"/>
    </row>
    <row r="227260" spans="14:14">
      <c r="N227260" s="10"/>
    </row>
    <row r="227261" spans="14:14">
      <c r="N227261" s="10"/>
    </row>
    <row r="227262" spans="14:14">
      <c r="N227262" s="10"/>
    </row>
    <row r="227263" spans="14:14">
      <c r="N227263" s="10"/>
    </row>
    <row r="227264" spans="14:14">
      <c r="N227264" s="10"/>
    </row>
    <row r="227265" spans="14:14">
      <c r="N227265" s="10"/>
    </row>
    <row r="227266" spans="14:14">
      <c r="N227266" s="10"/>
    </row>
    <row r="227267" spans="14:14">
      <c r="N227267" s="10"/>
    </row>
    <row r="227268" spans="14:14">
      <c r="N227268" s="10"/>
    </row>
    <row r="227269" spans="14:14">
      <c r="N227269" s="10"/>
    </row>
    <row r="227270" spans="14:14">
      <c r="N227270" s="10"/>
    </row>
    <row r="227271" spans="14:14">
      <c r="N227271" s="10"/>
    </row>
    <row r="227272" spans="14:14">
      <c r="N227272" s="10"/>
    </row>
    <row r="227273" spans="14:14">
      <c r="N227273" s="10"/>
    </row>
    <row r="227274" spans="14:14">
      <c r="N227274" s="10"/>
    </row>
    <row r="227275" spans="14:14">
      <c r="N227275" s="10"/>
    </row>
    <row r="227276" spans="14:14">
      <c r="N227276" s="10"/>
    </row>
    <row r="227277" spans="14:14">
      <c r="N227277" s="10"/>
    </row>
    <row r="227278" spans="14:14">
      <c r="N227278" s="10"/>
    </row>
    <row r="227279" spans="14:14">
      <c r="N227279" s="10"/>
    </row>
    <row r="227280" spans="14:14">
      <c r="N227280" s="10"/>
    </row>
    <row r="227281" spans="14:14">
      <c r="N227281" s="10"/>
    </row>
    <row r="227282" spans="14:14">
      <c r="N227282" s="10"/>
    </row>
    <row r="227283" spans="14:14">
      <c r="N227283" s="10"/>
    </row>
    <row r="227284" spans="14:14">
      <c r="N227284" s="10"/>
    </row>
    <row r="227285" spans="14:14">
      <c r="N227285" s="10"/>
    </row>
    <row r="227286" spans="14:14">
      <c r="N227286" s="10"/>
    </row>
    <row r="227287" spans="14:14">
      <c r="N227287" s="10"/>
    </row>
    <row r="227288" spans="14:14">
      <c r="N227288" s="10"/>
    </row>
    <row r="227289" spans="14:14">
      <c r="N227289" s="10"/>
    </row>
    <row r="227290" spans="14:14">
      <c r="N227290" s="10"/>
    </row>
    <row r="227291" spans="14:14">
      <c r="N227291" s="10"/>
    </row>
    <row r="227292" spans="14:14">
      <c r="N227292" s="10"/>
    </row>
    <row r="227293" spans="14:14">
      <c r="N227293" s="10"/>
    </row>
    <row r="227294" spans="14:14">
      <c r="N227294" s="10"/>
    </row>
    <row r="227295" spans="14:14">
      <c r="N227295" s="10"/>
    </row>
    <row r="227296" spans="14:14">
      <c r="N227296" s="10"/>
    </row>
    <row r="227297" spans="14:14">
      <c r="N227297" s="10"/>
    </row>
    <row r="227298" spans="14:14">
      <c r="N227298" s="10"/>
    </row>
    <row r="227299" spans="14:14">
      <c r="N227299" s="10"/>
    </row>
    <row r="227300" spans="14:14">
      <c r="N227300" s="10"/>
    </row>
    <row r="227301" spans="14:14">
      <c r="N227301" s="10"/>
    </row>
    <row r="227302" spans="14:14">
      <c r="N227302" s="10"/>
    </row>
    <row r="227303" spans="14:14">
      <c r="N227303" s="10"/>
    </row>
    <row r="227304" spans="14:14">
      <c r="N227304" s="10"/>
    </row>
    <row r="227305" spans="14:14">
      <c r="N227305" s="10"/>
    </row>
    <row r="227306" spans="14:14">
      <c r="N227306" s="10"/>
    </row>
    <row r="227307" spans="14:14">
      <c r="N227307" s="10"/>
    </row>
    <row r="227308" spans="14:14">
      <c r="N227308" s="10"/>
    </row>
    <row r="227309" spans="14:14">
      <c r="N227309" s="10"/>
    </row>
    <row r="227310" spans="14:14">
      <c r="N227310" s="10"/>
    </row>
    <row r="227311" spans="14:14">
      <c r="N227311" s="10"/>
    </row>
    <row r="227312" spans="14:14">
      <c r="N227312" s="10"/>
    </row>
    <row r="227313" spans="14:14">
      <c r="N227313" s="10"/>
    </row>
    <row r="227314" spans="14:14">
      <c r="N227314" s="10"/>
    </row>
    <row r="227315" spans="14:14">
      <c r="N227315" s="10"/>
    </row>
    <row r="227316" spans="14:14">
      <c r="N227316" s="10"/>
    </row>
    <row r="227317" spans="14:14">
      <c r="N227317" s="10"/>
    </row>
    <row r="227318" spans="14:14">
      <c r="N227318" s="10"/>
    </row>
    <row r="227319" spans="14:14">
      <c r="N227319" s="10"/>
    </row>
    <row r="227320" spans="14:14">
      <c r="N227320" s="10"/>
    </row>
    <row r="227321" spans="14:14">
      <c r="N227321" s="10"/>
    </row>
    <row r="227322" spans="14:14">
      <c r="N227322" s="10"/>
    </row>
    <row r="227323" spans="14:14">
      <c r="N227323" s="10"/>
    </row>
    <row r="227324" spans="14:14">
      <c r="N227324" s="10"/>
    </row>
    <row r="227325" spans="14:14">
      <c r="N227325" s="10"/>
    </row>
    <row r="227326" spans="14:14">
      <c r="N227326" s="10"/>
    </row>
    <row r="227327" spans="14:14">
      <c r="N227327" s="10"/>
    </row>
    <row r="227328" spans="14:14">
      <c r="N227328" s="10"/>
    </row>
    <row r="227329" spans="14:14">
      <c r="N227329" s="10"/>
    </row>
    <row r="227330" spans="14:14">
      <c r="N227330" s="10"/>
    </row>
    <row r="227331" spans="14:14">
      <c r="N227331" s="10"/>
    </row>
    <row r="227332" spans="14:14">
      <c r="N227332" s="10"/>
    </row>
    <row r="227333" spans="14:14">
      <c r="N227333" s="10"/>
    </row>
    <row r="227334" spans="14:14">
      <c r="N227334" s="10"/>
    </row>
    <row r="227335" spans="14:14">
      <c r="N227335" s="10"/>
    </row>
    <row r="227336" spans="14:14">
      <c r="N227336" s="10"/>
    </row>
    <row r="227337" spans="14:14">
      <c r="N227337" s="10"/>
    </row>
    <row r="227338" spans="14:14">
      <c r="N227338" s="10"/>
    </row>
    <row r="227339" spans="14:14">
      <c r="N227339" s="10"/>
    </row>
    <row r="227340" spans="14:14">
      <c r="N227340" s="10"/>
    </row>
    <row r="227341" spans="14:14">
      <c r="N227341" s="10"/>
    </row>
    <row r="227342" spans="14:14">
      <c r="N227342" s="10"/>
    </row>
    <row r="227343" spans="14:14">
      <c r="N227343" s="10"/>
    </row>
    <row r="227344" spans="14:14">
      <c r="N227344" s="10"/>
    </row>
    <row r="227345" spans="14:14">
      <c r="N227345" s="10"/>
    </row>
    <row r="227346" spans="14:14">
      <c r="N227346" s="10"/>
    </row>
    <row r="227347" spans="14:14">
      <c r="N227347" s="10"/>
    </row>
    <row r="227348" spans="14:14">
      <c r="N227348" s="10"/>
    </row>
    <row r="227349" spans="14:14">
      <c r="N227349" s="10"/>
    </row>
    <row r="227350" spans="14:14">
      <c r="N227350" s="10"/>
    </row>
    <row r="227351" spans="14:14">
      <c r="N227351" s="10"/>
    </row>
    <row r="227352" spans="14:14">
      <c r="N227352" s="10"/>
    </row>
    <row r="227353" spans="14:14">
      <c r="N227353" s="10"/>
    </row>
    <row r="227354" spans="14:14">
      <c r="N227354" s="10"/>
    </row>
    <row r="227355" spans="14:14">
      <c r="N227355" s="10"/>
    </row>
    <row r="227356" spans="14:14">
      <c r="N227356" s="10"/>
    </row>
    <row r="227357" spans="14:14">
      <c r="N227357" s="10"/>
    </row>
    <row r="227358" spans="14:14">
      <c r="N227358" s="10"/>
    </row>
    <row r="227359" spans="14:14">
      <c r="N227359" s="10"/>
    </row>
    <row r="227360" spans="14:14">
      <c r="N227360" s="10"/>
    </row>
    <row r="227361" spans="14:14">
      <c r="N227361" s="10"/>
    </row>
    <row r="227362" spans="14:14">
      <c r="N227362" s="10"/>
    </row>
    <row r="227363" spans="14:14">
      <c r="N227363" s="10"/>
    </row>
    <row r="227364" spans="14:14">
      <c r="N227364" s="10"/>
    </row>
    <row r="227365" spans="14:14">
      <c r="N227365" s="10"/>
    </row>
    <row r="227366" spans="14:14">
      <c r="N227366" s="10"/>
    </row>
    <row r="227367" spans="14:14">
      <c r="N227367" s="10"/>
    </row>
    <row r="227368" spans="14:14">
      <c r="N227368" s="10"/>
    </row>
    <row r="227369" spans="14:14">
      <c r="N227369" s="10"/>
    </row>
    <row r="227370" spans="14:14">
      <c r="N227370" s="10"/>
    </row>
    <row r="227371" spans="14:14">
      <c r="N227371" s="10"/>
    </row>
    <row r="227372" spans="14:14">
      <c r="N227372" s="10"/>
    </row>
    <row r="227373" spans="14:14">
      <c r="N227373" s="10"/>
    </row>
    <row r="227374" spans="14:14">
      <c r="N227374" s="10"/>
    </row>
    <row r="227375" spans="14:14">
      <c r="N227375" s="10"/>
    </row>
    <row r="227376" spans="14:14">
      <c r="N227376" s="10"/>
    </row>
    <row r="227377" spans="14:14">
      <c r="N227377" s="10"/>
    </row>
    <row r="227378" spans="14:14">
      <c r="N227378" s="10"/>
    </row>
    <row r="227379" spans="14:14">
      <c r="N227379" s="10"/>
    </row>
    <row r="227380" spans="14:14">
      <c r="N227380" s="10"/>
    </row>
    <row r="227381" spans="14:14">
      <c r="N227381" s="10"/>
    </row>
    <row r="227382" spans="14:14">
      <c r="N227382" s="10"/>
    </row>
    <row r="227383" spans="14:14">
      <c r="N227383" s="10"/>
    </row>
    <row r="227384" spans="14:14">
      <c r="N227384" s="10"/>
    </row>
    <row r="227385" spans="14:14">
      <c r="N227385" s="10"/>
    </row>
    <row r="227386" spans="14:14">
      <c r="N227386" s="10"/>
    </row>
    <row r="227387" spans="14:14">
      <c r="N227387" s="10"/>
    </row>
    <row r="227388" spans="14:14">
      <c r="N227388" s="10"/>
    </row>
    <row r="227389" spans="14:14">
      <c r="N227389" s="10"/>
    </row>
    <row r="227390" spans="14:14">
      <c r="N227390" s="10"/>
    </row>
    <row r="227391" spans="14:14">
      <c r="N227391" s="10"/>
    </row>
    <row r="227392" spans="14:14">
      <c r="N227392" s="10"/>
    </row>
    <row r="227393" spans="14:14">
      <c r="N227393" s="10"/>
    </row>
    <row r="227394" spans="14:14">
      <c r="N227394" s="10"/>
    </row>
    <row r="227395" spans="14:14">
      <c r="N227395" s="10"/>
    </row>
    <row r="227396" spans="14:14">
      <c r="N227396" s="10"/>
    </row>
    <row r="227397" spans="14:14">
      <c r="N227397" s="10"/>
    </row>
    <row r="227398" spans="14:14">
      <c r="N227398" s="10"/>
    </row>
    <row r="227399" spans="14:14">
      <c r="N227399" s="10"/>
    </row>
    <row r="227400" spans="14:14">
      <c r="N227400" s="10"/>
    </row>
    <row r="227401" spans="14:14">
      <c r="N227401" s="10"/>
    </row>
    <row r="227402" spans="14:14">
      <c r="N227402" s="10"/>
    </row>
    <row r="227403" spans="14:14">
      <c r="N227403" s="10"/>
    </row>
    <row r="227404" spans="14:14">
      <c r="N227404" s="10"/>
    </row>
    <row r="227405" spans="14:14">
      <c r="N227405" s="10"/>
    </row>
    <row r="227406" spans="14:14">
      <c r="N227406" s="10"/>
    </row>
    <row r="227407" spans="14:14">
      <c r="N227407" s="10"/>
    </row>
    <row r="227408" spans="14:14">
      <c r="N227408" s="10"/>
    </row>
    <row r="227409" spans="14:14">
      <c r="N227409" s="10"/>
    </row>
    <row r="227410" spans="14:14">
      <c r="N227410" s="10"/>
    </row>
    <row r="227411" spans="14:14">
      <c r="N227411" s="10"/>
    </row>
    <row r="227412" spans="14:14">
      <c r="N227412" s="10"/>
    </row>
    <row r="227413" spans="14:14">
      <c r="N227413" s="10"/>
    </row>
    <row r="227414" spans="14:14">
      <c r="N227414" s="10"/>
    </row>
    <row r="227415" spans="14:14">
      <c r="N227415" s="10"/>
    </row>
    <row r="227416" spans="14:14">
      <c r="N227416" s="10"/>
    </row>
    <row r="227417" spans="14:14">
      <c r="N227417" s="10"/>
    </row>
    <row r="227418" spans="14:14">
      <c r="N227418" s="10"/>
    </row>
    <row r="227419" spans="14:14">
      <c r="N227419" s="10"/>
    </row>
    <row r="227420" spans="14:14">
      <c r="N227420" s="10"/>
    </row>
    <row r="227421" spans="14:14">
      <c r="N227421" s="10"/>
    </row>
    <row r="227422" spans="14:14">
      <c r="N227422" s="10"/>
    </row>
    <row r="227423" spans="14:14">
      <c r="N227423" s="10"/>
    </row>
    <row r="227424" spans="14:14">
      <c r="N227424" s="10"/>
    </row>
    <row r="227425" spans="14:14">
      <c r="N227425" s="10"/>
    </row>
    <row r="227426" spans="14:14">
      <c r="N227426" s="10"/>
    </row>
    <row r="227427" spans="14:14">
      <c r="N227427" s="10"/>
    </row>
    <row r="227428" spans="14:14">
      <c r="N227428" s="10"/>
    </row>
    <row r="227429" spans="14:14">
      <c r="N227429" s="10"/>
    </row>
    <row r="227430" spans="14:14">
      <c r="N227430" s="10"/>
    </row>
    <row r="227431" spans="14:14">
      <c r="N227431" s="10"/>
    </row>
    <row r="227432" spans="14:14">
      <c r="N227432" s="10"/>
    </row>
    <row r="227433" spans="14:14">
      <c r="N227433" s="10"/>
    </row>
    <row r="227434" spans="14:14">
      <c r="N227434" s="10"/>
    </row>
    <row r="227435" spans="14:14">
      <c r="N227435" s="10"/>
    </row>
    <row r="227436" spans="14:14">
      <c r="N227436" s="10"/>
    </row>
    <row r="227437" spans="14:14">
      <c r="N227437" s="10"/>
    </row>
    <row r="227438" spans="14:14">
      <c r="N227438" s="10"/>
    </row>
    <row r="227439" spans="14:14">
      <c r="N227439" s="10"/>
    </row>
    <row r="227440" spans="14:14">
      <c r="N227440" s="10"/>
    </row>
    <row r="227441" spans="14:14">
      <c r="N227441" s="10"/>
    </row>
    <row r="227442" spans="14:14">
      <c r="N227442" s="10"/>
    </row>
    <row r="227443" spans="14:14">
      <c r="N227443" s="10"/>
    </row>
    <row r="227444" spans="14:14">
      <c r="N227444" s="10"/>
    </row>
    <row r="227445" spans="14:14">
      <c r="N227445" s="10"/>
    </row>
    <row r="227446" spans="14:14">
      <c r="N227446" s="10"/>
    </row>
    <row r="227447" spans="14:14">
      <c r="N227447" s="10"/>
    </row>
    <row r="227448" spans="14:14">
      <c r="N227448" s="10"/>
    </row>
    <row r="227449" spans="14:14">
      <c r="N227449" s="10"/>
    </row>
    <row r="227450" spans="14:14">
      <c r="N227450" s="10"/>
    </row>
    <row r="227451" spans="14:14">
      <c r="N227451" s="10"/>
    </row>
    <row r="227452" spans="14:14">
      <c r="N227452" s="10"/>
    </row>
    <row r="227453" spans="14:14">
      <c r="N227453" s="10"/>
    </row>
    <row r="227454" spans="14:14">
      <c r="N227454" s="10"/>
    </row>
    <row r="227455" spans="14:14">
      <c r="N227455" s="10"/>
    </row>
    <row r="227456" spans="14:14">
      <c r="N227456" s="10"/>
    </row>
    <row r="227457" spans="14:14">
      <c r="N227457" s="10"/>
    </row>
    <row r="227458" spans="14:14">
      <c r="N227458" s="10"/>
    </row>
    <row r="227459" spans="14:14">
      <c r="N227459" s="10"/>
    </row>
    <row r="227460" spans="14:14">
      <c r="N227460" s="10"/>
    </row>
    <row r="227461" spans="14:14">
      <c r="N227461" s="10"/>
    </row>
    <row r="227462" spans="14:14">
      <c r="N227462" s="10"/>
    </row>
    <row r="227463" spans="14:14">
      <c r="N227463" s="10"/>
    </row>
    <row r="227464" spans="14:14">
      <c r="N227464" s="10"/>
    </row>
    <row r="227465" spans="14:14">
      <c r="N227465" s="10"/>
    </row>
    <row r="227466" spans="14:14">
      <c r="N227466" s="10"/>
    </row>
    <row r="227467" spans="14:14">
      <c r="N227467" s="10"/>
    </row>
    <row r="227468" spans="14:14">
      <c r="N227468" s="10"/>
    </row>
    <row r="227469" spans="14:14">
      <c r="N227469" s="10"/>
    </row>
    <row r="227470" spans="14:14">
      <c r="N227470" s="10"/>
    </row>
    <row r="227471" spans="14:14">
      <c r="N227471" s="10"/>
    </row>
    <row r="227472" spans="14:14">
      <c r="N227472" s="10"/>
    </row>
    <row r="227473" spans="14:14">
      <c r="N227473" s="10"/>
    </row>
    <row r="227474" spans="14:14">
      <c r="N227474" s="10"/>
    </row>
    <row r="227475" spans="14:14">
      <c r="N227475" s="10"/>
    </row>
    <row r="227476" spans="14:14">
      <c r="N227476" s="10"/>
    </row>
    <row r="227477" spans="14:14">
      <c r="N227477" s="10"/>
    </row>
    <row r="227478" spans="14:14">
      <c r="N227478" s="10"/>
    </row>
    <row r="227479" spans="14:14">
      <c r="N227479" s="10"/>
    </row>
    <row r="227480" spans="14:14">
      <c r="N227480" s="10"/>
    </row>
    <row r="227481" spans="14:14">
      <c r="N227481" s="10"/>
    </row>
    <row r="227482" spans="14:14">
      <c r="N227482" s="10"/>
    </row>
    <row r="227483" spans="14:14">
      <c r="N227483" s="10"/>
    </row>
    <row r="227484" spans="14:14">
      <c r="N227484" s="10"/>
    </row>
    <row r="227485" spans="14:14">
      <c r="N227485" s="10"/>
    </row>
    <row r="227486" spans="14:14">
      <c r="N227486" s="10"/>
    </row>
    <row r="227487" spans="14:14">
      <c r="N227487" s="10"/>
    </row>
    <row r="227488" spans="14:14">
      <c r="N227488" s="10"/>
    </row>
    <row r="227489" spans="14:14">
      <c r="N227489" s="10"/>
    </row>
    <row r="227490" spans="14:14">
      <c r="N227490" s="10"/>
    </row>
    <row r="227491" spans="14:14">
      <c r="N227491" s="10"/>
    </row>
    <row r="227492" spans="14:14">
      <c r="N227492" s="10"/>
    </row>
    <row r="227493" spans="14:14">
      <c r="N227493" s="10"/>
    </row>
    <row r="227494" spans="14:14">
      <c r="N227494" s="10"/>
    </row>
    <row r="227495" spans="14:14">
      <c r="N227495" s="10"/>
    </row>
    <row r="227496" spans="14:14">
      <c r="N227496" s="10"/>
    </row>
    <row r="227497" spans="14:14">
      <c r="N227497" s="10"/>
    </row>
    <row r="227498" spans="14:14">
      <c r="N227498" s="10"/>
    </row>
    <row r="227499" spans="14:14">
      <c r="N227499" s="10"/>
    </row>
    <row r="227500" spans="14:14">
      <c r="N227500" s="10"/>
    </row>
    <row r="227501" spans="14:14">
      <c r="N227501" s="10"/>
    </row>
    <row r="227502" spans="14:14">
      <c r="N227502" s="10"/>
    </row>
    <row r="227503" spans="14:14">
      <c r="N227503" s="10"/>
    </row>
    <row r="227504" spans="14:14">
      <c r="N227504" s="10"/>
    </row>
    <row r="227505" spans="14:14">
      <c r="N227505" s="10"/>
    </row>
    <row r="227506" spans="14:14">
      <c r="N227506" s="10"/>
    </row>
    <row r="227507" spans="14:14">
      <c r="N227507" s="10"/>
    </row>
    <row r="227508" spans="14:14">
      <c r="N227508" s="10"/>
    </row>
    <row r="227509" spans="14:14">
      <c r="N227509" s="10"/>
    </row>
    <row r="227510" spans="14:14">
      <c r="N227510" s="10"/>
    </row>
    <row r="227511" spans="14:14">
      <c r="N227511" s="10"/>
    </row>
    <row r="227512" spans="14:14">
      <c r="N227512" s="10"/>
    </row>
    <row r="227513" spans="14:14">
      <c r="N227513" s="10"/>
    </row>
    <row r="227514" spans="14:14">
      <c r="N227514" s="10"/>
    </row>
    <row r="227515" spans="14:14">
      <c r="N227515" s="10"/>
    </row>
    <row r="227516" spans="14:14">
      <c r="N227516" s="10"/>
    </row>
    <row r="227517" spans="14:14">
      <c r="N227517" s="10"/>
    </row>
    <row r="227518" spans="14:14">
      <c r="N227518" s="10"/>
    </row>
    <row r="227519" spans="14:14">
      <c r="N227519" s="10"/>
    </row>
    <row r="227520" spans="14:14">
      <c r="N227520" s="10"/>
    </row>
    <row r="227521" spans="14:14">
      <c r="N227521" s="10"/>
    </row>
    <row r="227522" spans="14:14">
      <c r="N227522" s="10"/>
    </row>
    <row r="227523" spans="14:14">
      <c r="N227523" s="10"/>
    </row>
    <row r="227524" spans="14:14">
      <c r="N227524" s="10"/>
    </row>
    <row r="227525" spans="14:14">
      <c r="N227525" s="10"/>
    </row>
    <row r="227526" spans="14:14">
      <c r="N227526" s="10"/>
    </row>
    <row r="227527" spans="14:14">
      <c r="N227527" s="10"/>
    </row>
    <row r="227528" spans="14:14">
      <c r="N227528" s="10"/>
    </row>
    <row r="227529" spans="14:14">
      <c r="N227529" s="10"/>
    </row>
    <row r="227530" spans="14:14">
      <c r="N227530" s="10"/>
    </row>
    <row r="227531" spans="14:14">
      <c r="N227531" s="10"/>
    </row>
    <row r="227532" spans="14:14">
      <c r="N227532" s="10"/>
    </row>
    <row r="227533" spans="14:14">
      <c r="N227533" s="10"/>
    </row>
    <row r="227534" spans="14:14">
      <c r="N227534" s="10"/>
    </row>
    <row r="227535" spans="14:14">
      <c r="N227535" s="10"/>
    </row>
    <row r="227536" spans="14:14">
      <c r="N227536" s="10"/>
    </row>
    <row r="227537" spans="14:14">
      <c r="N227537" s="10"/>
    </row>
    <row r="227538" spans="14:14">
      <c r="N227538" s="10"/>
    </row>
    <row r="227539" spans="14:14">
      <c r="N227539" s="10"/>
    </row>
    <row r="227540" spans="14:14">
      <c r="N227540" s="10"/>
    </row>
    <row r="227541" spans="14:14">
      <c r="N227541" s="10"/>
    </row>
    <row r="227542" spans="14:14">
      <c r="N227542" s="10"/>
    </row>
    <row r="227543" spans="14:14">
      <c r="N227543" s="10"/>
    </row>
    <row r="227544" spans="14:14">
      <c r="N227544" s="10"/>
    </row>
    <row r="227545" spans="14:14">
      <c r="N227545" s="10"/>
    </row>
    <row r="227546" spans="14:14">
      <c r="N227546" s="10"/>
    </row>
    <row r="227547" spans="14:14">
      <c r="N227547" s="10"/>
    </row>
    <row r="227548" spans="14:14">
      <c r="N227548" s="10"/>
    </row>
    <row r="227549" spans="14:14">
      <c r="N227549" s="10"/>
    </row>
    <row r="227550" spans="14:14">
      <c r="N227550" s="10"/>
    </row>
    <row r="227551" spans="14:14">
      <c r="N227551" s="10"/>
    </row>
    <row r="227552" spans="14:14">
      <c r="N227552" s="10"/>
    </row>
    <row r="227553" spans="14:14">
      <c r="N227553" s="10"/>
    </row>
    <row r="227554" spans="14:14">
      <c r="N227554" s="10"/>
    </row>
    <row r="227555" spans="14:14">
      <c r="N227555" s="10"/>
    </row>
    <row r="227556" spans="14:14">
      <c r="N227556" s="10"/>
    </row>
    <row r="227557" spans="14:14">
      <c r="N227557" s="10"/>
    </row>
    <row r="227558" spans="14:14">
      <c r="N227558" s="10"/>
    </row>
    <row r="227559" spans="14:14">
      <c r="N227559" s="10"/>
    </row>
    <row r="227560" spans="14:14">
      <c r="N227560" s="10"/>
    </row>
    <row r="227561" spans="14:14">
      <c r="N227561" s="10"/>
    </row>
    <row r="227562" spans="14:14">
      <c r="N227562" s="10"/>
    </row>
    <row r="227563" spans="14:14">
      <c r="N227563" s="10"/>
    </row>
    <row r="227564" spans="14:14">
      <c r="N227564" s="10"/>
    </row>
    <row r="227565" spans="14:14">
      <c r="N227565" s="10"/>
    </row>
    <row r="227566" spans="14:14">
      <c r="N227566" s="10"/>
    </row>
    <row r="227567" spans="14:14">
      <c r="N227567" s="10"/>
    </row>
    <row r="227568" spans="14:14">
      <c r="N227568" s="10"/>
    </row>
    <row r="227569" spans="14:14">
      <c r="N227569" s="10"/>
    </row>
    <row r="227570" spans="14:14">
      <c r="N227570" s="10"/>
    </row>
    <row r="227571" spans="14:14">
      <c r="N227571" s="10"/>
    </row>
    <row r="227572" spans="14:14">
      <c r="N227572" s="10"/>
    </row>
    <row r="227573" spans="14:14">
      <c r="N227573" s="10"/>
    </row>
    <row r="227574" spans="14:14">
      <c r="N227574" s="10"/>
    </row>
    <row r="227575" spans="14:14">
      <c r="N227575" s="10"/>
    </row>
    <row r="227576" spans="14:14">
      <c r="N227576" s="10"/>
    </row>
    <row r="227577" spans="14:14">
      <c r="N227577" s="10"/>
    </row>
    <row r="227578" spans="14:14">
      <c r="N227578" s="10"/>
    </row>
    <row r="227579" spans="14:14">
      <c r="N227579" s="10"/>
    </row>
    <row r="227580" spans="14:14">
      <c r="N227580" s="10"/>
    </row>
    <row r="227581" spans="14:14">
      <c r="N227581" s="10"/>
    </row>
    <row r="227582" spans="14:14">
      <c r="N227582" s="10"/>
    </row>
    <row r="227583" spans="14:14">
      <c r="N227583" s="10"/>
    </row>
    <row r="227584" spans="14:14">
      <c r="N227584" s="10"/>
    </row>
    <row r="227585" spans="14:14">
      <c r="N227585" s="10"/>
    </row>
    <row r="227586" spans="14:14">
      <c r="N227586" s="10"/>
    </row>
    <row r="227587" spans="14:14">
      <c r="N227587" s="10"/>
    </row>
    <row r="227588" spans="14:14">
      <c r="N227588" s="10"/>
    </row>
    <row r="227589" spans="14:14">
      <c r="N227589" s="10"/>
    </row>
    <row r="227590" spans="14:14">
      <c r="N227590" s="10"/>
    </row>
    <row r="227591" spans="14:14">
      <c r="N227591" s="10"/>
    </row>
    <row r="227592" spans="14:14">
      <c r="N227592" s="10"/>
    </row>
    <row r="227593" spans="14:14">
      <c r="N227593" s="10"/>
    </row>
    <row r="227594" spans="14:14">
      <c r="N227594" s="10"/>
    </row>
    <row r="227595" spans="14:14">
      <c r="N227595" s="10"/>
    </row>
    <row r="227596" spans="14:14">
      <c r="N227596" s="10"/>
    </row>
    <row r="227597" spans="14:14">
      <c r="N227597" s="10"/>
    </row>
    <row r="227598" spans="14:14">
      <c r="N227598" s="10"/>
    </row>
    <row r="227599" spans="14:14">
      <c r="N227599" s="10"/>
    </row>
    <row r="227600" spans="14:14">
      <c r="N227600" s="10"/>
    </row>
    <row r="227601" spans="14:14">
      <c r="N227601" s="10"/>
    </row>
    <row r="227602" spans="14:14">
      <c r="N227602" s="10"/>
    </row>
    <row r="227603" spans="14:14">
      <c r="N227603" s="10"/>
    </row>
    <row r="227604" spans="14:14">
      <c r="N227604" s="10"/>
    </row>
    <row r="227605" spans="14:14">
      <c r="N227605" s="10"/>
    </row>
    <row r="227606" spans="14:14">
      <c r="N227606" s="10"/>
    </row>
    <row r="227607" spans="14:14">
      <c r="N227607" s="10"/>
    </row>
    <row r="227608" spans="14:14">
      <c r="N227608" s="10"/>
    </row>
    <row r="227609" spans="14:14">
      <c r="N227609" s="10"/>
    </row>
    <row r="227610" spans="14:14">
      <c r="N227610" s="10"/>
    </row>
    <row r="227611" spans="14:14">
      <c r="N227611" s="10"/>
    </row>
    <row r="227612" spans="14:14">
      <c r="N227612" s="10"/>
    </row>
    <row r="227613" spans="14:14">
      <c r="N227613" s="10"/>
    </row>
    <row r="227614" spans="14:14">
      <c r="N227614" s="10"/>
    </row>
    <row r="227615" spans="14:14">
      <c r="N227615" s="10"/>
    </row>
    <row r="227616" spans="14:14">
      <c r="N227616" s="10"/>
    </row>
    <row r="227617" spans="14:14">
      <c r="N227617" s="10"/>
    </row>
    <row r="227618" spans="14:14">
      <c r="N227618" s="10"/>
    </row>
    <row r="227619" spans="14:14">
      <c r="N227619" s="10"/>
    </row>
    <row r="227620" spans="14:14">
      <c r="N227620" s="10"/>
    </row>
    <row r="227621" spans="14:14">
      <c r="N227621" s="10"/>
    </row>
    <row r="227622" spans="14:14">
      <c r="N227622" s="10"/>
    </row>
    <row r="227623" spans="14:14">
      <c r="N227623" s="10"/>
    </row>
    <row r="227624" spans="14:14">
      <c r="N227624" s="10"/>
    </row>
    <row r="227625" spans="14:14">
      <c r="N227625" s="10"/>
    </row>
    <row r="227626" spans="14:14">
      <c r="N227626" s="10"/>
    </row>
    <row r="227627" spans="14:14">
      <c r="N227627" s="10"/>
    </row>
    <row r="227628" spans="14:14">
      <c r="N227628" s="10"/>
    </row>
    <row r="227629" spans="14:14">
      <c r="N227629" s="10"/>
    </row>
    <row r="227630" spans="14:14">
      <c r="N227630" s="10"/>
    </row>
    <row r="227631" spans="14:14">
      <c r="N227631" s="10"/>
    </row>
    <row r="227632" spans="14:14">
      <c r="N227632" s="10"/>
    </row>
    <row r="227633" spans="14:14">
      <c r="N227633" s="10"/>
    </row>
    <row r="227634" spans="14:14">
      <c r="N227634" s="10"/>
    </row>
    <row r="227635" spans="14:14">
      <c r="N227635" s="10"/>
    </row>
    <row r="227636" spans="14:14">
      <c r="N227636" s="10"/>
    </row>
    <row r="227637" spans="14:14">
      <c r="N227637" s="10"/>
    </row>
    <row r="227638" spans="14:14">
      <c r="N227638" s="10"/>
    </row>
    <row r="227639" spans="14:14">
      <c r="N227639" s="10"/>
    </row>
    <row r="227640" spans="14:14">
      <c r="N227640" s="10"/>
    </row>
    <row r="227641" spans="14:14">
      <c r="N227641" s="10"/>
    </row>
    <row r="227642" spans="14:14">
      <c r="N227642" s="10"/>
    </row>
    <row r="227643" spans="14:14">
      <c r="N227643" s="10"/>
    </row>
    <row r="227644" spans="14:14">
      <c r="N227644" s="10"/>
    </row>
    <row r="227645" spans="14:14">
      <c r="N227645" s="10"/>
    </row>
    <row r="227646" spans="14:14">
      <c r="N227646" s="10"/>
    </row>
    <row r="227647" spans="14:14">
      <c r="N227647" s="10"/>
    </row>
    <row r="227648" spans="14:14">
      <c r="N227648" s="10"/>
    </row>
    <row r="227649" spans="14:14">
      <c r="N227649" s="10"/>
    </row>
    <row r="227650" spans="14:14">
      <c r="N227650" s="10"/>
    </row>
    <row r="227651" spans="14:14">
      <c r="N227651" s="10"/>
    </row>
    <row r="227652" spans="14:14">
      <c r="N227652" s="10"/>
    </row>
    <row r="227653" spans="14:14">
      <c r="N227653" s="10"/>
    </row>
    <row r="227654" spans="14:14">
      <c r="N227654" s="10"/>
    </row>
    <row r="227655" spans="14:14">
      <c r="N227655" s="10"/>
    </row>
    <row r="227656" spans="14:14">
      <c r="N227656" s="10"/>
    </row>
    <row r="227657" spans="14:14">
      <c r="N227657" s="10"/>
    </row>
    <row r="227658" spans="14:14">
      <c r="N227658" s="10"/>
    </row>
    <row r="227659" spans="14:14">
      <c r="N227659" s="10"/>
    </row>
    <row r="227660" spans="14:14">
      <c r="N227660" s="10"/>
    </row>
    <row r="227661" spans="14:14">
      <c r="N227661" s="10"/>
    </row>
    <row r="227662" spans="14:14">
      <c r="N227662" s="10"/>
    </row>
    <row r="227663" spans="14:14">
      <c r="N227663" s="10"/>
    </row>
    <row r="227664" spans="14:14">
      <c r="N227664" s="10"/>
    </row>
    <row r="227665" spans="14:14">
      <c r="N227665" s="10"/>
    </row>
    <row r="227666" spans="14:14">
      <c r="N227666" s="10"/>
    </row>
    <row r="227667" spans="14:14">
      <c r="N227667" s="10"/>
    </row>
    <row r="227668" spans="14:14">
      <c r="N227668" s="10"/>
    </row>
    <row r="227669" spans="14:14">
      <c r="N227669" s="10"/>
    </row>
    <row r="227670" spans="14:14">
      <c r="N227670" s="10"/>
    </row>
    <row r="227671" spans="14:14">
      <c r="N227671" s="10"/>
    </row>
    <row r="227672" spans="14:14">
      <c r="N227672" s="10"/>
    </row>
    <row r="227673" spans="14:14">
      <c r="N227673" s="10"/>
    </row>
    <row r="227674" spans="14:14">
      <c r="N227674" s="10"/>
    </row>
    <row r="227675" spans="14:14">
      <c r="N227675" s="10"/>
    </row>
    <row r="227676" spans="14:14">
      <c r="N227676" s="10"/>
    </row>
    <row r="227677" spans="14:14">
      <c r="N227677" s="10"/>
    </row>
    <row r="227678" spans="14:14">
      <c r="N227678" s="10"/>
    </row>
    <row r="227679" spans="14:14">
      <c r="N227679" s="10"/>
    </row>
    <row r="227680" spans="14:14">
      <c r="N227680" s="10"/>
    </row>
    <row r="227681" spans="14:14">
      <c r="N227681" s="10"/>
    </row>
    <row r="227682" spans="14:14">
      <c r="N227682" s="10"/>
    </row>
    <row r="227683" spans="14:14">
      <c r="N227683" s="10"/>
    </row>
    <row r="227684" spans="14:14">
      <c r="N227684" s="10"/>
    </row>
    <row r="227685" spans="14:14">
      <c r="N227685" s="10"/>
    </row>
    <row r="227686" spans="14:14">
      <c r="N227686" s="10"/>
    </row>
    <row r="227687" spans="14:14">
      <c r="N227687" s="10"/>
    </row>
    <row r="227688" spans="14:14">
      <c r="N227688" s="10"/>
    </row>
    <row r="227689" spans="14:14">
      <c r="N227689" s="10"/>
    </row>
    <row r="227690" spans="14:14">
      <c r="N227690" s="10"/>
    </row>
    <row r="227691" spans="14:14">
      <c r="N227691" s="10"/>
    </row>
    <row r="227692" spans="14:14">
      <c r="N227692" s="10"/>
    </row>
    <row r="227693" spans="14:14">
      <c r="N227693" s="10"/>
    </row>
    <row r="227694" spans="14:14">
      <c r="N227694" s="10"/>
    </row>
    <row r="227695" spans="14:14">
      <c r="N227695" s="10"/>
    </row>
    <row r="227696" spans="14:14">
      <c r="N227696" s="10"/>
    </row>
    <row r="227697" spans="14:14">
      <c r="N227697" s="10"/>
    </row>
    <row r="227698" spans="14:14">
      <c r="N227698" s="10"/>
    </row>
    <row r="227699" spans="14:14">
      <c r="N227699" s="10"/>
    </row>
    <row r="227700" spans="14:14">
      <c r="N227700" s="10"/>
    </row>
    <row r="227701" spans="14:14">
      <c r="N227701" s="10"/>
    </row>
    <row r="227702" spans="14:14">
      <c r="N227702" s="10"/>
    </row>
    <row r="227703" spans="14:14">
      <c r="N227703" s="10"/>
    </row>
    <row r="227704" spans="14:14">
      <c r="N227704" s="10"/>
    </row>
    <row r="227705" spans="14:14">
      <c r="N227705" s="10"/>
    </row>
    <row r="227706" spans="14:14">
      <c r="N227706" s="10"/>
    </row>
    <row r="227707" spans="14:14">
      <c r="N227707" s="10"/>
    </row>
    <row r="227708" spans="14:14">
      <c r="N227708" s="10"/>
    </row>
    <row r="227709" spans="14:14">
      <c r="N227709" s="10"/>
    </row>
    <row r="227710" spans="14:14">
      <c r="N227710" s="10"/>
    </row>
    <row r="227711" spans="14:14">
      <c r="N227711" s="10"/>
    </row>
    <row r="227712" spans="14:14">
      <c r="N227712" s="10"/>
    </row>
    <row r="227713" spans="14:14">
      <c r="N227713" s="10"/>
    </row>
    <row r="227714" spans="14:14">
      <c r="N227714" s="10"/>
    </row>
    <row r="227715" spans="14:14">
      <c r="N227715" s="10"/>
    </row>
    <row r="227716" spans="14:14">
      <c r="N227716" s="10"/>
    </row>
    <row r="227717" spans="14:14">
      <c r="N227717" s="10"/>
    </row>
    <row r="227718" spans="14:14">
      <c r="N227718" s="10"/>
    </row>
    <row r="227719" spans="14:14">
      <c r="N227719" s="10"/>
    </row>
    <row r="227720" spans="14:14">
      <c r="N227720" s="10"/>
    </row>
    <row r="227721" spans="14:14">
      <c r="N227721" s="10"/>
    </row>
    <row r="227722" spans="14:14">
      <c r="N227722" s="10"/>
    </row>
    <row r="227723" spans="14:14">
      <c r="N227723" s="10"/>
    </row>
    <row r="227724" spans="14:14">
      <c r="N227724" s="10"/>
    </row>
    <row r="227725" spans="14:14">
      <c r="N227725" s="10"/>
    </row>
    <row r="227726" spans="14:14">
      <c r="N227726" s="10"/>
    </row>
    <row r="227727" spans="14:14">
      <c r="N227727" s="10"/>
    </row>
    <row r="227728" spans="14:14">
      <c r="N227728" s="10"/>
    </row>
    <row r="227729" spans="14:14">
      <c r="N227729" s="10"/>
    </row>
    <row r="227730" spans="14:14">
      <c r="N227730" s="10"/>
    </row>
    <row r="227731" spans="14:14">
      <c r="N227731" s="10"/>
    </row>
    <row r="227732" spans="14:14">
      <c r="N227732" s="10"/>
    </row>
    <row r="227733" spans="14:14">
      <c r="N227733" s="10"/>
    </row>
    <row r="227734" spans="14:14">
      <c r="N227734" s="10"/>
    </row>
    <row r="227735" spans="14:14">
      <c r="N227735" s="10"/>
    </row>
    <row r="227736" spans="14:14">
      <c r="N227736" s="10"/>
    </row>
    <row r="227737" spans="14:14">
      <c r="N227737" s="10"/>
    </row>
    <row r="227738" spans="14:14">
      <c r="N227738" s="10"/>
    </row>
    <row r="227739" spans="14:14">
      <c r="N227739" s="10"/>
    </row>
    <row r="227740" spans="14:14">
      <c r="N227740" s="10"/>
    </row>
    <row r="227741" spans="14:14">
      <c r="N227741" s="10"/>
    </row>
    <row r="227742" spans="14:14">
      <c r="N227742" s="10"/>
    </row>
    <row r="227743" spans="14:14">
      <c r="N227743" s="10"/>
    </row>
    <row r="227744" spans="14:14">
      <c r="N227744" s="10"/>
    </row>
    <row r="227745" spans="14:14">
      <c r="N227745" s="10"/>
    </row>
    <row r="227746" spans="14:14">
      <c r="N227746" s="10"/>
    </row>
    <row r="227747" spans="14:14">
      <c r="N227747" s="10"/>
    </row>
    <row r="227748" spans="14:14">
      <c r="N227748" s="10"/>
    </row>
    <row r="227749" spans="14:14">
      <c r="N227749" s="10"/>
    </row>
    <row r="227750" spans="14:14">
      <c r="N227750" s="10"/>
    </row>
    <row r="227751" spans="14:14">
      <c r="N227751" s="10"/>
    </row>
    <row r="227752" spans="14:14">
      <c r="N227752" s="10"/>
    </row>
    <row r="227753" spans="14:14">
      <c r="N227753" s="10"/>
    </row>
    <row r="227754" spans="14:14">
      <c r="N227754" s="10"/>
    </row>
    <row r="227755" spans="14:14">
      <c r="N227755" s="10"/>
    </row>
    <row r="227756" spans="14:14">
      <c r="N227756" s="10"/>
    </row>
    <row r="227757" spans="14:14">
      <c r="N227757" s="10"/>
    </row>
    <row r="227758" spans="14:14">
      <c r="N227758" s="10"/>
    </row>
    <row r="227759" spans="14:14">
      <c r="N227759" s="10"/>
    </row>
    <row r="227760" spans="14:14">
      <c r="N227760" s="10"/>
    </row>
    <row r="227761" spans="14:14">
      <c r="N227761" s="10"/>
    </row>
    <row r="227762" spans="14:14">
      <c r="N227762" s="10"/>
    </row>
    <row r="227763" spans="14:14">
      <c r="N227763" s="10"/>
    </row>
    <row r="227764" spans="14:14">
      <c r="N227764" s="10"/>
    </row>
    <row r="227765" spans="14:14">
      <c r="N227765" s="10"/>
    </row>
    <row r="227766" spans="14:14">
      <c r="N227766" s="10"/>
    </row>
    <row r="227767" spans="14:14">
      <c r="N227767" s="10"/>
    </row>
    <row r="227768" spans="14:14">
      <c r="N227768" s="10"/>
    </row>
    <row r="227769" spans="14:14">
      <c r="N227769" s="10"/>
    </row>
    <row r="227770" spans="14:14">
      <c r="N227770" s="10"/>
    </row>
    <row r="227771" spans="14:14">
      <c r="N227771" s="10"/>
    </row>
    <row r="227772" spans="14:14">
      <c r="N227772" s="10"/>
    </row>
    <row r="227773" spans="14:14">
      <c r="N227773" s="10"/>
    </row>
    <row r="227774" spans="14:14">
      <c r="N227774" s="10"/>
    </row>
    <row r="227775" spans="14:14">
      <c r="N227775" s="10"/>
    </row>
    <row r="227776" spans="14:14">
      <c r="N227776" s="10"/>
    </row>
    <row r="227777" spans="14:14">
      <c r="N227777" s="10"/>
    </row>
    <row r="227778" spans="14:14">
      <c r="N227778" s="10"/>
    </row>
    <row r="227779" spans="14:14">
      <c r="N227779" s="10"/>
    </row>
    <row r="227780" spans="14:14">
      <c r="N227780" s="10"/>
    </row>
    <row r="227781" spans="14:14">
      <c r="N227781" s="10"/>
    </row>
    <row r="227782" spans="14:14">
      <c r="N227782" s="10"/>
    </row>
    <row r="227783" spans="14:14">
      <c r="N227783" s="10"/>
    </row>
    <row r="227784" spans="14:14">
      <c r="N227784" s="10"/>
    </row>
    <row r="227785" spans="14:14">
      <c r="N227785" s="10"/>
    </row>
    <row r="227786" spans="14:14">
      <c r="N227786" s="10"/>
    </row>
    <row r="227787" spans="14:14">
      <c r="N227787" s="10"/>
    </row>
    <row r="227788" spans="14:14">
      <c r="N227788" s="10"/>
    </row>
    <row r="227789" spans="14:14">
      <c r="N227789" s="10"/>
    </row>
    <row r="227790" spans="14:14">
      <c r="N227790" s="10"/>
    </row>
    <row r="227791" spans="14:14">
      <c r="N227791" s="10"/>
    </row>
    <row r="227792" spans="14:14">
      <c r="N227792" s="10"/>
    </row>
    <row r="227793" spans="14:14">
      <c r="N227793" s="10"/>
    </row>
    <row r="227794" spans="14:14">
      <c r="N227794" s="10"/>
    </row>
    <row r="227795" spans="14:14">
      <c r="N227795" s="10"/>
    </row>
    <row r="227796" spans="14:14">
      <c r="N227796" s="10"/>
    </row>
    <row r="227797" spans="14:14">
      <c r="N227797" s="10"/>
    </row>
    <row r="227798" spans="14:14">
      <c r="N227798" s="10"/>
    </row>
    <row r="227799" spans="14:14">
      <c r="N227799" s="10"/>
    </row>
    <row r="227800" spans="14:14">
      <c r="N227800" s="10"/>
    </row>
    <row r="227801" spans="14:14">
      <c r="N227801" s="10"/>
    </row>
    <row r="227802" spans="14:14">
      <c r="N227802" s="10"/>
    </row>
    <row r="227803" spans="14:14">
      <c r="N227803" s="10"/>
    </row>
    <row r="227804" spans="14:14">
      <c r="N227804" s="10"/>
    </row>
    <row r="227805" spans="14:14">
      <c r="N227805" s="10"/>
    </row>
    <row r="227806" spans="14:14">
      <c r="N227806" s="10"/>
    </row>
    <row r="227807" spans="14:14">
      <c r="N227807" s="10"/>
    </row>
    <row r="227808" spans="14:14">
      <c r="N227808" s="10"/>
    </row>
    <row r="227809" spans="14:14">
      <c r="N227809" s="10"/>
    </row>
    <row r="227810" spans="14:14">
      <c r="N227810" s="10"/>
    </row>
    <row r="227811" spans="14:14">
      <c r="N227811" s="10"/>
    </row>
    <row r="227812" spans="14:14">
      <c r="N227812" s="10"/>
    </row>
    <row r="227813" spans="14:14">
      <c r="N227813" s="10"/>
    </row>
    <row r="227814" spans="14:14">
      <c r="N227814" s="10"/>
    </row>
    <row r="227815" spans="14:14">
      <c r="N227815" s="10"/>
    </row>
    <row r="227816" spans="14:14">
      <c r="N227816" s="10"/>
    </row>
    <row r="227817" spans="14:14">
      <c r="N227817" s="10"/>
    </row>
    <row r="227818" spans="14:14">
      <c r="N227818" s="10"/>
    </row>
    <row r="227819" spans="14:14">
      <c r="N227819" s="10"/>
    </row>
    <row r="227820" spans="14:14">
      <c r="N227820" s="10"/>
    </row>
    <row r="227821" spans="14:14">
      <c r="N227821" s="10"/>
    </row>
    <row r="227822" spans="14:14">
      <c r="N227822" s="10"/>
    </row>
    <row r="227823" spans="14:14">
      <c r="N227823" s="10"/>
    </row>
    <row r="227824" spans="14:14">
      <c r="N227824" s="10"/>
    </row>
    <row r="227825" spans="14:14">
      <c r="N227825" s="10"/>
    </row>
    <row r="227826" spans="14:14">
      <c r="N227826" s="10"/>
    </row>
    <row r="227827" spans="14:14">
      <c r="N227827" s="10"/>
    </row>
    <row r="227828" spans="14:14">
      <c r="N227828" s="10"/>
    </row>
    <row r="227829" spans="14:14">
      <c r="N227829" s="10"/>
    </row>
    <row r="227830" spans="14:14">
      <c r="N227830" s="10"/>
    </row>
    <row r="227831" spans="14:14">
      <c r="N227831" s="10"/>
    </row>
    <row r="227832" spans="14:14">
      <c r="N227832" s="10"/>
    </row>
    <row r="227833" spans="14:14">
      <c r="N227833" s="10"/>
    </row>
    <row r="227834" spans="14:14">
      <c r="N227834" s="10"/>
    </row>
    <row r="227835" spans="14:14">
      <c r="N227835" s="10"/>
    </row>
    <row r="227836" spans="14:14">
      <c r="N227836" s="10"/>
    </row>
    <row r="227837" spans="14:14">
      <c r="N227837" s="10"/>
    </row>
    <row r="227838" spans="14:14">
      <c r="N227838" s="10"/>
    </row>
    <row r="227839" spans="14:14">
      <c r="N227839" s="10"/>
    </row>
    <row r="227840" spans="14:14">
      <c r="N227840" s="10"/>
    </row>
    <row r="227841" spans="14:14">
      <c r="N227841" s="10"/>
    </row>
    <row r="227842" spans="14:14">
      <c r="N227842" s="10"/>
    </row>
    <row r="227843" spans="14:14">
      <c r="N227843" s="10"/>
    </row>
    <row r="227844" spans="14:14">
      <c r="N227844" s="10"/>
    </row>
    <row r="227845" spans="14:14">
      <c r="N227845" s="10"/>
    </row>
    <row r="227846" spans="14:14">
      <c r="N227846" s="10"/>
    </row>
    <row r="227847" spans="14:14">
      <c r="N227847" s="10"/>
    </row>
    <row r="227848" spans="14:14">
      <c r="N227848" s="10"/>
    </row>
    <row r="227849" spans="14:14">
      <c r="N227849" s="10"/>
    </row>
    <row r="227850" spans="14:14">
      <c r="N227850" s="10"/>
    </row>
    <row r="227851" spans="14:14">
      <c r="N227851" s="10"/>
    </row>
    <row r="227852" spans="14:14">
      <c r="N227852" s="10"/>
    </row>
    <row r="227853" spans="14:14">
      <c r="N227853" s="10"/>
    </row>
    <row r="227854" spans="14:14">
      <c r="N227854" s="10"/>
    </row>
    <row r="227855" spans="14:14">
      <c r="N227855" s="10"/>
    </row>
    <row r="227856" spans="14:14">
      <c r="N227856" s="10"/>
    </row>
    <row r="227857" spans="14:14">
      <c r="N227857" s="10"/>
    </row>
    <row r="227858" spans="14:14">
      <c r="N227858" s="10"/>
    </row>
    <row r="227859" spans="14:14">
      <c r="N227859" s="10"/>
    </row>
    <row r="227860" spans="14:14">
      <c r="N227860" s="10"/>
    </row>
    <row r="227861" spans="14:14">
      <c r="N227861" s="10"/>
    </row>
    <row r="227862" spans="14:14">
      <c r="N227862" s="10"/>
    </row>
    <row r="227863" spans="14:14">
      <c r="N227863" s="10"/>
    </row>
    <row r="227864" spans="14:14">
      <c r="N227864" s="10"/>
    </row>
    <row r="227865" spans="14:14">
      <c r="N227865" s="10"/>
    </row>
    <row r="227866" spans="14:14">
      <c r="N227866" s="10"/>
    </row>
    <row r="227867" spans="14:14">
      <c r="N227867" s="10"/>
    </row>
    <row r="227868" spans="14:14">
      <c r="N227868" s="10"/>
    </row>
    <row r="227869" spans="14:14">
      <c r="N227869" s="10"/>
    </row>
    <row r="227870" spans="14:14">
      <c r="N227870" s="10"/>
    </row>
    <row r="227871" spans="14:14">
      <c r="N227871" s="10"/>
    </row>
    <row r="227872" spans="14:14">
      <c r="N227872" s="10"/>
    </row>
    <row r="227873" spans="14:14">
      <c r="N227873" s="10"/>
    </row>
    <row r="227874" spans="14:14">
      <c r="N227874" s="10"/>
    </row>
    <row r="227875" spans="14:14">
      <c r="N227875" s="10"/>
    </row>
    <row r="227876" spans="14:14">
      <c r="N227876" s="10"/>
    </row>
    <row r="227877" spans="14:14">
      <c r="N227877" s="10"/>
    </row>
    <row r="227878" spans="14:14">
      <c r="N227878" s="10"/>
    </row>
    <row r="227879" spans="14:14">
      <c r="N227879" s="10"/>
    </row>
    <row r="227880" spans="14:14">
      <c r="N227880" s="10"/>
    </row>
    <row r="227881" spans="14:14">
      <c r="N227881" s="10"/>
    </row>
    <row r="227882" spans="14:14">
      <c r="N227882" s="10"/>
    </row>
    <row r="227883" spans="14:14">
      <c r="N227883" s="10"/>
    </row>
    <row r="227884" spans="14:14">
      <c r="N227884" s="10"/>
    </row>
    <row r="227885" spans="14:14">
      <c r="N227885" s="10"/>
    </row>
    <row r="227886" spans="14:14">
      <c r="N227886" s="10"/>
    </row>
    <row r="227887" spans="14:14">
      <c r="N227887" s="10"/>
    </row>
    <row r="227888" spans="14:14">
      <c r="N227888" s="10"/>
    </row>
    <row r="227889" spans="14:14">
      <c r="N227889" s="10"/>
    </row>
    <row r="227890" spans="14:14">
      <c r="N227890" s="10"/>
    </row>
    <row r="227891" spans="14:14">
      <c r="N227891" s="10"/>
    </row>
    <row r="227892" spans="14:14">
      <c r="N227892" s="10"/>
    </row>
    <row r="227893" spans="14:14">
      <c r="N227893" s="10"/>
    </row>
    <row r="227894" spans="14:14">
      <c r="N227894" s="10"/>
    </row>
    <row r="227895" spans="14:14">
      <c r="N227895" s="10"/>
    </row>
    <row r="227896" spans="14:14">
      <c r="N227896" s="10"/>
    </row>
    <row r="227897" spans="14:14">
      <c r="N227897" s="10"/>
    </row>
    <row r="227898" spans="14:14">
      <c r="N227898" s="10"/>
    </row>
    <row r="227899" spans="14:14">
      <c r="N227899" s="10"/>
    </row>
    <row r="227900" spans="14:14">
      <c r="N227900" s="10"/>
    </row>
    <row r="227901" spans="14:14">
      <c r="N227901" s="10"/>
    </row>
    <row r="227902" spans="14:14">
      <c r="N227902" s="10"/>
    </row>
    <row r="227903" spans="14:14">
      <c r="N227903" s="10"/>
    </row>
    <row r="227904" spans="14:14">
      <c r="N227904" s="10"/>
    </row>
    <row r="227905" spans="14:14">
      <c r="N227905" s="10"/>
    </row>
    <row r="227906" spans="14:14">
      <c r="N227906" s="10"/>
    </row>
    <row r="227907" spans="14:14">
      <c r="N227907" s="10"/>
    </row>
    <row r="227908" spans="14:14">
      <c r="N227908" s="10"/>
    </row>
    <row r="227909" spans="14:14">
      <c r="N227909" s="10"/>
    </row>
    <row r="227910" spans="14:14">
      <c r="N227910" s="10"/>
    </row>
    <row r="227911" spans="14:14">
      <c r="N227911" s="10"/>
    </row>
    <row r="227912" spans="14:14">
      <c r="N227912" s="10"/>
    </row>
    <row r="227913" spans="14:14">
      <c r="N227913" s="10"/>
    </row>
    <row r="227914" spans="14:14">
      <c r="N227914" s="10"/>
    </row>
    <row r="227915" spans="14:14">
      <c r="N227915" s="10"/>
    </row>
    <row r="227916" spans="14:14">
      <c r="N227916" s="10"/>
    </row>
    <row r="227917" spans="14:14">
      <c r="N227917" s="10"/>
    </row>
    <row r="227918" spans="14:14">
      <c r="N227918" s="10"/>
    </row>
    <row r="227919" spans="14:14">
      <c r="N227919" s="10"/>
    </row>
    <row r="227920" spans="14:14">
      <c r="N227920" s="10"/>
    </row>
    <row r="227921" spans="14:14">
      <c r="N227921" s="10"/>
    </row>
    <row r="227922" spans="14:14">
      <c r="N227922" s="10"/>
    </row>
    <row r="227923" spans="14:14">
      <c r="N227923" s="10"/>
    </row>
    <row r="227924" spans="14:14">
      <c r="N227924" s="10"/>
    </row>
    <row r="227925" spans="14:14">
      <c r="N227925" s="10"/>
    </row>
    <row r="227926" spans="14:14">
      <c r="N227926" s="10"/>
    </row>
    <row r="227927" spans="14:14">
      <c r="N227927" s="10"/>
    </row>
    <row r="227928" spans="14:14">
      <c r="N227928" s="10"/>
    </row>
    <row r="227929" spans="14:14">
      <c r="N227929" s="10"/>
    </row>
    <row r="227930" spans="14:14">
      <c r="N227930" s="10"/>
    </row>
    <row r="227931" spans="14:14">
      <c r="N227931" s="10"/>
    </row>
    <row r="227932" spans="14:14">
      <c r="N227932" s="10"/>
    </row>
    <row r="227933" spans="14:14">
      <c r="N227933" s="10"/>
    </row>
    <row r="227934" spans="14:14">
      <c r="N227934" s="10"/>
    </row>
    <row r="227935" spans="14:14">
      <c r="N227935" s="10"/>
    </row>
    <row r="227936" spans="14:14">
      <c r="N227936" s="10"/>
    </row>
    <row r="227937" spans="14:14">
      <c r="N227937" s="10"/>
    </row>
    <row r="227938" spans="14:14">
      <c r="N227938" s="10"/>
    </row>
    <row r="227939" spans="14:14">
      <c r="N227939" s="10"/>
    </row>
    <row r="227940" spans="14:14">
      <c r="N227940" s="10"/>
    </row>
    <row r="227941" spans="14:14">
      <c r="N227941" s="10"/>
    </row>
    <row r="227942" spans="14:14">
      <c r="N227942" s="10"/>
    </row>
    <row r="227943" spans="14:14">
      <c r="N227943" s="10"/>
    </row>
    <row r="227944" spans="14:14">
      <c r="N227944" s="10"/>
    </row>
    <row r="227945" spans="14:14">
      <c r="N227945" s="10"/>
    </row>
    <row r="227946" spans="14:14">
      <c r="N227946" s="10"/>
    </row>
    <row r="227947" spans="14:14">
      <c r="N227947" s="10"/>
    </row>
    <row r="227948" spans="14:14">
      <c r="N227948" s="10"/>
    </row>
    <row r="227949" spans="14:14">
      <c r="N227949" s="10"/>
    </row>
    <row r="227950" spans="14:14">
      <c r="N227950" s="10"/>
    </row>
    <row r="227951" spans="14:14">
      <c r="N227951" s="10"/>
    </row>
    <row r="227952" spans="14:14">
      <c r="N227952" s="10"/>
    </row>
    <row r="227953" spans="14:14">
      <c r="N227953" s="10"/>
    </row>
    <row r="227954" spans="14:14">
      <c r="N227954" s="10"/>
    </row>
    <row r="227955" spans="14:14">
      <c r="N227955" s="10"/>
    </row>
    <row r="227956" spans="14:14">
      <c r="N227956" s="10"/>
    </row>
    <row r="227957" spans="14:14">
      <c r="N227957" s="10"/>
    </row>
    <row r="227958" spans="14:14">
      <c r="N227958" s="10"/>
    </row>
    <row r="227959" spans="14:14">
      <c r="N227959" s="10"/>
    </row>
    <row r="227960" spans="14:14">
      <c r="N227960" s="10"/>
    </row>
    <row r="227961" spans="14:14">
      <c r="N227961" s="10"/>
    </row>
    <row r="227962" spans="14:14">
      <c r="N227962" s="10"/>
    </row>
    <row r="227963" spans="14:14">
      <c r="N227963" s="10"/>
    </row>
    <row r="227964" spans="14:14">
      <c r="N227964" s="10"/>
    </row>
    <row r="227965" spans="14:14">
      <c r="N227965" s="10"/>
    </row>
    <row r="227966" spans="14:14">
      <c r="N227966" s="10"/>
    </row>
    <row r="227967" spans="14:14">
      <c r="N227967" s="10"/>
    </row>
    <row r="227968" spans="14:14">
      <c r="N227968" s="10"/>
    </row>
    <row r="227969" spans="14:14">
      <c r="N227969" s="10"/>
    </row>
    <row r="227970" spans="14:14">
      <c r="N227970" s="10"/>
    </row>
    <row r="227971" spans="14:14">
      <c r="N227971" s="10"/>
    </row>
    <row r="227972" spans="14:14">
      <c r="N227972" s="10"/>
    </row>
    <row r="227973" spans="14:14">
      <c r="N227973" s="10"/>
    </row>
    <row r="227974" spans="14:14">
      <c r="N227974" s="10"/>
    </row>
    <row r="227975" spans="14:14">
      <c r="N227975" s="10"/>
    </row>
    <row r="227976" spans="14:14">
      <c r="N227976" s="10"/>
    </row>
    <row r="227977" spans="14:14">
      <c r="N227977" s="10"/>
    </row>
    <row r="227978" spans="14:14">
      <c r="N227978" s="10"/>
    </row>
    <row r="227979" spans="14:14">
      <c r="N227979" s="10"/>
    </row>
    <row r="227980" spans="14:14">
      <c r="N227980" s="10"/>
    </row>
    <row r="227981" spans="14:14">
      <c r="N227981" s="10"/>
    </row>
    <row r="227982" spans="14:14">
      <c r="N227982" s="10"/>
    </row>
    <row r="227983" spans="14:14">
      <c r="N227983" s="10"/>
    </row>
    <row r="227984" spans="14:14">
      <c r="N227984" s="10"/>
    </row>
    <row r="227985" spans="14:14">
      <c r="N227985" s="10"/>
    </row>
    <row r="227986" spans="14:14">
      <c r="N227986" s="10"/>
    </row>
    <row r="227987" spans="14:14">
      <c r="N227987" s="10"/>
    </row>
    <row r="227988" spans="14:14">
      <c r="N227988" s="10"/>
    </row>
    <row r="227989" spans="14:14">
      <c r="N227989" s="10"/>
    </row>
    <row r="227990" spans="14:14">
      <c r="N227990" s="10"/>
    </row>
    <row r="227991" spans="14:14">
      <c r="N227991" s="10"/>
    </row>
    <row r="227992" spans="14:14">
      <c r="N227992" s="10"/>
    </row>
    <row r="227993" spans="14:14">
      <c r="N227993" s="10"/>
    </row>
    <row r="227994" spans="14:14">
      <c r="N227994" s="10"/>
    </row>
    <row r="227995" spans="14:14">
      <c r="N227995" s="10"/>
    </row>
    <row r="227996" spans="14:14">
      <c r="N227996" s="10"/>
    </row>
    <row r="227997" spans="14:14">
      <c r="N227997" s="10"/>
    </row>
    <row r="227998" spans="14:14">
      <c r="N227998" s="10"/>
    </row>
    <row r="227999" spans="14:14">
      <c r="N227999" s="10"/>
    </row>
    <row r="228000" spans="14:14">
      <c r="N228000" s="10"/>
    </row>
    <row r="228001" spans="14:14">
      <c r="N228001" s="10"/>
    </row>
    <row r="228002" spans="14:14">
      <c r="N228002" s="10"/>
    </row>
    <row r="228003" spans="14:14">
      <c r="N228003" s="10"/>
    </row>
    <row r="228004" spans="14:14">
      <c r="N228004" s="10"/>
    </row>
    <row r="228005" spans="14:14">
      <c r="N228005" s="10"/>
    </row>
    <row r="228006" spans="14:14">
      <c r="N228006" s="10"/>
    </row>
    <row r="228007" spans="14:14">
      <c r="N228007" s="10"/>
    </row>
    <row r="228008" spans="14:14">
      <c r="N228008" s="10"/>
    </row>
    <row r="228009" spans="14:14">
      <c r="N228009" s="10"/>
    </row>
    <row r="228010" spans="14:14">
      <c r="N228010" s="10"/>
    </row>
    <row r="228011" spans="14:14">
      <c r="N228011" s="10"/>
    </row>
    <row r="228012" spans="14:14">
      <c r="N228012" s="10"/>
    </row>
    <row r="228013" spans="14:14">
      <c r="N228013" s="10"/>
    </row>
    <row r="228014" spans="14:14">
      <c r="N228014" s="10"/>
    </row>
    <row r="228015" spans="14:14">
      <c r="N228015" s="10"/>
    </row>
    <row r="228016" spans="14:14">
      <c r="N228016" s="10"/>
    </row>
    <row r="228017" spans="14:14">
      <c r="N228017" s="10"/>
    </row>
    <row r="228018" spans="14:14">
      <c r="N228018" s="10"/>
    </row>
    <row r="228019" spans="14:14">
      <c r="N228019" s="10"/>
    </row>
    <row r="228020" spans="14:14">
      <c r="N228020" s="10"/>
    </row>
    <row r="228021" spans="14:14">
      <c r="N228021" s="10"/>
    </row>
    <row r="228022" spans="14:14">
      <c r="N228022" s="10"/>
    </row>
    <row r="228023" spans="14:14">
      <c r="N228023" s="10"/>
    </row>
    <row r="228024" spans="14:14">
      <c r="N228024" s="10"/>
    </row>
    <row r="228025" spans="14:14">
      <c r="N228025" s="10"/>
    </row>
    <row r="228026" spans="14:14">
      <c r="N228026" s="10"/>
    </row>
    <row r="228027" spans="14:14">
      <c r="N228027" s="10"/>
    </row>
    <row r="228028" spans="14:14">
      <c r="N228028" s="10"/>
    </row>
    <row r="228029" spans="14:14">
      <c r="N228029" s="10"/>
    </row>
    <row r="228030" spans="14:14">
      <c r="N228030" s="10"/>
    </row>
    <row r="228031" spans="14:14">
      <c r="N228031" s="10"/>
    </row>
    <row r="228032" spans="14:14">
      <c r="N228032" s="10"/>
    </row>
    <row r="228033" spans="14:14">
      <c r="N228033" s="10"/>
    </row>
    <row r="228034" spans="14:14">
      <c r="N228034" s="10"/>
    </row>
    <row r="228035" spans="14:14">
      <c r="N228035" s="10"/>
    </row>
    <row r="228036" spans="14:14">
      <c r="N228036" s="10"/>
    </row>
    <row r="228037" spans="14:14">
      <c r="N228037" s="10"/>
    </row>
    <row r="228038" spans="14:14">
      <c r="N228038" s="10"/>
    </row>
    <row r="228039" spans="14:14">
      <c r="N228039" s="10"/>
    </row>
    <row r="228040" spans="14:14">
      <c r="N228040" s="10"/>
    </row>
    <row r="228041" spans="14:14">
      <c r="N228041" s="10"/>
    </row>
    <row r="228042" spans="14:14">
      <c r="N228042" s="10"/>
    </row>
    <row r="228043" spans="14:14">
      <c r="N228043" s="10"/>
    </row>
    <row r="228044" spans="14:14">
      <c r="N228044" s="10"/>
    </row>
    <row r="228045" spans="14:14">
      <c r="N228045" s="10"/>
    </row>
    <row r="228046" spans="14:14">
      <c r="N228046" s="10"/>
    </row>
    <row r="228047" spans="14:14">
      <c r="N228047" s="10"/>
    </row>
    <row r="228048" spans="14:14">
      <c r="N228048" s="10"/>
    </row>
    <row r="228049" spans="14:14">
      <c r="N228049" s="10"/>
    </row>
    <row r="228050" spans="14:14">
      <c r="N228050" s="10"/>
    </row>
    <row r="228051" spans="14:14">
      <c r="N228051" s="10"/>
    </row>
    <row r="228052" spans="14:14">
      <c r="N228052" s="10"/>
    </row>
    <row r="228053" spans="14:14">
      <c r="N228053" s="10"/>
    </row>
    <row r="228054" spans="14:14">
      <c r="N228054" s="10"/>
    </row>
    <row r="228055" spans="14:14">
      <c r="N228055" s="10"/>
    </row>
    <row r="228056" spans="14:14">
      <c r="N228056" s="10"/>
    </row>
    <row r="228057" spans="14:14">
      <c r="N228057" s="10"/>
    </row>
    <row r="228058" spans="14:14">
      <c r="N228058" s="10"/>
    </row>
    <row r="228059" spans="14:14">
      <c r="N228059" s="10"/>
    </row>
    <row r="228060" spans="14:14">
      <c r="N228060" s="10"/>
    </row>
    <row r="228061" spans="14:14">
      <c r="N228061" s="10"/>
    </row>
    <row r="228062" spans="14:14">
      <c r="N228062" s="10"/>
    </row>
    <row r="228063" spans="14:14">
      <c r="N228063" s="10"/>
    </row>
    <row r="228064" spans="14:14">
      <c r="N228064" s="10"/>
    </row>
    <row r="228065" spans="14:14">
      <c r="N228065" s="10"/>
    </row>
    <row r="228066" spans="14:14">
      <c r="N228066" s="10"/>
    </row>
    <row r="228067" spans="14:14">
      <c r="N228067" s="10"/>
    </row>
    <row r="228068" spans="14:14">
      <c r="N228068" s="10"/>
    </row>
    <row r="228069" spans="14:14">
      <c r="N228069" s="10"/>
    </row>
    <row r="228070" spans="14:14">
      <c r="N228070" s="10"/>
    </row>
    <row r="228071" spans="14:14">
      <c r="N228071" s="10"/>
    </row>
    <row r="228072" spans="14:14">
      <c r="N228072" s="10"/>
    </row>
    <row r="228073" spans="14:14">
      <c r="N228073" s="10"/>
    </row>
    <row r="228074" spans="14:14">
      <c r="N228074" s="10"/>
    </row>
    <row r="228075" spans="14:14">
      <c r="N228075" s="10"/>
    </row>
    <row r="228076" spans="14:14">
      <c r="N228076" s="10"/>
    </row>
    <row r="228077" spans="14:14">
      <c r="N228077" s="10"/>
    </row>
    <row r="228078" spans="14:14">
      <c r="N228078" s="10"/>
    </row>
    <row r="228079" spans="14:14">
      <c r="N228079" s="10"/>
    </row>
    <row r="228080" spans="14:14">
      <c r="N228080" s="10"/>
    </row>
    <row r="228081" spans="14:14">
      <c r="N228081" s="10"/>
    </row>
    <row r="228082" spans="14:14">
      <c r="N228082" s="10"/>
    </row>
    <row r="228083" spans="14:14">
      <c r="N228083" s="10"/>
    </row>
    <row r="228084" spans="14:14">
      <c r="N228084" s="10"/>
    </row>
    <row r="228085" spans="14:14">
      <c r="N228085" s="10"/>
    </row>
    <row r="228086" spans="14:14">
      <c r="N228086" s="10"/>
    </row>
    <row r="228087" spans="14:14">
      <c r="N228087" s="10"/>
    </row>
    <row r="228088" spans="14:14">
      <c r="N228088" s="10"/>
    </row>
    <row r="228089" spans="14:14">
      <c r="N228089" s="10"/>
    </row>
    <row r="228090" spans="14:14">
      <c r="N228090" s="10"/>
    </row>
    <row r="228091" spans="14:14">
      <c r="N228091" s="10"/>
    </row>
    <row r="228092" spans="14:14">
      <c r="N228092" s="10"/>
    </row>
    <row r="228093" spans="14:14">
      <c r="N228093" s="10"/>
    </row>
    <row r="228094" spans="14:14">
      <c r="N228094" s="10"/>
    </row>
    <row r="228095" spans="14:14">
      <c r="N228095" s="10"/>
    </row>
    <row r="228096" spans="14:14">
      <c r="N228096" s="10"/>
    </row>
    <row r="228097" spans="14:14">
      <c r="N228097" s="10"/>
    </row>
    <row r="228098" spans="14:14">
      <c r="N228098" s="10"/>
    </row>
    <row r="228099" spans="14:14">
      <c r="N228099" s="10"/>
    </row>
    <row r="228100" spans="14:14">
      <c r="N228100" s="10"/>
    </row>
    <row r="228101" spans="14:14">
      <c r="N228101" s="10"/>
    </row>
    <row r="228102" spans="14:14">
      <c r="N228102" s="10"/>
    </row>
    <row r="228103" spans="14:14">
      <c r="N228103" s="10"/>
    </row>
    <row r="228104" spans="14:14">
      <c r="N228104" s="10"/>
    </row>
    <row r="228105" spans="14:14">
      <c r="N228105" s="10"/>
    </row>
    <row r="228106" spans="14:14">
      <c r="N228106" s="10"/>
    </row>
    <row r="228107" spans="14:14">
      <c r="N228107" s="10"/>
    </row>
    <row r="228108" spans="14:14">
      <c r="N228108" s="10"/>
    </row>
    <row r="228109" spans="14:14">
      <c r="N228109" s="10"/>
    </row>
    <row r="228110" spans="14:14">
      <c r="N228110" s="10"/>
    </row>
    <row r="228111" spans="14:14">
      <c r="N228111" s="10"/>
    </row>
    <row r="228112" spans="14:14">
      <c r="N228112" s="10"/>
    </row>
    <row r="228113" spans="14:14">
      <c r="N228113" s="10"/>
    </row>
    <row r="228114" spans="14:14">
      <c r="N228114" s="10"/>
    </row>
    <row r="228115" spans="14:14">
      <c r="N228115" s="10"/>
    </row>
    <row r="228116" spans="14:14">
      <c r="N228116" s="10"/>
    </row>
    <row r="228117" spans="14:14">
      <c r="N228117" s="10"/>
    </row>
    <row r="228118" spans="14:14">
      <c r="N228118" s="10"/>
    </row>
    <row r="228119" spans="14:14">
      <c r="N228119" s="10"/>
    </row>
    <row r="228120" spans="14:14">
      <c r="N228120" s="10"/>
    </row>
    <row r="228121" spans="14:14">
      <c r="N228121" s="10"/>
    </row>
    <row r="228122" spans="14:14">
      <c r="N228122" s="10"/>
    </row>
    <row r="228123" spans="14:14">
      <c r="N228123" s="10"/>
    </row>
    <row r="228124" spans="14:14">
      <c r="N228124" s="10"/>
    </row>
    <row r="228125" spans="14:14">
      <c r="N228125" s="10"/>
    </row>
    <row r="228126" spans="14:14">
      <c r="N228126" s="10"/>
    </row>
    <row r="228127" spans="14:14">
      <c r="N228127" s="10"/>
    </row>
    <row r="228128" spans="14:14">
      <c r="N228128" s="10"/>
    </row>
    <row r="228129" spans="14:14">
      <c r="N228129" s="10"/>
    </row>
    <row r="228130" spans="14:14">
      <c r="N228130" s="10"/>
    </row>
    <row r="228131" spans="14:14">
      <c r="N228131" s="10"/>
    </row>
    <row r="228132" spans="14:14">
      <c r="N228132" s="10"/>
    </row>
    <row r="228133" spans="14:14">
      <c r="N228133" s="10"/>
    </row>
    <row r="228134" spans="14:14">
      <c r="N228134" s="10"/>
    </row>
    <row r="228135" spans="14:14">
      <c r="N228135" s="10"/>
    </row>
    <row r="228136" spans="14:14">
      <c r="N228136" s="10"/>
    </row>
    <row r="228137" spans="14:14">
      <c r="N228137" s="10"/>
    </row>
    <row r="228138" spans="14:14">
      <c r="N228138" s="10"/>
    </row>
    <row r="228139" spans="14:14">
      <c r="N228139" s="10"/>
    </row>
    <row r="228140" spans="14:14">
      <c r="N228140" s="10"/>
    </row>
    <row r="228141" spans="14:14">
      <c r="N228141" s="10"/>
    </row>
    <row r="228142" spans="14:14">
      <c r="N228142" s="10"/>
    </row>
    <row r="228143" spans="14:14">
      <c r="N228143" s="10"/>
    </row>
    <row r="228144" spans="14:14">
      <c r="N228144" s="10"/>
    </row>
    <row r="228145" spans="14:14">
      <c r="N228145" s="10"/>
    </row>
    <row r="228146" spans="14:14">
      <c r="N228146" s="10"/>
    </row>
    <row r="228147" spans="14:14">
      <c r="N228147" s="10"/>
    </row>
    <row r="228148" spans="14:14">
      <c r="N228148" s="10"/>
    </row>
    <row r="228149" spans="14:14">
      <c r="N228149" s="10"/>
    </row>
    <row r="228150" spans="14:14">
      <c r="N228150" s="10"/>
    </row>
    <row r="228151" spans="14:14">
      <c r="N228151" s="10"/>
    </row>
    <row r="228152" spans="14:14">
      <c r="N228152" s="10"/>
    </row>
    <row r="228153" spans="14:14">
      <c r="N228153" s="10"/>
    </row>
    <row r="228154" spans="14:14">
      <c r="N228154" s="10"/>
    </row>
    <row r="228155" spans="14:14">
      <c r="N228155" s="10"/>
    </row>
    <row r="228156" spans="14:14">
      <c r="N228156" s="10"/>
    </row>
    <row r="228157" spans="14:14">
      <c r="N228157" s="10"/>
    </row>
    <row r="228158" spans="14:14">
      <c r="N228158" s="10"/>
    </row>
    <row r="228159" spans="14:14">
      <c r="N228159" s="10"/>
    </row>
    <row r="228160" spans="14:14">
      <c r="N228160" s="10"/>
    </row>
    <row r="228161" spans="14:14">
      <c r="N228161" s="10"/>
    </row>
    <row r="228162" spans="14:14">
      <c r="N228162" s="10"/>
    </row>
    <row r="228163" spans="14:14">
      <c r="N228163" s="10"/>
    </row>
    <row r="228164" spans="14:14">
      <c r="N228164" s="10"/>
    </row>
    <row r="228165" spans="14:14">
      <c r="N228165" s="10"/>
    </row>
    <row r="228166" spans="14:14">
      <c r="N228166" s="10"/>
    </row>
    <row r="228167" spans="14:14">
      <c r="N228167" s="10"/>
    </row>
    <row r="228168" spans="14:14">
      <c r="N228168" s="10"/>
    </row>
    <row r="228169" spans="14:14">
      <c r="N228169" s="10"/>
    </row>
    <row r="228170" spans="14:14">
      <c r="N228170" s="10"/>
    </row>
    <row r="228171" spans="14:14">
      <c r="N228171" s="10"/>
    </row>
    <row r="228172" spans="14:14">
      <c r="N228172" s="10"/>
    </row>
    <row r="228173" spans="14:14">
      <c r="N228173" s="10"/>
    </row>
    <row r="228174" spans="14:14">
      <c r="N228174" s="10"/>
    </row>
    <row r="228175" spans="14:14">
      <c r="N228175" s="10"/>
    </row>
    <row r="228176" spans="14:14">
      <c r="N228176" s="10"/>
    </row>
    <row r="228177" spans="14:14">
      <c r="N228177" s="10"/>
    </row>
    <row r="228178" spans="14:14">
      <c r="N228178" s="10"/>
    </row>
    <row r="228179" spans="14:14">
      <c r="N228179" s="10"/>
    </row>
    <row r="228180" spans="14:14">
      <c r="N228180" s="10"/>
    </row>
    <row r="228181" spans="14:14">
      <c r="N228181" s="10"/>
    </row>
    <row r="228182" spans="14:14">
      <c r="N228182" s="10"/>
    </row>
    <row r="228183" spans="14:14">
      <c r="N228183" s="10"/>
    </row>
    <row r="228184" spans="14:14">
      <c r="N228184" s="10"/>
    </row>
    <row r="228185" spans="14:14">
      <c r="N228185" s="10"/>
    </row>
    <row r="228186" spans="14:14">
      <c r="N228186" s="10"/>
    </row>
    <row r="228187" spans="14:14">
      <c r="N228187" s="10"/>
    </row>
    <row r="228188" spans="14:14">
      <c r="N228188" s="10"/>
    </row>
    <row r="228189" spans="14:14">
      <c r="N228189" s="10"/>
    </row>
    <row r="228190" spans="14:14">
      <c r="N228190" s="10"/>
    </row>
    <row r="228191" spans="14:14">
      <c r="N228191" s="10"/>
    </row>
    <row r="228192" spans="14:14">
      <c r="N228192" s="10"/>
    </row>
    <row r="228193" spans="14:14">
      <c r="N228193" s="10"/>
    </row>
    <row r="228194" spans="14:14">
      <c r="N228194" s="10"/>
    </row>
    <row r="228195" spans="14:14">
      <c r="N228195" s="10"/>
    </row>
    <row r="228196" spans="14:14">
      <c r="N228196" s="10"/>
    </row>
    <row r="228197" spans="14:14">
      <c r="N228197" s="10"/>
    </row>
    <row r="228198" spans="14:14">
      <c r="N228198" s="10"/>
    </row>
    <row r="228199" spans="14:14">
      <c r="N228199" s="10"/>
    </row>
    <row r="228200" spans="14:14">
      <c r="N228200" s="10"/>
    </row>
    <row r="228201" spans="14:14">
      <c r="N228201" s="10"/>
    </row>
    <row r="228202" spans="14:14">
      <c r="N228202" s="10"/>
    </row>
    <row r="228203" spans="14:14">
      <c r="N228203" s="10"/>
    </row>
    <row r="228204" spans="14:14">
      <c r="N228204" s="10"/>
    </row>
    <row r="228205" spans="14:14">
      <c r="N228205" s="10"/>
    </row>
    <row r="228206" spans="14:14">
      <c r="N228206" s="10"/>
    </row>
    <row r="228207" spans="14:14">
      <c r="N228207" s="10"/>
    </row>
    <row r="228208" spans="14:14">
      <c r="N228208" s="10"/>
    </row>
    <row r="228209" spans="14:14">
      <c r="N228209" s="10"/>
    </row>
    <row r="228210" spans="14:14">
      <c r="N228210" s="10"/>
    </row>
    <row r="228211" spans="14:14">
      <c r="N228211" s="10"/>
    </row>
    <row r="228212" spans="14:14">
      <c r="N228212" s="10"/>
    </row>
    <row r="228213" spans="14:14">
      <c r="N228213" s="10"/>
    </row>
    <row r="228214" spans="14:14">
      <c r="N228214" s="10"/>
    </row>
    <row r="228215" spans="14:14">
      <c r="N228215" s="10"/>
    </row>
    <row r="228216" spans="14:14">
      <c r="N228216" s="10"/>
    </row>
    <row r="228217" spans="14:14">
      <c r="N228217" s="10"/>
    </row>
    <row r="228218" spans="14:14">
      <c r="N228218" s="10"/>
    </row>
    <row r="228219" spans="14:14">
      <c r="N228219" s="10"/>
    </row>
    <row r="228220" spans="14:14">
      <c r="N228220" s="10"/>
    </row>
    <row r="228221" spans="14:14">
      <c r="N228221" s="10"/>
    </row>
    <row r="228222" spans="14:14">
      <c r="N228222" s="10"/>
    </row>
    <row r="228223" spans="14:14">
      <c r="N228223" s="10"/>
    </row>
    <row r="228224" spans="14:14">
      <c r="N228224" s="10"/>
    </row>
    <row r="228225" spans="14:14">
      <c r="N228225" s="10"/>
    </row>
    <row r="228226" spans="14:14">
      <c r="N228226" s="10"/>
    </row>
    <row r="228227" spans="14:14">
      <c r="N228227" s="10"/>
    </row>
    <row r="228228" spans="14:14">
      <c r="N228228" s="10"/>
    </row>
    <row r="228229" spans="14:14">
      <c r="N228229" s="10"/>
    </row>
    <row r="228230" spans="14:14">
      <c r="N228230" s="10"/>
    </row>
    <row r="228231" spans="14:14">
      <c r="N228231" s="10"/>
    </row>
    <row r="228232" spans="14:14">
      <c r="N228232" s="10"/>
    </row>
    <row r="228233" spans="14:14">
      <c r="N228233" s="10"/>
    </row>
    <row r="228234" spans="14:14">
      <c r="N228234" s="10"/>
    </row>
    <row r="228235" spans="14:14">
      <c r="N228235" s="10"/>
    </row>
    <row r="228236" spans="14:14">
      <c r="N228236" s="10"/>
    </row>
    <row r="228237" spans="14:14">
      <c r="N228237" s="10"/>
    </row>
    <row r="228238" spans="14:14">
      <c r="N228238" s="10"/>
    </row>
    <row r="228239" spans="14:14">
      <c r="N228239" s="10"/>
    </row>
    <row r="228240" spans="14:14">
      <c r="N228240" s="10"/>
    </row>
    <row r="228241" spans="14:14">
      <c r="N228241" s="10"/>
    </row>
    <row r="228242" spans="14:14">
      <c r="N228242" s="10"/>
    </row>
    <row r="228243" spans="14:14">
      <c r="N228243" s="10"/>
    </row>
    <row r="228244" spans="14:14">
      <c r="N228244" s="10"/>
    </row>
    <row r="228245" spans="14:14">
      <c r="N228245" s="10"/>
    </row>
    <row r="228246" spans="14:14">
      <c r="N228246" s="10"/>
    </row>
    <row r="228247" spans="14:14">
      <c r="N228247" s="10"/>
    </row>
    <row r="228248" spans="14:14">
      <c r="N228248" s="10"/>
    </row>
    <row r="228249" spans="14:14">
      <c r="N228249" s="10"/>
    </row>
    <row r="228250" spans="14:14">
      <c r="N228250" s="10"/>
    </row>
    <row r="228251" spans="14:14">
      <c r="N228251" s="10"/>
    </row>
    <row r="228252" spans="14:14">
      <c r="N228252" s="10"/>
    </row>
    <row r="228253" spans="14:14">
      <c r="N228253" s="10"/>
    </row>
    <row r="228254" spans="14:14">
      <c r="N228254" s="10"/>
    </row>
    <row r="228255" spans="14:14">
      <c r="N228255" s="10"/>
    </row>
    <row r="228256" spans="14:14">
      <c r="N228256" s="10"/>
    </row>
    <row r="228257" spans="14:14">
      <c r="N228257" s="10"/>
    </row>
    <row r="228258" spans="14:14">
      <c r="N228258" s="10"/>
    </row>
    <row r="228259" spans="14:14">
      <c r="N228259" s="10"/>
    </row>
    <row r="228260" spans="14:14">
      <c r="N228260" s="10"/>
    </row>
    <row r="228261" spans="14:14">
      <c r="N228261" s="10"/>
    </row>
    <row r="228262" spans="14:14">
      <c r="N228262" s="10"/>
    </row>
    <row r="228263" spans="14:14">
      <c r="N228263" s="10"/>
    </row>
    <row r="228264" spans="14:14">
      <c r="N228264" s="10"/>
    </row>
    <row r="228265" spans="14:14">
      <c r="N228265" s="10"/>
    </row>
    <row r="228266" spans="14:14">
      <c r="N228266" s="10"/>
    </row>
    <row r="228267" spans="14:14">
      <c r="N228267" s="10"/>
    </row>
    <row r="228268" spans="14:14">
      <c r="N228268" s="10"/>
    </row>
    <row r="228269" spans="14:14">
      <c r="N228269" s="10"/>
    </row>
    <row r="228270" spans="14:14">
      <c r="N228270" s="10"/>
    </row>
    <row r="228271" spans="14:14">
      <c r="N228271" s="10"/>
    </row>
    <row r="228272" spans="14:14">
      <c r="N228272" s="10"/>
    </row>
    <row r="228273" spans="14:14">
      <c r="N228273" s="10"/>
    </row>
    <row r="228274" spans="14:14">
      <c r="N228274" s="10"/>
    </row>
    <row r="228275" spans="14:14">
      <c r="N228275" s="10"/>
    </row>
    <row r="228276" spans="14:14">
      <c r="N228276" s="10"/>
    </row>
    <row r="228277" spans="14:14">
      <c r="N228277" s="10"/>
    </row>
    <row r="228278" spans="14:14">
      <c r="N228278" s="10"/>
    </row>
    <row r="228279" spans="14:14">
      <c r="N228279" s="10"/>
    </row>
    <row r="228280" spans="14:14">
      <c r="N228280" s="10"/>
    </row>
    <row r="228281" spans="14:14">
      <c r="N228281" s="10"/>
    </row>
    <row r="228282" spans="14:14">
      <c r="N228282" s="10"/>
    </row>
    <row r="228283" spans="14:14">
      <c r="N228283" s="10"/>
    </row>
    <row r="228284" spans="14:14">
      <c r="N228284" s="10"/>
    </row>
    <row r="228285" spans="14:14">
      <c r="N228285" s="10"/>
    </row>
    <row r="228286" spans="14:14">
      <c r="N228286" s="10"/>
    </row>
    <row r="228287" spans="14:14">
      <c r="N228287" s="10"/>
    </row>
    <row r="228288" spans="14:14">
      <c r="N228288" s="10"/>
    </row>
    <row r="228289" spans="14:14">
      <c r="N228289" s="10"/>
    </row>
    <row r="228290" spans="14:14">
      <c r="N228290" s="10"/>
    </row>
    <row r="228291" spans="14:14">
      <c r="N228291" s="10"/>
    </row>
    <row r="228292" spans="14:14">
      <c r="N228292" s="10"/>
    </row>
    <row r="228293" spans="14:14">
      <c r="N228293" s="10"/>
    </row>
    <row r="228294" spans="14:14">
      <c r="N228294" s="10"/>
    </row>
    <row r="228295" spans="14:14">
      <c r="N228295" s="10"/>
    </row>
    <row r="228296" spans="14:14">
      <c r="N228296" s="10"/>
    </row>
    <row r="228297" spans="14:14">
      <c r="N228297" s="10"/>
    </row>
    <row r="228298" spans="14:14">
      <c r="N228298" s="10"/>
    </row>
    <row r="228299" spans="14:14">
      <c r="N228299" s="10"/>
    </row>
    <row r="228300" spans="14:14">
      <c r="N228300" s="10"/>
    </row>
    <row r="228301" spans="14:14">
      <c r="N228301" s="10"/>
    </row>
    <row r="228302" spans="14:14">
      <c r="N228302" s="10"/>
    </row>
    <row r="228303" spans="14:14">
      <c r="N228303" s="10"/>
    </row>
    <row r="228304" spans="14:14">
      <c r="N228304" s="10"/>
    </row>
    <row r="228305" spans="14:14">
      <c r="N228305" s="10"/>
    </row>
    <row r="228306" spans="14:14">
      <c r="N228306" s="10"/>
    </row>
    <row r="228307" spans="14:14">
      <c r="N228307" s="10"/>
    </row>
    <row r="228308" spans="14:14">
      <c r="N228308" s="10"/>
    </row>
    <row r="228309" spans="14:14">
      <c r="N228309" s="10"/>
    </row>
    <row r="228310" spans="14:14">
      <c r="N228310" s="10"/>
    </row>
    <row r="228311" spans="14:14">
      <c r="N228311" s="10"/>
    </row>
    <row r="228312" spans="14:14">
      <c r="N228312" s="10"/>
    </row>
    <row r="228313" spans="14:14">
      <c r="N228313" s="10"/>
    </row>
    <row r="228314" spans="14:14">
      <c r="N228314" s="10"/>
    </row>
    <row r="228315" spans="14:14">
      <c r="N228315" s="10"/>
    </row>
    <row r="228316" spans="14:14">
      <c r="N228316" s="10"/>
    </row>
    <row r="228317" spans="14:14">
      <c r="N228317" s="10"/>
    </row>
    <row r="228318" spans="14:14">
      <c r="N228318" s="10"/>
    </row>
    <row r="228319" spans="14:14">
      <c r="N228319" s="10"/>
    </row>
    <row r="228320" spans="14:14">
      <c r="N228320" s="10"/>
    </row>
    <row r="228321" spans="14:14">
      <c r="N228321" s="10"/>
    </row>
    <row r="228322" spans="14:14">
      <c r="N228322" s="10"/>
    </row>
    <row r="228323" spans="14:14">
      <c r="N228323" s="10"/>
    </row>
    <row r="228324" spans="14:14">
      <c r="N228324" s="10"/>
    </row>
    <row r="228325" spans="14:14">
      <c r="N228325" s="10"/>
    </row>
    <row r="228326" spans="14:14">
      <c r="N228326" s="10"/>
    </row>
    <row r="228327" spans="14:14">
      <c r="N228327" s="10"/>
    </row>
    <row r="228328" spans="14:14">
      <c r="N228328" s="10"/>
    </row>
    <row r="228329" spans="14:14">
      <c r="N228329" s="10"/>
    </row>
    <row r="228330" spans="14:14">
      <c r="N228330" s="10"/>
    </row>
    <row r="228331" spans="14:14">
      <c r="N228331" s="10"/>
    </row>
    <row r="228332" spans="14:14">
      <c r="N228332" s="10"/>
    </row>
    <row r="228333" spans="14:14">
      <c r="N228333" s="10"/>
    </row>
    <row r="228334" spans="14:14">
      <c r="N228334" s="10"/>
    </row>
    <row r="228335" spans="14:14">
      <c r="N228335" s="10"/>
    </row>
    <row r="228336" spans="14:14">
      <c r="N228336" s="10"/>
    </row>
    <row r="228337" spans="14:14">
      <c r="N228337" s="10"/>
    </row>
    <row r="228338" spans="14:14">
      <c r="N228338" s="10"/>
    </row>
    <row r="228339" spans="14:14">
      <c r="N228339" s="10"/>
    </row>
    <row r="228340" spans="14:14">
      <c r="N228340" s="10"/>
    </row>
    <row r="228341" spans="14:14">
      <c r="N228341" s="10"/>
    </row>
    <row r="228342" spans="14:14">
      <c r="N228342" s="10"/>
    </row>
    <row r="228343" spans="14:14">
      <c r="N228343" s="10"/>
    </row>
    <row r="228344" spans="14:14">
      <c r="N228344" s="10"/>
    </row>
    <row r="228345" spans="14:14">
      <c r="N228345" s="10"/>
    </row>
    <row r="228346" spans="14:14">
      <c r="N228346" s="10"/>
    </row>
    <row r="228347" spans="14:14">
      <c r="N228347" s="10"/>
    </row>
    <row r="228348" spans="14:14">
      <c r="N228348" s="10"/>
    </row>
    <row r="228349" spans="14:14">
      <c r="N228349" s="10"/>
    </row>
    <row r="228350" spans="14:14">
      <c r="N228350" s="10"/>
    </row>
    <row r="228351" spans="14:14">
      <c r="N228351" s="10"/>
    </row>
    <row r="228352" spans="14:14">
      <c r="N228352" s="10"/>
    </row>
    <row r="228353" spans="14:14">
      <c r="N228353" s="10"/>
    </row>
    <row r="228354" spans="14:14">
      <c r="N228354" s="10"/>
    </row>
    <row r="228355" spans="14:14">
      <c r="N228355" s="10"/>
    </row>
    <row r="228356" spans="14:14">
      <c r="N228356" s="10"/>
    </row>
    <row r="228357" spans="14:14">
      <c r="N228357" s="10"/>
    </row>
    <row r="228358" spans="14:14">
      <c r="N228358" s="10"/>
    </row>
    <row r="228359" spans="14:14">
      <c r="N228359" s="10"/>
    </row>
    <row r="228360" spans="14:14">
      <c r="N228360" s="10"/>
    </row>
    <row r="228361" spans="14:14">
      <c r="N228361" s="10"/>
    </row>
    <row r="228362" spans="14:14">
      <c r="N228362" s="10"/>
    </row>
    <row r="228363" spans="14:14">
      <c r="N228363" s="10"/>
    </row>
    <row r="228364" spans="14:14">
      <c r="N228364" s="10"/>
    </row>
    <row r="228365" spans="14:14">
      <c r="N228365" s="10"/>
    </row>
    <row r="228366" spans="14:14">
      <c r="N228366" s="10"/>
    </row>
    <row r="228367" spans="14:14">
      <c r="N228367" s="10"/>
    </row>
    <row r="228368" spans="14:14">
      <c r="N228368" s="10"/>
    </row>
    <row r="228369" spans="14:14">
      <c r="N228369" s="10"/>
    </row>
    <row r="228370" spans="14:14">
      <c r="N228370" s="10"/>
    </row>
    <row r="228371" spans="14:14">
      <c r="N228371" s="10"/>
    </row>
    <row r="228372" spans="14:14">
      <c r="N228372" s="10"/>
    </row>
    <row r="228373" spans="14:14">
      <c r="N228373" s="10"/>
    </row>
    <row r="228374" spans="14:14">
      <c r="N228374" s="10"/>
    </row>
    <row r="228375" spans="14:14">
      <c r="N228375" s="10"/>
    </row>
    <row r="228376" spans="14:14">
      <c r="N228376" s="10"/>
    </row>
    <row r="228377" spans="14:14">
      <c r="N228377" s="10"/>
    </row>
    <row r="228378" spans="14:14">
      <c r="N228378" s="10"/>
    </row>
    <row r="228379" spans="14:14">
      <c r="N228379" s="10"/>
    </row>
    <row r="228380" spans="14:14">
      <c r="N228380" s="10"/>
    </row>
    <row r="228381" spans="14:14">
      <c r="N228381" s="10"/>
    </row>
    <row r="228382" spans="14:14">
      <c r="N228382" s="10"/>
    </row>
    <row r="228383" spans="14:14">
      <c r="N228383" s="10"/>
    </row>
    <row r="228384" spans="14:14">
      <c r="N228384" s="10"/>
    </row>
    <row r="228385" spans="14:14">
      <c r="N228385" s="10"/>
    </row>
    <row r="228386" spans="14:14">
      <c r="N228386" s="10"/>
    </row>
    <row r="228387" spans="14:14">
      <c r="N228387" s="10"/>
    </row>
    <row r="228388" spans="14:14">
      <c r="N228388" s="10"/>
    </row>
    <row r="228389" spans="14:14">
      <c r="N228389" s="10"/>
    </row>
    <row r="228390" spans="14:14">
      <c r="N228390" s="10"/>
    </row>
    <row r="228391" spans="14:14">
      <c r="N228391" s="10"/>
    </row>
    <row r="228392" spans="14:14">
      <c r="N228392" s="10"/>
    </row>
    <row r="228393" spans="14:14">
      <c r="N228393" s="10"/>
    </row>
    <row r="228394" spans="14:14">
      <c r="N228394" s="10"/>
    </row>
    <row r="228395" spans="14:14">
      <c r="N228395" s="10"/>
    </row>
    <row r="228396" spans="14:14">
      <c r="N228396" s="10"/>
    </row>
    <row r="228397" spans="14:14">
      <c r="N228397" s="10"/>
    </row>
    <row r="228398" spans="14:14">
      <c r="N228398" s="10"/>
    </row>
    <row r="228399" spans="14:14">
      <c r="N228399" s="10"/>
    </row>
    <row r="228400" spans="14:14">
      <c r="N228400" s="10"/>
    </row>
    <row r="228401" spans="14:14">
      <c r="N228401" s="10"/>
    </row>
    <row r="228402" spans="14:14">
      <c r="N228402" s="10"/>
    </row>
    <row r="228403" spans="14:14">
      <c r="N228403" s="10"/>
    </row>
    <row r="228404" spans="14:14">
      <c r="N228404" s="10"/>
    </row>
    <row r="228405" spans="14:14">
      <c r="N228405" s="10"/>
    </row>
    <row r="228406" spans="14:14">
      <c r="N228406" s="10"/>
    </row>
    <row r="228407" spans="14:14">
      <c r="N228407" s="10"/>
    </row>
    <row r="228408" spans="14:14">
      <c r="N228408" s="10"/>
    </row>
    <row r="228409" spans="14:14">
      <c r="N228409" s="10"/>
    </row>
    <row r="228410" spans="14:14">
      <c r="N228410" s="10"/>
    </row>
    <row r="228411" spans="14:14">
      <c r="N228411" s="10"/>
    </row>
    <row r="228412" spans="14:14">
      <c r="N228412" s="10"/>
    </row>
    <row r="228413" spans="14:14">
      <c r="N228413" s="10"/>
    </row>
    <row r="228414" spans="14:14">
      <c r="N228414" s="10"/>
    </row>
    <row r="228415" spans="14:14">
      <c r="N228415" s="10"/>
    </row>
    <row r="228416" spans="14:14">
      <c r="N228416" s="10"/>
    </row>
    <row r="228417" spans="14:14">
      <c r="N228417" s="10"/>
    </row>
    <row r="228418" spans="14:14">
      <c r="N228418" s="10"/>
    </row>
    <row r="228419" spans="14:14">
      <c r="N228419" s="10"/>
    </row>
    <row r="228420" spans="14:14">
      <c r="N228420" s="10"/>
    </row>
    <row r="228421" spans="14:14">
      <c r="N228421" s="10"/>
    </row>
    <row r="228422" spans="14:14">
      <c r="N228422" s="10"/>
    </row>
    <row r="228423" spans="14:14">
      <c r="N228423" s="10"/>
    </row>
    <row r="228424" spans="14:14">
      <c r="N228424" s="10"/>
    </row>
    <row r="228425" spans="14:14">
      <c r="N228425" s="10"/>
    </row>
    <row r="228426" spans="14:14">
      <c r="N228426" s="10"/>
    </row>
    <row r="228427" spans="14:14">
      <c r="N228427" s="10"/>
    </row>
    <row r="228428" spans="14:14">
      <c r="N228428" s="10"/>
    </row>
    <row r="228429" spans="14:14">
      <c r="N228429" s="10"/>
    </row>
    <row r="228430" spans="14:14">
      <c r="N228430" s="10"/>
    </row>
    <row r="228431" spans="14:14">
      <c r="N228431" s="10"/>
    </row>
    <row r="228432" spans="14:14">
      <c r="N228432" s="10"/>
    </row>
    <row r="228433" spans="14:14">
      <c r="N228433" s="10"/>
    </row>
    <row r="228434" spans="14:14">
      <c r="N228434" s="10"/>
    </row>
    <row r="228435" spans="14:14">
      <c r="N228435" s="10"/>
    </row>
    <row r="228436" spans="14:14">
      <c r="N228436" s="10"/>
    </row>
    <row r="228437" spans="14:14">
      <c r="N228437" s="10"/>
    </row>
    <row r="228438" spans="14:14">
      <c r="N228438" s="10"/>
    </row>
    <row r="228439" spans="14:14">
      <c r="N228439" s="10"/>
    </row>
    <row r="228440" spans="14:14">
      <c r="N228440" s="10"/>
    </row>
    <row r="228441" spans="14:14">
      <c r="N228441" s="10"/>
    </row>
    <row r="228442" spans="14:14">
      <c r="N228442" s="10"/>
    </row>
    <row r="228443" spans="14:14">
      <c r="N228443" s="10"/>
    </row>
    <row r="228444" spans="14:14">
      <c r="N228444" s="10"/>
    </row>
    <row r="228445" spans="14:14">
      <c r="N228445" s="10"/>
    </row>
    <row r="228446" spans="14:14">
      <c r="N228446" s="10"/>
    </row>
    <row r="228447" spans="14:14">
      <c r="N228447" s="10"/>
    </row>
    <row r="228448" spans="14:14">
      <c r="N228448" s="10"/>
    </row>
    <row r="228449" spans="14:14">
      <c r="N228449" s="10"/>
    </row>
    <row r="228450" spans="14:14">
      <c r="N228450" s="10"/>
    </row>
    <row r="228451" spans="14:14">
      <c r="N228451" s="10"/>
    </row>
    <row r="228452" spans="14:14">
      <c r="N228452" s="10"/>
    </row>
    <row r="228453" spans="14:14">
      <c r="N228453" s="10"/>
    </row>
    <row r="228454" spans="14:14">
      <c r="N228454" s="10"/>
    </row>
    <row r="228455" spans="14:14">
      <c r="N228455" s="10"/>
    </row>
    <row r="228456" spans="14:14">
      <c r="N228456" s="10"/>
    </row>
    <row r="228457" spans="14:14">
      <c r="N228457" s="10"/>
    </row>
    <row r="228458" spans="14:14">
      <c r="N228458" s="10"/>
    </row>
    <row r="228459" spans="14:14">
      <c r="N228459" s="10"/>
    </row>
    <row r="228460" spans="14:14">
      <c r="N228460" s="10"/>
    </row>
    <row r="228461" spans="14:14">
      <c r="N228461" s="10"/>
    </row>
    <row r="228462" spans="14:14">
      <c r="N228462" s="10"/>
    </row>
    <row r="228463" spans="14:14">
      <c r="N228463" s="10"/>
    </row>
    <row r="228464" spans="14:14">
      <c r="N228464" s="10"/>
    </row>
    <row r="228465" spans="14:14">
      <c r="N228465" s="10"/>
    </row>
    <row r="228466" spans="14:14">
      <c r="N228466" s="10"/>
    </row>
    <row r="228467" spans="14:14">
      <c r="N228467" s="10"/>
    </row>
    <row r="228468" spans="14:14">
      <c r="N228468" s="10"/>
    </row>
    <row r="228469" spans="14:14">
      <c r="N228469" s="10"/>
    </row>
    <row r="228470" spans="14:14">
      <c r="N228470" s="10"/>
    </row>
    <row r="228471" spans="14:14">
      <c r="N228471" s="10"/>
    </row>
    <row r="228472" spans="14:14">
      <c r="N228472" s="10"/>
    </row>
    <row r="228473" spans="14:14">
      <c r="N228473" s="10"/>
    </row>
    <row r="228474" spans="14:14">
      <c r="N228474" s="10"/>
    </row>
    <row r="228475" spans="14:14">
      <c r="N228475" s="10"/>
    </row>
    <row r="228476" spans="14:14">
      <c r="N228476" s="10"/>
    </row>
    <row r="228477" spans="14:14">
      <c r="N228477" s="10"/>
    </row>
    <row r="228478" spans="14:14">
      <c r="N228478" s="10"/>
    </row>
    <row r="228479" spans="14:14">
      <c r="N228479" s="10"/>
    </row>
    <row r="228480" spans="14:14">
      <c r="N228480" s="10"/>
    </row>
    <row r="228481" spans="14:14">
      <c r="N228481" s="10"/>
    </row>
    <row r="228482" spans="14:14">
      <c r="N228482" s="10"/>
    </row>
    <row r="228483" spans="14:14">
      <c r="N228483" s="10"/>
    </row>
    <row r="228484" spans="14:14">
      <c r="N228484" s="10"/>
    </row>
    <row r="228485" spans="14:14">
      <c r="N228485" s="10"/>
    </row>
    <row r="228486" spans="14:14">
      <c r="N228486" s="10"/>
    </row>
    <row r="228487" spans="14:14">
      <c r="N228487" s="10"/>
    </row>
    <row r="228488" spans="14:14">
      <c r="N228488" s="10"/>
    </row>
    <row r="228489" spans="14:14">
      <c r="N228489" s="10"/>
    </row>
    <row r="228490" spans="14:14">
      <c r="N228490" s="10"/>
    </row>
    <row r="228491" spans="14:14">
      <c r="N228491" s="10"/>
    </row>
    <row r="228492" spans="14:14">
      <c r="N228492" s="10"/>
    </row>
    <row r="228493" spans="14:14">
      <c r="N228493" s="10"/>
    </row>
    <row r="228494" spans="14:14">
      <c r="N228494" s="10"/>
    </row>
    <row r="228495" spans="14:14">
      <c r="N228495" s="10"/>
    </row>
    <row r="228496" spans="14:14">
      <c r="N228496" s="10"/>
    </row>
    <row r="228497" spans="14:14">
      <c r="N228497" s="10"/>
    </row>
    <row r="228498" spans="14:14">
      <c r="N228498" s="10"/>
    </row>
    <row r="228499" spans="14:14">
      <c r="N228499" s="10"/>
    </row>
    <row r="228500" spans="14:14">
      <c r="N228500" s="10"/>
    </row>
    <row r="228501" spans="14:14">
      <c r="N228501" s="10"/>
    </row>
    <row r="228502" spans="14:14">
      <c r="N228502" s="10"/>
    </row>
    <row r="228503" spans="14:14">
      <c r="N228503" s="10"/>
    </row>
    <row r="228504" spans="14:14">
      <c r="N228504" s="10"/>
    </row>
    <row r="228505" spans="14:14">
      <c r="N228505" s="10"/>
    </row>
    <row r="228506" spans="14:14">
      <c r="N228506" s="10"/>
    </row>
    <row r="228507" spans="14:14">
      <c r="N228507" s="10"/>
    </row>
    <row r="228508" spans="14:14">
      <c r="N228508" s="10"/>
    </row>
    <row r="228509" spans="14:14">
      <c r="N228509" s="10"/>
    </row>
    <row r="228510" spans="14:14">
      <c r="N228510" s="10"/>
    </row>
    <row r="228511" spans="14:14">
      <c r="N228511" s="10"/>
    </row>
    <row r="228512" spans="14:14">
      <c r="N228512" s="10"/>
    </row>
    <row r="228513" spans="14:14">
      <c r="N228513" s="10"/>
    </row>
    <row r="228514" spans="14:14">
      <c r="N228514" s="10"/>
    </row>
    <row r="228515" spans="14:14">
      <c r="N228515" s="10"/>
    </row>
    <row r="228516" spans="14:14">
      <c r="N228516" s="10"/>
    </row>
    <row r="228517" spans="14:14">
      <c r="N228517" s="10"/>
    </row>
    <row r="228518" spans="14:14">
      <c r="N228518" s="10"/>
    </row>
    <row r="228519" spans="14:14">
      <c r="N228519" s="10"/>
    </row>
    <row r="228520" spans="14:14">
      <c r="N228520" s="10"/>
    </row>
    <row r="228521" spans="14:14">
      <c r="N228521" s="10"/>
    </row>
    <row r="228522" spans="14:14">
      <c r="N228522" s="10"/>
    </row>
    <row r="228523" spans="14:14">
      <c r="N228523" s="10"/>
    </row>
    <row r="228524" spans="14:14">
      <c r="N228524" s="10"/>
    </row>
    <row r="228525" spans="14:14">
      <c r="N228525" s="10"/>
    </row>
    <row r="228526" spans="14:14">
      <c r="N228526" s="10"/>
    </row>
    <row r="228527" spans="14:14">
      <c r="N228527" s="10"/>
    </row>
    <row r="228528" spans="14:14">
      <c r="N228528" s="10"/>
    </row>
    <row r="228529" spans="14:14">
      <c r="N228529" s="10"/>
    </row>
    <row r="228530" spans="14:14">
      <c r="N228530" s="10"/>
    </row>
    <row r="228531" spans="14:14">
      <c r="N228531" s="10"/>
    </row>
    <row r="228532" spans="14:14">
      <c r="N228532" s="10"/>
    </row>
    <row r="228533" spans="14:14">
      <c r="N228533" s="10"/>
    </row>
    <row r="228534" spans="14:14">
      <c r="N228534" s="10"/>
    </row>
    <row r="228535" spans="14:14">
      <c r="N228535" s="10"/>
    </row>
    <row r="228536" spans="14:14">
      <c r="N228536" s="10"/>
    </row>
    <row r="228537" spans="14:14">
      <c r="N228537" s="10"/>
    </row>
    <row r="228538" spans="14:14">
      <c r="N228538" s="10"/>
    </row>
    <row r="228539" spans="14:14">
      <c r="N228539" s="10"/>
    </row>
    <row r="228540" spans="14:14">
      <c r="N228540" s="10"/>
    </row>
    <row r="228541" spans="14:14">
      <c r="N228541" s="10"/>
    </row>
    <row r="228542" spans="14:14">
      <c r="N228542" s="10"/>
    </row>
    <row r="228543" spans="14:14">
      <c r="N228543" s="10"/>
    </row>
    <row r="228544" spans="14:14">
      <c r="N228544" s="10"/>
    </row>
    <row r="228545" spans="14:14">
      <c r="N228545" s="10"/>
    </row>
    <row r="228546" spans="14:14">
      <c r="N228546" s="10"/>
    </row>
    <row r="228547" spans="14:14">
      <c r="N228547" s="10"/>
    </row>
    <row r="228548" spans="14:14">
      <c r="N228548" s="10"/>
    </row>
    <row r="228549" spans="14:14">
      <c r="N228549" s="10"/>
    </row>
    <row r="228550" spans="14:14">
      <c r="N228550" s="10"/>
    </row>
    <row r="228551" spans="14:14">
      <c r="N228551" s="10"/>
    </row>
    <row r="228552" spans="14:14">
      <c r="N228552" s="10"/>
    </row>
    <row r="228553" spans="14:14">
      <c r="N228553" s="10"/>
    </row>
    <row r="228554" spans="14:14">
      <c r="N228554" s="10"/>
    </row>
    <row r="228555" spans="14:14">
      <c r="N228555" s="10"/>
    </row>
    <row r="228556" spans="14:14">
      <c r="N228556" s="10"/>
    </row>
    <row r="228557" spans="14:14">
      <c r="N228557" s="10"/>
    </row>
    <row r="228558" spans="14:14">
      <c r="N228558" s="10"/>
    </row>
    <row r="228559" spans="14:14">
      <c r="N228559" s="10"/>
    </row>
    <row r="228560" spans="14:14">
      <c r="N228560" s="10"/>
    </row>
    <row r="228561" spans="14:14">
      <c r="N228561" s="10"/>
    </row>
    <row r="228562" spans="14:14">
      <c r="N228562" s="10"/>
    </row>
    <row r="228563" spans="14:14">
      <c r="N228563" s="10"/>
    </row>
    <row r="228564" spans="14:14">
      <c r="N228564" s="10"/>
    </row>
    <row r="228565" spans="14:14">
      <c r="N228565" s="10"/>
    </row>
    <row r="228566" spans="14:14">
      <c r="N228566" s="10"/>
    </row>
    <row r="228567" spans="14:14">
      <c r="N228567" s="10"/>
    </row>
    <row r="228568" spans="14:14">
      <c r="N228568" s="10"/>
    </row>
    <row r="228569" spans="14:14">
      <c r="N228569" s="10"/>
    </row>
    <row r="228570" spans="14:14">
      <c r="N228570" s="10"/>
    </row>
    <row r="228571" spans="14:14">
      <c r="N228571" s="10"/>
    </row>
    <row r="228572" spans="14:14">
      <c r="N228572" s="10"/>
    </row>
    <row r="228573" spans="14:14">
      <c r="N228573" s="10"/>
    </row>
    <row r="228574" spans="14:14">
      <c r="N228574" s="10"/>
    </row>
    <row r="228575" spans="14:14">
      <c r="N228575" s="10"/>
    </row>
    <row r="228576" spans="14:14">
      <c r="N228576" s="10"/>
    </row>
    <row r="228577" spans="14:14">
      <c r="N228577" s="10"/>
    </row>
    <row r="228578" spans="14:14">
      <c r="N228578" s="10"/>
    </row>
    <row r="228579" spans="14:14">
      <c r="N228579" s="10"/>
    </row>
    <row r="228580" spans="14:14">
      <c r="N228580" s="10"/>
    </row>
    <row r="228581" spans="14:14">
      <c r="N228581" s="10"/>
    </row>
    <row r="228582" spans="14:14">
      <c r="N228582" s="10"/>
    </row>
    <row r="228583" spans="14:14">
      <c r="N228583" s="10"/>
    </row>
    <row r="228584" spans="14:14">
      <c r="N228584" s="10"/>
    </row>
    <row r="228585" spans="14:14">
      <c r="N228585" s="10"/>
    </row>
    <row r="228586" spans="14:14">
      <c r="N228586" s="10"/>
    </row>
    <row r="228587" spans="14:14">
      <c r="N228587" s="10"/>
    </row>
    <row r="228588" spans="14:14">
      <c r="N228588" s="10"/>
    </row>
    <row r="228589" spans="14:14">
      <c r="N228589" s="10"/>
    </row>
    <row r="228590" spans="14:14">
      <c r="N228590" s="10"/>
    </row>
    <row r="228591" spans="14:14">
      <c r="N228591" s="10"/>
    </row>
    <row r="228592" spans="14:14">
      <c r="N228592" s="10"/>
    </row>
    <row r="228593" spans="14:14">
      <c r="N228593" s="10"/>
    </row>
    <row r="228594" spans="14:14">
      <c r="N228594" s="10"/>
    </row>
    <row r="228595" spans="14:14">
      <c r="N228595" s="10"/>
    </row>
    <row r="228596" spans="14:14">
      <c r="N228596" s="10"/>
    </row>
    <row r="228597" spans="14:14">
      <c r="N228597" s="10"/>
    </row>
    <row r="228598" spans="14:14">
      <c r="N228598" s="10"/>
    </row>
    <row r="228599" spans="14:14">
      <c r="N228599" s="10"/>
    </row>
    <row r="228600" spans="14:14">
      <c r="N228600" s="10"/>
    </row>
    <row r="228601" spans="14:14">
      <c r="N228601" s="10"/>
    </row>
    <row r="228602" spans="14:14">
      <c r="N228602" s="10"/>
    </row>
    <row r="228603" spans="14:14">
      <c r="N228603" s="10"/>
    </row>
    <row r="228604" spans="14:14">
      <c r="N228604" s="10"/>
    </row>
    <row r="228605" spans="14:14">
      <c r="N228605" s="10"/>
    </row>
    <row r="228606" spans="14:14">
      <c r="N228606" s="10"/>
    </row>
    <row r="228607" spans="14:14">
      <c r="N228607" s="10"/>
    </row>
    <row r="228608" spans="14:14">
      <c r="N228608" s="10"/>
    </row>
    <row r="228609" spans="14:14">
      <c r="N228609" s="10"/>
    </row>
    <row r="228610" spans="14:14">
      <c r="N228610" s="10"/>
    </row>
    <row r="228611" spans="14:14">
      <c r="N228611" s="10"/>
    </row>
    <row r="228612" spans="14:14">
      <c r="N228612" s="10"/>
    </row>
    <row r="228613" spans="14:14">
      <c r="N228613" s="10"/>
    </row>
    <row r="228614" spans="14:14">
      <c r="N228614" s="10"/>
    </row>
    <row r="228615" spans="14:14">
      <c r="N228615" s="10"/>
    </row>
    <row r="228616" spans="14:14">
      <c r="N228616" s="10"/>
    </row>
    <row r="228617" spans="14:14">
      <c r="N228617" s="10"/>
    </row>
    <row r="228618" spans="14:14">
      <c r="N228618" s="10"/>
    </row>
    <row r="228619" spans="14:14">
      <c r="N228619" s="10"/>
    </row>
    <row r="228620" spans="14:14">
      <c r="N228620" s="10"/>
    </row>
    <row r="228621" spans="14:14">
      <c r="N228621" s="10"/>
    </row>
    <row r="228622" spans="14:14">
      <c r="N228622" s="10"/>
    </row>
    <row r="228623" spans="14:14">
      <c r="N228623" s="10"/>
    </row>
    <row r="228624" spans="14:14">
      <c r="N228624" s="10"/>
    </row>
    <row r="228625" spans="14:14">
      <c r="N228625" s="10"/>
    </row>
    <row r="228626" spans="14:14">
      <c r="N228626" s="10"/>
    </row>
    <row r="228627" spans="14:14">
      <c r="N228627" s="10"/>
    </row>
    <row r="228628" spans="14:14">
      <c r="N228628" s="10"/>
    </row>
    <row r="228629" spans="14:14">
      <c r="N228629" s="10"/>
    </row>
    <row r="228630" spans="14:14">
      <c r="N228630" s="10"/>
    </row>
    <row r="228631" spans="14:14">
      <c r="N228631" s="10"/>
    </row>
    <row r="228632" spans="14:14">
      <c r="N228632" s="10"/>
    </row>
    <row r="228633" spans="14:14">
      <c r="N228633" s="10"/>
    </row>
    <row r="228634" spans="14:14">
      <c r="N228634" s="10"/>
    </row>
    <row r="228635" spans="14:14">
      <c r="N228635" s="10"/>
    </row>
    <row r="228636" spans="14:14">
      <c r="N228636" s="10"/>
    </row>
    <row r="228637" spans="14:14">
      <c r="N228637" s="10"/>
    </row>
    <row r="228638" spans="14:14">
      <c r="N228638" s="10"/>
    </row>
    <row r="228639" spans="14:14">
      <c r="N228639" s="10"/>
    </row>
    <row r="228640" spans="14:14">
      <c r="N228640" s="10"/>
    </row>
    <row r="228641" spans="14:14">
      <c r="N228641" s="10"/>
    </row>
    <row r="228642" spans="14:14">
      <c r="N228642" s="10"/>
    </row>
    <row r="228643" spans="14:14">
      <c r="N228643" s="10"/>
    </row>
    <row r="228644" spans="14:14">
      <c r="N228644" s="10"/>
    </row>
    <row r="228645" spans="14:14">
      <c r="N228645" s="10"/>
    </row>
    <row r="228646" spans="14:14">
      <c r="N228646" s="10"/>
    </row>
    <row r="228647" spans="14:14">
      <c r="N228647" s="10"/>
    </row>
    <row r="228648" spans="14:14">
      <c r="N228648" s="10"/>
    </row>
    <row r="228649" spans="14:14">
      <c r="N228649" s="10"/>
    </row>
    <row r="228650" spans="14:14">
      <c r="N228650" s="10"/>
    </row>
    <row r="228651" spans="14:14">
      <c r="N228651" s="10"/>
    </row>
    <row r="228652" spans="14:14">
      <c r="N228652" s="10"/>
    </row>
    <row r="228653" spans="14:14">
      <c r="N228653" s="10"/>
    </row>
    <row r="228654" spans="14:14">
      <c r="N228654" s="10"/>
    </row>
    <row r="228655" spans="14:14">
      <c r="N228655" s="10"/>
    </row>
    <row r="228656" spans="14:14">
      <c r="N228656" s="10"/>
    </row>
    <row r="228657" spans="14:14">
      <c r="N228657" s="10"/>
    </row>
    <row r="228658" spans="14:14">
      <c r="N228658" s="10"/>
    </row>
    <row r="228659" spans="14:14">
      <c r="N228659" s="10"/>
    </row>
    <row r="228660" spans="14:14">
      <c r="N228660" s="10"/>
    </row>
    <row r="228661" spans="14:14">
      <c r="N228661" s="10"/>
    </row>
    <row r="228662" spans="14:14">
      <c r="N228662" s="10"/>
    </row>
    <row r="228663" spans="14:14">
      <c r="N228663" s="10"/>
    </row>
    <row r="228664" spans="14:14">
      <c r="N228664" s="10"/>
    </row>
    <row r="228665" spans="14:14">
      <c r="N228665" s="10"/>
    </row>
    <row r="228666" spans="14:14">
      <c r="N228666" s="10"/>
    </row>
    <row r="228667" spans="14:14">
      <c r="N228667" s="10"/>
    </row>
    <row r="228668" spans="14:14">
      <c r="N228668" s="10"/>
    </row>
    <row r="228669" spans="14:14">
      <c r="N228669" s="10"/>
    </row>
    <row r="228670" spans="14:14">
      <c r="N228670" s="10"/>
    </row>
    <row r="228671" spans="14:14">
      <c r="N228671" s="10"/>
    </row>
    <row r="228672" spans="14:14">
      <c r="N228672" s="10"/>
    </row>
    <row r="228673" spans="14:14">
      <c r="N228673" s="10"/>
    </row>
    <row r="228674" spans="14:14">
      <c r="N228674" s="10"/>
    </row>
    <row r="228675" spans="14:14">
      <c r="N228675" s="10"/>
    </row>
    <row r="228676" spans="14:14">
      <c r="N228676" s="10"/>
    </row>
    <row r="228677" spans="14:14">
      <c r="N228677" s="10"/>
    </row>
    <row r="228678" spans="14:14">
      <c r="N228678" s="10"/>
    </row>
    <row r="228679" spans="14:14">
      <c r="N228679" s="10"/>
    </row>
    <row r="228680" spans="14:14">
      <c r="N228680" s="10"/>
    </row>
    <row r="228681" spans="14:14">
      <c r="N228681" s="10"/>
    </row>
    <row r="228682" spans="14:14">
      <c r="N228682" s="10"/>
    </row>
    <row r="228683" spans="14:14">
      <c r="N228683" s="10"/>
    </row>
    <row r="228684" spans="14:14">
      <c r="N228684" s="10"/>
    </row>
    <row r="228685" spans="14:14">
      <c r="N228685" s="10"/>
    </row>
    <row r="228686" spans="14:14">
      <c r="N228686" s="10"/>
    </row>
    <row r="228687" spans="14:14">
      <c r="N228687" s="10"/>
    </row>
    <row r="228688" spans="14:14">
      <c r="N228688" s="10"/>
    </row>
    <row r="228689" spans="14:14">
      <c r="N228689" s="10"/>
    </row>
    <row r="228690" spans="14:14">
      <c r="N228690" s="10"/>
    </row>
    <row r="228691" spans="14:14">
      <c r="N228691" s="10"/>
    </row>
    <row r="228692" spans="14:14">
      <c r="N228692" s="10"/>
    </row>
    <row r="228693" spans="14:14">
      <c r="N228693" s="10"/>
    </row>
    <row r="228694" spans="14:14">
      <c r="N228694" s="10"/>
    </row>
    <row r="228695" spans="14:14">
      <c r="N228695" s="10"/>
    </row>
    <row r="228696" spans="14:14">
      <c r="N228696" s="10"/>
    </row>
    <row r="228697" spans="14:14">
      <c r="N228697" s="10"/>
    </row>
    <row r="228698" spans="14:14">
      <c r="N228698" s="10"/>
    </row>
    <row r="228699" spans="14:14">
      <c r="N228699" s="10"/>
    </row>
    <row r="228700" spans="14:14">
      <c r="N228700" s="10"/>
    </row>
    <row r="228701" spans="14:14">
      <c r="N228701" s="10"/>
    </row>
    <row r="228702" spans="14:14">
      <c r="N228702" s="10"/>
    </row>
    <row r="228703" spans="14:14">
      <c r="N228703" s="10"/>
    </row>
    <row r="228704" spans="14:14">
      <c r="N228704" s="10"/>
    </row>
    <row r="228705" spans="14:14">
      <c r="N228705" s="10"/>
    </row>
    <row r="228706" spans="14:14">
      <c r="N228706" s="10"/>
    </row>
    <row r="228707" spans="14:14">
      <c r="N228707" s="10"/>
    </row>
    <row r="228708" spans="14:14">
      <c r="N228708" s="10"/>
    </row>
    <row r="228709" spans="14:14">
      <c r="N228709" s="10"/>
    </row>
    <row r="228710" spans="14:14">
      <c r="N228710" s="10"/>
    </row>
    <row r="228711" spans="14:14">
      <c r="N228711" s="10"/>
    </row>
    <row r="228712" spans="14:14">
      <c r="N228712" s="10"/>
    </row>
    <row r="228713" spans="14:14">
      <c r="N228713" s="10"/>
    </row>
    <row r="228714" spans="14:14">
      <c r="N228714" s="10"/>
    </row>
    <row r="228715" spans="14:14">
      <c r="N228715" s="10"/>
    </row>
    <row r="228716" spans="14:14">
      <c r="N228716" s="10"/>
    </row>
    <row r="228717" spans="14:14">
      <c r="N228717" s="10"/>
    </row>
    <row r="228718" spans="14:14">
      <c r="N228718" s="10"/>
    </row>
    <row r="228719" spans="14:14">
      <c r="N228719" s="10"/>
    </row>
    <row r="228720" spans="14:14">
      <c r="N228720" s="10"/>
    </row>
    <row r="228721" spans="14:14">
      <c r="N228721" s="10"/>
    </row>
    <row r="228722" spans="14:14">
      <c r="N228722" s="10"/>
    </row>
    <row r="228723" spans="14:14">
      <c r="N228723" s="10"/>
    </row>
    <row r="228724" spans="14:14">
      <c r="N228724" s="10"/>
    </row>
    <row r="228725" spans="14:14">
      <c r="N228725" s="10"/>
    </row>
    <row r="228726" spans="14:14">
      <c r="N228726" s="10"/>
    </row>
    <row r="228727" spans="14:14">
      <c r="N228727" s="10"/>
    </row>
    <row r="228728" spans="14:14">
      <c r="N228728" s="10"/>
    </row>
    <row r="228729" spans="14:14">
      <c r="N228729" s="10"/>
    </row>
    <row r="228730" spans="14:14">
      <c r="N228730" s="10"/>
    </row>
    <row r="228731" spans="14:14">
      <c r="N228731" s="10"/>
    </row>
    <row r="228732" spans="14:14">
      <c r="N228732" s="10"/>
    </row>
    <row r="228733" spans="14:14">
      <c r="N228733" s="10"/>
    </row>
    <row r="228734" spans="14:14">
      <c r="N228734" s="10"/>
    </row>
    <row r="228735" spans="14:14">
      <c r="N228735" s="10"/>
    </row>
    <row r="228736" spans="14:14">
      <c r="N228736" s="10"/>
    </row>
    <row r="228737" spans="14:14">
      <c r="N228737" s="10"/>
    </row>
    <row r="228738" spans="14:14">
      <c r="N228738" s="10"/>
    </row>
    <row r="228739" spans="14:14">
      <c r="N228739" s="10"/>
    </row>
    <row r="228740" spans="14:14">
      <c r="N228740" s="10"/>
    </row>
    <row r="228741" spans="14:14">
      <c r="N228741" s="10"/>
    </row>
    <row r="228742" spans="14:14">
      <c r="N228742" s="10"/>
    </row>
    <row r="228743" spans="14:14">
      <c r="N228743" s="10"/>
    </row>
    <row r="228744" spans="14:14">
      <c r="N228744" s="10"/>
    </row>
    <row r="228745" spans="14:14">
      <c r="N228745" s="10"/>
    </row>
    <row r="228746" spans="14:14">
      <c r="N228746" s="10"/>
    </row>
    <row r="228747" spans="14:14">
      <c r="N228747" s="10"/>
    </row>
    <row r="228748" spans="14:14">
      <c r="N228748" s="10"/>
    </row>
    <row r="228749" spans="14:14">
      <c r="N228749" s="10"/>
    </row>
    <row r="228750" spans="14:14">
      <c r="N228750" s="10"/>
    </row>
    <row r="228751" spans="14:14">
      <c r="N228751" s="10"/>
    </row>
    <row r="228752" spans="14:14">
      <c r="N228752" s="10"/>
    </row>
    <row r="228753" spans="14:14">
      <c r="N228753" s="10"/>
    </row>
    <row r="228754" spans="14:14">
      <c r="N228754" s="10"/>
    </row>
    <row r="228755" spans="14:14">
      <c r="N228755" s="10"/>
    </row>
    <row r="228756" spans="14:14">
      <c r="N228756" s="10"/>
    </row>
    <row r="228757" spans="14:14">
      <c r="N228757" s="10"/>
    </row>
    <row r="228758" spans="14:14">
      <c r="N228758" s="10"/>
    </row>
    <row r="228759" spans="14:14">
      <c r="N228759" s="10"/>
    </row>
    <row r="228760" spans="14:14">
      <c r="N228760" s="10"/>
    </row>
    <row r="228761" spans="14:14">
      <c r="N228761" s="10"/>
    </row>
    <row r="228762" spans="14:14">
      <c r="N228762" s="10"/>
    </row>
    <row r="228763" spans="14:14">
      <c r="N228763" s="10"/>
    </row>
    <row r="228764" spans="14:14">
      <c r="N228764" s="10"/>
    </row>
    <row r="228765" spans="14:14">
      <c r="N228765" s="10"/>
    </row>
    <row r="228766" spans="14:14">
      <c r="N228766" s="10"/>
    </row>
    <row r="228767" spans="14:14">
      <c r="N228767" s="10"/>
    </row>
    <row r="228768" spans="14:14">
      <c r="N228768" s="10"/>
    </row>
    <row r="228769" spans="14:14">
      <c r="N228769" s="10"/>
    </row>
    <row r="228770" spans="14:14">
      <c r="N228770" s="10"/>
    </row>
    <row r="228771" spans="14:14">
      <c r="N228771" s="10"/>
    </row>
    <row r="228772" spans="14:14">
      <c r="N228772" s="10"/>
    </row>
    <row r="228773" spans="14:14">
      <c r="N228773" s="10"/>
    </row>
    <row r="228774" spans="14:14">
      <c r="N228774" s="10"/>
    </row>
    <row r="228775" spans="14:14">
      <c r="N228775" s="10"/>
    </row>
    <row r="228776" spans="14:14">
      <c r="N228776" s="10"/>
    </row>
    <row r="228777" spans="14:14">
      <c r="N228777" s="10"/>
    </row>
    <row r="228778" spans="14:14">
      <c r="N228778" s="10"/>
    </row>
    <row r="228779" spans="14:14">
      <c r="N228779" s="10"/>
    </row>
    <row r="228780" spans="14:14">
      <c r="N228780" s="10"/>
    </row>
    <row r="228781" spans="14:14">
      <c r="N228781" s="10"/>
    </row>
    <row r="228782" spans="14:14">
      <c r="N228782" s="10"/>
    </row>
    <row r="228783" spans="14:14">
      <c r="N228783" s="10"/>
    </row>
    <row r="228784" spans="14:14">
      <c r="N228784" s="10"/>
    </row>
    <row r="228785" spans="14:14">
      <c r="N228785" s="10"/>
    </row>
    <row r="228786" spans="14:14">
      <c r="N228786" s="10"/>
    </row>
    <row r="228787" spans="14:14">
      <c r="N228787" s="10"/>
    </row>
    <row r="228788" spans="14:14">
      <c r="N228788" s="10"/>
    </row>
    <row r="228789" spans="14:14">
      <c r="N228789" s="10"/>
    </row>
    <row r="228790" spans="14:14">
      <c r="N228790" s="10"/>
    </row>
    <row r="228791" spans="14:14">
      <c r="N228791" s="10"/>
    </row>
    <row r="228792" spans="14:14">
      <c r="N228792" s="10"/>
    </row>
    <row r="228793" spans="14:14">
      <c r="N228793" s="10"/>
    </row>
    <row r="228794" spans="14:14">
      <c r="N228794" s="10"/>
    </row>
    <row r="228795" spans="14:14">
      <c r="N228795" s="10"/>
    </row>
    <row r="228796" spans="14:14">
      <c r="N228796" s="10"/>
    </row>
    <row r="228797" spans="14:14">
      <c r="N228797" s="10"/>
    </row>
    <row r="228798" spans="14:14">
      <c r="N228798" s="10"/>
    </row>
    <row r="228799" spans="14:14">
      <c r="N228799" s="10"/>
    </row>
    <row r="228800" spans="14:14">
      <c r="N228800" s="10"/>
    </row>
    <row r="228801" spans="14:14">
      <c r="N228801" s="10"/>
    </row>
    <row r="228802" spans="14:14">
      <c r="N228802" s="10"/>
    </row>
    <row r="228803" spans="14:14">
      <c r="N228803" s="10"/>
    </row>
    <row r="228804" spans="14:14">
      <c r="N228804" s="10"/>
    </row>
    <row r="228805" spans="14:14">
      <c r="N228805" s="10"/>
    </row>
    <row r="228806" spans="14:14">
      <c r="N228806" s="10"/>
    </row>
    <row r="228807" spans="14:14">
      <c r="N228807" s="10"/>
    </row>
    <row r="228808" spans="14:14">
      <c r="N228808" s="10"/>
    </row>
    <row r="228809" spans="14:14">
      <c r="N228809" s="10"/>
    </row>
    <row r="228810" spans="14:14">
      <c r="N228810" s="10"/>
    </row>
    <row r="228811" spans="14:14">
      <c r="N228811" s="10"/>
    </row>
    <row r="228812" spans="14:14">
      <c r="N228812" s="10"/>
    </row>
    <row r="228813" spans="14:14">
      <c r="N228813" s="10"/>
    </row>
    <row r="228814" spans="14:14">
      <c r="N228814" s="10"/>
    </row>
    <row r="228815" spans="14:14">
      <c r="N228815" s="10"/>
    </row>
    <row r="228816" spans="14:14">
      <c r="N228816" s="10"/>
    </row>
    <row r="228817" spans="14:14">
      <c r="N228817" s="10"/>
    </row>
    <row r="228818" spans="14:14">
      <c r="N228818" s="10"/>
    </row>
    <row r="228819" spans="14:14">
      <c r="N228819" s="10"/>
    </row>
    <row r="228820" spans="14:14">
      <c r="N228820" s="10"/>
    </row>
    <row r="228821" spans="14:14">
      <c r="N228821" s="10"/>
    </row>
    <row r="228822" spans="14:14">
      <c r="N228822" s="10"/>
    </row>
    <row r="228823" spans="14:14">
      <c r="N228823" s="10"/>
    </row>
    <row r="228824" spans="14:14">
      <c r="N228824" s="10"/>
    </row>
    <row r="228825" spans="14:14">
      <c r="N228825" s="10"/>
    </row>
    <row r="228826" spans="14:14">
      <c r="N228826" s="10"/>
    </row>
    <row r="228827" spans="14:14">
      <c r="N228827" s="10"/>
    </row>
    <row r="228828" spans="14:14">
      <c r="N228828" s="10"/>
    </row>
    <row r="228829" spans="14:14">
      <c r="N228829" s="10"/>
    </row>
    <row r="228830" spans="14:14">
      <c r="N228830" s="10"/>
    </row>
    <row r="228831" spans="14:14">
      <c r="N228831" s="10"/>
    </row>
    <row r="228832" spans="14:14">
      <c r="N228832" s="10"/>
    </row>
    <row r="228833" spans="14:14">
      <c r="N228833" s="10"/>
    </row>
    <row r="228834" spans="14:14">
      <c r="N228834" s="10"/>
    </row>
    <row r="228835" spans="14:14">
      <c r="N228835" s="10"/>
    </row>
    <row r="228836" spans="14:14">
      <c r="N228836" s="10"/>
    </row>
    <row r="228837" spans="14:14">
      <c r="N228837" s="10"/>
    </row>
    <row r="228838" spans="14:14">
      <c r="N228838" s="10"/>
    </row>
    <row r="228839" spans="14:14">
      <c r="N228839" s="10"/>
    </row>
    <row r="228840" spans="14:14">
      <c r="N228840" s="10"/>
    </row>
    <row r="228841" spans="14:14">
      <c r="N228841" s="10"/>
    </row>
    <row r="228842" spans="14:14">
      <c r="N228842" s="10"/>
    </row>
    <row r="228843" spans="14:14">
      <c r="N228843" s="10"/>
    </row>
    <row r="228844" spans="14:14">
      <c r="N228844" s="10"/>
    </row>
    <row r="228845" spans="14:14">
      <c r="N228845" s="10"/>
    </row>
    <row r="228846" spans="14:14">
      <c r="N228846" s="10"/>
    </row>
    <row r="228847" spans="14:14">
      <c r="N228847" s="10"/>
    </row>
    <row r="228848" spans="14:14">
      <c r="N228848" s="10"/>
    </row>
    <row r="228849" spans="14:14">
      <c r="N228849" s="10"/>
    </row>
    <row r="228850" spans="14:14">
      <c r="N228850" s="10"/>
    </row>
    <row r="228851" spans="14:14">
      <c r="N228851" s="10"/>
    </row>
    <row r="228852" spans="14:14">
      <c r="N228852" s="10"/>
    </row>
    <row r="228853" spans="14:14">
      <c r="N228853" s="10"/>
    </row>
    <row r="228854" spans="14:14">
      <c r="N228854" s="10"/>
    </row>
    <row r="228855" spans="14:14">
      <c r="N228855" s="10"/>
    </row>
    <row r="228856" spans="14:14">
      <c r="N228856" s="10"/>
    </row>
    <row r="228857" spans="14:14">
      <c r="N228857" s="10"/>
    </row>
    <row r="228858" spans="14:14">
      <c r="N228858" s="10"/>
    </row>
    <row r="228859" spans="14:14">
      <c r="N228859" s="10"/>
    </row>
    <row r="228860" spans="14:14">
      <c r="N228860" s="10"/>
    </row>
    <row r="228861" spans="14:14">
      <c r="N228861" s="10"/>
    </row>
    <row r="228862" spans="14:14">
      <c r="N228862" s="10"/>
    </row>
    <row r="228863" spans="14:14">
      <c r="N228863" s="10"/>
    </row>
    <row r="228864" spans="14:14">
      <c r="N228864" s="10"/>
    </row>
    <row r="228865" spans="14:14">
      <c r="N228865" s="10"/>
    </row>
    <row r="228866" spans="14:14">
      <c r="N228866" s="10"/>
    </row>
    <row r="228867" spans="14:14">
      <c r="N228867" s="10"/>
    </row>
    <row r="228868" spans="14:14">
      <c r="N228868" s="10"/>
    </row>
    <row r="228869" spans="14:14">
      <c r="N228869" s="10"/>
    </row>
    <row r="228870" spans="14:14">
      <c r="N228870" s="10"/>
    </row>
    <row r="228871" spans="14:14">
      <c r="N228871" s="10"/>
    </row>
    <row r="228872" spans="14:14">
      <c r="N228872" s="10"/>
    </row>
    <row r="228873" spans="14:14">
      <c r="N228873" s="10"/>
    </row>
    <row r="228874" spans="14:14">
      <c r="N228874" s="10"/>
    </row>
    <row r="228875" spans="14:14">
      <c r="N228875" s="10"/>
    </row>
    <row r="228876" spans="14:14">
      <c r="N228876" s="10"/>
    </row>
    <row r="228877" spans="14:14">
      <c r="N228877" s="10"/>
    </row>
    <row r="228878" spans="14:14">
      <c r="N228878" s="10"/>
    </row>
    <row r="228879" spans="14:14">
      <c r="N228879" s="10"/>
    </row>
    <row r="228880" spans="14:14">
      <c r="N228880" s="10"/>
    </row>
    <row r="228881" spans="14:14">
      <c r="N228881" s="10"/>
    </row>
    <row r="228882" spans="14:14">
      <c r="N228882" s="10"/>
    </row>
    <row r="228883" spans="14:14">
      <c r="N228883" s="10"/>
    </row>
    <row r="228884" spans="14:14">
      <c r="N228884" s="10"/>
    </row>
    <row r="228885" spans="14:14">
      <c r="N228885" s="10"/>
    </row>
    <row r="228886" spans="14:14">
      <c r="N228886" s="10"/>
    </row>
    <row r="228887" spans="14:14">
      <c r="N228887" s="10"/>
    </row>
    <row r="228888" spans="14:14">
      <c r="N228888" s="10"/>
    </row>
    <row r="228889" spans="14:14">
      <c r="N228889" s="10"/>
    </row>
    <row r="228890" spans="14:14">
      <c r="N228890" s="10"/>
    </row>
    <row r="228891" spans="14:14">
      <c r="N228891" s="10"/>
    </row>
    <row r="228892" spans="14:14">
      <c r="N228892" s="10"/>
    </row>
    <row r="228893" spans="14:14">
      <c r="N228893" s="10"/>
    </row>
    <row r="228894" spans="14:14">
      <c r="N228894" s="10"/>
    </row>
    <row r="228895" spans="14:14">
      <c r="N228895" s="10"/>
    </row>
    <row r="228896" spans="14:14">
      <c r="N228896" s="10"/>
    </row>
    <row r="228897" spans="14:14">
      <c r="N228897" s="10"/>
    </row>
    <row r="228898" spans="14:14">
      <c r="N228898" s="10"/>
    </row>
    <row r="228899" spans="14:14">
      <c r="N228899" s="10"/>
    </row>
    <row r="228900" spans="14:14">
      <c r="N228900" s="10"/>
    </row>
    <row r="228901" spans="14:14">
      <c r="N228901" s="10"/>
    </row>
    <row r="228902" spans="14:14">
      <c r="N228902" s="10"/>
    </row>
    <row r="228903" spans="14:14">
      <c r="N228903" s="10"/>
    </row>
    <row r="228904" spans="14:14">
      <c r="N228904" s="10"/>
    </row>
    <row r="228905" spans="14:14">
      <c r="N228905" s="10"/>
    </row>
    <row r="228906" spans="14:14">
      <c r="N228906" s="10"/>
    </row>
    <row r="228907" spans="14:14">
      <c r="N228907" s="10"/>
    </row>
    <row r="228908" spans="14:14">
      <c r="N228908" s="10"/>
    </row>
    <row r="228909" spans="14:14">
      <c r="N228909" s="10"/>
    </row>
    <row r="228910" spans="14:14">
      <c r="N228910" s="10"/>
    </row>
    <row r="228911" spans="14:14">
      <c r="N228911" s="10"/>
    </row>
    <row r="228912" spans="14:14">
      <c r="N228912" s="10"/>
    </row>
    <row r="228913" spans="14:14">
      <c r="N228913" s="10"/>
    </row>
    <row r="228914" spans="14:14">
      <c r="N228914" s="10"/>
    </row>
    <row r="228915" spans="14:14">
      <c r="N228915" s="10"/>
    </row>
    <row r="228916" spans="14:14">
      <c r="N228916" s="10"/>
    </row>
    <row r="228917" spans="14:14">
      <c r="N228917" s="10"/>
    </row>
    <row r="228918" spans="14:14">
      <c r="N228918" s="10"/>
    </row>
    <row r="228919" spans="14:14">
      <c r="N228919" s="10"/>
    </row>
    <row r="228920" spans="14:14">
      <c r="N228920" s="10"/>
    </row>
    <row r="228921" spans="14:14">
      <c r="N228921" s="10"/>
    </row>
    <row r="228922" spans="14:14">
      <c r="N228922" s="10"/>
    </row>
    <row r="228923" spans="14:14">
      <c r="N228923" s="10"/>
    </row>
    <row r="228924" spans="14:14">
      <c r="N228924" s="10"/>
    </row>
    <row r="228925" spans="14:14">
      <c r="N228925" s="10"/>
    </row>
    <row r="228926" spans="14:14">
      <c r="N228926" s="10"/>
    </row>
    <row r="228927" spans="14:14">
      <c r="N228927" s="10"/>
    </row>
    <row r="228928" spans="14:14">
      <c r="N228928" s="10"/>
    </row>
    <row r="228929" spans="14:14">
      <c r="N228929" s="10"/>
    </row>
    <row r="228930" spans="14:14">
      <c r="N228930" s="10"/>
    </row>
    <row r="228931" spans="14:14">
      <c r="N228931" s="10"/>
    </row>
    <row r="228932" spans="14:14">
      <c r="N228932" s="10"/>
    </row>
    <row r="228933" spans="14:14">
      <c r="N228933" s="10"/>
    </row>
    <row r="228934" spans="14:14">
      <c r="N228934" s="10"/>
    </row>
    <row r="228935" spans="14:14">
      <c r="N228935" s="10"/>
    </row>
    <row r="228936" spans="14:14">
      <c r="N228936" s="10"/>
    </row>
    <row r="228937" spans="14:14">
      <c r="N228937" s="10"/>
    </row>
    <row r="228938" spans="14:14">
      <c r="N228938" s="10"/>
    </row>
    <row r="228939" spans="14:14">
      <c r="N228939" s="10"/>
    </row>
    <row r="228940" spans="14:14">
      <c r="N228940" s="10"/>
    </row>
    <row r="228941" spans="14:14">
      <c r="N228941" s="10"/>
    </row>
    <row r="228942" spans="14:14">
      <c r="N228942" s="10"/>
    </row>
    <row r="228943" spans="14:14">
      <c r="N228943" s="10"/>
    </row>
    <row r="228944" spans="14:14">
      <c r="N228944" s="10"/>
    </row>
    <row r="228945" spans="14:14">
      <c r="N228945" s="10"/>
    </row>
    <row r="228946" spans="14:14">
      <c r="N228946" s="10"/>
    </row>
    <row r="228947" spans="14:14">
      <c r="N228947" s="10"/>
    </row>
    <row r="228948" spans="14:14">
      <c r="N228948" s="10"/>
    </row>
    <row r="228949" spans="14:14">
      <c r="N228949" s="10"/>
    </row>
    <row r="228950" spans="14:14">
      <c r="N228950" s="10"/>
    </row>
    <row r="228951" spans="14:14">
      <c r="N228951" s="10"/>
    </row>
    <row r="228952" spans="14:14">
      <c r="N228952" s="10"/>
    </row>
    <row r="228953" spans="14:14">
      <c r="N228953" s="10"/>
    </row>
    <row r="228954" spans="14:14">
      <c r="N228954" s="10"/>
    </row>
    <row r="228955" spans="14:14">
      <c r="N228955" s="10"/>
    </row>
    <row r="228956" spans="14:14">
      <c r="N228956" s="10"/>
    </row>
    <row r="228957" spans="14:14">
      <c r="N228957" s="10"/>
    </row>
    <row r="228958" spans="14:14">
      <c r="N228958" s="10"/>
    </row>
    <row r="228959" spans="14:14">
      <c r="N228959" s="10"/>
    </row>
    <row r="228960" spans="14:14">
      <c r="N228960" s="10"/>
    </row>
    <row r="228961" spans="14:14">
      <c r="N228961" s="10"/>
    </row>
    <row r="228962" spans="14:14">
      <c r="N228962" s="10"/>
    </row>
    <row r="228963" spans="14:14">
      <c r="N228963" s="10"/>
    </row>
    <row r="228964" spans="14:14">
      <c r="N228964" s="10"/>
    </row>
    <row r="228965" spans="14:14">
      <c r="N228965" s="10"/>
    </row>
    <row r="228966" spans="14:14">
      <c r="N228966" s="10"/>
    </row>
    <row r="228967" spans="14:14">
      <c r="N228967" s="10"/>
    </row>
    <row r="228968" spans="14:14">
      <c r="N228968" s="10"/>
    </row>
    <row r="228969" spans="14:14">
      <c r="N228969" s="10"/>
    </row>
    <row r="228970" spans="14:14">
      <c r="N228970" s="10"/>
    </row>
    <row r="228971" spans="14:14">
      <c r="N228971" s="10"/>
    </row>
    <row r="228972" spans="14:14">
      <c r="N228972" s="10"/>
    </row>
    <row r="228973" spans="14:14">
      <c r="N228973" s="10"/>
    </row>
    <row r="228974" spans="14:14">
      <c r="N228974" s="10"/>
    </row>
    <row r="228975" spans="14:14">
      <c r="N228975" s="10"/>
    </row>
    <row r="228976" spans="14:14">
      <c r="N228976" s="10"/>
    </row>
    <row r="228977" spans="14:14">
      <c r="N228977" s="10"/>
    </row>
    <row r="228978" spans="14:14">
      <c r="N228978" s="10"/>
    </row>
    <row r="228979" spans="14:14">
      <c r="N228979" s="10"/>
    </row>
    <row r="228980" spans="14:14">
      <c r="N228980" s="10"/>
    </row>
    <row r="228981" spans="14:14">
      <c r="N228981" s="10"/>
    </row>
    <row r="228982" spans="14:14">
      <c r="N228982" s="10"/>
    </row>
    <row r="228983" spans="14:14">
      <c r="N228983" s="10"/>
    </row>
    <row r="228984" spans="14:14">
      <c r="N228984" s="10"/>
    </row>
    <row r="228985" spans="14:14">
      <c r="N228985" s="10"/>
    </row>
    <row r="228986" spans="14:14">
      <c r="N228986" s="10"/>
    </row>
    <row r="228987" spans="14:14">
      <c r="N228987" s="10"/>
    </row>
    <row r="228988" spans="14:14">
      <c r="N228988" s="10"/>
    </row>
    <row r="228989" spans="14:14">
      <c r="N228989" s="10"/>
    </row>
    <row r="228990" spans="14:14">
      <c r="N228990" s="10"/>
    </row>
    <row r="228991" spans="14:14">
      <c r="N228991" s="10"/>
    </row>
    <row r="228992" spans="14:14">
      <c r="N228992" s="10"/>
    </row>
    <row r="228993" spans="14:14">
      <c r="N228993" s="10"/>
    </row>
    <row r="228994" spans="14:14">
      <c r="N228994" s="10"/>
    </row>
    <row r="228995" spans="14:14">
      <c r="N228995" s="10"/>
    </row>
    <row r="228996" spans="14:14">
      <c r="N228996" s="10"/>
    </row>
    <row r="228997" spans="14:14">
      <c r="N228997" s="10"/>
    </row>
    <row r="228998" spans="14:14">
      <c r="N228998" s="10"/>
    </row>
    <row r="228999" spans="14:14">
      <c r="N228999" s="10"/>
    </row>
    <row r="229000" spans="14:14">
      <c r="N229000" s="10"/>
    </row>
    <row r="229001" spans="14:14">
      <c r="N229001" s="10"/>
    </row>
    <row r="229002" spans="14:14">
      <c r="N229002" s="10"/>
    </row>
    <row r="229003" spans="14:14">
      <c r="N229003" s="10"/>
    </row>
    <row r="229004" spans="14:14">
      <c r="N229004" s="10"/>
    </row>
    <row r="229005" spans="14:14">
      <c r="N229005" s="10"/>
    </row>
    <row r="229006" spans="14:14">
      <c r="N229006" s="10"/>
    </row>
    <row r="229007" spans="14:14">
      <c r="N229007" s="10"/>
    </row>
    <row r="229008" spans="14:14">
      <c r="N229008" s="10"/>
    </row>
    <row r="229009" spans="14:14">
      <c r="N229009" s="10"/>
    </row>
    <row r="229010" spans="14:14">
      <c r="N229010" s="10"/>
    </row>
    <row r="229011" spans="14:14">
      <c r="N229011" s="10"/>
    </row>
    <row r="229012" spans="14:14">
      <c r="N229012" s="10"/>
    </row>
    <row r="229013" spans="14:14">
      <c r="N229013" s="10"/>
    </row>
    <row r="229014" spans="14:14">
      <c r="N229014" s="10"/>
    </row>
    <row r="229015" spans="14:14">
      <c r="N229015" s="10"/>
    </row>
    <row r="229016" spans="14:14">
      <c r="N229016" s="10"/>
    </row>
    <row r="229017" spans="14:14">
      <c r="N229017" s="10"/>
    </row>
    <row r="229018" spans="14:14">
      <c r="N229018" s="10"/>
    </row>
    <row r="229019" spans="14:14">
      <c r="N229019" s="10"/>
    </row>
    <row r="229020" spans="14:14">
      <c r="N229020" s="10"/>
    </row>
    <row r="229021" spans="14:14">
      <c r="N229021" s="10"/>
    </row>
    <row r="229022" spans="14:14">
      <c r="N229022" s="10"/>
    </row>
    <row r="229023" spans="14:14">
      <c r="N229023" s="10"/>
    </row>
    <row r="229024" spans="14:14">
      <c r="N229024" s="10"/>
    </row>
    <row r="229025" spans="14:14">
      <c r="N229025" s="10"/>
    </row>
    <row r="229026" spans="14:14">
      <c r="N229026" s="10"/>
    </row>
    <row r="229027" spans="14:14">
      <c r="N229027" s="10"/>
    </row>
    <row r="229028" spans="14:14">
      <c r="N229028" s="10"/>
    </row>
    <row r="229029" spans="14:14">
      <c r="N229029" s="10"/>
    </row>
    <row r="229030" spans="14:14">
      <c r="N229030" s="10"/>
    </row>
    <row r="229031" spans="14:14">
      <c r="N229031" s="10"/>
    </row>
    <row r="229032" spans="14:14">
      <c r="N229032" s="10"/>
    </row>
    <row r="229033" spans="14:14">
      <c r="N229033" s="10"/>
    </row>
    <row r="229034" spans="14:14">
      <c r="N229034" s="10"/>
    </row>
    <row r="229035" spans="14:14">
      <c r="N229035" s="10"/>
    </row>
    <row r="229036" spans="14:14">
      <c r="N229036" s="10"/>
    </row>
    <row r="229037" spans="14:14">
      <c r="N229037" s="10"/>
    </row>
    <row r="229038" spans="14:14">
      <c r="N229038" s="10"/>
    </row>
    <row r="229039" spans="14:14">
      <c r="N229039" s="10"/>
    </row>
    <row r="229040" spans="14:14">
      <c r="N229040" s="10"/>
    </row>
    <row r="229041" spans="14:14">
      <c r="N229041" s="10"/>
    </row>
    <row r="229042" spans="14:14">
      <c r="N229042" s="10"/>
    </row>
    <row r="229043" spans="14:14">
      <c r="N229043" s="10"/>
    </row>
    <row r="229044" spans="14:14">
      <c r="N229044" s="10"/>
    </row>
    <row r="229045" spans="14:14">
      <c r="N229045" s="10"/>
    </row>
    <row r="229046" spans="14:14">
      <c r="N229046" s="10"/>
    </row>
    <row r="229047" spans="14:14">
      <c r="N229047" s="10"/>
    </row>
    <row r="229048" spans="14:14">
      <c r="N229048" s="10"/>
    </row>
    <row r="229049" spans="14:14">
      <c r="N229049" s="10"/>
    </row>
    <row r="229050" spans="14:14">
      <c r="N229050" s="10"/>
    </row>
    <row r="229051" spans="14:14">
      <c r="N229051" s="10"/>
    </row>
    <row r="229052" spans="14:14">
      <c r="N229052" s="10"/>
    </row>
    <row r="229053" spans="14:14">
      <c r="N229053" s="10"/>
    </row>
    <row r="229054" spans="14:14">
      <c r="N229054" s="10"/>
    </row>
    <row r="229055" spans="14:14">
      <c r="N229055" s="10"/>
    </row>
    <row r="229056" spans="14:14">
      <c r="N229056" s="10"/>
    </row>
    <row r="229057" spans="14:14">
      <c r="N229057" s="10"/>
    </row>
    <row r="229058" spans="14:14">
      <c r="N229058" s="10"/>
    </row>
    <row r="229059" spans="14:14">
      <c r="N229059" s="10"/>
    </row>
    <row r="229060" spans="14:14">
      <c r="N229060" s="10"/>
    </row>
    <row r="229061" spans="14:14">
      <c r="N229061" s="10"/>
    </row>
    <row r="229062" spans="14:14">
      <c r="N229062" s="10"/>
    </row>
    <row r="229063" spans="14:14">
      <c r="N229063" s="10"/>
    </row>
    <row r="229064" spans="14:14">
      <c r="N229064" s="10"/>
    </row>
    <row r="229065" spans="14:14">
      <c r="N229065" s="10"/>
    </row>
    <row r="229066" spans="14:14">
      <c r="N229066" s="10"/>
    </row>
    <row r="229067" spans="14:14">
      <c r="N229067" s="10"/>
    </row>
    <row r="229068" spans="14:14">
      <c r="N229068" s="10"/>
    </row>
    <row r="229069" spans="14:14">
      <c r="N229069" s="10"/>
    </row>
    <row r="229070" spans="14:14">
      <c r="N229070" s="10"/>
    </row>
    <row r="229071" spans="14:14">
      <c r="N229071" s="10"/>
    </row>
    <row r="229072" spans="14:14">
      <c r="N229072" s="10"/>
    </row>
    <row r="229073" spans="14:14">
      <c r="N229073" s="10"/>
    </row>
    <row r="229074" spans="14:14">
      <c r="N229074" s="10"/>
    </row>
    <row r="229075" spans="14:14">
      <c r="N229075" s="10"/>
    </row>
    <row r="229076" spans="14:14">
      <c r="N229076" s="10"/>
    </row>
    <row r="229077" spans="14:14">
      <c r="N229077" s="10"/>
    </row>
    <row r="229078" spans="14:14">
      <c r="N229078" s="10"/>
    </row>
    <row r="229079" spans="14:14">
      <c r="N229079" s="10"/>
    </row>
    <row r="229080" spans="14:14">
      <c r="N229080" s="10"/>
    </row>
    <row r="229081" spans="14:14">
      <c r="N229081" s="10"/>
    </row>
    <row r="229082" spans="14:14">
      <c r="N229082" s="10"/>
    </row>
    <row r="229083" spans="14:14">
      <c r="N229083" s="10"/>
    </row>
    <row r="229084" spans="14:14">
      <c r="N229084" s="10"/>
    </row>
    <row r="229085" spans="14:14">
      <c r="N229085" s="10"/>
    </row>
    <row r="229086" spans="14:14">
      <c r="N229086" s="10"/>
    </row>
    <row r="229087" spans="14:14">
      <c r="N229087" s="10"/>
    </row>
    <row r="229088" spans="14:14">
      <c r="N229088" s="10"/>
    </row>
    <row r="229089" spans="14:14">
      <c r="N229089" s="10"/>
    </row>
    <row r="229090" spans="14:14">
      <c r="N229090" s="10"/>
    </row>
    <row r="229091" spans="14:14">
      <c r="N229091" s="10"/>
    </row>
    <row r="229092" spans="14:14">
      <c r="N229092" s="10"/>
    </row>
    <row r="229093" spans="14:14">
      <c r="N229093" s="10"/>
    </row>
    <row r="229094" spans="14:14">
      <c r="N229094" s="10"/>
    </row>
    <row r="229095" spans="14:14">
      <c r="N229095" s="10"/>
    </row>
    <row r="229096" spans="14:14">
      <c r="N229096" s="10"/>
    </row>
    <row r="229097" spans="14:14">
      <c r="N229097" s="10"/>
    </row>
    <row r="229098" spans="14:14">
      <c r="N229098" s="10"/>
    </row>
    <row r="229099" spans="14:14">
      <c r="N229099" s="10"/>
    </row>
    <row r="229100" spans="14:14">
      <c r="N229100" s="10"/>
    </row>
    <row r="229101" spans="14:14">
      <c r="N229101" s="10"/>
    </row>
    <row r="229102" spans="14:14">
      <c r="N229102" s="10"/>
    </row>
    <row r="229103" spans="14:14">
      <c r="N229103" s="10"/>
    </row>
    <row r="229104" spans="14:14">
      <c r="N229104" s="10"/>
    </row>
    <row r="229105" spans="14:14">
      <c r="N229105" s="10"/>
    </row>
    <row r="229106" spans="14:14">
      <c r="N229106" s="10"/>
    </row>
    <row r="229107" spans="14:14">
      <c r="N229107" s="10"/>
    </row>
    <row r="229108" spans="14:14">
      <c r="N229108" s="10"/>
    </row>
    <row r="229109" spans="14:14">
      <c r="N229109" s="10"/>
    </row>
    <row r="229110" spans="14:14">
      <c r="N229110" s="10"/>
    </row>
    <row r="229111" spans="14:14">
      <c r="N229111" s="10"/>
    </row>
    <row r="229112" spans="14:14">
      <c r="N229112" s="10"/>
    </row>
    <row r="229113" spans="14:14">
      <c r="N229113" s="10"/>
    </row>
    <row r="229114" spans="14:14">
      <c r="N229114" s="10"/>
    </row>
    <row r="229115" spans="14:14">
      <c r="N229115" s="10"/>
    </row>
    <row r="229116" spans="14:14">
      <c r="N229116" s="10"/>
    </row>
    <row r="229117" spans="14:14">
      <c r="N229117" s="10"/>
    </row>
    <row r="229118" spans="14:14">
      <c r="N229118" s="10"/>
    </row>
    <row r="229119" spans="14:14">
      <c r="N229119" s="10"/>
    </row>
    <row r="229120" spans="14:14">
      <c r="N229120" s="10"/>
    </row>
    <row r="229121" spans="14:14">
      <c r="N229121" s="10"/>
    </row>
    <row r="229122" spans="14:14">
      <c r="N229122" s="10"/>
    </row>
    <row r="229123" spans="14:14">
      <c r="N229123" s="10"/>
    </row>
    <row r="229124" spans="14:14">
      <c r="N229124" s="10"/>
    </row>
    <row r="229125" spans="14:14">
      <c r="N229125" s="10"/>
    </row>
    <row r="229126" spans="14:14">
      <c r="N229126" s="10"/>
    </row>
    <row r="229127" spans="14:14">
      <c r="N229127" s="10"/>
    </row>
    <row r="229128" spans="14:14">
      <c r="N229128" s="10"/>
    </row>
    <row r="229129" spans="14:14">
      <c r="N229129" s="10"/>
    </row>
    <row r="229130" spans="14:14">
      <c r="N229130" s="10"/>
    </row>
    <row r="229131" spans="14:14">
      <c r="N229131" s="10"/>
    </row>
    <row r="229132" spans="14:14">
      <c r="N229132" s="10"/>
    </row>
    <row r="229133" spans="14:14">
      <c r="N229133" s="10"/>
    </row>
    <row r="229134" spans="14:14">
      <c r="N229134" s="10"/>
    </row>
    <row r="229135" spans="14:14">
      <c r="N229135" s="10"/>
    </row>
    <row r="229136" spans="14:14">
      <c r="N229136" s="10"/>
    </row>
    <row r="229137" spans="14:14">
      <c r="N229137" s="10"/>
    </row>
    <row r="229138" spans="14:14">
      <c r="N229138" s="10"/>
    </row>
    <row r="229139" spans="14:14">
      <c r="N229139" s="10"/>
    </row>
    <row r="229140" spans="14:14">
      <c r="N229140" s="10"/>
    </row>
    <row r="229141" spans="14:14">
      <c r="N229141" s="10"/>
    </row>
    <row r="229142" spans="14:14">
      <c r="N229142" s="10"/>
    </row>
    <row r="229143" spans="14:14">
      <c r="N229143" s="10"/>
    </row>
    <row r="229144" spans="14:14">
      <c r="N229144" s="10"/>
    </row>
    <row r="229145" spans="14:14">
      <c r="N229145" s="10"/>
    </row>
    <row r="229146" spans="14:14">
      <c r="N229146" s="10"/>
    </row>
    <row r="229147" spans="14:14">
      <c r="N229147" s="10"/>
    </row>
    <row r="229148" spans="14:14">
      <c r="N229148" s="10"/>
    </row>
    <row r="229149" spans="14:14">
      <c r="N229149" s="10"/>
    </row>
    <row r="229150" spans="14:14">
      <c r="N229150" s="10"/>
    </row>
    <row r="229151" spans="14:14">
      <c r="N229151" s="10"/>
    </row>
    <row r="229152" spans="14:14">
      <c r="N229152" s="10"/>
    </row>
    <row r="229153" spans="14:14">
      <c r="N229153" s="10"/>
    </row>
    <row r="229154" spans="14:14">
      <c r="N229154" s="10"/>
    </row>
    <row r="229155" spans="14:14">
      <c r="N229155" s="10"/>
    </row>
    <row r="229156" spans="14:14">
      <c r="N229156" s="10"/>
    </row>
    <row r="229157" spans="14:14">
      <c r="N229157" s="10"/>
    </row>
    <row r="229158" spans="14:14">
      <c r="N229158" s="10"/>
    </row>
    <row r="229159" spans="14:14">
      <c r="N229159" s="10"/>
    </row>
    <row r="229160" spans="14:14">
      <c r="N229160" s="10"/>
    </row>
    <row r="229161" spans="14:14">
      <c r="N229161" s="10"/>
    </row>
    <row r="229162" spans="14:14">
      <c r="N229162" s="10"/>
    </row>
    <row r="229163" spans="14:14">
      <c r="N229163" s="10"/>
    </row>
    <row r="229164" spans="14:14">
      <c r="N229164" s="10"/>
    </row>
    <row r="229165" spans="14:14">
      <c r="N229165" s="10"/>
    </row>
    <row r="229166" spans="14:14">
      <c r="N229166" s="10"/>
    </row>
    <row r="229167" spans="14:14">
      <c r="N229167" s="10"/>
    </row>
    <row r="229168" spans="14:14">
      <c r="N229168" s="10"/>
    </row>
    <row r="229169" spans="14:14">
      <c r="N229169" s="10"/>
    </row>
    <row r="229170" spans="14:14">
      <c r="N229170" s="10"/>
    </row>
    <row r="229171" spans="14:14">
      <c r="N229171" s="10"/>
    </row>
    <row r="229172" spans="14:14">
      <c r="N229172" s="10"/>
    </row>
    <row r="229173" spans="14:14">
      <c r="N229173" s="10"/>
    </row>
    <row r="229174" spans="14:14">
      <c r="N229174" s="10"/>
    </row>
    <row r="229175" spans="14:14">
      <c r="N229175" s="10"/>
    </row>
    <row r="229176" spans="14:14">
      <c r="N229176" s="10"/>
    </row>
    <row r="229177" spans="14:14">
      <c r="N229177" s="10"/>
    </row>
    <row r="229178" spans="14:14">
      <c r="N229178" s="10"/>
    </row>
    <row r="229179" spans="14:14">
      <c r="N229179" s="10"/>
    </row>
    <row r="229180" spans="14:14">
      <c r="N229180" s="10"/>
    </row>
    <row r="229181" spans="14:14">
      <c r="N229181" s="10"/>
    </row>
    <row r="229182" spans="14:14">
      <c r="N229182" s="10"/>
    </row>
    <row r="229183" spans="14:14">
      <c r="N229183" s="10"/>
    </row>
    <row r="229184" spans="14:14">
      <c r="N229184" s="10"/>
    </row>
    <row r="229185" spans="14:14">
      <c r="N229185" s="10"/>
    </row>
    <row r="229186" spans="14:14">
      <c r="N229186" s="10"/>
    </row>
    <row r="229187" spans="14:14">
      <c r="N229187" s="10"/>
    </row>
    <row r="229188" spans="14:14">
      <c r="N229188" s="10"/>
    </row>
    <row r="229189" spans="14:14">
      <c r="N229189" s="10"/>
    </row>
    <row r="229190" spans="14:14">
      <c r="N229190" s="10"/>
    </row>
    <row r="229191" spans="14:14">
      <c r="N229191" s="10"/>
    </row>
    <row r="229192" spans="14:14">
      <c r="N229192" s="10"/>
    </row>
    <row r="229193" spans="14:14">
      <c r="N229193" s="10"/>
    </row>
    <row r="229194" spans="14:14">
      <c r="N229194" s="10"/>
    </row>
    <row r="229195" spans="14:14">
      <c r="N229195" s="10"/>
    </row>
    <row r="229196" spans="14:14">
      <c r="N229196" s="10"/>
    </row>
    <row r="229197" spans="14:14">
      <c r="N229197" s="10"/>
    </row>
    <row r="229198" spans="14:14">
      <c r="N229198" s="10"/>
    </row>
    <row r="229199" spans="14:14">
      <c r="N229199" s="10"/>
    </row>
    <row r="229200" spans="14:14">
      <c r="N229200" s="10"/>
    </row>
    <row r="229201" spans="14:14">
      <c r="N229201" s="10"/>
    </row>
    <row r="229202" spans="14:14">
      <c r="N229202" s="10"/>
    </row>
    <row r="229203" spans="14:14">
      <c r="N229203" s="10"/>
    </row>
    <row r="229204" spans="14:14">
      <c r="N229204" s="10"/>
    </row>
    <row r="229205" spans="14:14">
      <c r="N229205" s="10"/>
    </row>
    <row r="229206" spans="14:14">
      <c r="N229206" s="10"/>
    </row>
    <row r="229207" spans="14:14">
      <c r="N229207" s="10"/>
    </row>
    <row r="229208" spans="14:14">
      <c r="N229208" s="10"/>
    </row>
    <row r="229209" spans="14:14">
      <c r="N229209" s="10"/>
    </row>
    <row r="229210" spans="14:14">
      <c r="N229210" s="10"/>
    </row>
    <row r="229211" spans="14:14">
      <c r="N229211" s="10"/>
    </row>
    <row r="229212" spans="14:14">
      <c r="N229212" s="10"/>
    </row>
    <row r="229213" spans="14:14">
      <c r="N229213" s="10"/>
    </row>
    <row r="229214" spans="14:14">
      <c r="N229214" s="10"/>
    </row>
    <row r="229215" spans="14:14">
      <c r="N229215" s="10"/>
    </row>
    <row r="229216" spans="14:14">
      <c r="N229216" s="10"/>
    </row>
    <row r="229217" spans="14:14">
      <c r="N229217" s="10"/>
    </row>
    <row r="229218" spans="14:14">
      <c r="N229218" s="10"/>
    </row>
    <row r="229219" spans="14:14">
      <c r="N229219" s="10"/>
    </row>
    <row r="229220" spans="14:14">
      <c r="N229220" s="10"/>
    </row>
    <row r="229221" spans="14:14">
      <c r="N229221" s="10"/>
    </row>
    <row r="229222" spans="14:14">
      <c r="N229222" s="10"/>
    </row>
    <row r="229223" spans="14:14">
      <c r="N229223" s="10"/>
    </row>
    <row r="229224" spans="14:14">
      <c r="N229224" s="10"/>
    </row>
    <row r="229225" spans="14:14">
      <c r="N229225" s="10"/>
    </row>
    <row r="229226" spans="14:14">
      <c r="N229226" s="10"/>
    </row>
    <row r="229227" spans="14:14">
      <c r="N229227" s="10"/>
    </row>
    <row r="229228" spans="14:14">
      <c r="N229228" s="10"/>
    </row>
    <row r="229229" spans="14:14">
      <c r="N229229" s="10"/>
    </row>
    <row r="229230" spans="14:14">
      <c r="N229230" s="10"/>
    </row>
    <row r="229231" spans="14:14">
      <c r="N229231" s="10"/>
    </row>
    <row r="229232" spans="14:14">
      <c r="N229232" s="10"/>
    </row>
    <row r="229233" spans="14:14">
      <c r="N229233" s="10"/>
    </row>
    <row r="229234" spans="14:14">
      <c r="N229234" s="10"/>
    </row>
    <row r="229235" spans="14:14">
      <c r="N229235" s="10"/>
    </row>
    <row r="229236" spans="14:14">
      <c r="N229236" s="10"/>
    </row>
    <row r="229237" spans="14:14">
      <c r="N229237" s="10"/>
    </row>
    <row r="229238" spans="14:14">
      <c r="N229238" s="10"/>
    </row>
    <row r="229239" spans="14:14">
      <c r="N229239" s="10"/>
    </row>
    <row r="229240" spans="14:14">
      <c r="N229240" s="10"/>
    </row>
    <row r="229241" spans="14:14">
      <c r="N229241" s="10"/>
    </row>
    <row r="229242" spans="14:14">
      <c r="N229242" s="10"/>
    </row>
    <row r="229243" spans="14:14">
      <c r="N229243" s="10"/>
    </row>
    <row r="229244" spans="14:14">
      <c r="N229244" s="10"/>
    </row>
    <row r="229245" spans="14:14">
      <c r="N229245" s="10"/>
    </row>
    <row r="229246" spans="14:14">
      <c r="N229246" s="10"/>
    </row>
    <row r="229247" spans="14:14">
      <c r="N229247" s="10"/>
    </row>
    <row r="229248" spans="14:14">
      <c r="N229248" s="10"/>
    </row>
    <row r="229249" spans="14:14">
      <c r="N229249" s="10"/>
    </row>
    <row r="229250" spans="14:14">
      <c r="N229250" s="10"/>
    </row>
    <row r="229251" spans="14:14">
      <c r="N229251" s="10"/>
    </row>
    <row r="229252" spans="14:14">
      <c r="N229252" s="10"/>
    </row>
    <row r="229253" spans="14:14">
      <c r="N229253" s="10"/>
    </row>
    <row r="229254" spans="14:14">
      <c r="N229254" s="10"/>
    </row>
    <row r="229255" spans="14:14">
      <c r="N229255" s="10"/>
    </row>
    <row r="229256" spans="14:14">
      <c r="N229256" s="10"/>
    </row>
    <row r="229257" spans="14:14">
      <c r="N229257" s="10"/>
    </row>
    <row r="229258" spans="14:14">
      <c r="N229258" s="10"/>
    </row>
    <row r="229259" spans="14:14">
      <c r="N229259" s="10"/>
    </row>
    <row r="229260" spans="14:14">
      <c r="N229260" s="10"/>
    </row>
    <row r="229261" spans="14:14">
      <c r="N229261" s="10"/>
    </row>
    <row r="229262" spans="14:14">
      <c r="N229262" s="10"/>
    </row>
    <row r="229263" spans="14:14">
      <c r="N229263" s="10"/>
    </row>
    <row r="229264" spans="14:14">
      <c r="N229264" s="10"/>
    </row>
    <row r="229265" spans="14:14">
      <c r="N229265" s="10"/>
    </row>
    <row r="229266" spans="14:14">
      <c r="N229266" s="10"/>
    </row>
    <row r="229267" spans="14:14">
      <c r="N229267" s="10"/>
    </row>
    <row r="229268" spans="14:14">
      <c r="N229268" s="10"/>
    </row>
    <row r="229269" spans="14:14">
      <c r="N229269" s="10"/>
    </row>
    <row r="229270" spans="14:14">
      <c r="N229270" s="10"/>
    </row>
    <row r="229271" spans="14:14">
      <c r="N229271" s="10"/>
    </row>
    <row r="229272" spans="14:14">
      <c r="N229272" s="10"/>
    </row>
    <row r="229273" spans="14:14">
      <c r="N229273" s="10"/>
    </row>
    <row r="229274" spans="14:14">
      <c r="N229274" s="10"/>
    </row>
    <row r="229275" spans="14:14">
      <c r="N229275" s="10"/>
    </row>
    <row r="229276" spans="14:14">
      <c r="N229276" s="10"/>
    </row>
    <row r="229277" spans="14:14">
      <c r="N229277" s="10"/>
    </row>
    <row r="229278" spans="14:14">
      <c r="N229278" s="10"/>
    </row>
    <row r="229279" spans="14:14">
      <c r="N229279" s="10"/>
    </row>
    <row r="229280" spans="14:14">
      <c r="N229280" s="10"/>
    </row>
    <row r="229281" spans="14:14">
      <c r="N229281" s="10"/>
    </row>
    <row r="229282" spans="14:14">
      <c r="N229282" s="10"/>
    </row>
    <row r="229283" spans="14:14">
      <c r="N229283" s="10"/>
    </row>
    <row r="229284" spans="14:14">
      <c r="N229284" s="10"/>
    </row>
    <row r="229285" spans="14:14">
      <c r="N229285" s="10"/>
    </row>
    <row r="229286" spans="14:14">
      <c r="N229286" s="10"/>
    </row>
    <row r="229287" spans="14:14">
      <c r="N229287" s="10"/>
    </row>
    <row r="229288" spans="14:14">
      <c r="N229288" s="10"/>
    </row>
    <row r="229289" spans="14:14">
      <c r="N229289" s="10"/>
    </row>
    <row r="229290" spans="14:14">
      <c r="N229290" s="10"/>
    </row>
    <row r="229291" spans="14:14">
      <c r="N229291" s="10"/>
    </row>
    <row r="229292" spans="14:14">
      <c r="N229292" s="10"/>
    </row>
    <row r="229293" spans="14:14">
      <c r="N229293" s="10"/>
    </row>
    <row r="229294" spans="14:14">
      <c r="N229294" s="10"/>
    </row>
    <row r="229295" spans="14:14">
      <c r="N229295" s="10"/>
    </row>
    <row r="229296" spans="14:14">
      <c r="N229296" s="10"/>
    </row>
    <row r="229297" spans="14:14">
      <c r="N229297" s="10"/>
    </row>
    <row r="229298" spans="14:14">
      <c r="N229298" s="10"/>
    </row>
    <row r="229299" spans="14:14">
      <c r="N229299" s="10"/>
    </row>
    <row r="229300" spans="14:14">
      <c r="N229300" s="10"/>
    </row>
    <row r="229301" spans="14:14">
      <c r="N229301" s="10"/>
    </row>
    <row r="229302" spans="14:14">
      <c r="N229302" s="10"/>
    </row>
    <row r="229303" spans="14:14">
      <c r="N229303" s="10"/>
    </row>
    <row r="229304" spans="14:14">
      <c r="N229304" s="10"/>
    </row>
    <row r="229305" spans="14:14">
      <c r="N229305" s="10"/>
    </row>
    <row r="229306" spans="14:14">
      <c r="N229306" s="10"/>
    </row>
    <row r="229307" spans="14:14">
      <c r="N229307" s="10"/>
    </row>
    <row r="229308" spans="14:14">
      <c r="N229308" s="10"/>
    </row>
    <row r="229309" spans="14:14">
      <c r="N229309" s="10"/>
    </row>
    <row r="229310" spans="14:14">
      <c r="N229310" s="10"/>
    </row>
    <row r="229311" spans="14:14">
      <c r="N229311" s="10"/>
    </row>
    <row r="229312" spans="14:14">
      <c r="N229312" s="10"/>
    </row>
    <row r="229313" spans="14:14">
      <c r="N229313" s="10"/>
    </row>
    <row r="229314" spans="14:14">
      <c r="N229314" s="10"/>
    </row>
    <row r="229315" spans="14:14">
      <c r="N229315" s="10"/>
    </row>
    <row r="229316" spans="14:14">
      <c r="N229316" s="10"/>
    </row>
    <row r="229317" spans="14:14">
      <c r="N229317" s="10"/>
    </row>
    <row r="229318" spans="14:14">
      <c r="N229318" s="10"/>
    </row>
    <row r="229319" spans="14:14">
      <c r="N229319" s="10"/>
    </row>
    <row r="229320" spans="14:14">
      <c r="N229320" s="10"/>
    </row>
    <row r="229321" spans="14:14">
      <c r="N229321" s="10"/>
    </row>
    <row r="229322" spans="14:14">
      <c r="N229322" s="10"/>
    </row>
    <row r="229323" spans="14:14">
      <c r="N229323" s="10"/>
    </row>
    <row r="229324" spans="14:14">
      <c r="N229324" s="10"/>
    </row>
    <row r="229325" spans="14:14">
      <c r="N229325" s="10"/>
    </row>
    <row r="229326" spans="14:14">
      <c r="N229326" s="10"/>
    </row>
    <row r="229327" spans="14:14">
      <c r="N229327" s="10"/>
    </row>
    <row r="229328" spans="14:14">
      <c r="N229328" s="10"/>
    </row>
    <row r="229329" spans="14:14">
      <c r="N229329" s="10"/>
    </row>
    <row r="229330" spans="14:14">
      <c r="N229330" s="10"/>
    </row>
    <row r="229331" spans="14:14">
      <c r="N229331" s="10"/>
    </row>
    <row r="229332" spans="14:14">
      <c r="N229332" s="10"/>
    </row>
    <row r="229333" spans="14:14">
      <c r="N229333" s="10"/>
    </row>
    <row r="229334" spans="14:14">
      <c r="N229334" s="10"/>
    </row>
    <row r="229335" spans="14:14">
      <c r="N229335" s="10"/>
    </row>
    <row r="229336" spans="14:14">
      <c r="N229336" s="10"/>
    </row>
    <row r="229337" spans="14:14">
      <c r="N229337" s="10"/>
    </row>
    <row r="229338" spans="14:14">
      <c r="N229338" s="10"/>
    </row>
    <row r="229339" spans="14:14">
      <c r="N229339" s="10"/>
    </row>
    <row r="229340" spans="14:14">
      <c r="N229340" s="10"/>
    </row>
    <row r="229341" spans="14:14">
      <c r="N229341" s="10"/>
    </row>
    <row r="229342" spans="14:14">
      <c r="N229342" s="10"/>
    </row>
    <row r="229343" spans="14:14">
      <c r="N229343" s="10"/>
    </row>
    <row r="229344" spans="14:14">
      <c r="N229344" s="10"/>
    </row>
    <row r="229345" spans="14:14">
      <c r="N229345" s="10"/>
    </row>
    <row r="229346" spans="14:14">
      <c r="N229346" s="10"/>
    </row>
    <row r="229347" spans="14:14">
      <c r="N229347" s="10"/>
    </row>
    <row r="229348" spans="14:14">
      <c r="N229348" s="10"/>
    </row>
    <row r="229349" spans="14:14">
      <c r="N229349" s="10"/>
    </row>
    <row r="229350" spans="14:14">
      <c r="N229350" s="10"/>
    </row>
    <row r="229351" spans="14:14">
      <c r="N229351" s="10"/>
    </row>
    <row r="229352" spans="14:14">
      <c r="N229352" s="10"/>
    </row>
    <row r="229353" spans="14:14">
      <c r="N229353" s="10"/>
    </row>
    <row r="229354" spans="14:14">
      <c r="N229354" s="10"/>
    </row>
    <row r="229355" spans="14:14">
      <c r="N229355" s="10"/>
    </row>
    <row r="229356" spans="14:14">
      <c r="N229356" s="10"/>
    </row>
    <row r="229357" spans="14:14">
      <c r="N229357" s="10"/>
    </row>
    <row r="229358" spans="14:14">
      <c r="N229358" s="10"/>
    </row>
    <row r="229359" spans="14:14">
      <c r="N229359" s="10"/>
    </row>
    <row r="229360" spans="14:14">
      <c r="N229360" s="10"/>
    </row>
    <row r="229361" spans="14:14">
      <c r="N229361" s="10"/>
    </row>
    <row r="229362" spans="14:14">
      <c r="N229362" s="10"/>
    </row>
    <row r="229363" spans="14:14">
      <c r="N229363" s="10"/>
    </row>
    <row r="229364" spans="14:14">
      <c r="N229364" s="10"/>
    </row>
    <row r="229365" spans="14:14">
      <c r="N229365" s="10"/>
    </row>
    <row r="229366" spans="14:14">
      <c r="N229366" s="10"/>
    </row>
    <row r="229367" spans="14:14">
      <c r="N229367" s="10"/>
    </row>
    <row r="229368" spans="14:14">
      <c r="N229368" s="10"/>
    </row>
    <row r="229369" spans="14:14">
      <c r="N229369" s="10"/>
    </row>
    <row r="229370" spans="14:14">
      <c r="N229370" s="10"/>
    </row>
    <row r="229371" spans="14:14">
      <c r="N229371" s="10"/>
    </row>
    <row r="229372" spans="14:14">
      <c r="N229372" s="10"/>
    </row>
    <row r="229373" spans="14:14">
      <c r="N229373" s="10"/>
    </row>
    <row r="229374" spans="14:14">
      <c r="N229374" s="10"/>
    </row>
    <row r="229375" spans="14:14">
      <c r="N229375" s="10"/>
    </row>
    <row r="229376" spans="14:14">
      <c r="N229376" s="10"/>
    </row>
    <row r="229377" spans="14:14">
      <c r="N229377" s="10"/>
    </row>
    <row r="229378" spans="14:14">
      <c r="N229378" s="10"/>
    </row>
    <row r="229379" spans="14:14">
      <c r="N229379" s="10"/>
    </row>
    <row r="229380" spans="14:14">
      <c r="N229380" s="10"/>
    </row>
    <row r="229381" spans="14:14">
      <c r="N229381" s="10"/>
    </row>
    <row r="229382" spans="14:14">
      <c r="N229382" s="10"/>
    </row>
    <row r="229383" spans="14:14">
      <c r="N229383" s="10"/>
    </row>
    <row r="229384" spans="14:14">
      <c r="N229384" s="10"/>
    </row>
    <row r="229385" spans="14:14">
      <c r="N229385" s="10"/>
    </row>
    <row r="229386" spans="14:14">
      <c r="N229386" s="10"/>
    </row>
    <row r="229387" spans="14:14">
      <c r="N229387" s="10"/>
    </row>
    <row r="229388" spans="14:14">
      <c r="N229388" s="10"/>
    </row>
    <row r="229389" spans="14:14">
      <c r="N229389" s="10"/>
    </row>
    <row r="229390" spans="14:14">
      <c r="N229390" s="10"/>
    </row>
    <row r="229391" spans="14:14">
      <c r="N229391" s="10"/>
    </row>
    <row r="229392" spans="14:14">
      <c r="N229392" s="10"/>
    </row>
    <row r="229393" spans="14:14">
      <c r="N229393" s="10"/>
    </row>
    <row r="229394" spans="14:14">
      <c r="N229394" s="10"/>
    </row>
    <row r="229395" spans="14:14">
      <c r="N229395" s="10"/>
    </row>
    <row r="229396" spans="14:14">
      <c r="N229396" s="10"/>
    </row>
    <row r="229397" spans="14:14">
      <c r="N229397" s="10"/>
    </row>
    <row r="229398" spans="14:14">
      <c r="N229398" s="10"/>
    </row>
    <row r="229399" spans="14:14">
      <c r="N229399" s="10"/>
    </row>
    <row r="229400" spans="14:14">
      <c r="N229400" s="10"/>
    </row>
    <row r="229401" spans="14:14">
      <c r="N229401" s="10"/>
    </row>
    <row r="229402" spans="14:14">
      <c r="N229402" s="10"/>
    </row>
    <row r="229403" spans="14:14">
      <c r="N229403" s="10"/>
    </row>
    <row r="229404" spans="14:14">
      <c r="N229404" s="10"/>
    </row>
    <row r="229405" spans="14:14">
      <c r="N229405" s="10"/>
    </row>
    <row r="229406" spans="14:14">
      <c r="N229406" s="10"/>
    </row>
    <row r="229407" spans="14:14">
      <c r="N229407" s="10"/>
    </row>
    <row r="229408" spans="14:14">
      <c r="N229408" s="10"/>
    </row>
    <row r="229409" spans="14:14">
      <c r="N229409" s="10"/>
    </row>
    <row r="229410" spans="14:14">
      <c r="N229410" s="10"/>
    </row>
    <row r="229411" spans="14:14">
      <c r="N229411" s="10"/>
    </row>
    <row r="229412" spans="14:14">
      <c r="N229412" s="10"/>
    </row>
    <row r="229413" spans="14:14">
      <c r="N229413" s="10"/>
    </row>
    <row r="229414" spans="14:14">
      <c r="N229414" s="10"/>
    </row>
    <row r="229415" spans="14:14">
      <c r="N229415" s="10"/>
    </row>
    <row r="229416" spans="14:14">
      <c r="N229416" s="10"/>
    </row>
    <row r="229417" spans="14:14">
      <c r="N229417" s="10"/>
    </row>
    <row r="229418" spans="14:14">
      <c r="N229418" s="10"/>
    </row>
    <row r="229419" spans="14:14">
      <c r="N229419" s="10"/>
    </row>
    <row r="229420" spans="14:14">
      <c r="N229420" s="10"/>
    </row>
    <row r="229421" spans="14:14">
      <c r="N229421" s="10"/>
    </row>
    <row r="229422" spans="14:14">
      <c r="N229422" s="10"/>
    </row>
    <row r="229423" spans="14:14">
      <c r="N229423" s="10"/>
    </row>
    <row r="229424" spans="14:14">
      <c r="N229424" s="10"/>
    </row>
    <row r="229425" spans="14:14">
      <c r="N229425" s="10"/>
    </row>
    <row r="229426" spans="14:14">
      <c r="N229426" s="10"/>
    </row>
    <row r="229427" spans="14:14">
      <c r="N229427" s="10"/>
    </row>
    <row r="229428" spans="14:14">
      <c r="N229428" s="10"/>
    </row>
    <row r="229429" spans="14:14">
      <c r="N229429" s="10"/>
    </row>
    <row r="229430" spans="14:14">
      <c r="N229430" s="10"/>
    </row>
    <row r="229431" spans="14:14">
      <c r="N229431" s="10"/>
    </row>
    <row r="229432" spans="14:14">
      <c r="N229432" s="10"/>
    </row>
    <row r="229433" spans="14:14">
      <c r="N229433" s="10"/>
    </row>
    <row r="229434" spans="14:14">
      <c r="N229434" s="10"/>
    </row>
    <row r="229435" spans="14:14">
      <c r="N229435" s="10"/>
    </row>
    <row r="229436" spans="14:14">
      <c r="N229436" s="10"/>
    </row>
    <row r="229437" spans="14:14">
      <c r="N229437" s="10"/>
    </row>
    <row r="229438" spans="14:14">
      <c r="N229438" s="10"/>
    </row>
    <row r="229439" spans="14:14">
      <c r="N229439" s="10"/>
    </row>
    <row r="229440" spans="14:14">
      <c r="N229440" s="10"/>
    </row>
    <row r="229441" spans="14:14">
      <c r="N229441" s="10"/>
    </row>
    <row r="229442" spans="14:14">
      <c r="N229442" s="10"/>
    </row>
    <row r="229443" spans="14:14">
      <c r="N229443" s="10"/>
    </row>
    <row r="229444" spans="14:14">
      <c r="N229444" s="10"/>
    </row>
    <row r="229445" spans="14:14">
      <c r="N229445" s="10"/>
    </row>
    <row r="229446" spans="14:14">
      <c r="N229446" s="10"/>
    </row>
    <row r="229447" spans="14:14">
      <c r="N229447" s="10"/>
    </row>
    <row r="229448" spans="14:14">
      <c r="N229448" s="10"/>
    </row>
    <row r="229449" spans="14:14">
      <c r="N229449" s="10"/>
    </row>
    <row r="229450" spans="14:14">
      <c r="N229450" s="10"/>
    </row>
    <row r="229451" spans="14:14">
      <c r="N229451" s="10"/>
    </row>
    <row r="229452" spans="14:14">
      <c r="N229452" s="10"/>
    </row>
    <row r="229453" spans="14:14">
      <c r="N229453" s="10"/>
    </row>
    <row r="229454" spans="14:14">
      <c r="N229454" s="10"/>
    </row>
    <row r="229455" spans="14:14">
      <c r="N229455" s="10"/>
    </row>
    <row r="229456" spans="14:14">
      <c r="N229456" s="10"/>
    </row>
    <row r="229457" spans="14:14">
      <c r="N229457" s="10"/>
    </row>
    <row r="229458" spans="14:14">
      <c r="N229458" s="10"/>
    </row>
    <row r="229459" spans="14:14">
      <c r="N229459" s="10"/>
    </row>
    <row r="229460" spans="14:14">
      <c r="N229460" s="10"/>
    </row>
    <row r="229461" spans="14:14">
      <c r="N229461" s="10"/>
    </row>
    <row r="229462" spans="14:14">
      <c r="N229462" s="10"/>
    </row>
    <row r="229463" spans="14:14">
      <c r="N229463" s="10"/>
    </row>
    <row r="229464" spans="14:14">
      <c r="N229464" s="10"/>
    </row>
    <row r="229465" spans="14:14">
      <c r="N229465" s="10"/>
    </row>
    <row r="229466" spans="14:14">
      <c r="N229466" s="10"/>
    </row>
    <row r="229467" spans="14:14">
      <c r="N229467" s="10"/>
    </row>
    <row r="229468" spans="14:14">
      <c r="N229468" s="10"/>
    </row>
    <row r="229469" spans="14:14">
      <c r="N229469" s="10"/>
    </row>
    <row r="229470" spans="14:14">
      <c r="N229470" s="10"/>
    </row>
    <row r="229471" spans="14:14">
      <c r="N229471" s="10"/>
    </row>
    <row r="229472" spans="14:14">
      <c r="N229472" s="10"/>
    </row>
    <row r="229473" spans="14:14">
      <c r="N229473" s="10"/>
    </row>
    <row r="229474" spans="14:14">
      <c r="N229474" s="10"/>
    </row>
    <row r="229475" spans="14:14">
      <c r="N229475" s="10"/>
    </row>
    <row r="229476" spans="14:14">
      <c r="N229476" s="10"/>
    </row>
    <row r="229477" spans="14:14">
      <c r="N229477" s="10"/>
    </row>
    <row r="229478" spans="14:14">
      <c r="N229478" s="10"/>
    </row>
    <row r="229479" spans="14:14">
      <c r="N229479" s="10"/>
    </row>
    <row r="229480" spans="14:14">
      <c r="N229480" s="10"/>
    </row>
    <row r="229481" spans="14:14">
      <c r="N229481" s="10"/>
    </row>
    <row r="229482" spans="14:14">
      <c r="N229482" s="10"/>
    </row>
    <row r="229483" spans="14:14">
      <c r="N229483" s="10"/>
    </row>
    <row r="229484" spans="14:14">
      <c r="N229484" s="10"/>
    </row>
    <row r="229485" spans="14:14">
      <c r="N229485" s="10"/>
    </row>
    <row r="229486" spans="14:14">
      <c r="N229486" s="10"/>
    </row>
    <row r="229487" spans="14:14">
      <c r="N229487" s="10"/>
    </row>
    <row r="229488" spans="14:14">
      <c r="N229488" s="10"/>
    </row>
    <row r="229489" spans="14:14">
      <c r="N229489" s="10"/>
    </row>
    <row r="229490" spans="14:14">
      <c r="N229490" s="10"/>
    </row>
    <row r="229491" spans="14:14">
      <c r="N229491" s="10"/>
    </row>
    <row r="229492" spans="14:14">
      <c r="N229492" s="10"/>
    </row>
    <row r="229493" spans="14:14">
      <c r="N229493" s="10"/>
    </row>
    <row r="229494" spans="14:14">
      <c r="N229494" s="10"/>
    </row>
    <row r="229495" spans="14:14">
      <c r="N229495" s="10"/>
    </row>
    <row r="229496" spans="14:14">
      <c r="N229496" s="10"/>
    </row>
    <row r="229497" spans="14:14">
      <c r="N229497" s="10"/>
    </row>
    <row r="229498" spans="14:14">
      <c r="N229498" s="10"/>
    </row>
    <row r="229499" spans="14:14">
      <c r="N229499" s="10"/>
    </row>
    <row r="229500" spans="14:14">
      <c r="N229500" s="10"/>
    </row>
    <row r="229501" spans="14:14">
      <c r="N229501" s="10"/>
    </row>
    <row r="229502" spans="14:14">
      <c r="N229502" s="10"/>
    </row>
    <row r="229503" spans="14:14">
      <c r="N229503" s="10"/>
    </row>
    <row r="229504" spans="14:14">
      <c r="N229504" s="10"/>
    </row>
    <row r="229505" spans="14:14">
      <c r="N229505" s="10"/>
    </row>
    <row r="229506" spans="14:14">
      <c r="N229506" s="10"/>
    </row>
    <row r="229507" spans="14:14">
      <c r="N229507" s="10"/>
    </row>
    <row r="229508" spans="14:14">
      <c r="N229508" s="10"/>
    </row>
    <row r="229509" spans="14:14">
      <c r="N229509" s="10"/>
    </row>
    <row r="229510" spans="14:14">
      <c r="N229510" s="10"/>
    </row>
    <row r="229511" spans="14:14">
      <c r="N229511" s="10"/>
    </row>
    <row r="229512" spans="14:14">
      <c r="N229512" s="10"/>
    </row>
    <row r="229513" spans="14:14">
      <c r="N229513" s="10"/>
    </row>
    <row r="229514" spans="14:14">
      <c r="N229514" s="10"/>
    </row>
    <row r="229515" spans="14:14">
      <c r="N229515" s="10"/>
    </row>
    <row r="229516" spans="14:14">
      <c r="N229516" s="10"/>
    </row>
    <row r="229517" spans="14:14">
      <c r="N229517" s="10"/>
    </row>
    <row r="229518" spans="14:14">
      <c r="N229518" s="10"/>
    </row>
    <row r="229519" spans="14:14">
      <c r="N229519" s="10"/>
    </row>
    <row r="229520" spans="14:14">
      <c r="N229520" s="10"/>
    </row>
    <row r="229521" spans="14:14">
      <c r="N229521" s="10"/>
    </row>
    <row r="229522" spans="14:14">
      <c r="N229522" s="10"/>
    </row>
    <row r="229523" spans="14:14">
      <c r="N229523" s="10"/>
    </row>
    <row r="229524" spans="14:14">
      <c r="N229524" s="10"/>
    </row>
    <row r="229525" spans="14:14">
      <c r="N229525" s="10"/>
    </row>
    <row r="229526" spans="14:14">
      <c r="N229526" s="10"/>
    </row>
    <row r="229527" spans="14:14">
      <c r="N229527" s="10"/>
    </row>
    <row r="229528" spans="14:14">
      <c r="N229528" s="10"/>
    </row>
    <row r="229529" spans="14:14">
      <c r="N229529" s="10"/>
    </row>
    <row r="229530" spans="14:14">
      <c r="N229530" s="10"/>
    </row>
    <row r="229531" spans="14:14">
      <c r="N229531" s="10"/>
    </row>
    <row r="229532" spans="14:14">
      <c r="N229532" s="10"/>
    </row>
    <row r="229533" spans="14:14">
      <c r="N229533" s="10"/>
    </row>
    <row r="229534" spans="14:14">
      <c r="N229534" s="10"/>
    </row>
    <row r="229535" spans="14:14">
      <c r="N229535" s="10"/>
    </row>
    <row r="229536" spans="14:14">
      <c r="N229536" s="10"/>
    </row>
    <row r="229537" spans="14:14">
      <c r="N229537" s="10"/>
    </row>
    <row r="229538" spans="14:14">
      <c r="N229538" s="10"/>
    </row>
    <row r="229539" spans="14:14">
      <c r="N229539" s="10"/>
    </row>
    <row r="229540" spans="14:14">
      <c r="N229540" s="10"/>
    </row>
    <row r="229541" spans="14:14">
      <c r="N229541" s="10"/>
    </row>
    <row r="229542" spans="14:14">
      <c r="N229542" s="10"/>
    </row>
    <row r="229543" spans="14:14">
      <c r="N229543" s="10"/>
    </row>
    <row r="229544" spans="14:14">
      <c r="N229544" s="10"/>
    </row>
    <row r="229545" spans="14:14">
      <c r="N229545" s="10"/>
    </row>
    <row r="229546" spans="14:14">
      <c r="N229546" s="10"/>
    </row>
    <row r="229547" spans="14:14">
      <c r="N229547" s="10"/>
    </row>
    <row r="229548" spans="14:14">
      <c r="N229548" s="10"/>
    </row>
    <row r="229549" spans="14:14">
      <c r="N229549" s="10"/>
    </row>
    <row r="229550" spans="14:14">
      <c r="N229550" s="10"/>
    </row>
    <row r="229551" spans="14:14">
      <c r="N229551" s="10"/>
    </row>
    <row r="229552" spans="14:14">
      <c r="N229552" s="10"/>
    </row>
    <row r="229553" spans="14:14">
      <c r="N229553" s="10"/>
    </row>
    <row r="229554" spans="14:14">
      <c r="N229554" s="10"/>
    </row>
    <row r="229555" spans="14:14">
      <c r="N229555" s="10"/>
    </row>
    <row r="229556" spans="14:14">
      <c r="N229556" s="10"/>
    </row>
    <row r="229557" spans="14:14">
      <c r="N229557" s="10"/>
    </row>
    <row r="229558" spans="14:14">
      <c r="N229558" s="10"/>
    </row>
    <row r="229559" spans="14:14">
      <c r="N229559" s="10"/>
    </row>
    <row r="229560" spans="14:14">
      <c r="N229560" s="10"/>
    </row>
    <row r="229561" spans="14:14">
      <c r="N229561" s="10"/>
    </row>
    <row r="229562" spans="14:14">
      <c r="N229562" s="10"/>
    </row>
    <row r="229563" spans="14:14">
      <c r="N229563" s="10"/>
    </row>
    <row r="229564" spans="14:14">
      <c r="N229564" s="10"/>
    </row>
    <row r="229565" spans="14:14">
      <c r="N229565" s="10"/>
    </row>
    <row r="229566" spans="14:14">
      <c r="N229566" s="10"/>
    </row>
    <row r="229567" spans="14:14">
      <c r="N229567" s="10"/>
    </row>
    <row r="229568" spans="14:14">
      <c r="N229568" s="10"/>
    </row>
    <row r="229569" spans="14:14">
      <c r="N229569" s="10"/>
    </row>
    <row r="229570" spans="14:14">
      <c r="N229570" s="10"/>
    </row>
    <row r="229571" spans="14:14">
      <c r="N229571" s="10"/>
    </row>
    <row r="229572" spans="14:14">
      <c r="N229572" s="10"/>
    </row>
    <row r="229573" spans="14:14">
      <c r="N229573" s="10"/>
    </row>
    <row r="229574" spans="14:14">
      <c r="N229574" s="10"/>
    </row>
    <row r="229575" spans="14:14">
      <c r="N229575" s="10"/>
    </row>
    <row r="229576" spans="14:14">
      <c r="N229576" s="10"/>
    </row>
    <row r="229577" spans="14:14">
      <c r="N229577" s="10"/>
    </row>
    <row r="229578" spans="14:14">
      <c r="N229578" s="10"/>
    </row>
    <row r="229579" spans="14:14">
      <c r="N229579" s="10"/>
    </row>
    <row r="229580" spans="14:14">
      <c r="N229580" s="10"/>
    </row>
    <row r="229581" spans="14:14">
      <c r="N229581" s="10"/>
    </row>
    <row r="229582" spans="14:14">
      <c r="N229582" s="10"/>
    </row>
    <row r="229583" spans="14:14">
      <c r="N229583" s="10"/>
    </row>
    <row r="229584" spans="14:14">
      <c r="N229584" s="10"/>
    </row>
    <row r="229585" spans="14:14">
      <c r="N229585" s="10"/>
    </row>
    <row r="229586" spans="14:14">
      <c r="N229586" s="10"/>
    </row>
    <row r="229587" spans="14:14">
      <c r="N229587" s="10"/>
    </row>
    <row r="229588" spans="14:14">
      <c r="N229588" s="10"/>
    </row>
    <row r="229589" spans="14:14">
      <c r="N229589" s="10"/>
    </row>
    <row r="229590" spans="14:14">
      <c r="N229590" s="10"/>
    </row>
    <row r="229591" spans="14:14">
      <c r="N229591" s="10"/>
    </row>
    <row r="229592" spans="14:14">
      <c r="N229592" s="10"/>
    </row>
    <row r="229593" spans="14:14">
      <c r="N229593" s="10"/>
    </row>
    <row r="229594" spans="14:14">
      <c r="N229594" s="10"/>
    </row>
    <row r="229595" spans="14:14">
      <c r="N229595" s="10"/>
    </row>
    <row r="229596" spans="14:14">
      <c r="N229596" s="10"/>
    </row>
    <row r="229597" spans="14:14">
      <c r="N229597" s="10"/>
    </row>
    <row r="229598" spans="14:14">
      <c r="N229598" s="10"/>
    </row>
    <row r="229599" spans="14:14">
      <c r="N229599" s="10"/>
    </row>
    <row r="229600" spans="14:14">
      <c r="N229600" s="10"/>
    </row>
    <row r="229601" spans="14:14">
      <c r="N229601" s="10"/>
    </row>
    <row r="229602" spans="14:14">
      <c r="N229602" s="10"/>
    </row>
    <row r="229603" spans="14:14">
      <c r="N229603" s="10"/>
    </row>
    <row r="229604" spans="14:14">
      <c r="N229604" s="10"/>
    </row>
    <row r="229605" spans="14:14">
      <c r="N229605" s="10"/>
    </row>
    <row r="229606" spans="14:14">
      <c r="N229606" s="10"/>
    </row>
    <row r="229607" spans="14:14">
      <c r="N229607" s="10"/>
    </row>
    <row r="229608" spans="14:14">
      <c r="N229608" s="10"/>
    </row>
    <row r="229609" spans="14:14">
      <c r="N229609" s="10"/>
    </row>
    <row r="229610" spans="14:14">
      <c r="N229610" s="10"/>
    </row>
    <row r="229611" spans="14:14">
      <c r="N229611" s="10"/>
    </row>
    <row r="229612" spans="14:14">
      <c r="N229612" s="10"/>
    </row>
    <row r="229613" spans="14:14">
      <c r="N229613" s="10"/>
    </row>
    <row r="229614" spans="14:14">
      <c r="N229614" s="10"/>
    </row>
    <row r="229615" spans="14:14">
      <c r="N229615" s="10"/>
    </row>
    <row r="229616" spans="14:14">
      <c r="N229616" s="10"/>
    </row>
    <row r="229617" spans="14:14">
      <c r="N229617" s="10"/>
    </row>
    <row r="229618" spans="14:14">
      <c r="N229618" s="10"/>
    </row>
    <row r="229619" spans="14:14">
      <c r="N229619" s="10"/>
    </row>
    <row r="229620" spans="14:14">
      <c r="N229620" s="10"/>
    </row>
    <row r="229621" spans="14:14">
      <c r="N229621" s="10"/>
    </row>
    <row r="229622" spans="14:14">
      <c r="N229622" s="10"/>
    </row>
    <row r="229623" spans="14:14">
      <c r="N229623" s="10"/>
    </row>
    <row r="229624" spans="14:14">
      <c r="N229624" s="10"/>
    </row>
    <row r="229625" spans="14:14">
      <c r="N229625" s="10"/>
    </row>
    <row r="229626" spans="14:14">
      <c r="N229626" s="10"/>
    </row>
    <row r="229627" spans="14:14">
      <c r="N229627" s="10"/>
    </row>
    <row r="229628" spans="14:14">
      <c r="N229628" s="10"/>
    </row>
    <row r="229629" spans="14:14">
      <c r="N229629" s="10"/>
    </row>
    <row r="229630" spans="14:14">
      <c r="N229630" s="10"/>
    </row>
    <row r="229631" spans="14:14">
      <c r="N229631" s="10"/>
    </row>
    <row r="229632" spans="14:14">
      <c r="N229632" s="10"/>
    </row>
    <row r="229633" spans="14:14">
      <c r="N229633" s="10"/>
    </row>
    <row r="229634" spans="14:14">
      <c r="N229634" s="10"/>
    </row>
    <row r="229635" spans="14:14">
      <c r="N229635" s="10"/>
    </row>
    <row r="229636" spans="14:14">
      <c r="N229636" s="10"/>
    </row>
    <row r="229637" spans="14:14">
      <c r="N229637" s="10"/>
    </row>
    <row r="229638" spans="14:14">
      <c r="N229638" s="10"/>
    </row>
    <row r="229639" spans="14:14">
      <c r="N229639" s="10"/>
    </row>
    <row r="229640" spans="14:14">
      <c r="N229640" s="10"/>
    </row>
    <row r="229641" spans="14:14">
      <c r="N229641" s="10"/>
    </row>
    <row r="229642" spans="14:14">
      <c r="N229642" s="10"/>
    </row>
    <row r="229643" spans="14:14">
      <c r="N229643" s="10"/>
    </row>
    <row r="229644" spans="14:14">
      <c r="N229644" s="10"/>
    </row>
    <row r="229645" spans="14:14">
      <c r="N229645" s="10"/>
    </row>
    <row r="229646" spans="14:14">
      <c r="N229646" s="10"/>
    </row>
    <row r="229647" spans="14:14">
      <c r="N229647" s="10"/>
    </row>
    <row r="229648" spans="14:14">
      <c r="N229648" s="10"/>
    </row>
    <row r="229649" spans="14:14">
      <c r="N229649" s="10"/>
    </row>
    <row r="229650" spans="14:14">
      <c r="N229650" s="10"/>
    </row>
    <row r="229651" spans="14:14">
      <c r="N229651" s="10"/>
    </row>
    <row r="229652" spans="14:14">
      <c r="N229652" s="10"/>
    </row>
    <row r="229653" spans="14:14">
      <c r="N229653" s="10"/>
    </row>
    <row r="229654" spans="14:14">
      <c r="N229654" s="10"/>
    </row>
    <row r="229655" spans="14:14">
      <c r="N229655" s="10"/>
    </row>
    <row r="229656" spans="14:14">
      <c r="N229656" s="10"/>
    </row>
    <row r="229657" spans="14:14">
      <c r="N229657" s="10"/>
    </row>
    <row r="229658" spans="14:14">
      <c r="N229658" s="10"/>
    </row>
    <row r="229659" spans="14:14">
      <c r="N229659" s="10"/>
    </row>
    <row r="229660" spans="14:14">
      <c r="N229660" s="10"/>
    </row>
    <row r="229661" spans="14:14">
      <c r="N229661" s="10"/>
    </row>
    <row r="229662" spans="14:14">
      <c r="N229662" s="10"/>
    </row>
    <row r="229663" spans="14:14">
      <c r="N229663" s="10"/>
    </row>
    <row r="229664" spans="14:14">
      <c r="N229664" s="10"/>
    </row>
    <row r="229665" spans="14:14">
      <c r="N229665" s="10"/>
    </row>
    <row r="229666" spans="14:14">
      <c r="N229666" s="10"/>
    </row>
    <row r="229667" spans="14:14">
      <c r="N229667" s="10"/>
    </row>
    <row r="229668" spans="14:14">
      <c r="N229668" s="10"/>
    </row>
    <row r="229669" spans="14:14">
      <c r="N229669" s="10"/>
    </row>
    <row r="229670" spans="14:14">
      <c r="N229670" s="10"/>
    </row>
    <row r="229671" spans="14:14">
      <c r="N229671" s="10"/>
    </row>
    <row r="229672" spans="14:14">
      <c r="N229672" s="10"/>
    </row>
    <row r="229673" spans="14:14">
      <c r="N229673" s="10"/>
    </row>
    <row r="229674" spans="14:14">
      <c r="N229674" s="10"/>
    </row>
    <row r="229675" spans="14:14">
      <c r="N229675" s="10"/>
    </row>
    <row r="229676" spans="14:14">
      <c r="N229676" s="10"/>
    </row>
    <row r="229677" spans="14:14">
      <c r="N229677" s="10"/>
    </row>
    <row r="229678" spans="14:14">
      <c r="N229678" s="10"/>
    </row>
    <row r="229679" spans="14:14">
      <c r="N229679" s="10"/>
    </row>
    <row r="229680" spans="14:14">
      <c r="N229680" s="10"/>
    </row>
    <row r="229681" spans="14:14">
      <c r="N229681" s="10"/>
    </row>
    <row r="229682" spans="14:14">
      <c r="N229682" s="10"/>
    </row>
    <row r="229683" spans="14:14">
      <c r="N229683" s="10"/>
    </row>
    <row r="229684" spans="14:14">
      <c r="N229684" s="10"/>
    </row>
    <row r="229685" spans="14:14">
      <c r="N229685" s="10"/>
    </row>
    <row r="229686" spans="14:14">
      <c r="N229686" s="10"/>
    </row>
    <row r="229687" spans="14:14">
      <c r="N229687" s="10"/>
    </row>
    <row r="229688" spans="14:14">
      <c r="N229688" s="10"/>
    </row>
    <row r="229689" spans="14:14">
      <c r="N229689" s="10"/>
    </row>
    <row r="229690" spans="14:14">
      <c r="N229690" s="10"/>
    </row>
    <row r="229691" spans="14:14">
      <c r="N229691" s="10"/>
    </row>
    <row r="229692" spans="14:14">
      <c r="N229692" s="10"/>
    </row>
    <row r="229693" spans="14:14">
      <c r="N229693" s="10"/>
    </row>
    <row r="229694" spans="14:14">
      <c r="N229694" s="10"/>
    </row>
    <row r="229695" spans="14:14">
      <c r="N229695" s="10"/>
    </row>
    <row r="229696" spans="14:14">
      <c r="N229696" s="10"/>
    </row>
    <row r="229697" spans="14:14">
      <c r="N229697" s="10"/>
    </row>
    <row r="229698" spans="14:14">
      <c r="N229698" s="10"/>
    </row>
    <row r="229699" spans="14:14">
      <c r="N229699" s="10"/>
    </row>
    <row r="229700" spans="14:14">
      <c r="N229700" s="10"/>
    </row>
    <row r="229701" spans="14:14">
      <c r="N229701" s="10"/>
    </row>
    <row r="229702" spans="14:14">
      <c r="N229702" s="10"/>
    </row>
    <row r="229703" spans="14:14">
      <c r="N229703" s="10"/>
    </row>
    <row r="229704" spans="14:14">
      <c r="N229704" s="10"/>
    </row>
    <row r="229705" spans="14:14">
      <c r="N229705" s="10"/>
    </row>
    <row r="229706" spans="14:14">
      <c r="N229706" s="10"/>
    </row>
    <row r="229707" spans="14:14">
      <c r="N229707" s="10"/>
    </row>
    <row r="229708" spans="14:14">
      <c r="N229708" s="10"/>
    </row>
    <row r="229709" spans="14:14">
      <c r="N229709" s="10"/>
    </row>
    <row r="229710" spans="14:14">
      <c r="N229710" s="10"/>
    </row>
    <row r="229711" spans="14:14">
      <c r="N229711" s="10"/>
    </row>
    <row r="229712" spans="14:14">
      <c r="N229712" s="10"/>
    </row>
    <row r="229713" spans="14:14">
      <c r="N229713" s="10"/>
    </row>
    <row r="229714" spans="14:14">
      <c r="N229714" s="10"/>
    </row>
    <row r="229715" spans="14:14">
      <c r="N229715" s="10"/>
    </row>
    <row r="229716" spans="14:14">
      <c r="N229716" s="10"/>
    </row>
    <row r="229717" spans="14:14">
      <c r="N229717" s="10"/>
    </row>
    <row r="229718" spans="14:14">
      <c r="N229718" s="10"/>
    </row>
    <row r="229719" spans="14:14">
      <c r="N229719" s="10"/>
    </row>
    <row r="229720" spans="14:14">
      <c r="N229720" s="10"/>
    </row>
    <row r="229721" spans="14:14">
      <c r="N229721" s="10"/>
    </row>
    <row r="229722" spans="14:14">
      <c r="N229722" s="10"/>
    </row>
    <row r="229723" spans="14:14">
      <c r="N229723" s="10"/>
    </row>
    <row r="229724" spans="14:14">
      <c r="N229724" s="10"/>
    </row>
    <row r="229725" spans="14:14">
      <c r="N229725" s="10"/>
    </row>
    <row r="229726" spans="14:14">
      <c r="N229726" s="10"/>
    </row>
    <row r="229727" spans="14:14">
      <c r="N229727" s="10"/>
    </row>
    <row r="229728" spans="14:14">
      <c r="N229728" s="10"/>
    </row>
    <row r="229729" spans="14:14">
      <c r="N229729" s="10"/>
    </row>
    <row r="229730" spans="14:14">
      <c r="N229730" s="10"/>
    </row>
    <row r="229731" spans="14:14">
      <c r="N229731" s="10"/>
    </row>
    <row r="229732" spans="14:14">
      <c r="N229732" s="10"/>
    </row>
    <row r="229733" spans="14:14">
      <c r="N229733" s="10"/>
    </row>
    <row r="229734" spans="14:14">
      <c r="N229734" s="10"/>
    </row>
    <row r="229735" spans="14:14">
      <c r="N229735" s="10"/>
    </row>
    <row r="229736" spans="14:14">
      <c r="N229736" s="10"/>
    </row>
    <row r="229737" spans="14:14">
      <c r="N229737" s="10"/>
    </row>
    <row r="229738" spans="14:14">
      <c r="N229738" s="10"/>
    </row>
    <row r="229739" spans="14:14">
      <c r="N229739" s="10"/>
    </row>
    <row r="229740" spans="14:14">
      <c r="N229740" s="10"/>
    </row>
    <row r="229741" spans="14:14">
      <c r="N229741" s="10"/>
    </row>
    <row r="229742" spans="14:14">
      <c r="N229742" s="10"/>
    </row>
    <row r="229743" spans="14:14">
      <c r="N229743" s="10"/>
    </row>
    <row r="229744" spans="14:14">
      <c r="N229744" s="10"/>
    </row>
    <row r="229745" spans="14:14">
      <c r="N229745" s="10"/>
    </row>
    <row r="229746" spans="14:14">
      <c r="N229746" s="10"/>
    </row>
    <row r="229747" spans="14:14">
      <c r="N229747" s="10"/>
    </row>
    <row r="229748" spans="14:14">
      <c r="N229748" s="10"/>
    </row>
    <row r="229749" spans="14:14">
      <c r="N229749" s="10"/>
    </row>
    <row r="229750" spans="14:14">
      <c r="N229750" s="10"/>
    </row>
    <row r="229751" spans="14:14">
      <c r="N229751" s="10"/>
    </row>
    <row r="229752" spans="14:14">
      <c r="N229752" s="10"/>
    </row>
    <row r="229753" spans="14:14">
      <c r="N229753" s="10"/>
    </row>
    <row r="229754" spans="14:14">
      <c r="N229754" s="10"/>
    </row>
    <row r="229755" spans="14:14">
      <c r="N229755" s="10"/>
    </row>
    <row r="229756" spans="14:14">
      <c r="N229756" s="10"/>
    </row>
    <row r="229757" spans="14:14">
      <c r="N229757" s="10"/>
    </row>
    <row r="229758" spans="14:14">
      <c r="N229758" s="10"/>
    </row>
    <row r="229759" spans="14:14">
      <c r="N229759" s="10"/>
    </row>
    <row r="229760" spans="14:14">
      <c r="N229760" s="10"/>
    </row>
    <row r="229761" spans="14:14">
      <c r="N229761" s="10"/>
    </row>
    <row r="229762" spans="14:14">
      <c r="N229762" s="10"/>
    </row>
    <row r="229763" spans="14:14">
      <c r="N229763" s="10"/>
    </row>
    <row r="229764" spans="14:14">
      <c r="N229764" s="10"/>
    </row>
    <row r="229765" spans="14:14">
      <c r="N229765" s="10"/>
    </row>
    <row r="229766" spans="14:14">
      <c r="N229766" s="10"/>
    </row>
    <row r="229767" spans="14:14">
      <c r="N229767" s="10"/>
    </row>
    <row r="229768" spans="14:14">
      <c r="N229768" s="10"/>
    </row>
    <row r="229769" spans="14:14">
      <c r="N229769" s="10"/>
    </row>
    <row r="229770" spans="14:14">
      <c r="N229770" s="10"/>
    </row>
    <row r="229771" spans="14:14">
      <c r="N229771" s="10"/>
    </row>
    <row r="229772" spans="14:14">
      <c r="N229772" s="10"/>
    </row>
    <row r="229773" spans="14:14">
      <c r="N229773" s="10"/>
    </row>
    <row r="229774" spans="14:14">
      <c r="N229774" s="10"/>
    </row>
    <row r="229775" spans="14:14">
      <c r="N229775" s="10"/>
    </row>
    <row r="229776" spans="14:14">
      <c r="N229776" s="10"/>
    </row>
    <row r="229777" spans="14:14">
      <c r="N229777" s="10"/>
    </row>
    <row r="229778" spans="14:14">
      <c r="N229778" s="10"/>
    </row>
    <row r="229779" spans="14:14">
      <c r="N229779" s="10"/>
    </row>
    <row r="229780" spans="14:14">
      <c r="N229780" s="10"/>
    </row>
    <row r="229781" spans="14:14">
      <c r="N229781" s="10"/>
    </row>
    <row r="229782" spans="14:14">
      <c r="N229782" s="10"/>
    </row>
    <row r="229783" spans="14:14">
      <c r="N229783" s="10"/>
    </row>
    <row r="229784" spans="14:14">
      <c r="N229784" s="10"/>
    </row>
    <row r="229785" spans="14:14">
      <c r="N229785" s="10"/>
    </row>
    <row r="229786" spans="14:14">
      <c r="N229786" s="10"/>
    </row>
    <row r="229787" spans="14:14">
      <c r="N229787" s="10"/>
    </row>
    <row r="229788" spans="14:14">
      <c r="N229788" s="10"/>
    </row>
    <row r="229789" spans="14:14">
      <c r="N229789" s="10"/>
    </row>
    <row r="229790" spans="14:14">
      <c r="N229790" s="10"/>
    </row>
    <row r="229791" spans="14:14">
      <c r="N229791" s="10"/>
    </row>
    <row r="229792" spans="14:14">
      <c r="N229792" s="10"/>
    </row>
    <row r="229793" spans="14:14">
      <c r="N229793" s="10"/>
    </row>
    <row r="229794" spans="14:14">
      <c r="N229794" s="10"/>
    </row>
    <row r="229795" spans="14:14">
      <c r="N229795" s="10"/>
    </row>
    <row r="229796" spans="14:14">
      <c r="N229796" s="10"/>
    </row>
    <row r="229797" spans="14:14">
      <c r="N229797" s="10"/>
    </row>
    <row r="229798" spans="14:14">
      <c r="N229798" s="10"/>
    </row>
    <row r="229799" spans="14:14">
      <c r="N229799" s="10"/>
    </row>
    <row r="229800" spans="14:14">
      <c r="N229800" s="10"/>
    </row>
    <row r="229801" spans="14:14">
      <c r="N229801" s="10"/>
    </row>
    <row r="229802" spans="14:14">
      <c r="N229802" s="10"/>
    </row>
    <row r="229803" spans="14:14">
      <c r="N229803" s="10"/>
    </row>
    <row r="229804" spans="14:14">
      <c r="N229804" s="10"/>
    </row>
    <row r="229805" spans="14:14">
      <c r="N229805" s="10"/>
    </row>
    <row r="229806" spans="14:14">
      <c r="N229806" s="10"/>
    </row>
    <row r="229807" spans="14:14">
      <c r="N229807" s="10"/>
    </row>
    <row r="229808" spans="14:14">
      <c r="N229808" s="10"/>
    </row>
    <row r="229809" spans="14:14">
      <c r="N229809" s="10"/>
    </row>
    <row r="229810" spans="14:14">
      <c r="N229810" s="10"/>
    </row>
    <row r="229811" spans="14:14">
      <c r="N229811" s="10"/>
    </row>
    <row r="229812" spans="14:14">
      <c r="N229812" s="10"/>
    </row>
    <row r="229813" spans="14:14">
      <c r="N229813" s="10"/>
    </row>
    <row r="229814" spans="14:14">
      <c r="N229814" s="10"/>
    </row>
    <row r="229815" spans="14:14">
      <c r="N229815" s="10"/>
    </row>
    <row r="229816" spans="14:14">
      <c r="N229816" s="10"/>
    </row>
    <row r="229817" spans="14:14">
      <c r="N229817" s="10"/>
    </row>
    <row r="229818" spans="14:14">
      <c r="N229818" s="10"/>
    </row>
    <row r="229819" spans="14:14">
      <c r="N229819" s="10"/>
    </row>
    <row r="229820" spans="14:14">
      <c r="N229820" s="10"/>
    </row>
    <row r="229821" spans="14:14">
      <c r="N229821" s="10"/>
    </row>
    <row r="229822" spans="14:14">
      <c r="N229822" s="10"/>
    </row>
    <row r="229823" spans="14:14">
      <c r="N229823" s="10"/>
    </row>
    <row r="229824" spans="14:14">
      <c r="N229824" s="10"/>
    </row>
    <row r="229825" spans="14:14">
      <c r="N229825" s="10"/>
    </row>
    <row r="229826" spans="14:14">
      <c r="N229826" s="10"/>
    </row>
    <row r="229827" spans="14:14">
      <c r="N229827" s="10"/>
    </row>
    <row r="229828" spans="14:14">
      <c r="N229828" s="10"/>
    </row>
    <row r="229829" spans="14:14">
      <c r="N229829" s="10"/>
    </row>
    <row r="229830" spans="14:14">
      <c r="N229830" s="10"/>
    </row>
    <row r="229831" spans="14:14">
      <c r="N229831" s="10"/>
    </row>
    <row r="229832" spans="14:14">
      <c r="N229832" s="10"/>
    </row>
    <row r="229833" spans="14:14">
      <c r="N229833" s="10"/>
    </row>
    <row r="229834" spans="14:14">
      <c r="N229834" s="10"/>
    </row>
    <row r="229835" spans="14:14">
      <c r="N229835" s="10"/>
    </row>
    <row r="229836" spans="14:14">
      <c r="N229836" s="10"/>
    </row>
    <row r="229837" spans="14:14">
      <c r="N229837" s="10"/>
    </row>
    <row r="229838" spans="14:14">
      <c r="N229838" s="10"/>
    </row>
    <row r="229839" spans="14:14">
      <c r="N229839" s="10"/>
    </row>
    <row r="229840" spans="14:14">
      <c r="N229840" s="10"/>
    </row>
    <row r="229841" spans="14:14">
      <c r="N229841" s="10"/>
    </row>
    <row r="229842" spans="14:14">
      <c r="N229842" s="10"/>
    </row>
    <row r="229843" spans="14:14">
      <c r="N229843" s="10"/>
    </row>
    <row r="229844" spans="14:14">
      <c r="N229844" s="10"/>
    </row>
    <row r="229845" spans="14:14">
      <c r="N229845" s="10"/>
    </row>
    <row r="229846" spans="14:14">
      <c r="N229846" s="10"/>
    </row>
    <row r="229847" spans="14:14">
      <c r="N229847" s="10"/>
    </row>
    <row r="229848" spans="14:14">
      <c r="N229848" s="10"/>
    </row>
    <row r="229849" spans="14:14">
      <c r="N229849" s="10"/>
    </row>
    <row r="229850" spans="14:14">
      <c r="N229850" s="10"/>
    </row>
    <row r="229851" spans="14:14">
      <c r="N229851" s="10"/>
    </row>
    <row r="229852" spans="14:14">
      <c r="N229852" s="10"/>
    </row>
    <row r="229853" spans="14:14">
      <c r="N229853" s="10"/>
    </row>
    <row r="229854" spans="14:14">
      <c r="N229854" s="10"/>
    </row>
    <row r="229855" spans="14:14">
      <c r="N229855" s="10"/>
    </row>
    <row r="229856" spans="14:14">
      <c r="N229856" s="10"/>
    </row>
    <row r="229857" spans="14:14">
      <c r="N229857" s="10"/>
    </row>
    <row r="229858" spans="14:14">
      <c r="N229858" s="10"/>
    </row>
    <row r="229859" spans="14:14">
      <c r="N229859" s="10"/>
    </row>
    <row r="229860" spans="14:14">
      <c r="N229860" s="10"/>
    </row>
    <row r="229861" spans="14:14">
      <c r="N229861" s="10"/>
    </row>
    <row r="229862" spans="14:14">
      <c r="N229862" s="10"/>
    </row>
    <row r="229863" spans="14:14">
      <c r="N229863" s="10"/>
    </row>
    <row r="229864" spans="14:14">
      <c r="N229864" s="10"/>
    </row>
    <row r="229865" spans="14:14">
      <c r="N229865" s="10"/>
    </row>
    <row r="229866" spans="14:14">
      <c r="N229866" s="10"/>
    </row>
    <row r="229867" spans="14:14">
      <c r="N229867" s="10"/>
    </row>
    <row r="229868" spans="14:14">
      <c r="N229868" s="10"/>
    </row>
    <row r="229869" spans="14:14">
      <c r="N229869" s="10"/>
    </row>
    <row r="229870" spans="14:14">
      <c r="N229870" s="10"/>
    </row>
    <row r="229871" spans="14:14">
      <c r="N229871" s="10"/>
    </row>
    <row r="229872" spans="14:14">
      <c r="N229872" s="10"/>
    </row>
    <row r="229873" spans="14:14">
      <c r="N229873" s="10"/>
    </row>
    <row r="229874" spans="14:14">
      <c r="N229874" s="10"/>
    </row>
    <row r="229875" spans="14:14">
      <c r="N229875" s="10"/>
    </row>
    <row r="229876" spans="14:14">
      <c r="N229876" s="10"/>
    </row>
    <row r="229877" spans="14:14">
      <c r="N229877" s="10"/>
    </row>
    <row r="229878" spans="14:14">
      <c r="N229878" s="10"/>
    </row>
    <row r="229879" spans="14:14">
      <c r="N229879" s="10"/>
    </row>
    <row r="229880" spans="14:14">
      <c r="N229880" s="10"/>
    </row>
    <row r="229881" spans="14:14">
      <c r="N229881" s="10"/>
    </row>
    <row r="229882" spans="14:14">
      <c r="N229882" s="10"/>
    </row>
    <row r="229883" spans="14:14">
      <c r="N229883" s="10"/>
    </row>
    <row r="229884" spans="14:14">
      <c r="N229884" s="10"/>
    </row>
    <row r="229885" spans="14:14">
      <c r="N229885" s="10"/>
    </row>
    <row r="229886" spans="14:14">
      <c r="N229886" s="10"/>
    </row>
    <row r="229887" spans="14:14">
      <c r="N229887" s="10"/>
    </row>
    <row r="229888" spans="14:14">
      <c r="N229888" s="10"/>
    </row>
    <row r="229889" spans="14:14">
      <c r="N229889" s="10"/>
    </row>
    <row r="229890" spans="14:14">
      <c r="N229890" s="10"/>
    </row>
    <row r="229891" spans="14:14">
      <c r="N229891" s="10"/>
    </row>
    <row r="229892" spans="14:14">
      <c r="N229892" s="10"/>
    </row>
    <row r="229893" spans="14:14">
      <c r="N229893" s="10"/>
    </row>
    <row r="229894" spans="14:14">
      <c r="N229894" s="10"/>
    </row>
    <row r="229895" spans="14:14">
      <c r="N229895" s="10"/>
    </row>
    <row r="229896" spans="14:14">
      <c r="N229896" s="10"/>
    </row>
    <row r="229897" spans="14:14">
      <c r="N229897" s="10"/>
    </row>
    <row r="229898" spans="14:14">
      <c r="N229898" s="10"/>
    </row>
    <row r="229899" spans="14:14">
      <c r="N229899" s="10"/>
    </row>
    <row r="229900" spans="14:14">
      <c r="N229900" s="10"/>
    </row>
    <row r="229901" spans="14:14">
      <c r="N229901" s="10"/>
    </row>
    <row r="229902" spans="14:14">
      <c r="N229902" s="10"/>
    </row>
    <row r="229903" spans="14:14">
      <c r="N229903" s="10"/>
    </row>
    <row r="229904" spans="14:14">
      <c r="N229904" s="10"/>
    </row>
    <row r="229905" spans="14:14">
      <c r="N229905" s="10"/>
    </row>
    <row r="229906" spans="14:14">
      <c r="N229906" s="10"/>
    </row>
    <row r="229907" spans="14:14">
      <c r="N229907" s="10"/>
    </row>
    <row r="229908" spans="14:14">
      <c r="N229908" s="10"/>
    </row>
    <row r="229909" spans="14:14">
      <c r="N229909" s="10"/>
    </row>
    <row r="229910" spans="14:14">
      <c r="N229910" s="10"/>
    </row>
    <row r="229911" spans="14:14">
      <c r="N229911" s="10"/>
    </row>
    <row r="229912" spans="14:14">
      <c r="N229912" s="10"/>
    </row>
    <row r="229913" spans="14:14">
      <c r="N229913" s="10"/>
    </row>
    <row r="229914" spans="14:14">
      <c r="N229914" s="10"/>
    </row>
    <row r="229915" spans="14:14">
      <c r="N229915" s="10"/>
    </row>
    <row r="229916" spans="14:14">
      <c r="N229916" s="10"/>
    </row>
    <row r="229917" spans="14:14">
      <c r="N229917" s="10"/>
    </row>
    <row r="229918" spans="14:14">
      <c r="N229918" s="10"/>
    </row>
    <row r="229919" spans="14:14">
      <c r="N229919" s="10"/>
    </row>
    <row r="229920" spans="14:14">
      <c r="N229920" s="10"/>
    </row>
    <row r="229921" spans="14:14">
      <c r="N229921" s="10"/>
    </row>
    <row r="229922" spans="14:14">
      <c r="N229922" s="10"/>
    </row>
    <row r="229923" spans="14:14">
      <c r="N229923" s="10"/>
    </row>
    <row r="229924" spans="14:14">
      <c r="N229924" s="10"/>
    </row>
    <row r="229925" spans="14:14">
      <c r="N229925" s="10"/>
    </row>
    <row r="229926" spans="14:14">
      <c r="N229926" s="10"/>
    </row>
    <row r="229927" spans="14:14">
      <c r="N229927" s="10"/>
    </row>
    <row r="229928" spans="14:14">
      <c r="N229928" s="10"/>
    </row>
    <row r="229929" spans="14:14">
      <c r="N229929" s="10"/>
    </row>
    <row r="229930" spans="14:14">
      <c r="N229930" s="10"/>
    </row>
    <row r="229931" spans="14:14">
      <c r="N229931" s="10"/>
    </row>
    <row r="229932" spans="14:14">
      <c r="N229932" s="10"/>
    </row>
    <row r="229933" spans="14:14">
      <c r="N229933" s="10"/>
    </row>
    <row r="229934" spans="14:14">
      <c r="N229934" s="10"/>
    </row>
    <row r="229935" spans="14:14">
      <c r="N229935" s="10"/>
    </row>
    <row r="229936" spans="14:14">
      <c r="N229936" s="10"/>
    </row>
    <row r="229937" spans="14:14">
      <c r="N229937" s="10"/>
    </row>
    <row r="229938" spans="14:14">
      <c r="N229938" s="10"/>
    </row>
    <row r="229939" spans="14:14">
      <c r="N229939" s="10"/>
    </row>
    <row r="229940" spans="14:14">
      <c r="N229940" s="10"/>
    </row>
    <row r="229941" spans="14:14">
      <c r="N229941" s="10"/>
    </row>
    <row r="229942" spans="14:14">
      <c r="N229942" s="10"/>
    </row>
    <row r="229943" spans="14:14">
      <c r="N229943" s="10"/>
    </row>
    <row r="229944" spans="14:14">
      <c r="N229944" s="10"/>
    </row>
    <row r="229945" spans="14:14">
      <c r="N229945" s="10"/>
    </row>
    <row r="229946" spans="14:14">
      <c r="N229946" s="10"/>
    </row>
    <row r="229947" spans="14:14">
      <c r="N229947" s="10"/>
    </row>
    <row r="229948" spans="14:14">
      <c r="N229948" s="10"/>
    </row>
    <row r="229949" spans="14:14">
      <c r="N229949" s="10"/>
    </row>
    <row r="229950" spans="14:14">
      <c r="N229950" s="10"/>
    </row>
    <row r="229951" spans="14:14">
      <c r="N229951" s="10"/>
    </row>
    <row r="229952" spans="14:14">
      <c r="N229952" s="10"/>
    </row>
    <row r="229953" spans="14:14">
      <c r="N229953" s="10"/>
    </row>
    <row r="229954" spans="14:14">
      <c r="N229954" s="10"/>
    </row>
    <row r="229955" spans="14:14">
      <c r="N229955" s="10"/>
    </row>
    <row r="229956" spans="14:14">
      <c r="N229956" s="10"/>
    </row>
    <row r="229957" spans="14:14">
      <c r="N229957" s="10"/>
    </row>
    <row r="229958" spans="14:14">
      <c r="N229958" s="10"/>
    </row>
    <row r="229959" spans="14:14">
      <c r="N229959" s="10"/>
    </row>
    <row r="229960" spans="14:14">
      <c r="N229960" s="10"/>
    </row>
    <row r="229961" spans="14:14">
      <c r="N229961" s="10"/>
    </row>
    <row r="229962" spans="14:14">
      <c r="N229962" s="10"/>
    </row>
    <row r="229963" spans="14:14">
      <c r="N229963" s="10"/>
    </row>
    <row r="229964" spans="14:14">
      <c r="N229964" s="10"/>
    </row>
    <row r="229965" spans="14:14">
      <c r="N229965" s="10"/>
    </row>
    <row r="229966" spans="14:14">
      <c r="N229966" s="10"/>
    </row>
    <row r="229967" spans="14:14">
      <c r="N229967" s="10"/>
    </row>
    <row r="229968" spans="14:14">
      <c r="N229968" s="10"/>
    </row>
    <row r="229969" spans="14:14">
      <c r="N229969" s="10"/>
    </row>
    <row r="229970" spans="14:14">
      <c r="N229970" s="10"/>
    </row>
    <row r="229971" spans="14:14">
      <c r="N229971" s="10"/>
    </row>
    <row r="229972" spans="14:14">
      <c r="N229972" s="10"/>
    </row>
    <row r="229973" spans="14:14">
      <c r="N229973" s="10"/>
    </row>
    <row r="229974" spans="14:14">
      <c r="N229974" s="10"/>
    </row>
    <row r="229975" spans="14:14">
      <c r="N229975" s="10"/>
    </row>
    <row r="229976" spans="14:14">
      <c r="N229976" s="10"/>
    </row>
    <row r="229977" spans="14:14">
      <c r="N229977" s="10"/>
    </row>
    <row r="229978" spans="14:14">
      <c r="N229978" s="10"/>
    </row>
    <row r="229979" spans="14:14">
      <c r="N229979" s="10"/>
    </row>
    <row r="229980" spans="14:14">
      <c r="N229980" s="10"/>
    </row>
    <row r="229981" spans="14:14">
      <c r="N229981" s="10"/>
    </row>
    <row r="229982" spans="14:14">
      <c r="N229982" s="10"/>
    </row>
    <row r="229983" spans="14:14">
      <c r="N229983" s="10"/>
    </row>
    <row r="229984" spans="14:14">
      <c r="N229984" s="10"/>
    </row>
    <row r="229985" spans="14:14">
      <c r="N229985" s="10"/>
    </row>
    <row r="229986" spans="14:14">
      <c r="N229986" s="10"/>
    </row>
    <row r="229987" spans="14:14">
      <c r="N229987" s="10"/>
    </row>
    <row r="229988" spans="14:14">
      <c r="N229988" s="10"/>
    </row>
    <row r="229989" spans="14:14">
      <c r="N229989" s="10"/>
    </row>
    <row r="229990" spans="14:14">
      <c r="N229990" s="10"/>
    </row>
    <row r="229991" spans="14:14">
      <c r="N229991" s="10"/>
    </row>
    <row r="229992" spans="14:14">
      <c r="N229992" s="10"/>
    </row>
    <row r="229993" spans="14:14">
      <c r="N229993" s="10"/>
    </row>
    <row r="229994" spans="14:14">
      <c r="N229994" s="10"/>
    </row>
    <row r="229995" spans="14:14">
      <c r="N229995" s="10"/>
    </row>
    <row r="229996" spans="14:14">
      <c r="N229996" s="10"/>
    </row>
    <row r="229997" spans="14:14">
      <c r="N229997" s="10"/>
    </row>
    <row r="229998" spans="14:14">
      <c r="N229998" s="10"/>
    </row>
    <row r="229999" spans="14:14">
      <c r="N229999" s="10"/>
    </row>
    <row r="230000" spans="14:14">
      <c r="N230000" s="10"/>
    </row>
    <row r="230001" spans="14:14">
      <c r="N230001" s="10"/>
    </row>
    <row r="230002" spans="14:14">
      <c r="N230002" s="10"/>
    </row>
    <row r="230003" spans="14:14">
      <c r="N230003" s="10"/>
    </row>
    <row r="230004" spans="14:14">
      <c r="N230004" s="10"/>
    </row>
    <row r="230005" spans="14:14">
      <c r="N230005" s="10"/>
    </row>
    <row r="230006" spans="14:14">
      <c r="N230006" s="10"/>
    </row>
    <row r="230007" spans="14:14">
      <c r="N230007" s="10"/>
    </row>
    <row r="230008" spans="14:14">
      <c r="N230008" s="10"/>
    </row>
    <row r="230009" spans="14:14">
      <c r="N230009" s="10"/>
    </row>
    <row r="230010" spans="14:14">
      <c r="N230010" s="10"/>
    </row>
    <row r="230011" spans="14:14">
      <c r="N230011" s="10"/>
    </row>
    <row r="230012" spans="14:14">
      <c r="N230012" s="10"/>
    </row>
    <row r="230013" spans="14:14">
      <c r="N230013" s="10"/>
    </row>
    <row r="230014" spans="14:14">
      <c r="N230014" s="10"/>
    </row>
    <row r="230015" spans="14:14">
      <c r="N230015" s="10"/>
    </row>
    <row r="230016" spans="14:14">
      <c r="N230016" s="10"/>
    </row>
    <row r="230017" spans="14:14">
      <c r="N230017" s="10"/>
    </row>
    <row r="230018" spans="14:14">
      <c r="N230018" s="10"/>
    </row>
    <row r="230019" spans="14:14">
      <c r="N230019" s="10"/>
    </row>
    <row r="230020" spans="14:14">
      <c r="N230020" s="10"/>
    </row>
    <row r="230021" spans="14:14">
      <c r="N230021" s="10"/>
    </row>
    <row r="230022" spans="14:14">
      <c r="N230022" s="10"/>
    </row>
    <row r="230023" spans="14:14">
      <c r="N230023" s="10"/>
    </row>
    <row r="230024" spans="14:14">
      <c r="N230024" s="10"/>
    </row>
    <row r="230025" spans="14:14">
      <c r="N230025" s="10"/>
    </row>
    <row r="230026" spans="14:14">
      <c r="N230026" s="10"/>
    </row>
    <row r="230027" spans="14:14">
      <c r="N230027" s="10"/>
    </row>
    <row r="230028" spans="14:14">
      <c r="N230028" s="10"/>
    </row>
    <row r="230029" spans="14:14">
      <c r="N230029" s="10"/>
    </row>
    <row r="230030" spans="14:14">
      <c r="N230030" s="10"/>
    </row>
    <row r="230031" spans="14:14">
      <c r="N230031" s="10"/>
    </row>
    <row r="230032" spans="14:14">
      <c r="N230032" s="10"/>
    </row>
    <row r="230033" spans="14:14">
      <c r="N230033" s="10"/>
    </row>
    <row r="230034" spans="14:14">
      <c r="N230034" s="10"/>
    </row>
    <row r="230035" spans="14:14">
      <c r="N230035" s="10"/>
    </row>
    <row r="230036" spans="14:14">
      <c r="N230036" s="10"/>
    </row>
    <row r="230037" spans="14:14">
      <c r="N230037" s="10"/>
    </row>
    <row r="230038" spans="14:14">
      <c r="N230038" s="10"/>
    </row>
    <row r="230039" spans="14:14">
      <c r="N230039" s="10"/>
    </row>
    <row r="230040" spans="14:14">
      <c r="N230040" s="10"/>
    </row>
    <row r="230041" spans="14:14">
      <c r="N230041" s="10"/>
    </row>
    <row r="230042" spans="14:14">
      <c r="N230042" s="10"/>
    </row>
    <row r="230043" spans="14:14">
      <c r="N230043" s="10"/>
    </row>
    <row r="230044" spans="14:14">
      <c r="N230044" s="10"/>
    </row>
    <row r="230045" spans="14:14">
      <c r="N230045" s="10"/>
    </row>
    <row r="230046" spans="14:14">
      <c r="N230046" s="10"/>
    </row>
    <row r="230047" spans="14:14">
      <c r="N230047" s="10"/>
    </row>
    <row r="230048" spans="14:14">
      <c r="N230048" s="10"/>
    </row>
    <row r="230049" spans="14:14">
      <c r="N230049" s="10"/>
    </row>
    <row r="230050" spans="14:14">
      <c r="N230050" s="10"/>
    </row>
    <row r="230051" spans="14:14">
      <c r="N230051" s="10"/>
    </row>
    <row r="230052" spans="14:14">
      <c r="N230052" s="10"/>
    </row>
    <row r="230053" spans="14:14">
      <c r="N230053" s="10"/>
    </row>
    <row r="230054" spans="14:14">
      <c r="N230054" s="10"/>
    </row>
    <row r="230055" spans="14:14">
      <c r="N230055" s="10"/>
    </row>
    <row r="230056" spans="14:14">
      <c r="N230056" s="10"/>
    </row>
    <row r="230057" spans="14:14">
      <c r="N230057" s="10"/>
    </row>
    <row r="230058" spans="14:14">
      <c r="N230058" s="10"/>
    </row>
    <row r="230059" spans="14:14">
      <c r="N230059" s="10"/>
    </row>
    <row r="230060" spans="14:14">
      <c r="N230060" s="10"/>
    </row>
    <row r="230061" spans="14:14">
      <c r="N230061" s="10"/>
    </row>
    <row r="230062" spans="14:14">
      <c r="N230062" s="10"/>
    </row>
    <row r="230063" spans="14:14">
      <c r="N230063" s="10"/>
    </row>
    <row r="230064" spans="14:14">
      <c r="N230064" s="10"/>
    </row>
    <row r="230065" spans="14:14">
      <c r="N230065" s="10"/>
    </row>
    <row r="230066" spans="14:14">
      <c r="N230066" s="10"/>
    </row>
    <row r="230067" spans="14:14">
      <c r="N230067" s="10"/>
    </row>
    <row r="230068" spans="14:14">
      <c r="N230068" s="10"/>
    </row>
    <row r="230069" spans="14:14">
      <c r="N230069" s="10"/>
    </row>
    <row r="230070" spans="14:14">
      <c r="N230070" s="10"/>
    </row>
    <row r="230071" spans="14:14">
      <c r="N230071" s="10"/>
    </row>
    <row r="230072" spans="14:14">
      <c r="N230072" s="10"/>
    </row>
    <row r="230073" spans="14:14">
      <c r="N230073" s="10"/>
    </row>
    <row r="230074" spans="14:14">
      <c r="N230074" s="10"/>
    </row>
    <row r="230075" spans="14:14">
      <c r="N230075" s="10"/>
    </row>
    <row r="230076" spans="14:14">
      <c r="N230076" s="10"/>
    </row>
    <row r="230077" spans="14:14">
      <c r="N230077" s="10"/>
    </row>
    <row r="230078" spans="14:14">
      <c r="N230078" s="10"/>
    </row>
    <row r="230079" spans="14:14">
      <c r="N230079" s="10"/>
    </row>
    <row r="230080" spans="14:14">
      <c r="N230080" s="10"/>
    </row>
    <row r="230081" spans="14:14">
      <c r="N230081" s="10"/>
    </row>
    <row r="230082" spans="14:14">
      <c r="N230082" s="10"/>
    </row>
    <row r="230083" spans="14:14">
      <c r="N230083" s="10"/>
    </row>
    <row r="230084" spans="14:14">
      <c r="N230084" s="10"/>
    </row>
    <row r="230085" spans="14:14">
      <c r="N230085" s="10"/>
    </row>
    <row r="230086" spans="14:14">
      <c r="N230086" s="10"/>
    </row>
    <row r="230087" spans="14:14">
      <c r="N230087" s="10"/>
    </row>
    <row r="230088" spans="14:14">
      <c r="N230088" s="10"/>
    </row>
    <row r="230089" spans="14:14">
      <c r="N230089" s="10"/>
    </row>
    <row r="230090" spans="14:14">
      <c r="N230090" s="10"/>
    </row>
    <row r="230091" spans="14:14">
      <c r="N230091" s="10"/>
    </row>
    <row r="230092" spans="14:14">
      <c r="N230092" s="10"/>
    </row>
    <row r="230093" spans="14:14">
      <c r="N230093" s="10"/>
    </row>
    <row r="230094" spans="14:14">
      <c r="N230094" s="10"/>
    </row>
    <row r="230095" spans="14:14">
      <c r="N230095" s="10"/>
    </row>
    <row r="230096" spans="14:14">
      <c r="N230096" s="10"/>
    </row>
    <row r="230097" spans="14:14">
      <c r="N230097" s="10"/>
    </row>
    <row r="230098" spans="14:14">
      <c r="N230098" s="10"/>
    </row>
    <row r="230099" spans="14:14">
      <c r="N230099" s="10"/>
    </row>
    <row r="230100" spans="14:14">
      <c r="N230100" s="10"/>
    </row>
    <row r="230101" spans="14:14">
      <c r="N230101" s="10"/>
    </row>
    <row r="230102" spans="14:14">
      <c r="N230102" s="10"/>
    </row>
    <row r="230103" spans="14:14">
      <c r="N230103" s="10"/>
    </row>
    <row r="230104" spans="14:14">
      <c r="N230104" s="10"/>
    </row>
    <row r="230105" spans="14:14">
      <c r="N230105" s="10"/>
    </row>
    <row r="230106" spans="14:14">
      <c r="N230106" s="10"/>
    </row>
    <row r="230107" spans="14:14">
      <c r="N230107" s="10"/>
    </row>
    <row r="230108" spans="14:14">
      <c r="N230108" s="10"/>
    </row>
    <row r="230109" spans="14:14">
      <c r="N230109" s="10"/>
    </row>
    <row r="230110" spans="14:14">
      <c r="N230110" s="10"/>
    </row>
    <row r="230111" spans="14:14">
      <c r="N230111" s="10"/>
    </row>
    <row r="230112" spans="14:14">
      <c r="N230112" s="10"/>
    </row>
    <row r="230113" spans="14:14">
      <c r="N230113" s="10"/>
    </row>
    <row r="230114" spans="14:14">
      <c r="N230114" s="10"/>
    </row>
    <row r="230115" spans="14:14">
      <c r="N230115" s="10"/>
    </row>
    <row r="230116" spans="14:14">
      <c r="N230116" s="10"/>
    </row>
    <row r="230117" spans="14:14">
      <c r="N230117" s="10"/>
    </row>
    <row r="230118" spans="14:14">
      <c r="N230118" s="10"/>
    </row>
    <row r="230119" spans="14:14">
      <c r="N230119" s="10"/>
    </row>
    <row r="230120" spans="14:14">
      <c r="N230120" s="10"/>
    </row>
    <row r="230121" spans="14:14">
      <c r="N230121" s="10"/>
    </row>
    <row r="230122" spans="14:14">
      <c r="N230122" s="10"/>
    </row>
    <row r="230123" spans="14:14">
      <c r="N230123" s="10"/>
    </row>
    <row r="230124" spans="14:14">
      <c r="N230124" s="10"/>
    </row>
    <row r="230125" spans="14:14">
      <c r="N230125" s="10"/>
    </row>
    <row r="230126" spans="14:14">
      <c r="N230126" s="10"/>
    </row>
    <row r="230127" spans="14:14">
      <c r="N230127" s="10"/>
    </row>
    <row r="230128" spans="14:14">
      <c r="N230128" s="10"/>
    </row>
    <row r="230129" spans="14:14">
      <c r="N230129" s="10"/>
    </row>
    <row r="230130" spans="14:14">
      <c r="N230130" s="10"/>
    </row>
    <row r="230131" spans="14:14">
      <c r="N230131" s="10"/>
    </row>
    <row r="230132" spans="14:14">
      <c r="N230132" s="10"/>
    </row>
    <row r="230133" spans="14:14">
      <c r="N230133" s="10"/>
    </row>
    <row r="230134" spans="14:14">
      <c r="N230134" s="10"/>
    </row>
    <row r="230135" spans="14:14">
      <c r="N230135" s="10"/>
    </row>
    <row r="230136" spans="14:14">
      <c r="N230136" s="10"/>
    </row>
    <row r="230137" spans="14:14">
      <c r="N230137" s="10"/>
    </row>
    <row r="230138" spans="14:14">
      <c r="N230138" s="10"/>
    </row>
    <row r="230139" spans="14:14">
      <c r="N230139" s="10"/>
    </row>
    <row r="230140" spans="14:14">
      <c r="N230140" s="10"/>
    </row>
    <row r="230141" spans="14:14">
      <c r="N230141" s="10"/>
    </row>
    <row r="230142" spans="14:14">
      <c r="N230142" s="10"/>
    </row>
    <row r="230143" spans="14:14">
      <c r="N230143" s="10"/>
    </row>
    <row r="230144" spans="14:14">
      <c r="N230144" s="10"/>
    </row>
    <row r="230145" spans="14:14">
      <c r="N230145" s="10"/>
    </row>
    <row r="230146" spans="14:14">
      <c r="N230146" s="10"/>
    </row>
    <row r="230147" spans="14:14">
      <c r="N230147" s="10"/>
    </row>
    <row r="230148" spans="14:14">
      <c r="N230148" s="10"/>
    </row>
    <row r="230149" spans="14:14">
      <c r="N230149" s="10"/>
    </row>
    <row r="230150" spans="14:14">
      <c r="N230150" s="10"/>
    </row>
    <row r="230151" spans="14:14">
      <c r="N230151" s="10"/>
    </row>
    <row r="230152" spans="14:14">
      <c r="N230152" s="10"/>
    </row>
    <row r="230153" spans="14:14">
      <c r="N230153" s="10"/>
    </row>
    <row r="230154" spans="14:14">
      <c r="N230154" s="10"/>
    </row>
    <row r="230155" spans="14:14">
      <c r="N230155" s="10"/>
    </row>
    <row r="230156" spans="14:14">
      <c r="N230156" s="10"/>
    </row>
    <row r="230157" spans="14:14">
      <c r="N230157" s="10"/>
    </row>
    <row r="230158" spans="14:14">
      <c r="N230158" s="10"/>
    </row>
    <row r="230159" spans="14:14">
      <c r="N230159" s="10"/>
    </row>
    <row r="230160" spans="14:14">
      <c r="N230160" s="10"/>
    </row>
    <row r="230161" spans="14:14">
      <c r="N230161" s="10"/>
    </row>
    <row r="230162" spans="14:14">
      <c r="N230162" s="10"/>
    </row>
    <row r="230163" spans="14:14">
      <c r="N230163" s="10"/>
    </row>
    <row r="230164" spans="14:14">
      <c r="N230164" s="10"/>
    </row>
    <row r="230165" spans="14:14">
      <c r="N230165" s="10"/>
    </row>
    <row r="230166" spans="14:14">
      <c r="N230166" s="10"/>
    </row>
    <row r="230167" spans="14:14">
      <c r="N230167" s="10"/>
    </row>
    <row r="230168" spans="14:14">
      <c r="N230168" s="10"/>
    </row>
    <row r="230169" spans="14:14">
      <c r="N230169" s="10"/>
    </row>
    <row r="230170" spans="14:14">
      <c r="N230170" s="10"/>
    </row>
    <row r="230171" spans="14:14">
      <c r="N230171" s="10"/>
    </row>
    <row r="230172" spans="14:14">
      <c r="N230172" s="10"/>
    </row>
    <row r="230173" spans="14:14">
      <c r="N230173" s="10"/>
    </row>
    <row r="230174" spans="14:14">
      <c r="N230174" s="10"/>
    </row>
    <row r="230175" spans="14:14">
      <c r="N230175" s="10"/>
    </row>
    <row r="230176" spans="14:14">
      <c r="N230176" s="10"/>
    </row>
    <row r="230177" spans="14:14">
      <c r="N230177" s="10"/>
    </row>
    <row r="230178" spans="14:14">
      <c r="N230178" s="10"/>
    </row>
    <row r="230179" spans="14:14">
      <c r="N230179" s="10"/>
    </row>
    <row r="230180" spans="14:14">
      <c r="N230180" s="10"/>
    </row>
    <row r="230181" spans="14:14">
      <c r="N230181" s="10"/>
    </row>
    <row r="230182" spans="14:14">
      <c r="N230182" s="10"/>
    </row>
    <row r="230183" spans="14:14">
      <c r="N230183" s="10"/>
    </row>
    <row r="230184" spans="14:14">
      <c r="N230184" s="10"/>
    </row>
    <row r="230185" spans="14:14">
      <c r="N230185" s="10"/>
    </row>
    <row r="230186" spans="14:14">
      <c r="N230186" s="10"/>
    </row>
    <row r="230187" spans="14:14">
      <c r="N230187" s="10"/>
    </row>
    <row r="230188" spans="14:14">
      <c r="N230188" s="10"/>
    </row>
    <row r="230189" spans="14:14">
      <c r="N230189" s="10"/>
    </row>
    <row r="230190" spans="14:14">
      <c r="N230190" s="10"/>
    </row>
    <row r="230191" spans="14:14">
      <c r="N230191" s="10"/>
    </row>
    <row r="230192" spans="14:14">
      <c r="N230192" s="10"/>
    </row>
    <row r="230193" spans="14:14">
      <c r="N230193" s="10"/>
    </row>
    <row r="230194" spans="14:14">
      <c r="N230194" s="10"/>
    </row>
    <row r="230195" spans="14:14">
      <c r="N230195" s="10"/>
    </row>
    <row r="230196" spans="14:14">
      <c r="N230196" s="10"/>
    </row>
    <row r="230197" spans="14:14">
      <c r="N230197" s="10"/>
    </row>
    <row r="230198" spans="14:14">
      <c r="N230198" s="10"/>
    </row>
    <row r="230199" spans="14:14">
      <c r="N230199" s="10"/>
    </row>
    <row r="230200" spans="14:14">
      <c r="N230200" s="10"/>
    </row>
    <row r="230201" spans="14:14">
      <c r="N230201" s="10"/>
    </row>
    <row r="230202" spans="14:14">
      <c r="N230202" s="10"/>
    </row>
    <row r="230203" spans="14:14">
      <c r="N230203" s="10"/>
    </row>
    <row r="230204" spans="14:14">
      <c r="N230204" s="10"/>
    </row>
    <row r="230205" spans="14:14">
      <c r="N230205" s="10"/>
    </row>
    <row r="230206" spans="14:14">
      <c r="N230206" s="10"/>
    </row>
    <row r="230207" spans="14:14">
      <c r="N230207" s="10"/>
    </row>
    <row r="230208" spans="14:14">
      <c r="N230208" s="10"/>
    </row>
    <row r="230209" spans="14:14">
      <c r="N230209" s="10"/>
    </row>
    <row r="230210" spans="14:14">
      <c r="N230210" s="10"/>
    </row>
    <row r="230211" spans="14:14">
      <c r="N230211" s="10"/>
    </row>
    <row r="230212" spans="14:14">
      <c r="N230212" s="10"/>
    </row>
    <row r="230213" spans="14:14">
      <c r="N230213" s="10"/>
    </row>
    <row r="230214" spans="14:14">
      <c r="N230214" s="10"/>
    </row>
    <row r="230215" spans="14:14">
      <c r="N230215" s="10"/>
    </row>
    <row r="230216" spans="14:14">
      <c r="N230216" s="10"/>
    </row>
    <row r="230217" spans="14:14">
      <c r="N230217" s="10"/>
    </row>
    <row r="230218" spans="14:14">
      <c r="N230218" s="10"/>
    </row>
    <row r="230219" spans="14:14">
      <c r="N230219" s="10"/>
    </row>
    <row r="230220" spans="14:14">
      <c r="N230220" s="10"/>
    </row>
    <row r="230221" spans="14:14">
      <c r="N230221" s="10"/>
    </row>
    <row r="230222" spans="14:14">
      <c r="N230222" s="10"/>
    </row>
    <row r="230223" spans="14:14">
      <c r="N230223" s="10"/>
    </row>
    <row r="230224" spans="14:14">
      <c r="N230224" s="10"/>
    </row>
    <row r="230225" spans="14:14">
      <c r="N230225" s="10"/>
    </row>
    <row r="230226" spans="14:14">
      <c r="N230226" s="10"/>
    </row>
    <row r="230227" spans="14:14">
      <c r="N230227" s="10"/>
    </row>
    <row r="230228" spans="14:14">
      <c r="N230228" s="10"/>
    </row>
    <row r="230229" spans="14:14">
      <c r="N230229" s="10"/>
    </row>
    <row r="230230" spans="14:14">
      <c r="N230230" s="10"/>
    </row>
    <row r="230231" spans="14:14">
      <c r="N230231" s="10"/>
    </row>
    <row r="230232" spans="14:14">
      <c r="N230232" s="10"/>
    </row>
    <row r="230233" spans="14:14">
      <c r="N230233" s="10"/>
    </row>
    <row r="230234" spans="14:14">
      <c r="N230234" s="10"/>
    </row>
    <row r="230235" spans="14:14">
      <c r="N230235" s="10"/>
    </row>
    <row r="230236" spans="14:14">
      <c r="N230236" s="10"/>
    </row>
    <row r="230237" spans="14:14">
      <c r="N230237" s="10"/>
    </row>
    <row r="230238" spans="14:14">
      <c r="N230238" s="10"/>
    </row>
    <row r="230239" spans="14:14">
      <c r="N230239" s="10"/>
    </row>
    <row r="230240" spans="14:14">
      <c r="N230240" s="10"/>
    </row>
    <row r="230241" spans="14:14">
      <c r="N230241" s="10"/>
    </row>
    <row r="230242" spans="14:14">
      <c r="N230242" s="10"/>
    </row>
    <row r="230243" spans="14:14">
      <c r="N230243" s="10"/>
    </row>
    <row r="230244" spans="14:14">
      <c r="N230244" s="10"/>
    </row>
    <row r="230245" spans="14:14">
      <c r="N230245" s="10"/>
    </row>
    <row r="230246" spans="14:14">
      <c r="N230246" s="10"/>
    </row>
    <row r="230247" spans="14:14">
      <c r="N230247" s="10"/>
    </row>
    <row r="230248" spans="14:14">
      <c r="N230248" s="10"/>
    </row>
    <row r="230249" spans="14:14">
      <c r="N230249" s="10"/>
    </row>
    <row r="230250" spans="14:14">
      <c r="N230250" s="10"/>
    </row>
    <row r="230251" spans="14:14">
      <c r="N230251" s="10"/>
    </row>
    <row r="230252" spans="14:14">
      <c r="N230252" s="10"/>
    </row>
    <row r="230253" spans="14:14">
      <c r="N230253" s="10"/>
    </row>
    <row r="230254" spans="14:14">
      <c r="N230254" s="10"/>
    </row>
    <row r="230255" spans="14:14">
      <c r="N230255" s="10"/>
    </row>
    <row r="230256" spans="14:14">
      <c r="N230256" s="10"/>
    </row>
    <row r="230257" spans="14:14">
      <c r="N230257" s="10"/>
    </row>
    <row r="230258" spans="14:14">
      <c r="N230258" s="10"/>
    </row>
    <row r="230259" spans="14:14">
      <c r="N230259" s="10"/>
    </row>
    <row r="230260" spans="14:14">
      <c r="N230260" s="10"/>
    </row>
    <row r="230261" spans="14:14">
      <c r="N230261" s="10"/>
    </row>
    <row r="230262" spans="14:14">
      <c r="N230262" s="10"/>
    </row>
    <row r="230263" spans="14:14">
      <c r="N230263" s="10"/>
    </row>
    <row r="230264" spans="14:14">
      <c r="N230264" s="10"/>
    </row>
    <row r="230265" spans="14:14">
      <c r="N230265" s="10"/>
    </row>
    <row r="230266" spans="14:14">
      <c r="N230266" s="10"/>
    </row>
    <row r="230267" spans="14:14">
      <c r="N230267" s="10"/>
    </row>
    <row r="230268" spans="14:14">
      <c r="N230268" s="10"/>
    </row>
    <row r="230269" spans="14:14">
      <c r="N230269" s="10"/>
    </row>
    <row r="230270" spans="14:14">
      <c r="N230270" s="10"/>
    </row>
    <row r="230271" spans="14:14">
      <c r="N230271" s="10"/>
    </row>
    <row r="230272" spans="14:14">
      <c r="N230272" s="10"/>
    </row>
    <row r="230273" spans="14:14">
      <c r="N230273" s="10"/>
    </row>
    <row r="230274" spans="14:14">
      <c r="N230274" s="10"/>
    </row>
    <row r="230275" spans="14:14">
      <c r="N230275" s="10"/>
    </row>
    <row r="230276" spans="14:14">
      <c r="N230276" s="10"/>
    </row>
    <row r="230277" spans="14:14">
      <c r="N230277" s="10"/>
    </row>
    <row r="230278" spans="14:14">
      <c r="N230278" s="10"/>
    </row>
    <row r="230279" spans="14:14">
      <c r="N230279" s="10"/>
    </row>
    <row r="230280" spans="14:14">
      <c r="N230280" s="10"/>
    </row>
    <row r="230281" spans="14:14">
      <c r="N230281" s="10"/>
    </row>
    <row r="230282" spans="14:14">
      <c r="N230282" s="10"/>
    </row>
    <row r="230283" spans="14:14">
      <c r="N230283" s="10"/>
    </row>
    <row r="230284" spans="14:14">
      <c r="N230284" s="10"/>
    </row>
    <row r="230285" spans="14:14">
      <c r="N230285" s="10"/>
    </row>
    <row r="230286" spans="14:14">
      <c r="N230286" s="10"/>
    </row>
    <row r="230287" spans="14:14">
      <c r="N230287" s="10"/>
    </row>
    <row r="230288" spans="14:14">
      <c r="N230288" s="10"/>
    </row>
    <row r="230289" spans="14:14">
      <c r="N230289" s="10"/>
    </row>
    <row r="230290" spans="14:14">
      <c r="N230290" s="10"/>
    </row>
    <row r="230291" spans="14:14">
      <c r="N230291" s="10"/>
    </row>
    <row r="230292" spans="14:14">
      <c r="N230292" s="10"/>
    </row>
    <row r="230293" spans="14:14">
      <c r="N230293" s="10"/>
    </row>
    <row r="230294" spans="14:14">
      <c r="N230294" s="10"/>
    </row>
    <row r="230295" spans="14:14">
      <c r="N230295" s="10"/>
    </row>
    <row r="230296" spans="14:14">
      <c r="N230296" s="10"/>
    </row>
    <row r="230297" spans="14:14">
      <c r="N230297" s="10"/>
    </row>
    <row r="230298" spans="14:14">
      <c r="N230298" s="10"/>
    </row>
    <row r="230299" spans="14:14">
      <c r="N230299" s="10"/>
    </row>
    <row r="230300" spans="14:14">
      <c r="N230300" s="10"/>
    </row>
    <row r="230301" spans="14:14">
      <c r="N230301" s="10"/>
    </row>
    <row r="230302" spans="14:14">
      <c r="N230302" s="10"/>
    </row>
    <row r="230303" spans="14:14">
      <c r="N230303" s="10"/>
    </row>
    <row r="230304" spans="14:14">
      <c r="N230304" s="10"/>
    </row>
    <row r="230305" spans="14:14">
      <c r="N230305" s="10"/>
    </row>
    <row r="230306" spans="14:14">
      <c r="N230306" s="10"/>
    </row>
    <row r="230307" spans="14:14">
      <c r="N230307" s="10"/>
    </row>
    <row r="230308" spans="14:14">
      <c r="N230308" s="10"/>
    </row>
    <row r="230309" spans="14:14">
      <c r="N230309" s="10"/>
    </row>
    <row r="230310" spans="14:14">
      <c r="N230310" s="10"/>
    </row>
    <row r="230311" spans="14:14">
      <c r="N230311" s="10"/>
    </row>
    <row r="230312" spans="14:14">
      <c r="N230312" s="10"/>
    </row>
    <row r="230313" spans="14:14">
      <c r="N230313" s="10"/>
    </row>
    <row r="230314" spans="14:14">
      <c r="N230314" s="10"/>
    </row>
    <row r="230315" spans="14:14">
      <c r="N230315" s="10"/>
    </row>
    <row r="230316" spans="14:14">
      <c r="N230316" s="10"/>
    </row>
    <row r="230317" spans="14:14">
      <c r="N230317" s="10"/>
    </row>
    <row r="230318" spans="14:14">
      <c r="N230318" s="10"/>
    </row>
    <row r="230319" spans="14:14">
      <c r="N230319" s="10"/>
    </row>
    <row r="230320" spans="14:14">
      <c r="N230320" s="10"/>
    </row>
    <row r="230321" spans="14:14">
      <c r="N230321" s="10"/>
    </row>
    <row r="230322" spans="14:14">
      <c r="N230322" s="10"/>
    </row>
    <row r="230323" spans="14:14">
      <c r="N230323" s="10"/>
    </row>
    <row r="230324" spans="14:14">
      <c r="N230324" s="10"/>
    </row>
    <row r="230325" spans="14:14">
      <c r="N230325" s="10"/>
    </row>
    <row r="230326" spans="14:14">
      <c r="N230326" s="10"/>
    </row>
    <row r="230327" spans="14:14">
      <c r="N230327" s="10"/>
    </row>
    <row r="230328" spans="14:14">
      <c r="N230328" s="10"/>
    </row>
    <row r="230329" spans="14:14">
      <c r="N230329" s="10"/>
    </row>
    <row r="230330" spans="14:14">
      <c r="N230330" s="10"/>
    </row>
    <row r="230331" spans="14:14">
      <c r="N230331" s="10"/>
    </row>
    <row r="230332" spans="14:14">
      <c r="N230332" s="10"/>
    </row>
    <row r="230333" spans="14:14">
      <c r="N230333" s="10"/>
    </row>
    <row r="230334" spans="14:14">
      <c r="N230334" s="10"/>
    </row>
    <row r="230335" spans="14:14">
      <c r="N230335" s="10"/>
    </row>
    <row r="230336" spans="14:14">
      <c r="N230336" s="10"/>
    </row>
    <row r="230337" spans="14:14">
      <c r="N230337" s="10"/>
    </row>
    <row r="230338" spans="14:14">
      <c r="N230338" s="10"/>
    </row>
    <row r="230339" spans="14:14">
      <c r="N230339" s="10"/>
    </row>
    <row r="230340" spans="14:14">
      <c r="N230340" s="10"/>
    </row>
    <row r="230341" spans="14:14">
      <c r="N230341" s="10"/>
    </row>
    <row r="230342" spans="14:14">
      <c r="N230342" s="10"/>
    </row>
    <row r="230343" spans="14:14">
      <c r="N230343" s="10"/>
    </row>
    <row r="230344" spans="14:14">
      <c r="N230344" s="10"/>
    </row>
    <row r="230345" spans="14:14">
      <c r="N230345" s="10"/>
    </row>
    <row r="230346" spans="14:14">
      <c r="N230346" s="10"/>
    </row>
    <row r="230347" spans="14:14">
      <c r="N230347" s="10"/>
    </row>
    <row r="230348" spans="14:14">
      <c r="N230348" s="10"/>
    </row>
    <row r="230349" spans="14:14">
      <c r="N230349" s="10"/>
    </row>
    <row r="230350" spans="14:14">
      <c r="N230350" s="10"/>
    </row>
    <row r="230351" spans="14:14">
      <c r="N230351" s="10"/>
    </row>
    <row r="230352" spans="14:14">
      <c r="N230352" s="10"/>
    </row>
    <row r="230353" spans="14:14">
      <c r="N230353" s="10"/>
    </row>
    <row r="230354" spans="14:14">
      <c r="N230354" s="10"/>
    </row>
    <row r="230355" spans="14:14">
      <c r="N230355" s="10"/>
    </row>
    <row r="230356" spans="14:14">
      <c r="N230356" s="10"/>
    </row>
    <row r="230357" spans="14:14">
      <c r="N230357" s="10"/>
    </row>
    <row r="230358" spans="14:14">
      <c r="N230358" s="10"/>
    </row>
    <row r="230359" spans="14:14">
      <c r="N230359" s="10"/>
    </row>
    <row r="230360" spans="14:14">
      <c r="N230360" s="10"/>
    </row>
    <row r="230361" spans="14:14">
      <c r="N230361" s="10"/>
    </row>
    <row r="230362" spans="14:14">
      <c r="N230362" s="10"/>
    </row>
    <row r="230363" spans="14:14">
      <c r="N230363" s="10"/>
    </row>
    <row r="230364" spans="14:14">
      <c r="N230364" s="10"/>
    </row>
    <row r="230365" spans="14:14">
      <c r="N230365" s="10"/>
    </row>
    <row r="230366" spans="14:14">
      <c r="N230366" s="10"/>
    </row>
    <row r="230367" spans="14:14">
      <c r="N230367" s="10"/>
    </row>
    <row r="230368" spans="14:14">
      <c r="N230368" s="10"/>
    </row>
    <row r="230369" spans="14:14">
      <c r="N230369" s="10"/>
    </row>
    <row r="230370" spans="14:14">
      <c r="N230370" s="10"/>
    </row>
    <row r="230371" spans="14:14">
      <c r="N230371" s="10"/>
    </row>
    <row r="230372" spans="14:14">
      <c r="N230372" s="10"/>
    </row>
    <row r="230373" spans="14:14">
      <c r="N230373" s="10"/>
    </row>
    <row r="230374" spans="14:14">
      <c r="N230374" s="10"/>
    </row>
    <row r="230375" spans="14:14">
      <c r="N230375" s="10"/>
    </row>
    <row r="230376" spans="14:14">
      <c r="N230376" s="10"/>
    </row>
    <row r="230377" spans="14:14">
      <c r="N230377" s="10"/>
    </row>
    <row r="230378" spans="14:14">
      <c r="N230378" s="10"/>
    </row>
    <row r="230379" spans="14:14">
      <c r="N230379" s="10"/>
    </row>
    <row r="230380" spans="14:14">
      <c r="N230380" s="10"/>
    </row>
    <row r="230381" spans="14:14">
      <c r="N230381" s="10"/>
    </row>
    <row r="230382" spans="14:14">
      <c r="N230382" s="10"/>
    </row>
    <row r="230383" spans="14:14">
      <c r="N230383" s="10"/>
    </row>
    <row r="230384" spans="14:14">
      <c r="N230384" s="10"/>
    </row>
    <row r="230385" spans="14:14">
      <c r="N230385" s="10"/>
    </row>
    <row r="230386" spans="14:14">
      <c r="N230386" s="10"/>
    </row>
    <row r="230387" spans="14:14">
      <c r="N230387" s="10"/>
    </row>
    <row r="230388" spans="14:14">
      <c r="N230388" s="10"/>
    </row>
    <row r="230389" spans="14:14">
      <c r="N230389" s="10"/>
    </row>
    <row r="230390" spans="14:14">
      <c r="N230390" s="10"/>
    </row>
    <row r="230391" spans="14:14">
      <c r="N230391" s="10"/>
    </row>
    <row r="230392" spans="14:14">
      <c r="N230392" s="10"/>
    </row>
    <row r="230393" spans="14:14">
      <c r="N230393" s="10"/>
    </row>
    <row r="230394" spans="14:14">
      <c r="N230394" s="10"/>
    </row>
    <row r="230395" spans="14:14">
      <c r="N230395" s="10"/>
    </row>
    <row r="230396" spans="14:14">
      <c r="N230396" s="10"/>
    </row>
    <row r="230397" spans="14:14">
      <c r="N230397" s="10"/>
    </row>
    <row r="230398" spans="14:14">
      <c r="N230398" s="10"/>
    </row>
    <row r="230399" spans="14:14">
      <c r="N230399" s="10"/>
    </row>
    <row r="230400" spans="14:14">
      <c r="N230400" s="10"/>
    </row>
    <row r="230401" spans="14:14">
      <c r="N230401" s="10"/>
    </row>
    <row r="230402" spans="14:14">
      <c r="N230402" s="10"/>
    </row>
    <row r="230403" spans="14:14">
      <c r="N230403" s="10"/>
    </row>
    <row r="230404" spans="14:14">
      <c r="N230404" s="10"/>
    </row>
    <row r="230405" spans="14:14">
      <c r="N230405" s="10"/>
    </row>
    <row r="230406" spans="14:14">
      <c r="N230406" s="10"/>
    </row>
    <row r="230407" spans="14:14">
      <c r="N230407" s="10"/>
    </row>
    <row r="230408" spans="14:14">
      <c r="N230408" s="10"/>
    </row>
    <row r="230409" spans="14:14">
      <c r="N230409" s="10"/>
    </row>
    <row r="230410" spans="14:14">
      <c r="N230410" s="10"/>
    </row>
    <row r="230411" spans="14:14">
      <c r="N230411" s="10"/>
    </row>
    <row r="230412" spans="14:14">
      <c r="N230412" s="10"/>
    </row>
    <row r="230413" spans="14:14">
      <c r="N230413" s="10"/>
    </row>
    <row r="230414" spans="14:14">
      <c r="N230414" s="10"/>
    </row>
    <row r="230415" spans="14:14">
      <c r="N230415" s="10"/>
    </row>
    <row r="230416" spans="14:14">
      <c r="N230416" s="10"/>
    </row>
    <row r="230417" spans="14:14">
      <c r="N230417" s="10"/>
    </row>
    <row r="230418" spans="14:14">
      <c r="N230418" s="10"/>
    </row>
    <row r="230419" spans="14:14">
      <c r="N230419" s="10"/>
    </row>
    <row r="230420" spans="14:14">
      <c r="N230420" s="10"/>
    </row>
    <row r="230421" spans="14:14">
      <c r="N230421" s="10"/>
    </row>
    <row r="230422" spans="14:14">
      <c r="N230422" s="10"/>
    </row>
    <row r="230423" spans="14:14">
      <c r="N230423" s="10"/>
    </row>
    <row r="230424" spans="14:14">
      <c r="N230424" s="10"/>
    </row>
    <row r="230425" spans="14:14">
      <c r="N230425" s="10"/>
    </row>
    <row r="230426" spans="14:14">
      <c r="N230426" s="10"/>
    </row>
    <row r="230427" spans="14:14">
      <c r="N230427" s="10"/>
    </row>
    <row r="230428" spans="14:14">
      <c r="N230428" s="10"/>
    </row>
    <row r="230429" spans="14:14">
      <c r="N230429" s="10"/>
    </row>
    <row r="230430" spans="14:14">
      <c r="N230430" s="10"/>
    </row>
    <row r="230431" spans="14:14">
      <c r="N230431" s="10"/>
    </row>
    <row r="230432" spans="14:14">
      <c r="N230432" s="10"/>
    </row>
    <row r="230433" spans="14:14">
      <c r="N230433" s="10"/>
    </row>
    <row r="230434" spans="14:14">
      <c r="N230434" s="10"/>
    </row>
    <row r="230435" spans="14:14">
      <c r="N230435" s="10"/>
    </row>
    <row r="230436" spans="14:14">
      <c r="N230436" s="10"/>
    </row>
    <row r="230437" spans="14:14">
      <c r="N230437" s="10"/>
    </row>
    <row r="230438" spans="14:14">
      <c r="N230438" s="10"/>
    </row>
    <row r="230439" spans="14:14">
      <c r="N230439" s="10"/>
    </row>
    <row r="230440" spans="14:14">
      <c r="N230440" s="10"/>
    </row>
    <row r="230441" spans="14:14">
      <c r="N230441" s="10"/>
    </row>
    <row r="230442" spans="14:14">
      <c r="N230442" s="10"/>
    </row>
    <row r="230443" spans="14:14">
      <c r="N230443" s="10"/>
    </row>
    <row r="230444" spans="14:14">
      <c r="N230444" s="10"/>
    </row>
    <row r="230445" spans="14:14">
      <c r="N230445" s="10"/>
    </row>
    <row r="230446" spans="14:14">
      <c r="N230446" s="10"/>
    </row>
    <row r="230447" spans="14:14">
      <c r="N230447" s="10"/>
    </row>
    <row r="230448" spans="14:14">
      <c r="N230448" s="10"/>
    </row>
    <row r="230449" spans="14:14">
      <c r="N230449" s="10"/>
    </row>
    <row r="230450" spans="14:14">
      <c r="N230450" s="10"/>
    </row>
    <row r="230451" spans="14:14">
      <c r="N230451" s="10"/>
    </row>
    <row r="230452" spans="14:14">
      <c r="N230452" s="10"/>
    </row>
    <row r="230453" spans="14:14">
      <c r="N230453" s="10"/>
    </row>
    <row r="230454" spans="14:14">
      <c r="N230454" s="10"/>
    </row>
    <row r="230455" spans="14:14">
      <c r="N230455" s="10"/>
    </row>
    <row r="230456" spans="14:14">
      <c r="N230456" s="10"/>
    </row>
    <row r="230457" spans="14:14">
      <c r="N230457" s="10"/>
    </row>
    <row r="230458" spans="14:14">
      <c r="N230458" s="10"/>
    </row>
    <row r="230459" spans="14:14">
      <c r="N230459" s="10"/>
    </row>
    <row r="230460" spans="14:14">
      <c r="N230460" s="10"/>
    </row>
    <row r="230461" spans="14:14">
      <c r="N230461" s="10"/>
    </row>
    <row r="230462" spans="14:14">
      <c r="N230462" s="10"/>
    </row>
    <row r="230463" spans="14:14">
      <c r="N230463" s="10"/>
    </row>
    <row r="230464" spans="14:14">
      <c r="N230464" s="10"/>
    </row>
    <row r="230465" spans="14:14">
      <c r="N230465" s="10"/>
    </row>
    <row r="230466" spans="14:14">
      <c r="N230466" s="10"/>
    </row>
    <row r="230467" spans="14:14">
      <c r="N230467" s="10"/>
    </row>
    <row r="230468" spans="14:14">
      <c r="N230468" s="10"/>
    </row>
    <row r="230469" spans="14:14">
      <c r="N230469" s="10"/>
    </row>
    <row r="230470" spans="14:14">
      <c r="N230470" s="10"/>
    </row>
    <row r="230471" spans="14:14">
      <c r="N230471" s="10"/>
    </row>
    <row r="230472" spans="14:14">
      <c r="N230472" s="10"/>
    </row>
    <row r="230473" spans="14:14">
      <c r="N230473" s="10"/>
    </row>
    <row r="230474" spans="14:14">
      <c r="N230474" s="10"/>
    </row>
    <row r="230475" spans="14:14">
      <c r="N230475" s="10"/>
    </row>
    <row r="230476" spans="14:14">
      <c r="N230476" s="10"/>
    </row>
    <row r="230477" spans="14:14">
      <c r="N230477" s="10"/>
    </row>
    <row r="230478" spans="14:14">
      <c r="N230478" s="10"/>
    </row>
    <row r="230479" spans="14:14">
      <c r="N230479" s="10"/>
    </row>
    <row r="230480" spans="14:14">
      <c r="N230480" s="10"/>
    </row>
    <row r="230481" spans="14:14">
      <c r="N230481" s="10"/>
    </row>
    <row r="230482" spans="14:14">
      <c r="N230482" s="10"/>
    </row>
    <row r="230483" spans="14:14">
      <c r="N230483" s="10"/>
    </row>
    <row r="230484" spans="14:14">
      <c r="N230484" s="10"/>
    </row>
    <row r="230485" spans="14:14">
      <c r="N230485" s="10"/>
    </row>
    <row r="230486" spans="14:14">
      <c r="N230486" s="10"/>
    </row>
    <row r="230487" spans="14:14">
      <c r="N230487" s="10"/>
    </row>
    <row r="230488" spans="14:14">
      <c r="N230488" s="10"/>
    </row>
    <row r="230489" spans="14:14">
      <c r="N230489" s="10"/>
    </row>
    <row r="230490" spans="14:14">
      <c r="N230490" s="10"/>
    </row>
    <row r="230491" spans="14:14">
      <c r="N230491" s="10"/>
    </row>
    <row r="230492" spans="14:14">
      <c r="N230492" s="10"/>
    </row>
    <row r="230493" spans="14:14">
      <c r="N230493" s="10"/>
    </row>
    <row r="230494" spans="14:14">
      <c r="N230494" s="10"/>
    </row>
    <row r="230495" spans="14:14">
      <c r="N230495" s="10"/>
    </row>
    <row r="230496" spans="14:14">
      <c r="N230496" s="10"/>
    </row>
    <row r="230497" spans="14:14">
      <c r="N230497" s="10"/>
    </row>
    <row r="230498" spans="14:14">
      <c r="N230498" s="10"/>
    </row>
    <row r="230499" spans="14:14">
      <c r="N230499" s="10"/>
    </row>
    <row r="230500" spans="14:14">
      <c r="N230500" s="10"/>
    </row>
    <row r="230501" spans="14:14">
      <c r="N230501" s="10"/>
    </row>
    <row r="230502" spans="14:14">
      <c r="N230502" s="10"/>
    </row>
    <row r="230503" spans="14:14">
      <c r="N230503" s="10"/>
    </row>
    <row r="230504" spans="14:14">
      <c r="N230504" s="10"/>
    </row>
    <row r="230505" spans="14:14">
      <c r="N230505" s="10"/>
    </row>
    <row r="230506" spans="14:14">
      <c r="N230506" s="10"/>
    </row>
    <row r="230507" spans="14:14">
      <c r="N230507" s="10"/>
    </row>
    <row r="230508" spans="14:14">
      <c r="N230508" s="10"/>
    </row>
    <row r="230509" spans="14:14">
      <c r="N230509" s="10"/>
    </row>
    <row r="230510" spans="14:14">
      <c r="N230510" s="10"/>
    </row>
    <row r="230511" spans="14:14">
      <c r="N230511" s="10"/>
    </row>
    <row r="230512" spans="14:14">
      <c r="N230512" s="10"/>
    </row>
    <row r="230513" spans="14:14">
      <c r="N230513" s="10"/>
    </row>
    <row r="230514" spans="14:14">
      <c r="N230514" s="10"/>
    </row>
    <row r="230515" spans="14:14">
      <c r="N230515" s="10"/>
    </row>
    <row r="230516" spans="14:14">
      <c r="N230516" s="10"/>
    </row>
    <row r="230517" spans="14:14">
      <c r="N230517" s="10"/>
    </row>
    <row r="230518" spans="14:14">
      <c r="N230518" s="10"/>
    </row>
    <row r="230519" spans="14:14">
      <c r="N230519" s="10"/>
    </row>
    <row r="230520" spans="14:14">
      <c r="N230520" s="10"/>
    </row>
    <row r="230521" spans="14:14">
      <c r="N230521" s="10"/>
    </row>
    <row r="230522" spans="14:14">
      <c r="N230522" s="10"/>
    </row>
    <row r="230523" spans="14:14">
      <c r="N230523" s="10"/>
    </row>
    <row r="230524" spans="14:14">
      <c r="N230524" s="10"/>
    </row>
    <row r="230525" spans="14:14">
      <c r="N230525" s="10"/>
    </row>
    <row r="230526" spans="14:14">
      <c r="N230526" s="10"/>
    </row>
    <row r="230527" spans="14:14">
      <c r="N230527" s="10"/>
    </row>
    <row r="230528" spans="14:14">
      <c r="N230528" s="10"/>
    </row>
    <row r="230529" spans="14:14">
      <c r="N230529" s="10"/>
    </row>
    <row r="230530" spans="14:14">
      <c r="N230530" s="10"/>
    </row>
    <row r="230531" spans="14:14">
      <c r="N230531" s="10"/>
    </row>
    <row r="230532" spans="14:14">
      <c r="N230532" s="10"/>
    </row>
    <row r="230533" spans="14:14">
      <c r="N230533" s="10"/>
    </row>
    <row r="230534" spans="14:14">
      <c r="N230534" s="10"/>
    </row>
    <row r="230535" spans="14:14">
      <c r="N230535" s="10"/>
    </row>
    <row r="230536" spans="14:14">
      <c r="N230536" s="10"/>
    </row>
    <row r="230537" spans="14:14">
      <c r="N230537" s="10"/>
    </row>
    <row r="230538" spans="14:14">
      <c r="N230538" s="10"/>
    </row>
    <row r="230539" spans="14:14">
      <c r="N230539" s="10"/>
    </row>
    <row r="230540" spans="14:14">
      <c r="N230540" s="10"/>
    </row>
    <row r="230541" spans="14:14">
      <c r="N230541" s="10"/>
    </row>
    <row r="230542" spans="14:14">
      <c r="N230542" s="10"/>
    </row>
    <row r="230543" spans="14:14">
      <c r="N230543" s="10"/>
    </row>
    <row r="230544" spans="14:14">
      <c r="N230544" s="10"/>
    </row>
    <row r="230545" spans="14:14">
      <c r="N230545" s="10"/>
    </row>
    <row r="230546" spans="14:14">
      <c r="N230546" s="10"/>
    </row>
    <row r="230547" spans="14:14">
      <c r="N230547" s="10"/>
    </row>
    <row r="230548" spans="14:14">
      <c r="N230548" s="10"/>
    </row>
    <row r="230549" spans="14:14">
      <c r="N230549" s="10"/>
    </row>
    <row r="230550" spans="14:14">
      <c r="N230550" s="10"/>
    </row>
    <row r="230551" spans="14:14">
      <c r="N230551" s="10"/>
    </row>
    <row r="230552" spans="14:14">
      <c r="N230552" s="10"/>
    </row>
    <row r="230553" spans="14:14">
      <c r="N230553" s="10"/>
    </row>
    <row r="230554" spans="14:14">
      <c r="N230554" s="10"/>
    </row>
    <row r="230555" spans="14:14">
      <c r="N230555" s="10"/>
    </row>
    <row r="230556" spans="14:14">
      <c r="N230556" s="10"/>
    </row>
    <row r="230557" spans="14:14">
      <c r="N230557" s="10"/>
    </row>
    <row r="230558" spans="14:14">
      <c r="N230558" s="10"/>
    </row>
    <row r="230559" spans="14:14">
      <c r="N230559" s="10"/>
    </row>
    <row r="230560" spans="14:14">
      <c r="N230560" s="10"/>
    </row>
    <row r="230561" spans="14:14">
      <c r="N230561" s="10"/>
    </row>
    <row r="230562" spans="14:14">
      <c r="N230562" s="10"/>
    </row>
    <row r="230563" spans="14:14">
      <c r="N230563" s="10"/>
    </row>
    <row r="230564" spans="14:14">
      <c r="N230564" s="10"/>
    </row>
    <row r="230565" spans="14:14">
      <c r="N230565" s="10"/>
    </row>
    <row r="230566" spans="14:14">
      <c r="N230566" s="10"/>
    </row>
    <row r="230567" spans="14:14">
      <c r="N230567" s="10"/>
    </row>
    <row r="230568" spans="14:14">
      <c r="N230568" s="10"/>
    </row>
    <row r="230569" spans="14:14">
      <c r="N230569" s="10"/>
    </row>
    <row r="230570" spans="14:14">
      <c r="N230570" s="10"/>
    </row>
    <row r="230571" spans="14:14">
      <c r="N230571" s="10"/>
    </row>
    <row r="230572" spans="14:14">
      <c r="N230572" s="10"/>
    </row>
    <row r="230573" spans="14:14">
      <c r="N230573" s="10"/>
    </row>
    <row r="230574" spans="14:14">
      <c r="N230574" s="10"/>
    </row>
    <row r="230575" spans="14:14">
      <c r="N230575" s="10"/>
    </row>
    <row r="230576" spans="14:14">
      <c r="N230576" s="10"/>
    </row>
    <row r="230577" spans="14:14">
      <c r="N230577" s="10"/>
    </row>
    <row r="230578" spans="14:14">
      <c r="N230578" s="10"/>
    </row>
    <row r="230579" spans="14:14">
      <c r="N230579" s="10"/>
    </row>
    <row r="230580" spans="14:14">
      <c r="N230580" s="10"/>
    </row>
    <row r="230581" spans="14:14">
      <c r="N230581" s="10"/>
    </row>
    <row r="230582" spans="14:14">
      <c r="N230582" s="10"/>
    </row>
    <row r="230583" spans="14:14">
      <c r="N230583" s="10"/>
    </row>
    <row r="230584" spans="14:14">
      <c r="N230584" s="10"/>
    </row>
    <row r="230585" spans="14:14">
      <c r="N230585" s="10"/>
    </row>
    <row r="230586" spans="14:14">
      <c r="N230586" s="10"/>
    </row>
    <row r="230587" spans="14:14">
      <c r="N230587" s="10"/>
    </row>
    <row r="230588" spans="14:14">
      <c r="N230588" s="10"/>
    </row>
    <row r="230589" spans="14:14">
      <c r="N230589" s="10"/>
    </row>
    <row r="230590" spans="14:14">
      <c r="N230590" s="10"/>
    </row>
    <row r="230591" spans="14:14">
      <c r="N230591" s="10"/>
    </row>
    <row r="230592" spans="14:14">
      <c r="N230592" s="10"/>
    </row>
    <row r="230593" spans="14:14">
      <c r="N230593" s="10"/>
    </row>
    <row r="230594" spans="14:14">
      <c r="N230594" s="10"/>
    </row>
    <row r="230595" spans="14:14">
      <c r="N230595" s="10"/>
    </row>
    <row r="230596" spans="14:14">
      <c r="N230596" s="10"/>
    </row>
    <row r="230597" spans="14:14">
      <c r="N230597" s="10"/>
    </row>
    <row r="230598" spans="14:14">
      <c r="N230598" s="10"/>
    </row>
    <row r="230599" spans="14:14">
      <c r="N230599" s="10"/>
    </row>
    <row r="230600" spans="14:14">
      <c r="N230600" s="10"/>
    </row>
    <row r="230601" spans="14:14">
      <c r="N230601" s="10"/>
    </row>
    <row r="230602" spans="14:14">
      <c r="N230602" s="10"/>
    </row>
    <row r="230603" spans="14:14">
      <c r="N230603" s="10"/>
    </row>
    <row r="230604" spans="14:14">
      <c r="N230604" s="10"/>
    </row>
    <row r="230605" spans="14:14">
      <c r="N230605" s="10"/>
    </row>
    <row r="230606" spans="14:14">
      <c r="N230606" s="10"/>
    </row>
    <row r="230607" spans="14:14">
      <c r="N230607" s="10"/>
    </row>
    <row r="230608" spans="14:14">
      <c r="N230608" s="10"/>
    </row>
    <row r="230609" spans="14:14">
      <c r="N230609" s="10"/>
    </row>
    <row r="230610" spans="14:14">
      <c r="N230610" s="10"/>
    </row>
    <row r="230611" spans="14:14">
      <c r="N230611" s="10"/>
    </row>
    <row r="230612" spans="14:14">
      <c r="N230612" s="10"/>
    </row>
    <row r="230613" spans="14:14">
      <c r="N230613" s="10"/>
    </row>
    <row r="230614" spans="14:14">
      <c r="N230614" s="10"/>
    </row>
    <row r="230615" spans="14:14">
      <c r="N230615" s="10"/>
    </row>
    <row r="230616" spans="14:14">
      <c r="N230616" s="10"/>
    </row>
    <row r="230617" spans="14:14">
      <c r="N230617" s="10"/>
    </row>
    <row r="230618" spans="14:14">
      <c r="N230618" s="10"/>
    </row>
    <row r="230619" spans="14:14">
      <c r="N230619" s="10"/>
    </row>
    <row r="230620" spans="14:14">
      <c r="N230620" s="10"/>
    </row>
    <row r="230621" spans="14:14">
      <c r="N230621" s="10"/>
    </row>
    <row r="230622" spans="14:14">
      <c r="N230622" s="10"/>
    </row>
    <row r="230623" spans="14:14">
      <c r="N230623" s="10"/>
    </row>
    <row r="230624" spans="14:14">
      <c r="N230624" s="10"/>
    </row>
    <row r="230625" spans="14:14">
      <c r="N230625" s="10"/>
    </row>
    <row r="230626" spans="14:14">
      <c r="N230626" s="10"/>
    </row>
    <row r="230627" spans="14:14">
      <c r="N230627" s="10"/>
    </row>
    <row r="230628" spans="14:14">
      <c r="N230628" s="10"/>
    </row>
    <row r="230629" spans="14:14">
      <c r="N230629" s="10"/>
    </row>
    <row r="230630" spans="14:14">
      <c r="N230630" s="10"/>
    </row>
    <row r="230631" spans="14:14">
      <c r="N230631" s="10"/>
    </row>
    <row r="230632" spans="14:14">
      <c r="N230632" s="10"/>
    </row>
    <row r="230633" spans="14:14">
      <c r="N230633" s="10"/>
    </row>
    <row r="230634" spans="14:14">
      <c r="N230634" s="10"/>
    </row>
    <row r="230635" spans="14:14">
      <c r="N230635" s="10"/>
    </row>
    <row r="230636" spans="14:14">
      <c r="N230636" s="10"/>
    </row>
    <row r="230637" spans="14:14">
      <c r="N230637" s="10"/>
    </row>
    <row r="230638" spans="14:14">
      <c r="N230638" s="10"/>
    </row>
    <row r="230639" spans="14:14">
      <c r="N230639" s="10"/>
    </row>
    <row r="230640" spans="14:14">
      <c r="N230640" s="10"/>
    </row>
    <row r="230641" spans="14:14">
      <c r="N230641" s="10"/>
    </row>
    <row r="230642" spans="14:14">
      <c r="N230642" s="10"/>
    </row>
    <row r="230643" spans="14:14">
      <c r="N230643" s="10"/>
    </row>
    <row r="230644" spans="14:14">
      <c r="N230644" s="10"/>
    </row>
    <row r="230645" spans="14:14">
      <c r="N230645" s="10"/>
    </row>
    <row r="230646" spans="14:14">
      <c r="N230646" s="10"/>
    </row>
    <row r="230647" spans="14:14">
      <c r="N230647" s="10"/>
    </row>
    <row r="230648" spans="14:14">
      <c r="N230648" s="10"/>
    </row>
    <row r="230649" spans="14:14">
      <c r="N230649" s="10"/>
    </row>
    <row r="230650" spans="14:14">
      <c r="N230650" s="10"/>
    </row>
    <row r="230651" spans="14:14">
      <c r="N230651" s="10"/>
    </row>
    <row r="230652" spans="14:14">
      <c r="N230652" s="10"/>
    </row>
    <row r="230653" spans="14:14">
      <c r="N230653" s="10"/>
    </row>
    <row r="230654" spans="14:14">
      <c r="N230654" s="10"/>
    </row>
    <row r="230655" spans="14:14">
      <c r="N230655" s="10"/>
    </row>
    <row r="230656" spans="14:14">
      <c r="N230656" s="10"/>
    </row>
    <row r="230657" spans="14:14">
      <c r="N230657" s="10"/>
    </row>
    <row r="230658" spans="14:14">
      <c r="N230658" s="10"/>
    </row>
    <row r="230659" spans="14:14">
      <c r="N230659" s="10"/>
    </row>
    <row r="230660" spans="14:14">
      <c r="N230660" s="10"/>
    </row>
    <row r="230661" spans="14:14">
      <c r="N230661" s="10"/>
    </row>
    <row r="230662" spans="14:14">
      <c r="N230662" s="10"/>
    </row>
    <row r="230663" spans="14:14">
      <c r="N230663" s="10"/>
    </row>
    <row r="230664" spans="14:14">
      <c r="N230664" s="10"/>
    </row>
    <row r="230665" spans="14:14">
      <c r="N230665" s="10"/>
    </row>
    <row r="230666" spans="14:14">
      <c r="N230666" s="10"/>
    </row>
    <row r="230667" spans="14:14">
      <c r="N230667" s="10"/>
    </row>
    <row r="230668" spans="14:14">
      <c r="N230668" s="10"/>
    </row>
    <row r="230669" spans="14:14">
      <c r="N230669" s="10"/>
    </row>
    <row r="230670" spans="14:14">
      <c r="N230670" s="10"/>
    </row>
    <row r="230671" spans="14:14">
      <c r="N230671" s="10"/>
    </row>
    <row r="230672" spans="14:14">
      <c r="N230672" s="10"/>
    </row>
    <row r="230673" spans="14:14">
      <c r="N230673" s="10"/>
    </row>
    <row r="230674" spans="14:14">
      <c r="N230674" s="10"/>
    </row>
    <row r="230675" spans="14:14">
      <c r="N230675" s="10"/>
    </row>
    <row r="230676" spans="14:14">
      <c r="N230676" s="10"/>
    </row>
    <row r="230677" spans="14:14">
      <c r="N230677" s="10"/>
    </row>
    <row r="230678" spans="14:14">
      <c r="N230678" s="10"/>
    </row>
    <row r="230679" spans="14:14">
      <c r="N230679" s="10"/>
    </row>
    <row r="230680" spans="14:14">
      <c r="N230680" s="10"/>
    </row>
    <row r="230681" spans="14:14">
      <c r="N230681" s="10"/>
    </row>
    <row r="230682" spans="14:14">
      <c r="N230682" s="10"/>
    </row>
    <row r="230683" spans="14:14">
      <c r="N230683" s="10"/>
    </row>
    <row r="230684" spans="14:14">
      <c r="N230684" s="10"/>
    </row>
    <row r="230685" spans="14:14">
      <c r="N230685" s="10"/>
    </row>
    <row r="230686" spans="14:14">
      <c r="N230686" s="10"/>
    </row>
    <row r="230687" spans="14:14">
      <c r="N230687" s="10"/>
    </row>
    <row r="230688" spans="14:14">
      <c r="N230688" s="10"/>
    </row>
    <row r="230689" spans="14:14">
      <c r="N230689" s="10"/>
    </row>
    <row r="230690" spans="14:14">
      <c r="N230690" s="10"/>
    </row>
    <row r="230691" spans="14:14">
      <c r="N230691" s="10"/>
    </row>
    <row r="230692" spans="14:14">
      <c r="N230692" s="10"/>
    </row>
    <row r="230693" spans="14:14">
      <c r="N230693" s="10"/>
    </row>
    <row r="230694" spans="14:14">
      <c r="N230694" s="10"/>
    </row>
    <row r="230695" spans="14:14">
      <c r="N230695" s="10"/>
    </row>
    <row r="230696" spans="14:14">
      <c r="N230696" s="10"/>
    </row>
    <row r="230697" spans="14:14">
      <c r="N230697" s="10"/>
    </row>
    <row r="230698" spans="14:14">
      <c r="N230698" s="10"/>
    </row>
    <row r="230699" spans="14:14">
      <c r="N230699" s="10"/>
    </row>
    <row r="230700" spans="14:14">
      <c r="N230700" s="10"/>
    </row>
    <row r="230701" spans="14:14">
      <c r="N230701" s="10"/>
    </row>
    <row r="230702" spans="14:14">
      <c r="N230702" s="10"/>
    </row>
    <row r="230703" spans="14:14">
      <c r="N230703" s="10"/>
    </row>
    <row r="230704" spans="14:14">
      <c r="N230704" s="10"/>
    </row>
    <row r="230705" spans="14:14">
      <c r="N230705" s="10"/>
    </row>
    <row r="230706" spans="14:14">
      <c r="N230706" s="10"/>
    </row>
    <row r="230707" spans="14:14">
      <c r="N230707" s="10"/>
    </row>
    <row r="230708" spans="14:14">
      <c r="N230708" s="10"/>
    </row>
    <row r="230709" spans="14:14">
      <c r="N230709" s="10"/>
    </row>
    <row r="230710" spans="14:14">
      <c r="N230710" s="10"/>
    </row>
    <row r="230711" spans="14:14">
      <c r="N230711" s="10"/>
    </row>
    <row r="230712" spans="14:14">
      <c r="N230712" s="10"/>
    </row>
    <row r="230713" spans="14:14">
      <c r="N230713" s="10"/>
    </row>
    <row r="230714" spans="14:14">
      <c r="N230714" s="10"/>
    </row>
    <row r="230715" spans="14:14">
      <c r="N230715" s="10"/>
    </row>
    <row r="230716" spans="14:14">
      <c r="N230716" s="10"/>
    </row>
    <row r="230717" spans="14:14">
      <c r="N230717" s="10"/>
    </row>
    <row r="230718" spans="14:14">
      <c r="N230718" s="10"/>
    </row>
    <row r="230719" spans="14:14">
      <c r="N230719" s="10"/>
    </row>
    <row r="230720" spans="14:14">
      <c r="N230720" s="10"/>
    </row>
    <row r="230721" spans="14:14">
      <c r="N230721" s="10"/>
    </row>
    <row r="230722" spans="14:14">
      <c r="N230722" s="10"/>
    </row>
    <row r="230723" spans="14:14">
      <c r="N230723" s="10"/>
    </row>
    <row r="230724" spans="14:14">
      <c r="N230724" s="10"/>
    </row>
    <row r="230725" spans="14:14">
      <c r="N230725" s="10"/>
    </row>
    <row r="230726" spans="14:14">
      <c r="N230726" s="10"/>
    </row>
    <row r="230727" spans="14:14">
      <c r="N230727" s="10"/>
    </row>
    <row r="230728" spans="14:14">
      <c r="N230728" s="10"/>
    </row>
    <row r="230729" spans="14:14">
      <c r="N230729" s="10"/>
    </row>
    <row r="230730" spans="14:14">
      <c r="N230730" s="10"/>
    </row>
    <row r="230731" spans="14:14">
      <c r="N230731" s="10"/>
    </row>
    <row r="230732" spans="14:14">
      <c r="N230732" s="10"/>
    </row>
    <row r="230733" spans="14:14">
      <c r="N230733" s="10"/>
    </row>
    <row r="230734" spans="14:14">
      <c r="N230734" s="10"/>
    </row>
    <row r="230735" spans="14:14">
      <c r="N230735" s="10"/>
    </row>
    <row r="230736" spans="14:14">
      <c r="N230736" s="10"/>
    </row>
    <row r="230737" spans="14:14">
      <c r="N230737" s="10"/>
    </row>
    <row r="230738" spans="14:14">
      <c r="N230738" s="10"/>
    </row>
    <row r="230739" spans="14:14">
      <c r="N230739" s="10"/>
    </row>
    <row r="230740" spans="14:14">
      <c r="N230740" s="10"/>
    </row>
    <row r="230741" spans="14:14">
      <c r="N230741" s="10"/>
    </row>
    <row r="230742" spans="14:14">
      <c r="N230742" s="10"/>
    </row>
    <row r="230743" spans="14:14">
      <c r="N230743" s="10"/>
    </row>
    <row r="230744" spans="14:14">
      <c r="N230744" s="10"/>
    </row>
    <row r="230745" spans="14:14">
      <c r="N230745" s="10"/>
    </row>
    <row r="230746" spans="14:14">
      <c r="N230746" s="10"/>
    </row>
    <row r="230747" spans="14:14">
      <c r="N230747" s="10"/>
    </row>
    <row r="230748" spans="14:14">
      <c r="N230748" s="10"/>
    </row>
    <row r="230749" spans="14:14">
      <c r="N230749" s="10"/>
    </row>
    <row r="230750" spans="14:14">
      <c r="N230750" s="10"/>
    </row>
    <row r="230751" spans="14:14">
      <c r="N230751" s="10"/>
    </row>
    <row r="230752" spans="14:14">
      <c r="N230752" s="10"/>
    </row>
    <row r="230753" spans="14:14">
      <c r="N230753" s="10"/>
    </row>
    <row r="230754" spans="14:14">
      <c r="N230754" s="10"/>
    </row>
    <row r="230755" spans="14:14">
      <c r="N230755" s="10"/>
    </row>
    <row r="230756" spans="14:14">
      <c r="N230756" s="10"/>
    </row>
    <row r="230757" spans="14:14">
      <c r="N230757" s="10"/>
    </row>
    <row r="230758" spans="14:14">
      <c r="N230758" s="10"/>
    </row>
    <row r="230759" spans="14:14">
      <c r="N230759" s="10"/>
    </row>
    <row r="230760" spans="14:14">
      <c r="N230760" s="10"/>
    </row>
    <row r="230761" spans="14:14">
      <c r="N230761" s="10"/>
    </row>
    <row r="230762" spans="14:14">
      <c r="N230762" s="10"/>
    </row>
    <row r="230763" spans="14:14">
      <c r="N230763" s="10"/>
    </row>
    <row r="230764" spans="14:14">
      <c r="N230764" s="10"/>
    </row>
    <row r="230765" spans="14:14">
      <c r="N230765" s="10"/>
    </row>
    <row r="230766" spans="14:14">
      <c r="N230766" s="10"/>
    </row>
    <row r="230767" spans="14:14">
      <c r="N230767" s="10"/>
    </row>
    <row r="230768" spans="14:14">
      <c r="N230768" s="10"/>
    </row>
    <row r="230769" spans="14:14">
      <c r="N230769" s="10"/>
    </row>
    <row r="230770" spans="14:14">
      <c r="N230770" s="10"/>
    </row>
    <row r="230771" spans="14:14">
      <c r="N230771" s="10"/>
    </row>
    <row r="230772" spans="14:14">
      <c r="N230772" s="10"/>
    </row>
    <row r="230773" spans="14:14">
      <c r="N230773" s="10"/>
    </row>
    <row r="230774" spans="14:14">
      <c r="N230774" s="10"/>
    </row>
    <row r="230775" spans="14:14">
      <c r="N230775" s="10"/>
    </row>
    <row r="230776" spans="14:14">
      <c r="N230776" s="10"/>
    </row>
    <row r="230777" spans="14:14">
      <c r="N230777" s="10"/>
    </row>
    <row r="230778" spans="14:14">
      <c r="N230778" s="10"/>
    </row>
    <row r="230779" spans="14:14">
      <c r="N230779" s="10"/>
    </row>
    <row r="230780" spans="14:14">
      <c r="N230780" s="10"/>
    </row>
    <row r="230781" spans="14:14">
      <c r="N230781" s="10"/>
    </row>
    <row r="230782" spans="14:14">
      <c r="N230782" s="10"/>
    </row>
    <row r="230783" spans="14:14">
      <c r="N230783" s="10"/>
    </row>
    <row r="230784" spans="14:14">
      <c r="N230784" s="10"/>
    </row>
    <row r="230785" spans="14:14">
      <c r="N230785" s="10"/>
    </row>
    <row r="230786" spans="14:14">
      <c r="N230786" s="10"/>
    </row>
    <row r="230787" spans="14:14">
      <c r="N230787" s="10"/>
    </row>
    <row r="230788" spans="14:14">
      <c r="N230788" s="10"/>
    </row>
    <row r="230789" spans="14:14">
      <c r="N230789" s="10"/>
    </row>
    <row r="230790" spans="14:14">
      <c r="N230790" s="10"/>
    </row>
    <row r="230791" spans="14:14">
      <c r="N230791" s="10"/>
    </row>
    <row r="230792" spans="14:14">
      <c r="N230792" s="10"/>
    </row>
    <row r="230793" spans="14:14">
      <c r="N230793" s="10"/>
    </row>
    <row r="230794" spans="14:14">
      <c r="N230794" s="10"/>
    </row>
    <row r="230795" spans="14:14">
      <c r="N230795" s="10"/>
    </row>
    <row r="230796" spans="14:14">
      <c r="N230796" s="10"/>
    </row>
    <row r="230797" spans="14:14">
      <c r="N230797" s="10"/>
    </row>
    <row r="230798" spans="14:14">
      <c r="N230798" s="10"/>
    </row>
    <row r="230799" spans="14:14">
      <c r="N230799" s="10"/>
    </row>
    <row r="230800" spans="14:14">
      <c r="N230800" s="10"/>
    </row>
    <row r="230801" spans="14:14">
      <c r="N230801" s="10"/>
    </row>
    <row r="230802" spans="14:14">
      <c r="N230802" s="10"/>
    </row>
    <row r="230803" spans="14:14">
      <c r="N230803" s="10"/>
    </row>
    <row r="230804" spans="14:14">
      <c r="N230804" s="10"/>
    </row>
    <row r="230805" spans="14:14">
      <c r="N230805" s="10"/>
    </row>
    <row r="230806" spans="14:14">
      <c r="N230806" s="10"/>
    </row>
    <row r="230807" spans="14:14">
      <c r="N230807" s="10"/>
    </row>
    <row r="230808" spans="14:14">
      <c r="N230808" s="10"/>
    </row>
    <row r="230809" spans="14:14">
      <c r="N230809" s="10"/>
    </row>
    <row r="230810" spans="14:14">
      <c r="N230810" s="10"/>
    </row>
    <row r="230811" spans="14:14">
      <c r="N230811" s="10"/>
    </row>
    <row r="230812" spans="14:14">
      <c r="N230812" s="10"/>
    </row>
    <row r="230813" spans="14:14">
      <c r="N230813" s="10"/>
    </row>
    <row r="230814" spans="14:14">
      <c r="N230814" s="10"/>
    </row>
    <row r="230815" spans="14:14">
      <c r="N230815" s="10"/>
    </row>
    <row r="230816" spans="14:14">
      <c r="N230816" s="10"/>
    </row>
    <row r="230817" spans="14:14">
      <c r="N230817" s="10"/>
    </row>
    <row r="230818" spans="14:14">
      <c r="N230818" s="10"/>
    </row>
    <row r="230819" spans="14:14">
      <c r="N230819" s="10"/>
    </row>
    <row r="230820" spans="14:14">
      <c r="N230820" s="10"/>
    </row>
    <row r="230821" spans="14:14">
      <c r="N230821" s="10"/>
    </row>
    <row r="230822" spans="14:14">
      <c r="N230822" s="10"/>
    </row>
    <row r="230823" spans="14:14">
      <c r="N230823" s="10"/>
    </row>
    <row r="230824" spans="14:14">
      <c r="N230824" s="10"/>
    </row>
    <row r="230825" spans="14:14">
      <c r="N230825" s="10"/>
    </row>
    <row r="230826" spans="14:14">
      <c r="N230826" s="10"/>
    </row>
    <row r="230827" spans="14:14">
      <c r="N230827" s="10"/>
    </row>
    <row r="230828" spans="14:14">
      <c r="N230828" s="10"/>
    </row>
    <row r="230829" spans="14:14">
      <c r="N230829" s="10"/>
    </row>
    <row r="230830" spans="14:14">
      <c r="N230830" s="10"/>
    </row>
    <row r="230831" spans="14:14">
      <c r="N230831" s="10"/>
    </row>
    <row r="230832" spans="14:14">
      <c r="N230832" s="10"/>
    </row>
    <row r="230833" spans="14:14">
      <c r="N230833" s="10"/>
    </row>
    <row r="230834" spans="14:14">
      <c r="N230834" s="10"/>
    </row>
    <row r="230835" spans="14:14">
      <c r="N230835" s="10"/>
    </row>
    <row r="230836" spans="14:14">
      <c r="N230836" s="10"/>
    </row>
    <row r="230837" spans="14:14">
      <c r="N230837" s="10"/>
    </row>
    <row r="230838" spans="14:14">
      <c r="N230838" s="10"/>
    </row>
    <row r="230839" spans="14:14">
      <c r="N230839" s="10"/>
    </row>
    <row r="230840" spans="14:14">
      <c r="N230840" s="10"/>
    </row>
    <row r="230841" spans="14:14">
      <c r="N230841" s="10"/>
    </row>
    <row r="230842" spans="14:14">
      <c r="N230842" s="10"/>
    </row>
    <row r="230843" spans="14:14">
      <c r="N230843" s="10"/>
    </row>
    <row r="230844" spans="14:14">
      <c r="N230844" s="10"/>
    </row>
    <row r="230845" spans="14:14">
      <c r="N230845" s="10"/>
    </row>
    <row r="230846" spans="14:14">
      <c r="N230846" s="10"/>
    </row>
    <row r="230847" spans="14:14">
      <c r="N230847" s="10"/>
    </row>
    <row r="230848" spans="14:14">
      <c r="N230848" s="10"/>
    </row>
    <row r="230849" spans="14:14">
      <c r="N230849" s="10"/>
    </row>
    <row r="230850" spans="14:14">
      <c r="N230850" s="10"/>
    </row>
    <row r="230851" spans="14:14">
      <c r="N230851" s="10"/>
    </row>
    <row r="230852" spans="14:14">
      <c r="N230852" s="10"/>
    </row>
    <row r="230853" spans="14:14">
      <c r="N230853" s="10"/>
    </row>
    <row r="230854" spans="14:14">
      <c r="N230854" s="10"/>
    </row>
    <row r="230855" spans="14:14">
      <c r="N230855" s="10"/>
    </row>
    <row r="230856" spans="14:14">
      <c r="N230856" s="10"/>
    </row>
    <row r="230857" spans="14:14">
      <c r="N230857" s="10"/>
    </row>
    <row r="230858" spans="14:14">
      <c r="N230858" s="10"/>
    </row>
    <row r="230859" spans="14:14">
      <c r="N230859" s="10"/>
    </row>
    <row r="230860" spans="14:14">
      <c r="N230860" s="10"/>
    </row>
    <row r="230861" spans="14:14">
      <c r="N230861" s="10"/>
    </row>
    <row r="230862" spans="14:14">
      <c r="N230862" s="10"/>
    </row>
    <row r="230863" spans="14:14">
      <c r="N230863" s="10"/>
    </row>
    <row r="230864" spans="14:14">
      <c r="N230864" s="10"/>
    </row>
    <row r="230865" spans="14:14">
      <c r="N230865" s="10"/>
    </row>
    <row r="230866" spans="14:14">
      <c r="N230866" s="10"/>
    </row>
    <row r="230867" spans="14:14">
      <c r="N230867" s="10"/>
    </row>
    <row r="230868" spans="14:14">
      <c r="N230868" s="10"/>
    </row>
    <row r="230869" spans="14:14">
      <c r="N230869" s="10"/>
    </row>
    <row r="230870" spans="14:14">
      <c r="N230870" s="10"/>
    </row>
    <row r="230871" spans="14:14">
      <c r="N230871" s="10"/>
    </row>
    <row r="230872" spans="14:14">
      <c r="N230872" s="10"/>
    </row>
    <row r="230873" spans="14:14">
      <c r="N230873" s="10"/>
    </row>
    <row r="230874" spans="14:14">
      <c r="N230874" s="10"/>
    </row>
    <row r="230875" spans="14:14">
      <c r="N230875" s="10"/>
    </row>
    <row r="230876" spans="14:14">
      <c r="N230876" s="10"/>
    </row>
    <row r="230877" spans="14:14">
      <c r="N230877" s="10"/>
    </row>
    <row r="230878" spans="14:14">
      <c r="N230878" s="10"/>
    </row>
    <row r="230879" spans="14:14">
      <c r="N230879" s="10"/>
    </row>
    <row r="230880" spans="14:14">
      <c r="N230880" s="10"/>
    </row>
    <row r="230881" spans="14:14">
      <c r="N230881" s="10"/>
    </row>
    <row r="230882" spans="14:14">
      <c r="N230882" s="10"/>
    </row>
    <row r="230883" spans="14:14">
      <c r="N230883" s="10"/>
    </row>
    <row r="230884" spans="14:14">
      <c r="N230884" s="10"/>
    </row>
    <row r="230885" spans="14:14">
      <c r="N230885" s="10"/>
    </row>
    <row r="230886" spans="14:14">
      <c r="N230886" s="10"/>
    </row>
    <row r="230887" spans="14:14">
      <c r="N230887" s="10"/>
    </row>
    <row r="230888" spans="14:14">
      <c r="N230888" s="10"/>
    </row>
    <row r="230889" spans="14:14">
      <c r="N230889" s="10"/>
    </row>
    <row r="230890" spans="14:14">
      <c r="N230890" s="10"/>
    </row>
    <row r="230891" spans="14:14">
      <c r="N230891" s="10"/>
    </row>
    <row r="230892" spans="14:14">
      <c r="N230892" s="10"/>
    </row>
    <row r="230893" spans="14:14">
      <c r="N230893" s="10"/>
    </row>
    <row r="230894" spans="14:14">
      <c r="N230894" s="10"/>
    </row>
    <row r="230895" spans="14:14">
      <c r="N230895" s="10"/>
    </row>
    <row r="230896" spans="14:14">
      <c r="N230896" s="10"/>
    </row>
    <row r="230897" spans="14:14">
      <c r="N230897" s="10"/>
    </row>
    <row r="230898" spans="14:14">
      <c r="N230898" s="10"/>
    </row>
    <row r="230899" spans="14:14">
      <c r="N230899" s="10"/>
    </row>
    <row r="230900" spans="14:14">
      <c r="N230900" s="10"/>
    </row>
    <row r="230901" spans="14:14">
      <c r="N230901" s="10"/>
    </row>
    <row r="230902" spans="14:14">
      <c r="N230902" s="10"/>
    </row>
    <row r="230903" spans="14:14">
      <c r="N230903" s="10"/>
    </row>
    <row r="230904" spans="14:14">
      <c r="N230904" s="10"/>
    </row>
    <row r="230905" spans="14:14">
      <c r="N230905" s="10"/>
    </row>
    <row r="230906" spans="14:14">
      <c r="N230906" s="10"/>
    </row>
    <row r="230907" spans="14:14">
      <c r="N230907" s="10"/>
    </row>
    <row r="230908" spans="14:14">
      <c r="N230908" s="10"/>
    </row>
    <row r="230909" spans="14:14">
      <c r="N230909" s="10"/>
    </row>
    <row r="230910" spans="14:14">
      <c r="N230910" s="10"/>
    </row>
    <row r="230911" spans="14:14">
      <c r="N230911" s="10"/>
    </row>
    <row r="230912" spans="14:14">
      <c r="N230912" s="10"/>
    </row>
    <row r="230913" spans="14:14">
      <c r="N230913" s="10"/>
    </row>
    <row r="230914" spans="14:14">
      <c r="N230914" s="10"/>
    </row>
    <row r="230915" spans="14:14">
      <c r="N230915" s="10"/>
    </row>
    <row r="230916" spans="14:14">
      <c r="N230916" s="10"/>
    </row>
    <row r="230917" spans="14:14">
      <c r="N230917" s="10"/>
    </row>
    <row r="230918" spans="14:14">
      <c r="N230918" s="10"/>
    </row>
    <row r="230919" spans="14:14">
      <c r="N230919" s="10"/>
    </row>
    <row r="230920" spans="14:14">
      <c r="N230920" s="10"/>
    </row>
    <row r="230921" spans="14:14">
      <c r="N230921" s="10"/>
    </row>
    <row r="230922" spans="14:14">
      <c r="N230922" s="10"/>
    </row>
    <row r="230923" spans="14:14">
      <c r="N230923" s="10"/>
    </row>
    <row r="230924" spans="14:14">
      <c r="N230924" s="10"/>
    </row>
    <row r="230925" spans="14:14">
      <c r="N230925" s="10"/>
    </row>
    <row r="230926" spans="14:14">
      <c r="N230926" s="10"/>
    </row>
    <row r="230927" spans="14:14">
      <c r="N230927" s="10"/>
    </row>
    <row r="230928" spans="14:14">
      <c r="N230928" s="10"/>
    </row>
    <row r="230929" spans="14:14">
      <c r="N230929" s="10"/>
    </row>
    <row r="230930" spans="14:14">
      <c r="N230930" s="10"/>
    </row>
    <row r="230931" spans="14:14">
      <c r="N230931" s="10"/>
    </row>
    <row r="230932" spans="14:14">
      <c r="N230932" s="10"/>
    </row>
    <row r="230933" spans="14:14">
      <c r="N230933" s="10"/>
    </row>
    <row r="230934" spans="14:14">
      <c r="N230934" s="10"/>
    </row>
    <row r="230935" spans="14:14">
      <c r="N230935" s="10"/>
    </row>
    <row r="230936" spans="14:14">
      <c r="N230936" s="10"/>
    </row>
    <row r="230937" spans="14:14">
      <c r="N230937" s="10"/>
    </row>
    <row r="230938" spans="14:14">
      <c r="N230938" s="10"/>
    </row>
    <row r="230939" spans="14:14">
      <c r="N230939" s="10"/>
    </row>
    <row r="230940" spans="14:14">
      <c r="N230940" s="10"/>
    </row>
    <row r="230941" spans="14:14">
      <c r="N230941" s="10"/>
    </row>
    <row r="230942" spans="14:14">
      <c r="N230942" s="10"/>
    </row>
    <row r="230943" spans="14:14">
      <c r="N230943" s="10"/>
    </row>
    <row r="230944" spans="14:14">
      <c r="N230944" s="10"/>
    </row>
    <row r="230945" spans="14:14">
      <c r="N230945" s="10"/>
    </row>
    <row r="230946" spans="14:14">
      <c r="N230946" s="10"/>
    </row>
    <row r="230947" spans="14:14">
      <c r="N230947" s="10"/>
    </row>
    <row r="230948" spans="14:14">
      <c r="N230948" s="10"/>
    </row>
    <row r="230949" spans="14:14">
      <c r="N230949" s="10"/>
    </row>
    <row r="230950" spans="14:14">
      <c r="N230950" s="10"/>
    </row>
    <row r="230951" spans="14:14">
      <c r="N230951" s="10"/>
    </row>
    <row r="230952" spans="14:14">
      <c r="N230952" s="10"/>
    </row>
    <row r="230953" spans="14:14">
      <c r="N230953" s="10"/>
    </row>
    <row r="230954" spans="14:14">
      <c r="N230954" s="10"/>
    </row>
    <row r="230955" spans="14:14">
      <c r="N230955" s="10"/>
    </row>
    <row r="230956" spans="14:14">
      <c r="N230956" s="10"/>
    </row>
    <row r="230957" spans="14:14">
      <c r="N230957" s="10"/>
    </row>
    <row r="230958" spans="14:14">
      <c r="N230958" s="10"/>
    </row>
    <row r="230959" spans="14:14">
      <c r="N230959" s="10"/>
    </row>
    <row r="230960" spans="14:14">
      <c r="N230960" s="10"/>
    </row>
    <row r="230961" spans="14:14">
      <c r="N230961" s="10"/>
    </row>
    <row r="230962" spans="14:14">
      <c r="N230962" s="10"/>
    </row>
    <row r="230963" spans="14:14">
      <c r="N230963" s="10"/>
    </row>
    <row r="230964" spans="14:14">
      <c r="N230964" s="10"/>
    </row>
    <row r="230965" spans="14:14">
      <c r="N230965" s="10"/>
    </row>
    <row r="230966" spans="14:14">
      <c r="N230966" s="10"/>
    </row>
    <row r="230967" spans="14:14">
      <c r="N230967" s="10"/>
    </row>
    <row r="230968" spans="14:14">
      <c r="N230968" s="10"/>
    </row>
    <row r="230969" spans="14:14">
      <c r="N230969" s="10"/>
    </row>
    <row r="230970" spans="14:14">
      <c r="N230970" s="10"/>
    </row>
    <row r="230971" spans="14:14">
      <c r="N230971" s="10"/>
    </row>
    <row r="230972" spans="14:14">
      <c r="N230972" s="10"/>
    </row>
    <row r="230973" spans="14:14">
      <c r="N230973" s="10"/>
    </row>
    <row r="230974" spans="14:14">
      <c r="N230974" s="10"/>
    </row>
    <row r="230975" spans="14:14">
      <c r="N230975" s="10"/>
    </row>
    <row r="230976" spans="14:14">
      <c r="N230976" s="10"/>
    </row>
    <row r="230977" spans="14:14">
      <c r="N230977" s="10"/>
    </row>
    <row r="230978" spans="14:14">
      <c r="N230978" s="10"/>
    </row>
    <row r="230979" spans="14:14">
      <c r="N230979" s="10"/>
    </row>
    <row r="230980" spans="14:14">
      <c r="N230980" s="10"/>
    </row>
    <row r="230981" spans="14:14">
      <c r="N230981" s="10"/>
    </row>
    <row r="230982" spans="14:14">
      <c r="N230982" s="10"/>
    </row>
    <row r="230983" spans="14:14">
      <c r="N230983" s="10"/>
    </row>
    <row r="230984" spans="14:14">
      <c r="N230984" s="10"/>
    </row>
    <row r="230985" spans="14:14">
      <c r="N230985" s="10"/>
    </row>
    <row r="230986" spans="14:14">
      <c r="N230986" s="10"/>
    </row>
    <row r="230987" spans="14:14">
      <c r="N230987" s="10"/>
    </row>
    <row r="230988" spans="14:14">
      <c r="N230988" s="10"/>
    </row>
    <row r="230989" spans="14:14">
      <c r="N230989" s="10"/>
    </row>
    <row r="230990" spans="14:14">
      <c r="N230990" s="10"/>
    </row>
    <row r="230991" spans="14:14">
      <c r="N230991" s="10"/>
    </row>
    <row r="230992" spans="14:14">
      <c r="N230992" s="10"/>
    </row>
    <row r="230993" spans="14:14">
      <c r="N230993" s="10"/>
    </row>
    <row r="230994" spans="14:14">
      <c r="N230994" s="10"/>
    </row>
    <row r="230995" spans="14:14">
      <c r="N230995" s="10"/>
    </row>
    <row r="230996" spans="14:14">
      <c r="N230996" s="10"/>
    </row>
    <row r="230997" spans="14:14">
      <c r="N230997" s="10"/>
    </row>
    <row r="230998" spans="14:14">
      <c r="N230998" s="10"/>
    </row>
    <row r="230999" spans="14:14">
      <c r="N230999" s="10"/>
    </row>
    <row r="231000" spans="14:14">
      <c r="N231000" s="10"/>
    </row>
    <row r="231001" spans="14:14">
      <c r="N231001" s="10"/>
    </row>
    <row r="231002" spans="14:14">
      <c r="N231002" s="10"/>
    </row>
    <row r="231003" spans="14:14">
      <c r="N231003" s="10"/>
    </row>
    <row r="231004" spans="14:14">
      <c r="N231004" s="10"/>
    </row>
    <row r="231005" spans="14:14">
      <c r="N231005" s="10"/>
    </row>
    <row r="231006" spans="14:14">
      <c r="N231006" s="10"/>
    </row>
    <row r="231007" spans="14:14">
      <c r="N231007" s="10"/>
    </row>
    <row r="231008" spans="14:14">
      <c r="N231008" s="10"/>
    </row>
    <row r="231009" spans="14:14">
      <c r="N231009" s="10"/>
    </row>
    <row r="231010" spans="14:14">
      <c r="N231010" s="10"/>
    </row>
    <row r="231011" spans="14:14">
      <c r="N231011" s="10"/>
    </row>
    <row r="231012" spans="14:14">
      <c r="N231012" s="10"/>
    </row>
    <row r="231013" spans="14:14">
      <c r="N231013" s="10"/>
    </row>
    <row r="231014" spans="14:14">
      <c r="N231014" s="10"/>
    </row>
    <row r="231015" spans="14:14">
      <c r="N231015" s="10"/>
    </row>
    <row r="231016" spans="14:14">
      <c r="N231016" s="10"/>
    </row>
    <row r="231017" spans="14:14">
      <c r="N231017" s="10"/>
    </row>
    <row r="231018" spans="14:14">
      <c r="N231018" s="10"/>
    </row>
    <row r="231019" spans="14:14">
      <c r="N231019" s="10"/>
    </row>
    <row r="231020" spans="14:14">
      <c r="N231020" s="10"/>
    </row>
    <row r="231021" spans="14:14">
      <c r="N231021" s="10"/>
    </row>
    <row r="231022" spans="14:14">
      <c r="N231022" s="10"/>
    </row>
    <row r="231023" spans="14:14">
      <c r="N231023" s="10"/>
    </row>
    <row r="231024" spans="14:14">
      <c r="N231024" s="10"/>
    </row>
    <row r="231025" spans="14:14">
      <c r="N231025" s="10"/>
    </row>
    <row r="231026" spans="14:14">
      <c r="N231026" s="10"/>
    </row>
    <row r="231027" spans="14:14">
      <c r="N231027" s="10"/>
    </row>
    <row r="231028" spans="14:14">
      <c r="N231028" s="10"/>
    </row>
    <row r="231029" spans="14:14">
      <c r="N231029" s="10"/>
    </row>
    <row r="231030" spans="14:14">
      <c r="N231030" s="10"/>
    </row>
    <row r="231031" spans="14:14">
      <c r="N231031" s="10"/>
    </row>
    <row r="231032" spans="14:14">
      <c r="N231032" s="10"/>
    </row>
    <row r="231033" spans="14:14">
      <c r="N231033" s="10"/>
    </row>
    <row r="231034" spans="14:14">
      <c r="N231034" s="10"/>
    </row>
    <row r="231035" spans="14:14">
      <c r="N231035" s="10"/>
    </row>
    <row r="231036" spans="14:14">
      <c r="N231036" s="10"/>
    </row>
    <row r="231037" spans="14:14">
      <c r="N231037" s="10"/>
    </row>
    <row r="231038" spans="14:14">
      <c r="N231038" s="10"/>
    </row>
    <row r="231039" spans="14:14">
      <c r="N231039" s="10"/>
    </row>
    <row r="231040" spans="14:14">
      <c r="N231040" s="10"/>
    </row>
    <row r="231041" spans="14:14">
      <c r="N231041" s="10"/>
    </row>
    <row r="231042" spans="14:14">
      <c r="N231042" s="10"/>
    </row>
    <row r="231043" spans="14:14">
      <c r="N231043" s="10"/>
    </row>
    <row r="231044" spans="14:14">
      <c r="N231044" s="10"/>
    </row>
    <row r="231045" spans="14:14">
      <c r="N231045" s="10"/>
    </row>
    <row r="231046" spans="14:14">
      <c r="N231046" s="10"/>
    </row>
    <row r="231047" spans="14:14">
      <c r="N231047" s="10"/>
    </row>
    <row r="231048" spans="14:14">
      <c r="N231048" s="10"/>
    </row>
    <row r="231049" spans="14:14">
      <c r="N231049" s="10"/>
    </row>
    <row r="231050" spans="14:14">
      <c r="N231050" s="10"/>
    </row>
    <row r="231051" spans="14:14">
      <c r="N231051" s="10"/>
    </row>
    <row r="231052" spans="14:14">
      <c r="N231052" s="10"/>
    </row>
    <row r="231053" spans="14:14">
      <c r="N231053" s="10"/>
    </row>
    <row r="231054" spans="14:14">
      <c r="N231054" s="10"/>
    </row>
    <row r="231055" spans="14:14">
      <c r="N231055" s="10"/>
    </row>
    <row r="231056" spans="14:14">
      <c r="N231056" s="10"/>
    </row>
    <row r="231057" spans="14:14">
      <c r="N231057" s="10"/>
    </row>
    <row r="231058" spans="14:14">
      <c r="N231058" s="10"/>
    </row>
    <row r="231059" spans="14:14">
      <c r="N231059" s="10"/>
    </row>
    <row r="231060" spans="14:14">
      <c r="N231060" s="10"/>
    </row>
    <row r="231061" spans="14:14">
      <c r="N231061" s="10"/>
    </row>
    <row r="231062" spans="14:14">
      <c r="N231062" s="10"/>
    </row>
    <row r="231063" spans="14:14">
      <c r="N231063" s="10"/>
    </row>
    <row r="231064" spans="14:14">
      <c r="N231064" s="10"/>
    </row>
    <row r="231065" spans="14:14">
      <c r="N231065" s="10"/>
    </row>
    <row r="231066" spans="14:14">
      <c r="N231066" s="10"/>
    </row>
    <row r="231067" spans="14:14">
      <c r="N231067" s="10"/>
    </row>
    <row r="231068" spans="14:14">
      <c r="N231068" s="10"/>
    </row>
    <row r="231069" spans="14:14">
      <c r="N231069" s="10"/>
    </row>
    <row r="231070" spans="14:14">
      <c r="N231070" s="10"/>
    </row>
    <row r="231071" spans="14:14">
      <c r="N231071" s="10"/>
    </row>
    <row r="231072" spans="14:14">
      <c r="N231072" s="10"/>
    </row>
    <row r="231073" spans="14:14">
      <c r="N231073" s="10"/>
    </row>
    <row r="231074" spans="14:14">
      <c r="N231074" s="10"/>
    </row>
    <row r="231075" spans="14:14">
      <c r="N231075" s="10"/>
    </row>
    <row r="231076" spans="14:14">
      <c r="N231076" s="10"/>
    </row>
    <row r="231077" spans="14:14">
      <c r="N231077" s="10"/>
    </row>
    <row r="231078" spans="14:14">
      <c r="N231078" s="10"/>
    </row>
    <row r="231079" spans="14:14">
      <c r="N231079" s="10"/>
    </row>
    <row r="231080" spans="14:14">
      <c r="N231080" s="10"/>
    </row>
    <row r="231081" spans="14:14">
      <c r="N231081" s="10"/>
    </row>
    <row r="231082" spans="14:14">
      <c r="N231082" s="10"/>
    </row>
    <row r="231083" spans="14:14">
      <c r="N231083" s="10"/>
    </row>
    <row r="231084" spans="14:14">
      <c r="N231084" s="10"/>
    </row>
    <row r="231085" spans="14:14">
      <c r="N231085" s="10"/>
    </row>
    <row r="231086" spans="14:14">
      <c r="N231086" s="10"/>
    </row>
    <row r="231087" spans="14:14">
      <c r="N231087" s="10"/>
    </row>
    <row r="231088" spans="14:14">
      <c r="N231088" s="10"/>
    </row>
    <row r="231089" spans="14:14">
      <c r="N231089" s="10"/>
    </row>
    <row r="231090" spans="14:14">
      <c r="N231090" s="10"/>
    </row>
    <row r="231091" spans="14:14">
      <c r="N231091" s="10"/>
    </row>
    <row r="231092" spans="14:14">
      <c r="N231092" s="10"/>
    </row>
    <row r="231093" spans="14:14">
      <c r="N231093" s="10"/>
    </row>
    <row r="231094" spans="14:14">
      <c r="N231094" s="10"/>
    </row>
    <row r="231095" spans="14:14">
      <c r="N231095" s="10"/>
    </row>
    <row r="231096" spans="14:14">
      <c r="N231096" s="10"/>
    </row>
    <row r="231097" spans="14:14">
      <c r="N231097" s="10"/>
    </row>
    <row r="231098" spans="14:14">
      <c r="N231098" s="10"/>
    </row>
    <row r="231099" spans="14:14">
      <c r="N231099" s="10"/>
    </row>
    <row r="231100" spans="14:14">
      <c r="N231100" s="10"/>
    </row>
    <row r="231101" spans="14:14">
      <c r="N231101" s="10"/>
    </row>
    <row r="231102" spans="14:14">
      <c r="N231102" s="10"/>
    </row>
    <row r="231103" spans="14:14">
      <c r="N231103" s="10"/>
    </row>
    <row r="231104" spans="14:14">
      <c r="N231104" s="10"/>
    </row>
    <row r="231105" spans="14:14">
      <c r="N231105" s="10"/>
    </row>
    <row r="231106" spans="14:14">
      <c r="N231106" s="10"/>
    </row>
    <row r="231107" spans="14:14">
      <c r="N231107" s="10"/>
    </row>
    <row r="231108" spans="14:14">
      <c r="N231108" s="10"/>
    </row>
    <row r="231109" spans="14:14">
      <c r="N231109" s="10"/>
    </row>
    <row r="231110" spans="14:14">
      <c r="N231110" s="10"/>
    </row>
    <row r="231111" spans="14:14">
      <c r="N231111" s="10"/>
    </row>
    <row r="231112" spans="14:14">
      <c r="N231112" s="10"/>
    </row>
    <row r="231113" spans="14:14">
      <c r="N231113" s="10"/>
    </row>
    <row r="231114" spans="14:14">
      <c r="N231114" s="10"/>
    </row>
    <row r="231115" spans="14:14">
      <c r="N231115" s="10"/>
    </row>
    <row r="231116" spans="14:14">
      <c r="N231116" s="10"/>
    </row>
    <row r="231117" spans="14:14">
      <c r="N231117" s="10"/>
    </row>
    <row r="231118" spans="14:14">
      <c r="N231118" s="10"/>
    </row>
    <row r="231119" spans="14:14">
      <c r="N231119" s="10"/>
    </row>
    <row r="231120" spans="14:14">
      <c r="N231120" s="10"/>
    </row>
    <row r="231121" spans="14:14">
      <c r="N231121" s="10"/>
    </row>
    <row r="231122" spans="14:14">
      <c r="N231122" s="10"/>
    </row>
    <row r="231123" spans="14:14">
      <c r="N231123" s="10"/>
    </row>
    <row r="231124" spans="14:14">
      <c r="N231124" s="10"/>
    </row>
    <row r="231125" spans="14:14">
      <c r="N231125" s="10"/>
    </row>
    <row r="231126" spans="14:14">
      <c r="N231126" s="10"/>
    </row>
    <row r="231127" spans="14:14">
      <c r="N231127" s="10"/>
    </row>
    <row r="231128" spans="14:14">
      <c r="N231128" s="10"/>
    </row>
    <row r="231129" spans="14:14">
      <c r="N231129" s="10"/>
    </row>
    <row r="231130" spans="14:14">
      <c r="N231130" s="10"/>
    </row>
    <row r="231131" spans="14:14">
      <c r="N231131" s="10"/>
    </row>
    <row r="231132" spans="14:14">
      <c r="N231132" s="10"/>
    </row>
    <row r="231133" spans="14:14">
      <c r="N231133" s="10"/>
    </row>
    <row r="231134" spans="14:14">
      <c r="N231134" s="10"/>
    </row>
    <row r="231135" spans="14:14">
      <c r="N231135" s="10"/>
    </row>
    <row r="231136" spans="14:14">
      <c r="N231136" s="10"/>
    </row>
    <row r="231137" spans="14:14">
      <c r="N231137" s="10"/>
    </row>
    <row r="231138" spans="14:14">
      <c r="N231138" s="10"/>
    </row>
    <row r="231139" spans="14:14">
      <c r="N231139" s="10"/>
    </row>
    <row r="231140" spans="14:14">
      <c r="N231140" s="10"/>
    </row>
    <row r="231141" spans="14:14">
      <c r="N231141" s="10"/>
    </row>
    <row r="231142" spans="14:14">
      <c r="N231142" s="10"/>
    </row>
    <row r="231143" spans="14:14">
      <c r="N231143" s="10"/>
    </row>
    <row r="231144" spans="14:14">
      <c r="N231144" s="10"/>
    </row>
    <row r="231145" spans="14:14">
      <c r="N231145" s="10"/>
    </row>
    <row r="231146" spans="14:14">
      <c r="N231146" s="10"/>
    </row>
    <row r="231147" spans="14:14">
      <c r="N231147" s="10"/>
    </row>
    <row r="231148" spans="14:14">
      <c r="N231148" s="10"/>
    </row>
    <row r="231149" spans="14:14">
      <c r="N231149" s="10"/>
    </row>
    <row r="231150" spans="14:14">
      <c r="N231150" s="10"/>
    </row>
    <row r="231151" spans="14:14">
      <c r="N231151" s="10"/>
    </row>
    <row r="231152" spans="14:14">
      <c r="N231152" s="10"/>
    </row>
    <row r="231153" spans="14:14">
      <c r="N231153" s="10"/>
    </row>
    <row r="231154" spans="14:14">
      <c r="N231154" s="10"/>
    </row>
    <row r="231155" spans="14:14">
      <c r="N231155" s="10"/>
    </row>
    <row r="231156" spans="14:14">
      <c r="N231156" s="10"/>
    </row>
    <row r="231157" spans="14:14">
      <c r="N231157" s="10"/>
    </row>
    <row r="231158" spans="14:14">
      <c r="N231158" s="10"/>
    </row>
    <row r="231159" spans="14:14">
      <c r="N231159" s="10"/>
    </row>
    <row r="231160" spans="14:14">
      <c r="N231160" s="10"/>
    </row>
    <row r="231161" spans="14:14">
      <c r="N231161" s="10"/>
    </row>
    <row r="231162" spans="14:14">
      <c r="N231162" s="10"/>
    </row>
    <row r="231163" spans="14:14">
      <c r="N231163" s="10"/>
    </row>
    <row r="231164" spans="14:14">
      <c r="N231164" s="10"/>
    </row>
    <row r="231165" spans="14:14">
      <c r="N231165" s="10"/>
    </row>
    <row r="231166" spans="14:14">
      <c r="N231166" s="10"/>
    </row>
    <row r="231167" spans="14:14">
      <c r="N231167" s="10"/>
    </row>
    <row r="231168" spans="14:14">
      <c r="N231168" s="10"/>
    </row>
    <row r="231169" spans="14:14">
      <c r="N231169" s="10"/>
    </row>
    <row r="231170" spans="14:14">
      <c r="N231170" s="10"/>
    </row>
    <row r="231171" spans="14:14">
      <c r="N231171" s="10"/>
    </row>
    <row r="231172" spans="14:14">
      <c r="N231172" s="10"/>
    </row>
    <row r="231173" spans="14:14">
      <c r="N231173" s="10"/>
    </row>
    <row r="231174" spans="14:14">
      <c r="N231174" s="10"/>
    </row>
    <row r="231175" spans="14:14">
      <c r="N231175" s="10"/>
    </row>
    <row r="231176" spans="14:14">
      <c r="N231176" s="10"/>
    </row>
    <row r="231177" spans="14:14">
      <c r="N231177" s="10"/>
    </row>
    <row r="231178" spans="14:14">
      <c r="N231178" s="10"/>
    </row>
    <row r="231179" spans="14:14">
      <c r="N231179" s="10"/>
    </row>
    <row r="231180" spans="14:14">
      <c r="N231180" s="10"/>
    </row>
    <row r="231181" spans="14:14">
      <c r="N231181" s="10"/>
    </row>
    <row r="231182" spans="14:14">
      <c r="N231182" s="10"/>
    </row>
    <row r="231183" spans="14:14">
      <c r="N231183" s="10"/>
    </row>
    <row r="231184" spans="14:14">
      <c r="N231184" s="10"/>
    </row>
    <row r="231185" spans="14:14">
      <c r="N231185" s="10"/>
    </row>
    <row r="231186" spans="14:14">
      <c r="N231186" s="10"/>
    </row>
    <row r="231187" spans="14:14">
      <c r="N231187" s="10"/>
    </row>
    <row r="231188" spans="14:14">
      <c r="N231188" s="10"/>
    </row>
    <row r="231189" spans="14:14">
      <c r="N231189" s="10"/>
    </row>
    <row r="231190" spans="14:14">
      <c r="N231190" s="10"/>
    </row>
    <row r="231191" spans="14:14">
      <c r="N231191" s="10"/>
    </row>
    <row r="231192" spans="14:14">
      <c r="N231192" s="10"/>
    </row>
    <row r="231193" spans="14:14">
      <c r="N231193" s="10"/>
    </row>
    <row r="231194" spans="14:14">
      <c r="N231194" s="10"/>
    </row>
    <row r="231195" spans="14:14">
      <c r="N231195" s="10"/>
    </row>
    <row r="231196" spans="14:14">
      <c r="N231196" s="10"/>
    </row>
    <row r="231197" spans="14:14">
      <c r="N231197" s="10"/>
    </row>
    <row r="231198" spans="14:14">
      <c r="N231198" s="10"/>
    </row>
    <row r="231199" spans="14:14">
      <c r="N231199" s="10"/>
    </row>
    <row r="231200" spans="14:14">
      <c r="N231200" s="10"/>
    </row>
    <row r="231201" spans="14:14">
      <c r="N231201" s="10"/>
    </row>
    <row r="231202" spans="14:14">
      <c r="N231202" s="10"/>
    </row>
    <row r="231203" spans="14:14">
      <c r="N231203" s="10"/>
    </row>
    <row r="231204" spans="14:14">
      <c r="N231204" s="10"/>
    </row>
    <row r="231205" spans="14:14">
      <c r="N231205" s="10"/>
    </row>
    <row r="231206" spans="14:14">
      <c r="N231206" s="10"/>
    </row>
    <row r="231207" spans="14:14">
      <c r="N231207" s="10"/>
    </row>
    <row r="231208" spans="14:14">
      <c r="N231208" s="10"/>
    </row>
    <row r="231209" spans="14:14">
      <c r="N231209" s="10"/>
    </row>
    <row r="231210" spans="14:14">
      <c r="N231210" s="10"/>
    </row>
    <row r="231211" spans="14:14">
      <c r="N231211" s="10"/>
    </row>
    <row r="231212" spans="14:14">
      <c r="N231212" s="10"/>
    </row>
    <row r="231213" spans="14:14">
      <c r="N231213" s="10"/>
    </row>
    <row r="231214" spans="14:14">
      <c r="N231214" s="10"/>
    </row>
    <row r="231215" spans="14:14">
      <c r="N231215" s="10"/>
    </row>
    <row r="231216" spans="14:14">
      <c r="N231216" s="10"/>
    </row>
    <row r="231217" spans="14:14">
      <c r="N231217" s="10"/>
    </row>
    <row r="231218" spans="14:14">
      <c r="N231218" s="10"/>
    </row>
    <row r="231219" spans="14:14">
      <c r="N231219" s="10"/>
    </row>
    <row r="231220" spans="14:14">
      <c r="N231220" s="10"/>
    </row>
    <row r="231221" spans="14:14">
      <c r="N231221" s="10"/>
    </row>
    <row r="231222" spans="14:14">
      <c r="N231222" s="10"/>
    </row>
    <row r="231223" spans="14:14">
      <c r="N231223" s="10"/>
    </row>
    <row r="231224" spans="14:14">
      <c r="N231224" s="10"/>
    </row>
    <row r="231225" spans="14:14">
      <c r="N231225" s="10"/>
    </row>
    <row r="231226" spans="14:14">
      <c r="N231226" s="10"/>
    </row>
    <row r="231227" spans="14:14">
      <c r="N231227" s="10"/>
    </row>
    <row r="231228" spans="14:14">
      <c r="N231228" s="10"/>
    </row>
    <row r="231229" spans="14:14">
      <c r="N231229" s="10"/>
    </row>
    <row r="231230" spans="14:14">
      <c r="N231230" s="10"/>
    </row>
    <row r="231231" spans="14:14">
      <c r="N231231" s="10"/>
    </row>
    <row r="231232" spans="14:14">
      <c r="N231232" s="10"/>
    </row>
    <row r="231233" spans="14:14">
      <c r="N231233" s="10"/>
    </row>
    <row r="231234" spans="14:14">
      <c r="N231234" s="10"/>
    </row>
    <row r="231235" spans="14:14">
      <c r="N231235" s="10"/>
    </row>
    <row r="231236" spans="14:14">
      <c r="N231236" s="10"/>
    </row>
    <row r="231237" spans="14:14">
      <c r="N231237" s="10"/>
    </row>
    <row r="231238" spans="14:14">
      <c r="N231238" s="10"/>
    </row>
    <row r="231239" spans="14:14">
      <c r="N231239" s="10"/>
    </row>
    <row r="231240" spans="14:14">
      <c r="N231240" s="10"/>
    </row>
    <row r="231241" spans="14:14">
      <c r="N231241" s="10"/>
    </row>
    <row r="231242" spans="14:14">
      <c r="N231242" s="10"/>
    </row>
    <row r="231243" spans="14:14">
      <c r="N231243" s="10"/>
    </row>
    <row r="231244" spans="14:14">
      <c r="N231244" s="10"/>
    </row>
    <row r="231245" spans="14:14">
      <c r="N231245" s="10"/>
    </row>
    <row r="231246" spans="14:14">
      <c r="N231246" s="10"/>
    </row>
    <row r="231247" spans="14:14">
      <c r="N231247" s="10"/>
    </row>
    <row r="231248" spans="14:14">
      <c r="N231248" s="10"/>
    </row>
    <row r="231249" spans="14:14">
      <c r="N231249" s="10"/>
    </row>
    <row r="231250" spans="14:14">
      <c r="N231250" s="10"/>
    </row>
    <row r="231251" spans="14:14">
      <c r="N231251" s="10"/>
    </row>
    <row r="231252" spans="14:14">
      <c r="N231252" s="10"/>
    </row>
    <row r="231253" spans="14:14">
      <c r="N231253" s="10"/>
    </row>
    <row r="231254" spans="14:14">
      <c r="N231254" s="10"/>
    </row>
    <row r="231255" spans="14:14">
      <c r="N231255" s="10"/>
    </row>
    <row r="231256" spans="14:14">
      <c r="N231256" s="10"/>
    </row>
    <row r="231257" spans="14:14">
      <c r="N231257" s="10"/>
    </row>
    <row r="231258" spans="14:14">
      <c r="N231258" s="10"/>
    </row>
    <row r="231259" spans="14:14">
      <c r="N231259" s="10"/>
    </row>
    <row r="231260" spans="14:14">
      <c r="N231260" s="10"/>
    </row>
    <row r="231261" spans="14:14">
      <c r="N231261" s="10"/>
    </row>
    <row r="231262" spans="14:14">
      <c r="N231262" s="10"/>
    </row>
    <row r="231263" spans="14:14">
      <c r="N231263" s="10"/>
    </row>
    <row r="231264" spans="14:14">
      <c r="N231264" s="10"/>
    </row>
    <row r="231265" spans="14:14">
      <c r="N231265" s="10"/>
    </row>
    <row r="231266" spans="14:14">
      <c r="N231266" s="10"/>
    </row>
    <row r="231267" spans="14:14">
      <c r="N231267" s="10"/>
    </row>
    <row r="231268" spans="14:14">
      <c r="N231268" s="10"/>
    </row>
    <row r="231269" spans="14:14">
      <c r="N231269" s="10"/>
    </row>
    <row r="231270" spans="14:14">
      <c r="N231270" s="10"/>
    </row>
    <row r="231271" spans="14:14">
      <c r="N231271" s="10"/>
    </row>
    <row r="231272" spans="14:14">
      <c r="N231272" s="10"/>
    </row>
    <row r="231273" spans="14:14">
      <c r="N231273" s="10"/>
    </row>
    <row r="231274" spans="14:14">
      <c r="N231274" s="10"/>
    </row>
    <row r="231275" spans="14:14">
      <c r="N231275" s="10"/>
    </row>
    <row r="231276" spans="14:14">
      <c r="N231276" s="10"/>
    </row>
    <row r="231277" spans="14:14">
      <c r="N231277" s="10"/>
    </row>
    <row r="231278" spans="14:14">
      <c r="N231278" s="10"/>
    </row>
    <row r="231279" spans="14:14">
      <c r="N231279" s="10"/>
    </row>
    <row r="231280" spans="14:14">
      <c r="N231280" s="10"/>
    </row>
    <row r="231281" spans="14:14">
      <c r="N231281" s="10"/>
    </row>
    <row r="231282" spans="14:14">
      <c r="N231282" s="10"/>
    </row>
    <row r="231283" spans="14:14">
      <c r="N231283" s="10"/>
    </row>
    <row r="231284" spans="14:14">
      <c r="N231284" s="10"/>
    </row>
    <row r="231285" spans="14:14">
      <c r="N231285" s="10"/>
    </row>
    <row r="231286" spans="14:14">
      <c r="N231286" s="10"/>
    </row>
    <row r="231287" spans="14:14">
      <c r="N231287" s="10"/>
    </row>
    <row r="231288" spans="14:14">
      <c r="N231288" s="10"/>
    </row>
    <row r="231289" spans="14:14">
      <c r="N231289" s="10"/>
    </row>
    <row r="231290" spans="14:14">
      <c r="N231290" s="10"/>
    </row>
    <row r="231291" spans="14:14">
      <c r="N231291" s="10"/>
    </row>
    <row r="231292" spans="14:14">
      <c r="N231292" s="10"/>
    </row>
    <row r="231293" spans="14:14">
      <c r="N231293" s="10"/>
    </row>
    <row r="231294" spans="14:14">
      <c r="N231294" s="10"/>
    </row>
    <row r="231295" spans="14:14">
      <c r="N231295" s="10"/>
    </row>
    <row r="231296" spans="14:14">
      <c r="N231296" s="10"/>
    </row>
    <row r="231297" spans="14:14">
      <c r="N231297" s="10"/>
    </row>
    <row r="231298" spans="14:14">
      <c r="N231298" s="10"/>
    </row>
    <row r="231299" spans="14:14">
      <c r="N231299" s="10"/>
    </row>
    <row r="231300" spans="14:14">
      <c r="N231300" s="10"/>
    </row>
    <row r="231301" spans="14:14">
      <c r="N231301" s="10"/>
    </row>
    <row r="231302" spans="14:14">
      <c r="N231302" s="10"/>
    </row>
    <row r="231303" spans="14:14">
      <c r="N231303" s="10"/>
    </row>
    <row r="231304" spans="14:14">
      <c r="N231304" s="10"/>
    </row>
    <row r="231305" spans="14:14">
      <c r="N231305" s="10"/>
    </row>
    <row r="231306" spans="14:14">
      <c r="N231306" s="10"/>
    </row>
    <row r="231307" spans="14:14">
      <c r="N231307" s="10"/>
    </row>
    <row r="231308" spans="14:14">
      <c r="N231308" s="10"/>
    </row>
    <row r="231309" spans="14:14">
      <c r="N231309" s="10"/>
    </row>
    <row r="231310" spans="14:14">
      <c r="N231310" s="10"/>
    </row>
    <row r="231311" spans="14:14">
      <c r="N231311" s="10"/>
    </row>
    <row r="231312" spans="14:14">
      <c r="N231312" s="10"/>
    </row>
    <row r="231313" spans="14:14">
      <c r="N231313" s="10"/>
    </row>
    <row r="231314" spans="14:14">
      <c r="N231314" s="10"/>
    </row>
    <row r="231315" spans="14:14">
      <c r="N231315" s="10"/>
    </row>
    <row r="231316" spans="14:14">
      <c r="N231316" s="10"/>
    </row>
    <row r="231317" spans="14:14">
      <c r="N231317" s="10"/>
    </row>
    <row r="231318" spans="14:14">
      <c r="N231318" s="10"/>
    </row>
    <row r="231319" spans="14:14">
      <c r="N231319" s="10"/>
    </row>
    <row r="231320" spans="14:14">
      <c r="N231320" s="10"/>
    </row>
    <row r="231321" spans="14:14">
      <c r="N231321" s="10"/>
    </row>
    <row r="231322" spans="14:14">
      <c r="N231322" s="10"/>
    </row>
    <row r="231323" spans="14:14">
      <c r="N231323" s="10"/>
    </row>
    <row r="231324" spans="14:14">
      <c r="N231324" s="10"/>
    </row>
    <row r="231325" spans="14:14">
      <c r="N231325" s="10"/>
    </row>
    <row r="231326" spans="14:14">
      <c r="N231326" s="10"/>
    </row>
    <row r="231327" spans="14:14">
      <c r="N231327" s="10"/>
    </row>
    <row r="231328" spans="14:14">
      <c r="N231328" s="10"/>
    </row>
    <row r="231329" spans="14:14">
      <c r="N231329" s="10"/>
    </row>
    <row r="231330" spans="14:14">
      <c r="N231330" s="10"/>
    </row>
    <row r="231331" spans="14:14">
      <c r="N231331" s="10"/>
    </row>
    <row r="231332" spans="14:14">
      <c r="N231332" s="10"/>
    </row>
    <row r="231333" spans="14:14">
      <c r="N231333" s="10"/>
    </row>
    <row r="231334" spans="14:14">
      <c r="N231334" s="10"/>
    </row>
    <row r="231335" spans="14:14">
      <c r="N231335" s="10"/>
    </row>
    <row r="231336" spans="14:14">
      <c r="N231336" s="10"/>
    </row>
    <row r="231337" spans="14:14">
      <c r="N231337" s="10"/>
    </row>
    <row r="231338" spans="14:14">
      <c r="N231338" s="10"/>
    </row>
    <row r="231339" spans="14:14">
      <c r="N231339" s="10"/>
    </row>
    <row r="231340" spans="14:14">
      <c r="N231340" s="10"/>
    </row>
    <row r="231341" spans="14:14">
      <c r="N231341" s="10"/>
    </row>
    <row r="231342" spans="14:14">
      <c r="N231342" s="10"/>
    </row>
    <row r="231343" spans="14:14">
      <c r="N231343" s="10"/>
    </row>
    <row r="231344" spans="14:14">
      <c r="N231344" s="10"/>
    </row>
    <row r="231345" spans="14:14">
      <c r="N231345" s="10"/>
    </row>
    <row r="231346" spans="14:14">
      <c r="N231346" s="10"/>
    </row>
    <row r="231347" spans="14:14">
      <c r="N231347" s="10"/>
    </row>
    <row r="231348" spans="14:14">
      <c r="N231348" s="10"/>
    </row>
    <row r="231349" spans="14:14">
      <c r="N231349" s="10"/>
    </row>
    <row r="231350" spans="14:14">
      <c r="N231350" s="10"/>
    </row>
    <row r="231351" spans="14:14">
      <c r="N231351" s="10"/>
    </row>
    <row r="231352" spans="14:14">
      <c r="N231352" s="10"/>
    </row>
    <row r="231353" spans="14:14">
      <c r="N231353" s="10"/>
    </row>
    <row r="231354" spans="14:14">
      <c r="N231354" s="10"/>
    </row>
    <row r="231355" spans="14:14">
      <c r="N231355" s="10"/>
    </row>
    <row r="231356" spans="14:14">
      <c r="N231356" s="10"/>
    </row>
    <row r="231357" spans="14:14">
      <c r="N231357" s="10"/>
    </row>
    <row r="231358" spans="14:14">
      <c r="N231358" s="10"/>
    </row>
    <row r="231359" spans="14:14">
      <c r="N231359" s="10"/>
    </row>
    <row r="231360" spans="14:14">
      <c r="N231360" s="10"/>
    </row>
    <row r="231361" spans="14:14">
      <c r="N231361" s="10"/>
    </row>
    <row r="231362" spans="14:14">
      <c r="N231362" s="10"/>
    </row>
    <row r="231363" spans="14:14">
      <c r="N231363" s="10"/>
    </row>
    <row r="231364" spans="14:14">
      <c r="N231364" s="10"/>
    </row>
    <row r="231365" spans="14:14">
      <c r="N231365" s="10"/>
    </row>
    <row r="231366" spans="14:14">
      <c r="N231366" s="10"/>
    </row>
    <row r="231367" spans="14:14">
      <c r="N231367" s="10"/>
    </row>
    <row r="231368" spans="14:14">
      <c r="N231368" s="10"/>
    </row>
    <row r="231369" spans="14:14">
      <c r="N231369" s="10"/>
    </row>
    <row r="231370" spans="14:14">
      <c r="N231370" s="10"/>
    </row>
    <row r="231371" spans="14:14">
      <c r="N231371" s="10"/>
    </row>
    <row r="231372" spans="14:14">
      <c r="N231372" s="10"/>
    </row>
    <row r="231373" spans="14:14">
      <c r="N231373" s="10"/>
    </row>
    <row r="231374" spans="14:14">
      <c r="N231374" s="10"/>
    </row>
    <row r="231375" spans="14:14">
      <c r="N231375" s="10"/>
    </row>
    <row r="231376" spans="14:14">
      <c r="N231376" s="10"/>
    </row>
    <row r="231377" spans="14:14">
      <c r="N231377" s="10"/>
    </row>
    <row r="231378" spans="14:14">
      <c r="N231378" s="10"/>
    </row>
    <row r="231379" spans="14:14">
      <c r="N231379" s="10"/>
    </row>
    <row r="231380" spans="14:14">
      <c r="N231380" s="10"/>
    </row>
    <row r="231381" spans="14:14">
      <c r="N231381" s="10"/>
    </row>
    <row r="231382" spans="14:14">
      <c r="N231382" s="10"/>
    </row>
    <row r="231383" spans="14:14">
      <c r="N231383" s="10"/>
    </row>
    <row r="231384" spans="14:14">
      <c r="N231384" s="10"/>
    </row>
    <row r="231385" spans="14:14">
      <c r="N231385" s="10"/>
    </row>
    <row r="231386" spans="14:14">
      <c r="N231386" s="10"/>
    </row>
    <row r="231387" spans="14:14">
      <c r="N231387" s="10"/>
    </row>
    <row r="231388" spans="14:14">
      <c r="N231388" s="10"/>
    </row>
    <row r="231389" spans="14:14">
      <c r="N231389" s="10"/>
    </row>
    <row r="231390" spans="14:14">
      <c r="N231390" s="10"/>
    </row>
    <row r="231391" spans="14:14">
      <c r="N231391" s="10"/>
    </row>
    <row r="231392" spans="14:14">
      <c r="N231392" s="10"/>
    </row>
    <row r="231393" spans="14:14">
      <c r="N231393" s="10"/>
    </row>
    <row r="231394" spans="14:14">
      <c r="N231394" s="10"/>
    </row>
    <row r="231395" spans="14:14">
      <c r="N231395" s="10"/>
    </row>
    <row r="231396" spans="14:14">
      <c r="N231396" s="10"/>
    </row>
    <row r="231397" spans="14:14">
      <c r="N231397" s="10"/>
    </row>
    <row r="231398" spans="14:14">
      <c r="N231398" s="10"/>
    </row>
    <row r="231399" spans="14:14">
      <c r="N231399" s="10"/>
    </row>
    <row r="231400" spans="14:14">
      <c r="N231400" s="10"/>
    </row>
    <row r="231401" spans="14:14">
      <c r="N231401" s="10"/>
    </row>
    <row r="231402" spans="14:14">
      <c r="N231402" s="10"/>
    </row>
    <row r="231403" spans="14:14">
      <c r="N231403" s="10"/>
    </row>
    <row r="231404" spans="14:14">
      <c r="N231404" s="10"/>
    </row>
    <row r="231405" spans="14:14">
      <c r="N231405" s="10"/>
    </row>
    <row r="231406" spans="14:14">
      <c r="N231406" s="10"/>
    </row>
    <row r="231407" spans="14:14">
      <c r="N231407" s="10"/>
    </row>
    <row r="231408" spans="14:14">
      <c r="N231408" s="10"/>
    </row>
    <row r="231409" spans="14:14">
      <c r="N231409" s="10"/>
    </row>
    <row r="231410" spans="14:14">
      <c r="N231410" s="10"/>
    </row>
    <row r="231411" spans="14:14">
      <c r="N231411" s="10"/>
    </row>
    <row r="231412" spans="14:14">
      <c r="N231412" s="10"/>
    </row>
    <row r="231413" spans="14:14">
      <c r="N231413" s="10"/>
    </row>
    <row r="231414" spans="14:14">
      <c r="N231414" s="10"/>
    </row>
    <row r="231415" spans="14:14">
      <c r="N231415" s="10"/>
    </row>
    <row r="231416" spans="14:14">
      <c r="N231416" s="10"/>
    </row>
    <row r="231417" spans="14:14">
      <c r="N231417" s="10"/>
    </row>
    <row r="231418" spans="14:14">
      <c r="N231418" s="10"/>
    </row>
    <row r="231419" spans="14:14">
      <c r="N231419" s="10"/>
    </row>
    <row r="231420" spans="14:14">
      <c r="N231420" s="10"/>
    </row>
    <row r="231421" spans="14:14">
      <c r="N231421" s="10"/>
    </row>
    <row r="231422" spans="14:14">
      <c r="N231422" s="10"/>
    </row>
    <row r="231423" spans="14:14">
      <c r="N231423" s="10"/>
    </row>
    <row r="231424" spans="14:14">
      <c r="N231424" s="10"/>
    </row>
    <row r="231425" spans="14:14">
      <c r="N231425" s="10"/>
    </row>
    <row r="231426" spans="14:14">
      <c r="N231426" s="10"/>
    </row>
    <row r="231427" spans="14:14">
      <c r="N231427" s="10"/>
    </row>
    <row r="231428" spans="14:14">
      <c r="N231428" s="10"/>
    </row>
    <row r="231429" spans="14:14">
      <c r="N231429" s="10"/>
    </row>
    <row r="231430" spans="14:14">
      <c r="N231430" s="10"/>
    </row>
    <row r="231431" spans="14:14">
      <c r="N231431" s="10"/>
    </row>
    <row r="231432" spans="14:14">
      <c r="N231432" s="10"/>
    </row>
    <row r="231433" spans="14:14">
      <c r="N231433" s="10"/>
    </row>
    <row r="231434" spans="14:14">
      <c r="N231434" s="10"/>
    </row>
    <row r="231435" spans="14:14">
      <c r="N231435" s="10"/>
    </row>
    <row r="231436" spans="14:14">
      <c r="N231436" s="10"/>
    </row>
    <row r="231437" spans="14:14">
      <c r="N231437" s="10"/>
    </row>
    <row r="231438" spans="14:14">
      <c r="N231438" s="10"/>
    </row>
    <row r="231439" spans="14:14">
      <c r="N231439" s="10"/>
    </row>
    <row r="231440" spans="14:14">
      <c r="N231440" s="10"/>
    </row>
    <row r="231441" spans="14:14">
      <c r="N231441" s="10"/>
    </row>
    <row r="231442" spans="14:14">
      <c r="N231442" s="10"/>
    </row>
    <row r="231443" spans="14:14">
      <c r="N231443" s="10"/>
    </row>
    <row r="231444" spans="14:14">
      <c r="N231444" s="10"/>
    </row>
    <row r="231445" spans="14:14">
      <c r="N231445" s="10"/>
    </row>
    <row r="231446" spans="14:14">
      <c r="N231446" s="10"/>
    </row>
    <row r="231447" spans="14:14">
      <c r="N231447" s="10"/>
    </row>
    <row r="231448" spans="14:14">
      <c r="N231448" s="10"/>
    </row>
    <row r="231449" spans="14:14">
      <c r="N231449" s="10"/>
    </row>
    <row r="231450" spans="14:14">
      <c r="N231450" s="10"/>
    </row>
    <row r="231451" spans="14:14">
      <c r="N231451" s="10"/>
    </row>
    <row r="231452" spans="14:14">
      <c r="N231452" s="10"/>
    </row>
    <row r="231453" spans="14:14">
      <c r="N231453" s="10"/>
    </row>
    <row r="231454" spans="14:14">
      <c r="N231454" s="10"/>
    </row>
    <row r="231455" spans="14:14">
      <c r="N231455" s="10"/>
    </row>
    <row r="231456" spans="14:14">
      <c r="N231456" s="10"/>
    </row>
    <row r="231457" spans="14:14">
      <c r="N231457" s="10"/>
    </row>
    <row r="231458" spans="14:14">
      <c r="N231458" s="10"/>
    </row>
    <row r="231459" spans="14:14">
      <c r="N231459" s="10"/>
    </row>
    <row r="231460" spans="14:14">
      <c r="N231460" s="10"/>
    </row>
    <row r="231461" spans="14:14">
      <c r="N231461" s="10"/>
    </row>
    <row r="231462" spans="14:14">
      <c r="N231462" s="10"/>
    </row>
    <row r="231463" spans="14:14">
      <c r="N231463" s="10"/>
    </row>
    <row r="231464" spans="14:14">
      <c r="N231464" s="10"/>
    </row>
    <row r="231465" spans="14:14">
      <c r="N231465" s="10"/>
    </row>
    <row r="231466" spans="14:14">
      <c r="N231466" s="10"/>
    </row>
    <row r="231467" spans="14:14">
      <c r="N231467" s="10"/>
    </row>
    <row r="231468" spans="14:14">
      <c r="N231468" s="10"/>
    </row>
    <row r="231469" spans="14:14">
      <c r="N231469" s="10"/>
    </row>
    <row r="231470" spans="14:14">
      <c r="N231470" s="10"/>
    </row>
    <row r="231471" spans="14:14">
      <c r="N231471" s="10"/>
    </row>
    <row r="231472" spans="14:14">
      <c r="N231472" s="10"/>
    </row>
    <row r="231473" spans="14:14">
      <c r="N231473" s="10"/>
    </row>
    <row r="231474" spans="14:14">
      <c r="N231474" s="10"/>
    </row>
    <row r="231475" spans="14:14">
      <c r="N231475" s="10"/>
    </row>
    <row r="231476" spans="14:14">
      <c r="N231476" s="10"/>
    </row>
    <row r="231477" spans="14:14">
      <c r="N231477" s="10"/>
    </row>
    <row r="231478" spans="14:14">
      <c r="N231478" s="10"/>
    </row>
    <row r="231479" spans="14:14">
      <c r="N231479" s="10"/>
    </row>
    <row r="231480" spans="14:14">
      <c r="N231480" s="10"/>
    </row>
    <row r="231481" spans="14:14">
      <c r="N231481" s="10"/>
    </row>
    <row r="231482" spans="14:14">
      <c r="N231482" s="10"/>
    </row>
    <row r="231483" spans="14:14">
      <c r="N231483" s="10"/>
    </row>
    <row r="231484" spans="14:14">
      <c r="N231484" s="10"/>
    </row>
    <row r="231485" spans="14:14">
      <c r="N231485" s="10"/>
    </row>
    <row r="231486" spans="14:14">
      <c r="N231486" s="10"/>
    </row>
    <row r="231487" spans="14:14">
      <c r="N231487" s="10"/>
    </row>
    <row r="231488" spans="14:14">
      <c r="N231488" s="10"/>
    </row>
    <row r="231489" spans="14:14">
      <c r="N231489" s="10"/>
    </row>
    <row r="231490" spans="14:14">
      <c r="N231490" s="10"/>
    </row>
    <row r="231491" spans="14:14">
      <c r="N231491" s="10"/>
    </row>
    <row r="231492" spans="14:14">
      <c r="N231492" s="10"/>
    </row>
    <row r="231493" spans="14:14">
      <c r="N231493" s="10"/>
    </row>
    <row r="231494" spans="14:14">
      <c r="N231494" s="10"/>
    </row>
    <row r="231495" spans="14:14">
      <c r="N231495" s="10"/>
    </row>
    <row r="231496" spans="14:14">
      <c r="N231496" s="10"/>
    </row>
    <row r="231497" spans="14:14">
      <c r="N231497" s="10"/>
    </row>
    <row r="231498" spans="14:14">
      <c r="N231498" s="10"/>
    </row>
    <row r="231499" spans="14:14">
      <c r="N231499" s="10"/>
    </row>
    <row r="231500" spans="14:14">
      <c r="N231500" s="10"/>
    </row>
    <row r="231501" spans="14:14">
      <c r="N231501" s="10"/>
    </row>
    <row r="231502" spans="14:14">
      <c r="N231502" s="10"/>
    </row>
    <row r="231503" spans="14:14">
      <c r="N231503" s="10"/>
    </row>
    <row r="231504" spans="14:14">
      <c r="N231504" s="10"/>
    </row>
    <row r="231505" spans="14:14">
      <c r="N231505" s="10"/>
    </row>
    <row r="231506" spans="14:14">
      <c r="N231506" s="10"/>
    </row>
    <row r="231507" spans="14:14">
      <c r="N231507" s="10"/>
    </row>
    <row r="231508" spans="14:14">
      <c r="N231508" s="10"/>
    </row>
    <row r="231509" spans="14:14">
      <c r="N231509" s="10"/>
    </row>
    <row r="231510" spans="14:14">
      <c r="N231510" s="10"/>
    </row>
    <row r="231511" spans="14:14">
      <c r="N231511" s="10"/>
    </row>
    <row r="231512" spans="14:14">
      <c r="N231512" s="10"/>
    </row>
    <row r="231513" spans="14:14">
      <c r="N231513" s="10"/>
    </row>
    <row r="231514" spans="14:14">
      <c r="N231514" s="10"/>
    </row>
    <row r="231515" spans="14:14">
      <c r="N231515" s="10"/>
    </row>
    <row r="231516" spans="14:14">
      <c r="N231516" s="10"/>
    </row>
    <row r="231517" spans="14:14">
      <c r="N231517" s="10"/>
    </row>
    <row r="231518" spans="14:14">
      <c r="N231518" s="10"/>
    </row>
    <row r="231519" spans="14:14">
      <c r="N231519" s="10"/>
    </row>
    <row r="231520" spans="14:14">
      <c r="N231520" s="10"/>
    </row>
    <row r="231521" spans="14:14">
      <c r="N231521" s="10"/>
    </row>
    <row r="231522" spans="14:14">
      <c r="N231522" s="10"/>
    </row>
    <row r="231523" spans="14:14">
      <c r="N231523" s="10"/>
    </row>
    <row r="231524" spans="14:14">
      <c r="N231524" s="10"/>
    </row>
    <row r="231525" spans="14:14">
      <c r="N231525" s="10"/>
    </row>
    <row r="231526" spans="14:14">
      <c r="N231526" s="10"/>
    </row>
    <row r="231527" spans="14:14">
      <c r="N231527" s="10"/>
    </row>
    <row r="231528" spans="14:14">
      <c r="N231528" s="10"/>
    </row>
    <row r="231529" spans="14:14">
      <c r="N231529" s="10"/>
    </row>
    <row r="231530" spans="14:14">
      <c r="N231530" s="10"/>
    </row>
    <row r="231531" spans="14:14">
      <c r="N231531" s="10"/>
    </row>
    <row r="231532" spans="14:14">
      <c r="N231532" s="10"/>
    </row>
    <row r="231533" spans="14:14">
      <c r="N231533" s="10"/>
    </row>
    <row r="231534" spans="14:14">
      <c r="N231534" s="10"/>
    </row>
    <row r="231535" spans="14:14">
      <c r="N231535" s="10"/>
    </row>
    <row r="231536" spans="14:14">
      <c r="N231536" s="10"/>
    </row>
    <row r="231537" spans="14:14">
      <c r="N231537" s="10"/>
    </row>
    <row r="231538" spans="14:14">
      <c r="N231538" s="10"/>
    </row>
    <row r="231539" spans="14:14">
      <c r="N231539" s="10"/>
    </row>
    <row r="231540" spans="14:14">
      <c r="N231540" s="10"/>
    </row>
    <row r="231541" spans="14:14">
      <c r="N231541" s="10"/>
    </row>
    <row r="231542" spans="14:14">
      <c r="N231542" s="10"/>
    </row>
    <row r="231543" spans="14:14">
      <c r="N231543" s="10"/>
    </row>
    <row r="231544" spans="14:14">
      <c r="N231544" s="10"/>
    </row>
    <row r="231545" spans="14:14">
      <c r="N231545" s="10"/>
    </row>
    <row r="231546" spans="14:14">
      <c r="N231546" s="10"/>
    </row>
    <row r="231547" spans="14:14">
      <c r="N231547" s="10"/>
    </row>
    <row r="231548" spans="14:14">
      <c r="N231548" s="10"/>
    </row>
    <row r="231549" spans="14:14">
      <c r="N231549" s="10"/>
    </row>
    <row r="231550" spans="14:14">
      <c r="N231550" s="10"/>
    </row>
    <row r="231551" spans="14:14">
      <c r="N231551" s="10"/>
    </row>
    <row r="231552" spans="14:14">
      <c r="N231552" s="10"/>
    </row>
    <row r="231553" spans="14:14">
      <c r="N231553" s="10"/>
    </row>
    <row r="231554" spans="14:14">
      <c r="N231554" s="10"/>
    </row>
    <row r="231555" spans="14:14">
      <c r="N231555" s="10"/>
    </row>
    <row r="231556" spans="14:14">
      <c r="N231556" s="10"/>
    </row>
    <row r="231557" spans="14:14">
      <c r="N231557" s="10"/>
    </row>
    <row r="231558" spans="14:14">
      <c r="N231558" s="10"/>
    </row>
    <row r="231559" spans="14:14">
      <c r="N231559" s="10"/>
    </row>
    <row r="231560" spans="14:14">
      <c r="N231560" s="10"/>
    </row>
    <row r="231561" spans="14:14">
      <c r="N231561" s="10"/>
    </row>
    <row r="231562" spans="14:14">
      <c r="N231562" s="10"/>
    </row>
    <row r="231563" spans="14:14">
      <c r="N231563" s="10"/>
    </row>
    <row r="231564" spans="14:14">
      <c r="N231564" s="10"/>
    </row>
    <row r="231565" spans="14:14">
      <c r="N231565" s="10"/>
    </row>
    <row r="231566" spans="14:14">
      <c r="N231566" s="10"/>
    </row>
    <row r="231567" spans="14:14">
      <c r="N231567" s="10"/>
    </row>
    <row r="231568" spans="14:14">
      <c r="N231568" s="10"/>
    </row>
    <row r="231569" spans="14:14">
      <c r="N231569" s="10"/>
    </row>
    <row r="231570" spans="14:14">
      <c r="N231570" s="10"/>
    </row>
    <row r="231571" spans="14:14">
      <c r="N231571" s="10"/>
    </row>
    <row r="231572" spans="14:14">
      <c r="N231572" s="10"/>
    </row>
    <row r="231573" spans="14:14">
      <c r="N231573" s="10"/>
    </row>
    <row r="231574" spans="14:14">
      <c r="N231574" s="10"/>
    </row>
    <row r="231575" spans="14:14">
      <c r="N231575" s="10"/>
    </row>
    <row r="231576" spans="14:14">
      <c r="N231576" s="10"/>
    </row>
    <row r="231577" spans="14:14">
      <c r="N231577" s="10"/>
    </row>
    <row r="231578" spans="14:14">
      <c r="N231578" s="10"/>
    </row>
    <row r="231579" spans="14:14">
      <c r="N231579" s="10"/>
    </row>
    <row r="231580" spans="14:14">
      <c r="N231580" s="10"/>
    </row>
    <row r="231581" spans="14:14">
      <c r="N231581" s="10"/>
    </row>
    <row r="231582" spans="14:14">
      <c r="N231582" s="10"/>
    </row>
    <row r="231583" spans="14:14">
      <c r="N231583" s="10"/>
    </row>
    <row r="231584" spans="14:14">
      <c r="N231584" s="10"/>
    </row>
    <row r="231585" spans="14:14">
      <c r="N231585" s="10"/>
    </row>
    <row r="231586" spans="14:14">
      <c r="N231586" s="10"/>
    </row>
    <row r="231587" spans="14:14">
      <c r="N231587" s="10"/>
    </row>
    <row r="231588" spans="14:14">
      <c r="N231588" s="10"/>
    </row>
    <row r="231589" spans="14:14">
      <c r="N231589" s="10"/>
    </row>
    <row r="231590" spans="14:14">
      <c r="N231590" s="10"/>
    </row>
    <row r="231591" spans="14:14">
      <c r="N231591" s="10"/>
    </row>
    <row r="231592" spans="14:14">
      <c r="N231592" s="10"/>
    </row>
    <row r="231593" spans="14:14">
      <c r="N231593" s="10"/>
    </row>
    <row r="231594" spans="14:14">
      <c r="N231594" s="10"/>
    </row>
    <row r="231595" spans="14:14">
      <c r="N231595" s="10"/>
    </row>
    <row r="231596" spans="14:14">
      <c r="N231596" s="10"/>
    </row>
    <row r="231597" spans="14:14">
      <c r="N231597" s="10"/>
    </row>
    <row r="231598" spans="14:14">
      <c r="N231598" s="10"/>
    </row>
    <row r="231599" spans="14:14">
      <c r="N231599" s="10"/>
    </row>
    <row r="231600" spans="14:14">
      <c r="N231600" s="10"/>
    </row>
    <row r="231601" spans="14:14">
      <c r="N231601" s="10"/>
    </row>
    <row r="231602" spans="14:14">
      <c r="N231602" s="10"/>
    </row>
    <row r="231603" spans="14:14">
      <c r="N231603" s="10"/>
    </row>
    <row r="231604" spans="14:14">
      <c r="N231604" s="10"/>
    </row>
    <row r="231605" spans="14:14">
      <c r="N231605" s="10"/>
    </row>
    <row r="231606" spans="14:14">
      <c r="N231606" s="10"/>
    </row>
    <row r="231607" spans="14:14">
      <c r="N231607" s="10"/>
    </row>
    <row r="231608" spans="14:14">
      <c r="N231608" s="10"/>
    </row>
    <row r="231609" spans="14:14">
      <c r="N231609" s="10"/>
    </row>
    <row r="231610" spans="14:14">
      <c r="N231610" s="10"/>
    </row>
    <row r="231611" spans="14:14">
      <c r="N231611" s="10"/>
    </row>
    <row r="231612" spans="14:14">
      <c r="N231612" s="10"/>
    </row>
    <row r="231613" spans="14:14">
      <c r="N231613" s="10"/>
    </row>
    <row r="231614" spans="14:14">
      <c r="N231614" s="10"/>
    </row>
    <row r="231615" spans="14:14">
      <c r="N231615" s="10"/>
    </row>
    <row r="231616" spans="14:14">
      <c r="N231616" s="10"/>
    </row>
    <row r="231617" spans="14:14">
      <c r="N231617" s="10"/>
    </row>
    <row r="231618" spans="14:14">
      <c r="N231618" s="10"/>
    </row>
    <row r="231619" spans="14:14">
      <c r="N231619" s="10"/>
    </row>
    <row r="231620" spans="14:14">
      <c r="N231620" s="10"/>
    </row>
    <row r="231621" spans="14:14">
      <c r="N231621" s="10"/>
    </row>
    <row r="231622" spans="14:14">
      <c r="N231622" s="10"/>
    </row>
    <row r="231623" spans="14:14">
      <c r="N231623" s="10"/>
    </row>
    <row r="231624" spans="14:14">
      <c r="N231624" s="10"/>
    </row>
    <row r="231625" spans="14:14">
      <c r="N231625" s="10"/>
    </row>
    <row r="231626" spans="14:14">
      <c r="N231626" s="10"/>
    </row>
    <row r="231627" spans="14:14">
      <c r="N231627" s="10"/>
    </row>
    <row r="231628" spans="14:14">
      <c r="N231628" s="10"/>
    </row>
    <row r="231629" spans="14:14">
      <c r="N231629" s="10"/>
    </row>
    <row r="231630" spans="14:14">
      <c r="N231630" s="10"/>
    </row>
    <row r="231631" spans="14:14">
      <c r="N231631" s="10"/>
    </row>
    <row r="231632" spans="14:14">
      <c r="N231632" s="10"/>
    </row>
    <row r="231633" spans="14:14">
      <c r="N231633" s="10"/>
    </row>
    <row r="231634" spans="14:14">
      <c r="N231634" s="10"/>
    </row>
    <row r="231635" spans="14:14">
      <c r="N231635" s="10"/>
    </row>
    <row r="231636" spans="14:14">
      <c r="N231636" s="10"/>
    </row>
    <row r="231637" spans="14:14">
      <c r="N231637" s="10"/>
    </row>
    <row r="231638" spans="14:14">
      <c r="N231638" s="10"/>
    </row>
    <row r="231639" spans="14:14">
      <c r="N231639" s="10"/>
    </row>
    <row r="231640" spans="14:14">
      <c r="N231640" s="10"/>
    </row>
    <row r="231641" spans="14:14">
      <c r="N231641" s="10"/>
    </row>
    <row r="231642" spans="14:14">
      <c r="N231642" s="10"/>
    </row>
    <row r="231643" spans="14:14">
      <c r="N231643" s="10"/>
    </row>
    <row r="231644" spans="14:14">
      <c r="N231644" s="10"/>
    </row>
    <row r="231645" spans="14:14">
      <c r="N231645" s="10"/>
    </row>
    <row r="231646" spans="14:14">
      <c r="N231646" s="10"/>
    </row>
    <row r="231647" spans="14:14">
      <c r="N231647" s="10"/>
    </row>
    <row r="231648" spans="14:14">
      <c r="N231648" s="10"/>
    </row>
    <row r="231649" spans="14:14">
      <c r="N231649" s="10"/>
    </row>
    <row r="231650" spans="14:14">
      <c r="N231650" s="10"/>
    </row>
    <row r="231651" spans="14:14">
      <c r="N231651" s="10"/>
    </row>
    <row r="231652" spans="14:14">
      <c r="N231652" s="10"/>
    </row>
    <row r="231653" spans="14:14">
      <c r="N231653" s="10"/>
    </row>
    <row r="231654" spans="14:14">
      <c r="N231654" s="10"/>
    </row>
    <row r="231655" spans="14:14">
      <c r="N231655" s="10"/>
    </row>
    <row r="231656" spans="14:14">
      <c r="N231656" s="10"/>
    </row>
    <row r="231657" spans="14:14">
      <c r="N231657" s="10"/>
    </row>
    <row r="231658" spans="14:14">
      <c r="N231658" s="10"/>
    </row>
    <row r="231659" spans="14:14">
      <c r="N231659" s="10"/>
    </row>
    <row r="231660" spans="14:14">
      <c r="N231660" s="10"/>
    </row>
    <row r="231661" spans="14:14">
      <c r="N231661" s="10"/>
    </row>
    <row r="231662" spans="14:14">
      <c r="N231662" s="10"/>
    </row>
    <row r="231663" spans="14:14">
      <c r="N231663" s="10"/>
    </row>
    <row r="231664" spans="14:14">
      <c r="N231664" s="10"/>
    </row>
    <row r="231665" spans="14:14">
      <c r="N231665" s="10"/>
    </row>
    <row r="231666" spans="14:14">
      <c r="N231666" s="10"/>
    </row>
    <row r="231667" spans="14:14">
      <c r="N231667" s="10"/>
    </row>
    <row r="231668" spans="14:14">
      <c r="N231668" s="10"/>
    </row>
    <row r="231669" spans="14:14">
      <c r="N231669" s="10"/>
    </row>
    <row r="231670" spans="14:14">
      <c r="N231670" s="10"/>
    </row>
    <row r="231671" spans="14:14">
      <c r="N231671" s="10"/>
    </row>
    <row r="231672" spans="14:14">
      <c r="N231672" s="10"/>
    </row>
    <row r="231673" spans="14:14">
      <c r="N231673" s="10"/>
    </row>
    <row r="231674" spans="14:14">
      <c r="N231674" s="10"/>
    </row>
    <row r="231675" spans="14:14">
      <c r="N231675" s="10"/>
    </row>
    <row r="231676" spans="14:14">
      <c r="N231676" s="10"/>
    </row>
    <row r="231677" spans="14:14">
      <c r="N231677" s="10"/>
    </row>
    <row r="231678" spans="14:14">
      <c r="N231678" s="10"/>
    </row>
    <row r="231679" spans="14:14">
      <c r="N231679" s="10"/>
    </row>
    <row r="231680" spans="14:14">
      <c r="N231680" s="10"/>
    </row>
    <row r="231681" spans="14:14">
      <c r="N231681" s="10"/>
    </row>
    <row r="231682" spans="14:14">
      <c r="N231682" s="10"/>
    </row>
    <row r="231683" spans="14:14">
      <c r="N231683" s="10"/>
    </row>
    <row r="231684" spans="14:14">
      <c r="N231684" s="10"/>
    </row>
    <row r="231685" spans="14:14">
      <c r="N231685" s="10"/>
    </row>
    <row r="231686" spans="14:14">
      <c r="N231686" s="10"/>
    </row>
    <row r="231687" spans="14:14">
      <c r="N231687" s="10"/>
    </row>
    <row r="231688" spans="14:14">
      <c r="N231688" s="10"/>
    </row>
    <row r="231689" spans="14:14">
      <c r="N231689" s="10"/>
    </row>
    <row r="231690" spans="14:14">
      <c r="N231690" s="10"/>
    </row>
    <row r="231691" spans="14:14">
      <c r="N231691" s="10"/>
    </row>
    <row r="231692" spans="14:14">
      <c r="N231692" s="10"/>
    </row>
    <row r="231693" spans="14:14">
      <c r="N231693" s="10"/>
    </row>
    <row r="231694" spans="14:14">
      <c r="N231694" s="10"/>
    </row>
    <row r="231695" spans="14:14">
      <c r="N231695" s="10"/>
    </row>
    <row r="231696" spans="14:14">
      <c r="N231696" s="10"/>
    </row>
    <row r="231697" spans="14:14">
      <c r="N231697" s="10"/>
    </row>
    <row r="231698" spans="14:14">
      <c r="N231698" s="10"/>
    </row>
    <row r="231699" spans="14:14">
      <c r="N231699" s="10"/>
    </row>
    <row r="231700" spans="14:14">
      <c r="N231700" s="10"/>
    </row>
    <row r="231701" spans="14:14">
      <c r="N231701" s="10"/>
    </row>
    <row r="231702" spans="14:14">
      <c r="N231702" s="10"/>
    </row>
    <row r="231703" spans="14:14">
      <c r="N231703" s="10"/>
    </row>
    <row r="231704" spans="14:14">
      <c r="N231704" s="10"/>
    </row>
    <row r="231705" spans="14:14">
      <c r="N231705" s="10"/>
    </row>
    <row r="231706" spans="14:14">
      <c r="N231706" s="10"/>
    </row>
    <row r="231707" spans="14:14">
      <c r="N231707" s="10"/>
    </row>
    <row r="231708" spans="14:14">
      <c r="N231708" s="10"/>
    </row>
    <row r="231709" spans="14:14">
      <c r="N231709" s="10"/>
    </row>
    <row r="231710" spans="14:14">
      <c r="N231710" s="10"/>
    </row>
    <row r="231711" spans="14:14">
      <c r="N231711" s="10"/>
    </row>
    <row r="231712" spans="14:14">
      <c r="N231712" s="10"/>
    </row>
    <row r="231713" spans="14:14">
      <c r="N231713" s="10"/>
    </row>
    <row r="231714" spans="14:14">
      <c r="N231714" s="10"/>
    </row>
    <row r="231715" spans="14:14">
      <c r="N231715" s="10"/>
    </row>
    <row r="231716" spans="14:14">
      <c r="N231716" s="10"/>
    </row>
    <row r="231717" spans="14:14">
      <c r="N231717" s="10"/>
    </row>
    <row r="231718" spans="14:14">
      <c r="N231718" s="10"/>
    </row>
    <row r="231719" spans="14:14">
      <c r="N231719" s="10"/>
    </row>
    <row r="231720" spans="14:14">
      <c r="N231720" s="10"/>
    </row>
    <row r="231721" spans="14:14">
      <c r="N231721" s="10"/>
    </row>
    <row r="231722" spans="14:14">
      <c r="N231722" s="10"/>
    </row>
    <row r="231723" spans="14:14">
      <c r="N231723" s="10"/>
    </row>
    <row r="231724" spans="14:14">
      <c r="N231724" s="10"/>
    </row>
    <row r="231725" spans="14:14">
      <c r="N231725" s="10"/>
    </row>
    <row r="231726" spans="14:14">
      <c r="N231726" s="10"/>
    </row>
    <row r="231727" spans="14:14">
      <c r="N231727" s="10"/>
    </row>
    <row r="231728" spans="14:14">
      <c r="N231728" s="10"/>
    </row>
    <row r="231729" spans="14:14">
      <c r="N231729" s="10"/>
    </row>
    <row r="231730" spans="14:14">
      <c r="N231730" s="10"/>
    </row>
    <row r="231731" spans="14:14">
      <c r="N231731" s="10"/>
    </row>
    <row r="231732" spans="14:14">
      <c r="N231732" s="10"/>
    </row>
    <row r="231733" spans="14:14">
      <c r="N231733" s="10"/>
    </row>
    <row r="231734" spans="14:14">
      <c r="N231734" s="10"/>
    </row>
    <row r="231735" spans="14:14">
      <c r="N231735" s="10"/>
    </row>
    <row r="231736" spans="14:14">
      <c r="N231736" s="10"/>
    </row>
    <row r="231737" spans="14:14">
      <c r="N231737" s="10"/>
    </row>
    <row r="231738" spans="14:14">
      <c r="N231738" s="10"/>
    </row>
    <row r="231739" spans="14:14">
      <c r="N231739" s="10"/>
    </row>
    <row r="231740" spans="14:14">
      <c r="N231740" s="10"/>
    </row>
    <row r="231741" spans="14:14">
      <c r="N231741" s="10"/>
    </row>
    <row r="231742" spans="14:14">
      <c r="N231742" s="10"/>
    </row>
    <row r="231743" spans="14:14">
      <c r="N231743" s="10"/>
    </row>
    <row r="231744" spans="14:14">
      <c r="N231744" s="10"/>
    </row>
    <row r="231745" spans="14:14">
      <c r="N231745" s="10"/>
    </row>
    <row r="231746" spans="14:14">
      <c r="N231746" s="10"/>
    </row>
    <row r="231747" spans="14:14">
      <c r="N231747" s="10"/>
    </row>
    <row r="231748" spans="14:14">
      <c r="N231748" s="10"/>
    </row>
    <row r="231749" spans="14:14">
      <c r="N231749" s="10"/>
    </row>
    <row r="231750" spans="14:14">
      <c r="N231750" s="10"/>
    </row>
    <row r="231751" spans="14:14">
      <c r="N231751" s="10"/>
    </row>
    <row r="231752" spans="14:14">
      <c r="N231752" s="10"/>
    </row>
    <row r="231753" spans="14:14">
      <c r="N231753" s="10"/>
    </row>
    <row r="231754" spans="14:14">
      <c r="N231754" s="10"/>
    </row>
    <row r="231755" spans="14:14">
      <c r="N231755" s="10"/>
    </row>
    <row r="231756" spans="14:14">
      <c r="N231756" s="10"/>
    </row>
    <row r="231757" spans="14:14">
      <c r="N231757" s="10"/>
    </row>
    <row r="231758" spans="14:14">
      <c r="N231758" s="10"/>
    </row>
    <row r="231759" spans="14:14">
      <c r="N231759" s="10"/>
    </row>
    <row r="231760" spans="14:14">
      <c r="N231760" s="10"/>
    </row>
    <row r="231761" spans="14:14">
      <c r="N231761" s="10"/>
    </row>
    <row r="231762" spans="14:14">
      <c r="N231762" s="10"/>
    </row>
    <row r="231763" spans="14:14">
      <c r="N231763" s="10"/>
    </row>
    <row r="231764" spans="14:14">
      <c r="N231764" s="10"/>
    </row>
    <row r="231765" spans="14:14">
      <c r="N231765" s="10"/>
    </row>
    <row r="231766" spans="14:14">
      <c r="N231766" s="10"/>
    </row>
    <row r="231767" spans="14:14">
      <c r="N231767" s="10"/>
    </row>
    <row r="231768" spans="14:14">
      <c r="N231768" s="10"/>
    </row>
    <row r="231769" spans="14:14">
      <c r="N231769" s="10"/>
    </row>
    <row r="231770" spans="14:14">
      <c r="N231770" s="10"/>
    </row>
    <row r="231771" spans="14:14">
      <c r="N231771" s="10"/>
    </row>
    <row r="231772" spans="14:14">
      <c r="N231772" s="10"/>
    </row>
    <row r="231773" spans="14:14">
      <c r="N231773" s="10"/>
    </row>
    <row r="231774" spans="14:14">
      <c r="N231774" s="10"/>
    </row>
    <row r="231775" spans="14:14">
      <c r="N231775" s="10"/>
    </row>
    <row r="231776" spans="14:14">
      <c r="N231776" s="10"/>
    </row>
    <row r="231777" spans="14:14">
      <c r="N231777" s="10"/>
    </row>
    <row r="231778" spans="14:14">
      <c r="N231778" s="10"/>
    </row>
    <row r="231779" spans="14:14">
      <c r="N231779" s="10"/>
    </row>
    <row r="231780" spans="14:14">
      <c r="N231780" s="10"/>
    </row>
    <row r="231781" spans="14:14">
      <c r="N231781" s="10"/>
    </row>
    <row r="231782" spans="14:14">
      <c r="N231782" s="10"/>
    </row>
    <row r="231783" spans="14:14">
      <c r="N231783" s="10"/>
    </row>
    <row r="231784" spans="14:14">
      <c r="N231784" s="10"/>
    </row>
    <row r="231785" spans="14:14">
      <c r="N231785" s="10"/>
    </row>
    <row r="231786" spans="14:14">
      <c r="N231786" s="10"/>
    </row>
    <row r="231787" spans="14:14">
      <c r="N231787" s="10"/>
    </row>
    <row r="231788" spans="14:14">
      <c r="N231788" s="10"/>
    </row>
    <row r="231789" spans="14:14">
      <c r="N231789" s="10"/>
    </row>
    <row r="231790" spans="14:14">
      <c r="N231790" s="10"/>
    </row>
    <row r="231791" spans="14:14">
      <c r="N231791" s="10"/>
    </row>
    <row r="231792" spans="14:14">
      <c r="N231792" s="10"/>
    </row>
    <row r="231793" spans="14:14">
      <c r="N231793" s="10"/>
    </row>
    <row r="231794" spans="14:14">
      <c r="N231794" s="10"/>
    </row>
    <row r="231795" spans="14:14">
      <c r="N231795" s="10"/>
    </row>
    <row r="231796" spans="14:14">
      <c r="N231796" s="10"/>
    </row>
    <row r="231797" spans="14:14">
      <c r="N231797" s="10"/>
    </row>
    <row r="231798" spans="14:14">
      <c r="N231798" s="10"/>
    </row>
    <row r="231799" spans="14:14">
      <c r="N231799" s="10"/>
    </row>
    <row r="231800" spans="14:14">
      <c r="N231800" s="10"/>
    </row>
    <row r="231801" spans="14:14">
      <c r="N231801" s="10"/>
    </row>
    <row r="231802" spans="14:14">
      <c r="N231802" s="10"/>
    </row>
    <row r="231803" spans="14:14">
      <c r="N231803" s="10"/>
    </row>
    <row r="231804" spans="14:14">
      <c r="N231804" s="10"/>
    </row>
    <row r="231805" spans="14:14">
      <c r="N231805" s="10"/>
    </row>
    <row r="231806" spans="14:14">
      <c r="N231806" s="10"/>
    </row>
    <row r="231807" spans="14:14">
      <c r="N231807" s="10"/>
    </row>
    <row r="231808" spans="14:14">
      <c r="N231808" s="10"/>
    </row>
    <row r="231809" spans="14:14">
      <c r="N231809" s="10"/>
    </row>
    <row r="231810" spans="14:14">
      <c r="N231810" s="10"/>
    </row>
    <row r="231811" spans="14:14">
      <c r="N231811" s="10"/>
    </row>
    <row r="231812" spans="14:14">
      <c r="N231812" s="10"/>
    </row>
    <row r="231813" spans="14:14">
      <c r="N231813" s="10"/>
    </row>
    <row r="231814" spans="14:14">
      <c r="N231814" s="10"/>
    </row>
    <row r="231815" spans="14:14">
      <c r="N231815" s="10"/>
    </row>
    <row r="231816" spans="14:14">
      <c r="N231816" s="10"/>
    </row>
    <row r="231817" spans="14:14">
      <c r="N231817" s="10"/>
    </row>
    <row r="231818" spans="14:14">
      <c r="N231818" s="10"/>
    </row>
    <row r="231819" spans="14:14">
      <c r="N231819" s="10"/>
    </row>
    <row r="231820" spans="14:14">
      <c r="N231820" s="10"/>
    </row>
    <row r="231821" spans="14:14">
      <c r="N231821" s="10"/>
    </row>
    <row r="231822" spans="14:14">
      <c r="N231822" s="10"/>
    </row>
    <row r="231823" spans="14:14">
      <c r="N231823" s="10"/>
    </row>
    <row r="231824" spans="14:14">
      <c r="N231824" s="10"/>
    </row>
    <row r="231825" spans="14:14">
      <c r="N231825" s="10"/>
    </row>
    <row r="231826" spans="14:14">
      <c r="N231826" s="10"/>
    </row>
    <row r="231827" spans="14:14">
      <c r="N231827" s="10"/>
    </row>
    <row r="231828" spans="14:14">
      <c r="N231828" s="10"/>
    </row>
    <row r="231829" spans="14:14">
      <c r="N231829" s="10"/>
    </row>
    <row r="231830" spans="14:14">
      <c r="N231830" s="10"/>
    </row>
    <row r="231831" spans="14:14">
      <c r="N231831" s="10"/>
    </row>
    <row r="231832" spans="14:14">
      <c r="N231832" s="10"/>
    </row>
    <row r="231833" spans="14:14">
      <c r="N231833" s="10"/>
    </row>
    <row r="231834" spans="14:14">
      <c r="N231834" s="10"/>
    </row>
    <row r="231835" spans="14:14">
      <c r="N231835" s="10"/>
    </row>
    <row r="231836" spans="14:14">
      <c r="N231836" s="10"/>
    </row>
    <row r="231837" spans="14:14">
      <c r="N231837" s="10"/>
    </row>
    <row r="231838" spans="14:14">
      <c r="N231838" s="10"/>
    </row>
    <row r="231839" spans="14:14">
      <c r="N231839" s="10"/>
    </row>
    <row r="231840" spans="14:14">
      <c r="N231840" s="10"/>
    </row>
    <row r="231841" spans="14:14">
      <c r="N231841" s="10"/>
    </row>
    <row r="231842" spans="14:14">
      <c r="N231842" s="10"/>
    </row>
    <row r="231843" spans="14:14">
      <c r="N231843" s="10"/>
    </row>
    <row r="231844" spans="14:14">
      <c r="N231844" s="10"/>
    </row>
    <row r="231845" spans="14:14">
      <c r="N231845" s="10"/>
    </row>
    <row r="231846" spans="14:14">
      <c r="N231846" s="10"/>
    </row>
    <row r="231847" spans="14:14">
      <c r="N231847" s="10"/>
    </row>
    <row r="231848" spans="14:14">
      <c r="N231848" s="10"/>
    </row>
    <row r="231849" spans="14:14">
      <c r="N231849" s="10"/>
    </row>
    <row r="231850" spans="14:14">
      <c r="N231850" s="10"/>
    </row>
    <row r="231851" spans="14:14">
      <c r="N231851" s="10"/>
    </row>
    <row r="231852" spans="14:14">
      <c r="N231852" s="10"/>
    </row>
    <row r="231853" spans="14:14">
      <c r="N231853" s="10"/>
    </row>
    <row r="231854" spans="14:14">
      <c r="N231854" s="10"/>
    </row>
    <row r="231855" spans="14:14">
      <c r="N231855" s="10"/>
    </row>
    <row r="231856" spans="14:14">
      <c r="N231856" s="10"/>
    </row>
    <row r="231857" spans="14:14">
      <c r="N231857" s="10"/>
    </row>
    <row r="231858" spans="14:14">
      <c r="N231858" s="10"/>
    </row>
    <row r="231859" spans="14:14">
      <c r="N231859" s="10"/>
    </row>
    <row r="231860" spans="14:14">
      <c r="N231860" s="10"/>
    </row>
    <row r="231861" spans="14:14">
      <c r="N231861" s="10"/>
    </row>
    <row r="231862" spans="14:14">
      <c r="N231862" s="10"/>
    </row>
    <row r="231863" spans="14:14">
      <c r="N231863" s="10"/>
    </row>
    <row r="231864" spans="14:14">
      <c r="N231864" s="10"/>
    </row>
    <row r="231865" spans="14:14">
      <c r="N231865" s="10"/>
    </row>
    <row r="231866" spans="14:14">
      <c r="N231866" s="10"/>
    </row>
    <row r="231867" spans="14:14">
      <c r="N231867" s="10"/>
    </row>
    <row r="231868" spans="14:14">
      <c r="N231868" s="10"/>
    </row>
    <row r="231869" spans="14:14">
      <c r="N231869" s="10"/>
    </row>
    <row r="231870" spans="14:14">
      <c r="N231870" s="10"/>
    </row>
    <row r="231871" spans="14:14">
      <c r="N231871" s="10"/>
    </row>
    <row r="231872" spans="14:14">
      <c r="N231872" s="10"/>
    </row>
    <row r="231873" spans="14:14">
      <c r="N231873" s="10"/>
    </row>
    <row r="231874" spans="14:14">
      <c r="N231874" s="10"/>
    </row>
    <row r="231875" spans="14:14">
      <c r="N231875" s="10"/>
    </row>
    <row r="231876" spans="14:14">
      <c r="N231876" s="10"/>
    </row>
    <row r="231877" spans="14:14">
      <c r="N231877" s="10"/>
    </row>
    <row r="231878" spans="14:14">
      <c r="N231878" s="10"/>
    </row>
    <row r="231879" spans="14:14">
      <c r="N231879" s="10"/>
    </row>
    <row r="231880" spans="14:14">
      <c r="N231880" s="10"/>
    </row>
    <row r="231881" spans="14:14">
      <c r="N231881" s="10"/>
    </row>
    <row r="231882" spans="14:14">
      <c r="N231882" s="10"/>
    </row>
    <row r="231883" spans="14:14">
      <c r="N231883" s="10"/>
    </row>
    <row r="231884" spans="14:14">
      <c r="N231884" s="10"/>
    </row>
    <row r="231885" spans="14:14">
      <c r="N231885" s="10"/>
    </row>
    <row r="231886" spans="14:14">
      <c r="N231886" s="10"/>
    </row>
    <row r="231887" spans="14:14">
      <c r="N231887" s="10"/>
    </row>
    <row r="231888" spans="14:14">
      <c r="N231888" s="10"/>
    </row>
    <row r="231889" spans="14:14">
      <c r="N231889" s="10"/>
    </row>
    <row r="231890" spans="14:14">
      <c r="N231890" s="10"/>
    </row>
    <row r="231891" spans="14:14">
      <c r="N231891" s="10"/>
    </row>
    <row r="231892" spans="14:14">
      <c r="N231892" s="10"/>
    </row>
    <row r="231893" spans="14:14">
      <c r="N231893" s="10"/>
    </row>
    <row r="231894" spans="14:14">
      <c r="N231894" s="10"/>
    </row>
    <row r="231895" spans="14:14">
      <c r="N231895" s="10"/>
    </row>
    <row r="231896" spans="14:14">
      <c r="N231896" s="10"/>
    </row>
    <row r="231897" spans="14:14">
      <c r="N231897" s="10"/>
    </row>
    <row r="231898" spans="14:14">
      <c r="N231898" s="10"/>
    </row>
    <row r="231899" spans="14:14">
      <c r="N231899" s="10"/>
    </row>
    <row r="231900" spans="14:14">
      <c r="N231900" s="10"/>
    </row>
    <row r="231901" spans="14:14">
      <c r="N231901" s="10"/>
    </row>
    <row r="231902" spans="14:14">
      <c r="N231902" s="10"/>
    </row>
    <row r="231903" spans="14:14">
      <c r="N231903" s="10"/>
    </row>
    <row r="231904" spans="14:14">
      <c r="N231904" s="10"/>
    </row>
    <row r="231905" spans="14:14">
      <c r="N231905" s="10"/>
    </row>
    <row r="231906" spans="14:14">
      <c r="N231906" s="10"/>
    </row>
    <row r="231907" spans="14:14">
      <c r="N231907" s="10"/>
    </row>
    <row r="231908" spans="14:14">
      <c r="N231908" s="10"/>
    </row>
    <row r="231909" spans="14:14">
      <c r="N231909" s="10"/>
    </row>
    <row r="231910" spans="14:14">
      <c r="N231910" s="10"/>
    </row>
    <row r="231911" spans="14:14">
      <c r="N231911" s="10"/>
    </row>
    <row r="231912" spans="14:14">
      <c r="N231912" s="10"/>
    </row>
    <row r="231913" spans="14:14">
      <c r="N231913" s="10"/>
    </row>
    <row r="231914" spans="14:14">
      <c r="N231914" s="10"/>
    </row>
    <row r="231915" spans="14:14">
      <c r="N231915" s="10"/>
    </row>
    <row r="231916" spans="14:14">
      <c r="N231916" s="10"/>
    </row>
    <row r="231917" spans="14:14">
      <c r="N231917" s="10"/>
    </row>
    <row r="231918" spans="14:14">
      <c r="N231918" s="10"/>
    </row>
    <row r="231919" spans="14:14">
      <c r="N231919" s="10"/>
    </row>
    <row r="231920" spans="14:14">
      <c r="N231920" s="10"/>
    </row>
    <row r="231921" spans="14:14">
      <c r="N231921" s="10"/>
    </row>
    <row r="231922" spans="14:14">
      <c r="N231922" s="10"/>
    </row>
    <row r="231923" spans="14:14">
      <c r="N231923" s="10"/>
    </row>
    <row r="231924" spans="14:14">
      <c r="N231924" s="10"/>
    </row>
    <row r="231925" spans="14:14">
      <c r="N231925" s="10"/>
    </row>
    <row r="231926" spans="14:14">
      <c r="N231926" s="10"/>
    </row>
    <row r="231927" spans="14:14">
      <c r="N231927" s="10"/>
    </row>
    <row r="231928" spans="14:14">
      <c r="N231928" s="10"/>
    </row>
    <row r="231929" spans="14:14">
      <c r="N231929" s="10"/>
    </row>
    <row r="231930" spans="14:14">
      <c r="N231930" s="10"/>
    </row>
    <row r="231931" spans="14:14">
      <c r="N231931" s="10"/>
    </row>
    <row r="231932" spans="14:14">
      <c r="N231932" s="10"/>
    </row>
    <row r="231933" spans="14:14">
      <c r="N231933" s="10"/>
    </row>
    <row r="231934" spans="14:14">
      <c r="N231934" s="10"/>
    </row>
    <row r="231935" spans="14:14">
      <c r="N231935" s="10"/>
    </row>
    <row r="231936" spans="14:14">
      <c r="N231936" s="10"/>
    </row>
    <row r="231937" spans="14:14">
      <c r="N231937" s="10"/>
    </row>
    <row r="231938" spans="14:14">
      <c r="N231938" s="10"/>
    </row>
    <row r="231939" spans="14:14">
      <c r="N231939" s="10"/>
    </row>
    <row r="231940" spans="14:14">
      <c r="N231940" s="10"/>
    </row>
    <row r="231941" spans="14:14">
      <c r="N231941" s="10"/>
    </row>
    <row r="231942" spans="14:14">
      <c r="N231942" s="10"/>
    </row>
    <row r="231943" spans="14:14">
      <c r="N231943" s="10"/>
    </row>
    <row r="231944" spans="14:14">
      <c r="N231944" s="10"/>
    </row>
    <row r="231945" spans="14:14">
      <c r="N231945" s="10"/>
    </row>
    <row r="231946" spans="14:14">
      <c r="N231946" s="10"/>
    </row>
    <row r="231947" spans="14:14">
      <c r="N231947" s="10"/>
    </row>
    <row r="231948" spans="14:14">
      <c r="N231948" s="10"/>
    </row>
    <row r="231949" spans="14:14">
      <c r="N231949" s="10"/>
    </row>
    <row r="231950" spans="14:14">
      <c r="N231950" s="10"/>
    </row>
    <row r="231951" spans="14:14">
      <c r="N231951" s="10"/>
    </row>
    <row r="231952" spans="14:14">
      <c r="N231952" s="10"/>
    </row>
    <row r="231953" spans="14:14">
      <c r="N231953" s="10"/>
    </row>
    <row r="231954" spans="14:14">
      <c r="N231954" s="10"/>
    </row>
    <row r="231955" spans="14:14">
      <c r="N231955" s="10"/>
    </row>
    <row r="231956" spans="14:14">
      <c r="N231956" s="10"/>
    </row>
    <row r="231957" spans="14:14">
      <c r="N231957" s="10"/>
    </row>
    <row r="231958" spans="14:14">
      <c r="N231958" s="10"/>
    </row>
    <row r="231959" spans="14:14">
      <c r="N231959" s="10"/>
    </row>
    <row r="231960" spans="14:14">
      <c r="N231960" s="10"/>
    </row>
    <row r="231961" spans="14:14">
      <c r="N231961" s="10"/>
    </row>
    <row r="231962" spans="14:14">
      <c r="N231962" s="10"/>
    </row>
    <row r="231963" spans="14:14">
      <c r="N231963" s="10"/>
    </row>
    <row r="231964" spans="14:14">
      <c r="N231964" s="10"/>
    </row>
    <row r="231965" spans="14:14">
      <c r="N231965" s="10"/>
    </row>
    <row r="231966" spans="14:14">
      <c r="N231966" s="10"/>
    </row>
    <row r="231967" spans="14:14">
      <c r="N231967" s="10"/>
    </row>
    <row r="231968" spans="14:14">
      <c r="N231968" s="10"/>
    </row>
    <row r="231969" spans="14:14">
      <c r="N231969" s="10"/>
    </row>
    <row r="231970" spans="14:14">
      <c r="N231970" s="10"/>
    </row>
    <row r="231971" spans="14:14">
      <c r="N231971" s="10"/>
    </row>
    <row r="231972" spans="14:14">
      <c r="N231972" s="10"/>
    </row>
    <row r="231973" spans="14:14">
      <c r="N231973" s="10"/>
    </row>
    <row r="231974" spans="14:14">
      <c r="N231974" s="10"/>
    </row>
    <row r="231975" spans="14:14">
      <c r="N231975" s="10"/>
    </row>
    <row r="231976" spans="14:14">
      <c r="N231976" s="10"/>
    </row>
    <row r="231977" spans="14:14">
      <c r="N231977" s="10"/>
    </row>
    <row r="231978" spans="14:14">
      <c r="N231978" s="10"/>
    </row>
    <row r="231979" spans="14:14">
      <c r="N231979" s="10"/>
    </row>
    <row r="231980" spans="14:14">
      <c r="N231980" s="10"/>
    </row>
    <row r="231981" spans="14:14">
      <c r="N231981" s="10"/>
    </row>
    <row r="231982" spans="14:14">
      <c r="N231982" s="10"/>
    </row>
    <row r="231983" spans="14:14">
      <c r="N231983" s="10"/>
    </row>
    <row r="231984" spans="14:14">
      <c r="N231984" s="10"/>
    </row>
    <row r="231985" spans="14:14">
      <c r="N231985" s="10"/>
    </row>
    <row r="231986" spans="14:14">
      <c r="N231986" s="10"/>
    </row>
    <row r="231987" spans="14:14">
      <c r="N231987" s="10"/>
    </row>
    <row r="231988" spans="14:14">
      <c r="N231988" s="10"/>
    </row>
    <row r="231989" spans="14:14">
      <c r="N231989" s="10"/>
    </row>
    <row r="231990" spans="14:14">
      <c r="N231990" s="10"/>
    </row>
    <row r="231991" spans="14:14">
      <c r="N231991" s="10"/>
    </row>
    <row r="231992" spans="14:14">
      <c r="N231992" s="10"/>
    </row>
    <row r="231993" spans="14:14">
      <c r="N231993" s="10"/>
    </row>
    <row r="231994" spans="14:14">
      <c r="N231994" s="10"/>
    </row>
    <row r="231995" spans="14:14">
      <c r="N231995" s="10"/>
    </row>
    <row r="231996" spans="14:14">
      <c r="N231996" s="10"/>
    </row>
    <row r="231997" spans="14:14">
      <c r="N231997" s="10"/>
    </row>
    <row r="231998" spans="14:14">
      <c r="N231998" s="10"/>
    </row>
    <row r="231999" spans="14:14">
      <c r="N231999" s="10"/>
    </row>
    <row r="232000" spans="14:14">
      <c r="N232000" s="10"/>
    </row>
    <row r="232001" spans="14:14">
      <c r="N232001" s="10"/>
    </row>
    <row r="232002" spans="14:14">
      <c r="N232002" s="10"/>
    </row>
    <row r="232003" spans="14:14">
      <c r="N232003" s="10"/>
    </row>
    <row r="232004" spans="14:14">
      <c r="N232004" s="10"/>
    </row>
    <row r="232005" spans="14:14">
      <c r="N232005" s="10"/>
    </row>
    <row r="232006" spans="14:14">
      <c r="N232006" s="10"/>
    </row>
    <row r="232007" spans="14:14">
      <c r="N232007" s="10"/>
    </row>
    <row r="232008" spans="14:14">
      <c r="N232008" s="10"/>
    </row>
    <row r="232009" spans="14:14">
      <c r="N232009" s="10"/>
    </row>
    <row r="232010" spans="14:14">
      <c r="N232010" s="10"/>
    </row>
    <row r="232011" spans="14:14">
      <c r="N232011" s="10"/>
    </row>
    <row r="232012" spans="14:14">
      <c r="N232012" s="10"/>
    </row>
    <row r="232013" spans="14:14">
      <c r="N232013" s="10"/>
    </row>
    <row r="232014" spans="14:14">
      <c r="N232014" s="10"/>
    </row>
    <row r="232015" spans="14:14">
      <c r="N232015" s="10"/>
    </row>
    <row r="232016" spans="14:14">
      <c r="N232016" s="10"/>
    </row>
    <row r="232017" spans="14:14">
      <c r="N232017" s="10"/>
    </row>
    <row r="232018" spans="14:14">
      <c r="N232018" s="10"/>
    </row>
    <row r="232019" spans="14:14">
      <c r="N232019" s="10"/>
    </row>
    <row r="232020" spans="14:14">
      <c r="N232020" s="10"/>
    </row>
    <row r="232021" spans="14:14">
      <c r="N232021" s="10"/>
    </row>
    <row r="232022" spans="14:14">
      <c r="N232022" s="10"/>
    </row>
    <row r="232023" spans="14:14">
      <c r="N232023" s="10"/>
    </row>
    <row r="232024" spans="14:14">
      <c r="N232024" s="10"/>
    </row>
    <row r="232025" spans="14:14">
      <c r="N232025" s="10"/>
    </row>
    <row r="232026" spans="14:14">
      <c r="N232026" s="10"/>
    </row>
    <row r="232027" spans="14:14">
      <c r="N232027" s="10"/>
    </row>
    <row r="232028" spans="14:14">
      <c r="N232028" s="10"/>
    </row>
    <row r="232029" spans="14:14">
      <c r="N232029" s="10"/>
    </row>
    <row r="232030" spans="14:14">
      <c r="N232030" s="10"/>
    </row>
    <row r="232031" spans="14:14">
      <c r="N232031" s="10"/>
    </row>
    <row r="232032" spans="14:14">
      <c r="N232032" s="10"/>
    </row>
    <row r="232033" spans="14:14">
      <c r="N232033" s="10"/>
    </row>
    <row r="232034" spans="14:14">
      <c r="N232034" s="10"/>
    </row>
    <row r="232035" spans="14:14">
      <c r="N232035" s="10"/>
    </row>
    <row r="232036" spans="14:14">
      <c r="N232036" s="10"/>
    </row>
    <row r="232037" spans="14:14">
      <c r="N232037" s="10"/>
    </row>
    <row r="232038" spans="14:14">
      <c r="N232038" s="10"/>
    </row>
    <row r="232039" spans="14:14">
      <c r="N232039" s="10"/>
    </row>
    <row r="232040" spans="14:14">
      <c r="N232040" s="10"/>
    </row>
    <row r="232041" spans="14:14">
      <c r="N232041" s="10"/>
    </row>
    <row r="232042" spans="14:14">
      <c r="N232042" s="10"/>
    </row>
    <row r="232043" spans="14:14">
      <c r="N232043" s="10"/>
    </row>
    <row r="232044" spans="14:14">
      <c r="N232044" s="10"/>
    </row>
    <row r="232045" spans="14:14">
      <c r="N232045" s="10"/>
    </row>
    <row r="232046" spans="14:14">
      <c r="N232046" s="10"/>
    </row>
    <row r="232047" spans="14:14">
      <c r="N232047" s="10"/>
    </row>
    <row r="232048" spans="14:14">
      <c r="N232048" s="10"/>
    </row>
    <row r="232049" spans="14:14">
      <c r="N232049" s="10"/>
    </row>
    <row r="232050" spans="14:14">
      <c r="N232050" s="10"/>
    </row>
    <row r="232051" spans="14:14">
      <c r="N232051" s="10"/>
    </row>
    <row r="232052" spans="14:14">
      <c r="N232052" s="10"/>
    </row>
    <row r="232053" spans="14:14">
      <c r="N232053" s="10"/>
    </row>
    <row r="232054" spans="14:14">
      <c r="N232054" s="10"/>
    </row>
    <row r="232055" spans="14:14">
      <c r="N232055" s="10"/>
    </row>
    <row r="232056" spans="14:14">
      <c r="N232056" s="10"/>
    </row>
    <row r="232057" spans="14:14">
      <c r="N232057" s="10"/>
    </row>
    <row r="232058" spans="14:14">
      <c r="N232058" s="10"/>
    </row>
    <row r="232059" spans="14:14">
      <c r="N232059" s="10"/>
    </row>
    <row r="232060" spans="14:14">
      <c r="N232060" s="10"/>
    </row>
    <row r="232061" spans="14:14">
      <c r="N232061" s="10"/>
    </row>
    <row r="232062" spans="14:14">
      <c r="N232062" s="10"/>
    </row>
    <row r="232063" spans="14:14">
      <c r="N232063" s="10"/>
    </row>
    <row r="232064" spans="14:14">
      <c r="N232064" s="10"/>
    </row>
    <row r="232065" spans="14:14">
      <c r="N232065" s="10"/>
    </row>
    <row r="232066" spans="14:14">
      <c r="N232066" s="10"/>
    </row>
    <row r="232067" spans="14:14">
      <c r="N232067" s="10"/>
    </row>
    <row r="232068" spans="14:14">
      <c r="N232068" s="10"/>
    </row>
    <row r="232069" spans="14:14">
      <c r="N232069" s="10"/>
    </row>
    <row r="232070" spans="14:14">
      <c r="N232070" s="10"/>
    </row>
    <row r="232071" spans="14:14">
      <c r="N232071" s="10"/>
    </row>
    <row r="232072" spans="14:14">
      <c r="N232072" s="10"/>
    </row>
    <row r="232073" spans="14:14">
      <c r="N232073" s="10"/>
    </row>
    <row r="232074" spans="14:14">
      <c r="N232074" s="10"/>
    </row>
    <row r="232075" spans="14:14">
      <c r="N232075" s="10"/>
    </row>
    <row r="232076" spans="14:14">
      <c r="N232076" s="10"/>
    </row>
    <row r="232077" spans="14:14">
      <c r="N232077" s="10"/>
    </row>
    <row r="232078" spans="14:14">
      <c r="N232078" s="10"/>
    </row>
    <row r="232079" spans="14:14">
      <c r="N232079" s="10"/>
    </row>
    <row r="232080" spans="14:14">
      <c r="N232080" s="10"/>
    </row>
    <row r="232081" spans="14:14">
      <c r="N232081" s="10"/>
    </row>
    <row r="232082" spans="14:14">
      <c r="N232082" s="10"/>
    </row>
    <row r="232083" spans="14:14">
      <c r="N232083" s="10"/>
    </row>
    <row r="232084" spans="14:14">
      <c r="N232084" s="10"/>
    </row>
    <row r="232085" spans="14:14">
      <c r="N232085" s="10"/>
    </row>
    <row r="232086" spans="14:14">
      <c r="N232086" s="10"/>
    </row>
    <row r="232087" spans="14:14">
      <c r="N232087" s="10"/>
    </row>
    <row r="232088" spans="14:14">
      <c r="N232088" s="10"/>
    </row>
    <row r="232089" spans="14:14">
      <c r="N232089" s="10"/>
    </row>
    <row r="232090" spans="14:14">
      <c r="N232090" s="10"/>
    </row>
    <row r="232091" spans="14:14">
      <c r="N232091" s="10"/>
    </row>
    <row r="232092" spans="14:14">
      <c r="N232092" s="10"/>
    </row>
    <row r="232093" spans="14:14">
      <c r="N232093" s="10"/>
    </row>
    <row r="232094" spans="14:14">
      <c r="N232094" s="10"/>
    </row>
    <row r="232095" spans="14:14">
      <c r="N232095" s="10"/>
    </row>
    <row r="232096" spans="14:14">
      <c r="N232096" s="10"/>
    </row>
    <row r="232097" spans="14:14">
      <c r="N232097" s="10"/>
    </row>
    <row r="232098" spans="14:14">
      <c r="N232098" s="10"/>
    </row>
    <row r="232099" spans="14:14">
      <c r="N232099" s="10"/>
    </row>
    <row r="232100" spans="14:14">
      <c r="N232100" s="10"/>
    </row>
    <row r="232101" spans="14:14">
      <c r="N232101" s="10"/>
    </row>
    <row r="232102" spans="14:14">
      <c r="N232102" s="10"/>
    </row>
    <row r="232103" spans="14:14">
      <c r="N232103" s="10"/>
    </row>
    <row r="232104" spans="14:14">
      <c r="N232104" s="10"/>
    </row>
    <row r="232105" spans="14:14">
      <c r="N232105" s="10"/>
    </row>
    <row r="232106" spans="14:14">
      <c r="N232106" s="10"/>
    </row>
    <row r="232107" spans="14:14">
      <c r="N232107" s="10"/>
    </row>
    <row r="232108" spans="14:14">
      <c r="N232108" s="10"/>
    </row>
    <row r="232109" spans="14:14">
      <c r="N232109" s="10"/>
    </row>
    <row r="232110" spans="14:14">
      <c r="N232110" s="10"/>
    </row>
    <row r="232111" spans="14:14">
      <c r="N232111" s="10"/>
    </row>
    <row r="232112" spans="14:14">
      <c r="N232112" s="10"/>
    </row>
    <row r="232113" spans="14:14">
      <c r="N232113" s="10"/>
    </row>
    <row r="232114" spans="14:14">
      <c r="N232114" s="10"/>
    </row>
    <row r="232115" spans="14:14">
      <c r="N232115" s="10"/>
    </row>
    <row r="232116" spans="14:14">
      <c r="N232116" s="10"/>
    </row>
    <row r="232117" spans="14:14">
      <c r="N232117" s="10"/>
    </row>
    <row r="232118" spans="14:14">
      <c r="N232118" s="10"/>
    </row>
    <row r="232119" spans="14:14">
      <c r="N232119" s="10"/>
    </row>
    <row r="232120" spans="14:14">
      <c r="N232120" s="10"/>
    </row>
    <row r="232121" spans="14:14">
      <c r="N232121" s="10"/>
    </row>
    <row r="232122" spans="14:14">
      <c r="N232122" s="10"/>
    </row>
    <row r="232123" spans="14:14">
      <c r="N232123" s="10"/>
    </row>
    <row r="232124" spans="14:14">
      <c r="N232124" s="10"/>
    </row>
    <row r="232125" spans="14:14">
      <c r="N232125" s="10"/>
    </row>
    <row r="232126" spans="14:14">
      <c r="N232126" s="10"/>
    </row>
    <row r="232127" spans="14:14">
      <c r="N232127" s="10"/>
    </row>
    <row r="232128" spans="14:14">
      <c r="N232128" s="10"/>
    </row>
    <row r="232129" spans="14:14">
      <c r="N232129" s="10"/>
    </row>
    <row r="232130" spans="14:14">
      <c r="N232130" s="10"/>
    </row>
    <row r="232131" spans="14:14">
      <c r="N232131" s="10"/>
    </row>
    <row r="232132" spans="14:14">
      <c r="N232132" s="10"/>
    </row>
    <row r="232133" spans="14:14">
      <c r="N232133" s="10"/>
    </row>
    <row r="232134" spans="14:14">
      <c r="N232134" s="10"/>
    </row>
    <row r="232135" spans="14:14">
      <c r="N232135" s="10"/>
    </row>
    <row r="232136" spans="14:14">
      <c r="N232136" s="10"/>
    </row>
    <row r="232137" spans="14:14">
      <c r="N232137" s="10"/>
    </row>
    <row r="232138" spans="14:14">
      <c r="N232138" s="10"/>
    </row>
    <row r="232139" spans="14:14">
      <c r="N232139" s="10"/>
    </row>
    <row r="232140" spans="14:14">
      <c r="N232140" s="10"/>
    </row>
    <row r="232141" spans="14:14">
      <c r="N232141" s="10"/>
    </row>
    <row r="232142" spans="14:14">
      <c r="N232142" s="10"/>
    </row>
    <row r="232143" spans="14:14">
      <c r="N232143" s="10"/>
    </row>
    <row r="232144" spans="14:14">
      <c r="N232144" s="10"/>
    </row>
    <row r="232145" spans="14:14">
      <c r="N232145" s="10"/>
    </row>
    <row r="232146" spans="14:14">
      <c r="N232146" s="10"/>
    </row>
    <row r="232147" spans="14:14">
      <c r="N232147" s="10"/>
    </row>
    <row r="232148" spans="14:14">
      <c r="N232148" s="10"/>
    </row>
    <row r="232149" spans="14:14">
      <c r="N232149" s="10"/>
    </row>
    <row r="232150" spans="14:14">
      <c r="N232150" s="10"/>
    </row>
    <row r="232151" spans="14:14">
      <c r="N232151" s="10"/>
    </row>
    <row r="232152" spans="14:14">
      <c r="N232152" s="10"/>
    </row>
    <row r="232153" spans="14:14">
      <c r="N232153" s="10"/>
    </row>
    <row r="232154" spans="14:14">
      <c r="N232154" s="10"/>
    </row>
    <row r="232155" spans="14:14">
      <c r="N232155" s="10"/>
    </row>
    <row r="232156" spans="14:14">
      <c r="N232156" s="10"/>
    </row>
    <row r="232157" spans="14:14">
      <c r="N232157" s="10"/>
    </row>
    <row r="232158" spans="14:14">
      <c r="N232158" s="10"/>
    </row>
    <row r="232159" spans="14:14">
      <c r="N232159" s="10"/>
    </row>
    <row r="232160" spans="14:14">
      <c r="N232160" s="10"/>
    </row>
    <row r="232161" spans="14:14">
      <c r="N232161" s="10"/>
    </row>
    <row r="232162" spans="14:14">
      <c r="N232162" s="10"/>
    </row>
    <row r="232163" spans="14:14">
      <c r="N232163" s="10"/>
    </row>
    <row r="232164" spans="14:14">
      <c r="N232164" s="10"/>
    </row>
    <row r="232165" spans="14:14">
      <c r="N232165" s="10"/>
    </row>
    <row r="232166" spans="14:14">
      <c r="N232166" s="10"/>
    </row>
    <row r="232167" spans="14:14">
      <c r="N232167" s="10"/>
    </row>
    <row r="232168" spans="14:14">
      <c r="N232168" s="10"/>
    </row>
    <row r="232169" spans="14:14">
      <c r="N232169" s="10"/>
    </row>
    <row r="232170" spans="14:14">
      <c r="N232170" s="10"/>
    </row>
    <row r="232171" spans="14:14">
      <c r="N232171" s="10"/>
    </row>
    <row r="232172" spans="14:14">
      <c r="N232172" s="10"/>
    </row>
    <row r="232173" spans="14:14">
      <c r="N232173" s="10"/>
    </row>
    <row r="232174" spans="14:14">
      <c r="N232174" s="10"/>
    </row>
    <row r="232175" spans="14:14">
      <c r="N232175" s="10"/>
    </row>
    <row r="232176" spans="14:14">
      <c r="N232176" s="10"/>
    </row>
    <row r="232177" spans="14:14">
      <c r="N232177" s="10"/>
    </row>
    <row r="232178" spans="14:14">
      <c r="N232178" s="10"/>
    </row>
    <row r="232179" spans="14:14">
      <c r="N232179" s="10"/>
    </row>
    <row r="232180" spans="14:14">
      <c r="N232180" s="10"/>
    </row>
    <row r="232181" spans="14:14">
      <c r="N232181" s="10"/>
    </row>
    <row r="232182" spans="14:14">
      <c r="N232182" s="10"/>
    </row>
    <row r="232183" spans="14:14">
      <c r="N232183" s="10"/>
    </row>
    <row r="232184" spans="14:14">
      <c r="N232184" s="10"/>
    </row>
    <row r="232185" spans="14:14">
      <c r="N232185" s="10"/>
    </row>
    <row r="232186" spans="14:14">
      <c r="N232186" s="10"/>
    </row>
    <row r="232187" spans="14:14">
      <c r="N232187" s="10"/>
    </row>
    <row r="232188" spans="14:14">
      <c r="N232188" s="10"/>
    </row>
    <row r="232189" spans="14:14">
      <c r="N232189" s="10"/>
    </row>
    <row r="232190" spans="14:14">
      <c r="N232190" s="10"/>
    </row>
    <row r="232191" spans="14:14">
      <c r="N232191" s="10"/>
    </row>
    <row r="232192" spans="14:14">
      <c r="N232192" s="10"/>
    </row>
    <row r="232193" spans="14:14">
      <c r="N232193" s="10"/>
    </row>
    <row r="232194" spans="14:14">
      <c r="N232194" s="10"/>
    </row>
    <row r="232195" spans="14:14">
      <c r="N232195" s="10"/>
    </row>
    <row r="232196" spans="14:14">
      <c r="N232196" s="10"/>
    </row>
    <row r="232197" spans="14:14">
      <c r="N232197" s="10"/>
    </row>
    <row r="232198" spans="14:14">
      <c r="N232198" s="10"/>
    </row>
    <row r="232199" spans="14:14">
      <c r="N232199" s="10"/>
    </row>
    <row r="232200" spans="14:14">
      <c r="N232200" s="10"/>
    </row>
    <row r="232201" spans="14:14">
      <c r="N232201" s="10"/>
    </row>
    <row r="232202" spans="14:14">
      <c r="N232202" s="10"/>
    </row>
    <row r="232203" spans="14:14">
      <c r="N232203" s="10"/>
    </row>
    <row r="232204" spans="14:14">
      <c r="N232204" s="10"/>
    </row>
    <row r="232205" spans="14:14">
      <c r="N232205" s="10"/>
    </row>
    <row r="232206" spans="14:14">
      <c r="N232206" s="10"/>
    </row>
    <row r="232207" spans="14:14">
      <c r="N232207" s="10"/>
    </row>
    <row r="232208" spans="14:14">
      <c r="N232208" s="10"/>
    </row>
    <row r="232209" spans="14:14">
      <c r="N232209" s="10"/>
    </row>
    <row r="232210" spans="14:14">
      <c r="N232210" s="10"/>
    </row>
    <row r="232211" spans="14:14">
      <c r="N232211" s="10"/>
    </row>
    <row r="232212" spans="14:14">
      <c r="N232212" s="10"/>
    </row>
    <row r="232213" spans="14:14">
      <c r="N232213" s="10"/>
    </row>
    <row r="232214" spans="14:14">
      <c r="N232214" s="10"/>
    </row>
    <row r="232215" spans="14:14">
      <c r="N232215" s="10"/>
    </row>
    <row r="232216" spans="14:14">
      <c r="N232216" s="10"/>
    </row>
    <row r="232217" spans="14:14">
      <c r="N232217" s="10"/>
    </row>
    <row r="232218" spans="14:14">
      <c r="N232218" s="10"/>
    </row>
    <row r="232219" spans="14:14">
      <c r="N232219" s="10"/>
    </row>
    <row r="232220" spans="14:14">
      <c r="N232220" s="10"/>
    </row>
    <row r="232221" spans="14:14">
      <c r="N232221" s="10"/>
    </row>
    <row r="232222" spans="14:14">
      <c r="N232222" s="10"/>
    </row>
    <row r="232223" spans="14:14">
      <c r="N232223" s="10"/>
    </row>
    <row r="232224" spans="14:14">
      <c r="N232224" s="10"/>
    </row>
    <row r="232225" spans="14:14">
      <c r="N232225" s="10"/>
    </row>
    <row r="232226" spans="14:14">
      <c r="N232226" s="10"/>
    </row>
    <row r="232227" spans="14:14">
      <c r="N232227" s="10"/>
    </row>
    <row r="232228" spans="14:14">
      <c r="N232228" s="10"/>
    </row>
    <row r="232229" spans="14:14">
      <c r="N232229" s="10"/>
    </row>
    <row r="232230" spans="14:14">
      <c r="N232230" s="10"/>
    </row>
    <row r="232231" spans="14:14">
      <c r="N232231" s="10"/>
    </row>
    <row r="232232" spans="14:14">
      <c r="N232232" s="10"/>
    </row>
    <row r="232233" spans="14:14">
      <c r="N232233" s="10"/>
    </row>
    <row r="232234" spans="14:14">
      <c r="N232234" s="10"/>
    </row>
    <row r="232235" spans="14:14">
      <c r="N232235" s="10"/>
    </row>
    <row r="232236" spans="14:14">
      <c r="N232236" s="10"/>
    </row>
    <row r="232237" spans="14:14">
      <c r="N232237" s="10"/>
    </row>
    <row r="232238" spans="14:14">
      <c r="N232238" s="10"/>
    </row>
    <row r="232239" spans="14:14">
      <c r="N232239" s="10"/>
    </row>
    <row r="232240" spans="14:14">
      <c r="N232240" s="10"/>
    </row>
    <row r="232241" spans="14:14">
      <c r="N232241" s="10"/>
    </row>
    <row r="232242" spans="14:14">
      <c r="N232242" s="10"/>
    </row>
    <row r="232243" spans="14:14">
      <c r="N232243" s="10"/>
    </row>
    <row r="232244" spans="14:14">
      <c r="N232244" s="10"/>
    </row>
    <row r="232245" spans="14:14">
      <c r="N232245" s="10"/>
    </row>
    <row r="232246" spans="14:14">
      <c r="N232246" s="10"/>
    </row>
    <row r="232247" spans="14:14">
      <c r="N232247" s="10"/>
    </row>
    <row r="232248" spans="14:14">
      <c r="N232248" s="10"/>
    </row>
    <row r="232249" spans="14:14">
      <c r="N232249" s="10"/>
    </row>
    <row r="232250" spans="14:14">
      <c r="N232250" s="10"/>
    </row>
    <row r="232251" spans="14:14">
      <c r="N232251" s="10"/>
    </row>
    <row r="232252" spans="14:14">
      <c r="N232252" s="10"/>
    </row>
    <row r="232253" spans="14:14">
      <c r="N232253" s="10"/>
    </row>
    <row r="232254" spans="14:14">
      <c r="N232254" s="10"/>
    </row>
    <row r="232255" spans="14:14">
      <c r="N232255" s="10"/>
    </row>
    <row r="232256" spans="14:14">
      <c r="N232256" s="10"/>
    </row>
    <row r="232257" spans="14:14">
      <c r="N232257" s="10"/>
    </row>
    <row r="232258" spans="14:14">
      <c r="N232258" s="10"/>
    </row>
    <row r="232259" spans="14:14">
      <c r="N232259" s="10"/>
    </row>
    <row r="232260" spans="14:14">
      <c r="N232260" s="10"/>
    </row>
    <row r="232261" spans="14:14">
      <c r="N232261" s="10"/>
    </row>
    <row r="232262" spans="14:14">
      <c r="N232262" s="10"/>
    </row>
    <row r="232263" spans="14:14">
      <c r="N232263" s="10"/>
    </row>
    <row r="232264" spans="14:14">
      <c r="N232264" s="10"/>
    </row>
    <row r="232265" spans="14:14">
      <c r="N232265" s="10"/>
    </row>
    <row r="232266" spans="14:14">
      <c r="N232266" s="10"/>
    </row>
    <row r="232267" spans="14:14">
      <c r="N232267" s="10"/>
    </row>
    <row r="232268" spans="14:14">
      <c r="N232268" s="10"/>
    </row>
    <row r="232269" spans="14:14">
      <c r="N232269" s="10"/>
    </row>
    <row r="232270" spans="14:14">
      <c r="N232270" s="10"/>
    </row>
    <row r="232271" spans="14:14">
      <c r="N232271" s="10"/>
    </row>
    <row r="232272" spans="14:14">
      <c r="N232272" s="10"/>
    </row>
    <row r="232273" spans="14:14">
      <c r="N232273" s="10"/>
    </row>
    <row r="232274" spans="14:14">
      <c r="N232274" s="10"/>
    </row>
    <row r="232275" spans="14:14">
      <c r="N232275" s="10"/>
    </row>
    <row r="232276" spans="14:14">
      <c r="N232276" s="10"/>
    </row>
    <row r="232277" spans="14:14">
      <c r="N232277" s="10"/>
    </row>
    <row r="232278" spans="14:14">
      <c r="N232278" s="10"/>
    </row>
    <row r="232279" spans="14:14">
      <c r="N232279" s="10"/>
    </row>
    <row r="232280" spans="14:14">
      <c r="N232280" s="10"/>
    </row>
    <row r="232281" spans="14:14">
      <c r="N232281" s="10"/>
    </row>
    <row r="232282" spans="14:14">
      <c r="N232282" s="10"/>
    </row>
    <row r="232283" spans="14:14">
      <c r="N232283" s="10"/>
    </row>
    <row r="232284" spans="14:14">
      <c r="N232284" s="10"/>
    </row>
    <row r="232285" spans="14:14">
      <c r="N232285" s="10"/>
    </row>
    <row r="232286" spans="14:14">
      <c r="N232286" s="10"/>
    </row>
    <row r="232287" spans="14:14">
      <c r="N232287" s="10"/>
    </row>
    <row r="232288" spans="14:14">
      <c r="N232288" s="10"/>
    </row>
    <row r="232289" spans="14:14">
      <c r="N232289" s="10"/>
    </row>
    <row r="232290" spans="14:14">
      <c r="N232290" s="10"/>
    </row>
    <row r="232291" spans="14:14">
      <c r="N232291" s="10"/>
    </row>
    <row r="232292" spans="14:14">
      <c r="N232292" s="10"/>
    </row>
    <row r="232293" spans="14:14">
      <c r="N232293" s="10"/>
    </row>
    <row r="232294" spans="14:14">
      <c r="N232294" s="10"/>
    </row>
    <row r="232295" spans="14:14">
      <c r="N232295" s="10"/>
    </row>
    <row r="232296" spans="14:14">
      <c r="N232296" s="10"/>
    </row>
    <row r="232297" spans="14:14">
      <c r="N232297" s="10"/>
    </row>
    <row r="232298" spans="14:14">
      <c r="N232298" s="10"/>
    </row>
    <row r="232299" spans="14:14">
      <c r="N232299" s="10"/>
    </row>
    <row r="232300" spans="14:14">
      <c r="N232300" s="10"/>
    </row>
    <row r="232301" spans="14:14">
      <c r="N232301" s="10"/>
    </row>
    <row r="232302" spans="14:14">
      <c r="N232302" s="10"/>
    </row>
    <row r="232303" spans="14:14">
      <c r="N232303" s="10"/>
    </row>
    <row r="232304" spans="14:14">
      <c r="N232304" s="10"/>
    </row>
    <row r="232305" spans="14:14">
      <c r="N232305" s="10"/>
    </row>
    <row r="232306" spans="14:14">
      <c r="N232306" s="10"/>
    </row>
    <row r="232307" spans="14:14">
      <c r="N232307" s="10"/>
    </row>
    <row r="232308" spans="14:14">
      <c r="N232308" s="10"/>
    </row>
    <row r="232309" spans="14:14">
      <c r="N232309" s="10"/>
    </row>
    <row r="232310" spans="14:14">
      <c r="N232310" s="10"/>
    </row>
    <row r="232311" spans="14:14">
      <c r="N232311" s="10"/>
    </row>
    <row r="232312" spans="14:14">
      <c r="N232312" s="10"/>
    </row>
    <row r="232313" spans="14:14">
      <c r="N232313" s="10"/>
    </row>
    <row r="232314" spans="14:14">
      <c r="N232314" s="10"/>
    </row>
    <row r="232315" spans="14:14">
      <c r="N232315" s="10"/>
    </row>
    <row r="232316" spans="14:14">
      <c r="N232316" s="10"/>
    </row>
    <row r="232317" spans="14:14">
      <c r="N232317" s="10"/>
    </row>
    <row r="232318" spans="14:14">
      <c r="N232318" s="10"/>
    </row>
    <row r="232319" spans="14:14">
      <c r="N232319" s="10"/>
    </row>
    <row r="232320" spans="14:14">
      <c r="N232320" s="10"/>
    </row>
    <row r="232321" spans="14:14">
      <c r="N232321" s="10"/>
    </row>
    <row r="232322" spans="14:14">
      <c r="N232322" s="10"/>
    </row>
    <row r="232323" spans="14:14">
      <c r="N232323" s="10"/>
    </row>
    <row r="232324" spans="14:14">
      <c r="N232324" s="10"/>
    </row>
    <row r="232325" spans="14:14">
      <c r="N232325" s="10"/>
    </row>
    <row r="232326" spans="14:14">
      <c r="N232326" s="10"/>
    </row>
    <row r="232327" spans="14:14">
      <c r="N232327" s="10"/>
    </row>
    <row r="232328" spans="14:14">
      <c r="N232328" s="10"/>
    </row>
    <row r="232329" spans="14:14">
      <c r="N232329" s="10"/>
    </row>
    <row r="232330" spans="14:14">
      <c r="N232330" s="10"/>
    </row>
    <row r="232331" spans="14:14">
      <c r="N232331" s="10"/>
    </row>
    <row r="232332" spans="14:14">
      <c r="N232332" s="10"/>
    </row>
    <row r="232333" spans="14:14">
      <c r="N232333" s="10"/>
    </row>
    <row r="232334" spans="14:14">
      <c r="N232334" s="10"/>
    </row>
    <row r="232335" spans="14:14">
      <c r="N232335" s="10"/>
    </row>
    <row r="232336" spans="14:14">
      <c r="N232336" s="10"/>
    </row>
    <row r="232337" spans="14:14">
      <c r="N232337" s="10"/>
    </row>
    <row r="232338" spans="14:14">
      <c r="N232338" s="10"/>
    </row>
    <row r="232339" spans="14:14">
      <c r="N232339" s="10"/>
    </row>
    <row r="232340" spans="14:14">
      <c r="N232340" s="10"/>
    </row>
    <row r="232341" spans="14:14">
      <c r="N232341" s="10"/>
    </row>
    <row r="232342" spans="14:14">
      <c r="N232342" s="10"/>
    </row>
    <row r="232343" spans="14:14">
      <c r="N232343" s="10"/>
    </row>
    <row r="232344" spans="14:14">
      <c r="N232344" s="10"/>
    </row>
    <row r="232345" spans="14:14">
      <c r="N232345" s="10"/>
    </row>
    <row r="232346" spans="14:14">
      <c r="N232346" s="10"/>
    </row>
    <row r="232347" spans="14:14">
      <c r="N232347" s="10"/>
    </row>
    <row r="232348" spans="14:14">
      <c r="N232348" s="10"/>
    </row>
    <row r="232349" spans="14:14">
      <c r="N232349" s="10"/>
    </row>
    <row r="232350" spans="14:14">
      <c r="N232350" s="10"/>
    </row>
    <row r="232351" spans="14:14">
      <c r="N232351" s="10"/>
    </row>
    <row r="232352" spans="14:14">
      <c r="N232352" s="10"/>
    </row>
    <row r="232353" spans="14:14">
      <c r="N232353" s="10"/>
    </row>
    <row r="232354" spans="14:14">
      <c r="N232354" s="10"/>
    </row>
    <row r="232355" spans="14:14">
      <c r="N232355" s="10"/>
    </row>
    <row r="232356" spans="14:14">
      <c r="N232356" s="10"/>
    </row>
    <row r="232357" spans="14:14">
      <c r="N232357" s="10"/>
    </row>
    <row r="232358" spans="14:14">
      <c r="N232358" s="10"/>
    </row>
    <row r="232359" spans="14:14">
      <c r="N232359" s="10"/>
    </row>
    <row r="232360" spans="14:14">
      <c r="N232360" s="10"/>
    </row>
    <row r="232361" spans="14:14">
      <c r="N232361" s="10"/>
    </row>
    <row r="232362" spans="14:14">
      <c r="N232362" s="10"/>
    </row>
    <row r="232363" spans="14:14">
      <c r="N232363" s="10"/>
    </row>
    <row r="232364" spans="14:14">
      <c r="N232364" s="10"/>
    </row>
    <row r="232365" spans="14:14">
      <c r="N232365" s="10"/>
    </row>
    <row r="232366" spans="14:14">
      <c r="N232366" s="10"/>
    </row>
    <row r="232367" spans="14:14">
      <c r="N232367" s="10"/>
    </row>
    <row r="232368" spans="14:14">
      <c r="N232368" s="10"/>
    </row>
    <row r="232369" spans="14:14">
      <c r="N232369" s="10"/>
    </row>
    <row r="232370" spans="14:14">
      <c r="N232370" s="10"/>
    </row>
    <row r="232371" spans="14:14">
      <c r="N232371" s="10"/>
    </row>
    <row r="232372" spans="14:14">
      <c r="N232372" s="10"/>
    </row>
    <row r="232373" spans="14:14">
      <c r="N232373" s="10"/>
    </row>
    <row r="232374" spans="14:14">
      <c r="N232374" s="10"/>
    </row>
    <row r="232375" spans="14:14">
      <c r="N232375" s="10"/>
    </row>
    <row r="232376" spans="14:14">
      <c r="N232376" s="10"/>
    </row>
    <row r="232377" spans="14:14">
      <c r="N232377" s="10"/>
    </row>
    <row r="232378" spans="14:14">
      <c r="N232378" s="10"/>
    </row>
    <row r="232379" spans="14:14">
      <c r="N232379" s="10"/>
    </row>
    <row r="232380" spans="14:14">
      <c r="N232380" s="10"/>
    </row>
    <row r="232381" spans="14:14">
      <c r="N232381" s="10"/>
    </row>
    <row r="232382" spans="14:14">
      <c r="N232382" s="10"/>
    </row>
    <row r="232383" spans="14:14">
      <c r="N232383" s="10"/>
    </row>
    <row r="232384" spans="14:14">
      <c r="N232384" s="10"/>
    </row>
    <row r="232385" spans="14:14">
      <c r="N232385" s="10"/>
    </row>
    <row r="232386" spans="14:14">
      <c r="N232386" s="10"/>
    </row>
    <row r="232387" spans="14:14">
      <c r="N232387" s="10"/>
    </row>
    <row r="232388" spans="14:14">
      <c r="N232388" s="10"/>
    </row>
    <row r="232389" spans="14:14">
      <c r="N232389" s="10"/>
    </row>
    <row r="232390" spans="14:14">
      <c r="N232390" s="10"/>
    </row>
    <row r="232391" spans="14:14">
      <c r="N232391" s="10"/>
    </row>
    <row r="232392" spans="14:14">
      <c r="N232392" s="10"/>
    </row>
    <row r="232393" spans="14:14">
      <c r="N232393" s="10"/>
    </row>
    <row r="232394" spans="14:14">
      <c r="N232394" s="10"/>
    </row>
    <row r="232395" spans="14:14">
      <c r="N232395" s="10"/>
    </row>
    <row r="232396" spans="14:14">
      <c r="N232396" s="10"/>
    </row>
    <row r="232397" spans="14:14">
      <c r="N232397" s="10"/>
    </row>
    <row r="232398" spans="14:14">
      <c r="N232398" s="10"/>
    </row>
    <row r="232399" spans="14:14">
      <c r="N232399" s="10"/>
    </row>
    <row r="232400" spans="14:14">
      <c r="N232400" s="10"/>
    </row>
    <row r="232401" spans="14:14">
      <c r="N232401" s="10"/>
    </row>
    <row r="232402" spans="14:14">
      <c r="N232402" s="10"/>
    </row>
    <row r="232403" spans="14:14">
      <c r="N232403" s="10"/>
    </row>
    <row r="232404" spans="14:14">
      <c r="N232404" s="10"/>
    </row>
    <row r="232405" spans="14:14">
      <c r="N232405" s="10"/>
    </row>
    <row r="232406" spans="14:14">
      <c r="N232406" s="10"/>
    </row>
    <row r="232407" spans="14:14">
      <c r="N232407" s="10"/>
    </row>
    <row r="232408" spans="14:14">
      <c r="N232408" s="10"/>
    </row>
    <row r="232409" spans="14:14">
      <c r="N232409" s="10"/>
    </row>
    <row r="232410" spans="14:14">
      <c r="N232410" s="10"/>
    </row>
    <row r="232411" spans="14:14">
      <c r="N232411" s="10"/>
    </row>
    <row r="232412" spans="14:14">
      <c r="N232412" s="10"/>
    </row>
    <row r="232413" spans="14:14">
      <c r="N232413" s="10"/>
    </row>
    <row r="232414" spans="14:14">
      <c r="N232414" s="10"/>
    </row>
    <row r="232415" spans="14:14">
      <c r="N232415" s="10"/>
    </row>
    <row r="232416" spans="14:14">
      <c r="N232416" s="10"/>
    </row>
    <row r="232417" spans="14:14">
      <c r="N232417" s="10"/>
    </row>
    <row r="232418" spans="14:14">
      <c r="N232418" s="10"/>
    </row>
    <row r="232419" spans="14:14">
      <c r="N232419" s="10"/>
    </row>
    <row r="232420" spans="14:14">
      <c r="N232420" s="10"/>
    </row>
    <row r="232421" spans="14:14">
      <c r="N232421" s="10"/>
    </row>
    <row r="232422" spans="14:14">
      <c r="N232422" s="10"/>
    </row>
    <row r="232423" spans="14:14">
      <c r="N232423" s="10"/>
    </row>
    <row r="232424" spans="14:14">
      <c r="N232424" s="10"/>
    </row>
    <row r="232425" spans="14:14">
      <c r="N232425" s="10"/>
    </row>
    <row r="232426" spans="14:14">
      <c r="N232426" s="10"/>
    </row>
    <row r="232427" spans="14:14">
      <c r="N232427" s="10"/>
    </row>
    <row r="232428" spans="14:14">
      <c r="N232428" s="10"/>
    </row>
    <row r="232429" spans="14:14">
      <c r="N232429" s="10"/>
    </row>
    <row r="232430" spans="14:14">
      <c r="N232430" s="10"/>
    </row>
    <row r="232431" spans="14:14">
      <c r="N232431" s="10"/>
    </row>
    <row r="232432" spans="14:14">
      <c r="N232432" s="10"/>
    </row>
    <row r="232433" spans="14:14">
      <c r="N232433" s="10"/>
    </row>
    <row r="232434" spans="14:14">
      <c r="N232434" s="10"/>
    </row>
    <row r="232435" spans="14:14">
      <c r="N232435" s="10"/>
    </row>
    <row r="232436" spans="14:14">
      <c r="N232436" s="10"/>
    </row>
    <row r="232437" spans="14:14">
      <c r="N232437" s="10"/>
    </row>
    <row r="232438" spans="14:14">
      <c r="N232438" s="10"/>
    </row>
    <row r="232439" spans="14:14">
      <c r="N232439" s="10"/>
    </row>
    <row r="232440" spans="14:14">
      <c r="N232440" s="10"/>
    </row>
    <row r="232441" spans="14:14">
      <c r="N232441" s="10"/>
    </row>
    <row r="232442" spans="14:14">
      <c r="N232442" s="10"/>
    </row>
    <row r="232443" spans="14:14">
      <c r="N232443" s="10"/>
    </row>
    <row r="232444" spans="14:14">
      <c r="N232444" s="10"/>
    </row>
    <row r="232445" spans="14:14">
      <c r="N232445" s="10"/>
    </row>
    <row r="232446" spans="14:14">
      <c r="N232446" s="10"/>
    </row>
    <row r="232447" spans="14:14">
      <c r="N232447" s="10"/>
    </row>
    <row r="232448" spans="14:14">
      <c r="N232448" s="10"/>
    </row>
    <row r="232449" spans="14:14">
      <c r="N232449" s="10"/>
    </row>
    <row r="232450" spans="14:14">
      <c r="N232450" s="10"/>
    </row>
    <row r="232451" spans="14:14">
      <c r="N232451" s="10"/>
    </row>
    <row r="232452" spans="14:14">
      <c r="N232452" s="10"/>
    </row>
    <row r="232453" spans="14:14">
      <c r="N232453" s="10"/>
    </row>
    <row r="232454" spans="14:14">
      <c r="N232454" s="10"/>
    </row>
    <row r="232455" spans="14:14">
      <c r="N232455" s="10"/>
    </row>
    <row r="232456" spans="14:14">
      <c r="N232456" s="10"/>
    </row>
    <row r="232457" spans="14:14">
      <c r="N232457" s="10"/>
    </row>
    <row r="232458" spans="14:14">
      <c r="N232458" s="10"/>
    </row>
    <row r="232459" spans="14:14">
      <c r="N232459" s="10"/>
    </row>
    <row r="232460" spans="14:14">
      <c r="N232460" s="10"/>
    </row>
    <row r="232461" spans="14:14">
      <c r="N232461" s="10"/>
    </row>
    <row r="232462" spans="14:14">
      <c r="N232462" s="10"/>
    </row>
    <row r="232463" spans="14:14">
      <c r="N232463" s="10"/>
    </row>
    <row r="232464" spans="14:14">
      <c r="N232464" s="10"/>
    </row>
    <row r="232465" spans="14:14">
      <c r="N232465" s="10"/>
    </row>
    <row r="232466" spans="14:14">
      <c r="N232466" s="10"/>
    </row>
    <row r="232467" spans="14:14">
      <c r="N232467" s="10"/>
    </row>
    <row r="232468" spans="14:14">
      <c r="N232468" s="10"/>
    </row>
    <row r="232469" spans="14:14">
      <c r="N232469" s="10"/>
    </row>
    <row r="232470" spans="14:14">
      <c r="N232470" s="10"/>
    </row>
    <row r="232471" spans="14:14">
      <c r="N232471" s="10"/>
    </row>
    <row r="232472" spans="14:14">
      <c r="N232472" s="10"/>
    </row>
    <row r="232473" spans="14:14">
      <c r="N232473" s="10"/>
    </row>
    <row r="232474" spans="14:14">
      <c r="N232474" s="10"/>
    </row>
    <row r="232475" spans="14:14">
      <c r="N232475" s="10"/>
    </row>
    <row r="232476" spans="14:14">
      <c r="N232476" s="10"/>
    </row>
    <row r="232477" spans="14:14">
      <c r="N232477" s="10"/>
    </row>
    <row r="232478" spans="14:14">
      <c r="N232478" s="10"/>
    </row>
    <row r="232479" spans="14:14">
      <c r="N232479" s="10"/>
    </row>
    <row r="232480" spans="14:14">
      <c r="N232480" s="10"/>
    </row>
    <row r="232481" spans="14:14">
      <c r="N232481" s="10"/>
    </row>
    <row r="232482" spans="14:14">
      <c r="N232482" s="10"/>
    </row>
    <row r="232483" spans="14:14">
      <c r="N232483" s="10"/>
    </row>
    <row r="232484" spans="14:14">
      <c r="N232484" s="10"/>
    </row>
    <row r="232485" spans="14:14">
      <c r="N232485" s="10"/>
    </row>
    <row r="232486" spans="14:14">
      <c r="N232486" s="10"/>
    </row>
    <row r="232487" spans="14:14">
      <c r="N232487" s="10"/>
    </row>
    <row r="232488" spans="14:14">
      <c r="N232488" s="10"/>
    </row>
    <row r="232489" spans="14:14">
      <c r="N232489" s="10"/>
    </row>
    <row r="232490" spans="14:14">
      <c r="N232490" s="10"/>
    </row>
    <row r="232491" spans="14:14">
      <c r="N232491" s="10"/>
    </row>
    <row r="232492" spans="14:14">
      <c r="N232492" s="10"/>
    </row>
    <row r="232493" spans="14:14">
      <c r="N232493" s="10"/>
    </row>
    <row r="232494" spans="14:14">
      <c r="N232494" s="10"/>
    </row>
    <row r="232495" spans="14:14">
      <c r="N232495" s="10"/>
    </row>
    <row r="232496" spans="14:14">
      <c r="N232496" s="10"/>
    </row>
    <row r="232497" spans="14:14">
      <c r="N232497" s="10"/>
    </row>
    <row r="232498" spans="14:14">
      <c r="N232498" s="10"/>
    </row>
    <row r="232499" spans="14:14">
      <c r="N232499" s="10"/>
    </row>
    <row r="232500" spans="14:14">
      <c r="N232500" s="10"/>
    </row>
    <row r="232501" spans="14:14">
      <c r="N232501" s="10"/>
    </row>
    <row r="232502" spans="14:14">
      <c r="N232502" s="10"/>
    </row>
    <row r="232503" spans="14:14">
      <c r="N232503" s="10"/>
    </row>
    <row r="232504" spans="14:14">
      <c r="N232504" s="10"/>
    </row>
    <row r="232505" spans="14:14">
      <c r="N232505" s="10"/>
    </row>
    <row r="232506" spans="14:14">
      <c r="N232506" s="10"/>
    </row>
    <row r="232507" spans="14:14">
      <c r="N232507" s="10"/>
    </row>
    <row r="232508" spans="14:14">
      <c r="N232508" s="10"/>
    </row>
    <row r="232509" spans="14:14">
      <c r="N232509" s="10"/>
    </row>
    <row r="232510" spans="14:14">
      <c r="N232510" s="10"/>
    </row>
    <row r="232511" spans="14:14">
      <c r="N232511" s="10"/>
    </row>
    <row r="232512" spans="14:14">
      <c r="N232512" s="10"/>
    </row>
    <row r="232513" spans="14:14">
      <c r="N232513" s="10"/>
    </row>
    <row r="232514" spans="14:14">
      <c r="N232514" s="10"/>
    </row>
    <row r="232515" spans="14:14">
      <c r="N232515" s="10"/>
    </row>
    <row r="232516" spans="14:14">
      <c r="N232516" s="10"/>
    </row>
    <row r="232517" spans="14:14">
      <c r="N232517" s="10"/>
    </row>
    <row r="232518" spans="14:14">
      <c r="N232518" s="10"/>
    </row>
    <row r="232519" spans="14:14">
      <c r="N232519" s="10"/>
    </row>
    <row r="232520" spans="14:14">
      <c r="N232520" s="10"/>
    </row>
    <row r="232521" spans="14:14">
      <c r="N232521" s="10"/>
    </row>
    <row r="232522" spans="14:14">
      <c r="N232522" s="10"/>
    </row>
    <row r="232523" spans="14:14">
      <c r="N232523" s="10"/>
    </row>
    <row r="232524" spans="14:14">
      <c r="N232524" s="10"/>
    </row>
    <row r="232525" spans="14:14">
      <c r="N232525" s="10"/>
    </row>
    <row r="232526" spans="14:14">
      <c r="N232526" s="10"/>
    </row>
    <row r="232527" spans="14:14">
      <c r="N232527" s="10"/>
    </row>
    <row r="232528" spans="14:14">
      <c r="N232528" s="10"/>
    </row>
    <row r="232529" spans="14:14">
      <c r="N232529" s="10"/>
    </row>
    <row r="232530" spans="14:14">
      <c r="N232530" s="10"/>
    </row>
    <row r="232531" spans="14:14">
      <c r="N232531" s="10"/>
    </row>
    <row r="232532" spans="14:14">
      <c r="N232532" s="10"/>
    </row>
    <row r="232533" spans="14:14">
      <c r="N232533" s="10"/>
    </row>
    <row r="232534" spans="14:14">
      <c r="N232534" s="10"/>
    </row>
    <row r="232535" spans="14:14">
      <c r="N232535" s="10"/>
    </row>
    <row r="232536" spans="14:14">
      <c r="N232536" s="10"/>
    </row>
    <row r="232537" spans="14:14">
      <c r="N232537" s="10"/>
    </row>
    <row r="232538" spans="14:14">
      <c r="N232538" s="10"/>
    </row>
    <row r="232539" spans="14:14">
      <c r="N232539" s="10"/>
    </row>
    <row r="232540" spans="14:14">
      <c r="N232540" s="10"/>
    </row>
    <row r="232541" spans="14:14">
      <c r="N232541" s="10"/>
    </row>
    <row r="232542" spans="14:14">
      <c r="N232542" s="10"/>
    </row>
    <row r="232543" spans="14:14">
      <c r="N232543" s="10"/>
    </row>
    <row r="232544" spans="14:14">
      <c r="N232544" s="10"/>
    </row>
    <row r="232545" spans="14:14">
      <c r="N232545" s="10"/>
    </row>
    <row r="232546" spans="14:14">
      <c r="N232546" s="10"/>
    </row>
    <row r="232547" spans="14:14">
      <c r="N232547" s="10"/>
    </row>
    <row r="232548" spans="14:14">
      <c r="N232548" s="10"/>
    </row>
    <row r="232549" spans="14:14">
      <c r="N232549" s="10"/>
    </row>
    <row r="232550" spans="14:14">
      <c r="N232550" s="10"/>
    </row>
    <row r="232551" spans="14:14">
      <c r="N232551" s="10"/>
    </row>
    <row r="232552" spans="14:14">
      <c r="N232552" s="10"/>
    </row>
    <row r="232553" spans="14:14">
      <c r="N232553" s="10"/>
    </row>
    <row r="232554" spans="14:14">
      <c r="N232554" s="10"/>
    </row>
    <row r="232555" spans="14:14">
      <c r="N232555" s="10"/>
    </row>
    <row r="232556" spans="14:14">
      <c r="N232556" s="10"/>
    </row>
    <row r="232557" spans="14:14">
      <c r="N232557" s="10"/>
    </row>
    <row r="232558" spans="14:14">
      <c r="N232558" s="10"/>
    </row>
    <row r="232559" spans="14:14">
      <c r="N232559" s="10"/>
    </row>
    <row r="232560" spans="14:14">
      <c r="N232560" s="10"/>
    </row>
    <row r="232561" spans="14:14">
      <c r="N232561" s="10"/>
    </row>
    <row r="232562" spans="14:14">
      <c r="N232562" s="10"/>
    </row>
    <row r="232563" spans="14:14">
      <c r="N232563" s="10"/>
    </row>
    <row r="232564" spans="14:14">
      <c r="N232564" s="10"/>
    </row>
    <row r="232565" spans="14:14">
      <c r="N232565" s="10"/>
    </row>
    <row r="232566" spans="14:14">
      <c r="N232566" s="10"/>
    </row>
    <row r="232567" spans="14:14">
      <c r="N232567" s="10"/>
    </row>
    <row r="232568" spans="14:14">
      <c r="N232568" s="10"/>
    </row>
    <row r="232569" spans="14:14">
      <c r="N232569" s="10"/>
    </row>
    <row r="232570" spans="14:14">
      <c r="N232570" s="10"/>
    </row>
    <row r="232571" spans="14:14">
      <c r="N232571" s="10"/>
    </row>
    <row r="232572" spans="14:14">
      <c r="N232572" s="10"/>
    </row>
    <row r="232573" spans="14:14">
      <c r="N232573" s="10"/>
    </row>
    <row r="232574" spans="14:14">
      <c r="N232574" s="10"/>
    </row>
    <row r="232575" spans="14:14">
      <c r="N232575" s="10"/>
    </row>
    <row r="232576" spans="14:14">
      <c r="N232576" s="10"/>
    </row>
    <row r="232577" spans="14:14">
      <c r="N232577" s="10"/>
    </row>
    <row r="232578" spans="14:14">
      <c r="N232578" s="10"/>
    </row>
    <row r="232579" spans="14:14">
      <c r="N232579" s="10"/>
    </row>
    <row r="232580" spans="14:14">
      <c r="N232580" s="10"/>
    </row>
    <row r="232581" spans="14:14">
      <c r="N232581" s="10"/>
    </row>
    <row r="232582" spans="14:14">
      <c r="N232582" s="10"/>
    </row>
    <row r="232583" spans="14:14">
      <c r="N232583" s="10"/>
    </row>
    <row r="232584" spans="14:14">
      <c r="N232584" s="10"/>
    </row>
    <row r="232585" spans="14:14">
      <c r="N232585" s="10"/>
    </row>
    <row r="232586" spans="14:14">
      <c r="N232586" s="10"/>
    </row>
    <row r="232587" spans="14:14">
      <c r="N232587" s="10"/>
    </row>
    <row r="232588" spans="14:14">
      <c r="N232588" s="10"/>
    </row>
    <row r="232589" spans="14:14">
      <c r="N232589" s="10"/>
    </row>
    <row r="232590" spans="14:14">
      <c r="N232590" s="10"/>
    </row>
    <row r="232591" spans="14:14">
      <c r="N232591" s="10"/>
    </row>
    <row r="232592" spans="14:14">
      <c r="N232592" s="10"/>
    </row>
    <row r="232593" spans="14:14">
      <c r="N232593" s="10"/>
    </row>
    <row r="232594" spans="14:14">
      <c r="N232594" s="10"/>
    </row>
    <row r="232595" spans="14:14">
      <c r="N232595" s="10"/>
    </row>
    <row r="232596" spans="14:14">
      <c r="N232596" s="10"/>
    </row>
    <row r="232597" spans="14:14">
      <c r="N232597" s="10"/>
    </row>
    <row r="232598" spans="14:14">
      <c r="N232598" s="10"/>
    </row>
    <row r="232599" spans="14:14">
      <c r="N232599" s="10"/>
    </row>
    <row r="232600" spans="14:14">
      <c r="N232600" s="10"/>
    </row>
    <row r="232601" spans="14:14">
      <c r="N232601" s="10"/>
    </row>
    <row r="232602" spans="14:14">
      <c r="N232602" s="10"/>
    </row>
    <row r="232603" spans="14:14">
      <c r="N232603" s="10"/>
    </row>
    <row r="232604" spans="14:14">
      <c r="N232604" s="10"/>
    </row>
    <row r="232605" spans="14:14">
      <c r="N232605" s="10"/>
    </row>
    <row r="232606" spans="14:14">
      <c r="N232606" s="10"/>
    </row>
    <row r="232607" spans="14:14">
      <c r="N232607" s="10"/>
    </row>
    <row r="232608" spans="14:14">
      <c r="N232608" s="10"/>
    </row>
    <row r="232609" spans="14:14">
      <c r="N232609" s="10"/>
    </row>
    <row r="232610" spans="14:14">
      <c r="N232610" s="10"/>
    </row>
    <row r="232611" spans="14:14">
      <c r="N232611" s="10"/>
    </row>
    <row r="232612" spans="14:14">
      <c r="N232612" s="10"/>
    </row>
    <row r="232613" spans="14:14">
      <c r="N232613" s="10"/>
    </row>
    <row r="232614" spans="14:14">
      <c r="N232614" s="10"/>
    </row>
    <row r="232615" spans="14:14">
      <c r="N232615" s="10"/>
    </row>
    <row r="232616" spans="14:14">
      <c r="N232616" s="10"/>
    </row>
    <row r="232617" spans="14:14">
      <c r="N232617" s="10"/>
    </row>
    <row r="232618" spans="14:14">
      <c r="N232618" s="10"/>
    </row>
    <row r="232619" spans="14:14">
      <c r="N232619" s="10"/>
    </row>
    <row r="232620" spans="14:14">
      <c r="N232620" s="10"/>
    </row>
    <row r="232621" spans="14:14">
      <c r="N232621" s="10"/>
    </row>
    <row r="232622" spans="14:14">
      <c r="N232622" s="10"/>
    </row>
    <row r="232623" spans="14:14">
      <c r="N232623" s="10"/>
    </row>
    <row r="232624" spans="14:14">
      <c r="N232624" s="10"/>
    </row>
    <row r="232625" spans="14:14">
      <c r="N232625" s="10"/>
    </row>
    <row r="232626" spans="14:14">
      <c r="N232626" s="10"/>
    </row>
    <row r="232627" spans="14:14">
      <c r="N232627" s="10"/>
    </row>
    <row r="232628" spans="14:14">
      <c r="N232628" s="10"/>
    </row>
    <row r="232629" spans="14:14">
      <c r="N232629" s="10"/>
    </row>
    <row r="232630" spans="14:14">
      <c r="N232630" s="10"/>
    </row>
    <row r="232631" spans="14:14">
      <c r="N232631" s="10"/>
    </row>
    <row r="232632" spans="14:14">
      <c r="N232632" s="10"/>
    </row>
    <row r="232633" spans="14:14">
      <c r="N232633" s="10"/>
    </row>
    <row r="232634" spans="14:14">
      <c r="N232634" s="10"/>
    </row>
    <row r="232635" spans="14:14">
      <c r="N232635" s="10"/>
    </row>
    <row r="232636" spans="14:14">
      <c r="N232636" s="10"/>
    </row>
    <row r="232637" spans="14:14">
      <c r="N232637" s="10"/>
    </row>
    <row r="232638" spans="14:14">
      <c r="N232638" s="10"/>
    </row>
    <row r="232639" spans="14:14">
      <c r="N232639" s="10"/>
    </row>
    <row r="232640" spans="14:14">
      <c r="N232640" s="10"/>
    </row>
    <row r="232641" spans="14:14">
      <c r="N232641" s="10"/>
    </row>
    <row r="232642" spans="14:14">
      <c r="N232642" s="10"/>
    </row>
    <row r="232643" spans="14:14">
      <c r="N232643" s="10"/>
    </row>
    <row r="232644" spans="14:14">
      <c r="N232644" s="10"/>
    </row>
    <row r="232645" spans="14:14">
      <c r="N232645" s="10"/>
    </row>
    <row r="232646" spans="14:14">
      <c r="N232646" s="10"/>
    </row>
    <row r="232647" spans="14:14">
      <c r="N232647" s="10"/>
    </row>
    <row r="232648" spans="14:14">
      <c r="N232648" s="10"/>
    </row>
    <row r="232649" spans="14:14">
      <c r="N232649" s="10"/>
    </row>
    <row r="232650" spans="14:14">
      <c r="N232650" s="10"/>
    </row>
    <row r="232651" spans="14:14">
      <c r="N232651" s="10"/>
    </row>
    <row r="232652" spans="14:14">
      <c r="N232652" s="10"/>
    </row>
    <row r="232653" spans="14:14">
      <c r="N232653" s="10"/>
    </row>
    <row r="232654" spans="14:14">
      <c r="N232654" s="10"/>
    </row>
    <row r="232655" spans="14:14">
      <c r="N232655" s="10"/>
    </row>
    <row r="232656" spans="14:14">
      <c r="N232656" s="10"/>
    </row>
    <row r="232657" spans="14:14">
      <c r="N232657" s="10"/>
    </row>
    <row r="232658" spans="14:14">
      <c r="N232658" s="10"/>
    </row>
    <row r="232659" spans="14:14">
      <c r="N232659" s="10"/>
    </row>
    <row r="232660" spans="14:14">
      <c r="N232660" s="10"/>
    </row>
    <row r="232661" spans="14:14">
      <c r="N232661" s="10"/>
    </row>
    <row r="232662" spans="14:14">
      <c r="N232662" s="10"/>
    </row>
    <row r="232663" spans="14:14">
      <c r="N232663" s="10"/>
    </row>
    <row r="232664" spans="14:14">
      <c r="N232664" s="10"/>
    </row>
    <row r="232665" spans="14:14">
      <c r="N232665" s="10"/>
    </row>
    <row r="232666" spans="14:14">
      <c r="N232666" s="10"/>
    </row>
    <row r="232667" spans="14:14">
      <c r="N232667" s="10"/>
    </row>
    <row r="232668" spans="14:14">
      <c r="N232668" s="10"/>
    </row>
    <row r="232669" spans="14:14">
      <c r="N232669" s="10"/>
    </row>
    <row r="232670" spans="14:14">
      <c r="N232670" s="10"/>
    </row>
    <row r="232671" spans="14:14">
      <c r="N232671" s="10"/>
    </row>
    <row r="232672" spans="14:14">
      <c r="N232672" s="10"/>
    </row>
    <row r="232673" spans="14:14">
      <c r="N232673" s="10"/>
    </row>
    <row r="232674" spans="14:14">
      <c r="N232674" s="10"/>
    </row>
    <row r="232675" spans="14:14">
      <c r="N232675" s="10"/>
    </row>
    <row r="232676" spans="14:14">
      <c r="N232676" s="10"/>
    </row>
    <row r="232677" spans="14:14">
      <c r="N232677" s="10"/>
    </row>
    <row r="232678" spans="14:14">
      <c r="N232678" s="10"/>
    </row>
    <row r="232679" spans="14:14">
      <c r="N232679" s="10"/>
    </row>
    <row r="232680" spans="14:14">
      <c r="N232680" s="10"/>
    </row>
    <row r="232681" spans="14:14">
      <c r="N232681" s="10"/>
    </row>
    <row r="232682" spans="14:14">
      <c r="N232682" s="10"/>
    </row>
    <row r="232683" spans="14:14">
      <c r="N232683" s="10"/>
    </row>
    <row r="232684" spans="14:14">
      <c r="N232684" s="10"/>
    </row>
    <row r="232685" spans="14:14">
      <c r="N232685" s="10"/>
    </row>
    <row r="232686" spans="14:14">
      <c r="N232686" s="10"/>
    </row>
    <row r="232687" spans="14:14">
      <c r="N232687" s="10"/>
    </row>
    <row r="232688" spans="14:14">
      <c r="N232688" s="10"/>
    </row>
    <row r="232689" spans="14:14">
      <c r="N232689" s="10"/>
    </row>
    <row r="232690" spans="14:14">
      <c r="N232690" s="10"/>
    </row>
    <row r="232691" spans="14:14">
      <c r="N232691" s="10"/>
    </row>
    <row r="232692" spans="14:14">
      <c r="N232692" s="10"/>
    </row>
    <row r="232693" spans="14:14">
      <c r="N232693" s="10"/>
    </row>
    <row r="232694" spans="14:14">
      <c r="N232694" s="10"/>
    </row>
    <row r="232695" spans="14:14">
      <c r="N232695" s="10"/>
    </row>
    <row r="232696" spans="14:14">
      <c r="N232696" s="10"/>
    </row>
    <row r="232697" spans="14:14">
      <c r="N232697" s="10"/>
    </row>
    <row r="232698" spans="14:14">
      <c r="N232698" s="10"/>
    </row>
    <row r="232699" spans="14:14">
      <c r="N232699" s="10"/>
    </row>
    <row r="232700" spans="14:14">
      <c r="N232700" s="10"/>
    </row>
    <row r="232701" spans="14:14">
      <c r="N232701" s="10"/>
    </row>
    <row r="232702" spans="14:14">
      <c r="N232702" s="10"/>
    </row>
    <row r="232703" spans="14:14">
      <c r="N232703" s="10"/>
    </row>
    <row r="232704" spans="14:14">
      <c r="N232704" s="10"/>
    </row>
    <row r="232705" spans="14:14">
      <c r="N232705" s="10"/>
    </row>
    <row r="232706" spans="14:14">
      <c r="N232706" s="10"/>
    </row>
    <row r="232707" spans="14:14">
      <c r="N232707" s="10"/>
    </row>
    <row r="232708" spans="14:14">
      <c r="N232708" s="10"/>
    </row>
    <row r="232709" spans="14:14">
      <c r="N232709" s="10"/>
    </row>
    <row r="232710" spans="14:14">
      <c r="N232710" s="10"/>
    </row>
    <row r="232711" spans="14:14">
      <c r="N232711" s="10"/>
    </row>
    <row r="232712" spans="14:14">
      <c r="N232712" s="10"/>
    </row>
    <row r="232713" spans="14:14">
      <c r="N232713" s="10"/>
    </row>
    <row r="232714" spans="14:14">
      <c r="N232714" s="10"/>
    </row>
    <row r="232715" spans="14:14">
      <c r="N232715" s="10"/>
    </row>
    <row r="232716" spans="14:14">
      <c r="N232716" s="10"/>
    </row>
    <row r="232717" spans="14:14">
      <c r="N232717" s="10"/>
    </row>
    <row r="232718" spans="14:14">
      <c r="N232718" s="10"/>
    </row>
    <row r="232719" spans="14:14">
      <c r="N232719" s="10"/>
    </row>
    <row r="232720" spans="14:14">
      <c r="N232720" s="10"/>
    </row>
    <row r="232721" spans="14:14">
      <c r="N232721" s="10"/>
    </row>
    <row r="232722" spans="14:14">
      <c r="N232722" s="10"/>
    </row>
    <row r="232723" spans="14:14">
      <c r="N232723" s="10"/>
    </row>
    <row r="232724" spans="14:14">
      <c r="N232724" s="10"/>
    </row>
    <row r="232725" spans="14:14">
      <c r="N232725" s="10"/>
    </row>
    <row r="232726" spans="14:14">
      <c r="N232726" s="10"/>
    </row>
    <row r="232727" spans="14:14">
      <c r="N232727" s="10"/>
    </row>
    <row r="232728" spans="14:14">
      <c r="N232728" s="10"/>
    </row>
    <row r="232729" spans="14:14">
      <c r="N232729" s="10"/>
    </row>
    <row r="232730" spans="14:14">
      <c r="N232730" s="10"/>
    </row>
    <row r="232731" spans="14:14">
      <c r="N232731" s="10"/>
    </row>
    <row r="232732" spans="14:14">
      <c r="N232732" s="10"/>
    </row>
    <row r="232733" spans="14:14">
      <c r="N232733" s="10"/>
    </row>
    <row r="232734" spans="14:14">
      <c r="N232734" s="10"/>
    </row>
    <row r="232735" spans="14:14">
      <c r="N232735" s="10"/>
    </row>
    <row r="232736" spans="14:14">
      <c r="N232736" s="10"/>
    </row>
    <row r="232737" spans="14:14">
      <c r="N232737" s="10"/>
    </row>
    <row r="232738" spans="14:14">
      <c r="N232738" s="10"/>
    </row>
    <row r="232739" spans="14:14">
      <c r="N232739" s="10"/>
    </row>
    <row r="232740" spans="14:14">
      <c r="N232740" s="10"/>
    </row>
    <row r="232741" spans="14:14">
      <c r="N232741" s="10"/>
    </row>
    <row r="232742" spans="14:14">
      <c r="N232742" s="10"/>
    </row>
    <row r="232743" spans="14:14">
      <c r="N232743" s="10"/>
    </row>
    <row r="232744" spans="14:14">
      <c r="N232744" s="10"/>
    </row>
    <row r="232745" spans="14:14">
      <c r="N232745" s="10"/>
    </row>
    <row r="232746" spans="14:14">
      <c r="N232746" s="10"/>
    </row>
    <row r="232747" spans="14:14">
      <c r="N232747" s="10"/>
    </row>
    <row r="232748" spans="14:14">
      <c r="N232748" s="10"/>
    </row>
    <row r="232749" spans="14:14">
      <c r="N232749" s="10"/>
    </row>
    <row r="232750" spans="14:14">
      <c r="N232750" s="10"/>
    </row>
    <row r="232751" spans="14:14">
      <c r="N232751" s="10"/>
    </row>
    <row r="232752" spans="14:14">
      <c r="N232752" s="10"/>
    </row>
    <row r="232753" spans="14:14">
      <c r="N232753" s="10"/>
    </row>
    <row r="232754" spans="14:14">
      <c r="N232754" s="10"/>
    </row>
    <row r="232755" spans="14:14">
      <c r="N232755" s="10"/>
    </row>
    <row r="232756" spans="14:14">
      <c r="N232756" s="10"/>
    </row>
    <row r="232757" spans="14:14">
      <c r="N232757" s="10"/>
    </row>
    <row r="232758" spans="14:14">
      <c r="N232758" s="10"/>
    </row>
    <row r="232759" spans="14:14">
      <c r="N232759" s="10"/>
    </row>
    <row r="232760" spans="14:14">
      <c r="N232760" s="10"/>
    </row>
    <row r="232761" spans="14:14">
      <c r="N232761" s="10"/>
    </row>
    <row r="232762" spans="14:14">
      <c r="N232762" s="10"/>
    </row>
    <row r="232763" spans="14:14">
      <c r="N232763" s="10"/>
    </row>
    <row r="232764" spans="14:14">
      <c r="N232764" s="10"/>
    </row>
    <row r="232765" spans="14:14">
      <c r="N232765" s="10"/>
    </row>
    <row r="232766" spans="14:14">
      <c r="N232766" s="10"/>
    </row>
    <row r="232767" spans="14:14">
      <c r="N232767" s="10"/>
    </row>
    <row r="232768" spans="14:14">
      <c r="N232768" s="10"/>
    </row>
    <row r="232769" spans="14:14">
      <c r="N232769" s="10"/>
    </row>
    <row r="232770" spans="14:14">
      <c r="N232770" s="10"/>
    </row>
    <row r="232771" spans="14:14">
      <c r="N232771" s="10"/>
    </row>
    <row r="232772" spans="14:14">
      <c r="N232772" s="10"/>
    </row>
    <row r="232773" spans="14:14">
      <c r="N232773" s="10"/>
    </row>
    <row r="232774" spans="14:14">
      <c r="N232774" s="10"/>
    </row>
    <row r="232775" spans="14:14">
      <c r="N232775" s="10"/>
    </row>
    <row r="232776" spans="14:14">
      <c r="N232776" s="10"/>
    </row>
    <row r="232777" spans="14:14">
      <c r="N232777" s="10"/>
    </row>
    <row r="232778" spans="14:14">
      <c r="N232778" s="10"/>
    </row>
    <row r="232779" spans="14:14">
      <c r="N232779" s="10"/>
    </row>
    <row r="232780" spans="14:14">
      <c r="N232780" s="10"/>
    </row>
    <row r="232781" spans="14:14">
      <c r="N232781" s="10"/>
    </row>
    <row r="232782" spans="14:14">
      <c r="N232782" s="10"/>
    </row>
    <row r="232783" spans="14:14">
      <c r="N232783" s="10"/>
    </row>
    <row r="232784" spans="14:14">
      <c r="N232784" s="10"/>
    </row>
    <row r="232785" spans="14:14">
      <c r="N232785" s="10"/>
    </row>
    <row r="232786" spans="14:14">
      <c r="N232786" s="10"/>
    </row>
    <row r="232787" spans="14:14">
      <c r="N232787" s="10"/>
    </row>
    <row r="232788" spans="14:14">
      <c r="N232788" s="10"/>
    </row>
    <row r="232789" spans="14:14">
      <c r="N232789" s="10"/>
    </row>
    <row r="232790" spans="14:14">
      <c r="N232790" s="10"/>
    </row>
    <row r="232791" spans="14:14">
      <c r="N232791" s="10"/>
    </row>
    <row r="232792" spans="14:14">
      <c r="N232792" s="10"/>
    </row>
    <row r="232793" spans="14:14">
      <c r="N232793" s="10"/>
    </row>
    <row r="232794" spans="14:14">
      <c r="N232794" s="10"/>
    </row>
    <row r="232795" spans="14:14">
      <c r="N232795" s="10"/>
    </row>
    <row r="232796" spans="14:14">
      <c r="N232796" s="10"/>
    </row>
    <row r="232797" spans="14:14">
      <c r="N232797" s="10"/>
    </row>
    <row r="232798" spans="14:14">
      <c r="N232798" s="10"/>
    </row>
    <row r="232799" spans="14:14">
      <c r="N232799" s="10"/>
    </row>
    <row r="232800" spans="14:14">
      <c r="N232800" s="10"/>
    </row>
    <row r="232801" spans="14:14">
      <c r="N232801" s="10"/>
    </row>
    <row r="232802" spans="14:14">
      <c r="N232802" s="10"/>
    </row>
    <row r="232803" spans="14:14">
      <c r="N232803" s="10"/>
    </row>
    <row r="232804" spans="14:14">
      <c r="N232804" s="10"/>
    </row>
    <row r="232805" spans="14:14">
      <c r="N232805" s="10"/>
    </row>
    <row r="232806" spans="14:14">
      <c r="N232806" s="10"/>
    </row>
    <row r="232807" spans="14:14">
      <c r="N232807" s="10"/>
    </row>
    <row r="232808" spans="14:14">
      <c r="N232808" s="10"/>
    </row>
    <row r="232809" spans="14:14">
      <c r="N232809" s="10"/>
    </row>
    <row r="232810" spans="14:14">
      <c r="N232810" s="10"/>
    </row>
    <row r="232811" spans="14:14">
      <c r="N232811" s="10"/>
    </row>
    <row r="232812" spans="14:14">
      <c r="N232812" s="10"/>
    </row>
    <row r="232813" spans="14:14">
      <c r="N232813" s="10"/>
    </row>
    <row r="232814" spans="14:14">
      <c r="N232814" s="10"/>
    </row>
    <row r="232815" spans="14:14">
      <c r="N232815" s="10"/>
    </row>
    <row r="232816" spans="14:14">
      <c r="N232816" s="10"/>
    </row>
    <row r="232817" spans="14:14">
      <c r="N232817" s="10"/>
    </row>
    <row r="232818" spans="14:14">
      <c r="N232818" s="10"/>
    </row>
    <row r="232819" spans="14:14">
      <c r="N232819" s="10"/>
    </row>
    <row r="232820" spans="14:14">
      <c r="N232820" s="10"/>
    </row>
    <row r="232821" spans="14:14">
      <c r="N232821" s="10"/>
    </row>
    <row r="232822" spans="14:14">
      <c r="N232822" s="10"/>
    </row>
    <row r="232823" spans="14:14">
      <c r="N232823" s="10"/>
    </row>
    <row r="232824" spans="14:14">
      <c r="N232824" s="10"/>
    </row>
    <row r="232825" spans="14:14">
      <c r="N232825" s="10"/>
    </row>
    <row r="232826" spans="14:14">
      <c r="N232826" s="10"/>
    </row>
    <row r="232827" spans="14:14">
      <c r="N232827" s="10"/>
    </row>
    <row r="232828" spans="14:14">
      <c r="N232828" s="10"/>
    </row>
    <row r="232829" spans="14:14">
      <c r="N232829" s="10"/>
    </row>
    <row r="232830" spans="14:14">
      <c r="N232830" s="10"/>
    </row>
    <row r="232831" spans="14:14">
      <c r="N232831" s="10"/>
    </row>
    <row r="232832" spans="14:14">
      <c r="N232832" s="10"/>
    </row>
    <row r="232833" spans="14:14">
      <c r="N232833" s="10"/>
    </row>
    <row r="232834" spans="14:14">
      <c r="N232834" s="10"/>
    </row>
    <row r="232835" spans="14:14">
      <c r="N232835" s="10"/>
    </row>
    <row r="232836" spans="14:14">
      <c r="N232836" s="10"/>
    </row>
    <row r="232837" spans="14:14">
      <c r="N232837" s="10"/>
    </row>
    <row r="232838" spans="14:14">
      <c r="N232838" s="10"/>
    </row>
    <row r="232839" spans="14:14">
      <c r="N232839" s="10"/>
    </row>
    <row r="232840" spans="14:14">
      <c r="N232840" s="10"/>
    </row>
    <row r="232841" spans="14:14">
      <c r="N232841" s="10"/>
    </row>
    <row r="232842" spans="14:14">
      <c r="N232842" s="10"/>
    </row>
    <row r="232843" spans="14:14">
      <c r="N232843" s="10"/>
    </row>
    <row r="232844" spans="14:14">
      <c r="N232844" s="10"/>
    </row>
    <row r="232845" spans="14:14">
      <c r="N232845" s="10"/>
    </row>
    <row r="232846" spans="14:14">
      <c r="N232846" s="10"/>
    </row>
    <row r="232847" spans="14:14">
      <c r="N232847" s="10"/>
    </row>
    <row r="232848" spans="14:14">
      <c r="N232848" s="10"/>
    </row>
    <row r="232849" spans="14:14">
      <c r="N232849" s="10"/>
    </row>
    <row r="232850" spans="14:14">
      <c r="N232850" s="10"/>
    </row>
    <row r="232851" spans="14:14">
      <c r="N232851" s="10"/>
    </row>
    <row r="232852" spans="14:14">
      <c r="N232852" s="10"/>
    </row>
    <row r="232853" spans="14:14">
      <c r="N232853" s="10"/>
    </row>
    <row r="232854" spans="14:14">
      <c r="N232854" s="10"/>
    </row>
    <row r="232855" spans="14:14">
      <c r="N232855" s="10"/>
    </row>
    <row r="232856" spans="14:14">
      <c r="N232856" s="10"/>
    </row>
    <row r="232857" spans="14:14">
      <c r="N232857" s="10"/>
    </row>
    <row r="232858" spans="14:14">
      <c r="N232858" s="10"/>
    </row>
    <row r="232859" spans="14:14">
      <c r="N232859" s="10"/>
    </row>
    <row r="232860" spans="14:14">
      <c r="N232860" s="10"/>
    </row>
    <row r="232861" spans="14:14">
      <c r="N232861" s="10"/>
    </row>
    <row r="232862" spans="14:14">
      <c r="N232862" s="10"/>
    </row>
    <row r="232863" spans="14:14">
      <c r="N232863" s="10"/>
    </row>
    <row r="232864" spans="14:14">
      <c r="N232864" s="10"/>
    </row>
    <row r="232865" spans="14:14">
      <c r="N232865" s="10"/>
    </row>
    <row r="232866" spans="14:14">
      <c r="N232866" s="10"/>
    </row>
    <row r="232867" spans="14:14">
      <c r="N232867" s="10"/>
    </row>
    <row r="232868" spans="14:14">
      <c r="N232868" s="10"/>
    </row>
    <row r="232869" spans="14:14">
      <c r="N232869" s="10"/>
    </row>
    <row r="232870" spans="14:14">
      <c r="N232870" s="10"/>
    </row>
    <row r="232871" spans="14:14">
      <c r="N232871" s="10"/>
    </row>
    <row r="232872" spans="14:14">
      <c r="N232872" s="10"/>
    </row>
    <row r="232873" spans="14:14">
      <c r="N232873" s="10"/>
    </row>
    <row r="232874" spans="14:14">
      <c r="N232874" s="10"/>
    </row>
    <row r="232875" spans="14:14">
      <c r="N232875" s="10"/>
    </row>
    <row r="232876" spans="14:14">
      <c r="N232876" s="10"/>
    </row>
    <row r="232877" spans="14:14">
      <c r="N232877" s="10"/>
    </row>
    <row r="232878" spans="14:14">
      <c r="N232878" s="10"/>
    </row>
    <row r="232879" spans="14:14">
      <c r="N232879" s="10"/>
    </row>
    <row r="232880" spans="14:14">
      <c r="N232880" s="10"/>
    </row>
    <row r="232881" spans="14:14">
      <c r="N232881" s="10"/>
    </row>
    <row r="232882" spans="14:14">
      <c r="N232882" s="10"/>
    </row>
    <row r="232883" spans="14:14">
      <c r="N232883" s="10"/>
    </row>
    <row r="232884" spans="14:14">
      <c r="N232884" s="10"/>
    </row>
    <row r="232885" spans="14:14">
      <c r="N232885" s="10"/>
    </row>
    <row r="232886" spans="14:14">
      <c r="N232886" s="10"/>
    </row>
    <row r="232887" spans="14:14">
      <c r="N232887" s="10"/>
    </row>
    <row r="232888" spans="14:14">
      <c r="N232888" s="10"/>
    </row>
    <row r="232889" spans="14:14">
      <c r="N232889" s="10"/>
    </row>
    <row r="232890" spans="14:14">
      <c r="N232890" s="10"/>
    </row>
    <row r="232891" spans="14:14">
      <c r="N232891" s="10"/>
    </row>
    <row r="232892" spans="14:14">
      <c r="N232892" s="10"/>
    </row>
    <row r="232893" spans="14:14">
      <c r="N232893" s="10"/>
    </row>
    <row r="232894" spans="14:14">
      <c r="N232894" s="10"/>
    </row>
    <row r="232895" spans="14:14">
      <c r="N232895" s="10"/>
    </row>
    <row r="232896" spans="14:14">
      <c r="N232896" s="10"/>
    </row>
    <row r="232897" spans="14:14">
      <c r="N232897" s="10"/>
    </row>
    <row r="232898" spans="14:14">
      <c r="N232898" s="10"/>
    </row>
    <row r="232899" spans="14:14">
      <c r="N232899" s="10"/>
    </row>
    <row r="232900" spans="14:14">
      <c r="N232900" s="10"/>
    </row>
    <row r="232901" spans="14:14">
      <c r="N232901" s="10"/>
    </row>
    <row r="232902" spans="14:14">
      <c r="N232902" s="10"/>
    </row>
    <row r="232903" spans="14:14">
      <c r="N232903" s="10"/>
    </row>
    <row r="232904" spans="14:14">
      <c r="N232904" s="10"/>
    </row>
    <row r="232905" spans="14:14">
      <c r="N232905" s="10"/>
    </row>
    <row r="232906" spans="14:14">
      <c r="N232906" s="10"/>
    </row>
    <row r="232907" spans="14:14">
      <c r="N232907" s="10"/>
    </row>
    <row r="232908" spans="14:14">
      <c r="N232908" s="10"/>
    </row>
    <row r="232909" spans="14:14">
      <c r="N232909" s="10"/>
    </row>
    <row r="232910" spans="14:14">
      <c r="N232910" s="10"/>
    </row>
    <row r="232911" spans="14:14">
      <c r="N232911" s="10"/>
    </row>
    <row r="232912" spans="14:14">
      <c r="N232912" s="10"/>
    </row>
    <row r="232913" spans="14:14">
      <c r="N232913" s="10"/>
    </row>
    <row r="232914" spans="14:14">
      <c r="N232914" s="10"/>
    </row>
    <row r="232915" spans="14:14">
      <c r="N232915" s="10"/>
    </row>
    <row r="232916" spans="14:14">
      <c r="N232916" s="10"/>
    </row>
    <row r="232917" spans="14:14">
      <c r="N232917" s="10"/>
    </row>
    <row r="232918" spans="14:14">
      <c r="N232918" s="10"/>
    </row>
    <row r="232919" spans="14:14">
      <c r="N232919" s="10"/>
    </row>
    <row r="232920" spans="14:14">
      <c r="N232920" s="10"/>
    </row>
    <row r="232921" spans="14:14">
      <c r="N232921" s="10"/>
    </row>
    <row r="232922" spans="14:14">
      <c r="N232922" s="10"/>
    </row>
    <row r="232923" spans="14:14">
      <c r="N232923" s="10"/>
    </row>
    <row r="232924" spans="14:14">
      <c r="N232924" s="10"/>
    </row>
    <row r="232925" spans="14:14">
      <c r="N232925" s="10"/>
    </row>
    <row r="232926" spans="14:14">
      <c r="N232926" s="10"/>
    </row>
    <row r="232927" spans="14:14">
      <c r="N232927" s="10"/>
    </row>
    <row r="232928" spans="14:14">
      <c r="N232928" s="10"/>
    </row>
    <row r="232929" spans="14:14">
      <c r="N232929" s="10"/>
    </row>
    <row r="232930" spans="14:14">
      <c r="N232930" s="10"/>
    </row>
    <row r="232931" spans="14:14">
      <c r="N232931" s="10"/>
    </row>
    <row r="232932" spans="14:14">
      <c r="N232932" s="10"/>
    </row>
    <row r="232933" spans="14:14">
      <c r="N232933" s="10"/>
    </row>
    <row r="232934" spans="14:14">
      <c r="N232934" s="10"/>
    </row>
    <row r="232935" spans="14:14">
      <c r="N232935" s="10"/>
    </row>
    <row r="232936" spans="14:14">
      <c r="N232936" s="10"/>
    </row>
    <row r="232937" spans="14:14">
      <c r="N232937" s="10"/>
    </row>
    <row r="232938" spans="14:14">
      <c r="N232938" s="10"/>
    </row>
    <row r="232939" spans="14:14">
      <c r="N232939" s="10"/>
    </row>
    <row r="232940" spans="14:14">
      <c r="N232940" s="10"/>
    </row>
    <row r="232941" spans="14:14">
      <c r="N232941" s="10"/>
    </row>
    <row r="232942" spans="14:14">
      <c r="N232942" s="10"/>
    </row>
    <row r="232943" spans="14:14">
      <c r="N232943" s="10"/>
    </row>
    <row r="232944" spans="14:14">
      <c r="N232944" s="10"/>
    </row>
    <row r="232945" spans="14:14">
      <c r="N232945" s="10"/>
    </row>
    <row r="232946" spans="14:14">
      <c r="N232946" s="10"/>
    </row>
    <row r="232947" spans="14:14">
      <c r="N232947" s="10"/>
    </row>
    <row r="232948" spans="14:14">
      <c r="N232948" s="10"/>
    </row>
    <row r="232949" spans="14:14">
      <c r="N232949" s="10"/>
    </row>
    <row r="232950" spans="14:14">
      <c r="N232950" s="10"/>
    </row>
    <row r="232951" spans="14:14">
      <c r="N232951" s="10"/>
    </row>
    <row r="232952" spans="14:14">
      <c r="N232952" s="10"/>
    </row>
    <row r="232953" spans="14:14">
      <c r="N232953" s="10"/>
    </row>
    <row r="232954" spans="14:14">
      <c r="N232954" s="10"/>
    </row>
    <row r="232955" spans="14:14">
      <c r="N232955" s="10"/>
    </row>
    <row r="232956" spans="14:14">
      <c r="N232956" s="10"/>
    </row>
    <row r="232957" spans="14:14">
      <c r="N232957" s="10"/>
    </row>
    <row r="232958" spans="14:14">
      <c r="N232958" s="10"/>
    </row>
    <row r="232959" spans="14:14">
      <c r="N232959" s="10"/>
    </row>
    <row r="232960" spans="14:14">
      <c r="N232960" s="10"/>
    </row>
    <row r="232961" spans="14:14">
      <c r="N232961" s="10"/>
    </row>
    <row r="232962" spans="14:14">
      <c r="N232962" s="10"/>
    </row>
    <row r="232963" spans="14:14">
      <c r="N232963" s="10"/>
    </row>
    <row r="232964" spans="14:14">
      <c r="N232964" s="10"/>
    </row>
    <row r="232965" spans="14:14">
      <c r="N232965" s="10"/>
    </row>
    <row r="232966" spans="14:14">
      <c r="N232966" s="10"/>
    </row>
    <row r="232967" spans="14:14">
      <c r="N232967" s="10"/>
    </row>
    <row r="232968" spans="14:14">
      <c r="N232968" s="10"/>
    </row>
    <row r="232969" spans="14:14">
      <c r="N232969" s="10"/>
    </row>
    <row r="232970" spans="14:14">
      <c r="N232970" s="10"/>
    </row>
    <row r="232971" spans="14:14">
      <c r="N232971" s="10"/>
    </row>
    <row r="232972" spans="14:14">
      <c r="N232972" s="10"/>
    </row>
    <row r="232973" spans="14:14">
      <c r="N232973" s="10"/>
    </row>
    <row r="232974" spans="14:14">
      <c r="N232974" s="10"/>
    </row>
    <row r="232975" spans="14:14">
      <c r="N232975" s="10"/>
    </row>
    <row r="232976" spans="14:14">
      <c r="N232976" s="10"/>
    </row>
    <row r="232977" spans="14:14">
      <c r="N232977" s="10"/>
    </row>
    <row r="232978" spans="14:14">
      <c r="N232978" s="10"/>
    </row>
    <row r="232979" spans="14:14">
      <c r="N232979" s="10"/>
    </row>
    <row r="232980" spans="14:14">
      <c r="N232980" s="10"/>
    </row>
    <row r="232981" spans="14:14">
      <c r="N232981" s="10"/>
    </row>
    <row r="232982" spans="14:14">
      <c r="N232982" s="10"/>
    </row>
    <row r="232983" spans="14:14">
      <c r="N232983" s="10"/>
    </row>
    <row r="232984" spans="14:14">
      <c r="N232984" s="10"/>
    </row>
    <row r="232985" spans="14:14">
      <c r="N232985" s="10"/>
    </row>
    <row r="232986" spans="14:14">
      <c r="N232986" s="10"/>
    </row>
    <row r="232987" spans="14:14">
      <c r="N232987" s="10"/>
    </row>
    <row r="232988" spans="14:14">
      <c r="N232988" s="10"/>
    </row>
    <row r="232989" spans="14:14">
      <c r="N232989" s="10"/>
    </row>
    <row r="232990" spans="14:14">
      <c r="N232990" s="10"/>
    </row>
    <row r="232991" spans="14:14">
      <c r="N232991" s="10"/>
    </row>
    <row r="232992" spans="14:14">
      <c r="N232992" s="10"/>
    </row>
    <row r="232993" spans="14:14">
      <c r="N232993" s="10"/>
    </row>
    <row r="232994" spans="14:14">
      <c r="N232994" s="10"/>
    </row>
    <row r="232995" spans="14:14">
      <c r="N232995" s="10"/>
    </row>
    <row r="232996" spans="14:14">
      <c r="N232996" s="10"/>
    </row>
    <row r="232997" spans="14:14">
      <c r="N232997" s="10"/>
    </row>
    <row r="232998" spans="14:14">
      <c r="N232998" s="10"/>
    </row>
    <row r="232999" spans="14:14">
      <c r="N232999" s="10"/>
    </row>
    <row r="233000" spans="14:14">
      <c r="N233000" s="10"/>
    </row>
    <row r="233001" spans="14:14">
      <c r="N233001" s="10"/>
    </row>
    <row r="233002" spans="14:14">
      <c r="N233002" s="10"/>
    </row>
    <row r="233003" spans="14:14">
      <c r="N233003" s="10"/>
    </row>
    <row r="233004" spans="14:14">
      <c r="N233004" s="10"/>
    </row>
    <row r="233005" spans="14:14">
      <c r="N233005" s="10"/>
    </row>
    <row r="233006" spans="14:14">
      <c r="N233006" s="10"/>
    </row>
    <row r="233007" spans="14:14">
      <c r="N233007" s="10"/>
    </row>
    <row r="233008" spans="14:14">
      <c r="N233008" s="10"/>
    </row>
    <row r="233009" spans="14:14">
      <c r="N233009" s="10"/>
    </row>
    <row r="233010" spans="14:14">
      <c r="N233010" s="10"/>
    </row>
    <row r="233011" spans="14:14">
      <c r="N233011" s="10"/>
    </row>
    <row r="233012" spans="14:14">
      <c r="N233012" s="10"/>
    </row>
    <row r="233013" spans="14:14">
      <c r="N233013" s="10"/>
    </row>
    <row r="233014" spans="14:14">
      <c r="N233014" s="10"/>
    </row>
    <row r="233015" spans="14:14">
      <c r="N233015" s="10"/>
    </row>
    <row r="233016" spans="14:14">
      <c r="N233016" s="10"/>
    </row>
    <row r="233017" spans="14:14">
      <c r="N233017" s="10"/>
    </row>
    <row r="233018" spans="14:14">
      <c r="N233018" s="10"/>
    </row>
    <row r="233019" spans="14:14">
      <c r="N233019" s="10"/>
    </row>
    <row r="233020" spans="14:14">
      <c r="N233020" s="10"/>
    </row>
    <row r="233021" spans="14:14">
      <c r="N233021" s="10"/>
    </row>
    <row r="233022" spans="14:14">
      <c r="N233022" s="10"/>
    </row>
    <row r="233023" spans="14:14">
      <c r="N233023" s="10"/>
    </row>
    <row r="233024" spans="14:14">
      <c r="N233024" s="10"/>
    </row>
    <row r="233025" spans="14:14">
      <c r="N233025" s="10"/>
    </row>
    <row r="233026" spans="14:14">
      <c r="N233026" s="10"/>
    </row>
    <row r="233027" spans="14:14">
      <c r="N233027" s="10"/>
    </row>
    <row r="233028" spans="14:14">
      <c r="N233028" s="10"/>
    </row>
    <row r="233029" spans="14:14">
      <c r="N233029" s="10"/>
    </row>
    <row r="233030" spans="14:14">
      <c r="N233030" s="10"/>
    </row>
    <row r="233031" spans="14:14">
      <c r="N233031" s="10"/>
    </row>
    <row r="233032" spans="14:14">
      <c r="N233032" s="10"/>
    </row>
    <row r="233033" spans="14:14">
      <c r="N233033" s="10"/>
    </row>
    <row r="233034" spans="14:14">
      <c r="N233034" s="10"/>
    </row>
    <row r="233035" spans="14:14">
      <c r="N233035" s="10"/>
    </row>
    <row r="233036" spans="14:14">
      <c r="N233036" s="10"/>
    </row>
    <row r="233037" spans="14:14">
      <c r="N233037" s="10"/>
    </row>
    <row r="233038" spans="14:14">
      <c r="N233038" s="10"/>
    </row>
    <row r="233039" spans="14:14">
      <c r="N233039" s="10"/>
    </row>
    <row r="233040" spans="14:14">
      <c r="N233040" s="10"/>
    </row>
    <row r="233041" spans="14:14">
      <c r="N233041" s="10"/>
    </row>
    <row r="233042" spans="14:14">
      <c r="N233042" s="10"/>
    </row>
    <row r="233043" spans="14:14">
      <c r="N233043" s="10"/>
    </row>
    <row r="233044" spans="14:14">
      <c r="N233044" s="10"/>
    </row>
    <row r="233045" spans="14:14">
      <c r="N233045" s="10"/>
    </row>
    <row r="233046" spans="14:14">
      <c r="N233046" s="10"/>
    </row>
    <row r="233047" spans="14:14">
      <c r="N233047" s="10"/>
    </row>
    <row r="233048" spans="14:14">
      <c r="N233048" s="10"/>
    </row>
    <row r="233049" spans="14:14">
      <c r="N233049" s="10"/>
    </row>
    <row r="233050" spans="14:14">
      <c r="N233050" s="10"/>
    </row>
    <row r="233051" spans="14:14">
      <c r="N233051" s="10"/>
    </row>
    <row r="233052" spans="14:14">
      <c r="N233052" s="10"/>
    </row>
    <row r="233053" spans="14:14">
      <c r="N233053" s="10"/>
    </row>
    <row r="233054" spans="14:14">
      <c r="N233054" s="10"/>
    </row>
    <row r="233055" spans="14:14">
      <c r="N233055" s="10"/>
    </row>
    <row r="233056" spans="14:14">
      <c r="N233056" s="10"/>
    </row>
    <row r="233057" spans="14:14">
      <c r="N233057" s="10"/>
    </row>
    <row r="233058" spans="14:14">
      <c r="N233058" s="10"/>
    </row>
    <row r="233059" spans="14:14">
      <c r="N233059" s="10"/>
    </row>
    <row r="233060" spans="14:14">
      <c r="N233060" s="10"/>
    </row>
    <row r="233061" spans="14:14">
      <c r="N233061" s="10"/>
    </row>
    <row r="233062" spans="14:14">
      <c r="N233062" s="10"/>
    </row>
    <row r="233063" spans="14:14">
      <c r="N233063" s="10"/>
    </row>
    <row r="233064" spans="14:14">
      <c r="N233064" s="10"/>
    </row>
    <row r="233065" spans="14:14">
      <c r="N233065" s="10"/>
    </row>
    <row r="233066" spans="14:14">
      <c r="N233066" s="10"/>
    </row>
    <row r="233067" spans="14:14">
      <c r="N233067" s="10"/>
    </row>
    <row r="233068" spans="14:14">
      <c r="N233068" s="10"/>
    </row>
    <row r="233069" spans="14:14">
      <c r="N233069" s="10"/>
    </row>
    <row r="233070" spans="14:14">
      <c r="N233070" s="10"/>
    </row>
    <row r="233071" spans="14:14">
      <c r="N233071" s="10"/>
    </row>
    <row r="233072" spans="14:14">
      <c r="N233072" s="10"/>
    </row>
    <row r="233073" spans="14:14">
      <c r="N233073" s="10"/>
    </row>
    <row r="233074" spans="14:14">
      <c r="N233074" s="10"/>
    </row>
    <row r="233075" spans="14:14">
      <c r="N233075" s="10"/>
    </row>
    <row r="233076" spans="14:14">
      <c r="N233076" s="10"/>
    </row>
    <row r="233077" spans="14:14">
      <c r="N233077" s="10"/>
    </row>
    <row r="233078" spans="14:14">
      <c r="N233078" s="10"/>
    </row>
    <row r="233079" spans="14:14">
      <c r="N233079" s="10"/>
    </row>
    <row r="233080" spans="14:14">
      <c r="N233080" s="10"/>
    </row>
    <row r="233081" spans="14:14">
      <c r="N233081" s="10"/>
    </row>
    <row r="233082" spans="14:14">
      <c r="N233082" s="10"/>
    </row>
    <row r="233083" spans="14:14">
      <c r="N233083" s="10"/>
    </row>
    <row r="233084" spans="14:14">
      <c r="N233084" s="10"/>
    </row>
    <row r="233085" spans="14:14">
      <c r="N233085" s="10"/>
    </row>
    <row r="233086" spans="14:14">
      <c r="N233086" s="10"/>
    </row>
    <row r="233087" spans="14:14">
      <c r="N233087" s="10"/>
    </row>
    <row r="233088" spans="14:14">
      <c r="N233088" s="10"/>
    </row>
    <row r="233089" spans="14:14">
      <c r="N233089" s="10"/>
    </row>
    <row r="233090" spans="14:14">
      <c r="N233090" s="10"/>
    </row>
    <row r="233091" spans="14:14">
      <c r="N233091" s="10"/>
    </row>
    <row r="233092" spans="14:14">
      <c r="N233092" s="10"/>
    </row>
    <row r="233093" spans="14:14">
      <c r="N233093" s="10"/>
    </row>
    <row r="233094" spans="14:14">
      <c r="N233094" s="10"/>
    </row>
    <row r="233095" spans="14:14">
      <c r="N233095" s="10"/>
    </row>
    <row r="233096" spans="14:14">
      <c r="N233096" s="10"/>
    </row>
    <row r="233097" spans="14:14">
      <c r="N233097" s="10"/>
    </row>
    <row r="233098" spans="14:14">
      <c r="N233098" s="10"/>
    </row>
    <row r="233099" spans="14:14">
      <c r="N233099" s="10"/>
    </row>
    <row r="233100" spans="14:14">
      <c r="N233100" s="10"/>
    </row>
    <row r="233101" spans="14:14">
      <c r="N233101" s="10"/>
    </row>
    <row r="233102" spans="14:14">
      <c r="N233102" s="10"/>
    </row>
    <row r="233103" spans="14:14">
      <c r="N233103" s="10"/>
    </row>
    <row r="233104" spans="14:14">
      <c r="N233104" s="10"/>
    </row>
    <row r="233105" spans="14:14">
      <c r="N233105" s="10"/>
    </row>
    <row r="233106" spans="14:14">
      <c r="N233106" s="10"/>
    </row>
    <row r="233107" spans="14:14">
      <c r="N233107" s="10"/>
    </row>
    <row r="233108" spans="14:14">
      <c r="N233108" s="10"/>
    </row>
    <row r="233109" spans="14:14">
      <c r="N233109" s="10"/>
    </row>
    <row r="233110" spans="14:14">
      <c r="N233110" s="10"/>
    </row>
    <row r="233111" spans="14:14">
      <c r="N233111" s="10"/>
    </row>
    <row r="233112" spans="14:14">
      <c r="N233112" s="10"/>
    </row>
    <row r="233113" spans="14:14">
      <c r="N233113" s="10"/>
    </row>
    <row r="233114" spans="14:14">
      <c r="N233114" s="10"/>
    </row>
    <row r="233115" spans="14:14">
      <c r="N233115" s="10"/>
    </row>
    <row r="233116" spans="14:14">
      <c r="N233116" s="10"/>
    </row>
    <row r="233117" spans="14:14">
      <c r="N233117" s="10"/>
    </row>
    <row r="233118" spans="14:14">
      <c r="N233118" s="10"/>
    </row>
    <row r="233119" spans="14:14">
      <c r="N233119" s="10"/>
    </row>
    <row r="233120" spans="14:14">
      <c r="N233120" s="10"/>
    </row>
    <row r="233121" spans="14:14">
      <c r="N233121" s="10"/>
    </row>
    <row r="233122" spans="14:14">
      <c r="N233122" s="10"/>
    </row>
    <row r="233123" spans="14:14">
      <c r="N233123" s="10"/>
    </row>
    <row r="233124" spans="14:14">
      <c r="N233124" s="10"/>
    </row>
    <row r="233125" spans="14:14">
      <c r="N233125" s="10"/>
    </row>
    <row r="233126" spans="14:14">
      <c r="N233126" s="10"/>
    </row>
    <row r="233127" spans="14:14">
      <c r="N233127" s="10"/>
    </row>
    <row r="233128" spans="14:14">
      <c r="N233128" s="10"/>
    </row>
    <row r="233129" spans="14:14">
      <c r="N233129" s="10"/>
    </row>
    <row r="233130" spans="14:14">
      <c r="N233130" s="10"/>
    </row>
    <row r="233131" spans="14:14">
      <c r="N233131" s="10"/>
    </row>
    <row r="233132" spans="14:14">
      <c r="N233132" s="10"/>
    </row>
    <row r="233133" spans="14:14">
      <c r="N233133" s="10"/>
    </row>
    <row r="233134" spans="14:14">
      <c r="N233134" s="10"/>
    </row>
    <row r="233135" spans="14:14">
      <c r="N233135" s="10"/>
    </row>
    <row r="233136" spans="14:14">
      <c r="N233136" s="10"/>
    </row>
    <row r="233137" spans="14:14">
      <c r="N233137" s="10"/>
    </row>
    <row r="233138" spans="14:14">
      <c r="N233138" s="10"/>
    </row>
    <row r="233139" spans="14:14">
      <c r="N233139" s="10"/>
    </row>
    <row r="233140" spans="14:14">
      <c r="N233140" s="10"/>
    </row>
    <row r="233141" spans="14:14">
      <c r="N233141" s="10"/>
    </row>
    <row r="233142" spans="14:14">
      <c r="N233142" s="10"/>
    </row>
    <row r="233143" spans="14:14">
      <c r="N233143" s="10"/>
    </row>
    <row r="233144" spans="14:14">
      <c r="N233144" s="10"/>
    </row>
    <row r="233145" spans="14:14">
      <c r="N233145" s="10"/>
    </row>
    <row r="233146" spans="14:14">
      <c r="N233146" s="10"/>
    </row>
    <row r="233147" spans="14:14">
      <c r="N233147" s="10"/>
    </row>
    <row r="233148" spans="14:14">
      <c r="N233148" s="10"/>
    </row>
    <row r="233149" spans="14:14">
      <c r="N233149" s="10"/>
    </row>
    <row r="233150" spans="14:14">
      <c r="N233150" s="10"/>
    </row>
    <row r="233151" spans="14:14">
      <c r="N233151" s="10"/>
    </row>
    <row r="233152" spans="14:14">
      <c r="N233152" s="10"/>
    </row>
    <row r="233153" spans="14:14">
      <c r="N233153" s="10"/>
    </row>
    <row r="233154" spans="14:14">
      <c r="N233154" s="10"/>
    </row>
    <row r="233155" spans="14:14">
      <c r="N233155" s="10"/>
    </row>
    <row r="233156" spans="14:14">
      <c r="N233156" s="10"/>
    </row>
    <row r="233157" spans="14:14">
      <c r="N233157" s="10"/>
    </row>
    <row r="233158" spans="14:14">
      <c r="N233158" s="10"/>
    </row>
    <row r="233159" spans="14:14">
      <c r="N233159" s="10"/>
    </row>
    <row r="233160" spans="14:14">
      <c r="N233160" s="10"/>
    </row>
    <row r="233161" spans="14:14">
      <c r="N233161" s="10"/>
    </row>
    <row r="233162" spans="14:14">
      <c r="N233162" s="10"/>
    </row>
    <row r="233163" spans="14:14">
      <c r="N233163" s="10"/>
    </row>
    <row r="233164" spans="14:14">
      <c r="N233164" s="10"/>
    </row>
    <row r="233165" spans="14:14">
      <c r="N233165" s="10"/>
    </row>
    <row r="233166" spans="14:14">
      <c r="N233166" s="10"/>
    </row>
    <row r="233167" spans="14:14">
      <c r="N233167" s="10"/>
    </row>
    <row r="233168" spans="14:14">
      <c r="N233168" s="10"/>
    </row>
    <row r="233169" spans="14:14">
      <c r="N233169" s="10"/>
    </row>
    <row r="233170" spans="14:14">
      <c r="N233170" s="10"/>
    </row>
    <row r="233171" spans="14:14">
      <c r="N233171" s="10"/>
    </row>
    <row r="233172" spans="14:14">
      <c r="N233172" s="10"/>
    </row>
    <row r="233173" spans="14:14">
      <c r="N233173" s="10"/>
    </row>
    <row r="233174" spans="14:14">
      <c r="N233174" s="10"/>
    </row>
    <row r="233175" spans="14:14">
      <c r="N233175" s="10"/>
    </row>
    <row r="233176" spans="14:14">
      <c r="N233176" s="10"/>
    </row>
    <row r="233177" spans="14:14">
      <c r="N233177" s="10"/>
    </row>
    <row r="233178" spans="14:14">
      <c r="N233178" s="10"/>
    </row>
    <row r="233179" spans="14:14">
      <c r="N233179" s="10"/>
    </row>
    <row r="233180" spans="14:14">
      <c r="N233180" s="10"/>
    </row>
    <row r="233181" spans="14:14">
      <c r="N233181" s="10"/>
    </row>
    <row r="233182" spans="14:14">
      <c r="N233182" s="10"/>
    </row>
    <row r="233183" spans="14:14">
      <c r="N233183" s="10"/>
    </row>
    <row r="233184" spans="14:14">
      <c r="N233184" s="10"/>
    </row>
    <row r="233185" spans="14:14">
      <c r="N233185" s="10"/>
    </row>
    <row r="233186" spans="14:14">
      <c r="N233186" s="10"/>
    </row>
    <row r="233187" spans="14:14">
      <c r="N233187" s="10"/>
    </row>
    <row r="233188" spans="14:14">
      <c r="N233188" s="10"/>
    </row>
    <row r="233189" spans="14:14">
      <c r="N233189" s="10"/>
    </row>
    <row r="233190" spans="14:14">
      <c r="N233190" s="10"/>
    </row>
    <row r="233191" spans="14:14">
      <c r="N233191" s="10"/>
    </row>
    <row r="233192" spans="14:14">
      <c r="N233192" s="10"/>
    </row>
    <row r="233193" spans="14:14">
      <c r="N233193" s="10"/>
    </row>
    <row r="233194" spans="14:14">
      <c r="N233194" s="10"/>
    </row>
    <row r="233195" spans="14:14">
      <c r="N233195" s="10"/>
    </row>
    <row r="233196" spans="14:14">
      <c r="N233196" s="10"/>
    </row>
    <row r="233197" spans="14:14">
      <c r="N233197" s="10"/>
    </row>
    <row r="233198" spans="14:14">
      <c r="N233198" s="10"/>
    </row>
    <row r="233199" spans="14:14">
      <c r="N233199" s="10"/>
    </row>
    <row r="233200" spans="14:14">
      <c r="N233200" s="10"/>
    </row>
    <row r="233201" spans="14:14">
      <c r="N233201" s="10"/>
    </row>
    <row r="233202" spans="14:14">
      <c r="N233202" s="10"/>
    </row>
    <row r="233203" spans="14:14">
      <c r="N233203" s="10"/>
    </row>
    <row r="233204" spans="14:14">
      <c r="N233204" s="10"/>
    </row>
    <row r="233205" spans="14:14">
      <c r="N233205" s="10"/>
    </row>
    <row r="233206" spans="14:14">
      <c r="N233206" s="10"/>
    </row>
    <row r="233207" spans="14:14">
      <c r="N233207" s="10"/>
    </row>
    <row r="233208" spans="14:14">
      <c r="N233208" s="10"/>
    </row>
    <row r="233209" spans="14:14">
      <c r="N233209" s="10"/>
    </row>
    <row r="233210" spans="14:14">
      <c r="N233210" s="10"/>
    </row>
    <row r="233211" spans="14:14">
      <c r="N233211" s="10"/>
    </row>
    <row r="233212" spans="14:14">
      <c r="N233212" s="10"/>
    </row>
    <row r="233213" spans="14:14">
      <c r="N233213" s="10"/>
    </row>
    <row r="233214" spans="14:14">
      <c r="N233214" s="10"/>
    </row>
    <row r="233215" spans="14:14">
      <c r="N233215" s="10"/>
    </row>
    <row r="233216" spans="14:14">
      <c r="N233216" s="10"/>
    </row>
    <row r="233217" spans="14:14">
      <c r="N233217" s="10"/>
    </row>
    <row r="233218" spans="14:14">
      <c r="N233218" s="10"/>
    </row>
    <row r="233219" spans="14:14">
      <c r="N233219" s="10"/>
    </row>
    <row r="233220" spans="14:14">
      <c r="N233220" s="10"/>
    </row>
    <row r="233221" spans="14:14">
      <c r="N233221" s="10"/>
    </row>
    <row r="233222" spans="14:14">
      <c r="N233222" s="10"/>
    </row>
    <row r="233223" spans="14:14">
      <c r="N233223" s="10"/>
    </row>
    <row r="233224" spans="14:14">
      <c r="N233224" s="10"/>
    </row>
    <row r="233225" spans="14:14">
      <c r="N233225" s="10"/>
    </row>
    <row r="233226" spans="14:14">
      <c r="N233226" s="10"/>
    </row>
    <row r="233227" spans="14:14">
      <c r="N233227" s="10"/>
    </row>
    <row r="233228" spans="14:14">
      <c r="N233228" s="10"/>
    </row>
    <row r="233229" spans="14:14">
      <c r="N233229" s="10"/>
    </row>
    <row r="233230" spans="14:14">
      <c r="N233230" s="10"/>
    </row>
    <row r="233231" spans="14:14">
      <c r="N233231" s="10"/>
    </row>
    <row r="233232" spans="14:14">
      <c r="N233232" s="10"/>
    </row>
    <row r="233233" spans="14:14">
      <c r="N233233" s="10"/>
    </row>
    <row r="233234" spans="14:14">
      <c r="N233234" s="10"/>
    </row>
    <row r="233235" spans="14:14">
      <c r="N233235" s="10"/>
    </row>
    <row r="233236" spans="14:14">
      <c r="N233236" s="10"/>
    </row>
    <row r="233237" spans="14:14">
      <c r="N233237" s="10"/>
    </row>
    <row r="233238" spans="14:14">
      <c r="N233238" s="10"/>
    </row>
    <row r="233239" spans="14:14">
      <c r="N233239" s="10"/>
    </row>
    <row r="233240" spans="14:14">
      <c r="N233240" s="10"/>
    </row>
    <row r="233241" spans="14:14">
      <c r="N233241" s="10"/>
    </row>
    <row r="233242" spans="14:14">
      <c r="N233242" s="10"/>
    </row>
    <row r="233243" spans="14:14">
      <c r="N233243" s="10"/>
    </row>
    <row r="233244" spans="14:14">
      <c r="N233244" s="10"/>
    </row>
    <row r="233245" spans="14:14">
      <c r="N233245" s="10"/>
    </row>
    <row r="233246" spans="14:14">
      <c r="N233246" s="10"/>
    </row>
    <row r="233247" spans="14:14">
      <c r="N233247" s="10"/>
    </row>
    <row r="233248" spans="14:14">
      <c r="N233248" s="10"/>
    </row>
    <row r="233249" spans="14:14">
      <c r="N233249" s="10"/>
    </row>
    <row r="233250" spans="14:14">
      <c r="N233250" s="10"/>
    </row>
    <row r="233251" spans="14:14">
      <c r="N233251" s="10"/>
    </row>
    <row r="233252" spans="14:14">
      <c r="N233252" s="10"/>
    </row>
    <row r="233253" spans="14:14">
      <c r="N233253" s="10"/>
    </row>
    <row r="233254" spans="14:14">
      <c r="N233254" s="10"/>
    </row>
    <row r="233255" spans="14:14">
      <c r="N233255" s="10"/>
    </row>
    <row r="233256" spans="14:14">
      <c r="N233256" s="10"/>
    </row>
    <row r="233257" spans="14:14">
      <c r="N233257" s="10"/>
    </row>
    <row r="233258" spans="14:14">
      <c r="N233258" s="10"/>
    </row>
    <row r="233259" spans="14:14">
      <c r="N233259" s="10"/>
    </row>
    <row r="233260" spans="14:14">
      <c r="N233260" s="10"/>
    </row>
    <row r="233261" spans="14:14">
      <c r="N233261" s="10"/>
    </row>
    <row r="233262" spans="14:14">
      <c r="N233262" s="10"/>
    </row>
    <row r="233263" spans="14:14">
      <c r="N233263" s="10"/>
    </row>
    <row r="233264" spans="14:14">
      <c r="N233264" s="10"/>
    </row>
    <row r="233265" spans="14:14">
      <c r="N233265" s="10"/>
    </row>
    <row r="233266" spans="14:14">
      <c r="N233266" s="10"/>
    </row>
    <row r="233267" spans="14:14">
      <c r="N233267" s="10"/>
    </row>
    <row r="233268" spans="14:14">
      <c r="N233268" s="10"/>
    </row>
    <row r="233269" spans="14:14">
      <c r="N233269" s="10"/>
    </row>
    <row r="233270" spans="14:14">
      <c r="N233270" s="10"/>
    </row>
    <row r="233271" spans="14:14">
      <c r="N233271" s="10"/>
    </row>
    <row r="233272" spans="14:14">
      <c r="N233272" s="10"/>
    </row>
    <row r="233273" spans="14:14">
      <c r="N233273" s="10"/>
    </row>
    <row r="233274" spans="14:14">
      <c r="N233274" s="10"/>
    </row>
    <row r="233275" spans="14:14">
      <c r="N233275" s="10"/>
    </row>
    <row r="233276" spans="14:14">
      <c r="N233276" s="10"/>
    </row>
    <row r="233277" spans="14:14">
      <c r="N233277" s="10"/>
    </row>
    <row r="233278" spans="14:14">
      <c r="N233278" s="10"/>
    </row>
    <row r="233279" spans="14:14">
      <c r="N233279" s="10"/>
    </row>
    <row r="233280" spans="14:14">
      <c r="N233280" s="10"/>
    </row>
    <row r="233281" spans="14:14">
      <c r="N233281" s="10"/>
    </row>
    <row r="233282" spans="14:14">
      <c r="N233282" s="10"/>
    </row>
    <row r="233283" spans="14:14">
      <c r="N233283" s="10"/>
    </row>
    <row r="233284" spans="14:14">
      <c r="N233284" s="10"/>
    </row>
    <row r="233285" spans="14:14">
      <c r="N233285" s="10"/>
    </row>
    <row r="233286" spans="14:14">
      <c r="N233286" s="10"/>
    </row>
    <row r="233287" spans="14:14">
      <c r="N233287" s="10"/>
    </row>
    <row r="233288" spans="14:14">
      <c r="N233288" s="10"/>
    </row>
    <row r="233289" spans="14:14">
      <c r="N233289" s="10"/>
    </row>
    <row r="233290" spans="14:14">
      <c r="N233290" s="10"/>
    </row>
    <row r="233291" spans="14:14">
      <c r="N233291" s="10"/>
    </row>
    <row r="233292" spans="14:14">
      <c r="N233292" s="10"/>
    </row>
    <row r="233293" spans="14:14">
      <c r="N233293" s="10"/>
    </row>
    <row r="233294" spans="14:14">
      <c r="N233294" s="10"/>
    </row>
    <row r="233295" spans="14:14">
      <c r="N233295" s="10"/>
    </row>
    <row r="233296" spans="14:14">
      <c r="N233296" s="10"/>
    </row>
    <row r="233297" spans="14:14">
      <c r="N233297" s="10"/>
    </row>
    <row r="233298" spans="14:14">
      <c r="N233298" s="10"/>
    </row>
    <row r="233299" spans="14:14">
      <c r="N233299" s="10"/>
    </row>
    <row r="233300" spans="14:14">
      <c r="N233300" s="10"/>
    </row>
    <row r="233301" spans="14:14">
      <c r="N233301" s="10"/>
    </row>
    <row r="233302" spans="14:14">
      <c r="N233302" s="10"/>
    </row>
    <row r="233303" spans="14:14">
      <c r="N233303" s="10"/>
    </row>
    <row r="233304" spans="14:14">
      <c r="N233304" s="10"/>
    </row>
    <row r="233305" spans="14:14">
      <c r="N233305" s="10"/>
    </row>
    <row r="233306" spans="14:14">
      <c r="N233306" s="10"/>
    </row>
    <row r="233307" spans="14:14">
      <c r="N233307" s="10"/>
    </row>
    <row r="233308" spans="14:14">
      <c r="N233308" s="10"/>
    </row>
    <row r="233309" spans="14:14">
      <c r="N233309" s="10"/>
    </row>
    <row r="233310" spans="14:14">
      <c r="N233310" s="10"/>
    </row>
    <row r="233311" spans="14:14">
      <c r="N233311" s="10"/>
    </row>
    <row r="233312" spans="14:14">
      <c r="N233312" s="10"/>
    </row>
    <row r="233313" spans="14:14">
      <c r="N233313" s="10"/>
    </row>
    <row r="233314" spans="14:14">
      <c r="N233314" s="10"/>
    </row>
    <row r="233315" spans="14:14">
      <c r="N233315" s="10"/>
    </row>
    <row r="233316" spans="14:14">
      <c r="N233316" s="10"/>
    </row>
    <row r="233317" spans="14:14">
      <c r="N233317" s="10"/>
    </row>
    <row r="233318" spans="14:14">
      <c r="N233318" s="10"/>
    </row>
    <row r="233319" spans="14:14">
      <c r="N233319" s="10"/>
    </row>
    <row r="233320" spans="14:14">
      <c r="N233320" s="10"/>
    </row>
    <row r="233321" spans="14:14">
      <c r="N233321" s="10"/>
    </row>
    <row r="233322" spans="14:14">
      <c r="N233322" s="10"/>
    </row>
    <row r="233323" spans="14:14">
      <c r="N233323" s="10"/>
    </row>
    <row r="233324" spans="14:14">
      <c r="N233324" s="10"/>
    </row>
    <row r="233325" spans="14:14">
      <c r="N233325" s="10"/>
    </row>
    <row r="233326" spans="14:14">
      <c r="N233326" s="10"/>
    </row>
    <row r="233327" spans="14:14">
      <c r="N233327" s="10"/>
    </row>
    <row r="233328" spans="14:14">
      <c r="N233328" s="10"/>
    </row>
    <row r="233329" spans="14:14">
      <c r="N233329" s="10"/>
    </row>
    <row r="233330" spans="14:14">
      <c r="N233330" s="10"/>
    </row>
    <row r="233331" spans="14:14">
      <c r="N233331" s="10"/>
    </row>
    <row r="233332" spans="14:14">
      <c r="N233332" s="10"/>
    </row>
    <row r="233333" spans="14:14">
      <c r="N233333" s="10"/>
    </row>
    <row r="233334" spans="14:14">
      <c r="N233334" s="10"/>
    </row>
    <row r="233335" spans="14:14">
      <c r="N233335" s="10"/>
    </row>
    <row r="233336" spans="14:14">
      <c r="N233336" s="10"/>
    </row>
    <row r="233337" spans="14:14">
      <c r="N233337" s="10"/>
    </row>
    <row r="233338" spans="14:14">
      <c r="N233338" s="10"/>
    </row>
    <row r="233339" spans="14:14">
      <c r="N233339" s="10"/>
    </row>
    <row r="233340" spans="14:14">
      <c r="N233340" s="10"/>
    </row>
    <row r="233341" spans="14:14">
      <c r="N233341" s="10"/>
    </row>
    <row r="233342" spans="14:14">
      <c r="N233342" s="10"/>
    </row>
    <row r="233343" spans="14:14">
      <c r="N233343" s="10"/>
    </row>
    <row r="233344" spans="14:14">
      <c r="N233344" s="10"/>
    </row>
    <row r="233345" spans="14:14">
      <c r="N233345" s="10"/>
    </row>
    <row r="233346" spans="14:14">
      <c r="N233346" s="10"/>
    </row>
    <row r="233347" spans="14:14">
      <c r="N233347" s="10"/>
    </row>
    <row r="233348" spans="14:14">
      <c r="N233348" s="10"/>
    </row>
    <row r="233349" spans="14:14">
      <c r="N233349" s="10"/>
    </row>
    <row r="233350" spans="14:14">
      <c r="N233350" s="10"/>
    </row>
    <row r="233351" spans="14:14">
      <c r="N233351" s="10"/>
    </row>
    <row r="233352" spans="14:14">
      <c r="N233352" s="10"/>
    </row>
    <row r="233353" spans="14:14">
      <c r="N233353" s="10"/>
    </row>
    <row r="233354" spans="14:14">
      <c r="N233354" s="10"/>
    </row>
    <row r="233355" spans="14:14">
      <c r="N233355" s="10"/>
    </row>
    <row r="233356" spans="14:14">
      <c r="N233356" s="10"/>
    </row>
    <row r="233357" spans="14:14">
      <c r="N233357" s="10"/>
    </row>
    <row r="233358" spans="14:14">
      <c r="N233358" s="10"/>
    </row>
    <row r="233359" spans="14:14">
      <c r="N233359" s="10"/>
    </row>
    <row r="233360" spans="14:14">
      <c r="N233360" s="10"/>
    </row>
    <row r="233361" spans="14:14">
      <c r="N233361" s="10"/>
    </row>
    <row r="233362" spans="14:14">
      <c r="N233362" s="10"/>
    </row>
    <row r="233363" spans="14:14">
      <c r="N233363" s="10"/>
    </row>
    <row r="233364" spans="14:14">
      <c r="N233364" s="10"/>
    </row>
    <row r="233365" spans="14:14">
      <c r="N233365" s="10"/>
    </row>
    <row r="233366" spans="14:14">
      <c r="N233366" s="10"/>
    </row>
    <row r="233367" spans="14:14">
      <c r="N233367" s="10"/>
    </row>
    <row r="233368" spans="14:14">
      <c r="N233368" s="10"/>
    </row>
    <row r="233369" spans="14:14">
      <c r="N233369" s="10"/>
    </row>
    <row r="233370" spans="14:14">
      <c r="N233370" s="10"/>
    </row>
    <row r="233371" spans="14:14">
      <c r="N233371" s="10"/>
    </row>
    <row r="233372" spans="14:14">
      <c r="N233372" s="10"/>
    </row>
    <row r="233373" spans="14:14">
      <c r="N233373" s="10"/>
    </row>
    <row r="233374" spans="14:14">
      <c r="N233374" s="10"/>
    </row>
    <row r="233375" spans="14:14">
      <c r="N233375" s="10"/>
    </row>
    <row r="233376" spans="14:14">
      <c r="N233376" s="10"/>
    </row>
    <row r="233377" spans="14:14">
      <c r="N233377" s="10"/>
    </row>
    <row r="233378" spans="14:14">
      <c r="N233378" s="10"/>
    </row>
    <row r="233379" spans="14:14">
      <c r="N233379" s="10"/>
    </row>
    <row r="233380" spans="14:14">
      <c r="N233380" s="10"/>
    </row>
    <row r="233381" spans="14:14">
      <c r="N233381" s="10"/>
    </row>
    <row r="233382" spans="14:14">
      <c r="N233382" s="10"/>
    </row>
    <row r="233383" spans="14:14">
      <c r="N233383" s="10"/>
    </row>
    <row r="233384" spans="14:14">
      <c r="N233384" s="10"/>
    </row>
    <row r="233385" spans="14:14">
      <c r="N233385" s="10"/>
    </row>
    <row r="233386" spans="14:14">
      <c r="N233386" s="10"/>
    </row>
    <row r="233387" spans="14:14">
      <c r="N233387" s="10"/>
    </row>
    <row r="233388" spans="14:14">
      <c r="N233388" s="10"/>
    </row>
    <row r="233389" spans="14:14">
      <c r="N233389" s="10"/>
    </row>
    <row r="233390" spans="14:14">
      <c r="N233390" s="10"/>
    </row>
    <row r="233391" spans="14:14">
      <c r="N233391" s="10"/>
    </row>
    <row r="233392" spans="14:14">
      <c r="N233392" s="10"/>
    </row>
    <row r="233393" spans="14:14">
      <c r="N233393" s="10"/>
    </row>
    <row r="233394" spans="14:14">
      <c r="N233394" s="10"/>
    </row>
    <row r="233395" spans="14:14">
      <c r="N233395" s="10"/>
    </row>
    <row r="233396" spans="14:14">
      <c r="N233396" s="10"/>
    </row>
    <row r="233397" spans="14:14">
      <c r="N233397" s="10"/>
    </row>
    <row r="233398" spans="14:14">
      <c r="N233398" s="10"/>
    </row>
    <row r="233399" spans="14:14">
      <c r="N233399" s="10"/>
    </row>
    <row r="233400" spans="14:14">
      <c r="N233400" s="10"/>
    </row>
    <row r="233401" spans="14:14">
      <c r="N233401" s="10"/>
    </row>
    <row r="233402" spans="14:14">
      <c r="N233402" s="10"/>
    </row>
    <row r="233403" spans="14:14">
      <c r="N233403" s="10"/>
    </row>
    <row r="233404" spans="14:14">
      <c r="N233404" s="10"/>
    </row>
    <row r="233405" spans="14:14">
      <c r="N233405" s="10"/>
    </row>
    <row r="233406" spans="14:14">
      <c r="N233406" s="10"/>
    </row>
    <row r="233407" spans="14:14">
      <c r="N233407" s="10"/>
    </row>
    <row r="233408" spans="14:14">
      <c r="N233408" s="10"/>
    </row>
    <row r="233409" spans="14:14">
      <c r="N233409" s="10"/>
    </row>
    <row r="233410" spans="14:14">
      <c r="N233410" s="10"/>
    </row>
    <row r="233411" spans="14:14">
      <c r="N233411" s="10"/>
    </row>
    <row r="233412" spans="14:14">
      <c r="N233412" s="10"/>
    </row>
    <row r="233413" spans="14:14">
      <c r="N233413" s="10"/>
    </row>
    <row r="233414" spans="14:14">
      <c r="N233414" s="10"/>
    </row>
    <row r="233415" spans="14:14">
      <c r="N233415" s="10"/>
    </row>
    <row r="233416" spans="14:14">
      <c r="N233416" s="10"/>
    </row>
    <row r="233417" spans="14:14">
      <c r="N233417" s="10"/>
    </row>
    <row r="233418" spans="14:14">
      <c r="N233418" s="10"/>
    </row>
    <row r="233419" spans="14:14">
      <c r="N233419" s="10"/>
    </row>
    <row r="233420" spans="14:14">
      <c r="N233420" s="10"/>
    </row>
    <row r="233421" spans="14:14">
      <c r="N233421" s="10"/>
    </row>
    <row r="233422" spans="14:14">
      <c r="N233422" s="10"/>
    </row>
    <row r="233423" spans="14:14">
      <c r="N233423" s="10"/>
    </row>
    <row r="233424" spans="14:14">
      <c r="N233424" s="10"/>
    </row>
    <row r="233425" spans="14:14">
      <c r="N233425" s="10"/>
    </row>
    <row r="233426" spans="14:14">
      <c r="N233426" s="10"/>
    </row>
    <row r="233427" spans="14:14">
      <c r="N233427" s="10"/>
    </row>
    <row r="233428" spans="14:14">
      <c r="N233428" s="10"/>
    </row>
    <row r="233429" spans="14:14">
      <c r="N233429" s="10"/>
    </row>
    <row r="233430" spans="14:14">
      <c r="N233430" s="10"/>
    </row>
    <row r="233431" spans="14:14">
      <c r="N233431" s="10"/>
    </row>
    <row r="233432" spans="14:14">
      <c r="N233432" s="10"/>
    </row>
    <row r="233433" spans="14:14">
      <c r="N233433" s="10"/>
    </row>
    <row r="233434" spans="14:14">
      <c r="N233434" s="10"/>
    </row>
    <row r="233435" spans="14:14">
      <c r="N233435" s="10"/>
    </row>
    <row r="233436" spans="14:14">
      <c r="N233436" s="10"/>
    </row>
    <row r="233437" spans="14:14">
      <c r="N233437" s="10"/>
    </row>
    <row r="233438" spans="14:14">
      <c r="N233438" s="10"/>
    </row>
    <row r="233439" spans="14:14">
      <c r="N233439" s="10"/>
    </row>
    <row r="233440" spans="14:14">
      <c r="N233440" s="10"/>
    </row>
    <row r="233441" spans="14:14">
      <c r="N233441" s="10"/>
    </row>
    <row r="233442" spans="14:14">
      <c r="N233442" s="10"/>
    </row>
    <row r="233443" spans="14:14">
      <c r="N233443" s="10"/>
    </row>
    <row r="233444" spans="14:14">
      <c r="N233444" s="10"/>
    </row>
    <row r="233445" spans="14:14">
      <c r="N233445" s="10"/>
    </row>
    <row r="233446" spans="14:14">
      <c r="N233446" s="10"/>
    </row>
    <row r="233447" spans="14:14">
      <c r="N233447" s="10"/>
    </row>
    <row r="233448" spans="14:14">
      <c r="N233448" s="10"/>
    </row>
    <row r="233449" spans="14:14">
      <c r="N233449" s="10"/>
    </row>
    <row r="233450" spans="14:14">
      <c r="N233450" s="10"/>
    </row>
    <row r="233451" spans="14:14">
      <c r="N233451" s="10"/>
    </row>
    <row r="233452" spans="14:14">
      <c r="N233452" s="10"/>
    </row>
    <row r="233453" spans="14:14">
      <c r="N233453" s="10"/>
    </row>
    <row r="233454" spans="14:14">
      <c r="N233454" s="10"/>
    </row>
    <row r="233455" spans="14:14">
      <c r="N233455" s="10"/>
    </row>
    <row r="233456" spans="14:14">
      <c r="N233456" s="10"/>
    </row>
    <row r="233457" spans="14:14">
      <c r="N233457" s="10"/>
    </row>
    <row r="233458" spans="14:14">
      <c r="N233458" s="10"/>
    </row>
    <row r="233459" spans="14:14">
      <c r="N233459" s="10"/>
    </row>
    <row r="233460" spans="14:14">
      <c r="N233460" s="10"/>
    </row>
    <row r="233461" spans="14:14">
      <c r="N233461" s="10"/>
    </row>
    <row r="233462" spans="14:14">
      <c r="N233462" s="10"/>
    </row>
    <row r="233463" spans="14:14">
      <c r="N233463" s="10"/>
    </row>
    <row r="233464" spans="14:14">
      <c r="N233464" s="10"/>
    </row>
    <row r="233465" spans="14:14">
      <c r="N233465" s="10"/>
    </row>
    <row r="233466" spans="14:14">
      <c r="N233466" s="10"/>
    </row>
    <row r="233467" spans="14:14">
      <c r="N233467" s="10"/>
    </row>
    <row r="233468" spans="14:14">
      <c r="N233468" s="10"/>
    </row>
    <row r="233469" spans="14:14">
      <c r="N233469" s="10"/>
    </row>
    <row r="233470" spans="14:14">
      <c r="N233470" s="10"/>
    </row>
    <row r="233471" spans="14:14">
      <c r="N233471" s="10"/>
    </row>
    <row r="233472" spans="14:14">
      <c r="N233472" s="10"/>
    </row>
    <row r="233473" spans="14:14">
      <c r="N233473" s="10"/>
    </row>
    <row r="233474" spans="14:14">
      <c r="N233474" s="10"/>
    </row>
    <row r="233475" spans="14:14">
      <c r="N233475" s="10"/>
    </row>
    <row r="233476" spans="14:14">
      <c r="N233476" s="10"/>
    </row>
    <row r="233477" spans="14:14">
      <c r="N233477" s="10"/>
    </row>
    <row r="233478" spans="14:14">
      <c r="N233478" s="10"/>
    </row>
    <row r="233479" spans="14:14">
      <c r="N233479" s="10"/>
    </row>
    <row r="233480" spans="14:14">
      <c r="N233480" s="10"/>
    </row>
    <row r="233481" spans="14:14">
      <c r="N233481" s="10"/>
    </row>
    <row r="233482" spans="14:14">
      <c r="N233482" s="10"/>
    </row>
    <row r="233483" spans="14:14">
      <c r="N233483" s="10"/>
    </row>
    <row r="233484" spans="14:14">
      <c r="N233484" s="10"/>
    </row>
    <row r="233485" spans="14:14">
      <c r="N233485" s="10"/>
    </row>
    <row r="233486" spans="14:14">
      <c r="N233486" s="10"/>
    </row>
    <row r="233487" spans="14:14">
      <c r="N233487" s="10"/>
    </row>
    <row r="233488" spans="14:14">
      <c r="N233488" s="10"/>
    </row>
    <row r="233489" spans="14:14">
      <c r="N233489" s="10"/>
    </row>
    <row r="233490" spans="14:14">
      <c r="N233490" s="10"/>
    </row>
    <row r="233491" spans="14:14">
      <c r="N233491" s="10"/>
    </row>
    <row r="233492" spans="14:14">
      <c r="N233492" s="10"/>
    </row>
    <row r="233493" spans="14:14">
      <c r="N233493" s="10"/>
    </row>
    <row r="233494" spans="14:14">
      <c r="N233494" s="10"/>
    </row>
    <row r="233495" spans="14:14">
      <c r="N233495" s="10"/>
    </row>
    <row r="233496" spans="14:14">
      <c r="N233496" s="10"/>
    </row>
    <row r="233497" spans="14:14">
      <c r="N233497" s="10"/>
    </row>
    <row r="233498" spans="14:14">
      <c r="N233498" s="10"/>
    </row>
    <row r="233499" spans="14:14">
      <c r="N233499" s="10"/>
    </row>
    <row r="233500" spans="14:14">
      <c r="N233500" s="10"/>
    </row>
    <row r="233501" spans="14:14">
      <c r="N233501" s="10"/>
    </row>
    <row r="233502" spans="14:14">
      <c r="N233502" s="10"/>
    </row>
    <row r="233503" spans="14:14">
      <c r="N233503" s="10"/>
    </row>
    <row r="233504" spans="14:14">
      <c r="N233504" s="10"/>
    </row>
    <row r="233505" spans="14:14">
      <c r="N233505" s="10"/>
    </row>
    <row r="233506" spans="14:14">
      <c r="N233506" s="10"/>
    </row>
    <row r="233507" spans="14:14">
      <c r="N233507" s="10"/>
    </row>
    <row r="233508" spans="14:14">
      <c r="N233508" s="10"/>
    </row>
    <row r="233509" spans="14:14">
      <c r="N233509" s="10"/>
    </row>
    <row r="233510" spans="14:14">
      <c r="N233510" s="10"/>
    </row>
    <row r="233511" spans="14:14">
      <c r="N233511" s="10"/>
    </row>
    <row r="233512" spans="14:14">
      <c r="N233512" s="10"/>
    </row>
    <row r="233513" spans="14:14">
      <c r="N233513" s="10"/>
    </row>
    <row r="233514" spans="14:14">
      <c r="N233514" s="10"/>
    </row>
    <row r="233515" spans="14:14">
      <c r="N233515" s="10"/>
    </row>
    <row r="233516" spans="14:14">
      <c r="N233516" s="10"/>
    </row>
    <row r="233517" spans="14:14">
      <c r="N233517" s="10"/>
    </row>
    <row r="233518" spans="14:14">
      <c r="N233518" s="10"/>
    </row>
    <row r="233519" spans="14:14">
      <c r="N233519" s="10"/>
    </row>
    <row r="233520" spans="14:14">
      <c r="N233520" s="10"/>
    </row>
    <row r="233521" spans="14:14">
      <c r="N233521" s="10"/>
    </row>
    <row r="233522" spans="14:14">
      <c r="N233522" s="10"/>
    </row>
    <row r="233523" spans="14:14">
      <c r="N233523" s="10"/>
    </row>
    <row r="233524" spans="14:14">
      <c r="N233524" s="10"/>
    </row>
    <row r="233525" spans="14:14">
      <c r="N233525" s="10"/>
    </row>
    <row r="233526" spans="14:14">
      <c r="N233526" s="10"/>
    </row>
    <row r="233527" spans="14:14">
      <c r="N233527" s="10"/>
    </row>
    <row r="233528" spans="14:14">
      <c r="N233528" s="10"/>
    </row>
    <row r="233529" spans="14:14">
      <c r="N233529" s="10"/>
    </row>
    <row r="233530" spans="14:14">
      <c r="N233530" s="10"/>
    </row>
    <row r="233531" spans="14:14">
      <c r="N233531" s="10"/>
    </row>
    <row r="233532" spans="14:14">
      <c r="N233532" s="10"/>
    </row>
    <row r="233533" spans="14:14">
      <c r="N233533" s="10"/>
    </row>
    <row r="233534" spans="14:14">
      <c r="N233534" s="10"/>
    </row>
    <row r="233535" spans="14:14">
      <c r="N233535" s="10"/>
    </row>
    <row r="233536" spans="14:14">
      <c r="N233536" s="10"/>
    </row>
    <row r="233537" spans="14:14">
      <c r="N233537" s="10"/>
    </row>
    <row r="233538" spans="14:14">
      <c r="N233538" s="10"/>
    </row>
    <row r="233539" spans="14:14">
      <c r="N233539" s="10"/>
    </row>
    <row r="233540" spans="14:14">
      <c r="N233540" s="10"/>
    </row>
    <row r="233541" spans="14:14">
      <c r="N233541" s="10"/>
    </row>
    <row r="233542" spans="14:14">
      <c r="N233542" s="10"/>
    </row>
    <row r="233543" spans="14:14">
      <c r="N233543" s="10"/>
    </row>
    <row r="233544" spans="14:14">
      <c r="N233544" s="10"/>
    </row>
    <row r="233545" spans="14:14">
      <c r="N233545" s="10"/>
    </row>
    <row r="233546" spans="14:14">
      <c r="N233546" s="10"/>
    </row>
    <row r="233547" spans="14:14">
      <c r="N233547" s="10"/>
    </row>
    <row r="233548" spans="14:14">
      <c r="N233548" s="10"/>
    </row>
    <row r="233549" spans="14:14">
      <c r="N233549" s="10"/>
    </row>
    <row r="233550" spans="14:14">
      <c r="N233550" s="10"/>
    </row>
    <row r="233551" spans="14:14">
      <c r="N233551" s="10"/>
    </row>
    <row r="233552" spans="14:14">
      <c r="N233552" s="10"/>
    </row>
    <row r="233553" spans="14:14">
      <c r="N233553" s="10"/>
    </row>
    <row r="233554" spans="14:14">
      <c r="N233554" s="10"/>
    </row>
    <row r="233555" spans="14:14">
      <c r="N233555" s="10"/>
    </row>
    <row r="233556" spans="14:14">
      <c r="N233556" s="10"/>
    </row>
    <row r="233557" spans="14:14">
      <c r="N233557" s="10"/>
    </row>
    <row r="233558" spans="14:14">
      <c r="N233558" s="10"/>
    </row>
    <row r="233559" spans="14:14">
      <c r="N233559" s="10"/>
    </row>
    <row r="233560" spans="14:14">
      <c r="N233560" s="10"/>
    </row>
    <row r="233561" spans="14:14">
      <c r="N233561" s="10"/>
    </row>
    <row r="233562" spans="14:14">
      <c r="N233562" s="10"/>
    </row>
    <row r="233563" spans="14:14">
      <c r="N233563" s="10"/>
    </row>
    <row r="233564" spans="14:14">
      <c r="N233564" s="10"/>
    </row>
    <row r="233565" spans="14:14">
      <c r="N233565" s="10"/>
    </row>
    <row r="233566" spans="14:14">
      <c r="N233566" s="10"/>
    </row>
    <row r="233567" spans="14:14">
      <c r="N233567" s="10"/>
    </row>
    <row r="233568" spans="14:14">
      <c r="N233568" s="10"/>
    </row>
    <row r="233569" spans="14:14">
      <c r="N233569" s="10"/>
    </row>
    <row r="233570" spans="14:14">
      <c r="N233570" s="10"/>
    </row>
    <row r="233571" spans="14:14">
      <c r="N233571" s="10"/>
    </row>
    <row r="233572" spans="14:14">
      <c r="N233572" s="10"/>
    </row>
    <row r="233573" spans="14:14">
      <c r="N233573" s="10"/>
    </row>
    <row r="233574" spans="14:14">
      <c r="N233574" s="10"/>
    </row>
    <row r="233575" spans="14:14">
      <c r="N233575" s="10"/>
    </row>
    <row r="233576" spans="14:14">
      <c r="N233576" s="10"/>
    </row>
    <row r="233577" spans="14:14">
      <c r="N233577" s="10"/>
    </row>
    <row r="233578" spans="14:14">
      <c r="N233578" s="10"/>
    </row>
    <row r="233579" spans="14:14">
      <c r="N233579" s="10"/>
    </row>
    <row r="233580" spans="14:14">
      <c r="N233580" s="10"/>
    </row>
    <row r="233581" spans="14:14">
      <c r="N233581" s="10"/>
    </row>
    <row r="233582" spans="14:14">
      <c r="N233582" s="10"/>
    </row>
    <row r="233583" spans="14:14">
      <c r="N233583" s="10"/>
    </row>
    <row r="233584" spans="14:14">
      <c r="N233584" s="10"/>
    </row>
    <row r="233585" spans="14:14">
      <c r="N233585" s="10"/>
    </row>
    <row r="233586" spans="14:14">
      <c r="N233586" s="10"/>
    </row>
    <row r="233587" spans="14:14">
      <c r="N233587" s="10"/>
    </row>
    <row r="233588" spans="14:14">
      <c r="N233588" s="10"/>
    </row>
    <row r="233589" spans="14:14">
      <c r="N233589" s="10"/>
    </row>
    <row r="233590" spans="14:14">
      <c r="N233590" s="10"/>
    </row>
    <row r="233591" spans="14:14">
      <c r="N233591" s="10"/>
    </row>
    <row r="233592" spans="14:14">
      <c r="N233592" s="10"/>
    </row>
    <row r="233593" spans="14:14">
      <c r="N233593" s="10"/>
    </row>
    <row r="233594" spans="14:14">
      <c r="N233594" s="10"/>
    </row>
    <row r="233595" spans="14:14">
      <c r="N233595" s="10"/>
    </row>
    <row r="233596" spans="14:14">
      <c r="N233596" s="10"/>
    </row>
    <row r="233597" spans="14:14">
      <c r="N233597" s="10"/>
    </row>
    <row r="233598" spans="14:14">
      <c r="N233598" s="10"/>
    </row>
    <row r="233599" spans="14:14">
      <c r="N233599" s="10"/>
    </row>
    <row r="233600" spans="14:14">
      <c r="N233600" s="10"/>
    </row>
    <row r="233601" spans="14:14">
      <c r="N233601" s="10"/>
    </row>
    <row r="233602" spans="14:14">
      <c r="N233602" s="10"/>
    </row>
    <row r="233603" spans="14:14">
      <c r="N233603" s="10"/>
    </row>
    <row r="233604" spans="14:14">
      <c r="N233604" s="10"/>
    </row>
    <row r="233605" spans="14:14">
      <c r="N233605" s="10"/>
    </row>
    <row r="233606" spans="14:14">
      <c r="N233606" s="10"/>
    </row>
    <row r="233607" spans="14:14">
      <c r="N233607" s="10"/>
    </row>
    <row r="233608" spans="14:14">
      <c r="N233608" s="10"/>
    </row>
    <row r="233609" spans="14:14">
      <c r="N233609" s="10"/>
    </row>
    <row r="233610" spans="14:14">
      <c r="N233610" s="10"/>
    </row>
    <row r="233611" spans="14:14">
      <c r="N233611" s="10"/>
    </row>
    <row r="233612" spans="14:14">
      <c r="N233612" s="10"/>
    </row>
    <row r="233613" spans="14:14">
      <c r="N233613" s="10"/>
    </row>
    <row r="233614" spans="14:14">
      <c r="N233614" s="10"/>
    </row>
    <row r="233615" spans="14:14">
      <c r="N233615" s="10"/>
    </row>
    <row r="233616" spans="14:14">
      <c r="N233616" s="10"/>
    </row>
    <row r="233617" spans="14:14">
      <c r="N233617" s="10"/>
    </row>
    <row r="233618" spans="14:14">
      <c r="N233618" s="10"/>
    </row>
    <row r="233619" spans="14:14">
      <c r="N233619" s="10"/>
    </row>
    <row r="233620" spans="14:14">
      <c r="N233620" s="10"/>
    </row>
    <row r="233621" spans="14:14">
      <c r="N233621" s="10"/>
    </row>
    <row r="233622" spans="14:14">
      <c r="N233622" s="10"/>
    </row>
    <row r="233623" spans="14:14">
      <c r="N233623" s="10"/>
    </row>
    <row r="233624" spans="14:14">
      <c r="N233624" s="10"/>
    </row>
    <row r="233625" spans="14:14">
      <c r="N233625" s="10"/>
    </row>
    <row r="233626" spans="14:14">
      <c r="N233626" s="10"/>
    </row>
    <row r="233627" spans="14:14">
      <c r="N233627" s="10"/>
    </row>
    <row r="233628" spans="14:14">
      <c r="N233628" s="10"/>
    </row>
    <row r="233629" spans="14:14">
      <c r="N233629" s="10"/>
    </row>
    <row r="233630" spans="14:14">
      <c r="N233630" s="10"/>
    </row>
    <row r="233631" spans="14:14">
      <c r="N233631" s="10"/>
    </row>
    <row r="233632" spans="14:14">
      <c r="N233632" s="10"/>
    </row>
    <row r="233633" spans="14:14">
      <c r="N233633" s="10"/>
    </row>
    <row r="233634" spans="14:14">
      <c r="N233634" s="10"/>
    </row>
    <row r="233635" spans="14:14">
      <c r="N233635" s="10"/>
    </row>
    <row r="233636" spans="14:14">
      <c r="N233636" s="10"/>
    </row>
    <row r="233637" spans="14:14">
      <c r="N233637" s="10"/>
    </row>
    <row r="233638" spans="14:14">
      <c r="N233638" s="10"/>
    </row>
    <row r="233639" spans="14:14">
      <c r="N233639" s="10"/>
    </row>
    <row r="233640" spans="14:14">
      <c r="N233640" s="10"/>
    </row>
    <row r="233641" spans="14:14">
      <c r="N233641" s="10"/>
    </row>
    <row r="233642" spans="14:14">
      <c r="N233642" s="10"/>
    </row>
    <row r="233643" spans="14:14">
      <c r="N233643" s="10"/>
    </row>
    <row r="233644" spans="14:14">
      <c r="N233644" s="10"/>
    </row>
    <row r="233645" spans="14:14">
      <c r="N233645" s="10"/>
    </row>
    <row r="233646" spans="14:14">
      <c r="N233646" s="10"/>
    </row>
    <row r="233647" spans="14:14">
      <c r="N233647" s="10"/>
    </row>
    <row r="233648" spans="14:14">
      <c r="N233648" s="10"/>
    </row>
    <row r="233649" spans="14:14">
      <c r="N233649" s="10"/>
    </row>
    <row r="233650" spans="14:14">
      <c r="N233650" s="10"/>
    </row>
    <row r="233651" spans="14:14">
      <c r="N233651" s="10"/>
    </row>
    <row r="233652" spans="14:14">
      <c r="N233652" s="10"/>
    </row>
    <row r="233653" spans="14:14">
      <c r="N233653" s="10"/>
    </row>
    <row r="233654" spans="14:14">
      <c r="N233654" s="10"/>
    </row>
    <row r="233655" spans="14:14">
      <c r="N233655" s="10"/>
    </row>
    <row r="233656" spans="14:14">
      <c r="N233656" s="10"/>
    </row>
    <row r="233657" spans="14:14">
      <c r="N233657" s="10"/>
    </row>
    <row r="233658" spans="14:14">
      <c r="N233658" s="10"/>
    </row>
    <row r="233659" spans="14:14">
      <c r="N233659" s="10"/>
    </row>
    <row r="233660" spans="14:14">
      <c r="N233660" s="10"/>
    </row>
    <row r="233661" spans="14:14">
      <c r="N233661" s="10"/>
    </row>
    <row r="233662" spans="14:14">
      <c r="N233662" s="10"/>
    </row>
    <row r="233663" spans="14:14">
      <c r="N233663" s="10"/>
    </row>
    <row r="233664" spans="14:14">
      <c r="N233664" s="10"/>
    </row>
    <row r="233665" spans="14:14">
      <c r="N233665" s="10"/>
    </row>
    <row r="233666" spans="14:14">
      <c r="N233666" s="10"/>
    </row>
    <row r="233667" spans="14:14">
      <c r="N233667" s="10"/>
    </row>
    <row r="233668" spans="14:14">
      <c r="N233668" s="10"/>
    </row>
    <row r="233669" spans="14:14">
      <c r="N233669" s="10"/>
    </row>
    <row r="233670" spans="14:14">
      <c r="N233670" s="10"/>
    </row>
    <row r="233671" spans="14:14">
      <c r="N233671" s="10"/>
    </row>
    <row r="233672" spans="14:14">
      <c r="N233672" s="10"/>
    </row>
    <row r="233673" spans="14:14">
      <c r="N233673" s="10"/>
    </row>
    <row r="233674" spans="14:14">
      <c r="N233674" s="10"/>
    </row>
    <row r="233675" spans="14:14">
      <c r="N233675" s="10"/>
    </row>
    <row r="233676" spans="14:14">
      <c r="N233676" s="10"/>
    </row>
    <row r="233677" spans="14:14">
      <c r="N233677" s="10"/>
    </row>
    <row r="233678" spans="14:14">
      <c r="N233678" s="10"/>
    </row>
    <row r="233679" spans="14:14">
      <c r="N233679" s="10"/>
    </row>
    <row r="233680" spans="14:14">
      <c r="N233680" s="10"/>
    </row>
    <row r="233681" spans="14:14">
      <c r="N233681" s="10"/>
    </row>
    <row r="233682" spans="14:14">
      <c r="N233682" s="10"/>
    </row>
    <row r="233683" spans="14:14">
      <c r="N233683" s="10"/>
    </row>
    <row r="233684" spans="14:14">
      <c r="N233684" s="10"/>
    </row>
    <row r="233685" spans="14:14">
      <c r="N233685" s="10"/>
    </row>
    <row r="233686" spans="14:14">
      <c r="N233686" s="10"/>
    </row>
    <row r="233687" spans="14:14">
      <c r="N233687" s="10"/>
    </row>
    <row r="233688" spans="14:14">
      <c r="N233688" s="10"/>
    </row>
    <row r="233689" spans="14:14">
      <c r="N233689" s="10"/>
    </row>
    <row r="233690" spans="14:14">
      <c r="N233690" s="10"/>
    </row>
    <row r="233691" spans="14:14">
      <c r="N233691" s="10"/>
    </row>
    <row r="233692" spans="14:14">
      <c r="N233692" s="10"/>
    </row>
    <row r="233693" spans="14:14">
      <c r="N233693" s="10"/>
    </row>
    <row r="233694" spans="14:14">
      <c r="N233694" s="10"/>
    </row>
    <row r="233695" spans="14:14">
      <c r="N233695" s="10"/>
    </row>
    <row r="233696" spans="14:14">
      <c r="N233696" s="10"/>
    </row>
    <row r="233697" spans="14:14">
      <c r="N233697" s="10"/>
    </row>
    <row r="233698" spans="14:14">
      <c r="N233698" s="10"/>
    </row>
    <row r="233699" spans="14:14">
      <c r="N233699" s="10"/>
    </row>
    <row r="233700" spans="14:14">
      <c r="N233700" s="10"/>
    </row>
    <row r="233701" spans="14:14">
      <c r="N233701" s="10"/>
    </row>
    <row r="233702" spans="14:14">
      <c r="N233702" s="10"/>
    </row>
    <row r="233703" spans="14:14">
      <c r="N233703" s="10"/>
    </row>
    <row r="233704" spans="14:14">
      <c r="N233704" s="10"/>
    </row>
    <row r="233705" spans="14:14">
      <c r="N233705" s="10"/>
    </row>
    <row r="233706" spans="14:14">
      <c r="N233706" s="10"/>
    </row>
    <row r="233707" spans="14:14">
      <c r="N233707" s="10"/>
    </row>
    <row r="233708" spans="14:14">
      <c r="N233708" s="10"/>
    </row>
    <row r="233709" spans="14:14">
      <c r="N233709" s="10"/>
    </row>
    <row r="233710" spans="14:14">
      <c r="N233710" s="10"/>
    </row>
    <row r="233711" spans="14:14">
      <c r="N233711" s="10"/>
    </row>
    <row r="233712" spans="14:14">
      <c r="N233712" s="10"/>
    </row>
    <row r="233713" spans="14:14">
      <c r="N233713" s="10"/>
    </row>
    <row r="233714" spans="14:14">
      <c r="N233714" s="10"/>
    </row>
    <row r="233715" spans="14:14">
      <c r="N233715" s="10"/>
    </row>
    <row r="233716" spans="14:14">
      <c r="N233716" s="10"/>
    </row>
    <row r="233717" spans="14:14">
      <c r="N233717" s="10"/>
    </row>
    <row r="233718" spans="14:14">
      <c r="N233718" s="10"/>
    </row>
    <row r="233719" spans="14:14">
      <c r="N233719" s="10"/>
    </row>
    <row r="233720" spans="14:14">
      <c r="N233720" s="10"/>
    </row>
    <row r="233721" spans="14:14">
      <c r="N233721" s="10"/>
    </row>
    <row r="233722" spans="14:14">
      <c r="N233722" s="10"/>
    </row>
    <row r="233723" spans="14:14">
      <c r="N233723" s="10"/>
    </row>
    <row r="233724" spans="14:14">
      <c r="N233724" s="10"/>
    </row>
    <row r="233725" spans="14:14">
      <c r="N233725" s="10"/>
    </row>
    <row r="233726" spans="14:14">
      <c r="N233726" s="10"/>
    </row>
    <row r="233727" spans="14:14">
      <c r="N233727" s="10"/>
    </row>
    <row r="233728" spans="14:14">
      <c r="N233728" s="10"/>
    </row>
    <row r="233729" spans="14:14">
      <c r="N233729" s="10"/>
    </row>
    <row r="233730" spans="14:14">
      <c r="N233730" s="10"/>
    </row>
    <row r="233731" spans="14:14">
      <c r="N233731" s="10"/>
    </row>
    <row r="233732" spans="14:14">
      <c r="N233732" s="10"/>
    </row>
    <row r="233733" spans="14:14">
      <c r="N233733" s="10"/>
    </row>
    <row r="233734" spans="14:14">
      <c r="N233734" s="10"/>
    </row>
    <row r="233735" spans="14:14">
      <c r="N233735" s="10"/>
    </row>
    <row r="233736" spans="14:14">
      <c r="N233736" s="10"/>
    </row>
    <row r="233737" spans="14:14">
      <c r="N233737" s="10"/>
    </row>
    <row r="233738" spans="14:14">
      <c r="N233738" s="10"/>
    </row>
    <row r="233739" spans="14:14">
      <c r="N233739" s="10"/>
    </row>
    <row r="233740" spans="14:14">
      <c r="N233740" s="10"/>
    </row>
    <row r="233741" spans="14:14">
      <c r="N233741" s="10"/>
    </row>
    <row r="233742" spans="14:14">
      <c r="N233742" s="10"/>
    </row>
    <row r="233743" spans="14:14">
      <c r="N233743" s="10"/>
    </row>
    <row r="233744" spans="14:14">
      <c r="N233744" s="10"/>
    </row>
    <row r="233745" spans="14:14">
      <c r="N233745" s="10"/>
    </row>
    <row r="233746" spans="14:14">
      <c r="N233746" s="10"/>
    </row>
    <row r="233747" spans="14:14">
      <c r="N233747" s="10"/>
    </row>
    <row r="233748" spans="14:14">
      <c r="N233748" s="10"/>
    </row>
    <row r="233749" spans="14:14">
      <c r="N233749" s="10"/>
    </row>
    <row r="233750" spans="14:14">
      <c r="N233750" s="10"/>
    </row>
    <row r="233751" spans="14:14">
      <c r="N233751" s="10"/>
    </row>
    <row r="233752" spans="14:14">
      <c r="N233752" s="10"/>
    </row>
    <row r="233753" spans="14:14">
      <c r="N233753" s="10"/>
    </row>
    <row r="233754" spans="14:14">
      <c r="N233754" s="10"/>
    </row>
    <row r="233755" spans="14:14">
      <c r="N233755" s="10"/>
    </row>
    <row r="233756" spans="14:14">
      <c r="N233756" s="10"/>
    </row>
    <row r="233757" spans="14:14">
      <c r="N233757" s="10"/>
    </row>
    <row r="233758" spans="14:14">
      <c r="N233758" s="10"/>
    </row>
    <row r="233759" spans="14:14">
      <c r="N233759" s="10"/>
    </row>
    <row r="233760" spans="14:14">
      <c r="N233760" s="10"/>
    </row>
    <row r="233761" spans="14:14">
      <c r="N233761" s="10"/>
    </row>
    <row r="233762" spans="14:14">
      <c r="N233762" s="10"/>
    </row>
    <row r="233763" spans="14:14">
      <c r="N233763" s="10"/>
    </row>
    <row r="233764" spans="14:14">
      <c r="N233764" s="10"/>
    </row>
    <row r="233765" spans="14:14">
      <c r="N233765" s="10"/>
    </row>
    <row r="233766" spans="14:14">
      <c r="N233766" s="10"/>
    </row>
    <row r="233767" spans="14:14">
      <c r="N233767" s="10"/>
    </row>
    <row r="233768" spans="14:14">
      <c r="N233768" s="10"/>
    </row>
    <row r="233769" spans="14:14">
      <c r="N233769" s="10"/>
    </row>
    <row r="233770" spans="14:14">
      <c r="N233770" s="10"/>
    </row>
    <row r="233771" spans="14:14">
      <c r="N233771" s="10"/>
    </row>
    <row r="233772" spans="14:14">
      <c r="N233772" s="10"/>
    </row>
    <row r="233773" spans="14:14">
      <c r="N233773" s="10"/>
    </row>
    <row r="233774" spans="14:14">
      <c r="N233774" s="10"/>
    </row>
    <row r="233775" spans="14:14">
      <c r="N233775" s="10"/>
    </row>
    <row r="233776" spans="14:14">
      <c r="N233776" s="10"/>
    </row>
    <row r="233777" spans="14:14">
      <c r="N233777" s="10"/>
    </row>
    <row r="233778" spans="14:14">
      <c r="N233778" s="10"/>
    </row>
    <row r="233779" spans="14:14">
      <c r="N233779" s="10"/>
    </row>
    <row r="233780" spans="14:14">
      <c r="N233780" s="10"/>
    </row>
    <row r="233781" spans="14:14">
      <c r="N233781" s="10"/>
    </row>
    <row r="233782" spans="14:14">
      <c r="N233782" s="10"/>
    </row>
    <row r="233783" spans="14:14">
      <c r="N233783" s="10"/>
    </row>
    <row r="233784" spans="14:14">
      <c r="N233784" s="10"/>
    </row>
    <row r="233785" spans="14:14">
      <c r="N233785" s="10"/>
    </row>
    <row r="233786" spans="14:14">
      <c r="N233786" s="10"/>
    </row>
    <row r="233787" spans="14:14">
      <c r="N233787" s="10"/>
    </row>
    <row r="233788" spans="14:14">
      <c r="N233788" s="10"/>
    </row>
    <row r="233789" spans="14:14">
      <c r="N233789" s="10"/>
    </row>
    <row r="233790" spans="14:14">
      <c r="N233790" s="10"/>
    </row>
    <row r="233791" spans="14:14">
      <c r="N233791" s="10"/>
    </row>
    <row r="233792" spans="14:14">
      <c r="N233792" s="10"/>
    </row>
    <row r="233793" spans="14:14">
      <c r="N233793" s="10"/>
    </row>
    <row r="233794" spans="14:14">
      <c r="N233794" s="10"/>
    </row>
    <row r="233795" spans="14:14">
      <c r="N233795" s="10"/>
    </row>
    <row r="233796" spans="14:14">
      <c r="N233796" s="10"/>
    </row>
    <row r="233797" spans="14:14">
      <c r="N233797" s="10"/>
    </row>
    <row r="233798" spans="14:14">
      <c r="N233798" s="10"/>
    </row>
    <row r="233799" spans="14:14">
      <c r="N233799" s="10"/>
    </row>
    <row r="233800" spans="14:14">
      <c r="N233800" s="10"/>
    </row>
    <row r="233801" spans="14:14">
      <c r="N233801" s="10"/>
    </row>
    <row r="233802" spans="14:14">
      <c r="N233802" s="10"/>
    </row>
    <row r="233803" spans="14:14">
      <c r="N233803" s="10"/>
    </row>
    <row r="233804" spans="14:14">
      <c r="N233804" s="10"/>
    </row>
    <row r="233805" spans="14:14">
      <c r="N233805" s="10"/>
    </row>
    <row r="233806" spans="14:14">
      <c r="N233806" s="10"/>
    </row>
    <row r="233807" spans="14:14">
      <c r="N233807" s="10"/>
    </row>
    <row r="233808" spans="14:14">
      <c r="N233808" s="10"/>
    </row>
    <row r="233809" spans="14:14">
      <c r="N233809" s="10"/>
    </row>
    <row r="233810" spans="14:14">
      <c r="N233810" s="10"/>
    </row>
    <row r="233811" spans="14:14">
      <c r="N233811" s="10"/>
    </row>
    <row r="233812" spans="14:14">
      <c r="N233812" s="10"/>
    </row>
    <row r="233813" spans="14:14">
      <c r="N233813" s="10"/>
    </row>
    <row r="233814" spans="14:14">
      <c r="N233814" s="10"/>
    </row>
    <row r="233815" spans="14:14">
      <c r="N233815" s="10"/>
    </row>
    <row r="233816" spans="14:14">
      <c r="N233816" s="10"/>
    </row>
    <row r="233817" spans="14:14">
      <c r="N233817" s="10"/>
    </row>
    <row r="233818" spans="14:14">
      <c r="N233818" s="10"/>
    </row>
    <row r="233819" spans="14:14">
      <c r="N233819" s="10"/>
    </row>
    <row r="233820" spans="14:14">
      <c r="N233820" s="10"/>
    </row>
    <row r="233821" spans="14:14">
      <c r="N233821" s="10"/>
    </row>
    <row r="233822" spans="14:14">
      <c r="N233822" s="10"/>
    </row>
    <row r="233823" spans="14:14">
      <c r="N233823" s="10"/>
    </row>
    <row r="233824" spans="14:14">
      <c r="N233824" s="10"/>
    </row>
    <row r="233825" spans="14:14">
      <c r="N233825" s="10"/>
    </row>
    <row r="233826" spans="14:14">
      <c r="N233826" s="10"/>
    </row>
    <row r="233827" spans="14:14">
      <c r="N233827" s="10"/>
    </row>
    <row r="233828" spans="14:14">
      <c r="N233828" s="10"/>
    </row>
    <row r="233829" spans="14:14">
      <c r="N233829" s="10"/>
    </row>
    <row r="233830" spans="14:14">
      <c r="N233830" s="10"/>
    </row>
    <row r="233831" spans="14:14">
      <c r="N233831" s="10"/>
    </row>
    <row r="233832" spans="14:14">
      <c r="N233832" s="10"/>
    </row>
    <row r="233833" spans="14:14">
      <c r="N233833" s="10"/>
    </row>
    <row r="233834" spans="14:14">
      <c r="N233834" s="10"/>
    </row>
    <row r="233835" spans="14:14">
      <c r="N233835" s="10"/>
    </row>
    <row r="233836" spans="14:14">
      <c r="N233836" s="10"/>
    </row>
    <row r="233837" spans="14:14">
      <c r="N233837" s="10"/>
    </row>
    <row r="233838" spans="14:14">
      <c r="N233838" s="10"/>
    </row>
    <row r="233839" spans="14:14">
      <c r="N233839" s="10"/>
    </row>
    <row r="233840" spans="14:14">
      <c r="N233840" s="10"/>
    </row>
    <row r="233841" spans="14:14">
      <c r="N233841" s="10"/>
    </row>
    <row r="233842" spans="14:14">
      <c r="N233842" s="10"/>
    </row>
    <row r="233843" spans="14:14">
      <c r="N233843" s="10"/>
    </row>
    <row r="233844" spans="14:14">
      <c r="N233844" s="10"/>
    </row>
    <row r="233845" spans="14:14">
      <c r="N233845" s="10"/>
    </row>
    <row r="233846" spans="14:14">
      <c r="N233846" s="10"/>
    </row>
    <row r="233847" spans="14:14">
      <c r="N233847" s="10"/>
    </row>
    <row r="233848" spans="14:14">
      <c r="N233848" s="10"/>
    </row>
    <row r="233849" spans="14:14">
      <c r="N233849" s="10"/>
    </row>
    <row r="233850" spans="14:14">
      <c r="N233850" s="10"/>
    </row>
    <row r="233851" spans="14:14">
      <c r="N233851" s="10"/>
    </row>
    <row r="233852" spans="14:14">
      <c r="N233852" s="10"/>
    </row>
    <row r="233853" spans="14:14">
      <c r="N233853" s="10"/>
    </row>
    <row r="233854" spans="14:14">
      <c r="N233854" s="10"/>
    </row>
    <row r="233855" spans="14:14">
      <c r="N233855" s="10"/>
    </row>
    <row r="233856" spans="14:14">
      <c r="N233856" s="10"/>
    </row>
    <row r="233857" spans="14:14">
      <c r="N233857" s="10"/>
    </row>
    <row r="233858" spans="14:14">
      <c r="N233858" s="10"/>
    </row>
    <row r="233859" spans="14:14">
      <c r="N233859" s="10"/>
    </row>
    <row r="233860" spans="14:14">
      <c r="N233860" s="10"/>
    </row>
    <row r="233861" spans="14:14">
      <c r="N233861" s="10"/>
    </row>
    <row r="233862" spans="14:14">
      <c r="N233862" s="10"/>
    </row>
    <row r="233863" spans="14:14">
      <c r="N233863" s="10"/>
    </row>
    <row r="233864" spans="14:14">
      <c r="N233864" s="10"/>
    </row>
    <row r="233865" spans="14:14">
      <c r="N233865" s="10"/>
    </row>
    <row r="233866" spans="14:14">
      <c r="N233866" s="10"/>
    </row>
    <row r="233867" spans="14:14">
      <c r="N233867" s="10"/>
    </row>
    <row r="233868" spans="14:14">
      <c r="N233868" s="10"/>
    </row>
    <row r="233869" spans="14:14">
      <c r="N233869" s="10"/>
    </row>
    <row r="233870" spans="14:14">
      <c r="N233870" s="10"/>
    </row>
    <row r="233871" spans="14:14">
      <c r="N233871" s="10"/>
    </row>
    <row r="233872" spans="14:14">
      <c r="N233872" s="10"/>
    </row>
    <row r="233873" spans="14:14">
      <c r="N233873" s="10"/>
    </row>
    <row r="233874" spans="14:14">
      <c r="N233874" s="10"/>
    </row>
    <row r="233875" spans="14:14">
      <c r="N233875" s="10"/>
    </row>
    <row r="233876" spans="14:14">
      <c r="N233876" s="10"/>
    </row>
    <row r="233877" spans="14:14">
      <c r="N233877" s="10"/>
    </row>
    <row r="233878" spans="14:14">
      <c r="N233878" s="10"/>
    </row>
    <row r="233879" spans="14:14">
      <c r="N233879" s="10"/>
    </row>
    <row r="233880" spans="14:14">
      <c r="N233880" s="10"/>
    </row>
    <row r="233881" spans="14:14">
      <c r="N233881" s="10"/>
    </row>
    <row r="233882" spans="14:14">
      <c r="N233882" s="10"/>
    </row>
    <row r="233883" spans="14:14">
      <c r="N233883" s="10"/>
    </row>
    <row r="233884" spans="14:14">
      <c r="N233884" s="10"/>
    </row>
    <row r="233885" spans="14:14">
      <c r="N233885" s="10"/>
    </row>
    <row r="233886" spans="14:14">
      <c r="N233886" s="10"/>
    </row>
    <row r="233887" spans="14:14">
      <c r="N233887" s="10"/>
    </row>
    <row r="233888" spans="14:14">
      <c r="N233888" s="10"/>
    </row>
    <row r="233889" spans="14:14">
      <c r="N233889" s="10"/>
    </row>
    <row r="233890" spans="14:14">
      <c r="N233890" s="10"/>
    </row>
    <row r="233891" spans="14:14">
      <c r="N233891" s="10"/>
    </row>
    <row r="233892" spans="14:14">
      <c r="N233892" s="10"/>
    </row>
    <row r="233893" spans="14:14">
      <c r="N233893" s="10"/>
    </row>
    <row r="233894" spans="14:14">
      <c r="N233894" s="10"/>
    </row>
    <row r="233895" spans="14:14">
      <c r="N233895" s="10"/>
    </row>
    <row r="233896" spans="14:14">
      <c r="N233896" s="10"/>
    </row>
    <row r="233897" spans="14:14">
      <c r="N233897" s="10"/>
    </row>
    <row r="233898" spans="14:14">
      <c r="N233898" s="10"/>
    </row>
    <row r="233899" spans="14:14">
      <c r="N233899" s="10"/>
    </row>
    <row r="233900" spans="14:14">
      <c r="N233900" s="10"/>
    </row>
    <row r="233901" spans="14:14">
      <c r="N233901" s="10"/>
    </row>
    <row r="233902" spans="14:14">
      <c r="N233902" s="10"/>
    </row>
    <row r="233903" spans="14:14">
      <c r="N233903" s="10"/>
    </row>
    <row r="233904" spans="14:14">
      <c r="N233904" s="10"/>
    </row>
    <row r="233905" spans="14:14">
      <c r="N233905" s="10"/>
    </row>
    <row r="233906" spans="14:14">
      <c r="N233906" s="10"/>
    </row>
    <row r="233907" spans="14:14">
      <c r="N233907" s="10"/>
    </row>
    <row r="233908" spans="14:14">
      <c r="N233908" s="10"/>
    </row>
    <row r="233909" spans="14:14">
      <c r="N233909" s="10"/>
    </row>
    <row r="233910" spans="14:14">
      <c r="N233910" s="10"/>
    </row>
    <row r="233911" spans="14:14">
      <c r="N233911" s="10"/>
    </row>
    <row r="233912" spans="14:14">
      <c r="N233912" s="10"/>
    </row>
    <row r="233913" spans="14:14">
      <c r="N233913" s="10"/>
    </row>
    <row r="233914" spans="14:14">
      <c r="N233914" s="10"/>
    </row>
    <row r="233915" spans="14:14">
      <c r="N233915" s="10"/>
    </row>
    <row r="233916" spans="14:14">
      <c r="N233916" s="10"/>
    </row>
    <row r="233917" spans="14:14">
      <c r="N233917" s="10"/>
    </row>
    <row r="233918" spans="14:14">
      <c r="N233918" s="10"/>
    </row>
    <row r="233919" spans="14:14">
      <c r="N233919" s="10"/>
    </row>
    <row r="233920" spans="14:14">
      <c r="N233920" s="10"/>
    </row>
    <row r="233921" spans="14:14">
      <c r="N233921" s="10"/>
    </row>
    <row r="233922" spans="14:14">
      <c r="N233922" s="10"/>
    </row>
    <row r="233923" spans="14:14">
      <c r="N233923" s="10"/>
    </row>
    <row r="233924" spans="14:14">
      <c r="N233924" s="10"/>
    </row>
    <row r="233925" spans="14:14">
      <c r="N233925" s="10"/>
    </row>
    <row r="233926" spans="14:14">
      <c r="N233926" s="10"/>
    </row>
    <row r="233927" spans="14:14">
      <c r="N233927" s="10"/>
    </row>
    <row r="233928" spans="14:14">
      <c r="N233928" s="10"/>
    </row>
    <row r="233929" spans="14:14">
      <c r="N233929" s="10"/>
    </row>
    <row r="233930" spans="14:14">
      <c r="N233930" s="10"/>
    </row>
    <row r="233931" spans="14:14">
      <c r="N233931" s="10"/>
    </row>
    <row r="233932" spans="14:14">
      <c r="N233932" s="10"/>
    </row>
    <row r="233933" spans="14:14">
      <c r="N233933" s="10"/>
    </row>
    <row r="233934" spans="14:14">
      <c r="N233934" s="10"/>
    </row>
    <row r="233935" spans="14:14">
      <c r="N233935" s="10"/>
    </row>
    <row r="233936" spans="14:14">
      <c r="N233936" s="10"/>
    </row>
    <row r="233937" spans="14:14">
      <c r="N233937" s="10"/>
    </row>
    <row r="233938" spans="14:14">
      <c r="N233938" s="10"/>
    </row>
    <row r="233939" spans="14:14">
      <c r="N233939" s="10"/>
    </row>
    <row r="233940" spans="14:14">
      <c r="N233940" s="10"/>
    </row>
    <row r="233941" spans="14:14">
      <c r="N233941" s="10"/>
    </row>
    <row r="233942" spans="14:14">
      <c r="N233942" s="10"/>
    </row>
    <row r="233943" spans="14:14">
      <c r="N233943" s="10"/>
    </row>
    <row r="233944" spans="14:14">
      <c r="N233944" s="10"/>
    </row>
    <row r="233945" spans="14:14">
      <c r="N233945" s="10"/>
    </row>
    <row r="233946" spans="14:14">
      <c r="N233946" s="10"/>
    </row>
    <row r="233947" spans="14:14">
      <c r="N233947" s="10"/>
    </row>
    <row r="233948" spans="14:14">
      <c r="N233948" s="10"/>
    </row>
    <row r="233949" spans="14:14">
      <c r="N233949" s="10"/>
    </row>
    <row r="233950" spans="14:14">
      <c r="N233950" s="10"/>
    </row>
    <row r="233951" spans="14:14">
      <c r="N233951" s="10"/>
    </row>
    <row r="233952" spans="14:14">
      <c r="N233952" s="10"/>
    </row>
    <row r="233953" spans="14:14">
      <c r="N233953" s="10"/>
    </row>
    <row r="233954" spans="14:14">
      <c r="N233954" s="10"/>
    </row>
    <row r="233955" spans="14:14">
      <c r="N233955" s="10"/>
    </row>
    <row r="233956" spans="14:14">
      <c r="N233956" s="10"/>
    </row>
    <row r="233957" spans="14:14">
      <c r="N233957" s="10"/>
    </row>
    <row r="233958" spans="14:14">
      <c r="N233958" s="10"/>
    </row>
    <row r="233959" spans="14:14">
      <c r="N233959" s="10"/>
    </row>
    <row r="233960" spans="14:14">
      <c r="N233960" s="10"/>
    </row>
    <row r="233961" spans="14:14">
      <c r="N233961" s="10"/>
    </row>
    <row r="233962" spans="14:14">
      <c r="N233962" s="10"/>
    </row>
    <row r="233963" spans="14:14">
      <c r="N233963" s="10"/>
    </row>
    <row r="233964" spans="14:14">
      <c r="N233964" s="10"/>
    </row>
    <row r="233965" spans="14:14">
      <c r="N233965" s="10"/>
    </row>
    <row r="233966" spans="14:14">
      <c r="N233966" s="10"/>
    </row>
    <row r="233967" spans="14:14">
      <c r="N233967" s="10"/>
    </row>
    <row r="233968" spans="14:14">
      <c r="N233968" s="10"/>
    </row>
    <row r="233969" spans="14:14">
      <c r="N233969" s="10"/>
    </row>
    <row r="233970" spans="14:14">
      <c r="N233970" s="10"/>
    </row>
    <row r="233971" spans="14:14">
      <c r="N233971" s="10"/>
    </row>
    <row r="233972" spans="14:14">
      <c r="N233972" s="10"/>
    </row>
    <row r="233973" spans="14:14">
      <c r="N233973" s="10"/>
    </row>
    <row r="233974" spans="14:14">
      <c r="N233974" s="10"/>
    </row>
    <row r="233975" spans="14:14">
      <c r="N233975" s="10"/>
    </row>
    <row r="233976" spans="14:14">
      <c r="N233976" s="10"/>
    </row>
    <row r="233977" spans="14:14">
      <c r="N233977" s="10"/>
    </row>
    <row r="233978" spans="14:14">
      <c r="N233978" s="10"/>
    </row>
    <row r="233979" spans="14:14">
      <c r="N233979" s="10"/>
    </row>
    <row r="233980" spans="14:14">
      <c r="N233980" s="10"/>
    </row>
    <row r="233981" spans="14:14">
      <c r="N233981" s="10"/>
    </row>
    <row r="233982" spans="14:14">
      <c r="N233982" s="10"/>
    </row>
    <row r="233983" spans="14:14">
      <c r="N233983" s="10"/>
    </row>
    <row r="233984" spans="14:14">
      <c r="N233984" s="10"/>
    </row>
    <row r="233985" spans="14:14">
      <c r="N233985" s="10"/>
    </row>
    <row r="233986" spans="14:14">
      <c r="N233986" s="10"/>
    </row>
    <row r="233987" spans="14:14">
      <c r="N233987" s="10"/>
    </row>
    <row r="233988" spans="14:14">
      <c r="N233988" s="10"/>
    </row>
    <row r="233989" spans="14:14">
      <c r="N233989" s="10"/>
    </row>
    <row r="233990" spans="14:14">
      <c r="N233990" s="10"/>
    </row>
    <row r="233991" spans="14:14">
      <c r="N233991" s="10"/>
    </row>
    <row r="233992" spans="14:14">
      <c r="N233992" s="10"/>
    </row>
    <row r="233993" spans="14:14">
      <c r="N233993" s="10"/>
    </row>
    <row r="233994" spans="14:14">
      <c r="N233994" s="10"/>
    </row>
    <row r="233995" spans="14:14">
      <c r="N233995" s="10"/>
    </row>
    <row r="233996" spans="14:14">
      <c r="N233996" s="10"/>
    </row>
    <row r="233997" spans="14:14">
      <c r="N233997" s="10"/>
    </row>
    <row r="233998" spans="14:14">
      <c r="N233998" s="10"/>
    </row>
    <row r="233999" spans="14:14">
      <c r="N233999" s="10"/>
    </row>
    <row r="234000" spans="14:14">
      <c r="N234000" s="10"/>
    </row>
    <row r="234001" spans="14:14">
      <c r="N234001" s="10"/>
    </row>
    <row r="234002" spans="14:14">
      <c r="N234002" s="10"/>
    </row>
    <row r="234003" spans="14:14">
      <c r="N234003" s="10"/>
    </row>
    <row r="234004" spans="14:14">
      <c r="N234004" s="10"/>
    </row>
    <row r="234005" spans="14:14">
      <c r="N234005" s="10"/>
    </row>
    <row r="234006" spans="14:14">
      <c r="N234006" s="10"/>
    </row>
    <row r="234007" spans="14:14">
      <c r="N234007" s="10"/>
    </row>
    <row r="234008" spans="14:14">
      <c r="N234008" s="10"/>
    </row>
    <row r="234009" spans="14:14">
      <c r="N234009" s="10"/>
    </row>
    <row r="234010" spans="14:14">
      <c r="N234010" s="10"/>
    </row>
    <row r="234011" spans="14:14">
      <c r="N234011" s="10"/>
    </row>
    <row r="234012" spans="14:14">
      <c r="N234012" s="10"/>
    </row>
    <row r="234013" spans="14:14">
      <c r="N234013" s="10"/>
    </row>
    <row r="234014" spans="14:14">
      <c r="N234014" s="10"/>
    </row>
    <row r="234015" spans="14:14">
      <c r="N234015" s="10"/>
    </row>
    <row r="234016" spans="14:14">
      <c r="N234016" s="10"/>
    </row>
    <row r="234017" spans="14:14">
      <c r="N234017" s="10"/>
    </row>
    <row r="234018" spans="14:14">
      <c r="N234018" s="10"/>
    </row>
    <row r="234019" spans="14:14">
      <c r="N234019" s="10"/>
    </row>
    <row r="234020" spans="14:14">
      <c r="N234020" s="10"/>
    </row>
    <row r="234021" spans="14:14">
      <c r="N234021" s="10"/>
    </row>
    <row r="234022" spans="14:14">
      <c r="N234022" s="10"/>
    </row>
    <row r="234023" spans="14:14">
      <c r="N234023" s="10"/>
    </row>
    <row r="234024" spans="14:14">
      <c r="N234024" s="10"/>
    </row>
    <row r="234025" spans="14:14">
      <c r="N234025" s="10"/>
    </row>
    <row r="234026" spans="14:14">
      <c r="N234026" s="10"/>
    </row>
    <row r="234027" spans="14:14">
      <c r="N234027" s="10"/>
    </row>
    <row r="234028" spans="14:14">
      <c r="N234028" s="10"/>
    </row>
    <row r="234029" spans="14:14">
      <c r="N234029" s="10"/>
    </row>
    <row r="234030" spans="14:14">
      <c r="N234030" s="10"/>
    </row>
    <row r="234031" spans="14:14">
      <c r="N234031" s="10"/>
    </row>
    <row r="234032" spans="14:14">
      <c r="N234032" s="10"/>
    </row>
    <row r="234033" spans="14:14">
      <c r="N234033" s="10"/>
    </row>
    <row r="234034" spans="14:14">
      <c r="N234034" s="10"/>
    </row>
    <row r="234035" spans="14:14">
      <c r="N234035" s="10"/>
    </row>
    <row r="234036" spans="14:14">
      <c r="N234036" s="10"/>
    </row>
    <row r="234037" spans="14:14">
      <c r="N234037" s="10"/>
    </row>
    <row r="234038" spans="14:14">
      <c r="N234038" s="10"/>
    </row>
    <row r="234039" spans="14:14">
      <c r="N234039" s="10"/>
    </row>
    <row r="234040" spans="14:14">
      <c r="N234040" s="10"/>
    </row>
    <row r="234041" spans="14:14">
      <c r="N234041" s="10"/>
    </row>
    <row r="234042" spans="14:14">
      <c r="N234042" s="10"/>
    </row>
    <row r="234043" spans="14:14">
      <c r="N234043" s="10"/>
    </row>
    <row r="234044" spans="14:14">
      <c r="N234044" s="10"/>
    </row>
    <row r="234045" spans="14:14">
      <c r="N234045" s="10"/>
    </row>
    <row r="234046" spans="14:14">
      <c r="N234046" s="10"/>
    </row>
    <row r="234047" spans="14:14">
      <c r="N234047" s="10"/>
    </row>
    <row r="234048" spans="14:14">
      <c r="N234048" s="10"/>
    </row>
    <row r="234049" spans="14:14">
      <c r="N234049" s="10"/>
    </row>
    <row r="234050" spans="14:14">
      <c r="N234050" s="10"/>
    </row>
    <row r="234051" spans="14:14">
      <c r="N234051" s="10"/>
    </row>
    <row r="234052" spans="14:14">
      <c r="N234052" s="10"/>
    </row>
    <row r="234053" spans="14:14">
      <c r="N234053" s="10"/>
    </row>
    <row r="234054" spans="14:14">
      <c r="N234054" s="10"/>
    </row>
    <row r="234055" spans="14:14">
      <c r="N234055" s="10"/>
    </row>
    <row r="234056" spans="14:14">
      <c r="N234056" s="10"/>
    </row>
    <row r="234057" spans="14:14">
      <c r="N234057" s="10"/>
    </row>
    <row r="234058" spans="14:14">
      <c r="N234058" s="10"/>
    </row>
    <row r="234059" spans="14:14">
      <c r="N234059" s="10"/>
    </row>
    <row r="234060" spans="14:14">
      <c r="N234060" s="10"/>
    </row>
    <row r="234061" spans="14:14">
      <c r="N234061" s="10"/>
    </row>
    <row r="234062" spans="14:14">
      <c r="N234062" s="10"/>
    </row>
    <row r="234063" spans="14:14">
      <c r="N234063" s="10"/>
    </row>
    <row r="234064" spans="14:14">
      <c r="N234064" s="10"/>
    </row>
    <row r="234065" spans="14:14">
      <c r="N234065" s="10"/>
    </row>
    <row r="234066" spans="14:14">
      <c r="N234066" s="10"/>
    </row>
    <row r="234067" spans="14:14">
      <c r="N234067" s="10"/>
    </row>
    <row r="234068" spans="14:14">
      <c r="N234068" s="10"/>
    </row>
    <row r="234069" spans="14:14">
      <c r="N234069" s="10"/>
    </row>
    <row r="234070" spans="14:14">
      <c r="N234070" s="10"/>
    </row>
    <row r="234071" spans="14:14">
      <c r="N234071" s="10"/>
    </row>
    <row r="234072" spans="14:14">
      <c r="N234072" s="10"/>
    </row>
    <row r="234073" spans="14:14">
      <c r="N234073" s="10"/>
    </row>
    <row r="234074" spans="14:14">
      <c r="N234074" s="10"/>
    </row>
    <row r="234075" spans="14:14">
      <c r="N234075" s="10"/>
    </row>
    <row r="234076" spans="14:14">
      <c r="N234076" s="10"/>
    </row>
    <row r="234077" spans="14:14">
      <c r="N234077" s="10"/>
    </row>
    <row r="234078" spans="14:14">
      <c r="N234078" s="10"/>
    </row>
    <row r="234079" spans="14:14">
      <c r="N234079" s="10"/>
    </row>
    <row r="234080" spans="14:14">
      <c r="N234080" s="10"/>
    </row>
    <row r="234081" spans="14:14">
      <c r="N234081" s="10"/>
    </row>
    <row r="234082" spans="14:14">
      <c r="N234082" s="10"/>
    </row>
    <row r="234083" spans="14:14">
      <c r="N234083" s="10"/>
    </row>
    <row r="234084" spans="14:14">
      <c r="N234084" s="10"/>
    </row>
    <row r="234085" spans="14:14">
      <c r="N234085" s="10"/>
    </row>
    <row r="234086" spans="14:14">
      <c r="N234086" s="10"/>
    </row>
    <row r="234087" spans="14:14">
      <c r="N234087" s="10"/>
    </row>
    <row r="234088" spans="14:14">
      <c r="N234088" s="10"/>
    </row>
    <row r="234089" spans="14:14">
      <c r="N234089" s="10"/>
    </row>
    <row r="234090" spans="14:14">
      <c r="N234090" s="10"/>
    </row>
    <row r="234091" spans="14:14">
      <c r="N234091" s="10"/>
    </row>
    <row r="234092" spans="14:14">
      <c r="N234092" s="10"/>
    </row>
    <row r="234093" spans="14:14">
      <c r="N234093" s="10"/>
    </row>
    <row r="234094" spans="14:14">
      <c r="N234094" s="10"/>
    </row>
    <row r="234095" spans="14:14">
      <c r="N234095" s="10"/>
    </row>
    <row r="234096" spans="14:14">
      <c r="N234096" s="10"/>
    </row>
    <row r="234097" spans="14:14">
      <c r="N234097" s="10"/>
    </row>
    <row r="234098" spans="14:14">
      <c r="N234098" s="10"/>
    </row>
    <row r="234099" spans="14:14">
      <c r="N234099" s="10"/>
    </row>
    <row r="234100" spans="14:14">
      <c r="N234100" s="10"/>
    </row>
    <row r="234101" spans="14:14">
      <c r="N234101" s="10"/>
    </row>
    <row r="234102" spans="14:14">
      <c r="N234102" s="10"/>
    </row>
    <row r="234103" spans="14:14">
      <c r="N234103" s="10"/>
    </row>
    <row r="234104" spans="14:14">
      <c r="N234104" s="10"/>
    </row>
    <row r="234105" spans="14:14">
      <c r="N234105" s="10"/>
    </row>
    <row r="234106" spans="14:14">
      <c r="N234106" s="10"/>
    </row>
    <row r="234107" spans="14:14">
      <c r="N234107" s="10"/>
    </row>
    <row r="234108" spans="14:14">
      <c r="N234108" s="10"/>
    </row>
    <row r="234109" spans="14:14">
      <c r="N234109" s="10"/>
    </row>
    <row r="234110" spans="14:14">
      <c r="N234110" s="10"/>
    </row>
    <row r="234111" spans="14:14">
      <c r="N234111" s="10"/>
    </row>
    <row r="234112" spans="14:14">
      <c r="N234112" s="10"/>
    </row>
    <row r="234113" spans="14:14">
      <c r="N234113" s="10"/>
    </row>
    <row r="234114" spans="14:14">
      <c r="N234114" s="10"/>
    </row>
    <row r="234115" spans="14:14">
      <c r="N234115" s="10"/>
    </row>
    <row r="234116" spans="14:14">
      <c r="N234116" s="10"/>
    </row>
    <row r="234117" spans="14:14">
      <c r="N234117" s="10"/>
    </row>
    <row r="234118" spans="14:14">
      <c r="N234118" s="10"/>
    </row>
    <row r="234119" spans="14:14">
      <c r="N234119" s="10"/>
    </row>
    <row r="234120" spans="14:14">
      <c r="N234120" s="10"/>
    </row>
    <row r="234121" spans="14:14">
      <c r="N234121" s="10"/>
    </row>
    <row r="234122" spans="14:14">
      <c r="N234122" s="10"/>
    </row>
    <row r="234123" spans="14:14">
      <c r="N234123" s="10"/>
    </row>
    <row r="234124" spans="14:14">
      <c r="N234124" s="10"/>
    </row>
    <row r="234125" spans="14:14">
      <c r="N234125" s="10"/>
    </row>
    <row r="234126" spans="14:14">
      <c r="N234126" s="10"/>
    </row>
    <row r="234127" spans="14:14">
      <c r="N234127" s="10"/>
    </row>
    <row r="234128" spans="14:14">
      <c r="N234128" s="10"/>
    </row>
    <row r="234129" spans="14:14">
      <c r="N234129" s="10"/>
    </row>
    <row r="234130" spans="14:14">
      <c r="N234130" s="10"/>
    </row>
    <row r="234131" spans="14:14">
      <c r="N234131" s="10"/>
    </row>
    <row r="234132" spans="14:14">
      <c r="N234132" s="10"/>
    </row>
    <row r="234133" spans="14:14">
      <c r="N234133" s="10"/>
    </row>
    <row r="234134" spans="14:14">
      <c r="N234134" s="10"/>
    </row>
    <row r="234135" spans="14:14">
      <c r="N234135" s="10"/>
    </row>
    <row r="234136" spans="14:14">
      <c r="N234136" s="10"/>
    </row>
    <row r="234137" spans="14:14">
      <c r="N234137" s="10"/>
    </row>
    <row r="234138" spans="14:14">
      <c r="N234138" s="10"/>
    </row>
    <row r="234139" spans="14:14">
      <c r="N234139" s="10"/>
    </row>
    <row r="234140" spans="14:14">
      <c r="N234140" s="10"/>
    </row>
    <row r="234141" spans="14:14">
      <c r="N234141" s="10"/>
    </row>
    <row r="234142" spans="14:14">
      <c r="N234142" s="10"/>
    </row>
    <row r="234143" spans="14:14">
      <c r="N234143" s="10"/>
    </row>
    <row r="234144" spans="14:14">
      <c r="N234144" s="10"/>
    </row>
    <row r="234145" spans="14:14">
      <c r="N234145" s="10"/>
    </row>
    <row r="234146" spans="14:14">
      <c r="N234146" s="10"/>
    </row>
    <row r="234147" spans="14:14">
      <c r="N234147" s="10"/>
    </row>
    <row r="234148" spans="14:14">
      <c r="N234148" s="10"/>
    </row>
    <row r="234149" spans="14:14">
      <c r="N234149" s="10"/>
    </row>
    <row r="234150" spans="14:14">
      <c r="N234150" s="10"/>
    </row>
    <row r="234151" spans="14:14">
      <c r="N234151" s="10"/>
    </row>
    <row r="234152" spans="14:14">
      <c r="N234152" s="10"/>
    </row>
    <row r="234153" spans="14:14">
      <c r="N234153" s="10"/>
    </row>
    <row r="234154" spans="14:14">
      <c r="N234154" s="10"/>
    </row>
    <row r="234155" spans="14:14">
      <c r="N234155" s="10"/>
    </row>
    <row r="234156" spans="14:14">
      <c r="N234156" s="10"/>
    </row>
    <row r="234157" spans="14:14">
      <c r="N234157" s="10"/>
    </row>
    <row r="234158" spans="14:14">
      <c r="N234158" s="10"/>
    </row>
    <row r="234159" spans="14:14">
      <c r="N234159" s="10"/>
    </row>
    <row r="234160" spans="14:14">
      <c r="N234160" s="10"/>
    </row>
    <row r="234161" spans="14:14">
      <c r="N234161" s="10"/>
    </row>
    <row r="234162" spans="14:14">
      <c r="N234162" s="10"/>
    </row>
    <row r="234163" spans="14:14">
      <c r="N234163" s="10"/>
    </row>
    <row r="234164" spans="14:14">
      <c r="N234164" s="10"/>
    </row>
    <row r="234165" spans="14:14">
      <c r="N234165" s="10"/>
    </row>
    <row r="234166" spans="14:14">
      <c r="N234166" s="10"/>
    </row>
    <row r="234167" spans="14:14">
      <c r="N234167" s="10"/>
    </row>
    <row r="234168" spans="14:14">
      <c r="N234168" s="10"/>
    </row>
    <row r="234169" spans="14:14">
      <c r="N234169" s="10"/>
    </row>
    <row r="234170" spans="14:14">
      <c r="N234170" s="10"/>
    </row>
    <row r="234171" spans="14:14">
      <c r="N234171" s="10"/>
    </row>
    <row r="234172" spans="14:14">
      <c r="N234172" s="10"/>
    </row>
    <row r="234173" spans="14:14">
      <c r="N234173" s="10"/>
    </row>
    <row r="234174" spans="14:14">
      <c r="N234174" s="10"/>
    </row>
    <row r="234175" spans="14:14">
      <c r="N234175" s="10"/>
    </row>
    <row r="234176" spans="14:14">
      <c r="N234176" s="10"/>
    </row>
    <row r="234177" spans="14:14">
      <c r="N234177" s="10"/>
    </row>
    <row r="234178" spans="14:14">
      <c r="N234178" s="10"/>
    </row>
    <row r="234179" spans="14:14">
      <c r="N234179" s="10"/>
    </row>
    <row r="234180" spans="14:14">
      <c r="N234180" s="10"/>
    </row>
    <row r="234181" spans="14:14">
      <c r="N234181" s="10"/>
    </row>
    <row r="234182" spans="14:14">
      <c r="N234182" s="10"/>
    </row>
    <row r="234183" spans="14:14">
      <c r="N234183" s="10"/>
    </row>
    <row r="234184" spans="14:14">
      <c r="N234184" s="10"/>
    </row>
    <row r="234185" spans="14:14">
      <c r="N234185" s="10"/>
    </row>
    <row r="234186" spans="14:14">
      <c r="N234186" s="10"/>
    </row>
    <row r="234187" spans="14:14">
      <c r="N234187" s="10"/>
    </row>
    <row r="234188" spans="14:14">
      <c r="N234188" s="10"/>
    </row>
    <row r="234189" spans="14:14">
      <c r="N234189" s="10"/>
    </row>
    <row r="234190" spans="14:14">
      <c r="N234190" s="10"/>
    </row>
    <row r="234191" spans="14:14">
      <c r="N234191" s="10"/>
    </row>
    <row r="234192" spans="14:14">
      <c r="N234192" s="10"/>
    </row>
    <row r="234193" spans="14:14">
      <c r="N234193" s="10"/>
    </row>
    <row r="234194" spans="14:14">
      <c r="N234194" s="10"/>
    </row>
    <row r="234195" spans="14:14">
      <c r="N234195" s="10"/>
    </row>
    <row r="234196" spans="14:14">
      <c r="N234196" s="10"/>
    </row>
    <row r="234197" spans="14:14">
      <c r="N234197" s="10"/>
    </row>
    <row r="234198" spans="14:14">
      <c r="N234198" s="10"/>
    </row>
    <row r="234199" spans="14:14">
      <c r="N234199" s="10"/>
    </row>
    <row r="234200" spans="14:14">
      <c r="N234200" s="10"/>
    </row>
    <row r="234201" spans="14:14">
      <c r="N234201" s="10"/>
    </row>
    <row r="234202" spans="14:14">
      <c r="N234202" s="10"/>
    </row>
    <row r="234203" spans="14:14">
      <c r="N234203" s="10"/>
    </row>
    <row r="234204" spans="14:14">
      <c r="N234204" s="10"/>
    </row>
    <row r="234205" spans="14:14">
      <c r="N234205" s="10"/>
    </row>
    <row r="234206" spans="14:14">
      <c r="N234206" s="10"/>
    </row>
    <row r="234207" spans="14:14">
      <c r="N234207" s="10"/>
    </row>
    <row r="234208" spans="14:14">
      <c r="N234208" s="10"/>
    </row>
    <row r="234209" spans="14:14">
      <c r="N234209" s="10"/>
    </row>
    <row r="234210" spans="14:14">
      <c r="N234210" s="10"/>
    </row>
    <row r="234211" spans="14:14">
      <c r="N234211" s="10"/>
    </row>
    <row r="234212" spans="14:14">
      <c r="N234212" s="10"/>
    </row>
    <row r="234213" spans="14:14">
      <c r="N234213" s="10"/>
    </row>
    <row r="234214" spans="14:14">
      <c r="N234214" s="10"/>
    </row>
    <row r="234215" spans="14:14">
      <c r="N234215" s="10"/>
    </row>
    <row r="234216" spans="14:14">
      <c r="N234216" s="10"/>
    </row>
    <row r="234217" spans="14:14">
      <c r="N234217" s="10"/>
    </row>
    <row r="234218" spans="14:14">
      <c r="N234218" s="10"/>
    </row>
    <row r="234219" spans="14:14">
      <c r="N234219" s="10"/>
    </row>
    <row r="234220" spans="14:14">
      <c r="N234220" s="10"/>
    </row>
    <row r="234221" spans="14:14">
      <c r="N234221" s="10"/>
    </row>
    <row r="234222" spans="14:14">
      <c r="N234222" s="10"/>
    </row>
    <row r="234223" spans="14:14">
      <c r="N234223" s="10"/>
    </row>
    <row r="234224" spans="14:14">
      <c r="N234224" s="10"/>
    </row>
    <row r="234225" spans="14:14">
      <c r="N234225" s="10"/>
    </row>
    <row r="234226" spans="14:14">
      <c r="N234226" s="10"/>
    </row>
    <row r="234227" spans="14:14">
      <c r="N234227" s="10"/>
    </row>
    <row r="234228" spans="14:14">
      <c r="N234228" s="10"/>
    </row>
    <row r="234229" spans="14:14">
      <c r="N234229" s="10"/>
    </row>
    <row r="234230" spans="14:14">
      <c r="N234230" s="10"/>
    </row>
    <row r="234231" spans="14:14">
      <c r="N234231" s="10"/>
    </row>
    <row r="234232" spans="14:14">
      <c r="N234232" s="10"/>
    </row>
    <row r="234233" spans="14:14">
      <c r="N234233" s="10"/>
    </row>
    <row r="234234" spans="14:14">
      <c r="N234234" s="10"/>
    </row>
    <row r="234235" spans="14:14">
      <c r="N234235" s="10"/>
    </row>
    <row r="234236" spans="14:14">
      <c r="N234236" s="10"/>
    </row>
    <row r="234237" spans="14:14">
      <c r="N234237" s="10"/>
    </row>
    <row r="234238" spans="14:14">
      <c r="N234238" s="10"/>
    </row>
    <row r="234239" spans="14:14">
      <c r="N234239" s="10"/>
    </row>
    <row r="234240" spans="14:14">
      <c r="N234240" s="10"/>
    </row>
    <row r="234241" spans="14:14">
      <c r="N234241" s="10"/>
    </row>
    <row r="234242" spans="14:14">
      <c r="N234242" s="10"/>
    </row>
    <row r="234243" spans="14:14">
      <c r="N234243" s="10"/>
    </row>
    <row r="234244" spans="14:14">
      <c r="N234244" s="10"/>
    </row>
    <row r="234245" spans="14:14">
      <c r="N234245" s="10"/>
    </row>
    <row r="234246" spans="14:14">
      <c r="N234246" s="10"/>
    </row>
    <row r="234247" spans="14:14">
      <c r="N234247" s="10"/>
    </row>
    <row r="234248" spans="14:14">
      <c r="N234248" s="10"/>
    </row>
    <row r="234249" spans="14:14">
      <c r="N234249" s="10"/>
    </row>
    <row r="234250" spans="14:14">
      <c r="N234250" s="10"/>
    </row>
    <row r="234251" spans="14:14">
      <c r="N234251" s="10"/>
    </row>
    <row r="234252" spans="14:14">
      <c r="N234252" s="10"/>
    </row>
    <row r="234253" spans="14:14">
      <c r="N234253" s="10"/>
    </row>
    <row r="234254" spans="14:14">
      <c r="N234254" s="10"/>
    </row>
    <row r="234255" spans="14:14">
      <c r="N234255" s="10"/>
    </row>
    <row r="234256" spans="14:14">
      <c r="N234256" s="10"/>
    </row>
    <row r="234257" spans="14:14">
      <c r="N234257" s="10"/>
    </row>
    <row r="234258" spans="14:14">
      <c r="N234258" s="10"/>
    </row>
    <row r="234259" spans="14:14">
      <c r="N234259" s="10"/>
    </row>
    <row r="234260" spans="14:14">
      <c r="N234260" s="10"/>
    </row>
    <row r="234261" spans="14:14">
      <c r="N234261" s="10"/>
    </row>
    <row r="234262" spans="14:14">
      <c r="N234262" s="10"/>
    </row>
    <row r="234263" spans="14:14">
      <c r="N234263" s="10"/>
    </row>
    <row r="234264" spans="14:14">
      <c r="N234264" s="10"/>
    </row>
    <row r="234265" spans="14:14">
      <c r="N234265" s="10"/>
    </row>
    <row r="234266" spans="14:14">
      <c r="N234266" s="10"/>
    </row>
    <row r="234267" spans="14:14">
      <c r="N234267" s="10"/>
    </row>
    <row r="234268" spans="14:14">
      <c r="N234268" s="10"/>
    </row>
    <row r="234269" spans="14:14">
      <c r="N234269" s="10"/>
    </row>
    <row r="234270" spans="14:14">
      <c r="N234270" s="10"/>
    </row>
    <row r="234271" spans="14:14">
      <c r="N234271" s="10"/>
    </row>
    <row r="234272" spans="14:14">
      <c r="N234272" s="10"/>
    </row>
    <row r="234273" spans="14:14">
      <c r="N234273" s="10"/>
    </row>
    <row r="234274" spans="14:14">
      <c r="N234274" s="10"/>
    </row>
    <row r="234275" spans="14:14">
      <c r="N234275" s="10"/>
    </row>
    <row r="234276" spans="14:14">
      <c r="N234276" s="10"/>
    </row>
    <row r="234277" spans="14:14">
      <c r="N234277" s="10"/>
    </row>
    <row r="234278" spans="14:14">
      <c r="N234278" s="10"/>
    </row>
    <row r="234279" spans="14:14">
      <c r="N234279" s="10"/>
    </row>
    <row r="234280" spans="14:14">
      <c r="N234280" s="10"/>
    </row>
    <row r="234281" spans="14:14">
      <c r="N234281" s="10"/>
    </row>
    <row r="234282" spans="14:14">
      <c r="N234282" s="10"/>
    </row>
    <row r="234283" spans="14:14">
      <c r="N234283" s="10"/>
    </row>
    <row r="234284" spans="14:14">
      <c r="N234284" s="10"/>
    </row>
    <row r="234285" spans="14:14">
      <c r="N234285" s="10"/>
    </row>
    <row r="234286" spans="14:14">
      <c r="N234286" s="10"/>
    </row>
    <row r="234287" spans="14:14">
      <c r="N234287" s="10"/>
    </row>
    <row r="234288" spans="14:14">
      <c r="N234288" s="10"/>
    </row>
    <row r="234289" spans="14:14">
      <c r="N234289" s="10"/>
    </row>
    <row r="234290" spans="14:14">
      <c r="N234290" s="10"/>
    </row>
    <row r="234291" spans="14:14">
      <c r="N234291" s="10"/>
    </row>
    <row r="234292" spans="14:14">
      <c r="N234292" s="10"/>
    </row>
    <row r="234293" spans="14:14">
      <c r="N234293" s="10"/>
    </row>
    <row r="234294" spans="14:14">
      <c r="N234294" s="10"/>
    </row>
    <row r="234295" spans="14:14">
      <c r="N234295" s="10"/>
    </row>
    <row r="234296" spans="14:14">
      <c r="N234296" s="10"/>
    </row>
    <row r="234297" spans="14:14">
      <c r="N234297" s="10"/>
    </row>
    <row r="234298" spans="14:14">
      <c r="N234298" s="10"/>
    </row>
    <row r="234299" spans="14:14">
      <c r="N234299" s="10"/>
    </row>
    <row r="234300" spans="14:14">
      <c r="N234300" s="10"/>
    </row>
    <row r="234301" spans="14:14">
      <c r="N234301" s="10"/>
    </row>
    <row r="234302" spans="14:14">
      <c r="N234302" s="10"/>
    </row>
    <row r="234303" spans="14:14">
      <c r="N234303" s="10"/>
    </row>
    <row r="234304" spans="14:14">
      <c r="N234304" s="10"/>
    </row>
    <row r="234305" spans="14:14">
      <c r="N234305" s="10"/>
    </row>
    <row r="234306" spans="14:14">
      <c r="N234306" s="10"/>
    </row>
    <row r="234307" spans="14:14">
      <c r="N234307" s="10"/>
    </row>
    <row r="234308" spans="14:14">
      <c r="N234308" s="10"/>
    </row>
    <row r="234309" spans="14:14">
      <c r="N234309" s="10"/>
    </row>
    <row r="234310" spans="14:14">
      <c r="N234310" s="10"/>
    </row>
    <row r="234311" spans="14:14">
      <c r="N234311" s="10"/>
    </row>
    <row r="234312" spans="14:14">
      <c r="N234312" s="10"/>
    </row>
    <row r="234313" spans="14:14">
      <c r="N234313" s="10"/>
    </row>
    <row r="234314" spans="14:14">
      <c r="N234314" s="10"/>
    </row>
    <row r="234315" spans="14:14">
      <c r="N234315" s="10"/>
    </row>
    <row r="234316" spans="14:14">
      <c r="N234316" s="10"/>
    </row>
    <row r="234317" spans="14:14">
      <c r="N234317" s="10"/>
    </row>
    <row r="234318" spans="14:14">
      <c r="N234318" s="10"/>
    </row>
    <row r="234319" spans="14:14">
      <c r="N234319" s="10"/>
    </row>
    <row r="234320" spans="14:14">
      <c r="N234320" s="10"/>
    </row>
    <row r="234321" spans="14:14">
      <c r="N234321" s="10"/>
    </row>
    <row r="234322" spans="14:14">
      <c r="N234322" s="10"/>
    </row>
    <row r="234323" spans="14:14">
      <c r="N234323" s="10"/>
    </row>
    <row r="234324" spans="14:14">
      <c r="N234324" s="10"/>
    </row>
    <row r="234325" spans="14:14">
      <c r="N234325" s="10"/>
    </row>
    <row r="234326" spans="14:14">
      <c r="N234326" s="10"/>
    </row>
    <row r="234327" spans="14:14">
      <c r="N234327" s="10"/>
    </row>
    <row r="234328" spans="14:14">
      <c r="N234328" s="10"/>
    </row>
    <row r="234329" spans="14:14">
      <c r="N234329" s="10"/>
    </row>
    <row r="234330" spans="14:14">
      <c r="N234330" s="10"/>
    </row>
    <row r="234331" spans="14:14">
      <c r="N234331" s="10"/>
    </row>
    <row r="234332" spans="14:14">
      <c r="N234332" s="10"/>
    </row>
    <row r="234333" spans="14:14">
      <c r="N234333" s="10"/>
    </row>
    <row r="234334" spans="14:14">
      <c r="N234334" s="10"/>
    </row>
    <row r="234335" spans="14:14">
      <c r="N234335" s="10"/>
    </row>
    <row r="234336" spans="14:14">
      <c r="N234336" s="10"/>
    </row>
    <row r="234337" spans="14:14">
      <c r="N234337" s="10"/>
    </row>
    <row r="234338" spans="14:14">
      <c r="N234338" s="10"/>
    </row>
    <row r="234339" spans="14:14">
      <c r="N234339" s="10"/>
    </row>
    <row r="234340" spans="14:14">
      <c r="N234340" s="10"/>
    </row>
    <row r="234341" spans="14:14">
      <c r="N234341" s="10"/>
    </row>
    <row r="234342" spans="14:14">
      <c r="N234342" s="10"/>
    </row>
    <row r="234343" spans="14:14">
      <c r="N234343" s="10"/>
    </row>
    <row r="234344" spans="14:14">
      <c r="N234344" s="10"/>
    </row>
    <row r="234345" spans="14:14">
      <c r="N234345" s="10"/>
    </row>
    <row r="234346" spans="14:14">
      <c r="N234346" s="10"/>
    </row>
    <row r="234347" spans="14:14">
      <c r="N234347" s="10"/>
    </row>
    <row r="234348" spans="14:14">
      <c r="N234348" s="10"/>
    </row>
    <row r="234349" spans="14:14">
      <c r="N234349" s="10"/>
    </row>
    <row r="234350" spans="14:14">
      <c r="N234350" s="10"/>
    </row>
    <row r="234351" spans="14:14">
      <c r="N234351" s="10"/>
    </row>
    <row r="234352" spans="14:14">
      <c r="N234352" s="10"/>
    </row>
    <row r="234353" spans="14:14">
      <c r="N234353" s="10"/>
    </row>
    <row r="234354" spans="14:14">
      <c r="N234354" s="10"/>
    </row>
    <row r="234355" spans="14:14">
      <c r="N234355" s="10"/>
    </row>
    <row r="234356" spans="14:14">
      <c r="N234356" s="10"/>
    </row>
    <row r="234357" spans="14:14">
      <c r="N234357" s="10"/>
    </row>
    <row r="234358" spans="14:14">
      <c r="N234358" s="10"/>
    </row>
    <row r="234359" spans="14:14">
      <c r="N234359" s="10"/>
    </row>
    <row r="234360" spans="14:14">
      <c r="N234360" s="10"/>
    </row>
    <row r="234361" spans="14:14">
      <c r="N234361" s="10"/>
    </row>
    <row r="234362" spans="14:14">
      <c r="N234362" s="10"/>
    </row>
    <row r="234363" spans="14:14">
      <c r="N234363" s="10"/>
    </row>
    <row r="234364" spans="14:14">
      <c r="N234364" s="10"/>
    </row>
    <row r="234365" spans="14:14">
      <c r="N234365" s="10"/>
    </row>
    <row r="234366" spans="14:14">
      <c r="N234366" s="10"/>
    </row>
    <row r="234367" spans="14:14">
      <c r="N234367" s="10"/>
    </row>
    <row r="234368" spans="14:14">
      <c r="N234368" s="10"/>
    </row>
    <row r="234369" spans="14:14">
      <c r="N234369" s="10"/>
    </row>
    <row r="234370" spans="14:14">
      <c r="N234370" s="10"/>
    </row>
    <row r="234371" spans="14:14">
      <c r="N234371" s="10"/>
    </row>
    <row r="234372" spans="14:14">
      <c r="N234372" s="10"/>
    </row>
    <row r="234373" spans="14:14">
      <c r="N234373" s="10"/>
    </row>
    <row r="234374" spans="14:14">
      <c r="N234374" s="10"/>
    </row>
    <row r="234375" spans="14:14">
      <c r="N234375" s="10"/>
    </row>
    <row r="234376" spans="14:14">
      <c r="N234376" s="10"/>
    </row>
    <row r="234377" spans="14:14">
      <c r="N234377" s="10"/>
    </row>
    <row r="234378" spans="14:14">
      <c r="N234378" s="10"/>
    </row>
    <row r="234379" spans="14:14">
      <c r="N234379" s="10"/>
    </row>
    <row r="234380" spans="14:14">
      <c r="N234380" s="10"/>
    </row>
    <row r="234381" spans="14:14">
      <c r="N234381" s="10"/>
    </row>
    <row r="234382" spans="14:14">
      <c r="N234382" s="10"/>
    </row>
    <row r="234383" spans="14:14">
      <c r="N234383" s="10"/>
    </row>
    <row r="234384" spans="14:14">
      <c r="N234384" s="10"/>
    </row>
    <row r="234385" spans="14:14">
      <c r="N234385" s="10"/>
    </row>
    <row r="234386" spans="14:14">
      <c r="N234386" s="10"/>
    </row>
    <row r="234387" spans="14:14">
      <c r="N234387" s="10"/>
    </row>
    <row r="234388" spans="14:14">
      <c r="N234388" s="10"/>
    </row>
    <row r="234389" spans="14:14">
      <c r="N234389" s="10"/>
    </row>
    <row r="234390" spans="14:14">
      <c r="N234390" s="10"/>
    </row>
    <row r="234391" spans="14:14">
      <c r="N234391" s="10"/>
    </row>
    <row r="234392" spans="14:14">
      <c r="N234392" s="10"/>
    </row>
    <row r="234393" spans="14:14">
      <c r="N234393" s="10"/>
    </row>
    <row r="234394" spans="14:14">
      <c r="N234394" s="10"/>
    </row>
    <row r="234395" spans="14:14">
      <c r="N234395" s="10"/>
    </row>
    <row r="234396" spans="14:14">
      <c r="N234396" s="10"/>
    </row>
    <row r="234397" spans="14:14">
      <c r="N234397" s="10"/>
    </row>
    <row r="234398" spans="14:14">
      <c r="N234398" s="10"/>
    </row>
    <row r="234399" spans="14:14">
      <c r="N234399" s="10"/>
    </row>
    <row r="234400" spans="14:14">
      <c r="N234400" s="10"/>
    </row>
    <row r="234401" spans="14:14">
      <c r="N234401" s="10"/>
    </row>
    <row r="234402" spans="14:14">
      <c r="N234402" s="10"/>
    </row>
    <row r="234403" spans="14:14">
      <c r="N234403" s="10"/>
    </row>
    <row r="234404" spans="14:14">
      <c r="N234404" s="10"/>
    </row>
    <row r="234405" spans="14:14">
      <c r="N234405" s="10"/>
    </row>
    <row r="234406" spans="14:14">
      <c r="N234406" s="10"/>
    </row>
    <row r="234407" spans="14:14">
      <c r="N234407" s="10"/>
    </row>
    <row r="234408" spans="14:14">
      <c r="N234408" s="10"/>
    </row>
    <row r="234409" spans="14:14">
      <c r="N234409" s="10"/>
    </row>
    <row r="234410" spans="14:14">
      <c r="N234410" s="10"/>
    </row>
    <row r="234411" spans="14:14">
      <c r="N234411" s="10"/>
    </row>
    <row r="234412" spans="14:14">
      <c r="N234412" s="10"/>
    </row>
    <row r="234413" spans="14:14">
      <c r="N234413" s="10"/>
    </row>
    <row r="234414" spans="14:14">
      <c r="N234414" s="10"/>
    </row>
    <row r="234415" spans="14:14">
      <c r="N234415" s="10"/>
    </row>
    <row r="234416" spans="14:14">
      <c r="N234416" s="10"/>
    </row>
    <row r="234417" spans="14:14">
      <c r="N234417" s="10"/>
    </row>
    <row r="234418" spans="14:14">
      <c r="N234418" s="10"/>
    </row>
    <row r="234419" spans="14:14">
      <c r="N234419" s="10"/>
    </row>
    <row r="234420" spans="14:14">
      <c r="N234420" s="10"/>
    </row>
    <row r="234421" spans="14:14">
      <c r="N234421" s="10"/>
    </row>
    <row r="234422" spans="14:14">
      <c r="N234422" s="10"/>
    </row>
    <row r="234423" spans="14:14">
      <c r="N234423" s="10"/>
    </row>
    <row r="234424" spans="14:14">
      <c r="N234424" s="10"/>
    </row>
    <row r="234425" spans="14:14">
      <c r="N234425" s="10"/>
    </row>
    <row r="234426" spans="14:14">
      <c r="N234426" s="10"/>
    </row>
    <row r="234427" spans="14:14">
      <c r="N234427" s="10"/>
    </row>
    <row r="234428" spans="14:14">
      <c r="N234428" s="10"/>
    </row>
    <row r="234429" spans="14:14">
      <c r="N234429" s="10"/>
    </row>
    <row r="234430" spans="14:14">
      <c r="N234430" s="10"/>
    </row>
    <row r="234431" spans="14:14">
      <c r="N234431" s="10"/>
    </row>
    <row r="234432" spans="14:14">
      <c r="N234432" s="10"/>
    </row>
    <row r="234433" spans="14:14">
      <c r="N234433" s="10"/>
    </row>
    <row r="234434" spans="14:14">
      <c r="N234434" s="10"/>
    </row>
    <row r="234435" spans="14:14">
      <c r="N234435" s="10"/>
    </row>
    <row r="234436" spans="14:14">
      <c r="N234436" s="10"/>
    </row>
    <row r="234437" spans="14:14">
      <c r="N234437" s="10"/>
    </row>
    <row r="234438" spans="14:14">
      <c r="N234438" s="10"/>
    </row>
    <row r="234439" spans="14:14">
      <c r="N234439" s="10"/>
    </row>
    <row r="234440" spans="14:14">
      <c r="N234440" s="10"/>
    </row>
    <row r="234441" spans="14:14">
      <c r="N234441" s="10"/>
    </row>
    <row r="234442" spans="14:14">
      <c r="N234442" s="10"/>
    </row>
    <row r="234443" spans="14:14">
      <c r="N234443" s="10"/>
    </row>
    <row r="234444" spans="14:14">
      <c r="N234444" s="10"/>
    </row>
    <row r="234445" spans="14:14">
      <c r="N234445" s="10"/>
    </row>
    <row r="234446" spans="14:14">
      <c r="N234446" s="10"/>
    </row>
    <row r="234447" spans="14:14">
      <c r="N234447" s="10"/>
    </row>
    <row r="234448" spans="14:14">
      <c r="N234448" s="10"/>
    </row>
    <row r="234449" spans="14:14">
      <c r="N234449" s="10"/>
    </row>
    <row r="234450" spans="14:14">
      <c r="N234450" s="10"/>
    </row>
    <row r="234451" spans="14:14">
      <c r="N234451" s="10"/>
    </row>
    <row r="234452" spans="14:14">
      <c r="N234452" s="10"/>
    </row>
    <row r="234453" spans="14:14">
      <c r="N234453" s="10"/>
    </row>
    <row r="234454" spans="14:14">
      <c r="N234454" s="10"/>
    </row>
    <row r="234455" spans="14:14">
      <c r="N234455" s="10"/>
    </row>
    <row r="234456" spans="14:14">
      <c r="N234456" s="10"/>
    </row>
    <row r="234457" spans="14:14">
      <c r="N234457" s="10"/>
    </row>
    <row r="234458" spans="14:14">
      <c r="N234458" s="10"/>
    </row>
    <row r="234459" spans="14:14">
      <c r="N234459" s="10"/>
    </row>
    <row r="234460" spans="14:14">
      <c r="N234460" s="10"/>
    </row>
    <row r="234461" spans="14:14">
      <c r="N234461" s="10"/>
    </row>
    <row r="234462" spans="14:14">
      <c r="N234462" s="10"/>
    </row>
    <row r="234463" spans="14:14">
      <c r="N234463" s="10"/>
    </row>
    <row r="234464" spans="14:14">
      <c r="N234464" s="10"/>
    </row>
    <row r="234465" spans="14:14">
      <c r="N234465" s="10"/>
    </row>
    <row r="234466" spans="14:14">
      <c r="N234466" s="10"/>
    </row>
    <row r="234467" spans="14:14">
      <c r="N234467" s="10"/>
    </row>
    <row r="234468" spans="14:14">
      <c r="N234468" s="10"/>
    </row>
    <row r="234469" spans="14:14">
      <c r="N234469" s="10"/>
    </row>
    <row r="234470" spans="14:14">
      <c r="N234470" s="10"/>
    </row>
    <row r="234471" spans="14:14">
      <c r="N234471" s="10"/>
    </row>
    <row r="234472" spans="14:14">
      <c r="N234472" s="10"/>
    </row>
    <row r="234473" spans="14:14">
      <c r="N234473" s="10"/>
    </row>
    <row r="234474" spans="14:14">
      <c r="N234474" s="10"/>
    </row>
    <row r="234475" spans="14:14">
      <c r="N234475" s="10"/>
    </row>
    <row r="234476" spans="14:14">
      <c r="N234476" s="10"/>
    </row>
    <row r="234477" spans="14:14">
      <c r="N234477" s="10"/>
    </row>
    <row r="234478" spans="14:14">
      <c r="N234478" s="10"/>
    </row>
    <row r="234479" spans="14:14">
      <c r="N234479" s="10"/>
    </row>
    <row r="234480" spans="14:14">
      <c r="N234480" s="10"/>
    </row>
    <row r="234481" spans="14:14">
      <c r="N234481" s="10"/>
    </row>
    <row r="234482" spans="14:14">
      <c r="N234482" s="10"/>
    </row>
    <row r="234483" spans="14:14">
      <c r="N234483" s="10"/>
    </row>
    <row r="234484" spans="14:14">
      <c r="N234484" s="10"/>
    </row>
    <row r="234485" spans="14:14">
      <c r="N234485" s="10"/>
    </row>
    <row r="234486" spans="14:14">
      <c r="N234486" s="10"/>
    </row>
    <row r="234487" spans="14:14">
      <c r="N234487" s="10"/>
    </row>
    <row r="234488" spans="14:14">
      <c r="N234488" s="10"/>
    </row>
    <row r="234489" spans="14:14">
      <c r="N234489" s="10"/>
    </row>
    <row r="234490" spans="14:14">
      <c r="N234490" s="10"/>
    </row>
    <row r="234491" spans="14:14">
      <c r="N234491" s="10"/>
    </row>
    <row r="234492" spans="14:14">
      <c r="N234492" s="10"/>
    </row>
    <row r="234493" spans="14:14">
      <c r="N234493" s="10"/>
    </row>
    <row r="234494" spans="14:14">
      <c r="N234494" s="10"/>
    </row>
    <row r="234495" spans="14:14">
      <c r="N234495" s="10"/>
    </row>
    <row r="234496" spans="14:14">
      <c r="N234496" s="10"/>
    </row>
    <row r="234497" spans="14:14">
      <c r="N234497" s="10"/>
    </row>
    <row r="234498" spans="14:14">
      <c r="N234498" s="10"/>
    </row>
    <row r="234499" spans="14:14">
      <c r="N234499" s="10"/>
    </row>
    <row r="234500" spans="14:14">
      <c r="N234500" s="10"/>
    </row>
    <row r="234501" spans="14:14">
      <c r="N234501" s="10"/>
    </row>
    <row r="234502" spans="14:14">
      <c r="N234502" s="10"/>
    </row>
    <row r="234503" spans="14:14">
      <c r="N234503" s="10"/>
    </row>
    <row r="234504" spans="14:14">
      <c r="N234504" s="10"/>
    </row>
    <row r="234505" spans="14:14">
      <c r="N234505" s="10"/>
    </row>
    <row r="234506" spans="14:14">
      <c r="N234506" s="10"/>
    </row>
    <row r="234507" spans="14:14">
      <c r="N234507" s="10"/>
    </row>
    <row r="234508" spans="14:14">
      <c r="N234508" s="10"/>
    </row>
    <row r="234509" spans="14:14">
      <c r="N234509" s="10"/>
    </row>
    <row r="234510" spans="14:14">
      <c r="N234510" s="10"/>
    </row>
    <row r="234511" spans="14:14">
      <c r="N234511" s="10"/>
    </row>
    <row r="234512" spans="14:14">
      <c r="N234512" s="10"/>
    </row>
    <row r="234513" spans="14:14">
      <c r="N234513" s="10"/>
    </row>
    <row r="234514" spans="14:14">
      <c r="N234514" s="10"/>
    </row>
    <row r="234515" spans="14:14">
      <c r="N234515" s="10"/>
    </row>
    <row r="234516" spans="14:14">
      <c r="N234516" s="10"/>
    </row>
    <row r="234517" spans="14:14">
      <c r="N234517" s="10"/>
    </row>
    <row r="234518" spans="14:14">
      <c r="N234518" s="10"/>
    </row>
    <row r="234519" spans="14:14">
      <c r="N234519" s="10"/>
    </row>
    <row r="234520" spans="14:14">
      <c r="N234520" s="10"/>
    </row>
    <row r="234521" spans="14:14">
      <c r="N234521" s="10"/>
    </row>
    <row r="234522" spans="14:14">
      <c r="N234522" s="10"/>
    </row>
    <row r="234523" spans="14:14">
      <c r="N234523" s="10"/>
    </row>
    <row r="234524" spans="14:14">
      <c r="N234524" s="10"/>
    </row>
    <row r="234525" spans="14:14">
      <c r="N234525" s="10"/>
    </row>
    <row r="234526" spans="14:14">
      <c r="N234526" s="10"/>
    </row>
    <row r="234527" spans="14:14">
      <c r="N234527" s="10"/>
    </row>
    <row r="234528" spans="14:14">
      <c r="N234528" s="10"/>
    </row>
    <row r="234529" spans="14:14">
      <c r="N234529" s="10"/>
    </row>
    <row r="234530" spans="14:14">
      <c r="N234530" s="10"/>
    </row>
    <row r="234531" spans="14:14">
      <c r="N234531" s="10"/>
    </row>
    <row r="234532" spans="14:14">
      <c r="N234532" s="10"/>
    </row>
    <row r="234533" spans="14:14">
      <c r="N234533" s="10"/>
    </row>
    <row r="234534" spans="14:14">
      <c r="N234534" s="10"/>
    </row>
    <row r="234535" spans="14:14">
      <c r="N234535" s="10"/>
    </row>
    <row r="234536" spans="14:14">
      <c r="N234536" s="10"/>
    </row>
    <row r="234537" spans="14:14">
      <c r="N234537" s="10"/>
    </row>
    <row r="234538" spans="14:14">
      <c r="N234538" s="10"/>
    </row>
    <row r="234539" spans="14:14">
      <c r="N234539" s="10"/>
    </row>
    <row r="234540" spans="14:14">
      <c r="N234540" s="10"/>
    </row>
    <row r="234541" spans="14:14">
      <c r="N234541" s="10"/>
    </row>
    <row r="234542" spans="14:14">
      <c r="N234542" s="10"/>
    </row>
    <row r="234543" spans="14:14">
      <c r="N234543" s="10"/>
    </row>
    <row r="234544" spans="14:14">
      <c r="N234544" s="10"/>
    </row>
    <row r="234545" spans="14:14">
      <c r="N234545" s="10"/>
    </row>
    <row r="234546" spans="14:14">
      <c r="N234546" s="10"/>
    </row>
    <row r="234547" spans="14:14">
      <c r="N234547" s="10"/>
    </row>
    <row r="234548" spans="14:14">
      <c r="N234548" s="10"/>
    </row>
    <row r="234549" spans="14:14">
      <c r="N234549" s="10"/>
    </row>
    <row r="234550" spans="14:14">
      <c r="N234550" s="10"/>
    </row>
    <row r="234551" spans="14:14">
      <c r="N234551" s="10"/>
    </row>
    <row r="234552" spans="14:14">
      <c r="N234552" s="10"/>
    </row>
    <row r="234553" spans="14:14">
      <c r="N234553" s="10"/>
    </row>
    <row r="234554" spans="14:14">
      <c r="N234554" s="10"/>
    </row>
    <row r="234555" spans="14:14">
      <c r="N234555" s="10"/>
    </row>
    <row r="234556" spans="14:14">
      <c r="N234556" s="10"/>
    </row>
    <row r="234557" spans="14:14">
      <c r="N234557" s="10"/>
    </row>
    <row r="234558" spans="14:14">
      <c r="N234558" s="10"/>
    </row>
    <row r="234559" spans="14:14">
      <c r="N234559" s="10"/>
    </row>
    <row r="234560" spans="14:14">
      <c r="N234560" s="10"/>
    </row>
    <row r="234561" spans="14:14">
      <c r="N234561" s="10"/>
    </row>
    <row r="234562" spans="14:14">
      <c r="N234562" s="10"/>
    </row>
    <row r="234563" spans="14:14">
      <c r="N234563" s="10"/>
    </row>
    <row r="234564" spans="14:14">
      <c r="N234564" s="10"/>
    </row>
    <row r="234565" spans="14:14">
      <c r="N234565" s="10"/>
    </row>
    <row r="234566" spans="14:14">
      <c r="N234566" s="10"/>
    </row>
    <row r="234567" spans="14:14">
      <c r="N234567" s="10"/>
    </row>
    <row r="234568" spans="14:14">
      <c r="N234568" s="10"/>
    </row>
    <row r="234569" spans="14:14">
      <c r="N234569" s="10"/>
    </row>
    <row r="234570" spans="14:14">
      <c r="N234570" s="10"/>
    </row>
    <row r="234571" spans="14:14">
      <c r="N234571" s="10"/>
    </row>
    <row r="234572" spans="14:14">
      <c r="N234572" s="10"/>
    </row>
    <row r="234573" spans="14:14">
      <c r="N234573" s="10"/>
    </row>
    <row r="234574" spans="14:14">
      <c r="N234574" s="10"/>
    </row>
    <row r="234575" spans="14:14">
      <c r="N234575" s="10"/>
    </row>
    <row r="234576" spans="14:14">
      <c r="N234576" s="10"/>
    </row>
    <row r="234577" spans="14:14">
      <c r="N234577" s="10"/>
    </row>
    <row r="234578" spans="14:14">
      <c r="N234578" s="10"/>
    </row>
    <row r="234579" spans="14:14">
      <c r="N234579" s="10"/>
    </row>
    <row r="234580" spans="14:14">
      <c r="N234580" s="10"/>
    </row>
    <row r="234581" spans="14:14">
      <c r="N234581" s="10"/>
    </row>
    <row r="234582" spans="14:14">
      <c r="N234582" s="10"/>
    </row>
    <row r="234583" spans="14:14">
      <c r="N234583" s="10"/>
    </row>
    <row r="234584" spans="14:14">
      <c r="N234584" s="10"/>
    </row>
    <row r="234585" spans="14:14">
      <c r="N234585" s="10"/>
    </row>
    <row r="234586" spans="14:14">
      <c r="N234586" s="10"/>
    </row>
    <row r="234587" spans="14:14">
      <c r="N234587" s="10"/>
    </row>
    <row r="234588" spans="14:14">
      <c r="N234588" s="10"/>
    </row>
    <row r="234589" spans="14:14">
      <c r="N234589" s="10"/>
    </row>
    <row r="234590" spans="14:14">
      <c r="N234590" s="10"/>
    </row>
    <row r="234591" spans="14:14">
      <c r="N234591" s="10"/>
    </row>
    <row r="234592" spans="14:14">
      <c r="N234592" s="10"/>
    </row>
    <row r="234593" spans="14:14">
      <c r="N234593" s="10"/>
    </row>
    <row r="234594" spans="14:14">
      <c r="N234594" s="10"/>
    </row>
    <row r="234595" spans="14:14">
      <c r="N234595" s="10"/>
    </row>
    <row r="234596" spans="14:14">
      <c r="N234596" s="10"/>
    </row>
    <row r="234597" spans="14:14">
      <c r="N234597" s="10"/>
    </row>
    <row r="234598" spans="14:14">
      <c r="N234598" s="10"/>
    </row>
    <row r="234599" spans="14:14">
      <c r="N234599" s="10"/>
    </row>
    <row r="234600" spans="14:14">
      <c r="N234600" s="10"/>
    </row>
    <row r="234601" spans="14:14">
      <c r="N234601" s="10"/>
    </row>
    <row r="234602" spans="14:14">
      <c r="N234602" s="10"/>
    </row>
    <row r="234603" spans="14:14">
      <c r="N234603" s="10"/>
    </row>
    <row r="234604" spans="14:14">
      <c r="N234604" s="10"/>
    </row>
    <row r="234605" spans="14:14">
      <c r="N234605" s="10"/>
    </row>
    <row r="234606" spans="14:14">
      <c r="N234606" s="10"/>
    </row>
    <row r="234607" spans="14:14">
      <c r="N234607" s="10"/>
    </row>
    <row r="234608" spans="14:14">
      <c r="N234608" s="10"/>
    </row>
    <row r="234609" spans="14:14">
      <c r="N234609" s="10"/>
    </row>
    <row r="234610" spans="14:14">
      <c r="N234610" s="10"/>
    </row>
    <row r="234611" spans="14:14">
      <c r="N234611" s="10"/>
    </row>
    <row r="234612" spans="14:14">
      <c r="N234612" s="10"/>
    </row>
    <row r="234613" spans="14:14">
      <c r="N234613" s="10"/>
    </row>
    <row r="234614" spans="14:14">
      <c r="N234614" s="10"/>
    </row>
    <row r="234615" spans="14:14">
      <c r="N234615" s="10"/>
    </row>
    <row r="234616" spans="14:14">
      <c r="N234616" s="10"/>
    </row>
    <row r="234617" spans="14:14">
      <c r="N234617" s="10"/>
    </row>
    <row r="234618" spans="14:14">
      <c r="N234618" s="10"/>
    </row>
    <row r="234619" spans="14:14">
      <c r="N234619" s="10"/>
    </row>
    <row r="234620" spans="14:14">
      <c r="N234620" s="10"/>
    </row>
    <row r="234621" spans="14:14">
      <c r="N234621" s="10"/>
    </row>
    <row r="234622" spans="14:14">
      <c r="N234622" s="10"/>
    </row>
    <row r="234623" spans="14:14">
      <c r="N234623" s="10"/>
    </row>
    <row r="234624" spans="14:14">
      <c r="N234624" s="10"/>
    </row>
    <row r="234625" spans="14:14">
      <c r="N234625" s="10"/>
    </row>
    <row r="234626" spans="14:14">
      <c r="N234626" s="10"/>
    </row>
    <row r="234627" spans="14:14">
      <c r="N234627" s="10"/>
    </row>
    <row r="234628" spans="14:14">
      <c r="N234628" s="10"/>
    </row>
    <row r="234629" spans="14:14">
      <c r="N234629" s="10"/>
    </row>
    <row r="234630" spans="14:14">
      <c r="N234630" s="10"/>
    </row>
    <row r="234631" spans="14:14">
      <c r="N234631" s="10"/>
    </row>
    <row r="234632" spans="14:14">
      <c r="N234632" s="10"/>
    </row>
    <row r="234633" spans="14:14">
      <c r="N234633" s="10"/>
    </row>
    <row r="234634" spans="14:14">
      <c r="N234634" s="10"/>
    </row>
    <row r="234635" spans="14:14">
      <c r="N234635" s="10"/>
    </row>
    <row r="234636" spans="14:14">
      <c r="N234636" s="10"/>
    </row>
    <row r="234637" spans="14:14">
      <c r="N234637" s="10"/>
    </row>
    <row r="234638" spans="14:14">
      <c r="N234638" s="10"/>
    </row>
    <row r="234639" spans="14:14">
      <c r="N234639" s="10"/>
    </row>
    <row r="234640" spans="14:14">
      <c r="N234640" s="10"/>
    </row>
    <row r="234641" spans="14:14">
      <c r="N234641" s="10"/>
    </row>
    <row r="234642" spans="14:14">
      <c r="N234642" s="10"/>
    </row>
    <row r="234643" spans="14:14">
      <c r="N234643" s="10"/>
    </row>
    <row r="234644" spans="14:14">
      <c r="N234644" s="10"/>
    </row>
    <row r="234645" spans="14:14">
      <c r="N234645" s="10"/>
    </row>
    <row r="234646" spans="14:14">
      <c r="N234646" s="10"/>
    </row>
    <row r="234647" spans="14:14">
      <c r="N234647" s="10"/>
    </row>
    <row r="234648" spans="14:14">
      <c r="N234648" s="10"/>
    </row>
    <row r="234649" spans="14:14">
      <c r="N234649" s="10"/>
    </row>
    <row r="234650" spans="14:14">
      <c r="N234650" s="10"/>
    </row>
    <row r="234651" spans="14:14">
      <c r="N234651" s="10"/>
    </row>
    <row r="234652" spans="14:14">
      <c r="N234652" s="10"/>
    </row>
    <row r="234653" spans="14:14">
      <c r="N234653" s="10"/>
    </row>
    <row r="234654" spans="14:14">
      <c r="N234654" s="10"/>
    </row>
    <row r="234655" spans="14:14">
      <c r="N234655" s="10"/>
    </row>
    <row r="234656" spans="14:14">
      <c r="N234656" s="10"/>
    </row>
    <row r="234657" spans="14:14">
      <c r="N234657" s="10"/>
    </row>
    <row r="234658" spans="14:14">
      <c r="N234658" s="10"/>
    </row>
    <row r="234659" spans="14:14">
      <c r="N234659" s="10"/>
    </row>
    <row r="234660" spans="14:14">
      <c r="N234660" s="10"/>
    </row>
    <row r="234661" spans="14:14">
      <c r="N234661" s="10"/>
    </row>
    <row r="234662" spans="14:14">
      <c r="N234662" s="10"/>
    </row>
    <row r="234663" spans="14:14">
      <c r="N234663" s="10"/>
    </row>
    <row r="234664" spans="14:14">
      <c r="N234664" s="10"/>
    </row>
    <row r="234665" spans="14:14">
      <c r="N234665" s="10"/>
    </row>
    <row r="234666" spans="14:14">
      <c r="N234666" s="10"/>
    </row>
    <row r="234667" spans="14:14">
      <c r="N234667" s="10"/>
    </row>
    <row r="234668" spans="14:14">
      <c r="N234668" s="10"/>
    </row>
    <row r="234669" spans="14:14">
      <c r="N234669" s="10"/>
    </row>
    <row r="234670" spans="14:14">
      <c r="N234670" s="10"/>
    </row>
    <row r="234671" spans="14:14">
      <c r="N234671" s="10"/>
    </row>
    <row r="234672" spans="14:14">
      <c r="N234672" s="10"/>
    </row>
    <row r="234673" spans="14:14">
      <c r="N234673" s="10"/>
    </row>
    <row r="234674" spans="14:14">
      <c r="N234674" s="10"/>
    </row>
    <row r="234675" spans="14:14">
      <c r="N234675" s="10"/>
    </row>
    <row r="234676" spans="14:14">
      <c r="N234676" s="10"/>
    </row>
    <row r="234677" spans="14:14">
      <c r="N234677" s="10"/>
    </row>
    <row r="234678" spans="14:14">
      <c r="N234678" s="10"/>
    </row>
    <row r="234679" spans="14:14">
      <c r="N234679" s="10"/>
    </row>
    <row r="234680" spans="14:14">
      <c r="N234680" s="10"/>
    </row>
    <row r="234681" spans="14:14">
      <c r="N234681" s="10"/>
    </row>
    <row r="234682" spans="14:14">
      <c r="N234682" s="10"/>
    </row>
    <row r="234683" spans="14:14">
      <c r="N234683" s="10"/>
    </row>
    <row r="234684" spans="14:14">
      <c r="N234684" s="10"/>
    </row>
    <row r="234685" spans="14:14">
      <c r="N234685" s="10"/>
    </row>
    <row r="234686" spans="14:14">
      <c r="N234686" s="10"/>
    </row>
    <row r="234687" spans="14:14">
      <c r="N234687" s="10"/>
    </row>
    <row r="234688" spans="14:14">
      <c r="N234688" s="10"/>
    </row>
    <row r="234689" spans="14:14">
      <c r="N234689" s="10"/>
    </row>
    <row r="234690" spans="14:14">
      <c r="N234690" s="10"/>
    </row>
    <row r="234691" spans="14:14">
      <c r="N234691" s="10"/>
    </row>
    <row r="234692" spans="14:14">
      <c r="N234692" s="10"/>
    </row>
    <row r="234693" spans="14:14">
      <c r="N234693" s="10"/>
    </row>
    <row r="234694" spans="14:14">
      <c r="N234694" s="10"/>
    </row>
    <row r="234695" spans="14:14">
      <c r="N234695" s="10"/>
    </row>
    <row r="234696" spans="14:14">
      <c r="N234696" s="10"/>
    </row>
    <row r="234697" spans="14:14">
      <c r="N234697" s="10"/>
    </row>
    <row r="234698" spans="14:14">
      <c r="N234698" s="10"/>
    </row>
    <row r="234699" spans="14:14">
      <c r="N234699" s="10"/>
    </row>
    <row r="234700" spans="14:14">
      <c r="N234700" s="10"/>
    </row>
    <row r="234701" spans="14:14">
      <c r="N234701" s="10"/>
    </row>
    <row r="234702" spans="14:14">
      <c r="N234702" s="10"/>
    </row>
    <row r="234703" spans="14:14">
      <c r="N234703" s="10"/>
    </row>
    <row r="234704" spans="14:14">
      <c r="N234704" s="10"/>
    </row>
    <row r="234705" spans="14:14">
      <c r="N234705" s="10"/>
    </row>
    <row r="234706" spans="14:14">
      <c r="N234706" s="10"/>
    </row>
    <row r="234707" spans="14:14">
      <c r="N234707" s="10"/>
    </row>
    <row r="234708" spans="14:14">
      <c r="N234708" s="10"/>
    </row>
    <row r="234709" spans="14:14">
      <c r="N234709" s="10"/>
    </row>
    <row r="234710" spans="14:14">
      <c r="N234710" s="10"/>
    </row>
    <row r="234711" spans="14:14">
      <c r="N234711" s="10"/>
    </row>
    <row r="234712" spans="14:14">
      <c r="N234712" s="10"/>
    </row>
    <row r="234713" spans="14:14">
      <c r="N234713" s="10"/>
    </row>
    <row r="234714" spans="14:14">
      <c r="N234714" s="10"/>
    </row>
    <row r="234715" spans="14:14">
      <c r="N234715" s="10"/>
    </row>
    <row r="234716" spans="14:14">
      <c r="N234716" s="10"/>
    </row>
    <row r="234717" spans="14:14">
      <c r="N234717" s="10"/>
    </row>
    <row r="234718" spans="14:14">
      <c r="N234718" s="10"/>
    </row>
    <row r="234719" spans="14:14">
      <c r="N234719" s="10"/>
    </row>
    <row r="234720" spans="14:14">
      <c r="N234720" s="10"/>
    </row>
    <row r="234721" spans="14:14">
      <c r="N234721" s="10"/>
    </row>
    <row r="234722" spans="14:14">
      <c r="N234722" s="10"/>
    </row>
    <row r="234723" spans="14:14">
      <c r="N234723" s="10"/>
    </row>
    <row r="234724" spans="14:14">
      <c r="N234724" s="10"/>
    </row>
    <row r="234725" spans="14:14">
      <c r="N234725" s="10"/>
    </row>
    <row r="234726" spans="14:14">
      <c r="N234726" s="10"/>
    </row>
    <row r="234727" spans="14:14">
      <c r="N234727" s="10"/>
    </row>
    <row r="234728" spans="14:14">
      <c r="N234728" s="10"/>
    </row>
    <row r="234729" spans="14:14">
      <c r="N234729" s="10"/>
    </row>
    <row r="234730" spans="14:14">
      <c r="N234730" s="10"/>
    </row>
    <row r="234731" spans="14:14">
      <c r="N234731" s="10"/>
    </row>
    <row r="234732" spans="14:14">
      <c r="N234732" s="10"/>
    </row>
    <row r="234733" spans="14:14">
      <c r="N234733" s="10"/>
    </row>
    <row r="234734" spans="14:14">
      <c r="N234734" s="10"/>
    </row>
    <row r="234735" spans="14:14">
      <c r="N234735" s="10"/>
    </row>
    <row r="234736" spans="14:14">
      <c r="N234736" s="10"/>
    </row>
    <row r="234737" spans="14:14">
      <c r="N234737" s="10"/>
    </row>
    <row r="234738" spans="14:14">
      <c r="N234738" s="10"/>
    </row>
    <row r="234739" spans="14:14">
      <c r="N234739" s="10"/>
    </row>
    <row r="234740" spans="14:14">
      <c r="N234740" s="10"/>
    </row>
    <row r="234741" spans="14:14">
      <c r="N234741" s="10"/>
    </row>
    <row r="234742" spans="14:14">
      <c r="N234742" s="10"/>
    </row>
    <row r="234743" spans="14:14">
      <c r="N234743" s="10"/>
    </row>
    <row r="234744" spans="14:14">
      <c r="N234744" s="10"/>
    </row>
    <row r="234745" spans="14:14">
      <c r="N234745" s="10"/>
    </row>
    <row r="234746" spans="14:14">
      <c r="N234746" s="10"/>
    </row>
    <row r="234747" spans="14:14">
      <c r="N234747" s="10"/>
    </row>
    <row r="234748" spans="14:14">
      <c r="N234748" s="10"/>
    </row>
    <row r="234749" spans="14:14">
      <c r="N234749" s="10"/>
    </row>
    <row r="234750" spans="14:14">
      <c r="N234750" s="10"/>
    </row>
    <row r="234751" spans="14:14">
      <c r="N234751" s="10"/>
    </row>
    <row r="234752" spans="14:14">
      <c r="N234752" s="10"/>
    </row>
    <row r="234753" spans="14:14">
      <c r="N234753" s="10"/>
    </row>
    <row r="234754" spans="14:14">
      <c r="N234754" s="10"/>
    </row>
    <row r="234755" spans="14:14">
      <c r="N234755" s="10"/>
    </row>
    <row r="234756" spans="14:14">
      <c r="N234756" s="10"/>
    </row>
    <row r="234757" spans="14:14">
      <c r="N234757" s="10"/>
    </row>
    <row r="234758" spans="14:14">
      <c r="N234758" s="10"/>
    </row>
    <row r="234759" spans="14:14">
      <c r="N234759" s="10"/>
    </row>
    <row r="234760" spans="14:14">
      <c r="N234760" s="10"/>
    </row>
    <row r="234761" spans="14:14">
      <c r="N234761" s="10"/>
    </row>
    <row r="234762" spans="14:14">
      <c r="N234762" s="10"/>
    </row>
    <row r="234763" spans="14:14">
      <c r="N234763" s="10"/>
    </row>
    <row r="234764" spans="14:14">
      <c r="N234764" s="10"/>
    </row>
    <row r="234765" spans="14:14">
      <c r="N234765" s="10"/>
    </row>
    <row r="234766" spans="14:14">
      <c r="N234766" s="10"/>
    </row>
    <row r="234767" spans="14:14">
      <c r="N234767" s="10"/>
    </row>
    <row r="234768" spans="14:14">
      <c r="N234768" s="10"/>
    </row>
    <row r="234769" spans="14:14">
      <c r="N234769" s="10"/>
    </row>
    <row r="234770" spans="14:14">
      <c r="N234770" s="10"/>
    </row>
    <row r="234771" spans="14:14">
      <c r="N234771" s="10"/>
    </row>
    <row r="234772" spans="14:14">
      <c r="N234772" s="10"/>
    </row>
    <row r="234773" spans="14:14">
      <c r="N234773" s="10"/>
    </row>
    <row r="234774" spans="14:14">
      <c r="N234774" s="10"/>
    </row>
    <row r="234775" spans="14:14">
      <c r="N234775" s="10"/>
    </row>
    <row r="234776" spans="14:14">
      <c r="N234776" s="10"/>
    </row>
    <row r="234777" spans="14:14">
      <c r="N234777" s="10"/>
    </row>
    <row r="234778" spans="14:14">
      <c r="N234778" s="10"/>
    </row>
    <row r="234779" spans="14:14">
      <c r="N234779" s="10"/>
    </row>
    <row r="234780" spans="14:14">
      <c r="N234780" s="10"/>
    </row>
    <row r="234781" spans="14:14">
      <c r="N234781" s="10"/>
    </row>
    <row r="234782" spans="14:14">
      <c r="N234782" s="10"/>
    </row>
    <row r="234783" spans="14:14">
      <c r="N234783" s="10"/>
    </row>
    <row r="234784" spans="14:14">
      <c r="N234784" s="10"/>
    </row>
    <row r="234785" spans="14:14">
      <c r="N234785" s="10"/>
    </row>
    <row r="234786" spans="14:14">
      <c r="N234786" s="10"/>
    </row>
    <row r="234787" spans="14:14">
      <c r="N234787" s="10"/>
    </row>
    <row r="234788" spans="14:14">
      <c r="N234788" s="10"/>
    </row>
    <row r="234789" spans="14:14">
      <c r="N234789" s="10"/>
    </row>
    <row r="234790" spans="14:14">
      <c r="N234790" s="10"/>
    </row>
    <row r="234791" spans="14:14">
      <c r="N234791" s="10"/>
    </row>
    <row r="234792" spans="14:14">
      <c r="N234792" s="10"/>
    </row>
    <row r="234793" spans="14:14">
      <c r="N234793" s="10"/>
    </row>
    <row r="234794" spans="14:14">
      <c r="N234794" s="10"/>
    </row>
    <row r="234795" spans="14:14">
      <c r="N234795" s="10"/>
    </row>
    <row r="234796" spans="14:14">
      <c r="N234796" s="10"/>
    </row>
    <row r="234797" spans="14:14">
      <c r="N234797" s="10"/>
    </row>
    <row r="234798" spans="14:14">
      <c r="N234798" s="10"/>
    </row>
    <row r="234799" spans="14:14">
      <c r="N234799" s="10"/>
    </row>
    <row r="234800" spans="14:14">
      <c r="N234800" s="10"/>
    </row>
    <row r="234801" spans="14:14">
      <c r="N234801" s="10"/>
    </row>
    <row r="234802" spans="14:14">
      <c r="N234802" s="10"/>
    </row>
    <row r="234803" spans="14:14">
      <c r="N234803" s="10"/>
    </row>
    <row r="234804" spans="14:14">
      <c r="N234804" s="10"/>
    </row>
    <row r="234805" spans="14:14">
      <c r="N234805" s="10"/>
    </row>
    <row r="234806" spans="14:14">
      <c r="N234806" s="10"/>
    </row>
    <row r="234807" spans="14:14">
      <c r="N234807" s="10"/>
    </row>
    <row r="234808" spans="14:14">
      <c r="N234808" s="10"/>
    </row>
    <row r="234809" spans="14:14">
      <c r="N234809" s="10"/>
    </row>
    <row r="234810" spans="14:14">
      <c r="N234810" s="10"/>
    </row>
    <row r="234811" spans="14:14">
      <c r="N234811" s="10"/>
    </row>
    <row r="234812" spans="14:14">
      <c r="N234812" s="10"/>
    </row>
    <row r="234813" spans="14:14">
      <c r="N234813" s="10"/>
    </row>
    <row r="234814" spans="14:14">
      <c r="N234814" s="10"/>
    </row>
    <row r="234815" spans="14:14">
      <c r="N234815" s="10"/>
    </row>
    <row r="234816" spans="14:14">
      <c r="N234816" s="10"/>
    </row>
    <row r="234817" spans="14:14">
      <c r="N234817" s="10"/>
    </row>
    <row r="234818" spans="14:14">
      <c r="N234818" s="10"/>
    </row>
    <row r="234819" spans="14:14">
      <c r="N234819" s="10"/>
    </row>
    <row r="234820" spans="14:14">
      <c r="N234820" s="10"/>
    </row>
    <row r="234821" spans="14:14">
      <c r="N234821" s="10"/>
    </row>
    <row r="234822" spans="14:14">
      <c r="N234822" s="10"/>
    </row>
    <row r="234823" spans="14:14">
      <c r="N234823" s="10"/>
    </row>
    <row r="234824" spans="14:14">
      <c r="N234824" s="10"/>
    </row>
    <row r="234825" spans="14:14">
      <c r="N234825" s="10"/>
    </row>
    <row r="234826" spans="14:14">
      <c r="N234826" s="10"/>
    </row>
    <row r="234827" spans="14:14">
      <c r="N234827" s="10"/>
    </row>
    <row r="234828" spans="14:14">
      <c r="N234828" s="10"/>
    </row>
    <row r="234829" spans="14:14">
      <c r="N234829" s="10"/>
    </row>
    <row r="234830" spans="14:14">
      <c r="N234830" s="10"/>
    </row>
    <row r="234831" spans="14:14">
      <c r="N234831" s="10"/>
    </row>
    <row r="234832" spans="14:14">
      <c r="N234832" s="10"/>
    </row>
    <row r="234833" spans="14:14">
      <c r="N234833" s="10"/>
    </row>
    <row r="234834" spans="14:14">
      <c r="N234834" s="10"/>
    </row>
    <row r="234835" spans="14:14">
      <c r="N234835" s="10"/>
    </row>
    <row r="234836" spans="14:14">
      <c r="N234836" s="10"/>
    </row>
    <row r="234837" spans="14:14">
      <c r="N234837" s="10"/>
    </row>
    <row r="234838" spans="14:14">
      <c r="N234838" s="10"/>
    </row>
    <row r="234839" spans="14:14">
      <c r="N234839" s="10"/>
    </row>
    <row r="234840" spans="14:14">
      <c r="N234840" s="10"/>
    </row>
    <row r="234841" spans="14:14">
      <c r="N234841" s="10"/>
    </row>
    <row r="234842" spans="14:14">
      <c r="N234842" s="10"/>
    </row>
    <row r="234843" spans="14:14">
      <c r="N234843" s="10"/>
    </row>
    <row r="234844" spans="14:14">
      <c r="N234844" s="10"/>
    </row>
    <row r="234845" spans="14:14">
      <c r="N234845" s="10"/>
    </row>
    <row r="234846" spans="14:14">
      <c r="N234846" s="10"/>
    </row>
    <row r="234847" spans="14:14">
      <c r="N234847" s="10"/>
    </row>
    <row r="234848" spans="14:14">
      <c r="N234848" s="10"/>
    </row>
    <row r="234849" spans="14:14">
      <c r="N234849" s="10"/>
    </row>
    <row r="234850" spans="14:14">
      <c r="N234850" s="10"/>
    </row>
    <row r="234851" spans="14:14">
      <c r="N234851" s="10"/>
    </row>
    <row r="234852" spans="14:14">
      <c r="N234852" s="10"/>
    </row>
    <row r="234853" spans="14:14">
      <c r="N234853" s="10"/>
    </row>
    <row r="234854" spans="14:14">
      <c r="N234854" s="10"/>
    </row>
    <row r="234855" spans="14:14">
      <c r="N234855" s="10"/>
    </row>
    <row r="234856" spans="14:14">
      <c r="N234856" s="10"/>
    </row>
    <row r="234857" spans="14:14">
      <c r="N234857" s="10"/>
    </row>
    <row r="234858" spans="14:14">
      <c r="N234858" s="10"/>
    </row>
    <row r="234859" spans="14:14">
      <c r="N234859" s="10"/>
    </row>
    <row r="234860" spans="14:14">
      <c r="N234860" s="10"/>
    </row>
    <row r="234861" spans="14:14">
      <c r="N234861" s="10"/>
    </row>
    <row r="234862" spans="14:14">
      <c r="N234862" s="10"/>
    </row>
    <row r="234863" spans="14:14">
      <c r="N234863" s="10"/>
    </row>
    <row r="234864" spans="14:14">
      <c r="N234864" s="10"/>
    </row>
    <row r="234865" spans="14:14">
      <c r="N234865" s="10"/>
    </row>
    <row r="234866" spans="14:14">
      <c r="N234866" s="10"/>
    </row>
    <row r="234867" spans="14:14">
      <c r="N234867" s="10"/>
    </row>
    <row r="234868" spans="14:14">
      <c r="N234868" s="10"/>
    </row>
    <row r="234869" spans="14:14">
      <c r="N234869" s="10"/>
    </row>
    <row r="234870" spans="14:14">
      <c r="N234870" s="10"/>
    </row>
    <row r="234871" spans="14:14">
      <c r="N234871" s="10"/>
    </row>
    <row r="234872" spans="14:14">
      <c r="N234872" s="10"/>
    </row>
    <row r="234873" spans="14:14">
      <c r="N234873" s="10"/>
    </row>
    <row r="234874" spans="14:14">
      <c r="N234874" s="10"/>
    </row>
    <row r="234875" spans="14:14">
      <c r="N234875" s="10"/>
    </row>
    <row r="234876" spans="14:14">
      <c r="N234876" s="10"/>
    </row>
    <row r="234877" spans="14:14">
      <c r="N234877" s="10"/>
    </row>
    <row r="234878" spans="14:14">
      <c r="N234878" s="10"/>
    </row>
    <row r="234879" spans="14:14">
      <c r="N234879" s="10"/>
    </row>
    <row r="234880" spans="14:14">
      <c r="N234880" s="10"/>
    </row>
    <row r="234881" spans="14:14">
      <c r="N234881" s="10"/>
    </row>
    <row r="234882" spans="14:14">
      <c r="N234882" s="10"/>
    </row>
    <row r="234883" spans="14:14">
      <c r="N234883" s="10"/>
    </row>
    <row r="234884" spans="14:14">
      <c r="N234884" s="10"/>
    </row>
    <row r="234885" spans="14:14">
      <c r="N234885" s="10"/>
    </row>
    <row r="234886" spans="14:14">
      <c r="N234886" s="10"/>
    </row>
    <row r="234887" spans="14:14">
      <c r="N234887" s="10"/>
    </row>
    <row r="234888" spans="14:14">
      <c r="N234888" s="10"/>
    </row>
    <row r="234889" spans="14:14">
      <c r="N234889" s="10"/>
    </row>
    <row r="234890" spans="14:14">
      <c r="N234890" s="10"/>
    </row>
    <row r="234891" spans="14:14">
      <c r="N234891" s="10"/>
    </row>
    <row r="234892" spans="14:14">
      <c r="N234892" s="10"/>
    </row>
    <row r="234893" spans="14:14">
      <c r="N234893" s="10"/>
    </row>
    <row r="234894" spans="14:14">
      <c r="N234894" s="10"/>
    </row>
    <row r="234895" spans="14:14">
      <c r="N234895" s="10"/>
    </row>
    <row r="234896" spans="14:14">
      <c r="N234896" s="10"/>
    </row>
    <row r="234897" spans="14:14">
      <c r="N234897" s="10"/>
    </row>
    <row r="234898" spans="14:14">
      <c r="N234898" s="10"/>
    </row>
    <row r="234899" spans="14:14">
      <c r="N234899" s="10"/>
    </row>
    <row r="234900" spans="14:14">
      <c r="N234900" s="10"/>
    </row>
    <row r="234901" spans="14:14">
      <c r="N234901" s="10"/>
    </row>
    <row r="234902" spans="14:14">
      <c r="N234902" s="10"/>
    </row>
    <row r="234903" spans="14:14">
      <c r="N234903" s="10"/>
    </row>
    <row r="234904" spans="14:14">
      <c r="N234904" s="10"/>
    </row>
    <row r="234905" spans="14:14">
      <c r="N234905" s="10"/>
    </row>
    <row r="234906" spans="14:14">
      <c r="N234906" s="10"/>
    </row>
    <row r="234907" spans="14:14">
      <c r="N234907" s="10"/>
    </row>
    <row r="234908" spans="14:14">
      <c r="N234908" s="10"/>
    </row>
    <row r="234909" spans="14:14">
      <c r="N234909" s="10"/>
    </row>
    <row r="234910" spans="14:14">
      <c r="N234910" s="10"/>
    </row>
    <row r="234911" spans="14:14">
      <c r="N234911" s="10"/>
    </row>
    <row r="234912" spans="14:14">
      <c r="N234912" s="10"/>
    </row>
    <row r="234913" spans="14:14">
      <c r="N234913" s="10"/>
    </row>
    <row r="234914" spans="14:14">
      <c r="N234914" s="10"/>
    </row>
    <row r="234915" spans="14:14">
      <c r="N234915" s="10"/>
    </row>
    <row r="234916" spans="14:14">
      <c r="N234916" s="10"/>
    </row>
    <row r="234917" spans="14:14">
      <c r="N234917" s="10"/>
    </row>
    <row r="234918" spans="14:14">
      <c r="N234918" s="10"/>
    </row>
    <row r="234919" spans="14:14">
      <c r="N234919" s="10"/>
    </row>
    <row r="234920" spans="14:14">
      <c r="N234920" s="10"/>
    </row>
    <row r="234921" spans="14:14">
      <c r="N234921" s="10"/>
    </row>
    <row r="234922" spans="14:14">
      <c r="N234922" s="10"/>
    </row>
    <row r="234923" spans="14:14">
      <c r="N234923" s="10"/>
    </row>
    <row r="234924" spans="14:14">
      <c r="N234924" s="10"/>
    </row>
    <row r="234925" spans="14:14">
      <c r="N234925" s="10"/>
    </row>
    <row r="234926" spans="14:14">
      <c r="N234926" s="10"/>
    </row>
    <row r="234927" spans="14:14">
      <c r="N234927" s="10"/>
    </row>
    <row r="234928" spans="14:14">
      <c r="N234928" s="10"/>
    </row>
    <row r="234929" spans="14:14">
      <c r="N234929" s="10"/>
    </row>
    <row r="234930" spans="14:14">
      <c r="N234930" s="10"/>
    </row>
    <row r="234931" spans="14:14">
      <c r="N234931" s="10"/>
    </row>
    <row r="234932" spans="14:14">
      <c r="N234932" s="10"/>
    </row>
    <row r="234933" spans="14:14">
      <c r="N234933" s="10"/>
    </row>
    <row r="234934" spans="14:14">
      <c r="N234934" s="10"/>
    </row>
    <row r="234935" spans="14:14">
      <c r="N234935" s="10"/>
    </row>
    <row r="234936" spans="14:14">
      <c r="N234936" s="10"/>
    </row>
    <row r="234937" spans="14:14">
      <c r="N234937" s="10"/>
    </row>
    <row r="234938" spans="14:14">
      <c r="N234938" s="10"/>
    </row>
    <row r="234939" spans="14:14">
      <c r="N234939" s="10"/>
    </row>
    <row r="234940" spans="14:14">
      <c r="N234940" s="10"/>
    </row>
    <row r="234941" spans="14:14">
      <c r="N234941" s="10"/>
    </row>
    <row r="234942" spans="14:14">
      <c r="N234942" s="10"/>
    </row>
    <row r="234943" spans="14:14">
      <c r="N234943" s="10"/>
    </row>
    <row r="234944" spans="14:14">
      <c r="N234944" s="10"/>
    </row>
    <row r="234945" spans="14:14">
      <c r="N234945" s="10"/>
    </row>
    <row r="234946" spans="14:14">
      <c r="N234946" s="10"/>
    </row>
    <row r="234947" spans="14:14">
      <c r="N234947" s="10"/>
    </row>
    <row r="234948" spans="14:14">
      <c r="N234948" s="10"/>
    </row>
    <row r="234949" spans="14:14">
      <c r="N234949" s="10"/>
    </row>
    <row r="234950" spans="14:14">
      <c r="N234950" s="10"/>
    </row>
    <row r="234951" spans="14:14">
      <c r="N234951" s="10"/>
    </row>
    <row r="234952" spans="14:14">
      <c r="N234952" s="10"/>
    </row>
    <row r="234953" spans="14:14">
      <c r="N234953" s="10"/>
    </row>
    <row r="234954" spans="14:14">
      <c r="N234954" s="10"/>
    </row>
    <row r="234955" spans="14:14">
      <c r="N234955" s="10"/>
    </row>
    <row r="234956" spans="14:14">
      <c r="N234956" s="10"/>
    </row>
    <row r="234957" spans="14:14">
      <c r="N234957" s="10"/>
    </row>
    <row r="234958" spans="14:14">
      <c r="N234958" s="10"/>
    </row>
    <row r="234959" spans="14:14">
      <c r="N234959" s="10"/>
    </row>
    <row r="234960" spans="14:14">
      <c r="N234960" s="10"/>
    </row>
    <row r="234961" spans="14:14">
      <c r="N234961" s="10"/>
    </row>
    <row r="234962" spans="14:14">
      <c r="N234962" s="10"/>
    </row>
    <row r="234963" spans="14:14">
      <c r="N234963" s="10"/>
    </row>
    <row r="234964" spans="14:14">
      <c r="N234964" s="10"/>
    </row>
    <row r="234965" spans="14:14">
      <c r="N234965" s="10"/>
    </row>
    <row r="234966" spans="14:14">
      <c r="N234966" s="10"/>
    </row>
    <row r="234967" spans="14:14">
      <c r="N234967" s="10"/>
    </row>
    <row r="234968" spans="14:14">
      <c r="N234968" s="10"/>
    </row>
    <row r="234969" spans="14:14">
      <c r="N234969" s="10"/>
    </row>
    <row r="234970" spans="14:14">
      <c r="N234970" s="10"/>
    </row>
    <row r="234971" spans="14:14">
      <c r="N234971" s="10"/>
    </row>
    <row r="234972" spans="14:14">
      <c r="N234972" s="10"/>
    </row>
    <row r="234973" spans="14:14">
      <c r="N234973" s="10"/>
    </row>
    <row r="234974" spans="14:14">
      <c r="N234974" s="10"/>
    </row>
    <row r="234975" spans="14:14">
      <c r="N234975" s="10"/>
    </row>
    <row r="234976" spans="14:14">
      <c r="N234976" s="10"/>
    </row>
    <row r="234977" spans="14:14">
      <c r="N234977" s="10"/>
    </row>
    <row r="234978" spans="14:14">
      <c r="N234978" s="10"/>
    </row>
    <row r="234979" spans="14:14">
      <c r="N234979" s="10"/>
    </row>
    <row r="234980" spans="14:14">
      <c r="N234980" s="10"/>
    </row>
    <row r="234981" spans="14:14">
      <c r="N234981" s="10"/>
    </row>
    <row r="234982" spans="14:14">
      <c r="N234982" s="10"/>
    </row>
    <row r="234983" spans="14:14">
      <c r="N234983" s="10"/>
    </row>
    <row r="234984" spans="14:14">
      <c r="N234984" s="10"/>
    </row>
    <row r="234985" spans="14:14">
      <c r="N234985" s="10"/>
    </row>
    <row r="234986" spans="14:14">
      <c r="N234986" s="10"/>
    </row>
    <row r="234987" spans="14:14">
      <c r="N234987" s="10"/>
    </row>
    <row r="234988" spans="14:14">
      <c r="N234988" s="10"/>
    </row>
    <row r="234989" spans="14:14">
      <c r="N234989" s="10"/>
    </row>
    <row r="234990" spans="14:14">
      <c r="N234990" s="10"/>
    </row>
    <row r="234991" spans="14:14">
      <c r="N234991" s="10"/>
    </row>
    <row r="234992" spans="14:14">
      <c r="N234992" s="10"/>
    </row>
    <row r="234993" spans="14:14">
      <c r="N234993" s="10"/>
    </row>
    <row r="234994" spans="14:14">
      <c r="N234994" s="10"/>
    </row>
    <row r="234995" spans="14:14">
      <c r="N234995" s="10"/>
    </row>
    <row r="234996" spans="14:14">
      <c r="N234996" s="10"/>
    </row>
    <row r="234997" spans="14:14">
      <c r="N234997" s="10"/>
    </row>
    <row r="234998" spans="14:14">
      <c r="N234998" s="10"/>
    </row>
    <row r="234999" spans="14:14">
      <c r="N234999" s="10"/>
    </row>
    <row r="235000" spans="14:14">
      <c r="N235000" s="10"/>
    </row>
    <row r="235001" spans="14:14">
      <c r="N235001" s="10"/>
    </row>
    <row r="235002" spans="14:14">
      <c r="N235002" s="10"/>
    </row>
    <row r="235003" spans="14:14">
      <c r="N235003" s="10"/>
    </row>
    <row r="235004" spans="14:14">
      <c r="N235004" s="10"/>
    </row>
    <row r="235005" spans="14:14">
      <c r="N235005" s="10"/>
    </row>
    <row r="235006" spans="14:14">
      <c r="N235006" s="10"/>
    </row>
    <row r="235007" spans="14:14">
      <c r="N235007" s="10"/>
    </row>
    <row r="235008" spans="14:14">
      <c r="N235008" s="10"/>
    </row>
    <row r="235009" spans="14:14">
      <c r="N235009" s="10"/>
    </row>
    <row r="235010" spans="14:14">
      <c r="N235010" s="10"/>
    </row>
    <row r="235011" spans="14:14">
      <c r="N235011" s="10"/>
    </row>
    <row r="235012" spans="14:14">
      <c r="N235012" s="10"/>
    </row>
    <row r="235013" spans="14:14">
      <c r="N235013" s="10"/>
    </row>
    <row r="235014" spans="14:14">
      <c r="N235014" s="10"/>
    </row>
    <row r="235015" spans="14:14">
      <c r="N235015" s="10"/>
    </row>
    <row r="235016" spans="14:14">
      <c r="N235016" s="10"/>
    </row>
    <row r="235017" spans="14:14">
      <c r="N235017" s="10"/>
    </row>
    <row r="235018" spans="14:14">
      <c r="N235018" s="10"/>
    </row>
    <row r="235019" spans="14:14">
      <c r="N235019" s="10"/>
    </row>
    <row r="235020" spans="14:14">
      <c r="N235020" s="10"/>
    </row>
    <row r="235021" spans="14:14">
      <c r="N235021" s="10"/>
    </row>
    <row r="235022" spans="14:14">
      <c r="N235022" s="10"/>
    </row>
    <row r="235023" spans="14:14">
      <c r="N235023" s="10"/>
    </row>
    <row r="235024" spans="14:14">
      <c r="N235024" s="10"/>
    </row>
    <row r="235025" spans="14:14">
      <c r="N235025" s="10"/>
    </row>
    <row r="235026" spans="14:14">
      <c r="N235026" s="10"/>
    </row>
    <row r="235027" spans="14:14">
      <c r="N235027" s="10"/>
    </row>
    <row r="235028" spans="14:14">
      <c r="N235028" s="10"/>
    </row>
    <row r="235029" spans="14:14">
      <c r="N235029" s="10"/>
    </row>
    <row r="235030" spans="14:14">
      <c r="N235030" s="10"/>
    </row>
    <row r="235031" spans="14:14">
      <c r="N235031" s="10"/>
    </row>
    <row r="235032" spans="14:14">
      <c r="N235032" s="10"/>
    </row>
    <row r="235033" spans="14:14">
      <c r="N235033" s="10"/>
    </row>
    <row r="235034" spans="14:14">
      <c r="N235034" s="10"/>
    </row>
    <row r="235035" spans="14:14">
      <c r="N235035" s="10"/>
    </row>
    <row r="235036" spans="14:14">
      <c r="N235036" s="10"/>
    </row>
    <row r="235037" spans="14:14">
      <c r="N235037" s="10"/>
    </row>
    <row r="235038" spans="14:14">
      <c r="N235038" s="10"/>
    </row>
    <row r="235039" spans="14:14">
      <c r="N235039" s="10"/>
    </row>
    <row r="235040" spans="14:14">
      <c r="N235040" s="10"/>
    </row>
    <row r="235041" spans="14:14">
      <c r="N235041" s="10"/>
    </row>
    <row r="235042" spans="14:14">
      <c r="N235042" s="10"/>
    </row>
    <row r="235043" spans="14:14">
      <c r="N235043" s="10"/>
    </row>
    <row r="235044" spans="14:14">
      <c r="N235044" s="10"/>
    </row>
    <row r="235045" spans="14:14">
      <c r="N235045" s="10"/>
    </row>
    <row r="235046" spans="14:14">
      <c r="N235046" s="10"/>
    </row>
    <row r="235047" spans="14:14">
      <c r="N235047" s="10"/>
    </row>
    <row r="235048" spans="14:14">
      <c r="N235048" s="10"/>
    </row>
    <row r="235049" spans="14:14">
      <c r="N235049" s="10"/>
    </row>
    <row r="235050" spans="14:14">
      <c r="N235050" s="10"/>
    </row>
    <row r="235051" spans="14:14">
      <c r="N235051" s="10"/>
    </row>
    <row r="235052" spans="14:14">
      <c r="N235052" s="10"/>
    </row>
    <row r="235053" spans="14:14">
      <c r="N235053" s="10"/>
    </row>
    <row r="235054" spans="14:14">
      <c r="N235054" s="10"/>
    </row>
    <row r="235055" spans="14:14">
      <c r="N235055" s="10"/>
    </row>
    <row r="235056" spans="14:14">
      <c r="N235056" s="10"/>
    </row>
    <row r="235057" spans="14:14">
      <c r="N235057" s="10"/>
    </row>
    <row r="235058" spans="14:14">
      <c r="N235058" s="10"/>
    </row>
    <row r="235059" spans="14:14">
      <c r="N235059" s="10"/>
    </row>
    <row r="235060" spans="14:14">
      <c r="N235060" s="10"/>
    </row>
    <row r="235061" spans="14:14">
      <c r="N235061" s="10"/>
    </row>
    <row r="235062" spans="14:14">
      <c r="N235062" s="10"/>
    </row>
    <row r="235063" spans="14:14">
      <c r="N235063" s="10"/>
    </row>
    <row r="235064" spans="14:14">
      <c r="N235064" s="10"/>
    </row>
    <row r="235065" spans="14:14">
      <c r="N235065" s="10"/>
    </row>
    <row r="235066" spans="14:14">
      <c r="N235066" s="10"/>
    </row>
    <row r="235067" spans="14:14">
      <c r="N235067" s="10"/>
    </row>
    <row r="235068" spans="14:14">
      <c r="N235068" s="10"/>
    </row>
    <row r="235069" spans="14:14">
      <c r="N235069" s="10"/>
    </row>
    <row r="235070" spans="14:14">
      <c r="N235070" s="10"/>
    </row>
    <row r="235071" spans="14:14">
      <c r="N235071" s="10"/>
    </row>
    <row r="235072" spans="14:14">
      <c r="N235072" s="10"/>
    </row>
    <row r="235073" spans="14:14">
      <c r="N235073" s="10"/>
    </row>
    <row r="235074" spans="14:14">
      <c r="N235074" s="10"/>
    </row>
    <row r="235075" spans="14:14">
      <c r="N235075" s="10"/>
    </row>
    <row r="235076" spans="14:14">
      <c r="N235076" s="10"/>
    </row>
    <row r="235077" spans="14:14">
      <c r="N235077" s="10"/>
    </row>
    <row r="235078" spans="14:14">
      <c r="N235078" s="10"/>
    </row>
    <row r="235079" spans="14:14">
      <c r="N235079" s="10"/>
    </row>
    <row r="235080" spans="14:14">
      <c r="N235080" s="10"/>
    </row>
    <row r="235081" spans="14:14">
      <c r="N235081" s="10"/>
    </row>
    <row r="235082" spans="14:14">
      <c r="N235082" s="10"/>
    </row>
    <row r="235083" spans="14:14">
      <c r="N235083" s="10"/>
    </row>
    <row r="235084" spans="14:14">
      <c r="N235084" s="10"/>
    </row>
    <row r="235085" spans="14:14">
      <c r="N235085" s="10"/>
    </row>
    <row r="235086" spans="14:14">
      <c r="N235086" s="10"/>
    </row>
    <row r="235087" spans="14:14">
      <c r="N235087" s="10"/>
    </row>
    <row r="235088" spans="14:14">
      <c r="N235088" s="10"/>
    </row>
    <row r="235089" spans="14:14">
      <c r="N235089" s="10"/>
    </row>
    <row r="235090" spans="14:14">
      <c r="N235090" s="10"/>
    </row>
    <row r="235091" spans="14:14">
      <c r="N235091" s="10"/>
    </row>
    <row r="235092" spans="14:14">
      <c r="N235092" s="10"/>
    </row>
    <row r="235093" spans="14:14">
      <c r="N235093" s="10"/>
    </row>
    <row r="235094" spans="14:14">
      <c r="N235094" s="10"/>
    </row>
    <row r="235095" spans="14:14">
      <c r="N235095" s="10"/>
    </row>
    <row r="235096" spans="14:14">
      <c r="N235096" s="10"/>
    </row>
    <row r="235097" spans="14:14">
      <c r="N235097" s="10"/>
    </row>
    <row r="235098" spans="14:14">
      <c r="N235098" s="10"/>
    </row>
    <row r="235099" spans="14:14">
      <c r="N235099" s="10"/>
    </row>
    <row r="235100" spans="14:14">
      <c r="N235100" s="10"/>
    </row>
    <row r="235101" spans="14:14">
      <c r="N235101" s="10"/>
    </row>
    <row r="235102" spans="14:14">
      <c r="N235102" s="10"/>
    </row>
    <row r="235103" spans="14:14">
      <c r="N235103" s="10"/>
    </row>
    <row r="235104" spans="14:14">
      <c r="N235104" s="10"/>
    </row>
    <row r="235105" spans="14:14">
      <c r="N235105" s="10"/>
    </row>
    <row r="235106" spans="14:14">
      <c r="N235106" s="10"/>
    </row>
    <row r="235107" spans="14:14">
      <c r="N235107" s="10"/>
    </row>
    <row r="235108" spans="14:14">
      <c r="N235108" s="10"/>
    </row>
    <row r="235109" spans="14:14">
      <c r="N235109" s="10"/>
    </row>
    <row r="235110" spans="14:14">
      <c r="N235110" s="10"/>
    </row>
    <row r="235111" spans="14:14">
      <c r="N235111" s="10"/>
    </row>
    <row r="235112" spans="14:14">
      <c r="N235112" s="10"/>
    </row>
    <row r="235113" spans="14:14">
      <c r="N235113" s="10"/>
    </row>
    <row r="235114" spans="14:14">
      <c r="N235114" s="10"/>
    </row>
    <row r="235115" spans="14:14">
      <c r="N235115" s="10"/>
    </row>
    <row r="235116" spans="14:14">
      <c r="N235116" s="10"/>
    </row>
    <row r="235117" spans="14:14">
      <c r="N235117" s="10"/>
    </row>
    <row r="235118" spans="14:14">
      <c r="N235118" s="10"/>
    </row>
    <row r="235119" spans="14:14">
      <c r="N235119" s="10"/>
    </row>
    <row r="235120" spans="14:14">
      <c r="N235120" s="10"/>
    </row>
    <row r="235121" spans="14:14">
      <c r="N235121" s="10"/>
    </row>
    <row r="235122" spans="14:14">
      <c r="N235122" s="10"/>
    </row>
    <row r="235123" spans="14:14">
      <c r="N235123" s="10"/>
    </row>
    <row r="235124" spans="14:14">
      <c r="N235124" s="10"/>
    </row>
    <row r="235125" spans="14:14">
      <c r="N235125" s="10"/>
    </row>
    <row r="235126" spans="14:14">
      <c r="N235126" s="10"/>
    </row>
    <row r="235127" spans="14:14">
      <c r="N235127" s="10"/>
    </row>
    <row r="235128" spans="14:14">
      <c r="N235128" s="10"/>
    </row>
    <row r="235129" spans="14:14">
      <c r="N235129" s="10"/>
    </row>
    <row r="235130" spans="14:14">
      <c r="N235130" s="10"/>
    </row>
    <row r="235131" spans="14:14">
      <c r="N235131" s="10"/>
    </row>
    <row r="235132" spans="14:14">
      <c r="N235132" s="10"/>
    </row>
    <row r="235133" spans="14:14">
      <c r="N235133" s="10"/>
    </row>
    <row r="235134" spans="14:14">
      <c r="N235134" s="10"/>
    </row>
    <row r="235135" spans="14:14">
      <c r="N235135" s="10"/>
    </row>
    <row r="235136" spans="14:14">
      <c r="N235136" s="10"/>
    </row>
    <row r="235137" spans="14:14">
      <c r="N235137" s="10"/>
    </row>
    <row r="235138" spans="14:14">
      <c r="N235138" s="10"/>
    </row>
    <row r="235139" spans="14:14">
      <c r="N235139" s="10"/>
    </row>
    <row r="235140" spans="14:14">
      <c r="N235140" s="10"/>
    </row>
    <row r="235141" spans="14:14">
      <c r="N235141" s="10"/>
    </row>
    <row r="235142" spans="14:14">
      <c r="N235142" s="10"/>
    </row>
    <row r="235143" spans="14:14">
      <c r="N235143" s="10"/>
    </row>
    <row r="235144" spans="14:14">
      <c r="N235144" s="10"/>
    </row>
    <row r="235145" spans="14:14">
      <c r="N235145" s="10"/>
    </row>
    <row r="235146" spans="14:14">
      <c r="N235146" s="10"/>
    </row>
    <row r="235147" spans="14:14">
      <c r="N235147" s="10"/>
    </row>
    <row r="235148" spans="14:14">
      <c r="N235148" s="10"/>
    </row>
    <row r="235149" spans="14:14">
      <c r="N235149" s="10"/>
    </row>
    <row r="235150" spans="14:14">
      <c r="N235150" s="10"/>
    </row>
    <row r="235151" spans="14:14">
      <c r="N235151" s="10"/>
    </row>
    <row r="235152" spans="14:14">
      <c r="N235152" s="10"/>
    </row>
    <row r="235153" spans="14:14">
      <c r="N235153" s="10"/>
    </row>
    <row r="235154" spans="14:14">
      <c r="N235154" s="10"/>
    </row>
    <row r="235155" spans="14:14">
      <c r="N235155" s="10"/>
    </row>
    <row r="235156" spans="14:14">
      <c r="N235156" s="10"/>
    </row>
    <row r="235157" spans="14:14">
      <c r="N235157" s="10"/>
    </row>
    <row r="235158" spans="14:14">
      <c r="N235158" s="10"/>
    </row>
    <row r="235159" spans="14:14">
      <c r="N235159" s="10"/>
    </row>
    <row r="235160" spans="14:14">
      <c r="N235160" s="10"/>
    </row>
    <row r="235161" spans="14:14">
      <c r="N235161" s="10"/>
    </row>
    <row r="235162" spans="14:14">
      <c r="N235162" s="10"/>
    </row>
    <row r="235163" spans="14:14">
      <c r="N235163" s="10"/>
    </row>
    <row r="235164" spans="14:14">
      <c r="N235164" s="10"/>
    </row>
    <row r="235165" spans="14:14">
      <c r="N235165" s="10"/>
    </row>
    <row r="235166" spans="14:14">
      <c r="N235166" s="10"/>
    </row>
    <row r="235167" spans="14:14">
      <c r="N235167" s="10"/>
    </row>
    <row r="235168" spans="14:14">
      <c r="N235168" s="10"/>
    </row>
    <row r="235169" spans="14:14">
      <c r="N235169" s="10"/>
    </row>
    <row r="235170" spans="14:14">
      <c r="N235170" s="10"/>
    </row>
    <row r="235171" spans="14:14">
      <c r="N235171" s="10"/>
    </row>
    <row r="235172" spans="14:14">
      <c r="N235172" s="10"/>
    </row>
    <row r="235173" spans="14:14">
      <c r="N235173" s="10"/>
    </row>
    <row r="235174" spans="14:14">
      <c r="N235174" s="10"/>
    </row>
    <row r="235175" spans="14:14">
      <c r="N235175" s="10"/>
    </row>
    <row r="235176" spans="14:14">
      <c r="N235176" s="10"/>
    </row>
    <row r="235177" spans="14:14">
      <c r="N235177" s="10"/>
    </row>
    <row r="235178" spans="14:14">
      <c r="N235178" s="10"/>
    </row>
    <row r="235179" spans="14:14">
      <c r="N235179" s="10"/>
    </row>
    <row r="235180" spans="14:14">
      <c r="N235180" s="10"/>
    </row>
    <row r="235181" spans="14:14">
      <c r="N235181" s="10"/>
    </row>
    <row r="235182" spans="14:14">
      <c r="N235182" s="10"/>
    </row>
    <row r="235183" spans="14:14">
      <c r="N235183" s="10"/>
    </row>
    <row r="235184" spans="14:14">
      <c r="N235184" s="10"/>
    </row>
    <row r="235185" spans="14:14">
      <c r="N235185" s="10"/>
    </row>
    <row r="235186" spans="14:14">
      <c r="N235186" s="10"/>
    </row>
    <row r="235187" spans="14:14">
      <c r="N235187" s="10"/>
    </row>
    <row r="235188" spans="14:14">
      <c r="N235188" s="10"/>
    </row>
    <row r="235189" spans="14:14">
      <c r="N235189" s="10"/>
    </row>
    <row r="235190" spans="14:14">
      <c r="N235190" s="10"/>
    </row>
    <row r="235191" spans="14:14">
      <c r="N235191" s="10"/>
    </row>
    <row r="235192" spans="14:14">
      <c r="N235192" s="10"/>
    </row>
    <row r="235193" spans="14:14">
      <c r="N235193" s="10"/>
    </row>
    <row r="235194" spans="14:14">
      <c r="N235194" s="10"/>
    </row>
    <row r="235195" spans="14:14">
      <c r="N235195" s="10"/>
    </row>
    <row r="235196" spans="14:14">
      <c r="N235196" s="10"/>
    </row>
    <row r="235197" spans="14:14">
      <c r="N235197" s="10"/>
    </row>
    <row r="235198" spans="14:14">
      <c r="N235198" s="10"/>
    </row>
    <row r="235199" spans="14:14">
      <c r="N235199" s="10"/>
    </row>
    <row r="235200" spans="14:14">
      <c r="N235200" s="10"/>
    </row>
    <row r="235201" spans="14:14">
      <c r="N235201" s="10"/>
    </row>
    <row r="235202" spans="14:14">
      <c r="N235202" s="10"/>
    </row>
    <row r="235203" spans="14:14">
      <c r="N235203" s="10"/>
    </row>
    <row r="235204" spans="14:14">
      <c r="N235204" s="10"/>
    </row>
    <row r="235205" spans="14:14">
      <c r="N235205" s="10"/>
    </row>
    <row r="235206" spans="14:14">
      <c r="N235206" s="10"/>
    </row>
    <row r="235207" spans="14:14">
      <c r="N235207" s="10"/>
    </row>
    <row r="235208" spans="14:14">
      <c r="N235208" s="10"/>
    </row>
    <row r="235209" spans="14:14">
      <c r="N235209" s="10"/>
    </row>
    <row r="235210" spans="14:14">
      <c r="N235210" s="10"/>
    </row>
    <row r="235211" spans="14:14">
      <c r="N235211" s="10"/>
    </row>
    <row r="235212" spans="14:14">
      <c r="N235212" s="10"/>
    </row>
    <row r="235213" spans="14:14">
      <c r="N235213" s="10"/>
    </row>
    <row r="235214" spans="14:14">
      <c r="N235214" s="10"/>
    </row>
    <row r="235215" spans="14:14">
      <c r="N235215" s="10"/>
    </row>
    <row r="235216" spans="14:14">
      <c r="N235216" s="10"/>
    </row>
    <row r="235217" spans="14:14">
      <c r="N235217" s="10"/>
    </row>
    <row r="235218" spans="14:14">
      <c r="N235218" s="10"/>
    </row>
    <row r="235219" spans="14:14">
      <c r="N235219" s="10"/>
    </row>
    <row r="235220" spans="14:14">
      <c r="N235220" s="10"/>
    </row>
    <row r="235221" spans="14:14">
      <c r="N235221" s="10"/>
    </row>
    <row r="235222" spans="14:14">
      <c r="N235222" s="10"/>
    </row>
    <row r="235223" spans="14:14">
      <c r="N235223" s="10"/>
    </row>
    <row r="235224" spans="14:14">
      <c r="N235224" s="10"/>
    </row>
    <row r="235225" spans="14:14">
      <c r="N235225" s="10"/>
    </row>
    <row r="235226" spans="14:14">
      <c r="N235226" s="10"/>
    </row>
    <row r="235227" spans="14:14">
      <c r="N235227" s="10"/>
    </row>
    <row r="235228" spans="14:14">
      <c r="N235228" s="10"/>
    </row>
    <row r="235229" spans="14:14">
      <c r="N235229" s="10"/>
    </row>
    <row r="235230" spans="14:14">
      <c r="N235230" s="10"/>
    </row>
    <row r="235231" spans="14:14">
      <c r="N235231" s="10"/>
    </row>
    <row r="235232" spans="14:14">
      <c r="N235232" s="10"/>
    </row>
    <row r="235233" spans="14:14">
      <c r="N235233" s="10"/>
    </row>
    <row r="235234" spans="14:14">
      <c r="N235234" s="10"/>
    </row>
    <row r="235235" spans="14:14">
      <c r="N235235" s="10"/>
    </row>
    <row r="235236" spans="14:14">
      <c r="N235236" s="10"/>
    </row>
    <row r="235237" spans="14:14">
      <c r="N235237" s="10"/>
    </row>
    <row r="235238" spans="14:14">
      <c r="N235238" s="10"/>
    </row>
    <row r="235239" spans="14:14">
      <c r="N235239" s="10"/>
    </row>
    <row r="235240" spans="14:14">
      <c r="N235240" s="10"/>
    </row>
    <row r="235241" spans="14:14">
      <c r="N235241" s="10"/>
    </row>
    <row r="235242" spans="14:14">
      <c r="N235242" s="10"/>
    </row>
    <row r="235243" spans="14:14">
      <c r="N235243" s="10"/>
    </row>
    <row r="235244" spans="14:14">
      <c r="N235244" s="10"/>
    </row>
    <row r="235245" spans="14:14">
      <c r="N235245" s="10"/>
    </row>
    <row r="235246" spans="14:14">
      <c r="N235246" s="10"/>
    </row>
    <row r="235247" spans="14:14">
      <c r="N235247" s="10"/>
    </row>
    <row r="235248" spans="14:14">
      <c r="N235248" s="10"/>
    </row>
    <row r="235249" spans="14:14">
      <c r="N235249" s="10"/>
    </row>
    <row r="235250" spans="14:14">
      <c r="N235250" s="10"/>
    </row>
    <row r="235251" spans="14:14">
      <c r="N235251" s="10"/>
    </row>
    <row r="235252" spans="14:14">
      <c r="N235252" s="10"/>
    </row>
    <row r="235253" spans="14:14">
      <c r="N235253" s="10"/>
    </row>
    <row r="235254" spans="14:14">
      <c r="N235254" s="10"/>
    </row>
    <row r="235255" spans="14:14">
      <c r="N235255" s="10"/>
    </row>
    <row r="235256" spans="14:14">
      <c r="N235256" s="10"/>
    </row>
    <row r="235257" spans="14:14">
      <c r="N235257" s="10"/>
    </row>
    <row r="235258" spans="14:14">
      <c r="N235258" s="10"/>
    </row>
    <row r="235259" spans="14:14">
      <c r="N235259" s="10"/>
    </row>
    <row r="235260" spans="14:14">
      <c r="N235260" s="10"/>
    </row>
    <row r="235261" spans="14:14">
      <c r="N235261" s="10"/>
    </row>
    <row r="235262" spans="14:14">
      <c r="N235262" s="10"/>
    </row>
    <row r="235263" spans="14:14">
      <c r="N235263" s="10"/>
    </row>
    <row r="235264" spans="14:14">
      <c r="N235264" s="10"/>
    </row>
    <row r="235265" spans="14:14">
      <c r="N235265" s="10"/>
    </row>
    <row r="235266" spans="14:14">
      <c r="N235266" s="10"/>
    </row>
    <row r="235267" spans="14:14">
      <c r="N235267" s="10"/>
    </row>
    <row r="235268" spans="14:14">
      <c r="N235268" s="10"/>
    </row>
    <row r="235269" spans="14:14">
      <c r="N235269" s="10"/>
    </row>
    <row r="235270" spans="14:14">
      <c r="N235270" s="10"/>
    </row>
    <row r="235271" spans="14:14">
      <c r="N235271" s="10"/>
    </row>
    <row r="235272" spans="14:14">
      <c r="N235272" s="10"/>
    </row>
    <row r="235273" spans="14:14">
      <c r="N235273" s="10"/>
    </row>
    <row r="235274" spans="14:14">
      <c r="N235274" s="10"/>
    </row>
    <row r="235275" spans="14:14">
      <c r="N235275" s="10"/>
    </row>
    <row r="235276" spans="14:14">
      <c r="N235276" s="10"/>
    </row>
    <row r="235277" spans="14:14">
      <c r="N235277" s="10"/>
    </row>
    <row r="235278" spans="14:14">
      <c r="N235278" s="10"/>
    </row>
    <row r="235279" spans="14:14">
      <c r="N235279" s="10"/>
    </row>
    <row r="235280" spans="14:14">
      <c r="N235280" s="10"/>
    </row>
    <row r="235281" spans="14:14">
      <c r="N235281" s="10"/>
    </row>
    <row r="235282" spans="14:14">
      <c r="N235282" s="10"/>
    </row>
    <row r="235283" spans="14:14">
      <c r="N235283" s="10"/>
    </row>
    <row r="235284" spans="14:14">
      <c r="N235284" s="10"/>
    </row>
    <row r="235285" spans="14:14">
      <c r="N235285" s="10"/>
    </row>
    <row r="235286" spans="14:14">
      <c r="N235286" s="10"/>
    </row>
    <row r="235287" spans="14:14">
      <c r="N235287" s="10"/>
    </row>
    <row r="235288" spans="14:14">
      <c r="N235288" s="10"/>
    </row>
    <row r="235289" spans="14:14">
      <c r="N235289" s="10"/>
    </row>
    <row r="235290" spans="14:14">
      <c r="N235290" s="10"/>
    </row>
    <row r="235291" spans="14:14">
      <c r="N235291" s="10"/>
    </row>
    <row r="235292" spans="14:14">
      <c r="N235292" s="10"/>
    </row>
    <row r="235293" spans="14:14">
      <c r="N235293" s="10"/>
    </row>
    <row r="235294" spans="14:14">
      <c r="N235294" s="10"/>
    </row>
    <row r="235295" spans="14:14">
      <c r="N235295" s="10"/>
    </row>
    <row r="235296" spans="14:14">
      <c r="N235296" s="10"/>
    </row>
    <row r="235297" spans="14:14">
      <c r="N235297" s="10"/>
    </row>
    <row r="235298" spans="14:14">
      <c r="N235298" s="10"/>
    </row>
    <row r="235299" spans="14:14">
      <c r="N235299" s="10"/>
    </row>
    <row r="235300" spans="14:14">
      <c r="N235300" s="10"/>
    </row>
    <row r="235301" spans="14:14">
      <c r="N235301" s="10"/>
    </row>
    <row r="235302" spans="14:14">
      <c r="N235302" s="10"/>
    </row>
    <row r="235303" spans="14:14">
      <c r="N235303" s="10"/>
    </row>
    <row r="235304" spans="14:14">
      <c r="N235304" s="10"/>
    </row>
    <row r="235305" spans="14:14">
      <c r="N235305" s="10"/>
    </row>
    <row r="235306" spans="14:14">
      <c r="N235306" s="10"/>
    </row>
    <row r="235307" spans="14:14">
      <c r="N235307" s="10"/>
    </row>
    <row r="235308" spans="14:14">
      <c r="N235308" s="10"/>
    </row>
    <row r="235309" spans="14:14">
      <c r="N235309" s="10"/>
    </row>
    <row r="235310" spans="14:14">
      <c r="N235310" s="10"/>
    </row>
    <row r="235311" spans="14:14">
      <c r="N235311" s="10"/>
    </row>
    <row r="235312" spans="14:14">
      <c r="N235312" s="10"/>
    </row>
    <row r="235313" spans="14:14">
      <c r="N235313" s="10"/>
    </row>
    <row r="235314" spans="14:14">
      <c r="N235314" s="10"/>
    </row>
    <row r="235315" spans="14:14">
      <c r="N235315" s="10"/>
    </row>
    <row r="235316" spans="14:14">
      <c r="N235316" s="10"/>
    </row>
    <row r="235317" spans="14:14">
      <c r="N235317" s="10"/>
    </row>
    <row r="235318" spans="14:14">
      <c r="N235318" s="10"/>
    </row>
    <row r="235319" spans="14:14">
      <c r="N235319" s="10"/>
    </row>
    <row r="235320" spans="14:14">
      <c r="N235320" s="10"/>
    </row>
    <row r="235321" spans="14:14">
      <c r="N235321" s="10"/>
    </row>
    <row r="235322" spans="14:14">
      <c r="N235322" s="10"/>
    </row>
    <row r="235323" spans="14:14">
      <c r="N235323" s="10"/>
    </row>
    <row r="235324" spans="14:14">
      <c r="N235324" s="10"/>
    </row>
    <row r="235325" spans="14:14">
      <c r="N235325" s="10"/>
    </row>
    <row r="235326" spans="14:14">
      <c r="N235326" s="10"/>
    </row>
    <row r="235327" spans="14:14">
      <c r="N235327" s="10"/>
    </row>
    <row r="235328" spans="14:14">
      <c r="N235328" s="10"/>
    </row>
    <row r="235329" spans="14:14">
      <c r="N235329" s="10"/>
    </row>
    <row r="235330" spans="14:14">
      <c r="N235330" s="10"/>
    </row>
    <row r="235331" spans="14:14">
      <c r="N235331" s="10"/>
    </row>
    <row r="235332" spans="14:14">
      <c r="N235332" s="10"/>
    </row>
    <row r="235333" spans="14:14">
      <c r="N235333" s="10"/>
    </row>
    <row r="235334" spans="14:14">
      <c r="N235334" s="10"/>
    </row>
    <row r="235335" spans="14:14">
      <c r="N235335" s="10"/>
    </row>
    <row r="235336" spans="14:14">
      <c r="N235336" s="10"/>
    </row>
    <row r="235337" spans="14:14">
      <c r="N235337" s="10"/>
    </row>
    <row r="235338" spans="14:14">
      <c r="N235338" s="10"/>
    </row>
    <row r="235339" spans="14:14">
      <c r="N235339" s="10"/>
    </row>
    <row r="235340" spans="14:14">
      <c r="N235340" s="10"/>
    </row>
    <row r="235341" spans="14:14">
      <c r="N235341" s="10"/>
    </row>
    <row r="235342" spans="14:14">
      <c r="N235342" s="10"/>
    </row>
    <row r="235343" spans="14:14">
      <c r="N235343" s="10"/>
    </row>
    <row r="235344" spans="14:14">
      <c r="N235344" s="10"/>
    </row>
    <row r="235345" spans="14:14">
      <c r="N235345" s="10"/>
    </row>
    <row r="235346" spans="14:14">
      <c r="N235346" s="10"/>
    </row>
    <row r="235347" spans="14:14">
      <c r="N235347" s="10"/>
    </row>
    <row r="235348" spans="14:14">
      <c r="N235348" s="10"/>
    </row>
    <row r="235349" spans="14:14">
      <c r="N235349" s="10"/>
    </row>
    <row r="235350" spans="14:14">
      <c r="N235350" s="10"/>
    </row>
    <row r="235351" spans="14:14">
      <c r="N235351" s="10"/>
    </row>
    <row r="235352" spans="14:14">
      <c r="N235352" s="10"/>
    </row>
    <row r="235353" spans="14:14">
      <c r="N235353" s="10"/>
    </row>
    <row r="235354" spans="14:14">
      <c r="N235354" s="10"/>
    </row>
    <row r="235355" spans="14:14">
      <c r="N235355" s="10"/>
    </row>
    <row r="235356" spans="14:14">
      <c r="N235356" s="10"/>
    </row>
    <row r="235357" spans="14:14">
      <c r="N235357" s="10"/>
    </row>
    <row r="235358" spans="14:14">
      <c r="N235358" s="10"/>
    </row>
    <row r="235359" spans="14:14">
      <c r="N235359" s="10"/>
    </row>
    <row r="235360" spans="14:14">
      <c r="N235360" s="10"/>
    </row>
    <row r="235361" spans="14:14">
      <c r="N235361" s="10"/>
    </row>
    <row r="235362" spans="14:14">
      <c r="N235362" s="10"/>
    </row>
    <row r="235363" spans="14:14">
      <c r="N235363" s="10"/>
    </row>
    <row r="235364" spans="14:14">
      <c r="N235364" s="10"/>
    </row>
    <row r="235365" spans="14:14">
      <c r="N235365" s="10"/>
    </row>
    <row r="235366" spans="14:14">
      <c r="N235366" s="10"/>
    </row>
    <row r="235367" spans="14:14">
      <c r="N235367" s="10"/>
    </row>
    <row r="235368" spans="14:14">
      <c r="N235368" s="10"/>
    </row>
    <row r="235369" spans="14:14">
      <c r="N235369" s="10"/>
    </row>
    <row r="235370" spans="14:14">
      <c r="N235370" s="10"/>
    </row>
    <row r="235371" spans="14:14">
      <c r="N235371" s="10"/>
    </row>
    <row r="235372" spans="14:14">
      <c r="N235372" s="10"/>
    </row>
    <row r="235373" spans="14:14">
      <c r="N235373" s="10"/>
    </row>
    <row r="235374" spans="14:14">
      <c r="N235374" s="10"/>
    </row>
    <row r="235375" spans="14:14">
      <c r="N235375" s="10"/>
    </row>
    <row r="235376" spans="14:14">
      <c r="N235376" s="10"/>
    </row>
    <row r="235377" spans="14:14">
      <c r="N235377" s="10"/>
    </row>
    <row r="235378" spans="14:14">
      <c r="N235378" s="10"/>
    </row>
    <row r="235379" spans="14:14">
      <c r="N235379" s="10"/>
    </row>
    <row r="235380" spans="14:14">
      <c r="N235380" s="10"/>
    </row>
    <row r="235381" spans="14:14">
      <c r="N235381" s="10"/>
    </row>
    <row r="235382" spans="14:14">
      <c r="N235382" s="10"/>
    </row>
    <row r="235383" spans="14:14">
      <c r="N235383" s="10"/>
    </row>
    <row r="235384" spans="14:14">
      <c r="N235384" s="10"/>
    </row>
    <row r="235385" spans="14:14">
      <c r="N235385" s="10"/>
    </row>
    <row r="235386" spans="14:14">
      <c r="N235386" s="10"/>
    </row>
    <row r="235387" spans="14:14">
      <c r="N235387" s="10"/>
    </row>
    <row r="235388" spans="14:14">
      <c r="N235388" s="10"/>
    </row>
    <row r="235389" spans="14:14">
      <c r="N235389" s="10"/>
    </row>
    <row r="235390" spans="14:14">
      <c r="N235390" s="10"/>
    </row>
    <row r="235391" spans="14:14">
      <c r="N235391" s="10"/>
    </row>
    <row r="235392" spans="14:14">
      <c r="N235392" s="10"/>
    </row>
    <row r="235393" spans="14:14">
      <c r="N235393" s="10"/>
    </row>
    <row r="235394" spans="14:14">
      <c r="N235394" s="10"/>
    </row>
    <row r="235395" spans="14:14">
      <c r="N235395" s="10"/>
    </row>
    <row r="235396" spans="14:14">
      <c r="N235396" s="10"/>
    </row>
    <row r="235397" spans="14:14">
      <c r="N235397" s="10"/>
    </row>
    <row r="235398" spans="14:14">
      <c r="N235398" s="10"/>
    </row>
    <row r="235399" spans="14:14">
      <c r="N235399" s="10"/>
    </row>
    <row r="235400" spans="14:14">
      <c r="N235400" s="10"/>
    </row>
    <row r="235401" spans="14:14">
      <c r="N235401" s="10"/>
    </row>
    <row r="235402" spans="14:14">
      <c r="N235402" s="10"/>
    </row>
    <row r="235403" spans="14:14">
      <c r="N235403" s="10"/>
    </row>
    <row r="235404" spans="14:14">
      <c r="N235404" s="10"/>
    </row>
    <row r="235405" spans="14:14">
      <c r="N235405" s="10"/>
    </row>
    <row r="235406" spans="14:14">
      <c r="N235406" s="10"/>
    </row>
    <row r="235407" spans="14:14">
      <c r="N235407" s="10"/>
    </row>
    <row r="235408" spans="14:14">
      <c r="N235408" s="10"/>
    </row>
    <row r="235409" spans="14:14">
      <c r="N235409" s="10"/>
    </row>
    <row r="235410" spans="14:14">
      <c r="N235410" s="10"/>
    </row>
    <row r="235411" spans="14:14">
      <c r="N235411" s="10"/>
    </row>
    <row r="235412" spans="14:14">
      <c r="N235412" s="10"/>
    </row>
    <row r="235413" spans="14:14">
      <c r="N235413" s="10"/>
    </row>
    <row r="235414" spans="14:14">
      <c r="N235414" s="10"/>
    </row>
    <row r="235415" spans="14:14">
      <c r="N235415" s="10"/>
    </row>
    <row r="235416" spans="14:14">
      <c r="N235416" s="10"/>
    </row>
    <row r="235417" spans="14:14">
      <c r="N235417" s="10"/>
    </row>
    <row r="235418" spans="14:14">
      <c r="N235418" s="10"/>
    </row>
    <row r="235419" spans="14:14">
      <c r="N235419" s="10"/>
    </row>
    <row r="235420" spans="14:14">
      <c r="N235420" s="10"/>
    </row>
    <row r="235421" spans="14:14">
      <c r="N235421" s="10"/>
    </row>
    <row r="235422" spans="14:14">
      <c r="N235422" s="10"/>
    </row>
    <row r="235423" spans="14:14">
      <c r="N235423" s="10"/>
    </row>
    <row r="235424" spans="14:14">
      <c r="N235424" s="10"/>
    </row>
    <row r="235425" spans="14:14">
      <c r="N235425" s="10"/>
    </row>
    <row r="235426" spans="14:14">
      <c r="N235426" s="10"/>
    </row>
    <row r="235427" spans="14:14">
      <c r="N235427" s="10"/>
    </row>
    <row r="235428" spans="14:14">
      <c r="N235428" s="10"/>
    </row>
    <row r="235429" spans="14:14">
      <c r="N235429" s="10"/>
    </row>
    <row r="235430" spans="14:14">
      <c r="N235430" s="10"/>
    </row>
    <row r="235431" spans="14:14">
      <c r="N235431" s="10"/>
    </row>
    <row r="235432" spans="14:14">
      <c r="N235432" s="10"/>
    </row>
    <row r="235433" spans="14:14">
      <c r="N235433" s="10"/>
    </row>
    <row r="235434" spans="14:14">
      <c r="N235434" s="10"/>
    </row>
    <row r="235435" spans="14:14">
      <c r="N235435" s="10"/>
    </row>
    <row r="235436" spans="14:14">
      <c r="N235436" s="10"/>
    </row>
    <row r="235437" spans="14:14">
      <c r="N235437" s="10"/>
    </row>
    <row r="235438" spans="14:14">
      <c r="N235438" s="10"/>
    </row>
    <row r="235439" spans="14:14">
      <c r="N235439" s="10"/>
    </row>
    <row r="235440" spans="14:14">
      <c r="N235440" s="10"/>
    </row>
    <row r="235441" spans="14:14">
      <c r="N235441" s="10"/>
    </row>
    <row r="235442" spans="14:14">
      <c r="N235442" s="10"/>
    </row>
    <row r="235443" spans="14:14">
      <c r="N235443" s="10"/>
    </row>
    <row r="235444" spans="14:14">
      <c r="N235444" s="10"/>
    </row>
    <row r="235445" spans="14:14">
      <c r="N235445" s="10"/>
    </row>
    <row r="235446" spans="14:14">
      <c r="N235446" s="10"/>
    </row>
    <row r="235447" spans="14:14">
      <c r="N235447" s="10"/>
    </row>
    <row r="235448" spans="14:14">
      <c r="N235448" s="10"/>
    </row>
    <row r="235449" spans="14:14">
      <c r="N235449" s="10"/>
    </row>
    <row r="235450" spans="14:14">
      <c r="N235450" s="10"/>
    </row>
    <row r="235451" spans="14:14">
      <c r="N235451" s="10"/>
    </row>
    <row r="235452" spans="14:14">
      <c r="N235452" s="10"/>
    </row>
    <row r="235453" spans="14:14">
      <c r="N235453" s="10"/>
    </row>
    <row r="235454" spans="14:14">
      <c r="N235454" s="10"/>
    </row>
    <row r="235455" spans="14:14">
      <c r="N235455" s="10"/>
    </row>
    <row r="235456" spans="14:14">
      <c r="N235456" s="10"/>
    </row>
    <row r="235457" spans="14:14">
      <c r="N235457" s="10"/>
    </row>
    <row r="235458" spans="14:14">
      <c r="N235458" s="10"/>
    </row>
    <row r="235459" spans="14:14">
      <c r="N235459" s="10"/>
    </row>
    <row r="235460" spans="14:14">
      <c r="N235460" s="10"/>
    </row>
    <row r="235461" spans="14:14">
      <c r="N235461" s="10"/>
    </row>
    <row r="235462" spans="14:14">
      <c r="N235462" s="10"/>
    </row>
    <row r="235463" spans="14:14">
      <c r="N235463" s="10"/>
    </row>
    <row r="235464" spans="14:14">
      <c r="N235464" s="10"/>
    </row>
    <row r="235465" spans="14:14">
      <c r="N235465" s="10"/>
    </row>
    <row r="235466" spans="14:14">
      <c r="N235466" s="10"/>
    </row>
    <row r="235467" spans="14:14">
      <c r="N235467" s="10"/>
    </row>
    <row r="235468" spans="14:14">
      <c r="N235468" s="10"/>
    </row>
    <row r="235469" spans="14:14">
      <c r="N235469" s="10"/>
    </row>
    <row r="235470" spans="14:14">
      <c r="N235470" s="10"/>
    </row>
    <row r="235471" spans="14:14">
      <c r="N235471" s="10"/>
    </row>
    <row r="235472" spans="14:14">
      <c r="N235472" s="10"/>
    </row>
    <row r="235473" spans="14:14">
      <c r="N235473" s="10"/>
    </row>
    <row r="235474" spans="14:14">
      <c r="N235474" s="10"/>
    </row>
    <row r="235475" spans="14:14">
      <c r="N235475" s="10"/>
    </row>
    <row r="235476" spans="14:14">
      <c r="N235476" s="10"/>
    </row>
    <row r="235477" spans="14:14">
      <c r="N235477" s="10"/>
    </row>
    <row r="235478" spans="14:14">
      <c r="N235478" s="10"/>
    </row>
    <row r="235479" spans="14:14">
      <c r="N235479" s="10"/>
    </row>
    <row r="235480" spans="14:14">
      <c r="N235480" s="10"/>
    </row>
    <row r="235481" spans="14:14">
      <c r="N235481" s="10"/>
    </row>
    <row r="235482" spans="14:14">
      <c r="N235482" s="10"/>
    </row>
    <row r="235483" spans="14:14">
      <c r="N235483" s="10"/>
    </row>
    <row r="235484" spans="14:14">
      <c r="N235484" s="10"/>
    </row>
    <row r="235485" spans="14:14">
      <c r="N235485" s="10"/>
    </row>
    <row r="235486" spans="14:14">
      <c r="N235486" s="10"/>
    </row>
    <row r="235487" spans="14:14">
      <c r="N235487" s="10"/>
    </row>
    <row r="235488" spans="14:14">
      <c r="N235488" s="10"/>
    </row>
    <row r="235489" spans="14:14">
      <c r="N235489" s="10"/>
    </row>
    <row r="235490" spans="14:14">
      <c r="N235490" s="10"/>
    </row>
    <row r="235491" spans="14:14">
      <c r="N235491" s="10"/>
    </row>
    <row r="235492" spans="14:14">
      <c r="N235492" s="10"/>
    </row>
    <row r="235493" spans="14:14">
      <c r="N235493" s="10"/>
    </row>
    <row r="235494" spans="14:14">
      <c r="N235494" s="10"/>
    </row>
    <row r="235495" spans="14:14">
      <c r="N235495" s="10"/>
    </row>
    <row r="235496" spans="14:14">
      <c r="N235496" s="10"/>
    </row>
    <row r="235497" spans="14:14">
      <c r="N235497" s="10"/>
    </row>
    <row r="235498" spans="14:14">
      <c r="N235498" s="10"/>
    </row>
    <row r="235499" spans="14:14">
      <c r="N235499" s="10"/>
    </row>
    <row r="235500" spans="14:14">
      <c r="N235500" s="10"/>
    </row>
    <row r="235501" spans="14:14">
      <c r="N235501" s="10"/>
    </row>
    <row r="235502" spans="14:14">
      <c r="N235502" s="10"/>
    </row>
    <row r="235503" spans="14:14">
      <c r="N235503" s="10"/>
    </row>
    <row r="235504" spans="14:14">
      <c r="N235504" s="10"/>
    </row>
    <row r="235505" spans="14:14">
      <c r="N235505" s="10"/>
    </row>
    <row r="235506" spans="14:14">
      <c r="N235506" s="10"/>
    </row>
    <row r="235507" spans="14:14">
      <c r="N235507" s="10"/>
    </row>
    <row r="235508" spans="14:14">
      <c r="N235508" s="10"/>
    </row>
    <row r="235509" spans="14:14">
      <c r="N235509" s="10"/>
    </row>
    <row r="235510" spans="14:14">
      <c r="N235510" s="10"/>
    </row>
    <row r="235511" spans="14:14">
      <c r="N235511" s="10"/>
    </row>
    <row r="235512" spans="14:14">
      <c r="N235512" s="10"/>
    </row>
    <row r="235513" spans="14:14">
      <c r="N235513" s="10"/>
    </row>
    <row r="235514" spans="14:14">
      <c r="N235514" s="10"/>
    </row>
    <row r="235515" spans="14:14">
      <c r="N235515" s="10"/>
    </row>
    <row r="235516" spans="14:14">
      <c r="N235516" s="10"/>
    </row>
    <row r="235517" spans="14:14">
      <c r="N235517" s="10"/>
    </row>
    <row r="235518" spans="14:14">
      <c r="N235518" s="10"/>
    </row>
    <row r="235519" spans="14:14">
      <c r="N235519" s="10"/>
    </row>
    <row r="235520" spans="14:14">
      <c r="N235520" s="10"/>
    </row>
    <row r="235521" spans="14:14">
      <c r="N235521" s="10"/>
    </row>
    <row r="235522" spans="14:14">
      <c r="N235522" s="10"/>
    </row>
    <row r="235523" spans="14:14">
      <c r="N235523" s="10"/>
    </row>
    <row r="235524" spans="14:14">
      <c r="N235524" s="10"/>
    </row>
    <row r="235525" spans="14:14">
      <c r="N235525" s="10"/>
    </row>
    <row r="235526" spans="14:14">
      <c r="N235526" s="10"/>
    </row>
    <row r="235527" spans="14:14">
      <c r="N235527" s="10"/>
    </row>
    <row r="235528" spans="14:14">
      <c r="N235528" s="10"/>
    </row>
    <row r="235529" spans="14:14">
      <c r="N235529" s="10"/>
    </row>
    <row r="235530" spans="14:14">
      <c r="N235530" s="10"/>
    </row>
    <row r="235531" spans="14:14">
      <c r="N235531" s="10"/>
    </row>
    <row r="235532" spans="14:14">
      <c r="N235532" s="10"/>
    </row>
    <row r="235533" spans="14:14">
      <c r="N235533" s="10"/>
    </row>
    <row r="235534" spans="14:14">
      <c r="N235534" s="10"/>
    </row>
    <row r="235535" spans="14:14">
      <c r="N235535" s="10"/>
    </row>
    <row r="235536" spans="14:14">
      <c r="N235536" s="10"/>
    </row>
    <row r="235537" spans="14:14">
      <c r="N235537" s="10"/>
    </row>
    <row r="235538" spans="14:14">
      <c r="N235538" s="10"/>
    </row>
    <row r="235539" spans="14:14">
      <c r="N235539" s="10"/>
    </row>
    <row r="235540" spans="14:14">
      <c r="N235540" s="10"/>
    </row>
    <row r="235541" spans="14:14">
      <c r="N235541" s="10"/>
    </row>
    <row r="235542" spans="14:14">
      <c r="N235542" s="10"/>
    </row>
    <row r="235543" spans="14:14">
      <c r="N235543" s="10"/>
    </row>
    <row r="235544" spans="14:14">
      <c r="N235544" s="10"/>
    </row>
    <row r="235545" spans="14:14">
      <c r="N235545" s="10"/>
    </row>
    <row r="235546" spans="14:14">
      <c r="N235546" s="10"/>
    </row>
    <row r="235547" spans="14:14">
      <c r="N235547" s="10"/>
    </row>
    <row r="235548" spans="14:14">
      <c r="N235548" s="10"/>
    </row>
    <row r="235549" spans="14:14">
      <c r="N235549" s="10"/>
    </row>
    <row r="235550" spans="14:14">
      <c r="N235550" s="10"/>
    </row>
    <row r="235551" spans="14:14">
      <c r="N235551" s="10"/>
    </row>
    <row r="235552" spans="14:14">
      <c r="N235552" s="10"/>
    </row>
    <row r="235553" spans="14:14">
      <c r="N235553" s="10"/>
    </row>
    <row r="235554" spans="14:14">
      <c r="N235554" s="10"/>
    </row>
    <row r="235555" spans="14:14">
      <c r="N235555" s="10"/>
    </row>
    <row r="235556" spans="14:14">
      <c r="N235556" s="10"/>
    </row>
    <row r="235557" spans="14:14">
      <c r="N235557" s="10"/>
    </row>
    <row r="235558" spans="14:14">
      <c r="N235558" s="10"/>
    </row>
    <row r="235559" spans="14:14">
      <c r="N235559" s="10"/>
    </row>
    <row r="235560" spans="14:14">
      <c r="N235560" s="10"/>
    </row>
    <row r="235561" spans="14:14">
      <c r="N235561" s="10"/>
    </row>
    <row r="235562" spans="14:14">
      <c r="N235562" s="10"/>
    </row>
    <row r="235563" spans="14:14">
      <c r="N235563" s="10"/>
    </row>
    <row r="235564" spans="14:14">
      <c r="N235564" s="10"/>
    </row>
    <row r="235565" spans="14:14">
      <c r="N235565" s="10"/>
    </row>
    <row r="235566" spans="14:14">
      <c r="N235566" s="10"/>
    </row>
    <row r="235567" spans="14:14">
      <c r="N235567" s="10"/>
    </row>
    <row r="235568" spans="14:14">
      <c r="N235568" s="10"/>
    </row>
    <row r="235569" spans="14:14">
      <c r="N235569" s="10"/>
    </row>
    <row r="235570" spans="14:14">
      <c r="N235570" s="10"/>
    </row>
    <row r="235571" spans="14:14">
      <c r="N235571" s="10"/>
    </row>
    <row r="235572" spans="14:14">
      <c r="N235572" s="10"/>
    </row>
    <row r="235573" spans="14:14">
      <c r="N235573" s="10"/>
    </row>
    <row r="235574" spans="14:14">
      <c r="N235574" s="10"/>
    </row>
    <row r="235575" spans="14:14">
      <c r="N235575" s="10"/>
    </row>
    <row r="235576" spans="14:14">
      <c r="N235576" s="10"/>
    </row>
    <row r="235577" spans="14:14">
      <c r="N235577" s="10"/>
    </row>
    <row r="235578" spans="14:14">
      <c r="N235578" s="10"/>
    </row>
    <row r="235579" spans="14:14">
      <c r="N235579" s="10"/>
    </row>
    <row r="235580" spans="14:14">
      <c r="N235580" s="10"/>
    </row>
    <row r="235581" spans="14:14">
      <c r="N235581" s="10"/>
    </row>
    <row r="235582" spans="14:14">
      <c r="N235582" s="10"/>
    </row>
    <row r="235583" spans="14:14">
      <c r="N235583" s="10"/>
    </row>
    <row r="235584" spans="14:14">
      <c r="N235584" s="10"/>
    </row>
    <row r="235585" spans="14:14">
      <c r="N235585" s="10"/>
    </row>
    <row r="235586" spans="14:14">
      <c r="N235586" s="10"/>
    </row>
    <row r="235587" spans="14:14">
      <c r="N235587" s="10"/>
    </row>
    <row r="235588" spans="14:14">
      <c r="N235588" s="10"/>
    </row>
    <row r="235589" spans="14:14">
      <c r="N235589" s="10"/>
    </row>
    <row r="235590" spans="14:14">
      <c r="N235590" s="10"/>
    </row>
    <row r="235591" spans="14:14">
      <c r="N235591" s="10"/>
    </row>
    <row r="235592" spans="14:14">
      <c r="N235592" s="10"/>
    </row>
    <row r="235593" spans="14:14">
      <c r="N235593" s="10"/>
    </row>
    <row r="235594" spans="14:14">
      <c r="N235594" s="10"/>
    </row>
    <row r="235595" spans="14:14">
      <c r="N235595" s="10"/>
    </row>
    <row r="235596" spans="14:14">
      <c r="N235596" s="10"/>
    </row>
    <row r="235597" spans="14:14">
      <c r="N235597" s="10"/>
    </row>
    <row r="235598" spans="14:14">
      <c r="N235598" s="10"/>
    </row>
    <row r="235599" spans="14:14">
      <c r="N235599" s="10"/>
    </row>
    <row r="235600" spans="14:14">
      <c r="N235600" s="10"/>
    </row>
    <row r="235601" spans="14:14">
      <c r="N235601" s="10"/>
    </row>
    <row r="235602" spans="14:14">
      <c r="N235602" s="10"/>
    </row>
    <row r="235603" spans="14:14">
      <c r="N235603" s="10"/>
    </row>
    <row r="235604" spans="14:14">
      <c r="N235604" s="10"/>
    </row>
    <row r="235605" spans="14:14">
      <c r="N235605" s="10"/>
    </row>
    <row r="235606" spans="14:14">
      <c r="N235606" s="10"/>
    </row>
    <row r="235607" spans="14:14">
      <c r="N235607" s="10"/>
    </row>
    <row r="235608" spans="14:14">
      <c r="N235608" s="10"/>
    </row>
    <row r="235609" spans="14:14">
      <c r="N235609" s="10"/>
    </row>
    <row r="235610" spans="14:14">
      <c r="N235610" s="10"/>
    </row>
    <row r="235611" spans="14:14">
      <c r="N235611" s="10"/>
    </row>
    <row r="235612" spans="14:14">
      <c r="N235612" s="10"/>
    </row>
    <row r="235613" spans="14:14">
      <c r="N235613" s="10"/>
    </row>
    <row r="235614" spans="14:14">
      <c r="N235614" s="10"/>
    </row>
    <row r="235615" spans="14:14">
      <c r="N235615" s="10"/>
    </row>
    <row r="235616" spans="14:14">
      <c r="N235616" s="10"/>
    </row>
    <row r="235617" spans="14:14">
      <c r="N235617" s="10"/>
    </row>
    <row r="235618" spans="14:14">
      <c r="N235618" s="10"/>
    </row>
    <row r="235619" spans="14:14">
      <c r="N235619" s="10"/>
    </row>
    <row r="235620" spans="14:14">
      <c r="N235620" s="10"/>
    </row>
    <row r="235621" spans="14:14">
      <c r="N235621" s="10"/>
    </row>
    <row r="235622" spans="14:14">
      <c r="N235622" s="10"/>
    </row>
    <row r="235623" spans="14:14">
      <c r="N235623" s="10"/>
    </row>
    <row r="235624" spans="14:14">
      <c r="N235624" s="10"/>
    </row>
    <row r="235625" spans="14:14">
      <c r="N235625" s="10"/>
    </row>
    <row r="235626" spans="14:14">
      <c r="N235626" s="10"/>
    </row>
    <row r="235627" spans="14:14">
      <c r="N235627" s="10"/>
    </row>
    <row r="235628" spans="14:14">
      <c r="N235628" s="10"/>
    </row>
    <row r="235629" spans="14:14">
      <c r="N235629" s="10"/>
    </row>
    <row r="235630" spans="14:14">
      <c r="N235630" s="10"/>
    </row>
    <row r="235631" spans="14:14">
      <c r="N235631" s="10"/>
    </row>
    <row r="235632" spans="14:14">
      <c r="N235632" s="10"/>
    </row>
    <row r="235633" spans="14:14">
      <c r="N235633" s="10"/>
    </row>
    <row r="235634" spans="14:14">
      <c r="N235634" s="10"/>
    </row>
    <row r="235635" spans="14:14">
      <c r="N235635" s="10"/>
    </row>
    <row r="235636" spans="14:14">
      <c r="N235636" s="10"/>
    </row>
    <row r="235637" spans="14:14">
      <c r="N235637" s="10"/>
    </row>
    <row r="235638" spans="14:14">
      <c r="N235638" s="10"/>
    </row>
    <row r="235639" spans="14:14">
      <c r="N235639" s="10"/>
    </row>
    <row r="235640" spans="14:14">
      <c r="N235640" s="10"/>
    </row>
    <row r="235641" spans="14:14">
      <c r="N235641" s="10"/>
    </row>
    <row r="235642" spans="14:14">
      <c r="N235642" s="10"/>
    </row>
    <row r="235643" spans="14:14">
      <c r="N235643" s="10"/>
    </row>
    <row r="235644" spans="14:14">
      <c r="N235644" s="10"/>
    </row>
    <row r="235645" spans="14:14">
      <c r="N235645" s="10"/>
    </row>
    <row r="235646" spans="14:14">
      <c r="N235646" s="10"/>
    </row>
    <row r="235647" spans="14:14">
      <c r="N235647" s="10"/>
    </row>
    <row r="235648" spans="14:14">
      <c r="N235648" s="10"/>
    </row>
    <row r="235649" spans="14:14">
      <c r="N235649" s="10"/>
    </row>
    <row r="235650" spans="14:14">
      <c r="N235650" s="10"/>
    </row>
    <row r="235651" spans="14:14">
      <c r="N235651" s="10"/>
    </row>
    <row r="235652" spans="14:14">
      <c r="N235652" s="10"/>
    </row>
    <row r="235653" spans="14:14">
      <c r="N235653" s="10"/>
    </row>
    <row r="235654" spans="14:14">
      <c r="N235654" s="10"/>
    </row>
    <row r="235655" spans="14:14">
      <c r="N235655" s="10"/>
    </row>
    <row r="235656" spans="14:14">
      <c r="N235656" s="10"/>
    </row>
    <row r="235657" spans="14:14">
      <c r="N235657" s="10"/>
    </row>
    <row r="235658" spans="14:14">
      <c r="N235658" s="10"/>
    </row>
    <row r="235659" spans="14:14">
      <c r="N235659" s="10"/>
    </row>
    <row r="235660" spans="14:14">
      <c r="N235660" s="10"/>
    </row>
    <row r="235661" spans="14:14">
      <c r="N235661" s="10"/>
    </row>
    <row r="235662" spans="14:14">
      <c r="N235662" s="10"/>
    </row>
    <row r="235663" spans="14:14">
      <c r="N235663" s="10"/>
    </row>
    <row r="235664" spans="14:14">
      <c r="N235664" s="10"/>
    </row>
    <row r="235665" spans="14:14">
      <c r="N235665" s="10"/>
    </row>
    <row r="235666" spans="14:14">
      <c r="N235666" s="10"/>
    </row>
    <row r="235667" spans="14:14">
      <c r="N235667" s="10"/>
    </row>
    <row r="235668" spans="14:14">
      <c r="N235668" s="10"/>
    </row>
    <row r="235669" spans="14:14">
      <c r="N235669" s="10"/>
    </row>
    <row r="235670" spans="14:14">
      <c r="N235670" s="10"/>
    </row>
    <row r="235671" spans="14:14">
      <c r="N235671" s="10"/>
    </row>
    <row r="235672" spans="14:14">
      <c r="N235672" s="10"/>
    </row>
    <row r="235673" spans="14:14">
      <c r="N235673" s="10"/>
    </row>
    <row r="235674" spans="14:14">
      <c r="N235674" s="10"/>
    </row>
    <row r="235675" spans="14:14">
      <c r="N235675" s="10"/>
    </row>
    <row r="235676" spans="14:14">
      <c r="N235676" s="10"/>
    </row>
    <row r="235677" spans="14:14">
      <c r="N235677" s="10"/>
    </row>
    <row r="235678" spans="14:14">
      <c r="N235678" s="10"/>
    </row>
    <row r="235679" spans="14:14">
      <c r="N235679" s="10"/>
    </row>
    <row r="235680" spans="14:14">
      <c r="N235680" s="10"/>
    </row>
    <row r="235681" spans="14:14">
      <c r="N235681" s="10"/>
    </row>
    <row r="235682" spans="14:14">
      <c r="N235682" s="10"/>
    </row>
    <row r="235683" spans="14:14">
      <c r="N235683" s="10"/>
    </row>
    <row r="235684" spans="14:14">
      <c r="N235684" s="10"/>
    </row>
    <row r="235685" spans="14:14">
      <c r="N235685" s="10"/>
    </row>
    <row r="235686" spans="14:14">
      <c r="N235686" s="10"/>
    </row>
    <row r="235687" spans="14:14">
      <c r="N235687" s="10"/>
    </row>
    <row r="235688" spans="14:14">
      <c r="N235688" s="10"/>
    </row>
    <row r="235689" spans="14:14">
      <c r="N235689" s="10"/>
    </row>
    <row r="235690" spans="14:14">
      <c r="N235690" s="10"/>
    </row>
    <row r="235691" spans="14:14">
      <c r="N235691" s="10"/>
    </row>
    <row r="235692" spans="14:14">
      <c r="N235692" s="10"/>
    </row>
    <row r="235693" spans="14:14">
      <c r="N235693" s="10"/>
    </row>
    <row r="235694" spans="14:14">
      <c r="N235694" s="10"/>
    </row>
    <row r="235695" spans="14:14">
      <c r="N235695" s="10"/>
    </row>
    <row r="235696" spans="14:14">
      <c r="N235696" s="10"/>
    </row>
    <row r="235697" spans="14:14">
      <c r="N235697" s="10"/>
    </row>
    <row r="235698" spans="14:14">
      <c r="N235698" s="10"/>
    </row>
    <row r="235699" spans="14:14">
      <c r="N235699" s="10"/>
    </row>
    <row r="235700" spans="14:14">
      <c r="N235700" s="10"/>
    </row>
    <row r="235701" spans="14:14">
      <c r="N235701" s="10"/>
    </row>
    <row r="235702" spans="14:14">
      <c r="N235702" s="10"/>
    </row>
    <row r="235703" spans="14:14">
      <c r="N235703" s="10"/>
    </row>
    <row r="235704" spans="14:14">
      <c r="N235704" s="10"/>
    </row>
    <row r="235705" spans="14:14">
      <c r="N235705" s="10"/>
    </row>
    <row r="235706" spans="14:14">
      <c r="N235706" s="10"/>
    </row>
    <row r="235707" spans="14:14">
      <c r="N235707" s="10"/>
    </row>
    <row r="235708" spans="14:14">
      <c r="N235708" s="10"/>
    </row>
    <row r="235709" spans="14:14">
      <c r="N235709" s="10"/>
    </row>
    <row r="235710" spans="14:14">
      <c r="N235710" s="10"/>
    </row>
    <row r="235711" spans="14:14">
      <c r="N235711" s="10"/>
    </row>
    <row r="235712" spans="14:14">
      <c r="N235712" s="10"/>
    </row>
    <row r="235713" spans="14:14">
      <c r="N235713" s="10"/>
    </row>
    <row r="235714" spans="14:14">
      <c r="N235714" s="10"/>
    </row>
    <row r="235715" spans="14:14">
      <c r="N235715" s="10"/>
    </row>
    <row r="235716" spans="14:14">
      <c r="N235716" s="10"/>
    </row>
    <row r="235717" spans="14:14">
      <c r="N235717" s="10"/>
    </row>
    <row r="235718" spans="14:14">
      <c r="N235718" s="10"/>
    </row>
    <row r="235719" spans="14:14">
      <c r="N235719" s="10"/>
    </row>
    <row r="235720" spans="14:14">
      <c r="N235720" s="10"/>
    </row>
    <row r="235721" spans="14:14">
      <c r="N235721" s="10"/>
    </row>
    <row r="235722" spans="14:14">
      <c r="N235722" s="10"/>
    </row>
    <row r="235723" spans="14:14">
      <c r="N235723" s="10"/>
    </row>
    <row r="235724" spans="14:14">
      <c r="N235724" s="10"/>
    </row>
    <row r="235725" spans="14:14">
      <c r="N235725" s="10"/>
    </row>
    <row r="235726" spans="14:14">
      <c r="N235726" s="10"/>
    </row>
    <row r="235727" spans="14:14">
      <c r="N235727" s="10"/>
    </row>
    <row r="235728" spans="14:14">
      <c r="N235728" s="10"/>
    </row>
    <row r="235729" spans="14:14">
      <c r="N235729" s="10"/>
    </row>
    <row r="235730" spans="14:14">
      <c r="N235730" s="10"/>
    </row>
    <row r="235731" spans="14:14">
      <c r="N235731" s="10"/>
    </row>
    <row r="235732" spans="14:14">
      <c r="N235732" s="10"/>
    </row>
    <row r="235733" spans="14:14">
      <c r="N235733" s="10"/>
    </row>
    <row r="235734" spans="14:14">
      <c r="N235734" s="10"/>
    </row>
    <row r="235735" spans="14:14">
      <c r="N235735" s="10"/>
    </row>
    <row r="235736" spans="14:14">
      <c r="N235736" s="10"/>
    </row>
    <row r="235737" spans="14:14">
      <c r="N235737" s="10"/>
    </row>
    <row r="235738" spans="14:14">
      <c r="N235738" s="10"/>
    </row>
    <row r="235739" spans="14:14">
      <c r="N235739" s="10"/>
    </row>
    <row r="235740" spans="14:14">
      <c r="N235740" s="10"/>
    </row>
    <row r="235741" spans="14:14">
      <c r="N235741" s="10"/>
    </row>
    <row r="235742" spans="14:14">
      <c r="N235742" s="10"/>
    </row>
    <row r="235743" spans="14:14">
      <c r="N235743" s="10"/>
    </row>
    <row r="235744" spans="14:14">
      <c r="N235744" s="10"/>
    </row>
    <row r="235745" spans="14:14">
      <c r="N235745" s="10"/>
    </row>
    <row r="235746" spans="14:14">
      <c r="N235746" s="10"/>
    </row>
    <row r="235747" spans="14:14">
      <c r="N235747" s="10"/>
    </row>
    <row r="235748" spans="14:14">
      <c r="N235748" s="10"/>
    </row>
    <row r="235749" spans="14:14">
      <c r="N235749" s="10"/>
    </row>
    <row r="235750" spans="14:14">
      <c r="N235750" s="10"/>
    </row>
    <row r="235751" spans="14:14">
      <c r="N235751" s="10"/>
    </row>
    <row r="235752" spans="14:14">
      <c r="N235752" s="10"/>
    </row>
    <row r="235753" spans="14:14">
      <c r="N235753" s="10"/>
    </row>
    <row r="235754" spans="14:14">
      <c r="N235754" s="10"/>
    </row>
    <row r="235755" spans="14:14">
      <c r="N235755" s="10"/>
    </row>
    <row r="235756" spans="14:14">
      <c r="N235756" s="10"/>
    </row>
    <row r="235757" spans="14:14">
      <c r="N235757" s="10"/>
    </row>
    <row r="235758" spans="14:14">
      <c r="N235758" s="10"/>
    </row>
    <row r="235759" spans="14:14">
      <c r="N235759" s="10"/>
    </row>
    <row r="235760" spans="14:14">
      <c r="N235760" s="10"/>
    </row>
    <row r="235761" spans="14:14">
      <c r="N235761" s="10"/>
    </row>
    <row r="235762" spans="14:14">
      <c r="N235762" s="10"/>
    </row>
    <row r="235763" spans="14:14">
      <c r="N235763" s="10"/>
    </row>
    <row r="235764" spans="14:14">
      <c r="N235764" s="10"/>
    </row>
    <row r="235765" spans="14:14">
      <c r="N235765" s="10"/>
    </row>
    <row r="235766" spans="14:14">
      <c r="N235766" s="10"/>
    </row>
    <row r="235767" spans="14:14">
      <c r="N235767" s="10"/>
    </row>
    <row r="235768" spans="14:14">
      <c r="N235768" s="10"/>
    </row>
    <row r="235769" spans="14:14">
      <c r="N235769" s="10"/>
    </row>
    <row r="235770" spans="14:14">
      <c r="N235770" s="10"/>
    </row>
    <row r="235771" spans="14:14">
      <c r="N235771" s="10"/>
    </row>
    <row r="235772" spans="14:14">
      <c r="N235772" s="10"/>
    </row>
    <row r="235773" spans="14:14">
      <c r="N235773" s="10"/>
    </row>
    <row r="235774" spans="14:14">
      <c r="N235774" s="10"/>
    </row>
    <row r="235775" spans="14:14">
      <c r="N235775" s="10"/>
    </row>
    <row r="235776" spans="14:14">
      <c r="N235776" s="10"/>
    </row>
    <row r="235777" spans="14:14">
      <c r="N235777" s="10"/>
    </row>
    <row r="235778" spans="14:14">
      <c r="N235778" s="10"/>
    </row>
    <row r="235779" spans="14:14">
      <c r="N235779" s="10"/>
    </row>
    <row r="235780" spans="14:14">
      <c r="N235780" s="10"/>
    </row>
    <row r="235781" spans="14:14">
      <c r="N235781" s="10"/>
    </row>
    <row r="235782" spans="14:14">
      <c r="N235782" s="10"/>
    </row>
    <row r="235783" spans="14:14">
      <c r="N235783" s="10"/>
    </row>
    <row r="235784" spans="14:14">
      <c r="N235784" s="10"/>
    </row>
    <row r="235785" spans="14:14">
      <c r="N235785" s="10"/>
    </row>
    <row r="235786" spans="14:14">
      <c r="N235786" s="10"/>
    </row>
    <row r="235787" spans="14:14">
      <c r="N235787" s="10"/>
    </row>
    <row r="235788" spans="14:14">
      <c r="N235788" s="10"/>
    </row>
    <row r="235789" spans="14:14">
      <c r="N235789" s="10"/>
    </row>
    <row r="235790" spans="14:14">
      <c r="N235790" s="10"/>
    </row>
    <row r="235791" spans="14:14">
      <c r="N235791" s="10"/>
    </row>
    <row r="235792" spans="14:14">
      <c r="N235792" s="10"/>
    </row>
    <row r="235793" spans="14:14">
      <c r="N235793" s="10"/>
    </row>
    <row r="235794" spans="14:14">
      <c r="N235794" s="10"/>
    </row>
    <row r="235795" spans="14:14">
      <c r="N235795" s="10"/>
    </row>
    <row r="235796" spans="14:14">
      <c r="N235796" s="10"/>
    </row>
    <row r="235797" spans="14:14">
      <c r="N235797" s="10"/>
    </row>
    <row r="235798" spans="14:14">
      <c r="N235798" s="10"/>
    </row>
    <row r="235799" spans="14:14">
      <c r="N235799" s="10"/>
    </row>
    <row r="235800" spans="14:14">
      <c r="N235800" s="10"/>
    </row>
    <row r="235801" spans="14:14">
      <c r="N235801" s="10"/>
    </row>
    <row r="235802" spans="14:14">
      <c r="N235802" s="10"/>
    </row>
    <row r="235803" spans="14:14">
      <c r="N235803" s="10"/>
    </row>
    <row r="235804" spans="14:14">
      <c r="N235804" s="10"/>
    </row>
    <row r="235805" spans="14:14">
      <c r="N235805" s="10"/>
    </row>
    <row r="235806" spans="14:14">
      <c r="N235806" s="10"/>
    </row>
    <row r="235807" spans="14:14">
      <c r="N235807" s="10"/>
    </row>
    <row r="235808" spans="14:14">
      <c r="N235808" s="10"/>
    </row>
    <row r="235809" spans="14:14">
      <c r="N235809" s="10"/>
    </row>
    <row r="235810" spans="14:14">
      <c r="N235810" s="10"/>
    </row>
    <row r="235811" spans="14:14">
      <c r="N235811" s="10"/>
    </row>
    <row r="235812" spans="14:14">
      <c r="N235812" s="10"/>
    </row>
    <row r="235813" spans="14:14">
      <c r="N235813" s="10"/>
    </row>
    <row r="235814" spans="14:14">
      <c r="N235814" s="10"/>
    </row>
    <row r="235815" spans="14:14">
      <c r="N235815" s="10"/>
    </row>
    <row r="235816" spans="14:14">
      <c r="N235816" s="10"/>
    </row>
    <row r="235817" spans="14:14">
      <c r="N235817" s="10"/>
    </row>
    <row r="235818" spans="14:14">
      <c r="N235818" s="10"/>
    </row>
    <row r="235819" spans="14:14">
      <c r="N235819" s="10"/>
    </row>
    <row r="235820" spans="14:14">
      <c r="N235820" s="10"/>
    </row>
    <row r="235821" spans="14:14">
      <c r="N235821" s="10"/>
    </row>
    <row r="235822" spans="14:14">
      <c r="N235822" s="10"/>
    </row>
    <row r="235823" spans="14:14">
      <c r="N235823" s="10"/>
    </row>
    <row r="235824" spans="14:14">
      <c r="N235824" s="10"/>
    </row>
    <row r="235825" spans="14:14">
      <c r="N235825" s="10"/>
    </row>
    <row r="235826" spans="14:14">
      <c r="N235826" s="10"/>
    </row>
    <row r="235827" spans="14:14">
      <c r="N235827" s="10"/>
    </row>
    <row r="235828" spans="14:14">
      <c r="N235828" s="10"/>
    </row>
    <row r="235829" spans="14:14">
      <c r="N235829" s="10"/>
    </row>
    <row r="235830" spans="14:14">
      <c r="N235830" s="10"/>
    </row>
    <row r="235831" spans="14:14">
      <c r="N235831" s="10"/>
    </row>
    <row r="235832" spans="14:14">
      <c r="N235832" s="10"/>
    </row>
    <row r="235833" spans="14:14">
      <c r="N235833" s="10"/>
    </row>
    <row r="235834" spans="14:14">
      <c r="N235834" s="10"/>
    </row>
    <row r="235835" spans="14:14">
      <c r="N235835" s="10"/>
    </row>
    <row r="235836" spans="14:14">
      <c r="N235836" s="10"/>
    </row>
    <row r="235837" spans="14:14">
      <c r="N235837" s="10"/>
    </row>
    <row r="235838" spans="14:14">
      <c r="N235838" s="10"/>
    </row>
    <row r="235839" spans="14:14">
      <c r="N235839" s="10"/>
    </row>
    <row r="235840" spans="14:14">
      <c r="N235840" s="10"/>
    </row>
    <row r="235841" spans="14:14">
      <c r="N235841" s="10"/>
    </row>
    <row r="235842" spans="14:14">
      <c r="N235842" s="10"/>
    </row>
    <row r="235843" spans="14:14">
      <c r="N235843" s="10"/>
    </row>
    <row r="235844" spans="14:14">
      <c r="N235844" s="10"/>
    </row>
    <row r="235845" spans="14:14">
      <c r="N235845" s="10"/>
    </row>
    <row r="235846" spans="14:14">
      <c r="N235846" s="10"/>
    </row>
    <row r="235847" spans="14:14">
      <c r="N235847" s="10"/>
    </row>
    <row r="235848" spans="14:14">
      <c r="N235848" s="10"/>
    </row>
    <row r="235849" spans="14:14">
      <c r="N235849" s="10"/>
    </row>
    <row r="235850" spans="14:14">
      <c r="N235850" s="10"/>
    </row>
    <row r="235851" spans="14:14">
      <c r="N235851" s="10"/>
    </row>
    <row r="235852" spans="14:14">
      <c r="N235852" s="10"/>
    </row>
    <row r="235853" spans="14:14">
      <c r="N235853" s="10"/>
    </row>
    <row r="235854" spans="14:14">
      <c r="N235854" s="10"/>
    </row>
    <row r="235855" spans="14:14">
      <c r="N235855" s="10"/>
    </row>
    <row r="235856" spans="14:14">
      <c r="N235856" s="10"/>
    </row>
    <row r="235857" spans="14:14">
      <c r="N235857" s="10"/>
    </row>
    <row r="235858" spans="14:14">
      <c r="N235858" s="10"/>
    </row>
    <row r="235859" spans="14:14">
      <c r="N235859" s="10"/>
    </row>
    <row r="235860" spans="14:14">
      <c r="N235860" s="10"/>
    </row>
    <row r="235861" spans="14:14">
      <c r="N235861" s="10"/>
    </row>
    <row r="235862" spans="14:14">
      <c r="N235862" s="10"/>
    </row>
    <row r="235863" spans="14:14">
      <c r="N235863" s="10"/>
    </row>
    <row r="235864" spans="14:14">
      <c r="N235864" s="10"/>
    </row>
    <row r="235865" spans="14:14">
      <c r="N235865" s="10"/>
    </row>
    <row r="235866" spans="14:14">
      <c r="N235866" s="10"/>
    </row>
    <row r="235867" spans="14:14">
      <c r="N235867" s="10"/>
    </row>
    <row r="235868" spans="14:14">
      <c r="N235868" s="10"/>
    </row>
    <row r="235869" spans="14:14">
      <c r="N235869" s="10"/>
    </row>
    <row r="235870" spans="14:14">
      <c r="N235870" s="10"/>
    </row>
    <row r="235871" spans="14:14">
      <c r="N235871" s="10"/>
    </row>
    <row r="235872" spans="14:14">
      <c r="N235872" s="10"/>
    </row>
    <row r="235873" spans="14:14">
      <c r="N235873" s="10"/>
    </row>
    <row r="235874" spans="14:14">
      <c r="N235874" s="10"/>
    </row>
    <row r="235875" spans="14:14">
      <c r="N235875" s="10"/>
    </row>
    <row r="235876" spans="14:14">
      <c r="N235876" s="10"/>
    </row>
    <row r="235877" spans="14:14">
      <c r="N235877" s="10"/>
    </row>
    <row r="235878" spans="14:14">
      <c r="N235878" s="10"/>
    </row>
    <row r="235879" spans="14:14">
      <c r="N235879" s="10"/>
    </row>
    <row r="235880" spans="14:14">
      <c r="N235880" s="10"/>
    </row>
    <row r="235881" spans="14:14">
      <c r="N235881" s="10"/>
    </row>
    <row r="235882" spans="14:14">
      <c r="N235882" s="10"/>
    </row>
    <row r="235883" spans="14:14">
      <c r="N235883" s="10"/>
    </row>
    <row r="235884" spans="14:14">
      <c r="N235884" s="10"/>
    </row>
    <row r="235885" spans="14:14">
      <c r="N235885" s="10"/>
    </row>
    <row r="235886" spans="14:14">
      <c r="N235886" s="10"/>
    </row>
    <row r="235887" spans="14:14">
      <c r="N235887" s="10"/>
    </row>
    <row r="235888" spans="14:14">
      <c r="N235888" s="10"/>
    </row>
    <row r="235889" spans="14:14">
      <c r="N235889" s="10"/>
    </row>
    <row r="235890" spans="14:14">
      <c r="N235890" s="10"/>
    </row>
    <row r="235891" spans="14:14">
      <c r="N235891" s="10"/>
    </row>
    <row r="235892" spans="14:14">
      <c r="N235892" s="10"/>
    </row>
    <row r="235893" spans="14:14">
      <c r="N235893" s="10"/>
    </row>
    <row r="235894" spans="14:14">
      <c r="N235894" s="10"/>
    </row>
    <row r="235895" spans="14:14">
      <c r="N235895" s="10"/>
    </row>
    <row r="235896" spans="14:14">
      <c r="N235896" s="10"/>
    </row>
    <row r="235897" spans="14:14">
      <c r="N235897" s="10"/>
    </row>
    <row r="235898" spans="14:14">
      <c r="N235898" s="10"/>
    </row>
    <row r="235899" spans="14:14">
      <c r="N235899" s="10"/>
    </row>
    <row r="235900" spans="14:14">
      <c r="N235900" s="10"/>
    </row>
    <row r="235901" spans="14:14">
      <c r="N235901" s="10"/>
    </row>
    <row r="235902" spans="14:14">
      <c r="N235902" s="10"/>
    </row>
    <row r="235903" spans="14:14">
      <c r="N235903" s="10"/>
    </row>
    <row r="235904" spans="14:14">
      <c r="N235904" s="10"/>
    </row>
    <row r="235905" spans="14:14">
      <c r="N235905" s="10"/>
    </row>
    <row r="235906" spans="14:14">
      <c r="N235906" s="10"/>
    </row>
    <row r="235907" spans="14:14">
      <c r="N235907" s="10"/>
    </row>
    <row r="235908" spans="14:14">
      <c r="N235908" s="10"/>
    </row>
    <row r="235909" spans="14:14">
      <c r="N235909" s="10"/>
    </row>
    <row r="235910" spans="14:14">
      <c r="N235910" s="10"/>
    </row>
    <row r="235911" spans="14:14">
      <c r="N235911" s="10"/>
    </row>
    <row r="235912" spans="14:14">
      <c r="N235912" s="10"/>
    </row>
    <row r="235913" spans="14:14">
      <c r="N235913" s="10"/>
    </row>
    <row r="235914" spans="14:14">
      <c r="N235914" s="10"/>
    </row>
    <row r="235915" spans="14:14">
      <c r="N235915" s="10"/>
    </row>
    <row r="235916" spans="14:14">
      <c r="N235916" s="10"/>
    </row>
    <row r="235917" spans="14:14">
      <c r="N235917" s="10"/>
    </row>
    <row r="235918" spans="14:14">
      <c r="N235918" s="10"/>
    </row>
    <row r="235919" spans="14:14">
      <c r="N235919" s="10"/>
    </row>
    <row r="235920" spans="14:14">
      <c r="N235920" s="10"/>
    </row>
    <row r="235921" spans="14:14">
      <c r="N235921" s="10"/>
    </row>
    <row r="235922" spans="14:14">
      <c r="N235922" s="10"/>
    </row>
    <row r="235923" spans="14:14">
      <c r="N235923" s="10"/>
    </row>
    <row r="235924" spans="14:14">
      <c r="N235924" s="10"/>
    </row>
    <row r="235925" spans="14:14">
      <c r="N235925" s="10"/>
    </row>
    <row r="235926" spans="14:14">
      <c r="N235926" s="10"/>
    </row>
    <row r="235927" spans="14:14">
      <c r="N235927" s="10"/>
    </row>
    <row r="235928" spans="14:14">
      <c r="N235928" s="10"/>
    </row>
    <row r="235929" spans="14:14">
      <c r="N235929" s="10"/>
    </row>
    <row r="235930" spans="14:14">
      <c r="N235930" s="10"/>
    </row>
    <row r="235931" spans="14:14">
      <c r="N235931" s="10"/>
    </row>
    <row r="235932" spans="14:14">
      <c r="N235932" s="10"/>
    </row>
    <row r="235933" spans="14:14">
      <c r="N235933" s="10"/>
    </row>
    <row r="235934" spans="14:14">
      <c r="N235934" s="10"/>
    </row>
    <row r="235935" spans="14:14">
      <c r="N235935" s="10"/>
    </row>
    <row r="235936" spans="14:14">
      <c r="N235936" s="10"/>
    </row>
    <row r="235937" spans="14:14">
      <c r="N235937" s="10"/>
    </row>
    <row r="235938" spans="14:14">
      <c r="N235938" s="10"/>
    </row>
    <row r="235939" spans="14:14">
      <c r="N235939" s="10"/>
    </row>
    <row r="235940" spans="14:14">
      <c r="N235940" s="10"/>
    </row>
    <row r="235941" spans="14:14">
      <c r="N235941" s="10"/>
    </row>
    <row r="235942" spans="14:14">
      <c r="N235942" s="10"/>
    </row>
    <row r="235943" spans="14:14">
      <c r="N235943" s="10"/>
    </row>
    <row r="235944" spans="14:14">
      <c r="N235944" s="10"/>
    </row>
    <row r="235945" spans="14:14">
      <c r="N235945" s="10"/>
    </row>
    <row r="235946" spans="14:14">
      <c r="N235946" s="10"/>
    </row>
    <row r="235947" spans="14:14">
      <c r="N235947" s="10"/>
    </row>
    <row r="235948" spans="14:14">
      <c r="N235948" s="10"/>
    </row>
    <row r="235949" spans="14:14">
      <c r="N235949" s="10"/>
    </row>
    <row r="235950" spans="14:14">
      <c r="N235950" s="10"/>
    </row>
    <row r="235951" spans="14:14">
      <c r="N235951" s="10"/>
    </row>
    <row r="235952" spans="14:14">
      <c r="N235952" s="10"/>
    </row>
    <row r="235953" spans="14:14">
      <c r="N235953" s="10"/>
    </row>
    <row r="235954" spans="14:14">
      <c r="N235954" s="10"/>
    </row>
    <row r="235955" spans="14:14">
      <c r="N235955" s="10"/>
    </row>
    <row r="235956" spans="14:14">
      <c r="N235956" s="10"/>
    </row>
    <row r="235957" spans="14:14">
      <c r="N235957" s="10"/>
    </row>
    <row r="235958" spans="14:14">
      <c r="N235958" s="10"/>
    </row>
    <row r="235959" spans="14:14">
      <c r="N235959" s="10"/>
    </row>
    <row r="235960" spans="14:14">
      <c r="N235960" s="10"/>
    </row>
    <row r="235961" spans="14:14">
      <c r="N235961" s="10"/>
    </row>
    <row r="235962" spans="14:14">
      <c r="N235962" s="10"/>
    </row>
    <row r="235963" spans="14:14">
      <c r="N235963" s="10"/>
    </row>
    <row r="235964" spans="14:14">
      <c r="N235964" s="10"/>
    </row>
    <row r="235965" spans="14:14">
      <c r="N235965" s="10"/>
    </row>
    <row r="235966" spans="14:14">
      <c r="N235966" s="10"/>
    </row>
    <row r="235967" spans="14:14">
      <c r="N235967" s="10"/>
    </row>
    <row r="235968" spans="14:14">
      <c r="N235968" s="10"/>
    </row>
    <row r="235969" spans="14:14">
      <c r="N235969" s="10"/>
    </row>
    <row r="235970" spans="14:14">
      <c r="N235970" s="10"/>
    </row>
    <row r="235971" spans="14:14">
      <c r="N235971" s="10"/>
    </row>
    <row r="235972" spans="14:14">
      <c r="N235972" s="10"/>
    </row>
    <row r="235973" spans="14:14">
      <c r="N235973" s="10"/>
    </row>
    <row r="235974" spans="14:14">
      <c r="N235974" s="10"/>
    </row>
    <row r="235975" spans="14:14">
      <c r="N235975" s="10"/>
    </row>
    <row r="235976" spans="14:14">
      <c r="N235976" s="10"/>
    </row>
    <row r="235977" spans="14:14">
      <c r="N235977" s="10"/>
    </row>
    <row r="235978" spans="14:14">
      <c r="N235978" s="10"/>
    </row>
    <row r="235979" spans="14:14">
      <c r="N235979" s="10"/>
    </row>
    <row r="235980" spans="14:14">
      <c r="N235980" s="10"/>
    </row>
    <row r="235981" spans="14:14">
      <c r="N235981" s="10"/>
    </row>
    <row r="235982" spans="14:14">
      <c r="N235982" s="10"/>
    </row>
    <row r="235983" spans="14:14">
      <c r="N235983" s="10"/>
    </row>
    <row r="235984" spans="14:14">
      <c r="N235984" s="10"/>
    </row>
    <row r="235985" spans="14:14">
      <c r="N235985" s="10"/>
    </row>
    <row r="235986" spans="14:14">
      <c r="N235986" s="10"/>
    </row>
    <row r="235987" spans="14:14">
      <c r="N235987" s="10"/>
    </row>
    <row r="235988" spans="14:14">
      <c r="N235988" s="10"/>
    </row>
    <row r="235989" spans="14:14">
      <c r="N235989" s="10"/>
    </row>
    <row r="235990" spans="14:14">
      <c r="N235990" s="10"/>
    </row>
    <row r="235991" spans="14:14">
      <c r="N235991" s="10"/>
    </row>
    <row r="235992" spans="14:14">
      <c r="N235992" s="10"/>
    </row>
    <row r="235993" spans="14:14">
      <c r="N235993" s="10"/>
    </row>
    <row r="235994" spans="14:14">
      <c r="N235994" s="10"/>
    </row>
    <row r="235995" spans="14:14">
      <c r="N235995" s="10"/>
    </row>
    <row r="235996" spans="14:14">
      <c r="N235996" s="10"/>
    </row>
    <row r="235997" spans="14:14">
      <c r="N235997" s="10"/>
    </row>
    <row r="235998" spans="14:14">
      <c r="N235998" s="10"/>
    </row>
    <row r="235999" spans="14:14">
      <c r="N235999" s="10"/>
    </row>
    <row r="236000" spans="14:14">
      <c r="N236000" s="10"/>
    </row>
    <row r="236001" spans="14:14">
      <c r="N236001" s="10"/>
    </row>
    <row r="236002" spans="14:14">
      <c r="N236002" s="10"/>
    </row>
    <row r="236003" spans="14:14">
      <c r="N236003" s="10"/>
    </row>
    <row r="236004" spans="14:14">
      <c r="N236004" s="10"/>
    </row>
    <row r="236005" spans="14:14">
      <c r="N236005" s="10"/>
    </row>
    <row r="236006" spans="14:14">
      <c r="N236006" s="10"/>
    </row>
    <row r="236007" spans="14:14">
      <c r="N236007" s="10"/>
    </row>
    <row r="236008" spans="14:14">
      <c r="N236008" s="10"/>
    </row>
    <row r="236009" spans="14:14">
      <c r="N236009" s="10"/>
    </row>
    <row r="236010" spans="14:14">
      <c r="N236010" s="10"/>
    </row>
    <row r="236011" spans="14:14">
      <c r="N236011" s="10"/>
    </row>
    <row r="236012" spans="14:14">
      <c r="N236012" s="10"/>
    </row>
    <row r="236013" spans="14:14">
      <c r="N236013" s="10"/>
    </row>
    <row r="236014" spans="14:14">
      <c r="N236014" s="10"/>
    </row>
    <row r="236015" spans="14:14">
      <c r="N236015" s="10"/>
    </row>
    <row r="236016" spans="14:14">
      <c r="N236016" s="10"/>
    </row>
    <row r="236017" spans="14:14">
      <c r="N236017" s="10"/>
    </row>
    <row r="236018" spans="14:14">
      <c r="N236018" s="10"/>
    </row>
    <row r="236019" spans="14:14">
      <c r="N236019" s="10"/>
    </row>
    <row r="236020" spans="14:14">
      <c r="N236020" s="10"/>
    </row>
    <row r="236021" spans="14:14">
      <c r="N236021" s="10"/>
    </row>
    <row r="236022" spans="14:14">
      <c r="N236022" s="10"/>
    </row>
    <row r="236023" spans="14:14">
      <c r="N236023" s="10"/>
    </row>
    <row r="236024" spans="14:14">
      <c r="N236024" s="10"/>
    </row>
    <row r="236025" spans="14:14">
      <c r="N236025" s="10"/>
    </row>
    <row r="236026" spans="14:14">
      <c r="N236026" s="10"/>
    </row>
    <row r="236027" spans="14:14">
      <c r="N236027" s="10"/>
    </row>
    <row r="236028" spans="14:14">
      <c r="N236028" s="10"/>
    </row>
    <row r="236029" spans="14:14">
      <c r="N236029" s="10"/>
    </row>
    <row r="236030" spans="14:14">
      <c r="N236030" s="10"/>
    </row>
    <row r="236031" spans="14:14">
      <c r="N236031" s="10"/>
    </row>
    <row r="236032" spans="14:14">
      <c r="N236032" s="10"/>
    </row>
    <row r="236033" spans="14:14">
      <c r="N236033" s="10"/>
    </row>
    <row r="236034" spans="14:14">
      <c r="N236034" s="10"/>
    </row>
    <row r="236035" spans="14:14">
      <c r="N236035" s="10"/>
    </row>
    <row r="236036" spans="14:14">
      <c r="N236036" s="10"/>
    </row>
    <row r="236037" spans="14:14">
      <c r="N236037" s="10"/>
    </row>
    <row r="236038" spans="14:14">
      <c r="N236038" s="10"/>
    </row>
    <row r="236039" spans="14:14">
      <c r="N236039" s="10"/>
    </row>
    <row r="236040" spans="14:14">
      <c r="N236040" s="10"/>
    </row>
    <row r="236041" spans="14:14">
      <c r="N236041" s="10"/>
    </row>
    <row r="236042" spans="14:14">
      <c r="N236042" s="10"/>
    </row>
    <row r="236043" spans="14:14">
      <c r="N236043" s="10"/>
    </row>
    <row r="236044" spans="14:14">
      <c r="N236044" s="10"/>
    </row>
    <row r="236045" spans="14:14">
      <c r="N236045" s="10"/>
    </row>
    <row r="236046" spans="14:14">
      <c r="N236046" s="10"/>
    </row>
    <row r="236047" spans="14:14">
      <c r="N236047" s="10"/>
    </row>
    <row r="236048" spans="14:14">
      <c r="N236048" s="10"/>
    </row>
    <row r="236049" spans="14:14">
      <c r="N236049" s="10"/>
    </row>
    <row r="236050" spans="14:14">
      <c r="N236050" s="10"/>
    </row>
    <row r="236051" spans="14:14">
      <c r="N236051" s="10"/>
    </row>
    <row r="236052" spans="14:14">
      <c r="N236052" s="10"/>
    </row>
    <row r="236053" spans="14:14">
      <c r="N236053" s="10"/>
    </row>
    <row r="236054" spans="14:14">
      <c r="N236054" s="10"/>
    </row>
    <row r="236055" spans="14:14">
      <c r="N236055" s="10"/>
    </row>
    <row r="236056" spans="14:14">
      <c r="N236056" s="10"/>
    </row>
    <row r="236057" spans="14:14">
      <c r="N236057" s="10"/>
    </row>
    <row r="236058" spans="14:14">
      <c r="N236058" s="10"/>
    </row>
    <row r="236059" spans="14:14">
      <c r="N236059" s="10"/>
    </row>
    <row r="236060" spans="14:14">
      <c r="N236060" s="10"/>
    </row>
    <row r="236061" spans="14:14">
      <c r="N236061" s="10"/>
    </row>
    <row r="236062" spans="14:14">
      <c r="N236062" s="10"/>
    </row>
    <row r="236063" spans="14:14">
      <c r="N236063" s="10"/>
    </row>
    <row r="236064" spans="14:14">
      <c r="N236064" s="10"/>
    </row>
    <row r="236065" spans="14:14">
      <c r="N236065" s="10"/>
    </row>
    <row r="236066" spans="14:14">
      <c r="N236066" s="10"/>
    </row>
    <row r="236067" spans="14:14">
      <c r="N236067" s="10"/>
    </row>
    <row r="236068" spans="14:14">
      <c r="N236068" s="10"/>
    </row>
    <row r="236069" spans="14:14">
      <c r="N236069" s="10"/>
    </row>
    <row r="236070" spans="14:14">
      <c r="N236070" s="10"/>
    </row>
    <row r="236071" spans="14:14">
      <c r="N236071" s="10"/>
    </row>
    <row r="236072" spans="14:14">
      <c r="N236072" s="10"/>
    </row>
    <row r="236073" spans="14:14">
      <c r="N236073" s="10"/>
    </row>
    <row r="236074" spans="14:14">
      <c r="N236074" s="10"/>
    </row>
    <row r="236075" spans="14:14">
      <c r="N236075" s="10"/>
    </row>
    <row r="236076" spans="14:14">
      <c r="N236076" s="10"/>
    </row>
    <row r="236077" spans="14:14">
      <c r="N236077" s="10"/>
    </row>
    <row r="236078" spans="14:14">
      <c r="N236078" s="10"/>
    </row>
    <row r="236079" spans="14:14">
      <c r="N236079" s="10"/>
    </row>
    <row r="236080" spans="14:14">
      <c r="N236080" s="10"/>
    </row>
    <row r="236081" spans="14:14">
      <c r="N236081" s="10"/>
    </row>
    <row r="236082" spans="14:14">
      <c r="N236082" s="10"/>
    </row>
    <row r="236083" spans="14:14">
      <c r="N236083" s="10"/>
    </row>
    <row r="236084" spans="14:14">
      <c r="N236084" s="10"/>
    </row>
    <row r="236085" spans="14:14">
      <c r="N236085" s="10"/>
    </row>
    <row r="236086" spans="14:14">
      <c r="N236086" s="10"/>
    </row>
    <row r="236087" spans="14:14">
      <c r="N236087" s="10"/>
    </row>
    <row r="236088" spans="14:14">
      <c r="N236088" s="10"/>
    </row>
    <row r="236089" spans="14:14">
      <c r="N236089" s="10"/>
    </row>
    <row r="236090" spans="14:14">
      <c r="N236090" s="10"/>
    </row>
    <row r="236091" spans="14:14">
      <c r="N236091" s="10"/>
    </row>
    <row r="236092" spans="14:14">
      <c r="N236092" s="10"/>
    </row>
    <row r="236093" spans="14:14">
      <c r="N236093" s="10"/>
    </row>
    <row r="236094" spans="14:14">
      <c r="N236094" s="10"/>
    </row>
    <row r="236095" spans="14:14">
      <c r="N236095" s="10"/>
    </row>
    <row r="236096" spans="14:14">
      <c r="N236096" s="10"/>
    </row>
    <row r="236097" spans="14:14">
      <c r="N236097" s="10"/>
    </row>
    <row r="236098" spans="14:14">
      <c r="N236098" s="10"/>
    </row>
    <row r="236099" spans="14:14">
      <c r="N236099" s="10"/>
    </row>
    <row r="236100" spans="14:14">
      <c r="N236100" s="10"/>
    </row>
    <row r="236101" spans="14:14">
      <c r="N236101" s="10"/>
    </row>
    <row r="236102" spans="14:14">
      <c r="N236102" s="10"/>
    </row>
    <row r="236103" spans="14:14">
      <c r="N236103" s="10"/>
    </row>
    <row r="236104" spans="14:14">
      <c r="N236104" s="10"/>
    </row>
    <row r="236105" spans="14:14">
      <c r="N236105" s="10"/>
    </row>
    <row r="236106" spans="14:14">
      <c r="N236106" s="10"/>
    </row>
    <row r="236107" spans="14:14">
      <c r="N236107" s="10"/>
    </row>
    <row r="236108" spans="14:14">
      <c r="N236108" s="10"/>
    </row>
    <row r="236109" spans="14:14">
      <c r="N236109" s="10"/>
    </row>
    <row r="236110" spans="14:14">
      <c r="N236110" s="10"/>
    </row>
    <row r="236111" spans="14:14">
      <c r="N236111" s="10"/>
    </row>
    <row r="236112" spans="14:14">
      <c r="N236112" s="10"/>
    </row>
    <row r="236113" spans="14:14">
      <c r="N236113" s="10"/>
    </row>
    <row r="236114" spans="14:14">
      <c r="N236114" s="10"/>
    </row>
    <row r="236115" spans="14:14">
      <c r="N236115" s="10"/>
    </row>
    <row r="236116" spans="14:14">
      <c r="N236116" s="10"/>
    </row>
    <row r="236117" spans="14:14">
      <c r="N236117" s="10"/>
    </row>
    <row r="236118" spans="14:14">
      <c r="N236118" s="10"/>
    </row>
    <row r="236119" spans="14:14">
      <c r="N236119" s="10"/>
    </row>
    <row r="236120" spans="14:14">
      <c r="N236120" s="10"/>
    </row>
    <row r="236121" spans="14:14">
      <c r="N236121" s="10"/>
    </row>
    <row r="236122" spans="14:14">
      <c r="N236122" s="10"/>
    </row>
    <row r="236123" spans="14:14">
      <c r="N236123" s="10"/>
    </row>
    <row r="236124" spans="14:14">
      <c r="N236124" s="10"/>
    </row>
    <row r="236125" spans="14:14">
      <c r="N236125" s="10"/>
    </row>
    <row r="236126" spans="14:14">
      <c r="N236126" s="10"/>
    </row>
    <row r="236127" spans="14:14">
      <c r="N236127" s="10"/>
    </row>
    <row r="236128" spans="14:14">
      <c r="N236128" s="10"/>
    </row>
    <row r="236129" spans="14:14">
      <c r="N236129" s="10"/>
    </row>
    <row r="236130" spans="14:14">
      <c r="N236130" s="10"/>
    </row>
    <row r="236131" spans="14:14">
      <c r="N236131" s="10"/>
    </row>
    <row r="236132" spans="14:14">
      <c r="N236132" s="10"/>
    </row>
    <row r="236133" spans="14:14">
      <c r="N236133" s="10"/>
    </row>
    <row r="236134" spans="14:14">
      <c r="N236134" s="10"/>
    </row>
    <row r="236135" spans="14:14">
      <c r="N236135" s="10"/>
    </row>
    <row r="236136" spans="14:14">
      <c r="N236136" s="10"/>
    </row>
    <row r="236137" spans="14:14">
      <c r="N236137" s="10"/>
    </row>
    <row r="236138" spans="14:14">
      <c r="N236138" s="10"/>
    </row>
    <row r="236139" spans="14:14">
      <c r="N236139" s="10"/>
    </row>
    <row r="236140" spans="14:14">
      <c r="N236140" s="10"/>
    </row>
    <row r="236141" spans="14:14">
      <c r="N236141" s="10"/>
    </row>
    <row r="236142" spans="14:14">
      <c r="N236142" s="10"/>
    </row>
    <row r="236143" spans="14:14">
      <c r="N236143" s="10"/>
    </row>
    <row r="236144" spans="14:14">
      <c r="N236144" s="10"/>
    </row>
    <row r="236145" spans="14:14">
      <c r="N236145" s="10"/>
    </row>
    <row r="236146" spans="14:14">
      <c r="N236146" s="10"/>
    </row>
    <row r="236147" spans="14:14">
      <c r="N236147" s="10"/>
    </row>
    <row r="236148" spans="14:14">
      <c r="N236148" s="10"/>
    </row>
    <row r="236149" spans="14:14">
      <c r="N236149" s="10"/>
    </row>
    <row r="236150" spans="14:14">
      <c r="N236150" s="10"/>
    </row>
    <row r="236151" spans="14:14">
      <c r="N236151" s="10"/>
    </row>
    <row r="236152" spans="14:14">
      <c r="N236152" s="10"/>
    </row>
    <row r="236153" spans="14:14">
      <c r="N236153" s="10"/>
    </row>
    <row r="236154" spans="14:14">
      <c r="N236154" s="10"/>
    </row>
    <row r="236155" spans="14:14">
      <c r="N236155" s="10"/>
    </row>
    <row r="236156" spans="14:14">
      <c r="N236156" s="10"/>
    </row>
    <row r="236157" spans="14:14">
      <c r="N236157" s="10"/>
    </row>
    <row r="236158" spans="14:14">
      <c r="N236158" s="10"/>
    </row>
    <row r="236159" spans="14:14">
      <c r="N236159" s="10"/>
    </row>
    <row r="236160" spans="14:14">
      <c r="N236160" s="10"/>
    </row>
    <row r="236161" spans="14:14">
      <c r="N236161" s="10"/>
    </row>
    <row r="236162" spans="14:14">
      <c r="N236162" s="10"/>
    </row>
    <row r="236163" spans="14:14">
      <c r="N236163" s="10"/>
    </row>
    <row r="236164" spans="14:14">
      <c r="N236164" s="10"/>
    </row>
    <row r="236165" spans="14:14">
      <c r="N236165" s="10"/>
    </row>
    <row r="236166" spans="14:14">
      <c r="N236166" s="10"/>
    </row>
    <row r="236167" spans="14:14">
      <c r="N236167" s="10"/>
    </row>
    <row r="236168" spans="14:14">
      <c r="N236168" s="10"/>
    </row>
    <row r="236169" spans="14:14">
      <c r="N236169" s="10"/>
    </row>
    <row r="236170" spans="14:14">
      <c r="N236170" s="10"/>
    </row>
    <row r="236171" spans="14:14">
      <c r="N236171" s="10"/>
    </row>
    <row r="236172" spans="14:14">
      <c r="N236172" s="10"/>
    </row>
    <row r="236173" spans="14:14">
      <c r="N236173" s="10"/>
    </row>
    <row r="236174" spans="14:14">
      <c r="N236174" s="10"/>
    </row>
    <row r="236175" spans="14:14">
      <c r="N236175" s="10"/>
    </row>
    <row r="236176" spans="14:14">
      <c r="N236176" s="10"/>
    </row>
    <row r="236177" spans="14:14">
      <c r="N236177" s="10"/>
    </row>
    <row r="236178" spans="14:14">
      <c r="N236178" s="10"/>
    </row>
    <row r="236179" spans="14:14">
      <c r="N236179" s="10"/>
    </row>
    <row r="236180" spans="14:14">
      <c r="N236180" s="10"/>
    </row>
    <row r="236181" spans="14:14">
      <c r="N236181" s="10"/>
    </row>
    <row r="236182" spans="14:14">
      <c r="N236182" s="10"/>
    </row>
    <row r="236183" spans="14:14">
      <c r="N236183" s="10"/>
    </row>
    <row r="236184" spans="14:14">
      <c r="N236184" s="10"/>
    </row>
    <row r="236185" spans="14:14">
      <c r="N236185" s="10"/>
    </row>
    <row r="236186" spans="14:14">
      <c r="N236186" s="10"/>
    </row>
    <row r="236187" spans="14:14">
      <c r="N236187" s="10"/>
    </row>
    <row r="236188" spans="14:14">
      <c r="N236188" s="10"/>
    </row>
    <row r="236189" spans="14:14">
      <c r="N236189" s="10"/>
    </row>
    <row r="236190" spans="14:14">
      <c r="N236190" s="10"/>
    </row>
    <row r="236191" spans="14:14">
      <c r="N236191" s="10"/>
    </row>
    <row r="236192" spans="14:14">
      <c r="N236192" s="10"/>
    </row>
    <row r="236193" spans="14:14">
      <c r="N236193" s="10"/>
    </row>
    <row r="236194" spans="14:14">
      <c r="N236194" s="10"/>
    </row>
    <row r="236195" spans="14:14">
      <c r="N236195" s="10"/>
    </row>
    <row r="236196" spans="14:14">
      <c r="N236196" s="10"/>
    </row>
    <row r="236197" spans="14:14">
      <c r="N236197" s="10"/>
    </row>
    <row r="236198" spans="14:14">
      <c r="N236198" s="10"/>
    </row>
    <row r="236199" spans="14:14">
      <c r="N236199" s="10"/>
    </row>
    <row r="236200" spans="14:14">
      <c r="N236200" s="10"/>
    </row>
    <row r="236201" spans="14:14">
      <c r="N236201" s="10"/>
    </row>
    <row r="236202" spans="14:14">
      <c r="N236202" s="10"/>
    </row>
    <row r="236203" spans="14:14">
      <c r="N236203" s="10"/>
    </row>
    <row r="236204" spans="14:14">
      <c r="N236204" s="10"/>
    </row>
    <row r="236205" spans="14:14">
      <c r="N236205" s="10"/>
    </row>
    <row r="236206" spans="14:14">
      <c r="N236206" s="10"/>
    </row>
    <row r="236207" spans="14:14">
      <c r="N236207" s="10"/>
    </row>
    <row r="236208" spans="14:14">
      <c r="N236208" s="10"/>
    </row>
    <row r="236209" spans="14:14">
      <c r="N236209" s="10"/>
    </row>
    <row r="236210" spans="14:14">
      <c r="N236210" s="10"/>
    </row>
    <row r="236211" spans="14:14">
      <c r="N236211" s="10"/>
    </row>
    <row r="236212" spans="14:14">
      <c r="N236212" s="10"/>
    </row>
    <row r="236213" spans="14:14">
      <c r="N236213" s="10"/>
    </row>
    <row r="236214" spans="14:14">
      <c r="N236214" s="10"/>
    </row>
    <row r="236215" spans="14:14">
      <c r="N236215" s="10"/>
    </row>
    <row r="236216" spans="14:14">
      <c r="N236216" s="10"/>
    </row>
    <row r="236217" spans="14:14">
      <c r="N236217" s="10"/>
    </row>
    <row r="236218" spans="14:14">
      <c r="N236218" s="10"/>
    </row>
    <row r="236219" spans="14:14">
      <c r="N236219" s="10"/>
    </row>
    <row r="236220" spans="14:14">
      <c r="N236220" s="10"/>
    </row>
    <row r="236221" spans="14:14">
      <c r="N236221" s="10"/>
    </row>
    <row r="236222" spans="14:14">
      <c r="N236222" s="10"/>
    </row>
    <row r="236223" spans="14:14">
      <c r="N236223" s="10"/>
    </row>
    <row r="236224" spans="14:14">
      <c r="N236224" s="10"/>
    </row>
    <row r="236225" spans="14:14">
      <c r="N236225" s="10"/>
    </row>
    <row r="236226" spans="14:14">
      <c r="N236226" s="10"/>
    </row>
    <row r="236227" spans="14:14">
      <c r="N236227" s="10"/>
    </row>
    <row r="236228" spans="14:14">
      <c r="N236228" s="10"/>
    </row>
    <row r="236229" spans="14:14">
      <c r="N236229" s="10"/>
    </row>
    <row r="236230" spans="14:14">
      <c r="N236230" s="10"/>
    </row>
    <row r="236231" spans="14:14">
      <c r="N236231" s="10"/>
    </row>
    <row r="236232" spans="14:14">
      <c r="N236232" s="10"/>
    </row>
    <row r="236233" spans="14:14">
      <c r="N236233" s="10"/>
    </row>
    <row r="236234" spans="14:14">
      <c r="N236234" s="10"/>
    </row>
    <row r="236235" spans="14:14">
      <c r="N236235" s="10"/>
    </row>
    <row r="236236" spans="14:14">
      <c r="N236236" s="10"/>
    </row>
    <row r="236237" spans="14:14">
      <c r="N236237" s="10"/>
    </row>
    <row r="236238" spans="14:14">
      <c r="N236238" s="10"/>
    </row>
    <row r="236239" spans="14:14">
      <c r="N236239" s="10"/>
    </row>
    <row r="236240" spans="14:14">
      <c r="N236240" s="10"/>
    </row>
    <row r="236241" spans="14:14">
      <c r="N236241" s="10"/>
    </row>
    <row r="236242" spans="14:14">
      <c r="N236242" s="10"/>
    </row>
    <row r="236243" spans="14:14">
      <c r="N236243" s="10"/>
    </row>
    <row r="236244" spans="14:14">
      <c r="N236244" s="10"/>
    </row>
    <row r="236245" spans="14:14">
      <c r="N236245" s="10"/>
    </row>
    <row r="236246" spans="14:14">
      <c r="N236246" s="10"/>
    </row>
    <row r="236247" spans="14:14">
      <c r="N236247" s="10"/>
    </row>
    <row r="236248" spans="14:14">
      <c r="N236248" s="10"/>
    </row>
    <row r="236249" spans="14:14">
      <c r="N236249" s="10"/>
    </row>
    <row r="236250" spans="14:14">
      <c r="N236250" s="10"/>
    </row>
    <row r="236251" spans="14:14">
      <c r="N236251" s="10"/>
    </row>
    <row r="236252" spans="14:14">
      <c r="N236252" s="10"/>
    </row>
    <row r="236253" spans="14:14">
      <c r="N236253" s="10"/>
    </row>
    <row r="236254" spans="14:14">
      <c r="N236254" s="10"/>
    </row>
    <row r="236255" spans="14:14">
      <c r="N236255" s="10"/>
    </row>
    <row r="236256" spans="14:14">
      <c r="N236256" s="10"/>
    </row>
    <row r="236257" spans="14:14">
      <c r="N236257" s="10"/>
    </row>
    <row r="236258" spans="14:14">
      <c r="N236258" s="10"/>
    </row>
    <row r="236259" spans="14:14">
      <c r="N236259" s="10"/>
    </row>
    <row r="236260" spans="14:14">
      <c r="N236260" s="10"/>
    </row>
    <row r="236261" spans="14:14">
      <c r="N236261" s="10"/>
    </row>
    <row r="236262" spans="14:14">
      <c r="N236262" s="10"/>
    </row>
    <row r="236263" spans="14:14">
      <c r="N236263" s="10"/>
    </row>
    <row r="236264" spans="14:14">
      <c r="N236264" s="10"/>
    </row>
    <row r="236265" spans="14:14">
      <c r="N236265" s="10"/>
    </row>
    <row r="236266" spans="14:14">
      <c r="N236266" s="10"/>
    </row>
    <row r="236267" spans="14:14">
      <c r="N236267" s="10"/>
    </row>
    <row r="236268" spans="14:14">
      <c r="N236268" s="10"/>
    </row>
    <row r="236269" spans="14:14">
      <c r="N236269" s="10"/>
    </row>
    <row r="236270" spans="14:14">
      <c r="N236270" s="10"/>
    </row>
    <row r="236271" spans="14:14">
      <c r="N236271" s="10"/>
    </row>
    <row r="236272" spans="14:14">
      <c r="N236272" s="10"/>
    </row>
    <row r="236273" spans="14:14">
      <c r="N236273" s="10"/>
    </row>
    <row r="236274" spans="14:14">
      <c r="N236274" s="10"/>
    </row>
    <row r="236275" spans="14:14">
      <c r="N236275" s="10"/>
    </row>
    <row r="236276" spans="14:14">
      <c r="N236276" s="10"/>
    </row>
    <row r="236277" spans="14:14">
      <c r="N236277" s="10"/>
    </row>
    <row r="236278" spans="14:14">
      <c r="N236278" s="10"/>
    </row>
    <row r="236279" spans="14:14">
      <c r="N236279" s="10"/>
    </row>
    <row r="236280" spans="14:14">
      <c r="N236280" s="10"/>
    </row>
    <row r="236281" spans="14:14">
      <c r="N236281" s="10"/>
    </row>
    <row r="236282" spans="14:14">
      <c r="N236282" s="10"/>
    </row>
    <row r="236283" spans="14:14">
      <c r="N236283" s="10"/>
    </row>
    <row r="236284" spans="14:14">
      <c r="N236284" s="10"/>
    </row>
    <row r="236285" spans="14:14">
      <c r="N236285" s="10"/>
    </row>
    <row r="236286" spans="14:14">
      <c r="N236286" s="10"/>
    </row>
    <row r="236287" spans="14:14">
      <c r="N236287" s="10"/>
    </row>
    <row r="236288" spans="14:14">
      <c r="N236288" s="10"/>
    </row>
    <row r="236289" spans="14:14">
      <c r="N236289" s="10"/>
    </row>
    <row r="236290" spans="14:14">
      <c r="N236290" s="10"/>
    </row>
    <row r="236291" spans="14:14">
      <c r="N236291" s="10"/>
    </row>
    <row r="236292" spans="14:14">
      <c r="N236292" s="10"/>
    </row>
    <row r="236293" spans="14:14">
      <c r="N236293" s="10"/>
    </row>
    <row r="236294" spans="14:14">
      <c r="N236294" s="10"/>
    </row>
    <row r="236295" spans="14:14">
      <c r="N236295" s="10"/>
    </row>
    <row r="236296" spans="14:14">
      <c r="N236296" s="10"/>
    </row>
    <row r="236297" spans="14:14">
      <c r="N236297" s="10"/>
    </row>
    <row r="236298" spans="14:14">
      <c r="N236298" s="10"/>
    </row>
    <row r="236299" spans="14:14">
      <c r="N236299" s="10"/>
    </row>
    <row r="236300" spans="14:14">
      <c r="N236300" s="10"/>
    </row>
    <row r="236301" spans="14:14">
      <c r="N236301" s="10"/>
    </row>
    <row r="236302" spans="14:14">
      <c r="N236302" s="10"/>
    </row>
    <row r="236303" spans="14:14">
      <c r="N236303" s="10"/>
    </row>
    <row r="236304" spans="14:14">
      <c r="N236304" s="10"/>
    </row>
    <row r="236305" spans="14:14">
      <c r="N236305" s="10"/>
    </row>
    <row r="236306" spans="14:14">
      <c r="N236306" s="10"/>
    </row>
    <row r="236307" spans="14:14">
      <c r="N236307" s="10"/>
    </row>
    <row r="236308" spans="14:14">
      <c r="N236308" s="10"/>
    </row>
    <row r="236309" spans="14:14">
      <c r="N236309" s="10"/>
    </row>
    <row r="236310" spans="14:14">
      <c r="N236310" s="10"/>
    </row>
    <row r="236311" spans="14:14">
      <c r="N236311" s="10"/>
    </row>
    <row r="236312" spans="14:14">
      <c r="N236312" s="10"/>
    </row>
    <row r="236313" spans="14:14">
      <c r="N236313" s="10"/>
    </row>
    <row r="236314" spans="14:14">
      <c r="N236314" s="10"/>
    </row>
    <row r="236315" spans="14:14">
      <c r="N236315" s="10"/>
    </row>
    <row r="236316" spans="14:14">
      <c r="N236316" s="10"/>
    </row>
    <row r="236317" spans="14:14">
      <c r="N236317" s="10"/>
    </row>
    <row r="236318" spans="14:14">
      <c r="N236318" s="10"/>
    </row>
    <row r="236319" spans="14:14">
      <c r="N236319" s="10"/>
    </row>
    <row r="236320" spans="14:14">
      <c r="N236320" s="10"/>
    </row>
    <row r="236321" spans="14:14">
      <c r="N236321" s="10"/>
    </row>
    <row r="236322" spans="14:14">
      <c r="N236322" s="10"/>
    </row>
    <row r="236323" spans="14:14">
      <c r="N236323" s="10"/>
    </row>
    <row r="236324" spans="14:14">
      <c r="N236324" s="10"/>
    </row>
    <row r="236325" spans="14:14">
      <c r="N236325" s="10"/>
    </row>
    <row r="236326" spans="14:14">
      <c r="N236326" s="10"/>
    </row>
    <row r="236327" spans="14:14">
      <c r="N236327" s="10"/>
    </row>
    <row r="236328" spans="14:14">
      <c r="N236328" s="10"/>
    </row>
    <row r="236329" spans="14:14">
      <c r="N236329" s="10"/>
    </row>
    <row r="236330" spans="14:14">
      <c r="N236330" s="10"/>
    </row>
    <row r="236331" spans="14:14">
      <c r="N236331" s="10"/>
    </row>
    <row r="236332" spans="14:14">
      <c r="N236332" s="10"/>
    </row>
    <row r="236333" spans="14:14">
      <c r="N236333" s="10"/>
    </row>
    <row r="236334" spans="14:14">
      <c r="N236334" s="10"/>
    </row>
    <row r="236335" spans="14:14">
      <c r="N236335" s="10"/>
    </row>
    <row r="236336" spans="14:14">
      <c r="N236336" s="10"/>
    </row>
    <row r="236337" spans="14:14">
      <c r="N236337" s="10"/>
    </row>
    <row r="236338" spans="14:14">
      <c r="N236338" s="10"/>
    </row>
    <row r="236339" spans="14:14">
      <c r="N236339" s="10"/>
    </row>
    <row r="236340" spans="14:14">
      <c r="N236340" s="10"/>
    </row>
    <row r="236341" spans="14:14">
      <c r="N236341" s="10"/>
    </row>
    <row r="236342" spans="14:14">
      <c r="N236342" s="10"/>
    </row>
    <row r="236343" spans="14:14">
      <c r="N236343" s="10"/>
    </row>
    <row r="236344" spans="14:14">
      <c r="N236344" s="10"/>
    </row>
    <row r="236345" spans="14:14">
      <c r="N236345" s="10"/>
    </row>
    <row r="236346" spans="14:14">
      <c r="N236346" s="10"/>
    </row>
    <row r="236347" spans="14:14">
      <c r="N236347" s="10"/>
    </row>
    <row r="236348" spans="14:14">
      <c r="N236348" s="10"/>
    </row>
    <row r="236349" spans="14:14">
      <c r="N236349" s="10"/>
    </row>
    <row r="236350" spans="14:14">
      <c r="N236350" s="10"/>
    </row>
    <row r="236351" spans="14:14">
      <c r="N236351" s="10"/>
    </row>
    <row r="236352" spans="14:14">
      <c r="N236352" s="10"/>
    </row>
    <row r="236353" spans="14:14">
      <c r="N236353" s="10"/>
    </row>
    <row r="236354" spans="14:14">
      <c r="N236354" s="10"/>
    </row>
    <row r="236355" spans="14:14">
      <c r="N236355" s="10"/>
    </row>
    <row r="236356" spans="14:14">
      <c r="N236356" s="10"/>
    </row>
    <row r="236357" spans="14:14">
      <c r="N236357" s="10"/>
    </row>
    <row r="236358" spans="14:14">
      <c r="N236358" s="10"/>
    </row>
    <row r="236359" spans="14:14">
      <c r="N236359" s="10"/>
    </row>
    <row r="236360" spans="14:14">
      <c r="N236360" s="10"/>
    </row>
    <row r="236361" spans="14:14">
      <c r="N236361" s="10"/>
    </row>
    <row r="236362" spans="14:14">
      <c r="N236362" s="10"/>
    </row>
    <row r="236363" spans="14:14">
      <c r="N236363" s="10"/>
    </row>
    <row r="236364" spans="14:14">
      <c r="N236364" s="10"/>
    </row>
    <row r="236365" spans="14:14">
      <c r="N236365" s="10"/>
    </row>
    <row r="236366" spans="14:14">
      <c r="N236366" s="10"/>
    </row>
    <row r="236367" spans="14:14">
      <c r="N236367" s="10"/>
    </row>
    <row r="236368" spans="14:14">
      <c r="N236368" s="10"/>
    </row>
    <row r="236369" spans="14:14">
      <c r="N236369" s="10"/>
    </row>
    <row r="236370" spans="14:14">
      <c r="N236370" s="10"/>
    </row>
    <row r="236371" spans="14:14">
      <c r="N236371" s="10"/>
    </row>
    <row r="236372" spans="14:14">
      <c r="N236372" s="10"/>
    </row>
    <row r="236373" spans="14:14">
      <c r="N236373" s="10"/>
    </row>
    <row r="236374" spans="14:14">
      <c r="N236374" s="10"/>
    </row>
    <row r="236375" spans="14:14">
      <c r="N236375" s="10"/>
    </row>
    <row r="236376" spans="14:14">
      <c r="N236376" s="10"/>
    </row>
    <row r="236377" spans="14:14">
      <c r="N236377" s="10"/>
    </row>
    <row r="236378" spans="14:14">
      <c r="N236378" s="10"/>
    </row>
    <row r="236379" spans="14:14">
      <c r="N236379" s="10"/>
    </row>
    <row r="236380" spans="14:14">
      <c r="N236380" s="10"/>
    </row>
    <row r="236381" spans="14:14">
      <c r="N236381" s="10"/>
    </row>
    <row r="236382" spans="14:14">
      <c r="N236382" s="10"/>
    </row>
    <row r="236383" spans="14:14">
      <c r="N236383" s="10"/>
    </row>
    <row r="236384" spans="14:14">
      <c r="N236384" s="10"/>
    </row>
    <row r="236385" spans="14:14">
      <c r="N236385" s="10"/>
    </row>
    <row r="236386" spans="14:14">
      <c r="N236386" s="10"/>
    </row>
    <row r="236387" spans="14:14">
      <c r="N236387" s="10"/>
    </row>
    <row r="236388" spans="14:14">
      <c r="N236388" s="10"/>
    </row>
    <row r="236389" spans="14:14">
      <c r="N236389" s="10"/>
    </row>
    <row r="236390" spans="14:14">
      <c r="N236390" s="10"/>
    </row>
    <row r="236391" spans="14:14">
      <c r="N236391" s="10"/>
    </row>
    <row r="236392" spans="14:14">
      <c r="N236392" s="10"/>
    </row>
    <row r="236393" spans="14:14">
      <c r="N236393" s="10"/>
    </row>
    <row r="236394" spans="14:14">
      <c r="N236394" s="10"/>
    </row>
    <row r="236395" spans="14:14">
      <c r="N236395" s="10"/>
    </row>
    <row r="236396" spans="14:14">
      <c r="N236396" s="10"/>
    </row>
    <row r="236397" spans="14:14">
      <c r="N236397" s="10"/>
    </row>
    <row r="236398" spans="14:14">
      <c r="N236398" s="10"/>
    </row>
    <row r="236399" spans="14:14">
      <c r="N236399" s="10"/>
    </row>
    <row r="236400" spans="14:14">
      <c r="N236400" s="10"/>
    </row>
    <row r="236401" spans="14:14">
      <c r="N236401" s="10"/>
    </row>
    <row r="236402" spans="14:14">
      <c r="N236402" s="10"/>
    </row>
    <row r="236403" spans="14:14">
      <c r="N236403" s="10"/>
    </row>
    <row r="236404" spans="14:14">
      <c r="N236404" s="10"/>
    </row>
    <row r="236405" spans="14:14">
      <c r="N236405" s="10"/>
    </row>
    <row r="236406" spans="14:14">
      <c r="N236406" s="10"/>
    </row>
    <row r="236407" spans="14:14">
      <c r="N236407" s="10"/>
    </row>
    <row r="236408" spans="14:14">
      <c r="N236408" s="10"/>
    </row>
    <row r="236409" spans="14:14">
      <c r="N236409" s="10"/>
    </row>
    <row r="236410" spans="14:14">
      <c r="N236410" s="10"/>
    </row>
    <row r="236411" spans="14:14">
      <c r="N236411" s="10"/>
    </row>
    <row r="236412" spans="14:14">
      <c r="N236412" s="10"/>
    </row>
    <row r="236413" spans="14:14">
      <c r="N236413" s="10"/>
    </row>
    <row r="236414" spans="14:14">
      <c r="N236414" s="10"/>
    </row>
    <row r="236415" spans="14:14">
      <c r="N236415" s="10"/>
    </row>
    <row r="236416" spans="14:14">
      <c r="N236416" s="10"/>
    </row>
    <row r="236417" spans="14:14">
      <c r="N236417" s="10"/>
    </row>
    <row r="236418" spans="14:14">
      <c r="N236418" s="10"/>
    </row>
    <row r="236419" spans="14:14">
      <c r="N236419" s="10"/>
    </row>
    <row r="236420" spans="14:14">
      <c r="N236420" s="10"/>
    </row>
    <row r="236421" spans="14:14">
      <c r="N236421" s="10"/>
    </row>
    <row r="236422" spans="14:14">
      <c r="N236422" s="10"/>
    </row>
    <row r="236423" spans="14:14">
      <c r="N236423" s="10"/>
    </row>
    <row r="236424" spans="14:14">
      <c r="N236424" s="10"/>
    </row>
    <row r="236425" spans="14:14">
      <c r="N236425" s="10"/>
    </row>
    <row r="236426" spans="14:14">
      <c r="N236426" s="10"/>
    </row>
    <row r="236427" spans="14:14">
      <c r="N236427" s="10"/>
    </row>
    <row r="236428" spans="14:14">
      <c r="N236428" s="10"/>
    </row>
    <row r="236429" spans="14:14">
      <c r="N236429" s="10"/>
    </row>
    <row r="236430" spans="14:14">
      <c r="N236430" s="10"/>
    </row>
    <row r="236431" spans="14:14">
      <c r="N236431" s="10"/>
    </row>
    <row r="236432" spans="14:14">
      <c r="N236432" s="10"/>
    </row>
    <row r="236433" spans="14:14">
      <c r="N236433" s="10"/>
    </row>
    <row r="236434" spans="14:14">
      <c r="N236434" s="10"/>
    </row>
    <row r="236435" spans="14:14">
      <c r="N236435" s="10"/>
    </row>
    <row r="236436" spans="14:14">
      <c r="N236436" s="10"/>
    </row>
    <row r="236437" spans="14:14">
      <c r="N236437" s="10"/>
    </row>
    <row r="236438" spans="14:14">
      <c r="N236438" s="10"/>
    </row>
    <row r="236439" spans="14:14">
      <c r="N236439" s="10"/>
    </row>
    <row r="236440" spans="14:14">
      <c r="N236440" s="10"/>
    </row>
    <row r="236441" spans="14:14">
      <c r="N236441" s="10"/>
    </row>
    <row r="236442" spans="14:14">
      <c r="N236442" s="10"/>
    </row>
    <row r="236443" spans="14:14">
      <c r="N236443" s="10"/>
    </row>
    <row r="236444" spans="14:14">
      <c r="N236444" s="10"/>
    </row>
    <row r="236445" spans="14:14">
      <c r="N236445" s="10"/>
    </row>
    <row r="236446" spans="14:14">
      <c r="N236446" s="10"/>
    </row>
    <row r="236447" spans="14:14">
      <c r="N236447" s="10"/>
    </row>
    <row r="236448" spans="14:14">
      <c r="N236448" s="10"/>
    </row>
    <row r="236449" spans="14:14">
      <c r="N236449" s="10"/>
    </row>
    <row r="236450" spans="14:14">
      <c r="N236450" s="10"/>
    </row>
    <row r="236451" spans="14:14">
      <c r="N236451" s="10"/>
    </row>
    <row r="236452" spans="14:14">
      <c r="N236452" s="10"/>
    </row>
    <row r="236453" spans="14:14">
      <c r="N236453" s="10"/>
    </row>
    <row r="236454" spans="14:14">
      <c r="N236454" s="10"/>
    </row>
    <row r="236455" spans="14:14">
      <c r="N236455" s="10"/>
    </row>
    <row r="236456" spans="14:14">
      <c r="N236456" s="10"/>
    </row>
    <row r="236457" spans="14:14">
      <c r="N236457" s="10"/>
    </row>
    <row r="236458" spans="14:14">
      <c r="N236458" s="10"/>
    </row>
    <row r="236459" spans="14:14">
      <c r="N236459" s="10"/>
    </row>
    <row r="236460" spans="14:14">
      <c r="N236460" s="10"/>
    </row>
    <row r="236461" spans="14:14">
      <c r="N236461" s="10"/>
    </row>
    <row r="236462" spans="14:14">
      <c r="N236462" s="10"/>
    </row>
    <row r="236463" spans="14:14">
      <c r="N236463" s="10"/>
    </row>
    <row r="236464" spans="14:14">
      <c r="N236464" s="10"/>
    </row>
    <row r="236465" spans="14:14">
      <c r="N236465" s="10"/>
    </row>
    <row r="236466" spans="14:14">
      <c r="N236466" s="10"/>
    </row>
    <row r="236467" spans="14:14">
      <c r="N236467" s="10"/>
    </row>
    <row r="236468" spans="14:14">
      <c r="N236468" s="10"/>
    </row>
    <row r="236469" spans="14:14">
      <c r="N236469" s="10"/>
    </row>
    <row r="236470" spans="14:14">
      <c r="N236470" s="10"/>
    </row>
    <row r="236471" spans="14:14">
      <c r="N236471" s="10"/>
    </row>
    <row r="236472" spans="14:14">
      <c r="N236472" s="10"/>
    </row>
    <row r="236473" spans="14:14">
      <c r="N236473" s="10"/>
    </row>
    <row r="236474" spans="14:14">
      <c r="N236474" s="10"/>
    </row>
    <row r="236475" spans="14:14">
      <c r="N236475" s="10"/>
    </row>
    <row r="236476" spans="14:14">
      <c r="N236476" s="10"/>
    </row>
    <row r="236477" spans="14:14">
      <c r="N236477" s="10"/>
    </row>
    <row r="236478" spans="14:14">
      <c r="N236478" s="10"/>
    </row>
    <row r="236479" spans="14:14">
      <c r="N236479" s="10"/>
    </row>
    <row r="236480" spans="14:14">
      <c r="N236480" s="10"/>
    </row>
    <row r="236481" spans="14:14">
      <c r="N236481" s="10"/>
    </row>
    <row r="236482" spans="14:14">
      <c r="N236482" s="10"/>
    </row>
    <row r="236483" spans="14:14">
      <c r="N236483" s="10"/>
    </row>
    <row r="236484" spans="14:14">
      <c r="N236484" s="10"/>
    </row>
    <row r="236485" spans="14:14">
      <c r="N236485" s="10"/>
    </row>
    <row r="236486" spans="14:14">
      <c r="N236486" s="10"/>
    </row>
    <row r="236487" spans="14:14">
      <c r="N236487" s="10"/>
    </row>
    <row r="236488" spans="14:14">
      <c r="N236488" s="10"/>
    </row>
    <row r="236489" spans="14:14">
      <c r="N236489" s="10"/>
    </row>
    <row r="236490" spans="14:14">
      <c r="N236490" s="10"/>
    </row>
    <row r="236491" spans="14:14">
      <c r="N236491" s="10"/>
    </row>
    <row r="236492" spans="14:14">
      <c r="N236492" s="10"/>
    </row>
    <row r="236493" spans="14:14">
      <c r="N236493" s="10"/>
    </row>
    <row r="236494" spans="14:14">
      <c r="N236494" s="10"/>
    </row>
    <row r="236495" spans="14:14">
      <c r="N236495" s="10"/>
    </row>
    <row r="236496" spans="14:14">
      <c r="N236496" s="10"/>
    </row>
    <row r="236497" spans="14:14">
      <c r="N236497" s="10"/>
    </row>
    <row r="236498" spans="14:14">
      <c r="N236498" s="10"/>
    </row>
    <row r="236499" spans="14:14">
      <c r="N236499" s="10"/>
    </row>
    <row r="236500" spans="14:14">
      <c r="N236500" s="10"/>
    </row>
    <row r="236501" spans="14:14">
      <c r="N236501" s="10"/>
    </row>
    <row r="236502" spans="14:14">
      <c r="N236502" s="10"/>
    </row>
    <row r="236503" spans="14:14">
      <c r="N236503" s="10"/>
    </row>
    <row r="236504" spans="14:14">
      <c r="N236504" s="10"/>
    </row>
    <row r="236505" spans="14:14">
      <c r="N236505" s="10"/>
    </row>
    <row r="236506" spans="14:14">
      <c r="N236506" s="10"/>
    </row>
    <row r="236507" spans="14:14">
      <c r="N236507" s="10"/>
    </row>
    <row r="236508" spans="14:14">
      <c r="N236508" s="10"/>
    </row>
    <row r="236509" spans="14:14">
      <c r="N236509" s="10"/>
    </row>
    <row r="236510" spans="14:14">
      <c r="N236510" s="10"/>
    </row>
    <row r="236511" spans="14:14">
      <c r="N236511" s="10"/>
    </row>
    <row r="236512" spans="14:14">
      <c r="N236512" s="10"/>
    </row>
    <row r="236513" spans="14:14">
      <c r="N236513" s="10"/>
    </row>
    <row r="236514" spans="14:14">
      <c r="N236514" s="10"/>
    </row>
    <row r="236515" spans="14:14">
      <c r="N236515" s="10"/>
    </row>
    <row r="236516" spans="14:14">
      <c r="N236516" s="10"/>
    </row>
    <row r="236517" spans="14:14">
      <c r="N236517" s="10"/>
    </row>
    <row r="236518" spans="14:14">
      <c r="N236518" s="10"/>
    </row>
    <row r="236519" spans="14:14">
      <c r="N236519" s="10"/>
    </row>
    <row r="236520" spans="14:14">
      <c r="N236520" s="10"/>
    </row>
    <row r="236521" spans="14:14">
      <c r="N236521" s="10"/>
    </row>
    <row r="236522" spans="14:14">
      <c r="N236522" s="10"/>
    </row>
    <row r="236523" spans="14:14">
      <c r="N236523" s="10"/>
    </row>
    <row r="236524" spans="14:14">
      <c r="N236524" s="10"/>
    </row>
    <row r="236525" spans="14:14">
      <c r="N236525" s="10"/>
    </row>
    <row r="236526" spans="14:14">
      <c r="N236526" s="10"/>
    </row>
    <row r="236527" spans="14:14">
      <c r="N236527" s="10"/>
    </row>
    <row r="236528" spans="14:14">
      <c r="N236528" s="10"/>
    </row>
    <row r="236529" spans="14:14">
      <c r="N236529" s="10"/>
    </row>
    <row r="236530" spans="14:14">
      <c r="N236530" s="10"/>
    </row>
    <row r="236531" spans="14:14">
      <c r="N236531" s="10"/>
    </row>
    <row r="236532" spans="14:14">
      <c r="N236532" s="10"/>
    </row>
    <row r="236533" spans="14:14">
      <c r="N236533" s="10"/>
    </row>
    <row r="236534" spans="14:14">
      <c r="N236534" s="10"/>
    </row>
    <row r="236535" spans="14:14">
      <c r="N236535" s="10"/>
    </row>
    <row r="236536" spans="14:14">
      <c r="N236536" s="10"/>
    </row>
    <row r="236537" spans="14:14">
      <c r="N236537" s="10"/>
    </row>
    <row r="236538" spans="14:14">
      <c r="N236538" s="10"/>
    </row>
    <row r="236539" spans="14:14">
      <c r="N236539" s="10"/>
    </row>
    <row r="236540" spans="14:14">
      <c r="N236540" s="10"/>
    </row>
    <row r="236541" spans="14:14">
      <c r="N236541" s="10"/>
    </row>
    <row r="236542" spans="14:14">
      <c r="N236542" s="10"/>
    </row>
    <row r="236543" spans="14:14">
      <c r="N236543" s="10"/>
    </row>
    <row r="236544" spans="14:14">
      <c r="N236544" s="10"/>
    </row>
    <row r="236545" spans="14:14">
      <c r="N236545" s="10"/>
    </row>
    <row r="236546" spans="14:14">
      <c r="N236546" s="10"/>
    </row>
    <row r="236547" spans="14:14">
      <c r="N236547" s="10"/>
    </row>
    <row r="236548" spans="14:14">
      <c r="N236548" s="10"/>
    </row>
    <row r="236549" spans="14:14">
      <c r="N236549" s="10"/>
    </row>
    <row r="236550" spans="14:14">
      <c r="N236550" s="10"/>
    </row>
    <row r="236551" spans="14:14">
      <c r="N236551" s="10"/>
    </row>
    <row r="236552" spans="14:14">
      <c r="N236552" s="10"/>
    </row>
    <row r="236553" spans="14:14">
      <c r="N236553" s="10"/>
    </row>
    <row r="236554" spans="14:14">
      <c r="N236554" s="10"/>
    </row>
    <row r="236555" spans="14:14">
      <c r="N236555" s="10"/>
    </row>
    <row r="236556" spans="14:14">
      <c r="N236556" s="10"/>
    </row>
    <row r="236557" spans="14:14">
      <c r="N236557" s="10"/>
    </row>
    <row r="236558" spans="14:14">
      <c r="N236558" s="10"/>
    </row>
    <row r="236559" spans="14:14">
      <c r="N236559" s="10"/>
    </row>
    <row r="236560" spans="14:14">
      <c r="N236560" s="10"/>
    </row>
    <row r="236561" spans="14:14">
      <c r="N236561" s="10"/>
    </row>
    <row r="236562" spans="14:14">
      <c r="N236562" s="10"/>
    </row>
    <row r="236563" spans="14:14">
      <c r="N236563" s="10"/>
    </row>
    <row r="236564" spans="14:14">
      <c r="N236564" s="10"/>
    </row>
    <row r="236565" spans="14:14">
      <c r="N236565" s="10"/>
    </row>
    <row r="236566" spans="14:14">
      <c r="N236566" s="10"/>
    </row>
    <row r="236567" spans="14:14">
      <c r="N236567" s="10"/>
    </row>
    <row r="236568" spans="14:14">
      <c r="N236568" s="10"/>
    </row>
    <row r="236569" spans="14:14">
      <c r="N236569" s="10"/>
    </row>
    <row r="236570" spans="14:14">
      <c r="N236570" s="10"/>
    </row>
    <row r="236571" spans="14:14">
      <c r="N236571" s="10"/>
    </row>
    <row r="236572" spans="14:14">
      <c r="N236572" s="10"/>
    </row>
    <row r="236573" spans="14:14">
      <c r="N236573" s="10"/>
    </row>
    <row r="236574" spans="14:14">
      <c r="N236574" s="10"/>
    </row>
    <row r="236575" spans="14:14">
      <c r="N236575" s="10"/>
    </row>
    <row r="236576" spans="14:14">
      <c r="N236576" s="10"/>
    </row>
    <row r="236577" spans="14:14">
      <c r="N236577" s="10"/>
    </row>
    <row r="236578" spans="14:14">
      <c r="N236578" s="10"/>
    </row>
    <row r="236579" spans="14:14">
      <c r="N236579" s="10"/>
    </row>
    <row r="236580" spans="14:14">
      <c r="N236580" s="10"/>
    </row>
    <row r="236581" spans="14:14">
      <c r="N236581" s="10"/>
    </row>
    <row r="236582" spans="14:14">
      <c r="N236582" s="10"/>
    </row>
    <row r="236583" spans="14:14">
      <c r="N236583" s="10"/>
    </row>
    <row r="236584" spans="14:14">
      <c r="N236584" s="10"/>
    </row>
    <row r="236585" spans="14:14">
      <c r="N236585" s="10"/>
    </row>
    <row r="236586" spans="14:14">
      <c r="N236586" s="10"/>
    </row>
    <row r="236587" spans="14:14">
      <c r="N236587" s="10"/>
    </row>
    <row r="236588" spans="14:14">
      <c r="N236588" s="10"/>
    </row>
    <row r="236589" spans="14:14">
      <c r="N236589" s="10"/>
    </row>
    <row r="236590" spans="14:14">
      <c r="N236590" s="10"/>
    </row>
    <row r="236591" spans="14:14">
      <c r="N236591" s="10"/>
    </row>
    <row r="236592" spans="14:14">
      <c r="N236592" s="10"/>
    </row>
    <row r="236593" spans="14:14">
      <c r="N236593" s="10"/>
    </row>
    <row r="236594" spans="14:14">
      <c r="N236594" s="10"/>
    </row>
    <row r="236595" spans="14:14">
      <c r="N236595" s="10"/>
    </row>
    <row r="236596" spans="14:14">
      <c r="N236596" s="10"/>
    </row>
    <row r="236597" spans="14:14">
      <c r="N236597" s="10"/>
    </row>
    <row r="236598" spans="14:14">
      <c r="N236598" s="10"/>
    </row>
    <row r="236599" spans="14:14">
      <c r="N236599" s="10"/>
    </row>
    <row r="236600" spans="14:14">
      <c r="N236600" s="10"/>
    </row>
    <row r="236601" spans="14:14">
      <c r="N236601" s="10"/>
    </row>
    <row r="236602" spans="14:14">
      <c r="N236602" s="10"/>
    </row>
    <row r="236603" spans="14:14">
      <c r="N236603" s="10"/>
    </row>
    <row r="236604" spans="14:14">
      <c r="N236604" s="10"/>
    </row>
    <row r="236605" spans="14:14">
      <c r="N236605" s="10"/>
    </row>
    <row r="236606" spans="14:14">
      <c r="N236606" s="10"/>
    </row>
    <row r="236607" spans="14:14">
      <c r="N236607" s="10"/>
    </row>
    <row r="236608" spans="14:14">
      <c r="N236608" s="10"/>
    </row>
    <row r="236609" spans="14:14">
      <c r="N236609" s="10"/>
    </row>
    <row r="236610" spans="14:14">
      <c r="N236610" s="10"/>
    </row>
    <row r="236611" spans="14:14">
      <c r="N236611" s="10"/>
    </row>
    <row r="236612" spans="14:14">
      <c r="N236612" s="10"/>
    </row>
    <row r="236613" spans="14:14">
      <c r="N236613" s="10"/>
    </row>
    <row r="236614" spans="14:14">
      <c r="N236614" s="10"/>
    </row>
    <row r="236615" spans="14:14">
      <c r="N236615" s="10"/>
    </row>
    <row r="236616" spans="14:14">
      <c r="N236616" s="10"/>
    </row>
    <row r="236617" spans="14:14">
      <c r="N236617" s="10"/>
    </row>
    <row r="236618" spans="14:14">
      <c r="N236618" s="10"/>
    </row>
    <row r="236619" spans="14:14">
      <c r="N236619" s="10"/>
    </row>
    <row r="236620" spans="14:14">
      <c r="N236620" s="10"/>
    </row>
    <row r="236621" spans="14:14">
      <c r="N236621" s="10"/>
    </row>
    <row r="236622" spans="14:14">
      <c r="N236622" s="10"/>
    </row>
    <row r="236623" spans="14:14">
      <c r="N236623" s="10"/>
    </row>
    <row r="236624" spans="14:14">
      <c r="N236624" s="10"/>
    </row>
    <row r="236625" spans="14:14">
      <c r="N236625" s="10"/>
    </row>
    <row r="236626" spans="14:14">
      <c r="N236626" s="10"/>
    </row>
    <row r="236627" spans="14:14">
      <c r="N236627" s="10"/>
    </row>
    <row r="236628" spans="14:14">
      <c r="N236628" s="10"/>
    </row>
    <row r="236629" spans="14:14">
      <c r="N236629" s="10"/>
    </row>
    <row r="236630" spans="14:14">
      <c r="N236630" s="10"/>
    </row>
    <row r="236631" spans="14:14">
      <c r="N236631" s="10"/>
    </row>
    <row r="236632" spans="14:14">
      <c r="N236632" s="10"/>
    </row>
    <row r="236633" spans="14:14">
      <c r="N236633" s="10"/>
    </row>
    <row r="236634" spans="14:14">
      <c r="N236634" s="10"/>
    </row>
    <row r="236635" spans="14:14">
      <c r="N236635" s="10"/>
    </row>
    <row r="236636" spans="14:14">
      <c r="N236636" s="10"/>
    </row>
    <row r="236637" spans="14:14">
      <c r="N236637" s="10"/>
    </row>
    <row r="236638" spans="14:14">
      <c r="N236638" s="10"/>
    </row>
    <row r="236639" spans="14:14">
      <c r="N236639" s="10"/>
    </row>
    <row r="236640" spans="14:14">
      <c r="N236640" s="10"/>
    </row>
    <row r="236641" spans="14:14">
      <c r="N236641" s="10"/>
    </row>
    <row r="236642" spans="14:14">
      <c r="N236642" s="10"/>
    </row>
    <row r="236643" spans="14:14">
      <c r="N236643" s="10"/>
    </row>
    <row r="236644" spans="14:14">
      <c r="N236644" s="10"/>
    </row>
    <row r="236645" spans="14:14">
      <c r="N236645" s="10"/>
    </row>
    <row r="236646" spans="14:14">
      <c r="N236646" s="10"/>
    </row>
    <row r="236647" spans="14:14">
      <c r="N236647" s="10"/>
    </row>
    <row r="236648" spans="14:14">
      <c r="N236648" s="10"/>
    </row>
    <row r="236649" spans="14:14">
      <c r="N236649" s="10"/>
    </row>
    <row r="236650" spans="14:14">
      <c r="N236650" s="10"/>
    </row>
    <row r="236651" spans="14:14">
      <c r="N236651" s="10"/>
    </row>
    <row r="236652" spans="14:14">
      <c r="N236652" s="10"/>
    </row>
    <row r="236653" spans="14:14">
      <c r="N236653" s="10"/>
    </row>
    <row r="236654" spans="14:14">
      <c r="N236654" s="10"/>
    </row>
    <row r="236655" spans="14:14">
      <c r="N236655" s="10"/>
    </row>
    <row r="236656" spans="14:14">
      <c r="N236656" s="10"/>
    </row>
    <row r="236657" spans="14:14">
      <c r="N236657" s="10"/>
    </row>
    <row r="236658" spans="14:14">
      <c r="N236658" s="10"/>
    </row>
    <row r="236659" spans="14:14">
      <c r="N236659" s="10"/>
    </row>
    <row r="236660" spans="14:14">
      <c r="N236660" s="10"/>
    </row>
    <row r="236661" spans="14:14">
      <c r="N236661" s="10"/>
    </row>
    <row r="236662" spans="14:14">
      <c r="N236662" s="10"/>
    </row>
    <row r="236663" spans="14:14">
      <c r="N236663" s="10"/>
    </row>
    <row r="236664" spans="14:14">
      <c r="N236664" s="10"/>
    </row>
    <row r="236665" spans="14:14">
      <c r="N236665" s="10"/>
    </row>
    <row r="236666" spans="14:14">
      <c r="N236666" s="10"/>
    </row>
    <row r="236667" spans="14:14">
      <c r="N236667" s="10"/>
    </row>
    <row r="236668" spans="14:14">
      <c r="N236668" s="10"/>
    </row>
    <row r="236669" spans="14:14">
      <c r="N236669" s="10"/>
    </row>
    <row r="236670" spans="14:14">
      <c r="N236670" s="10"/>
    </row>
    <row r="236671" spans="14:14">
      <c r="N236671" s="10"/>
    </row>
    <row r="236672" spans="14:14">
      <c r="N236672" s="10"/>
    </row>
    <row r="236673" spans="14:14">
      <c r="N236673" s="10"/>
    </row>
    <row r="236674" spans="14:14">
      <c r="N236674" s="10"/>
    </row>
    <row r="236675" spans="14:14">
      <c r="N236675" s="10"/>
    </row>
    <row r="236676" spans="14:14">
      <c r="N236676" s="10"/>
    </row>
    <row r="236677" spans="14:14">
      <c r="N236677" s="10"/>
    </row>
    <row r="236678" spans="14:14">
      <c r="N236678" s="10"/>
    </row>
    <row r="236679" spans="14:14">
      <c r="N236679" s="10"/>
    </row>
    <row r="236680" spans="14:14">
      <c r="N236680" s="10"/>
    </row>
    <row r="236681" spans="14:14">
      <c r="N236681" s="10"/>
    </row>
    <row r="236682" spans="14:14">
      <c r="N236682" s="10"/>
    </row>
    <row r="236683" spans="14:14">
      <c r="N236683" s="10"/>
    </row>
    <row r="236684" spans="14:14">
      <c r="N236684" s="10"/>
    </row>
    <row r="236685" spans="14:14">
      <c r="N236685" s="10"/>
    </row>
    <row r="236686" spans="14:14">
      <c r="N236686" s="10"/>
    </row>
    <row r="236687" spans="14:14">
      <c r="N236687" s="10"/>
    </row>
    <row r="236688" spans="14:14">
      <c r="N236688" s="10"/>
    </row>
    <row r="236689" spans="14:14">
      <c r="N236689" s="10"/>
    </row>
    <row r="236690" spans="14:14">
      <c r="N236690" s="10"/>
    </row>
    <row r="236691" spans="14:14">
      <c r="N236691" s="10"/>
    </row>
    <row r="236692" spans="14:14">
      <c r="N236692" s="10"/>
    </row>
    <row r="236693" spans="14:14">
      <c r="N236693" s="10"/>
    </row>
    <row r="236694" spans="14:14">
      <c r="N236694" s="10"/>
    </row>
    <row r="236695" spans="14:14">
      <c r="N236695" s="10"/>
    </row>
    <row r="236696" spans="14:14">
      <c r="N236696" s="10"/>
    </row>
    <row r="236697" spans="14:14">
      <c r="N236697" s="10"/>
    </row>
    <row r="236698" spans="14:14">
      <c r="N236698" s="10"/>
    </row>
    <row r="236699" spans="14:14">
      <c r="N236699" s="10"/>
    </row>
    <row r="236700" spans="14:14">
      <c r="N236700" s="10"/>
    </row>
    <row r="236701" spans="14:14">
      <c r="N236701" s="10"/>
    </row>
    <row r="236702" spans="14:14">
      <c r="N236702" s="10"/>
    </row>
    <row r="236703" spans="14:14">
      <c r="N236703" s="10"/>
    </row>
    <row r="236704" spans="14:14">
      <c r="N236704" s="10"/>
    </row>
    <row r="236705" spans="14:14">
      <c r="N236705" s="10"/>
    </row>
    <row r="236706" spans="14:14">
      <c r="N236706" s="10"/>
    </row>
    <row r="236707" spans="14:14">
      <c r="N236707" s="10"/>
    </row>
    <row r="236708" spans="14:14">
      <c r="N236708" s="10"/>
    </row>
    <row r="236709" spans="14:14">
      <c r="N236709" s="10"/>
    </row>
    <row r="236710" spans="14:14">
      <c r="N236710" s="10"/>
    </row>
    <row r="236711" spans="14:14">
      <c r="N236711" s="10"/>
    </row>
    <row r="236712" spans="14:14">
      <c r="N236712" s="10"/>
    </row>
    <row r="236713" spans="14:14">
      <c r="N236713" s="10"/>
    </row>
    <row r="236714" spans="14:14">
      <c r="N236714" s="10"/>
    </row>
    <row r="236715" spans="14:14">
      <c r="N236715" s="10"/>
    </row>
    <row r="236716" spans="14:14">
      <c r="N236716" s="10"/>
    </row>
    <row r="236717" spans="14:14">
      <c r="N236717" s="10"/>
    </row>
    <row r="236718" spans="14:14">
      <c r="N236718" s="10"/>
    </row>
    <row r="236719" spans="14:14">
      <c r="N236719" s="10"/>
    </row>
    <row r="236720" spans="14:14">
      <c r="N236720" s="10"/>
    </row>
    <row r="236721" spans="14:14">
      <c r="N236721" s="10"/>
    </row>
    <row r="236722" spans="14:14">
      <c r="N236722" s="10"/>
    </row>
    <row r="236723" spans="14:14">
      <c r="N236723" s="10"/>
    </row>
    <row r="236724" spans="14:14">
      <c r="N236724" s="10"/>
    </row>
    <row r="236725" spans="14:14">
      <c r="N236725" s="10"/>
    </row>
    <row r="236726" spans="14:14">
      <c r="N236726" s="10"/>
    </row>
    <row r="236727" spans="14:14">
      <c r="N236727" s="10"/>
    </row>
    <row r="236728" spans="14:14">
      <c r="N236728" s="10"/>
    </row>
    <row r="236729" spans="14:14">
      <c r="N236729" s="10"/>
    </row>
    <row r="236730" spans="14:14">
      <c r="N236730" s="10"/>
    </row>
    <row r="236731" spans="14:14">
      <c r="N236731" s="10"/>
    </row>
    <row r="236732" spans="14:14">
      <c r="N236732" s="10"/>
    </row>
    <row r="236733" spans="14:14">
      <c r="N236733" s="10"/>
    </row>
    <row r="236734" spans="14:14">
      <c r="N236734" s="10"/>
    </row>
    <row r="236735" spans="14:14">
      <c r="N236735" s="10"/>
    </row>
    <row r="236736" spans="14:14">
      <c r="N236736" s="10"/>
    </row>
    <row r="236737" spans="14:14">
      <c r="N236737" s="10"/>
    </row>
    <row r="236738" spans="14:14">
      <c r="N236738" s="10"/>
    </row>
    <row r="236739" spans="14:14">
      <c r="N236739" s="10"/>
    </row>
    <row r="236740" spans="14:14">
      <c r="N236740" s="10"/>
    </row>
    <row r="236741" spans="14:14">
      <c r="N236741" s="10"/>
    </row>
    <row r="236742" spans="14:14">
      <c r="N236742" s="10"/>
    </row>
    <row r="236743" spans="14:14">
      <c r="N236743" s="10"/>
    </row>
    <row r="236744" spans="14:14">
      <c r="N236744" s="10"/>
    </row>
    <row r="236745" spans="14:14">
      <c r="N236745" s="10"/>
    </row>
    <row r="236746" spans="14:14">
      <c r="N236746" s="10"/>
    </row>
    <row r="236747" spans="14:14">
      <c r="N236747" s="10"/>
    </row>
    <row r="236748" spans="14:14">
      <c r="N236748" s="10"/>
    </row>
    <row r="236749" spans="14:14">
      <c r="N236749" s="10"/>
    </row>
    <row r="236750" spans="14:14">
      <c r="N236750" s="10"/>
    </row>
    <row r="236751" spans="14:14">
      <c r="N236751" s="10"/>
    </row>
    <row r="236752" spans="14:14">
      <c r="N236752" s="10"/>
    </row>
    <row r="236753" spans="14:14">
      <c r="N236753" s="10"/>
    </row>
    <row r="236754" spans="14:14">
      <c r="N236754" s="10"/>
    </row>
    <row r="236755" spans="14:14">
      <c r="N236755" s="10"/>
    </row>
    <row r="236756" spans="14:14">
      <c r="N236756" s="10"/>
    </row>
    <row r="236757" spans="14:14">
      <c r="N236757" s="10"/>
    </row>
    <row r="236758" spans="14:14">
      <c r="N236758" s="10"/>
    </row>
    <row r="236759" spans="14:14">
      <c r="N236759" s="10"/>
    </row>
    <row r="236760" spans="14:14">
      <c r="N236760" s="10"/>
    </row>
    <row r="236761" spans="14:14">
      <c r="N236761" s="10"/>
    </row>
    <row r="236762" spans="14:14">
      <c r="N236762" s="10"/>
    </row>
    <row r="236763" spans="14:14">
      <c r="N236763" s="10"/>
    </row>
    <row r="236764" spans="14:14">
      <c r="N236764" s="10"/>
    </row>
    <row r="236765" spans="14:14">
      <c r="N236765" s="10"/>
    </row>
    <row r="236766" spans="14:14">
      <c r="N236766" s="10"/>
    </row>
    <row r="236767" spans="14:14">
      <c r="N236767" s="10"/>
    </row>
    <row r="236768" spans="14:14">
      <c r="N236768" s="10"/>
    </row>
    <row r="236769" spans="14:14">
      <c r="N236769" s="10"/>
    </row>
    <row r="236770" spans="14:14">
      <c r="N236770" s="10"/>
    </row>
    <row r="236771" spans="14:14">
      <c r="N236771" s="10"/>
    </row>
    <row r="236772" spans="14:14">
      <c r="N236772" s="10"/>
    </row>
    <row r="236773" spans="14:14">
      <c r="N236773" s="10"/>
    </row>
    <row r="236774" spans="14:14">
      <c r="N236774" s="10"/>
    </row>
    <row r="236775" spans="14:14">
      <c r="N236775" s="10"/>
    </row>
    <row r="236776" spans="14:14">
      <c r="N236776" s="10"/>
    </row>
    <row r="236777" spans="14:14">
      <c r="N236777" s="10"/>
    </row>
    <row r="236778" spans="14:14">
      <c r="N236778" s="10"/>
    </row>
    <row r="236779" spans="14:14">
      <c r="N236779" s="10"/>
    </row>
    <row r="236780" spans="14:14">
      <c r="N236780" s="10"/>
    </row>
    <row r="236781" spans="14:14">
      <c r="N236781" s="10"/>
    </row>
    <row r="236782" spans="14:14">
      <c r="N236782" s="10"/>
    </row>
    <row r="236783" spans="14:14">
      <c r="N236783" s="10"/>
    </row>
    <row r="236784" spans="14:14">
      <c r="N236784" s="10"/>
    </row>
    <row r="236785" spans="14:14">
      <c r="N236785" s="10"/>
    </row>
    <row r="236786" spans="14:14">
      <c r="N236786" s="10"/>
    </row>
    <row r="236787" spans="14:14">
      <c r="N236787" s="10"/>
    </row>
    <row r="236788" spans="14:14">
      <c r="N236788" s="10"/>
    </row>
    <row r="236789" spans="14:14">
      <c r="N236789" s="10"/>
    </row>
    <row r="236790" spans="14:14">
      <c r="N236790" s="10"/>
    </row>
    <row r="236791" spans="14:14">
      <c r="N236791" s="10"/>
    </row>
    <row r="236792" spans="14:14">
      <c r="N236792" s="10"/>
    </row>
    <row r="236793" spans="14:14">
      <c r="N236793" s="10"/>
    </row>
    <row r="236794" spans="14:14">
      <c r="N236794" s="10"/>
    </row>
    <row r="236795" spans="14:14">
      <c r="N236795" s="10"/>
    </row>
    <row r="236796" spans="14:14">
      <c r="N236796" s="10"/>
    </row>
    <row r="236797" spans="14:14">
      <c r="N236797" s="10"/>
    </row>
    <row r="236798" spans="14:14">
      <c r="N236798" s="10"/>
    </row>
    <row r="236799" spans="14:14">
      <c r="N236799" s="10"/>
    </row>
    <row r="236800" spans="14:14">
      <c r="N236800" s="10"/>
    </row>
    <row r="236801" spans="14:14">
      <c r="N236801" s="10"/>
    </row>
    <row r="236802" spans="14:14">
      <c r="N236802" s="10"/>
    </row>
    <row r="236803" spans="14:14">
      <c r="N236803" s="10"/>
    </row>
    <row r="236804" spans="14:14">
      <c r="N236804" s="10"/>
    </row>
    <row r="236805" spans="14:14">
      <c r="N236805" s="10"/>
    </row>
    <row r="236806" spans="14:14">
      <c r="N236806" s="10"/>
    </row>
    <row r="236807" spans="14:14">
      <c r="N236807" s="10"/>
    </row>
    <row r="236808" spans="14:14">
      <c r="N236808" s="10"/>
    </row>
    <row r="236809" spans="14:14">
      <c r="N236809" s="10"/>
    </row>
    <row r="236810" spans="14:14">
      <c r="N236810" s="10"/>
    </row>
    <row r="236811" spans="14:14">
      <c r="N236811" s="10"/>
    </row>
    <row r="236812" spans="14:14">
      <c r="N236812" s="10"/>
    </row>
    <row r="236813" spans="14:14">
      <c r="N236813" s="10"/>
    </row>
    <row r="236814" spans="14:14">
      <c r="N236814" s="10"/>
    </row>
    <row r="236815" spans="14:14">
      <c r="N236815" s="10"/>
    </row>
    <row r="236816" spans="14:14">
      <c r="N236816" s="10"/>
    </row>
    <row r="236817" spans="14:14">
      <c r="N236817" s="10"/>
    </row>
    <row r="236818" spans="14:14">
      <c r="N236818" s="10"/>
    </row>
    <row r="236819" spans="14:14">
      <c r="N236819" s="10"/>
    </row>
    <row r="236820" spans="14:14">
      <c r="N236820" s="10"/>
    </row>
    <row r="236821" spans="14:14">
      <c r="N236821" s="10"/>
    </row>
    <row r="236822" spans="14:14">
      <c r="N236822" s="10"/>
    </row>
    <row r="236823" spans="14:14">
      <c r="N236823" s="10"/>
    </row>
    <row r="236824" spans="14:14">
      <c r="N236824" s="10"/>
    </row>
    <row r="236825" spans="14:14">
      <c r="N236825" s="10"/>
    </row>
    <row r="236826" spans="14:14">
      <c r="N236826" s="10"/>
    </row>
    <row r="236827" spans="14:14">
      <c r="N236827" s="10"/>
    </row>
    <row r="236828" spans="14:14">
      <c r="N236828" s="10"/>
    </row>
    <row r="236829" spans="14:14">
      <c r="N236829" s="10"/>
    </row>
    <row r="236830" spans="14:14">
      <c r="N236830" s="10"/>
    </row>
    <row r="236831" spans="14:14">
      <c r="N236831" s="10"/>
    </row>
    <row r="236832" spans="14:14">
      <c r="N236832" s="10"/>
    </row>
    <row r="236833" spans="14:14">
      <c r="N236833" s="10"/>
    </row>
    <row r="236834" spans="14:14">
      <c r="N236834" s="10"/>
    </row>
    <row r="236835" spans="14:14">
      <c r="N236835" s="10"/>
    </row>
    <row r="236836" spans="14:14">
      <c r="N236836" s="10"/>
    </row>
    <row r="236837" spans="14:14">
      <c r="N236837" s="10"/>
    </row>
    <row r="236838" spans="14:14">
      <c r="N236838" s="10"/>
    </row>
    <row r="236839" spans="14:14">
      <c r="N236839" s="10"/>
    </row>
    <row r="236840" spans="14:14">
      <c r="N236840" s="10"/>
    </row>
    <row r="236841" spans="14:14">
      <c r="N236841" s="10"/>
    </row>
    <row r="236842" spans="14:14">
      <c r="N236842" s="10"/>
    </row>
    <row r="236843" spans="14:14">
      <c r="N236843" s="10"/>
    </row>
    <row r="236844" spans="14:14">
      <c r="N236844" s="10"/>
    </row>
    <row r="236845" spans="14:14">
      <c r="N236845" s="10"/>
    </row>
    <row r="236846" spans="14:14">
      <c r="N236846" s="10"/>
    </row>
    <row r="236847" spans="14:14">
      <c r="N236847" s="10"/>
    </row>
    <row r="236848" spans="14:14">
      <c r="N236848" s="10"/>
    </row>
    <row r="236849" spans="14:14">
      <c r="N236849" s="10"/>
    </row>
    <row r="236850" spans="14:14">
      <c r="N236850" s="10"/>
    </row>
    <row r="236851" spans="14:14">
      <c r="N236851" s="10"/>
    </row>
    <row r="236852" spans="14:14">
      <c r="N236852" s="10"/>
    </row>
    <row r="236853" spans="14:14">
      <c r="N236853" s="10"/>
    </row>
    <row r="236854" spans="14:14">
      <c r="N236854" s="10"/>
    </row>
    <row r="236855" spans="14:14">
      <c r="N236855" s="10"/>
    </row>
    <row r="236856" spans="14:14">
      <c r="N236856" s="10"/>
    </row>
    <row r="236857" spans="14:14">
      <c r="N236857" s="10"/>
    </row>
    <row r="236858" spans="14:14">
      <c r="N236858" s="10"/>
    </row>
    <row r="236859" spans="14:14">
      <c r="N236859" s="10"/>
    </row>
    <row r="236860" spans="14:14">
      <c r="N236860" s="10"/>
    </row>
    <row r="236861" spans="14:14">
      <c r="N236861" s="10"/>
    </row>
    <row r="236862" spans="14:14">
      <c r="N236862" s="10"/>
    </row>
    <row r="236863" spans="14:14">
      <c r="N236863" s="10"/>
    </row>
    <row r="236864" spans="14:14">
      <c r="N236864" s="10"/>
    </row>
    <row r="236865" spans="14:14">
      <c r="N236865" s="10"/>
    </row>
    <row r="236866" spans="14:14">
      <c r="N236866" s="10"/>
    </row>
    <row r="236867" spans="14:14">
      <c r="N236867" s="10"/>
    </row>
    <row r="236868" spans="14:14">
      <c r="N236868" s="10"/>
    </row>
    <row r="236869" spans="14:14">
      <c r="N236869" s="10"/>
    </row>
    <row r="236870" spans="14:14">
      <c r="N236870" s="10"/>
    </row>
    <row r="236871" spans="14:14">
      <c r="N236871" s="10"/>
    </row>
    <row r="236872" spans="14:14">
      <c r="N236872" s="10"/>
    </row>
    <row r="236873" spans="14:14">
      <c r="N236873" s="10"/>
    </row>
    <row r="236874" spans="14:14">
      <c r="N236874" s="10"/>
    </row>
    <row r="236875" spans="14:14">
      <c r="N236875" s="10"/>
    </row>
    <row r="236876" spans="14:14">
      <c r="N236876" s="10"/>
    </row>
    <row r="236877" spans="14:14">
      <c r="N236877" s="10"/>
    </row>
    <row r="236878" spans="14:14">
      <c r="N236878" s="10"/>
    </row>
    <row r="236879" spans="14:14">
      <c r="N236879" s="10"/>
    </row>
    <row r="236880" spans="14:14">
      <c r="N236880" s="10"/>
    </row>
    <row r="236881" spans="14:14">
      <c r="N236881" s="10"/>
    </row>
    <row r="236882" spans="14:14">
      <c r="N236882" s="10"/>
    </row>
    <row r="236883" spans="14:14">
      <c r="N236883" s="10"/>
    </row>
    <row r="236884" spans="14:14">
      <c r="N236884" s="10"/>
    </row>
    <row r="236885" spans="14:14">
      <c r="N236885" s="10"/>
    </row>
    <row r="236886" spans="14:14">
      <c r="N236886" s="10"/>
    </row>
    <row r="236887" spans="14:14">
      <c r="N236887" s="10"/>
    </row>
    <row r="236888" spans="14:14">
      <c r="N236888" s="10"/>
    </row>
    <row r="236889" spans="14:14">
      <c r="N236889" s="10"/>
    </row>
    <row r="236890" spans="14:14">
      <c r="N236890" s="10"/>
    </row>
    <row r="236891" spans="14:14">
      <c r="N236891" s="10"/>
    </row>
    <row r="236892" spans="14:14">
      <c r="N236892" s="10"/>
    </row>
    <row r="236893" spans="14:14">
      <c r="N236893" s="10"/>
    </row>
    <row r="236894" spans="14:14">
      <c r="N236894" s="10"/>
    </row>
    <row r="236895" spans="14:14">
      <c r="N236895" s="10"/>
    </row>
    <row r="236896" spans="14:14">
      <c r="N236896" s="10"/>
    </row>
    <row r="236897" spans="14:14">
      <c r="N236897" s="10"/>
    </row>
    <row r="236898" spans="14:14">
      <c r="N236898" s="10"/>
    </row>
    <row r="236899" spans="14:14">
      <c r="N236899" s="10"/>
    </row>
    <row r="236900" spans="14:14">
      <c r="N236900" s="10"/>
    </row>
    <row r="236901" spans="14:14">
      <c r="N236901" s="10"/>
    </row>
    <row r="236902" spans="14:14">
      <c r="N236902" s="10"/>
    </row>
    <row r="236903" spans="14:14">
      <c r="N236903" s="10"/>
    </row>
    <row r="236904" spans="14:14">
      <c r="N236904" s="10"/>
    </row>
    <row r="236905" spans="14:14">
      <c r="N236905" s="10"/>
    </row>
    <row r="236906" spans="14:14">
      <c r="N236906" s="10"/>
    </row>
    <row r="236907" spans="14:14">
      <c r="N236907" s="10"/>
    </row>
    <row r="236908" spans="14:14">
      <c r="N236908" s="10"/>
    </row>
    <row r="236909" spans="14:14">
      <c r="N236909" s="10"/>
    </row>
    <row r="236910" spans="14:14">
      <c r="N236910" s="10"/>
    </row>
    <row r="236911" spans="14:14">
      <c r="N236911" s="10"/>
    </row>
    <row r="236912" spans="14:14">
      <c r="N236912" s="10"/>
    </row>
    <row r="236913" spans="14:14">
      <c r="N236913" s="10"/>
    </row>
    <row r="236914" spans="14:14">
      <c r="N236914" s="10"/>
    </row>
    <row r="236915" spans="14:14">
      <c r="N236915" s="10"/>
    </row>
    <row r="236916" spans="14:14">
      <c r="N236916" s="10"/>
    </row>
    <row r="236917" spans="14:14">
      <c r="N236917" s="10"/>
    </row>
    <row r="236918" spans="14:14">
      <c r="N236918" s="10"/>
    </row>
    <row r="236919" spans="14:14">
      <c r="N236919" s="10"/>
    </row>
    <row r="236920" spans="14:14">
      <c r="N236920" s="10"/>
    </row>
    <row r="236921" spans="14:14">
      <c r="N236921" s="10"/>
    </row>
    <row r="236922" spans="14:14">
      <c r="N236922" s="10"/>
    </row>
    <row r="236923" spans="14:14">
      <c r="N236923" s="10"/>
    </row>
    <row r="236924" spans="14:14">
      <c r="N236924" s="10"/>
    </row>
    <row r="236925" spans="14:14">
      <c r="N236925" s="10"/>
    </row>
    <row r="236926" spans="14:14">
      <c r="N236926" s="10"/>
    </row>
    <row r="236927" spans="14:14">
      <c r="N236927" s="10"/>
    </row>
    <row r="236928" spans="14:14">
      <c r="N236928" s="10"/>
    </row>
    <row r="236929" spans="14:14">
      <c r="N236929" s="10"/>
    </row>
    <row r="236930" spans="14:14">
      <c r="N236930" s="10"/>
    </row>
    <row r="236931" spans="14:14">
      <c r="N236931" s="10"/>
    </row>
    <row r="236932" spans="14:14">
      <c r="N236932" s="10"/>
    </row>
    <row r="236933" spans="14:14">
      <c r="N236933" s="10"/>
    </row>
    <row r="236934" spans="14:14">
      <c r="N236934" s="10"/>
    </row>
    <row r="236935" spans="14:14">
      <c r="N236935" s="10"/>
    </row>
    <row r="236936" spans="14:14">
      <c r="N236936" s="10"/>
    </row>
    <row r="236937" spans="14:14">
      <c r="N236937" s="10"/>
    </row>
    <row r="236938" spans="14:14">
      <c r="N236938" s="10"/>
    </row>
    <row r="236939" spans="14:14">
      <c r="N236939" s="10"/>
    </row>
    <row r="236940" spans="14:14">
      <c r="N236940" s="10"/>
    </row>
    <row r="236941" spans="14:14">
      <c r="N236941" s="10"/>
    </row>
    <row r="236942" spans="14:14">
      <c r="N236942" s="10"/>
    </row>
    <row r="236943" spans="14:14">
      <c r="N236943" s="10"/>
    </row>
    <row r="236944" spans="14:14">
      <c r="N236944" s="10"/>
    </row>
    <row r="236945" spans="14:14">
      <c r="N236945" s="10"/>
    </row>
    <row r="236946" spans="14:14">
      <c r="N236946" s="10"/>
    </row>
    <row r="236947" spans="14:14">
      <c r="N236947" s="10"/>
    </row>
    <row r="236948" spans="14:14">
      <c r="N236948" s="10"/>
    </row>
    <row r="236949" spans="14:14">
      <c r="N236949" s="10"/>
    </row>
    <row r="236950" spans="14:14">
      <c r="N236950" s="10"/>
    </row>
    <row r="236951" spans="14:14">
      <c r="N236951" s="10"/>
    </row>
    <row r="236952" spans="14:14">
      <c r="N236952" s="10"/>
    </row>
    <row r="236953" spans="14:14">
      <c r="N236953" s="10"/>
    </row>
    <row r="236954" spans="14:14">
      <c r="N236954" s="10"/>
    </row>
    <row r="236955" spans="14:14">
      <c r="N236955" s="10"/>
    </row>
    <row r="236956" spans="14:14">
      <c r="N236956" s="10"/>
    </row>
    <row r="236957" spans="14:14">
      <c r="N236957" s="10"/>
    </row>
    <row r="236958" spans="14:14">
      <c r="N236958" s="10"/>
    </row>
    <row r="236959" spans="14:14">
      <c r="N236959" s="10"/>
    </row>
    <row r="236960" spans="14:14">
      <c r="N236960" s="10"/>
    </row>
    <row r="236961" spans="14:14">
      <c r="N236961" s="10"/>
    </row>
    <row r="236962" spans="14:14">
      <c r="N236962" s="10"/>
    </row>
    <row r="236963" spans="14:14">
      <c r="N236963" s="10"/>
    </row>
    <row r="236964" spans="14:14">
      <c r="N236964" s="10"/>
    </row>
    <row r="236965" spans="14:14">
      <c r="N236965" s="10"/>
    </row>
    <row r="236966" spans="14:14">
      <c r="N236966" s="10"/>
    </row>
    <row r="236967" spans="14:14">
      <c r="N236967" s="10"/>
    </row>
    <row r="236968" spans="14:14">
      <c r="N236968" s="10"/>
    </row>
    <row r="236969" spans="14:14">
      <c r="N236969" s="10"/>
    </row>
    <row r="236970" spans="14:14">
      <c r="N236970" s="10"/>
    </row>
    <row r="236971" spans="14:14">
      <c r="N236971" s="10"/>
    </row>
    <row r="236972" spans="14:14">
      <c r="N236972" s="10"/>
    </row>
    <row r="236973" spans="14:14">
      <c r="N236973" s="10"/>
    </row>
    <row r="236974" spans="14:14">
      <c r="N236974" s="10"/>
    </row>
    <row r="236975" spans="14:14">
      <c r="N236975" s="10"/>
    </row>
    <row r="236976" spans="14:14">
      <c r="N236976" s="10"/>
    </row>
    <row r="236977" spans="14:14">
      <c r="N236977" s="10"/>
    </row>
    <row r="236978" spans="14:14">
      <c r="N236978" s="10"/>
    </row>
    <row r="236979" spans="14:14">
      <c r="N236979" s="10"/>
    </row>
    <row r="236980" spans="14:14">
      <c r="N236980" s="10"/>
    </row>
    <row r="236981" spans="14:14">
      <c r="N236981" s="10"/>
    </row>
    <row r="236982" spans="14:14">
      <c r="N236982" s="10"/>
    </row>
    <row r="236983" spans="14:14">
      <c r="N236983" s="10"/>
    </row>
    <row r="236984" spans="14:14">
      <c r="N236984" s="10"/>
    </row>
    <row r="236985" spans="14:14">
      <c r="N236985" s="10"/>
    </row>
    <row r="236986" spans="14:14">
      <c r="N236986" s="10"/>
    </row>
    <row r="236987" spans="14:14">
      <c r="N236987" s="10"/>
    </row>
    <row r="236988" spans="14:14">
      <c r="N236988" s="10"/>
    </row>
    <row r="236989" spans="14:14">
      <c r="N236989" s="10"/>
    </row>
    <row r="236990" spans="14:14">
      <c r="N236990" s="10"/>
    </row>
    <row r="236991" spans="14:14">
      <c r="N236991" s="10"/>
    </row>
    <row r="236992" spans="14:14">
      <c r="N236992" s="10"/>
    </row>
    <row r="236993" spans="14:14">
      <c r="N236993" s="10"/>
    </row>
    <row r="236994" spans="14:14">
      <c r="N236994" s="10"/>
    </row>
    <row r="236995" spans="14:14">
      <c r="N236995" s="10"/>
    </row>
    <row r="236996" spans="14:14">
      <c r="N236996" s="10"/>
    </row>
    <row r="236997" spans="14:14">
      <c r="N236997" s="10"/>
    </row>
    <row r="236998" spans="14:14">
      <c r="N236998" s="10"/>
    </row>
    <row r="236999" spans="14:14">
      <c r="N236999" s="10"/>
    </row>
    <row r="237000" spans="14:14">
      <c r="N237000" s="10"/>
    </row>
    <row r="237001" spans="14:14">
      <c r="N237001" s="10"/>
    </row>
    <row r="237002" spans="14:14">
      <c r="N237002" s="10"/>
    </row>
    <row r="237003" spans="14:14">
      <c r="N237003" s="10"/>
    </row>
    <row r="237004" spans="14:14">
      <c r="N237004" s="10"/>
    </row>
    <row r="237005" spans="14:14">
      <c r="N237005" s="10"/>
    </row>
    <row r="237006" spans="14:14">
      <c r="N237006" s="10"/>
    </row>
    <row r="237007" spans="14:14">
      <c r="N237007" s="10"/>
    </row>
    <row r="237008" spans="14:14">
      <c r="N237008" s="10"/>
    </row>
    <row r="237009" spans="14:14">
      <c r="N237009" s="10"/>
    </row>
    <row r="237010" spans="14:14">
      <c r="N237010" s="10"/>
    </row>
    <row r="237011" spans="14:14">
      <c r="N237011" s="10"/>
    </row>
    <row r="237012" spans="14:14">
      <c r="N237012" s="10"/>
    </row>
    <row r="237013" spans="14:14">
      <c r="N237013" s="10"/>
    </row>
    <row r="237014" spans="14:14">
      <c r="N237014" s="10"/>
    </row>
    <row r="237015" spans="14:14">
      <c r="N237015" s="10"/>
    </row>
    <row r="237016" spans="14:14">
      <c r="N237016" s="10"/>
    </row>
    <row r="237017" spans="14:14">
      <c r="N237017" s="10"/>
    </row>
    <row r="237018" spans="14:14">
      <c r="N237018" s="10"/>
    </row>
    <row r="237019" spans="14:14">
      <c r="N237019" s="10"/>
    </row>
    <row r="237020" spans="14:14">
      <c r="N237020" s="10"/>
    </row>
    <row r="237021" spans="14:14">
      <c r="N237021" s="10"/>
    </row>
    <row r="237022" spans="14:14">
      <c r="N237022" s="10"/>
    </row>
    <row r="237023" spans="14:14">
      <c r="N237023" s="10"/>
    </row>
    <row r="237024" spans="14:14">
      <c r="N237024" s="10"/>
    </row>
    <row r="237025" spans="14:14">
      <c r="N237025" s="10"/>
    </row>
    <row r="237026" spans="14:14">
      <c r="N237026" s="10"/>
    </row>
    <row r="237027" spans="14:14">
      <c r="N237027" s="10"/>
    </row>
    <row r="237028" spans="14:14">
      <c r="N237028" s="10"/>
    </row>
    <row r="237029" spans="14:14">
      <c r="N237029" s="10"/>
    </row>
    <row r="237030" spans="14:14">
      <c r="N237030" s="10"/>
    </row>
    <row r="237031" spans="14:14">
      <c r="N237031" s="10"/>
    </row>
    <row r="237032" spans="14:14">
      <c r="N237032" s="10"/>
    </row>
    <row r="237033" spans="14:14">
      <c r="N237033" s="10"/>
    </row>
    <row r="237034" spans="14:14">
      <c r="N237034" s="10"/>
    </row>
    <row r="237035" spans="14:14">
      <c r="N237035" s="10"/>
    </row>
    <row r="237036" spans="14:14">
      <c r="N237036" s="10"/>
    </row>
    <row r="237037" spans="14:14">
      <c r="N237037" s="10"/>
    </row>
    <row r="237038" spans="14:14">
      <c r="N237038" s="10"/>
    </row>
    <row r="237039" spans="14:14">
      <c r="N237039" s="10"/>
    </row>
    <row r="237040" spans="14:14">
      <c r="N237040" s="10"/>
    </row>
    <row r="237041" spans="14:14">
      <c r="N237041" s="10"/>
    </row>
    <row r="237042" spans="14:14">
      <c r="N237042" s="10"/>
    </row>
    <row r="237043" spans="14:14">
      <c r="N237043" s="10"/>
    </row>
    <row r="237044" spans="14:14">
      <c r="N237044" s="10"/>
    </row>
    <row r="237045" spans="14:14">
      <c r="N237045" s="10"/>
    </row>
    <row r="237046" spans="14:14">
      <c r="N237046" s="10"/>
    </row>
    <row r="237047" spans="14:14">
      <c r="N237047" s="10"/>
    </row>
    <row r="237048" spans="14:14">
      <c r="N237048" s="10"/>
    </row>
    <row r="237049" spans="14:14">
      <c r="N237049" s="10"/>
    </row>
    <row r="237050" spans="14:14">
      <c r="N237050" s="10"/>
    </row>
    <row r="237051" spans="14:14">
      <c r="N237051" s="10"/>
    </row>
    <row r="237052" spans="14:14">
      <c r="N237052" s="10"/>
    </row>
    <row r="237053" spans="14:14">
      <c r="N237053" s="10"/>
    </row>
    <row r="237054" spans="14:14">
      <c r="N237054" s="10"/>
    </row>
    <row r="237055" spans="14:14">
      <c r="N237055" s="10"/>
    </row>
    <row r="237056" spans="14:14">
      <c r="N237056" s="10"/>
    </row>
    <row r="237057" spans="14:14">
      <c r="N237057" s="10"/>
    </row>
    <row r="237058" spans="14:14">
      <c r="N237058" s="10"/>
    </row>
    <row r="237059" spans="14:14">
      <c r="N237059" s="10"/>
    </row>
    <row r="237060" spans="14:14">
      <c r="N237060" s="10"/>
    </row>
    <row r="237061" spans="14:14">
      <c r="N237061" s="10"/>
    </row>
    <row r="237062" spans="14:14">
      <c r="N237062" s="10"/>
    </row>
    <row r="237063" spans="14:14">
      <c r="N237063" s="10"/>
    </row>
    <row r="237064" spans="14:14">
      <c r="N237064" s="10"/>
    </row>
    <row r="237065" spans="14:14">
      <c r="N237065" s="10"/>
    </row>
    <row r="237066" spans="14:14">
      <c r="N237066" s="10"/>
    </row>
    <row r="237067" spans="14:14">
      <c r="N237067" s="10"/>
    </row>
    <row r="237068" spans="14:14">
      <c r="N237068" s="10"/>
    </row>
    <row r="237069" spans="14:14">
      <c r="N237069" s="10"/>
    </row>
    <row r="237070" spans="14:14">
      <c r="N237070" s="10"/>
    </row>
    <row r="237071" spans="14:14">
      <c r="N237071" s="10"/>
    </row>
    <row r="237072" spans="14:14">
      <c r="N237072" s="10"/>
    </row>
    <row r="237073" spans="14:14">
      <c r="N237073" s="10"/>
    </row>
    <row r="237074" spans="14:14">
      <c r="N237074" s="10"/>
    </row>
    <row r="237075" spans="14:14">
      <c r="N237075" s="10"/>
    </row>
    <row r="237076" spans="14:14">
      <c r="N237076" s="10"/>
    </row>
    <row r="237077" spans="14:14">
      <c r="N237077" s="10"/>
    </row>
    <row r="237078" spans="14:14">
      <c r="N237078" s="10"/>
    </row>
    <row r="237079" spans="14:14">
      <c r="N237079" s="10"/>
    </row>
    <row r="237080" spans="14:14">
      <c r="N237080" s="10"/>
    </row>
    <row r="237081" spans="14:14">
      <c r="N237081" s="10"/>
    </row>
    <row r="237082" spans="14:14">
      <c r="N237082" s="10"/>
    </row>
    <row r="237083" spans="14:14">
      <c r="N237083" s="10"/>
    </row>
    <row r="237084" spans="14:14">
      <c r="N237084" s="10"/>
    </row>
    <row r="237085" spans="14:14">
      <c r="N237085" s="10"/>
    </row>
    <row r="237086" spans="14:14">
      <c r="N237086" s="10"/>
    </row>
    <row r="237087" spans="14:14">
      <c r="N237087" s="10"/>
    </row>
    <row r="237088" spans="14:14">
      <c r="N237088" s="10"/>
    </row>
    <row r="237089" spans="14:14">
      <c r="N237089" s="10"/>
    </row>
    <row r="237090" spans="14:14">
      <c r="N237090" s="10"/>
    </row>
    <row r="237091" spans="14:14">
      <c r="N237091" s="10"/>
    </row>
    <row r="237092" spans="14:14">
      <c r="N237092" s="10"/>
    </row>
    <row r="237093" spans="14:14">
      <c r="N237093" s="10"/>
    </row>
    <row r="237094" spans="14:14">
      <c r="N237094" s="10"/>
    </row>
    <row r="237095" spans="14:14">
      <c r="N237095" s="10"/>
    </row>
    <row r="237096" spans="14:14">
      <c r="N237096" s="10"/>
    </row>
    <row r="237097" spans="14:14">
      <c r="N237097" s="10"/>
    </row>
    <row r="237098" spans="14:14">
      <c r="N237098" s="10"/>
    </row>
    <row r="237099" spans="14:14">
      <c r="N237099" s="10"/>
    </row>
    <row r="237100" spans="14:14">
      <c r="N237100" s="10"/>
    </row>
    <row r="237101" spans="14:14">
      <c r="N237101" s="10"/>
    </row>
    <row r="237102" spans="14:14">
      <c r="N237102" s="10"/>
    </row>
    <row r="237103" spans="14:14">
      <c r="N237103" s="10"/>
    </row>
    <row r="237104" spans="14:14">
      <c r="N237104" s="10"/>
    </row>
    <row r="237105" spans="14:14">
      <c r="N237105" s="10"/>
    </row>
    <row r="237106" spans="14:14">
      <c r="N237106" s="10"/>
    </row>
    <row r="237107" spans="14:14">
      <c r="N237107" s="10"/>
    </row>
    <row r="237108" spans="14:14">
      <c r="N237108" s="10"/>
    </row>
    <row r="237109" spans="14:14">
      <c r="N237109" s="10"/>
    </row>
    <row r="237110" spans="14:14">
      <c r="N237110" s="10"/>
    </row>
    <row r="237111" spans="14:14">
      <c r="N237111" s="10"/>
    </row>
    <row r="237112" spans="14:14">
      <c r="N237112" s="10"/>
    </row>
    <row r="237113" spans="14:14">
      <c r="N237113" s="10"/>
    </row>
    <row r="237114" spans="14:14">
      <c r="N237114" s="10"/>
    </row>
    <row r="237115" spans="14:14">
      <c r="N237115" s="10"/>
    </row>
    <row r="237116" spans="14:14">
      <c r="N237116" s="10"/>
    </row>
    <row r="237117" spans="14:14">
      <c r="N237117" s="10"/>
    </row>
    <row r="237118" spans="14:14">
      <c r="N237118" s="10"/>
    </row>
    <row r="237119" spans="14:14">
      <c r="N237119" s="10"/>
    </row>
    <row r="237120" spans="14:14">
      <c r="N237120" s="10"/>
    </row>
    <row r="237121" spans="14:14">
      <c r="N237121" s="10"/>
    </row>
    <row r="237122" spans="14:14">
      <c r="N237122" s="10"/>
    </row>
    <row r="237123" spans="14:14">
      <c r="N237123" s="10"/>
    </row>
    <row r="237124" spans="14:14">
      <c r="N237124" s="10"/>
    </row>
    <row r="237125" spans="14:14">
      <c r="N237125" s="10"/>
    </row>
    <row r="237126" spans="14:14">
      <c r="N237126" s="10"/>
    </row>
    <row r="237127" spans="14:14">
      <c r="N237127" s="10"/>
    </row>
    <row r="237128" spans="14:14">
      <c r="N237128" s="10"/>
    </row>
    <row r="237129" spans="14:14">
      <c r="N237129" s="10"/>
    </row>
    <row r="237130" spans="14:14">
      <c r="N237130" s="10"/>
    </row>
    <row r="237131" spans="14:14">
      <c r="N237131" s="10"/>
    </row>
    <row r="237132" spans="14:14">
      <c r="N237132" s="10"/>
    </row>
    <row r="237133" spans="14:14">
      <c r="N237133" s="10"/>
    </row>
    <row r="237134" spans="14:14">
      <c r="N237134" s="10"/>
    </row>
    <row r="237135" spans="14:14">
      <c r="N237135" s="10"/>
    </row>
    <row r="237136" spans="14:14">
      <c r="N237136" s="10"/>
    </row>
    <row r="237137" spans="14:14">
      <c r="N237137" s="10"/>
    </row>
    <row r="237138" spans="14:14">
      <c r="N237138" s="10"/>
    </row>
    <row r="237139" spans="14:14">
      <c r="N237139" s="10"/>
    </row>
    <row r="237140" spans="14:14">
      <c r="N237140" s="10"/>
    </row>
    <row r="237141" spans="14:14">
      <c r="N237141" s="10"/>
    </row>
    <row r="237142" spans="14:14">
      <c r="N237142" s="10"/>
    </row>
    <row r="237143" spans="14:14">
      <c r="N237143" s="10"/>
    </row>
    <row r="237144" spans="14:14">
      <c r="N237144" s="10"/>
    </row>
    <row r="237145" spans="14:14">
      <c r="N237145" s="10"/>
    </row>
    <row r="237146" spans="14:14">
      <c r="N237146" s="10"/>
    </row>
    <row r="237147" spans="14:14">
      <c r="N237147" s="10"/>
    </row>
    <row r="237148" spans="14:14">
      <c r="N237148" s="10"/>
    </row>
    <row r="237149" spans="14:14">
      <c r="N237149" s="10"/>
    </row>
    <row r="237150" spans="14:14">
      <c r="N237150" s="10"/>
    </row>
    <row r="237151" spans="14:14">
      <c r="N237151" s="10"/>
    </row>
    <row r="237152" spans="14:14">
      <c r="N237152" s="10"/>
    </row>
    <row r="237153" spans="14:14">
      <c r="N237153" s="10"/>
    </row>
    <row r="237154" spans="14:14">
      <c r="N237154" s="10"/>
    </row>
    <row r="237155" spans="14:14">
      <c r="N237155" s="10"/>
    </row>
    <row r="237156" spans="14:14">
      <c r="N237156" s="10"/>
    </row>
    <row r="237157" spans="14:14">
      <c r="N237157" s="10"/>
    </row>
    <row r="237158" spans="14:14">
      <c r="N237158" s="10"/>
    </row>
    <row r="237159" spans="14:14">
      <c r="N237159" s="10"/>
    </row>
    <row r="237160" spans="14:14">
      <c r="N237160" s="10"/>
    </row>
    <row r="237161" spans="14:14">
      <c r="N237161" s="10"/>
    </row>
    <row r="237162" spans="14:14">
      <c r="N237162" s="10"/>
    </row>
    <row r="237163" spans="14:14">
      <c r="N237163" s="10"/>
    </row>
    <row r="237164" spans="14:14">
      <c r="N237164" s="10"/>
    </row>
    <row r="237165" spans="14:14">
      <c r="N237165" s="10"/>
    </row>
    <row r="237166" spans="14:14">
      <c r="N237166" s="10"/>
    </row>
    <row r="237167" spans="14:14">
      <c r="N237167" s="10"/>
    </row>
    <row r="237168" spans="14:14">
      <c r="N237168" s="10"/>
    </row>
    <row r="237169" spans="14:14">
      <c r="N237169" s="10"/>
    </row>
    <row r="237170" spans="14:14">
      <c r="N237170" s="10"/>
    </row>
    <row r="237171" spans="14:14">
      <c r="N237171" s="10"/>
    </row>
    <row r="237172" spans="14:14">
      <c r="N237172" s="10"/>
    </row>
    <row r="237173" spans="14:14">
      <c r="N237173" s="10"/>
    </row>
    <row r="237174" spans="14:14">
      <c r="N237174" s="10"/>
    </row>
    <row r="237175" spans="14:14">
      <c r="N237175" s="10"/>
    </row>
    <row r="237176" spans="14:14">
      <c r="N237176" s="10"/>
    </row>
    <row r="237177" spans="14:14">
      <c r="N237177" s="10"/>
    </row>
    <row r="237178" spans="14:14">
      <c r="N237178" s="10"/>
    </row>
    <row r="237179" spans="14:14">
      <c r="N237179" s="10"/>
    </row>
    <row r="237180" spans="14:14">
      <c r="N237180" s="10"/>
    </row>
    <row r="237181" spans="14:14">
      <c r="N237181" s="10"/>
    </row>
    <row r="237182" spans="14:14">
      <c r="N237182" s="10"/>
    </row>
    <row r="237183" spans="14:14">
      <c r="N237183" s="10"/>
    </row>
    <row r="237184" spans="14:14">
      <c r="N237184" s="10"/>
    </row>
    <row r="237185" spans="14:14">
      <c r="N237185" s="10"/>
    </row>
    <row r="237186" spans="14:14">
      <c r="N237186" s="10"/>
    </row>
    <row r="237187" spans="14:14">
      <c r="N237187" s="10"/>
    </row>
    <row r="237188" spans="14:14">
      <c r="N237188" s="10"/>
    </row>
    <row r="237189" spans="14:14">
      <c r="N237189" s="10"/>
    </row>
    <row r="237190" spans="14:14">
      <c r="N237190" s="10"/>
    </row>
    <row r="237191" spans="14:14">
      <c r="N237191" s="10"/>
    </row>
    <row r="237192" spans="14:14">
      <c r="N237192" s="10"/>
    </row>
    <row r="237193" spans="14:14">
      <c r="N237193" s="10"/>
    </row>
    <row r="237194" spans="14:14">
      <c r="N237194" s="10"/>
    </row>
    <row r="237195" spans="14:14">
      <c r="N237195" s="10"/>
    </row>
    <row r="237196" spans="14:14">
      <c r="N237196" s="10"/>
    </row>
    <row r="237197" spans="14:14">
      <c r="N237197" s="10"/>
    </row>
    <row r="237198" spans="14:14">
      <c r="N237198" s="10"/>
    </row>
    <row r="237199" spans="14:14">
      <c r="N237199" s="10"/>
    </row>
    <row r="237200" spans="14:14">
      <c r="N237200" s="10"/>
    </row>
    <row r="237201" spans="14:14">
      <c r="N237201" s="10"/>
    </row>
    <row r="237202" spans="14:14">
      <c r="N237202" s="10"/>
    </row>
    <row r="237203" spans="14:14">
      <c r="N237203" s="10"/>
    </row>
    <row r="237204" spans="14:14">
      <c r="N237204" s="10"/>
    </row>
    <row r="237205" spans="14:14">
      <c r="N237205" s="10"/>
    </row>
    <row r="237206" spans="14:14">
      <c r="N237206" s="10"/>
    </row>
    <row r="237207" spans="14:14">
      <c r="N237207" s="10"/>
    </row>
    <row r="237208" spans="14:14">
      <c r="N237208" s="10"/>
    </row>
    <row r="237209" spans="14:14">
      <c r="N237209" s="10"/>
    </row>
    <row r="237210" spans="14:14">
      <c r="N237210" s="10"/>
    </row>
    <row r="237211" spans="14:14">
      <c r="N237211" s="10"/>
    </row>
    <row r="237212" spans="14:14">
      <c r="N237212" s="10"/>
    </row>
    <row r="237213" spans="14:14">
      <c r="N237213" s="10"/>
    </row>
    <row r="237214" spans="14:14">
      <c r="N237214" s="10"/>
    </row>
    <row r="237215" spans="14:14">
      <c r="N237215" s="10"/>
    </row>
    <row r="237216" spans="14:14">
      <c r="N237216" s="10"/>
    </row>
    <row r="237217" spans="14:14">
      <c r="N237217" s="10"/>
    </row>
    <row r="237218" spans="14:14">
      <c r="N237218" s="10"/>
    </row>
    <row r="237219" spans="14:14">
      <c r="N237219" s="10"/>
    </row>
    <row r="237220" spans="14:14">
      <c r="N237220" s="10"/>
    </row>
    <row r="237221" spans="14:14">
      <c r="N237221" s="10"/>
    </row>
    <row r="237222" spans="14:14">
      <c r="N237222" s="10"/>
    </row>
    <row r="237223" spans="14:14">
      <c r="N237223" s="10"/>
    </row>
    <row r="237224" spans="14:14">
      <c r="N237224" s="10"/>
    </row>
    <row r="237225" spans="14:14">
      <c r="N237225" s="10"/>
    </row>
    <row r="237226" spans="14:14">
      <c r="N237226" s="10"/>
    </row>
    <row r="237227" spans="14:14">
      <c r="N237227" s="10"/>
    </row>
    <row r="237228" spans="14:14">
      <c r="N237228" s="10"/>
    </row>
    <row r="237229" spans="14:14">
      <c r="N237229" s="10"/>
    </row>
    <row r="237230" spans="14:14">
      <c r="N237230" s="10"/>
    </row>
    <row r="237231" spans="14:14">
      <c r="N237231" s="10"/>
    </row>
    <row r="237232" spans="14:14">
      <c r="N237232" s="10"/>
    </row>
    <row r="237233" spans="14:14">
      <c r="N237233" s="10"/>
    </row>
    <row r="237234" spans="14:14">
      <c r="N237234" s="10"/>
    </row>
    <row r="237235" spans="14:14">
      <c r="N237235" s="10"/>
    </row>
    <row r="237236" spans="14:14">
      <c r="N237236" s="10"/>
    </row>
    <row r="237237" spans="14:14">
      <c r="N237237" s="10"/>
    </row>
    <row r="237238" spans="14:14">
      <c r="N237238" s="10"/>
    </row>
    <row r="237239" spans="14:14">
      <c r="N237239" s="10"/>
    </row>
    <row r="237240" spans="14:14">
      <c r="N237240" s="10"/>
    </row>
    <row r="237241" spans="14:14">
      <c r="N237241" s="10"/>
    </row>
    <row r="237242" spans="14:14">
      <c r="N237242" s="10"/>
    </row>
    <row r="237243" spans="14:14">
      <c r="N237243" s="10"/>
    </row>
    <row r="237244" spans="14:14">
      <c r="N237244" s="10"/>
    </row>
    <row r="237245" spans="14:14">
      <c r="N237245" s="10"/>
    </row>
    <row r="237246" spans="14:14">
      <c r="N237246" s="10"/>
    </row>
    <row r="237247" spans="14:14">
      <c r="N237247" s="10"/>
    </row>
    <row r="237248" spans="14:14">
      <c r="N237248" s="10"/>
    </row>
    <row r="237249" spans="14:14">
      <c r="N237249" s="10"/>
    </row>
    <row r="237250" spans="14:14">
      <c r="N237250" s="10"/>
    </row>
    <row r="237251" spans="14:14">
      <c r="N237251" s="10"/>
    </row>
    <row r="237252" spans="14:14">
      <c r="N237252" s="10"/>
    </row>
    <row r="237253" spans="14:14">
      <c r="N237253" s="10"/>
    </row>
    <row r="237254" spans="14:14">
      <c r="N237254" s="10"/>
    </row>
    <row r="237255" spans="14:14">
      <c r="N237255" s="10"/>
    </row>
    <row r="237256" spans="14:14">
      <c r="N237256" s="10"/>
    </row>
    <row r="237257" spans="14:14">
      <c r="N237257" s="10"/>
    </row>
    <row r="237258" spans="14:14">
      <c r="N237258" s="10"/>
    </row>
    <row r="237259" spans="14:14">
      <c r="N237259" s="10"/>
    </row>
    <row r="237260" spans="14:14">
      <c r="N237260" s="10"/>
    </row>
    <row r="237261" spans="14:14">
      <c r="N237261" s="10"/>
    </row>
    <row r="237262" spans="14:14">
      <c r="N237262" s="10"/>
    </row>
    <row r="237263" spans="14:14">
      <c r="N237263" s="10"/>
    </row>
    <row r="237264" spans="14:14">
      <c r="N237264" s="10"/>
    </row>
    <row r="237265" spans="14:14">
      <c r="N237265" s="10"/>
    </row>
    <row r="237266" spans="14:14">
      <c r="N237266" s="10"/>
    </row>
    <row r="237267" spans="14:14">
      <c r="N237267" s="10"/>
    </row>
    <row r="237268" spans="14:14">
      <c r="N237268" s="10"/>
    </row>
    <row r="237269" spans="14:14">
      <c r="N237269" s="10"/>
    </row>
    <row r="237270" spans="14:14">
      <c r="N237270" s="10"/>
    </row>
    <row r="237271" spans="14:14">
      <c r="N237271" s="10"/>
    </row>
    <row r="237272" spans="14:14">
      <c r="N237272" s="10"/>
    </row>
    <row r="237273" spans="14:14">
      <c r="N237273" s="10"/>
    </row>
    <row r="237274" spans="14:14">
      <c r="N237274" s="10"/>
    </row>
    <row r="237275" spans="14:14">
      <c r="N237275" s="10"/>
    </row>
    <row r="237276" spans="14:14">
      <c r="N237276" s="10"/>
    </row>
    <row r="237277" spans="14:14">
      <c r="N237277" s="10"/>
    </row>
    <row r="237278" spans="14:14">
      <c r="N237278" s="10"/>
    </row>
    <row r="237279" spans="14:14">
      <c r="N237279" s="10"/>
    </row>
    <row r="237280" spans="14:14">
      <c r="N237280" s="10"/>
    </row>
    <row r="237281" spans="14:14">
      <c r="N237281" s="10"/>
    </row>
    <row r="237282" spans="14:14">
      <c r="N237282" s="10"/>
    </row>
    <row r="237283" spans="14:14">
      <c r="N237283" s="10"/>
    </row>
    <row r="237284" spans="14:14">
      <c r="N237284" s="10"/>
    </row>
    <row r="237285" spans="14:14">
      <c r="N237285" s="10"/>
    </row>
    <row r="237286" spans="14:14">
      <c r="N237286" s="10"/>
    </row>
    <row r="237287" spans="14:14">
      <c r="N237287" s="10"/>
    </row>
    <row r="237288" spans="14:14">
      <c r="N237288" s="10"/>
    </row>
    <row r="237289" spans="14:14">
      <c r="N237289" s="10"/>
    </row>
    <row r="237290" spans="14:14">
      <c r="N237290" s="10"/>
    </row>
    <row r="237291" spans="14:14">
      <c r="N237291" s="10"/>
    </row>
    <row r="237292" spans="14:14">
      <c r="N237292" s="10"/>
    </row>
    <row r="237293" spans="14:14">
      <c r="N237293" s="10"/>
    </row>
    <row r="237294" spans="14:14">
      <c r="N237294" s="10"/>
    </row>
    <row r="237295" spans="14:14">
      <c r="N237295" s="10"/>
    </row>
    <row r="237296" spans="14:14">
      <c r="N237296" s="10"/>
    </row>
    <row r="237297" spans="14:14">
      <c r="N237297" s="10"/>
    </row>
    <row r="237298" spans="14:14">
      <c r="N237298" s="10"/>
    </row>
    <row r="237299" spans="14:14">
      <c r="N237299" s="10"/>
    </row>
    <row r="237300" spans="14:14">
      <c r="N237300" s="10"/>
    </row>
    <row r="237301" spans="14:14">
      <c r="N237301" s="10"/>
    </row>
    <row r="237302" spans="14:14">
      <c r="N237302" s="10"/>
    </row>
    <row r="237303" spans="14:14">
      <c r="N237303" s="10"/>
    </row>
    <row r="237304" spans="14:14">
      <c r="N237304" s="10"/>
    </row>
    <row r="237305" spans="14:14">
      <c r="N237305" s="10"/>
    </row>
    <row r="237306" spans="14:14">
      <c r="N237306" s="10"/>
    </row>
    <row r="237307" spans="14:14">
      <c r="N237307" s="10"/>
    </row>
    <row r="237308" spans="14:14">
      <c r="N237308" s="10"/>
    </row>
    <row r="237309" spans="14:14">
      <c r="N237309" s="10"/>
    </row>
    <row r="237310" spans="14:14">
      <c r="N237310" s="10"/>
    </row>
    <row r="237311" spans="14:14">
      <c r="N237311" s="10"/>
    </row>
    <row r="237312" spans="14:14">
      <c r="N237312" s="10"/>
    </row>
    <row r="237313" spans="14:14">
      <c r="N237313" s="10"/>
    </row>
    <row r="237314" spans="14:14">
      <c r="N237314" s="10"/>
    </row>
    <row r="237315" spans="14:14">
      <c r="N237315" s="10"/>
    </row>
    <row r="237316" spans="14:14">
      <c r="N237316" s="10"/>
    </row>
    <row r="237317" spans="14:14">
      <c r="N237317" s="10"/>
    </row>
    <row r="237318" spans="14:14">
      <c r="N237318" s="10"/>
    </row>
    <row r="237319" spans="14:14">
      <c r="N237319" s="10"/>
    </row>
    <row r="237320" spans="14:14">
      <c r="N237320" s="10"/>
    </row>
    <row r="237321" spans="14:14">
      <c r="N237321" s="10"/>
    </row>
    <row r="237322" spans="14:14">
      <c r="N237322" s="10"/>
    </row>
    <row r="237323" spans="14:14">
      <c r="N237323" s="10"/>
    </row>
    <row r="237324" spans="14:14">
      <c r="N237324" s="10"/>
    </row>
    <row r="237325" spans="14:14">
      <c r="N237325" s="10"/>
    </row>
    <row r="237326" spans="14:14">
      <c r="N237326" s="10"/>
    </row>
    <row r="237327" spans="14:14">
      <c r="N237327" s="10"/>
    </row>
    <row r="237328" spans="14:14">
      <c r="N237328" s="10"/>
    </row>
    <row r="237329" spans="14:14">
      <c r="N237329" s="10"/>
    </row>
    <row r="237330" spans="14:14">
      <c r="N237330" s="10"/>
    </row>
    <row r="237331" spans="14:14">
      <c r="N237331" s="10"/>
    </row>
    <row r="237332" spans="14:14">
      <c r="N237332" s="10"/>
    </row>
    <row r="237333" spans="14:14">
      <c r="N237333" s="10"/>
    </row>
    <row r="237334" spans="14:14">
      <c r="N237334" s="10"/>
    </row>
    <row r="237335" spans="14:14">
      <c r="N237335" s="10"/>
    </row>
    <row r="237336" spans="14:14">
      <c r="N237336" s="10"/>
    </row>
    <row r="237337" spans="14:14">
      <c r="N237337" s="10"/>
    </row>
    <row r="237338" spans="14:14">
      <c r="N237338" s="10"/>
    </row>
    <row r="237339" spans="14:14">
      <c r="N237339" s="10"/>
    </row>
    <row r="237340" spans="14:14">
      <c r="N237340" s="10"/>
    </row>
    <row r="237341" spans="14:14">
      <c r="N237341" s="10"/>
    </row>
    <row r="237342" spans="14:14">
      <c r="N237342" s="10"/>
    </row>
    <row r="237343" spans="14:14">
      <c r="N237343" s="10"/>
    </row>
    <row r="237344" spans="14:14">
      <c r="N237344" s="10"/>
    </row>
    <row r="237345" spans="14:14">
      <c r="N237345" s="10"/>
    </row>
    <row r="237346" spans="14:14">
      <c r="N237346" s="10"/>
    </row>
    <row r="237347" spans="14:14">
      <c r="N237347" s="10"/>
    </row>
    <row r="237348" spans="14:14">
      <c r="N237348" s="10"/>
    </row>
    <row r="237349" spans="14:14">
      <c r="N237349" s="10"/>
    </row>
    <row r="237350" spans="14:14">
      <c r="N237350" s="10"/>
    </row>
    <row r="237351" spans="14:14">
      <c r="N237351" s="10"/>
    </row>
    <row r="237352" spans="14:14">
      <c r="N237352" s="10"/>
    </row>
    <row r="237353" spans="14:14">
      <c r="N237353" s="10"/>
    </row>
    <row r="237354" spans="14:14">
      <c r="N237354" s="10"/>
    </row>
    <row r="237355" spans="14:14">
      <c r="N237355" s="10"/>
    </row>
    <row r="237356" spans="14:14">
      <c r="N237356" s="10"/>
    </row>
    <row r="237357" spans="14:14">
      <c r="N237357" s="10"/>
    </row>
    <row r="237358" spans="14:14">
      <c r="N237358" s="10"/>
    </row>
    <row r="237359" spans="14:14">
      <c r="N237359" s="10"/>
    </row>
    <row r="237360" spans="14:14">
      <c r="N237360" s="10"/>
    </row>
    <row r="237361" spans="14:14">
      <c r="N237361" s="10"/>
    </row>
    <row r="237362" spans="14:14">
      <c r="N237362" s="10"/>
    </row>
    <row r="237363" spans="14:14">
      <c r="N237363" s="10"/>
    </row>
    <row r="237364" spans="14:14">
      <c r="N237364" s="10"/>
    </row>
    <row r="237365" spans="14:14">
      <c r="N237365" s="10"/>
    </row>
    <row r="237366" spans="14:14">
      <c r="N237366" s="10"/>
    </row>
    <row r="237367" spans="14:14">
      <c r="N237367" s="10"/>
    </row>
    <row r="237368" spans="14:14">
      <c r="N237368" s="10"/>
    </row>
    <row r="237369" spans="14:14">
      <c r="N237369" s="10"/>
    </row>
    <row r="237370" spans="14:14">
      <c r="N237370" s="10"/>
    </row>
    <row r="237371" spans="14:14">
      <c r="N237371" s="10"/>
    </row>
    <row r="237372" spans="14:14">
      <c r="N237372" s="10"/>
    </row>
    <row r="237373" spans="14:14">
      <c r="N237373" s="10"/>
    </row>
    <row r="237374" spans="14:14">
      <c r="N237374" s="10"/>
    </row>
    <row r="237375" spans="14:14">
      <c r="N237375" s="10"/>
    </row>
    <row r="237376" spans="14:14">
      <c r="N237376" s="10"/>
    </row>
    <row r="237377" spans="14:14">
      <c r="N237377" s="10"/>
    </row>
    <row r="237378" spans="14:14">
      <c r="N237378" s="10"/>
    </row>
    <row r="237379" spans="14:14">
      <c r="N237379" s="10"/>
    </row>
    <row r="237380" spans="14:14">
      <c r="N237380" s="10"/>
    </row>
    <row r="237381" spans="14:14">
      <c r="N237381" s="10"/>
    </row>
    <row r="237382" spans="14:14">
      <c r="N237382" s="10"/>
    </row>
    <row r="237383" spans="14:14">
      <c r="N237383" s="10"/>
    </row>
    <row r="237384" spans="14:14">
      <c r="N237384" s="10"/>
    </row>
    <row r="237385" spans="14:14">
      <c r="N237385" s="10"/>
    </row>
    <row r="237386" spans="14:14">
      <c r="N237386" s="10"/>
    </row>
    <row r="237387" spans="14:14">
      <c r="N237387" s="10"/>
    </row>
    <row r="237388" spans="14:14">
      <c r="N237388" s="10"/>
    </row>
    <row r="237389" spans="14:14">
      <c r="N237389" s="10"/>
    </row>
    <row r="237390" spans="14:14">
      <c r="N237390" s="10"/>
    </row>
    <row r="237391" spans="14:14">
      <c r="N237391" s="10"/>
    </row>
    <row r="237392" spans="14:14">
      <c r="N237392" s="10"/>
    </row>
    <row r="237393" spans="14:14">
      <c r="N237393" s="10"/>
    </row>
    <row r="237394" spans="14:14">
      <c r="N237394" s="10"/>
    </row>
    <row r="237395" spans="14:14">
      <c r="N237395" s="10"/>
    </row>
    <row r="237396" spans="14:14">
      <c r="N237396" s="10"/>
    </row>
    <row r="237397" spans="14:14">
      <c r="N237397" s="10"/>
    </row>
    <row r="237398" spans="14:14">
      <c r="N237398" s="10"/>
    </row>
    <row r="237399" spans="14:14">
      <c r="N237399" s="10"/>
    </row>
    <row r="237400" spans="14:14">
      <c r="N237400" s="10"/>
    </row>
    <row r="237401" spans="14:14">
      <c r="N237401" s="10"/>
    </row>
    <row r="237402" spans="14:14">
      <c r="N237402" s="10"/>
    </row>
    <row r="237403" spans="14:14">
      <c r="N237403" s="10"/>
    </row>
    <row r="237404" spans="14:14">
      <c r="N237404" s="10"/>
    </row>
    <row r="237405" spans="14:14">
      <c r="N237405" s="10"/>
    </row>
    <row r="237406" spans="14:14">
      <c r="N237406" s="10"/>
    </row>
    <row r="237407" spans="14:14">
      <c r="N237407" s="10"/>
    </row>
    <row r="237408" spans="14:14">
      <c r="N237408" s="10"/>
    </row>
    <row r="237409" spans="14:14">
      <c r="N237409" s="10"/>
    </row>
    <row r="237410" spans="14:14">
      <c r="N237410" s="10"/>
    </row>
    <row r="237411" spans="14:14">
      <c r="N237411" s="10"/>
    </row>
    <row r="237412" spans="14:14">
      <c r="N237412" s="10"/>
    </row>
    <row r="237413" spans="14:14">
      <c r="N237413" s="10"/>
    </row>
    <row r="237414" spans="14:14">
      <c r="N237414" s="10"/>
    </row>
    <row r="237415" spans="14:14">
      <c r="N237415" s="10"/>
    </row>
    <row r="237416" spans="14:14">
      <c r="N237416" s="10"/>
    </row>
    <row r="237417" spans="14:14">
      <c r="N237417" s="10"/>
    </row>
    <row r="237418" spans="14:14">
      <c r="N237418" s="10"/>
    </row>
    <row r="237419" spans="14:14">
      <c r="N237419" s="10"/>
    </row>
    <row r="237420" spans="14:14">
      <c r="N237420" s="10"/>
    </row>
    <row r="237421" spans="14:14">
      <c r="N237421" s="10"/>
    </row>
    <row r="237422" spans="14:14">
      <c r="N237422" s="10"/>
    </row>
    <row r="237423" spans="14:14">
      <c r="N237423" s="10"/>
    </row>
    <row r="237424" spans="14:14">
      <c r="N237424" s="10"/>
    </row>
    <row r="237425" spans="14:14">
      <c r="N237425" s="10"/>
    </row>
    <row r="237426" spans="14:14">
      <c r="N237426" s="10"/>
    </row>
    <row r="237427" spans="14:14">
      <c r="N237427" s="10"/>
    </row>
    <row r="237428" spans="14:14">
      <c r="N237428" s="10"/>
    </row>
    <row r="237429" spans="14:14">
      <c r="N237429" s="10"/>
    </row>
    <row r="237430" spans="14:14">
      <c r="N237430" s="10"/>
    </row>
    <row r="237431" spans="14:14">
      <c r="N237431" s="10"/>
    </row>
    <row r="237432" spans="14:14">
      <c r="N237432" s="10"/>
    </row>
    <row r="237433" spans="14:14">
      <c r="N237433" s="10"/>
    </row>
    <row r="237434" spans="14:14">
      <c r="N237434" s="10"/>
    </row>
    <row r="237435" spans="14:14">
      <c r="N237435" s="10"/>
    </row>
    <row r="237436" spans="14:14">
      <c r="N237436" s="10"/>
    </row>
    <row r="237437" spans="14:14">
      <c r="N237437" s="10"/>
    </row>
    <row r="237438" spans="14:14">
      <c r="N237438" s="10"/>
    </row>
    <row r="237439" spans="14:14">
      <c r="N237439" s="10"/>
    </row>
    <row r="237440" spans="14:14">
      <c r="N237440" s="10"/>
    </row>
    <row r="237441" spans="14:14">
      <c r="N237441" s="10"/>
    </row>
    <row r="237442" spans="14:14">
      <c r="N237442" s="10"/>
    </row>
    <row r="237443" spans="14:14">
      <c r="N237443" s="10"/>
    </row>
    <row r="237444" spans="14:14">
      <c r="N237444" s="10"/>
    </row>
    <row r="237445" spans="14:14">
      <c r="N237445" s="10"/>
    </row>
    <row r="237446" spans="14:14">
      <c r="N237446" s="10"/>
    </row>
    <row r="237447" spans="14:14">
      <c r="N237447" s="10"/>
    </row>
    <row r="237448" spans="14:14">
      <c r="N237448" s="10"/>
    </row>
    <row r="237449" spans="14:14">
      <c r="N237449" s="10"/>
    </row>
    <row r="237450" spans="14:14">
      <c r="N237450" s="10"/>
    </row>
    <row r="237451" spans="14:14">
      <c r="N237451" s="10"/>
    </row>
    <row r="237452" spans="14:14">
      <c r="N237452" s="10"/>
    </row>
    <row r="237453" spans="14:14">
      <c r="N237453" s="10"/>
    </row>
    <row r="237454" spans="14:14">
      <c r="N237454" s="10"/>
    </row>
    <row r="237455" spans="14:14">
      <c r="N237455" s="10"/>
    </row>
    <row r="237456" spans="14:14">
      <c r="N237456" s="10"/>
    </row>
    <row r="237457" spans="14:14">
      <c r="N237457" s="10"/>
    </row>
    <row r="237458" spans="14:14">
      <c r="N237458" s="10"/>
    </row>
    <row r="237459" spans="14:14">
      <c r="N237459" s="10"/>
    </row>
    <row r="237460" spans="14:14">
      <c r="N237460" s="10"/>
    </row>
    <row r="237461" spans="14:14">
      <c r="N237461" s="10"/>
    </row>
    <row r="237462" spans="14:14">
      <c r="N237462" s="10"/>
    </row>
    <row r="237463" spans="14:14">
      <c r="N237463" s="10"/>
    </row>
    <row r="237464" spans="14:14">
      <c r="N237464" s="10"/>
    </row>
    <row r="237465" spans="14:14">
      <c r="N237465" s="10"/>
    </row>
    <row r="237466" spans="14:14">
      <c r="N237466" s="10"/>
    </row>
    <row r="237467" spans="14:14">
      <c r="N237467" s="10"/>
    </row>
    <row r="237468" spans="14:14">
      <c r="N237468" s="10"/>
    </row>
    <row r="237469" spans="14:14">
      <c r="N237469" s="10"/>
    </row>
    <row r="237470" spans="14:14">
      <c r="N237470" s="10"/>
    </row>
    <row r="237471" spans="14:14">
      <c r="N237471" s="10"/>
    </row>
    <row r="237472" spans="14:14">
      <c r="N237472" s="10"/>
    </row>
    <row r="237473" spans="14:14">
      <c r="N237473" s="10"/>
    </row>
    <row r="237474" spans="14:14">
      <c r="N237474" s="10"/>
    </row>
    <row r="237475" spans="14:14">
      <c r="N237475" s="10"/>
    </row>
    <row r="237476" spans="14:14">
      <c r="N237476" s="10"/>
    </row>
    <row r="237477" spans="14:14">
      <c r="N237477" s="10"/>
    </row>
    <row r="237478" spans="14:14">
      <c r="N237478" s="10"/>
    </row>
    <row r="237479" spans="14:14">
      <c r="N237479" s="10"/>
    </row>
    <row r="237480" spans="14:14">
      <c r="N237480" s="10"/>
    </row>
    <row r="237481" spans="14:14">
      <c r="N237481" s="10"/>
    </row>
    <row r="237482" spans="14:14">
      <c r="N237482" s="10"/>
    </row>
    <row r="237483" spans="14:14">
      <c r="N237483" s="10"/>
    </row>
    <row r="237484" spans="14:14">
      <c r="N237484" s="10"/>
    </row>
    <row r="237485" spans="14:14">
      <c r="N237485" s="10"/>
    </row>
    <row r="237486" spans="14:14">
      <c r="N237486" s="10"/>
    </row>
    <row r="237487" spans="14:14">
      <c r="N237487" s="10"/>
    </row>
    <row r="237488" spans="14:14">
      <c r="N237488" s="10"/>
    </row>
    <row r="237489" spans="14:14">
      <c r="N237489" s="10"/>
    </row>
    <row r="237490" spans="14:14">
      <c r="N237490" s="10"/>
    </row>
    <row r="237491" spans="14:14">
      <c r="N237491" s="10"/>
    </row>
    <row r="237492" spans="14:14">
      <c r="N237492" s="10"/>
    </row>
    <row r="237493" spans="14:14">
      <c r="N237493" s="10"/>
    </row>
    <row r="237494" spans="14:14">
      <c r="N237494" s="10"/>
    </row>
    <row r="237495" spans="14:14">
      <c r="N237495" s="10"/>
    </row>
    <row r="237496" spans="14:14">
      <c r="N237496" s="10"/>
    </row>
    <row r="237497" spans="14:14">
      <c r="N237497" s="10"/>
    </row>
    <row r="237498" spans="14:14">
      <c r="N237498" s="10"/>
    </row>
    <row r="237499" spans="14:14">
      <c r="N237499" s="10"/>
    </row>
    <row r="237500" spans="14:14">
      <c r="N237500" s="10"/>
    </row>
    <row r="237501" spans="14:14">
      <c r="N237501" s="10"/>
    </row>
    <row r="237502" spans="14:14">
      <c r="N237502" s="10"/>
    </row>
    <row r="237503" spans="14:14">
      <c r="N237503" s="10"/>
    </row>
    <row r="237504" spans="14:14">
      <c r="N237504" s="10"/>
    </row>
    <row r="237505" spans="14:14">
      <c r="N237505" s="10"/>
    </row>
    <row r="237506" spans="14:14">
      <c r="N237506" s="10"/>
    </row>
    <row r="237507" spans="14:14">
      <c r="N237507" s="10"/>
    </row>
    <row r="237508" spans="14:14">
      <c r="N237508" s="10"/>
    </row>
    <row r="237509" spans="14:14">
      <c r="N237509" s="10"/>
    </row>
    <row r="237510" spans="14:14">
      <c r="N237510" s="10"/>
    </row>
    <row r="237511" spans="14:14">
      <c r="N237511" s="10"/>
    </row>
    <row r="237512" spans="14:14">
      <c r="N237512" s="10"/>
    </row>
    <row r="237513" spans="14:14">
      <c r="N237513" s="10"/>
    </row>
    <row r="237514" spans="14:14">
      <c r="N237514" s="10"/>
    </row>
    <row r="237515" spans="14:14">
      <c r="N237515" s="10"/>
    </row>
    <row r="237516" spans="14:14">
      <c r="N237516" s="10"/>
    </row>
    <row r="237517" spans="14:14">
      <c r="N237517" s="10"/>
    </row>
    <row r="237518" spans="14:14">
      <c r="N237518" s="10"/>
    </row>
    <row r="237519" spans="14:14">
      <c r="N237519" s="10"/>
    </row>
    <row r="237520" spans="14:14">
      <c r="N237520" s="10"/>
    </row>
    <row r="237521" spans="14:14">
      <c r="N237521" s="10"/>
    </row>
    <row r="237522" spans="14:14">
      <c r="N237522" s="10"/>
    </row>
    <row r="237523" spans="14:14">
      <c r="N237523" s="10"/>
    </row>
    <row r="237524" spans="14:14">
      <c r="N237524" s="10"/>
    </row>
    <row r="237525" spans="14:14">
      <c r="N237525" s="10"/>
    </row>
    <row r="237526" spans="14:14">
      <c r="N237526" s="10"/>
    </row>
    <row r="237527" spans="14:14">
      <c r="N237527" s="10"/>
    </row>
    <row r="237528" spans="14:14">
      <c r="N237528" s="10"/>
    </row>
    <row r="237529" spans="14:14">
      <c r="N237529" s="10"/>
    </row>
    <row r="237530" spans="14:14">
      <c r="N237530" s="10"/>
    </row>
    <row r="237531" spans="14:14">
      <c r="N237531" s="10"/>
    </row>
    <row r="237532" spans="14:14">
      <c r="N237532" s="10"/>
    </row>
    <row r="237533" spans="14:14">
      <c r="N237533" s="10"/>
    </row>
    <row r="237534" spans="14:14">
      <c r="N237534" s="10"/>
    </row>
    <row r="237535" spans="14:14">
      <c r="N237535" s="10"/>
    </row>
    <row r="237536" spans="14:14">
      <c r="N237536" s="10"/>
    </row>
    <row r="237537" spans="14:14">
      <c r="N237537" s="10"/>
    </row>
    <row r="237538" spans="14:14">
      <c r="N237538" s="10"/>
    </row>
    <row r="237539" spans="14:14">
      <c r="N237539" s="10"/>
    </row>
    <row r="237540" spans="14:14">
      <c r="N237540" s="10"/>
    </row>
    <row r="237541" spans="14:14">
      <c r="N237541" s="10"/>
    </row>
    <row r="237542" spans="14:14">
      <c r="N237542" s="10"/>
    </row>
    <row r="237543" spans="14:14">
      <c r="N237543" s="10"/>
    </row>
    <row r="237544" spans="14:14">
      <c r="N237544" s="10"/>
    </row>
    <row r="237545" spans="14:14">
      <c r="N237545" s="10"/>
    </row>
    <row r="237546" spans="14:14">
      <c r="N237546" s="10"/>
    </row>
    <row r="237547" spans="14:14">
      <c r="N237547" s="10"/>
    </row>
    <row r="237548" spans="14:14">
      <c r="N237548" s="10"/>
    </row>
    <row r="237549" spans="14:14">
      <c r="N237549" s="10"/>
    </row>
    <row r="237550" spans="14:14">
      <c r="N237550" s="10"/>
    </row>
    <row r="237551" spans="14:14">
      <c r="N237551" s="10"/>
    </row>
    <row r="237552" spans="14:14">
      <c r="N237552" s="10"/>
    </row>
    <row r="237553" spans="14:14">
      <c r="N237553" s="10"/>
    </row>
    <row r="237554" spans="14:14">
      <c r="N237554" s="10"/>
    </row>
    <row r="237555" spans="14:14">
      <c r="N237555" s="10"/>
    </row>
    <row r="237556" spans="14:14">
      <c r="N237556" s="10"/>
    </row>
    <row r="237557" spans="14:14">
      <c r="N237557" s="10"/>
    </row>
    <row r="237558" spans="14:14">
      <c r="N237558" s="10"/>
    </row>
    <row r="237559" spans="14:14">
      <c r="N237559" s="10"/>
    </row>
    <row r="237560" spans="14:14">
      <c r="N237560" s="10"/>
    </row>
    <row r="237561" spans="14:14">
      <c r="N237561" s="10"/>
    </row>
    <row r="237562" spans="14:14">
      <c r="N237562" s="10"/>
    </row>
    <row r="237563" spans="14:14">
      <c r="N237563" s="10"/>
    </row>
    <row r="237564" spans="14:14">
      <c r="N237564" s="10"/>
    </row>
    <row r="237565" spans="14:14">
      <c r="N237565" s="10"/>
    </row>
    <row r="237566" spans="14:14">
      <c r="N237566" s="10"/>
    </row>
    <row r="237567" spans="14:14">
      <c r="N237567" s="10"/>
    </row>
    <row r="237568" spans="14:14">
      <c r="N237568" s="10"/>
    </row>
    <row r="237569" spans="14:14">
      <c r="N237569" s="10"/>
    </row>
    <row r="237570" spans="14:14">
      <c r="N237570" s="10"/>
    </row>
    <row r="237571" spans="14:14">
      <c r="N237571" s="10"/>
    </row>
    <row r="237572" spans="14:14">
      <c r="N237572" s="10"/>
    </row>
    <row r="237573" spans="14:14">
      <c r="N237573" s="10"/>
    </row>
    <row r="237574" spans="14:14">
      <c r="N237574" s="10"/>
    </row>
    <row r="237575" spans="14:14">
      <c r="N237575" s="10"/>
    </row>
    <row r="237576" spans="14:14">
      <c r="N237576" s="10"/>
    </row>
    <row r="237577" spans="14:14">
      <c r="N237577" s="10"/>
    </row>
    <row r="237578" spans="14:14">
      <c r="N237578" s="10"/>
    </row>
    <row r="237579" spans="14:14">
      <c r="N237579" s="10"/>
    </row>
    <row r="237580" spans="14:14">
      <c r="N237580" s="10"/>
    </row>
    <row r="237581" spans="14:14">
      <c r="N237581" s="10"/>
    </row>
    <row r="237582" spans="14:14">
      <c r="N237582" s="10"/>
    </row>
    <row r="237583" spans="14:14">
      <c r="N237583" s="10"/>
    </row>
    <row r="237584" spans="14:14">
      <c r="N237584" s="10"/>
    </row>
    <row r="237585" spans="14:14">
      <c r="N237585" s="10"/>
    </row>
    <row r="237586" spans="14:14">
      <c r="N237586" s="10"/>
    </row>
    <row r="237587" spans="14:14">
      <c r="N237587" s="10"/>
    </row>
    <row r="237588" spans="14:14">
      <c r="N237588" s="10"/>
    </row>
    <row r="237589" spans="14:14">
      <c r="N237589" s="10"/>
    </row>
    <row r="237590" spans="14:14">
      <c r="N237590" s="10"/>
    </row>
    <row r="237591" spans="14:14">
      <c r="N237591" s="10"/>
    </row>
    <row r="237592" spans="14:14">
      <c r="N237592" s="10"/>
    </row>
    <row r="237593" spans="14:14">
      <c r="N237593" s="10"/>
    </row>
    <row r="237594" spans="14:14">
      <c r="N237594" s="10"/>
    </row>
    <row r="237595" spans="14:14">
      <c r="N237595" s="10"/>
    </row>
    <row r="237596" spans="14:14">
      <c r="N237596" s="10"/>
    </row>
    <row r="237597" spans="14:14">
      <c r="N237597" s="10"/>
    </row>
    <row r="237598" spans="14:14">
      <c r="N237598" s="10"/>
    </row>
    <row r="237599" spans="14:14">
      <c r="N237599" s="10"/>
    </row>
    <row r="237600" spans="14:14">
      <c r="N237600" s="10"/>
    </row>
    <row r="237601" spans="14:14">
      <c r="N237601" s="10"/>
    </row>
    <row r="237602" spans="14:14">
      <c r="N237602" s="10"/>
    </row>
    <row r="237603" spans="14:14">
      <c r="N237603" s="10"/>
    </row>
    <row r="237604" spans="14:14">
      <c r="N237604" s="10"/>
    </row>
    <row r="237605" spans="14:14">
      <c r="N237605" s="10"/>
    </row>
    <row r="237606" spans="14:14">
      <c r="N237606" s="10"/>
    </row>
    <row r="237607" spans="14:14">
      <c r="N237607" s="10"/>
    </row>
    <row r="237608" spans="14:14">
      <c r="N237608" s="10"/>
    </row>
    <row r="237609" spans="14:14">
      <c r="N237609" s="10"/>
    </row>
    <row r="237610" spans="14:14">
      <c r="N237610" s="10"/>
    </row>
    <row r="237611" spans="14:14">
      <c r="N237611" s="10"/>
    </row>
    <row r="237612" spans="14:14">
      <c r="N237612" s="10"/>
    </row>
    <row r="237613" spans="14:14">
      <c r="N237613" s="10"/>
    </row>
    <row r="237614" spans="14:14">
      <c r="N237614" s="10"/>
    </row>
    <row r="237615" spans="14:14">
      <c r="N237615" s="10"/>
    </row>
    <row r="237616" spans="14:14">
      <c r="N237616" s="10"/>
    </row>
    <row r="237617" spans="14:14">
      <c r="N237617" s="10"/>
    </row>
    <row r="237618" spans="14:14">
      <c r="N237618" s="10"/>
    </row>
    <row r="237619" spans="14:14">
      <c r="N237619" s="10"/>
    </row>
    <row r="237620" spans="14:14">
      <c r="N237620" s="10"/>
    </row>
    <row r="237621" spans="14:14">
      <c r="N237621" s="10"/>
    </row>
    <row r="237622" spans="14:14">
      <c r="N237622" s="10"/>
    </row>
    <row r="237623" spans="14:14">
      <c r="N237623" s="10"/>
    </row>
    <row r="237624" spans="14:14">
      <c r="N237624" s="10"/>
    </row>
    <row r="237625" spans="14:14">
      <c r="N237625" s="10"/>
    </row>
    <row r="237626" spans="14:14">
      <c r="N237626" s="10"/>
    </row>
    <row r="237627" spans="14:14">
      <c r="N237627" s="10"/>
    </row>
    <row r="237628" spans="14:14">
      <c r="N237628" s="10"/>
    </row>
    <row r="237629" spans="14:14">
      <c r="N237629" s="10"/>
    </row>
    <row r="237630" spans="14:14">
      <c r="N237630" s="10"/>
    </row>
    <row r="237631" spans="14:14">
      <c r="N237631" s="10"/>
    </row>
    <row r="237632" spans="14:14">
      <c r="N237632" s="10"/>
    </row>
    <row r="237633" spans="14:14">
      <c r="N237633" s="10"/>
    </row>
    <row r="237634" spans="14:14">
      <c r="N237634" s="10"/>
    </row>
    <row r="237635" spans="14:14">
      <c r="N237635" s="10"/>
    </row>
    <row r="237636" spans="14:14">
      <c r="N237636" s="10"/>
    </row>
    <row r="237637" spans="14:14">
      <c r="N237637" s="10"/>
    </row>
    <row r="237638" spans="14:14">
      <c r="N237638" s="10"/>
    </row>
    <row r="237639" spans="14:14">
      <c r="N237639" s="10"/>
    </row>
    <row r="237640" spans="14:14">
      <c r="N237640" s="10"/>
    </row>
    <row r="237641" spans="14:14">
      <c r="N237641" s="10"/>
    </row>
    <row r="237642" spans="14:14">
      <c r="N237642" s="10"/>
    </row>
    <row r="237643" spans="14:14">
      <c r="N237643" s="10"/>
    </row>
    <row r="237644" spans="14:14">
      <c r="N237644" s="10"/>
    </row>
    <row r="237645" spans="14:14">
      <c r="N237645" s="10"/>
    </row>
    <row r="237646" spans="14:14">
      <c r="N237646" s="10"/>
    </row>
    <row r="237647" spans="14:14">
      <c r="N237647" s="10"/>
    </row>
    <row r="237648" spans="14:14">
      <c r="N237648" s="10"/>
    </row>
    <row r="237649" spans="14:14">
      <c r="N237649" s="10"/>
    </row>
    <row r="237650" spans="14:14">
      <c r="N237650" s="10"/>
    </row>
    <row r="237651" spans="14:14">
      <c r="N237651" s="10"/>
    </row>
    <row r="237652" spans="14:14">
      <c r="N237652" s="10"/>
    </row>
    <row r="237653" spans="14:14">
      <c r="N237653" s="10"/>
    </row>
    <row r="237654" spans="14:14">
      <c r="N237654" s="10"/>
    </row>
    <row r="237655" spans="14:14">
      <c r="N237655" s="10"/>
    </row>
    <row r="237656" spans="14:14">
      <c r="N237656" s="10"/>
    </row>
    <row r="237657" spans="14:14">
      <c r="N237657" s="10"/>
    </row>
    <row r="237658" spans="14:14">
      <c r="N237658" s="10"/>
    </row>
    <row r="237659" spans="14:14">
      <c r="N237659" s="10"/>
    </row>
    <row r="237660" spans="14:14">
      <c r="N237660" s="10"/>
    </row>
    <row r="237661" spans="14:14">
      <c r="N237661" s="10"/>
    </row>
    <row r="237662" spans="14:14">
      <c r="N237662" s="10"/>
    </row>
    <row r="237663" spans="14:14">
      <c r="N237663" s="10"/>
    </row>
    <row r="237664" spans="14:14">
      <c r="N237664" s="10"/>
    </row>
    <row r="237665" spans="14:14">
      <c r="N237665" s="10"/>
    </row>
    <row r="237666" spans="14:14">
      <c r="N237666" s="10"/>
    </row>
    <row r="237667" spans="14:14">
      <c r="N237667" s="10"/>
    </row>
    <row r="237668" spans="14:14">
      <c r="N237668" s="10"/>
    </row>
    <row r="237669" spans="14:14">
      <c r="N237669" s="10"/>
    </row>
    <row r="237670" spans="14:14">
      <c r="N237670" s="10"/>
    </row>
    <row r="237671" spans="14:14">
      <c r="N237671" s="10"/>
    </row>
    <row r="237672" spans="14:14">
      <c r="N237672" s="10"/>
    </row>
    <row r="237673" spans="14:14">
      <c r="N237673" s="10"/>
    </row>
    <row r="237674" spans="14:14">
      <c r="N237674" s="10"/>
    </row>
    <row r="237675" spans="14:14">
      <c r="N237675" s="10"/>
    </row>
    <row r="237676" spans="14:14">
      <c r="N237676" s="10"/>
    </row>
    <row r="237677" spans="14:14">
      <c r="N237677" s="10"/>
    </row>
    <row r="237678" spans="14:14">
      <c r="N237678" s="10"/>
    </row>
    <row r="237679" spans="14:14">
      <c r="N237679" s="10"/>
    </row>
    <row r="237680" spans="14:14">
      <c r="N237680" s="10"/>
    </row>
    <row r="237681" spans="14:14">
      <c r="N237681" s="10"/>
    </row>
    <row r="237682" spans="14:14">
      <c r="N237682" s="10"/>
    </row>
    <row r="237683" spans="14:14">
      <c r="N237683" s="10"/>
    </row>
    <row r="237684" spans="14:14">
      <c r="N237684" s="10"/>
    </row>
    <row r="237685" spans="14:14">
      <c r="N237685" s="10"/>
    </row>
    <row r="237686" spans="14:14">
      <c r="N237686" s="10"/>
    </row>
    <row r="237687" spans="14:14">
      <c r="N237687" s="10"/>
    </row>
    <row r="237688" spans="14:14">
      <c r="N237688" s="10"/>
    </row>
    <row r="237689" spans="14:14">
      <c r="N237689" s="10"/>
    </row>
    <row r="237690" spans="14:14">
      <c r="N237690" s="10"/>
    </row>
    <row r="237691" spans="14:14">
      <c r="N237691" s="10"/>
    </row>
    <row r="237692" spans="14:14">
      <c r="N237692" s="10"/>
    </row>
    <row r="237693" spans="14:14">
      <c r="N237693" s="10"/>
    </row>
    <row r="237694" spans="14:14">
      <c r="N237694" s="10"/>
    </row>
    <row r="237695" spans="14:14">
      <c r="N237695" s="10"/>
    </row>
    <row r="237696" spans="14:14">
      <c r="N237696" s="10"/>
    </row>
    <row r="237697" spans="14:14">
      <c r="N237697" s="10"/>
    </row>
    <row r="237698" spans="14:14">
      <c r="N237698" s="10"/>
    </row>
    <row r="237699" spans="14:14">
      <c r="N237699" s="10"/>
    </row>
    <row r="237700" spans="14:14">
      <c r="N237700" s="10"/>
    </row>
    <row r="237701" spans="14:14">
      <c r="N237701" s="10"/>
    </row>
    <row r="237702" spans="14:14">
      <c r="N237702" s="10"/>
    </row>
    <row r="237703" spans="14:14">
      <c r="N237703" s="10"/>
    </row>
    <row r="237704" spans="14:14">
      <c r="N237704" s="10"/>
    </row>
    <row r="237705" spans="14:14">
      <c r="N237705" s="10"/>
    </row>
    <row r="237706" spans="14:14">
      <c r="N237706" s="10"/>
    </row>
    <row r="237707" spans="14:14">
      <c r="N237707" s="10"/>
    </row>
    <row r="237708" spans="14:14">
      <c r="N237708" s="10"/>
    </row>
    <row r="237709" spans="14:14">
      <c r="N237709" s="10"/>
    </row>
    <row r="237710" spans="14:14">
      <c r="N237710" s="10"/>
    </row>
    <row r="237711" spans="14:14">
      <c r="N237711" s="10"/>
    </row>
    <row r="237712" spans="14:14">
      <c r="N237712" s="10"/>
    </row>
    <row r="237713" spans="14:14">
      <c r="N237713" s="10"/>
    </row>
    <row r="237714" spans="14:14">
      <c r="N237714" s="10"/>
    </row>
    <row r="237715" spans="14:14">
      <c r="N237715" s="10"/>
    </row>
    <row r="237716" spans="14:14">
      <c r="N237716" s="10"/>
    </row>
    <row r="237717" spans="14:14">
      <c r="N237717" s="10"/>
    </row>
    <row r="237718" spans="14:14">
      <c r="N237718" s="10"/>
    </row>
    <row r="237719" spans="14:14">
      <c r="N237719" s="10"/>
    </row>
    <row r="237720" spans="14:14">
      <c r="N237720" s="10"/>
    </row>
    <row r="237721" spans="14:14">
      <c r="N237721" s="10"/>
    </row>
    <row r="237722" spans="14:14">
      <c r="N237722" s="10"/>
    </row>
    <row r="237723" spans="14:14">
      <c r="N237723" s="10"/>
    </row>
    <row r="237724" spans="14:14">
      <c r="N237724" s="10"/>
    </row>
    <row r="237725" spans="14:14">
      <c r="N237725" s="10"/>
    </row>
    <row r="237726" spans="14:14">
      <c r="N237726" s="10"/>
    </row>
    <row r="237727" spans="14:14">
      <c r="N237727" s="10"/>
    </row>
    <row r="237728" spans="14:14">
      <c r="N237728" s="10"/>
    </row>
    <row r="237729" spans="14:14">
      <c r="N237729" s="10"/>
    </row>
    <row r="237730" spans="14:14">
      <c r="N237730" s="10"/>
    </row>
    <row r="237731" spans="14:14">
      <c r="N237731" s="10"/>
    </row>
    <row r="237732" spans="14:14">
      <c r="N237732" s="10"/>
    </row>
    <row r="237733" spans="14:14">
      <c r="N237733" s="10"/>
    </row>
    <row r="237734" spans="14:14">
      <c r="N237734" s="10"/>
    </row>
    <row r="237735" spans="14:14">
      <c r="N237735" s="10"/>
    </row>
    <row r="237736" spans="14:14">
      <c r="N237736" s="10"/>
    </row>
    <row r="237737" spans="14:14">
      <c r="N237737" s="10"/>
    </row>
    <row r="237738" spans="14:14">
      <c r="N237738" s="10"/>
    </row>
    <row r="237739" spans="14:14">
      <c r="N237739" s="10"/>
    </row>
    <row r="237740" spans="14:14">
      <c r="N237740" s="10"/>
    </row>
    <row r="237741" spans="14:14">
      <c r="N237741" s="10"/>
    </row>
    <row r="237742" spans="14:14">
      <c r="N237742" s="10"/>
    </row>
    <row r="237743" spans="14:14">
      <c r="N237743" s="10"/>
    </row>
    <row r="237744" spans="14:14">
      <c r="N237744" s="10"/>
    </row>
    <row r="237745" spans="14:14">
      <c r="N237745" s="10"/>
    </row>
    <row r="237746" spans="14:14">
      <c r="N237746" s="10"/>
    </row>
    <row r="237747" spans="14:14">
      <c r="N237747" s="10"/>
    </row>
    <row r="237748" spans="14:14">
      <c r="N237748" s="10"/>
    </row>
    <row r="237749" spans="14:14">
      <c r="N237749" s="10"/>
    </row>
    <row r="237750" spans="14:14">
      <c r="N237750" s="10"/>
    </row>
    <row r="237751" spans="14:14">
      <c r="N237751" s="10"/>
    </row>
    <row r="237752" spans="14:14">
      <c r="N237752" s="10"/>
    </row>
    <row r="237753" spans="14:14">
      <c r="N237753" s="10"/>
    </row>
    <row r="237754" spans="14:14">
      <c r="N237754" s="10"/>
    </row>
    <row r="237755" spans="14:14">
      <c r="N237755" s="10"/>
    </row>
    <row r="237756" spans="14:14">
      <c r="N237756" s="10"/>
    </row>
    <row r="237757" spans="14:14">
      <c r="N237757" s="10"/>
    </row>
    <row r="237758" spans="14:14">
      <c r="N237758" s="10"/>
    </row>
    <row r="237759" spans="14:14">
      <c r="N237759" s="10"/>
    </row>
    <row r="237760" spans="14:14">
      <c r="N237760" s="10"/>
    </row>
    <row r="237761" spans="14:14">
      <c r="N237761" s="10"/>
    </row>
    <row r="237762" spans="14:14">
      <c r="N237762" s="10"/>
    </row>
    <row r="237763" spans="14:14">
      <c r="N237763" s="10"/>
    </row>
    <row r="237764" spans="14:14">
      <c r="N237764" s="10"/>
    </row>
    <row r="237765" spans="14:14">
      <c r="N237765" s="10"/>
    </row>
    <row r="237766" spans="14:14">
      <c r="N237766" s="10"/>
    </row>
    <row r="237767" spans="14:14">
      <c r="N237767" s="10"/>
    </row>
    <row r="237768" spans="14:14">
      <c r="N237768" s="10"/>
    </row>
    <row r="237769" spans="14:14">
      <c r="N237769" s="10"/>
    </row>
    <row r="237770" spans="14:14">
      <c r="N237770" s="10"/>
    </row>
    <row r="237771" spans="14:14">
      <c r="N237771" s="10"/>
    </row>
    <row r="237772" spans="14:14">
      <c r="N237772" s="10"/>
    </row>
    <row r="237773" spans="14:14">
      <c r="N237773" s="10"/>
    </row>
    <row r="237774" spans="14:14">
      <c r="N237774" s="10"/>
    </row>
    <row r="237775" spans="14:14">
      <c r="N237775" s="10"/>
    </row>
    <row r="237776" spans="14:14">
      <c r="N237776" s="10"/>
    </row>
    <row r="237777" spans="14:14">
      <c r="N237777" s="10"/>
    </row>
    <row r="237778" spans="14:14">
      <c r="N237778" s="10"/>
    </row>
    <row r="237779" spans="14:14">
      <c r="N237779" s="10"/>
    </row>
    <row r="237780" spans="14:14">
      <c r="N237780" s="10"/>
    </row>
    <row r="237781" spans="14:14">
      <c r="N237781" s="10"/>
    </row>
    <row r="237782" spans="14:14">
      <c r="N237782" s="10"/>
    </row>
    <row r="237783" spans="14:14">
      <c r="N237783" s="10"/>
    </row>
    <row r="237784" spans="14:14">
      <c r="N237784" s="10"/>
    </row>
    <row r="237785" spans="14:14">
      <c r="N237785" s="10"/>
    </row>
    <row r="237786" spans="14:14">
      <c r="N237786" s="10"/>
    </row>
    <row r="237787" spans="14:14">
      <c r="N237787" s="10"/>
    </row>
    <row r="237788" spans="14:14">
      <c r="N237788" s="10"/>
    </row>
    <row r="237789" spans="14:14">
      <c r="N237789" s="10"/>
    </row>
    <row r="237790" spans="14:14">
      <c r="N237790" s="10"/>
    </row>
    <row r="237791" spans="14:14">
      <c r="N237791" s="10"/>
    </row>
    <row r="237792" spans="14:14">
      <c r="N237792" s="10"/>
    </row>
    <row r="237793" spans="14:14">
      <c r="N237793" s="10"/>
    </row>
    <row r="237794" spans="14:14">
      <c r="N237794" s="10"/>
    </row>
    <row r="237795" spans="14:14">
      <c r="N237795" s="10"/>
    </row>
    <row r="237796" spans="14:14">
      <c r="N237796" s="10"/>
    </row>
    <row r="237797" spans="14:14">
      <c r="N237797" s="10"/>
    </row>
    <row r="237798" spans="14:14">
      <c r="N237798" s="10"/>
    </row>
    <row r="237799" spans="14:14">
      <c r="N237799" s="10"/>
    </row>
    <row r="237800" spans="14:14">
      <c r="N237800" s="10"/>
    </row>
    <row r="237801" spans="14:14">
      <c r="N237801" s="10"/>
    </row>
    <row r="237802" spans="14:14">
      <c r="N237802" s="10"/>
    </row>
    <row r="237803" spans="14:14">
      <c r="N237803" s="10"/>
    </row>
    <row r="237804" spans="14:14">
      <c r="N237804" s="10"/>
    </row>
    <row r="237805" spans="14:14">
      <c r="N237805" s="10"/>
    </row>
    <row r="237806" spans="14:14">
      <c r="N237806" s="10"/>
    </row>
    <row r="237807" spans="14:14">
      <c r="N237807" s="10"/>
    </row>
    <row r="237808" spans="14:14">
      <c r="N237808" s="10"/>
    </row>
    <row r="237809" spans="14:14">
      <c r="N237809" s="10"/>
    </row>
    <row r="237810" spans="14:14">
      <c r="N237810" s="10"/>
    </row>
    <row r="237811" spans="14:14">
      <c r="N237811" s="10"/>
    </row>
    <row r="237812" spans="14:14">
      <c r="N237812" s="10"/>
    </row>
    <row r="237813" spans="14:14">
      <c r="N237813" s="10"/>
    </row>
    <row r="237814" spans="14:14">
      <c r="N237814" s="10"/>
    </row>
    <row r="237815" spans="14:14">
      <c r="N237815" s="10"/>
    </row>
    <row r="237816" spans="14:14">
      <c r="N237816" s="10"/>
    </row>
    <row r="237817" spans="14:14">
      <c r="N237817" s="10"/>
    </row>
    <row r="237818" spans="14:14">
      <c r="N237818" s="10"/>
    </row>
    <row r="237819" spans="14:14">
      <c r="N237819" s="10"/>
    </row>
    <row r="237820" spans="14:14">
      <c r="N237820" s="10"/>
    </row>
    <row r="237821" spans="14:14">
      <c r="N237821" s="10"/>
    </row>
    <row r="237822" spans="14:14">
      <c r="N237822" s="10"/>
    </row>
    <row r="237823" spans="14:14">
      <c r="N237823" s="10"/>
    </row>
    <row r="237824" spans="14:14">
      <c r="N237824" s="10"/>
    </row>
    <row r="237825" spans="14:14">
      <c r="N237825" s="10"/>
    </row>
    <row r="237826" spans="14:14">
      <c r="N237826" s="10"/>
    </row>
    <row r="237827" spans="14:14">
      <c r="N237827" s="10"/>
    </row>
    <row r="237828" spans="14:14">
      <c r="N237828" s="10"/>
    </row>
    <row r="237829" spans="14:14">
      <c r="N237829" s="10"/>
    </row>
    <row r="237830" spans="14:14">
      <c r="N237830" s="10"/>
    </row>
    <row r="237831" spans="14:14">
      <c r="N237831" s="10"/>
    </row>
    <row r="237832" spans="14:14">
      <c r="N237832" s="10"/>
    </row>
    <row r="237833" spans="14:14">
      <c r="N237833" s="10"/>
    </row>
    <row r="237834" spans="14:14">
      <c r="N237834" s="10"/>
    </row>
    <row r="237835" spans="14:14">
      <c r="N237835" s="10"/>
    </row>
    <row r="237836" spans="14:14">
      <c r="N237836" s="10"/>
    </row>
    <row r="237837" spans="14:14">
      <c r="N237837" s="10"/>
    </row>
    <row r="237838" spans="14:14">
      <c r="N237838" s="10"/>
    </row>
    <row r="237839" spans="14:14">
      <c r="N237839" s="10"/>
    </row>
    <row r="237840" spans="14:14">
      <c r="N237840" s="10"/>
    </row>
    <row r="237841" spans="14:14">
      <c r="N237841" s="10"/>
    </row>
    <row r="237842" spans="14:14">
      <c r="N237842" s="10"/>
    </row>
    <row r="237843" spans="14:14">
      <c r="N237843" s="10"/>
    </row>
    <row r="237844" spans="14:14">
      <c r="N237844" s="10"/>
    </row>
    <row r="237845" spans="14:14">
      <c r="N237845" s="10"/>
    </row>
    <row r="237846" spans="14:14">
      <c r="N237846" s="10"/>
    </row>
    <row r="237847" spans="14:14">
      <c r="N237847" s="10"/>
    </row>
    <row r="237848" spans="14:14">
      <c r="N237848" s="10"/>
    </row>
    <row r="237849" spans="14:14">
      <c r="N237849" s="10"/>
    </row>
    <row r="237850" spans="14:14">
      <c r="N237850" s="10"/>
    </row>
    <row r="237851" spans="14:14">
      <c r="N237851" s="10"/>
    </row>
    <row r="237852" spans="14:14">
      <c r="N237852" s="10"/>
    </row>
    <row r="237853" spans="14:14">
      <c r="N237853" s="10"/>
    </row>
    <row r="237854" spans="14:14">
      <c r="N237854" s="10"/>
    </row>
    <row r="237855" spans="14:14">
      <c r="N237855" s="10"/>
    </row>
    <row r="237856" spans="14:14">
      <c r="N237856" s="10"/>
    </row>
    <row r="237857" spans="14:14">
      <c r="N237857" s="10"/>
    </row>
    <row r="237858" spans="14:14">
      <c r="N237858" s="10"/>
    </row>
    <row r="237859" spans="14:14">
      <c r="N237859" s="10"/>
    </row>
    <row r="237860" spans="14:14">
      <c r="N237860" s="10"/>
    </row>
    <row r="237861" spans="14:14">
      <c r="N237861" s="10"/>
    </row>
    <row r="237862" spans="14:14">
      <c r="N237862" s="10"/>
    </row>
    <row r="237863" spans="14:14">
      <c r="N237863" s="10"/>
    </row>
    <row r="237864" spans="14:14">
      <c r="N237864" s="10"/>
    </row>
    <row r="237865" spans="14:14">
      <c r="N237865" s="10"/>
    </row>
    <row r="237866" spans="14:14">
      <c r="N237866" s="10"/>
    </row>
    <row r="237867" spans="14:14">
      <c r="N237867" s="10"/>
    </row>
    <row r="237868" spans="14:14">
      <c r="N237868" s="10"/>
    </row>
    <row r="237869" spans="14:14">
      <c r="N237869" s="10"/>
    </row>
    <row r="237870" spans="14:14">
      <c r="N237870" s="10"/>
    </row>
    <row r="237871" spans="14:14">
      <c r="N237871" s="10"/>
    </row>
    <row r="237872" spans="14:14">
      <c r="N237872" s="10"/>
    </row>
    <row r="237873" spans="14:14">
      <c r="N237873" s="10"/>
    </row>
    <row r="237874" spans="14:14">
      <c r="N237874" s="10"/>
    </row>
    <row r="237875" spans="14:14">
      <c r="N237875" s="10"/>
    </row>
    <row r="237876" spans="14:14">
      <c r="N237876" s="10"/>
    </row>
    <row r="237877" spans="14:14">
      <c r="N237877" s="10"/>
    </row>
    <row r="237878" spans="14:14">
      <c r="N237878" s="10"/>
    </row>
    <row r="237879" spans="14:14">
      <c r="N237879" s="10"/>
    </row>
    <row r="237880" spans="14:14">
      <c r="N237880" s="10"/>
    </row>
    <row r="237881" spans="14:14">
      <c r="N237881" s="10"/>
    </row>
    <row r="237882" spans="14:14">
      <c r="N237882" s="10"/>
    </row>
    <row r="237883" spans="14:14">
      <c r="N237883" s="10"/>
    </row>
    <row r="237884" spans="14:14">
      <c r="N237884" s="10"/>
    </row>
    <row r="237885" spans="14:14">
      <c r="N237885" s="10"/>
    </row>
    <row r="237886" spans="14:14">
      <c r="N237886" s="10"/>
    </row>
    <row r="237887" spans="14:14">
      <c r="N237887" s="10"/>
    </row>
    <row r="237888" spans="14:14">
      <c r="N237888" s="10"/>
    </row>
    <row r="237889" spans="14:14">
      <c r="N237889" s="10"/>
    </row>
    <row r="237890" spans="14:14">
      <c r="N237890" s="10"/>
    </row>
    <row r="237891" spans="14:14">
      <c r="N237891" s="10"/>
    </row>
    <row r="237892" spans="14:14">
      <c r="N237892" s="10"/>
    </row>
    <row r="237893" spans="14:14">
      <c r="N237893" s="10"/>
    </row>
    <row r="237894" spans="14:14">
      <c r="N237894" s="10"/>
    </row>
    <row r="237895" spans="14:14">
      <c r="N237895" s="10"/>
    </row>
    <row r="237896" spans="14:14">
      <c r="N237896" s="10"/>
    </row>
    <row r="237897" spans="14:14">
      <c r="N237897" s="10"/>
    </row>
    <row r="237898" spans="14:14">
      <c r="N237898" s="10"/>
    </row>
    <row r="237899" spans="14:14">
      <c r="N237899" s="10"/>
    </row>
    <row r="237900" spans="14:14">
      <c r="N237900" s="10"/>
    </row>
    <row r="237901" spans="14:14">
      <c r="N237901" s="10"/>
    </row>
    <row r="237902" spans="14:14">
      <c r="N237902" s="10"/>
    </row>
    <row r="237903" spans="14:14">
      <c r="N237903" s="10"/>
    </row>
    <row r="237904" spans="14:14">
      <c r="N237904" s="10"/>
    </row>
    <row r="237905" spans="14:14">
      <c r="N237905" s="10"/>
    </row>
    <row r="237906" spans="14:14">
      <c r="N237906" s="10"/>
    </row>
    <row r="237907" spans="14:14">
      <c r="N237907" s="10"/>
    </row>
    <row r="237908" spans="14:14">
      <c r="N237908" s="10"/>
    </row>
    <row r="237909" spans="14:14">
      <c r="N237909" s="10"/>
    </row>
    <row r="237910" spans="14:14">
      <c r="N237910" s="10"/>
    </row>
    <row r="237911" spans="14:14">
      <c r="N237911" s="10"/>
    </row>
    <row r="237912" spans="14:14">
      <c r="N237912" s="10"/>
    </row>
    <row r="237913" spans="14:14">
      <c r="N237913" s="10"/>
    </row>
    <row r="237914" spans="14:14">
      <c r="N237914" s="10"/>
    </row>
    <row r="237915" spans="14:14">
      <c r="N237915" s="10"/>
    </row>
    <row r="237916" spans="14:14">
      <c r="N237916" s="10"/>
    </row>
    <row r="237917" spans="14:14">
      <c r="N237917" s="10"/>
    </row>
    <row r="237918" spans="14:14">
      <c r="N237918" s="10"/>
    </row>
    <row r="237919" spans="14:14">
      <c r="N237919" s="10"/>
    </row>
    <row r="237920" spans="14:14">
      <c r="N237920" s="10"/>
    </row>
    <row r="237921" spans="14:14">
      <c r="N237921" s="10"/>
    </row>
    <row r="237922" spans="14:14">
      <c r="N237922" s="10"/>
    </row>
    <row r="237923" spans="14:14">
      <c r="N237923" s="10"/>
    </row>
    <row r="237924" spans="14:14">
      <c r="N237924" s="10"/>
    </row>
    <row r="237925" spans="14:14">
      <c r="N237925" s="10"/>
    </row>
    <row r="237926" spans="14:14">
      <c r="N237926" s="10"/>
    </row>
    <row r="237927" spans="14:14">
      <c r="N237927" s="10"/>
    </row>
    <row r="237928" spans="14:14">
      <c r="N237928" s="10"/>
    </row>
    <row r="237929" spans="14:14">
      <c r="N237929" s="10"/>
    </row>
    <row r="237930" spans="14:14">
      <c r="N237930" s="10"/>
    </row>
    <row r="237931" spans="14:14">
      <c r="N237931" s="10"/>
    </row>
    <row r="237932" spans="14:14">
      <c r="N237932" s="10"/>
    </row>
    <row r="237933" spans="14:14">
      <c r="N237933" s="10"/>
    </row>
    <row r="237934" spans="14:14">
      <c r="N237934" s="10"/>
    </row>
    <row r="237935" spans="14:14">
      <c r="N237935" s="10"/>
    </row>
    <row r="237936" spans="14:14">
      <c r="N237936" s="10"/>
    </row>
    <row r="237937" spans="14:14">
      <c r="N237937" s="10"/>
    </row>
    <row r="237938" spans="14:14">
      <c r="N237938" s="10"/>
    </row>
    <row r="237939" spans="14:14">
      <c r="N237939" s="10"/>
    </row>
    <row r="237940" spans="14:14">
      <c r="N237940" s="10"/>
    </row>
    <row r="237941" spans="14:14">
      <c r="N237941" s="10"/>
    </row>
    <row r="237942" spans="14:14">
      <c r="N237942" s="10"/>
    </row>
    <row r="237943" spans="14:14">
      <c r="N237943" s="10"/>
    </row>
    <row r="237944" spans="14:14">
      <c r="N237944" s="10"/>
    </row>
    <row r="237945" spans="14:14">
      <c r="N237945" s="10"/>
    </row>
    <row r="237946" spans="14:14">
      <c r="N237946" s="10"/>
    </row>
    <row r="237947" spans="14:14">
      <c r="N237947" s="10"/>
    </row>
    <row r="237948" spans="14:14">
      <c r="N237948" s="10"/>
    </row>
    <row r="237949" spans="14:14">
      <c r="N237949" s="10"/>
    </row>
    <row r="237950" spans="14:14">
      <c r="N237950" s="10"/>
    </row>
    <row r="237951" spans="14:14">
      <c r="N237951" s="10"/>
    </row>
    <row r="237952" spans="14:14">
      <c r="N237952" s="10"/>
    </row>
    <row r="237953" spans="14:14">
      <c r="N237953" s="10"/>
    </row>
    <row r="237954" spans="14:14">
      <c r="N237954" s="10"/>
    </row>
    <row r="237955" spans="14:14">
      <c r="N237955" s="10"/>
    </row>
    <row r="237956" spans="14:14">
      <c r="N237956" s="10"/>
    </row>
    <row r="237957" spans="14:14">
      <c r="N237957" s="10"/>
    </row>
    <row r="237958" spans="14:14">
      <c r="N237958" s="10"/>
    </row>
    <row r="237959" spans="14:14">
      <c r="N237959" s="10"/>
    </row>
    <row r="237960" spans="14:14">
      <c r="N237960" s="10"/>
    </row>
    <row r="237961" spans="14:14">
      <c r="N237961" s="10"/>
    </row>
    <row r="237962" spans="14:14">
      <c r="N237962" s="10"/>
    </row>
    <row r="237963" spans="14:14">
      <c r="N237963" s="10"/>
    </row>
    <row r="237964" spans="14:14">
      <c r="N237964" s="10"/>
    </row>
    <row r="237965" spans="14:14">
      <c r="N237965" s="10"/>
    </row>
    <row r="237966" spans="14:14">
      <c r="N237966" s="10"/>
    </row>
    <row r="237967" spans="14:14">
      <c r="N237967" s="10"/>
    </row>
    <row r="237968" spans="14:14">
      <c r="N237968" s="10"/>
    </row>
    <row r="237969" spans="14:14">
      <c r="N237969" s="10"/>
    </row>
    <row r="237970" spans="14:14">
      <c r="N237970" s="10"/>
    </row>
    <row r="237971" spans="14:14">
      <c r="N237971" s="10"/>
    </row>
    <row r="237972" spans="14:14">
      <c r="N237972" s="10"/>
    </row>
    <row r="237973" spans="14:14">
      <c r="N237973" s="10"/>
    </row>
    <row r="237974" spans="14:14">
      <c r="N237974" s="10"/>
    </row>
    <row r="237975" spans="14:14">
      <c r="N237975" s="10"/>
    </row>
    <row r="237976" spans="14:14">
      <c r="N237976" s="10"/>
    </row>
    <row r="237977" spans="14:14">
      <c r="N237977" s="10"/>
    </row>
    <row r="237978" spans="14:14">
      <c r="N237978" s="10"/>
    </row>
    <row r="237979" spans="14:14">
      <c r="N237979" s="10"/>
    </row>
    <row r="237980" spans="14:14">
      <c r="N237980" s="10"/>
    </row>
    <row r="237981" spans="14:14">
      <c r="N237981" s="10"/>
    </row>
    <row r="237982" spans="14:14">
      <c r="N237982" s="10"/>
    </row>
    <row r="237983" spans="14:14">
      <c r="N237983" s="10"/>
    </row>
    <row r="237984" spans="14:14">
      <c r="N237984" s="10"/>
    </row>
    <row r="237985" spans="14:14">
      <c r="N237985" s="10"/>
    </row>
    <row r="237986" spans="14:14">
      <c r="N237986" s="10"/>
    </row>
    <row r="237987" spans="14:14">
      <c r="N237987" s="10"/>
    </row>
    <row r="237988" spans="14:14">
      <c r="N237988" s="10"/>
    </row>
    <row r="237989" spans="14:14">
      <c r="N237989" s="10"/>
    </row>
    <row r="237990" spans="14:14">
      <c r="N237990" s="10"/>
    </row>
    <row r="237991" spans="14:14">
      <c r="N237991" s="10"/>
    </row>
    <row r="237992" spans="14:14">
      <c r="N237992" s="10"/>
    </row>
    <row r="237993" spans="14:14">
      <c r="N237993" s="10"/>
    </row>
    <row r="237994" spans="14:14">
      <c r="N237994" s="10"/>
    </row>
    <row r="237995" spans="14:14">
      <c r="N237995" s="10"/>
    </row>
    <row r="237996" spans="14:14">
      <c r="N237996" s="10"/>
    </row>
    <row r="237997" spans="14:14">
      <c r="N237997" s="10"/>
    </row>
    <row r="237998" spans="14:14">
      <c r="N237998" s="10"/>
    </row>
    <row r="237999" spans="14:14">
      <c r="N237999" s="10"/>
    </row>
    <row r="238000" spans="14:14">
      <c r="N238000" s="10"/>
    </row>
    <row r="238001" spans="14:14">
      <c r="N238001" s="10"/>
    </row>
    <row r="238002" spans="14:14">
      <c r="N238002" s="10"/>
    </row>
    <row r="238003" spans="14:14">
      <c r="N238003" s="10"/>
    </row>
    <row r="238004" spans="14:14">
      <c r="N238004" s="10"/>
    </row>
    <row r="238005" spans="14:14">
      <c r="N238005" s="10"/>
    </row>
    <row r="238006" spans="14:14">
      <c r="N238006" s="10"/>
    </row>
    <row r="238007" spans="14:14">
      <c r="N238007" s="10"/>
    </row>
    <row r="238008" spans="14:14">
      <c r="N238008" s="10"/>
    </row>
    <row r="238009" spans="14:14">
      <c r="N238009" s="10"/>
    </row>
    <row r="238010" spans="14:14">
      <c r="N238010" s="10"/>
    </row>
    <row r="238011" spans="14:14">
      <c r="N238011" s="10"/>
    </row>
    <row r="238012" spans="14:14">
      <c r="N238012" s="10"/>
    </row>
    <row r="238013" spans="14:14">
      <c r="N238013" s="10"/>
    </row>
    <row r="238014" spans="14:14">
      <c r="N238014" s="10"/>
    </row>
    <row r="238015" spans="14:14">
      <c r="N238015" s="10"/>
    </row>
    <row r="238016" spans="14:14">
      <c r="N238016" s="10"/>
    </row>
    <row r="238017" spans="14:14">
      <c r="N238017" s="10"/>
    </row>
    <row r="238018" spans="14:14">
      <c r="N238018" s="10"/>
    </row>
    <row r="238019" spans="14:14">
      <c r="N238019" s="10"/>
    </row>
    <row r="238020" spans="14:14">
      <c r="N238020" s="10"/>
    </row>
    <row r="238021" spans="14:14">
      <c r="N238021" s="10"/>
    </row>
    <row r="238022" spans="14:14">
      <c r="N238022" s="10"/>
    </row>
    <row r="238023" spans="14:14">
      <c r="N238023" s="10"/>
    </row>
    <row r="238024" spans="14:14">
      <c r="N238024" s="10"/>
    </row>
    <row r="238025" spans="14:14">
      <c r="N238025" s="10"/>
    </row>
    <row r="238026" spans="14:14">
      <c r="N238026" s="10"/>
    </row>
    <row r="238027" spans="14:14">
      <c r="N238027" s="10"/>
    </row>
    <row r="238028" spans="14:14">
      <c r="N238028" s="10"/>
    </row>
    <row r="238029" spans="14:14">
      <c r="N238029" s="10"/>
    </row>
    <row r="238030" spans="14:14">
      <c r="N238030" s="10"/>
    </row>
    <row r="238031" spans="14:14">
      <c r="N238031" s="10"/>
    </row>
    <row r="238032" spans="14:14">
      <c r="N238032" s="10"/>
    </row>
    <row r="238033" spans="14:14">
      <c r="N238033" s="10"/>
    </row>
    <row r="238034" spans="14:14">
      <c r="N238034" s="10"/>
    </row>
    <row r="238035" spans="14:14">
      <c r="N238035" s="10"/>
    </row>
    <row r="238036" spans="14:14">
      <c r="N238036" s="10"/>
    </row>
    <row r="238037" spans="14:14">
      <c r="N238037" s="10"/>
    </row>
    <row r="238038" spans="14:14">
      <c r="N238038" s="10"/>
    </row>
    <row r="238039" spans="14:14">
      <c r="N238039" s="10"/>
    </row>
    <row r="238040" spans="14:14">
      <c r="N238040" s="10"/>
    </row>
    <row r="238041" spans="14:14">
      <c r="N238041" s="10"/>
    </row>
    <row r="238042" spans="14:14">
      <c r="N238042" s="10"/>
    </row>
    <row r="238043" spans="14:14">
      <c r="N238043" s="10"/>
    </row>
    <row r="238044" spans="14:14">
      <c r="N238044" s="10"/>
    </row>
    <row r="238045" spans="14:14">
      <c r="N238045" s="10"/>
    </row>
    <row r="238046" spans="14:14">
      <c r="N238046" s="10"/>
    </row>
    <row r="238047" spans="14:14">
      <c r="N238047" s="10"/>
    </row>
    <row r="238048" spans="14:14">
      <c r="N238048" s="10"/>
    </row>
    <row r="238049" spans="14:14">
      <c r="N238049" s="10"/>
    </row>
    <row r="238050" spans="14:14">
      <c r="N238050" s="10"/>
    </row>
    <row r="238051" spans="14:14">
      <c r="N238051" s="10"/>
    </row>
    <row r="238052" spans="14:14">
      <c r="N238052" s="10"/>
    </row>
    <row r="238053" spans="14:14">
      <c r="N238053" s="10"/>
    </row>
    <row r="238054" spans="14:14">
      <c r="N238054" s="10"/>
    </row>
    <row r="238055" spans="14:14">
      <c r="N238055" s="10"/>
    </row>
    <row r="238056" spans="14:14">
      <c r="N238056" s="10"/>
    </row>
    <row r="238057" spans="14:14">
      <c r="N238057" s="10"/>
    </row>
    <row r="238058" spans="14:14">
      <c r="N238058" s="10"/>
    </row>
    <row r="238059" spans="14:14">
      <c r="N238059" s="10"/>
    </row>
    <row r="238060" spans="14:14">
      <c r="N238060" s="10"/>
    </row>
    <row r="238061" spans="14:14">
      <c r="N238061" s="10"/>
    </row>
    <row r="238062" spans="14:14">
      <c r="N238062" s="10"/>
    </row>
    <row r="238063" spans="14:14">
      <c r="N238063" s="10"/>
    </row>
    <row r="238064" spans="14:14">
      <c r="N238064" s="10"/>
    </row>
    <row r="238065" spans="14:14">
      <c r="N238065" s="10"/>
    </row>
    <row r="238066" spans="14:14">
      <c r="N238066" s="10"/>
    </row>
    <row r="238067" spans="14:14">
      <c r="N238067" s="10"/>
    </row>
    <row r="238068" spans="14:14">
      <c r="N238068" s="10"/>
    </row>
    <row r="238069" spans="14:14">
      <c r="N238069" s="10"/>
    </row>
    <row r="238070" spans="14:14">
      <c r="N238070" s="10"/>
    </row>
    <row r="238071" spans="14:14">
      <c r="N238071" s="10"/>
    </row>
    <row r="238072" spans="14:14">
      <c r="N238072" s="10"/>
    </row>
    <row r="238073" spans="14:14">
      <c r="N238073" s="10"/>
    </row>
    <row r="238074" spans="14:14">
      <c r="N238074" s="10"/>
    </row>
    <row r="238075" spans="14:14">
      <c r="N238075" s="10"/>
    </row>
    <row r="238076" spans="14:14">
      <c r="N238076" s="10"/>
    </row>
    <row r="238077" spans="14:14">
      <c r="N238077" s="10"/>
    </row>
    <row r="238078" spans="14:14">
      <c r="N238078" s="10"/>
    </row>
    <row r="238079" spans="14:14">
      <c r="N238079" s="10"/>
    </row>
    <row r="238080" spans="14:14">
      <c r="N238080" s="10"/>
    </row>
    <row r="238081" spans="14:14">
      <c r="N238081" s="10"/>
    </row>
    <row r="238082" spans="14:14">
      <c r="N238082" s="10"/>
    </row>
    <row r="238083" spans="14:14">
      <c r="N238083" s="10"/>
    </row>
    <row r="238084" spans="14:14">
      <c r="N238084" s="10"/>
    </row>
    <row r="238085" spans="14:14">
      <c r="N238085" s="10"/>
    </row>
    <row r="238086" spans="14:14">
      <c r="N238086" s="10"/>
    </row>
    <row r="238087" spans="14:14">
      <c r="N238087" s="10"/>
    </row>
    <row r="238088" spans="14:14">
      <c r="N238088" s="10"/>
    </row>
    <row r="238089" spans="14:14">
      <c r="N238089" s="10"/>
    </row>
    <row r="238090" spans="14:14">
      <c r="N238090" s="10"/>
    </row>
    <row r="238091" spans="14:14">
      <c r="N238091" s="10"/>
    </row>
    <row r="238092" spans="14:14">
      <c r="N238092" s="10"/>
    </row>
    <row r="238093" spans="14:14">
      <c r="N238093" s="10"/>
    </row>
    <row r="238094" spans="14:14">
      <c r="N238094" s="10"/>
    </row>
    <row r="238095" spans="14:14">
      <c r="N238095" s="10"/>
    </row>
    <row r="238096" spans="14:14">
      <c r="N238096" s="10"/>
    </row>
    <row r="238097" spans="14:14">
      <c r="N238097" s="10"/>
    </row>
    <row r="238098" spans="14:14">
      <c r="N238098" s="10"/>
    </row>
    <row r="238099" spans="14:14">
      <c r="N238099" s="10"/>
    </row>
    <row r="238100" spans="14:14">
      <c r="N238100" s="10"/>
    </row>
    <row r="238101" spans="14:14">
      <c r="N238101" s="10"/>
    </row>
    <row r="238102" spans="14:14">
      <c r="N238102" s="10"/>
    </row>
    <row r="238103" spans="14:14">
      <c r="N238103" s="10"/>
    </row>
    <row r="238104" spans="14:14">
      <c r="N238104" s="10"/>
    </row>
    <row r="238105" spans="14:14">
      <c r="N238105" s="10"/>
    </row>
    <row r="238106" spans="14:14">
      <c r="N238106" s="10"/>
    </row>
    <row r="238107" spans="14:14">
      <c r="N238107" s="10"/>
    </row>
    <row r="238108" spans="14:14">
      <c r="N238108" s="10"/>
    </row>
    <row r="238109" spans="14:14">
      <c r="N238109" s="10"/>
    </row>
    <row r="238110" spans="14:14">
      <c r="N238110" s="10"/>
    </row>
    <row r="238111" spans="14:14">
      <c r="N238111" s="10"/>
    </row>
    <row r="238112" spans="14:14">
      <c r="N238112" s="10"/>
    </row>
    <row r="238113" spans="14:14">
      <c r="N238113" s="10"/>
    </row>
    <row r="238114" spans="14:14">
      <c r="N238114" s="10"/>
    </row>
    <row r="238115" spans="14:14">
      <c r="N238115" s="10"/>
    </row>
    <row r="238116" spans="14:14">
      <c r="N238116" s="10"/>
    </row>
    <row r="238117" spans="14:14">
      <c r="N238117" s="10"/>
    </row>
    <row r="238118" spans="14:14">
      <c r="N238118" s="10"/>
    </row>
    <row r="238119" spans="14:14">
      <c r="N238119" s="10"/>
    </row>
    <row r="238120" spans="14:14">
      <c r="N238120" s="10"/>
    </row>
    <row r="238121" spans="14:14">
      <c r="N238121" s="10"/>
    </row>
    <row r="238122" spans="14:14">
      <c r="N238122" s="10"/>
    </row>
    <row r="238123" spans="14:14">
      <c r="N238123" s="10"/>
    </row>
    <row r="238124" spans="14:14">
      <c r="N238124" s="10"/>
    </row>
    <row r="238125" spans="14:14">
      <c r="N238125" s="10"/>
    </row>
    <row r="238126" spans="14:14">
      <c r="N238126" s="10"/>
    </row>
    <row r="238127" spans="14:14">
      <c r="N238127" s="10"/>
    </row>
    <row r="238128" spans="14:14">
      <c r="N238128" s="10"/>
    </row>
    <row r="238129" spans="14:14">
      <c r="N238129" s="10"/>
    </row>
    <row r="238130" spans="14:14">
      <c r="N238130" s="10"/>
    </row>
    <row r="238131" spans="14:14">
      <c r="N238131" s="10"/>
    </row>
    <row r="238132" spans="14:14">
      <c r="N238132" s="10"/>
    </row>
    <row r="238133" spans="14:14">
      <c r="N238133" s="10"/>
    </row>
    <row r="238134" spans="14:14">
      <c r="N238134" s="10"/>
    </row>
    <row r="238135" spans="14:14">
      <c r="N238135" s="10"/>
    </row>
    <row r="238136" spans="14:14">
      <c r="N238136" s="10"/>
    </row>
    <row r="238137" spans="14:14">
      <c r="N238137" s="10"/>
    </row>
    <row r="238138" spans="14:14">
      <c r="N238138" s="10"/>
    </row>
    <row r="238139" spans="14:14">
      <c r="N238139" s="10"/>
    </row>
    <row r="238140" spans="14:14">
      <c r="N238140" s="10"/>
    </row>
    <row r="238141" spans="14:14">
      <c r="N238141" s="10"/>
    </row>
    <row r="238142" spans="14:14">
      <c r="N238142" s="10"/>
    </row>
    <row r="238143" spans="14:14">
      <c r="N238143" s="10"/>
    </row>
    <row r="238144" spans="14:14">
      <c r="N238144" s="10"/>
    </row>
    <row r="238145" spans="14:14">
      <c r="N238145" s="10"/>
    </row>
    <row r="238146" spans="14:14">
      <c r="N238146" s="10"/>
    </row>
    <row r="238147" spans="14:14">
      <c r="N238147" s="10"/>
    </row>
    <row r="238148" spans="14:14">
      <c r="N238148" s="10"/>
    </row>
    <row r="238149" spans="14:14">
      <c r="N238149" s="10"/>
    </row>
    <row r="238150" spans="14:14">
      <c r="N238150" s="10"/>
    </row>
    <row r="238151" spans="14:14">
      <c r="N238151" s="10"/>
    </row>
    <row r="238152" spans="14:14">
      <c r="N238152" s="10"/>
    </row>
    <row r="238153" spans="14:14">
      <c r="N238153" s="10"/>
    </row>
    <row r="238154" spans="14:14">
      <c r="N238154" s="10"/>
    </row>
    <row r="238155" spans="14:14">
      <c r="N238155" s="10"/>
    </row>
    <row r="238156" spans="14:14">
      <c r="N238156" s="10"/>
    </row>
    <row r="238157" spans="14:14">
      <c r="N238157" s="10"/>
    </row>
    <row r="238158" spans="14:14">
      <c r="N238158" s="10"/>
    </row>
    <row r="238159" spans="14:14">
      <c r="N238159" s="10"/>
    </row>
    <row r="238160" spans="14:14">
      <c r="N238160" s="10"/>
    </row>
    <row r="238161" spans="14:14">
      <c r="N238161" s="10"/>
    </row>
    <row r="238162" spans="14:14">
      <c r="N238162" s="10"/>
    </row>
    <row r="238163" spans="14:14">
      <c r="N238163" s="10"/>
    </row>
    <row r="238164" spans="14:14">
      <c r="N238164" s="10"/>
    </row>
    <row r="238165" spans="14:14">
      <c r="N238165" s="10"/>
    </row>
    <row r="238166" spans="14:14">
      <c r="N238166" s="10"/>
    </row>
    <row r="238167" spans="14:14">
      <c r="N238167" s="10"/>
    </row>
    <row r="238168" spans="14:14">
      <c r="N238168" s="10"/>
    </row>
    <row r="238169" spans="14:14">
      <c r="N238169" s="10"/>
    </row>
    <row r="238170" spans="14:14">
      <c r="N238170" s="10"/>
    </row>
    <row r="238171" spans="14:14">
      <c r="N238171" s="10"/>
    </row>
    <row r="238172" spans="14:14">
      <c r="N238172" s="10"/>
    </row>
    <row r="238173" spans="14:14">
      <c r="N238173" s="10"/>
    </row>
    <row r="238174" spans="14:14">
      <c r="N238174" s="10"/>
    </row>
    <row r="238175" spans="14:14">
      <c r="N238175" s="10"/>
    </row>
    <row r="238176" spans="14:14">
      <c r="N238176" s="10"/>
    </row>
    <row r="238177" spans="14:14">
      <c r="N238177" s="10"/>
    </row>
    <row r="238178" spans="14:14">
      <c r="N238178" s="10"/>
    </row>
    <row r="238179" spans="14:14">
      <c r="N238179" s="10"/>
    </row>
    <row r="238180" spans="14:14">
      <c r="N238180" s="10"/>
    </row>
    <row r="238181" spans="14:14">
      <c r="N238181" s="10"/>
    </row>
    <row r="238182" spans="14:14">
      <c r="N238182" s="10"/>
    </row>
    <row r="238183" spans="14:14">
      <c r="N238183" s="10"/>
    </row>
    <row r="238184" spans="14:14">
      <c r="N238184" s="10"/>
    </row>
    <row r="238185" spans="14:14">
      <c r="N238185" s="10"/>
    </row>
    <row r="238186" spans="14:14">
      <c r="N238186" s="10"/>
    </row>
    <row r="238187" spans="14:14">
      <c r="N238187" s="10"/>
    </row>
    <row r="238188" spans="14:14">
      <c r="N238188" s="10"/>
    </row>
    <row r="238189" spans="14:14">
      <c r="N238189" s="10"/>
    </row>
    <row r="238190" spans="14:14">
      <c r="N238190" s="10"/>
    </row>
    <row r="238191" spans="14:14">
      <c r="N238191" s="10"/>
    </row>
    <row r="238192" spans="14:14">
      <c r="N238192" s="10"/>
    </row>
    <row r="238193" spans="14:14">
      <c r="N238193" s="10"/>
    </row>
    <row r="238194" spans="14:14">
      <c r="N238194" s="10"/>
    </row>
    <row r="238195" spans="14:14">
      <c r="N238195" s="10"/>
    </row>
    <row r="238196" spans="14:14">
      <c r="N238196" s="10"/>
    </row>
    <row r="238197" spans="14:14">
      <c r="N238197" s="10"/>
    </row>
    <row r="238198" spans="14:14">
      <c r="N238198" s="10"/>
    </row>
    <row r="238199" spans="14:14">
      <c r="N238199" s="10"/>
    </row>
    <row r="238200" spans="14:14">
      <c r="N238200" s="10"/>
    </row>
    <row r="238201" spans="14:14">
      <c r="N238201" s="10"/>
    </row>
    <row r="238202" spans="14:14">
      <c r="N238202" s="10"/>
    </row>
    <row r="238203" spans="14:14">
      <c r="N238203" s="10"/>
    </row>
    <row r="238204" spans="14:14">
      <c r="N238204" s="10"/>
    </row>
    <row r="238205" spans="14:14">
      <c r="N238205" s="10"/>
    </row>
    <row r="238206" spans="14:14">
      <c r="N238206" s="10"/>
    </row>
    <row r="238207" spans="14:14">
      <c r="N238207" s="10"/>
    </row>
    <row r="238208" spans="14:14">
      <c r="N238208" s="10"/>
    </row>
    <row r="238209" spans="14:14">
      <c r="N238209" s="10"/>
    </row>
    <row r="238210" spans="14:14">
      <c r="N238210" s="10"/>
    </row>
    <row r="238211" spans="14:14">
      <c r="N238211" s="10"/>
    </row>
    <row r="238212" spans="14:14">
      <c r="N238212" s="10"/>
    </row>
    <row r="238213" spans="14:14">
      <c r="N238213" s="10"/>
    </row>
    <row r="238214" spans="14:14">
      <c r="N238214" s="10"/>
    </row>
    <row r="238215" spans="14:14">
      <c r="N238215" s="10"/>
    </row>
    <row r="238216" spans="14:14">
      <c r="N238216" s="10"/>
    </row>
    <row r="238217" spans="14:14">
      <c r="N238217" s="10"/>
    </row>
    <row r="238218" spans="14:14">
      <c r="N238218" s="10"/>
    </row>
    <row r="238219" spans="14:14">
      <c r="N238219" s="10"/>
    </row>
    <row r="238220" spans="14:14">
      <c r="N238220" s="10"/>
    </row>
    <row r="238221" spans="14:14">
      <c r="N238221" s="10"/>
    </row>
    <row r="238222" spans="14:14">
      <c r="N238222" s="10"/>
    </row>
    <row r="238223" spans="14:14">
      <c r="N238223" s="10"/>
    </row>
    <row r="238224" spans="14:14">
      <c r="N238224" s="10"/>
    </row>
    <row r="238225" spans="14:14">
      <c r="N238225" s="10"/>
    </row>
    <row r="238226" spans="14:14">
      <c r="N238226" s="10"/>
    </row>
    <row r="238227" spans="14:14">
      <c r="N238227" s="10"/>
    </row>
    <row r="238228" spans="14:14">
      <c r="N238228" s="10"/>
    </row>
    <row r="238229" spans="14:14">
      <c r="N238229" s="10"/>
    </row>
    <row r="238230" spans="14:14">
      <c r="N238230" s="10"/>
    </row>
    <row r="238231" spans="14:14">
      <c r="N238231" s="10"/>
    </row>
    <row r="238232" spans="14:14">
      <c r="N238232" s="10"/>
    </row>
    <row r="238233" spans="14:14">
      <c r="N238233" s="10"/>
    </row>
    <row r="238234" spans="14:14">
      <c r="N238234" s="10"/>
    </row>
    <row r="238235" spans="14:14">
      <c r="N238235" s="10"/>
    </row>
    <row r="238236" spans="14:14">
      <c r="N238236" s="10"/>
    </row>
    <row r="238237" spans="14:14">
      <c r="N238237" s="10"/>
    </row>
    <row r="238238" spans="14:14">
      <c r="N238238" s="10"/>
    </row>
    <row r="238239" spans="14:14">
      <c r="N238239" s="10"/>
    </row>
    <row r="238240" spans="14:14">
      <c r="N238240" s="10"/>
    </row>
    <row r="238241" spans="14:14">
      <c r="N238241" s="10"/>
    </row>
    <row r="238242" spans="14:14">
      <c r="N238242" s="10"/>
    </row>
    <row r="238243" spans="14:14">
      <c r="N238243" s="10"/>
    </row>
    <row r="238244" spans="14:14">
      <c r="N238244" s="10"/>
    </row>
    <row r="238245" spans="14:14">
      <c r="N238245" s="10"/>
    </row>
    <row r="238246" spans="14:14">
      <c r="N238246" s="10"/>
    </row>
    <row r="238247" spans="14:14">
      <c r="N238247" s="10"/>
    </row>
    <row r="238248" spans="14:14">
      <c r="N238248" s="10"/>
    </row>
    <row r="238249" spans="14:14">
      <c r="N238249" s="10"/>
    </row>
    <row r="238250" spans="14:14">
      <c r="N238250" s="10"/>
    </row>
    <row r="238251" spans="14:14">
      <c r="N238251" s="10"/>
    </row>
    <row r="238252" spans="14:14">
      <c r="N238252" s="10"/>
    </row>
    <row r="238253" spans="14:14">
      <c r="N238253" s="10"/>
    </row>
    <row r="238254" spans="14:14">
      <c r="N238254" s="10"/>
    </row>
    <row r="238255" spans="14:14">
      <c r="N238255" s="10"/>
    </row>
    <row r="238256" spans="14:14">
      <c r="N238256" s="10"/>
    </row>
    <row r="238257" spans="14:14">
      <c r="N238257" s="10"/>
    </row>
    <row r="238258" spans="14:14">
      <c r="N238258" s="10"/>
    </row>
    <row r="238259" spans="14:14">
      <c r="N238259" s="10"/>
    </row>
    <row r="238260" spans="14:14">
      <c r="N238260" s="10"/>
    </row>
    <row r="238261" spans="14:14">
      <c r="N238261" s="10"/>
    </row>
    <row r="238262" spans="14:14">
      <c r="N238262" s="10"/>
    </row>
    <row r="238263" spans="14:14">
      <c r="N238263" s="10"/>
    </row>
    <row r="238264" spans="14:14">
      <c r="N238264" s="10"/>
    </row>
    <row r="238265" spans="14:14">
      <c r="N238265" s="10"/>
    </row>
    <row r="238266" spans="14:14">
      <c r="N238266" s="10"/>
    </row>
    <row r="238267" spans="14:14">
      <c r="N238267" s="10"/>
    </row>
    <row r="238268" spans="14:14">
      <c r="N238268" s="10"/>
    </row>
    <row r="238269" spans="14:14">
      <c r="N238269" s="10"/>
    </row>
    <row r="238270" spans="14:14">
      <c r="N238270" s="10"/>
    </row>
    <row r="238271" spans="14:14">
      <c r="N238271" s="10"/>
    </row>
    <row r="238272" spans="14:14">
      <c r="N238272" s="10"/>
    </row>
    <row r="238273" spans="14:14">
      <c r="N238273" s="10"/>
    </row>
    <row r="238274" spans="14:14">
      <c r="N238274" s="10"/>
    </row>
    <row r="238275" spans="14:14">
      <c r="N238275" s="10"/>
    </row>
    <row r="238276" spans="14:14">
      <c r="N238276" s="10"/>
    </row>
    <row r="238277" spans="14:14">
      <c r="N238277" s="10"/>
    </row>
    <row r="238278" spans="14:14">
      <c r="N238278" s="10"/>
    </row>
    <row r="238279" spans="14:14">
      <c r="N238279" s="10"/>
    </row>
    <row r="238280" spans="14:14">
      <c r="N238280" s="10"/>
    </row>
    <row r="238281" spans="14:14">
      <c r="N238281" s="10"/>
    </row>
    <row r="238282" spans="14:14">
      <c r="N238282" s="10"/>
    </row>
    <row r="238283" spans="14:14">
      <c r="N238283" s="10"/>
    </row>
    <row r="238284" spans="14:14">
      <c r="N238284" s="10"/>
    </row>
    <row r="238285" spans="14:14">
      <c r="N238285" s="10"/>
    </row>
    <row r="238286" spans="14:14">
      <c r="N238286" s="10"/>
    </row>
    <row r="238287" spans="14:14">
      <c r="N238287" s="10"/>
    </row>
    <row r="238288" spans="14:14">
      <c r="N238288" s="10"/>
    </row>
    <row r="238289" spans="14:14">
      <c r="N238289" s="10"/>
    </row>
    <row r="238290" spans="14:14">
      <c r="N238290" s="10"/>
    </row>
    <row r="238291" spans="14:14">
      <c r="N238291" s="10"/>
    </row>
    <row r="238292" spans="14:14">
      <c r="N238292" s="10"/>
    </row>
    <row r="238293" spans="14:14">
      <c r="N238293" s="10"/>
    </row>
    <row r="238294" spans="14:14">
      <c r="N238294" s="10"/>
    </row>
    <row r="238295" spans="14:14">
      <c r="N238295" s="10"/>
    </row>
    <row r="238296" spans="14:14">
      <c r="N238296" s="10"/>
    </row>
    <row r="238297" spans="14:14">
      <c r="N238297" s="10"/>
    </row>
    <row r="238298" spans="14:14">
      <c r="N238298" s="10"/>
    </row>
    <row r="238299" spans="14:14">
      <c r="N238299" s="10"/>
    </row>
    <row r="238300" spans="14:14">
      <c r="N238300" s="10"/>
    </row>
    <row r="238301" spans="14:14">
      <c r="N238301" s="10"/>
    </row>
    <row r="238302" spans="14:14">
      <c r="N238302" s="10"/>
    </row>
    <row r="238303" spans="14:14">
      <c r="N238303" s="10"/>
    </row>
    <row r="238304" spans="14:14">
      <c r="N238304" s="10"/>
    </row>
    <row r="238305" spans="14:14">
      <c r="N238305" s="10"/>
    </row>
    <row r="238306" spans="14:14">
      <c r="N238306" s="10"/>
    </row>
    <row r="238307" spans="14:14">
      <c r="N238307" s="10"/>
    </row>
    <row r="238308" spans="14:14">
      <c r="N238308" s="10"/>
    </row>
    <row r="238309" spans="14:14">
      <c r="N238309" s="10"/>
    </row>
    <row r="238310" spans="14:14">
      <c r="N238310" s="10"/>
    </row>
    <row r="238311" spans="14:14">
      <c r="N238311" s="10"/>
    </row>
    <row r="238312" spans="14:14">
      <c r="N238312" s="10"/>
    </row>
    <row r="238313" spans="14:14">
      <c r="N238313" s="10"/>
    </row>
    <row r="238314" spans="14:14">
      <c r="N238314" s="10"/>
    </row>
    <row r="238315" spans="14:14">
      <c r="N238315" s="10"/>
    </row>
    <row r="238316" spans="14:14">
      <c r="N238316" s="10"/>
    </row>
    <row r="238317" spans="14:14">
      <c r="N238317" s="10"/>
    </row>
    <row r="238318" spans="14:14">
      <c r="N238318" s="10"/>
    </row>
    <row r="238319" spans="14:14">
      <c r="N238319" s="10"/>
    </row>
    <row r="238320" spans="14:14">
      <c r="N238320" s="10"/>
    </row>
    <row r="238321" spans="14:14">
      <c r="N238321" s="10"/>
    </row>
    <row r="238322" spans="14:14">
      <c r="N238322" s="10"/>
    </row>
    <row r="238323" spans="14:14">
      <c r="N238323" s="10"/>
    </row>
    <row r="238324" spans="14:14">
      <c r="N238324" s="10"/>
    </row>
    <row r="238325" spans="14:14">
      <c r="N238325" s="10"/>
    </row>
    <row r="238326" spans="14:14">
      <c r="N238326" s="10"/>
    </row>
    <row r="238327" spans="14:14">
      <c r="N238327" s="10"/>
    </row>
    <row r="238328" spans="14:14">
      <c r="N238328" s="10"/>
    </row>
    <row r="238329" spans="14:14">
      <c r="N238329" s="10"/>
    </row>
    <row r="238330" spans="14:14">
      <c r="N238330" s="10"/>
    </row>
    <row r="238331" spans="14:14">
      <c r="N238331" s="10"/>
    </row>
    <row r="238332" spans="14:14">
      <c r="N238332" s="10"/>
    </row>
    <row r="238333" spans="14:14">
      <c r="N238333" s="10"/>
    </row>
    <row r="238334" spans="14:14">
      <c r="N238334" s="10"/>
    </row>
    <row r="238335" spans="14:14">
      <c r="N238335" s="10"/>
    </row>
    <row r="238336" spans="14:14">
      <c r="N238336" s="10"/>
    </row>
    <row r="238337" spans="14:14">
      <c r="N238337" s="10"/>
    </row>
    <row r="238338" spans="14:14">
      <c r="N238338" s="10"/>
    </row>
    <row r="238339" spans="14:14">
      <c r="N238339" s="10"/>
    </row>
    <row r="238340" spans="14:14">
      <c r="N238340" s="10"/>
    </row>
    <row r="238341" spans="14:14">
      <c r="N238341" s="10"/>
    </row>
    <row r="238342" spans="14:14">
      <c r="N238342" s="10"/>
    </row>
    <row r="238343" spans="14:14">
      <c r="N238343" s="10"/>
    </row>
    <row r="238344" spans="14:14">
      <c r="N238344" s="10"/>
    </row>
    <row r="238345" spans="14:14">
      <c r="N238345" s="10"/>
    </row>
    <row r="238346" spans="14:14">
      <c r="N238346" s="10"/>
    </row>
    <row r="238347" spans="14:14">
      <c r="N238347" s="10"/>
    </row>
    <row r="238348" spans="14:14">
      <c r="N238348" s="10"/>
    </row>
    <row r="238349" spans="14:14">
      <c r="N238349" s="10"/>
    </row>
    <row r="238350" spans="14:14">
      <c r="N238350" s="10"/>
    </row>
    <row r="238351" spans="14:14">
      <c r="N238351" s="10"/>
    </row>
    <row r="238352" spans="14:14">
      <c r="N238352" s="10"/>
    </row>
    <row r="238353" spans="14:14">
      <c r="N238353" s="10"/>
    </row>
    <row r="238354" spans="14:14">
      <c r="N238354" s="10"/>
    </row>
    <row r="238355" spans="14:14">
      <c r="N238355" s="10"/>
    </row>
    <row r="238356" spans="14:14">
      <c r="N238356" s="10"/>
    </row>
    <row r="238357" spans="14:14">
      <c r="N238357" s="10"/>
    </row>
    <row r="238358" spans="14:14">
      <c r="N238358" s="10"/>
    </row>
    <row r="238359" spans="14:14">
      <c r="N238359" s="10"/>
    </row>
    <row r="238360" spans="14:14">
      <c r="N238360" s="10"/>
    </row>
    <row r="238361" spans="14:14">
      <c r="N238361" s="10"/>
    </row>
    <row r="238362" spans="14:14">
      <c r="N238362" s="10"/>
    </row>
    <row r="238363" spans="14:14">
      <c r="N238363" s="10"/>
    </row>
    <row r="238364" spans="14:14">
      <c r="N238364" s="10"/>
    </row>
    <row r="238365" spans="14:14">
      <c r="N238365" s="10"/>
    </row>
    <row r="238366" spans="14:14">
      <c r="N238366" s="10"/>
    </row>
    <row r="238367" spans="14:14">
      <c r="N238367" s="10"/>
    </row>
    <row r="238368" spans="14:14">
      <c r="N238368" s="10"/>
    </row>
    <row r="238369" spans="14:14">
      <c r="N238369" s="10"/>
    </row>
    <row r="238370" spans="14:14">
      <c r="N238370" s="10"/>
    </row>
    <row r="238371" spans="14:14">
      <c r="N238371" s="10"/>
    </row>
    <row r="238372" spans="14:14">
      <c r="N238372" s="10"/>
    </row>
    <row r="238373" spans="14:14">
      <c r="N238373" s="10"/>
    </row>
    <row r="238374" spans="14:14">
      <c r="N238374" s="10"/>
    </row>
    <row r="238375" spans="14:14">
      <c r="N238375" s="10"/>
    </row>
    <row r="238376" spans="14:14">
      <c r="N238376" s="10"/>
    </row>
    <row r="238377" spans="14:14">
      <c r="N238377" s="10"/>
    </row>
    <row r="238378" spans="14:14">
      <c r="N238378" s="10"/>
    </row>
    <row r="238379" spans="14:14">
      <c r="N238379" s="10"/>
    </row>
    <row r="238380" spans="14:14">
      <c r="N238380" s="10"/>
    </row>
    <row r="238381" spans="14:14">
      <c r="N238381" s="10"/>
    </row>
    <row r="238382" spans="14:14">
      <c r="N238382" s="10"/>
    </row>
    <row r="238383" spans="14:14">
      <c r="N238383" s="10"/>
    </row>
    <row r="238384" spans="14:14">
      <c r="N238384" s="10"/>
    </row>
    <row r="238385" spans="14:14">
      <c r="N238385" s="10"/>
    </row>
    <row r="238386" spans="14:14">
      <c r="N238386" s="10"/>
    </row>
    <row r="238387" spans="14:14">
      <c r="N238387" s="10"/>
    </row>
    <row r="238388" spans="14:14">
      <c r="N238388" s="10"/>
    </row>
    <row r="238389" spans="14:14">
      <c r="N238389" s="10"/>
    </row>
    <row r="238390" spans="14:14">
      <c r="N238390" s="10"/>
    </row>
    <row r="238391" spans="14:14">
      <c r="N238391" s="10"/>
    </row>
    <row r="238392" spans="14:14">
      <c r="N238392" s="10"/>
    </row>
    <row r="238393" spans="14:14">
      <c r="N238393" s="10"/>
    </row>
    <row r="238394" spans="14:14">
      <c r="N238394" s="10"/>
    </row>
    <row r="238395" spans="14:14">
      <c r="N238395" s="10"/>
    </row>
    <row r="238396" spans="14:14">
      <c r="N238396" s="10"/>
    </row>
    <row r="238397" spans="14:14">
      <c r="N238397" s="10"/>
    </row>
    <row r="238398" spans="14:14">
      <c r="N238398" s="10"/>
    </row>
    <row r="238399" spans="14:14">
      <c r="N238399" s="10"/>
    </row>
    <row r="238400" spans="14:14">
      <c r="N238400" s="10"/>
    </row>
    <row r="238401" spans="14:14">
      <c r="N238401" s="10"/>
    </row>
    <row r="238402" spans="14:14">
      <c r="N238402" s="10"/>
    </row>
    <row r="238403" spans="14:14">
      <c r="N238403" s="10"/>
    </row>
    <row r="238404" spans="14:14">
      <c r="N238404" s="10"/>
    </row>
    <row r="238405" spans="14:14">
      <c r="N238405" s="10"/>
    </row>
    <row r="238406" spans="14:14">
      <c r="N238406" s="10"/>
    </row>
    <row r="238407" spans="14:14">
      <c r="N238407" s="10"/>
    </row>
    <row r="238408" spans="14:14">
      <c r="N238408" s="10"/>
    </row>
    <row r="238409" spans="14:14">
      <c r="N238409" s="10"/>
    </row>
    <row r="238410" spans="14:14">
      <c r="N238410" s="10"/>
    </row>
    <row r="238411" spans="14:14">
      <c r="N238411" s="10"/>
    </row>
    <row r="238412" spans="14:14">
      <c r="N238412" s="10"/>
    </row>
    <row r="238413" spans="14:14">
      <c r="N238413" s="10"/>
    </row>
    <row r="238414" spans="14:14">
      <c r="N238414" s="10"/>
    </row>
    <row r="238415" spans="14:14">
      <c r="N238415" s="10"/>
    </row>
    <row r="238416" spans="14:14">
      <c r="N238416" s="10"/>
    </row>
    <row r="238417" spans="14:14">
      <c r="N238417" s="10"/>
    </row>
    <row r="238418" spans="14:14">
      <c r="N238418" s="10"/>
    </row>
    <row r="238419" spans="14:14">
      <c r="N238419" s="10"/>
    </row>
    <row r="238420" spans="14:14">
      <c r="N238420" s="10"/>
    </row>
    <row r="238421" spans="14:14">
      <c r="N238421" s="10"/>
    </row>
    <row r="238422" spans="14:14">
      <c r="N238422" s="10"/>
    </row>
    <row r="238423" spans="14:14">
      <c r="N238423" s="10"/>
    </row>
    <row r="238424" spans="14:14">
      <c r="N238424" s="10"/>
    </row>
    <row r="238425" spans="14:14">
      <c r="N238425" s="10"/>
    </row>
    <row r="238426" spans="14:14">
      <c r="N238426" s="10"/>
    </row>
    <row r="238427" spans="14:14">
      <c r="N238427" s="10"/>
    </row>
    <row r="238428" spans="14:14">
      <c r="N238428" s="10"/>
    </row>
    <row r="238429" spans="14:14">
      <c r="N238429" s="10"/>
    </row>
    <row r="238430" spans="14:14">
      <c r="N238430" s="10"/>
    </row>
    <row r="238431" spans="14:14">
      <c r="N238431" s="10"/>
    </row>
    <row r="238432" spans="14:14">
      <c r="N238432" s="10"/>
    </row>
    <row r="238433" spans="14:14">
      <c r="N238433" s="10"/>
    </row>
    <row r="238434" spans="14:14">
      <c r="N238434" s="10"/>
    </row>
    <row r="238435" spans="14:14">
      <c r="N238435" s="10"/>
    </row>
    <row r="238436" spans="14:14">
      <c r="N238436" s="10"/>
    </row>
    <row r="238437" spans="14:14">
      <c r="N238437" s="10"/>
    </row>
    <row r="238438" spans="14:14">
      <c r="N238438" s="10"/>
    </row>
    <row r="238439" spans="14:14">
      <c r="N238439" s="10"/>
    </row>
    <row r="238440" spans="14:14">
      <c r="N238440" s="10"/>
    </row>
    <row r="238441" spans="14:14">
      <c r="N238441" s="10"/>
    </row>
    <row r="238442" spans="14:14">
      <c r="N238442" s="10"/>
    </row>
    <row r="238443" spans="14:14">
      <c r="N238443" s="10"/>
    </row>
    <row r="238444" spans="14:14">
      <c r="N238444" s="10"/>
    </row>
    <row r="238445" spans="14:14">
      <c r="N238445" s="10"/>
    </row>
    <row r="238446" spans="14:14">
      <c r="N238446" s="10"/>
    </row>
    <row r="238447" spans="14:14">
      <c r="N238447" s="10"/>
    </row>
    <row r="238448" spans="14:14">
      <c r="N238448" s="10"/>
    </row>
    <row r="238449" spans="14:14">
      <c r="N238449" s="10"/>
    </row>
    <row r="238450" spans="14:14">
      <c r="N238450" s="10"/>
    </row>
    <row r="238451" spans="14:14">
      <c r="N238451" s="10"/>
    </row>
    <row r="238452" spans="14:14">
      <c r="N238452" s="10"/>
    </row>
    <row r="238453" spans="14:14">
      <c r="N238453" s="10"/>
    </row>
    <row r="238454" spans="14:14">
      <c r="N238454" s="10"/>
    </row>
    <row r="238455" spans="14:14">
      <c r="N238455" s="10"/>
    </row>
    <row r="238456" spans="14:14">
      <c r="N238456" s="10"/>
    </row>
    <row r="238457" spans="14:14">
      <c r="N238457" s="10"/>
    </row>
    <row r="238458" spans="14:14">
      <c r="N238458" s="10"/>
    </row>
    <row r="238459" spans="14:14">
      <c r="N238459" s="10"/>
    </row>
    <row r="238460" spans="14:14">
      <c r="N238460" s="10"/>
    </row>
    <row r="238461" spans="14:14">
      <c r="N238461" s="10"/>
    </row>
    <row r="238462" spans="14:14">
      <c r="N238462" s="10"/>
    </row>
    <row r="238463" spans="14:14">
      <c r="N238463" s="10"/>
    </row>
    <row r="238464" spans="14:14">
      <c r="N238464" s="10"/>
    </row>
    <row r="238465" spans="14:14">
      <c r="N238465" s="10"/>
    </row>
    <row r="238466" spans="14:14">
      <c r="N238466" s="10"/>
    </row>
    <row r="238467" spans="14:14">
      <c r="N238467" s="10"/>
    </row>
    <row r="238468" spans="14:14">
      <c r="N238468" s="10"/>
    </row>
    <row r="238469" spans="14:14">
      <c r="N238469" s="10"/>
    </row>
    <row r="238470" spans="14:14">
      <c r="N238470" s="10"/>
    </row>
    <row r="238471" spans="14:14">
      <c r="N238471" s="10"/>
    </row>
    <row r="238472" spans="14:14">
      <c r="N238472" s="10"/>
    </row>
    <row r="238473" spans="14:14">
      <c r="N238473" s="10"/>
    </row>
    <row r="238474" spans="14:14">
      <c r="N238474" s="10"/>
    </row>
    <row r="238475" spans="14:14">
      <c r="N238475" s="10"/>
    </row>
    <row r="238476" spans="14:14">
      <c r="N238476" s="10"/>
    </row>
    <row r="238477" spans="14:14">
      <c r="N238477" s="10"/>
    </row>
    <row r="238478" spans="14:14">
      <c r="N238478" s="10"/>
    </row>
    <row r="238479" spans="14:14">
      <c r="N238479" s="10"/>
    </row>
    <row r="238480" spans="14:14">
      <c r="N238480" s="10"/>
    </row>
    <row r="238481" spans="14:14">
      <c r="N238481" s="10"/>
    </row>
    <row r="238482" spans="14:14">
      <c r="N238482" s="10"/>
    </row>
    <row r="238483" spans="14:14">
      <c r="N238483" s="10"/>
    </row>
    <row r="238484" spans="14:14">
      <c r="N238484" s="10"/>
    </row>
    <row r="238485" spans="14:14">
      <c r="N238485" s="10"/>
    </row>
    <row r="238486" spans="14:14">
      <c r="N238486" s="10"/>
    </row>
    <row r="238487" spans="14:14">
      <c r="N238487" s="10"/>
    </row>
    <row r="238488" spans="14:14">
      <c r="N238488" s="10"/>
    </row>
    <row r="238489" spans="14:14">
      <c r="N238489" s="10"/>
    </row>
    <row r="238490" spans="14:14">
      <c r="N238490" s="10"/>
    </row>
    <row r="238491" spans="14:14">
      <c r="N238491" s="10"/>
    </row>
    <row r="238492" spans="14:14">
      <c r="N238492" s="10"/>
    </row>
    <row r="238493" spans="14:14">
      <c r="N238493" s="10"/>
    </row>
    <row r="238494" spans="14:14">
      <c r="N238494" s="10"/>
    </row>
    <row r="238495" spans="14:14">
      <c r="N238495" s="10"/>
    </row>
    <row r="238496" spans="14:14">
      <c r="N238496" s="10"/>
    </row>
    <row r="238497" spans="14:14">
      <c r="N238497" s="10"/>
    </row>
    <row r="238498" spans="14:14">
      <c r="N238498" s="10"/>
    </row>
    <row r="238499" spans="14:14">
      <c r="N238499" s="10"/>
    </row>
    <row r="238500" spans="14:14">
      <c r="N238500" s="10"/>
    </row>
    <row r="238501" spans="14:14">
      <c r="N238501" s="10"/>
    </row>
    <row r="238502" spans="14:14">
      <c r="N238502" s="10"/>
    </row>
    <row r="238503" spans="14:14">
      <c r="N238503" s="10"/>
    </row>
    <row r="238504" spans="14:14">
      <c r="N238504" s="10"/>
    </row>
    <row r="238505" spans="14:14">
      <c r="N238505" s="10"/>
    </row>
    <row r="238506" spans="14:14">
      <c r="N238506" s="10"/>
    </row>
    <row r="238507" spans="14:14">
      <c r="N238507" s="10"/>
    </row>
    <row r="238508" spans="14:14">
      <c r="N238508" s="10"/>
    </row>
    <row r="238509" spans="14:14">
      <c r="N238509" s="10"/>
    </row>
    <row r="238510" spans="14:14">
      <c r="N238510" s="10"/>
    </row>
    <row r="238511" spans="14:14">
      <c r="N238511" s="10"/>
    </row>
    <row r="238512" spans="14:14">
      <c r="N238512" s="10"/>
    </row>
    <row r="238513" spans="14:14">
      <c r="N238513" s="10"/>
    </row>
    <row r="238514" spans="14:14">
      <c r="N238514" s="10"/>
    </row>
    <row r="238515" spans="14:14">
      <c r="N238515" s="10"/>
    </row>
    <row r="238516" spans="14:14">
      <c r="N238516" s="10"/>
    </row>
    <row r="238517" spans="14:14">
      <c r="N238517" s="10"/>
    </row>
    <row r="238518" spans="14:14">
      <c r="N238518" s="10"/>
    </row>
    <row r="238519" spans="14:14">
      <c r="N238519" s="10"/>
    </row>
    <row r="238520" spans="14:14">
      <c r="N238520" s="10"/>
    </row>
    <row r="238521" spans="14:14">
      <c r="N238521" s="10"/>
    </row>
    <row r="238522" spans="14:14">
      <c r="N238522" s="10"/>
    </row>
    <row r="238523" spans="14:14">
      <c r="N238523" s="10"/>
    </row>
    <row r="238524" spans="14:14">
      <c r="N238524" s="10"/>
    </row>
    <row r="238525" spans="14:14">
      <c r="N238525" s="10"/>
    </row>
    <row r="238526" spans="14:14">
      <c r="N238526" s="10"/>
    </row>
    <row r="238527" spans="14:14">
      <c r="N238527" s="10"/>
    </row>
    <row r="238528" spans="14:14">
      <c r="N238528" s="10"/>
    </row>
    <row r="238529" spans="14:14">
      <c r="N238529" s="10"/>
    </row>
    <row r="238530" spans="14:14">
      <c r="N238530" s="10"/>
    </row>
    <row r="238531" spans="14:14">
      <c r="N238531" s="10"/>
    </row>
    <row r="238532" spans="14:14">
      <c r="N238532" s="10"/>
    </row>
    <row r="238533" spans="14:14">
      <c r="N238533" s="10"/>
    </row>
    <row r="238534" spans="14:14">
      <c r="N238534" s="10"/>
    </row>
    <row r="238535" spans="14:14">
      <c r="N238535" s="10"/>
    </row>
    <row r="238536" spans="14:14">
      <c r="N238536" s="10"/>
    </row>
    <row r="238537" spans="14:14">
      <c r="N238537" s="10"/>
    </row>
    <row r="238538" spans="14:14">
      <c r="N238538" s="10"/>
    </row>
    <row r="238539" spans="14:14">
      <c r="N238539" s="10"/>
    </row>
    <row r="238540" spans="14:14">
      <c r="N238540" s="10"/>
    </row>
    <row r="238541" spans="14:14">
      <c r="N238541" s="10"/>
    </row>
    <row r="238542" spans="14:14">
      <c r="N238542" s="10"/>
    </row>
    <row r="238543" spans="14:14">
      <c r="N238543" s="10"/>
    </row>
    <row r="238544" spans="14:14">
      <c r="N238544" s="10"/>
    </row>
    <row r="238545" spans="14:14">
      <c r="N238545" s="10"/>
    </row>
    <row r="238546" spans="14:14">
      <c r="N238546" s="10"/>
    </row>
    <row r="238547" spans="14:14">
      <c r="N238547" s="10"/>
    </row>
    <row r="238548" spans="14:14">
      <c r="N238548" s="10"/>
    </row>
    <row r="238549" spans="14:14">
      <c r="N238549" s="10"/>
    </row>
    <row r="238550" spans="14:14">
      <c r="N238550" s="10"/>
    </row>
    <row r="238551" spans="14:14">
      <c r="N238551" s="10"/>
    </row>
    <row r="238552" spans="14:14">
      <c r="N238552" s="10"/>
    </row>
    <row r="238553" spans="14:14">
      <c r="N238553" s="10"/>
    </row>
    <row r="238554" spans="14:14">
      <c r="N238554" s="10"/>
    </row>
    <row r="238555" spans="14:14">
      <c r="N238555" s="10"/>
    </row>
    <row r="238556" spans="14:14">
      <c r="N238556" s="10"/>
    </row>
    <row r="238557" spans="14:14">
      <c r="N238557" s="10"/>
    </row>
    <row r="238558" spans="14:14">
      <c r="N238558" s="10"/>
    </row>
    <row r="238559" spans="14:14">
      <c r="N238559" s="10"/>
    </row>
    <row r="238560" spans="14:14">
      <c r="N238560" s="10"/>
    </row>
    <row r="238561" spans="14:14">
      <c r="N238561" s="10"/>
    </row>
    <row r="238562" spans="14:14">
      <c r="N238562" s="10"/>
    </row>
    <row r="238563" spans="14:14">
      <c r="N238563" s="10"/>
    </row>
    <row r="238564" spans="14:14">
      <c r="N238564" s="10"/>
    </row>
    <row r="238565" spans="14:14">
      <c r="N238565" s="10"/>
    </row>
    <row r="238566" spans="14:14">
      <c r="N238566" s="10"/>
    </row>
    <row r="238567" spans="14:14">
      <c r="N238567" s="10"/>
    </row>
    <row r="238568" spans="14:14">
      <c r="N238568" s="10"/>
    </row>
    <row r="238569" spans="14:14">
      <c r="N238569" s="10"/>
    </row>
    <row r="238570" spans="14:14">
      <c r="N238570" s="10"/>
    </row>
    <row r="238571" spans="14:14">
      <c r="N238571" s="10"/>
    </row>
    <row r="238572" spans="14:14">
      <c r="N238572" s="10"/>
    </row>
    <row r="238573" spans="14:14">
      <c r="N238573" s="10"/>
    </row>
    <row r="238574" spans="14:14">
      <c r="N238574" s="10"/>
    </row>
    <row r="238575" spans="14:14">
      <c r="N238575" s="10"/>
    </row>
    <row r="238576" spans="14:14">
      <c r="N238576" s="10"/>
    </row>
    <row r="238577" spans="14:14">
      <c r="N238577" s="10"/>
    </row>
    <row r="238578" spans="14:14">
      <c r="N238578" s="10"/>
    </row>
    <row r="238579" spans="14:14">
      <c r="N238579" s="10"/>
    </row>
    <row r="238580" spans="14:14">
      <c r="N238580" s="10"/>
    </row>
    <row r="238581" spans="14:14">
      <c r="N238581" s="10"/>
    </row>
    <row r="238582" spans="14:14">
      <c r="N238582" s="10"/>
    </row>
    <row r="238583" spans="14:14">
      <c r="N238583" s="10"/>
    </row>
    <row r="238584" spans="14:14">
      <c r="N238584" s="10"/>
    </row>
    <row r="238585" spans="14:14">
      <c r="N238585" s="10"/>
    </row>
    <row r="238586" spans="14:14">
      <c r="N238586" s="10"/>
    </row>
    <row r="238587" spans="14:14">
      <c r="N238587" s="10"/>
    </row>
    <row r="238588" spans="14:14">
      <c r="N238588" s="10"/>
    </row>
    <row r="238589" spans="14:14">
      <c r="N238589" s="10"/>
    </row>
    <row r="238590" spans="14:14">
      <c r="N238590" s="10"/>
    </row>
    <row r="238591" spans="14:14">
      <c r="N238591" s="10"/>
    </row>
    <row r="238592" spans="14:14">
      <c r="N238592" s="10"/>
    </row>
    <row r="238593" spans="14:14">
      <c r="N238593" s="10"/>
    </row>
    <row r="238594" spans="14:14">
      <c r="N238594" s="10"/>
    </row>
    <row r="238595" spans="14:14">
      <c r="N238595" s="10"/>
    </row>
    <row r="238596" spans="14:14">
      <c r="N238596" s="10"/>
    </row>
    <row r="238597" spans="14:14">
      <c r="N238597" s="10"/>
    </row>
    <row r="238598" spans="14:14">
      <c r="N238598" s="10"/>
    </row>
    <row r="238599" spans="14:14">
      <c r="N238599" s="10"/>
    </row>
    <row r="238600" spans="14:14">
      <c r="N238600" s="10"/>
    </row>
    <row r="238601" spans="14:14">
      <c r="N238601" s="10"/>
    </row>
    <row r="238602" spans="14:14">
      <c r="N238602" s="10"/>
    </row>
    <row r="238603" spans="14:14">
      <c r="N238603" s="10"/>
    </row>
    <row r="238604" spans="14:14">
      <c r="N238604" s="10"/>
    </row>
    <row r="238605" spans="14:14">
      <c r="N238605" s="10"/>
    </row>
    <row r="238606" spans="14:14">
      <c r="N238606" s="10"/>
    </row>
    <row r="238607" spans="14:14">
      <c r="N238607" s="10"/>
    </row>
    <row r="238608" spans="14:14">
      <c r="N238608" s="10"/>
    </row>
    <row r="238609" spans="14:14">
      <c r="N238609" s="10"/>
    </row>
    <row r="238610" spans="14:14">
      <c r="N238610" s="10"/>
    </row>
    <row r="238611" spans="14:14">
      <c r="N238611" s="10"/>
    </row>
    <row r="238612" spans="14:14">
      <c r="N238612" s="10"/>
    </row>
    <row r="238613" spans="14:14">
      <c r="N238613" s="10"/>
    </row>
    <row r="238614" spans="14:14">
      <c r="N238614" s="10"/>
    </row>
    <row r="238615" spans="14:14">
      <c r="N238615" s="10"/>
    </row>
    <row r="238616" spans="14:14">
      <c r="N238616" s="10"/>
    </row>
    <row r="238617" spans="14:14">
      <c r="N238617" s="10"/>
    </row>
    <row r="238618" spans="14:14">
      <c r="N238618" s="10"/>
    </row>
    <row r="238619" spans="14:14">
      <c r="N238619" s="10"/>
    </row>
    <row r="238620" spans="14:14">
      <c r="N238620" s="10"/>
    </row>
    <row r="238621" spans="14:14">
      <c r="N238621" s="10"/>
    </row>
    <row r="238622" spans="14:14">
      <c r="N238622" s="10"/>
    </row>
    <row r="238623" spans="14:14">
      <c r="N238623" s="10"/>
    </row>
    <row r="238624" spans="14:14">
      <c r="N238624" s="10"/>
    </row>
    <row r="238625" spans="14:14">
      <c r="N238625" s="10"/>
    </row>
    <row r="238626" spans="14:14">
      <c r="N238626" s="10"/>
    </row>
    <row r="238627" spans="14:14">
      <c r="N238627" s="10"/>
    </row>
    <row r="238628" spans="14:14">
      <c r="N238628" s="10"/>
    </row>
    <row r="238629" spans="14:14">
      <c r="N238629" s="10"/>
    </row>
    <row r="238630" spans="14:14">
      <c r="N238630" s="10"/>
    </row>
    <row r="238631" spans="14:14">
      <c r="N238631" s="10"/>
    </row>
    <row r="238632" spans="14:14">
      <c r="N238632" s="10"/>
    </row>
    <row r="238633" spans="14:14">
      <c r="N238633" s="10"/>
    </row>
    <row r="238634" spans="14:14">
      <c r="N238634" s="10"/>
    </row>
    <row r="238635" spans="14:14">
      <c r="N238635" s="10"/>
    </row>
    <row r="238636" spans="14:14">
      <c r="N238636" s="10"/>
    </row>
    <row r="238637" spans="14:14">
      <c r="N238637" s="10"/>
    </row>
    <row r="238638" spans="14:14">
      <c r="N238638" s="10"/>
    </row>
    <row r="238639" spans="14:14">
      <c r="N238639" s="10"/>
    </row>
    <row r="238640" spans="14:14">
      <c r="N238640" s="10"/>
    </row>
    <row r="238641" spans="14:14">
      <c r="N238641" s="10"/>
    </row>
    <row r="238642" spans="14:14">
      <c r="N238642" s="10"/>
    </row>
    <row r="238643" spans="14:14">
      <c r="N238643" s="10"/>
    </row>
    <row r="238644" spans="14:14">
      <c r="N238644" s="10"/>
    </row>
    <row r="238645" spans="14:14">
      <c r="N238645" s="10"/>
    </row>
    <row r="238646" spans="14:14">
      <c r="N238646" s="10"/>
    </row>
    <row r="238647" spans="14:14">
      <c r="N238647" s="10"/>
    </row>
    <row r="238648" spans="14:14">
      <c r="N238648" s="10"/>
    </row>
    <row r="238649" spans="14:14">
      <c r="N238649" s="10"/>
    </row>
    <row r="238650" spans="14:14">
      <c r="N238650" s="10"/>
    </row>
    <row r="238651" spans="14:14">
      <c r="N238651" s="10"/>
    </row>
    <row r="238652" spans="14:14">
      <c r="N238652" s="10"/>
    </row>
    <row r="238653" spans="14:14">
      <c r="N238653" s="10"/>
    </row>
    <row r="238654" spans="14:14">
      <c r="N238654" s="10"/>
    </row>
    <row r="238655" spans="14:14">
      <c r="N238655" s="10"/>
    </row>
    <row r="238656" spans="14:14">
      <c r="N238656" s="10"/>
    </row>
    <row r="238657" spans="14:14">
      <c r="N238657" s="10"/>
    </row>
    <row r="238658" spans="14:14">
      <c r="N238658" s="10"/>
    </row>
    <row r="238659" spans="14:14">
      <c r="N238659" s="10"/>
    </row>
    <row r="238660" spans="14:14">
      <c r="N238660" s="10"/>
    </row>
    <row r="238661" spans="14:14">
      <c r="N238661" s="10"/>
    </row>
    <row r="238662" spans="14:14">
      <c r="N238662" s="10"/>
    </row>
    <row r="238663" spans="14:14">
      <c r="N238663" s="10"/>
    </row>
    <row r="238664" spans="14:14">
      <c r="N238664" s="10"/>
    </row>
    <row r="238665" spans="14:14">
      <c r="N238665" s="10"/>
    </row>
    <row r="238666" spans="14:14">
      <c r="N238666" s="10"/>
    </row>
    <row r="238667" spans="14:14">
      <c r="N238667" s="10"/>
    </row>
    <row r="238668" spans="14:14">
      <c r="N238668" s="10"/>
    </row>
    <row r="238669" spans="14:14">
      <c r="N238669" s="10"/>
    </row>
    <row r="238670" spans="14:14">
      <c r="N238670" s="10"/>
    </row>
    <row r="238671" spans="14:14">
      <c r="N238671" s="10"/>
    </row>
    <row r="238672" spans="14:14">
      <c r="N238672" s="10"/>
    </row>
    <row r="238673" spans="14:14">
      <c r="N238673" s="10"/>
    </row>
    <row r="238674" spans="14:14">
      <c r="N238674" s="10"/>
    </row>
    <row r="238675" spans="14:14">
      <c r="N238675" s="10"/>
    </row>
    <row r="238676" spans="14:14">
      <c r="N238676" s="10"/>
    </row>
    <row r="238677" spans="14:14">
      <c r="N238677" s="10"/>
    </row>
    <row r="238678" spans="14:14">
      <c r="N238678" s="10"/>
    </row>
    <row r="238679" spans="14:14">
      <c r="N238679" s="10"/>
    </row>
    <row r="238680" spans="14:14">
      <c r="N238680" s="10"/>
    </row>
    <row r="238681" spans="14:14">
      <c r="N238681" s="10"/>
    </row>
    <row r="238682" spans="14:14">
      <c r="N238682" s="10"/>
    </row>
    <row r="238683" spans="14:14">
      <c r="N238683" s="10"/>
    </row>
    <row r="238684" spans="14:14">
      <c r="N238684" s="10"/>
    </row>
    <row r="238685" spans="14:14">
      <c r="N238685" s="10"/>
    </row>
    <row r="238686" spans="14:14">
      <c r="N238686" s="10"/>
    </row>
    <row r="238687" spans="14:14">
      <c r="N238687" s="10"/>
    </row>
    <row r="238688" spans="14:14">
      <c r="N238688" s="10"/>
    </row>
    <row r="238689" spans="14:14">
      <c r="N238689" s="10"/>
    </row>
    <row r="238690" spans="14:14">
      <c r="N238690" s="10"/>
    </row>
    <row r="238691" spans="14:14">
      <c r="N238691" s="10"/>
    </row>
    <row r="238692" spans="14:14">
      <c r="N238692" s="10"/>
    </row>
    <row r="238693" spans="14:14">
      <c r="N238693" s="10"/>
    </row>
    <row r="238694" spans="14:14">
      <c r="N238694" s="10"/>
    </row>
    <row r="238695" spans="14:14">
      <c r="N238695" s="10"/>
    </row>
    <row r="238696" spans="14:14">
      <c r="N238696" s="10"/>
    </row>
    <row r="238697" spans="14:14">
      <c r="N238697" s="10"/>
    </row>
    <row r="238698" spans="14:14">
      <c r="N238698" s="10"/>
    </row>
    <row r="238699" spans="14:14">
      <c r="N238699" s="10"/>
    </row>
    <row r="238700" spans="14:14">
      <c r="N238700" s="10"/>
    </row>
    <row r="238701" spans="14:14">
      <c r="N238701" s="10"/>
    </row>
    <row r="238702" spans="14:14">
      <c r="N238702" s="10"/>
    </row>
    <row r="238703" spans="14:14">
      <c r="N238703" s="10"/>
    </row>
    <row r="238704" spans="14:14">
      <c r="N238704" s="10"/>
    </row>
    <row r="238705" spans="14:14">
      <c r="N238705" s="10"/>
    </row>
    <row r="238706" spans="14:14">
      <c r="N238706" s="10"/>
    </row>
    <row r="238707" spans="14:14">
      <c r="N238707" s="10"/>
    </row>
    <row r="238708" spans="14:14">
      <c r="N238708" s="10"/>
    </row>
    <row r="238709" spans="14:14">
      <c r="N238709" s="10"/>
    </row>
    <row r="238710" spans="14:14">
      <c r="N238710" s="10"/>
    </row>
    <row r="238711" spans="14:14">
      <c r="N238711" s="10"/>
    </row>
    <row r="238712" spans="14:14">
      <c r="N238712" s="10"/>
    </row>
    <row r="238713" spans="14:14">
      <c r="N238713" s="10"/>
    </row>
    <row r="238714" spans="14:14">
      <c r="N238714" s="10"/>
    </row>
    <row r="238715" spans="14:14">
      <c r="N238715" s="10"/>
    </row>
    <row r="238716" spans="14:14">
      <c r="N238716" s="10"/>
    </row>
    <row r="238717" spans="14:14">
      <c r="N238717" s="10"/>
    </row>
    <row r="238718" spans="14:14">
      <c r="N238718" s="10"/>
    </row>
    <row r="238719" spans="14:14">
      <c r="N238719" s="10"/>
    </row>
    <row r="238720" spans="14:14">
      <c r="N238720" s="10"/>
    </row>
    <row r="238721" spans="14:14">
      <c r="N238721" s="10"/>
    </row>
    <row r="238722" spans="14:14">
      <c r="N238722" s="10"/>
    </row>
    <row r="238723" spans="14:14">
      <c r="N238723" s="10"/>
    </row>
    <row r="238724" spans="14:14">
      <c r="N238724" s="10"/>
    </row>
    <row r="238725" spans="14:14">
      <c r="N238725" s="10"/>
    </row>
    <row r="238726" spans="14:14">
      <c r="N238726" s="10"/>
    </row>
    <row r="238727" spans="14:14">
      <c r="N238727" s="10"/>
    </row>
    <row r="238728" spans="14:14">
      <c r="N238728" s="10"/>
    </row>
    <row r="238729" spans="14:14">
      <c r="N238729" s="10"/>
    </row>
    <row r="238730" spans="14:14">
      <c r="N238730" s="10"/>
    </row>
    <row r="238731" spans="14:14">
      <c r="N238731" s="10"/>
    </row>
    <row r="238732" spans="14:14">
      <c r="N238732" s="10"/>
    </row>
    <row r="238733" spans="14:14">
      <c r="N238733" s="10"/>
    </row>
    <row r="238734" spans="14:14">
      <c r="N238734" s="10"/>
    </row>
    <row r="238735" spans="14:14">
      <c r="N238735" s="10"/>
    </row>
    <row r="238736" spans="14:14">
      <c r="N238736" s="10"/>
    </row>
    <row r="238737" spans="14:14">
      <c r="N238737" s="10"/>
    </row>
    <row r="238738" spans="14:14">
      <c r="N238738" s="10"/>
    </row>
    <row r="238739" spans="14:14">
      <c r="N238739" s="10"/>
    </row>
    <row r="238740" spans="14:14">
      <c r="N238740" s="10"/>
    </row>
    <row r="238741" spans="14:14">
      <c r="N238741" s="10"/>
    </row>
    <row r="238742" spans="14:14">
      <c r="N238742" s="10"/>
    </row>
    <row r="238743" spans="14:14">
      <c r="N238743" s="10"/>
    </row>
    <row r="238744" spans="14:14">
      <c r="N238744" s="10"/>
    </row>
    <row r="238745" spans="14:14">
      <c r="N238745" s="10"/>
    </row>
    <row r="238746" spans="14:14">
      <c r="N238746" s="10"/>
    </row>
    <row r="238747" spans="14:14">
      <c r="N238747" s="10"/>
    </row>
    <row r="238748" spans="14:14">
      <c r="N238748" s="10"/>
    </row>
    <row r="238749" spans="14:14">
      <c r="N238749" s="10"/>
    </row>
    <row r="238750" spans="14:14">
      <c r="N238750" s="10"/>
    </row>
    <row r="238751" spans="14:14">
      <c r="N238751" s="10"/>
    </row>
    <row r="238752" spans="14:14">
      <c r="N238752" s="10"/>
    </row>
    <row r="238753" spans="14:14">
      <c r="N238753" s="10"/>
    </row>
    <row r="238754" spans="14:14">
      <c r="N238754" s="10"/>
    </row>
    <row r="238755" spans="14:14">
      <c r="N238755" s="10"/>
    </row>
    <row r="238756" spans="14:14">
      <c r="N238756" s="10"/>
    </row>
    <row r="238757" spans="14:14">
      <c r="N238757" s="10"/>
    </row>
    <row r="238758" spans="14:14">
      <c r="N238758" s="10"/>
    </row>
    <row r="238759" spans="14:14">
      <c r="N238759" s="10"/>
    </row>
    <row r="238760" spans="14:14">
      <c r="N238760" s="10"/>
    </row>
    <row r="238761" spans="14:14">
      <c r="N238761" s="10"/>
    </row>
    <row r="238762" spans="14:14">
      <c r="N238762" s="10"/>
    </row>
    <row r="238763" spans="14:14">
      <c r="N238763" s="10"/>
    </row>
    <row r="238764" spans="14:14">
      <c r="N238764" s="10"/>
    </row>
    <row r="238765" spans="14:14">
      <c r="N238765" s="10"/>
    </row>
    <row r="238766" spans="14:14">
      <c r="N238766" s="10"/>
    </row>
    <row r="238767" spans="14:14">
      <c r="N238767" s="10"/>
    </row>
    <row r="238768" spans="14:14">
      <c r="N238768" s="10"/>
    </row>
    <row r="238769" spans="14:14">
      <c r="N238769" s="10"/>
    </row>
    <row r="238770" spans="14:14">
      <c r="N238770" s="10"/>
    </row>
    <row r="238771" spans="14:14">
      <c r="N238771" s="10"/>
    </row>
    <row r="238772" spans="14:14">
      <c r="N238772" s="10"/>
    </row>
    <row r="238773" spans="14:14">
      <c r="N238773" s="10"/>
    </row>
    <row r="238774" spans="14:14">
      <c r="N238774" s="10"/>
    </row>
    <row r="238775" spans="14:14">
      <c r="N238775" s="10"/>
    </row>
    <row r="238776" spans="14:14">
      <c r="N238776" s="10"/>
    </row>
    <row r="238777" spans="14:14">
      <c r="N238777" s="10"/>
    </row>
    <row r="238778" spans="14:14">
      <c r="N238778" s="10"/>
    </row>
    <row r="238779" spans="14:14">
      <c r="N238779" s="10"/>
    </row>
    <row r="238780" spans="14:14">
      <c r="N238780" s="10"/>
    </row>
    <row r="238781" spans="14:14">
      <c r="N238781" s="10"/>
    </row>
    <row r="238782" spans="14:14">
      <c r="N238782" s="10"/>
    </row>
    <row r="238783" spans="14:14">
      <c r="N238783" s="10"/>
    </row>
    <row r="238784" spans="14:14">
      <c r="N238784" s="10"/>
    </row>
    <row r="238785" spans="14:14">
      <c r="N238785" s="10"/>
    </row>
    <row r="238786" spans="14:14">
      <c r="N238786" s="10"/>
    </row>
    <row r="238787" spans="14:14">
      <c r="N238787" s="10"/>
    </row>
    <row r="238788" spans="14:14">
      <c r="N238788" s="10"/>
    </row>
    <row r="238789" spans="14:14">
      <c r="N238789" s="10"/>
    </row>
    <row r="238790" spans="14:14">
      <c r="N238790" s="10"/>
    </row>
    <row r="238791" spans="14:14">
      <c r="N238791" s="10"/>
    </row>
    <row r="238792" spans="14:14">
      <c r="N238792" s="10"/>
    </row>
    <row r="238793" spans="14:14">
      <c r="N238793" s="10"/>
    </row>
    <row r="238794" spans="14:14">
      <c r="N238794" s="10"/>
    </row>
    <row r="238795" spans="14:14">
      <c r="N238795" s="10"/>
    </row>
    <row r="238796" spans="14:14">
      <c r="N238796" s="10"/>
    </row>
    <row r="238797" spans="14:14">
      <c r="N238797" s="10"/>
    </row>
    <row r="238798" spans="14:14">
      <c r="N238798" s="10"/>
    </row>
    <row r="238799" spans="14:14">
      <c r="N238799" s="10"/>
    </row>
    <row r="238800" spans="14:14">
      <c r="N238800" s="10"/>
    </row>
    <row r="238801" spans="14:14">
      <c r="N238801" s="10"/>
    </row>
    <row r="238802" spans="14:14">
      <c r="N238802" s="10"/>
    </row>
    <row r="238803" spans="14:14">
      <c r="N238803" s="10"/>
    </row>
    <row r="238804" spans="14:14">
      <c r="N238804" s="10"/>
    </row>
    <row r="238805" spans="14:14">
      <c r="N238805" s="10"/>
    </row>
    <row r="238806" spans="14:14">
      <c r="N238806" s="10"/>
    </row>
    <row r="238807" spans="14:14">
      <c r="N238807" s="10"/>
    </row>
    <row r="238808" spans="14:14">
      <c r="N238808" s="10"/>
    </row>
    <row r="238809" spans="14:14">
      <c r="N238809" s="10"/>
    </row>
    <row r="238810" spans="14:14">
      <c r="N238810" s="10"/>
    </row>
    <row r="238811" spans="14:14">
      <c r="N238811" s="10"/>
    </row>
    <row r="238812" spans="14:14">
      <c r="N238812" s="10"/>
    </row>
    <row r="238813" spans="14:14">
      <c r="N238813" s="10"/>
    </row>
    <row r="238814" spans="14:14">
      <c r="N238814" s="10"/>
    </row>
    <row r="238815" spans="14:14">
      <c r="N238815" s="10"/>
    </row>
    <row r="238816" spans="14:14">
      <c r="N238816" s="10"/>
    </row>
    <row r="238817" spans="14:14">
      <c r="N238817" s="10"/>
    </row>
    <row r="238818" spans="14:14">
      <c r="N238818" s="10"/>
    </row>
    <row r="238819" spans="14:14">
      <c r="N238819" s="10"/>
    </row>
    <row r="238820" spans="14:14">
      <c r="N238820" s="10"/>
    </row>
    <row r="238821" spans="14:14">
      <c r="N238821" s="10"/>
    </row>
    <row r="238822" spans="14:14">
      <c r="N238822" s="10"/>
    </row>
    <row r="238823" spans="14:14">
      <c r="N238823" s="10"/>
    </row>
    <row r="238824" spans="14:14">
      <c r="N238824" s="10"/>
    </row>
    <row r="238825" spans="14:14">
      <c r="N238825" s="10"/>
    </row>
    <row r="238826" spans="14:14">
      <c r="N238826" s="10"/>
    </row>
    <row r="238827" spans="14:14">
      <c r="N238827" s="10"/>
    </row>
    <row r="238828" spans="14:14">
      <c r="N238828" s="10"/>
    </row>
    <row r="238829" spans="14:14">
      <c r="N238829" s="10"/>
    </row>
    <row r="238830" spans="14:14">
      <c r="N238830" s="10"/>
    </row>
    <row r="238831" spans="14:14">
      <c r="N238831" s="10"/>
    </row>
    <row r="238832" spans="14:14">
      <c r="N238832" s="10"/>
    </row>
    <row r="238833" spans="14:14">
      <c r="N238833" s="10"/>
    </row>
    <row r="238834" spans="14:14">
      <c r="N238834" s="10"/>
    </row>
    <row r="238835" spans="14:14">
      <c r="N238835" s="10"/>
    </row>
    <row r="238836" spans="14:14">
      <c r="N238836" s="10"/>
    </row>
    <row r="238837" spans="14:14">
      <c r="N238837" s="10"/>
    </row>
    <row r="238838" spans="14:14">
      <c r="N238838" s="10"/>
    </row>
    <row r="238839" spans="14:14">
      <c r="N238839" s="10"/>
    </row>
    <row r="238840" spans="14:14">
      <c r="N238840" s="10"/>
    </row>
    <row r="238841" spans="14:14">
      <c r="N238841" s="10"/>
    </row>
    <row r="238842" spans="14:14">
      <c r="N238842" s="10"/>
    </row>
    <row r="238843" spans="14:14">
      <c r="N238843" s="10"/>
    </row>
    <row r="238844" spans="14:14">
      <c r="N238844" s="10"/>
    </row>
    <row r="238845" spans="14:14">
      <c r="N238845" s="10"/>
    </row>
    <row r="238846" spans="14:14">
      <c r="N238846" s="10"/>
    </row>
    <row r="238847" spans="14:14">
      <c r="N238847" s="10"/>
    </row>
    <row r="238848" spans="14:14">
      <c r="N238848" s="10"/>
    </row>
    <row r="238849" spans="14:14">
      <c r="N238849" s="10"/>
    </row>
    <row r="238850" spans="14:14">
      <c r="N238850" s="10"/>
    </row>
    <row r="238851" spans="14:14">
      <c r="N238851" s="10"/>
    </row>
    <row r="238852" spans="14:14">
      <c r="N238852" s="10"/>
    </row>
    <row r="238853" spans="14:14">
      <c r="N238853" s="10"/>
    </row>
    <row r="238854" spans="14:14">
      <c r="N238854" s="10"/>
    </row>
    <row r="238855" spans="14:14">
      <c r="N238855" s="10"/>
    </row>
    <row r="238856" spans="14:14">
      <c r="N238856" s="10"/>
    </row>
    <row r="238857" spans="14:14">
      <c r="N238857" s="10"/>
    </row>
    <row r="238858" spans="14:14">
      <c r="N238858" s="10"/>
    </row>
    <row r="238859" spans="14:14">
      <c r="N238859" s="10"/>
    </row>
    <row r="238860" spans="14:14">
      <c r="N238860" s="10"/>
    </row>
    <row r="238861" spans="14:14">
      <c r="N238861" s="10"/>
    </row>
    <row r="238862" spans="14:14">
      <c r="N238862" s="10"/>
    </row>
    <row r="238863" spans="14:14">
      <c r="N238863" s="10"/>
    </row>
    <row r="238864" spans="14:14">
      <c r="N238864" s="10"/>
    </row>
    <row r="238865" spans="14:14">
      <c r="N238865" s="10"/>
    </row>
    <row r="238866" spans="14:14">
      <c r="N238866" s="10"/>
    </row>
    <row r="238867" spans="14:14">
      <c r="N238867" s="10"/>
    </row>
    <row r="238868" spans="14:14">
      <c r="N238868" s="10"/>
    </row>
    <row r="238869" spans="14:14">
      <c r="N238869" s="10"/>
    </row>
    <row r="238870" spans="14:14">
      <c r="N238870" s="10"/>
    </row>
    <row r="238871" spans="14:14">
      <c r="N238871" s="10"/>
    </row>
    <row r="238872" spans="14:14">
      <c r="N238872" s="10"/>
    </row>
    <row r="238873" spans="14:14">
      <c r="N238873" s="10"/>
    </row>
    <row r="238874" spans="14:14">
      <c r="N238874" s="10"/>
    </row>
    <row r="238875" spans="14:14">
      <c r="N238875" s="10"/>
    </row>
    <row r="238876" spans="14:14">
      <c r="N238876" s="10"/>
    </row>
    <row r="238877" spans="14:14">
      <c r="N238877" s="10"/>
    </row>
    <row r="238878" spans="14:14">
      <c r="N238878" s="10"/>
    </row>
    <row r="238879" spans="14:14">
      <c r="N238879" s="10"/>
    </row>
    <row r="238880" spans="14:14">
      <c r="N238880" s="10"/>
    </row>
    <row r="238881" spans="14:14">
      <c r="N238881" s="10"/>
    </row>
    <row r="238882" spans="14:14">
      <c r="N238882" s="10"/>
    </row>
    <row r="238883" spans="14:14">
      <c r="N238883" s="10"/>
    </row>
    <row r="238884" spans="14:14">
      <c r="N238884" s="10"/>
    </row>
    <row r="238885" spans="14:14">
      <c r="N238885" s="10"/>
    </row>
    <row r="238886" spans="14:14">
      <c r="N238886" s="10"/>
    </row>
    <row r="238887" spans="14:14">
      <c r="N238887" s="10"/>
    </row>
    <row r="238888" spans="14:14">
      <c r="N238888" s="10"/>
    </row>
    <row r="238889" spans="14:14">
      <c r="N238889" s="10"/>
    </row>
    <row r="238890" spans="14:14">
      <c r="N238890" s="10"/>
    </row>
    <row r="238891" spans="14:14">
      <c r="N238891" s="10"/>
    </row>
    <row r="238892" spans="14:14">
      <c r="N238892" s="10"/>
    </row>
    <row r="238893" spans="14:14">
      <c r="N238893" s="10"/>
    </row>
    <row r="238894" spans="14:14">
      <c r="N238894" s="10"/>
    </row>
    <row r="238895" spans="14:14">
      <c r="N238895" s="10"/>
    </row>
    <row r="238896" spans="14:14">
      <c r="N238896" s="10"/>
    </row>
    <row r="238897" spans="14:14">
      <c r="N238897" s="10"/>
    </row>
    <row r="238898" spans="14:14">
      <c r="N238898" s="10"/>
    </row>
    <row r="238899" spans="14:14">
      <c r="N238899" s="10"/>
    </row>
    <row r="238900" spans="14:14">
      <c r="N238900" s="10"/>
    </row>
    <row r="238901" spans="14:14">
      <c r="N238901" s="10"/>
    </row>
    <row r="238902" spans="14:14">
      <c r="N238902" s="10"/>
    </row>
    <row r="238903" spans="14:14">
      <c r="N238903" s="10"/>
    </row>
    <row r="238904" spans="14:14">
      <c r="N238904" s="10"/>
    </row>
    <row r="238905" spans="14:14">
      <c r="N238905" s="10"/>
    </row>
    <row r="238906" spans="14:14">
      <c r="N238906" s="10"/>
    </row>
    <row r="238907" spans="14:14">
      <c r="N238907" s="10"/>
    </row>
    <row r="238908" spans="14:14">
      <c r="N238908" s="10"/>
    </row>
    <row r="238909" spans="14:14">
      <c r="N238909" s="10"/>
    </row>
    <row r="238910" spans="14:14">
      <c r="N238910" s="10"/>
    </row>
    <row r="238911" spans="14:14">
      <c r="N238911" s="10"/>
    </row>
    <row r="238912" spans="14:14">
      <c r="N238912" s="10"/>
    </row>
    <row r="238913" spans="14:14">
      <c r="N238913" s="10"/>
    </row>
    <row r="238914" spans="14:14">
      <c r="N238914" s="10"/>
    </row>
    <row r="238915" spans="14:14">
      <c r="N238915" s="10"/>
    </row>
    <row r="238916" spans="14:14">
      <c r="N238916" s="10"/>
    </row>
    <row r="238917" spans="14:14">
      <c r="N238917" s="10"/>
    </row>
    <row r="238918" spans="14:14">
      <c r="N238918" s="10"/>
    </row>
    <row r="238919" spans="14:14">
      <c r="N238919" s="10"/>
    </row>
    <row r="238920" spans="14:14">
      <c r="N238920" s="10"/>
    </row>
    <row r="238921" spans="14:14">
      <c r="N238921" s="10"/>
    </row>
    <row r="238922" spans="14:14">
      <c r="N238922" s="10"/>
    </row>
    <row r="238923" spans="14:14">
      <c r="N238923" s="10"/>
    </row>
    <row r="238924" spans="14:14">
      <c r="N238924" s="10"/>
    </row>
    <row r="238925" spans="14:14">
      <c r="N238925" s="10"/>
    </row>
    <row r="238926" spans="14:14">
      <c r="N238926" s="10"/>
    </row>
    <row r="238927" spans="14:14">
      <c r="N238927" s="10"/>
    </row>
    <row r="238928" spans="14:14">
      <c r="N238928" s="10"/>
    </row>
    <row r="238929" spans="14:14">
      <c r="N238929" s="10"/>
    </row>
    <row r="238930" spans="14:14">
      <c r="N238930" s="10"/>
    </row>
    <row r="238931" spans="14:14">
      <c r="N238931" s="10"/>
    </row>
    <row r="238932" spans="14:14">
      <c r="N238932" s="10"/>
    </row>
    <row r="238933" spans="14:14">
      <c r="N238933" s="10"/>
    </row>
    <row r="238934" spans="14:14">
      <c r="N238934" s="10"/>
    </row>
    <row r="238935" spans="14:14">
      <c r="N238935" s="10"/>
    </row>
    <row r="238936" spans="14:14">
      <c r="N238936" s="10"/>
    </row>
    <row r="238937" spans="14:14">
      <c r="N238937" s="10"/>
    </row>
    <row r="238938" spans="14:14">
      <c r="N238938" s="10"/>
    </row>
    <row r="238939" spans="14:14">
      <c r="N238939" s="10"/>
    </row>
    <row r="238940" spans="14:14">
      <c r="N238940" s="10"/>
    </row>
    <row r="238941" spans="14:14">
      <c r="N238941" s="10"/>
    </row>
    <row r="238942" spans="14:14">
      <c r="N238942" s="10"/>
    </row>
    <row r="238943" spans="14:14">
      <c r="N238943" s="10"/>
    </row>
    <row r="238944" spans="14:14">
      <c r="N238944" s="10"/>
    </row>
    <row r="238945" spans="14:14">
      <c r="N238945" s="10"/>
    </row>
    <row r="238946" spans="14:14">
      <c r="N238946" s="10"/>
    </row>
    <row r="238947" spans="14:14">
      <c r="N238947" s="10"/>
    </row>
    <row r="238948" spans="14:14">
      <c r="N238948" s="10"/>
    </row>
    <row r="238949" spans="14:14">
      <c r="N238949" s="10"/>
    </row>
    <row r="238950" spans="14:14">
      <c r="N238950" s="10"/>
    </row>
    <row r="238951" spans="14:14">
      <c r="N238951" s="10"/>
    </row>
    <row r="238952" spans="14:14">
      <c r="N238952" s="10"/>
    </row>
    <row r="238953" spans="14:14">
      <c r="N238953" s="10"/>
    </row>
    <row r="238954" spans="14:14">
      <c r="N238954" s="10"/>
    </row>
    <row r="238955" spans="14:14">
      <c r="N238955" s="10"/>
    </row>
    <row r="238956" spans="14:14">
      <c r="N238956" s="10"/>
    </row>
    <row r="238957" spans="14:14">
      <c r="N238957" s="10"/>
    </row>
    <row r="238958" spans="14:14">
      <c r="N238958" s="10"/>
    </row>
    <row r="238959" spans="14:14">
      <c r="N238959" s="10"/>
    </row>
    <row r="238960" spans="14:14">
      <c r="N238960" s="10"/>
    </row>
    <row r="238961" spans="14:14">
      <c r="N238961" s="10"/>
    </row>
    <row r="238962" spans="14:14">
      <c r="N238962" s="10"/>
    </row>
    <row r="238963" spans="14:14">
      <c r="N238963" s="10"/>
    </row>
    <row r="238964" spans="14:14">
      <c r="N238964" s="10"/>
    </row>
    <row r="238965" spans="14:14">
      <c r="N238965" s="10"/>
    </row>
    <row r="238966" spans="14:14">
      <c r="N238966" s="10"/>
    </row>
    <row r="238967" spans="14:14">
      <c r="N238967" s="10"/>
    </row>
    <row r="238968" spans="14:14">
      <c r="N238968" s="10"/>
    </row>
    <row r="238969" spans="14:14">
      <c r="N238969" s="10"/>
    </row>
    <row r="238970" spans="14:14">
      <c r="N238970" s="10"/>
    </row>
    <row r="238971" spans="14:14">
      <c r="N238971" s="10"/>
    </row>
    <row r="238972" spans="14:14">
      <c r="N238972" s="10"/>
    </row>
    <row r="238973" spans="14:14">
      <c r="N238973" s="10"/>
    </row>
    <row r="238974" spans="14:14">
      <c r="N238974" s="10"/>
    </row>
    <row r="238975" spans="14:14">
      <c r="N238975" s="10"/>
    </row>
    <row r="238976" spans="14:14">
      <c r="N238976" s="10"/>
    </row>
    <row r="238977" spans="14:14">
      <c r="N238977" s="10"/>
    </row>
    <row r="238978" spans="14:14">
      <c r="N238978" s="10"/>
    </row>
    <row r="238979" spans="14:14">
      <c r="N238979" s="10"/>
    </row>
    <row r="238980" spans="14:14">
      <c r="N238980" s="10"/>
    </row>
    <row r="238981" spans="14:14">
      <c r="N238981" s="10"/>
    </row>
    <row r="238982" spans="14:14">
      <c r="N238982" s="10"/>
    </row>
    <row r="238983" spans="14:14">
      <c r="N238983" s="10"/>
    </row>
    <row r="238984" spans="14:14">
      <c r="N238984" s="10"/>
    </row>
    <row r="238985" spans="14:14">
      <c r="N238985" s="10"/>
    </row>
    <row r="238986" spans="14:14">
      <c r="N238986" s="10"/>
    </row>
    <row r="238987" spans="14:14">
      <c r="N238987" s="10"/>
    </row>
    <row r="238988" spans="14:14">
      <c r="N238988" s="10"/>
    </row>
    <row r="238989" spans="14:14">
      <c r="N238989" s="10"/>
    </row>
    <row r="238990" spans="14:14">
      <c r="N238990" s="10"/>
    </row>
    <row r="238991" spans="14:14">
      <c r="N238991" s="10"/>
    </row>
    <row r="238992" spans="14:14">
      <c r="N238992" s="10"/>
    </row>
    <row r="238993" spans="14:14">
      <c r="N238993" s="10"/>
    </row>
    <row r="238994" spans="14:14">
      <c r="N238994" s="10"/>
    </row>
    <row r="238995" spans="14:14">
      <c r="N238995" s="10"/>
    </row>
    <row r="238996" spans="14:14">
      <c r="N238996" s="10"/>
    </row>
    <row r="238997" spans="14:14">
      <c r="N238997" s="10"/>
    </row>
    <row r="238998" spans="14:14">
      <c r="N238998" s="10"/>
    </row>
    <row r="238999" spans="14:14">
      <c r="N238999" s="10"/>
    </row>
    <row r="239000" spans="14:14">
      <c r="N239000" s="10"/>
    </row>
    <row r="239001" spans="14:14">
      <c r="N239001" s="10"/>
    </row>
    <row r="239002" spans="14:14">
      <c r="N239002" s="10"/>
    </row>
    <row r="239003" spans="14:14">
      <c r="N239003" s="10"/>
    </row>
    <row r="239004" spans="14:14">
      <c r="N239004" s="10"/>
    </row>
    <row r="239005" spans="14:14">
      <c r="N239005" s="10"/>
    </row>
    <row r="239006" spans="14:14">
      <c r="N239006" s="10"/>
    </row>
    <row r="239007" spans="14:14">
      <c r="N239007" s="10"/>
    </row>
    <row r="239008" spans="14:14">
      <c r="N239008" s="10"/>
    </row>
    <row r="239009" spans="14:14">
      <c r="N239009" s="10"/>
    </row>
    <row r="239010" spans="14:14">
      <c r="N239010" s="10"/>
    </row>
    <row r="239011" spans="14:14">
      <c r="N239011" s="10"/>
    </row>
    <row r="239012" spans="14:14">
      <c r="N239012" s="10"/>
    </row>
    <row r="239013" spans="14:14">
      <c r="N239013" s="10"/>
    </row>
    <row r="239014" spans="14:14">
      <c r="N239014" s="10"/>
    </row>
    <row r="239015" spans="14:14">
      <c r="N239015" s="10"/>
    </row>
    <row r="239016" spans="14:14">
      <c r="N239016" s="10"/>
    </row>
    <row r="239017" spans="14:14">
      <c r="N239017" s="10"/>
    </row>
    <row r="239018" spans="14:14">
      <c r="N239018" s="10"/>
    </row>
    <row r="239019" spans="14:14">
      <c r="N239019" s="10"/>
    </row>
    <row r="239020" spans="14:14">
      <c r="N239020" s="10"/>
    </row>
    <row r="239021" spans="14:14">
      <c r="N239021" s="10"/>
    </row>
    <row r="239022" spans="14:14">
      <c r="N239022" s="10"/>
    </row>
    <row r="239023" spans="14:14">
      <c r="N239023" s="10"/>
    </row>
    <row r="239024" spans="14:14">
      <c r="N239024" s="10"/>
    </row>
    <row r="239025" spans="14:14">
      <c r="N239025" s="10"/>
    </row>
    <row r="239026" spans="14:14">
      <c r="N239026" s="10"/>
    </row>
    <row r="239027" spans="14:14">
      <c r="N239027" s="10"/>
    </row>
    <row r="239028" spans="14:14">
      <c r="N239028" s="10"/>
    </row>
    <row r="239029" spans="14:14">
      <c r="N239029" s="10"/>
    </row>
    <row r="239030" spans="14:14">
      <c r="N239030" s="10"/>
    </row>
    <row r="239031" spans="14:14">
      <c r="N239031" s="10"/>
    </row>
    <row r="239032" spans="14:14">
      <c r="N239032" s="10"/>
    </row>
    <row r="239033" spans="14:14">
      <c r="N239033" s="10"/>
    </row>
    <row r="239034" spans="14:14">
      <c r="N239034" s="10"/>
    </row>
    <row r="239035" spans="14:14">
      <c r="N239035" s="10"/>
    </row>
    <row r="239036" spans="14:14">
      <c r="N239036" s="10"/>
    </row>
    <row r="239037" spans="14:14">
      <c r="N239037" s="10"/>
    </row>
    <row r="239038" spans="14:14">
      <c r="N239038" s="10"/>
    </row>
    <row r="239039" spans="14:14">
      <c r="N239039" s="10"/>
    </row>
    <row r="239040" spans="14:14">
      <c r="N239040" s="10"/>
    </row>
    <row r="239041" spans="14:14">
      <c r="N239041" s="10"/>
    </row>
    <row r="239042" spans="14:14">
      <c r="N239042" s="10"/>
    </row>
    <row r="239043" spans="14:14">
      <c r="N239043" s="10"/>
    </row>
    <row r="239044" spans="14:14">
      <c r="N239044" s="10"/>
    </row>
    <row r="239045" spans="14:14">
      <c r="N239045" s="10"/>
    </row>
    <row r="239046" spans="14:14">
      <c r="N239046" s="10"/>
    </row>
    <row r="239047" spans="14:14">
      <c r="N239047" s="10"/>
    </row>
    <row r="239048" spans="14:14">
      <c r="N239048" s="10"/>
    </row>
    <row r="239049" spans="14:14">
      <c r="N239049" s="10"/>
    </row>
    <row r="239050" spans="14:14">
      <c r="N239050" s="10"/>
    </row>
    <row r="239051" spans="14:14">
      <c r="N239051" s="10"/>
    </row>
    <row r="239052" spans="14:14">
      <c r="N239052" s="10"/>
    </row>
    <row r="239053" spans="14:14">
      <c r="N239053" s="10"/>
    </row>
    <row r="239054" spans="14:14">
      <c r="N239054" s="10"/>
    </row>
    <row r="239055" spans="14:14">
      <c r="N239055" s="10"/>
    </row>
    <row r="239056" spans="14:14">
      <c r="N239056" s="10"/>
    </row>
    <row r="239057" spans="14:14">
      <c r="N239057" s="10"/>
    </row>
    <row r="239058" spans="14:14">
      <c r="N239058" s="10"/>
    </row>
    <row r="239059" spans="14:14">
      <c r="N239059" s="10"/>
    </row>
    <row r="239060" spans="14:14">
      <c r="N239060" s="10"/>
    </row>
    <row r="239061" spans="14:14">
      <c r="N239061" s="10"/>
    </row>
    <row r="239062" spans="14:14">
      <c r="N239062" s="10"/>
    </row>
    <row r="239063" spans="14:14">
      <c r="N239063" s="10"/>
    </row>
    <row r="239064" spans="14:14">
      <c r="N239064" s="10"/>
    </row>
    <row r="239065" spans="14:14">
      <c r="N239065" s="10"/>
    </row>
    <row r="239066" spans="14:14">
      <c r="N239066" s="10"/>
    </row>
    <row r="239067" spans="14:14">
      <c r="N239067" s="10"/>
    </row>
    <row r="239068" spans="14:14">
      <c r="N239068" s="10"/>
    </row>
    <row r="239069" spans="14:14">
      <c r="N239069" s="10"/>
    </row>
    <row r="239070" spans="14:14">
      <c r="N239070" s="10"/>
    </row>
    <row r="239071" spans="14:14">
      <c r="N239071" s="10"/>
    </row>
    <row r="239072" spans="14:14">
      <c r="N239072" s="10"/>
    </row>
    <row r="239073" spans="14:14">
      <c r="N239073" s="10"/>
    </row>
    <row r="239074" spans="14:14">
      <c r="N239074" s="10"/>
    </row>
    <row r="239075" spans="14:14">
      <c r="N239075" s="10"/>
    </row>
    <row r="239076" spans="14:14">
      <c r="N239076" s="10"/>
    </row>
    <row r="239077" spans="14:14">
      <c r="N239077" s="10"/>
    </row>
    <row r="239078" spans="14:14">
      <c r="N239078" s="10"/>
    </row>
    <row r="239079" spans="14:14">
      <c r="N239079" s="10"/>
    </row>
    <row r="239080" spans="14:14">
      <c r="N239080" s="10"/>
    </row>
    <row r="239081" spans="14:14">
      <c r="N239081" s="10"/>
    </row>
    <row r="239082" spans="14:14">
      <c r="N239082" s="10"/>
    </row>
    <row r="239083" spans="14:14">
      <c r="N239083" s="10"/>
    </row>
    <row r="239084" spans="14:14">
      <c r="N239084" s="10"/>
    </row>
    <row r="239085" spans="14:14">
      <c r="N239085" s="10"/>
    </row>
    <row r="239086" spans="14:14">
      <c r="N239086" s="10"/>
    </row>
    <row r="239087" spans="14:14">
      <c r="N239087" s="10"/>
    </row>
    <row r="239088" spans="14:14">
      <c r="N239088" s="10"/>
    </row>
    <row r="239089" spans="14:14">
      <c r="N239089" s="10"/>
    </row>
    <row r="239090" spans="14:14">
      <c r="N239090" s="10"/>
    </row>
    <row r="239091" spans="14:14">
      <c r="N239091" s="10"/>
    </row>
    <row r="239092" spans="14:14">
      <c r="N239092" s="10"/>
    </row>
    <row r="239093" spans="14:14">
      <c r="N239093" s="10"/>
    </row>
    <row r="239094" spans="14:14">
      <c r="N239094" s="10"/>
    </row>
    <row r="239095" spans="14:14">
      <c r="N239095" s="10"/>
    </row>
    <row r="239096" spans="14:14">
      <c r="N239096" s="10"/>
    </row>
    <row r="239097" spans="14:14">
      <c r="N239097" s="10"/>
    </row>
    <row r="239098" spans="14:14">
      <c r="N239098" s="10"/>
    </row>
    <row r="239099" spans="14:14">
      <c r="N239099" s="10"/>
    </row>
    <row r="239100" spans="14:14">
      <c r="N239100" s="10"/>
    </row>
    <row r="239101" spans="14:14">
      <c r="N239101" s="10"/>
    </row>
    <row r="239102" spans="14:14">
      <c r="N239102" s="10"/>
    </row>
    <row r="239103" spans="14:14">
      <c r="N239103" s="10"/>
    </row>
    <row r="239104" spans="14:14">
      <c r="N239104" s="10"/>
    </row>
    <row r="239105" spans="14:14">
      <c r="N239105" s="10"/>
    </row>
    <row r="239106" spans="14:14">
      <c r="N239106" s="10"/>
    </row>
    <row r="239107" spans="14:14">
      <c r="N239107" s="10"/>
    </row>
    <row r="239108" spans="14:14">
      <c r="N239108" s="10"/>
    </row>
    <row r="239109" spans="14:14">
      <c r="N239109" s="10"/>
    </row>
    <row r="239110" spans="14:14">
      <c r="N239110" s="10"/>
    </row>
    <row r="239111" spans="14:14">
      <c r="N239111" s="10"/>
    </row>
    <row r="239112" spans="14:14">
      <c r="N239112" s="10"/>
    </row>
    <row r="239113" spans="14:14">
      <c r="N239113" s="10"/>
    </row>
    <row r="239114" spans="14:14">
      <c r="N239114" s="10"/>
    </row>
    <row r="239115" spans="14:14">
      <c r="N239115" s="10"/>
    </row>
    <row r="239116" spans="14:14">
      <c r="N239116" s="10"/>
    </row>
    <row r="239117" spans="14:14">
      <c r="N239117" s="10"/>
    </row>
    <row r="239118" spans="14:14">
      <c r="N239118" s="10"/>
    </row>
    <row r="239119" spans="14:14">
      <c r="N239119" s="10"/>
    </row>
    <row r="239120" spans="14:14">
      <c r="N239120" s="10"/>
    </row>
    <row r="239121" spans="14:14">
      <c r="N239121" s="10"/>
    </row>
    <row r="239122" spans="14:14">
      <c r="N239122" s="10"/>
    </row>
    <row r="239123" spans="14:14">
      <c r="N239123" s="10"/>
    </row>
    <row r="239124" spans="14:14">
      <c r="N239124" s="10"/>
    </row>
    <row r="239125" spans="14:14">
      <c r="N239125" s="10"/>
    </row>
    <row r="239126" spans="14:14">
      <c r="N239126" s="10"/>
    </row>
    <row r="239127" spans="14:14">
      <c r="N239127" s="10"/>
    </row>
    <row r="239128" spans="14:14">
      <c r="N239128" s="10"/>
    </row>
    <row r="239129" spans="14:14">
      <c r="N239129" s="10"/>
    </row>
    <row r="239130" spans="14:14">
      <c r="N239130" s="10"/>
    </row>
    <row r="239131" spans="14:14">
      <c r="N239131" s="10"/>
    </row>
    <row r="239132" spans="14:14">
      <c r="N239132" s="10"/>
    </row>
    <row r="239133" spans="14:14">
      <c r="N239133" s="10"/>
    </row>
    <row r="239134" spans="14:14">
      <c r="N239134" s="10"/>
    </row>
    <row r="239135" spans="14:14">
      <c r="N239135" s="10"/>
    </row>
    <row r="239136" spans="14:14">
      <c r="N239136" s="10"/>
    </row>
    <row r="239137" spans="14:14">
      <c r="N239137" s="10"/>
    </row>
    <row r="239138" spans="14:14">
      <c r="N239138" s="10"/>
    </row>
    <row r="239139" spans="14:14">
      <c r="N239139" s="10"/>
    </row>
    <row r="239140" spans="14:14">
      <c r="N239140" s="10"/>
    </row>
    <row r="239141" spans="14:14">
      <c r="N239141" s="10"/>
    </row>
    <row r="239142" spans="14:14">
      <c r="N239142" s="10"/>
    </row>
    <row r="239143" spans="14:14">
      <c r="N239143" s="10"/>
    </row>
    <row r="239144" spans="14:14">
      <c r="N239144" s="10"/>
    </row>
    <row r="239145" spans="14:14">
      <c r="N239145" s="10"/>
    </row>
    <row r="239146" spans="14:14">
      <c r="N239146" s="10"/>
    </row>
    <row r="239147" spans="14:14">
      <c r="N239147" s="10"/>
    </row>
    <row r="239148" spans="14:14">
      <c r="N239148" s="10"/>
    </row>
    <row r="239149" spans="14:14">
      <c r="N239149" s="10"/>
    </row>
    <row r="239150" spans="14:14">
      <c r="N239150" s="10"/>
    </row>
    <row r="239151" spans="14:14">
      <c r="N239151" s="10"/>
    </row>
    <row r="239152" spans="14:14">
      <c r="N239152" s="10"/>
    </row>
    <row r="239153" spans="14:14">
      <c r="N239153" s="10"/>
    </row>
    <row r="239154" spans="14:14">
      <c r="N239154" s="10"/>
    </row>
    <row r="239155" spans="14:14">
      <c r="N239155" s="10"/>
    </row>
    <row r="239156" spans="14:14">
      <c r="N239156" s="10"/>
    </row>
    <row r="239157" spans="14:14">
      <c r="N239157" s="10"/>
    </row>
    <row r="239158" spans="14:14">
      <c r="N239158" s="10"/>
    </row>
    <row r="239159" spans="14:14">
      <c r="N239159" s="10"/>
    </row>
    <row r="239160" spans="14:14">
      <c r="N239160" s="10"/>
    </row>
    <row r="239161" spans="14:14">
      <c r="N239161" s="10"/>
    </row>
    <row r="239162" spans="14:14">
      <c r="N239162" s="10"/>
    </row>
    <row r="239163" spans="14:14">
      <c r="N239163" s="10"/>
    </row>
    <row r="239164" spans="14:14">
      <c r="N239164" s="10"/>
    </row>
    <row r="239165" spans="14:14">
      <c r="N239165" s="10"/>
    </row>
    <row r="239166" spans="14:14">
      <c r="N239166" s="10"/>
    </row>
    <row r="239167" spans="14:14">
      <c r="N239167" s="10"/>
    </row>
    <row r="239168" spans="14:14">
      <c r="N239168" s="10"/>
    </row>
    <row r="239169" spans="14:14">
      <c r="N239169" s="10"/>
    </row>
    <row r="239170" spans="14:14">
      <c r="N239170" s="10"/>
    </row>
    <row r="239171" spans="14:14">
      <c r="N239171" s="10"/>
    </row>
    <row r="239172" spans="14:14">
      <c r="N239172" s="10"/>
    </row>
    <row r="239173" spans="14:14">
      <c r="N239173" s="10"/>
    </row>
    <row r="239174" spans="14:14">
      <c r="N239174" s="10"/>
    </row>
    <row r="239175" spans="14:14">
      <c r="N239175" s="10"/>
    </row>
    <row r="239176" spans="14:14">
      <c r="N239176" s="10"/>
    </row>
    <row r="239177" spans="14:14">
      <c r="N239177" s="10"/>
    </row>
    <row r="239178" spans="14:14">
      <c r="N239178" s="10"/>
    </row>
    <row r="239179" spans="14:14">
      <c r="N239179" s="10"/>
    </row>
    <row r="239180" spans="14:14">
      <c r="N239180" s="10"/>
    </row>
    <row r="239181" spans="14:14">
      <c r="N239181" s="10"/>
    </row>
    <row r="239182" spans="14:14">
      <c r="N239182" s="10"/>
    </row>
    <row r="239183" spans="14:14">
      <c r="N239183" s="10"/>
    </row>
    <row r="239184" spans="14:14">
      <c r="N239184" s="10"/>
    </row>
    <row r="239185" spans="14:14">
      <c r="N239185" s="10"/>
    </row>
    <row r="239186" spans="14:14">
      <c r="N239186" s="10"/>
    </row>
    <row r="239187" spans="14:14">
      <c r="N239187" s="10"/>
    </row>
    <row r="239188" spans="14:14">
      <c r="N239188" s="10"/>
    </row>
    <row r="239189" spans="14:14">
      <c r="N239189" s="10"/>
    </row>
    <row r="239190" spans="14:14">
      <c r="N239190" s="10"/>
    </row>
    <row r="239191" spans="14:14">
      <c r="N239191" s="10"/>
    </row>
    <row r="239192" spans="14:14">
      <c r="N239192" s="10"/>
    </row>
    <row r="239193" spans="14:14">
      <c r="N239193" s="10"/>
    </row>
    <row r="239194" spans="14:14">
      <c r="N239194" s="10"/>
    </row>
    <row r="239195" spans="14:14">
      <c r="N239195" s="10"/>
    </row>
    <row r="239196" spans="14:14">
      <c r="N239196" s="10"/>
    </row>
    <row r="239197" spans="14:14">
      <c r="N239197" s="10"/>
    </row>
    <row r="239198" spans="14:14">
      <c r="N239198" s="10"/>
    </row>
    <row r="239199" spans="14:14">
      <c r="N239199" s="10"/>
    </row>
    <row r="239200" spans="14:14">
      <c r="N239200" s="10"/>
    </row>
    <row r="239201" spans="14:14">
      <c r="N239201" s="10"/>
    </row>
    <row r="239202" spans="14:14">
      <c r="N239202" s="10"/>
    </row>
    <row r="239203" spans="14:14">
      <c r="N239203" s="10"/>
    </row>
    <row r="239204" spans="14:14">
      <c r="N239204" s="10"/>
    </row>
    <row r="239205" spans="14:14">
      <c r="N239205" s="10"/>
    </row>
    <row r="239206" spans="14:14">
      <c r="N239206" s="10"/>
    </row>
    <row r="239207" spans="14:14">
      <c r="N239207" s="10"/>
    </row>
    <row r="239208" spans="14:14">
      <c r="N239208" s="10"/>
    </row>
    <row r="239209" spans="14:14">
      <c r="N239209" s="10"/>
    </row>
    <row r="239210" spans="14:14">
      <c r="N239210" s="10"/>
    </row>
    <row r="239211" spans="14:14">
      <c r="N239211" s="10"/>
    </row>
    <row r="239212" spans="14:14">
      <c r="N239212" s="10"/>
    </row>
    <row r="239213" spans="14:14">
      <c r="N239213" s="10"/>
    </row>
    <row r="239214" spans="14:14">
      <c r="N239214" s="10"/>
    </row>
    <row r="239215" spans="14:14">
      <c r="N239215" s="10"/>
    </row>
    <row r="239216" spans="14:14">
      <c r="N239216" s="10"/>
    </row>
    <row r="239217" spans="14:14">
      <c r="N239217" s="10"/>
    </row>
    <row r="239218" spans="14:14">
      <c r="N239218" s="10"/>
    </row>
    <row r="239219" spans="14:14">
      <c r="N239219" s="10"/>
    </row>
    <row r="239220" spans="14:14">
      <c r="N239220" s="10"/>
    </row>
    <row r="239221" spans="14:14">
      <c r="N239221" s="10"/>
    </row>
    <row r="239222" spans="14:14">
      <c r="N239222" s="10"/>
    </row>
    <row r="239223" spans="14:14">
      <c r="N239223" s="10"/>
    </row>
    <row r="239224" spans="14:14">
      <c r="N239224" s="10"/>
    </row>
    <row r="239225" spans="14:14">
      <c r="N239225" s="10"/>
    </row>
    <row r="239226" spans="14:14">
      <c r="N239226" s="10"/>
    </row>
    <row r="239227" spans="14:14">
      <c r="N239227" s="10"/>
    </row>
    <row r="239228" spans="14:14">
      <c r="N239228" s="10"/>
    </row>
    <row r="239229" spans="14:14">
      <c r="N239229" s="10"/>
    </row>
    <row r="239230" spans="14:14">
      <c r="N239230" s="10"/>
    </row>
    <row r="239231" spans="14:14">
      <c r="N239231" s="10"/>
    </row>
    <row r="239232" spans="14:14">
      <c r="N239232" s="10"/>
    </row>
    <row r="239233" spans="14:14">
      <c r="N239233" s="10"/>
    </row>
    <row r="239234" spans="14:14">
      <c r="N239234" s="10"/>
    </row>
    <row r="239235" spans="14:14">
      <c r="N239235" s="10"/>
    </row>
    <row r="239236" spans="14:14">
      <c r="N239236" s="10"/>
    </row>
    <row r="239237" spans="14:14">
      <c r="N239237" s="10"/>
    </row>
    <row r="239238" spans="14:14">
      <c r="N239238" s="10"/>
    </row>
    <row r="239239" spans="14:14">
      <c r="N239239" s="10"/>
    </row>
    <row r="239240" spans="14:14">
      <c r="N239240" s="10"/>
    </row>
    <row r="239241" spans="14:14">
      <c r="N239241" s="10"/>
    </row>
    <row r="239242" spans="14:14">
      <c r="N239242" s="10"/>
    </row>
    <row r="239243" spans="14:14">
      <c r="N239243" s="10"/>
    </row>
    <row r="239244" spans="14:14">
      <c r="N239244" s="10"/>
    </row>
    <row r="239245" spans="14:14">
      <c r="N239245" s="10"/>
    </row>
    <row r="239246" spans="14:14">
      <c r="N239246" s="10"/>
    </row>
    <row r="239247" spans="14:14">
      <c r="N239247" s="10"/>
    </row>
    <row r="239248" spans="14:14">
      <c r="N239248" s="10"/>
    </row>
    <row r="239249" spans="14:14">
      <c r="N239249" s="10"/>
    </row>
    <row r="239250" spans="14:14">
      <c r="N239250" s="10"/>
    </row>
    <row r="239251" spans="14:14">
      <c r="N239251" s="10"/>
    </row>
    <row r="239252" spans="14:14">
      <c r="N239252" s="10"/>
    </row>
    <row r="239253" spans="14:14">
      <c r="N239253" s="10"/>
    </row>
    <row r="239254" spans="14:14">
      <c r="N239254" s="10"/>
    </row>
    <row r="239255" spans="14:14">
      <c r="N239255" s="10"/>
    </row>
    <row r="239256" spans="14:14">
      <c r="N239256" s="10"/>
    </row>
    <row r="239257" spans="14:14">
      <c r="N239257" s="10"/>
    </row>
    <row r="239258" spans="14:14">
      <c r="N239258" s="10"/>
    </row>
    <row r="239259" spans="14:14">
      <c r="N239259" s="10"/>
    </row>
    <row r="239260" spans="14:14">
      <c r="N239260" s="10"/>
    </row>
    <row r="239261" spans="14:14">
      <c r="N239261" s="10"/>
    </row>
    <row r="239262" spans="14:14">
      <c r="N239262" s="10"/>
    </row>
    <row r="239263" spans="14:14">
      <c r="N239263" s="10"/>
    </row>
    <row r="239264" spans="14:14">
      <c r="N239264" s="10"/>
    </row>
    <row r="239265" spans="14:14">
      <c r="N239265" s="10"/>
    </row>
    <row r="239266" spans="14:14">
      <c r="N239266" s="10"/>
    </row>
    <row r="239267" spans="14:14">
      <c r="N239267" s="10"/>
    </row>
    <row r="239268" spans="14:14">
      <c r="N239268" s="10"/>
    </row>
    <row r="239269" spans="14:14">
      <c r="N239269" s="10"/>
    </row>
    <row r="239270" spans="14:14">
      <c r="N239270" s="10"/>
    </row>
    <row r="239271" spans="14:14">
      <c r="N239271" s="10"/>
    </row>
    <row r="239272" spans="14:14">
      <c r="N239272" s="10"/>
    </row>
    <row r="239273" spans="14:14">
      <c r="N239273" s="10"/>
    </row>
    <row r="239274" spans="14:14">
      <c r="N239274" s="10"/>
    </row>
    <row r="239275" spans="14:14">
      <c r="N239275" s="10"/>
    </row>
    <row r="239276" spans="14:14">
      <c r="N239276" s="10"/>
    </row>
    <row r="239277" spans="14:14">
      <c r="N239277" s="10"/>
    </row>
    <row r="239278" spans="14:14">
      <c r="N239278" s="10"/>
    </row>
    <row r="239279" spans="14:14">
      <c r="N239279" s="10"/>
    </row>
    <row r="239280" spans="14:14">
      <c r="N239280" s="10"/>
    </row>
    <row r="239281" spans="14:14">
      <c r="N239281" s="10"/>
    </row>
    <row r="239282" spans="14:14">
      <c r="N239282" s="10"/>
    </row>
    <row r="239283" spans="14:14">
      <c r="N239283" s="10"/>
    </row>
    <row r="239284" spans="14:14">
      <c r="N239284" s="10"/>
    </row>
    <row r="239285" spans="14:14">
      <c r="N239285" s="10"/>
    </row>
    <row r="239286" spans="14:14">
      <c r="N239286" s="10"/>
    </row>
    <row r="239287" spans="14:14">
      <c r="N239287" s="10"/>
    </row>
    <row r="239288" spans="14:14">
      <c r="N239288" s="10"/>
    </row>
    <row r="239289" spans="14:14">
      <c r="N239289" s="10"/>
    </row>
    <row r="239290" spans="14:14">
      <c r="N239290" s="10"/>
    </row>
    <row r="239291" spans="14:14">
      <c r="N239291" s="10"/>
    </row>
    <row r="239292" spans="14:14">
      <c r="N239292" s="10"/>
    </row>
    <row r="239293" spans="14:14">
      <c r="N239293" s="10"/>
    </row>
    <row r="239294" spans="14:14">
      <c r="N239294" s="10"/>
    </row>
    <row r="239295" spans="14:14">
      <c r="N239295" s="10"/>
    </row>
    <row r="239296" spans="14:14">
      <c r="N239296" s="10"/>
    </row>
    <row r="239297" spans="14:14">
      <c r="N239297" s="10"/>
    </row>
    <row r="239298" spans="14:14">
      <c r="N239298" s="10"/>
    </row>
    <row r="239299" spans="14:14">
      <c r="N239299" s="10"/>
    </row>
    <row r="239300" spans="14:14">
      <c r="N239300" s="10"/>
    </row>
    <row r="239301" spans="14:14">
      <c r="N239301" s="10"/>
    </row>
    <row r="239302" spans="14:14">
      <c r="N239302" s="10"/>
    </row>
    <row r="239303" spans="14:14">
      <c r="N239303" s="10"/>
    </row>
    <row r="239304" spans="14:14">
      <c r="N239304" s="10"/>
    </row>
    <row r="239305" spans="14:14">
      <c r="N239305" s="10"/>
    </row>
    <row r="239306" spans="14:14">
      <c r="N239306" s="10"/>
    </row>
    <row r="239307" spans="14:14">
      <c r="N239307" s="10"/>
    </row>
    <row r="239308" spans="14:14">
      <c r="N239308" s="10"/>
    </row>
    <row r="239309" spans="14:14">
      <c r="N239309" s="10"/>
    </row>
    <row r="239310" spans="14:14">
      <c r="N239310" s="10"/>
    </row>
    <row r="239311" spans="14:14">
      <c r="N239311" s="10"/>
    </row>
    <row r="239312" spans="14:14">
      <c r="N239312" s="10"/>
    </row>
    <row r="239313" spans="14:14">
      <c r="N239313" s="10"/>
    </row>
    <row r="239314" spans="14:14">
      <c r="N239314" s="10"/>
    </row>
    <row r="239315" spans="14:14">
      <c r="N239315" s="10"/>
    </row>
    <row r="239316" spans="14:14">
      <c r="N239316" s="10"/>
    </row>
    <row r="239317" spans="14:14">
      <c r="N239317" s="10"/>
    </row>
    <row r="239318" spans="14:14">
      <c r="N239318" s="10"/>
    </row>
    <row r="239319" spans="14:14">
      <c r="N239319" s="10"/>
    </row>
    <row r="239320" spans="14:14">
      <c r="N239320" s="10"/>
    </row>
    <row r="239321" spans="14:14">
      <c r="N239321" s="10"/>
    </row>
    <row r="239322" spans="14:14">
      <c r="N239322" s="10"/>
    </row>
    <row r="239323" spans="14:14">
      <c r="N239323" s="10"/>
    </row>
    <row r="239324" spans="14:14">
      <c r="N239324" s="10"/>
    </row>
    <row r="239325" spans="14:14">
      <c r="N239325" s="10"/>
    </row>
    <row r="239326" spans="14:14">
      <c r="N239326" s="10"/>
    </row>
    <row r="239327" spans="14:14">
      <c r="N239327" s="10"/>
    </row>
    <row r="239328" spans="14:14">
      <c r="N239328" s="10"/>
    </row>
    <row r="239329" spans="14:14">
      <c r="N239329" s="10"/>
    </row>
    <row r="239330" spans="14:14">
      <c r="N239330" s="10"/>
    </row>
    <row r="239331" spans="14:14">
      <c r="N239331" s="10"/>
    </row>
    <row r="239332" spans="14:14">
      <c r="N239332" s="10"/>
    </row>
    <row r="239333" spans="14:14">
      <c r="N239333" s="10"/>
    </row>
    <row r="239334" spans="14:14">
      <c r="N239334" s="10"/>
    </row>
    <row r="239335" spans="14:14">
      <c r="N239335" s="10"/>
    </row>
    <row r="239336" spans="14:14">
      <c r="N239336" s="10"/>
    </row>
    <row r="239337" spans="14:14">
      <c r="N239337" s="10"/>
    </row>
    <row r="239338" spans="14:14">
      <c r="N239338" s="10"/>
    </row>
    <row r="239339" spans="14:14">
      <c r="N239339" s="10"/>
    </row>
    <row r="239340" spans="14:14">
      <c r="N239340" s="10"/>
    </row>
    <row r="239341" spans="14:14">
      <c r="N239341" s="10"/>
    </row>
    <row r="239342" spans="14:14">
      <c r="N239342" s="10"/>
    </row>
    <row r="239343" spans="14:14">
      <c r="N239343" s="10"/>
    </row>
    <row r="239344" spans="14:14">
      <c r="N239344" s="10"/>
    </row>
    <row r="239345" spans="14:14">
      <c r="N239345" s="10"/>
    </row>
    <row r="239346" spans="14:14">
      <c r="N239346" s="10"/>
    </row>
    <row r="239347" spans="14:14">
      <c r="N239347" s="10"/>
    </row>
    <row r="239348" spans="14:14">
      <c r="N239348" s="10"/>
    </row>
    <row r="239349" spans="14:14">
      <c r="N239349" s="10"/>
    </row>
    <row r="239350" spans="14:14">
      <c r="N239350" s="10"/>
    </row>
    <row r="239351" spans="14:14">
      <c r="N239351" s="10"/>
    </row>
    <row r="239352" spans="14:14">
      <c r="N239352" s="10"/>
    </row>
    <row r="239353" spans="14:14">
      <c r="N239353" s="10"/>
    </row>
    <row r="239354" spans="14:14">
      <c r="N239354" s="10"/>
    </row>
    <row r="239355" spans="14:14">
      <c r="N239355" s="10"/>
    </row>
    <row r="239356" spans="14:14">
      <c r="N239356" s="10"/>
    </row>
    <row r="239357" spans="14:14">
      <c r="N239357" s="10"/>
    </row>
    <row r="239358" spans="14:14">
      <c r="N239358" s="10"/>
    </row>
    <row r="239359" spans="14:14">
      <c r="N239359" s="10"/>
    </row>
    <row r="239360" spans="14:14">
      <c r="N239360" s="10"/>
    </row>
    <row r="239361" spans="14:14">
      <c r="N239361" s="10"/>
    </row>
    <row r="239362" spans="14:14">
      <c r="N239362" s="10"/>
    </row>
    <row r="239363" spans="14:14">
      <c r="N239363" s="10"/>
    </row>
    <row r="239364" spans="14:14">
      <c r="N239364" s="10"/>
    </row>
    <row r="239365" spans="14:14">
      <c r="N239365" s="10"/>
    </row>
    <row r="239366" spans="14:14">
      <c r="N239366" s="10"/>
    </row>
    <row r="239367" spans="14:14">
      <c r="N239367" s="10"/>
    </row>
    <row r="239368" spans="14:14">
      <c r="N239368" s="10"/>
    </row>
    <row r="239369" spans="14:14">
      <c r="N239369" s="10"/>
    </row>
    <row r="239370" spans="14:14">
      <c r="N239370" s="10"/>
    </row>
    <row r="239371" spans="14:14">
      <c r="N239371" s="10"/>
    </row>
    <row r="239372" spans="14:14">
      <c r="N239372" s="10"/>
    </row>
    <row r="239373" spans="14:14">
      <c r="N239373" s="10"/>
    </row>
    <row r="239374" spans="14:14">
      <c r="N239374" s="10"/>
    </row>
    <row r="239375" spans="14:14">
      <c r="N239375" s="10"/>
    </row>
    <row r="239376" spans="14:14">
      <c r="N239376" s="10"/>
    </row>
    <row r="239377" spans="14:14">
      <c r="N239377" s="10"/>
    </row>
    <row r="239378" spans="14:14">
      <c r="N239378" s="10"/>
    </row>
    <row r="239379" spans="14:14">
      <c r="N239379" s="10"/>
    </row>
    <row r="239380" spans="14:14">
      <c r="N239380" s="10"/>
    </row>
    <row r="239381" spans="14:14">
      <c r="N239381" s="10"/>
    </row>
    <row r="239382" spans="14:14">
      <c r="N239382" s="10"/>
    </row>
    <row r="239383" spans="14:14">
      <c r="N239383" s="10"/>
    </row>
    <row r="239384" spans="14:14">
      <c r="N239384" s="10"/>
    </row>
    <row r="239385" spans="14:14">
      <c r="N239385" s="10"/>
    </row>
    <row r="239386" spans="14:14">
      <c r="N239386" s="10"/>
    </row>
    <row r="239387" spans="14:14">
      <c r="N239387" s="10"/>
    </row>
    <row r="239388" spans="14:14">
      <c r="N239388" s="10"/>
    </row>
    <row r="239389" spans="14:14">
      <c r="N239389" s="10"/>
    </row>
    <row r="239390" spans="14:14">
      <c r="N239390" s="10"/>
    </row>
    <row r="239391" spans="14:14">
      <c r="N239391" s="10"/>
    </row>
    <row r="239392" spans="14:14">
      <c r="N239392" s="10"/>
    </row>
    <row r="239393" spans="14:14">
      <c r="N239393" s="10"/>
    </row>
    <row r="239394" spans="14:14">
      <c r="N239394" s="10"/>
    </row>
    <row r="239395" spans="14:14">
      <c r="N239395" s="10"/>
    </row>
    <row r="239396" spans="14:14">
      <c r="N239396" s="10"/>
    </row>
    <row r="239397" spans="14:14">
      <c r="N239397" s="10"/>
    </row>
    <row r="239398" spans="14:14">
      <c r="N239398" s="10"/>
    </row>
    <row r="239399" spans="14:14">
      <c r="N239399" s="10"/>
    </row>
    <row r="239400" spans="14:14">
      <c r="N239400" s="10"/>
    </row>
    <row r="239401" spans="14:14">
      <c r="N239401" s="10"/>
    </row>
    <row r="239402" spans="14:14">
      <c r="N239402" s="10"/>
    </row>
    <row r="239403" spans="14:14">
      <c r="N239403" s="10"/>
    </row>
    <row r="239404" spans="14:14">
      <c r="N239404" s="10"/>
    </row>
    <row r="239405" spans="14:14">
      <c r="N239405" s="10"/>
    </row>
    <row r="239406" spans="14:14">
      <c r="N239406" s="10"/>
    </row>
    <row r="239407" spans="14:14">
      <c r="N239407" s="10"/>
    </row>
    <row r="239408" spans="14:14">
      <c r="N239408" s="10"/>
    </row>
    <row r="239409" spans="14:14">
      <c r="N239409" s="10"/>
    </row>
    <row r="239410" spans="14:14">
      <c r="N239410" s="10"/>
    </row>
    <row r="239411" spans="14:14">
      <c r="N239411" s="10"/>
    </row>
    <row r="239412" spans="14:14">
      <c r="N239412" s="10"/>
    </row>
    <row r="239413" spans="14:14">
      <c r="N239413" s="10"/>
    </row>
    <row r="239414" spans="14:14">
      <c r="N239414" s="10"/>
    </row>
    <row r="239415" spans="14:14">
      <c r="N239415" s="10"/>
    </row>
    <row r="239416" spans="14:14">
      <c r="N239416" s="10"/>
    </row>
    <row r="239417" spans="14:14">
      <c r="N239417" s="10"/>
    </row>
    <row r="239418" spans="14:14">
      <c r="N239418" s="10"/>
    </row>
    <row r="239419" spans="14:14">
      <c r="N239419" s="10"/>
    </row>
    <row r="239420" spans="14:14">
      <c r="N239420" s="10"/>
    </row>
    <row r="239421" spans="14:14">
      <c r="N239421" s="10"/>
    </row>
    <row r="239422" spans="14:14">
      <c r="N239422" s="10"/>
    </row>
    <row r="239423" spans="14:14">
      <c r="N239423" s="10"/>
    </row>
    <row r="239424" spans="14:14">
      <c r="N239424" s="10"/>
    </row>
    <row r="239425" spans="14:14">
      <c r="N239425" s="10"/>
    </row>
    <row r="239426" spans="14:14">
      <c r="N239426" s="10"/>
    </row>
    <row r="239427" spans="14:14">
      <c r="N239427" s="10"/>
    </row>
    <row r="239428" spans="14:14">
      <c r="N239428" s="10"/>
    </row>
    <row r="239429" spans="14:14">
      <c r="N239429" s="10"/>
    </row>
    <row r="239430" spans="14:14">
      <c r="N239430" s="10"/>
    </row>
    <row r="239431" spans="14:14">
      <c r="N239431" s="10"/>
    </row>
    <row r="239432" spans="14:14">
      <c r="N239432" s="10"/>
    </row>
    <row r="239433" spans="14:14">
      <c r="N239433" s="10"/>
    </row>
    <row r="239434" spans="14:14">
      <c r="N239434" s="10"/>
    </row>
    <row r="239435" spans="14:14">
      <c r="N239435" s="10"/>
    </row>
    <row r="239436" spans="14:14">
      <c r="N239436" s="10"/>
    </row>
    <row r="239437" spans="14:14">
      <c r="N239437" s="10"/>
    </row>
    <row r="239438" spans="14:14">
      <c r="N239438" s="10"/>
    </row>
    <row r="239439" spans="14:14">
      <c r="N239439" s="10"/>
    </row>
    <row r="239440" spans="14:14">
      <c r="N239440" s="10"/>
    </row>
    <row r="239441" spans="14:14">
      <c r="N239441" s="10"/>
    </row>
    <row r="239442" spans="14:14">
      <c r="N239442" s="10"/>
    </row>
    <row r="239443" spans="14:14">
      <c r="N239443" s="10"/>
    </row>
    <row r="239444" spans="14:14">
      <c r="N239444" s="10"/>
    </row>
    <row r="239445" spans="14:14">
      <c r="N239445" s="10"/>
    </row>
    <row r="239446" spans="14:14">
      <c r="N239446" s="10"/>
    </row>
    <row r="239447" spans="14:14">
      <c r="N239447" s="10"/>
    </row>
    <row r="239448" spans="14:14">
      <c r="N239448" s="10"/>
    </row>
    <row r="239449" spans="14:14">
      <c r="N239449" s="10"/>
    </row>
    <row r="239450" spans="14:14">
      <c r="N239450" s="10"/>
    </row>
    <row r="239451" spans="14:14">
      <c r="N239451" s="10"/>
    </row>
    <row r="239452" spans="14:14">
      <c r="N239452" s="10"/>
    </row>
    <row r="239453" spans="14:14">
      <c r="N239453" s="10"/>
    </row>
    <row r="239454" spans="14:14">
      <c r="N239454" s="10"/>
    </row>
    <row r="239455" spans="14:14">
      <c r="N239455" s="10"/>
    </row>
    <row r="239456" spans="14:14">
      <c r="N239456" s="10"/>
    </row>
    <row r="239457" spans="14:14">
      <c r="N239457" s="10"/>
    </row>
    <row r="239458" spans="14:14">
      <c r="N239458" s="10"/>
    </row>
    <row r="239459" spans="14:14">
      <c r="N239459" s="10"/>
    </row>
    <row r="239460" spans="14:14">
      <c r="N239460" s="10"/>
    </row>
    <row r="239461" spans="14:14">
      <c r="N239461" s="10"/>
    </row>
    <row r="239462" spans="14:14">
      <c r="N239462" s="10"/>
    </row>
    <row r="239463" spans="14:14">
      <c r="N239463" s="10"/>
    </row>
    <row r="239464" spans="14:14">
      <c r="N239464" s="10"/>
    </row>
    <row r="239465" spans="14:14">
      <c r="N239465" s="10"/>
    </row>
    <row r="239466" spans="14:14">
      <c r="N239466" s="10"/>
    </row>
    <row r="239467" spans="14:14">
      <c r="N239467" s="10"/>
    </row>
    <row r="239468" spans="14:14">
      <c r="N239468" s="10"/>
    </row>
    <row r="239469" spans="14:14">
      <c r="N239469" s="10"/>
    </row>
    <row r="239470" spans="14:14">
      <c r="N239470" s="10"/>
    </row>
    <row r="239471" spans="14:14">
      <c r="N239471" s="10"/>
    </row>
    <row r="239472" spans="14:14">
      <c r="N239472" s="10"/>
    </row>
    <row r="239473" spans="14:14">
      <c r="N239473" s="10"/>
    </row>
    <row r="239474" spans="14:14">
      <c r="N239474" s="10"/>
    </row>
    <row r="239475" spans="14:14">
      <c r="N239475" s="10"/>
    </row>
    <row r="239476" spans="14:14">
      <c r="N239476" s="10"/>
    </row>
    <row r="239477" spans="14:14">
      <c r="N239477" s="10"/>
    </row>
    <row r="239478" spans="14:14">
      <c r="N239478" s="10"/>
    </row>
    <row r="239479" spans="14:14">
      <c r="N239479" s="10"/>
    </row>
    <row r="239480" spans="14:14">
      <c r="N239480" s="10"/>
    </row>
    <row r="239481" spans="14:14">
      <c r="N239481" s="10"/>
    </row>
    <row r="239482" spans="14:14">
      <c r="N239482" s="10"/>
    </row>
    <row r="239483" spans="14:14">
      <c r="N239483" s="10"/>
    </row>
    <row r="239484" spans="14:14">
      <c r="N239484" s="10"/>
    </row>
    <row r="239485" spans="14:14">
      <c r="N239485" s="10"/>
    </row>
    <row r="239486" spans="14:14">
      <c r="N239486" s="10"/>
    </row>
    <row r="239487" spans="14:14">
      <c r="N239487" s="10"/>
    </row>
    <row r="239488" spans="14:14">
      <c r="N239488" s="10"/>
    </row>
    <row r="239489" spans="14:14">
      <c r="N239489" s="10"/>
    </row>
    <row r="239490" spans="14:14">
      <c r="N239490" s="10"/>
    </row>
    <row r="239491" spans="14:14">
      <c r="N239491" s="10"/>
    </row>
    <row r="239492" spans="14:14">
      <c r="N239492" s="10"/>
    </row>
    <row r="239493" spans="14:14">
      <c r="N239493" s="10"/>
    </row>
    <row r="239494" spans="14:14">
      <c r="N239494" s="10"/>
    </row>
    <row r="239495" spans="14:14">
      <c r="N239495" s="10"/>
    </row>
    <row r="239496" spans="14:14">
      <c r="N239496" s="10"/>
    </row>
    <row r="239497" spans="14:14">
      <c r="N239497" s="10"/>
    </row>
    <row r="239498" spans="14:14">
      <c r="N239498" s="10"/>
    </row>
    <row r="239499" spans="14:14">
      <c r="N239499" s="10"/>
    </row>
    <row r="239500" spans="14:14">
      <c r="N239500" s="10"/>
    </row>
    <row r="239501" spans="14:14">
      <c r="N239501" s="10"/>
    </row>
    <row r="239502" spans="14:14">
      <c r="N239502" s="10"/>
    </row>
    <row r="239503" spans="14:14">
      <c r="N239503" s="10"/>
    </row>
    <row r="239504" spans="14:14">
      <c r="N239504" s="10"/>
    </row>
    <row r="239505" spans="14:14">
      <c r="N239505" s="10"/>
    </row>
    <row r="239506" spans="14:14">
      <c r="N239506" s="10"/>
    </row>
    <row r="239507" spans="14:14">
      <c r="N239507" s="10"/>
    </row>
    <row r="239508" spans="14:14">
      <c r="N239508" s="10"/>
    </row>
    <row r="239509" spans="14:14">
      <c r="N239509" s="10"/>
    </row>
    <row r="239510" spans="14:14">
      <c r="N239510" s="10"/>
    </row>
    <row r="239511" spans="14:14">
      <c r="N239511" s="10"/>
    </row>
    <row r="239512" spans="14:14">
      <c r="N239512" s="10"/>
    </row>
    <row r="239513" spans="14:14">
      <c r="N239513" s="10"/>
    </row>
    <row r="239514" spans="14:14">
      <c r="N239514" s="10"/>
    </row>
    <row r="239515" spans="14:14">
      <c r="N239515" s="10"/>
    </row>
    <row r="239516" spans="14:14">
      <c r="N239516" s="10"/>
    </row>
    <row r="239517" spans="14:14">
      <c r="N239517" s="10"/>
    </row>
    <row r="239518" spans="14:14">
      <c r="N239518" s="10"/>
    </row>
    <row r="239519" spans="14:14">
      <c r="N239519" s="10"/>
    </row>
    <row r="239520" spans="14:14">
      <c r="N239520" s="10"/>
    </row>
    <row r="239521" spans="14:14">
      <c r="N239521" s="10"/>
    </row>
    <row r="239522" spans="14:14">
      <c r="N239522" s="10"/>
    </row>
    <row r="239523" spans="14:14">
      <c r="N239523" s="10"/>
    </row>
    <row r="239524" spans="14:14">
      <c r="N239524" s="10"/>
    </row>
    <row r="239525" spans="14:14">
      <c r="N239525" s="10"/>
    </row>
    <row r="239526" spans="14:14">
      <c r="N239526" s="10"/>
    </row>
    <row r="239527" spans="14:14">
      <c r="N239527" s="10"/>
    </row>
    <row r="239528" spans="14:14">
      <c r="N239528" s="10"/>
    </row>
    <row r="239529" spans="14:14">
      <c r="N239529" s="10"/>
    </row>
    <row r="239530" spans="14:14">
      <c r="N239530" s="10"/>
    </row>
    <row r="239531" spans="14:14">
      <c r="N239531" s="10"/>
    </row>
    <row r="239532" spans="14:14">
      <c r="N239532" s="10"/>
    </row>
    <row r="239533" spans="14:14">
      <c r="N239533" s="10"/>
    </row>
    <row r="239534" spans="14:14">
      <c r="N239534" s="10"/>
    </row>
    <row r="239535" spans="14:14">
      <c r="N239535" s="10"/>
    </row>
    <row r="239536" spans="14:14">
      <c r="N239536" s="10"/>
    </row>
    <row r="239537" spans="14:14">
      <c r="N239537" s="10"/>
    </row>
    <row r="239538" spans="14:14">
      <c r="N239538" s="10"/>
    </row>
    <row r="239539" spans="14:14">
      <c r="N239539" s="10"/>
    </row>
    <row r="239540" spans="14:14">
      <c r="N239540" s="10"/>
    </row>
    <row r="239541" spans="14:14">
      <c r="N239541" s="10"/>
    </row>
    <row r="239542" spans="14:14">
      <c r="N239542" s="10"/>
    </row>
    <row r="239543" spans="14:14">
      <c r="N239543" s="10"/>
    </row>
    <row r="239544" spans="14:14">
      <c r="N239544" s="10"/>
    </row>
    <row r="239545" spans="14:14">
      <c r="N239545" s="10"/>
    </row>
    <row r="239546" spans="14:14">
      <c r="N239546" s="10"/>
    </row>
    <row r="239547" spans="14:14">
      <c r="N239547" s="10"/>
    </row>
    <row r="239548" spans="14:14">
      <c r="N239548" s="10"/>
    </row>
    <row r="239549" spans="14:14">
      <c r="N239549" s="10"/>
    </row>
    <row r="239550" spans="14:14">
      <c r="N239550" s="10"/>
    </row>
    <row r="239551" spans="14:14">
      <c r="N239551" s="10"/>
    </row>
    <row r="239552" spans="14:14">
      <c r="N239552" s="10"/>
    </row>
    <row r="239553" spans="14:14">
      <c r="N239553" s="10"/>
    </row>
    <row r="239554" spans="14:14">
      <c r="N239554" s="10"/>
    </row>
    <row r="239555" spans="14:14">
      <c r="N239555" s="10"/>
    </row>
    <row r="239556" spans="14:14">
      <c r="N239556" s="10"/>
    </row>
    <row r="239557" spans="14:14">
      <c r="N239557" s="10"/>
    </row>
    <row r="239558" spans="14:14">
      <c r="N239558" s="10"/>
    </row>
    <row r="239559" spans="14:14">
      <c r="N239559" s="10"/>
    </row>
    <row r="239560" spans="14:14">
      <c r="N239560" s="10"/>
    </row>
    <row r="239561" spans="14:14">
      <c r="N239561" s="10"/>
    </row>
    <row r="239562" spans="14:14">
      <c r="N239562" s="10"/>
    </row>
    <row r="239563" spans="14:14">
      <c r="N239563" s="10"/>
    </row>
    <row r="239564" spans="14:14">
      <c r="N239564" s="10"/>
    </row>
    <row r="239565" spans="14:14">
      <c r="N239565" s="10"/>
    </row>
    <row r="239566" spans="14:14">
      <c r="N239566" s="10"/>
    </row>
    <row r="239567" spans="14:14">
      <c r="N239567" s="10"/>
    </row>
    <row r="239568" spans="14:14">
      <c r="N239568" s="10"/>
    </row>
    <row r="239569" spans="14:14">
      <c r="N239569" s="10"/>
    </row>
    <row r="239570" spans="14:14">
      <c r="N239570" s="10"/>
    </row>
    <row r="239571" spans="14:14">
      <c r="N239571" s="10"/>
    </row>
    <row r="239572" spans="14:14">
      <c r="N239572" s="10"/>
    </row>
    <row r="239573" spans="14:14">
      <c r="N239573" s="10"/>
    </row>
    <row r="239574" spans="14:14">
      <c r="N239574" s="10"/>
    </row>
    <row r="239575" spans="14:14">
      <c r="N239575" s="10"/>
    </row>
    <row r="239576" spans="14:14">
      <c r="N239576" s="10"/>
    </row>
    <row r="239577" spans="14:14">
      <c r="N239577" s="10"/>
    </row>
    <row r="239578" spans="14:14">
      <c r="N239578" s="10"/>
    </row>
    <row r="239579" spans="14:14">
      <c r="N239579" s="10"/>
    </row>
    <row r="239580" spans="14:14">
      <c r="N239580" s="10"/>
    </row>
    <row r="239581" spans="14:14">
      <c r="N239581" s="10"/>
    </row>
    <row r="239582" spans="14:14">
      <c r="N239582" s="10"/>
    </row>
    <row r="239583" spans="14:14">
      <c r="N239583" s="10"/>
    </row>
    <row r="239584" spans="14:14">
      <c r="N239584" s="10"/>
    </row>
    <row r="239585" spans="14:14">
      <c r="N239585" s="10"/>
    </row>
    <row r="239586" spans="14:14">
      <c r="N239586" s="10"/>
    </row>
    <row r="239587" spans="14:14">
      <c r="N239587" s="10"/>
    </row>
    <row r="239588" spans="14:14">
      <c r="N239588" s="10"/>
    </row>
    <row r="239589" spans="14:14">
      <c r="N239589" s="10"/>
    </row>
    <row r="239590" spans="14:14">
      <c r="N239590" s="10"/>
    </row>
    <row r="239591" spans="14:14">
      <c r="N239591" s="10"/>
    </row>
    <row r="239592" spans="14:14">
      <c r="N239592" s="10"/>
    </row>
    <row r="239593" spans="14:14">
      <c r="N239593" s="10"/>
    </row>
    <row r="239594" spans="14:14">
      <c r="N239594" s="10"/>
    </row>
    <row r="239595" spans="14:14">
      <c r="N239595" s="10"/>
    </row>
    <row r="239596" spans="14:14">
      <c r="N239596" s="10"/>
    </row>
    <row r="239597" spans="14:14">
      <c r="N239597" s="10"/>
    </row>
    <row r="239598" spans="14:14">
      <c r="N239598" s="10"/>
    </row>
    <row r="239599" spans="14:14">
      <c r="N239599" s="10"/>
    </row>
    <row r="239600" spans="14:14">
      <c r="N239600" s="10"/>
    </row>
    <row r="239601" spans="14:14">
      <c r="N239601" s="10"/>
    </row>
    <row r="239602" spans="14:14">
      <c r="N239602" s="10"/>
    </row>
    <row r="239603" spans="14:14">
      <c r="N239603" s="10"/>
    </row>
    <row r="239604" spans="14:14">
      <c r="N239604" s="10"/>
    </row>
    <row r="239605" spans="14:14">
      <c r="N239605" s="10"/>
    </row>
    <row r="239606" spans="14:14">
      <c r="N239606" s="10"/>
    </row>
    <row r="239607" spans="14:14">
      <c r="N239607" s="10"/>
    </row>
    <row r="239608" spans="14:14">
      <c r="N239608" s="10"/>
    </row>
    <row r="239609" spans="14:14">
      <c r="N239609" s="10"/>
    </row>
    <row r="239610" spans="14:14">
      <c r="N239610" s="10"/>
    </row>
    <row r="239611" spans="14:14">
      <c r="N239611" s="10"/>
    </row>
    <row r="239612" spans="14:14">
      <c r="N239612" s="10"/>
    </row>
    <row r="239613" spans="14:14">
      <c r="N239613" s="10"/>
    </row>
    <row r="239614" spans="14:14">
      <c r="N239614" s="10"/>
    </row>
    <row r="239615" spans="14:14">
      <c r="N239615" s="10"/>
    </row>
    <row r="239616" spans="14:14">
      <c r="N239616" s="10"/>
    </row>
    <row r="239617" spans="14:14">
      <c r="N239617" s="10"/>
    </row>
    <row r="239618" spans="14:14">
      <c r="N239618" s="10"/>
    </row>
    <row r="239619" spans="14:14">
      <c r="N239619" s="10"/>
    </row>
    <row r="239620" spans="14:14">
      <c r="N239620" s="10"/>
    </row>
    <row r="239621" spans="14:14">
      <c r="N239621" s="10"/>
    </row>
    <row r="239622" spans="14:14">
      <c r="N239622" s="10"/>
    </row>
    <row r="239623" spans="14:14">
      <c r="N239623" s="10"/>
    </row>
    <row r="239624" spans="14:14">
      <c r="N239624" s="10"/>
    </row>
    <row r="239625" spans="14:14">
      <c r="N239625" s="10"/>
    </row>
    <row r="239626" spans="14:14">
      <c r="N239626" s="10"/>
    </row>
    <row r="239627" spans="14:14">
      <c r="N239627" s="10"/>
    </row>
    <row r="239628" spans="14:14">
      <c r="N239628" s="10"/>
    </row>
    <row r="239629" spans="14:14">
      <c r="N239629" s="10"/>
    </row>
    <row r="239630" spans="14:14">
      <c r="N239630" s="10"/>
    </row>
    <row r="239631" spans="14:14">
      <c r="N239631" s="10"/>
    </row>
    <row r="239632" spans="14:14">
      <c r="N239632" s="10"/>
    </row>
    <row r="239633" spans="14:14">
      <c r="N239633" s="10"/>
    </row>
    <row r="239634" spans="14:14">
      <c r="N239634" s="10"/>
    </row>
    <row r="239635" spans="14:14">
      <c r="N239635" s="10"/>
    </row>
    <row r="239636" spans="14:14">
      <c r="N239636" s="10"/>
    </row>
    <row r="239637" spans="14:14">
      <c r="N239637" s="10"/>
    </row>
    <row r="239638" spans="14:14">
      <c r="N239638" s="10"/>
    </row>
    <row r="239639" spans="14:14">
      <c r="N239639" s="10"/>
    </row>
    <row r="239640" spans="14:14">
      <c r="N239640" s="10"/>
    </row>
    <row r="239641" spans="14:14">
      <c r="N239641" s="10"/>
    </row>
    <row r="239642" spans="14:14">
      <c r="N239642" s="10"/>
    </row>
    <row r="239643" spans="14:14">
      <c r="N239643" s="10"/>
    </row>
    <row r="239644" spans="14:14">
      <c r="N239644" s="10"/>
    </row>
    <row r="239645" spans="14:14">
      <c r="N239645" s="10"/>
    </row>
    <row r="239646" spans="14:14">
      <c r="N239646" s="10"/>
    </row>
    <row r="239647" spans="14:14">
      <c r="N239647" s="10"/>
    </row>
    <row r="239648" spans="14:14">
      <c r="N239648" s="10"/>
    </row>
    <row r="239649" spans="14:14">
      <c r="N239649" s="10"/>
    </row>
    <row r="239650" spans="14:14">
      <c r="N239650" s="10"/>
    </row>
    <row r="239651" spans="14:14">
      <c r="N239651" s="10"/>
    </row>
    <row r="239652" spans="14:14">
      <c r="N239652" s="10"/>
    </row>
    <row r="239653" spans="14:14">
      <c r="N239653" s="10"/>
    </row>
    <row r="239654" spans="14:14">
      <c r="N239654" s="10"/>
    </row>
    <row r="239655" spans="14:14">
      <c r="N239655" s="10"/>
    </row>
    <row r="239656" spans="14:14">
      <c r="N239656" s="10"/>
    </row>
    <row r="239657" spans="14:14">
      <c r="N239657" s="10"/>
    </row>
    <row r="239658" spans="14:14">
      <c r="N239658" s="10"/>
    </row>
    <row r="239659" spans="14:14">
      <c r="N239659" s="10"/>
    </row>
    <row r="239660" spans="14:14">
      <c r="N239660" s="10"/>
    </row>
    <row r="239661" spans="14:14">
      <c r="N239661" s="10"/>
    </row>
    <row r="239662" spans="14:14">
      <c r="N239662" s="10"/>
    </row>
    <row r="239663" spans="14:14">
      <c r="N239663" s="10"/>
    </row>
    <row r="239664" spans="14:14">
      <c r="N239664" s="10"/>
    </row>
    <row r="239665" spans="14:14">
      <c r="N239665" s="10"/>
    </row>
    <row r="239666" spans="14:14">
      <c r="N239666" s="10"/>
    </row>
    <row r="239667" spans="14:14">
      <c r="N239667" s="10"/>
    </row>
    <row r="239668" spans="14:14">
      <c r="N239668" s="10"/>
    </row>
    <row r="239669" spans="14:14">
      <c r="N239669" s="10"/>
    </row>
    <row r="239670" spans="14:14">
      <c r="N239670" s="10"/>
    </row>
    <row r="239671" spans="14:14">
      <c r="N239671" s="10"/>
    </row>
    <row r="239672" spans="14:14">
      <c r="N239672" s="10"/>
    </row>
    <row r="239673" spans="14:14">
      <c r="N239673" s="10"/>
    </row>
    <row r="239674" spans="14:14">
      <c r="N239674" s="10"/>
    </row>
    <row r="239675" spans="14:14">
      <c r="N239675" s="10"/>
    </row>
    <row r="239676" spans="14:14">
      <c r="N239676" s="10"/>
    </row>
    <row r="239677" spans="14:14">
      <c r="N239677" s="10"/>
    </row>
    <row r="239678" spans="14:14">
      <c r="N239678" s="10"/>
    </row>
    <row r="239679" spans="14:14">
      <c r="N239679" s="10"/>
    </row>
    <row r="239680" spans="14:14">
      <c r="N239680" s="10"/>
    </row>
    <row r="239681" spans="14:14">
      <c r="N239681" s="10"/>
    </row>
    <row r="239682" spans="14:14">
      <c r="N239682" s="10"/>
    </row>
    <row r="239683" spans="14:14">
      <c r="N239683" s="10"/>
    </row>
    <row r="239684" spans="14:14">
      <c r="N239684" s="10"/>
    </row>
    <row r="239685" spans="14:14">
      <c r="N239685" s="10"/>
    </row>
    <row r="239686" spans="14:14">
      <c r="N239686" s="10"/>
    </row>
    <row r="239687" spans="14:14">
      <c r="N239687" s="10"/>
    </row>
    <row r="239688" spans="14:14">
      <c r="N239688" s="10"/>
    </row>
    <row r="239689" spans="14:14">
      <c r="N239689" s="10"/>
    </row>
    <row r="239690" spans="14:14">
      <c r="N239690" s="10"/>
    </row>
    <row r="239691" spans="14:14">
      <c r="N239691" s="10"/>
    </row>
    <row r="239692" spans="14:14">
      <c r="N239692" s="10"/>
    </row>
    <row r="239693" spans="14:14">
      <c r="N239693" s="10"/>
    </row>
    <row r="239694" spans="14:14">
      <c r="N239694" s="10"/>
    </row>
    <row r="239695" spans="14:14">
      <c r="N239695" s="10"/>
    </row>
    <row r="239696" spans="14:14">
      <c r="N239696" s="10"/>
    </row>
    <row r="239697" spans="14:14">
      <c r="N239697" s="10"/>
    </row>
    <row r="239698" spans="14:14">
      <c r="N239698" s="10"/>
    </row>
    <row r="239699" spans="14:14">
      <c r="N239699" s="10"/>
    </row>
    <row r="239700" spans="14:14">
      <c r="N239700" s="10"/>
    </row>
    <row r="239701" spans="14:14">
      <c r="N239701" s="10"/>
    </row>
    <row r="239702" spans="14:14">
      <c r="N239702" s="10"/>
    </row>
    <row r="239703" spans="14:14">
      <c r="N239703" s="10"/>
    </row>
    <row r="239704" spans="14:14">
      <c r="N239704" s="10"/>
    </row>
    <row r="239705" spans="14:14">
      <c r="N239705" s="10"/>
    </row>
    <row r="239706" spans="14:14">
      <c r="N239706" s="10"/>
    </row>
    <row r="239707" spans="14:14">
      <c r="N239707" s="10"/>
    </row>
    <row r="239708" spans="14:14">
      <c r="N239708" s="10"/>
    </row>
    <row r="239709" spans="14:14">
      <c r="N239709" s="10"/>
    </row>
    <row r="239710" spans="14:14">
      <c r="N239710" s="10"/>
    </row>
    <row r="239711" spans="14:14">
      <c r="N239711" s="10"/>
    </row>
    <row r="239712" spans="14:14">
      <c r="N239712" s="10"/>
    </row>
    <row r="239713" spans="14:14">
      <c r="N239713" s="10"/>
    </row>
    <row r="239714" spans="14:14">
      <c r="N239714" s="10"/>
    </row>
    <row r="239715" spans="14:14">
      <c r="N239715" s="10"/>
    </row>
    <row r="239716" spans="14:14">
      <c r="N239716" s="10"/>
    </row>
    <row r="239717" spans="14:14">
      <c r="N239717" s="10"/>
    </row>
    <row r="239718" spans="14:14">
      <c r="N239718" s="10"/>
    </row>
    <row r="239719" spans="14:14">
      <c r="N239719" s="10"/>
    </row>
    <row r="239720" spans="14:14">
      <c r="N239720" s="10"/>
    </row>
    <row r="239721" spans="14:14">
      <c r="N239721" s="10"/>
    </row>
    <row r="239722" spans="14:14">
      <c r="N239722" s="10"/>
    </row>
    <row r="239723" spans="14:14">
      <c r="N239723" s="10"/>
    </row>
    <row r="239724" spans="14:14">
      <c r="N239724" s="10"/>
    </row>
    <row r="239725" spans="14:14">
      <c r="N239725" s="10"/>
    </row>
    <row r="239726" spans="14:14">
      <c r="N239726" s="10"/>
    </row>
    <row r="239727" spans="14:14">
      <c r="N239727" s="10"/>
    </row>
    <row r="239728" spans="14:14">
      <c r="N239728" s="10"/>
    </row>
    <row r="239729" spans="14:14">
      <c r="N239729" s="10"/>
    </row>
    <row r="239730" spans="14:14">
      <c r="N239730" s="10"/>
    </row>
    <row r="239731" spans="14:14">
      <c r="N239731" s="10"/>
    </row>
    <row r="239732" spans="14:14">
      <c r="N239732" s="10"/>
    </row>
    <row r="239733" spans="14:14">
      <c r="N239733" s="10"/>
    </row>
    <row r="239734" spans="14:14">
      <c r="N239734" s="10"/>
    </row>
    <row r="239735" spans="14:14">
      <c r="N239735" s="10"/>
    </row>
    <row r="239736" spans="14:14">
      <c r="N239736" s="10"/>
    </row>
    <row r="239737" spans="14:14">
      <c r="N239737" s="10"/>
    </row>
    <row r="239738" spans="14:14">
      <c r="N239738" s="10"/>
    </row>
    <row r="239739" spans="14:14">
      <c r="N239739" s="10"/>
    </row>
    <row r="239740" spans="14:14">
      <c r="N239740" s="10"/>
    </row>
    <row r="239741" spans="14:14">
      <c r="N239741" s="10"/>
    </row>
    <row r="239742" spans="14:14">
      <c r="N239742" s="10"/>
    </row>
    <row r="239743" spans="14:14">
      <c r="N239743" s="10"/>
    </row>
    <row r="239744" spans="14:14">
      <c r="N239744" s="10"/>
    </row>
    <row r="239745" spans="14:14">
      <c r="N239745" s="10"/>
    </row>
    <row r="239746" spans="14:14">
      <c r="N239746" s="10"/>
    </row>
    <row r="239747" spans="14:14">
      <c r="N239747" s="10"/>
    </row>
    <row r="239748" spans="14:14">
      <c r="N239748" s="10"/>
    </row>
    <row r="239749" spans="14:14">
      <c r="N239749" s="10"/>
    </row>
    <row r="239750" spans="14:14">
      <c r="N239750" s="10"/>
    </row>
    <row r="239751" spans="14:14">
      <c r="N239751" s="10"/>
    </row>
    <row r="239752" spans="14:14">
      <c r="N239752" s="10"/>
    </row>
    <row r="239753" spans="14:14">
      <c r="N239753" s="10"/>
    </row>
    <row r="239754" spans="14:14">
      <c r="N239754" s="10"/>
    </row>
    <row r="239755" spans="14:14">
      <c r="N239755" s="10"/>
    </row>
    <row r="239756" spans="14:14">
      <c r="N239756" s="10"/>
    </row>
    <row r="239757" spans="14:14">
      <c r="N239757" s="10"/>
    </row>
    <row r="239758" spans="14:14">
      <c r="N239758" s="10"/>
    </row>
    <row r="239759" spans="14:14">
      <c r="N239759" s="10"/>
    </row>
    <row r="239760" spans="14:14">
      <c r="N239760" s="10"/>
    </row>
    <row r="239761" spans="14:14">
      <c r="N239761" s="10"/>
    </row>
    <row r="239762" spans="14:14">
      <c r="N239762" s="10"/>
    </row>
    <row r="239763" spans="14:14">
      <c r="N239763" s="10"/>
    </row>
    <row r="239764" spans="14:14">
      <c r="N239764" s="10"/>
    </row>
    <row r="239765" spans="14:14">
      <c r="N239765" s="10"/>
    </row>
    <row r="239766" spans="14:14">
      <c r="N239766" s="10"/>
    </row>
    <row r="239767" spans="14:14">
      <c r="N239767" s="10"/>
    </row>
    <row r="239768" spans="14:14">
      <c r="N239768" s="10"/>
    </row>
    <row r="239769" spans="14:14">
      <c r="N239769" s="10"/>
    </row>
    <row r="239770" spans="14:14">
      <c r="N239770" s="10"/>
    </row>
    <row r="239771" spans="14:14">
      <c r="N239771" s="10"/>
    </row>
    <row r="239772" spans="14:14">
      <c r="N239772" s="10"/>
    </row>
    <row r="239773" spans="14:14">
      <c r="N239773" s="10"/>
    </row>
    <row r="239774" spans="14:14">
      <c r="N239774" s="10"/>
    </row>
    <row r="239775" spans="14:14">
      <c r="N239775" s="10"/>
    </row>
    <row r="239776" spans="14:14">
      <c r="N239776" s="10"/>
    </row>
    <row r="239777" spans="14:14">
      <c r="N239777" s="10"/>
    </row>
    <row r="239778" spans="14:14">
      <c r="N239778" s="10"/>
    </row>
    <row r="239779" spans="14:14">
      <c r="N239779" s="10"/>
    </row>
    <row r="239780" spans="14:14">
      <c r="N239780" s="10"/>
    </row>
    <row r="239781" spans="14:14">
      <c r="N239781" s="10"/>
    </row>
    <row r="239782" spans="14:14">
      <c r="N239782" s="10"/>
    </row>
    <row r="239783" spans="14:14">
      <c r="N239783" s="10"/>
    </row>
    <row r="239784" spans="14:14">
      <c r="N239784" s="10"/>
    </row>
    <row r="239785" spans="14:14">
      <c r="N239785" s="10"/>
    </row>
    <row r="239786" spans="14:14">
      <c r="N239786" s="10"/>
    </row>
    <row r="239787" spans="14:14">
      <c r="N239787" s="10"/>
    </row>
    <row r="239788" spans="14:14">
      <c r="N239788" s="10"/>
    </row>
    <row r="239789" spans="14:14">
      <c r="N239789" s="10"/>
    </row>
    <row r="239790" spans="14:14">
      <c r="N239790" s="10"/>
    </row>
    <row r="239791" spans="14:14">
      <c r="N239791" s="10"/>
    </row>
    <row r="239792" spans="14:14">
      <c r="N239792" s="10"/>
    </row>
    <row r="239793" spans="14:14">
      <c r="N239793" s="10"/>
    </row>
    <row r="239794" spans="14:14">
      <c r="N239794" s="10"/>
    </row>
    <row r="239795" spans="14:14">
      <c r="N239795" s="10"/>
    </row>
    <row r="239796" spans="14:14">
      <c r="N239796" s="10"/>
    </row>
    <row r="239797" spans="14:14">
      <c r="N239797" s="10"/>
    </row>
    <row r="239798" spans="14:14">
      <c r="N239798" s="10"/>
    </row>
    <row r="239799" spans="14:14">
      <c r="N239799" s="10"/>
    </row>
    <row r="239800" spans="14:14">
      <c r="N239800" s="10"/>
    </row>
    <row r="239801" spans="14:14">
      <c r="N239801" s="10"/>
    </row>
    <row r="239802" spans="14:14">
      <c r="N239802" s="10"/>
    </row>
    <row r="239803" spans="14:14">
      <c r="N239803" s="10"/>
    </row>
    <row r="239804" spans="14:14">
      <c r="N239804" s="10"/>
    </row>
    <row r="239805" spans="14:14">
      <c r="N239805" s="10"/>
    </row>
    <row r="239806" spans="14:14">
      <c r="N239806" s="10"/>
    </row>
    <row r="239807" spans="14:14">
      <c r="N239807" s="10"/>
    </row>
    <row r="239808" spans="14:14">
      <c r="N239808" s="10"/>
    </row>
    <row r="239809" spans="14:14">
      <c r="N239809" s="10"/>
    </row>
    <row r="239810" spans="14:14">
      <c r="N239810" s="10"/>
    </row>
    <row r="239811" spans="14:14">
      <c r="N239811" s="10"/>
    </row>
    <row r="239812" spans="14:14">
      <c r="N239812" s="10"/>
    </row>
    <row r="239813" spans="14:14">
      <c r="N239813" s="10"/>
    </row>
    <row r="239814" spans="14:14">
      <c r="N239814" s="10"/>
    </row>
    <row r="239815" spans="14:14">
      <c r="N239815" s="10"/>
    </row>
    <row r="239816" spans="14:14">
      <c r="N239816" s="10"/>
    </row>
    <row r="239817" spans="14:14">
      <c r="N239817" s="10"/>
    </row>
    <row r="239818" spans="14:14">
      <c r="N239818" s="10"/>
    </row>
    <row r="239819" spans="14:14">
      <c r="N239819" s="10"/>
    </row>
    <row r="239820" spans="14:14">
      <c r="N239820" s="10"/>
    </row>
    <row r="239821" spans="14:14">
      <c r="N239821" s="10"/>
    </row>
    <row r="239822" spans="14:14">
      <c r="N239822" s="10"/>
    </row>
    <row r="239823" spans="14:14">
      <c r="N239823" s="10"/>
    </row>
    <row r="239824" spans="14:14">
      <c r="N239824" s="10"/>
    </row>
    <row r="239825" spans="14:14">
      <c r="N239825" s="10"/>
    </row>
    <row r="239826" spans="14:14">
      <c r="N239826" s="10"/>
    </row>
    <row r="239827" spans="14:14">
      <c r="N239827" s="10"/>
    </row>
    <row r="239828" spans="14:14">
      <c r="N239828" s="10"/>
    </row>
    <row r="239829" spans="14:14">
      <c r="N239829" s="10"/>
    </row>
    <row r="239830" spans="14:14">
      <c r="N239830" s="10"/>
    </row>
    <row r="239831" spans="14:14">
      <c r="N239831" s="10"/>
    </row>
    <row r="239832" spans="14:14">
      <c r="N239832" s="10"/>
    </row>
    <row r="239833" spans="14:14">
      <c r="N239833" s="10"/>
    </row>
    <row r="239834" spans="14:14">
      <c r="N239834" s="10"/>
    </row>
    <row r="239835" spans="14:14">
      <c r="N239835" s="10"/>
    </row>
    <row r="239836" spans="14:14">
      <c r="N239836" s="10"/>
    </row>
    <row r="239837" spans="14:14">
      <c r="N239837" s="10"/>
    </row>
    <row r="239838" spans="14:14">
      <c r="N239838" s="10"/>
    </row>
    <row r="239839" spans="14:14">
      <c r="N239839" s="10"/>
    </row>
    <row r="239840" spans="14:14">
      <c r="N239840" s="10"/>
    </row>
    <row r="239841" spans="14:14">
      <c r="N239841" s="10"/>
    </row>
    <row r="239842" spans="14:14">
      <c r="N239842" s="10"/>
    </row>
    <row r="239843" spans="14:14">
      <c r="N239843" s="10"/>
    </row>
    <row r="239844" spans="14:14">
      <c r="N239844" s="10"/>
    </row>
    <row r="239845" spans="14:14">
      <c r="N239845" s="10"/>
    </row>
    <row r="239846" spans="14:14">
      <c r="N239846" s="10"/>
    </row>
    <row r="239847" spans="14:14">
      <c r="N239847" s="10"/>
    </row>
    <row r="239848" spans="14:14">
      <c r="N239848" s="10"/>
    </row>
    <row r="239849" spans="14:14">
      <c r="N239849" s="10"/>
    </row>
    <row r="239850" spans="14:14">
      <c r="N239850" s="10"/>
    </row>
    <row r="239851" spans="14:14">
      <c r="N239851" s="10"/>
    </row>
    <row r="239852" spans="14:14">
      <c r="N239852" s="10"/>
    </row>
    <row r="239853" spans="14:14">
      <c r="N239853" s="10"/>
    </row>
    <row r="239854" spans="14:14">
      <c r="N239854" s="10"/>
    </row>
    <row r="239855" spans="14:14">
      <c r="N239855" s="10"/>
    </row>
    <row r="239856" spans="14:14">
      <c r="N239856" s="10"/>
    </row>
    <row r="239857" spans="14:14">
      <c r="N239857" s="10"/>
    </row>
    <row r="239858" spans="14:14">
      <c r="N239858" s="10"/>
    </row>
    <row r="239859" spans="14:14">
      <c r="N239859" s="10"/>
    </row>
    <row r="239860" spans="14:14">
      <c r="N239860" s="10"/>
    </row>
    <row r="239861" spans="14:14">
      <c r="N239861" s="10"/>
    </row>
    <row r="239862" spans="14:14">
      <c r="N239862" s="10"/>
    </row>
    <row r="239863" spans="14:14">
      <c r="N239863" s="10"/>
    </row>
    <row r="239864" spans="14:14">
      <c r="N239864" s="10"/>
    </row>
    <row r="239865" spans="14:14">
      <c r="N239865" s="10"/>
    </row>
    <row r="239866" spans="14:14">
      <c r="N239866" s="10"/>
    </row>
    <row r="239867" spans="14:14">
      <c r="N239867" s="10"/>
    </row>
    <row r="239868" spans="14:14">
      <c r="N239868" s="10"/>
    </row>
    <row r="239869" spans="14:14">
      <c r="N239869" s="10"/>
    </row>
    <row r="239870" spans="14:14">
      <c r="N239870" s="10"/>
    </row>
    <row r="239871" spans="14:14">
      <c r="N239871" s="10"/>
    </row>
    <row r="239872" spans="14:14">
      <c r="N239872" s="10"/>
    </row>
    <row r="239873" spans="14:14">
      <c r="N239873" s="10"/>
    </row>
    <row r="239874" spans="14:14">
      <c r="N239874" s="10"/>
    </row>
    <row r="239875" spans="14:14">
      <c r="N239875" s="10"/>
    </row>
    <row r="239876" spans="14:14">
      <c r="N239876" s="10"/>
    </row>
    <row r="239877" spans="14:14">
      <c r="N239877" s="10"/>
    </row>
    <row r="239878" spans="14:14">
      <c r="N239878" s="10"/>
    </row>
    <row r="239879" spans="14:14">
      <c r="N239879" s="10"/>
    </row>
    <row r="239880" spans="14:14">
      <c r="N239880" s="10"/>
    </row>
    <row r="239881" spans="14:14">
      <c r="N239881" s="10"/>
    </row>
    <row r="239882" spans="14:14">
      <c r="N239882" s="10"/>
    </row>
    <row r="239883" spans="14:14">
      <c r="N239883" s="10"/>
    </row>
    <row r="239884" spans="14:14">
      <c r="N239884" s="10"/>
    </row>
    <row r="239885" spans="14:14">
      <c r="N239885" s="10"/>
    </row>
    <row r="239886" spans="14:14">
      <c r="N239886" s="10"/>
    </row>
    <row r="239887" spans="14:14">
      <c r="N239887" s="10"/>
    </row>
    <row r="239888" spans="14:14">
      <c r="N239888" s="10"/>
    </row>
    <row r="239889" spans="14:14">
      <c r="N239889" s="10"/>
    </row>
    <row r="239890" spans="14:14">
      <c r="N239890" s="10"/>
    </row>
    <row r="239891" spans="14:14">
      <c r="N239891" s="10"/>
    </row>
    <row r="239892" spans="14:14">
      <c r="N239892" s="10"/>
    </row>
    <row r="239893" spans="14:14">
      <c r="N239893" s="10"/>
    </row>
    <row r="239894" spans="14:14">
      <c r="N239894" s="10"/>
    </row>
    <row r="239895" spans="14:14">
      <c r="N239895" s="10"/>
    </row>
    <row r="239896" spans="14:14">
      <c r="N239896" s="10"/>
    </row>
    <row r="239897" spans="14:14">
      <c r="N239897" s="10"/>
    </row>
    <row r="239898" spans="14:14">
      <c r="N239898" s="10"/>
    </row>
    <row r="239899" spans="14:14">
      <c r="N239899" s="10"/>
    </row>
    <row r="239900" spans="14:14">
      <c r="N239900" s="10"/>
    </row>
    <row r="239901" spans="14:14">
      <c r="N239901" s="10"/>
    </row>
    <row r="239902" spans="14:14">
      <c r="N239902" s="10"/>
    </row>
    <row r="239903" spans="14:14">
      <c r="N239903" s="10"/>
    </row>
    <row r="239904" spans="14:14">
      <c r="N239904" s="10"/>
    </row>
    <row r="239905" spans="14:14">
      <c r="N239905" s="10"/>
    </row>
    <row r="239906" spans="14:14">
      <c r="N239906" s="10"/>
    </row>
    <row r="239907" spans="14:14">
      <c r="N239907" s="10"/>
    </row>
    <row r="239908" spans="14:14">
      <c r="N239908" s="10"/>
    </row>
    <row r="239909" spans="14:14">
      <c r="N239909" s="10"/>
    </row>
    <row r="239910" spans="14:14">
      <c r="N239910" s="10"/>
    </row>
    <row r="239911" spans="14:14">
      <c r="N239911" s="10"/>
    </row>
    <row r="239912" spans="14:14">
      <c r="N239912" s="10"/>
    </row>
    <row r="239913" spans="14:14">
      <c r="N239913" s="10"/>
    </row>
    <row r="239914" spans="14:14">
      <c r="N239914" s="10"/>
    </row>
    <row r="239915" spans="14:14">
      <c r="N239915" s="10"/>
    </row>
    <row r="239916" spans="14:14">
      <c r="N239916" s="10"/>
    </row>
    <row r="239917" spans="14:14">
      <c r="N239917" s="10"/>
    </row>
    <row r="239918" spans="14:14">
      <c r="N239918" s="10"/>
    </row>
    <row r="239919" spans="14:14">
      <c r="N239919" s="10"/>
    </row>
    <row r="239920" spans="14:14">
      <c r="N239920" s="10"/>
    </row>
    <row r="239921" spans="14:14">
      <c r="N239921" s="10"/>
    </row>
    <row r="239922" spans="14:14">
      <c r="N239922" s="10"/>
    </row>
    <row r="239923" spans="14:14">
      <c r="N239923" s="10"/>
    </row>
    <row r="239924" spans="14:14">
      <c r="N239924" s="10"/>
    </row>
    <row r="239925" spans="14:14">
      <c r="N239925" s="10"/>
    </row>
    <row r="239926" spans="14:14">
      <c r="N239926" s="10"/>
    </row>
    <row r="239927" spans="14:14">
      <c r="N239927" s="10"/>
    </row>
    <row r="239928" spans="14:14">
      <c r="N239928" s="10"/>
    </row>
    <row r="239929" spans="14:14">
      <c r="N239929" s="10"/>
    </row>
    <row r="239930" spans="14:14">
      <c r="N239930" s="10"/>
    </row>
    <row r="239931" spans="14:14">
      <c r="N239931" s="10"/>
    </row>
    <row r="239932" spans="14:14">
      <c r="N239932" s="10"/>
    </row>
    <row r="239933" spans="14:14">
      <c r="N239933" s="10"/>
    </row>
    <row r="239934" spans="14:14">
      <c r="N239934" s="10"/>
    </row>
    <row r="239935" spans="14:14">
      <c r="N239935" s="10"/>
    </row>
    <row r="239936" spans="14:14">
      <c r="N239936" s="10"/>
    </row>
    <row r="239937" spans="14:14">
      <c r="N239937" s="10"/>
    </row>
    <row r="239938" spans="14:14">
      <c r="N239938" s="10"/>
    </row>
    <row r="239939" spans="14:14">
      <c r="N239939" s="10"/>
    </row>
    <row r="239940" spans="14:14">
      <c r="N239940" s="10"/>
    </row>
    <row r="239941" spans="14:14">
      <c r="N239941" s="10"/>
    </row>
    <row r="239942" spans="14:14">
      <c r="N239942" s="10"/>
    </row>
    <row r="239943" spans="14:14">
      <c r="N239943" s="10"/>
    </row>
    <row r="239944" spans="14:14">
      <c r="N239944" s="10"/>
    </row>
    <row r="239945" spans="14:14">
      <c r="N239945" s="10"/>
    </row>
    <row r="239946" spans="14:14">
      <c r="N239946" s="10"/>
    </row>
    <row r="239947" spans="14:14">
      <c r="N239947" s="10"/>
    </row>
    <row r="239948" spans="14:14">
      <c r="N239948" s="10"/>
    </row>
    <row r="239949" spans="14:14">
      <c r="N239949" s="10"/>
    </row>
    <row r="239950" spans="14:14">
      <c r="N239950" s="10"/>
    </row>
    <row r="239951" spans="14:14">
      <c r="N239951" s="10"/>
    </row>
    <row r="239952" spans="14:14">
      <c r="N239952" s="10"/>
    </row>
    <row r="239953" spans="14:14">
      <c r="N239953" s="10"/>
    </row>
    <row r="239954" spans="14:14">
      <c r="N239954" s="10"/>
    </row>
    <row r="239955" spans="14:14">
      <c r="N239955" s="10"/>
    </row>
    <row r="239956" spans="14:14">
      <c r="N239956" s="10"/>
    </row>
    <row r="239957" spans="14:14">
      <c r="N239957" s="10"/>
    </row>
    <row r="239958" spans="14:14">
      <c r="N239958" s="10"/>
    </row>
    <row r="239959" spans="14:14">
      <c r="N239959" s="10"/>
    </row>
    <row r="239960" spans="14:14">
      <c r="N239960" s="10"/>
    </row>
    <row r="239961" spans="14:14">
      <c r="N239961" s="10"/>
    </row>
    <row r="239962" spans="14:14">
      <c r="N239962" s="10"/>
    </row>
    <row r="239963" spans="14:14">
      <c r="N239963" s="10"/>
    </row>
    <row r="239964" spans="14:14">
      <c r="N239964" s="10"/>
    </row>
    <row r="239965" spans="14:14">
      <c r="N239965" s="10"/>
    </row>
    <row r="239966" spans="14:14">
      <c r="N239966" s="10"/>
    </row>
    <row r="239967" spans="14:14">
      <c r="N239967" s="10"/>
    </row>
    <row r="239968" spans="14:14">
      <c r="N239968" s="10"/>
    </row>
    <row r="239969" spans="14:14">
      <c r="N239969" s="10"/>
    </row>
    <row r="239970" spans="14:14">
      <c r="N239970" s="10"/>
    </row>
    <row r="239971" spans="14:14">
      <c r="N239971" s="10"/>
    </row>
    <row r="239972" spans="14:14">
      <c r="N239972" s="10"/>
    </row>
    <row r="239973" spans="14:14">
      <c r="N239973" s="10"/>
    </row>
    <row r="239974" spans="14:14">
      <c r="N239974" s="10"/>
    </row>
    <row r="239975" spans="14:14">
      <c r="N239975" s="10"/>
    </row>
    <row r="239976" spans="14:14">
      <c r="N239976" s="10"/>
    </row>
    <row r="239977" spans="14:14">
      <c r="N239977" s="10"/>
    </row>
    <row r="239978" spans="14:14">
      <c r="N239978" s="10"/>
    </row>
    <row r="239979" spans="14:14">
      <c r="N239979" s="10"/>
    </row>
    <row r="239980" spans="14:14">
      <c r="N239980" s="10"/>
    </row>
    <row r="239981" spans="14:14">
      <c r="N239981" s="10"/>
    </row>
    <row r="239982" spans="14:14">
      <c r="N239982" s="10"/>
    </row>
    <row r="239983" spans="14:14">
      <c r="N239983" s="10"/>
    </row>
    <row r="239984" spans="14:14">
      <c r="N239984" s="10"/>
    </row>
    <row r="239985" spans="14:14">
      <c r="N239985" s="10"/>
    </row>
    <row r="239986" spans="14:14">
      <c r="N239986" s="10"/>
    </row>
    <row r="239987" spans="14:14">
      <c r="N239987" s="10"/>
    </row>
    <row r="239988" spans="14:14">
      <c r="N239988" s="10"/>
    </row>
    <row r="239989" spans="14:14">
      <c r="N239989" s="10"/>
    </row>
    <row r="239990" spans="14:14">
      <c r="N239990" s="10"/>
    </row>
    <row r="239991" spans="14:14">
      <c r="N239991" s="10"/>
    </row>
    <row r="239992" spans="14:14">
      <c r="N239992" s="10"/>
    </row>
    <row r="239993" spans="14:14">
      <c r="N239993" s="10"/>
    </row>
    <row r="239994" spans="14:14">
      <c r="N239994" s="10"/>
    </row>
    <row r="239995" spans="14:14">
      <c r="N239995" s="10"/>
    </row>
    <row r="239996" spans="14:14">
      <c r="N239996" s="10"/>
    </row>
    <row r="239997" spans="14:14">
      <c r="N239997" s="10"/>
    </row>
    <row r="239998" spans="14:14">
      <c r="N239998" s="10"/>
    </row>
    <row r="239999" spans="14:14">
      <c r="N239999" s="10"/>
    </row>
    <row r="240000" spans="14:14">
      <c r="N240000" s="10"/>
    </row>
    <row r="240001" spans="14:14">
      <c r="N240001" s="10"/>
    </row>
    <row r="240002" spans="14:14">
      <c r="N240002" s="10"/>
    </row>
    <row r="240003" spans="14:14">
      <c r="N240003" s="10"/>
    </row>
    <row r="240004" spans="14:14">
      <c r="N240004" s="10"/>
    </row>
    <row r="240005" spans="14:14">
      <c r="N240005" s="10"/>
    </row>
    <row r="240006" spans="14:14">
      <c r="N240006" s="10"/>
    </row>
    <row r="240007" spans="14:14">
      <c r="N240007" s="10"/>
    </row>
    <row r="240008" spans="14:14">
      <c r="N240008" s="10"/>
    </row>
    <row r="240009" spans="14:14">
      <c r="N240009" s="10"/>
    </row>
    <row r="240010" spans="14:14">
      <c r="N240010" s="10"/>
    </row>
    <row r="240011" spans="14:14">
      <c r="N240011" s="10"/>
    </row>
    <row r="240012" spans="14:14">
      <c r="N240012" s="10"/>
    </row>
    <row r="240013" spans="14:14">
      <c r="N240013" s="10"/>
    </row>
    <row r="240014" spans="14:14">
      <c r="N240014" s="10"/>
    </row>
    <row r="240015" spans="14:14">
      <c r="N240015" s="10"/>
    </row>
    <row r="240016" spans="14:14">
      <c r="N240016" s="10"/>
    </row>
    <row r="240017" spans="14:14">
      <c r="N240017" s="10"/>
    </row>
    <row r="240018" spans="14:14">
      <c r="N240018" s="10"/>
    </row>
    <row r="240019" spans="14:14">
      <c r="N240019" s="10"/>
    </row>
    <row r="240020" spans="14:14">
      <c r="N240020" s="10"/>
    </row>
    <row r="240021" spans="14:14">
      <c r="N240021" s="10"/>
    </row>
    <row r="240022" spans="14:14">
      <c r="N240022" s="10"/>
    </row>
    <row r="240023" spans="14:14">
      <c r="N240023" s="10"/>
    </row>
    <row r="240024" spans="14:14">
      <c r="N240024" s="10"/>
    </row>
    <row r="240025" spans="14:14">
      <c r="N240025" s="10"/>
    </row>
    <row r="240026" spans="14:14">
      <c r="N240026" s="10"/>
    </row>
    <row r="240027" spans="14:14">
      <c r="N240027" s="10"/>
    </row>
    <row r="240028" spans="14:14">
      <c r="N240028" s="10"/>
    </row>
    <row r="240029" spans="14:14">
      <c r="N240029" s="10"/>
    </row>
    <row r="240030" spans="14:14">
      <c r="N240030" s="10"/>
    </row>
    <row r="240031" spans="14:14">
      <c r="N240031" s="10"/>
    </row>
    <row r="240032" spans="14:14">
      <c r="N240032" s="10"/>
    </row>
    <row r="240033" spans="14:14">
      <c r="N240033" s="10"/>
    </row>
    <row r="240034" spans="14:14">
      <c r="N240034" s="10"/>
    </row>
    <row r="240035" spans="14:14">
      <c r="N240035" s="10"/>
    </row>
    <row r="240036" spans="14:14">
      <c r="N240036" s="10"/>
    </row>
    <row r="240037" spans="14:14">
      <c r="N240037" s="10"/>
    </row>
    <row r="240038" spans="14:14">
      <c r="N240038" s="10"/>
    </row>
    <row r="240039" spans="14:14">
      <c r="N240039" s="10"/>
    </row>
    <row r="240040" spans="14:14">
      <c r="N240040" s="10"/>
    </row>
    <row r="240041" spans="14:14">
      <c r="N240041" s="10"/>
    </row>
    <row r="240042" spans="14:14">
      <c r="N240042" s="10"/>
    </row>
    <row r="240043" spans="14:14">
      <c r="N240043" s="10"/>
    </row>
    <row r="240044" spans="14:14">
      <c r="N240044" s="10"/>
    </row>
    <row r="240045" spans="14:14">
      <c r="N240045" s="10"/>
    </row>
    <row r="240046" spans="14:14">
      <c r="N240046" s="10"/>
    </row>
    <row r="240047" spans="14:14">
      <c r="N240047" s="10"/>
    </row>
    <row r="240048" spans="14:14">
      <c r="N240048" s="10"/>
    </row>
    <row r="240049" spans="14:14">
      <c r="N240049" s="10"/>
    </row>
    <row r="240050" spans="14:14">
      <c r="N240050" s="10"/>
    </row>
    <row r="240051" spans="14:14">
      <c r="N240051" s="10"/>
    </row>
    <row r="240052" spans="14:14">
      <c r="N240052" s="10"/>
    </row>
    <row r="240053" spans="14:14">
      <c r="N240053" s="10"/>
    </row>
    <row r="240054" spans="14:14">
      <c r="N240054" s="10"/>
    </row>
    <row r="240055" spans="14:14">
      <c r="N240055" s="10"/>
    </row>
    <row r="240056" spans="14:14">
      <c r="N240056" s="10"/>
    </row>
    <row r="240057" spans="14:14">
      <c r="N240057" s="10"/>
    </row>
    <row r="240058" spans="14:14">
      <c r="N240058" s="10"/>
    </row>
    <row r="240059" spans="14:14">
      <c r="N240059" s="10"/>
    </row>
    <row r="240060" spans="14:14">
      <c r="N240060" s="10"/>
    </row>
    <row r="240061" spans="14:14">
      <c r="N240061" s="10"/>
    </row>
    <row r="240062" spans="14:14">
      <c r="N240062" s="10"/>
    </row>
    <row r="240063" spans="14:14">
      <c r="N240063" s="10"/>
    </row>
    <row r="240064" spans="14:14">
      <c r="N240064" s="10"/>
    </row>
    <row r="240065" spans="14:14">
      <c r="N240065" s="10"/>
    </row>
    <row r="240066" spans="14:14">
      <c r="N240066" s="10"/>
    </row>
    <row r="240067" spans="14:14">
      <c r="N240067" s="10"/>
    </row>
    <row r="240068" spans="14:14">
      <c r="N240068" s="10"/>
    </row>
    <row r="240069" spans="14:14">
      <c r="N240069" s="10"/>
    </row>
    <row r="240070" spans="14:14">
      <c r="N240070" s="10"/>
    </row>
    <row r="240071" spans="14:14">
      <c r="N240071" s="10"/>
    </row>
    <row r="240072" spans="14:14">
      <c r="N240072" s="10"/>
    </row>
    <row r="240073" spans="14:14">
      <c r="N240073" s="10"/>
    </row>
    <row r="240074" spans="14:14">
      <c r="N240074" s="10"/>
    </row>
    <row r="240075" spans="14:14">
      <c r="N240075" s="10"/>
    </row>
    <row r="240076" spans="14:14">
      <c r="N240076" s="10"/>
    </row>
    <row r="240077" spans="14:14">
      <c r="N240077" s="10"/>
    </row>
    <row r="240078" spans="14:14">
      <c r="N240078" s="10"/>
    </row>
    <row r="240079" spans="14:14">
      <c r="N240079" s="10"/>
    </row>
    <row r="240080" spans="14:14">
      <c r="N240080" s="10"/>
    </row>
    <row r="240081" spans="14:14">
      <c r="N240081" s="10"/>
    </row>
    <row r="240082" spans="14:14">
      <c r="N240082" s="10"/>
    </row>
    <row r="240083" spans="14:14">
      <c r="N240083" s="10"/>
    </row>
    <row r="240084" spans="14:14">
      <c r="N240084" s="10"/>
    </row>
    <row r="240085" spans="14:14">
      <c r="N240085" s="10"/>
    </row>
    <row r="240086" spans="14:14">
      <c r="N240086" s="10"/>
    </row>
    <row r="240087" spans="14:14">
      <c r="N240087" s="10"/>
    </row>
    <row r="240088" spans="14:14">
      <c r="N240088" s="10"/>
    </row>
    <row r="240089" spans="14:14">
      <c r="N240089" s="10"/>
    </row>
    <row r="240090" spans="14:14">
      <c r="N240090" s="10"/>
    </row>
    <row r="240091" spans="14:14">
      <c r="N240091" s="10"/>
    </row>
    <row r="240092" spans="14:14">
      <c r="N240092" s="10"/>
    </row>
    <row r="240093" spans="14:14">
      <c r="N240093" s="10"/>
    </row>
    <row r="240094" spans="14:14">
      <c r="N240094" s="10"/>
    </row>
    <row r="240095" spans="14:14">
      <c r="N240095" s="10"/>
    </row>
    <row r="240096" spans="14:14">
      <c r="N240096" s="10"/>
    </row>
    <row r="240097" spans="14:14">
      <c r="N240097" s="10"/>
    </row>
    <row r="240098" spans="14:14">
      <c r="N240098" s="10"/>
    </row>
    <row r="240099" spans="14:14">
      <c r="N240099" s="10"/>
    </row>
    <row r="240100" spans="14:14">
      <c r="N240100" s="10"/>
    </row>
    <row r="240101" spans="14:14">
      <c r="N240101" s="10"/>
    </row>
    <row r="240102" spans="14:14">
      <c r="N240102" s="10"/>
    </row>
    <row r="240103" spans="14:14">
      <c r="N240103" s="10"/>
    </row>
    <row r="240104" spans="14:14">
      <c r="N240104" s="10"/>
    </row>
    <row r="240105" spans="14:14">
      <c r="N240105" s="10"/>
    </row>
    <row r="240106" spans="14:14">
      <c r="N240106" s="10"/>
    </row>
    <row r="240107" spans="14:14">
      <c r="N240107" s="10"/>
    </row>
    <row r="240108" spans="14:14">
      <c r="N240108" s="10"/>
    </row>
    <row r="240109" spans="14:14">
      <c r="N240109" s="10"/>
    </row>
    <row r="240110" spans="14:14">
      <c r="N240110" s="10"/>
    </row>
    <row r="240111" spans="14:14">
      <c r="N240111" s="10"/>
    </row>
    <row r="240112" spans="14:14">
      <c r="N240112" s="10"/>
    </row>
    <row r="240113" spans="14:14">
      <c r="N240113" s="10"/>
    </row>
    <row r="240114" spans="14:14">
      <c r="N240114" s="10"/>
    </row>
    <row r="240115" spans="14:14">
      <c r="N240115" s="10"/>
    </row>
    <row r="240116" spans="14:14">
      <c r="N240116" s="10"/>
    </row>
    <row r="240117" spans="14:14">
      <c r="N240117" s="10"/>
    </row>
    <row r="240118" spans="14:14">
      <c r="N240118" s="10"/>
    </row>
    <row r="240119" spans="14:14">
      <c r="N240119" s="10"/>
    </row>
    <row r="240120" spans="14:14">
      <c r="N240120" s="10"/>
    </row>
    <row r="240121" spans="14:14">
      <c r="N240121" s="10"/>
    </row>
    <row r="240122" spans="14:14">
      <c r="N240122" s="10"/>
    </row>
    <row r="240123" spans="14:14">
      <c r="N240123" s="10"/>
    </row>
    <row r="240124" spans="14:14">
      <c r="N240124" s="10"/>
    </row>
    <row r="240125" spans="14:14">
      <c r="N240125" s="10"/>
    </row>
    <row r="240126" spans="14:14">
      <c r="N240126" s="10"/>
    </row>
    <row r="240127" spans="14:14">
      <c r="N240127" s="10"/>
    </row>
    <row r="240128" spans="14:14">
      <c r="N240128" s="10"/>
    </row>
    <row r="240129" spans="14:14">
      <c r="N240129" s="10"/>
    </row>
    <row r="240130" spans="14:14">
      <c r="N240130" s="10"/>
    </row>
    <row r="240131" spans="14:14">
      <c r="N240131" s="10"/>
    </row>
    <row r="240132" spans="14:14">
      <c r="N240132" s="10"/>
    </row>
    <row r="240133" spans="14:14">
      <c r="N240133" s="10"/>
    </row>
    <row r="240134" spans="14:14">
      <c r="N240134" s="10"/>
    </row>
    <row r="240135" spans="14:14">
      <c r="N240135" s="10"/>
    </row>
    <row r="240136" spans="14:14">
      <c r="N240136" s="10"/>
    </row>
    <row r="240137" spans="14:14">
      <c r="N240137" s="10"/>
    </row>
    <row r="240138" spans="14:14">
      <c r="N240138" s="10"/>
    </row>
    <row r="240139" spans="14:14">
      <c r="N240139" s="10"/>
    </row>
    <row r="240140" spans="14:14">
      <c r="N240140" s="10"/>
    </row>
    <row r="240141" spans="14:14">
      <c r="N240141" s="10"/>
    </row>
    <row r="240142" spans="14:14">
      <c r="N240142" s="10"/>
    </row>
    <row r="240143" spans="14:14">
      <c r="N240143" s="10"/>
    </row>
    <row r="240144" spans="14:14">
      <c r="N240144" s="10"/>
    </row>
    <row r="240145" spans="14:14">
      <c r="N240145" s="10"/>
    </row>
    <row r="240146" spans="14:14">
      <c r="N240146" s="10"/>
    </row>
    <row r="240147" spans="14:14">
      <c r="N240147" s="10"/>
    </row>
    <row r="240148" spans="14:14">
      <c r="N240148" s="10"/>
    </row>
    <row r="240149" spans="14:14">
      <c r="N240149" s="10"/>
    </row>
    <row r="240150" spans="14:14">
      <c r="N240150" s="10"/>
    </row>
    <row r="240151" spans="14:14">
      <c r="N240151" s="10"/>
    </row>
    <row r="240152" spans="14:14">
      <c r="N240152" s="10"/>
    </row>
    <row r="240153" spans="14:14">
      <c r="N240153" s="10"/>
    </row>
    <row r="240154" spans="14:14">
      <c r="N240154" s="10"/>
    </row>
    <row r="240155" spans="14:14">
      <c r="N240155" s="10"/>
    </row>
    <row r="240156" spans="14:14">
      <c r="N240156" s="10"/>
    </row>
    <row r="240157" spans="14:14">
      <c r="N240157" s="10"/>
    </row>
    <row r="240158" spans="14:14">
      <c r="N240158" s="10"/>
    </row>
    <row r="240159" spans="14:14">
      <c r="N240159" s="10"/>
    </row>
    <row r="240160" spans="14:14">
      <c r="N240160" s="10"/>
    </row>
    <row r="240161" spans="14:14">
      <c r="N240161" s="10"/>
    </row>
    <row r="240162" spans="14:14">
      <c r="N240162" s="10"/>
    </row>
    <row r="240163" spans="14:14">
      <c r="N240163" s="10"/>
    </row>
    <row r="240164" spans="14:14">
      <c r="N240164" s="10"/>
    </row>
    <row r="240165" spans="14:14">
      <c r="N240165" s="10"/>
    </row>
    <row r="240166" spans="14:14">
      <c r="N240166" s="10"/>
    </row>
    <row r="240167" spans="14:14">
      <c r="N240167" s="10"/>
    </row>
    <row r="240168" spans="14:14">
      <c r="N240168" s="10"/>
    </row>
    <row r="240169" spans="14:14">
      <c r="N240169" s="10"/>
    </row>
    <row r="240170" spans="14:14">
      <c r="N240170" s="10"/>
    </row>
    <row r="240171" spans="14:14">
      <c r="N240171" s="10"/>
    </row>
    <row r="240172" spans="14:14">
      <c r="N240172" s="10"/>
    </row>
    <row r="240173" spans="14:14">
      <c r="N240173" s="10"/>
    </row>
    <row r="240174" spans="14:14">
      <c r="N240174" s="10"/>
    </row>
    <row r="240175" spans="14:14">
      <c r="N240175" s="10"/>
    </row>
    <row r="240176" spans="14:14">
      <c r="N240176" s="10"/>
    </row>
    <row r="240177" spans="14:14">
      <c r="N240177" s="10"/>
    </row>
    <row r="240178" spans="14:14">
      <c r="N240178" s="10"/>
    </row>
    <row r="240179" spans="14:14">
      <c r="N240179" s="10"/>
    </row>
    <row r="240180" spans="14:14">
      <c r="N240180" s="10"/>
    </row>
    <row r="240181" spans="14:14">
      <c r="N240181" s="10"/>
    </row>
    <row r="240182" spans="14:14">
      <c r="N240182" s="10"/>
    </row>
    <row r="240183" spans="14:14">
      <c r="N240183" s="10"/>
    </row>
    <row r="240184" spans="14:14">
      <c r="N240184" s="10"/>
    </row>
    <row r="240185" spans="14:14">
      <c r="N240185" s="10"/>
    </row>
    <row r="240186" spans="14:14">
      <c r="N240186" s="10"/>
    </row>
    <row r="240187" spans="14:14">
      <c r="N240187" s="10"/>
    </row>
    <row r="240188" spans="14:14">
      <c r="N240188" s="10"/>
    </row>
    <row r="240189" spans="14:14">
      <c r="N240189" s="10"/>
    </row>
    <row r="240190" spans="14:14">
      <c r="N240190" s="10"/>
    </row>
    <row r="240191" spans="14:14">
      <c r="N240191" s="10"/>
    </row>
    <row r="240192" spans="14:14">
      <c r="N240192" s="10"/>
    </row>
    <row r="240193" spans="14:14">
      <c r="N240193" s="10"/>
    </row>
    <row r="240194" spans="14:14">
      <c r="N240194" s="10"/>
    </row>
    <row r="240195" spans="14:14">
      <c r="N240195" s="10"/>
    </row>
    <row r="240196" spans="14:14">
      <c r="N240196" s="10"/>
    </row>
    <row r="240197" spans="14:14">
      <c r="N240197" s="10"/>
    </row>
    <row r="240198" spans="14:14">
      <c r="N240198" s="10"/>
    </row>
    <row r="240199" spans="14:14">
      <c r="N240199" s="10"/>
    </row>
    <row r="240200" spans="14:14">
      <c r="N240200" s="10"/>
    </row>
    <row r="240201" spans="14:14">
      <c r="N240201" s="10"/>
    </row>
    <row r="240202" spans="14:14">
      <c r="N240202" s="10"/>
    </row>
    <row r="240203" spans="14:14">
      <c r="N240203" s="10"/>
    </row>
    <row r="240204" spans="14:14">
      <c r="N240204" s="10"/>
    </row>
    <row r="240205" spans="14:14">
      <c r="N240205" s="10"/>
    </row>
    <row r="240206" spans="14:14">
      <c r="N240206" s="10"/>
    </row>
    <row r="240207" spans="14:14">
      <c r="N240207" s="10"/>
    </row>
    <row r="240208" spans="14:14">
      <c r="N240208" s="10"/>
    </row>
    <row r="240209" spans="14:14">
      <c r="N240209" s="10"/>
    </row>
    <row r="240210" spans="14:14">
      <c r="N240210" s="10"/>
    </row>
    <row r="240211" spans="14:14">
      <c r="N240211" s="10"/>
    </row>
    <row r="240212" spans="14:14">
      <c r="N240212" s="10"/>
    </row>
    <row r="240213" spans="14:14">
      <c r="N240213" s="10"/>
    </row>
    <row r="240214" spans="14:14">
      <c r="N240214" s="10"/>
    </row>
    <row r="240215" spans="14:14">
      <c r="N240215" s="10"/>
    </row>
    <row r="240216" spans="14:14">
      <c r="N240216" s="10"/>
    </row>
    <row r="240217" spans="14:14">
      <c r="N240217" s="10"/>
    </row>
    <row r="240218" spans="14:14">
      <c r="N240218" s="10"/>
    </row>
    <row r="240219" spans="14:14">
      <c r="N240219" s="10"/>
    </row>
    <row r="240220" spans="14:14">
      <c r="N240220" s="10"/>
    </row>
    <row r="240221" spans="14:14">
      <c r="N240221" s="10"/>
    </row>
    <row r="240222" spans="14:14">
      <c r="N240222" s="10"/>
    </row>
    <row r="240223" spans="14:14">
      <c r="N240223" s="10"/>
    </row>
    <row r="240224" spans="14:14">
      <c r="N240224" s="10"/>
    </row>
    <row r="240225" spans="14:14">
      <c r="N240225" s="10"/>
    </row>
    <row r="240226" spans="14:14">
      <c r="N240226" s="10"/>
    </row>
    <row r="240227" spans="14:14">
      <c r="N240227" s="10"/>
    </row>
    <row r="240228" spans="14:14">
      <c r="N240228" s="10"/>
    </row>
    <row r="240229" spans="14:14">
      <c r="N240229" s="10"/>
    </row>
    <row r="240230" spans="14:14">
      <c r="N240230" s="10"/>
    </row>
    <row r="240231" spans="14:14">
      <c r="N240231" s="10"/>
    </row>
    <row r="240232" spans="14:14">
      <c r="N240232" s="10"/>
    </row>
    <row r="240233" spans="14:14">
      <c r="N240233" s="10"/>
    </row>
    <row r="240234" spans="14:14">
      <c r="N240234" s="10"/>
    </row>
    <row r="240235" spans="14:14">
      <c r="N240235" s="10"/>
    </row>
    <row r="240236" spans="14:14">
      <c r="N240236" s="10"/>
    </row>
    <row r="240237" spans="14:14">
      <c r="N240237" s="10"/>
    </row>
    <row r="240238" spans="14:14">
      <c r="N240238" s="10"/>
    </row>
    <row r="240239" spans="14:14">
      <c r="N240239" s="10"/>
    </row>
    <row r="240240" spans="14:14">
      <c r="N240240" s="10"/>
    </row>
    <row r="240241" spans="14:14">
      <c r="N240241" s="10"/>
    </row>
    <row r="240242" spans="14:14">
      <c r="N240242" s="10"/>
    </row>
    <row r="240243" spans="14:14">
      <c r="N240243" s="10"/>
    </row>
    <row r="240244" spans="14:14">
      <c r="N240244" s="10"/>
    </row>
    <row r="240245" spans="14:14">
      <c r="N240245" s="10"/>
    </row>
    <row r="240246" spans="14:14">
      <c r="N240246" s="10"/>
    </row>
    <row r="240247" spans="14:14">
      <c r="N240247" s="10"/>
    </row>
    <row r="240248" spans="14:14">
      <c r="N240248" s="10"/>
    </row>
    <row r="240249" spans="14:14">
      <c r="N240249" s="10"/>
    </row>
    <row r="240250" spans="14:14">
      <c r="N240250" s="10"/>
    </row>
    <row r="240251" spans="14:14">
      <c r="N240251" s="10"/>
    </row>
    <row r="240252" spans="14:14">
      <c r="N240252" s="10"/>
    </row>
    <row r="240253" spans="14:14">
      <c r="N240253" s="10"/>
    </row>
    <row r="240254" spans="14:14">
      <c r="N240254" s="10"/>
    </row>
    <row r="240255" spans="14:14">
      <c r="N240255" s="10"/>
    </row>
    <row r="240256" spans="14:14">
      <c r="N240256" s="10"/>
    </row>
    <row r="240257" spans="14:14">
      <c r="N240257" s="10"/>
    </row>
    <row r="240258" spans="14:14">
      <c r="N240258" s="10"/>
    </row>
    <row r="240259" spans="14:14">
      <c r="N240259" s="10"/>
    </row>
    <row r="240260" spans="14:14">
      <c r="N240260" s="10"/>
    </row>
    <row r="240261" spans="14:14">
      <c r="N240261" s="10"/>
    </row>
    <row r="240262" spans="14:14">
      <c r="N240262" s="10"/>
    </row>
    <row r="240263" spans="14:14">
      <c r="N240263" s="10"/>
    </row>
    <row r="240264" spans="14:14">
      <c r="N240264" s="10"/>
    </row>
    <row r="240265" spans="14:14">
      <c r="N240265" s="10"/>
    </row>
    <row r="240266" spans="14:14">
      <c r="N240266" s="10"/>
    </row>
    <row r="240267" spans="14:14">
      <c r="N240267" s="10"/>
    </row>
    <row r="240268" spans="14:14">
      <c r="N240268" s="10"/>
    </row>
    <row r="240269" spans="14:14">
      <c r="N240269" s="10"/>
    </row>
    <row r="240270" spans="14:14">
      <c r="N240270" s="10"/>
    </row>
    <row r="240271" spans="14:14">
      <c r="N240271" s="10"/>
    </row>
    <row r="240272" spans="14:14">
      <c r="N240272" s="10"/>
    </row>
    <row r="240273" spans="14:14">
      <c r="N240273" s="10"/>
    </row>
    <row r="240274" spans="14:14">
      <c r="N240274" s="10"/>
    </row>
    <row r="240275" spans="14:14">
      <c r="N240275" s="10"/>
    </row>
    <row r="240276" spans="14:14">
      <c r="N240276" s="10"/>
    </row>
    <row r="240277" spans="14:14">
      <c r="N240277" s="10"/>
    </row>
    <row r="240278" spans="14:14">
      <c r="N240278" s="10"/>
    </row>
    <row r="240279" spans="14:14">
      <c r="N240279" s="10"/>
    </row>
    <row r="240280" spans="14:14">
      <c r="N240280" s="10"/>
    </row>
    <row r="240281" spans="14:14">
      <c r="N240281" s="10"/>
    </row>
    <row r="240282" spans="14:14">
      <c r="N240282" s="10"/>
    </row>
    <row r="240283" spans="14:14">
      <c r="N240283" s="10"/>
    </row>
    <row r="240284" spans="14:14">
      <c r="N240284" s="10"/>
    </row>
    <row r="240285" spans="14:14">
      <c r="N240285" s="10"/>
    </row>
    <row r="240286" spans="14:14">
      <c r="N240286" s="10"/>
    </row>
    <row r="240287" spans="14:14">
      <c r="N240287" s="10"/>
    </row>
    <row r="240288" spans="14:14">
      <c r="N240288" s="10"/>
    </row>
    <row r="240289" spans="14:14">
      <c r="N240289" s="10"/>
    </row>
    <row r="240290" spans="14:14">
      <c r="N240290" s="10"/>
    </row>
    <row r="240291" spans="14:14">
      <c r="N240291" s="10"/>
    </row>
    <row r="240292" spans="14:14">
      <c r="N240292" s="10"/>
    </row>
    <row r="240293" spans="14:14">
      <c r="N240293" s="10"/>
    </row>
    <row r="240294" spans="14:14">
      <c r="N240294" s="10"/>
    </row>
    <row r="240295" spans="14:14">
      <c r="N240295" s="10"/>
    </row>
    <row r="240296" spans="14:14">
      <c r="N240296" s="10"/>
    </row>
    <row r="240297" spans="14:14">
      <c r="N240297" s="10"/>
    </row>
    <row r="240298" spans="14:14">
      <c r="N240298" s="10"/>
    </row>
    <row r="240299" spans="14:14">
      <c r="N240299" s="10"/>
    </row>
    <row r="240300" spans="14:14">
      <c r="N240300" s="10"/>
    </row>
    <row r="240301" spans="14:14">
      <c r="N240301" s="10"/>
    </row>
    <row r="240302" spans="14:14">
      <c r="N240302" s="10"/>
    </row>
    <row r="240303" spans="14:14">
      <c r="N240303" s="10"/>
    </row>
    <row r="240304" spans="14:14">
      <c r="N240304" s="10"/>
    </row>
    <row r="240305" spans="14:14">
      <c r="N240305" s="10"/>
    </row>
    <row r="240306" spans="14:14">
      <c r="N240306" s="10"/>
    </row>
    <row r="240307" spans="14:14">
      <c r="N240307" s="10"/>
    </row>
    <row r="240308" spans="14:14">
      <c r="N240308" s="10"/>
    </row>
    <row r="240309" spans="14:14">
      <c r="N240309" s="10"/>
    </row>
    <row r="240310" spans="14:14">
      <c r="N240310" s="10"/>
    </row>
    <row r="240311" spans="14:14">
      <c r="N240311" s="10"/>
    </row>
    <row r="240312" spans="14:14">
      <c r="N240312" s="10"/>
    </row>
    <row r="240313" spans="14:14">
      <c r="N240313" s="10"/>
    </row>
    <row r="240314" spans="14:14">
      <c r="N240314" s="10"/>
    </row>
    <row r="240315" spans="14:14">
      <c r="N240315" s="10"/>
    </row>
    <row r="240316" spans="14:14">
      <c r="N240316" s="10"/>
    </row>
    <row r="240317" spans="14:14">
      <c r="N240317" s="10"/>
    </row>
    <row r="240318" spans="14:14">
      <c r="N240318" s="10"/>
    </row>
    <row r="240319" spans="14:14">
      <c r="N240319" s="10"/>
    </row>
    <row r="240320" spans="14:14">
      <c r="N240320" s="10"/>
    </row>
    <row r="240321" spans="14:14">
      <c r="N240321" s="10"/>
    </row>
    <row r="240322" spans="14:14">
      <c r="N240322" s="10"/>
    </row>
    <row r="240323" spans="14:14">
      <c r="N240323" s="10"/>
    </row>
    <row r="240324" spans="14:14">
      <c r="N240324" s="10"/>
    </row>
    <row r="240325" spans="14:14">
      <c r="N240325" s="10"/>
    </row>
    <row r="240326" spans="14:14">
      <c r="N240326" s="10"/>
    </row>
    <row r="240327" spans="14:14">
      <c r="N240327" s="10"/>
    </row>
    <row r="240328" spans="14:14">
      <c r="N240328" s="10"/>
    </row>
    <row r="240329" spans="14:14">
      <c r="N240329" s="10"/>
    </row>
    <row r="240330" spans="14:14">
      <c r="N240330" s="10"/>
    </row>
    <row r="240331" spans="14:14">
      <c r="N240331" s="10"/>
    </row>
    <row r="240332" spans="14:14">
      <c r="N240332" s="10"/>
    </row>
    <row r="240333" spans="14:14">
      <c r="N240333" s="10"/>
    </row>
    <row r="240334" spans="14:14">
      <c r="N240334" s="10"/>
    </row>
    <row r="240335" spans="14:14">
      <c r="N240335" s="10"/>
    </row>
    <row r="240336" spans="14:14">
      <c r="N240336" s="10"/>
    </row>
    <row r="240337" spans="14:14">
      <c r="N240337" s="10"/>
    </row>
    <row r="240338" spans="14:14">
      <c r="N240338" s="10"/>
    </row>
    <row r="240339" spans="14:14">
      <c r="N240339" s="10"/>
    </row>
    <row r="240340" spans="14:14">
      <c r="N240340" s="10"/>
    </row>
    <row r="240341" spans="14:14">
      <c r="N240341" s="10"/>
    </row>
    <row r="240342" spans="14:14">
      <c r="N240342" s="10"/>
    </row>
    <row r="240343" spans="14:14">
      <c r="N240343" s="10"/>
    </row>
    <row r="240344" spans="14:14">
      <c r="N240344" s="10"/>
    </row>
    <row r="240345" spans="14:14">
      <c r="N240345" s="10"/>
    </row>
    <row r="240346" spans="14:14">
      <c r="N240346" s="10"/>
    </row>
    <row r="240347" spans="14:14">
      <c r="N240347" s="10"/>
    </row>
    <row r="240348" spans="14:14">
      <c r="N240348" s="10"/>
    </row>
    <row r="240349" spans="14:14">
      <c r="N240349" s="10"/>
    </row>
    <row r="240350" spans="14:14">
      <c r="N240350" s="10"/>
    </row>
    <row r="240351" spans="14:14">
      <c r="N240351" s="10"/>
    </row>
    <row r="240352" spans="14:14">
      <c r="N240352" s="10"/>
    </row>
    <row r="240353" spans="14:14">
      <c r="N240353" s="10"/>
    </row>
    <row r="240354" spans="14:14">
      <c r="N240354" s="10"/>
    </row>
    <row r="240355" spans="14:14">
      <c r="N240355" s="10"/>
    </row>
    <row r="240356" spans="14:14">
      <c r="N240356" s="10"/>
    </row>
    <row r="240357" spans="14:14">
      <c r="N240357" s="10"/>
    </row>
    <row r="240358" spans="14:14">
      <c r="N240358" s="10"/>
    </row>
    <row r="240359" spans="14:14">
      <c r="N240359" s="10"/>
    </row>
    <row r="240360" spans="14:14">
      <c r="N240360" s="10"/>
    </row>
    <row r="240361" spans="14:14">
      <c r="N240361" s="10"/>
    </row>
    <row r="240362" spans="14:14">
      <c r="N240362" s="10"/>
    </row>
    <row r="240363" spans="14:14">
      <c r="N240363" s="10"/>
    </row>
    <row r="240364" spans="14:14">
      <c r="N240364" s="10"/>
    </row>
    <row r="240365" spans="14:14">
      <c r="N240365" s="10"/>
    </row>
    <row r="240366" spans="14:14">
      <c r="N240366" s="10"/>
    </row>
    <row r="240367" spans="14:14">
      <c r="N240367" s="10"/>
    </row>
    <row r="240368" spans="14:14">
      <c r="N240368" s="10"/>
    </row>
    <row r="240369" spans="14:14">
      <c r="N240369" s="10"/>
    </row>
    <row r="240370" spans="14:14">
      <c r="N240370" s="10"/>
    </row>
    <row r="240371" spans="14:14">
      <c r="N240371" s="10"/>
    </row>
    <row r="240372" spans="14:14">
      <c r="N240372" s="10"/>
    </row>
    <row r="240373" spans="14:14">
      <c r="N240373" s="10"/>
    </row>
    <row r="240374" spans="14:14">
      <c r="N240374" s="10"/>
    </row>
    <row r="240375" spans="14:14">
      <c r="N240375" s="10"/>
    </row>
    <row r="240376" spans="14:14">
      <c r="N240376" s="10"/>
    </row>
    <row r="240377" spans="14:14">
      <c r="N240377" s="10"/>
    </row>
    <row r="240378" spans="14:14">
      <c r="N240378" s="10"/>
    </row>
    <row r="240379" spans="14:14">
      <c r="N240379" s="10"/>
    </row>
    <row r="240380" spans="14:14">
      <c r="N240380" s="10"/>
    </row>
    <row r="240381" spans="14:14">
      <c r="N240381" s="10"/>
    </row>
    <row r="240382" spans="14:14">
      <c r="N240382" s="10"/>
    </row>
    <row r="240383" spans="14:14">
      <c r="N240383" s="10"/>
    </row>
    <row r="240384" spans="14:14">
      <c r="N240384" s="10"/>
    </row>
    <row r="240385" spans="14:14">
      <c r="N240385" s="10"/>
    </row>
    <row r="240386" spans="14:14">
      <c r="N240386" s="10"/>
    </row>
    <row r="240387" spans="14:14">
      <c r="N240387" s="10"/>
    </row>
    <row r="240388" spans="14:14">
      <c r="N240388" s="10"/>
    </row>
    <row r="240389" spans="14:14">
      <c r="N240389" s="10"/>
    </row>
    <row r="240390" spans="14:14">
      <c r="N240390" s="10"/>
    </row>
    <row r="240391" spans="14:14">
      <c r="N240391" s="10"/>
    </row>
    <row r="240392" spans="14:14">
      <c r="N240392" s="10"/>
    </row>
    <row r="240393" spans="14:14">
      <c r="N240393" s="10"/>
    </row>
    <row r="240394" spans="14:14">
      <c r="N240394" s="10"/>
    </row>
    <row r="240395" spans="14:14">
      <c r="N240395" s="10"/>
    </row>
    <row r="240396" spans="14:14">
      <c r="N240396" s="10"/>
    </row>
    <row r="240397" spans="14:14">
      <c r="N240397" s="10"/>
    </row>
    <row r="240398" spans="14:14">
      <c r="N240398" s="10"/>
    </row>
    <row r="240399" spans="14:14">
      <c r="N240399" s="10"/>
    </row>
    <row r="240400" spans="14:14">
      <c r="N240400" s="10"/>
    </row>
    <row r="240401" spans="14:14">
      <c r="N240401" s="10"/>
    </row>
    <row r="240402" spans="14:14">
      <c r="N240402" s="10"/>
    </row>
    <row r="240403" spans="14:14">
      <c r="N240403" s="10"/>
    </row>
    <row r="240404" spans="14:14">
      <c r="N240404" s="10"/>
    </row>
    <row r="240405" spans="14:14">
      <c r="N240405" s="10"/>
    </row>
    <row r="240406" spans="14:14">
      <c r="N240406" s="10"/>
    </row>
    <row r="240407" spans="14:14">
      <c r="N240407" s="10"/>
    </row>
    <row r="240408" spans="14:14">
      <c r="N240408" s="10"/>
    </row>
    <row r="240409" spans="14:14">
      <c r="N240409" s="10"/>
    </row>
    <row r="240410" spans="14:14">
      <c r="N240410" s="10"/>
    </row>
    <row r="240411" spans="14:14">
      <c r="N240411" s="10"/>
    </row>
    <row r="240412" spans="14:14">
      <c r="N240412" s="10"/>
    </row>
    <row r="240413" spans="14:14">
      <c r="N240413" s="10"/>
    </row>
    <row r="240414" spans="14:14">
      <c r="N240414" s="10"/>
    </row>
    <row r="240415" spans="14:14">
      <c r="N240415" s="10"/>
    </row>
    <row r="240416" spans="14:14">
      <c r="N240416" s="10"/>
    </row>
    <row r="240417" spans="14:14">
      <c r="N240417" s="10"/>
    </row>
    <row r="240418" spans="14:14">
      <c r="N240418" s="10"/>
    </row>
    <row r="240419" spans="14:14">
      <c r="N240419" s="10"/>
    </row>
    <row r="240420" spans="14:14">
      <c r="N240420" s="10"/>
    </row>
    <row r="240421" spans="14:14">
      <c r="N240421" s="10"/>
    </row>
    <row r="240422" spans="14:14">
      <c r="N240422" s="10"/>
    </row>
    <row r="240423" spans="14:14">
      <c r="N240423" s="10"/>
    </row>
    <row r="240424" spans="14:14">
      <c r="N240424" s="10"/>
    </row>
    <row r="240425" spans="14:14">
      <c r="N240425" s="10"/>
    </row>
    <row r="240426" spans="14:14">
      <c r="N240426" s="10"/>
    </row>
    <row r="240427" spans="14:14">
      <c r="N240427" s="10"/>
    </row>
    <row r="240428" spans="14:14">
      <c r="N240428" s="10"/>
    </row>
    <row r="240429" spans="14:14">
      <c r="N240429" s="10"/>
    </row>
    <row r="240430" spans="14:14">
      <c r="N240430" s="10"/>
    </row>
    <row r="240431" spans="14:14">
      <c r="N240431" s="10"/>
    </row>
    <row r="240432" spans="14:14">
      <c r="N240432" s="10"/>
    </row>
    <row r="240433" spans="14:14">
      <c r="N240433" s="10"/>
    </row>
    <row r="240434" spans="14:14">
      <c r="N240434" s="10"/>
    </row>
    <row r="240435" spans="14:14">
      <c r="N240435" s="10"/>
    </row>
    <row r="240436" spans="14:14">
      <c r="N240436" s="10"/>
    </row>
    <row r="240437" spans="14:14">
      <c r="N240437" s="10"/>
    </row>
    <row r="240438" spans="14:14">
      <c r="N240438" s="10"/>
    </row>
    <row r="240439" spans="14:14">
      <c r="N240439" s="10"/>
    </row>
    <row r="240440" spans="14:14">
      <c r="N240440" s="10"/>
    </row>
    <row r="240441" spans="14:14">
      <c r="N240441" s="10"/>
    </row>
    <row r="240442" spans="14:14">
      <c r="N240442" s="10"/>
    </row>
    <row r="240443" spans="14:14">
      <c r="N240443" s="10"/>
    </row>
    <row r="240444" spans="14:14">
      <c r="N240444" s="10"/>
    </row>
    <row r="240445" spans="14:14">
      <c r="N240445" s="10"/>
    </row>
    <row r="240446" spans="14:14">
      <c r="N240446" s="10"/>
    </row>
    <row r="240447" spans="14:14">
      <c r="N240447" s="10"/>
    </row>
    <row r="240448" spans="14:14">
      <c r="N240448" s="10"/>
    </row>
    <row r="240449" spans="14:14">
      <c r="N240449" s="10"/>
    </row>
    <row r="240450" spans="14:14">
      <c r="N240450" s="10"/>
    </row>
    <row r="240451" spans="14:14">
      <c r="N240451" s="10"/>
    </row>
    <row r="240452" spans="14:14">
      <c r="N240452" s="10"/>
    </row>
    <row r="240453" spans="14:14">
      <c r="N240453" s="10"/>
    </row>
    <row r="240454" spans="14:14">
      <c r="N240454" s="10"/>
    </row>
    <row r="240455" spans="14:14">
      <c r="N240455" s="10"/>
    </row>
    <row r="240456" spans="14:14">
      <c r="N240456" s="10"/>
    </row>
    <row r="240457" spans="14:14">
      <c r="N240457" s="10"/>
    </row>
    <row r="240458" spans="14:14">
      <c r="N240458" s="10"/>
    </row>
    <row r="240459" spans="14:14">
      <c r="N240459" s="10"/>
    </row>
    <row r="240460" spans="14:14">
      <c r="N240460" s="10"/>
    </row>
    <row r="240461" spans="14:14">
      <c r="N240461" s="10"/>
    </row>
    <row r="240462" spans="14:14">
      <c r="N240462" s="10"/>
    </row>
    <row r="240463" spans="14:14">
      <c r="N240463" s="10"/>
    </row>
    <row r="240464" spans="14:14">
      <c r="N240464" s="10"/>
    </row>
    <row r="240465" spans="14:14">
      <c r="N240465" s="10"/>
    </row>
    <row r="240466" spans="14:14">
      <c r="N240466" s="10"/>
    </row>
    <row r="240467" spans="14:14">
      <c r="N240467" s="10"/>
    </row>
    <row r="240468" spans="14:14">
      <c r="N240468" s="10"/>
    </row>
    <row r="240469" spans="14:14">
      <c r="N240469" s="10"/>
    </row>
    <row r="240470" spans="14:14">
      <c r="N240470" s="10"/>
    </row>
    <row r="240471" spans="14:14">
      <c r="N240471" s="10"/>
    </row>
    <row r="240472" spans="14:14">
      <c r="N240472" s="10"/>
    </row>
    <row r="240473" spans="14:14">
      <c r="N240473" s="10"/>
    </row>
    <row r="240474" spans="14:14">
      <c r="N240474" s="10"/>
    </row>
    <row r="240475" spans="14:14">
      <c r="N240475" s="10"/>
    </row>
    <row r="240476" spans="14:14">
      <c r="N240476" s="10"/>
    </row>
    <row r="240477" spans="14:14">
      <c r="N240477" s="10"/>
    </row>
    <row r="240478" spans="14:14">
      <c r="N240478" s="10"/>
    </row>
    <row r="240479" spans="14:14">
      <c r="N240479" s="10"/>
    </row>
    <row r="240480" spans="14:14">
      <c r="N240480" s="10"/>
    </row>
    <row r="240481" spans="14:14">
      <c r="N240481" s="10"/>
    </row>
    <row r="240482" spans="14:14">
      <c r="N240482" s="10"/>
    </row>
    <row r="240483" spans="14:14">
      <c r="N240483" s="10"/>
    </row>
    <row r="240484" spans="14:14">
      <c r="N240484" s="10"/>
    </row>
    <row r="240485" spans="14:14">
      <c r="N240485" s="10"/>
    </row>
    <row r="240486" spans="14:14">
      <c r="N240486" s="10"/>
    </row>
    <row r="240487" spans="14:14">
      <c r="N240487" s="10"/>
    </row>
    <row r="240488" spans="14:14">
      <c r="N240488" s="10"/>
    </row>
    <row r="240489" spans="14:14">
      <c r="N240489" s="10"/>
    </row>
    <row r="240490" spans="14:14">
      <c r="N240490" s="10"/>
    </row>
    <row r="240491" spans="14:14">
      <c r="N240491" s="10"/>
    </row>
    <row r="240492" spans="14:14">
      <c r="N240492" s="10"/>
    </row>
    <row r="240493" spans="14:14">
      <c r="N240493" s="10"/>
    </row>
    <row r="240494" spans="14:14">
      <c r="N240494" s="10"/>
    </row>
    <row r="240495" spans="14:14">
      <c r="N240495" s="10"/>
    </row>
    <row r="240496" spans="14:14">
      <c r="N240496" s="10"/>
    </row>
    <row r="240497" spans="14:14">
      <c r="N240497" s="10"/>
    </row>
    <row r="240498" spans="14:14">
      <c r="N240498" s="10"/>
    </row>
    <row r="240499" spans="14:14">
      <c r="N240499" s="10"/>
    </row>
    <row r="240500" spans="14:14">
      <c r="N240500" s="10"/>
    </row>
    <row r="240501" spans="14:14">
      <c r="N240501" s="10"/>
    </row>
    <row r="240502" spans="14:14">
      <c r="N240502" s="10"/>
    </row>
    <row r="240503" spans="14:14">
      <c r="N240503" s="10"/>
    </row>
    <row r="240504" spans="14:14">
      <c r="N240504" s="10"/>
    </row>
    <row r="240505" spans="14:14">
      <c r="N240505" s="10"/>
    </row>
    <row r="240506" spans="14:14">
      <c r="N240506" s="10"/>
    </row>
    <row r="240507" spans="14:14">
      <c r="N240507" s="10"/>
    </row>
    <row r="240508" spans="14:14">
      <c r="N240508" s="10"/>
    </row>
    <row r="240509" spans="14:14">
      <c r="N240509" s="10"/>
    </row>
    <row r="240510" spans="14:14">
      <c r="N240510" s="10"/>
    </row>
    <row r="240511" spans="14:14">
      <c r="N240511" s="10"/>
    </row>
    <row r="240512" spans="14:14">
      <c r="N240512" s="10"/>
    </row>
    <row r="240513" spans="14:14">
      <c r="N240513" s="10"/>
    </row>
    <row r="240514" spans="14:14">
      <c r="N240514" s="10"/>
    </row>
    <row r="240515" spans="14:14">
      <c r="N240515" s="10"/>
    </row>
    <row r="240516" spans="14:14">
      <c r="N240516" s="10"/>
    </row>
    <row r="240517" spans="14:14">
      <c r="N240517" s="10"/>
    </row>
    <row r="240518" spans="14:14">
      <c r="N240518" s="10"/>
    </row>
    <row r="240519" spans="14:14">
      <c r="N240519" s="10"/>
    </row>
    <row r="240520" spans="14:14">
      <c r="N240520" s="10"/>
    </row>
    <row r="240521" spans="14:14">
      <c r="N240521" s="10"/>
    </row>
    <row r="240522" spans="14:14">
      <c r="N240522" s="10"/>
    </row>
    <row r="240523" spans="14:14">
      <c r="N240523" s="10"/>
    </row>
    <row r="240524" spans="14:14">
      <c r="N240524" s="10"/>
    </row>
    <row r="240525" spans="14:14">
      <c r="N240525" s="10"/>
    </row>
    <row r="240526" spans="14:14">
      <c r="N240526" s="10"/>
    </row>
    <row r="240527" spans="14:14">
      <c r="N240527" s="10"/>
    </row>
    <row r="240528" spans="14:14">
      <c r="N240528" s="10"/>
    </row>
    <row r="240529" spans="14:14">
      <c r="N240529" s="10"/>
    </row>
    <row r="240530" spans="14:14">
      <c r="N240530" s="10"/>
    </row>
    <row r="240531" spans="14:14">
      <c r="N240531" s="10"/>
    </row>
    <row r="240532" spans="14:14">
      <c r="N240532" s="10"/>
    </row>
    <row r="240533" spans="14:14">
      <c r="N240533" s="10"/>
    </row>
    <row r="240534" spans="14:14">
      <c r="N240534" s="10"/>
    </row>
    <row r="240535" spans="14:14">
      <c r="N240535" s="10"/>
    </row>
    <row r="240536" spans="14:14">
      <c r="N240536" s="10"/>
    </row>
    <row r="240537" spans="14:14">
      <c r="N240537" s="10"/>
    </row>
    <row r="240538" spans="14:14">
      <c r="N240538" s="10"/>
    </row>
    <row r="240539" spans="14:14">
      <c r="N240539" s="10"/>
    </row>
    <row r="240540" spans="14:14">
      <c r="N240540" s="10"/>
    </row>
    <row r="240541" spans="14:14">
      <c r="N240541" s="10"/>
    </row>
    <row r="240542" spans="14:14">
      <c r="N240542" s="10"/>
    </row>
    <row r="240543" spans="14:14">
      <c r="N240543" s="10"/>
    </row>
    <row r="240544" spans="14:14">
      <c r="N240544" s="10"/>
    </row>
    <row r="240545" spans="14:14">
      <c r="N240545" s="10"/>
    </row>
    <row r="240546" spans="14:14">
      <c r="N240546" s="10"/>
    </row>
    <row r="240547" spans="14:14">
      <c r="N240547" s="10"/>
    </row>
    <row r="240548" spans="14:14">
      <c r="N240548" s="10"/>
    </row>
    <row r="240549" spans="14:14">
      <c r="N240549" s="10"/>
    </row>
    <row r="240550" spans="14:14">
      <c r="N240550" s="10"/>
    </row>
    <row r="240551" spans="14:14">
      <c r="N240551" s="10"/>
    </row>
    <row r="240552" spans="14:14">
      <c r="N240552" s="10"/>
    </row>
    <row r="240553" spans="14:14">
      <c r="N240553" s="10"/>
    </row>
    <row r="240554" spans="14:14">
      <c r="N240554" s="10"/>
    </row>
    <row r="240555" spans="14:14">
      <c r="N240555" s="10"/>
    </row>
    <row r="240556" spans="14:14">
      <c r="N240556" s="10"/>
    </row>
    <row r="240557" spans="14:14">
      <c r="N240557" s="10"/>
    </row>
    <row r="240558" spans="14:14">
      <c r="N240558" s="10"/>
    </row>
    <row r="240559" spans="14:14">
      <c r="N240559" s="10"/>
    </row>
    <row r="240560" spans="14:14">
      <c r="N240560" s="10"/>
    </row>
    <row r="240561" spans="14:14">
      <c r="N240561" s="10"/>
    </row>
    <row r="240562" spans="14:14">
      <c r="N240562" s="10"/>
    </row>
    <row r="240563" spans="14:14">
      <c r="N240563" s="10"/>
    </row>
    <row r="240564" spans="14:14">
      <c r="N240564" s="10"/>
    </row>
    <row r="240565" spans="14:14">
      <c r="N240565" s="10"/>
    </row>
    <row r="240566" spans="14:14">
      <c r="N240566" s="10"/>
    </row>
    <row r="240567" spans="14:14">
      <c r="N240567" s="10"/>
    </row>
    <row r="240568" spans="14:14">
      <c r="N240568" s="10"/>
    </row>
    <row r="240569" spans="14:14">
      <c r="N240569" s="10"/>
    </row>
    <row r="240570" spans="14:14">
      <c r="N240570" s="10"/>
    </row>
    <row r="240571" spans="14:14">
      <c r="N240571" s="10"/>
    </row>
    <row r="240572" spans="14:14">
      <c r="N240572" s="10"/>
    </row>
    <row r="240573" spans="14:14">
      <c r="N240573" s="10"/>
    </row>
    <row r="240574" spans="14:14">
      <c r="N240574" s="10"/>
    </row>
    <row r="240575" spans="14:14">
      <c r="N240575" s="10"/>
    </row>
    <row r="240576" spans="14:14">
      <c r="N240576" s="10"/>
    </row>
    <row r="240577" spans="14:14">
      <c r="N240577" s="10"/>
    </row>
    <row r="240578" spans="14:14">
      <c r="N240578" s="10"/>
    </row>
    <row r="240579" spans="14:14">
      <c r="N240579" s="10"/>
    </row>
    <row r="240580" spans="14:14">
      <c r="N240580" s="10"/>
    </row>
    <row r="240581" spans="14:14">
      <c r="N240581" s="10"/>
    </row>
    <row r="240582" spans="14:14">
      <c r="N240582" s="10"/>
    </row>
    <row r="240583" spans="14:14">
      <c r="N240583" s="10"/>
    </row>
    <row r="240584" spans="14:14">
      <c r="N240584" s="10"/>
    </row>
    <row r="240585" spans="14:14">
      <c r="N240585" s="10"/>
    </row>
    <row r="240586" spans="14:14">
      <c r="N240586" s="10"/>
    </row>
    <row r="240587" spans="14:14">
      <c r="N240587" s="10"/>
    </row>
    <row r="240588" spans="14:14">
      <c r="N240588" s="10"/>
    </row>
    <row r="240589" spans="14:14">
      <c r="N240589" s="10"/>
    </row>
    <row r="240590" spans="14:14">
      <c r="N240590" s="10"/>
    </row>
    <row r="240591" spans="14:14">
      <c r="N240591" s="10"/>
    </row>
    <row r="240592" spans="14:14">
      <c r="N240592" s="10"/>
    </row>
    <row r="240593" spans="14:14">
      <c r="N240593" s="10"/>
    </row>
    <row r="240594" spans="14:14">
      <c r="N240594" s="10"/>
    </row>
    <row r="240595" spans="14:14">
      <c r="N240595" s="10"/>
    </row>
    <row r="240596" spans="14:14">
      <c r="N240596" s="10"/>
    </row>
    <row r="240597" spans="14:14">
      <c r="N240597" s="10"/>
    </row>
    <row r="240598" spans="14:14">
      <c r="N240598" s="10"/>
    </row>
    <row r="240599" spans="14:14">
      <c r="N240599" s="10"/>
    </row>
    <row r="240600" spans="14:14">
      <c r="N240600" s="10"/>
    </row>
    <row r="240601" spans="14:14">
      <c r="N240601" s="10"/>
    </row>
    <row r="240602" spans="14:14">
      <c r="N240602" s="10"/>
    </row>
    <row r="240603" spans="14:14">
      <c r="N240603" s="10"/>
    </row>
    <row r="240604" spans="14:14">
      <c r="N240604" s="10"/>
    </row>
    <row r="240605" spans="14:14">
      <c r="N240605" s="10"/>
    </row>
    <row r="240606" spans="14:14">
      <c r="N240606" s="10"/>
    </row>
    <row r="240607" spans="14:14">
      <c r="N240607" s="10"/>
    </row>
    <row r="240608" spans="14:14">
      <c r="N240608" s="10"/>
    </row>
    <row r="240609" spans="14:14">
      <c r="N240609" s="10"/>
    </row>
    <row r="240610" spans="14:14">
      <c r="N240610" s="10"/>
    </row>
    <row r="240611" spans="14:14">
      <c r="N240611" s="10"/>
    </row>
    <row r="240612" spans="14:14">
      <c r="N240612" s="10"/>
    </row>
    <row r="240613" spans="14:14">
      <c r="N240613" s="10"/>
    </row>
    <row r="240614" spans="14:14">
      <c r="N240614" s="10"/>
    </row>
    <row r="240615" spans="14:14">
      <c r="N240615" s="10"/>
    </row>
    <row r="240616" spans="14:14">
      <c r="N240616" s="10"/>
    </row>
    <row r="240617" spans="14:14">
      <c r="N240617" s="10"/>
    </row>
    <row r="240618" spans="14:14">
      <c r="N240618" s="10"/>
    </row>
    <row r="240619" spans="14:14">
      <c r="N240619" s="10"/>
    </row>
    <row r="240620" spans="14:14">
      <c r="N240620" s="10"/>
    </row>
    <row r="240621" spans="14:14">
      <c r="N240621" s="10"/>
    </row>
    <row r="240622" spans="14:14">
      <c r="N240622" s="10"/>
    </row>
    <row r="240623" spans="14:14">
      <c r="N240623" s="10"/>
    </row>
    <row r="240624" spans="14:14">
      <c r="N240624" s="10"/>
    </row>
    <row r="240625" spans="14:14">
      <c r="N240625" s="10"/>
    </row>
    <row r="240626" spans="14:14">
      <c r="N240626" s="10"/>
    </row>
    <row r="240627" spans="14:14">
      <c r="N240627" s="10"/>
    </row>
    <row r="240628" spans="14:14">
      <c r="N240628" s="10"/>
    </row>
    <row r="240629" spans="14:14">
      <c r="N240629" s="10"/>
    </row>
    <row r="240630" spans="14:14">
      <c r="N240630" s="10"/>
    </row>
    <row r="240631" spans="14:14">
      <c r="N240631" s="10"/>
    </row>
    <row r="240632" spans="14:14">
      <c r="N240632" s="10"/>
    </row>
    <row r="240633" spans="14:14">
      <c r="N240633" s="10"/>
    </row>
    <row r="240634" spans="14:14">
      <c r="N240634" s="10"/>
    </row>
    <row r="240635" spans="14:14">
      <c r="N240635" s="10"/>
    </row>
    <row r="240636" spans="14:14">
      <c r="N240636" s="10"/>
    </row>
    <row r="240637" spans="14:14">
      <c r="N240637" s="10"/>
    </row>
    <row r="240638" spans="14:14">
      <c r="N240638" s="10"/>
    </row>
    <row r="240639" spans="14:14">
      <c r="N240639" s="10"/>
    </row>
    <row r="240640" spans="14:14">
      <c r="N240640" s="10"/>
    </row>
    <row r="240641" spans="14:14">
      <c r="N240641" s="10"/>
    </row>
    <row r="240642" spans="14:14">
      <c r="N240642" s="10"/>
    </row>
    <row r="240643" spans="14:14">
      <c r="N240643" s="10"/>
    </row>
    <row r="240644" spans="14:14">
      <c r="N240644" s="10"/>
    </row>
    <row r="240645" spans="14:14">
      <c r="N240645" s="10"/>
    </row>
    <row r="240646" spans="14:14">
      <c r="N240646" s="10"/>
    </row>
    <row r="240647" spans="14:14">
      <c r="N240647" s="10"/>
    </row>
    <row r="240648" spans="14:14">
      <c r="N240648" s="10"/>
    </row>
    <row r="240649" spans="14:14">
      <c r="N240649" s="10"/>
    </row>
    <row r="240650" spans="14:14">
      <c r="N240650" s="10"/>
    </row>
    <row r="240651" spans="14:14">
      <c r="N240651" s="10"/>
    </row>
    <row r="240652" spans="14:14">
      <c r="N240652" s="10"/>
    </row>
    <row r="240653" spans="14:14">
      <c r="N240653" s="10"/>
    </row>
    <row r="240654" spans="14:14">
      <c r="N240654" s="10"/>
    </row>
    <row r="240655" spans="14:14">
      <c r="N240655" s="10"/>
    </row>
    <row r="240656" spans="14:14">
      <c r="N240656" s="10"/>
    </row>
    <row r="240657" spans="14:14">
      <c r="N240657" s="10"/>
    </row>
    <row r="240658" spans="14:14">
      <c r="N240658" s="10"/>
    </row>
    <row r="240659" spans="14:14">
      <c r="N240659" s="10"/>
    </row>
    <row r="240660" spans="14:14">
      <c r="N240660" s="10"/>
    </row>
    <row r="240661" spans="14:14">
      <c r="N240661" s="10"/>
    </row>
    <row r="240662" spans="14:14">
      <c r="N240662" s="10"/>
    </row>
    <row r="240663" spans="14:14">
      <c r="N240663" s="10"/>
    </row>
    <row r="240664" spans="14:14">
      <c r="N240664" s="10"/>
    </row>
    <row r="240665" spans="14:14">
      <c r="N240665" s="10"/>
    </row>
    <row r="240666" spans="14:14">
      <c r="N240666" s="10"/>
    </row>
    <row r="240667" spans="14:14">
      <c r="N240667" s="10"/>
    </row>
    <row r="240668" spans="14:14">
      <c r="N240668" s="10"/>
    </row>
    <row r="240669" spans="14:14">
      <c r="N240669" s="10"/>
    </row>
    <row r="240670" spans="14:14">
      <c r="N240670" s="10"/>
    </row>
    <row r="240671" spans="14:14">
      <c r="N240671" s="10"/>
    </row>
    <row r="240672" spans="14:14">
      <c r="N240672" s="10"/>
    </row>
    <row r="240673" spans="14:14">
      <c r="N240673" s="10"/>
    </row>
    <row r="240674" spans="14:14">
      <c r="N240674" s="10"/>
    </row>
    <row r="240675" spans="14:14">
      <c r="N240675" s="10"/>
    </row>
    <row r="240676" spans="14:14">
      <c r="N240676" s="10"/>
    </row>
    <row r="240677" spans="14:14">
      <c r="N240677" s="10"/>
    </row>
    <row r="240678" spans="14:14">
      <c r="N240678" s="10"/>
    </row>
    <row r="240679" spans="14:14">
      <c r="N240679" s="10"/>
    </row>
    <row r="240680" spans="14:14">
      <c r="N240680" s="10"/>
    </row>
    <row r="240681" spans="14:14">
      <c r="N240681" s="10"/>
    </row>
    <row r="240682" spans="14:14">
      <c r="N240682" s="10"/>
    </row>
    <row r="240683" spans="14:14">
      <c r="N240683" s="10"/>
    </row>
    <row r="240684" spans="14:14">
      <c r="N240684" s="10"/>
    </row>
    <row r="240685" spans="14:14">
      <c r="N240685" s="10"/>
    </row>
    <row r="240686" spans="14:14">
      <c r="N240686" s="10"/>
    </row>
    <row r="240687" spans="14:14">
      <c r="N240687" s="10"/>
    </row>
    <row r="240688" spans="14:14">
      <c r="N240688" s="10"/>
    </row>
    <row r="240689" spans="14:14">
      <c r="N240689" s="10"/>
    </row>
    <row r="240690" spans="14:14">
      <c r="N240690" s="10"/>
    </row>
    <row r="240691" spans="14:14">
      <c r="N240691" s="10"/>
    </row>
    <row r="240692" spans="14:14">
      <c r="N240692" s="10"/>
    </row>
    <row r="240693" spans="14:14">
      <c r="N240693" s="10"/>
    </row>
    <row r="240694" spans="14:14">
      <c r="N240694" s="10"/>
    </row>
    <row r="240695" spans="14:14">
      <c r="N240695" s="10"/>
    </row>
    <row r="240696" spans="14:14">
      <c r="N240696" s="10"/>
    </row>
    <row r="240697" spans="14:14">
      <c r="N240697" s="10"/>
    </row>
    <row r="240698" spans="14:14">
      <c r="N240698" s="10"/>
    </row>
    <row r="240699" spans="14:14">
      <c r="N240699" s="10"/>
    </row>
    <row r="240700" spans="14:14">
      <c r="N240700" s="10"/>
    </row>
    <row r="240701" spans="14:14">
      <c r="N240701" s="10"/>
    </row>
    <row r="240702" spans="14:14">
      <c r="N240702" s="10"/>
    </row>
    <row r="240703" spans="14:14">
      <c r="N240703" s="10"/>
    </row>
    <row r="240704" spans="14:14">
      <c r="N240704" s="10"/>
    </row>
    <row r="240705" spans="14:14">
      <c r="N240705" s="10"/>
    </row>
    <row r="240706" spans="14:14">
      <c r="N240706" s="10"/>
    </row>
    <row r="240707" spans="14:14">
      <c r="N240707" s="10"/>
    </row>
    <row r="240708" spans="14:14">
      <c r="N240708" s="10"/>
    </row>
    <row r="240709" spans="14:14">
      <c r="N240709" s="10"/>
    </row>
    <row r="240710" spans="14:14">
      <c r="N240710" s="10"/>
    </row>
    <row r="240711" spans="14:14">
      <c r="N240711" s="10"/>
    </row>
    <row r="240712" spans="14:14">
      <c r="N240712" s="10"/>
    </row>
    <row r="240713" spans="14:14">
      <c r="N240713" s="10"/>
    </row>
    <row r="240714" spans="14:14">
      <c r="N240714" s="10"/>
    </row>
    <row r="240715" spans="14:14">
      <c r="N240715" s="10"/>
    </row>
    <row r="240716" spans="14:14">
      <c r="N240716" s="10"/>
    </row>
    <row r="240717" spans="14:14">
      <c r="N240717" s="10"/>
    </row>
    <row r="240718" spans="14:14">
      <c r="N240718" s="10"/>
    </row>
    <row r="240719" spans="14:14">
      <c r="N240719" s="10"/>
    </row>
    <row r="240720" spans="14:14">
      <c r="N240720" s="10"/>
    </row>
    <row r="240721" spans="14:14">
      <c r="N240721" s="10"/>
    </row>
    <row r="240722" spans="14:14">
      <c r="N240722" s="10"/>
    </row>
    <row r="240723" spans="14:14">
      <c r="N240723" s="10"/>
    </row>
    <row r="240724" spans="14:14">
      <c r="N240724" s="10"/>
    </row>
    <row r="240725" spans="14:14">
      <c r="N240725" s="10"/>
    </row>
    <row r="240726" spans="14:14">
      <c r="N240726" s="10"/>
    </row>
    <row r="240727" spans="14:14">
      <c r="N240727" s="10"/>
    </row>
    <row r="240728" spans="14:14">
      <c r="N240728" s="10"/>
    </row>
    <row r="240729" spans="14:14">
      <c r="N240729" s="10"/>
    </row>
    <row r="240730" spans="14:14">
      <c r="N240730" s="10"/>
    </row>
    <row r="240731" spans="14:14">
      <c r="N240731" s="10"/>
    </row>
    <row r="240732" spans="14:14">
      <c r="N240732" s="10"/>
    </row>
    <row r="240733" spans="14:14">
      <c r="N240733" s="10"/>
    </row>
    <row r="240734" spans="14:14">
      <c r="N240734" s="10"/>
    </row>
    <row r="240735" spans="14:14">
      <c r="N240735" s="10"/>
    </row>
    <row r="240736" spans="14:14">
      <c r="N240736" s="10"/>
    </row>
    <row r="240737" spans="14:14">
      <c r="N240737" s="10"/>
    </row>
    <row r="240738" spans="14:14">
      <c r="N240738" s="10"/>
    </row>
    <row r="240739" spans="14:14">
      <c r="N240739" s="10"/>
    </row>
    <row r="240740" spans="14:14">
      <c r="N240740" s="10"/>
    </row>
    <row r="240741" spans="14:14">
      <c r="N240741" s="10"/>
    </row>
    <row r="240742" spans="14:14">
      <c r="N240742" s="10"/>
    </row>
    <row r="240743" spans="14:14">
      <c r="N240743" s="10"/>
    </row>
    <row r="240744" spans="14:14">
      <c r="N240744" s="10"/>
    </row>
    <row r="240745" spans="14:14">
      <c r="N240745" s="10"/>
    </row>
    <row r="240746" spans="14:14">
      <c r="N240746" s="10"/>
    </row>
    <row r="240747" spans="14:14">
      <c r="N240747" s="10"/>
    </row>
    <row r="240748" spans="14:14">
      <c r="N240748" s="10"/>
    </row>
    <row r="240749" spans="14:14">
      <c r="N240749" s="10"/>
    </row>
    <row r="240750" spans="14:14">
      <c r="N240750" s="10"/>
    </row>
    <row r="240751" spans="14:14">
      <c r="N240751" s="10"/>
    </row>
    <row r="240752" spans="14:14">
      <c r="N240752" s="10"/>
    </row>
    <row r="240753" spans="14:14">
      <c r="N240753" s="10"/>
    </row>
    <row r="240754" spans="14:14">
      <c r="N240754" s="10"/>
    </row>
    <row r="240755" spans="14:14">
      <c r="N240755" s="10"/>
    </row>
    <row r="240756" spans="14:14">
      <c r="N240756" s="10"/>
    </row>
    <row r="240757" spans="14:14">
      <c r="N240757" s="10"/>
    </row>
    <row r="240758" spans="14:14">
      <c r="N240758" s="10"/>
    </row>
    <row r="240759" spans="14:14">
      <c r="N240759" s="10"/>
    </row>
    <row r="240760" spans="14:14">
      <c r="N240760" s="10"/>
    </row>
    <row r="240761" spans="14:14">
      <c r="N240761" s="10"/>
    </row>
    <row r="240762" spans="14:14">
      <c r="N240762" s="10"/>
    </row>
    <row r="240763" spans="14:14">
      <c r="N240763" s="10"/>
    </row>
    <row r="240764" spans="14:14">
      <c r="N240764" s="10"/>
    </row>
    <row r="240765" spans="14:14">
      <c r="N240765" s="10"/>
    </row>
    <row r="240766" spans="14:14">
      <c r="N240766" s="10"/>
    </row>
    <row r="240767" spans="14:14">
      <c r="N240767" s="10"/>
    </row>
    <row r="240768" spans="14:14">
      <c r="N240768" s="10"/>
    </row>
    <row r="240769" spans="14:14">
      <c r="N240769" s="10"/>
    </row>
    <row r="240770" spans="14:14">
      <c r="N240770" s="10"/>
    </row>
    <row r="240771" spans="14:14">
      <c r="N240771" s="10"/>
    </row>
    <row r="240772" spans="14:14">
      <c r="N240772" s="10"/>
    </row>
    <row r="240773" spans="14:14">
      <c r="N240773" s="10"/>
    </row>
    <row r="240774" spans="14:14">
      <c r="N240774" s="10"/>
    </row>
    <row r="240775" spans="14:14">
      <c r="N240775" s="10"/>
    </row>
    <row r="240776" spans="14:14">
      <c r="N240776" s="10"/>
    </row>
    <row r="240777" spans="14:14">
      <c r="N240777" s="10"/>
    </row>
    <row r="240778" spans="14:14">
      <c r="N240778" s="10"/>
    </row>
    <row r="240779" spans="14:14">
      <c r="N240779" s="10"/>
    </row>
    <row r="240780" spans="14:14">
      <c r="N240780" s="10"/>
    </row>
    <row r="240781" spans="14:14">
      <c r="N240781" s="10"/>
    </row>
    <row r="240782" spans="14:14">
      <c r="N240782" s="10"/>
    </row>
    <row r="240783" spans="14:14">
      <c r="N240783" s="10"/>
    </row>
    <row r="240784" spans="14:14">
      <c r="N240784" s="10"/>
    </row>
    <row r="240785" spans="14:14">
      <c r="N240785" s="10"/>
    </row>
    <row r="240786" spans="14:14">
      <c r="N240786" s="10"/>
    </row>
    <row r="240787" spans="14:14">
      <c r="N240787" s="10"/>
    </row>
    <row r="240788" spans="14:14">
      <c r="N240788" s="10"/>
    </row>
    <row r="240789" spans="14:14">
      <c r="N240789" s="10"/>
    </row>
    <row r="240790" spans="14:14">
      <c r="N240790" s="10"/>
    </row>
    <row r="240791" spans="14:14">
      <c r="N240791" s="10"/>
    </row>
    <row r="240792" spans="14:14">
      <c r="N240792" s="10"/>
    </row>
    <row r="240793" spans="14:14">
      <c r="N240793" s="10"/>
    </row>
    <row r="240794" spans="14:14">
      <c r="N240794" s="10"/>
    </row>
    <row r="240795" spans="14:14">
      <c r="N240795" s="10"/>
    </row>
    <row r="240796" spans="14:14">
      <c r="N240796" s="10"/>
    </row>
    <row r="240797" spans="14:14">
      <c r="N240797" s="10"/>
    </row>
    <row r="240798" spans="14:14">
      <c r="N240798" s="10"/>
    </row>
    <row r="240799" spans="14:14">
      <c r="N240799" s="10"/>
    </row>
    <row r="240800" spans="14:14">
      <c r="N240800" s="10"/>
    </row>
    <row r="240801" spans="14:14">
      <c r="N240801" s="10"/>
    </row>
    <row r="240802" spans="14:14">
      <c r="N240802" s="10"/>
    </row>
    <row r="240803" spans="14:14">
      <c r="N240803" s="10"/>
    </row>
    <row r="240804" spans="14:14">
      <c r="N240804" s="10"/>
    </row>
    <row r="240805" spans="14:14">
      <c r="N240805" s="10"/>
    </row>
    <row r="240806" spans="14:14">
      <c r="N240806" s="10"/>
    </row>
    <row r="240807" spans="14:14">
      <c r="N240807" s="10"/>
    </row>
    <row r="240808" spans="14:14">
      <c r="N240808" s="10"/>
    </row>
    <row r="240809" spans="14:14">
      <c r="N240809" s="10"/>
    </row>
    <row r="240810" spans="14:14">
      <c r="N240810" s="10"/>
    </row>
    <row r="240811" spans="14:14">
      <c r="N240811" s="10"/>
    </row>
    <row r="240812" spans="14:14">
      <c r="N240812" s="10"/>
    </row>
    <row r="240813" spans="14:14">
      <c r="N240813" s="10"/>
    </row>
    <row r="240814" spans="14:14">
      <c r="N240814" s="10"/>
    </row>
    <row r="240815" spans="14:14">
      <c r="N240815" s="10"/>
    </row>
    <row r="240816" spans="14:14">
      <c r="N240816" s="10"/>
    </row>
    <row r="240817" spans="14:14">
      <c r="N240817" s="10"/>
    </row>
    <row r="240818" spans="14:14">
      <c r="N240818" s="10"/>
    </row>
    <row r="240819" spans="14:14">
      <c r="N240819" s="10"/>
    </row>
    <row r="240820" spans="14:14">
      <c r="N240820" s="10"/>
    </row>
    <row r="240821" spans="14:14">
      <c r="N240821" s="10"/>
    </row>
    <row r="240822" spans="14:14">
      <c r="N240822" s="10"/>
    </row>
    <row r="240823" spans="14:14">
      <c r="N240823" s="10"/>
    </row>
    <row r="240824" spans="14:14">
      <c r="N240824" s="10"/>
    </row>
    <row r="240825" spans="14:14">
      <c r="N240825" s="10"/>
    </row>
    <row r="240826" spans="14:14">
      <c r="N240826" s="10"/>
    </row>
    <row r="240827" spans="14:14">
      <c r="N240827" s="10"/>
    </row>
    <row r="240828" spans="14:14">
      <c r="N240828" s="10"/>
    </row>
    <row r="240829" spans="14:14">
      <c r="N240829" s="10"/>
    </row>
    <row r="240830" spans="14:14">
      <c r="N240830" s="10"/>
    </row>
    <row r="240831" spans="14:14">
      <c r="N240831" s="10"/>
    </row>
    <row r="240832" spans="14:14">
      <c r="N240832" s="10"/>
    </row>
    <row r="240833" spans="14:14">
      <c r="N240833" s="10"/>
    </row>
    <row r="240834" spans="14:14">
      <c r="N240834" s="10"/>
    </row>
    <row r="240835" spans="14:14">
      <c r="N240835" s="10"/>
    </row>
    <row r="240836" spans="14:14">
      <c r="N240836" s="10"/>
    </row>
    <row r="240837" spans="14:14">
      <c r="N240837" s="10"/>
    </row>
    <row r="240838" spans="14:14">
      <c r="N240838" s="10"/>
    </row>
    <row r="240839" spans="14:14">
      <c r="N240839" s="10"/>
    </row>
    <row r="240840" spans="14:14">
      <c r="N240840" s="10"/>
    </row>
    <row r="240841" spans="14:14">
      <c r="N240841" s="10"/>
    </row>
    <row r="240842" spans="14:14">
      <c r="N240842" s="10"/>
    </row>
    <row r="240843" spans="14:14">
      <c r="N240843" s="10"/>
    </row>
    <row r="240844" spans="14:14">
      <c r="N240844" s="10"/>
    </row>
    <row r="240845" spans="14:14">
      <c r="N240845" s="10"/>
    </row>
    <row r="240846" spans="14:14">
      <c r="N240846" s="10"/>
    </row>
    <row r="240847" spans="14:14">
      <c r="N240847" s="10"/>
    </row>
    <row r="240848" spans="14:14">
      <c r="N240848" s="10"/>
    </row>
    <row r="240849" spans="14:14">
      <c r="N240849" s="10"/>
    </row>
    <row r="240850" spans="14:14">
      <c r="N240850" s="10"/>
    </row>
    <row r="240851" spans="14:14">
      <c r="N240851" s="10"/>
    </row>
    <row r="240852" spans="14:14">
      <c r="N240852" s="10"/>
    </row>
    <row r="240853" spans="14:14">
      <c r="N240853" s="10"/>
    </row>
    <row r="240854" spans="14:14">
      <c r="N240854" s="10"/>
    </row>
    <row r="240855" spans="14:14">
      <c r="N240855" s="10"/>
    </row>
    <row r="240856" spans="14:14">
      <c r="N240856" s="10"/>
    </row>
    <row r="240857" spans="14:14">
      <c r="N240857" s="10"/>
    </row>
    <row r="240858" spans="14:14">
      <c r="N240858" s="10"/>
    </row>
    <row r="240859" spans="14:14">
      <c r="N240859" s="10"/>
    </row>
    <row r="240860" spans="14:14">
      <c r="N240860" s="10"/>
    </row>
    <row r="240861" spans="14:14">
      <c r="N240861" s="10"/>
    </row>
    <row r="240862" spans="14:14">
      <c r="N240862" s="10"/>
    </row>
    <row r="240863" spans="14:14">
      <c r="N240863" s="10"/>
    </row>
    <row r="240864" spans="14:14">
      <c r="N240864" s="10"/>
    </row>
    <row r="240865" spans="14:14">
      <c r="N240865" s="10"/>
    </row>
    <row r="240866" spans="14:14">
      <c r="N240866" s="10"/>
    </row>
    <row r="240867" spans="14:14">
      <c r="N240867" s="10"/>
    </row>
    <row r="240868" spans="14:14">
      <c r="N240868" s="10"/>
    </row>
    <row r="240869" spans="14:14">
      <c r="N240869" s="10"/>
    </row>
    <row r="240870" spans="14:14">
      <c r="N240870" s="10"/>
    </row>
    <row r="240871" spans="14:14">
      <c r="N240871" s="10"/>
    </row>
    <row r="240872" spans="14:14">
      <c r="N240872" s="10"/>
    </row>
    <row r="240873" spans="14:14">
      <c r="N240873" s="10"/>
    </row>
    <row r="240874" spans="14:14">
      <c r="N240874" s="10"/>
    </row>
    <row r="240875" spans="14:14">
      <c r="N240875" s="10"/>
    </row>
    <row r="240876" spans="14:14">
      <c r="N240876" s="10"/>
    </row>
    <row r="240877" spans="14:14">
      <c r="N240877" s="10"/>
    </row>
    <row r="240878" spans="14:14">
      <c r="N240878" s="10"/>
    </row>
    <row r="240879" spans="14:14">
      <c r="N240879" s="10"/>
    </row>
    <row r="240880" spans="14:14">
      <c r="N240880" s="10"/>
    </row>
    <row r="240881" spans="14:14">
      <c r="N240881" s="10"/>
    </row>
    <row r="240882" spans="14:14">
      <c r="N240882" s="10"/>
    </row>
    <row r="240883" spans="14:14">
      <c r="N240883" s="10"/>
    </row>
    <row r="240884" spans="14:14">
      <c r="N240884" s="10"/>
    </row>
    <row r="240885" spans="14:14">
      <c r="N240885" s="10"/>
    </row>
    <row r="240886" spans="14:14">
      <c r="N240886" s="10"/>
    </row>
    <row r="240887" spans="14:14">
      <c r="N240887" s="10"/>
    </row>
    <row r="240888" spans="14:14">
      <c r="N240888" s="10"/>
    </row>
    <row r="240889" spans="14:14">
      <c r="N240889" s="10"/>
    </row>
    <row r="240890" spans="14:14">
      <c r="N240890" s="10"/>
    </row>
    <row r="240891" spans="14:14">
      <c r="N240891" s="10"/>
    </row>
    <row r="240892" spans="14:14">
      <c r="N240892" s="10"/>
    </row>
    <row r="240893" spans="14:14">
      <c r="N240893" s="10"/>
    </row>
    <row r="240894" spans="14:14">
      <c r="N240894" s="10"/>
    </row>
    <row r="240895" spans="14:14">
      <c r="N240895" s="10"/>
    </row>
    <row r="240896" spans="14:14">
      <c r="N240896" s="10"/>
    </row>
    <row r="240897" spans="14:14">
      <c r="N240897" s="10"/>
    </row>
    <row r="240898" spans="14:14">
      <c r="N240898" s="10"/>
    </row>
    <row r="240899" spans="14:14">
      <c r="N240899" s="10"/>
    </row>
    <row r="240900" spans="14:14">
      <c r="N240900" s="10"/>
    </row>
    <row r="240901" spans="14:14">
      <c r="N240901" s="10"/>
    </row>
    <row r="240902" spans="14:14">
      <c r="N240902" s="10"/>
    </row>
    <row r="240903" spans="14:14">
      <c r="N240903" s="10"/>
    </row>
    <row r="240904" spans="14:14">
      <c r="N240904" s="10"/>
    </row>
    <row r="240905" spans="14:14">
      <c r="N240905" s="10"/>
    </row>
    <row r="240906" spans="14:14">
      <c r="N240906" s="10"/>
    </row>
    <row r="240907" spans="14:14">
      <c r="N240907" s="10"/>
    </row>
    <row r="240908" spans="14:14">
      <c r="N240908" s="10"/>
    </row>
    <row r="240909" spans="14:14">
      <c r="N240909" s="10"/>
    </row>
    <row r="240910" spans="14:14">
      <c r="N240910" s="10"/>
    </row>
    <row r="240911" spans="14:14">
      <c r="N240911" s="10"/>
    </row>
    <row r="240912" spans="14:14">
      <c r="N240912" s="10"/>
    </row>
    <row r="240913" spans="14:14">
      <c r="N240913" s="10"/>
    </row>
    <row r="240914" spans="14:14">
      <c r="N240914" s="10"/>
    </row>
    <row r="240915" spans="14:14">
      <c r="N240915" s="10"/>
    </row>
    <row r="240916" spans="14:14">
      <c r="N240916" s="10"/>
    </row>
    <row r="240917" spans="14:14">
      <c r="N240917" s="10"/>
    </row>
    <row r="240918" spans="14:14">
      <c r="N240918" s="10"/>
    </row>
    <row r="240919" spans="14:14">
      <c r="N240919" s="10"/>
    </row>
    <row r="240920" spans="14:14">
      <c r="N240920" s="10"/>
    </row>
    <row r="240921" spans="14:14">
      <c r="N240921" s="10"/>
    </row>
    <row r="240922" spans="14:14">
      <c r="N240922" s="10"/>
    </row>
    <row r="240923" spans="14:14">
      <c r="N240923" s="10"/>
    </row>
    <row r="240924" spans="14:14">
      <c r="N240924" s="10"/>
    </row>
    <row r="240925" spans="14:14">
      <c r="N240925" s="10"/>
    </row>
    <row r="240926" spans="14:14">
      <c r="N240926" s="10"/>
    </row>
    <row r="240927" spans="14:14">
      <c r="N240927" s="10"/>
    </row>
    <row r="240928" spans="14:14">
      <c r="N240928" s="10"/>
    </row>
    <row r="240929" spans="14:14">
      <c r="N240929" s="10"/>
    </row>
    <row r="240930" spans="14:14">
      <c r="N240930" s="10"/>
    </row>
    <row r="240931" spans="14:14">
      <c r="N240931" s="10"/>
    </row>
    <row r="240932" spans="14:14">
      <c r="N240932" s="10"/>
    </row>
    <row r="240933" spans="14:14">
      <c r="N240933" s="10"/>
    </row>
    <row r="240934" spans="14:14">
      <c r="N240934" s="10"/>
    </row>
    <row r="240935" spans="14:14">
      <c r="N240935" s="10"/>
    </row>
    <row r="240936" spans="14:14">
      <c r="N240936" s="10"/>
    </row>
    <row r="240937" spans="14:14">
      <c r="N240937" s="10"/>
    </row>
    <row r="240938" spans="14:14">
      <c r="N240938" s="10"/>
    </row>
    <row r="240939" spans="14:14">
      <c r="N240939" s="10"/>
    </row>
    <row r="240940" spans="14:14">
      <c r="N240940" s="10"/>
    </row>
    <row r="240941" spans="14:14">
      <c r="N240941" s="10"/>
    </row>
    <row r="240942" spans="14:14">
      <c r="N240942" s="10"/>
    </row>
    <row r="240943" spans="14:14">
      <c r="N240943" s="10"/>
    </row>
    <row r="240944" spans="14:14">
      <c r="N240944" s="10"/>
    </row>
    <row r="240945" spans="14:14">
      <c r="N240945" s="10"/>
    </row>
    <row r="240946" spans="14:14">
      <c r="N240946" s="10"/>
    </row>
    <row r="240947" spans="14:14">
      <c r="N240947" s="10"/>
    </row>
    <row r="240948" spans="14:14">
      <c r="N240948" s="10"/>
    </row>
    <row r="240949" spans="14:14">
      <c r="N240949" s="10"/>
    </row>
    <row r="240950" spans="14:14">
      <c r="N240950" s="10"/>
    </row>
    <row r="240951" spans="14:14">
      <c r="N240951" s="10"/>
    </row>
    <row r="240952" spans="14:14">
      <c r="N240952" s="10"/>
    </row>
    <row r="240953" spans="14:14">
      <c r="N240953" s="10"/>
    </row>
    <row r="240954" spans="14:14">
      <c r="N240954" s="10"/>
    </row>
    <row r="240955" spans="14:14">
      <c r="N240955" s="10"/>
    </row>
    <row r="240956" spans="14:14">
      <c r="N240956" s="10"/>
    </row>
    <row r="240957" spans="14:14">
      <c r="N240957" s="10"/>
    </row>
    <row r="240958" spans="14:14">
      <c r="N240958" s="10"/>
    </row>
    <row r="240959" spans="14:14">
      <c r="N240959" s="10"/>
    </row>
    <row r="240960" spans="14:14">
      <c r="N240960" s="10"/>
    </row>
    <row r="240961" spans="14:14">
      <c r="N240961" s="10"/>
    </row>
    <row r="240962" spans="14:14">
      <c r="N240962" s="10"/>
    </row>
    <row r="240963" spans="14:14">
      <c r="N240963" s="10"/>
    </row>
    <row r="240964" spans="14:14">
      <c r="N240964" s="10"/>
    </row>
    <row r="240965" spans="14:14">
      <c r="N240965" s="10"/>
    </row>
    <row r="240966" spans="14:14">
      <c r="N240966" s="10"/>
    </row>
    <row r="240967" spans="14:14">
      <c r="N240967" s="10"/>
    </row>
    <row r="240968" spans="14:14">
      <c r="N240968" s="10"/>
    </row>
    <row r="240969" spans="14:14">
      <c r="N240969" s="10"/>
    </row>
    <row r="240970" spans="14:14">
      <c r="N240970" s="10"/>
    </row>
    <row r="240971" spans="14:14">
      <c r="N240971" s="10"/>
    </row>
    <row r="240972" spans="14:14">
      <c r="N240972" s="10"/>
    </row>
    <row r="240973" spans="14:14">
      <c r="N240973" s="10"/>
    </row>
    <row r="240974" spans="14:14">
      <c r="N240974" s="10"/>
    </row>
    <row r="240975" spans="14:14">
      <c r="N240975" s="10"/>
    </row>
    <row r="240976" spans="14:14">
      <c r="N240976" s="10"/>
    </row>
    <row r="240977" spans="14:14">
      <c r="N240977" s="10"/>
    </row>
    <row r="240978" spans="14:14">
      <c r="N240978" s="10"/>
    </row>
    <row r="240979" spans="14:14">
      <c r="N240979" s="10"/>
    </row>
    <row r="240980" spans="14:14">
      <c r="N240980" s="10"/>
    </row>
    <row r="240981" spans="14:14">
      <c r="N240981" s="10"/>
    </row>
    <row r="240982" spans="14:14">
      <c r="N240982" s="10"/>
    </row>
    <row r="240983" spans="14:14">
      <c r="N240983" s="10"/>
    </row>
    <row r="240984" spans="14:14">
      <c r="N240984" s="10"/>
    </row>
    <row r="240985" spans="14:14">
      <c r="N240985" s="10"/>
    </row>
    <row r="240986" spans="14:14">
      <c r="N240986" s="10"/>
    </row>
    <row r="240987" spans="14:14">
      <c r="N240987" s="10"/>
    </row>
    <row r="240988" spans="14:14">
      <c r="N240988" s="10"/>
    </row>
    <row r="240989" spans="14:14">
      <c r="N240989" s="10"/>
    </row>
    <row r="240990" spans="14:14">
      <c r="N240990" s="10"/>
    </row>
    <row r="240991" spans="14:14">
      <c r="N240991" s="10"/>
    </row>
    <row r="240992" spans="14:14">
      <c r="N240992" s="10"/>
    </row>
    <row r="240993" spans="14:14">
      <c r="N240993" s="10"/>
    </row>
    <row r="240994" spans="14:14">
      <c r="N240994" s="10"/>
    </row>
    <row r="240995" spans="14:14">
      <c r="N240995" s="10"/>
    </row>
    <row r="240996" spans="14:14">
      <c r="N240996" s="10"/>
    </row>
    <row r="240997" spans="14:14">
      <c r="N240997" s="10"/>
    </row>
    <row r="240998" spans="14:14">
      <c r="N240998" s="10"/>
    </row>
    <row r="240999" spans="14:14">
      <c r="N240999" s="10"/>
    </row>
    <row r="241000" spans="14:14">
      <c r="N241000" s="10"/>
    </row>
    <row r="241001" spans="14:14">
      <c r="N241001" s="10"/>
    </row>
    <row r="241002" spans="14:14">
      <c r="N241002" s="10"/>
    </row>
    <row r="241003" spans="14:14">
      <c r="N241003" s="10"/>
    </row>
    <row r="241004" spans="14:14">
      <c r="N241004" s="10"/>
    </row>
    <row r="241005" spans="14:14">
      <c r="N241005" s="10"/>
    </row>
    <row r="241006" spans="14:14">
      <c r="N241006" s="10"/>
    </row>
    <row r="241007" spans="14:14">
      <c r="N241007" s="10"/>
    </row>
    <row r="241008" spans="14:14">
      <c r="N241008" s="10"/>
    </row>
    <row r="241009" spans="14:14">
      <c r="N241009" s="10"/>
    </row>
    <row r="241010" spans="14:14">
      <c r="N241010" s="10"/>
    </row>
    <row r="241011" spans="14:14">
      <c r="N241011" s="10"/>
    </row>
    <row r="241012" spans="14:14">
      <c r="N241012" s="10"/>
    </row>
    <row r="241013" spans="14:14">
      <c r="N241013" s="10"/>
    </row>
    <row r="241014" spans="14:14">
      <c r="N241014" s="10"/>
    </row>
    <row r="241015" spans="14:14">
      <c r="N241015" s="10"/>
    </row>
    <row r="241016" spans="14:14">
      <c r="N241016" s="10"/>
    </row>
    <row r="241017" spans="14:14">
      <c r="N241017" s="10"/>
    </row>
    <row r="241018" spans="14:14">
      <c r="N241018" s="10"/>
    </row>
    <row r="241019" spans="14:14">
      <c r="N241019" s="10"/>
    </row>
    <row r="241020" spans="14:14">
      <c r="N241020" s="10"/>
    </row>
    <row r="241021" spans="14:14">
      <c r="N241021" s="10"/>
    </row>
    <row r="241022" spans="14:14">
      <c r="N241022" s="10"/>
    </row>
    <row r="241023" spans="14:14">
      <c r="N241023" s="10"/>
    </row>
    <row r="241024" spans="14:14">
      <c r="N241024" s="10"/>
    </row>
    <row r="241025" spans="14:14">
      <c r="N241025" s="10"/>
    </row>
    <row r="241026" spans="14:14">
      <c r="N241026" s="10"/>
    </row>
    <row r="241027" spans="14:14">
      <c r="N241027" s="10"/>
    </row>
    <row r="241028" spans="14:14">
      <c r="N241028" s="10"/>
    </row>
    <row r="241029" spans="14:14">
      <c r="N241029" s="10"/>
    </row>
    <row r="241030" spans="14:14">
      <c r="N241030" s="10"/>
    </row>
    <row r="241031" spans="14:14">
      <c r="N241031" s="10"/>
    </row>
    <row r="241032" spans="14:14">
      <c r="N241032" s="10"/>
    </row>
    <row r="241033" spans="14:14">
      <c r="N241033" s="10"/>
    </row>
    <row r="241034" spans="14:14">
      <c r="N241034" s="10"/>
    </row>
    <row r="241035" spans="14:14">
      <c r="N241035" s="10"/>
    </row>
    <row r="241036" spans="14:14">
      <c r="N241036" s="10"/>
    </row>
    <row r="241037" spans="14:14">
      <c r="N241037" s="10"/>
    </row>
    <row r="241038" spans="14:14">
      <c r="N241038" s="10"/>
    </row>
    <row r="241039" spans="14:14">
      <c r="N241039" s="10"/>
    </row>
    <row r="241040" spans="14:14">
      <c r="N241040" s="10"/>
    </row>
    <row r="241041" spans="14:14">
      <c r="N241041" s="10"/>
    </row>
    <row r="241042" spans="14:14">
      <c r="N241042" s="10"/>
    </row>
    <row r="241043" spans="14:14">
      <c r="N241043" s="10"/>
    </row>
    <row r="241044" spans="14:14">
      <c r="N241044" s="10"/>
    </row>
    <row r="241045" spans="14:14">
      <c r="N241045" s="10"/>
    </row>
    <row r="241046" spans="14:14">
      <c r="N241046" s="10"/>
    </row>
    <row r="241047" spans="14:14">
      <c r="N241047" s="10"/>
    </row>
    <row r="241048" spans="14:14">
      <c r="N241048" s="10"/>
    </row>
    <row r="241049" spans="14:14">
      <c r="N241049" s="10"/>
    </row>
    <row r="241050" spans="14:14">
      <c r="N241050" s="10"/>
    </row>
    <row r="241051" spans="14:14">
      <c r="N241051" s="10"/>
    </row>
    <row r="241052" spans="14:14">
      <c r="N241052" s="10"/>
    </row>
    <row r="241053" spans="14:14">
      <c r="N241053" s="10"/>
    </row>
    <row r="241054" spans="14:14">
      <c r="N241054" s="10"/>
    </row>
    <row r="241055" spans="14:14">
      <c r="N241055" s="10"/>
    </row>
    <row r="241056" spans="14:14">
      <c r="N241056" s="10"/>
    </row>
    <row r="241057" spans="14:14">
      <c r="N241057" s="10"/>
    </row>
    <row r="241058" spans="14:14">
      <c r="N241058" s="10"/>
    </row>
    <row r="241059" spans="14:14">
      <c r="N241059" s="10"/>
    </row>
    <row r="241060" spans="14:14">
      <c r="N241060" s="10"/>
    </row>
    <row r="241061" spans="14:14">
      <c r="N241061" s="10"/>
    </row>
    <row r="241062" spans="14:14">
      <c r="N241062" s="10"/>
    </row>
    <row r="241063" spans="14:14">
      <c r="N241063" s="10"/>
    </row>
    <row r="241064" spans="14:14">
      <c r="N241064" s="10"/>
    </row>
    <row r="241065" spans="14:14">
      <c r="N241065" s="10"/>
    </row>
    <row r="241066" spans="14:14">
      <c r="N241066" s="10"/>
    </row>
    <row r="241067" spans="14:14">
      <c r="N241067" s="10"/>
    </row>
    <row r="241068" spans="14:14">
      <c r="N241068" s="10"/>
    </row>
    <row r="241069" spans="14:14">
      <c r="N241069" s="10"/>
    </row>
    <row r="241070" spans="14:14">
      <c r="N241070" s="10"/>
    </row>
    <row r="241071" spans="14:14">
      <c r="N241071" s="10"/>
    </row>
    <row r="241072" spans="14:14">
      <c r="N241072" s="10"/>
    </row>
    <row r="241073" spans="14:14">
      <c r="N241073" s="10"/>
    </row>
    <row r="241074" spans="14:14">
      <c r="N241074" s="10"/>
    </row>
    <row r="241075" spans="14:14">
      <c r="N241075" s="10"/>
    </row>
    <row r="241076" spans="14:14">
      <c r="N241076" s="10"/>
    </row>
    <row r="241077" spans="14:14">
      <c r="N241077" s="10"/>
    </row>
    <row r="241078" spans="14:14">
      <c r="N241078" s="10"/>
    </row>
    <row r="241079" spans="14:14">
      <c r="N241079" s="10"/>
    </row>
    <row r="241080" spans="14:14">
      <c r="N241080" s="10"/>
    </row>
    <row r="241081" spans="14:14">
      <c r="N241081" s="10"/>
    </row>
    <row r="241082" spans="14:14">
      <c r="N241082" s="10"/>
    </row>
    <row r="241083" spans="14:14">
      <c r="N241083" s="10"/>
    </row>
    <row r="241084" spans="14:14">
      <c r="N241084" s="10"/>
    </row>
    <row r="241085" spans="14:14">
      <c r="N241085" s="10"/>
    </row>
    <row r="241086" spans="14:14">
      <c r="N241086" s="10"/>
    </row>
    <row r="241087" spans="14:14">
      <c r="N241087" s="10"/>
    </row>
    <row r="241088" spans="14:14">
      <c r="N241088" s="10"/>
    </row>
    <row r="241089" spans="14:14">
      <c r="N241089" s="10"/>
    </row>
    <row r="241090" spans="14:14">
      <c r="N241090" s="10"/>
    </row>
    <row r="241091" spans="14:14">
      <c r="N241091" s="10"/>
    </row>
    <row r="241092" spans="14:14">
      <c r="N241092" s="10"/>
    </row>
    <row r="241093" spans="14:14">
      <c r="N241093" s="10"/>
    </row>
    <row r="241094" spans="14:14">
      <c r="N241094" s="10"/>
    </row>
    <row r="241095" spans="14:14">
      <c r="N241095" s="10"/>
    </row>
    <row r="241096" spans="14:14">
      <c r="N241096" s="10"/>
    </row>
    <row r="241097" spans="14:14">
      <c r="N241097" s="10"/>
    </row>
    <row r="241098" spans="14:14">
      <c r="N241098" s="10"/>
    </row>
    <row r="241099" spans="14:14">
      <c r="N241099" s="10"/>
    </row>
    <row r="241100" spans="14:14">
      <c r="N241100" s="10"/>
    </row>
    <row r="241101" spans="14:14">
      <c r="N241101" s="10"/>
    </row>
    <row r="241102" spans="14:14">
      <c r="N241102" s="10"/>
    </row>
    <row r="241103" spans="14:14">
      <c r="N241103" s="10"/>
    </row>
    <row r="241104" spans="14:14">
      <c r="N241104" s="10"/>
    </row>
    <row r="241105" spans="14:14">
      <c r="N241105" s="10"/>
    </row>
    <row r="241106" spans="14:14">
      <c r="N241106" s="10"/>
    </row>
    <row r="241107" spans="14:14">
      <c r="N241107" s="10"/>
    </row>
    <row r="241108" spans="14:14">
      <c r="N241108" s="10"/>
    </row>
    <row r="241109" spans="14:14">
      <c r="N241109" s="10"/>
    </row>
    <row r="241110" spans="14:14">
      <c r="N241110" s="10"/>
    </row>
    <row r="241111" spans="14:14">
      <c r="N241111" s="10"/>
    </row>
    <row r="241112" spans="14:14">
      <c r="N241112" s="10"/>
    </row>
    <row r="241113" spans="14:14">
      <c r="N241113" s="10"/>
    </row>
    <row r="241114" spans="14:14">
      <c r="N241114" s="10"/>
    </row>
    <row r="241115" spans="14:14">
      <c r="N241115" s="10"/>
    </row>
    <row r="241116" spans="14:14">
      <c r="N241116" s="10"/>
    </row>
    <row r="241117" spans="14:14">
      <c r="N241117" s="10"/>
    </row>
    <row r="241118" spans="14:14">
      <c r="N241118" s="10"/>
    </row>
    <row r="241119" spans="14:14">
      <c r="N241119" s="10"/>
    </row>
    <row r="241120" spans="14:14">
      <c r="N241120" s="10"/>
    </row>
    <row r="241121" spans="14:14">
      <c r="N241121" s="10"/>
    </row>
    <row r="241122" spans="14:14">
      <c r="N241122" s="10"/>
    </row>
    <row r="241123" spans="14:14">
      <c r="N241123" s="10"/>
    </row>
    <row r="241124" spans="14:14">
      <c r="N241124" s="10"/>
    </row>
    <row r="241125" spans="14:14">
      <c r="N241125" s="10"/>
    </row>
    <row r="241126" spans="14:14">
      <c r="N241126" s="10"/>
    </row>
    <row r="241127" spans="14:14">
      <c r="N241127" s="10"/>
    </row>
    <row r="241128" spans="14:14">
      <c r="N241128" s="10"/>
    </row>
    <row r="241129" spans="14:14">
      <c r="N241129" s="10"/>
    </row>
    <row r="241130" spans="14:14">
      <c r="N241130" s="10"/>
    </row>
    <row r="241131" spans="14:14">
      <c r="N241131" s="10"/>
    </row>
    <row r="241132" spans="14:14">
      <c r="N241132" s="10"/>
    </row>
    <row r="241133" spans="14:14">
      <c r="N241133" s="10"/>
    </row>
    <row r="241134" spans="14:14">
      <c r="N241134" s="10"/>
    </row>
    <row r="241135" spans="14:14">
      <c r="N241135" s="10"/>
    </row>
    <row r="241136" spans="14:14">
      <c r="N241136" s="10"/>
    </row>
    <row r="241137" spans="14:14">
      <c r="N241137" s="10"/>
    </row>
    <row r="241138" spans="14:14">
      <c r="N241138" s="10"/>
    </row>
    <row r="241139" spans="14:14">
      <c r="N241139" s="10"/>
    </row>
    <row r="241140" spans="14:14">
      <c r="N241140" s="10"/>
    </row>
    <row r="241141" spans="14:14">
      <c r="N241141" s="10"/>
    </row>
    <row r="241142" spans="14:14">
      <c r="N241142" s="10"/>
    </row>
    <row r="241143" spans="14:14">
      <c r="N241143" s="10"/>
    </row>
    <row r="241144" spans="14:14">
      <c r="N241144" s="10"/>
    </row>
    <row r="241145" spans="14:14">
      <c r="N241145" s="10"/>
    </row>
    <row r="241146" spans="14:14">
      <c r="N241146" s="10"/>
    </row>
    <row r="241147" spans="14:14">
      <c r="N241147" s="10"/>
    </row>
    <row r="241148" spans="14:14">
      <c r="N241148" s="10"/>
    </row>
    <row r="241149" spans="14:14">
      <c r="N241149" s="10"/>
    </row>
    <row r="241150" spans="14:14">
      <c r="N241150" s="10"/>
    </row>
    <row r="241151" spans="14:14">
      <c r="N241151" s="10"/>
    </row>
    <row r="241152" spans="14:14">
      <c r="N241152" s="10"/>
    </row>
    <row r="241153" spans="14:14">
      <c r="N241153" s="10"/>
    </row>
    <row r="241154" spans="14:14">
      <c r="N241154" s="10"/>
    </row>
    <row r="241155" spans="14:14">
      <c r="N241155" s="10"/>
    </row>
    <row r="241156" spans="14:14">
      <c r="N241156" s="10"/>
    </row>
    <row r="241157" spans="14:14">
      <c r="N241157" s="10"/>
    </row>
    <row r="241158" spans="14:14">
      <c r="N241158" s="10"/>
    </row>
    <row r="241159" spans="14:14">
      <c r="N241159" s="10"/>
    </row>
    <row r="241160" spans="14:14">
      <c r="N241160" s="10"/>
    </row>
    <row r="241161" spans="14:14">
      <c r="N241161" s="10"/>
    </row>
    <row r="241162" spans="14:14">
      <c r="N241162" s="10"/>
    </row>
    <row r="241163" spans="14:14">
      <c r="N241163" s="10"/>
    </row>
    <row r="241164" spans="14:14">
      <c r="N241164" s="10"/>
    </row>
    <row r="241165" spans="14:14">
      <c r="N241165" s="10"/>
    </row>
    <row r="241166" spans="14:14">
      <c r="N241166" s="10"/>
    </row>
    <row r="241167" spans="14:14">
      <c r="N241167" s="10"/>
    </row>
    <row r="241168" spans="14:14">
      <c r="N241168" s="10"/>
    </row>
    <row r="241169" spans="14:14">
      <c r="N241169" s="10"/>
    </row>
    <row r="241170" spans="14:14">
      <c r="N241170" s="10"/>
    </row>
    <row r="241171" spans="14:14">
      <c r="N241171" s="10"/>
    </row>
    <row r="241172" spans="14:14">
      <c r="N241172" s="10"/>
    </row>
    <row r="241173" spans="14:14">
      <c r="N241173" s="10"/>
    </row>
    <row r="241174" spans="14:14">
      <c r="N241174" s="10"/>
    </row>
    <row r="241175" spans="14:14">
      <c r="N241175" s="10"/>
    </row>
    <row r="241176" spans="14:14">
      <c r="N241176" s="10"/>
    </row>
    <row r="241177" spans="14:14">
      <c r="N241177" s="10"/>
    </row>
    <row r="241178" spans="14:14">
      <c r="N241178" s="10"/>
    </row>
    <row r="241179" spans="14:14">
      <c r="N241179" s="10"/>
    </row>
    <row r="241180" spans="14:14">
      <c r="N241180" s="10"/>
    </row>
    <row r="241181" spans="14:14">
      <c r="N241181" s="10"/>
    </row>
    <row r="241182" spans="14:14">
      <c r="N241182" s="10"/>
    </row>
    <row r="241183" spans="14:14">
      <c r="N241183" s="10"/>
    </row>
    <row r="241184" spans="14:14">
      <c r="N241184" s="10"/>
    </row>
    <row r="241185" spans="14:14">
      <c r="N241185" s="10"/>
    </row>
    <row r="241186" spans="14:14">
      <c r="N241186" s="10"/>
    </row>
    <row r="241187" spans="14:14">
      <c r="N241187" s="10"/>
    </row>
    <row r="241188" spans="14:14">
      <c r="N241188" s="10"/>
    </row>
    <row r="241189" spans="14:14">
      <c r="N241189" s="10"/>
    </row>
    <row r="241190" spans="14:14">
      <c r="N241190" s="10"/>
    </row>
    <row r="241191" spans="14:14">
      <c r="N241191" s="10"/>
    </row>
    <row r="241192" spans="14:14">
      <c r="N241192" s="10"/>
    </row>
    <row r="241193" spans="14:14">
      <c r="N241193" s="10"/>
    </row>
    <row r="241194" spans="14:14">
      <c r="N241194" s="10"/>
    </row>
    <row r="241195" spans="14:14">
      <c r="N241195" s="10"/>
    </row>
    <row r="241196" spans="14:14">
      <c r="N241196" s="10"/>
    </row>
    <row r="241197" spans="14:14">
      <c r="N241197" s="10"/>
    </row>
    <row r="241198" spans="14:14">
      <c r="N241198" s="10"/>
    </row>
    <row r="241199" spans="14:14">
      <c r="N241199" s="10"/>
    </row>
    <row r="241200" spans="14:14">
      <c r="N241200" s="10"/>
    </row>
    <row r="241201" spans="14:14">
      <c r="N241201" s="10"/>
    </row>
    <row r="241202" spans="14:14">
      <c r="N241202" s="10"/>
    </row>
    <row r="241203" spans="14:14">
      <c r="N241203" s="10"/>
    </row>
    <row r="241204" spans="14:14">
      <c r="N241204" s="10"/>
    </row>
    <row r="241205" spans="14:14">
      <c r="N241205" s="10"/>
    </row>
    <row r="241206" spans="14:14">
      <c r="N241206" s="10"/>
    </row>
    <row r="241207" spans="14:14">
      <c r="N241207" s="10"/>
    </row>
    <row r="241208" spans="14:14">
      <c r="N241208" s="10"/>
    </row>
    <row r="241209" spans="14:14">
      <c r="N241209" s="10"/>
    </row>
    <row r="241210" spans="14:14">
      <c r="N241210" s="10"/>
    </row>
    <row r="241211" spans="14:14">
      <c r="N241211" s="10"/>
    </row>
    <row r="241212" spans="14:14">
      <c r="N241212" s="10"/>
    </row>
    <row r="241213" spans="14:14">
      <c r="N241213" s="10"/>
    </row>
    <row r="241214" spans="14:14">
      <c r="N241214" s="10"/>
    </row>
    <row r="241215" spans="14:14">
      <c r="N241215" s="10"/>
    </row>
    <row r="241216" spans="14:14">
      <c r="N241216" s="10"/>
    </row>
    <row r="241217" spans="14:14">
      <c r="N241217" s="10"/>
    </row>
    <row r="241218" spans="14:14">
      <c r="N241218" s="10"/>
    </row>
    <row r="241219" spans="14:14">
      <c r="N241219" s="10"/>
    </row>
    <row r="241220" spans="14:14">
      <c r="N241220" s="10"/>
    </row>
    <row r="241221" spans="14:14">
      <c r="N241221" s="10"/>
    </row>
    <row r="241222" spans="14:14">
      <c r="N241222" s="10"/>
    </row>
    <row r="241223" spans="14:14">
      <c r="N241223" s="10"/>
    </row>
    <row r="241224" spans="14:14">
      <c r="N241224" s="10"/>
    </row>
    <row r="241225" spans="14:14">
      <c r="N241225" s="10"/>
    </row>
    <row r="241226" spans="14:14">
      <c r="N241226" s="10"/>
    </row>
    <row r="241227" spans="14:14">
      <c r="N241227" s="10"/>
    </row>
    <row r="241228" spans="14:14">
      <c r="N241228" s="10"/>
    </row>
    <row r="241229" spans="14:14">
      <c r="N241229" s="10"/>
    </row>
    <row r="241230" spans="14:14">
      <c r="N241230" s="10"/>
    </row>
    <row r="241231" spans="14:14">
      <c r="N241231" s="10"/>
    </row>
    <row r="241232" spans="14:14">
      <c r="N241232" s="10"/>
    </row>
    <row r="241233" spans="14:14">
      <c r="N241233" s="10"/>
    </row>
    <row r="241234" spans="14:14">
      <c r="N241234" s="10"/>
    </row>
    <row r="241235" spans="14:14">
      <c r="N241235" s="10"/>
    </row>
    <row r="241236" spans="14:14">
      <c r="N241236" s="10"/>
    </row>
    <row r="241237" spans="14:14">
      <c r="N241237" s="10"/>
    </row>
    <row r="241238" spans="14:14">
      <c r="N241238" s="10"/>
    </row>
    <row r="241239" spans="14:14">
      <c r="N241239" s="10"/>
    </row>
    <row r="241240" spans="14:14">
      <c r="N241240" s="10"/>
    </row>
    <row r="241241" spans="14:14">
      <c r="N241241" s="10"/>
    </row>
    <row r="241242" spans="14:14">
      <c r="N241242" s="10"/>
    </row>
    <row r="241243" spans="14:14">
      <c r="N241243" s="10"/>
    </row>
    <row r="241244" spans="14:14">
      <c r="N241244" s="10"/>
    </row>
    <row r="241245" spans="14:14">
      <c r="N241245" s="10"/>
    </row>
    <row r="241246" spans="14:14">
      <c r="N241246" s="10"/>
    </row>
    <row r="241247" spans="14:14">
      <c r="N241247" s="10"/>
    </row>
    <row r="241248" spans="14:14">
      <c r="N241248" s="10"/>
    </row>
    <row r="241249" spans="14:14">
      <c r="N241249" s="10"/>
    </row>
    <row r="241250" spans="14:14">
      <c r="N241250" s="10"/>
    </row>
    <row r="241251" spans="14:14">
      <c r="N241251" s="10"/>
    </row>
    <row r="241252" spans="14:14">
      <c r="N241252" s="10"/>
    </row>
    <row r="241253" spans="14:14">
      <c r="N241253" s="10"/>
    </row>
    <row r="241254" spans="14:14">
      <c r="N241254" s="10"/>
    </row>
    <row r="241255" spans="14:14">
      <c r="N241255" s="10"/>
    </row>
    <row r="241256" spans="14:14">
      <c r="N241256" s="10"/>
    </row>
    <row r="241257" spans="14:14">
      <c r="N241257" s="10"/>
    </row>
    <row r="241258" spans="14:14">
      <c r="N241258" s="10"/>
    </row>
    <row r="241259" spans="14:14">
      <c r="N241259" s="10"/>
    </row>
    <row r="241260" spans="14:14">
      <c r="N241260" s="10"/>
    </row>
    <row r="241261" spans="14:14">
      <c r="N241261" s="10"/>
    </row>
    <row r="241262" spans="14:14">
      <c r="N241262" s="10"/>
    </row>
    <row r="241263" spans="14:14">
      <c r="N241263" s="10"/>
    </row>
    <row r="241264" spans="14:14">
      <c r="N241264" s="10"/>
    </row>
    <row r="241265" spans="14:14">
      <c r="N241265" s="10"/>
    </row>
    <row r="241266" spans="14:14">
      <c r="N241266" s="10"/>
    </row>
    <row r="241267" spans="14:14">
      <c r="N241267" s="10"/>
    </row>
    <row r="241268" spans="14:14">
      <c r="N241268" s="10"/>
    </row>
    <row r="241269" spans="14:14">
      <c r="N241269" s="10"/>
    </row>
    <row r="241270" spans="14:14">
      <c r="N241270" s="10"/>
    </row>
    <row r="241271" spans="14:14">
      <c r="N241271" s="10"/>
    </row>
    <row r="241272" spans="14:14">
      <c r="N241272" s="10"/>
    </row>
    <row r="241273" spans="14:14">
      <c r="N241273" s="10"/>
    </row>
    <row r="241274" spans="14:14">
      <c r="N241274" s="10"/>
    </row>
    <row r="241275" spans="14:14">
      <c r="N241275" s="10"/>
    </row>
    <row r="241276" spans="14:14">
      <c r="N241276" s="10"/>
    </row>
    <row r="241277" spans="14:14">
      <c r="N241277" s="10"/>
    </row>
    <row r="241278" spans="14:14">
      <c r="N241278" s="10"/>
    </row>
    <row r="241279" spans="14:14">
      <c r="N241279" s="10"/>
    </row>
    <row r="241280" spans="14:14">
      <c r="N241280" s="10"/>
    </row>
    <row r="241281" spans="14:14">
      <c r="N241281" s="10"/>
    </row>
    <row r="241282" spans="14:14">
      <c r="N241282" s="10"/>
    </row>
    <row r="241283" spans="14:14">
      <c r="N241283" s="10"/>
    </row>
    <row r="241284" spans="14:14">
      <c r="N241284" s="10"/>
    </row>
    <row r="241285" spans="14:14">
      <c r="N241285" s="10"/>
    </row>
    <row r="241286" spans="14:14">
      <c r="N241286" s="10"/>
    </row>
    <row r="241287" spans="14:14">
      <c r="N241287" s="10"/>
    </row>
    <row r="241288" spans="14:14">
      <c r="N241288" s="10"/>
    </row>
    <row r="241289" spans="14:14">
      <c r="N241289" s="10"/>
    </row>
    <row r="241290" spans="14:14">
      <c r="N241290" s="10"/>
    </row>
    <row r="241291" spans="14:14">
      <c r="N241291" s="10"/>
    </row>
    <row r="241292" spans="14:14">
      <c r="N241292" s="10"/>
    </row>
    <row r="241293" spans="14:14">
      <c r="N241293" s="10"/>
    </row>
    <row r="241294" spans="14:14">
      <c r="N241294" s="10"/>
    </row>
    <row r="241295" spans="14:14">
      <c r="N241295" s="10"/>
    </row>
    <row r="241296" spans="14:14">
      <c r="N241296" s="10"/>
    </row>
    <row r="241297" spans="14:14">
      <c r="N241297" s="10"/>
    </row>
    <row r="241298" spans="14:14">
      <c r="N241298" s="10"/>
    </row>
    <row r="241299" spans="14:14">
      <c r="N241299" s="10"/>
    </row>
    <row r="241300" spans="14:14">
      <c r="N241300" s="10"/>
    </row>
    <row r="241301" spans="14:14">
      <c r="N241301" s="10"/>
    </row>
    <row r="241302" spans="14:14">
      <c r="N241302" s="10"/>
    </row>
    <row r="241303" spans="14:14">
      <c r="N241303" s="10"/>
    </row>
    <row r="241304" spans="14:14">
      <c r="N241304" s="10"/>
    </row>
    <row r="241305" spans="14:14">
      <c r="N241305" s="10"/>
    </row>
    <row r="241306" spans="14:14">
      <c r="N241306" s="10"/>
    </row>
    <row r="241307" spans="14:14">
      <c r="N241307" s="10"/>
    </row>
    <row r="241308" spans="14:14">
      <c r="N241308" s="10"/>
    </row>
    <row r="241309" spans="14:14">
      <c r="N241309" s="10"/>
    </row>
    <row r="241310" spans="14:14">
      <c r="N241310" s="10"/>
    </row>
    <row r="241311" spans="14:14">
      <c r="N241311" s="10"/>
    </row>
    <row r="241312" spans="14:14">
      <c r="N241312" s="10"/>
    </row>
    <row r="241313" spans="14:14">
      <c r="N241313" s="10"/>
    </row>
    <row r="241314" spans="14:14">
      <c r="N241314" s="10"/>
    </row>
    <row r="241315" spans="14:14">
      <c r="N241315" s="10"/>
    </row>
    <row r="241316" spans="14:14">
      <c r="N241316" s="10"/>
    </row>
    <row r="241317" spans="14:14">
      <c r="N241317" s="10"/>
    </row>
    <row r="241318" spans="14:14">
      <c r="N241318" s="10"/>
    </row>
    <row r="241319" spans="14:14">
      <c r="N241319" s="10"/>
    </row>
    <row r="241320" spans="14:14">
      <c r="N241320" s="10"/>
    </row>
    <row r="241321" spans="14:14">
      <c r="N241321" s="10"/>
    </row>
    <row r="241322" spans="14:14">
      <c r="N241322" s="10"/>
    </row>
    <row r="241323" spans="14:14">
      <c r="N241323" s="10"/>
    </row>
    <row r="241324" spans="14:14">
      <c r="N241324" s="10"/>
    </row>
    <row r="241325" spans="14:14">
      <c r="N241325" s="10"/>
    </row>
    <row r="241326" spans="14:14">
      <c r="N241326" s="10"/>
    </row>
    <row r="241327" spans="14:14">
      <c r="N241327" s="10"/>
    </row>
    <row r="241328" spans="14:14">
      <c r="N241328" s="10"/>
    </row>
    <row r="241329" spans="14:14">
      <c r="N241329" s="10"/>
    </row>
    <row r="241330" spans="14:14">
      <c r="N241330" s="10"/>
    </row>
    <row r="241331" spans="14:14">
      <c r="N241331" s="10"/>
    </row>
    <row r="241332" spans="14:14">
      <c r="N241332" s="10"/>
    </row>
    <row r="241333" spans="14:14">
      <c r="N241333" s="10"/>
    </row>
    <row r="241334" spans="14:14">
      <c r="N241334" s="10"/>
    </row>
    <row r="241335" spans="14:14">
      <c r="N241335" s="10"/>
    </row>
    <row r="241336" spans="14:14">
      <c r="N241336" s="10"/>
    </row>
    <row r="241337" spans="14:14">
      <c r="N241337" s="10"/>
    </row>
    <row r="241338" spans="14:14">
      <c r="N241338" s="10"/>
    </row>
    <row r="241339" spans="14:14">
      <c r="N241339" s="10"/>
    </row>
    <row r="241340" spans="14:14">
      <c r="N241340" s="10"/>
    </row>
    <row r="241341" spans="14:14">
      <c r="N241341" s="10"/>
    </row>
    <row r="241342" spans="14:14">
      <c r="N241342" s="10"/>
    </row>
    <row r="241343" spans="14:14">
      <c r="N241343" s="10"/>
    </row>
    <row r="241344" spans="14:14">
      <c r="N241344" s="10"/>
    </row>
    <row r="241345" spans="14:14">
      <c r="N241345" s="10"/>
    </row>
    <row r="241346" spans="14:14">
      <c r="N241346" s="10"/>
    </row>
    <row r="241347" spans="14:14">
      <c r="N241347" s="10"/>
    </row>
    <row r="241348" spans="14:14">
      <c r="N241348" s="10"/>
    </row>
    <row r="241349" spans="14:14">
      <c r="N241349" s="10"/>
    </row>
    <row r="241350" spans="14:14">
      <c r="N241350" s="10"/>
    </row>
    <row r="241351" spans="14:14">
      <c r="N241351" s="10"/>
    </row>
    <row r="241352" spans="14:14">
      <c r="N241352" s="10"/>
    </row>
    <row r="241353" spans="14:14">
      <c r="N241353" s="10"/>
    </row>
    <row r="241354" spans="14:14">
      <c r="N241354" s="10"/>
    </row>
    <row r="241355" spans="14:14">
      <c r="N241355" s="10"/>
    </row>
    <row r="241356" spans="14:14">
      <c r="N241356" s="10"/>
    </row>
    <row r="241357" spans="14:14">
      <c r="N241357" s="10"/>
    </row>
    <row r="241358" spans="14:14">
      <c r="N241358" s="10"/>
    </row>
    <row r="241359" spans="14:14">
      <c r="N241359" s="10"/>
    </row>
    <row r="241360" spans="14:14">
      <c r="N241360" s="10"/>
    </row>
    <row r="241361" spans="14:14">
      <c r="N241361" s="10"/>
    </row>
    <row r="241362" spans="14:14">
      <c r="N241362" s="10"/>
    </row>
    <row r="241363" spans="14:14">
      <c r="N241363" s="10"/>
    </row>
    <row r="241364" spans="14:14">
      <c r="N241364" s="10"/>
    </row>
    <row r="241365" spans="14:14">
      <c r="N241365" s="10"/>
    </row>
    <row r="241366" spans="14:14">
      <c r="N241366" s="10"/>
    </row>
    <row r="241367" spans="14:14">
      <c r="N241367" s="10"/>
    </row>
    <row r="241368" spans="14:14">
      <c r="N241368" s="10"/>
    </row>
    <row r="241369" spans="14:14">
      <c r="N241369" s="10"/>
    </row>
    <row r="241370" spans="14:14">
      <c r="N241370" s="10"/>
    </row>
    <row r="241371" spans="14:14">
      <c r="N241371" s="10"/>
    </row>
    <row r="241372" spans="14:14">
      <c r="N241372" s="10"/>
    </row>
    <row r="241373" spans="14:14">
      <c r="N241373" s="10"/>
    </row>
    <row r="241374" spans="14:14">
      <c r="N241374" s="10"/>
    </row>
    <row r="241375" spans="14:14">
      <c r="N241375" s="10"/>
    </row>
    <row r="241376" spans="14:14">
      <c r="N241376" s="10"/>
    </row>
    <row r="241377" spans="14:14">
      <c r="N241377" s="10"/>
    </row>
    <row r="241378" spans="14:14">
      <c r="N241378" s="10"/>
    </row>
    <row r="241379" spans="14:14">
      <c r="N241379" s="10"/>
    </row>
    <row r="241380" spans="14:14">
      <c r="N241380" s="10"/>
    </row>
    <row r="241381" spans="14:14">
      <c r="N241381" s="10"/>
    </row>
    <row r="241382" spans="14:14">
      <c r="N241382" s="10"/>
    </row>
    <row r="241383" spans="14:14">
      <c r="N241383" s="10"/>
    </row>
    <row r="241384" spans="14:14">
      <c r="N241384" s="10"/>
    </row>
    <row r="241385" spans="14:14">
      <c r="N241385" s="10"/>
    </row>
    <row r="241386" spans="14:14">
      <c r="N241386" s="10"/>
    </row>
    <row r="241387" spans="14:14">
      <c r="N241387" s="10"/>
    </row>
    <row r="241388" spans="14:14">
      <c r="N241388" s="10"/>
    </row>
    <row r="241389" spans="14:14">
      <c r="N241389" s="10"/>
    </row>
    <row r="241390" spans="14:14">
      <c r="N241390" s="10"/>
    </row>
    <row r="241391" spans="14:14">
      <c r="N241391" s="10"/>
    </row>
    <row r="241392" spans="14:14">
      <c r="N241392" s="10"/>
    </row>
    <row r="241393" spans="14:14">
      <c r="N241393" s="10"/>
    </row>
    <row r="241394" spans="14:14">
      <c r="N241394" s="10"/>
    </row>
    <row r="241395" spans="14:14">
      <c r="N241395" s="10"/>
    </row>
    <row r="241396" spans="14:14">
      <c r="N241396" s="10"/>
    </row>
    <row r="241397" spans="14:14">
      <c r="N241397" s="10"/>
    </row>
    <row r="241398" spans="14:14">
      <c r="N241398" s="10"/>
    </row>
    <row r="241399" spans="14:14">
      <c r="N241399" s="10"/>
    </row>
    <row r="241400" spans="14:14">
      <c r="N241400" s="10"/>
    </row>
    <row r="241401" spans="14:14">
      <c r="N241401" s="10"/>
    </row>
    <row r="241402" spans="14:14">
      <c r="N241402" s="10"/>
    </row>
    <row r="241403" spans="14:14">
      <c r="N241403" s="10"/>
    </row>
    <row r="241404" spans="14:14">
      <c r="N241404" s="10"/>
    </row>
    <row r="241405" spans="14:14">
      <c r="N241405" s="10"/>
    </row>
    <row r="241406" spans="14:14">
      <c r="N241406" s="10"/>
    </row>
    <row r="241407" spans="14:14">
      <c r="N241407" s="10"/>
    </row>
    <row r="241408" spans="14:14">
      <c r="N241408" s="10"/>
    </row>
    <row r="241409" spans="14:14">
      <c r="N241409" s="10"/>
    </row>
    <row r="241410" spans="14:14">
      <c r="N241410" s="10"/>
    </row>
    <row r="241411" spans="14:14">
      <c r="N241411" s="10"/>
    </row>
    <row r="241412" spans="14:14">
      <c r="N241412" s="10"/>
    </row>
    <row r="241413" spans="14:14">
      <c r="N241413" s="10"/>
    </row>
    <row r="241414" spans="14:14">
      <c r="N241414" s="10"/>
    </row>
    <row r="241415" spans="14:14">
      <c r="N241415" s="10"/>
    </row>
    <row r="241416" spans="14:14">
      <c r="N241416" s="10"/>
    </row>
    <row r="241417" spans="14:14">
      <c r="N241417" s="10"/>
    </row>
    <row r="241418" spans="14:14">
      <c r="N241418" s="10"/>
    </row>
    <row r="241419" spans="14:14">
      <c r="N241419" s="10"/>
    </row>
    <row r="241420" spans="14:14">
      <c r="N241420" s="10"/>
    </row>
    <row r="241421" spans="14:14">
      <c r="N241421" s="10"/>
    </row>
    <row r="241422" spans="14:14">
      <c r="N241422" s="10"/>
    </row>
    <row r="241423" spans="14:14">
      <c r="N241423" s="10"/>
    </row>
    <row r="241424" spans="14:14">
      <c r="N241424" s="10"/>
    </row>
    <row r="241425" spans="14:14">
      <c r="N241425" s="10"/>
    </row>
    <row r="241426" spans="14:14">
      <c r="N241426" s="10"/>
    </row>
    <row r="241427" spans="14:14">
      <c r="N241427" s="10"/>
    </row>
    <row r="241428" spans="14:14">
      <c r="N241428" s="10"/>
    </row>
    <row r="241429" spans="14:14">
      <c r="N241429" s="10"/>
    </row>
    <row r="241430" spans="14:14">
      <c r="N241430" s="10"/>
    </row>
    <row r="241431" spans="14:14">
      <c r="N241431" s="10"/>
    </row>
    <row r="241432" spans="14:14">
      <c r="N241432" s="10"/>
    </row>
    <row r="241433" spans="14:14">
      <c r="N241433" s="10"/>
    </row>
    <row r="241434" spans="14:14">
      <c r="N241434" s="10"/>
    </row>
    <row r="241435" spans="14:14">
      <c r="N241435" s="10"/>
    </row>
    <row r="241436" spans="14:14">
      <c r="N241436" s="10"/>
    </row>
    <row r="241437" spans="14:14">
      <c r="N241437" s="10"/>
    </row>
    <row r="241438" spans="14:14">
      <c r="N241438" s="10"/>
    </row>
    <row r="241439" spans="14:14">
      <c r="N241439" s="10"/>
    </row>
    <row r="241440" spans="14:14">
      <c r="N241440" s="10"/>
    </row>
    <row r="241441" spans="14:14">
      <c r="N241441" s="10"/>
    </row>
    <row r="241442" spans="14:14">
      <c r="N241442" s="10"/>
    </row>
    <row r="241443" spans="14:14">
      <c r="N241443" s="10"/>
    </row>
    <row r="241444" spans="14:14">
      <c r="N241444" s="10"/>
    </row>
    <row r="241445" spans="14:14">
      <c r="N241445" s="10"/>
    </row>
    <row r="241446" spans="14:14">
      <c r="N241446" s="10"/>
    </row>
    <row r="241447" spans="14:14">
      <c r="N241447" s="10"/>
    </row>
    <row r="241448" spans="14:14">
      <c r="N241448" s="10"/>
    </row>
    <row r="241449" spans="14:14">
      <c r="N241449" s="10"/>
    </row>
    <row r="241450" spans="14:14">
      <c r="N241450" s="10"/>
    </row>
    <row r="241451" spans="14:14">
      <c r="N241451" s="10"/>
    </row>
    <row r="241452" spans="14:14">
      <c r="N241452" s="10"/>
    </row>
    <row r="241453" spans="14:14">
      <c r="N241453" s="10"/>
    </row>
    <row r="241454" spans="14:14">
      <c r="N241454" s="10"/>
    </row>
    <row r="241455" spans="14:14">
      <c r="N241455" s="10"/>
    </row>
    <row r="241456" spans="14:14">
      <c r="N241456" s="10"/>
    </row>
    <row r="241457" spans="14:14">
      <c r="N241457" s="10"/>
    </row>
    <row r="241458" spans="14:14">
      <c r="N241458" s="10"/>
    </row>
    <row r="241459" spans="14:14">
      <c r="N241459" s="10"/>
    </row>
    <row r="241460" spans="14:14">
      <c r="N241460" s="10"/>
    </row>
    <row r="241461" spans="14:14">
      <c r="N241461" s="10"/>
    </row>
    <row r="241462" spans="14:14">
      <c r="N241462" s="10"/>
    </row>
    <row r="241463" spans="14:14">
      <c r="N241463" s="10"/>
    </row>
    <row r="241464" spans="14:14">
      <c r="N241464" s="10"/>
    </row>
    <row r="241465" spans="14:14">
      <c r="N241465" s="10"/>
    </row>
    <row r="241466" spans="14:14">
      <c r="N241466" s="10"/>
    </row>
    <row r="241467" spans="14:14">
      <c r="N241467" s="10"/>
    </row>
    <row r="241468" spans="14:14">
      <c r="N241468" s="10"/>
    </row>
    <row r="241469" spans="14:14">
      <c r="N241469" s="10"/>
    </row>
    <row r="241470" spans="14:14">
      <c r="N241470" s="10"/>
    </row>
    <row r="241471" spans="14:14">
      <c r="N241471" s="10"/>
    </row>
    <row r="241472" spans="14:14">
      <c r="N241472" s="10"/>
    </row>
    <row r="241473" spans="14:14">
      <c r="N241473" s="10"/>
    </row>
    <row r="241474" spans="14:14">
      <c r="N241474" s="10"/>
    </row>
    <row r="241475" spans="14:14">
      <c r="N241475" s="10"/>
    </row>
    <row r="241476" spans="14:14">
      <c r="N241476" s="10"/>
    </row>
    <row r="241477" spans="14:14">
      <c r="N241477" s="10"/>
    </row>
    <row r="241478" spans="14:14">
      <c r="N241478" s="10"/>
    </row>
    <row r="241479" spans="14:14">
      <c r="N241479" s="10"/>
    </row>
    <row r="241480" spans="14:14">
      <c r="N241480" s="10"/>
    </row>
    <row r="241481" spans="14:14">
      <c r="N241481" s="10"/>
    </row>
    <row r="241482" spans="14:14">
      <c r="N241482" s="10"/>
    </row>
    <row r="241483" spans="14:14">
      <c r="N241483" s="10"/>
    </row>
    <row r="241484" spans="14:14">
      <c r="N241484" s="10"/>
    </row>
    <row r="241485" spans="14:14">
      <c r="N241485" s="10"/>
    </row>
    <row r="241486" spans="14:14">
      <c r="N241486" s="10"/>
    </row>
    <row r="241487" spans="14:14">
      <c r="N241487" s="10"/>
    </row>
    <row r="241488" spans="14:14">
      <c r="N241488" s="10"/>
    </row>
    <row r="241489" spans="14:14">
      <c r="N241489" s="10"/>
    </row>
    <row r="241490" spans="14:14">
      <c r="N241490" s="10"/>
    </row>
    <row r="241491" spans="14:14">
      <c r="N241491" s="10"/>
    </row>
    <row r="241492" spans="14:14">
      <c r="N241492" s="10"/>
    </row>
    <row r="241493" spans="14:14">
      <c r="N241493" s="10"/>
    </row>
    <row r="241494" spans="14:14">
      <c r="N241494" s="10"/>
    </row>
    <row r="241495" spans="14:14">
      <c r="N241495" s="10"/>
    </row>
    <row r="241496" spans="14:14">
      <c r="N241496" s="10"/>
    </row>
    <row r="241497" spans="14:14">
      <c r="N241497" s="10"/>
    </row>
    <row r="241498" spans="14:14">
      <c r="N241498" s="10"/>
    </row>
    <row r="241499" spans="14:14">
      <c r="N241499" s="10"/>
    </row>
    <row r="241500" spans="14:14">
      <c r="N241500" s="10"/>
    </row>
    <row r="241501" spans="14:14">
      <c r="N241501" s="10"/>
    </row>
    <row r="241502" spans="14:14">
      <c r="N241502" s="10"/>
    </row>
    <row r="241503" spans="14:14">
      <c r="N241503" s="10"/>
    </row>
    <row r="241504" spans="14:14">
      <c r="N241504" s="10"/>
    </row>
    <row r="241505" spans="14:14">
      <c r="N241505" s="10"/>
    </row>
    <row r="241506" spans="14:14">
      <c r="N241506" s="10"/>
    </row>
    <row r="241507" spans="14:14">
      <c r="N241507" s="10"/>
    </row>
    <row r="241508" spans="14:14">
      <c r="N241508" s="10"/>
    </row>
    <row r="241509" spans="14:14">
      <c r="N241509" s="10"/>
    </row>
    <row r="241510" spans="14:14">
      <c r="N241510" s="10"/>
    </row>
    <row r="241511" spans="14:14">
      <c r="N241511" s="10"/>
    </row>
    <row r="241512" spans="14:14">
      <c r="N241512" s="10"/>
    </row>
    <row r="241513" spans="14:14">
      <c r="N241513" s="10"/>
    </row>
    <row r="241514" spans="14:14">
      <c r="N241514" s="10"/>
    </row>
    <row r="241515" spans="14:14">
      <c r="N241515" s="10"/>
    </row>
    <row r="241516" spans="14:14">
      <c r="N241516" s="10"/>
    </row>
    <row r="241517" spans="14:14">
      <c r="N241517" s="10"/>
    </row>
    <row r="241518" spans="14:14">
      <c r="N241518" s="10"/>
    </row>
    <row r="241519" spans="14:14">
      <c r="N241519" s="10"/>
    </row>
    <row r="241520" spans="14:14">
      <c r="N241520" s="10"/>
    </row>
    <row r="241521" spans="14:14">
      <c r="N241521" s="10"/>
    </row>
    <row r="241522" spans="14:14">
      <c r="N241522" s="10"/>
    </row>
    <row r="241523" spans="14:14">
      <c r="N241523" s="10"/>
    </row>
    <row r="241524" spans="14:14">
      <c r="N241524" s="10"/>
    </row>
    <row r="241525" spans="14:14">
      <c r="N241525" s="10"/>
    </row>
    <row r="241526" spans="14:14">
      <c r="N241526" s="10"/>
    </row>
    <row r="241527" spans="14:14">
      <c r="N241527" s="10"/>
    </row>
    <row r="241528" spans="14:14">
      <c r="N241528" s="10"/>
    </row>
    <row r="241529" spans="14:14">
      <c r="N241529" s="10"/>
    </row>
    <row r="241530" spans="14:14">
      <c r="N241530" s="10"/>
    </row>
    <row r="241531" spans="14:14">
      <c r="N241531" s="10"/>
    </row>
    <row r="241532" spans="14:14">
      <c r="N241532" s="10"/>
    </row>
    <row r="241533" spans="14:14">
      <c r="N241533" s="10"/>
    </row>
    <row r="241534" spans="14:14">
      <c r="N241534" s="10"/>
    </row>
    <row r="241535" spans="14:14">
      <c r="N241535" s="10"/>
    </row>
    <row r="241536" spans="14:14">
      <c r="N241536" s="10"/>
    </row>
    <row r="241537" spans="14:14">
      <c r="N241537" s="10"/>
    </row>
    <row r="241538" spans="14:14">
      <c r="N241538" s="10"/>
    </row>
    <row r="241539" spans="14:14">
      <c r="N241539" s="10"/>
    </row>
    <row r="241540" spans="14:14">
      <c r="N241540" s="10"/>
    </row>
    <row r="241541" spans="14:14">
      <c r="N241541" s="10"/>
    </row>
    <row r="241542" spans="14:14">
      <c r="N241542" s="10"/>
    </row>
    <row r="241543" spans="14:14">
      <c r="N241543" s="10"/>
    </row>
    <row r="241544" spans="14:14">
      <c r="N241544" s="10"/>
    </row>
    <row r="241545" spans="14:14">
      <c r="N241545" s="10"/>
    </row>
    <row r="241546" spans="14:14">
      <c r="N241546" s="10"/>
    </row>
    <row r="241547" spans="14:14">
      <c r="N241547" s="10"/>
    </row>
    <row r="241548" spans="14:14">
      <c r="N241548" s="10"/>
    </row>
    <row r="241549" spans="14:14">
      <c r="N241549" s="10"/>
    </row>
    <row r="241550" spans="14:14">
      <c r="N241550" s="10"/>
    </row>
    <row r="241551" spans="14:14">
      <c r="N241551" s="10"/>
    </row>
    <row r="241552" spans="14:14">
      <c r="N241552" s="10"/>
    </row>
    <row r="241553" spans="14:14">
      <c r="N241553" s="10"/>
    </row>
    <row r="241554" spans="14:14">
      <c r="N241554" s="10"/>
    </row>
    <row r="241555" spans="14:14">
      <c r="N241555" s="10"/>
    </row>
    <row r="241556" spans="14:14">
      <c r="N241556" s="10"/>
    </row>
    <row r="241557" spans="14:14">
      <c r="N241557" s="10"/>
    </row>
    <row r="241558" spans="14:14">
      <c r="N241558" s="10"/>
    </row>
    <row r="241559" spans="14:14">
      <c r="N241559" s="10"/>
    </row>
    <row r="241560" spans="14:14">
      <c r="N241560" s="10"/>
    </row>
    <row r="241561" spans="14:14">
      <c r="N241561" s="10"/>
    </row>
    <row r="241562" spans="14:14">
      <c r="N241562" s="10"/>
    </row>
    <row r="241563" spans="14:14">
      <c r="N241563" s="10"/>
    </row>
    <row r="241564" spans="14:14">
      <c r="N241564" s="10"/>
    </row>
    <row r="241565" spans="14:14">
      <c r="N241565" s="10"/>
    </row>
    <row r="241566" spans="14:14">
      <c r="N241566" s="10"/>
    </row>
    <row r="241567" spans="14:14">
      <c r="N241567" s="10"/>
    </row>
    <row r="241568" spans="14:14">
      <c r="N241568" s="10"/>
    </row>
    <row r="241569" spans="14:14">
      <c r="N241569" s="10"/>
    </row>
    <row r="241570" spans="14:14">
      <c r="N241570" s="10"/>
    </row>
    <row r="241571" spans="14:14">
      <c r="N241571" s="10"/>
    </row>
    <row r="241572" spans="14:14">
      <c r="N241572" s="10"/>
    </row>
    <row r="241573" spans="14:14">
      <c r="N241573" s="10"/>
    </row>
    <row r="241574" spans="14:14">
      <c r="N241574" s="10"/>
    </row>
    <row r="241575" spans="14:14">
      <c r="N241575" s="10"/>
    </row>
    <row r="241576" spans="14:14">
      <c r="N241576" s="10"/>
    </row>
    <row r="241577" spans="14:14">
      <c r="N241577" s="10"/>
    </row>
    <row r="241578" spans="14:14">
      <c r="N241578" s="10"/>
    </row>
    <row r="241579" spans="14:14">
      <c r="N241579" s="10"/>
    </row>
    <row r="241580" spans="14:14">
      <c r="N241580" s="10"/>
    </row>
    <row r="241581" spans="14:14">
      <c r="N241581" s="10"/>
    </row>
    <row r="241582" spans="14:14">
      <c r="N241582" s="10"/>
    </row>
    <row r="241583" spans="14:14">
      <c r="N241583" s="10"/>
    </row>
    <row r="241584" spans="14:14">
      <c r="N241584" s="10"/>
    </row>
    <row r="241585" spans="14:14">
      <c r="N241585" s="10"/>
    </row>
    <row r="241586" spans="14:14">
      <c r="N241586" s="10"/>
    </row>
    <row r="241587" spans="14:14">
      <c r="N241587" s="10"/>
    </row>
    <row r="241588" spans="14:14">
      <c r="N241588" s="10"/>
    </row>
    <row r="241589" spans="14:14">
      <c r="N241589" s="10"/>
    </row>
    <row r="241590" spans="14:14">
      <c r="N241590" s="10"/>
    </row>
    <row r="241591" spans="14:14">
      <c r="N241591" s="10"/>
    </row>
    <row r="241592" spans="14:14">
      <c r="N241592" s="10"/>
    </row>
    <row r="241593" spans="14:14">
      <c r="N241593" s="10"/>
    </row>
    <row r="241594" spans="14:14">
      <c r="N241594" s="10"/>
    </row>
    <row r="241595" spans="14:14">
      <c r="N241595" s="10"/>
    </row>
    <row r="241596" spans="14:14">
      <c r="N241596" s="10"/>
    </row>
    <row r="241597" spans="14:14">
      <c r="N241597" s="10"/>
    </row>
    <row r="241598" spans="14:14">
      <c r="N241598" s="10"/>
    </row>
    <row r="241599" spans="14:14">
      <c r="N241599" s="10"/>
    </row>
    <row r="241600" spans="14:14">
      <c r="N241600" s="10"/>
    </row>
    <row r="241601" spans="14:14">
      <c r="N241601" s="10"/>
    </row>
    <row r="241602" spans="14:14">
      <c r="N241602" s="10"/>
    </row>
    <row r="241603" spans="14:14">
      <c r="N241603" s="10"/>
    </row>
    <row r="241604" spans="14:14">
      <c r="N241604" s="10"/>
    </row>
    <row r="241605" spans="14:14">
      <c r="N241605" s="10"/>
    </row>
    <row r="241606" spans="14:14">
      <c r="N241606" s="10"/>
    </row>
    <row r="241607" spans="14:14">
      <c r="N241607" s="10"/>
    </row>
    <row r="241608" spans="14:14">
      <c r="N241608" s="10"/>
    </row>
    <row r="241609" spans="14:14">
      <c r="N241609" s="10"/>
    </row>
    <row r="241610" spans="14:14">
      <c r="N241610" s="10"/>
    </row>
    <row r="241611" spans="14:14">
      <c r="N241611" s="10"/>
    </row>
    <row r="241612" spans="14:14">
      <c r="N241612" s="10"/>
    </row>
    <row r="241613" spans="14:14">
      <c r="N241613" s="10"/>
    </row>
    <row r="241614" spans="14:14">
      <c r="N241614" s="10"/>
    </row>
    <row r="241615" spans="14:14">
      <c r="N241615" s="10"/>
    </row>
    <row r="241616" spans="14:14">
      <c r="N241616" s="10"/>
    </row>
    <row r="241617" spans="14:14">
      <c r="N241617" s="10"/>
    </row>
    <row r="241618" spans="14:14">
      <c r="N241618" s="10"/>
    </row>
    <row r="241619" spans="14:14">
      <c r="N241619" s="10"/>
    </row>
    <row r="241620" spans="14:14">
      <c r="N241620" s="10"/>
    </row>
    <row r="241621" spans="14:14">
      <c r="N241621" s="10"/>
    </row>
    <row r="241622" spans="14:14">
      <c r="N241622" s="10"/>
    </row>
    <row r="241623" spans="14:14">
      <c r="N241623" s="10"/>
    </row>
    <row r="241624" spans="14:14">
      <c r="N241624" s="10"/>
    </row>
    <row r="241625" spans="14:14">
      <c r="N241625" s="10"/>
    </row>
    <row r="241626" spans="14:14">
      <c r="N241626" s="10"/>
    </row>
    <row r="241627" spans="14:14">
      <c r="N241627" s="10"/>
    </row>
    <row r="241628" spans="14:14">
      <c r="N241628" s="10"/>
    </row>
    <row r="241629" spans="14:14">
      <c r="N241629" s="10"/>
    </row>
    <row r="241630" spans="14:14">
      <c r="N241630" s="10"/>
    </row>
    <row r="241631" spans="14:14">
      <c r="N241631" s="10"/>
    </row>
    <row r="241632" spans="14:14">
      <c r="N241632" s="10"/>
    </row>
    <row r="241633" spans="14:14">
      <c r="N241633" s="10"/>
    </row>
    <row r="241634" spans="14:14">
      <c r="N241634" s="10"/>
    </row>
    <row r="241635" spans="14:14">
      <c r="N241635" s="10"/>
    </row>
    <row r="241636" spans="14:14">
      <c r="N241636" s="10"/>
    </row>
    <row r="241637" spans="14:14">
      <c r="N241637" s="10"/>
    </row>
    <row r="241638" spans="14:14">
      <c r="N241638" s="10"/>
    </row>
    <row r="241639" spans="14:14">
      <c r="N241639" s="10"/>
    </row>
    <row r="241640" spans="14:14">
      <c r="N241640" s="10"/>
    </row>
    <row r="241641" spans="14:14">
      <c r="N241641" s="10"/>
    </row>
    <row r="241642" spans="14:14">
      <c r="N241642" s="10"/>
    </row>
    <row r="241643" spans="14:14">
      <c r="N241643" s="10"/>
    </row>
    <row r="241644" spans="14:14">
      <c r="N241644" s="10"/>
    </row>
    <row r="241645" spans="14:14">
      <c r="N241645" s="10"/>
    </row>
    <row r="241646" spans="14:14">
      <c r="N241646" s="10"/>
    </row>
    <row r="241647" spans="14:14">
      <c r="N241647" s="10"/>
    </row>
    <row r="241648" spans="14:14">
      <c r="N241648" s="10"/>
    </row>
    <row r="241649" spans="14:14">
      <c r="N241649" s="10"/>
    </row>
    <row r="241650" spans="14:14">
      <c r="N241650" s="10"/>
    </row>
    <row r="241651" spans="14:14">
      <c r="N241651" s="10"/>
    </row>
    <row r="241652" spans="14:14">
      <c r="N241652" s="10"/>
    </row>
    <row r="241653" spans="14:14">
      <c r="N241653" s="10"/>
    </row>
    <row r="241654" spans="14:14">
      <c r="N241654" s="10"/>
    </row>
    <row r="241655" spans="14:14">
      <c r="N241655" s="10"/>
    </row>
    <row r="241656" spans="14:14">
      <c r="N241656" s="10"/>
    </row>
    <row r="241657" spans="14:14">
      <c r="N241657" s="10"/>
    </row>
    <row r="241658" spans="14:14">
      <c r="N241658" s="10"/>
    </row>
    <row r="241659" spans="14:14">
      <c r="N241659" s="10"/>
    </row>
    <row r="241660" spans="14:14">
      <c r="N241660" s="10"/>
    </row>
    <row r="241661" spans="14:14">
      <c r="N241661" s="10"/>
    </row>
    <row r="241662" spans="14:14">
      <c r="N241662" s="10"/>
    </row>
    <row r="241663" spans="14:14">
      <c r="N241663" s="10"/>
    </row>
    <row r="241664" spans="14:14">
      <c r="N241664" s="10"/>
    </row>
    <row r="241665" spans="14:14">
      <c r="N241665" s="10"/>
    </row>
    <row r="241666" spans="14:14">
      <c r="N241666" s="10"/>
    </row>
    <row r="241667" spans="14:14">
      <c r="N241667" s="10"/>
    </row>
    <row r="241668" spans="14:14">
      <c r="N241668" s="10"/>
    </row>
    <row r="241669" spans="14:14">
      <c r="N241669" s="10"/>
    </row>
    <row r="241670" spans="14:14">
      <c r="N241670" s="10"/>
    </row>
    <row r="241671" spans="14:14">
      <c r="N241671" s="10"/>
    </row>
    <row r="241672" spans="14:14">
      <c r="N241672" s="10"/>
    </row>
    <row r="241673" spans="14:14">
      <c r="N241673" s="10"/>
    </row>
    <row r="241674" spans="14:14">
      <c r="N241674" s="10"/>
    </row>
    <row r="241675" spans="14:14">
      <c r="N241675" s="10"/>
    </row>
    <row r="241676" spans="14:14">
      <c r="N241676" s="10"/>
    </row>
    <row r="241677" spans="14:14">
      <c r="N241677" s="10"/>
    </row>
    <row r="241678" spans="14:14">
      <c r="N241678" s="10"/>
    </row>
    <row r="241679" spans="14:14">
      <c r="N241679" s="10"/>
    </row>
    <row r="241680" spans="14:14">
      <c r="N241680" s="10"/>
    </row>
    <row r="241681" spans="14:14">
      <c r="N241681" s="10"/>
    </row>
    <row r="241682" spans="14:14">
      <c r="N241682" s="10"/>
    </row>
    <row r="241683" spans="14:14">
      <c r="N241683" s="10"/>
    </row>
    <row r="241684" spans="14:14">
      <c r="N241684" s="10"/>
    </row>
    <row r="241685" spans="14:14">
      <c r="N241685" s="10"/>
    </row>
    <row r="241686" spans="14:14">
      <c r="N241686" s="10"/>
    </row>
    <row r="241687" spans="14:14">
      <c r="N241687" s="10"/>
    </row>
    <row r="241688" spans="14:14">
      <c r="N241688" s="10"/>
    </row>
    <row r="241689" spans="14:14">
      <c r="N241689" s="10"/>
    </row>
    <row r="241690" spans="14:14">
      <c r="N241690" s="10"/>
    </row>
    <row r="241691" spans="14:14">
      <c r="N241691" s="10"/>
    </row>
    <row r="241692" spans="14:14">
      <c r="N241692" s="10"/>
    </row>
    <row r="241693" spans="14:14">
      <c r="N241693" s="10"/>
    </row>
    <row r="241694" spans="14:14">
      <c r="N241694" s="10"/>
    </row>
    <row r="241695" spans="14:14">
      <c r="N241695" s="10"/>
    </row>
    <row r="241696" spans="14:14">
      <c r="N241696" s="10"/>
    </row>
    <row r="241697" spans="14:14">
      <c r="N241697" s="10"/>
    </row>
    <row r="241698" spans="14:14">
      <c r="N241698" s="10"/>
    </row>
    <row r="241699" spans="14:14">
      <c r="N241699" s="10"/>
    </row>
    <row r="241700" spans="14:14">
      <c r="N241700" s="10"/>
    </row>
    <row r="241701" spans="14:14">
      <c r="N241701" s="10"/>
    </row>
    <row r="241702" spans="14:14">
      <c r="N241702" s="10"/>
    </row>
    <row r="241703" spans="14:14">
      <c r="N241703" s="10"/>
    </row>
    <row r="241704" spans="14:14">
      <c r="N241704" s="10"/>
    </row>
    <row r="241705" spans="14:14">
      <c r="N241705" s="10"/>
    </row>
    <row r="241706" spans="14:14">
      <c r="N241706" s="10"/>
    </row>
    <row r="241707" spans="14:14">
      <c r="N241707" s="10"/>
    </row>
    <row r="241708" spans="14:14">
      <c r="N241708" s="10"/>
    </row>
    <row r="241709" spans="14:14">
      <c r="N241709" s="10"/>
    </row>
    <row r="241710" spans="14:14">
      <c r="N241710" s="10"/>
    </row>
    <row r="241711" spans="14:14">
      <c r="N241711" s="10"/>
    </row>
    <row r="241712" spans="14:14">
      <c r="N241712" s="10"/>
    </row>
    <row r="241713" spans="14:14">
      <c r="N241713" s="10"/>
    </row>
    <row r="241714" spans="14:14">
      <c r="N241714" s="10"/>
    </row>
    <row r="241715" spans="14:14">
      <c r="N241715" s="10"/>
    </row>
    <row r="241716" spans="14:14">
      <c r="N241716" s="10"/>
    </row>
    <row r="241717" spans="14:14">
      <c r="N241717" s="10"/>
    </row>
    <row r="241718" spans="14:14">
      <c r="N241718" s="10"/>
    </row>
    <row r="241719" spans="14:14">
      <c r="N241719" s="10"/>
    </row>
    <row r="241720" spans="14:14">
      <c r="N241720" s="10"/>
    </row>
    <row r="241721" spans="14:14">
      <c r="N241721" s="10"/>
    </row>
    <row r="241722" spans="14:14">
      <c r="N241722" s="10"/>
    </row>
    <row r="241723" spans="14:14">
      <c r="N241723" s="10"/>
    </row>
    <row r="241724" spans="14:14">
      <c r="N241724" s="10"/>
    </row>
    <row r="241725" spans="14:14">
      <c r="N241725" s="10"/>
    </row>
    <row r="241726" spans="14:14">
      <c r="N241726" s="10"/>
    </row>
    <row r="241727" spans="14:14">
      <c r="N241727" s="10"/>
    </row>
    <row r="241728" spans="14:14">
      <c r="N241728" s="10"/>
    </row>
    <row r="241729" spans="14:14">
      <c r="N241729" s="10"/>
    </row>
    <row r="241730" spans="14:14">
      <c r="N241730" s="10"/>
    </row>
    <row r="241731" spans="14:14">
      <c r="N241731" s="10"/>
    </row>
    <row r="241732" spans="14:14">
      <c r="N241732" s="10"/>
    </row>
    <row r="241733" spans="14:14">
      <c r="N241733" s="10"/>
    </row>
    <row r="241734" spans="14:14">
      <c r="N241734" s="10"/>
    </row>
    <row r="241735" spans="14:14">
      <c r="N241735" s="10"/>
    </row>
    <row r="241736" spans="14:14">
      <c r="N241736" s="10"/>
    </row>
    <row r="241737" spans="14:14">
      <c r="N241737" s="10"/>
    </row>
    <row r="241738" spans="14:14">
      <c r="N241738" s="10"/>
    </row>
    <row r="241739" spans="14:14">
      <c r="N241739" s="10"/>
    </row>
    <row r="241740" spans="14:14">
      <c r="N241740" s="10"/>
    </row>
    <row r="241741" spans="14:14">
      <c r="N241741" s="10"/>
    </row>
    <row r="241742" spans="14:14">
      <c r="N241742" s="10"/>
    </row>
    <row r="241743" spans="14:14">
      <c r="N241743" s="10"/>
    </row>
    <row r="241744" spans="14:14">
      <c r="N241744" s="10"/>
    </row>
    <row r="241745" spans="14:14">
      <c r="N241745" s="10"/>
    </row>
    <row r="241746" spans="14:14">
      <c r="N241746" s="10"/>
    </row>
    <row r="241747" spans="14:14">
      <c r="N241747" s="10"/>
    </row>
    <row r="241748" spans="14:14">
      <c r="N241748" s="10"/>
    </row>
    <row r="241749" spans="14:14">
      <c r="N241749" s="10"/>
    </row>
    <row r="241750" spans="14:14">
      <c r="N241750" s="10"/>
    </row>
    <row r="241751" spans="14:14">
      <c r="N241751" s="10"/>
    </row>
    <row r="241752" spans="14:14">
      <c r="N241752" s="10"/>
    </row>
    <row r="241753" spans="14:14">
      <c r="N241753" s="10"/>
    </row>
    <row r="241754" spans="14:14">
      <c r="N241754" s="10"/>
    </row>
    <row r="241755" spans="14:14">
      <c r="N241755" s="10"/>
    </row>
    <row r="241756" spans="14:14">
      <c r="N241756" s="10"/>
    </row>
    <row r="241757" spans="14:14">
      <c r="N241757" s="10"/>
    </row>
    <row r="241758" spans="14:14">
      <c r="N241758" s="10"/>
    </row>
    <row r="241759" spans="14:14">
      <c r="N241759" s="10"/>
    </row>
    <row r="241760" spans="14:14">
      <c r="N241760" s="10"/>
    </row>
    <row r="241761" spans="14:14">
      <c r="N241761" s="10"/>
    </row>
    <row r="241762" spans="14:14">
      <c r="N241762" s="10"/>
    </row>
    <row r="241763" spans="14:14">
      <c r="N241763" s="10"/>
    </row>
    <row r="241764" spans="14:14">
      <c r="N241764" s="10"/>
    </row>
    <row r="241765" spans="14:14">
      <c r="N241765" s="10"/>
    </row>
    <row r="241766" spans="14:14">
      <c r="N241766" s="10"/>
    </row>
    <row r="241767" spans="14:14">
      <c r="N241767" s="10"/>
    </row>
    <row r="241768" spans="14:14">
      <c r="N241768" s="10"/>
    </row>
    <row r="241769" spans="14:14">
      <c r="N241769" s="10"/>
    </row>
    <row r="241770" spans="14:14">
      <c r="N241770" s="10"/>
    </row>
    <row r="241771" spans="14:14">
      <c r="N241771" s="10"/>
    </row>
    <row r="241772" spans="14:14">
      <c r="N241772" s="10"/>
    </row>
    <row r="241773" spans="14:14">
      <c r="N241773" s="10"/>
    </row>
    <row r="241774" spans="14:14">
      <c r="N241774" s="10"/>
    </row>
    <row r="241775" spans="14:14">
      <c r="N241775" s="10"/>
    </row>
    <row r="241776" spans="14:14">
      <c r="N241776" s="10"/>
    </row>
    <row r="241777" spans="14:14">
      <c r="N241777" s="10"/>
    </row>
    <row r="241778" spans="14:14">
      <c r="N241778" s="10"/>
    </row>
    <row r="241779" spans="14:14">
      <c r="N241779" s="10"/>
    </row>
    <row r="241780" spans="14:14">
      <c r="N241780" s="10"/>
    </row>
    <row r="241781" spans="14:14">
      <c r="N241781" s="10"/>
    </row>
    <row r="241782" spans="14:14">
      <c r="N241782" s="10"/>
    </row>
    <row r="241783" spans="14:14">
      <c r="N241783" s="10"/>
    </row>
    <row r="241784" spans="14:14">
      <c r="N241784" s="10"/>
    </row>
    <row r="241785" spans="14:14">
      <c r="N241785" s="10"/>
    </row>
    <row r="241786" spans="14:14">
      <c r="N241786" s="10"/>
    </row>
    <row r="241787" spans="14:14">
      <c r="N241787" s="10"/>
    </row>
    <row r="241788" spans="14:14">
      <c r="N241788" s="10"/>
    </row>
    <row r="241789" spans="14:14">
      <c r="N241789" s="10"/>
    </row>
    <row r="241790" spans="14:14">
      <c r="N241790" s="10"/>
    </row>
    <row r="241791" spans="14:14">
      <c r="N241791" s="10"/>
    </row>
    <row r="241792" spans="14:14">
      <c r="N241792" s="10"/>
    </row>
    <row r="241793" spans="14:14">
      <c r="N241793" s="10"/>
    </row>
    <row r="241794" spans="14:14">
      <c r="N241794" s="10"/>
    </row>
    <row r="241795" spans="14:14">
      <c r="N241795" s="10"/>
    </row>
    <row r="241796" spans="14:14">
      <c r="N241796" s="10"/>
    </row>
    <row r="241797" spans="14:14">
      <c r="N241797" s="10"/>
    </row>
    <row r="241798" spans="14:14">
      <c r="N241798" s="10"/>
    </row>
    <row r="241799" spans="14:14">
      <c r="N241799" s="10"/>
    </row>
    <row r="241800" spans="14:14">
      <c r="N241800" s="10"/>
    </row>
    <row r="241801" spans="14:14">
      <c r="N241801" s="10"/>
    </row>
    <row r="241802" spans="14:14">
      <c r="N241802" s="10"/>
    </row>
    <row r="241803" spans="14:14">
      <c r="N241803" s="10"/>
    </row>
    <row r="241804" spans="14:14">
      <c r="N241804" s="10"/>
    </row>
    <row r="241805" spans="14:14">
      <c r="N241805" s="10"/>
    </row>
    <row r="241806" spans="14:14">
      <c r="N241806" s="10"/>
    </row>
    <row r="241807" spans="14:14">
      <c r="N241807" s="10"/>
    </row>
    <row r="241808" spans="14:14">
      <c r="N241808" s="10"/>
    </row>
    <row r="241809" spans="14:14">
      <c r="N241809" s="10"/>
    </row>
    <row r="241810" spans="14:14">
      <c r="N241810" s="10"/>
    </row>
    <row r="241811" spans="14:14">
      <c r="N241811" s="10"/>
    </row>
    <row r="241812" spans="14:14">
      <c r="N241812" s="10"/>
    </row>
    <row r="241813" spans="14:14">
      <c r="N241813" s="10"/>
    </row>
    <row r="241814" spans="14:14">
      <c r="N241814" s="10"/>
    </row>
    <row r="241815" spans="14:14">
      <c r="N241815" s="10"/>
    </row>
    <row r="241816" spans="14:14">
      <c r="N241816" s="10"/>
    </row>
    <row r="241817" spans="14:14">
      <c r="N241817" s="10"/>
    </row>
    <row r="241818" spans="14:14">
      <c r="N241818" s="10"/>
    </row>
    <row r="241819" spans="14:14">
      <c r="N241819" s="10"/>
    </row>
    <row r="241820" spans="14:14">
      <c r="N241820" s="10"/>
    </row>
    <row r="241821" spans="14:14">
      <c r="N241821" s="10"/>
    </row>
    <row r="241822" spans="14:14">
      <c r="N241822" s="10"/>
    </row>
    <row r="241823" spans="14:14">
      <c r="N241823" s="10"/>
    </row>
    <row r="241824" spans="14:14">
      <c r="N241824" s="10"/>
    </row>
    <row r="241825" spans="14:14">
      <c r="N241825" s="10"/>
    </row>
    <row r="241826" spans="14:14">
      <c r="N241826" s="10"/>
    </row>
    <row r="241827" spans="14:14">
      <c r="N241827" s="10"/>
    </row>
    <row r="241828" spans="14:14">
      <c r="N241828" s="10"/>
    </row>
    <row r="241829" spans="14:14">
      <c r="N241829" s="10"/>
    </row>
    <row r="241830" spans="14:14">
      <c r="N241830" s="10"/>
    </row>
    <row r="241831" spans="14:14">
      <c r="N241831" s="10"/>
    </row>
    <row r="241832" spans="14:14">
      <c r="N241832" s="10"/>
    </row>
    <row r="241833" spans="14:14">
      <c r="N241833" s="10"/>
    </row>
    <row r="241834" spans="14:14">
      <c r="N241834" s="10"/>
    </row>
    <row r="241835" spans="14:14">
      <c r="N241835" s="10"/>
    </row>
    <row r="241836" spans="14:14">
      <c r="N241836" s="10"/>
    </row>
    <row r="241837" spans="14:14">
      <c r="N241837" s="10"/>
    </row>
    <row r="241838" spans="14:14">
      <c r="N241838" s="10"/>
    </row>
    <row r="241839" spans="14:14">
      <c r="N241839" s="10"/>
    </row>
    <row r="241840" spans="14:14">
      <c r="N241840" s="10"/>
    </row>
    <row r="241841" spans="14:14">
      <c r="N241841" s="10"/>
    </row>
    <row r="241842" spans="14:14">
      <c r="N241842" s="10"/>
    </row>
    <row r="241843" spans="14:14">
      <c r="N241843" s="10"/>
    </row>
    <row r="241844" spans="14:14">
      <c r="N241844" s="10"/>
    </row>
    <row r="241845" spans="14:14">
      <c r="N241845" s="10"/>
    </row>
    <row r="241846" spans="14:14">
      <c r="N241846" s="10"/>
    </row>
    <row r="241847" spans="14:14">
      <c r="N241847" s="10"/>
    </row>
    <row r="241848" spans="14:14">
      <c r="N241848" s="10"/>
    </row>
    <row r="241849" spans="14:14">
      <c r="N241849" s="10"/>
    </row>
    <row r="241850" spans="14:14">
      <c r="N241850" s="10"/>
    </row>
    <row r="241851" spans="14:14">
      <c r="N241851" s="10"/>
    </row>
    <row r="241852" spans="14:14">
      <c r="N241852" s="10"/>
    </row>
    <row r="241853" spans="14:14">
      <c r="N241853" s="10"/>
    </row>
    <row r="241854" spans="14:14">
      <c r="N241854" s="10"/>
    </row>
    <row r="241855" spans="14:14">
      <c r="N241855" s="10"/>
    </row>
    <row r="241856" spans="14:14">
      <c r="N241856" s="10"/>
    </row>
    <row r="241857" spans="14:14">
      <c r="N241857" s="10"/>
    </row>
    <row r="241858" spans="14:14">
      <c r="N241858" s="10"/>
    </row>
    <row r="241859" spans="14:14">
      <c r="N241859" s="10"/>
    </row>
    <row r="241860" spans="14:14">
      <c r="N241860" s="10"/>
    </row>
    <row r="241861" spans="14:14">
      <c r="N241861" s="10"/>
    </row>
    <row r="241862" spans="14:14">
      <c r="N241862" s="10"/>
    </row>
    <row r="241863" spans="14:14">
      <c r="N241863" s="10"/>
    </row>
    <row r="241864" spans="14:14">
      <c r="N241864" s="10"/>
    </row>
    <row r="241865" spans="14:14">
      <c r="N241865" s="10"/>
    </row>
    <row r="241866" spans="14:14">
      <c r="N241866" s="10"/>
    </row>
    <row r="241867" spans="14:14">
      <c r="N241867" s="10"/>
    </row>
    <row r="241868" spans="14:14">
      <c r="N241868" s="10"/>
    </row>
    <row r="241869" spans="14:14">
      <c r="N241869" s="10"/>
    </row>
    <row r="241870" spans="14:14">
      <c r="N241870" s="10"/>
    </row>
    <row r="241871" spans="14:14">
      <c r="N241871" s="10"/>
    </row>
    <row r="241872" spans="14:14">
      <c r="N241872" s="10"/>
    </row>
    <row r="241873" spans="14:14">
      <c r="N241873" s="10"/>
    </row>
    <row r="241874" spans="14:14">
      <c r="N241874" s="10"/>
    </row>
    <row r="241875" spans="14:14">
      <c r="N241875" s="10"/>
    </row>
    <row r="241876" spans="14:14">
      <c r="N241876" s="10"/>
    </row>
    <row r="241877" spans="14:14">
      <c r="N241877" s="10"/>
    </row>
    <row r="241878" spans="14:14">
      <c r="N241878" s="10"/>
    </row>
    <row r="241879" spans="14:14">
      <c r="N241879" s="10"/>
    </row>
    <row r="241880" spans="14:14">
      <c r="N241880" s="10"/>
    </row>
    <row r="241881" spans="14:14">
      <c r="N241881" s="10"/>
    </row>
    <row r="241882" spans="14:14">
      <c r="N241882" s="10"/>
    </row>
    <row r="241883" spans="14:14">
      <c r="N241883" s="10"/>
    </row>
    <row r="241884" spans="14:14">
      <c r="N241884" s="10"/>
    </row>
    <row r="241885" spans="14:14">
      <c r="N241885" s="10"/>
    </row>
    <row r="241886" spans="14:14">
      <c r="N241886" s="10"/>
    </row>
    <row r="241887" spans="14:14">
      <c r="N241887" s="10"/>
    </row>
    <row r="241888" spans="14:14">
      <c r="N241888" s="10"/>
    </row>
    <row r="241889" spans="14:14">
      <c r="N241889" s="10"/>
    </row>
    <row r="241890" spans="14:14">
      <c r="N241890" s="10"/>
    </row>
    <row r="241891" spans="14:14">
      <c r="N241891" s="10"/>
    </row>
    <row r="241892" spans="14:14">
      <c r="N241892" s="10"/>
    </row>
    <row r="241893" spans="14:14">
      <c r="N241893" s="10"/>
    </row>
    <row r="241894" spans="14:14">
      <c r="N241894" s="10"/>
    </row>
    <row r="241895" spans="14:14">
      <c r="N241895" s="10"/>
    </row>
    <row r="241896" spans="14:14">
      <c r="N241896" s="10"/>
    </row>
    <row r="241897" spans="14:14">
      <c r="N241897" s="10"/>
    </row>
    <row r="241898" spans="14:14">
      <c r="N241898" s="10"/>
    </row>
    <row r="241899" spans="14:14">
      <c r="N241899" s="10"/>
    </row>
    <row r="241900" spans="14:14">
      <c r="N241900" s="10"/>
    </row>
    <row r="241901" spans="14:14">
      <c r="N241901" s="10"/>
    </row>
    <row r="241902" spans="14:14">
      <c r="N241902" s="10"/>
    </row>
    <row r="241903" spans="14:14">
      <c r="N241903" s="10"/>
    </row>
    <row r="241904" spans="14:14">
      <c r="N241904" s="10"/>
    </row>
    <row r="241905" spans="14:14">
      <c r="N241905" s="10"/>
    </row>
    <row r="241906" spans="14:14">
      <c r="N241906" s="10"/>
    </row>
    <row r="241907" spans="14:14">
      <c r="N241907" s="10"/>
    </row>
    <row r="241908" spans="14:14">
      <c r="N241908" s="10"/>
    </row>
    <row r="241909" spans="14:14">
      <c r="N241909" s="10"/>
    </row>
    <row r="241910" spans="14:14">
      <c r="N241910" s="10"/>
    </row>
    <row r="241911" spans="14:14">
      <c r="N241911" s="10"/>
    </row>
    <row r="241912" spans="14:14">
      <c r="N241912" s="10"/>
    </row>
    <row r="241913" spans="14:14">
      <c r="N241913" s="10"/>
    </row>
    <row r="241914" spans="14:14">
      <c r="N241914" s="10"/>
    </row>
    <row r="241915" spans="14:14">
      <c r="N241915" s="10"/>
    </row>
    <row r="241916" spans="14:14">
      <c r="N241916" s="10"/>
    </row>
    <row r="241917" spans="14:14">
      <c r="N241917" s="10"/>
    </row>
    <row r="241918" spans="14:14">
      <c r="N241918" s="10"/>
    </row>
    <row r="241919" spans="14:14">
      <c r="N241919" s="10"/>
    </row>
    <row r="241920" spans="14:14">
      <c r="N241920" s="10"/>
    </row>
    <row r="241921" spans="14:14">
      <c r="N241921" s="10"/>
    </row>
    <row r="241922" spans="14:14">
      <c r="N241922" s="10"/>
    </row>
    <row r="241923" spans="14:14">
      <c r="N241923" s="10"/>
    </row>
    <row r="241924" spans="14:14">
      <c r="N241924" s="10"/>
    </row>
    <row r="241925" spans="14:14">
      <c r="N241925" s="10"/>
    </row>
    <row r="241926" spans="14:14">
      <c r="N241926" s="10"/>
    </row>
    <row r="241927" spans="14:14">
      <c r="N241927" s="10"/>
    </row>
    <row r="241928" spans="14:14">
      <c r="N241928" s="10"/>
    </row>
    <row r="241929" spans="14:14">
      <c r="N241929" s="10"/>
    </row>
    <row r="241930" spans="14:14">
      <c r="N241930" s="10"/>
    </row>
    <row r="241931" spans="14:14">
      <c r="N241931" s="10"/>
    </row>
    <row r="241932" spans="14:14">
      <c r="N241932" s="10"/>
    </row>
    <row r="241933" spans="14:14">
      <c r="N241933" s="10"/>
    </row>
    <row r="241934" spans="14:14">
      <c r="N241934" s="10"/>
    </row>
    <row r="241935" spans="14:14">
      <c r="N241935" s="10"/>
    </row>
    <row r="241936" spans="14:14">
      <c r="N241936" s="10"/>
    </row>
    <row r="241937" spans="14:14">
      <c r="N241937" s="10"/>
    </row>
    <row r="241938" spans="14:14">
      <c r="N241938" s="10"/>
    </row>
    <row r="241939" spans="14:14">
      <c r="N241939" s="10"/>
    </row>
    <row r="241940" spans="14:14">
      <c r="N241940" s="10"/>
    </row>
    <row r="241941" spans="14:14">
      <c r="N241941" s="10"/>
    </row>
    <row r="241942" spans="14:14">
      <c r="N241942" s="10"/>
    </row>
    <row r="241943" spans="14:14">
      <c r="N241943" s="10"/>
    </row>
    <row r="241944" spans="14:14">
      <c r="N241944" s="10"/>
    </row>
    <row r="241945" spans="14:14">
      <c r="N241945" s="10"/>
    </row>
    <row r="241946" spans="14:14">
      <c r="N241946" s="10"/>
    </row>
    <row r="241947" spans="14:14">
      <c r="N241947" s="10"/>
    </row>
    <row r="241948" spans="14:14">
      <c r="N241948" s="10"/>
    </row>
    <row r="241949" spans="14:14">
      <c r="N241949" s="10"/>
    </row>
    <row r="241950" spans="14:14">
      <c r="N241950" s="10"/>
    </row>
    <row r="241951" spans="14:14">
      <c r="N241951" s="10"/>
    </row>
    <row r="241952" spans="14:14">
      <c r="N241952" s="10"/>
    </row>
    <row r="241953" spans="14:14">
      <c r="N241953" s="10"/>
    </row>
    <row r="241954" spans="14:14">
      <c r="N241954" s="10"/>
    </row>
    <row r="241955" spans="14:14">
      <c r="N241955" s="10"/>
    </row>
    <row r="241956" spans="14:14">
      <c r="N241956" s="10"/>
    </row>
    <row r="241957" spans="14:14">
      <c r="N241957" s="10"/>
    </row>
    <row r="241958" spans="14:14">
      <c r="N241958" s="10"/>
    </row>
    <row r="241959" spans="14:14">
      <c r="N241959" s="10"/>
    </row>
    <row r="241960" spans="14:14">
      <c r="N241960" s="10"/>
    </row>
    <row r="241961" spans="14:14">
      <c r="N241961" s="10"/>
    </row>
    <row r="241962" spans="14:14">
      <c r="N241962" s="10"/>
    </row>
    <row r="241963" spans="14:14">
      <c r="N241963" s="10"/>
    </row>
    <row r="241964" spans="14:14">
      <c r="N241964" s="10"/>
    </row>
    <row r="241965" spans="14:14">
      <c r="N241965" s="10"/>
    </row>
    <row r="241966" spans="14:14">
      <c r="N241966" s="10"/>
    </row>
    <row r="241967" spans="14:14">
      <c r="N241967" s="10"/>
    </row>
    <row r="241968" spans="14:14">
      <c r="N241968" s="10"/>
    </row>
    <row r="241969" spans="14:14">
      <c r="N241969" s="10"/>
    </row>
    <row r="241970" spans="14:14">
      <c r="N241970" s="10"/>
    </row>
    <row r="241971" spans="14:14">
      <c r="N241971" s="10"/>
    </row>
    <row r="241972" spans="14:14">
      <c r="N241972" s="10"/>
    </row>
    <row r="241973" spans="14:14">
      <c r="N241973" s="10"/>
    </row>
    <row r="241974" spans="14:14">
      <c r="N241974" s="10"/>
    </row>
    <row r="241975" spans="14:14">
      <c r="N241975" s="10"/>
    </row>
    <row r="241976" spans="14:14">
      <c r="N241976" s="10"/>
    </row>
    <row r="241977" spans="14:14">
      <c r="N241977" s="10"/>
    </row>
    <row r="241978" spans="14:14">
      <c r="N241978" s="10"/>
    </row>
    <row r="241979" spans="14:14">
      <c r="N241979" s="10"/>
    </row>
    <row r="241980" spans="14:14">
      <c r="N241980" s="10"/>
    </row>
    <row r="241981" spans="14:14">
      <c r="N241981" s="10"/>
    </row>
    <row r="241982" spans="14:14">
      <c r="N241982" s="10"/>
    </row>
    <row r="241983" spans="14:14">
      <c r="N241983" s="10"/>
    </row>
    <row r="241984" spans="14:14">
      <c r="N241984" s="10"/>
    </row>
    <row r="241985" spans="14:14">
      <c r="N241985" s="10"/>
    </row>
    <row r="241986" spans="14:14">
      <c r="N241986" s="10"/>
    </row>
    <row r="241987" spans="14:14">
      <c r="N241987" s="10"/>
    </row>
    <row r="241988" spans="14:14">
      <c r="N241988" s="10"/>
    </row>
    <row r="241989" spans="14:14">
      <c r="N241989" s="10"/>
    </row>
    <row r="241990" spans="14:14">
      <c r="N241990" s="10"/>
    </row>
    <row r="241991" spans="14:14">
      <c r="N241991" s="10"/>
    </row>
    <row r="241992" spans="14:14">
      <c r="N241992" s="10"/>
    </row>
    <row r="241993" spans="14:14">
      <c r="N241993" s="10"/>
    </row>
    <row r="241994" spans="14:14">
      <c r="N241994" s="10"/>
    </row>
    <row r="241995" spans="14:14">
      <c r="N241995" s="10"/>
    </row>
    <row r="241996" spans="14:14">
      <c r="N241996" s="10"/>
    </row>
    <row r="241997" spans="14:14">
      <c r="N241997" s="10"/>
    </row>
    <row r="241998" spans="14:14">
      <c r="N241998" s="10"/>
    </row>
    <row r="241999" spans="14:14">
      <c r="N241999" s="10"/>
    </row>
    <row r="242000" spans="14:14">
      <c r="N242000" s="10"/>
    </row>
    <row r="242001" spans="14:14">
      <c r="N242001" s="10"/>
    </row>
    <row r="242002" spans="14:14">
      <c r="N242002" s="10"/>
    </row>
    <row r="242003" spans="14:14">
      <c r="N242003" s="10"/>
    </row>
    <row r="242004" spans="14:14">
      <c r="N242004" s="10"/>
    </row>
    <row r="242005" spans="14:14">
      <c r="N242005" s="10"/>
    </row>
    <row r="242006" spans="14:14">
      <c r="N242006" s="10"/>
    </row>
    <row r="242007" spans="14:14">
      <c r="N242007" s="10"/>
    </row>
    <row r="242008" spans="14:14">
      <c r="N242008" s="10"/>
    </row>
    <row r="242009" spans="14:14">
      <c r="N242009" s="10"/>
    </row>
    <row r="242010" spans="14:14">
      <c r="N242010" s="10"/>
    </row>
    <row r="242011" spans="14:14">
      <c r="N242011" s="10"/>
    </row>
    <row r="242012" spans="14:14">
      <c r="N242012" s="10"/>
    </row>
    <row r="242013" spans="14:14">
      <c r="N242013" s="10"/>
    </row>
    <row r="242014" spans="14:14">
      <c r="N242014" s="10"/>
    </row>
    <row r="242015" spans="14:14">
      <c r="N242015" s="10"/>
    </row>
    <row r="242016" spans="14:14">
      <c r="N242016" s="10"/>
    </row>
    <row r="242017" spans="14:14">
      <c r="N242017" s="10"/>
    </row>
    <row r="242018" spans="14:14">
      <c r="N242018" s="10"/>
    </row>
    <row r="242019" spans="14:14">
      <c r="N242019" s="10"/>
    </row>
    <row r="242020" spans="14:14">
      <c r="N242020" s="10"/>
    </row>
    <row r="242021" spans="14:14">
      <c r="N242021" s="10"/>
    </row>
    <row r="242022" spans="14:14">
      <c r="N242022" s="10"/>
    </row>
    <row r="242023" spans="14:14">
      <c r="N242023" s="10"/>
    </row>
    <row r="242024" spans="14:14">
      <c r="N242024" s="10"/>
    </row>
    <row r="242025" spans="14:14">
      <c r="N242025" s="10"/>
    </row>
    <row r="242026" spans="14:14">
      <c r="N242026" s="10"/>
    </row>
    <row r="242027" spans="14:14">
      <c r="N242027" s="10"/>
    </row>
    <row r="242028" spans="14:14">
      <c r="N242028" s="10"/>
    </row>
    <row r="242029" spans="14:14">
      <c r="N242029" s="10"/>
    </row>
    <row r="242030" spans="14:14">
      <c r="N242030" s="10"/>
    </row>
    <row r="242031" spans="14:14">
      <c r="N242031" s="10"/>
    </row>
    <row r="242032" spans="14:14">
      <c r="N242032" s="10"/>
    </row>
    <row r="242033" spans="14:14">
      <c r="N242033" s="10"/>
    </row>
    <row r="242034" spans="14:14">
      <c r="N242034" s="10"/>
    </row>
    <row r="242035" spans="14:14">
      <c r="N242035" s="10"/>
    </row>
    <row r="242036" spans="14:14">
      <c r="N242036" s="10"/>
    </row>
    <row r="242037" spans="14:14">
      <c r="N242037" s="10"/>
    </row>
    <row r="242038" spans="14:14">
      <c r="N242038" s="10"/>
    </row>
    <row r="242039" spans="14:14">
      <c r="N242039" s="10"/>
    </row>
    <row r="242040" spans="14:14">
      <c r="N242040" s="10"/>
    </row>
    <row r="242041" spans="14:14">
      <c r="N242041" s="10"/>
    </row>
    <row r="242042" spans="14:14">
      <c r="N242042" s="10"/>
    </row>
    <row r="242043" spans="14:14">
      <c r="N242043" s="10"/>
    </row>
    <row r="242044" spans="14:14">
      <c r="N242044" s="10"/>
    </row>
    <row r="242045" spans="14:14">
      <c r="N242045" s="10"/>
    </row>
    <row r="242046" spans="14:14">
      <c r="N242046" s="10"/>
    </row>
    <row r="242047" spans="14:14">
      <c r="N242047" s="10"/>
    </row>
    <row r="242048" spans="14:14">
      <c r="N242048" s="10"/>
    </row>
    <row r="242049" spans="14:14">
      <c r="N242049" s="10"/>
    </row>
    <row r="242050" spans="14:14">
      <c r="N242050" s="10"/>
    </row>
    <row r="242051" spans="14:14">
      <c r="N242051" s="10"/>
    </row>
    <row r="242052" spans="14:14">
      <c r="N242052" s="10"/>
    </row>
    <row r="242053" spans="14:14">
      <c r="N242053" s="10"/>
    </row>
    <row r="242054" spans="14:14">
      <c r="N242054" s="10"/>
    </row>
    <row r="242055" spans="14:14">
      <c r="N242055" s="10"/>
    </row>
    <row r="242056" spans="14:14">
      <c r="N242056" s="10"/>
    </row>
    <row r="242057" spans="14:14">
      <c r="N242057" s="10"/>
    </row>
    <row r="242058" spans="14:14">
      <c r="N242058" s="10"/>
    </row>
    <row r="242059" spans="14:14">
      <c r="N242059" s="10"/>
    </row>
    <row r="242060" spans="14:14">
      <c r="N242060" s="10"/>
    </row>
    <row r="242061" spans="14:14">
      <c r="N242061" s="10"/>
    </row>
    <row r="242062" spans="14:14">
      <c r="N242062" s="10"/>
    </row>
    <row r="242063" spans="14:14">
      <c r="N242063" s="10"/>
    </row>
    <row r="242064" spans="14:14">
      <c r="N242064" s="10"/>
    </row>
    <row r="242065" spans="14:14">
      <c r="N242065" s="10"/>
    </row>
    <row r="242066" spans="14:14">
      <c r="N242066" s="10"/>
    </row>
    <row r="242067" spans="14:14">
      <c r="N242067" s="10"/>
    </row>
    <row r="242068" spans="14:14">
      <c r="N242068" s="10"/>
    </row>
    <row r="242069" spans="14:14">
      <c r="N242069" s="10"/>
    </row>
    <row r="242070" spans="14:14">
      <c r="N242070" s="10"/>
    </row>
    <row r="242071" spans="14:14">
      <c r="N242071" s="10"/>
    </row>
    <row r="242072" spans="14:14">
      <c r="N242072" s="10"/>
    </row>
    <row r="242073" spans="14:14">
      <c r="N242073" s="10"/>
    </row>
    <row r="242074" spans="14:14">
      <c r="N242074" s="10"/>
    </row>
    <row r="242075" spans="14:14">
      <c r="N242075" s="10"/>
    </row>
    <row r="242076" spans="14:14">
      <c r="N242076" s="10"/>
    </row>
    <row r="242077" spans="14:14">
      <c r="N242077" s="10"/>
    </row>
    <row r="242078" spans="14:14">
      <c r="N242078" s="10"/>
    </row>
    <row r="242079" spans="14:14">
      <c r="N242079" s="10"/>
    </row>
    <row r="242080" spans="14:14">
      <c r="N242080" s="10"/>
    </row>
    <row r="242081" spans="14:14">
      <c r="N242081" s="10"/>
    </row>
    <row r="242082" spans="14:14">
      <c r="N242082" s="10"/>
    </row>
    <row r="242083" spans="14:14">
      <c r="N242083" s="10"/>
    </row>
    <row r="242084" spans="14:14">
      <c r="N242084" s="10"/>
    </row>
    <row r="242085" spans="14:14">
      <c r="N242085" s="10"/>
    </row>
    <row r="242086" spans="14:14">
      <c r="N242086" s="10"/>
    </row>
    <row r="242087" spans="14:14">
      <c r="N242087" s="10"/>
    </row>
    <row r="242088" spans="14:14">
      <c r="N242088" s="10"/>
    </row>
    <row r="242089" spans="14:14">
      <c r="N242089" s="10"/>
    </row>
    <row r="242090" spans="14:14">
      <c r="N242090" s="10"/>
    </row>
    <row r="242091" spans="14:14">
      <c r="N242091" s="10"/>
    </row>
    <row r="242092" spans="14:14">
      <c r="N242092" s="10"/>
    </row>
    <row r="242093" spans="14:14">
      <c r="N242093" s="10"/>
    </row>
    <row r="242094" spans="14:14">
      <c r="N242094" s="10"/>
    </row>
    <row r="242095" spans="14:14">
      <c r="N242095" s="10"/>
    </row>
    <row r="242096" spans="14:14">
      <c r="N242096" s="10"/>
    </row>
    <row r="242097" spans="14:14">
      <c r="N242097" s="10"/>
    </row>
    <row r="242098" spans="14:14">
      <c r="N242098" s="10"/>
    </row>
    <row r="242099" spans="14:14">
      <c r="N242099" s="10"/>
    </row>
    <row r="242100" spans="14:14">
      <c r="N242100" s="10"/>
    </row>
    <row r="242101" spans="14:14">
      <c r="N242101" s="10"/>
    </row>
    <row r="242102" spans="14:14">
      <c r="N242102" s="10"/>
    </row>
    <row r="242103" spans="14:14">
      <c r="N242103" s="10"/>
    </row>
    <row r="242104" spans="14:14">
      <c r="N242104" s="10"/>
    </row>
    <row r="242105" spans="14:14">
      <c r="N242105" s="10"/>
    </row>
    <row r="242106" spans="14:14">
      <c r="N242106" s="10"/>
    </row>
    <row r="242107" spans="14:14">
      <c r="N242107" s="10"/>
    </row>
    <row r="242108" spans="14:14">
      <c r="N242108" s="10"/>
    </row>
    <row r="242109" spans="14:14">
      <c r="N242109" s="10"/>
    </row>
    <row r="242110" spans="14:14">
      <c r="N242110" s="10"/>
    </row>
    <row r="242111" spans="14:14">
      <c r="N242111" s="10"/>
    </row>
    <row r="242112" spans="14:14">
      <c r="N242112" s="10"/>
    </row>
    <row r="242113" spans="14:14">
      <c r="N242113" s="10"/>
    </row>
    <row r="242114" spans="14:14">
      <c r="N242114" s="10"/>
    </row>
    <row r="242115" spans="14:14">
      <c r="N242115" s="10"/>
    </row>
    <row r="242116" spans="14:14">
      <c r="N242116" s="10"/>
    </row>
    <row r="242117" spans="14:14">
      <c r="N242117" s="10"/>
    </row>
    <row r="242118" spans="14:14">
      <c r="N242118" s="10"/>
    </row>
    <row r="242119" spans="14:14">
      <c r="N242119" s="10"/>
    </row>
    <row r="242120" spans="14:14">
      <c r="N242120" s="10"/>
    </row>
    <row r="242121" spans="14:14">
      <c r="N242121" s="10"/>
    </row>
    <row r="242122" spans="14:14">
      <c r="N242122" s="10"/>
    </row>
    <row r="242123" spans="14:14">
      <c r="N242123" s="10"/>
    </row>
    <row r="242124" spans="14:14">
      <c r="N242124" s="10"/>
    </row>
    <row r="242125" spans="14:14">
      <c r="N242125" s="10"/>
    </row>
    <row r="242126" spans="14:14">
      <c r="N242126" s="10"/>
    </row>
    <row r="242127" spans="14:14">
      <c r="N242127" s="10"/>
    </row>
    <row r="242128" spans="14:14">
      <c r="N242128" s="10"/>
    </row>
    <row r="242129" spans="14:14">
      <c r="N242129" s="10"/>
    </row>
    <row r="242130" spans="14:14">
      <c r="N242130" s="10"/>
    </row>
    <row r="242131" spans="14:14">
      <c r="N242131" s="10"/>
    </row>
    <row r="242132" spans="14:14">
      <c r="N242132" s="10"/>
    </row>
    <row r="242133" spans="14:14">
      <c r="N242133" s="10"/>
    </row>
    <row r="242134" spans="14:14">
      <c r="N242134" s="10"/>
    </row>
    <row r="242135" spans="14:14">
      <c r="N242135" s="10"/>
    </row>
    <row r="242136" spans="14:14">
      <c r="N242136" s="10"/>
    </row>
    <row r="242137" spans="14:14">
      <c r="N242137" s="10"/>
    </row>
    <row r="242138" spans="14:14">
      <c r="N242138" s="10"/>
    </row>
    <row r="242139" spans="14:14">
      <c r="N242139" s="10"/>
    </row>
    <row r="242140" spans="14:14">
      <c r="N242140" s="10"/>
    </row>
    <row r="242141" spans="14:14">
      <c r="N242141" s="10"/>
    </row>
    <row r="242142" spans="14:14">
      <c r="N242142" s="10"/>
    </row>
    <row r="242143" spans="14:14">
      <c r="N242143" s="10"/>
    </row>
    <row r="242144" spans="14:14">
      <c r="N242144" s="10"/>
    </row>
    <row r="242145" spans="14:14">
      <c r="N242145" s="10"/>
    </row>
    <row r="242146" spans="14:14">
      <c r="N242146" s="10"/>
    </row>
    <row r="242147" spans="14:14">
      <c r="N242147" s="10"/>
    </row>
    <row r="242148" spans="14:14">
      <c r="N242148" s="10"/>
    </row>
    <row r="242149" spans="14:14">
      <c r="N242149" s="10"/>
    </row>
    <row r="242150" spans="14:14">
      <c r="N242150" s="10"/>
    </row>
    <row r="242151" spans="14:14">
      <c r="N242151" s="10"/>
    </row>
    <row r="242152" spans="14:14">
      <c r="N242152" s="10"/>
    </row>
    <row r="242153" spans="14:14">
      <c r="N242153" s="10"/>
    </row>
    <row r="242154" spans="14:14">
      <c r="N242154" s="10"/>
    </row>
    <row r="242155" spans="14:14">
      <c r="N242155" s="10"/>
    </row>
    <row r="242156" spans="14:14">
      <c r="N242156" s="10"/>
    </row>
    <row r="242157" spans="14:14">
      <c r="N242157" s="10"/>
    </row>
    <row r="242158" spans="14:14">
      <c r="N242158" s="10"/>
    </row>
    <row r="242159" spans="14:14">
      <c r="N242159" s="10"/>
    </row>
    <row r="242160" spans="14:14">
      <c r="N242160" s="10"/>
    </row>
    <row r="242161" spans="14:14">
      <c r="N242161" s="10"/>
    </row>
    <row r="242162" spans="14:14">
      <c r="N242162" s="10"/>
    </row>
    <row r="242163" spans="14:14">
      <c r="N242163" s="10"/>
    </row>
    <row r="242164" spans="14:14">
      <c r="N242164" s="10"/>
    </row>
    <row r="242165" spans="14:14">
      <c r="N242165" s="10"/>
    </row>
    <row r="242166" spans="14:14">
      <c r="N242166" s="10"/>
    </row>
    <row r="242167" spans="14:14">
      <c r="N242167" s="10"/>
    </row>
    <row r="242168" spans="14:14">
      <c r="N242168" s="10"/>
    </row>
    <row r="242169" spans="14:14">
      <c r="N242169" s="10"/>
    </row>
    <row r="242170" spans="14:14">
      <c r="N242170" s="10"/>
    </row>
    <row r="242171" spans="14:14">
      <c r="N242171" s="10"/>
    </row>
    <row r="242172" spans="14:14">
      <c r="N242172" s="10"/>
    </row>
    <row r="242173" spans="14:14">
      <c r="N242173" s="10"/>
    </row>
    <row r="242174" spans="14:14">
      <c r="N242174" s="10"/>
    </row>
    <row r="242175" spans="14:14">
      <c r="N242175" s="10"/>
    </row>
    <row r="242176" spans="14:14">
      <c r="N242176" s="10"/>
    </row>
    <row r="242177" spans="14:14">
      <c r="N242177" s="10"/>
    </row>
    <row r="242178" spans="14:14">
      <c r="N242178" s="10"/>
    </row>
    <row r="242179" spans="14:14">
      <c r="N242179" s="10"/>
    </row>
    <row r="242180" spans="14:14">
      <c r="N242180" s="10"/>
    </row>
    <row r="242181" spans="14:14">
      <c r="N242181" s="10"/>
    </row>
    <row r="242182" spans="14:14">
      <c r="N242182" s="10"/>
    </row>
    <row r="242183" spans="14:14">
      <c r="N242183" s="10"/>
    </row>
    <row r="242184" spans="14:14">
      <c r="N242184" s="10"/>
    </row>
    <row r="242185" spans="14:14">
      <c r="N242185" s="10"/>
    </row>
    <row r="242186" spans="14:14">
      <c r="N242186" s="10"/>
    </row>
    <row r="242187" spans="14:14">
      <c r="N242187" s="10"/>
    </row>
    <row r="242188" spans="14:14">
      <c r="N242188" s="10"/>
    </row>
    <row r="242189" spans="14:14">
      <c r="N242189" s="10"/>
    </row>
    <row r="242190" spans="14:14">
      <c r="N242190" s="10"/>
    </row>
    <row r="242191" spans="14:14">
      <c r="N242191" s="10"/>
    </row>
    <row r="242192" spans="14:14">
      <c r="N242192" s="10"/>
    </row>
    <row r="242193" spans="14:14">
      <c r="N242193" s="10"/>
    </row>
    <row r="242194" spans="14:14">
      <c r="N242194" s="10"/>
    </row>
    <row r="242195" spans="14:14">
      <c r="N242195" s="10"/>
    </row>
    <row r="242196" spans="14:14">
      <c r="N242196" s="10"/>
    </row>
    <row r="242197" spans="14:14">
      <c r="N242197" s="10"/>
    </row>
    <row r="242198" spans="14:14">
      <c r="N242198" s="10"/>
    </row>
    <row r="242199" spans="14:14">
      <c r="N242199" s="10"/>
    </row>
    <row r="242200" spans="14:14">
      <c r="N242200" s="10"/>
    </row>
    <row r="242201" spans="14:14">
      <c r="N242201" s="10"/>
    </row>
    <row r="242202" spans="14:14">
      <c r="N242202" s="10"/>
    </row>
    <row r="242203" spans="14:14">
      <c r="N242203" s="10"/>
    </row>
    <row r="242204" spans="14:14">
      <c r="N242204" s="10"/>
    </row>
    <row r="242205" spans="14:14">
      <c r="N242205" s="10"/>
    </row>
    <row r="242206" spans="14:14">
      <c r="N242206" s="10"/>
    </row>
    <row r="242207" spans="14:14">
      <c r="N242207" s="10"/>
    </row>
    <row r="242208" spans="14:14">
      <c r="N242208" s="10"/>
    </row>
    <row r="242209" spans="14:14">
      <c r="N242209" s="10"/>
    </row>
    <row r="242210" spans="14:14">
      <c r="N242210" s="10"/>
    </row>
    <row r="242211" spans="14:14">
      <c r="N242211" s="10"/>
    </row>
    <row r="242212" spans="14:14">
      <c r="N242212" s="10"/>
    </row>
    <row r="242213" spans="14:14">
      <c r="N242213" s="10"/>
    </row>
    <row r="242214" spans="14:14">
      <c r="N242214" s="10"/>
    </row>
    <row r="242215" spans="14:14">
      <c r="N242215" s="10"/>
    </row>
    <row r="242216" spans="14:14">
      <c r="N242216" s="10"/>
    </row>
    <row r="242217" spans="14:14">
      <c r="N242217" s="10"/>
    </row>
    <row r="242218" spans="14:14">
      <c r="N242218" s="10"/>
    </row>
    <row r="242219" spans="14:14">
      <c r="N242219" s="10"/>
    </row>
    <row r="242220" spans="14:14">
      <c r="N242220" s="10"/>
    </row>
    <row r="242221" spans="14:14">
      <c r="N242221" s="10"/>
    </row>
    <row r="242222" spans="14:14">
      <c r="N242222" s="10"/>
    </row>
    <row r="242223" spans="14:14">
      <c r="N242223" s="10"/>
    </row>
    <row r="242224" spans="14:14">
      <c r="N242224" s="10"/>
    </row>
    <row r="242225" spans="14:14">
      <c r="N242225" s="10"/>
    </row>
    <row r="242226" spans="14:14">
      <c r="N242226" s="10"/>
    </row>
    <row r="242227" spans="14:14">
      <c r="N242227" s="10"/>
    </row>
    <row r="242228" spans="14:14">
      <c r="N242228" s="10"/>
    </row>
    <row r="242229" spans="14:14">
      <c r="N242229" s="10"/>
    </row>
    <row r="242230" spans="14:14">
      <c r="N242230" s="10"/>
    </row>
    <row r="242231" spans="14:14">
      <c r="N242231" s="10"/>
    </row>
    <row r="242232" spans="14:14">
      <c r="N242232" s="10"/>
    </row>
    <row r="242233" spans="14:14">
      <c r="N242233" s="10"/>
    </row>
    <row r="242234" spans="14:14">
      <c r="N242234" s="10"/>
    </row>
    <row r="242235" spans="14:14">
      <c r="N242235" s="10"/>
    </row>
    <row r="242236" spans="14:14">
      <c r="N242236" s="10"/>
    </row>
    <row r="242237" spans="14:14">
      <c r="N242237" s="10"/>
    </row>
    <row r="242238" spans="14:14">
      <c r="N242238" s="10"/>
    </row>
    <row r="242239" spans="14:14">
      <c r="N242239" s="10"/>
    </row>
    <row r="242240" spans="14:14">
      <c r="N242240" s="10"/>
    </row>
    <row r="242241" spans="14:14">
      <c r="N242241" s="10"/>
    </row>
    <row r="242242" spans="14:14">
      <c r="N242242" s="10"/>
    </row>
    <row r="242243" spans="14:14">
      <c r="N242243" s="10"/>
    </row>
    <row r="242244" spans="14:14">
      <c r="N242244" s="10"/>
    </row>
    <row r="242245" spans="14:14">
      <c r="N242245" s="10"/>
    </row>
    <row r="242246" spans="14:14">
      <c r="N242246" s="10"/>
    </row>
    <row r="242247" spans="14:14">
      <c r="N242247" s="10"/>
    </row>
    <row r="242248" spans="14:14">
      <c r="N242248" s="10"/>
    </row>
    <row r="242249" spans="14:14">
      <c r="N242249" s="10"/>
    </row>
    <row r="242250" spans="14:14">
      <c r="N242250" s="10"/>
    </row>
    <row r="242251" spans="14:14">
      <c r="N242251" s="10"/>
    </row>
    <row r="242252" spans="14:14">
      <c r="N242252" s="10"/>
    </row>
    <row r="242253" spans="14:14">
      <c r="N242253" s="10"/>
    </row>
    <row r="242254" spans="14:14">
      <c r="N242254" s="10"/>
    </row>
    <row r="242255" spans="14:14">
      <c r="N242255" s="10"/>
    </row>
    <row r="242256" spans="14:14">
      <c r="N242256" s="10"/>
    </row>
    <row r="242257" spans="14:14">
      <c r="N242257" s="10"/>
    </row>
    <row r="242258" spans="14:14">
      <c r="N242258" s="10"/>
    </row>
    <row r="242259" spans="14:14">
      <c r="N242259" s="10"/>
    </row>
    <row r="242260" spans="14:14">
      <c r="N242260" s="10"/>
    </row>
    <row r="242261" spans="14:14">
      <c r="N242261" s="10"/>
    </row>
    <row r="242262" spans="14:14">
      <c r="N242262" s="10"/>
    </row>
    <row r="242263" spans="14:14">
      <c r="N242263" s="10"/>
    </row>
    <row r="242264" spans="14:14">
      <c r="N242264" s="10"/>
    </row>
    <row r="242265" spans="14:14">
      <c r="N242265" s="10"/>
    </row>
    <row r="242266" spans="14:14">
      <c r="N242266" s="10"/>
    </row>
    <row r="242267" spans="14:14">
      <c r="N242267" s="10"/>
    </row>
    <row r="242268" spans="14:14">
      <c r="N242268" s="10"/>
    </row>
    <row r="242269" spans="14:14">
      <c r="N242269" s="10"/>
    </row>
    <row r="242270" spans="14:14">
      <c r="N242270" s="10"/>
    </row>
    <row r="242271" spans="14:14">
      <c r="N242271" s="10"/>
    </row>
    <row r="242272" spans="14:14">
      <c r="N242272" s="10"/>
    </row>
    <row r="242273" spans="14:14">
      <c r="N242273" s="10"/>
    </row>
    <row r="242274" spans="14:14">
      <c r="N242274" s="10"/>
    </row>
    <row r="242275" spans="14:14">
      <c r="N242275" s="10"/>
    </row>
    <row r="242276" spans="14:14">
      <c r="N242276" s="10"/>
    </row>
    <row r="242277" spans="14:14">
      <c r="N242277" s="10"/>
    </row>
    <row r="242278" spans="14:14">
      <c r="N242278" s="10"/>
    </row>
    <row r="242279" spans="14:14">
      <c r="N242279" s="10"/>
    </row>
    <row r="242280" spans="14:14">
      <c r="N242280" s="10"/>
    </row>
    <row r="242281" spans="14:14">
      <c r="N242281" s="10"/>
    </row>
    <row r="242282" spans="14:14">
      <c r="N242282" s="10"/>
    </row>
    <row r="242283" spans="14:14">
      <c r="N242283" s="10"/>
    </row>
    <row r="242284" spans="14:14">
      <c r="N242284" s="10"/>
    </row>
    <row r="242285" spans="14:14">
      <c r="N242285" s="10"/>
    </row>
    <row r="242286" spans="14:14">
      <c r="N242286" s="10"/>
    </row>
    <row r="242287" spans="14:14">
      <c r="N242287" s="10"/>
    </row>
    <row r="242288" spans="14:14">
      <c r="N242288" s="10"/>
    </row>
    <row r="242289" spans="14:14">
      <c r="N242289" s="10"/>
    </row>
    <row r="242290" spans="14:14">
      <c r="N242290" s="10"/>
    </row>
    <row r="242291" spans="14:14">
      <c r="N242291" s="10"/>
    </row>
    <row r="242292" spans="14:14">
      <c r="N242292" s="10"/>
    </row>
    <row r="242293" spans="14:14">
      <c r="N242293" s="10"/>
    </row>
    <row r="242294" spans="14:14">
      <c r="N242294" s="10"/>
    </row>
    <row r="242295" spans="14:14">
      <c r="N242295" s="10"/>
    </row>
    <row r="242296" spans="14:14">
      <c r="N242296" s="10"/>
    </row>
    <row r="242297" spans="14:14">
      <c r="N242297" s="10"/>
    </row>
    <row r="242298" spans="14:14">
      <c r="N242298" s="10"/>
    </row>
    <row r="242299" spans="14:14">
      <c r="N242299" s="10"/>
    </row>
    <row r="242300" spans="14:14">
      <c r="N242300" s="10"/>
    </row>
    <row r="242301" spans="14:14">
      <c r="N242301" s="10"/>
    </row>
    <row r="242302" spans="14:14">
      <c r="N242302" s="10"/>
    </row>
    <row r="242303" spans="14:14">
      <c r="N242303" s="10"/>
    </row>
    <row r="242304" spans="14:14">
      <c r="N242304" s="10"/>
    </row>
    <row r="242305" spans="14:14">
      <c r="N242305" s="10"/>
    </row>
    <row r="242306" spans="14:14">
      <c r="N242306" s="10"/>
    </row>
    <row r="242307" spans="14:14">
      <c r="N242307" s="10"/>
    </row>
    <row r="242308" spans="14:14">
      <c r="N242308" s="10"/>
    </row>
    <row r="242309" spans="14:14">
      <c r="N242309" s="10"/>
    </row>
    <row r="242310" spans="14:14">
      <c r="N242310" s="10"/>
    </row>
    <row r="242311" spans="14:14">
      <c r="N242311" s="10"/>
    </row>
    <row r="242312" spans="14:14">
      <c r="N242312" s="10"/>
    </row>
    <row r="242313" spans="14:14">
      <c r="N242313" s="10"/>
    </row>
    <row r="242314" spans="14:14">
      <c r="N242314" s="10"/>
    </row>
    <row r="242315" spans="14:14">
      <c r="N242315" s="10"/>
    </row>
    <row r="242316" spans="14:14">
      <c r="N242316" s="10"/>
    </row>
    <row r="242317" spans="14:14">
      <c r="N242317" s="10"/>
    </row>
    <row r="242318" spans="14:14">
      <c r="N242318" s="10"/>
    </row>
    <row r="242319" spans="14:14">
      <c r="N242319" s="10"/>
    </row>
    <row r="242320" spans="14:14">
      <c r="N242320" s="10"/>
    </row>
    <row r="242321" spans="14:14">
      <c r="N242321" s="10"/>
    </row>
    <row r="242322" spans="14:14">
      <c r="N242322" s="10"/>
    </row>
    <row r="242323" spans="14:14">
      <c r="N242323" s="10"/>
    </row>
    <row r="242324" spans="14:14">
      <c r="N242324" s="10"/>
    </row>
    <row r="242325" spans="14:14">
      <c r="N242325" s="10"/>
    </row>
    <row r="242326" spans="14:14">
      <c r="N242326" s="10"/>
    </row>
    <row r="242327" spans="14:14">
      <c r="N242327" s="10"/>
    </row>
    <row r="242328" spans="14:14">
      <c r="N242328" s="10"/>
    </row>
    <row r="242329" spans="14:14">
      <c r="N242329" s="10"/>
    </row>
    <row r="242330" spans="14:14">
      <c r="N242330" s="10"/>
    </row>
    <row r="242331" spans="14:14">
      <c r="N242331" s="10"/>
    </row>
    <row r="242332" spans="14:14">
      <c r="N242332" s="10"/>
    </row>
    <row r="242333" spans="14:14">
      <c r="N242333" s="10"/>
    </row>
    <row r="242334" spans="14:14">
      <c r="N242334" s="10"/>
    </row>
    <row r="242335" spans="14:14">
      <c r="N242335" s="10"/>
    </row>
    <row r="242336" spans="14:14">
      <c r="N242336" s="10"/>
    </row>
    <row r="242337" spans="14:14">
      <c r="N242337" s="10"/>
    </row>
    <row r="242338" spans="14:14">
      <c r="N242338" s="10"/>
    </row>
    <row r="242339" spans="14:14">
      <c r="N242339" s="10"/>
    </row>
    <row r="242340" spans="14:14">
      <c r="N242340" s="10"/>
    </row>
    <row r="242341" spans="14:14">
      <c r="N242341" s="10"/>
    </row>
    <row r="242342" spans="14:14">
      <c r="N242342" s="10"/>
    </row>
    <row r="242343" spans="14:14">
      <c r="N242343" s="10"/>
    </row>
    <row r="242344" spans="14:14">
      <c r="N242344" s="10"/>
    </row>
    <row r="242345" spans="14:14">
      <c r="N242345" s="10"/>
    </row>
    <row r="242346" spans="14:14">
      <c r="N242346" s="10"/>
    </row>
    <row r="242347" spans="14:14">
      <c r="N242347" s="10"/>
    </row>
    <row r="242348" spans="14:14">
      <c r="N242348" s="10"/>
    </row>
    <row r="242349" spans="14:14">
      <c r="N242349" s="10"/>
    </row>
    <row r="242350" spans="14:14">
      <c r="N242350" s="10"/>
    </row>
    <row r="242351" spans="14:14">
      <c r="N242351" s="10"/>
    </row>
    <row r="242352" spans="14:14">
      <c r="N242352" s="10"/>
    </row>
    <row r="242353" spans="14:14">
      <c r="N242353" s="10"/>
    </row>
    <row r="242354" spans="14:14">
      <c r="N242354" s="10"/>
    </row>
    <row r="242355" spans="14:14">
      <c r="N242355" s="10"/>
    </row>
    <row r="242356" spans="14:14">
      <c r="N242356" s="10"/>
    </row>
    <row r="242357" spans="14:14">
      <c r="N242357" s="10"/>
    </row>
    <row r="242358" spans="14:14">
      <c r="N242358" s="10"/>
    </row>
    <row r="242359" spans="14:14">
      <c r="N242359" s="10"/>
    </row>
    <row r="242360" spans="14:14">
      <c r="N242360" s="10"/>
    </row>
    <row r="242361" spans="14:14">
      <c r="N242361" s="10"/>
    </row>
    <row r="242362" spans="14:14">
      <c r="N242362" s="10"/>
    </row>
    <row r="242363" spans="14:14">
      <c r="N242363" s="10"/>
    </row>
    <row r="242364" spans="14:14">
      <c r="N242364" s="10"/>
    </row>
    <row r="242365" spans="14:14">
      <c r="N242365" s="10"/>
    </row>
    <row r="242366" spans="14:14">
      <c r="N242366" s="10"/>
    </row>
    <row r="242367" spans="14:14">
      <c r="N242367" s="10"/>
    </row>
    <row r="242368" spans="14:14">
      <c r="N242368" s="10"/>
    </row>
    <row r="242369" spans="14:14">
      <c r="N242369" s="10"/>
    </row>
    <row r="242370" spans="14:14">
      <c r="N242370" s="10"/>
    </row>
    <row r="242371" spans="14:14">
      <c r="N242371" s="10"/>
    </row>
    <row r="242372" spans="14:14">
      <c r="N242372" s="10"/>
    </row>
    <row r="242373" spans="14:14">
      <c r="N242373" s="10"/>
    </row>
    <row r="242374" spans="14:14">
      <c r="N242374" s="10"/>
    </row>
    <row r="242375" spans="14:14">
      <c r="N242375" s="10"/>
    </row>
    <row r="242376" spans="14:14">
      <c r="N242376" s="10"/>
    </row>
    <row r="242377" spans="14:14">
      <c r="N242377" s="10"/>
    </row>
    <row r="242378" spans="14:14">
      <c r="N242378" s="10"/>
    </row>
    <row r="242379" spans="14:14">
      <c r="N242379" s="10"/>
    </row>
    <row r="242380" spans="14:14">
      <c r="N242380" s="10"/>
    </row>
    <row r="242381" spans="14:14">
      <c r="N242381" s="10"/>
    </row>
    <row r="242382" spans="14:14">
      <c r="N242382" s="10"/>
    </row>
    <row r="242383" spans="14:14">
      <c r="N242383" s="10"/>
    </row>
    <row r="242384" spans="14:14">
      <c r="N242384" s="10"/>
    </row>
    <row r="242385" spans="14:14">
      <c r="N242385" s="10"/>
    </row>
    <row r="242386" spans="14:14">
      <c r="N242386" s="10"/>
    </row>
    <row r="242387" spans="14:14">
      <c r="N242387" s="10"/>
    </row>
    <row r="242388" spans="14:14">
      <c r="N242388" s="10"/>
    </row>
    <row r="242389" spans="14:14">
      <c r="N242389" s="10"/>
    </row>
    <row r="242390" spans="14:14">
      <c r="N242390" s="10"/>
    </row>
    <row r="242391" spans="14:14">
      <c r="N242391" s="10"/>
    </row>
    <row r="242392" spans="14:14">
      <c r="N242392" s="10"/>
    </row>
    <row r="242393" spans="14:14">
      <c r="N242393" s="10"/>
    </row>
    <row r="242394" spans="14:14">
      <c r="N242394" s="10"/>
    </row>
    <row r="242395" spans="14:14">
      <c r="N242395" s="10"/>
    </row>
    <row r="242396" spans="14:14">
      <c r="N242396" s="10"/>
    </row>
    <row r="242397" spans="14:14">
      <c r="N242397" s="10"/>
    </row>
    <row r="242398" spans="14:14">
      <c r="N242398" s="10"/>
    </row>
    <row r="242399" spans="14:14">
      <c r="N242399" s="10"/>
    </row>
    <row r="242400" spans="14:14">
      <c r="N242400" s="10"/>
    </row>
    <row r="242401" spans="14:14">
      <c r="N242401" s="10"/>
    </row>
    <row r="242402" spans="14:14">
      <c r="N242402" s="10"/>
    </row>
    <row r="242403" spans="14:14">
      <c r="N242403" s="10"/>
    </row>
    <row r="242404" spans="14:14">
      <c r="N242404" s="10"/>
    </row>
    <row r="242405" spans="14:14">
      <c r="N242405" s="10"/>
    </row>
    <row r="242406" spans="14:14">
      <c r="N242406" s="10"/>
    </row>
    <row r="242407" spans="14:14">
      <c r="N242407" s="10"/>
    </row>
    <row r="242408" spans="14:14">
      <c r="N242408" s="10"/>
    </row>
    <row r="242409" spans="14:14">
      <c r="N242409" s="10"/>
    </row>
    <row r="242410" spans="14:14">
      <c r="N242410" s="10"/>
    </row>
    <row r="242411" spans="14:14">
      <c r="N242411" s="10"/>
    </row>
    <row r="242412" spans="14:14">
      <c r="N242412" s="10"/>
    </row>
    <row r="242413" spans="14:14">
      <c r="N242413" s="10"/>
    </row>
    <row r="242414" spans="14:14">
      <c r="N242414" s="10"/>
    </row>
    <row r="242415" spans="14:14">
      <c r="N242415" s="10"/>
    </row>
    <row r="242416" spans="14:14">
      <c r="N242416" s="10"/>
    </row>
    <row r="242417" spans="14:14">
      <c r="N242417" s="10"/>
    </row>
    <row r="242418" spans="14:14">
      <c r="N242418" s="10"/>
    </row>
    <row r="242419" spans="14:14">
      <c r="N242419" s="10"/>
    </row>
    <row r="242420" spans="14:14">
      <c r="N242420" s="10"/>
    </row>
    <row r="242421" spans="14:14">
      <c r="N242421" s="10"/>
    </row>
    <row r="242422" spans="14:14">
      <c r="N242422" s="10"/>
    </row>
    <row r="242423" spans="14:14">
      <c r="N242423" s="10"/>
    </row>
    <row r="242424" spans="14:14">
      <c r="N242424" s="10"/>
    </row>
    <row r="242425" spans="14:14">
      <c r="N242425" s="10"/>
    </row>
    <row r="242426" spans="14:14">
      <c r="N242426" s="10"/>
    </row>
    <row r="242427" spans="14:14">
      <c r="N242427" s="10"/>
    </row>
    <row r="242428" spans="14:14">
      <c r="N242428" s="10"/>
    </row>
    <row r="242429" spans="14:14">
      <c r="N242429" s="10"/>
    </row>
    <row r="242430" spans="14:14">
      <c r="N242430" s="10"/>
    </row>
    <row r="242431" spans="14:14">
      <c r="N242431" s="10"/>
    </row>
    <row r="242432" spans="14:14">
      <c r="N242432" s="10"/>
    </row>
    <row r="242433" spans="14:14">
      <c r="N242433" s="10"/>
    </row>
    <row r="242434" spans="14:14">
      <c r="N242434" s="10"/>
    </row>
    <row r="242435" spans="14:14">
      <c r="N242435" s="10"/>
    </row>
    <row r="242436" spans="14:14">
      <c r="N242436" s="10"/>
    </row>
    <row r="242437" spans="14:14">
      <c r="N242437" s="10"/>
    </row>
    <row r="242438" spans="14:14">
      <c r="N242438" s="10"/>
    </row>
    <row r="242439" spans="14:14">
      <c r="N242439" s="10"/>
    </row>
    <row r="242440" spans="14:14">
      <c r="N242440" s="10"/>
    </row>
    <row r="242441" spans="14:14">
      <c r="N242441" s="10"/>
    </row>
    <row r="242442" spans="14:14">
      <c r="N242442" s="10"/>
    </row>
    <row r="242443" spans="14:14">
      <c r="N242443" s="10"/>
    </row>
    <row r="242444" spans="14:14">
      <c r="N242444" s="10"/>
    </row>
    <row r="242445" spans="14:14">
      <c r="N242445" s="10"/>
    </row>
    <row r="242446" spans="14:14">
      <c r="N242446" s="10"/>
    </row>
    <row r="242447" spans="14:14">
      <c r="N242447" s="10"/>
    </row>
    <row r="242448" spans="14:14">
      <c r="N242448" s="10"/>
    </row>
    <row r="242449" spans="14:14">
      <c r="N242449" s="10"/>
    </row>
    <row r="242450" spans="14:14">
      <c r="N242450" s="10"/>
    </row>
    <row r="242451" spans="14:14">
      <c r="N242451" s="10"/>
    </row>
    <row r="242452" spans="14:14">
      <c r="N242452" s="10"/>
    </row>
    <row r="242453" spans="14:14">
      <c r="N242453" s="10"/>
    </row>
    <row r="242454" spans="14:14">
      <c r="N242454" s="10"/>
    </row>
    <row r="242455" spans="14:14">
      <c r="N242455" s="10"/>
    </row>
    <row r="242456" spans="14:14">
      <c r="N242456" s="10"/>
    </row>
    <row r="242457" spans="14:14">
      <c r="N242457" s="10"/>
    </row>
    <row r="242458" spans="14:14">
      <c r="N242458" s="10"/>
    </row>
    <row r="242459" spans="14:14">
      <c r="N242459" s="10"/>
    </row>
    <row r="242460" spans="14:14">
      <c r="N242460" s="10"/>
    </row>
    <row r="242461" spans="14:14">
      <c r="N242461" s="10"/>
    </row>
    <row r="242462" spans="14:14">
      <c r="N242462" s="10"/>
    </row>
    <row r="242463" spans="14:14">
      <c r="N242463" s="10"/>
    </row>
    <row r="242464" spans="14:14">
      <c r="N242464" s="10"/>
    </row>
    <row r="242465" spans="14:14">
      <c r="N242465" s="10"/>
    </row>
    <row r="242466" spans="14:14">
      <c r="N242466" s="10"/>
    </row>
    <row r="242467" spans="14:14">
      <c r="N242467" s="10"/>
    </row>
    <row r="242468" spans="14:14">
      <c r="N242468" s="10"/>
    </row>
    <row r="242469" spans="14:14">
      <c r="N242469" s="10"/>
    </row>
    <row r="242470" spans="14:14">
      <c r="N242470" s="10"/>
    </row>
    <row r="242471" spans="14:14">
      <c r="N242471" s="10"/>
    </row>
    <row r="242472" spans="14:14">
      <c r="N242472" s="10"/>
    </row>
    <row r="242473" spans="14:14">
      <c r="N242473" s="10"/>
    </row>
    <row r="242474" spans="14:14">
      <c r="N242474" s="10"/>
    </row>
    <row r="242475" spans="14:14">
      <c r="N242475" s="10"/>
    </row>
    <row r="242476" spans="14:14">
      <c r="N242476" s="10"/>
    </row>
    <row r="242477" spans="14:14">
      <c r="N242477" s="10"/>
    </row>
    <row r="242478" spans="14:14">
      <c r="N242478" s="10"/>
    </row>
    <row r="242479" spans="14:14">
      <c r="N242479" s="10"/>
    </row>
    <row r="242480" spans="14:14">
      <c r="N242480" s="10"/>
    </row>
    <row r="242481" spans="14:14">
      <c r="N242481" s="10"/>
    </row>
    <row r="242482" spans="14:14">
      <c r="N242482" s="10"/>
    </row>
    <row r="242483" spans="14:14">
      <c r="N242483" s="10"/>
    </row>
    <row r="242484" spans="14:14">
      <c r="N242484" s="10"/>
    </row>
    <row r="242485" spans="14:14">
      <c r="N242485" s="10"/>
    </row>
    <row r="242486" spans="14:14">
      <c r="N242486" s="10"/>
    </row>
    <row r="242487" spans="14:14">
      <c r="N242487" s="10"/>
    </row>
    <row r="242488" spans="14:14">
      <c r="N242488" s="10"/>
    </row>
    <row r="242489" spans="14:14">
      <c r="N242489" s="10"/>
    </row>
    <row r="242490" spans="14:14">
      <c r="N242490" s="10"/>
    </row>
    <row r="242491" spans="14:14">
      <c r="N242491" s="10"/>
    </row>
    <row r="242492" spans="14:14">
      <c r="N242492" s="10"/>
    </row>
    <row r="242493" spans="14:14">
      <c r="N242493" s="10"/>
    </row>
    <row r="242494" spans="14:14">
      <c r="N242494" s="10"/>
    </row>
    <row r="242495" spans="14:14">
      <c r="N242495" s="10"/>
    </row>
    <row r="242496" spans="14:14">
      <c r="N242496" s="10"/>
    </row>
    <row r="242497" spans="14:14">
      <c r="N242497" s="10"/>
    </row>
    <row r="242498" spans="14:14">
      <c r="N242498" s="10"/>
    </row>
    <row r="242499" spans="14:14">
      <c r="N242499" s="10"/>
    </row>
    <row r="242500" spans="14:14">
      <c r="N242500" s="10"/>
    </row>
    <row r="242501" spans="14:14">
      <c r="N242501" s="10"/>
    </row>
    <row r="242502" spans="14:14">
      <c r="N242502" s="10"/>
    </row>
    <row r="242503" spans="14:14">
      <c r="N242503" s="10"/>
    </row>
    <row r="242504" spans="14:14">
      <c r="N242504" s="10"/>
    </row>
    <row r="242505" spans="14:14">
      <c r="N242505" s="10"/>
    </row>
    <row r="242506" spans="14:14">
      <c r="N242506" s="10"/>
    </row>
    <row r="242507" spans="14:14">
      <c r="N242507" s="10"/>
    </row>
    <row r="242508" spans="14:14">
      <c r="N242508" s="10"/>
    </row>
    <row r="242509" spans="14:14">
      <c r="N242509" s="10"/>
    </row>
    <row r="242510" spans="14:14">
      <c r="N242510" s="10"/>
    </row>
    <row r="242511" spans="14:14">
      <c r="N242511" s="10"/>
    </row>
    <row r="242512" spans="14:14">
      <c r="N242512" s="10"/>
    </row>
    <row r="242513" spans="14:14">
      <c r="N242513" s="10"/>
    </row>
    <row r="242514" spans="14:14">
      <c r="N242514" s="10"/>
    </row>
    <row r="242515" spans="14:14">
      <c r="N242515" s="10"/>
    </row>
    <row r="242516" spans="14:14">
      <c r="N242516" s="10"/>
    </row>
    <row r="242517" spans="14:14">
      <c r="N242517" s="10"/>
    </row>
    <row r="242518" spans="14:14">
      <c r="N242518" s="10"/>
    </row>
    <row r="242519" spans="14:14">
      <c r="N242519" s="10"/>
    </row>
    <row r="242520" spans="14:14">
      <c r="N242520" s="10"/>
    </row>
    <row r="242521" spans="14:14">
      <c r="N242521" s="10"/>
    </row>
    <row r="242522" spans="14:14">
      <c r="N242522" s="10"/>
    </row>
    <row r="242523" spans="14:14">
      <c r="N242523" s="10"/>
    </row>
    <row r="242524" spans="14:14">
      <c r="N242524" s="10"/>
    </row>
    <row r="242525" spans="14:14">
      <c r="N242525" s="10"/>
    </row>
    <row r="242526" spans="14:14">
      <c r="N242526" s="10"/>
    </row>
    <row r="242527" spans="14:14">
      <c r="N242527" s="10"/>
    </row>
    <row r="242528" spans="14:14">
      <c r="N242528" s="10"/>
    </row>
    <row r="242529" spans="14:14">
      <c r="N242529" s="10"/>
    </row>
    <row r="242530" spans="14:14">
      <c r="N242530" s="10"/>
    </row>
    <row r="242531" spans="14:14">
      <c r="N242531" s="10"/>
    </row>
    <row r="242532" spans="14:14">
      <c r="N242532" s="10"/>
    </row>
    <row r="242533" spans="14:14">
      <c r="N242533" s="10"/>
    </row>
    <row r="242534" spans="14:14">
      <c r="N242534" s="10"/>
    </row>
    <row r="242535" spans="14:14">
      <c r="N242535" s="10"/>
    </row>
    <row r="242536" spans="14:14">
      <c r="N242536" s="10"/>
    </row>
    <row r="242537" spans="14:14">
      <c r="N242537" s="10"/>
    </row>
    <row r="242538" spans="14:14">
      <c r="N242538" s="10"/>
    </row>
    <row r="242539" spans="14:14">
      <c r="N242539" s="10"/>
    </row>
    <row r="242540" spans="14:14">
      <c r="N242540" s="10"/>
    </row>
    <row r="242541" spans="14:14">
      <c r="N242541" s="10"/>
    </row>
    <row r="242542" spans="14:14">
      <c r="N242542" s="10"/>
    </row>
    <row r="242543" spans="14:14">
      <c r="N242543" s="10"/>
    </row>
    <row r="242544" spans="14:14">
      <c r="N242544" s="10"/>
    </row>
    <row r="242545" spans="14:14">
      <c r="N242545" s="10"/>
    </row>
    <row r="242546" spans="14:14">
      <c r="N242546" s="10"/>
    </row>
    <row r="242547" spans="14:14">
      <c r="N242547" s="10"/>
    </row>
    <row r="242548" spans="14:14">
      <c r="N242548" s="10"/>
    </row>
    <row r="242549" spans="14:14">
      <c r="N242549" s="10"/>
    </row>
    <row r="242550" spans="14:14">
      <c r="N242550" s="10"/>
    </row>
    <row r="242551" spans="14:14">
      <c r="N242551" s="10"/>
    </row>
    <row r="242552" spans="14:14">
      <c r="N242552" s="10"/>
    </row>
    <row r="242553" spans="14:14">
      <c r="N242553" s="10"/>
    </row>
    <row r="242554" spans="14:14">
      <c r="N242554" s="10"/>
    </row>
    <row r="242555" spans="14:14">
      <c r="N242555" s="10"/>
    </row>
    <row r="242556" spans="14:14">
      <c r="N242556" s="10"/>
    </row>
    <row r="242557" spans="14:14">
      <c r="N242557" s="10"/>
    </row>
    <row r="242558" spans="14:14">
      <c r="N242558" s="10"/>
    </row>
    <row r="242559" spans="14:14">
      <c r="N242559" s="10"/>
    </row>
    <row r="242560" spans="14:14">
      <c r="N242560" s="10"/>
    </row>
    <row r="242561" spans="14:14">
      <c r="N242561" s="10"/>
    </row>
    <row r="242562" spans="14:14">
      <c r="N242562" s="10"/>
    </row>
    <row r="242563" spans="14:14">
      <c r="N242563" s="10"/>
    </row>
    <row r="242564" spans="14:14">
      <c r="N242564" s="10"/>
    </row>
    <row r="242565" spans="14:14">
      <c r="N242565" s="10"/>
    </row>
    <row r="242566" spans="14:14">
      <c r="N242566" s="10"/>
    </row>
    <row r="242567" spans="14:14">
      <c r="N242567" s="10"/>
    </row>
    <row r="242568" spans="14:14">
      <c r="N242568" s="10"/>
    </row>
    <row r="242569" spans="14:14">
      <c r="N242569" s="10"/>
    </row>
    <row r="242570" spans="14:14">
      <c r="N242570" s="10"/>
    </row>
    <row r="242571" spans="14:14">
      <c r="N242571" s="10"/>
    </row>
    <row r="242572" spans="14:14">
      <c r="N242572" s="10"/>
    </row>
    <row r="242573" spans="14:14">
      <c r="N242573" s="10"/>
    </row>
    <row r="242574" spans="14:14">
      <c r="N242574" s="10"/>
    </row>
    <row r="242575" spans="14:14">
      <c r="N242575" s="10"/>
    </row>
    <row r="242576" spans="14:14">
      <c r="N242576" s="10"/>
    </row>
    <row r="242577" spans="14:14">
      <c r="N242577" s="10"/>
    </row>
    <row r="242578" spans="14:14">
      <c r="N242578" s="10"/>
    </row>
    <row r="242579" spans="14:14">
      <c r="N242579" s="10"/>
    </row>
    <row r="242580" spans="14:14">
      <c r="N242580" s="10"/>
    </row>
    <row r="242581" spans="14:14">
      <c r="N242581" s="10"/>
    </row>
    <row r="242582" spans="14:14">
      <c r="N242582" s="10"/>
    </row>
    <row r="242583" spans="14:14">
      <c r="N242583" s="10"/>
    </row>
    <row r="242584" spans="14:14">
      <c r="N242584" s="10"/>
    </row>
    <row r="242585" spans="14:14">
      <c r="N242585" s="10"/>
    </row>
    <row r="242586" spans="14:14">
      <c r="N242586" s="10"/>
    </row>
    <row r="242587" spans="14:14">
      <c r="N242587" s="10"/>
    </row>
    <row r="242588" spans="14:14">
      <c r="N242588" s="10"/>
    </row>
    <row r="242589" spans="14:14">
      <c r="N242589" s="10"/>
    </row>
    <row r="242590" spans="14:14">
      <c r="N242590" s="10"/>
    </row>
    <row r="242591" spans="14:14">
      <c r="N242591" s="10"/>
    </row>
    <row r="242592" spans="14:14">
      <c r="N242592" s="10"/>
    </row>
    <row r="242593" spans="14:14">
      <c r="N242593" s="10"/>
    </row>
    <row r="242594" spans="14:14">
      <c r="N242594" s="10"/>
    </row>
    <row r="242595" spans="14:14">
      <c r="N242595" s="10"/>
    </row>
    <row r="242596" spans="14:14">
      <c r="N242596" s="10"/>
    </row>
    <row r="242597" spans="14:14">
      <c r="N242597" s="10"/>
    </row>
    <row r="242598" spans="14:14">
      <c r="N242598" s="10"/>
    </row>
    <row r="242599" spans="14:14">
      <c r="N242599" s="10"/>
    </row>
    <row r="242600" spans="14:14">
      <c r="N242600" s="10"/>
    </row>
    <row r="242601" spans="14:14">
      <c r="N242601" s="10"/>
    </row>
    <row r="242602" spans="14:14">
      <c r="N242602" s="10"/>
    </row>
    <row r="242603" spans="14:14">
      <c r="N242603" s="10"/>
    </row>
    <row r="242604" spans="14:14">
      <c r="N242604" s="10"/>
    </row>
    <row r="242605" spans="14:14">
      <c r="N242605" s="10"/>
    </row>
    <row r="242606" spans="14:14">
      <c r="N242606" s="10"/>
    </row>
    <row r="242607" spans="14:14">
      <c r="N242607" s="10"/>
    </row>
    <row r="242608" spans="14:14">
      <c r="N242608" s="10"/>
    </row>
    <row r="242609" spans="14:14">
      <c r="N242609" s="10"/>
    </row>
    <row r="242610" spans="14:14">
      <c r="N242610" s="10"/>
    </row>
    <row r="242611" spans="14:14">
      <c r="N242611" s="10"/>
    </row>
    <row r="242612" spans="14:14">
      <c r="N242612" s="10"/>
    </row>
    <row r="242613" spans="14:14">
      <c r="N242613" s="10"/>
    </row>
    <row r="242614" spans="14:14">
      <c r="N242614" s="10"/>
    </row>
    <row r="242615" spans="14:14">
      <c r="N242615" s="10"/>
    </row>
    <row r="242616" spans="14:14">
      <c r="N242616" s="10"/>
    </row>
    <row r="242617" spans="14:14">
      <c r="N242617" s="10"/>
    </row>
    <row r="242618" spans="14:14">
      <c r="N242618" s="10"/>
    </row>
    <row r="242619" spans="14:14">
      <c r="N242619" s="10"/>
    </row>
    <row r="242620" spans="14:14">
      <c r="N242620" s="10"/>
    </row>
    <row r="242621" spans="14:14">
      <c r="N242621" s="10"/>
    </row>
    <row r="242622" spans="14:14">
      <c r="N242622" s="10"/>
    </row>
    <row r="242623" spans="14:14">
      <c r="N242623" s="10"/>
    </row>
    <row r="242624" spans="14:14">
      <c r="N242624" s="10"/>
    </row>
    <row r="242625" spans="14:14">
      <c r="N242625" s="10"/>
    </row>
    <row r="242626" spans="14:14">
      <c r="N242626" s="10"/>
    </row>
    <row r="242627" spans="14:14">
      <c r="N242627" s="10"/>
    </row>
    <row r="242628" spans="14:14">
      <c r="N242628" s="10"/>
    </row>
    <row r="242629" spans="14:14">
      <c r="N242629" s="10"/>
    </row>
    <row r="242630" spans="14:14">
      <c r="N242630" s="10"/>
    </row>
    <row r="242631" spans="14:14">
      <c r="N242631" s="10"/>
    </row>
    <row r="242632" spans="14:14">
      <c r="N242632" s="10"/>
    </row>
    <row r="242633" spans="14:14">
      <c r="N242633" s="10"/>
    </row>
    <row r="242634" spans="14:14">
      <c r="N242634" s="10"/>
    </row>
    <row r="242635" spans="14:14">
      <c r="N242635" s="10"/>
    </row>
    <row r="242636" spans="14:14">
      <c r="N242636" s="10"/>
    </row>
    <row r="242637" spans="14:14">
      <c r="N242637" s="10"/>
    </row>
    <row r="242638" spans="14:14">
      <c r="N242638" s="10"/>
    </row>
    <row r="242639" spans="14:14">
      <c r="N242639" s="10"/>
    </row>
    <row r="242640" spans="14:14">
      <c r="N242640" s="10"/>
    </row>
    <row r="242641" spans="14:14">
      <c r="N242641" s="10"/>
    </row>
    <row r="242642" spans="14:14">
      <c r="N242642" s="10"/>
    </row>
    <row r="242643" spans="14:14">
      <c r="N242643" s="10"/>
    </row>
    <row r="242644" spans="14:14">
      <c r="N242644" s="10"/>
    </row>
    <row r="242645" spans="14:14">
      <c r="N242645" s="10"/>
    </row>
    <row r="242646" spans="14:14">
      <c r="N242646" s="10"/>
    </row>
    <row r="242647" spans="14:14">
      <c r="N242647" s="10"/>
    </row>
    <row r="242648" spans="14:14">
      <c r="N242648" s="10"/>
    </row>
    <row r="242649" spans="14:14">
      <c r="N242649" s="10"/>
    </row>
    <row r="242650" spans="14:14">
      <c r="N242650" s="10"/>
    </row>
    <row r="242651" spans="14:14">
      <c r="N242651" s="10"/>
    </row>
    <row r="242652" spans="14:14">
      <c r="N242652" s="10"/>
    </row>
    <row r="242653" spans="14:14">
      <c r="N242653" s="10"/>
    </row>
    <row r="242654" spans="14:14">
      <c r="N242654" s="10"/>
    </row>
    <row r="242655" spans="14:14">
      <c r="N242655" s="10"/>
    </row>
    <row r="242656" spans="14:14">
      <c r="N242656" s="10"/>
    </row>
    <row r="242657" spans="14:14">
      <c r="N242657" s="10"/>
    </row>
    <row r="242658" spans="14:14">
      <c r="N242658" s="10"/>
    </row>
    <row r="242659" spans="14:14">
      <c r="N242659" s="10"/>
    </row>
    <row r="242660" spans="14:14">
      <c r="N242660" s="10"/>
    </row>
    <row r="242661" spans="14:14">
      <c r="N242661" s="10"/>
    </row>
    <row r="242662" spans="14:14">
      <c r="N242662" s="10"/>
    </row>
    <row r="242663" spans="14:14">
      <c r="N242663" s="10"/>
    </row>
    <row r="242664" spans="14:14">
      <c r="N242664" s="10"/>
    </row>
    <row r="242665" spans="14:14">
      <c r="N242665" s="10"/>
    </row>
    <row r="242666" spans="14:14">
      <c r="N242666" s="10"/>
    </row>
    <row r="242667" spans="14:14">
      <c r="N242667" s="10"/>
    </row>
    <row r="242668" spans="14:14">
      <c r="N242668" s="10"/>
    </row>
    <row r="242669" spans="14:14">
      <c r="N242669" s="10"/>
    </row>
    <row r="242670" spans="14:14">
      <c r="N242670" s="10"/>
    </row>
    <row r="242671" spans="14:14">
      <c r="N242671" s="10"/>
    </row>
    <row r="242672" spans="14:14">
      <c r="N242672" s="10"/>
    </row>
    <row r="242673" spans="14:14">
      <c r="N242673" s="10"/>
    </row>
    <row r="242674" spans="14:14">
      <c r="N242674" s="10"/>
    </row>
    <row r="242675" spans="14:14">
      <c r="N242675" s="10"/>
    </row>
    <row r="242676" spans="14:14">
      <c r="N242676" s="10"/>
    </row>
    <row r="242677" spans="14:14">
      <c r="N242677" s="10"/>
    </row>
    <row r="242678" spans="14:14">
      <c r="N242678" s="10"/>
    </row>
    <row r="242679" spans="14:14">
      <c r="N242679" s="10"/>
    </row>
    <row r="242680" spans="14:14">
      <c r="N242680" s="10"/>
    </row>
    <row r="242681" spans="14:14">
      <c r="N242681" s="10"/>
    </row>
    <row r="242682" spans="14:14">
      <c r="N242682" s="10"/>
    </row>
    <row r="242683" spans="14:14">
      <c r="N242683" s="10"/>
    </row>
    <row r="242684" spans="14:14">
      <c r="N242684" s="10"/>
    </row>
    <row r="242685" spans="14:14">
      <c r="N242685" s="10"/>
    </row>
    <row r="242686" spans="14:14">
      <c r="N242686" s="10"/>
    </row>
    <row r="242687" spans="14:14">
      <c r="N242687" s="10"/>
    </row>
    <row r="242688" spans="14:14">
      <c r="N242688" s="10"/>
    </row>
    <row r="242689" spans="14:14">
      <c r="N242689" s="10"/>
    </row>
    <row r="242690" spans="14:14">
      <c r="N242690" s="10"/>
    </row>
    <row r="242691" spans="14:14">
      <c r="N242691" s="10"/>
    </row>
    <row r="242692" spans="14:14">
      <c r="N242692" s="10"/>
    </row>
    <row r="242693" spans="14:14">
      <c r="N242693" s="10"/>
    </row>
    <row r="242694" spans="14:14">
      <c r="N242694" s="10"/>
    </row>
    <row r="242695" spans="14:14">
      <c r="N242695" s="10"/>
    </row>
    <row r="242696" spans="14:14">
      <c r="N242696" s="10"/>
    </row>
    <row r="242697" spans="14:14">
      <c r="N242697" s="10"/>
    </row>
    <row r="242698" spans="14:14">
      <c r="N242698" s="10"/>
    </row>
    <row r="242699" spans="14:14">
      <c r="N242699" s="10"/>
    </row>
    <row r="242700" spans="14:14">
      <c r="N242700" s="10"/>
    </row>
    <row r="242701" spans="14:14">
      <c r="N242701" s="10"/>
    </row>
    <row r="242702" spans="14:14">
      <c r="N242702" s="10"/>
    </row>
    <row r="242703" spans="14:14">
      <c r="N242703" s="10"/>
    </row>
    <row r="242704" spans="14:14">
      <c r="N242704" s="10"/>
    </row>
    <row r="242705" spans="14:14">
      <c r="N242705" s="10"/>
    </row>
    <row r="242706" spans="14:14">
      <c r="N242706" s="10"/>
    </row>
    <row r="242707" spans="14:14">
      <c r="N242707" s="10"/>
    </row>
    <row r="242708" spans="14:14">
      <c r="N242708" s="10"/>
    </row>
    <row r="242709" spans="14:14">
      <c r="N242709" s="10"/>
    </row>
    <row r="242710" spans="14:14">
      <c r="N242710" s="10"/>
    </row>
    <row r="242711" spans="14:14">
      <c r="N242711" s="10"/>
    </row>
    <row r="242712" spans="14:14">
      <c r="N242712" s="10"/>
    </row>
    <row r="242713" spans="14:14">
      <c r="N242713" s="10"/>
    </row>
    <row r="242714" spans="14:14">
      <c r="N242714" s="10"/>
    </row>
    <row r="242715" spans="14:14">
      <c r="N242715" s="10"/>
    </row>
    <row r="242716" spans="14:14">
      <c r="N242716" s="10"/>
    </row>
    <row r="242717" spans="14:14">
      <c r="N242717" s="10"/>
    </row>
    <row r="242718" spans="14:14">
      <c r="N242718" s="10"/>
    </row>
    <row r="242719" spans="14:14">
      <c r="N242719" s="10"/>
    </row>
    <row r="242720" spans="14:14">
      <c r="N242720" s="10"/>
    </row>
    <row r="242721" spans="14:14">
      <c r="N242721" s="10"/>
    </row>
    <row r="242722" spans="14:14">
      <c r="N242722" s="10"/>
    </row>
    <row r="242723" spans="14:14">
      <c r="N242723" s="10"/>
    </row>
    <row r="242724" spans="14:14">
      <c r="N242724" s="10"/>
    </row>
    <row r="242725" spans="14:14">
      <c r="N242725" s="10"/>
    </row>
    <row r="242726" spans="14:14">
      <c r="N242726" s="10"/>
    </row>
    <row r="242727" spans="14:14">
      <c r="N242727" s="10"/>
    </row>
    <row r="242728" spans="14:14">
      <c r="N242728" s="10"/>
    </row>
    <row r="242729" spans="14:14">
      <c r="N242729" s="10"/>
    </row>
    <row r="242730" spans="14:14">
      <c r="N242730" s="10"/>
    </row>
    <row r="242731" spans="14:14">
      <c r="N242731" s="10"/>
    </row>
    <row r="242732" spans="14:14">
      <c r="N242732" s="10"/>
    </row>
    <row r="242733" spans="14:14">
      <c r="N242733" s="10"/>
    </row>
    <row r="242734" spans="14:14">
      <c r="N242734" s="10"/>
    </row>
    <row r="242735" spans="14:14">
      <c r="N242735" s="10"/>
    </row>
    <row r="242736" spans="14:14">
      <c r="N242736" s="10"/>
    </row>
    <row r="242737" spans="14:14">
      <c r="N242737" s="10"/>
    </row>
    <row r="242738" spans="14:14">
      <c r="N242738" s="10"/>
    </row>
    <row r="242739" spans="14:14">
      <c r="N242739" s="10"/>
    </row>
    <row r="242740" spans="14:14">
      <c r="N242740" s="10"/>
    </row>
    <row r="242741" spans="14:14">
      <c r="N242741" s="10"/>
    </row>
    <row r="242742" spans="14:14">
      <c r="N242742" s="10"/>
    </row>
    <row r="242743" spans="14:14">
      <c r="N242743" s="10"/>
    </row>
    <row r="242744" spans="14:14">
      <c r="N242744" s="10"/>
    </row>
    <row r="242745" spans="14:14">
      <c r="N242745" s="10"/>
    </row>
    <row r="242746" spans="14:14">
      <c r="N242746" s="10"/>
    </row>
    <row r="242747" spans="14:14">
      <c r="N242747" s="10"/>
    </row>
    <row r="242748" spans="14:14">
      <c r="N242748" s="10"/>
    </row>
    <row r="242749" spans="14:14">
      <c r="N242749" s="10"/>
    </row>
    <row r="242750" spans="14:14">
      <c r="N242750" s="10"/>
    </row>
    <row r="242751" spans="14:14">
      <c r="N242751" s="10"/>
    </row>
    <row r="242752" spans="14:14">
      <c r="N242752" s="10"/>
    </row>
    <row r="242753" spans="14:14">
      <c r="N242753" s="10"/>
    </row>
    <row r="242754" spans="14:14">
      <c r="N242754" s="10"/>
    </row>
    <row r="242755" spans="14:14">
      <c r="N242755" s="10"/>
    </row>
    <row r="242756" spans="14:14">
      <c r="N242756" s="10"/>
    </row>
    <row r="242757" spans="14:14">
      <c r="N242757" s="10"/>
    </row>
    <row r="242758" spans="14:14">
      <c r="N242758" s="10"/>
    </row>
    <row r="242759" spans="14:14">
      <c r="N242759" s="10"/>
    </row>
    <row r="242760" spans="14:14">
      <c r="N242760" s="10"/>
    </row>
    <row r="242761" spans="14:14">
      <c r="N242761" s="10"/>
    </row>
    <row r="242762" spans="14:14">
      <c r="N242762" s="10"/>
    </row>
    <row r="242763" spans="14:14">
      <c r="N242763" s="10"/>
    </row>
    <row r="242764" spans="14:14">
      <c r="N242764" s="10"/>
    </row>
    <row r="242765" spans="14:14">
      <c r="N242765" s="10"/>
    </row>
    <row r="242766" spans="14:14">
      <c r="N242766" s="10"/>
    </row>
    <row r="242767" spans="14:14">
      <c r="N242767" s="10"/>
    </row>
    <row r="242768" spans="14:14">
      <c r="N242768" s="10"/>
    </row>
    <row r="242769" spans="14:14">
      <c r="N242769" s="10"/>
    </row>
    <row r="242770" spans="14:14">
      <c r="N242770" s="10"/>
    </row>
    <row r="242771" spans="14:14">
      <c r="N242771" s="10"/>
    </row>
    <row r="242772" spans="14:14">
      <c r="N242772" s="10"/>
    </row>
    <row r="242773" spans="14:14">
      <c r="N242773" s="10"/>
    </row>
    <row r="242774" spans="14:14">
      <c r="N242774" s="10"/>
    </row>
    <row r="242775" spans="14:14">
      <c r="N242775" s="10"/>
    </row>
    <row r="242776" spans="14:14">
      <c r="N242776" s="10"/>
    </row>
    <row r="242777" spans="14:14">
      <c r="N242777" s="10"/>
    </row>
    <row r="242778" spans="14:14">
      <c r="N242778" s="10"/>
    </row>
    <row r="242779" spans="14:14">
      <c r="N242779" s="10"/>
    </row>
    <row r="242780" spans="14:14">
      <c r="N242780" s="10"/>
    </row>
    <row r="242781" spans="14:14">
      <c r="N242781" s="10"/>
    </row>
    <row r="242782" spans="14:14">
      <c r="N242782" s="10"/>
    </row>
    <row r="242783" spans="14:14">
      <c r="N242783" s="10"/>
    </row>
    <row r="242784" spans="14:14">
      <c r="N242784" s="10"/>
    </row>
    <row r="242785" spans="14:14">
      <c r="N242785" s="10"/>
    </row>
    <row r="242786" spans="14:14">
      <c r="N242786" s="10"/>
    </row>
    <row r="242787" spans="14:14">
      <c r="N242787" s="10"/>
    </row>
    <row r="242788" spans="14:14">
      <c r="N242788" s="10"/>
    </row>
    <row r="242789" spans="14:14">
      <c r="N242789" s="10"/>
    </row>
    <row r="242790" spans="14:14">
      <c r="N242790" s="10"/>
    </row>
    <row r="242791" spans="14:14">
      <c r="N242791" s="10"/>
    </row>
    <row r="242792" spans="14:14">
      <c r="N242792" s="10"/>
    </row>
    <row r="242793" spans="14:14">
      <c r="N242793" s="10"/>
    </row>
    <row r="242794" spans="14:14">
      <c r="N242794" s="10"/>
    </row>
    <row r="242795" spans="14:14">
      <c r="N242795" s="10"/>
    </row>
    <row r="242796" spans="14:14">
      <c r="N242796" s="10"/>
    </row>
    <row r="242797" spans="14:14">
      <c r="N242797" s="10"/>
    </row>
    <row r="242798" spans="14:14">
      <c r="N242798" s="10"/>
    </row>
    <row r="242799" spans="14:14">
      <c r="N242799" s="10"/>
    </row>
    <row r="242800" spans="14:14">
      <c r="N242800" s="10"/>
    </row>
    <row r="242801" spans="14:14">
      <c r="N242801" s="10"/>
    </row>
    <row r="242802" spans="14:14">
      <c r="N242802" s="10"/>
    </row>
    <row r="242803" spans="14:14">
      <c r="N242803" s="10"/>
    </row>
    <row r="242804" spans="14:14">
      <c r="N242804" s="10"/>
    </row>
    <row r="242805" spans="14:14">
      <c r="N242805" s="10"/>
    </row>
    <row r="242806" spans="14:14">
      <c r="N242806" s="10"/>
    </row>
    <row r="242807" spans="14:14">
      <c r="N242807" s="10"/>
    </row>
    <row r="242808" spans="14:14">
      <c r="N242808" s="10"/>
    </row>
    <row r="242809" spans="14:14">
      <c r="N242809" s="10"/>
    </row>
    <row r="242810" spans="14:14">
      <c r="N242810" s="10"/>
    </row>
    <row r="242811" spans="14:14">
      <c r="N242811" s="10"/>
    </row>
    <row r="242812" spans="14:14">
      <c r="N242812" s="10"/>
    </row>
    <row r="242813" spans="14:14">
      <c r="N242813" s="10"/>
    </row>
    <row r="242814" spans="14:14">
      <c r="N242814" s="10"/>
    </row>
    <row r="242815" spans="14:14">
      <c r="N242815" s="10"/>
    </row>
    <row r="242816" spans="14:14">
      <c r="N242816" s="10"/>
    </row>
    <row r="242817" spans="14:14">
      <c r="N242817" s="10"/>
    </row>
    <row r="242818" spans="14:14">
      <c r="N242818" s="10"/>
    </row>
    <row r="242819" spans="14:14">
      <c r="N242819" s="10"/>
    </row>
    <row r="242820" spans="14:14">
      <c r="N242820" s="10"/>
    </row>
    <row r="242821" spans="14:14">
      <c r="N242821" s="10"/>
    </row>
    <row r="242822" spans="14:14">
      <c r="N242822" s="10"/>
    </row>
    <row r="242823" spans="14:14">
      <c r="N242823" s="10"/>
    </row>
    <row r="242824" spans="14:14">
      <c r="N242824" s="10"/>
    </row>
    <row r="242825" spans="14:14">
      <c r="N242825" s="10"/>
    </row>
    <row r="242826" spans="14:14">
      <c r="N242826" s="10"/>
    </row>
    <row r="242827" spans="14:14">
      <c r="N242827" s="10"/>
    </row>
    <row r="242828" spans="14:14">
      <c r="N242828" s="10"/>
    </row>
    <row r="242829" spans="14:14">
      <c r="N242829" s="10"/>
    </row>
    <row r="242830" spans="14:14">
      <c r="N242830" s="10"/>
    </row>
    <row r="242831" spans="14:14">
      <c r="N242831" s="10"/>
    </row>
    <row r="242832" spans="14:14">
      <c r="N242832" s="10"/>
    </row>
    <row r="242833" spans="14:14">
      <c r="N242833" s="10"/>
    </row>
    <row r="242834" spans="14:14">
      <c r="N242834" s="10"/>
    </row>
    <row r="242835" spans="14:14">
      <c r="N242835" s="10"/>
    </row>
    <row r="242836" spans="14:14">
      <c r="N242836" s="10"/>
    </row>
    <row r="242837" spans="14:14">
      <c r="N242837" s="10"/>
    </row>
    <row r="242838" spans="14:14">
      <c r="N242838" s="10"/>
    </row>
    <row r="242839" spans="14:14">
      <c r="N242839" s="10"/>
    </row>
    <row r="242840" spans="14:14">
      <c r="N242840" s="10"/>
    </row>
    <row r="242841" spans="14:14">
      <c r="N242841" s="10"/>
    </row>
    <row r="242842" spans="14:14">
      <c r="N242842" s="10"/>
    </row>
    <row r="242843" spans="14:14">
      <c r="N242843" s="10"/>
    </row>
    <row r="242844" spans="14:14">
      <c r="N242844" s="10"/>
    </row>
    <row r="242845" spans="14:14">
      <c r="N242845" s="10"/>
    </row>
    <row r="242846" spans="14:14">
      <c r="N242846" s="10"/>
    </row>
    <row r="242847" spans="14:14">
      <c r="N242847" s="10"/>
    </row>
    <row r="242848" spans="14:14">
      <c r="N242848" s="10"/>
    </row>
    <row r="242849" spans="14:14">
      <c r="N242849" s="10"/>
    </row>
    <row r="242850" spans="14:14">
      <c r="N242850" s="10"/>
    </row>
    <row r="242851" spans="14:14">
      <c r="N242851" s="10"/>
    </row>
    <row r="242852" spans="14:14">
      <c r="N242852" s="10"/>
    </row>
    <row r="242853" spans="14:14">
      <c r="N242853" s="10"/>
    </row>
    <row r="242854" spans="14:14">
      <c r="N242854" s="10"/>
    </row>
    <row r="242855" spans="14:14">
      <c r="N242855" s="10"/>
    </row>
    <row r="242856" spans="14:14">
      <c r="N242856" s="10"/>
    </row>
    <row r="242857" spans="14:14">
      <c r="N242857" s="10"/>
    </row>
    <row r="242858" spans="14:14">
      <c r="N242858" s="10"/>
    </row>
    <row r="242859" spans="14:14">
      <c r="N242859" s="10"/>
    </row>
    <row r="242860" spans="14:14">
      <c r="N242860" s="10"/>
    </row>
    <row r="242861" spans="14:14">
      <c r="N242861" s="10"/>
    </row>
    <row r="242862" spans="14:14">
      <c r="N242862" s="10"/>
    </row>
    <row r="242863" spans="14:14">
      <c r="N242863" s="10"/>
    </row>
    <row r="242864" spans="14:14">
      <c r="N242864" s="10"/>
    </row>
    <row r="242865" spans="14:14">
      <c r="N242865" s="10"/>
    </row>
    <row r="242866" spans="14:14">
      <c r="N242866" s="10"/>
    </row>
    <row r="242867" spans="14:14">
      <c r="N242867" s="10"/>
    </row>
    <row r="242868" spans="14:14">
      <c r="N242868" s="10"/>
    </row>
    <row r="242869" spans="14:14">
      <c r="N242869" s="10"/>
    </row>
    <row r="242870" spans="14:14">
      <c r="N242870" s="10"/>
    </row>
    <row r="242871" spans="14:14">
      <c r="N242871" s="10"/>
    </row>
    <row r="242872" spans="14:14">
      <c r="N242872" s="10"/>
    </row>
    <row r="242873" spans="14:14">
      <c r="N242873" s="10"/>
    </row>
    <row r="242874" spans="14:14">
      <c r="N242874" s="10"/>
    </row>
    <row r="242875" spans="14:14">
      <c r="N242875" s="10"/>
    </row>
    <row r="242876" spans="14:14">
      <c r="N242876" s="10"/>
    </row>
    <row r="242877" spans="14:14">
      <c r="N242877" s="10"/>
    </row>
    <row r="242878" spans="14:14">
      <c r="N242878" s="10"/>
    </row>
    <row r="242879" spans="14:14">
      <c r="N242879" s="10"/>
    </row>
    <row r="242880" spans="14:14">
      <c r="N242880" s="10"/>
    </row>
    <row r="242881" spans="14:14">
      <c r="N242881" s="10"/>
    </row>
    <row r="242882" spans="14:14">
      <c r="N242882" s="10"/>
    </row>
    <row r="242883" spans="14:14">
      <c r="N242883" s="10"/>
    </row>
    <row r="242884" spans="14:14">
      <c r="N242884" s="10"/>
    </row>
    <row r="242885" spans="14:14">
      <c r="N242885" s="10"/>
    </row>
    <row r="242886" spans="14:14">
      <c r="N242886" s="10"/>
    </row>
    <row r="242887" spans="14:14">
      <c r="N242887" s="10"/>
    </row>
    <row r="242888" spans="14:14">
      <c r="N242888" s="10"/>
    </row>
    <row r="242889" spans="14:14">
      <c r="N242889" s="10"/>
    </row>
    <row r="242890" spans="14:14">
      <c r="N242890" s="10"/>
    </row>
    <row r="242891" spans="14:14">
      <c r="N242891" s="10"/>
    </row>
    <row r="242892" spans="14:14">
      <c r="N242892" s="10"/>
    </row>
    <row r="242893" spans="14:14">
      <c r="N242893" s="10"/>
    </row>
    <row r="242894" spans="14:14">
      <c r="N242894" s="10"/>
    </row>
    <row r="242895" spans="14:14">
      <c r="N242895" s="10"/>
    </row>
    <row r="242896" spans="14:14">
      <c r="N242896" s="10"/>
    </row>
    <row r="242897" spans="14:14">
      <c r="N242897" s="10"/>
    </row>
    <row r="242898" spans="14:14">
      <c r="N242898" s="10"/>
    </row>
    <row r="242899" spans="14:14">
      <c r="N242899" s="10"/>
    </row>
    <row r="242900" spans="14:14">
      <c r="N242900" s="10"/>
    </row>
    <row r="242901" spans="14:14">
      <c r="N242901" s="10"/>
    </row>
    <row r="242902" spans="14:14">
      <c r="N242902" s="10"/>
    </row>
    <row r="242903" spans="14:14">
      <c r="N242903" s="10"/>
    </row>
    <row r="242904" spans="14:14">
      <c r="N242904" s="10"/>
    </row>
    <row r="242905" spans="14:14">
      <c r="N242905" s="10"/>
    </row>
    <row r="242906" spans="14:14">
      <c r="N242906" s="10"/>
    </row>
    <row r="242907" spans="14:14">
      <c r="N242907" s="10"/>
    </row>
    <row r="242908" spans="14:14">
      <c r="N242908" s="10"/>
    </row>
    <row r="242909" spans="14:14">
      <c r="N242909" s="10"/>
    </row>
    <row r="242910" spans="14:14">
      <c r="N242910" s="10"/>
    </row>
    <row r="242911" spans="14:14">
      <c r="N242911" s="10"/>
    </row>
    <row r="242912" spans="14:14">
      <c r="N242912" s="10"/>
    </row>
    <row r="242913" spans="14:14">
      <c r="N242913" s="10"/>
    </row>
    <row r="242914" spans="14:14">
      <c r="N242914" s="10"/>
    </row>
    <row r="242915" spans="14:14">
      <c r="N242915" s="10"/>
    </row>
    <row r="242916" spans="14:14">
      <c r="N242916" s="10"/>
    </row>
    <row r="242917" spans="14:14">
      <c r="N242917" s="10"/>
    </row>
    <row r="242918" spans="14:14">
      <c r="N242918" s="10"/>
    </row>
    <row r="242919" spans="14:14">
      <c r="N242919" s="10"/>
    </row>
    <row r="242920" spans="14:14">
      <c r="N242920" s="10"/>
    </row>
    <row r="242921" spans="14:14">
      <c r="N242921" s="10"/>
    </row>
    <row r="242922" spans="14:14">
      <c r="N242922" s="10"/>
    </row>
    <row r="242923" spans="14:14">
      <c r="N242923" s="10"/>
    </row>
    <row r="242924" spans="14:14">
      <c r="N242924" s="10"/>
    </row>
    <row r="242925" spans="14:14">
      <c r="N242925" s="10"/>
    </row>
    <row r="242926" spans="14:14">
      <c r="N242926" s="10"/>
    </row>
    <row r="242927" spans="14:14">
      <c r="N242927" s="10"/>
    </row>
    <row r="242928" spans="14:14">
      <c r="N242928" s="10"/>
    </row>
    <row r="242929" spans="14:14">
      <c r="N242929" s="10"/>
    </row>
    <row r="242930" spans="14:14">
      <c r="N242930" s="10"/>
    </row>
    <row r="242931" spans="14:14">
      <c r="N242931" s="10"/>
    </row>
    <row r="242932" spans="14:14">
      <c r="N242932" s="10"/>
    </row>
    <row r="242933" spans="14:14">
      <c r="N242933" s="10"/>
    </row>
    <row r="242934" spans="14:14">
      <c r="N242934" s="10"/>
    </row>
    <row r="242935" spans="14:14">
      <c r="N242935" s="10"/>
    </row>
    <row r="242936" spans="14:14">
      <c r="N242936" s="10"/>
    </row>
    <row r="242937" spans="14:14">
      <c r="N242937" s="10"/>
    </row>
    <row r="242938" spans="14:14">
      <c r="N242938" s="10"/>
    </row>
    <row r="242939" spans="14:14">
      <c r="N242939" s="10"/>
    </row>
    <row r="242940" spans="14:14">
      <c r="N242940" s="10"/>
    </row>
    <row r="242941" spans="14:14">
      <c r="N242941" s="10"/>
    </row>
    <row r="242942" spans="14:14">
      <c r="N242942" s="10"/>
    </row>
    <row r="242943" spans="14:14">
      <c r="N242943" s="10"/>
    </row>
    <row r="242944" spans="14:14">
      <c r="N242944" s="10"/>
    </row>
    <row r="242945" spans="14:14">
      <c r="N242945" s="10"/>
    </row>
    <row r="242946" spans="14:14">
      <c r="N242946" s="10"/>
    </row>
    <row r="242947" spans="14:14">
      <c r="N242947" s="10"/>
    </row>
    <row r="242948" spans="14:14">
      <c r="N242948" s="10"/>
    </row>
    <row r="242949" spans="14:14">
      <c r="N242949" s="10"/>
    </row>
    <row r="242950" spans="14:14">
      <c r="N242950" s="10"/>
    </row>
    <row r="242951" spans="14:14">
      <c r="N242951" s="10"/>
    </row>
    <row r="242952" spans="14:14">
      <c r="N242952" s="10"/>
    </row>
    <row r="242953" spans="14:14">
      <c r="N242953" s="10"/>
    </row>
    <row r="242954" spans="14:14">
      <c r="N242954" s="10"/>
    </row>
    <row r="242955" spans="14:14">
      <c r="N242955" s="10"/>
    </row>
    <row r="242956" spans="14:14">
      <c r="N242956" s="10"/>
    </row>
    <row r="242957" spans="14:14">
      <c r="N242957" s="10"/>
    </row>
    <row r="242958" spans="14:14">
      <c r="N242958" s="10"/>
    </row>
    <row r="242959" spans="14:14">
      <c r="N242959" s="10"/>
    </row>
    <row r="242960" spans="14:14">
      <c r="N242960" s="10"/>
    </row>
    <row r="242961" spans="14:14">
      <c r="N242961" s="10"/>
    </row>
    <row r="242962" spans="14:14">
      <c r="N242962" s="10"/>
    </row>
    <row r="242963" spans="14:14">
      <c r="N242963" s="10"/>
    </row>
    <row r="242964" spans="14:14">
      <c r="N242964" s="10"/>
    </row>
    <row r="242965" spans="14:14">
      <c r="N242965" s="10"/>
    </row>
    <row r="242966" spans="14:14">
      <c r="N242966" s="10"/>
    </row>
    <row r="242967" spans="14:14">
      <c r="N242967" s="10"/>
    </row>
    <row r="242968" spans="14:14">
      <c r="N242968" s="10"/>
    </row>
    <row r="242969" spans="14:14">
      <c r="N242969" s="10"/>
    </row>
    <row r="242970" spans="14:14">
      <c r="N242970" s="10"/>
    </row>
    <row r="242971" spans="14:14">
      <c r="N242971" s="10"/>
    </row>
    <row r="242972" spans="14:14">
      <c r="N242972" s="10"/>
    </row>
    <row r="242973" spans="14:14">
      <c r="N242973" s="10"/>
    </row>
    <row r="242974" spans="14:14">
      <c r="N242974" s="10"/>
    </row>
    <row r="242975" spans="14:14">
      <c r="N242975" s="10"/>
    </row>
    <row r="242976" spans="14:14">
      <c r="N242976" s="10"/>
    </row>
    <row r="242977" spans="14:14">
      <c r="N242977" s="10"/>
    </row>
    <row r="242978" spans="14:14">
      <c r="N242978" s="10"/>
    </row>
    <row r="242979" spans="14:14">
      <c r="N242979" s="10"/>
    </row>
    <row r="242980" spans="14:14">
      <c r="N242980" s="10"/>
    </row>
    <row r="242981" spans="14:14">
      <c r="N242981" s="10"/>
    </row>
    <row r="242982" spans="14:14">
      <c r="N242982" s="10"/>
    </row>
    <row r="242983" spans="14:14">
      <c r="N242983" s="10"/>
    </row>
    <row r="242984" spans="14:14">
      <c r="N242984" s="10"/>
    </row>
    <row r="242985" spans="14:14">
      <c r="N242985" s="10"/>
    </row>
    <row r="242986" spans="14:14">
      <c r="N242986" s="10"/>
    </row>
    <row r="242987" spans="14:14">
      <c r="N242987" s="10"/>
    </row>
    <row r="242988" spans="14:14">
      <c r="N242988" s="10"/>
    </row>
    <row r="242989" spans="14:14">
      <c r="N242989" s="10"/>
    </row>
    <row r="242990" spans="14:14">
      <c r="N242990" s="10"/>
    </row>
    <row r="242991" spans="14:14">
      <c r="N242991" s="10"/>
    </row>
    <row r="242992" spans="14:14">
      <c r="N242992" s="10"/>
    </row>
    <row r="242993" spans="14:14">
      <c r="N242993" s="10"/>
    </row>
    <row r="242994" spans="14:14">
      <c r="N242994" s="10"/>
    </row>
    <row r="242995" spans="14:14">
      <c r="N242995" s="10"/>
    </row>
    <row r="242996" spans="14:14">
      <c r="N242996" s="10"/>
    </row>
    <row r="242997" spans="14:14">
      <c r="N242997" s="10"/>
    </row>
    <row r="242998" spans="14:14">
      <c r="N242998" s="10"/>
    </row>
    <row r="242999" spans="14:14">
      <c r="N242999" s="10"/>
    </row>
    <row r="243000" spans="14:14">
      <c r="N243000" s="10"/>
    </row>
    <row r="243001" spans="14:14">
      <c r="N243001" s="10"/>
    </row>
    <row r="243002" spans="14:14">
      <c r="N243002" s="10"/>
    </row>
    <row r="243003" spans="14:14">
      <c r="N243003" s="10"/>
    </row>
    <row r="243004" spans="14:14">
      <c r="N243004" s="10"/>
    </row>
    <row r="243005" spans="14:14">
      <c r="N243005" s="10"/>
    </row>
    <row r="243006" spans="14:14">
      <c r="N243006" s="10"/>
    </row>
    <row r="243007" spans="14:14">
      <c r="N243007" s="10"/>
    </row>
    <row r="243008" spans="14:14">
      <c r="N243008" s="10"/>
    </row>
    <row r="243009" spans="14:14">
      <c r="N243009" s="10"/>
    </row>
    <row r="243010" spans="14:14">
      <c r="N243010" s="10"/>
    </row>
    <row r="243011" spans="14:14">
      <c r="N243011" s="10"/>
    </row>
    <row r="243012" spans="14:14">
      <c r="N243012" s="10"/>
    </row>
    <row r="243013" spans="14:14">
      <c r="N243013" s="10"/>
    </row>
    <row r="243014" spans="14:14">
      <c r="N243014" s="10"/>
    </row>
    <row r="243015" spans="14:14">
      <c r="N243015" s="10"/>
    </row>
    <row r="243016" spans="14:14">
      <c r="N243016" s="10"/>
    </row>
    <row r="243017" spans="14:14">
      <c r="N243017" s="10"/>
    </row>
    <row r="243018" spans="14:14">
      <c r="N243018" s="10"/>
    </row>
    <row r="243019" spans="14:14">
      <c r="N243019" s="10"/>
    </row>
    <row r="243020" spans="14:14">
      <c r="N243020" s="10"/>
    </row>
    <row r="243021" spans="14:14">
      <c r="N243021" s="10"/>
    </row>
    <row r="243022" spans="14:14">
      <c r="N243022" s="10"/>
    </row>
    <row r="243023" spans="14:14">
      <c r="N243023" s="10"/>
    </row>
    <row r="243024" spans="14:14">
      <c r="N243024" s="10"/>
    </row>
    <row r="243025" spans="14:14">
      <c r="N243025" s="10"/>
    </row>
    <row r="243026" spans="14:14">
      <c r="N243026" s="10"/>
    </row>
    <row r="243027" spans="14:14">
      <c r="N243027" s="10"/>
    </row>
    <row r="243028" spans="14:14">
      <c r="N243028" s="10"/>
    </row>
    <row r="243029" spans="14:14">
      <c r="N243029" s="10"/>
    </row>
    <row r="243030" spans="14:14">
      <c r="N243030" s="10"/>
    </row>
    <row r="243031" spans="14:14">
      <c r="N243031" s="10"/>
    </row>
    <row r="243032" spans="14:14">
      <c r="N243032" s="10"/>
    </row>
    <row r="243033" spans="14:14">
      <c r="N243033" s="10"/>
    </row>
    <row r="243034" spans="14:14">
      <c r="N243034" s="10"/>
    </row>
    <row r="243035" spans="14:14">
      <c r="N243035" s="10"/>
    </row>
    <row r="243036" spans="14:14">
      <c r="N243036" s="10"/>
    </row>
    <row r="243037" spans="14:14">
      <c r="N243037" s="10"/>
    </row>
    <row r="243038" spans="14:14">
      <c r="N243038" s="10"/>
    </row>
    <row r="243039" spans="14:14">
      <c r="N243039" s="10"/>
    </row>
    <row r="243040" spans="14:14">
      <c r="N243040" s="10"/>
    </row>
    <row r="243041" spans="14:14">
      <c r="N243041" s="10"/>
    </row>
    <row r="243042" spans="14:14">
      <c r="N243042" s="10"/>
    </row>
    <row r="243043" spans="14:14">
      <c r="N243043" s="10"/>
    </row>
    <row r="243044" spans="14:14">
      <c r="N243044" s="10"/>
    </row>
    <row r="243045" spans="14:14">
      <c r="N243045" s="10"/>
    </row>
    <row r="243046" spans="14:14">
      <c r="N243046" s="10"/>
    </row>
    <row r="243047" spans="14:14">
      <c r="N243047" s="10"/>
    </row>
    <row r="243048" spans="14:14">
      <c r="N243048" s="10"/>
    </row>
    <row r="243049" spans="14:14">
      <c r="N243049" s="10"/>
    </row>
    <row r="243050" spans="14:14">
      <c r="N243050" s="10"/>
    </row>
    <row r="243051" spans="14:14">
      <c r="N243051" s="10"/>
    </row>
    <row r="243052" spans="14:14">
      <c r="N243052" s="10"/>
    </row>
    <row r="243053" spans="14:14">
      <c r="N243053" s="10"/>
    </row>
    <row r="243054" spans="14:14">
      <c r="N243054" s="10"/>
    </row>
    <row r="243055" spans="14:14">
      <c r="N243055" s="10"/>
    </row>
    <row r="243056" spans="14:14">
      <c r="N243056" s="10"/>
    </row>
    <row r="243057" spans="14:14">
      <c r="N243057" s="10"/>
    </row>
    <row r="243058" spans="14:14">
      <c r="N243058" s="10"/>
    </row>
    <row r="243059" spans="14:14">
      <c r="N243059" s="10"/>
    </row>
    <row r="243060" spans="14:14">
      <c r="N243060" s="10"/>
    </row>
    <row r="243061" spans="14:14">
      <c r="N243061" s="10"/>
    </row>
    <row r="243062" spans="14:14">
      <c r="N243062" s="10"/>
    </row>
    <row r="243063" spans="14:14">
      <c r="N243063" s="10"/>
    </row>
    <row r="243064" spans="14:14">
      <c r="N243064" s="10"/>
    </row>
    <row r="243065" spans="14:14">
      <c r="N243065" s="10"/>
    </row>
    <row r="243066" spans="14:14">
      <c r="N243066" s="10"/>
    </row>
    <row r="243067" spans="14:14">
      <c r="N243067" s="10"/>
    </row>
    <row r="243068" spans="14:14">
      <c r="N243068" s="10"/>
    </row>
    <row r="243069" spans="14:14">
      <c r="N243069" s="10"/>
    </row>
    <row r="243070" spans="14:14">
      <c r="N243070" s="10"/>
    </row>
    <row r="243071" spans="14:14">
      <c r="N243071" s="10"/>
    </row>
    <row r="243072" spans="14:14">
      <c r="N243072" s="10"/>
    </row>
    <row r="243073" spans="14:14">
      <c r="N243073" s="10"/>
    </row>
    <row r="243074" spans="14:14">
      <c r="N243074" s="10"/>
    </row>
    <row r="243075" spans="14:14">
      <c r="N243075" s="10"/>
    </row>
    <row r="243076" spans="14:14">
      <c r="N243076" s="10"/>
    </row>
    <row r="243077" spans="14:14">
      <c r="N243077" s="10"/>
    </row>
    <row r="243078" spans="14:14">
      <c r="N243078" s="10"/>
    </row>
    <row r="243079" spans="14:14">
      <c r="N243079" s="10"/>
    </row>
    <row r="243080" spans="14:14">
      <c r="N243080" s="10"/>
    </row>
    <row r="243081" spans="14:14">
      <c r="N243081" s="10"/>
    </row>
    <row r="243082" spans="14:14">
      <c r="N243082" s="10"/>
    </row>
    <row r="243083" spans="14:14">
      <c r="N243083" s="10"/>
    </row>
    <row r="243084" spans="14:14">
      <c r="N243084" s="10"/>
    </row>
    <row r="243085" spans="14:14">
      <c r="N243085" s="10"/>
    </row>
    <row r="243086" spans="14:14">
      <c r="N243086" s="10"/>
    </row>
    <row r="243087" spans="14:14">
      <c r="N243087" s="10"/>
    </row>
    <row r="243088" spans="14:14">
      <c r="N243088" s="10"/>
    </row>
    <row r="243089" spans="14:14">
      <c r="N243089" s="10"/>
    </row>
    <row r="243090" spans="14:14">
      <c r="N243090" s="10"/>
    </row>
    <row r="243091" spans="14:14">
      <c r="N243091" s="10"/>
    </row>
    <row r="243092" spans="14:14">
      <c r="N243092" s="10"/>
    </row>
    <row r="243093" spans="14:14">
      <c r="N243093" s="10"/>
    </row>
    <row r="243094" spans="14:14">
      <c r="N243094" s="10"/>
    </row>
    <row r="243095" spans="14:14">
      <c r="N243095" s="10"/>
    </row>
    <row r="243096" spans="14:14">
      <c r="N243096" s="10"/>
    </row>
    <row r="243097" spans="14:14">
      <c r="N243097" s="10"/>
    </row>
    <row r="243098" spans="14:14">
      <c r="N243098" s="10"/>
    </row>
    <row r="243099" spans="14:14">
      <c r="N243099" s="10"/>
    </row>
    <row r="243100" spans="14:14">
      <c r="N243100" s="10"/>
    </row>
    <row r="243101" spans="14:14">
      <c r="N243101" s="10"/>
    </row>
    <row r="243102" spans="14:14">
      <c r="N243102" s="10"/>
    </row>
    <row r="243103" spans="14:14">
      <c r="N243103" s="10"/>
    </row>
    <row r="243104" spans="14:14">
      <c r="N243104" s="10"/>
    </row>
    <row r="243105" spans="14:14">
      <c r="N243105" s="10"/>
    </row>
    <row r="243106" spans="14:14">
      <c r="N243106" s="10"/>
    </row>
    <row r="243107" spans="14:14">
      <c r="N243107" s="10"/>
    </row>
    <row r="243108" spans="14:14">
      <c r="N243108" s="10"/>
    </row>
    <row r="243109" spans="14:14">
      <c r="N243109" s="10"/>
    </row>
    <row r="243110" spans="14:14">
      <c r="N243110" s="10"/>
    </row>
    <row r="243111" spans="14:14">
      <c r="N243111" s="10"/>
    </row>
    <row r="243112" spans="14:14">
      <c r="N243112" s="10"/>
    </row>
    <row r="243113" spans="14:14">
      <c r="N243113" s="10"/>
    </row>
    <row r="243114" spans="14:14">
      <c r="N243114" s="10"/>
    </row>
    <row r="243115" spans="14:14">
      <c r="N243115" s="10"/>
    </row>
    <row r="243116" spans="14:14">
      <c r="N243116" s="10"/>
    </row>
    <row r="243117" spans="14:14">
      <c r="N243117" s="10"/>
    </row>
    <row r="243118" spans="14:14">
      <c r="N243118" s="10"/>
    </row>
    <row r="243119" spans="14:14">
      <c r="N243119" s="10"/>
    </row>
    <row r="243120" spans="14:14">
      <c r="N243120" s="10"/>
    </row>
    <row r="243121" spans="14:14">
      <c r="N243121" s="10"/>
    </row>
    <row r="243122" spans="14:14">
      <c r="N243122" s="10"/>
    </row>
    <row r="243123" spans="14:14">
      <c r="N243123" s="10"/>
    </row>
    <row r="243124" spans="14:14">
      <c r="N243124" s="10"/>
    </row>
    <row r="243125" spans="14:14">
      <c r="N243125" s="10"/>
    </row>
    <row r="243126" spans="14:14">
      <c r="N243126" s="10"/>
    </row>
    <row r="243127" spans="14:14">
      <c r="N243127" s="10"/>
    </row>
    <row r="243128" spans="14:14">
      <c r="N243128" s="10"/>
    </row>
    <row r="243129" spans="14:14">
      <c r="N243129" s="10"/>
    </row>
    <row r="243130" spans="14:14">
      <c r="N243130" s="10"/>
    </row>
    <row r="243131" spans="14:14">
      <c r="N243131" s="10"/>
    </row>
    <row r="243132" spans="14:14">
      <c r="N243132" s="10"/>
    </row>
    <row r="243133" spans="14:14">
      <c r="N243133" s="10"/>
    </row>
    <row r="243134" spans="14:14">
      <c r="N243134" s="10"/>
    </row>
    <row r="243135" spans="14:14">
      <c r="N243135" s="10"/>
    </row>
    <row r="243136" spans="14:14">
      <c r="N243136" s="10"/>
    </row>
    <row r="243137" spans="14:14">
      <c r="N243137" s="10"/>
    </row>
    <row r="243138" spans="14:14">
      <c r="N243138" s="10"/>
    </row>
    <row r="243139" spans="14:14">
      <c r="N243139" s="10"/>
    </row>
    <row r="243140" spans="14:14">
      <c r="N243140" s="10"/>
    </row>
    <row r="243141" spans="14:14">
      <c r="N243141" s="10"/>
    </row>
    <row r="243142" spans="14:14">
      <c r="N243142" s="10"/>
    </row>
    <row r="243143" spans="14:14">
      <c r="N243143" s="10"/>
    </row>
    <row r="243144" spans="14:14">
      <c r="N243144" s="10"/>
    </row>
    <row r="243145" spans="14:14">
      <c r="N243145" s="10"/>
    </row>
    <row r="243146" spans="14:14">
      <c r="N243146" s="10"/>
    </row>
    <row r="243147" spans="14:14">
      <c r="N243147" s="10"/>
    </row>
    <row r="243148" spans="14:14">
      <c r="N243148" s="10"/>
    </row>
    <row r="243149" spans="14:14">
      <c r="N243149" s="10"/>
    </row>
    <row r="243150" spans="14:14">
      <c r="N243150" s="10"/>
    </row>
    <row r="243151" spans="14:14">
      <c r="N243151" s="10"/>
    </row>
    <row r="243152" spans="14:14">
      <c r="N243152" s="10"/>
    </row>
    <row r="243153" spans="14:14">
      <c r="N243153" s="10"/>
    </row>
    <row r="243154" spans="14:14">
      <c r="N243154" s="10"/>
    </row>
    <row r="243155" spans="14:14">
      <c r="N243155" s="10"/>
    </row>
    <row r="243156" spans="14:14">
      <c r="N243156" s="10"/>
    </row>
    <row r="243157" spans="14:14">
      <c r="N243157" s="10"/>
    </row>
    <row r="243158" spans="14:14">
      <c r="N243158" s="10"/>
    </row>
    <row r="243159" spans="14:14">
      <c r="N243159" s="10"/>
    </row>
    <row r="243160" spans="14:14">
      <c r="N243160" s="10"/>
    </row>
    <row r="243161" spans="14:14">
      <c r="N243161" s="10"/>
    </row>
    <row r="243162" spans="14:14">
      <c r="N243162" s="10"/>
    </row>
    <row r="243163" spans="14:14">
      <c r="N243163" s="10"/>
    </row>
    <row r="243164" spans="14:14">
      <c r="N243164" s="10"/>
    </row>
    <row r="243165" spans="14:14">
      <c r="N243165" s="10"/>
    </row>
    <row r="243166" spans="14:14">
      <c r="N243166" s="10"/>
    </row>
    <row r="243167" spans="14:14">
      <c r="N243167" s="10"/>
    </row>
    <row r="243168" spans="14:14">
      <c r="N243168" s="10"/>
    </row>
    <row r="243169" spans="14:14">
      <c r="N243169" s="10"/>
    </row>
    <row r="243170" spans="14:14">
      <c r="N243170" s="10"/>
    </row>
    <row r="243171" spans="14:14">
      <c r="N243171" s="10"/>
    </row>
    <row r="243172" spans="14:14">
      <c r="N243172" s="10"/>
    </row>
    <row r="243173" spans="14:14">
      <c r="N243173" s="10"/>
    </row>
    <row r="243174" spans="14:14">
      <c r="N243174" s="10"/>
    </row>
    <row r="243175" spans="14:14">
      <c r="N243175" s="10"/>
    </row>
    <row r="243176" spans="14:14">
      <c r="N243176" s="10"/>
    </row>
    <row r="243177" spans="14:14">
      <c r="N243177" s="10"/>
    </row>
    <row r="243178" spans="14:14">
      <c r="N243178" s="10"/>
    </row>
    <row r="243179" spans="14:14">
      <c r="N243179" s="10"/>
    </row>
    <row r="243180" spans="14:14">
      <c r="N243180" s="10"/>
    </row>
    <row r="243181" spans="14:14">
      <c r="N243181" s="10"/>
    </row>
    <row r="243182" spans="14:14">
      <c r="N243182" s="10"/>
    </row>
    <row r="243183" spans="14:14">
      <c r="N243183" s="10"/>
    </row>
    <row r="243184" spans="14:14">
      <c r="N243184" s="10"/>
    </row>
    <row r="243185" spans="14:14">
      <c r="N243185" s="10"/>
    </row>
    <row r="243186" spans="14:14">
      <c r="N243186" s="10"/>
    </row>
    <row r="243187" spans="14:14">
      <c r="N243187" s="10"/>
    </row>
    <row r="243188" spans="14:14">
      <c r="N243188" s="10"/>
    </row>
    <row r="243189" spans="14:14">
      <c r="N243189" s="10"/>
    </row>
    <row r="243190" spans="14:14">
      <c r="N243190" s="10"/>
    </row>
    <row r="243191" spans="14:14">
      <c r="N243191" s="10"/>
    </row>
    <row r="243192" spans="14:14">
      <c r="N243192" s="10"/>
    </row>
    <row r="243193" spans="14:14">
      <c r="N243193" s="10"/>
    </row>
    <row r="243194" spans="14:14">
      <c r="N243194" s="10"/>
    </row>
    <row r="243195" spans="14:14">
      <c r="N243195" s="10"/>
    </row>
    <row r="243196" spans="14:14">
      <c r="N243196" s="10"/>
    </row>
    <row r="243197" spans="14:14">
      <c r="N243197" s="10"/>
    </row>
    <row r="243198" spans="14:14">
      <c r="N243198" s="10"/>
    </row>
    <row r="243199" spans="14:14">
      <c r="N243199" s="10"/>
    </row>
    <row r="243200" spans="14:14">
      <c r="N243200" s="10"/>
    </row>
    <row r="243201" spans="14:14">
      <c r="N243201" s="10"/>
    </row>
    <row r="243202" spans="14:14">
      <c r="N243202" s="10"/>
    </row>
    <row r="243203" spans="14:14">
      <c r="N243203" s="10"/>
    </row>
    <row r="243204" spans="14:14">
      <c r="N243204" s="10"/>
    </row>
    <row r="243205" spans="14:14">
      <c r="N243205" s="10"/>
    </row>
    <row r="243206" spans="14:14">
      <c r="N243206" s="10"/>
    </row>
    <row r="243207" spans="14:14">
      <c r="N243207" s="10"/>
    </row>
    <row r="243208" spans="14:14">
      <c r="N243208" s="10"/>
    </row>
    <row r="243209" spans="14:14">
      <c r="N243209" s="10"/>
    </row>
    <row r="243210" spans="14:14">
      <c r="N243210" s="10"/>
    </row>
    <row r="243211" spans="14:14">
      <c r="N243211" s="10"/>
    </row>
    <row r="243212" spans="14:14">
      <c r="N243212" s="10"/>
    </row>
    <row r="243213" spans="14:14">
      <c r="N243213" s="10"/>
    </row>
    <row r="243214" spans="14:14">
      <c r="N243214" s="10"/>
    </row>
    <row r="243215" spans="14:14">
      <c r="N243215" s="10"/>
    </row>
    <row r="243216" spans="14:14">
      <c r="N243216" s="10"/>
    </row>
    <row r="243217" spans="14:14">
      <c r="N243217" s="10"/>
    </row>
    <row r="243218" spans="14:14">
      <c r="N243218" s="10"/>
    </row>
    <row r="243219" spans="14:14">
      <c r="N243219" s="10"/>
    </row>
    <row r="243220" spans="14:14">
      <c r="N243220" s="10"/>
    </row>
    <row r="243221" spans="14:14">
      <c r="N243221" s="10"/>
    </row>
    <row r="243222" spans="14:14">
      <c r="N243222" s="10"/>
    </row>
    <row r="243223" spans="14:14">
      <c r="N243223" s="10"/>
    </row>
    <row r="243224" spans="14:14">
      <c r="N243224" s="10"/>
    </row>
    <row r="243225" spans="14:14">
      <c r="N243225" s="10"/>
    </row>
    <row r="243226" spans="14:14">
      <c r="N243226" s="10"/>
    </row>
    <row r="243227" spans="14:14">
      <c r="N243227" s="10"/>
    </row>
    <row r="243228" spans="14:14">
      <c r="N243228" s="10"/>
    </row>
    <row r="243229" spans="14:14">
      <c r="N243229" s="10"/>
    </row>
    <row r="243230" spans="14:14">
      <c r="N243230" s="10"/>
    </row>
    <row r="243231" spans="14:14">
      <c r="N243231" s="10"/>
    </row>
    <row r="243232" spans="14:14">
      <c r="N243232" s="10"/>
    </row>
    <row r="243233" spans="14:14">
      <c r="N243233" s="10"/>
    </row>
    <row r="243234" spans="14:14">
      <c r="N243234" s="10"/>
    </row>
    <row r="243235" spans="14:14">
      <c r="N243235" s="10"/>
    </row>
    <row r="243236" spans="14:14">
      <c r="N243236" s="10"/>
    </row>
    <row r="243237" spans="14:14">
      <c r="N243237" s="10"/>
    </row>
    <row r="243238" spans="14:14">
      <c r="N243238" s="10"/>
    </row>
    <row r="243239" spans="14:14">
      <c r="N243239" s="10"/>
    </row>
    <row r="243240" spans="14:14">
      <c r="N243240" s="10"/>
    </row>
    <row r="243241" spans="14:14">
      <c r="N243241" s="10"/>
    </row>
    <row r="243242" spans="14:14">
      <c r="N243242" s="10"/>
    </row>
    <row r="243243" spans="14:14">
      <c r="N243243" s="10"/>
    </row>
    <row r="243244" spans="14:14">
      <c r="N243244" s="10"/>
    </row>
    <row r="243245" spans="14:14">
      <c r="N243245" s="10"/>
    </row>
    <row r="243246" spans="14:14">
      <c r="N243246" s="10"/>
    </row>
    <row r="243247" spans="14:14">
      <c r="N243247" s="10"/>
    </row>
    <row r="243248" spans="14:14">
      <c r="N243248" s="10"/>
    </row>
    <row r="243249" spans="14:14">
      <c r="N243249" s="10"/>
    </row>
    <row r="243250" spans="14:14">
      <c r="N243250" s="10"/>
    </row>
    <row r="243251" spans="14:14">
      <c r="N243251" s="10"/>
    </row>
    <row r="243252" spans="14:14">
      <c r="N243252" s="10"/>
    </row>
    <row r="243253" spans="14:14">
      <c r="N243253" s="10"/>
    </row>
    <row r="243254" spans="14:14">
      <c r="N243254" s="10"/>
    </row>
    <row r="243255" spans="14:14">
      <c r="N243255" s="10"/>
    </row>
    <row r="243256" spans="14:14">
      <c r="N243256" s="10"/>
    </row>
    <row r="243257" spans="14:14">
      <c r="N243257" s="10"/>
    </row>
    <row r="243258" spans="14:14">
      <c r="N243258" s="10"/>
    </row>
    <row r="243259" spans="14:14">
      <c r="N243259" s="10"/>
    </row>
    <row r="243260" spans="14:14">
      <c r="N243260" s="10"/>
    </row>
    <row r="243261" spans="14:14">
      <c r="N243261" s="10"/>
    </row>
    <row r="243262" spans="14:14">
      <c r="N243262" s="10"/>
    </row>
    <row r="243263" spans="14:14">
      <c r="N243263" s="10"/>
    </row>
    <row r="243264" spans="14:14">
      <c r="N243264" s="10"/>
    </row>
    <row r="243265" spans="14:14">
      <c r="N243265" s="10"/>
    </row>
    <row r="243266" spans="14:14">
      <c r="N243266" s="10"/>
    </row>
    <row r="243267" spans="14:14">
      <c r="N243267" s="10"/>
    </row>
    <row r="243268" spans="14:14">
      <c r="N243268" s="10"/>
    </row>
    <row r="243269" spans="14:14">
      <c r="N243269" s="10"/>
    </row>
    <row r="243270" spans="14:14">
      <c r="N243270" s="10"/>
    </row>
    <row r="243271" spans="14:14">
      <c r="N243271" s="10"/>
    </row>
    <row r="243272" spans="14:14">
      <c r="N243272" s="10"/>
    </row>
    <row r="243273" spans="14:14">
      <c r="N243273" s="10"/>
    </row>
    <row r="243274" spans="14:14">
      <c r="N243274" s="10"/>
    </row>
    <row r="243275" spans="14:14">
      <c r="N243275" s="10"/>
    </row>
    <row r="243276" spans="14:14">
      <c r="N243276" s="10"/>
    </row>
    <row r="243277" spans="14:14">
      <c r="N243277" s="10"/>
    </row>
    <row r="243278" spans="14:14">
      <c r="N243278" s="10"/>
    </row>
    <row r="243279" spans="14:14">
      <c r="N243279" s="10"/>
    </row>
    <row r="243280" spans="14:14">
      <c r="N243280" s="10"/>
    </row>
    <row r="243281" spans="14:14">
      <c r="N243281" s="10"/>
    </row>
    <row r="243282" spans="14:14">
      <c r="N243282" s="10"/>
    </row>
    <row r="243283" spans="14:14">
      <c r="N243283" s="10"/>
    </row>
    <row r="243284" spans="14:14">
      <c r="N243284" s="10"/>
    </row>
    <row r="243285" spans="14:14">
      <c r="N243285" s="10"/>
    </row>
    <row r="243286" spans="14:14">
      <c r="N243286" s="10"/>
    </row>
    <row r="243287" spans="14:14">
      <c r="N243287" s="10"/>
    </row>
    <row r="243288" spans="14:14">
      <c r="N243288" s="10"/>
    </row>
    <row r="243289" spans="14:14">
      <c r="N243289" s="10"/>
    </row>
    <row r="243290" spans="14:14">
      <c r="N243290" s="10"/>
    </row>
    <row r="243291" spans="14:14">
      <c r="N243291" s="10"/>
    </row>
    <row r="243292" spans="14:14">
      <c r="N243292" s="10"/>
    </row>
    <row r="243293" spans="14:14">
      <c r="N243293" s="10"/>
    </row>
    <row r="243294" spans="14:14">
      <c r="N243294" s="10"/>
    </row>
    <row r="243295" spans="14:14">
      <c r="N243295" s="10"/>
    </row>
    <row r="243296" spans="14:14">
      <c r="N243296" s="10"/>
    </row>
    <row r="243297" spans="14:14">
      <c r="N243297" s="10"/>
    </row>
    <row r="243298" spans="14:14">
      <c r="N243298" s="10"/>
    </row>
    <row r="243299" spans="14:14">
      <c r="N243299" s="10"/>
    </row>
    <row r="243300" spans="14:14">
      <c r="N243300" s="10"/>
    </row>
    <row r="243301" spans="14:14">
      <c r="N243301" s="10"/>
    </row>
    <row r="243302" spans="14:14">
      <c r="N243302" s="10"/>
    </row>
    <row r="243303" spans="14:14">
      <c r="N243303" s="10"/>
    </row>
    <row r="243304" spans="14:14">
      <c r="N243304" s="10"/>
    </row>
    <row r="243305" spans="14:14">
      <c r="N243305" s="10"/>
    </row>
    <row r="243306" spans="14:14">
      <c r="N243306" s="10"/>
    </row>
    <row r="243307" spans="14:14">
      <c r="N243307" s="10"/>
    </row>
    <row r="243308" spans="14:14">
      <c r="N243308" s="10"/>
    </row>
    <row r="243309" spans="14:14">
      <c r="N243309" s="10"/>
    </row>
    <row r="243310" spans="14:14">
      <c r="N243310" s="10"/>
    </row>
    <row r="243311" spans="14:14">
      <c r="N243311" s="10"/>
    </row>
    <row r="243312" spans="14:14">
      <c r="N243312" s="10"/>
    </row>
    <row r="243313" spans="14:14">
      <c r="N243313" s="10"/>
    </row>
    <row r="243314" spans="14:14">
      <c r="N243314" s="10"/>
    </row>
    <row r="243315" spans="14:14">
      <c r="N243315" s="10"/>
    </row>
    <row r="243316" spans="14:14">
      <c r="N243316" s="10"/>
    </row>
    <row r="243317" spans="14:14">
      <c r="N243317" s="10"/>
    </row>
    <row r="243318" spans="14:14">
      <c r="N243318" s="10"/>
    </row>
    <row r="243319" spans="14:14">
      <c r="N243319" s="10"/>
    </row>
    <row r="243320" spans="14:14">
      <c r="N243320" s="10"/>
    </row>
    <row r="243321" spans="14:14">
      <c r="N243321" s="10"/>
    </row>
    <row r="243322" spans="14:14">
      <c r="N243322" s="10"/>
    </row>
    <row r="243323" spans="14:14">
      <c r="N243323" s="10"/>
    </row>
    <row r="243324" spans="14:14">
      <c r="N243324" s="10"/>
    </row>
    <row r="243325" spans="14:14">
      <c r="N243325" s="10"/>
    </row>
    <row r="243326" spans="14:14">
      <c r="N243326" s="10"/>
    </row>
    <row r="243327" spans="14:14">
      <c r="N243327" s="10"/>
    </row>
    <row r="243328" spans="14:14">
      <c r="N243328" s="10"/>
    </row>
    <row r="243329" spans="14:14">
      <c r="N243329" s="10"/>
    </row>
    <row r="243330" spans="14:14">
      <c r="N243330" s="10"/>
    </row>
    <row r="243331" spans="14:14">
      <c r="N243331" s="10"/>
    </row>
    <row r="243332" spans="14:14">
      <c r="N243332" s="10"/>
    </row>
    <row r="243333" spans="14:14">
      <c r="N243333" s="10"/>
    </row>
    <row r="243334" spans="14:14">
      <c r="N243334" s="10"/>
    </row>
    <row r="243335" spans="14:14">
      <c r="N243335" s="10"/>
    </row>
    <row r="243336" spans="14:14">
      <c r="N243336" s="10"/>
    </row>
    <row r="243337" spans="14:14">
      <c r="N243337" s="10"/>
    </row>
    <row r="243338" spans="14:14">
      <c r="N243338" s="10"/>
    </row>
    <row r="243339" spans="14:14">
      <c r="N243339" s="10"/>
    </row>
    <row r="243340" spans="14:14">
      <c r="N243340" s="10"/>
    </row>
    <row r="243341" spans="14:14">
      <c r="N243341" s="10"/>
    </row>
    <row r="243342" spans="14:14">
      <c r="N243342" s="10"/>
    </row>
    <row r="243343" spans="14:14">
      <c r="N243343" s="10"/>
    </row>
    <row r="243344" spans="14:14">
      <c r="N243344" s="10"/>
    </row>
    <row r="243345" spans="14:14">
      <c r="N243345" s="10"/>
    </row>
    <row r="243346" spans="14:14">
      <c r="N243346" s="10"/>
    </row>
    <row r="243347" spans="14:14">
      <c r="N243347" s="10"/>
    </row>
    <row r="243348" spans="14:14">
      <c r="N243348" s="10"/>
    </row>
    <row r="243349" spans="14:14">
      <c r="N243349" s="10"/>
    </row>
    <row r="243350" spans="14:14">
      <c r="N243350" s="10"/>
    </row>
    <row r="243351" spans="14:14">
      <c r="N243351" s="10"/>
    </row>
    <row r="243352" spans="14:14">
      <c r="N243352" s="10"/>
    </row>
    <row r="243353" spans="14:14">
      <c r="N243353" s="10"/>
    </row>
    <row r="243354" spans="14:14">
      <c r="N243354" s="10"/>
    </row>
    <row r="243355" spans="14:14">
      <c r="N243355" s="10"/>
    </row>
    <row r="243356" spans="14:14">
      <c r="N243356" s="10"/>
    </row>
    <row r="243357" spans="14:14">
      <c r="N243357" s="10"/>
    </row>
    <row r="243358" spans="14:14">
      <c r="N243358" s="10"/>
    </row>
    <row r="243359" spans="14:14">
      <c r="N243359" s="10"/>
    </row>
    <row r="243360" spans="14:14">
      <c r="N243360" s="10"/>
    </row>
    <row r="243361" spans="14:14">
      <c r="N243361" s="10"/>
    </row>
    <row r="243362" spans="14:14">
      <c r="N243362" s="10"/>
    </row>
    <row r="243363" spans="14:14">
      <c r="N243363" s="10"/>
    </row>
    <row r="243364" spans="14:14">
      <c r="N243364" s="10"/>
    </row>
    <row r="243365" spans="14:14">
      <c r="N243365" s="10"/>
    </row>
    <row r="243366" spans="14:14">
      <c r="N243366" s="10"/>
    </row>
    <row r="243367" spans="14:14">
      <c r="N243367" s="10"/>
    </row>
    <row r="243368" spans="14:14">
      <c r="N243368" s="10"/>
    </row>
    <row r="243369" spans="14:14">
      <c r="N243369" s="10"/>
    </row>
    <row r="243370" spans="14:14">
      <c r="N243370" s="10"/>
    </row>
    <row r="243371" spans="14:14">
      <c r="N243371" s="10"/>
    </row>
    <row r="243372" spans="14:14">
      <c r="N243372" s="10"/>
    </row>
    <row r="243373" spans="14:14">
      <c r="N243373" s="10"/>
    </row>
    <row r="243374" spans="14:14">
      <c r="N243374" s="10"/>
    </row>
    <row r="243375" spans="14:14">
      <c r="N243375" s="10"/>
    </row>
    <row r="243376" spans="14:14">
      <c r="N243376" s="10"/>
    </row>
    <row r="243377" spans="14:14">
      <c r="N243377" s="10"/>
    </row>
    <row r="243378" spans="14:14">
      <c r="N243378" s="10"/>
    </row>
    <row r="243379" spans="14:14">
      <c r="N243379" s="10"/>
    </row>
    <row r="243380" spans="14:14">
      <c r="N243380" s="10"/>
    </row>
    <row r="243381" spans="14:14">
      <c r="N243381" s="10"/>
    </row>
    <row r="243382" spans="14:14">
      <c r="N243382" s="10"/>
    </row>
    <row r="243383" spans="14:14">
      <c r="N243383" s="10"/>
    </row>
    <row r="243384" spans="14:14">
      <c r="N243384" s="10"/>
    </row>
    <row r="243385" spans="14:14">
      <c r="N243385" s="10"/>
    </row>
    <row r="243386" spans="14:14">
      <c r="N243386" s="10"/>
    </row>
    <row r="243387" spans="14:14">
      <c r="N243387" s="10"/>
    </row>
    <row r="243388" spans="14:14">
      <c r="N243388" s="10"/>
    </row>
    <row r="243389" spans="14:14">
      <c r="N243389" s="10"/>
    </row>
    <row r="243390" spans="14:14">
      <c r="N243390" s="10"/>
    </row>
    <row r="243391" spans="14:14">
      <c r="N243391" s="10"/>
    </row>
    <row r="243392" spans="14:14">
      <c r="N243392" s="10"/>
    </row>
    <row r="243393" spans="14:14">
      <c r="N243393" s="10"/>
    </row>
    <row r="243394" spans="14:14">
      <c r="N243394" s="10"/>
    </row>
    <row r="243395" spans="14:14">
      <c r="N243395" s="10"/>
    </row>
    <row r="243396" spans="14:14">
      <c r="N243396" s="10"/>
    </row>
    <row r="243397" spans="14:14">
      <c r="N243397" s="10"/>
    </row>
    <row r="243398" spans="14:14">
      <c r="N243398" s="10"/>
    </row>
    <row r="243399" spans="14:14">
      <c r="N243399" s="10"/>
    </row>
    <row r="243400" spans="14:14">
      <c r="N243400" s="10"/>
    </row>
    <row r="243401" spans="14:14">
      <c r="N243401" s="10"/>
    </row>
    <row r="243402" spans="14:14">
      <c r="N243402" s="10"/>
    </row>
    <row r="243403" spans="14:14">
      <c r="N243403" s="10"/>
    </row>
    <row r="243404" spans="14:14">
      <c r="N243404" s="10"/>
    </row>
    <row r="243405" spans="14:14">
      <c r="N243405" s="10"/>
    </row>
    <row r="243406" spans="14:14">
      <c r="N243406" s="10"/>
    </row>
    <row r="243407" spans="14:14">
      <c r="N243407" s="10"/>
    </row>
    <row r="243408" spans="14:14">
      <c r="N243408" s="10"/>
    </row>
    <row r="243409" spans="14:14">
      <c r="N243409" s="10"/>
    </row>
    <row r="243410" spans="14:14">
      <c r="N243410" s="10"/>
    </row>
    <row r="243411" spans="14:14">
      <c r="N243411" s="10"/>
    </row>
    <row r="243412" spans="14:14">
      <c r="N243412" s="10"/>
    </row>
    <row r="243413" spans="14:14">
      <c r="N243413" s="10"/>
    </row>
    <row r="243414" spans="14:14">
      <c r="N243414" s="10"/>
    </row>
    <row r="243415" spans="14:14">
      <c r="N243415" s="10"/>
    </row>
    <row r="243416" spans="14:14">
      <c r="N243416" s="10"/>
    </row>
    <row r="243417" spans="14:14">
      <c r="N243417" s="10"/>
    </row>
    <row r="243418" spans="14:14">
      <c r="N243418" s="10"/>
    </row>
    <row r="243419" spans="14:14">
      <c r="N243419" s="10"/>
    </row>
    <row r="243420" spans="14:14">
      <c r="N243420" s="10"/>
    </row>
    <row r="243421" spans="14:14">
      <c r="N243421" s="10"/>
    </row>
    <row r="243422" spans="14:14">
      <c r="N243422" s="10"/>
    </row>
    <row r="243423" spans="14:14">
      <c r="N243423" s="10"/>
    </row>
    <row r="243424" spans="14:14">
      <c r="N243424" s="10"/>
    </row>
    <row r="243425" spans="14:14">
      <c r="N243425" s="10"/>
    </row>
    <row r="243426" spans="14:14">
      <c r="N243426" s="10"/>
    </row>
    <row r="243427" spans="14:14">
      <c r="N243427" s="10"/>
    </row>
    <row r="243428" spans="14:14">
      <c r="N243428" s="10"/>
    </row>
    <row r="243429" spans="14:14">
      <c r="N243429" s="10"/>
    </row>
    <row r="243430" spans="14:14">
      <c r="N243430" s="10"/>
    </row>
    <row r="243431" spans="14:14">
      <c r="N243431" s="10"/>
    </row>
    <row r="243432" spans="14:14">
      <c r="N243432" s="10"/>
    </row>
    <row r="243433" spans="14:14">
      <c r="N243433" s="10"/>
    </row>
    <row r="243434" spans="14:14">
      <c r="N243434" s="10"/>
    </row>
    <row r="243435" spans="14:14">
      <c r="N243435" s="10"/>
    </row>
    <row r="243436" spans="14:14">
      <c r="N243436" s="10"/>
    </row>
    <row r="243437" spans="14:14">
      <c r="N243437" s="10"/>
    </row>
    <row r="243438" spans="14:14">
      <c r="N243438" s="10"/>
    </row>
    <row r="243439" spans="14:14">
      <c r="N243439" s="10"/>
    </row>
    <row r="243440" spans="14:14">
      <c r="N243440" s="10"/>
    </row>
    <row r="243441" spans="14:14">
      <c r="N243441" s="10"/>
    </row>
    <row r="243442" spans="14:14">
      <c r="N243442" s="10"/>
    </row>
    <row r="243443" spans="14:14">
      <c r="N243443" s="10"/>
    </row>
    <row r="243444" spans="14:14">
      <c r="N243444" s="10"/>
    </row>
    <row r="243445" spans="14:14">
      <c r="N243445" s="10"/>
    </row>
    <row r="243446" spans="14:14">
      <c r="N243446" s="10"/>
    </row>
    <row r="243447" spans="14:14">
      <c r="N243447" s="10"/>
    </row>
    <row r="243448" spans="14:14">
      <c r="N243448" s="10"/>
    </row>
    <row r="243449" spans="14:14">
      <c r="N243449" s="10"/>
    </row>
    <row r="243450" spans="14:14">
      <c r="N243450" s="10"/>
    </row>
    <row r="243451" spans="14:14">
      <c r="N243451" s="10"/>
    </row>
    <row r="243452" spans="14:14">
      <c r="N243452" s="10"/>
    </row>
    <row r="243453" spans="14:14">
      <c r="N243453" s="10"/>
    </row>
    <row r="243454" spans="14:14">
      <c r="N243454" s="10"/>
    </row>
    <row r="243455" spans="14:14">
      <c r="N243455" s="10"/>
    </row>
    <row r="243456" spans="14:14">
      <c r="N243456" s="10"/>
    </row>
    <row r="243457" spans="14:14">
      <c r="N243457" s="10"/>
    </row>
    <row r="243458" spans="14:14">
      <c r="N243458" s="10"/>
    </row>
    <row r="243459" spans="14:14">
      <c r="N243459" s="10"/>
    </row>
    <row r="243460" spans="14:14">
      <c r="N243460" s="10"/>
    </row>
    <row r="243461" spans="14:14">
      <c r="N243461" s="10"/>
    </row>
    <row r="243462" spans="14:14">
      <c r="N243462" s="10"/>
    </row>
    <row r="243463" spans="14:14">
      <c r="N243463" s="10"/>
    </row>
    <row r="243464" spans="14:14">
      <c r="N243464" s="10"/>
    </row>
    <row r="243465" spans="14:14">
      <c r="N243465" s="10"/>
    </row>
    <row r="243466" spans="14:14">
      <c r="N243466" s="10"/>
    </row>
    <row r="243467" spans="14:14">
      <c r="N243467" s="10"/>
    </row>
    <row r="243468" spans="14:14">
      <c r="N243468" s="10"/>
    </row>
    <row r="243469" spans="14:14">
      <c r="N243469" s="10"/>
    </row>
    <row r="243470" spans="14:14">
      <c r="N243470" s="10"/>
    </row>
    <row r="243471" spans="14:14">
      <c r="N243471" s="10"/>
    </row>
    <row r="243472" spans="14:14">
      <c r="N243472" s="10"/>
    </row>
    <row r="243473" spans="14:14">
      <c r="N243473" s="10"/>
    </row>
    <row r="243474" spans="14:14">
      <c r="N243474" s="10"/>
    </row>
    <row r="243475" spans="14:14">
      <c r="N243475" s="10"/>
    </row>
    <row r="243476" spans="14:14">
      <c r="N243476" s="10"/>
    </row>
    <row r="243477" spans="14:14">
      <c r="N243477" s="10"/>
    </row>
    <row r="243478" spans="14:14">
      <c r="N243478" s="10"/>
    </row>
    <row r="243479" spans="14:14">
      <c r="N243479" s="10"/>
    </row>
    <row r="243480" spans="14:14">
      <c r="N243480" s="10"/>
    </row>
    <row r="243481" spans="14:14">
      <c r="N243481" s="10"/>
    </row>
    <row r="243482" spans="14:14">
      <c r="N243482" s="10"/>
    </row>
    <row r="243483" spans="14:14">
      <c r="N243483" s="10"/>
    </row>
    <row r="243484" spans="14:14">
      <c r="N243484" s="10"/>
    </row>
    <row r="243485" spans="14:14">
      <c r="N243485" s="10"/>
    </row>
    <row r="243486" spans="14:14">
      <c r="N243486" s="10"/>
    </row>
    <row r="243487" spans="14:14">
      <c r="N243487" s="10"/>
    </row>
    <row r="243488" spans="14:14">
      <c r="N243488" s="10"/>
    </row>
    <row r="243489" spans="14:14">
      <c r="N243489" s="10"/>
    </row>
    <row r="243490" spans="14:14">
      <c r="N243490" s="10"/>
    </row>
    <row r="243491" spans="14:14">
      <c r="N243491" s="10"/>
    </row>
    <row r="243492" spans="14:14">
      <c r="N243492" s="10"/>
    </row>
    <row r="243493" spans="14:14">
      <c r="N243493" s="10"/>
    </row>
    <row r="243494" spans="14:14">
      <c r="N243494" s="10"/>
    </row>
    <row r="243495" spans="14:14">
      <c r="N243495" s="10"/>
    </row>
    <row r="243496" spans="14:14">
      <c r="N243496" s="10"/>
    </row>
    <row r="243497" spans="14:14">
      <c r="N243497" s="10"/>
    </row>
    <row r="243498" spans="14:14">
      <c r="N243498" s="10"/>
    </row>
    <row r="243499" spans="14:14">
      <c r="N243499" s="10"/>
    </row>
    <row r="243500" spans="14:14">
      <c r="N243500" s="10"/>
    </row>
    <row r="243501" spans="14:14">
      <c r="N243501" s="10"/>
    </row>
    <row r="243502" spans="14:14">
      <c r="N243502" s="10"/>
    </row>
    <row r="243503" spans="14:14">
      <c r="N243503" s="10"/>
    </row>
    <row r="243504" spans="14:14">
      <c r="N243504" s="10"/>
    </row>
    <row r="243505" spans="14:14">
      <c r="N243505" s="10"/>
    </row>
    <row r="243506" spans="14:14">
      <c r="N243506" s="10"/>
    </row>
    <row r="243507" spans="14:14">
      <c r="N243507" s="10"/>
    </row>
    <row r="243508" spans="14:14">
      <c r="N243508" s="10"/>
    </row>
    <row r="243509" spans="14:14">
      <c r="N243509" s="10"/>
    </row>
    <row r="243510" spans="14:14">
      <c r="N243510" s="10"/>
    </row>
    <row r="243511" spans="14:14">
      <c r="N243511" s="10"/>
    </row>
    <row r="243512" spans="14:14">
      <c r="N243512" s="10"/>
    </row>
    <row r="243513" spans="14:14">
      <c r="N243513" s="10"/>
    </row>
    <row r="243514" spans="14:14">
      <c r="N243514" s="10"/>
    </row>
    <row r="243515" spans="14:14">
      <c r="N243515" s="10"/>
    </row>
    <row r="243516" spans="14:14">
      <c r="N243516" s="10"/>
    </row>
    <row r="243517" spans="14:14">
      <c r="N243517" s="10"/>
    </row>
    <row r="243518" spans="14:14">
      <c r="N243518" s="10"/>
    </row>
    <row r="243519" spans="14:14">
      <c r="N243519" s="10"/>
    </row>
    <row r="243520" spans="14:14">
      <c r="N243520" s="10"/>
    </row>
    <row r="243521" spans="14:14">
      <c r="N243521" s="10"/>
    </row>
    <row r="243522" spans="14:14">
      <c r="N243522" s="10"/>
    </row>
    <row r="243523" spans="14:14">
      <c r="N243523" s="10"/>
    </row>
    <row r="243524" spans="14:14">
      <c r="N243524" s="10"/>
    </row>
    <row r="243525" spans="14:14">
      <c r="N243525" s="10"/>
    </row>
    <row r="243526" spans="14:14">
      <c r="N243526" s="10"/>
    </row>
    <row r="243527" spans="14:14">
      <c r="N243527" s="10"/>
    </row>
    <row r="243528" spans="14:14">
      <c r="N243528" s="10"/>
    </row>
    <row r="243529" spans="14:14">
      <c r="N243529" s="10"/>
    </row>
    <row r="243530" spans="14:14">
      <c r="N243530" s="10"/>
    </row>
    <row r="243531" spans="14:14">
      <c r="N243531" s="10"/>
    </row>
    <row r="243532" spans="14:14">
      <c r="N243532" s="10"/>
    </row>
    <row r="243533" spans="14:14">
      <c r="N243533" s="10"/>
    </row>
    <row r="243534" spans="14:14">
      <c r="N243534" s="10"/>
    </row>
    <row r="243535" spans="14:14">
      <c r="N243535" s="10"/>
    </row>
    <row r="243536" spans="14:14">
      <c r="N243536" s="10"/>
    </row>
    <row r="243537" spans="14:14">
      <c r="N243537" s="10"/>
    </row>
    <row r="243538" spans="14:14">
      <c r="N243538" s="10"/>
    </row>
    <row r="243539" spans="14:14">
      <c r="N243539" s="10"/>
    </row>
    <row r="243540" spans="14:14">
      <c r="N243540" s="10"/>
    </row>
    <row r="243541" spans="14:14">
      <c r="N243541" s="10"/>
    </row>
    <row r="243542" spans="14:14">
      <c r="N243542" s="10"/>
    </row>
    <row r="243543" spans="14:14">
      <c r="N243543" s="10"/>
    </row>
    <row r="243544" spans="14:14">
      <c r="N243544" s="10"/>
    </row>
    <row r="243545" spans="14:14">
      <c r="N243545" s="10"/>
    </row>
    <row r="243546" spans="14:14">
      <c r="N243546" s="10"/>
    </row>
    <row r="243547" spans="14:14">
      <c r="N243547" s="10"/>
    </row>
    <row r="243548" spans="14:14">
      <c r="N243548" s="10"/>
    </row>
    <row r="243549" spans="14:14">
      <c r="N243549" s="10"/>
    </row>
    <row r="243550" spans="14:14">
      <c r="N243550" s="10"/>
    </row>
    <row r="243551" spans="14:14">
      <c r="N243551" s="10"/>
    </row>
    <row r="243552" spans="14:14">
      <c r="N243552" s="10"/>
    </row>
    <row r="243553" spans="14:14">
      <c r="N243553" s="10"/>
    </row>
    <row r="243554" spans="14:14">
      <c r="N243554" s="10"/>
    </row>
    <row r="243555" spans="14:14">
      <c r="N243555" s="10"/>
    </row>
    <row r="243556" spans="14:14">
      <c r="N243556" s="10"/>
    </row>
    <row r="243557" spans="14:14">
      <c r="N243557" s="10"/>
    </row>
    <row r="243558" spans="14:14">
      <c r="N243558" s="10"/>
    </row>
    <row r="243559" spans="14:14">
      <c r="N243559" s="10"/>
    </row>
    <row r="243560" spans="14:14">
      <c r="N243560" s="10"/>
    </row>
    <row r="243561" spans="14:14">
      <c r="N243561" s="10"/>
    </row>
    <row r="243562" spans="14:14">
      <c r="N243562" s="10"/>
    </row>
    <row r="243563" spans="14:14">
      <c r="N243563" s="10"/>
    </row>
    <row r="243564" spans="14:14">
      <c r="N243564" s="10"/>
    </row>
    <row r="243565" spans="14:14">
      <c r="N243565" s="10"/>
    </row>
    <row r="243566" spans="14:14">
      <c r="N243566" s="10"/>
    </row>
    <row r="243567" spans="14:14">
      <c r="N243567" s="10"/>
    </row>
    <row r="243568" spans="14:14">
      <c r="N243568" s="10"/>
    </row>
    <row r="243569" spans="14:14">
      <c r="N243569" s="10"/>
    </row>
    <row r="243570" spans="14:14">
      <c r="N243570" s="10"/>
    </row>
    <row r="243571" spans="14:14">
      <c r="N243571" s="10"/>
    </row>
    <row r="243572" spans="14:14">
      <c r="N243572" s="10"/>
    </row>
    <row r="243573" spans="14:14">
      <c r="N243573" s="10"/>
    </row>
    <row r="243574" spans="14:14">
      <c r="N243574" s="10"/>
    </row>
    <row r="243575" spans="14:14">
      <c r="N243575" s="10"/>
    </row>
    <row r="243576" spans="14:14">
      <c r="N243576" s="10"/>
    </row>
    <row r="243577" spans="14:14">
      <c r="N243577" s="10"/>
    </row>
    <row r="243578" spans="14:14">
      <c r="N243578" s="10"/>
    </row>
    <row r="243579" spans="14:14">
      <c r="N243579" s="10"/>
    </row>
    <row r="243580" spans="14:14">
      <c r="N243580" s="10"/>
    </row>
    <row r="243581" spans="14:14">
      <c r="N243581" s="10"/>
    </row>
    <row r="243582" spans="14:14">
      <c r="N243582" s="10"/>
    </row>
    <row r="243583" spans="14:14">
      <c r="N243583" s="10"/>
    </row>
    <row r="243584" spans="14:14">
      <c r="N243584" s="10"/>
    </row>
    <row r="243585" spans="14:14">
      <c r="N243585" s="10"/>
    </row>
    <row r="243586" spans="14:14">
      <c r="N243586" s="10"/>
    </row>
    <row r="243587" spans="14:14">
      <c r="N243587" s="10"/>
    </row>
    <row r="243588" spans="14:14">
      <c r="N243588" s="10"/>
    </row>
    <row r="243589" spans="14:14">
      <c r="N243589" s="10"/>
    </row>
    <row r="243590" spans="14:14">
      <c r="N243590" s="10"/>
    </row>
    <row r="243591" spans="14:14">
      <c r="N243591" s="10"/>
    </row>
    <row r="243592" spans="14:14">
      <c r="N243592" s="10"/>
    </row>
    <row r="243593" spans="14:14">
      <c r="N243593" s="10"/>
    </row>
    <row r="243594" spans="14:14">
      <c r="N243594" s="10"/>
    </row>
    <row r="243595" spans="14:14">
      <c r="N243595" s="10"/>
    </row>
    <row r="243596" spans="14:14">
      <c r="N243596" s="10"/>
    </row>
    <row r="243597" spans="14:14">
      <c r="N243597" s="10"/>
    </row>
    <row r="243598" spans="14:14">
      <c r="N243598" s="10"/>
    </row>
    <row r="243599" spans="14:14">
      <c r="N243599" s="10"/>
    </row>
    <row r="243600" spans="14:14">
      <c r="N243600" s="10"/>
    </row>
    <row r="243601" spans="14:14">
      <c r="N243601" s="10"/>
    </row>
    <row r="243602" spans="14:14">
      <c r="N243602" s="10"/>
    </row>
    <row r="243603" spans="14:14">
      <c r="N243603" s="10"/>
    </row>
    <row r="243604" spans="14:14">
      <c r="N243604" s="10"/>
    </row>
    <row r="243605" spans="14:14">
      <c r="N243605" s="10"/>
    </row>
    <row r="243606" spans="14:14">
      <c r="N243606" s="10"/>
    </row>
    <row r="243607" spans="14:14">
      <c r="N243607" s="10"/>
    </row>
    <row r="243608" spans="14:14">
      <c r="N243608" s="10"/>
    </row>
    <row r="243609" spans="14:14">
      <c r="N243609" s="10"/>
    </row>
    <row r="243610" spans="14:14">
      <c r="N243610" s="10"/>
    </row>
    <row r="243611" spans="14:14">
      <c r="N243611" s="10"/>
    </row>
    <row r="243612" spans="14:14">
      <c r="N243612" s="10"/>
    </row>
    <row r="243613" spans="14:14">
      <c r="N243613" s="10"/>
    </row>
    <row r="243614" spans="14:14">
      <c r="N243614" s="10"/>
    </row>
    <row r="243615" spans="14:14">
      <c r="N243615" s="10"/>
    </row>
    <row r="243616" spans="14:14">
      <c r="N243616" s="10"/>
    </row>
    <row r="243617" spans="14:14">
      <c r="N243617" s="10"/>
    </row>
    <row r="243618" spans="14:14">
      <c r="N243618" s="10"/>
    </row>
    <row r="243619" spans="14:14">
      <c r="N243619" s="10"/>
    </row>
    <row r="243620" spans="14:14">
      <c r="N243620" s="10"/>
    </row>
    <row r="243621" spans="14:14">
      <c r="N243621" s="10"/>
    </row>
    <row r="243622" spans="14:14">
      <c r="N243622" s="10"/>
    </row>
    <row r="243623" spans="14:14">
      <c r="N243623" s="10"/>
    </row>
    <row r="243624" spans="14:14">
      <c r="N243624" s="10"/>
    </row>
    <row r="243625" spans="14:14">
      <c r="N243625" s="10"/>
    </row>
    <row r="243626" spans="14:14">
      <c r="N243626" s="10"/>
    </row>
    <row r="243627" spans="14:14">
      <c r="N243627" s="10"/>
    </row>
    <row r="243628" spans="14:14">
      <c r="N243628" s="10"/>
    </row>
    <row r="243629" spans="14:14">
      <c r="N243629" s="10"/>
    </row>
    <row r="243630" spans="14:14">
      <c r="N243630" s="10"/>
    </row>
    <row r="243631" spans="14:14">
      <c r="N243631" s="10"/>
    </row>
    <row r="243632" spans="14:14">
      <c r="N243632" s="10"/>
    </row>
    <row r="243633" spans="14:14">
      <c r="N243633" s="10"/>
    </row>
    <row r="243634" spans="14:14">
      <c r="N243634" s="10"/>
    </row>
    <row r="243635" spans="14:14">
      <c r="N243635" s="10"/>
    </row>
    <row r="243636" spans="14:14">
      <c r="N243636" s="10"/>
    </row>
    <row r="243637" spans="14:14">
      <c r="N243637" s="10"/>
    </row>
    <row r="243638" spans="14:14">
      <c r="N243638" s="10"/>
    </row>
    <row r="243639" spans="14:14">
      <c r="N243639" s="10"/>
    </row>
    <row r="243640" spans="14:14">
      <c r="N243640" s="10"/>
    </row>
    <row r="243641" spans="14:14">
      <c r="N243641" s="10"/>
    </row>
    <row r="243642" spans="14:14">
      <c r="N243642" s="10"/>
    </row>
    <row r="243643" spans="14:14">
      <c r="N243643" s="10"/>
    </row>
    <row r="243644" spans="14:14">
      <c r="N243644" s="10"/>
    </row>
    <row r="243645" spans="14:14">
      <c r="N243645" s="10"/>
    </row>
    <row r="243646" spans="14:14">
      <c r="N243646" s="10"/>
    </row>
    <row r="243647" spans="14:14">
      <c r="N243647" s="10"/>
    </row>
    <row r="243648" spans="14:14">
      <c r="N243648" s="10"/>
    </row>
    <row r="243649" spans="14:14">
      <c r="N243649" s="10"/>
    </row>
    <row r="243650" spans="14:14">
      <c r="N243650" s="10"/>
    </row>
    <row r="243651" spans="14:14">
      <c r="N243651" s="10"/>
    </row>
    <row r="243652" spans="14:14">
      <c r="N243652" s="10"/>
    </row>
    <row r="243653" spans="14:14">
      <c r="N243653" s="10"/>
    </row>
    <row r="243654" spans="14:14">
      <c r="N243654" s="10"/>
    </row>
    <row r="243655" spans="14:14">
      <c r="N243655" s="10"/>
    </row>
    <row r="243656" spans="14:14">
      <c r="N243656" s="10"/>
    </row>
    <row r="243657" spans="14:14">
      <c r="N243657" s="10"/>
    </row>
    <row r="243658" spans="14:14">
      <c r="N243658" s="10"/>
    </row>
    <row r="243659" spans="14:14">
      <c r="N243659" s="10"/>
    </row>
    <row r="243660" spans="14:14">
      <c r="N243660" s="10"/>
    </row>
    <row r="243661" spans="14:14">
      <c r="N243661" s="10"/>
    </row>
    <row r="243662" spans="14:14">
      <c r="N243662" s="10"/>
    </row>
    <row r="243663" spans="14:14">
      <c r="N243663" s="10"/>
    </row>
    <row r="243664" spans="14:14">
      <c r="N243664" s="10"/>
    </row>
    <row r="243665" spans="14:14">
      <c r="N243665" s="10"/>
    </row>
    <row r="243666" spans="14:14">
      <c r="N243666" s="10"/>
    </row>
    <row r="243667" spans="14:14">
      <c r="N243667" s="10"/>
    </row>
    <row r="243668" spans="14:14">
      <c r="N243668" s="10"/>
    </row>
    <row r="243669" spans="14:14">
      <c r="N243669" s="10"/>
    </row>
    <row r="243670" spans="14:14">
      <c r="N243670" s="10"/>
    </row>
    <row r="243671" spans="14:14">
      <c r="N243671" s="10"/>
    </row>
    <row r="243672" spans="14:14">
      <c r="N243672" s="10"/>
    </row>
    <row r="243673" spans="14:14">
      <c r="N243673" s="10"/>
    </row>
    <row r="243674" spans="14:14">
      <c r="N243674" s="10"/>
    </row>
    <row r="243675" spans="14:14">
      <c r="N243675" s="10"/>
    </row>
    <row r="243676" spans="14:14">
      <c r="N243676" s="10"/>
    </row>
    <row r="243677" spans="14:14">
      <c r="N243677" s="10"/>
    </row>
    <row r="243678" spans="14:14">
      <c r="N243678" s="10"/>
    </row>
    <row r="243679" spans="14:14">
      <c r="N243679" s="10"/>
    </row>
    <row r="243680" spans="14:14">
      <c r="N243680" s="10"/>
    </row>
    <row r="243681" spans="14:14">
      <c r="N243681" s="10"/>
    </row>
    <row r="243682" spans="14:14">
      <c r="N243682" s="10"/>
    </row>
    <row r="243683" spans="14:14">
      <c r="N243683" s="10"/>
    </row>
    <row r="243684" spans="14:14">
      <c r="N243684" s="10"/>
    </row>
    <row r="243685" spans="14:14">
      <c r="N243685" s="10"/>
    </row>
    <row r="243686" spans="14:14">
      <c r="N243686" s="10"/>
    </row>
    <row r="243687" spans="14:14">
      <c r="N243687" s="10"/>
    </row>
    <row r="243688" spans="14:14">
      <c r="N243688" s="10"/>
    </row>
    <row r="243689" spans="14:14">
      <c r="N243689" s="10"/>
    </row>
    <row r="243690" spans="14:14">
      <c r="N243690" s="10"/>
    </row>
    <row r="243691" spans="14:14">
      <c r="N243691" s="10"/>
    </row>
    <row r="243692" spans="14:14">
      <c r="N243692" s="10"/>
    </row>
    <row r="243693" spans="14:14">
      <c r="N243693" s="10"/>
    </row>
    <row r="243694" spans="14:14">
      <c r="N243694" s="10"/>
    </row>
    <row r="243695" spans="14:14">
      <c r="N243695" s="10"/>
    </row>
    <row r="243696" spans="14:14">
      <c r="N243696" s="10"/>
    </row>
    <row r="243697" spans="14:14">
      <c r="N243697" s="10"/>
    </row>
    <row r="243698" spans="14:14">
      <c r="N243698" s="10"/>
    </row>
    <row r="243699" spans="14:14">
      <c r="N243699" s="10"/>
    </row>
    <row r="243700" spans="14:14">
      <c r="N243700" s="10"/>
    </row>
    <row r="243701" spans="14:14">
      <c r="N243701" s="10"/>
    </row>
    <row r="243702" spans="14:14">
      <c r="N243702" s="10"/>
    </row>
    <row r="243703" spans="14:14">
      <c r="N243703" s="10"/>
    </row>
    <row r="243704" spans="14:14">
      <c r="N243704" s="10"/>
    </row>
    <row r="243705" spans="14:14">
      <c r="N243705" s="10"/>
    </row>
    <row r="243706" spans="14:14">
      <c r="N243706" s="10"/>
    </row>
    <row r="243707" spans="14:14">
      <c r="N243707" s="10"/>
    </row>
    <row r="243708" spans="14:14">
      <c r="N243708" s="10"/>
    </row>
    <row r="243709" spans="14:14">
      <c r="N243709" s="10"/>
    </row>
    <row r="243710" spans="14:14">
      <c r="N243710" s="10"/>
    </row>
    <row r="243711" spans="14:14">
      <c r="N243711" s="10"/>
    </row>
    <row r="243712" spans="14:14">
      <c r="N243712" s="10"/>
    </row>
    <row r="243713" spans="14:14">
      <c r="N243713" s="10"/>
    </row>
    <row r="243714" spans="14:14">
      <c r="N243714" s="10"/>
    </row>
    <row r="243715" spans="14:14">
      <c r="N243715" s="10"/>
    </row>
    <row r="243716" spans="14:14">
      <c r="N243716" s="10"/>
    </row>
    <row r="243717" spans="14:14">
      <c r="N243717" s="10"/>
    </row>
    <row r="243718" spans="14:14">
      <c r="N243718" s="10"/>
    </row>
    <row r="243719" spans="14:14">
      <c r="N243719" s="10"/>
    </row>
    <row r="243720" spans="14:14">
      <c r="N243720" s="10"/>
    </row>
    <row r="243721" spans="14:14">
      <c r="N243721" s="10"/>
    </row>
    <row r="243722" spans="14:14">
      <c r="N243722" s="10"/>
    </row>
    <row r="243723" spans="14:14">
      <c r="N243723" s="10"/>
    </row>
    <row r="243724" spans="14:14">
      <c r="N243724" s="10"/>
    </row>
    <row r="243725" spans="14:14">
      <c r="N243725" s="10"/>
    </row>
    <row r="243726" spans="14:14">
      <c r="N243726" s="10"/>
    </row>
    <row r="243727" spans="14:14">
      <c r="N243727" s="10"/>
    </row>
    <row r="243728" spans="14:14">
      <c r="N243728" s="10"/>
    </row>
    <row r="243729" spans="14:14">
      <c r="N243729" s="10"/>
    </row>
    <row r="243730" spans="14:14">
      <c r="N243730" s="10"/>
    </row>
    <row r="243731" spans="14:14">
      <c r="N243731" s="10"/>
    </row>
    <row r="243732" spans="14:14">
      <c r="N243732" s="10"/>
    </row>
    <row r="243733" spans="14:14">
      <c r="N243733" s="10"/>
    </row>
    <row r="243734" spans="14:14">
      <c r="N243734" s="10"/>
    </row>
    <row r="243735" spans="14:14">
      <c r="N243735" s="10"/>
    </row>
    <row r="243736" spans="14:14">
      <c r="N243736" s="10"/>
    </row>
    <row r="243737" spans="14:14">
      <c r="N243737" s="10"/>
    </row>
    <row r="243738" spans="14:14">
      <c r="N243738" s="10"/>
    </row>
    <row r="243739" spans="14:14">
      <c r="N243739" s="10"/>
    </row>
    <row r="243740" spans="14:14">
      <c r="N243740" s="10"/>
    </row>
    <row r="243741" spans="14:14">
      <c r="N243741" s="10"/>
    </row>
    <row r="243742" spans="14:14">
      <c r="N243742" s="10"/>
    </row>
    <row r="243743" spans="14:14">
      <c r="N243743" s="10"/>
    </row>
    <row r="243744" spans="14:14">
      <c r="N243744" s="10"/>
    </row>
    <row r="243745" spans="14:14">
      <c r="N243745" s="10"/>
    </row>
    <row r="243746" spans="14:14">
      <c r="N243746" s="10"/>
    </row>
    <row r="243747" spans="14:14">
      <c r="N243747" s="10"/>
    </row>
    <row r="243748" spans="14:14">
      <c r="N243748" s="10"/>
    </row>
    <row r="243749" spans="14:14">
      <c r="N243749" s="10"/>
    </row>
    <row r="243750" spans="14:14">
      <c r="N243750" s="10"/>
    </row>
    <row r="243751" spans="14:14">
      <c r="N243751" s="10"/>
    </row>
    <row r="243752" spans="14:14">
      <c r="N243752" s="10"/>
    </row>
    <row r="243753" spans="14:14">
      <c r="N243753" s="10"/>
    </row>
    <row r="243754" spans="14:14">
      <c r="N243754" s="10"/>
    </row>
    <row r="243755" spans="14:14">
      <c r="N243755" s="10"/>
    </row>
    <row r="243756" spans="14:14">
      <c r="N243756" s="10"/>
    </row>
    <row r="243757" spans="14:14">
      <c r="N243757" s="10"/>
    </row>
    <row r="243758" spans="14:14">
      <c r="N243758" s="10"/>
    </row>
    <row r="243759" spans="14:14">
      <c r="N243759" s="10"/>
    </row>
    <row r="243760" spans="14:14">
      <c r="N243760" s="10"/>
    </row>
    <row r="243761" spans="14:14">
      <c r="N243761" s="10"/>
    </row>
    <row r="243762" spans="14:14">
      <c r="N243762" s="10"/>
    </row>
    <row r="243763" spans="14:14">
      <c r="N243763" s="10"/>
    </row>
    <row r="243764" spans="14:14">
      <c r="N243764" s="10"/>
    </row>
    <row r="243765" spans="14:14">
      <c r="N243765" s="10"/>
    </row>
    <row r="243766" spans="14:14">
      <c r="N243766" s="10"/>
    </row>
    <row r="243767" spans="14:14">
      <c r="N243767" s="10"/>
    </row>
    <row r="243768" spans="14:14">
      <c r="N243768" s="10"/>
    </row>
    <row r="243769" spans="14:14">
      <c r="N243769" s="10"/>
    </row>
    <row r="243770" spans="14:14">
      <c r="N243770" s="10"/>
    </row>
    <row r="243771" spans="14:14">
      <c r="N243771" s="10"/>
    </row>
    <row r="243772" spans="14:14">
      <c r="N243772" s="10"/>
    </row>
    <row r="243773" spans="14:14">
      <c r="N243773" s="10"/>
    </row>
    <row r="243774" spans="14:14">
      <c r="N243774" s="10"/>
    </row>
    <row r="243775" spans="14:14">
      <c r="N243775" s="10"/>
    </row>
    <row r="243776" spans="14:14">
      <c r="N243776" s="10"/>
    </row>
    <row r="243777" spans="14:14">
      <c r="N243777" s="10"/>
    </row>
    <row r="243778" spans="14:14">
      <c r="N243778" s="10"/>
    </row>
    <row r="243779" spans="14:14">
      <c r="N243779" s="10"/>
    </row>
    <row r="243780" spans="14:14">
      <c r="N243780" s="10"/>
    </row>
    <row r="243781" spans="14:14">
      <c r="N243781" s="10"/>
    </row>
    <row r="243782" spans="14:14">
      <c r="N243782" s="10"/>
    </row>
    <row r="243783" spans="14:14">
      <c r="N243783" s="10"/>
    </row>
    <row r="243784" spans="14:14">
      <c r="N243784" s="10"/>
    </row>
    <row r="243785" spans="14:14">
      <c r="N243785" s="10"/>
    </row>
    <row r="243786" spans="14:14">
      <c r="N243786" s="10"/>
    </row>
    <row r="243787" spans="14:14">
      <c r="N243787" s="10"/>
    </row>
    <row r="243788" spans="14:14">
      <c r="N243788" s="10"/>
    </row>
    <row r="243789" spans="14:14">
      <c r="N243789" s="10"/>
    </row>
    <row r="243790" spans="14:14">
      <c r="N243790" s="10"/>
    </row>
    <row r="243791" spans="14:14">
      <c r="N243791" s="10"/>
    </row>
    <row r="243792" spans="14:14">
      <c r="N243792" s="10"/>
    </row>
    <row r="243793" spans="14:14">
      <c r="N243793" s="10"/>
    </row>
    <row r="243794" spans="14:14">
      <c r="N243794" s="10"/>
    </row>
    <row r="243795" spans="14:14">
      <c r="N243795" s="10"/>
    </row>
    <row r="243796" spans="14:14">
      <c r="N243796" s="10"/>
    </row>
    <row r="243797" spans="14:14">
      <c r="N243797" s="10"/>
    </row>
    <row r="243798" spans="14:14">
      <c r="N243798" s="10"/>
    </row>
    <row r="243799" spans="14:14">
      <c r="N243799" s="10"/>
    </row>
    <row r="243800" spans="14:14">
      <c r="N243800" s="10"/>
    </row>
    <row r="243801" spans="14:14">
      <c r="N243801" s="10"/>
    </row>
    <row r="243802" spans="14:14">
      <c r="N243802" s="10"/>
    </row>
    <row r="243803" spans="14:14">
      <c r="N243803" s="10"/>
    </row>
    <row r="243804" spans="14:14">
      <c r="N243804" s="10"/>
    </row>
    <row r="243805" spans="14:14">
      <c r="N243805" s="10"/>
    </row>
    <row r="243806" spans="14:14">
      <c r="N243806" s="10"/>
    </row>
    <row r="243807" spans="14:14">
      <c r="N243807" s="10"/>
    </row>
    <row r="243808" spans="14:14">
      <c r="N243808" s="10"/>
    </row>
    <row r="243809" spans="14:14">
      <c r="N243809" s="10"/>
    </row>
    <row r="243810" spans="14:14">
      <c r="N243810" s="10"/>
    </row>
    <row r="243811" spans="14:14">
      <c r="N243811" s="10"/>
    </row>
    <row r="243812" spans="14:14">
      <c r="N243812" s="10"/>
    </row>
    <row r="243813" spans="14:14">
      <c r="N243813" s="10"/>
    </row>
    <row r="243814" spans="14:14">
      <c r="N243814" s="10"/>
    </row>
    <row r="243815" spans="14:14">
      <c r="N243815" s="10"/>
    </row>
    <row r="243816" spans="14:14">
      <c r="N243816" s="10"/>
    </row>
    <row r="243817" spans="14:14">
      <c r="N243817" s="10"/>
    </row>
    <row r="243818" spans="14:14">
      <c r="N243818" s="10"/>
    </row>
    <row r="243819" spans="14:14">
      <c r="N243819" s="10"/>
    </row>
    <row r="243820" spans="14:14">
      <c r="N243820" s="10"/>
    </row>
    <row r="243821" spans="14:14">
      <c r="N243821" s="10"/>
    </row>
    <row r="243822" spans="14:14">
      <c r="N243822" s="10"/>
    </row>
    <row r="243823" spans="14:14">
      <c r="N243823" s="10"/>
    </row>
    <row r="243824" spans="14:14">
      <c r="N243824" s="10"/>
    </row>
    <row r="243825" spans="14:14">
      <c r="N243825" s="10"/>
    </row>
    <row r="243826" spans="14:14">
      <c r="N243826" s="10"/>
    </row>
    <row r="243827" spans="14:14">
      <c r="N243827" s="10"/>
    </row>
    <row r="243828" spans="14:14">
      <c r="N243828" s="10"/>
    </row>
    <row r="243829" spans="14:14">
      <c r="N243829" s="10"/>
    </row>
    <row r="243830" spans="14:14">
      <c r="N243830" s="10"/>
    </row>
    <row r="243831" spans="14:14">
      <c r="N243831" s="10"/>
    </row>
    <row r="243832" spans="14:14">
      <c r="N243832" s="10"/>
    </row>
    <row r="243833" spans="14:14">
      <c r="N243833" s="10"/>
    </row>
    <row r="243834" spans="14:14">
      <c r="N243834" s="10"/>
    </row>
    <row r="243835" spans="14:14">
      <c r="N243835" s="10"/>
    </row>
    <row r="243836" spans="14:14">
      <c r="N243836" s="10"/>
    </row>
    <row r="243837" spans="14:14">
      <c r="N243837" s="10"/>
    </row>
    <row r="243838" spans="14:14">
      <c r="N243838" s="10"/>
    </row>
    <row r="243839" spans="14:14">
      <c r="N243839" s="10"/>
    </row>
    <row r="243840" spans="14:14">
      <c r="N243840" s="10"/>
    </row>
    <row r="243841" spans="14:14">
      <c r="N243841" s="10"/>
    </row>
    <row r="243842" spans="14:14">
      <c r="N243842" s="10"/>
    </row>
    <row r="243843" spans="14:14">
      <c r="N243843" s="10"/>
    </row>
    <row r="243844" spans="14:14">
      <c r="N243844" s="10"/>
    </row>
    <row r="243845" spans="14:14">
      <c r="N243845" s="10"/>
    </row>
    <row r="243846" spans="14:14">
      <c r="N243846" s="10"/>
    </row>
    <row r="243847" spans="14:14">
      <c r="N243847" s="10"/>
    </row>
    <row r="243848" spans="14:14">
      <c r="N243848" s="10"/>
    </row>
    <row r="243849" spans="14:14">
      <c r="N243849" s="10"/>
    </row>
    <row r="243850" spans="14:14">
      <c r="N243850" s="10"/>
    </row>
    <row r="243851" spans="14:14">
      <c r="N243851" s="10"/>
    </row>
    <row r="243852" spans="14:14">
      <c r="N243852" s="10"/>
    </row>
    <row r="243853" spans="14:14">
      <c r="N243853" s="10"/>
    </row>
    <row r="243854" spans="14:14">
      <c r="N243854" s="10"/>
    </row>
    <row r="243855" spans="14:14">
      <c r="N243855" s="10"/>
    </row>
    <row r="243856" spans="14:14">
      <c r="N243856" s="10"/>
    </row>
    <row r="243857" spans="14:14">
      <c r="N243857" s="10"/>
    </row>
    <row r="243858" spans="14:14">
      <c r="N243858" s="10"/>
    </row>
    <row r="243859" spans="14:14">
      <c r="N243859" s="10"/>
    </row>
    <row r="243860" spans="14:14">
      <c r="N243860" s="10"/>
    </row>
    <row r="243861" spans="14:14">
      <c r="N243861" s="10"/>
    </row>
    <row r="243862" spans="14:14">
      <c r="N243862" s="10"/>
    </row>
    <row r="243863" spans="14:14">
      <c r="N243863" s="10"/>
    </row>
    <row r="243864" spans="14:14">
      <c r="N243864" s="10"/>
    </row>
    <row r="243865" spans="14:14">
      <c r="N243865" s="10"/>
    </row>
    <row r="243866" spans="14:14">
      <c r="N243866" s="10"/>
    </row>
    <row r="243867" spans="14:14">
      <c r="N243867" s="10"/>
    </row>
    <row r="243868" spans="14:14">
      <c r="N243868" s="10"/>
    </row>
    <row r="243869" spans="14:14">
      <c r="N243869" s="10"/>
    </row>
    <row r="243870" spans="14:14">
      <c r="N243870" s="10"/>
    </row>
    <row r="243871" spans="14:14">
      <c r="N243871" s="10"/>
    </row>
    <row r="243872" spans="14:14">
      <c r="N243872" s="10"/>
    </row>
    <row r="243873" spans="14:14">
      <c r="N243873" s="10"/>
    </row>
    <row r="243874" spans="14:14">
      <c r="N243874" s="10"/>
    </row>
    <row r="243875" spans="14:14">
      <c r="N243875" s="10"/>
    </row>
    <row r="243876" spans="14:14">
      <c r="N243876" s="10"/>
    </row>
    <row r="243877" spans="14:14">
      <c r="N243877" s="10"/>
    </row>
    <row r="243878" spans="14:14">
      <c r="N243878" s="10"/>
    </row>
    <row r="243879" spans="14:14">
      <c r="N243879" s="10"/>
    </row>
    <row r="243880" spans="14:14">
      <c r="N243880" s="10"/>
    </row>
    <row r="243881" spans="14:14">
      <c r="N243881" s="10"/>
    </row>
    <row r="243882" spans="14:14">
      <c r="N243882" s="10"/>
    </row>
    <row r="243883" spans="14:14">
      <c r="N243883" s="10"/>
    </row>
    <row r="243884" spans="14:14">
      <c r="N243884" s="10"/>
    </row>
    <row r="243885" spans="14:14">
      <c r="N243885" s="10"/>
    </row>
    <row r="243886" spans="14:14">
      <c r="N243886" s="10"/>
    </row>
    <row r="243887" spans="14:14">
      <c r="N243887" s="10"/>
    </row>
    <row r="243888" spans="14:14">
      <c r="N243888" s="10"/>
    </row>
    <row r="243889" spans="14:14">
      <c r="N243889" s="10"/>
    </row>
    <row r="243890" spans="14:14">
      <c r="N243890" s="10"/>
    </row>
    <row r="243891" spans="14:14">
      <c r="N243891" s="10"/>
    </row>
    <row r="243892" spans="14:14">
      <c r="N243892" s="10"/>
    </row>
    <row r="243893" spans="14:14">
      <c r="N243893" s="10"/>
    </row>
    <row r="243894" spans="14:14">
      <c r="N243894" s="10"/>
    </row>
    <row r="243895" spans="14:14">
      <c r="N243895" s="10"/>
    </row>
    <row r="243896" spans="14:14">
      <c r="N243896" s="10"/>
    </row>
    <row r="243897" spans="14:14">
      <c r="N243897" s="10"/>
    </row>
    <row r="243898" spans="14:14">
      <c r="N243898" s="10"/>
    </row>
    <row r="243899" spans="14:14">
      <c r="N243899" s="10"/>
    </row>
    <row r="243900" spans="14:14">
      <c r="N243900" s="10"/>
    </row>
    <row r="243901" spans="14:14">
      <c r="N243901" s="10"/>
    </row>
    <row r="243902" spans="14:14">
      <c r="N243902" s="10"/>
    </row>
    <row r="243903" spans="14:14">
      <c r="N243903" s="10"/>
    </row>
    <row r="243904" spans="14:14">
      <c r="N243904" s="10"/>
    </row>
    <row r="243905" spans="14:14">
      <c r="N243905" s="10"/>
    </row>
    <row r="243906" spans="14:14">
      <c r="N243906" s="10"/>
    </row>
    <row r="243907" spans="14:14">
      <c r="N243907" s="10"/>
    </row>
    <row r="243908" spans="14:14">
      <c r="N243908" s="10"/>
    </row>
    <row r="243909" spans="14:14">
      <c r="N243909" s="10"/>
    </row>
    <row r="243910" spans="14:14">
      <c r="N243910" s="10"/>
    </row>
    <row r="243911" spans="14:14">
      <c r="N243911" s="10"/>
    </row>
    <row r="243912" spans="14:14">
      <c r="N243912" s="10"/>
    </row>
    <row r="243913" spans="14:14">
      <c r="N243913" s="10"/>
    </row>
    <row r="243914" spans="14:14">
      <c r="N243914" s="10"/>
    </row>
    <row r="243915" spans="14:14">
      <c r="N243915" s="10"/>
    </row>
    <row r="243916" spans="14:14">
      <c r="N243916" s="10"/>
    </row>
    <row r="243917" spans="14:14">
      <c r="N243917" s="10"/>
    </row>
    <row r="243918" spans="14:14">
      <c r="N243918" s="10"/>
    </row>
    <row r="243919" spans="14:14">
      <c r="N243919" s="10"/>
    </row>
    <row r="243920" spans="14:14">
      <c r="N243920" s="10"/>
    </row>
    <row r="243921" spans="14:14">
      <c r="N243921" s="10"/>
    </row>
    <row r="243922" spans="14:14">
      <c r="N243922" s="10"/>
    </row>
    <row r="243923" spans="14:14">
      <c r="N243923" s="10"/>
    </row>
    <row r="243924" spans="14:14">
      <c r="N243924" s="10"/>
    </row>
    <row r="243925" spans="14:14">
      <c r="N243925" s="10"/>
    </row>
    <row r="243926" spans="14:14">
      <c r="N243926" s="10"/>
    </row>
    <row r="243927" spans="14:14">
      <c r="N243927" s="10"/>
    </row>
    <row r="243928" spans="14:14">
      <c r="N243928" s="10"/>
    </row>
    <row r="243929" spans="14:14">
      <c r="N243929" s="10"/>
    </row>
    <row r="243930" spans="14:14">
      <c r="N243930" s="10"/>
    </row>
    <row r="243931" spans="14:14">
      <c r="N243931" s="10"/>
    </row>
    <row r="243932" spans="14:14">
      <c r="N243932" s="10"/>
    </row>
    <row r="243933" spans="14:14">
      <c r="N243933" s="10"/>
    </row>
    <row r="243934" spans="14:14">
      <c r="N243934" s="10"/>
    </row>
    <row r="243935" spans="14:14">
      <c r="N243935" s="10"/>
    </row>
    <row r="243936" spans="14:14">
      <c r="N243936" s="10"/>
    </row>
    <row r="243937" spans="14:14">
      <c r="N243937" s="10"/>
    </row>
    <row r="243938" spans="14:14">
      <c r="N243938" s="10"/>
    </row>
    <row r="243939" spans="14:14">
      <c r="N243939" s="10"/>
    </row>
    <row r="243940" spans="14:14">
      <c r="N243940" s="10"/>
    </row>
    <row r="243941" spans="14:14">
      <c r="N243941" s="10"/>
    </row>
    <row r="243942" spans="14:14">
      <c r="N243942" s="10"/>
    </row>
    <row r="243943" spans="14:14">
      <c r="N243943" s="10"/>
    </row>
    <row r="243944" spans="14:14">
      <c r="N243944" s="10"/>
    </row>
    <row r="243945" spans="14:14">
      <c r="N243945" s="10"/>
    </row>
    <row r="243946" spans="14:14">
      <c r="N243946" s="10"/>
    </row>
    <row r="243947" spans="14:14">
      <c r="N243947" s="10"/>
    </row>
    <row r="243948" spans="14:14">
      <c r="N243948" s="10"/>
    </row>
    <row r="243949" spans="14:14">
      <c r="N243949" s="10"/>
    </row>
    <row r="243950" spans="14:14">
      <c r="N243950" s="10"/>
    </row>
    <row r="243951" spans="14:14">
      <c r="N243951" s="10"/>
    </row>
    <row r="243952" spans="14:14">
      <c r="N243952" s="10"/>
    </row>
    <row r="243953" spans="14:14">
      <c r="N243953" s="10"/>
    </row>
    <row r="243954" spans="14:14">
      <c r="N243954" s="10"/>
    </row>
    <row r="243955" spans="14:14">
      <c r="N243955" s="10"/>
    </row>
    <row r="243956" spans="14:14">
      <c r="N243956" s="10"/>
    </row>
    <row r="243957" spans="14:14">
      <c r="N243957" s="10"/>
    </row>
    <row r="243958" spans="14:14">
      <c r="N243958" s="10"/>
    </row>
    <row r="243959" spans="14:14">
      <c r="N243959" s="10"/>
    </row>
    <row r="243960" spans="14:14">
      <c r="N243960" s="10"/>
    </row>
    <row r="243961" spans="14:14">
      <c r="N243961" s="10"/>
    </row>
    <row r="243962" spans="14:14">
      <c r="N243962" s="10"/>
    </row>
    <row r="243963" spans="14:14">
      <c r="N243963" s="10"/>
    </row>
    <row r="243964" spans="14:14">
      <c r="N243964" s="10"/>
    </row>
    <row r="243965" spans="14:14">
      <c r="N243965" s="10"/>
    </row>
    <row r="243966" spans="14:14">
      <c r="N243966" s="10"/>
    </row>
    <row r="243967" spans="14:14">
      <c r="N243967" s="10"/>
    </row>
    <row r="243968" spans="14:14">
      <c r="N243968" s="10"/>
    </row>
    <row r="243969" spans="14:14">
      <c r="N243969" s="10"/>
    </row>
    <row r="243970" spans="14:14">
      <c r="N243970" s="10"/>
    </row>
    <row r="243971" spans="14:14">
      <c r="N243971" s="10"/>
    </row>
    <row r="243972" spans="14:14">
      <c r="N243972" s="10"/>
    </row>
    <row r="243973" spans="14:14">
      <c r="N243973" s="10"/>
    </row>
    <row r="243974" spans="14:14">
      <c r="N243974" s="10"/>
    </row>
    <row r="243975" spans="14:14">
      <c r="N243975" s="10"/>
    </row>
    <row r="243976" spans="14:14">
      <c r="N243976" s="10"/>
    </row>
    <row r="243977" spans="14:14">
      <c r="N243977" s="10"/>
    </row>
    <row r="243978" spans="14:14">
      <c r="N243978" s="10"/>
    </row>
    <row r="243979" spans="14:14">
      <c r="N243979" s="10"/>
    </row>
    <row r="243980" spans="14:14">
      <c r="N243980" s="10"/>
    </row>
    <row r="243981" spans="14:14">
      <c r="N243981" s="10"/>
    </row>
    <row r="243982" spans="14:14">
      <c r="N243982" s="10"/>
    </row>
    <row r="243983" spans="14:14">
      <c r="N243983" s="10"/>
    </row>
    <row r="243984" spans="14:14">
      <c r="N243984" s="10"/>
    </row>
    <row r="243985" spans="14:14">
      <c r="N243985" s="10"/>
    </row>
    <row r="243986" spans="14:14">
      <c r="N243986" s="10"/>
    </row>
    <row r="243987" spans="14:14">
      <c r="N243987" s="10"/>
    </row>
    <row r="243988" spans="14:14">
      <c r="N243988" s="10"/>
    </row>
    <row r="243989" spans="14:14">
      <c r="N243989" s="10"/>
    </row>
    <row r="243990" spans="14:14">
      <c r="N243990" s="10"/>
    </row>
    <row r="243991" spans="14:14">
      <c r="N243991" s="10"/>
    </row>
    <row r="243992" spans="14:14">
      <c r="N243992" s="10"/>
    </row>
    <row r="243993" spans="14:14">
      <c r="N243993" s="10"/>
    </row>
    <row r="243994" spans="14:14">
      <c r="N243994" s="10"/>
    </row>
    <row r="243995" spans="14:14">
      <c r="N243995" s="10"/>
    </row>
    <row r="243996" spans="14:14">
      <c r="N243996" s="10"/>
    </row>
    <row r="243997" spans="14:14">
      <c r="N243997" s="10"/>
    </row>
    <row r="243998" spans="14:14">
      <c r="N243998" s="10"/>
    </row>
    <row r="243999" spans="14:14">
      <c r="N243999" s="10"/>
    </row>
    <row r="244000" spans="14:14">
      <c r="N244000" s="10"/>
    </row>
    <row r="244001" spans="14:14">
      <c r="N244001" s="10"/>
    </row>
    <row r="244002" spans="14:14">
      <c r="N244002" s="10"/>
    </row>
    <row r="244003" spans="14:14">
      <c r="N244003" s="10"/>
    </row>
    <row r="244004" spans="14:14">
      <c r="N244004" s="10"/>
    </row>
    <row r="244005" spans="14:14">
      <c r="N244005" s="10"/>
    </row>
    <row r="244006" spans="14:14">
      <c r="N244006" s="10"/>
    </row>
    <row r="244007" spans="14:14">
      <c r="N244007" s="10"/>
    </row>
    <row r="244008" spans="14:14">
      <c r="N244008" s="10"/>
    </row>
    <row r="244009" spans="14:14">
      <c r="N244009" s="10"/>
    </row>
    <row r="244010" spans="14:14">
      <c r="N244010" s="10"/>
    </row>
    <row r="244011" spans="14:14">
      <c r="N244011" s="10"/>
    </row>
    <row r="244012" spans="14:14">
      <c r="N244012" s="10"/>
    </row>
    <row r="244013" spans="14:14">
      <c r="N244013" s="10"/>
    </row>
    <row r="244014" spans="14:14">
      <c r="N244014" s="10"/>
    </row>
    <row r="244015" spans="14:14">
      <c r="N244015" s="10"/>
    </row>
    <row r="244016" spans="14:14">
      <c r="N244016" s="10"/>
    </row>
    <row r="244017" spans="14:14">
      <c r="N244017" s="10"/>
    </row>
    <row r="244018" spans="14:14">
      <c r="N244018" s="10"/>
    </row>
    <row r="244019" spans="14:14">
      <c r="N244019" s="10"/>
    </row>
    <row r="244020" spans="14:14">
      <c r="N244020" s="10"/>
    </row>
    <row r="244021" spans="14:14">
      <c r="N244021" s="10"/>
    </row>
    <row r="244022" spans="14:14">
      <c r="N244022" s="10"/>
    </row>
    <row r="244023" spans="14:14">
      <c r="N244023" s="10"/>
    </row>
    <row r="244024" spans="14:14">
      <c r="N244024" s="10"/>
    </row>
    <row r="244025" spans="14:14">
      <c r="N244025" s="10"/>
    </row>
    <row r="244026" spans="14:14">
      <c r="N244026" s="10"/>
    </row>
    <row r="244027" spans="14:14">
      <c r="N244027" s="10"/>
    </row>
    <row r="244028" spans="14:14">
      <c r="N244028" s="10"/>
    </row>
    <row r="244029" spans="14:14">
      <c r="N244029" s="10"/>
    </row>
    <row r="244030" spans="14:14">
      <c r="N244030" s="10"/>
    </row>
    <row r="244031" spans="14:14">
      <c r="N244031" s="10"/>
    </row>
    <row r="244032" spans="14:14">
      <c r="N244032" s="10"/>
    </row>
    <row r="244033" spans="14:14">
      <c r="N244033" s="10"/>
    </row>
    <row r="244034" spans="14:14">
      <c r="N244034" s="10"/>
    </row>
    <row r="244035" spans="14:14">
      <c r="N244035" s="10"/>
    </row>
    <row r="244036" spans="14:14">
      <c r="N244036" s="10"/>
    </row>
    <row r="244037" spans="14:14">
      <c r="N244037" s="10"/>
    </row>
    <row r="244038" spans="14:14">
      <c r="N244038" s="10"/>
    </row>
    <row r="244039" spans="14:14">
      <c r="N244039" s="10"/>
    </row>
    <row r="244040" spans="14:14">
      <c r="N244040" s="10"/>
    </row>
    <row r="244041" spans="14:14">
      <c r="N244041" s="10"/>
    </row>
    <row r="244042" spans="14:14">
      <c r="N244042" s="10"/>
    </row>
    <row r="244043" spans="14:14">
      <c r="N244043" s="10"/>
    </row>
    <row r="244044" spans="14:14">
      <c r="N244044" s="10"/>
    </row>
    <row r="244045" spans="14:14">
      <c r="N244045" s="10"/>
    </row>
    <row r="244046" spans="14:14">
      <c r="N244046" s="10"/>
    </row>
    <row r="244047" spans="14:14">
      <c r="N244047" s="10"/>
    </row>
    <row r="244048" spans="14:14">
      <c r="N244048" s="10"/>
    </row>
    <row r="244049" spans="14:14">
      <c r="N244049" s="10"/>
    </row>
    <row r="244050" spans="14:14">
      <c r="N244050" s="10"/>
    </row>
    <row r="244051" spans="14:14">
      <c r="N244051" s="10"/>
    </row>
    <row r="244052" spans="14:14">
      <c r="N244052" s="10"/>
    </row>
    <row r="244053" spans="14:14">
      <c r="N244053" s="10"/>
    </row>
    <row r="244054" spans="14:14">
      <c r="N244054" s="10"/>
    </row>
    <row r="244055" spans="14:14">
      <c r="N244055" s="10"/>
    </row>
    <row r="244056" spans="14:14">
      <c r="N244056" s="10"/>
    </row>
    <row r="244057" spans="14:14">
      <c r="N244057" s="10"/>
    </row>
    <row r="244058" spans="14:14">
      <c r="N244058" s="10"/>
    </row>
    <row r="244059" spans="14:14">
      <c r="N244059" s="10"/>
    </row>
    <row r="244060" spans="14:14">
      <c r="N244060" s="10"/>
    </row>
    <row r="244061" spans="14:14">
      <c r="N244061" s="10"/>
    </row>
    <row r="244062" spans="14:14">
      <c r="N244062" s="10"/>
    </row>
    <row r="244063" spans="14:14">
      <c r="N244063" s="10"/>
    </row>
    <row r="244064" spans="14:14">
      <c r="N244064" s="10"/>
    </row>
    <row r="244065" spans="14:14">
      <c r="N244065" s="10"/>
    </row>
    <row r="244066" spans="14:14">
      <c r="N244066" s="10"/>
    </row>
    <row r="244067" spans="14:14">
      <c r="N244067" s="10"/>
    </row>
    <row r="244068" spans="14:14">
      <c r="N244068" s="10"/>
    </row>
    <row r="244069" spans="14:14">
      <c r="N244069" s="10"/>
    </row>
    <row r="244070" spans="14:14">
      <c r="N244070" s="10"/>
    </row>
    <row r="244071" spans="14:14">
      <c r="N244071" s="10"/>
    </row>
    <row r="244072" spans="14:14">
      <c r="N244072" s="10"/>
    </row>
    <row r="244073" spans="14:14">
      <c r="N244073" s="10"/>
    </row>
    <row r="244074" spans="14:14">
      <c r="N244074" s="10"/>
    </row>
    <row r="244075" spans="14:14">
      <c r="N244075" s="10"/>
    </row>
    <row r="244076" spans="14:14">
      <c r="N244076" s="10"/>
    </row>
    <row r="244077" spans="14:14">
      <c r="N244077" s="10"/>
    </row>
    <row r="244078" spans="14:14">
      <c r="N244078" s="10"/>
    </row>
    <row r="244079" spans="14:14">
      <c r="N244079" s="10"/>
    </row>
    <row r="244080" spans="14:14">
      <c r="N244080" s="10"/>
    </row>
    <row r="244081" spans="14:14">
      <c r="N244081" s="10"/>
    </row>
    <row r="244082" spans="14:14">
      <c r="N244082" s="10"/>
    </row>
    <row r="244083" spans="14:14">
      <c r="N244083" s="10"/>
    </row>
    <row r="244084" spans="14:14">
      <c r="N244084" s="10"/>
    </row>
    <row r="244085" spans="14:14">
      <c r="N244085" s="10"/>
    </row>
    <row r="244086" spans="14:14">
      <c r="N244086" s="10"/>
    </row>
    <row r="244087" spans="14:14">
      <c r="N244087" s="10"/>
    </row>
    <row r="244088" spans="14:14">
      <c r="N244088" s="10"/>
    </row>
    <row r="244089" spans="14:14">
      <c r="N244089" s="10"/>
    </row>
    <row r="244090" spans="14:14">
      <c r="N244090" s="10"/>
    </row>
    <row r="244091" spans="14:14">
      <c r="N244091" s="10"/>
    </row>
    <row r="244092" spans="14:14">
      <c r="N244092" s="10"/>
    </row>
    <row r="244093" spans="14:14">
      <c r="N244093" s="10"/>
    </row>
    <row r="244094" spans="14:14">
      <c r="N244094" s="10"/>
    </row>
    <row r="244095" spans="14:14">
      <c r="N244095" s="10"/>
    </row>
    <row r="244096" spans="14:14">
      <c r="N244096" s="10"/>
    </row>
    <row r="244097" spans="14:14">
      <c r="N244097" s="10"/>
    </row>
    <row r="244098" spans="14:14">
      <c r="N244098" s="10"/>
    </row>
    <row r="244099" spans="14:14">
      <c r="N244099" s="10"/>
    </row>
    <row r="244100" spans="14:14">
      <c r="N244100" s="10"/>
    </row>
    <row r="244101" spans="14:14">
      <c r="N244101" s="10"/>
    </row>
    <row r="244102" spans="14:14">
      <c r="N244102" s="10"/>
    </row>
    <row r="244103" spans="14:14">
      <c r="N244103" s="10"/>
    </row>
    <row r="244104" spans="14:14">
      <c r="N244104" s="10"/>
    </row>
    <row r="244105" spans="14:14">
      <c r="N244105" s="10"/>
    </row>
    <row r="244106" spans="14:14">
      <c r="N244106" s="10"/>
    </row>
    <row r="244107" spans="14:14">
      <c r="N244107" s="10"/>
    </row>
    <row r="244108" spans="14:14">
      <c r="N244108" s="10"/>
    </row>
    <row r="244109" spans="14:14">
      <c r="N244109" s="10"/>
    </row>
    <row r="244110" spans="14:14">
      <c r="N244110" s="10"/>
    </row>
    <row r="244111" spans="14:14">
      <c r="N244111" s="10"/>
    </row>
    <row r="244112" spans="14:14">
      <c r="N244112" s="10"/>
    </row>
    <row r="244113" spans="14:14">
      <c r="N244113" s="10"/>
    </row>
    <row r="244114" spans="14:14">
      <c r="N244114" s="10"/>
    </row>
    <row r="244115" spans="14:14">
      <c r="N244115" s="10"/>
    </row>
    <row r="244116" spans="14:14">
      <c r="N244116" s="10"/>
    </row>
    <row r="244117" spans="14:14">
      <c r="N244117" s="10"/>
    </row>
    <row r="244118" spans="14:14">
      <c r="N244118" s="10"/>
    </row>
    <row r="244119" spans="14:14">
      <c r="N244119" s="10"/>
    </row>
    <row r="244120" spans="14:14">
      <c r="N244120" s="10"/>
    </row>
    <row r="244121" spans="14:14">
      <c r="N244121" s="10"/>
    </row>
    <row r="244122" spans="14:14">
      <c r="N244122" s="10"/>
    </row>
    <row r="244123" spans="14:14">
      <c r="N244123" s="10"/>
    </row>
    <row r="244124" spans="14:14">
      <c r="N244124" s="10"/>
    </row>
    <row r="244125" spans="14:14">
      <c r="N244125" s="10"/>
    </row>
    <row r="244126" spans="14:14">
      <c r="N244126" s="10"/>
    </row>
    <row r="244127" spans="14:14">
      <c r="N244127" s="10"/>
    </row>
    <row r="244128" spans="14:14">
      <c r="N244128" s="10"/>
    </row>
    <row r="244129" spans="14:14">
      <c r="N244129" s="10"/>
    </row>
    <row r="244130" spans="14:14">
      <c r="N244130" s="10"/>
    </row>
    <row r="244131" spans="14:14">
      <c r="N244131" s="10"/>
    </row>
    <row r="244132" spans="14:14">
      <c r="N244132" s="10"/>
    </row>
    <row r="244133" spans="14:14">
      <c r="N244133" s="10"/>
    </row>
    <row r="244134" spans="14:14">
      <c r="N244134" s="10"/>
    </row>
    <row r="244135" spans="14:14">
      <c r="N244135" s="10"/>
    </row>
    <row r="244136" spans="14:14">
      <c r="N244136" s="10"/>
    </row>
    <row r="244137" spans="14:14">
      <c r="N244137" s="10"/>
    </row>
    <row r="244138" spans="14:14">
      <c r="N244138" s="10"/>
    </row>
    <row r="244139" spans="14:14">
      <c r="N244139" s="10"/>
    </row>
    <row r="244140" spans="14:14">
      <c r="N244140" s="10"/>
    </row>
    <row r="244141" spans="14:14">
      <c r="N244141" s="10"/>
    </row>
    <row r="244142" spans="14:14">
      <c r="N244142" s="10"/>
    </row>
    <row r="244143" spans="14:14">
      <c r="N244143" s="10"/>
    </row>
    <row r="244144" spans="14:14">
      <c r="N244144" s="10"/>
    </row>
    <row r="244145" spans="14:14">
      <c r="N244145" s="10"/>
    </row>
    <row r="244146" spans="14:14">
      <c r="N244146" s="10"/>
    </row>
    <row r="244147" spans="14:14">
      <c r="N244147" s="10"/>
    </row>
    <row r="244148" spans="14:14">
      <c r="N244148" s="10"/>
    </row>
    <row r="244149" spans="14:14">
      <c r="N244149" s="10"/>
    </row>
    <row r="244150" spans="14:14">
      <c r="N244150" s="10"/>
    </row>
    <row r="244151" spans="14:14">
      <c r="N244151" s="10"/>
    </row>
    <row r="244152" spans="14:14">
      <c r="N244152" s="10"/>
    </row>
    <row r="244153" spans="14:14">
      <c r="N244153" s="10"/>
    </row>
    <row r="244154" spans="14:14">
      <c r="N244154" s="10"/>
    </row>
    <row r="244155" spans="14:14">
      <c r="N244155" s="10"/>
    </row>
    <row r="244156" spans="14:14">
      <c r="N244156" s="10"/>
    </row>
    <row r="244157" spans="14:14">
      <c r="N244157" s="10"/>
    </row>
    <row r="244158" spans="14:14">
      <c r="N244158" s="10"/>
    </row>
    <row r="244159" spans="14:14">
      <c r="N244159" s="10"/>
    </row>
    <row r="244160" spans="14:14">
      <c r="N244160" s="10"/>
    </row>
    <row r="244161" spans="14:14">
      <c r="N244161" s="10"/>
    </row>
    <row r="244162" spans="14:14">
      <c r="N244162" s="10"/>
    </row>
    <row r="244163" spans="14:14">
      <c r="N244163" s="10"/>
    </row>
    <row r="244164" spans="14:14">
      <c r="N244164" s="10"/>
    </row>
    <row r="244165" spans="14:14">
      <c r="N244165" s="10"/>
    </row>
    <row r="244166" spans="14:14">
      <c r="N244166" s="10"/>
    </row>
    <row r="244167" spans="14:14">
      <c r="N244167" s="10"/>
    </row>
    <row r="244168" spans="14:14">
      <c r="N244168" s="10"/>
    </row>
    <row r="244169" spans="14:14">
      <c r="N244169" s="10"/>
    </row>
    <row r="244170" spans="14:14">
      <c r="N244170" s="10"/>
    </row>
    <row r="244171" spans="14:14">
      <c r="N244171" s="10"/>
    </row>
    <row r="244172" spans="14:14">
      <c r="N244172" s="10"/>
    </row>
    <row r="244173" spans="14:14">
      <c r="N244173" s="10"/>
    </row>
    <row r="244174" spans="14:14">
      <c r="N244174" s="10"/>
    </row>
    <row r="244175" spans="14:14">
      <c r="N244175" s="10"/>
    </row>
    <row r="244176" spans="14:14">
      <c r="N244176" s="10"/>
    </row>
    <row r="244177" spans="14:14">
      <c r="N244177" s="10"/>
    </row>
    <row r="244178" spans="14:14">
      <c r="N244178" s="10"/>
    </row>
    <row r="244179" spans="14:14">
      <c r="N244179" s="10"/>
    </row>
    <row r="244180" spans="14:14">
      <c r="N244180" s="10"/>
    </row>
    <row r="244181" spans="14:14">
      <c r="N244181" s="10"/>
    </row>
    <row r="244182" spans="14:14">
      <c r="N244182" s="10"/>
    </row>
    <row r="244183" spans="14:14">
      <c r="N244183" s="10"/>
    </row>
    <row r="244184" spans="14:14">
      <c r="N244184" s="10"/>
    </row>
    <row r="244185" spans="14:14">
      <c r="N244185" s="10"/>
    </row>
    <row r="244186" spans="14:14">
      <c r="N244186" s="10"/>
    </row>
    <row r="244187" spans="14:14">
      <c r="N244187" s="10"/>
    </row>
    <row r="244188" spans="14:14">
      <c r="N244188" s="10"/>
    </row>
    <row r="244189" spans="14:14">
      <c r="N244189" s="10"/>
    </row>
    <row r="244190" spans="14:14">
      <c r="N244190" s="10"/>
    </row>
    <row r="244191" spans="14:14">
      <c r="N244191" s="10"/>
    </row>
    <row r="244192" spans="14:14">
      <c r="N244192" s="10"/>
    </row>
    <row r="244193" spans="14:14">
      <c r="N244193" s="10"/>
    </row>
    <row r="244194" spans="14:14">
      <c r="N244194" s="10"/>
    </row>
    <row r="244195" spans="14:14">
      <c r="N244195" s="10"/>
    </row>
    <row r="244196" spans="14:14">
      <c r="N244196" s="10"/>
    </row>
    <row r="244197" spans="14:14">
      <c r="N244197" s="10"/>
    </row>
    <row r="244198" spans="14:14">
      <c r="N244198" s="10"/>
    </row>
    <row r="244199" spans="14:14">
      <c r="N244199" s="10"/>
    </row>
    <row r="244200" spans="14:14">
      <c r="N244200" s="10"/>
    </row>
    <row r="244201" spans="14:14">
      <c r="N244201" s="10"/>
    </row>
    <row r="244202" spans="14:14">
      <c r="N244202" s="10"/>
    </row>
    <row r="244203" spans="14:14">
      <c r="N244203" s="10"/>
    </row>
    <row r="244204" spans="14:14">
      <c r="N244204" s="10"/>
    </row>
    <row r="244205" spans="14:14">
      <c r="N244205" s="10"/>
    </row>
    <row r="244206" spans="14:14">
      <c r="N244206" s="10"/>
    </row>
    <row r="244207" spans="14:14">
      <c r="N244207" s="10"/>
    </row>
    <row r="244208" spans="14:14">
      <c r="N244208" s="10"/>
    </row>
    <row r="244209" spans="14:14">
      <c r="N244209" s="10"/>
    </row>
    <row r="244210" spans="14:14">
      <c r="N244210" s="10"/>
    </row>
    <row r="244211" spans="14:14">
      <c r="N244211" s="10"/>
    </row>
    <row r="244212" spans="14:14">
      <c r="N244212" s="10"/>
    </row>
    <row r="244213" spans="14:14">
      <c r="N244213" s="10"/>
    </row>
    <row r="244214" spans="14:14">
      <c r="N244214" s="10"/>
    </row>
    <row r="244215" spans="14:14">
      <c r="N244215" s="10"/>
    </row>
    <row r="244216" spans="14:14">
      <c r="N244216" s="10"/>
    </row>
    <row r="244217" spans="14:14">
      <c r="N244217" s="10"/>
    </row>
    <row r="244218" spans="14:14">
      <c r="N244218" s="10"/>
    </row>
    <row r="244219" spans="14:14">
      <c r="N244219" s="10"/>
    </row>
    <row r="244220" spans="14:14">
      <c r="N244220" s="10"/>
    </row>
    <row r="244221" spans="14:14">
      <c r="N244221" s="10"/>
    </row>
    <row r="244222" spans="14:14">
      <c r="N244222" s="10"/>
    </row>
    <row r="244223" spans="14:14">
      <c r="N244223" s="10"/>
    </row>
    <row r="244224" spans="14:14">
      <c r="N244224" s="10"/>
    </row>
    <row r="244225" spans="14:14">
      <c r="N244225" s="10"/>
    </row>
    <row r="244226" spans="14:14">
      <c r="N244226" s="10"/>
    </row>
    <row r="244227" spans="14:14">
      <c r="N244227" s="10"/>
    </row>
    <row r="244228" spans="14:14">
      <c r="N244228" s="10"/>
    </row>
    <row r="244229" spans="14:14">
      <c r="N244229" s="10"/>
    </row>
    <row r="244230" spans="14:14">
      <c r="N244230" s="10"/>
    </row>
    <row r="244231" spans="14:14">
      <c r="N244231" s="10"/>
    </row>
    <row r="244232" spans="14:14">
      <c r="N244232" s="10"/>
    </row>
    <row r="244233" spans="14:14">
      <c r="N244233" s="10"/>
    </row>
    <row r="244234" spans="14:14">
      <c r="N244234" s="10"/>
    </row>
    <row r="244235" spans="14:14">
      <c r="N244235" s="10"/>
    </row>
    <row r="244236" spans="14:14">
      <c r="N244236" s="10"/>
    </row>
    <row r="244237" spans="14:14">
      <c r="N244237" s="10"/>
    </row>
    <row r="244238" spans="14:14">
      <c r="N244238" s="10"/>
    </row>
    <row r="244239" spans="14:14">
      <c r="N244239" s="10"/>
    </row>
    <row r="244240" spans="14:14">
      <c r="N244240" s="10"/>
    </row>
    <row r="244241" spans="14:14">
      <c r="N244241" s="10"/>
    </row>
    <row r="244242" spans="14:14">
      <c r="N244242" s="10"/>
    </row>
    <row r="244243" spans="14:14">
      <c r="N244243" s="10"/>
    </row>
    <row r="244244" spans="14:14">
      <c r="N244244" s="10"/>
    </row>
    <row r="244245" spans="14:14">
      <c r="N244245" s="10"/>
    </row>
    <row r="244246" spans="14:14">
      <c r="N244246" s="10"/>
    </row>
    <row r="244247" spans="14:14">
      <c r="N244247" s="10"/>
    </row>
    <row r="244248" spans="14:14">
      <c r="N244248" s="10"/>
    </row>
    <row r="244249" spans="14:14">
      <c r="N244249" s="10"/>
    </row>
    <row r="244250" spans="14:14">
      <c r="N244250" s="10"/>
    </row>
    <row r="244251" spans="14:14">
      <c r="N244251" s="10"/>
    </row>
    <row r="244252" spans="14:14">
      <c r="N244252" s="10"/>
    </row>
    <row r="244253" spans="14:14">
      <c r="N244253" s="10"/>
    </row>
    <row r="244254" spans="14:14">
      <c r="N244254" s="10"/>
    </row>
    <row r="244255" spans="14:14">
      <c r="N244255" s="10"/>
    </row>
    <row r="244256" spans="14:14">
      <c r="N244256" s="10"/>
    </row>
    <row r="244257" spans="14:14">
      <c r="N244257" s="10"/>
    </row>
    <row r="244258" spans="14:14">
      <c r="N244258" s="10"/>
    </row>
    <row r="244259" spans="14:14">
      <c r="N244259" s="10"/>
    </row>
    <row r="244260" spans="14:14">
      <c r="N244260" s="10"/>
    </row>
    <row r="244261" spans="14:14">
      <c r="N244261" s="10"/>
    </row>
    <row r="244262" spans="14:14">
      <c r="N244262" s="10"/>
    </row>
    <row r="244263" spans="14:14">
      <c r="N244263" s="10"/>
    </row>
    <row r="244264" spans="14:14">
      <c r="N244264" s="10"/>
    </row>
    <row r="244265" spans="14:14">
      <c r="N244265" s="10"/>
    </row>
    <row r="244266" spans="14:14">
      <c r="N244266" s="10"/>
    </row>
    <row r="244267" spans="14:14">
      <c r="N244267" s="10"/>
    </row>
    <row r="244268" spans="14:14">
      <c r="N244268" s="10"/>
    </row>
    <row r="244269" spans="14:14">
      <c r="N244269" s="10"/>
    </row>
    <row r="244270" spans="14:14">
      <c r="N244270" s="10"/>
    </row>
    <row r="244271" spans="14:14">
      <c r="N244271" s="10"/>
    </row>
    <row r="244272" spans="14:14">
      <c r="N244272" s="10"/>
    </row>
    <row r="244273" spans="14:14">
      <c r="N244273" s="10"/>
    </row>
    <row r="244274" spans="14:14">
      <c r="N244274" s="10"/>
    </row>
    <row r="244275" spans="14:14">
      <c r="N244275" s="10"/>
    </row>
    <row r="244276" spans="14:14">
      <c r="N244276" s="10"/>
    </row>
    <row r="244277" spans="14:14">
      <c r="N244277" s="10"/>
    </row>
    <row r="244278" spans="14:14">
      <c r="N244278" s="10"/>
    </row>
    <row r="244279" spans="14:14">
      <c r="N244279" s="10"/>
    </row>
    <row r="244280" spans="14:14">
      <c r="N244280" s="10"/>
    </row>
    <row r="244281" spans="14:14">
      <c r="N244281" s="10"/>
    </row>
    <row r="244282" spans="14:14">
      <c r="N244282" s="10"/>
    </row>
    <row r="244283" spans="14:14">
      <c r="N244283" s="10"/>
    </row>
    <row r="244284" spans="14:14">
      <c r="N244284" s="10"/>
    </row>
    <row r="244285" spans="14:14">
      <c r="N244285" s="10"/>
    </row>
    <row r="244286" spans="14:14">
      <c r="N244286" s="10"/>
    </row>
    <row r="244287" spans="14:14">
      <c r="N244287" s="10"/>
    </row>
    <row r="244288" spans="14:14">
      <c r="N244288" s="10"/>
    </row>
    <row r="244289" spans="14:14">
      <c r="N244289" s="10"/>
    </row>
    <row r="244290" spans="14:14">
      <c r="N244290" s="10"/>
    </row>
    <row r="244291" spans="14:14">
      <c r="N244291" s="10"/>
    </row>
    <row r="244292" spans="14:14">
      <c r="N244292" s="10"/>
    </row>
    <row r="244293" spans="14:14">
      <c r="N244293" s="10"/>
    </row>
    <row r="244294" spans="14:14">
      <c r="N244294" s="10"/>
    </row>
    <row r="244295" spans="14:14">
      <c r="N244295" s="10"/>
    </row>
    <row r="244296" spans="14:14">
      <c r="N244296" s="10"/>
    </row>
    <row r="244297" spans="14:14">
      <c r="N244297" s="10"/>
    </row>
    <row r="244298" spans="14:14">
      <c r="N244298" s="10"/>
    </row>
    <row r="244299" spans="14:14">
      <c r="N244299" s="10"/>
    </row>
    <row r="244300" spans="14:14">
      <c r="N244300" s="10"/>
    </row>
    <row r="244301" spans="14:14">
      <c r="N244301" s="10"/>
    </row>
    <row r="244302" spans="14:14">
      <c r="N244302" s="10"/>
    </row>
    <row r="244303" spans="14:14">
      <c r="N244303" s="10"/>
    </row>
    <row r="244304" spans="14:14">
      <c r="N244304" s="10"/>
    </row>
    <row r="244305" spans="14:14">
      <c r="N244305" s="10"/>
    </row>
    <row r="244306" spans="14:14">
      <c r="N244306" s="10"/>
    </row>
    <row r="244307" spans="14:14">
      <c r="N244307" s="10"/>
    </row>
    <row r="244308" spans="14:14">
      <c r="N244308" s="10"/>
    </row>
    <row r="244309" spans="14:14">
      <c r="N244309" s="10"/>
    </row>
    <row r="244310" spans="14:14">
      <c r="N244310" s="10"/>
    </row>
    <row r="244311" spans="14:14">
      <c r="N244311" s="10"/>
    </row>
    <row r="244312" spans="14:14">
      <c r="N244312" s="10"/>
    </row>
    <row r="244313" spans="14:14">
      <c r="N244313" s="10"/>
    </row>
    <row r="244314" spans="14:14">
      <c r="N244314" s="10"/>
    </row>
    <row r="244315" spans="14:14">
      <c r="N244315" s="10"/>
    </row>
    <row r="244316" spans="14:14">
      <c r="N244316" s="10"/>
    </row>
    <row r="244317" spans="14:14">
      <c r="N244317" s="10"/>
    </row>
    <row r="244318" spans="14:14">
      <c r="N244318" s="10"/>
    </row>
    <row r="244319" spans="14:14">
      <c r="N244319" s="10"/>
    </row>
    <row r="244320" spans="14:14">
      <c r="N244320" s="10"/>
    </row>
    <row r="244321" spans="14:14">
      <c r="N244321" s="10"/>
    </row>
    <row r="244322" spans="14:14">
      <c r="N244322" s="10"/>
    </row>
    <row r="244323" spans="14:14">
      <c r="N244323" s="10"/>
    </row>
    <row r="244324" spans="14:14">
      <c r="N244324" s="10"/>
    </row>
    <row r="244325" spans="14:14">
      <c r="N244325" s="10"/>
    </row>
    <row r="244326" spans="14:14">
      <c r="N244326" s="10"/>
    </row>
    <row r="244327" spans="14:14">
      <c r="N244327" s="10"/>
    </row>
    <row r="244328" spans="14:14">
      <c r="N244328" s="10"/>
    </row>
    <row r="244329" spans="14:14">
      <c r="N244329" s="10"/>
    </row>
    <row r="244330" spans="14:14">
      <c r="N244330" s="10"/>
    </row>
    <row r="244331" spans="14:14">
      <c r="N244331" s="10"/>
    </row>
    <row r="244332" spans="14:14">
      <c r="N244332" s="10"/>
    </row>
    <row r="244333" spans="14:14">
      <c r="N244333" s="10"/>
    </row>
    <row r="244334" spans="14:14">
      <c r="N244334" s="10"/>
    </row>
    <row r="244335" spans="14:14">
      <c r="N244335" s="10"/>
    </row>
    <row r="244336" spans="14:14">
      <c r="N244336" s="10"/>
    </row>
    <row r="244337" spans="14:14">
      <c r="N244337" s="10"/>
    </row>
    <row r="244338" spans="14:14">
      <c r="N244338" s="10"/>
    </row>
    <row r="244339" spans="14:14">
      <c r="N244339" s="10"/>
    </row>
    <row r="244340" spans="14:14">
      <c r="N244340" s="10"/>
    </row>
    <row r="244341" spans="14:14">
      <c r="N244341" s="10"/>
    </row>
    <row r="244342" spans="14:14">
      <c r="N244342" s="10"/>
    </row>
    <row r="244343" spans="14:14">
      <c r="N244343" s="10"/>
    </row>
    <row r="244344" spans="14:14">
      <c r="N244344" s="10"/>
    </row>
    <row r="244345" spans="14:14">
      <c r="N244345" s="10"/>
    </row>
    <row r="244346" spans="14:14">
      <c r="N244346" s="10"/>
    </row>
    <row r="244347" spans="14:14">
      <c r="N244347" s="10"/>
    </row>
    <row r="244348" spans="14:14">
      <c r="N244348" s="10"/>
    </row>
    <row r="244349" spans="14:14">
      <c r="N244349" s="10"/>
    </row>
    <row r="244350" spans="14:14">
      <c r="N244350" s="10"/>
    </row>
    <row r="244351" spans="14:14">
      <c r="N244351" s="10"/>
    </row>
    <row r="244352" spans="14:14">
      <c r="N244352" s="10"/>
    </row>
    <row r="244353" spans="14:14">
      <c r="N244353" s="10"/>
    </row>
    <row r="244354" spans="14:14">
      <c r="N244354" s="10"/>
    </row>
    <row r="244355" spans="14:14">
      <c r="N244355" s="10"/>
    </row>
    <row r="244356" spans="14:14">
      <c r="N244356" s="10"/>
    </row>
    <row r="244357" spans="14:14">
      <c r="N244357" s="10"/>
    </row>
    <row r="244358" spans="14:14">
      <c r="N244358" s="10"/>
    </row>
    <row r="244359" spans="14:14">
      <c r="N244359" s="10"/>
    </row>
    <row r="244360" spans="14:14">
      <c r="N244360" s="10"/>
    </row>
    <row r="244361" spans="14:14">
      <c r="N244361" s="10"/>
    </row>
    <row r="244362" spans="14:14">
      <c r="N244362" s="10"/>
    </row>
    <row r="244363" spans="14:14">
      <c r="N244363" s="10"/>
    </row>
    <row r="244364" spans="14:14">
      <c r="N244364" s="10"/>
    </row>
    <row r="244365" spans="14:14">
      <c r="N244365" s="10"/>
    </row>
    <row r="244366" spans="14:14">
      <c r="N244366" s="10"/>
    </row>
    <row r="244367" spans="14:14">
      <c r="N244367" s="10"/>
    </row>
    <row r="244368" spans="14:14">
      <c r="N244368" s="10"/>
    </row>
    <row r="244369" spans="14:14">
      <c r="N244369" s="10"/>
    </row>
    <row r="244370" spans="14:14">
      <c r="N244370" s="10"/>
    </row>
    <row r="244371" spans="14:14">
      <c r="N244371" s="10"/>
    </row>
    <row r="244372" spans="14:14">
      <c r="N244372" s="10"/>
    </row>
    <row r="244373" spans="14:14">
      <c r="N244373" s="10"/>
    </row>
    <row r="244374" spans="14:14">
      <c r="N244374" s="10"/>
    </row>
    <row r="244375" spans="14:14">
      <c r="N244375" s="10"/>
    </row>
    <row r="244376" spans="14:14">
      <c r="N244376" s="10"/>
    </row>
    <row r="244377" spans="14:14">
      <c r="N244377" s="10"/>
    </row>
    <row r="244378" spans="14:14">
      <c r="N244378" s="10"/>
    </row>
    <row r="244379" spans="14:14">
      <c r="N244379" s="10"/>
    </row>
    <row r="244380" spans="14:14">
      <c r="N244380" s="10"/>
    </row>
    <row r="244381" spans="14:14">
      <c r="N244381" s="10"/>
    </row>
    <row r="244382" spans="14:14">
      <c r="N244382" s="10"/>
    </row>
    <row r="244383" spans="14:14">
      <c r="N244383" s="10"/>
    </row>
    <row r="244384" spans="14:14">
      <c r="N244384" s="10"/>
    </row>
    <row r="244385" spans="14:14">
      <c r="N244385" s="10"/>
    </row>
    <row r="244386" spans="14:14">
      <c r="N244386" s="10"/>
    </row>
    <row r="244387" spans="14:14">
      <c r="N244387" s="10"/>
    </row>
    <row r="244388" spans="14:14">
      <c r="N244388" s="10"/>
    </row>
    <row r="244389" spans="14:14">
      <c r="N244389" s="10"/>
    </row>
    <row r="244390" spans="14:14">
      <c r="N244390" s="10"/>
    </row>
    <row r="244391" spans="14:14">
      <c r="N244391" s="10"/>
    </row>
    <row r="244392" spans="14:14">
      <c r="N244392" s="10"/>
    </row>
    <row r="244393" spans="14:14">
      <c r="N244393" s="10"/>
    </row>
    <row r="244394" spans="14:14">
      <c r="N244394" s="10"/>
    </row>
    <row r="244395" spans="14:14">
      <c r="N244395" s="10"/>
    </row>
    <row r="244396" spans="14:14">
      <c r="N244396" s="10"/>
    </row>
    <row r="244397" spans="14:14">
      <c r="N244397" s="10"/>
    </row>
    <row r="244398" spans="14:14">
      <c r="N244398" s="10"/>
    </row>
    <row r="244399" spans="14:14">
      <c r="N244399" s="10"/>
    </row>
    <row r="244400" spans="14:14">
      <c r="N244400" s="10"/>
    </row>
    <row r="244401" spans="14:14">
      <c r="N244401" s="10"/>
    </row>
    <row r="244402" spans="14:14">
      <c r="N244402" s="10"/>
    </row>
    <row r="244403" spans="14:14">
      <c r="N244403" s="10"/>
    </row>
    <row r="244404" spans="14:14">
      <c r="N244404" s="10"/>
    </row>
    <row r="244405" spans="14:14">
      <c r="N244405" s="10"/>
    </row>
    <row r="244406" spans="14:14">
      <c r="N244406" s="10"/>
    </row>
    <row r="244407" spans="14:14">
      <c r="N244407" s="10"/>
    </row>
    <row r="244408" spans="14:14">
      <c r="N244408" s="10"/>
    </row>
    <row r="244409" spans="14:14">
      <c r="N244409" s="10"/>
    </row>
    <row r="244410" spans="14:14">
      <c r="N244410" s="10"/>
    </row>
    <row r="244411" spans="14:14">
      <c r="N244411" s="10"/>
    </row>
    <row r="244412" spans="14:14">
      <c r="N244412" s="10"/>
    </row>
    <row r="244413" spans="14:14">
      <c r="N244413" s="10"/>
    </row>
    <row r="244414" spans="14:14">
      <c r="N244414" s="10"/>
    </row>
    <row r="244415" spans="14:14">
      <c r="N244415" s="10"/>
    </row>
    <row r="244416" spans="14:14">
      <c r="N244416" s="10"/>
    </row>
    <row r="244417" spans="14:14">
      <c r="N244417" s="10"/>
    </row>
    <row r="244418" spans="14:14">
      <c r="N244418" s="10"/>
    </row>
    <row r="244419" spans="14:14">
      <c r="N244419" s="10"/>
    </row>
    <row r="244420" spans="14:14">
      <c r="N244420" s="10"/>
    </row>
    <row r="244421" spans="14:14">
      <c r="N244421" s="10"/>
    </row>
    <row r="244422" spans="14:14">
      <c r="N244422" s="10"/>
    </row>
    <row r="244423" spans="14:14">
      <c r="N244423" s="10"/>
    </row>
    <row r="244424" spans="14:14">
      <c r="N244424" s="10"/>
    </row>
    <row r="244425" spans="14:14">
      <c r="N244425" s="10"/>
    </row>
    <row r="244426" spans="14:14">
      <c r="N244426" s="10"/>
    </row>
    <row r="244427" spans="14:14">
      <c r="N244427" s="10"/>
    </row>
    <row r="244428" spans="14:14">
      <c r="N244428" s="10"/>
    </row>
    <row r="244429" spans="14:14">
      <c r="N244429" s="10"/>
    </row>
    <row r="244430" spans="14:14">
      <c r="N244430" s="10"/>
    </row>
    <row r="244431" spans="14:14">
      <c r="N244431" s="10"/>
    </row>
    <row r="244432" spans="14:14">
      <c r="N244432" s="10"/>
    </row>
    <row r="244433" spans="14:14">
      <c r="N244433" s="10"/>
    </row>
    <row r="244434" spans="14:14">
      <c r="N244434" s="10"/>
    </row>
    <row r="244435" spans="14:14">
      <c r="N244435" s="10"/>
    </row>
    <row r="244436" spans="14:14">
      <c r="N244436" s="10"/>
    </row>
    <row r="244437" spans="14:14">
      <c r="N244437" s="10"/>
    </row>
    <row r="244438" spans="14:14">
      <c r="N244438" s="10"/>
    </row>
    <row r="244439" spans="14:14">
      <c r="N244439" s="10"/>
    </row>
    <row r="244440" spans="14:14">
      <c r="N244440" s="10"/>
    </row>
    <row r="244441" spans="14:14">
      <c r="N244441" s="10"/>
    </row>
    <row r="244442" spans="14:14">
      <c r="N244442" s="10"/>
    </row>
    <row r="244443" spans="14:14">
      <c r="N244443" s="10"/>
    </row>
    <row r="244444" spans="14:14">
      <c r="N244444" s="10"/>
    </row>
    <row r="244445" spans="14:14">
      <c r="N244445" s="10"/>
    </row>
    <row r="244446" spans="14:14">
      <c r="N244446" s="10"/>
    </row>
    <row r="244447" spans="14:14">
      <c r="N244447" s="10"/>
    </row>
    <row r="244448" spans="14:14">
      <c r="N244448" s="10"/>
    </row>
    <row r="244449" spans="14:14">
      <c r="N244449" s="10"/>
    </row>
    <row r="244450" spans="14:14">
      <c r="N244450" s="10"/>
    </row>
    <row r="244451" spans="14:14">
      <c r="N244451" s="10"/>
    </row>
    <row r="244452" spans="14:14">
      <c r="N244452" s="10"/>
    </row>
    <row r="244453" spans="14:14">
      <c r="N244453" s="10"/>
    </row>
    <row r="244454" spans="14:14">
      <c r="N244454" s="10"/>
    </row>
    <row r="244455" spans="14:14">
      <c r="N244455" s="10"/>
    </row>
    <row r="244456" spans="14:14">
      <c r="N244456" s="10"/>
    </row>
    <row r="244457" spans="14:14">
      <c r="N244457" s="10"/>
    </row>
    <row r="244458" spans="14:14">
      <c r="N244458" s="10"/>
    </row>
    <row r="244459" spans="14:14">
      <c r="N244459" s="10"/>
    </row>
    <row r="244460" spans="14:14">
      <c r="N244460" s="10"/>
    </row>
    <row r="244461" spans="14:14">
      <c r="N244461" s="10"/>
    </row>
    <row r="244462" spans="14:14">
      <c r="N244462" s="10"/>
    </row>
    <row r="244463" spans="14:14">
      <c r="N244463" s="10"/>
    </row>
    <row r="244464" spans="14:14">
      <c r="N244464" s="10"/>
    </row>
    <row r="244465" spans="14:14">
      <c r="N244465" s="10"/>
    </row>
    <row r="244466" spans="14:14">
      <c r="N244466" s="10"/>
    </row>
    <row r="244467" spans="14:14">
      <c r="N244467" s="10"/>
    </row>
    <row r="244468" spans="14:14">
      <c r="N244468" s="10"/>
    </row>
    <row r="244469" spans="14:14">
      <c r="N244469" s="10"/>
    </row>
    <row r="244470" spans="14:14">
      <c r="N244470" s="10"/>
    </row>
    <row r="244471" spans="14:14">
      <c r="N244471" s="10"/>
    </row>
    <row r="244472" spans="14:14">
      <c r="N244472" s="10"/>
    </row>
    <row r="244473" spans="14:14">
      <c r="N244473" s="10"/>
    </row>
    <row r="244474" spans="14:14">
      <c r="N244474" s="10"/>
    </row>
    <row r="244475" spans="14:14">
      <c r="N244475" s="10"/>
    </row>
    <row r="244476" spans="14:14">
      <c r="N244476" s="10"/>
    </row>
    <row r="244477" spans="14:14">
      <c r="N244477" s="10"/>
    </row>
    <row r="244478" spans="14:14">
      <c r="N244478" s="10"/>
    </row>
    <row r="244479" spans="14:14">
      <c r="N244479" s="10"/>
    </row>
    <row r="244480" spans="14:14">
      <c r="N244480" s="10"/>
    </row>
    <row r="244481" spans="14:14">
      <c r="N244481" s="10"/>
    </row>
    <row r="244482" spans="14:14">
      <c r="N244482" s="10"/>
    </row>
    <row r="244483" spans="14:14">
      <c r="N244483" s="10"/>
    </row>
    <row r="244484" spans="14:14">
      <c r="N244484" s="10"/>
    </row>
    <row r="244485" spans="14:14">
      <c r="N244485" s="10"/>
    </row>
    <row r="244486" spans="14:14">
      <c r="N244486" s="10"/>
    </row>
    <row r="244487" spans="14:14">
      <c r="N244487" s="10"/>
    </row>
    <row r="244488" spans="14:14">
      <c r="N244488" s="10"/>
    </row>
    <row r="244489" spans="14:14">
      <c r="N244489" s="10"/>
    </row>
    <row r="244490" spans="14:14">
      <c r="N244490" s="10"/>
    </row>
    <row r="244491" spans="14:14">
      <c r="N244491" s="10"/>
    </row>
    <row r="244492" spans="14:14">
      <c r="N244492" s="10"/>
    </row>
    <row r="244493" spans="14:14">
      <c r="N244493" s="10"/>
    </row>
    <row r="244494" spans="14:14">
      <c r="N244494" s="10"/>
    </row>
    <row r="244495" spans="14:14">
      <c r="N244495" s="10"/>
    </row>
    <row r="244496" spans="14:14">
      <c r="N244496" s="10"/>
    </row>
    <row r="244497" spans="14:14">
      <c r="N244497" s="10"/>
    </row>
    <row r="244498" spans="14:14">
      <c r="N244498" s="10"/>
    </row>
    <row r="244499" spans="14:14">
      <c r="N244499" s="10"/>
    </row>
    <row r="244500" spans="14:14">
      <c r="N244500" s="10"/>
    </row>
    <row r="244501" spans="14:14">
      <c r="N244501" s="10"/>
    </row>
    <row r="244502" spans="14:14">
      <c r="N244502" s="10"/>
    </row>
    <row r="244503" spans="14:14">
      <c r="N244503" s="10"/>
    </row>
    <row r="244504" spans="14:14">
      <c r="N244504" s="10"/>
    </row>
    <row r="244505" spans="14:14">
      <c r="N244505" s="10"/>
    </row>
    <row r="244506" spans="14:14">
      <c r="N244506" s="10"/>
    </row>
    <row r="244507" spans="14:14">
      <c r="N244507" s="10"/>
    </row>
    <row r="244508" spans="14:14">
      <c r="N244508" s="10"/>
    </row>
    <row r="244509" spans="14:14">
      <c r="N244509" s="10"/>
    </row>
    <row r="244510" spans="14:14">
      <c r="N244510" s="10"/>
    </row>
    <row r="244511" spans="14:14">
      <c r="N244511" s="10"/>
    </row>
    <row r="244512" spans="14:14">
      <c r="N244512" s="10"/>
    </row>
    <row r="244513" spans="14:14">
      <c r="N244513" s="10"/>
    </row>
    <row r="244514" spans="14:14">
      <c r="N244514" s="10"/>
    </row>
    <row r="244515" spans="14:14">
      <c r="N244515" s="10"/>
    </row>
    <row r="244516" spans="14:14">
      <c r="N244516" s="10"/>
    </row>
    <row r="244517" spans="14:14">
      <c r="N244517" s="10"/>
    </row>
    <row r="244518" spans="14:14">
      <c r="N244518" s="10"/>
    </row>
    <row r="244519" spans="14:14">
      <c r="N244519" s="10"/>
    </row>
    <row r="244520" spans="14:14">
      <c r="N244520" s="10"/>
    </row>
    <row r="244521" spans="14:14">
      <c r="N244521" s="10"/>
    </row>
    <row r="244522" spans="14:14">
      <c r="N244522" s="10"/>
    </row>
    <row r="244523" spans="14:14">
      <c r="N244523" s="10"/>
    </row>
    <row r="244524" spans="14:14">
      <c r="N244524" s="10"/>
    </row>
    <row r="244525" spans="14:14">
      <c r="N244525" s="10"/>
    </row>
    <row r="244526" spans="14:14">
      <c r="N244526" s="10"/>
    </row>
    <row r="244527" spans="14:14">
      <c r="N244527" s="10"/>
    </row>
    <row r="244528" spans="14:14">
      <c r="N244528" s="10"/>
    </row>
    <row r="244529" spans="14:14">
      <c r="N244529" s="10"/>
    </row>
    <row r="244530" spans="14:14">
      <c r="N244530" s="10"/>
    </row>
    <row r="244531" spans="14:14">
      <c r="N244531" s="10"/>
    </row>
    <row r="244532" spans="14:14">
      <c r="N244532" s="10"/>
    </row>
    <row r="244533" spans="14:14">
      <c r="N244533" s="10"/>
    </row>
    <row r="244534" spans="14:14">
      <c r="N244534" s="10"/>
    </row>
    <row r="244535" spans="14:14">
      <c r="N244535" s="10"/>
    </row>
    <row r="244536" spans="14:14">
      <c r="N244536" s="10"/>
    </row>
    <row r="244537" spans="14:14">
      <c r="N244537" s="10"/>
    </row>
    <row r="244538" spans="14:14">
      <c r="N244538" s="10"/>
    </row>
    <row r="244539" spans="14:14">
      <c r="N244539" s="10"/>
    </row>
    <row r="244540" spans="14:14">
      <c r="N244540" s="10"/>
    </row>
    <row r="244541" spans="14:14">
      <c r="N244541" s="10"/>
    </row>
    <row r="244542" spans="14:14">
      <c r="N244542" s="10"/>
    </row>
    <row r="244543" spans="14:14">
      <c r="N244543" s="10"/>
    </row>
    <row r="244544" spans="14:14">
      <c r="N244544" s="10"/>
    </row>
    <row r="244545" spans="14:14">
      <c r="N244545" s="10"/>
    </row>
    <row r="244546" spans="14:14">
      <c r="N244546" s="10"/>
    </row>
    <row r="244547" spans="14:14">
      <c r="N244547" s="10"/>
    </row>
    <row r="244548" spans="14:14">
      <c r="N244548" s="10"/>
    </row>
    <row r="244549" spans="14:14">
      <c r="N244549" s="10"/>
    </row>
    <row r="244550" spans="14:14">
      <c r="N244550" s="10"/>
    </row>
    <row r="244551" spans="14:14">
      <c r="N244551" s="10"/>
    </row>
    <row r="244552" spans="14:14">
      <c r="N244552" s="10"/>
    </row>
    <row r="244553" spans="14:14">
      <c r="N244553" s="10"/>
    </row>
    <row r="244554" spans="14:14">
      <c r="N244554" s="10"/>
    </row>
    <row r="244555" spans="14:14">
      <c r="N244555" s="10"/>
    </row>
    <row r="244556" spans="14:14">
      <c r="N244556" s="10"/>
    </row>
    <row r="244557" spans="14:14">
      <c r="N244557" s="10"/>
    </row>
    <row r="244558" spans="14:14">
      <c r="N244558" s="10"/>
    </row>
    <row r="244559" spans="14:14">
      <c r="N244559" s="10"/>
    </row>
    <row r="244560" spans="14:14">
      <c r="N244560" s="10"/>
    </row>
    <row r="244561" spans="14:14">
      <c r="N244561" s="10"/>
    </row>
    <row r="244562" spans="14:14">
      <c r="N244562" s="10"/>
    </row>
    <row r="244563" spans="14:14">
      <c r="N244563" s="10"/>
    </row>
    <row r="244564" spans="14:14">
      <c r="N244564" s="10"/>
    </row>
    <row r="244565" spans="14:14">
      <c r="N244565" s="10"/>
    </row>
    <row r="244566" spans="14:14">
      <c r="N244566" s="10"/>
    </row>
    <row r="244567" spans="14:14">
      <c r="N244567" s="10"/>
    </row>
    <row r="244568" spans="14:14">
      <c r="N244568" s="10"/>
    </row>
    <row r="244569" spans="14:14">
      <c r="N244569" s="10"/>
    </row>
    <row r="244570" spans="14:14">
      <c r="N244570" s="10"/>
    </row>
    <row r="244571" spans="14:14">
      <c r="N244571" s="10"/>
    </row>
    <row r="244572" spans="14:14">
      <c r="N244572" s="10"/>
    </row>
    <row r="244573" spans="14:14">
      <c r="N244573" s="10"/>
    </row>
    <row r="244574" spans="14:14">
      <c r="N244574" s="10"/>
    </row>
    <row r="244575" spans="14:14">
      <c r="N244575" s="10"/>
    </row>
    <row r="244576" spans="14:14">
      <c r="N244576" s="10"/>
    </row>
    <row r="244577" spans="14:14">
      <c r="N244577" s="10"/>
    </row>
    <row r="244578" spans="14:14">
      <c r="N244578" s="10"/>
    </row>
    <row r="244579" spans="14:14">
      <c r="N244579" s="10"/>
    </row>
    <row r="244580" spans="14:14">
      <c r="N244580" s="10"/>
    </row>
    <row r="244581" spans="14:14">
      <c r="N244581" s="10"/>
    </row>
    <row r="244582" spans="14:14">
      <c r="N244582" s="10"/>
    </row>
    <row r="244583" spans="14:14">
      <c r="N244583" s="10"/>
    </row>
    <row r="244584" spans="14:14">
      <c r="N244584" s="10"/>
    </row>
    <row r="244585" spans="14:14">
      <c r="N244585" s="10"/>
    </row>
    <row r="244586" spans="14:14">
      <c r="N244586" s="10"/>
    </row>
    <row r="244587" spans="14:14">
      <c r="N244587" s="10"/>
    </row>
    <row r="244588" spans="14:14">
      <c r="N244588" s="10"/>
    </row>
    <row r="244589" spans="14:14">
      <c r="N244589" s="10"/>
    </row>
    <row r="244590" spans="14:14">
      <c r="N244590" s="10"/>
    </row>
    <row r="244591" spans="14:14">
      <c r="N244591" s="10"/>
    </row>
    <row r="244592" spans="14:14">
      <c r="N244592" s="10"/>
    </row>
    <row r="244593" spans="14:14">
      <c r="N244593" s="10"/>
    </row>
    <row r="244594" spans="14:14">
      <c r="N244594" s="10"/>
    </row>
    <row r="244595" spans="14:14">
      <c r="N244595" s="10"/>
    </row>
    <row r="244596" spans="14:14">
      <c r="N244596" s="10"/>
    </row>
    <row r="244597" spans="14:14">
      <c r="N244597" s="10"/>
    </row>
    <row r="244598" spans="14:14">
      <c r="N244598" s="10"/>
    </row>
    <row r="244599" spans="14:14">
      <c r="N244599" s="10"/>
    </row>
    <row r="244600" spans="14:14">
      <c r="N244600" s="10"/>
    </row>
    <row r="244601" spans="14:14">
      <c r="N244601" s="10"/>
    </row>
    <row r="244602" spans="14:14">
      <c r="N244602" s="10"/>
    </row>
    <row r="244603" spans="14:14">
      <c r="N244603" s="10"/>
    </row>
    <row r="244604" spans="14:14">
      <c r="N244604" s="10"/>
    </row>
    <row r="244605" spans="14:14">
      <c r="N244605" s="10"/>
    </row>
    <row r="244606" spans="14:14">
      <c r="N244606" s="10"/>
    </row>
    <row r="244607" spans="14:14">
      <c r="N244607" s="10"/>
    </row>
    <row r="244608" spans="14:14">
      <c r="N244608" s="10"/>
    </row>
    <row r="244609" spans="14:14">
      <c r="N244609" s="10"/>
    </row>
    <row r="244610" spans="14:14">
      <c r="N244610" s="10"/>
    </row>
    <row r="244611" spans="14:14">
      <c r="N244611" s="10"/>
    </row>
    <row r="244612" spans="14:14">
      <c r="N244612" s="10"/>
    </row>
    <row r="244613" spans="14:14">
      <c r="N244613" s="10"/>
    </row>
    <row r="244614" spans="14:14">
      <c r="N244614" s="10"/>
    </row>
    <row r="244615" spans="14:14">
      <c r="N244615" s="10"/>
    </row>
    <row r="244616" spans="14:14">
      <c r="N244616" s="10"/>
    </row>
    <row r="244617" spans="14:14">
      <c r="N244617" s="10"/>
    </row>
    <row r="244618" spans="14:14">
      <c r="N244618" s="10"/>
    </row>
    <row r="244619" spans="14:14">
      <c r="N244619" s="10"/>
    </row>
    <row r="244620" spans="14:14">
      <c r="N244620" s="10"/>
    </row>
    <row r="244621" spans="14:14">
      <c r="N244621" s="10"/>
    </row>
    <row r="244622" spans="14:14">
      <c r="N244622" s="10"/>
    </row>
    <row r="244623" spans="14:14">
      <c r="N244623" s="10"/>
    </row>
    <row r="244624" spans="14:14">
      <c r="N244624" s="10"/>
    </row>
    <row r="244625" spans="14:14">
      <c r="N244625" s="10"/>
    </row>
    <row r="244626" spans="14:14">
      <c r="N244626" s="10"/>
    </row>
    <row r="244627" spans="14:14">
      <c r="N244627" s="10"/>
    </row>
    <row r="244628" spans="14:14">
      <c r="N244628" s="10"/>
    </row>
    <row r="244629" spans="14:14">
      <c r="N244629" s="10"/>
    </row>
    <row r="244630" spans="14:14">
      <c r="N244630" s="10"/>
    </row>
    <row r="244631" spans="14:14">
      <c r="N244631" s="10"/>
    </row>
    <row r="244632" spans="14:14">
      <c r="N244632" s="10"/>
    </row>
    <row r="244633" spans="14:14">
      <c r="N244633" s="10"/>
    </row>
    <row r="244634" spans="14:14">
      <c r="N244634" s="10"/>
    </row>
    <row r="244635" spans="14:14">
      <c r="N244635" s="10"/>
    </row>
    <row r="244636" spans="14:14">
      <c r="N244636" s="10"/>
    </row>
    <row r="244637" spans="14:14">
      <c r="N244637" s="10"/>
    </row>
    <row r="244638" spans="14:14">
      <c r="N244638" s="10"/>
    </row>
    <row r="244639" spans="14:14">
      <c r="N244639" s="10"/>
    </row>
    <row r="244640" spans="14:14">
      <c r="N244640" s="10"/>
    </row>
    <row r="244641" spans="14:14">
      <c r="N244641" s="10"/>
    </row>
    <row r="244642" spans="14:14">
      <c r="N244642" s="10"/>
    </row>
    <row r="244643" spans="14:14">
      <c r="N244643" s="10"/>
    </row>
    <row r="244644" spans="14:14">
      <c r="N244644" s="10"/>
    </row>
    <row r="244645" spans="14:14">
      <c r="N244645" s="10"/>
    </row>
    <row r="244646" spans="14:14">
      <c r="N244646" s="10"/>
    </row>
    <row r="244647" spans="14:14">
      <c r="N244647" s="10"/>
    </row>
    <row r="244648" spans="14:14">
      <c r="N244648" s="10"/>
    </row>
    <row r="244649" spans="14:14">
      <c r="N244649" s="10"/>
    </row>
    <row r="244650" spans="14:14">
      <c r="N244650" s="10"/>
    </row>
    <row r="244651" spans="14:14">
      <c r="N244651" s="10"/>
    </row>
    <row r="244652" spans="14:14">
      <c r="N244652" s="10"/>
    </row>
    <row r="244653" spans="14:14">
      <c r="N244653" s="10"/>
    </row>
    <row r="244654" spans="14:14">
      <c r="N244654" s="10"/>
    </row>
    <row r="244655" spans="14:14">
      <c r="N244655" s="10"/>
    </row>
    <row r="244656" spans="14:14">
      <c r="N244656" s="10"/>
    </row>
    <row r="244657" spans="14:14">
      <c r="N244657" s="10"/>
    </row>
    <row r="244658" spans="14:14">
      <c r="N244658" s="10"/>
    </row>
    <row r="244659" spans="14:14">
      <c r="N244659" s="10"/>
    </row>
    <row r="244660" spans="14:14">
      <c r="N244660" s="10"/>
    </row>
    <row r="244661" spans="14:14">
      <c r="N244661" s="10"/>
    </row>
    <row r="244662" spans="14:14">
      <c r="N244662" s="10"/>
    </row>
    <row r="244663" spans="14:14">
      <c r="N244663" s="10"/>
    </row>
    <row r="244664" spans="14:14">
      <c r="N244664" s="10"/>
    </row>
    <row r="244665" spans="14:14">
      <c r="N244665" s="10"/>
    </row>
    <row r="244666" spans="14:14">
      <c r="N244666" s="10"/>
    </row>
    <row r="244667" spans="14:14">
      <c r="N244667" s="10"/>
    </row>
    <row r="244668" spans="14:14">
      <c r="N244668" s="10"/>
    </row>
    <row r="244669" spans="14:14">
      <c r="N244669" s="10"/>
    </row>
    <row r="244670" spans="14:14">
      <c r="N244670" s="10"/>
    </row>
    <row r="244671" spans="14:14">
      <c r="N244671" s="10"/>
    </row>
    <row r="244672" spans="14:14">
      <c r="N244672" s="10"/>
    </row>
    <row r="244673" spans="14:14">
      <c r="N244673" s="10"/>
    </row>
    <row r="244674" spans="14:14">
      <c r="N244674" s="10"/>
    </row>
    <row r="244675" spans="14:14">
      <c r="N244675" s="10"/>
    </row>
    <row r="244676" spans="14:14">
      <c r="N244676" s="10"/>
    </row>
    <row r="244677" spans="14:14">
      <c r="N244677" s="10"/>
    </row>
    <row r="244678" spans="14:14">
      <c r="N244678" s="10"/>
    </row>
    <row r="244679" spans="14:14">
      <c r="N244679" s="10"/>
    </row>
    <row r="244680" spans="14:14">
      <c r="N244680" s="10"/>
    </row>
    <row r="244681" spans="14:14">
      <c r="N244681" s="10"/>
    </row>
    <row r="244682" spans="14:14">
      <c r="N244682" s="10"/>
    </row>
    <row r="244683" spans="14:14">
      <c r="N244683" s="10"/>
    </row>
    <row r="244684" spans="14:14">
      <c r="N244684" s="10"/>
    </row>
    <row r="244685" spans="14:14">
      <c r="N244685" s="10"/>
    </row>
    <row r="244686" spans="14:14">
      <c r="N244686" s="10"/>
    </row>
    <row r="244687" spans="14:14">
      <c r="N244687" s="10"/>
    </row>
    <row r="244688" spans="14:14">
      <c r="N244688" s="10"/>
    </row>
    <row r="244689" spans="14:14">
      <c r="N244689" s="10"/>
    </row>
    <row r="244690" spans="14:14">
      <c r="N244690" s="10"/>
    </row>
    <row r="244691" spans="14:14">
      <c r="N244691" s="10"/>
    </row>
    <row r="244692" spans="14:14">
      <c r="N244692" s="10"/>
    </row>
    <row r="244693" spans="14:14">
      <c r="N244693" s="10"/>
    </row>
    <row r="244694" spans="14:14">
      <c r="N244694" s="10"/>
    </row>
    <row r="244695" spans="14:14">
      <c r="N244695" s="10"/>
    </row>
    <row r="244696" spans="14:14">
      <c r="N244696" s="10"/>
    </row>
    <row r="244697" spans="14:14">
      <c r="N244697" s="10"/>
    </row>
    <row r="244698" spans="14:14">
      <c r="N244698" s="10"/>
    </row>
    <row r="244699" spans="14:14">
      <c r="N244699" s="10"/>
    </row>
    <row r="244700" spans="14:14">
      <c r="N244700" s="10"/>
    </row>
    <row r="244701" spans="14:14">
      <c r="N244701" s="10"/>
    </row>
    <row r="244702" spans="14:14">
      <c r="N244702" s="10"/>
    </row>
    <row r="244703" spans="14:14">
      <c r="N244703" s="10"/>
    </row>
    <row r="244704" spans="14:14">
      <c r="N244704" s="10"/>
    </row>
    <row r="244705" spans="14:14">
      <c r="N244705" s="10"/>
    </row>
    <row r="244706" spans="14:14">
      <c r="N244706" s="10"/>
    </row>
    <row r="244707" spans="14:14">
      <c r="N244707" s="10"/>
    </row>
    <row r="244708" spans="14:14">
      <c r="N244708" s="10"/>
    </row>
    <row r="244709" spans="14:14">
      <c r="N244709" s="10"/>
    </row>
    <row r="244710" spans="14:14">
      <c r="N244710" s="10"/>
    </row>
    <row r="244711" spans="14:14">
      <c r="N244711" s="10"/>
    </row>
    <row r="244712" spans="14:14">
      <c r="N244712" s="10"/>
    </row>
    <row r="244713" spans="14:14">
      <c r="N244713" s="10"/>
    </row>
    <row r="244714" spans="14:14">
      <c r="N244714" s="10"/>
    </row>
    <row r="244715" spans="14:14">
      <c r="N244715" s="10"/>
    </row>
    <row r="244716" spans="14:14">
      <c r="N244716" s="10"/>
    </row>
    <row r="244717" spans="14:14">
      <c r="N244717" s="10"/>
    </row>
    <row r="244718" spans="14:14">
      <c r="N244718" s="10"/>
    </row>
    <row r="244719" spans="14:14">
      <c r="N244719" s="10"/>
    </row>
    <row r="244720" spans="14:14">
      <c r="N244720" s="10"/>
    </row>
    <row r="244721" spans="14:14">
      <c r="N244721" s="10"/>
    </row>
    <row r="244722" spans="14:14">
      <c r="N244722" s="10"/>
    </row>
    <row r="244723" spans="14:14">
      <c r="N244723" s="10"/>
    </row>
    <row r="244724" spans="14:14">
      <c r="N244724" s="10"/>
    </row>
    <row r="244725" spans="14:14">
      <c r="N244725" s="10"/>
    </row>
    <row r="244726" spans="14:14">
      <c r="N244726" s="10"/>
    </row>
    <row r="244727" spans="14:14">
      <c r="N244727" s="10"/>
    </row>
    <row r="244728" spans="14:14">
      <c r="N244728" s="10"/>
    </row>
    <row r="244729" spans="14:14">
      <c r="N244729" s="10"/>
    </row>
    <row r="244730" spans="14:14">
      <c r="N244730" s="10"/>
    </row>
    <row r="244731" spans="14:14">
      <c r="N244731" s="10"/>
    </row>
    <row r="244732" spans="14:14">
      <c r="N244732" s="10"/>
    </row>
    <row r="244733" spans="14:14">
      <c r="N244733" s="10"/>
    </row>
    <row r="244734" spans="14:14">
      <c r="N244734" s="10"/>
    </row>
    <row r="244735" spans="14:14">
      <c r="N244735" s="10"/>
    </row>
    <row r="244736" spans="14:14">
      <c r="N244736" s="10"/>
    </row>
    <row r="244737" spans="14:14">
      <c r="N244737" s="10"/>
    </row>
    <row r="244738" spans="14:14">
      <c r="N244738" s="10"/>
    </row>
    <row r="244739" spans="14:14">
      <c r="N244739" s="10"/>
    </row>
    <row r="244740" spans="14:14">
      <c r="N244740" s="10"/>
    </row>
    <row r="244741" spans="14:14">
      <c r="N244741" s="10"/>
    </row>
    <row r="244742" spans="14:14">
      <c r="N244742" s="10"/>
    </row>
    <row r="244743" spans="14:14">
      <c r="N244743" s="10"/>
    </row>
    <row r="244744" spans="14:14">
      <c r="N244744" s="10"/>
    </row>
    <row r="244745" spans="14:14">
      <c r="N244745" s="10"/>
    </row>
    <row r="244746" spans="14:14">
      <c r="N244746" s="10"/>
    </row>
    <row r="244747" spans="14:14">
      <c r="N244747" s="10"/>
    </row>
    <row r="244748" spans="14:14">
      <c r="N244748" s="10"/>
    </row>
    <row r="244749" spans="14:14">
      <c r="N244749" s="10"/>
    </row>
    <row r="244750" spans="14:14">
      <c r="N244750" s="10"/>
    </row>
    <row r="244751" spans="14:14">
      <c r="N244751" s="10"/>
    </row>
    <row r="244752" spans="14:14">
      <c r="N244752" s="10"/>
    </row>
    <row r="244753" spans="14:14">
      <c r="N244753" s="10"/>
    </row>
    <row r="244754" spans="14:14">
      <c r="N244754" s="10"/>
    </row>
    <row r="244755" spans="14:14">
      <c r="N244755" s="10"/>
    </row>
    <row r="244756" spans="14:14">
      <c r="N244756" s="10"/>
    </row>
    <row r="244757" spans="14:14">
      <c r="N244757" s="10"/>
    </row>
    <row r="244758" spans="14:14">
      <c r="N244758" s="10"/>
    </row>
    <row r="244759" spans="14:14">
      <c r="N244759" s="10"/>
    </row>
    <row r="244760" spans="14:14">
      <c r="N244760" s="10"/>
    </row>
    <row r="244761" spans="14:14">
      <c r="N244761" s="10"/>
    </row>
    <row r="244762" spans="14:14">
      <c r="N244762" s="10"/>
    </row>
    <row r="244763" spans="14:14">
      <c r="N244763" s="10"/>
    </row>
    <row r="244764" spans="14:14">
      <c r="N244764" s="10"/>
    </row>
    <row r="244765" spans="14:14">
      <c r="N244765" s="10"/>
    </row>
    <row r="244766" spans="14:14">
      <c r="N244766" s="10"/>
    </row>
    <row r="244767" spans="14:14">
      <c r="N244767" s="10"/>
    </row>
    <row r="244768" spans="14:14">
      <c r="N244768" s="10"/>
    </row>
    <row r="244769" spans="14:14">
      <c r="N244769" s="10"/>
    </row>
    <row r="244770" spans="14:14">
      <c r="N244770" s="10"/>
    </row>
    <row r="244771" spans="14:14">
      <c r="N244771" s="10"/>
    </row>
    <row r="244772" spans="14:14">
      <c r="N244772" s="10"/>
    </row>
    <row r="244773" spans="14:14">
      <c r="N244773" s="10"/>
    </row>
    <row r="244774" spans="14:14">
      <c r="N244774" s="10"/>
    </row>
    <row r="244775" spans="14:14">
      <c r="N244775" s="10"/>
    </row>
    <row r="244776" spans="14:14">
      <c r="N244776" s="10"/>
    </row>
    <row r="244777" spans="14:14">
      <c r="N244777" s="10"/>
    </row>
    <row r="244778" spans="14:14">
      <c r="N244778" s="10"/>
    </row>
    <row r="244779" spans="14:14">
      <c r="N244779" s="10"/>
    </row>
    <row r="244780" spans="14:14">
      <c r="N244780" s="10"/>
    </row>
    <row r="244781" spans="14:14">
      <c r="N244781" s="10"/>
    </row>
    <row r="244782" spans="14:14">
      <c r="N244782" s="10"/>
    </row>
    <row r="244783" spans="14:14">
      <c r="N244783" s="10"/>
    </row>
    <row r="244784" spans="14:14">
      <c r="N244784" s="10"/>
    </row>
    <row r="244785" spans="14:14">
      <c r="N244785" s="10"/>
    </row>
    <row r="244786" spans="14:14">
      <c r="N244786" s="10"/>
    </row>
    <row r="244787" spans="14:14">
      <c r="N244787" s="10"/>
    </row>
    <row r="244788" spans="14:14">
      <c r="N244788" s="10"/>
    </row>
    <row r="244789" spans="14:14">
      <c r="N244789" s="10"/>
    </row>
    <row r="244790" spans="14:14">
      <c r="N244790" s="10"/>
    </row>
    <row r="244791" spans="14:14">
      <c r="N244791" s="10"/>
    </row>
    <row r="244792" spans="14:14">
      <c r="N244792" s="10"/>
    </row>
    <row r="244793" spans="14:14">
      <c r="N244793" s="10"/>
    </row>
    <row r="244794" spans="14:14">
      <c r="N244794" s="10"/>
    </row>
    <row r="244795" spans="14:14">
      <c r="N244795" s="10"/>
    </row>
    <row r="244796" spans="14:14">
      <c r="N244796" s="10"/>
    </row>
    <row r="244797" spans="14:14">
      <c r="N244797" s="10"/>
    </row>
    <row r="244798" spans="14:14">
      <c r="N244798" s="10"/>
    </row>
    <row r="244799" spans="14:14">
      <c r="N244799" s="10"/>
    </row>
    <row r="244800" spans="14:14">
      <c r="N244800" s="10"/>
    </row>
    <row r="244801" spans="14:14">
      <c r="N244801" s="10"/>
    </row>
    <row r="244802" spans="14:14">
      <c r="N244802" s="10"/>
    </row>
    <row r="244803" spans="14:14">
      <c r="N244803" s="10"/>
    </row>
    <row r="244804" spans="14:14">
      <c r="N244804" s="10"/>
    </row>
    <row r="244805" spans="14:14">
      <c r="N244805" s="10"/>
    </row>
    <row r="244806" spans="14:14">
      <c r="N244806" s="10"/>
    </row>
    <row r="244807" spans="14:14">
      <c r="N244807" s="10"/>
    </row>
    <row r="244808" spans="14:14">
      <c r="N244808" s="10"/>
    </row>
    <row r="244809" spans="14:14">
      <c r="N244809" s="10"/>
    </row>
    <row r="244810" spans="14:14">
      <c r="N244810" s="10"/>
    </row>
    <row r="244811" spans="14:14">
      <c r="N244811" s="10"/>
    </row>
    <row r="244812" spans="14:14">
      <c r="N244812" s="10"/>
    </row>
    <row r="244813" spans="14:14">
      <c r="N244813" s="10"/>
    </row>
    <row r="244814" spans="14:14">
      <c r="N244814" s="10"/>
    </row>
    <row r="244815" spans="14:14">
      <c r="N244815" s="10"/>
    </row>
    <row r="244816" spans="14:14">
      <c r="N244816" s="10"/>
    </row>
    <row r="244817" spans="14:14">
      <c r="N244817" s="10"/>
    </row>
    <row r="244818" spans="14:14">
      <c r="N244818" s="10"/>
    </row>
    <row r="244819" spans="14:14">
      <c r="N244819" s="10"/>
    </row>
    <row r="244820" spans="14:14">
      <c r="N244820" s="10"/>
    </row>
    <row r="244821" spans="14:14">
      <c r="N244821" s="10"/>
    </row>
    <row r="244822" spans="14:14">
      <c r="N244822" s="10"/>
    </row>
    <row r="244823" spans="14:14">
      <c r="N244823" s="10"/>
    </row>
    <row r="244824" spans="14:14">
      <c r="N244824" s="10"/>
    </row>
    <row r="244825" spans="14:14">
      <c r="N244825" s="10"/>
    </row>
    <row r="244826" spans="14:14">
      <c r="N244826" s="10"/>
    </row>
    <row r="244827" spans="14:14">
      <c r="N244827" s="10"/>
    </row>
    <row r="244828" spans="14:14">
      <c r="N244828" s="10"/>
    </row>
    <row r="244829" spans="14:14">
      <c r="N244829" s="10"/>
    </row>
    <row r="244830" spans="14:14">
      <c r="N244830" s="10"/>
    </row>
    <row r="244831" spans="14:14">
      <c r="N244831" s="10"/>
    </row>
    <row r="244832" spans="14:14">
      <c r="N244832" s="10"/>
    </row>
    <row r="244833" spans="14:14">
      <c r="N244833" s="10"/>
    </row>
    <row r="244834" spans="14:14">
      <c r="N244834" s="10"/>
    </row>
    <row r="244835" spans="14:14">
      <c r="N244835" s="10"/>
    </row>
    <row r="244836" spans="14:14">
      <c r="N244836" s="10"/>
    </row>
    <row r="244837" spans="14:14">
      <c r="N244837" s="10"/>
    </row>
    <row r="244838" spans="14:14">
      <c r="N244838" s="10"/>
    </row>
    <row r="244839" spans="14:14">
      <c r="N244839" s="10"/>
    </row>
    <row r="244840" spans="14:14">
      <c r="N244840" s="10"/>
    </row>
    <row r="244841" spans="14:14">
      <c r="N244841" s="10"/>
    </row>
    <row r="244842" spans="14:14">
      <c r="N244842" s="10"/>
    </row>
    <row r="244843" spans="14:14">
      <c r="N244843" s="10"/>
    </row>
    <row r="244844" spans="14:14">
      <c r="N244844" s="10"/>
    </row>
    <row r="244845" spans="14:14">
      <c r="N244845" s="10"/>
    </row>
    <row r="244846" spans="14:14">
      <c r="N244846" s="10"/>
    </row>
    <row r="244847" spans="14:14">
      <c r="N244847" s="10"/>
    </row>
    <row r="244848" spans="14:14">
      <c r="N244848" s="10"/>
    </row>
    <row r="244849" spans="14:14">
      <c r="N244849" s="10"/>
    </row>
    <row r="244850" spans="14:14">
      <c r="N244850" s="10"/>
    </row>
    <row r="244851" spans="14:14">
      <c r="N244851" s="10"/>
    </row>
    <row r="244852" spans="14:14">
      <c r="N244852" s="10"/>
    </row>
    <row r="244853" spans="14:14">
      <c r="N244853" s="10"/>
    </row>
    <row r="244854" spans="14:14">
      <c r="N244854" s="10"/>
    </row>
    <row r="244855" spans="14:14">
      <c r="N244855" s="10"/>
    </row>
    <row r="244856" spans="14:14">
      <c r="N244856" s="10"/>
    </row>
    <row r="244857" spans="14:14">
      <c r="N244857" s="10"/>
    </row>
    <row r="244858" spans="14:14">
      <c r="N244858" s="10"/>
    </row>
    <row r="244859" spans="14:14">
      <c r="N244859" s="10"/>
    </row>
    <row r="244860" spans="14:14">
      <c r="N244860" s="10"/>
    </row>
    <row r="244861" spans="14:14">
      <c r="N244861" s="10"/>
    </row>
    <row r="244862" spans="14:14">
      <c r="N244862" s="10"/>
    </row>
    <row r="244863" spans="14:14">
      <c r="N244863" s="10"/>
    </row>
    <row r="244864" spans="14:14">
      <c r="N244864" s="10"/>
    </row>
    <row r="244865" spans="14:14">
      <c r="N244865" s="10"/>
    </row>
    <row r="244866" spans="14:14">
      <c r="N244866" s="10"/>
    </row>
    <row r="244867" spans="14:14">
      <c r="N244867" s="10"/>
    </row>
    <row r="244868" spans="14:14">
      <c r="N244868" s="10"/>
    </row>
    <row r="244869" spans="14:14">
      <c r="N244869" s="10"/>
    </row>
    <row r="244870" spans="14:14">
      <c r="N244870" s="10"/>
    </row>
    <row r="244871" spans="14:14">
      <c r="N244871" s="10"/>
    </row>
    <row r="244872" spans="14:14">
      <c r="N244872" s="10"/>
    </row>
    <row r="244873" spans="14:14">
      <c r="N244873" s="10"/>
    </row>
    <row r="244874" spans="14:14">
      <c r="N244874" s="10"/>
    </row>
    <row r="244875" spans="14:14">
      <c r="N244875" s="10"/>
    </row>
    <row r="244876" spans="14:14">
      <c r="N244876" s="10"/>
    </row>
    <row r="244877" spans="14:14">
      <c r="N244877" s="10"/>
    </row>
    <row r="244878" spans="14:14">
      <c r="N244878" s="10"/>
    </row>
    <row r="244879" spans="14:14">
      <c r="N244879" s="10"/>
    </row>
    <row r="244880" spans="14:14">
      <c r="N244880" s="10"/>
    </row>
    <row r="244881" spans="14:14">
      <c r="N244881" s="10"/>
    </row>
    <row r="244882" spans="14:14">
      <c r="N244882" s="10"/>
    </row>
    <row r="244883" spans="14:14">
      <c r="N244883" s="10"/>
    </row>
    <row r="244884" spans="14:14">
      <c r="N244884" s="10"/>
    </row>
    <row r="244885" spans="14:14">
      <c r="N244885" s="10"/>
    </row>
    <row r="244886" spans="14:14">
      <c r="N244886" s="10"/>
    </row>
    <row r="244887" spans="14:14">
      <c r="N244887" s="10"/>
    </row>
    <row r="244888" spans="14:14">
      <c r="N244888" s="10"/>
    </row>
    <row r="244889" spans="14:14">
      <c r="N244889" s="10"/>
    </row>
    <row r="244890" spans="14:14">
      <c r="N244890" s="10"/>
    </row>
    <row r="244891" spans="14:14">
      <c r="N244891" s="10"/>
    </row>
    <row r="244892" spans="14:14">
      <c r="N244892" s="10"/>
    </row>
    <row r="244893" spans="14:14">
      <c r="N244893" s="10"/>
    </row>
    <row r="244894" spans="14:14">
      <c r="N244894" s="10"/>
    </row>
    <row r="244895" spans="14:14">
      <c r="N244895" s="10"/>
    </row>
    <row r="244896" spans="14:14">
      <c r="N244896" s="10"/>
    </row>
    <row r="244897" spans="14:14">
      <c r="N244897" s="10"/>
    </row>
    <row r="244898" spans="14:14">
      <c r="N244898" s="10"/>
    </row>
    <row r="244899" spans="14:14">
      <c r="N244899" s="10"/>
    </row>
    <row r="244900" spans="14:14">
      <c r="N244900" s="10"/>
    </row>
    <row r="244901" spans="14:14">
      <c r="N244901" s="10"/>
    </row>
    <row r="244902" spans="14:14">
      <c r="N244902" s="10"/>
    </row>
    <row r="244903" spans="14:14">
      <c r="N244903" s="10"/>
    </row>
    <row r="244904" spans="14:14">
      <c r="N244904" s="10"/>
    </row>
    <row r="244905" spans="14:14">
      <c r="N244905" s="10"/>
    </row>
    <row r="244906" spans="14:14">
      <c r="N244906" s="10"/>
    </row>
    <row r="244907" spans="14:14">
      <c r="N244907" s="10"/>
    </row>
    <row r="244908" spans="14:14">
      <c r="N244908" s="10"/>
    </row>
    <row r="244909" spans="14:14">
      <c r="N244909" s="10"/>
    </row>
    <row r="244910" spans="14:14">
      <c r="N244910" s="10"/>
    </row>
    <row r="244911" spans="14:14">
      <c r="N244911" s="10"/>
    </row>
    <row r="244912" spans="14:14">
      <c r="N244912" s="10"/>
    </row>
    <row r="244913" spans="14:14">
      <c r="N244913" s="10"/>
    </row>
    <row r="244914" spans="14:14">
      <c r="N244914" s="10"/>
    </row>
    <row r="244915" spans="14:14">
      <c r="N244915" s="10"/>
    </row>
    <row r="244916" spans="14:14">
      <c r="N244916" s="10"/>
    </row>
    <row r="244917" spans="14:14">
      <c r="N244917" s="10"/>
    </row>
    <row r="244918" spans="14:14">
      <c r="N244918" s="10"/>
    </row>
    <row r="244919" spans="14:14">
      <c r="N244919" s="10"/>
    </row>
    <row r="244920" spans="14:14">
      <c r="N244920" s="10"/>
    </row>
    <row r="244921" spans="14:14">
      <c r="N244921" s="10"/>
    </row>
    <row r="244922" spans="14:14">
      <c r="N244922" s="10"/>
    </row>
    <row r="244923" spans="14:14">
      <c r="N244923" s="10"/>
    </row>
    <row r="244924" spans="14:14">
      <c r="N244924" s="10"/>
    </row>
    <row r="244925" spans="14:14">
      <c r="N244925" s="10"/>
    </row>
    <row r="244926" spans="14:14">
      <c r="N244926" s="10"/>
    </row>
    <row r="244927" spans="14:14">
      <c r="N244927" s="10"/>
    </row>
    <row r="244928" spans="14:14">
      <c r="N244928" s="10"/>
    </row>
    <row r="244929" spans="14:14">
      <c r="N244929" s="10"/>
    </row>
    <row r="244930" spans="14:14">
      <c r="N244930" s="10"/>
    </row>
    <row r="244931" spans="14:14">
      <c r="N244931" s="10"/>
    </row>
    <row r="244932" spans="14:14">
      <c r="N244932" s="10"/>
    </row>
    <row r="244933" spans="14:14">
      <c r="N244933" s="10"/>
    </row>
    <row r="244934" spans="14:14">
      <c r="N244934" s="10"/>
    </row>
    <row r="244935" spans="14:14">
      <c r="N244935" s="10"/>
    </row>
    <row r="244936" spans="14:14">
      <c r="N244936" s="10"/>
    </row>
    <row r="244937" spans="14:14">
      <c r="N244937" s="10"/>
    </row>
    <row r="244938" spans="14:14">
      <c r="N244938" s="10"/>
    </row>
    <row r="244939" spans="14:14">
      <c r="N244939" s="10"/>
    </row>
    <row r="244940" spans="14:14">
      <c r="N244940" s="10"/>
    </row>
    <row r="244941" spans="14:14">
      <c r="N244941" s="10"/>
    </row>
    <row r="244942" spans="14:14">
      <c r="N244942" s="10"/>
    </row>
    <row r="244943" spans="14:14">
      <c r="N244943" s="10"/>
    </row>
    <row r="244944" spans="14:14">
      <c r="N244944" s="10"/>
    </row>
    <row r="244945" spans="14:14">
      <c r="N244945" s="10"/>
    </row>
    <row r="244946" spans="14:14">
      <c r="N244946" s="10"/>
    </row>
    <row r="244947" spans="14:14">
      <c r="N244947" s="10"/>
    </row>
    <row r="244948" spans="14:14">
      <c r="N244948" s="10"/>
    </row>
    <row r="244949" spans="14:14">
      <c r="N244949" s="10"/>
    </row>
    <row r="244950" spans="14:14">
      <c r="N244950" s="10"/>
    </row>
    <row r="244951" spans="14:14">
      <c r="N244951" s="10"/>
    </row>
    <row r="244952" spans="14:14">
      <c r="N244952" s="10"/>
    </row>
    <row r="244953" spans="14:14">
      <c r="N244953" s="10"/>
    </row>
    <row r="244954" spans="14:14">
      <c r="N244954" s="10"/>
    </row>
    <row r="244955" spans="14:14">
      <c r="N244955" s="10"/>
    </row>
    <row r="244956" spans="14:14">
      <c r="N244956" s="10"/>
    </row>
    <row r="244957" spans="14:14">
      <c r="N244957" s="10"/>
    </row>
    <row r="244958" spans="14:14">
      <c r="N244958" s="10"/>
    </row>
    <row r="244959" spans="14:14">
      <c r="N244959" s="10"/>
    </row>
    <row r="244960" spans="14:14">
      <c r="N244960" s="10"/>
    </row>
    <row r="244961" spans="14:14">
      <c r="N244961" s="10"/>
    </row>
    <row r="244962" spans="14:14">
      <c r="N244962" s="10"/>
    </row>
    <row r="244963" spans="14:14">
      <c r="N244963" s="10"/>
    </row>
    <row r="244964" spans="14:14">
      <c r="N244964" s="10"/>
    </row>
    <row r="244965" spans="14:14">
      <c r="N244965" s="10"/>
    </row>
    <row r="244966" spans="14:14">
      <c r="N244966" s="10"/>
    </row>
    <row r="244967" spans="14:14">
      <c r="N244967" s="10"/>
    </row>
    <row r="244968" spans="14:14">
      <c r="N244968" s="10"/>
    </row>
    <row r="244969" spans="14:14">
      <c r="N244969" s="10"/>
    </row>
    <row r="244970" spans="14:14">
      <c r="N244970" s="10"/>
    </row>
    <row r="244971" spans="14:14">
      <c r="N244971" s="10"/>
    </row>
    <row r="244972" spans="14:14">
      <c r="N244972" s="10"/>
    </row>
    <row r="244973" spans="14:14">
      <c r="N244973" s="10"/>
    </row>
    <row r="244974" spans="14:14">
      <c r="N244974" s="10"/>
    </row>
    <row r="244975" spans="14:14">
      <c r="N244975" s="10"/>
    </row>
    <row r="244976" spans="14:14">
      <c r="N244976" s="10"/>
    </row>
    <row r="244977" spans="14:14">
      <c r="N244977" s="10"/>
    </row>
    <row r="244978" spans="14:14">
      <c r="N244978" s="10"/>
    </row>
    <row r="244979" spans="14:14">
      <c r="N244979" s="10"/>
    </row>
    <row r="244980" spans="14:14">
      <c r="N244980" s="10"/>
    </row>
    <row r="244981" spans="14:14">
      <c r="N244981" s="10"/>
    </row>
    <row r="244982" spans="14:14">
      <c r="N244982" s="10"/>
    </row>
    <row r="244983" spans="14:14">
      <c r="N244983" s="10"/>
    </row>
    <row r="244984" spans="14:14">
      <c r="N244984" s="10"/>
    </row>
    <row r="244985" spans="14:14">
      <c r="N244985" s="10"/>
    </row>
    <row r="244986" spans="14:14">
      <c r="N244986" s="10"/>
    </row>
    <row r="244987" spans="14:14">
      <c r="N244987" s="10"/>
    </row>
    <row r="244988" spans="14:14">
      <c r="N244988" s="10"/>
    </row>
    <row r="244989" spans="14:14">
      <c r="N244989" s="10"/>
    </row>
    <row r="244990" spans="14:14">
      <c r="N244990" s="10"/>
    </row>
    <row r="244991" spans="14:14">
      <c r="N244991" s="10"/>
    </row>
    <row r="244992" spans="14:14">
      <c r="N244992" s="10"/>
    </row>
    <row r="244993" spans="14:14">
      <c r="N244993" s="10"/>
    </row>
    <row r="244994" spans="14:14">
      <c r="N244994" s="10"/>
    </row>
    <row r="244995" spans="14:14">
      <c r="N244995" s="10"/>
    </row>
    <row r="244996" spans="14:14">
      <c r="N244996" s="10"/>
    </row>
    <row r="244997" spans="14:14">
      <c r="N244997" s="10"/>
    </row>
    <row r="244998" spans="14:14">
      <c r="N244998" s="10"/>
    </row>
    <row r="244999" spans="14:14">
      <c r="N244999" s="10"/>
    </row>
    <row r="245000" spans="14:14">
      <c r="N245000" s="10"/>
    </row>
    <row r="245001" spans="14:14">
      <c r="N245001" s="10"/>
    </row>
    <row r="245002" spans="14:14">
      <c r="N245002" s="10"/>
    </row>
    <row r="245003" spans="14:14">
      <c r="N245003" s="10"/>
    </row>
    <row r="245004" spans="14:14">
      <c r="N245004" s="10"/>
    </row>
    <row r="245005" spans="14:14">
      <c r="N245005" s="10"/>
    </row>
    <row r="245006" spans="14:14">
      <c r="N245006" s="10"/>
    </row>
    <row r="245007" spans="14:14">
      <c r="N245007" s="10"/>
    </row>
    <row r="245008" spans="14:14">
      <c r="N245008" s="10"/>
    </row>
    <row r="245009" spans="14:14">
      <c r="N245009" s="10"/>
    </row>
    <row r="245010" spans="14:14">
      <c r="N245010" s="10"/>
    </row>
    <row r="245011" spans="14:14">
      <c r="N245011" s="10"/>
    </row>
    <row r="245012" spans="14:14">
      <c r="N245012" s="10"/>
    </row>
    <row r="245013" spans="14:14">
      <c r="N245013" s="10"/>
    </row>
    <row r="245014" spans="14:14">
      <c r="N245014" s="10"/>
    </row>
    <row r="245015" spans="14:14">
      <c r="N245015" s="10"/>
    </row>
    <row r="245016" spans="14:14">
      <c r="N245016" s="10"/>
    </row>
    <row r="245017" spans="14:14">
      <c r="N245017" s="10"/>
    </row>
    <row r="245018" spans="14:14">
      <c r="N245018" s="10"/>
    </row>
    <row r="245019" spans="14:14">
      <c r="N245019" s="10"/>
    </row>
    <row r="245020" spans="14:14">
      <c r="N245020" s="10"/>
    </row>
    <row r="245021" spans="14:14">
      <c r="N245021" s="10"/>
    </row>
    <row r="245022" spans="14:14">
      <c r="N245022" s="10"/>
    </row>
    <row r="245023" spans="14:14">
      <c r="N245023" s="10"/>
    </row>
    <row r="245024" spans="14:14">
      <c r="N245024" s="10"/>
    </row>
    <row r="245025" spans="14:14">
      <c r="N245025" s="10"/>
    </row>
    <row r="245026" spans="14:14">
      <c r="N245026" s="10"/>
    </row>
    <row r="245027" spans="14:14">
      <c r="N245027" s="10"/>
    </row>
    <row r="245028" spans="14:14">
      <c r="N245028" s="10"/>
    </row>
    <row r="245029" spans="14:14">
      <c r="N245029" s="10"/>
    </row>
    <row r="245030" spans="14:14">
      <c r="N245030" s="10"/>
    </row>
    <row r="245031" spans="14:14">
      <c r="N245031" s="10"/>
    </row>
    <row r="245032" spans="14:14">
      <c r="N245032" s="10"/>
    </row>
    <row r="245033" spans="14:14">
      <c r="N245033" s="10"/>
    </row>
    <row r="245034" spans="14:14">
      <c r="N245034" s="10"/>
    </row>
    <row r="245035" spans="14:14">
      <c r="N245035" s="10"/>
    </row>
    <row r="245036" spans="14:14">
      <c r="N245036" s="10"/>
    </row>
    <row r="245037" spans="14:14">
      <c r="N245037" s="10"/>
    </row>
    <row r="245038" spans="14:14">
      <c r="N245038" s="10"/>
    </row>
    <row r="245039" spans="14:14">
      <c r="N245039" s="10"/>
    </row>
    <row r="245040" spans="14:14">
      <c r="N245040" s="10"/>
    </row>
    <row r="245041" spans="14:14">
      <c r="N245041" s="10"/>
    </row>
    <row r="245042" spans="14:14">
      <c r="N245042" s="10"/>
    </row>
    <row r="245043" spans="14:14">
      <c r="N245043" s="10"/>
    </row>
    <row r="245044" spans="14:14">
      <c r="N245044" s="10"/>
    </row>
    <row r="245045" spans="14:14">
      <c r="N245045" s="10"/>
    </row>
    <row r="245046" spans="14:14">
      <c r="N245046" s="10"/>
    </row>
    <row r="245047" spans="14:14">
      <c r="N245047" s="10"/>
    </row>
    <row r="245048" spans="14:14">
      <c r="N245048" s="10"/>
    </row>
    <row r="245049" spans="14:14">
      <c r="N245049" s="10"/>
    </row>
    <row r="245050" spans="14:14">
      <c r="N245050" s="10"/>
    </row>
    <row r="245051" spans="14:14">
      <c r="N245051" s="10"/>
    </row>
    <row r="245052" spans="14:14">
      <c r="N245052" s="10"/>
    </row>
    <row r="245053" spans="14:14">
      <c r="N245053" s="10"/>
    </row>
    <row r="245054" spans="14:14">
      <c r="N245054" s="10"/>
    </row>
    <row r="245055" spans="14:14">
      <c r="N245055" s="10"/>
    </row>
    <row r="245056" spans="14:14">
      <c r="N245056" s="10"/>
    </row>
    <row r="245057" spans="14:14">
      <c r="N245057" s="10"/>
    </row>
    <row r="245058" spans="14:14">
      <c r="N245058" s="10"/>
    </row>
    <row r="245059" spans="14:14">
      <c r="N245059" s="10"/>
    </row>
    <row r="245060" spans="14:14">
      <c r="N245060" s="10"/>
    </row>
    <row r="245061" spans="14:14">
      <c r="N245061" s="10"/>
    </row>
    <row r="245062" spans="14:14">
      <c r="N245062" s="10"/>
    </row>
    <row r="245063" spans="14:14">
      <c r="N245063" s="10"/>
    </row>
    <row r="245064" spans="14:14">
      <c r="N245064" s="10"/>
    </row>
    <row r="245065" spans="14:14">
      <c r="N245065" s="10"/>
    </row>
    <row r="245066" spans="14:14">
      <c r="N245066" s="10"/>
    </row>
    <row r="245067" spans="14:14">
      <c r="N245067" s="10"/>
    </row>
    <row r="245068" spans="14:14">
      <c r="N245068" s="10"/>
    </row>
    <row r="245069" spans="14:14">
      <c r="N245069" s="10"/>
    </row>
    <row r="245070" spans="14:14">
      <c r="N245070" s="10"/>
    </row>
    <row r="245071" spans="14:14">
      <c r="N245071" s="10"/>
    </row>
    <row r="245072" spans="14:14">
      <c r="N245072" s="10"/>
    </row>
    <row r="245073" spans="14:14">
      <c r="N245073" s="10"/>
    </row>
    <row r="245074" spans="14:14">
      <c r="N245074" s="10"/>
    </row>
    <row r="245075" spans="14:14">
      <c r="N245075" s="10"/>
    </row>
    <row r="245076" spans="14:14">
      <c r="N245076" s="10"/>
    </row>
    <row r="245077" spans="14:14">
      <c r="N245077" s="10"/>
    </row>
    <row r="245078" spans="14:14">
      <c r="N245078" s="10"/>
    </row>
    <row r="245079" spans="14:14">
      <c r="N245079" s="10"/>
    </row>
    <row r="245080" spans="14:14">
      <c r="N245080" s="10"/>
    </row>
    <row r="245081" spans="14:14">
      <c r="N245081" s="10"/>
    </row>
    <row r="245082" spans="14:14">
      <c r="N245082" s="10"/>
    </row>
    <row r="245083" spans="14:14">
      <c r="N245083" s="10"/>
    </row>
    <row r="245084" spans="14:14">
      <c r="N245084" s="10"/>
    </row>
    <row r="245085" spans="14:14">
      <c r="N245085" s="10"/>
    </row>
    <row r="245086" spans="14:14">
      <c r="N245086" s="10"/>
    </row>
    <row r="245087" spans="14:14">
      <c r="N245087" s="10"/>
    </row>
    <row r="245088" spans="14:14">
      <c r="N245088" s="10"/>
    </row>
    <row r="245089" spans="14:14">
      <c r="N245089" s="10"/>
    </row>
    <row r="245090" spans="14:14">
      <c r="N245090" s="10"/>
    </row>
    <row r="245091" spans="14:14">
      <c r="N245091" s="10"/>
    </row>
    <row r="245092" spans="14:14">
      <c r="N245092" s="10"/>
    </row>
    <row r="245093" spans="14:14">
      <c r="N245093" s="10"/>
    </row>
    <row r="245094" spans="14:14">
      <c r="N245094" s="10"/>
    </row>
    <row r="245095" spans="14:14">
      <c r="N245095" s="10"/>
    </row>
    <row r="245096" spans="14:14">
      <c r="N245096" s="10"/>
    </row>
    <row r="245097" spans="14:14">
      <c r="N245097" s="10"/>
    </row>
    <row r="245098" spans="14:14">
      <c r="N245098" s="10"/>
    </row>
    <row r="245099" spans="14:14">
      <c r="N245099" s="10"/>
    </row>
    <row r="245100" spans="14:14">
      <c r="N245100" s="10"/>
    </row>
    <row r="245101" spans="14:14">
      <c r="N245101" s="10"/>
    </row>
    <row r="245102" spans="14:14">
      <c r="N245102" s="10"/>
    </row>
    <row r="245103" spans="14:14">
      <c r="N245103" s="10"/>
    </row>
    <row r="245104" spans="14:14">
      <c r="N245104" s="10"/>
    </row>
    <row r="245105" spans="14:14">
      <c r="N245105" s="10"/>
    </row>
    <row r="245106" spans="14:14">
      <c r="N245106" s="10"/>
    </row>
    <row r="245107" spans="14:14">
      <c r="N245107" s="10"/>
    </row>
    <row r="245108" spans="14:14">
      <c r="N245108" s="10"/>
    </row>
    <row r="245109" spans="14:14">
      <c r="N245109" s="10"/>
    </row>
    <row r="245110" spans="14:14">
      <c r="N245110" s="10"/>
    </row>
    <row r="245111" spans="14:14">
      <c r="N245111" s="10"/>
    </row>
    <row r="245112" spans="14:14">
      <c r="N245112" s="10"/>
    </row>
    <row r="245113" spans="14:14">
      <c r="N245113" s="10"/>
    </row>
    <row r="245114" spans="14:14">
      <c r="N245114" s="10"/>
    </row>
    <row r="245115" spans="14:14">
      <c r="N245115" s="10"/>
    </row>
    <row r="245116" spans="14:14">
      <c r="N245116" s="10"/>
    </row>
    <row r="245117" spans="14:14">
      <c r="N245117" s="10"/>
    </row>
    <row r="245118" spans="14:14">
      <c r="N245118" s="10"/>
    </row>
    <row r="245119" spans="14:14">
      <c r="N245119" s="10"/>
    </row>
    <row r="245120" spans="14:14">
      <c r="N245120" s="10"/>
    </row>
    <row r="245121" spans="14:14">
      <c r="N245121" s="10"/>
    </row>
    <row r="245122" spans="14:14">
      <c r="N245122" s="10"/>
    </row>
    <row r="245123" spans="14:14">
      <c r="N245123" s="10"/>
    </row>
    <row r="245124" spans="14:14">
      <c r="N245124" s="10"/>
    </row>
    <row r="245125" spans="14:14">
      <c r="N245125" s="10"/>
    </row>
    <row r="245126" spans="14:14">
      <c r="N245126" s="10"/>
    </row>
    <row r="245127" spans="14:14">
      <c r="N245127" s="10"/>
    </row>
    <row r="245128" spans="14:14">
      <c r="N245128" s="10"/>
    </row>
    <row r="245129" spans="14:14">
      <c r="N245129" s="10"/>
    </row>
    <row r="245130" spans="14:14">
      <c r="N245130" s="10"/>
    </row>
    <row r="245131" spans="14:14">
      <c r="N245131" s="10"/>
    </row>
    <row r="245132" spans="14:14">
      <c r="N245132" s="10"/>
    </row>
    <row r="245133" spans="14:14">
      <c r="N245133" s="10"/>
    </row>
    <row r="245134" spans="14:14">
      <c r="N245134" s="10"/>
    </row>
    <row r="245135" spans="14:14">
      <c r="N245135" s="10"/>
    </row>
    <row r="245136" spans="14:14">
      <c r="N245136" s="10"/>
    </row>
    <row r="245137" spans="14:14">
      <c r="N245137" s="10"/>
    </row>
    <row r="245138" spans="14:14">
      <c r="N245138" s="10"/>
    </row>
    <row r="245139" spans="14:14">
      <c r="N245139" s="10"/>
    </row>
    <row r="245140" spans="14:14">
      <c r="N245140" s="10"/>
    </row>
    <row r="245141" spans="14:14">
      <c r="N245141" s="10"/>
    </row>
    <row r="245142" spans="14:14">
      <c r="N245142" s="10"/>
    </row>
    <row r="245143" spans="14:14">
      <c r="N245143" s="10"/>
    </row>
    <row r="245144" spans="14:14">
      <c r="N245144" s="10"/>
    </row>
    <row r="245145" spans="14:14">
      <c r="N245145" s="10"/>
    </row>
    <row r="245146" spans="14:14">
      <c r="N245146" s="10"/>
    </row>
    <row r="245147" spans="14:14">
      <c r="N245147" s="10"/>
    </row>
    <row r="245148" spans="14:14">
      <c r="N245148" s="10"/>
    </row>
    <row r="245149" spans="14:14">
      <c r="N245149" s="10"/>
    </row>
    <row r="245150" spans="14:14">
      <c r="N245150" s="10"/>
    </row>
    <row r="245151" spans="14:14">
      <c r="N245151" s="10"/>
    </row>
    <row r="245152" spans="14:14">
      <c r="N245152" s="10"/>
    </row>
    <row r="245153" spans="14:14">
      <c r="N245153" s="10"/>
    </row>
    <row r="245154" spans="14:14">
      <c r="N245154" s="10"/>
    </row>
    <row r="245155" spans="14:14">
      <c r="N245155" s="10"/>
    </row>
    <row r="245156" spans="14:14">
      <c r="N245156" s="10"/>
    </row>
    <row r="245157" spans="14:14">
      <c r="N245157" s="10"/>
    </row>
    <row r="245158" spans="14:14">
      <c r="N245158" s="10"/>
    </row>
    <row r="245159" spans="14:14">
      <c r="N245159" s="10"/>
    </row>
    <row r="245160" spans="14:14">
      <c r="N245160" s="10"/>
    </row>
    <row r="245161" spans="14:14">
      <c r="N245161" s="10"/>
    </row>
    <row r="245162" spans="14:14">
      <c r="N245162" s="10"/>
    </row>
    <row r="245163" spans="14:14">
      <c r="N245163" s="10"/>
    </row>
    <row r="245164" spans="14:14">
      <c r="N245164" s="10"/>
    </row>
    <row r="245165" spans="14:14">
      <c r="N245165" s="10"/>
    </row>
    <row r="245166" spans="14:14">
      <c r="N245166" s="10"/>
    </row>
    <row r="245167" spans="14:14">
      <c r="N245167" s="10"/>
    </row>
    <row r="245168" spans="14:14">
      <c r="N245168" s="10"/>
    </row>
    <row r="245169" spans="14:14">
      <c r="N245169" s="10"/>
    </row>
    <row r="245170" spans="14:14">
      <c r="N245170" s="10"/>
    </row>
    <row r="245171" spans="14:14">
      <c r="N245171" s="10"/>
    </row>
    <row r="245172" spans="14:14">
      <c r="N245172" s="10"/>
    </row>
    <row r="245173" spans="14:14">
      <c r="N245173" s="10"/>
    </row>
    <row r="245174" spans="14:14">
      <c r="N245174" s="10"/>
    </row>
    <row r="245175" spans="14:14">
      <c r="N245175" s="10"/>
    </row>
    <row r="245176" spans="14:14">
      <c r="N245176" s="10"/>
    </row>
    <row r="245177" spans="14:14">
      <c r="N245177" s="10"/>
    </row>
    <row r="245178" spans="14:14">
      <c r="N245178" s="10"/>
    </row>
    <row r="245179" spans="14:14">
      <c r="N245179" s="10"/>
    </row>
    <row r="245180" spans="14:14">
      <c r="N245180" s="10"/>
    </row>
    <row r="245181" spans="14:14">
      <c r="N245181" s="10"/>
    </row>
    <row r="245182" spans="14:14">
      <c r="N245182" s="10"/>
    </row>
    <row r="245183" spans="14:14">
      <c r="N245183" s="10"/>
    </row>
    <row r="245184" spans="14:14">
      <c r="N245184" s="10"/>
    </row>
    <row r="245185" spans="14:14">
      <c r="N245185" s="10"/>
    </row>
    <row r="245186" spans="14:14">
      <c r="N245186" s="10"/>
    </row>
    <row r="245187" spans="14:14">
      <c r="N245187" s="10"/>
    </row>
    <row r="245188" spans="14:14">
      <c r="N245188" s="10"/>
    </row>
    <row r="245189" spans="14:14">
      <c r="N245189" s="10"/>
    </row>
    <row r="245190" spans="14:14">
      <c r="N245190" s="10"/>
    </row>
    <row r="245191" spans="14:14">
      <c r="N245191" s="10"/>
    </row>
    <row r="245192" spans="14:14">
      <c r="N245192" s="10"/>
    </row>
    <row r="245193" spans="14:14">
      <c r="N245193" s="10"/>
    </row>
    <row r="245194" spans="14:14">
      <c r="N245194" s="10"/>
    </row>
    <row r="245195" spans="14:14">
      <c r="N245195" s="10"/>
    </row>
    <row r="245196" spans="14:14">
      <c r="N245196" s="10"/>
    </row>
    <row r="245197" spans="14:14">
      <c r="N245197" s="10"/>
    </row>
    <row r="245198" spans="14:14">
      <c r="N245198" s="10"/>
    </row>
    <row r="245199" spans="14:14">
      <c r="N245199" s="10"/>
    </row>
    <row r="245200" spans="14:14">
      <c r="N245200" s="10"/>
    </row>
    <row r="245201" spans="14:14">
      <c r="N245201" s="10"/>
    </row>
    <row r="245202" spans="14:14">
      <c r="N245202" s="10"/>
    </row>
    <row r="245203" spans="14:14">
      <c r="N245203" s="10"/>
    </row>
    <row r="245204" spans="14:14">
      <c r="N245204" s="10"/>
    </row>
    <row r="245205" spans="14:14">
      <c r="N245205" s="10"/>
    </row>
    <row r="245206" spans="14:14">
      <c r="N245206" s="10"/>
    </row>
    <row r="245207" spans="14:14">
      <c r="N245207" s="10"/>
    </row>
    <row r="245208" spans="14:14">
      <c r="N245208" s="10"/>
    </row>
    <row r="245209" spans="14:14">
      <c r="N245209" s="10"/>
    </row>
    <row r="245210" spans="14:14">
      <c r="N245210" s="10"/>
    </row>
    <row r="245211" spans="14:14">
      <c r="N245211" s="10"/>
    </row>
    <row r="245212" spans="14:14">
      <c r="N245212" s="10"/>
    </row>
    <row r="245213" spans="14:14">
      <c r="N245213" s="10"/>
    </row>
    <row r="245214" spans="14:14">
      <c r="N245214" s="10"/>
    </row>
    <row r="245215" spans="14:14">
      <c r="N245215" s="10"/>
    </row>
    <row r="245216" spans="14:14">
      <c r="N245216" s="10"/>
    </row>
    <row r="245217" spans="14:14">
      <c r="N245217" s="10"/>
    </row>
    <row r="245218" spans="14:14">
      <c r="N245218" s="10"/>
    </row>
    <row r="245219" spans="14:14">
      <c r="N245219" s="10"/>
    </row>
    <row r="245220" spans="14:14">
      <c r="N245220" s="10"/>
    </row>
    <row r="245221" spans="14:14">
      <c r="N245221" s="10"/>
    </row>
    <row r="245222" spans="14:14">
      <c r="N245222" s="10"/>
    </row>
    <row r="245223" spans="14:14">
      <c r="N245223" s="10"/>
    </row>
    <row r="245224" spans="14:14">
      <c r="N245224" s="10"/>
    </row>
    <row r="245225" spans="14:14">
      <c r="N245225" s="10"/>
    </row>
    <row r="245226" spans="14:14">
      <c r="N245226" s="10"/>
    </row>
    <row r="245227" spans="14:14">
      <c r="N245227" s="10"/>
    </row>
    <row r="245228" spans="14:14">
      <c r="N245228" s="10"/>
    </row>
    <row r="245229" spans="14:14">
      <c r="N245229" s="10"/>
    </row>
    <row r="245230" spans="14:14">
      <c r="N245230" s="10"/>
    </row>
    <row r="245231" spans="14:14">
      <c r="N245231" s="10"/>
    </row>
    <row r="245232" spans="14:14">
      <c r="N245232" s="10"/>
    </row>
    <row r="245233" spans="14:14">
      <c r="N245233" s="10"/>
    </row>
    <row r="245234" spans="14:14">
      <c r="N245234" s="10"/>
    </row>
    <row r="245235" spans="14:14">
      <c r="N245235" s="10"/>
    </row>
    <row r="245236" spans="14:14">
      <c r="N245236" s="10"/>
    </row>
    <row r="245237" spans="14:14">
      <c r="N245237" s="10"/>
    </row>
    <row r="245238" spans="14:14">
      <c r="N245238" s="10"/>
    </row>
    <row r="245239" spans="14:14">
      <c r="N245239" s="10"/>
    </row>
    <row r="245240" spans="14:14">
      <c r="N245240" s="10"/>
    </row>
    <row r="245241" spans="14:14">
      <c r="N245241" s="10"/>
    </row>
    <row r="245242" spans="14:14">
      <c r="N245242" s="10"/>
    </row>
    <row r="245243" spans="14:14">
      <c r="N245243" s="10"/>
    </row>
    <row r="245244" spans="14:14">
      <c r="N245244" s="10"/>
    </row>
    <row r="245245" spans="14:14">
      <c r="N245245" s="10"/>
    </row>
    <row r="245246" spans="14:14">
      <c r="N245246" s="10"/>
    </row>
    <row r="245247" spans="14:14">
      <c r="N245247" s="10"/>
    </row>
    <row r="245248" spans="14:14">
      <c r="N245248" s="10"/>
    </row>
    <row r="245249" spans="14:14">
      <c r="N245249" s="10"/>
    </row>
    <row r="245250" spans="14:14">
      <c r="N245250" s="10"/>
    </row>
    <row r="245251" spans="14:14">
      <c r="N245251" s="10"/>
    </row>
    <row r="245252" spans="14:14">
      <c r="N245252" s="10"/>
    </row>
    <row r="245253" spans="14:14">
      <c r="N245253" s="10"/>
    </row>
    <row r="245254" spans="14:14">
      <c r="N245254" s="10"/>
    </row>
    <row r="245255" spans="14:14">
      <c r="N245255" s="10"/>
    </row>
    <row r="245256" spans="14:14">
      <c r="N245256" s="10"/>
    </row>
    <row r="245257" spans="14:14">
      <c r="N245257" s="10"/>
    </row>
    <row r="245258" spans="14:14">
      <c r="N245258" s="10"/>
    </row>
    <row r="245259" spans="14:14">
      <c r="N245259" s="10"/>
    </row>
    <row r="245260" spans="14:14">
      <c r="N245260" s="10"/>
    </row>
    <row r="245261" spans="14:14">
      <c r="N245261" s="10"/>
    </row>
    <row r="245262" spans="14:14">
      <c r="N245262" s="10"/>
    </row>
    <row r="245263" spans="14:14">
      <c r="N245263" s="10"/>
    </row>
    <row r="245264" spans="14:14">
      <c r="N245264" s="10"/>
    </row>
    <row r="245265" spans="14:14">
      <c r="N245265" s="10"/>
    </row>
    <row r="245266" spans="14:14">
      <c r="N245266" s="10"/>
    </row>
    <row r="245267" spans="14:14">
      <c r="N245267" s="10"/>
    </row>
    <row r="245268" spans="14:14">
      <c r="N245268" s="10"/>
    </row>
    <row r="245269" spans="14:14">
      <c r="N245269" s="10"/>
    </row>
    <row r="245270" spans="14:14">
      <c r="N245270" s="10"/>
    </row>
    <row r="245271" spans="14:14">
      <c r="N245271" s="10"/>
    </row>
    <row r="245272" spans="14:14">
      <c r="N245272" s="10"/>
    </row>
    <row r="245273" spans="14:14">
      <c r="N245273" s="10"/>
    </row>
    <row r="245274" spans="14:14">
      <c r="N245274" s="10"/>
    </row>
    <row r="245275" spans="14:14">
      <c r="N245275" s="10"/>
    </row>
    <row r="245276" spans="14:14">
      <c r="N245276" s="10"/>
    </row>
    <row r="245277" spans="14:14">
      <c r="N245277" s="10"/>
    </row>
    <row r="245278" spans="14:14">
      <c r="N245278" s="10"/>
    </row>
    <row r="245279" spans="14:14">
      <c r="N245279" s="10"/>
    </row>
    <row r="245280" spans="14:14">
      <c r="N245280" s="10"/>
    </row>
    <row r="245281" spans="14:14">
      <c r="N245281" s="10"/>
    </row>
    <row r="245282" spans="14:14">
      <c r="N245282" s="10"/>
    </row>
    <row r="245283" spans="14:14">
      <c r="N245283" s="10"/>
    </row>
    <row r="245284" spans="14:14">
      <c r="N245284" s="10"/>
    </row>
    <row r="245285" spans="14:14">
      <c r="N245285" s="10"/>
    </row>
    <row r="245286" spans="14:14">
      <c r="N245286" s="10"/>
    </row>
    <row r="245287" spans="14:14">
      <c r="N245287" s="10"/>
    </row>
    <row r="245288" spans="14:14">
      <c r="N245288" s="10"/>
    </row>
    <row r="245289" spans="14:14">
      <c r="N245289" s="10"/>
    </row>
    <row r="245290" spans="14:14">
      <c r="N245290" s="10"/>
    </row>
    <row r="245291" spans="14:14">
      <c r="N245291" s="10"/>
    </row>
    <row r="245292" spans="14:14">
      <c r="N245292" s="10"/>
    </row>
    <row r="245293" spans="14:14">
      <c r="N245293" s="10"/>
    </row>
    <row r="245294" spans="14:14">
      <c r="N245294" s="10"/>
    </row>
    <row r="245295" spans="14:14">
      <c r="N245295" s="10"/>
    </row>
    <row r="245296" spans="14:14">
      <c r="N245296" s="10"/>
    </row>
    <row r="245297" spans="14:14">
      <c r="N245297" s="10"/>
    </row>
    <row r="245298" spans="14:14">
      <c r="N245298" s="10"/>
    </row>
    <row r="245299" spans="14:14">
      <c r="N245299" s="10"/>
    </row>
    <row r="245300" spans="14:14">
      <c r="N245300" s="10"/>
    </row>
    <row r="245301" spans="14:14">
      <c r="N245301" s="10"/>
    </row>
    <row r="245302" spans="14:14">
      <c r="N245302" s="10"/>
    </row>
    <row r="245303" spans="14:14">
      <c r="N245303" s="10"/>
    </row>
    <row r="245304" spans="14:14">
      <c r="N245304" s="10"/>
    </row>
    <row r="245305" spans="14:14">
      <c r="N245305" s="10"/>
    </row>
    <row r="245306" spans="14:14">
      <c r="N245306" s="10"/>
    </row>
    <row r="245307" spans="14:14">
      <c r="N245307" s="10"/>
    </row>
    <row r="245308" spans="14:14">
      <c r="N245308" s="10"/>
    </row>
    <row r="245309" spans="14:14">
      <c r="N245309" s="10"/>
    </row>
    <row r="245310" spans="14:14">
      <c r="N245310" s="10"/>
    </row>
    <row r="245311" spans="14:14">
      <c r="N245311" s="10"/>
    </row>
    <row r="245312" spans="14:14">
      <c r="N245312" s="10"/>
    </row>
    <row r="245313" spans="14:14">
      <c r="N245313" s="10"/>
    </row>
    <row r="245314" spans="14:14">
      <c r="N245314" s="10"/>
    </row>
    <row r="245315" spans="14:14">
      <c r="N245315" s="10"/>
    </row>
    <row r="245316" spans="14:14">
      <c r="N245316" s="10"/>
    </row>
    <row r="245317" spans="14:14">
      <c r="N245317" s="10"/>
    </row>
    <row r="245318" spans="14:14">
      <c r="N245318" s="10"/>
    </row>
    <row r="245319" spans="14:14">
      <c r="N245319" s="10"/>
    </row>
    <row r="245320" spans="14:14">
      <c r="N245320" s="10"/>
    </row>
    <row r="245321" spans="14:14">
      <c r="N245321" s="10"/>
    </row>
    <row r="245322" spans="14:14">
      <c r="N245322" s="10"/>
    </row>
    <row r="245323" spans="14:14">
      <c r="N245323" s="10"/>
    </row>
    <row r="245324" spans="14:14">
      <c r="N245324" s="10"/>
    </row>
    <row r="245325" spans="14:14">
      <c r="N245325" s="10"/>
    </row>
    <row r="245326" spans="14:14">
      <c r="N245326" s="10"/>
    </row>
    <row r="245327" spans="14:14">
      <c r="N245327" s="10"/>
    </row>
    <row r="245328" spans="14:14">
      <c r="N245328" s="10"/>
    </row>
    <row r="245329" spans="14:14">
      <c r="N245329" s="10"/>
    </row>
    <row r="245330" spans="14:14">
      <c r="N245330" s="10"/>
    </row>
    <row r="245331" spans="14:14">
      <c r="N245331" s="10"/>
    </row>
    <row r="245332" spans="14:14">
      <c r="N245332" s="10"/>
    </row>
    <row r="245333" spans="14:14">
      <c r="N245333" s="10"/>
    </row>
    <row r="245334" spans="14:14">
      <c r="N245334" s="10"/>
    </row>
    <row r="245335" spans="14:14">
      <c r="N245335" s="10"/>
    </row>
    <row r="245336" spans="14:14">
      <c r="N245336" s="10"/>
    </row>
    <row r="245337" spans="14:14">
      <c r="N245337" s="10"/>
    </row>
    <row r="245338" spans="14:14">
      <c r="N245338" s="10"/>
    </row>
    <row r="245339" spans="14:14">
      <c r="N245339" s="10"/>
    </row>
    <row r="245340" spans="14:14">
      <c r="N245340" s="10"/>
    </row>
    <row r="245341" spans="14:14">
      <c r="N245341" s="10"/>
    </row>
    <row r="245342" spans="14:14">
      <c r="N245342" s="10"/>
    </row>
    <row r="245343" spans="14:14">
      <c r="N245343" s="10"/>
    </row>
    <row r="245344" spans="14:14">
      <c r="N245344" s="10"/>
    </row>
    <row r="245345" spans="14:14">
      <c r="N245345" s="10"/>
    </row>
    <row r="245346" spans="14:14">
      <c r="N245346" s="10"/>
    </row>
    <row r="245347" spans="14:14">
      <c r="N245347" s="10"/>
    </row>
    <row r="245348" spans="14:14">
      <c r="N245348" s="10"/>
    </row>
    <row r="245349" spans="14:14">
      <c r="N245349" s="10"/>
    </row>
    <row r="245350" spans="14:14">
      <c r="N245350" s="10"/>
    </row>
    <row r="245351" spans="14:14">
      <c r="N245351" s="10"/>
    </row>
    <row r="245352" spans="14:14">
      <c r="N245352" s="10"/>
    </row>
    <row r="245353" spans="14:14">
      <c r="N245353" s="10"/>
    </row>
    <row r="245354" spans="14:14">
      <c r="N245354" s="10"/>
    </row>
    <row r="245355" spans="14:14">
      <c r="N245355" s="10"/>
    </row>
    <row r="245356" spans="14:14">
      <c r="N245356" s="10"/>
    </row>
    <row r="245357" spans="14:14">
      <c r="N245357" s="10"/>
    </row>
    <row r="245358" spans="14:14">
      <c r="N245358" s="10"/>
    </row>
    <row r="245359" spans="14:14">
      <c r="N245359" s="10"/>
    </row>
    <row r="245360" spans="14:14">
      <c r="N245360" s="10"/>
    </row>
    <row r="245361" spans="14:14">
      <c r="N245361" s="10"/>
    </row>
    <row r="245362" spans="14:14">
      <c r="N245362" s="10"/>
    </row>
    <row r="245363" spans="14:14">
      <c r="N245363" s="10"/>
    </row>
    <row r="245364" spans="14:14">
      <c r="N245364" s="10"/>
    </row>
    <row r="245365" spans="14:14">
      <c r="N245365" s="10"/>
    </row>
    <row r="245366" spans="14:14">
      <c r="N245366" s="10"/>
    </row>
    <row r="245367" spans="14:14">
      <c r="N245367" s="10"/>
    </row>
    <row r="245368" spans="14:14">
      <c r="N245368" s="10"/>
    </row>
    <row r="245369" spans="14:14">
      <c r="N245369" s="10"/>
    </row>
    <row r="245370" spans="14:14">
      <c r="N245370" s="10"/>
    </row>
    <row r="245371" spans="14:14">
      <c r="N245371" s="10"/>
    </row>
    <row r="245372" spans="14:14">
      <c r="N245372" s="10"/>
    </row>
    <row r="245373" spans="14:14">
      <c r="N245373" s="10"/>
    </row>
    <row r="245374" spans="14:14">
      <c r="N245374" s="10"/>
    </row>
    <row r="245375" spans="14:14">
      <c r="N245375" s="10"/>
    </row>
    <row r="245376" spans="14:14">
      <c r="N245376" s="10"/>
    </row>
    <row r="245377" spans="14:14">
      <c r="N245377" s="10"/>
    </row>
    <row r="245378" spans="14:14">
      <c r="N245378" s="10"/>
    </row>
    <row r="245379" spans="14:14">
      <c r="N245379" s="10"/>
    </row>
    <row r="245380" spans="14:14">
      <c r="N245380" s="10"/>
    </row>
    <row r="245381" spans="14:14">
      <c r="N245381" s="10"/>
    </row>
    <row r="245382" spans="14:14">
      <c r="N245382" s="10"/>
    </row>
    <row r="245383" spans="14:14">
      <c r="N245383" s="10"/>
    </row>
    <row r="245384" spans="14:14">
      <c r="N245384" s="10"/>
    </row>
    <row r="245385" spans="14:14">
      <c r="N245385" s="10"/>
    </row>
    <row r="245386" spans="14:14">
      <c r="N245386" s="10"/>
    </row>
    <row r="245387" spans="14:14">
      <c r="N245387" s="10"/>
    </row>
    <row r="245388" spans="14:14">
      <c r="N245388" s="10"/>
    </row>
    <row r="245389" spans="14:14">
      <c r="N245389" s="10"/>
    </row>
    <row r="245390" spans="14:14">
      <c r="N245390" s="10"/>
    </row>
    <row r="245391" spans="14:14">
      <c r="N245391" s="10"/>
    </row>
    <row r="245392" spans="14:14">
      <c r="N245392" s="10"/>
    </row>
    <row r="245393" spans="14:14">
      <c r="N245393" s="10"/>
    </row>
    <row r="245394" spans="14:14">
      <c r="N245394" s="10"/>
    </row>
    <row r="245395" spans="14:14">
      <c r="N245395" s="10"/>
    </row>
    <row r="245396" spans="14:14">
      <c r="N245396" s="10"/>
    </row>
    <row r="245397" spans="14:14">
      <c r="N245397" s="10"/>
    </row>
    <row r="245398" spans="14:14">
      <c r="N245398" s="10"/>
    </row>
    <row r="245399" spans="14:14">
      <c r="N245399" s="10"/>
    </row>
    <row r="245400" spans="14:14">
      <c r="N245400" s="10"/>
    </row>
    <row r="245401" spans="14:14">
      <c r="N245401" s="10"/>
    </row>
    <row r="245402" spans="14:14">
      <c r="N245402" s="10"/>
    </row>
    <row r="245403" spans="14:14">
      <c r="N245403" s="10"/>
    </row>
    <row r="245404" spans="14:14">
      <c r="N245404" s="10"/>
    </row>
    <row r="245405" spans="14:14">
      <c r="N245405" s="10"/>
    </row>
    <row r="245406" spans="14:14">
      <c r="N245406" s="10"/>
    </row>
    <row r="245407" spans="14:14">
      <c r="N245407" s="10"/>
    </row>
    <row r="245408" spans="14:14">
      <c r="N245408" s="10"/>
    </row>
    <row r="245409" spans="14:14">
      <c r="N245409" s="10"/>
    </row>
    <row r="245410" spans="14:14">
      <c r="N245410" s="10"/>
    </row>
    <row r="245411" spans="14:14">
      <c r="N245411" s="10"/>
    </row>
    <row r="245412" spans="14:14">
      <c r="N245412" s="10"/>
    </row>
    <row r="245413" spans="14:14">
      <c r="N245413" s="10"/>
    </row>
    <row r="245414" spans="14:14">
      <c r="N245414" s="10"/>
    </row>
    <row r="245415" spans="14:14">
      <c r="N245415" s="10"/>
    </row>
    <row r="245416" spans="14:14">
      <c r="N245416" s="10"/>
    </row>
    <row r="245417" spans="14:14">
      <c r="N245417" s="10"/>
    </row>
    <row r="245418" spans="14:14">
      <c r="N245418" s="10"/>
    </row>
    <row r="245419" spans="14:14">
      <c r="N245419" s="10"/>
    </row>
    <row r="245420" spans="14:14">
      <c r="N245420" s="10"/>
    </row>
    <row r="245421" spans="14:14">
      <c r="N245421" s="10"/>
    </row>
    <row r="245422" spans="14:14">
      <c r="N245422" s="10"/>
    </row>
    <row r="245423" spans="14:14">
      <c r="N245423" s="10"/>
    </row>
    <row r="245424" spans="14:14">
      <c r="N245424" s="10"/>
    </row>
    <row r="245425" spans="14:14">
      <c r="N245425" s="10"/>
    </row>
    <row r="245426" spans="14:14">
      <c r="N245426" s="10"/>
    </row>
    <row r="245427" spans="14:14">
      <c r="N245427" s="10"/>
    </row>
    <row r="245428" spans="14:14">
      <c r="N245428" s="10"/>
    </row>
    <row r="245429" spans="14:14">
      <c r="N245429" s="10"/>
    </row>
    <row r="245430" spans="14:14">
      <c r="N245430" s="10"/>
    </row>
    <row r="245431" spans="14:14">
      <c r="N245431" s="10"/>
    </row>
    <row r="245432" spans="14:14">
      <c r="N245432" s="10"/>
    </row>
    <row r="245433" spans="14:14">
      <c r="N245433" s="10"/>
    </row>
    <row r="245434" spans="14:14">
      <c r="N245434" s="10"/>
    </row>
    <row r="245435" spans="14:14">
      <c r="N245435" s="10"/>
    </row>
    <row r="245436" spans="14:14">
      <c r="N245436" s="10"/>
    </row>
    <row r="245437" spans="14:14">
      <c r="N245437" s="10"/>
    </row>
    <row r="245438" spans="14:14">
      <c r="N245438" s="10"/>
    </row>
    <row r="245439" spans="14:14">
      <c r="N245439" s="10"/>
    </row>
    <row r="245440" spans="14:14">
      <c r="N245440" s="10"/>
    </row>
    <row r="245441" spans="14:14">
      <c r="N245441" s="10"/>
    </row>
    <row r="245442" spans="14:14">
      <c r="N245442" s="10"/>
    </row>
    <row r="245443" spans="14:14">
      <c r="N245443" s="10"/>
    </row>
    <row r="245444" spans="14:14">
      <c r="N245444" s="10"/>
    </row>
    <row r="245445" spans="14:14">
      <c r="N245445" s="10"/>
    </row>
    <row r="245446" spans="14:14">
      <c r="N245446" s="10"/>
    </row>
    <row r="245447" spans="14:14">
      <c r="N245447" s="10"/>
    </row>
    <row r="245448" spans="14:14">
      <c r="N245448" s="10"/>
    </row>
    <row r="245449" spans="14:14">
      <c r="N245449" s="10"/>
    </row>
    <row r="245450" spans="14:14">
      <c r="N245450" s="10"/>
    </row>
    <row r="245451" spans="14:14">
      <c r="N245451" s="10"/>
    </row>
    <row r="245452" spans="14:14">
      <c r="N245452" s="10"/>
    </row>
    <row r="245453" spans="14:14">
      <c r="N245453" s="10"/>
    </row>
    <row r="245454" spans="14:14">
      <c r="N245454" s="10"/>
    </row>
    <row r="245455" spans="14:14">
      <c r="N245455" s="10"/>
    </row>
    <row r="245456" spans="14:14">
      <c r="N245456" s="10"/>
    </row>
    <row r="245457" spans="14:14">
      <c r="N245457" s="10"/>
    </row>
    <row r="245458" spans="14:14">
      <c r="N245458" s="10"/>
    </row>
    <row r="245459" spans="14:14">
      <c r="N245459" s="10"/>
    </row>
    <row r="245460" spans="14:14">
      <c r="N245460" s="10"/>
    </row>
    <row r="245461" spans="14:14">
      <c r="N245461" s="10"/>
    </row>
    <row r="245462" spans="14:14">
      <c r="N245462" s="10"/>
    </row>
    <row r="245463" spans="14:14">
      <c r="N245463" s="10"/>
    </row>
    <row r="245464" spans="14:14">
      <c r="N245464" s="10"/>
    </row>
    <row r="245465" spans="14:14">
      <c r="N245465" s="10"/>
    </row>
    <row r="245466" spans="14:14">
      <c r="N245466" s="10"/>
    </row>
    <row r="245467" spans="14:14">
      <c r="N245467" s="10"/>
    </row>
    <row r="245468" spans="14:14">
      <c r="N245468" s="10"/>
    </row>
    <row r="245469" spans="14:14">
      <c r="N245469" s="10"/>
    </row>
    <row r="245470" spans="14:14">
      <c r="N245470" s="10"/>
    </row>
    <row r="245471" spans="14:14">
      <c r="N245471" s="10"/>
    </row>
    <row r="245472" spans="14:14">
      <c r="N245472" s="10"/>
    </row>
    <row r="245473" spans="14:14">
      <c r="N245473" s="10"/>
    </row>
    <row r="245474" spans="14:14">
      <c r="N245474" s="10"/>
    </row>
    <row r="245475" spans="14:14">
      <c r="N245475" s="10"/>
    </row>
    <row r="245476" spans="14:14">
      <c r="N245476" s="10"/>
    </row>
    <row r="245477" spans="14:14">
      <c r="N245477" s="10"/>
    </row>
    <row r="245478" spans="14:14">
      <c r="N245478" s="10"/>
    </row>
    <row r="245479" spans="14:14">
      <c r="N245479" s="10"/>
    </row>
    <row r="245480" spans="14:14">
      <c r="N245480" s="10"/>
    </row>
    <row r="245481" spans="14:14">
      <c r="N245481" s="10"/>
    </row>
    <row r="245482" spans="14:14">
      <c r="N245482" s="10"/>
    </row>
    <row r="245483" spans="14:14">
      <c r="N245483" s="10"/>
    </row>
    <row r="245484" spans="14:14">
      <c r="N245484" s="10"/>
    </row>
    <row r="245485" spans="14:14">
      <c r="N245485" s="10"/>
    </row>
    <row r="245486" spans="14:14">
      <c r="N245486" s="10"/>
    </row>
    <row r="245487" spans="14:14">
      <c r="N245487" s="10"/>
    </row>
    <row r="245488" spans="14:14">
      <c r="N245488" s="10"/>
    </row>
    <row r="245489" spans="14:14">
      <c r="N245489" s="10"/>
    </row>
    <row r="245490" spans="14:14">
      <c r="N245490" s="10"/>
    </row>
    <row r="245491" spans="14:14">
      <c r="N245491" s="10"/>
    </row>
    <row r="245492" spans="14:14">
      <c r="N245492" s="10"/>
    </row>
    <row r="245493" spans="14:14">
      <c r="N245493" s="10"/>
    </row>
    <row r="245494" spans="14:14">
      <c r="N245494" s="10"/>
    </row>
    <row r="245495" spans="14:14">
      <c r="N245495" s="10"/>
    </row>
    <row r="245496" spans="14:14">
      <c r="N245496" s="10"/>
    </row>
    <row r="245497" spans="14:14">
      <c r="N245497" s="10"/>
    </row>
    <row r="245498" spans="14:14">
      <c r="N245498" s="10"/>
    </row>
    <row r="245499" spans="14:14">
      <c r="N245499" s="10"/>
    </row>
    <row r="245500" spans="14:14">
      <c r="N245500" s="10"/>
    </row>
    <row r="245501" spans="14:14">
      <c r="N245501" s="10"/>
    </row>
    <row r="245502" spans="14:14">
      <c r="N245502" s="10"/>
    </row>
    <row r="245503" spans="14:14">
      <c r="N245503" s="10"/>
    </row>
    <row r="245504" spans="14:14">
      <c r="N245504" s="10"/>
    </row>
    <row r="245505" spans="14:14">
      <c r="N245505" s="10"/>
    </row>
    <row r="245506" spans="14:14">
      <c r="N245506" s="10"/>
    </row>
    <row r="245507" spans="14:14">
      <c r="N245507" s="10"/>
    </row>
    <row r="245508" spans="14:14">
      <c r="N245508" s="10"/>
    </row>
    <row r="245509" spans="14:14">
      <c r="N245509" s="10"/>
    </row>
    <row r="245510" spans="14:14">
      <c r="N245510" s="10"/>
    </row>
    <row r="245511" spans="14:14">
      <c r="N245511" s="10"/>
    </row>
    <row r="245512" spans="14:14">
      <c r="N245512" s="10"/>
    </row>
    <row r="245513" spans="14:14">
      <c r="N245513" s="10"/>
    </row>
    <row r="245514" spans="14:14">
      <c r="N245514" s="10"/>
    </row>
    <row r="245515" spans="14:14">
      <c r="N245515" s="10"/>
    </row>
    <row r="245516" spans="14:14">
      <c r="N245516" s="10"/>
    </row>
    <row r="245517" spans="14:14">
      <c r="N245517" s="10"/>
    </row>
    <row r="245518" spans="14:14">
      <c r="N245518" s="10"/>
    </row>
    <row r="245519" spans="14:14">
      <c r="N245519" s="10"/>
    </row>
    <row r="245520" spans="14:14">
      <c r="N245520" s="10"/>
    </row>
    <row r="245521" spans="14:14">
      <c r="N245521" s="10"/>
    </row>
    <row r="245522" spans="14:14">
      <c r="N245522" s="10"/>
    </row>
    <row r="245523" spans="14:14">
      <c r="N245523" s="10"/>
    </row>
    <row r="245524" spans="14:14">
      <c r="N245524" s="10"/>
    </row>
    <row r="245525" spans="14:14">
      <c r="N245525" s="10"/>
    </row>
    <row r="245526" spans="14:14">
      <c r="N245526" s="10"/>
    </row>
    <row r="245527" spans="14:14">
      <c r="N245527" s="10"/>
    </row>
    <row r="245528" spans="14:14">
      <c r="N245528" s="10"/>
    </row>
    <row r="245529" spans="14:14">
      <c r="N245529" s="10"/>
    </row>
    <row r="245530" spans="14:14">
      <c r="N245530" s="10"/>
    </row>
    <row r="245531" spans="14:14">
      <c r="N245531" s="10"/>
    </row>
    <row r="245532" spans="14:14">
      <c r="N245532" s="10"/>
    </row>
    <row r="245533" spans="14:14">
      <c r="N245533" s="10"/>
    </row>
    <row r="245534" spans="14:14">
      <c r="N245534" s="10"/>
    </row>
    <row r="245535" spans="14:14">
      <c r="N245535" s="10"/>
    </row>
    <row r="245536" spans="14:14">
      <c r="N245536" s="10"/>
    </row>
    <row r="245537" spans="14:14">
      <c r="N245537" s="10"/>
    </row>
    <row r="245538" spans="14:14">
      <c r="N245538" s="10"/>
    </row>
    <row r="245539" spans="14:14">
      <c r="N245539" s="10"/>
    </row>
    <row r="245540" spans="14:14">
      <c r="N245540" s="10"/>
    </row>
    <row r="245541" spans="14:14">
      <c r="N245541" s="10"/>
    </row>
    <row r="245542" spans="14:14">
      <c r="N245542" s="10"/>
    </row>
    <row r="245543" spans="14:14">
      <c r="N245543" s="10"/>
    </row>
    <row r="245544" spans="14:14">
      <c r="N245544" s="10"/>
    </row>
    <row r="245545" spans="14:14">
      <c r="N245545" s="10"/>
    </row>
    <row r="245546" spans="14:14">
      <c r="N245546" s="10"/>
    </row>
    <row r="245547" spans="14:14">
      <c r="N245547" s="10"/>
    </row>
    <row r="245548" spans="14:14">
      <c r="N245548" s="10"/>
    </row>
    <row r="245549" spans="14:14">
      <c r="N245549" s="10"/>
    </row>
    <row r="245550" spans="14:14">
      <c r="N245550" s="10"/>
    </row>
    <row r="245551" spans="14:14">
      <c r="N245551" s="10"/>
    </row>
    <row r="245552" spans="14:14">
      <c r="N245552" s="10"/>
    </row>
    <row r="245553" spans="14:14">
      <c r="N245553" s="10"/>
    </row>
    <row r="245554" spans="14:14">
      <c r="N245554" s="10"/>
    </row>
    <row r="245555" spans="14:14">
      <c r="N245555" s="10"/>
    </row>
    <row r="245556" spans="14:14">
      <c r="N245556" s="10"/>
    </row>
    <row r="245557" spans="14:14">
      <c r="N245557" s="10"/>
    </row>
    <row r="245558" spans="14:14">
      <c r="N245558" s="10"/>
    </row>
    <row r="245559" spans="14:14">
      <c r="N245559" s="10"/>
    </row>
    <row r="245560" spans="14:14">
      <c r="N245560" s="10"/>
    </row>
    <row r="245561" spans="14:14">
      <c r="N245561" s="10"/>
    </row>
    <row r="245562" spans="14:14">
      <c r="N245562" s="10"/>
    </row>
    <row r="245563" spans="14:14">
      <c r="N245563" s="10"/>
    </row>
    <row r="245564" spans="14:14">
      <c r="N245564" s="10"/>
    </row>
    <row r="245565" spans="14:14">
      <c r="N245565" s="10"/>
    </row>
    <row r="245566" spans="14:14">
      <c r="N245566" s="10"/>
    </row>
    <row r="245567" spans="14:14">
      <c r="N245567" s="10"/>
    </row>
    <row r="245568" spans="14:14">
      <c r="N245568" s="10"/>
    </row>
    <row r="245569" spans="14:14">
      <c r="N245569" s="10"/>
    </row>
    <row r="245570" spans="14:14">
      <c r="N245570" s="10"/>
    </row>
    <row r="245571" spans="14:14">
      <c r="N245571" s="10"/>
    </row>
    <row r="245572" spans="14:14">
      <c r="N245572" s="10"/>
    </row>
    <row r="245573" spans="14:14">
      <c r="N245573" s="10"/>
    </row>
    <row r="245574" spans="14:14">
      <c r="N245574" s="10"/>
    </row>
    <row r="245575" spans="14:14">
      <c r="N245575" s="10"/>
    </row>
    <row r="245576" spans="14:14">
      <c r="N245576" s="10"/>
    </row>
    <row r="245577" spans="14:14">
      <c r="N245577" s="10"/>
    </row>
    <row r="245578" spans="14:14">
      <c r="N245578" s="10"/>
    </row>
    <row r="245579" spans="14:14">
      <c r="N245579" s="10"/>
    </row>
    <row r="245580" spans="14:14">
      <c r="N245580" s="10"/>
    </row>
    <row r="245581" spans="14:14">
      <c r="N245581" s="10"/>
    </row>
    <row r="245582" spans="14:14">
      <c r="N245582" s="10"/>
    </row>
    <row r="245583" spans="14:14">
      <c r="N245583" s="10"/>
    </row>
    <row r="245584" spans="14:14">
      <c r="N245584" s="10"/>
    </row>
    <row r="245585" spans="14:14">
      <c r="N245585" s="10"/>
    </row>
    <row r="245586" spans="14:14">
      <c r="N245586" s="10"/>
    </row>
    <row r="245587" spans="14:14">
      <c r="N245587" s="10"/>
    </row>
    <row r="245588" spans="14:14">
      <c r="N245588" s="10"/>
    </row>
    <row r="245589" spans="14:14">
      <c r="N245589" s="10"/>
    </row>
    <row r="245590" spans="14:14">
      <c r="N245590" s="10"/>
    </row>
    <row r="245591" spans="14:14">
      <c r="N245591" s="10"/>
    </row>
    <row r="245592" spans="14:14">
      <c r="N245592" s="10"/>
    </row>
    <row r="245593" spans="14:14">
      <c r="N245593" s="10"/>
    </row>
    <row r="245594" spans="14:14">
      <c r="N245594" s="10"/>
    </row>
    <row r="245595" spans="14:14">
      <c r="N245595" s="10"/>
    </row>
    <row r="245596" spans="14:14">
      <c r="N245596" s="10"/>
    </row>
    <row r="245597" spans="14:14">
      <c r="N245597" s="10"/>
    </row>
    <row r="245598" spans="14:14">
      <c r="N245598" s="10"/>
    </row>
    <row r="245599" spans="14:14">
      <c r="N245599" s="10"/>
    </row>
    <row r="245600" spans="14:14">
      <c r="N245600" s="10"/>
    </row>
    <row r="245601" spans="14:14">
      <c r="N245601" s="10"/>
    </row>
    <row r="245602" spans="14:14">
      <c r="N245602" s="10"/>
    </row>
    <row r="245603" spans="14:14">
      <c r="N245603" s="10"/>
    </row>
    <row r="245604" spans="14:14">
      <c r="N245604" s="10"/>
    </row>
    <row r="245605" spans="14:14">
      <c r="N245605" s="10"/>
    </row>
    <row r="245606" spans="14:14">
      <c r="N245606" s="10"/>
    </row>
    <row r="245607" spans="14:14">
      <c r="N245607" s="10"/>
    </row>
    <row r="245608" spans="14:14">
      <c r="N245608" s="10"/>
    </row>
    <row r="245609" spans="14:14">
      <c r="N245609" s="10"/>
    </row>
    <row r="245610" spans="14:14">
      <c r="N245610" s="10"/>
    </row>
    <row r="245611" spans="14:14">
      <c r="N245611" s="10"/>
    </row>
    <row r="245612" spans="14:14">
      <c r="N245612" s="10"/>
    </row>
    <row r="245613" spans="14:14">
      <c r="N245613" s="10"/>
    </row>
    <row r="245614" spans="14:14">
      <c r="N245614" s="10"/>
    </row>
    <row r="245615" spans="14:14">
      <c r="N245615" s="10"/>
    </row>
    <row r="245616" spans="14:14">
      <c r="N245616" s="10"/>
    </row>
    <row r="245617" spans="14:14">
      <c r="N245617" s="10"/>
    </row>
    <row r="245618" spans="14:14">
      <c r="N245618" s="10"/>
    </row>
    <row r="245619" spans="14:14">
      <c r="N245619" s="10"/>
    </row>
    <row r="245620" spans="14:14">
      <c r="N245620" s="10"/>
    </row>
    <row r="245621" spans="14:14">
      <c r="N245621" s="10"/>
    </row>
    <row r="245622" spans="14:14">
      <c r="N245622" s="10"/>
    </row>
    <row r="245623" spans="14:14">
      <c r="N245623" s="10"/>
    </row>
    <row r="245624" spans="14:14">
      <c r="N245624" s="10"/>
    </row>
    <row r="245625" spans="14:14">
      <c r="N245625" s="10"/>
    </row>
    <row r="245626" spans="14:14">
      <c r="N245626" s="10"/>
    </row>
    <row r="245627" spans="14:14">
      <c r="N245627" s="10"/>
    </row>
    <row r="245628" spans="14:14">
      <c r="N245628" s="10"/>
    </row>
    <row r="245629" spans="14:14">
      <c r="N245629" s="10"/>
    </row>
    <row r="245630" spans="14:14">
      <c r="N245630" s="10"/>
    </row>
    <row r="245631" spans="14:14">
      <c r="N245631" s="10"/>
    </row>
    <row r="245632" spans="14:14">
      <c r="N245632" s="10"/>
    </row>
    <row r="245633" spans="14:14">
      <c r="N245633" s="10"/>
    </row>
    <row r="245634" spans="14:14">
      <c r="N245634" s="10"/>
    </row>
    <row r="245635" spans="14:14">
      <c r="N245635" s="10"/>
    </row>
    <row r="245636" spans="14:14">
      <c r="N245636" s="10"/>
    </row>
    <row r="245637" spans="14:14">
      <c r="N245637" s="10"/>
    </row>
    <row r="245638" spans="14:14">
      <c r="N245638" s="10"/>
    </row>
    <row r="245639" spans="14:14">
      <c r="N245639" s="10"/>
    </row>
    <row r="245640" spans="14:14">
      <c r="N245640" s="10"/>
    </row>
    <row r="245641" spans="14:14">
      <c r="N245641" s="10"/>
    </row>
    <row r="245642" spans="14:14">
      <c r="N245642" s="10"/>
    </row>
    <row r="245643" spans="14:14">
      <c r="N245643" s="10"/>
    </row>
    <row r="245644" spans="14:14">
      <c r="N245644" s="10"/>
    </row>
    <row r="245645" spans="14:14">
      <c r="N245645" s="10"/>
    </row>
    <row r="245646" spans="14:14">
      <c r="N245646" s="10"/>
    </row>
    <row r="245647" spans="14:14">
      <c r="N245647" s="10"/>
    </row>
    <row r="245648" spans="14:14">
      <c r="N245648" s="10"/>
    </row>
    <row r="245649" spans="14:14">
      <c r="N245649" s="10"/>
    </row>
    <row r="245650" spans="14:14">
      <c r="N245650" s="10"/>
    </row>
    <row r="245651" spans="14:14">
      <c r="N245651" s="10"/>
    </row>
    <row r="245652" spans="14:14">
      <c r="N245652" s="10"/>
    </row>
    <row r="245653" spans="14:14">
      <c r="N245653" s="10"/>
    </row>
    <row r="245654" spans="14:14">
      <c r="N245654" s="10"/>
    </row>
    <row r="245655" spans="14:14">
      <c r="N245655" s="10"/>
    </row>
    <row r="245656" spans="14:14">
      <c r="N245656" s="10"/>
    </row>
    <row r="245657" spans="14:14">
      <c r="N245657" s="10"/>
    </row>
    <row r="245658" spans="14:14">
      <c r="N245658" s="10"/>
    </row>
    <row r="245659" spans="14:14">
      <c r="N245659" s="10"/>
    </row>
    <row r="245660" spans="14:14">
      <c r="N245660" s="10"/>
    </row>
    <row r="245661" spans="14:14">
      <c r="N245661" s="10"/>
    </row>
    <row r="245662" spans="14:14">
      <c r="N245662" s="10"/>
    </row>
    <row r="245663" spans="14:14">
      <c r="N245663" s="10"/>
    </row>
    <row r="245664" spans="14:14">
      <c r="N245664" s="10"/>
    </row>
    <row r="245665" spans="14:14">
      <c r="N245665" s="10"/>
    </row>
    <row r="245666" spans="14:14">
      <c r="N245666" s="10"/>
    </row>
    <row r="245667" spans="14:14">
      <c r="N245667" s="10"/>
    </row>
    <row r="245668" spans="14:14">
      <c r="N245668" s="10"/>
    </row>
    <row r="245669" spans="14:14">
      <c r="N245669" s="10"/>
    </row>
    <row r="245670" spans="14:14">
      <c r="N245670" s="10"/>
    </row>
    <row r="245671" spans="14:14">
      <c r="N245671" s="10"/>
    </row>
    <row r="245672" spans="14:14">
      <c r="N245672" s="10"/>
    </row>
    <row r="245673" spans="14:14">
      <c r="N245673" s="10"/>
    </row>
    <row r="245674" spans="14:14">
      <c r="N245674" s="10"/>
    </row>
    <row r="245675" spans="14:14">
      <c r="N245675" s="10"/>
    </row>
    <row r="245676" spans="14:14">
      <c r="N245676" s="10"/>
    </row>
    <row r="245677" spans="14:14">
      <c r="N245677" s="10"/>
    </row>
    <row r="245678" spans="14:14">
      <c r="N245678" s="10"/>
    </row>
    <row r="245679" spans="14:14">
      <c r="N245679" s="10"/>
    </row>
    <row r="245680" spans="14:14">
      <c r="N245680" s="10"/>
    </row>
    <row r="245681" spans="14:14">
      <c r="N245681" s="10"/>
    </row>
    <row r="245682" spans="14:14">
      <c r="N245682" s="10"/>
    </row>
    <row r="245683" spans="14:14">
      <c r="N245683" s="10"/>
    </row>
    <row r="245684" spans="14:14">
      <c r="N245684" s="10"/>
    </row>
    <row r="245685" spans="14:14">
      <c r="N245685" s="10"/>
    </row>
    <row r="245686" spans="14:14">
      <c r="N245686" s="10"/>
    </row>
    <row r="245687" spans="14:14">
      <c r="N245687" s="10"/>
    </row>
    <row r="245688" spans="14:14">
      <c r="N245688" s="10"/>
    </row>
    <row r="245689" spans="14:14">
      <c r="N245689" s="10"/>
    </row>
    <row r="245690" spans="14:14">
      <c r="N245690" s="10"/>
    </row>
    <row r="245691" spans="14:14">
      <c r="N245691" s="10"/>
    </row>
    <row r="245692" spans="14:14">
      <c r="N245692" s="10"/>
    </row>
    <row r="245693" spans="14:14">
      <c r="N245693" s="10"/>
    </row>
    <row r="245694" spans="14:14">
      <c r="N245694" s="10"/>
    </row>
    <row r="245695" spans="14:14">
      <c r="N245695" s="10"/>
    </row>
    <row r="245696" spans="14:14">
      <c r="N245696" s="10"/>
    </row>
    <row r="245697" spans="14:14">
      <c r="N245697" s="10"/>
    </row>
    <row r="245698" spans="14:14">
      <c r="N245698" s="10"/>
    </row>
    <row r="245699" spans="14:14">
      <c r="N245699" s="10"/>
    </row>
    <row r="245700" spans="14:14">
      <c r="N245700" s="10"/>
    </row>
    <row r="245701" spans="14:14">
      <c r="N245701" s="10"/>
    </row>
    <row r="245702" spans="14:14">
      <c r="N245702" s="10"/>
    </row>
    <row r="245703" spans="14:14">
      <c r="N245703" s="10"/>
    </row>
    <row r="245704" spans="14:14">
      <c r="N245704" s="10"/>
    </row>
    <row r="245705" spans="14:14">
      <c r="N245705" s="10"/>
    </row>
    <row r="245706" spans="14:14">
      <c r="N245706" s="10"/>
    </row>
    <row r="245707" spans="14:14">
      <c r="N245707" s="10"/>
    </row>
    <row r="245708" spans="14:14">
      <c r="N245708" s="10"/>
    </row>
    <row r="245709" spans="14:14">
      <c r="N245709" s="10"/>
    </row>
    <row r="245710" spans="14:14">
      <c r="N245710" s="10"/>
    </row>
    <row r="245711" spans="14:14">
      <c r="N245711" s="10"/>
    </row>
    <row r="245712" spans="14:14">
      <c r="N245712" s="10"/>
    </row>
    <row r="245713" spans="14:14">
      <c r="N245713" s="10"/>
    </row>
    <row r="245714" spans="14:14">
      <c r="N245714" s="10"/>
    </row>
    <row r="245715" spans="14:14">
      <c r="N245715" s="10"/>
    </row>
    <row r="245716" spans="14:14">
      <c r="N245716" s="10"/>
    </row>
    <row r="245717" spans="14:14">
      <c r="N245717" s="10"/>
    </row>
    <row r="245718" spans="14:14">
      <c r="N245718" s="10"/>
    </row>
    <row r="245719" spans="14:14">
      <c r="N245719" s="10"/>
    </row>
    <row r="245720" spans="14:14">
      <c r="N245720" s="10"/>
    </row>
    <row r="245721" spans="14:14">
      <c r="N245721" s="10"/>
    </row>
    <row r="245722" spans="14:14">
      <c r="N245722" s="10"/>
    </row>
    <row r="245723" spans="14:14">
      <c r="N245723" s="10"/>
    </row>
    <row r="245724" spans="14:14">
      <c r="N245724" s="10"/>
    </row>
    <row r="245725" spans="14:14">
      <c r="N245725" s="10"/>
    </row>
    <row r="245726" spans="14:14">
      <c r="N245726" s="10"/>
    </row>
    <row r="245727" spans="14:14">
      <c r="N245727" s="10"/>
    </row>
    <row r="245728" spans="14:14">
      <c r="N245728" s="10"/>
    </row>
    <row r="245729" spans="14:14">
      <c r="N245729" s="10"/>
    </row>
    <row r="245730" spans="14:14">
      <c r="N245730" s="10"/>
    </row>
    <row r="245731" spans="14:14">
      <c r="N245731" s="10"/>
    </row>
    <row r="245732" spans="14:14">
      <c r="N245732" s="10"/>
    </row>
    <row r="245733" spans="14:14">
      <c r="N245733" s="10"/>
    </row>
    <row r="245734" spans="14:14">
      <c r="N245734" s="10"/>
    </row>
    <row r="245735" spans="14:14">
      <c r="N245735" s="10"/>
    </row>
    <row r="245736" spans="14:14">
      <c r="N245736" s="10"/>
    </row>
    <row r="245737" spans="14:14">
      <c r="N245737" s="10"/>
    </row>
    <row r="245738" spans="14:14">
      <c r="N245738" s="10"/>
    </row>
    <row r="245739" spans="14:14">
      <c r="N245739" s="10"/>
    </row>
    <row r="245740" spans="14:14">
      <c r="N245740" s="10"/>
    </row>
    <row r="245741" spans="14:14">
      <c r="N245741" s="10"/>
    </row>
    <row r="245742" spans="14:14">
      <c r="N245742" s="10"/>
    </row>
    <row r="245743" spans="14:14">
      <c r="N245743" s="10"/>
    </row>
    <row r="245744" spans="14:14">
      <c r="N245744" s="10"/>
    </row>
    <row r="245745" spans="14:14">
      <c r="N245745" s="10"/>
    </row>
    <row r="245746" spans="14:14">
      <c r="N245746" s="10"/>
    </row>
    <row r="245747" spans="14:14">
      <c r="N245747" s="10"/>
    </row>
    <row r="245748" spans="14:14">
      <c r="N245748" s="10"/>
    </row>
    <row r="245749" spans="14:14">
      <c r="N245749" s="10"/>
    </row>
    <row r="245750" spans="14:14">
      <c r="N245750" s="10"/>
    </row>
    <row r="245751" spans="14:14">
      <c r="N245751" s="10"/>
    </row>
    <row r="245752" spans="14:14">
      <c r="N245752" s="10"/>
    </row>
    <row r="245753" spans="14:14">
      <c r="N245753" s="10"/>
    </row>
    <row r="245754" spans="14:14">
      <c r="N245754" s="10"/>
    </row>
    <row r="245755" spans="14:14">
      <c r="N245755" s="10"/>
    </row>
    <row r="245756" spans="14:14">
      <c r="N245756" s="10"/>
    </row>
    <row r="245757" spans="14:14">
      <c r="N245757" s="10"/>
    </row>
    <row r="245758" spans="14:14">
      <c r="N245758" s="10"/>
    </row>
    <row r="245759" spans="14:14">
      <c r="N245759" s="10"/>
    </row>
    <row r="245760" spans="14:14">
      <c r="N245760" s="10"/>
    </row>
    <row r="245761" spans="14:14">
      <c r="N245761" s="10"/>
    </row>
    <row r="245762" spans="14:14">
      <c r="N245762" s="10"/>
    </row>
    <row r="245763" spans="14:14">
      <c r="N245763" s="10"/>
    </row>
    <row r="245764" spans="14:14">
      <c r="N245764" s="10"/>
    </row>
    <row r="245765" spans="14:14">
      <c r="N245765" s="10"/>
    </row>
    <row r="245766" spans="14:14">
      <c r="N245766" s="10"/>
    </row>
    <row r="245767" spans="14:14">
      <c r="N245767" s="10"/>
    </row>
    <row r="245768" spans="14:14">
      <c r="N245768" s="10"/>
    </row>
    <row r="245769" spans="14:14">
      <c r="N245769" s="10"/>
    </row>
    <row r="245770" spans="14:14">
      <c r="N245770" s="10"/>
    </row>
    <row r="245771" spans="14:14">
      <c r="N245771" s="10"/>
    </row>
    <row r="245772" spans="14:14">
      <c r="N245772" s="10"/>
    </row>
    <row r="245773" spans="14:14">
      <c r="N245773" s="10"/>
    </row>
    <row r="245774" spans="14:14">
      <c r="N245774" s="10"/>
    </row>
    <row r="245775" spans="14:14">
      <c r="N245775" s="10"/>
    </row>
    <row r="245776" spans="14:14">
      <c r="N245776" s="10"/>
    </row>
    <row r="245777" spans="14:14">
      <c r="N245777" s="10"/>
    </row>
    <row r="245778" spans="14:14">
      <c r="N245778" s="10"/>
    </row>
    <row r="245779" spans="14:14">
      <c r="N245779" s="10"/>
    </row>
    <row r="245780" spans="14:14">
      <c r="N245780" s="10"/>
    </row>
    <row r="245781" spans="14:14">
      <c r="N245781" s="10"/>
    </row>
    <row r="245782" spans="14:14">
      <c r="N245782" s="10"/>
    </row>
    <row r="245783" spans="14:14">
      <c r="N245783" s="10"/>
    </row>
    <row r="245784" spans="14:14">
      <c r="N245784" s="10"/>
    </row>
    <row r="245785" spans="14:14">
      <c r="N245785" s="10"/>
    </row>
    <row r="245786" spans="14:14">
      <c r="N245786" s="10"/>
    </row>
    <row r="245787" spans="14:14">
      <c r="N245787" s="10"/>
    </row>
    <row r="245788" spans="14:14">
      <c r="N245788" s="10"/>
    </row>
    <row r="245789" spans="14:14">
      <c r="N245789" s="10"/>
    </row>
    <row r="245790" spans="14:14">
      <c r="N245790" s="10"/>
    </row>
    <row r="245791" spans="14:14">
      <c r="N245791" s="10"/>
    </row>
    <row r="245792" spans="14:14">
      <c r="N245792" s="10"/>
    </row>
    <row r="245793" spans="14:14">
      <c r="N245793" s="10"/>
    </row>
    <row r="245794" spans="14:14">
      <c r="N245794" s="10"/>
    </row>
    <row r="245795" spans="14:14">
      <c r="N245795" s="10"/>
    </row>
    <row r="245796" spans="14:14">
      <c r="N245796" s="10"/>
    </row>
    <row r="245797" spans="14:14">
      <c r="N245797" s="10"/>
    </row>
    <row r="245798" spans="14:14">
      <c r="N245798" s="10"/>
    </row>
    <row r="245799" spans="14:14">
      <c r="N245799" s="10"/>
    </row>
    <row r="245800" spans="14:14">
      <c r="N245800" s="10"/>
    </row>
    <row r="245801" spans="14:14">
      <c r="N245801" s="10"/>
    </row>
    <row r="245802" spans="14:14">
      <c r="N245802" s="10"/>
    </row>
    <row r="245803" spans="14:14">
      <c r="N245803" s="10"/>
    </row>
    <row r="245804" spans="14:14">
      <c r="N245804" s="10"/>
    </row>
    <row r="245805" spans="14:14">
      <c r="N245805" s="10"/>
    </row>
    <row r="245806" spans="14:14">
      <c r="N245806" s="10"/>
    </row>
    <row r="245807" spans="14:14">
      <c r="N245807" s="10"/>
    </row>
    <row r="245808" spans="14:14">
      <c r="N245808" s="10"/>
    </row>
    <row r="245809" spans="14:14">
      <c r="N245809" s="10"/>
    </row>
    <row r="245810" spans="14:14">
      <c r="N245810" s="10"/>
    </row>
    <row r="245811" spans="14:14">
      <c r="N245811" s="10"/>
    </row>
    <row r="245812" spans="14:14">
      <c r="N245812" s="10"/>
    </row>
    <row r="245813" spans="14:14">
      <c r="N245813" s="10"/>
    </row>
    <row r="245814" spans="14:14">
      <c r="N245814" s="10"/>
    </row>
    <row r="245815" spans="14:14">
      <c r="N245815" s="10"/>
    </row>
    <row r="245816" spans="14:14">
      <c r="N245816" s="10"/>
    </row>
    <row r="245817" spans="14:14">
      <c r="N245817" s="10"/>
    </row>
    <row r="245818" spans="14:14">
      <c r="N245818" s="10"/>
    </row>
    <row r="245819" spans="14:14">
      <c r="N245819" s="10"/>
    </row>
    <row r="245820" spans="14:14">
      <c r="N245820" s="10"/>
    </row>
    <row r="245821" spans="14:14">
      <c r="N245821" s="10"/>
    </row>
    <row r="245822" spans="14:14">
      <c r="N245822" s="10"/>
    </row>
    <row r="245823" spans="14:14">
      <c r="N245823" s="10"/>
    </row>
    <row r="245824" spans="14:14">
      <c r="N245824" s="10"/>
    </row>
    <row r="245825" spans="14:14">
      <c r="N245825" s="10"/>
    </row>
    <row r="245826" spans="14:14">
      <c r="N245826" s="10"/>
    </row>
    <row r="245827" spans="14:14">
      <c r="N245827" s="10"/>
    </row>
    <row r="245828" spans="14:14">
      <c r="N245828" s="10"/>
    </row>
    <row r="245829" spans="14:14">
      <c r="N245829" s="10"/>
    </row>
    <row r="245830" spans="14:14">
      <c r="N245830" s="10"/>
    </row>
    <row r="245831" spans="14:14">
      <c r="N245831" s="10"/>
    </row>
    <row r="245832" spans="14:14">
      <c r="N245832" s="10"/>
    </row>
    <row r="245833" spans="14:14">
      <c r="N245833" s="10"/>
    </row>
    <row r="245834" spans="14:14">
      <c r="N245834" s="10"/>
    </row>
    <row r="245835" spans="14:14">
      <c r="N245835" s="10"/>
    </row>
    <row r="245836" spans="14:14">
      <c r="N245836" s="10"/>
    </row>
    <row r="245837" spans="14:14">
      <c r="N245837" s="10"/>
    </row>
    <row r="245838" spans="14:14">
      <c r="N245838" s="10"/>
    </row>
    <row r="245839" spans="14:14">
      <c r="N245839" s="10"/>
    </row>
    <row r="245840" spans="14:14">
      <c r="N245840" s="10"/>
    </row>
    <row r="245841" spans="14:14">
      <c r="N245841" s="10"/>
    </row>
    <row r="245842" spans="14:14">
      <c r="N245842" s="10"/>
    </row>
    <row r="245843" spans="14:14">
      <c r="N245843" s="10"/>
    </row>
    <row r="245844" spans="14:14">
      <c r="N245844" s="10"/>
    </row>
    <row r="245845" spans="14:14">
      <c r="N245845" s="10"/>
    </row>
    <row r="245846" spans="14:14">
      <c r="N245846" s="10"/>
    </row>
    <row r="245847" spans="14:14">
      <c r="N245847" s="10"/>
    </row>
    <row r="245848" spans="14:14">
      <c r="N245848" s="10"/>
    </row>
    <row r="245849" spans="14:14">
      <c r="N245849" s="10"/>
    </row>
    <row r="245850" spans="14:14">
      <c r="N245850" s="10"/>
    </row>
    <row r="245851" spans="14:14">
      <c r="N245851" s="10"/>
    </row>
    <row r="245852" spans="14:14">
      <c r="N245852" s="10"/>
    </row>
    <row r="245853" spans="14:14">
      <c r="N245853" s="10"/>
    </row>
    <row r="245854" spans="14:14">
      <c r="N245854" s="10"/>
    </row>
    <row r="245855" spans="14:14">
      <c r="N245855" s="10"/>
    </row>
    <row r="245856" spans="14:14">
      <c r="N245856" s="10"/>
    </row>
    <row r="245857" spans="14:14">
      <c r="N245857" s="10"/>
    </row>
    <row r="245858" spans="14:14">
      <c r="N245858" s="10"/>
    </row>
    <row r="245859" spans="14:14">
      <c r="N245859" s="10"/>
    </row>
    <row r="245860" spans="14:14">
      <c r="N245860" s="10"/>
    </row>
    <row r="245861" spans="14:14">
      <c r="N245861" s="10"/>
    </row>
    <row r="245862" spans="14:14">
      <c r="N245862" s="10"/>
    </row>
    <row r="245863" spans="14:14">
      <c r="N245863" s="10"/>
    </row>
    <row r="245864" spans="14:14">
      <c r="N245864" s="10"/>
    </row>
    <row r="245865" spans="14:14">
      <c r="N245865" s="10"/>
    </row>
    <row r="245866" spans="14:14">
      <c r="N245866" s="10"/>
    </row>
    <row r="245867" spans="14:14">
      <c r="N245867" s="10"/>
    </row>
    <row r="245868" spans="14:14">
      <c r="N245868" s="10"/>
    </row>
    <row r="245869" spans="14:14">
      <c r="N245869" s="10"/>
    </row>
    <row r="245870" spans="14:14">
      <c r="N245870" s="10"/>
    </row>
    <row r="245871" spans="14:14">
      <c r="N245871" s="10"/>
    </row>
    <row r="245872" spans="14:14">
      <c r="N245872" s="10"/>
    </row>
    <row r="245873" spans="14:14">
      <c r="N245873" s="10"/>
    </row>
    <row r="245874" spans="14:14">
      <c r="N245874" s="10"/>
    </row>
    <row r="245875" spans="14:14">
      <c r="N245875" s="10"/>
    </row>
    <row r="245876" spans="14:14">
      <c r="N245876" s="10"/>
    </row>
    <row r="245877" spans="14:14">
      <c r="N245877" s="10"/>
    </row>
    <row r="245878" spans="14:14">
      <c r="N245878" s="10"/>
    </row>
    <row r="245879" spans="14:14">
      <c r="N245879" s="10"/>
    </row>
    <row r="245880" spans="14:14">
      <c r="N245880" s="10"/>
    </row>
    <row r="245881" spans="14:14">
      <c r="N245881" s="10"/>
    </row>
    <row r="245882" spans="14:14">
      <c r="N245882" s="10"/>
    </row>
    <row r="245883" spans="14:14">
      <c r="N245883" s="10"/>
    </row>
    <row r="245884" spans="14:14">
      <c r="N245884" s="10"/>
    </row>
    <row r="245885" spans="14:14">
      <c r="N245885" s="10"/>
    </row>
    <row r="245886" spans="14:14">
      <c r="N245886" s="10"/>
    </row>
    <row r="245887" spans="14:14">
      <c r="N245887" s="10"/>
    </row>
    <row r="245888" spans="14:14">
      <c r="N245888" s="10"/>
    </row>
    <row r="245889" spans="14:14">
      <c r="N245889" s="10"/>
    </row>
    <row r="245890" spans="14:14">
      <c r="N245890" s="10"/>
    </row>
    <row r="245891" spans="14:14">
      <c r="N245891" s="10"/>
    </row>
    <row r="245892" spans="14:14">
      <c r="N245892" s="10"/>
    </row>
    <row r="245893" spans="14:14">
      <c r="N245893" s="10"/>
    </row>
    <row r="245894" spans="14:14">
      <c r="N245894" s="10"/>
    </row>
    <row r="245895" spans="14:14">
      <c r="N245895" s="10"/>
    </row>
    <row r="245896" spans="14:14">
      <c r="N245896" s="10"/>
    </row>
    <row r="245897" spans="14:14">
      <c r="N245897" s="10"/>
    </row>
    <row r="245898" spans="14:14">
      <c r="N245898" s="10"/>
    </row>
    <row r="245899" spans="14:14">
      <c r="N245899" s="10"/>
    </row>
    <row r="245900" spans="14:14">
      <c r="N245900" s="10"/>
    </row>
    <row r="245901" spans="14:14">
      <c r="N245901" s="10"/>
    </row>
    <row r="245902" spans="14:14">
      <c r="N245902" s="10"/>
    </row>
    <row r="245903" spans="14:14">
      <c r="N245903" s="10"/>
    </row>
    <row r="245904" spans="14:14">
      <c r="N245904" s="10"/>
    </row>
    <row r="245905" spans="14:14">
      <c r="N245905" s="10"/>
    </row>
    <row r="245906" spans="14:14">
      <c r="N245906" s="10"/>
    </row>
    <row r="245907" spans="14:14">
      <c r="N245907" s="10"/>
    </row>
    <row r="245908" spans="14:14">
      <c r="N245908" s="10"/>
    </row>
    <row r="245909" spans="14:14">
      <c r="N245909" s="10"/>
    </row>
    <row r="245910" spans="14:14">
      <c r="N245910" s="10"/>
    </row>
    <row r="245911" spans="14:14">
      <c r="N245911" s="10"/>
    </row>
    <row r="245912" spans="14:14">
      <c r="N245912" s="10"/>
    </row>
    <row r="245913" spans="14:14">
      <c r="N245913" s="10"/>
    </row>
    <row r="245914" spans="14:14">
      <c r="N245914" s="10"/>
    </row>
    <row r="245915" spans="14:14">
      <c r="N245915" s="10"/>
    </row>
    <row r="245916" spans="14:14">
      <c r="N245916" s="10"/>
    </row>
    <row r="245917" spans="14:14">
      <c r="N245917" s="10"/>
    </row>
    <row r="245918" spans="14:14">
      <c r="N245918" s="10"/>
    </row>
    <row r="245919" spans="14:14">
      <c r="N245919" s="10"/>
    </row>
    <row r="245920" spans="14:14">
      <c r="N245920" s="10"/>
    </row>
    <row r="245921" spans="14:14">
      <c r="N245921" s="10"/>
    </row>
    <row r="245922" spans="14:14">
      <c r="N245922" s="10"/>
    </row>
    <row r="245923" spans="14:14">
      <c r="N245923" s="10"/>
    </row>
    <row r="245924" spans="14:14">
      <c r="N245924" s="10"/>
    </row>
    <row r="245925" spans="14:14">
      <c r="N245925" s="10"/>
    </row>
    <row r="245926" spans="14:14">
      <c r="N245926" s="10"/>
    </row>
    <row r="245927" spans="14:14">
      <c r="N245927" s="10"/>
    </row>
    <row r="245928" spans="14:14">
      <c r="N245928" s="10"/>
    </row>
    <row r="245929" spans="14:14">
      <c r="N245929" s="10"/>
    </row>
    <row r="245930" spans="14:14">
      <c r="N245930" s="10"/>
    </row>
    <row r="245931" spans="14:14">
      <c r="N245931" s="10"/>
    </row>
    <row r="245932" spans="14:14">
      <c r="N245932" s="10"/>
    </row>
    <row r="245933" spans="14:14">
      <c r="N245933" s="10"/>
    </row>
    <row r="245934" spans="14:14">
      <c r="N245934" s="10"/>
    </row>
    <row r="245935" spans="14:14">
      <c r="N245935" s="10"/>
    </row>
    <row r="245936" spans="14:14">
      <c r="N245936" s="10"/>
    </row>
    <row r="245937" spans="14:14">
      <c r="N245937" s="10"/>
    </row>
    <row r="245938" spans="14:14">
      <c r="N245938" s="10"/>
    </row>
    <row r="245939" spans="14:14">
      <c r="N245939" s="10"/>
    </row>
    <row r="245940" spans="14:14">
      <c r="N245940" s="10"/>
    </row>
    <row r="245941" spans="14:14">
      <c r="N245941" s="10"/>
    </row>
    <row r="245942" spans="14:14">
      <c r="N245942" s="10"/>
    </row>
    <row r="245943" spans="14:14">
      <c r="N245943" s="10"/>
    </row>
    <row r="245944" spans="14:14">
      <c r="N245944" s="10"/>
    </row>
    <row r="245945" spans="14:14">
      <c r="N245945" s="10"/>
    </row>
    <row r="245946" spans="14:14">
      <c r="N245946" s="10"/>
    </row>
    <row r="245947" spans="14:14">
      <c r="N245947" s="10"/>
    </row>
    <row r="245948" spans="14:14">
      <c r="N245948" s="10"/>
    </row>
    <row r="245949" spans="14:14">
      <c r="N245949" s="10"/>
    </row>
    <row r="245950" spans="14:14">
      <c r="N245950" s="10"/>
    </row>
    <row r="245951" spans="14:14">
      <c r="N245951" s="10"/>
    </row>
    <row r="245952" spans="14:14">
      <c r="N245952" s="10"/>
    </row>
    <row r="245953" spans="14:14">
      <c r="N245953" s="10"/>
    </row>
    <row r="245954" spans="14:14">
      <c r="N245954" s="10"/>
    </row>
    <row r="245955" spans="14:14">
      <c r="N245955" s="10"/>
    </row>
    <row r="245956" spans="14:14">
      <c r="N245956" s="10"/>
    </row>
    <row r="245957" spans="14:14">
      <c r="N245957" s="10"/>
    </row>
    <row r="245958" spans="14:14">
      <c r="N245958" s="10"/>
    </row>
    <row r="245959" spans="14:14">
      <c r="N245959" s="10"/>
    </row>
    <row r="245960" spans="14:14">
      <c r="N245960" s="10"/>
    </row>
    <row r="245961" spans="14:14">
      <c r="N245961" s="10"/>
    </row>
    <row r="245962" spans="14:14">
      <c r="N245962" s="10"/>
    </row>
    <row r="245963" spans="14:14">
      <c r="N245963" s="10"/>
    </row>
    <row r="245964" spans="14:14">
      <c r="N245964" s="10"/>
    </row>
    <row r="245965" spans="14:14">
      <c r="N245965" s="10"/>
    </row>
    <row r="245966" spans="14:14">
      <c r="N245966" s="10"/>
    </row>
    <row r="245967" spans="14:14">
      <c r="N245967" s="10"/>
    </row>
    <row r="245968" spans="14:14">
      <c r="N245968" s="10"/>
    </row>
    <row r="245969" spans="14:14">
      <c r="N245969" s="10"/>
    </row>
    <row r="245970" spans="14:14">
      <c r="N245970" s="10"/>
    </row>
    <row r="245971" spans="14:14">
      <c r="N245971" s="10"/>
    </row>
    <row r="245972" spans="14:14">
      <c r="N245972" s="10"/>
    </row>
    <row r="245973" spans="14:14">
      <c r="N245973" s="10"/>
    </row>
    <row r="245974" spans="14:14">
      <c r="N245974" s="10"/>
    </row>
    <row r="245975" spans="14:14">
      <c r="N245975" s="10"/>
    </row>
    <row r="245976" spans="14:14">
      <c r="N245976" s="10"/>
    </row>
    <row r="245977" spans="14:14">
      <c r="N245977" s="10"/>
    </row>
    <row r="245978" spans="14:14">
      <c r="N245978" s="10"/>
    </row>
    <row r="245979" spans="14:14">
      <c r="N245979" s="10"/>
    </row>
    <row r="245980" spans="14:14">
      <c r="N245980" s="10"/>
    </row>
    <row r="245981" spans="14:14">
      <c r="N245981" s="10"/>
    </row>
    <row r="245982" spans="14:14">
      <c r="N245982" s="10"/>
    </row>
    <row r="245983" spans="14:14">
      <c r="N245983" s="10"/>
    </row>
    <row r="245984" spans="14:14">
      <c r="N245984" s="10"/>
    </row>
    <row r="245985" spans="14:14">
      <c r="N245985" s="10"/>
    </row>
    <row r="245986" spans="14:14">
      <c r="N245986" s="10"/>
    </row>
    <row r="245987" spans="14:14">
      <c r="N245987" s="10"/>
    </row>
    <row r="245988" spans="14:14">
      <c r="N245988" s="10"/>
    </row>
    <row r="245989" spans="14:14">
      <c r="N245989" s="10"/>
    </row>
    <row r="245990" spans="14:14">
      <c r="N245990" s="10"/>
    </row>
    <row r="245991" spans="14:14">
      <c r="N245991" s="10"/>
    </row>
    <row r="245992" spans="14:14">
      <c r="N245992" s="10"/>
    </row>
    <row r="245993" spans="14:14">
      <c r="N245993" s="10"/>
    </row>
    <row r="245994" spans="14:14">
      <c r="N245994" s="10"/>
    </row>
    <row r="245995" spans="14:14">
      <c r="N245995" s="10"/>
    </row>
    <row r="245996" spans="14:14">
      <c r="N245996" s="10"/>
    </row>
    <row r="245997" spans="14:14">
      <c r="N245997" s="10"/>
    </row>
    <row r="245998" spans="14:14">
      <c r="N245998" s="10"/>
    </row>
    <row r="245999" spans="14:14">
      <c r="N245999" s="10"/>
    </row>
    <row r="246000" spans="14:14">
      <c r="N246000" s="10"/>
    </row>
    <row r="246001" spans="14:14">
      <c r="N246001" s="10"/>
    </row>
    <row r="246002" spans="14:14">
      <c r="N246002" s="10"/>
    </row>
    <row r="246003" spans="14:14">
      <c r="N246003" s="10"/>
    </row>
    <row r="246004" spans="14:14">
      <c r="N246004" s="10"/>
    </row>
    <row r="246005" spans="14:14">
      <c r="N246005" s="10"/>
    </row>
    <row r="246006" spans="14:14">
      <c r="N246006" s="10"/>
    </row>
    <row r="246007" spans="14:14">
      <c r="N246007" s="10"/>
    </row>
    <row r="246008" spans="14:14">
      <c r="N246008" s="10"/>
    </row>
    <row r="246009" spans="14:14">
      <c r="N246009" s="10"/>
    </row>
    <row r="246010" spans="14:14">
      <c r="N246010" s="10"/>
    </row>
    <row r="246011" spans="14:14">
      <c r="N246011" s="10"/>
    </row>
    <row r="246012" spans="14:14">
      <c r="N246012" s="10"/>
    </row>
    <row r="246013" spans="14:14">
      <c r="N246013" s="10"/>
    </row>
    <row r="246014" spans="14:14">
      <c r="N246014" s="10"/>
    </row>
    <row r="246015" spans="14:14">
      <c r="N246015" s="10"/>
    </row>
    <row r="246016" spans="14:14">
      <c r="N246016" s="10"/>
    </row>
    <row r="246017" spans="14:14">
      <c r="N246017" s="10"/>
    </row>
    <row r="246018" spans="14:14">
      <c r="N246018" s="10"/>
    </row>
    <row r="246019" spans="14:14">
      <c r="N246019" s="10"/>
    </row>
    <row r="246020" spans="14:14">
      <c r="N246020" s="10"/>
    </row>
    <row r="246021" spans="14:14">
      <c r="N246021" s="10"/>
    </row>
    <row r="246022" spans="14:14">
      <c r="N246022" s="10"/>
    </row>
    <row r="246023" spans="14:14">
      <c r="N246023" s="10"/>
    </row>
    <row r="246024" spans="14:14">
      <c r="N246024" s="10"/>
    </row>
    <row r="246025" spans="14:14">
      <c r="N246025" s="10"/>
    </row>
    <row r="246026" spans="14:14">
      <c r="N246026" s="10"/>
    </row>
    <row r="246027" spans="14:14">
      <c r="N246027" s="10"/>
    </row>
    <row r="246028" spans="14:14">
      <c r="N246028" s="10"/>
    </row>
    <row r="246029" spans="14:14">
      <c r="N246029" s="10"/>
    </row>
    <row r="246030" spans="14:14">
      <c r="N246030" s="10"/>
    </row>
    <row r="246031" spans="14:14">
      <c r="N246031" s="10"/>
    </row>
    <row r="246032" spans="14:14">
      <c r="N246032" s="10"/>
    </row>
    <row r="246033" spans="14:14">
      <c r="N246033" s="10"/>
    </row>
    <row r="246034" spans="14:14">
      <c r="N246034" s="10"/>
    </row>
    <row r="246035" spans="14:14">
      <c r="N246035" s="10"/>
    </row>
    <row r="246036" spans="14:14">
      <c r="N246036" s="10"/>
    </row>
    <row r="246037" spans="14:14">
      <c r="N246037" s="10"/>
    </row>
    <row r="246038" spans="14:14">
      <c r="N246038" s="10"/>
    </row>
    <row r="246039" spans="14:14">
      <c r="N246039" s="10"/>
    </row>
    <row r="246040" spans="14:14">
      <c r="N246040" s="10"/>
    </row>
    <row r="246041" spans="14:14">
      <c r="N246041" s="10"/>
    </row>
    <row r="246042" spans="14:14">
      <c r="N246042" s="10"/>
    </row>
    <row r="246043" spans="14:14">
      <c r="N246043" s="10"/>
    </row>
    <row r="246044" spans="14:14">
      <c r="N246044" s="10"/>
    </row>
    <row r="246045" spans="14:14">
      <c r="N246045" s="10"/>
    </row>
    <row r="246046" spans="14:14">
      <c r="N246046" s="10"/>
    </row>
    <row r="246047" spans="14:14">
      <c r="N246047" s="10"/>
    </row>
    <row r="246048" spans="14:14">
      <c r="N246048" s="10"/>
    </row>
    <row r="246049" spans="14:14">
      <c r="N246049" s="10"/>
    </row>
    <row r="246050" spans="14:14">
      <c r="N246050" s="10"/>
    </row>
    <row r="246051" spans="14:14">
      <c r="N246051" s="10"/>
    </row>
    <row r="246052" spans="14:14">
      <c r="N246052" s="10"/>
    </row>
    <row r="246053" spans="14:14">
      <c r="N246053" s="10"/>
    </row>
    <row r="246054" spans="14:14">
      <c r="N246054" s="10"/>
    </row>
    <row r="246055" spans="14:14">
      <c r="N246055" s="10"/>
    </row>
    <row r="246056" spans="14:14">
      <c r="N246056" s="10"/>
    </row>
    <row r="246057" spans="14:14">
      <c r="N246057" s="10"/>
    </row>
    <row r="246058" spans="14:14">
      <c r="N246058" s="10"/>
    </row>
    <row r="246059" spans="14:14">
      <c r="N246059" s="10"/>
    </row>
    <row r="246060" spans="14:14">
      <c r="N246060" s="10"/>
    </row>
    <row r="246061" spans="14:14">
      <c r="N246061" s="10"/>
    </row>
    <row r="246062" spans="14:14">
      <c r="N246062" s="10"/>
    </row>
    <row r="246063" spans="14:14">
      <c r="N246063" s="10"/>
    </row>
    <row r="246064" spans="14:14">
      <c r="N246064" s="10"/>
    </row>
    <row r="246065" spans="14:14">
      <c r="N246065" s="10"/>
    </row>
    <row r="246066" spans="14:14">
      <c r="N246066" s="10"/>
    </row>
    <row r="246067" spans="14:14">
      <c r="N246067" s="10"/>
    </row>
    <row r="246068" spans="14:14">
      <c r="N246068" s="10"/>
    </row>
    <row r="246069" spans="14:14">
      <c r="N246069" s="10"/>
    </row>
    <row r="246070" spans="14:14">
      <c r="N246070" s="10"/>
    </row>
    <row r="246071" spans="14:14">
      <c r="N246071" s="10"/>
    </row>
    <row r="246072" spans="14:14">
      <c r="N246072" s="10"/>
    </row>
    <row r="246073" spans="14:14">
      <c r="N246073" s="10"/>
    </row>
    <row r="246074" spans="14:14">
      <c r="N246074" s="10"/>
    </row>
    <row r="246075" spans="14:14">
      <c r="N246075" s="10"/>
    </row>
    <row r="246076" spans="14:14">
      <c r="N246076" s="10"/>
    </row>
    <row r="246077" spans="14:14">
      <c r="N246077" s="10"/>
    </row>
    <row r="246078" spans="14:14">
      <c r="N246078" s="10"/>
    </row>
    <row r="246079" spans="14:14">
      <c r="N246079" s="10"/>
    </row>
    <row r="246080" spans="14:14">
      <c r="N246080" s="10"/>
    </row>
    <row r="246081" spans="14:14">
      <c r="N246081" s="10"/>
    </row>
    <row r="246082" spans="14:14">
      <c r="N246082" s="10"/>
    </row>
    <row r="246083" spans="14:14">
      <c r="N246083" s="10"/>
    </row>
    <row r="246084" spans="14:14">
      <c r="N246084" s="10"/>
    </row>
    <row r="246085" spans="14:14">
      <c r="N246085" s="10"/>
    </row>
    <row r="246086" spans="14:14">
      <c r="N246086" s="10"/>
    </row>
    <row r="246087" spans="14:14">
      <c r="N246087" s="10"/>
    </row>
    <row r="246088" spans="14:14">
      <c r="N246088" s="10"/>
    </row>
    <row r="246089" spans="14:14">
      <c r="N246089" s="10"/>
    </row>
    <row r="246090" spans="14:14">
      <c r="N246090" s="10"/>
    </row>
    <row r="246091" spans="14:14">
      <c r="N246091" s="10"/>
    </row>
    <row r="246092" spans="14:14">
      <c r="N246092" s="10"/>
    </row>
    <row r="246093" spans="14:14">
      <c r="N246093" s="10"/>
    </row>
    <row r="246094" spans="14:14">
      <c r="N246094" s="10"/>
    </row>
    <row r="246095" spans="14:14">
      <c r="N246095" s="10"/>
    </row>
    <row r="246096" spans="14:14">
      <c r="N246096" s="10"/>
    </row>
    <row r="246097" spans="14:14">
      <c r="N246097" s="10"/>
    </row>
    <row r="246098" spans="14:14">
      <c r="N246098" s="10"/>
    </row>
    <row r="246099" spans="14:14">
      <c r="N246099" s="10"/>
    </row>
    <row r="246100" spans="14:14">
      <c r="N246100" s="10"/>
    </row>
    <row r="246101" spans="14:14">
      <c r="N246101" s="10"/>
    </row>
    <row r="246102" spans="14:14">
      <c r="N246102" s="10"/>
    </row>
    <row r="246103" spans="14:14">
      <c r="N246103" s="10"/>
    </row>
    <row r="246104" spans="14:14">
      <c r="N246104" s="10"/>
    </row>
    <row r="246105" spans="14:14">
      <c r="N246105" s="10"/>
    </row>
    <row r="246106" spans="14:14">
      <c r="N246106" s="10"/>
    </row>
    <row r="246107" spans="14:14">
      <c r="N246107" s="10"/>
    </row>
    <row r="246108" spans="14:14">
      <c r="N246108" s="10"/>
    </row>
    <row r="246109" spans="14:14">
      <c r="N246109" s="10"/>
    </row>
    <row r="246110" spans="14:14">
      <c r="N246110" s="10"/>
    </row>
    <row r="246111" spans="14:14">
      <c r="N246111" s="10"/>
    </row>
    <row r="246112" spans="14:14">
      <c r="N246112" s="10"/>
    </row>
    <row r="246113" spans="14:14">
      <c r="N246113" s="10"/>
    </row>
    <row r="246114" spans="14:14">
      <c r="N246114" s="10"/>
    </row>
    <row r="246115" spans="14:14">
      <c r="N246115" s="10"/>
    </row>
    <row r="246116" spans="14:14">
      <c r="N246116" s="10"/>
    </row>
    <row r="246117" spans="14:14">
      <c r="N246117" s="10"/>
    </row>
    <row r="246118" spans="14:14">
      <c r="N246118" s="10"/>
    </row>
    <row r="246119" spans="14:14">
      <c r="N246119" s="10"/>
    </row>
    <row r="246120" spans="14:14">
      <c r="N246120" s="10"/>
    </row>
    <row r="246121" spans="14:14">
      <c r="N246121" s="10"/>
    </row>
    <row r="246122" spans="14:14">
      <c r="N246122" s="10"/>
    </row>
    <row r="246123" spans="14:14">
      <c r="N246123" s="10"/>
    </row>
    <row r="246124" spans="14:14">
      <c r="N246124" s="10"/>
    </row>
    <row r="246125" spans="14:14">
      <c r="N246125" s="10"/>
    </row>
    <row r="246126" spans="14:14">
      <c r="N246126" s="10"/>
    </row>
    <row r="246127" spans="14:14">
      <c r="N246127" s="10"/>
    </row>
    <row r="246128" spans="14:14">
      <c r="N246128" s="10"/>
    </row>
    <row r="246129" spans="14:14">
      <c r="N246129" s="10"/>
    </row>
    <row r="246130" spans="14:14">
      <c r="N246130" s="10"/>
    </row>
    <row r="246131" spans="14:14">
      <c r="N246131" s="10"/>
    </row>
    <row r="246132" spans="14:14">
      <c r="N246132" s="10"/>
    </row>
    <row r="246133" spans="14:14">
      <c r="N246133" s="10"/>
    </row>
    <row r="246134" spans="14:14">
      <c r="N246134" s="10"/>
    </row>
    <row r="246135" spans="14:14">
      <c r="N246135" s="10"/>
    </row>
    <row r="246136" spans="14:14">
      <c r="N246136" s="10"/>
    </row>
    <row r="246137" spans="14:14">
      <c r="N246137" s="10"/>
    </row>
    <row r="246138" spans="14:14">
      <c r="N246138" s="10"/>
    </row>
    <row r="246139" spans="14:14">
      <c r="N246139" s="10"/>
    </row>
    <row r="246140" spans="14:14">
      <c r="N246140" s="10"/>
    </row>
    <row r="246141" spans="14:14">
      <c r="N246141" s="10"/>
    </row>
    <row r="246142" spans="14:14">
      <c r="N246142" s="10"/>
    </row>
    <row r="246143" spans="14:14">
      <c r="N246143" s="10"/>
    </row>
    <row r="246144" spans="14:14">
      <c r="N246144" s="10"/>
    </row>
    <row r="246145" spans="14:14">
      <c r="N246145" s="10"/>
    </row>
    <row r="246146" spans="14:14">
      <c r="N246146" s="10"/>
    </row>
    <row r="246147" spans="14:14">
      <c r="N246147" s="10"/>
    </row>
    <row r="246148" spans="14:14">
      <c r="N246148" s="10"/>
    </row>
    <row r="246149" spans="14:14">
      <c r="N246149" s="10"/>
    </row>
    <row r="246150" spans="14:14">
      <c r="N246150" s="10"/>
    </row>
    <row r="246151" spans="14:14">
      <c r="N246151" s="10"/>
    </row>
    <row r="246152" spans="14:14">
      <c r="N246152" s="10"/>
    </row>
    <row r="246153" spans="14:14">
      <c r="N246153" s="10"/>
    </row>
    <row r="246154" spans="14:14">
      <c r="N246154" s="10"/>
    </row>
    <row r="246155" spans="14:14">
      <c r="N246155" s="10"/>
    </row>
    <row r="246156" spans="14:14">
      <c r="N246156" s="10"/>
    </row>
    <row r="246157" spans="14:14">
      <c r="N246157" s="10"/>
    </row>
    <row r="246158" spans="14:14">
      <c r="N246158" s="10"/>
    </row>
    <row r="246159" spans="14:14">
      <c r="N246159" s="10"/>
    </row>
    <row r="246160" spans="14:14">
      <c r="N246160" s="10"/>
    </row>
    <row r="246161" spans="14:14">
      <c r="N246161" s="10"/>
    </row>
    <row r="246162" spans="14:14">
      <c r="N246162" s="10"/>
    </row>
    <row r="246163" spans="14:14">
      <c r="N246163" s="10"/>
    </row>
    <row r="246164" spans="14:14">
      <c r="N246164" s="10"/>
    </row>
    <row r="246165" spans="14:14">
      <c r="N246165" s="10"/>
    </row>
    <row r="246166" spans="14:14">
      <c r="N246166" s="10"/>
    </row>
    <row r="246167" spans="14:14">
      <c r="N246167" s="10"/>
    </row>
    <row r="246168" spans="14:14">
      <c r="N246168" s="10"/>
    </row>
    <row r="246169" spans="14:14">
      <c r="N246169" s="10"/>
    </row>
    <row r="246170" spans="14:14">
      <c r="N246170" s="10"/>
    </row>
    <row r="246171" spans="14:14">
      <c r="N246171" s="10"/>
    </row>
    <row r="246172" spans="14:14">
      <c r="N246172" s="10"/>
    </row>
    <row r="246173" spans="14:14">
      <c r="N246173" s="10"/>
    </row>
    <row r="246174" spans="14:14">
      <c r="N246174" s="10"/>
    </row>
    <row r="246175" spans="14:14">
      <c r="N246175" s="10"/>
    </row>
    <row r="246176" spans="14:14">
      <c r="N246176" s="10"/>
    </row>
    <row r="246177" spans="14:14">
      <c r="N246177" s="10"/>
    </row>
    <row r="246178" spans="14:14">
      <c r="N246178" s="10"/>
    </row>
    <row r="246179" spans="14:14">
      <c r="N246179" s="10"/>
    </row>
    <row r="246180" spans="14:14">
      <c r="N246180" s="10"/>
    </row>
    <row r="246181" spans="14:14">
      <c r="N246181" s="10"/>
    </row>
    <row r="246182" spans="14:14">
      <c r="N246182" s="10"/>
    </row>
    <row r="246183" spans="14:14">
      <c r="N246183" s="10"/>
    </row>
    <row r="246184" spans="14:14">
      <c r="N246184" s="10"/>
    </row>
    <row r="246185" spans="14:14">
      <c r="N246185" s="10"/>
    </row>
    <row r="246186" spans="14:14">
      <c r="N246186" s="10"/>
    </row>
    <row r="246187" spans="14:14">
      <c r="N246187" s="10"/>
    </row>
    <row r="246188" spans="14:14">
      <c r="N246188" s="10"/>
    </row>
    <row r="246189" spans="14:14">
      <c r="N246189" s="10"/>
    </row>
    <row r="246190" spans="14:14">
      <c r="N246190" s="10"/>
    </row>
    <row r="246191" spans="14:14">
      <c r="N246191" s="10"/>
    </row>
    <row r="246192" spans="14:14">
      <c r="N246192" s="10"/>
    </row>
    <row r="246193" spans="14:14">
      <c r="N246193" s="10"/>
    </row>
    <row r="246194" spans="14:14">
      <c r="N246194" s="10"/>
    </row>
    <row r="246195" spans="14:14">
      <c r="N246195" s="10"/>
    </row>
    <row r="246196" spans="14:14">
      <c r="N246196" s="10"/>
    </row>
    <row r="246197" spans="14:14">
      <c r="N246197" s="10"/>
    </row>
    <row r="246198" spans="14:14">
      <c r="N246198" s="10"/>
    </row>
    <row r="246199" spans="14:14">
      <c r="N246199" s="10"/>
    </row>
    <row r="246200" spans="14:14">
      <c r="N246200" s="10"/>
    </row>
    <row r="246201" spans="14:14">
      <c r="N246201" s="10"/>
    </row>
    <row r="246202" spans="14:14">
      <c r="N246202" s="10"/>
    </row>
    <row r="246203" spans="14:14">
      <c r="N246203" s="10"/>
    </row>
    <row r="246204" spans="14:14">
      <c r="N246204" s="10"/>
    </row>
    <row r="246205" spans="14:14">
      <c r="N246205" s="10"/>
    </row>
    <row r="246206" spans="14:14">
      <c r="N246206" s="10"/>
    </row>
    <row r="246207" spans="14:14">
      <c r="N246207" s="10"/>
    </row>
    <row r="246208" spans="14:14">
      <c r="N246208" s="10"/>
    </row>
    <row r="246209" spans="14:14">
      <c r="N246209" s="10"/>
    </row>
    <row r="246210" spans="14:14">
      <c r="N246210" s="10"/>
    </row>
    <row r="246211" spans="14:14">
      <c r="N246211" s="10"/>
    </row>
    <row r="246212" spans="14:14">
      <c r="N246212" s="10"/>
    </row>
    <row r="246213" spans="14:14">
      <c r="N246213" s="10"/>
    </row>
    <row r="246214" spans="14:14">
      <c r="N246214" s="10"/>
    </row>
    <row r="246215" spans="14:14">
      <c r="N246215" s="10"/>
    </row>
    <row r="246216" spans="14:14">
      <c r="N246216" s="10"/>
    </row>
    <row r="246217" spans="14:14">
      <c r="N246217" s="10"/>
    </row>
    <row r="246218" spans="14:14">
      <c r="N246218" s="10"/>
    </row>
    <row r="246219" spans="14:14">
      <c r="N246219" s="10"/>
    </row>
    <row r="246220" spans="14:14">
      <c r="N246220" s="10"/>
    </row>
    <row r="246221" spans="14:14">
      <c r="N246221" s="10"/>
    </row>
    <row r="246222" spans="14:14">
      <c r="N246222" s="10"/>
    </row>
    <row r="246223" spans="14:14">
      <c r="N246223" s="10"/>
    </row>
    <row r="246224" spans="14:14">
      <c r="N246224" s="10"/>
    </row>
    <row r="246225" spans="14:14">
      <c r="N246225" s="10"/>
    </row>
    <row r="246226" spans="14:14">
      <c r="N246226" s="10"/>
    </row>
    <row r="246227" spans="14:14">
      <c r="N246227" s="10"/>
    </row>
    <row r="246228" spans="14:14">
      <c r="N246228" s="10"/>
    </row>
    <row r="246229" spans="14:14">
      <c r="N246229" s="10"/>
    </row>
    <row r="246230" spans="14:14">
      <c r="N246230" s="10"/>
    </row>
    <row r="246231" spans="14:14">
      <c r="N246231" s="10"/>
    </row>
    <row r="246232" spans="14:14">
      <c r="N246232" s="10"/>
    </row>
    <row r="246233" spans="14:14">
      <c r="N246233" s="10"/>
    </row>
    <row r="246234" spans="14:14">
      <c r="N246234" s="10"/>
    </row>
    <row r="246235" spans="14:14">
      <c r="N246235" s="10"/>
    </row>
    <row r="246236" spans="14:14">
      <c r="N246236" s="10"/>
    </row>
    <row r="246237" spans="14:14">
      <c r="N246237" s="10"/>
    </row>
    <row r="246238" spans="14:14">
      <c r="N246238" s="10"/>
    </row>
    <row r="246239" spans="14:14">
      <c r="N246239" s="10"/>
    </row>
    <row r="246240" spans="14:14">
      <c r="N246240" s="10"/>
    </row>
    <row r="246241" spans="14:14">
      <c r="N246241" s="10"/>
    </row>
    <row r="246242" spans="14:14">
      <c r="N246242" s="10"/>
    </row>
    <row r="246243" spans="14:14">
      <c r="N246243" s="10"/>
    </row>
    <row r="246244" spans="14:14">
      <c r="N246244" s="10"/>
    </row>
    <row r="246245" spans="14:14">
      <c r="N246245" s="10"/>
    </row>
    <row r="246246" spans="14:14">
      <c r="N246246" s="10"/>
    </row>
    <row r="246247" spans="14:14">
      <c r="N246247" s="10"/>
    </row>
    <row r="246248" spans="14:14">
      <c r="N246248" s="10"/>
    </row>
    <row r="246249" spans="14:14">
      <c r="N246249" s="10"/>
    </row>
    <row r="246250" spans="14:14">
      <c r="N246250" s="10"/>
    </row>
    <row r="246251" spans="14:14">
      <c r="N246251" s="10"/>
    </row>
    <row r="246252" spans="14:14">
      <c r="N246252" s="10"/>
    </row>
    <row r="246253" spans="14:14">
      <c r="N246253" s="10"/>
    </row>
    <row r="246254" spans="14:14">
      <c r="N246254" s="10"/>
    </row>
    <row r="246255" spans="14:14">
      <c r="N246255" s="10"/>
    </row>
    <row r="246256" spans="14:14">
      <c r="N246256" s="10"/>
    </row>
    <row r="246257" spans="14:14">
      <c r="N246257" s="10"/>
    </row>
    <row r="246258" spans="14:14">
      <c r="N246258" s="10"/>
    </row>
    <row r="246259" spans="14:14">
      <c r="N246259" s="10"/>
    </row>
    <row r="246260" spans="14:14">
      <c r="N246260" s="10"/>
    </row>
    <row r="246261" spans="14:14">
      <c r="N246261" s="10"/>
    </row>
    <row r="246262" spans="14:14">
      <c r="N246262" s="10"/>
    </row>
    <row r="246263" spans="14:14">
      <c r="N246263" s="10"/>
    </row>
    <row r="246264" spans="14:14">
      <c r="N246264" s="10"/>
    </row>
    <row r="246265" spans="14:14">
      <c r="N246265" s="10"/>
    </row>
    <row r="246266" spans="14:14">
      <c r="N246266" s="10"/>
    </row>
    <row r="246267" spans="14:14">
      <c r="N246267" s="10"/>
    </row>
    <row r="246268" spans="14:14">
      <c r="N246268" s="10"/>
    </row>
    <row r="246269" spans="14:14">
      <c r="N246269" s="10"/>
    </row>
    <row r="246270" spans="14:14">
      <c r="N246270" s="10"/>
    </row>
    <row r="246271" spans="14:14">
      <c r="N246271" s="10"/>
    </row>
    <row r="246272" spans="14:14">
      <c r="N246272" s="10"/>
    </row>
    <row r="246273" spans="14:14">
      <c r="N246273" s="10"/>
    </row>
    <row r="246274" spans="14:14">
      <c r="N246274" s="10"/>
    </row>
    <row r="246275" spans="14:14">
      <c r="N246275" s="10"/>
    </row>
    <row r="246276" spans="14:14">
      <c r="N246276" s="10"/>
    </row>
    <row r="246277" spans="14:14">
      <c r="N246277" s="10"/>
    </row>
    <row r="246278" spans="14:14">
      <c r="N246278" s="10"/>
    </row>
    <row r="246279" spans="14:14">
      <c r="N246279" s="10"/>
    </row>
    <row r="246280" spans="14:14">
      <c r="N246280" s="10"/>
    </row>
    <row r="246281" spans="14:14">
      <c r="N246281" s="10"/>
    </row>
    <row r="246282" spans="14:14">
      <c r="N246282" s="10"/>
    </row>
    <row r="246283" spans="14:14">
      <c r="N246283" s="10"/>
    </row>
    <row r="246284" spans="14:14">
      <c r="N246284" s="10"/>
    </row>
    <row r="246285" spans="14:14">
      <c r="N246285" s="10"/>
    </row>
    <row r="246286" spans="14:14">
      <c r="N246286" s="10"/>
    </row>
    <row r="246287" spans="14:14">
      <c r="N246287" s="10"/>
    </row>
    <row r="246288" spans="14:14">
      <c r="N246288" s="10"/>
    </row>
    <row r="246289" spans="14:14">
      <c r="N246289" s="10"/>
    </row>
    <row r="246290" spans="14:14">
      <c r="N246290" s="10"/>
    </row>
    <row r="246291" spans="14:14">
      <c r="N246291" s="10"/>
    </row>
    <row r="246292" spans="14:14">
      <c r="N246292" s="10"/>
    </row>
    <row r="246293" spans="14:14">
      <c r="N246293" s="10"/>
    </row>
    <row r="246294" spans="14:14">
      <c r="N246294" s="10"/>
    </row>
    <row r="246295" spans="14:14">
      <c r="N246295" s="10"/>
    </row>
    <row r="246296" spans="14:14">
      <c r="N246296" s="10"/>
    </row>
    <row r="246297" spans="14:14">
      <c r="N246297" s="10"/>
    </row>
    <row r="246298" spans="14:14">
      <c r="N246298" s="10"/>
    </row>
    <row r="246299" spans="14:14">
      <c r="N246299" s="10"/>
    </row>
    <row r="246300" spans="14:14">
      <c r="N246300" s="10"/>
    </row>
    <row r="246301" spans="14:14">
      <c r="N246301" s="10"/>
    </row>
    <row r="246302" spans="14:14">
      <c r="N246302" s="10"/>
    </row>
    <row r="246303" spans="14:14">
      <c r="N246303" s="10"/>
    </row>
    <row r="246304" spans="14:14">
      <c r="N246304" s="10"/>
    </row>
    <row r="246305" spans="14:14">
      <c r="N246305" s="10"/>
    </row>
    <row r="246306" spans="14:14">
      <c r="N246306" s="10"/>
    </row>
    <row r="246307" spans="14:14">
      <c r="N246307" s="10"/>
    </row>
    <row r="246308" spans="14:14">
      <c r="N246308" s="10"/>
    </row>
    <row r="246309" spans="14:14">
      <c r="N246309" s="10"/>
    </row>
    <row r="246310" spans="14:14">
      <c r="N246310" s="10"/>
    </row>
    <row r="246311" spans="14:14">
      <c r="N246311" s="10"/>
    </row>
    <row r="246312" spans="14:14">
      <c r="N246312" s="10"/>
    </row>
    <row r="246313" spans="14:14">
      <c r="N246313" s="10"/>
    </row>
    <row r="246314" spans="14:14">
      <c r="N246314" s="10"/>
    </row>
    <row r="246315" spans="14:14">
      <c r="N246315" s="10"/>
    </row>
    <row r="246316" spans="14:14">
      <c r="N246316" s="10"/>
    </row>
    <row r="246317" spans="14:14">
      <c r="N246317" s="10"/>
    </row>
    <row r="246318" spans="14:14">
      <c r="N246318" s="10"/>
    </row>
    <row r="246319" spans="14:14">
      <c r="N246319" s="10"/>
    </row>
    <row r="246320" spans="14:14">
      <c r="N246320" s="10"/>
    </row>
    <row r="246321" spans="14:14">
      <c r="N246321" s="10"/>
    </row>
    <row r="246322" spans="14:14">
      <c r="N246322" s="10"/>
    </row>
    <row r="246323" spans="14:14">
      <c r="N246323" s="10"/>
    </row>
    <row r="246324" spans="14:14">
      <c r="N246324" s="10"/>
    </row>
    <row r="246325" spans="14:14">
      <c r="N246325" s="10"/>
    </row>
    <row r="246326" spans="14:14">
      <c r="N246326" s="10"/>
    </row>
    <row r="246327" spans="14:14">
      <c r="N246327" s="10"/>
    </row>
    <row r="246328" spans="14:14">
      <c r="N246328" s="10"/>
    </row>
    <row r="246329" spans="14:14">
      <c r="N246329" s="10"/>
    </row>
    <row r="246330" spans="14:14">
      <c r="N246330" s="10"/>
    </row>
    <row r="246331" spans="14:14">
      <c r="N246331" s="10"/>
    </row>
    <row r="246332" spans="14:14">
      <c r="N246332" s="10"/>
    </row>
    <row r="246333" spans="14:14">
      <c r="N246333" s="10"/>
    </row>
    <row r="246334" spans="14:14">
      <c r="N246334" s="10"/>
    </row>
    <row r="246335" spans="14:14">
      <c r="N246335" s="10"/>
    </row>
    <row r="246336" spans="14:14">
      <c r="N246336" s="10"/>
    </row>
    <row r="246337" spans="14:14">
      <c r="N246337" s="10"/>
    </row>
    <row r="246338" spans="14:14">
      <c r="N246338" s="10"/>
    </row>
    <row r="246339" spans="14:14">
      <c r="N246339" s="10"/>
    </row>
    <row r="246340" spans="14:14">
      <c r="N246340" s="10"/>
    </row>
    <row r="246341" spans="14:14">
      <c r="N246341" s="10"/>
    </row>
    <row r="246342" spans="14:14">
      <c r="N246342" s="10"/>
    </row>
    <row r="246343" spans="14:14">
      <c r="N246343" s="10"/>
    </row>
    <row r="246344" spans="14:14">
      <c r="N246344" s="10"/>
    </row>
    <row r="246345" spans="14:14">
      <c r="N246345" s="10"/>
    </row>
    <row r="246346" spans="14:14">
      <c r="N246346" s="10"/>
    </row>
    <row r="246347" spans="14:14">
      <c r="N246347" s="10"/>
    </row>
    <row r="246348" spans="14:14">
      <c r="N246348" s="10"/>
    </row>
    <row r="246349" spans="14:14">
      <c r="N246349" s="10"/>
    </row>
    <row r="246350" spans="14:14">
      <c r="N246350" s="10"/>
    </row>
    <row r="246351" spans="14:14">
      <c r="N246351" s="10"/>
    </row>
    <row r="246352" spans="14:14">
      <c r="N246352" s="10"/>
    </row>
    <row r="246353" spans="14:14">
      <c r="N246353" s="10"/>
    </row>
    <row r="246354" spans="14:14">
      <c r="N246354" s="10"/>
    </row>
    <row r="246355" spans="14:14">
      <c r="N246355" s="10"/>
    </row>
    <row r="246356" spans="14:14">
      <c r="N246356" s="10"/>
    </row>
    <row r="246357" spans="14:14">
      <c r="N246357" s="10"/>
    </row>
    <row r="246358" spans="14:14">
      <c r="N246358" s="10"/>
    </row>
    <row r="246359" spans="14:14">
      <c r="N246359" s="10"/>
    </row>
    <row r="246360" spans="14:14">
      <c r="N246360" s="10"/>
    </row>
    <row r="246361" spans="14:14">
      <c r="N246361" s="10"/>
    </row>
    <row r="246362" spans="14:14">
      <c r="N246362" s="10"/>
    </row>
    <row r="246363" spans="14:14">
      <c r="N246363" s="10"/>
    </row>
    <row r="246364" spans="14:14">
      <c r="N246364" s="10"/>
    </row>
    <row r="246365" spans="14:14">
      <c r="N246365" s="10"/>
    </row>
    <row r="246366" spans="14:14">
      <c r="N246366" s="10"/>
    </row>
    <row r="246367" spans="14:14">
      <c r="N246367" s="10"/>
    </row>
    <row r="246368" spans="14:14">
      <c r="N246368" s="10"/>
    </row>
    <row r="246369" spans="14:14">
      <c r="N246369" s="10"/>
    </row>
    <row r="246370" spans="14:14">
      <c r="N246370" s="10"/>
    </row>
    <row r="246371" spans="14:14">
      <c r="N246371" s="10"/>
    </row>
    <row r="246372" spans="14:14">
      <c r="N246372" s="10"/>
    </row>
    <row r="246373" spans="14:14">
      <c r="N246373" s="10"/>
    </row>
    <row r="246374" spans="14:14">
      <c r="N246374" s="10"/>
    </row>
    <row r="246375" spans="14:14">
      <c r="N246375" s="10"/>
    </row>
    <row r="246376" spans="14:14">
      <c r="N246376" s="10"/>
    </row>
    <row r="246377" spans="14:14">
      <c r="N246377" s="10"/>
    </row>
    <row r="246378" spans="14:14">
      <c r="N246378" s="10"/>
    </row>
    <row r="246379" spans="14:14">
      <c r="N246379" s="10"/>
    </row>
    <row r="246380" spans="14:14">
      <c r="N246380" s="10"/>
    </row>
    <row r="246381" spans="14:14">
      <c r="N246381" s="10"/>
    </row>
    <row r="246382" spans="14:14">
      <c r="N246382" s="10"/>
    </row>
    <row r="246383" spans="14:14">
      <c r="N246383" s="10"/>
    </row>
    <row r="246384" spans="14:14">
      <c r="N246384" s="10"/>
    </row>
    <row r="246385" spans="14:14">
      <c r="N246385" s="10"/>
    </row>
    <row r="246386" spans="14:14">
      <c r="N246386" s="10"/>
    </row>
    <row r="246387" spans="14:14">
      <c r="N246387" s="10"/>
    </row>
    <row r="246388" spans="14:14">
      <c r="N246388" s="10"/>
    </row>
    <row r="246389" spans="14:14">
      <c r="N246389" s="10"/>
    </row>
    <row r="246390" spans="14:14">
      <c r="N246390" s="10"/>
    </row>
    <row r="246391" spans="14:14">
      <c r="N246391" s="10"/>
    </row>
    <row r="246392" spans="14:14">
      <c r="N246392" s="10"/>
    </row>
    <row r="246393" spans="14:14">
      <c r="N246393" s="10"/>
    </row>
    <row r="246394" spans="14:14">
      <c r="N246394" s="10"/>
    </row>
    <row r="246395" spans="14:14">
      <c r="N246395" s="10"/>
    </row>
    <row r="246396" spans="14:14">
      <c r="N246396" s="10"/>
    </row>
    <row r="246397" spans="14:14">
      <c r="N246397" s="10"/>
    </row>
    <row r="246398" spans="14:14">
      <c r="N246398" s="10"/>
    </row>
    <row r="246399" spans="14:14">
      <c r="N246399" s="10"/>
    </row>
    <row r="246400" spans="14:14">
      <c r="N246400" s="10"/>
    </row>
    <row r="246401" spans="14:14">
      <c r="N246401" s="10"/>
    </row>
    <row r="246402" spans="14:14">
      <c r="N246402" s="10"/>
    </row>
    <row r="246403" spans="14:14">
      <c r="N246403" s="10"/>
    </row>
    <row r="246404" spans="14:14">
      <c r="N246404" s="10"/>
    </row>
    <row r="246405" spans="14:14">
      <c r="N246405" s="10"/>
    </row>
    <row r="246406" spans="14:14">
      <c r="N246406" s="10"/>
    </row>
    <row r="246407" spans="14:14">
      <c r="N246407" s="10"/>
    </row>
    <row r="246408" spans="14:14">
      <c r="N246408" s="10"/>
    </row>
    <row r="246409" spans="14:14">
      <c r="N246409" s="10"/>
    </row>
    <row r="246410" spans="14:14">
      <c r="N246410" s="10"/>
    </row>
    <row r="246411" spans="14:14">
      <c r="N246411" s="10"/>
    </row>
    <row r="246412" spans="14:14">
      <c r="N246412" s="10"/>
    </row>
    <row r="246413" spans="14:14">
      <c r="N246413" s="10"/>
    </row>
    <row r="246414" spans="14:14">
      <c r="N246414" s="10"/>
    </row>
    <row r="246415" spans="14:14">
      <c r="N246415" s="10"/>
    </row>
    <row r="246416" spans="14:14">
      <c r="N246416" s="10"/>
    </row>
    <row r="246417" spans="14:14">
      <c r="N246417" s="10"/>
    </row>
    <row r="246418" spans="14:14">
      <c r="N246418" s="10"/>
    </row>
    <row r="246419" spans="14:14">
      <c r="N246419" s="10"/>
    </row>
    <row r="246420" spans="14:14">
      <c r="N246420" s="10"/>
    </row>
    <row r="246421" spans="14:14">
      <c r="N246421" s="10"/>
    </row>
    <row r="246422" spans="14:14">
      <c r="N246422" s="10"/>
    </row>
    <row r="246423" spans="14:14">
      <c r="N246423" s="10"/>
    </row>
    <row r="246424" spans="14:14">
      <c r="N246424" s="10"/>
    </row>
    <row r="246425" spans="14:14">
      <c r="N246425" s="10"/>
    </row>
    <row r="246426" spans="14:14">
      <c r="N246426" s="10"/>
    </row>
    <row r="246427" spans="14:14">
      <c r="N246427" s="10"/>
    </row>
    <row r="246428" spans="14:14">
      <c r="N246428" s="10"/>
    </row>
    <row r="246429" spans="14:14">
      <c r="N246429" s="10"/>
    </row>
    <row r="246430" spans="14:14">
      <c r="N246430" s="10"/>
    </row>
    <row r="246431" spans="14:14">
      <c r="N246431" s="10"/>
    </row>
    <row r="246432" spans="14:14">
      <c r="N246432" s="10"/>
    </row>
    <row r="246433" spans="14:14">
      <c r="N246433" s="10"/>
    </row>
    <row r="246434" spans="14:14">
      <c r="N246434" s="10"/>
    </row>
    <row r="246435" spans="14:14">
      <c r="N246435" s="10"/>
    </row>
    <row r="246436" spans="14:14">
      <c r="N246436" s="10"/>
    </row>
    <row r="246437" spans="14:14">
      <c r="N246437" s="10"/>
    </row>
    <row r="246438" spans="14:14">
      <c r="N246438" s="10"/>
    </row>
    <row r="246439" spans="14:14">
      <c r="N246439" s="10"/>
    </row>
    <row r="246440" spans="14:14">
      <c r="N246440" s="10"/>
    </row>
    <row r="246441" spans="14:14">
      <c r="N246441" s="10"/>
    </row>
    <row r="246442" spans="14:14">
      <c r="N246442" s="10"/>
    </row>
    <row r="246443" spans="14:14">
      <c r="N246443" s="10"/>
    </row>
    <row r="246444" spans="14:14">
      <c r="N246444" s="10"/>
    </row>
    <row r="246445" spans="14:14">
      <c r="N246445" s="10"/>
    </row>
    <row r="246446" spans="14:14">
      <c r="N246446" s="10"/>
    </row>
    <row r="246447" spans="14:14">
      <c r="N246447" s="10"/>
    </row>
    <row r="246448" spans="14:14">
      <c r="N246448" s="10"/>
    </row>
    <row r="246449" spans="14:14">
      <c r="N246449" s="10"/>
    </row>
    <row r="246450" spans="14:14">
      <c r="N246450" s="10"/>
    </row>
    <row r="246451" spans="14:14">
      <c r="N246451" s="10"/>
    </row>
    <row r="246452" spans="14:14">
      <c r="N246452" s="10"/>
    </row>
    <row r="246453" spans="14:14">
      <c r="N246453" s="10"/>
    </row>
    <row r="246454" spans="14:14">
      <c r="N246454" s="10"/>
    </row>
    <row r="246455" spans="14:14">
      <c r="N246455" s="10"/>
    </row>
    <row r="246456" spans="14:14">
      <c r="N246456" s="10"/>
    </row>
    <row r="246457" spans="14:14">
      <c r="N246457" s="10"/>
    </row>
    <row r="246458" spans="14:14">
      <c r="N246458" s="10"/>
    </row>
    <row r="246459" spans="14:14">
      <c r="N246459" s="10"/>
    </row>
    <row r="246460" spans="14:14">
      <c r="N246460" s="10"/>
    </row>
    <row r="246461" spans="14:14">
      <c r="N246461" s="10"/>
    </row>
    <row r="246462" spans="14:14">
      <c r="N246462" s="10"/>
    </row>
    <row r="246463" spans="14:14">
      <c r="N246463" s="10"/>
    </row>
    <row r="246464" spans="14:14">
      <c r="N246464" s="10"/>
    </row>
    <row r="246465" spans="14:14">
      <c r="N246465" s="10"/>
    </row>
    <row r="246466" spans="14:14">
      <c r="N246466" s="10"/>
    </row>
    <row r="246467" spans="14:14">
      <c r="N246467" s="10"/>
    </row>
    <row r="246468" spans="14:14">
      <c r="N246468" s="10"/>
    </row>
    <row r="246469" spans="14:14">
      <c r="N246469" s="10"/>
    </row>
    <row r="246470" spans="14:14">
      <c r="N246470" s="10"/>
    </row>
    <row r="246471" spans="14:14">
      <c r="N246471" s="10"/>
    </row>
    <row r="246472" spans="14:14">
      <c r="N246472" s="10"/>
    </row>
    <row r="246473" spans="14:14">
      <c r="N246473" s="10"/>
    </row>
    <row r="246474" spans="14:14">
      <c r="N246474" s="10"/>
    </row>
    <row r="246475" spans="14:14">
      <c r="N246475" s="10"/>
    </row>
    <row r="246476" spans="14:14">
      <c r="N246476" s="10"/>
    </row>
    <row r="246477" spans="14:14">
      <c r="N246477" s="10"/>
    </row>
    <row r="246478" spans="14:14">
      <c r="N246478" s="10"/>
    </row>
    <row r="246479" spans="14:14">
      <c r="N246479" s="10"/>
    </row>
    <row r="246480" spans="14:14">
      <c r="N246480" s="10"/>
    </row>
    <row r="246481" spans="14:14">
      <c r="N246481" s="10"/>
    </row>
    <row r="246482" spans="14:14">
      <c r="N246482" s="10"/>
    </row>
    <row r="246483" spans="14:14">
      <c r="N246483" s="10"/>
    </row>
    <row r="246484" spans="14:14">
      <c r="N246484" s="10"/>
    </row>
    <row r="246485" spans="14:14">
      <c r="N246485" s="10"/>
    </row>
    <row r="246486" spans="14:14">
      <c r="N246486" s="10"/>
    </row>
    <row r="246487" spans="14:14">
      <c r="N246487" s="10"/>
    </row>
    <row r="246488" spans="14:14">
      <c r="N246488" s="10"/>
    </row>
    <row r="246489" spans="14:14">
      <c r="N246489" s="10"/>
    </row>
    <row r="246490" spans="14:14">
      <c r="N246490" s="10"/>
    </row>
    <row r="246491" spans="14:14">
      <c r="N246491" s="10"/>
    </row>
    <row r="246492" spans="14:14">
      <c r="N246492" s="10"/>
    </row>
    <row r="246493" spans="14:14">
      <c r="N246493" s="10"/>
    </row>
    <row r="246494" spans="14:14">
      <c r="N246494" s="10"/>
    </row>
    <row r="246495" spans="14:14">
      <c r="N246495" s="10"/>
    </row>
    <row r="246496" spans="14:14">
      <c r="N246496" s="10"/>
    </row>
    <row r="246497" spans="14:14">
      <c r="N246497" s="10"/>
    </row>
    <row r="246498" spans="14:14">
      <c r="N246498" s="10"/>
    </row>
    <row r="246499" spans="14:14">
      <c r="N246499" s="10"/>
    </row>
    <row r="246500" spans="14:14">
      <c r="N246500" s="10"/>
    </row>
    <row r="246501" spans="14:14">
      <c r="N246501" s="10"/>
    </row>
    <row r="246502" spans="14:14">
      <c r="N246502" s="10"/>
    </row>
    <row r="246503" spans="14:14">
      <c r="N246503" s="10"/>
    </row>
    <row r="246504" spans="14:14">
      <c r="N246504" s="10"/>
    </row>
    <row r="246505" spans="14:14">
      <c r="N246505" s="10"/>
    </row>
    <row r="246506" spans="14:14">
      <c r="N246506" s="10"/>
    </row>
    <row r="246507" spans="14:14">
      <c r="N246507" s="10"/>
    </row>
    <row r="246508" spans="14:14">
      <c r="N246508" s="10"/>
    </row>
    <row r="246509" spans="14:14">
      <c r="N246509" s="10"/>
    </row>
    <row r="246510" spans="14:14">
      <c r="N246510" s="10"/>
    </row>
    <row r="246511" spans="14:14">
      <c r="N246511" s="10"/>
    </row>
    <row r="246512" spans="14:14">
      <c r="N246512" s="10"/>
    </row>
    <row r="246513" spans="14:14">
      <c r="N246513" s="10"/>
    </row>
    <row r="246514" spans="14:14">
      <c r="N246514" s="10"/>
    </row>
    <row r="246515" spans="14:14">
      <c r="N246515" s="10"/>
    </row>
    <row r="246516" spans="14:14">
      <c r="N246516" s="10"/>
    </row>
    <row r="246517" spans="14:14">
      <c r="N246517" s="10"/>
    </row>
    <row r="246518" spans="14:14">
      <c r="N246518" s="10"/>
    </row>
    <row r="246519" spans="14:14">
      <c r="N246519" s="10"/>
    </row>
    <row r="246520" spans="14:14">
      <c r="N246520" s="10"/>
    </row>
    <row r="246521" spans="14:14">
      <c r="N246521" s="10"/>
    </row>
    <row r="246522" spans="14:14">
      <c r="N246522" s="10"/>
    </row>
    <row r="246523" spans="14:14">
      <c r="N246523" s="10"/>
    </row>
    <row r="246524" spans="14:14">
      <c r="N246524" s="10"/>
    </row>
    <row r="246525" spans="14:14">
      <c r="N246525" s="10"/>
    </row>
    <row r="246526" spans="14:14">
      <c r="N246526" s="10"/>
    </row>
    <row r="246527" spans="14:14">
      <c r="N246527" s="10"/>
    </row>
    <row r="246528" spans="14:14">
      <c r="N246528" s="10"/>
    </row>
    <row r="246529" spans="14:14">
      <c r="N246529" s="10"/>
    </row>
    <row r="246530" spans="14:14">
      <c r="N246530" s="10"/>
    </row>
    <row r="246531" spans="14:14">
      <c r="N246531" s="10"/>
    </row>
    <row r="246532" spans="14:14">
      <c r="N246532" s="10"/>
    </row>
    <row r="246533" spans="14:14">
      <c r="N246533" s="10"/>
    </row>
    <row r="246534" spans="14:14">
      <c r="N246534" s="10"/>
    </row>
    <row r="246535" spans="14:14">
      <c r="N246535" s="10"/>
    </row>
    <row r="246536" spans="14:14">
      <c r="N246536" s="10"/>
    </row>
    <row r="246537" spans="14:14">
      <c r="N246537" s="10"/>
    </row>
    <row r="246538" spans="14:14">
      <c r="N246538" s="10"/>
    </row>
    <row r="246539" spans="14:14">
      <c r="N246539" s="10"/>
    </row>
    <row r="246540" spans="14:14">
      <c r="N246540" s="10"/>
    </row>
    <row r="246541" spans="14:14">
      <c r="N246541" s="10"/>
    </row>
    <row r="246542" spans="14:14">
      <c r="N246542" s="10"/>
    </row>
    <row r="246543" spans="14:14">
      <c r="N246543" s="10"/>
    </row>
    <row r="246544" spans="14:14">
      <c r="N246544" s="10"/>
    </row>
    <row r="246545" spans="14:14">
      <c r="N246545" s="10"/>
    </row>
    <row r="246546" spans="14:14">
      <c r="N246546" s="10"/>
    </row>
    <row r="246547" spans="14:14">
      <c r="N246547" s="10"/>
    </row>
    <row r="246548" spans="14:14">
      <c r="N246548" s="10"/>
    </row>
    <row r="246549" spans="14:14">
      <c r="N246549" s="10"/>
    </row>
    <row r="246550" spans="14:14">
      <c r="N246550" s="10"/>
    </row>
    <row r="246551" spans="14:14">
      <c r="N246551" s="10"/>
    </row>
    <row r="246552" spans="14:14">
      <c r="N246552" s="10"/>
    </row>
    <row r="246553" spans="14:14">
      <c r="N246553" s="10"/>
    </row>
    <row r="246554" spans="14:14">
      <c r="N246554" s="10"/>
    </row>
    <row r="246555" spans="14:14">
      <c r="N246555" s="10"/>
    </row>
    <row r="246556" spans="14:14">
      <c r="N246556" s="10"/>
    </row>
    <row r="246557" spans="14:14">
      <c r="N246557" s="10"/>
    </row>
    <row r="246558" spans="14:14">
      <c r="N246558" s="10"/>
    </row>
    <row r="246559" spans="14:14">
      <c r="N246559" s="10"/>
    </row>
    <row r="246560" spans="14:14">
      <c r="N246560" s="10"/>
    </row>
    <row r="246561" spans="14:14">
      <c r="N246561" s="10"/>
    </row>
    <row r="246562" spans="14:14">
      <c r="N246562" s="10"/>
    </row>
    <row r="246563" spans="14:14">
      <c r="N246563" s="10"/>
    </row>
    <row r="246564" spans="14:14">
      <c r="N246564" s="10"/>
    </row>
    <row r="246565" spans="14:14">
      <c r="N246565" s="10"/>
    </row>
    <row r="246566" spans="14:14">
      <c r="N246566" s="10"/>
    </row>
    <row r="246567" spans="14:14">
      <c r="N246567" s="10"/>
    </row>
    <row r="246568" spans="14:14">
      <c r="N246568" s="10"/>
    </row>
    <row r="246569" spans="14:14">
      <c r="N246569" s="10"/>
    </row>
    <row r="246570" spans="14:14">
      <c r="N246570" s="10"/>
    </row>
    <row r="246571" spans="14:14">
      <c r="N246571" s="10"/>
    </row>
    <row r="246572" spans="14:14">
      <c r="N246572" s="10"/>
    </row>
    <row r="246573" spans="14:14">
      <c r="N246573" s="10"/>
    </row>
    <row r="246574" spans="14:14">
      <c r="N246574" s="10"/>
    </row>
    <row r="246575" spans="14:14">
      <c r="N246575" s="10"/>
    </row>
    <row r="246576" spans="14:14">
      <c r="N246576" s="10"/>
    </row>
    <row r="246577" spans="14:14">
      <c r="N246577" s="10"/>
    </row>
    <row r="246578" spans="14:14">
      <c r="N246578" s="10"/>
    </row>
    <row r="246579" spans="14:14">
      <c r="N246579" s="10"/>
    </row>
    <row r="246580" spans="14:14">
      <c r="N246580" s="10"/>
    </row>
    <row r="246581" spans="14:14">
      <c r="N246581" s="10"/>
    </row>
    <row r="246582" spans="14:14">
      <c r="N246582" s="10"/>
    </row>
    <row r="246583" spans="14:14">
      <c r="N246583" s="10"/>
    </row>
    <row r="246584" spans="14:14">
      <c r="N246584" s="10"/>
    </row>
    <row r="246585" spans="14:14">
      <c r="N246585" s="10"/>
    </row>
    <row r="246586" spans="14:14">
      <c r="N246586" s="10"/>
    </row>
    <row r="246587" spans="14:14">
      <c r="N246587" s="10"/>
    </row>
    <row r="246588" spans="14:14">
      <c r="N246588" s="10"/>
    </row>
    <row r="246589" spans="14:14">
      <c r="N246589" s="10"/>
    </row>
    <row r="246590" spans="14:14">
      <c r="N246590" s="10"/>
    </row>
    <row r="246591" spans="14:14">
      <c r="N246591" s="10"/>
    </row>
    <row r="246592" spans="14:14">
      <c r="N246592" s="10"/>
    </row>
    <row r="246593" spans="14:14">
      <c r="N246593" s="10"/>
    </row>
    <row r="246594" spans="14:14">
      <c r="N246594" s="10"/>
    </row>
    <row r="246595" spans="14:14">
      <c r="N246595" s="10"/>
    </row>
    <row r="246596" spans="14:14">
      <c r="N246596" s="10"/>
    </row>
    <row r="246597" spans="14:14">
      <c r="N246597" s="10"/>
    </row>
    <row r="246598" spans="14:14">
      <c r="N246598" s="10"/>
    </row>
    <row r="246599" spans="14:14">
      <c r="N246599" s="10"/>
    </row>
    <row r="246600" spans="14:14">
      <c r="N246600" s="10"/>
    </row>
    <row r="246601" spans="14:14">
      <c r="N246601" s="10"/>
    </row>
    <row r="246602" spans="14:14">
      <c r="N246602" s="10"/>
    </row>
    <row r="246603" spans="14:14">
      <c r="N246603" s="10"/>
    </row>
    <row r="246604" spans="14:14">
      <c r="N246604" s="10"/>
    </row>
    <row r="246605" spans="14:14">
      <c r="N246605" s="10"/>
    </row>
    <row r="246606" spans="14:14">
      <c r="N246606" s="10"/>
    </row>
    <row r="246607" spans="14:14">
      <c r="N246607" s="10"/>
    </row>
    <row r="246608" spans="14:14">
      <c r="N246608" s="10"/>
    </row>
    <row r="246609" spans="14:14">
      <c r="N246609" s="10"/>
    </row>
    <row r="246610" spans="14:14">
      <c r="N246610" s="10"/>
    </row>
    <row r="246611" spans="14:14">
      <c r="N246611" s="10"/>
    </row>
    <row r="246612" spans="14:14">
      <c r="N246612" s="10"/>
    </row>
    <row r="246613" spans="14:14">
      <c r="N246613" s="10"/>
    </row>
    <row r="246614" spans="14:14">
      <c r="N246614" s="10"/>
    </row>
    <row r="246615" spans="14:14">
      <c r="N246615" s="10"/>
    </row>
    <row r="246616" spans="14:14">
      <c r="N246616" s="10"/>
    </row>
    <row r="246617" spans="14:14">
      <c r="N246617" s="10"/>
    </row>
    <row r="246618" spans="14:14">
      <c r="N246618" s="10"/>
    </row>
    <row r="246619" spans="14:14">
      <c r="N246619" s="10"/>
    </row>
    <row r="246620" spans="14:14">
      <c r="N246620" s="10"/>
    </row>
    <row r="246621" spans="14:14">
      <c r="N246621" s="10"/>
    </row>
    <row r="246622" spans="14:14">
      <c r="N246622" s="10"/>
    </row>
    <row r="246623" spans="14:14">
      <c r="N246623" s="10"/>
    </row>
    <row r="246624" spans="14:14">
      <c r="N246624" s="10"/>
    </row>
    <row r="246625" spans="14:14">
      <c r="N246625" s="10"/>
    </row>
    <row r="246626" spans="14:14">
      <c r="N246626" s="10"/>
    </row>
    <row r="246627" spans="14:14">
      <c r="N246627" s="10"/>
    </row>
    <row r="246628" spans="14:14">
      <c r="N246628" s="10"/>
    </row>
    <row r="246629" spans="14:14">
      <c r="N246629" s="10"/>
    </row>
    <row r="246630" spans="14:14">
      <c r="N246630" s="10"/>
    </row>
    <row r="246631" spans="14:14">
      <c r="N246631" s="10"/>
    </row>
    <row r="246632" spans="14:14">
      <c r="N246632" s="10"/>
    </row>
    <row r="246633" spans="14:14">
      <c r="N246633" s="10"/>
    </row>
    <row r="246634" spans="14:14">
      <c r="N246634" s="10"/>
    </row>
    <row r="246635" spans="14:14">
      <c r="N246635" s="10"/>
    </row>
    <row r="246636" spans="14:14">
      <c r="N246636" s="10"/>
    </row>
    <row r="246637" spans="14:14">
      <c r="N246637" s="10"/>
    </row>
    <row r="246638" spans="14:14">
      <c r="N246638" s="10"/>
    </row>
    <row r="246639" spans="14:14">
      <c r="N246639" s="10"/>
    </row>
    <row r="246640" spans="14:14">
      <c r="N246640" s="10"/>
    </row>
    <row r="246641" spans="14:14">
      <c r="N246641" s="10"/>
    </row>
    <row r="246642" spans="14:14">
      <c r="N246642" s="10"/>
    </row>
    <row r="246643" spans="14:14">
      <c r="N246643" s="10"/>
    </row>
    <row r="246644" spans="14:14">
      <c r="N246644" s="10"/>
    </row>
    <row r="246645" spans="14:14">
      <c r="N246645" s="10"/>
    </row>
    <row r="246646" spans="14:14">
      <c r="N246646" s="10"/>
    </row>
    <row r="246647" spans="14:14">
      <c r="N246647" s="10"/>
    </row>
    <row r="246648" spans="14:14">
      <c r="N246648" s="10"/>
    </row>
    <row r="246649" spans="14:14">
      <c r="N246649" s="10"/>
    </row>
    <row r="246650" spans="14:14">
      <c r="N246650" s="10"/>
    </row>
    <row r="246651" spans="14:14">
      <c r="N246651" s="10"/>
    </row>
    <row r="246652" spans="14:14">
      <c r="N246652" s="10"/>
    </row>
    <row r="246653" spans="14:14">
      <c r="N246653" s="10"/>
    </row>
    <row r="246654" spans="14:14">
      <c r="N246654" s="10"/>
    </row>
    <row r="246655" spans="14:14">
      <c r="N246655" s="10"/>
    </row>
    <row r="246656" spans="14:14">
      <c r="N246656" s="10"/>
    </row>
    <row r="246657" spans="14:14">
      <c r="N246657" s="10"/>
    </row>
    <row r="246658" spans="14:14">
      <c r="N246658" s="10"/>
    </row>
    <row r="246659" spans="14:14">
      <c r="N246659" s="10"/>
    </row>
    <row r="246660" spans="14:14">
      <c r="N246660" s="10"/>
    </row>
    <row r="246661" spans="14:14">
      <c r="N246661" s="10"/>
    </row>
    <row r="246662" spans="14:14">
      <c r="N246662" s="10"/>
    </row>
    <row r="246663" spans="14:14">
      <c r="N246663" s="10"/>
    </row>
    <row r="246664" spans="14:14">
      <c r="N246664" s="10"/>
    </row>
    <row r="246665" spans="14:14">
      <c r="N246665" s="10"/>
    </row>
    <row r="246666" spans="14:14">
      <c r="N246666" s="10"/>
    </row>
    <row r="246667" spans="14:14">
      <c r="N246667" s="10"/>
    </row>
    <row r="246668" spans="14:14">
      <c r="N246668" s="10"/>
    </row>
    <row r="246669" spans="14:14">
      <c r="N246669" s="10"/>
    </row>
    <row r="246670" spans="14:14">
      <c r="N246670" s="10"/>
    </row>
    <row r="246671" spans="14:14">
      <c r="N246671" s="10"/>
    </row>
    <row r="246672" spans="14:14">
      <c r="N246672" s="10"/>
    </row>
    <row r="246673" spans="14:14">
      <c r="N246673" s="10"/>
    </row>
    <row r="246674" spans="14:14">
      <c r="N246674" s="10"/>
    </row>
    <row r="246675" spans="14:14">
      <c r="N246675" s="10"/>
    </row>
    <row r="246676" spans="14:14">
      <c r="N246676" s="10"/>
    </row>
    <row r="246677" spans="14:14">
      <c r="N246677" s="10"/>
    </row>
    <row r="246678" spans="14:14">
      <c r="N246678" s="10"/>
    </row>
    <row r="246679" spans="14:14">
      <c r="N246679" s="10"/>
    </row>
    <row r="246680" spans="14:14">
      <c r="N246680" s="10"/>
    </row>
    <row r="246681" spans="14:14">
      <c r="N246681" s="10"/>
    </row>
    <row r="246682" spans="14:14">
      <c r="N246682" s="10"/>
    </row>
    <row r="246683" spans="14:14">
      <c r="N246683" s="10"/>
    </row>
    <row r="246684" spans="14:14">
      <c r="N246684" s="10"/>
    </row>
    <row r="246685" spans="14:14">
      <c r="N246685" s="10"/>
    </row>
    <row r="246686" spans="14:14">
      <c r="N246686" s="10"/>
    </row>
    <row r="246687" spans="14:14">
      <c r="N246687" s="10"/>
    </row>
    <row r="246688" spans="14:14">
      <c r="N246688" s="10"/>
    </row>
    <row r="246689" spans="14:14">
      <c r="N246689" s="10"/>
    </row>
    <row r="246690" spans="14:14">
      <c r="N246690" s="10"/>
    </row>
    <row r="246691" spans="14:14">
      <c r="N246691" s="10"/>
    </row>
    <row r="246692" spans="14:14">
      <c r="N246692" s="10"/>
    </row>
    <row r="246693" spans="14:14">
      <c r="N246693" s="10"/>
    </row>
    <row r="246694" spans="14:14">
      <c r="N246694" s="10"/>
    </row>
    <row r="246695" spans="14:14">
      <c r="N246695" s="10"/>
    </row>
    <row r="246696" spans="14:14">
      <c r="N246696" s="10"/>
    </row>
    <row r="246697" spans="14:14">
      <c r="N246697" s="10"/>
    </row>
    <row r="246698" spans="14:14">
      <c r="N246698" s="10"/>
    </row>
    <row r="246699" spans="14:14">
      <c r="N246699" s="10"/>
    </row>
    <row r="246700" spans="14:14">
      <c r="N246700" s="10"/>
    </row>
    <row r="246701" spans="14:14">
      <c r="N246701" s="10"/>
    </row>
    <row r="246702" spans="14:14">
      <c r="N246702" s="10"/>
    </row>
    <row r="246703" spans="14:14">
      <c r="N246703" s="10"/>
    </row>
    <row r="246704" spans="14:14">
      <c r="N246704" s="10"/>
    </row>
    <row r="246705" spans="14:14">
      <c r="N246705" s="10"/>
    </row>
    <row r="246706" spans="14:14">
      <c r="N246706" s="10"/>
    </row>
    <row r="246707" spans="14:14">
      <c r="N246707" s="10"/>
    </row>
    <row r="246708" spans="14:14">
      <c r="N246708" s="10"/>
    </row>
    <row r="246709" spans="14:14">
      <c r="N246709" s="10"/>
    </row>
    <row r="246710" spans="14:14">
      <c r="N246710" s="10"/>
    </row>
    <row r="246711" spans="14:14">
      <c r="N246711" s="10"/>
    </row>
    <row r="246712" spans="14:14">
      <c r="N246712" s="10"/>
    </row>
    <row r="246713" spans="14:14">
      <c r="N246713" s="10"/>
    </row>
    <row r="246714" spans="14:14">
      <c r="N246714" s="10"/>
    </row>
    <row r="246715" spans="14:14">
      <c r="N246715" s="10"/>
    </row>
    <row r="246716" spans="14:14">
      <c r="N246716" s="10"/>
    </row>
    <row r="246717" spans="14:14">
      <c r="N246717" s="10"/>
    </row>
    <row r="246718" spans="14:14">
      <c r="N246718" s="10"/>
    </row>
    <row r="246719" spans="14:14">
      <c r="N246719" s="10"/>
    </row>
    <row r="246720" spans="14:14">
      <c r="N246720" s="10"/>
    </row>
    <row r="246721" spans="14:14">
      <c r="N246721" s="10"/>
    </row>
    <row r="246722" spans="14:14">
      <c r="N246722" s="10"/>
    </row>
    <row r="246723" spans="14:14">
      <c r="N246723" s="10"/>
    </row>
    <row r="246724" spans="14:14">
      <c r="N246724" s="10"/>
    </row>
    <row r="246725" spans="14:14">
      <c r="N246725" s="10"/>
    </row>
    <row r="246726" spans="14:14">
      <c r="N246726" s="10"/>
    </row>
    <row r="246727" spans="14:14">
      <c r="N246727" s="10"/>
    </row>
    <row r="246728" spans="14:14">
      <c r="N246728" s="10"/>
    </row>
    <row r="246729" spans="14:14">
      <c r="N246729" s="10"/>
    </row>
    <row r="246730" spans="14:14">
      <c r="N246730" s="10"/>
    </row>
    <row r="246731" spans="14:14">
      <c r="N246731" s="10"/>
    </row>
    <row r="246732" spans="14:14">
      <c r="N246732" s="10"/>
    </row>
    <row r="246733" spans="14:14">
      <c r="N246733" s="10"/>
    </row>
    <row r="246734" spans="14:14">
      <c r="N246734" s="10"/>
    </row>
    <row r="246735" spans="14:14">
      <c r="N246735" s="10"/>
    </row>
    <row r="246736" spans="14:14">
      <c r="N246736" s="10"/>
    </row>
    <row r="246737" spans="14:14">
      <c r="N246737" s="10"/>
    </row>
    <row r="246738" spans="14:14">
      <c r="N246738" s="10"/>
    </row>
    <row r="246739" spans="14:14">
      <c r="N246739" s="10"/>
    </row>
    <row r="246740" spans="14:14">
      <c r="N246740" s="10"/>
    </row>
    <row r="246741" spans="14:14">
      <c r="N246741" s="10"/>
    </row>
    <row r="246742" spans="14:14">
      <c r="N246742" s="10"/>
    </row>
    <row r="246743" spans="14:14">
      <c r="N246743" s="10"/>
    </row>
    <row r="246744" spans="14:14">
      <c r="N246744" s="10"/>
    </row>
    <row r="246745" spans="14:14">
      <c r="N246745" s="10"/>
    </row>
    <row r="246746" spans="14:14">
      <c r="N246746" s="10"/>
    </row>
    <row r="246747" spans="14:14">
      <c r="N246747" s="10"/>
    </row>
    <row r="246748" spans="14:14">
      <c r="N246748" s="10"/>
    </row>
    <row r="246749" spans="14:14">
      <c r="N246749" s="10"/>
    </row>
    <row r="246750" spans="14:14">
      <c r="N246750" s="10"/>
    </row>
    <row r="246751" spans="14:14">
      <c r="N246751" s="10"/>
    </row>
    <row r="246752" spans="14:14">
      <c r="N246752" s="10"/>
    </row>
    <row r="246753" spans="14:14">
      <c r="N246753" s="10"/>
    </row>
    <row r="246754" spans="14:14">
      <c r="N246754" s="10"/>
    </row>
    <row r="246755" spans="14:14">
      <c r="N246755" s="10"/>
    </row>
    <row r="246756" spans="14:14">
      <c r="N246756" s="10"/>
    </row>
    <row r="246757" spans="14:14">
      <c r="N246757" s="10"/>
    </row>
    <row r="246758" spans="14:14">
      <c r="N246758" s="10"/>
    </row>
    <row r="246759" spans="14:14">
      <c r="N246759" s="10"/>
    </row>
    <row r="246760" spans="14:14">
      <c r="N246760" s="10"/>
    </row>
    <row r="246761" spans="14:14">
      <c r="N246761" s="10"/>
    </row>
    <row r="246762" spans="14:14">
      <c r="N246762" s="10"/>
    </row>
    <row r="246763" spans="14:14">
      <c r="N246763" s="10"/>
    </row>
    <row r="246764" spans="14:14">
      <c r="N246764" s="10"/>
    </row>
    <row r="246765" spans="14:14">
      <c r="N246765" s="10"/>
    </row>
    <row r="246766" spans="14:14">
      <c r="N246766" s="10"/>
    </row>
    <row r="246767" spans="14:14">
      <c r="N246767" s="10"/>
    </row>
    <row r="246768" spans="14:14">
      <c r="N246768" s="10"/>
    </row>
    <row r="246769" spans="14:14">
      <c r="N246769" s="10"/>
    </row>
    <row r="246770" spans="14:14">
      <c r="N246770" s="10"/>
    </row>
    <row r="246771" spans="14:14">
      <c r="N246771" s="10"/>
    </row>
    <row r="246772" spans="14:14">
      <c r="N246772" s="10"/>
    </row>
    <row r="246773" spans="14:14">
      <c r="N246773" s="10"/>
    </row>
    <row r="246774" spans="14:14">
      <c r="N246774" s="10"/>
    </row>
    <row r="246775" spans="14:14">
      <c r="N246775" s="10"/>
    </row>
    <row r="246776" spans="14:14">
      <c r="N246776" s="10"/>
    </row>
    <row r="246777" spans="14:14">
      <c r="N246777" s="10"/>
    </row>
    <row r="246778" spans="14:14">
      <c r="N246778" s="10"/>
    </row>
    <row r="246779" spans="14:14">
      <c r="N246779" s="10"/>
    </row>
    <row r="246780" spans="14:14">
      <c r="N246780" s="10"/>
    </row>
    <row r="246781" spans="14:14">
      <c r="N246781" s="10"/>
    </row>
    <row r="246782" spans="14:14">
      <c r="N246782" s="10"/>
    </row>
    <row r="246783" spans="14:14">
      <c r="N246783" s="10"/>
    </row>
    <row r="246784" spans="14:14">
      <c r="N246784" s="10"/>
    </row>
    <row r="246785" spans="14:14">
      <c r="N246785" s="10"/>
    </row>
    <row r="246786" spans="14:14">
      <c r="N246786" s="10"/>
    </row>
    <row r="246787" spans="14:14">
      <c r="N246787" s="10"/>
    </row>
    <row r="246788" spans="14:14">
      <c r="N246788" s="10"/>
    </row>
    <row r="246789" spans="14:14">
      <c r="N246789" s="10"/>
    </row>
    <row r="246790" spans="14:14">
      <c r="N246790" s="10"/>
    </row>
    <row r="246791" spans="14:14">
      <c r="N246791" s="10"/>
    </row>
    <row r="246792" spans="14:14">
      <c r="N246792" s="10"/>
    </row>
    <row r="246793" spans="14:14">
      <c r="N246793" s="10"/>
    </row>
    <row r="246794" spans="14:14">
      <c r="N246794" s="10"/>
    </row>
    <row r="246795" spans="14:14">
      <c r="N246795" s="10"/>
    </row>
    <row r="246796" spans="14:14">
      <c r="N246796" s="10"/>
    </row>
    <row r="246797" spans="14:14">
      <c r="N246797" s="10"/>
    </row>
    <row r="246798" spans="14:14">
      <c r="N246798" s="10"/>
    </row>
    <row r="246799" spans="14:14">
      <c r="N246799" s="10"/>
    </row>
    <row r="246800" spans="14:14">
      <c r="N246800" s="10"/>
    </row>
    <row r="246801" spans="14:14">
      <c r="N246801" s="10"/>
    </row>
    <row r="246802" spans="14:14">
      <c r="N246802" s="10"/>
    </row>
    <row r="246803" spans="14:14">
      <c r="N246803" s="10"/>
    </row>
    <row r="246804" spans="14:14">
      <c r="N246804" s="10"/>
    </row>
    <row r="246805" spans="14:14">
      <c r="N246805" s="10"/>
    </row>
    <row r="246806" spans="14:14">
      <c r="N246806" s="10"/>
    </row>
    <row r="246807" spans="14:14">
      <c r="N246807" s="10"/>
    </row>
    <row r="246808" spans="14:14">
      <c r="N246808" s="10"/>
    </row>
    <row r="246809" spans="14:14">
      <c r="N246809" s="10"/>
    </row>
    <row r="246810" spans="14:14">
      <c r="N246810" s="10"/>
    </row>
    <row r="246811" spans="14:14">
      <c r="N246811" s="10"/>
    </row>
    <row r="246812" spans="14:14">
      <c r="N246812" s="10"/>
    </row>
    <row r="246813" spans="14:14">
      <c r="N246813" s="10"/>
    </row>
    <row r="246814" spans="14:14">
      <c r="N246814" s="10"/>
    </row>
    <row r="246815" spans="14:14">
      <c r="N246815" s="10"/>
    </row>
    <row r="246816" spans="14:14">
      <c r="N246816" s="10"/>
    </row>
    <row r="246817" spans="14:14">
      <c r="N246817" s="10"/>
    </row>
    <row r="246818" spans="14:14">
      <c r="N246818" s="10"/>
    </row>
    <row r="246819" spans="14:14">
      <c r="N246819" s="10"/>
    </row>
    <row r="246820" spans="14:14">
      <c r="N246820" s="10"/>
    </row>
    <row r="246821" spans="14:14">
      <c r="N246821" s="10"/>
    </row>
    <row r="246822" spans="14:14">
      <c r="N246822" s="10"/>
    </row>
    <row r="246823" spans="14:14">
      <c r="N246823" s="10"/>
    </row>
    <row r="246824" spans="14:14">
      <c r="N246824" s="10"/>
    </row>
    <row r="246825" spans="14:14">
      <c r="N246825" s="10"/>
    </row>
    <row r="246826" spans="14:14">
      <c r="N246826" s="10"/>
    </row>
    <row r="246827" spans="14:14">
      <c r="N246827" s="10"/>
    </row>
    <row r="246828" spans="14:14">
      <c r="N246828" s="10"/>
    </row>
    <row r="246829" spans="14:14">
      <c r="N246829" s="10"/>
    </row>
    <row r="246830" spans="14:14">
      <c r="N246830" s="10"/>
    </row>
    <row r="246831" spans="14:14">
      <c r="N246831" s="10"/>
    </row>
    <row r="246832" spans="14:14">
      <c r="N246832" s="10"/>
    </row>
    <row r="246833" spans="14:14">
      <c r="N246833" s="10"/>
    </row>
    <row r="246834" spans="14:14">
      <c r="N246834" s="10"/>
    </row>
    <row r="246835" spans="14:14">
      <c r="N246835" s="10"/>
    </row>
    <row r="246836" spans="14:14">
      <c r="N246836" s="10"/>
    </row>
    <row r="246837" spans="14:14">
      <c r="N246837" s="10"/>
    </row>
    <row r="246838" spans="14:14">
      <c r="N246838" s="10"/>
    </row>
    <row r="246839" spans="14:14">
      <c r="N246839" s="10"/>
    </row>
    <row r="246840" spans="14:14">
      <c r="N246840" s="10"/>
    </row>
    <row r="246841" spans="14:14">
      <c r="N246841" s="10"/>
    </row>
    <row r="246842" spans="14:14">
      <c r="N246842" s="10"/>
    </row>
    <row r="246843" spans="14:14">
      <c r="N246843" s="10"/>
    </row>
    <row r="246844" spans="14:14">
      <c r="N246844" s="10"/>
    </row>
    <row r="246845" spans="14:14">
      <c r="N246845" s="10"/>
    </row>
    <row r="246846" spans="14:14">
      <c r="N246846" s="10"/>
    </row>
    <row r="246847" spans="14:14">
      <c r="N246847" s="10"/>
    </row>
    <row r="246848" spans="14:14">
      <c r="N246848" s="10"/>
    </row>
    <row r="246849" spans="14:14">
      <c r="N246849" s="10"/>
    </row>
    <row r="246850" spans="14:14">
      <c r="N246850" s="10"/>
    </row>
    <row r="246851" spans="14:14">
      <c r="N246851" s="10"/>
    </row>
    <row r="246852" spans="14:14">
      <c r="N246852" s="10"/>
    </row>
    <row r="246853" spans="14:14">
      <c r="N246853" s="10"/>
    </row>
    <row r="246854" spans="14:14">
      <c r="N246854" s="10"/>
    </row>
    <row r="246855" spans="14:14">
      <c r="N246855" s="10"/>
    </row>
    <row r="246856" spans="14:14">
      <c r="N246856" s="10"/>
    </row>
    <row r="246857" spans="14:14">
      <c r="N246857" s="10"/>
    </row>
    <row r="246858" spans="14:14">
      <c r="N246858" s="10"/>
    </row>
    <row r="246859" spans="14:14">
      <c r="N246859" s="10"/>
    </row>
    <row r="246860" spans="14:14">
      <c r="N246860" s="10"/>
    </row>
    <row r="246861" spans="14:14">
      <c r="N246861" s="10"/>
    </row>
    <row r="246862" spans="14:14">
      <c r="N246862" s="10"/>
    </row>
    <row r="246863" spans="14:14">
      <c r="N246863" s="10"/>
    </row>
    <row r="246864" spans="14:14">
      <c r="N246864" s="10"/>
    </row>
    <row r="246865" spans="14:14">
      <c r="N246865" s="10"/>
    </row>
    <row r="246866" spans="14:14">
      <c r="N246866" s="10"/>
    </row>
    <row r="246867" spans="14:14">
      <c r="N246867" s="10"/>
    </row>
    <row r="246868" spans="14:14">
      <c r="N246868" s="10"/>
    </row>
    <row r="246869" spans="14:14">
      <c r="N246869" s="10"/>
    </row>
    <row r="246870" spans="14:14">
      <c r="N246870" s="10"/>
    </row>
    <row r="246871" spans="14:14">
      <c r="N246871" s="10"/>
    </row>
    <row r="246872" spans="14:14">
      <c r="N246872" s="10"/>
    </row>
    <row r="246873" spans="14:14">
      <c r="N246873" s="10"/>
    </row>
    <row r="246874" spans="14:14">
      <c r="N246874" s="10"/>
    </row>
    <row r="246875" spans="14:14">
      <c r="N246875" s="10"/>
    </row>
    <row r="246876" spans="14:14">
      <c r="N246876" s="10"/>
    </row>
    <row r="246877" spans="14:14">
      <c r="N246877" s="10"/>
    </row>
    <row r="246878" spans="14:14">
      <c r="N246878" s="10"/>
    </row>
    <row r="246879" spans="14:14">
      <c r="N246879" s="10"/>
    </row>
    <row r="246880" spans="14:14">
      <c r="N246880" s="10"/>
    </row>
    <row r="246881" spans="14:14">
      <c r="N246881" s="10"/>
    </row>
    <row r="246882" spans="14:14">
      <c r="N246882" s="10"/>
    </row>
    <row r="246883" spans="14:14">
      <c r="N246883" s="10"/>
    </row>
    <row r="246884" spans="14:14">
      <c r="N246884" s="10"/>
    </row>
    <row r="246885" spans="14:14">
      <c r="N246885" s="10"/>
    </row>
    <row r="246886" spans="14:14">
      <c r="N246886" s="10"/>
    </row>
    <row r="246887" spans="14:14">
      <c r="N246887" s="10"/>
    </row>
    <row r="246888" spans="14:14">
      <c r="N246888" s="10"/>
    </row>
    <row r="246889" spans="14:14">
      <c r="N246889" s="10"/>
    </row>
    <row r="246890" spans="14:14">
      <c r="N246890" s="10"/>
    </row>
    <row r="246891" spans="14:14">
      <c r="N246891" s="10"/>
    </row>
    <row r="246892" spans="14:14">
      <c r="N246892" s="10"/>
    </row>
    <row r="246893" spans="14:14">
      <c r="N246893" s="10"/>
    </row>
    <row r="246894" spans="14:14">
      <c r="N246894" s="10"/>
    </row>
    <row r="246895" spans="14:14">
      <c r="N246895" s="10"/>
    </row>
    <row r="246896" spans="14:14">
      <c r="N246896" s="10"/>
    </row>
    <row r="246897" spans="14:14">
      <c r="N246897" s="10"/>
    </row>
    <row r="246898" spans="14:14">
      <c r="N246898" s="10"/>
    </row>
    <row r="246899" spans="14:14">
      <c r="N246899" s="10"/>
    </row>
    <row r="246900" spans="14:14">
      <c r="N246900" s="10"/>
    </row>
    <row r="246901" spans="14:14">
      <c r="N246901" s="10"/>
    </row>
    <row r="246902" spans="14:14">
      <c r="N246902" s="10"/>
    </row>
    <row r="246903" spans="14:14">
      <c r="N246903" s="10"/>
    </row>
    <row r="246904" spans="14:14">
      <c r="N246904" s="10"/>
    </row>
    <row r="246905" spans="14:14">
      <c r="N246905" s="10"/>
    </row>
    <row r="246906" spans="14:14">
      <c r="N246906" s="10"/>
    </row>
    <row r="246907" spans="14:14">
      <c r="N246907" s="10"/>
    </row>
    <row r="246908" spans="14:14">
      <c r="N246908" s="10"/>
    </row>
    <row r="246909" spans="14:14">
      <c r="N246909" s="10"/>
    </row>
    <row r="246910" spans="14:14">
      <c r="N246910" s="10"/>
    </row>
    <row r="246911" spans="14:14">
      <c r="N246911" s="10"/>
    </row>
    <row r="246912" spans="14:14">
      <c r="N246912" s="10"/>
    </row>
    <row r="246913" spans="14:14">
      <c r="N246913" s="10"/>
    </row>
    <row r="246914" spans="14:14">
      <c r="N246914" s="10"/>
    </row>
    <row r="246915" spans="14:14">
      <c r="N246915" s="10"/>
    </row>
    <row r="246916" spans="14:14">
      <c r="N246916" s="10"/>
    </row>
    <row r="246917" spans="14:14">
      <c r="N246917" s="10"/>
    </row>
    <row r="246918" spans="14:14">
      <c r="N246918" s="10"/>
    </row>
    <row r="246919" spans="14:14">
      <c r="N246919" s="10"/>
    </row>
    <row r="246920" spans="14:14">
      <c r="N246920" s="10"/>
    </row>
    <row r="246921" spans="14:14">
      <c r="N246921" s="10"/>
    </row>
    <row r="246922" spans="14:14">
      <c r="N246922" s="10"/>
    </row>
    <row r="246923" spans="14:14">
      <c r="N246923" s="10"/>
    </row>
    <row r="246924" spans="14:14">
      <c r="N246924" s="10"/>
    </row>
    <row r="246925" spans="14:14">
      <c r="N246925" s="10"/>
    </row>
    <row r="246926" spans="14:14">
      <c r="N246926" s="10"/>
    </row>
    <row r="246927" spans="14:14">
      <c r="N246927" s="10"/>
    </row>
    <row r="246928" spans="14:14">
      <c r="N246928" s="10"/>
    </row>
    <row r="246929" spans="14:14">
      <c r="N246929" s="10"/>
    </row>
    <row r="246930" spans="14:14">
      <c r="N246930" s="10"/>
    </row>
    <row r="246931" spans="14:14">
      <c r="N246931" s="10"/>
    </row>
    <row r="246932" spans="14:14">
      <c r="N246932" s="10"/>
    </row>
    <row r="246933" spans="14:14">
      <c r="N246933" s="10"/>
    </row>
    <row r="246934" spans="14:14">
      <c r="N246934" s="10"/>
    </row>
    <row r="246935" spans="14:14">
      <c r="N246935" s="10"/>
    </row>
    <row r="246936" spans="14:14">
      <c r="N246936" s="10"/>
    </row>
    <row r="246937" spans="14:14">
      <c r="N246937" s="10"/>
    </row>
    <row r="246938" spans="14:14">
      <c r="N246938" s="10"/>
    </row>
    <row r="246939" spans="14:14">
      <c r="N246939" s="10"/>
    </row>
    <row r="246940" spans="14:14">
      <c r="N246940" s="10"/>
    </row>
    <row r="246941" spans="14:14">
      <c r="N246941" s="10"/>
    </row>
    <row r="246942" spans="14:14">
      <c r="N246942" s="10"/>
    </row>
    <row r="246943" spans="14:14">
      <c r="N246943" s="10"/>
    </row>
    <row r="246944" spans="14:14">
      <c r="N246944" s="10"/>
    </row>
    <row r="246945" spans="14:14">
      <c r="N246945" s="10"/>
    </row>
    <row r="246946" spans="14:14">
      <c r="N246946" s="10"/>
    </row>
    <row r="246947" spans="14:14">
      <c r="N246947" s="10"/>
    </row>
    <row r="246948" spans="14:14">
      <c r="N246948" s="10"/>
    </row>
    <row r="246949" spans="14:14">
      <c r="N246949" s="10"/>
    </row>
    <row r="246950" spans="14:14">
      <c r="N246950" s="10"/>
    </row>
    <row r="246951" spans="14:14">
      <c r="N246951" s="10"/>
    </row>
    <row r="246952" spans="14:14">
      <c r="N246952" s="10"/>
    </row>
    <row r="246953" spans="14:14">
      <c r="N246953" s="10"/>
    </row>
    <row r="246954" spans="14:14">
      <c r="N246954" s="10"/>
    </row>
    <row r="246955" spans="14:14">
      <c r="N246955" s="10"/>
    </row>
    <row r="246956" spans="14:14">
      <c r="N246956" s="10"/>
    </row>
    <row r="246957" spans="14:14">
      <c r="N246957" s="10"/>
    </row>
    <row r="246958" spans="14:14">
      <c r="N246958" s="10"/>
    </row>
    <row r="246959" spans="14:14">
      <c r="N246959" s="10"/>
    </row>
    <row r="246960" spans="14:14">
      <c r="N246960" s="10"/>
    </row>
    <row r="246961" spans="14:14">
      <c r="N246961" s="10"/>
    </row>
    <row r="246962" spans="14:14">
      <c r="N246962" s="10"/>
    </row>
    <row r="246963" spans="14:14">
      <c r="N246963" s="10"/>
    </row>
    <row r="246964" spans="14:14">
      <c r="N246964" s="10"/>
    </row>
    <row r="246965" spans="14:14">
      <c r="N246965" s="10"/>
    </row>
    <row r="246966" spans="14:14">
      <c r="N246966" s="10"/>
    </row>
    <row r="246967" spans="14:14">
      <c r="N246967" s="10"/>
    </row>
    <row r="246968" spans="14:14">
      <c r="N246968" s="10"/>
    </row>
    <row r="246969" spans="14:14">
      <c r="N246969" s="10"/>
    </row>
    <row r="246970" spans="14:14">
      <c r="N246970" s="10"/>
    </row>
    <row r="246971" spans="14:14">
      <c r="N246971" s="10"/>
    </row>
    <row r="246972" spans="14:14">
      <c r="N246972" s="10"/>
    </row>
    <row r="246973" spans="14:14">
      <c r="N246973" s="10"/>
    </row>
    <row r="246974" spans="14:14">
      <c r="N246974" s="10"/>
    </row>
    <row r="246975" spans="14:14">
      <c r="N246975" s="10"/>
    </row>
    <row r="246976" spans="14:14">
      <c r="N246976" s="10"/>
    </row>
    <row r="246977" spans="14:14">
      <c r="N246977" s="10"/>
    </row>
    <row r="246978" spans="14:14">
      <c r="N246978" s="10"/>
    </row>
    <row r="246979" spans="14:14">
      <c r="N246979" s="10"/>
    </row>
    <row r="246980" spans="14:14">
      <c r="N246980" s="10"/>
    </row>
    <row r="246981" spans="14:14">
      <c r="N246981" s="10"/>
    </row>
    <row r="246982" spans="14:14">
      <c r="N246982" s="10"/>
    </row>
    <row r="246983" spans="14:14">
      <c r="N246983" s="10"/>
    </row>
    <row r="246984" spans="14:14">
      <c r="N246984" s="10"/>
    </row>
    <row r="246985" spans="14:14">
      <c r="N246985" s="10"/>
    </row>
    <row r="246986" spans="14:14">
      <c r="N246986" s="10"/>
    </row>
    <row r="246987" spans="14:14">
      <c r="N246987" s="10"/>
    </row>
    <row r="246988" spans="14:14">
      <c r="N246988" s="10"/>
    </row>
    <row r="246989" spans="14:14">
      <c r="N246989" s="10"/>
    </row>
    <row r="246990" spans="14:14">
      <c r="N246990" s="10"/>
    </row>
    <row r="246991" spans="14:14">
      <c r="N246991" s="10"/>
    </row>
    <row r="246992" spans="14:14">
      <c r="N246992" s="10"/>
    </row>
    <row r="246993" spans="14:14">
      <c r="N246993" s="10"/>
    </row>
    <row r="246994" spans="14:14">
      <c r="N246994" s="10"/>
    </row>
    <row r="246995" spans="14:14">
      <c r="N246995" s="10"/>
    </row>
    <row r="246996" spans="14:14">
      <c r="N246996" s="10"/>
    </row>
    <row r="246997" spans="14:14">
      <c r="N246997" s="10"/>
    </row>
    <row r="246998" spans="14:14">
      <c r="N246998" s="10"/>
    </row>
    <row r="246999" spans="14:14">
      <c r="N246999" s="10"/>
    </row>
    <row r="247000" spans="14:14">
      <c r="N247000" s="10"/>
    </row>
    <row r="247001" spans="14:14">
      <c r="N247001" s="10"/>
    </row>
    <row r="247002" spans="14:14">
      <c r="N247002" s="10"/>
    </row>
    <row r="247003" spans="14:14">
      <c r="N247003" s="10"/>
    </row>
    <row r="247004" spans="14:14">
      <c r="N247004" s="10"/>
    </row>
    <row r="247005" spans="14:14">
      <c r="N247005" s="10"/>
    </row>
    <row r="247006" spans="14:14">
      <c r="N247006" s="10"/>
    </row>
    <row r="247007" spans="14:14">
      <c r="N247007" s="10"/>
    </row>
    <row r="247008" spans="14:14">
      <c r="N247008" s="10"/>
    </row>
    <row r="247009" spans="14:14">
      <c r="N247009" s="10"/>
    </row>
    <row r="247010" spans="14:14">
      <c r="N247010" s="10"/>
    </row>
    <row r="247011" spans="14:14">
      <c r="N247011" s="10"/>
    </row>
    <row r="247012" spans="14:14">
      <c r="N247012" s="10"/>
    </row>
    <row r="247013" spans="14:14">
      <c r="N247013" s="10"/>
    </row>
    <row r="247014" spans="14:14">
      <c r="N247014" s="10"/>
    </row>
    <row r="247015" spans="14:14">
      <c r="N247015" s="10"/>
    </row>
    <row r="247016" spans="14:14">
      <c r="N247016" s="10"/>
    </row>
    <row r="247017" spans="14:14">
      <c r="N247017" s="10"/>
    </row>
    <row r="247018" spans="14:14">
      <c r="N247018" s="10"/>
    </row>
    <row r="247019" spans="14:14">
      <c r="N247019" s="10"/>
    </row>
    <row r="247020" spans="14:14">
      <c r="N247020" s="10"/>
    </row>
    <row r="247021" spans="14:14">
      <c r="N247021" s="10"/>
    </row>
    <row r="247022" spans="14:14">
      <c r="N247022" s="10"/>
    </row>
    <row r="247023" spans="14:14">
      <c r="N247023" s="10"/>
    </row>
    <row r="247024" spans="14:14">
      <c r="N247024" s="10"/>
    </row>
    <row r="247025" spans="14:14">
      <c r="N247025" s="10"/>
    </row>
    <row r="247026" spans="14:14">
      <c r="N247026" s="10"/>
    </row>
    <row r="247027" spans="14:14">
      <c r="N247027" s="10"/>
    </row>
    <row r="247028" spans="14:14">
      <c r="N247028" s="10"/>
    </row>
    <row r="247029" spans="14:14">
      <c r="N247029" s="10"/>
    </row>
    <row r="247030" spans="14:14">
      <c r="N247030" s="10"/>
    </row>
    <row r="247031" spans="14:14">
      <c r="N247031" s="10"/>
    </row>
    <row r="247032" spans="14:14">
      <c r="N247032" s="10"/>
    </row>
    <row r="247033" spans="14:14">
      <c r="N247033" s="10"/>
    </row>
    <row r="247034" spans="14:14">
      <c r="N247034" s="10"/>
    </row>
    <row r="247035" spans="14:14">
      <c r="N247035" s="10"/>
    </row>
    <row r="247036" spans="14:14">
      <c r="N247036" s="10"/>
    </row>
    <row r="247037" spans="14:14">
      <c r="N247037" s="10"/>
    </row>
    <row r="247038" spans="14:14">
      <c r="N247038" s="10"/>
    </row>
    <row r="247039" spans="14:14">
      <c r="N247039" s="10"/>
    </row>
    <row r="247040" spans="14:14">
      <c r="N247040" s="10"/>
    </row>
    <row r="247041" spans="14:14">
      <c r="N247041" s="10"/>
    </row>
    <row r="247042" spans="14:14">
      <c r="N247042" s="10"/>
    </row>
    <row r="247043" spans="14:14">
      <c r="N247043" s="10"/>
    </row>
    <row r="247044" spans="14:14">
      <c r="N247044" s="10"/>
    </row>
    <row r="247045" spans="14:14">
      <c r="N247045" s="10"/>
    </row>
    <row r="247046" spans="14:14">
      <c r="N247046" s="10"/>
    </row>
    <row r="247047" spans="14:14">
      <c r="N247047" s="10"/>
    </row>
    <row r="247048" spans="14:14">
      <c r="N247048" s="10"/>
    </row>
    <row r="247049" spans="14:14">
      <c r="N247049" s="10"/>
    </row>
    <row r="247050" spans="14:14">
      <c r="N247050" s="10"/>
    </row>
    <row r="247051" spans="14:14">
      <c r="N247051" s="10"/>
    </row>
    <row r="247052" spans="14:14">
      <c r="N247052" s="10"/>
    </row>
    <row r="247053" spans="14:14">
      <c r="N247053" s="10"/>
    </row>
    <row r="247054" spans="14:14">
      <c r="N247054" s="10"/>
    </row>
    <row r="247055" spans="14:14">
      <c r="N247055" s="10"/>
    </row>
    <row r="247056" spans="14:14">
      <c r="N247056" s="10"/>
    </row>
    <row r="247057" spans="14:14">
      <c r="N247057" s="10"/>
    </row>
    <row r="247058" spans="14:14">
      <c r="N247058" s="10"/>
    </row>
    <row r="247059" spans="14:14">
      <c r="N247059" s="10"/>
    </row>
    <row r="247060" spans="14:14">
      <c r="N247060" s="10"/>
    </row>
    <row r="247061" spans="14:14">
      <c r="N247061" s="10"/>
    </row>
    <row r="247062" spans="14:14">
      <c r="N247062" s="10"/>
    </row>
    <row r="247063" spans="14:14">
      <c r="N247063" s="10"/>
    </row>
    <row r="247064" spans="14:14">
      <c r="N247064" s="10"/>
    </row>
    <row r="247065" spans="14:14">
      <c r="N247065" s="10"/>
    </row>
    <row r="247066" spans="14:14">
      <c r="N247066" s="10"/>
    </row>
    <row r="247067" spans="14:14">
      <c r="N247067" s="10"/>
    </row>
    <row r="247068" spans="14:14">
      <c r="N247068" s="10"/>
    </row>
    <row r="247069" spans="14:14">
      <c r="N247069" s="10"/>
    </row>
    <row r="247070" spans="14:14">
      <c r="N247070" s="10"/>
    </row>
    <row r="247071" spans="14:14">
      <c r="N247071" s="10"/>
    </row>
    <row r="247072" spans="14:14">
      <c r="N247072" s="10"/>
    </row>
    <row r="247073" spans="14:14">
      <c r="N247073" s="10"/>
    </row>
    <row r="247074" spans="14:14">
      <c r="N247074" s="10"/>
    </row>
    <row r="247075" spans="14:14">
      <c r="N247075" s="10"/>
    </row>
    <row r="247076" spans="14:14">
      <c r="N247076" s="10"/>
    </row>
    <row r="247077" spans="14:14">
      <c r="N247077" s="10"/>
    </row>
    <row r="247078" spans="14:14">
      <c r="N247078" s="10"/>
    </row>
    <row r="247079" spans="14:14">
      <c r="N247079" s="10"/>
    </row>
    <row r="247080" spans="14:14">
      <c r="N247080" s="10"/>
    </row>
    <row r="247081" spans="14:14">
      <c r="N247081" s="10"/>
    </row>
    <row r="247082" spans="14:14">
      <c r="N247082" s="10"/>
    </row>
    <row r="247083" spans="14:14">
      <c r="N247083" s="10"/>
    </row>
    <row r="247084" spans="14:14">
      <c r="N247084" s="10"/>
    </row>
    <row r="247085" spans="14:14">
      <c r="N247085" s="10"/>
    </row>
    <row r="247086" spans="14:14">
      <c r="N247086" s="10"/>
    </row>
    <row r="247087" spans="14:14">
      <c r="N247087" s="10"/>
    </row>
    <row r="247088" spans="14:14">
      <c r="N247088" s="10"/>
    </row>
    <row r="247089" spans="14:14">
      <c r="N247089" s="10"/>
    </row>
    <row r="247090" spans="14:14">
      <c r="N247090" s="10"/>
    </row>
    <row r="247091" spans="14:14">
      <c r="N247091" s="10"/>
    </row>
    <row r="247092" spans="14:14">
      <c r="N247092" s="10"/>
    </row>
    <row r="247093" spans="14:14">
      <c r="N247093" s="10"/>
    </row>
    <row r="247094" spans="14:14">
      <c r="N247094" s="10"/>
    </row>
    <row r="247095" spans="14:14">
      <c r="N247095" s="10"/>
    </row>
    <row r="247096" spans="14:14">
      <c r="N247096" s="10"/>
    </row>
    <row r="247097" spans="14:14">
      <c r="N247097" s="10"/>
    </row>
    <row r="247098" spans="14:14">
      <c r="N247098" s="10"/>
    </row>
    <row r="247099" spans="14:14">
      <c r="N247099" s="10"/>
    </row>
    <row r="247100" spans="14:14">
      <c r="N247100" s="10"/>
    </row>
    <row r="247101" spans="14:14">
      <c r="N247101" s="10"/>
    </row>
    <row r="247102" spans="14:14">
      <c r="N247102" s="10"/>
    </row>
    <row r="247103" spans="14:14">
      <c r="N247103" s="10"/>
    </row>
    <row r="247104" spans="14:14">
      <c r="N247104" s="10"/>
    </row>
    <row r="247105" spans="14:14">
      <c r="N247105" s="10"/>
    </row>
    <row r="247106" spans="14:14">
      <c r="N247106" s="10"/>
    </row>
    <row r="247107" spans="14:14">
      <c r="N247107" s="10"/>
    </row>
    <row r="247108" spans="14:14">
      <c r="N247108" s="10"/>
    </row>
    <row r="247109" spans="14:14">
      <c r="N247109" s="10"/>
    </row>
    <row r="247110" spans="14:14">
      <c r="N247110" s="10"/>
    </row>
    <row r="247111" spans="14:14">
      <c r="N247111" s="10"/>
    </row>
    <row r="247112" spans="14:14">
      <c r="N247112" s="10"/>
    </row>
    <row r="247113" spans="14:14">
      <c r="N247113" s="10"/>
    </row>
    <row r="247114" spans="14:14">
      <c r="N247114" s="10"/>
    </row>
    <row r="247115" spans="14:14">
      <c r="N247115" s="10"/>
    </row>
    <row r="247116" spans="14:14">
      <c r="N247116" s="10"/>
    </row>
    <row r="247117" spans="14:14">
      <c r="N247117" s="10"/>
    </row>
    <row r="247118" spans="14:14">
      <c r="N247118" s="10"/>
    </row>
    <row r="247119" spans="14:14">
      <c r="N247119" s="10"/>
    </row>
    <row r="247120" spans="14:14">
      <c r="N247120" s="10"/>
    </row>
    <row r="247121" spans="14:14">
      <c r="N247121" s="10"/>
    </row>
    <row r="247122" spans="14:14">
      <c r="N247122" s="10"/>
    </row>
    <row r="247123" spans="14:14">
      <c r="N247123" s="10"/>
    </row>
    <row r="247124" spans="14:14">
      <c r="N247124" s="10"/>
    </row>
    <row r="247125" spans="14:14">
      <c r="N247125" s="10"/>
    </row>
    <row r="247126" spans="14:14">
      <c r="N247126" s="10"/>
    </row>
    <row r="247127" spans="14:14">
      <c r="N247127" s="10"/>
    </row>
    <row r="247128" spans="14:14">
      <c r="N247128" s="10"/>
    </row>
    <row r="247129" spans="14:14">
      <c r="N247129" s="10"/>
    </row>
    <row r="247130" spans="14:14">
      <c r="N247130" s="10"/>
    </row>
    <row r="247131" spans="14:14">
      <c r="N247131" s="10"/>
    </row>
    <row r="247132" spans="14:14">
      <c r="N247132" s="10"/>
    </row>
    <row r="247133" spans="14:14">
      <c r="N247133" s="10"/>
    </row>
    <row r="247134" spans="14:14">
      <c r="N247134" s="10"/>
    </row>
    <row r="247135" spans="14:14">
      <c r="N247135" s="10"/>
    </row>
    <row r="247136" spans="14:14">
      <c r="N247136" s="10"/>
    </row>
    <row r="247137" spans="14:14">
      <c r="N247137" s="10"/>
    </row>
    <row r="247138" spans="14:14">
      <c r="N247138" s="10"/>
    </row>
    <row r="247139" spans="14:14">
      <c r="N247139" s="10"/>
    </row>
    <row r="247140" spans="14:14">
      <c r="N247140" s="10"/>
    </row>
    <row r="247141" spans="14:14">
      <c r="N247141" s="10"/>
    </row>
    <row r="247142" spans="14:14">
      <c r="N247142" s="10"/>
    </row>
    <row r="247143" spans="14:14">
      <c r="N247143" s="10"/>
    </row>
    <row r="247144" spans="14:14">
      <c r="N247144" s="10"/>
    </row>
    <row r="247145" spans="14:14">
      <c r="N247145" s="10"/>
    </row>
    <row r="247146" spans="14:14">
      <c r="N247146" s="10"/>
    </row>
    <row r="247147" spans="14:14">
      <c r="N247147" s="10"/>
    </row>
    <row r="247148" spans="14:14">
      <c r="N247148" s="10"/>
    </row>
    <row r="247149" spans="14:14">
      <c r="N247149" s="10"/>
    </row>
    <row r="247150" spans="14:14">
      <c r="N247150" s="10"/>
    </row>
    <row r="247151" spans="14:14">
      <c r="N247151" s="10"/>
    </row>
    <row r="247152" spans="14:14">
      <c r="N247152" s="10"/>
    </row>
    <row r="247153" spans="14:14">
      <c r="N247153" s="10"/>
    </row>
    <row r="247154" spans="14:14">
      <c r="N247154" s="10"/>
    </row>
    <row r="247155" spans="14:14">
      <c r="N247155" s="10"/>
    </row>
    <row r="247156" spans="14:14">
      <c r="N247156" s="10"/>
    </row>
    <row r="247157" spans="14:14">
      <c r="N247157" s="10"/>
    </row>
    <row r="247158" spans="14:14">
      <c r="N247158" s="10"/>
    </row>
    <row r="247159" spans="14:14">
      <c r="N247159" s="10"/>
    </row>
    <row r="247160" spans="14:14">
      <c r="N247160" s="10"/>
    </row>
    <row r="247161" spans="14:14">
      <c r="N247161" s="10"/>
    </row>
    <row r="247162" spans="14:14">
      <c r="N247162" s="10"/>
    </row>
    <row r="247163" spans="14:14">
      <c r="N247163" s="10"/>
    </row>
    <row r="247164" spans="14:14">
      <c r="N247164" s="10"/>
    </row>
    <row r="247165" spans="14:14">
      <c r="N247165" s="10"/>
    </row>
    <row r="247166" spans="14:14">
      <c r="N247166" s="10"/>
    </row>
    <row r="247167" spans="14:14">
      <c r="N247167" s="10"/>
    </row>
    <row r="247168" spans="14:14">
      <c r="N247168" s="10"/>
    </row>
    <row r="247169" spans="14:14">
      <c r="N247169" s="10"/>
    </row>
    <row r="247170" spans="14:14">
      <c r="N247170" s="10"/>
    </row>
    <row r="247171" spans="14:14">
      <c r="N247171" s="10"/>
    </row>
    <row r="247172" spans="14:14">
      <c r="N247172" s="10"/>
    </row>
    <row r="247173" spans="14:14">
      <c r="N247173" s="10"/>
    </row>
    <row r="247174" spans="14:14">
      <c r="N247174" s="10"/>
    </row>
    <row r="247175" spans="14:14">
      <c r="N247175" s="10"/>
    </row>
    <row r="247176" spans="14:14">
      <c r="N247176" s="10"/>
    </row>
    <row r="247177" spans="14:14">
      <c r="N247177" s="10"/>
    </row>
    <row r="247178" spans="14:14">
      <c r="N247178" s="10"/>
    </row>
    <row r="247179" spans="14:14">
      <c r="N247179" s="10"/>
    </row>
    <row r="247180" spans="14:14">
      <c r="N247180" s="10"/>
    </row>
    <row r="247181" spans="14:14">
      <c r="N247181" s="10"/>
    </row>
    <row r="247182" spans="14:14">
      <c r="N247182" s="10"/>
    </row>
    <row r="247183" spans="14:14">
      <c r="N247183" s="10"/>
    </row>
    <row r="247184" spans="14:14">
      <c r="N247184" s="10"/>
    </row>
    <row r="247185" spans="14:14">
      <c r="N247185" s="10"/>
    </row>
    <row r="247186" spans="14:14">
      <c r="N247186" s="10"/>
    </row>
    <row r="247187" spans="14:14">
      <c r="N247187" s="10"/>
    </row>
    <row r="247188" spans="14:14">
      <c r="N247188" s="10"/>
    </row>
    <row r="247189" spans="14:14">
      <c r="N247189" s="10"/>
    </row>
    <row r="247190" spans="14:14">
      <c r="N247190" s="10"/>
    </row>
    <row r="247191" spans="14:14">
      <c r="N247191" s="10"/>
    </row>
    <row r="247192" spans="14:14">
      <c r="N247192" s="10"/>
    </row>
    <row r="247193" spans="14:14">
      <c r="N247193" s="10"/>
    </row>
    <row r="247194" spans="14:14">
      <c r="N247194" s="10"/>
    </row>
    <row r="247195" spans="14:14">
      <c r="N247195" s="10"/>
    </row>
    <row r="247196" spans="14:14">
      <c r="N247196" s="10"/>
    </row>
    <row r="247197" spans="14:14">
      <c r="N247197" s="10"/>
    </row>
    <row r="247198" spans="14:14">
      <c r="N247198" s="10"/>
    </row>
    <row r="247199" spans="14:14">
      <c r="N247199" s="10"/>
    </row>
    <row r="247200" spans="14:14">
      <c r="N247200" s="10"/>
    </row>
    <row r="247201" spans="14:14">
      <c r="N247201" s="10"/>
    </row>
    <row r="247202" spans="14:14">
      <c r="N247202" s="10"/>
    </row>
    <row r="247203" spans="14:14">
      <c r="N247203" s="10"/>
    </row>
    <row r="247204" spans="14:14">
      <c r="N247204" s="10"/>
    </row>
    <row r="247205" spans="14:14">
      <c r="N247205" s="10"/>
    </row>
    <row r="247206" spans="14:14">
      <c r="N247206" s="10"/>
    </row>
    <row r="247207" spans="14:14">
      <c r="N247207" s="10"/>
    </row>
    <row r="247208" spans="14:14">
      <c r="N247208" s="10"/>
    </row>
    <row r="247209" spans="14:14">
      <c r="N247209" s="10"/>
    </row>
    <row r="247210" spans="14:14">
      <c r="N247210" s="10"/>
    </row>
    <row r="247211" spans="14:14">
      <c r="N247211" s="10"/>
    </row>
    <row r="247212" spans="14:14">
      <c r="N247212" s="10"/>
    </row>
    <row r="247213" spans="14:14">
      <c r="N247213" s="10"/>
    </row>
    <row r="247214" spans="14:14">
      <c r="N247214" s="10"/>
    </row>
    <row r="247215" spans="14:14">
      <c r="N247215" s="10"/>
    </row>
    <row r="247216" spans="14:14">
      <c r="N247216" s="10"/>
    </row>
    <row r="247217" spans="14:14">
      <c r="N247217" s="10"/>
    </row>
    <row r="247218" spans="14:14">
      <c r="N247218" s="10"/>
    </row>
    <row r="247219" spans="14:14">
      <c r="N247219" s="10"/>
    </row>
    <row r="247220" spans="14:14">
      <c r="N247220" s="10"/>
    </row>
    <row r="247221" spans="14:14">
      <c r="N247221" s="10"/>
    </row>
    <row r="247222" spans="14:14">
      <c r="N247222" s="10"/>
    </row>
    <row r="247223" spans="14:14">
      <c r="N247223" s="10"/>
    </row>
    <row r="247224" spans="14:14">
      <c r="N247224" s="10"/>
    </row>
    <row r="247225" spans="14:14">
      <c r="N247225" s="10"/>
    </row>
    <row r="247226" spans="14:14">
      <c r="N247226" s="10"/>
    </row>
    <row r="247227" spans="14:14">
      <c r="N247227" s="10"/>
    </row>
    <row r="247228" spans="14:14">
      <c r="N247228" s="10"/>
    </row>
    <row r="247229" spans="14:14">
      <c r="N247229" s="10"/>
    </row>
    <row r="247230" spans="14:14">
      <c r="N247230" s="10"/>
    </row>
    <row r="247231" spans="14:14">
      <c r="N247231" s="10"/>
    </row>
    <row r="247232" spans="14:14">
      <c r="N247232" s="10"/>
    </row>
    <row r="247233" spans="14:14">
      <c r="N247233" s="10"/>
    </row>
    <row r="247234" spans="14:14">
      <c r="N247234" s="10"/>
    </row>
    <row r="247235" spans="14:14">
      <c r="N247235" s="10"/>
    </row>
    <row r="247236" spans="14:14">
      <c r="N247236" s="10"/>
    </row>
    <row r="247237" spans="14:14">
      <c r="N247237" s="10"/>
    </row>
    <row r="247238" spans="14:14">
      <c r="N247238" s="10"/>
    </row>
    <row r="247239" spans="14:14">
      <c r="N247239" s="10"/>
    </row>
    <row r="247240" spans="14:14">
      <c r="N247240" s="10"/>
    </row>
    <row r="247241" spans="14:14">
      <c r="N247241" s="10"/>
    </row>
    <row r="247242" spans="14:14">
      <c r="N247242" s="10"/>
    </row>
    <row r="247243" spans="14:14">
      <c r="N247243" s="10"/>
    </row>
    <row r="247244" spans="14:14">
      <c r="N247244" s="10"/>
    </row>
    <row r="247245" spans="14:14">
      <c r="N247245" s="10"/>
    </row>
    <row r="247246" spans="14:14">
      <c r="N247246" s="10"/>
    </row>
    <row r="247247" spans="14:14">
      <c r="N247247" s="10"/>
    </row>
    <row r="247248" spans="14:14">
      <c r="N247248" s="10"/>
    </row>
    <row r="247249" spans="14:14">
      <c r="N247249" s="10"/>
    </row>
    <row r="247250" spans="14:14">
      <c r="N247250" s="10"/>
    </row>
    <row r="247251" spans="14:14">
      <c r="N247251" s="10"/>
    </row>
    <row r="247252" spans="14:14">
      <c r="N247252" s="10"/>
    </row>
    <row r="247253" spans="14:14">
      <c r="N247253" s="10"/>
    </row>
    <row r="247254" spans="14:14">
      <c r="N247254" s="10"/>
    </row>
    <row r="247255" spans="14:14">
      <c r="N247255" s="10"/>
    </row>
    <row r="247256" spans="14:14">
      <c r="N247256" s="10"/>
    </row>
    <row r="247257" spans="14:14">
      <c r="N247257" s="10"/>
    </row>
    <row r="247258" spans="14:14">
      <c r="N247258" s="10"/>
    </row>
    <row r="247259" spans="14:14">
      <c r="N247259" s="10"/>
    </row>
    <row r="247260" spans="14:14">
      <c r="N247260" s="10"/>
    </row>
    <row r="247261" spans="14:14">
      <c r="N247261" s="10"/>
    </row>
    <row r="247262" spans="14:14">
      <c r="N247262" s="10"/>
    </row>
    <row r="247263" spans="14:14">
      <c r="N247263" s="10"/>
    </row>
    <row r="247264" spans="14:14">
      <c r="N247264" s="10"/>
    </row>
    <row r="247265" spans="14:14">
      <c r="N247265" s="10"/>
    </row>
    <row r="247266" spans="14:14">
      <c r="N247266" s="10"/>
    </row>
    <row r="247267" spans="14:14">
      <c r="N247267" s="10"/>
    </row>
    <row r="247268" spans="14:14">
      <c r="N247268" s="10"/>
    </row>
    <row r="247269" spans="14:14">
      <c r="N247269" s="10"/>
    </row>
    <row r="247270" spans="14:14">
      <c r="N247270" s="10"/>
    </row>
    <row r="247271" spans="14:14">
      <c r="N247271" s="10"/>
    </row>
    <row r="247272" spans="14:14">
      <c r="N247272" s="10"/>
    </row>
    <row r="247273" spans="14:14">
      <c r="N247273" s="10"/>
    </row>
    <row r="247274" spans="14:14">
      <c r="N247274" s="10"/>
    </row>
    <row r="247275" spans="14:14">
      <c r="N247275" s="10"/>
    </row>
    <row r="247276" spans="14:14">
      <c r="N247276" s="10"/>
    </row>
    <row r="247277" spans="14:14">
      <c r="N247277" s="10"/>
    </row>
    <row r="247278" spans="14:14">
      <c r="N247278" s="10"/>
    </row>
    <row r="247279" spans="14:14">
      <c r="N247279" s="10"/>
    </row>
    <row r="247280" spans="14:14">
      <c r="N247280" s="10"/>
    </row>
    <row r="247281" spans="14:14">
      <c r="N247281" s="10"/>
    </row>
    <row r="247282" spans="14:14">
      <c r="N247282" s="10"/>
    </row>
    <row r="247283" spans="14:14">
      <c r="N247283" s="10"/>
    </row>
    <row r="247284" spans="14:14">
      <c r="N247284" s="10"/>
    </row>
    <row r="247285" spans="14:14">
      <c r="N247285" s="10"/>
    </row>
    <row r="247286" spans="14:14">
      <c r="N247286" s="10"/>
    </row>
    <row r="247287" spans="14:14">
      <c r="N247287" s="10"/>
    </row>
    <row r="247288" spans="14:14">
      <c r="N247288" s="10"/>
    </row>
    <row r="247289" spans="14:14">
      <c r="N247289" s="10"/>
    </row>
    <row r="247290" spans="14:14">
      <c r="N247290" s="10"/>
    </row>
    <row r="247291" spans="14:14">
      <c r="N247291" s="10"/>
    </row>
    <row r="247292" spans="14:14">
      <c r="N247292" s="10"/>
    </row>
    <row r="247293" spans="14:14">
      <c r="N247293" s="10"/>
    </row>
    <row r="247294" spans="14:14">
      <c r="N247294" s="10"/>
    </row>
    <row r="247295" spans="14:14">
      <c r="N247295" s="10"/>
    </row>
    <row r="247296" spans="14:14">
      <c r="N247296" s="10"/>
    </row>
    <row r="247297" spans="14:14">
      <c r="N247297" s="10"/>
    </row>
    <row r="247298" spans="14:14">
      <c r="N247298" s="10"/>
    </row>
    <row r="247299" spans="14:14">
      <c r="N247299" s="10"/>
    </row>
    <row r="247300" spans="14:14">
      <c r="N247300" s="10"/>
    </row>
    <row r="247301" spans="14:14">
      <c r="N247301" s="10"/>
    </row>
    <row r="247302" spans="14:14">
      <c r="N247302" s="10"/>
    </row>
    <row r="247303" spans="14:14">
      <c r="N247303" s="10"/>
    </row>
    <row r="247304" spans="14:14">
      <c r="N247304" s="10"/>
    </row>
    <row r="247305" spans="14:14">
      <c r="N247305" s="10"/>
    </row>
    <row r="247306" spans="14:14">
      <c r="N247306" s="10"/>
    </row>
    <row r="247307" spans="14:14">
      <c r="N247307" s="10"/>
    </row>
    <row r="247308" spans="14:14">
      <c r="N247308" s="10"/>
    </row>
    <row r="247309" spans="14:14">
      <c r="N247309" s="10"/>
    </row>
    <row r="247310" spans="14:14">
      <c r="N247310" s="10"/>
    </row>
    <row r="247311" spans="14:14">
      <c r="N247311" s="10"/>
    </row>
    <row r="247312" spans="14:14">
      <c r="N247312" s="10"/>
    </row>
    <row r="247313" spans="14:14">
      <c r="N247313" s="10"/>
    </row>
    <row r="247314" spans="14:14">
      <c r="N247314" s="10"/>
    </row>
    <row r="247315" spans="14:14">
      <c r="N247315" s="10"/>
    </row>
    <row r="247316" spans="14:14">
      <c r="N247316" s="10"/>
    </row>
    <row r="247317" spans="14:14">
      <c r="N247317" s="10"/>
    </row>
    <row r="247318" spans="14:14">
      <c r="N247318" s="10"/>
    </row>
    <row r="247319" spans="14:14">
      <c r="N247319" s="10"/>
    </row>
    <row r="247320" spans="14:14">
      <c r="N247320" s="10"/>
    </row>
    <row r="247321" spans="14:14">
      <c r="N247321" s="10"/>
    </row>
    <row r="247322" spans="14:14">
      <c r="N247322" s="10"/>
    </row>
    <row r="247323" spans="14:14">
      <c r="N247323" s="10"/>
    </row>
    <row r="247324" spans="14:14">
      <c r="N247324" s="10"/>
    </row>
    <row r="247325" spans="14:14">
      <c r="N247325" s="10"/>
    </row>
    <row r="247326" spans="14:14">
      <c r="N247326" s="10"/>
    </row>
    <row r="247327" spans="14:14">
      <c r="N247327" s="10"/>
    </row>
    <row r="247328" spans="14:14">
      <c r="N247328" s="10"/>
    </row>
    <row r="247329" spans="14:14">
      <c r="N247329" s="10"/>
    </row>
    <row r="247330" spans="14:14">
      <c r="N247330" s="10"/>
    </row>
    <row r="247331" spans="14:14">
      <c r="N247331" s="10"/>
    </row>
    <row r="247332" spans="14:14">
      <c r="N247332" s="10"/>
    </row>
    <row r="247333" spans="14:14">
      <c r="N247333" s="10"/>
    </row>
    <row r="247334" spans="14:14">
      <c r="N247334" s="10"/>
    </row>
    <row r="247335" spans="14:14">
      <c r="N247335" s="10"/>
    </row>
    <row r="247336" spans="14:14">
      <c r="N247336" s="10"/>
    </row>
    <row r="247337" spans="14:14">
      <c r="N247337" s="10"/>
    </row>
    <row r="247338" spans="14:14">
      <c r="N247338" s="10"/>
    </row>
    <row r="247339" spans="14:14">
      <c r="N247339" s="10"/>
    </row>
    <row r="247340" spans="14:14">
      <c r="N247340" s="10"/>
    </row>
    <row r="247341" spans="14:14">
      <c r="N247341" s="10"/>
    </row>
    <row r="247342" spans="14:14">
      <c r="N247342" s="10"/>
    </row>
    <row r="247343" spans="14:14">
      <c r="N247343" s="10"/>
    </row>
    <row r="247344" spans="14:14">
      <c r="N247344" s="10"/>
    </row>
    <row r="247345" spans="14:14">
      <c r="N247345" s="10"/>
    </row>
    <row r="247346" spans="14:14">
      <c r="N247346" s="10"/>
    </row>
    <row r="247347" spans="14:14">
      <c r="N247347" s="10"/>
    </row>
    <row r="247348" spans="14:14">
      <c r="N247348" s="10"/>
    </row>
    <row r="247349" spans="14:14">
      <c r="N247349" s="10"/>
    </row>
    <row r="247350" spans="14:14">
      <c r="N247350" s="10"/>
    </row>
    <row r="247351" spans="14:14">
      <c r="N247351" s="10"/>
    </row>
    <row r="247352" spans="14:14">
      <c r="N247352" s="10"/>
    </row>
    <row r="247353" spans="14:14">
      <c r="N247353" s="10"/>
    </row>
    <row r="247354" spans="14:14">
      <c r="N247354" s="10"/>
    </row>
    <row r="247355" spans="14:14">
      <c r="N247355" s="10"/>
    </row>
    <row r="247356" spans="14:14">
      <c r="N247356" s="10"/>
    </row>
    <row r="247357" spans="14:14">
      <c r="N247357" s="10"/>
    </row>
    <row r="247358" spans="14:14">
      <c r="N247358" s="10"/>
    </row>
    <row r="247359" spans="14:14">
      <c r="N247359" s="10"/>
    </row>
    <row r="247360" spans="14:14">
      <c r="N247360" s="10"/>
    </row>
    <row r="247361" spans="14:14">
      <c r="N247361" s="10"/>
    </row>
    <row r="247362" spans="14:14">
      <c r="N247362" s="10"/>
    </row>
    <row r="247363" spans="14:14">
      <c r="N247363" s="10"/>
    </row>
    <row r="247364" spans="14:14">
      <c r="N247364" s="10"/>
    </row>
    <row r="247365" spans="14:14">
      <c r="N247365" s="10"/>
    </row>
    <row r="247366" spans="14:14">
      <c r="N247366" s="10"/>
    </row>
    <row r="247367" spans="14:14">
      <c r="N247367" s="10"/>
    </row>
    <row r="247368" spans="14:14">
      <c r="N247368" s="10"/>
    </row>
    <row r="247369" spans="14:14">
      <c r="N247369" s="10"/>
    </row>
    <row r="247370" spans="14:14">
      <c r="N247370" s="10"/>
    </row>
    <row r="247371" spans="14:14">
      <c r="N247371" s="10"/>
    </row>
    <row r="247372" spans="14:14">
      <c r="N247372" s="10"/>
    </row>
    <row r="247373" spans="14:14">
      <c r="N247373" s="10"/>
    </row>
    <row r="247374" spans="14:14">
      <c r="N247374" s="10"/>
    </row>
    <row r="247375" spans="14:14">
      <c r="N247375" s="10"/>
    </row>
    <row r="247376" spans="14:14">
      <c r="N247376" s="10"/>
    </row>
    <row r="247377" spans="14:14">
      <c r="N247377" s="10"/>
    </row>
    <row r="247378" spans="14:14">
      <c r="N247378" s="10"/>
    </row>
    <row r="247379" spans="14:14">
      <c r="N247379" s="10"/>
    </row>
    <row r="247380" spans="14:14">
      <c r="N247380" s="10"/>
    </row>
    <row r="247381" spans="14:14">
      <c r="N247381" s="10"/>
    </row>
    <row r="247382" spans="14:14">
      <c r="N247382" s="10"/>
    </row>
    <row r="247383" spans="14:14">
      <c r="N247383" s="10"/>
    </row>
    <row r="247384" spans="14:14">
      <c r="N247384" s="10"/>
    </row>
    <row r="247385" spans="14:14">
      <c r="N247385" s="10"/>
    </row>
    <row r="247386" spans="14:14">
      <c r="N247386" s="10"/>
    </row>
    <row r="247387" spans="14:14">
      <c r="N247387" s="10"/>
    </row>
    <row r="247388" spans="14:14">
      <c r="N247388" s="10"/>
    </row>
    <row r="247389" spans="14:14">
      <c r="N247389" s="10"/>
    </row>
    <row r="247390" spans="14:14">
      <c r="N247390" s="10"/>
    </row>
    <row r="247391" spans="14:14">
      <c r="N247391" s="10"/>
    </row>
    <row r="247392" spans="14:14">
      <c r="N247392" s="10"/>
    </row>
    <row r="247393" spans="14:14">
      <c r="N247393" s="10"/>
    </row>
    <row r="247394" spans="14:14">
      <c r="N247394" s="10"/>
    </row>
    <row r="247395" spans="14:14">
      <c r="N247395" s="10"/>
    </row>
    <row r="247396" spans="14:14">
      <c r="N247396" s="10"/>
    </row>
    <row r="247397" spans="14:14">
      <c r="N247397" s="10"/>
    </row>
    <row r="247398" spans="14:14">
      <c r="N247398" s="10"/>
    </row>
    <row r="247399" spans="14:14">
      <c r="N247399" s="10"/>
    </row>
    <row r="247400" spans="14:14">
      <c r="N247400" s="10"/>
    </row>
    <row r="247401" spans="14:14">
      <c r="N247401" s="10"/>
    </row>
    <row r="247402" spans="14:14">
      <c r="N247402" s="10"/>
    </row>
    <row r="247403" spans="14:14">
      <c r="N247403" s="10"/>
    </row>
    <row r="247404" spans="14:14">
      <c r="N247404" s="10"/>
    </row>
    <row r="247405" spans="14:14">
      <c r="N247405" s="10"/>
    </row>
    <row r="247406" spans="14:14">
      <c r="N247406" s="10"/>
    </row>
    <row r="247407" spans="14:14">
      <c r="N247407" s="10"/>
    </row>
    <row r="247408" spans="14:14">
      <c r="N247408" s="10"/>
    </row>
    <row r="247409" spans="14:14">
      <c r="N247409" s="10"/>
    </row>
    <row r="247410" spans="14:14">
      <c r="N247410" s="10"/>
    </row>
    <row r="247411" spans="14:14">
      <c r="N247411" s="10"/>
    </row>
    <row r="247412" spans="14:14">
      <c r="N247412" s="10"/>
    </row>
    <row r="247413" spans="14:14">
      <c r="N247413" s="10"/>
    </row>
    <row r="247414" spans="14:14">
      <c r="N247414" s="10"/>
    </row>
    <row r="247415" spans="14:14">
      <c r="N247415" s="10"/>
    </row>
    <row r="247416" spans="14:14">
      <c r="N247416" s="10"/>
    </row>
    <row r="247417" spans="14:14">
      <c r="N247417" s="10"/>
    </row>
    <row r="247418" spans="14:14">
      <c r="N247418" s="10"/>
    </row>
    <row r="247419" spans="14:14">
      <c r="N247419" s="10"/>
    </row>
    <row r="247420" spans="14:14">
      <c r="N247420" s="10"/>
    </row>
    <row r="247421" spans="14:14">
      <c r="N247421" s="10"/>
    </row>
    <row r="247422" spans="14:14">
      <c r="N247422" s="10"/>
    </row>
    <row r="247423" spans="14:14">
      <c r="N247423" s="10"/>
    </row>
    <row r="247424" spans="14:14">
      <c r="N247424" s="10"/>
    </row>
    <row r="247425" spans="14:14">
      <c r="N247425" s="10"/>
    </row>
    <row r="247426" spans="14:14">
      <c r="N247426" s="10"/>
    </row>
    <row r="247427" spans="14:14">
      <c r="N247427" s="10"/>
    </row>
    <row r="247428" spans="14:14">
      <c r="N247428" s="10"/>
    </row>
    <row r="247429" spans="14:14">
      <c r="N247429" s="10"/>
    </row>
    <row r="247430" spans="14:14">
      <c r="N247430" s="10"/>
    </row>
    <row r="247431" spans="14:14">
      <c r="N247431" s="10"/>
    </row>
    <row r="247432" spans="14:14">
      <c r="N247432" s="10"/>
    </row>
    <row r="247433" spans="14:14">
      <c r="N247433" s="10"/>
    </row>
    <row r="247434" spans="14:14">
      <c r="N247434" s="10"/>
    </row>
    <row r="247435" spans="14:14">
      <c r="N247435" s="10"/>
    </row>
    <row r="247436" spans="14:14">
      <c r="N247436" s="10"/>
    </row>
    <row r="247437" spans="14:14">
      <c r="N247437" s="10"/>
    </row>
    <row r="247438" spans="14:14">
      <c r="N247438" s="10"/>
    </row>
    <row r="247439" spans="14:14">
      <c r="N247439" s="10"/>
    </row>
    <row r="247440" spans="14:14">
      <c r="N247440" s="10"/>
    </row>
    <row r="247441" spans="14:14">
      <c r="N247441" s="10"/>
    </row>
    <row r="247442" spans="14:14">
      <c r="N247442" s="10"/>
    </row>
    <row r="247443" spans="14:14">
      <c r="N247443" s="10"/>
    </row>
    <row r="247444" spans="14:14">
      <c r="N247444" s="10"/>
    </row>
    <row r="247445" spans="14:14">
      <c r="N247445" s="10"/>
    </row>
    <row r="247446" spans="14:14">
      <c r="N247446" s="10"/>
    </row>
    <row r="247447" spans="14:14">
      <c r="N247447" s="10"/>
    </row>
    <row r="247448" spans="14:14">
      <c r="N247448" s="10"/>
    </row>
    <row r="247449" spans="14:14">
      <c r="N247449" s="10"/>
    </row>
    <row r="247450" spans="14:14">
      <c r="N247450" s="10"/>
    </row>
    <row r="247451" spans="14:14">
      <c r="N247451" s="10"/>
    </row>
    <row r="247452" spans="14:14">
      <c r="N247452" s="10"/>
    </row>
    <row r="247453" spans="14:14">
      <c r="N247453" s="10"/>
    </row>
    <row r="247454" spans="14:14">
      <c r="N247454" s="10"/>
    </row>
    <row r="247455" spans="14:14">
      <c r="N247455" s="10"/>
    </row>
    <row r="247456" spans="14:14">
      <c r="N247456" s="10"/>
    </row>
    <row r="247457" spans="14:14">
      <c r="N247457" s="10"/>
    </row>
    <row r="247458" spans="14:14">
      <c r="N247458" s="10"/>
    </row>
    <row r="247459" spans="14:14">
      <c r="N247459" s="10"/>
    </row>
    <row r="247460" spans="14:14">
      <c r="N247460" s="10"/>
    </row>
    <row r="247461" spans="14:14">
      <c r="N247461" s="10"/>
    </row>
    <row r="247462" spans="14:14">
      <c r="N247462" s="10"/>
    </row>
    <row r="247463" spans="14:14">
      <c r="N247463" s="10"/>
    </row>
    <row r="247464" spans="14:14">
      <c r="N247464" s="10"/>
    </row>
    <row r="247465" spans="14:14">
      <c r="N247465" s="10"/>
    </row>
    <row r="247466" spans="14:14">
      <c r="N247466" s="10"/>
    </row>
    <row r="247467" spans="14:14">
      <c r="N247467" s="10"/>
    </row>
    <row r="247468" spans="14:14">
      <c r="N247468" s="10"/>
    </row>
    <row r="247469" spans="14:14">
      <c r="N247469" s="10"/>
    </row>
    <row r="247470" spans="14:14">
      <c r="N247470" s="10"/>
    </row>
    <row r="247471" spans="14:14">
      <c r="N247471" s="10"/>
    </row>
    <row r="247472" spans="14:14">
      <c r="N247472" s="10"/>
    </row>
    <row r="247473" spans="14:14">
      <c r="N247473" s="10"/>
    </row>
    <row r="247474" spans="14:14">
      <c r="N247474" s="10"/>
    </row>
    <row r="247475" spans="14:14">
      <c r="N247475" s="10"/>
    </row>
    <row r="247476" spans="14:14">
      <c r="N247476" s="10"/>
    </row>
    <row r="247477" spans="14:14">
      <c r="N247477" s="10"/>
    </row>
    <row r="247478" spans="14:14">
      <c r="N247478" s="10"/>
    </row>
    <row r="247479" spans="14:14">
      <c r="N247479" s="10"/>
    </row>
    <row r="247480" spans="14:14">
      <c r="N247480" s="10"/>
    </row>
    <row r="247481" spans="14:14">
      <c r="N247481" s="10"/>
    </row>
    <row r="247482" spans="14:14">
      <c r="N247482" s="10"/>
    </row>
    <row r="247483" spans="14:14">
      <c r="N247483" s="10"/>
    </row>
    <row r="247484" spans="14:14">
      <c r="N247484" s="10"/>
    </row>
    <row r="247485" spans="14:14">
      <c r="N247485" s="10"/>
    </row>
    <row r="247486" spans="14:14">
      <c r="N247486" s="10"/>
    </row>
    <row r="247487" spans="14:14">
      <c r="N247487" s="10"/>
    </row>
    <row r="247488" spans="14:14">
      <c r="N247488" s="10"/>
    </row>
    <row r="247489" spans="14:14">
      <c r="N247489" s="10"/>
    </row>
    <row r="247490" spans="14:14">
      <c r="N247490" s="10"/>
    </row>
    <row r="247491" spans="14:14">
      <c r="N247491" s="10"/>
    </row>
    <row r="247492" spans="14:14">
      <c r="N247492" s="10"/>
    </row>
    <row r="247493" spans="14:14">
      <c r="N247493" s="10"/>
    </row>
    <row r="247494" spans="14:14">
      <c r="N247494" s="10"/>
    </row>
    <row r="247495" spans="14:14">
      <c r="N247495" s="10"/>
    </row>
    <row r="247496" spans="14:14">
      <c r="N247496" s="10"/>
    </row>
    <row r="247497" spans="14:14">
      <c r="N247497" s="10"/>
    </row>
    <row r="247498" spans="14:14">
      <c r="N247498" s="10"/>
    </row>
    <row r="247499" spans="14:14">
      <c r="N247499" s="10"/>
    </row>
    <row r="247500" spans="14:14">
      <c r="N247500" s="10"/>
    </row>
    <row r="247501" spans="14:14">
      <c r="N247501" s="10"/>
    </row>
    <row r="247502" spans="14:14">
      <c r="N247502" s="10"/>
    </row>
    <row r="247503" spans="14:14">
      <c r="N247503" s="10"/>
    </row>
    <row r="247504" spans="14:14">
      <c r="N247504" s="10"/>
    </row>
    <row r="247505" spans="14:14">
      <c r="N247505" s="10"/>
    </row>
    <row r="247506" spans="14:14">
      <c r="N247506" s="10"/>
    </row>
    <row r="247507" spans="14:14">
      <c r="N247507" s="10"/>
    </row>
    <row r="247508" spans="14:14">
      <c r="N247508" s="10"/>
    </row>
    <row r="247509" spans="14:14">
      <c r="N247509" s="10"/>
    </row>
    <row r="247510" spans="14:14">
      <c r="N247510" s="10"/>
    </row>
    <row r="247511" spans="14:14">
      <c r="N247511" s="10"/>
    </row>
    <row r="247512" spans="14:14">
      <c r="N247512" s="10"/>
    </row>
    <row r="247513" spans="14:14">
      <c r="N247513" s="10"/>
    </row>
    <row r="247514" spans="14:14">
      <c r="N247514" s="10"/>
    </row>
    <row r="247515" spans="14:14">
      <c r="N247515" s="10"/>
    </row>
    <row r="247516" spans="14:14">
      <c r="N247516" s="10"/>
    </row>
    <row r="247517" spans="14:14">
      <c r="N247517" s="10"/>
    </row>
    <row r="247518" spans="14:14">
      <c r="N247518" s="10"/>
    </row>
    <row r="247519" spans="14:14">
      <c r="N247519" s="10"/>
    </row>
    <row r="247520" spans="14:14">
      <c r="N247520" s="10"/>
    </row>
    <row r="247521" spans="14:14">
      <c r="N247521" s="10"/>
    </row>
    <row r="247522" spans="14:14">
      <c r="N247522" s="10"/>
    </row>
    <row r="247523" spans="14:14">
      <c r="N247523" s="10"/>
    </row>
    <row r="247524" spans="14:14">
      <c r="N247524" s="10"/>
    </row>
    <row r="247525" spans="14:14">
      <c r="N247525" s="10"/>
    </row>
    <row r="247526" spans="14:14">
      <c r="N247526" s="10"/>
    </row>
    <row r="247527" spans="14:14">
      <c r="N247527" s="10"/>
    </row>
    <row r="247528" spans="14:14">
      <c r="N247528" s="10"/>
    </row>
    <row r="247529" spans="14:14">
      <c r="N247529" s="10"/>
    </row>
    <row r="247530" spans="14:14">
      <c r="N247530" s="10"/>
    </row>
    <row r="247531" spans="14:14">
      <c r="N247531" s="10"/>
    </row>
    <row r="247532" spans="14:14">
      <c r="N247532" s="10"/>
    </row>
    <row r="247533" spans="14:14">
      <c r="N247533" s="10"/>
    </row>
    <row r="247534" spans="14:14">
      <c r="N247534" s="10"/>
    </row>
    <row r="247535" spans="14:14">
      <c r="N247535" s="10"/>
    </row>
    <row r="247536" spans="14:14">
      <c r="N247536" s="10"/>
    </row>
    <row r="247537" spans="14:14">
      <c r="N247537" s="10"/>
    </row>
    <row r="247538" spans="14:14">
      <c r="N247538" s="10"/>
    </row>
    <row r="247539" spans="14:14">
      <c r="N247539" s="10"/>
    </row>
    <row r="247540" spans="14:14">
      <c r="N247540" s="10"/>
    </row>
    <row r="247541" spans="14:14">
      <c r="N247541" s="10"/>
    </row>
    <row r="247542" spans="14:14">
      <c r="N247542" s="10"/>
    </row>
    <row r="247543" spans="14:14">
      <c r="N247543" s="10"/>
    </row>
    <row r="247544" spans="14:14">
      <c r="N247544" s="10"/>
    </row>
    <row r="247545" spans="14:14">
      <c r="N247545" s="10"/>
    </row>
    <row r="247546" spans="14:14">
      <c r="N247546" s="10"/>
    </row>
    <row r="247547" spans="14:14">
      <c r="N247547" s="10"/>
    </row>
    <row r="247548" spans="14:14">
      <c r="N247548" s="10"/>
    </row>
    <row r="247549" spans="14:14">
      <c r="N247549" s="10"/>
    </row>
    <row r="247550" spans="14:14">
      <c r="N247550" s="10"/>
    </row>
    <row r="247551" spans="14:14">
      <c r="N247551" s="10"/>
    </row>
    <row r="247552" spans="14:14">
      <c r="N247552" s="10"/>
    </row>
    <row r="247553" spans="14:14">
      <c r="N247553" s="10"/>
    </row>
    <row r="247554" spans="14:14">
      <c r="N247554" s="10"/>
    </row>
    <row r="247555" spans="14:14">
      <c r="N247555" s="10"/>
    </row>
    <row r="247556" spans="14:14">
      <c r="N247556" s="10"/>
    </row>
    <row r="247557" spans="14:14">
      <c r="N247557" s="10"/>
    </row>
    <row r="247558" spans="14:14">
      <c r="N247558" s="10"/>
    </row>
    <row r="247559" spans="14:14">
      <c r="N247559" s="10"/>
    </row>
    <row r="247560" spans="14:14">
      <c r="N247560" s="10"/>
    </row>
    <row r="247561" spans="14:14">
      <c r="N247561" s="10"/>
    </row>
    <row r="247562" spans="14:14">
      <c r="N247562" s="10"/>
    </row>
    <row r="247563" spans="14:14">
      <c r="N247563" s="10"/>
    </row>
    <row r="247564" spans="14:14">
      <c r="N247564" s="10"/>
    </row>
    <row r="247565" spans="14:14">
      <c r="N247565" s="10"/>
    </row>
    <row r="247566" spans="14:14">
      <c r="N247566" s="10"/>
    </row>
    <row r="247567" spans="14:14">
      <c r="N247567" s="10"/>
    </row>
    <row r="247568" spans="14:14">
      <c r="N247568" s="10"/>
    </row>
    <row r="247569" spans="14:14">
      <c r="N247569" s="10"/>
    </row>
    <row r="247570" spans="14:14">
      <c r="N247570" s="10"/>
    </row>
    <row r="247571" spans="14:14">
      <c r="N247571" s="10"/>
    </row>
    <row r="247572" spans="14:14">
      <c r="N247572" s="10"/>
    </row>
    <row r="247573" spans="14:14">
      <c r="N247573" s="10"/>
    </row>
    <row r="247574" spans="14:14">
      <c r="N247574" s="10"/>
    </row>
    <row r="247575" spans="14:14">
      <c r="N247575" s="10"/>
    </row>
    <row r="247576" spans="14:14">
      <c r="N247576" s="10"/>
    </row>
    <row r="247577" spans="14:14">
      <c r="N247577" s="10"/>
    </row>
    <row r="247578" spans="14:14">
      <c r="N247578" s="10"/>
    </row>
    <row r="247579" spans="14:14">
      <c r="N247579" s="10"/>
    </row>
    <row r="247580" spans="14:14">
      <c r="N247580" s="10"/>
    </row>
    <row r="247581" spans="14:14">
      <c r="N247581" s="10"/>
    </row>
    <row r="247582" spans="14:14">
      <c r="N247582" s="10"/>
    </row>
    <row r="247583" spans="14:14">
      <c r="N247583" s="10"/>
    </row>
    <row r="247584" spans="14:14">
      <c r="N247584" s="10"/>
    </row>
    <row r="247585" spans="14:14">
      <c r="N247585" s="10"/>
    </row>
    <row r="247586" spans="14:14">
      <c r="N247586" s="10"/>
    </row>
    <row r="247587" spans="14:14">
      <c r="N247587" s="10"/>
    </row>
    <row r="247588" spans="14:14">
      <c r="N247588" s="10"/>
    </row>
    <row r="247589" spans="14:14">
      <c r="N247589" s="10"/>
    </row>
    <row r="247590" spans="14:14">
      <c r="N247590" s="10"/>
    </row>
    <row r="247591" spans="14:14">
      <c r="N247591" s="10"/>
    </row>
    <row r="247592" spans="14:14">
      <c r="N247592" s="10"/>
    </row>
    <row r="247593" spans="14:14">
      <c r="N247593" s="10"/>
    </row>
    <row r="247594" spans="14:14">
      <c r="N247594" s="10"/>
    </row>
    <row r="247595" spans="14:14">
      <c r="N247595" s="10"/>
    </row>
    <row r="247596" spans="14:14">
      <c r="N247596" s="10"/>
    </row>
    <row r="247597" spans="14:14">
      <c r="N247597" s="10"/>
    </row>
    <row r="247598" spans="14:14">
      <c r="N247598" s="10"/>
    </row>
    <row r="247599" spans="14:14">
      <c r="N247599" s="10"/>
    </row>
    <row r="247600" spans="14:14">
      <c r="N247600" s="10"/>
    </row>
    <row r="247601" spans="14:14">
      <c r="N247601" s="10"/>
    </row>
    <row r="247602" spans="14:14">
      <c r="N247602" s="10"/>
    </row>
    <row r="247603" spans="14:14">
      <c r="N247603" s="10"/>
    </row>
    <row r="247604" spans="14:14">
      <c r="N247604" s="10"/>
    </row>
    <row r="247605" spans="14:14">
      <c r="N247605" s="10"/>
    </row>
    <row r="247606" spans="14:14">
      <c r="N247606" s="10"/>
    </row>
    <row r="247607" spans="14:14">
      <c r="N247607" s="10"/>
    </row>
    <row r="247608" spans="14:14">
      <c r="N247608" s="10"/>
    </row>
    <row r="247609" spans="14:14">
      <c r="N247609" s="10"/>
    </row>
    <row r="247610" spans="14:14">
      <c r="N247610" s="10"/>
    </row>
    <row r="247611" spans="14:14">
      <c r="N247611" s="10"/>
    </row>
    <row r="247612" spans="14:14">
      <c r="N247612" s="10"/>
    </row>
    <row r="247613" spans="14:14">
      <c r="N247613" s="10"/>
    </row>
    <row r="247614" spans="14:14">
      <c r="N247614" s="10"/>
    </row>
    <row r="247615" spans="14:14">
      <c r="N247615" s="10"/>
    </row>
    <row r="247616" spans="14:14">
      <c r="N247616" s="10"/>
    </row>
    <row r="247617" spans="14:14">
      <c r="N247617" s="10"/>
    </row>
    <row r="247618" spans="14:14">
      <c r="N247618" s="10"/>
    </row>
    <row r="247619" spans="14:14">
      <c r="N247619" s="10"/>
    </row>
    <row r="247620" spans="14:14">
      <c r="N247620" s="10"/>
    </row>
    <row r="247621" spans="14:14">
      <c r="N247621" s="10"/>
    </row>
    <row r="247622" spans="14:14">
      <c r="N247622" s="10"/>
    </row>
    <row r="247623" spans="14:14">
      <c r="N247623" s="10"/>
    </row>
    <row r="247624" spans="14:14">
      <c r="N247624" s="10"/>
    </row>
    <row r="247625" spans="14:14">
      <c r="N247625" s="10"/>
    </row>
    <row r="247626" spans="14:14">
      <c r="N247626" s="10"/>
    </row>
    <row r="247627" spans="14:14">
      <c r="N247627" s="10"/>
    </row>
    <row r="247628" spans="14:14">
      <c r="N247628" s="10"/>
    </row>
    <row r="247629" spans="14:14">
      <c r="N247629" s="10"/>
    </row>
    <row r="247630" spans="14:14">
      <c r="N247630" s="10"/>
    </row>
    <row r="247631" spans="14:14">
      <c r="N247631" s="10"/>
    </row>
    <row r="247632" spans="14:14">
      <c r="N247632" s="10"/>
    </row>
    <row r="247633" spans="14:14">
      <c r="N247633" s="10"/>
    </row>
    <row r="247634" spans="14:14">
      <c r="N247634" s="10"/>
    </row>
    <row r="247635" spans="14:14">
      <c r="N247635" s="10"/>
    </row>
    <row r="247636" spans="14:14">
      <c r="N247636" s="10"/>
    </row>
    <row r="247637" spans="14:14">
      <c r="N247637" s="10"/>
    </row>
    <row r="247638" spans="14:14">
      <c r="N247638" s="10"/>
    </row>
    <row r="247639" spans="14:14">
      <c r="N247639" s="10"/>
    </row>
    <row r="247640" spans="14:14">
      <c r="N247640" s="10"/>
    </row>
    <row r="247641" spans="14:14">
      <c r="N247641" s="10"/>
    </row>
    <row r="247642" spans="14:14">
      <c r="N247642" s="10"/>
    </row>
    <row r="247643" spans="14:14">
      <c r="N247643" s="10"/>
    </row>
    <row r="247644" spans="14:14">
      <c r="N247644" s="10"/>
    </row>
    <row r="247645" spans="14:14">
      <c r="N247645" s="10"/>
    </row>
    <row r="247646" spans="14:14">
      <c r="N247646" s="10"/>
    </row>
    <row r="247647" spans="14:14">
      <c r="N247647" s="10"/>
    </row>
    <row r="247648" spans="14:14">
      <c r="N247648" s="10"/>
    </row>
    <row r="247649" spans="14:14">
      <c r="N247649" s="10"/>
    </row>
    <row r="247650" spans="14:14">
      <c r="N247650" s="10"/>
    </row>
    <row r="247651" spans="14:14">
      <c r="N247651" s="10"/>
    </row>
    <row r="247652" spans="14:14">
      <c r="N247652" s="10"/>
    </row>
    <row r="247653" spans="14:14">
      <c r="N247653" s="10"/>
    </row>
    <row r="247654" spans="14:14">
      <c r="N247654" s="10"/>
    </row>
    <row r="247655" spans="14:14">
      <c r="N247655" s="10"/>
    </row>
    <row r="247656" spans="14:14">
      <c r="N247656" s="10"/>
    </row>
    <row r="247657" spans="14:14">
      <c r="N247657" s="10"/>
    </row>
    <row r="247658" spans="14:14">
      <c r="N247658" s="10"/>
    </row>
    <row r="247659" spans="14:14">
      <c r="N247659" s="10"/>
    </row>
    <row r="247660" spans="14:14">
      <c r="N247660" s="10"/>
    </row>
    <row r="247661" spans="14:14">
      <c r="N247661" s="10"/>
    </row>
    <row r="247662" spans="14:14">
      <c r="N247662" s="10"/>
    </row>
    <row r="247663" spans="14:14">
      <c r="N247663" s="10"/>
    </row>
    <row r="247664" spans="14:14">
      <c r="N247664" s="10"/>
    </row>
    <row r="247665" spans="14:14">
      <c r="N247665" s="10"/>
    </row>
    <row r="247666" spans="14:14">
      <c r="N247666" s="10"/>
    </row>
    <row r="247667" spans="14:14">
      <c r="N247667" s="10"/>
    </row>
    <row r="247668" spans="14:14">
      <c r="N247668" s="10"/>
    </row>
    <row r="247669" spans="14:14">
      <c r="N247669" s="10"/>
    </row>
    <row r="247670" spans="14:14">
      <c r="N247670" s="10"/>
    </row>
    <row r="247671" spans="14:14">
      <c r="N247671" s="10"/>
    </row>
    <row r="247672" spans="14:14">
      <c r="N247672" s="10"/>
    </row>
    <row r="247673" spans="14:14">
      <c r="N247673" s="10"/>
    </row>
    <row r="247674" spans="14:14">
      <c r="N247674" s="10"/>
    </row>
    <row r="247675" spans="14:14">
      <c r="N247675" s="10"/>
    </row>
    <row r="247676" spans="14:14">
      <c r="N247676" s="10"/>
    </row>
    <row r="247677" spans="14:14">
      <c r="N247677" s="10"/>
    </row>
    <row r="247678" spans="14:14">
      <c r="N247678" s="10"/>
    </row>
    <row r="247679" spans="14:14">
      <c r="N247679" s="10"/>
    </row>
    <row r="247680" spans="14:14">
      <c r="N247680" s="10"/>
    </row>
    <row r="247681" spans="14:14">
      <c r="N247681" s="10"/>
    </row>
    <row r="247682" spans="14:14">
      <c r="N247682" s="10"/>
    </row>
    <row r="247683" spans="14:14">
      <c r="N247683" s="10"/>
    </row>
    <row r="247684" spans="14:14">
      <c r="N247684" s="10"/>
    </row>
    <row r="247685" spans="14:14">
      <c r="N247685" s="10"/>
    </row>
    <row r="247686" spans="14:14">
      <c r="N247686" s="10"/>
    </row>
    <row r="247687" spans="14:14">
      <c r="N247687" s="10"/>
    </row>
    <row r="247688" spans="14:14">
      <c r="N247688" s="10"/>
    </row>
    <row r="247689" spans="14:14">
      <c r="N247689" s="10"/>
    </row>
    <row r="247690" spans="14:14">
      <c r="N247690" s="10"/>
    </row>
    <row r="247691" spans="14:14">
      <c r="N247691" s="10"/>
    </row>
    <row r="247692" spans="14:14">
      <c r="N247692" s="10"/>
    </row>
    <row r="247693" spans="14:14">
      <c r="N247693" s="10"/>
    </row>
    <row r="247694" spans="14:14">
      <c r="N247694" s="10"/>
    </row>
    <row r="247695" spans="14:14">
      <c r="N247695" s="10"/>
    </row>
    <row r="247696" spans="14:14">
      <c r="N247696" s="10"/>
    </row>
    <row r="247697" spans="14:14">
      <c r="N247697" s="10"/>
    </row>
    <row r="247698" spans="14:14">
      <c r="N247698" s="10"/>
    </row>
    <row r="247699" spans="14:14">
      <c r="N247699" s="10"/>
    </row>
    <row r="247700" spans="14:14">
      <c r="N247700" s="10"/>
    </row>
    <row r="247701" spans="14:14">
      <c r="N247701" s="10"/>
    </row>
    <row r="247702" spans="14:14">
      <c r="N247702" s="10"/>
    </row>
    <row r="247703" spans="14:14">
      <c r="N247703" s="10"/>
    </row>
    <row r="247704" spans="14:14">
      <c r="N247704" s="10"/>
    </row>
    <row r="247705" spans="14:14">
      <c r="N247705" s="10"/>
    </row>
    <row r="247706" spans="14:14">
      <c r="N247706" s="10"/>
    </row>
    <row r="247707" spans="14:14">
      <c r="N247707" s="10"/>
    </row>
    <row r="247708" spans="14:14">
      <c r="N247708" s="10"/>
    </row>
    <row r="247709" spans="14:14">
      <c r="N247709" s="10"/>
    </row>
    <row r="247710" spans="14:14">
      <c r="N247710" s="10"/>
    </row>
    <row r="247711" spans="14:14">
      <c r="N247711" s="10"/>
    </row>
    <row r="247712" spans="14:14">
      <c r="N247712" s="10"/>
    </row>
    <row r="247713" spans="14:14">
      <c r="N247713" s="10"/>
    </row>
    <row r="247714" spans="14:14">
      <c r="N247714" s="10"/>
    </row>
    <row r="247715" spans="14:14">
      <c r="N247715" s="10"/>
    </row>
    <row r="247716" spans="14:14">
      <c r="N247716" s="10"/>
    </row>
    <row r="247717" spans="14:14">
      <c r="N247717" s="10"/>
    </row>
    <row r="247718" spans="14:14">
      <c r="N247718" s="10"/>
    </row>
    <row r="247719" spans="14:14">
      <c r="N247719" s="10"/>
    </row>
    <row r="247720" spans="14:14">
      <c r="N247720" s="10"/>
    </row>
    <row r="247721" spans="14:14">
      <c r="N247721" s="10"/>
    </row>
    <row r="247722" spans="14:14">
      <c r="N247722" s="10"/>
    </row>
    <row r="247723" spans="14:14">
      <c r="N247723" s="10"/>
    </row>
    <row r="247724" spans="14:14">
      <c r="N247724" s="10"/>
    </row>
    <row r="247725" spans="14:14">
      <c r="N247725" s="10"/>
    </row>
    <row r="247726" spans="14:14">
      <c r="N247726" s="10"/>
    </row>
    <row r="247727" spans="14:14">
      <c r="N247727" s="10"/>
    </row>
    <row r="247728" spans="14:14">
      <c r="N247728" s="10"/>
    </row>
    <row r="247729" spans="14:14">
      <c r="N247729" s="10"/>
    </row>
    <row r="247730" spans="14:14">
      <c r="N247730" s="10"/>
    </row>
    <row r="247731" spans="14:14">
      <c r="N247731" s="10"/>
    </row>
    <row r="247732" spans="14:14">
      <c r="N247732" s="10"/>
    </row>
    <row r="247733" spans="14:14">
      <c r="N247733" s="10"/>
    </row>
    <row r="247734" spans="14:14">
      <c r="N247734" s="10"/>
    </row>
    <row r="247735" spans="14:14">
      <c r="N247735" s="10"/>
    </row>
    <row r="247736" spans="14:14">
      <c r="N247736" s="10"/>
    </row>
    <row r="247737" spans="14:14">
      <c r="N247737" s="10"/>
    </row>
    <row r="247738" spans="14:14">
      <c r="N247738" s="10"/>
    </row>
    <row r="247739" spans="14:14">
      <c r="N247739" s="10"/>
    </row>
    <row r="247740" spans="14:14">
      <c r="N247740" s="10"/>
    </row>
    <row r="247741" spans="14:14">
      <c r="N247741" s="10"/>
    </row>
    <row r="247742" spans="14:14">
      <c r="N247742" s="10"/>
    </row>
    <row r="247743" spans="14:14">
      <c r="N247743" s="10"/>
    </row>
    <row r="247744" spans="14:14">
      <c r="N247744" s="10"/>
    </row>
    <row r="247745" spans="14:14">
      <c r="N247745" s="10"/>
    </row>
    <row r="247746" spans="14:14">
      <c r="N247746" s="10"/>
    </row>
    <row r="247747" spans="14:14">
      <c r="N247747" s="10"/>
    </row>
    <row r="247748" spans="14:14">
      <c r="N247748" s="10"/>
    </row>
    <row r="247749" spans="14:14">
      <c r="N247749" s="10"/>
    </row>
    <row r="247750" spans="14:14">
      <c r="N247750" s="10"/>
    </row>
    <row r="247751" spans="14:14">
      <c r="N247751" s="10"/>
    </row>
    <row r="247752" spans="14:14">
      <c r="N247752" s="10"/>
    </row>
    <row r="247753" spans="14:14">
      <c r="N247753" s="10"/>
    </row>
    <row r="247754" spans="14:14">
      <c r="N247754" s="10"/>
    </row>
    <row r="247755" spans="14:14">
      <c r="N247755" s="10"/>
    </row>
    <row r="247756" spans="14:14">
      <c r="N247756" s="10"/>
    </row>
    <row r="247757" spans="14:14">
      <c r="N247757" s="10"/>
    </row>
    <row r="247758" spans="14:14">
      <c r="N247758" s="10"/>
    </row>
    <row r="247759" spans="14:14">
      <c r="N247759" s="10"/>
    </row>
    <row r="247760" spans="14:14">
      <c r="N247760" s="10"/>
    </row>
    <row r="247761" spans="14:14">
      <c r="N247761" s="10"/>
    </row>
    <row r="247762" spans="14:14">
      <c r="N247762" s="10"/>
    </row>
    <row r="247763" spans="14:14">
      <c r="N247763" s="10"/>
    </row>
    <row r="247764" spans="14:14">
      <c r="N247764" s="10"/>
    </row>
    <row r="247765" spans="14:14">
      <c r="N247765" s="10"/>
    </row>
    <row r="247766" spans="14:14">
      <c r="N247766" s="10"/>
    </row>
    <row r="247767" spans="14:14">
      <c r="N247767" s="10"/>
    </row>
    <row r="247768" spans="14:14">
      <c r="N247768" s="10"/>
    </row>
    <row r="247769" spans="14:14">
      <c r="N247769" s="10"/>
    </row>
    <row r="247770" spans="14:14">
      <c r="N247770" s="10"/>
    </row>
    <row r="247771" spans="14:14">
      <c r="N247771" s="10"/>
    </row>
    <row r="247772" spans="14:14">
      <c r="N247772" s="10"/>
    </row>
    <row r="247773" spans="14:14">
      <c r="N247773" s="10"/>
    </row>
    <row r="247774" spans="14:14">
      <c r="N247774" s="10"/>
    </row>
    <row r="247775" spans="14:14">
      <c r="N247775" s="10"/>
    </row>
    <row r="247776" spans="14:14">
      <c r="N247776" s="10"/>
    </row>
    <row r="247777" spans="14:14">
      <c r="N247777" s="10"/>
    </row>
    <row r="247778" spans="14:14">
      <c r="N247778" s="10"/>
    </row>
    <row r="247779" spans="14:14">
      <c r="N247779" s="10"/>
    </row>
    <row r="247780" spans="14:14">
      <c r="N247780" s="10"/>
    </row>
    <row r="247781" spans="14:14">
      <c r="N247781" s="10"/>
    </row>
    <row r="247782" spans="14:14">
      <c r="N247782" s="10"/>
    </row>
    <row r="247783" spans="14:14">
      <c r="N247783" s="10"/>
    </row>
    <row r="247784" spans="14:14">
      <c r="N247784" s="10"/>
    </row>
    <row r="247785" spans="14:14">
      <c r="N247785" s="10"/>
    </row>
    <row r="247786" spans="14:14">
      <c r="N247786" s="10"/>
    </row>
    <row r="247787" spans="14:14">
      <c r="N247787" s="10"/>
    </row>
    <row r="247788" spans="14:14">
      <c r="N247788" s="10"/>
    </row>
    <row r="247789" spans="14:14">
      <c r="N247789" s="10"/>
    </row>
    <row r="247790" spans="14:14">
      <c r="N247790" s="10"/>
    </row>
    <row r="247791" spans="14:14">
      <c r="N247791" s="10"/>
    </row>
    <row r="247792" spans="14:14">
      <c r="N247792" s="10"/>
    </row>
    <row r="247793" spans="14:14">
      <c r="N247793" s="10"/>
    </row>
    <row r="247794" spans="14:14">
      <c r="N247794" s="10"/>
    </row>
    <row r="247795" spans="14:14">
      <c r="N247795" s="10"/>
    </row>
    <row r="247796" spans="14:14">
      <c r="N247796" s="10"/>
    </row>
    <row r="247797" spans="14:14">
      <c r="N247797" s="10"/>
    </row>
    <row r="247798" spans="14:14">
      <c r="N247798" s="10"/>
    </row>
    <row r="247799" spans="14:14">
      <c r="N247799" s="10"/>
    </row>
    <row r="247800" spans="14:14">
      <c r="N247800" s="10"/>
    </row>
    <row r="247801" spans="14:14">
      <c r="N247801" s="10"/>
    </row>
    <row r="247802" spans="14:14">
      <c r="N247802" s="10"/>
    </row>
    <row r="247803" spans="14:14">
      <c r="N247803" s="10"/>
    </row>
    <row r="247804" spans="14:14">
      <c r="N247804" s="10"/>
    </row>
    <row r="247805" spans="14:14">
      <c r="N247805" s="10"/>
    </row>
    <row r="247806" spans="14:14">
      <c r="N247806" s="10"/>
    </row>
    <row r="247807" spans="14:14">
      <c r="N247807" s="10"/>
    </row>
    <row r="247808" spans="14:14">
      <c r="N247808" s="10"/>
    </row>
    <row r="247809" spans="14:14">
      <c r="N247809" s="10"/>
    </row>
    <row r="247810" spans="14:14">
      <c r="N247810" s="10"/>
    </row>
    <row r="247811" spans="14:14">
      <c r="N247811" s="10"/>
    </row>
    <row r="247812" spans="14:14">
      <c r="N247812" s="10"/>
    </row>
    <row r="247813" spans="14:14">
      <c r="N247813" s="10"/>
    </row>
    <row r="247814" spans="14:14">
      <c r="N247814" s="10"/>
    </row>
    <row r="247815" spans="14:14">
      <c r="N247815" s="10"/>
    </row>
    <row r="247816" spans="14:14">
      <c r="N247816" s="10"/>
    </row>
    <row r="247817" spans="14:14">
      <c r="N247817" s="10"/>
    </row>
    <row r="247818" spans="14:14">
      <c r="N247818" s="10"/>
    </row>
    <row r="247819" spans="14:14">
      <c r="N247819" s="10"/>
    </row>
    <row r="247820" spans="14:14">
      <c r="N247820" s="10"/>
    </row>
    <row r="247821" spans="14:14">
      <c r="N247821" s="10"/>
    </row>
    <row r="247822" spans="14:14">
      <c r="N247822" s="10"/>
    </row>
    <row r="247823" spans="14:14">
      <c r="N247823" s="10"/>
    </row>
    <row r="247824" spans="14:14">
      <c r="N247824" s="10"/>
    </row>
    <row r="247825" spans="14:14">
      <c r="N247825" s="10"/>
    </row>
    <row r="247826" spans="14:14">
      <c r="N247826" s="10"/>
    </row>
    <row r="247827" spans="14:14">
      <c r="N247827" s="10"/>
    </row>
    <row r="247828" spans="14:14">
      <c r="N247828" s="10"/>
    </row>
    <row r="247829" spans="14:14">
      <c r="N247829" s="10"/>
    </row>
    <row r="247830" spans="14:14">
      <c r="N247830" s="10"/>
    </row>
    <row r="247831" spans="14:14">
      <c r="N247831" s="10"/>
    </row>
    <row r="247832" spans="14:14">
      <c r="N247832" s="10"/>
    </row>
    <row r="247833" spans="14:14">
      <c r="N247833" s="10"/>
    </row>
    <row r="247834" spans="14:14">
      <c r="N247834" s="10"/>
    </row>
    <row r="247835" spans="14:14">
      <c r="N247835" s="10"/>
    </row>
    <row r="247836" spans="14:14">
      <c r="N247836" s="10"/>
    </row>
    <row r="247837" spans="14:14">
      <c r="N247837" s="10"/>
    </row>
    <row r="247838" spans="14:14">
      <c r="N247838" s="10"/>
    </row>
    <row r="247839" spans="14:14">
      <c r="N247839" s="10"/>
    </row>
    <row r="247840" spans="14:14">
      <c r="N247840" s="10"/>
    </row>
    <row r="247841" spans="14:14">
      <c r="N247841" s="10"/>
    </row>
    <row r="247842" spans="14:14">
      <c r="N247842" s="10"/>
    </row>
    <row r="247843" spans="14:14">
      <c r="N247843" s="10"/>
    </row>
    <row r="247844" spans="14:14">
      <c r="N247844" s="10"/>
    </row>
    <row r="247845" spans="14:14">
      <c r="N247845" s="10"/>
    </row>
    <row r="247846" spans="14:14">
      <c r="N247846" s="10"/>
    </row>
    <row r="247847" spans="14:14">
      <c r="N247847" s="10"/>
    </row>
    <row r="247848" spans="14:14">
      <c r="N247848" s="10"/>
    </row>
    <row r="247849" spans="14:14">
      <c r="N247849" s="10"/>
    </row>
    <row r="247850" spans="14:14">
      <c r="N247850" s="10"/>
    </row>
    <row r="247851" spans="14:14">
      <c r="N247851" s="10"/>
    </row>
    <row r="247852" spans="14:14">
      <c r="N247852" s="10"/>
    </row>
    <row r="247853" spans="14:14">
      <c r="N247853" s="10"/>
    </row>
    <row r="247854" spans="14:14">
      <c r="N247854" s="10"/>
    </row>
    <row r="247855" spans="14:14">
      <c r="N247855" s="10"/>
    </row>
    <row r="247856" spans="14:14">
      <c r="N247856" s="10"/>
    </row>
    <row r="247857" spans="14:14">
      <c r="N247857" s="10"/>
    </row>
    <row r="247858" spans="14:14">
      <c r="N247858" s="10"/>
    </row>
    <row r="247859" spans="14:14">
      <c r="N247859" s="10"/>
    </row>
    <row r="247860" spans="14:14">
      <c r="N247860" s="10"/>
    </row>
    <row r="247861" spans="14:14">
      <c r="N247861" s="10"/>
    </row>
    <row r="247862" spans="14:14">
      <c r="N247862" s="10"/>
    </row>
    <row r="247863" spans="14:14">
      <c r="N247863" s="10"/>
    </row>
    <row r="247864" spans="14:14">
      <c r="N247864" s="10"/>
    </row>
    <row r="247865" spans="14:14">
      <c r="N247865" s="10"/>
    </row>
    <row r="247866" spans="14:14">
      <c r="N247866" s="10"/>
    </row>
    <row r="247867" spans="14:14">
      <c r="N247867" s="10"/>
    </row>
    <row r="247868" spans="14:14">
      <c r="N247868" s="10"/>
    </row>
    <row r="247869" spans="14:14">
      <c r="N247869" s="10"/>
    </row>
    <row r="247870" spans="14:14">
      <c r="N247870" s="10"/>
    </row>
    <row r="247871" spans="14:14">
      <c r="N247871" s="10"/>
    </row>
    <row r="247872" spans="14:14">
      <c r="N247872" s="10"/>
    </row>
    <row r="247873" spans="14:14">
      <c r="N247873" s="10"/>
    </row>
    <row r="247874" spans="14:14">
      <c r="N247874" s="10"/>
    </row>
    <row r="247875" spans="14:14">
      <c r="N247875" s="10"/>
    </row>
    <row r="247876" spans="14:14">
      <c r="N247876" s="10"/>
    </row>
    <row r="247877" spans="14:14">
      <c r="N247877" s="10"/>
    </row>
    <row r="247878" spans="14:14">
      <c r="N247878" s="10"/>
    </row>
    <row r="247879" spans="14:14">
      <c r="N247879" s="10"/>
    </row>
    <row r="247880" spans="14:14">
      <c r="N247880" s="10"/>
    </row>
    <row r="247881" spans="14:14">
      <c r="N247881" s="10"/>
    </row>
    <row r="247882" spans="14:14">
      <c r="N247882" s="10"/>
    </row>
    <row r="247883" spans="14:14">
      <c r="N247883" s="10"/>
    </row>
    <row r="247884" spans="14:14">
      <c r="N247884" s="10"/>
    </row>
    <row r="247885" spans="14:14">
      <c r="N247885" s="10"/>
    </row>
    <row r="247886" spans="14:14">
      <c r="N247886" s="10"/>
    </row>
    <row r="247887" spans="14:14">
      <c r="N247887" s="10"/>
    </row>
    <row r="247888" spans="14:14">
      <c r="N247888" s="10"/>
    </row>
    <row r="247889" spans="14:14">
      <c r="N247889" s="10"/>
    </row>
    <row r="247890" spans="14:14">
      <c r="N247890" s="10"/>
    </row>
    <row r="247891" spans="14:14">
      <c r="N247891" s="10"/>
    </row>
    <row r="247892" spans="14:14">
      <c r="N247892" s="10"/>
    </row>
    <row r="247893" spans="14:14">
      <c r="N247893" s="10"/>
    </row>
    <row r="247894" spans="14:14">
      <c r="N247894" s="10"/>
    </row>
    <row r="247895" spans="14:14">
      <c r="N247895" s="10"/>
    </row>
    <row r="247896" spans="14:14">
      <c r="N247896" s="10"/>
    </row>
    <row r="247897" spans="14:14">
      <c r="N247897" s="10"/>
    </row>
    <row r="247898" spans="14:14">
      <c r="N247898" s="10"/>
    </row>
    <row r="247899" spans="14:14">
      <c r="N247899" s="10"/>
    </row>
    <row r="247900" spans="14:14">
      <c r="N247900" s="10"/>
    </row>
    <row r="247901" spans="14:14">
      <c r="N247901" s="10"/>
    </row>
    <row r="247902" spans="14:14">
      <c r="N247902" s="10"/>
    </row>
    <row r="247903" spans="14:14">
      <c r="N247903" s="10"/>
    </row>
    <row r="247904" spans="14:14">
      <c r="N247904" s="10"/>
    </row>
    <row r="247905" spans="14:14">
      <c r="N247905" s="10"/>
    </row>
    <row r="247906" spans="14:14">
      <c r="N247906" s="10"/>
    </row>
    <row r="247907" spans="14:14">
      <c r="N247907" s="10"/>
    </row>
    <row r="247908" spans="14:14">
      <c r="N247908" s="10"/>
    </row>
    <row r="247909" spans="14:14">
      <c r="N247909" s="10"/>
    </row>
    <row r="247910" spans="14:14">
      <c r="N247910" s="10"/>
    </row>
    <row r="247911" spans="14:14">
      <c r="N247911" s="10"/>
    </row>
    <row r="247912" spans="14:14">
      <c r="N247912" s="10"/>
    </row>
    <row r="247913" spans="14:14">
      <c r="N247913" s="10"/>
    </row>
    <row r="247914" spans="14:14">
      <c r="N247914" s="10"/>
    </row>
    <row r="247915" spans="14:14">
      <c r="N247915" s="10"/>
    </row>
    <row r="247916" spans="14:14">
      <c r="N247916" s="10"/>
    </row>
    <row r="247917" spans="14:14">
      <c r="N247917" s="10"/>
    </row>
    <row r="247918" spans="14:14">
      <c r="N247918" s="10"/>
    </row>
    <row r="247919" spans="14:14">
      <c r="N247919" s="10"/>
    </row>
    <row r="247920" spans="14:14">
      <c r="N247920" s="10"/>
    </row>
    <row r="247921" spans="14:14">
      <c r="N247921" s="10"/>
    </row>
    <row r="247922" spans="14:14">
      <c r="N247922" s="10"/>
    </row>
    <row r="247923" spans="14:14">
      <c r="N247923" s="10"/>
    </row>
    <row r="247924" spans="14:14">
      <c r="N247924" s="10"/>
    </row>
    <row r="247925" spans="14:14">
      <c r="N247925" s="10"/>
    </row>
    <row r="247926" spans="14:14">
      <c r="N247926" s="10"/>
    </row>
    <row r="247927" spans="14:14">
      <c r="N247927" s="10"/>
    </row>
    <row r="247928" spans="14:14">
      <c r="N247928" s="10"/>
    </row>
    <row r="247929" spans="14:14">
      <c r="N247929" s="10"/>
    </row>
    <row r="247930" spans="14:14">
      <c r="N247930" s="10"/>
    </row>
    <row r="247931" spans="14:14">
      <c r="N247931" s="10"/>
    </row>
    <row r="247932" spans="14:14">
      <c r="N247932" s="10"/>
    </row>
    <row r="247933" spans="14:14">
      <c r="N247933" s="10"/>
    </row>
    <row r="247934" spans="14:14">
      <c r="N247934" s="10"/>
    </row>
    <row r="247935" spans="14:14">
      <c r="N247935" s="10"/>
    </row>
    <row r="247936" spans="14:14">
      <c r="N247936" s="10"/>
    </row>
    <row r="247937" spans="14:14">
      <c r="N247937" s="10"/>
    </row>
    <row r="247938" spans="14:14">
      <c r="N247938" s="10"/>
    </row>
    <row r="247939" spans="14:14">
      <c r="N247939" s="10"/>
    </row>
    <row r="247940" spans="14:14">
      <c r="N247940" s="10"/>
    </row>
    <row r="247941" spans="14:14">
      <c r="N247941" s="10"/>
    </row>
    <row r="247942" spans="14:14">
      <c r="N247942" s="10"/>
    </row>
    <row r="247943" spans="14:14">
      <c r="N247943" s="10"/>
    </row>
    <row r="247944" spans="14:14">
      <c r="N247944" s="10"/>
    </row>
    <row r="247945" spans="14:14">
      <c r="N247945" s="10"/>
    </row>
    <row r="247946" spans="14:14">
      <c r="N247946" s="10"/>
    </row>
    <row r="247947" spans="14:14">
      <c r="N247947" s="10"/>
    </row>
    <row r="247948" spans="14:14">
      <c r="N247948" s="10"/>
    </row>
    <row r="247949" spans="14:14">
      <c r="N247949" s="10"/>
    </row>
    <row r="247950" spans="14:14">
      <c r="N247950" s="10"/>
    </row>
    <row r="247951" spans="14:14">
      <c r="N247951" s="10"/>
    </row>
    <row r="247952" spans="14:14">
      <c r="N247952" s="10"/>
    </row>
    <row r="247953" spans="14:14">
      <c r="N247953" s="10"/>
    </row>
    <row r="247954" spans="14:14">
      <c r="N247954" s="10"/>
    </row>
    <row r="247955" spans="14:14">
      <c r="N247955" s="10"/>
    </row>
    <row r="247956" spans="14:14">
      <c r="N247956" s="10"/>
    </row>
    <row r="247957" spans="14:14">
      <c r="N247957" s="10"/>
    </row>
    <row r="247958" spans="14:14">
      <c r="N247958" s="10"/>
    </row>
    <row r="247959" spans="14:14">
      <c r="N247959" s="10"/>
    </row>
    <row r="247960" spans="14:14">
      <c r="N247960" s="10"/>
    </row>
    <row r="247961" spans="14:14">
      <c r="N247961" s="10"/>
    </row>
    <row r="247962" spans="14:14">
      <c r="N247962" s="10"/>
    </row>
    <row r="247963" spans="14:14">
      <c r="N247963" s="10"/>
    </row>
    <row r="247964" spans="14:14">
      <c r="N247964" s="10"/>
    </row>
    <row r="247965" spans="14:14">
      <c r="N247965" s="10"/>
    </row>
    <row r="247966" spans="14:14">
      <c r="N247966" s="10"/>
    </row>
    <row r="247967" spans="14:14">
      <c r="N247967" s="10"/>
    </row>
    <row r="247968" spans="14:14">
      <c r="N247968" s="10"/>
    </row>
    <row r="247969" spans="14:14">
      <c r="N247969" s="10"/>
    </row>
    <row r="247970" spans="14:14">
      <c r="N247970" s="10"/>
    </row>
    <row r="247971" spans="14:14">
      <c r="N247971" s="10"/>
    </row>
    <row r="247972" spans="14:14">
      <c r="N247972" s="10"/>
    </row>
    <row r="247973" spans="14:14">
      <c r="N247973" s="10"/>
    </row>
    <row r="247974" spans="14:14">
      <c r="N247974" s="10"/>
    </row>
    <row r="247975" spans="14:14">
      <c r="N247975" s="10"/>
    </row>
    <row r="247976" spans="14:14">
      <c r="N247976" s="10"/>
    </row>
    <row r="247977" spans="14:14">
      <c r="N247977" s="10"/>
    </row>
    <row r="247978" spans="14:14">
      <c r="N247978" s="10"/>
    </row>
    <row r="247979" spans="14:14">
      <c r="N247979" s="10"/>
    </row>
    <row r="247980" spans="14:14">
      <c r="N247980" s="10"/>
    </row>
    <row r="247981" spans="14:14">
      <c r="N247981" s="10"/>
    </row>
    <row r="247982" spans="14:14">
      <c r="N247982" s="10"/>
    </row>
    <row r="247983" spans="14:14">
      <c r="N247983" s="10"/>
    </row>
    <row r="247984" spans="14:14">
      <c r="N247984" s="10"/>
    </row>
    <row r="247985" spans="14:14">
      <c r="N247985" s="10"/>
    </row>
    <row r="247986" spans="14:14">
      <c r="N247986" s="10"/>
    </row>
    <row r="247987" spans="14:14">
      <c r="N247987" s="10"/>
    </row>
    <row r="247988" spans="14:14">
      <c r="N247988" s="10"/>
    </row>
    <row r="247989" spans="14:14">
      <c r="N247989" s="10"/>
    </row>
    <row r="247990" spans="14:14">
      <c r="N247990" s="10"/>
    </row>
    <row r="247991" spans="14:14">
      <c r="N247991" s="10"/>
    </row>
    <row r="247992" spans="14:14">
      <c r="N247992" s="10"/>
    </row>
    <row r="247993" spans="14:14">
      <c r="N247993" s="10"/>
    </row>
    <row r="247994" spans="14:14">
      <c r="N247994" s="10"/>
    </row>
    <row r="247995" spans="14:14">
      <c r="N247995" s="10"/>
    </row>
    <row r="247996" spans="14:14">
      <c r="N247996" s="10"/>
    </row>
    <row r="247997" spans="14:14">
      <c r="N247997" s="10"/>
    </row>
    <row r="247998" spans="14:14">
      <c r="N247998" s="10"/>
    </row>
    <row r="247999" spans="14:14">
      <c r="N247999" s="10"/>
    </row>
    <row r="248000" spans="14:14">
      <c r="N248000" s="10"/>
    </row>
    <row r="248001" spans="14:14">
      <c r="N248001" s="10"/>
    </row>
    <row r="248002" spans="14:14">
      <c r="N248002" s="10"/>
    </row>
    <row r="248003" spans="14:14">
      <c r="N248003" s="10"/>
    </row>
    <row r="248004" spans="14:14">
      <c r="N248004" s="10"/>
    </row>
    <row r="248005" spans="14:14">
      <c r="N248005" s="10"/>
    </row>
    <row r="248006" spans="14:14">
      <c r="N248006" s="10"/>
    </row>
    <row r="248007" spans="14:14">
      <c r="N248007" s="10"/>
    </row>
    <row r="248008" spans="14:14">
      <c r="N248008" s="10"/>
    </row>
    <row r="248009" spans="14:14">
      <c r="N248009" s="10"/>
    </row>
    <row r="248010" spans="14:14">
      <c r="N248010" s="10"/>
    </row>
    <row r="248011" spans="14:14">
      <c r="N248011" s="10"/>
    </row>
    <row r="248012" spans="14:14">
      <c r="N248012" s="10"/>
    </row>
    <row r="248013" spans="14:14">
      <c r="N248013" s="10"/>
    </row>
    <row r="248014" spans="14:14">
      <c r="N248014" s="10"/>
    </row>
    <row r="248015" spans="14:14">
      <c r="N248015" s="10"/>
    </row>
    <row r="248016" spans="14:14">
      <c r="N248016" s="10"/>
    </row>
    <row r="248017" spans="14:14">
      <c r="N248017" s="10"/>
    </row>
    <row r="248018" spans="14:14">
      <c r="N248018" s="10"/>
    </row>
    <row r="248019" spans="14:14">
      <c r="N248019" s="10"/>
    </row>
    <row r="248020" spans="14:14">
      <c r="N248020" s="10"/>
    </row>
    <row r="248021" spans="14:14">
      <c r="N248021" s="10"/>
    </row>
    <row r="248022" spans="14:14">
      <c r="N248022" s="10"/>
    </row>
    <row r="248023" spans="14:14">
      <c r="N248023" s="10"/>
    </row>
    <row r="248024" spans="14:14">
      <c r="N248024" s="10"/>
    </row>
    <row r="248025" spans="14:14">
      <c r="N248025" s="10"/>
    </row>
    <row r="248026" spans="14:14">
      <c r="N248026" s="10"/>
    </row>
    <row r="248027" spans="14:14">
      <c r="N248027" s="10"/>
    </row>
    <row r="248028" spans="14:14">
      <c r="N248028" s="10"/>
    </row>
    <row r="248029" spans="14:14">
      <c r="N248029" s="10"/>
    </row>
    <row r="248030" spans="14:14">
      <c r="N248030" s="10"/>
    </row>
    <row r="248031" spans="14:14">
      <c r="N248031" s="10"/>
    </row>
    <row r="248032" spans="14:14">
      <c r="N248032" s="10"/>
    </row>
    <row r="248033" spans="14:14">
      <c r="N248033" s="10"/>
    </row>
    <row r="248034" spans="14:14">
      <c r="N248034" s="10"/>
    </row>
    <row r="248035" spans="14:14">
      <c r="N248035" s="10"/>
    </row>
    <row r="248036" spans="14:14">
      <c r="N248036" s="10"/>
    </row>
    <row r="248037" spans="14:14">
      <c r="N248037" s="10"/>
    </row>
    <row r="248038" spans="14:14">
      <c r="N248038" s="10"/>
    </row>
    <row r="248039" spans="14:14">
      <c r="N248039" s="10"/>
    </row>
    <row r="248040" spans="14:14">
      <c r="N248040" s="10"/>
    </row>
    <row r="248041" spans="14:14">
      <c r="N248041" s="10"/>
    </row>
    <row r="248042" spans="14:14">
      <c r="N248042" s="10"/>
    </row>
    <row r="248043" spans="14:14">
      <c r="N248043" s="10"/>
    </row>
    <row r="248044" spans="14:14">
      <c r="N248044" s="10"/>
    </row>
    <row r="248045" spans="14:14">
      <c r="N248045" s="10"/>
    </row>
    <row r="248046" spans="14:14">
      <c r="N248046" s="10"/>
    </row>
    <row r="248047" spans="14:14">
      <c r="N248047" s="10"/>
    </row>
    <row r="248048" spans="14:14">
      <c r="N248048" s="10"/>
    </row>
    <row r="248049" spans="14:14">
      <c r="N248049" s="10"/>
    </row>
    <row r="248050" spans="14:14">
      <c r="N248050" s="10"/>
    </row>
    <row r="248051" spans="14:14">
      <c r="N248051" s="10"/>
    </row>
    <row r="248052" spans="14:14">
      <c r="N248052" s="10"/>
    </row>
    <row r="248053" spans="14:14">
      <c r="N248053" s="10"/>
    </row>
    <row r="248054" spans="14:14">
      <c r="N248054" s="10"/>
    </row>
    <row r="248055" spans="14:14">
      <c r="N248055" s="10"/>
    </row>
    <row r="248056" spans="14:14">
      <c r="N248056" s="10"/>
    </row>
    <row r="248057" spans="14:14">
      <c r="N248057" s="10"/>
    </row>
    <row r="248058" spans="14:14">
      <c r="N248058" s="10"/>
    </row>
    <row r="248059" spans="14:14">
      <c r="N248059" s="10"/>
    </row>
    <row r="248060" spans="14:14">
      <c r="N248060" s="10"/>
    </row>
    <row r="248061" spans="14:14">
      <c r="N248061" s="10"/>
    </row>
    <row r="248062" spans="14:14">
      <c r="N248062" s="10"/>
    </row>
    <row r="248063" spans="14:14">
      <c r="N248063" s="10"/>
    </row>
    <row r="248064" spans="14:14">
      <c r="N248064" s="10"/>
    </row>
    <row r="248065" spans="14:14">
      <c r="N248065" s="10"/>
    </row>
    <row r="248066" spans="14:14">
      <c r="N248066" s="10"/>
    </row>
    <row r="248067" spans="14:14">
      <c r="N248067" s="10"/>
    </row>
    <row r="248068" spans="14:14">
      <c r="N248068" s="10"/>
    </row>
    <row r="248069" spans="14:14">
      <c r="N248069" s="10"/>
    </row>
    <row r="248070" spans="14:14">
      <c r="N248070" s="10"/>
    </row>
    <row r="248071" spans="14:14">
      <c r="N248071" s="10"/>
    </row>
    <row r="248072" spans="14:14">
      <c r="N248072" s="10"/>
    </row>
    <row r="248073" spans="14:14">
      <c r="N248073" s="10"/>
    </row>
    <row r="248074" spans="14:14">
      <c r="N248074" s="10"/>
    </row>
    <row r="248075" spans="14:14">
      <c r="N248075" s="10"/>
    </row>
    <row r="248076" spans="14:14">
      <c r="N248076" s="10"/>
    </row>
    <row r="248077" spans="14:14">
      <c r="N248077" s="10"/>
    </row>
    <row r="248078" spans="14:14">
      <c r="N248078" s="10"/>
    </row>
    <row r="248079" spans="14:14">
      <c r="N248079" s="10"/>
    </row>
    <row r="248080" spans="14:14">
      <c r="N248080" s="10"/>
    </row>
    <row r="248081" spans="14:14">
      <c r="N248081" s="10"/>
    </row>
    <row r="248082" spans="14:14">
      <c r="N248082" s="10"/>
    </row>
    <row r="248083" spans="14:14">
      <c r="N248083" s="10"/>
    </row>
    <row r="248084" spans="14:14">
      <c r="N248084" s="10"/>
    </row>
    <row r="248085" spans="14:14">
      <c r="N248085" s="10"/>
    </row>
    <row r="248086" spans="14:14">
      <c r="N248086" s="10"/>
    </row>
    <row r="248087" spans="14:14">
      <c r="N248087" s="10"/>
    </row>
    <row r="248088" spans="14:14">
      <c r="N248088" s="10"/>
    </row>
    <row r="248089" spans="14:14">
      <c r="N248089" s="10"/>
    </row>
    <row r="248090" spans="14:14">
      <c r="N248090" s="10"/>
    </row>
    <row r="248091" spans="14:14">
      <c r="N248091" s="10"/>
    </row>
    <row r="248092" spans="14:14">
      <c r="N248092" s="10"/>
    </row>
    <row r="248093" spans="14:14">
      <c r="N248093" s="10"/>
    </row>
    <row r="248094" spans="14:14">
      <c r="N248094" s="10"/>
    </row>
    <row r="248095" spans="14:14">
      <c r="N248095" s="10"/>
    </row>
    <row r="248096" spans="14:14">
      <c r="N248096" s="10"/>
    </row>
    <row r="248097" spans="14:14">
      <c r="N248097" s="10"/>
    </row>
    <row r="248098" spans="14:14">
      <c r="N248098" s="10"/>
    </row>
    <row r="248099" spans="14:14">
      <c r="N248099" s="10"/>
    </row>
    <row r="248100" spans="14:14">
      <c r="N248100" s="10"/>
    </row>
    <row r="248101" spans="14:14">
      <c r="N248101" s="10"/>
    </row>
    <row r="248102" spans="14:14">
      <c r="N248102" s="10"/>
    </row>
    <row r="248103" spans="14:14">
      <c r="N248103" s="10"/>
    </row>
    <row r="248104" spans="14:14">
      <c r="N248104" s="10"/>
    </row>
    <row r="248105" spans="14:14">
      <c r="N248105" s="10"/>
    </row>
    <row r="248106" spans="14:14">
      <c r="N248106" s="10"/>
    </row>
    <row r="248107" spans="14:14">
      <c r="N248107" s="10"/>
    </row>
    <row r="248108" spans="14:14">
      <c r="N248108" s="10"/>
    </row>
    <row r="248109" spans="14:14">
      <c r="N248109" s="10"/>
    </row>
    <row r="248110" spans="14:14">
      <c r="N248110" s="10"/>
    </row>
    <row r="248111" spans="14:14">
      <c r="N248111" s="10"/>
    </row>
    <row r="248112" spans="14:14">
      <c r="N248112" s="10"/>
    </row>
    <row r="248113" spans="14:14">
      <c r="N248113" s="10"/>
    </row>
    <row r="248114" spans="14:14">
      <c r="N248114" s="10"/>
    </row>
    <row r="248115" spans="14:14">
      <c r="N248115" s="10"/>
    </row>
    <row r="248116" spans="14:14">
      <c r="N248116" s="10"/>
    </row>
    <row r="248117" spans="14:14">
      <c r="N248117" s="10"/>
    </row>
    <row r="248118" spans="14:14">
      <c r="N248118" s="10"/>
    </row>
    <row r="248119" spans="14:14">
      <c r="N248119" s="10"/>
    </row>
    <row r="248120" spans="14:14">
      <c r="N248120" s="10"/>
    </row>
    <row r="248121" spans="14:14">
      <c r="N248121" s="10"/>
    </row>
    <row r="248122" spans="14:14">
      <c r="N248122" s="10"/>
    </row>
    <row r="248123" spans="14:14">
      <c r="N248123" s="10"/>
    </row>
    <row r="248124" spans="14:14">
      <c r="N248124" s="10"/>
    </row>
    <row r="248125" spans="14:14">
      <c r="N248125" s="10"/>
    </row>
    <row r="248126" spans="14:14">
      <c r="N248126" s="10"/>
    </row>
    <row r="248127" spans="14:14">
      <c r="N248127" s="10"/>
    </row>
    <row r="248128" spans="14:14">
      <c r="N248128" s="10"/>
    </row>
    <row r="248129" spans="14:14">
      <c r="N248129" s="10"/>
    </row>
    <row r="248130" spans="14:14">
      <c r="N248130" s="10"/>
    </row>
    <row r="248131" spans="14:14">
      <c r="N248131" s="10"/>
    </row>
    <row r="248132" spans="14:14">
      <c r="N248132" s="10"/>
    </row>
    <row r="248133" spans="14:14">
      <c r="N248133" s="10"/>
    </row>
    <row r="248134" spans="14:14">
      <c r="N248134" s="10"/>
    </row>
    <row r="248135" spans="14:14">
      <c r="N248135" s="10"/>
    </row>
    <row r="248136" spans="14:14">
      <c r="N248136" s="10"/>
    </row>
    <row r="248137" spans="14:14">
      <c r="N248137" s="10"/>
    </row>
    <row r="248138" spans="14:14">
      <c r="N248138" s="10"/>
    </row>
    <row r="248139" spans="14:14">
      <c r="N248139" s="10"/>
    </row>
    <row r="248140" spans="14:14">
      <c r="N248140" s="10"/>
    </row>
    <row r="248141" spans="14:14">
      <c r="N248141" s="10"/>
    </row>
    <row r="248142" spans="14:14">
      <c r="N248142" s="10"/>
    </row>
    <row r="248143" spans="14:14">
      <c r="N248143" s="10"/>
    </row>
    <row r="248144" spans="14:14">
      <c r="N248144" s="10"/>
    </row>
    <row r="248145" spans="14:14">
      <c r="N248145" s="10"/>
    </row>
    <row r="248146" spans="14:14">
      <c r="N248146" s="10"/>
    </row>
    <row r="248147" spans="14:14">
      <c r="N248147" s="10"/>
    </row>
    <row r="248148" spans="14:14">
      <c r="N248148" s="10"/>
    </row>
    <row r="248149" spans="14:14">
      <c r="N248149" s="10"/>
    </row>
    <row r="248150" spans="14:14">
      <c r="N248150" s="10"/>
    </row>
    <row r="248151" spans="14:14">
      <c r="N248151" s="10"/>
    </row>
    <row r="248152" spans="14:14">
      <c r="N248152" s="10"/>
    </row>
    <row r="248153" spans="14:14">
      <c r="N248153" s="10"/>
    </row>
    <row r="248154" spans="14:14">
      <c r="N248154" s="10"/>
    </row>
    <row r="248155" spans="14:14">
      <c r="N248155" s="10"/>
    </row>
    <row r="248156" spans="14:14">
      <c r="N248156" s="10"/>
    </row>
    <row r="248157" spans="14:14">
      <c r="N248157" s="10"/>
    </row>
    <row r="248158" spans="14:14">
      <c r="N248158" s="10"/>
    </row>
    <row r="248159" spans="14:14">
      <c r="N248159" s="10"/>
    </row>
    <row r="248160" spans="14:14">
      <c r="N248160" s="10"/>
    </row>
    <row r="248161" spans="14:14">
      <c r="N248161" s="10"/>
    </row>
    <row r="248162" spans="14:14">
      <c r="N248162" s="10"/>
    </row>
    <row r="248163" spans="14:14">
      <c r="N248163" s="10"/>
    </row>
    <row r="248164" spans="14:14">
      <c r="N248164" s="10"/>
    </row>
    <row r="248165" spans="14:14">
      <c r="N248165" s="10"/>
    </row>
    <row r="248166" spans="14:14">
      <c r="N248166" s="10"/>
    </row>
    <row r="248167" spans="14:14">
      <c r="N248167" s="10"/>
    </row>
    <row r="248168" spans="14:14">
      <c r="N248168" s="10"/>
    </row>
    <row r="248169" spans="14:14">
      <c r="N248169" s="10"/>
    </row>
    <row r="248170" spans="14:14">
      <c r="N248170" s="10"/>
    </row>
    <row r="248171" spans="14:14">
      <c r="N248171" s="10"/>
    </row>
    <row r="248172" spans="14:14">
      <c r="N248172" s="10"/>
    </row>
    <row r="248173" spans="14:14">
      <c r="N248173" s="10"/>
    </row>
    <row r="248174" spans="14:14">
      <c r="N248174" s="10"/>
    </row>
    <row r="248175" spans="14:14">
      <c r="N248175" s="10"/>
    </row>
    <row r="248176" spans="14:14">
      <c r="N248176" s="10"/>
    </row>
    <row r="248177" spans="14:14">
      <c r="N248177" s="10"/>
    </row>
    <row r="248178" spans="14:14">
      <c r="N248178" s="10"/>
    </row>
    <row r="248179" spans="14:14">
      <c r="N248179" s="10"/>
    </row>
    <row r="248180" spans="14:14">
      <c r="N248180" s="10"/>
    </row>
    <row r="248181" spans="14:14">
      <c r="N248181" s="10"/>
    </row>
    <row r="248182" spans="14:14">
      <c r="N248182" s="10"/>
    </row>
    <row r="248183" spans="14:14">
      <c r="N248183" s="10"/>
    </row>
    <row r="248184" spans="14:14">
      <c r="N248184" s="10"/>
    </row>
    <row r="248185" spans="14:14">
      <c r="N248185" s="10"/>
    </row>
    <row r="248186" spans="14:14">
      <c r="N248186" s="10"/>
    </row>
    <row r="248187" spans="14:14">
      <c r="N248187" s="10"/>
    </row>
    <row r="248188" spans="14:14">
      <c r="N248188" s="10"/>
    </row>
    <row r="248189" spans="14:14">
      <c r="N248189" s="10"/>
    </row>
    <row r="248190" spans="14:14">
      <c r="N248190" s="10"/>
    </row>
    <row r="248191" spans="14:14">
      <c r="N248191" s="10"/>
    </row>
    <row r="248192" spans="14:14">
      <c r="N248192" s="10"/>
    </row>
    <row r="248193" spans="14:14">
      <c r="N248193" s="10"/>
    </row>
    <row r="248194" spans="14:14">
      <c r="N248194" s="10"/>
    </row>
    <row r="248195" spans="14:14">
      <c r="N248195" s="10"/>
    </row>
    <row r="248196" spans="14:14">
      <c r="N248196" s="10"/>
    </row>
    <row r="248197" spans="14:14">
      <c r="N248197" s="10"/>
    </row>
    <row r="248198" spans="14:14">
      <c r="N248198" s="10"/>
    </row>
    <row r="248199" spans="14:14">
      <c r="N248199" s="10"/>
    </row>
    <row r="248200" spans="14:14">
      <c r="N248200" s="10"/>
    </row>
    <row r="248201" spans="14:14">
      <c r="N248201" s="10"/>
    </row>
    <row r="248202" spans="14:14">
      <c r="N248202" s="10"/>
    </row>
    <row r="248203" spans="14:14">
      <c r="N248203" s="10"/>
    </row>
    <row r="248204" spans="14:14">
      <c r="N248204" s="10"/>
    </row>
    <row r="248205" spans="14:14">
      <c r="N248205" s="10"/>
    </row>
    <row r="248206" spans="14:14">
      <c r="N248206" s="10"/>
    </row>
    <row r="248207" spans="14:14">
      <c r="N248207" s="10"/>
    </row>
    <row r="248208" spans="14:14">
      <c r="N248208" s="10"/>
    </row>
    <row r="248209" spans="14:14">
      <c r="N248209" s="10"/>
    </row>
    <row r="248210" spans="14:14">
      <c r="N248210" s="10"/>
    </row>
    <row r="248211" spans="14:14">
      <c r="N248211" s="10"/>
    </row>
    <row r="248212" spans="14:14">
      <c r="N248212" s="10"/>
    </row>
    <row r="248213" spans="14:14">
      <c r="N248213" s="10"/>
    </row>
    <row r="248214" spans="14:14">
      <c r="N248214" s="10"/>
    </row>
    <row r="248215" spans="14:14">
      <c r="N248215" s="10"/>
    </row>
    <row r="248216" spans="14:14">
      <c r="N248216" s="10"/>
    </row>
    <row r="248217" spans="14:14">
      <c r="N248217" s="10"/>
    </row>
    <row r="248218" spans="14:14">
      <c r="N248218" s="10"/>
    </row>
    <row r="248219" spans="14:14">
      <c r="N248219" s="10"/>
    </row>
    <row r="248220" spans="14:14">
      <c r="N248220" s="10"/>
    </row>
    <row r="248221" spans="14:14">
      <c r="N248221" s="10"/>
    </row>
    <row r="248222" spans="14:14">
      <c r="N248222" s="10"/>
    </row>
    <row r="248223" spans="14:14">
      <c r="N248223" s="10"/>
    </row>
    <row r="248224" spans="14:14">
      <c r="N248224" s="10"/>
    </row>
    <row r="248225" spans="14:14">
      <c r="N248225" s="10"/>
    </row>
    <row r="248226" spans="14:14">
      <c r="N248226" s="10"/>
    </row>
    <row r="248227" spans="14:14">
      <c r="N248227" s="10"/>
    </row>
    <row r="248228" spans="14:14">
      <c r="N248228" s="10"/>
    </row>
    <row r="248229" spans="14:14">
      <c r="N248229" s="10"/>
    </row>
    <row r="248230" spans="14:14">
      <c r="N248230" s="10"/>
    </row>
    <row r="248231" spans="14:14">
      <c r="N248231" s="10"/>
    </row>
    <row r="248232" spans="14:14">
      <c r="N248232" s="10"/>
    </row>
    <row r="248233" spans="14:14">
      <c r="N248233" s="10"/>
    </row>
    <row r="248234" spans="14:14">
      <c r="N248234" s="10"/>
    </row>
    <row r="248235" spans="14:14">
      <c r="N248235" s="10"/>
    </row>
    <row r="248236" spans="14:14">
      <c r="N248236" s="10"/>
    </row>
    <row r="248237" spans="14:14">
      <c r="N248237" s="10"/>
    </row>
    <row r="248238" spans="14:14">
      <c r="N248238" s="10"/>
    </row>
    <row r="248239" spans="14:14">
      <c r="N248239" s="10"/>
    </row>
    <row r="248240" spans="14:14">
      <c r="N248240" s="10"/>
    </row>
    <row r="248241" spans="14:14">
      <c r="N248241" s="10"/>
    </row>
    <row r="248242" spans="14:14">
      <c r="N248242" s="10"/>
    </row>
    <row r="248243" spans="14:14">
      <c r="N248243" s="10"/>
    </row>
    <row r="248244" spans="14:14">
      <c r="N248244" s="10"/>
    </row>
    <row r="248245" spans="14:14">
      <c r="N248245" s="10"/>
    </row>
    <row r="248246" spans="14:14">
      <c r="N248246" s="10"/>
    </row>
    <row r="248247" spans="14:14">
      <c r="N248247" s="10"/>
    </row>
    <row r="248248" spans="14:14">
      <c r="N248248" s="10"/>
    </row>
    <row r="248249" spans="14:14">
      <c r="N248249" s="10"/>
    </row>
    <row r="248250" spans="14:14">
      <c r="N248250" s="10"/>
    </row>
    <row r="248251" spans="14:14">
      <c r="N248251" s="10"/>
    </row>
    <row r="248252" spans="14:14">
      <c r="N248252" s="10"/>
    </row>
    <row r="248253" spans="14:14">
      <c r="N248253" s="10"/>
    </row>
    <row r="248254" spans="14:14">
      <c r="N248254" s="10"/>
    </row>
    <row r="248255" spans="14:14">
      <c r="N248255" s="10"/>
    </row>
    <row r="248256" spans="14:14">
      <c r="N248256" s="10"/>
    </row>
    <row r="248257" spans="14:14">
      <c r="N248257" s="10"/>
    </row>
    <row r="248258" spans="14:14">
      <c r="N248258" s="10"/>
    </row>
    <row r="248259" spans="14:14">
      <c r="N248259" s="10"/>
    </row>
    <row r="248260" spans="14:14">
      <c r="N248260" s="10"/>
    </row>
    <row r="248261" spans="14:14">
      <c r="N248261" s="10"/>
    </row>
    <row r="248262" spans="14:14">
      <c r="N248262" s="10"/>
    </row>
    <row r="248263" spans="14:14">
      <c r="N248263" s="10"/>
    </row>
    <row r="248264" spans="14:14">
      <c r="N248264" s="10"/>
    </row>
    <row r="248265" spans="14:14">
      <c r="N248265" s="10"/>
    </row>
    <row r="248266" spans="14:14">
      <c r="N248266" s="10"/>
    </row>
    <row r="248267" spans="14:14">
      <c r="N248267" s="10"/>
    </row>
    <row r="248268" spans="14:14">
      <c r="N248268" s="10"/>
    </row>
    <row r="248269" spans="14:14">
      <c r="N248269" s="10"/>
    </row>
    <row r="248270" spans="14:14">
      <c r="N248270" s="10"/>
    </row>
    <row r="248271" spans="14:14">
      <c r="N248271" s="10"/>
    </row>
    <row r="248272" spans="14:14">
      <c r="N248272" s="10"/>
    </row>
    <row r="248273" spans="14:14">
      <c r="N248273" s="10"/>
    </row>
    <row r="248274" spans="14:14">
      <c r="N248274" s="10"/>
    </row>
    <row r="248275" spans="14:14">
      <c r="N248275" s="10"/>
    </row>
    <row r="248276" spans="14:14">
      <c r="N248276" s="10"/>
    </row>
    <row r="248277" spans="14:14">
      <c r="N248277" s="10"/>
    </row>
    <row r="248278" spans="14:14">
      <c r="N248278" s="10"/>
    </row>
    <row r="248279" spans="14:14">
      <c r="N248279" s="10"/>
    </row>
    <row r="248280" spans="14:14">
      <c r="N248280" s="10"/>
    </row>
    <row r="248281" spans="14:14">
      <c r="N248281" s="10"/>
    </row>
    <row r="248282" spans="14:14">
      <c r="N248282" s="10"/>
    </row>
    <row r="248283" spans="14:14">
      <c r="N248283" s="10"/>
    </row>
    <row r="248284" spans="14:14">
      <c r="N248284" s="10"/>
    </row>
    <row r="248285" spans="14:14">
      <c r="N248285" s="10"/>
    </row>
    <row r="248286" spans="14:14">
      <c r="N248286" s="10"/>
    </row>
    <row r="248287" spans="14:14">
      <c r="N248287" s="10"/>
    </row>
    <row r="248288" spans="14:14">
      <c r="N248288" s="10"/>
    </row>
    <row r="248289" spans="14:14">
      <c r="N248289" s="10"/>
    </row>
    <row r="248290" spans="14:14">
      <c r="N248290" s="10"/>
    </row>
    <row r="248291" spans="14:14">
      <c r="N248291" s="10"/>
    </row>
    <row r="248292" spans="14:14">
      <c r="N248292" s="10"/>
    </row>
    <row r="248293" spans="14:14">
      <c r="N248293" s="10"/>
    </row>
    <row r="248294" spans="14:14">
      <c r="N248294" s="10"/>
    </row>
    <row r="248295" spans="14:14">
      <c r="N248295" s="10"/>
    </row>
    <row r="248296" spans="14:14">
      <c r="N248296" s="10"/>
    </row>
    <row r="248297" spans="14:14">
      <c r="N248297" s="10"/>
    </row>
    <row r="248298" spans="14:14">
      <c r="N248298" s="10"/>
    </row>
    <row r="248299" spans="14:14">
      <c r="N248299" s="10"/>
    </row>
    <row r="248300" spans="14:14">
      <c r="N248300" s="10"/>
    </row>
    <row r="248301" spans="14:14">
      <c r="N248301" s="10"/>
    </row>
    <row r="248302" spans="14:14">
      <c r="N248302" s="10"/>
    </row>
    <row r="248303" spans="14:14">
      <c r="N248303" s="10"/>
    </row>
    <row r="248304" spans="14:14">
      <c r="N248304" s="10"/>
    </row>
    <row r="248305" spans="14:14">
      <c r="N248305" s="10"/>
    </row>
    <row r="248306" spans="14:14">
      <c r="N248306" s="10"/>
    </row>
    <row r="248307" spans="14:14">
      <c r="N248307" s="10"/>
    </row>
    <row r="248308" spans="14:14">
      <c r="N248308" s="10"/>
    </row>
    <row r="248309" spans="14:14">
      <c r="N248309" s="10"/>
    </row>
    <row r="248310" spans="14:14">
      <c r="N248310" s="10"/>
    </row>
    <row r="248311" spans="14:14">
      <c r="N248311" s="10"/>
    </row>
    <row r="248312" spans="14:14">
      <c r="N248312" s="10"/>
    </row>
    <row r="248313" spans="14:14">
      <c r="N248313" s="10"/>
    </row>
    <row r="248314" spans="14:14">
      <c r="N248314" s="10"/>
    </row>
    <row r="248315" spans="14:14">
      <c r="N248315" s="10"/>
    </row>
    <row r="248316" spans="14:14">
      <c r="N248316" s="10"/>
    </row>
    <row r="248317" spans="14:14">
      <c r="N248317" s="10"/>
    </row>
    <row r="248318" spans="14:14">
      <c r="N248318" s="10"/>
    </row>
    <row r="248319" spans="14:14">
      <c r="N248319" s="10"/>
    </row>
    <row r="248320" spans="14:14">
      <c r="N248320" s="10"/>
    </row>
    <row r="248321" spans="14:14">
      <c r="N248321" s="10"/>
    </row>
    <row r="248322" spans="14:14">
      <c r="N248322" s="10"/>
    </row>
    <row r="248323" spans="14:14">
      <c r="N248323" s="10"/>
    </row>
    <row r="248324" spans="14:14">
      <c r="N248324" s="10"/>
    </row>
    <row r="248325" spans="14:14">
      <c r="N248325" s="10"/>
    </row>
    <row r="248326" spans="14:14">
      <c r="N248326" s="10"/>
    </row>
    <row r="248327" spans="14:14">
      <c r="N248327" s="10"/>
    </row>
    <row r="248328" spans="14:14">
      <c r="N248328" s="10"/>
    </row>
    <row r="248329" spans="14:14">
      <c r="N248329" s="10"/>
    </row>
    <row r="248330" spans="14:14">
      <c r="N248330" s="10"/>
    </row>
    <row r="248331" spans="14:14">
      <c r="N248331" s="10"/>
    </row>
    <row r="248332" spans="14:14">
      <c r="N248332" s="10"/>
    </row>
    <row r="248333" spans="14:14">
      <c r="N248333" s="10"/>
    </row>
    <row r="248334" spans="14:14">
      <c r="N248334" s="10"/>
    </row>
    <row r="248335" spans="14:14">
      <c r="N248335" s="10"/>
    </row>
    <row r="248336" spans="14:14">
      <c r="N248336" s="10"/>
    </row>
    <row r="248337" spans="14:14">
      <c r="N248337" s="10"/>
    </row>
    <row r="248338" spans="14:14">
      <c r="N248338" s="10"/>
    </row>
    <row r="248339" spans="14:14">
      <c r="N248339" s="10"/>
    </row>
    <row r="248340" spans="14:14">
      <c r="N248340" s="10"/>
    </row>
    <row r="248341" spans="14:14">
      <c r="N248341" s="10"/>
    </row>
    <row r="248342" spans="14:14">
      <c r="N248342" s="10"/>
    </row>
    <row r="248343" spans="14:14">
      <c r="N248343" s="10"/>
    </row>
    <row r="248344" spans="14:14">
      <c r="N248344" s="10"/>
    </row>
    <row r="248345" spans="14:14">
      <c r="N248345" s="10"/>
    </row>
    <row r="248346" spans="14:14">
      <c r="N248346" s="10"/>
    </row>
    <row r="248347" spans="14:14">
      <c r="N248347" s="10"/>
    </row>
    <row r="248348" spans="14:14">
      <c r="N248348" s="10"/>
    </row>
    <row r="248349" spans="14:14">
      <c r="N248349" s="10"/>
    </row>
    <row r="248350" spans="14:14">
      <c r="N248350" s="10"/>
    </row>
    <row r="248351" spans="14:14">
      <c r="N248351" s="10"/>
    </row>
    <row r="248352" spans="14:14">
      <c r="N248352" s="10"/>
    </row>
    <row r="248353" spans="14:14">
      <c r="N248353" s="10"/>
    </row>
    <row r="248354" spans="14:14">
      <c r="N248354" s="10"/>
    </row>
    <row r="248355" spans="14:14">
      <c r="N248355" s="10"/>
    </row>
    <row r="248356" spans="14:14">
      <c r="N248356" s="10"/>
    </row>
    <row r="248357" spans="14:14">
      <c r="N248357" s="10"/>
    </row>
    <row r="248358" spans="14:14">
      <c r="N248358" s="10"/>
    </row>
    <row r="248359" spans="14:14">
      <c r="N248359" s="10"/>
    </row>
    <row r="248360" spans="14:14">
      <c r="N248360" s="10"/>
    </row>
    <row r="248361" spans="14:14">
      <c r="N248361" s="10"/>
    </row>
    <row r="248362" spans="14:14">
      <c r="N248362" s="10"/>
    </row>
    <row r="248363" spans="14:14">
      <c r="N248363" s="10"/>
    </row>
    <row r="248364" spans="14:14">
      <c r="N248364" s="10"/>
    </row>
    <row r="248365" spans="14:14">
      <c r="N248365" s="10"/>
    </row>
    <row r="248366" spans="14:14">
      <c r="N248366" s="10"/>
    </row>
    <row r="248367" spans="14:14">
      <c r="N248367" s="10"/>
    </row>
    <row r="248368" spans="14:14">
      <c r="N248368" s="10"/>
    </row>
    <row r="248369" spans="14:14">
      <c r="N248369" s="10"/>
    </row>
    <row r="248370" spans="14:14">
      <c r="N248370" s="10"/>
    </row>
    <row r="248371" spans="14:14">
      <c r="N248371" s="10"/>
    </row>
    <row r="248372" spans="14:14">
      <c r="N248372" s="10"/>
    </row>
    <row r="248373" spans="14:14">
      <c r="N248373" s="10"/>
    </row>
    <row r="248374" spans="14:14">
      <c r="N248374" s="10"/>
    </row>
    <row r="248375" spans="14:14">
      <c r="N248375" s="10"/>
    </row>
    <row r="248376" spans="14:14">
      <c r="N248376" s="10"/>
    </row>
    <row r="248377" spans="14:14">
      <c r="N248377" s="10"/>
    </row>
    <row r="248378" spans="14:14">
      <c r="N248378" s="10"/>
    </row>
    <row r="248379" spans="14:14">
      <c r="N248379" s="10"/>
    </row>
    <row r="248380" spans="14:14">
      <c r="N248380" s="10"/>
    </row>
    <row r="248381" spans="14:14">
      <c r="N248381" s="10"/>
    </row>
    <row r="248382" spans="14:14">
      <c r="N248382" s="10"/>
    </row>
    <row r="248383" spans="14:14">
      <c r="N248383" s="10"/>
    </row>
    <row r="248384" spans="14:14">
      <c r="N248384" s="10"/>
    </row>
    <row r="248385" spans="14:14">
      <c r="N248385" s="10"/>
    </row>
    <row r="248386" spans="14:14">
      <c r="N248386" s="10"/>
    </row>
    <row r="248387" spans="14:14">
      <c r="N248387" s="10"/>
    </row>
    <row r="248388" spans="14:14">
      <c r="N248388" s="10"/>
    </row>
    <row r="248389" spans="14:14">
      <c r="N248389" s="10"/>
    </row>
    <row r="248390" spans="14:14">
      <c r="N248390" s="10"/>
    </row>
    <row r="248391" spans="14:14">
      <c r="N248391" s="10"/>
    </row>
    <row r="248392" spans="14:14">
      <c r="N248392" s="10"/>
    </row>
    <row r="248393" spans="14:14">
      <c r="N248393" s="10"/>
    </row>
    <row r="248394" spans="14:14">
      <c r="N248394" s="10"/>
    </row>
    <row r="248395" spans="14:14">
      <c r="N248395" s="10"/>
    </row>
    <row r="248396" spans="14:14">
      <c r="N248396" s="10"/>
    </row>
    <row r="248397" spans="14:14">
      <c r="N248397" s="10"/>
    </row>
    <row r="248398" spans="14:14">
      <c r="N248398" s="10"/>
    </row>
    <row r="248399" spans="14:14">
      <c r="N248399" s="10"/>
    </row>
    <row r="248400" spans="14:14">
      <c r="N248400" s="10"/>
    </row>
    <row r="248401" spans="14:14">
      <c r="N248401" s="10"/>
    </row>
    <row r="248402" spans="14:14">
      <c r="N248402" s="10"/>
    </row>
    <row r="248403" spans="14:14">
      <c r="N248403" s="10"/>
    </row>
    <row r="248404" spans="14:14">
      <c r="N248404" s="10"/>
    </row>
    <row r="248405" spans="14:14">
      <c r="N248405" s="10"/>
    </row>
    <row r="248406" spans="14:14">
      <c r="N248406" s="10"/>
    </row>
    <row r="248407" spans="14:14">
      <c r="N248407" s="10"/>
    </row>
    <row r="248408" spans="14:14">
      <c r="N248408" s="10"/>
    </row>
    <row r="248409" spans="14:14">
      <c r="N248409" s="10"/>
    </row>
    <row r="248410" spans="14:14">
      <c r="N248410" s="10"/>
    </row>
    <row r="248411" spans="14:14">
      <c r="N248411" s="10"/>
    </row>
    <row r="248412" spans="14:14">
      <c r="N248412" s="10"/>
    </row>
    <row r="248413" spans="14:14">
      <c r="N248413" s="10"/>
    </row>
    <row r="248414" spans="14:14">
      <c r="N248414" s="10"/>
    </row>
    <row r="248415" spans="14:14">
      <c r="N248415" s="10"/>
    </row>
    <row r="248416" spans="14:14">
      <c r="N248416" s="10"/>
    </row>
    <row r="248417" spans="14:14">
      <c r="N248417" s="10"/>
    </row>
    <row r="248418" spans="14:14">
      <c r="N248418" s="10"/>
    </row>
    <row r="248419" spans="14:14">
      <c r="N248419" s="10"/>
    </row>
    <row r="248420" spans="14:14">
      <c r="N248420" s="10"/>
    </row>
    <row r="248421" spans="14:14">
      <c r="N248421" s="10"/>
    </row>
    <row r="248422" spans="14:14">
      <c r="N248422" s="10"/>
    </row>
    <row r="248423" spans="14:14">
      <c r="N248423" s="10"/>
    </row>
    <row r="248424" spans="14:14">
      <c r="N248424" s="10"/>
    </row>
    <row r="248425" spans="14:14">
      <c r="N248425" s="10"/>
    </row>
    <row r="248426" spans="14:14">
      <c r="N248426" s="10"/>
    </row>
    <row r="248427" spans="14:14">
      <c r="N248427" s="10"/>
    </row>
    <row r="248428" spans="14:14">
      <c r="N248428" s="10"/>
    </row>
    <row r="248429" spans="14:14">
      <c r="N248429" s="10"/>
    </row>
    <row r="248430" spans="14:14">
      <c r="N248430" s="10"/>
    </row>
    <row r="248431" spans="14:14">
      <c r="N248431" s="10"/>
    </row>
    <row r="248432" spans="14:14">
      <c r="N248432" s="10"/>
    </row>
    <row r="248433" spans="14:14">
      <c r="N248433" s="10"/>
    </row>
    <row r="248434" spans="14:14">
      <c r="N248434" s="10"/>
    </row>
    <row r="248435" spans="14:14">
      <c r="N248435" s="10"/>
    </row>
    <row r="248436" spans="14:14">
      <c r="N248436" s="10"/>
    </row>
    <row r="248437" spans="14:14">
      <c r="N248437" s="10"/>
    </row>
    <row r="248438" spans="14:14">
      <c r="N248438" s="10"/>
    </row>
    <row r="248439" spans="14:14">
      <c r="N248439" s="10"/>
    </row>
    <row r="248440" spans="14:14">
      <c r="N248440" s="10"/>
    </row>
    <row r="248441" spans="14:14">
      <c r="N248441" s="10"/>
    </row>
    <row r="248442" spans="14:14">
      <c r="N248442" s="10"/>
    </row>
    <row r="248443" spans="14:14">
      <c r="N248443" s="10"/>
    </row>
    <row r="248444" spans="14:14">
      <c r="N248444" s="10"/>
    </row>
    <row r="248445" spans="14:14">
      <c r="N248445" s="10"/>
    </row>
    <row r="248446" spans="14:14">
      <c r="N248446" s="10"/>
    </row>
    <row r="248447" spans="14:14">
      <c r="N248447" s="10"/>
    </row>
    <row r="248448" spans="14:14">
      <c r="N248448" s="10"/>
    </row>
    <row r="248449" spans="14:14">
      <c r="N248449" s="10"/>
    </row>
    <row r="248450" spans="14:14">
      <c r="N248450" s="10"/>
    </row>
    <row r="248451" spans="14:14">
      <c r="N248451" s="10"/>
    </row>
    <row r="248452" spans="14:14">
      <c r="N248452" s="10"/>
    </row>
    <row r="248453" spans="14:14">
      <c r="N248453" s="10"/>
    </row>
    <row r="248454" spans="14:14">
      <c r="N248454" s="10"/>
    </row>
    <row r="248455" spans="14:14">
      <c r="N248455" s="10"/>
    </row>
    <row r="248456" spans="14:14">
      <c r="N248456" s="10"/>
    </row>
    <row r="248457" spans="14:14">
      <c r="N248457" s="10"/>
    </row>
    <row r="248458" spans="14:14">
      <c r="N248458" s="10"/>
    </row>
    <row r="248459" spans="14:14">
      <c r="N248459" s="10"/>
    </row>
    <row r="248460" spans="14:14">
      <c r="N248460" s="10"/>
    </row>
    <row r="248461" spans="14:14">
      <c r="N248461" s="10"/>
    </row>
    <row r="248462" spans="14:14">
      <c r="N248462" s="10"/>
    </row>
    <row r="248463" spans="14:14">
      <c r="N248463" s="10"/>
    </row>
    <row r="248464" spans="14:14">
      <c r="N248464" s="10"/>
    </row>
    <row r="248465" spans="14:14">
      <c r="N248465" s="10"/>
    </row>
    <row r="248466" spans="14:14">
      <c r="N248466" s="10"/>
    </row>
    <row r="248467" spans="14:14">
      <c r="N248467" s="10"/>
    </row>
    <row r="248468" spans="14:14">
      <c r="N248468" s="10"/>
    </row>
    <row r="248469" spans="14:14">
      <c r="N248469" s="10"/>
    </row>
    <row r="248470" spans="14:14">
      <c r="N248470" s="10"/>
    </row>
    <row r="248471" spans="14:14">
      <c r="N248471" s="10"/>
    </row>
    <row r="248472" spans="14:14">
      <c r="N248472" s="10"/>
    </row>
    <row r="248473" spans="14:14">
      <c r="N248473" s="10"/>
    </row>
    <row r="248474" spans="14:14">
      <c r="N248474" s="10"/>
    </row>
    <row r="248475" spans="14:14">
      <c r="N248475" s="10"/>
    </row>
    <row r="248476" spans="14:14">
      <c r="N248476" s="10"/>
    </row>
    <row r="248477" spans="14:14">
      <c r="N248477" s="10"/>
    </row>
    <row r="248478" spans="14:14">
      <c r="N248478" s="10"/>
    </row>
    <row r="248479" spans="14:14">
      <c r="N248479" s="10"/>
    </row>
    <row r="248480" spans="14:14">
      <c r="N248480" s="10"/>
    </row>
    <row r="248481" spans="14:14">
      <c r="N248481" s="10"/>
    </row>
    <row r="248482" spans="14:14">
      <c r="N248482" s="10"/>
    </row>
    <row r="248483" spans="14:14">
      <c r="N248483" s="10"/>
    </row>
    <row r="248484" spans="14:14">
      <c r="N248484" s="10"/>
    </row>
    <row r="248485" spans="14:14">
      <c r="N248485" s="10"/>
    </row>
    <row r="248486" spans="14:14">
      <c r="N248486" s="10"/>
    </row>
    <row r="248487" spans="14:14">
      <c r="N248487" s="10"/>
    </row>
    <row r="248488" spans="14:14">
      <c r="N248488" s="10"/>
    </row>
    <row r="248489" spans="14:14">
      <c r="N248489" s="10"/>
    </row>
    <row r="248490" spans="14:14">
      <c r="N248490" s="10"/>
    </row>
    <row r="248491" spans="14:14">
      <c r="N248491" s="10"/>
    </row>
    <row r="248492" spans="14:14">
      <c r="N248492" s="10"/>
    </row>
    <row r="248493" spans="14:14">
      <c r="N248493" s="10"/>
    </row>
    <row r="248494" spans="14:14">
      <c r="N248494" s="10"/>
    </row>
    <row r="248495" spans="14:14">
      <c r="N248495" s="10"/>
    </row>
    <row r="248496" spans="14:14">
      <c r="N248496" s="10"/>
    </row>
    <row r="248497" spans="14:14">
      <c r="N248497" s="10"/>
    </row>
    <row r="248498" spans="14:14">
      <c r="N248498" s="10"/>
    </row>
    <row r="248499" spans="14:14">
      <c r="N248499" s="10"/>
    </row>
    <row r="248500" spans="14:14">
      <c r="N248500" s="10"/>
    </row>
    <row r="248501" spans="14:14">
      <c r="N248501" s="10"/>
    </row>
    <row r="248502" spans="14:14">
      <c r="N248502" s="10"/>
    </row>
    <row r="248503" spans="14:14">
      <c r="N248503" s="10"/>
    </row>
    <row r="248504" spans="14:14">
      <c r="N248504" s="10"/>
    </row>
    <row r="248505" spans="14:14">
      <c r="N248505" s="10"/>
    </row>
    <row r="248506" spans="14:14">
      <c r="N248506" s="10"/>
    </row>
    <row r="248507" spans="14:14">
      <c r="N248507" s="10"/>
    </row>
    <row r="248508" spans="14:14">
      <c r="N248508" s="10"/>
    </row>
    <row r="248509" spans="14:14">
      <c r="N248509" s="10"/>
    </row>
    <row r="248510" spans="14:14">
      <c r="N248510" s="10"/>
    </row>
    <row r="248511" spans="14:14">
      <c r="N248511" s="10"/>
    </row>
    <row r="248512" spans="14:14">
      <c r="N248512" s="10"/>
    </row>
    <row r="248513" spans="14:14">
      <c r="N248513" s="10"/>
    </row>
    <row r="248514" spans="14:14">
      <c r="N248514" s="10"/>
    </row>
    <row r="248515" spans="14:14">
      <c r="N248515" s="10"/>
    </row>
    <row r="248516" spans="14:14">
      <c r="N248516" s="10"/>
    </row>
    <row r="248517" spans="14:14">
      <c r="N248517" s="10"/>
    </row>
    <row r="248518" spans="14:14">
      <c r="N248518" s="10"/>
    </row>
    <row r="248519" spans="14:14">
      <c r="N248519" s="10"/>
    </row>
    <row r="248520" spans="14:14">
      <c r="N248520" s="10"/>
    </row>
    <row r="248521" spans="14:14">
      <c r="N248521" s="10"/>
    </row>
    <row r="248522" spans="14:14">
      <c r="N248522" s="10"/>
    </row>
    <row r="248523" spans="14:14">
      <c r="N248523" s="10"/>
    </row>
    <row r="248524" spans="14:14">
      <c r="N248524" s="10"/>
    </row>
    <row r="248525" spans="14:14">
      <c r="N248525" s="10"/>
    </row>
    <row r="248526" spans="14:14">
      <c r="N248526" s="10"/>
    </row>
    <row r="248527" spans="14:14">
      <c r="N248527" s="10"/>
    </row>
    <row r="248528" spans="14:14">
      <c r="N248528" s="10"/>
    </row>
    <row r="248529" spans="14:14">
      <c r="N248529" s="10"/>
    </row>
    <row r="248530" spans="14:14">
      <c r="N248530" s="10"/>
    </row>
    <row r="248531" spans="14:14">
      <c r="N248531" s="10"/>
    </row>
    <row r="248532" spans="14:14">
      <c r="N248532" s="10"/>
    </row>
    <row r="248533" spans="14:14">
      <c r="N248533" s="10"/>
    </row>
    <row r="248534" spans="14:14">
      <c r="N248534" s="10"/>
    </row>
    <row r="248535" spans="14:14">
      <c r="N248535" s="10"/>
    </row>
    <row r="248536" spans="14:14">
      <c r="N248536" s="10"/>
    </row>
    <row r="248537" spans="14:14">
      <c r="N248537" s="10"/>
    </row>
    <row r="248538" spans="14:14">
      <c r="N248538" s="10"/>
    </row>
    <row r="248539" spans="14:14">
      <c r="N248539" s="10"/>
    </row>
    <row r="248540" spans="14:14">
      <c r="N248540" s="10"/>
    </row>
    <row r="248541" spans="14:14">
      <c r="N248541" s="10"/>
    </row>
    <row r="248542" spans="14:14">
      <c r="N248542" s="10"/>
    </row>
    <row r="248543" spans="14:14">
      <c r="N248543" s="10"/>
    </row>
    <row r="248544" spans="14:14">
      <c r="N248544" s="10"/>
    </row>
    <row r="248545" spans="14:14">
      <c r="N248545" s="10"/>
    </row>
    <row r="248546" spans="14:14">
      <c r="N248546" s="10"/>
    </row>
    <row r="248547" spans="14:14">
      <c r="N248547" s="10"/>
    </row>
    <row r="248548" spans="14:14">
      <c r="N248548" s="10"/>
    </row>
    <row r="248549" spans="14:14">
      <c r="N248549" s="10"/>
    </row>
    <row r="248550" spans="14:14">
      <c r="N248550" s="10"/>
    </row>
    <row r="248551" spans="14:14">
      <c r="N248551" s="10"/>
    </row>
    <row r="248552" spans="14:14">
      <c r="N248552" s="10"/>
    </row>
    <row r="248553" spans="14:14">
      <c r="N248553" s="10"/>
    </row>
    <row r="248554" spans="14:14">
      <c r="N248554" s="10"/>
    </row>
    <row r="248555" spans="14:14">
      <c r="N248555" s="10"/>
    </row>
    <row r="248556" spans="14:14">
      <c r="N248556" s="10"/>
    </row>
    <row r="248557" spans="14:14">
      <c r="N248557" s="10"/>
    </row>
    <row r="248558" spans="14:14">
      <c r="N248558" s="10"/>
    </row>
    <row r="248559" spans="14:14">
      <c r="N248559" s="10"/>
    </row>
    <row r="248560" spans="14:14">
      <c r="N248560" s="10"/>
    </row>
    <row r="248561" spans="14:14">
      <c r="N248561" s="10"/>
    </row>
    <row r="248562" spans="14:14">
      <c r="N248562" s="10"/>
    </row>
    <row r="248563" spans="14:14">
      <c r="N248563" s="10"/>
    </row>
    <row r="248564" spans="14:14">
      <c r="N248564" s="10"/>
    </row>
    <row r="248565" spans="14:14">
      <c r="N248565" s="10"/>
    </row>
    <row r="248566" spans="14:14">
      <c r="N248566" s="10"/>
    </row>
    <row r="248567" spans="14:14">
      <c r="N248567" s="10"/>
    </row>
    <row r="248568" spans="14:14">
      <c r="N248568" s="10"/>
    </row>
    <row r="248569" spans="14:14">
      <c r="N248569" s="10"/>
    </row>
    <row r="248570" spans="14:14">
      <c r="N248570" s="10"/>
    </row>
    <row r="248571" spans="14:14">
      <c r="N248571" s="10"/>
    </row>
    <row r="248572" spans="14:14">
      <c r="N248572" s="10"/>
    </row>
    <row r="248573" spans="14:14">
      <c r="N248573" s="10"/>
    </row>
    <row r="248574" spans="14:14">
      <c r="N248574" s="10"/>
    </row>
    <row r="248575" spans="14:14">
      <c r="N248575" s="10"/>
    </row>
    <row r="248576" spans="14:14">
      <c r="N248576" s="10"/>
    </row>
    <row r="248577" spans="14:14">
      <c r="N248577" s="10"/>
    </row>
    <row r="248578" spans="14:14">
      <c r="N248578" s="10"/>
    </row>
    <row r="248579" spans="14:14">
      <c r="N248579" s="10"/>
    </row>
    <row r="248580" spans="14:14">
      <c r="N248580" s="10"/>
    </row>
    <row r="248581" spans="14:14">
      <c r="N248581" s="10"/>
    </row>
    <row r="248582" spans="14:14">
      <c r="N248582" s="10"/>
    </row>
    <row r="248583" spans="14:14">
      <c r="N248583" s="10"/>
    </row>
    <row r="248584" spans="14:14">
      <c r="N248584" s="10"/>
    </row>
    <row r="248585" spans="14:14">
      <c r="N248585" s="10"/>
    </row>
    <row r="248586" spans="14:14">
      <c r="N248586" s="10"/>
    </row>
    <row r="248587" spans="14:14">
      <c r="N248587" s="10"/>
    </row>
    <row r="248588" spans="14:14">
      <c r="N248588" s="10"/>
    </row>
    <row r="248589" spans="14:14">
      <c r="N248589" s="10"/>
    </row>
    <row r="248590" spans="14:14">
      <c r="N248590" s="10"/>
    </row>
    <row r="248591" spans="14:14">
      <c r="N248591" s="10"/>
    </row>
    <row r="248592" spans="14:14">
      <c r="N248592" s="10"/>
    </row>
    <row r="248593" spans="14:14">
      <c r="N248593" s="10"/>
    </row>
    <row r="248594" spans="14:14">
      <c r="N248594" s="10"/>
    </row>
    <row r="248595" spans="14:14">
      <c r="N248595" s="10"/>
    </row>
    <row r="248596" spans="14:14">
      <c r="N248596" s="10"/>
    </row>
    <row r="248597" spans="14:14">
      <c r="N248597" s="10"/>
    </row>
    <row r="248598" spans="14:14">
      <c r="N248598" s="10"/>
    </row>
    <row r="248599" spans="14:14">
      <c r="N248599" s="10"/>
    </row>
    <row r="248600" spans="14:14">
      <c r="N248600" s="10"/>
    </row>
    <row r="248601" spans="14:14">
      <c r="N248601" s="10"/>
    </row>
    <row r="248602" spans="14:14">
      <c r="N248602" s="10"/>
    </row>
    <row r="248603" spans="14:14">
      <c r="N248603" s="10"/>
    </row>
    <row r="248604" spans="14:14">
      <c r="N248604" s="10"/>
    </row>
    <row r="248605" spans="14:14">
      <c r="N248605" s="10"/>
    </row>
    <row r="248606" spans="14:14">
      <c r="N248606" s="10"/>
    </row>
    <row r="248607" spans="14:14">
      <c r="N248607" s="10"/>
    </row>
    <row r="248608" spans="14:14">
      <c r="N248608" s="10"/>
    </row>
    <row r="248609" spans="14:14">
      <c r="N248609" s="10"/>
    </row>
    <row r="248610" spans="14:14">
      <c r="N248610" s="10"/>
    </row>
    <row r="248611" spans="14:14">
      <c r="N248611" s="10"/>
    </row>
    <row r="248612" spans="14:14">
      <c r="N248612" s="10"/>
    </row>
    <row r="248613" spans="14:14">
      <c r="N248613" s="10"/>
    </row>
    <row r="248614" spans="14:14">
      <c r="N248614" s="10"/>
    </row>
    <row r="248615" spans="14:14">
      <c r="N248615" s="10"/>
    </row>
    <row r="248616" spans="14:14">
      <c r="N248616" s="10"/>
    </row>
    <row r="248617" spans="14:14">
      <c r="N248617" s="10"/>
    </row>
    <row r="248618" spans="14:14">
      <c r="N248618" s="10"/>
    </row>
    <row r="248619" spans="14:14">
      <c r="N248619" s="10"/>
    </row>
    <row r="248620" spans="14:14">
      <c r="N248620" s="10"/>
    </row>
    <row r="248621" spans="14:14">
      <c r="N248621" s="10"/>
    </row>
    <row r="248622" spans="14:14">
      <c r="N248622" s="10"/>
    </row>
    <row r="248623" spans="14:14">
      <c r="N248623" s="10"/>
    </row>
    <row r="248624" spans="14:14">
      <c r="N248624" s="10"/>
    </row>
    <row r="248625" spans="14:14">
      <c r="N248625" s="10"/>
    </row>
    <row r="248626" spans="14:14">
      <c r="N248626" s="10"/>
    </row>
    <row r="248627" spans="14:14">
      <c r="N248627" s="10"/>
    </row>
    <row r="248628" spans="14:14">
      <c r="N248628" s="10"/>
    </row>
    <row r="248629" spans="14:14">
      <c r="N248629" s="10"/>
    </row>
    <row r="248630" spans="14:14">
      <c r="N248630" s="10"/>
    </row>
    <row r="248631" spans="14:14">
      <c r="N248631" s="10"/>
    </row>
    <row r="248632" spans="14:14">
      <c r="N248632" s="10"/>
    </row>
    <row r="248633" spans="14:14">
      <c r="N248633" s="10"/>
    </row>
    <row r="248634" spans="14:14">
      <c r="N248634" s="10"/>
    </row>
    <row r="248635" spans="14:14">
      <c r="N248635" s="10"/>
    </row>
    <row r="248636" spans="14:14">
      <c r="N248636" s="10"/>
    </row>
    <row r="248637" spans="14:14">
      <c r="N248637" s="10"/>
    </row>
    <row r="248638" spans="14:14">
      <c r="N248638" s="10"/>
    </row>
    <row r="248639" spans="14:14">
      <c r="N248639" s="10"/>
    </row>
    <row r="248640" spans="14:14">
      <c r="N248640" s="10"/>
    </row>
    <row r="248641" spans="14:14">
      <c r="N248641" s="10"/>
    </row>
    <row r="248642" spans="14:14">
      <c r="N248642" s="10"/>
    </row>
    <row r="248643" spans="14:14">
      <c r="N248643" s="10"/>
    </row>
    <row r="248644" spans="14:14">
      <c r="N248644" s="10"/>
    </row>
    <row r="248645" spans="14:14">
      <c r="N248645" s="10"/>
    </row>
    <row r="248646" spans="14:14">
      <c r="N248646" s="10"/>
    </row>
    <row r="248647" spans="14:14">
      <c r="N248647" s="10"/>
    </row>
    <row r="248648" spans="14:14">
      <c r="N248648" s="10"/>
    </row>
    <row r="248649" spans="14:14">
      <c r="N248649" s="10"/>
    </row>
    <row r="248650" spans="14:14">
      <c r="N248650" s="10"/>
    </row>
    <row r="248651" spans="14:14">
      <c r="N248651" s="10"/>
    </row>
    <row r="248652" spans="14:14">
      <c r="N248652" s="10"/>
    </row>
    <row r="248653" spans="14:14">
      <c r="N248653" s="10"/>
    </row>
    <row r="248654" spans="14:14">
      <c r="N248654" s="10"/>
    </row>
    <row r="248655" spans="14:14">
      <c r="N248655" s="10"/>
    </row>
    <row r="248656" spans="14:14">
      <c r="N248656" s="10"/>
    </row>
    <row r="248657" spans="14:14">
      <c r="N248657" s="10"/>
    </row>
    <row r="248658" spans="14:14">
      <c r="N248658" s="10"/>
    </row>
    <row r="248659" spans="14:14">
      <c r="N248659" s="10"/>
    </row>
    <row r="248660" spans="14:14">
      <c r="N248660" s="10"/>
    </row>
    <row r="248661" spans="14:14">
      <c r="N248661" s="10"/>
    </row>
    <row r="248662" spans="14:14">
      <c r="N248662" s="10"/>
    </row>
    <row r="248663" spans="14:14">
      <c r="N248663" s="10"/>
    </row>
    <row r="248664" spans="14:14">
      <c r="N248664" s="10"/>
    </row>
    <row r="248665" spans="14:14">
      <c r="N248665" s="10"/>
    </row>
    <row r="248666" spans="14:14">
      <c r="N248666" s="10"/>
    </row>
    <row r="248667" spans="14:14">
      <c r="N248667" s="10"/>
    </row>
    <row r="248668" spans="14:14">
      <c r="N248668" s="10"/>
    </row>
    <row r="248669" spans="14:14">
      <c r="N248669" s="10"/>
    </row>
    <row r="248670" spans="14:14">
      <c r="N248670" s="10"/>
    </row>
    <row r="248671" spans="14:14">
      <c r="N248671" s="10"/>
    </row>
    <row r="248672" spans="14:14">
      <c r="N248672" s="10"/>
    </row>
    <row r="248673" spans="14:14">
      <c r="N248673" s="10"/>
    </row>
    <row r="248674" spans="14:14">
      <c r="N248674" s="10"/>
    </row>
    <row r="248675" spans="14:14">
      <c r="N248675" s="10"/>
    </row>
    <row r="248676" spans="14:14">
      <c r="N248676" s="10"/>
    </row>
    <row r="248677" spans="14:14">
      <c r="N248677" s="10"/>
    </row>
    <row r="248678" spans="14:14">
      <c r="N248678" s="10"/>
    </row>
    <row r="248679" spans="14:14">
      <c r="N248679" s="10"/>
    </row>
    <row r="248680" spans="14:14">
      <c r="N248680" s="10"/>
    </row>
    <row r="248681" spans="14:14">
      <c r="N248681" s="10"/>
    </row>
    <row r="248682" spans="14:14">
      <c r="N248682" s="10"/>
    </row>
    <row r="248683" spans="14:14">
      <c r="N248683" s="10"/>
    </row>
    <row r="248684" spans="14:14">
      <c r="N248684" s="10"/>
    </row>
    <row r="248685" spans="14:14">
      <c r="N248685" s="10"/>
    </row>
    <row r="248686" spans="14:14">
      <c r="N248686" s="10"/>
    </row>
    <row r="248687" spans="14:14">
      <c r="N248687" s="10"/>
    </row>
    <row r="248688" spans="14:14">
      <c r="N248688" s="10"/>
    </row>
    <row r="248689" spans="14:14">
      <c r="N248689" s="10"/>
    </row>
    <row r="248690" spans="14:14">
      <c r="N248690" s="10"/>
    </row>
    <row r="248691" spans="14:14">
      <c r="N248691" s="10"/>
    </row>
    <row r="248692" spans="14:14">
      <c r="N248692" s="10"/>
    </row>
    <row r="248693" spans="14:14">
      <c r="N248693" s="10"/>
    </row>
    <row r="248694" spans="14:14">
      <c r="N248694" s="10"/>
    </row>
    <row r="248695" spans="14:14">
      <c r="N248695" s="10"/>
    </row>
    <row r="248696" spans="14:14">
      <c r="N248696" s="10"/>
    </row>
    <row r="248697" spans="14:14">
      <c r="N248697" s="10"/>
    </row>
    <row r="248698" spans="14:14">
      <c r="N248698" s="10"/>
    </row>
    <row r="248699" spans="14:14">
      <c r="N248699" s="10"/>
    </row>
    <row r="248700" spans="14:14">
      <c r="N248700" s="10"/>
    </row>
    <row r="248701" spans="14:14">
      <c r="N248701" s="10"/>
    </row>
    <row r="248702" spans="14:14">
      <c r="N248702" s="10"/>
    </row>
    <row r="248703" spans="14:14">
      <c r="N248703" s="10"/>
    </row>
    <row r="248704" spans="14:14">
      <c r="N248704" s="10"/>
    </row>
    <row r="248705" spans="14:14">
      <c r="N248705" s="10"/>
    </row>
    <row r="248706" spans="14:14">
      <c r="N248706" s="10"/>
    </row>
    <row r="248707" spans="14:14">
      <c r="N248707" s="10"/>
    </row>
    <row r="248708" spans="14:14">
      <c r="N248708" s="10"/>
    </row>
    <row r="248709" spans="14:14">
      <c r="N248709" s="10"/>
    </row>
    <row r="248710" spans="14:14">
      <c r="N248710" s="10"/>
    </row>
    <row r="248711" spans="14:14">
      <c r="N248711" s="10"/>
    </row>
    <row r="248712" spans="14:14">
      <c r="N248712" s="10"/>
    </row>
    <row r="248713" spans="14:14">
      <c r="N248713" s="10"/>
    </row>
    <row r="248714" spans="14:14">
      <c r="N248714" s="10"/>
    </row>
    <row r="248715" spans="14:14">
      <c r="N248715" s="10"/>
    </row>
    <row r="248716" spans="14:14">
      <c r="N248716" s="10"/>
    </row>
    <row r="248717" spans="14:14">
      <c r="N248717" s="10"/>
    </row>
    <row r="248718" spans="14:14">
      <c r="N248718" s="10"/>
    </row>
    <row r="248719" spans="14:14">
      <c r="N248719" s="10"/>
    </row>
    <row r="248720" spans="14:14">
      <c r="N248720" s="10"/>
    </row>
    <row r="248721" spans="14:14">
      <c r="N248721" s="10"/>
    </row>
    <row r="248722" spans="14:14">
      <c r="N248722" s="10"/>
    </row>
    <row r="248723" spans="14:14">
      <c r="N248723" s="10"/>
    </row>
    <row r="248724" spans="14:14">
      <c r="N248724" s="10"/>
    </row>
    <row r="248725" spans="14:14">
      <c r="N248725" s="10"/>
    </row>
    <row r="248726" spans="14:14">
      <c r="N248726" s="10"/>
    </row>
    <row r="248727" spans="14:14">
      <c r="N248727" s="10"/>
    </row>
    <row r="248728" spans="14:14">
      <c r="N248728" s="10"/>
    </row>
    <row r="248729" spans="14:14">
      <c r="N248729" s="10"/>
    </row>
    <row r="248730" spans="14:14">
      <c r="N248730" s="10"/>
    </row>
    <row r="248731" spans="14:14">
      <c r="N248731" s="10"/>
    </row>
    <row r="248732" spans="14:14">
      <c r="N248732" s="10"/>
    </row>
    <row r="248733" spans="14:14">
      <c r="N248733" s="10"/>
    </row>
    <row r="248734" spans="14:14">
      <c r="N248734" s="10"/>
    </row>
    <row r="248735" spans="14:14">
      <c r="N248735" s="10"/>
    </row>
    <row r="248736" spans="14:14">
      <c r="N248736" s="10"/>
    </row>
    <row r="248737" spans="14:14">
      <c r="N248737" s="10"/>
    </row>
    <row r="248738" spans="14:14">
      <c r="N248738" s="10"/>
    </row>
    <row r="248739" spans="14:14">
      <c r="N248739" s="10"/>
    </row>
    <row r="248740" spans="14:14">
      <c r="N248740" s="10"/>
    </row>
    <row r="248741" spans="14:14">
      <c r="N248741" s="10"/>
    </row>
    <row r="248742" spans="14:14">
      <c r="N248742" s="10"/>
    </row>
    <row r="248743" spans="14:14">
      <c r="N248743" s="10"/>
    </row>
    <row r="248744" spans="14:14">
      <c r="N248744" s="10"/>
    </row>
    <row r="248745" spans="14:14">
      <c r="N248745" s="10"/>
    </row>
    <row r="248746" spans="14:14">
      <c r="N248746" s="10"/>
    </row>
    <row r="248747" spans="14:14">
      <c r="N248747" s="10"/>
    </row>
    <row r="248748" spans="14:14">
      <c r="N248748" s="10"/>
    </row>
    <row r="248749" spans="14:14">
      <c r="N248749" s="10"/>
    </row>
    <row r="248750" spans="14:14">
      <c r="N248750" s="10"/>
    </row>
    <row r="248751" spans="14:14">
      <c r="N248751" s="10"/>
    </row>
    <row r="248752" spans="14:14">
      <c r="N248752" s="10"/>
    </row>
    <row r="248753" spans="14:14">
      <c r="N248753" s="10"/>
    </row>
    <row r="248754" spans="14:14">
      <c r="N248754" s="10"/>
    </row>
    <row r="248755" spans="14:14">
      <c r="N248755" s="10"/>
    </row>
    <row r="248756" spans="14:14">
      <c r="N248756" s="10"/>
    </row>
    <row r="248757" spans="14:14">
      <c r="N248757" s="10"/>
    </row>
    <row r="248758" spans="14:14">
      <c r="N248758" s="10"/>
    </row>
    <row r="248759" spans="14:14">
      <c r="N248759" s="10"/>
    </row>
    <row r="248760" spans="14:14">
      <c r="N248760" s="10"/>
    </row>
    <row r="248761" spans="14:14">
      <c r="N248761" s="10"/>
    </row>
    <row r="248762" spans="14:14">
      <c r="N248762" s="10"/>
    </row>
    <row r="248763" spans="14:14">
      <c r="N248763" s="10"/>
    </row>
    <row r="248764" spans="14:14">
      <c r="N248764" s="10"/>
    </row>
    <row r="248765" spans="14:14">
      <c r="N248765" s="10"/>
    </row>
    <row r="248766" spans="14:14">
      <c r="N248766" s="10"/>
    </row>
    <row r="248767" spans="14:14">
      <c r="N248767" s="10"/>
    </row>
    <row r="248768" spans="14:14">
      <c r="N248768" s="10"/>
    </row>
    <row r="248769" spans="14:14">
      <c r="N248769" s="10"/>
    </row>
    <row r="248770" spans="14:14">
      <c r="N248770" s="10"/>
    </row>
    <row r="248771" spans="14:14">
      <c r="N248771" s="10"/>
    </row>
    <row r="248772" spans="14:14">
      <c r="N248772" s="10"/>
    </row>
    <row r="248773" spans="14:14">
      <c r="N248773" s="10"/>
    </row>
    <row r="248774" spans="14:14">
      <c r="N248774" s="10"/>
    </row>
    <row r="248775" spans="14:14">
      <c r="N248775" s="10"/>
    </row>
    <row r="248776" spans="14:14">
      <c r="N248776" s="10"/>
    </row>
    <row r="248777" spans="14:14">
      <c r="N248777" s="10"/>
    </row>
    <row r="248778" spans="14:14">
      <c r="N248778" s="10"/>
    </row>
    <row r="248779" spans="14:14">
      <c r="N248779" s="10"/>
    </row>
    <row r="248780" spans="14:14">
      <c r="N248780" s="10"/>
    </row>
    <row r="248781" spans="14:14">
      <c r="N248781" s="10"/>
    </row>
    <row r="248782" spans="14:14">
      <c r="N248782" s="10"/>
    </row>
    <row r="248783" spans="14:14">
      <c r="N248783" s="10"/>
    </row>
    <row r="248784" spans="14:14">
      <c r="N248784" s="10"/>
    </row>
    <row r="248785" spans="14:14">
      <c r="N248785" s="10"/>
    </row>
    <row r="248786" spans="14:14">
      <c r="N248786" s="10"/>
    </row>
    <row r="248787" spans="14:14">
      <c r="N248787" s="10"/>
    </row>
    <row r="248788" spans="14:14">
      <c r="N248788" s="10"/>
    </row>
    <row r="248789" spans="14:14">
      <c r="N248789" s="10"/>
    </row>
    <row r="248790" spans="14:14">
      <c r="N248790" s="10"/>
    </row>
    <row r="248791" spans="14:14">
      <c r="N248791" s="10"/>
    </row>
    <row r="248792" spans="14:14">
      <c r="N248792" s="10"/>
    </row>
    <row r="248793" spans="14:14">
      <c r="N248793" s="10"/>
    </row>
    <row r="248794" spans="14:14">
      <c r="N248794" s="10"/>
    </row>
    <row r="248795" spans="14:14">
      <c r="N248795" s="10"/>
    </row>
    <row r="248796" spans="14:14">
      <c r="N248796" s="10"/>
    </row>
    <row r="248797" spans="14:14">
      <c r="N248797" s="10"/>
    </row>
    <row r="248798" spans="14:14">
      <c r="N248798" s="10"/>
    </row>
    <row r="248799" spans="14:14">
      <c r="N248799" s="10"/>
    </row>
    <row r="248800" spans="14:14">
      <c r="N248800" s="10"/>
    </row>
    <row r="248801" spans="14:14">
      <c r="N248801" s="10"/>
    </row>
    <row r="248802" spans="14:14">
      <c r="N248802" s="10"/>
    </row>
    <row r="248803" spans="14:14">
      <c r="N248803" s="10"/>
    </row>
    <row r="248804" spans="14:14">
      <c r="N248804" s="10"/>
    </row>
    <row r="248805" spans="14:14">
      <c r="N248805" s="10"/>
    </row>
    <row r="248806" spans="14:14">
      <c r="N248806" s="10"/>
    </row>
    <row r="248807" spans="14:14">
      <c r="N248807" s="10"/>
    </row>
    <row r="248808" spans="14:14">
      <c r="N248808" s="10"/>
    </row>
    <row r="248809" spans="14:14">
      <c r="N248809" s="10"/>
    </row>
    <row r="248810" spans="14:14">
      <c r="N248810" s="10"/>
    </row>
    <row r="248811" spans="14:14">
      <c r="N248811" s="10"/>
    </row>
    <row r="248812" spans="14:14">
      <c r="N248812" s="10"/>
    </row>
    <row r="248813" spans="14:14">
      <c r="N248813" s="10"/>
    </row>
    <row r="248814" spans="14:14">
      <c r="N248814" s="10"/>
    </row>
    <row r="248815" spans="14:14">
      <c r="N248815" s="10"/>
    </row>
    <row r="248816" spans="14:14">
      <c r="N248816" s="10"/>
    </row>
    <row r="248817" spans="14:14">
      <c r="N248817" s="10"/>
    </row>
    <row r="248818" spans="14:14">
      <c r="N248818" s="10"/>
    </row>
    <row r="248819" spans="14:14">
      <c r="N248819" s="10"/>
    </row>
    <row r="248820" spans="14:14">
      <c r="N248820" s="10"/>
    </row>
    <row r="248821" spans="14:14">
      <c r="N248821" s="10"/>
    </row>
    <row r="248822" spans="14:14">
      <c r="N248822" s="10"/>
    </row>
    <row r="248823" spans="14:14">
      <c r="N248823" s="10"/>
    </row>
    <row r="248824" spans="14:14">
      <c r="N248824" s="10"/>
    </row>
    <row r="248825" spans="14:14">
      <c r="N248825" s="10"/>
    </row>
    <row r="248826" spans="14:14">
      <c r="N248826" s="10"/>
    </row>
    <row r="248827" spans="14:14">
      <c r="N248827" s="10"/>
    </row>
    <row r="248828" spans="14:14">
      <c r="N248828" s="10"/>
    </row>
    <row r="248829" spans="14:14">
      <c r="N248829" s="10"/>
    </row>
    <row r="248830" spans="14:14">
      <c r="N248830" s="10"/>
    </row>
    <row r="248831" spans="14:14">
      <c r="N248831" s="10"/>
    </row>
    <row r="248832" spans="14:14">
      <c r="N248832" s="10"/>
    </row>
    <row r="248833" spans="14:14">
      <c r="N248833" s="10"/>
    </row>
    <row r="248834" spans="14:14">
      <c r="N248834" s="10"/>
    </row>
    <row r="248835" spans="14:14">
      <c r="N248835" s="10"/>
    </row>
    <row r="248836" spans="14:14">
      <c r="N248836" s="10"/>
    </row>
    <row r="248837" spans="14:14">
      <c r="N248837" s="10"/>
    </row>
    <row r="248838" spans="14:14">
      <c r="N248838" s="10"/>
    </row>
    <row r="248839" spans="14:14">
      <c r="N248839" s="10"/>
    </row>
    <row r="248840" spans="14:14">
      <c r="N248840" s="10"/>
    </row>
    <row r="248841" spans="14:14">
      <c r="N248841" s="10"/>
    </row>
    <row r="248842" spans="14:14">
      <c r="N248842" s="10"/>
    </row>
    <row r="248843" spans="14:14">
      <c r="N248843" s="10"/>
    </row>
    <row r="248844" spans="14:14">
      <c r="N248844" s="10"/>
    </row>
    <row r="248845" spans="14:14">
      <c r="N248845" s="10"/>
    </row>
    <row r="248846" spans="14:14">
      <c r="N248846" s="10"/>
    </row>
    <row r="248847" spans="14:14">
      <c r="N248847" s="10"/>
    </row>
    <row r="248848" spans="14:14">
      <c r="N248848" s="10"/>
    </row>
    <row r="248849" spans="14:14">
      <c r="N248849" s="10"/>
    </row>
    <row r="248850" spans="14:14">
      <c r="N248850" s="10"/>
    </row>
    <row r="248851" spans="14:14">
      <c r="N248851" s="10"/>
    </row>
    <row r="248852" spans="14:14">
      <c r="N248852" s="10"/>
    </row>
    <row r="248853" spans="14:14">
      <c r="N248853" s="10"/>
    </row>
    <row r="248854" spans="14:14">
      <c r="N248854" s="10"/>
    </row>
    <row r="248855" spans="14:14">
      <c r="N248855" s="10"/>
    </row>
    <row r="248856" spans="14:14">
      <c r="N248856" s="10"/>
    </row>
    <row r="248857" spans="14:14">
      <c r="N248857" s="10"/>
    </row>
    <row r="248858" spans="14:14">
      <c r="N248858" s="10"/>
    </row>
    <row r="248859" spans="14:14">
      <c r="N248859" s="10"/>
    </row>
    <row r="248860" spans="14:14">
      <c r="N248860" s="10"/>
    </row>
    <row r="248861" spans="14:14">
      <c r="N248861" s="10"/>
    </row>
    <row r="248862" spans="14:14">
      <c r="N248862" s="10"/>
    </row>
    <row r="248863" spans="14:14">
      <c r="N248863" s="10"/>
    </row>
    <row r="248864" spans="14:14">
      <c r="N248864" s="10"/>
    </row>
    <row r="248865" spans="14:14">
      <c r="N248865" s="10"/>
    </row>
    <row r="248866" spans="14:14">
      <c r="N248866" s="10"/>
    </row>
    <row r="248867" spans="14:14">
      <c r="N248867" s="10"/>
    </row>
    <row r="248868" spans="14:14">
      <c r="N248868" s="10"/>
    </row>
    <row r="248869" spans="14:14">
      <c r="N248869" s="10"/>
    </row>
    <row r="248870" spans="14:14">
      <c r="N248870" s="10"/>
    </row>
    <row r="248871" spans="14:14">
      <c r="N248871" s="10"/>
    </row>
    <row r="248872" spans="14:14">
      <c r="N248872" s="10"/>
    </row>
    <row r="248873" spans="14:14">
      <c r="N248873" s="10"/>
    </row>
    <row r="248874" spans="14:14">
      <c r="N248874" s="10"/>
    </row>
    <row r="248875" spans="14:14">
      <c r="N248875" s="10"/>
    </row>
    <row r="248876" spans="14:14">
      <c r="N248876" s="10"/>
    </row>
    <row r="248877" spans="14:14">
      <c r="N248877" s="10"/>
    </row>
    <row r="248878" spans="14:14">
      <c r="N248878" s="10"/>
    </row>
    <row r="248879" spans="14:14">
      <c r="N248879" s="10"/>
    </row>
    <row r="248880" spans="14:14">
      <c r="N248880" s="10"/>
    </row>
    <row r="248881" spans="14:14">
      <c r="N248881" s="10"/>
    </row>
    <row r="248882" spans="14:14">
      <c r="N248882" s="10"/>
    </row>
    <row r="248883" spans="14:14">
      <c r="N248883" s="10"/>
    </row>
    <row r="248884" spans="14:14">
      <c r="N248884" s="10"/>
    </row>
    <row r="248885" spans="14:14">
      <c r="N248885" s="10"/>
    </row>
    <row r="248886" spans="14:14">
      <c r="N248886" s="10"/>
    </row>
    <row r="248887" spans="14:14">
      <c r="N248887" s="10"/>
    </row>
    <row r="248888" spans="14:14">
      <c r="N248888" s="10"/>
    </row>
    <row r="248889" spans="14:14">
      <c r="N248889" s="10"/>
    </row>
    <row r="248890" spans="14:14">
      <c r="N248890" s="10"/>
    </row>
    <row r="248891" spans="14:14">
      <c r="N248891" s="10"/>
    </row>
    <row r="248892" spans="14:14">
      <c r="N248892" s="10"/>
    </row>
    <row r="248893" spans="14:14">
      <c r="N248893" s="10"/>
    </row>
    <row r="248894" spans="14:14">
      <c r="N248894" s="10"/>
    </row>
    <row r="248895" spans="14:14">
      <c r="N248895" s="10"/>
    </row>
    <row r="248896" spans="14:14">
      <c r="N248896" s="10"/>
    </row>
    <row r="248897" spans="14:14">
      <c r="N248897" s="10"/>
    </row>
    <row r="248898" spans="14:14">
      <c r="N248898" s="10"/>
    </row>
    <row r="248899" spans="14:14">
      <c r="N248899" s="10"/>
    </row>
    <row r="248900" spans="14:14">
      <c r="N248900" s="10"/>
    </row>
    <row r="248901" spans="14:14">
      <c r="N248901" s="10"/>
    </row>
    <row r="248902" spans="14:14">
      <c r="N248902" s="10"/>
    </row>
    <row r="248903" spans="14:14">
      <c r="N248903" s="10"/>
    </row>
    <row r="248904" spans="14:14">
      <c r="N248904" s="10"/>
    </row>
    <row r="248905" spans="14:14">
      <c r="N248905" s="10"/>
    </row>
    <row r="248906" spans="14:14">
      <c r="N248906" s="10"/>
    </row>
    <row r="248907" spans="14:14">
      <c r="N248907" s="10"/>
    </row>
    <row r="248908" spans="14:14">
      <c r="N248908" s="10"/>
    </row>
    <row r="248909" spans="14:14">
      <c r="N248909" s="10"/>
    </row>
    <row r="248910" spans="14:14">
      <c r="N248910" s="10"/>
    </row>
    <row r="248911" spans="14:14">
      <c r="N248911" s="10"/>
    </row>
    <row r="248912" spans="14:14">
      <c r="N248912" s="10"/>
    </row>
    <row r="248913" spans="14:14">
      <c r="N248913" s="10"/>
    </row>
    <row r="248914" spans="14:14">
      <c r="N248914" s="10"/>
    </row>
    <row r="248915" spans="14:14">
      <c r="N248915" s="10"/>
    </row>
    <row r="248916" spans="14:14">
      <c r="N248916" s="10"/>
    </row>
    <row r="248917" spans="14:14">
      <c r="N248917" s="10"/>
    </row>
    <row r="248918" spans="14:14">
      <c r="N248918" s="10"/>
    </row>
    <row r="248919" spans="14:14">
      <c r="N248919" s="10"/>
    </row>
    <row r="248920" spans="14:14">
      <c r="N248920" s="10"/>
    </row>
    <row r="248921" spans="14:14">
      <c r="N248921" s="10"/>
    </row>
    <row r="248922" spans="14:14">
      <c r="N248922" s="10"/>
    </row>
    <row r="248923" spans="14:14">
      <c r="N248923" s="10"/>
    </row>
    <row r="248924" spans="14:14">
      <c r="N248924" s="10"/>
    </row>
    <row r="248925" spans="14:14">
      <c r="N248925" s="10"/>
    </row>
    <row r="248926" spans="14:14">
      <c r="N248926" s="10"/>
    </row>
    <row r="248927" spans="14:14">
      <c r="N248927" s="10"/>
    </row>
    <row r="248928" spans="14:14">
      <c r="N248928" s="10"/>
    </row>
    <row r="248929" spans="14:14">
      <c r="N248929" s="10"/>
    </row>
    <row r="248930" spans="14:14">
      <c r="N248930" s="10"/>
    </row>
    <row r="248931" spans="14:14">
      <c r="N248931" s="10"/>
    </row>
    <row r="248932" spans="14:14">
      <c r="N248932" s="10"/>
    </row>
    <row r="248933" spans="14:14">
      <c r="N248933" s="10"/>
    </row>
    <row r="248934" spans="14:14">
      <c r="N248934" s="10"/>
    </row>
    <row r="248935" spans="14:14">
      <c r="N248935" s="10"/>
    </row>
    <row r="248936" spans="14:14">
      <c r="N248936" s="10"/>
    </row>
    <row r="248937" spans="14:14">
      <c r="N248937" s="10"/>
    </row>
    <row r="248938" spans="14:14">
      <c r="N248938" s="10"/>
    </row>
    <row r="248939" spans="14:14">
      <c r="N248939" s="10"/>
    </row>
    <row r="248940" spans="14:14">
      <c r="N248940" s="10"/>
    </row>
    <row r="248941" spans="14:14">
      <c r="N248941" s="10"/>
    </row>
    <row r="248942" spans="14:14">
      <c r="N248942" s="10"/>
    </row>
    <row r="248943" spans="14:14">
      <c r="N248943" s="10"/>
    </row>
    <row r="248944" spans="14:14">
      <c r="N248944" s="10"/>
    </row>
    <row r="248945" spans="14:14">
      <c r="N248945" s="10"/>
    </row>
    <row r="248946" spans="14:14">
      <c r="N248946" s="10"/>
    </row>
    <row r="248947" spans="14:14">
      <c r="N248947" s="10"/>
    </row>
    <row r="248948" spans="14:14">
      <c r="N248948" s="10"/>
    </row>
    <row r="248949" spans="14:14">
      <c r="N248949" s="10"/>
    </row>
    <row r="248950" spans="14:14">
      <c r="N248950" s="10"/>
    </row>
    <row r="248951" spans="14:14">
      <c r="N248951" s="10"/>
    </row>
    <row r="248952" spans="14:14">
      <c r="N248952" s="10"/>
    </row>
    <row r="248953" spans="14:14">
      <c r="N248953" s="10"/>
    </row>
    <row r="248954" spans="14:14">
      <c r="N248954" s="10"/>
    </row>
    <row r="248955" spans="14:14">
      <c r="N248955" s="10"/>
    </row>
    <row r="248956" spans="14:14">
      <c r="N248956" s="10"/>
    </row>
    <row r="248957" spans="14:14">
      <c r="N248957" s="10"/>
    </row>
    <row r="248958" spans="14:14">
      <c r="N248958" s="10"/>
    </row>
    <row r="248959" spans="14:14">
      <c r="N248959" s="10"/>
    </row>
    <row r="248960" spans="14:14">
      <c r="N248960" s="10"/>
    </row>
    <row r="248961" spans="14:14">
      <c r="N248961" s="10"/>
    </row>
    <row r="248962" spans="14:14">
      <c r="N248962" s="10"/>
    </row>
    <row r="248963" spans="14:14">
      <c r="N248963" s="10"/>
    </row>
    <row r="248964" spans="14:14">
      <c r="N248964" s="10"/>
    </row>
    <row r="248965" spans="14:14">
      <c r="N248965" s="10"/>
    </row>
    <row r="248966" spans="14:14">
      <c r="N248966" s="10"/>
    </row>
    <row r="248967" spans="14:14">
      <c r="N248967" s="10"/>
    </row>
    <row r="248968" spans="14:14">
      <c r="N248968" s="10"/>
    </row>
    <row r="248969" spans="14:14">
      <c r="N248969" s="10"/>
    </row>
    <row r="248970" spans="14:14">
      <c r="N248970" s="10"/>
    </row>
    <row r="248971" spans="14:14">
      <c r="N248971" s="10"/>
    </row>
    <row r="248972" spans="14:14">
      <c r="N248972" s="10"/>
    </row>
    <row r="248973" spans="14:14">
      <c r="N248973" s="10"/>
    </row>
    <row r="248974" spans="14:14">
      <c r="N248974" s="10"/>
    </row>
    <row r="248975" spans="14:14">
      <c r="N248975" s="10"/>
    </row>
    <row r="248976" spans="14:14">
      <c r="N248976" s="10"/>
    </row>
    <row r="248977" spans="14:14">
      <c r="N248977" s="10"/>
    </row>
    <row r="248978" spans="14:14">
      <c r="N248978" s="10"/>
    </row>
    <row r="248979" spans="14:14">
      <c r="N248979" s="10"/>
    </row>
    <row r="248980" spans="14:14">
      <c r="N248980" s="10"/>
    </row>
    <row r="248981" spans="14:14">
      <c r="N248981" s="10"/>
    </row>
    <row r="248982" spans="14:14">
      <c r="N248982" s="10"/>
    </row>
    <row r="248983" spans="14:14">
      <c r="N248983" s="10"/>
    </row>
    <row r="248984" spans="14:14">
      <c r="N248984" s="10"/>
    </row>
    <row r="248985" spans="14:14">
      <c r="N248985" s="10"/>
    </row>
    <row r="248986" spans="14:14">
      <c r="N248986" s="10"/>
    </row>
    <row r="248987" spans="14:14">
      <c r="N248987" s="10"/>
    </row>
    <row r="248988" spans="14:14">
      <c r="N248988" s="10"/>
    </row>
    <row r="248989" spans="14:14">
      <c r="N248989" s="10"/>
    </row>
    <row r="248990" spans="14:14">
      <c r="N248990" s="10"/>
    </row>
    <row r="248991" spans="14:14">
      <c r="N248991" s="10"/>
    </row>
    <row r="248992" spans="14:14">
      <c r="N248992" s="10"/>
    </row>
    <row r="248993" spans="14:14">
      <c r="N248993" s="10"/>
    </row>
    <row r="248994" spans="14:14">
      <c r="N248994" s="10"/>
    </row>
    <row r="248995" spans="14:14">
      <c r="N248995" s="10"/>
    </row>
    <row r="248996" spans="14:14">
      <c r="N248996" s="10"/>
    </row>
    <row r="248997" spans="14:14">
      <c r="N248997" s="10"/>
    </row>
    <row r="248998" spans="14:14">
      <c r="N248998" s="10"/>
    </row>
    <row r="248999" spans="14:14">
      <c r="N248999" s="10"/>
    </row>
    <row r="249000" spans="14:14">
      <c r="N249000" s="10"/>
    </row>
    <row r="249001" spans="14:14">
      <c r="N249001" s="10"/>
    </row>
    <row r="249002" spans="14:14">
      <c r="N249002" s="10"/>
    </row>
    <row r="249003" spans="14:14">
      <c r="N249003" s="10"/>
    </row>
    <row r="249004" spans="14:14">
      <c r="N249004" s="10"/>
    </row>
    <row r="249005" spans="14:14">
      <c r="N249005" s="10"/>
    </row>
    <row r="249006" spans="14:14">
      <c r="N249006" s="10"/>
    </row>
    <row r="249007" spans="14:14">
      <c r="N249007" s="10"/>
    </row>
    <row r="249008" spans="14:14">
      <c r="N249008" s="10"/>
    </row>
    <row r="249009" spans="14:14">
      <c r="N249009" s="10"/>
    </row>
    <row r="249010" spans="14:14">
      <c r="N249010" s="10"/>
    </row>
    <row r="249011" spans="14:14">
      <c r="N249011" s="10"/>
    </row>
    <row r="249012" spans="14:14">
      <c r="N249012" s="10"/>
    </row>
    <row r="249013" spans="14:14">
      <c r="N249013" s="10"/>
    </row>
    <row r="249014" spans="14:14">
      <c r="N249014" s="10"/>
    </row>
    <row r="249015" spans="14:14">
      <c r="N249015" s="10"/>
    </row>
    <row r="249016" spans="14:14">
      <c r="N249016" s="10"/>
    </row>
    <row r="249017" spans="14:14">
      <c r="N249017" s="10"/>
    </row>
    <row r="249018" spans="14:14">
      <c r="N249018" s="10"/>
    </row>
    <row r="249019" spans="14:14">
      <c r="N249019" s="10"/>
    </row>
    <row r="249020" spans="14:14">
      <c r="N249020" s="10"/>
    </row>
    <row r="249021" spans="14:14">
      <c r="N249021" s="10"/>
    </row>
    <row r="249022" spans="14:14">
      <c r="N249022" s="10"/>
    </row>
    <row r="249023" spans="14:14">
      <c r="N249023" s="10"/>
    </row>
    <row r="249024" spans="14:14">
      <c r="N249024" s="10"/>
    </row>
    <row r="249025" spans="14:14">
      <c r="N249025" s="10"/>
    </row>
    <row r="249026" spans="14:14">
      <c r="N249026" s="10"/>
    </row>
    <row r="249027" spans="14:14">
      <c r="N249027" s="10"/>
    </row>
    <row r="249028" spans="14:14">
      <c r="N249028" s="10"/>
    </row>
    <row r="249029" spans="14:14">
      <c r="N249029" s="10"/>
    </row>
    <row r="249030" spans="14:14">
      <c r="N249030" s="10"/>
    </row>
    <row r="249031" spans="14:14">
      <c r="N249031" s="10"/>
    </row>
    <row r="249032" spans="14:14">
      <c r="N249032" s="10"/>
    </row>
    <row r="249033" spans="14:14">
      <c r="N249033" s="10"/>
    </row>
    <row r="249034" spans="14:14">
      <c r="N249034" s="10"/>
    </row>
    <row r="249035" spans="14:14">
      <c r="N249035" s="10"/>
    </row>
    <row r="249036" spans="14:14">
      <c r="N249036" s="10"/>
    </row>
    <row r="249037" spans="14:14">
      <c r="N249037" s="10"/>
    </row>
    <row r="249038" spans="14:14">
      <c r="N249038" s="10"/>
    </row>
    <row r="249039" spans="14:14">
      <c r="N249039" s="10"/>
    </row>
    <row r="249040" spans="14:14">
      <c r="N249040" s="10"/>
    </row>
    <row r="249041" spans="14:14">
      <c r="N249041" s="10"/>
    </row>
    <row r="249042" spans="14:14">
      <c r="N249042" s="10"/>
    </row>
    <row r="249043" spans="14:14">
      <c r="N249043" s="10"/>
    </row>
    <row r="249044" spans="14:14">
      <c r="N249044" s="10"/>
    </row>
    <row r="249045" spans="14:14">
      <c r="N249045" s="10"/>
    </row>
    <row r="249046" spans="14:14">
      <c r="N249046" s="10"/>
    </row>
    <row r="249047" spans="14:14">
      <c r="N249047" s="10"/>
    </row>
    <row r="249048" spans="14:14">
      <c r="N249048" s="10"/>
    </row>
    <row r="249049" spans="14:14">
      <c r="N249049" s="10"/>
    </row>
    <row r="249050" spans="14:14">
      <c r="N249050" s="10"/>
    </row>
    <row r="249051" spans="14:14">
      <c r="N249051" s="10"/>
    </row>
    <row r="249052" spans="14:14">
      <c r="N249052" s="10"/>
    </row>
    <row r="249053" spans="14:14">
      <c r="N249053" s="10"/>
    </row>
    <row r="249054" spans="14:14">
      <c r="N249054" s="10"/>
    </row>
    <row r="249055" spans="14:14">
      <c r="N249055" s="10"/>
    </row>
    <row r="249056" spans="14:14">
      <c r="N249056" s="10"/>
    </row>
    <row r="249057" spans="14:14">
      <c r="N249057" s="10"/>
    </row>
    <row r="249058" spans="14:14">
      <c r="N249058" s="10"/>
    </row>
    <row r="249059" spans="14:14">
      <c r="N249059" s="10"/>
    </row>
    <row r="249060" spans="14:14">
      <c r="N249060" s="10"/>
    </row>
    <row r="249061" spans="14:14">
      <c r="N249061" s="10"/>
    </row>
    <row r="249062" spans="14:14">
      <c r="N249062" s="10"/>
    </row>
    <row r="249063" spans="14:14">
      <c r="N249063" s="10"/>
    </row>
    <row r="249064" spans="14:14">
      <c r="N249064" s="10"/>
    </row>
    <row r="249065" spans="14:14">
      <c r="N249065" s="10"/>
    </row>
    <row r="249066" spans="14:14">
      <c r="N249066" s="10"/>
    </row>
    <row r="249067" spans="14:14">
      <c r="N249067" s="10"/>
    </row>
    <row r="249068" spans="14:14">
      <c r="N249068" s="10"/>
    </row>
    <row r="249069" spans="14:14">
      <c r="N249069" s="10"/>
    </row>
    <row r="249070" spans="14:14">
      <c r="N249070" s="10"/>
    </row>
    <row r="249071" spans="14:14">
      <c r="N249071" s="10"/>
    </row>
    <row r="249072" spans="14:14">
      <c r="N249072" s="10"/>
    </row>
    <row r="249073" spans="14:14">
      <c r="N249073" s="10"/>
    </row>
    <row r="249074" spans="14:14">
      <c r="N249074" s="10"/>
    </row>
    <row r="249075" spans="14:14">
      <c r="N249075" s="10"/>
    </row>
    <row r="249076" spans="14:14">
      <c r="N249076" s="10"/>
    </row>
    <row r="249077" spans="14:14">
      <c r="N249077" s="10"/>
    </row>
    <row r="249078" spans="14:14">
      <c r="N249078" s="10"/>
    </row>
    <row r="249079" spans="14:14">
      <c r="N249079" s="10"/>
    </row>
    <row r="249080" spans="14:14">
      <c r="N249080" s="10"/>
    </row>
    <row r="249081" spans="14:14">
      <c r="N249081" s="10"/>
    </row>
    <row r="249082" spans="14:14">
      <c r="N249082" s="10"/>
    </row>
    <row r="249083" spans="14:14">
      <c r="N249083" s="10"/>
    </row>
    <row r="249084" spans="14:14">
      <c r="N249084" s="10"/>
    </row>
    <row r="249085" spans="14:14">
      <c r="N249085" s="10"/>
    </row>
    <row r="249086" spans="14:14">
      <c r="N249086" s="10"/>
    </row>
    <row r="249087" spans="14:14">
      <c r="N249087" s="10"/>
    </row>
    <row r="249088" spans="14:14">
      <c r="N249088" s="10"/>
    </row>
    <row r="249089" spans="14:14">
      <c r="N249089" s="10"/>
    </row>
    <row r="249090" spans="14:14">
      <c r="N249090" s="10"/>
    </row>
    <row r="249091" spans="14:14">
      <c r="N249091" s="10"/>
    </row>
    <row r="249092" spans="14:14">
      <c r="N249092" s="10"/>
    </row>
    <row r="249093" spans="14:14">
      <c r="N249093" s="10"/>
    </row>
    <row r="249094" spans="14:14">
      <c r="N249094" s="10"/>
    </row>
    <row r="249095" spans="14:14">
      <c r="N249095" s="10"/>
    </row>
    <row r="249096" spans="14:14">
      <c r="N249096" s="10"/>
    </row>
    <row r="249097" spans="14:14">
      <c r="N249097" s="10"/>
    </row>
    <row r="249098" spans="14:14">
      <c r="N249098" s="10"/>
    </row>
    <row r="249099" spans="14:14">
      <c r="N249099" s="10"/>
    </row>
    <row r="249100" spans="14:14">
      <c r="N249100" s="10"/>
    </row>
    <row r="249101" spans="14:14">
      <c r="N249101" s="10"/>
    </row>
    <row r="249102" spans="14:14">
      <c r="N249102" s="10"/>
    </row>
    <row r="249103" spans="14:14">
      <c r="N249103" s="10"/>
    </row>
    <row r="249104" spans="14:14">
      <c r="N249104" s="10"/>
    </row>
    <row r="249105" spans="14:14">
      <c r="N249105" s="10"/>
    </row>
    <row r="249106" spans="14:14">
      <c r="N249106" s="10"/>
    </row>
    <row r="249107" spans="14:14">
      <c r="N249107" s="10"/>
    </row>
    <row r="249108" spans="14:14">
      <c r="N249108" s="10"/>
    </row>
    <row r="249109" spans="14:14">
      <c r="N249109" s="10"/>
    </row>
    <row r="249110" spans="14:14">
      <c r="N249110" s="10"/>
    </row>
    <row r="249111" spans="14:14">
      <c r="N249111" s="10"/>
    </row>
    <row r="249112" spans="14:14">
      <c r="N249112" s="10"/>
    </row>
    <row r="249113" spans="14:14">
      <c r="N249113" s="10"/>
    </row>
    <row r="249114" spans="14:14">
      <c r="N249114" s="10"/>
    </row>
    <row r="249115" spans="14:14">
      <c r="N249115" s="10"/>
    </row>
    <row r="249116" spans="14:14">
      <c r="N249116" s="10"/>
    </row>
    <row r="249117" spans="14:14">
      <c r="N249117" s="10"/>
    </row>
    <row r="249118" spans="14:14">
      <c r="N249118" s="10"/>
    </row>
    <row r="249119" spans="14:14">
      <c r="N249119" s="10"/>
    </row>
    <row r="249120" spans="14:14">
      <c r="N249120" s="10"/>
    </row>
    <row r="249121" spans="14:14">
      <c r="N249121" s="10"/>
    </row>
    <row r="249122" spans="14:14">
      <c r="N249122" s="10"/>
    </row>
    <row r="249123" spans="14:14">
      <c r="N249123" s="10"/>
    </row>
    <row r="249124" spans="14:14">
      <c r="N249124" s="10"/>
    </row>
    <row r="249125" spans="14:14">
      <c r="N249125" s="10"/>
    </row>
    <row r="249126" spans="14:14">
      <c r="N249126" s="10"/>
    </row>
    <row r="249127" spans="14:14">
      <c r="N249127" s="10"/>
    </row>
    <row r="249128" spans="14:14">
      <c r="N249128" s="10"/>
    </row>
    <row r="249129" spans="14:14">
      <c r="N249129" s="10"/>
    </row>
    <row r="249130" spans="14:14">
      <c r="N249130" s="10"/>
    </row>
    <row r="249131" spans="14:14">
      <c r="N249131" s="10"/>
    </row>
    <row r="249132" spans="14:14">
      <c r="N249132" s="10"/>
    </row>
    <row r="249133" spans="14:14">
      <c r="N249133" s="10"/>
    </row>
    <row r="249134" spans="14:14">
      <c r="N249134" s="10"/>
    </row>
    <row r="249135" spans="14:14">
      <c r="N249135" s="10"/>
    </row>
    <row r="249136" spans="14:14">
      <c r="N249136" s="10"/>
    </row>
    <row r="249137" spans="14:14">
      <c r="N249137" s="10"/>
    </row>
    <row r="249138" spans="14:14">
      <c r="N249138" s="10"/>
    </row>
    <row r="249139" spans="14:14">
      <c r="N249139" s="10"/>
    </row>
    <row r="249140" spans="14:14">
      <c r="N249140" s="10"/>
    </row>
    <row r="249141" spans="14:14">
      <c r="N249141" s="10"/>
    </row>
    <row r="249142" spans="14:14">
      <c r="N249142" s="10"/>
    </row>
    <row r="249143" spans="14:14">
      <c r="N249143" s="10"/>
    </row>
    <row r="249144" spans="14:14">
      <c r="N249144" s="10"/>
    </row>
    <row r="249145" spans="14:14">
      <c r="N249145" s="10"/>
    </row>
    <row r="249146" spans="14:14">
      <c r="N249146" s="10"/>
    </row>
    <row r="249147" spans="14:14">
      <c r="N249147" s="10"/>
    </row>
    <row r="249148" spans="14:14">
      <c r="N249148" s="10"/>
    </row>
    <row r="249149" spans="14:14">
      <c r="N249149" s="10"/>
    </row>
    <row r="249150" spans="14:14">
      <c r="N249150" s="10"/>
    </row>
    <row r="249151" spans="14:14">
      <c r="N249151" s="10"/>
    </row>
    <row r="249152" spans="14:14">
      <c r="N249152" s="10"/>
    </row>
    <row r="249153" spans="14:14">
      <c r="N249153" s="10"/>
    </row>
    <row r="249154" spans="14:14">
      <c r="N249154" s="10"/>
    </row>
    <row r="249155" spans="14:14">
      <c r="N249155" s="10"/>
    </row>
    <row r="249156" spans="14:14">
      <c r="N249156" s="10"/>
    </row>
    <row r="249157" spans="14:14">
      <c r="N249157" s="10"/>
    </row>
    <row r="249158" spans="14:14">
      <c r="N249158" s="10"/>
    </row>
    <row r="249159" spans="14:14">
      <c r="N249159" s="10"/>
    </row>
    <row r="249160" spans="14:14">
      <c r="N249160" s="10"/>
    </row>
    <row r="249161" spans="14:14">
      <c r="N249161" s="10"/>
    </row>
    <row r="249162" spans="14:14">
      <c r="N249162" s="10"/>
    </row>
    <row r="249163" spans="14:14">
      <c r="N249163" s="10"/>
    </row>
    <row r="249164" spans="14:14">
      <c r="N249164" s="10"/>
    </row>
    <row r="249165" spans="14:14">
      <c r="N249165" s="10"/>
    </row>
    <row r="249166" spans="14:14">
      <c r="N249166" s="10"/>
    </row>
    <row r="249167" spans="14:14">
      <c r="N249167" s="10"/>
    </row>
    <row r="249168" spans="14:14">
      <c r="N249168" s="10"/>
    </row>
    <row r="249169" spans="14:14">
      <c r="N249169" s="10"/>
    </row>
    <row r="249170" spans="14:14">
      <c r="N249170" s="10"/>
    </row>
    <row r="249171" spans="14:14">
      <c r="N249171" s="10"/>
    </row>
    <row r="249172" spans="14:14">
      <c r="N249172" s="10"/>
    </row>
    <row r="249173" spans="14:14">
      <c r="N249173" s="10"/>
    </row>
    <row r="249174" spans="14:14">
      <c r="N249174" s="10"/>
    </row>
    <row r="249175" spans="14:14">
      <c r="N249175" s="10"/>
    </row>
    <row r="249176" spans="14:14">
      <c r="N249176" s="10"/>
    </row>
    <row r="249177" spans="14:14">
      <c r="N249177" s="10"/>
    </row>
    <row r="249178" spans="14:14">
      <c r="N249178" s="10"/>
    </row>
    <row r="249179" spans="14:14">
      <c r="N249179" s="10"/>
    </row>
    <row r="249180" spans="14:14">
      <c r="N249180" s="10"/>
    </row>
    <row r="249181" spans="14:14">
      <c r="N249181" s="10"/>
    </row>
    <row r="249182" spans="14:14">
      <c r="N249182" s="10"/>
    </row>
    <row r="249183" spans="14:14">
      <c r="N249183" s="10"/>
    </row>
    <row r="249184" spans="14:14">
      <c r="N249184" s="10"/>
    </row>
    <row r="249185" spans="14:14">
      <c r="N249185" s="10"/>
    </row>
    <row r="249186" spans="14:14">
      <c r="N249186" s="10"/>
    </row>
    <row r="249187" spans="14:14">
      <c r="N249187" s="10"/>
    </row>
    <row r="249188" spans="14:14">
      <c r="N249188" s="10"/>
    </row>
    <row r="249189" spans="14:14">
      <c r="N249189" s="10"/>
    </row>
    <row r="249190" spans="14:14">
      <c r="N249190" s="10"/>
    </row>
    <row r="249191" spans="14:14">
      <c r="N249191" s="10"/>
    </row>
    <row r="249192" spans="14:14">
      <c r="N249192" s="10"/>
    </row>
    <row r="249193" spans="14:14">
      <c r="N249193" s="10"/>
    </row>
    <row r="249194" spans="14:14">
      <c r="N249194" s="10"/>
    </row>
    <row r="249195" spans="14:14">
      <c r="N249195" s="10"/>
    </row>
    <row r="249196" spans="14:14">
      <c r="N249196" s="10"/>
    </row>
    <row r="249197" spans="14:14">
      <c r="N249197" s="10"/>
    </row>
    <row r="249198" spans="14:14">
      <c r="N249198" s="10"/>
    </row>
    <row r="249199" spans="14:14">
      <c r="N249199" s="10"/>
    </row>
    <row r="249200" spans="14:14">
      <c r="N249200" s="10"/>
    </row>
    <row r="249201" spans="14:14">
      <c r="N249201" s="10"/>
    </row>
    <row r="249202" spans="14:14">
      <c r="N249202" s="10"/>
    </row>
    <row r="249203" spans="14:14">
      <c r="N249203" s="10"/>
    </row>
    <row r="249204" spans="14:14">
      <c r="N249204" s="10"/>
    </row>
    <row r="249205" spans="14:14">
      <c r="N249205" s="10"/>
    </row>
    <row r="249206" spans="14:14">
      <c r="N249206" s="10"/>
    </row>
    <row r="249207" spans="14:14">
      <c r="N249207" s="10"/>
    </row>
    <row r="249208" spans="14:14">
      <c r="N249208" s="10"/>
    </row>
    <row r="249209" spans="14:14">
      <c r="N249209" s="10"/>
    </row>
    <row r="249210" spans="14:14">
      <c r="N249210" s="10"/>
    </row>
    <row r="249211" spans="14:14">
      <c r="N249211" s="10"/>
    </row>
    <row r="249212" spans="14:14">
      <c r="N249212" s="10"/>
    </row>
    <row r="249213" spans="14:14">
      <c r="N249213" s="10"/>
    </row>
    <row r="249214" spans="14:14">
      <c r="N249214" s="10"/>
    </row>
    <row r="249215" spans="14:14">
      <c r="N249215" s="10"/>
    </row>
    <row r="249216" spans="14:14">
      <c r="N249216" s="10"/>
    </row>
    <row r="249217" spans="14:14">
      <c r="N249217" s="10"/>
    </row>
    <row r="249218" spans="14:14">
      <c r="N249218" s="10"/>
    </row>
    <row r="249219" spans="14:14">
      <c r="N249219" s="10"/>
    </row>
    <row r="249220" spans="14:14">
      <c r="N249220" s="10"/>
    </row>
    <row r="249221" spans="14:14">
      <c r="N249221" s="10"/>
    </row>
    <row r="249222" spans="14:14">
      <c r="N249222" s="10"/>
    </row>
    <row r="249223" spans="14:14">
      <c r="N249223" s="10"/>
    </row>
    <row r="249224" spans="14:14">
      <c r="N249224" s="10"/>
    </row>
    <row r="249225" spans="14:14">
      <c r="N249225" s="10"/>
    </row>
    <row r="249226" spans="14:14">
      <c r="N249226" s="10"/>
    </row>
    <row r="249227" spans="14:14">
      <c r="N249227" s="10"/>
    </row>
    <row r="249228" spans="14:14">
      <c r="N249228" s="10"/>
    </row>
    <row r="249229" spans="14:14">
      <c r="N249229" s="10"/>
    </row>
    <row r="249230" spans="14:14">
      <c r="N249230" s="10"/>
    </row>
    <row r="249231" spans="14:14">
      <c r="N249231" s="10"/>
    </row>
    <row r="249232" spans="14:14">
      <c r="N249232" s="10"/>
    </row>
    <row r="249233" spans="14:14">
      <c r="N249233" s="10"/>
    </row>
    <row r="249234" spans="14:14">
      <c r="N249234" s="10"/>
    </row>
    <row r="249235" spans="14:14">
      <c r="N249235" s="10"/>
    </row>
    <row r="249236" spans="14:14">
      <c r="N249236" s="10"/>
    </row>
    <row r="249237" spans="14:14">
      <c r="N249237" s="10"/>
    </row>
    <row r="249238" spans="14:14">
      <c r="N249238" s="10"/>
    </row>
    <row r="249239" spans="14:14">
      <c r="N249239" s="10"/>
    </row>
    <row r="249240" spans="14:14">
      <c r="N249240" s="10"/>
    </row>
    <row r="249241" spans="14:14">
      <c r="N249241" s="10"/>
    </row>
    <row r="249242" spans="14:14">
      <c r="N249242" s="10"/>
    </row>
    <row r="249243" spans="14:14">
      <c r="N249243" s="10"/>
    </row>
    <row r="249244" spans="14:14">
      <c r="N249244" s="10"/>
    </row>
    <row r="249245" spans="14:14">
      <c r="N249245" s="10"/>
    </row>
    <row r="249246" spans="14:14">
      <c r="N249246" s="10"/>
    </row>
    <row r="249247" spans="14:14">
      <c r="N249247" s="10"/>
    </row>
    <row r="249248" spans="14:14">
      <c r="N249248" s="10"/>
    </row>
    <row r="249249" spans="14:14">
      <c r="N249249" s="10"/>
    </row>
    <row r="249250" spans="14:14">
      <c r="N249250" s="10"/>
    </row>
    <row r="249251" spans="14:14">
      <c r="N249251" s="10"/>
    </row>
    <row r="249252" spans="14:14">
      <c r="N249252" s="10"/>
    </row>
    <row r="249253" spans="14:14">
      <c r="N249253" s="10"/>
    </row>
    <row r="249254" spans="14:14">
      <c r="N249254" s="10"/>
    </row>
    <row r="249255" spans="14:14">
      <c r="N249255" s="10"/>
    </row>
    <row r="249256" spans="14:14">
      <c r="N249256" s="10"/>
    </row>
    <row r="249257" spans="14:14">
      <c r="N249257" s="10"/>
    </row>
    <row r="249258" spans="14:14">
      <c r="N249258" s="10"/>
    </row>
    <row r="249259" spans="14:14">
      <c r="N249259" s="10"/>
    </row>
    <row r="249260" spans="14:14">
      <c r="N249260" s="10"/>
    </row>
    <row r="249261" spans="14:14">
      <c r="N249261" s="10"/>
    </row>
    <row r="249262" spans="14:14">
      <c r="N249262" s="10"/>
    </row>
    <row r="249263" spans="14:14">
      <c r="N249263" s="10"/>
    </row>
    <row r="249264" spans="14:14">
      <c r="N249264" s="10"/>
    </row>
    <row r="249265" spans="14:14">
      <c r="N249265" s="10"/>
    </row>
    <row r="249266" spans="14:14">
      <c r="N249266" s="10"/>
    </row>
    <row r="249267" spans="14:14">
      <c r="N249267" s="10"/>
    </row>
    <row r="249268" spans="14:14">
      <c r="N249268" s="10"/>
    </row>
    <row r="249269" spans="14:14">
      <c r="N249269" s="10"/>
    </row>
    <row r="249270" spans="14:14">
      <c r="N249270" s="10"/>
    </row>
    <row r="249271" spans="14:14">
      <c r="N249271" s="10"/>
    </row>
    <row r="249272" spans="14:14">
      <c r="N249272" s="10"/>
    </row>
    <row r="249273" spans="14:14">
      <c r="N249273" s="10"/>
    </row>
    <row r="249274" spans="14:14">
      <c r="N249274" s="10"/>
    </row>
    <row r="249275" spans="14:14">
      <c r="N249275" s="10"/>
    </row>
    <row r="249276" spans="14:14">
      <c r="N249276" s="10"/>
    </row>
    <row r="249277" spans="14:14">
      <c r="N249277" s="10"/>
    </row>
    <row r="249278" spans="14:14">
      <c r="N249278" s="10"/>
    </row>
    <row r="249279" spans="14:14">
      <c r="N249279" s="10"/>
    </row>
    <row r="249280" spans="14:14">
      <c r="N249280" s="10"/>
    </row>
    <row r="249281" spans="14:14">
      <c r="N249281" s="10"/>
    </row>
    <row r="249282" spans="14:14">
      <c r="N249282" s="10"/>
    </row>
    <row r="249283" spans="14:14">
      <c r="N249283" s="10"/>
    </row>
    <row r="249284" spans="14:14">
      <c r="N249284" s="10"/>
    </row>
    <row r="249285" spans="14:14">
      <c r="N249285" s="10"/>
    </row>
    <row r="249286" spans="14:14">
      <c r="N249286" s="10"/>
    </row>
    <row r="249287" spans="14:14">
      <c r="N249287" s="10"/>
    </row>
    <row r="249288" spans="14:14">
      <c r="N249288" s="10"/>
    </row>
    <row r="249289" spans="14:14">
      <c r="N249289" s="10"/>
    </row>
    <row r="249290" spans="14:14">
      <c r="N249290" s="10"/>
    </row>
    <row r="249291" spans="14:14">
      <c r="N249291" s="10"/>
    </row>
    <row r="249292" spans="14:14">
      <c r="N249292" s="10"/>
    </row>
    <row r="249293" spans="14:14">
      <c r="N249293" s="10"/>
    </row>
    <row r="249294" spans="14:14">
      <c r="N249294" s="10"/>
    </row>
    <row r="249295" spans="14:14">
      <c r="N249295" s="10"/>
    </row>
    <row r="249296" spans="14:14">
      <c r="N249296" s="10"/>
    </row>
    <row r="249297" spans="14:14">
      <c r="N249297" s="10"/>
    </row>
    <row r="249298" spans="14:14">
      <c r="N249298" s="10"/>
    </row>
    <row r="249299" spans="14:14">
      <c r="N249299" s="10"/>
    </row>
    <row r="249300" spans="14:14">
      <c r="N249300" s="10"/>
    </row>
    <row r="249301" spans="14:14">
      <c r="N249301" s="10"/>
    </row>
    <row r="249302" spans="14:14">
      <c r="N249302" s="10"/>
    </row>
    <row r="249303" spans="14:14">
      <c r="N249303" s="10"/>
    </row>
    <row r="249304" spans="14:14">
      <c r="N249304" s="10"/>
    </row>
    <row r="249305" spans="14:14">
      <c r="N249305" s="10"/>
    </row>
    <row r="249306" spans="14:14">
      <c r="N249306" s="10"/>
    </row>
    <row r="249307" spans="14:14">
      <c r="N249307" s="10"/>
    </row>
    <row r="249308" spans="14:14">
      <c r="N249308" s="10"/>
    </row>
    <row r="249309" spans="14:14">
      <c r="N249309" s="10"/>
    </row>
    <row r="249310" spans="14:14">
      <c r="N249310" s="10"/>
    </row>
    <row r="249311" spans="14:14">
      <c r="N249311" s="10"/>
    </row>
    <row r="249312" spans="14:14">
      <c r="N249312" s="10"/>
    </row>
    <row r="249313" spans="14:14">
      <c r="N249313" s="10"/>
    </row>
    <row r="249314" spans="14:14">
      <c r="N249314" s="10"/>
    </row>
    <row r="249315" spans="14:14">
      <c r="N249315" s="10"/>
    </row>
    <row r="249316" spans="14:14">
      <c r="N249316" s="10"/>
    </row>
    <row r="249317" spans="14:14">
      <c r="N249317" s="10"/>
    </row>
    <row r="249318" spans="14:14">
      <c r="N249318" s="10"/>
    </row>
    <row r="249319" spans="14:14">
      <c r="N249319" s="10"/>
    </row>
    <row r="249320" spans="14:14">
      <c r="N249320" s="10"/>
    </row>
    <row r="249321" spans="14:14">
      <c r="N249321" s="10"/>
    </row>
    <row r="249322" spans="14:14">
      <c r="N249322" s="10"/>
    </row>
    <row r="249323" spans="14:14">
      <c r="N249323" s="10"/>
    </row>
    <row r="249324" spans="14:14">
      <c r="N249324" s="10"/>
    </row>
    <row r="249325" spans="14:14">
      <c r="N249325" s="10"/>
    </row>
    <row r="249326" spans="14:14">
      <c r="N249326" s="10"/>
    </row>
    <row r="249327" spans="14:14">
      <c r="N249327" s="10"/>
    </row>
    <row r="249328" spans="14:14">
      <c r="N249328" s="10"/>
    </row>
    <row r="249329" spans="14:14">
      <c r="N249329" s="10"/>
    </row>
    <row r="249330" spans="14:14">
      <c r="N249330" s="10"/>
    </row>
    <row r="249331" spans="14:14">
      <c r="N249331" s="10"/>
    </row>
    <row r="249332" spans="14:14">
      <c r="N249332" s="10"/>
    </row>
    <row r="249333" spans="14:14">
      <c r="N249333" s="10"/>
    </row>
    <row r="249334" spans="14:14">
      <c r="N249334" s="10"/>
    </row>
    <row r="249335" spans="14:14">
      <c r="N249335" s="10"/>
    </row>
    <row r="249336" spans="14:14">
      <c r="N249336" s="10"/>
    </row>
    <row r="249337" spans="14:14">
      <c r="N249337" s="10"/>
    </row>
    <row r="249338" spans="14:14">
      <c r="N249338" s="10"/>
    </row>
    <row r="249339" spans="14:14">
      <c r="N249339" s="10"/>
    </row>
    <row r="249340" spans="14:14">
      <c r="N249340" s="10"/>
    </row>
    <row r="249341" spans="14:14">
      <c r="N249341" s="10"/>
    </row>
    <row r="249342" spans="14:14">
      <c r="N249342" s="10"/>
    </row>
    <row r="249343" spans="14:14">
      <c r="N249343" s="10"/>
    </row>
    <row r="249344" spans="14:14">
      <c r="N249344" s="10"/>
    </row>
    <row r="249345" spans="14:14">
      <c r="N249345" s="10"/>
    </row>
    <row r="249346" spans="14:14">
      <c r="N249346" s="10"/>
    </row>
    <row r="249347" spans="14:14">
      <c r="N249347" s="10"/>
    </row>
    <row r="249348" spans="14:14">
      <c r="N249348" s="10"/>
    </row>
    <row r="249349" spans="14:14">
      <c r="N249349" s="10"/>
    </row>
    <row r="249350" spans="14:14">
      <c r="N249350" s="10"/>
    </row>
    <row r="249351" spans="14:14">
      <c r="N249351" s="10"/>
    </row>
    <row r="249352" spans="14:14">
      <c r="N249352" s="10"/>
    </row>
    <row r="249353" spans="14:14">
      <c r="N249353" s="10"/>
    </row>
    <row r="249354" spans="14:14">
      <c r="N249354" s="10"/>
    </row>
    <row r="249355" spans="14:14">
      <c r="N249355" s="10"/>
    </row>
    <row r="249356" spans="14:14">
      <c r="N249356" s="10"/>
    </row>
    <row r="249357" spans="14:14">
      <c r="N249357" s="10"/>
    </row>
    <row r="249358" spans="14:14">
      <c r="N249358" s="10"/>
    </row>
    <row r="249359" spans="14:14">
      <c r="N249359" s="10"/>
    </row>
    <row r="249360" spans="14:14">
      <c r="N249360" s="10"/>
    </row>
    <row r="249361" spans="14:14">
      <c r="N249361" s="10"/>
    </row>
    <row r="249362" spans="14:14">
      <c r="N249362" s="10"/>
    </row>
    <row r="249363" spans="14:14">
      <c r="N249363" s="10"/>
    </row>
    <row r="249364" spans="14:14">
      <c r="N249364" s="10"/>
    </row>
    <row r="249365" spans="14:14">
      <c r="N249365" s="10"/>
    </row>
    <row r="249366" spans="14:14">
      <c r="N249366" s="10"/>
    </row>
    <row r="249367" spans="14:14">
      <c r="N249367" s="10"/>
    </row>
    <row r="249368" spans="14:14">
      <c r="N249368" s="10"/>
    </row>
    <row r="249369" spans="14:14">
      <c r="N249369" s="10"/>
    </row>
    <row r="249370" spans="14:14">
      <c r="N249370" s="10"/>
    </row>
    <row r="249371" spans="14:14">
      <c r="N249371" s="10"/>
    </row>
    <row r="249372" spans="14:14">
      <c r="N249372" s="10"/>
    </row>
    <row r="249373" spans="14:14">
      <c r="N249373" s="10"/>
    </row>
    <row r="249374" spans="14:14">
      <c r="N249374" s="10"/>
    </row>
    <row r="249375" spans="14:14">
      <c r="N249375" s="10"/>
    </row>
    <row r="249376" spans="14:14">
      <c r="N249376" s="10"/>
    </row>
    <row r="249377" spans="14:14">
      <c r="N249377" s="10"/>
    </row>
    <row r="249378" spans="14:14">
      <c r="N249378" s="10"/>
    </row>
    <row r="249379" spans="14:14">
      <c r="N249379" s="10"/>
    </row>
    <row r="249380" spans="14:14">
      <c r="N249380" s="10"/>
    </row>
    <row r="249381" spans="14:14">
      <c r="N249381" s="10"/>
    </row>
    <row r="249382" spans="14:14">
      <c r="N249382" s="10"/>
    </row>
    <row r="249383" spans="14:14">
      <c r="N249383" s="10"/>
    </row>
    <row r="249384" spans="14:14">
      <c r="N249384" s="10"/>
    </row>
    <row r="249385" spans="14:14">
      <c r="N249385" s="10"/>
    </row>
    <row r="249386" spans="14:14">
      <c r="N249386" s="10"/>
    </row>
    <row r="249387" spans="14:14">
      <c r="N249387" s="10"/>
    </row>
    <row r="249388" spans="14:14">
      <c r="N249388" s="10"/>
    </row>
    <row r="249389" spans="14:14">
      <c r="N249389" s="10"/>
    </row>
    <row r="249390" spans="14:14">
      <c r="N249390" s="10"/>
    </row>
    <row r="249391" spans="14:14">
      <c r="N249391" s="10"/>
    </row>
    <row r="249392" spans="14:14">
      <c r="N249392" s="10"/>
    </row>
    <row r="249393" spans="14:14">
      <c r="N249393" s="10"/>
    </row>
    <row r="249394" spans="14:14">
      <c r="N249394" s="10"/>
    </row>
    <row r="249395" spans="14:14">
      <c r="N249395" s="10"/>
    </row>
    <row r="249396" spans="14:14">
      <c r="N249396" s="10"/>
    </row>
    <row r="249397" spans="14:14">
      <c r="N249397" s="10"/>
    </row>
    <row r="249398" spans="14:14">
      <c r="N249398" s="10"/>
    </row>
    <row r="249399" spans="14:14">
      <c r="N249399" s="10"/>
    </row>
    <row r="249400" spans="14:14">
      <c r="N249400" s="10"/>
    </row>
    <row r="249401" spans="14:14">
      <c r="N249401" s="10"/>
    </row>
    <row r="249402" spans="14:14">
      <c r="N249402" s="10"/>
    </row>
    <row r="249403" spans="14:14">
      <c r="N249403" s="10"/>
    </row>
    <row r="249404" spans="14:14">
      <c r="N249404" s="10"/>
    </row>
    <row r="249405" spans="14:14">
      <c r="N249405" s="10"/>
    </row>
    <row r="249406" spans="14:14">
      <c r="N249406" s="10"/>
    </row>
    <row r="249407" spans="14:14">
      <c r="N249407" s="10"/>
    </row>
    <row r="249408" spans="14:14">
      <c r="N249408" s="10"/>
    </row>
    <row r="249409" spans="14:14">
      <c r="N249409" s="10"/>
    </row>
    <row r="249410" spans="14:14">
      <c r="N249410" s="10"/>
    </row>
    <row r="249411" spans="14:14">
      <c r="N249411" s="10"/>
    </row>
    <row r="249412" spans="14:14">
      <c r="N249412" s="10"/>
    </row>
    <row r="249413" spans="14:14">
      <c r="N249413" s="10"/>
    </row>
    <row r="249414" spans="14:14">
      <c r="N249414" s="10"/>
    </row>
    <row r="249415" spans="14:14">
      <c r="N249415" s="10"/>
    </row>
    <row r="249416" spans="14:14">
      <c r="N249416" s="10"/>
    </row>
    <row r="249417" spans="14:14">
      <c r="N249417" s="10"/>
    </row>
    <row r="249418" spans="14:14">
      <c r="N249418" s="10"/>
    </row>
    <row r="249419" spans="14:14">
      <c r="N249419" s="10"/>
    </row>
    <row r="249420" spans="14:14">
      <c r="N249420" s="10"/>
    </row>
    <row r="249421" spans="14:14">
      <c r="N249421" s="10"/>
    </row>
    <row r="249422" spans="14:14">
      <c r="N249422" s="10"/>
    </row>
    <row r="249423" spans="14:14">
      <c r="N249423" s="10"/>
    </row>
    <row r="249424" spans="14:14">
      <c r="N249424" s="10"/>
    </row>
    <row r="249425" spans="14:14">
      <c r="N249425" s="10"/>
    </row>
    <row r="249426" spans="14:14">
      <c r="N249426" s="10"/>
    </row>
    <row r="249427" spans="14:14">
      <c r="N249427" s="10"/>
    </row>
    <row r="249428" spans="14:14">
      <c r="N249428" s="10"/>
    </row>
    <row r="249429" spans="14:14">
      <c r="N249429" s="10"/>
    </row>
    <row r="249430" spans="14:14">
      <c r="N249430" s="10"/>
    </row>
    <row r="249431" spans="14:14">
      <c r="N249431" s="10"/>
    </row>
    <row r="249432" spans="14:14">
      <c r="N249432" s="10"/>
    </row>
    <row r="249433" spans="14:14">
      <c r="N249433" s="10"/>
    </row>
    <row r="249434" spans="14:14">
      <c r="N249434" s="10"/>
    </row>
    <row r="249435" spans="14:14">
      <c r="N249435" s="10"/>
    </row>
    <row r="249436" spans="14:14">
      <c r="N249436" s="10"/>
    </row>
    <row r="249437" spans="14:14">
      <c r="N249437" s="10"/>
    </row>
    <row r="249438" spans="14:14">
      <c r="N249438" s="10"/>
    </row>
    <row r="249439" spans="14:14">
      <c r="N249439" s="10"/>
    </row>
    <row r="249440" spans="14:14">
      <c r="N249440" s="10"/>
    </row>
    <row r="249441" spans="14:14">
      <c r="N249441" s="10"/>
    </row>
    <row r="249442" spans="14:14">
      <c r="N249442" s="10"/>
    </row>
    <row r="249443" spans="14:14">
      <c r="N249443" s="10"/>
    </row>
    <row r="249444" spans="14:14">
      <c r="N249444" s="10"/>
    </row>
    <row r="249445" spans="14:14">
      <c r="N249445" s="10"/>
    </row>
    <row r="249446" spans="14:14">
      <c r="N249446" s="10"/>
    </row>
    <row r="249447" spans="14:14">
      <c r="N249447" s="10"/>
    </row>
    <row r="249448" spans="14:14">
      <c r="N249448" s="10"/>
    </row>
    <row r="249449" spans="14:14">
      <c r="N249449" s="10"/>
    </row>
    <row r="249450" spans="14:14">
      <c r="N249450" s="10"/>
    </row>
    <row r="249451" spans="14:14">
      <c r="N249451" s="10"/>
    </row>
    <row r="249452" spans="14:14">
      <c r="N249452" s="10"/>
    </row>
    <row r="249453" spans="14:14">
      <c r="N249453" s="10"/>
    </row>
    <row r="249454" spans="14:14">
      <c r="N249454" s="10"/>
    </row>
    <row r="249455" spans="14:14">
      <c r="N249455" s="10"/>
    </row>
    <row r="249456" spans="14:14">
      <c r="N249456" s="10"/>
    </row>
    <row r="249457" spans="14:14">
      <c r="N249457" s="10"/>
    </row>
    <row r="249458" spans="14:14">
      <c r="N249458" s="10"/>
    </row>
    <row r="249459" spans="14:14">
      <c r="N249459" s="10"/>
    </row>
    <row r="249460" spans="14:14">
      <c r="N249460" s="10"/>
    </row>
    <row r="249461" spans="14:14">
      <c r="N249461" s="10"/>
    </row>
    <row r="249462" spans="14:14">
      <c r="N249462" s="10"/>
    </row>
    <row r="249463" spans="14:14">
      <c r="N249463" s="10"/>
    </row>
    <row r="249464" spans="14:14">
      <c r="N249464" s="10"/>
    </row>
    <row r="249465" spans="14:14">
      <c r="N249465" s="10"/>
    </row>
    <row r="249466" spans="14:14">
      <c r="N249466" s="10"/>
    </row>
    <row r="249467" spans="14:14">
      <c r="N249467" s="10"/>
    </row>
    <row r="249468" spans="14:14">
      <c r="N249468" s="10"/>
    </row>
    <row r="249469" spans="14:14">
      <c r="N249469" s="10"/>
    </row>
    <row r="249470" spans="14:14">
      <c r="N249470" s="10"/>
    </row>
    <row r="249471" spans="14:14">
      <c r="N249471" s="10"/>
    </row>
    <row r="249472" spans="14:14">
      <c r="N249472" s="10"/>
    </row>
    <row r="249473" spans="14:14">
      <c r="N249473" s="10"/>
    </row>
    <row r="249474" spans="14:14">
      <c r="N249474" s="10"/>
    </row>
    <row r="249475" spans="14:14">
      <c r="N249475" s="10"/>
    </row>
    <row r="249476" spans="14:14">
      <c r="N249476" s="10"/>
    </row>
    <row r="249477" spans="14:14">
      <c r="N249477" s="10"/>
    </row>
    <row r="249478" spans="14:14">
      <c r="N249478" s="10"/>
    </row>
    <row r="249479" spans="14:14">
      <c r="N249479" s="10"/>
    </row>
    <row r="249480" spans="14:14">
      <c r="N249480" s="10"/>
    </row>
    <row r="249481" spans="14:14">
      <c r="N249481" s="10"/>
    </row>
    <row r="249482" spans="14:14">
      <c r="N249482" s="10"/>
    </row>
    <row r="249483" spans="14:14">
      <c r="N249483" s="10"/>
    </row>
    <row r="249484" spans="14:14">
      <c r="N249484" s="10"/>
    </row>
    <row r="249485" spans="14:14">
      <c r="N249485" s="10"/>
    </row>
    <row r="249486" spans="14:14">
      <c r="N249486" s="10"/>
    </row>
    <row r="249487" spans="14:14">
      <c r="N249487" s="10"/>
    </row>
    <row r="249488" spans="14:14">
      <c r="N249488" s="10"/>
    </row>
    <row r="249489" spans="14:14">
      <c r="N249489" s="10"/>
    </row>
    <row r="249490" spans="14:14">
      <c r="N249490" s="10"/>
    </row>
    <row r="249491" spans="14:14">
      <c r="N249491" s="10"/>
    </row>
    <row r="249492" spans="14:14">
      <c r="N249492" s="10"/>
    </row>
    <row r="249493" spans="14:14">
      <c r="N249493" s="10"/>
    </row>
    <row r="249494" spans="14:14">
      <c r="N249494" s="10"/>
    </row>
    <row r="249495" spans="14:14">
      <c r="N249495" s="10"/>
    </row>
    <row r="249496" spans="14:14">
      <c r="N249496" s="10"/>
    </row>
    <row r="249497" spans="14:14">
      <c r="N249497" s="10"/>
    </row>
    <row r="249498" spans="14:14">
      <c r="N249498" s="10"/>
    </row>
    <row r="249499" spans="14:14">
      <c r="N249499" s="10"/>
    </row>
    <row r="249500" spans="14:14">
      <c r="N249500" s="10"/>
    </row>
    <row r="249501" spans="14:14">
      <c r="N249501" s="10"/>
    </row>
    <row r="249502" spans="14:14">
      <c r="N249502" s="10"/>
    </row>
    <row r="249503" spans="14:14">
      <c r="N249503" s="10"/>
    </row>
    <row r="249504" spans="14:14">
      <c r="N249504" s="10"/>
    </row>
    <row r="249505" spans="14:14">
      <c r="N249505" s="10"/>
    </row>
    <row r="249506" spans="14:14">
      <c r="N249506" s="10"/>
    </row>
    <row r="249507" spans="14:14">
      <c r="N249507" s="10"/>
    </row>
    <row r="249508" spans="14:14">
      <c r="N249508" s="10"/>
    </row>
    <row r="249509" spans="14:14">
      <c r="N249509" s="10"/>
    </row>
    <row r="249510" spans="14:14">
      <c r="N249510" s="10"/>
    </row>
    <row r="249511" spans="14:14">
      <c r="N249511" s="10"/>
    </row>
    <row r="249512" spans="14:14">
      <c r="N249512" s="10"/>
    </row>
    <row r="249513" spans="14:14">
      <c r="N249513" s="10"/>
    </row>
    <row r="249514" spans="14:14">
      <c r="N249514" s="10"/>
    </row>
    <row r="249515" spans="14:14">
      <c r="N249515" s="10"/>
    </row>
    <row r="249516" spans="14:14">
      <c r="N249516" s="10"/>
    </row>
    <row r="249517" spans="14:14">
      <c r="N249517" s="10"/>
    </row>
    <row r="249518" spans="14:14">
      <c r="N249518" s="10"/>
    </row>
    <row r="249519" spans="14:14">
      <c r="N249519" s="10"/>
    </row>
    <row r="249520" spans="14:14">
      <c r="N249520" s="10"/>
    </row>
    <row r="249521" spans="14:14">
      <c r="N249521" s="10"/>
    </row>
    <row r="249522" spans="14:14">
      <c r="N249522" s="10"/>
    </row>
    <row r="249523" spans="14:14">
      <c r="N249523" s="10"/>
    </row>
    <row r="249524" spans="14:14">
      <c r="N249524" s="10"/>
    </row>
    <row r="249525" spans="14:14">
      <c r="N249525" s="10"/>
    </row>
    <row r="249526" spans="14:14">
      <c r="N249526" s="10"/>
    </row>
    <row r="249527" spans="14:14">
      <c r="N249527" s="10"/>
    </row>
    <row r="249528" spans="14:14">
      <c r="N249528" s="10"/>
    </row>
    <row r="249529" spans="14:14">
      <c r="N249529" s="10"/>
    </row>
    <row r="249530" spans="14:14">
      <c r="N249530" s="10"/>
    </row>
    <row r="249531" spans="14:14">
      <c r="N249531" s="10"/>
    </row>
    <row r="249532" spans="14:14">
      <c r="N249532" s="10"/>
    </row>
    <row r="249533" spans="14:14">
      <c r="N249533" s="10"/>
    </row>
    <row r="249534" spans="14:14">
      <c r="N249534" s="10"/>
    </row>
    <row r="249535" spans="14:14">
      <c r="N249535" s="10"/>
    </row>
    <row r="249536" spans="14:14">
      <c r="N249536" s="10"/>
    </row>
    <row r="249537" spans="14:14">
      <c r="N249537" s="10"/>
    </row>
    <row r="249538" spans="14:14">
      <c r="N249538" s="10"/>
    </row>
    <row r="249539" spans="14:14">
      <c r="N249539" s="10"/>
    </row>
    <row r="249540" spans="14:14">
      <c r="N249540" s="10"/>
    </row>
    <row r="249541" spans="14:14">
      <c r="N249541" s="10"/>
    </row>
    <row r="249542" spans="14:14">
      <c r="N249542" s="10"/>
    </row>
    <row r="249543" spans="14:14">
      <c r="N249543" s="10"/>
    </row>
    <row r="249544" spans="14:14">
      <c r="N249544" s="10"/>
    </row>
    <row r="249545" spans="14:14">
      <c r="N249545" s="10"/>
    </row>
    <row r="249546" spans="14:14">
      <c r="N249546" s="10"/>
    </row>
    <row r="249547" spans="14:14">
      <c r="N249547" s="10"/>
    </row>
    <row r="249548" spans="14:14">
      <c r="N249548" s="10"/>
    </row>
    <row r="249549" spans="14:14">
      <c r="N249549" s="10"/>
    </row>
    <row r="249550" spans="14:14">
      <c r="N249550" s="10"/>
    </row>
    <row r="249551" spans="14:14">
      <c r="N249551" s="10"/>
    </row>
    <row r="249552" spans="14:14">
      <c r="N249552" s="10"/>
    </row>
    <row r="249553" spans="14:14">
      <c r="N249553" s="10"/>
    </row>
    <row r="249554" spans="14:14">
      <c r="N249554" s="10"/>
    </row>
    <row r="249555" spans="14:14">
      <c r="N249555" s="10"/>
    </row>
    <row r="249556" spans="14:14">
      <c r="N249556" s="10"/>
    </row>
    <row r="249557" spans="14:14">
      <c r="N249557" s="10"/>
    </row>
    <row r="249558" spans="14:14">
      <c r="N249558" s="10"/>
    </row>
    <row r="249559" spans="14:14">
      <c r="N249559" s="10"/>
    </row>
    <row r="249560" spans="14:14">
      <c r="N249560" s="10"/>
    </row>
    <row r="249561" spans="14:14">
      <c r="N249561" s="10"/>
    </row>
    <row r="249562" spans="14:14">
      <c r="N249562" s="10"/>
    </row>
    <row r="249563" spans="14:14">
      <c r="N249563" s="10"/>
    </row>
    <row r="249564" spans="14:14">
      <c r="N249564" s="10"/>
    </row>
    <row r="249565" spans="14:14">
      <c r="N249565" s="10"/>
    </row>
    <row r="249566" spans="14:14">
      <c r="N249566" s="10"/>
    </row>
    <row r="249567" spans="14:14">
      <c r="N249567" s="10"/>
    </row>
    <row r="249568" spans="14:14">
      <c r="N249568" s="10"/>
    </row>
    <row r="249569" spans="14:14">
      <c r="N249569" s="10"/>
    </row>
    <row r="249570" spans="14:14">
      <c r="N249570" s="10"/>
    </row>
    <row r="249571" spans="14:14">
      <c r="N249571" s="10"/>
    </row>
    <row r="249572" spans="14:14">
      <c r="N249572" s="10"/>
    </row>
    <row r="249573" spans="14:14">
      <c r="N249573" s="10"/>
    </row>
    <row r="249574" spans="14:14">
      <c r="N249574" s="10"/>
    </row>
    <row r="249575" spans="14:14">
      <c r="N249575" s="10"/>
    </row>
    <row r="249576" spans="14:14">
      <c r="N249576" s="10"/>
    </row>
    <row r="249577" spans="14:14">
      <c r="N249577" s="10"/>
    </row>
    <row r="249578" spans="14:14">
      <c r="N249578" s="10"/>
    </row>
    <row r="249579" spans="14:14">
      <c r="N249579" s="10"/>
    </row>
    <row r="249580" spans="14:14">
      <c r="N249580" s="10"/>
    </row>
    <row r="249581" spans="14:14">
      <c r="N249581" s="10"/>
    </row>
    <row r="249582" spans="14:14">
      <c r="N249582" s="10"/>
    </row>
    <row r="249583" spans="14:14">
      <c r="N249583" s="10"/>
    </row>
    <row r="249584" spans="14:14">
      <c r="N249584" s="10"/>
    </row>
    <row r="249585" spans="14:14">
      <c r="N249585" s="10"/>
    </row>
    <row r="249586" spans="14:14">
      <c r="N249586" s="10"/>
    </row>
    <row r="249587" spans="14:14">
      <c r="N249587" s="10"/>
    </row>
    <row r="249588" spans="14:14">
      <c r="N249588" s="10"/>
    </row>
    <row r="249589" spans="14:14">
      <c r="N249589" s="10"/>
    </row>
    <row r="249590" spans="14:14">
      <c r="N249590" s="10"/>
    </row>
    <row r="249591" spans="14:14">
      <c r="N249591" s="10"/>
    </row>
    <row r="249592" spans="14:14">
      <c r="N249592" s="10"/>
    </row>
    <row r="249593" spans="14:14">
      <c r="N249593" s="10"/>
    </row>
    <row r="249594" spans="14:14">
      <c r="N249594" s="10"/>
    </row>
    <row r="249595" spans="14:14">
      <c r="N249595" s="10"/>
    </row>
    <row r="249596" spans="14:14">
      <c r="N249596" s="10"/>
    </row>
    <row r="249597" spans="14:14">
      <c r="N249597" s="10"/>
    </row>
    <row r="249598" spans="14:14">
      <c r="N249598" s="10"/>
    </row>
    <row r="249599" spans="14:14">
      <c r="N249599" s="10"/>
    </row>
    <row r="249600" spans="14:14">
      <c r="N249600" s="10"/>
    </row>
    <row r="249601" spans="14:14">
      <c r="N249601" s="10"/>
    </row>
    <row r="249602" spans="14:14">
      <c r="N249602" s="10"/>
    </row>
    <row r="249603" spans="14:14">
      <c r="N249603" s="10"/>
    </row>
    <row r="249604" spans="14:14">
      <c r="N249604" s="10"/>
    </row>
    <row r="249605" spans="14:14">
      <c r="N249605" s="10"/>
    </row>
    <row r="249606" spans="14:14">
      <c r="N249606" s="10"/>
    </row>
    <row r="249607" spans="14:14">
      <c r="N249607" s="10"/>
    </row>
    <row r="249608" spans="14:14">
      <c r="N249608" s="10"/>
    </row>
    <row r="249609" spans="14:14">
      <c r="N249609" s="10"/>
    </row>
    <row r="249610" spans="14:14">
      <c r="N249610" s="10"/>
    </row>
    <row r="249611" spans="14:14">
      <c r="N249611" s="10"/>
    </row>
    <row r="249612" spans="14:14">
      <c r="N249612" s="10"/>
    </row>
    <row r="249613" spans="14:14">
      <c r="N249613" s="10"/>
    </row>
    <row r="249614" spans="14:14">
      <c r="N249614" s="10"/>
    </row>
    <row r="249615" spans="14:14">
      <c r="N249615" s="10"/>
    </row>
    <row r="249616" spans="14:14">
      <c r="N249616" s="10"/>
    </row>
    <row r="249617" spans="14:14">
      <c r="N249617" s="10"/>
    </row>
    <row r="249618" spans="14:14">
      <c r="N249618" s="10"/>
    </row>
    <row r="249619" spans="14:14">
      <c r="N249619" s="10"/>
    </row>
    <row r="249620" spans="14:14">
      <c r="N249620" s="10"/>
    </row>
    <row r="249621" spans="14:14">
      <c r="N249621" s="10"/>
    </row>
    <row r="249622" spans="14:14">
      <c r="N249622" s="10"/>
    </row>
    <row r="249623" spans="14:14">
      <c r="N249623" s="10"/>
    </row>
    <row r="249624" spans="14:14">
      <c r="N249624" s="10"/>
    </row>
    <row r="249625" spans="14:14">
      <c r="N249625" s="10"/>
    </row>
    <row r="249626" spans="14:14">
      <c r="N249626" s="10"/>
    </row>
    <row r="249627" spans="14:14">
      <c r="N249627" s="10"/>
    </row>
    <row r="249628" spans="14:14">
      <c r="N249628" s="10"/>
    </row>
    <row r="249629" spans="14:14">
      <c r="N249629" s="10"/>
    </row>
    <row r="249630" spans="14:14">
      <c r="N249630" s="10"/>
    </row>
    <row r="249631" spans="14:14">
      <c r="N249631" s="10"/>
    </row>
    <row r="249632" spans="14:14">
      <c r="N249632" s="10"/>
    </row>
    <row r="249633" spans="14:14">
      <c r="N249633" s="10"/>
    </row>
    <row r="249634" spans="14:14">
      <c r="N249634" s="10"/>
    </row>
    <row r="249635" spans="14:14">
      <c r="N249635" s="10"/>
    </row>
    <row r="249636" spans="14:14">
      <c r="N249636" s="10"/>
    </row>
    <row r="249637" spans="14:14">
      <c r="N249637" s="10"/>
    </row>
    <row r="249638" spans="14:14">
      <c r="N249638" s="10"/>
    </row>
    <row r="249639" spans="14:14">
      <c r="N249639" s="10"/>
    </row>
    <row r="249640" spans="14:14">
      <c r="N249640" s="10"/>
    </row>
    <row r="249641" spans="14:14">
      <c r="N249641" s="10"/>
    </row>
    <row r="249642" spans="14:14">
      <c r="N249642" s="10"/>
    </row>
    <row r="249643" spans="14:14">
      <c r="N249643" s="10"/>
    </row>
    <row r="249644" spans="14:14">
      <c r="N249644" s="10"/>
    </row>
    <row r="249645" spans="14:14">
      <c r="N249645" s="10"/>
    </row>
    <row r="249646" spans="14:14">
      <c r="N249646" s="10"/>
    </row>
    <row r="249647" spans="14:14">
      <c r="N249647" s="10"/>
    </row>
    <row r="249648" spans="14:14">
      <c r="N249648" s="10"/>
    </row>
    <row r="249649" spans="14:14">
      <c r="N249649" s="10"/>
    </row>
    <row r="249650" spans="14:14">
      <c r="N249650" s="10"/>
    </row>
    <row r="249651" spans="14:14">
      <c r="N249651" s="10"/>
    </row>
    <row r="249652" spans="14:14">
      <c r="N249652" s="10"/>
    </row>
    <row r="249653" spans="14:14">
      <c r="N249653" s="10"/>
    </row>
    <row r="249654" spans="14:14">
      <c r="N249654" s="10"/>
    </row>
    <row r="249655" spans="14:14">
      <c r="N249655" s="10"/>
    </row>
    <row r="249656" spans="14:14">
      <c r="N249656" s="10"/>
    </row>
    <row r="249657" spans="14:14">
      <c r="N249657" s="10"/>
    </row>
    <row r="249658" spans="14:14">
      <c r="N249658" s="10"/>
    </row>
    <row r="249659" spans="14:14">
      <c r="N249659" s="10"/>
    </row>
    <row r="249660" spans="14:14">
      <c r="N249660" s="10"/>
    </row>
    <row r="249661" spans="14:14">
      <c r="N249661" s="10"/>
    </row>
    <row r="249662" spans="14:14">
      <c r="N249662" s="10"/>
    </row>
    <row r="249663" spans="14:14">
      <c r="N249663" s="10"/>
    </row>
    <row r="249664" spans="14:14">
      <c r="N249664" s="10"/>
    </row>
    <row r="249665" spans="14:14">
      <c r="N249665" s="10"/>
    </row>
    <row r="249666" spans="14:14">
      <c r="N249666" s="10"/>
    </row>
    <row r="249667" spans="14:14">
      <c r="N249667" s="10"/>
    </row>
    <row r="249668" spans="14:14">
      <c r="N249668" s="10"/>
    </row>
    <row r="249669" spans="14:14">
      <c r="N249669" s="10"/>
    </row>
    <row r="249670" spans="14:14">
      <c r="N249670" s="10"/>
    </row>
    <row r="249671" spans="14:14">
      <c r="N249671" s="10"/>
    </row>
    <row r="249672" spans="14:14">
      <c r="N249672" s="10"/>
    </row>
    <row r="249673" spans="14:14">
      <c r="N249673" s="10"/>
    </row>
    <row r="249674" spans="14:14">
      <c r="N249674" s="10"/>
    </row>
    <row r="249675" spans="14:14">
      <c r="N249675" s="10"/>
    </row>
    <row r="249676" spans="14:14">
      <c r="N249676" s="10"/>
    </row>
    <row r="249677" spans="14:14">
      <c r="N249677" s="10"/>
    </row>
    <row r="249678" spans="14:14">
      <c r="N249678" s="10"/>
    </row>
    <row r="249679" spans="14:14">
      <c r="N249679" s="10"/>
    </row>
    <row r="249680" spans="14:14">
      <c r="N249680" s="10"/>
    </row>
    <row r="249681" spans="14:14">
      <c r="N249681" s="10"/>
    </row>
    <row r="249682" spans="14:14">
      <c r="N249682" s="10"/>
    </row>
    <row r="249683" spans="14:14">
      <c r="N249683" s="10"/>
    </row>
    <row r="249684" spans="14:14">
      <c r="N249684" s="10"/>
    </row>
    <row r="249685" spans="14:14">
      <c r="N249685" s="10"/>
    </row>
    <row r="249686" spans="14:14">
      <c r="N249686" s="10"/>
    </row>
    <row r="249687" spans="14:14">
      <c r="N249687" s="10"/>
    </row>
    <row r="249688" spans="14:14">
      <c r="N249688" s="10"/>
    </row>
    <row r="249689" spans="14:14">
      <c r="N249689" s="10"/>
    </row>
    <row r="249690" spans="14:14">
      <c r="N249690" s="10"/>
    </row>
    <row r="249691" spans="14:14">
      <c r="N249691" s="10"/>
    </row>
    <row r="249692" spans="14:14">
      <c r="N249692" s="10"/>
    </row>
    <row r="249693" spans="14:14">
      <c r="N249693" s="10"/>
    </row>
    <row r="249694" spans="14:14">
      <c r="N249694" s="10"/>
    </row>
    <row r="249695" spans="14:14">
      <c r="N249695" s="10"/>
    </row>
    <row r="249696" spans="14:14">
      <c r="N249696" s="10"/>
    </row>
    <row r="249697" spans="14:14">
      <c r="N249697" s="10"/>
    </row>
    <row r="249698" spans="14:14">
      <c r="N249698" s="10"/>
    </row>
    <row r="249699" spans="14:14">
      <c r="N249699" s="10"/>
    </row>
    <row r="249700" spans="14:14">
      <c r="N249700" s="10"/>
    </row>
    <row r="249701" spans="14:14">
      <c r="N249701" s="10"/>
    </row>
    <row r="249702" spans="14:14">
      <c r="N249702" s="10"/>
    </row>
    <row r="249703" spans="14:14">
      <c r="N249703" s="10"/>
    </row>
    <row r="249704" spans="14:14">
      <c r="N249704" s="10"/>
    </row>
    <row r="249705" spans="14:14">
      <c r="N249705" s="10"/>
    </row>
    <row r="249706" spans="14:14">
      <c r="N249706" s="10"/>
    </row>
    <row r="249707" spans="14:14">
      <c r="N249707" s="10"/>
    </row>
    <row r="249708" spans="14:14">
      <c r="N249708" s="10"/>
    </row>
    <row r="249709" spans="14:14">
      <c r="N249709" s="10"/>
    </row>
    <row r="249710" spans="14:14">
      <c r="N249710" s="10"/>
    </row>
    <row r="249711" spans="14:14">
      <c r="N249711" s="10"/>
    </row>
    <row r="249712" spans="14:14">
      <c r="N249712" s="10"/>
    </row>
    <row r="249713" spans="14:14">
      <c r="N249713" s="10"/>
    </row>
    <row r="249714" spans="14:14">
      <c r="N249714" s="10"/>
    </row>
    <row r="249715" spans="14:14">
      <c r="N249715" s="10"/>
    </row>
    <row r="249716" spans="14:14">
      <c r="N249716" s="10"/>
    </row>
    <row r="249717" spans="14:14">
      <c r="N249717" s="10"/>
    </row>
    <row r="249718" spans="14:14">
      <c r="N249718" s="10"/>
    </row>
    <row r="249719" spans="14:14">
      <c r="N249719" s="10"/>
    </row>
    <row r="249720" spans="14:14">
      <c r="N249720" s="10"/>
    </row>
    <row r="249721" spans="14:14">
      <c r="N249721" s="10"/>
    </row>
    <row r="249722" spans="14:14">
      <c r="N249722" s="10"/>
    </row>
    <row r="249723" spans="14:14">
      <c r="N249723" s="10"/>
    </row>
    <row r="249724" spans="14:14">
      <c r="N249724" s="10"/>
    </row>
    <row r="249725" spans="14:14">
      <c r="N249725" s="10"/>
    </row>
    <row r="249726" spans="14:14">
      <c r="N249726" s="10"/>
    </row>
    <row r="249727" spans="14:14">
      <c r="N249727" s="10"/>
    </row>
    <row r="249728" spans="14:14">
      <c r="N249728" s="10"/>
    </row>
    <row r="249729" spans="14:14">
      <c r="N249729" s="10"/>
    </row>
    <row r="249730" spans="14:14">
      <c r="N249730" s="10"/>
    </row>
    <row r="249731" spans="14:14">
      <c r="N249731" s="10"/>
    </row>
    <row r="249732" spans="14:14">
      <c r="N249732" s="10"/>
    </row>
    <row r="249733" spans="14:14">
      <c r="N249733" s="10"/>
    </row>
    <row r="249734" spans="14:14">
      <c r="N249734" s="10"/>
    </row>
    <row r="249735" spans="14:14">
      <c r="N249735" s="10"/>
    </row>
    <row r="249736" spans="14:14">
      <c r="N249736" s="10"/>
    </row>
    <row r="249737" spans="14:14">
      <c r="N249737" s="10"/>
    </row>
    <row r="249738" spans="14:14">
      <c r="N249738" s="10"/>
    </row>
    <row r="249739" spans="14:14">
      <c r="N249739" s="10"/>
    </row>
    <row r="249740" spans="14:14">
      <c r="N249740" s="10"/>
    </row>
    <row r="249741" spans="14:14">
      <c r="N249741" s="10"/>
    </row>
    <row r="249742" spans="14:14">
      <c r="N249742" s="10"/>
    </row>
    <row r="249743" spans="14:14">
      <c r="N249743" s="10"/>
    </row>
    <row r="249744" spans="14:14">
      <c r="N249744" s="10"/>
    </row>
    <row r="249745" spans="14:14">
      <c r="N249745" s="10"/>
    </row>
    <row r="249746" spans="14:14">
      <c r="N249746" s="10"/>
    </row>
    <row r="249747" spans="14:14">
      <c r="N249747" s="10"/>
    </row>
    <row r="249748" spans="14:14">
      <c r="N249748" s="10"/>
    </row>
    <row r="249749" spans="14:14">
      <c r="N249749" s="10"/>
    </row>
    <row r="249750" spans="14:14">
      <c r="N249750" s="10"/>
    </row>
    <row r="249751" spans="14:14">
      <c r="N249751" s="10"/>
    </row>
    <row r="249752" spans="14:14">
      <c r="N249752" s="10"/>
    </row>
    <row r="249753" spans="14:14">
      <c r="N249753" s="10"/>
    </row>
    <row r="249754" spans="14:14">
      <c r="N249754" s="10"/>
    </row>
    <row r="249755" spans="14:14">
      <c r="N249755" s="10"/>
    </row>
    <row r="249756" spans="14:14">
      <c r="N249756" s="10"/>
    </row>
    <row r="249757" spans="14:14">
      <c r="N249757" s="10"/>
    </row>
    <row r="249758" spans="14:14">
      <c r="N249758" s="10"/>
    </row>
    <row r="249759" spans="14:14">
      <c r="N249759" s="10"/>
    </row>
    <row r="249760" spans="14:14">
      <c r="N249760" s="10"/>
    </row>
    <row r="249761" spans="14:14">
      <c r="N249761" s="10"/>
    </row>
    <row r="249762" spans="14:14">
      <c r="N249762" s="10"/>
    </row>
    <row r="249763" spans="14:14">
      <c r="N249763" s="10"/>
    </row>
    <row r="249764" spans="14:14">
      <c r="N249764" s="10"/>
    </row>
    <row r="249765" spans="14:14">
      <c r="N249765" s="10"/>
    </row>
    <row r="249766" spans="14:14">
      <c r="N249766" s="10"/>
    </row>
    <row r="249767" spans="14:14">
      <c r="N249767" s="10"/>
    </row>
    <row r="249768" spans="14:14">
      <c r="N249768" s="10"/>
    </row>
    <row r="249769" spans="14:14">
      <c r="N249769" s="10"/>
    </row>
    <row r="249770" spans="14:14">
      <c r="N249770" s="10"/>
    </row>
    <row r="249771" spans="14:14">
      <c r="N249771" s="10"/>
    </row>
    <row r="249772" spans="14:14">
      <c r="N249772" s="10"/>
    </row>
    <row r="249773" spans="14:14">
      <c r="N249773" s="10"/>
    </row>
    <row r="249774" spans="14:14">
      <c r="N249774" s="10"/>
    </row>
    <row r="249775" spans="14:14">
      <c r="N249775" s="10"/>
    </row>
    <row r="249776" spans="14:14">
      <c r="N249776" s="10"/>
    </row>
    <row r="249777" spans="14:14">
      <c r="N249777" s="10"/>
    </row>
    <row r="249778" spans="14:14">
      <c r="N249778" s="10"/>
    </row>
    <row r="249779" spans="14:14">
      <c r="N249779" s="10"/>
    </row>
    <row r="249780" spans="14:14">
      <c r="N249780" s="10"/>
    </row>
    <row r="249781" spans="14:14">
      <c r="N249781" s="10"/>
    </row>
    <row r="249782" spans="14:14">
      <c r="N249782" s="10"/>
    </row>
    <row r="249783" spans="14:14">
      <c r="N249783" s="10"/>
    </row>
    <row r="249784" spans="14:14">
      <c r="N249784" s="10"/>
    </row>
    <row r="249785" spans="14:14">
      <c r="N249785" s="10"/>
    </row>
    <row r="249786" spans="14:14">
      <c r="N249786" s="10"/>
    </row>
    <row r="249787" spans="14:14">
      <c r="N249787" s="10"/>
    </row>
    <row r="249788" spans="14:14">
      <c r="N249788" s="10"/>
    </row>
    <row r="249789" spans="14:14">
      <c r="N249789" s="10"/>
    </row>
    <row r="249790" spans="14:14">
      <c r="N249790" s="10"/>
    </row>
    <row r="249791" spans="14:14">
      <c r="N249791" s="10"/>
    </row>
    <row r="249792" spans="14:14">
      <c r="N249792" s="10"/>
    </row>
    <row r="249793" spans="14:14">
      <c r="N249793" s="10"/>
    </row>
    <row r="249794" spans="14:14">
      <c r="N249794" s="10"/>
    </row>
    <row r="249795" spans="14:14">
      <c r="N249795" s="10"/>
    </row>
    <row r="249796" spans="14:14">
      <c r="N249796" s="10"/>
    </row>
    <row r="249797" spans="14:14">
      <c r="N249797" s="10"/>
    </row>
    <row r="249798" spans="14:14">
      <c r="N249798" s="10"/>
    </row>
    <row r="249799" spans="14:14">
      <c r="N249799" s="10"/>
    </row>
    <row r="249800" spans="14:14">
      <c r="N249800" s="10"/>
    </row>
    <row r="249801" spans="14:14">
      <c r="N249801" s="10"/>
    </row>
    <row r="249802" spans="14:14">
      <c r="N249802" s="10"/>
    </row>
    <row r="249803" spans="14:14">
      <c r="N249803" s="10"/>
    </row>
    <row r="249804" spans="14:14">
      <c r="N249804" s="10"/>
    </row>
    <row r="249805" spans="14:14">
      <c r="N249805" s="10"/>
    </row>
    <row r="249806" spans="14:14">
      <c r="N249806" s="10"/>
    </row>
    <row r="249807" spans="14:14">
      <c r="N249807" s="10"/>
    </row>
    <row r="249808" spans="14:14">
      <c r="N249808" s="10"/>
    </row>
    <row r="249809" spans="14:14">
      <c r="N249809" s="10"/>
    </row>
    <row r="249810" spans="14:14">
      <c r="N249810" s="10"/>
    </row>
    <row r="249811" spans="14:14">
      <c r="N249811" s="10"/>
    </row>
    <row r="249812" spans="14:14">
      <c r="N249812" s="10"/>
    </row>
    <row r="249813" spans="14:14">
      <c r="N249813" s="10"/>
    </row>
    <row r="249814" spans="14:14">
      <c r="N249814" s="10"/>
    </row>
    <row r="249815" spans="14:14">
      <c r="N249815" s="10"/>
    </row>
    <row r="249816" spans="14:14">
      <c r="N249816" s="10"/>
    </row>
    <row r="249817" spans="14:14">
      <c r="N249817" s="10"/>
    </row>
    <row r="249818" spans="14:14">
      <c r="N249818" s="10"/>
    </row>
    <row r="249819" spans="14:14">
      <c r="N249819" s="10"/>
    </row>
    <row r="249820" spans="14:14">
      <c r="N249820" s="10"/>
    </row>
    <row r="249821" spans="14:14">
      <c r="N249821" s="10"/>
    </row>
    <row r="249822" spans="14:14">
      <c r="N249822" s="10"/>
    </row>
    <row r="249823" spans="14:14">
      <c r="N249823" s="10"/>
    </row>
    <row r="249824" spans="14:14">
      <c r="N249824" s="10"/>
    </row>
    <row r="249825" spans="14:14">
      <c r="N249825" s="10"/>
    </row>
    <row r="249826" spans="14:14">
      <c r="N249826" s="10"/>
    </row>
    <row r="249827" spans="14:14">
      <c r="N249827" s="10"/>
    </row>
    <row r="249828" spans="14:14">
      <c r="N249828" s="10"/>
    </row>
    <row r="249829" spans="14:14">
      <c r="N249829" s="10"/>
    </row>
    <row r="249830" spans="14:14">
      <c r="N249830" s="10"/>
    </row>
    <row r="249831" spans="14:14">
      <c r="N249831" s="10"/>
    </row>
    <row r="249832" spans="14:14">
      <c r="N249832" s="10"/>
    </row>
    <row r="249833" spans="14:14">
      <c r="N249833" s="10"/>
    </row>
    <row r="249834" spans="14:14">
      <c r="N249834" s="10"/>
    </row>
    <row r="249835" spans="14:14">
      <c r="N249835" s="10"/>
    </row>
    <row r="249836" spans="14:14">
      <c r="N249836" s="10"/>
    </row>
    <row r="249837" spans="14:14">
      <c r="N249837" s="10"/>
    </row>
    <row r="249838" spans="14:14">
      <c r="N249838" s="10"/>
    </row>
    <row r="249839" spans="14:14">
      <c r="N249839" s="10"/>
    </row>
    <row r="249840" spans="14:14">
      <c r="N249840" s="10"/>
    </row>
    <row r="249841" spans="14:14">
      <c r="N249841" s="10"/>
    </row>
    <row r="249842" spans="14:14">
      <c r="N249842" s="10"/>
    </row>
    <row r="249843" spans="14:14">
      <c r="N249843" s="10"/>
    </row>
    <row r="249844" spans="14:14">
      <c r="N249844" s="10"/>
    </row>
    <row r="249845" spans="14:14">
      <c r="N249845" s="10"/>
    </row>
    <row r="249846" spans="14:14">
      <c r="N249846" s="10"/>
    </row>
    <row r="249847" spans="14:14">
      <c r="N249847" s="10"/>
    </row>
    <row r="249848" spans="14:14">
      <c r="N249848" s="10"/>
    </row>
    <row r="249849" spans="14:14">
      <c r="N249849" s="10"/>
    </row>
    <row r="249850" spans="14:14">
      <c r="N249850" s="10"/>
    </row>
    <row r="249851" spans="14:14">
      <c r="N249851" s="10"/>
    </row>
    <row r="249852" spans="14:14">
      <c r="N249852" s="10"/>
    </row>
    <row r="249853" spans="14:14">
      <c r="N249853" s="10"/>
    </row>
    <row r="249854" spans="14:14">
      <c r="N249854" s="10"/>
    </row>
    <row r="249855" spans="14:14">
      <c r="N249855" s="10"/>
    </row>
    <row r="249856" spans="14:14">
      <c r="N249856" s="10"/>
    </row>
    <row r="249857" spans="14:14">
      <c r="N249857" s="10"/>
    </row>
    <row r="249858" spans="14:14">
      <c r="N249858" s="10"/>
    </row>
    <row r="249859" spans="14:14">
      <c r="N249859" s="10"/>
    </row>
    <row r="249860" spans="14:14">
      <c r="N249860" s="10"/>
    </row>
    <row r="249861" spans="14:14">
      <c r="N249861" s="10"/>
    </row>
    <row r="249862" spans="14:14">
      <c r="N249862" s="10"/>
    </row>
    <row r="249863" spans="14:14">
      <c r="N249863" s="10"/>
    </row>
    <row r="249864" spans="14:14">
      <c r="N249864" s="10"/>
    </row>
    <row r="249865" spans="14:14">
      <c r="N249865" s="10"/>
    </row>
    <row r="249866" spans="14:14">
      <c r="N249866" s="10"/>
    </row>
    <row r="249867" spans="14:14">
      <c r="N249867" s="10"/>
    </row>
    <row r="249868" spans="14:14">
      <c r="N249868" s="10"/>
    </row>
    <row r="249869" spans="14:14">
      <c r="N249869" s="10"/>
    </row>
    <row r="249870" spans="14:14">
      <c r="N249870" s="10"/>
    </row>
    <row r="249871" spans="14:14">
      <c r="N249871" s="10"/>
    </row>
    <row r="249872" spans="14:14">
      <c r="N249872" s="10"/>
    </row>
    <row r="249873" spans="14:14">
      <c r="N249873" s="10"/>
    </row>
    <row r="249874" spans="14:14">
      <c r="N249874" s="10"/>
    </row>
    <row r="249875" spans="14:14">
      <c r="N249875" s="10"/>
    </row>
    <row r="249876" spans="14:14">
      <c r="N249876" s="10"/>
    </row>
    <row r="249877" spans="14:14">
      <c r="N249877" s="10"/>
    </row>
    <row r="249878" spans="14:14">
      <c r="N249878" s="10"/>
    </row>
    <row r="249879" spans="14:14">
      <c r="N249879" s="10"/>
    </row>
    <row r="249880" spans="14:14">
      <c r="N249880" s="10"/>
    </row>
    <row r="249881" spans="14:14">
      <c r="N249881" s="10"/>
    </row>
    <row r="249882" spans="14:14">
      <c r="N249882" s="10"/>
    </row>
    <row r="249883" spans="14:14">
      <c r="N249883" s="10"/>
    </row>
    <row r="249884" spans="14:14">
      <c r="N249884" s="10"/>
    </row>
    <row r="249885" spans="14:14">
      <c r="N249885" s="10"/>
    </row>
    <row r="249886" spans="14:14">
      <c r="N249886" s="10"/>
    </row>
    <row r="249887" spans="14:14">
      <c r="N249887" s="10"/>
    </row>
    <row r="249888" spans="14:14">
      <c r="N249888" s="10"/>
    </row>
    <row r="249889" spans="14:14">
      <c r="N249889" s="10"/>
    </row>
    <row r="249890" spans="14:14">
      <c r="N249890" s="10"/>
    </row>
    <row r="249891" spans="14:14">
      <c r="N249891" s="10"/>
    </row>
    <row r="249892" spans="14:14">
      <c r="N249892" s="10"/>
    </row>
    <row r="249893" spans="14:14">
      <c r="N249893" s="10"/>
    </row>
    <row r="249894" spans="14:14">
      <c r="N249894" s="10"/>
    </row>
    <row r="249895" spans="14:14">
      <c r="N249895" s="10"/>
    </row>
    <row r="249896" spans="14:14">
      <c r="N249896" s="10"/>
    </row>
    <row r="249897" spans="14:14">
      <c r="N249897" s="10"/>
    </row>
    <row r="249898" spans="14:14">
      <c r="N249898" s="10"/>
    </row>
    <row r="249899" spans="14:14">
      <c r="N249899" s="10"/>
    </row>
    <row r="249900" spans="14:14">
      <c r="N249900" s="10"/>
    </row>
    <row r="249901" spans="14:14">
      <c r="N249901" s="10"/>
    </row>
    <row r="249902" spans="14:14">
      <c r="N249902" s="10"/>
    </row>
    <row r="249903" spans="14:14">
      <c r="N249903" s="10"/>
    </row>
    <row r="249904" spans="14:14">
      <c r="N249904" s="10"/>
    </row>
    <row r="249905" spans="14:14">
      <c r="N249905" s="10"/>
    </row>
    <row r="249906" spans="14:14">
      <c r="N249906" s="10"/>
    </row>
    <row r="249907" spans="14:14">
      <c r="N249907" s="10"/>
    </row>
    <row r="249908" spans="14:14">
      <c r="N249908" s="10"/>
    </row>
    <row r="249909" spans="14:14">
      <c r="N249909" s="10"/>
    </row>
    <row r="249910" spans="14:14">
      <c r="N249910" s="10"/>
    </row>
    <row r="249911" spans="14:14">
      <c r="N249911" s="10"/>
    </row>
    <row r="249912" spans="14:14">
      <c r="N249912" s="10"/>
    </row>
    <row r="249913" spans="14:14">
      <c r="N249913" s="10"/>
    </row>
    <row r="249914" spans="14:14">
      <c r="N249914" s="10"/>
    </row>
    <row r="249915" spans="14:14">
      <c r="N249915" s="10"/>
    </row>
    <row r="249916" spans="14:14">
      <c r="N249916" s="10"/>
    </row>
    <row r="249917" spans="14:14">
      <c r="N249917" s="10"/>
    </row>
    <row r="249918" spans="14:14">
      <c r="N249918" s="10"/>
    </row>
    <row r="249919" spans="14:14">
      <c r="N249919" s="10"/>
    </row>
    <row r="249920" spans="14:14">
      <c r="N249920" s="10"/>
    </row>
    <row r="249921" spans="14:14">
      <c r="N249921" s="10"/>
    </row>
    <row r="249922" spans="14:14">
      <c r="N249922" s="10"/>
    </row>
    <row r="249923" spans="14:14">
      <c r="N249923" s="10"/>
    </row>
    <row r="249924" spans="14:14">
      <c r="N249924" s="10"/>
    </row>
    <row r="249925" spans="14:14">
      <c r="N249925" s="10"/>
    </row>
    <row r="249926" spans="14:14">
      <c r="N249926" s="10"/>
    </row>
    <row r="249927" spans="14:14">
      <c r="N249927" s="10"/>
    </row>
    <row r="249928" spans="14:14">
      <c r="N249928" s="10"/>
    </row>
    <row r="249929" spans="14:14">
      <c r="N249929" s="10"/>
    </row>
    <row r="249930" spans="14:14">
      <c r="N249930" s="10"/>
    </row>
    <row r="249931" spans="14:14">
      <c r="N249931" s="10"/>
    </row>
    <row r="249932" spans="14:14">
      <c r="N249932" s="10"/>
    </row>
    <row r="249933" spans="14:14">
      <c r="N249933" s="10"/>
    </row>
    <row r="249934" spans="14:14">
      <c r="N249934" s="10"/>
    </row>
    <row r="249935" spans="14:14">
      <c r="N249935" s="10"/>
    </row>
    <row r="249936" spans="14:14">
      <c r="N249936" s="10"/>
    </row>
    <row r="249937" spans="14:14">
      <c r="N249937" s="10"/>
    </row>
    <row r="249938" spans="14:14">
      <c r="N249938" s="10"/>
    </row>
    <row r="249939" spans="14:14">
      <c r="N249939" s="10"/>
    </row>
    <row r="249940" spans="14:14">
      <c r="N249940" s="10"/>
    </row>
    <row r="249941" spans="14:14">
      <c r="N249941" s="10"/>
    </row>
    <row r="249942" spans="14:14">
      <c r="N249942" s="10"/>
    </row>
    <row r="249943" spans="14:14">
      <c r="N249943" s="10"/>
    </row>
    <row r="249944" spans="14:14">
      <c r="N249944" s="10"/>
    </row>
    <row r="249945" spans="14:14">
      <c r="N249945" s="10"/>
    </row>
    <row r="249946" spans="14:14">
      <c r="N249946" s="10"/>
    </row>
    <row r="249947" spans="14:14">
      <c r="N249947" s="10"/>
    </row>
    <row r="249948" spans="14:14">
      <c r="N249948" s="10"/>
    </row>
    <row r="249949" spans="14:14">
      <c r="N249949" s="10"/>
    </row>
    <row r="249950" spans="14:14">
      <c r="N249950" s="10"/>
    </row>
    <row r="249951" spans="14:14">
      <c r="N249951" s="10"/>
    </row>
    <row r="249952" spans="14:14">
      <c r="N249952" s="10"/>
    </row>
    <row r="249953" spans="14:14">
      <c r="N249953" s="10"/>
    </row>
    <row r="249954" spans="14:14">
      <c r="N249954" s="10"/>
    </row>
    <row r="249955" spans="14:14">
      <c r="N249955" s="10"/>
    </row>
    <row r="249956" spans="14:14">
      <c r="N249956" s="10"/>
    </row>
    <row r="249957" spans="14:14">
      <c r="N249957" s="10"/>
    </row>
    <row r="249958" spans="14:14">
      <c r="N249958" s="10"/>
    </row>
    <row r="249959" spans="14:14">
      <c r="N249959" s="10"/>
    </row>
    <row r="249960" spans="14:14">
      <c r="N249960" s="10"/>
    </row>
    <row r="249961" spans="14:14">
      <c r="N249961" s="10"/>
    </row>
    <row r="249962" spans="14:14">
      <c r="N249962" s="10"/>
    </row>
    <row r="249963" spans="14:14">
      <c r="N249963" s="10"/>
    </row>
    <row r="249964" spans="14:14">
      <c r="N249964" s="10"/>
    </row>
    <row r="249965" spans="14:14">
      <c r="N249965" s="10"/>
    </row>
    <row r="249966" spans="14:14">
      <c r="N249966" s="10"/>
    </row>
    <row r="249967" spans="14:14">
      <c r="N249967" s="10"/>
    </row>
    <row r="249968" spans="14:14">
      <c r="N249968" s="10"/>
    </row>
    <row r="249969" spans="14:14">
      <c r="N249969" s="10"/>
    </row>
    <row r="249970" spans="14:14">
      <c r="N249970" s="10"/>
    </row>
    <row r="249971" spans="14:14">
      <c r="N249971" s="10"/>
    </row>
    <row r="249972" spans="14:14">
      <c r="N249972" s="10"/>
    </row>
    <row r="249973" spans="14:14">
      <c r="N249973" s="10"/>
    </row>
    <row r="249974" spans="14:14">
      <c r="N249974" s="10"/>
    </row>
    <row r="249975" spans="14:14">
      <c r="N249975" s="10"/>
    </row>
    <row r="249976" spans="14:14">
      <c r="N249976" s="10"/>
    </row>
    <row r="249977" spans="14:14">
      <c r="N249977" s="10"/>
    </row>
    <row r="249978" spans="14:14">
      <c r="N249978" s="10"/>
    </row>
    <row r="249979" spans="14:14">
      <c r="N249979" s="10"/>
    </row>
    <row r="249980" spans="14:14">
      <c r="N249980" s="10"/>
    </row>
    <row r="249981" spans="14:14">
      <c r="N249981" s="10"/>
    </row>
    <row r="249982" spans="14:14">
      <c r="N249982" s="10"/>
    </row>
    <row r="249983" spans="14:14">
      <c r="N249983" s="10"/>
    </row>
    <row r="249984" spans="14:14">
      <c r="N249984" s="10"/>
    </row>
    <row r="249985" spans="14:14">
      <c r="N249985" s="10"/>
    </row>
    <row r="249986" spans="14:14">
      <c r="N249986" s="10"/>
    </row>
    <row r="249987" spans="14:14">
      <c r="N249987" s="10"/>
    </row>
    <row r="249988" spans="14:14">
      <c r="N249988" s="10"/>
    </row>
    <row r="249989" spans="14:14">
      <c r="N249989" s="10"/>
    </row>
    <row r="249990" spans="14:14">
      <c r="N249990" s="10"/>
    </row>
    <row r="249991" spans="14:14">
      <c r="N249991" s="10"/>
    </row>
    <row r="249992" spans="14:14">
      <c r="N249992" s="10"/>
    </row>
    <row r="249993" spans="14:14">
      <c r="N249993" s="10"/>
    </row>
    <row r="249994" spans="14:14">
      <c r="N249994" s="10"/>
    </row>
    <row r="249995" spans="14:14">
      <c r="N249995" s="10"/>
    </row>
    <row r="249996" spans="14:14">
      <c r="N249996" s="10"/>
    </row>
    <row r="249997" spans="14:14">
      <c r="N249997" s="10"/>
    </row>
    <row r="249998" spans="14:14">
      <c r="N249998" s="10"/>
    </row>
    <row r="249999" spans="14:14">
      <c r="N249999" s="10"/>
    </row>
    <row r="250000" spans="14:14">
      <c r="N250000" s="10"/>
    </row>
    <row r="250001" spans="14:14">
      <c r="N250001" s="10"/>
    </row>
    <row r="250002" spans="14:14">
      <c r="N250002" s="10"/>
    </row>
    <row r="250003" spans="14:14">
      <c r="N250003" s="10"/>
    </row>
    <row r="250004" spans="14:14">
      <c r="N250004" s="10"/>
    </row>
    <row r="250005" spans="14:14">
      <c r="N250005" s="10"/>
    </row>
    <row r="250006" spans="14:14">
      <c r="N250006" s="10"/>
    </row>
    <row r="250007" spans="14:14">
      <c r="N250007" s="10"/>
    </row>
    <row r="250008" spans="14:14">
      <c r="N250008" s="10"/>
    </row>
    <row r="250009" spans="14:14">
      <c r="N250009" s="10"/>
    </row>
    <row r="250010" spans="14:14">
      <c r="N250010" s="10"/>
    </row>
    <row r="250011" spans="14:14">
      <c r="N250011" s="10"/>
    </row>
    <row r="250012" spans="14:14">
      <c r="N250012" s="10"/>
    </row>
    <row r="250013" spans="14:14">
      <c r="N250013" s="10"/>
    </row>
    <row r="250014" spans="14:14">
      <c r="N250014" s="10"/>
    </row>
    <row r="250015" spans="14:14">
      <c r="N250015" s="10"/>
    </row>
    <row r="250016" spans="14:14">
      <c r="N250016" s="10"/>
    </row>
    <row r="250017" spans="14:14">
      <c r="N250017" s="10"/>
    </row>
    <row r="250018" spans="14:14">
      <c r="N250018" s="10"/>
    </row>
    <row r="250019" spans="14:14">
      <c r="N250019" s="10"/>
    </row>
    <row r="250020" spans="14:14">
      <c r="N250020" s="10"/>
    </row>
    <row r="250021" spans="14:14">
      <c r="N250021" s="10"/>
    </row>
    <row r="250022" spans="14:14">
      <c r="N250022" s="10"/>
    </row>
    <row r="250023" spans="14:14">
      <c r="N250023" s="10"/>
    </row>
    <row r="250024" spans="14:14">
      <c r="N250024" s="10"/>
    </row>
    <row r="250025" spans="14:14">
      <c r="N250025" s="10"/>
    </row>
    <row r="250026" spans="14:14">
      <c r="N250026" s="10"/>
    </row>
    <row r="250027" spans="14:14">
      <c r="N250027" s="10"/>
    </row>
    <row r="250028" spans="14:14">
      <c r="N250028" s="10"/>
    </row>
    <row r="250029" spans="14:14">
      <c r="N250029" s="10"/>
    </row>
    <row r="250030" spans="14:14">
      <c r="N250030" s="10"/>
    </row>
    <row r="250031" spans="14:14">
      <c r="N250031" s="10"/>
    </row>
    <row r="250032" spans="14:14">
      <c r="N250032" s="10"/>
    </row>
    <row r="250033" spans="14:14">
      <c r="N250033" s="10"/>
    </row>
    <row r="250034" spans="14:14">
      <c r="N250034" s="10"/>
    </row>
    <row r="250035" spans="14:14">
      <c r="N250035" s="10"/>
    </row>
    <row r="250036" spans="14:14">
      <c r="N250036" s="10"/>
    </row>
    <row r="250037" spans="14:14">
      <c r="N250037" s="10"/>
    </row>
    <row r="250038" spans="14:14">
      <c r="N250038" s="10"/>
    </row>
    <row r="250039" spans="14:14">
      <c r="N250039" s="10"/>
    </row>
    <row r="250040" spans="14:14">
      <c r="N250040" s="10"/>
    </row>
    <row r="250041" spans="14:14">
      <c r="N250041" s="10"/>
    </row>
    <row r="250042" spans="14:14">
      <c r="N250042" s="10"/>
    </row>
    <row r="250043" spans="14:14">
      <c r="N250043" s="10"/>
    </row>
    <row r="250044" spans="14:14">
      <c r="N250044" s="10"/>
    </row>
    <row r="250045" spans="14:14">
      <c r="N250045" s="10"/>
    </row>
    <row r="250046" spans="14:14">
      <c r="N250046" s="10"/>
    </row>
    <row r="250047" spans="14:14">
      <c r="N250047" s="10"/>
    </row>
    <row r="250048" spans="14:14">
      <c r="N250048" s="10"/>
    </row>
    <row r="250049" spans="14:14">
      <c r="N250049" s="10"/>
    </row>
    <row r="250050" spans="14:14">
      <c r="N250050" s="10"/>
    </row>
    <row r="250051" spans="14:14">
      <c r="N250051" s="10"/>
    </row>
    <row r="250052" spans="14:14">
      <c r="N250052" s="10"/>
    </row>
    <row r="250053" spans="14:14">
      <c r="N250053" s="10"/>
    </row>
    <row r="250054" spans="14:14">
      <c r="N250054" s="10"/>
    </row>
    <row r="250055" spans="14:14">
      <c r="N250055" s="10"/>
    </row>
    <row r="250056" spans="14:14">
      <c r="N250056" s="10"/>
    </row>
    <row r="250057" spans="14:14">
      <c r="N250057" s="10"/>
    </row>
    <row r="250058" spans="14:14">
      <c r="N250058" s="10"/>
    </row>
    <row r="250059" spans="14:14">
      <c r="N250059" s="10"/>
    </row>
    <row r="250060" spans="14:14">
      <c r="N250060" s="10"/>
    </row>
    <row r="250061" spans="14:14">
      <c r="N250061" s="10"/>
    </row>
    <row r="250062" spans="14:14">
      <c r="N250062" s="10"/>
    </row>
    <row r="250063" spans="14:14">
      <c r="N250063" s="10"/>
    </row>
    <row r="250064" spans="14:14">
      <c r="N250064" s="10"/>
    </row>
    <row r="250065" spans="14:14">
      <c r="N250065" s="10"/>
    </row>
    <row r="250066" spans="14:14">
      <c r="N250066" s="10"/>
    </row>
    <row r="250067" spans="14:14">
      <c r="N250067" s="10"/>
    </row>
    <row r="250068" spans="14:14">
      <c r="N250068" s="10"/>
    </row>
    <row r="250069" spans="14:14">
      <c r="N250069" s="10"/>
    </row>
    <row r="250070" spans="14:14">
      <c r="N250070" s="10"/>
    </row>
    <row r="250071" spans="14:14">
      <c r="N250071" s="10"/>
    </row>
    <row r="250072" spans="14:14">
      <c r="N250072" s="10"/>
    </row>
    <row r="250073" spans="14:14">
      <c r="N250073" s="10"/>
    </row>
    <row r="250074" spans="14:14">
      <c r="N250074" s="10"/>
    </row>
    <row r="250075" spans="14:14">
      <c r="N250075" s="10"/>
    </row>
    <row r="250076" spans="14:14">
      <c r="N250076" s="10"/>
    </row>
    <row r="250077" spans="14:14">
      <c r="N250077" s="10"/>
    </row>
    <row r="250078" spans="14:14">
      <c r="N250078" s="10"/>
    </row>
    <row r="250079" spans="14:14">
      <c r="N250079" s="10"/>
    </row>
    <row r="250080" spans="14:14">
      <c r="N250080" s="10"/>
    </row>
    <row r="250081" spans="14:14">
      <c r="N250081" s="10"/>
    </row>
    <row r="250082" spans="14:14">
      <c r="N250082" s="10"/>
    </row>
    <row r="250083" spans="14:14">
      <c r="N250083" s="10"/>
    </row>
    <row r="250084" spans="14:14">
      <c r="N250084" s="10"/>
    </row>
    <row r="250085" spans="14:14">
      <c r="N250085" s="10"/>
    </row>
    <row r="250086" spans="14:14">
      <c r="N250086" s="10"/>
    </row>
    <row r="250087" spans="14:14">
      <c r="N250087" s="10"/>
    </row>
    <row r="250088" spans="14:14">
      <c r="N250088" s="10"/>
    </row>
    <row r="250089" spans="14:14">
      <c r="N250089" s="10"/>
    </row>
    <row r="250090" spans="14:14">
      <c r="N250090" s="10"/>
    </row>
    <row r="250091" spans="14:14">
      <c r="N250091" s="10"/>
    </row>
    <row r="250092" spans="14:14">
      <c r="N250092" s="10"/>
    </row>
    <row r="250093" spans="14:14">
      <c r="N250093" s="10"/>
    </row>
    <row r="250094" spans="14:14">
      <c r="N250094" s="10"/>
    </row>
    <row r="250095" spans="14:14">
      <c r="N250095" s="10"/>
    </row>
    <row r="250096" spans="14:14">
      <c r="N250096" s="10"/>
    </row>
    <row r="250097" spans="14:14">
      <c r="N250097" s="10"/>
    </row>
    <row r="250098" spans="14:14">
      <c r="N250098" s="10"/>
    </row>
    <row r="250099" spans="14:14">
      <c r="N250099" s="10"/>
    </row>
    <row r="250100" spans="14:14">
      <c r="N250100" s="10"/>
    </row>
    <row r="250101" spans="14:14">
      <c r="N250101" s="10"/>
    </row>
    <row r="250102" spans="14:14">
      <c r="N250102" s="10"/>
    </row>
    <row r="250103" spans="14:14">
      <c r="N250103" s="10"/>
    </row>
    <row r="250104" spans="14:14">
      <c r="N250104" s="10"/>
    </row>
    <row r="250105" spans="14:14">
      <c r="N250105" s="10"/>
    </row>
    <row r="250106" spans="14:14">
      <c r="N250106" s="10"/>
    </row>
    <row r="250107" spans="14:14">
      <c r="N250107" s="10"/>
    </row>
    <row r="250108" spans="14:14">
      <c r="N250108" s="10"/>
    </row>
    <row r="250109" spans="14:14">
      <c r="N250109" s="10"/>
    </row>
    <row r="250110" spans="14:14">
      <c r="N250110" s="10"/>
    </row>
    <row r="250111" spans="14:14">
      <c r="N250111" s="10"/>
    </row>
    <row r="250112" spans="14:14">
      <c r="N250112" s="10"/>
    </row>
    <row r="250113" spans="14:14">
      <c r="N250113" s="10"/>
    </row>
    <row r="250114" spans="14:14">
      <c r="N250114" s="10"/>
    </row>
    <row r="250115" spans="14:14">
      <c r="N250115" s="10"/>
    </row>
    <row r="250116" spans="14:14">
      <c r="N250116" s="10"/>
    </row>
    <row r="250117" spans="14:14">
      <c r="N250117" s="10"/>
    </row>
    <row r="250118" spans="14:14">
      <c r="N250118" s="10"/>
    </row>
    <row r="250119" spans="14:14">
      <c r="N250119" s="10"/>
    </row>
    <row r="250120" spans="14:14">
      <c r="N250120" s="10"/>
    </row>
    <row r="250121" spans="14:14">
      <c r="N250121" s="10"/>
    </row>
    <row r="250122" spans="14:14">
      <c r="N250122" s="10"/>
    </row>
    <row r="250123" spans="14:14">
      <c r="N250123" s="10"/>
    </row>
    <row r="250124" spans="14:14">
      <c r="N250124" s="10"/>
    </row>
    <row r="250125" spans="14:14">
      <c r="N250125" s="10"/>
    </row>
    <row r="250126" spans="14:14">
      <c r="N250126" s="10"/>
    </row>
    <row r="250127" spans="14:14">
      <c r="N250127" s="10"/>
    </row>
    <row r="250128" spans="14:14">
      <c r="N250128" s="10"/>
    </row>
    <row r="250129" spans="14:14">
      <c r="N250129" s="10"/>
    </row>
    <row r="250130" spans="14:14">
      <c r="N250130" s="10"/>
    </row>
    <row r="250131" spans="14:14">
      <c r="N250131" s="10"/>
    </row>
    <row r="250132" spans="14:14">
      <c r="N250132" s="10"/>
    </row>
    <row r="250133" spans="14:14">
      <c r="N250133" s="10"/>
    </row>
    <row r="250134" spans="14:14">
      <c r="N250134" s="10"/>
    </row>
    <row r="250135" spans="14:14">
      <c r="N250135" s="10"/>
    </row>
    <row r="250136" spans="14:14">
      <c r="N250136" s="10"/>
    </row>
    <row r="250137" spans="14:14">
      <c r="N250137" s="10"/>
    </row>
    <row r="250138" spans="14:14">
      <c r="N250138" s="10"/>
    </row>
    <row r="250139" spans="14:14">
      <c r="N250139" s="10"/>
    </row>
    <row r="250140" spans="14:14">
      <c r="N250140" s="10"/>
    </row>
    <row r="250141" spans="14:14">
      <c r="N250141" s="10"/>
    </row>
    <row r="250142" spans="14:14">
      <c r="N250142" s="10"/>
    </row>
    <row r="250143" spans="14:14">
      <c r="N250143" s="10"/>
    </row>
    <row r="250144" spans="14:14">
      <c r="N250144" s="10"/>
    </row>
    <row r="250145" spans="14:14">
      <c r="N250145" s="10"/>
    </row>
    <row r="250146" spans="14:14">
      <c r="N250146" s="10"/>
    </row>
    <row r="250147" spans="14:14">
      <c r="N250147" s="10"/>
    </row>
    <row r="250148" spans="14:14">
      <c r="N250148" s="10"/>
    </row>
    <row r="250149" spans="14:14">
      <c r="N250149" s="10"/>
    </row>
    <row r="250150" spans="14:14">
      <c r="N250150" s="10"/>
    </row>
    <row r="250151" spans="14:14">
      <c r="N250151" s="10"/>
    </row>
    <row r="250152" spans="14:14">
      <c r="N250152" s="10"/>
    </row>
    <row r="250153" spans="14:14">
      <c r="N250153" s="10"/>
    </row>
    <row r="250154" spans="14:14">
      <c r="N250154" s="10"/>
    </row>
    <row r="250155" spans="14:14">
      <c r="N250155" s="10"/>
    </row>
    <row r="250156" spans="14:14">
      <c r="N250156" s="10"/>
    </row>
    <row r="250157" spans="14:14">
      <c r="N250157" s="10"/>
    </row>
    <row r="250158" spans="14:14">
      <c r="N250158" s="10"/>
    </row>
    <row r="250159" spans="14:14">
      <c r="N250159" s="10"/>
    </row>
    <row r="250160" spans="14:14">
      <c r="N250160" s="10"/>
    </row>
    <row r="250161" spans="14:14">
      <c r="N250161" s="10"/>
    </row>
    <row r="250162" spans="14:14">
      <c r="N250162" s="10"/>
    </row>
    <row r="250163" spans="14:14">
      <c r="N250163" s="10"/>
    </row>
    <row r="250164" spans="14:14">
      <c r="N250164" s="10"/>
    </row>
    <row r="250165" spans="14:14">
      <c r="N250165" s="10"/>
    </row>
    <row r="250166" spans="14:14">
      <c r="N250166" s="10"/>
    </row>
    <row r="250167" spans="14:14">
      <c r="N250167" s="10"/>
    </row>
    <row r="250168" spans="14:14">
      <c r="N250168" s="10"/>
    </row>
    <row r="250169" spans="14:14">
      <c r="N250169" s="10"/>
    </row>
    <row r="250170" spans="14:14">
      <c r="N250170" s="10"/>
    </row>
    <row r="250171" spans="14:14">
      <c r="N250171" s="10"/>
    </row>
    <row r="250172" spans="14:14">
      <c r="N250172" s="10"/>
    </row>
    <row r="250173" spans="14:14">
      <c r="N250173" s="10"/>
    </row>
    <row r="250174" spans="14:14">
      <c r="N250174" s="10"/>
    </row>
    <row r="250175" spans="14:14">
      <c r="N250175" s="10"/>
    </row>
    <row r="250176" spans="14:14">
      <c r="N250176" s="10"/>
    </row>
    <row r="250177" spans="14:14">
      <c r="N250177" s="10"/>
    </row>
    <row r="250178" spans="14:14">
      <c r="N250178" s="10"/>
    </row>
    <row r="250179" spans="14:14">
      <c r="N250179" s="10"/>
    </row>
    <row r="250180" spans="14:14">
      <c r="N250180" s="10"/>
    </row>
    <row r="250181" spans="14:14">
      <c r="N250181" s="10"/>
    </row>
    <row r="250182" spans="14:14">
      <c r="N250182" s="10"/>
    </row>
    <row r="250183" spans="14:14">
      <c r="N250183" s="10"/>
    </row>
    <row r="250184" spans="14:14">
      <c r="N250184" s="10"/>
    </row>
    <row r="250185" spans="14:14">
      <c r="N250185" s="10"/>
    </row>
    <row r="250186" spans="14:14">
      <c r="N250186" s="10"/>
    </row>
    <row r="250187" spans="14:14">
      <c r="N250187" s="10"/>
    </row>
    <row r="250188" spans="14:14">
      <c r="N250188" s="10"/>
    </row>
    <row r="250189" spans="14:14">
      <c r="N250189" s="10"/>
    </row>
    <row r="250190" spans="14:14">
      <c r="N250190" s="10"/>
    </row>
    <row r="250191" spans="14:14">
      <c r="N250191" s="10"/>
    </row>
    <row r="250192" spans="14:14">
      <c r="N250192" s="10"/>
    </row>
    <row r="250193" spans="14:14">
      <c r="N250193" s="10"/>
    </row>
    <row r="250194" spans="14:14">
      <c r="N250194" s="10"/>
    </row>
    <row r="250195" spans="14:14">
      <c r="N250195" s="10"/>
    </row>
    <row r="250196" spans="14:14">
      <c r="N250196" s="10"/>
    </row>
    <row r="250197" spans="14:14">
      <c r="N250197" s="10"/>
    </row>
    <row r="250198" spans="14:14">
      <c r="N250198" s="10"/>
    </row>
    <row r="250199" spans="14:14">
      <c r="N250199" s="10"/>
    </row>
    <row r="250200" spans="14:14">
      <c r="N250200" s="10"/>
    </row>
    <row r="250201" spans="14:14">
      <c r="N250201" s="10"/>
    </row>
    <row r="250202" spans="14:14">
      <c r="N250202" s="10"/>
    </row>
    <row r="250203" spans="14:14">
      <c r="N250203" s="10"/>
    </row>
    <row r="250204" spans="14:14">
      <c r="N250204" s="10"/>
    </row>
    <row r="250205" spans="14:14">
      <c r="N250205" s="10"/>
    </row>
    <row r="250206" spans="14:14">
      <c r="N250206" s="10"/>
    </row>
    <row r="250207" spans="14:14">
      <c r="N250207" s="10"/>
    </row>
    <row r="250208" spans="14:14">
      <c r="N250208" s="10"/>
    </row>
    <row r="250209" spans="14:14">
      <c r="N250209" s="10"/>
    </row>
    <row r="250210" spans="14:14">
      <c r="N250210" s="10"/>
    </row>
    <row r="250211" spans="14:14">
      <c r="N250211" s="10"/>
    </row>
    <row r="250212" spans="14:14">
      <c r="N250212" s="10"/>
    </row>
    <row r="250213" spans="14:14">
      <c r="N250213" s="10"/>
    </row>
    <row r="250214" spans="14:14">
      <c r="N250214" s="10"/>
    </row>
    <row r="250215" spans="14:14">
      <c r="N250215" s="10"/>
    </row>
    <row r="250216" spans="14:14">
      <c r="N250216" s="10"/>
    </row>
    <row r="250217" spans="14:14">
      <c r="N250217" s="10"/>
    </row>
    <row r="250218" spans="14:14">
      <c r="N250218" s="10"/>
    </row>
    <row r="250219" spans="14:14">
      <c r="N250219" s="10"/>
    </row>
    <row r="250220" spans="14:14">
      <c r="N250220" s="10"/>
    </row>
    <row r="250221" spans="14:14">
      <c r="N250221" s="10"/>
    </row>
    <row r="250222" spans="14:14">
      <c r="N250222" s="10"/>
    </row>
    <row r="250223" spans="14:14">
      <c r="N250223" s="10"/>
    </row>
    <row r="250224" spans="14:14">
      <c r="N250224" s="10"/>
    </row>
    <row r="250225" spans="14:14">
      <c r="N250225" s="10"/>
    </row>
    <row r="250226" spans="14:14">
      <c r="N250226" s="10"/>
    </row>
    <row r="250227" spans="14:14">
      <c r="N250227" s="10"/>
    </row>
    <row r="250228" spans="14:14">
      <c r="N250228" s="10"/>
    </row>
    <row r="250229" spans="14:14">
      <c r="N250229" s="10"/>
    </row>
    <row r="250230" spans="14:14">
      <c r="N250230" s="10"/>
    </row>
    <row r="250231" spans="14:14">
      <c r="N250231" s="10"/>
    </row>
    <row r="250232" spans="14:14">
      <c r="N250232" s="10"/>
    </row>
    <row r="250233" spans="14:14">
      <c r="N250233" s="10"/>
    </row>
    <row r="250234" spans="14:14">
      <c r="N250234" s="10"/>
    </row>
    <row r="250235" spans="14:14">
      <c r="N250235" s="10"/>
    </row>
    <row r="250236" spans="14:14">
      <c r="N250236" s="10"/>
    </row>
    <row r="250237" spans="14:14">
      <c r="N250237" s="10"/>
    </row>
    <row r="250238" spans="14:14">
      <c r="N250238" s="10"/>
    </row>
    <row r="250239" spans="14:14">
      <c r="N250239" s="10"/>
    </row>
    <row r="250240" spans="14:14">
      <c r="N250240" s="10"/>
    </row>
    <row r="250241" spans="14:14">
      <c r="N250241" s="10"/>
    </row>
    <row r="250242" spans="14:14">
      <c r="N250242" s="10"/>
    </row>
    <row r="250243" spans="14:14">
      <c r="N250243" s="10"/>
    </row>
    <row r="250244" spans="14:14">
      <c r="N250244" s="10"/>
    </row>
    <row r="250245" spans="14:14">
      <c r="N250245" s="10"/>
    </row>
    <row r="250246" spans="14:14">
      <c r="N250246" s="10"/>
    </row>
    <row r="250247" spans="14:14">
      <c r="N250247" s="10"/>
    </row>
    <row r="250248" spans="14:14">
      <c r="N250248" s="10"/>
    </row>
    <row r="250249" spans="14:14">
      <c r="N250249" s="10"/>
    </row>
    <row r="250250" spans="14:14">
      <c r="N250250" s="10"/>
    </row>
    <row r="250251" spans="14:14">
      <c r="N250251" s="10"/>
    </row>
    <row r="250252" spans="14:14">
      <c r="N250252" s="10"/>
    </row>
    <row r="250253" spans="14:14">
      <c r="N250253" s="10"/>
    </row>
    <row r="250254" spans="14:14">
      <c r="N250254" s="10"/>
    </row>
    <row r="250255" spans="14:14">
      <c r="N250255" s="10"/>
    </row>
    <row r="250256" spans="14:14">
      <c r="N250256" s="10"/>
    </row>
    <row r="250257" spans="14:14">
      <c r="N250257" s="10"/>
    </row>
    <row r="250258" spans="14:14">
      <c r="N250258" s="10"/>
    </row>
    <row r="250259" spans="14:14">
      <c r="N250259" s="10"/>
    </row>
    <row r="250260" spans="14:14">
      <c r="N250260" s="10"/>
    </row>
    <row r="250261" spans="14:14">
      <c r="N250261" s="10"/>
    </row>
    <row r="250262" spans="14:14">
      <c r="N250262" s="10"/>
    </row>
    <row r="250263" spans="14:14">
      <c r="N250263" s="10"/>
    </row>
    <row r="250264" spans="14:14">
      <c r="N250264" s="10"/>
    </row>
    <row r="250265" spans="14:14">
      <c r="N250265" s="10"/>
    </row>
    <row r="250266" spans="14:14">
      <c r="N250266" s="10"/>
    </row>
    <row r="250267" spans="14:14">
      <c r="N250267" s="10"/>
    </row>
    <row r="250268" spans="14:14">
      <c r="N250268" s="10"/>
    </row>
    <row r="250269" spans="14:14">
      <c r="N250269" s="10"/>
    </row>
    <row r="250270" spans="14:14">
      <c r="N250270" s="10"/>
    </row>
    <row r="250271" spans="14:14">
      <c r="N250271" s="10"/>
    </row>
    <row r="250272" spans="14:14">
      <c r="N250272" s="10"/>
    </row>
    <row r="250273" spans="14:14">
      <c r="N250273" s="10"/>
    </row>
    <row r="250274" spans="14:14">
      <c r="N250274" s="10"/>
    </row>
    <row r="250275" spans="14:14">
      <c r="N250275" s="10"/>
    </row>
    <row r="250276" spans="14:14">
      <c r="N250276" s="10"/>
    </row>
    <row r="250277" spans="14:14">
      <c r="N250277" s="10"/>
    </row>
    <row r="250278" spans="14:14">
      <c r="N250278" s="10"/>
    </row>
    <row r="250279" spans="14:14">
      <c r="N250279" s="10"/>
    </row>
    <row r="250280" spans="14:14">
      <c r="N250280" s="10"/>
    </row>
    <row r="250281" spans="14:14">
      <c r="N250281" s="10"/>
    </row>
    <row r="250282" spans="14:14">
      <c r="N250282" s="10"/>
    </row>
    <row r="250283" spans="14:14">
      <c r="N250283" s="10"/>
    </row>
    <row r="250284" spans="14:14">
      <c r="N250284" s="10"/>
    </row>
    <row r="250285" spans="14:14">
      <c r="N250285" s="10"/>
    </row>
    <row r="250286" spans="14:14">
      <c r="N250286" s="10"/>
    </row>
    <row r="250287" spans="14:14">
      <c r="N250287" s="10"/>
    </row>
    <row r="250288" spans="14:14">
      <c r="N250288" s="10"/>
    </row>
    <row r="250289" spans="14:14">
      <c r="N250289" s="10"/>
    </row>
    <row r="250290" spans="14:14">
      <c r="N250290" s="10"/>
    </row>
    <row r="250291" spans="14:14">
      <c r="N250291" s="10"/>
    </row>
    <row r="250292" spans="14:14">
      <c r="N250292" s="10"/>
    </row>
    <row r="250293" spans="14:14">
      <c r="N250293" s="10"/>
    </row>
    <row r="250294" spans="14:14">
      <c r="N250294" s="10"/>
    </row>
    <row r="250295" spans="14:14">
      <c r="N250295" s="10"/>
    </row>
    <row r="250296" spans="14:14">
      <c r="N250296" s="10"/>
    </row>
    <row r="250297" spans="14:14">
      <c r="N250297" s="10"/>
    </row>
    <row r="250298" spans="14:14">
      <c r="N250298" s="10"/>
    </row>
    <row r="250299" spans="14:14">
      <c r="N250299" s="10"/>
    </row>
    <row r="250300" spans="14:14">
      <c r="N250300" s="10"/>
    </row>
    <row r="250301" spans="14:14">
      <c r="N250301" s="10"/>
    </row>
    <row r="250302" spans="14:14">
      <c r="N250302" s="10"/>
    </row>
    <row r="250303" spans="14:14">
      <c r="N250303" s="10"/>
    </row>
    <row r="250304" spans="14:14">
      <c r="N250304" s="10"/>
    </row>
    <row r="250305" spans="14:14">
      <c r="N250305" s="10"/>
    </row>
    <row r="250306" spans="14:14">
      <c r="N250306" s="10"/>
    </row>
    <row r="250307" spans="14:14">
      <c r="N250307" s="10"/>
    </row>
    <row r="250308" spans="14:14">
      <c r="N250308" s="10"/>
    </row>
    <row r="250309" spans="14:14">
      <c r="N250309" s="10"/>
    </row>
    <row r="250310" spans="14:14">
      <c r="N250310" s="10"/>
    </row>
    <row r="250311" spans="14:14">
      <c r="N250311" s="10"/>
    </row>
    <row r="250312" spans="14:14">
      <c r="N250312" s="10"/>
    </row>
    <row r="250313" spans="14:14">
      <c r="N250313" s="10"/>
    </row>
    <row r="250314" spans="14:14">
      <c r="N250314" s="10"/>
    </row>
    <row r="250315" spans="14:14">
      <c r="N250315" s="10"/>
    </row>
    <row r="250316" spans="14:14">
      <c r="N250316" s="10"/>
    </row>
    <row r="250317" spans="14:14">
      <c r="N250317" s="10"/>
    </row>
    <row r="250318" spans="14:14">
      <c r="N250318" s="10"/>
    </row>
    <row r="250319" spans="14:14">
      <c r="N250319" s="10"/>
    </row>
    <row r="250320" spans="14:14">
      <c r="N250320" s="10"/>
    </row>
    <row r="250321" spans="14:14">
      <c r="N250321" s="10"/>
    </row>
    <row r="250322" spans="14:14">
      <c r="N250322" s="10"/>
    </row>
    <row r="250323" spans="14:14">
      <c r="N250323" s="10"/>
    </row>
    <row r="250324" spans="14:14">
      <c r="N250324" s="10"/>
    </row>
    <row r="250325" spans="14:14">
      <c r="N250325" s="10"/>
    </row>
    <row r="250326" spans="14:14">
      <c r="N250326" s="10"/>
    </row>
    <row r="250327" spans="14:14">
      <c r="N250327" s="10"/>
    </row>
    <row r="250328" spans="14:14">
      <c r="N250328" s="10"/>
    </row>
    <row r="250329" spans="14:14">
      <c r="N250329" s="10"/>
    </row>
    <row r="250330" spans="14:14">
      <c r="N250330" s="10"/>
    </row>
    <row r="250331" spans="14:14">
      <c r="N250331" s="10"/>
    </row>
    <row r="250332" spans="14:14">
      <c r="N250332" s="10"/>
    </row>
    <row r="250333" spans="14:14">
      <c r="N250333" s="10"/>
    </row>
    <row r="250334" spans="14:14">
      <c r="N250334" s="10"/>
    </row>
    <row r="250335" spans="14:14">
      <c r="N250335" s="10"/>
    </row>
    <row r="250336" spans="14:14">
      <c r="N250336" s="10"/>
    </row>
    <row r="250337" spans="14:14">
      <c r="N250337" s="10"/>
    </row>
    <row r="250338" spans="14:14">
      <c r="N250338" s="10"/>
    </row>
    <row r="250339" spans="14:14">
      <c r="N250339" s="10"/>
    </row>
    <row r="250340" spans="14:14">
      <c r="N250340" s="10"/>
    </row>
    <row r="250341" spans="14:14">
      <c r="N250341" s="10"/>
    </row>
    <row r="250342" spans="14:14">
      <c r="N250342" s="10"/>
    </row>
    <row r="250343" spans="14:14">
      <c r="N250343" s="10"/>
    </row>
    <row r="250344" spans="14:14">
      <c r="N250344" s="10"/>
    </row>
    <row r="250345" spans="14:14">
      <c r="N250345" s="10"/>
    </row>
    <row r="250346" spans="14:14">
      <c r="N250346" s="10"/>
    </row>
    <row r="250347" spans="14:14">
      <c r="N250347" s="10"/>
    </row>
    <row r="250348" spans="14:14">
      <c r="N250348" s="10"/>
    </row>
    <row r="250349" spans="14:14">
      <c r="N250349" s="10"/>
    </row>
    <row r="250350" spans="14:14">
      <c r="N250350" s="10"/>
    </row>
    <row r="250351" spans="14:14">
      <c r="N250351" s="10"/>
    </row>
    <row r="250352" spans="14:14">
      <c r="N250352" s="10"/>
    </row>
    <row r="250353" spans="14:14">
      <c r="N250353" s="10"/>
    </row>
    <row r="250354" spans="14:14">
      <c r="N250354" s="10"/>
    </row>
    <row r="250355" spans="14:14">
      <c r="N250355" s="10"/>
    </row>
    <row r="250356" spans="14:14">
      <c r="N250356" s="10"/>
    </row>
    <row r="250357" spans="14:14">
      <c r="N250357" s="10"/>
    </row>
    <row r="250358" spans="14:14">
      <c r="N250358" s="10"/>
    </row>
    <row r="250359" spans="14:14">
      <c r="N250359" s="10"/>
    </row>
    <row r="250360" spans="14:14">
      <c r="N250360" s="10"/>
    </row>
    <row r="250361" spans="14:14">
      <c r="N250361" s="10"/>
    </row>
    <row r="250362" spans="14:14">
      <c r="N250362" s="10"/>
    </row>
    <row r="250363" spans="14:14">
      <c r="N250363" s="10"/>
    </row>
    <row r="250364" spans="14:14">
      <c r="N250364" s="10"/>
    </row>
    <row r="250365" spans="14:14">
      <c r="N250365" s="10"/>
    </row>
    <row r="250366" spans="14:14">
      <c r="N250366" s="10"/>
    </row>
    <row r="250367" spans="14:14">
      <c r="N250367" s="10"/>
    </row>
    <row r="250368" spans="14:14">
      <c r="N250368" s="10"/>
    </row>
    <row r="250369" spans="14:14">
      <c r="N250369" s="10"/>
    </row>
    <row r="250370" spans="14:14">
      <c r="N250370" s="10"/>
    </row>
    <row r="250371" spans="14:14">
      <c r="N250371" s="10"/>
    </row>
    <row r="250372" spans="14:14">
      <c r="N250372" s="10"/>
    </row>
    <row r="250373" spans="14:14">
      <c r="N250373" s="10"/>
    </row>
    <row r="250374" spans="14:14">
      <c r="N250374" s="10"/>
    </row>
    <row r="250375" spans="14:14">
      <c r="N250375" s="10"/>
    </row>
    <row r="250376" spans="14:14">
      <c r="N250376" s="10"/>
    </row>
    <row r="250377" spans="14:14">
      <c r="N250377" s="10"/>
    </row>
    <row r="250378" spans="14:14">
      <c r="N250378" s="10"/>
    </row>
    <row r="250379" spans="14:14">
      <c r="N250379" s="10"/>
    </row>
    <row r="250380" spans="14:14">
      <c r="N250380" s="10"/>
    </row>
    <row r="250381" spans="14:14">
      <c r="N250381" s="10"/>
    </row>
    <row r="250382" spans="14:14">
      <c r="N250382" s="10"/>
    </row>
    <row r="250383" spans="14:14">
      <c r="N250383" s="10"/>
    </row>
    <row r="250384" spans="14:14">
      <c r="N250384" s="10"/>
    </row>
    <row r="250385" spans="14:14">
      <c r="N250385" s="10"/>
    </row>
    <row r="250386" spans="14:14">
      <c r="N250386" s="10"/>
    </row>
    <row r="250387" spans="14:14">
      <c r="N250387" s="10"/>
    </row>
    <row r="250388" spans="14:14">
      <c r="N250388" s="10"/>
    </row>
    <row r="250389" spans="14:14">
      <c r="N250389" s="10"/>
    </row>
    <row r="250390" spans="14:14">
      <c r="N250390" s="10"/>
    </row>
    <row r="250391" spans="14:14">
      <c r="N250391" s="10"/>
    </row>
    <row r="250392" spans="14:14">
      <c r="N250392" s="10"/>
    </row>
    <row r="250393" spans="14:14">
      <c r="N250393" s="10"/>
    </row>
    <row r="250394" spans="14:14">
      <c r="N250394" s="10"/>
    </row>
    <row r="250395" spans="14:14">
      <c r="N250395" s="10"/>
    </row>
    <row r="250396" spans="14:14">
      <c r="N250396" s="10"/>
    </row>
    <row r="250397" spans="14:14">
      <c r="N250397" s="10"/>
    </row>
    <row r="250398" spans="14:14">
      <c r="N250398" s="10"/>
    </row>
    <row r="250399" spans="14:14">
      <c r="N250399" s="10"/>
    </row>
    <row r="250400" spans="14:14">
      <c r="N250400" s="10"/>
    </row>
    <row r="250401" spans="14:14">
      <c r="N250401" s="10"/>
    </row>
    <row r="250402" spans="14:14">
      <c r="N250402" s="10"/>
    </row>
    <row r="250403" spans="14:14">
      <c r="N250403" s="10"/>
    </row>
    <row r="250404" spans="14:14">
      <c r="N250404" s="10"/>
    </row>
    <row r="250405" spans="14:14">
      <c r="N250405" s="10"/>
    </row>
    <row r="250406" spans="14:14">
      <c r="N250406" s="10"/>
    </row>
    <row r="250407" spans="14:14">
      <c r="N250407" s="10"/>
    </row>
    <row r="250408" spans="14:14">
      <c r="N250408" s="10"/>
    </row>
    <row r="250409" spans="14:14">
      <c r="N250409" s="10"/>
    </row>
    <row r="250410" spans="14:14">
      <c r="N250410" s="10"/>
    </row>
    <row r="250411" spans="14:14">
      <c r="N250411" s="10"/>
    </row>
    <row r="250412" spans="14:14">
      <c r="N250412" s="10"/>
    </row>
    <row r="250413" spans="14:14">
      <c r="N250413" s="10"/>
    </row>
    <row r="250414" spans="14:14">
      <c r="N250414" s="10"/>
    </row>
    <row r="250415" spans="14:14">
      <c r="N250415" s="10"/>
    </row>
    <row r="250416" spans="14:14">
      <c r="N250416" s="10"/>
    </row>
    <row r="250417" spans="14:14">
      <c r="N250417" s="10"/>
    </row>
    <row r="250418" spans="14:14">
      <c r="N250418" s="10"/>
    </row>
    <row r="250419" spans="14:14">
      <c r="N250419" s="10"/>
    </row>
    <row r="250420" spans="14:14">
      <c r="N250420" s="10"/>
    </row>
    <row r="250421" spans="14:14">
      <c r="N250421" s="10"/>
    </row>
    <row r="250422" spans="14:14">
      <c r="N250422" s="10"/>
    </row>
    <row r="250423" spans="14:14">
      <c r="N250423" s="10"/>
    </row>
    <row r="250424" spans="14:14">
      <c r="N250424" s="10"/>
    </row>
    <row r="250425" spans="14:14">
      <c r="N250425" s="10"/>
    </row>
    <row r="250426" spans="14:14">
      <c r="N250426" s="10"/>
    </row>
    <row r="250427" spans="14:14">
      <c r="N250427" s="10"/>
    </row>
    <row r="250428" spans="14:14">
      <c r="N250428" s="10"/>
    </row>
    <row r="250429" spans="14:14">
      <c r="N250429" s="10"/>
    </row>
    <row r="250430" spans="14:14">
      <c r="N250430" s="10"/>
    </row>
    <row r="250431" spans="14:14">
      <c r="N250431" s="10"/>
    </row>
    <row r="250432" spans="14:14">
      <c r="N250432" s="10"/>
    </row>
    <row r="250433" spans="14:14">
      <c r="N250433" s="10"/>
    </row>
    <row r="250434" spans="14:14">
      <c r="N250434" s="10"/>
    </row>
    <row r="250435" spans="14:14">
      <c r="N250435" s="10"/>
    </row>
    <row r="250436" spans="14:14">
      <c r="N250436" s="10"/>
    </row>
    <row r="250437" spans="14:14">
      <c r="N250437" s="10"/>
    </row>
    <row r="250438" spans="14:14">
      <c r="N250438" s="10"/>
    </row>
    <row r="250439" spans="14:14">
      <c r="N250439" s="10"/>
    </row>
    <row r="250440" spans="14:14">
      <c r="N250440" s="10"/>
    </row>
    <row r="250441" spans="14:14">
      <c r="N250441" s="10"/>
    </row>
    <row r="250442" spans="14:14">
      <c r="N250442" s="10"/>
    </row>
    <row r="250443" spans="14:14">
      <c r="N250443" s="10"/>
    </row>
    <row r="250444" spans="14:14">
      <c r="N250444" s="10"/>
    </row>
    <row r="250445" spans="14:14">
      <c r="N250445" s="10"/>
    </row>
    <row r="250446" spans="14:14">
      <c r="N250446" s="10"/>
    </row>
    <row r="250447" spans="14:14">
      <c r="N250447" s="10"/>
    </row>
    <row r="250448" spans="14:14">
      <c r="N250448" s="10"/>
    </row>
    <row r="250449" spans="14:14">
      <c r="N250449" s="10"/>
    </row>
    <row r="250450" spans="14:14">
      <c r="N250450" s="10"/>
    </row>
    <row r="250451" spans="14:14">
      <c r="N250451" s="10"/>
    </row>
    <row r="250452" spans="14:14">
      <c r="N250452" s="10"/>
    </row>
    <row r="250453" spans="14:14">
      <c r="N250453" s="10"/>
    </row>
    <row r="250454" spans="14:14">
      <c r="N250454" s="10"/>
    </row>
    <row r="250455" spans="14:14">
      <c r="N250455" s="10"/>
    </row>
    <row r="250456" spans="14:14">
      <c r="N250456" s="10"/>
    </row>
    <row r="250457" spans="14:14">
      <c r="N250457" s="10"/>
    </row>
    <row r="250458" spans="14:14">
      <c r="N250458" s="10"/>
    </row>
    <row r="250459" spans="14:14">
      <c r="N250459" s="10"/>
    </row>
    <row r="250460" spans="14:14">
      <c r="N250460" s="10"/>
    </row>
    <row r="250461" spans="14:14">
      <c r="N250461" s="10"/>
    </row>
    <row r="250462" spans="14:14">
      <c r="N250462" s="10"/>
    </row>
    <row r="250463" spans="14:14">
      <c r="N250463" s="10"/>
    </row>
    <row r="250464" spans="14:14">
      <c r="N250464" s="10"/>
    </row>
    <row r="250465" spans="14:14">
      <c r="N250465" s="10"/>
    </row>
    <row r="250466" spans="14:14">
      <c r="N250466" s="10"/>
    </row>
    <row r="250467" spans="14:14">
      <c r="N250467" s="10"/>
    </row>
    <row r="250468" spans="14:14">
      <c r="N250468" s="10"/>
    </row>
    <row r="250469" spans="14:14">
      <c r="N250469" s="10"/>
    </row>
    <row r="250470" spans="14:14">
      <c r="N250470" s="10"/>
    </row>
    <row r="250471" spans="14:14">
      <c r="N250471" s="10"/>
    </row>
    <row r="250472" spans="14:14">
      <c r="N250472" s="10"/>
    </row>
    <row r="250473" spans="14:14">
      <c r="N250473" s="10"/>
    </row>
    <row r="250474" spans="14:14">
      <c r="N250474" s="10"/>
    </row>
    <row r="250475" spans="14:14">
      <c r="N250475" s="10"/>
    </row>
    <row r="250476" spans="14:14">
      <c r="N250476" s="10"/>
    </row>
    <row r="250477" spans="14:14">
      <c r="N250477" s="10"/>
    </row>
    <row r="250478" spans="14:14">
      <c r="N250478" s="10"/>
    </row>
    <row r="250479" spans="14:14">
      <c r="N250479" s="10"/>
    </row>
    <row r="250480" spans="14:14">
      <c r="N250480" s="10"/>
    </row>
    <row r="250481" spans="14:14">
      <c r="N250481" s="10"/>
    </row>
    <row r="250482" spans="14:14">
      <c r="N250482" s="10"/>
    </row>
    <row r="250483" spans="14:14">
      <c r="N250483" s="10"/>
    </row>
    <row r="250484" spans="14:14">
      <c r="N250484" s="10"/>
    </row>
    <row r="250485" spans="14:14">
      <c r="N250485" s="10"/>
    </row>
    <row r="250486" spans="14:14">
      <c r="N250486" s="10"/>
    </row>
    <row r="250487" spans="14:14">
      <c r="N250487" s="10"/>
    </row>
    <row r="250488" spans="14:14">
      <c r="N250488" s="10"/>
    </row>
    <row r="250489" spans="14:14">
      <c r="N250489" s="10"/>
    </row>
    <row r="250490" spans="14:14">
      <c r="N250490" s="10"/>
    </row>
    <row r="250491" spans="14:14">
      <c r="N250491" s="10"/>
    </row>
    <row r="250492" spans="14:14">
      <c r="N250492" s="10"/>
    </row>
    <row r="250493" spans="14:14">
      <c r="N250493" s="10"/>
    </row>
    <row r="250494" spans="14:14">
      <c r="N250494" s="10"/>
    </row>
    <row r="250495" spans="14:14">
      <c r="N250495" s="10"/>
    </row>
    <row r="250496" spans="14:14">
      <c r="N250496" s="10"/>
    </row>
    <row r="250497" spans="14:14">
      <c r="N250497" s="10"/>
    </row>
    <row r="250498" spans="14:14">
      <c r="N250498" s="10"/>
    </row>
    <row r="250499" spans="14:14">
      <c r="N250499" s="10"/>
    </row>
    <row r="250500" spans="14:14">
      <c r="N250500" s="10"/>
    </row>
    <row r="250501" spans="14:14">
      <c r="N250501" s="10"/>
    </row>
    <row r="250502" spans="14:14">
      <c r="N250502" s="10"/>
    </row>
    <row r="250503" spans="14:14">
      <c r="N250503" s="10"/>
    </row>
    <row r="250504" spans="14:14">
      <c r="N250504" s="10"/>
    </row>
    <row r="250505" spans="14:14">
      <c r="N250505" s="10"/>
    </row>
    <row r="250506" spans="14:14">
      <c r="N250506" s="10"/>
    </row>
    <row r="250507" spans="14:14">
      <c r="N250507" s="10"/>
    </row>
    <row r="250508" spans="14:14">
      <c r="N250508" s="10"/>
    </row>
    <row r="250509" spans="14:14">
      <c r="N250509" s="10"/>
    </row>
    <row r="250510" spans="14:14">
      <c r="N250510" s="10"/>
    </row>
    <row r="250511" spans="14:14">
      <c r="N250511" s="10"/>
    </row>
    <row r="250512" spans="14:14">
      <c r="N250512" s="10"/>
    </row>
    <row r="250513" spans="14:14">
      <c r="N250513" s="10"/>
    </row>
    <row r="250514" spans="14:14">
      <c r="N250514" s="10"/>
    </row>
    <row r="250515" spans="14:14">
      <c r="N250515" s="10"/>
    </row>
    <row r="250516" spans="14:14">
      <c r="N250516" s="10"/>
    </row>
    <row r="250517" spans="14:14">
      <c r="N250517" s="10"/>
    </row>
    <row r="250518" spans="14:14">
      <c r="N250518" s="10"/>
    </row>
    <row r="250519" spans="14:14">
      <c r="N250519" s="10"/>
    </row>
    <row r="250520" spans="14:14">
      <c r="N250520" s="10"/>
    </row>
    <row r="250521" spans="14:14">
      <c r="N250521" s="10"/>
    </row>
    <row r="250522" spans="14:14">
      <c r="N250522" s="10"/>
    </row>
    <row r="250523" spans="14:14">
      <c r="N250523" s="10"/>
    </row>
    <row r="250524" spans="14:14">
      <c r="N250524" s="10"/>
    </row>
    <row r="250525" spans="14:14">
      <c r="N250525" s="10"/>
    </row>
    <row r="250526" spans="14:14">
      <c r="N250526" s="10"/>
    </row>
    <row r="250527" spans="14:14">
      <c r="N250527" s="10"/>
    </row>
    <row r="250528" spans="14:14">
      <c r="N250528" s="10"/>
    </row>
    <row r="250529" spans="14:14">
      <c r="N250529" s="10"/>
    </row>
    <row r="250530" spans="14:14">
      <c r="N250530" s="10"/>
    </row>
    <row r="250531" spans="14:14">
      <c r="N250531" s="10"/>
    </row>
    <row r="250532" spans="14:14">
      <c r="N250532" s="10"/>
    </row>
    <row r="250533" spans="14:14">
      <c r="N250533" s="10"/>
    </row>
    <row r="250534" spans="14:14">
      <c r="N250534" s="10"/>
    </row>
    <row r="250535" spans="14:14">
      <c r="N250535" s="10"/>
    </row>
    <row r="250536" spans="14:14">
      <c r="N250536" s="10"/>
    </row>
    <row r="250537" spans="14:14">
      <c r="N250537" s="10"/>
    </row>
    <row r="250538" spans="14:14">
      <c r="N250538" s="10"/>
    </row>
    <row r="250539" spans="14:14">
      <c r="N250539" s="10"/>
    </row>
    <row r="250540" spans="14:14">
      <c r="N250540" s="10"/>
    </row>
    <row r="250541" spans="14:14">
      <c r="N250541" s="10"/>
    </row>
    <row r="250542" spans="14:14">
      <c r="N250542" s="10"/>
    </row>
    <row r="250543" spans="14:14">
      <c r="N250543" s="10"/>
    </row>
    <row r="250544" spans="14:14">
      <c r="N250544" s="10"/>
    </row>
    <row r="250545" spans="14:14">
      <c r="N250545" s="10"/>
    </row>
    <row r="250546" spans="14:14">
      <c r="N250546" s="10"/>
    </row>
    <row r="250547" spans="14:14">
      <c r="N250547" s="10"/>
    </row>
    <row r="250548" spans="14:14">
      <c r="N250548" s="10"/>
    </row>
    <row r="250549" spans="14:14">
      <c r="N250549" s="10"/>
    </row>
    <row r="250550" spans="14:14">
      <c r="N250550" s="10"/>
    </row>
    <row r="250551" spans="14:14">
      <c r="N250551" s="10"/>
    </row>
    <row r="250552" spans="14:14">
      <c r="N250552" s="10"/>
    </row>
    <row r="250553" spans="14:14">
      <c r="N250553" s="10"/>
    </row>
    <row r="250554" spans="14:14">
      <c r="N250554" s="10"/>
    </row>
    <row r="250555" spans="14:14">
      <c r="N250555" s="10"/>
    </row>
    <row r="250556" spans="14:14">
      <c r="N250556" s="10"/>
    </row>
    <row r="250557" spans="14:14">
      <c r="N250557" s="10"/>
    </row>
    <row r="250558" spans="14:14">
      <c r="N250558" s="10"/>
    </row>
    <row r="250559" spans="14:14">
      <c r="N250559" s="10"/>
    </row>
    <row r="250560" spans="14:14">
      <c r="N250560" s="10"/>
    </row>
    <row r="250561" spans="14:14">
      <c r="N250561" s="10"/>
    </row>
    <row r="250562" spans="14:14">
      <c r="N250562" s="10"/>
    </row>
    <row r="250563" spans="14:14">
      <c r="N250563" s="10"/>
    </row>
    <row r="250564" spans="14:14">
      <c r="N250564" s="10"/>
    </row>
    <row r="250565" spans="14:14">
      <c r="N250565" s="10"/>
    </row>
    <row r="250566" spans="14:14">
      <c r="N250566" s="10"/>
    </row>
    <row r="250567" spans="14:14">
      <c r="N250567" s="10"/>
    </row>
    <row r="250568" spans="14:14">
      <c r="N250568" s="10"/>
    </row>
    <row r="250569" spans="14:14">
      <c r="N250569" s="10"/>
    </row>
    <row r="250570" spans="14:14">
      <c r="N250570" s="10"/>
    </row>
    <row r="250571" spans="14:14">
      <c r="N250571" s="10"/>
    </row>
    <row r="250572" spans="14:14">
      <c r="N250572" s="10"/>
    </row>
    <row r="250573" spans="14:14">
      <c r="N250573" s="10"/>
    </row>
    <row r="250574" spans="14:14">
      <c r="N250574" s="10"/>
    </row>
    <row r="250575" spans="14:14">
      <c r="N250575" s="10"/>
    </row>
    <row r="250576" spans="14:14">
      <c r="N250576" s="10"/>
    </row>
    <row r="250577" spans="14:14">
      <c r="N250577" s="10"/>
    </row>
    <row r="250578" spans="14:14">
      <c r="N250578" s="10"/>
    </row>
    <row r="250579" spans="14:14">
      <c r="N250579" s="10"/>
    </row>
    <row r="250580" spans="14:14">
      <c r="N250580" s="10"/>
    </row>
    <row r="250581" spans="14:14">
      <c r="N250581" s="10"/>
    </row>
    <row r="250582" spans="14:14">
      <c r="N250582" s="10"/>
    </row>
    <row r="250583" spans="14:14">
      <c r="N250583" s="10"/>
    </row>
    <row r="250584" spans="14:14">
      <c r="N250584" s="10"/>
    </row>
    <row r="250585" spans="14:14">
      <c r="N250585" s="10"/>
    </row>
    <row r="250586" spans="14:14">
      <c r="N250586" s="10"/>
    </row>
    <row r="250587" spans="14:14">
      <c r="N250587" s="10"/>
    </row>
    <row r="250588" spans="14:14">
      <c r="N250588" s="10"/>
    </row>
    <row r="250589" spans="14:14">
      <c r="N250589" s="10"/>
    </row>
    <row r="250590" spans="14:14">
      <c r="N250590" s="10"/>
    </row>
    <row r="250591" spans="14:14">
      <c r="N250591" s="10"/>
    </row>
    <row r="250592" spans="14:14">
      <c r="N250592" s="10"/>
    </row>
    <row r="250593" spans="14:14">
      <c r="N250593" s="10"/>
    </row>
    <row r="250594" spans="14:14">
      <c r="N250594" s="10"/>
    </row>
    <row r="250595" spans="14:14">
      <c r="N250595" s="10"/>
    </row>
    <row r="250596" spans="14:14">
      <c r="N250596" s="10"/>
    </row>
    <row r="250597" spans="14:14">
      <c r="N250597" s="10"/>
    </row>
    <row r="250598" spans="14:14">
      <c r="N250598" s="10"/>
    </row>
    <row r="250599" spans="14:14">
      <c r="N250599" s="10"/>
    </row>
    <row r="250600" spans="14:14">
      <c r="N250600" s="10"/>
    </row>
    <row r="250601" spans="14:14">
      <c r="N250601" s="10"/>
    </row>
    <row r="250602" spans="14:14">
      <c r="N250602" s="10"/>
    </row>
    <row r="250603" spans="14:14">
      <c r="N250603" s="10"/>
    </row>
    <row r="250604" spans="14:14">
      <c r="N250604" s="10"/>
    </row>
    <row r="250605" spans="14:14">
      <c r="N250605" s="10"/>
    </row>
    <row r="250606" spans="14:14">
      <c r="N250606" s="10"/>
    </row>
    <row r="250607" spans="14:14">
      <c r="N250607" s="10"/>
    </row>
    <row r="250608" spans="14:14">
      <c r="N250608" s="10"/>
    </row>
    <row r="250609" spans="14:14">
      <c r="N250609" s="10"/>
    </row>
    <row r="250610" spans="14:14">
      <c r="N250610" s="10"/>
    </row>
    <row r="250611" spans="14:14">
      <c r="N250611" s="10"/>
    </row>
    <row r="250612" spans="14:14">
      <c r="N250612" s="10"/>
    </row>
    <row r="250613" spans="14:14">
      <c r="N250613" s="10"/>
    </row>
    <row r="250614" spans="14:14">
      <c r="N250614" s="10"/>
    </row>
    <row r="250615" spans="14:14">
      <c r="N250615" s="10"/>
    </row>
    <row r="250616" spans="14:14">
      <c r="N250616" s="10"/>
    </row>
    <row r="250617" spans="14:14">
      <c r="N250617" s="10"/>
    </row>
    <row r="250618" spans="14:14">
      <c r="N250618" s="10"/>
    </row>
    <row r="250619" spans="14:14">
      <c r="N250619" s="10"/>
    </row>
    <row r="250620" spans="14:14">
      <c r="N250620" s="10"/>
    </row>
    <row r="250621" spans="14:14">
      <c r="N250621" s="10"/>
    </row>
    <row r="250622" spans="14:14">
      <c r="N250622" s="10"/>
    </row>
    <row r="250623" spans="14:14">
      <c r="N250623" s="10"/>
    </row>
    <row r="250624" spans="14:14">
      <c r="N250624" s="10"/>
    </row>
    <row r="250625" spans="14:14">
      <c r="N250625" s="10"/>
    </row>
    <row r="250626" spans="14:14">
      <c r="N250626" s="10"/>
    </row>
    <row r="250627" spans="14:14">
      <c r="N250627" s="10"/>
    </row>
    <row r="250628" spans="14:14">
      <c r="N250628" s="10"/>
    </row>
    <row r="250629" spans="14:14">
      <c r="N250629" s="10"/>
    </row>
    <row r="250630" spans="14:14">
      <c r="N250630" s="10"/>
    </row>
    <row r="250631" spans="14:14">
      <c r="N250631" s="10"/>
    </row>
    <row r="250632" spans="14:14">
      <c r="N250632" s="10"/>
    </row>
    <row r="250633" spans="14:14">
      <c r="N250633" s="10"/>
    </row>
    <row r="250634" spans="14:14">
      <c r="N250634" s="10"/>
    </row>
    <row r="250635" spans="14:14">
      <c r="N250635" s="10"/>
    </row>
    <row r="250636" spans="14:14">
      <c r="N250636" s="10"/>
    </row>
    <row r="250637" spans="14:14">
      <c r="N250637" s="10"/>
    </row>
    <row r="250638" spans="14:14">
      <c r="N250638" s="10"/>
    </row>
    <row r="250639" spans="14:14">
      <c r="N250639" s="10"/>
    </row>
    <row r="250640" spans="14:14">
      <c r="N250640" s="10"/>
    </row>
    <row r="250641" spans="14:14">
      <c r="N250641" s="10"/>
    </row>
    <row r="250642" spans="14:14">
      <c r="N250642" s="10"/>
    </row>
    <row r="250643" spans="14:14">
      <c r="N250643" s="10"/>
    </row>
    <row r="250644" spans="14:14">
      <c r="N250644" s="10"/>
    </row>
    <row r="250645" spans="14:14">
      <c r="N250645" s="10"/>
    </row>
    <row r="250646" spans="14:14">
      <c r="N250646" s="10"/>
    </row>
    <row r="250647" spans="14:14">
      <c r="N250647" s="10"/>
    </row>
    <row r="250648" spans="14:14">
      <c r="N250648" s="10"/>
    </row>
    <row r="250649" spans="14:14">
      <c r="N250649" s="10"/>
    </row>
    <row r="250650" spans="14:14">
      <c r="N250650" s="10"/>
    </row>
    <row r="250651" spans="14:14">
      <c r="N250651" s="10"/>
    </row>
    <row r="250652" spans="14:14">
      <c r="N250652" s="10"/>
    </row>
    <row r="250653" spans="14:14">
      <c r="N250653" s="10"/>
    </row>
    <row r="250654" spans="14:14">
      <c r="N250654" s="10"/>
    </row>
    <row r="250655" spans="14:14">
      <c r="N250655" s="10"/>
    </row>
    <row r="250656" spans="14:14">
      <c r="N250656" s="10"/>
    </row>
    <row r="250657" spans="14:14">
      <c r="N250657" s="10"/>
    </row>
    <row r="250658" spans="14:14">
      <c r="N250658" s="10"/>
    </row>
    <row r="250659" spans="14:14">
      <c r="N250659" s="10"/>
    </row>
    <row r="250660" spans="14:14">
      <c r="N250660" s="10"/>
    </row>
    <row r="250661" spans="14:14">
      <c r="N250661" s="10"/>
    </row>
    <row r="250662" spans="14:14">
      <c r="N250662" s="10"/>
    </row>
    <row r="250663" spans="14:14">
      <c r="N250663" s="10"/>
    </row>
    <row r="250664" spans="14:14">
      <c r="N250664" s="10"/>
    </row>
    <row r="250665" spans="14:14">
      <c r="N250665" s="10"/>
    </row>
    <row r="250666" spans="14:14">
      <c r="N250666" s="10"/>
    </row>
    <row r="250667" spans="14:14">
      <c r="N250667" s="10"/>
    </row>
    <row r="250668" spans="14:14">
      <c r="N250668" s="10"/>
    </row>
    <row r="250669" spans="14:14">
      <c r="N250669" s="10"/>
    </row>
    <row r="250670" spans="14:14">
      <c r="N250670" s="10"/>
    </row>
    <row r="250671" spans="14:14">
      <c r="N250671" s="10"/>
    </row>
    <row r="250672" spans="14:14">
      <c r="N250672" s="10"/>
    </row>
    <row r="250673" spans="14:14">
      <c r="N250673" s="10"/>
    </row>
    <row r="250674" spans="14:14">
      <c r="N250674" s="10"/>
    </row>
    <row r="250675" spans="14:14">
      <c r="N250675" s="10"/>
    </row>
    <row r="250676" spans="14:14">
      <c r="N250676" s="10"/>
    </row>
    <row r="250677" spans="14:14">
      <c r="N250677" s="10"/>
    </row>
    <row r="250678" spans="14:14">
      <c r="N250678" s="10"/>
    </row>
    <row r="250679" spans="14:14">
      <c r="N250679" s="10"/>
    </row>
    <row r="250680" spans="14:14">
      <c r="N250680" s="10"/>
    </row>
    <row r="250681" spans="14:14">
      <c r="N250681" s="10"/>
    </row>
    <row r="250682" spans="14:14">
      <c r="N250682" s="10"/>
    </row>
    <row r="250683" spans="14:14">
      <c r="N250683" s="10"/>
    </row>
    <row r="250684" spans="14:14">
      <c r="N250684" s="10"/>
    </row>
    <row r="250685" spans="14:14">
      <c r="N250685" s="10"/>
    </row>
    <row r="250686" spans="14:14">
      <c r="N250686" s="10"/>
    </row>
    <row r="250687" spans="14:14">
      <c r="N250687" s="10"/>
    </row>
    <row r="250688" spans="14:14">
      <c r="N250688" s="10"/>
    </row>
    <row r="250689" spans="14:14">
      <c r="N250689" s="10"/>
    </row>
    <row r="250690" spans="14:14">
      <c r="N250690" s="10"/>
    </row>
    <row r="250691" spans="14:14">
      <c r="N250691" s="10"/>
    </row>
    <row r="250692" spans="14:14">
      <c r="N250692" s="10"/>
    </row>
    <row r="250693" spans="14:14">
      <c r="N250693" s="10"/>
    </row>
    <row r="250694" spans="14:14">
      <c r="N250694" s="10"/>
    </row>
    <row r="250695" spans="14:14">
      <c r="N250695" s="10"/>
    </row>
    <row r="250696" spans="14:14">
      <c r="N250696" s="10"/>
    </row>
    <row r="250697" spans="14:14">
      <c r="N250697" s="10"/>
    </row>
    <row r="250698" spans="14:14">
      <c r="N250698" s="10"/>
    </row>
    <row r="250699" spans="14:14">
      <c r="N250699" s="10"/>
    </row>
    <row r="250700" spans="14:14">
      <c r="N250700" s="10"/>
    </row>
    <row r="250701" spans="14:14">
      <c r="N250701" s="10"/>
    </row>
    <row r="250702" spans="14:14">
      <c r="N250702" s="10"/>
    </row>
    <row r="250703" spans="14:14">
      <c r="N250703" s="10"/>
    </row>
    <row r="250704" spans="14:14">
      <c r="N250704" s="10"/>
    </row>
    <row r="250705" spans="14:14">
      <c r="N250705" s="10"/>
    </row>
    <row r="250706" spans="14:14">
      <c r="N250706" s="10"/>
    </row>
    <row r="250707" spans="14:14">
      <c r="N250707" s="10"/>
    </row>
    <row r="250708" spans="14:14">
      <c r="N250708" s="10"/>
    </row>
    <row r="250709" spans="14:14">
      <c r="N250709" s="10"/>
    </row>
    <row r="250710" spans="14:14">
      <c r="N250710" s="10"/>
    </row>
    <row r="250711" spans="14:14">
      <c r="N250711" s="10"/>
    </row>
    <row r="250712" spans="14:14">
      <c r="N250712" s="10"/>
    </row>
    <row r="250713" spans="14:14">
      <c r="N250713" s="10"/>
    </row>
    <row r="250714" spans="14:14">
      <c r="N250714" s="10"/>
    </row>
    <row r="250715" spans="14:14">
      <c r="N250715" s="10"/>
    </row>
    <row r="250716" spans="14:14">
      <c r="N250716" s="10"/>
    </row>
    <row r="250717" spans="14:14">
      <c r="N250717" s="10"/>
    </row>
    <row r="250718" spans="14:14">
      <c r="N250718" s="10"/>
    </row>
    <row r="250719" spans="14:14">
      <c r="N250719" s="10"/>
    </row>
    <row r="250720" spans="14:14">
      <c r="N250720" s="10"/>
    </row>
    <row r="250721" spans="14:14">
      <c r="N250721" s="10"/>
    </row>
    <row r="250722" spans="14:14">
      <c r="N250722" s="10"/>
    </row>
    <row r="250723" spans="14:14">
      <c r="N250723" s="10"/>
    </row>
    <row r="250724" spans="14:14">
      <c r="N250724" s="10"/>
    </row>
    <row r="250725" spans="14:14">
      <c r="N250725" s="10"/>
    </row>
    <row r="250726" spans="14:14">
      <c r="N250726" s="10"/>
    </row>
    <row r="250727" spans="14:14">
      <c r="N250727" s="10"/>
    </row>
    <row r="250728" spans="14:14">
      <c r="N250728" s="10"/>
    </row>
    <row r="250729" spans="14:14">
      <c r="N250729" s="10"/>
    </row>
    <row r="250730" spans="14:14">
      <c r="N250730" s="10"/>
    </row>
    <row r="250731" spans="14:14">
      <c r="N250731" s="10"/>
    </row>
    <row r="250732" spans="14:14">
      <c r="N250732" s="10"/>
    </row>
    <row r="250733" spans="14:14">
      <c r="N250733" s="10"/>
    </row>
    <row r="250734" spans="14:14">
      <c r="N250734" s="10"/>
    </row>
    <row r="250735" spans="14:14">
      <c r="N250735" s="10"/>
    </row>
    <row r="250736" spans="14:14">
      <c r="N250736" s="10"/>
    </row>
    <row r="250737" spans="14:14">
      <c r="N250737" s="10"/>
    </row>
    <row r="250738" spans="14:14">
      <c r="N250738" s="10"/>
    </row>
    <row r="250739" spans="14:14">
      <c r="N250739" s="10"/>
    </row>
    <row r="250740" spans="14:14">
      <c r="N250740" s="10"/>
    </row>
    <row r="250741" spans="14:14">
      <c r="N250741" s="10"/>
    </row>
    <row r="250742" spans="14:14">
      <c r="N250742" s="10"/>
    </row>
    <row r="250743" spans="14:14">
      <c r="N250743" s="10"/>
    </row>
    <row r="250744" spans="14:14">
      <c r="N250744" s="10"/>
    </row>
    <row r="250745" spans="14:14">
      <c r="N250745" s="10"/>
    </row>
    <row r="250746" spans="14:14">
      <c r="N250746" s="10"/>
    </row>
    <row r="250747" spans="14:14">
      <c r="N250747" s="10"/>
    </row>
    <row r="250748" spans="14:14">
      <c r="N250748" s="10"/>
    </row>
    <row r="250749" spans="14:14">
      <c r="N250749" s="10"/>
    </row>
    <row r="250750" spans="14:14">
      <c r="N250750" s="10"/>
    </row>
    <row r="250751" spans="14:14">
      <c r="N250751" s="10"/>
    </row>
    <row r="250752" spans="14:14">
      <c r="N250752" s="10"/>
    </row>
    <row r="250753" spans="14:14">
      <c r="N250753" s="10"/>
    </row>
    <row r="250754" spans="14:14">
      <c r="N250754" s="10"/>
    </row>
    <row r="250755" spans="14:14">
      <c r="N250755" s="10"/>
    </row>
    <row r="250756" spans="14:14">
      <c r="N250756" s="10"/>
    </row>
    <row r="250757" spans="14:14">
      <c r="N250757" s="10"/>
    </row>
    <row r="250758" spans="14:14">
      <c r="N250758" s="10"/>
    </row>
    <row r="250759" spans="14:14">
      <c r="N250759" s="10"/>
    </row>
    <row r="250760" spans="14:14">
      <c r="N250760" s="10"/>
    </row>
    <row r="250761" spans="14:14">
      <c r="N250761" s="10"/>
    </row>
    <row r="250762" spans="14:14">
      <c r="N250762" s="10"/>
    </row>
    <row r="250763" spans="14:14">
      <c r="N250763" s="10"/>
    </row>
    <row r="250764" spans="14:14">
      <c r="N250764" s="10"/>
    </row>
    <row r="250765" spans="14:14">
      <c r="N250765" s="10"/>
    </row>
    <row r="250766" spans="14:14">
      <c r="N250766" s="10"/>
    </row>
    <row r="250767" spans="14:14">
      <c r="N250767" s="10"/>
    </row>
    <row r="250768" spans="14:14">
      <c r="N250768" s="10"/>
    </row>
    <row r="250769" spans="14:14">
      <c r="N250769" s="10"/>
    </row>
    <row r="250770" spans="14:14">
      <c r="N250770" s="10"/>
    </row>
    <row r="250771" spans="14:14">
      <c r="N250771" s="10"/>
    </row>
    <row r="250772" spans="14:14">
      <c r="N250772" s="10"/>
    </row>
    <row r="250773" spans="14:14">
      <c r="N250773" s="10"/>
    </row>
    <row r="250774" spans="14:14">
      <c r="N250774" s="10"/>
    </row>
    <row r="250775" spans="14:14">
      <c r="N250775" s="10"/>
    </row>
    <row r="250776" spans="14:14">
      <c r="N250776" s="10"/>
    </row>
    <row r="250777" spans="14:14">
      <c r="N250777" s="10"/>
    </row>
    <row r="250778" spans="14:14">
      <c r="N250778" s="10"/>
    </row>
    <row r="250779" spans="14:14">
      <c r="N250779" s="10"/>
    </row>
    <row r="250780" spans="14:14">
      <c r="N250780" s="10"/>
    </row>
    <row r="250781" spans="14:14">
      <c r="N250781" s="10"/>
    </row>
    <row r="250782" spans="14:14">
      <c r="N250782" s="10"/>
    </row>
    <row r="250783" spans="14:14">
      <c r="N250783" s="10"/>
    </row>
    <row r="250784" spans="14:14">
      <c r="N250784" s="10"/>
    </row>
    <row r="250785" spans="14:14">
      <c r="N250785" s="10"/>
    </row>
    <row r="250786" spans="14:14">
      <c r="N250786" s="10"/>
    </row>
    <row r="250787" spans="14:14">
      <c r="N250787" s="10"/>
    </row>
    <row r="250788" spans="14:14">
      <c r="N250788" s="10"/>
    </row>
    <row r="250789" spans="14:14">
      <c r="N250789" s="10"/>
    </row>
    <row r="250790" spans="14:14">
      <c r="N250790" s="10"/>
    </row>
    <row r="250791" spans="14:14">
      <c r="N250791" s="10"/>
    </row>
    <row r="250792" spans="14:14">
      <c r="N250792" s="10"/>
    </row>
    <row r="250793" spans="14:14">
      <c r="N250793" s="10"/>
    </row>
    <row r="250794" spans="14:14">
      <c r="N250794" s="10"/>
    </row>
    <row r="250795" spans="14:14">
      <c r="N250795" s="10"/>
    </row>
    <row r="250796" spans="14:14">
      <c r="N250796" s="10"/>
    </row>
    <row r="250797" spans="14:14">
      <c r="N250797" s="10"/>
    </row>
    <row r="250798" spans="14:14">
      <c r="N250798" s="10"/>
    </row>
    <row r="250799" spans="14:14">
      <c r="N250799" s="10"/>
    </row>
    <row r="250800" spans="14:14">
      <c r="N250800" s="10"/>
    </row>
    <row r="250801" spans="14:14">
      <c r="N250801" s="10"/>
    </row>
    <row r="250802" spans="14:14">
      <c r="N250802" s="10"/>
    </row>
    <row r="250803" spans="14:14">
      <c r="N250803" s="10"/>
    </row>
    <row r="250804" spans="14:14">
      <c r="N250804" s="10"/>
    </row>
    <row r="250805" spans="14:14">
      <c r="N250805" s="10"/>
    </row>
    <row r="250806" spans="14:14">
      <c r="N250806" s="10"/>
    </row>
    <row r="250807" spans="14:14">
      <c r="N250807" s="10"/>
    </row>
    <row r="250808" spans="14:14">
      <c r="N250808" s="10"/>
    </row>
    <row r="250809" spans="14:14">
      <c r="N250809" s="10"/>
    </row>
    <row r="250810" spans="14:14">
      <c r="N250810" s="10"/>
    </row>
    <row r="250811" spans="14:14">
      <c r="N250811" s="10"/>
    </row>
    <row r="250812" spans="14:14">
      <c r="N250812" s="10"/>
    </row>
    <row r="250813" spans="14:14">
      <c r="N250813" s="10"/>
    </row>
    <row r="250814" spans="14:14">
      <c r="N250814" s="10"/>
    </row>
    <row r="250815" spans="14:14">
      <c r="N250815" s="10"/>
    </row>
    <row r="250816" spans="14:14">
      <c r="N250816" s="10"/>
    </row>
    <row r="250817" spans="14:14">
      <c r="N250817" s="10"/>
    </row>
    <row r="250818" spans="14:14">
      <c r="N250818" s="10"/>
    </row>
    <row r="250819" spans="14:14">
      <c r="N250819" s="10"/>
    </row>
    <row r="250820" spans="14:14">
      <c r="N250820" s="10"/>
    </row>
    <row r="250821" spans="14:14">
      <c r="N250821" s="10"/>
    </row>
    <row r="250822" spans="14:14">
      <c r="N250822" s="10"/>
    </row>
    <row r="250823" spans="14:14">
      <c r="N250823" s="10"/>
    </row>
    <row r="250824" spans="14:14">
      <c r="N250824" s="10"/>
    </row>
    <row r="250825" spans="14:14">
      <c r="N250825" s="10"/>
    </row>
    <row r="250826" spans="14:14">
      <c r="N250826" s="10"/>
    </row>
    <row r="250827" spans="14:14">
      <c r="N250827" s="10"/>
    </row>
    <row r="250828" spans="14:14">
      <c r="N250828" s="10"/>
    </row>
    <row r="250829" spans="14:14">
      <c r="N250829" s="10"/>
    </row>
    <row r="250830" spans="14:14">
      <c r="N250830" s="10"/>
    </row>
    <row r="250831" spans="14:14">
      <c r="N250831" s="10"/>
    </row>
    <row r="250832" spans="14:14">
      <c r="N250832" s="10"/>
    </row>
    <row r="250833" spans="14:14">
      <c r="N250833" s="10"/>
    </row>
    <row r="250834" spans="14:14">
      <c r="N250834" s="10"/>
    </row>
    <row r="250835" spans="14:14">
      <c r="N250835" s="10"/>
    </row>
    <row r="250836" spans="14:14">
      <c r="N250836" s="10"/>
    </row>
    <row r="250837" spans="14:14">
      <c r="N250837" s="10"/>
    </row>
    <row r="250838" spans="14:14">
      <c r="N250838" s="10"/>
    </row>
    <row r="250839" spans="14:14">
      <c r="N250839" s="10"/>
    </row>
    <row r="250840" spans="14:14">
      <c r="N250840" s="10"/>
    </row>
    <row r="250841" spans="14:14">
      <c r="N250841" s="10"/>
    </row>
    <row r="250842" spans="14:14">
      <c r="N250842" s="10"/>
    </row>
    <row r="250843" spans="14:14">
      <c r="N250843" s="10"/>
    </row>
    <row r="250844" spans="14:14">
      <c r="N250844" s="10"/>
    </row>
    <row r="250845" spans="14:14">
      <c r="N250845" s="10"/>
    </row>
    <row r="250846" spans="14:14">
      <c r="N250846" s="10"/>
    </row>
    <row r="250847" spans="14:14">
      <c r="N250847" s="10"/>
    </row>
    <row r="250848" spans="14:14">
      <c r="N250848" s="10"/>
    </row>
    <row r="250849" spans="14:14">
      <c r="N250849" s="10"/>
    </row>
    <row r="250850" spans="14:14">
      <c r="N250850" s="10"/>
    </row>
    <row r="250851" spans="14:14">
      <c r="N250851" s="10"/>
    </row>
    <row r="250852" spans="14:14">
      <c r="N250852" s="10"/>
    </row>
    <row r="250853" spans="14:14">
      <c r="N250853" s="10"/>
    </row>
    <row r="250854" spans="14:14">
      <c r="N250854" s="10"/>
    </row>
    <row r="250855" spans="14:14">
      <c r="N250855" s="10"/>
    </row>
    <row r="250856" spans="14:14">
      <c r="N250856" s="10"/>
    </row>
    <row r="250857" spans="14:14">
      <c r="N250857" s="10"/>
    </row>
    <row r="250858" spans="14:14">
      <c r="N250858" s="10"/>
    </row>
    <row r="250859" spans="14:14">
      <c r="N250859" s="10"/>
    </row>
    <row r="250860" spans="14:14">
      <c r="N250860" s="10"/>
    </row>
    <row r="250861" spans="14:14">
      <c r="N250861" s="10"/>
    </row>
    <row r="250862" spans="14:14">
      <c r="N250862" s="10"/>
    </row>
    <row r="250863" spans="14:14">
      <c r="N250863" s="10"/>
    </row>
    <row r="250864" spans="14:14">
      <c r="N250864" s="10"/>
    </row>
    <row r="250865" spans="14:14">
      <c r="N250865" s="10"/>
    </row>
    <row r="250866" spans="14:14">
      <c r="N250866" s="10"/>
    </row>
    <row r="250867" spans="14:14">
      <c r="N250867" s="10"/>
    </row>
    <row r="250868" spans="14:14">
      <c r="N250868" s="10"/>
    </row>
    <row r="250869" spans="14:14">
      <c r="N250869" s="10"/>
    </row>
    <row r="250870" spans="14:14">
      <c r="N250870" s="10"/>
    </row>
    <row r="250871" spans="14:14">
      <c r="N250871" s="10"/>
    </row>
    <row r="250872" spans="14:14">
      <c r="N250872" s="10"/>
    </row>
    <row r="250873" spans="14:14">
      <c r="N250873" s="10"/>
    </row>
    <row r="250874" spans="14:14">
      <c r="N250874" s="10"/>
    </row>
    <row r="250875" spans="14:14">
      <c r="N250875" s="10"/>
    </row>
    <row r="250876" spans="14:14">
      <c r="N250876" s="10"/>
    </row>
    <row r="250877" spans="14:14">
      <c r="N250877" s="10"/>
    </row>
    <row r="250878" spans="14:14">
      <c r="N250878" s="10"/>
    </row>
    <row r="250879" spans="14:14">
      <c r="N250879" s="10"/>
    </row>
    <row r="250880" spans="14:14">
      <c r="N250880" s="10"/>
    </row>
    <row r="250881" spans="14:14">
      <c r="N250881" s="10"/>
    </row>
    <row r="250882" spans="14:14">
      <c r="N250882" s="10"/>
    </row>
    <row r="250883" spans="14:14">
      <c r="N250883" s="10"/>
    </row>
    <row r="250884" spans="14:14">
      <c r="N250884" s="10"/>
    </row>
    <row r="250885" spans="14:14">
      <c r="N250885" s="10"/>
    </row>
    <row r="250886" spans="14:14">
      <c r="N250886" s="10"/>
    </row>
    <row r="250887" spans="14:14">
      <c r="N250887" s="10"/>
    </row>
    <row r="250888" spans="14:14">
      <c r="N250888" s="10"/>
    </row>
    <row r="250889" spans="14:14">
      <c r="N250889" s="10"/>
    </row>
    <row r="250890" spans="14:14">
      <c r="N250890" s="10"/>
    </row>
    <row r="250891" spans="14:14">
      <c r="N250891" s="10"/>
    </row>
    <row r="250892" spans="14:14">
      <c r="N250892" s="10"/>
    </row>
    <row r="250893" spans="14:14">
      <c r="N250893" s="10"/>
    </row>
    <row r="250894" spans="14:14">
      <c r="N250894" s="10"/>
    </row>
    <row r="250895" spans="14:14">
      <c r="N250895" s="10"/>
    </row>
    <row r="250896" spans="14:14">
      <c r="N250896" s="10"/>
    </row>
    <row r="250897" spans="14:14">
      <c r="N250897" s="10"/>
    </row>
    <row r="250898" spans="14:14">
      <c r="N250898" s="10"/>
    </row>
    <row r="250899" spans="14:14">
      <c r="N250899" s="10"/>
    </row>
    <row r="250900" spans="14:14">
      <c r="N250900" s="10"/>
    </row>
    <row r="250901" spans="14:14">
      <c r="N250901" s="10"/>
    </row>
    <row r="250902" spans="14:14">
      <c r="N250902" s="10"/>
    </row>
    <row r="250903" spans="14:14">
      <c r="N250903" s="10"/>
    </row>
    <row r="250904" spans="14:14">
      <c r="N250904" s="10"/>
    </row>
    <row r="250905" spans="14:14">
      <c r="N250905" s="10"/>
    </row>
    <row r="250906" spans="14:14">
      <c r="N250906" s="10"/>
    </row>
    <row r="250907" spans="14:14">
      <c r="N250907" s="10"/>
    </row>
    <row r="250908" spans="14:14">
      <c r="N250908" s="10"/>
    </row>
    <row r="250909" spans="14:14">
      <c r="N250909" s="10"/>
    </row>
    <row r="250910" spans="14:14">
      <c r="N250910" s="10"/>
    </row>
    <row r="250911" spans="14:14">
      <c r="N250911" s="10"/>
    </row>
    <row r="250912" spans="14:14">
      <c r="N250912" s="10"/>
    </row>
    <row r="250913" spans="14:14">
      <c r="N250913" s="10"/>
    </row>
    <row r="250914" spans="14:14">
      <c r="N250914" s="10"/>
    </row>
    <row r="250915" spans="14:14">
      <c r="N250915" s="10"/>
    </row>
    <row r="250916" spans="14:14">
      <c r="N250916" s="10"/>
    </row>
    <row r="250917" spans="14:14">
      <c r="N250917" s="10"/>
    </row>
    <row r="250918" spans="14:14">
      <c r="N250918" s="10"/>
    </row>
    <row r="250919" spans="14:14">
      <c r="N250919" s="10"/>
    </row>
    <row r="250920" spans="14:14">
      <c r="N250920" s="10"/>
    </row>
    <row r="250921" spans="14:14">
      <c r="N250921" s="10"/>
    </row>
    <row r="250922" spans="14:14">
      <c r="N250922" s="10"/>
    </row>
    <row r="250923" spans="14:14">
      <c r="N250923" s="10"/>
    </row>
    <row r="250924" spans="14:14">
      <c r="N250924" s="10"/>
    </row>
    <row r="250925" spans="14:14">
      <c r="N250925" s="10"/>
    </row>
    <row r="250926" spans="14:14">
      <c r="N250926" s="10"/>
    </row>
    <row r="250927" spans="14:14">
      <c r="N250927" s="10"/>
    </row>
    <row r="250928" spans="14:14">
      <c r="N250928" s="10"/>
    </row>
    <row r="250929" spans="14:14">
      <c r="N250929" s="10"/>
    </row>
    <row r="250930" spans="14:14">
      <c r="N250930" s="10"/>
    </row>
    <row r="250931" spans="14:14">
      <c r="N250931" s="10"/>
    </row>
    <row r="250932" spans="14:14">
      <c r="N250932" s="10"/>
    </row>
    <row r="250933" spans="14:14">
      <c r="N250933" s="10"/>
    </row>
    <row r="250934" spans="14:14">
      <c r="N250934" s="10"/>
    </row>
    <row r="250935" spans="14:14">
      <c r="N250935" s="10"/>
    </row>
    <row r="250936" spans="14:14">
      <c r="N250936" s="10"/>
    </row>
    <row r="250937" spans="14:14">
      <c r="N250937" s="10"/>
    </row>
    <row r="250938" spans="14:14">
      <c r="N250938" s="10"/>
    </row>
    <row r="250939" spans="14:14">
      <c r="N250939" s="10"/>
    </row>
    <row r="250940" spans="14:14">
      <c r="N250940" s="10"/>
    </row>
    <row r="250941" spans="14:14">
      <c r="N250941" s="10"/>
    </row>
    <row r="250942" spans="14:14">
      <c r="N250942" s="10"/>
    </row>
    <row r="250943" spans="14:14">
      <c r="N250943" s="10"/>
    </row>
    <row r="250944" spans="14:14">
      <c r="N250944" s="10"/>
    </row>
    <row r="250945" spans="14:14">
      <c r="N250945" s="10"/>
    </row>
    <row r="250946" spans="14:14">
      <c r="N250946" s="10"/>
    </row>
    <row r="250947" spans="14:14">
      <c r="N250947" s="10"/>
    </row>
    <row r="250948" spans="14:14">
      <c r="N250948" s="10"/>
    </row>
    <row r="250949" spans="14:14">
      <c r="N250949" s="10"/>
    </row>
    <row r="250950" spans="14:14">
      <c r="N250950" s="10"/>
    </row>
    <row r="250951" spans="14:14">
      <c r="N250951" s="10"/>
    </row>
    <row r="250952" spans="14:14">
      <c r="N250952" s="10"/>
    </row>
    <row r="250953" spans="14:14">
      <c r="N250953" s="10"/>
    </row>
    <row r="250954" spans="14:14">
      <c r="N250954" s="10"/>
    </row>
    <row r="250955" spans="14:14">
      <c r="N250955" s="10"/>
    </row>
    <row r="250956" spans="14:14">
      <c r="N250956" s="10"/>
    </row>
    <row r="250957" spans="14:14">
      <c r="N250957" s="10"/>
    </row>
    <row r="250958" spans="14:14">
      <c r="N250958" s="10"/>
    </row>
    <row r="250959" spans="14:14">
      <c r="N250959" s="10"/>
    </row>
    <row r="250960" spans="14:14">
      <c r="N250960" s="10"/>
    </row>
    <row r="250961" spans="14:14">
      <c r="N250961" s="10"/>
    </row>
    <row r="250962" spans="14:14">
      <c r="N250962" s="10"/>
    </row>
    <row r="250963" spans="14:14">
      <c r="N250963" s="10"/>
    </row>
    <row r="250964" spans="14:14">
      <c r="N250964" s="10"/>
    </row>
    <row r="250965" spans="14:14">
      <c r="N250965" s="10"/>
    </row>
    <row r="250966" spans="14:14">
      <c r="N250966" s="10"/>
    </row>
    <row r="250967" spans="14:14">
      <c r="N250967" s="10"/>
    </row>
    <row r="250968" spans="14:14">
      <c r="N250968" s="10"/>
    </row>
    <row r="250969" spans="14:14">
      <c r="N250969" s="10"/>
    </row>
    <row r="250970" spans="14:14">
      <c r="N250970" s="10"/>
    </row>
    <row r="250971" spans="14:14">
      <c r="N250971" s="10"/>
    </row>
    <row r="250972" spans="14:14">
      <c r="N250972" s="10"/>
    </row>
    <row r="250973" spans="14:14">
      <c r="N250973" s="10"/>
    </row>
    <row r="250974" spans="14:14">
      <c r="N250974" s="10"/>
    </row>
    <row r="250975" spans="14:14">
      <c r="N250975" s="10"/>
    </row>
    <row r="250976" spans="14:14">
      <c r="N250976" s="10"/>
    </row>
    <row r="250977" spans="14:14">
      <c r="N250977" s="10"/>
    </row>
    <row r="250978" spans="14:14">
      <c r="N250978" s="10"/>
    </row>
    <row r="250979" spans="14:14">
      <c r="N250979" s="10"/>
    </row>
    <row r="250980" spans="14:14">
      <c r="N250980" s="10"/>
    </row>
    <row r="250981" spans="14:14">
      <c r="N250981" s="10"/>
    </row>
    <row r="250982" spans="14:14">
      <c r="N250982" s="10"/>
    </row>
    <row r="250983" spans="14:14">
      <c r="N250983" s="10"/>
    </row>
    <row r="250984" spans="14:14">
      <c r="N250984" s="10"/>
    </row>
    <row r="250985" spans="14:14">
      <c r="N250985" s="10"/>
    </row>
    <row r="250986" spans="14:14">
      <c r="N250986" s="10"/>
    </row>
    <row r="250987" spans="14:14">
      <c r="N250987" s="10"/>
    </row>
    <row r="250988" spans="14:14">
      <c r="N250988" s="10"/>
    </row>
    <row r="250989" spans="14:14">
      <c r="N250989" s="10"/>
    </row>
    <row r="250990" spans="14:14">
      <c r="N250990" s="10"/>
    </row>
    <row r="250991" spans="14:14">
      <c r="N250991" s="10"/>
    </row>
    <row r="250992" spans="14:14">
      <c r="N250992" s="10"/>
    </row>
    <row r="250993" spans="14:14">
      <c r="N250993" s="10"/>
    </row>
    <row r="250994" spans="14:14">
      <c r="N250994" s="10"/>
    </row>
    <row r="250995" spans="14:14">
      <c r="N250995" s="10"/>
    </row>
    <row r="250996" spans="14:14">
      <c r="N250996" s="10"/>
    </row>
    <row r="250997" spans="14:14">
      <c r="N250997" s="10"/>
    </row>
    <row r="250998" spans="14:14">
      <c r="N250998" s="10"/>
    </row>
    <row r="250999" spans="14:14">
      <c r="N250999" s="10"/>
    </row>
    <row r="251000" spans="14:14">
      <c r="N251000" s="10"/>
    </row>
    <row r="251001" spans="14:14">
      <c r="N251001" s="10"/>
    </row>
    <row r="251002" spans="14:14">
      <c r="N251002" s="10"/>
    </row>
    <row r="251003" spans="14:14">
      <c r="N251003" s="10"/>
    </row>
    <row r="251004" spans="14:14">
      <c r="N251004" s="10"/>
    </row>
    <row r="251005" spans="14:14">
      <c r="N251005" s="10"/>
    </row>
    <row r="251006" spans="14:14">
      <c r="N251006" s="10"/>
    </row>
    <row r="251007" spans="14:14">
      <c r="N251007" s="10"/>
    </row>
    <row r="251008" spans="14:14">
      <c r="N251008" s="10"/>
    </row>
    <row r="251009" spans="14:14">
      <c r="N251009" s="10"/>
    </row>
    <row r="251010" spans="14:14">
      <c r="N251010" s="10"/>
    </row>
    <row r="251011" spans="14:14">
      <c r="N251011" s="10"/>
    </row>
    <row r="251012" spans="14:14">
      <c r="N251012" s="10"/>
    </row>
    <row r="251013" spans="14:14">
      <c r="N251013" s="10"/>
    </row>
    <row r="251014" spans="14:14">
      <c r="N251014" s="10"/>
    </row>
    <row r="251015" spans="14:14">
      <c r="N251015" s="10"/>
    </row>
    <row r="251016" spans="14:14">
      <c r="N251016" s="10"/>
    </row>
    <row r="251017" spans="14:14">
      <c r="N251017" s="10"/>
    </row>
    <row r="251018" spans="14:14">
      <c r="N251018" s="10"/>
    </row>
    <row r="251019" spans="14:14">
      <c r="N251019" s="10"/>
    </row>
    <row r="251020" spans="14:14">
      <c r="N251020" s="10"/>
    </row>
    <row r="251021" spans="14:14">
      <c r="N251021" s="10"/>
    </row>
    <row r="251022" spans="14:14">
      <c r="N251022" s="10"/>
    </row>
    <row r="251023" spans="14:14">
      <c r="N251023" s="10"/>
    </row>
    <row r="251024" spans="14:14">
      <c r="N251024" s="10"/>
    </row>
    <row r="251025" spans="14:14">
      <c r="N251025" s="10"/>
    </row>
    <row r="251026" spans="14:14">
      <c r="N251026" s="10"/>
    </row>
    <row r="251027" spans="14:14">
      <c r="N251027" s="10"/>
    </row>
    <row r="251028" spans="14:14">
      <c r="N251028" s="10"/>
    </row>
    <row r="251029" spans="14:14">
      <c r="N251029" s="10"/>
    </row>
    <row r="251030" spans="14:14">
      <c r="N251030" s="10"/>
    </row>
    <row r="251031" spans="14:14">
      <c r="N251031" s="10"/>
    </row>
    <row r="251032" spans="14:14">
      <c r="N251032" s="10"/>
    </row>
    <row r="251033" spans="14:14">
      <c r="N251033" s="10"/>
    </row>
    <row r="251034" spans="14:14">
      <c r="N251034" s="10"/>
    </row>
    <row r="251035" spans="14:14">
      <c r="N251035" s="10"/>
    </row>
    <row r="251036" spans="14:14">
      <c r="N251036" s="10"/>
    </row>
    <row r="251037" spans="14:14">
      <c r="N251037" s="10"/>
    </row>
    <row r="251038" spans="14:14">
      <c r="N251038" s="10"/>
    </row>
    <row r="251039" spans="14:14">
      <c r="N251039" s="10"/>
    </row>
    <row r="251040" spans="14:14">
      <c r="N251040" s="10"/>
    </row>
    <row r="251041" spans="14:14">
      <c r="N251041" s="10"/>
    </row>
    <row r="251042" spans="14:14">
      <c r="N251042" s="10"/>
    </row>
    <row r="251043" spans="14:14">
      <c r="N251043" s="10"/>
    </row>
    <row r="251044" spans="14:14">
      <c r="N251044" s="10"/>
    </row>
    <row r="251045" spans="14:14">
      <c r="N251045" s="10"/>
    </row>
    <row r="251046" spans="14:14">
      <c r="N251046" s="10"/>
    </row>
    <row r="251047" spans="14:14">
      <c r="N251047" s="10"/>
    </row>
    <row r="251048" spans="14:14">
      <c r="N251048" s="10"/>
    </row>
    <row r="251049" spans="14:14">
      <c r="N251049" s="10"/>
    </row>
    <row r="251050" spans="14:14">
      <c r="N251050" s="10"/>
    </row>
    <row r="251051" spans="14:14">
      <c r="N251051" s="10"/>
    </row>
    <row r="251052" spans="14:14">
      <c r="N251052" s="10"/>
    </row>
    <row r="251053" spans="14:14">
      <c r="N251053" s="10"/>
    </row>
    <row r="251054" spans="14:14">
      <c r="N251054" s="10"/>
    </row>
    <row r="251055" spans="14:14">
      <c r="N251055" s="10"/>
    </row>
    <row r="251056" spans="14:14">
      <c r="N251056" s="10"/>
    </row>
    <row r="251057" spans="14:14">
      <c r="N251057" s="10"/>
    </row>
    <row r="251058" spans="14:14">
      <c r="N251058" s="10"/>
    </row>
    <row r="251059" spans="14:14">
      <c r="N251059" s="10"/>
    </row>
    <row r="251060" spans="14:14">
      <c r="N251060" s="10"/>
    </row>
    <row r="251061" spans="14:14">
      <c r="N251061" s="10"/>
    </row>
    <row r="251062" spans="14:14">
      <c r="N251062" s="10"/>
    </row>
    <row r="251063" spans="14:14">
      <c r="N251063" s="10"/>
    </row>
    <row r="251064" spans="14:14">
      <c r="N251064" s="10"/>
    </row>
    <row r="251065" spans="14:14">
      <c r="N251065" s="10"/>
    </row>
    <row r="251066" spans="14:14">
      <c r="N251066" s="10"/>
    </row>
    <row r="251067" spans="14:14">
      <c r="N251067" s="10"/>
    </row>
    <row r="251068" spans="14:14">
      <c r="N251068" s="10"/>
    </row>
    <row r="251069" spans="14:14">
      <c r="N251069" s="10"/>
    </row>
    <row r="251070" spans="14:14">
      <c r="N251070" s="10"/>
    </row>
    <row r="251071" spans="14:14">
      <c r="N251071" s="10"/>
    </row>
    <row r="251072" spans="14:14">
      <c r="N251072" s="10"/>
    </row>
    <row r="251073" spans="14:14">
      <c r="N251073" s="10"/>
    </row>
    <row r="251074" spans="14:14">
      <c r="N251074" s="10"/>
    </row>
    <row r="251075" spans="14:14">
      <c r="N251075" s="10"/>
    </row>
    <row r="251076" spans="14:14">
      <c r="N251076" s="10"/>
    </row>
    <row r="251077" spans="14:14">
      <c r="N251077" s="10"/>
    </row>
    <row r="251078" spans="14:14">
      <c r="N251078" s="10"/>
    </row>
    <row r="251079" spans="14:14">
      <c r="N251079" s="10"/>
    </row>
    <row r="251080" spans="14:14">
      <c r="N251080" s="10"/>
    </row>
    <row r="251081" spans="14:14">
      <c r="N251081" s="10"/>
    </row>
    <row r="251082" spans="14:14">
      <c r="N251082" s="10"/>
    </row>
    <row r="251083" spans="14:14">
      <c r="N251083" s="10"/>
    </row>
    <row r="251084" spans="14:14">
      <c r="N251084" s="10"/>
    </row>
    <row r="251085" spans="14:14">
      <c r="N251085" s="10"/>
    </row>
    <row r="251086" spans="14:14">
      <c r="N251086" s="10"/>
    </row>
    <row r="251087" spans="14:14">
      <c r="N251087" s="10"/>
    </row>
    <row r="251088" spans="14:14">
      <c r="N251088" s="10"/>
    </row>
    <row r="251089" spans="14:14">
      <c r="N251089" s="10"/>
    </row>
    <row r="251090" spans="14:14">
      <c r="N251090" s="10"/>
    </row>
    <row r="251091" spans="14:14">
      <c r="N251091" s="10"/>
    </row>
    <row r="251092" spans="14:14">
      <c r="N251092" s="10"/>
    </row>
    <row r="251093" spans="14:14">
      <c r="N251093" s="10"/>
    </row>
    <row r="251094" spans="14:14">
      <c r="N251094" s="10"/>
    </row>
    <row r="251095" spans="14:14">
      <c r="N251095" s="10"/>
    </row>
    <row r="251096" spans="14:14">
      <c r="N251096" s="10"/>
    </row>
    <row r="251097" spans="14:14">
      <c r="N251097" s="10"/>
    </row>
    <row r="251098" spans="14:14">
      <c r="N251098" s="10"/>
    </row>
    <row r="251099" spans="14:14">
      <c r="N251099" s="10"/>
    </row>
    <row r="251100" spans="14:14">
      <c r="N251100" s="10"/>
    </row>
    <row r="251101" spans="14:14">
      <c r="N251101" s="10"/>
    </row>
    <row r="251102" spans="14:14">
      <c r="N251102" s="10"/>
    </row>
    <row r="251103" spans="14:14">
      <c r="N251103" s="10"/>
    </row>
    <row r="251104" spans="14:14">
      <c r="N251104" s="10"/>
    </row>
    <row r="251105" spans="14:14">
      <c r="N251105" s="10"/>
    </row>
    <row r="251106" spans="14:14">
      <c r="N251106" s="10"/>
    </row>
    <row r="251107" spans="14:14">
      <c r="N251107" s="10"/>
    </row>
    <row r="251108" spans="14:14">
      <c r="N251108" s="10"/>
    </row>
    <row r="251109" spans="14:14">
      <c r="N251109" s="10"/>
    </row>
    <row r="251110" spans="14:14">
      <c r="N251110" s="10"/>
    </row>
    <row r="251111" spans="14:14">
      <c r="N251111" s="10"/>
    </row>
    <row r="251112" spans="14:14">
      <c r="N251112" s="10"/>
    </row>
    <row r="251113" spans="14:14">
      <c r="N251113" s="10"/>
    </row>
    <row r="251114" spans="14:14">
      <c r="N251114" s="10"/>
    </row>
    <row r="251115" spans="14:14">
      <c r="N251115" s="10"/>
    </row>
    <row r="251116" spans="14:14">
      <c r="N251116" s="10"/>
    </row>
    <row r="251117" spans="14:14">
      <c r="N251117" s="10"/>
    </row>
    <row r="251118" spans="14:14">
      <c r="N251118" s="10"/>
    </row>
    <row r="251119" spans="14:14">
      <c r="N251119" s="10"/>
    </row>
    <row r="251120" spans="14:14">
      <c r="N251120" s="10"/>
    </row>
    <row r="251121" spans="14:14">
      <c r="N251121" s="10"/>
    </row>
    <row r="251122" spans="14:14">
      <c r="N251122" s="10"/>
    </row>
    <row r="251123" spans="14:14">
      <c r="N251123" s="10"/>
    </row>
    <row r="251124" spans="14:14">
      <c r="N251124" s="10"/>
    </row>
    <row r="251125" spans="14:14">
      <c r="N251125" s="10"/>
    </row>
    <row r="251126" spans="14:14">
      <c r="N251126" s="10"/>
    </row>
    <row r="251127" spans="14:14">
      <c r="N251127" s="10"/>
    </row>
    <row r="251128" spans="14:14">
      <c r="N251128" s="10"/>
    </row>
    <row r="251129" spans="14:14">
      <c r="N251129" s="10"/>
    </row>
    <row r="251130" spans="14:14">
      <c r="N251130" s="10"/>
    </row>
    <row r="251131" spans="14:14">
      <c r="N251131" s="10"/>
    </row>
    <row r="251132" spans="14:14">
      <c r="N251132" s="10"/>
    </row>
    <row r="251133" spans="14:14">
      <c r="N251133" s="10"/>
    </row>
    <row r="251134" spans="14:14">
      <c r="N251134" s="10"/>
    </row>
    <row r="251135" spans="14:14">
      <c r="N251135" s="10"/>
    </row>
    <row r="251136" spans="14:14">
      <c r="N251136" s="10"/>
    </row>
    <row r="251137" spans="14:14">
      <c r="N251137" s="10"/>
    </row>
    <row r="251138" spans="14:14">
      <c r="N251138" s="10"/>
    </row>
    <row r="251139" spans="14:14">
      <c r="N251139" s="10"/>
    </row>
    <row r="251140" spans="14:14">
      <c r="N251140" s="10"/>
    </row>
    <row r="251141" spans="14:14">
      <c r="N251141" s="10"/>
    </row>
    <row r="251142" spans="14:14">
      <c r="N251142" s="10"/>
    </row>
    <row r="251143" spans="14:14">
      <c r="N251143" s="10"/>
    </row>
    <row r="251144" spans="14:14">
      <c r="N251144" s="10"/>
    </row>
    <row r="251145" spans="14:14">
      <c r="N251145" s="10"/>
    </row>
    <row r="251146" spans="14:14">
      <c r="N251146" s="10"/>
    </row>
    <row r="251147" spans="14:14">
      <c r="N251147" s="10"/>
    </row>
    <row r="251148" spans="14:14">
      <c r="N251148" s="10"/>
    </row>
    <row r="251149" spans="14:14">
      <c r="N251149" s="10"/>
    </row>
    <row r="251150" spans="14:14">
      <c r="N251150" s="10"/>
    </row>
    <row r="251151" spans="14:14">
      <c r="N251151" s="10"/>
    </row>
    <row r="251152" spans="14:14">
      <c r="N251152" s="10"/>
    </row>
    <row r="251153" spans="14:14">
      <c r="N251153" s="10"/>
    </row>
    <row r="251154" spans="14:14">
      <c r="N251154" s="10"/>
    </row>
    <row r="251155" spans="14:14">
      <c r="N251155" s="10"/>
    </row>
    <row r="251156" spans="14:14">
      <c r="N251156" s="10"/>
    </row>
    <row r="251157" spans="14:14">
      <c r="N251157" s="10"/>
    </row>
    <row r="251158" spans="14:14">
      <c r="N251158" s="10"/>
    </row>
    <row r="251159" spans="14:14">
      <c r="N251159" s="10"/>
    </row>
    <row r="251160" spans="14:14">
      <c r="N251160" s="10"/>
    </row>
    <row r="251161" spans="14:14">
      <c r="N251161" s="10"/>
    </row>
    <row r="251162" spans="14:14">
      <c r="N251162" s="10"/>
    </row>
    <row r="251163" spans="14:14">
      <c r="N251163" s="10"/>
    </row>
    <row r="251164" spans="14:14">
      <c r="N251164" s="10"/>
    </row>
    <row r="251165" spans="14:14">
      <c r="N251165" s="10"/>
    </row>
    <row r="251166" spans="14:14">
      <c r="N251166" s="10"/>
    </row>
    <row r="251167" spans="14:14">
      <c r="N251167" s="10"/>
    </row>
    <row r="251168" spans="14:14">
      <c r="N251168" s="10"/>
    </row>
    <row r="251169" spans="14:14">
      <c r="N251169" s="10"/>
    </row>
    <row r="251170" spans="14:14">
      <c r="N251170" s="10"/>
    </row>
    <row r="251171" spans="14:14">
      <c r="N251171" s="10"/>
    </row>
    <row r="251172" spans="14:14">
      <c r="N251172" s="10"/>
    </row>
    <row r="251173" spans="14:14">
      <c r="N251173" s="10"/>
    </row>
    <row r="251174" spans="14:14">
      <c r="N251174" s="10"/>
    </row>
    <row r="251175" spans="14:14">
      <c r="N251175" s="10"/>
    </row>
    <row r="251176" spans="14:14">
      <c r="N251176" s="10"/>
    </row>
    <row r="251177" spans="14:14">
      <c r="N251177" s="10"/>
    </row>
    <row r="251178" spans="14:14">
      <c r="N251178" s="10"/>
    </row>
    <row r="251179" spans="14:14">
      <c r="N251179" s="10"/>
    </row>
    <row r="251180" spans="14:14">
      <c r="N251180" s="10"/>
    </row>
    <row r="251181" spans="14:14">
      <c r="N251181" s="10"/>
    </row>
    <row r="251182" spans="14:14">
      <c r="N251182" s="10"/>
    </row>
    <row r="251183" spans="14:14">
      <c r="N251183" s="10"/>
    </row>
    <row r="251184" spans="14:14">
      <c r="N251184" s="10"/>
    </row>
    <row r="251185" spans="14:14">
      <c r="N251185" s="10"/>
    </row>
    <row r="251186" spans="14:14">
      <c r="N251186" s="10"/>
    </row>
    <row r="251187" spans="14:14">
      <c r="N251187" s="10"/>
    </row>
    <row r="251188" spans="14:14">
      <c r="N251188" s="10"/>
    </row>
    <row r="251189" spans="14:14">
      <c r="N251189" s="10"/>
    </row>
    <row r="251190" spans="14:14">
      <c r="N251190" s="10"/>
    </row>
    <row r="251191" spans="14:14">
      <c r="N251191" s="10"/>
    </row>
    <row r="251192" spans="14:14">
      <c r="N251192" s="10"/>
    </row>
    <row r="251193" spans="14:14">
      <c r="N251193" s="10"/>
    </row>
    <row r="251194" spans="14:14">
      <c r="N251194" s="10"/>
    </row>
    <row r="251195" spans="14:14">
      <c r="N251195" s="10"/>
    </row>
    <row r="251196" spans="14:14">
      <c r="N251196" s="10"/>
    </row>
    <row r="251197" spans="14:14">
      <c r="N251197" s="10"/>
    </row>
    <row r="251198" spans="14:14">
      <c r="N251198" s="10"/>
    </row>
    <row r="251199" spans="14:14">
      <c r="N251199" s="10"/>
    </row>
    <row r="251200" spans="14:14">
      <c r="N251200" s="10"/>
    </row>
    <row r="251201" spans="14:14">
      <c r="N251201" s="10"/>
    </row>
    <row r="251202" spans="14:14">
      <c r="N251202" s="10"/>
    </row>
    <row r="251203" spans="14:14">
      <c r="N251203" s="10"/>
    </row>
    <row r="251204" spans="14:14">
      <c r="N251204" s="10"/>
    </row>
    <row r="251205" spans="14:14">
      <c r="N251205" s="10"/>
    </row>
    <row r="251206" spans="14:14">
      <c r="N251206" s="10"/>
    </row>
    <row r="251207" spans="14:14">
      <c r="N251207" s="10"/>
    </row>
    <row r="251208" spans="14:14">
      <c r="N251208" s="10"/>
    </row>
    <row r="251209" spans="14:14">
      <c r="N251209" s="10"/>
    </row>
    <row r="251210" spans="14:14">
      <c r="N251210" s="10"/>
    </row>
    <row r="251211" spans="14:14">
      <c r="N251211" s="10"/>
    </row>
    <row r="251212" spans="14:14">
      <c r="N251212" s="10"/>
    </row>
    <row r="251213" spans="14:14">
      <c r="N251213" s="10"/>
    </row>
    <row r="251214" spans="14:14">
      <c r="N251214" s="10"/>
    </row>
    <row r="251215" spans="14:14">
      <c r="N251215" s="10"/>
    </row>
    <row r="251216" spans="14:14">
      <c r="N251216" s="10"/>
    </row>
    <row r="251217" spans="14:14">
      <c r="N251217" s="10"/>
    </row>
    <row r="251218" spans="14:14">
      <c r="N251218" s="10"/>
    </row>
    <row r="251219" spans="14:14">
      <c r="N251219" s="10"/>
    </row>
    <row r="251220" spans="14:14">
      <c r="N251220" s="10"/>
    </row>
    <row r="251221" spans="14:14">
      <c r="N251221" s="10"/>
    </row>
    <row r="251222" spans="14:14">
      <c r="N251222" s="10"/>
    </row>
    <row r="251223" spans="14:14">
      <c r="N251223" s="10"/>
    </row>
    <row r="251224" spans="14:14">
      <c r="N251224" s="10"/>
    </row>
    <row r="251225" spans="14:14">
      <c r="N251225" s="10"/>
    </row>
    <row r="251226" spans="14:14">
      <c r="N251226" s="10"/>
    </row>
    <row r="251227" spans="14:14">
      <c r="N251227" s="10"/>
    </row>
    <row r="251228" spans="14:14">
      <c r="N251228" s="10"/>
    </row>
    <row r="251229" spans="14:14">
      <c r="N251229" s="10"/>
    </row>
    <row r="251230" spans="14:14">
      <c r="N251230" s="10"/>
    </row>
    <row r="251231" spans="14:14">
      <c r="N251231" s="10"/>
    </row>
    <row r="251232" spans="14:14">
      <c r="N251232" s="10"/>
    </row>
    <row r="251233" spans="14:14">
      <c r="N251233" s="10"/>
    </row>
    <row r="251234" spans="14:14">
      <c r="N251234" s="10"/>
    </row>
    <row r="251235" spans="14:14">
      <c r="N251235" s="10"/>
    </row>
    <row r="251236" spans="14:14">
      <c r="N251236" s="10"/>
    </row>
    <row r="251237" spans="14:14">
      <c r="N251237" s="10"/>
    </row>
    <row r="251238" spans="14:14">
      <c r="N251238" s="10"/>
    </row>
    <row r="251239" spans="14:14">
      <c r="N251239" s="10"/>
    </row>
    <row r="251240" spans="14:14">
      <c r="N251240" s="10"/>
    </row>
    <row r="251241" spans="14:14">
      <c r="N251241" s="10"/>
    </row>
    <row r="251242" spans="14:14">
      <c r="N251242" s="10"/>
    </row>
    <row r="251243" spans="14:14">
      <c r="N251243" s="10"/>
    </row>
    <row r="251244" spans="14:14">
      <c r="N251244" s="10"/>
    </row>
    <row r="251245" spans="14:14">
      <c r="N251245" s="10"/>
    </row>
    <row r="251246" spans="14:14">
      <c r="N251246" s="10"/>
    </row>
    <row r="251247" spans="14:14">
      <c r="N251247" s="10"/>
    </row>
    <row r="251248" spans="14:14">
      <c r="N251248" s="10"/>
    </row>
    <row r="251249" spans="14:14">
      <c r="N251249" s="10"/>
    </row>
    <row r="251250" spans="14:14">
      <c r="N251250" s="10"/>
    </row>
    <row r="251251" spans="14:14">
      <c r="N251251" s="10"/>
    </row>
    <row r="251252" spans="14:14">
      <c r="N251252" s="10"/>
    </row>
    <row r="251253" spans="14:14">
      <c r="N251253" s="10"/>
    </row>
    <row r="251254" spans="14:14">
      <c r="N251254" s="10"/>
    </row>
    <row r="251255" spans="14:14">
      <c r="N251255" s="10"/>
    </row>
    <row r="251256" spans="14:14">
      <c r="N251256" s="10"/>
    </row>
    <row r="251257" spans="14:14">
      <c r="N251257" s="10"/>
    </row>
    <row r="251258" spans="14:14">
      <c r="N251258" s="10"/>
    </row>
    <row r="251259" spans="14:14">
      <c r="N251259" s="10"/>
    </row>
    <row r="251260" spans="14:14">
      <c r="N251260" s="10"/>
    </row>
    <row r="251261" spans="14:14">
      <c r="N251261" s="10"/>
    </row>
    <row r="251262" spans="14:14">
      <c r="N251262" s="10"/>
    </row>
    <row r="251263" spans="14:14">
      <c r="N251263" s="10"/>
    </row>
    <row r="251264" spans="14:14">
      <c r="N251264" s="10"/>
    </row>
    <row r="251265" spans="14:14">
      <c r="N251265" s="10"/>
    </row>
    <row r="251266" spans="14:14">
      <c r="N251266" s="10"/>
    </row>
    <row r="251267" spans="14:14">
      <c r="N251267" s="10"/>
    </row>
    <row r="251268" spans="14:14">
      <c r="N251268" s="10"/>
    </row>
    <row r="251269" spans="14:14">
      <c r="N251269" s="10"/>
    </row>
    <row r="251270" spans="14:14">
      <c r="N251270" s="10"/>
    </row>
    <row r="251271" spans="14:14">
      <c r="N251271" s="10"/>
    </row>
    <row r="251272" spans="14:14">
      <c r="N251272" s="10"/>
    </row>
    <row r="251273" spans="14:14">
      <c r="N251273" s="10"/>
    </row>
    <row r="251274" spans="14:14">
      <c r="N251274" s="10"/>
    </row>
    <row r="251275" spans="14:14">
      <c r="N251275" s="10"/>
    </row>
    <row r="251276" spans="14:14">
      <c r="N251276" s="10"/>
    </row>
    <row r="251277" spans="14:14">
      <c r="N251277" s="10"/>
    </row>
    <row r="251278" spans="14:14">
      <c r="N251278" s="10"/>
    </row>
    <row r="251279" spans="14:14">
      <c r="N251279" s="10"/>
    </row>
    <row r="251280" spans="14:14">
      <c r="N251280" s="10"/>
    </row>
    <row r="251281" spans="14:14">
      <c r="N251281" s="10"/>
    </row>
    <row r="251282" spans="14:14">
      <c r="N251282" s="10"/>
    </row>
    <row r="251283" spans="14:14">
      <c r="N251283" s="10"/>
    </row>
    <row r="251284" spans="14:14">
      <c r="N251284" s="10"/>
    </row>
    <row r="251285" spans="14:14">
      <c r="N251285" s="10"/>
    </row>
    <row r="251286" spans="14:14">
      <c r="N251286" s="10"/>
    </row>
    <row r="251287" spans="14:14">
      <c r="N251287" s="10"/>
    </row>
    <row r="251288" spans="14:14">
      <c r="N251288" s="10"/>
    </row>
    <row r="251289" spans="14:14">
      <c r="N251289" s="10"/>
    </row>
    <row r="251290" spans="14:14">
      <c r="N251290" s="10"/>
    </row>
    <row r="251291" spans="14:14">
      <c r="N251291" s="10"/>
    </row>
    <row r="251292" spans="14:14">
      <c r="N251292" s="10"/>
    </row>
    <row r="251293" spans="14:14">
      <c r="N251293" s="10"/>
    </row>
    <row r="251294" spans="14:14">
      <c r="N251294" s="10"/>
    </row>
    <row r="251295" spans="14:14">
      <c r="N251295" s="10"/>
    </row>
    <row r="251296" spans="14:14">
      <c r="N251296" s="10"/>
    </row>
    <row r="251297" spans="14:14">
      <c r="N251297" s="10"/>
    </row>
    <row r="251298" spans="14:14">
      <c r="N251298" s="10"/>
    </row>
    <row r="251299" spans="14:14">
      <c r="N251299" s="10"/>
    </row>
    <row r="251300" spans="14:14">
      <c r="N251300" s="10"/>
    </row>
    <row r="251301" spans="14:14">
      <c r="N251301" s="10"/>
    </row>
    <row r="251302" spans="14:14">
      <c r="N251302" s="10"/>
    </row>
    <row r="251303" spans="14:14">
      <c r="N251303" s="10"/>
    </row>
    <row r="251304" spans="14:14">
      <c r="N251304" s="10"/>
    </row>
    <row r="251305" spans="14:14">
      <c r="N251305" s="10"/>
    </row>
    <row r="251306" spans="14:14">
      <c r="N251306" s="10"/>
    </row>
    <row r="251307" spans="14:14">
      <c r="N251307" s="10"/>
    </row>
    <row r="251308" spans="14:14">
      <c r="N251308" s="10"/>
    </row>
    <row r="251309" spans="14:14">
      <c r="N251309" s="10"/>
    </row>
    <row r="251310" spans="14:14">
      <c r="N251310" s="10"/>
    </row>
    <row r="251311" spans="14:14">
      <c r="N251311" s="10"/>
    </row>
    <row r="251312" spans="14:14">
      <c r="N251312" s="10"/>
    </row>
    <row r="251313" spans="14:14">
      <c r="N251313" s="10"/>
    </row>
    <row r="251314" spans="14:14">
      <c r="N251314" s="10"/>
    </row>
    <row r="251315" spans="14:14">
      <c r="N251315" s="10"/>
    </row>
    <row r="251316" spans="14:14">
      <c r="N251316" s="10"/>
    </row>
    <row r="251317" spans="14:14">
      <c r="N251317" s="10"/>
    </row>
    <row r="251318" spans="14:14">
      <c r="N251318" s="10"/>
    </row>
    <row r="251319" spans="14:14">
      <c r="N251319" s="10"/>
    </row>
    <row r="251320" spans="14:14">
      <c r="N251320" s="10"/>
    </row>
    <row r="251321" spans="14:14">
      <c r="N251321" s="10"/>
    </row>
    <row r="251322" spans="14:14">
      <c r="N251322" s="10"/>
    </row>
    <row r="251323" spans="14:14">
      <c r="N251323" s="10"/>
    </row>
    <row r="251324" spans="14:14">
      <c r="N251324" s="10"/>
    </row>
    <row r="251325" spans="14:14">
      <c r="N251325" s="10"/>
    </row>
    <row r="251326" spans="14:14">
      <c r="N251326" s="10"/>
    </row>
    <row r="251327" spans="14:14">
      <c r="N251327" s="10"/>
    </row>
    <row r="251328" spans="14:14">
      <c r="N251328" s="10"/>
    </row>
    <row r="251329" spans="14:14">
      <c r="N251329" s="10"/>
    </row>
    <row r="251330" spans="14:14">
      <c r="N251330" s="10"/>
    </row>
    <row r="251331" spans="14:14">
      <c r="N251331" s="10"/>
    </row>
    <row r="251332" spans="14:14">
      <c r="N251332" s="10"/>
    </row>
    <row r="251333" spans="14:14">
      <c r="N251333" s="10"/>
    </row>
    <row r="251334" spans="14:14">
      <c r="N251334" s="10"/>
    </row>
    <row r="251335" spans="14:14">
      <c r="N251335" s="10"/>
    </row>
    <row r="251336" spans="14:14">
      <c r="N251336" s="10"/>
    </row>
    <row r="251337" spans="14:14">
      <c r="N251337" s="10"/>
    </row>
    <row r="251338" spans="14:14">
      <c r="N251338" s="10"/>
    </row>
    <row r="251339" spans="14:14">
      <c r="N251339" s="10"/>
    </row>
    <row r="251340" spans="14:14">
      <c r="N251340" s="10"/>
    </row>
    <row r="251341" spans="14:14">
      <c r="N251341" s="10"/>
    </row>
    <row r="251342" spans="14:14">
      <c r="N251342" s="10"/>
    </row>
    <row r="251343" spans="14:14">
      <c r="N251343" s="10"/>
    </row>
    <row r="251344" spans="14:14">
      <c r="N251344" s="10"/>
    </row>
    <row r="251345" spans="14:14">
      <c r="N251345" s="10"/>
    </row>
    <row r="251346" spans="14:14">
      <c r="N251346" s="10"/>
    </row>
    <row r="251347" spans="14:14">
      <c r="N251347" s="10"/>
    </row>
    <row r="251348" spans="14:14">
      <c r="N251348" s="10"/>
    </row>
    <row r="251349" spans="14:14">
      <c r="N251349" s="10"/>
    </row>
    <row r="251350" spans="14:14">
      <c r="N251350" s="10"/>
    </row>
    <row r="251351" spans="14:14">
      <c r="N251351" s="10"/>
    </row>
    <row r="251352" spans="14:14">
      <c r="N251352" s="10"/>
    </row>
    <row r="251353" spans="14:14">
      <c r="N251353" s="10"/>
    </row>
    <row r="251354" spans="14:14">
      <c r="N251354" s="10"/>
    </row>
    <row r="251355" spans="14:14">
      <c r="N251355" s="10"/>
    </row>
    <row r="251356" spans="14:14">
      <c r="N251356" s="10"/>
    </row>
    <row r="251357" spans="14:14">
      <c r="N251357" s="10"/>
    </row>
    <row r="251358" spans="14:14">
      <c r="N251358" s="10"/>
    </row>
    <row r="251359" spans="14:14">
      <c r="N251359" s="10"/>
    </row>
    <row r="251360" spans="14:14">
      <c r="N251360" s="10"/>
    </row>
    <row r="251361" spans="14:14">
      <c r="N251361" s="10"/>
    </row>
    <row r="251362" spans="14:14">
      <c r="N251362" s="10"/>
    </row>
    <row r="251363" spans="14:14">
      <c r="N251363" s="10"/>
    </row>
    <row r="251364" spans="14:14">
      <c r="N251364" s="10"/>
    </row>
    <row r="251365" spans="14:14">
      <c r="N251365" s="10"/>
    </row>
    <row r="251366" spans="14:14">
      <c r="N251366" s="10"/>
    </row>
    <row r="251367" spans="14:14">
      <c r="N251367" s="10"/>
    </row>
    <row r="251368" spans="14:14">
      <c r="N251368" s="10"/>
    </row>
    <row r="251369" spans="14:14">
      <c r="N251369" s="10"/>
    </row>
    <row r="251370" spans="14:14">
      <c r="N251370" s="10"/>
    </row>
    <row r="251371" spans="14:14">
      <c r="N251371" s="10"/>
    </row>
    <row r="251372" spans="14:14">
      <c r="N251372" s="10"/>
    </row>
    <row r="251373" spans="14:14">
      <c r="N251373" s="10"/>
    </row>
    <row r="251374" spans="14:14">
      <c r="N251374" s="10"/>
    </row>
    <row r="251375" spans="14:14">
      <c r="N251375" s="10"/>
    </row>
    <row r="251376" spans="14:14">
      <c r="N251376" s="10"/>
    </row>
    <row r="251377" spans="14:14">
      <c r="N251377" s="10"/>
    </row>
    <row r="251378" spans="14:14">
      <c r="N251378" s="10"/>
    </row>
    <row r="251379" spans="14:14">
      <c r="N251379" s="10"/>
    </row>
    <row r="251380" spans="14:14">
      <c r="N251380" s="10"/>
    </row>
    <row r="251381" spans="14:14">
      <c r="N251381" s="10"/>
    </row>
    <row r="251382" spans="14:14">
      <c r="N251382" s="10"/>
    </row>
    <row r="251383" spans="14:14">
      <c r="N251383" s="10"/>
    </row>
    <row r="251384" spans="14:14">
      <c r="N251384" s="10"/>
    </row>
    <row r="251385" spans="14:14">
      <c r="N251385" s="10"/>
    </row>
    <row r="251386" spans="14:14">
      <c r="N251386" s="10"/>
    </row>
    <row r="251387" spans="14:14">
      <c r="N251387" s="10"/>
    </row>
    <row r="251388" spans="14:14">
      <c r="N251388" s="10"/>
    </row>
    <row r="251389" spans="14:14">
      <c r="N251389" s="10"/>
    </row>
    <row r="251390" spans="14:14">
      <c r="N251390" s="10"/>
    </row>
    <row r="251391" spans="14:14">
      <c r="N251391" s="10"/>
    </row>
    <row r="251392" spans="14:14">
      <c r="N251392" s="10"/>
    </row>
    <row r="251393" spans="14:14">
      <c r="N251393" s="10"/>
    </row>
    <row r="251394" spans="14:14">
      <c r="N251394" s="10"/>
    </row>
    <row r="251395" spans="14:14">
      <c r="N251395" s="10"/>
    </row>
    <row r="251396" spans="14:14">
      <c r="N251396" s="10"/>
    </row>
    <row r="251397" spans="14:14">
      <c r="N251397" s="10"/>
    </row>
    <row r="251398" spans="14:14">
      <c r="N251398" s="10"/>
    </row>
    <row r="251399" spans="14:14">
      <c r="N251399" s="10"/>
    </row>
    <row r="251400" spans="14:14">
      <c r="N251400" s="10"/>
    </row>
    <row r="251401" spans="14:14">
      <c r="N251401" s="10"/>
    </row>
    <row r="251402" spans="14:14">
      <c r="N251402" s="10"/>
    </row>
    <row r="251403" spans="14:14">
      <c r="N251403" s="10"/>
    </row>
    <row r="251404" spans="14:14">
      <c r="N251404" s="10"/>
    </row>
    <row r="251405" spans="14:14">
      <c r="N251405" s="10"/>
    </row>
    <row r="251406" spans="14:14">
      <c r="N251406" s="10"/>
    </row>
    <row r="251407" spans="14:14">
      <c r="N251407" s="10"/>
    </row>
    <row r="251408" spans="14:14">
      <c r="N251408" s="10"/>
    </row>
    <row r="251409" spans="14:14">
      <c r="N251409" s="10"/>
    </row>
    <row r="251410" spans="14:14">
      <c r="N251410" s="10"/>
    </row>
    <row r="251411" spans="14:14">
      <c r="N251411" s="10"/>
    </row>
    <row r="251412" spans="14:14">
      <c r="N251412" s="10"/>
    </row>
    <row r="251413" spans="14:14">
      <c r="N251413" s="10"/>
    </row>
    <row r="251414" spans="14:14">
      <c r="N251414" s="10"/>
    </row>
    <row r="251415" spans="14:14">
      <c r="N251415" s="10"/>
    </row>
    <row r="251416" spans="14:14">
      <c r="N251416" s="10"/>
    </row>
    <row r="251417" spans="14:14">
      <c r="N251417" s="10"/>
    </row>
    <row r="251418" spans="14:14">
      <c r="N251418" s="10"/>
    </row>
    <row r="251419" spans="14:14">
      <c r="N251419" s="10"/>
    </row>
    <row r="251420" spans="14:14">
      <c r="N251420" s="10"/>
    </row>
    <row r="251421" spans="14:14">
      <c r="N251421" s="10"/>
    </row>
    <row r="251422" spans="14:14">
      <c r="N251422" s="10"/>
    </row>
    <row r="251423" spans="14:14">
      <c r="N251423" s="10"/>
    </row>
    <row r="251424" spans="14:14">
      <c r="N251424" s="10"/>
    </row>
    <row r="251425" spans="14:14">
      <c r="N251425" s="10"/>
    </row>
    <row r="251426" spans="14:14">
      <c r="N251426" s="10"/>
    </row>
    <row r="251427" spans="14:14">
      <c r="N251427" s="10"/>
    </row>
    <row r="251428" spans="14:14">
      <c r="N251428" s="10"/>
    </row>
    <row r="251429" spans="14:14">
      <c r="N251429" s="10"/>
    </row>
    <row r="251430" spans="14:14">
      <c r="N251430" s="10"/>
    </row>
    <row r="251431" spans="14:14">
      <c r="N251431" s="10"/>
    </row>
    <row r="251432" spans="14:14">
      <c r="N251432" s="10"/>
    </row>
    <row r="251433" spans="14:14">
      <c r="N251433" s="10"/>
    </row>
    <row r="251434" spans="14:14">
      <c r="N251434" s="10"/>
    </row>
    <row r="251435" spans="14:14">
      <c r="N251435" s="10"/>
    </row>
    <row r="251436" spans="14:14">
      <c r="N251436" s="10"/>
    </row>
    <row r="251437" spans="14:14">
      <c r="N251437" s="10"/>
    </row>
    <row r="251438" spans="14:14">
      <c r="N251438" s="10"/>
    </row>
    <row r="251439" spans="14:14">
      <c r="N251439" s="10"/>
    </row>
    <row r="251440" spans="14:14">
      <c r="N251440" s="10"/>
    </row>
    <row r="251441" spans="14:14">
      <c r="N251441" s="10"/>
    </row>
    <row r="251442" spans="14:14">
      <c r="N251442" s="10"/>
    </row>
    <row r="251443" spans="14:14">
      <c r="N251443" s="10"/>
    </row>
    <row r="251444" spans="14:14">
      <c r="N251444" s="10"/>
    </row>
    <row r="251445" spans="14:14">
      <c r="N251445" s="10"/>
    </row>
    <row r="251446" spans="14:14">
      <c r="N251446" s="10"/>
    </row>
    <row r="251447" spans="14:14">
      <c r="N251447" s="10"/>
    </row>
    <row r="251448" spans="14:14">
      <c r="N251448" s="10"/>
    </row>
    <row r="251449" spans="14:14">
      <c r="N251449" s="10"/>
    </row>
    <row r="251450" spans="14:14">
      <c r="N251450" s="10"/>
    </row>
    <row r="251451" spans="14:14">
      <c r="N251451" s="10"/>
    </row>
    <row r="251452" spans="14:14">
      <c r="N251452" s="10"/>
    </row>
    <row r="251453" spans="14:14">
      <c r="N251453" s="10"/>
    </row>
    <row r="251454" spans="14:14">
      <c r="N251454" s="10"/>
    </row>
    <row r="251455" spans="14:14">
      <c r="N251455" s="10"/>
    </row>
    <row r="251456" spans="14:14">
      <c r="N251456" s="10"/>
    </row>
    <row r="251457" spans="14:14">
      <c r="N251457" s="10"/>
    </row>
    <row r="251458" spans="14:14">
      <c r="N251458" s="10"/>
    </row>
    <row r="251459" spans="14:14">
      <c r="N251459" s="10"/>
    </row>
    <row r="251460" spans="14:14">
      <c r="N251460" s="10"/>
    </row>
    <row r="251461" spans="14:14">
      <c r="N251461" s="10"/>
    </row>
    <row r="251462" spans="14:14">
      <c r="N251462" s="10"/>
    </row>
    <row r="251463" spans="14:14">
      <c r="N251463" s="10"/>
    </row>
    <row r="251464" spans="14:14">
      <c r="N251464" s="10"/>
    </row>
    <row r="251465" spans="14:14">
      <c r="N251465" s="10"/>
    </row>
    <row r="251466" spans="14:14">
      <c r="N251466" s="10"/>
    </row>
    <row r="251467" spans="14:14">
      <c r="N251467" s="10"/>
    </row>
    <row r="251468" spans="14:14">
      <c r="N251468" s="10"/>
    </row>
    <row r="251469" spans="14:14">
      <c r="N251469" s="10"/>
    </row>
    <row r="251470" spans="14:14">
      <c r="N251470" s="10"/>
    </row>
    <row r="251471" spans="14:14">
      <c r="N251471" s="10"/>
    </row>
    <row r="251472" spans="14:14">
      <c r="N251472" s="10"/>
    </row>
    <row r="251473" spans="14:14">
      <c r="N251473" s="10"/>
    </row>
    <row r="251474" spans="14:14">
      <c r="N251474" s="10"/>
    </row>
    <row r="251475" spans="14:14">
      <c r="N251475" s="10"/>
    </row>
    <row r="251476" spans="14:14">
      <c r="N251476" s="10"/>
    </row>
    <row r="251477" spans="14:14">
      <c r="N251477" s="10"/>
    </row>
    <row r="251478" spans="14:14">
      <c r="N251478" s="10"/>
    </row>
    <row r="251479" spans="14:14">
      <c r="N251479" s="10"/>
    </row>
    <row r="251480" spans="14:14">
      <c r="N251480" s="10"/>
    </row>
    <row r="251481" spans="14:14">
      <c r="N251481" s="10"/>
    </row>
    <row r="251482" spans="14:14">
      <c r="N251482" s="10"/>
    </row>
    <row r="251483" spans="14:14">
      <c r="N251483" s="10"/>
    </row>
    <row r="251484" spans="14:14">
      <c r="N251484" s="10"/>
    </row>
    <row r="251485" spans="14:14">
      <c r="N251485" s="10"/>
    </row>
    <row r="251486" spans="14:14">
      <c r="N251486" s="10"/>
    </row>
    <row r="251487" spans="14:14">
      <c r="N251487" s="10"/>
    </row>
    <row r="251488" spans="14:14">
      <c r="N251488" s="10"/>
    </row>
    <row r="251489" spans="14:14">
      <c r="N251489" s="10"/>
    </row>
    <row r="251490" spans="14:14">
      <c r="N251490" s="10"/>
    </row>
    <row r="251491" spans="14:14">
      <c r="N251491" s="10"/>
    </row>
    <row r="251492" spans="14:14">
      <c r="N251492" s="10"/>
    </row>
    <row r="251493" spans="14:14">
      <c r="N251493" s="10"/>
    </row>
    <row r="251494" spans="14:14">
      <c r="N251494" s="10"/>
    </row>
    <row r="251495" spans="14:14">
      <c r="N251495" s="10"/>
    </row>
    <row r="251496" spans="14:14">
      <c r="N251496" s="10"/>
    </row>
    <row r="251497" spans="14:14">
      <c r="N251497" s="10"/>
    </row>
    <row r="251498" spans="14:14">
      <c r="N251498" s="10"/>
    </row>
    <row r="251499" spans="14:14">
      <c r="N251499" s="10"/>
    </row>
    <row r="251500" spans="14:14">
      <c r="N251500" s="10"/>
    </row>
    <row r="251501" spans="14:14">
      <c r="N251501" s="10"/>
    </row>
    <row r="251502" spans="14:14">
      <c r="N251502" s="10"/>
    </row>
    <row r="251503" spans="14:14">
      <c r="N251503" s="10"/>
    </row>
    <row r="251504" spans="14:14">
      <c r="N251504" s="10"/>
    </row>
    <row r="251505" spans="14:14">
      <c r="N251505" s="10"/>
    </row>
    <row r="251506" spans="14:14">
      <c r="N251506" s="10"/>
    </row>
    <row r="251507" spans="14:14">
      <c r="N251507" s="10"/>
    </row>
    <row r="251508" spans="14:14">
      <c r="N251508" s="10"/>
    </row>
    <row r="251509" spans="14:14">
      <c r="N251509" s="10"/>
    </row>
    <row r="251510" spans="14:14">
      <c r="N251510" s="10"/>
    </row>
    <row r="251511" spans="14:14">
      <c r="N251511" s="10"/>
    </row>
    <row r="251512" spans="14:14">
      <c r="N251512" s="10"/>
    </row>
    <row r="251513" spans="14:14">
      <c r="N251513" s="10"/>
    </row>
    <row r="251514" spans="14:14">
      <c r="N251514" s="10"/>
    </row>
    <row r="251515" spans="14:14">
      <c r="N251515" s="10"/>
    </row>
    <row r="251516" spans="14:14">
      <c r="N251516" s="10"/>
    </row>
    <row r="251517" spans="14:14">
      <c r="N251517" s="10"/>
    </row>
    <row r="251518" spans="14:14">
      <c r="N251518" s="10"/>
    </row>
    <row r="251519" spans="14:14">
      <c r="N251519" s="10"/>
    </row>
    <row r="251520" spans="14:14">
      <c r="N251520" s="10"/>
    </row>
    <row r="251521" spans="14:14">
      <c r="N251521" s="10"/>
    </row>
    <row r="251522" spans="14:14">
      <c r="N251522" s="10"/>
    </row>
    <row r="251523" spans="14:14">
      <c r="N251523" s="10"/>
    </row>
    <row r="251524" spans="14:14">
      <c r="N251524" s="10"/>
    </row>
    <row r="251525" spans="14:14">
      <c r="N251525" s="10"/>
    </row>
    <row r="251526" spans="14:14">
      <c r="N251526" s="10"/>
    </row>
    <row r="251527" spans="14:14">
      <c r="N251527" s="10"/>
    </row>
    <row r="251528" spans="14:14">
      <c r="N251528" s="10"/>
    </row>
    <row r="251529" spans="14:14">
      <c r="N251529" s="10"/>
    </row>
    <row r="251530" spans="14:14">
      <c r="N251530" s="10"/>
    </row>
    <row r="251531" spans="14:14">
      <c r="N251531" s="10"/>
    </row>
    <row r="251532" spans="14:14">
      <c r="N251532" s="10"/>
    </row>
    <row r="251533" spans="14:14">
      <c r="N251533" s="10"/>
    </row>
    <row r="251534" spans="14:14">
      <c r="N251534" s="10"/>
    </row>
    <row r="251535" spans="14:14">
      <c r="N251535" s="10"/>
    </row>
    <row r="251536" spans="14:14">
      <c r="N251536" s="10"/>
    </row>
    <row r="251537" spans="14:14">
      <c r="N251537" s="10"/>
    </row>
    <row r="251538" spans="14:14">
      <c r="N251538" s="10"/>
    </row>
    <row r="251539" spans="14:14">
      <c r="N251539" s="10"/>
    </row>
    <row r="251540" spans="14:14">
      <c r="N251540" s="10"/>
    </row>
    <row r="251541" spans="14:14">
      <c r="N251541" s="10"/>
    </row>
    <row r="251542" spans="14:14">
      <c r="N251542" s="10"/>
    </row>
    <row r="251543" spans="14:14">
      <c r="N251543" s="10"/>
    </row>
    <row r="251544" spans="14:14">
      <c r="N251544" s="10"/>
    </row>
    <row r="251545" spans="14:14">
      <c r="N251545" s="10"/>
    </row>
    <row r="251546" spans="14:14">
      <c r="N251546" s="10"/>
    </row>
    <row r="251547" spans="14:14">
      <c r="N251547" s="10"/>
    </row>
    <row r="251548" spans="14:14">
      <c r="N251548" s="10"/>
    </row>
    <row r="251549" spans="14:14">
      <c r="N251549" s="10"/>
    </row>
    <row r="251550" spans="14:14">
      <c r="N251550" s="10"/>
    </row>
    <row r="251551" spans="14:14">
      <c r="N251551" s="10"/>
    </row>
    <row r="251552" spans="14:14">
      <c r="N251552" s="10"/>
    </row>
    <row r="251553" spans="14:14">
      <c r="N251553" s="10"/>
    </row>
    <row r="251554" spans="14:14">
      <c r="N251554" s="10"/>
    </row>
    <row r="251555" spans="14:14">
      <c r="N251555" s="10"/>
    </row>
    <row r="251556" spans="14:14">
      <c r="N251556" s="10"/>
    </row>
    <row r="251557" spans="14:14">
      <c r="N251557" s="10"/>
    </row>
    <row r="251558" spans="14:14">
      <c r="N251558" s="10"/>
    </row>
    <row r="251559" spans="14:14">
      <c r="N251559" s="10"/>
    </row>
    <row r="251560" spans="14:14">
      <c r="N251560" s="10"/>
    </row>
    <row r="251561" spans="14:14">
      <c r="N251561" s="10"/>
    </row>
    <row r="251562" spans="14:14">
      <c r="N251562" s="10"/>
    </row>
    <row r="251563" spans="14:14">
      <c r="N251563" s="10"/>
    </row>
    <row r="251564" spans="14:14">
      <c r="N251564" s="10"/>
    </row>
    <row r="251565" spans="14:14">
      <c r="N251565" s="10"/>
    </row>
    <row r="251566" spans="14:14">
      <c r="N251566" s="10"/>
    </row>
    <row r="251567" spans="14:14">
      <c r="N251567" s="10"/>
    </row>
    <row r="251568" spans="14:14">
      <c r="N251568" s="10"/>
    </row>
    <row r="251569" spans="14:14">
      <c r="N251569" s="10"/>
    </row>
    <row r="251570" spans="14:14">
      <c r="N251570" s="10"/>
    </row>
    <row r="251571" spans="14:14">
      <c r="N251571" s="10"/>
    </row>
    <row r="251572" spans="14:14">
      <c r="N251572" s="10"/>
    </row>
    <row r="251573" spans="14:14">
      <c r="N251573" s="10"/>
    </row>
    <row r="251574" spans="14:14">
      <c r="N251574" s="10"/>
    </row>
    <row r="251575" spans="14:14">
      <c r="N251575" s="10"/>
    </row>
    <row r="251576" spans="14:14">
      <c r="N251576" s="10"/>
    </row>
    <row r="251577" spans="14:14">
      <c r="N251577" s="10"/>
    </row>
    <row r="251578" spans="14:14">
      <c r="N251578" s="10"/>
    </row>
    <row r="251579" spans="14:14">
      <c r="N251579" s="10"/>
    </row>
    <row r="251580" spans="14:14">
      <c r="N251580" s="10"/>
    </row>
    <row r="251581" spans="14:14">
      <c r="N251581" s="10"/>
    </row>
    <row r="251582" spans="14:14">
      <c r="N251582" s="10"/>
    </row>
    <row r="251583" spans="14:14">
      <c r="N251583" s="10"/>
    </row>
    <row r="251584" spans="14:14">
      <c r="N251584" s="10"/>
    </row>
    <row r="251585" spans="14:14">
      <c r="N251585" s="10"/>
    </row>
    <row r="251586" spans="14:14">
      <c r="N251586" s="10"/>
    </row>
    <row r="251587" spans="14:14">
      <c r="N251587" s="10"/>
    </row>
    <row r="251588" spans="14:14">
      <c r="N251588" s="10"/>
    </row>
    <row r="251589" spans="14:14">
      <c r="N251589" s="10"/>
    </row>
    <row r="251590" spans="14:14">
      <c r="N251590" s="10"/>
    </row>
    <row r="251591" spans="14:14">
      <c r="N251591" s="10"/>
    </row>
    <row r="251592" spans="14:14">
      <c r="N251592" s="10"/>
    </row>
    <row r="251593" spans="14:14">
      <c r="N251593" s="10"/>
    </row>
    <row r="251594" spans="14:14">
      <c r="N251594" s="10"/>
    </row>
    <row r="251595" spans="14:14">
      <c r="N251595" s="10"/>
    </row>
    <row r="251596" spans="14:14">
      <c r="N251596" s="10"/>
    </row>
    <row r="251597" spans="14:14">
      <c r="N251597" s="10"/>
    </row>
    <row r="251598" spans="14:14">
      <c r="N251598" s="10"/>
    </row>
    <row r="251599" spans="14:14">
      <c r="N251599" s="10"/>
    </row>
    <row r="251600" spans="14:14">
      <c r="N251600" s="10"/>
    </row>
    <row r="251601" spans="14:14">
      <c r="N251601" s="10"/>
    </row>
    <row r="251602" spans="14:14">
      <c r="N251602" s="10"/>
    </row>
    <row r="251603" spans="14:14">
      <c r="N251603" s="10"/>
    </row>
    <row r="251604" spans="14:14">
      <c r="N251604" s="10"/>
    </row>
    <row r="251605" spans="14:14">
      <c r="N251605" s="10"/>
    </row>
    <row r="251606" spans="14:14">
      <c r="N251606" s="10"/>
    </row>
    <row r="251607" spans="14:14">
      <c r="N251607" s="10"/>
    </row>
    <row r="251608" spans="14:14">
      <c r="N251608" s="10"/>
    </row>
    <row r="251609" spans="14:14">
      <c r="N251609" s="10"/>
    </row>
    <row r="251610" spans="14:14">
      <c r="N251610" s="10"/>
    </row>
    <row r="251611" spans="14:14">
      <c r="N251611" s="10"/>
    </row>
    <row r="251612" spans="14:14">
      <c r="N251612" s="10"/>
    </row>
    <row r="251613" spans="14:14">
      <c r="N251613" s="10"/>
    </row>
    <row r="251614" spans="14:14">
      <c r="N251614" s="10"/>
    </row>
    <row r="251615" spans="14:14">
      <c r="N251615" s="10"/>
    </row>
    <row r="251616" spans="14:14">
      <c r="N251616" s="10"/>
    </row>
    <row r="251617" spans="14:14">
      <c r="N251617" s="10"/>
    </row>
    <row r="251618" spans="14:14">
      <c r="N251618" s="10"/>
    </row>
    <row r="251619" spans="14:14">
      <c r="N251619" s="10"/>
    </row>
    <row r="251620" spans="14:14">
      <c r="N251620" s="10"/>
    </row>
    <row r="251621" spans="14:14">
      <c r="N251621" s="10"/>
    </row>
    <row r="251622" spans="14:14">
      <c r="N251622" s="10"/>
    </row>
    <row r="251623" spans="14:14">
      <c r="N251623" s="10"/>
    </row>
    <row r="251624" spans="14:14">
      <c r="N251624" s="10"/>
    </row>
    <row r="251625" spans="14:14">
      <c r="N251625" s="10"/>
    </row>
    <row r="251626" spans="14:14">
      <c r="N251626" s="10"/>
    </row>
    <row r="251627" spans="14:14">
      <c r="N251627" s="10"/>
    </row>
    <row r="251628" spans="14:14">
      <c r="N251628" s="10"/>
    </row>
    <row r="251629" spans="14:14">
      <c r="N251629" s="10"/>
    </row>
    <row r="251630" spans="14:14">
      <c r="N251630" s="10"/>
    </row>
    <row r="251631" spans="14:14">
      <c r="N251631" s="10"/>
    </row>
    <row r="251632" spans="14:14">
      <c r="N251632" s="10"/>
    </row>
    <row r="251633" spans="14:14">
      <c r="N251633" s="10"/>
    </row>
    <row r="251634" spans="14:14">
      <c r="N251634" s="10"/>
    </row>
    <row r="251635" spans="14:14">
      <c r="N251635" s="10"/>
    </row>
    <row r="251636" spans="14:14">
      <c r="N251636" s="10"/>
    </row>
    <row r="251637" spans="14:14">
      <c r="N251637" s="10"/>
    </row>
    <row r="251638" spans="14:14">
      <c r="N251638" s="10"/>
    </row>
    <row r="251639" spans="14:14">
      <c r="N251639" s="10"/>
    </row>
    <row r="251640" spans="14:14">
      <c r="N251640" s="10"/>
    </row>
    <row r="251641" spans="14:14">
      <c r="N251641" s="10"/>
    </row>
    <row r="251642" spans="14:14">
      <c r="N251642" s="10"/>
    </row>
    <row r="251643" spans="14:14">
      <c r="N251643" s="10"/>
    </row>
    <row r="251644" spans="14:14">
      <c r="N251644" s="10"/>
    </row>
    <row r="251645" spans="14:14">
      <c r="N251645" s="10"/>
    </row>
    <row r="251646" spans="14:14">
      <c r="N251646" s="10"/>
    </row>
    <row r="251647" spans="14:14">
      <c r="N251647" s="10"/>
    </row>
    <row r="251648" spans="14:14">
      <c r="N251648" s="10"/>
    </row>
    <row r="251649" spans="14:14">
      <c r="N251649" s="10"/>
    </row>
    <row r="251650" spans="14:14">
      <c r="N251650" s="10"/>
    </row>
    <row r="251651" spans="14:14">
      <c r="N251651" s="10"/>
    </row>
    <row r="251652" spans="14:14">
      <c r="N251652" s="10"/>
    </row>
    <row r="251653" spans="14:14">
      <c r="N251653" s="10"/>
    </row>
    <row r="251654" spans="14:14">
      <c r="N251654" s="10"/>
    </row>
    <row r="251655" spans="14:14">
      <c r="N251655" s="10"/>
    </row>
    <row r="251656" spans="14:14">
      <c r="N251656" s="10"/>
    </row>
    <row r="251657" spans="14:14">
      <c r="N251657" s="10"/>
    </row>
    <row r="251658" spans="14:14">
      <c r="N251658" s="10"/>
    </row>
    <row r="251659" spans="14:14">
      <c r="N251659" s="10"/>
    </row>
    <row r="251660" spans="14:14">
      <c r="N251660" s="10"/>
    </row>
    <row r="251661" spans="14:14">
      <c r="N251661" s="10"/>
    </row>
    <row r="251662" spans="14:14">
      <c r="N251662" s="10"/>
    </row>
    <row r="251663" spans="14:14">
      <c r="N251663" s="10"/>
    </row>
    <row r="251664" spans="14:14">
      <c r="N251664" s="10"/>
    </row>
    <row r="251665" spans="14:14">
      <c r="N251665" s="10"/>
    </row>
    <row r="251666" spans="14:14">
      <c r="N251666" s="10"/>
    </row>
    <row r="251667" spans="14:14">
      <c r="N251667" s="10"/>
    </row>
    <row r="251668" spans="14:14">
      <c r="N251668" s="10"/>
    </row>
    <row r="251669" spans="14:14">
      <c r="N251669" s="10"/>
    </row>
    <row r="251670" spans="14:14">
      <c r="N251670" s="10"/>
    </row>
    <row r="251671" spans="14:14">
      <c r="N251671" s="10"/>
    </row>
    <row r="251672" spans="14:14">
      <c r="N251672" s="10"/>
    </row>
    <row r="251673" spans="14:14">
      <c r="N251673" s="10"/>
    </row>
    <row r="251674" spans="14:14">
      <c r="N251674" s="10"/>
    </row>
    <row r="251675" spans="14:14">
      <c r="N251675" s="10"/>
    </row>
    <row r="251676" spans="14:14">
      <c r="N251676" s="10"/>
    </row>
    <row r="251677" spans="14:14">
      <c r="N251677" s="10"/>
    </row>
    <row r="251678" spans="14:14">
      <c r="N251678" s="10"/>
    </row>
    <row r="251679" spans="14:14">
      <c r="N251679" s="10"/>
    </row>
    <row r="251680" spans="14:14">
      <c r="N251680" s="10"/>
    </row>
    <row r="251681" spans="14:14">
      <c r="N251681" s="10"/>
    </row>
    <row r="251682" spans="14:14">
      <c r="N251682" s="10"/>
    </row>
    <row r="251683" spans="14:14">
      <c r="N251683" s="10"/>
    </row>
    <row r="251684" spans="14:14">
      <c r="N251684" s="10"/>
    </row>
    <row r="251685" spans="14:14">
      <c r="N251685" s="10"/>
    </row>
    <row r="251686" spans="14:14">
      <c r="N251686" s="10"/>
    </row>
    <row r="251687" spans="14:14">
      <c r="N251687" s="10"/>
    </row>
    <row r="251688" spans="14:14">
      <c r="N251688" s="10"/>
    </row>
    <row r="251689" spans="14:14">
      <c r="N251689" s="10"/>
    </row>
    <row r="251690" spans="14:14">
      <c r="N251690" s="10"/>
    </row>
    <row r="251691" spans="14:14">
      <c r="N251691" s="10"/>
    </row>
    <row r="251692" spans="14:14">
      <c r="N251692" s="10"/>
    </row>
    <row r="251693" spans="14:14">
      <c r="N251693" s="10"/>
    </row>
    <row r="251694" spans="14:14">
      <c r="N251694" s="10"/>
    </row>
    <row r="251695" spans="14:14">
      <c r="N251695" s="10"/>
    </row>
    <row r="251696" spans="14:14">
      <c r="N251696" s="10"/>
    </row>
    <row r="251697" spans="14:14">
      <c r="N251697" s="10"/>
    </row>
    <row r="251698" spans="14:14">
      <c r="N251698" s="10"/>
    </row>
    <row r="251699" spans="14:14">
      <c r="N251699" s="10"/>
    </row>
    <row r="251700" spans="14:14">
      <c r="N251700" s="10"/>
    </row>
    <row r="251701" spans="14:14">
      <c r="N251701" s="10"/>
    </row>
    <row r="251702" spans="14:14">
      <c r="N251702" s="10"/>
    </row>
    <row r="251703" spans="14:14">
      <c r="N251703" s="10"/>
    </row>
    <row r="251704" spans="14:14">
      <c r="N251704" s="10"/>
    </row>
    <row r="251705" spans="14:14">
      <c r="N251705" s="10"/>
    </row>
    <row r="251706" spans="14:14">
      <c r="N251706" s="10"/>
    </row>
    <row r="251707" spans="14:14">
      <c r="N251707" s="10"/>
    </row>
    <row r="251708" spans="14:14">
      <c r="N251708" s="10"/>
    </row>
    <row r="251709" spans="14:14">
      <c r="N251709" s="10"/>
    </row>
    <row r="251710" spans="14:14">
      <c r="N251710" s="10"/>
    </row>
    <row r="251711" spans="14:14">
      <c r="N251711" s="10"/>
    </row>
    <row r="251712" spans="14:14">
      <c r="N251712" s="10"/>
    </row>
    <row r="251713" spans="14:14">
      <c r="N251713" s="10"/>
    </row>
    <row r="251714" spans="14:14">
      <c r="N251714" s="10"/>
    </row>
    <row r="251715" spans="14:14">
      <c r="N251715" s="10"/>
    </row>
    <row r="251716" spans="14:14">
      <c r="N251716" s="10"/>
    </row>
    <row r="251717" spans="14:14">
      <c r="N251717" s="10"/>
    </row>
    <row r="251718" spans="14:14">
      <c r="N251718" s="10"/>
    </row>
    <row r="251719" spans="14:14">
      <c r="N251719" s="10"/>
    </row>
    <row r="251720" spans="14:14">
      <c r="N251720" s="10"/>
    </row>
    <row r="251721" spans="14:14">
      <c r="N251721" s="10"/>
    </row>
    <row r="251722" spans="14:14">
      <c r="N251722" s="10"/>
    </row>
    <row r="251723" spans="14:14">
      <c r="N251723" s="10"/>
    </row>
    <row r="251724" spans="14:14">
      <c r="N251724" s="10"/>
    </row>
    <row r="251725" spans="14:14">
      <c r="N251725" s="10"/>
    </row>
    <row r="251726" spans="14:14">
      <c r="N251726" s="10"/>
    </row>
    <row r="251727" spans="14:14">
      <c r="N251727" s="10"/>
    </row>
    <row r="251728" spans="14:14">
      <c r="N251728" s="10"/>
    </row>
    <row r="251729" spans="14:14">
      <c r="N251729" s="10"/>
    </row>
    <row r="251730" spans="14:14">
      <c r="N251730" s="10"/>
    </row>
    <row r="251731" spans="14:14">
      <c r="N251731" s="10"/>
    </row>
    <row r="251732" spans="14:14">
      <c r="N251732" s="10"/>
    </row>
    <row r="251733" spans="14:14">
      <c r="N251733" s="10"/>
    </row>
    <row r="251734" spans="14:14">
      <c r="N251734" s="10"/>
    </row>
    <row r="251735" spans="14:14">
      <c r="N251735" s="10"/>
    </row>
    <row r="251736" spans="14:14">
      <c r="N251736" s="10"/>
    </row>
    <row r="251737" spans="14:14">
      <c r="N251737" s="10"/>
    </row>
    <row r="251738" spans="14:14">
      <c r="N251738" s="10"/>
    </row>
    <row r="251739" spans="14:14">
      <c r="N251739" s="10"/>
    </row>
    <row r="251740" spans="14:14">
      <c r="N251740" s="10"/>
    </row>
    <row r="251741" spans="14:14">
      <c r="N251741" s="10"/>
    </row>
    <row r="251742" spans="14:14">
      <c r="N251742" s="10"/>
    </row>
    <row r="251743" spans="14:14">
      <c r="N251743" s="10"/>
    </row>
    <row r="251744" spans="14:14">
      <c r="N251744" s="10"/>
    </row>
    <row r="251745" spans="14:14">
      <c r="N251745" s="10"/>
    </row>
    <row r="251746" spans="14:14">
      <c r="N251746" s="10"/>
    </row>
    <row r="251747" spans="14:14">
      <c r="N251747" s="10"/>
    </row>
    <row r="251748" spans="14:14">
      <c r="N251748" s="10"/>
    </row>
    <row r="251749" spans="14:14">
      <c r="N251749" s="10"/>
    </row>
    <row r="251750" spans="14:14">
      <c r="N251750" s="10"/>
    </row>
    <row r="251751" spans="14:14">
      <c r="N251751" s="10"/>
    </row>
    <row r="251752" spans="14:14">
      <c r="N251752" s="10"/>
    </row>
    <row r="251753" spans="14:14">
      <c r="N251753" s="10"/>
    </row>
    <row r="251754" spans="14:14">
      <c r="N251754" s="10"/>
    </row>
    <row r="251755" spans="14:14">
      <c r="N251755" s="10"/>
    </row>
    <row r="251756" spans="14:14">
      <c r="N251756" s="10"/>
    </row>
    <row r="251757" spans="14:14">
      <c r="N251757" s="10"/>
    </row>
    <row r="251758" spans="14:14">
      <c r="N251758" s="10"/>
    </row>
    <row r="251759" spans="14:14">
      <c r="N251759" s="10"/>
    </row>
    <row r="251760" spans="14:14">
      <c r="N251760" s="10"/>
    </row>
    <row r="251761" spans="14:14">
      <c r="N251761" s="10"/>
    </row>
    <row r="251762" spans="14:14">
      <c r="N251762" s="10"/>
    </row>
    <row r="251763" spans="14:14">
      <c r="N251763" s="10"/>
    </row>
    <row r="251764" spans="14:14">
      <c r="N251764" s="10"/>
    </row>
    <row r="251765" spans="14:14">
      <c r="N251765" s="10"/>
    </row>
    <row r="251766" spans="14:14">
      <c r="N251766" s="10"/>
    </row>
    <row r="251767" spans="14:14">
      <c r="N251767" s="10"/>
    </row>
    <row r="251768" spans="14:14">
      <c r="N251768" s="10"/>
    </row>
    <row r="251769" spans="14:14">
      <c r="N251769" s="10"/>
    </row>
    <row r="251770" spans="14:14">
      <c r="N251770" s="10"/>
    </row>
    <row r="251771" spans="14:14">
      <c r="N251771" s="10"/>
    </row>
    <row r="251772" spans="14:14">
      <c r="N251772" s="10"/>
    </row>
    <row r="251773" spans="14:14">
      <c r="N251773" s="10"/>
    </row>
    <row r="251774" spans="14:14">
      <c r="N251774" s="10"/>
    </row>
    <row r="251775" spans="14:14">
      <c r="N251775" s="10"/>
    </row>
    <row r="251776" spans="14:14">
      <c r="N251776" s="10"/>
    </row>
    <row r="251777" spans="14:14">
      <c r="N251777" s="10"/>
    </row>
    <row r="251778" spans="14:14">
      <c r="N251778" s="10"/>
    </row>
    <row r="251779" spans="14:14">
      <c r="N251779" s="10"/>
    </row>
    <row r="251780" spans="14:14">
      <c r="N251780" s="10"/>
    </row>
    <row r="251781" spans="14:14">
      <c r="N251781" s="10"/>
    </row>
    <row r="251782" spans="14:14">
      <c r="N251782" s="10"/>
    </row>
    <row r="251783" spans="14:14">
      <c r="N251783" s="10"/>
    </row>
    <row r="251784" spans="14:14">
      <c r="N251784" s="10"/>
    </row>
    <row r="251785" spans="14:14">
      <c r="N251785" s="10"/>
    </row>
    <row r="251786" spans="14:14">
      <c r="N251786" s="10"/>
    </row>
    <row r="251787" spans="14:14">
      <c r="N251787" s="10"/>
    </row>
    <row r="251788" spans="14:14">
      <c r="N251788" s="10"/>
    </row>
    <row r="251789" spans="14:14">
      <c r="N251789" s="10"/>
    </row>
    <row r="251790" spans="14:14">
      <c r="N251790" s="10"/>
    </row>
    <row r="251791" spans="14:14">
      <c r="N251791" s="10"/>
    </row>
    <row r="251792" spans="14:14">
      <c r="N251792" s="10"/>
    </row>
    <row r="251793" spans="14:14">
      <c r="N251793" s="10"/>
    </row>
    <row r="251794" spans="14:14">
      <c r="N251794" s="10"/>
    </row>
    <row r="251795" spans="14:14">
      <c r="N251795" s="10"/>
    </row>
    <row r="251796" spans="14:14">
      <c r="N251796" s="10"/>
    </row>
    <row r="251797" spans="14:14">
      <c r="N251797" s="10"/>
    </row>
    <row r="251798" spans="14:14">
      <c r="N251798" s="10"/>
    </row>
    <row r="251799" spans="14:14">
      <c r="N251799" s="10"/>
    </row>
    <row r="251800" spans="14:14">
      <c r="N251800" s="10"/>
    </row>
    <row r="251801" spans="14:14">
      <c r="N251801" s="10"/>
    </row>
    <row r="251802" spans="14:14">
      <c r="N251802" s="10"/>
    </row>
    <row r="251803" spans="14:14">
      <c r="N251803" s="10"/>
    </row>
    <row r="251804" spans="14:14">
      <c r="N251804" s="10"/>
    </row>
    <row r="251805" spans="14:14">
      <c r="N251805" s="10"/>
    </row>
    <row r="251806" spans="14:14">
      <c r="N251806" s="10"/>
    </row>
    <row r="251807" spans="14:14">
      <c r="N251807" s="10"/>
    </row>
    <row r="251808" spans="14:14">
      <c r="N251808" s="10"/>
    </row>
    <row r="251809" spans="14:14">
      <c r="N251809" s="10"/>
    </row>
    <row r="251810" spans="14:14">
      <c r="N251810" s="10"/>
    </row>
    <row r="251811" spans="14:14">
      <c r="N251811" s="10"/>
    </row>
    <row r="251812" spans="14:14">
      <c r="N251812" s="10"/>
    </row>
    <row r="251813" spans="14:14">
      <c r="N251813" s="10"/>
    </row>
    <row r="251814" spans="14:14">
      <c r="N251814" s="10"/>
    </row>
    <row r="251815" spans="14:14">
      <c r="N251815" s="10"/>
    </row>
    <row r="251816" spans="14:14">
      <c r="N251816" s="10"/>
    </row>
    <row r="251817" spans="14:14">
      <c r="N251817" s="10"/>
    </row>
    <row r="251818" spans="14:14">
      <c r="N251818" s="10"/>
    </row>
    <row r="251819" spans="14:14">
      <c r="N251819" s="10"/>
    </row>
    <row r="251820" spans="14:14">
      <c r="N251820" s="10"/>
    </row>
    <row r="251821" spans="14:14">
      <c r="N251821" s="10"/>
    </row>
    <row r="251822" spans="14:14">
      <c r="N251822" s="10"/>
    </row>
    <row r="251823" spans="14:14">
      <c r="N251823" s="10"/>
    </row>
    <row r="251824" spans="14:14">
      <c r="N251824" s="10"/>
    </row>
    <row r="251825" spans="14:14">
      <c r="N251825" s="10"/>
    </row>
    <row r="251826" spans="14:14">
      <c r="N251826" s="10"/>
    </row>
    <row r="251827" spans="14:14">
      <c r="N251827" s="10"/>
    </row>
    <row r="251828" spans="14:14">
      <c r="N251828" s="10"/>
    </row>
    <row r="251829" spans="14:14">
      <c r="N251829" s="10"/>
    </row>
    <row r="251830" spans="14:14">
      <c r="N251830" s="10"/>
    </row>
    <row r="251831" spans="14:14">
      <c r="N251831" s="10"/>
    </row>
    <row r="251832" spans="14:14">
      <c r="N251832" s="10"/>
    </row>
    <row r="251833" spans="14:14">
      <c r="N251833" s="10"/>
    </row>
    <row r="251834" spans="14:14">
      <c r="N251834" s="10"/>
    </row>
    <row r="251835" spans="14:14">
      <c r="N251835" s="10"/>
    </row>
    <row r="251836" spans="14:14">
      <c r="N251836" s="10"/>
    </row>
    <row r="251837" spans="14:14">
      <c r="N251837" s="10"/>
    </row>
    <row r="251838" spans="14:14">
      <c r="N251838" s="10"/>
    </row>
    <row r="251839" spans="14:14">
      <c r="N251839" s="10"/>
    </row>
    <row r="251840" spans="14:14">
      <c r="N251840" s="10"/>
    </row>
    <row r="251841" spans="14:14">
      <c r="N251841" s="10"/>
    </row>
    <row r="251842" spans="14:14">
      <c r="N251842" s="10"/>
    </row>
    <row r="251843" spans="14:14">
      <c r="N251843" s="10"/>
    </row>
    <row r="251844" spans="14:14">
      <c r="N251844" s="10"/>
    </row>
    <row r="251845" spans="14:14">
      <c r="N251845" s="10"/>
    </row>
    <row r="251846" spans="14:14">
      <c r="N251846" s="10"/>
    </row>
    <row r="251847" spans="14:14">
      <c r="N251847" s="10"/>
    </row>
    <row r="251848" spans="14:14">
      <c r="N251848" s="10"/>
    </row>
    <row r="251849" spans="14:14">
      <c r="N251849" s="10"/>
    </row>
    <row r="251850" spans="14:14">
      <c r="N251850" s="10"/>
    </row>
    <row r="251851" spans="14:14">
      <c r="N251851" s="10"/>
    </row>
    <row r="251852" spans="14:14">
      <c r="N251852" s="10"/>
    </row>
    <row r="251853" spans="14:14">
      <c r="N251853" s="10"/>
    </row>
    <row r="251854" spans="14:14">
      <c r="N251854" s="10"/>
    </row>
    <row r="251855" spans="14:14">
      <c r="N251855" s="10"/>
    </row>
    <row r="251856" spans="14:14">
      <c r="N251856" s="10"/>
    </row>
    <row r="251857" spans="14:14">
      <c r="N251857" s="10"/>
    </row>
    <row r="251858" spans="14:14">
      <c r="N251858" s="10"/>
    </row>
    <row r="251859" spans="14:14">
      <c r="N251859" s="10"/>
    </row>
    <row r="251860" spans="14:14">
      <c r="N251860" s="10"/>
    </row>
    <row r="251861" spans="14:14">
      <c r="N251861" s="10"/>
    </row>
    <row r="251862" spans="14:14">
      <c r="N251862" s="10"/>
    </row>
    <row r="251863" spans="14:14">
      <c r="N251863" s="10"/>
    </row>
    <row r="251864" spans="14:14">
      <c r="N251864" s="10"/>
    </row>
    <row r="251865" spans="14:14">
      <c r="N251865" s="10"/>
    </row>
    <row r="251866" spans="14:14">
      <c r="N251866" s="10"/>
    </row>
    <row r="251867" spans="14:14">
      <c r="N251867" s="10"/>
    </row>
    <row r="251868" spans="14:14">
      <c r="N251868" s="10"/>
    </row>
    <row r="251869" spans="14:14">
      <c r="N251869" s="10"/>
    </row>
    <row r="251870" spans="14:14">
      <c r="N251870" s="10"/>
    </row>
    <row r="251871" spans="14:14">
      <c r="N251871" s="10"/>
    </row>
    <row r="251872" spans="14:14">
      <c r="N251872" s="10"/>
    </row>
    <row r="251873" spans="14:14">
      <c r="N251873" s="10"/>
    </row>
    <row r="251874" spans="14:14">
      <c r="N251874" s="10"/>
    </row>
    <row r="251875" spans="14:14">
      <c r="N251875" s="10"/>
    </row>
    <row r="251876" spans="14:14">
      <c r="N251876" s="10"/>
    </row>
    <row r="251877" spans="14:14">
      <c r="N251877" s="10"/>
    </row>
    <row r="251878" spans="14:14">
      <c r="N251878" s="10"/>
    </row>
    <row r="251879" spans="14:14">
      <c r="N251879" s="10"/>
    </row>
    <row r="251880" spans="14:14">
      <c r="N251880" s="10"/>
    </row>
    <row r="251881" spans="14:14">
      <c r="N251881" s="10"/>
    </row>
    <row r="251882" spans="14:14">
      <c r="N251882" s="10"/>
    </row>
    <row r="251883" spans="14:14">
      <c r="N251883" s="10"/>
    </row>
    <row r="251884" spans="14:14">
      <c r="N251884" s="10"/>
    </row>
    <row r="251885" spans="14:14">
      <c r="N251885" s="10"/>
    </row>
    <row r="251886" spans="14:14">
      <c r="N251886" s="10"/>
    </row>
    <row r="251887" spans="14:14">
      <c r="N251887" s="10"/>
    </row>
    <row r="251888" spans="14:14">
      <c r="N251888" s="10"/>
    </row>
    <row r="251889" spans="14:14">
      <c r="N251889" s="10"/>
    </row>
    <row r="251890" spans="14:14">
      <c r="N251890" s="10"/>
    </row>
    <row r="251891" spans="14:14">
      <c r="N251891" s="10"/>
    </row>
    <row r="251892" spans="14:14">
      <c r="N251892" s="10"/>
    </row>
    <row r="251893" spans="14:14">
      <c r="N251893" s="10"/>
    </row>
    <row r="251894" spans="14:14">
      <c r="N251894" s="10"/>
    </row>
    <row r="251895" spans="14:14">
      <c r="N251895" s="10"/>
    </row>
    <row r="251896" spans="14:14">
      <c r="N251896" s="10"/>
    </row>
    <row r="251897" spans="14:14">
      <c r="N251897" s="10"/>
    </row>
    <row r="251898" spans="14:14">
      <c r="N251898" s="10"/>
    </row>
    <row r="251899" spans="14:14">
      <c r="N251899" s="10"/>
    </row>
    <row r="251900" spans="14:14">
      <c r="N251900" s="10"/>
    </row>
    <row r="251901" spans="14:14">
      <c r="N251901" s="10"/>
    </row>
    <row r="251902" spans="14:14">
      <c r="N251902" s="10"/>
    </row>
    <row r="251903" spans="14:14">
      <c r="N251903" s="10"/>
    </row>
    <row r="251904" spans="14:14">
      <c r="N251904" s="10"/>
    </row>
    <row r="251905" spans="14:14">
      <c r="N251905" s="10"/>
    </row>
    <row r="251906" spans="14:14">
      <c r="N251906" s="10"/>
    </row>
    <row r="251907" spans="14:14">
      <c r="N251907" s="10"/>
    </row>
    <row r="251908" spans="14:14">
      <c r="N251908" s="10"/>
    </row>
    <row r="251909" spans="14:14">
      <c r="N251909" s="10"/>
    </row>
    <row r="251910" spans="14:14">
      <c r="N251910" s="10"/>
    </row>
    <row r="251911" spans="14:14">
      <c r="N251911" s="10"/>
    </row>
    <row r="251912" spans="14:14">
      <c r="N251912" s="10"/>
    </row>
    <row r="251913" spans="14:14">
      <c r="N251913" s="10"/>
    </row>
    <row r="251914" spans="14:14">
      <c r="N251914" s="10"/>
    </row>
    <row r="251915" spans="14:14">
      <c r="N251915" s="10"/>
    </row>
    <row r="251916" spans="14:14">
      <c r="N251916" s="10"/>
    </row>
    <row r="251917" spans="14:14">
      <c r="N251917" s="10"/>
    </row>
    <row r="251918" spans="14:14">
      <c r="N251918" s="10"/>
    </row>
    <row r="251919" spans="14:14">
      <c r="N251919" s="10"/>
    </row>
    <row r="251920" spans="14:14">
      <c r="N251920" s="10"/>
    </row>
    <row r="251921" spans="14:14">
      <c r="N251921" s="10"/>
    </row>
    <row r="251922" spans="14:14">
      <c r="N251922" s="10"/>
    </row>
    <row r="251923" spans="14:14">
      <c r="N251923" s="10"/>
    </row>
    <row r="251924" spans="14:14">
      <c r="N251924" s="10"/>
    </row>
    <row r="251925" spans="14:14">
      <c r="N251925" s="10"/>
    </row>
    <row r="251926" spans="14:14">
      <c r="N251926" s="10"/>
    </row>
    <row r="251927" spans="14:14">
      <c r="N251927" s="10"/>
    </row>
    <row r="251928" spans="14:14">
      <c r="N251928" s="10"/>
    </row>
    <row r="251929" spans="14:14">
      <c r="N251929" s="10"/>
    </row>
    <row r="251930" spans="14:14">
      <c r="N251930" s="10"/>
    </row>
    <row r="251931" spans="14:14">
      <c r="N251931" s="10"/>
    </row>
    <row r="251932" spans="14:14">
      <c r="N251932" s="10"/>
    </row>
    <row r="251933" spans="14:14">
      <c r="N251933" s="10"/>
    </row>
    <row r="251934" spans="14:14">
      <c r="N251934" s="10"/>
    </row>
    <row r="251935" spans="14:14">
      <c r="N251935" s="10"/>
    </row>
    <row r="251936" spans="14:14">
      <c r="N251936" s="10"/>
    </row>
    <row r="251937" spans="14:14">
      <c r="N251937" s="10"/>
    </row>
    <row r="251938" spans="14:14">
      <c r="N251938" s="10"/>
    </row>
    <row r="251939" spans="14:14">
      <c r="N251939" s="10"/>
    </row>
    <row r="251940" spans="14:14">
      <c r="N251940" s="10"/>
    </row>
    <row r="251941" spans="14:14">
      <c r="N251941" s="10"/>
    </row>
    <row r="251942" spans="14:14">
      <c r="N251942" s="10"/>
    </row>
    <row r="251943" spans="14:14">
      <c r="N251943" s="10"/>
    </row>
    <row r="251944" spans="14:14">
      <c r="N251944" s="10"/>
    </row>
    <row r="251945" spans="14:14">
      <c r="N251945" s="10"/>
    </row>
    <row r="251946" spans="14:14">
      <c r="N251946" s="10"/>
    </row>
    <row r="251947" spans="14:14">
      <c r="N251947" s="10"/>
    </row>
    <row r="251948" spans="14:14">
      <c r="N251948" s="10"/>
    </row>
    <row r="251949" spans="14:14">
      <c r="N251949" s="10"/>
    </row>
    <row r="251950" spans="14:14">
      <c r="N251950" s="10"/>
    </row>
    <row r="251951" spans="14:14">
      <c r="N251951" s="10"/>
    </row>
    <row r="251952" spans="14:14">
      <c r="N251952" s="10"/>
    </row>
    <row r="251953" spans="14:14">
      <c r="N251953" s="10"/>
    </row>
    <row r="251954" spans="14:14">
      <c r="N251954" s="10"/>
    </row>
    <row r="251955" spans="14:14">
      <c r="N251955" s="10"/>
    </row>
    <row r="251956" spans="14:14">
      <c r="N251956" s="10"/>
    </row>
    <row r="251957" spans="14:14">
      <c r="N251957" s="10"/>
    </row>
    <row r="251958" spans="14:14">
      <c r="N251958" s="10"/>
    </row>
    <row r="251959" spans="14:14">
      <c r="N251959" s="10"/>
    </row>
    <row r="251960" spans="14:14">
      <c r="N251960" s="10"/>
    </row>
    <row r="251961" spans="14:14">
      <c r="N251961" s="10"/>
    </row>
    <row r="251962" spans="14:14">
      <c r="N251962" s="10"/>
    </row>
    <row r="251963" spans="14:14">
      <c r="N251963" s="10"/>
    </row>
    <row r="251964" spans="14:14">
      <c r="N251964" s="10"/>
    </row>
    <row r="251965" spans="14:14">
      <c r="N251965" s="10"/>
    </row>
    <row r="251966" spans="14:14">
      <c r="N251966" s="10"/>
    </row>
    <row r="251967" spans="14:14">
      <c r="N251967" s="10"/>
    </row>
    <row r="251968" spans="14:14">
      <c r="N251968" s="10"/>
    </row>
    <row r="251969" spans="14:14">
      <c r="N251969" s="10"/>
    </row>
    <row r="251970" spans="14:14">
      <c r="N251970" s="10"/>
    </row>
    <row r="251971" spans="14:14">
      <c r="N251971" s="10"/>
    </row>
    <row r="251972" spans="14:14">
      <c r="N251972" s="10"/>
    </row>
    <row r="251973" spans="14:14">
      <c r="N251973" s="10"/>
    </row>
    <row r="251974" spans="14:14">
      <c r="N251974" s="10"/>
    </row>
    <row r="251975" spans="14:14">
      <c r="N251975" s="10"/>
    </row>
    <row r="251976" spans="14:14">
      <c r="N251976" s="10"/>
    </row>
    <row r="251977" spans="14:14">
      <c r="N251977" s="10"/>
    </row>
    <row r="251978" spans="14:14">
      <c r="N251978" s="10"/>
    </row>
    <row r="251979" spans="14:14">
      <c r="N251979" s="10"/>
    </row>
    <row r="251980" spans="14:14">
      <c r="N251980" s="10"/>
    </row>
    <row r="251981" spans="14:14">
      <c r="N251981" s="10"/>
    </row>
    <row r="251982" spans="14:14">
      <c r="N251982" s="10"/>
    </row>
    <row r="251983" spans="14:14">
      <c r="N251983" s="10"/>
    </row>
    <row r="251984" spans="14:14">
      <c r="N251984" s="10"/>
    </row>
    <row r="251985" spans="14:14">
      <c r="N251985" s="10"/>
    </row>
    <row r="251986" spans="14:14">
      <c r="N251986" s="10"/>
    </row>
    <row r="251987" spans="14:14">
      <c r="N251987" s="10"/>
    </row>
    <row r="251988" spans="14:14">
      <c r="N251988" s="10"/>
    </row>
    <row r="251989" spans="14:14">
      <c r="N251989" s="10"/>
    </row>
    <row r="251990" spans="14:14">
      <c r="N251990" s="10"/>
    </row>
    <row r="251991" spans="14:14">
      <c r="N251991" s="10"/>
    </row>
    <row r="251992" spans="14:14">
      <c r="N251992" s="10"/>
    </row>
    <row r="251993" spans="14:14">
      <c r="N251993" s="10"/>
    </row>
    <row r="251994" spans="14:14">
      <c r="N251994" s="10"/>
    </row>
    <row r="251995" spans="14:14">
      <c r="N251995" s="10"/>
    </row>
    <row r="251996" spans="14:14">
      <c r="N251996" s="10"/>
    </row>
    <row r="251997" spans="14:14">
      <c r="N251997" s="10"/>
    </row>
    <row r="251998" spans="14:14">
      <c r="N251998" s="10"/>
    </row>
    <row r="251999" spans="14:14">
      <c r="N251999" s="10"/>
    </row>
    <row r="252000" spans="14:14">
      <c r="N252000" s="10"/>
    </row>
    <row r="252001" spans="14:14">
      <c r="N252001" s="10"/>
    </row>
    <row r="252002" spans="14:14">
      <c r="N252002" s="10"/>
    </row>
    <row r="252003" spans="14:14">
      <c r="N252003" s="10"/>
    </row>
    <row r="252004" spans="14:14">
      <c r="N252004" s="10"/>
    </row>
    <row r="252005" spans="14:14">
      <c r="N252005" s="10"/>
    </row>
    <row r="252006" spans="14:14">
      <c r="N252006" s="10"/>
    </row>
    <row r="252007" spans="14:14">
      <c r="N252007" s="10"/>
    </row>
    <row r="252008" spans="14:14">
      <c r="N252008" s="10"/>
    </row>
    <row r="252009" spans="14:14">
      <c r="N252009" s="10"/>
    </row>
    <row r="252010" spans="14:14">
      <c r="N252010" s="10"/>
    </row>
    <row r="252011" spans="14:14">
      <c r="N252011" s="10"/>
    </row>
    <row r="252012" spans="14:14">
      <c r="N252012" s="10"/>
    </row>
    <row r="252013" spans="14:14">
      <c r="N252013" s="10"/>
    </row>
    <row r="252014" spans="14:14">
      <c r="N252014" s="10"/>
    </row>
    <row r="252015" spans="14:14">
      <c r="N252015" s="10"/>
    </row>
    <row r="252016" spans="14:14">
      <c r="N252016" s="10"/>
    </row>
    <row r="252017" spans="14:14">
      <c r="N252017" s="10"/>
    </row>
    <row r="252018" spans="14:14">
      <c r="N252018" s="10"/>
    </row>
    <row r="252019" spans="14:14">
      <c r="N252019" s="10"/>
    </row>
    <row r="252020" spans="14:14">
      <c r="N252020" s="10"/>
    </row>
    <row r="252021" spans="14:14">
      <c r="N252021" s="10"/>
    </row>
    <row r="252022" spans="14:14">
      <c r="N252022" s="10"/>
    </row>
    <row r="252023" spans="14:14">
      <c r="N252023" s="10"/>
    </row>
    <row r="252024" spans="14:14">
      <c r="N252024" s="10"/>
    </row>
    <row r="252025" spans="14:14">
      <c r="N252025" s="10"/>
    </row>
    <row r="252026" spans="14:14">
      <c r="N252026" s="10"/>
    </row>
    <row r="252027" spans="14:14">
      <c r="N252027" s="10"/>
    </row>
    <row r="252028" spans="14:14">
      <c r="N252028" s="10"/>
    </row>
    <row r="252029" spans="14:14">
      <c r="N252029" s="10"/>
    </row>
    <row r="252030" spans="14:14">
      <c r="N252030" s="10"/>
    </row>
    <row r="252031" spans="14:14">
      <c r="N252031" s="10"/>
    </row>
    <row r="252032" spans="14:14">
      <c r="N252032" s="10"/>
    </row>
    <row r="252033" spans="14:14">
      <c r="N252033" s="10"/>
    </row>
    <row r="252034" spans="14:14">
      <c r="N252034" s="10"/>
    </row>
    <row r="252035" spans="14:14">
      <c r="N252035" s="10"/>
    </row>
    <row r="252036" spans="14:14">
      <c r="N252036" s="10"/>
    </row>
    <row r="252037" spans="14:14">
      <c r="N252037" s="10"/>
    </row>
    <row r="252038" spans="14:14">
      <c r="N252038" s="10"/>
    </row>
    <row r="252039" spans="14:14">
      <c r="N252039" s="10"/>
    </row>
    <row r="252040" spans="14:14">
      <c r="N252040" s="10"/>
    </row>
    <row r="252041" spans="14:14">
      <c r="N252041" s="10"/>
    </row>
    <row r="252042" spans="14:14">
      <c r="N252042" s="10"/>
    </row>
    <row r="252043" spans="14:14">
      <c r="N252043" s="10"/>
    </row>
    <row r="252044" spans="14:14">
      <c r="N252044" s="10"/>
    </row>
    <row r="252045" spans="14:14">
      <c r="N252045" s="10"/>
    </row>
    <row r="252046" spans="14:14">
      <c r="N252046" s="10"/>
    </row>
    <row r="252047" spans="14:14">
      <c r="N252047" s="10"/>
    </row>
    <row r="252048" spans="14:14">
      <c r="N252048" s="10"/>
    </row>
    <row r="252049" spans="14:14">
      <c r="N252049" s="10"/>
    </row>
    <row r="252050" spans="14:14">
      <c r="N252050" s="10"/>
    </row>
    <row r="252051" spans="14:14">
      <c r="N252051" s="10"/>
    </row>
    <row r="252052" spans="14:14">
      <c r="N252052" s="10"/>
    </row>
    <row r="252053" spans="14:14">
      <c r="N252053" s="10"/>
    </row>
    <row r="252054" spans="14:14">
      <c r="N252054" s="10"/>
    </row>
    <row r="252055" spans="14:14">
      <c r="N252055" s="10"/>
    </row>
    <row r="252056" spans="14:14">
      <c r="N252056" s="10"/>
    </row>
    <row r="252057" spans="14:14">
      <c r="N252057" s="10"/>
    </row>
    <row r="252058" spans="14:14">
      <c r="N252058" s="10"/>
    </row>
    <row r="252059" spans="14:14">
      <c r="N252059" s="10"/>
    </row>
    <row r="252060" spans="14:14">
      <c r="N252060" s="10"/>
    </row>
    <row r="252061" spans="14:14">
      <c r="N252061" s="10"/>
    </row>
    <row r="252062" spans="14:14">
      <c r="N252062" s="10"/>
    </row>
    <row r="252063" spans="14:14">
      <c r="N252063" s="10"/>
    </row>
    <row r="252064" spans="14:14">
      <c r="N252064" s="10"/>
    </row>
    <row r="252065" spans="14:14">
      <c r="N252065" s="10"/>
    </row>
    <row r="252066" spans="14:14">
      <c r="N252066" s="10"/>
    </row>
    <row r="252067" spans="14:14">
      <c r="N252067" s="10"/>
    </row>
    <row r="252068" spans="14:14">
      <c r="N252068" s="10"/>
    </row>
    <row r="252069" spans="14:14">
      <c r="N252069" s="10"/>
    </row>
    <row r="252070" spans="14:14">
      <c r="N252070" s="10"/>
    </row>
    <row r="252071" spans="14:14">
      <c r="N252071" s="10"/>
    </row>
    <row r="252072" spans="14:14">
      <c r="N252072" s="10"/>
    </row>
    <row r="252073" spans="14:14">
      <c r="N252073" s="10"/>
    </row>
    <row r="252074" spans="14:14">
      <c r="N252074" s="10"/>
    </row>
    <row r="252075" spans="14:14">
      <c r="N252075" s="10"/>
    </row>
    <row r="252076" spans="14:14">
      <c r="N252076" s="10"/>
    </row>
    <row r="252077" spans="14:14">
      <c r="N252077" s="10"/>
    </row>
    <row r="252078" spans="14:14">
      <c r="N252078" s="10"/>
    </row>
    <row r="252079" spans="14:14">
      <c r="N252079" s="10"/>
    </row>
    <row r="252080" spans="14:14">
      <c r="N252080" s="10"/>
    </row>
    <row r="252081" spans="14:14">
      <c r="N252081" s="10"/>
    </row>
    <row r="252082" spans="14:14">
      <c r="N252082" s="10"/>
    </row>
    <row r="252083" spans="14:14">
      <c r="N252083" s="10"/>
    </row>
    <row r="252084" spans="14:14">
      <c r="N252084" s="10"/>
    </row>
    <row r="252085" spans="14:14">
      <c r="N252085" s="10"/>
    </row>
    <row r="252086" spans="14:14">
      <c r="N252086" s="10"/>
    </row>
    <row r="252087" spans="14:14">
      <c r="N252087" s="10"/>
    </row>
    <row r="252088" spans="14:14">
      <c r="N252088" s="10"/>
    </row>
    <row r="252089" spans="14:14">
      <c r="N252089" s="10"/>
    </row>
    <row r="252090" spans="14:14">
      <c r="N252090" s="10"/>
    </row>
    <row r="252091" spans="14:14">
      <c r="N252091" s="10"/>
    </row>
    <row r="252092" spans="14:14">
      <c r="N252092" s="10"/>
    </row>
    <row r="252093" spans="14:14">
      <c r="N252093" s="10"/>
    </row>
    <row r="252094" spans="14:14">
      <c r="N252094" s="10"/>
    </row>
    <row r="252095" spans="14:14">
      <c r="N252095" s="10"/>
    </row>
    <row r="252096" spans="14:14">
      <c r="N252096" s="10"/>
    </row>
    <row r="252097" spans="14:14">
      <c r="N252097" s="10"/>
    </row>
    <row r="252098" spans="14:14">
      <c r="N252098" s="10"/>
    </row>
    <row r="252099" spans="14:14">
      <c r="N252099" s="10"/>
    </row>
    <row r="252100" spans="14:14">
      <c r="N252100" s="10"/>
    </row>
    <row r="252101" spans="14:14">
      <c r="N252101" s="10"/>
    </row>
    <row r="252102" spans="14:14">
      <c r="N252102" s="10"/>
    </row>
    <row r="252103" spans="14:14">
      <c r="N252103" s="10"/>
    </row>
    <row r="252104" spans="14:14">
      <c r="N252104" s="10"/>
    </row>
    <row r="252105" spans="14:14">
      <c r="N252105" s="10"/>
    </row>
    <row r="252106" spans="14:14">
      <c r="N252106" s="10"/>
    </row>
    <row r="252107" spans="14:14">
      <c r="N252107" s="10"/>
    </row>
    <row r="252108" spans="14:14">
      <c r="N252108" s="10"/>
    </row>
    <row r="252109" spans="14:14">
      <c r="N252109" s="10"/>
    </row>
    <row r="252110" spans="14:14">
      <c r="N252110" s="10"/>
    </row>
    <row r="252111" spans="14:14">
      <c r="N252111" s="10"/>
    </row>
    <row r="252112" spans="14:14">
      <c r="N252112" s="10"/>
    </row>
    <row r="252113" spans="14:14">
      <c r="N252113" s="10"/>
    </row>
    <row r="252114" spans="14:14">
      <c r="N252114" s="10"/>
    </row>
    <row r="252115" spans="14:14">
      <c r="N252115" s="10"/>
    </row>
    <row r="252116" spans="14:14">
      <c r="N252116" s="10"/>
    </row>
    <row r="252117" spans="14:14">
      <c r="N252117" s="10"/>
    </row>
    <row r="252118" spans="14:14">
      <c r="N252118" s="10"/>
    </row>
    <row r="252119" spans="14:14">
      <c r="N252119" s="10"/>
    </row>
    <row r="252120" spans="14:14">
      <c r="N252120" s="10"/>
    </row>
    <row r="252121" spans="14:14">
      <c r="N252121" s="10"/>
    </row>
    <row r="252122" spans="14:14">
      <c r="N252122" s="10"/>
    </row>
    <row r="252123" spans="14:14">
      <c r="N252123" s="10"/>
    </row>
    <row r="252124" spans="14:14">
      <c r="N252124" s="10"/>
    </row>
    <row r="252125" spans="14:14">
      <c r="N252125" s="10"/>
    </row>
    <row r="252126" spans="14:14">
      <c r="N252126" s="10"/>
    </row>
    <row r="252127" spans="14:14">
      <c r="N252127" s="10"/>
    </row>
    <row r="252128" spans="14:14">
      <c r="N252128" s="10"/>
    </row>
    <row r="252129" spans="14:14">
      <c r="N252129" s="10"/>
    </row>
    <row r="252130" spans="14:14">
      <c r="N252130" s="10"/>
    </row>
    <row r="252131" spans="14:14">
      <c r="N252131" s="10"/>
    </row>
    <row r="252132" spans="14:14">
      <c r="N252132" s="10"/>
    </row>
    <row r="252133" spans="14:14">
      <c r="N252133" s="10"/>
    </row>
    <row r="252134" spans="14:14">
      <c r="N252134" s="10"/>
    </row>
    <row r="252135" spans="14:14">
      <c r="N252135" s="10"/>
    </row>
    <row r="252136" spans="14:14">
      <c r="N252136" s="10"/>
    </row>
    <row r="252137" spans="14:14">
      <c r="N252137" s="10"/>
    </row>
    <row r="252138" spans="14:14">
      <c r="N252138" s="10"/>
    </row>
    <row r="252139" spans="14:14">
      <c r="N252139" s="10"/>
    </row>
    <row r="252140" spans="14:14">
      <c r="N252140" s="10"/>
    </row>
    <row r="252141" spans="14:14">
      <c r="N252141" s="10"/>
    </row>
    <row r="252142" spans="14:14">
      <c r="N252142" s="10"/>
    </row>
    <row r="252143" spans="14:14">
      <c r="N252143" s="10"/>
    </row>
    <row r="252144" spans="14:14">
      <c r="N252144" s="10"/>
    </row>
    <row r="252145" spans="14:14">
      <c r="N252145" s="10"/>
    </row>
    <row r="252146" spans="14:14">
      <c r="N252146" s="10"/>
    </row>
    <row r="252147" spans="14:14">
      <c r="N252147" s="10"/>
    </row>
    <row r="252148" spans="14:14">
      <c r="N252148" s="10"/>
    </row>
    <row r="252149" spans="14:14">
      <c r="N252149" s="10"/>
    </row>
    <row r="252150" spans="14:14">
      <c r="N252150" s="10"/>
    </row>
    <row r="252151" spans="14:14">
      <c r="N252151" s="10"/>
    </row>
    <row r="252152" spans="14:14">
      <c r="N252152" s="10"/>
    </row>
    <row r="252153" spans="14:14">
      <c r="N252153" s="10"/>
    </row>
    <row r="252154" spans="14:14">
      <c r="N252154" s="10"/>
    </row>
    <row r="252155" spans="14:14">
      <c r="N252155" s="10"/>
    </row>
    <row r="252156" spans="14:14">
      <c r="N252156" s="10"/>
    </row>
    <row r="252157" spans="14:14">
      <c r="N252157" s="10"/>
    </row>
    <row r="252158" spans="14:14">
      <c r="N252158" s="10"/>
    </row>
    <row r="252159" spans="14:14">
      <c r="N252159" s="10"/>
    </row>
    <row r="252160" spans="14:14">
      <c r="N252160" s="10"/>
    </row>
    <row r="252161" spans="14:14">
      <c r="N252161" s="10"/>
    </row>
    <row r="252162" spans="14:14">
      <c r="N252162" s="10"/>
    </row>
    <row r="252163" spans="14:14">
      <c r="N252163" s="10"/>
    </row>
    <row r="252164" spans="14:14">
      <c r="N252164" s="10"/>
    </row>
    <row r="252165" spans="14:14">
      <c r="N252165" s="10"/>
    </row>
    <row r="252166" spans="14:14">
      <c r="N252166" s="10"/>
    </row>
    <row r="252167" spans="14:14">
      <c r="N252167" s="10"/>
    </row>
    <row r="252168" spans="14:14">
      <c r="N252168" s="10"/>
    </row>
    <row r="252169" spans="14:14">
      <c r="N252169" s="10"/>
    </row>
    <row r="252170" spans="14:14">
      <c r="N252170" s="10"/>
    </row>
    <row r="252171" spans="14:14">
      <c r="N252171" s="10"/>
    </row>
    <row r="252172" spans="14:14">
      <c r="N252172" s="10"/>
    </row>
    <row r="252173" spans="14:14">
      <c r="N252173" s="10"/>
    </row>
    <row r="252174" spans="14:14">
      <c r="N252174" s="10"/>
    </row>
    <row r="252175" spans="14:14">
      <c r="N252175" s="10"/>
    </row>
    <row r="252176" spans="14:14">
      <c r="N252176" s="10"/>
    </row>
    <row r="252177" spans="14:14">
      <c r="N252177" s="10"/>
    </row>
    <row r="252178" spans="14:14">
      <c r="N252178" s="10"/>
    </row>
    <row r="252179" spans="14:14">
      <c r="N252179" s="10"/>
    </row>
    <row r="252180" spans="14:14">
      <c r="N252180" s="10"/>
    </row>
    <row r="252181" spans="14:14">
      <c r="N252181" s="10"/>
    </row>
    <row r="252182" spans="14:14">
      <c r="N252182" s="10"/>
    </row>
    <row r="252183" spans="14:14">
      <c r="N252183" s="10"/>
    </row>
    <row r="252184" spans="14:14">
      <c r="N252184" s="10"/>
    </row>
    <row r="252185" spans="14:14">
      <c r="N252185" s="10"/>
    </row>
    <row r="252186" spans="14:14">
      <c r="N252186" s="10"/>
    </row>
    <row r="252187" spans="14:14">
      <c r="N252187" s="10"/>
    </row>
    <row r="252188" spans="14:14">
      <c r="N252188" s="10"/>
    </row>
    <row r="252189" spans="14:14">
      <c r="N252189" s="10"/>
    </row>
    <row r="252190" spans="14:14">
      <c r="N252190" s="10"/>
    </row>
    <row r="252191" spans="14:14">
      <c r="N252191" s="10"/>
    </row>
    <row r="252192" spans="14:14">
      <c r="N252192" s="10"/>
    </row>
    <row r="252193" spans="14:14">
      <c r="N252193" s="10"/>
    </row>
    <row r="252194" spans="14:14">
      <c r="N252194" s="10"/>
    </row>
    <row r="252195" spans="14:14">
      <c r="N252195" s="10"/>
    </row>
    <row r="252196" spans="14:14">
      <c r="N252196" s="10"/>
    </row>
    <row r="252197" spans="14:14">
      <c r="N252197" s="10"/>
    </row>
    <row r="252198" spans="14:14">
      <c r="N252198" s="10"/>
    </row>
    <row r="252199" spans="14:14">
      <c r="N252199" s="10"/>
    </row>
    <row r="252200" spans="14:14">
      <c r="N252200" s="10"/>
    </row>
    <row r="252201" spans="14:14">
      <c r="N252201" s="10"/>
    </row>
    <row r="252202" spans="14:14">
      <c r="N252202" s="10"/>
    </row>
    <row r="252203" spans="14:14">
      <c r="N252203" s="10"/>
    </row>
    <row r="252204" spans="14:14">
      <c r="N252204" s="10"/>
    </row>
    <row r="252205" spans="14:14">
      <c r="N252205" s="10"/>
    </row>
    <row r="252206" spans="14:14">
      <c r="N252206" s="10"/>
    </row>
    <row r="252207" spans="14:14">
      <c r="N252207" s="10"/>
    </row>
    <row r="252208" spans="14:14">
      <c r="N252208" s="10"/>
    </row>
    <row r="252209" spans="14:14">
      <c r="N252209" s="10"/>
    </row>
    <row r="252210" spans="14:14">
      <c r="N252210" s="10"/>
    </row>
    <row r="252211" spans="14:14">
      <c r="N252211" s="10"/>
    </row>
    <row r="252212" spans="14:14">
      <c r="N252212" s="10"/>
    </row>
    <row r="252213" spans="14:14">
      <c r="N252213" s="10"/>
    </row>
    <row r="252214" spans="14:14">
      <c r="N252214" s="10"/>
    </row>
    <row r="252215" spans="14:14">
      <c r="N252215" s="10"/>
    </row>
    <row r="252216" spans="14:14">
      <c r="N252216" s="10"/>
    </row>
    <row r="252217" spans="14:14">
      <c r="N252217" s="10"/>
    </row>
    <row r="252218" spans="14:14">
      <c r="N252218" s="10"/>
    </row>
    <row r="252219" spans="14:14">
      <c r="N252219" s="10"/>
    </row>
    <row r="252220" spans="14:14">
      <c r="N252220" s="10"/>
    </row>
    <row r="252221" spans="14:14">
      <c r="N252221" s="10"/>
    </row>
    <row r="252222" spans="14:14">
      <c r="N252222" s="10"/>
    </row>
    <row r="252223" spans="14:14">
      <c r="N252223" s="10"/>
    </row>
    <row r="252224" spans="14:14">
      <c r="N252224" s="10"/>
    </row>
    <row r="252225" spans="14:14">
      <c r="N252225" s="10"/>
    </row>
    <row r="252226" spans="14:14">
      <c r="N252226" s="10"/>
    </row>
    <row r="252227" spans="14:14">
      <c r="N252227" s="10"/>
    </row>
    <row r="252228" spans="14:14">
      <c r="N252228" s="10"/>
    </row>
    <row r="252229" spans="14:14">
      <c r="N252229" s="10"/>
    </row>
    <row r="252230" spans="14:14">
      <c r="N252230" s="10"/>
    </row>
    <row r="252231" spans="14:14">
      <c r="N252231" s="10"/>
    </row>
    <row r="252232" spans="14:14">
      <c r="N252232" s="10"/>
    </row>
    <row r="252233" spans="14:14">
      <c r="N252233" s="10"/>
    </row>
    <row r="252234" spans="14:14">
      <c r="N252234" s="10"/>
    </row>
    <row r="252235" spans="14:14">
      <c r="N252235" s="10"/>
    </row>
    <row r="252236" spans="14:14">
      <c r="N252236" s="10"/>
    </row>
    <row r="252237" spans="14:14">
      <c r="N252237" s="10"/>
    </row>
    <row r="252238" spans="14:14">
      <c r="N252238" s="10"/>
    </row>
    <row r="252239" spans="14:14">
      <c r="N252239" s="10"/>
    </row>
    <row r="252240" spans="14:14">
      <c r="N252240" s="10"/>
    </row>
    <row r="252241" spans="14:14">
      <c r="N252241" s="10"/>
    </row>
    <row r="252242" spans="14:14">
      <c r="N252242" s="10"/>
    </row>
    <row r="252243" spans="14:14">
      <c r="N252243" s="10"/>
    </row>
    <row r="252244" spans="14:14">
      <c r="N252244" s="10"/>
    </row>
    <row r="252245" spans="14:14">
      <c r="N252245" s="10"/>
    </row>
    <row r="252246" spans="14:14">
      <c r="N252246" s="10"/>
    </row>
    <row r="252247" spans="14:14">
      <c r="N252247" s="10"/>
    </row>
    <row r="252248" spans="14:14">
      <c r="N252248" s="10"/>
    </row>
    <row r="252249" spans="14:14">
      <c r="N252249" s="10"/>
    </row>
    <row r="252250" spans="14:14">
      <c r="N252250" s="10"/>
    </row>
    <row r="252251" spans="14:14">
      <c r="N252251" s="10"/>
    </row>
    <row r="252252" spans="14:14">
      <c r="N252252" s="10"/>
    </row>
    <row r="252253" spans="14:14">
      <c r="N252253" s="10"/>
    </row>
    <row r="252254" spans="14:14">
      <c r="N252254" s="10"/>
    </row>
    <row r="252255" spans="14:14">
      <c r="N252255" s="10"/>
    </row>
    <row r="252256" spans="14:14">
      <c r="N252256" s="10"/>
    </row>
    <row r="252257" spans="14:14">
      <c r="N252257" s="10"/>
    </row>
    <row r="252258" spans="14:14">
      <c r="N252258" s="10"/>
    </row>
    <row r="252259" spans="14:14">
      <c r="N252259" s="10"/>
    </row>
    <row r="252260" spans="14:14">
      <c r="N252260" s="10"/>
    </row>
    <row r="252261" spans="14:14">
      <c r="N252261" s="10"/>
    </row>
    <row r="252262" spans="14:14">
      <c r="N252262" s="10"/>
    </row>
    <row r="252263" spans="14:14">
      <c r="N252263" s="10"/>
    </row>
    <row r="252264" spans="14:14">
      <c r="N252264" s="10"/>
    </row>
    <row r="252265" spans="14:14">
      <c r="N252265" s="10"/>
    </row>
    <row r="252266" spans="14:14">
      <c r="N252266" s="10"/>
    </row>
    <row r="252267" spans="14:14">
      <c r="N252267" s="10"/>
    </row>
    <row r="252268" spans="14:14">
      <c r="N252268" s="10"/>
    </row>
    <row r="252269" spans="14:14">
      <c r="N252269" s="10"/>
    </row>
    <row r="252270" spans="14:14">
      <c r="N252270" s="10"/>
    </row>
    <row r="252271" spans="14:14">
      <c r="N252271" s="10"/>
    </row>
    <row r="252272" spans="14:14">
      <c r="N252272" s="10"/>
    </row>
    <row r="252273" spans="14:14">
      <c r="N252273" s="10"/>
    </row>
    <row r="252274" spans="14:14">
      <c r="N252274" s="10"/>
    </row>
    <row r="252275" spans="14:14">
      <c r="N252275" s="10"/>
    </row>
    <row r="252276" spans="14:14">
      <c r="N252276" s="10"/>
    </row>
    <row r="252277" spans="14:14">
      <c r="N252277" s="10"/>
    </row>
    <row r="252278" spans="14:14">
      <c r="N252278" s="10"/>
    </row>
    <row r="252279" spans="14:14">
      <c r="N252279" s="10"/>
    </row>
    <row r="252280" spans="14:14">
      <c r="N252280" s="10"/>
    </row>
    <row r="252281" spans="14:14">
      <c r="N252281" s="10"/>
    </row>
    <row r="252282" spans="14:14">
      <c r="N252282" s="10"/>
    </row>
    <row r="252283" spans="14:14">
      <c r="N252283" s="10"/>
    </row>
    <row r="252284" spans="14:14">
      <c r="N252284" s="10"/>
    </row>
    <row r="252285" spans="14:14">
      <c r="N252285" s="10"/>
    </row>
    <row r="252286" spans="14:14">
      <c r="N252286" s="10"/>
    </row>
    <row r="252287" spans="14:14">
      <c r="N252287" s="10"/>
    </row>
    <row r="252288" spans="14:14">
      <c r="N252288" s="10"/>
    </row>
    <row r="252289" spans="14:14">
      <c r="N252289" s="10"/>
    </row>
    <row r="252290" spans="14:14">
      <c r="N252290" s="10"/>
    </row>
    <row r="252291" spans="14:14">
      <c r="N252291" s="10"/>
    </row>
    <row r="252292" spans="14:14">
      <c r="N252292" s="10"/>
    </row>
    <row r="252293" spans="14:14">
      <c r="N252293" s="10"/>
    </row>
    <row r="252294" spans="14:14">
      <c r="N252294" s="10"/>
    </row>
    <row r="252295" spans="14:14">
      <c r="N252295" s="10"/>
    </row>
    <row r="252296" spans="14:14">
      <c r="N252296" s="10"/>
    </row>
    <row r="252297" spans="14:14">
      <c r="N252297" s="10"/>
    </row>
    <row r="252298" spans="14:14">
      <c r="N252298" s="10"/>
    </row>
    <row r="252299" spans="14:14">
      <c r="N252299" s="10"/>
    </row>
    <row r="252300" spans="14:14">
      <c r="N252300" s="10"/>
    </row>
    <row r="252301" spans="14:14">
      <c r="N252301" s="10"/>
    </row>
    <row r="252302" spans="14:14">
      <c r="N252302" s="10"/>
    </row>
    <row r="252303" spans="14:14">
      <c r="N252303" s="10"/>
    </row>
    <row r="252304" spans="14:14">
      <c r="N252304" s="10"/>
    </row>
    <row r="252305" spans="14:14">
      <c r="N252305" s="10"/>
    </row>
    <row r="252306" spans="14:14">
      <c r="N252306" s="10"/>
    </row>
    <row r="252307" spans="14:14">
      <c r="N252307" s="10"/>
    </row>
    <row r="252308" spans="14:14">
      <c r="N252308" s="10"/>
    </row>
    <row r="252309" spans="14:14">
      <c r="N252309" s="10"/>
    </row>
    <row r="252310" spans="14:14">
      <c r="N252310" s="10"/>
    </row>
    <row r="252311" spans="14:14">
      <c r="N252311" s="10"/>
    </row>
    <row r="252312" spans="14:14">
      <c r="N252312" s="10"/>
    </row>
    <row r="252313" spans="14:14">
      <c r="N252313" s="10"/>
    </row>
    <row r="252314" spans="14:14">
      <c r="N252314" s="10"/>
    </row>
    <row r="252315" spans="14:14">
      <c r="N252315" s="10"/>
    </row>
    <row r="252316" spans="14:14">
      <c r="N252316" s="10"/>
    </row>
    <row r="252317" spans="14:14">
      <c r="N252317" s="10"/>
    </row>
    <row r="252318" spans="14:14">
      <c r="N252318" s="10"/>
    </row>
    <row r="252319" spans="14:14">
      <c r="N252319" s="10"/>
    </row>
    <row r="252320" spans="14:14">
      <c r="N252320" s="10"/>
    </row>
    <row r="252321" spans="14:14">
      <c r="N252321" s="10"/>
    </row>
    <row r="252322" spans="14:14">
      <c r="N252322" s="10"/>
    </row>
    <row r="252323" spans="14:14">
      <c r="N252323" s="10"/>
    </row>
    <row r="252324" spans="14:14">
      <c r="N252324" s="10"/>
    </row>
    <row r="252325" spans="14:14">
      <c r="N252325" s="10"/>
    </row>
    <row r="252326" spans="14:14">
      <c r="N252326" s="10"/>
    </row>
    <row r="252327" spans="14:14">
      <c r="N252327" s="10"/>
    </row>
    <row r="252328" spans="14:14">
      <c r="N252328" s="10"/>
    </row>
    <row r="252329" spans="14:14">
      <c r="N252329" s="10"/>
    </row>
    <row r="252330" spans="14:14">
      <c r="N252330" s="10"/>
    </row>
    <row r="252331" spans="14:14">
      <c r="N252331" s="10"/>
    </row>
    <row r="252332" spans="14:14">
      <c r="N252332" s="10"/>
    </row>
    <row r="252333" spans="14:14">
      <c r="N252333" s="10"/>
    </row>
    <row r="252334" spans="14:14">
      <c r="N252334" s="10"/>
    </row>
    <row r="252335" spans="14:14">
      <c r="N252335" s="10"/>
    </row>
    <row r="252336" spans="14:14">
      <c r="N252336" s="10"/>
    </row>
    <row r="252337" spans="14:14">
      <c r="N252337" s="10"/>
    </row>
    <row r="252338" spans="14:14">
      <c r="N252338" s="10"/>
    </row>
    <row r="252339" spans="14:14">
      <c r="N252339" s="10"/>
    </row>
    <row r="252340" spans="14:14">
      <c r="N252340" s="10"/>
    </row>
    <row r="252341" spans="14:14">
      <c r="N252341" s="10"/>
    </row>
    <row r="252342" spans="14:14">
      <c r="N252342" s="10"/>
    </row>
    <row r="252343" spans="14:14">
      <c r="N252343" s="10"/>
    </row>
    <row r="252344" spans="14:14">
      <c r="N252344" s="10"/>
    </row>
    <row r="252345" spans="14:14">
      <c r="N252345" s="10"/>
    </row>
    <row r="252346" spans="14:14">
      <c r="N252346" s="10"/>
    </row>
    <row r="252347" spans="14:14">
      <c r="N252347" s="10"/>
    </row>
    <row r="252348" spans="14:14">
      <c r="N252348" s="10"/>
    </row>
    <row r="252349" spans="14:14">
      <c r="N252349" s="10"/>
    </row>
    <row r="252350" spans="14:14">
      <c r="N252350" s="10"/>
    </row>
    <row r="252351" spans="14:14">
      <c r="N252351" s="10"/>
    </row>
    <row r="252352" spans="14:14">
      <c r="N252352" s="10"/>
    </row>
    <row r="252353" spans="14:14">
      <c r="N252353" s="10"/>
    </row>
    <row r="252354" spans="14:14">
      <c r="N252354" s="10"/>
    </row>
    <row r="252355" spans="14:14">
      <c r="N252355" s="10"/>
    </row>
    <row r="252356" spans="14:14">
      <c r="N252356" s="10"/>
    </row>
    <row r="252357" spans="14:14">
      <c r="N252357" s="10"/>
    </row>
    <row r="252358" spans="14:14">
      <c r="N252358" s="10"/>
    </row>
    <row r="252359" spans="14:14">
      <c r="N252359" s="10"/>
    </row>
    <row r="252360" spans="14:14">
      <c r="N252360" s="10"/>
    </row>
    <row r="252361" spans="14:14">
      <c r="N252361" s="10"/>
    </row>
    <row r="252362" spans="14:14">
      <c r="N252362" s="10"/>
    </row>
    <row r="252363" spans="14:14">
      <c r="N252363" s="10"/>
    </row>
    <row r="252364" spans="14:14">
      <c r="N252364" s="10"/>
    </row>
    <row r="252365" spans="14:14">
      <c r="N252365" s="10"/>
    </row>
    <row r="252366" spans="14:14">
      <c r="N252366" s="10"/>
    </row>
    <row r="252367" spans="14:14">
      <c r="N252367" s="10"/>
    </row>
    <row r="252368" spans="14:14">
      <c r="N252368" s="10"/>
    </row>
    <row r="252369" spans="14:14">
      <c r="N252369" s="10"/>
    </row>
    <row r="252370" spans="14:14">
      <c r="N252370" s="10"/>
    </row>
    <row r="252371" spans="14:14">
      <c r="N252371" s="10"/>
    </row>
    <row r="252372" spans="14:14">
      <c r="N252372" s="10"/>
    </row>
    <row r="252373" spans="14:14">
      <c r="N252373" s="10"/>
    </row>
    <row r="252374" spans="14:14">
      <c r="N252374" s="10"/>
    </row>
    <row r="252375" spans="14:14">
      <c r="N252375" s="10"/>
    </row>
    <row r="252376" spans="14:14">
      <c r="N252376" s="10"/>
    </row>
    <row r="252377" spans="14:14">
      <c r="N252377" s="10"/>
    </row>
    <row r="252378" spans="14:14">
      <c r="N252378" s="10"/>
    </row>
    <row r="252379" spans="14:14">
      <c r="N252379" s="10"/>
    </row>
    <row r="252380" spans="14:14">
      <c r="N252380" s="10"/>
    </row>
    <row r="252381" spans="14:14">
      <c r="N252381" s="10"/>
    </row>
    <row r="252382" spans="14:14">
      <c r="N252382" s="10"/>
    </row>
    <row r="252383" spans="14:14">
      <c r="N252383" s="10"/>
    </row>
    <row r="252384" spans="14:14">
      <c r="N252384" s="10"/>
    </row>
    <row r="252385" spans="14:14">
      <c r="N252385" s="10"/>
    </row>
    <row r="252386" spans="14:14">
      <c r="N252386" s="10"/>
    </row>
    <row r="252387" spans="14:14">
      <c r="N252387" s="10"/>
    </row>
    <row r="252388" spans="14:14">
      <c r="N252388" s="10"/>
    </row>
    <row r="252389" spans="14:14">
      <c r="N252389" s="10"/>
    </row>
    <row r="252390" spans="14:14">
      <c r="N252390" s="10"/>
    </row>
    <row r="252391" spans="14:14">
      <c r="N252391" s="10"/>
    </row>
    <row r="252392" spans="14:14">
      <c r="N252392" s="10"/>
    </row>
    <row r="252393" spans="14:14">
      <c r="N252393" s="10"/>
    </row>
    <row r="252394" spans="14:14">
      <c r="N252394" s="10"/>
    </row>
    <row r="252395" spans="14:14">
      <c r="N252395" s="10"/>
    </row>
    <row r="252396" spans="14:14">
      <c r="N252396" s="10"/>
    </row>
    <row r="252397" spans="14:14">
      <c r="N252397" s="10"/>
    </row>
    <row r="252398" spans="14:14">
      <c r="N252398" s="10"/>
    </row>
    <row r="252399" spans="14:14">
      <c r="N252399" s="10"/>
    </row>
    <row r="252400" spans="14:14">
      <c r="N252400" s="10"/>
    </row>
    <row r="252401" spans="14:14">
      <c r="N252401" s="10"/>
    </row>
    <row r="252402" spans="14:14">
      <c r="N252402" s="10"/>
    </row>
    <row r="252403" spans="14:14">
      <c r="N252403" s="10"/>
    </row>
    <row r="252404" spans="14:14">
      <c r="N252404" s="10"/>
    </row>
    <row r="252405" spans="14:14">
      <c r="N252405" s="10"/>
    </row>
    <row r="252406" spans="14:14">
      <c r="N252406" s="10"/>
    </row>
    <row r="252407" spans="14:14">
      <c r="N252407" s="10"/>
    </row>
    <row r="252408" spans="14:14">
      <c r="N252408" s="10"/>
    </row>
    <row r="252409" spans="14:14">
      <c r="N252409" s="10"/>
    </row>
    <row r="252410" spans="14:14">
      <c r="N252410" s="10"/>
    </row>
    <row r="252411" spans="14:14">
      <c r="N252411" s="10"/>
    </row>
    <row r="252412" spans="14:14">
      <c r="N252412" s="10"/>
    </row>
    <row r="252413" spans="14:14">
      <c r="N252413" s="10"/>
    </row>
    <row r="252414" spans="14:14">
      <c r="N252414" s="10"/>
    </row>
    <row r="252415" spans="14:14">
      <c r="N252415" s="10"/>
    </row>
    <row r="252416" spans="14:14">
      <c r="N252416" s="10"/>
    </row>
    <row r="252417" spans="14:14">
      <c r="N252417" s="10"/>
    </row>
    <row r="252418" spans="14:14">
      <c r="N252418" s="10"/>
    </row>
    <row r="252419" spans="14:14">
      <c r="N252419" s="10"/>
    </row>
    <row r="252420" spans="14:14">
      <c r="N252420" s="10"/>
    </row>
    <row r="252421" spans="14:14">
      <c r="N252421" s="10"/>
    </row>
    <row r="252422" spans="14:14">
      <c r="N252422" s="10"/>
    </row>
    <row r="252423" spans="14:14">
      <c r="N252423" s="10"/>
    </row>
    <row r="252424" spans="14:14">
      <c r="N252424" s="10"/>
    </row>
    <row r="252425" spans="14:14">
      <c r="N252425" s="10"/>
    </row>
    <row r="252426" spans="14:14">
      <c r="N252426" s="10"/>
    </row>
    <row r="252427" spans="14:14">
      <c r="N252427" s="10"/>
    </row>
    <row r="252428" spans="14:14">
      <c r="N252428" s="10"/>
    </row>
    <row r="252429" spans="14:14">
      <c r="N252429" s="10"/>
    </row>
    <row r="252430" spans="14:14">
      <c r="N252430" s="10"/>
    </row>
    <row r="252431" spans="14:14">
      <c r="N252431" s="10"/>
    </row>
    <row r="252432" spans="14:14">
      <c r="N252432" s="10"/>
    </row>
    <row r="252433" spans="14:14">
      <c r="N252433" s="10"/>
    </row>
    <row r="252434" spans="14:14">
      <c r="N252434" s="10"/>
    </row>
    <row r="252435" spans="14:14">
      <c r="N252435" s="10"/>
    </row>
    <row r="252436" spans="14:14">
      <c r="N252436" s="10"/>
    </row>
    <row r="252437" spans="14:14">
      <c r="N252437" s="10"/>
    </row>
    <row r="252438" spans="14:14">
      <c r="N252438" s="10"/>
    </row>
    <row r="252439" spans="14:14">
      <c r="N252439" s="10"/>
    </row>
    <row r="252440" spans="14:14">
      <c r="N252440" s="10"/>
    </row>
    <row r="252441" spans="14:14">
      <c r="N252441" s="10"/>
    </row>
    <row r="252442" spans="14:14">
      <c r="N252442" s="10"/>
    </row>
    <row r="252443" spans="14:14">
      <c r="N252443" s="10"/>
    </row>
    <row r="252444" spans="14:14">
      <c r="N252444" s="10"/>
    </row>
    <row r="252445" spans="14:14">
      <c r="N252445" s="10"/>
    </row>
    <row r="252446" spans="14:14">
      <c r="N252446" s="10"/>
    </row>
    <row r="252447" spans="14:14">
      <c r="N252447" s="10"/>
    </row>
    <row r="252448" spans="14:14">
      <c r="N252448" s="10"/>
    </row>
    <row r="252449" spans="14:14">
      <c r="N252449" s="10"/>
    </row>
    <row r="252450" spans="14:14">
      <c r="N252450" s="10"/>
    </row>
    <row r="252451" spans="14:14">
      <c r="N252451" s="10"/>
    </row>
    <row r="252452" spans="14:14">
      <c r="N252452" s="10"/>
    </row>
    <row r="252453" spans="14:14">
      <c r="N252453" s="10"/>
    </row>
    <row r="252454" spans="14:14">
      <c r="N252454" s="10"/>
    </row>
    <row r="252455" spans="14:14">
      <c r="N252455" s="10"/>
    </row>
    <row r="252456" spans="14:14">
      <c r="N252456" s="10"/>
    </row>
    <row r="252457" spans="14:14">
      <c r="N252457" s="10"/>
    </row>
    <row r="252458" spans="14:14">
      <c r="N252458" s="10"/>
    </row>
    <row r="252459" spans="14:14">
      <c r="N252459" s="10"/>
    </row>
    <row r="252460" spans="14:14">
      <c r="N252460" s="10"/>
    </row>
    <row r="252461" spans="14:14">
      <c r="N252461" s="10"/>
    </row>
    <row r="252462" spans="14:14">
      <c r="N252462" s="10"/>
    </row>
    <row r="252463" spans="14:14">
      <c r="N252463" s="10"/>
    </row>
    <row r="252464" spans="14:14">
      <c r="N252464" s="10"/>
    </row>
    <row r="252465" spans="14:14">
      <c r="N252465" s="10"/>
    </row>
    <row r="252466" spans="14:14">
      <c r="N252466" s="10"/>
    </row>
    <row r="252467" spans="14:14">
      <c r="N252467" s="10"/>
    </row>
    <row r="252468" spans="14:14">
      <c r="N252468" s="10"/>
    </row>
    <row r="252469" spans="14:14">
      <c r="N252469" s="10"/>
    </row>
    <row r="252470" spans="14:14">
      <c r="N252470" s="10"/>
    </row>
    <row r="252471" spans="14:14">
      <c r="N252471" s="10"/>
    </row>
    <row r="252472" spans="14:14">
      <c r="N252472" s="10"/>
    </row>
    <row r="252473" spans="14:14">
      <c r="N252473" s="10"/>
    </row>
    <row r="252474" spans="14:14">
      <c r="N252474" s="10"/>
    </row>
    <row r="252475" spans="14:14">
      <c r="N252475" s="10"/>
    </row>
    <row r="252476" spans="14:14">
      <c r="N252476" s="10"/>
    </row>
    <row r="252477" spans="14:14">
      <c r="N252477" s="10"/>
    </row>
    <row r="252478" spans="14:14">
      <c r="N252478" s="10"/>
    </row>
    <row r="252479" spans="14:14">
      <c r="N252479" s="10"/>
    </row>
    <row r="252480" spans="14:14">
      <c r="N252480" s="10"/>
    </row>
    <row r="252481" spans="14:14">
      <c r="N252481" s="10"/>
    </row>
    <row r="252482" spans="14:14">
      <c r="N252482" s="10"/>
    </row>
    <row r="252483" spans="14:14">
      <c r="N252483" s="10"/>
    </row>
    <row r="252484" spans="14:14">
      <c r="N252484" s="10"/>
    </row>
    <row r="252485" spans="14:14">
      <c r="N252485" s="10"/>
    </row>
    <row r="252486" spans="14:14">
      <c r="N252486" s="10"/>
    </row>
    <row r="252487" spans="14:14">
      <c r="N252487" s="10"/>
    </row>
    <row r="252488" spans="14:14">
      <c r="N252488" s="10"/>
    </row>
    <row r="252489" spans="14:14">
      <c r="N252489" s="10"/>
    </row>
    <row r="252490" spans="14:14">
      <c r="N252490" s="10"/>
    </row>
    <row r="252491" spans="14:14">
      <c r="N252491" s="10"/>
    </row>
    <row r="252492" spans="14:14">
      <c r="N252492" s="10"/>
    </row>
    <row r="252493" spans="14:14">
      <c r="N252493" s="10"/>
    </row>
    <row r="252494" spans="14:14">
      <c r="N252494" s="10"/>
    </row>
    <row r="252495" spans="14:14">
      <c r="N252495" s="10"/>
    </row>
    <row r="252496" spans="14:14">
      <c r="N252496" s="10"/>
    </row>
    <row r="252497" spans="14:14">
      <c r="N252497" s="10"/>
    </row>
    <row r="252498" spans="14:14">
      <c r="N252498" s="10"/>
    </row>
    <row r="252499" spans="14:14">
      <c r="N252499" s="10"/>
    </row>
    <row r="252500" spans="14:14">
      <c r="N252500" s="10"/>
    </row>
    <row r="252501" spans="14:14">
      <c r="N252501" s="10"/>
    </row>
    <row r="252502" spans="14:14">
      <c r="N252502" s="10"/>
    </row>
    <row r="252503" spans="14:14">
      <c r="N252503" s="10"/>
    </row>
    <row r="252504" spans="14:14">
      <c r="N252504" s="10"/>
    </row>
    <row r="252505" spans="14:14">
      <c r="N252505" s="10"/>
    </row>
    <row r="252506" spans="14:14">
      <c r="N252506" s="10"/>
    </row>
    <row r="252507" spans="14:14">
      <c r="N252507" s="10"/>
    </row>
    <row r="252508" spans="14:14">
      <c r="N252508" s="10"/>
    </row>
    <row r="252509" spans="14:14">
      <c r="N252509" s="10"/>
    </row>
    <row r="252510" spans="14:14">
      <c r="N252510" s="10"/>
    </row>
    <row r="252511" spans="14:14">
      <c r="N252511" s="10"/>
    </row>
    <row r="252512" spans="14:14">
      <c r="N252512" s="10"/>
    </row>
    <row r="252513" spans="14:14">
      <c r="N252513" s="10"/>
    </row>
    <row r="252514" spans="14:14">
      <c r="N252514" s="10"/>
    </row>
    <row r="252515" spans="14:14">
      <c r="N252515" s="10"/>
    </row>
    <row r="252516" spans="14:14">
      <c r="N252516" s="10"/>
    </row>
    <row r="252517" spans="14:14">
      <c r="N252517" s="10"/>
    </row>
    <row r="252518" spans="14:14">
      <c r="N252518" s="10"/>
    </row>
    <row r="252519" spans="14:14">
      <c r="N252519" s="10"/>
    </row>
    <row r="252520" spans="14:14">
      <c r="N252520" s="10"/>
    </row>
    <row r="252521" spans="14:14">
      <c r="N252521" s="10"/>
    </row>
    <row r="252522" spans="14:14">
      <c r="N252522" s="10"/>
    </row>
    <row r="252523" spans="14:14">
      <c r="N252523" s="10"/>
    </row>
    <row r="252524" spans="14:14">
      <c r="N252524" s="10"/>
    </row>
    <row r="252525" spans="14:14">
      <c r="N252525" s="10"/>
    </row>
    <row r="252526" spans="14:14">
      <c r="N252526" s="10"/>
    </row>
    <row r="252527" spans="14:14">
      <c r="N252527" s="10"/>
    </row>
    <row r="252528" spans="14:14">
      <c r="N252528" s="10"/>
    </row>
    <row r="252529" spans="14:14">
      <c r="N252529" s="10"/>
    </row>
    <row r="252530" spans="14:14">
      <c r="N252530" s="10"/>
    </row>
    <row r="252531" spans="14:14">
      <c r="N252531" s="10"/>
    </row>
    <row r="252532" spans="14:14">
      <c r="N252532" s="10"/>
    </row>
    <row r="252533" spans="14:14">
      <c r="N252533" s="10"/>
    </row>
    <row r="252534" spans="14:14">
      <c r="N252534" s="10"/>
    </row>
    <row r="252535" spans="14:14">
      <c r="N252535" s="10"/>
    </row>
    <row r="252536" spans="14:14">
      <c r="N252536" s="10"/>
    </row>
    <row r="252537" spans="14:14">
      <c r="N252537" s="10"/>
    </row>
    <row r="252538" spans="14:14">
      <c r="N252538" s="10"/>
    </row>
    <row r="252539" spans="14:14">
      <c r="N252539" s="10"/>
    </row>
    <row r="252540" spans="14:14">
      <c r="N252540" s="10"/>
    </row>
    <row r="252541" spans="14:14">
      <c r="N252541" s="10"/>
    </row>
    <row r="252542" spans="14:14">
      <c r="N252542" s="10"/>
    </row>
    <row r="252543" spans="14:14">
      <c r="N252543" s="10"/>
    </row>
    <row r="252544" spans="14:14">
      <c r="N252544" s="10"/>
    </row>
    <row r="252545" spans="14:14">
      <c r="N252545" s="10"/>
    </row>
    <row r="252546" spans="14:14">
      <c r="N252546" s="10"/>
    </row>
    <row r="252547" spans="14:14">
      <c r="N252547" s="10"/>
    </row>
    <row r="252548" spans="14:14">
      <c r="N252548" s="10"/>
    </row>
    <row r="252549" spans="14:14">
      <c r="N252549" s="10"/>
    </row>
    <row r="252550" spans="14:14">
      <c r="N252550" s="10"/>
    </row>
    <row r="252551" spans="14:14">
      <c r="N252551" s="10"/>
    </row>
    <row r="252552" spans="14:14">
      <c r="N252552" s="10"/>
    </row>
    <row r="252553" spans="14:14">
      <c r="N252553" s="10"/>
    </row>
    <row r="252554" spans="14:14">
      <c r="N252554" s="10"/>
    </row>
    <row r="252555" spans="14:14">
      <c r="N252555" s="10"/>
    </row>
    <row r="252556" spans="14:14">
      <c r="N252556" s="10"/>
    </row>
    <row r="252557" spans="14:14">
      <c r="N252557" s="10"/>
    </row>
    <row r="252558" spans="14:14">
      <c r="N252558" s="10"/>
    </row>
    <row r="252559" spans="14:14">
      <c r="N252559" s="10"/>
    </row>
    <row r="252560" spans="14:14">
      <c r="N252560" s="10"/>
    </row>
    <row r="252561" spans="14:14">
      <c r="N252561" s="10"/>
    </row>
    <row r="252562" spans="14:14">
      <c r="N252562" s="10"/>
    </row>
    <row r="252563" spans="14:14">
      <c r="N252563" s="10"/>
    </row>
    <row r="252564" spans="14:14">
      <c r="N252564" s="10"/>
    </row>
    <row r="252565" spans="14:14">
      <c r="N252565" s="10"/>
    </row>
    <row r="252566" spans="14:14">
      <c r="N252566" s="10"/>
    </row>
    <row r="252567" spans="14:14">
      <c r="N252567" s="10"/>
    </row>
    <row r="252568" spans="14:14">
      <c r="N252568" s="10"/>
    </row>
    <row r="252569" spans="14:14">
      <c r="N252569" s="10"/>
    </row>
    <row r="252570" spans="14:14">
      <c r="N252570" s="10"/>
    </row>
    <row r="252571" spans="14:14">
      <c r="N252571" s="10"/>
    </row>
    <row r="252572" spans="14:14">
      <c r="N252572" s="10"/>
    </row>
    <row r="252573" spans="14:14">
      <c r="N252573" s="10"/>
    </row>
    <row r="252574" spans="14:14">
      <c r="N252574" s="10"/>
    </row>
    <row r="252575" spans="14:14">
      <c r="N252575" s="10"/>
    </row>
    <row r="252576" spans="14:14">
      <c r="N252576" s="10"/>
    </row>
    <row r="252577" spans="14:14">
      <c r="N252577" s="10"/>
    </row>
    <row r="252578" spans="14:14">
      <c r="N252578" s="10"/>
    </row>
    <row r="252579" spans="14:14">
      <c r="N252579" s="10"/>
    </row>
    <row r="252580" spans="14:14">
      <c r="N252580" s="10"/>
    </row>
    <row r="252581" spans="14:14">
      <c r="N252581" s="10"/>
    </row>
    <row r="252582" spans="14:14">
      <c r="N252582" s="10"/>
    </row>
    <row r="252583" spans="14:14">
      <c r="N252583" s="10"/>
    </row>
    <row r="252584" spans="14:14">
      <c r="N252584" s="10"/>
    </row>
    <row r="252585" spans="14:14">
      <c r="N252585" s="10"/>
    </row>
    <row r="252586" spans="14:14">
      <c r="N252586" s="10"/>
    </row>
    <row r="252587" spans="14:14">
      <c r="N252587" s="10"/>
    </row>
    <row r="252588" spans="14:14">
      <c r="N252588" s="10"/>
    </row>
    <row r="252589" spans="14:14">
      <c r="N252589" s="10"/>
    </row>
    <row r="252590" spans="14:14">
      <c r="N252590" s="10"/>
    </row>
    <row r="252591" spans="14:14">
      <c r="N252591" s="10"/>
    </row>
    <row r="252592" spans="14:14">
      <c r="N252592" s="10"/>
    </row>
    <row r="252593" spans="14:14">
      <c r="N252593" s="10"/>
    </row>
    <row r="252594" spans="14:14">
      <c r="N252594" s="10"/>
    </row>
    <row r="252595" spans="14:14">
      <c r="N252595" s="10"/>
    </row>
    <row r="252596" spans="14:14">
      <c r="N252596" s="10"/>
    </row>
    <row r="252597" spans="14:14">
      <c r="N252597" s="10"/>
    </row>
    <row r="252598" spans="14:14">
      <c r="N252598" s="10"/>
    </row>
    <row r="252599" spans="14:14">
      <c r="N252599" s="10"/>
    </row>
    <row r="252600" spans="14:14">
      <c r="N252600" s="10"/>
    </row>
    <row r="252601" spans="14:14">
      <c r="N252601" s="10"/>
    </row>
    <row r="252602" spans="14:14">
      <c r="N252602" s="10"/>
    </row>
    <row r="252603" spans="14:14">
      <c r="N252603" s="10"/>
    </row>
    <row r="252604" spans="14:14">
      <c r="N252604" s="10"/>
    </row>
    <row r="252605" spans="14:14">
      <c r="N252605" s="10"/>
    </row>
    <row r="252606" spans="14:14">
      <c r="N252606" s="10"/>
    </row>
    <row r="252607" spans="14:14">
      <c r="N252607" s="10"/>
    </row>
    <row r="252608" spans="14:14">
      <c r="N252608" s="10"/>
    </row>
    <row r="252609" spans="14:14">
      <c r="N252609" s="10"/>
    </row>
    <row r="252610" spans="14:14">
      <c r="N252610" s="10"/>
    </row>
    <row r="252611" spans="14:14">
      <c r="N252611" s="10"/>
    </row>
    <row r="252612" spans="14:14">
      <c r="N252612" s="10"/>
    </row>
    <row r="252613" spans="14:14">
      <c r="N252613" s="10"/>
    </row>
    <row r="252614" spans="14:14">
      <c r="N252614" s="10"/>
    </row>
    <row r="252615" spans="14:14">
      <c r="N252615" s="10"/>
    </row>
    <row r="252616" spans="14:14">
      <c r="N252616" s="10"/>
    </row>
    <row r="252617" spans="14:14">
      <c r="N252617" s="10"/>
    </row>
    <row r="252618" spans="14:14">
      <c r="N252618" s="10"/>
    </row>
    <row r="252619" spans="14:14">
      <c r="N252619" s="10"/>
    </row>
    <row r="252620" spans="14:14">
      <c r="N252620" s="10"/>
    </row>
    <row r="252621" spans="14:14">
      <c r="N252621" s="10"/>
    </row>
    <row r="252622" spans="14:14">
      <c r="N252622" s="10"/>
    </row>
    <row r="252623" spans="14:14">
      <c r="N252623" s="10"/>
    </row>
    <row r="252624" spans="14:14">
      <c r="N252624" s="10"/>
    </row>
    <row r="252625" spans="14:14">
      <c r="N252625" s="10"/>
    </row>
    <row r="252626" spans="14:14">
      <c r="N252626" s="10"/>
    </row>
    <row r="252627" spans="14:14">
      <c r="N252627" s="10"/>
    </row>
    <row r="252628" spans="14:14">
      <c r="N252628" s="10"/>
    </row>
    <row r="252629" spans="14:14">
      <c r="N252629" s="10"/>
    </row>
    <row r="252630" spans="14:14">
      <c r="N252630" s="10"/>
    </row>
    <row r="252631" spans="14:14">
      <c r="N252631" s="10"/>
    </row>
    <row r="252632" spans="14:14">
      <c r="N252632" s="10"/>
    </row>
    <row r="252633" spans="14:14">
      <c r="N252633" s="10"/>
    </row>
    <row r="252634" spans="14:14">
      <c r="N252634" s="10"/>
    </row>
    <row r="252635" spans="14:14">
      <c r="N252635" s="10"/>
    </row>
    <row r="252636" spans="14:14">
      <c r="N252636" s="10"/>
    </row>
    <row r="252637" spans="14:14">
      <c r="N252637" s="10"/>
    </row>
    <row r="252638" spans="14:14">
      <c r="N252638" s="10"/>
    </row>
    <row r="252639" spans="14:14">
      <c r="N252639" s="10"/>
    </row>
    <row r="252640" spans="14:14">
      <c r="N252640" s="10"/>
    </row>
    <row r="252641" spans="14:14">
      <c r="N252641" s="10"/>
    </row>
    <row r="252642" spans="14:14">
      <c r="N252642" s="10"/>
    </row>
    <row r="252643" spans="14:14">
      <c r="N252643" s="10"/>
    </row>
    <row r="252644" spans="14:14">
      <c r="N252644" s="10"/>
    </row>
    <row r="252645" spans="14:14">
      <c r="N252645" s="10"/>
    </row>
    <row r="252646" spans="14:14">
      <c r="N252646" s="10"/>
    </row>
    <row r="252647" spans="14:14">
      <c r="N252647" s="10"/>
    </row>
    <row r="252648" spans="14:14">
      <c r="N252648" s="10"/>
    </row>
    <row r="252649" spans="14:14">
      <c r="N252649" s="10"/>
    </row>
    <row r="252650" spans="14:14">
      <c r="N252650" s="10"/>
    </row>
    <row r="252651" spans="14:14">
      <c r="N252651" s="10"/>
    </row>
    <row r="252652" spans="14:14">
      <c r="N252652" s="10"/>
    </row>
    <row r="252653" spans="14:14">
      <c r="N252653" s="10"/>
    </row>
    <row r="252654" spans="14:14">
      <c r="N252654" s="10"/>
    </row>
    <row r="252655" spans="14:14">
      <c r="N252655" s="10"/>
    </row>
    <row r="252656" spans="14:14">
      <c r="N252656" s="10"/>
    </row>
    <row r="252657" spans="14:14">
      <c r="N252657" s="10"/>
    </row>
    <row r="252658" spans="14:14">
      <c r="N252658" s="10"/>
    </row>
    <row r="252659" spans="14:14">
      <c r="N252659" s="10"/>
    </row>
    <row r="252660" spans="14:14">
      <c r="N252660" s="10"/>
    </row>
    <row r="252661" spans="14:14">
      <c r="N252661" s="10"/>
    </row>
    <row r="252662" spans="14:14">
      <c r="N252662" s="10"/>
    </row>
    <row r="252663" spans="14:14">
      <c r="N252663" s="10"/>
    </row>
    <row r="252664" spans="14:14">
      <c r="N252664" s="10"/>
    </row>
    <row r="252665" spans="14:14">
      <c r="N252665" s="10"/>
    </row>
    <row r="252666" spans="14:14">
      <c r="N252666" s="10"/>
    </row>
    <row r="252667" spans="14:14">
      <c r="N252667" s="10"/>
    </row>
    <row r="252668" spans="14:14">
      <c r="N252668" s="10"/>
    </row>
    <row r="252669" spans="14:14">
      <c r="N252669" s="10"/>
    </row>
    <row r="252670" spans="14:14">
      <c r="N252670" s="10"/>
    </row>
    <row r="252671" spans="14:14">
      <c r="N252671" s="10"/>
    </row>
    <row r="252672" spans="14:14">
      <c r="N252672" s="10"/>
    </row>
    <row r="252673" spans="14:14">
      <c r="N252673" s="10"/>
    </row>
    <row r="252674" spans="14:14">
      <c r="N252674" s="10"/>
    </row>
    <row r="252675" spans="14:14">
      <c r="N252675" s="10"/>
    </row>
    <row r="252676" spans="14:14">
      <c r="N252676" s="10"/>
    </row>
    <row r="252677" spans="14:14">
      <c r="N252677" s="10"/>
    </row>
    <row r="252678" spans="14:14">
      <c r="N252678" s="10"/>
    </row>
    <row r="252679" spans="14:14">
      <c r="N252679" s="10"/>
    </row>
    <row r="252680" spans="14:14">
      <c r="N252680" s="10"/>
    </row>
    <row r="252681" spans="14:14">
      <c r="N252681" s="10"/>
    </row>
    <row r="252682" spans="14:14">
      <c r="N252682" s="10"/>
    </row>
    <row r="252683" spans="14:14">
      <c r="N252683" s="10"/>
    </row>
    <row r="252684" spans="14:14">
      <c r="N252684" s="10"/>
    </row>
    <row r="252685" spans="14:14">
      <c r="N252685" s="10"/>
    </row>
    <row r="252686" spans="14:14">
      <c r="N252686" s="10"/>
    </row>
    <row r="252687" spans="14:14">
      <c r="N252687" s="10"/>
    </row>
    <row r="252688" spans="14:14">
      <c r="N252688" s="10"/>
    </row>
    <row r="252689" spans="14:14">
      <c r="N252689" s="10"/>
    </row>
    <row r="252690" spans="14:14">
      <c r="N252690" s="10"/>
    </row>
    <row r="252691" spans="14:14">
      <c r="N252691" s="10"/>
    </row>
    <row r="252692" spans="14:14">
      <c r="N252692" s="10"/>
    </row>
    <row r="252693" spans="14:14">
      <c r="N252693" s="10"/>
    </row>
    <row r="252694" spans="14:14">
      <c r="N252694" s="10"/>
    </row>
    <row r="252695" spans="14:14">
      <c r="N252695" s="10"/>
    </row>
    <row r="252696" spans="14:14">
      <c r="N252696" s="10"/>
    </row>
    <row r="252697" spans="14:14">
      <c r="N252697" s="10"/>
    </row>
    <row r="252698" spans="14:14">
      <c r="N252698" s="10"/>
    </row>
    <row r="252699" spans="14:14">
      <c r="N252699" s="10"/>
    </row>
    <row r="252700" spans="14:14">
      <c r="N252700" s="10"/>
    </row>
    <row r="252701" spans="14:14">
      <c r="N252701" s="10"/>
    </row>
    <row r="252702" spans="14:14">
      <c r="N252702" s="10"/>
    </row>
    <row r="252703" spans="14:14">
      <c r="N252703" s="10"/>
    </row>
    <row r="252704" spans="14:14">
      <c r="N252704" s="10"/>
    </row>
    <row r="252705" spans="14:14">
      <c r="N252705" s="10"/>
    </row>
    <row r="252706" spans="14:14">
      <c r="N252706" s="10"/>
    </row>
    <row r="252707" spans="14:14">
      <c r="N252707" s="10"/>
    </row>
    <row r="252708" spans="14:14">
      <c r="N252708" s="10"/>
    </row>
    <row r="252709" spans="14:14">
      <c r="N252709" s="10"/>
    </row>
    <row r="252710" spans="14:14">
      <c r="N252710" s="10"/>
    </row>
    <row r="252711" spans="14:14">
      <c r="N252711" s="10"/>
    </row>
    <row r="252712" spans="14:14">
      <c r="N252712" s="10"/>
    </row>
    <row r="252713" spans="14:14">
      <c r="N252713" s="10"/>
    </row>
    <row r="252714" spans="14:14">
      <c r="N252714" s="10"/>
    </row>
    <row r="252715" spans="14:14">
      <c r="N252715" s="10"/>
    </row>
    <row r="252716" spans="14:14">
      <c r="N252716" s="10"/>
    </row>
    <row r="252717" spans="14:14">
      <c r="N252717" s="10"/>
    </row>
    <row r="252718" spans="14:14">
      <c r="N252718" s="10"/>
    </row>
    <row r="252719" spans="14:14">
      <c r="N252719" s="10"/>
    </row>
    <row r="252720" spans="14:14">
      <c r="N252720" s="10"/>
    </row>
    <row r="252721" spans="14:14">
      <c r="N252721" s="10"/>
    </row>
    <row r="252722" spans="14:14">
      <c r="N252722" s="10"/>
    </row>
    <row r="252723" spans="14:14">
      <c r="N252723" s="10"/>
    </row>
    <row r="252724" spans="14:14">
      <c r="N252724" s="10"/>
    </row>
    <row r="252725" spans="14:14">
      <c r="N252725" s="10"/>
    </row>
    <row r="252726" spans="14:14">
      <c r="N252726" s="10"/>
    </row>
    <row r="252727" spans="14:14">
      <c r="N252727" s="10"/>
    </row>
    <row r="252728" spans="14:14">
      <c r="N252728" s="10"/>
    </row>
    <row r="252729" spans="14:14">
      <c r="N252729" s="10"/>
    </row>
    <row r="252730" spans="14:14">
      <c r="N252730" s="10"/>
    </row>
    <row r="252731" spans="14:14">
      <c r="N252731" s="10"/>
    </row>
    <row r="252732" spans="14:14">
      <c r="N252732" s="10"/>
    </row>
    <row r="252733" spans="14:14">
      <c r="N252733" s="10"/>
    </row>
    <row r="252734" spans="14:14">
      <c r="N252734" s="10"/>
    </row>
    <row r="252735" spans="14:14">
      <c r="N252735" s="10"/>
    </row>
    <row r="252736" spans="14:14">
      <c r="N252736" s="10"/>
    </row>
    <row r="252737" spans="14:14">
      <c r="N252737" s="10"/>
    </row>
    <row r="252738" spans="14:14">
      <c r="N252738" s="10"/>
    </row>
    <row r="252739" spans="14:14">
      <c r="N252739" s="10"/>
    </row>
    <row r="252740" spans="14:14">
      <c r="N252740" s="10"/>
    </row>
    <row r="252741" spans="14:14">
      <c r="N252741" s="10"/>
    </row>
    <row r="252742" spans="14:14">
      <c r="N252742" s="10"/>
    </row>
    <row r="252743" spans="14:14">
      <c r="N252743" s="10"/>
    </row>
    <row r="252744" spans="14:14">
      <c r="N252744" s="10"/>
    </row>
    <row r="252745" spans="14:14">
      <c r="N252745" s="10"/>
    </row>
    <row r="252746" spans="14:14">
      <c r="N252746" s="10"/>
    </row>
    <row r="252747" spans="14:14">
      <c r="N252747" s="10"/>
    </row>
    <row r="252748" spans="14:14">
      <c r="N252748" s="10"/>
    </row>
    <row r="252749" spans="14:14">
      <c r="N252749" s="10"/>
    </row>
    <row r="252750" spans="14:14">
      <c r="N252750" s="10"/>
    </row>
    <row r="252751" spans="14:14">
      <c r="N252751" s="10"/>
    </row>
    <row r="252752" spans="14:14">
      <c r="N252752" s="10"/>
    </row>
    <row r="252753" spans="14:14">
      <c r="N252753" s="10"/>
    </row>
    <row r="252754" spans="14:14">
      <c r="N252754" s="10"/>
    </row>
    <row r="252755" spans="14:14">
      <c r="N252755" s="10"/>
    </row>
    <row r="252756" spans="14:14">
      <c r="N252756" s="10"/>
    </row>
    <row r="252757" spans="14:14">
      <c r="N252757" s="10"/>
    </row>
    <row r="252758" spans="14:14">
      <c r="N252758" s="10"/>
    </row>
    <row r="252759" spans="14:14">
      <c r="N252759" s="10"/>
    </row>
    <row r="252760" spans="14:14">
      <c r="N252760" s="10"/>
    </row>
    <row r="252761" spans="14:14">
      <c r="N252761" s="10"/>
    </row>
    <row r="252762" spans="14:14">
      <c r="N252762" s="10"/>
    </row>
    <row r="252763" spans="14:14">
      <c r="N252763" s="10"/>
    </row>
    <row r="252764" spans="14:14">
      <c r="N252764" s="10"/>
    </row>
    <row r="252765" spans="14:14">
      <c r="N252765" s="10"/>
    </row>
    <row r="252766" spans="14:14">
      <c r="N252766" s="10"/>
    </row>
    <row r="252767" spans="14:14">
      <c r="N252767" s="10"/>
    </row>
    <row r="252768" spans="14:14">
      <c r="N252768" s="10"/>
    </row>
    <row r="252769" spans="14:14">
      <c r="N252769" s="10"/>
    </row>
    <row r="252770" spans="14:14">
      <c r="N252770" s="10"/>
    </row>
    <row r="252771" spans="14:14">
      <c r="N252771" s="10"/>
    </row>
    <row r="252772" spans="14:14">
      <c r="N252772" s="10"/>
    </row>
    <row r="252773" spans="14:14">
      <c r="N252773" s="10"/>
    </row>
    <row r="252774" spans="14:14">
      <c r="N252774" s="10"/>
    </row>
    <row r="252775" spans="14:14">
      <c r="N252775" s="10"/>
    </row>
    <row r="252776" spans="14:14">
      <c r="N252776" s="10"/>
    </row>
    <row r="252777" spans="14:14">
      <c r="N252777" s="10"/>
    </row>
    <row r="252778" spans="14:14">
      <c r="N252778" s="10"/>
    </row>
    <row r="252779" spans="14:14">
      <c r="N252779" s="10"/>
    </row>
    <row r="252780" spans="14:14">
      <c r="N252780" s="10"/>
    </row>
    <row r="252781" spans="14:14">
      <c r="N252781" s="10"/>
    </row>
    <row r="252782" spans="14:14">
      <c r="N252782" s="10"/>
    </row>
    <row r="252783" spans="14:14">
      <c r="N252783" s="10"/>
    </row>
    <row r="252784" spans="14:14">
      <c r="N252784" s="10"/>
    </row>
    <row r="252785" spans="14:14">
      <c r="N252785" s="10"/>
    </row>
    <row r="252786" spans="14:14">
      <c r="N252786" s="10"/>
    </row>
    <row r="252787" spans="14:14">
      <c r="N252787" s="10"/>
    </row>
    <row r="252788" spans="14:14">
      <c r="N252788" s="10"/>
    </row>
    <row r="252789" spans="14:14">
      <c r="N252789" s="10"/>
    </row>
    <row r="252790" spans="14:14">
      <c r="N252790" s="10"/>
    </row>
    <row r="252791" spans="14:14">
      <c r="N252791" s="10"/>
    </row>
    <row r="252792" spans="14:14">
      <c r="N252792" s="10"/>
    </row>
    <row r="252793" spans="14:14">
      <c r="N252793" s="10"/>
    </row>
    <row r="252794" spans="14:14">
      <c r="N252794" s="10"/>
    </row>
    <row r="252795" spans="14:14">
      <c r="N252795" s="10"/>
    </row>
    <row r="252796" spans="14:14">
      <c r="N252796" s="10"/>
    </row>
    <row r="252797" spans="14:14">
      <c r="N252797" s="10"/>
    </row>
    <row r="252798" spans="14:14">
      <c r="N252798" s="10"/>
    </row>
    <row r="252799" spans="14:14">
      <c r="N252799" s="10"/>
    </row>
    <row r="252800" spans="14:14">
      <c r="N252800" s="10"/>
    </row>
    <row r="252801" spans="14:14">
      <c r="N252801" s="10"/>
    </row>
    <row r="252802" spans="14:14">
      <c r="N252802" s="10"/>
    </row>
    <row r="252803" spans="14:14">
      <c r="N252803" s="10"/>
    </row>
    <row r="252804" spans="14:14">
      <c r="N252804" s="10"/>
    </row>
    <row r="252805" spans="14:14">
      <c r="N252805" s="10"/>
    </row>
    <row r="252806" spans="14:14">
      <c r="N252806" s="10"/>
    </row>
    <row r="252807" spans="14:14">
      <c r="N252807" s="10"/>
    </row>
    <row r="252808" spans="14:14">
      <c r="N252808" s="10"/>
    </row>
    <row r="252809" spans="14:14">
      <c r="N252809" s="10"/>
    </row>
    <row r="252810" spans="14:14">
      <c r="N252810" s="10"/>
    </row>
    <row r="252811" spans="14:14">
      <c r="N252811" s="10"/>
    </row>
    <row r="252812" spans="14:14">
      <c r="N252812" s="10"/>
    </row>
    <row r="252813" spans="14:14">
      <c r="N252813" s="10"/>
    </row>
    <row r="252814" spans="14:14">
      <c r="N252814" s="10"/>
    </row>
    <row r="252815" spans="14:14">
      <c r="N252815" s="10"/>
    </row>
    <row r="252816" spans="14:14">
      <c r="N252816" s="10"/>
    </row>
    <row r="252817" spans="14:14">
      <c r="N252817" s="10"/>
    </row>
    <row r="252818" spans="14:14">
      <c r="N252818" s="10"/>
    </row>
    <row r="252819" spans="14:14">
      <c r="N252819" s="10"/>
    </row>
    <row r="252820" spans="14:14">
      <c r="N252820" s="10"/>
    </row>
    <row r="252821" spans="14:14">
      <c r="N252821" s="10"/>
    </row>
    <row r="252822" spans="14:14">
      <c r="N252822" s="10"/>
    </row>
    <row r="252823" spans="14:14">
      <c r="N252823" s="10"/>
    </row>
    <row r="252824" spans="14:14">
      <c r="N252824" s="10"/>
    </row>
    <row r="252825" spans="14:14">
      <c r="N252825" s="10"/>
    </row>
    <row r="252826" spans="14:14">
      <c r="N252826" s="10"/>
    </row>
    <row r="252827" spans="14:14">
      <c r="N252827" s="10"/>
    </row>
    <row r="252828" spans="14:14">
      <c r="N252828" s="10"/>
    </row>
    <row r="252829" spans="14:14">
      <c r="N252829" s="10"/>
    </row>
    <row r="252830" spans="14:14">
      <c r="N252830" s="10"/>
    </row>
    <row r="252831" spans="14:14">
      <c r="N252831" s="10"/>
    </row>
    <row r="252832" spans="14:14">
      <c r="N252832" s="10"/>
    </row>
    <row r="252833" spans="14:14">
      <c r="N252833" s="10"/>
    </row>
    <row r="252834" spans="14:14">
      <c r="N252834" s="10"/>
    </row>
    <row r="252835" spans="14:14">
      <c r="N252835" s="10"/>
    </row>
    <row r="252836" spans="14:14">
      <c r="N252836" s="10"/>
    </row>
    <row r="252837" spans="14:14">
      <c r="N252837" s="10"/>
    </row>
    <row r="252838" spans="14:14">
      <c r="N252838" s="10"/>
    </row>
    <row r="252839" spans="14:14">
      <c r="N252839" s="10"/>
    </row>
    <row r="252840" spans="14:14">
      <c r="N252840" s="10"/>
    </row>
    <row r="252841" spans="14:14">
      <c r="N252841" s="10"/>
    </row>
    <row r="252842" spans="14:14">
      <c r="N252842" s="10"/>
    </row>
    <row r="252843" spans="14:14">
      <c r="N252843" s="10"/>
    </row>
    <row r="252844" spans="14:14">
      <c r="N252844" s="10"/>
    </row>
    <row r="252845" spans="14:14">
      <c r="N252845" s="10"/>
    </row>
    <row r="252846" spans="14:14">
      <c r="N252846" s="10"/>
    </row>
    <row r="252847" spans="14:14">
      <c r="N252847" s="10"/>
    </row>
    <row r="252848" spans="14:14">
      <c r="N252848" s="10"/>
    </row>
    <row r="252849" spans="14:14">
      <c r="N252849" s="10"/>
    </row>
    <row r="252850" spans="14:14">
      <c r="N252850" s="10"/>
    </row>
    <row r="252851" spans="14:14">
      <c r="N252851" s="10"/>
    </row>
    <row r="252852" spans="14:14">
      <c r="N252852" s="10"/>
    </row>
    <row r="252853" spans="14:14">
      <c r="N252853" s="10"/>
    </row>
    <row r="252854" spans="14:14">
      <c r="N252854" s="10"/>
    </row>
    <row r="252855" spans="14:14">
      <c r="N252855" s="10"/>
    </row>
    <row r="252856" spans="14:14">
      <c r="N252856" s="10"/>
    </row>
    <row r="252857" spans="14:14">
      <c r="N252857" s="10"/>
    </row>
    <row r="252858" spans="14:14">
      <c r="N252858" s="10"/>
    </row>
    <row r="252859" spans="14:14">
      <c r="N252859" s="10"/>
    </row>
    <row r="252860" spans="14:14">
      <c r="N252860" s="10"/>
    </row>
    <row r="252861" spans="14:14">
      <c r="N252861" s="10"/>
    </row>
    <row r="252862" spans="14:14">
      <c r="N252862" s="10"/>
    </row>
    <row r="252863" spans="14:14">
      <c r="N252863" s="10"/>
    </row>
    <row r="252864" spans="14:14">
      <c r="N252864" s="10"/>
    </row>
    <row r="252865" spans="14:14">
      <c r="N252865" s="10"/>
    </row>
    <row r="252866" spans="14:14">
      <c r="N252866" s="10"/>
    </row>
    <row r="252867" spans="14:14">
      <c r="N252867" s="10"/>
    </row>
    <row r="252868" spans="14:14">
      <c r="N252868" s="10"/>
    </row>
    <row r="252869" spans="14:14">
      <c r="N252869" s="10"/>
    </row>
    <row r="252870" spans="14:14">
      <c r="N252870" s="10"/>
    </row>
    <row r="252871" spans="14:14">
      <c r="N252871" s="10"/>
    </row>
    <row r="252872" spans="14:14">
      <c r="N252872" s="10"/>
    </row>
    <row r="252873" spans="14:14">
      <c r="N252873" s="10"/>
    </row>
    <row r="252874" spans="14:14">
      <c r="N252874" s="10"/>
    </row>
    <row r="252875" spans="14:14">
      <c r="N252875" s="10"/>
    </row>
    <row r="252876" spans="14:14">
      <c r="N252876" s="10"/>
    </row>
    <row r="252877" spans="14:14">
      <c r="N252877" s="10"/>
    </row>
    <row r="252878" spans="14:14">
      <c r="N252878" s="10"/>
    </row>
    <row r="252879" spans="14:14">
      <c r="N252879" s="10"/>
    </row>
    <row r="252880" spans="14:14">
      <c r="N252880" s="10"/>
    </row>
    <row r="252881" spans="14:14">
      <c r="N252881" s="10"/>
    </row>
    <row r="252882" spans="14:14">
      <c r="N252882" s="10"/>
    </row>
    <row r="252883" spans="14:14">
      <c r="N252883" s="10"/>
    </row>
    <row r="252884" spans="14:14">
      <c r="N252884" s="10"/>
    </row>
    <row r="252885" spans="14:14">
      <c r="N252885" s="10"/>
    </row>
    <row r="252886" spans="14:14">
      <c r="N252886" s="10"/>
    </row>
    <row r="252887" spans="14:14">
      <c r="N252887" s="10"/>
    </row>
    <row r="252888" spans="14:14">
      <c r="N252888" s="10"/>
    </row>
    <row r="252889" spans="14:14">
      <c r="N252889" s="10"/>
    </row>
    <row r="252890" spans="14:14">
      <c r="N252890" s="10"/>
    </row>
    <row r="252891" spans="14:14">
      <c r="N252891" s="10"/>
    </row>
    <row r="252892" spans="14:14">
      <c r="N252892" s="10"/>
    </row>
    <row r="252893" spans="14:14">
      <c r="N252893" s="10"/>
    </row>
    <row r="252894" spans="14:14">
      <c r="N252894" s="10"/>
    </row>
    <row r="252895" spans="14:14">
      <c r="N252895" s="10"/>
    </row>
    <row r="252896" spans="14:14">
      <c r="N252896" s="10"/>
    </row>
    <row r="252897" spans="14:14">
      <c r="N252897" s="10"/>
    </row>
    <row r="252898" spans="14:14">
      <c r="N252898" s="10"/>
    </row>
    <row r="252899" spans="14:14">
      <c r="N252899" s="10"/>
    </row>
    <row r="252900" spans="14:14">
      <c r="N252900" s="10"/>
    </row>
    <row r="252901" spans="14:14">
      <c r="N252901" s="10"/>
    </row>
    <row r="252902" spans="14:14">
      <c r="N252902" s="10"/>
    </row>
    <row r="252903" spans="14:14">
      <c r="N252903" s="10"/>
    </row>
    <row r="252904" spans="14:14">
      <c r="N252904" s="10"/>
    </row>
    <row r="252905" spans="14:14">
      <c r="N252905" s="10"/>
    </row>
    <row r="252906" spans="14:14">
      <c r="N252906" s="10"/>
    </row>
    <row r="252907" spans="14:14">
      <c r="N252907" s="10"/>
    </row>
    <row r="252908" spans="14:14">
      <c r="N252908" s="10"/>
    </row>
    <row r="252909" spans="14:14">
      <c r="N252909" s="10"/>
    </row>
    <row r="252910" spans="14:14">
      <c r="N252910" s="10"/>
    </row>
    <row r="252911" spans="14:14">
      <c r="N252911" s="10"/>
    </row>
    <row r="252912" spans="14:14">
      <c r="N252912" s="10"/>
    </row>
    <row r="252913" spans="14:14">
      <c r="N252913" s="10"/>
    </row>
    <row r="252914" spans="14:14">
      <c r="N252914" s="10"/>
    </row>
    <row r="252915" spans="14:14">
      <c r="N252915" s="10"/>
    </row>
    <row r="252916" spans="14:14">
      <c r="N252916" s="10"/>
    </row>
    <row r="252917" spans="14:14">
      <c r="N252917" s="10"/>
    </row>
    <row r="252918" spans="14:14">
      <c r="N252918" s="10"/>
    </row>
    <row r="252919" spans="14:14">
      <c r="N252919" s="10"/>
    </row>
    <row r="252920" spans="14:14">
      <c r="N252920" s="10"/>
    </row>
    <row r="252921" spans="14:14">
      <c r="N252921" s="10"/>
    </row>
    <row r="252922" spans="14:14">
      <c r="N252922" s="10"/>
    </row>
    <row r="252923" spans="14:14">
      <c r="N252923" s="10"/>
    </row>
    <row r="252924" spans="14:14">
      <c r="N252924" s="10"/>
    </row>
    <row r="252925" spans="14:14">
      <c r="N252925" s="10"/>
    </row>
    <row r="252926" spans="14:14">
      <c r="N252926" s="10"/>
    </row>
    <row r="252927" spans="14:14">
      <c r="N252927" s="10"/>
    </row>
    <row r="252928" spans="14:14">
      <c r="N252928" s="10"/>
    </row>
    <row r="252929" spans="14:14">
      <c r="N252929" s="10"/>
    </row>
    <row r="252930" spans="14:14">
      <c r="N252930" s="10"/>
    </row>
    <row r="252931" spans="14:14">
      <c r="N252931" s="10"/>
    </row>
    <row r="252932" spans="14:14">
      <c r="N252932" s="10"/>
    </row>
    <row r="252933" spans="14:14">
      <c r="N252933" s="10"/>
    </row>
    <row r="252934" spans="14:14">
      <c r="N252934" s="10"/>
    </row>
    <row r="252935" spans="14:14">
      <c r="N252935" s="10"/>
    </row>
    <row r="252936" spans="14:14">
      <c r="N252936" s="10"/>
    </row>
    <row r="252937" spans="14:14">
      <c r="N252937" s="10"/>
    </row>
    <row r="252938" spans="14:14">
      <c r="N252938" s="10"/>
    </row>
    <row r="252939" spans="14:14">
      <c r="N252939" s="10"/>
    </row>
    <row r="252940" spans="14:14">
      <c r="N252940" s="10"/>
    </row>
    <row r="252941" spans="14:14">
      <c r="N252941" s="10"/>
    </row>
    <row r="252942" spans="14:14">
      <c r="N252942" s="10"/>
    </row>
    <row r="252943" spans="14:14">
      <c r="N252943" s="10"/>
    </row>
    <row r="252944" spans="14:14">
      <c r="N252944" s="10"/>
    </row>
    <row r="252945" spans="14:14">
      <c r="N252945" s="10"/>
    </row>
    <row r="252946" spans="14:14">
      <c r="N252946" s="10"/>
    </row>
    <row r="252947" spans="14:14">
      <c r="N252947" s="10"/>
    </row>
    <row r="252948" spans="14:14">
      <c r="N252948" s="10"/>
    </row>
    <row r="252949" spans="14:14">
      <c r="N252949" s="10"/>
    </row>
    <row r="252950" spans="14:14">
      <c r="N252950" s="10"/>
    </row>
    <row r="252951" spans="14:14">
      <c r="N252951" s="10"/>
    </row>
    <row r="252952" spans="14:14">
      <c r="N252952" s="10"/>
    </row>
    <row r="252953" spans="14:14">
      <c r="N252953" s="10"/>
    </row>
    <row r="252954" spans="14:14">
      <c r="N252954" s="10"/>
    </row>
    <row r="252955" spans="14:14">
      <c r="N252955" s="10"/>
    </row>
    <row r="252956" spans="14:14">
      <c r="N252956" s="10"/>
    </row>
    <row r="252957" spans="14:14">
      <c r="N252957" s="10"/>
    </row>
    <row r="252958" spans="14:14">
      <c r="N252958" s="10"/>
    </row>
    <row r="252959" spans="14:14">
      <c r="N252959" s="10"/>
    </row>
    <row r="252960" spans="14:14">
      <c r="N252960" s="10"/>
    </row>
    <row r="252961" spans="14:14">
      <c r="N252961" s="10"/>
    </row>
    <row r="252962" spans="14:14">
      <c r="N252962" s="10"/>
    </row>
    <row r="252963" spans="14:14">
      <c r="N252963" s="10"/>
    </row>
    <row r="252964" spans="14:14">
      <c r="N252964" s="10"/>
    </row>
    <row r="252965" spans="14:14">
      <c r="N252965" s="10"/>
    </row>
    <row r="252966" spans="14:14">
      <c r="N252966" s="10"/>
    </row>
    <row r="252967" spans="14:14">
      <c r="N252967" s="10"/>
    </row>
    <row r="252968" spans="14:14">
      <c r="N252968" s="10"/>
    </row>
    <row r="252969" spans="14:14">
      <c r="N252969" s="10"/>
    </row>
    <row r="252970" spans="14:14">
      <c r="N252970" s="10"/>
    </row>
    <row r="252971" spans="14:14">
      <c r="N252971" s="10"/>
    </row>
    <row r="252972" spans="14:14">
      <c r="N252972" s="10"/>
    </row>
    <row r="252973" spans="14:14">
      <c r="N252973" s="10"/>
    </row>
    <row r="252974" spans="14:14">
      <c r="N252974" s="10"/>
    </row>
    <row r="252975" spans="14:14">
      <c r="N252975" s="10"/>
    </row>
    <row r="252976" spans="14:14">
      <c r="N252976" s="10"/>
    </row>
    <row r="252977" spans="14:14">
      <c r="N252977" s="10"/>
    </row>
    <row r="252978" spans="14:14">
      <c r="N252978" s="10"/>
    </row>
    <row r="252979" spans="14:14">
      <c r="N252979" s="10"/>
    </row>
    <row r="252980" spans="14:14">
      <c r="N252980" s="10"/>
    </row>
    <row r="252981" spans="14:14">
      <c r="N252981" s="10"/>
    </row>
    <row r="252982" spans="14:14">
      <c r="N252982" s="10"/>
    </row>
    <row r="252983" spans="14:14">
      <c r="N252983" s="10"/>
    </row>
    <row r="252984" spans="14:14">
      <c r="N252984" s="10"/>
    </row>
    <row r="252985" spans="14:14">
      <c r="N252985" s="10"/>
    </row>
    <row r="252986" spans="14:14">
      <c r="N252986" s="10"/>
    </row>
    <row r="252987" spans="14:14">
      <c r="N252987" s="10"/>
    </row>
    <row r="252988" spans="14:14">
      <c r="N252988" s="10"/>
    </row>
    <row r="252989" spans="14:14">
      <c r="N252989" s="10"/>
    </row>
    <row r="252990" spans="14:14">
      <c r="N252990" s="10"/>
    </row>
    <row r="252991" spans="14:14">
      <c r="N252991" s="10"/>
    </row>
    <row r="252992" spans="14:14">
      <c r="N252992" s="10"/>
    </row>
    <row r="252993" spans="14:14">
      <c r="N252993" s="10"/>
    </row>
    <row r="252994" spans="14:14">
      <c r="N252994" s="10"/>
    </row>
    <row r="252995" spans="14:14">
      <c r="N252995" s="10"/>
    </row>
    <row r="252996" spans="14:14">
      <c r="N252996" s="10"/>
    </row>
    <row r="252997" spans="14:14">
      <c r="N252997" s="10"/>
    </row>
    <row r="252998" spans="14:14">
      <c r="N252998" s="10"/>
    </row>
    <row r="252999" spans="14:14">
      <c r="N252999" s="10"/>
    </row>
    <row r="253000" spans="14:14">
      <c r="N253000" s="10"/>
    </row>
    <row r="253001" spans="14:14">
      <c r="N253001" s="10"/>
    </row>
    <row r="253002" spans="14:14">
      <c r="N253002" s="10"/>
    </row>
    <row r="253003" spans="14:14">
      <c r="N253003" s="10"/>
    </row>
    <row r="253004" spans="14:14">
      <c r="N253004" s="10"/>
    </row>
    <row r="253005" spans="14:14">
      <c r="N253005" s="10"/>
    </row>
    <row r="253006" spans="14:14">
      <c r="N253006" s="10"/>
    </row>
    <row r="253007" spans="14:14">
      <c r="N253007" s="10"/>
    </row>
    <row r="253008" spans="14:14">
      <c r="N253008" s="10"/>
    </row>
    <row r="253009" spans="14:14">
      <c r="N253009" s="10"/>
    </row>
    <row r="253010" spans="14:14">
      <c r="N253010" s="10"/>
    </row>
    <row r="253011" spans="14:14">
      <c r="N253011" s="10"/>
    </row>
    <row r="253012" spans="14:14">
      <c r="N253012" s="10"/>
    </row>
    <row r="253013" spans="14:14">
      <c r="N253013" s="10"/>
    </row>
    <row r="253014" spans="14:14">
      <c r="N253014" s="10"/>
    </row>
    <row r="253015" spans="14:14">
      <c r="N253015" s="10"/>
    </row>
    <row r="253016" spans="14:14">
      <c r="N253016" s="10"/>
    </row>
    <row r="253017" spans="14:14">
      <c r="N253017" s="10"/>
    </row>
    <row r="253018" spans="14:14">
      <c r="N253018" s="10"/>
    </row>
    <row r="253019" spans="14:14">
      <c r="N253019" s="10"/>
    </row>
    <row r="253020" spans="14:14">
      <c r="N253020" s="10"/>
    </row>
    <row r="253021" spans="14:14">
      <c r="N253021" s="10"/>
    </row>
    <row r="253022" spans="14:14">
      <c r="N253022" s="10"/>
    </row>
    <row r="253023" spans="14:14">
      <c r="N253023" s="10"/>
    </row>
    <row r="253024" spans="14:14">
      <c r="N253024" s="10"/>
    </row>
    <row r="253025" spans="14:14">
      <c r="N253025" s="10"/>
    </row>
    <row r="253026" spans="14:14">
      <c r="N253026" s="10"/>
    </row>
    <row r="253027" spans="14:14">
      <c r="N253027" s="10"/>
    </row>
    <row r="253028" spans="14:14">
      <c r="N253028" s="10"/>
    </row>
    <row r="253029" spans="14:14">
      <c r="N253029" s="10"/>
    </row>
    <row r="253030" spans="14:14">
      <c r="N253030" s="10"/>
    </row>
    <row r="253031" spans="14:14">
      <c r="N253031" s="10"/>
    </row>
    <row r="253032" spans="14:14">
      <c r="N253032" s="10"/>
    </row>
    <row r="253033" spans="14:14">
      <c r="N253033" s="10"/>
    </row>
    <row r="253034" spans="14:14">
      <c r="N253034" s="10"/>
    </row>
    <row r="253035" spans="14:14">
      <c r="N253035" s="10"/>
    </row>
    <row r="253036" spans="14:14">
      <c r="N253036" s="10"/>
    </row>
    <row r="253037" spans="14:14">
      <c r="N253037" s="10"/>
    </row>
    <row r="253038" spans="14:14">
      <c r="N253038" s="10"/>
    </row>
    <row r="253039" spans="14:14">
      <c r="N253039" s="10"/>
    </row>
    <row r="253040" spans="14:14">
      <c r="N253040" s="10"/>
    </row>
    <row r="253041" spans="14:14">
      <c r="N253041" s="10"/>
    </row>
    <row r="253042" spans="14:14">
      <c r="N253042" s="10"/>
    </row>
    <row r="253043" spans="14:14">
      <c r="N253043" s="10"/>
    </row>
    <row r="253044" spans="14:14">
      <c r="N253044" s="10"/>
    </row>
    <row r="253045" spans="14:14">
      <c r="N253045" s="10"/>
    </row>
    <row r="253046" spans="14:14">
      <c r="N253046" s="10"/>
    </row>
    <row r="253047" spans="14:14">
      <c r="N253047" s="10"/>
    </row>
    <row r="253048" spans="14:14">
      <c r="N253048" s="10"/>
    </row>
    <row r="253049" spans="14:14">
      <c r="N253049" s="10"/>
    </row>
    <row r="253050" spans="14:14">
      <c r="N253050" s="10"/>
    </row>
    <row r="253051" spans="14:14">
      <c r="N253051" s="10"/>
    </row>
    <row r="253052" spans="14:14">
      <c r="N253052" s="10"/>
    </row>
    <row r="253053" spans="14:14">
      <c r="N253053" s="10"/>
    </row>
    <row r="253054" spans="14:14">
      <c r="N253054" s="10"/>
    </row>
    <row r="253055" spans="14:14">
      <c r="N253055" s="10"/>
    </row>
    <row r="253056" spans="14:14">
      <c r="N253056" s="10"/>
    </row>
    <row r="253057" spans="14:14">
      <c r="N253057" s="10"/>
    </row>
    <row r="253058" spans="14:14">
      <c r="N253058" s="10"/>
    </row>
    <row r="253059" spans="14:14">
      <c r="N253059" s="10"/>
    </row>
    <row r="253060" spans="14:14">
      <c r="N253060" s="10"/>
    </row>
    <row r="253061" spans="14:14">
      <c r="N253061" s="10"/>
    </row>
    <row r="253062" spans="14:14">
      <c r="N253062" s="10"/>
    </row>
    <row r="253063" spans="14:14">
      <c r="N253063" s="10"/>
    </row>
    <row r="253064" spans="14:14">
      <c r="N253064" s="10"/>
    </row>
    <row r="253065" spans="14:14">
      <c r="N253065" s="10"/>
    </row>
    <row r="253066" spans="14:14">
      <c r="N253066" s="10"/>
    </row>
    <row r="253067" spans="14:14">
      <c r="N253067" s="10"/>
    </row>
    <row r="253068" spans="14:14">
      <c r="N253068" s="10"/>
    </row>
    <row r="253069" spans="14:14">
      <c r="N253069" s="10"/>
    </row>
    <row r="253070" spans="14:14">
      <c r="N253070" s="10"/>
    </row>
    <row r="253071" spans="14:14">
      <c r="N253071" s="10"/>
    </row>
    <row r="253072" spans="14:14">
      <c r="N253072" s="10"/>
    </row>
    <row r="253073" spans="14:14">
      <c r="N253073" s="10"/>
    </row>
    <row r="253074" spans="14:14">
      <c r="N253074" s="10"/>
    </row>
    <row r="253075" spans="14:14">
      <c r="N253075" s="10"/>
    </row>
    <row r="253076" spans="14:14">
      <c r="N253076" s="10"/>
    </row>
    <row r="253077" spans="14:14">
      <c r="N253077" s="10"/>
    </row>
    <row r="253078" spans="14:14">
      <c r="N253078" s="10"/>
    </row>
    <row r="253079" spans="14:14">
      <c r="N253079" s="10"/>
    </row>
    <row r="253080" spans="14:14">
      <c r="N253080" s="10"/>
    </row>
    <row r="253081" spans="14:14">
      <c r="N253081" s="10"/>
    </row>
    <row r="253082" spans="14:14">
      <c r="N253082" s="10"/>
    </row>
    <row r="253083" spans="14:14">
      <c r="N253083" s="10"/>
    </row>
    <row r="253084" spans="14:14">
      <c r="N253084" s="10"/>
    </row>
    <row r="253085" spans="14:14">
      <c r="N253085" s="10"/>
    </row>
    <row r="253086" spans="14:14">
      <c r="N253086" s="10"/>
    </row>
    <row r="253087" spans="14:14">
      <c r="N253087" s="10"/>
    </row>
    <row r="253088" spans="14:14">
      <c r="N253088" s="10"/>
    </row>
    <row r="253089" spans="14:14">
      <c r="N253089" s="10"/>
    </row>
    <row r="253090" spans="14:14">
      <c r="N253090" s="10"/>
    </row>
    <row r="253091" spans="14:14">
      <c r="N253091" s="10"/>
    </row>
    <row r="253092" spans="14:14">
      <c r="N253092" s="10"/>
    </row>
    <row r="253093" spans="14:14">
      <c r="N253093" s="10"/>
    </row>
    <row r="253094" spans="14:14">
      <c r="N253094" s="10"/>
    </row>
    <row r="253095" spans="14:14">
      <c r="N253095" s="10"/>
    </row>
    <row r="253096" spans="14:14">
      <c r="N253096" s="10"/>
    </row>
    <row r="253097" spans="14:14">
      <c r="N253097" s="10"/>
    </row>
    <row r="253098" spans="14:14">
      <c r="N253098" s="10"/>
    </row>
    <row r="253099" spans="14:14">
      <c r="N253099" s="10"/>
    </row>
    <row r="253100" spans="14:14">
      <c r="N253100" s="10"/>
    </row>
    <row r="253101" spans="14:14">
      <c r="N253101" s="10"/>
    </row>
    <row r="253102" spans="14:14">
      <c r="N253102" s="10"/>
    </row>
    <row r="253103" spans="14:14">
      <c r="N253103" s="10"/>
    </row>
    <row r="253104" spans="14:14">
      <c r="N253104" s="10"/>
    </row>
    <row r="253105" spans="14:14">
      <c r="N253105" s="10"/>
    </row>
    <row r="253106" spans="14:14">
      <c r="N253106" s="10"/>
    </row>
    <row r="253107" spans="14:14">
      <c r="N253107" s="10"/>
    </row>
    <row r="253108" spans="14:14">
      <c r="N253108" s="10"/>
    </row>
    <row r="253109" spans="14:14">
      <c r="N253109" s="10"/>
    </row>
    <row r="253110" spans="14:14">
      <c r="N253110" s="10"/>
    </row>
    <row r="253111" spans="14:14">
      <c r="N253111" s="10"/>
    </row>
    <row r="253112" spans="14:14">
      <c r="N253112" s="10"/>
    </row>
    <row r="253113" spans="14:14">
      <c r="N253113" s="10"/>
    </row>
    <row r="253114" spans="14:14">
      <c r="N253114" s="10"/>
    </row>
    <row r="253115" spans="14:14">
      <c r="N253115" s="10"/>
    </row>
    <row r="253116" spans="14:14">
      <c r="N253116" s="10"/>
    </row>
    <row r="253117" spans="14:14">
      <c r="N253117" s="10"/>
    </row>
    <row r="253118" spans="14:14">
      <c r="N253118" s="10"/>
    </row>
    <row r="253119" spans="14:14">
      <c r="N253119" s="10"/>
    </row>
    <row r="253120" spans="14:14">
      <c r="N253120" s="10"/>
    </row>
    <row r="253121" spans="14:14">
      <c r="N253121" s="10"/>
    </row>
    <row r="253122" spans="14:14">
      <c r="N253122" s="10"/>
    </row>
    <row r="253123" spans="14:14">
      <c r="N253123" s="10"/>
    </row>
    <row r="253124" spans="14:14">
      <c r="N253124" s="10"/>
    </row>
    <row r="253125" spans="14:14">
      <c r="N253125" s="10"/>
    </row>
    <row r="253126" spans="14:14">
      <c r="N253126" s="10"/>
    </row>
    <row r="253127" spans="14:14">
      <c r="N253127" s="10"/>
    </row>
    <row r="253128" spans="14:14">
      <c r="N253128" s="10"/>
    </row>
    <row r="253129" spans="14:14">
      <c r="N253129" s="10"/>
    </row>
    <row r="253130" spans="14:14">
      <c r="N253130" s="10"/>
    </row>
    <row r="253131" spans="14:14">
      <c r="N253131" s="10"/>
    </row>
    <row r="253132" spans="14:14">
      <c r="N253132" s="10"/>
    </row>
    <row r="253133" spans="14:14">
      <c r="N253133" s="10"/>
    </row>
    <row r="253134" spans="14:14">
      <c r="N253134" s="10"/>
    </row>
    <row r="253135" spans="14:14">
      <c r="N253135" s="10"/>
    </row>
    <row r="253136" spans="14:14">
      <c r="N253136" s="10"/>
    </row>
    <row r="253137" spans="14:14">
      <c r="N253137" s="10"/>
    </row>
    <row r="253138" spans="14:14">
      <c r="N253138" s="10"/>
    </row>
    <row r="253139" spans="14:14">
      <c r="N253139" s="10"/>
    </row>
    <row r="253140" spans="14:14">
      <c r="N253140" s="10"/>
    </row>
    <row r="253141" spans="14:14">
      <c r="N253141" s="10"/>
    </row>
    <row r="253142" spans="14:14">
      <c r="N253142" s="10"/>
    </row>
    <row r="253143" spans="14:14">
      <c r="N253143" s="10"/>
    </row>
    <row r="253144" spans="14:14">
      <c r="N253144" s="10"/>
    </row>
    <row r="253145" spans="14:14">
      <c r="N253145" s="10"/>
    </row>
    <row r="253146" spans="14:14">
      <c r="N253146" s="10"/>
    </row>
    <row r="253147" spans="14:14">
      <c r="N253147" s="10"/>
    </row>
    <row r="253148" spans="14:14">
      <c r="N253148" s="10"/>
    </row>
    <row r="253149" spans="14:14">
      <c r="N253149" s="10"/>
    </row>
    <row r="253150" spans="14:14">
      <c r="N253150" s="10"/>
    </row>
    <row r="253151" spans="14:14">
      <c r="N253151" s="10"/>
    </row>
    <row r="253152" spans="14:14">
      <c r="N253152" s="10"/>
    </row>
    <row r="253153" spans="14:14">
      <c r="N253153" s="10"/>
    </row>
    <row r="253154" spans="14:14">
      <c r="N253154" s="10"/>
    </row>
    <row r="253155" spans="14:14">
      <c r="N253155" s="10"/>
    </row>
    <row r="253156" spans="14:14">
      <c r="N253156" s="10"/>
    </row>
    <row r="253157" spans="14:14">
      <c r="N253157" s="10"/>
    </row>
    <row r="253158" spans="14:14">
      <c r="N253158" s="10"/>
    </row>
    <row r="253159" spans="14:14">
      <c r="N253159" s="10"/>
    </row>
    <row r="253160" spans="14:14">
      <c r="N253160" s="10"/>
    </row>
    <row r="253161" spans="14:14">
      <c r="N253161" s="10"/>
    </row>
    <row r="253162" spans="14:14">
      <c r="N253162" s="10"/>
    </row>
    <row r="253163" spans="14:14">
      <c r="N253163" s="10"/>
    </row>
    <row r="253164" spans="14:14">
      <c r="N253164" s="10"/>
    </row>
    <row r="253165" spans="14:14">
      <c r="N253165" s="10"/>
    </row>
    <row r="253166" spans="14:14">
      <c r="N253166" s="10"/>
    </row>
    <row r="253167" spans="14:14">
      <c r="N253167" s="10"/>
    </row>
    <row r="253168" spans="14:14">
      <c r="N253168" s="10"/>
    </row>
    <row r="253169" spans="14:14">
      <c r="N253169" s="10"/>
    </row>
    <row r="253170" spans="14:14">
      <c r="N253170" s="10"/>
    </row>
    <row r="253171" spans="14:14">
      <c r="N253171" s="10"/>
    </row>
    <row r="253172" spans="14:14">
      <c r="N253172" s="10"/>
    </row>
    <row r="253173" spans="14:14">
      <c r="N253173" s="10"/>
    </row>
    <row r="253174" spans="14:14">
      <c r="N253174" s="10"/>
    </row>
    <row r="253175" spans="14:14">
      <c r="N253175" s="10"/>
    </row>
    <row r="253176" spans="14:14">
      <c r="N253176" s="10"/>
    </row>
    <row r="253177" spans="14:14">
      <c r="N253177" s="10"/>
    </row>
    <row r="253178" spans="14:14">
      <c r="N253178" s="10"/>
    </row>
    <row r="253179" spans="14:14">
      <c r="N253179" s="10"/>
    </row>
    <row r="253180" spans="14:14">
      <c r="N253180" s="10"/>
    </row>
    <row r="253181" spans="14:14">
      <c r="N253181" s="10"/>
    </row>
    <row r="253182" spans="14:14">
      <c r="N253182" s="10"/>
    </row>
    <row r="253183" spans="14:14">
      <c r="N253183" s="10"/>
    </row>
    <row r="253184" spans="14:14">
      <c r="N253184" s="10"/>
    </row>
    <row r="253185" spans="14:14">
      <c r="N253185" s="10"/>
    </row>
    <row r="253186" spans="14:14">
      <c r="N253186" s="10"/>
    </row>
    <row r="253187" spans="14:14">
      <c r="N253187" s="10"/>
    </row>
    <row r="253188" spans="14:14">
      <c r="N253188" s="10"/>
    </row>
    <row r="253189" spans="14:14">
      <c r="N253189" s="10"/>
    </row>
    <row r="253190" spans="14:14">
      <c r="N253190" s="10"/>
    </row>
    <row r="253191" spans="14:14">
      <c r="N253191" s="10"/>
    </row>
    <row r="253192" spans="14:14">
      <c r="N253192" s="10"/>
    </row>
    <row r="253193" spans="14:14">
      <c r="N253193" s="10"/>
    </row>
    <row r="253194" spans="14:14">
      <c r="N253194" s="10"/>
    </row>
    <row r="253195" spans="14:14">
      <c r="N253195" s="10"/>
    </row>
    <row r="253196" spans="14:14">
      <c r="N253196" s="10"/>
    </row>
    <row r="253197" spans="14:14">
      <c r="N253197" s="10"/>
    </row>
    <row r="253198" spans="14:14">
      <c r="N253198" s="10"/>
    </row>
    <row r="253199" spans="14:14">
      <c r="N253199" s="10"/>
    </row>
    <row r="253200" spans="14:14">
      <c r="N253200" s="10"/>
    </row>
    <row r="253201" spans="14:14">
      <c r="N253201" s="10"/>
    </row>
    <row r="253202" spans="14:14">
      <c r="N253202" s="10"/>
    </row>
    <row r="253203" spans="14:14">
      <c r="N253203" s="10"/>
    </row>
    <row r="253204" spans="14:14">
      <c r="N253204" s="10"/>
    </row>
    <row r="253205" spans="14:14">
      <c r="N253205" s="10"/>
    </row>
    <row r="253206" spans="14:14">
      <c r="N253206" s="10"/>
    </row>
    <row r="253207" spans="14:14">
      <c r="N253207" s="10"/>
    </row>
    <row r="253208" spans="14:14">
      <c r="N253208" s="10"/>
    </row>
    <row r="253209" spans="14:14">
      <c r="N253209" s="10"/>
    </row>
    <row r="253210" spans="14:14">
      <c r="N253210" s="10"/>
    </row>
    <row r="253211" spans="14:14">
      <c r="N253211" s="10"/>
    </row>
    <row r="253212" spans="14:14">
      <c r="N253212" s="10"/>
    </row>
    <row r="253213" spans="14:14">
      <c r="N253213" s="10"/>
    </row>
    <row r="253214" spans="14:14">
      <c r="N253214" s="10"/>
    </row>
    <row r="253215" spans="14:14">
      <c r="N253215" s="10"/>
    </row>
    <row r="253216" spans="14:14">
      <c r="N253216" s="10"/>
    </row>
    <row r="253217" spans="14:14">
      <c r="N253217" s="10"/>
    </row>
    <row r="253218" spans="14:14">
      <c r="N253218" s="10"/>
    </row>
    <row r="253219" spans="14:14">
      <c r="N253219" s="10"/>
    </row>
    <row r="253220" spans="14:14">
      <c r="N253220" s="10"/>
    </row>
    <row r="253221" spans="14:14">
      <c r="N253221" s="10"/>
    </row>
    <row r="253222" spans="14:14">
      <c r="N253222" s="10"/>
    </row>
    <row r="253223" spans="14:14">
      <c r="N253223" s="10"/>
    </row>
    <row r="253224" spans="14:14">
      <c r="N253224" s="10"/>
    </row>
    <row r="253225" spans="14:14">
      <c r="N253225" s="10"/>
    </row>
    <row r="253226" spans="14:14">
      <c r="N253226" s="10"/>
    </row>
    <row r="253227" spans="14:14">
      <c r="N253227" s="10"/>
    </row>
    <row r="253228" spans="14:14">
      <c r="N253228" s="10"/>
    </row>
    <row r="253229" spans="14:14">
      <c r="N253229" s="10"/>
    </row>
    <row r="253230" spans="14:14">
      <c r="N253230" s="10"/>
    </row>
    <row r="253231" spans="14:14">
      <c r="N253231" s="10"/>
    </row>
    <row r="253232" spans="14:14">
      <c r="N253232" s="10"/>
    </row>
    <row r="253233" spans="14:14">
      <c r="N253233" s="10"/>
    </row>
    <row r="253234" spans="14:14">
      <c r="N253234" s="10"/>
    </row>
    <row r="253235" spans="14:14">
      <c r="N253235" s="10"/>
    </row>
    <row r="253236" spans="14:14">
      <c r="N253236" s="10"/>
    </row>
    <row r="253237" spans="14:14">
      <c r="N253237" s="10"/>
    </row>
    <row r="253238" spans="14:14">
      <c r="N253238" s="10"/>
    </row>
    <row r="253239" spans="14:14">
      <c r="N253239" s="10"/>
    </row>
    <row r="253240" spans="14:14">
      <c r="N253240" s="10"/>
    </row>
    <row r="253241" spans="14:14">
      <c r="N253241" s="10"/>
    </row>
    <row r="253242" spans="14:14">
      <c r="N253242" s="10"/>
    </row>
    <row r="253243" spans="14:14">
      <c r="N253243" s="10"/>
    </row>
    <row r="253244" spans="14:14">
      <c r="N253244" s="10"/>
    </row>
    <row r="253245" spans="14:14">
      <c r="N253245" s="10"/>
    </row>
    <row r="253246" spans="14:14">
      <c r="N253246" s="10"/>
    </row>
    <row r="253247" spans="14:14">
      <c r="N253247" s="10"/>
    </row>
    <row r="253248" spans="14:14">
      <c r="N253248" s="10"/>
    </row>
    <row r="253249" spans="14:14">
      <c r="N253249" s="10"/>
    </row>
    <row r="253250" spans="14:14">
      <c r="N253250" s="10"/>
    </row>
    <row r="253251" spans="14:14">
      <c r="N253251" s="10"/>
    </row>
    <row r="253252" spans="14:14">
      <c r="N253252" s="10"/>
    </row>
    <row r="253253" spans="14:14">
      <c r="N253253" s="10"/>
    </row>
    <row r="253254" spans="14:14">
      <c r="N253254" s="10"/>
    </row>
    <row r="253255" spans="14:14">
      <c r="N253255" s="10"/>
    </row>
    <row r="253256" spans="14:14">
      <c r="N253256" s="10"/>
    </row>
    <row r="253257" spans="14:14">
      <c r="N253257" s="10"/>
    </row>
    <row r="253258" spans="14:14">
      <c r="N253258" s="10"/>
    </row>
    <row r="253259" spans="14:14">
      <c r="N253259" s="10"/>
    </row>
    <row r="253260" spans="14:14">
      <c r="N253260" s="10"/>
    </row>
    <row r="253261" spans="14:14">
      <c r="N253261" s="10"/>
    </row>
    <row r="253262" spans="14:14">
      <c r="N253262" s="10"/>
    </row>
    <row r="253263" spans="14:14">
      <c r="N253263" s="10"/>
    </row>
    <row r="253264" spans="14:14">
      <c r="N253264" s="10"/>
    </row>
    <row r="253265" spans="14:14">
      <c r="N253265" s="10"/>
    </row>
    <row r="253266" spans="14:14">
      <c r="N253266" s="10"/>
    </row>
    <row r="253267" spans="14:14">
      <c r="N253267" s="10"/>
    </row>
    <row r="253268" spans="14:14">
      <c r="N253268" s="10"/>
    </row>
    <row r="253269" spans="14:14">
      <c r="N253269" s="10"/>
    </row>
    <row r="253270" spans="14:14">
      <c r="N253270" s="10"/>
    </row>
    <row r="253271" spans="14:14">
      <c r="N253271" s="10"/>
    </row>
    <row r="253272" spans="14:14">
      <c r="N253272" s="10"/>
    </row>
    <row r="253273" spans="14:14">
      <c r="N253273" s="10"/>
    </row>
    <row r="253274" spans="14:14">
      <c r="N253274" s="10"/>
    </row>
    <row r="253275" spans="14:14">
      <c r="N253275" s="10"/>
    </row>
    <row r="253276" spans="14:14">
      <c r="N253276" s="10"/>
    </row>
    <row r="253277" spans="14:14">
      <c r="N253277" s="10"/>
    </row>
    <row r="253278" spans="14:14">
      <c r="N253278" s="10"/>
    </row>
    <row r="253279" spans="14:14">
      <c r="N253279" s="10"/>
    </row>
    <row r="253280" spans="14:14">
      <c r="N253280" s="10"/>
    </row>
    <row r="253281" spans="14:14">
      <c r="N253281" s="10"/>
    </row>
    <row r="253282" spans="14:14">
      <c r="N253282" s="10"/>
    </row>
    <row r="253283" spans="14:14">
      <c r="N253283" s="10"/>
    </row>
    <row r="253284" spans="14:14">
      <c r="N253284" s="10"/>
    </row>
    <row r="253285" spans="14:14">
      <c r="N253285" s="10"/>
    </row>
    <row r="253286" spans="14:14">
      <c r="N253286" s="10"/>
    </row>
    <row r="253287" spans="14:14">
      <c r="N253287" s="10"/>
    </row>
    <row r="253288" spans="14:14">
      <c r="N253288" s="10"/>
    </row>
    <row r="253289" spans="14:14">
      <c r="N253289" s="10"/>
    </row>
    <row r="253290" spans="14:14">
      <c r="N253290" s="10"/>
    </row>
    <row r="253291" spans="14:14">
      <c r="N253291" s="10"/>
    </row>
    <row r="253292" spans="14:14">
      <c r="N253292" s="10"/>
    </row>
    <row r="253293" spans="14:14">
      <c r="N253293" s="10"/>
    </row>
    <row r="253294" spans="14:14">
      <c r="N253294" s="10"/>
    </row>
    <row r="253295" spans="14:14">
      <c r="N253295" s="10"/>
    </row>
    <row r="253296" spans="14:14">
      <c r="N253296" s="10"/>
    </row>
    <row r="253297" spans="14:14">
      <c r="N253297" s="10"/>
    </row>
    <row r="253298" spans="14:14">
      <c r="N253298" s="10"/>
    </row>
    <row r="253299" spans="14:14">
      <c r="N253299" s="10"/>
    </row>
    <row r="253300" spans="14:14">
      <c r="N253300" s="10"/>
    </row>
    <row r="253301" spans="14:14">
      <c r="N253301" s="10"/>
    </row>
    <row r="253302" spans="14:14">
      <c r="N253302" s="10"/>
    </row>
    <row r="253303" spans="14:14">
      <c r="N253303" s="10"/>
    </row>
    <row r="253304" spans="14:14">
      <c r="N253304" s="10"/>
    </row>
    <row r="253305" spans="14:14">
      <c r="N253305" s="10"/>
    </row>
    <row r="253306" spans="14:14">
      <c r="N253306" s="10"/>
    </row>
    <row r="253307" spans="14:14">
      <c r="N253307" s="10"/>
    </row>
    <row r="253308" spans="14:14">
      <c r="N253308" s="10"/>
    </row>
    <row r="253309" spans="14:14">
      <c r="N253309" s="10"/>
    </row>
    <row r="253310" spans="14:14">
      <c r="N253310" s="10"/>
    </row>
    <row r="253311" spans="14:14">
      <c r="N253311" s="10"/>
    </row>
    <row r="253312" spans="14:14">
      <c r="N253312" s="10"/>
    </row>
    <row r="253313" spans="14:14">
      <c r="N253313" s="10"/>
    </row>
    <row r="253314" spans="14:14">
      <c r="N253314" s="10"/>
    </row>
    <row r="253315" spans="14:14">
      <c r="N253315" s="10"/>
    </row>
    <row r="253316" spans="14:14">
      <c r="N253316" s="10"/>
    </row>
    <row r="253317" spans="14:14">
      <c r="N253317" s="10"/>
    </row>
    <row r="253318" spans="14:14">
      <c r="N253318" s="10"/>
    </row>
    <row r="253319" spans="14:14">
      <c r="N253319" s="10"/>
    </row>
    <row r="253320" spans="14:14">
      <c r="N253320" s="10"/>
    </row>
    <row r="253321" spans="14:14">
      <c r="N253321" s="10"/>
    </row>
    <row r="253322" spans="14:14">
      <c r="N253322" s="10"/>
    </row>
    <row r="253323" spans="14:14">
      <c r="N253323" s="10"/>
    </row>
    <row r="253324" spans="14:14">
      <c r="N253324" s="10"/>
    </row>
    <row r="253325" spans="14:14">
      <c r="N253325" s="10"/>
    </row>
    <row r="253326" spans="14:14">
      <c r="N253326" s="10"/>
    </row>
    <row r="253327" spans="14:14">
      <c r="N253327" s="10"/>
    </row>
    <row r="253328" spans="14:14">
      <c r="N253328" s="10"/>
    </row>
    <row r="253329" spans="14:14">
      <c r="N253329" s="10"/>
    </row>
    <row r="253330" spans="14:14">
      <c r="N253330" s="10"/>
    </row>
    <row r="253331" spans="14:14">
      <c r="N253331" s="10"/>
    </row>
    <row r="253332" spans="14:14">
      <c r="N253332" s="10"/>
    </row>
    <row r="253333" spans="14:14">
      <c r="N253333" s="10"/>
    </row>
    <row r="253334" spans="14:14">
      <c r="N253334" s="10"/>
    </row>
    <row r="253335" spans="14:14">
      <c r="N253335" s="10"/>
    </row>
    <row r="253336" spans="14:14">
      <c r="N253336" s="10"/>
    </row>
    <row r="253337" spans="14:14">
      <c r="N253337" s="10"/>
    </row>
    <row r="253338" spans="14:14">
      <c r="N253338" s="10"/>
    </row>
    <row r="253339" spans="14:14">
      <c r="N253339" s="10"/>
    </row>
    <row r="253340" spans="14:14">
      <c r="N253340" s="10"/>
    </row>
    <row r="253341" spans="14:14">
      <c r="N253341" s="10"/>
    </row>
    <row r="253342" spans="14:14">
      <c r="N253342" s="10"/>
    </row>
    <row r="253343" spans="14:14">
      <c r="N253343" s="10"/>
    </row>
    <row r="253344" spans="14:14">
      <c r="N253344" s="10"/>
    </row>
    <row r="253345" spans="14:14">
      <c r="N253345" s="10"/>
    </row>
    <row r="253346" spans="14:14">
      <c r="N253346" s="10"/>
    </row>
    <row r="253347" spans="14:14">
      <c r="N253347" s="10"/>
    </row>
    <row r="253348" spans="14:14">
      <c r="N253348" s="10"/>
    </row>
    <row r="253349" spans="14:14">
      <c r="N253349" s="10"/>
    </row>
    <row r="253350" spans="14:14">
      <c r="N253350" s="10"/>
    </row>
    <row r="253351" spans="14:14">
      <c r="N253351" s="10"/>
    </row>
    <row r="253352" spans="14:14">
      <c r="N253352" s="10"/>
    </row>
    <row r="253353" spans="14:14">
      <c r="N253353" s="10"/>
    </row>
    <row r="253354" spans="14:14">
      <c r="N253354" s="10"/>
    </row>
    <row r="253355" spans="14:14">
      <c r="N253355" s="10"/>
    </row>
    <row r="253356" spans="14:14">
      <c r="N253356" s="10"/>
    </row>
    <row r="253357" spans="14:14">
      <c r="N253357" s="10"/>
    </row>
    <row r="253358" spans="14:14">
      <c r="N253358" s="10"/>
    </row>
    <row r="253359" spans="14:14">
      <c r="N253359" s="10"/>
    </row>
    <row r="253360" spans="14:14">
      <c r="N253360" s="10"/>
    </row>
    <row r="253361" spans="14:14">
      <c r="N253361" s="10"/>
    </row>
    <row r="253362" spans="14:14">
      <c r="N253362" s="10"/>
    </row>
    <row r="253363" spans="14:14">
      <c r="N253363" s="10"/>
    </row>
    <row r="253364" spans="14:14">
      <c r="N253364" s="10"/>
    </row>
    <row r="253365" spans="14:14">
      <c r="N253365" s="10"/>
    </row>
    <row r="253366" spans="14:14">
      <c r="N253366" s="10"/>
    </row>
    <row r="253367" spans="14:14">
      <c r="N253367" s="10"/>
    </row>
    <row r="253368" spans="14:14">
      <c r="N253368" s="10"/>
    </row>
    <row r="253369" spans="14:14">
      <c r="N253369" s="10"/>
    </row>
    <row r="253370" spans="14:14">
      <c r="N253370" s="10"/>
    </row>
    <row r="253371" spans="14:14">
      <c r="N253371" s="10"/>
    </row>
    <row r="253372" spans="14:14">
      <c r="N253372" s="10"/>
    </row>
    <row r="253373" spans="14:14">
      <c r="N253373" s="10"/>
    </row>
    <row r="253374" spans="14:14">
      <c r="N253374" s="10"/>
    </row>
    <row r="253375" spans="14:14">
      <c r="N253375" s="10"/>
    </row>
    <row r="253376" spans="14:14">
      <c r="N253376" s="10"/>
    </row>
    <row r="253377" spans="14:14">
      <c r="N253377" s="10"/>
    </row>
    <row r="253378" spans="14:14">
      <c r="N253378" s="10"/>
    </row>
    <row r="253379" spans="14:14">
      <c r="N253379" s="10"/>
    </row>
    <row r="253380" spans="14:14">
      <c r="N253380" s="10"/>
    </row>
    <row r="253381" spans="14:14">
      <c r="N253381" s="10"/>
    </row>
    <row r="253382" spans="14:14">
      <c r="N253382" s="10"/>
    </row>
    <row r="253383" spans="14:14">
      <c r="N253383" s="10"/>
    </row>
    <row r="253384" spans="14:14">
      <c r="N253384" s="10"/>
    </row>
    <row r="253385" spans="14:14">
      <c r="N253385" s="10"/>
    </row>
    <row r="253386" spans="14:14">
      <c r="N253386" s="10"/>
    </row>
    <row r="253387" spans="14:14">
      <c r="N253387" s="10"/>
    </row>
    <row r="253388" spans="14:14">
      <c r="N253388" s="10"/>
    </row>
    <row r="253389" spans="14:14">
      <c r="N253389" s="10"/>
    </row>
    <row r="253390" spans="14:14">
      <c r="N253390" s="10"/>
    </row>
    <row r="253391" spans="14:14">
      <c r="N253391" s="10"/>
    </row>
    <row r="253392" spans="14:14">
      <c r="N253392" s="10"/>
    </row>
    <row r="253393" spans="14:14">
      <c r="N253393" s="10"/>
    </row>
    <row r="253394" spans="14:14">
      <c r="N253394" s="10"/>
    </row>
    <row r="253395" spans="14:14">
      <c r="N253395" s="10"/>
    </row>
    <row r="253396" spans="14:14">
      <c r="N253396" s="10"/>
    </row>
    <row r="253397" spans="14:14">
      <c r="N253397" s="10"/>
    </row>
    <row r="253398" spans="14:14">
      <c r="N253398" s="10"/>
    </row>
    <row r="253399" spans="14:14">
      <c r="N253399" s="10"/>
    </row>
    <row r="253400" spans="14:14">
      <c r="N253400" s="10"/>
    </row>
    <row r="253401" spans="14:14">
      <c r="N253401" s="10"/>
    </row>
    <row r="253402" spans="14:14">
      <c r="N253402" s="10"/>
    </row>
    <row r="253403" spans="14:14">
      <c r="N253403" s="10"/>
    </row>
    <row r="253404" spans="14:14">
      <c r="N253404" s="10"/>
    </row>
    <row r="253405" spans="14:14">
      <c r="N253405" s="10"/>
    </row>
    <row r="253406" spans="14:14">
      <c r="N253406" s="10"/>
    </row>
    <row r="253407" spans="14:14">
      <c r="N253407" s="10"/>
    </row>
    <row r="253408" spans="14:14">
      <c r="N253408" s="10"/>
    </row>
    <row r="253409" spans="14:14">
      <c r="N253409" s="10"/>
    </row>
    <row r="253410" spans="14:14">
      <c r="N253410" s="10"/>
    </row>
    <row r="253411" spans="14:14">
      <c r="N253411" s="10"/>
    </row>
    <row r="253412" spans="14:14">
      <c r="N253412" s="10"/>
    </row>
    <row r="253413" spans="14:14">
      <c r="N253413" s="10"/>
    </row>
    <row r="253414" spans="14:14">
      <c r="N253414" s="10"/>
    </row>
    <row r="253415" spans="14:14">
      <c r="N253415" s="10"/>
    </row>
    <row r="253416" spans="14:14">
      <c r="N253416" s="10"/>
    </row>
    <row r="253417" spans="14:14">
      <c r="N253417" s="10"/>
    </row>
    <row r="253418" spans="14:14">
      <c r="N253418" s="10"/>
    </row>
    <row r="253419" spans="14:14">
      <c r="N253419" s="10"/>
    </row>
    <row r="253420" spans="14:14">
      <c r="N253420" s="10"/>
    </row>
    <row r="253421" spans="14:14">
      <c r="N253421" s="10"/>
    </row>
    <row r="253422" spans="14:14">
      <c r="N253422" s="10"/>
    </row>
    <row r="253423" spans="14:14">
      <c r="N253423" s="10"/>
    </row>
    <row r="253424" spans="14:14">
      <c r="N253424" s="10"/>
    </row>
    <row r="253425" spans="14:14">
      <c r="N253425" s="10"/>
    </row>
    <row r="253426" spans="14:14">
      <c r="N253426" s="10"/>
    </row>
    <row r="253427" spans="14:14">
      <c r="N253427" s="10"/>
    </row>
    <row r="253428" spans="14:14">
      <c r="N253428" s="10"/>
    </row>
    <row r="253429" spans="14:14">
      <c r="N253429" s="10"/>
    </row>
    <row r="253430" spans="14:14">
      <c r="N253430" s="10"/>
    </row>
    <row r="253431" spans="14:14">
      <c r="N253431" s="10"/>
    </row>
    <row r="253432" spans="14:14">
      <c r="N253432" s="10"/>
    </row>
    <row r="253433" spans="14:14">
      <c r="N253433" s="10"/>
    </row>
    <row r="253434" spans="14:14">
      <c r="N253434" s="10"/>
    </row>
    <row r="253435" spans="14:14">
      <c r="N253435" s="10"/>
    </row>
    <row r="253436" spans="14:14">
      <c r="N253436" s="10"/>
    </row>
    <row r="253437" spans="14:14">
      <c r="N253437" s="10"/>
    </row>
    <row r="253438" spans="14:14">
      <c r="N253438" s="10"/>
    </row>
    <row r="253439" spans="14:14">
      <c r="N253439" s="10"/>
    </row>
    <row r="253440" spans="14:14">
      <c r="N253440" s="10"/>
    </row>
    <row r="253441" spans="14:14">
      <c r="N253441" s="10"/>
    </row>
    <row r="253442" spans="14:14">
      <c r="N253442" s="10"/>
    </row>
    <row r="253443" spans="14:14">
      <c r="N253443" s="10"/>
    </row>
    <row r="253444" spans="14:14">
      <c r="N253444" s="10"/>
    </row>
    <row r="253445" spans="14:14">
      <c r="N253445" s="10"/>
    </row>
    <row r="253446" spans="14:14">
      <c r="N253446" s="10"/>
    </row>
    <row r="253447" spans="14:14">
      <c r="N253447" s="10"/>
    </row>
    <row r="253448" spans="14:14">
      <c r="N253448" s="10"/>
    </row>
    <row r="253449" spans="14:14">
      <c r="N253449" s="10"/>
    </row>
    <row r="253450" spans="14:14">
      <c r="N253450" s="10"/>
    </row>
    <row r="253451" spans="14:14">
      <c r="N253451" s="10"/>
    </row>
    <row r="253452" spans="14:14">
      <c r="N253452" s="10"/>
    </row>
    <row r="253453" spans="14:14">
      <c r="N253453" s="10"/>
    </row>
    <row r="253454" spans="14:14">
      <c r="N253454" s="10"/>
    </row>
    <row r="253455" spans="14:14">
      <c r="N253455" s="10"/>
    </row>
    <row r="253456" spans="14:14">
      <c r="N253456" s="10"/>
    </row>
    <row r="253457" spans="14:14">
      <c r="N253457" s="10"/>
    </row>
    <row r="253458" spans="14:14">
      <c r="N253458" s="10"/>
    </row>
    <row r="253459" spans="14:14">
      <c r="N253459" s="10"/>
    </row>
    <row r="253460" spans="14:14">
      <c r="N253460" s="10"/>
    </row>
    <row r="253461" spans="14:14">
      <c r="N253461" s="10"/>
    </row>
    <row r="253462" spans="14:14">
      <c r="N253462" s="10"/>
    </row>
    <row r="253463" spans="14:14">
      <c r="N253463" s="10"/>
    </row>
    <row r="253464" spans="14:14">
      <c r="N253464" s="10"/>
    </row>
    <row r="253465" spans="14:14">
      <c r="N253465" s="10"/>
    </row>
    <row r="253466" spans="14:14">
      <c r="N253466" s="10"/>
    </row>
    <row r="253467" spans="14:14">
      <c r="N253467" s="10"/>
    </row>
    <row r="253468" spans="14:14">
      <c r="N253468" s="10"/>
    </row>
    <row r="253469" spans="14:14">
      <c r="N253469" s="10"/>
    </row>
    <row r="253470" spans="14:14">
      <c r="N253470" s="10"/>
    </row>
    <row r="253471" spans="14:14">
      <c r="N253471" s="10"/>
    </row>
    <row r="253472" spans="14:14">
      <c r="N253472" s="10"/>
    </row>
    <row r="253473" spans="14:14">
      <c r="N253473" s="10"/>
    </row>
    <row r="253474" spans="14:14">
      <c r="N253474" s="10"/>
    </row>
    <row r="253475" spans="14:14">
      <c r="N253475" s="10"/>
    </row>
    <row r="253476" spans="14:14">
      <c r="N253476" s="10"/>
    </row>
    <row r="253477" spans="14:14">
      <c r="N253477" s="10"/>
    </row>
    <row r="253478" spans="14:14">
      <c r="N253478" s="10"/>
    </row>
    <row r="253479" spans="14:14">
      <c r="N253479" s="10"/>
    </row>
    <row r="253480" spans="14:14">
      <c r="N253480" s="10"/>
    </row>
    <row r="253481" spans="14:14">
      <c r="N253481" s="10"/>
    </row>
    <row r="253482" spans="14:14">
      <c r="N253482" s="10"/>
    </row>
    <row r="253483" spans="14:14">
      <c r="N253483" s="10"/>
    </row>
    <row r="253484" spans="14:14">
      <c r="N253484" s="10"/>
    </row>
    <row r="253485" spans="14:14">
      <c r="N253485" s="10"/>
    </row>
    <row r="253486" spans="14:14">
      <c r="N253486" s="10"/>
    </row>
    <row r="253487" spans="14:14">
      <c r="N253487" s="10"/>
    </row>
    <row r="253488" spans="14:14">
      <c r="N253488" s="10"/>
    </row>
    <row r="253489" spans="14:14">
      <c r="N253489" s="10"/>
    </row>
    <row r="253490" spans="14:14">
      <c r="N253490" s="10"/>
    </row>
    <row r="253491" spans="14:14">
      <c r="N253491" s="10"/>
    </row>
    <row r="253492" spans="14:14">
      <c r="N253492" s="10"/>
    </row>
    <row r="253493" spans="14:14">
      <c r="N253493" s="10"/>
    </row>
    <row r="253494" spans="14:14">
      <c r="N253494" s="10"/>
    </row>
    <row r="253495" spans="14:14">
      <c r="N253495" s="10"/>
    </row>
    <row r="253496" spans="14:14">
      <c r="N253496" s="10"/>
    </row>
    <row r="253497" spans="14:14">
      <c r="N253497" s="10"/>
    </row>
    <row r="253498" spans="14:14">
      <c r="N253498" s="10"/>
    </row>
    <row r="253499" spans="14:14">
      <c r="N253499" s="10"/>
    </row>
    <row r="253500" spans="14:14">
      <c r="N253500" s="10"/>
    </row>
    <row r="253501" spans="14:14">
      <c r="N253501" s="10"/>
    </row>
    <row r="253502" spans="14:14">
      <c r="N253502" s="10"/>
    </row>
    <row r="253503" spans="14:14">
      <c r="N253503" s="10"/>
    </row>
    <row r="253504" spans="14:14">
      <c r="N253504" s="10"/>
    </row>
    <row r="253505" spans="14:14">
      <c r="N253505" s="10"/>
    </row>
    <row r="253506" spans="14:14">
      <c r="N253506" s="10"/>
    </row>
    <row r="253507" spans="14:14">
      <c r="N253507" s="10"/>
    </row>
    <row r="253508" spans="14:14">
      <c r="N253508" s="10"/>
    </row>
    <row r="253509" spans="14:14">
      <c r="N253509" s="10"/>
    </row>
    <row r="253510" spans="14:14">
      <c r="N253510" s="10"/>
    </row>
    <row r="253511" spans="14:14">
      <c r="N253511" s="10"/>
    </row>
    <row r="253512" spans="14:14">
      <c r="N253512" s="10"/>
    </row>
    <row r="253513" spans="14:14">
      <c r="N253513" s="10"/>
    </row>
    <row r="253514" spans="14:14">
      <c r="N253514" s="10"/>
    </row>
    <row r="253515" spans="14:14">
      <c r="N253515" s="10"/>
    </row>
    <row r="253516" spans="14:14">
      <c r="N253516" s="10"/>
    </row>
    <row r="253517" spans="14:14">
      <c r="N253517" s="10"/>
    </row>
    <row r="253518" spans="14:14">
      <c r="N253518" s="10"/>
    </row>
    <row r="253519" spans="14:14">
      <c r="N253519" s="10"/>
    </row>
    <row r="253520" spans="14:14">
      <c r="N253520" s="10"/>
    </row>
    <row r="253521" spans="14:14">
      <c r="N253521" s="10"/>
    </row>
    <row r="253522" spans="14:14">
      <c r="N253522" s="10"/>
    </row>
    <row r="253523" spans="14:14">
      <c r="N253523" s="10"/>
    </row>
    <row r="253524" spans="14:14">
      <c r="N253524" s="10"/>
    </row>
    <row r="253525" spans="14:14">
      <c r="N253525" s="10"/>
    </row>
    <row r="253526" spans="14:14">
      <c r="N253526" s="10"/>
    </row>
    <row r="253527" spans="14:14">
      <c r="N253527" s="10"/>
    </row>
    <row r="253528" spans="14:14">
      <c r="N253528" s="10"/>
    </row>
    <row r="253529" spans="14:14">
      <c r="N253529" s="10"/>
    </row>
    <row r="253530" spans="14:14">
      <c r="N253530" s="10"/>
    </row>
    <row r="253531" spans="14:14">
      <c r="N253531" s="10"/>
    </row>
    <row r="253532" spans="14:14">
      <c r="N253532" s="10"/>
    </row>
    <row r="253533" spans="14:14">
      <c r="N253533" s="10"/>
    </row>
    <row r="253534" spans="14:14">
      <c r="N253534" s="10"/>
    </row>
    <row r="253535" spans="14:14">
      <c r="N253535" s="10"/>
    </row>
    <row r="253536" spans="14:14">
      <c r="N253536" s="10"/>
    </row>
    <row r="253537" spans="14:14">
      <c r="N253537" s="10"/>
    </row>
    <row r="253538" spans="14:14">
      <c r="N253538" s="10"/>
    </row>
    <row r="253539" spans="14:14">
      <c r="N253539" s="10"/>
    </row>
    <row r="253540" spans="14:14">
      <c r="N253540" s="10"/>
    </row>
    <row r="253541" spans="14:14">
      <c r="N253541" s="10"/>
    </row>
    <row r="253542" spans="14:14">
      <c r="N253542" s="10"/>
    </row>
    <row r="253543" spans="14:14">
      <c r="N253543" s="10"/>
    </row>
    <row r="253544" spans="14:14">
      <c r="N253544" s="10"/>
    </row>
    <row r="253545" spans="14:14">
      <c r="N253545" s="10"/>
    </row>
    <row r="253546" spans="14:14">
      <c r="N253546" s="10"/>
    </row>
    <row r="253547" spans="14:14">
      <c r="N253547" s="10"/>
    </row>
    <row r="253548" spans="14:14">
      <c r="N253548" s="10"/>
    </row>
    <row r="253549" spans="14:14">
      <c r="N253549" s="10"/>
    </row>
    <row r="253550" spans="14:14">
      <c r="N253550" s="10"/>
    </row>
    <row r="253551" spans="14:14">
      <c r="N253551" s="10"/>
    </row>
    <row r="253552" spans="14:14">
      <c r="N253552" s="10"/>
    </row>
    <row r="253553" spans="14:14">
      <c r="N253553" s="10"/>
    </row>
    <row r="253554" spans="14:14">
      <c r="N253554" s="10"/>
    </row>
    <row r="253555" spans="14:14">
      <c r="N253555" s="10"/>
    </row>
    <row r="253556" spans="14:14">
      <c r="N253556" s="10"/>
    </row>
    <row r="253557" spans="14:14">
      <c r="N253557" s="10"/>
    </row>
    <row r="253558" spans="14:14">
      <c r="N253558" s="10"/>
    </row>
    <row r="253559" spans="14:14">
      <c r="N253559" s="10"/>
    </row>
    <row r="253560" spans="14:14">
      <c r="N253560" s="10"/>
    </row>
    <row r="253561" spans="14:14">
      <c r="N253561" s="10"/>
    </row>
    <row r="253562" spans="14:14">
      <c r="N253562" s="10"/>
    </row>
    <row r="253563" spans="14:14">
      <c r="N253563" s="10"/>
    </row>
    <row r="253564" spans="14:14">
      <c r="N253564" s="10"/>
    </row>
    <row r="253565" spans="14:14">
      <c r="N253565" s="10"/>
    </row>
    <row r="253566" spans="14:14">
      <c r="N253566" s="10"/>
    </row>
    <row r="253567" spans="14:14">
      <c r="N253567" s="10"/>
    </row>
    <row r="253568" spans="14:14">
      <c r="N253568" s="10"/>
    </row>
    <row r="253569" spans="14:14">
      <c r="N253569" s="10"/>
    </row>
    <row r="253570" spans="14:14">
      <c r="N253570" s="10"/>
    </row>
    <row r="253571" spans="14:14">
      <c r="N253571" s="10"/>
    </row>
    <row r="253572" spans="14:14">
      <c r="N253572" s="10"/>
    </row>
    <row r="253573" spans="14:14">
      <c r="N253573" s="10"/>
    </row>
    <row r="253574" spans="14:14">
      <c r="N253574" s="10"/>
    </row>
    <row r="253575" spans="14:14">
      <c r="N253575" s="10"/>
    </row>
    <row r="253576" spans="14:14">
      <c r="N253576" s="10"/>
    </row>
    <row r="253577" spans="14:14">
      <c r="N253577" s="10"/>
    </row>
    <row r="253578" spans="14:14">
      <c r="N253578" s="10"/>
    </row>
    <row r="253579" spans="14:14">
      <c r="N253579" s="10"/>
    </row>
    <row r="253580" spans="14:14">
      <c r="N253580" s="10"/>
    </row>
    <row r="253581" spans="14:14">
      <c r="N253581" s="10"/>
    </row>
    <row r="253582" spans="14:14">
      <c r="N253582" s="10"/>
    </row>
    <row r="253583" spans="14:14">
      <c r="N253583" s="10"/>
    </row>
    <row r="253584" spans="14:14">
      <c r="N253584" s="10"/>
    </row>
    <row r="253585" spans="14:14">
      <c r="N253585" s="10"/>
    </row>
    <row r="253586" spans="14:14">
      <c r="N253586" s="10"/>
    </row>
    <row r="253587" spans="14:14">
      <c r="N253587" s="10"/>
    </row>
    <row r="253588" spans="14:14">
      <c r="N253588" s="10"/>
    </row>
    <row r="253589" spans="14:14">
      <c r="N253589" s="10"/>
    </row>
    <row r="253590" spans="14:14">
      <c r="N253590" s="10"/>
    </row>
    <row r="253591" spans="14:14">
      <c r="N253591" s="10"/>
    </row>
    <row r="253592" spans="14:14">
      <c r="N253592" s="10"/>
    </row>
    <row r="253593" spans="14:14">
      <c r="N253593" s="10"/>
    </row>
    <row r="253594" spans="14:14">
      <c r="N253594" s="10"/>
    </row>
    <row r="253595" spans="14:14">
      <c r="N253595" s="10"/>
    </row>
    <row r="253596" spans="14:14">
      <c r="N253596" s="10"/>
    </row>
    <row r="253597" spans="14:14">
      <c r="N253597" s="10"/>
    </row>
    <row r="253598" spans="14:14">
      <c r="N253598" s="10"/>
    </row>
    <row r="253599" spans="14:14">
      <c r="N253599" s="10"/>
    </row>
    <row r="253600" spans="14:14">
      <c r="N253600" s="10"/>
    </row>
    <row r="253601" spans="14:14">
      <c r="N253601" s="10"/>
    </row>
    <row r="253602" spans="14:14">
      <c r="N253602" s="10"/>
    </row>
    <row r="253603" spans="14:14">
      <c r="N253603" s="10"/>
    </row>
    <row r="253604" spans="14:14">
      <c r="N253604" s="10"/>
    </row>
    <row r="253605" spans="14:14">
      <c r="N253605" s="10"/>
    </row>
    <row r="253606" spans="14:14">
      <c r="N253606" s="10"/>
    </row>
    <row r="253607" spans="14:14">
      <c r="N253607" s="10"/>
    </row>
    <row r="253608" spans="14:14">
      <c r="N253608" s="10"/>
    </row>
    <row r="253609" spans="14:14">
      <c r="N253609" s="10"/>
    </row>
    <row r="253610" spans="14:14">
      <c r="N253610" s="10"/>
    </row>
    <row r="253611" spans="14:14">
      <c r="N253611" s="10"/>
    </row>
    <row r="253612" spans="14:14">
      <c r="N253612" s="10"/>
    </row>
    <row r="253613" spans="14:14">
      <c r="N253613" s="10"/>
    </row>
    <row r="253614" spans="14:14">
      <c r="N253614" s="10"/>
    </row>
    <row r="253615" spans="14:14">
      <c r="N253615" s="10"/>
    </row>
    <row r="253616" spans="14:14">
      <c r="N253616" s="10"/>
    </row>
    <row r="253617" spans="14:14">
      <c r="N253617" s="10"/>
    </row>
    <row r="253618" spans="14:14">
      <c r="N253618" s="10"/>
    </row>
    <row r="253619" spans="14:14">
      <c r="N253619" s="10"/>
    </row>
    <row r="253620" spans="14:14">
      <c r="N253620" s="10"/>
    </row>
    <row r="253621" spans="14:14">
      <c r="N253621" s="10"/>
    </row>
    <row r="253622" spans="14:14">
      <c r="N253622" s="10"/>
    </row>
    <row r="253623" spans="14:14">
      <c r="N253623" s="10"/>
    </row>
    <row r="253624" spans="14:14">
      <c r="N253624" s="10"/>
    </row>
    <row r="253625" spans="14:14">
      <c r="N253625" s="10"/>
    </row>
    <row r="253626" spans="14:14">
      <c r="N253626" s="10"/>
    </row>
    <row r="253627" spans="14:14">
      <c r="N253627" s="10"/>
    </row>
    <row r="253628" spans="14:14">
      <c r="N253628" s="10"/>
    </row>
    <row r="253629" spans="14:14">
      <c r="N253629" s="10"/>
    </row>
    <row r="253630" spans="14:14">
      <c r="N253630" s="10"/>
    </row>
    <row r="253631" spans="14:14">
      <c r="N253631" s="10"/>
    </row>
    <row r="253632" spans="14:14">
      <c r="N253632" s="10"/>
    </row>
    <row r="253633" spans="14:14">
      <c r="N253633" s="10"/>
    </row>
    <row r="253634" spans="14:14">
      <c r="N253634" s="10"/>
    </row>
    <row r="253635" spans="14:14">
      <c r="N253635" s="10"/>
    </row>
    <row r="253636" spans="14:14">
      <c r="N253636" s="10"/>
    </row>
    <row r="253637" spans="14:14">
      <c r="N253637" s="10"/>
    </row>
    <row r="253638" spans="14:14">
      <c r="N253638" s="10"/>
    </row>
    <row r="253639" spans="14:14">
      <c r="N253639" s="10"/>
    </row>
    <row r="253640" spans="14:14">
      <c r="N253640" s="10"/>
    </row>
    <row r="253641" spans="14:14">
      <c r="N253641" s="10"/>
    </row>
    <row r="253642" spans="14:14">
      <c r="N253642" s="10"/>
    </row>
    <row r="253643" spans="14:14">
      <c r="N253643" s="10"/>
    </row>
    <row r="253644" spans="14:14">
      <c r="N253644" s="10"/>
    </row>
    <row r="253645" spans="14:14">
      <c r="N253645" s="10"/>
    </row>
    <row r="253646" spans="14:14">
      <c r="N253646" s="10"/>
    </row>
    <row r="253647" spans="14:14">
      <c r="N253647" s="10"/>
    </row>
    <row r="253648" spans="14:14">
      <c r="N253648" s="10"/>
    </row>
    <row r="253649" spans="14:14">
      <c r="N253649" s="10"/>
    </row>
    <row r="253650" spans="14:14">
      <c r="N253650" s="10"/>
    </row>
    <row r="253651" spans="14:14">
      <c r="N253651" s="10"/>
    </row>
    <row r="253652" spans="14:14">
      <c r="N253652" s="10"/>
    </row>
    <row r="253653" spans="14:14">
      <c r="N253653" s="10"/>
    </row>
    <row r="253654" spans="14:14">
      <c r="N253654" s="10"/>
    </row>
    <row r="253655" spans="14:14">
      <c r="N253655" s="10"/>
    </row>
    <row r="253656" spans="14:14">
      <c r="N253656" s="10"/>
    </row>
    <row r="253657" spans="14:14">
      <c r="N253657" s="10"/>
    </row>
    <row r="253658" spans="14:14">
      <c r="N253658" s="10"/>
    </row>
    <row r="253659" spans="14:14">
      <c r="N253659" s="10"/>
    </row>
    <row r="253660" spans="14:14">
      <c r="N253660" s="10"/>
    </row>
    <row r="253661" spans="14:14">
      <c r="N253661" s="10"/>
    </row>
    <row r="253662" spans="14:14">
      <c r="N253662" s="10"/>
    </row>
    <row r="253663" spans="14:14">
      <c r="N253663" s="10"/>
    </row>
    <row r="253664" spans="14:14">
      <c r="N253664" s="10"/>
    </row>
    <row r="253665" spans="14:14">
      <c r="N253665" s="10"/>
    </row>
    <row r="253666" spans="14:14">
      <c r="N253666" s="10"/>
    </row>
    <row r="253667" spans="14:14">
      <c r="N253667" s="10"/>
    </row>
    <row r="253668" spans="14:14">
      <c r="N253668" s="10"/>
    </row>
    <row r="253669" spans="14:14">
      <c r="N253669" s="10"/>
    </row>
    <row r="253670" spans="14:14">
      <c r="N253670" s="10"/>
    </row>
    <row r="253671" spans="14:14">
      <c r="N253671" s="10"/>
    </row>
    <row r="253672" spans="14:14">
      <c r="N253672" s="10"/>
    </row>
    <row r="253673" spans="14:14">
      <c r="N253673" s="10"/>
    </row>
    <row r="253674" spans="14:14">
      <c r="N253674" s="10"/>
    </row>
    <row r="253675" spans="14:14">
      <c r="N253675" s="10"/>
    </row>
    <row r="253676" spans="14:14">
      <c r="N253676" s="10"/>
    </row>
    <row r="253677" spans="14:14">
      <c r="N253677" s="10"/>
    </row>
    <row r="253678" spans="14:14">
      <c r="N253678" s="10"/>
    </row>
    <row r="253679" spans="14:14">
      <c r="N253679" s="10"/>
    </row>
    <row r="253680" spans="14:14">
      <c r="N253680" s="10"/>
    </row>
    <row r="253681" spans="14:14">
      <c r="N253681" s="10"/>
    </row>
    <row r="253682" spans="14:14">
      <c r="N253682" s="10"/>
    </row>
    <row r="253683" spans="14:14">
      <c r="N253683" s="10"/>
    </row>
    <row r="253684" spans="14:14">
      <c r="N253684" s="10"/>
    </row>
    <row r="253685" spans="14:14">
      <c r="N253685" s="10"/>
    </row>
    <row r="253686" spans="14:14">
      <c r="N253686" s="10"/>
    </row>
    <row r="253687" spans="14:14">
      <c r="N253687" s="10"/>
    </row>
    <row r="253688" spans="14:14">
      <c r="N253688" s="10"/>
    </row>
    <row r="253689" spans="14:14">
      <c r="N253689" s="10"/>
    </row>
    <row r="253690" spans="14:14">
      <c r="N253690" s="10"/>
    </row>
    <row r="253691" spans="14:14">
      <c r="N253691" s="10"/>
    </row>
    <row r="253692" spans="14:14">
      <c r="N253692" s="10"/>
    </row>
    <row r="253693" spans="14:14">
      <c r="N253693" s="10"/>
    </row>
    <row r="253694" spans="14:14">
      <c r="N253694" s="10"/>
    </row>
    <row r="253695" spans="14:14">
      <c r="N253695" s="10"/>
    </row>
    <row r="253696" spans="14:14">
      <c r="N253696" s="10"/>
    </row>
    <row r="253697" spans="14:14">
      <c r="N253697" s="10"/>
    </row>
    <row r="253698" spans="14:14">
      <c r="N253698" s="10"/>
    </row>
    <row r="253699" spans="14:14">
      <c r="N253699" s="10"/>
    </row>
    <row r="253700" spans="14:14">
      <c r="N253700" s="10"/>
    </row>
    <row r="253701" spans="14:14">
      <c r="N253701" s="10"/>
    </row>
    <row r="253702" spans="14:14">
      <c r="N253702" s="10"/>
    </row>
    <row r="253703" spans="14:14">
      <c r="N253703" s="10"/>
    </row>
    <row r="253704" spans="14:14">
      <c r="N253704" s="10"/>
    </row>
    <row r="253705" spans="14:14">
      <c r="N253705" s="10"/>
    </row>
    <row r="253706" spans="14:14">
      <c r="N253706" s="10"/>
    </row>
    <row r="253707" spans="14:14">
      <c r="N253707" s="10"/>
    </row>
    <row r="253708" spans="14:14">
      <c r="N253708" s="10"/>
    </row>
    <row r="253709" spans="14:14">
      <c r="N253709" s="10"/>
    </row>
    <row r="253710" spans="14:14">
      <c r="N253710" s="10"/>
    </row>
    <row r="253711" spans="14:14">
      <c r="N253711" s="10"/>
    </row>
    <row r="253712" spans="14:14">
      <c r="N253712" s="10"/>
    </row>
    <row r="253713" spans="14:14">
      <c r="N253713" s="10"/>
    </row>
    <row r="253714" spans="14:14">
      <c r="N253714" s="10"/>
    </row>
    <row r="253715" spans="14:14">
      <c r="N253715" s="10"/>
    </row>
    <row r="253716" spans="14:14">
      <c r="N253716" s="10"/>
    </row>
    <row r="253717" spans="14:14">
      <c r="N253717" s="10"/>
    </row>
    <row r="253718" spans="14:14">
      <c r="N253718" s="10"/>
    </row>
    <row r="253719" spans="14:14">
      <c r="N253719" s="10"/>
    </row>
    <row r="253720" spans="14:14">
      <c r="N253720" s="10"/>
    </row>
    <row r="253721" spans="14:14">
      <c r="N253721" s="10"/>
    </row>
    <row r="253722" spans="14:14">
      <c r="N253722" s="10"/>
    </row>
    <row r="253723" spans="14:14">
      <c r="N253723" s="10"/>
    </row>
    <row r="253724" spans="14:14">
      <c r="N253724" s="10"/>
    </row>
    <row r="253725" spans="14:14">
      <c r="N253725" s="10"/>
    </row>
    <row r="253726" spans="14:14">
      <c r="N253726" s="10"/>
    </row>
    <row r="253727" spans="14:14">
      <c r="N253727" s="10"/>
    </row>
    <row r="253728" spans="14:14">
      <c r="N253728" s="10"/>
    </row>
    <row r="253729" spans="14:14">
      <c r="N253729" s="10"/>
    </row>
    <row r="253730" spans="14:14">
      <c r="N253730" s="10"/>
    </row>
    <row r="253731" spans="14:14">
      <c r="N253731" s="10"/>
    </row>
    <row r="253732" spans="14:14">
      <c r="N253732" s="10"/>
    </row>
    <row r="253733" spans="14:14">
      <c r="N253733" s="10"/>
    </row>
    <row r="253734" spans="14:14">
      <c r="N253734" s="10"/>
    </row>
    <row r="253735" spans="14:14">
      <c r="N253735" s="10"/>
    </row>
    <row r="253736" spans="14:14">
      <c r="N253736" s="10"/>
    </row>
    <row r="253737" spans="14:14">
      <c r="N253737" s="10"/>
    </row>
    <row r="253738" spans="14:14">
      <c r="N253738" s="10"/>
    </row>
    <row r="253739" spans="14:14">
      <c r="N253739" s="10"/>
    </row>
    <row r="253740" spans="14:14">
      <c r="N253740" s="10"/>
    </row>
    <row r="253741" spans="14:14">
      <c r="N253741" s="10"/>
    </row>
    <row r="253742" spans="14:14">
      <c r="N253742" s="10"/>
    </row>
    <row r="253743" spans="14:14">
      <c r="N253743" s="10"/>
    </row>
    <row r="253744" spans="14:14">
      <c r="N253744" s="10"/>
    </row>
    <row r="253745" spans="14:14">
      <c r="N253745" s="10"/>
    </row>
    <row r="253746" spans="14:14">
      <c r="N253746" s="10"/>
    </row>
    <row r="253747" spans="14:14">
      <c r="N253747" s="10"/>
    </row>
    <row r="253748" spans="14:14">
      <c r="N253748" s="10"/>
    </row>
    <row r="253749" spans="14:14">
      <c r="N253749" s="10"/>
    </row>
    <row r="253750" spans="14:14">
      <c r="N253750" s="10"/>
    </row>
    <row r="253751" spans="14:14">
      <c r="N253751" s="10"/>
    </row>
    <row r="253752" spans="14:14">
      <c r="N253752" s="10"/>
    </row>
    <row r="253753" spans="14:14">
      <c r="N253753" s="10"/>
    </row>
    <row r="253754" spans="14:14">
      <c r="N253754" s="10"/>
    </row>
    <row r="253755" spans="14:14">
      <c r="N253755" s="10"/>
    </row>
    <row r="253756" spans="14:14">
      <c r="N253756" s="10"/>
    </row>
    <row r="253757" spans="14:14">
      <c r="N253757" s="10"/>
    </row>
    <row r="253758" spans="14:14">
      <c r="N253758" s="10"/>
    </row>
    <row r="253759" spans="14:14">
      <c r="N253759" s="10"/>
    </row>
    <row r="253760" spans="14:14">
      <c r="N253760" s="10"/>
    </row>
    <row r="253761" spans="14:14">
      <c r="N253761" s="10"/>
    </row>
    <row r="253762" spans="14:14">
      <c r="N253762" s="10"/>
    </row>
    <row r="253763" spans="14:14">
      <c r="N253763" s="10"/>
    </row>
    <row r="253764" spans="14:14">
      <c r="N253764" s="10"/>
    </row>
    <row r="253765" spans="14:14">
      <c r="N253765" s="10"/>
    </row>
    <row r="253766" spans="14:14">
      <c r="N253766" s="10"/>
    </row>
    <row r="253767" spans="14:14">
      <c r="N253767" s="10"/>
    </row>
    <row r="253768" spans="14:14">
      <c r="N253768" s="10"/>
    </row>
    <row r="253769" spans="14:14">
      <c r="N253769" s="10"/>
    </row>
    <row r="253770" spans="14:14">
      <c r="N253770" s="10"/>
    </row>
    <row r="253771" spans="14:14">
      <c r="N253771" s="10"/>
    </row>
    <row r="253772" spans="14:14">
      <c r="N253772" s="10"/>
    </row>
    <row r="253773" spans="14:14">
      <c r="N253773" s="10"/>
    </row>
    <row r="253774" spans="14:14">
      <c r="N253774" s="10"/>
    </row>
    <row r="253775" spans="14:14">
      <c r="N253775" s="10"/>
    </row>
    <row r="253776" spans="14:14">
      <c r="N253776" s="10"/>
    </row>
    <row r="253777" spans="14:14">
      <c r="N253777" s="10"/>
    </row>
    <row r="253778" spans="14:14">
      <c r="N253778" s="10"/>
    </row>
    <row r="253779" spans="14:14">
      <c r="N253779" s="10"/>
    </row>
    <row r="253780" spans="14:14">
      <c r="N253780" s="10"/>
    </row>
    <row r="253781" spans="14:14">
      <c r="N253781" s="10"/>
    </row>
    <row r="253782" spans="14:14">
      <c r="N253782" s="10"/>
    </row>
    <row r="253783" spans="14:14">
      <c r="N253783" s="10"/>
    </row>
    <row r="253784" spans="14:14">
      <c r="N253784" s="10"/>
    </row>
    <row r="253785" spans="14:14">
      <c r="N253785" s="10"/>
    </row>
    <row r="253786" spans="14:14">
      <c r="N253786" s="10"/>
    </row>
    <row r="253787" spans="14:14">
      <c r="N253787" s="10"/>
    </row>
    <row r="253788" spans="14:14">
      <c r="N253788" s="10"/>
    </row>
    <row r="253789" spans="14:14">
      <c r="N253789" s="10"/>
    </row>
    <row r="253790" spans="14:14">
      <c r="N253790" s="10"/>
    </row>
    <row r="253791" spans="14:14">
      <c r="N253791" s="10"/>
    </row>
    <row r="253792" spans="14:14">
      <c r="N253792" s="10"/>
    </row>
    <row r="253793" spans="14:14">
      <c r="N253793" s="10"/>
    </row>
    <row r="253794" spans="14:14">
      <c r="N253794" s="10"/>
    </row>
    <row r="253795" spans="14:14">
      <c r="N253795" s="10"/>
    </row>
    <row r="253796" spans="14:14">
      <c r="N253796" s="10"/>
    </row>
    <row r="253797" spans="14:14">
      <c r="N253797" s="10"/>
    </row>
    <row r="253798" spans="14:14">
      <c r="N253798" s="10"/>
    </row>
    <row r="253799" spans="14:14">
      <c r="N253799" s="10"/>
    </row>
    <row r="253800" spans="14:14">
      <c r="N253800" s="10"/>
    </row>
    <row r="253801" spans="14:14">
      <c r="N253801" s="10"/>
    </row>
    <row r="253802" spans="14:14">
      <c r="N253802" s="10"/>
    </row>
    <row r="253803" spans="14:14">
      <c r="N253803" s="10"/>
    </row>
    <row r="253804" spans="14:14">
      <c r="N253804" s="10"/>
    </row>
    <row r="253805" spans="14:14">
      <c r="N253805" s="10"/>
    </row>
    <row r="253806" spans="14:14">
      <c r="N253806" s="10"/>
    </row>
    <row r="253807" spans="14:14">
      <c r="N253807" s="10"/>
    </row>
    <row r="253808" spans="14:14">
      <c r="N253808" s="10"/>
    </row>
    <row r="253809" spans="14:14">
      <c r="N253809" s="10"/>
    </row>
    <row r="253810" spans="14:14">
      <c r="N253810" s="10"/>
    </row>
    <row r="253811" spans="14:14">
      <c r="N253811" s="10"/>
    </row>
    <row r="253812" spans="14:14">
      <c r="N253812" s="10"/>
    </row>
    <row r="253813" spans="14:14">
      <c r="N253813" s="10"/>
    </row>
    <row r="253814" spans="14:14">
      <c r="N253814" s="10"/>
    </row>
    <row r="253815" spans="14:14">
      <c r="N253815" s="10"/>
    </row>
    <row r="253816" spans="14:14">
      <c r="N253816" s="10"/>
    </row>
    <row r="253817" spans="14:14">
      <c r="N253817" s="10"/>
    </row>
    <row r="253818" spans="14:14">
      <c r="N253818" s="10"/>
    </row>
    <row r="253819" spans="14:14">
      <c r="N253819" s="10"/>
    </row>
    <row r="253820" spans="14:14">
      <c r="N253820" s="10"/>
    </row>
    <row r="253821" spans="14:14">
      <c r="N253821" s="10"/>
    </row>
    <row r="253822" spans="14:14">
      <c r="N253822" s="10"/>
    </row>
    <row r="253823" spans="14:14">
      <c r="N253823" s="10"/>
    </row>
    <row r="253824" spans="14:14">
      <c r="N253824" s="10"/>
    </row>
    <row r="253825" spans="14:14">
      <c r="N253825" s="10"/>
    </row>
    <row r="253826" spans="14:14">
      <c r="N253826" s="10"/>
    </row>
    <row r="253827" spans="14:14">
      <c r="N253827" s="10"/>
    </row>
    <row r="253828" spans="14:14">
      <c r="N253828" s="10"/>
    </row>
    <row r="253829" spans="14:14">
      <c r="N253829" s="10"/>
    </row>
    <row r="253830" spans="14:14">
      <c r="N253830" s="10"/>
    </row>
    <row r="253831" spans="14:14">
      <c r="N253831" s="10"/>
    </row>
    <row r="253832" spans="14:14">
      <c r="N253832" s="10"/>
    </row>
    <row r="253833" spans="14:14">
      <c r="N253833" s="10"/>
    </row>
    <row r="253834" spans="14:14">
      <c r="N253834" s="10"/>
    </row>
    <row r="253835" spans="14:14">
      <c r="N253835" s="10"/>
    </row>
    <row r="253836" spans="14:14">
      <c r="N253836" s="10"/>
    </row>
    <row r="253837" spans="14:14">
      <c r="N253837" s="10"/>
    </row>
    <row r="253838" spans="14:14">
      <c r="N253838" s="10"/>
    </row>
    <row r="253839" spans="14:14">
      <c r="N253839" s="10"/>
    </row>
    <row r="253840" spans="14:14">
      <c r="N253840" s="10"/>
    </row>
    <row r="253841" spans="14:14">
      <c r="N253841" s="10"/>
    </row>
    <row r="253842" spans="14:14">
      <c r="N253842" s="10"/>
    </row>
    <row r="253843" spans="14:14">
      <c r="N253843" s="10"/>
    </row>
    <row r="253844" spans="14:14">
      <c r="N253844" s="10"/>
    </row>
    <row r="253845" spans="14:14">
      <c r="N253845" s="10"/>
    </row>
    <row r="253846" spans="14:14">
      <c r="N253846" s="10"/>
    </row>
    <row r="253847" spans="14:14">
      <c r="N253847" s="10"/>
    </row>
    <row r="253848" spans="14:14">
      <c r="N253848" s="10"/>
    </row>
    <row r="253849" spans="14:14">
      <c r="N253849" s="10"/>
    </row>
    <row r="253850" spans="14:14">
      <c r="N253850" s="10"/>
    </row>
    <row r="253851" spans="14:14">
      <c r="N253851" s="10"/>
    </row>
    <row r="253852" spans="14:14">
      <c r="N253852" s="10"/>
    </row>
    <row r="253853" spans="14:14">
      <c r="N253853" s="10"/>
    </row>
    <row r="253854" spans="14:14">
      <c r="N253854" s="10"/>
    </row>
    <row r="253855" spans="14:14">
      <c r="N253855" s="10"/>
    </row>
    <row r="253856" spans="14:14">
      <c r="N253856" s="10"/>
    </row>
    <row r="253857" spans="14:14">
      <c r="N253857" s="10"/>
    </row>
    <row r="253858" spans="14:14">
      <c r="N253858" s="10"/>
    </row>
    <row r="253859" spans="14:14">
      <c r="N253859" s="10"/>
    </row>
    <row r="253860" spans="14:14">
      <c r="N253860" s="10"/>
    </row>
    <row r="253861" spans="14:14">
      <c r="N253861" s="10"/>
    </row>
    <row r="253862" spans="14:14">
      <c r="N253862" s="10"/>
    </row>
    <row r="253863" spans="14:14">
      <c r="N253863" s="10"/>
    </row>
    <row r="253864" spans="14:14">
      <c r="N253864" s="10"/>
    </row>
    <row r="253865" spans="14:14">
      <c r="N253865" s="10"/>
    </row>
    <row r="253866" spans="14:14">
      <c r="N253866" s="10"/>
    </row>
    <row r="253867" spans="14:14">
      <c r="N253867" s="10"/>
    </row>
    <row r="253868" spans="14:14">
      <c r="N253868" s="10"/>
    </row>
    <row r="253869" spans="14:14">
      <c r="N253869" s="10"/>
    </row>
    <row r="253870" spans="14:14">
      <c r="N253870" s="10"/>
    </row>
    <row r="253871" spans="14:14">
      <c r="N253871" s="10"/>
    </row>
    <row r="253872" spans="14:14">
      <c r="N253872" s="10"/>
    </row>
    <row r="253873" spans="14:14">
      <c r="N253873" s="10"/>
    </row>
    <row r="253874" spans="14:14">
      <c r="N253874" s="10"/>
    </row>
    <row r="253875" spans="14:14">
      <c r="N253875" s="10"/>
    </row>
    <row r="253876" spans="14:14">
      <c r="N253876" s="10"/>
    </row>
    <row r="253877" spans="14:14">
      <c r="N253877" s="10"/>
    </row>
    <row r="253878" spans="14:14">
      <c r="N253878" s="10"/>
    </row>
    <row r="253879" spans="14:14">
      <c r="N253879" s="10"/>
    </row>
    <row r="253880" spans="14:14">
      <c r="N253880" s="10"/>
    </row>
    <row r="253881" spans="14:14">
      <c r="N253881" s="10"/>
    </row>
    <row r="253882" spans="14:14">
      <c r="N253882" s="10"/>
    </row>
    <row r="253883" spans="14:14">
      <c r="N253883" s="10"/>
    </row>
    <row r="253884" spans="14:14">
      <c r="N253884" s="10"/>
    </row>
    <row r="253885" spans="14:14">
      <c r="N253885" s="10"/>
    </row>
    <row r="253886" spans="14:14">
      <c r="N253886" s="10"/>
    </row>
    <row r="253887" spans="14:14">
      <c r="N253887" s="10"/>
    </row>
    <row r="253888" spans="14:14">
      <c r="N253888" s="10"/>
    </row>
    <row r="253889" spans="14:14">
      <c r="N253889" s="10"/>
    </row>
    <row r="253890" spans="14:14">
      <c r="N253890" s="10"/>
    </row>
    <row r="253891" spans="14:14">
      <c r="N253891" s="10"/>
    </row>
    <row r="253892" spans="14:14">
      <c r="N253892" s="10"/>
    </row>
    <row r="253893" spans="14:14">
      <c r="N253893" s="10"/>
    </row>
    <row r="253894" spans="14:14">
      <c r="N253894" s="10"/>
    </row>
    <row r="253895" spans="14:14">
      <c r="N253895" s="10"/>
    </row>
    <row r="253896" spans="14:14">
      <c r="N253896" s="10"/>
    </row>
    <row r="253897" spans="14:14">
      <c r="N253897" s="10"/>
    </row>
    <row r="253898" spans="14:14">
      <c r="N253898" s="10"/>
    </row>
    <row r="253899" spans="14:14">
      <c r="N253899" s="10"/>
    </row>
    <row r="253900" spans="14:14">
      <c r="N253900" s="10"/>
    </row>
    <row r="253901" spans="14:14">
      <c r="N253901" s="10"/>
    </row>
    <row r="253902" spans="14:14">
      <c r="N253902" s="10"/>
    </row>
    <row r="253903" spans="14:14">
      <c r="N253903" s="10"/>
    </row>
    <row r="253904" spans="14:14">
      <c r="N253904" s="10"/>
    </row>
    <row r="253905" spans="14:14">
      <c r="N253905" s="10"/>
    </row>
    <row r="253906" spans="14:14">
      <c r="N253906" s="10"/>
    </row>
    <row r="253907" spans="14:14">
      <c r="N253907" s="10"/>
    </row>
    <row r="253908" spans="14:14">
      <c r="N253908" s="10"/>
    </row>
    <row r="253909" spans="14:14">
      <c r="N253909" s="10"/>
    </row>
    <row r="253910" spans="14:14">
      <c r="N253910" s="10"/>
    </row>
    <row r="253911" spans="14:14">
      <c r="N253911" s="10"/>
    </row>
    <row r="253912" spans="14:14">
      <c r="N253912" s="10"/>
    </row>
    <row r="253913" spans="14:14">
      <c r="N253913" s="10"/>
    </row>
    <row r="253914" spans="14:14">
      <c r="N253914" s="10"/>
    </row>
    <row r="253915" spans="14:14">
      <c r="N253915" s="10"/>
    </row>
    <row r="253916" spans="14:14">
      <c r="N253916" s="10"/>
    </row>
    <row r="253917" spans="14:14">
      <c r="N253917" s="10"/>
    </row>
    <row r="253918" spans="14:14">
      <c r="N253918" s="10"/>
    </row>
    <row r="253919" spans="14:14">
      <c r="N253919" s="10"/>
    </row>
    <row r="253920" spans="14:14">
      <c r="N253920" s="10"/>
    </row>
    <row r="253921" spans="14:14">
      <c r="N253921" s="10"/>
    </row>
    <row r="253922" spans="14:14">
      <c r="N253922" s="10"/>
    </row>
    <row r="253923" spans="14:14">
      <c r="N253923" s="10"/>
    </row>
    <row r="253924" spans="14:14">
      <c r="N253924" s="10"/>
    </row>
    <row r="253925" spans="14:14">
      <c r="N253925" s="10"/>
    </row>
    <row r="253926" spans="14:14">
      <c r="N253926" s="10"/>
    </row>
    <row r="253927" spans="14:14">
      <c r="N253927" s="10"/>
    </row>
    <row r="253928" spans="14:14">
      <c r="N253928" s="10"/>
    </row>
    <row r="253929" spans="14:14">
      <c r="N253929" s="10"/>
    </row>
    <row r="253930" spans="14:14">
      <c r="N253930" s="10"/>
    </row>
    <row r="253931" spans="14:14">
      <c r="N253931" s="10"/>
    </row>
    <row r="253932" spans="14:14">
      <c r="N253932" s="10"/>
    </row>
    <row r="253933" spans="14:14">
      <c r="N253933" s="10"/>
    </row>
    <row r="253934" spans="14:14">
      <c r="N253934" s="10"/>
    </row>
    <row r="253935" spans="14:14">
      <c r="N253935" s="10"/>
    </row>
    <row r="253936" spans="14:14">
      <c r="N253936" s="10"/>
    </row>
    <row r="253937" spans="14:14">
      <c r="N253937" s="10"/>
    </row>
    <row r="253938" spans="14:14">
      <c r="N253938" s="10"/>
    </row>
    <row r="253939" spans="14:14">
      <c r="N253939" s="10"/>
    </row>
    <row r="253940" spans="14:14">
      <c r="N253940" s="10"/>
    </row>
    <row r="253941" spans="14:14">
      <c r="N253941" s="10"/>
    </row>
    <row r="253942" spans="14:14">
      <c r="N253942" s="10"/>
    </row>
    <row r="253943" spans="14:14">
      <c r="N253943" s="10"/>
    </row>
    <row r="253944" spans="14:14">
      <c r="N253944" s="10"/>
    </row>
    <row r="253945" spans="14:14">
      <c r="N253945" s="10"/>
    </row>
    <row r="253946" spans="14:14">
      <c r="N253946" s="10"/>
    </row>
    <row r="253947" spans="14:14">
      <c r="N253947" s="10"/>
    </row>
    <row r="253948" spans="14:14">
      <c r="N253948" s="10"/>
    </row>
    <row r="253949" spans="14:14">
      <c r="N253949" s="10"/>
    </row>
    <row r="253950" spans="14:14">
      <c r="N253950" s="10"/>
    </row>
    <row r="253951" spans="14:14">
      <c r="N253951" s="10"/>
    </row>
    <row r="253952" spans="14:14">
      <c r="N253952" s="10"/>
    </row>
    <row r="253953" spans="14:14">
      <c r="N253953" s="10"/>
    </row>
    <row r="253954" spans="14:14">
      <c r="N253954" s="10"/>
    </row>
    <row r="253955" spans="14:14">
      <c r="N253955" s="10"/>
    </row>
    <row r="253956" spans="14:14">
      <c r="N253956" s="10"/>
    </row>
    <row r="253957" spans="14:14">
      <c r="N253957" s="10"/>
    </row>
    <row r="253958" spans="14:14">
      <c r="N253958" s="10"/>
    </row>
    <row r="253959" spans="14:14">
      <c r="N253959" s="10"/>
    </row>
    <row r="253960" spans="14:14">
      <c r="N253960" s="10"/>
    </row>
    <row r="253961" spans="14:14">
      <c r="N253961" s="10"/>
    </row>
    <row r="253962" spans="14:14">
      <c r="N253962" s="10"/>
    </row>
    <row r="253963" spans="14:14">
      <c r="N253963" s="10"/>
    </row>
    <row r="253964" spans="14:14">
      <c r="N253964" s="10"/>
    </row>
    <row r="253965" spans="14:14">
      <c r="N253965" s="10"/>
    </row>
    <row r="253966" spans="14:14">
      <c r="N253966" s="10"/>
    </row>
    <row r="253967" spans="14:14">
      <c r="N253967" s="10"/>
    </row>
    <row r="253968" spans="14:14">
      <c r="N253968" s="10"/>
    </row>
    <row r="253969" spans="14:14">
      <c r="N253969" s="10"/>
    </row>
    <row r="253970" spans="14:14">
      <c r="N253970" s="10"/>
    </row>
    <row r="253971" spans="14:14">
      <c r="N253971" s="10"/>
    </row>
    <row r="253972" spans="14:14">
      <c r="N253972" s="10"/>
    </row>
    <row r="253973" spans="14:14">
      <c r="N253973" s="10"/>
    </row>
    <row r="253974" spans="14:14">
      <c r="N253974" s="10"/>
    </row>
    <row r="253975" spans="14:14">
      <c r="N253975" s="10"/>
    </row>
    <row r="253976" spans="14:14">
      <c r="N253976" s="10"/>
    </row>
    <row r="253977" spans="14:14">
      <c r="N253977" s="10"/>
    </row>
    <row r="253978" spans="14:14">
      <c r="N253978" s="10"/>
    </row>
    <row r="253979" spans="14:14">
      <c r="N253979" s="10"/>
    </row>
    <row r="253980" spans="14:14">
      <c r="N253980" s="10"/>
    </row>
    <row r="253981" spans="14:14">
      <c r="N253981" s="10"/>
    </row>
    <row r="253982" spans="14:14">
      <c r="N253982" s="10"/>
    </row>
    <row r="253983" spans="14:14">
      <c r="N253983" s="10"/>
    </row>
    <row r="253984" spans="14:14">
      <c r="N253984" s="10"/>
    </row>
    <row r="253985" spans="14:14">
      <c r="N253985" s="10"/>
    </row>
    <row r="253986" spans="14:14">
      <c r="N253986" s="10"/>
    </row>
    <row r="253987" spans="14:14">
      <c r="N253987" s="10"/>
    </row>
    <row r="253988" spans="14:14">
      <c r="N253988" s="10"/>
    </row>
    <row r="253989" spans="14:14">
      <c r="N253989" s="10"/>
    </row>
    <row r="253990" spans="14:14">
      <c r="N253990" s="10"/>
    </row>
    <row r="253991" spans="14:14">
      <c r="N253991" s="10"/>
    </row>
    <row r="253992" spans="14:14">
      <c r="N253992" s="10"/>
    </row>
    <row r="253993" spans="14:14">
      <c r="N253993" s="10"/>
    </row>
    <row r="253994" spans="14:14">
      <c r="N253994" s="10"/>
    </row>
    <row r="253995" spans="14:14">
      <c r="N253995" s="10"/>
    </row>
    <row r="253996" spans="14:14">
      <c r="N253996" s="10"/>
    </row>
    <row r="253997" spans="14:14">
      <c r="N253997" s="10"/>
    </row>
    <row r="253998" spans="14:14">
      <c r="N253998" s="10"/>
    </row>
    <row r="253999" spans="14:14">
      <c r="N253999" s="10"/>
    </row>
    <row r="254000" spans="14:14">
      <c r="N254000" s="10"/>
    </row>
    <row r="254001" spans="14:14">
      <c r="N254001" s="10"/>
    </row>
    <row r="254002" spans="14:14">
      <c r="N254002" s="10"/>
    </row>
    <row r="254003" spans="14:14">
      <c r="N254003" s="10"/>
    </row>
    <row r="254004" spans="14:14">
      <c r="N254004" s="10"/>
    </row>
    <row r="254005" spans="14:14">
      <c r="N254005" s="10"/>
    </row>
    <row r="254006" spans="14:14">
      <c r="N254006" s="10"/>
    </row>
    <row r="254007" spans="14:14">
      <c r="N254007" s="10"/>
    </row>
    <row r="254008" spans="14:14">
      <c r="N254008" s="10"/>
    </row>
    <row r="254009" spans="14:14">
      <c r="N254009" s="10"/>
    </row>
    <row r="254010" spans="14:14">
      <c r="N254010" s="10"/>
    </row>
    <row r="254011" spans="14:14">
      <c r="N254011" s="10"/>
    </row>
    <row r="254012" spans="14:14">
      <c r="N254012" s="10"/>
    </row>
    <row r="254013" spans="14:14">
      <c r="N254013" s="10"/>
    </row>
    <row r="254014" spans="14:14">
      <c r="N254014" s="10"/>
    </row>
    <row r="254015" spans="14:14">
      <c r="N254015" s="10"/>
    </row>
    <row r="254016" spans="14:14">
      <c r="N254016" s="10"/>
    </row>
    <row r="254017" spans="14:14">
      <c r="N254017" s="10"/>
    </row>
    <row r="254018" spans="14:14">
      <c r="N254018" s="10"/>
    </row>
    <row r="254019" spans="14:14">
      <c r="N254019" s="10"/>
    </row>
    <row r="254020" spans="14:14">
      <c r="N254020" s="10"/>
    </row>
    <row r="254021" spans="14:14">
      <c r="N254021" s="10"/>
    </row>
    <row r="254022" spans="14:14">
      <c r="N254022" s="10"/>
    </row>
    <row r="254023" spans="14:14">
      <c r="N254023" s="10"/>
    </row>
    <row r="254024" spans="14:14">
      <c r="N254024" s="10"/>
    </row>
    <row r="254025" spans="14:14">
      <c r="N254025" s="10"/>
    </row>
    <row r="254026" spans="14:14">
      <c r="N254026" s="10"/>
    </row>
    <row r="254027" spans="14:14">
      <c r="N254027" s="10"/>
    </row>
    <row r="254028" spans="14:14">
      <c r="N254028" s="10"/>
    </row>
    <row r="254029" spans="14:14">
      <c r="N254029" s="10"/>
    </row>
    <row r="254030" spans="14:14">
      <c r="N254030" s="10"/>
    </row>
    <row r="254031" spans="14:14">
      <c r="N254031" s="10"/>
    </row>
    <row r="254032" spans="14:14">
      <c r="N254032" s="10"/>
    </row>
    <row r="254033" spans="14:14">
      <c r="N254033" s="10"/>
    </row>
    <row r="254034" spans="14:14">
      <c r="N254034" s="10"/>
    </row>
    <row r="254035" spans="14:14">
      <c r="N254035" s="10"/>
    </row>
    <row r="254036" spans="14:14">
      <c r="N254036" s="10"/>
    </row>
    <row r="254037" spans="14:14">
      <c r="N254037" s="10"/>
    </row>
    <row r="254038" spans="14:14">
      <c r="N254038" s="10"/>
    </row>
    <row r="254039" spans="14:14">
      <c r="N254039" s="10"/>
    </row>
    <row r="254040" spans="14:14">
      <c r="N254040" s="10"/>
    </row>
    <row r="254041" spans="14:14">
      <c r="N254041" s="10"/>
    </row>
    <row r="254042" spans="14:14">
      <c r="N254042" s="10"/>
    </row>
    <row r="254043" spans="14:14">
      <c r="N254043" s="10"/>
    </row>
    <row r="254044" spans="14:14">
      <c r="N254044" s="10"/>
    </row>
    <row r="254045" spans="14:14">
      <c r="N254045" s="10"/>
    </row>
    <row r="254046" spans="14:14">
      <c r="N254046" s="10"/>
    </row>
    <row r="254047" spans="14:14">
      <c r="N254047" s="10"/>
    </row>
    <row r="254048" spans="14:14">
      <c r="N254048" s="10"/>
    </row>
    <row r="254049" spans="14:14">
      <c r="N254049" s="10"/>
    </row>
    <row r="254050" spans="14:14">
      <c r="N254050" s="10"/>
    </row>
    <row r="254051" spans="14:14">
      <c r="N254051" s="10"/>
    </row>
    <row r="254052" spans="14:14">
      <c r="N254052" s="10"/>
    </row>
    <row r="254053" spans="14:14">
      <c r="N254053" s="10"/>
    </row>
    <row r="254054" spans="14:14">
      <c r="N254054" s="10"/>
    </row>
    <row r="254055" spans="14:14">
      <c r="N254055" s="10"/>
    </row>
    <row r="254056" spans="14:14">
      <c r="N254056" s="10"/>
    </row>
    <row r="254057" spans="14:14">
      <c r="N254057" s="10"/>
    </row>
    <row r="254058" spans="14:14">
      <c r="N254058" s="10"/>
    </row>
    <row r="254059" spans="14:14">
      <c r="N254059" s="10"/>
    </row>
    <row r="254060" spans="14:14">
      <c r="N254060" s="10"/>
    </row>
    <row r="254061" spans="14:14">
      <c r="N254061" s="10"/>
    </row>
    <row r="254062" spans="14:14">
      <c r="N254062" s="10"/>
    </row>
    <row r="254063" spans="14:14">
      <c r="N254063" s="10"/>
    </row>
    <row r="254064" spans="14:14">
      <c r="N254064" s="10"/>
    </row>
    <row r="254065" spans="14:14">
      <c r="N254065" s="10"/>
    </row>
    <row r="254066" spans="14:14">
      <c r="N254066" s="10"/>
    </row>
    <row r="254067" spans="14:14">
      <c r="N254067" s="10"/>
    </row>
    <row r="254068" spans="14:14">
      <c r="N254068" s="10"/>
    </row>
    <row r="254069" spans="14:14">
      <c r="N254069" s="10"/>
    </row>
    <row r="254070" spans="14:14">
      <c r="N254070" s="10"/>
    </row>
    <row r="254071" spans="14:14">
      <c r="N254071" s="10"/>
    </row>
    <row r="254072" spans="14:14">
      <c r="N254072" s="10"/>
    </row>
    <row r="254073" spans="14:14">
      <c r="N254073" s="10"/>
    </row>
    <row r="254074" spans="14:14">
      <c r="N254074" s="10"/>
    </row>
    <row r="254075" spans="14:14">
      <c r="N254075" s="10"/>
    </row>
    <row r="254076" spans="14:14">
      <c r="N254076" s="10"/>
    </row>
    <row r="254077" spans="14:14">
      <c r="N254077" s="10"/>
    </row>
    <row r="254078" spans="14:14">
      <c r="N254078" s="10"/>
    </row>
    <row r="254079" spans="14:14">
      <c r="N254079" s="10"/>
    </row>
    <row r="254080" spans="14:14">
      <c r="N254080" s="10"/>
    </row>
    <row r="254081" spans="14:14">
      <c r="N254081" s="10"/>
    </row>
    <row r="254082" spans="14:14">
      <c r="N254082" s="10"/>
    </row>
    <row r="254083" spans="14:14">
      <c r="N254083" s="10"/>
    </row>
    <row r="254084" spans="14:14">
      <c r="N254084" s="10"/>
    </row>
    <row r="254085" spans="14:14">
      <c r="N254085" s="10"/>
    </row>
    <row r="254086" spans="14:14">
      <c r="N254086" s="10"/>
    </row>
    <row r="254087" spans="14:14">
      <c r="N254087" s="10"/>
    </row>
    <row r="254088" spans="14:14">
      <c r="N254088" s="10"/>
    </row>
    <row r="254089" spans="14:14">
      <c r="N254089" s="10"/>
    </row>
    <row r="254090" spans="14:14">
      <c r="N254090" s="10"/>
    </row>
    <row r="254091" spans="14:14">
      <c r="N254091" s="10"/>
    </row>
    <row r="254092" spans="14:14">
      <c r="N254092" s="10"/>
    </row>
    <row r="254093" spans="14:14">
      <c r="N254093" s="10"/>
    </row>
    <row r="254094" spans="14:14">
      <c r="N254094" s="10"/>
    </row>
    <row r="254095" spans="14:14">
      <c r="N254095" s="10"/>
    </row>
    <row r="254096" spans="14:14">
      <c r="N254096" s="10"/>
    </row>
    <row r="254097" spans="14:14">
      <c r="N254097" s="10"/>
    </row>
    <row r="254098" spans="14:14">
      <c r="N254098" s="10"/>
    </row>
    <row r="254099" spans="14:14">
      <c r="N254099" s="10"/>
    </row>
    <row r="254100" spans="14:14">
      <c r="N254100" s="10"/>
    </row>
    <row r="254101" spans="14:14">
      <c r="N254101" s="10"/>
    </row>
    <row r="254102" spans="14:14">
      <c r="N254102" s="10"/>
    </row>
    <row r="254103" spans="14:14">
      <c r="N254103" s="10"/>
    </row>
    <row r="254104" spans="14:14">
      <c r="N254104" s="10"/>
    </row>
    <row r="254105" spans="14:14">
      <c r="N254105" s="10"/>
    </row>
    <row r="254106" spans="14:14">
      <c r="N254106" s="10"/>
    </row>
    <row r="254107" spans="14:14">
      <c r="N254107" s="10"/>
    </row>
    <row r="254108" spans="14:14">
      <c r="N254108" s="10"/>
    </row>
    <row r="254109" spans="14:14">
      <c r="N254109" s="10"/>
    </row>
    <row r="254110" spans="14:14">
      <c r="N254110" s="10"/>
    </row>
    <row r="254111" spans="14:14">
      <c r="N254111" s="10"/>
    </row>
    <row r="254112" spans="14:14">
      <c r="N254112" s="10"/>
    </row>
    <row r="254113" spans="14:14">
      <c r="N254113" s="10"/>
    </row>
    <row r="254114" spans="14:14">
      <c r="N254114" s="10"/>
    </row>
    <row r="254115" spans="14:14">
      <c r="N254115" s="10"/>
    </row>
    <row r="254116" spans="14:14">
      <c r="N254116" s="10"/>
    </row>
    <row r="254117" spans="14:14">
      <c r="N254117" s="10"/>
    </row>
    <row r="254118" spans="14:14">
      <c r="N254118" s="10"/>
    </row>
    <row r="254119" spans="14:14">
      <c r="N254119" s="10"/>
    </row>
    <row r="254120" spans="14:14">
      <c r="N254120" s="10"/>
    </row>
    <row r="254121" spans="14:14">
      <c r="N254121" s="10"/>
    </row>
    <row r="254122" spans="14:14">
      <c r="N254122" s="10"/>
    </row>
    <row r="254123" spans="14:14">
      <c r="N254123" s="10"/>
    </row>
    <row r="254124" spans="14:14">
      <c r="N254124" s="10"/>
    </row>
    <row r="254125" spans="14:14">
      <c r="N254125" s="10"/>
    </row>
    <row r="254126" spans="14:14">
      <c r="N254126" s="10"/>
    </row>
    <row r="254127" spans="14:14">
      <c r="N254127" s="10"/>
    </row>
    <row r="254128" spans="14:14">
      <c r="N254128" s="10"/>
    </row>
    <row r="254129" spans="14:14">
      <c r="N254129" s="10"/>
    </row>
    <row r="254130" spans="14:14">
      <c r="N254130" s="10"/>
    </row>
    <row r="254131" spans="14:14">
      <c r="N254131" s="10"/>
    </row>
    <row r="254132" spans="14:14">
      <c r="N254132" s="10"/>
    </row>
    <row r="254133" spans="14:14">
      <c r="N254133" s="10"/>
    </row>
    <row r="254134" spans="14:14">
      <c r="N254134" s="10"/>
    </row>
    <row r="254135" spans="14:14">
      <c r="N254135" s="10"/>
    </row>
    <row r="254136" spans="14:14">
      <c r="N254136" s="10"/>
    </row>
    <row r="254137" spans="14:14">
      <c r="N254137" s="10"/>
    </row>
    <row r="254138" spans="14:14">
      <c r="N254138" s="10"/>
    </row>
    <row r="254139" spans="14:14">
      <c r="N254139" s="10"/>
    </row>
    <row r="254140" spans="14:14">
      <c r="N254140" s="10"/>
    </row>
    <row r="254141" spans="14:14">
      <c r="N254141" s="10"/>
    </row>
    <row r="254142" spans="14:14">
      <c r="N254142" s="10"/>
    </row>
    <row r="254143" spans="14:14">
      <c r="N254143" s="10"/>
    </row>
    <row r="254144" spans="14:14">
      <c r="N254144" s="10"/>
    </row>
    <row r="254145" spans="14:14">
      <c r="N254145" s="10"/>
    </row>
    <row r="254146" spans="14:14">
      <c r="N254146" s="10"/>
    </row>
    <row r="254147" spans="14:14">
      <c r="N254147" s="10"/>
    </row>
    <row r="254148" spans="14:14">
      <c r="N254148" s="10"/>
    </row>
    <row r="254149" spans="14:14">
      <c r="N254149" s="10"/>
    </row>
    <row r="254150" spans="14:14">
      <c r="N254150" s="10"/>
    </row>
    <row r="254151" spans="14:14">
      <c r="N254151" s="10"/>
    </row>
    <row r="254152" spans="14:14">
      <c r="N254152" s="10"/>
    </row>
    <row r="254153" spans="14:14">
      <c r="N254153" s="10"/>
    </row>
    <row r="254154" spans="14:14">
      <c r="N254154" s="10"/>
    </row>
    <row r="254155" spans="14:14">
      <c r="N254155" s="10"/>
    </row>
    <row r="254156" spans="14:14">
      <c r="N254156" s="10"/>
    </row>
    <row r="254157" spans="14:14">
      <c r="N254157" s="10"/>
    </row>
    <row r="254158" spans="14:14">
      <c r="N254158" s="10"/>
    </row>
    <row r="254159" spans="14:14">
      <c r="N254159" s="10"/>
    </row>
    <row r="254160" spans="14:14">
      <c r="N254160" s="10"/>
    </row>
    <row r="254161" spans="14:14">
      <c r="N254161" s="10"/>
    </row>
    <row r="254162" spans="14:14">
      <c r="N254162" s="10"/>
    </row>
    <row r="254163" spans="14:14">
      <c r="N254163" s="10"/>
    </row>
    <row r="254164" spans="14:14">
      <c r="N254164" s="10"/>
    </row>
    <row r="254165" spans="14:14">
      <c r="N254165" s="10"/>
    </row>
    <row r="254166" spans="14:14">
      <c r="N254166" s="10"/>
    </row>
    <row r="254167" spans="14:14">
      <c r="N254167" s="10"/>
    </row>
    <row r="254168" spans="14:14">
      <c r="N254168" s="10"/>
    </row>
    <row r="254169" spans="14:14">
      <c r="N254169" s="10"/>
    </row>
    <row r="254170" spans="14:14">
      <c r="N254170" s="10"/>
    </row>
    <row r="254171" spans="14:14">
      <c r="N254171" s="10"/>
    </row>
    <row r="254172" spans="14:14">
      <c r="N254172" s="10"/>
    </row>
    <row r="254173" spans="14:14">
      <c r="N254173" s="10"/>
    </row>
    <row r="254174" spans="14:14">
      <c r="N254174" s="10"/>
    </row>
    <row r="254175" spans="14:14">
      <c r="N254175" s="10"/>
    </row>
    <row r="254176" spans="14:14">
      <c r="N254176" s="10"/>
    </row>
    <row r="254177" spans="14:14">
      <c r="N254177" s="10"/>
    </row>
    <row r="254178" spans="14:14">
      <c r="N254178" s="10"/>
    </row>
    <row r="254179" spans="14:14">
      <c r="N254179" s="10"/>
    </row>
    <row r="254180" spans="14:14">
      <c r="N254180" s="10"/>
    </row>
    <row r="254181" spans="14:14">
      <c r="N254181" s="10"/>
    </row>
    <row r="254182" spans="14:14">
      <c r="N254182" s="10"/>
    </row>
    <row r="254183" spans="14:14">
      <c r="N254183" s="10"/>
    </row>
    <row r="254184" spans="14:14">
      <c r="N254184" s="10"/>
    </row>
    <row r="254185" spans="14:14">
      <c r="N254185" s="10"/>
    </row>
    <row r="254186" spans="14:14">
      <c r="N254186" s="10"/>
    </row>
    <row r="254187" spans="14:14">
      <c r="N254187" s="10"/>
    </row>
    <row r="254188" spans="14:14">
      <c r="N254188" s="10"/>
    </row>
    <row r="254189" spans="14:14">
      <c r="N254189" s="10"/>
    </row>
    <row r="254190" spans="14:14">
      <c r="N254190" s="10"/>
    </row>
    <row r="254191" spans="14:14">
      <c r="N254191" s="10"/>
    </row>
    <row r="254192" spans="14:14">
      <c r="N254192" s="10"/>
    </row>
    <row r="254193" spans="14:14">
      <c r="N254193" s="10"/>
    </row>
    <row r="254194" spans="14:14">
      <c r="N254194" s="10"/>
    </row>
    <row r="254195" spans="14:14">
      <c r="N254195" s="10"/>
    </row>
    <row r="254196" spans="14:14">
      <c r="N254196" s="10"/>
    </row>
    <row r="254197" spans="14:14">
      <c r="N254197" s="10"/>
    </row>
    <row r="254198" spans="14:14">
      <c r="N254198" s="10"/>
    </row>
    <row r="254199" spans="14:14">
      <c r="N254199" s="10"/>
    </row>
    <row r="254200" spans="14:14">
      <c r="N254200" s="10"/>
    </row>
    <row r="254201" spans="14:14">
      <c r="N254201" s="10"/>
    </row>
    <row r="254202" spans="14:14">
      <c r="N254202" s="10"/>
    </row>
    <row r="254203" spans="14:14">
      <c r="N254203" s="10"/>
    </row>
    <row r="254204" spans="14:14">
      <c r="N254204" s="10"/>
    </row>
    <row r="254205" spans="14:14">
      <c r="N254205" s="10"/>
    </row>
    <row r="254206" spans="14:14">
      <c r="N254206" s="10"/>
    </row>
    <row r="254207" spans="14:14">
      <c r="N254207" s="10"/>
    </row>
    <row r="254208" spans="14:14">
      <c r="N254208" s="10"/>
    </row>
    <row r="254209" spans="14:14">
      <c r="N254209" s="10"/>
    </row>
    <row r="254210" spans="14:14">
      <c r="N254210" s="10"/>
    </row>
    <row r="254211" spans="14:14">
      <c r="N254211" s="10"/>
    </row>
    <row r="254212" spans="14:14">
      <c r="N254212" s="10"/>
    </row>
    <row r="254213" spans="14:14">
      <c r="N254213" s="10"/>
    </row>
    <row r="254214" spans="14:14">
      <c r="N254214" s="10"/>
    </row>
    <row r="254215" spans="14:14">
      <c r="N254215" s="10"/>
    </row>
    <row r="254216" spans="14:14">
      <c r="N254216" s="10"/>
    </row>
    <row r="254217" spans="14:14">
      <c r="N254217" s="10"/>
    </row>
    <row r="254218" spans="14:14">
      <c r="N254218" s="10"/>
    </row>
    <row r="254219" spans="14:14">
      <c r="N254219" s="10"/>
    </row>
    <row r="254220" spans="14:14">
      <c r="N254220" s="10"/>
    </row>
    <row r="254221" spans="14:14">
      <c r="N254221" s="10"/>
    </row>
    <row r="254222" spans="14:14">
      <c r="N254222" s="10"/>
    </row>
    <row r="254223" spans="14:14">
      <c r="N254223" s="10"/>
    </row>
    <row r="254224" spans="14:14">
      <c r="N254224" s="10"/>
    </row>
    <row r="254225" spans="14:14">
      <c r="N254225" s="10"/>
    </row>
    <row r="254226" spans="14:14">
      <c r="N254226" s="10"/>
    </row>
    <row r="254227" spans="14:14">
      <c r="N254227" s="10"/>
    </row>
    <row r="254228" spans="14:14">
      <c r="N254228" s="10"/>
    </row>
    <row r="254229" spans="14:14">
      <c r="N254229" s="10"/>
    </row>
    <row r="254230" spans="14:14">
      <c r="N254230" s="10"/>
    </row>
    <row r="254231" spans="14:14">
      <c r="N254231" s="10"/>
    </row>
    <row r="254232" spans="14:14">
      <c r="N254232" s="10"/>
    </row>
    <row r="254233" spans="14:14">
      <c r="N254233" s="10"/>
    </row>
    <row r="254234" spans="14:14">
      <c r="N254234" s="10"/>
    </row>
    <row r="254235" spans="14:14">
      <c r="N254235" s="10"/>
    </row>
    <row r="254236" spans="14:14">
      <c r="N254236" s="10"/>
    </row>
    <row r="254237" spans="14:14">
      <c r="N254237" s="10"/>
    </row>
    <row r="254238" spans="14:14">
      <c r="N254238" s="10"/>
    </row>
    <row r="254239" spans="14:14">
      <c r="N254239" s="10"/>
    </row>
    <row r="254240" spans="14:14">
      <c r="N254240" s="10"/>
    </row>
    <row r="254241" spans="14:14">
      <c r="N254241" s="10"/>
    </row>
    <row r="254242" spans="14:14">
      <c r="N254242" s="10"/>
    </row>
    <row r="254243" spans="14:14">
      <c r="N254243" s="10"/>
    </row>
    <row r="254244" spans="14:14">
      <c r="N254244" s="10"/>
    </row>
    <row r="254245" spans="14:14">
      <c r="N254245" s="10"/>
    </row>
    <row r="254246" spans="14:14">
      <c r="N254246" s="10"/>
    </row>
    <row r="254247" spans="14:14">
      <c r="N254247" s="10"/>
    </row>
    <row r="254248" spans="14:14">
      <c r="N254248" s="10"/>
    </row>
    <row r="254249" spans="14:14">
      <c r="N254249" s="10"/>
    </row>
    <row r="254250" spans="14:14">
      <c r="N254250" s="10"/>
    </row>
    <row r="254251" spans="14:14">
      <c r="N254251" s="10"/>
    </row>
    <row r="254252" spans="14:14">
      <c r="N254252" s="10"/>
    </row>
    <row r="254253" spans="14:14">
      <c r="N254253" s="10"/>
    </row>
    <row r="254254" spans="14:14">
      <c r="N254254" s="10"/>
    </row>
    <row r="254255" spans="14:14">
      <c r="N254255" s="10"/>
    </row>
    <row r="254256" spans="14:14">
      <c r="N254256" s="10"/>
    </row>
    <row r="254257" spans="14:14">
      <c r="N254257" s="10"/>
    </row>
    <row r="254258" spans="14:14">
      <c r="N254258" s="10"/>
    </row>
    <row r="254259" spans="14:14">
      <c r="N254259" s="10"/>
    </row>
    <row r="254260" spans="14:14">
      <c r="N254260" s="10"/>
    </row>
    <row r="254261" spans="14:14">
      <c r="N254261" s="10"/>
    </row>
    <row r="254262" spans="14:14">
      <c r="N254262" s="10"/>
    </row>
    <row r="254263" spans="14:14">
      <c r="N254263" s="10"/>
    </row>
    <row r="254264" spans="14:14">
      <c r="N254264" s="10"/>
    </row>
    <row r="254265" spans="14:14">
      <c r="N254265" s="10"/>
    </row>
    <row r="254266" spans="14:14">
      <c r="N254266" s="10"/>
    </row>
    <row r="254267" spans="14:14">
      <c r="N254267" s="10"/>
    </row>
    <row r="254268" spans="14:14">
      <c r="N254268" s="10"/>
    </row>
    <row r="254269" spans="14:14">
      <c r="N254269" s="10"/>
    </row>
    <row r="254270" spans="14:14">
      <c r="N254270" s="10"/>
    </row>
    <row r="254271" spans="14:14">
      <c r="N254271" s="10"/>
    </row>
    <row r="254272" spans="14:14">
      <c r="N254272" s="10"/>
    </row>
    <row r="254273" spans="14:14">
      <c r="N254273" s="10"/>
    </row>
    <row r="254274" spans="14:14">
      <c r="N254274" s="10"/>
    </row>
    <row r="254275" spans="14:14">
      <c r="N254275" s="10"/>
    </row>
    <row r="254276" spans="14:14">
      <c r="N254276" s="10"/>
    </row>
    <row r="254277" spans="14:14">
      <c r="N254277" s="10"/>
    </row>
    <row r="254278" spans="14:14">
      <c r="N254278" s="10"/>
    </row>
    <row r="254279" spans="14:14">
      <c r="N254279" s="10"/>
    </row>
    <row r="254280" spans="14:14">
      <c r="N254280" s="10"/>
    </row>
    <row r="254281" spans="14:14">
      <c r="N254281" s="10"/>
    </row>
    <row r="254282" spans="14:14">
      <c r="N254282" s="10"/>
    </row>
    <row r="254283" spans="14:14">
      <c r="N254283" s="10"/>
    </row>
    <row r="254284" spans="14:14">
      <c r="N254284" s="10"/>
    </row>
    <row r="254285" spans="14:14">
      <c r="N254285" s="10"/>
    </row>
    <row r="254286" spans="14:14">
      <c r="N254286" s="10"/>
    </row>
    <row r="254287" spans="14:14">
      <c r="N254287" s="10"/>
    </row>
    <row r="254288" spans="14:14">
      <c r="N254288" s="10"/>
    </row>
    <row r="254289" spans="14:14">
      <c r="N254289" s="10"/>
    </row>
    <row r="254290" spans="14:14">
      <c r="N254290" s="10"/>
    </row>
    <row r="254291" spans="14:14">
      <c r="N254291" s="10"/>
    </row>
    <row r="254292" spans="14:14">
      <c r="N254292" s="10"/>
    </row>
    <row r="254293" spans="14:14">
      <c r="N254293" s="10"/>
    </row>
    <row r="254294" spans="14:14">
      <c r="N254294" s="10"/>
    </row>
    <row r="254295" spans="14:14">
      <c r="N254295" s="10"/>
    </row>
    <row r="254296" spans="14:14">
      <c r="N254296" s="10"/>
    </row>
    <row r="254297" spans="14:14">
      <c r="N254297" s="10"/>
    </row>
    <row r="254298" spans="14:14">
      <c r="N254298" s="10"/>
    </row>
    <row r="254299" spans="14:14">
      <c r="N254299" s="10"/>
    </row>
    <row r="254300" spans="14:14">
      <c r="N254300" s="10"/>
    </row>
    <row r="254301" spans="14:14">
      <c r="N254301" s="10"/>
    </row>
    <row r="254302" spans="14:14">
      <c r="N254302" s="10"/>
    </row>
    <row r="254303" spans="14:14">
      <c r="N254303" s="10"/>
    </row>
    <row r="254304" spans="14:14">
      <c r="N254304" s="10"/>
    </row>
    <row r="254305" spans="14:14">
      <c r="N254305" s="10"/>
    </row>
    <row r="254306" spans="14:14">
      <c r="N254306" s="10"/>
    </row>
    <row r="254307" spans="14:14">
      <c r="N254307" s="10"/>
    </row>
    <row r="254308" spans="14:14">
      <c r="N254308" s="10"/>
    </row>
    <row r="254309" spans="14:14">
      <c r="N254309" s="10"/>
    </row>
    <row r="254310" spans="14:14">
      <c r="N254310" s="10"/>
    </row>
    <row r="254311" spans="14:14">
      <c r="N254311" s="10"/>
    </row>
    <row r="254312" spans="14:14">
      <c r="N254312" s="10"/>
    </row>
    <row r="254313" spans="14:14">
      <c r="N254313" s="10"/>
    </row>
    <row r="254314" spans="14:14">
      <c r="N254314" s="10"/>
    </row>
    <row r="254315" spans="14:14">
      <c r="N254315" s="10"/>
    </row>
    <row r="254316" spans="14:14">
      <c r="N254316" s="10"/>
    </row>
    <row r="254317" spans="14:14">
      <c r="N254317" s="10"/>
    </row>
    <row r="254318" spans="14:14">
      <c r="N254318" s="10"/>
    </row>
    <row r="254319" spans="14:14">
      <c r="N254319" s="10"/>
    </row>
    <row r="254320" spans="14:14">
      <c r="N254320" s="10"/>
    </row>
    <row r="254321" spans="14:14">
      <c r="N254321" s="10"/>
    </row>
    <row r="254322" spans="14:14">
      <c r="N254322" s="10"/>
    </row>
    <row r="254323" spans="14:14">
      <c r="N254323" s="10"/>
    </row>
    <row r="254324" spans="14:14">
      <c r="N254324" s="10"/>
    </row>
    <row r="254325" spans="14:14">
      <c r="N254325" s="10"/>
    </row>
    <row r="254326" spans="14:14">
      <c r="N254326" s="10"/>
    </row>
    <row r="254327" spans="14:14">
      <c r="N254327" s="10"/>
    </row>
    <row r="254328" spans="14:14">
      <c r="N254328" s="10"/>
    </row>
    <row r="254329" spans="14:14">
      <c r="N254329" s="10"/>
    </row>
    <row r="254330" spans="14:14">
      <c r="N254330" s="10"/>
    </row>
    <row r="254331" spans="14:14">
      <c r="N254331" s="10"/>
    </row>
    <row r="254332" spans="14:14">
      <c r="N254332" s="10"/>
    </row>
    <row r="254333" spans="14:14">
      <c r="N254333" s="10"/>
    </row>
    <row r="254334" spans="14:14">
      <c r="N254334" s="10"/>
    </row>
    <row r="254335" spans="14:14">
      <c r="N254335" s="10"/>
    </row>
    <row r="254336" spans="14:14">
      <c r="N254336" s="10"/>
    </row>
    <row r="254337" spans="14:14">
      <c r="N254337" s="10"/>
    </row>
    <row r="254338" spans="14:14">
      <c r="N254338" s="10"/>
    </row>
    <row r="254339" spans="14:14">
      <c r="N254339" s="10"/>
    </row>
    <row r="254340" spans="14:14">
      <c r="N254340" s="10"/>
    </row>
    <row r="254341" spans="14:14">
      <c r="N254341" s="10"/>
    </row>
    <row r="254342" spans="14:14">
      <c r="N254342" s="10"/>
    </row>
    <row r="254343" spans="14:14">
      <c r="N254343" s="10"/>
    </row>
    <row r="254344" spans="14:14">
      <c r="N254344" s="10"/>
    </row>
    <row r="254345" spans="14:14">
      <c r="N254345" s="10"/>
    </row>
    <row r="254346" spans="14:14">
      <c r="N254346" s="10"/>
    </row>
    <row r="254347" spans="14:14">
      <c r="N254347" s="10"/>
    </row>
    <row r="254348" spans="14:14">
      <c r="N254348" s="10"/>
    </row>
    <row r="254349" spans="14:14">
      <c r="N254349" s="10"/>
    </row>
    <row r="254350" spans="14:14">
      <c r="N254350" s="10"/>
    </row>
    <row r="254351" spans="14:14">
      <c r="N254351" s="10"/>
    </row>
    <row r="254352" spans="14:14">
      <c r="N254352" s="10"/>
    </row>
    <row r="254353" spans="14:14">
      <c r="N254353" s="10"/>
    </row>
    <row r="254354" spans="14:14">
      <c r="N254354" s="10"/>
    </row>
    <row r="254355" spans="14:14">
      <c r="N254355" s="10"/>
    </row>
    <row r="254356" spans="14:14">
      <c r="N254356" s="10"/>
    </row>
    <row r="254357" spans="14:14">
      <c r="N254357" s="10"/>
    </row>
    <row r="254358" spans="14:14">
      <c r="N254358" s="10"/>
    </row>
    <row r="254359" spans="14:14">
      <c r="N254359" s="10"/>
    </row>
    <row r="254360" spans="14:14">
      <c r="N254360" s="10"/>
    </row>
    <row r="254361" spans="14:14">
      <c r="N254361" s="10"/>
    </row>
    <row r="254362" spans="14:14">
      <c r="N254362" s="10"/>
    </row>
    <row r="254363" spans="14:14">
      <c r="N254363" s="10"/>
    </row>
    <row r="254364" spans="14:14">
      <c r="N254364" s="10"/>
    </row>
    <row r="254365" spans="14:14">
      <c r="N254365" s="10"/>
    </row>
    <row r="254366" spans="14:14">
      <c r="N254366" s="10"/>
    </row>
    <row r="254367" spans="14:14">
      <c r="N254367" s="10"/>
    </row>
    <row r="254368" spans="14:14">
      <c r="N254368" s="10"/>
    </row>
    <row r="254369" spans="14:14">
      <c r="N254369" s="10"/>
    </row>
    <row r="254370" spans="14:14">
      <c r="N254370" s="10"/>
    </row>
    <row r="254371" spans="14:14">
      <c r="N254371" s="10"/>
    </row>
    <row r="254372" spans="14:14">
      <c r="N254372" s="10"/>
    </row>
    <row r="254373" spans="14:14">
      <c r="N254373" s="10"/>
    </row>
    <row r="254374" spans="14:14">
      <c r="N254374" s="10"/>
    </row>
    <row r="254375" spans="14:14">
      <c r="N254375" s="10"/>
    </row>
    <row r="254376" spans="14:14">
      <c r="N254376" s="10"/>
    </row>
    <row r="254377" spans="14:14">
      <c r="N254377" s="10"/>
    </row>
    <row r="254378" spans="14:14">
      <c r="N254378" s="10"/>
    </row>
    <row r="254379" spans="14:14">
      <c r="N254379" s="10"/>
    </row>
    <row r="254380" spans="14:14">
      <c r="N254380" s="10"/>
    </row>
    <row r="254381" spans="14:14">
      <c r="N254381" s="10"/>
    </row>
    <row r="254382" spans="14:14">
      <c r="N254382" s="10"/>
    </row>
    <row r="254383" spans="14:14">
      <c r="N254383" s="10"/>
    </row>
    <row r="254384" spans="14:14">
      <c r="N254384" s="10"/>
    </row>
    <row r="254385" spans="14:14">
      <c r="N254385" s="10"/>
    </row>
    <row r="254386" spans="14:14">
      <c r="N254386" s="10"/>
    </row>
    <row r="254387" spans="14:14">
      <c r="N254387" s="10"/>
    </row>
    <row r="254388" spans="14:14">
      <c r="N254388" s="10"/>
    </row>
    <row r="254389" spans="14:14">
      <c r="N254389" s="10"/>
    </row>
    <row r="254390" spans="14:14">
      <c r="N254390" s="10"/>
    </row>
    <row r="254391" spans="14:14">
      <c r="N254391" s="10"/>
    </row>
    <row r="254392" spans="14:14">
      <c r="N254392" s="10"/>
    </row>
    <row r="254393" spans="14:14">
      <c r="N254393" s="10"/>
    </row>
    <row r="254394" spans="14:14">
      <c r="N254394" s="10"/>
    </row>
    <row r="254395" spans="14:14">
      <c r="N254395" s="10"/>
    </row>
    <row r="254396" spans="14:14">
      <c r="N254396" s="10"/>
    </row>
    <row r="254397" spans="14:14">
      <c r="N254397" s="10"/>
    </row>
    <row r="254398" spans="14:14">
      <c r="N254398" s="10"/>
    </row>
    <row r="254399" spans="14:14">
      <c r="N254399" s="10"/>
    </row>
    <row r="254400" spans="14:14">
      <c r="N254400" s="10"/>
    </row>
    <row r="254401" spans="14:14">
      <c r="N254401" s="10"/>
    </row>
    <row r="254402" spans="14:14">
      <c r="N254402" s="10"/>
    </row>
    <row r="254403" spans="14:14">
      <c r="N254403" s="10"/>
    </row>
    <row r="254404" spans="14:14">
      <c r="N254404" s="10"/>
    </row>
    <row r="254405" spans="14:14">
      <c r="N254405" s="10"/>
    </row>
    <row r="254406" spans="14:14">
      <c r="N254406" s="10"/>
    </row>
    <row r="254407" spans="14:14">
      <c r="N254407" s="10"/>
    </row>
    <row r="254408" spans="14:14">
      <c r="N254408" s="10"/>
    </row>
    <row r="254409" spans="14:14">
      <c r="N254409" s="10"/>
    </row>
    <row r="254410" spans="14:14">
      <c r="N254410" s="10"/>
    </row>
    <row r="254411" spans="14:14">
      <c r="N254411" s="10"/>
    </row>
    <row r="254412" spans="14:14">
      <c r="N254412" s="10"/>
    </row>
    <row r="254413" spans="14:14">
      <c r="N254413" s="10"/>
    </row>
    <row r="254414" spans="14:14">
      <c r="N254414" s="10"/>
    </row>
    <row r="254415" spans="14:14">
      <c r="N254415" s="10"/>
    </row>
    <row r="254416" spans="14:14">
      <c r="N254416" s="10"/>
    </row>
    <row r="254417" spans="14:14">
      <c r="N254417" s="10"/>
    </row>
    <row r="254418" spans="14:14">
      <c r="N254418" s="10"/>
    </row>
    <row r="254419" spans="14:14">
      <c r="N254419" s="10"/>
    </row>
    <row r="254420" spans="14:14">
      <c r="N254420" s="10"/>
    </row>
    <row r="254421" spans="14:14">
      <c r="N254421" s="10"/>
    </row>
    <row r="254422" spans="14:14">
      <c r="N254422" s="10"/>
    </row>
    <row r="254423" spans="14:14">
      <c r="N254423" s="10"/>
    </row>
    <row r="254424" spans="14:14">
      <c r="N254424" s="10"/>
    </row>
    <row r="254425" spans="14:14">
      <c r="N254425" s="10"/>
    </row>
    <row r="254426" spans="14:14">
      <c r="N254426" s="10"/>
    </row>
    <row r="254427" spans="14:14">
      <c r="N254427" s="10"/>
    </row>
    <row r="254428" spans="14:14">
      <c r="N254428" s="10"/>
    </row>
    <row r="254429" spans="14:14">
      <c r="N254429" s="10"/>
    </row>
    <row r="254430" spans="14:14">
      <c r="N254430" s="10"/>
    </row>
    <row r="254431" spans="14:14">
      <c r="N254431" s="10"/>
    </row>
    <row r="254432" spans="14:14">
      <c r="N254432" s="10"/>
    </row>
    <row r="254433" spans="14:14">
      <c r="N254433" s="10"/>
    </row>
    <row r="254434" spans="14:14">
      <c r="N254434" s="10"/>
    </row>
    <row r="254435" spans="14:14">
      <c r="N254435" s="10"/>
    </row>
    <row r="254436" spans="14:14">
      <c r="N254436" s="10"/>
    </row>
    <row r="254437" spans="14:14">
      <c r="N254437" s="10"/>
    </row>
    <row r="254438" spans="14:14">
      <c r="N254438" s="10"/>
    </row>
    <row r="254439" spans="14:14">
      <c r="N254439" s="10"/>
    </row>
    <row r="254440" spans="14:14">
      <c r="N254440" s="10"/>
    </row>
    <row r="254441" spans="14:14">
      <c r="N254441" s="10"/>
    </row>
    <row r="254442" spans="14:14">
      <c r="N254442" s="10"/>
    </row>
    <row r="254443" spans="14:14">
      <c r="N254443" s="10"/>
    </row>
    <row r="254444" spans="14:14">
      <c r="N254444" s="10"/>
    </row>
    <row r="254445" spans="14:14">
      <c r="N254445" s="10"/>
    </row>
    <row r="254446" spans="14:14">
      <c r="N254446" s="10"/>
    </row>
    <row r="254447" spans="14:14">
      <c r="N254447" s="10"/>
    </row>
    <row r="254448" spans="14:14">
      <c r="N254448" s="10"/>
    </row>
    <row r="254449" spans="14:14">
      <c r="N254449" s="10"/>
    </row>
    <row r="254450" spans="14:14">
      <c r="N254450" s="10"/>
    </row>
    <row r="254451" spans="14:14">
      <c r="N254451" s="10"/>
    </row>
    <row r="254452" spans="14:14">
      <c r="N254452" s="10"/>
    </row>
    <row r="254453" spans="14:14">
      <c r="N254453" s="10"/>
    </row>
    <row r="254454" spans="14:14">
      <c r="N254454" s="10"/>
    </row>
    <row r="254455" spans="14:14">
      <c r="N254455" s="10"/>
    </row>
    <row r="254456" spans="14:14">
      <c r="N254456" s="10"/>
    </row>
    <row r="254457" spans="14:14">
      <c r="N254457" s="10"/>
    </row>
    <row r="254458" spans="14:14">
      <c r="N254458" s="10"/>
    </row>
    <row r="254459" spans="14:14">
      <c r="N254459" s="10"/>
    </row>
    <row r="254460" spans="14:14">
      <c r="N254460" s="10"/>
    </row>
    <row r="254461" spans="14:14">
      <c r="N254461" s="10"/>
    </row>
    <row r="254462" spans="14:14">
      <c r="N254462" s="10"/>
    </row>
    <row r="254463" spans="14:14">
      <c r="N254463" s="10"/>
    </row>
    <row r="254464" spans="14:14">
      <c r="N254464" s="10"/>
    </row>
    <row r="254465" spans="14:14">
      <c r="N254465" s="10"/>
    </row>
    <row r="254466" spans="14:14">
      <c r="N254466" s="10"/>
    </row>
    <row r="254467" spans="14:14">
      <c r="N254467" s="10"/>
    </row>
    <row r="254468" spans="14:14">
      <c r="N254468" s="10"/>
    </row>
    <row r="254469" spans="14:14">
      <c r="N254469" s="10"/>
    </row>
    <row r="254470" spans="14:14">
      <c r="N254470" s="10"/>
    </row>
    <row r="254471" spans="14:14">
      <c r="N254471" s="10"/>
    </row>
    <row r="254472" spans="14:14">
      <c r="N254472" s="10"/>
    </row>
    <row r="254473" spans="14:14">
      <c r="N254473" s="10"/>
    </row>
    <row r="254474" spans="14:14">
      <c r="N254474" s="10"/>
    </row>
    <row r="254475" spans="14:14">
      <c r="N254475" s="10"/>
    </row>
    <row r="254476" spans="14:14">
      <c r="N254476" s="10"/>
    </row>
    <row r="254477" spans="14:14">
      <c r="N254477" s="10"/>
    </row>
    <row r="254478" spans="14:14">
      <c r="N254478" s="10"/>
    </row>
    <row r="254479" spans="14:14">
      <c r="N254479" s="10"/>
    </row>
    <row r="254480" spans="14:14">
      <c r="N254480" s="10"/>
    </row>
    <row r="254481" spans="14:14">
      <c r="N254481" s="10"/>
    </row>
    <row r="254482" spans="14:14">
      <c r="N254482" s="10"/>
    </row>
    <row r="254483" spans="14:14">
      <c r="N254483" s="10"/>
    </row>
    <row r="254484" spans="14:14">
      <c r="N254484" s="10"/>
    </row>
    <row r="254485" spans="14:14">
      <c r="N254485" s="10"/>
    </row>
    <row r="254486" spans="14:14">
      <c r="N254486" s="10"/>
    </row>
    <row r="254487" spans="14:14">
      <c r="N254487" s="10"/>
    </row>
    <row r="254488" spans="14:14">
      <c r="N254488" s="10"/>
    </row>
    <row r="254489" spans="14:14">
      <c r="N254489" s="10"/>
    </row>
    <row r="254490" spans="14:14">
      <c r="N254490" s="10"/>
    </row>
    <row r="254491" spans="14:14">
      <c r="N254491" s="10"/>
    </row>
    <row r="254492" spans="14:14">
      <c r="N254492" s="10"/>
    </row>
    <row r="254493" spans="14:14">
      <c r="N254493" s="10"/>
    </row>
    <row r="254494" spans="14:14">
      <c r="N254494" s="10"/>
    </row>
    <row r="254495" spans="14:14">
      <c r="N254495" s="10"/>
    </row>
    <row r="254496" spans="14:14">
      <c r="N254496" s="10"/>
    </row>
    <row r="254497" spans="14:14">
      <c r="N254497" s="10"/>
    </row>
    <row r="254498" spans="14:14">
      <c r="N254498" s="10"/>
    </row>
    <row r="254499" spans="14:14">
      <c r="N254499" s="10"/>
    </row>
    <row r="254500" spans="14:14">
      <c r="N254500" s="10"/>
    </row>
    <row r="254501" spans="14:14">
      <c r="N254501" s="10"/>
    </row>
    <row r="254502" spans="14:14">
      <c r="N254502" s="10"/>
    </row>
    <row r="254503" spans="14:14">
      <c r="N254503" s="10"/>
    </row>
    <row r="254504" spans="14:14">
      <c r="N254504" s="10"/>
    </row>
    <row r="254505" spans="14:14">
      <c r="N254505" s="10"/>
    </row>
    <row r="254506" spans="14:14">
      <c r="N254506" s="10"/>
    </row>
    <row r="254507" spans="14:14">
      <c r="N254507" s="10"/>
    </row>
    <row r="254508" spans="14:14">
      <c r="N254508" s="10"/>
    </row>
    <row r="254509" spans="14:14">
      <c r="N254509" s="10"/>
    </row>
    <row r="254510" spans="14:14">
      <c r="N254510" s="10"/>
    </row>
    <row r="254511" spans="14:14">
      <c r="N254511" s="10"/>
    </row>
    <row r="254512" spans="14:14">
      <c r="N254512" s="10"/>
    </row>
    <row r="254513" spans="14:14">
      <c r="N254513" s="10"/>
    </row>
    <row r="254514" spans="14:14">
      <c r="N254514" s="10"/>
    </row>
    <row r="254515" spans="14:14">
      <c r="N254515" s="10"/>
    </row>
    <row r="254516" spans="14:14">
      <c r="N254516" s="10"/>
    </row>
    <row r="254517" spans="14:14">
      <c r="N254517" s="10"/>
    </row>
    <row r="254518" spans="14:14">
      <c r="N254518" s="10"/>
    </row>
    <row r="254519" spans="14:14">
      <c r="N254519" s="10"/>
    </row>
    <row r="254520" spans="14:14">
      <c r="N254520" s="10"/>
    </row>
    <row r="254521" spans="14:14">
      <c r="N254521" s="10"/>
    </row>
    <row r="254522" spans="14:14">
      <c r="N254522" s="10"/>
    </row>
    <row r="254523" spans="14:14">
      <c r="N254523" s="10"/>
    </row>
    <row r="254524" spans="14:14">
      <c r="N254524" s="10"/>
    </row>
    <row r="254525" spans="14:14">
      <c r="N254525" s="10"/>
    </row>
    <row r="254526" spans="14:14">
      <c r="N254526" s="10"/>
    </row>
    <row r="254527" spans="14:14">
      <c r="N254527" s="10"/>
    </row>
    <row r="254528" spans="14:14">
      <c r="N254528" s="10"/>
    </row>
    <row r="254529" spans="14:14">
      <c r="N254529" s="10"/>
    </row>
    <row r="254530" spans="14:14">
      <c r="N254530" s="10"/>
    </row>
    <row r="254531" spans="14:14">
      <c r="N254531" s="10"/>
    </row>
    <row r="254532" spans="14:14">
      <c r="N254532" s="10"/>
    </row>
    <row r="254533" spans="14:14">
      <c r="N254533" s="10"/>
    </row>
    <row r="254534" spans="14:14">
      <c r="N254534" s="10"/>
    </row>
    <row r="254535" spans="14:14">
      <c r="N254535" s="10"/>
    </row>
    <row r="254536" spans="14:14">
      <c r="N254536" s="10"/>
    </row>
    <row r="254537" spans="14:14">
      <c r="N254537" s="10"/>
    </row>
    <row r="254538" spans="14:14">
      <c r="N254538" s="10"/>
    </row>
    <row r="254539" spans="14:14">
      <c r="N254539" s="10"/>
    </row>
    <row r="254540" spans="14:14">
      <c r="N254540" s="10"/>
    </row>
    <row r="254541" spans="14:14">
      <c r="N254541" s="10"/>
    </row>
    <row r="254542" spans="14:14">
      <c r="N254542" s="10"/>
    </row>
    <row r="254543" spans="14:14">
      <c r="N254543" s="10"/>
    </row>
    <row r="254544" spans="14:14">
      <c r="N254544" s="10"/>
    </row>
    <row r="254545" spans="14:14">
      <c r="N254545" s="10"/>
    </row>
    <row r="254546" spans="14:14">
      <c r="N254546" s="10"/>
    </row>
    <row r="254547" spans="14:14">
      <c r="N254547" s="10"/>
    </row>
    <row r="254548" spans="14:14">
      <c r="N254548" s="10"/>
    </row>
    <row r="254549" spans="14:14">
      <c r="N254549" s="10"/>
    </row>
    <row r="254550" spans="14:14">
      <c r="N254550" s="10"/>
    </row>
    <row r="254551" spans="14:14">
      <c r="N254551" s="10"/>
    </row>
    <row r="254552" spans="14:14">
      <c r="N254552" s="10"/>
    </row>
    <row r="254553" spans="14:14">
      <c r="N254553" s="10"/>
    </row>
    <row r="254554" spans="14:14">
      <c r="N254554" s="10"/>
    </row>
    <row r="254555" spans="14:14">
      <c r="N254555" s="10"/>
    </row>
    <row r="254556" spans="14:14">
      <c r="N254556" s="10"/>
    </row>
    <row r="254557" spans="14:14">
      <c r="N254557" s="10"/>
    </row>
    <row r="254558" spans="14:14">
      <c r="N254558" s="10"/>
    </row>
    <row r="254559" spans="14:14">
      <c r="N254559" s="10"/>
    </row>
    <row r="254560" spans="14:14">
      <c r="N254560" s="10"/>
    </row>
    <row r="254561" spans="14:14">
      <c r="N254561" s="10"/>
    </row>
    <row r="254562" spans="14:14">
      <c r="N254562" s="10"/>
    </row>
    <row r="254563" spans="14:14">
      <c r="N254563" s="10"/>
    </row>
    <row r="254564" spans="14:14">
      <c r="N254564" s="10"/>
    </row>
    <row r="254565" spans="14:14">
      <c r="N254565" s="10"/>
    </row>
    <row r="254566" spans="14:14">
      <c r="N254566" s="10"/>
    </row>
    <row r="254567" spans="14:14">
      <c r="N254567" s="10"/>
    </row>
    <row r="254568" spans="14:14">
      <c r="N254568" s="10"/>
    </row>
    <row r="254569" spans="14:14">
      <c r="N254569" s="10"/>
    </row>
    <row r="254570" spans="14:14">
      <c r="N254570" s="10"/>
    </row>
    <row r="254571" spans="14:14">
      <c r="N254571" s="10"/>
    </row>
    <row r="254572" spans="14:14">
      <c r="N254572" s="10"/>
    </row>
    <row r="254573" spans="14:14">
      <c r="N254573" s="10"/>
    </row>
    <row r="254574" spans="14:14">
      <c r="N254574" s="10"/>
    </row>
    <row r="254575" spans="14:14">
      <c r="N254575" s="10"/>
    </row>
    <row r="254576" spans="14:14">
      <c r="N254576" s="10"/>
    </row>
    <row r="254577" spans="14:14">
      <c r="N254577" s="10"/>
    </row>
    <row r="254578" spans="14:14">
      <c r="N254578" s="10"/>
    </row>
    <row r="254579" spans="14:14">
      <c r="N254579" s="10"/>
    </row>
    <row r="254580" spans="14:14">
      <c r="N254580" s="10"/>
    </row>
    <row r="254581" spans="14:14">
      <c r="N254581" s="10"/>
    </row>
    <row r="254582" spans="14:14">
      <c r="N254582" s="10"/>
    </row>
    <row r="254583" spans="14:14">
      <c r="N254583" s="10"/>
    </row>
    <row r="254584" spans="14:14">
      <c r="N254584" s="10"/>
    </row>
    <row r="254585" spans="14:14">
      <c r="N254585" s="10"/>
    </row>
    <row r="254586" spans="14:14">
      <c r="N254586" s="10"/>
    </row>
    <row r="254587" spans="14:14">
      <c r="N254587" s="10"/>
    </row>
    <row r="254588" spans="14:14">
      <c r="N254588" s="10"/>
    </row>
    <row r="254589" spans="14:14">
      <c r="N254589" s="10"/>
    </row>
    <row r="254590" spans="14:14">
      <c r="N254590" s="10"/>
    </row>
    <row r="254591" spans="14:14">
      <c r="N254591" s="10"/>
    </row>
    <row r="254592" spans="14:14">
      <c r="N254592" s="10"/>
    </row>
    <row r="254593" spans="14:14">
      <c r="N254593" s="10"/>
    </row>
    <row r="254594" spans="14:14">
      <c r="N254594" s="10"/>
    </row>
    <row r="254595" spans="14:14">
      <c r="N254595" s="10"/>
    </row>
    <row r="254596" spans="14:14">
      <c r="N254596" s="10"/>
    </row>
    <row r="254597" spans="14:14">
      <c r="N254597" s="10"/>
    </row>
    <row r="254598" spans="14:14">
      <c r="N254598" s="10"/>
    </row>
    <row r="254599" spans="14:14">
      <c r="N254599" s="10"/>
    </row>
    <row r="254600" spans="14:14">
      <c r="N254600" s="10"/>
    </row>
    <row r="254601" spans="14:14">
      <c r="N254601" s="10"/>
    </row>
    <row r="254602" spans="14:14">
      <c r="N254602" s="10"/>
    </row>
    <row r="254603" spans="14:14">
      <c r="N254603" s="10"/>
    </row>
    <row r="254604" spans="14:14">
      <c r="N254604" s="10"/>
    </row>
    <row r="254605" spans="14:14">
      <c r="N254605" s="10"/>
    </row>
    <row r="254606" spans="14:14">
      <c r="N254606" s="10"/>
    </row>
    <row r="254607" spans="14:14">
      <c r="N254607" s="10"/>
    </row>
    <row r="254608" spans="14:14">
      <c r="N254608" s="10"/>
    </row>
    <row r="254609" spans="14:14">
      <c r="N254609" s="10"/>
    </row>
    <row r="254610" spans="14:14">
      <c r="N254610" s="10"/>
    </row>
    <row r="254611" spans="14:14">
      <c r="N254611" s="10"/>
    </row>
    <row r="254612" spans="14:14">
      <c r="N254612" s="10"/>
    </row>
    <row r="254613" spans="14:14">
      <c r="N254613" s="10"/>
    </row>
    <row r="254614" spans="14:14">
      <c r="N254614" s="10"/>
    </row>
    <row r="254615" spans="14:14">
      <c r="N254615" s="10"/>
    </row>
    <row r="254616" spans="14:14">
      <c r="N254616" s="10"/>
    </row>
    <row r="254617" spans="14:14">
      <c r="N254617" s="10"/>
    </row>
    <row r="254618" spans="14:14">
      <c r="N254618" s="10"/>
    </row>
    <row r="254619" spans="14:14">
      <c r="N254619" s="10"/>
    </row>
    <row r="254620" spans="14:14">
      <c r="N254620" s="10"/>
    </row>
    <row r="254621" spans="14:14">
      <c r="N254621" s="10"/>
    </row>
    <row r="254622" spans="14:14">
      <c r="N254622" s="10"/>
    </row>
    <row r="254623" spans="14:14">
      <c r="N254623" s="10"/>
    </row>
    <row r="254624" spans="14:14">
      <c r="N254624" s="10"/>
    </row>
    <row r="254625" spans="14:14">
      <c r="N254625" s="10"/>
    </row>
    <row r="254626" spans="14:14">
      <c r="N254626" s="10"/>
    </row>
    <row r="254627" spans="14:14">
      <c r="N254627" s="10"/>
    </row>
    <row r="254628" spans="14:14">
      <c r="N254628" s="10"/>
    </row>
    <row r="254629" spans="14:14">
      <c r="N254629" s="10"/>
    </row>
    <row r="254630" spans="14:14">
      <c r="N254630" s="10"/>
    </row>
    <row r="254631" spans="14:14">
      <c r="N254631" s="10"/>
    </row>
    <row r="254632" spans="14:14">
      <c r="N254632" s="10"/>
    </row>
    <row r="254633" spans="14:14">
      <c r="N254633" s="10"/>
    </row>
    <row r="254634" spans="14:14">
      <c r="N254634" s="10"/>
    </row>
    <row r="254635" spans="14:14">
      <c r="N254635" s="10"/>
    </row>
    <row r="254636" spans="14:14">
      <c r="N254636" s="10"/>
    </row>
    <row r="254637" spans="14:14">
      <c r="N254637" s="10"/>
    </row>
    <row r="254638" spans="14:14">
      <c r="N254638" s="10"/>
    </row>
    <row r="254639" spans="14:14">
      <c r="N254639" s="10"/>
    </row>
    <row r="254640" spans="14:14">
      <c r="N254640" s="10"/>
    </row>
    <row r="254641" spans="14:14">
      <c r="N254641" s="10"/>
    </row>
    <row r="254642" spans="14:14">
      <c r="N254642" s="10"/>
    </row>
    <row r="254643" spans="14:14">
      <c r="N254643" s="10"/>
    </row>
    <row r="254644" spans="14:14">
      <c r="N254644" s="10"/>
    </row>
    <row r="254645" spans="14:14">
      <c r="N254645" s="10"/>
    </row>
    <row r="254646" spans="14:14">
      <c r="N254646" s="10"/>
    </row>
    <row r="254647" spans="14:14">
      <c r="N254647" s="10"/>
    </row>
    <row r="254648" spans="14:14">
      <c r="N254648" s="10"/>
    </row>
    <row r="254649" spans="14:14">
      <c r="N254649" s="10"/>
    </row>
    <row r="254650" spans="14:14">
      <c r="N254650" s="10"/>
    </row>
    <row r="254651" spans="14:14">
      <c r="N254651" s="10"/>
    </row>
    <row r="254652" spans="14:14">
      <c r="N254652" s="10"/>
    </row>
    <row r="254653" spans="14:14">
      <c r="N254653" s="10"/>
    </row>
    <row r="254654" spans="14:14">
      <c r="N254654" s="10"/>
    </row>
    <row r="254655" spans="14:14">
      <c r="N254655" s="10"/>
    </row>
    <row r="254656" spans="14:14">
      <c r="N254656" s="10"/>
    </row>
    <row r="254657" spans="14:14">
      <c r="N254657" s="10"/>
    </row>
    <row r="254658" spans="14:14">
      <c r="N254658" s="10"/>
    </row>
    <row r="254659" spans="14:14">
      <c r="N254659" s="10"/>
    </row>
    <row r="254660" spans="14:14">
      <c r="N254660" s="10"/>
    </row>
    <row r="254661" spans="14:14">
      <c r="N254661" s="10"/>
    </row>
    <row r="254662" spans="14:14">
      <c r="N254662" s="10"/>
    </row>
    <row r="254663" spans="14:14">
      <c r="N254663" s="10"/>
    </row>
    <row r="254664" spans="14:14">
      <c r="N254664" s="10"/>
    </row>
    <row r="254665" spans="14:14">
      <c r="N254665" s="10"/>
    </row>
    <row r="254666" spans="14:14">
      <c r="N254666" s="10"/>
    </row>
    <row r="254667" spans="14:14">
      <c r="N254667" s="10"/>
    </row>
    <row r="254668" spans="14:14">
      <c r="N254668" s="10"/>
    </row>
    <row r="254669" spans="14:14">
      <c r="N254669" s="10"/>
    </row>
    <row r="254670" spans="14:14">
      <c r="N254670" s="10"/>
    </row>
    <row r="254671" spans="14:14">
      <c r="N254671" s="10"/>
    </row>
    <row r="254672" spans="14:14">
      <c r="N254672" s="10"/>
    </row>
    <row r="254673" spans="14:14">
      <c r="N254673" s="10"/>
    </row>
    <row r="254674" spans="14:14">
      <c r="N254674" s="10"/>
    </row>
    <row r="254675" spans="14:14">
      <c r="N254675" s="10"/>
    </row>
    <row r="254676" spans="14:14">
      <c r="N254676" s="10"/>
    </row>
    <row r="254677" spans="14:14">
      <c r="N254677" s="10"/>
    </row>
    <row r="254678" spans="14:14">
      <c r="N254678" s="10"/>
    </row>
    <row r="254679" spans="14:14">
      <c r="N254679" s="10"/>
    </row>
    <row r="254680" spans="14:14">
      <c r="N254680" s="10"/>
    </row>
    <row r="254681" spans="14:14">
      <c r="N254681" s="10"/>
    </row>
    <row r="254682" spans="14:14">
      <c r="N254682" s="10"/>
    </row>
    <row r="254683" spans="14:14">
      <c r="N254683" s="10"/>
    </row>
    <row r="254684" spans="14:14">
      <c r="N254684" s="10"/>
    </row>
    <row r="254685" spans="14:14">
      <c r="N254685" s="10"/>
    </row>
    <row r="254686" spans="14:14">
      <c r="N254686" s="10"/>
    </row>
    <row r="254687" spans="14:14">
      <c r="N254687" s="10"/>
    </row>
    <row r="254688" spans="14:14">
      <c r="N254688" s="10"/>
    </row>
    <row r="254689" spans="14:14">
      <c r="N254689" s="10"/>
    </row>
    <row r="254690" spans="14:14">
      <c r="N254690" s="10"/>
    </row>
    <row r="254691" spans="14:14">
      <c r="N254691" s="10"/>
    </row>
    <row r="254692" spans="14:14">
      <c r="N254692" s="10"/>
    </row>
    <row r="254693" spans="14:14">
      <c r="N254693" s="10"/>
    </row>
    <row r="254694" spans="14:14">
      <c r="N254694" s="10"/>
    </row>
    <row r="254695" spans="14:14">
      <c r="N254695" s="10"/>
    </row>
    <row r="254696" spans="14:14">
      <c r="N254696" s="10"/>
    </row>
    <row r="254697" spans="14:14">
      <c r="N254697" s="10"/>
    </row>
    <row r="254698" spans="14:14">
      <c r="N254698" s="10"/>
    </row>
    <row r="254699" spans="14:14">
      <c r="N254699" s="10"/>
    </row>
    <row r="254700" spans="14:14">
      <c r="N254700" s="10"/>
    </row>
    <row r="254701" spans="14:14">
      <c r="N254701" s="10"/>
    </row>
    <row r="254702" spans="14:14">
      <c r="N254702" s="10"/>
    </row>
    <row r="254703" spans="14:14">
      <c r="N254703" s="10"/>
    </row>
    <row r="254704" spans="14:14">
      <c r="N254704" s="10"/>
    </row>
    <row r="254705" spans="14:14">
      <c r="N254705" s="10"/>
    </row>
    <row r="254706" spans="14:14">
      <c r="N254706" s="10"/>
    </row>
    <row r="254707" spans="14:14">
      <c r="N254707" s="10"/>
    </row>
    <row r="254708" spans="14:14">
      <c r="N254708" s="10"/>
    </row>
    <row r="254709" spans="14:14">
      <c r="N254709" s="10"/>
    </row>
    <row r="254710" spans="14:14">
      <c r="N254710" s="10"/>
    </row>
    <row r="254711" spans="14:14">
      <c r="N254711" s="10"/>
    </row>
    <row r="254712" spans="14:14">
      <c r="N254712" s="10"/>
    </row>
    <row r="254713" spans="14:14">
      <c r="N254713" s="10"/>
    </row>
    <row r="254714" spans="14:14">
      <c r="N254714" s="10"/>
    </row>
    <row r="254715" spans="14:14">
      <c r="N254715" s="10"/>
    </row>
    <row r="254716" spans="14:14">
      <c r="N254716" s="10"/>
    </row>
    <row r="254717" spans="14:14">
      <c r="N254717" s="10"/>
    </row>
    <row r="254718" spans="14:14">
      <c r="N254718" s="10"/>
    </row>
    <row r="254719" spans="14:14">
      <c r="N254719" s="10"/>
    </row>
    <row r="254720" spans="14:14">
      <c r="N254720" s="10"/>
    </row>
    <row r="254721" spans="14:14">
      <c r="N254721" s="10"/>
    </row>
    <row r="254722" spans="14:14">
      <c r="N254722" s="10"/>
    </row>
    <row r="254723" spans="14:14">
      <c r="N254723" s="10"/>
    </row>
    <row r="254724" spans="14:14">
      <c r="N254724" s="10"/>
    </row>
    <row r="254725" spans="14:14">
      <c r="N254725" s="10"/>
    </row>
    <row r="254726" spans="14:14">
      <c r="N254726" s="10"/>
    </row>
    <row r="254727" spans="14:14">
      <c r="N254727" s="10"/>
    </row>
    <row r="254728" spans="14:14">
      <c r="N254728" s="10"/>
    </row>
    <row r="254729" spans="14:14">
      <c r="N254729" s="10"/>
    </row>
    <row r="254730" spans="14:14">
      <c r="N254730" s="10"/>
    </row>
    <row r="254731" spans="14:14">
      <c r="N254731" s="10"/>
    </row>
    <row r="254732" spans="14:14">
      <c r="N254732" s="10"/>
    </row>
    <row r="254733" spans="14:14">
      <c r="N254733" s="10"/>
    </row>
    <row r="254734" spans="14:14">
      <c r="N254734" s="10"/>
    </row>
    <row r="254735" spans="14:14">
      <c r="N254735" s="10"/>
    </row>
    <row r="254736" spans="14:14">
      <c r="N254736" s="10"/>
    </row>
    <row r="254737" spans="14:14">
      <c r="N254737" s="10"/>
    </row>
    <row r="254738" spans="14:14">
      <c r="N254738" s="10"/>
    </row>
    <row r="254739" spans="14:14">
      <c r="N254739" s="10"/>
    </row>
    <row r="254740" spans="14:14">
      <c r="N254740" s="10"/>
    </row>
    <row r="254741" spans="14:14">
      <c r="N254741" s="10"/>
    </row>
    <row r="254742" spans="14:14">
      <c r="N254742" s="10"/>
    </row>
    <row r="254743" spans="14:14">
      <c r="N254743" s="10"/>
    </row>
    <row r="254744" spans="14:14">
      <c r="N254744" s="10"/>
    </row>
    <row r="254745" spans="14:14">
      <c r="N254745" s="10"/>
    </row>
    <row r="254746" spans="14:14">
      <c r="N254746" s="10"/>
    </row>
    <row r="254747" spans="14:14">
      <c r="N254747" s="10"/>
    </row>
    <row r="254748" spans="14:14">
      <c r="N254748" s="10"/>
    </row>
    <row r="254749" spans="14:14">
      <c r="N254749" s="10"/>
    </row>
    <row r="254750" spans="14:14">
      <c r="N254750" s="10"/>
    </row>
    <row r="254751" spans="14:14">
      <c r="N254751" s="10"/>
    </row>
    <row r="254752" spans="14:14">
      <c r="N254752" s="10"/>
    </row>
    <row r="254753" spans="14:14">
      <c r="N254753" s="10"/>
    </row>
    <row r="254754" spans="14:14">
      <c r="N254754" s="10"/>
    </row>
    <row r="254755" spans="14:14">
      <c r="N254755" s="10"/>
    </row>
    <row r="254756" spans="14:14">
      <c r="N254756" s="10"/>
    </row>
    <row r="254757" spans="14:14">
      <c r="N254757" s="10"/>
    </row>
    <row r="254758" spans="14:14">
      <c r="N254758" s="10"/>
    </row>
    <row r="254759" spans="14:14">
      <c r="N254759" s="10"/>
    </row>
    <row r="254760" spans="14:14">
      <c r="N254760" s="10"/>
    </row>
    <row r="254761" spans="14:14">
      <c r="N254761" s="10"/>
    </row>
    <row r="254762" spans="14:14">
      <c r="N254762" s="10"/>
    </row>
    <row r="254763" spans="14:14">
      <c r="N254763" s="10"/>
    </row>
    <row r="254764" spans="14:14">
      <c r="N254764" s="10"/>
    </row>
    <row r="254765" spans="14:14">
      <c r="N254765" s="10"/>
    </row>
    <row r="254766" spans="14:14">
      <c r="N254766" s="10"/>
    </row>
    <row r="254767" spans="14:14">
      <c r="N254767" s="10"/>
    </row>
    <row r="254768" spans="14:14">
      <c r="N254768" s="10"/>
    </row>
    <row r="254769" spans="14:14">
      <c r="N254769" s="10"/>
    </row>
    <row r="254770" spans="14:14">
      <c r="N254770" s="10"/>
    </row>
    <row r="254771" spans="14:14">
      <c r="N254771" s="10"/>
    </row>
    <row r="254772" spans="14:14">
      <c r="N254772" s="10"/>
    </row>
    <row r="254773" spans="14:14">
      <c r="N254773" s="10"/>
    </row>
    <row r="254774" spans="14:14">
      <c r="N254774" s="10"/>
    </row>
    <row r="254775" spans="14:14">
      <c r="N254775" s="10"/>
    </row>
    <row r="254776" spans="14:14">
      <c r="N254776" s="10"/>
    </row>
    <row r="254777" spans="14:14">
      <c r="N254777" s="10"/>
    </row>
    <row r="254778" spans="14:14">
      <c r="N254778" s="10"/>
    </row>
    <row r="254779" spans="14:14">
      <c r="N254779" s="10"/>
    </row>
    <row r="254780" spans="14:14">
      <c r="N254780" s="10"/>
    </row>
    <row r="254781" spans="14:14">
      <c r="N254781" s="10"/>
    </row>
    <row r="254782" spans="14:14">
      <c r="N254782" s="10"/>
    </row>
    <row r="254783" spans="14:14">
      <c r="N254783" s="10"/>
    </row>
    <row r="254784" spans="14:14">
      <c r="N254784" s="10"/>
    </row>
    <row r="254785" spans="14:14">
      <c r="N254785" s="10"/>
    </row>
    <row r="254786" spans="14:14">
      <c r="N254786" s="10"/>
    </row>
    <row r="254787" spans="14:14">
      <c r="N254787" s="10"/>
    </row>
    <row r="254788" spans="14:14">
      <c r="N254788" s="10"/>
    </row>
    <row r="254789" spans="14:14">
      <c r="N254789" s="10"/>
    </row>
    <row r="254790" spans="14:14">
      <c r="N254790" s="10"/>
    </row>
    <row r="254791" spans="14:14">
      <c r="N254791" s="10"/>
    </row>
    <row r="254792" spans="14:14">
      <c r="N254792" s="10"/>
    </row>
    <row r="254793" spans="14:14">
      <c r="N254793" s="10"/>
    </row>
    <row r="254794" spans="14:14">
      <c r="N254794" s="10"/>
    </row>
    <row r="254795" spans="14:14">
      <c r="N254795" s="10"/>
    </row>
    <row r="254796" spans="14:14">
      <c r="N254796" s="10"/>
    </row>
    <row r="254797" spans="14:14">
      <c r="N254797" s="10"/>
    </row>
    <row r="254798" spans="14:14">
      <c r="N254798" s="10"/>
    </row>
    <row r="254799" spans="14:14">
      <c r="N254799" s="10"/>
    </row>
    <row r="254800" spans="14:14">
      <c r="N254800" s="10"/>
    </row>
    <row r="254801" spans="14:14">
      <c r="N254801" s="10"/>
    </row>
    <row r="254802" spans="14:14">
      <c r="N254802" s="10"/>
    </row>
    <row r="254803" spans="14:14">
      <c r="N254803" s="10"/>
    </row>
    <row r="254804" spans="14:14">
      <c r="N254804" s="10"/>
    </row>
    <row r="254805" spans="14:14">
      <c r="N254805" s="10"/>
    </row>
    <row r="254806" spans="14:14">
      <c r="N254806" s="10"/>
    </row>
    <row r="254807" spans="14:14">
      <c r="N254807" s="10"/>
    </row>
    <row r="254808" spans="14:14">
      <c r="N254808" s="10"/>
    </row>
    <row r="254809" spans="14:14">
      <c r="N254809" s="10"/>
    </row>
    <row r="254810" spans="14:14">
      <c r="N254810" s="10"/>
    </row>
    <row r="254811" spans="14:14">
      <c r="N254811" s="10"/>
    </row>
    <row r="254812" spans="14:14">
      <c r="N254812" s="10"/>
    </row>
    <row r="254813" spans="14:14">
      <c r="N254813" s="10"/>
    </row>
    <row r="254814" spans="14:14">
      <c r="N254814" s="10"/>
    </row>
    <row r="254815" spans="14:14">
      <c r="N254815" s="10"/>
    </row>
    <row r="254816" spans="14:14">
      <c r="N254816" s="10"/>
    </row>
    <row r="254817" spans="14:14">
      <c r="N254817" s="10"/>
    </row>
    <row r="254818" spans="14:14">
      <c r="N254818" s="10"/>
    </row>
    <row r="254819" spans="14:14">
      <c r="N254819" s="10"/>
    </row>
    <row r="254820" spans="14:14">
      <c r="N254820" s="10"/>
    </row>
    <row r="254821" spans="14:14">
      <c r="N254821" s="10"/>
    </row>
    <row r="254822" spans="14:14">
      <c r="N254822" s="10"/>
    </row>
    <row r="254823" spans="14:14">
      <c r="N254823" s="10"/>
    </row>
    <row r="254824" spans="14:14">
      <c r="N254824" s="10"/>
    </row>
    <row r="254825" spans="14:14">
      <c r="N254825" s="10"/>
    </row>
    <row r="254826" spans="14:14">
      <c r="N254826" s="10"/>
    </row>
    <row r="254827" spans="14:14">
      <c r="N254827" s="10"/>
    </row>
    <row r="254828" spans="14:14">
      <c r="N254828" s="10"/>
    </row>
    <row r="254829" spans="14:14">
      <c r="N254829" s="10"/>
    </row>
    <row r="254830" spans="14:14">
      <c r="N254830" s="10"/>
    </row>
    <row r="254831" spans="14:14">
      <c r="N254831" s="10"/>
    </row>
    <row r="254832" spans="14:14">
      <c r="N254832" s="10"/>
    </row>
    <row r="254833" spans="14:14">
      <c r="N254833" s="10"/>
    </row>
    <row r="254834" spans="14:14">
      <c r="N254834" s="10"/>
    </row>
    <row r="254835" spans="14:14">
      <c r="N254835" s="10"/>
    </row>
    <row r="254836" spans="14:14">
      <c r="N254836" s="10"/>
    </row>
    <row r="254837" spans="14:14">
      <c r="N254837" s="10"/>
    </row>
    <row r="254838" spans="14:14">
      <c r="N254838" s="10"/>
    </row>
    <row r="254839" spans="14:14">
      <c r="N254839" s="10"/>
    </row>
    <row r="254840" spans="14:14">
      <c r="N254840" s="10"/>
    </row>
    <row r="254841" spans="14:14">
      <c r="N254841" s="10"/>
    </row>
    <row r="254842" spans="14:14">
      <c r="N254842" s="10"/>
    </row>
    <row r="254843" spans="14:14">
      <c r="N254843" s="10"/>
    </row>
    <row r="254844" spans="14:14">
      <c r="N254844" s="10"/>
    </row>
    <row r="254845" spans="14:14">
      <c r="N254845" s="10"/>
    </row>
    <row r="254846" spans="14:14">
      <c r="N254846" s="10"/>
    </row>
    <row r="254847" spans="14:14">
      <c r="N254847" s="10"/>
    </row>
    <row r="254848" spans="14:14">
      <c r="N254848" s="10"/>
    </row>
    <row r="254849" spans="14:14">
      <c r="N254849" s="10"/>
    </row>
    <row r="254850" spans="14:14">
      <c r="N254850" s="10"/>
    </row>
    <row r="254851" spans="14:14">
      <c r="N254851" s="10"/>
    </row>
    <row r="254852" spans="14:14">
      <c r="N254852" s="10"/>
    </row>
    <row r="254853" spans="14:14">
      <c r="N254853" s="10"/>
    </row>
    <row r="254854" spans="14:14">
      <c r="N254854" s="10"/>
    </row>
    <row r="254855" spans="14:14">
      <c r="N254855" s="10"/>
    </row>
    <row r="254856" spans="14:14">
      <c r="N254856" s="10"/>
    </row>
    <row r="254857" spans="14:14">
      <c r="N254857" s="10"/>
    </row>
    <row r="254858" spans="14:14">
      <c r="N254858" s="10"/>
    </row>
    <row r="254859" spans="14:14">
      <c r="N254859" s="10"/>
    </row>
    <row r="254860" spans="14:14">
      <c r="N254860" s="10"/>
    </row>
    <row r="254861" spans="14:14">
      <c r="N254861" s="10"/>
    </row>
    <row r="254862" spans="14:14">
      <c r="N254862" s="10"/>
    </row>
    <row r="254863" spans="14:14">
      <c r="N254863" s="10"/>
    </row>
    <row r="254864" spans="14:14">
      <c r="N254864" s="10"/>
    </row>
    <row r="254865" spans="14:14">
      <c r="N254865" s="10"/>
    </row>
    <row r="254866" spans="14:14">
      <c r="N254866" s="10"/>
    </row>
    <row r="254867" spans="14:14">
      <c r="N254867" s="10"/>
    </row>
    <row r="254868" spans="14:14">
      <c r="N254868" s="10"/>
    </row>
    <row r="254869" spans="14:14">
      <c r="N254869" s="10"/>
    </row>
    <row r="254870" spans="14:14">
      <c r="N254870" s="10"/>
    </row>
    <row r="254871" spans="14:14">
      <c r="N254871" s="10"/>
    </row>
    <row r="254872" spans="14:14">
      <c r="N254872" s="10"/>
    </row>
    <row r="254873" spans="14:14">
      <c r="N254873" s="10"/>
    </row>
    <row r="254874" spans="14:14">
      <c r="N254874" s="10"/>
    </row>
    <row r="254875" spans="14:14">
      <c r="N254875" s="10"/>
    </row>
    <row r="254876" spans="14:14">
      <c r="N254876" s="10"/>
    </row>
    <row r="254877" spans="14:14">
      <c r="N254877" s="10"/>
    </row>
    <row r="254878" spans="14:14">
      <c r="N254878" s="10"/>
    </row>
    <row r="254879" spans="14:14">
      <c r="N254879" s="10"/>
    </row>
    <row r="254880" spans="14:14">
      <c r="N254880" s="10"/>
    </row>
    <row r="254881" spans="14:14">
      <c r="N254881" s="10"/>
    </row>
    <row r="254882" spans="14:14">
      <c r="N254882" s="10"/>
    </row>
    <row r="254883" spans="14:14">
      <c r="N254883" s="10"/>
    </row>
    <row r="254884" spans="14:14">
      <c r="N254884" s="10"/>
    </row>
    <row r="254885" spans="14:14">
      <c r="N254885" s="10"/>
    </row>
    <row r="254886" spans="14:14">
      <c r="N254886" s="10"/>
    </row>
    <row r="254887" spans="14:14">
      <c r="N254887" s="10"/>
    </row>
    <row r="254888" spans="14:14">
      <c r="N254888" s="10"/>
    </row>
    <row r="254889" spans="14:14">
      <c r="N254889" s="10"/>
    </row>
    <row r="254890" spans="14:14">
      <c r="N254890" s="10"/>
    </row>
    <row r="254891" spans="14:14">
      <c r="N254891" s="10"/>
    </row>
    <row r="254892" spans="14:14">
      <c r="N254892" s="10"/>
    </row>
    <row r="254893" spans="14:14">
      <c r="N254893" s="10"/>
    </row>
    <row r="254894" spans="14:14">
      <c r="N254894" s="10"/>
    </row>
    <row r="254895" spans="14:14">
      <c r="N254895" s="10"/>
    </row>
    <row r="254896" spans="14:14">
      <c r="N254896" s="10"/>
    </row>
    <row r="254897" spans="14:14">
      <c r="N254897" s="10"/>
    </row>
    <row r="254898" spans="14:14">
      <c r="N254898" s="10"/>
    </row>
    <row r="254899" spans="14:14">
      <c r="N254899" s="10"/>
    </row>
    <row r="254900" spans="14:14">
      <c r="N254900" s="10"/>
    </row>
    <row r="254901" spans="14:14">
      <c r="N254901" s="10"/>
    </row>
    <row r="254902" spans="14:14">
      <c r="N254902" s="10"/>
    </row>
    <row r="254903" spans="14:14">
      <c r="N254903" s="10"/>
    </row>
    <row r="254904" spans="14:14">
      <c r="N254904" s="10"/>
    </row>
    <row r="254905" spans="14:14">
      <c r="N254905" s="10"/>
    </row>
    <row r="254906" spans="14:14">
      <c r="N254906" s="10"/>
    </row>
    <row r="254907" spans="14:14">
      <c r="N254907" s="10"/>
    </row>
    <row r="254908" spans="14:14">
      <c r="N254908" s="10"/>
    </row>
    <row r="254909" spans="14:14">
      <c r="N254909" s="10"/>
    </row>
    <row r="254910" spans="14:14">
      <c r="N254910" s="10"/>
    </row>
    <row r="254911" spans="14:14">
      <c r="N254911" s="10"/>
    </row>
    <row r="254912" spans="14:14">
      <c r="N254912" s="10"/>
    </row>
    <row r="254913" spans="14:14">
      <c r="N254913" s="10"/>
    </row>
    <row r="254914" spans="14:14">
      <c r="N254914" s="10"/>
    </row>
    <row r="254915" spans="14:14">
      <c r="N254915" s="10"/>
    </row>
    <row r="254916" spans="14:14">
      <c r="N254916" s="10"/>
    </row>
    <row r="254917" spans="14:14">
      <c r="N254917" s="10"/>
    </row>
    <row r="254918" spans="14:14">
      <c r="N254918" s="10"/>
    </row>
    <row r="254919" spans="14:14">
      <c r="N254919" s="10"/>
    </row>
    <row r="254920" spans="14:14">
      <c r="N254920" s="10"/>
    </row>
    <row r="254921" spans="14:14">
      <c r="N254921" s="10"/>
    </row>
    <row r="254922" spans="14:14">
      <c r="N254922" s="10"/>
    </row>
    <row r="254923" spans="14:14">
      <c r="N254923" s="10"/>
    </row>
    <row r="254924" spans="14:14">
      <c r="N254924" s="10"/>
    </row>
    <row r="254925" spans="14:14">
      <c r="N254925" s="10"/>
    </row>
    <row r="254926" spans="14:14">
      <c r="N254926" s="10"/>
    </row>
    <row r="254927" spans="14:14">
      <c r="N254927" s="10"/>
    </row>
    <row r="254928" spans="14:14">
      <c r="N254928" s="10"/>
    </row>
    <row r="254929" spans="14:14">
      <c r="N254929" s="10"/>
    </row>
    <row r="254930" spans="14:14">
      <c r="N254930" s="10"/>
    </row>
    <row r="254931" spans="14:14">
      <c r="N254931" s="10"/>
    </row>
    <row r="254932" spans="14:14">
      <c r="N254932" s="10"/>
    </row>
    <row r="254933" spans="14:14">
      <c r="N254933" s="10"/>
    </row>
    <row r="254934" spans="14:14">
      <c r="N254934" s="10"/>
    </row>
    <row r="254935" spans="14:14">
      <c r="N254935" s="10"/>
    </row>
    <row r="254936" spans="14:14">
      <c r="N254936" s="10"/>
    </row>
    <row r="254937" spans="14:14">
      <c r="N254937" s="10"/>
    </row>
    <row r="254938" spans="14:14">
      <c r="N254938" s="10"/>
    </row>
    <row r="254939" spans="14:14">
      <c r="N254939" s="10"/>
    </row>
    <row r="254940" spans="14:14">
      <c r="N254940" s="10"/>
    </row>
    <row r="254941" spans="14:14">
      <c r="N254941" s="10"/>
    </row>
    <row r="254942" spans="14:14">
      <c r="N254942" s="10"/>
    </row>
    <row r="254943" spans="14:14">
      <c r="N254943" s="10"/>
    </row>
    <row r="254944" spans="14:14">
      <c r="N254944" s="10"/>
    </row>
    <row r="254945" spans="14:14">
      <c r="N254945" s="10"/>
    </row>
    <row r="254946" spans="14:14">
      <c r="N254946" s="10"/>
    </row>
    <row r="254947" spans="14:14">
      <c r="N254947" s="10"/>
    </row>
    <row r="254948" spans="14:14">
      <c r="N254948" s="10"/>
    </row>
    <row r="254949" spans="14:14">
      <c r="N254949" s="10"/>
    </row>
    <row r="254950" spans="14:14">
      <c r="N254950" s="10"/>
    </row>
    <row r="254951" spans="14:14">
      <c r="N254951" s="10"/>
    </row>
    <row r="254952" spans="14:14">
      <c r="N254952" s="10"/>
    </row>
    <row r="254953" spans="14:14">
      <c r="N254953" s="10"/>
    </row>
    <row r="254954" spans="14:14">
      <c r="N254954" s="10"/>
    </row>
    <row r="254955" spans="14:14">
      <c r="N254955" s="10"/>
    </row>
    <row r="254956" spans="14:14">
      <c r="N254956" s="10"/>
    </row>
    <row r="254957" spans="14:14">
      <c r="N254957" s="10"/>
    </row>
    <row r="254958" spans="14:14">
      <c r="N254958" s="10"/>
    </row>
    <row r="254959" spans="14:14">
      <c r="N254959" s="10"/>
    </row>
    <row r="254960" spans="14:14">
      <c r="N254960" s="10"/>
    </row>
    <row r="254961" spans="14:14">
      <c r="N254961" s="10"/>
    </row>
    <row r="254962" spans="14:14">
      <c r="N254962" s="10"/>
    </row>
    <row r="254963" spans="14:14">
      <c r="N254963" s="10"/>
    </row>
    <row r="254964" spans="14:14">
      <c r="N254964" s="10"/>
    </row>
    <row r="254965" spans="14:14">
      <c r="N254965" s="10"/>
    </row>
    <row r="254966" spans="14:14">
      <c r="N254966" s="10"/>
    </row>
    <row r="254967" spans="14:14">
      <c r="N254967" s="10"/>
    </row>
    <row r="254968" spans="14:14">
      <c r="N254968" s="10"/>
    </row>
    <row r="254969" spans="14:14">
      <c r="N254969" s="10"/>
    </row>
    <row r="254970" spans="14:14">
      <c r="N254970" s="10"/>
    </row>
    <row r="254971" spans="14:14">
      <c r="N254971" s="10"/>
    </row>
    <row r="254972" spans="14:14">
      <c r="N254972" s="10"/>
    </row>
    <row r="254973" spans="14:14">
      <c r="N254973" s="10"/>
    </row>
    <row r="254974" spans="14:14">
      <c r="N254974" s="10"/>
    </row>
    <row r="254975" spans="14:14">
      <c r="N254975" s="10"/>
    </row>
    <row r="254976" spans="14:14">
      <c r="N254976" s="10"/>
    </row>
    <row r="254977" spans="14:14">
      <c r="N254977" s="10"/>
    </row>
    <row r="254978" spans="14:14">
      <c r="N254978" s="10"/>
    </row>
    <row r="254979" spans="14:14">
      <c r="N254979" s="10"/>
    </row>
    <row r="254980" spans="14:14">
      <c r="N254980" s="10"/>
    </row>
    <row r="254981" spans="14:14">
      <c r="N254981" s="10"/>
    </row>
    <row r="254982" spans="14:14">
      <c r="N254982" s="10"/>
    </row>
    <row r="254983" spans="14:14">
      <c r="N254983" s="10"/>
    </row>
    <row r="254984" spans="14:14">
      <c r="N254984" s="10"/>
    </row>
    <row r="254985" spans="14:14">
      <c r="N254985" s="10"/>
    </row>
    <row r="254986" spans="14:14">
      <c r="N254986" s="10"/>
    </row>
    <row r="254987" spans="14:14">
      <c r="N254987" s="10"/>
    </row>
    <row r="254988" spans="14:14">
      <c r="N254988" s="10"/>
    </row>
    <row r="254989" spans="14:14">
      <c r="N254989" s="10"/>
    </row>
    <row r="254990" spans="14:14">
      <c r="N254990" s="10"/>
    </row>
    <row r="254991" spans="14:14">
      <c r="N254991" s="10"/>
    </row>
    <row r="254992" spans="14:14">
      <c r="N254992" s="10"/>
    </row>
    <row r="254993" spans="14:14">
      <c r="N254993" s="10"/>
    </row>
    <row r="254994" spans="14:14">
      <c r="N254994" s="10"/>
    </row>
    <row r="254995" spans="14:14">
      <c r="N254995" s="10"/>
    </row>
    <row r="254996" spans="14:14">
      <c r="N254996" s="10"/>
    </row>
    <row r="254997" spans="14:14">
      <c r="N254997" s="10"/>
    </row>
    <row r="254998" spans="14:14">
      <c r="N254998" s="10"/>
    </row>
    <row r="254999" spans="14:14">
      <c r="N254999" s="10"/>
    </row>
    <row r="255000" spans="14:14">
      <c r="N255000" s="10"/>
    </row>
    <row r="255001" spans="14:14">
      <c r="N255001" s="10"/>
    </row>
    <row r="255002" spans="14:14">
      <c r="N255002" s="10"/>
    </row>
    <row r="255003" spans="14:14">
      <c r="N255003" s="10"/>
    </row>
    <row r="255004" spans="14:14">
      <c r="N255004" s="10"/>
    </row>
    <row r="255005" spans="14:14">
      <c r="N255005" s="10"/>
    </row>
    <row r="255006" spans="14:14">
      <c r="N255006" s="10"/>
    </row>
    <row r="255007" spans="14:14">
      <c r="N255007" s="10"/>
    </row>
    <row r="255008" spans="14:14">
      <c r="N255008" s="10"/>
    </row>
    <row r="255009" spans="14:14">
      <c r="N255009" s="10"/>
    </row>
    <row r="255010" spans="14:14">
      <c r="N255010" s="10"/>
    </row>
    <row r="255011" spans="14:14">
      <c r="N255011" s="10"/>
    </row>
    <row r="255012" spans="14:14">
      <c r="N255012" s="10"/>
    </row>
    <row r="255013" spans="14:14">
      <c r="N255013" s="10"/>
    </row>
    <row r="255014" spans="14:14">
      <c r="N255014" s="10"/>
    </row>
    <row r="255015" spans="14:14">
      <c r="N255015" s="10"/>
    </row>
    <row r="255016" spans="14:14">
      <c r="N255016" s="10"/>
    </row>
    <row r="255017" spans="14:14">
      <c r="N255017" s="10"/>
    </row>
    <row r="255018" spans="14:14">
      <c r="N255018" s="10"/>
    </row>
    <row r="255019" spans="14:14">
      <c r="N255019" s="10"/>
    </row>
    <row r="255020" spans="14:14">
      <c r="N255020" s="10"/>
    </row>
    <row r="255021" spans="14:14">
      <c r="N255021" s="10"/>
    </row>
    <row r="255022" spans="14:14">
      <c r="N255022" s="10"/>
    </row>
    <row r="255023" spans="14:14">
      <c r="N255023" s="10"/>
    </row>
    <row r="255024" spans="14:14">
      <c r="N255024" s="10"/>
    </row>
    <row r="255025" spans="14:14">
      <c r="N255025" s="10"/>
    </row>
    <row r="255026" spans="14:14">
      <c r="N255026" s="10"/>
    </row>
    <row r="255027" spans="14:14">
      <c r="N255027" s="10"/>
    </row>
    <row r="255028" spans="14:14">
      <c r="N255028" s="10"/>
    </row>
    <row r="255029" spans="14:14">
      <c r="N255029" s="10"/>
    </row>
    <row r="255030" spans="14:14">
      <c r="N255030" s="10"/>
    </row>
    <row r="255031" spans="14:14">
      <c r="N255031" s="10"/>
    </row>
    <row r="255032" spans="14:14">
      <c r="N255032" s="10"/>
    </row>
    <row r="255033" spans="14:14">
      <c r="N255033" s="10"/>
    </row>
    <row r="255034" spans="14:14">
      <c r="N255034" s="10"/>
    </row>
    <row r="255035" spans="14:14">
      <c r="N255035" s="10"/>
    </row>
    <row r="255036" spans="14:14">
      <c r="N255036" s="10"/>
    </row>
    <row r="255037" spans="14:14">
      <c r="N255037" s="10"/>
    </row>
    <row r="255038" spans="14:14">
      <c r="N255038" s="10"/>
    </row>
    <row r="255039" spans="14:14">
      <c r="N255039" s="10"/>
    </row>
    <row r="255040" spans="14:14">
      <c r="N255040" s="10"/>
    </row>
    <row r="255041" spans="14:14">
      <c r="N255041" s="10"/>
    </row>
    <row r="255042" spans="14:14">
      <c r="N255042" s="10"/>
    </row>
    <row r="255043" spans="14:14">
      <c r="N255043" s="10"/>
    </row>
    <row r="255044" spans="14:14">
      <c r="N255044" s="10"/>
    </row>
    <row r="255045" spans="14:14">
      <c r="N255045" s="10"/>
    </row>
    <row r="255046" spans="14:14">
      <c r="N255046" s="10"/>
    </row>
    <row r="255047" spans="14:14">
      <c r="N255047" s="10"/>
    </row>
    <row r="255048" spans="14:14">
      <c r="N255048" s="10"/>
    </row>
    <row r="255049" spans="14:14">
      <c r="N255049" s="10"/>
    </row>
    <row r="255050" spans="14:14">
      <c r="N255050" s="10"/>
    </row>
    <row r="255051" spans="14:14">
      <c r="N255051" s="10"/>
    </row>
    <row r="255052" spans="14:14">
      <c r="N255052" s="10"/>
    </row>
    <row r="255053" spans="14:14">
      <c r="N255053" s="10"/>
    </row>
    <row r="255054" spans="14:14">
      <c r="N255054" s="10"/>
    </row>
    <row r="255055" spans="14:14">
      <c r="N255055" s="10"/>
    </row>
    <row r="255056" spans="14:14">
      <c r="N255056" s="10"/>
    </row>
    <row r="255057" spans="14:14">
      <c r="N255057" s="10"/>
    </row>
    <row r="255058" spans="14:14">
      <c r="N255058" s="10"/>
    </row>
    <row r="255059" spans="14:14">
      <c r="N255059" s="10"/>
    </row>
    <row r="255060" spans="14:14">
      <c r="N255060" s="10"/>
    </row>
    <row r="255061" spans="14:14">
      <c r="N255061" s="10"/>
    </row>
    <row r="255062" spans="14:14">
      <c r="N255062" s="10"/>
    </row>
    <row r="255063" spans="14:14">
      <c r="N255063" s="10"/>
    </row>
    <row r="255064" spans="14:14">
      <c r="N255064" s="10"/>
    </row>
    <row r="255065" spans="14:14">
      <c r="N255065" s="10"/>
    </row>
    <row r="255066" spans="14:14">
      <c r="N255066" s="10"/>
    </row>
    <row r="255067" spans="14:14">
      <c r="N255067" s="10"/>
    </row>
    <row r="255068" spans="14:14">
      <c r="N255068" s="10"/>
    </row>
    <row r="255069" spans="14:14">
      <c r="N255069" s="10"/>
    </row>
    <row r="255070" spans="14:14">
      <c r="N255070" s="10"/>
    </row>
    <row r="255071" spans="14:14">
      <c r="N255071" s="10"/>
    </row>
    <row r="255072" spans="14:14">
      <c r="N255072" s="10"/>
    </row>
    <row r="255073" spans="14:14">
      <c r="N255073" s="10"/>
    </row>
    <row r="255074" spans="14:14">
      <c r="N255074" s="10"/>
    </row>
    <row r="255075" spans="14:14">
      <c r="N255075" s="10"/>
    </row>
    <row r="255076" spans="14:14">
      <c r="N255076" s="10"/>
    </row>
    <row r="255077" spans="14:14">
      <c r="N255077" s="10"/>
    </row>
    <row r="255078" spans="14:14">
      <c r="N255078" s="10"/>
    </row>
    <row r="255079" spans="14:14">
      <c r="N255079" s="10"/>
    </row>
    <row r="255080" spans="14:14">
      <c r="N255080" s="10"/>
    </row>
    <row r="255081" spans="14:14">
      <c r="N255081" s="10"/>
    </row>
    <row r="255082" spans="14:14">
      <c r="N255082" s="10"/>
    </row>
    <row r="255083" spans="14:14">
      <c r="N255083" s="10"/>
    </row>
    <row r="255084" spans="14:14">
      <c r="N255084" s="10"/>
    </row>
    <row r="255085" spans="14:14">
      <c r="N255085" s="10"/>
    </row>
    <row r="255086" spans="14:14">
      <c r="N255086" s="10"/>
    </row>
    <row r="255087" spans="14:14">
      <c r="N255087" s="10"/>
    </row>
    <row r="255088" spans="14:14">
      <c r="N255088" s="10"/>
    </row>
    <row r="255089" spans="14:14">
      <c r="N255089" s="10"/>
    </row>
    <row r="255090" spans="14:14">
      <c r="N255090" s="10"/>
    </row>
    <row r="255091" spans="14:14">
      <c r="N255091" s="10"/>
    </row>
    <row r="255092" spans="14:14">
      <c r="N255092" s="10"/>
    </row>
    <row r="255093" spans="14:14">
      <c r="N255093" s="10"/>
    </row>
    <row r="255094" spans="14:14">
      <c r="N255094" s="10"/>
    </row>
    <row r="255095" spans="14:14">
      <c r="N255095" s="10"/>
    </row>
    <row r="255096" spans="14:14">
      <c r="N255096" s="10"/>
    </row>
    <row r="255097" spans="14:14">
      <c r="N255097" s="10"/>
    </row>
    <row r="255098" spans="14:14">
      <c r="N255098" s="10"/>
    </row>
    <row r="255099" spans="14:14">
      <c r="N255099" s="10"/>
    </row>
    <row r="255100" spans="14:14">
      <c r="N255100" s="10"/>
    </row>
    <row r="255101" spans="14:14">
      <c r="N255101" s="10"/>
    </row>
    <row r="255102" spans="14:14">
      <c r="N255102" s="10"/>
    </row>
    <row r="255103" spans="14:14">
      <c r="N255103" s="10"/>
    </row>
    <row r="255104" spans="14:14">
      <c r="N255104" s="10"/>
    </row>
    <row r="255105" spans="14:14">
      <c r="N255105" s="10"/>
    </row>
    <row r="255106" spans="14:14">
      <c r="N255106" s="10"/>
    </row>
    <row r="255107" spans="14:14">
      <c r="N255107" s="10"/>
    </row>
    <row r="255108" spans="14:14">
      <c r="N255108" s="10"/>
    </row>
    <row r="255109" spans="14:14">
      <c r="N255109" s="10"/>
    </row>
    <row r="255110" spans="14:14">
      <c r="N255110" s="10"/>
    </row>
    <row r="255111" spans="14:14">
      <c r="N255111" s="10"/>
    </row>
    <row r="255112" spans="14:14">
      <c r="N255112" s="10"/>
    </row>
    <row r="255113" spans="14:14">
      <c r="N255113" s="10"/>
    </row>
    <row r="255114" spans="14:14">
      <c r="N255114" s="10"/>
    </row>
    <row r="255115" spans="14:14">
      <c r="N255115" s="10"/>
    </row>
    <row r="255116" spans="14:14">
      <c r="N255116" s="10"/>
    </row>
    <row r="255117" spans="14:14">
      <c r="N255117" s="10"/>
    </row>
    <row r="255118" spans="14:14">
      <c r="N255118" s="10"/>
    </row>
    <row r="255119" spans="14:14">
      <c r="N255119" s="10"/>
    </row>
    <row r="255120" spans="14:14">
      <c r="N255120" s="10"/>
    </row>
    <row r="255121" spans="14:14">
      <c r="N255121" s="10"/>
    </row>
    <row r="255122" spans="14:14">
      <c r="N255122" s="10"/>
    </row>
    <row r="255123" spans="14:14">
      <c r="N255123" s="10"/>
    </row>
    <row r="255124" spans="14:14">
      <c r="N255124" s="10"/>
    </row>
    <row r="255125" spans="14:14">
      <c r="N255125" s="10"/>
    </row>
    <row r="255126" spans="14:14">
      <c r="N255126" s="10"/>
    </row>
    <row r="255127" spans="14:14">
      <c r="N255127" s="10"/>
    </row>
    <row r="255128" spans="14:14">
      <c r="N255128" s="10"/>
    </row>
    <row r="255129" spans="14:14">
      <c r="N255129" s="10"/>
    </row>
    <row r="255130" spans="14:14">
      <c r="N255130" s="10"/>
    </row>
    <row r="255131" spans="14:14">
      <c r="N255131" s="10"/>
    </row>
    <row r="255132" spans="14:14">
      <c r="N255132" s="10"/>
    </row>
    <row r="255133" spans="14:14">
      <c r="N255133" s="10"/>
    </row>
    <row r="255134" spans="14:14">
      <c r="N255134" s="10"/>
    </row>
    <row r="255135" spans="14:14">
      <c r="N255135" s="10"/>
    </row>
    <row r="255136" spans="14:14">
      <c r="N255136" s="10"/>
    </row>
    <row r="255137" spans="14:14">
      <c r="N255137" s="10"/>
    </row>
    <row r="255138" spans="14:14">
      <c r="N255138" s="10"/>
    </row>
    <row r="255139" spans="14:14">
      <c r="N255139" s="10"/>
    </row>
    <row r="255140" spans="14:14">
      <c r="N255140" s="10"/>
    </row>
    <row r="255141" spans="14:14">
      <c r="N255141" s="10"/>
    </row>
    <row r="255142" spans="14:14">
      <c r="N255142" s="10"/>
    </row>
    <row r="255143" spans="14:14">
      <c r="N255143" s="10"/>
    </row>
    <row r="255144" spans="14:14">
      <c r="N255144" s="10"/>
    </row>
    <row r="255145" spans="14:14">
      <c r="N255145" s="10"/>
    </row>
    <row r="255146" spans="14:14">
      <c r="N255146" s="10"/>
    </row>
    <row r="255147" spans="14:14">
      <c r="N255147" s="10"/>
    </row>
    <row r="255148" spans="14:14">
      <c r="N255148" s="10"/>
    </row>
    <row r="255149" spans="14:14">
      <c r="N255149" s="10"/>
    </row>
    <row r="255150" spans="14:14">
      <c r="N255150" s="10"/>
    </row>
    <row r="255151" spans="14:14">
      <c r="N255151" s="10"/>
    </row>
    <row r="255152" spans="14:14">
      <c r="N255152" s="10"/>
    </row>
    <row r="255153" spans="14:14">
      <c r="N255153" s="10"/>
    </row>
    <row r="255154" spans="14:14">
      <c r="N255154" s="10"/>
    </row>
    <row r="255155" spans="14:14">
      <c r="N255155" s="10"/>
    </row>
    <row r="255156" spans="14:14">
      <c r="N255156" s="10"/>
    </row>
    <row r="255157" spans="14:14">
      <c r="N255157" s="10"/>
    </row>
    <row r="255158" spans="14:14">
      <c r="N255158" s="10"/>
    </row>
    <row r="255159" spans="14:14">
      <c r="N255159" s="10"/>
    </row>
    <row r="255160" spans="14:14">
      <c r="N255160" s="10"/>
    </row>
    <row r="255161" spans="14:14">
      <c r="N255161" s="10"/>
    </row>
    <row r="255162" spans="14:14">
      <c r="N255162" s="10"/>
    </row>
    <row r="255163" spans="14:14">
      <c r="N255163" s="10"/>
    </row>
    <row r="255164" spans="14:14">
      <c r="N255164" s="10"/>
    </row>
    <row r="255165" spans="14:14">
      <c r="N255165" s="10"/>
    </row>
    <row r="255166" spans="14:14">
      <c r="N255166" s="10"/>
    </row>
    <row r="255167" spans="14:14">
      <c r="N255167" s="10"/>
    </row>
    <row r="255168" spans="14:14">
      <c r="N255168" s="10"/>
    </row>
    <row r="255169" spans="14:14">
      <c r="N255169" s="10"/>
    </row>
    <row r="255170" spans="14:14">
      <c r="N255170" s="10"/>
    </row>
    <row r="255171" spans="14:14">
      <c r="N255171" s="10"/>
    </row>
    <row r="255172" spans="14:14">
      <c r="N255172" s="10"/>
    </row>
    <row r="255173" spans="14:14">
      <c r="N255173" s="10"/>
    </row>
    <row r="255174" spans="14:14">
      <c r="N255174" s="10"/>
    </row>
    <row r="255175" spans="14:14">
      <c r="N255175" s="10"/>
    </row>
    <row r="255176" spans="14:14">
      <c r="N255176" s="10"/>
    </row>
    <row r="255177" spans="14:14">
      <c r="N255177" s="10"/>
    </row>
    <row r="255178" spans="14:14">
      <c r="N255178" s="10"/>
    </row>
    <row r="255179" spans="14:14">
      <c r="N255179" s="10"/>
    </row>
    <row r="255180" spans="14:14">
      <c r="N255180" s="10"/>
    </row>
    <row r="255181" spans="14:14">
      <c r="N255181" s="10"/>
    </row>
    <row r="255182" spans="14:14">
      <c r="N255182" s="10"/>
    </row>
    <row r="255183" spans="14:14">
      <c r="N255183" s="10"/>
    </row>
    <row r="255184" spans="14:14">
      <c r="N255184" s="10"/>
    </row>
    <row r="255185" spans="14:14">
      <c r="N255185" s="10"/>
    </row>
    <row r="255186" spans="14:14">
      <c r="N255186" s="10"/>
    </row>
    <row r="255187" spans="14:14">
      <c r="N255187" s="10"/>
    </row>
    <row r="255188" spans="14:14">
      <c r="N255188" s="10"/>
    </row>
    <row r="255189" spans="14:14">
      <c r="N255189" s="10"/>
    </row>
    <row r="255190" spans="14:14">
      <c r="N255190" s="10"/>
    </row>
    <row r="255191" spans="14:14">
      <c r="N255191" s="10"/>
    </row>
    <row r="255192" spans="14:14">
      <c r="N255192" s="10"/>
    </row>
    <row r="255193" spans="14:14">
      <c r="N255193" s="10"/>
    </row>
    <row r="255194" spans="14:14">
      <c r="N255194" s="10"/>
    </row>
    <row r="255195" spans="14:14">
      <c r="N255195" s="10"/>
    </row>
    <row r="255196" spans="14:14">
      <c r="N255196" s="10"/>
    </row>
    <row r="255197" spans="14:14">
      <c r="N255197" s="10"/>
    </row>
    <row r="255198" spans="14:14">
      <c r="N255198" s="10"/>
    </row>
    <row r="255199" spans="14:14">
      <c r="N255199" s="10"/>
    </row>
    <row r="255200" spans="14:14">
      <c r="N255200" s="10"/>
    </row>
    <row r="255201" spans="14:14">
      <c r="N255201" s="10"/>
    </row>
    <row r="255202" spans="14:14">
      <c r="N255202" s="10"/>
    </row>
    <row r="255203" spans="14:14">
      <c r="N255203" s="10"/>
    </row>
    <row r="255204" spans="14:14">
      <c r="N255204" s="10"/>
    </row>
    <row r="255205" spans="14:14">
      <c r="N255205" s="10"/>
    </row>
    <row r="255206" spans="14:14">
      <c r="N255206" s="10"/>
    </row>
    <row r="255207" spans="14:14">
      <c r="N255207" s="10"/>
    </row>
    <row r="255208" spans="14:14">
      <c r="N255208" s="10"/>
    </row>
    <row r="255209" spans="14:14">
      <c r="N255209" s="10"/>
    </row>
    <row r="255210" spans="14:14">
      <c r="N255210" s="10"/>
    </row>
    <row r="255211" spans="14:14">
      <c r="N255211" s="10"/>
    </row>
    <row r="255212" spans="14:14">
      <c r="N255212" s="10"/>
    </row>
    <row r="255213" spans="14:14">
      <c r="N255213" s="10"/>
    </row>
    <row r="255214" spans="14:14">
      <c r="N255214" s="10"/>
    </row>
    <row r="255215" spans="14:14">
      <c r="N255215" s="10"/>
    </row>
    <row r="255216" spans="14:14">
      <c r="N255216" s="10"/>
    </row>
    <row r="255217" spans="14:14">
      <c r="N255217" s="10"/>
    </row>
    <row r="255218" spans="14:14">
      <c r="N255218" s="10"/>
    </row>
    <row r="255219" spans="14:14">
      <c r="N255219" s="10"/>
    </row>
    <row r="255220" spans="14:14">
      <c r="N255220" s="10"/>
    </row>
    <row r="255221" spans="14:14">
      <c r="N255221" s="10"/>
    </row>
    <row r="255222" spans="14:14">
      <c r="N255222" s="10"/>
    </row>
    <row r="255223" spans="14:14">
      <c r="N255223" s="10"/>
    </row>
    <row r="255224" spans="14:14">
      <c r="N255224" s="10"/>
    </row>
    <row r="255225" spans="14:14">
      <c r="N255225" s="10"/>
    </row>
    <row r="255226" spans="14:14">
      <c r="N255226" s="10"/>
    </row>
    <row r="255227" spans="14:14">
      <c r="N255227" s="10"/>
    </row>
    <row r="255228" spans="14:14">
      <c r="N255228" s="10"/>
    </row>
    <row r="255229" spans="14:14">
      <c r="N255229" s="10"/>
    </row>
    <row r="255230" spans="14:14">
      <c r="N255230" s="10"/>
    </row>
    <row r="255231" spans="14:14">
      <c r="N255231" s="10"/>
    </row>
    <row r="255232" spans="14:14">
      <c r="N255232" s="10"/>
    </row>
    <row r="255233" spans="14:14">
      <c r="N255233" s="10"/>
    </row>
    <row r="255234" spans="14:14">
      <c r="N255234" s="10"/>
    </row>
    <row r="255235" spans="14:14">
      <c r="N255235" s="10"/>
    </row>
    <row r="255236" spans="14:14">
      <c r="N255236" s="10"/>
    </row>
    <row r="255237" spans="14:14">
      <c r="N255237" s="10"/>
    </row>
    <row r="255238" spans="14:14">
      <c r="N255238" s="10"/>
    </row>
    <row r="255239" spans="14:14">
      <c r="N255239" s="10"/>
    </row>
    <row r="255240" spans="14:14">
      <c r="N255240" s="10"/>
    </row>
    <row r="255241" spans="14:14">
      <c r="N255241" s="10"/>
    </row>
    <row r="255242" spans="14:14">
      <c r="N255242" s="10"/>
    </row>
    <row r="255243" spans="14:14">
      <c r="N255243" s="10"/>
    </row>
    <row r="255244" spans="14:14">
      <c r="N255244" s="10"/>
    </row>
    <row r="255245" spans="14:14">
      <c r="N255245" s="10"/>
    </row>
    <row r="255246" spans="14:14">
      <c r="N255246" s="10"/>
    </row>
    <row r="255247" spans="14:14">
      <c r="N255247" s="10"/>
    </row>
    <row r="255248" spans="14:14">
      <c r="N255248" s="10"/>
    </row>
    <row r="255249" spans="14:14">
      <c r="N255249" s="10"/>
    </row>
    <row r="255250" spans="14:14">
      <c r="N255250" s="10"/>
    </row>
    <row r="255251" spans="14:14">
      <c r="N255251" s="10"/>
    </row>
    <row r="255252" spans="14:14">
      <c r="N255252" s="10"/>
    </row>
    <row r="255253" spans="14:14">
      <c r="N255253" s="10"/>
    </row>
    <row r="255254" spans="14:14">
      <c r="N255254" s="10"/>
    </row>
    <row r="255255" spans="14:14">
      <c r="N255255" s="10"/>
    </row>
    <row r="255256" spans="14:14">
      <c r="N255256" s="10"/>
    </row>
    <row r="255257" spans="14:14">
      <c r="N255257" s="10"/>
    </row>
    <row r="255258" spans="14:14">
      <c r="N255258" s="10"/>
    </row>
    <row r="255259" spans="14:14">
      <c r="N255259" s="10"/>
    </row>
    <row r="255260" spans="14:14">
      <c r="N255260" s="10"/>
    </row>
    <row r="255261" spans="14:14">
      <c r="N255261" s="10"/>
    </row>
    <row r="255262" spans="14:14">
      <c r="N255262" s="10"/>
    </row>
    <row r="255263" spans="14:14">
      <c r="N255263" s="10"/>
    </row>
    <row r="255264" spans="14:14">
      <c r="N255264" s="10"/>
    </row>
    <row r="255265" spans="14:14">
      <c r="N255265" s="10"/>
    </row>
    <row r="255266" spans="14:14">
      <c r="N255266" s="10"/>
    </row>
    <row r="255267" spans="14:14">
      <c r="N255267" s="10"/>
    </row>
    <row r="255268" spans="14:14">
      <c r="N255268" s="10"/>
    </row>
    <row r="255269" spans="14:14">
      <c r="N255269" s="10"/>
    </row>
    <row r="255270" spans="14:14">
      <c r="N255270" s="10"/>
    </row>
    <row r="255271" spans="14:14">
      <c r="N255271" s="10"/>
    </row>
    <row r="255272" spans="14:14">
      <c r="N255272" s="10"/>
    </row>
    <row r="255273" spans="14:14">
      <c r="N255273" s="10"/>
    </row>
    <row r="255274" spans="14:14">
      <c r="N255274" s="10"/>
    </row>
    <row r="255275" spans="14:14">
      <c r="N255275" s="10"/>
    </row>
    <row r="255276" spans="14:14">
      <c r="N255276" s="10"/>
    </row>
    <row r="255277" spans="14:14">
      <c r="N255277" s="10"/>
    </row>
    <row r="255278" spans="14:14">
      <c r="N255278" s="10"/>
    </row>
    <row r="255279" spans="14:14">
      <c r="N255279" s="10"/>
    </row>
    <row r="255280" spans="14:14">
      <c r="N255280" s="10"/>
    </row>
    <row r="255281" spans="14:14">
      <c r="N255281" s="10"/>
    </row>
    <row r="255282" spans="14:14">
      <c r="N255282" s="10"/>
    </row>
    <row r="255283" spans="14:14">
      <c r="N255283" s="10"/>
    </row>
    <row r="255284" spans="14:14">
      <c r="N255284" s="10"/>
    </row>
    <row r="255285" spans="14:14">
      <c r="N255285" s="10"/>
    </row>
    <row r="255286" spans="14:14">
      <c r="N255286" s="10"/>
    </row>
    <row r="255287" spans="14:14">
      <c r="N255287" s="10"/>
    </row>
    <row r="255288" spans="14:14">
      <c r="N255288" s="10"/>
    </row>
    <row r="255289" spans="14:14">
      <c r="N255289" s="10"/>
    </row>
    <row r="255290" spans="14:14">
      <c r="N255290" s="10"/>
    </row>
    <row r="255291" spans="14:14">
      <c r="N255291" s="10"/>
    </row>
    <row r="255292" spans="14:14">
      <c r="N255292" s="10"/>
    </row>
    <row r="255293" spans="14:14">
      <c r="N255293" s="10"/>
    </row>
    <row r="255294" spans="14:14">
      <c r="N255294" s="10"/>
    </row>
    <row r="255295" spans="14:14">
      <c r="N255295" s="10"/>
    </row>
    <row r="255296" spans="14:14">
      <c r="N255296" s="10"/>
    </row>
    <row r="255297" spans="14:14">
      <c r="N255297" s="10"/>
    </row>
    <row r="255298" spans="14:14">
      <c r="N255298" s="10"/>
    </row>
    <row r="255299" spans="14:14">
      <c r="N255299" s="10"/>
    </row>
    <row r="255300" spans="14:14">
      <c r="N255300" s="10"/>
    </row>
    <row r="255301" spans="14:14">
      <c r="N255301" s="10"/>
    </row>
    <row r="255302" spans="14:14">
      <c r="N255302" s="10"/>
    </row>
    <row r="255303" spans="14:14">
      <c r="N255303" s="10"/>
    </row>
    <row r="255304" spans="14:14">
      <c r="N255304" s="10"/>
    </row>
    <row r="255305" spans="14:14">
      <c r="N255305" s="10"/>
    </row>
    <row r="255306" spans="14:14">
      <c r="N255306" s="10"/>
    </row>
    <row r="255307" spans="14:14">
      <c r="N255307" s="10"/>
    </row>
    <row r="255308" spans="14:14">
      <c r="N255308" s="10"/>
    </row>
    <row r="255309" spans="14:14">
      <c r="N255309" s="10"/>
    </row>
    <row r="255310" spans="14:14">
      <c r="N255310" s="10"/>
    </row>
    <row r="255311" spans="14:14">
      <c r="N255311" s="10"/>
    </row>
    <row r="255312" spans="14:14">
      <c r="N255312" s="10"/>
    </row>
    <row r="255313" spans="14:14">
      <c r="N255313" s="10"/>
    </row>
    <row r="255314" spans="14:14">
      <c r="N255314" s="10"/>
    </row>
    <row r="255315" spans="14:14">
      <c r="N255315" s="10"/>
    </row>
    <row r="255316" spans="14:14">
      <c r="N255316" s="10"/>
    </row>
    <row r="255317" spans="14:14">
      <c r="N255317" s="10"/>
    </row>
    <row r="255318" spans="14:14">
      <c r="N255318" s="10"/>
    </row>
    <row r="255319" spans="14:14">
      <c r="N255319" s="10"/>
    </row>
    <row r="255320" spans="14:14">
      <c r="N255320" s="10"/>
    </row>
    <row r="255321" spans="14:14">
      <c r="N255321" s="10"/>
    </row>
    <row r="255322" spans="14:14">
      <c r="N255322" s="10"/>
    </row>
    <row r="255323" spans="14:14">
      <c r="N255323" s="10"/>
    </row>
    <row r="255324" spans="14:14">
      <c r="N255324" s="10"/>
    </row>
    <row r="255325" spans="14:14">
      <c r="N255325" s="10"/>
    </row>
    <row r="255326" spans="14:14">
      <c r="N255326" s="10"/>
    </row>
    <row r="255327" spans="14:14">
      <c r="N255327" s="10"/>
    </row>
    <row r="255328" spans="14:14">
      <c r="N255328" s="10"/>
    </row>
    <row r="255329" spans="14:14">
      <c r="N255329" s="10"/>
    </row>
    <row r="255330" spans="14:14">
      <c r="N255330" s="10"/>
    </row>
    <row r="255331" spans="14:14">
      <c r="N255331" s="10"/>
    </row>
    <row r="255332" spans="14:14">
      <c r="N255332" s="10"/>
    </row>
    <row r="255333" spans="14:14">
      <c r="N255333" s="10"/>
    </row>
    <row r="255334" spans="14:14">
      <c r="N255334" s="10"/>
    </row>
    <row r="255335" spans="14:14">
      <c r="N255335" s="10"/>
    </row>
    <row r="255336" spans="14:14">
      <c r="N255336" s="10"/>
    </row>
    <row r="255337" spans="14:14">
      <c r="N255337" s="10"/>
    </row>
    <row r="255338" spans="14:14">
      <c r="N255338" s="10"/>
    </row>
    <row r="255339" spans="14:14">
      <c r="N255339" s="10"/>
    </row>
    <row r="255340" spans="14:14">
      <c r="N255340" s="10"/>
    </row>
    <row r="255341" spans="14:14">
      <c r="N255341" s="10"/>
    </row>
    <row r="255342" spans="14:14">
      <c r="N255342" s="10"/>
    </row>
    <row r="255343" spans="14:14">
      <c r="N255343" s="10"/>
    </row>
    <row r="255344" spans="14:14">
      <c r="N255344" s="10"/>
    </row>
    <row r="255345" spans="14:14">
      <c r="N255345" s="10"/>
    </row>
    <row r="255346" spans="14:14">
      <c r="N255346" s="10"/>
    </row>
    <row r="255347" spans="14:14">
      <c r="N255347" s="10"/>
    </row>
    <row r="255348" spans="14:14">
      <c r="N255348" s="10"/>
    </row>
    <row r="255349" spans="14:14">
      <c r="N255349" s="10"/>
    </row>
    <row r="255350" spans="14:14">
      <c r="N255350" s="10"/>
    </row>
    <row r="255351" spans="14:14">
      <c r="N255351" s="10"/>
    </row>
    <row r="255352" spans="14:14">
      <c r="N255352" s="10"/>
    </row>
    <row r="255353" spans="14:14">
      <c r="N255353" s="10"/>
    </row>
    <row r="255354" spans="14:14">
      <c r="N255354" s="10"/>
    </row>
    <row r="255355" spans="14:14">
      <c r="N255355" s="10"/>
    </row>
    <row r="255356" spans="14:14">
      <c r="N255356" s="10"/>
    </row>
    <row r="255357" spans="14:14">
      <c r="N255357" s="10"/>
    </row>
    <row r="255358" spans="14:14">
      <c r="N255358" s="10"/>
    </row>
    <row r="255359" spans="14:14">
      <c r="N255359" s="10"/>
    </row>
    <row r="255360" spans="14:14">
      <c r="N255360" s="10"/>
    </row>
    <row r="255361" spans="14:14">
      <c r="N255361" s="10"/>
    </row>
    <row r="255362" spans="14:14">
      <c r="N255362" s="10"/>
    </row>
    <row r="255363" spans="14:14">
      <c r="N255363" s="10"/>
    </row>
    <row r="255364" spans="14:14">
      <c r="N255364" s="10"/>
    </row>
    <row r="255365" spans="14:14">
      <c r="N255365" s="10"/>
    </row>
    <row r="255366" spans="14:14">
      <c r="N255366" s="10"/>
    </row>
    <row r="255367" spans="14:14">
      <c r="N255367" s="10"/>
    </row>
    <row r="255368" spans="14:14">
      <c r="N255368" s="10"/>
    </row>
    <row r="255369" spans="14:14">
      <c r="N255369" s="10"/>
    </row>
    <row r="255370" spans="14:14">
      <c r="N255370" s="10"/>
    </row>
    <row r="255371" spans="14:14">
      <c r="N255371" s="10"/>
    </row>
    <row r="255372" spans="14:14">
      <c r="N255372" s="10"/>
    </row>
    <row r="255373" spans="14:14">
      <c r="N255373" s="10"/>
    </row>
    <row r="255374" spans="14:14">
      <c r="N255374" s="10"/>
    </row>
    <row r="255375" spans="14:14">
      <c r="N255375" s="10"/>
    </row>
    <row r="255376" spans="14:14">
      <c r="N255376" s="10"/>
    </row>
    <row r="255377" spans="14:14">
      <c r="N255377" s="10"/>
    </row>
    <row r="255378" spans="14:14">
      <c r="N255378" s="10"/>
    </row>
    <row r="255379" spans="14:14">
      <c r="N255379" s="10"/>
    </row>
    <row r="255380" spans="14:14">
      <c r="N255380" s="10"/>
    </row>
    <row r="255381" spans="14:14">
      <c r="N255381" s="10"/>
    </row>
    <row r="255382" spans="14:14">
      <c r="N255382" s="10"/>
    </row>
    <row r="255383" spans="14:14">
      <c r="N255383" s="10"/>
    </row>
    <row r="255384" spans="14:14">
      <c r="N255384" s="10"/>
    </row>
    <row r="255385" spans="14:14">
      <c r="N255385" s="10"/>
    </row>
    <row r="255386" spans="14:14">
      <c r="N255386" s="10"/>
    </row>
    <row r="255387" spans="14:14">
      <c r="N255387" s="10"/>
    </row>
    <row r="255388" spans="14:14">
      <c r="N255388" s="10"/>
    </row>
    <row r="255389" spans="14:14">
      <c r="N255389" s="10"/>
    </row>
    <row r="255390" spans="14:14">
      <c r="N255390" s="10"/>
    </row>
    <row r="255391" spans="14:14">
      <c r="N255391" s="10"/>
    </row>
    <row r="255392" spans="14:14">
      <c r="N255392" s="10"/>
    </row>
    <row r="255393" spans="14:14">
      <c r="N255393" s="10"/>
    </row>
    <row r="255394" spans="14:14">
      <c r="N255394" s="10"/>
    </row>
    <row r="255395" spans="14:14">
      <c r="N255395" s="10"/>
    </row>
    <row r="255396" spans="14:14">
      <c r="N255396" s="10"/>
    </row>
    <row r="255397" spans="14:14">
      <c r="N255397" s="10"/>
    </row>
    <row r="255398" spans="14:14">
      <c r="N255398" s="10"/>
    </row>
    <row r="255399" spans="14:14">
      <c r="N255399" s="10"/>
    </row>
    <row r="255400" spans="14:14">
      <c r="N255400" s="10"/>
    </row>
    <row r="255401" spans="14:14">
      <c r="N255401" s="10"/>
    </row>
    <row r="255402" spans="14:14">
      <c r="N255402" s="10"/>
    </row>
    <row r="255403" spans="14:14">
      <c r="N255403" s="10"/>
    </row>
    <row r="255404" spans="14:14">
      <c r="N255404" s="10"/>
    </row>
    <row r="255405" spans="14:14">
      <c r="N255405" s="10"/>
    </row>
    <row r="255406" spans="14:14">
      <c r="N255406" s="10"/>
    </row>
    <row r="255407" spans="14:14">
      <c r="N255407" s="10"/>
    </row>
    <row r="255408" spans="14:14">
      <c r="N255408" s="10"/>
    </row>
    <row r="255409" spans="14:14">
      <c r="N255409" s="10"/>
    </row>
    <row r="255410" spans="14:14">
      <c r="N255410" s="10"/>
    </row>
    <row r="255411" spans="14:14">
      <c r="N255411" s="10"/>
    </row>
    <row r="255412" spans="14:14">
      <c r="N255412" s="10"/>
    </row>
    <row r="255413" spans="14:14">
      <c r="N255413" s="10"/>
    </row>
    <row r="255414" spans="14:14">
      <c r="N255414" s="10"/>
    </row>
    <row r="255415" spans="14:14">
      <c r="N255415" s="10"/>
    </row>
    <row r="255416" spans="14:14">
      <c r="N255416" s="10"/>
    </row>
    <row r="255417" spans="14:14">
      <c r="N255417" s="10"/>
    </row>
    <row r="255418" spans="14:14">
      <c r="N255418" s="10"/>
    </row>
    <row r="255419" spans="14:14">
      <c r="N255419" s="10"/>
    </row>
    <row r="255420" spans="14:14">
      <c r="N255420" s="10"/>
    </row>
    <row r="255421" spans="14:14">
      <c r="N255421" s="10"/>
    </row>
    <row r="255422" spans="14:14">
      <c r="N255422" s="10"/>
    </row>
    <row r="255423" spans="14:14">
      <c r="N255423" s="10"/>
    </row>
    <row r="255424" spans="14:14">
      <c r="N255424" s="10"/>
    </row>
    <row r="255425" spans="14:14">
      <c r="N255425" s="10"/>
    </row>
    <row r="255426" spans="14:14">
      <c r="N255426" s="10"/>
    </row>
    <row r="255427" spans="14:14">
      <c r="N255427" s="10"/>
    </row>
    <row r="255428" spans="14:14">
      <c r="N255428" s="10"/>
    </row>
    <row r="255429" spans="14:14">
      <c r="N255429" s="10"/>
    </row>
    <row r="255430" spans="14:14">
      <c r="N255430" s="10"/>
    </row>
    <row r="255431" spans="14:14">
      <c r="N255431" s="10"/>
    </row>
    <row r="255432" spans="14:14">
      <c r="N255432" s="10"/>
    </row>
    <row r="255433" spans="14:14">
      <c r="N255433" s="10"/>
    </row>
    <row r="255434" spans="14:14">
      <c r="N255434" s="10"/>
    </row>
    <row r="255435" spans="14:14">
      <c r="N255435" s="10"/>
    </row>
    <row r="255436" spans="14:14">
      <c r="N255436" s="10"/>
    </row>
    <row r="255437" spans="14:14">
      <c r="N255437" s="10"/>
    </row>
    <row r="255438" spans="14:14">
      <c r="N255438" s="10"/>
    </row>
    <row r="255439" spans="14:14">
      <c r="N255439" s="10"/>
    </row>
    <row r="255440" spans="14:14">
      <c r="N255440" s="10"/>
    </row>
    <row r="255441" spans="14:14">
      <c r="N255441" s="10"/>
    </row>
    <row r="255442" spans="14:14">
      <c r="N255442" s="10"/>
    </row>
    <row r="255443" spans="14:14">
      <c r="N255443" s="10"/>
    </row>
    <row r="255444" spans="14:14">
      <c r="N255444" s="10"/>
    </row>
    <row r="255445" spans="14:14">
      <c r="N255445" s="10"/>
    </row>
    <row r="255446" spans="14:14">
      <c r="N255446" s="10"/>
    </row>
    <row r="255447" spans="14:14">
      <c r="N255447" s="10"/>
    </row>
    <row r="255448" spans="14:14">
      <c r="N255448" s="10"/>
    </row>
    <row r="255449" spans="14:14">
      <c r="N255449" s="10"/>
    </row>
    <row r="255450" spans="14:14">
      <c r="N255450" s="10"/>
    </row>
    <row r="255451" spans="14:14">
      <c r="N255451" s="10"/>
    </row>
    <row r="255452" spans="14:14">
      <c r="N255452" s="10"/>
    </row>
    <row r="255453" spans="14:14">
      <c r="N255453" s="10"/>
    </row>
    <row r="255454" spans="14:14">
      <c r="N255454" s="10"/>
    </row>
    <row r="255455" spans="14:14">
      <c r="N255455" s="10"/>
    </row>
    <row r="255456" spans="14:14">
      <c r="N255456" s="10"/>
    </row>
    <row r="255457" spans="14:14">
      <c r="N255457" s="10"/>
    </row>
    <row r="255458" spans="14:14">
      <c r="N255458" s="10"/>
    </row>
    <row r="255459" spans="14:14">
      <c r="N255459" s="10"/>
    </row>
    <row r="255460" spans="14:14">
      <c r="N255460" s="10"/>
    </row>
    <row r="255461" spans="14:14">
      <c r="N255461" s="10"/>
    </row>
    <row r="255462" spans="14:14">
      <c r="N255462" s="10"/>
    </row>
    <row r="255463" spans="14:14">
      <c r="N255463" s="10"/>
    </row>
    <row r="255464" spans="14:14">
      <c r="N255464" s="10"/>
    </row>
    <row r="255465" spans="14:14">
      <c r="N255465" s="10"/>
    </row>
    <row r="255466" spans="14:14">
      <c r="N255466" s="10"/>
    </row>
    <row r="255467" spans="14:14">
      <c r="N255467" s="10"/>
    </row>
    <row r="255468" spans="14:14">
      <c r="N255468" s="10"/>
    </row>
    <row r="255469" spans="14:14">
      <c r="N255469" s="10"/>
    </row>
    <row r="255470" spans="14:14">
      <c r="N255470" s="10"/>
    </row>
    <row r="255471" spans="14:14">
      <c r="N255471" s="10"/>
    </row>
    <row r="255472" spans="14:14">
      <c r="N255472" s="10"/>
    </row>
    <row r="255473" spans="14:14">
      <c r="N255473" s="10"/>
    </row>
    <row r="255474" spans="14:14">
      <c r="N255474" s="10"/>
    </row>
    <row r="255475" spans="14:14">
      <c r="N255475" s="10"/>
    </row>
    <row r="255476" spans="14:14">
      <c r="N255476" s="10"/>
    </row>
    <row r="255477" spans="14:14">
      <c r="N255477" s="10"/>
    </row>
    <row r="255478" spans="14:14">
      <c r="N255478" s="10"/>
    </row>
    <row r="255479" spans="14:14">
      <c r="N255479" s="10"/>
    </row>
    <row r="255480" spans="14:14">
      <c r="N255480" s="10"/>
    </row>
    <row r="255481" spans="14:14">
      <c r="N255481" s="10"/>
    </row>
    <row r="255482" spans="14:14">
      <c r="N255482" s="10"/>
    </row>
    <row r="255483" spans="14:14">
      <c r="N255483" s="10"/>
    </row>
    <row r="255484" spans="14:14">
      <c r="N255484" s="10"/>
    </row>
    <row r="255485" spans="14:14">
      <c r="N255485" s="10"/>
    </row>
    <row r="255486" spans="14:14">
      <c r="N255486" s="10"/>
    </row>
    <row r="255487" spans="14:14">
      <c r="N255487" s="10"/>
    </row>
    <row r="255488" spans="14:14">
      <c r="N255488" s="10"/>
    </row>
    <row r="255489" spans="14:14">
      <c r="N255489" s="10"/>
    </row>
    <row r="255490" spans="14:14">
      <c r="N255490" s="10"/>
    </row>
    <row r="255491" spans="14:14">
      <c r="N255491" s="10"/>
    </row>
    <row r="255492" spans="14:14">
      <c r="N255492" s="10"/>
    </row>
    <row r="255493" spans="14:14">
      <c r="N255493" s="10"/>
    </row>
    <row r="255494" spans="14:14">
      <c r="N255494" s="10"/>
    </row>
    <row r="255495" spans="14:14">
      <c r="N255495" s="10"/>
    </row>
    <row r="255496" spans="14:14">
      <c r="N255496" s="10"/>
    </row>
    <row r="255497" spans="14:14">
      <c r="N255497" s="10"/>
    </row>
    <row r="255498" spans="14:14">
      <c r="N255498" s="10"/>
    </row>
    <row r="255499" spans="14:14">
      <c r="N255499" s="10"/>
    </row>
    <row r="255500" spans="14:14">
      <c r="N255500" s="10"/>
    </row>
    <row r="255501" spans="14:14">
      <c r="N255501" s="10"/>
    </row>
    <row r="255502" spans="14:14">
      <c r="N255502" s="10"/>
    </row>
    <row r="255503" spans="14:14">
      <c r="N255503" s="10"/>
    </row>
    <row r="255504" spans="14:14">
      <c r="N255504" s="10"/>
    </row>
    <row r="255505" spans="14:14">
      <c r="N255505" s="10"/>
    </row>
    <row r="255506" spans="14:14">
      <c r="N255506" s="10"/>
    </row>
    <row r="255507" spans="14:14">
      <c r="N255507" s="10"/>
    </row>
    <row r="255508" spans="14:14">
      <c r="N255508" s="10"/>
    </row>
    <row r="255509" spans="14:14">
      <c r="N255509" s="10"/>
    </row>
    <row r="255510" spans="14:14">
      <c r="N255510" s="10"/>
    </row>
    <row r="255511" spans="14:14">
      <c r="N255511" s="10"/>
    </row>
    <row r="255512" spans="14:14">
      <c r="N255512" s="10"/>
    </row>
    <row r="255513" spans="14:14">
      <c r="N255513" s="10"/>
    </row>
    <row r="255514" spans="14:14">
      <c r="N255514" s="10"/>
    </row>
    <row r="255515" spans="14:14">
      <c r="N255515" s="10"/>
    </row>
    <row r="255516" spans="14:14">
      <c r="N255516" s="10"/>
    </row>
    <row r="255517" spans="14:14">
      <c r="N255517" s="10"/>
    </row>
    <row r="255518" spans="14:14">
      <c r="N255518" s="10"/>
    </row>
    <row r="255519" spans="14:14">
      <c r="N255519" s="10"/>
    </row>
    <row r="255520" spans="14:14">
      <c r="N255520" s="10"/>
    </row>
    <row r="255521" spans="14:14">
      <c r="N255521" s="10"/>
    </row>
    <row r="255522" spans="14:14">
      <c r="N255522" s="10"/>
    </row>
    <row r="255523" spans="14:14">
      <c r="N255523" s="10"/>
    </row>
    <row r="255524" spans="14:14">
      <c r="N255524" s="10"/>
    </row>
    <row r="255525" spans="14:14">
      <c r="N255525" s="10"/>
    </row>
    <row r="255526" spans="14:14">
      <c r="N255526" s="10"/>
    </row>
    <row r="255527" spans="14:14">
      <c r="N255527" s="10"/>
    </row>
    <row r="255528" spans="14:14">
      <c r="N255528" s="10"/>
    </row>
    <row r="255529" spans="14:14">
      <c r="N255529" s="10"/>
    </row>
    <row r="255530" spans="14:14">
      <c r="N255530" s="10"/>
    </row>
    <row r="255531" spans="14:14">
      <c r="N255531" s="10"/>
    </row>
    <row r="255532" spans="14:14">
      <c r="N255532" s="10"/>
    </row>
    <row r="255533" spans="14:14">
      <c r="N255533" s="10"/>
    </row>
    <row r="255534" spans="14:14">
      <c r="N255534" s="10"/>
    </row>
    <row r="255535" spans="14:14">
      <c r="N255535" s="10"/>
    </row>
    <row r="255536" spans="14:14">
      <c r="N255536" s="10"/>
    </row>
    <row r="255537" spans="14:14">
      <c r="N255537" s="10"/>
    </row>
    <row r="255538" spans="14:14">
      <c r="N255538" s="10"/>
    </row>
    <row r="255539" spans="14:14">
      <c r="N255539" s="10"/>
    </row>
    <row r="255540" spans="14:14">
      <c r="N255540" s="10"/>
    </row>
    <row r="255541" spans="14:14">
      <c r="N255541" s="10"/>
    </row>
    <row r="255542" spans="14:14">
      <c r="N255542" s="10"/>
    </row>
    <row r="255543" spans="14:14">
      <c r="N255543" s="10"/>
    </row>
    <row r="255544" spans="14:14">
      <c r="N255544" s="10"/>
    </row>
    <row r="255545" spans="14:14">
      <c r="N255545" s="10"/>
    </row>
    <row r="255546" spans="14:14">
      <c r="N255546" s="10"/>
    </row>
    <row r="255547" spans="14:14">
      <c r="N255547" s="10"/>
    </row>
    <row r="255548" spans="14:14">
      <c r="N255548" s="10"/>
    </row>
    <row r="255549" spans="14:14">
      <c r="N255549" s="10"/>
    </row>
    <row r="255550" spans="14:14">
      <c r="N255550" s="10"/>
    </row>
    <row r="255551" spans="14:14">
      <c r="N255551" s="10"/>
    </row>
    <row r="255552" spans="14:14">
      <c r="N255552" s="10"/>
    </row>
    <row r="255553" spans="14:14">
      <c r="N255553" s="10"/>
    </row>
    <row r="255554" spans="14:14">
      <c r="N255554" s="10"/>
    </row>
    <row r="255555" spans="14:14">
      <c r="N255555" s="10"/>
    </row>
    <row r="255556" spans="14:14">
      <c r="N255556" s="10"/>
    </row>
    <row r="255557" spans="14:14">
      <c r="N255557" s="10"/>
    </row>
    <row r="255558" spans="14:14">
      <c r="N255558" s="10"/>
    </row>
    <row r="255559" spans="14:14">
      <c r="N255559" s="10"/>
    </row>
    <row r="255560" spans="14:14">
      <c r="N255560" s="10"/>
    </row>
    <row r="255561" spans="14:14">
      <c r="N255561" s="10"/>
    </row>
    <row r="255562" spans="14:14">
      <c r="N255562" s="10"/>
    </row>
    <row r="255563" spans="14:14">
      <c r="N255563" s="10"/>
    </row>
    <row r="255564" spans="14:14">
      <c r="N255564" s="10"/>
    </row>
    <row r="255565" spans="14:14">
      <c r="N255565" s="10"/>
    </row>
    <row r="255566" spans="14:14">
      <c r="N255566" s="10"/>
    </row>
    <row r="255567" spans="14:14">
      <c r="N255567" s="10"/>
    </row>
    <row r="255568" spans="14:14">
      <c r="N255568" s="10"/>
    </row>
    <row r="255569" spans="14:14">
      <c r="N255569" s="10"/>
    </row>
    <row r="255570" spans="14:14">
      <c r="N255570" s="10"/>
    </row>
    <row r="255571" spans="14:14">
      <c r="N255571" s="10"/>
    </row>
    <row r="255572" spans="14:14">
      <c r="N255572" s="10"/>
    </row>
    <row r="255573" spans="14:14">
      <c r="N255573" s="10"/>
    </row>
    <row r="255574" spans="14:14">
      <c r="N255574" s="10"/>
    </row>
    <row r="255575" spans="14:14">
      <c r="N255575" s="10"/>
    </row>
    <row r="255576" spans="14:14">
      <c r="N255576" s="10"/>
    </row>
    <row r="255577" spans="14:14">
      <c r="N255577" s="10"/>
    </row>
    <row r="255578" spans="14:14">
      <c r="N255578" s="10"/>
    </row>
    <row r="255579" spans="14:14">
      <c r="N255579" s="10"/>
    </row>
    <row r="255580" spans="14:14">
      <c r="N255580" s="10"/>
    </row>
    <row r="255581" spans="14:14">
      <c r="N255581" s="10"/>
    </row>
    <row r="255582" spans="14:14">
      <c r="N255582" s="10"/>
    </row>
    <row r="255583" spans="14:14">
      <c r="N255583" s="10"/>
    </row>
    <row r="255584" spans="14:14">
      <c r="N255584" s="10"/>
    </row>
    <row r="255585" spans="14:14">
      <c r="N255585" s="10"/>
    </row>
    <row r="255586" spans="14:14">
      <c r="N255586" s="10"/>
    </row>
    <row r="255587" spans="14:14">
      <c r="N255587" s="10"/>
    </row>
    <row r="255588" spans="14:14">
      <c r="N255588" s="10"/>
    </row>
    <row r="255589" spans="14:14">
      <c r="N255589" s="10"/>
    </row>
    <row r="255590" spans="14:14">
      <c r="N255590" s="10"/>
    </row>
    <row r="255591" spans="14:14">
      <c r="N255591" s="10"/>
    </row>
    <row r="255592" spans="14:14">
      <c r="N255592" s="10"/>
    </row>
    <row r="255593" spans="14:14">
      <c r="N255593" s="10"/>
    </row>
    <row r="255594" spans="14:14">
      <c r="N255594" s="10"/>
    </row>
    <row r="255595" spans="14:14">
      <c r="N255595" s="10"/>
    </row>
    <row r="255596" spans="14:14">
      <c r="N255596" s="10"/>
    </row>
    <row r="255597" spans="14:14">
      <c r="N255597" s="10"/>
    </row>
    <row r="255598" spans="14:14">
      <c r="N255598" s="10"/>
    </row>
    <row r="255599" spans="14:14">
      <c r="N255599" s="10"/>
    </row>
    <row r="255600" spans="14:14">
      <c r="N255600" s="10"/>
    </row>
    <row r="255601" spans="14:14">
      <c r="N255601" s="10"/>
    </row>
    <row r="255602" spans="14:14">
      <c r="N255602" s="10"/>
    </row>
    <row r="255603" spans="14:14">
      <c r="N255603" s="10"/>
    </row>
    <row r="255604" spans="14:14">
      <c r="N255604" s="10"/>
    </row>
    <row r="255605" spans="14:14">
      <c r="N255605" s="10"/>
    </row>
    <row r="255606" spans="14:14">
      <c r="N255606" s="10"/>
    </row>
    <row r="255607" spans="14:14">
      <c r="N255607" s="10"/>
    </row>
    <row r="255608" spans="14:14">
      <c r="N255608" s="10"/>
    </row>
    <row r="255609" spans="14:14">
      <c r="N255609" s="10"/>
    </row>
    <row r="255610" spans="14:14">
      <c r="N255610" s="10"/>
    </row>
    <row r="255611" spans="14:14">
      <c r="N255611" s="10"/>
    </row>
    <row r="255612" spans="14:14">
      <c r="N255612" s="10"/>
    </row>
    <row r="255613" spans="14:14">
      <c r="N255613" s="10"/>
    </row>
    <row r="255614" spans="14:14">
      <c r="N255614" s="10"/>
    </row>
    <row r="255615" spans="14:14">
      <c r="N255615" s="10"/>
    </row>
    <row r="255616" spans="14:14">
      <c r="N255616" s="10"/>
    </row>
    <row r="255617" spans="14:14">
      <c r="N255617" s="10"/>
    </row>
    <row r="255618" spans="14:14">
      <c r="N255618" s="10"/>
    </row>
    <row r="255619" spans="14:14">
      <c r="N255619" s="10"/>
    </row>
    <row r="255620" spans="14:14">
      <c r="N255620" s="10"/>
    </row>
    <row r="255621" spans="14:14">
      <c r="N255621" s="10"/>
    </row>
    <row r="255622" spans="14:14">
      <c r="N255622" s="10"/>
    </row>
    <row r="255623" spans="14:14">
      <c r="N255623" s="10"/>
    </row>
    <row r="255624" spans="14:14">
      <c r="N255624" s="10"/>
    </row>
    <row r="255625" spans="14:14">
      <c r="N255625" s="10"/>
    </row>
    <row r="255626" spans="14:14">
      <c r="N255626" s="10"/>
    </row>
    <row r="255627" spans="14:14">
      <c r="N255627" s="10"/>
    </row>
    <row r="255628" spans="14:14">
      <c r="N255628" s="10"/>
    </row>
    <row r="255629" spans="14:14">
      <c r="N255629" s="10"/>
    </row>
    <row r="255630" spans="14:14">
      <c r="N255630" s="10"/>
    </row>
    <row r="255631" spans="14:14">
      <c r="N255631" s="10"/>
    </row>
    <row r="255632" spans="14:14">
      <c r="N255632" s="10"/>
    </row>
    <row r="255633" spans="14:14">
      <c r="N255633" s="10"/>
    </row>
    <row r="255634" spans="14:14">
      <c r="N255634" s="10"/>
    </row>
    <row r="255635" spans="14:14">
      <c r="N255635" s="10"/>
    </row>
    <row r="255636" spans="14:14">
      <c r="N255636" s="10"/>
    </row>
    <row r="255637" spans="14:14">
      <c r="N255637" s="10"/>
    </row>
    <row r="255638" spans="14:14">
      <c r="N255638" s="10"/>
    </row>
    <row r="255639" spans="14:14">
      <c r="N255639" s="10"/>
    </row>
    <row r="255640" spans="14:14">
      <c r="N255640" s="10"/>
    </row>
    <row r="255641" spans="14:14">
      <c r="N255641" s="10"/>
    </row>
    <row r="255642" spans="14:14">
      <c r="N255642" s="10"/>
    </row>
    <row r="255643" spans="14:14">
      <c r="N255643" s="10"/>
    </row>
    <row r="255644" spans="14:14">
      <c r="N255644" s="10"/>
    </row>
    <row r="255645" spans="14:14">
      <c r="N255645" s="10"/>
    </row>
    <row r="255646" spans="14:14">
      <c r="N255646" s="10"/>
    </row>
    <row r="255647" spans="14:14">
      <c r="N255647" s="10"/>
    </row>
    <row r="255648" spans="14:14">
      <c r="N255648" s="10"/>
    </row>
    <row r="255649" spans="14:14">
      <c r="N255649" s="10"/>
    </row>
    <row r="255650" spans="14:14">
      <c r="N255650" s="10"/>
    </row>
    <row r="255651" spans="14:14">
      <c r="N255651" s="10"/>
    </row>
    <row r="255652" spans="14:14">
      <c r="N255652" s="10"/>
    </row>
    <row r="255653" spans="14:14">
      <c r="N255653" s="10"/>
    </row>
    <row r="255654" spans="14:14">
      <c r="N255654" s="10"/>
    </row>
    <row r="255655" spans="14:14">
      <c r="N255655" s="10"/>
    </row>
    <row r="255656" spans="14:14">
      <c r="N255656" s="10"/>
    </row>
    <row r="255657" spans="14:14">
      <c r="N255657" s="10"/>
    </row>
    <row r="255658" spans="14:14">
      <c r="N255658" s="10"/>
    </row>
    <row r="255659" spans="14:14">
      <c r="N255659" s="10"/>
    </row>
    <row r="255660" spans="14:14">
      <c r="N255660" s="10"/>
    </row>
    <row r="255661" spans="14:14">
      <c r="N255661" s="10"/>
    </row>
    <row r="255662" spans="14:14">
      <c r="N255662" s="10"/>
    </row>
    <row r="255663" spans="14:14">
      <c r="N255663" s="10"/>
    </row>
    <row r="255664" spans="14:14">
      <c r="N255664" s="10"/>
    </row>
    <row r="255665" spans="14:14">
      <c r="N255665" s="10"/>
    </row>
    <row r="255666" spans="14:14">
      <c r="N255666" s="10"/>
    </row>
    <row r="255667" spans="14:14">
      <c r="N255667" s="10"/>
    </row>
    <row r="255668" spans="14:14">
      <c r="N255668" s="10"/>
    </row>
    <row r="255669" spans="14:14">
      <c r="N255669" s="10"/>
    </row>
    <row r="255670" spans="14:14">
      <c r="N255670" s="10"/>
    </row>
    <row r="255671" spans="14:14">
      <c r="N255671" s="10"/>
    </row>
    <row r="255672" spans="14:14">
      <c r="N255672" s="10"/>
    </row>
    <row r="255673" spans="14:14">
      <c r="N255673" s="10"/>
    </row>
    <row r="255674" spans="14:14">
      <c r="N255674" s="10"/>
    </row>
    <row r="255675" spans="14:14">
      <c r="N255675" s="10"/>
    </row>
    <row r="255676" spans="14:14">
      <c r="N255676" s="10"/>
    </row>
    <row r="255677" spans="14:14">
      <c r="N255677" s="10"/>
    </row>
    <row r="255678" spans="14:14">
      <c r="N255678" s="10"/>
    </row>
    <row r="255679" spans="14:14">
      <c r="N255679" s="10"/>
    </row>
    <row r="255680" spans="14:14">
      <c r="N255680" s="10"/>
    </row>
    <row r="255681" spans="14:14">
      <c r="N255681" s="10"/>
    </row>
    <row r="255682" spans="14:14">
      <c r="N255682" s="10"/>
    </row>
    <row r="255683" spans="14:14">
      <c r="N255683" s="10"/>
    </row>
    <row r="255684" spans="14:14">
      <c r="N255684" s="10"/>
    </row>
    <row r="255685" spans="14:14">
      <c r="N255685" s="10"/>
    </row>
    <row r="255686" spans="14:14">
      <c r="N255686" s="10"/>
    </row>
    <row r="255687" spans="14:14">
      <c r="N255687" s="10"/>
    </row>
    <row r="255688" spans="14:14">
      <c r="N255688" s="10"/>
    </row>
    <row r="255689" spans="14:14">
      <c r="N255689" s="10"/>
    </row>
    <row r="255690" spans="14:14">
      <c r="N255690" s="10"/>
    </row>
    <row r="255691" spans="14:14">
      <c r="N255691" s="10"/>
    </row>
    <row r="255692" spans="14:14">
      <c r="N255692" s="10"/>
    </row>
    <row r="255693" spans="14:14">
      <c r="N255693" s="10"/>
    </row>
    <row r="255694" spans="14:14">
      <c r="N255694" s="10"/>
    </row>
    <row r="255695" spans="14:14">
      <c r="N255695" s="10"/>
    </row>
    <row r="255696" spans="14:14">
      <c r="N255696" s="10"/>
    </row>
    <row r="255697" spans="14:14">
      <c r="N255697" s="10"/>
    </row>
    <row r="255698" spans="14:14">
      <c r="N255698" s="10"/>
    </row>
    <row r="255699" spans="14:14">
      <c r="N255699" s="10"/>
    </row>
    <row r="255700" spans="14:14">
      <c r="N255700" s="10"/>
    </row>
    <row r="255701" spans="14:14">
      <c r="N255701" s="10"/>
    </row>
    <row r="255702" spans="14:14">
      <c r="N255702" s="10"/>
    </row>
    <row r="255703" spans="14:14">
      <c r="N255703" s="10"/>
    </row>
    <row r="255704" spans="14:14">
      <c r="N255704" s="10"/>
    </row>
    <row r="255705" spans="14:14">
      <c r="N255705" s="10"/>
    </row>
    <row r="255706" spans="14:14">
      <c r="N255706" s="10"/>
    </row>
    <row r="255707" spans="14:14">
      <c r="N255707" s="10"/>
    </row>
    <row r="255708" spans="14:14">
      <c r="N255708" s="10"/>
    </row>
    <row r="255709" spans="14:14">
      <c r="N255709" s="10"/>
    </row>
    <row r="255710" spans="14:14">
      <c r="N255710" s="10"/>
    </row>
    <row r="255711" spans="14:14">
      <c r="N255711" s="10"/>
    </row>
    <row r="255712" spans="14:14">
      <c r="N255712" s="10"/>
    </row>
    <row r="255713" spans="14:14">
      <c r="N255713" s="10"/>
    </row>
    <row r="255714" spans="14:14">
      <c r="N255714" s="10"/>
    </row>
    <row r="255715" spans="14:14">
      <c r="N255715" s="10"/>
    </row>
    <row r="255716" spans="14:14">
      <c r="N255716" s="10"/>
    </row>
    <row r="255717" spans="14:14">
      <c r="N255717" s="10"/>
    </row>
    <row r="255718" spans="14:14">
      <c r="N255718" s="10"/>
    </row>
    <row r="255719" spans="14:14">
      <c r="N255719" s="10"/>
    </row>
    <row r="255720" spans="14:14">
      <c r="N255720" s="10"/>
    </row>
    <row r="255721" spans="14:14">
      <c r="N255721" s="10"/>
    </row>
    <row r="255722" spans="14:14">
      <c r="N255722" s="10"/>
    </row>
    <row r="255723" spans="14:14">
      <c r="N255723" s="10"/>
    </row>
    <row r="255724" spans="14:14">
      <c r="N255724" s="10"/>
    </row>
    <row r="255725" spans="14:14">
      <c r="N255725" s="10"/>
    </row>
    <row r="255726" spans="14:14">
      <c r="N255726" s="10"/>
    </row>
    <row r="255727" spans="14:14">
      <c r="N255727" s="10"/>
    </row>
    <row r="255728" spans="14:14">
      <c r="N255728" s="10"/>
    </row>
    <row r="255729" spans="14:14">
      <c r="N255729" s="10"/>
    </row>
    <row r="255730" spans="14:14">
      <c r="N255730" s="10"/>
    </row>
    <row r="255731" spans="14:14">
      <c r="N255731" s="10"/>
    </row>
    <row r="255732" spans="14:14">
      <c r="N255732" s="10"/>
    </row>
    <row r="255733" spans="14:14">
      <c r="N255733" s="10"/>
    </row>
    <row r="255734" spans="14:14">
      <c r="N255734" s="10"/>
    </row>
    <row r="255735" spans="14:14">
      <c r="N255735" s="10"/>
    </row>
    <row r="255736" spans="14:14">
      <c r="N255736" s="10"/>
    </row>
    <row r="255737" spans="14:14">
      <c r="N255737" s="10"/>
    </row>
    <row r="255738" spans="14:14">
      <c r="N255738" s="10"/>
    </row>
    <row r="255739" spans="14:14">
      <c r="N255739" s="10"/>
    </row>
    <row r="255740" spans="14:14">
      <c r="N255740" s="10"/>
    </row>
    <row r="255741" spans="14:14">
      <c r="N255741" s="10"/>
    </row>
    <row r="255742" spans="14:14">
      <c r="N255742" s="10"/>
    </row>
    <row r="255743" spans="14:14">
      <c r="N255743" s="10"/>
    </row>
    <row r="255744" spans="14:14">
      <c r="N255744" s="10"/>
    </row>
    <row r="255745" spans="14:14">
      <c r="N255745" s="10"/>
    </row>
    <row r="255746" spans="14:14">
      <c r="N255746" s="10"/>
    </row>
    <row r="255747" spans="14:14">
      <c r="N255747" s="10"/>
    </row>
    <row r="255748" spans="14:14">
      <c r="N255748" s="10"/>
    </row>
    <row r="255749" spans="14:14">
      <c r="N255749" s="10"/>
    </row>
    <row r="255750" spans="14:14">
      <c r="N255750" s="10"/>
    </row>
    <row r="255751" spans="14:14">
      <c r="N255751" s="10"/>
    </row>
    <row r="255752" spans="14:14">
      <c r="N255752" s="10"/>
    </row>
    <row r="255753" spans="14:14">
      <c r="N255753" s="10"/>
    </row>
    <row r="255754" spans="14:14">
      <c r="N255754" s="10"/>
    </row>
    <row r="255755" spans="14:14">
      <c r="N255755" s="10"/>
    </row>
    <row r="255756" spans="14:14">
      <c r="N255756" s="10"/>
    </row>
    <row r="255757" spans="14:14">
      <c r="N255757" s="10"/>
    </row>
    <row r="255758" spans="14:14">
      <c r="N255758" s="10"/>
    </row>
    <row r="255759" spans="14:14">
      <c r="N255759" s="10"/>
    </row>
    <row r="255760" spans="14:14">
      <c r="N255760" s="10"/>
    </row>
    <row r="255761" spans="14:14">
      <c r="N255761" s="10"/>
    </row>
    <row r="255762" spans="14:14">
      <c r="N255762" s="10"/>
    </row>
    <row r="255763" spans="14:14">
      <c r="N255763" s="10"/>
    </row>
    <row r="255764" spans="14:14">
      <c r="N255764" s="10"/>
    </row>
    <row r="255765" spans="14:14">
      <c r="N255765" s="10"/>
    </row>
    <row r="255766" spans="14:14">
      <c r="N255766" s="10"/>
    </row>
    <row r="255767" spans="14:14">
      <c r="N255767" s="10"/>
    </row>
    <row r="255768" spans="14:14">
      <c r="N255768" s="10"/>
    </row>
    <row r="255769" spans="14:14">
      <c r="N255769" s="10"/>
    </row>
    <row r="255770" spans="14:14">
      <c r="N255770" s="10"/>
    </row>
    <row r="255771" spans="14:14">
      <c r="N255771" s="10"/>
    </row>
    <row r="255772" spans="14:14">
      <c r="N255772" s="10"/>
    </row>
    <row r="255773" spans="14:14">
      <c r="N255773" s="10"/>
    </row>
    <row r="255774" spans="14:14">
      <c r="N255774" s="10"/>
    </row>
    <row r="255775" spans="14:14">
      <c r="N255775" s="10"/>
    </row>
    <row r="255776" spans="14:14">
      <c r="N255776" s="10"/>
    </row>
    <row r="255777" spans="14:14">
      <c r="N255777" s="10"/>
    </row>
    <row r="255778" spans="14:14">
      <c r="N255778" s="10"/>
    </row>
    <row r="255779" spans="14:14">
      <c r="N255779" s="10"/>
    </row>
    <row r="255780" spans="14:14">
      <c r="N255780" s="10"/>
    </row>
    <row r="255781" spans="14:14">
      <c r="N255781" s="10"/>
    </row>
    <row r="255782" spans="14:14">
      <c r="N255782" s="10"/>
    </row>
    <row r="255783" spans="14:14">
      <c r="N255783" s="10"/>
    </row>
    <row r="255784" spans="14:14">
      <c r="N255784" s="10"/>
    </row>
    <row r="255785" spans="14:14">
      <c r="N255785" s="10"/>
    </row>
    <row r="255786" spans="14:14">
      <c r="N255786" s="10"/>
    </row>
    <row r="255787" spans="14:14">
      <c r="N255787" s="10"/>
    </row>
    <row r="255788" spans="14:14">
      <c r="N255788" s="10"/>
    </row>
    <row r="255789" spans="14:14">
      <c r="N255789" s="10"/>
    </row>
    <row r="255790" spans="14:14">
      <c r="N255790" s="10"/>
    </row>
    <row r="255791" spans="14:14">
      <c r="N255791" s="10"/>
    </row>
    <row r="255792" spans="14:14">
      <c r="N255792" s="10"/>
    </row>
    <row r="255793" spans="14:14">
      <c r="N255793" s="10"/>
    </row>
    <row r="255794" spans="14:14">
      <c r="N255794" s="10"/>
    </row>
    <row r="255795" spans="14:14">
      <c r="N255795" s="10"/>
    </row>
    <row r="255796" spans="14:14">
      <c r="N255796" s="10"/>
    </row>
    <row r="255797" spans="14:14">
      <c r="N255797" s="10"/>
    </row>
    <row r="255798" spans="14:14">
      <c r="N255798" s="10"/>
    </row>
    <row r="255799" spans="14:14">
      <c r="N255799" s="10"/>
    </row>
    <row r="255800" spans="14:14">
      <c r="N255800" s="10"/>
    </row>
    <row r="255801" spans="14:14">
      <c r="N255801" s="10"/>
    </row>
    <row r="255802" spans="14:14">
      <c r="N255802" s="10"/>
    </row>
    <row r="255803" spans="14:14">
      <c r="N255803" s="10"/>
    </row>
    <row r="255804" spans="14:14">
      <c r="N255804" s="10"/>
    </row>
    <row r="255805" spans="14:14">
      <c r="N255805" s="10"/>
    </row>
    <row r="255806" spans="14:14">
      <c r="N255806" s="10"/>
    </row>
    <row r="255807" spans="14:14">
      <c r="N255807" s="10"/>
    </row>
    <row r="255808" spans="14:14">
      <c r="N255808" s="10"/>
    </row>
    <row r="255809" spans="14:14">
      <c r="N255809" s="10"/>
    </row>
    <row r="255810" spans="14:14">
      <c r="N255810" s="10"/>
    </row>
    <row r="255811" spans="14:14">
      <c r="N255811" s="10"/>
    </row>
    <row r="255812" spans="14:14">
      <c r="N255812" s="10"/>
    </row>
    <row r="255813" spans="14:14">
      <c r="N255813" s="10"/>
    </row>
    <row r="255814" spans="14:14">
      <c r="N255814" s="10"/>
    </row>
    <row r="255815" spans="14:14">
      <c r="N255815" s="10"/>
    </row>
    <row r="255816" spans="14:14">
      <c r="N255816" s="10"/>
    </row>
    <row r="255817" spans="14:14">
      <c r="N255817" s="10"/>
    </row>
    <row r="255818" spans="14:14">
      <c r="N255818" s="10"/>
    </row>
    <row r="255819" spans="14:14">
      <c r="N255819" s="10"/>
    </row>
    <row r="255820" spans="14:14">
      <c r="N255820" s="10"/>
    </row>
    <row r="255821" spans="14:14">
      <c r="N255821" s="10"/>
    </row>
    <row r="255822" spans="14:14">
      <c r="N255822" s="10"/>
    </row>
    <row r="255823" spans="14:14">
      <c r="N255823" s="10"/>
    </row>
    <row r="255824" spans="14:14">
      <c r="N255824" s="10"/>
    </row>
    <row r="255825" spans="14:14">
      <c r="N255825" s="10"/>
    </row>
    <row r="255826" spans="14:14">
      <c r="N255826" s="10"/>
    </row>
    <row r="255827" spans="14:14">
      <c r="N255827" s="10"/>
    </row>
    <row r="255828" spans="14:14">
      <c r="N255828" s="10"/>
    </row>
    <row r="255829" spans="14:14">
      <c r="N255829" s="10"/>
    </row>
    <row r="255830" spans="14:14">
      <c r="N255830" s="10"/>
    </row>
    <row r="255831" spans="14:14">
      <c r="N255831" s="10"/>
    </row>
    <row r="255832" spans="14:14">
      <c r="N255832" s="10"/>
    </row>
    <row r="255833" spans="14:14">
      <c r="N255833" s="10"/>
    </row>
    <row r="255834" spans="14:14">
      <c r="N255834" s="10"/>
    </row>
    <row r="255835" spans="14:14">
      <c r="N255835" s="10"/>
    </row>
    <row r="255836" spans="14:14">
      <c r="N255836" s="10"/>
    </row>
    <row r="255837" spans="14:14">
      <c r="N255837" s="10"/>
    </row>
    <row r="255838" spans="14:14">
      <c r="N255838" s="10"/>
    </row>
    <row r="255839" spans="14:14">
      <c r="N255839" s="10"/>
    </row>
    <row r="255840" spans="14:14">
      <c r="N255840" s="10"/>
    </row>
    <row r="255841" spans="14:14">
      <c r="N255841" s="10"/>
    </row>
    <row r="255842" spans="14:14">
      <c r="N255842" s="10"/>
    </row>
    <row r="255843" spans="14:14">
      <c r="N255843" s="10"/>
    </row>
    <row r="255844" spans="14:14">
      <c r="N255844" s="10"/>
    </row>
    <row r="255845" spans="14:14">
      <c r="N255845" s="10"/>
    </row>
    <row r="255846" spans="14:14">
      <c r="N255846" s="10"/>
    </row>
    <row r="255847" spans="14:14">
      <c r="N255847" s="10"/>
    </row>
    <row r="255848" spans="14:14">
      <c r="N255848" s="10"/>
    </row>
    <row r="255849" spans="14:14">
      <c r="N255849" s="10"/>
    </row>
    <row r="255850" spans="14:14">
      <c r="N255850" s="10"/>
    </row>
    <row r="255851" spans="14:14">
      <c r="N255851" s="10"/>
    </row>
    <row r="255852" spans="14:14">
      <c r="N255852" s="10"/>
    </row>
    <row r="255853" spans="14:14">
      <c r="N255853" s="10"/>
    </row>
    <row r="255854" spans="14:14">
      <c r="N255854" s="10"/>
    </row>
    <row r="255855" spans="14:14">
      <c r="N255855" s="10"/>
    </row>
    <row r="255856" spans="14:14">
      <c r="N255856" s="10"/>
    </row>
    <row r="255857" spans="14:14">
      <c r="N255857" s="10"/>
    </row>
    <row r="255858" spans="14:14">
      <c r="N255858" s="10"/>
    </row>
    <row r="255859" spans="14:14">
      <c r="N255859" s="10"/>
    </row>
    <row r="255860" spans="14:14">
      <c r="N255860" s="10"/>
    </row>
    <row r="255861" spans="14:14">
      <c r="N255861" s="10"/>
    </row>
    <row r="255862" spans="14:14">
      <c r="N255862" s="10"/>
    </row>
    <row r="255863" spans="14:14">
      <c r="N255863" s="10"/>
    </row>
    <row r="255864" spans="14:14">
      <c r="N255864" s="10"/>
    </row>
    <row r="255865" spans="14:14">
      <c r="N255865" s="10"/>
    </row>
    <row r="255866" spans="14:14">
      <c r="N255866" s="10"/>
    </row>
    <row r="255867" spans="14:14">
      <c r="N255867" s="10"/>
    </row>
    <row r="255868" spans="14:14">
      <c r="N255868" s="10"/>
    </row>
    <row r="255869" spans="14:14">
      <c r="N255869" s="10"/>
    </row>
    <row r="255870" spans="14:14">
      <c r="N255870" s="10"/>
    </row>
    <row r="255871" spans="14:14">
      <c r="N255871" s="10"/>
    </row>
    <row r="255872" spans="14:14">
      <c r="N255872" s="10"/>
    </row>
    <row r="255873" spans="14:14">
      <c r="N255873" s="10"/>
    </row>
    <row r="255874" spans="14:14">
      <c r="N255874" s="10"/>
    </row>
    <row r="255875" spans="14:14">
      <c r="N255875" s="10"/>
    </row>
    <row r="255876" spans="14:14">
      <c r="N255876" s="10"/>
    </row>
    <row r="255877" spans="14:14">
      <c r="N255877" s="10"/>
    </row>
    <row r="255878" spans="14:14">
      <c r="N255878" s="10"/>
    </row>
    <row r="255879" spans="14:14">
      <c r="N255879" s="10"/>
    </row>
    <row r="255880" spans="14:14">
      <c r="N255880" s="10"/>
    </row>
    <row r="255881" spans="14:14">
      <c r="N255881" s="10"/>
    </row>
    <row r="255882" spans="14:14">
      <c r="N255882" s="10"/>
    </row>
    <row r="255883" spans="14:14">
      <c r="N255883" s="10"/>
    </row>
    <row r="255884" spans="14:14">
      <c r="N255884" s="10"/>
    </row>
    <row r="255885" spans="14:14">
      <c r="N255885" s="10"/>
    </row>
    <row r="255886" spans="14:14">
      <c r="N255886" s="10"/>
    </row>
    <row r="255887" spans="14:14">
      <c r="N255887" s="10"/>
    </row>
    <row r="255888" spans="14:14">
      <c r="N255888" s="10"/>
    </row>
    <row r="255889" spans="14:14">
      <c r="N255889" s="10"/>
    </row>
    <row r="255890" spans="14:14">
      <c r="N255890" s="10"/>
    </row>
    <row r="255891" spans="14:14">
      <c r="N255891" s="10"/>
    </row>
    <row r="255892" spans="14:14">
      <c r="N255892" s="10"/>
    </row>
    <row r="255893" spans="14:14">
      <c r="N255893" s="10"/>
    </row>
    <row r="255894" spans="14:14">
      <c r="N255894" s="10"/>
    </row>
    <row r="255895" spans="14:14">
      <c r="N255895" s="10"/>
    </row>
    <row r="255896" spans="14:14">
      <c r="N255896" s="10"/>
    </row>
    <row r="255897" spans="14:14">
      <c r="N255897" s="10"/>
    </row>
    <row r="255898" spans="14:14">
      <c r="N255898" s="10"/>
    </row>
    <row r="255899" spans="14:14">
      <c r="N255899" s="10"/>
    </row>
    <row r="255900" spans="14:14">
      <c r="N255900" s="10"/>
    </row>
    <row r="255901" spans="14:14">
      <c r="N255901" s="10"/>
    </row>
    <row r="255902" spans="14:14">
      <c r="N255902" s="10"/>
    </row>
    <row r="255903" spans="14:14">
      <c r="N255903" s="10"/>
    </row>
    <row r="255904" spans="14:14">
      <c r="N255904" s="10"/>
    </row>
    <row r="255905" spans="14:14">
      <c r="N255905" s="10"/>
    </row>
    <row r="255906" spans="14:14">
      <c r="N255906" s="10"/>
    </row>
    <row r="255907" spans="14:14">
      <c r="N255907" s="10"/>
    </row>
    <row r="255908" spans="14:14">
      <c r="N255908" s="10"/>
    </row>
    <row r="255909" spans="14:14">
      <c r="N255909" s="10"/>
    </row>
    <row r="255910" spans="14:14">
      <c r="N255910" s="10"/>
    </row>
    <row r="255911" spans="14:14">
      <c r="N255911" s="10"/>
    </row>
    <row r="255912" spans="14:14">
      <c r="N255912" s="10"/>
    </row>
    <row r="255913" spans="14:14">
      <c r="N255913" s="10"/>
    </row>
    <row r="255914" spans="14:14">
      <c r="N255914" s="10"/>
    </row>
    <row r="255915" spans="14:14">
      <c r="N255915" s="10"/>
    </row>
    <row r="255916" spans="14:14">
      <c r="N255916" s="10"/>
    </row>
    <row r="255917" spans="14:14">
      <c r="N255917" s="10"/>
    </row>
    <row r="255918" spans="14:14">
      <c r="N255918" s="10"/>
    </row>
    <row r="255919" spans="14:14">
      <c r="N255919" s="10"/>
    </row>
    <row r="255920" spans="14:14">
      <c r="N255920" s="10"/>
    </row>
    <row r="255921" spans="14:14">
      <c r="N255921" s="10"/>
    </row>
    <row r="255922" spans="14:14">
      <c r="N255922" s="10"/>
    </row>
    <row r="255923" spans="14:14">
      <c r="N255923" s="10"/>
    </row>
    <row r="255924" spans="14:14">
      <c r="N255924" s="10"/>
    </row>
    <row r="255925" spans="14:14">
      <c r="N255925" s="10"/>
    </row>
    <row r="255926" spans="14:14">
      <c r="N255926" s="10"/>
    </row>
    <row r="255927" spans="14:14">
      <c r="N255927" s="10"/>
    </row>
    <row r="255928" spans="14:14">
      <c r="N255928" s="10"/>
    </row>
    <row r="255929" spans="14:14">
      <c r="N255929" s="10"/>
    </row>
    <row r="255930" spans="14:14">
      <c r="N255930" s="10"/>
    </row>
    <row r="255931" spans="14:14">
      <c r="N255931" s="10"/>
    </row>
    <row r="255932" spans="14:14">
      <c r="N255932" s="10"/>
    </row>
    <row r="255933" spans="14:14">
      <c r="N255933" s="10"/>
    </row>
    <row r="255934" spans="14:14">
      <c r="N255934" s="10"/>
    </row>
    <row r="255935" spans="14:14">
      <c r="N255935" s="10"/>
    </row>
    <row r="255936" spans="14:14">
      <c r="N255936" s="10"/>
    </row>
    <row r="255937" spans="14:14">
      <c r="N255937" s="10"/>
    </row>
    <row r="255938" spans="14:14">
      <c r="N255938" s="10"/>
    </row>
    <row r="255939" spans="14:14">
      <c r="N255939" s="10"/>
    </row>
    <row r="255940" spans="14:14">
      <c r="N255940" s="10"/>
    </row>
    <row r="255941" spans="14:14">
      <c r="N255941" s="10"/>
    </row>
    <row r="255942" spans="14:14">
      <c r="N255942" s="10"/>
    </row>
    <row r="255943" spans="14:14">
      <c r="N255943" s="10"/>
    </row>
    <row r="255944" spans="14:14">
      <c r="N255944" s="10"/>
    </row>
    <row r="255945" spans="14:14">
      <c r="N255945" s="10"/>
    </row>
    <row r="255946" spans="14:14">
      <c r="N255946" s="10"/>
    </row>
    <row r="255947" spans="14:14">
      <c r="N255947" s="10"/>
    </row>
    <row r="255948" spans="14:14">
      <c r="N255948" s="10"/>
    </row>
    <row r="255949" spans="14:14">
      <c r="N255949" s="10"/>
    </row>
    <row r="255950" spans="14:14">
      <c r="N255950" s="10"/>
    </row>
    <row r="255951" spans="14:14">
      <c r="N255951" s="10"/>
    </row>
    <row r="255952" spans="14:14">
      <c r="N255952" s="10"/>
    </row>
    <row r="255953" spans="14:14">
      <c r="N255953" s="10"/>
    </row>
    <row r="255954" spans="14:14">
      <c r="N255954" s="10"/>
    </row>
    <row r="255955" spans="14:14">
      <c r="N255955" s="10"/>
    </row>
    <row r="255956" spans="14:14">
      <c r="N255956" s="10"/>
    </row>
    <row r="255957" spans="14:14">
      <c r="N255957" s="10"/>
    </row>
    <row r="255958" spans="14:14">
      <c r="N255958" s="10"/>
    </row>
    <row r="255959" spans="14:14">
      <c r="N255959" s="10"/>
    </row>
    <row r="255960" spans="14:14">
      <c r="N255960" s="10"/>
    </row>
    <row r="255961" spans="14:14">
      <c r="N255961" s="10"/>
    </row>
    <row r="255962" spans="14:14">
      <c r="N255962" s="10"/>
    </row>
    <row r="255963" spans="14:14">
      <c r="N255963" s="10"/>
    </row>
    <row r="255964" spans="14:14">
      <c r="N255964" s="10"/>
    </row>
    <row r="255965" spans="14:14">
      <c r="N255965" s="10"/>
    </row>
    <row r="255966" spans="14:14">
      <c r="N255966" s="10"/>
    </row>
    <row r="255967" spans="14:14">
      <c r="N255967" s="10"/>
    </row>
    <row r="255968" spans="14:14">
      <c r="N255968" s="10"/>
    </row>
    <row r="255969" spans="14:14">
      <c r="N255969" s="10"/>
    </row>
    <row r="255970" spans="14:14">
      <c r="N255970" s="10"/>
    </row>
    <row r="255971" spans="14:14">
      <c r="N255971" s="10"/>
    </row>
    <row r="255972" spans="14:14">
      <c r="N255972" s="10"/>
    </row>
    <row r="255973" spans="14:14">
      <c r="N255973" s="10"/>
    </row>
    <row r="255974" spans="14:14">
      <c r="N255974" s="10"/>
    </row>
    <row r="255975" spans="14:14">
      <c r="N255975" s="10"/>
    </row>
    <row r="255976" spans="14:14">
      <c r="N255976" s="10"/>
    </row>
    <row r="255977" spans="14:14">
      <c r="N255977" s="10"/>
    </row>
    <row r="255978" spans="14:14">
      <c r="N255978" s="10"/>
    </row>
    <row r="255979" spans="14:14">
      <c r="N255979" s="10"/>
    </row>
    <row r="255980" spans="14:14">
      <c r="N255980" s="10"/>
    </row>
    <row r="255981" spans="14:14">
      <c r="N255981" s="10"/>
    </row>
    <row r="255982" spans="14:14">
      <c r="N255982" s="10"/>
    </row>
    <row r="255983" spans="14:14">
      <c r="N255983" s="10"/>
    </row>
    <row r="255984" spans="14:14">
      <c r="N255984" s="10"/>
    </row>
    <row r="255985" spans="14:14">
      <c r="N255985" s="10"/>
    </row>
    <row r="255986" spans="14:14">
      <c r="N255986" s="10"/>
    </row>
    <row r="255987" spans="14:14">
      <c r="N255987" s="10"/>
    </row>
    <row r="255988" spans="14:14">
      <c r="N255988" s="10"/>
    </row>
    <row r="255989" spans="14:14">
      <c r="N255989" s="10"/>
    </row>
    <row r="255990" spans="14:14">
      <c r="N255990" s="10"/>
    </row>
    <row r="255991" spans="14:14">
      <c r="N255991" s="10"/>
    </row>
    <row r="255992" spans="14:14">
      <c r="N255992" s="10"/>
    </row>
    <row r="255993" spans="14:14">
      <c r="N255993" s="10"/>
    </row>
    <row r="255994" spans="14:14">
      <c r="N255994" s="10"/>
    </row>
    <row r="255995" spans="14:14">
      <c r="N255995" s="10"/>
    </row>
    <row r="255996" spans="14:14">
      <c r="N255996" s="10"/>
    </row>
    <row r="255997" spans="14:14">
      <c r="N255997" s="10"/>
    </row>
    <row r="255998" spans="14:14">
      <c r="N255998" s="10"/>
    </row>
    <row r="255999" spans="14:14">
      <c r="N255999" s="10"/>
    </row>
    <row r="256000" spans="14:14">
      <c r="N256000" s="10"/>
    </row>
    <row r="256001" spans="14:14">
      <c r="N256001" s="10"/>
    </row>
    <row r="256002" spans="14:14">
      <c r="N256002" s="10"/>
    </row>
    <row r="256003" spans="14:14">
      <c r="N256003" s="10"/>
    </row>
    <row r="256004" spans="14:14">
      <c r="N256004" s="10"/>
    </row>
    <row r="256005" spans="14:14">
      <c r="N256005" s="10"/>
    </row>
    <row r="256006" spans="14:14">
      <c r="N256006" s="10"/>
    </row>
    <row r="256007" spans="14:14">
      <c r="N256007" s="10"/>
    </row>
    <row r="256008" spans="14:14">
      <c r="N256008" s="10"/>
    </row>
    <row r="256009" spans="14:14">
      <c r="N256009" s="10"/>
    </row>
    <row r="256010" spans="14:14">
      <c r="N256010" s="10"/>
    </row>
    <row r="256011" spans="14:14">
      <c r="N256011" s="10"/>
    </row>
    <row r="256012" spans="14:14">
      <c r="N256012" s="10"/>
    </row>
    <row r="256013" spans="14:14">
      <c r="N256013" s="10"/>
    </row>
    <row r="256014" spans="14:14">
      <c r="N256014" s="10"/>
    </row>
    <row r="256015" spans="14:14">
      <c r="N256015" s="10"/>
    </row>
    <row r="256016" spans="14:14">
      <c r="N256016" s="10"/>
    </row>
    <row r="256017" spans="14:14">
      <c r="N256017" s="10"/>
    </row>
    <row r="256018" spans="14:14">
      <c r="N256018" s="10"/>
    </row>
    <row r="256019" spans="14:14">
      <c r="N256019" s="10"/>
    </row>
    <row r="256020" spans="14:14">
      <c r="N256020" s="10"/>
    </row>
    <row r="256021" spans="14:14">
      <c r="N256021" s="10"/>
    </row>
    <row r="256022" spans="14:14">
      <c r="N256022" s="10"/>
    </row>
    <row r="256023" spans="14:14">
      <c r="N256023" s="10"/>
    </row>
    <row r="256024" spans="14:14">
      <c r="N256024" s="10"/>
    </row>
    <row r="256025" spans="14:14">
      <c r="N256025" s="10"/>
    </row>
    <row r="256026" spans="14:14">
      <c r="N256026" s="10"/>
    </row>
    <row r="256027" spans="14:14">
      <c r="N256027" s="10"/>
    </row>
    <row r="256028" spans="14:14">
      <c r="N256028" s="10"/>
    </row>
    <row r="256029" spans="14:14">
      <c r="N256029" s="10"/>
    </row>
    <row r="256030" spans="14:14">
      <c r="N256030" s="10"/>
    </row>
    <row r="256031" spans="14:14">
      <c r="N256031" s="10"/>
    </row>
    <row r="256032" spans="14:14">
      <c r="N256032" s="10"/>
    </row>
    <row r="256033" spans="14:14">
      <c r="N256033" s="10"/>
    </row>
    <row r="256034" spans="14:14">
      <c r="N256034" s="10"/>
    </row>
    <row r="256035" spans="14:14">
      <c r="N256035" s="10"/>
    </row>
    <row r="256036" spans="14:14">
      <c r="N256036" s="10"/>
    </row>
    <row r="256037" spans="14:14">
      <c r="N256037" s="10"/>
    </row>
    <row r="256038" spans="14:14">
      <c r="N256038" s="10"/>
    </row>
    <row r="256039" spans="14:14">
      <c r="N256039" s="10"/>
    </row>
    <row r="256040" spans="14:14">
      <c r="N256040" s="10"/>
    </row>
    <row r="256041" spans="14:14">
      <c r="N256041" s="10"/>
    </row>
    <row r="256042" spans="14:14">
      <c r="N256042" s="10"/>
    </row>
    <row r="256043" spans="14:14">
      <c r="N256043" s="10"/>
    </row>
    <row r="256044" spans="14:14">
      <c r="N256044" s="10"/>
    </row>
    <row r="256045" spans="14:14">
      <c r="N256045" s="10"/>
    </row>
    <row r="256046" spans="14:14">
      <c r="N256046" s="10"/>
    </row>
    <row r="256047" spans="14:14">
      <c r="N256047" s="10"/>
    </row>
    <row r="256048" spans="14:14">
      <c r="N256048" s="10"/>
    </row>
    <row r="256049" spans="14:14">
      <c r="N256049" s="10"/>
    </row>
    <row r="256050" spans="14:14">
      <c r="N256050" s="10"/>
    </row>
    <row r="256051" spans="14:14">
      <c r="N256051" s="10"/>
    </row>
    <row r="256052" spans="14:14">
      <c r="N256052" s="10"/>
    </row>
    <row r="256053" spans="14:14">
      <c r="N256053" s="10"/>
    </row>
    <row r="256054" spans="14:14">
      <c r="N256054" s="10"/>
    </row>
    <row r="256055" spans="14:14">
      <c r="N256055" s="10"/>
    </row>
    <row r="256056" spans="14:14">
      <c r="N256056" s="10"/>
    </row>
    <row r="256057" spans="14:14">
      <c r="N256057" s="10"/>
    </row>
    <row r="256058" spans="14:14">
      <c r="N256058" s="10"/>
    </row>
    <row r="256059" spans="14:14">
      <c r="N256059" s="10"/>
    </row>
    <row r="256060" spans="14:14">
      <c r="N256060" s="10"/>
    </row>
    <row r="256061" spans="14:14">
      <c r="N256061" s="10"/>
    </row>
    <row r="256062" spans="14:14">
      <c r="N256062" s="10"/>
    </row>
    <row r="256063" spans="14:14">
      <c r="N256063" s="10"/>
    </row>
    <row r="256064" spans="14:14">
      <c r="N256064" s="10"/>
    </row>
    <row r="256065" spans="14:14">
      <c r="N256065" s="10"/>
    </row>
    <row r="256066" spans="14:14">
      <c r="N256066" s="10"/>
    </row>
    <row r="256067" spans="14:14">
      <c r="N256067" s="10"/>
    </row>
    <row r="256068" spans="14:14">
      <c r="N256068" s="10"/>
    </row>
    <row r="256069" spans="14:14">
      <c r="N256069" s="10"/>
    </row>
    <row r="256070" spans="14:14">
      <c r="N256070" s="10"/>
    </row>
    <row r="256071" spans="14:14">
      <c r="N256071" s="10"/>
    </row>
    <row r="256072" spans="14:14">
      <c r="N256072" s="10"/>
    </row>
    <row r="256073" spans="14:14">
      <c r="N256073" s="10"/>
    </row>
    <row r="256074" spans="14:14">
      <c r="N256074" s="10"/>
    </row>
    <row r="256075" spans="14:14">
      <c r="N256075" s="10"/>
    </row>
    <row r="256076" spans="14:14">
      <c r="N256076" s="10"/>
    </row>
    <row r="256077" spans="14:14">
      <c r="N256077" s="10"/>
    </row>
    <row r="256078" spans="14:14">
      <c r="N256078" s="10"/>
    </row>
    <row r="256079" spans="14:14">
      <c r="N256079" s="10"/>
    </row>
    <row r="256080" spans="14:14">
      <c r="N256080" s="10"/>
    </row>
    <row r="256081" spans="14:14">
      <c r="N256081" s="10"/>
    </row>
    <row r="256082" spans="14:14">
      <c r="N256082" s="10"/>
    </row>
    <row r="256083" spans="14:14">
      <c r="N256083" s="10"/>
    </row>
    <row r="256084" spans="14:14">
      <c r="N256084" s="10"/>
    </row>
    <row r="256085" spans="14:14">
      <c r="N256085" s="10"/>
    </row>
    <row r="256086" spans="14:14">
      <c r="N256086" s="10"/>
    </row>
    <row r="256087" spans="14:14">
      <c r="N256087" s="10"/>
    </row>
    <row r="256088" spans="14:14">
      <c r="N256088" s="10"/>
    </row>
    <row r="256089" spans="14:14">
      <c r="N256089" s="10"/>
    </row>
    <row r="256090" spans="14:14">
      <c r="N256090" s="10"/>
    </row>
    <row r="256091" spans="14:14">
      <c r="N256091" s="10"/>
    </row>
    <row r="256092" spans="14:14">
      <c r="N256092" s="10"/>
    </row>
    <row r="256093" spans="14:14">
      <c r="N256093" s="10"/>
    </row>
    <row r="256094" spans="14:14">
      <c r="N256094" s="10"/>
    </row>
    <row r="256095" spans="14:14">
      <c r="N256095" s="10"/>
    </row>
    <row r="256096" spans="14:14">
      <c r="N256096" s="10"/>
    </row>
    <row r="256097" spans="14:14">
      <c r="N256097" s="10"/>
    </row>
    <row r="256098" spans="14:14">
      <c r="N256098" s="10"/>
    </row>
    <row r="256099" spans="14:14">
      <c r="N256099" s="10"/>
    </row>
    <row r="256100" spans="14:14">
      <c r="N256100" s="10"/>
    </row>
    <row r="256101" spans="14:14">
      <c r="N256101" s="10"/>
    </row>
    <row r="256102" spans="14:14">
      <c r="N256102" s="10"/>
    </row>
    <row r="256103" spans="14:14">
      <c r="N256103" s="10"/>
    </row>
    <row r="256104" spans="14:14">
      <c r="N256104" s="10"/>
    </row>
    <row r="256105" spans="14:14">
      <c r="N256105" s="10"/>
    </row>
    <row r="256106" spans="14:14">
      <c r="N256106" s="10"/>
    </row>
    <row r="256107" spans="14:14">
      <c r="N256107" s="10"/>
    </row>
    <row r="256108" spans="14:14">
      <c r="N256108" s="10"/>
    </row>
    <row r="256109" spans="14:14">
      <c r="N256109" s="10"/>
    </row>
    <row r="256110" spans="14:14">
      <c r="N256110" s="10"/>
    </row>
    <row r="256111" spans="14:14">
      <c r="N256111" s="10"/>
    </row>
    <row r="256112" spans="14:14">
      <c r="N256112" s="10"/>
    </row>
    <row r="256113" spans="14:14">
      <c r="N256113" s="10"/>
    </row>
    <row r="256114" spans="14:14">
      <c r="N256114" s="10"/>
    </row>
    <row r="256115" spans="14:14">
      <c r="N256115" s="10"/>
    </row>
    <row r="256116" spans="14:14">
      <c r="N256116" s="10"/>
    </row>
    <row r="256117" spans="14:14">
      <c r="N256117" s="10"/>
    </row>
    <row r="256118" spans="14:14">
      <c r="N256118" s="10"/>
    </row>
    <row r="256119" spans="14:14">
      <c r="N256119" s="10"/>
    </row>
    <row r="256120" spans="14:14">
      <c r="N256120" s="10"/>
    </row>
    <row r="256121" spans="14:14">
      <c r="N256121" s="10"/>
    </row>
    <row r="256122" spans="14:14">
      <c r="N256122" s="10"/>
    </row>
    <row r="256123" spans="14:14">
      <c r="N256123" s="10"/>
    </row>
    <row r="256124" spans="14:14">
      <c r="N256124" s="10"/>
    </row>
    <row r="256125" spans="14:14">
      <c r="N256125" s="10"/>
    </row>
    <row r="256126" spans="14:14">
      <c r="N256126" s="10"/>
    </row>
    <row r="256127" spans="14:14">
      <c r="N256127" s="10"/>
    </row>
    <row r="256128" spans="14:14">
      <c r="N256128" s="10"/>
    </row>
    <row r="256129" spans="14:14">
      <c r="N256129" s="10"/>
    </row>
    <row r="256130" spans="14:14">
      <c r="N256130" s="10"/>
    </row>
    <row r="256131" spans="14:14">
      <c r="N256131" s="10"/>
    </row>
    <row r="256132" spans="14:14">
      <c r="N256132" s="10"/>
    </row>
    <row r="256133" spans="14:14">
      <c r="N256133" s="10"/>
    </row>
    <row r="256134" spans="14:14">
      <c r="N256134" s="10"/>
    </row>
    <row r="256135" spans="14:14">
      <c r="N256135" s="10"/>
    </row>
    <row r="256136" spans="14:14">
      <c r="N256136" s="10"/>
    </row>
    <row r="256137" spans="14:14">
      <c r="N256137" s="10"/>
    </row>
    <row r="256138" spans="14:14">
      <c r="N256138" s="10"/>
    </row>
    <row r="256139" spans="14:14">
      <c r="N256139" s="10"/>
    </row>
    <row r="256140" spans="14:14">
      <c r="N256140" s="10"/>
    </row>
    <row r="256141" spans="14:14">
      <c r="N256141" s="10"/>
    </row>
    <row r="256142" spans="14:14">
      <c r="N256142" s="10"/>
    </row>
    <row r="256143" spans="14:14">
      <c r="N256143" s="10"/>
    </row>
    <row r="256144" spans="14:14">
      <c r="N256144" s="10"/>
    </row>
    <row r="256145" spans="14:14">
      <c r="N256145" s="10"/>
    </row>
    <row r="256146" spans="14:14">
      <c r="N256146" s="10"/>
    </row>
    <row r="256147" spans="14:14">
      <c r="N256147" s="10"/>
    </row>
    <row r="256148" spans="14:14">
      <c r="N256148" s="10"/>
    </row>
    <row r="256149" spans="14:14">
      <c r="N256149" s="10"/>
    </row>
    <row r="256150" spans="14:14">
      <c r="N256150" s="10"/>
    </row>
    <row r="256151" spans="14:14">
      <c r="N256151" s="10"/>
    </row>
    <row r="256152" spans="14:14">
      <c r="N256152" s="10"/>
    </row>
    <row r="256153" spans="14:14">
      <c r="N256153" s="10"/>
    </row>
    <row r="256154" spans="14:14">
      <c r="N256154" s="10"/>
    </row>
    <row r="256155" spans="14:14">
      <c r="N256155" s="10"/>
    </row>
    <row r="256156" spans="14:14">
      <c r="N256156" s="10"/>
    </row>
    <row r="256157" spans="14:14">
      <c r="N256157" s="10"/>
    </row>
    <row r="256158" spans="14:14">
      <c r="N256158" s="10"/>
    </row>
    <row r="256159" spans="14:14">
      <c r="N256159" s="10"/>
    </row>
    <row r="256160" spans="14:14">
      <c r="N256160" s="10"/>
    </row>
    <row r="256161" spans="14:14">
      <c r="N256161" s="10"/>
    </row>
    <row r="256162" spans="14:14">
      <c r="N256162" s="10"/>
    </row>
    <row r="256163" spans="14:14">
      <c r="N256163" s="10"/>
    </row>
    <row r="256164" spans="14:14">
      <c r="N256164" s="10"/>
    </row>
    <row r="256165" spans="14:14">
      <c r="N256165" s="10"/>
    </row>
    <row r="256166" spans="14:14">
      <c r="N256166" s="10"/>
    </row>
    <row r="256167" spans="14:14">
      <c r="N256167" s="10"/>
    </row>
    <row r="256168" spans="14:14">
      <c r="N256168" s="10"/>
    </row>
    <row r="256169" spans="14:14">
      <c r="N256169" s="10"/>
    </row>
    <row r="256170" spans="14:14">
      <c r="N256170" s="10"/>
    </row>
    <row r="256171" spans="14:14">
      <c r="N256171" s="10"/>
    </row>
    <row r="256172" spans="14:14">
      <c r="N256172" s="10"/>
    </row>
    <row r="256173" spans="14:14">
      <c r="N256173" s="10"/>
    </row>
    <row r="256174" spans="14:14">
      <c r="N256174" s="10"/>
    </row>
    <row r="256175" spans="14:14">
      <c r="N256175" s="10"/>
    </row>
    <row r="256176" spans="14:14">
      <c r="N256176" s="10"/>
    </row>
    <row r="256177" spans="14:14">
      <c r="N256177" s="10"/>
    </row>
    <row r="256178" spans="14:14">
      <c r="N256178" s="10"/>
    </row>
    <row r="256179" spans="14:14">
      <c r="N256179" s="10"/>
    </row>
    <row r="256180" spans="14:14">
      <c r="N256180" s="10"/>
    </row>
    <row r="256181" spans="14:14">
      <c r="N256181" s="10"/>
    </row>
    <row r="256182" spans="14:14">
      <c r="N256182" s="10"/>
    </row>
    <row r="256183" spans="14:14">
      <c r="N256183" s="10"/>
    </row>
    <row r="256184" spans="14:14">
      <c r="N256184" s="10"/>
    </row>
    <row r="256185" spans="14:14">
      <c r="N256185" s="10"/>
    </row>
    <row r="256186" spans="14:14">
      <c r="N256186" s="10"/>
    </row>
    <row r="256187" spans="14:14">
      <c r="N256187" s="10"/>
    </row>
    <row r="256188" spans="14:14">
      <c r="N256188" s="10"/>
    </row>
    <row r="256189" spans="14:14">
      <c r="N256189" s="10"/>
    </row>
    <row r="256190" spans="14:14">
      <c r="N256190" s="10"/>
    </row>
    <row r="256191" spans="14:14">
      <c r="N256191" s="10"/>
    </row>
    <row r="256192" spans="14:14">
      <c r="N256192" s="10"/>
    </row>
    <row r="256193" spans="14:14">
      <c r="N256193" s="10"/>
    </row>
    <row r="256194" spans="14:14">
      <c r="N256194" s="10"/>
    </row>
    <row r="256195" spans="14:14">
      <c r="N256195" s="10"/>
    </row>
    <row r="256196" spans="14:14">
      <c r="N256196" s="10"/>
    </row>
    <row r="256197" spans="14:14">
      <c r="N256197" s="10"/>
    </row>
    <row r="256198" spans="14:14">
      <c r="N256198" s="10"/>
    </row>
    <row r="256199" spans="14:14">
      <c r="N256199" s="10"/>
    </row>
    <row r="256200" spans="14:14">
      <c r="N256200" s="10"/>
    </row>
    <row r="256201" spans="14:14">
      <c r="N256201" s="10"/>
    </row>
    <row r="256202" spans="14:14">
      <c r="N256202" s="10"/>
    </row>
    <row r="256203" spans="14:14">
      <c r="N256203" s="10"/>
    </row>
    <row r="256204" spans="14:14">
      <c r="N256204" s="10"/>
    </row>
    <row r="256205" spans="14:14">
      <c r="N256205" s="10"/>
    </row>
    <row r="256206" spans="14:14">
      <c r="N256206" s="10"/>
    </row>
    <row r="256207" spans="14:14">
      <c r="N256207" s="10"/>
    </row>
    <row r="256208" spans="14:14">
      <c r="N256208" s="10"/>
    </row>
    <row r="256209" spans="14:14">
      <c r="N256209" s="10"/>
    </row>
    <row r="256210" spans="14:14">
      <c r="N256210" s="10"/>
    </row>
    <row r="256211" spans="14:14">
      <c r="N256211" s="10"/>
    </row>
    <row r="256212" spans="14:14">
      <c r="N256212" s="10"/>
    </row>
    <row r="256213" spans="14:14">
      <c r="N256213" s="10"/>
    </row>
    <row r="256214" spans="14:14">
      <c r="N256214" s="10"/>
    </row>
    <row r="256215" spans="14:14">
      <c r="N256215" s="10"/>
    </row>
    <row r="256216" spans="14:14">
      <c r="N256216" s="10"/>
    </row>
    <row r="256217" spans="14:14">
      <c r="N256217" s="10"/>
    </row>
    <row r="256218" spans="14:14">
      <c r="N256218" s="10"/>
    </row>
    <row r="256219" spans="14:14">
      <c r="N256219" s="10"/>
    </row>
    <row r="256220" spans="14:14">
      <c r="N256220" s="10"/>
    </row>
    <row r="256221" spans="14:14">
      <c r="N256221" s="10"/>
    </row>
    <row r="256222" spans="14:14">
      <c r="N256222" s="10"/>
    </row>
    <row r="256223" spans="14:14">
      <c r="N256223" s="10"/>
    </row>
    <row r="256224" spans="14:14">
      <c r="N256224" s="10"/>
    </row>
    <row r="256225" spans="14:14">
      <c r="N256225" s="10"/>
    </row>
    <row r="256226" spans="14:14">
      <c r="N256226" s="10"/>
    </row>
    <row r="256227" spans="14:14">
      <c r="N256227" s="10"/>
    </row>
    <row r="256228" spans="14:14">
      <c r="N256228" s="10"/>
    </row>
    <row r="256229" spans="14:14">
      <c r="N256229" s="10"/>
    </row>
    <row r="256230" spans="14:14">
      <c r="N256230" s="10"/>
    </row>
    <row r="256231" spans="14:14">
      <c r="N256231" s="10"/>
    </row>
    <row r="256232" spans="14:14">
      <c r="N256232" s="10"/>
    </row>
    <row r="256233" spans="14:14">
      <c r="N256233" s="10"/>
    </row>
    <row r="256234" spans="14:14">
      <c r="N256234" s="10"/>
    </row>
    <row r="256235" spans="14:14">
      <c r="N256235" s="10"/>
    </row>
    <row r="256236" spans="14:14">
      <c r="N256236" s="10"/>
    </row>
    <row r="256237" spans="14:14">
      <c r="N256237" s="10"/>
    </row>
    <row r="256238" spans="14:14">
      <c r="N256238" s="10"/>
    </row>
    <row r="256239" spans="14:14">
      <c r="N256239" s="10"/>
    </row>
    <row r="256240" spans="14:14">
      <c r="N256240" s="10"/>
    </row>
    <row r="256241" spans="14:14">
      <c r="N256241" s="10"/>
    </row>
    <row r="256242" spans="14:14">
      <c r="N256242" s="10"/>
    </row>
    <row r="256243" spans="14:14">
      <c r="N256243" s="10"/>
    </row>
    <row r="256244" spans="14:14">
      <c r="N256244" s="10"/>
    </row>
    <row r="256245" spans="14:14">
      <c r="N256245" s="10"/>
    </row>
    <row r="256246" spans="14:14">
      <c r="N256246" s="10"/>
    </row>
    <row r="256247" spans="14:14">
      <c r="N256247" s="10"/>
    </row>
    <row r="256248" spans="14:14">
      <c r="N256248" s="10"/>
    </row>
    <row r="256249" spans="14:14">
      <c r="N256249" s="10"/>
    </row>
    <row r="256250" spans="14:14">
      <c r="N256250" s="10"/>
    </row>
    <row r="256251" spans="14:14">
      <c r="N256251" s="10"/>
    </row>
    <row r="256252" spans="14:14">
      <c r="N256252" s="10"/>
    </row>
    <row r="256253" spans="14:14">
      <c r="N256253" s="10"/>
    </row>
    <row r="256254" spans="14:14">
      <c r="N256254" s="10"/>
    </row>
    <row r="256255" spans="14:14">
      <c r="N256255" s="10"/>
    </row>
    <row r="256256" spans="14:14">
      <c r="N256256" s="10"/>
    </row>
    <row r="256257" spans="14:14">
      <c r="N256257" s="10"/>
    </row>
    <row r="256258" spans="14:14">
      <c r="N256258" s="10"/>
    </row>
    <row r="256259" spans="14:14">
      <c r="N256259" s="10"/>
    </row>
    <row r="256260" spans="14:14">
      <c r="N256260" s="10"/>
    </row>
    <row r="256261" spans="14:14">
      <c r="N256261" s="10"/>
    </row>
    <row r="256262" spans="14:14">
      <c r="N256262" s="10"/>
    </row>
    <row r="256263" spans="14:14">
      <c r="N256263" s="10"/>
    </row>
    <row r="256264" spans="14:14">
      <c r="N256264" s="10"/>
    </row>
    <row r="256265" spans="14:14">
      <c r="N256265" s="10"/>
    </row>
    <row r="256266" spans="14:14">
      <c r="N256266" s="10"/>
    </row>
    <row r="256267" spans="14:14">
      <c r="N256267" s="10"/>
    </row>
    <row r="256268" spans="14:14">
      <c r="N256268" s="10"/>
    </row>
    <row r="256269" spans="14:14">
      <c r="N256269" s="10"/>
    </row>
    <row r="256270" spans="14:14">
      <c r="N256270" s="10"/>
    </row>
    <row r="256271" spans="14:14">
      <c r="N256271" s="10"/>
    </row>
    <row r="256272" spans="14:14">
      <c r="N256272" s="10"/>
    </row>
    <row r="256273" spans="14:14">
      <c r="N256273" s="10"/>
    </row>
    <row r="256274" spans="14:14">
      <c r="N256274" s="10"/>
    </row>
    <row r="256275" spans="14:14">
      <c r="N256275" s="10"/>
    </row>
    <row r="256276" spans="14:14">
      <c r="N256276" s="10"/>
    </row>
    <row r="256277" spans="14:14">
      <c r="N256277" s="10"/>
    </row>
    <row r="256278" spans="14:14">
      <c r="N256278" s="10"/>
    </row>
    <row r="256279" spans="14:14">
      <c r="N256279" s="10"/>
    </row>
    <row r="256280" spans="14:14">
      <c r="N256280" s="10"/>
    </row>
    <row r="256281" spans="14:14">
      <c r="N256281" s="10"/>
    </row>
    <row r="256282" spans="14:14">
      <c r="N256282" s="10"/>
    </row>
    <row r="256283" spans="14:14">
      <c r="N256283" s="10"/>
    </row>
    <row r="256284" spans="14:14">
      <c r="N256284" s="10"/>
    </row>
    <row r="256285" spans="14:14">
      <c r="N256285" s="10"/>
    </row>
    <row r="256286" spans="14:14">
      <c r="N256286" s="10"/>
    </row>
    <row r="256287" spans="14:14">
      <c r="N256287" s="10"/>
    </row>
    <row r="256288" spans="14:14">
      <c r="N256288" s="10"/>
    </row>
    <row r="256289" spans="14:14">
      <c r="N256289" s="10"/>
    </row>
    <row r="256290" spans="14:14">
      <c r="N256290" s="10"/>
    </row>
    <row r="256291" spans="14:14">
      <c r="N256291" s="10"/>
    </row>
    <row r="256292" spans="14:14">
      <c r="N256292" s="10"/>
    </row>
    <row r="256293" spans="14:14">
      <c r="N256293" s="10"/>
    </row>
    <row r="256294" spans="14:14">
      <c r="N256294" s="10"/>
    </row>
    <row r="256295" spans="14:14">
      <c r="N256295" s="10"/>
    </row>
    <row r="256296" spans="14:14">
      <c r="N256296" s="10"/>
    </row>
    <row r="256297" spans="14:14">
      <c r="N256297" s="10"/>
    </row>
    <row r="256298" spans="14:14">
      <c r="N256298" s="10"/>
    </row>
    <row r="256299" spans="14:14">
      <c r="N256299" s="10"/>
    </row>
    <row r="256300" spans="14:14">
      <c r="N256300" s="10"/>
    </row>
    <row r="256301" spans="14:14">
      <c r="N256301" s="10"/>
    </row>
    <row r="256302" spans="14:14">
      <c r="N256302" s="10"/>
    </row>
    <row r="256303" spans="14:14">
      <c r="N256303" s="10"/>
    </row>
    <row r="256304" spans="14:14">
      <c r="N256304" s="10"/>
    </row>
    <row r="256305" spans="14:14">
      <c r="N256305" s="10"/>
    </row>
    <row r="256306" spans="14:14">
      <c r="N256306" s="10"/>
    </row>
    <row r="256307" spans="14:14">
      <c r="N256307" s="10"/>
    </row>
    <row r="256308" spans="14:14">
      <c r="N256308" s="10"/>
    </row>
    <row r="256309" spans="14:14">
      <c r="N256309" s="10"/>
    </row>
    <row r="256310" spans="14:14">
      <c r="N256310" s="10"/>
    </row>
    <row r="256311" spans="14:14">
      <c r="N256311" s="10"/>
    </row>
    <row r="256312" spans="14:14">
      <c r="N256312" s="10"/>
    </row>
    <row r="256313" spans="14:14">
      <c r="N256313" s="10"/>
    </row>
    <row r="256314" spans="14:14">
      <c r="N256314" s="10"/>
    </row>
    <row r="256315" spans="14:14">
      <c r="N256315" s="10"/>
    </row>
    <row r="256316" spans="14:14">
      <c r="N256316" s="10"/>
    </row>
    <row r="256317" spans="14:14">
      <c r="N256317" s="10"/>
    </row>
    <row r="256318" spans="14:14">
      <c r="N256318" s="10"/>
    </row>
    <row r="256319" spans="14:14">
      <c r="N256319" s="10"/>
    </row>
    <row r="256320" spans="14:14">
      <c r="N256320" s="10"/>
    </row>
    <row r="256321" spans="14:14">
      <c r="N256321" s="10"/>
    </row>
    <row r="256322" spans="14:14">
      <c r="N256322" s="10"/>
    </row>
    <row r="256323" spans="14:14">
      <c r="N256323" s="10"/>
    </row>
    <row r="256324" spans="14:14">
      <c r="N256324" s="10"/>
    </row>
    <row r="256325" spans="14:14">
      <c r="N256325" s="10"/>
    </row>
    <row r="256326" spans="14:14">
      <c r="N256326" s="10"/>
    </row>
    <row r="256327" spans="14:14">
      <c r="N256327" s="10"/>
    </row>
    <row r="256328" spans="14:14">
      <c r="N256328" s="10"/>
    </row>
    <row r="256329" spans="14:14">
      <c r="N256329" s="10"/>
    </row>
    <row r="256330" spans="14:14">
      <c r="N256330" s="10"/>
    </row>
    <row r="256331" spans="14:14">
      <c r="N256331" s="10"/>
    </row>
    <row r="256332" spans="14:14">
      <c r="N256332" s="10"/>
    </row>
    <row r="256333" spans="14:14">
      <c r="N256333" s="10"/>
    </row>
    <row r="256334" spans="14:14">
      <c r="N256334" s="10"/>
    </row>
    <row r="256335" spans="14:14">
      <c r="N256335" s="10"/>
    </row>
    <row r="256336" spans="14:14">
      <c r="N256336" s="10"/>
    </row>
    <row r="256337" spans="14:14">
      <c r="N256337" s="10"/>
    </row>
    <row r="256338" spans="14:14">
      <c r="N256338" s="10"/>
    </row>
    <row r="256339" spans="14:14">
      <c r="N256339" s="10"/>
    </row>
    <row r="256340" spans="14:14">
      <c r="N256340" s="10"/>
    </row>
    <row r="256341" spans="14:14">
      <c r="N256341" s="10"/>
    </row>
    <row r="256342" spans="14:14">
      <c r="N256342" s="10"/>
    </row>
    <row r="256343" spans="14:14">
      <c r="N256343" s="10"/>
    </row>
    <row r="256344" spans="14:14">
      <c r="N256344" s="10"/>
    </row>
    <row r="256345" spans="14:14">
      <c r="N256345" s="10"/>
    </row>
    <row r="256346" spans="14:14">
      <c r="N256346" s="10"/>
    </row>
    <row r="256347" spans="14:14">
      <c r="N256347" s="10"/>
    </row>
    <row r="256348" spans="14:14">
      <c r="N256348" s="10"/>
    </row>
    <row r="256349" spans="14:14">
      <c r="N256349" s="10"/>
    </row>
    <row r="256350" spans="14:14">
      <c r="N256350" s="10"/>
    </row>
    <row r="256351" spans="14:14">
      <c r="N256351" s="10"/>
    </row>
    <row r="256352" spans="14:14">
      <c r="N256352" s="10"/>
    </row>
    <row r="256353" spans="14:14">
      <c r="N256353" s="10"/>
    </row>
    <row r="256354" spans="14:14">
      <c r="N256354" s="10"/>
    </row>
    <row r="256355" spans="14:14">
      <c r="N256355" s="10"/>
    </row>
    <row r="256356" spans="14:14">
      <c r="N256356" s="10"/>
    </row>
    <row r="256357" spans="14:14">
      <c r="N256357" s="10"/>
    </row>
    <row r="256358" spans="14:14">
      <c r="N256358" s="10"/>
    </row>
    <row r="256359" spans="14:14">
      <c r="N256359" s="10"/>
    </row>
    <row r="256360" spans="14:14">
      <c r="N256360" s="10"/>
    </row>
    <row r="256361" spans="14:14">
      <c r="N256361" s="10"/>
    </row>
    <row r="256362" spans="14:14">
      <c r="N256362" s="10"/>
    </row>
    <row r="256363" spans="14:14">
      <c r="N256363" s="10"/>
    </row>
    <row r="256364" spans="14:14">
      <c r="N256364" s="10"/>
    </row>
    <row r="256365" spans="14:14">
      <c r="N256365" s="10"/>
    </row>
    <row r="256366" spans="14:14">
      <c r="N256366" s="10"/>
    </row>
    <row r="256367" spans="14:14">
      <c r="N256367" s="10"/>
    </row>
    <row r="256368" spans="14:14">
      <c r="N256368" s="10"/>
    </row>
    <row r="256369" spans="14:14">
      <c r="N256369" s="10"/>
    </row>
    <row r="256370" spans="14:14">
      <c r="N256370" s="10"/>
    </row>
    <row r="256371" spans="14:14">
      <c r="N256371" s="10"/>
    </row>
    <row r="256372" spans="14:14">
      <c r="N256372" s="10"/>
    </row>
    <row r="256373" spans="14:14">
      <c r="N256373" s="10"/>
    </row>
    <row r="256374" spans="14:14">
      <c r="N256374" s="10"/>
    </row>
    <row r="256375" spans="14:14">
      <c r="N256375" s="10"/>
    </row>
    <row r="256376" spans="14:14">
      <c r="N256376" s="10"/>
    </row>
    <row r="256377" spans="14:14">
      <c r="N256377" s="10"/>
    </row>
    <row r="256378" spans="14:14">
      <c r="N256378" s="10"/>
    </row>
    <row r="256379" spans="14:14">
      <c r="N256379" s="10"/>
    </row>
    <row r="256380" spans="14:14">
      <c r="N256380" s="10"/>
    </row>
    <row r="256381" spans="14:14">
      <c r="N256381" s="10"/>
    </row>
    <row r="256382" spans="14:14">
      <c r="N256382" s="10"/>
    </row>
    <row r="256383" spans="14:14">
      <c r="N256383" s="10"/>
    </row>
    <row r="256384" spans="14:14">
      <c r="N256384" s="10"/>
    </row>
    <row r="256385" spans="14:14">
      <c r="N256385" s="10"/>
    </row>
    <row r="256386" spans="14:14">
      <c r="N256386" s="10"/>
    </row>
    <row r="256387" spans="14:14">
      <c r="N256387" s="10"/>
    </row>
    <row r="256388" spans="14:14">
      <c r="N256388" s="10"/>
    </row>
    <row r="256389" spans="14:14">
      <c r="N256389" s="10"/>
    </row>
    <row r="256390" spans="14:14">
      <c r="N256390" s="10"/>
    </row>
    <row r="256391" spans="14:14">
      <c r="N256391" s="10"/>
    </row>
    <row r="256392" spans="14:14">
      <c r="N256392" s="10"/>
    </row>
    <row r="256393" spans="14:14">
      <c r="N256393" s="10"/>
    </row>
    <row r="256394" spans="14:14">
      <c r="N256394" s="10"/>
    </row>
    <row r="256395" spans="14:14">
      <c r="N256395" s="10"/>
    </row>
    <row r="256396" spans="14:14">
      <c r="N256396" s="10"/>
    </row>
    <row r="256397" spans="14:14">
      <c r="N256397" s="10"/>
    </row>
    <row r="256398" spans="14:14">
      <c r="N256398" s="10"/>
    </row>
    <row r="256399" spans="14:14">
      <c r="N256399" s="10"/>
    </row>
    <row r="256400" spans="14:14">
      <c r="N256400" s="10"/>
    </row>
    <row r="256401" spans="14:14">
      <c r="N256401" s="10"/>
    </row>
    <row r="256402" spans="14:14">
      <c r="N256402" s="10"/>
    </row>
    <row r="256403" spans="14:14">
      <c r="N256403" s="10"/>
    </row>
    <row r="256404" spans="14:14">
      <c r="N256404" s="10"/>
    </row>
    <row r="256405" spans="14:14">
      <c r="N256405" s="10"/>
    </row>
    <row r="256406" spans="14:14">
      <c r="N256406" s="10"/>
    </row>
    <row r="256407" spans="14:14">
      <c r="N256407" s="10"/>
    </row>
    <row r="256408" spans="14:14">
      <c r="N256408" s="10"/>
    </row>
    <row r="256409" spans="14:14">
      <c r="N256409" s="10"/>
    </row>
    <row r="256410" spans="14:14">
      <c r="N256410" s="10"/>
    </row>
    <row r="256411" spans="14:14">
      <c r="N256411" s="10"/>
    </row>
    <row r="256412" spans="14:14">
      <c r="N256412" s="10"/>
    </row>
    <row r="256413" spans="14:14">
      <c r="N256413" s="10"/>
    </row>
    <row r="256414" spans="14:14">
      <c r="N256414" s="10"/>
    </row>
    <row r="256415" spans="14:14">
      <c r="N256415" s="10"/>
    </row>
    <row r="256416" spans="14:14">
      <c r="N256416" s="10"/>
    </row>
    <row r="256417" spans="14:14">
      <c r="N256417" s="10"/>
    </row>
    <row r="256418" spans="14:14">
      <c r="N256418" s="10"/>
    </row>
    <row r="256419" spans="14:14">
      <c r="N256419" s="10"/>
    </row>
    <row r="256420" spans="14:14">
      <c r="N256420" s="10"/>
    </row>
    <row r="256421" spans="14:14">
      <c r="N256421" s="10"/>
    </row>
    <row r="256422" spans="14:14">
      <c r="N256422" s="10"/>
    </row>
    <row r="256423" spans="14:14">
      <c r="N256423" s="10"/>
    </row>
    <row r="256424" spans="14:14">
      <c r="N256424" s="10"/>
    </row>
    <row r="256425" spans="14:14">
      <c r="N256425" s="10"/>
    </row>
    <row r="256426" spans="14:14">
      <c r="N256426" s="10"/>
    </row>
    <row r="256427" spans="14:14">
      <c r="N256427" s="10"/>
    </row>
    <row r="256428" spans="14:14">
      <c r="N256428" s="10"/>
    </row>
    <row r="256429" spans="14:14">
      <c r="N256429" s="10"/>
    </row>
    <row r="256430" spans="14:14">
      <c r="N256430" s="10"/>
    </row>
    <row r="256431" spans="14:14">
      <c r="N256431" s="10"/>
    </row>
    <row r="256432" spans="14:14">
      <c r="N256432" s="10"/>
    </row>
    <row r="256433" spans="14:14">
      <c r="N256433" s="10"/>
    </row>
    <row r="256434" spans="14:14">
      <c r="N256434" s="10"/>
    </row>
    <row r="256435" spans="14:14">
      <c r="N256435" s="10"/>
    </row>
    <row r="256436" spans="14:14">
      <c r="N256436" s="10"/>
    </row>
    <row r="256437" spans="14:14">
      <c r="N256437" s="10"/>
    </row>
    <row r="256438" spans="14:14">
      <c r="N256438" s="10"/>
    </row>
    <row r="256439" spans="14:14">
      <c r="N256439" s="10"/>
    </row>
    <row r="256440" spans="14:14">
      <c r="N256440" s="10"/>
    </row>
    <row r="256441" spans="14:14">
      <c r="N256441" s="10"/>
    </row>
    <row r="256442" spans="14:14">
      <c r="N256442" s="10"/>
    </row>
    <row r="256443" spans="14:14">
      <c r="N256443" s="10"/>
    </row>
    <row r="256444" spans="14:14">
      <c r="N256444" s="10"/>
    </row>
    <row r="256445" spans="14:14">
      <c r="N256445" s="10"/>
    </row>
    <row r="256446" spans="14:14">
      <c r="N256446" s="10"/>
    </row>
    <row r="256447" spans="14:14">
      <c r="N256447" s="10"/>
    </row>
    <row r="256448" spans="14:14">
      <c r="N256448" s="10"/>
    </row>
    <row r="256449" spans="14:14">
      <c r="N256449" s="10"/>
    </row>
    <row r="256450" spans="14:14">
      <c r="N256450" s="10"/>
    </row>
    <row r="256451" spans="14:14">
      <c r="N256451" s="10"/>
    </row>
    <row r="256452" spans="14:14">
      <c r="N256452" s="10"/>
    </row>
    <row r="256453" spans="14:14">
      <c r="N256453" s="10"/>
    </row>
    <row r="256454" spans="14:14">
      <c r="N256454" s="10"/>
    </row>
    <row r="256455" spans="14:14">
      <c r="N256455" s="10"/>
    </row>
    <row r="256456" spans="14:14">
      <c r="N256456" s="10"/>
    </row>
    <row r="256457" spans="14:14">
      <c r="N256457" s="10"/>
    </row>
    <row r="256458" spans="14:14">
      <c r="N256458" s="10"/>
    </row>
    <row r="256459" spans="14:14">
      <c r="N256459" s="10"/>
    </row>
    <row r="256460" spans="14:14">
      <c r="N256460" s="10"/>
    </row>
    <row r="256461" spans="14:14">
      <c r="N256461" s="10"/>
    </row>
    <row r="256462" spans="14:14">
      <c r="N256462" s="10"/>
    </row>
    <row r="256463" spans="14:14">
      <c r="N256463" s="10"/>
    </row>
    <row r="256464" spans="14:14">
      <c r="N256464" s="10"/>
    </row>
    <row r="256465" spans="14:14">
      <c r="N256465" s="10"/>
    </row>
    <row r="256466" spans="14:14">
      <c r="N256466" s="10"/>
    </row>
    <row r="256467" spans="14:14">
      <c r="N256467" s="10"/>
    </row>
    <row r="256468" spans="14:14">
      <c r="N256468" s="10"/>
    </row>
    <row r="256469" spans="14:14">
      <c r="N256469" s="10"/>
    </row>
    <row r="256470" spans="14:14">
      <c r="N256470" s="10"/>
    </row>
    <row r="256471" spans="14:14">
      <c r="N256471" s="10"/>
    </row>
    <row r="256472" spans="14:14">
      <c r="N256472" s="10"/>
    </row>
    <row r="256473" spans="14:14">
      <c r="N256473" s="10"/>
    </row>
    <row r="256474" spans="14:14">
      <c r="N256474" s="10"/>
    </row>
    <row r="256475" spans="14:14">
      <c r="N256475" s="10"/>
    </row>
    <row r="256476" spans="14:14">
      <c r="N256476" s="10"/>
    </row>
    <row r="256477" spans="14:14">
      <c r="N256477" s="10"/>
    </row>
    <row r="256478" spans="14:14">
      <c r="N256478" s="10"/>
    </row>
    <row r="256479" spans="14:14">
      <c r="N256479" s="10"/>
    </row>
    <row r="256480" spans="14:14">
      <c r="N256480" s="10"/>
    </row>
    <row r="256481" spans="14:14">
      <c r="N256481" s="10"/>
    </row>
    <row r="256482" spans="14:14">
      <c r="N256482" s="10"/>
    </row>
    <row r="256483" spans="14:14">
      <c r="N256483" s="10"/>
    </row>
    <row r="256484" spans="14:14">
      <c r="N256484" s="10"/>
    </row>
    <row r="256485" spans="14:14">
      <c r="N256485" s="10"/>
    </row>
    <row r="256486" spans="14:14">
      <c r="N256486" s="10"/>
    </row>
    <row r="256487" spans="14:14">
      <c r="N256487" s="10"/>
    </row>
    <row r="256488" spans="14:14">
      <c r="N256488" s="10"/>
    </row>
    <row r="256489" spans="14:14">
      <c r="N256489" s="10"/>
    </row>
    <row r="256490" spans="14:14">
      <c r="N256490" s="10"/>
    </row>
    <row r="256491" spans="14:14">
      <c r="N256491" s="10"/>
    </row>
    <row r="256492" spans="14:14">
      <c r="N256492" s="10"/>
    </row>
    <row r="256493" spans="14:14">
      <c r="N256493" s="10"/>
    </row>
    <row r="256494" spans="14:14">
      <c r="N256494" s="10"/>
    </row>
    <row r="256495" spans="14:14">
      <c r="N256495" s="10"/>
    </row>
    <row r="256496" spans="14:14">
      <c r="N256496" s="10"/>
    </row>
    <row r="256497" spans="14:14">
      <c r="N256497" s="10"/>
    </row>
    <row r="256498" spans="14:14">
      <c r="N256498" s="10"/>
    </row>
    <row r="256499" spans="14:14">
      <c r="N256499" s="10"/>
    </row>
    <row r="256500" spans="14:14">
      <c r="N256500" s="10"/>
    </row>
    <row r="256501" spans="14:14">
      <c r="N256501" s="10"/>
    </row>
    <row r="256502" spans="14:14">
      <c r="N256502" s="10"/>
    </row>
    <row r="256503" spans="14:14">
      <c r="N256503" s="10"/>
    </row>
    <row r="256504" spans="14:14">
      <c r="N256504" s="10"/>
    </row>
    <row r="256505" spans="14:14">
      <c r="N256505" s="10"/>
    </row>
    <row r="256506" spans="14:14">
      <c r="N256506" s="10"/>
    </row>
    <row r="256507" spans="14:14">
      <c r="N256507" s="10"/>
    </row>
    <row r="256508" spans="14:14">
      <c r="N256508" s="10"/>
    </row>
    <row r="256509" spans="14:14">
      <c r="N256509" s="10"/>
    </row>
    <row r="256510" spans="14:14">
      <c r="N256510" s="10"/>
    </row>
    <row r="256511" spans="14:14">
      <c r="N256511" s="10"/>
    </row>
    <row r="256512" spans="14:14">
      <c r="N256512" s="10"/>
    </row>
    <row r="256513" spans="14:14">
      <c r="N256513" s="10"/>
    </row>
    <row r="256514" spans="14:14">
      <c r="N256514" s="10"/>
    </row>
    <row r="256515" spans="14:14">
      <c r="N256515" s="10"/>
    </row>
    <row r="256516" spans="14:14">
      <c r="N256516" s="10"/>
    </row>
    <row r="256517" spans="14:14">
      <c r="N256517" s="10"/>
    </row>
    <row r="256518" spans="14:14">
      <c r="N256518" s="10"/>
    </row>
    <row r="256519" spans="14:14">
      <c r="N256519" s="10"/>
    </row>
    <row r="256520" spans="14:14">
      <c r="N256520" s="10"/>
    </row>
    <row r="256521" spans="14:14">
      <c r="N256521" s="10"/>
    </row>
    <row r="256522" spans="14:14">
      <c r="N256522" s="10"/>
    </row>
    <row r="256523" spans="14:14">
      <c r="N256523" s="10"/>
    </row>
    <row r="256524" spans="14:14">
      <c r="N256524" s="10"/>
    </row>
    <row r="256525" spans="14:14">
      <c r="N256525" s="10"/>
    </row>
    <row r="256526" spans="14:14">
      <c r="N256526" s="10"/>
    </row>
    <row r="256527" spans="14:14">
      <c r="N256527" s="10"/>
    </row>
    <row r="256528" spans="14:14">
      <c r="N256528" s="10"/>
    </row>
    <row r="256529" spans="14:14">
      <c r="N256529" s="10"/>
    </row>
    <row r="256530" spans="14:14">
      <c r="N256530" s="10"/>
    </row>
    <row r="256531" spans="14:14">
      <c r="N256531" s="10"/>
    </row>
    <row r="256532" spans="14:14">
      <c r="N256532" s="10"/>
    </row>
    <row r="256533" spans="14:14">
      <c r="N256533" s="10"/>
    </row>
    <row r="256534" spans="14:14">
      <c r="N256534" s="10"/>
    </row>
    <row r="256535" spans="14:14">
      <c r="N256535" s="10"/>
    </row>
    <row r="256536" spans="14:14">
      <c r="N256536" s="10"/>
    </row>
    <row r="256537" spans="14:14">
      <c r="N256537" s="10"/>
    </row>
    <row r="256538" spans="14:14">
      <c r="N256538" s="10"/>
    </row>
    <row r="256539" spans="14:14">
      <c r="N256539" s="10"/>
    </row>
    <row r="256540" spans="14:14">
      <c r="N256540" s="10"/>
    </row>
    <row r="256541" spans="14:14">
      <c r="N256541" s="10"/>
    </row>
    <row r="256542" spans="14:14">
      <c r="N256542" s="10"/>
    </row>
    <row r="256543" spans="14:14">
      <c r="N256543" s="10"/>
    </row>
    <row r="256544" spans="14:14">
      <c r="N256544" s="10"/>
    </row>
    <row r="256545" spans="14:14">
      <c r="N256545" s="10"/>
    </row>
    <row r="256546" spans="14:14">
      <c r="N256546" s="10"/>
    </row>
    <row r="256547" spans="14:14">
      <c r="N256547" s="10"/>
    </row>
    <row r="256548" spans="14:14">
      <c r="N256548" s="10"/>
    </row>
    <row r="256549" spans="14:14">
      <c r="N256549" s="10"/>
    </row>
    <row r="256550" spans="14:14">
      <c r="N256550" s="10"/>
    </row>
    <row r="256551" spans="14:14">
      <c r="N256551" s="10"/>
    </row>
    <row r="256552" spans="14:14">
      <c r="N256552" s="10"/>
    </row>
    <row r="256553" spans="14:14">
      <c r="N256553" s="10"/>
    </row>
    <row r="256554" spans="14:14">
      <c r="N256554" s="10"/>
    </row>
    <row r="256555" spans="14:14">
      <c r="N256555" s="10"/>
    </row>
    <row r="256556" spans="14:14">
      <c r="N256556" s="10"/>
    </row>
    <row r="256557" spans="14:14">
      <c r="N256557" s="10"/>
    </row>
    <row r="256558" spans="14:14">
      <c r="N256558" s="10"/>
    </row>
    <row r="256559" spans="14:14">
      <c r="N256559" s="10"/>
    </row>
    <row r="256560" spans="14:14">
      <c r="N256560" s="10"/>
    </row>
    <row r="256561" spans="14:14">
      <c r="N256561" s="10"/>
    </row>
    <row r="256562" spans="14:14">
      <c r="N256562" s="10"/>
    </row>
    <row r="256563" spans="14:14">
      <c r="N256563" s="10"/>
    </row>
    <row r="256564" spans="14:14">
      <c r="N256564" s="10"/>
    </row>
    <row r="256565" spans="14:14">
      <c r="N256565" s="10"/>
    </row>
    <row r="256566" spans="14:14">
      <c r="N256566" s="10"/>
    </row>
    <row r="256567" spans="14:14">
      <c r="N256567" s="10"/>
    </row>
    <row r="256568" spans="14:14">
      <c r="N256568" s="10"/>
    </row>
    <row r="256569" spans="14:14">
      <c r="N256569" s="10"/>
    </row>
    <row r="256570" spans="14:14">
      <c r="N256570" s="10"/>
    </row>
    <row r="256571" spans="14:14">
      <c r="N256571" s="10"/>
    </row>
    <row r="256572" spans="14:14">
      <c r="N256572" s="10"/>
    </row>
    <row r="256573" spans="14:14">
      <c r="N256573" s="10"/>
    </row>
    <row r="256574" spans="14:14">
      <c r="N256574" s="10"/>
    </row>
    <row r="256575" spans="14:14">
      <c r="N256575" s="10"/>
    </row>
    <row r="256576" spans="14:14">
      <c r="N256576" s="10"/>
    </row>
    <row r="256577" spans="14:14">
      <c r="N256577" s="10"/>
    </row>
    <row r="256578" spans="14:14">
      <c r="N256578" s="10"/>
    </row>
    <row r="256579" spans="14:14">
      <c r="N256579" s="10"/>
    </row>
    <row r="256580" spans="14:14">
      <c r="N256580" s="10"/>
    </row>
    <row r="256581" spans="14:14">
      <c r="N256581" s="10"/>
    </row>
    <row r="256582" spans="14:14">
      <c r="N256582" s="10"/>
    </row>
    <row r="256583" spans="14:14">
      <c r="N256583" s="10"/>
    </row>
    <row r="256584" spans="14:14">
      <c r="N256584" s="10"/>
    </row>
    <row r="256585" spans="14:14">
      <c r="N256585" s="10"/>
    </row>
    <row r="256586" spans="14:14">
      <c r="N256586" s="10"/>
    </row>
    <row r="256587" spans="14:14">
      <c r="N256587" s="10"/>
    </row>
    <row r="256588" spans="14:14">
      <c r="N256588" s="10"/>
    </row>
    <row r="256589" spans="14:14">
      <c r="N256589" s="10"/>
    </row>
    <row r="256590" spans="14:14">
      <c r="N256590" s="10"/>
    </row>
    <row r="256591" spans="14:14">
      <c r="N256591" s="10"/>
    </row>
    <row r="256592" spans="14:14">
      <c r="N256592" s="10"/>
    </row>
    <row r="256593" spans="14:14">
      <c r="N256593" s="10"/>
    </row>
    <row r="256594" spans="14:14">
      <c r="N256594" s="10"/>
    </row>
    <row r="256595" spans="14:14">
      <c r="N256595" s="10"/>
    </row>
    <row r="256596" spans="14:14">
      <c r="N256596" s="10"/>
    </row>
    <row r="256597" spans="14:14">
      <c r="N256597" s="10"/>
    </row>
    <row r="256598" spans="14:14">
      <c r="N256598" s="10"/>
    </row>
    <row r="256599" spans="14:14">
      <c r="N256599" s="10"/>
    </row>
    <row r="256600" spans="14:14">
      <c r="N256600" s="10"/>
    </row>
    <row r="256601" spans="14:14">
      <c r="N256601" s="10"/>
    </row>
    <row r="256602" spans="14:14">
      <c r="N256602" s="10"/>
    </row>
    <row r="256603" spans="14:14">
      <c r="N256603" s="10"/>
    </row>
    <row r="256604" spans="14:14">
      <c r="N256604" s="10"/>
    </row>
    <row r="256605" spans="14:14">
      <c r="N256605" s="10"/>
    </row>
    <row r="256606" spans="14:14">
      <c r="N256606" s="10"/>
    </row>
    <row r="256607" spans="14:14">
      <c r="N256607" s="10"/>
    </row>
    <row r="256608" spans="14:14">
      <c r="N256608" s="10"/>
    </row>
    <row r="256609" spans="14:14">
      <c r="N256609" s="10"/>
    </row>
    <row r="256610" spans="14:14">
      <c r="N256610" s="10"/>
    </row>
    <row r="256611" spans="14:14">
      <c r="N256611" s="10"/>
    </row>
    <row r="256612" spans="14:14">
      <c r="N256612" s="10"/>
    </row>
    <row r="256613" spans="14:14">
      <c r="N256613" s="10"/>
    </row>
    <row r="256614" spans="14:14">
      <c r="N256614" s="10"/>
    </row>
    <row r="256615" spans="14:14">
      <c r="N256615" s="10"/>
    </row>
    <row r="256616" spans="14:14">
      <c r="N256616" s="10"/>
    </row>
    <row r="256617" spans="14:14">
      <c r="N256617" s="10"/>
    </row>
    <row r="256618" spans="14:14">
      <c r="N256618" s="10"/>
    </row>
    <row r="256619" spans="14:14">
      <c r="N256619" s="10"/>
    </row>
    <row r="256620" spans="14:14">
      <c r="N256620" s="10"/>
    </row>
    <row r="256621" spans="14:14">
      <c r="N256621" s="10"/>
    </row>
    <row r="256622" spans="14:14">
      <c r="N256622" s="10"/>
    </row>
    <row r="256623" spans="14:14">
      <c r="N256623" s="10"/>
    </row>
    <row r="256624" spans="14:14">
      <c r="N256624" s="10"/>
    </row>
    <row r="256625" spans="14:14">
      <c r="N256625" s="10"/>
    </row>
    <row r="256626" spans="14:14">
      <c r="N256626" s="10"/>
    </row>
    <row r="256627" spans="14:14">
      <c r="N256627" s="10"/>
    </row>
    <row r="256628" spans="14:14">
      <c r="N256628" s="10"/>
    </row>
    <row r="256629" spans="14:14">
      <c r="N256629" s="10"/>
    </row>
    <row r="256630" spans="14:14">
      <c r="N256630" s="10"/>
    </row>
    <row r="256631" spans="14:14">
      <c r="N256631" s="10"/>
    </row>
    <row r="256632" spans="14:14">
      <c r="N256632" s="10"/>
    </row>
    <row r="256633" spans="14:14">
      <c r="N256633" s="10"/>
    </row>
    <row r="256634" spans="14:14">
      <c r="N256634" s="10"/>
    </row>
    <row r="256635" spans="14:14">
      <c r="N256635" s="10"/>
    </row>
    <row r="256636" spans="14:14">
      <c r="N256636" s="10"/>
    </row>
    <row r="256637" spans="14:14">
      <c r="N256637" s="10"/>
    </row>
    <row r="256638" spans="14:14">
      <c r="N256638" s="10"/>
    </row>
    <row r="256639" spans="14:14">
      <c r="N256639" s="10"/>
    </row>
    <row r="256640" spans="14:14">
      <c r="N256640" s="10"/>
    </row>
    <row r="256641" spans="14:14">
      <c r="N256641" s="10"/>
    </row>
    <row r="256642" spans="14:14">
      <c r="N256642" s="10"/>
    </row>
    <row r="256643" spans="14:14">
      <c r="N256643" s="10"/>
    </row>
    <row r="256644" spans="14:14">
      <c r="N256644" s="10"/>
    </row>
    <row r="256645" spans="14:14">
      <c r="N256645" s="10"/>
    </row>
    <row r="256646" spans="14:14">
      <c r="N256646" s="10"/>
    </row>
    <row r="256647" spans="14:14">
      <c r="N256647" s="10"/>
    </row>
    <row r="256648" spans="14:14">
      <c r="N256648" s="10"/>
    </row>
    <row r="256649" spans="14:14">
      <c r="N256649" s="10"/>
    </row>
    <row r="256650" spans="14:14">
      <c r="N256650" s="10"/>
    </row>
    <row r="256651" spans="14:14">
      <c r="N256651" s="10"/>
    </row>
    <row r="256652" spans="14:14">
      <c r="N256652" s="10"/>
    </row>
    <row r="256653" spans="14:14">
      <c r="N256653" s="10"/>
    </row>
    <row r="256654" spans="14:14">
      <c r="N256654" s="10"/>
    </row>
    <row r="256655" spans="14:14">
      <c r="N256655" s="10"/>
    </row>
    <row r="256656" spans="14:14">
      <c r="N256656" s="10"/>
    </row>
    <row r="256657" spans="14:14">
      <c r="N256657" s="10"/>
    </row>
    <row r="256658" spans="14:14">
      <c r="N256658" s="10"/>
    </row>
    <row r="256659" spans="14:14">
      <c r="N256659" s="10"/>
    </row>
    <row r="256660" spans="14:14">
      <c r="N256660" s="10"/>
    </row>
    <row r="256661" spans="14:14">
      <c r="N256661" s="10"/>
    </row>
    <row r="256662" spans="14:14">
      <c r="N256662" s="10"/>
    </row>
    <row r="256663" spans="14:14">
      <c r="N256663" s="10"/>
    </row>
    <row r="256664" spans="14:14">
      <c r="N256664" s="10"/>
    </row>
    <row r="256665" spans="14:14">
      <c r="N256665" s="10"/>
    </row>
    <row r="256666" spans="14:14">
      <c r="N256666" s="10"/>
    </row>
    <row r="256667" spans="14:14">
      <c r="N256667" s="10"/>
    </row>
    <row r="256668" spans="14:14">
      <c r="N256668" s="10"/>
    </row>
    <row r="256669" spans="14:14">
      <c r="N256669" s="10"/>
    </row>
    <row r="256670" spans="14:14">
      <c r="N256670" s="10"/>
    </row>
    <row r="256671" spans="14:14">
      <c r="N256671" s="10"/>
    </row>
    <row r="256672" spans="14:14">
      <c r="N256672" s="10"/>
    </row>
    <row r="256673" spans="14:14">
      <c r="N256673" s="10"/>
    </row>
    <row r="256674" spans="14:14">
      <c r="N256674" s="10"/>
    </row>
    <row r="256675" spans="14:14">
      <c r="N256675" s="10"/>
    </row>
    <row r="256676" spans="14:14">
      <c r="N256676" s="10"/>
    </row>
    <row r="256677" spans="14:14">
      <c r="N256677" s="10"/>
    </row>
    <row r="256678" spans="14:14">
      <c r="N256678" s="10"/>
    </row>
    <row r="256679" spans="14:14">
      <c r="N256679" s="10"/>
    </row>
    <row r="256680" spans="14:14">
      <c r="N256680" s="10"/>
    </row>
    <row r="256681" spans="14:14">
      <c r="N256681" s="10"/>
    </row>
    <row r="256682" spans="14:14">
      <c r="N256682" s="10"/>
    </row>
    <row r="256683" spans="14:14">
      <c r="N256683" s="10"/>
    </row>
    <row r="256684" spans="14:14">
      <c r="N256684" s="10"/>
    </row>
    <row r="256685" spans="14:14">
      <c r="N256685" s="10"/>
    </row>
    <row r="256686" spans="14:14">
      <c r="N256686" s="10"/>
    </row>
    <row r="256687" spans="14:14">
      <c r="N256687" s="10"/>
    </row>
    <row r="256688" spans="14:14">
      <c r="N256688" s="10"/>
    </row>
    <row r="256689" spans="14:14">
      <c r="N256689" s="10"/>
    </row>
    <row r="256690" spans="14:14">
      <c r="N256690" s="10"/>
    </row>
    <row r="256691" spans="14:14">
      <c r="N256691" s="10"/>
    </row>
    <row r="256692" spans="14:14">
      <c r="N256692" s="10"/>
    </row>
    <row r="256693" spans="14:14">
      <c r="N256693" s="10"/>
    </row>
    <row r="256694" spans="14:14">
      <c r="N256694" s="10"/>
    </row>
    <row r="256695" spans="14:14">
      <c r="N256695" s="10"/>
    </row>
    <row r="256696" spans="14:14">
      <c r="N256696" s="10"/>
    </row>
    <row r="256697" spans="14:14">
      <c r="N256697" s="10"/>
    </row>
    <row r="256698" spans="14:14">
      <c r="N256698" s="10"/>
    </row>
    <row r="256699" spans="14:14">
      <c r="N256699" s="10"/>
    </row>
    <row r="256700" spans="14:14">
      <c r="N256700" s="10"/>
    </row>
    <row r="256701" spans="14:14">
      <c r="N256701" s="10"/>
    </row>
    <row r="256702" spans="14:14">
      <c r="N256702" s="10"/>
    </row>
    <row r="256703" spans="14:14">
      <c r="N256703" s="10"/>
    </row>
    <row r="256704" spans="14:14">
      <c r="N256704" s="10"/>
    </row>
    <row r="256705" spans="14:14">
      <c r="N256705" s="10"/>
    </row>
    <row r="256706" spans="14:14">
      <c r="N256706" s="10"/>
    </row>
    <row r="256707" spans="14:14">
      <c r="N256707" s="10"/>
    </row>
    <row r="256708" spans="14:14">
      <c r="N256708" s="10"/>
    </row>
    <row r="256709" spans="14:14">
      <c r="N256709" s="10"/>
    </row>
    <row r="256710" spans="14:14">
      <c r="N256710" s="10"/>
    </row>
    <row r="256711" spans="14:14">
      <c r="N256711" s="10"/>
    </row>
    <row r="256712" spans="14:14">
      <c r="N256712" s="10"/>
    </row>
    <row r="256713" spans="14:14">
      <c r="N256713" s="10"/>
    </row>
    <row r="256714" spans="14:14">
      <c r="N256714" s="10"/>
    </row>
    <row r="256715" spans="14:14">
      <c r="N256715" s="10"/>
    </row>
    <row r="256716" spans="14:14">
      <c r="N256716" s="10"/>
    </row>
    <row r="256717" spans="14:14">
      <c r="N256717" s="10"/>
    </row>
    <row r="256718" spans="14:14">
      <c r="N256718" s="10"/>
    </row>
    <row r="256719" spans="14:14">
      <c r="N256719" s="10"/>
    </row>
    <row r="256720" spans="14:14">
      <c r="N256720" s="10"/>
    </row>
    <row r="256721" spans="14:14">
      <c r="N256721" s="10"/>
    </row>
    <row r="256722" spans="14:14">
      <c r="N256722" s="10"/>
    </row>
    <row r="256723" spans="14:14">
      <c r="N256723" s="10"/>
    </row>
    <row r="256724" spans="14:14">
      <c r="N256724" s="10"/>
    </row>
    <row r="256725" spans="14:14">
      <c r="N256725" s="10"/>
    </row>
    <row r="256726" spans="14:14">
      <c r="N256726" s="10"/>
    </row>
    <row r="256727" spans="14:14">
      <c r="N256727" s="10"/>
    </row>
    <row r="256728" spans="14:14">
      <c r="N256728" s="10"/>
    </row>
    <row r="256729" spans="14:14">
      <c r="N256729" s="10"/>
    </row>
    <row r="256730" spans="14:14">
      <c r="N256730" s="10"/>
    </row>
    <row r="256731" spans="14:14">
      <c r="N256731" s="10"/>
    </row>
    <row r="256732" spans="14:14">
      <c r="N256732" s="10"/>
    </row>
    <row r="256733" spans="14:14">
      <c r="N256733" s="10"/>
    </row>
    <row r="256734" spans="14:14">
      <c r="N256734" s="10"/>
    </row>
    <row r="256735" spans="14:14">
      <c r="N256735" s="10"/>
    </row>
    <row r="256736" spans="14:14">
      <c r="N256736" s="10"/>
    </row>
    <row r="256737" spans="14:14">
      <c r="N256737" s="10"/>
    </row>
    <row r="256738" spans="14:14">
      <c r="N256738" s="10"/>
    </row>
    <row r="256739" spans="14:14">
      <c r="N256739" s="10"/>
    </row>
    <row r="256740" spans="14:14">
      <c r="N256740" s="10"/>
    </row>
    <row r="256741" spans="14:14">
      <c r="N256741" s="10"/>
    </row>
    <row r="256742" spans="14:14">
      <c r="N256742" s="10"/>
    </row>
    <row r="256743" spans="14:14">
      <c r="N256743" s="10"/>
    </row>
    <row r="256744" spans="14:14">
      <c r="N256744" s="10"/>
    </row>
    <row r="256745" spans="14:14">
      <c r="N256745" s="10"/>
    </row>
    <row r="256746" spans="14:14">
      <c r="N256746" s="10"/>
    </row>
    <row r="256747" spans="14:14">
      <c r="N256747" s="10"/>
    </row>
    <row r="256748" spans="14:14">
      <c r="N256748" s="10"/>
    </row>
    <row r="256749" spans="14:14">
      <c r="N256749" s="10"/>
    </row>
    <row r="256750" spans="14:14">
      <c r="N256750" s="10"/>
    </row>
    <row r="256751" spans="14:14">
      <c r="N256751" s="10"/>
    </row>
    <row r="256752" spans="14:14">
      <c r="N256752" s="10"/>
    </row>
    <row r="256753" spans="14:14">
      <c r="N256753" s="10"/>
    </row>
    <row r="256754" spans="14:14">
      <c r="N256754" s="10"/>
    </row>
    <row r="256755" spans="14:14">
      <c r="N256755" s="10"/>
    </row>
    <row r="256756" spans="14:14">
      <c r="N256756" s="10"/>
    </row>
    <row r="256757" spans="14:14">
      <c r="N256757" s="10"/>
    </row>
    <row r="256758" spans="14:14">
      <c r="N256758" s="10"/>
    </row>
    <row r="256759" spans="14:14">
      <c r="N256759" s="10"/>
    </row>
    <row r="256760" spans="14:14">
      <c r="N256760" s="10"/>
    </row>
    <row r="256761" spans="14:14">
      <c r="N256761" s="10"/>
    </row>
    <row r="256762" spans="14:14">
      <c r="N256762" s="10"/>
    </row>
    <row r="256763" spans="14:14">
      <c r="N256763" s="10"/>
    </row>
    <row r="256764" spans="14:14">
      <c r="N256764" s="10"/>
    </row>
    <row r="256765" spans="14:14">
      <c r="N256765" s="10"/>
    </row>
    <row r="256766" spans="14:14">
      <c r="N256766" s="10"/>
    </row>
    <row r="256767" spans="14:14">
      <c r="N256767" s="10"/>
    </row>
    <row r="256768" spans="14:14">
      <c r="N256768" s="10"/>
    </row>
    <row r="256769" spans="14:14">
      <c r="N256769" s="10"/>
    </row>
    <row r="256770" spans="14:14">
      <c r="N256770" s="10"/>
    </row>
    <row r="256771" spans="14:14">
      <c r="N256771" s="10"/>
    </row>
    <row r="256772" spans="14:14">
      <c r="N256772" s="10"/>
    </row>
    <row r="256773" spans="14:14">
      <c r="N256773" s="10"/>
    </row>
    <row r="256774" spans="14:14">
      <c r="N256774" s="10"/>
    </row>
    <row r="256775" spans="14:14">
      <c r="N256775" s="10"/>
    </row>
    <row r="256776" spans="14:14">
      <c r="N256776" s="10"/>
    </row>
    <row r="256777" spans="14:14">
      <c r="N256777" s="10"/>
    </row>
    <row r="256778" spans="14:14">
      <c r="N256778" s="10"/>
    </row>
    <row r="256779" spans="14:14">
      <c r="N256779" s="10"/>
    </row>
    <row r="256780" spans="14:14">
      <c r="N256780" s="10"/>
    </row>
    <row r="256781" spans="14:14">
      <c r="N256781" s="10"/>
    </row>
    <row r="256782" spans="14:14">
      <c r="N256782" s="10"/>
    </row>
    <row r="256783" spans="14:14">
      <c r="N256783" s="10"/>
    </row>
    <row r="256784" spans="14:14">
      <c r="N256784" s="10"/>
    </row>
    <row r="256785" spans="14:14">
      <c r="N256785" s="10"/>
    </row>
    <row r="256786" spans="14:14">
      <c r="N256786" s="10"/>
    </row>
    <row r="256787" spans="14:14">
      <c r="N256787" s="10"/>
    </row>
    <row r="256788" spans="14:14">
      <c r="N256788" s="10"/>
    </row>
    <row r="256789" spans="14:14">
      <c r="N256789" s="10"/>
    </row>
    <row r="256790" spans="14:14">
      <c r="N256790" s="10"/>
    </row>
    <row r="256791" spans="14:14">
      <c r="N256791" s="10"/>
    </row>
    <row r="256792" spans="14:14">
      <c r="N256792" s="10"/>
    </row>
    <row r="256793" spans="14:14">
      <c r="N256793" s="10"/>
    </row>
    <row r="256794" spans="14:14">
      <c r="N256794" s="10"/>
    </row>
    <row r="256795" spans="14:14">
      <c r="N256795" s="10"/>
    </row>
    <row r="256796" spans="14:14">
      <c r="N256796" s="10"/>
    </row>
    <row r="256797" spans="14:14">
      <c r="N256797" s="10"/>
    </row>
    <row r="256798" spans="14:14">
      <c r="N256798" s="10"/>
    </row>
    <row r="256799" spans="14:14">
      <c r="N256799" s="10"/>
    </row>
    <row r="256800" spans="14:14">
      <c r="N256800" s="10"/>
    </row>
    <row r="256801" spans="14:14">
      <c r="N256801" s="10"/>
    </row>
    <row r="256802" spans="14:14">
      <c r="N256802" s="10"/>
    </row>
    <row r="256803" spans="14:14">
      <c r="N256803" s="10"/>
    </row>
    <row r="256804" spans="14:14">
      <c r="N256804" s="10"/>
    </row>
    <row r="256805" spans="14:14">
      <c r="N256805" s="10"/>
    </row>
    <row r="256806" spans="14:14">
      <c r="N256806" s="10"/>
    </row>
    <row r="256807" spans="14:14">
      <c r="N256807" s="10"/>
    </row>
    <row r="256808" spans="14:14">
      <c r="N256808" s="10"/>
    </row>
    <row r="256809" spans="14:14">
      <c r="N256809" s="10"/>
    </row>
    <row r="256810" spans="14:14">
      <c r="N256810" s="10"/>
    </row>
    <row r="256811" spans="14:14">
      <c r="N256811" s="10"/>
    </row>
    <row r="256812" spans="14:14">
      <c r="N256812" s="10"/>
    </row>
    <row r="256813" spans="14:14">
      <c r="N256813" s="10"/>
    </row>
    <row r="256814" spans="14:14">
      <c r="N256814" s="10"/>
    </row>
    <row r="256815" spans="14:14">
      <c r="N256815" s="10"/>
    </row>
    <row r="256816" spans="14:14">
      <c r="N256816" s="10"/>
    </row>
    <row r="256817" spans="14:14">
      <c r="N256817" s="10"/>
    </row>
    <row r="256818" spans="14:14">
      <c r="N256818" s="10"/>
    </row>
    <row r="256819" spans="14:14">
      <c r="N256819" s="10"/>
    </row>
    <row r="256820" spans="14:14">
      <c r="N256820" s="10"/>
    </row>
    <row r="256821" spans="14:14">
      <c r="N256821" s="10"/>
    </row>
    <row r="256822" spans="14:14">
      <c r="N256822" s="10"/>
    </row>
    <row r="256823" spans="14:14">
      <c r="N256823" s="10"/>
    </row>
    <row r="256824" spans="14:14">
      <c r="N256824" s="10"/>
    </row>
    <row r="256825" spans="14:14">
      <c r="N256825" s="10"/>
    </row>
    <row r="256826" spans="14:14">
      <c r="N256826" s="10"/>
    </row>
    <row r="256827" spans="14:14">
      <c r="N256827" s="10"/>
    </row>
    <row r="256828" spans="14:14">
      <c r="N256828" s="10"/>
    </row>
    <row r="256829" spans="14:14">
      <c r="N256829" s="10"/>
    </row>
    <row r="256830" spans="14:14">
      <c r="N256830" s="10"/>
    </row>
    <row r="256831" spans="14:14">
      <c r="N256831" s="10"/>
    </row>
    <row r="256832" spans="14:14">
      <c r="N256832" s="10"/>
    </row>
    <row r="256833" spans="14:14">
      <c r="N256833" s="10"/>
    </row>
    <row r="256834" spans="14:14">
      <c r="N256834" s="10"/>
    </row>
    <row r="256835" spans="14:14">
      <c r="N256835" s="10"/>
    </row>
    <row r="256836" spans="14:14">
      <c r="N256836" s="10"/>
    </row>
    <row r="256837" spans="14:14">
      <c r="N256837" s="10"/>
    </row>
    <row r="256838" spans="14:14">
      <c r="N256838" s="10"/>
    </row>
    <row r="256839" spans="14:14">
      <c r="N256839" s="10"/>
    </row>
    <row r="256840" spans="14:14">
      <c r="N256840" s="10"/>
    </row>
    <row r="256841" spans="14:14">
      <c r="N256841" s="10"/>
    </row>
    <row r="256842" spans="14:14">
      <c r="N256842" s="10"/>
    </row>
    <row r="256843" spans="14:14">
      <c r="N256843" s="10"/>
    </row>
    <row r="256844" spans="14:14">
      <c r="N256844" s="10"/>
    </row>
    <row r="256845" spans="14:14">
      <c r="N256845" s="10"/>
    </row>
    <row r="256846" spans="14:14">
      <c r="N256846" s="10"/>
    </row>
    <row r="256847" spans="14:14">
      <c r="N256847" s="10"/>
    </row>
    <row r="256848" spans="14:14">
      <c r="N256848" s="10"/>
    </row>
    <row r="256849" spans="14:14">
      <c r="N256849" s="10"/>
    </row>
    <row r="256850" spans="14:14">
      <c r="N256850" s="10"/>
    </row>
    <row r="256851" spans="14:14">
      <c r="N256851" s="10"/>
    </row>
    <row r="256852" spans="14:14">
      <c r="N256852" s="10"/>
    </row>
    <row r="256853" spans="14:14">
      <c r="N256853" s="10"/>
    </row>
    <row r="256854" spans="14:14">
      <c r="N256854" s="10"/>
    </row>
    <row r="256855" spans="14:14">
      <c r="N256855" s="10"/>
    </row>
    <row r="256856" spans="14:14">
      <c r="N256856" s="10"/>
    </row>
    <row r="256857" spans="14:14">
      <c r="N256857" s="10"/>
    </row>
    <row r="256858" spans="14:14">
      <c r="N256858" s="10"/>
    </row>
    <row r="256859" spans="14:14">
      <c r="N256859" s="10"/>
    </row>
    <row r="256860" spans="14:14">
      <c r="N256860" s="10"/>
    </row>
    <row r="256861" spans="14:14">
      <c r="N256861" s="10"/>
    </row>
    <row r="256862" spans="14:14">
      <c r="N256862" s="10"/>
    </row>
    <row r="256863" spans="14:14">
      <c r="N256863" s="10"/>
    </row>
    <row r="256864" spans="14:14">
      <c r="N256864" s="10"/>
    </row>
    <row r="256865" spans="14:14">
      <c r="N256865" s="10"/>
    </row>
    <row r="256866" spans="14:14">
      <c r="N256866" s="10"/>
    </row>
    <row r="256867" spans="14:14">
      <c r="N256867" s="10"/>
    </row>
    <row r="256868" spans="14:14">
      <c r="N256868" s="10"/>
    </row>
    <row r="256869" spans="14:14">
      <c r="N256869" s="10"/>
    </row>
    <row r="256870" spans="14:14">
      <c r="N256870" s="10"/>
    </row>
    <row r="256871" spans="14:14">
      <c r="N256871" s="10"/>
    </row>
    <row r="256872" spans="14:14">
      <c r="N256872" s="10"/>
    </row>
    <row r="256873" spans="14:14">
      <c r="N256873" s="10"/>
    </row>
    <row r="256874" spans="14:14">
      <c r="N256874" s="10"/>
    </row>
    <row r="256875" spans="14:14">
      <c r="N256875" s="10"/>
    </row>
    <row r="256876" spans="14:14">
      <c r="N256876" s="10"/>
    </row>
    <row r="256877" spans="14:14">
      <c r="N256877" s="10"/>
    </row>
    <row r="256878" spans="14:14">
      <c r="N256878" s="10"/>
    </row>
    <row r="256879" spans="14:14">
      <c r="N256879" s="10"/>
    </row>
    <row r="256880" spans="14:14">
      <c r="N256880" s="10"/>
    </row>
    <row r="256881" spans="14:14">
      <c r="N256881" s="10"/>
    </row>
    <row r="256882" spans="14:14">
      <c r="N256882" s="10"/>
    </row>
    <row r="256883" spans="14:14">
      <c r="N256883" s="10"/>
    </row>
    <row r="256884" spans="14:14">
      <c r="N256884" s="10"/>
    </row>
    <row r="256885" spans="14:14">
      <c r="N256885" s="10"/>
    </row>
    <row r="256886" spans="14:14">
      <c r="N256886" s="10"/>
    </row>
    <row r="256887" spans="14:14">
      <c r="N256887" s="10"/>
    </row>
    <row r="256888" spans="14:14">
      <c r="N256888" s="10"/>
    </row>
    <row r="256889" spans="14:14">
      <c r="N256889" s="10"/>
    </row>
    <row r="256890" spans="14:14">
      <c r="N256890" s="10"/>
    </row>
    <row r="256891" spans="14:14">
      <c r="N256891" s="10"/>
    </row>
    <row r="256892" spans="14:14">
      <c r="N256892" s="10"/>
    </row>
    <row r="256893" spans="14:14">
      <c r="N256893" s="10"/>
    </row>
    <row r="256894" spans="14:14">
      <c r="N256894" s="10"/>
    </row>
    <row r="256895" spans="14:14">
      <c r="N256895" s="10"/>
    </row>
    <row r="256896" spans="14:14">
      <c r="N256896" s="10"/>
    </row>
    <row r="256897" spans="14:14">
      <c r="N256897" s="10"/>
    </row>
    <row r="256898" spans="14:14">
      <c r="N256898" s="10"/>
    </row>
    <row r="256899" spans="14:14">
      <c r="N256899" s="10"/>
    </row>
    <row r="256900" spans="14:14">
      <c r="N256900" s="10"/>
    </row>
    <row r="256901" spans="14:14">
      <c r="N256901" s="10"/>
    </row>
    <row r="256902" spans="14:14">
      <c r="N256902" s="10"/>
    </row>
    <row r="256903" spans="14:14">
      <c r="N256903" s="10"/>
    </row>
    <row r="256904" spans="14:14">
      <c r="N256904" s="10"/>
    </row>
    <row r="256905" spans="14:14">
      <c r="N256905" s="10"/>
    </row>
    <row r="256906" spans="14:14">
      <c r="N256906" s="10"/>
    </row>
    <row r="256907" spans="14:14">
      <c r="N256907" s="10"/>
    </row>
    <row r="256908" spans="14:14">
      <c r="N256908" s="10"/>
    </row>
    <row r="256909" spans="14:14">
      <c r="N256909" s="10"/>
    </row>
    <row r="256910" spans="14:14">
      <c r="N256910" s="10"/>
    </row>
    <row r="256911" spans="14:14">
      <c r="N256911" s="10"/>
    </row>
    <row r="256912" spans="14:14">
      <c r="N256912" s="10"/>
    </row>
    <row r="256913" spans="14:14">
      <c r="N256913" s="10"/>
    </row>
    <row r="256914" spans="14:14">
      <c r="N256914" s="10"/>
    </row>
    <row r="256915" spans="14:14">
      <c r="N256915" s="10"/>
    </row>
    <row r="256916" spans="14:14">
      <c r="N256916" s="10"/>
    </row>
    <row r="256917" spans="14:14">
      <c r="N256917" s="10"/>
    </row>
    <row r="256918" spans="14:14">
      <c r="N256918" s="10"/>
    </row>
    <row r="256919" spans="14:14">
      <c r="N256919" s="10"/>
    </row>
    <row r="256920" spans="14:14">
      <c r="N256920" s="10"/>
    </row>
    <row r="256921" spans="14:14">
      <c r="N256921" s="10"/>
    </row>
    <row r="256922" spans="14:14">
      <c r="N256922" s="10"/>
    </row>
    <row r="256923" spans="14:14">
      <c r="N256923" s="10"/>
    </row>
    <row r="256924" spans="14:14">
      <c r="N256924" s="10"/>
    </row>
    <row r="256925" spans="14:14">
      <c r="N256925" s="10"/>
    </row>
    <row r="256926" spans="14:14">
      <c r="N256926" s="10"/>
    </row>
    <row r="256927" spans="14:14">
      <c r="N256927" s="10"/>
    </row>
    <row r="256928" spans="14:14">
      <c r="N256928" s="10"/>
    </row>
    <row r="256929" spans="14:14">
      <c r="N256929" s="10"/>
    </row>
    <row r="256930" spans="14:14">
      <c r="N256930" s="10"/>
    </row>
    <row r="256931" spans="14:14">
      <c r="N256931" s="10"/>
    </row>
    <row r="256932" spans="14:14">
      <c r="N256932" s="10"/>
    </row>
    <row r="256933" spans="14:14">
      <c r="N256933" s="10"/>
    </row>
    <row r="256934" spans="14:14">
      <c r="N256934" s="10"/>
    </row>
    <row r="256935" spans="14:14">
      <c r="N256935" s="10"/>
    </row>
    <row r="256936" spans="14:14">
      <c r="N256936" s="10"/>
    </row>
    <row r="256937" spans="14:14">
      <c r="N256937" s="10"/>
    </row>
    <row r="256938" spans="14:14">
      <c r="N256938" s="10"/>
    </row>
    <row r="256939" spans="14:14">
      <c r="N256939" s="10"/>
    </row>
    <row r="256940" spans="14:14">
      <c r="N256940" s="10"/>
    </row>
    <row r="256941" spans="14:14">
      <c r="N256941" s="10"/>
    </row>
    <row r="256942" spans="14:14">
      <c r="N256942" s="10"/>
    </row>
    <row r="256943" spans="14:14">
      <c r="N256943" s="10"/>
    </row>
    <row r="256944" spans="14:14">
      <c r="N256944" s="10"/>
    </row>
    <row r="256945" spans="14:14">
      <c r="N256945" s="10"/>
    </row>
    <row r="256946" spans="14:14">
      <c r="N256946" s="10"/>
    </row>
    <row r="256947" spans="14:14">
      <c r="N256947" s="10"/>
    </row>
    <row r="256948" spans="14:14">
      <c r="N256948" s="10"/>
    </row>
    <row r="256949" spans="14:14">
      <c r="N256949" s="10"/>
    </row>
    <row r="256950" spans="14:14">
      <c r="N256950" s="10"/>
    </row>
    <row r="256951" spans="14:14">
      <c r="N256951" s="10"/>
    </row>
    <row r="256952" spans="14:14">
      <c r="N256952" s="10"/>
    </row>
    <row r="256953" spans="14:14">
      <c r="N256953" s="10"/>
    </row>
    <row r="256954" spans="14:14">
      <c r="N256954" s="10"/>
    </row>
    <row r="256955" spans="14:14">
      <c r="N256955" s="10"/>
    </row>
    <row r="256956" spans="14:14">
      <c r="N256956" s="10"/>
    </row>
    <row r="256957" spans="14:14">
      <c r="N256957" s="10"/>
    </row>
    <row r="256958" spans="14:14">
      <c r="N256958" s="10"/>
    </row>
    <row r="256959" spans="14:14">
      <c r="N256959" s="10"/>
    </row>
    <row r="256960" spans="14:14">
      <c r="N256960" s="10"/>
    </row>
    <row r="256961" spans="14:14">
      <c r="N256961" s="10"/>
    </row>
    <row r="256962" spans="14:14">
      <c r="N256962" s="10"/>
    </row>
    <row r="256963" spans="14:14">
      <c r="N256963" s="10"/>
    </row>
    <row r="256964" spans="14:14">
      <c r="N256964" s="10"/>
    </row>
    <row r="256965" spans="14:14">
      <c r="N256965" s="10"/>
    </row>
    <row r="256966" spans="14:14">
      <c r="N256966" s="10"/>
    </row>
    <row r="256967" spans="14:14">
      <c r="N256967" s="10"/>
    </row>
    <row r="256968" spans="14:14">
      <c r="N256968" s="10"/>
    </row>
    <row r="256969" spans="14:14">
      <c r="N256969" s="10"/>
    </row>
    <row r="256970" spans="14:14">
      <c r="N256970" s="10"/>
    </row>
    <row r="256971" spans="14:14">
      <c r="N256971" s="10"/>
    </row>
    <row r="256972" spans="14:14">
      <c r="N256972" s="10"/>
    </row>
    <row r="256973" spans="14:14">
      <c r="N256973" s="10"/>
    </row>
    <row r="256974" spans="14:14">
      <c r="N256974" s="10"/>
    </row>
    <row r="256975" spans="14:14">
      <c r="N256975" s="10"/>
    </row>
    <row r="256976" spans="14:14">
      <c r="N256976" s="10"/>
    </row>
    <row r="256977" spans="14:14">
      <c r="N256977" s="10"/>
    </row>
    <row r="256978" spans="14:14">
      <c r="N256978" s="10"/>
    </row>
    <row r="256979" spans="14:14">
      <c r="N256979" s="10"/>
    </row>
    <row r="256980" spans="14:14">
      <c r="N256980" s="10"/>
    </row>
    <row r="256981" spans="14:14">
      <c r="N256981" s="10"/>
    </row>
    <row r="256982" spans="14:14">
      <c r="N256982" s="10"/>
    </row>
    <row r="256983" spans="14:14">
      <c r="N256983" s="10"/>
    </row>
    <row r="256984" spans="14:14">
      <c r="N256984" s="10"/>
    </row>
    <row r="256985" spans="14:14">
      <c r="N256985" s="10"/>
    </row>
    <row r="256986" spans="14:14">
      <c r="N256986" s="10"/>
    </row>
    <row r="256987" spans="14:14">
      <c r="N256987" s="10"/>
    </row>
    <row r="256988" spans="14:14">
      <c r="N256988" s="10"/>
    </row>
    <row r="256989" spans="14:14">
      <c r="N256989" s="10"/>
    </row>
    <row r="256990" spans="14:14">
      <c r="N256990" s="10"/>
    </row>
    <row r="256991" spans="14:14">
      <c r="N256991" s="10"/>
    </row>
    <row r="256992" spans="14:14">
      <c r="N256992" s="10"/>
    </row>
    <row r="256993" spans="14:14">
      <c r="N256993" s="10"/>
    </row>
    <row r="256994" spans="14:14">
      <c r="N256994" s="10"/>
    </row>
    <row r="256995" spans="14:14">
      <c r="N256995" s="10"/>
    </row>
    <row r="256996" spans="14:14">
      <c r="N256996" s="10"/>
    </row>
    <row r="256997" spans="14:14">
      <c r="N256997" s="10"/>
    </row>
    <row r="256998" spans="14:14">
      <c r="N256998" s="10"/>
    </row>
    <row r="256999" spans="14:14">
      <c r="N256999" s="10"/>
    </row>
    <row r="257000" spans="14:14">
      <c r="N257000" s="10"/>
    </row>
    <row r="257001" spans="14:14">
      <c r="N257001" s="10"/>
    </row>
    <row r="257002" spans="14:14">
      <c r="N257002" s="10"/>
    </row>
    <row r="257003" spans="14:14">
      <c r="N257003" s="10"/>
    </row>
    <row r="257004" spans="14:14">
      <c r="N257004" s="10"/>
    </row>
    <row r="257005" spans="14:14">
      <c r="N257005" s="10"/>
    </row>
    <row r="257006" spans="14:14">
      <c r="N257006" s="10"/>
    </row>
    <row r="257007" spans="14:14">
      <c r="N257007" s="10"/>
    </row>
    <row r="257008" spans="14:14">
      <c r="N257008" s="10"/>
    </row>
    <row r="257009" spans="14:14">
      <c r="N257009" s="10"/>
    </row>
    <row r="257010" spans="14:14">
      <c r="N257010" s="10"/>
    </row>
    <row r="257011" spans="14:14">
      <c r="N257011" s="10"/>
    </row>
    <row r="257012" spans="14:14">
      <c r="N257012" s="10"/>
    </row>
    <row r="257013" spans="14:14">
      <c r="N257013" s="10"/>
    </row>
    <row r="257014" spans="14:14">
      <c r="N257014" s="10"/>
    </row>
    <row r="257015" spans="14:14">
      <c r="N257015" s="10"/>
    </row>
    <row r="257016" spans="14:14">
      <c r="N257016" s="10"/>
    </row>
    <row r="257017" spans="14:14">
      <c r="N257017" s="10"/>
    </row>
    <row r="257018" spans="14:14">
      <c r="N257018" s="10"/>
    </row>
    <row r="257019" spans="14:14">
      <c r="N257019" s="10"/>
    </row>
    <row r="257020" spans="14:14">
      <c r="N257020" s="10"/>
    </row>
    <row r="257021" spans="14:14">
      <c r="N257021" s="10"/>
    </row>
    <row r="257022" spans="14:14">
      <c r="N257022" s="10"/>
    </row>
    <row r="257023" spans="14:14">
      <c r="N257023" s="10"/>
    </row>
    <row r="257024" spans="14:14">
      <c r="N257024" s="10"/>
    </row>
    <row r="257025" spans="14:14">
      <c r="N257025" s="10"/>
    </row>
    <row r="257026" spans="14:14">
      <c r="N257026" s="10"/>
    </row>
    <row r="257027" spans="14:14">
      <c r="N257027" s="10"/>
    </row>
    <row r="257028" spans="14:14">
      <c r="N257028" s="10"/>
    </row>
    <row r="257029" spans="14:14">
      <c r="N257029" s="10"/>
    </row>
    <row r="257030" spans="14:14">
      <c r="N257030" s="10"/>
    </row>
    <row r="257031" spans="14:14">
      <c r="N257031" s="10"/>
    </row>
    <row r="257032" spans="14:14">
      <c r="N257032" s="10"/>
    </row>
    <row r="257033" spans="14:14">
      <c r="N257033" s="10"/>
    </row>
    <row r="257034" spans="14:14">
      <c r="N257034" s="10"/>
    </row>
    <row r="257035" spans="14:14">
      <c r="N257035" s="10"/>
    </row>
    <row r="257036" spans="14:14">
      <c r="N257036" s="10"/>
    </row>
    <row r="257037" spans="14:14">
      <c r="N257037" s="10"/>
    </row>
    <row r="257038" spans="14:14">
      <c r="N257038" s="10"/>
    </row>
    <row r="257039" spans="14:14">
      <c r="N257039" s="10"/>
    </row>
    <row r="257040" spans="14:14">
      <c r="N257040" s="10"/>
    </row>
    <row r="257041" spans="14:14">
      <c r="N257041" s="10"/>
    </row>
    <row r="257042" spans="14:14">
      <c r="N257042" s="10"/>
    </row>
    <row r="257043" spans="14:14">
      <c r="N257043" s="10"/>
    </row>
    <row r="257044" spans="14:14">
      <c r="N257044" s="10"/>
    </row>
    <row r="257045" spans="14:14">
      <c r="N257045" s="10"/>
    </row>
    <row r="257046" spans="14:14">
      <c r="N257046" s="10"/>
    </row>
    <row r="257047" spans="14:14">
      <c r="N257047" s="10"/>
    </row>
    <row r="257048" spans="14:14">
      <c r="N257048" s="10"/>
    </row>
    <row r="257049" spans="14:14">
      <c r="N257049" s="10"/>
    </row>
    <row r="257050" spans="14:14">
      <c r="N257050" s="10"/>
    </row>
    <row r="257051" spans="14:14">
      <c r="N257051" s="10"/>
    </row>
    <row r="257052" spans="14:14">
      <c r="N257052" s="10"/>
    </row>
    <row r="257053" spans="14:14">
      <c r="N257053" s="10"/>
    </row>
    <row r="257054" spans="14:14">
      <c r="N257054" s="10"/>
    </row>
    <row r="257055" spans="14:14">
      <c r="N257055" s="10"/>
    </row>
    <row r="257056" spans="14:14">
      <c r="N257056" s="10"/>
    </row>
    <row r="257057" spans="14:14">
      <c r="N257057" s="10"/>
    </row>
    <row r="257058" spans="14:14">
      <c r="N257058" s="10"/>
    </row>
    <row r="257059" spans="14:14">
      <c r="N257059" s="10"/>
    </row>
    <row r="257060" spans="14:14">
      <c r="N257060" s="10"/>
    </row>
    <row r="257061" spans="14:14">
      <c r="N257061" s="10"/>
    </row>
    <row r="257062" spans="14:14">
      <c r="N257062" s="10"/>
    </row>
    <row r="257063" spans="14:14">
      <c r="N257063" s="10"/>
    </row>
    <row r="257064" spans="14:14">
      <c r="N257064" s="10"/>
    </row>
    <row r="257065" spans="14:14">
      <c r="N257065" s="10"/>
    </row>
    <row r="257066" spans="14:14">
      <c r="N257066" s="10"/>
    </row>
    <row r="257067" spans="14:14">
      <c r="N257067" s="10"/>
    </row>
    <row r="257068" spans="14:14">
      <c r="N257068" s="10"/>
    </row>
    <row r="257069" spans="14:14">
      <c r="N257069" s="10"/>
    </row>
    <row r="257070" spans="14:14">
      <c r="N257070" s="10"/>
    </row>
    <row r="257071" spans="14:14">
      <c r="N257071" s="10"/>
    </row>
    <row r="257072" spans="14:14">
      <c r="N257072" s="10"/>
    </row>
    <row r="257073" spans="14:14">
      <c r="N257073" s="10"/>
    </row>
    <row r="257074" spans="14:14">
      <c r="N257074" s="10"/>
    </row>
    <row r="257075" spans="14:14">
      <c r="N257075" s="10"/>
    </row>
    <row r="257076" spans="14:14">
      <c r="N257076" s="10"/>
    </row>
    <row r="257077" spans="14:14">
      <c r="N257077" s="10"/>
    </row>
    <row r="257078" spans="14:14">
      <c r="N257078" s="10"/>
    </row>
    <row r="257079" spans="14:14">
      <c r="N257079" s="10"/>
    </row>
    <row r="257080" spans="14:14">
      <c r="N257080" s="10"/>
    </row>
    <row r="257081" spans="14:14">
      <c r="N257081" s="10"/>
    </row>
    <row r="257082" spans="14:14">
      <c r="N257082" s="10"/>
    </row>
    <row r="257083" spans="14:14">
      <c r="N257083" s="10"/>
    </row>
    <row r="257084" spans="14:14">
      <c r="N257084" s="10"/>
    </row>
    <row r="257085" spans="14:14">
      <c r="N257085" s="10"/>
    </row>
    <row r="257086" spans="14:14">
      <c r="N257086" s="10"/>
    </row>
    <row r="257087" spans="14:14">
      <c r="N257087" s="10"/>
    </row>
    <row r="257088" spans="14:14">
      <c r="N257088" s="10"/>
    </row>
    <row r="257089" spans="14:14">
      <c r="N257089" s="10"/>
    </row>
    <row r="257090" spans="14:14">
      <c r="N257090" s="10"/>
    </row>
    <row r="257091" spans="14:14">
      <c r="N257091" s="10"/>
    </row>
    <row r="257092" spans="14:14">
      <c r="N257092" s="10"/>
    </row>
    <row r="257093" spans="14:14">
      <c r="N257093" s="10"/>
    </row>
    <row r="257094" spans="14:14">
      <c r="N257094" s="10"/>
    </row>
    <row r="257095" spans="14:14">
      <c r="N257095" s="10"/>
    </row>
    <row r="257096" spans="14:14">
      <c r="N257096" s="10"/>
    </row>
    <row r="257097" spans="14:14">
      <c r="N257097" s="10"/>
    </row>
    <row r="257098" spans="14:14">
      <c r="N257098" s="10"/>
    </row>
    <row r="257099" spans="14:14">
      <c r="N257099" s="10"/>
    </row>
    <row r="257100" spans="14:14">
      <c r="N257100" s="10"/>
    </row>
    <row r="257101" spans="14:14">
      <c r="N257101" s="10"/>
    </row>
    <row r="257102" spans="14:14">
      <c r="N257102" s="10"/>
    </row>
    <row r="257103" spans="14:14">
      <c r="N257103" s="10"/>
    </row>
    <row r="257104" spans="14:14">
      <c r="N257104" s="10"/>
    </row>
    <row r="257105" spans="14:14">
      <c r="N257105" s="10"/>
    </row>
    <row r="257106" spans="14:14">
      <c r="N257106" s="10"/>
    </row>
    <row r="257107" spans="14:14">
      <c r="N257107" s="10"/>
    </row>
    <row r="257108" spans="14:14">
      <c r="N257108" s="10"/>
    </row>
    <row r="257109" spans="14:14">
      <c r="N257109" s="10"/>
    </row>
    <row r="257110" spans="14:14">
      <c r="N257110" s="10"/>
    </row>
    <row r="257111" spans="14:14">
      <c r="N257111" s="10"/>
    </row>
    <row r="257112" spans="14:14">
      <c r="N257112" s="10"/>
    </row>
    <row r="257113" spans="14:14">
      <c r="N257113" s="10"/>
    </row>
    <row r="257114" spans="14:14">
      <c r="N257114" s="10"/>
    </row>
    <row r="257115" spans="14:14">
      <c r="N257115" s="10"/>
    </row>
    <row r="257116" spans="14:14">
      <c r="N257116" s="10"/>
    </row>
    <row r="257117" spans="14:14">
      <c r="N257117" s="10"/>
    </row>
    <row r="257118" spans="14:14">
      <c r="N257118" s="10"/>
    </row>
    <row r="257119" spans="14:14">
      <c r="N257119" s="10"/>
    </row>
    <row r="257120" spans="14:14">
      <c r="N257120" s="10"/>
    </row>
    <row r="257121" spans="14:14">
      <c r="N257121" s="10"/>
    </row>
    <row r="257122" spans="14:14">
      <c r="N257122" s="10"/>
    </row>
    <row r="257123" spans="14:14">
      <c r="N257123" s="10"/>
    </row>
    <row r="257124" spans="14:14">
      <c r="N257124" s="10"/>
    </row>
    <row r="257125" spans="14:14">
      <c r="N257125" s="10"/>
    </row>
    <row r="257126" spans="14:14">
      <c r="N257126" s="10"/>
    </row>
    <row r="257127" spans="14:14">
      <c r="N257127" s="10"/>
    </row>
    <row r="257128" spans="14:14">
      <c r="N257128" s="10"/>
    </row>
    <row r="257129" spans="14:14">
      <c r="N257129" s="10"/>
    </row>
    <row r="257130" spans="14:14">
      <c r="N257130" s="10"/>
    </row>
    <row r="257131" spans="14:14">
      <c r="N257131" s="10"/>
    </row>
    <row r="257132" spans="14:14">
      <c r="N257132" s="10"/>
    </row>
    <row r="257133" spans="14:14">
      <c r="N257133" s="10"/>
    </row>
    <row r="257134" spans="14:14">
      <c r="N257134" s="10"/>
    </row>
    <row r="257135" spans="14:14">
      <c r="N257135" s="10"/>
    </row>
    <row r="257136" spans="14:14">
      <c r="N257136" s="10"/>
    </row>
    <row r="257137" spans="14:14">
      <c r="N257137" s="10"/>
    </row>
    <row r="257138" spans="14:14">
      <c r="N257138" s="10"/>
    </row>
    <row r="257139" spans="14:14">
      <c r="N257139" s="10"/>
    </row>
    <row r="257140" spans="14:14">
      <c r="N257140" s="10"/>
    </row>
    <row r="257141" spans="14:14">
      <c r="N257141" s="10"/>
    </row>
    <row r="257142" spans="14:14">
      <c r="N257142" s="10"/>
    </row>
    <row r="257143" spans="14:14">
      <c r="N257143" s="10"/>
    </row>
    <row r="257144" spans="14:14">
      <c r="N257144" s="10"/>
    </row>
    <row r="257145" spans="14:14">
      <c r="N257145" s="10"/>
    </row>
    <row r="257146" spans="14:14">
      <c r="N257146" s="10"/>
    </row>
    <row r="257147" spans="14:14">
      <c r="N257147" s="10"/>
    </row>
    <row r="257148" spans="14:14">
      <c r="N257148" s="10"/>
    </row>
    <row r="257149" spans="14:14">
      <c r="N257149" s="10"/>
    </row>
    <row r="257150" spans="14:14">
      <c r="N257150" s="10"/>
    </row>
    <row r="257151" spans="14:14">
      <c r="N257151" s="10"/>
    </row>
    <row r="257152" spans="14:14">
      <c r="N257152" s="10"/>
    </row>
    <row r="257153" spans="14:14">
      <c r="N257153" s="10"/>
    </row>
    <row r="257154" spans="14:14">
      <c r="N257154" s="10"/>
    </row>
    <row r="257155" spans="14:14">
      <c r="N257155" s="10"/>
    </row>
    <row r="257156" spans="14:14">
      <c r="N257156" s="10"/>
    </row>
    <row r="257157" spans="14:14">
      <c r="N257157" s="10"/>
    </row>
    <row r="257158" spans="14:14">
      <c r="N257158" s="10"/>
    </row>
    <row r="257159" spans="14:14">
      <c r="N257159" s="10"/>
    </row>
    <row r="257160" spans="14:14">
      <c r="N257160" s="10"/>
    </row>
    <row r="257161" spans="14:14">
      <c r="N257161" s="10"/>
    </row>
    <row r="257162" spans="14:14">
      <c r="N257162" s="10"/>
    </row>
    <row r="257163" spans="14:14">
      <c r="N257163" s="10"/>
    </row>
    <row r="257164" spans="14:14">
      <c r="N257164" s="10"/>
    </row>
    <row r="257165" spans="14:14">
      <c r="N257165" s="10"/>
    </row>
    <row r="257166" spans="14:14">
      <c r="N257166" s="10"/>
    </row>
    <row r="257167" spans="14:14">
      <c r="N257167" s="10"/>
    </row>
    <row r="257168" spans="14:14">
      <c r="N257168" s="10"/>
    </row>
    <row r="257169" spans="14:14">
      <c r="N257169" s="10"/>
    </row>
    <row r="257170" spans="14:14">
      <c r="N257170" s="10"/>
    </row>
    <row r="257171" spans="14:14">
      <c r="N257171" s="10"/>
    </row>
    <row r="257172" spans="14:14">
      <c r="N257172" s="10"/>
    </row>
    <row r="257173" spans="14:14">
      <c r="N257173" s="10"/>
    </row>
    <row r="257174" spans="14:14">
      <c r="N257174" s="10"/>
    </row>
    <row r="257175" spans="14:14">
      <c r="N257175" s="10"/>
    </row>
    <row r="257176" spans="14:14">
      <c r="N257176" s="10"/>
    </row>
    <row r="257177" spans="14:14">
      <c r="N257177" s="10"/>
    </row>
    <row r="257178" spans="14:14">
      <c r="N257178" s="10"/>
    </row>
    <row r="257179" spans="14:14">
      <c r="N257179" s="10"/>
    </row>
    <row r="257180" spans="14:14">
      <c r="N257180" s="10"/>
    </row>
    <row r="257181" spans="14:14">
      <c r="N257181" s="10"/>
    </row>
    <row r="257182" spans="14:14">
      <c r="N257182" s="10"/>
    </row>
    <row r="257183" spans="14:14">
      <c r="N257183" s="10"/>
    </row>
    <row r="257184" spans="14:14">
      <c r="N257184" s="10"/>
    </row>
    <row r="257185" spans="14:14">
      <c r="N257185" s="10"/>
    </row>
    <row r="257186" spans="14:14">
      <c r="N257186" s="10"/>
    </row>
    <row r="257187" spans="14:14">
      <c r="N257187" s="10"/>
    </row>
    <row r="257188" spans="14:14">
      <c r="N257188" s="10"/>
    </row>
    <row r="257189" spans="14:14">
      <c r="N257189" s="10"/>
    </row>
    <row r="257190" spans="14:14">
      <c r="N257190" s="10"/>
    </row>
    <row r="257191" spans="14:14">
      <c r="N257191" s="10"/>
    </row>
    <row r="257192" spans="14:14">
      <c r="N257192" s="10"/>
    </row>
    <row r="257193" spans="14:14">
      <c r="N257193" s="10"/>
    </row>
    <row r="257194" spans="14:14">
      <c r="N257194" s="10"/>
    </row>
    <row r="257195" spans="14:14">
      <c r="N257195" s="10"/>
    </row>
    <row r="257196" spans="14:14">
      <c r="N257196" s="10"/>
    </row>
    <row r="257197" spans="14:14">
      <c r="N257197" s="10"/>
    </row>
    <row r="257198" spans="14:14">
      <c r="N257198" s="10"/>
    </row>
    <row r="257199" spans="14:14">
      <c r="N257199" s="10"/>
    </row>
    <row r="257200" spans="14:14">
      <c r="N257200" s="10"/>
    </row>
    <row r="257201" spans="14:14">
      <c r="N257201" s="10"/>
    </row>
    <row r="257202" spans="14:14">
      <c r="N257202" s="10"/>
    </row>
    <row r="257203" spans="14:14">
      <c r="N257203" s="10"/>
    </row>
    <row r="257204" spans="14:14">
      <c r="N257204" s="10"/>
    </row>
    <row r="257205" spans="14:14">
      <c r="N257205" s="10"/>
    </row>
    <row r="257206" spans="14:14">
      <c r="N257206" s="10"/>
    </row>
    <row r="257207" spans="14:14">
      <c r="N257207" s="10"/>
    </row>
    <row r="257208" spans="14:14">
      <c r="N257208" s="10"/>
    </row>
    <row r="257209" spans="14:14">
      <c r="N257209" s="10"/>
    </row>
    <row r="257210" spans="14:14">
      <c r="N257210" s="10"/>
    </row>
    <row r="257211" spans="14:14">
      <c r="N257211" s="10"/>
    </row>
    <row r="257212" spans="14:14">
      <c r="N257212" s="10"/>
    </row>
    <row r="257213" spans="14:14">
      <c r="N257213" s="10"/>
    </row>
    <row r="257214" spans="14:14">
      <c r="N257214" s="10"/>
    </row>
    <row r="257215" spans="14:14">
      <c r="N257215" s="10"/>
    </row>
    <row r="257216" spans="14:14">
      <c r="N257216" s="10"/>
    </row>
    <row r="257217" spans="14:14">
      <c r="N257217" s="10"/>
    </row>
    <row r="257218" spans="14:14">
      <c r="N257218" s="10"/>
    </row>
    <row r="257219" spans="14:14">
      <c r="N257219" s="10"/>
    </row>
    <row r="257220" spans="14:14">
      <c r="N257220" s="10"/>
    </row>
    <row r="257221" spans="14:14">
      <c r="N257221" s="10"/>
    </row>
    <row r="257222" spans="14:14">
      <c r="N257222" s="10"/>
    </row>
    <row r="257223" spans="14:14">
      <c r="N257223" s="10"/>
    </row>
    <row r="257224" spans="14:14">
      <c r="N257224" s="10"/>
    </row>
    <row r="257225" spans="14:14">
      <c r="N257225" s="10"/>
    </row>
    <row r="257226" spans="14:14">
      <c r="N257226" s="10"/>
    </row>
    <row r="257227" spans="14:14">
      <c r="N257227" s="10"/>
    </row>
    <row r="257228" spans="14:14">
      <c r="N257228" s="10"/>
    </row>
    <row r="257229" spans="14:14">
      <c r="N257229" s="10"/>
    </row>
    <row r="257230" spans="14:14">
      <c r="N257230" s="10"/>
    </row>
    <row r="257231" spans="14:14">
      <c r="N257231" s="10"/>
    </row>
    <row r="257232" spans="14:14">
      <c r="N257232" s="10"/>
    </row>
    <row r="257233" spans="14:14">
      <c r="N257233" s="10"/>
    </row>
    <row r="257234" spans="14:14">
      <c r="N257234" s="10"/>
    </row>
    <row r="257235" spans="14:14">
      <c r="N257235" s="10"/>
    </row>
    <row r="257236" spans="14:14">
      <c r="N257236" s="10"/>
    </row>
    <row r="257237" spans="14:14">
      <c r="N257237" s="10"/>
    </row>
    <row r="257238" spans="14:14">
      <c r="N257238" s="10"/>
    </row>
    <row r="257239" spans="14:14">
      <c r="N257239" s="10"/>
    </row>
    <row r="257240" spans="14:14">
      <c r="N257240" s="10"/>
    </row>
    <row r="257241" spans="14:14">
      <c r="N257241" s="10"/>
    </row>
    <row r="257242" spans="14:14">
      <c r="N257242" s="10"/>
    </row>
    <row r="257243" spans="14:14">
      <c r="N257243" s="10"/>
    </row>
    <row r="257244" spans="14:14">
      <c r="N257244" s="10"/>
    </row>
    <row r="257245" spans="14:14">
      <c r="N257245" s="10"/>
    </row>
    <row r="257246" spans="14:14">
      <c r="N257246" s="10"/>
    </row>
    <row r="257247" spans="14:14">
      <c r="N257247" s="10"/>
    </row>
    <row r="257248" spans="14:14">
      <c r="N257248" s="10"/>
    </row>
    <row r="257249" spans="14:14">
      <c r="N257249" s="10"/>
    </row>
    <row r="257250" spans="14:14">
      <c r="N257250" s="10"/>
    </row>
    <row r="257251" spans="14:14">
      <c r="N257251" s="10"/>
    </row>
    <row r="257252" spans="14:14">
      <c r="N257252" s="10"/>
    </row>
    <row r="257253" spans="14:14">
      <c r="N257253" s="10"/>
    </row>
    <row r="257254" spans="14:14">
      <c r="N257254" s="10"/>
    </row>
    <row r="257255" spans="14:14">
      <c r="N257255" s="10"/>
    </row>
    <row r="257256" spans="14:14">
      <c r="N257256" s="10"/>
    </row>
    <row r="257257" spans="14:14">
      <c r="N257257" s="10"/>
    </row>
    <row r="257258" spans="14:14">
      <c r="N257258" s="10"/>
    </row>
    <row r="257259" spans="14:14">
      <c r="N257259" s="10"/>
    </row>
    <row r="257260" spans="14:14">
      <c r="N257260" s="10"/>
    </row>
    <row r="257261" spans="14:14">
      <c r="N257261" s="10"/>
    </row>
    <row r="257262" spans="14:14">
      <c r="N257262" s="10"/>
    </row>
    <row r="257263" spans="14:14">
      <c r="N257263" s="10"/>
    </row>
    <row r="257264" spans="14:14">
      <c r="N257264" s="10"/>
    </row>
    <row r="257265" spans="14:14">
      <c r="N257265" s="10"/>
    </row>
    <row r="257266" spans="14:14">
      <c r="N257266" s="10"/>
    </row>
    <row r="257267" spans="14:14">
      <c r="N257267" s="10"/>
    </row>
    <row r="257268" spans="14:14">
      <c r="N257268" s="10"/>
    </row>
    <row r="257269" spans="14:14">
      <c r="N257269" s="10"/>
    </row>
    <row r="257270" spans="14:14">
      <c r="N257270" s="10"/>
    </row>
    <row r="257271" spans="14:14">
      <c r="N257271" s="10"/>
    </row>
    <row r="257272" spans="14:14">
      <c r="N257272" s="10"/>
    </row>
    <row r="257273" spans="14:14">
      <c r="N257273" s="10"/>
    </row>
    <row r="257274" spans="14:14">
      <c r="N257274" s="10"/>
    </row>
    <row r="257275" spans="14:14">
      <c r="N257275" s="10"/>
    </row>
    <row r="257276" spans="14:14">
      <c r="N257276" s="10"/>
    </row>
    <row r="257277" spans="14:14">
      <c r="N257277" s="10"/>
    </row>
    <row r="257278" spans="14:14">
      <c r="N257278" s="10"/>
    </row>
    <row r="257279" spans="14:14">
      <c r="N257279" s="10"/>
    </row>
    <row r="257280" spans="14:14">
      <c r="N257280" s="10"/>
    </row>
    <row r="257281" spans="14:14">
      <c r="N257281" s="10"/>
    </row>
    <row r="257282" spans="14:14">
      <c r="N257282" s="10"/>
    </row>
    <row r="257283" spans="14:14">
      <c r="N257283" s="10"/>
    </row>
    <row r="257284" spans="14:14">
      <c r="N257284" s="10"/>
    </row>
    <row r="257285" spans="14:14">
      <c r="N257285" s="10"/>
    </row>
    <row r="257286" spans="14:14">
      <c r="N257286" s="10"/>
    </row>
    <row r="257287" spans="14:14">
      <c r="N257287" s="10"/>
    </row>
    <row r="257288" spans="14:14">
      <c r="N257288" s="10"/>
    </row>
    <row r="257289" spans="14:14">
      <c r="N257289" s="10"/>
    </row>
    <row r="257290" spans="14:14">
      <c r="N257290" s="10"/>
    </row>
    <row r="257291" spans="14:14">
      <c r="N257291" s="10"/>
    </row>
    <row r="257292" spans="14:14">
      <c r="N257292" s="10"/>
    </row>
    <row r="257293" spans="14:14">
      <c r="N257293" s="10"/>
    </row>
    <row r="257294" spans="14:14">
      <c r="N257294" s="10"/>
    </row>
    <row r="257295" spans="14:14">
      <c r="N257295" s="10"/>
    </row>
    <row r="257296" spans="14:14">
      <c r="N257296" s="10"/>
    </row>
    <row r="257297" spans="14:14">
      <c r="N257297" s="10"/>
    </row>
    <row r="257298" spans="14:14">
      <c r="N257298" s="10"/>
    </row>
    <row r="257299" spans="14:14">
      <c r="N257299" s="10"/>
    </row>
    <row r="257300" spans="14:14">
      <c r="N257300" s="10"/>
    </row>
    <row r="257301" spans="14:14">
      <c r="N257301" s="10"/>
    </row>
    <row r="257302" spans="14:14">
      <c r="N257302" s="10"/>
    </row>
    <row r="257303" spans="14:14">
      <c r="N257303" s="10"/>
    </row>
    <row r="257304" spans="14:14">
      <c r="N257304" s="10"/>
    </row>
    <row r="257305" spans="14:14">
      <c r="N257305" s="10"/>
    </row>
    <row r="257306" spans="14:14">
      <c r="N257306" s="10"/>
    </row>
    <row r="257307" spans="14:14">
      <c r="N257307" s="10"/>
    </row>
    <row r="257308" spans="14:14">
      <c r="N257308" s="10"/>
    </row>
    <row r="257309" spans="14:14">
      <c r="N257309" s="10"/>
    </row>
    <row r="257310" spans="14:14">
      <c r="N257310" s="10"/>
    </row>
    <row r="257311" spans="14:14">
      <c r="N257311" s="10"/>
    </row>
    <row r="257312" spans="14:14">
      <c r="N257312" s="10"/>
    </row>
    <row r="257313" spans="14:14">
      <c r="N257313" s="10"/>
    </row>
    <row r="257314" spans="14:14">
      <c r="N257314" s="10"/>
    </row>
    <row r="257315" spans="14:14">
      <c r="N257315" s="10"/>
    </row>
    <row r="257316" spans="14:14">
      <c r="N257316" s="10"/>
    </row>
    <row r="257317" spans="14:14">
      <c r="N257317" s="10"/>
    </row>
    <row r="257318" spans="14:14">
      <c r="N257318" s="10"/>
    </row>
    <row r="257319" spans="14:14">
      <c r="N257319" s="10"/>
    </row>
    <row r="257320" spans="14:14">
      <c r="N257320" s="10"/>
    </row>
    <row r="257321" spans="14:14">
      <c r="N257321" s="10"/>
    </row>
    <row r="257322" spans="14:14">
      <c r="N257322" s="10"/>
    </row>
    <row r="257323" spans="14:14">
      <c r="N257323" s="10"/>
    </row>
    <row r="257324" spans="14:14">
      <c r="N257324" s="10"/>
    </row>
    <row r="257325" spans="14:14">
      <c r="N257325" s="10"/>
    </row>
    <row r="257326" spans="14:14">
      <c r="N257326" s="10"/>
    </row>
    <row r="257327" spans="14:14">
      <c r="N257327" s="10"/>
    </row>
    <row r="257328" spans="14:14">
      <c r="N257328" s="10"/>
    </row>
    <row r="257329" spans="14:14">
      <c r="N257329" s="10"/>
    </row>
    <row r="257330" spans="14:14">
      <c r="N257330" s="10"/>
    </row>
    <row r="257331" spans="14:14">
      <c r="N257331" s="10"/>
    </row>
    <row r="257332" spans="14:14">
      <c r="N257332" s="10"/>
    </row>
    <row r="257333" spans="14:14">
      <c r="N257333" s="10"/>
    </row>
    <row r="257334" spans="14:14">
      <c r="N257334" s="10"/>
    </row>
    <row r="257335" spans="14:14">
      <c r="N257335" s="10"/>
    </row>
    <row r="257336" spans="14:14">
      <c r="N257336" s="10"/>
    </row>
    <row r="257337" spans="14:14">
      <c r="N257337" s="10"/>
    </row>
    <row r="257338" spans="14:14">
      <c r="N257338" s="10"/>
    </row>
    <row r="257339" spans="14:14">
      <c r="N257339" s="10"/>
    </row>
    <row r="257340" spans="14:14">
      <c r="N257340" s="10"/>
    </row>
    <row r="257341" spans="14:14">
      <c r="N257341" s="10"/>
    </row>
    <row r="257342" spans="14:14">
      <c r="N257342" s="10"/>
    </row>
    <row r="257343" spans="14:14">
      <c r="N257343" s="10"/>
    </row>
    <row r="257344" spans="14:14">
      <c r="N257344" s="10"/>
    </row>
    <row r="257345" spans="14:14">
      <c r="N257345" s="10"/>
    </row>
    <row r="257346" spans="14:14">
      <c r="N257346" s="10"/>
    </row>
    <row r="257347" spans="14:14">
      <c r="N257347" s="10"/>
    </row>
    <row r="257348" spans="14:14">
      <c r="N257348" s="10"/>
    </row>
    <row r="257349" spans="14:14">
      <c r="N257349" s="10"/>
    </row>
    <row r="257350" spans="14:14">
      <c r="N257350" s="10"/>
    </row>
    <row r="257351" spans="14:14">
      <c r="N257351" s="10"/>
    </row>
    <row r="257352" spans="14:14">
      <c r="N257352" s="10"/>
    </row>
    <row r="257353" spans="14:14">
      <c r="N257353" s="10"/>
    </row>
    <row r="257354" spans="14:14">
      <c r="N257354" s="10"/>
    </row>
    <row r="257355" spans="14:14">
      <c r="N257355" s="10"/>
    </row>
    <row r="257356" spans="14:14">
      <c r="N257356" s="10"/>
    </row>
    <row r="257357" spans="14:14">
      <c r="N257357" s="10"/>
    </row>
    <row r="257358" spans="14:14">
      <c r="N257358" s="10"/>
    </row>
    <row r="257359" spans="14:14">
      <c r="N257359" s="10"/>
    </row>
    <row r="257360" spans="14:14">
      <c r="N257360" s="10"/>
    </row>
    <row r="257361" spans="14:14">
      <c r="N257361" s="10"/>
    </row>
    <row r="257362" spans="14:14">
      <c r="N257362" s="10"/>
    </row>
    <row r="257363" spans="14:14">
      <c r="N257363" s="10"/>
    </row>
    <row r="257364" spans="14:14">
      <c r="N257364" s="10"/>
    </row>
    <row r="257365" spans="14:14">
      <c r="N257365" s="10"/>
    </row>
    <row r="257366" spans="14:14">
      <c r="N257366" s="10"/>
    </row>
    <row r="257367" spans="14:14">
      <c r="N257367" s="10"/>
    </row>
    <row r="257368" spans="14:14">
      <c r="N257368" s="10"/>
    </row>
    <row r="257369" spans="14:14">
      <c r="N257369" s="10"/>
    </row>
    <row r="257370" spans="14:14">
      <c r="N257370" s="10"/>
    </row>
    <row r="257371" spans="14:14">
      <c r="N257371" s="10"/>
    </row>
    <row r="257372" spans="14:14">
      <c r="N257372" s="10"/>
    </row>
    <row r="257373" spans="14:14">
      <c r="N257373" s="10"/>
    </row>
    <row r="257374" spans="14:14">
      <c r="N257374" s="10"/>
    </row>
    <row r="257375" spans="14:14">
      <c r="N257375" s="10"/>
    </row>
    <row r="257376" spans="14:14">
      <c r="N257376" s="10"/>
    </row>
    <row r="257377" spans="14:14">
      <c r="N257377" s="10"/>
    </row>
    <row r="257378" spans="14:14">
      <c r="N257378" s="10"/>
    </row>
    <row r="257379" spans="14:14">
      <c r="N257379" s="10"/>
    </row>
    <row r="257380" spans="14:14">
      <c r="N257380" s="10"/>
    </row>
    <row r="257381" spans="14:14">
      <c r="N257381" s="10"/>
    </row>
    <row r="257382" spans="14:14">
      <c r="N257382" s="10"/>
    </row>
    <row r="257383" spans="14:14">
      <c r="N257383" s="10"/>
    </row>
    <row r="257384" spans="14:14">
      <c r="N257384" s="10"/>
    </row>
    <row r="257385" spans="14:14">
      <c r="N257385" s="10"/>
    </row>
    <row r="257386" spans="14:14">
      <c r="N257386" s="10"/>
    </row>
    <row r="257387" spans="14:14">
      <c r="N257387" s="10"/>
    </row>
    <row r="257388" spans="14:14">
      <c r="N257388" s="10"/>
    </row>
    <row r="257389" spans="14:14">
      <c r="N257389" s="10"/>
    </row>
    <row r="257390" spans="14:14">
      <c r="N257390" s="10"/>
    </row>
    <row r="257391" spans="14:14">
      <c r="N257391" s="10"/>
    </row>
    <row r="257392" spans="14:14">
      <c r="N257392" s="10"/>
    </row>
    <row r="257393" spans="14:14">
      <c r="N257393" s="10"/>
    </row>
    <row r="257394" spans="14:14">
      <c r="N257394" s="10"/>
    </row>
    <row r="257395" spans="14:14">
      <c r="N257395" s="10"/>
    </row>
    <row r="257396" spans="14:14">
      <c r="N257396" s="10"/>
    </row>
    <row r="257397" spans="14:14">
      <c r="N257397" s="10"/>
    </row>
    <row r="257398" spans="14:14">
      <c r="N257398" s="10"/>
    </row>
    <row r="257399" spans="14:14">
      <c r="N257399" s="10"/>
    </row>
    <row r="257400" spans="14:14">
      <c r="N257400" s="10"/>
    </row>
    <row r="257401" spans="14:14">
      <c r="N257401" s="10"/>
    </row>
    <row r="257402" spans="14:14">
      <c r="N257402" s="10"/>
    </row>
    <row r="257403" spans="14:14">
      <c r="N257403" s="10"/>
    </row>
    <row r="257404" spans="14:14">
      <c r="N257404" s="10"/>
    </row>
    <row r="257405" spans="14:14">
      <c r="N257405" s="10"/>
    </row>
    <row r="257406" spans="14:14">
      <c r="N257406" s="10"/>
    </row>
    <row r="257407" spans="14:14">
      <c r="N257407" s="10"/>
    </row>
    <row r="257408" spans="14:14">
      <c r="N257408" s="10"/>
    </row>
    <row r="257409" spans="14:14">
      <c r="N257409" s="10"/>
    </row>
    <row r="257410" spans="14:14">
      <c r="N257410" s="10"/>
    </row>
    <row r="257411" spans="14:14">
      <c r="N257411" s="10"/>
    </row>
    <row r="257412" spans="14:14">
      <c r="N257412" s="10"/>
    </row>
    <row r="257413" spans="14:14">
      <c r="N257413" s="10"/>
    </row>
    <row r="257414" spans="14:14">
      <c r="N257414" s="10"/>
    </row>
    <row r="257415" spans="14:14">
      <c r="N257415" s="10"/>
    </row>
    <row r="257416" spans="14:14">
      <c r="N257416" s="10"/>
    </row>
    <row r="257417" spans="14:14">
      <c r="N257417" s="10"/>
    </row>
    <row r="257418" spans="14:14">
      <c r="N257418" s="10"/>
    </row>
    <row r="257419" spans="14:14">
      <c r="N257419" s="10"/>
    </row>
    <row r="257420" spans="14:14">
      <c r="N257420" s="10"/>
    </row>
    <row r="257421" spans="14:14">
      <c r="N257421" s="10"/>
    </row>
    <row r="257422" spans="14:14">
      <c r="N257422" s="10"/>
    </row>
    <row r="257423" spans="14:14">
      <c r="N257423" s="10"/>
    </row>
    <row r="257424" spans="14:14">
      <c r="N257424" s="10"/>
    </row>
    <row r="257425" spans="14:14">
      <c r="N257425" s="10"/>
    </row>
    <row r="257426" spans="14:14">
      <c r="N257426" s="10"/>
    </row>
    <row r="257427" spans="14:14">
      <c r="N257427" s="10"/>
    </row>
    <row r="257428" spans="14:14">
      <c r="N257428" s="10"/>
    </row>
    <row r="257429" spans="14:14">
      <c r="N257429" s="10"/>
    </row>
    <row r="257430" spans="14:14">
      <c r="N257430" s="10"/>
    </row>
    <row r="257431" spans="14:14">
      <c r="N257431" s="10"/>
    </row>
    <row r="257432" spans="14:14">
      <c r="N257432" s="10"/>
    </row>
    <row r="257433" spans="14:14">
      <c r="N257433" s="10"/>
    </row>
    <row r="257434" spans="14:14">
      <c r="N257434" s="10"/>
    </row>
    <row r="257435" spans="14:14">
      <c r="N257435" s="10"/>
    </row>
    <row r="257436" spans="14:14">
      <c r="N257436" s="10"/>
    </row>
    <row r="257437" spans="14:14">
      <c r="N257437" s="10"/>
    </row>
    <row r="257438" spans="14:14">
      <c r="N257438" s="10"/>
    </row>
    <row r="257439" spans="14:14">
      <c r="N257439" s="10"/>
    </row>
    <row r="257440" spans="14:14">
      <c r="N257440" s="10"/>
    </row>
    <row r="257441" spans="14:14">
      <c r="N257441" s="10"/>
    </row>
    <row r="257442" spans="14:14">
      <c r="N257442" s="10"/>
    </row>
    <row r="257443" spans="14:14">
      <c r="N257443" s="10"/>
    </row>
    <row r="257444" spans="14:14">
      <c r="N257444" s="10"/>
    </row>
    <row r="257445" spans="14:14">
      <c r="N257445" s="10"/>
    </row>
    <row r="257446" spans="14:14">
      <c r="N257446" s="10"/>
    </row>
    <row r="257447" spans="14:14">
      <c r="N257447" s="10"/>
    </row>
    <row r="257448" spans="14:14">
      <c r="N257448" s="10"/>
    </row>
    <row r="257449" spans="14:14">
      <c r="N257449" s="10"/>
    </row>
    <row r="257450" spans="14:14">
      <c r="N257450" s="10"/>
    </row>
    <row r="257451" spans="14:14">
      <c r="N257451" s="10"/>
    </row>
    <row r="257452" spans="14:14">
      <c r="N257452" s="10"/>
    </row>
    <row r="257453" spans="14:14">
      <c r="N257453" s="10"/>
    </row>
    <row r="257454" spans="14:14">
      <c r="N257454" s="10"/>
    </row>
    <row r="257455" spans="14:14">
      <c r="N257455" s="10"/>
    </row>
    <row r="257456" spans="14:14">
      <c r="N257456" s="10"/>
    </row>
    <row r="257457" spans="14:14">
      <c r="N257457" s="10"/>
    </row>
    <row r="257458" spans="14:14">
      <c r="N257458" s="10"/>
    </row>
    <row r="257459" spans="14:14">
      <c r="N257459" s="10"/>
    </row>
    <row r="257460" spans="14:14">
      <c r="N257460" s="10"/>
    </row>
    <row r="257461" spans="14:14">
      <c r="N257461" s="10"/>
    </row>
    <row r="257462" spans="14:14">
      <c r="N257462" s="10"/>
    </row>
    <row r="257463" spans="14:14">
      <c r="N257463" s="10"/>
    </row>
    <row r="257464" spans="14:14">
      <c r="N257464" s="10"/>
    </row>
    <row r="257465" spans="14:14">
      <c r="N257465" s="10"/>
    </row>
    <row r="257466" spans="14:14">
      <c r="N257466" s="10"/>
    </row>
    <row r="257467" spans="14:14">
      <c r="N257467" s="10"/>
    </row>
    <row r="257468" spans="14:14">
      <c r="N257468" s="10"/>
    </row>
    <row r="257469" spans="14:14">
      <c r="N257469" s="10"/>
    </row>
    <row r="257470" spans="14:14">
      <c r="N257470" s="10"/>
    </row>
    <row r="257471" spans="14:14">
      <c r="N257471" s="10"/>
    </row>
    <row r="257472" spans="14:14">
      <c r="N257472" s="10"/>
    </row>
    <row r="257473" spans="14:14">
      <c r="N257473" s="10"/>
    </row>
    <row r="257474" spans="14:14">
      <c r="N257474" s="10"/>
    </row>
    <row r="257475" spans="14:14">
      <c r="N257475" s="10"/>
    </row>
    <row r="257476" spans="14:14">
      <c r="N257476" s="10"/>
    </row>
    <row r="257477" spans="14:14">
      <c r="N257477" s="10"/>
    </row>
    <row r="257478" spans="14:14">
      <c r="N257478" s="10"/>
    </row>
    <row r="257479" spans="14:14">
      <c r="N257479" s="10"/>
    </row>
    <row r="257480" spans="14:14">
      <c r="N257480" s="10"/>
    </row>
    <row r="257481" spans="14:14">
      <c r="N257481" s="10"/>
    </row>
    <row r="257482" spans="14:14">
      <c r="N257482" s="10"/>
    </row>
    <row r="257483" spans="14:14">
      <c r="N257483" s="10"/>
    </row>
    <row r="257484" spans="14:14">
      <c r="N257484" s="10"/>
    </row>
    <row r="257485" spans="14:14">
      <c r="N257485" s="10"/>
    </row>
    <row r="257486" spans="14:14">
      <c r="N257486" s="10"/>
    </row>
    <row r="257487" spans="14:14">
      <c r="N257487" s="10"/>
    </row>
    <row r="257488" spans="14:14">
      <c r="N257488" s="10"/>
    </row>
    <row r="257489" spans="14:14">
      <c r="N257489" s="10"/>
    </row>
    <row r="257490" spans="14:14">
      <c r="N257490" s="10"/>
    </row>
    <row r="257491" spans="14:14">
      <c r="N257491" s="10"/>
    </row>
    <row r="257492" spans="14:14">
      <c r="N257492" s="10"/>
    </row>
    <row r="257493" spans="14:14">
      <c r="N257493" s="10"/>
    </row>
    <row r="257494" spans="14:14">
      <c r="N257494" s="10"/>
    </row>
    <row r="257495" spans="14:14">
      <c r="N257495" s="10"/>
    </row>
    <row r="257496" spans="14:14">
      <c r="N257496" s="10"/>
    </row>
    <row r="257497" spans="14:14">
      <c r="N257497" s="10"/>
    </row>
    <row r="257498" spans="14:14">
      <c r="N257498" s="10"/>
    </row>
    <row r="257499" spans="14:14">
      <c r="N257499" s="10"/>
    </row>
    <row r="257500" spans="14:14">
      <c r="N257500" s="10"/>
    </row>
    <row r="257501" spans="14:14">
      <c r="N257501" s="10"/>
    </row>
    <row r="257502" spans="14:14">
      <c r="N257502" s="10"/>
    </row>
    <row r="257503" spans="14:14">
      <c r="N257503" s="10"/>
    </row>
    <row r="257504" spans="14:14">
      <c r="N257504" s="10"/>
    </row>
    <row r="257505" spans="14:14">
      <c r="N257505" s="10"/>
    </row>
    <row r="257506" spans="14:14">
      <c r="N257506" s="10"/>
    </row>
    <row r="257507" spans="14:14">
      <c r="N257507" s="10"/>
    </row>
    <row r="257508" spans="14:14">
      <c r="N257508" s="10"/>
    </row>
    <row r="257509" spans="14:14">
      <c r="N257509" s="10"/>
    </row>
    <row r="257510" spans="14:14">
      <c r="N257510" s="10"/>
    </row>
    <row r="257511" spans="14:14">
      <c r="N257511" s="10"/>
    </row>
    <row r="257512" spans="14:14">
      <c r="N257512" s="10"/>
    </row>
    <row r="257513" spans="14:14">
      <c r="N257513" s="10"/>
    </row>
    <row r="257514" spans="14:14">
      <c r="N257514" s="10"/>
    </row>
    <row r="257515" spans="14:14">
      <c r="N257515" s="10"/>
    </row>
    <row r="257516" spans="14:14">
      <c r="N257516" s="10"/>
    </row>
    <row r="257517" spans="14:14">
      <c r="N257517" s="10"/>
    </row>
    <row r="257518" spans="14:14">
      <c r="N257518" s="10"/>
    </row>
    <row r="257519" spans="14:14">
      <c r="N257519" s="10"/>
    </row>
    <row r="257520" spans="14:14">
      <c r="N257520" s="10"/>
    </row>
    <row r="257521" spans="14:14">
      <c r="N257521" s="10"/>
    </row>
    <row r="257522" spans="14:14">
      <c r="N257522" s="10"/>
    </row>
    <row r="257523" spans="14:14">
      <c r="N257523" s="10"/>
    </row>
    <row r="257524" spans="14:14">
      <c r="N257524" s="10"/>
    </row>
    <row r="257525" spans="14:14">
      <c r="N257525" s="10"/>
    </row>
    <row r="257526" spans="14:14">
      <c r="N257526" s="10"/>
    </row>
    <row r="257527" spans="14:14">
      <c r="N257527" s="10"/>
    </row>
    <row r="257528" spans="14:14">
      <c r="N257528" s="10"/>
    </row>
    <row r="257529" spans="14:14">
      <c r="N257529" s="10"/>
    </row>
    <row r="257530" spans="14:14">
      <c r="N257530" s="10"/>
    </row>
    <row r="257531" spans="14:14">
      <c r="N257531" s="10"/>
    </row>
    <row r="257532" spans="14:14">
      <c r="N257532" s="10"/>
    </row>
    <row r="257533" spans="14:14">
      <c r="N257533" s="10"/>
    </row>
    <row r="257534" spans="14:14">
      <c r="N257534" s="10"/>
    </row>
    <row r="257535" spans="14:14">
      <c r="N257535" s="10"/>
    </row>
    <row r="257536" spans="14:14">
      <c r="N257536" s="10"/>
    </row>
    <row r="257537" spans="14:14">
      <c r="N257537" s="10"/>
    </row>
    <row r="257538" spans="14:14">
      <c r="N257538" s="10"/>
    </row>
    <row r="257539" spans="14:14">
      <c r="N257539" s="10"/>
    </row>
    <row r="257540" spans="14:14">
      <c r="N257540" s="10"/>
    </row>
    <row r="257541" spans="14:14">
      <c r="N257541" s="10"/>
    </row>
    <row r="257542" spans="14:14">
      <c r="N257542" s="10"/>
    </row>
    <row r="257543" spans="14:14">
      <c r="N257543" s="10"/>
    </row>
    <row r="257544" spans="14:14">
      <c r="N257544" s="10"/>
    </row>
    <row r="257545" spans="14:14">
      <c r="N257545" s="10"/>
    </row>
    <row r="257546" spans="14:14">
      <c r="N257546" s="10"/>
    </row>
    <row r="257547" spans="14:14">
      <c r="N257547" s="10"/>
    </row>
    <row r="257548" spans="14:14">
      <c r="N257548" s="10"/>
    </row>
    <row r="257549" spans="14:14">
      <c r="N257549" s="10"/>
    </row>
    <row r="257550" spans="14:14">
      <c r="N257550" s="10"/>
    </row>
    <row r="257551" spans="14:14">
      <c r="N257551" s="10"/>
    </row>
    <row r="257552" spans="14:14">
      <c r="N257552" s="10"/>
    </row>
    <row r="257553" spans="14:14">
      <c r="N257553" s="10"/>
    </row>
    <row r="257554" spans="14:14">
      <c r="N257554" s="10"/>
    </row>
    <row r="257555" spans="14:14">
      <c r="N257555" s="10"/>
    </row>
    <row r="257556" spans="14:14">
      <c r="N257556" s="10"/>
    </row>
    <row r="257557" spans="14:14">
      <c r="N257557" s="10"/>
    </row>
    <row r="257558" spans="14:14">
      <c r="N257558" s="10"/>
    </row>
    <row r="257559" spans="14:14">
      <c r="N257559" s="10"/>
    </row>
    <row r="257560" spans="14:14">
      <c r="N257560" s="10"/>
    </row>
    <row r="257561" spans="14:14">
      <c r="N257561" s="10"/>
    </row>
    <row r="257562" spans="14:14">
      <c r="N257562" s="10"/>
    </row>
    <row r="257563" spans="14:14">
      <c r="N257563" s="10"/>
    </row>
    <row r="257564" spans="14:14">
      <c r="N257564" s="10"/>
    </row>
    <row r="257565" spans="14:14">
      <c r="N257565" s="10"/>
    </row>
    <row r="257566" spans="14:14">
      <c r="N257566" s="10"/>
    </row>
    <row r="257567" spans="14:14">
      <c r="N257567" s="10"/>
    </row>
    <row r="257568" spans="14:14">
      <c r="N257568" s="10"/>
    </row>
    <row r="257569" spans="14:14">
      <c r="N257569" s="10"/>
    </row>
    <row r="257570" spans="14:14">
      <c r="N257570" s="10"/>
    </row>
    <row r="257571" spans="14:14">
      <c r="N257571" s="10"/>
    </row>
    <row r="257572" spans="14:14">
      <c r="N257572" s="10"/>
    </row>
    <row r="257573" spans="14:14">
      <c r="N257573" s="10"/>
    </row>
    <row r="257574" spans="14:14">
      <c r="N257574" s="10"/>
    </row>
    <row r="257575" spans="14:14">
      <c r="N257575" s="10"/>
    </row>
    <row r="257576" spans="14:14">
      <c r="N257576" s="10"/>
    </row>
    <row r="257577" spans="14:14">
      <c r="N257577" s="10"/>
    </row>
    <row r="257578" spans="14:14">
      <c r="N257578" s="10"/>
    </row>
    <row r="257579" spans="14:14">
      <c r="N257579" s="10"/>
    </row>
    <row r="257580" spans="14:14">
      <c r="N257580" s="10"/>
    </row>
    <row r="257581" spans="14:14">
      <c r="N257581" s="10"/>
    </row>
    <row r="257582" spans="14:14">
      <c r="N257582" s="10"/>
    </row>
    <row r="257583" spans="14:14">
      <c r="N257583" s="10"/>
    </row>
    <row r="257584" spans="14:14">
      <c r="N257584" s="10"/>
    </row>
    <row r="257585" spans="14:14">
      <c r="N257585" s="10"/>
    </row>
    <row r="257586" spans="14:14">
      <c r="N257586" s="10"/>
    </row>
    <row r="257587" spans="14:14">
      <c r="N257587" s="10"/>
    </row>
    <row r="257588" spans="14:14">
      <c r="N257588" s="10"/>
    </row>
    <row r="257589" spans="14:14">
      <c r="N257589" s="10"/>
    </row>
    <row r="257590" spans="14:14">
      <c r="N257590" s="10"/>
    </row>
    <row r="257591" spans="14:14">
      <c r="N257591" s="10"/>
    </row>
    <row r="257592" spans="14:14">
      <c r="N257592" s="10"/>
    </row>
    <row r="257593" spans="14:14">
      <c r="N257593" s="10"/>
    </row>
    <row r="257594" spans="14:14">
      <c r="N257594" s="10"/>
    </row>
    <row r="257595" spans="14:14">
      <c r="N257595" s="10"/>
    </row>
    <row r="257596" spans="14:14">
      <c r="N257596" s="10"/>
    </row>
    <row r="257597" spans="14:14">
      <c r="N257597" s="10"/>
    </row>
    <row r="257598" spans="14:14">
      <c r="N257598" s="10"/>
    </row>
    <row r="257599" spans="14:14">
      <c r="N257599" s="10"/>
    </row>
    <row r="257600" spans="14:14">
      <c r="N257600" s="10"/>
    </row>
    <row r="257601" spans="14:14">
      <c r="N257601" s="10"/>
    </row>
    <row r="257602" spans="14:14">
      <c r="N257602" s="10"/>
    </row>
    <row r="257603" spans="14:14">
      <c r="N257603" s="10"/>
    </row>
    <row r="257604" spans="14:14">
      <c r="N257604" s="10"/>
    </row>
    <row r="257605" spans="14:14">
      <c r="N257605" s="10"/>
    </row>
    <row r="257606" spans="14:14">
      <c r="N257606" s="10"/>
    </row>
    <row r="257607" spans="14:14">
      <c r="N257607" s="10"/>
    </row>
    <row r="257608" spans="14:14">
      <c r="N257608" s="10"/>
    </row>
    <row r="257609" spans="14:14">
      <c r="N257609" s="10"/>
    </row>
    <row r="257610" spans="14:14">
      <c r="N257610" s="10"/>
    </row>
    <row r="257611" spans="14:14">
      <c r="N257611" s="10"/>
    </row>
    <row r="257612" spans="14:14">
      <c r="N257612" s="10"/>
    </row>
    <row r="257613" spans="14:14">
      <c r="N257613" s="10"/>
    </row>
    <row r="257614" spans="14:14">
      <c r="N257614" s="10"/>
    </row>
    <row r="257615" spans="14:14">
      <c r="N257615" s="10"/>
    </row>
    <row r="257616" spans="14:14">
      <c r="N257616" s="10"/>
    </row>
    <row r="257617" spans="14:14">
      <c r="N257617" s="10"/>
    </row>
    <row r="257618" spans="14:14">
      <c r="N257618" s="10"/>
    </row>
    <row r="257619" spans="14:14">
      <c r="N257619" s="10"/>
    </row>
    <row r="257620" spans="14:14">
      <c r="N257620" s="10"/>
    </row>
    <row r="257621" spans="14:14">
      <c r="N257621" s="10"/>
    </row>
    <row r="257622" spans="14:14">
      <c r="N257622" s="10"/>
    </row>
    <row r="257623" spans="14:14">
      <c r="N257623" s="10"/>
    </row>
    <row r="257624" spans="14:14">
      <c r="N257624" s="10"/>
    </row>
    <row r="257625" spans="14:14">
      <c r="N257625" s="10"/>
    </row>
    <row r="257626" spans="14:14">
      <c r="N257626" s="10"/>
    </row>
    <row r="257627" spans="14:14">
      <c r="N257627" s="10"/>
    </row>
    <row r="257628" spans="14:14">
      <c r="N257628" s="10"/>
    </row>
    <row r="257629" spans="14:14">
      <c r="N257629" s="10"/>
    </row>
    <row r="257630" spans="14:14">
      <c r="N257630" s="10"/>
    </row>
    <row r="257631" spans="14:14">
      <c r="N257631" s="10"/>
    </row>
    <row r="257632" spans="14:14">
      <c r="N257632" s="10"/>
    </row>
    <row r="257633" spans="14:14">
      <c r="N257633" s="10"/>
    </row>
    <row r="257634" spans="14:14">
      <c r="N257634" s="10"/>
    </row>
    <row r="257635" spans="14:14">
      <c r="N257635" s="10"/>
    </row>
    <row r="257636" spans="14:14">
      <c r="N257636" s="10"/>
    </row>
    <row r="257637" spans="14:14">
      <c r="N257637" s="10"/>
    </row>
    <row r="257638" spans="14:14">
      <c r="N257638" s="10"/>
    </row>
    <row r="257639" spans="14:14">
      <c r="N257639" s="10"/>
    </row>
    <row r="257640" spans="14:14">
      <c r="N257640" s="10"/>
    </row>
    <row r="257641" spans="14:14">
      <c r="N257641" s="10"/>
    </row>
    <row r="257642" spans="14:14">
      <c r="N257642" s="10"/>
    </row>
    <row r="257643" spans="14:14">
      <c r="N257643" s="10"/>
    </row>
    <row r="257644" spans="14:14">
      <c r="N257644" s="10"/>
    </row>
    <row r="257645" spans="14:14">
      <c r="N257645" s="10"/>
    </row>
    <row r="257646" spans="14:14">
      <c r="N257646" s="10"/>
    </row>
    <row r="257647" spans="14:14">
      <c r="N257647" s="10"/>
    </row>
    <row r="257648" spans="14:14">
      <c r="N257648" s="10"/>
    </row>
    <row r="257649" spans="14:14">
      <c r="N257649" s="10"/>
    </row>
    <row r="257650" spans="14:14">
      <c r="N257650" s="10"/>
    </row>
    <row r="257651" spans="14:14">
      <c r="N257651" s="10"/>
    </row>
    <row r="257652" spans="14:14">
      <c r="N257652" s="10"/>
    </row>
    <row r="257653" spans="14:14">
      <c r="N257653" s="10"/>
    </row>
    <row r="257654" spans="14:14">
      <c r="N257654" s="10"/>
    </row>
    <row r="257655" spans="14:14">
      <c r="N257655" s="10"/>
    </row>
    <row r="257656" spans="14:14">
      <c r="N257656" s="10"/>
    </row>
    <row r="257657" spans="14:14">
      <c r="N257657" s="10"/>
    </row>
    <row r="257658" spans="14:14">
      <c r="N257658" s="10"/>
    </row>
    <row r="257659" spans="14:14">
      <c r="N257659" s="10"/>
    </row>
    <row r="257660" spans="14:14">
      <c r="N257660" s="10"/>
    </row>
    <row r="257661" spans="14:14">
      <c r="N257661" s="10"/>
    </row>
    <row r="257662" spans="14:14">
      <c r="N257662" s="10"/>
    </row>
    <row r="257663" spans="14:14">
      <c r="N257663" s="10"/>
    </row>
    <row r="257664" spans="14:14">
      <c r="N257664" s="10"/>
    </row>
    <row r="257665" spans="14:14">
      <c r="N257665" s="10"/>
    </row>
    <row r="257666" spans="14:14">
      <c r="N257666" s="10"/>
    </row>
    <row r="257667" spans="14:14">
      <c r="N257667" s="10"/>
    </row>
    <row r="257668" spans="14:14">
      <c r="N257668" s="10"/>
    </row>
    <row r="257669" spans="14:14">
      <c r="N257669" s="10"/>
    </row>
    <row r="257670" spans="14:14">
      <c r="N257670" s="10"/>
    </row>
    <row r="257671" spans="14:14">
      <c r="N257671" s="10"/>
    </row>
    <row r="257672" spans="14:14">
      <c r="N257672" s="10"/>
    </row>
    <row r="257673" spans="14:14">
      <c r="N257673" s="10"/>
    </row>
    <row r="257674" spans="14:14">
      <c r="N257674" s="10"/>
    </row>
    <row r="257675" spans="14:14">
      <c r="N257675" s="10"/>
    </row>
    <row r="257676" spans="14:14">
      <c r="N257676" s="10"/>
    </row>
    <row r="257677" spans="14:14">
      <c r="N257677" s="10"/>
    </row>
    <row r="257678" spans="14:14">
      <c r="N257678" s="10"/>
    </row>
    <row r="257679" spans="14:14">
      <c r="N257679" s="10"/>
    </row>
    <row r="257680" spans="14:14">
      <c r="N257680" s="10"/>
    </row>
    <row r="257681" spans="14:14">
      <c r="N257681" s="10"/>
    </row>
    <row r="257682" spans="14:14">
      <c r="N257682" s="10"/>
    </row>
    <row r="257683" spans="14:14">
      <c r="N257683" s="10"/>
    </row>
    <row r="257684" spans="14:14">
      <c r="N257684" s="10"/>
    </row>
    <row r="257685" spans="14:14">
      <c r="N257685" s="10"/>
    </row>
    <row r="257686" spans="14:14">
      <c r="N257686" s="10"/>
    </row>
    <row r="257687" spans="14:14">
      <c r="N257687" s="10"/>
    </row>
    <row r="257688" spans="14:14">
      <c r="N257688" s="10"/>
    </row>
    <row r="257689" spans="14:14">
      <c r="N257689" s="10"/>
    </row>
    <row r="257690" spans="14:14">
      <c r="N257690" s="10"/>
    </row>
    <row r="257691" spans="14:14">
      <c r="N257691" s="10"/>
    </row>
    <row r="257692" spans="14:14">
      <c r="N257692" s="10"/>
    </row>
    <row r="257693" spans="14:14">
      <c r="N257693" s="10"/>
    </row>
    <row r="257694" spans="14:14">
      <c r="N257694" s="10"/>
    </row>
    <row r="257695" spans="14:14">
      <c r="N257695" s="10"/>
    </row>
    <row r="257696" spans="14:14">
      <c r="N257696" s="10"/>
    </row>
    <row r="257697" spans="14:14">
      <c r="N257697" s="10"/>
    </row>
    <row r="257698" spans="14:14">
      <c r="N257698" s="10"/>
    </row>
    <row r="257699" spans="14:14">
      <c r="N257699" s="10"/>
    </row>
    <row r="257700" spans="14:14">
      <c r="N257700" s="10"/>
    </row>
    <row r="257701" spans="14:14">
      <c r="N257701" s="10"/>
    </row>
    <row r="257702" spans="14:14">
      <c r="N257702" s="10"/>
    </row>
    <row r="257703" spans="14:14">
      <c r="N257703" s="10"/>
    </row>
    <row r="257704" spans="14:14">
      <c r="N257704" s="10"/>
    </row>
    <row r="257705" spans="14:14">
      <c r="N257705" s="10"/>
    </row>
    <row r="257706" spans="14:14">
      <c r="N257706" s="10"/>
    </row>
    <row r="257707" spans="14:14">
      <c r="N257707" s="10"/>
    </row>
    <row r="257708" spans="14:14">
      <c r="N257708" s="10"/>
    </row>
    <row r="257709" spans="14:14">
      <c r="N257709" s="10"/>
    </row>
    <row r="257710" spans="14:14">
      <c r="N257710" s="10"/>
    </row>
    <row r="257711" spans="14:14">
      <c r="N257711" s="10"/>
    </row>
    <row r="257712" spans="14:14">
      <c r="N257712" s="10"/>
    </row>
    <row r="257713" spans="14:14">
      <c r="N257713" s="10"/>
    </row>
    <row r="257714" spans="14:14">
      <c r="N257714" s="10"/>
    </row>
    <row r="257715" spans="14:14">
      <c r="N257715" s="10"/>
    </row>
    <row r="257716" spans="14:14">
      <c r="N257716" s="10"/>
    </row>
    <row r="257717" spans="14:14">
      <c r="N257717" s="10"/>
    </row>
    <row r="257718" spans="14:14">
      <c r="N257718" s="10"/>
    </row>
    <row r="257719" spans="14:14">
      <c r="N257719" s="10"/>
    </row>
    <row r="257720" spans="14:14">
      <c r="N257720" s="10"/>
    </row>
    <row r="257721" spans="14:14">
      <c r="N257721" s="10"/>
    </row>
    <row r="257722" spans="14:14">
      <c r="N257722" s="10"/>
    </row>
    <row r="257723" spans="14:14">
      <c r="N257723" s="10"/>
    </row>
    <row r="257724" spans="14:14">
      <c r="N257724" s="10"/>
    </row>
    <row r="257725" spans="14:14">
      <c r="N257725" s="10"/>
    </row>
    <row r="257726" spans="14:14">
      <c r="N257726" s="10"/>
    </row>
    <row r="257727" spans="14:14">
      <c r="N257727" s="10"/>
    </row>
    <row r="257728" spans="14:14">
      <c r="N257728" s="10"/>
    </row>
    <row r="257729" spans="14:14">
      <c r="N257729" s="10"/>
    </row>
    <row r="257730" spans="14:14">
      <c r="N257730" s="10"/>
    </row>
    <row r="257731" spans="14:14">
      <c r="N257731" s="10"/>
    </row>
    <row r="257732" spans="14:14">
      <c r="N257732" s="10"/>
    </row>
    <row r="257733" spans="14:14">
      <c r="N257733" s="10"/>
    </row>
    <row r="257734" spans="14:14">
      <c r="N257734" s="10"/>
    </row>
    <row r="257735" spans="14:14">
      <c r="N257735" s="10"/>
    </row>
    <row r="257736" spans="14:14">
      <c r="N257736" s="10"/>
    </row>
    <row r="257737" spans="14:14">
      <c r="N257737" s="10"/>
    </row>
    <row r="257738" spans="14:14">
      <c r="N257738" s="10"/>
    </row>
    <row r="257739" spans="14:14">
      <c r="N257739" s="10"/>
    </row>
    <row r="257740" spans="14:14">
      <c r="N257740" s="10"/>
    </row>
    <row r="257741" spans="14:14">
      <c r="N257741" s="10"/>
    </row>
    <row r="257742" spans="14:14">
      <c r="N257742" s="10"/>
    </row>
    <row r="257743" spans="14:14">
      <c r="N257743" s="10"/>
    </row>
    <row r="257744" spans="14:14">
      <c r="N257744" s="10"/>
    </row>
    <row r="257745" spans="14:14">
      <c r="N257745" s="10"/>
    </row>
    <row r="257746" spans="14:14">
      <c r="N257746" s="10"/>
    </row>
    <row r="257747" spans="14:14">
      <c r="N257747" s="10"/>
    </row>
    <row r="257748" spans="14:14">
      <c r="N257748" s="10"/>
    </row>
    <row r="257749" spans="14:14">
      <c r="N257749" s="10"/>
    </row>
    <row r="257750" spans="14:14">
      <c r="N257750" s="10"/>
    </row>
    <row r="257751" spans="14:14">
      <c r="N257751" s="10"/>
    </row>
    <row r="257752" spans="14:14">
      <c r="N257752" s="10"/>
    </row>
    <row r="257753" spans="14:14">
      <c r="N257753" s="10"/>
    </row>
    <row r="257754" spans="14:14">
      <c r="N257754" s="10"/>
    </row>
    <row r="257755" spans="14:14">
      <c r="N257755" s="10"/>
    </row>
    <row r="257756" spans="14:14">
      <c r="N257756" s="10"/>
    </row>
    <row r="257757" spans="14:14">
      <c r="N257757" s="10"/>
    </row>
    <row r="257758" spans="14:14">
      <c r="N257758" s="10"/>
    </row>
    <row r="257759" spans="14:14">
      <c r="N257759" s="10"/>
    </row>
    <row r="257760" spans="14:14">
      <c r="N257760" s="10"/>
    </row>
    <row r="257761" spans="14:14">
      <c r="N257761" s="10"/>
    </row>
    <row r="257762" spans="14:14">
      <c r="N257762" s="10"/>
    </row>
    <row r="257763" spans="14:14">
      <c r="N257763" s="10"/>
    </row>
    <row r="257764" spans="14:14">
      <c r="N257764" s="10"/>
    </row>
    <row r="257765" spans="14:14">
      <c r="N257765" s="10"/>
    </row>
    <row r="257766" spans="14:14">
      <c r="N257766" s="10"/>
    </row>
    <row r="257767" spans="14:14">
      <c r="N257767" s="10"/>
    </row>
    <row r="257768" spans="14:14">
      <c r="N257768" s="10"/>
    </row>
    <row r="257769" spans="14:14">
      <c r="N257769" s="10"/>
    </row>
    <row r="257770" spans="14:14">
      <c r="N257770" s="10"/>
    </row>
    <row r="257771" spans="14:14">
      <c r="N257771" s="10"/>
    </row>
    <row r="257772" spans="14:14">
      <c r="N257772" s="10"/>
    </row>
    <row r="257773" spans="14:14">
      <c r="N257773" s="10"/>
    </row>
    <row r="257774" spans="14:14">
      <c r="N257774" s="10"/>
    </row>
    <row r="257775" spans="14:14">
      <c r="N257775" s="10"/>
    </row>
    <row r="257776" spans="14:14">
      <c r="N257776" s="10"/>
    </row>
    <row r="257777" spans="14:14">
      <c r="N257777" s="10"/>
    </row>
    <row r="257778" spans="14:14">
      <c r="N257778" s="10"/>
    </row>
    <row r="257779" spans="14:14">
      <c r="N257779" s="10"/>
    </row>
    <row r="257780" spans="14:14">
      <c r="N257780" s="10"/>
    </row>
    <row r="257781" spans="14:14">
      <c r="N257781" s="10"/>
    </row>
    <row r="257782" spans="14:14">
      <c r="N257782" s="10"/>
    </row>
    <row r="257783" spans="14:14">
      <c r="N257783" s="10"/>
    </row>
    <row r="257784" spans="14:14">
      <c r="N257784" s="10"/>
    </row>
    <row r="257785" spans="14:14">
      <c r="N257785" s="10"/>
    </row>
    <row r="257786" spans="14:14">
      <c r="N257786" s="10"/>
    </row>
    <row r="257787" spans="14:14">
      <c r="N257787" s="10"/>
    </row>
    <row r="257788" spans="14:14">
      <c r="N257788" s="10"/>
    </row>
    <row r="257789" spans="14:14">
      <c r="N257789" s="10"/>
    </row>
    <row r="257790" spans="14:14">
      <c r="N257790" s="10"/>
    </row>
    <row r="257791" spans="14:14">
      <c r="N257791" s="10"/>
    </row>
    <row r="257792" spans="14:14">
      <c r="N257792" s="10"/>
    </row>
    <row r="257793" spans="14:14">
      <c r="N257793" s="10"/>
    </row>
    <row r="257794" spans="14:14">
      <c r="N257794" s="10"/>
    </row>
    <row r="257795" spans="14:14">
      <c r="N257795" s="10"/>
    </row>
    <row r="257796" spans="14:14">
      <c r="N257796" s="10"/>
    </row>
    <row r="257797" spans="14:14">
      <c r="N257797" s="10"/>
    </row>
    <row r="257798" spans="14:14">
      <c r="N257798" s="10"/>
    </row>
    <row r="257799" spans="14:14">
      <c r="N257799" s="10"/>
    </row>
    <row r="257800" spans="14:14">
      <c r="N257800" s="10"/>
    </row>
    <row r="257801" spans="14:14">
      <c r="N257801" s="10"/>
    </row>
    <row r="257802" spans="14:14">
      <c r="N257802" s="10"/>
    </row>
    <row r="257803" spans="14:14">
      <c r="N257803" s="10"/>
    </row>
    <row r="257804" spans="14:14">
      <c r="N257804" s="10"/>
    </row>
    <row r="257805" spans="14:14">
      <c r="N257805" s="10"/>
    </row>
    <row r="257806" spans="14:14">
      <c r="N257806" s="10"/>
    </row>
    <row r="257807" spans="14:14">
      <c r="N257807" s="10"/>
    </row>
    <row r="257808" spans="14:14">
      <c r="N257808" s="10"/>
    </row>
    <row r="257809" spans="14:14">
      <c r="N257809" s="10"/>
    </row>
    <row r="257810" spans="14:14">
      <c r="N257810" s="10"/>
    </row>
    <row r="257811" spans="14:14">
      <c r="N257811" s="10"/>
    </row>
    <row r="257812" spans="14:14">
      <c r="N257812" s="10"/>
    </row>
    <row r="257813" spans="14:14">
      <c r="N257813" s="10"/>
    </row>
    <row r="257814" spans="14:14">
      <c r="N257814" s="10"/>
    </row>
    <row r="257815" spans="14:14">
      <c r="N257815" s="10"/>
    </row>
    <row r="257816" spans="14:14">
      <c r="N257816" s="10"/>
    </row>
    <row r="257817" spans="14:14">
      <c r="N257817" s="10"/>
    </row>
    <row r="257818" spans="14:14">
      <c r="N257818" s="10"/>
    </row>
    <row r="257819" spans="14:14">
      <c r="N257819" s="10"/>
    </row>
    <row r="257820" spans="14:14">
      <c r="N257820" s="10"/>
    </row>
    <row r="257821" spans="14:14">
      <c r="N257821" s="10"/>
    </row>
    <row r="257822" spans="14:14">
      <c r="N257822" s="10"/>
    </row>
    <row r="257823" spans="14:14">
      <c r="N257823" s="10"/>
    </row>
    <row r="257824" spans="14:14">
      <c r="N257824" s="10"/>
    </row>
    <row r="257825" spans="14:14">
      <c r="N257825" s="10"/>
    </row>
    <row r="257826" spans="14:14">
      <c r="N257826" s="10"/>
    </row>
    <row r="257827" spans="14:14">
      <c r="N257827" s="10"/>
    </row>
    <row r="257828" spans="14:14">
      <c r="N257828" s="10"/>
    </row>
    <row r="257829" spans="14:14">
      <c r="N257829" s="10"/>
    </row>
    <row r="257830" spans="14:14">
      <c r="N257830" s="10"/>
    </row>
    <row r="257831" spans="14:14">
      <c r="N257831" s="10"/>
    </row>
    <row r="257832" spans="14:14">
      <c r="N257832" s="10"/>
    </row>
    <row r="257833" spans="14:14">
      <c r="N257833" s="10"/>
    </row>
    <row r="257834" spans="14:14">
      <c r="N257834" s="10"/>
    </row>
    <row r="257835" spans="14:14">
      <c r="N257835" s="10"/>
    </row>
    <row r="257836" spans="14:14">
      <c r="N257836" s="10"/>
    </row>
    <row r="257837" spans="14:14">
      <c r="N257837" s="10"/>
    </row>
    <row r="257838" spans="14:14">
      <c r="N257838" s="10"/>
    </row>
    <row r="257839" spans="14:14">
      <c r="N257839" s="10"/>
    </row>
    <row r="257840" spans="14:14">
      <c r="N257840" s="10"/>
    </row>
    <row r="257841" spans="14:14">
      <c r="N257841" s="10"/>
    </row>
    <row r="257842" spans="14:14">
      <c r="N257842" s="10"/>
    </row>
    <row r="257843" spans="14:14">
      <c r="N257843" s="10"/>
    </row>
    <row r="257844" spans="14:14">
      <c r="N257844" s="10"/>
    </row>
    <row r="257845" spans="14:14">
      <c r="N257845" s="10"/>
    </row>
    <row r="257846" spans="14:14">
      <c r="N257846" s="10"/>
    </row>
    <row r="257847" spans="14:14">
      <c r="N257847" s="10"/>
    </row>
    <row r="257848" spans="14:14">
      <c r="N257848" s="10"/>
    </row>
    <row r="257849" spans="14:14">
      <c r="N257849" s="10"/>
    </row>
    <row r="257850" spans="14:14">
      <c r="N257850" s="10"/>
    </row>
    <row r="257851" spans="14:14">
      <c r="N257851" s="10"/>
    </row>
    <row r="257852" spans="14:14">
      <c r="N257852" s="10"/>
    </row>
    <row r="257853" spans="14:14">
      <c r="N257853" s="10"/>
    </row>
    <row r="257854" spans="14:14">
      <c r="N257854" s="10"/>
    </row>
    <row r="257855" spans="14:14">
      <c r="N257855" s="10"/>
    </row>
    <row r="257856" spans="14:14">
      <c r="N257856" s="10"/>
    </row>
    <row r="257857" spans="14:14">
      <c r="N257857" s="10"/>
    </row>
    <row r="257858" spans="14:14">
      <c r="N257858" s="10"/>
    </row>
    <row r="257859" spans="14:14">
      <c r="N257859" s="10"/>
    </row>
    <row r="257860" spans="14:14">
      <c r="N257860" s="10"/>
    </row>
    <row r="257861" spans="14:14">
      <c r="N257861" s="10"/>
    </row>
    <row r="257862" spans="14:14">
      <c r="N257862" s="10"/>
    </row>
    <row r="257863" spans="14:14">
      <c r="N257863" s="10"/>
    </row>
    <row r="257864" spans="14:14">
      <c r="N257864" s="10"/>
    </row>
    <row r="257865" spans="14:14">
      <c r="N257865" s="10"/>
    </row>
    <row r="257866" spans="14:14">
      <c r="N257866" s="10"/>
    </row>
    <row r="257867" spans="14:14">
      <c r="N257867" s="10"/>
    </row>
    <row r="257868" spans="14:14">
      <c r="N257868" s="10"/>
    </row>
    <row r="257869" spans="14:14">
      <c r="N257869" s="10"/>
    </row>
    <row r="257870" spans="14:14">
      <c r="N257870" s="10"/>
    </row>
    <row r="257871" spans="14:14">
      <c r="N257871" s="10"/>
    </row>
    <row r="257872" spans="14:14">
      <c r="N257872" s="10"/>
    </row>
    <row r="257873" spans="14:14">
      <c r="N257873" s="10"/>
    </row>
    <row r="257874" spans="14:14">
      <c r="N257874" s="10"/>
    </row>
    <row r="257875" spans="14:14">
      <c r="N257875" s="10"/>
    </row>
    <row r="257876" spans="14:14">
      <c r="N257876" s="10"/>
    </row>
    <row r="257877" spans="14:14">
      <c r="N257877" s="10"/>
    </row>
    <row r="257878" spans="14:14">
      <c r="N257878" s="10"/>
    </row>
    <row r="257879" spans="14:14">
      <c r="N257879" s="10"/>
    </row>
    <row r="257880" spans="14:14">
      <c r="N257880" s="10"/>
    </row>
    <row r="257881" spans="14:14">
      <c r="N257881" s="10"/>
    </row>
    <row r="257882" spans="14:14">
      <c r="N257882" s="10"/>
    </row>
    <row r="257883" spans="14:14">
      <c r="N257883" s="10"/>
    </row>
    <row r="257884" spans="14:14">
      <c r="N257884" s="10"/>
    </row>
    <row r="257885" spans="14:14">
      <c r="N257885" s="10"/>
    </row>
    <row r="257886" spans="14:14">
      <c r="N257886" s="10"/>
    </row>
    <row r="257887" spans="14:14">
      <c r="N257887" s="10"/>
    </row>
    <row r="257888" spans="14:14">
      <c r="N257888" s="10"/>
    </row>
    <row r="257889" spans="14:14">
      <c r="N257889" s="10"/>
    </row>
    <row r="257890" spans="14:14">
      <c r="N257890" s="10"/>
    </row>
    <row r="257891" spans="14:14">
      <c r="N257891" s="10"/>
    </row>
    <row r="257892" spans="14:14">
      <c r="N257892" s="10"/>
    </row>
    <row r="257893" spans="14:14">
      <c r="N257893" s="10"/>
    </row>
    <row r="257894" spans="14:14">
      <c r="N257894" s="10"/>
    </row>
    <row r="257895" spans="14:14">
      <c r="N257895" s="10"/>
    </row>
    <row r="257896" spans="14:14">
      <c r="N257896" s="10"/>
    </row>
    <row r="257897" spans="14:14">
      <c r="N257897" s="10"/>
    </row>
    <row r="257898" spans="14:14">
      <c r="N257898" s="10"/>
    </row>
    <row r="257899" spans="14:14">
      <c r="N257899" s="10"/>
    </row>
    <row r="257900" spans="14:14">
      <c r="N257900" s="10"/>
    </row>
    <row r="257901" spans="14:14">
      <c r="N257901" s="10"/>
    </row>
    <row r="257902" spans="14:14">
      <c r="N257902" s="10"/>
    </row>
    <row r="257903" spans="14:14">
      <c r="N257903" s="10"/>
    </row>
    <row r="257904" spans="14:14">
      <c r="N257904" s="10"/>
    </row>
    <row r="257905" spans="14:14">
      <c r="N257905" s="10"/>
    </row>
    <row r="257906" spans="14:14">
      <c r="N257906" s="10"/>
    </row>
    <row r="257907" spans="14:14">
      <c r="N257907" s="10"/>
    </row>
    <row r="257908" spans="14:14">
      <c r="N257908" s="10"/>
    </row>
    <row r="257909" spans="14:14">
      <c r="N257909" s="10"/>
    </row>
    <row r="257910" spans="14:14">
      <c r="N257910" s="10"/>
    </row>
    <row r="257911" spans="14:14">
      <c r="N257911" s="10"/>
    </row>
    <row r="257912" spans="14:14">
      <c r="N257912" s="10"/>
    </row>
    <row r="257913" spans="14:14">
      <c r="N257913" s="10"/>
    </row>
    <row r="257914" spans="14:14">
      <c r="N257914" s="10"/>
    </row>
    <row r="257915" spans="14:14">
      <c r="N257915" s="10"/>
    </row>
    <row r="257916" spans="14:14">
      <c r="N257916" s="10"/>
    </row>
    <row r="257917" spans="14:14">
      <c r="N257917" s="10"/>
    </row>
    <row r="257918" spans="14:14">
      <c r="N257918" s="10"/>
    </row>
    <row r="257919" spans="14:14">
      <c r="N257919" s="10"/>
    </row>
    <row r="257920" spans="14:14">
      <c r="N257920" s="10"/>
    </row>
    <row r="257921" spans="14:14">
      <c r="N257921" s="10"/>
    </row>
    <row r="257922" spans="14:14">
      <c r="N257922" s="10"/>
    </row>
    <row r="257923" spans="14:14">
      <c r="N257923" s="10"/>
    </row>
    <row r="257924" spans="14:14">
      <c r="N257924" s="10"/>
    </row>
    <row r="257925" spans="14:14">
      <c r="N257925" s="10"/>
    </row>
    <row r="257926" spans="14:14">
      <c r="N257926" s="10"/>
    </row>
    <row r="257927" spans="14:14">
      <c r="N257927" s="10"/>
    </row>
    <row r="257928" spans="14:14">
      <c r="N257928" s="10"/>
    </row>
    <row r="257929" spans="14:14">
      <c r="N257929" s="10"/>
    </row>
    <row r="257930" spans="14:14">
      <c r="N257930" s="10"/>
    </row>
    <row r="257931" spans="14:14">
      <c r="N257931" s="10"/>
    </row>
    <row r="257932" spans="14:14">
      <c r="N257932" s="10"/>
    </row>
    <row r="257933" spans="14:14">
      <c r="N257933" s="10"/>
    </row>
    <row r="257934" spans="14:14">
      <c r="N257934" s="10"/>
    </row>
    <row r="257935" spans="14:14">
      <c r="N257935" s="10"/>
    </row>
    <row r="257936" spans="14:14">
      <c r="N257936" s="10"/>
    </row>
    <row r="257937" spans="14:14">
      <c r="N257937" s="10"/>
    </row>
    <row r="257938" spans="14:14">
      <c r="N257938" s="10"/>
    </row>
    <row r="257939" spans="14:14">
      <c r="N257939" s="10"/>
    </row>
    <row r="257940" spans="14:14">
      <c r="N257940" s="10"/>
    </row>
    <row r="257941" spans="14:14">
      <c r="N257941" s="10"/>
    </row>
    <row r="257942" spans="14:14">
      <c r="N257942" s="10"/>
    </row>
    <row r="257943" spans="14:14">
      <c r="N257943" s="10"/>
    </row>
    <row r="257944" spans="14:14">
      <c r="N257944" s="10"/>
    </row>
    <row r="257945" spans="14:14">
      <c r="N257945" s="10"/>
    </row>
    <row r="257946" spans="14:14">
      <c r="N257946" s="10"/>
    </row>
    <row r="257947" spans="14:14">
      <c r="N257947" s="10"/>
    </row>
    <row r="257948" spans="14:14">
      <c r="N257948" s="10"/>
    </row>
    <row r="257949" spans="14:14">
      <c r="N257949" s="10"/>
    </row>
    <row r="257950" spans="14:14">
      <c r="N257950" s="10"/>
    </row>
    <row r="257951" spans="14:14">
      <c r="N257951" s="10"/>
    </row>
    <row r="257952" spans="14:14">
      <c r="N257952" s="10"/>
    </row>
    <row r="257953" spans="14:14">
      <c r="N257953" s="10"/>
    </row>
    <row r="257954" spans="14:14">
      <c r="N257954" s="10"/>
    </row>
    <row r="257955" spans="14:14">
      <c r="N257955" s="10"/>
    </row>
    <row r="257956" spans="14:14">
      <c r="N257956" s="10"/>
    </row>
    <row r="257957" spans="14:14">
      <c r="N257957" s="10"/>
    </row>
    <row r="257958" spans="14:14">
      <c r="N257958" s="10"/>
    </row>
    <row r="257959" spans="14:14">
      <c r="N257959" s="10"/>
    </row>
    <row r="257960" spans="14:14">
      <c r="N257960" s="10"/>
    </row>
    <row r="257961" spans="14:14">
      <c r="N257961" s="10"/>
    </row>
    <row r="257962" spans="14:14">
      <c r="N257962" s="10"/>
    </row>
    <row r="257963" spans="14:14">
      <c r="N257963" s="10"/>
    </row>
    <row r="257964" spans="14:14">
      <c r="N257964" s="10"/>
    </row>
    <row r="257965" spans="14:14">
      <c r="N257965" s="10"/>
    </row>
    <row r="257966" spans="14:14">
      <c r="N257966" s="10"/>
    </row>
    <row r="257967" spans="14:14">
      <c r="N257967" s="10"/>
    </row>
    <row r="257968" spans="14:14">
      <c r="N257968" s="10"/>
    </row>
    <row r="257969" spans="14:14">
      <c r="N257969" s="10"/>
    </row>
    <row r="257970" spans="14:14">
      <c r="N257970" s="10"/>
    </row>
    <row r="257971" spans="14:14">
      <c r="N257971" s="10"/>
    </row>
    <row r="257972" spans="14:14">
      <c r="N257972" s="10"/>
    </row>
    <row r="257973" spans="14:14">
      <c r="N257973" s="10"/>
    </row>
    <row r="257974" spans="14:14">
      <c r="N257974" s="10"/>
    </row>
    <row r="257975" spans="14:14">
      <c r="N257975" s="10"/>
    </row>
    <row r="257976" spans="14:14">
      <c r="N257976" s="10"/>
    </row>
    <row r="257977" spans="14:14">
      <c r="N257977" s="10"/>
    </row>
    <row r="257978" spans="14:14">
      <c r="N257978" s="10"/>
    </row>
    <row r="257979" spans="14:14">
      <c r="N257979" s="10"/>
    </row>
    <row r="257980" spans="14:14">
      <c r="N257980" s="10"/>
    </row>
    <row r="257981" spans="14:14">
      <c r="N257981" s="10"/>
    </row>
    <row r="257982" spans="14:14">
      <c r="N257982" s="10"/>
    </row>
    <row r="257983" spans="14:14">
      <c r="N257983" s="10"/>
    </row>
    <row r="257984" spans="14:14">
      <c r="N257984" s="10"/>
    </row>
    <row r="257985" spans="14:14">
      <c r="N257985" s="10"/>
    </row>
    <row r="257986" spans="14:14">
      <c r="N257986" s="10"/>
    </row>
    <row r="257987" spans="14:14">
      <c r="N257987" s="10"/>
    </row>
    <row r="257988" spans="14:14">
      <c r="N257988" s="10"/>
    </row>
    <row r="257989" spans="14:14">
      <c r="N257989" s="10"/>
    </row>
    <row r="257990" spans="14:14">
      <c r="N257990" s="10"/>
    </row>
    <row r="257991" spans="14:14">
      <c r="N257991" s="10"/>
    </row>
    <row r="257992" spans="14:14">
      <c r="N257992" s="10"/>
    </row>
    <row r="257993" spans="14:14">
      <c r="N257993" s="10"/>
    </row>
    <row r="257994" spans="14:14">
      <c r="N257994" s="10"/>
    </row>
    <row r="257995" spans="14:14">
      <c r="N257995" s="10"/>
    </row>
    <row r="257996" spans="14:14">
      <c r="N257996" s="10"/>
    </row>
    <row r="257997" spans="14:14">
      <c r="N257997" s="10"/>
    </row>
    <row r="257998" spans="14:14">
      <c r="N257998" s="10"/>
    </row>
    <row r="257999" spans="14:14">
      <c r="N257999" s="10"/>
    </row>
    <row r="258000" spans="14:14">
      <c r="N258000" s="10"/>
    </row>
    <row r="258001" spans="14:14">
      <c r="N258001" s="10"/>
    </row>
    <row r="258002" spans="14:14">
      <c r="N258002" s="10"/>
    </row>
    <row r="258003" spans="14:14">
      <c r="N258003" s="10"/>
    </row>
    <row r="258004" spans="14:14">
      <c r="N258004" s="10"/>
    </row>
    <row r="258005" spans="14:14">
      <c r="N258005" s="10"/>
    </row>
    <row r="258006" spans="14:14">
      <c r="N258006" s="10"/>
    </row>
    <row r="258007" spans="14:14">
      <c r="N258007" s="10"/>
    </row>
    <row r="258008" spans="14:14">
      <c r="N258008" s="10"/>
    </row>
    <row r="258009" spans="14:14">
      <c r="N258009" s="10"/>
    </row>
    <row r="258010" spans="14:14">
      <c r="N258010" s="10"/>
    </row>
    <row r="258011" spans="14:14">
      <c r="N258011" s="10"/>
    </row>
    <row r="258012" spans="14:14">
      <c r="N258012" s="10"/>
    </row>
    <row r="258013" spans="14:14">
      <c r="N258013" s="10"/>
    </row>
    <row r="258014" spans="14:14">
      <c r="N258014" s="10"/>
    </row>
    <row r="258015" spans="14:14">
      <c r="N258015" s="10"/>
    </row>
    <row r="258016" spans="14:14">
      <c r="N258016" s="10"/>
    </row>
    <row r="258017" spans="14:14">
      <c r="N258017" s="10"/>
    </row>
    <row r="258018" spans="14:14">
      <c r="N258018" s="10"/>
    </row>
    <row r="258019" spans="14:14">
      <c r="N258019" s="10"/>
    </row>
    <row r="258020" spans="14:14">
      <c r="N258020" s="10"/>
    </row>
    <row r="258021" spans="14:14">
      <c r="N258021" s="10"/>
    </row>
    <row r="258022" spans="14:14">
      <c r="N258022" s="10"/>
    </row>
    <row r="258023" spans="14:14">
      <c r="N258023" s="10"/>
    </row>
    <row r="258024" spans="14:14">
      <c r="N258024" s="10"/>
    </row>
    <row r="258025" spans="14:14">
      <c r="N258025" s="10"/>
    </row>
    <row r="258026" spans="14:14">
      <c r="N258026" s="10"/>
    </row>
    <row r="258027" spans="14:14">
      <c r="N258027" s="10"/>
    </row>
    <row r="258028" spans="14:14">
      <c r="N258028" s="10"/>
    </row>
    <row r="258029" spans="14:14">
      <c r="N258029" s="10"/>
    </row>
    <row r="258030" spans="14:14">
      <c r="N258030" s="10"/>
    </row>
    <row r="258031" spans="14:14">
      <c r="N258031" s="10"/>
    </row>
    <row r="258032" spans="14:14">
      <c r="N258032" s="10"/>
    </row>
    <row r="258033" spans="14:14">
      <c r="N258033" s="10"/>
    </row>
    <row r="258034" spans="14:14">
      <c r="N258034" s="10"/>
    </row>
    <row r="258035" spans="14:14">
      <c r="N258035" s="10"/>
    </row>
    <row r="258036" spans="14:14">
      <c r="N258036" s="10"/>
    </row>
    <row r="258037" spans="14:14">
      <c r="N258037" s="10"/>
    </row>
    <row r="258038" spans="14:14">
      <c r="N258038" s="10"/>
    </row>
    <row r="258039" spans="14:14">
      <c r="N258039" s="10"/>
    </row>
    <row r="258040" spans="14:14">
      <c r="N258040" s="10"/>
    </row>
    <row r="258041" spans="14:14">
      <c r="N258041" s="10"/>
    </row>
    <row r="258042" spans="14:14">
      <c r="N258042" s="10"/>
    </row>
    <row r="258043" spans="14:14">
      <c r="N258043" s="10"/>
    </row>
    <row r="258044" spans="14:14">
      <c r="N258044" s="10"/>
    </row>
    <row r="258045" spans="14:14">
      <c r="N258045" s="10"/>
    </row>
    <row r="258046" spans="14:14">
      <c r="N258046" s="10"/>
    </row>
    <row r="258047" spans="14:14">
      <c r="N258047" s="10"/>
    </row>
    <row r="258048" spans="14:14">
      <c r="N258048" s="10"/>
    </row>
    <row r="258049" spans="14:14">
      <c r="N258049" s="10"/>
    </row>
    <row r="258050" spans="14:14">
      <c r="N258050" s="10"/>
    </row>
    <row r="258051" spans="14:14">
      <c r="N258051" s="10"/>
    </row>
    <row r="258052" spans="14:14">
      <c r="N258052" s="10"/>
    </row>
    <row r="258053" spans="14:14">
      <c r="N258053" s="10"/>
    </row>
    <row r="258054" spans="14:14">
      <c r="N258054" s="10"/>
    </row>
    <row r="258055" spans="14:14">
      <c r="N258055" s="10"/>
    </row>
    <row r="258056" spans="14:14">
      <c r="N258056" s="10"/>
    </row>
    <row r="258057" spans="14:14">
      <c r="N258057" s="10"/>
    </row>
    <row r="258058" spans="14:14">
      <c r="N258058" s="10"/>
    </row>
    <row r="258059" spans="14:14">
      <c r="N258059" s="10"/>
    </row>
    <row r="258060" spans="14:14">
      <c r="N258060" s="10"/>
    </row>
    <row r="258061" spans="14:14">
      <c r="N258061" s="10"/>
    </row>
    <row r="258062" spans="14:14">
      <c r="N258062" s="10"/>
    </row>
    <row r="258063" spans="14:14">
      <c r="N258063" s="10"/>
    </row>
    <row r="258064" spans="14:14">
      <c r="N258064" s="10"/>
    </row>
    <row r="258065" spans="14:14">
      <c r="N258065" s="10"/>
    </row>
    <row r="258066" spans="14:14">
      <c r="N258066" s="10"/>
    </row>
    <row r="258067" spans="14:14">
      <c r="N258067" s="10"/>
    </row>
    <row r="258068" spans="14:14">
      <c r="N258068" s="10"/>
    </row>
    <row r="258069" spans="14:14">
      <c r="N258069" s="10"/>
    </row>
    <row r="258070" spans="14:14">
      <c r="N258070" s="10"/>
    </row>
    <row r="258071" spans="14:14">
      <c r="N258071" s="10"/>
    </row>
    <row r="258072" spans="14:14">
      <c r="N258072" s="10"/>
    </row>
    <row r="258073" spans="14:14">
      <c r="N258073" s="10"/>
    </row>
    <row r="258074" spans="14:14">
      <c r="N258074" s="10"/>
    </row>
    <row r="258075" spans="14:14">
      <c r="N258075" s="10"/>
    </row>
    <row r="258076" spans="14:14">
      <c r="N258076" s="10"/>
    </row>
    <row r="258077" spans="14:14">
      <c r="N258077" s="10"/>
    </row>
    <row r="258078" spans="14:14">
      <c r="N258078" s="10"/>
    </row>
    <row r="258079" spans="14:14">
      <c r="N258079" s="10"/>
    </row>
    <row r="258080" spans="14:14">
      <c r="N258080" s="10"/>
    </row>
    <row r="258081" spans="14:14">
      <c r="N258081" s="10"/>
    </row>
    <row r="258082" spans="14:14">
      <c r="N258082" s="10"/>
    </row>
    <row r="258083" spans="14:14">
      <c r="N258083" s="10"/>
    </row>
    <row r="258084" spans="14:14">
      <c r="N258084" s="10"/>
    </row>
    <row r="258085" spans="14:14">
      <c r="N258085" s="10"/>
    </row>
    <row r="258086" spans="14:14">
      <c r="N258086" s="10"/>
    </row>
    <row r="258087" spans="14:14">
      <c r="N258087" s="10"/>
    </row>
    <row r="258088" spans="14:14">
      <c r="N258088" s="10"/>
    </row>
    <row r="258089" spans="14:14">
      <c r="N258089" s="10"/>
    </row>
    <row r="258090" spans="14:14">
      <c r="N258090" s="10"/>
    </row>
    <row r="258091" spans="14:14">
      <c r="N258091" s="10"/>
    </row>
    <row r="258092" spans="14:14">
      <c r="N258092" s="10"/>
    </row>
    <row r="258093" spans="14:14">
      <c r="N258093" s="10"/>
    </row>
    <row r="258094" spans="14:14">
      <c r="N258094" s="10"/>
    </row>
    <row r="258095" spans="14:14">
      <c r="N258095" s="10"/>
    </row>
    <row r="258096" spans="14:14">
      <c r="N258096" s="10"/>
    </row>
    <row r="258097" spans="14:14">
      <c r="N258097" s="10"/>
    </row>
    <row r="258098" spans="14:14">
      <c r="N258098" s="10"/>
    </row>
    <row r="258099" spans="14:14">
      <c r="N258099" s="10"/>
    </row>
    <row r="258100" spans="14:14">
      <c r="N258100" s="10"/>
    </row>
    <row r="258101" spans="14:14">
      <c r="N258101" s="10"/>
    </row>
    <row r="258102" spans="14:14">
      <c r="N258102" s="10"/>
    </row>
    <row r="258103" spans="14:14">
      <c r="N258103" s="10"/>
    </row>
    <row r="258104" spans="14:14">
      <c r="N258104" s="10"/>
    </row>
    <row r="258105" spans="14:14">
      <c r="N258105" s="10"/>
    </row>
    <row r="258106" spans="14:14">
      <c r="N258106" s="10"/>
    </row>
    <row r="258107" spans="14:14">
      <c r="N258107" s="10"/>
    </row>
    <row r="258108" spans="14:14">
      <c r="N258108" s="10"/>
    </row>
    <row r="258109" spans="14:14">
      <c r="N258109" s="10"/>
    </row>
    <row r="258110" spans="14:14">
      <c r="N258110" s="10"/>
    </row>
    <row r="258111" spans="14:14">
      <c r="N258111" s="10"/>
    </row>
    <row r="258112" spans="14:14">
      <c r="N258112" s="10"/>
    </row>
    <row r="258113" spans="14:14">
      <c r="N258113" s="10"/>
    </row>
    <row r="258114" spans="14:14">
      <c r="N258114" s="10"/>
    </row>
    <row r="258115" spans="14:14">
      <c r="N258115" s="10"/>
    </row>
    <row r="258116" spans="14:14">
      <c r="N258116" s="10"/>
    </row>
    <row r="258117" spans="14:14">
      <c r="N258117" s="10"/>
    </row>
    <row r="258118" spans="14:14">
      <c r="N258118" s="10"/>
    </row>
    <row r="258119" spans="14:14">
      <c r="N258119" s="10"/>
    </row>
    <row r="258120" spans="14:14">
      <c r="N258120" s="10"/>
    </row>
    <row r="258121" spans="14:14">
      <c r="N258121" s="10"/>
    </row>
    <row r="258122" spans="14:14">
      <c r="N258122" s="10"/>
    </row>
    <row r="258123" spans="14:14">
      <c r="N258123" s="10"/>
    </row>
    <row r="258124" spans="14:14">
      <c r="N258124" s="10"/>
    </row>
    <row r="258125" spans="14:14">
      <c r="N258125" s="10"/>
    </row>
    <row r="258126" spans="14:14">
      <c r="N258126" s="10"/>
    </row>
    <row r="258127" spans="14:14">
      <c r="N258127" s="10"/>
    </row>
    <row r="258128" spans="14:14">
      <c r="N258128" s="10"/>
    </row>
    <row r="258129" spans="14:14">
      <c r="N258129" s="10"/>
    </row>
    <row r="258130" spans="14:14">
      <c r="N258130" s="10"/>
    </row>
    <row r="258131" spans="14:14">
      <c r="N258131" s="10"/>
    </row>
    <row r="258132" spans="14:14">
      <c r="N258132" s="10"/>
    </row>
    <row r="258133" spans="14:14">
      <c r="N258133" s="10"/>
    </row>
    <row r="258134" spans="14:14">
      <c r="N258134" s="10"/>
    </row>
    <row r="258135" spans="14:14">
      <c r="N258135" s="10"/>
    </row>
    <row r="258136" spans="14:14">
      <c r="N258136" s="10"/>
    </row>
    <row r="258137" spans="14:14">
      <c r="N258137" s="10"/>
    </row>
    <row r="258138" spans="14:14">
      <c r="N258138" s="10"/>
    </row>
    <row r="258139" spans="14:14">
      <c r="N258139" s="10"/>
    </row>
    <row r="258140" spans="14:14">
      <c r="N258140" s="10"/>
    </row>
    <row r="258141" spans="14:14">
      <c r="N258141" s="10"/>
    </row>
    <row r="258142" spans="14:14">
      <c r="N258142" s="10"/>
    </row>
    <row r="258143" spans="14:14">
      <c r="N258143" s="10"/>
    </row>
    <row r="258144" spans="14:14">
      <c r="N258144" s="10"/>
    </row>
    <row r="258145" spans="14:14">
      <c r="N258145" s="10"/>
    </row>
    <row r="258146" spans="14:14">
      <c r="N258146" s="10"/>
    </row>
    <row r="258147" spans="14:14">
      <c r="N258147" s="10"/>
    </row>
    <row r="258148" spans="14:14">
      <c r="N258148" s="10"/>
    </row>
    <row r="258149" spans="14:14">
      <c r="N258149" s="10"/>
    </row>
    <row r="258150" spans="14:14">
      <c r="N258150" s="10"/>
    </row>
    <row r="258151" spans="14:14">
      <c r="N258151" s="10"/>
    </row>
    <row r="258152" spans="14:14">
      <c r="N258152" s="10"/>
    </row>
    <row r="258153" spans="14:14">
      <c r="N258153" s="10"/>
    </row>
    <row r="258154" spans="14:14">
      <c r="N258154" s="10"/>
    </row>
    <row r="258155" spans="14:14">
      <c r="N258155" s="10"/>
    </row>
    <row r="258156" spans="14:14">
      <c r="N258156" s="10"/>
    </row>
    <row r="258157" spans="14:14">
      <c r="N258157" s="10"/>
    </row>
    <row r="258158" spans="14:14">
      <c r="N258158" s="10"/>
    </row>
    <row r="258159" spans="14:14">
      <c r="N258159" s="10"/>
    </row>
    <row r="258160" spans="14:14">
      <c r="N258160" s="10"/>
    </row>
    <row r="258161" spans="14:14">
      <c r="N258161" s="10"/>
    </row>
    <row r="258162" spans="14:14">
      <c r="N258162" s="10"/>
    </row>
    <row r="258163" spans="14:14">
      <c r="N258163" s="10"/>
    </row>
    <row r="258164" spans="14:14">
      <c r="N258164" s="10"/>
    </row>
    <row r="258165" spans="14:14">
      <c r="N258165" s="10"/>
    </row>
    <row r="258166" spans="14:14">
      <c r="N258166" s="10"/>
    </row>
    <row r="258167" spans="14:14">
      <c r="N258167" s="10"/>
    </row>
    <row r="258168" spans="14:14">
      <c r="N258168" s="10"/>
    </row>
    <row r="258169" spans="14:14">
      <c r="N258169" s="10"/>
    </row>
    <row r="258170" spans="14:14">
      <c r="N258170" s="10"/>
    </row>
    <row r="258171" spans="14:14">
      <c r="N258171" s="10"/>
    </row>
    <row r="258172" spans="14:14">
      <c r="N258172" s="10"/>
    </row>
    <row r="258173" spans="14:14">
      <c r="N258173" s="10"/>
    </row>
    <row r="258174" spans="14:14">
      <c r="N258174" s="10"/>
    </row>
    <row r="258175" spans="14:14">
      <c r="N258175" s="10"/>
    </row>
    <row r="258176" spans="14:14">
      <c r="N258176" s="10"/>
    </row>
    <row r="258177" spans="14:14">
      <c r="N258177" s="10"/>
    </row>
    <row r="258178" spans="14:14">
      <c r="N258178" s="10"/>
    </row>
    <row r="258179" spans="14:14">
      <c r="N258179" s="10"/>
    </row>
    <row r="258180" spans="14:14">
      <c r="N258180" s="10"/>
    </row>
    <row r="258181" spans="14:14">
      <c r="N258181" s="10"/>
    </row>
    <row r="258182" spans="14:14">
      <c r="N258182" s="10"/>
    </row>
    <row r="258183" spans="14:14">
      <c r="N258183" s="10"/>
    </row>
    <row r="258184" spans="14:14">
      <c r="N258184" s="10"/>
    </row>
    <row r="258185" spans="14:14">
      <c r="N258185" s="10"/>
    </row>
    <row r="258186" spans="14:14">
      <c r="N258186" s="10"/>
    </row>
    <row r="258187" spans="14:14">
      <c r="N258187" s="10"/>
    </row>
    <row r="258188" spans="14:14">
      <c r="N258188" s="10"/>
    </row>
    <row r="258189" spans="14:14">
      <c r="N258189" s="10"/>
    </row>
    <row r="258190" spans="14:14">
      <c r="N258190" s="10"/>
    </row>
    <row r="258191" spans="14:14">
      <c r="N258191" s="10"/>
    </row>
    <row r="258192" spans="14:14">
      <c r="N258192" s="10"/>
    </row>
    <row r="258193" spans="14:14">
      <c r="N258193" s="10"/>
    </row>
    <row r="258194" spans="14:14">
      <c r="N258194" s="10"/>
    </row>
    <row r="258195" spans="14:14">
      <c r="N258195" s="10"/>
    </row>
    <row r="258196" spans="14:14">
      <c r="N258196" s="10"/>
    </row>
    <row r="258197" spans="14:14">
      <c r="N258197" s="10"/>
    </row>
    <row r="258198" spans="14:14">
      <c r="N258198" s="10"/>
    </row>
    <row r="258199" spans="14:14">
      <c r="N258199" s="10"/>
    </row>
    <row r="258200" spans="14:14">
      <c r="N258200" s="10"/>
    </row>
    <row r="258201" spans="14:14">
      <c r="N258201" s="10"/>
    </row>
    <row r="258202" spans="14:14">
      <c r="N258202" s="10"/>
    </row>
    <row r="258203" spans="14:14">
      <c r="N258203" s="10"/>
    </row>
    <row r="258204" spans="14:14">
      <c r="N258204" s="10"/>
    </row>
    <row r="258205" spans="14:14">
      <c r="N258205" s="10"/>
    </row>
    <row r="258206" spans="14:14">
      <c r="N258206" s="10"/>
    </row>
    <row r="258207" spans="14:14">
      <c r="N258207" s="10"/>
    </row>
    <row r="258208" spans="14:14">
      <c r="N258208" s="10"/>
    </row>
    <row r="258209" spans="14:14">
      <c r="N258209" s="10"/>
    </row>
    <row r="258210" spans="14:14">
      <c r="N258210" s="10"/>
    </row>
    <row r="258211" spans="14:14">
      <c r="N258211" s="10"/>
    </row>
    <row r="258212" spans="14:14">
      <c r="N258212" s="10"/>
    </row>
    <row r="258213" spans="14:14">
      <c r="N258213" s="10"/>
    </row>
    <row r="258214" spans="14:14">
      <c r="N258214" s="10"/>
    </row>
    <row r="258215" spans="14:14">
      <c r="N258215" s="10"/>
    </row>
    <row r="258216" spans="14:14">
      <c r="N258216" s="10"/>
    </row>
    <row r="258217" spans="14:14">
      <c r="N258217" s="10"/>
    </row>
    <row r="258218" spans="14:14">
      <c r="N258218" s="10"/>
    </row>
    <row r="258219" spans="14:14">
      <c r="N258219" s="10"/>
    </row>
    <row r="258220" spans="14:14">
      <c r="N258220" s="10"/>
    </row>
    <row r="258221" spans="14:14">
      <c r="N258221" s="10"/>
    </row>
    <row r="258222" spans="14:14">
      <c r="N258222" s="10"/>
    </row>
    <row r="258223" spans="14:14">
      <c r="N258223" s="10"/>
    </row>
    <row r="258224" spans="14:14">
      <c r="N258224" s="10"/>
    </row>
    <row r="258225" spans="14:14">
      <c r="N258225" s="10"/>
    </row>
    <row r="258226" spans="14:14">
      <c r="N258226" s="10"/>
    </row>
    <row r="258227" spans="14:14">
      <c r="N258227" s="10"/>
    </row>
    <row r="258228" spans="14:14">
      <c r="N258228" s="10"/>
    </row>
    <row r="258229" spans="14:14">
      <c r="N258229" s="10"/>
    </row>
    <row r="258230" spans="14:14">
      <c r="N258230" s="10"/>
    </row>
    <row r="258231" spans="14:14">
      <c r="N258231" s="10"/>
    </row>
    <row r="258232" spans="14:14">
      <c r="N258232" s="10"/>
    </row>
    <row r="258233" spans="14:14">
      <c r="N258233" s="10"/>
    </row>
    <row r="258234" spans="14:14">
      <c r="N258234" s="10"/>
    </row>
    <row r="258235" spans="14:14">
      <c r="N258235" s="10"/>
    </row>
    <row r="258236" spans="14:14">
      <c r="N258236" s="10"/>
    </row>
    <row r="258237" spans="14:14">
      <c r="N258237" s="10"/>
    </row>
    <row r="258238" spans="14:14">
      <c r="N258238" s="10"/>
    </row>
    <row r="258239" spans="14:14">
      <c r="N258239" s="10"/>
    </row>
    <row r="258240" spans="14:14">
      <c r="N258240" s="10"/>
    </row>
    <row r="258241" spans="14:14">
      <c r="N258241" s="10"/>
    </row>
    <row r="258242" spans="14:14">
      <c r="N258242" s="10"/>
    </row>
    <row r="258243" spans="14:14">
      <c r="N258243" s="10"/>
    </row>
    <row r="258244" spans="14:14">
      <c r="N258244" s="10"/>
    </row>
    <row r="258245" spans="14:14">
      <c r="N258245" s="10"/>
    </row>
    <row r="258246" spans="14:14">
      <c r="N258246" s="10"/>
    </row>
    <row r="258247" spans="14:14">
      <c r="N258247" s="10"/>
    </row>
    <row r="258248" spans="14:14">
      <c r="N258248" s="10"/>
    </row>
    <row r="258249" spans="14:14">
      <c r="N258249" s="10"/>
    </row>
    <row r="258250" spans="14:14">
      <c r="N258250" s="10"/>
    </row>
    <row r="258251" spans="14:14">
      <c r="N258251" s="10"/>
    </row>
    <row r="258252" spans="14:14">
      <c r="N258252" s="10"/>
    </row>
    <row r="258253" spans="14:14">
      <c r="N258253" s="10"/>
    </row>
    <row r="258254" spans="14:14">
      <c r="N258254" s="10"/>
    </row>
    <row r="258255" spans="14:14">
      <c r="N258255" s="10"/>
    </row>
    <row r="258256" spans="14:14">
      <c r="N258256" s="10"/>
    </row>
    <row r="258257" spans="14:14">
      <c r="N258257" s="10"/>
    </row>
    <row r="258258" spans="14:14">
      <c r="N258258" s="10"/>
    </row>
    <row r="258259" spans="14:14">
      <c r="N258259" s="10"/>
    </row>
    <row r="258260" spans="14:14">
      <c r="N258260" s="10"/>
    </row>
    <row r="258261" spans="14:14">
      <c r="N258261" s="10"/>
    </row>
    <row r="258262" spans="14:14">
      <c r="N258262" s="10"/>
    </row>
    <row r="258263" spans="14:14">
      <c r="N258263" s="10"/>
    </row>
    <row r="258264" spans="14:14">
      <c r="N258264" s="10"/>
    </row>
    <row r="258265" spans="14:14">
      <c r="N258265" s="10"/>
    </row>
    <row r="258266" spans="14:14">
      <c r="N258266" s="10"/>
    </row>
    <row r="258267" spans="14:14">
      <c r="N258267" s="10"/>
    </row>
    <row r="258268" spans="14:14">
      <c r="N258268" s="10"/>
    </row>
    <row r="258269" spans="14:14">
      <c r="N258269" s="10"/>
    </row>
    <row r="258270" spans="14:14">
      <c r="N258270" s="10"/>
    </row>
    <row r="258271" spans="14:14">
      <c r="N258271" s="10"/>
    </row>
    <row r="258272" spans="14:14">
      <c r="N258272" s="10"/>
    </row>
    <row r="258273" spans="14:14">
      <c r="N258273" s="10"/>
    </row>
    <row r="258274" spans="14:14">
      <c r="N258274" s="10"/>
    </row>
    <row r="258275" spans="14:14">
      <c r="N258275" s="10"/>
    </row>
    <row r="258276" spans="14:14">
      <c r="N258276" s="10"/>
    </row>
    <row r="258277" spans="14:14">
      <c r="N258277" s="10"/>
    </row>
    <row r="258278" spans="14:14">
      <c r="N258278" s="10"/>
    </row>
    <row r="258279" spans="14:14">
      <c r="N258279" s="10"/>
    </row>
    <row r="258280" spans="14:14">
      <c r="N258280" s="10"/>
    </row>
    <row r="258281" spans="14:14">
      <c r="N258281" s="10"/>
    </row>
    <row r="258282" spans="14:14">
      <c r="N258282" s="10"/>
    </row>
    <row r="258283" spans="14:14">
      <c r="N258283" s="10"/>
    </row>
    <row r="258284" spans="14:14">
      <c r="N258284" s="10"/>
    </row>
    <row r="258285" spans="14:14">
      <c r="N258285" s="10"/>
    </row>
    <row r="258286" spans="14:14">
      <c r="N258286" s="10"/>
    </row>
    <row r="258287" spans="14:14">
      <c r="N258287" s="10"/>
    </row>
    <row r="258288" spans="14:14">
      <c r="N258288" s="10"/>
    </row>
    <row r="258289" spans="14:14">
      <c r="N258289" s="10"/>
    </row>
    <row r="258290" spans="14:14">
      <c r="N258290" s="10"/>
    </row>
    <row r="258291" spans="14:14">
      <c r="N258291" s="10"/>
    </row>
    <row r="258292" spans="14:14">
      <c r="N258292" s="10"/>
    </row>
    <row r="258293" spans="14:14">
      <c r="N258293" s="10"/>
    </row>
    <row r="258294" spans="14:14">
      <c r="N258294" s="10"/>
    </row>
    <row r="258295" spans="14:14">
      <c r="N258295" s="10"/>
    </row>
    <row r="258296" spans="14:14">
      <c r="N258296" s="10"/>
    </row>
    <row r="258297" spans="14:14">
      <c r="N258297" s="10"/>
    </row>
    <row r="258298" spans="14:14">
      <c r="N258298" s="10"/>
    </row>
    <row r="258299" spans="14:14">
      <c r="N258299" s="10"/>
    </row>
    <row r="258300" spans="14:14">
      <c r="N258300" s="10"/>
    </row>
    <row r="258301" spans="14:14">
      <c r="N258301" s="10"/>
    </row>
    <row r="258302" spans="14:14">
      <c r="N258302" s="10"/>
    </row>
    <row r="258303" spans="14:14">
      <c r="N258303" s="10"/>
    </row>
    <row r="258304" spans="14:14">
      <c r="N258304" s="10"/>
    </row>
    <row r="258305" spans="14:14">
      <c r="N258305" s="10"/>
    </row>
    <row r="258306" spans="14:14">
      <c r="N258306" s="10"/>
    </row>
    <row r="258307" spans="14:14">
      <c r="N258307" s="10"/>
    </row>
    <row r="258308" spans="14:14">
      <c r="N258308" s="10"/>
    </row>
    <row r="258309" spans="14:14">
      <c r="N258309" s="10"/>
    </row>
    <row r="258310" spans="14:14">
      <c r="N258310" s="10"/>
    </row>
    <row r="258311" spans="14:14">
      <c r="N258311" s="10"/>
    </row>
    <row r="258312" spans="14:14">
      <c r="N258312" s="10"/>
    </row>
    <row r="258313" spans="14:14">
      <c r="N258313" s="10"/>
    </row>
    <row r="258314" spans="14:14">
      <c r="N258314" s="10"/>
    </row>
    <row r="258315" spans="14:14">
      <c r="N258315" s="10"/>
    </row>
    <row r="258316" spans="14:14">
      <c r="N258316" s="10"/>
    </row>
    <row r="258317" spans="14:14">
      <c r="N258317" s="10"/>
    </row>
    <row r="258318" spans="14:14">
      <c r="N258318" s="10"/>
    </row>
    <row r="258319" spans="14:14">
      <c r="N258319" s="10"/>
    </row>
    <row r="258320" spans="14:14">
      <c r="N258320" s="10"/>
    </row>
    <row r="258321" spans="14:14">
      <c r="N258321" s="10"/>
    </row>
    <row r="258322" spans="14:14">
      <c r="N258322" s="10"/>
    </row>
    <row r="258323" spans="14:14">
      <c r="N258323" s="10"/>
    </row>
    <row r="258324" spans="14:14">
      <c r="N258324" s="10"/>
    </row>
    <row r="258325" spans="14:14">
      <c r="N258325" s="10"/>
    </row>
    <row r="258326" spans="14:14">
      <c r="N258326" s="10"/>
    </row>
    <row r="258327" spans="14:14">
      <c r="N258327" s="10"/>
    </row>
    <row r="258328" spans="14:14">
      <c r="N258328" s="10"/>
    </row>
    <row r="258329" spans="14:14">
      <c r="N258329" s="10"/>
    </row>
    <row r="258330" spans="14:14">
      <c r="N258330" s="10"/>
    </row>
    <row r="258331" spans="14:14">
      <c r="N258331" s="10"/>
    </row>
    <row r="258332" spans="14:14">
      <c r="N258332" s="10"/>
    </row>
    <row r="258333" spans="14:14">
      <c r="N258333" s="10"/>
    </row>
    <row r="258334" spans="14:14">
      <c r="N258334" s="10"/>
    </row>
    <row r="258335" spans="14:14">
      <c r="N258335" s="10"/>
    </row>
    <row r="258336" spans="14:14">
      <c r="N258336" s="10"/>
    </row>
    <row r="258337" spans="14:14">
      <c r="N258337" s="10"/>
    </row>
    <row r="258338" spans="14:14">
      <c r="N258338" s="10"/>
    </row>
    <row r="258339" spans="14:14">
      <c r="N258339" s="10"/>
    </row>
    <row r="258340" spans="14:14">
      <c r="N258340" s="10"/>
    </row>
    <row r="258341" spans="14:14">
      <c r="N258341" s="10"/>
    </row>
    <row r="258342" spans="14:14">
      <c r="N258342" s="10"/>
    </row>
    <row r="258343" spans="14:14">
      <c r="N258343" s="10"/>
    </row>
    <row r="258344" spans="14:14">
      <c r="N258344" s="10"/>
    </row>
    <row r="258345" spans="14:14">
      <c r="N258345" s="10"/>
    </row>
    <row r="258346" spans="14:14">
      <c r="N258346" s="10"/>
    </row>
    <row r="258347" spans="14:14">
      <c r="N258347" s="10"/>
    </row>
    <row r="258348" spans="14:14">
      <c r="N258348" s="10"/>
    </row>
    <row r="258349" spans="14:14">
      <c r="N258349" s="10"/>
    </row>
    <row r="258350" spans="14:14">
      <c r="N258350" s="10"/>
    </row>
    <row r="258351" spans="14:14">
      <c r="N258351" s="10"/>
    </row>
    <row r="258352" spans="14:14">
      <c r="N258352" s="10"/>
    </row>
    <row r="258353" spans="14:14">
      <c r="N258353" s="10"/>
    </row>
    <row r="258354" spans="14:14">
      <c r="N258354" s="10"/>
    </row>
    <row r="258355" spans="14:14">
      <c r="N258355" s="10"/>
    </row>
    <row r="258356" spans="14:14">
      <c r="N258356" s="10"/>
    </row>
    <row r="258357" spans="14:14">
      <c r="N258357" s="10"/>
    </row>
    <row r="258358" spans="14:14">
      <c r="N258358" s="10"/>
    </row>
    <row r="258359" spans="14:14">
      <c r="N258359" s="10"/>
    </row>
    <row r="258360" spans="14:14">
      <c r="N258360" s="10"/>
    </row>
    <row r="258361" spans="14:14">
      <c r="N258361" s="10"/>
    </row>
    <row r="258362" spans="14:14">
      <c r="N258362" s="10"/>
    </row>
    <row r="258363" spans="14:14">
      <c r="N258363" s="10"/>
    </row>
    <row r="258364" spans="14:14">
      <c r="N258364" s="10"/>
    </row>
    <row r="258365" spans="14:14">
      <c r="N258365" s="10"/>
    </row>
    <row r="258366" spans="14:14">
      <c r="N258366" s="10"/>
    </row>
    <row r="258367" spans="14:14">
      <c r="N258367" s="10"/>
    </row>
    <row r="258368" spans="14:14">
      <c r="N258368" s="10"/>
    </row>
    <row r="258369" spans="14:14">
      <c r="N258369" s="10"/>
    </row>
    <row r="258370" spans="14:14">
      <c r="N258370" s="10"/>
    </row>
    <row r="258371" spans="14:14">
      <c r="N258371" s="10"/>
    </row>
    <row r="258372" spans="14:14">
      <c r="N258372" s="10"/>
    </row>
    <row r="258373" spans="14:14">
      <c r="N258373" s="10"/>
    </row>
    <row r="258374" spans="14:14">
      <c r="N258374" s="10"/>
    </row>
    <row r="258375" spans="14:14">
      <c r="N258375" s="10"/>
    </row>
    <row r="258376" spans="14:14">
      <c r="N258376" s="10"/>
    </row>
    <row r="258377" spans="14:14">
      <c r="N258377" s="10"/>
    </row>
    <row r="258378" spans="14:14">
      <c r="N258378" s="10"/>
    </row>
    <row r="258379" spans="14:14">
      <c r="N258379" s="10"/>
    </row>
    <row r="258380" spans="14:14">
      <c r="N258380" s="10"/>
    </row>
    <row r="258381" spans="14:14">
      <c r="N258381" s="10"/>
    </row>
    <row r="258382" spans="14:14">
      <c r="N258382" s="10"/>
    </row>
    <row r="258383" spans="14:14">
      <c r="N258383" s="10"/>
    </row>
    <row r="258384" spans="14:14">
      <c r="N258384" s="10"/>
    </row>
    <row r="258385" spans="14:14">
      <c r="N258385" s="10"/>
    </row>
    <row r="258386" spans="14:14">
      <c r="N258386" s="10"/>
    </row>
    <row r="258387" spans="14:14">
      <c r="N258387" s="10"/>
    </row>
    <row r="258388" spans="14:14">
      <c r="N258388" s="10"/>
    </row>
    <row r="258389" spans="14:14">
      <c r="N258389" s="10"/>
    </row>
    <row r="258390" spans="14:14">
      <c r="N258390" s="10"/>
    </row>
    <row r="258391" spans="14:14">
      <c r="N258391" s="10"/>
    </row>
    <row r="258392" spans="14:14">
      <c r="N258392" s="10"/>
    </row>
    <row r="258393" spans="14:14">
      <c r="N258393" s="10"/>
    </row>
    <row r="258394" spans="14:14">
      <c r="N258394" s="10"/>
    </row>
    <row r="258395" spans="14:14">
      <c r="N258395" s="10"/>
    </row>
    <row r="258396" spans="14:14">
      <c r="N258396" s="10"/>
    </row>
    <row r="258397" spans="14:14">
      <c r="N258397" s="10"/>
    </row>
    <row r="258398" spans="14:14">
      <c r="N258398" s="10"/>
    </row>
    <row r="258399" spans="14:14">
      <c r="N258399" s="10"/>
    </row>
    <row r="258400" spans="14:14">
      <c r="N258400" s="10"/>
    </row>
    <row r="258401" spans="14:14">
      <c r="N258401" s="10"/>
    </row>
    <row r="258402" spans="14:14">
      <c r="N258402" s="10"/>
    </row>
    <row r="258403" spans="14:14">
      <c r="N258403" s="10"/>
    </row>
    <row r="258404" spans="14:14">
      <c r="N258404" s="10"/>
    </row>
    <row r="258405" spans="14:14">
      <c r="N258405" s="10"/>
    </row>
    <row r="258406" spans="14:14">
      <c r="N258406" s="10"/>
    </row>
    <row r="258407" spans="14:14">
      <c r="N258407" s="10"/>
    </row>
    <row r="258408" spans="14:14">
      <c r="N258408" s="10"/>
    </row>
    <row r="258409" spans="14:14">
      <c r="N258409" s="10"/>
    </row>
    <row r="258410" spans="14:14">
      <c r="N258410" s="10"/>
    </row>
    <row r="258411" spans="14:14">
      <c r="N258411" s="10"/>
    </row>
    <row r="258412" spans="14:14">
      <c r="N258412" s="10"/>
    </row>
    <row r="258413" spans="14:14">
      <c r="N258413" s="10"/>
    </row>
    <row r="258414" spans="14:14">
      <c r="N258414" s="10"/>
    </row>
    <row r="258415" spans="14:14">
      <c r="N258415" s="10"/>
    </row>
    <row r="258416" spans="14:14">
      <c r="N258416" s="10"/>
    </row>
    <row r="258417" spans="14:14">
      <c r="N258417" s="10"/>
    </row>
    <row r="258418" spans="14:14">
      <c r="N258418" s="10"/>
    </row>
    <row r="258419" spans="14:14">
      <c r="N258419" s="10"/>
    </row>
    <row r="258420" spans="14:14">
      <c r="N258420" s="10"/>
    </row>
    <row r="258421" spans="14:14">
      <c r="N258421" s="10"/>
    </row>
    <row r="258422" spans="14:14">
      <c r="N258422" s="10"/>
    </row>
    <row r="258423" spans="14:14">
      <c r="N258423" s="10"/>
    </row>
    <row r="258424" spans="14:14">
      <c r="N258424" s="10"/>
    </row>
    <row r="258425" spans="14:14">
      <c r="N258425" s="10"/>
    </row>
    <row r="258426" spans="14:14">
      <c r="N258426" s="10"/>
    </row>
    <row r="258427" spans="14:14">
      <c r="N258427" s="10"/>
    </row>
    <row r="258428" spans="14:14">
      <c r="N258428" s="10"/>
    </row>
    <row r="258429" spans="14:14">
      <c r="N258429" s="10"/>
    </row>
    <row r="258430" spans="14:14">
      <c r="N258430" s="10"/>
    </row>
    <row r="258431" spans="14:14">
      <c r="N258431" s="10"/>
    </row>
    <row r="258432" spans="14:14">
      <c r="N258432" s="10"/>
    </row>
    <row r="258433" spans="14:14">
      <c r="N258433" s="10"/>
    </row>
    <row r="258434" spans="14:14">
      <c r="N258434" s="10"/>
    </row>
    <row r="258435" spans="14:14">
      <c r="N258435" s="10"/>
    </row>
    <row r="258436" spans="14:14">
      <c r="N258436" s="10"/>
    </row>
    <row r="258437" spans="14:14">
      <c r="N258437" s="10"/>
    </row>
    <row r="258438" spans="14:14">
      <c r="N258438" s="10"/>
    </row>
    <row r="258439" spans="14:14">
      <c r="N258439" s="10"/>
    </row>
    <row r="258440" spans="14:14">
      <c r="N258440" s="10"/>
    </row>
    <row r="258441" spans="14:14">
      <c r="N258441" s="10"/>
    </row>
    <row r="258442" spans="14:14">
      <c r="N258442" s="10"/>
    </row>
    <row r="258443" spans="14:14">
      <c r="N258443" s="10"/>
    </row>
    <row r="258444" spans="14:14">
      <c r="N258444" s="10"/>
    </row>
    <row r="258445" spans="14:14">
      <c r="N258445" s="10"/>
    </row>
    <row r="258446" spans="14:14">
      <c r="N258446" s="10"/>
    </row>
    <row r="258447" spans="14:14">
      <c r="N258447" s="10"/>
    </row>
    <row r="258448" spans="14:14">
      <c r="N258448" s="10"/>
    </row>
    <row r="258449" spans="14:14">
      <c r="N258449" s="10"/>
    </row>
    <row r="258450" spans="14:14">
      <c r="N258450" s="10"/>
    </row>
    <row r="258451" spans="14:14">
      <c r="N258451" s="10"/>
    </row>
    <row r="258452" spans="14:14">
      <c r="N258452" s="10"/>
    </row>
    <row r="258453" spans="14:14">
      <c r="N258453" s="10"/>
    </row>
    <row r="258454" spans="14:14">
      <c r="N258454" s="10"/>
    </row>
    <row r="258455" spans="14:14">
      <c r="N258455" s="10"/>
    </row>
    <row r="258456" spans="14:14">
      <c r="N258456" s="10"/>
    </row>
    <row r="258457" spans="14:14">
      <c r="N258457" s="10"/>
    </row>
    <row r="258458" spans="14:14">
      <c r="N258458" s="10"/>
    </row>
    <row r="258459" spans="14:14">
      <c r="N258459" s="10"/>
    </row>
    <row r="258460" spans="14:14">
      <c r="N258460" s="10"/>
    </row>
    <row r="258461" spans="14:14">
      <c r="N258461" s="10"/>
    </row>
    <row r="258462" spans="14:14">
      <c r="N258462" s="10"/>
    </row>
    <row r="258463" spans="14:14">
      <c r="N258463" s="10"/>
    </row>
    <row r="258464" spans="14:14">
      <c r="N258464" s="10"/>
    </row>
    <row r="258465" spans="14:14">
      <c r="N258465" s="10"/>
    </row>
    <row r="258466" spans="14:14">
      <c r="N258466" s="10"/>
    </row>
    <row r="258467" spans="14:14">
      <c r="N258467" s="10"/>
    </row>
    <row r="258468" spans="14:14">
      <c r="N258468" s="10"/>
    </row>
    <row r="258469" spans="14:14">
      <c r="N258469" s="10"/>
    </row>
    <row r="258470" spans="14:14">
      <c r="N258470" s="10"/>
    </row>
    <row r="258471" spans="14:14">
      <c r="N258471" s="10"/>
    </row>
    <row r="258472" spans="14:14">
      <c r="N258472" s="10"/>
    </row>
    <row r="258473" spans="14:14">
      <c r="N258473" s="10"/>
    </row>
    <row r="258474" spans="14:14">
      <c r="N258474" s="10"/>
    </row>
    <row r="258475" spans="14:14">
      <c r="N258475" s="10"/>
    </row>
    <row r="258476" spans="14:14">
      <c r="N258476" s="10"/>
    </row>
    <row r="258477" spans="14:14">
      <c r="N258477" s="10"/>
    </row>
    <row r="258478" spans="14:14">
      <c r="N258478" s="10"/>
    </row>
    <row r="258479" spans="14:14">
      <c r="N258479" s="10"/>
    </row>
    <row r="258480" spans="14:14">
      <c r="N258480" s="10"/>
    </row>
    <row r="258481" spans="14:14">
      <c r="N258481" s="10"/>
    </row>
    <row r="258482" spans="14:14">
      <c r="N258482" s="10"/>
    </row>
    <row r="258483" spans="14:14">
      <c r="N258483" s="10"/>
    </row>
    <row r="258484" spans="14:14">
      <c r="N258484" s="10"/>
    </row>
    <row r="258485" spans="14:14">
      <c r="N258485" s="10"/>
    </row>
    <row r="258486" spans="14:14">
      <c r="N258486" s="10"/>
    </row>
    <row r="258487" spans="14:14">
      <c r="N258487" s="10"/>
    </row>
    <row r="258488" spans="14:14">
      <c r="N258488" s="10"/>
    </row>
    <row r="258489" spans="14:14">
      <c r="N258489" s="10"/>
    </row>
    <row r="258490" spans="14:14">
      <c r="N258490" s="10"/>
    </row>
    <row r="258491" spans="14:14">
      <c r="N258491" s="10"/>
    </row>
    <row r="258492" spans="14:14">
      <c r="N258492" s="10"/>
    </row>
    <row r="258493" spans="14:14">
      <c r="N258493" s="10"/>
    </row>
    <row r="258494" spans="14:14">
      <c r="N258494" s="10"/>
    </row>
    <row r="258495" spans="14:14">
      <c r="N258495" s="10"/>
    </row>
    <row r="258496" spans="14:14">
      <c r="N258496" s="10"/>
    </row>
    <row r="258497" spans="14:14">
      <c r="N258497" s="10"/>
    </row>
    <row r="258498" spans="14:14">
      <c r="N258498" s="10"/>
    </row>
    <row r="258499" spans="14:14">
      <c r="N258499" s="10"/>
    </row>
    <row r="258500" spans="14:14">
      <c r="N258500" s="10"/>
    </row>
    <row r="258501" spans="14:14">
      <c r="N258501" s="10"/>
    </row>
    <row r="258502" spans="14:14">
      <c r="N258502" s="10"/>
    </row>
    <row r="258503" spans="14:14">
      <c r="N258503" s="10"/>
    </row>
    <row r="258504" spans="14:14">
      <c r="N258504" s="10"/>
    </row>
    <row r="258505" spans="14:14">
      <c r="N258505" s="10"/>
    </row>
    <row r="258506" spans="14:14">
      <c r="N258506" s="10"/>
    </row>
    <row r="258507" spans="14:14">
      <c r="N258507" s="10"/>
    </row>
    <row r="258508" spans="14:14">
      <c r="N258508" s="10"/>
    </row>
    <row r="258509" spans="14:14">
      <c r="N258509" s="10"/>
    </row>
    <row r="258510" spans="14:14">
      <c r="N258510" s="10"/>
    </row>
    <row r="258511" spans="14:14">
      <c r="N258511" s="10"/>
    </row>
    <row r="258512" spans="14:14">
      <c r="N258512" s="10"/>
    </row>
    <row r="258513" spans="14:14">
      <c r="N258513" s="10"/>
    </row>
    <row r="258514" spans="14:14">
      <c r="N258514" s="10"/>
    </row>
    <row r="258515" spans="14:14">
      <c r="N258515" s="10"/>
    </row>
    <row r="258516" spans="14:14">
      <c r="N258516" s="10"/>
    </row>
    <row r="258517" spans="14:14">
      <c r="N258517" s="10"/>
    </row>
    <row r="258518" spans="14:14">
      <c r="N258518" s="10"/>
    </row>
    <row r="258519" spans="14:14">
      <c r="N258519" s="10"/>
    </row>
    <row r="258520" spans="14:14">
      <c r="N258520" s="10"/>
    </row>
    <row r="258521" spans="14:14">
      <c r="N258521" s="10"/>
    </row>
    <row r="258522" spans="14:14">
      <c r="N258522" s="10"/>
    </row>
    <row r="258523" spans="14:14">
      <c r="N258523" s="10"/>
    </row>
    <row r="258524" spans="14:14">
      <c r="N258524" s="10"/>
    </row>
    <row r="258525" spans="14:14">
      <c r="N258525" s="10"/>
    </row>
    <row r="258526" spans="14:14">
      <c r="N258526" s="10"/>
    </row>
    <row r="258527" spans="14:14">
      <c r="N258527" s="10"/>
    </row>
    <row r="258528" spans="14:14">
      <c r="N258528" s="10"/>
    </row>
    <row r="258529" spans="14:14">
      <c r="N258529" s="10"/>
    </row>
    <row r="258530" spans="14:14">
      <c r="N258530" s="10"/>
    </row>
    <row r="258531" spans="14:14">
      <c r="N258531" s="10"/>
    </row>
    <row r="258532" spans="14:14">
      <c r="N258532" s="10"/>
    </row>
    <row r="258533" spans="14:14">
      <c r="N258533" s="10"/>
    </row>
    <row r="258534" spans="14:14">
      <c r="N258534" s="10"/>
    </row>
    <row r="258535" spans="14:14">
      <c r="N258535" s="10"/>
    </row>
    <row r="258536" spans="14:14">
      <c r="N258536" s="10"/>
    </row>
    <row r="258537" spans="14:14">
      <c r="N258537" s="10"/>
    </row>
    <row r="258538" spans="14:14">
      <c r="N258538" s="10"/>
    </row>
    <row r="258539" spans="14:14">
      <c r="N258539" s="10"/>
    </row>
    <row r="258540" spans="14:14">
      <c r="N258540" s="10"/>
    </row>
    <row r="258541" spans="14:14">
      <c r="N258541" s="10"/>
    </row>
    <row r="258542" spans="14:14">
      <c r="N258542" s="10"/>
    </row>
    <row r="258543" spans="14:14">
      <c r="N258543" s="10"/>
    </row>
    <row r="258544" spans="14:14">
      <c r="N258544" s="10"/>
    </row>
    <row r="258545" spans="14:14">
      <c r="N258545" s="10"/>
    </row>
    <row r="258546" spans="14:14">
      <c r="N258546" s="10"/>
    </row>
    <row r="258547" spans="14:14">
      <c r="N258547" s="10"/>
    </row>
    <row r="258548" spans="14:14">
      <c r="N258548" s="10"/>
    </row>
    <row r="258549" spans="14:14">
      <c r="N258549" s="10"/>
    </row>
    <row r="258550" spans="14:14">
      <c r="N258550" s="10"/>
    </row>
    <row r="258551" spans="14:14">
      <c r="N258551" s="10"/>
    </row>
    <row r="258552" spans="14:14">
      <c r="N258552" s="10"/>
    </row>
    <row r="258553" spans="14:14">
      <c r="N258553" s="10"/>
    </row>
    <row r="258554" spans="14:14">
      <c r="N258554" s="10"/>
    </row>
    <row r="258555" spans="14:14">
      <c r="N258555" s="10"/>
    </row>
    <row r="258556" spans="14:14">
      <c r="N258556" s="10"/>
    </row>
    <row r="258557" spans="14:14">
      <c r="N258557" s="10"/>
    </row>
    <row r="258558" spans="14:14">
      <c r="N258558" s="10"/>
    </row>
    <row r="258559" spans="14:14">
      <c r="N258559" s="10"/>
    </row>
    <row r="258560" spans="14:14">
      <c r="N258560" s="10"/>
    </row>
    <row r="258561" spans="14:14">
      <c r="N258561" s="10"/>
    </row>
    <row r="258562" spans="14:14">
      <c r="N258562" s="10"/>
    </row>
    <row r="258563" spans="14:14">
      <c r="N258563" s="10"/>
    </row>
    <row r="258564" spans="14:14">
      <c r="N258564" s="10"/>
    </row>
    <row r="258565" spans="14:14">
      <c r="N258565" s="10"/>
    </row>
    <row r="258566" spans="14:14">
      <c r="N258566" s="10"/>
    </row>
    <row r="258567" spans="14:14">
      <c r="N258567" s="10"/>
    </row>
    <row r="258568" spans="14:14">
      <c r="N258568" s="10"/>
    </row>
    <row r="258569" spans="14:14">
      <c r="N258569" s="10"/>
    </row>
    <row r="258570" spans="14:14">
      <c r="N258570" s="10"/>
    </row>
    <row r="258571" spans="14:14">
      <c r="N258571" s="10"/>
    </row>
    <row r="258572" spans="14:14">
      <c r="N258572" s="10"/>
    </row>
    <row r="258573" spans="14:14">
      <c r="N258573" s="10"/>
    </row>
    <row r="258574" spans="14:14">
      <c r="N258574" s="10"/>
    </row>
    <row r="258575" spans="14:14">
      <c r="N258575" s="10"/>
    </row>
    <row r="258576" spans="14:14">
      <c r="N258576" s="10"/>
    </row>
    <row r="258577" spans="14:14">
      <c r="N258577" s="10"/>
    </row>
    <row r="258578" spans="14:14">
      <c r="N258578" s="10"/>
    </row>
    <row r="258579" spans="14:14">
      <c r="N258579" s="10"/>
    </row>
    <row r="258580" spans="14:14">
      <c r="N258580" s="10"/>
    </row>
    <row r="258581" spans="14:14">
      <c r="N258581" s="10"/>
    </row>
    <row r="258582" spans="14:14">
      <c r="N258582" s="10"/>
    </row>
    <row r="258583" spans="14:14">
      <c r="N258583" s="10"/>
    </row>
    <row r="258584" spans="14:14">
      <c r="N258584" s="10"/>
    </row>
    <row r="258585" spans="14:14">
      <c r="N258585" s="10"/>
    </row>
    <row r="258586" spans="14:14">
      <c r="N258586" s="10"/>
    </row>
    <row r="258587" spans="14:14">
      <c r="N258587" s="10"/>
    </row>
    <row r="258588" spans="14:14">
      <c r="N258588" s="10"/>
    </row>
    <row r="258589" spans="14:14">
      <c r="N258589" s="10"/>
    </row>
    <row r="258590" spans="14:14">
      <c r="N258590" s="10"/>
    </row>
    <row r="258591" spans="14:14">
      <c r="N258591" s="10"/>
    </row>
    <row r="258592" spans="14:14">
      <c r="N258592" s="10"/>
    </row>
    <row r="258593" spans="14:14">
      <c r="N258593" s="10"/>
    </row>
    <row r="258594" spans="14:14">
      <c r="N258594" s="10"/>
    </row>
    <row r="258595" spans="14:14">
      <c r="N258595" s="10"/>
    </row>
    <row r="258596" spans="14:14">
      <c r="N258596" s="10"/>
    </row>
    <row r="258597" spans="14:14">
      <c r="N258597" s="10"/>
    </row>
    <row r="258598" spans="14:14">
      <c r="N258598" s="10"/>
    </row>
    <row r="258599" spans="14:14">
      <c r="N258599" s="10"/>
    </row>
    <row r="258600" spans="14:14">
      <c r="N258600" s="10"/>
    </row>
    <row r="258601" spans="14:14">
      <c r="N258601" s="10"/>
    </row>
    <row r="258602" spans="14:14">
      <c r="N258602" s="10"/>
    </row>
    <row r="258603" spans="14:14">
      <c r="N258603" s="10"/>
    </row>
    <row r="258604" spans="14:14">
      <c r="N258604" s="10"/>
    </row>
    <row r="258605" spans="14:14">
      <c r="N258605" s="10"/>
    </row>
    <row r="258606" spans="14:14">
      <c r="N258606" s="10"/>
    </row>
    <row r="258607" spans="14:14">
      <c r="N258607" s="10"/>
    </row>
    <row r="258608" spans="14:14">
      <c r="N258608" s="10"/>
    </row>
    <row r="258609" spans="14:14">
      <c r="N258609" s="10"/>
    </row>
    <row r="258610" spans="14:14">
      <c r="N258610" s="10"/>
    </row>
    <row r="258611" spans="14:14">
      <c r="N258611" s="10"/>
    </row>
    <row r="258612" spans="14:14">
      <c r="N258612" s="10"/>
    </row>
    <row r="258613" spans="14:14">
      <c r="N258613" s="10"/>
    </row>
    <row r="258614" spans="14:14">
      <c r="N258614" s="10"/>
    </row>
    <row r="258615" spans="14:14">
      <c r="N258615" s="10"/>
    </row>
    <row r="258616" spans="14:14">
      <c r="N258616" s="10"/>
    </row>
    <row r="258617" spans="14:14">
      <c r="N258617" s="10"/>
    </row>
    <row r="258618" spans="14:14">
      <c r="N258618" s="10"/>
    </row>
    <row r="258619" spans="14:14">
      <c r="N258619" s="10"/>
    </row>
    <row r="258620" spans="14:14">
      <c r="N258620" s="10"/>
    </row>
    <row r="258621" spans="14:14">
      <c r="N258621" s="10"/>
    </row>
    <row r="258622" spans="14:14">
      <c r="N258622" s="10"/>
    </row>
    <row r="258623" spans="14:14">
      <c r="N258623" s="10"/>
    </row>
    <row r="258624" spans="14:14">
      <c r="N258624" s="10"/>
    </row>
    <row r="258625" spans="14:14">
      <c r="N258625" s="10"/>
    </row>
    <row r="258626" spans="14:14">
      <c r="N258626" s="10"/>
    </row>
    <row r="258627" spans="14:14">
      <c r="N258627" s="10"/>
    </row>
    <row r="258628" spans="14:14">
      <c r="N258628" s="10"/>
    </row>
    <row r="258629" spans="14:14">
      <c r="N258629" s="10"/>
    </row>
    <row r="258630" spans="14:14">
      <c r="N258630" s="10"/>
    </row>
    <row r="258631" spans="14:14">
      <c r="N258631" s="10"/>
    </row>
    <row r="258632" spans="14:14">
      <c r="N258632" s="10"/>
    </row>
    <row r="258633" spans="14:14">
      <c r="N258633" s="10"/>
    </row>
    <row r="258634" spans="14:14">
      <c r="N258634" s="10"/>
    </row>
    <row r="258635" spans="14:14">
      <c r="N258635" s="10"/>
    </row>
    <row r="258636" spans="14:14">
      <c r="N258636" s="10"/>
    </row>
    <row r="258637" spans="14:14">
      <c r="N258637" s="10"/>
    </row>
    <row r="258638" spans="14:14">
      <c r="N258638" s="10"/>
    </row>
    <row r="258639" spans="14:14">
      <c r="N258639" s="10"/>
    </row>
    <row r="258640" spans="14:14">
      <c r="N258640" s="10"/>
    </row>
    <row r="258641" spans="14:14">
      <c r="N258641" s="10"/>
    </row>
    <row r="258642" spans="14:14">
      <c r="N258642" s="10"/>
    </row>
    <row r="258643" spans="14:14">
      <c r="N258643" s="10"/>
    </row>
    <row r="258644" spans="14:14">
      <c r="N258644" s="10"/>
    </row>
    <row r="258645" spans="14:14">
      <c r="N258645" s="10"/>
    </row>
    <row r="258646" spans="14:14">
      <c r="N258646" s="10"/>
    </row>
    <row r="258647" spans="14:14">
      <c r="N258647" s="10"/>
    </row>
    <row r="258648" spans="14:14">
      <c r="N258648" s="10"/>
    </row>
    <row r="258649" spans="14:14">
      <c r="N258649" s="10"/>
    </row>
    <row r="258650" spans="14:14">
      <c r="N258650" s="10"/>
    </row>
    <row r="258651" spans="14:14">
      <c r="N258651" s="10"/>
    </row>
    <row r="258652" spans="14:14">
      <c r="N258652" s="10"/>
    </row>
    <row r="258653" spans="14:14">
      <c r="N258653" s="10"/>
    </row>
    <row r="258654" spans="14:14">
      <c r="N258654" s="10"/>
    </row>
    <row r="258655" spans="14:14">
      <c r="N258655" s="10"/>
    </row>
    <row r="258656" spans="14:14">
      <c r="N258656" s="10"/>
    </row>
    <row r="258657" spans="14:14">
      <c r="N258657" s="10"/>
    </row>
    <row r="258658" spans="14:14">
      <c r="N258658" s="10"/>
    </row>
    <row r="258659" spans="14:14">
      <c r="N258659" s="10"/>
    </row>
    <row r="258660" spans="14:14">
      <c r="N258660" s="10"/>
    </row>
    <row r="258661" spans="14:14">
      <c r="N258661" s="10"/>
    </row>
    <row r="258662" spans="14:14">
      <c r="N258662" s="10"/>
    </row>
    <row r="258663" spans="14:14">
      <c r="N258663" s="10"/>
    </row>
    <row r="258664" spans="14:14">
      <c r="N258664" s="10"/>
    </row>
    <row r="258665" spans="14:14">
      <c r="N258665" s="10"/>
    </row>
    <row r="258666" spans="14:14">
      <c r="N258666" s="10"/>
    </row>
    <row r="258667" spans="14:14">
      <c r="N258667" s="10"/>
    </row>
    <row r="258668" spans="14:14">
      <c r="N258668" s="10"/>
    </row>
    <row r="258669" spans="14:14">
      <c r="N258669" s="10"/>
    </row>
    <row r="258670" spans="14:14">
      <c r="N258670" s="10"/>
    </row>
    <row r="258671" spans="14:14">
      <c r="N258671" s="10"/>
    </row>
    <row r="258672" spans="14:14">
      <c r="N258672" s="10"/>
    </row>
    <row r="258673" spans="14:14">
      <c r="N258673" s="10"/>
    </row>
    <row r="258674" spans="14:14">
      <c r="N258674" s="10"/>
    </row>
    <row r="258675" spans="14:14">
      <c r="N258675" s="10"/>
    </row>
    <row r="258676" spans="14:14">
      <c r="N258676" s="10"/>
    </row>
    <row r="258677" spans="14:14">
      <c r="N258677" s="10"/>
    </row>
    <row r="258678" spans="14:14">
      <c r="N258678" s="10"/>
    </row>
    <row r="258679" spans="14:14">
      <c r="N258679" s="10"/>
    </row>
    <row r="258680" spans="14:14">
      <c r="N258680" s="10"/>
    </row>
    <row r="258681" spans="14:14">
      <c r="N258681" s="10"/>
    </row>
    <row r="258682" spans="14:14">
      <c r="N258682" s="10"/>
    </row>
    <row r="258683" spans="14:14">
      <c r="N258683" s="10"/>
    </row>
    <row r="258684" spans="14:14">
      <c r="N258684" s="10"/>
    </row>
    <row r="258685" spans="14:14">
      <c r="N258685" s="10"/>
    </row>
    <row r="258686" spans="14:14">
      <c r="N258686" s="10"/>
    </row>
    <row r="258687" spans="14:14">
      <c r="N258687" s="10"/>
    </row>
    <row r="258688" spans="14:14">
      <c r="N258688" s="10"/>
    </row>
    <row r="258689" spans="14:14">
      <c r="N258689" s="10"/>
    </row>
    <row r="258690" spans="14:14">
      <c r="N258690" s="10"/>
    </row>
    <row r="258691" spans="14:14">
      <c r="N258691" s="10"/>
    </row>
    <row r="258692" spans="14:14">
      <c r="N258692" s="10"/>
    </row>
    <row r="258693" spans="14:14">
      <c r="N258693" s="10"/>
    </row>
    <row r="258694" spans="14:14">
      <c r="N258694" s="10"/>
    </row>
    <row r="258695" spans="14:14">
      <c r="N258695" s="10"/>
    </row>
    <row r="258696" spans="14:14">
      <c r="N258696" s="10"/>
    </row>
    <row r="258697" spans="14:14">
      <c r="N258697" s="10"/>
    </row>
    <row r="258698" spans="14:14">
      <c r="N258698" s="10"/>
    </row>
    <row r="258699" spans="14:14">
      <c r="N258699" s="10"/>
    </row>
    <row r="258700" spans="14:14">
      <c r="N258700" s="10"/>
    </row>
    <row r="258701" spans="14:14">
      <c r="N258701" s="10"/>
    </row>
    <row r="258702" spans="14:14">
      <c r="N258702" s="10"/>
    </row>
    <row r="258703" spans="14:14">
      <c r="N258703" s="10"/>
    </row>
    <row r="258704" spans="14:14">
      <c r="N258704" s="10"/>
    </row>
    <row r="258705" spans="14:14">
      <c r="N258705" s="10"/>
    </row>
    <row r="258706" spans="14:14">
      <c r="N258706" s="10"/>
    </row>
    <row r="258707" spans="14:14">
      <c r="N258707" s="10"/>
    </row>
    <row r="258708" spans="14:14">
      <c r="N258708" s="10"/>
    </row>
    <row r="258709" spans="14:14">
      <c r="N258709" s="10"/>
    </row>
    <row r="258710" spans="14:14">
      <c r="N258710" s="10"/>
    </row>
    <row r="258711" spans="14:14">
      <c r="N258711" s="10"/>
    </row>
    <row r="258712" spans="14:14">
      <c r="N258712" s="10"/>
    </row>
    <row r="258713" spans="14:14">
      <c r="N258713" s="10"/>
    </row>
    <row r="258714" spans="14:14">
      <c r="N258714" s="10"/>
    </row>
    <row r="258715" spans="14:14">
      <c r="N258715" s="10"/>
    </row>
    <row r="258716" spans="14:14">
      <c r="N258716" s="10"/>
    </row>
    <row r="258717" spans="14:14">
      <c r="N258717" s="10"/>
    </row>
    <row r="258718" spans="14:14">
      <c r="N258718" s="10"/>
    </row>
    <row r="258719" spans="14:14">
      <c r="N258719" s="10"/>
    </row>
    <row r="258720" spans="14:14">
      <c r="N258720" s="10"/>
    </row>
    <row r="258721" spans="14:14">
      <c r="N258721" s="10"/>
    </row>
    <row r="258722" spans="14:14">
      <c r="N258722" s="10"/>
    </row>
    <row r="258723" spans="14:14">
      <c r="N258723" s="10"/>
    </row>
    <row r="258724" spans="14:14">
      <c r="N258724" s="10"/>
    </row>
    <row r="258725" spans="14:14">
      <c r="N258725" s="10"/>
    </row>
    <row r="258726" spans="14:14">
      <c r="N258726" s="10"/>
    </row>
    <row r="258727" spans="14:14">
      <c r="N258727" s="10"/>
    </row>
    <row r="258728" spans="14:14">
      <c r="N258728" s="10"/>
    </row>
    <row r="258729" spans="14:14">
      <c r="N258729" s="10"/>
    </row>
    <row r="258730" spans="14:14">
      <c r="N258730" s="10"/>
    </row>
    <row r="258731" spans="14:14">
      <c r="N258731" s="10"/>
    </row>
    <row r="258732" spans="14:14">
      <c r="N258732" s="10"/>
    </row>
    <row r="258733" spans="14:14">
      <c r="N258733" s="10"/>
    </row>
    <row r="258734" spans="14:14">
      <c r="N258734" s="10"/>
    </row>
    <row r="258735" spans="14:14">
      <c r="N258735" s="10"/>
    </row>
    <row r="258736" spans="14:14">
      <c r="N258736" s="10"/>
    </row>
    <row r="258737" spans="14:14">
      <c r="N258737" s="10"/>
    </row>
    <row r="258738" spans="14:14">
      <c r="N258738" s="10"/>
    </row>
    <row r="258739" spans="14:14">
      <c r="N258739" s="10"/>
    </row>
    <row r="258740" spans="14:14">
      <c r="N258740" s="10"/>
    </row>
    <row r="258741" spans="14:14">
      <c r="N258741" s="10"/>
    </row>
    <row r="258742" spans="14:14">
      <c r="N258742" s="10"/>
    </row>
    <row r="258743" spans="14:14">
      <c r="N258743" s="10"/>
    </row>
    <row r="258744" spans="14:14">
      <c r="N258744" s="10"/>
    </row>
    <row r="258745" spans="14:14">
      <c r="N258745" s="10"/>
    </row>
    <row r="258746" spans="14:14">
      <c r="N258746" s="10"/>
    </row>
    <row r="258747" spans="14:14">
      <c r="N258747" s="10"/>
    </row>
    <row r="258748" spans="14:14">
      <c r="N258748" s="10"/>
    </row>
    <row r="258749" spans="14:14">
      <c r="N258749" s="10"/>
    </row>
    <row r="258750" spans="14:14">
      <c r="N258750" s="10"/>
    </row>
    <row r="258751" spans="14:14">
      <c r="N258751" s="10"/>
    </row>
    <row r="258752" spans="14:14">
      <c r="N258752" s="10"/>
    </row>
    <row r="258753" spans="14:14">
      <c r="N258753" s="10"/>
    </row>
    <row r="258754" spans="14:14">
      <c r="N258754" s="10"/>
    </row>
    <row r="258755" spans="14:14">
      <c r="N258755" s="10"/>
    </row>
    <row r="258756" spans="14:14">
      <c r="N258756" s="10"/>
    </row>
    <row r="258757" spans="14:14">
      <c r="N258757" s="10"/>
    </row>
    <row r="258758" spans="14:14">
      <c r="N258758" s="10"/>
    </row>
    <row r="258759" spans="14:14">
      <c r="N258759" s="10"/>
    </row>
    <row r="258760" spans="14:14">
      <c r="N258760" s="10"/>
    </row>
    <row r="258761" spans="14:14">
      <c r="N258761" s="10"/>
    </row>
    <row r="258762" spans="14:14">
      <c r="N258762" s="10"/>
    </row>
    <row r="258763" spans="14:14">
      <c r="N258763" s="10"/>
    </row>
    <row r="258764" spans="14:14">
      <c r="N258764" s="10"/>
    </row>
    <row r="258765" spans="14:14">
      <c r="N258765" s="10"/>
    </row>
    <row r="258766" spans="14:14">
      <c r="N258766" s="10"/>
    </row>
    <row r="258767" spans="14:14">
      <c r="N258767" s="10"/>
    </row>
    <row r="258768" spans="14:14">
      <c r="N258768" s="10"/>
    </row>
    <row r="258769" spans="14:14">
      <c r="N258769" s="10"/>
    </row>
    <row r="258770" spans="14:14">
      <c r="N258770" s="10"/>
    </row>
    <row r="258771" spans="14:14">
      <c r="N258771" s="10"/>
    </row>
    <row r="258772" spans="14:14">
      <c r="N258772" s="10"/>
    </row>
    <row r="258773" spans="14:14">
      <c r="N258773" s="10"/>
    </row>
    <row r="258774" spans="14:14">
      <c r="N258774" s="10"/>
    </row>
    <row r="258775" spans="14:14">
      <c r="N258775" s="10"/>
    </row>
    <row r="258776" spans="14:14">
      <c r="N258776" s="10"/>
    </row>
    <row r="258777" spans="14:14">
      <c r="N258777" s="10"/>
    </row>
    <row r="258778" spans="14:14">
      <c r="N258778" s="10"/>
    </row>
    <row r="258779" spans="14:14">
      <c r="N258779" s="10"/>
    </row>
    <row r="258780" spans="14:14">
      <c r="N258780" s="10"/>
    </row>
    <row r="258781" spans="14:14">
      <c r="N258781" s="10"/>
    </row>
    <row r="258782" spans="14:14">
      <c r="N258782" s="10"/>
    </row>
    <row r="258783" spans="14:14">
      <c r="N258783" s="10"/>
    </row>
    <row r="258784" spans="14:14">
      <c r="N258784" s="10"/>
    </row>
    <row r="258785" spans="14:14">
      <c r="N258785" s="10"/>
    </row>
    <row r="258786" spans="14:14">
      <c r="N258786" s="10"/>
    </row>
    <row r="258787" spans="14:14">
      <c r="N258787" s="10"/>
    </row>
    <row r="258788" spans="14:14">
      <c r="N258788" s="10"/>
    </row>
    <row r="258789" spans="14:14">
      <c r="N258789" s="10"/>
    </row>
    <row r="258790" spans="14:14">
      <c r="N258790" s="10"/>
    </row>
    <row r="258791" spans="14:14">
      <c r="N258791" s="10"/>
    </row>
    <row r="258792" spans="14:14">
      <c r="N258792" s="10"/>
    </row>
    <row r="258793" spans="14:14">
      <c r="N258793" s="10"/>
    </row>
    <row r="258794" spans="14:14">
      <c r="N258794" s="10"/>
    </row>
    <row r="258795" spans="14:14">
      <c r="N258795" s="10"/>
    </row>
    <row r="258796" spans="14:14">
      <c r="N258796" s="10"/>
    </row>
    <row r="258797" spans="14:14">
      <c r="N258797" s="10"/>
    </row>
    <row r="258798" spans="14:14">
      <c r="N258798" s="10"/>
    </row>
    <row r="258799" spans="14:14">
      <c r="N258799" s="10"/>
    </row>
    <row r="258800" spans="14:14">
      <c r="N258800" s="10"/>
    </row>
    <row r="258801" spans="14:14">
      <c r="N258801" s="10"/>
    </row>
    <row r="258802" spans="14:14">
      <c r="N258802" s="10"/>
    </row>
    <row r="258803" spans="14:14">
      <c r="N258803" s="10"/>
    </row>
    <row r="258804" spans="14:14">
      <c r="N258804" s="10"/>
    </row>
    <row r="258805" spans="14:14">
      <c r="N258805" s="10"/>
    </row>
    <row r="258806" spans="14:14">
      <c r="N258806" s="10"/>
    </row>
    <row r="258807" spans="14:14">
      <c r="N258807" s="10"/>
    </row>
    <row r="258808" spans="14:14">
      <c r="N258808" s="10"/>
    </row>
    <row r="258809" spans="14:14">
      <c r="N258809" s="10"/>
    </row>
    <row r="258810" spans="14:14">
      <c r="N258810" s="10"/>
    </row>
    <row r="258811" spans="14:14">
      <c r="N258811" s="10"/>
    </row>
    <row r="258812" spans="14:14">
      <c r="N258812" s="10"/>
    </row>
    <row r="258813" spans="14:14">
      <c r="N258813" s="10"/>
    </row>
    <row r="258814" spans="14:14">
      <c r="N258814" s="10"/>
    </row>
    <row r="258815" spans="14:14">
      <c r="N258815" s="10"/>
    </row>
    <row r="258816" spans="14:14">
      <c r="N258816" s="10"/>
    </row>
    <row r="258817" spans="14:14">
      <c r="N258817" s="10"/>
    </row>
    <row r="258818" spans="14:14">
      <c r="N258818" s="10"/>
    </row>
    <row r="258819" spans="14:14">
      <c r="N258819" s="10"/>
    </row>
    <row r="258820" spans="14:14">
      <c r="N258820" s="10"/>
    </row>
    <row r="258821" spans="14:14">
      <c r="N258821" s="10"/>
    </row>
    <row r="258822" spans="14:14">
      <c r="N258822" s="10"/>
    </row>
    <row r="258823" spans="14:14">
      <c r="N258823" s="10"/>
    </row>
    <row r="258824" spans="14:14">
      <c r="N258824" s="10"/>
    </row>
    <row r="258825" spans="14:14">
      <c r="N258825" s="10"/>
    </row>
    <row r="258826" spans="14:14">
      <c r="N258826" s="10"/>
    </row>
    <row r="258827" spans="14:14">
      <c r="N258827" s="10"/>
    </row>
    <row r="258828" spans="14:14">
      <c r="N258828" s="10"/>
    </row>
    <row r="258829" spans="14:14">
      <c r="N258829" s="10"/>
    </row>
    <row r="258830" spans="14:14">
      <c r="N258830" s="10"/>
    </row>
    <row r="258831" spans="14:14">
      <c r="N258831" s="10"/>
    </row>
    <row r="258832" spans="14:14">
      <c r="N258832" s="10"/>
    </row>
    <row r="258833" spans="14:14">
      <c r="N258833" s="10"/>
    </row>
    <row r="258834" spans="14:14">
      <c r="N258834" s="10"/>
    </row>
    <row r="258835" spans="14:14">
      <c r="N258835" s="10"/>
    </row>
    <row r="258836" spans="14:14">
      <c r="N258836" s="10"/>
    </row>
    <row r="258837" spans="14:14">
      <c r="N258837" s="10"/>
    </row>
    <row r="258838" spans="14:14">
      <c r="N258838" s="10"/>
    </row>
    <row r="258839" spans="14:14">
      <c r="N258839" s="10"/>
    </row>
    <row r="258840" spans="14:14">
      <c r="N258840" s="10"/>
    </row>
    <row r="258841" spans="14:14">
      <c r="N258841" s="10"/>
    </row>
    <row r="258842" spans="14:14">
      <c r="N258842" s="10"/>
    </row>
    <row r="258843" spans="14:14">
      <c r="N258843" s="10"/>
    </row>
    <row r="258844" spans="14:14">
      <c r="N258844" s="10"/>
    </row>
    <row r="258845" spans="14:14">
      <c r="N258845" s="10"/>
    </row>
    <row r="258846" spans="14:14">
      <c r="N258846" s="10"/>
    </row>
    <row r="258847" spans="14:14">
      <c r="N258847" s="10"/>
    </row>
    <row r="258848" spans="14:14">
      <c r="N258848" s="10"/>
    </row>
    <row r="258849" spans="14:14">
      <c r="N258849" s="10"/>
    </row>
    <row r="258850" spans="14:14">
      <c r="N258850" s="10"/>
    </row>
    <row r="258851" spans="14:14">
      <c r="N258851" s="10"/>
    </row>
    <row r="258852" spans="14:14">
      <c r="N258852" s="10"/>
    </row>
    <row r="258853" spans="14:14">
      <c r="N258853" s="10"/>
    </row>
    <row r="258854" spans="14:14">
      <c r="N258854" s="10"/>
    </row>
    <row r="258855" spans="14:14">
      <c r="N258855" s="10"/>
    </row>
    <row r="258856" spans="14:14">
      <c r="N258856" s="10"/>
    </row>
    <row r="258857" spans="14:14">
      <c r="N258857" s="10"/>
    </row>
    <row r="258858" spans="14:14">
      <c r="N258858" s="10"/>
    </row>
    <row r="258859" spans="14:14">
      <c r="N258859" s="10"/>
    </row>
    <row r="258860" spans="14:14">
      <c r="N258860" s="10"/>
    </row>
    <row r="258861" spans="14:14">
      <c r="N258861" s="10"/>
    </row>
    <row r="258862" spans="14:14">
      <c r="N258862" s="10"/>
    </row>
    <row r="258863" spans="14:14">
      <c r="N258863" s="10"/>
    </row>
    <row r="258864" spans="14:14">
      <c r="N258864" s="10"/>
    </row>
    <row r="258865" spans="14:14">
      <c r="N258865" s="10"/>
    </row>
    <row r="258866" spans="14:14">
      <c r="N258866" s="10"/>
    </row>
    <row r="258867" spans="14:14">
      <c r="N258867" s="10"/>
    </row>
    <row r="258868" spans="14:14">
      <c r="N258868" s="10"/>
    </row>
    <row r="258869" spans="14:14">
      <c r="N258869" s="10"/>
    </row>
    <row r="258870" spans="14:14">
      <c r="N258870" s="10"/>
    </row>
    <row r="258871" spans="14:14">
      <c r="N258871" s="10"/>
    </row>
    <row r="258872" spans="14:14">
      <c r="N258872" s="10"/>
    </row>
    <row r="258873" spans="14:14">
      <c r="N258873" s="10"/>
    </row>
    <row r="258874" spans="14:14">
      <c r="N258874" s="10"/>
    </row>
    <row r="258875" spans="14:14">
      <c r="N258875" s="10"/>
    </row>
    <row r="258876" spans="14:14">
      <c r="N258876" s="10"/>
    </row>
    <row r="258877" spans="14:14">
      <c r="N258877" s="10"/>
    </row>
    <row r="258878" spans="14:14">
      <c r="N258878" s="10"/>
    </row>
    <row r="258879" spans="14:14">
      <c r="N258879" s="10"/>
    </row>
    <row r="258880" spans="14:14">
      <c r="N258880" s="10"/>
    </row>
    <row r="258881" spans="14:14">
      <c r="N258881" s="10"/>
    </row>
    <row r="258882" spans="14:14">
      <c r="N258882" s="10"/>
    </row>
    <row r="258883" spans="14:14">
      <c r="N258883" s="10"/>
    </row>
    <row r="258884" spans="14:14">
      <c r="N258884" s="10"/>
    </row>
    <row r="258885" spans="14:14">
      <c r="N258885" s="10"/>
    </row>
    <row r="258886" spans="14:14">
      <c r="N258886" s="10"/>
    </row>
    <row r="258887" spans="14:14">
      <c r="N258887" s="10"/>
    </row>
    <row r="258888" spans="14:14">
      <c r="N258888" s="10"/>
    </row>
    <row r="258889" spans="14:14">
      <c r="N258889" s="10"/>
    </row>
    <row r="258890" spans="14:14">
      <c r="N258890" s="10"/>
    </row>
    <row r="258891" spans="14:14">
      <c r="N258891" s="10"/>
    </row>
    <row r="258892" spans="14:14">
      <c r="N258892" s="10"/>
    </row>
    <row r="258893" spans="14:14">
      <c r="N258893" s="10"/>
    </row>
    <row r="258894" spans="14:14">
      <c r="N258894" s="10"/>
    </row>
    <row r="258895" spans="14:14">
      <c r="N258895" s="10"/>
    </row>
    <row r="258896" spans="14:14">
      <c r="N258896" s="10"/>
    </row>
    <row r="258897" spans="14:14">
      <c r="N258897" s="10"/>
    </row>
    <row r="258898" spans="14:14">
      <c r="N258898" s="10"/>
    </row>
    <row r="258899" spans="14:14">
      <c r="N258899" s="10"/>
    </row>
    <row r="258900" spans="14:14">
      <c r="N258900" s="10"/>
    </row>
    <row r="258901" spans="14:14">
      <c r="N258901" s="10"/>
    </row>
    <row r="258902" spans="14:14">
      <c r="N258902" s="10"/>
    </row>
    <row r="258903" spans="14:14">
      <c r="N258903" s="10"/>
    </row>
    <row r="258904" spans="14:14">
      <c r="N258904" s="10"/>
    </row>
    <row r="258905" spans="14:14">
      <c r="N258905" s="10"/>
    </row>
    <row r="258906" spans="14:14">
      <c r="N258906" s="10"/>
    </row>
    <row r="258907" spans="14:14">
      <c r="N258907" s="10"/>
    </row>
    <row r="258908" spans="14:14">
      <c r="N258908" s="10"/>
    </row>
    <row r="258909" spans="14:14">
      <c r="N258909" s="10"/>
    </row>
    <row r="258910" spans="14:14">
      <c r="N258910" s="10"/>
    </row>
    <row r="258911" spans="14:14">
      <c r="N258911" s="10"/>
    </row>
    <row r="258912" spans="14:14">
      <c r="N258912" s="10"/>
    </row>
    <row r="258913" spans="14:14">
      <c r="N258913" s="10"/>
    </row>
    <row r="258914" spans="14:14">
      <c r="N258914" s="10"/>
    </row>
    <row r="258915" spans="14:14">
      <c r="N258915" s="10"/>
    </row>
    <row r="258916" spans="14:14">
      <c r="N258916" s="10"/>
    </row>
    <row r="258917" spans="14:14">
      <c r="N258917" s="10"/>
    </row>
    <row r="258918" spans="14:14">
      <c r="N258918" s="10"/>
    </row>
    <row r="258919" spans="14:14">
      <c r="N258919" s="10"/>
    </row>
    <row r="258920" spans="14:14">
      <c r="N258920" s="10"/>
    </row>
    <row r="258921" spans="14:14">
      <c r="N258921" s="10"/>
    </row>
    <row r="258922" spans="14:14">
      <c r="N258922" s="10"/>
    </row>
    <row r="258923" spans="14:14">
      <c r="N258923" s="10"/>
    </row>
    <row r="258924" spans="14:14">
      <c r="N258924" s="10"/>
    </row>
    <row r="258925" spans="14:14">
      <c r="N258925" s="10"/>
    </row>
    <row r="258926" spans="14:14">
      <c r="N258926" s="10"/>
    </row>
    <row r="258927" spans="14:14">
      <c r="N258927" s="10"/>
    </row>
    <row r="258928" spans="14:14">
      <c r="N258928" s="10"/>
    </row>
    <row r="258929" spans="14:14">
      <c r="N258929" s="10"/>
    </row>
    <row r="258930" spans="14:14">
      <c r="N258930" s="10"/>
    </row>
    <row r="258931" spans="14:14">
      <c r="N258931" s="10"/>
    </row>
    <row r="258932" spans="14:14">
      <c r="N258932" s="10"/>
    </row>
    <row r="258933" spans="14:14">
      <c r="N258933" s="10"/>
    </row>
    <row r="258934" spans="14:14">
      <c r="N258934" s="10"/>
    </row>
    <row r="258935" spans="14:14">
      <c r="N258935" s="10"/>
    </row>
    <row r="258936" spans="14:14">
      <c r="N258936" s="10"/>
    </row>
    <row r="258937" spans="14:14">
      <c r="N258937" s="10"/>
    </row>
    <row r="258938" spans="14:14">
      <c r="N258938" s="10"/>
    </row>
    <row r="258939" spans="14:14">
      <c r="N258939" s="10"/>
    </row>
    <row r="258940" spans="14:14">
      <c r="N258940" s="10"/>
    </row>
    <row r="258941" spans="14:14">
      <c r="N258941" s="10"/>
    </row>
    <row r="258942" spans="14:14">
      <c r="N258942" s="10"/>
    </row>
    <row r="258943" spans="14:14">
      <c r="N258943" s="10"/>
    </row>
    <row r="258944" spans="14:14">
      <c r="N258944" s="10"/>
    </row>
    <row r="258945" spans="14:14">
      <c r="N258945" s="10"/>
    </row>
    <row r="258946" spans="14:14">
      <c r="N258946" s="10"/>
    </row>
    <row r="258947" spans="14:14">
      <c r="N258947" s="10"/>
    </row>
    <row r="258948" spans="14:14">
      <c r="N258948" s="10"/>
    </row>
    <row r="258949" spans="14:14">
      <c r="N258949" s="10"/>
    </row>
    <row r="258950" spans="14:14">
      <c r="N258950" s="10"/>
    </row>
    <row r="258951" spans="14:14">
      <c r="N258951" s="10"/>
    </row>
    <row r="258952" spans="14:14">
      <c r="N258952" s="10"/>
    </row>
    <row r="258953" spans="14:14">
      <c r="N258953" s="10"/>
    </row>
    <row r="258954" spans="14:14">
      <c r="N258954" s="10"/>
    </row>
    <row r="258955" spans="14:14">
      <c r="N258955" s="10"/>
    </row>
    <row r="258956" spans="14:14">
      <c r="N258956" s="10"/>
    </row>
    <row r="258957" spans="14:14">
      <c r="N258957" s="10"/>
    </row>
    <row r="258958" spans="14:14">
      <c r="N258958" s="10"/>
    </row>
    <row r="258959" spans="14:14">
      <c r="N258959" s="10"/>
    </row>
    <row r="258960" spans="14:14">
      <c r="N258960" s="10"/>
    </row>
    <row r="258961" spans="14:14">
      <c r="N258961" s="10"/>
    </row>
    <row r="258962" spans="14:14">
      <c r="N258962" s="10"/>
    </row>
    <row r="258963" spans="14:14">
      <c r="N258963" s="10"/>
    </row>
    <row r="258964" spans="14:14">
      <c r="N258964" s="10"/>
    </row>
    <row r="258965" spans="14:14">
      <c r="N258965" s="10"/>
    </row>
    <row r="258966" spans="14:14">
      <c r="N258966" s="10"/>
    </row>
    <row r="258967" spans="14:14">
      <c r="N258967" s="10"/>
    </row>
    <row r="258968" spans="14:14">
      <c r="N258968" s="10"/>
    </row>
    <row r="258969" spans="14:14">
      <c r="N258969" s="10"/>
    </row>
    <row r="258970" spans="14:14">
      <c r="N258970" s="10"/>
    </row>
    <row r="258971" spans="14:14">
      <c r="N258971" s="10"/>
    </row>
    <row r="258972" spans="14:14">
      <c r="N258972" s="10"/>
    </row>
    <row r="258973" spans="14:14">
      <c r="N258973" s="10"/>
    </row>
    <row r="258974" spans="14:14">
      <c r="N258974" s="10"/>
    </row>
    <row r="258975" spans="14:14">
      <c r="N258975" s="10"/>
    </row>
    <row r="258976" spans="14:14">
      <c r="N258976" s="10"/>
    </row>
    <row r="258977" spans="14:14">
      <c r="N258977" s="10"/>
    </row>
    <row r="258978" spans="14:14">
      <c r="N258978" s="10"/>
    </row>
    <row r="258979" spans="14:14">
      <c r="N258979" s="10"/>
    </row>
    <row r="258980" spans="14:14">
      <c r="N258980" s="10"/>
    </row>
    <row r="258981" spans="14:14">
      <c r="N258981" s="10"/>
    </row>
    <row r="258982" spans="14:14">
      <c r="N258982" s="10"/>
    </row>
    <row r="258983" spans="14:14">
      <c r="N258983" s="10"/>
    </row>
    <row r="258984" spans="14:14">
      <c r="N258984" s="10"/>
    </row>
    <row r="258985" spans="14:14">
      <c r="N258985" s="10"/>
    </row>
    <row r="258986" spans="14:14">
      <c r="N258986" s="10"/>
    </row>
    <row r="258987" spans="14:14">
      <c r="N258987" s="10"/>
    </row>
    <row r="258988" spans="14:14">
      <c r="N258988" s="10"/>
    </row>
    <row r="258989" spans="14:14">
      <c r="N258989" s="10"/>
    </row>
    <row r="258990" spans="14:14">
      <c r="N258990" s="10"/>
    </row>
    <row r="258991" spans="14:14">
      <c r="N258991" s="10"/>
    </row>
    <row r="258992" spans="14:14">
      <c r="N258992" s="10"/>
    </row>
    <row r="258993" spans="14:14">
      <c r="N258993" s="10"/>
    </row>
    <row r="258994" spans="14:14">
      <c r="N258994" s="10"/>
    </row>
    <row r="258995" spans="14:14">
      <c r="N258995" s="10"/>
    </row>
    <row r="258996" spans="14:14">
      <c r="N258996" s="10"/>
    </row>
    <row r="258997" spans="14:14">
      <c r="N258997" s="10"/>
    </row>
    <row r="258998" spans="14:14">
      <c r="N258998" s="10"/>
    </row>
    <row r="258999" spans="14:14">
      <c r="N258999" s="10"/>
    </row>
    <row r="259000" spans="14:14">
      <c r="N259000" s="10"/>
    </row>
    <row r="259001" spans="14:14">
      <c r="N259001" s="10"/>
    </row>
    <row r="259002" spans="14:14">
      <c r="N259002" s="10"/>
    </row>
    <row r="259003" spans="14:14">
      <c r="N259003" s="10"/>
    </row>
    <row r="259004" spans="14:14">
      <c r="N259004" s="10"/>
    </row>
    <row r="259005" spans="14:14">
      <c r="N259005" s="10"/>
    </row>
    <row r="259006" spans="14:14">
      <c r="N259006" s="10"/>
    </row>
    <row r="259007" spans="14:14">
      <c r="N259007" s="10"/>
    </row>
    <row r="259008" spans="14:14">
      <c r="N259008" s="10"/>
    </row>
    <row r="259009" spans="14:14">
      <c r="N259009" s="10"/>
    </row>
    <row r="259010" spans="14:14">
      <c r="N259010" s="10"/>
    </row>
    <row r="259011" spans="14:14">
      <c r="N259011" s="10"/>
    </row>
    <row r="259012" spans="14:14">
      <c r="N259012" s="10"/>
    </row>
    <row r="259013" spans="14:14">
      <c r="N259013" s="10"/>
    </row>
    <row r="259014" spans="14:14">
      <c r="N259014" s="10"/>
    </row>
    <row r="259015" spans="14:14">
      <c r="N259015" s="10"/>
    </row>
    <row r="259016" spans="14:14">
      <c r="N259016" s="10"/>
    </row>
    <row r="259017" spans="14:14">
      <c r="N259017" s="10"/>
    </row>
    <row r="259018" spans="14:14">
      <c r="N259018" s="10"/>
    </row>
    <row r="259019" spans="14:14">
      <c r="N259019" s="10"/>
    </row>
    <row r="259020" spans="14:14">
      <c r="N259020" s="10"/>
    </row>
    <row r="259021" spans="14:14">
      <c r="N259021" s="10"/>
    </row>
    <row r="259022" spans="14:14">
      <c r="N259022" s="10"/>
    </row>
    <row r="259023" spans="14:14">
      <c r="N259023" s="10"/>
    </row>
    <row r="259024" spans="14:14">
      <c r="N259024" s="10"/>
    </row>
    <row r="259025" spans="14:14">
      <c r="N259025" s="10"/>
    </row>
    <row r="259026" spans="14:14">
      <c r="N259026" s="10"/>
    </row>
    <row r="259027" spans="14:14">
      <c r="N259027" s="10"/>
    </row>
    <row r="259028" spans="14:14">
      <c r="N259028" s="10"/>
    </row>
    <row r="259029" spans="14:14">
      <c r="N259029" s="10"/>
    </row>
    <row r="259030" spans="14:14">
      <c r="N259030" s="10"/>
    </row>
    <row r="259031" spans="14:14">
      <c r="N259031" s="10"/>
    </row>
    <row r="259032" spans="14:14">
      <c r="N259032" s="10"/>
    </row>
    <row r="259033" spans="14:14">
      <c r="N259033" s="10"/>
    </row>
    <row r="259034" spans="14:14">
      <c r="N259034" s="10"/>
    </row>
    <row r="259035" spans="14:14">
      <c r="N259035" s="10"/>
    </row>
    <row r="259036" spans="14:14">
      <c r="N259036" s="10"/>
    </row>
    <row r="259037" spans="14:14">
      <c r="N259037" s="10"/>
    </row>
    <row r="259038" spans="14:14">
      <c r="N259038" s="10"/>
    </row>
    <row r="259039" spans="14:14">
      <c r="N259039" s="10"/>
    </row>
    <row r="259040" spans="14:14">
      <c r="N259040" s="10"/>
    </row>
    <row r="259041" spans="14:14">
      <c r="N259041" s="10"/>
    </row>
    <row r="259042" spans="14:14">
      <c r="N259042" s="10"/>
    </row>
    <row r="259043" spans="14:14">
      <c r="N259043" s="10"/>
    </row>
    <row r="259044" spans="14:14">
      <c r="N259044" s="10"/>
    </row>
    <row r="259045" spans="14:14">
      <c r="N259045" s="10"/>
    </row>
    <row r="259046" spans="14:14">
      <c r="N259046" s="10"/>
    </row>
    <row r="259047" spans="14:14">
      <c r="N259047" s="10"/>
    </row>
    <row r="259048" spans="14:14">
      <c r="N259048" s="10"/>
    </row>
    <row r="259049" spans="14:14">
      <c r="N259049" s="10"/>
    </row>
    <row r="259050" spans="14:14">
      <c r="N259050" s="10"/>
    </row>
    <row r="259051" spans="14:14">
      <c r="N259051" s="10"/>
    </row>
    <row r="259052" spans="14:14">
      <c r="N259052" s="10"/>
    </row>
    <row r="259053" spans="14:14">
      <c r="N259053" s="10"/>
    </row>
    <row r="259054" spans="14:14">
      <c r="N259054" s="10"/>
    </row>
    <row r="259055" spans="14:14">
      <c r="N259055" s="10"/>
    </row>
    <row r="259056" spans="14:14">
      <c r="N259056" s="10"/>
    </row>
    <row r="259057" spans="14:14">
      <c r="N259057" s="10"/>
    </row>
    <row r="259058" spans="14:14">
      <c r="N259058" s="10"/>
    </row>
    <row r="259059" spans="14:14">
      <c r="N259059" s="10"/>
    </row>
    <row r="259060" spans="14:14">
      <c r="N259060" s="10"/>
    </row>
    <row r="259061" spans="14:14">
      <c r="N259061" s="10"/>
    </row>
    <row r="259062" spans="14:14">
      <c r="N259062" s="10"/>
    </row>
    <row r="259063" spans="14:14">
      <c r="N259063" s="10"/>
    </row>
    <row r="259064" spans="14:14">
      <c r="N259064" s="10"/>
    </row>
    <row r="259065" spans="14:14">
      <c r="N259065" s="10"/>
    </row>
    <row r="259066" spans="14:14">
      <c r="N259066" s="10"/>
    </row>
    <row r="259067" spans="14:14">
      <c r="N259067" s="10"/>
    </row>
    <row r="259068" spans="14:14">
      <c r="N259068" s="10"/>
    </row>
    <row r="259069" spans="14:14">
      <c r="N259069" s="10"/>
    </row>
    <row r="259070" spans="14:14">
      <c r="N259070" s="10"/>
    </row>
    <row r="259071" spans="14:14">
      <c r="N259071" s="10"/>
    </row>
    <row r="259072" spans="14:14">
      <c r="N259072" s="10"/>
    </row>
    <row r="259073" spans="14:14">
      <c r="N259073" s="10"/>
    </row>
    <row r="259074" spans="14:14">
      <c r="N259074" s="10"/>
    </row>
    <row r="259075" spans="14:14">
      <c r="N259075" s="10"/>
    </row>
    <row r="259076" spans="14:14">
      <c r="N259076" s="10"/>
    </row>
    <row r="259077" spans="14:14">
      <c r="N259077" s="10"/>
    </row>
    <row r="259078" spans="14:14">
      <c r="N259078" s="10"/>
    </row>
    <row r="259079" spans="14:14">
      <c r="N259079" s="10"/>
    </row>
    <row r="259080" spans="14:14">
      <c r="N259080" s="10"/>
    </row>
    <row r="259081" spans="14:14">
      <c r="N259081" s="10"/>
    </row>
    <row r="259082" spans="14:14">
      <c r="N259082" s="10"/>
    </row>
    <row r="259083" spans="14:14">
      <c r="N259083" s="10"/>
    </row>
    <row r="259084" spans="14:14">
      <c r="N259084" s="10"/>
    </row>
    <row r="259085" spans="14:14">
      <c r="N259085" s="10"/>
    </row>
    <row r="259086" spans="14:14">
      <c r="N259086" s="10"/>
    </row>
    <row r="259087" spans="14:14">
      <c r="N259087" s="10"/>
    </row>
    <row r="259088" spans="14:14">
      <c r="N259088" s="10"/>
    </row>
    <row r="259089" spans="14:14">
      <c r="N259089" s="10"/>
    </row>
    <row r="259090" spans="14:14">
      <c r="N259090" s="10"/>
    </row>
    <row r="259091" spans="14:14">
      <c r="N259091" s="10"/>
    </row>
    <row r="259092" spans="14:14">
      <c r="N259092" s="10"/>
    </row>
    <row r="259093" spans="14:14">
      <c r="N259093" s="10"/>
    </row>
    <row r="259094" spans="14:14">
      <c r="N259094" s="10"/>
    </row>
    <row r="259095" spans="14:14">
      <c r="N259095" s="10"/>
    </row>
    <row r="259096" spans="14:14">
      <c r="N259096" s="10"/>
    </row>
    <row r="259097" spans="14:14">
      <c r="N259097" s="10"/>
    </row>
    <row r="259098" spans="14:14">
      <c r="N259098" s="10"/>
    </row>
    <row r="259099" spans="14:14">
      <c r="N259099" s="10"/>
    </row>
    <row r="259100" spans="14:14">
      <c r="N259100" s="10"/>
    </row>
    <row r="259101" spans="14:14">
      <c r="N259101" s="10"/>
    </row>
    <row r="259102" spans="14:14">
      <c r="N259102" s="10"/>
    </row>
    <row r="259103" spans="14:14">
      <c r="N259103" s="10"/>
    </row>
    <row r="259104" spans="14:14">
      <c r="N259104" s="10"/>
    </row>
    <row r="259105" spans="14:14">
      <c r="N259105" s="10"/>
    </row>
    <row r="259106" spans="14:14">
      <c r="N259106" s="10"/>
    </row>
    <row r="259107" spans="14:14">
      <c r="N259107" s="10"/>
    </row>
    <row r="259108" spans="14:14">
      <c r="N259108" s="10"/>
    </row>
    <row r="259109" spans="14:14">
      <c r="N259109" s="10"/>
    </row>
    <row r="259110" spans="14:14">
      <c r="N259110" s="10"/>
    </row>
    <row r="259111" spans="14:14">
      <c r="N259111" s="10"/>
    </row>
    <row r="259112" spans="14:14">
      <c r="N259112" s="10"/>
    </row>
    <row r="259113" spans="14:14">
      <c r="N259113" s="10"/>
    </row>
    <row r="259114" spans="14:14">
      <c r="N259114" s="10"/>
    </row>
    <row r="259115" spans="14:14">
      <c r="N259115" s="10"/>
    </row>
    <row r="259116" spans="14:14">
      <c r="N259116" s="10"/>
    </row>
    <row r="259117" spans="14:14">
      <c r="N259117" s="10"/>
    </row>
    <row r="259118" spans="14:14">
      <c r="N259118" s="10"/>
    </row>
    <row r="259119" spans="14:14">
      <c r="N259119" s="10"/>
    </row>
    <row r="259120" spans="14:14">
      <c r="N259120" s="10"/>
    </row>
    <row r="259121" spans="14:14">
      <c r="N259121" s="10"/>
    </row>
    <row r="259122" spans="14:14">
      <c r="N259122" s="10"/>
    </row>
    <row r="259123" spans="14:14">
      <c r="N259123" s="10"/>
    </row>
    <row r="259124" spans="14:14">
      <c r="N259124" s="10"/>
    </row>
    <row r="259125" spans="14:14">
      <c r="N259125" s="10"/>
    </row>
    <row r="259126" spans="14:14">
      <c r="N259126" s="10"/>
    </row>
    <row r="259127" spans="14:14">
      <c r="N259127" s="10"/>
    </row>
    <row r="259128" spans="14:14">
      <c r="N259128" s="10"/>
    </row>
    <row r="259129" spans="14:14">
      <c r="N259129" s="10"/>
    </row>
    <row r="259130" spans="14:14">
      <c r="N259130" s="10"/>
    </row>
    <row r="259131" spans="14:14">
      <c r="N259131" s="10"/>
    </row>
    <row r="259132" spans="14:14">
      <c r="N259132" s="10"/>
    </row>
    <row r="259133" spans="14:14">
      <c r="N259133" s="10"/>
    </row>
    <row r="259134" spans="14:14">
      <c r="N259134" s="10"/>
    </row>
    <row r="259135" spans="14:14">
      <c r="N259135" s="10"/>
    </row>
    <row r="259136" spans="14:14">
      <c r="N259136" s="10"/>
    </row>
    <row r="259137" spans="14:14">
      <c r="N259137" s="10"/>
    </row>
    <row r="259138" spans="14:14">
      <c r="N259138" s="10"/>
    </row>
    <row r="259139" spans="14:14">
      <c r="N259139" s="10"/>
    </row>
    <row r="259140" spans="14:14">
      <c r="N259140" s="10"/>
    </row>
    <row r="259141" spans="14:14">
      <c r="N259141" s="10"/>
    </row>
    <row r="259142" spans="14:14">
      <c r="N259142" s="10"/>
    </row>
    <row r="259143" spans="14:14">
      <c r="N259143" s="10"/>
    </row>
    <row r="259144" spans="14:14">
      <c r="N259144" s="10"/>
    </row>
    <row r="259145" spans="14:14">
      <c r="N259145" s="10"/>
    </row>
    <row r="259146" spans="14:14">
      <c r="N259146" s="10"/>
    </row>
    <row r="259147" spans="14:14">
      <c r="N259147" s="10"/>
    </row>
    <row r="259148" spans="14:14">
      <c r="N259148" s="10"/>
    </row>
    <row r="259149" spans="14:14">
      <c r="N259149" s="10"/>
    </row>
    <row r="259150" spans="14:14">
      <c r="N259150" s="10"/>
    </row>
    <row r="259151" spans="14:14">
      <c r="N259151" s="10"/>
    </row>
    <row r="259152" spans="14:14">
      <c r="N259152" s="10"/>
    </row>
    <row r="259153" spans="14:14">
      <c r="N259153" s="10"/>
    </row>
    <row r="259154" spans="14:14">
      <c r="N259154" s="10"/>
    </row>
    <row r="259155" spans="14:14">
      <c r="N259155" s="10"/>
    </row>
    <row r="259156" spans="14:14">
      <c r="N259156" s="10"/>
    </row>
    <row r="259157" spans="14:14">
      <c r="N259157" s="10"/>
    </row>
    <row r="259158" spans="14:14">
      <c r="N259158" s="10"/>
    </row>
    <row r="259159" spans="14:14">
      <c r="N259159" s="10"/>
    </row>
    <row r="259160" spans="14:14">
      <c r="N259160" s="10"/>
    </row>
    <row r="259161" spans="14:14">
      <c r="N259161" s="10"/>
    </row>
    <row r="259162" spans="14:14">
      <c r="N259162" s="10"/>
    </row>
    <row r="259163" spans="14:14">
      <c r="N259163" s="10"/>
    </row>
    <row r="259164" spans="14:14">
      <c r="N259164" s="10"/>
    </row>
    <row r="259165" spans="14:14">
      <c r="N259165" s="10"/>
    </row>
    <row r="259166" spans="14:14">
      <c r="N259166" s="10"/>
    </row>
    <row r="259167" spans="14:14">
      <c r="N259167" s="10"/>
    </row>
    <row r="259168" spans="14:14">
      <c r="N259168" s="10"/>
    </row>
    <row r="259169" spans="14:14">
      <c r="N259169" s="10"/>
    </row>
    <row r="259170" spans="14:14">
      <c r="N259170" s="10"/>
    </row>
    <row r="259171" spans="14:14">
      <c r="N259171" s="10"/>
    </row>
    <row r="259172" spans="14:14">
      <c r="N259172" s="10"/>
    </row>
    <row r="259173" spans="14:14">
      <c r="N259173" s="10"/>
    </row>
    <row r="259174" spans="14:14">
      <c r="N259174" s="10"/>
    </row>
    <row r="259175" spans="14:14">
      <c r="N259175" s="10"/>
    </row>
    <row r="259176" spans="14:14">
      <c r="N259176" s="10"/>
    </row>
    <row r="259177" spans="14:14">
      <c r="N259177" s="10"/>
    </row>
    <row r="259178" spans="14:14">
      <c r="N259178" s="10"/>
    </row>
    <row r="259179" spans="14:14">
      <c r="N259179" s="10"/>
    </row>
    <row r="259180" spans="14:14">
      <c r="N259180" s="10"/>
    </row>
    <row r="259181" spans="14:14">
      <c r="N259181" s="10"/>
    </row>
    <row r="259182" spans="14:14">
      <c r="N259182" s="10"/>
    </row>
    <row r="259183" spans="14:14">
      <c r="N259183" s="10"/>
    </row>
    <row r="259184" spans="14:14">
      <c r="N259184" s="10"/>
    </row>
    <row r="259185" spans="14:14">
      <c r="N259185" s="10"/>
    </row>
    <row r="259186" spans="14:14">
      <c r="N259186" s="10"/>
    </row>
    <row r="259187" spans="14:14">
      <c r="N259187" s="10"/>
    </row>
    <row r="259188" spans="14:14">
      <c r="N259188" s="10"/>
    </row>
    <row r="259189" spans="14:14">
      <c r="N259189" s="10"/>
    </row>
    <row r="259190" spans="14:14">
      <c r="N259190" s="10"/>
    </row>
    <row r="259191" spans="14:14">
      <c r="N259191" s="10"/>
    </row>
    <row r="259192" spans="14:14">
      <c r="N259192" s="10"/>
    </row>
    <row r="259193" spans="14:14">
      <c r="N259193" s="10"/>
    </row>
    <row r="259194" spans="14:14">
      <c r="N259194" s="10"/>
    </row>
    <row r="259195" spans="14:14">
      <c r="N259195" s="10"/>
    </row>
    <row r="259196" spans="14:14">
      <c r="N259196" s="10"/>
    </row>
    <row r="259197" spans="14:14">
      <c r="N259197" s="10"/>
    </row>
    <row r="259198" spans="14:14">
      <c r="N259198" s="10"/>
    </row>
    <row r="259199" spans="14:14">
      <c r="N259199" s="10"/>
    </row>
    <row r="259200" spans="14:14">
      <c r="N259200" s="10"/>
    </row>
    <row r="259201" spans="14:14">
      <c r="N259201" s="10"/>
    </row>
    <row r="259202" spans="14:14">
      <c r="N259202" s="10"/>
    </row>
    <row r="259203" spans="14:14">
      <c r="N259203" s="10"/>
    </row>
    <row r="259204" spans="14:14">
      <c r="N259204" s="10"/>
    </row>
    <row r="259205" spans="14:14">
      <c r="N259205" s="10"/>
    </row>
    <row r="259206" spans="14:14">
      <c r="N259206" s="10"/>
    </row>
    <row r="259207" spans="14:14">
      <c r="N259207" s="10"/>
    </row>
    <row r="259208" spans="14:14">
      <c r="N259208" s="10"/>
    </row>
    <row r="259209" spans="14:14">
      <c r="N259209" s="10"/>
    </row>
    <row r="259210" spans="14:14">
      <c r="N259210" s="10"/>
    </row>
    <row r="259211" spans="14:14">
      <c r="N259211" s="10"/>
    </row>
    <row r="259212" spans="14:14">
      <c r="N259212" s="10"/>
    </row>
    <row r="259213" spans="14:14">
      <c r="N259213" s="10"/>
    </row>
    <row r="259214" spans="14:14">
      <c r="N259214" s="10"/>
    </row>
    <row r="259215" spans="14:14">
      <c r="N259215" s="10"/>
    </row>
    <row r="259216" spans="14:14">
      <c r="N259216" s="10"/>
    </row>
    <row r="259217" spans="14:14">
      <c r="N259217" s="10"/>
    </row>
    <row r="259218" spans="14:14">
      <c r="N259218" s="10"/>
    </row>
    <row r="259219" spans="14:14">
      <c r="N259219" s="10"/>
    </row>
    <row r="259220" spans="14:14">
      <c r="N259220" s="10"/>
    </row>
    <row r="259221" spans="14:14">
      <c r="N259221" s="10"/>
    </row>
    <row r="259222" spans="14:14">
      <c r="N259222" s="10"/>
    </row>
    <row r="259223" spans="14:14">
      <c r="N259223" s="10"/>
    </row>
    <row r="259224" spans="14:14">
      <c r="N259224" s="10"/>
    </row>
    <row r="259225" spans="14:14">
      <c r="N259225" s="10"/>
    </row>
    <row r="259226" spans="14:14">
      <c r="N259226" s="10"/>
    </row>
    <row r="259227" spans="14:14">
      <c r="N259227" s="10"/>
    </row>
    <row r="259228" spans="14:14">
      <c r="N259228" s="10"/>
    </row>
    <row r="259229" spans="14:14">
      <c r="N259229" s="10"/>
    </row>
    <row r="259230" spans="14:14">
      <c r="N259230" s="10"/>
    </row>
    <row r="259231" spans="14:14">
      <c r="N259231" s="10"/>
    </row>
    <row r="259232" spans="14:14">
      <c r="N259232" s="10"/>
    </row>
    <row r="259233" spans="14:14">
      <c r="N259233" s="10"/>
    </row>
    <row r="259234" spans="14:14">
      <c r="N259234" s="10"/>
    </row>
    <row r="259235" spans="14:14">
      <c r="N259235" s="10"/>
    </row>
    <row r="259236" spans="14:14">
      <c r="N259236" s="10"/>
    </row>
    <row r="259237" spans="14:14">
      <c r="N259237" s="10"/>
    </row>
    <row r="259238" spans="14:14">
      <c r="N259238" s="10"/>
    </row>
    <row r="259239" spans="14:14">
      <c r="N259239" s="10"/>
    </row>
    <row r="259240" spans="14:14">
      <c r="N259240" s="10"/>
    </row>
    <row r="259241" spans="14:14">
      <c r="N259241" s="10"/>
    </row>
    <row r="259242" spans="14:14">
      <c r="N259242" s="10"/>
    </row>
    <row r="259243" spans="14:14">
      <c r="N259243" s="10"/>
    </row>
    <row r="259244" spans="14:14">
      <c r="N259244" s="10"/>
    </row>
    <row r="259245" spans="14:14">
      <c r="N259245" s="10"/>
    </row>
    <row r="259246" spans="14:14">
      <c r="N259246" s="10"/>
    </row>
    <row r="259247" spans="14:14">
      <c r="N259247" s="10"/>
    </row>
    <row r="259248" spans="14:14">
      <c r="N259248" s="10"/>
    </row>
    <row r="259249" spans="14:14">
      <c r="N259249" s="10"/>
    </row>
    <row r="259250" spans="14:14">
      <c r="N259250" s="10"/>
    </row>
    <row r="259251" spans="14:14">
      <c r="N259251" s="10"/>
    </row>
    <row r="259252" spans="14:14">
      <c r="N259252" s="10"/>
    </row>
    <row r="259253" spans="14:14">
      <c r="N259253" s="10"/>
    </row>
    <row r="259254" spans="14:14">
      <c r="N259254" s="10"/>
    </row>
    <row r="259255" spans="14:14">
      <c r="N259255" s="10"/>
    </row>
    <row r="259256" spans="14:14">
      <c r="N259256" s="10"/>
    </row>
    <row r="259257" spans="14:14">
      <c r="N259257" s="10"/>
    </row>
    <row r="259258" spans="14:14">
      <c r="N259258" s="10"/>
    </row>
    <row r="259259" spans="14:14">
      <c r="N259259" s="10"/>
    </row>
    <row r="259260" spans="14:14">
      <c r="N259260" s="10"/>
    </row>
    <row r="259261" spans="14:14">
      <c r="N259261" s="10"/>
    </row>
    <row r="259262" spans="14:14">
      <c r="N259262" s="10"/>
    </row>
    <row r="259263" spans="14:14">
      <c r="N259263" s="10"/>
    </row>
    <row r="259264" spans="14:14">
      <c r="N259264" s="10"/>
    </row>
    <row r="259265" spans="14:14">
      <c r="N259265" s="10"/>
    </row>
    <row r="259266" spans="14:14">
      <c r="N259266" s="10"/>
    </row>
    <row r="259267" spans="14:14">
      <c r="N259267" s="10"/>
    </row>
    <row r="259268" spans="14:14">
      <c r="N259268" s="10"/>
    </row>
    <row r="259269" spans="14:14">
      <c r="N259269" s="10"/>
    </row>
    <row r="259270" spans="14:14">
      <c r="N259270" s="10"/>
    </row>
    <row r="259271" spans="14:14">
      <c r="N259271" s="10"/>
    </row>
    <row r="259272" spans="14:14">
      <c r="N259272" s="10"/>
    </row>
    <row r="259273" spans="14:14">
      <c r="N259273" s="10"/>
    </row>
    <row r="259274" spans="14:14">
      <c r="N259274" s="10"/>
    </row>
    <row r="259275" spans="14:14">
      <c r="N259275" s="10"/>
    </row>
    <row r="259276" spans="14:14">
      <c r="N259276" s="10"/>
    </row>
    <row r="259277" spans="14:14">
      <c r="N259277" s="10"/>
    </row>
    <row r="259278" spans="14:14">
      <c r="N259278" s="10"/>
    </row>
    <row r="259279" spans="14:14">
      <c r="N259279" s="10"/>
    </row>
    <row r="259280" spans="14:14">
      <c r="N259280" s="10"/>
    </row>
    <row r="259281" spans="14:14">
      <c r="N259281" s="10"/>
    </row>
    <row r="259282" spans="14:14">
      <c r="N259282" s="10"/>
    </row>
    <row r="259283" spans="14:14">
      <c r="N259283" s="10"/>
    </row>
    <row r="259284" spans="14:14">
      <c r="N259284" s="10"/>
    </row>
    <row r="259285" spans="14:14">
      <c r="N259285" s="10"/>
    </row>
    <row r="259286" spans="14:14">
      <c r="N259286" s="10"/>
    </row>
    <row r="259287" spans="14:14">
      <c r="N259287" s="10"/>
    </row>
    <row r="259288" spans="14:14">
      <c r="N259288" s="10"/>
    </row>
    <row r="259289" spans="14:14">
      <c r="N259289" s="10"/>
    </row>
    <row r="259290" spans="14:14">
      <c r="N259290" s="10"/>
    </row>
    <row r="259291" spans="14:14">
      <c r="N259291" s="10"/>
    </row>
    <row r="259292" spans="14:14">
      <c r="N259292" s="10"/>
    </row>
    <row r="259293" spans="14:14">
      <c r="N259293" s="10"/>
    </row>
    <row r="259294" spans="14:14">
      <c r="N259294" s="10"/>
    </row>
    <row r="259295" spans="14:14">
      <c r="N259295" s="10"/>
    </row>
    <row r="259296" spans="14:14">
      <c r="N259296" s="10"/>
    </row>
    <row r="259297" spans="14:14">
      <c r="N259297" s="10"/>
    </row>
    <row r="259298" spans="14:14">
      <c r="N259298" s="10"/>
    </row>
    <row r="259299" spans="14:14">
      <c r="N259299" s="10"/>
    </row>
    <row r="259300" spans="14:14">
      <c r="N259300" s="10"/>
    </row>
    <row r="259301" spans="14:14">
      <c r="N259301" s="10"/>
    </row>
    <row r="259302" spans="14:14">
      <c r="N259302" s="10"/>
    </row>
    <row r="259303" spans="14:14">
      <c r="N259303" s="10"/>
    </row>
    <row r="259304" spans="14:14">
      <c r="N259304" s="10"/>
    </row>
    <row r="259305" spans="14:14">
      <c r="N259305" s="10"/>
    </row>
    <row r="259306" spans="14:14">
      <c r="N259306" s="10"/>
    </row>
    <row r="259307" spans="14:14">
      <c r="N259307" s="10"/>
    </row>
    <row r="259308" spans="14:14">
      <c r="N259308" s="10"/>
    </row>
    <row r="259309" spans="14:14">
      <c r="N259309" s="10"/>
    </row>
    <row r="259310" spans="14:14">
      <c r="N259310" s="10"/>
    </row>
    <row r="259311" spans="14:14">
      <c r="N259311" s="10"/>
    </row>
    <row r="259312" spans="14:14">
      <c r="N259312" s="10"/>
    </row>
    <row r="259313" spans="14:14">
      <c r="N259313" s="10"/>
    </row>
    <row r="259314" spans="14:14">
      <c r="N259314" s="10"/>
    </row>
    <row r="259315" spans="14:14">
      <c r="N259315" s="10"/>
    </row>
    <row r="259316" spans="14:14">
      <c r="N259316" s="10"/>
    </row>
    <row r="259317" spans="14:14">
      <c r="N259317" s="10"/>
    </row>
    <row r="259318" spans="14:14">
      <c r="N259318" s="10"/>
    </row>
    <row r="259319" spans="14:14">
      <c r="N259319" s="10"/>
    </row>
    <row r="259320" spans="14:14">
      <c r="N259320" s="10"/>
    </row>
    <row r="259321" spans="14:14">
      <c r="N259321" s="10"/>
    </row>
    <row r="259322" spans="14:14">
      <c r="N259322" s="10"/>
    </row>
    <row r="259323" spans="14:14">
      <c r="N259323" s="10"/>
    </row>
    <row r="259324" spans="14:14">
      <c r="N259324" s="10"/>
    </row>
    <row r="259325" spans="14:14">
      <c r="N259325" s="10"/>
    </row>
    <row r="259326" spans="14:14">
      <c r="N259326" s="10"/>
    </row>
    <row r="259327" spans="14:14">
      <c r="N259327" s="10"/>
    </row>
    <row r="259328" spans="14:14">
      <c r="N259328" s="10"/>
    </row>
    <row r="259329" spans="14:14">
      <c r="N259329" s="10"/>
    </row>
    <row r="259330" spans="14:14">
      <c r="N259330" s="10"/>
    </row>
    <row r="259331" spans="14:14">
      <c r="N259331" s="10"/>
    </row>
    <row r="259332" spans="14:14">
      <c r="N259332" s="10"/>
    </row>
    <row r="259333" spans="14:14">
      <c r="N259333" s="10"/>
    </row>
    <row r="259334" spans="14:14">
      <c r="N259334" s="10"/>
    </row>
    <row r="259335" spans="14:14">
      <c r="N259335" s="10"/>
    </row>
    <row r="259336" spans="14:14">
      <c r="N259336" s="10"/>
    </row>
    <row r="259337" spans="14:14">
      <c r="N259337" s="10"/>
    </row>
    <row r="259338" spans="14:14">
      <c r="N259338" s="10"/>
    </row>
    <row r="259339" spans="14:14">
      <c r="N259339" s="10"/>
    </row>
    <row r="259340" spans="14:14">
      <c r="N259340" s="10"/>
    </row>
    <row r="259341" spans="14:14">
      <c r="N259341" s="10"/>
    </row>
    <row r="259342" spans="14:14">
      <c r="N259342" s="10"/>
    </row>
    <row r="259343" spans="14:14">
      <c r="N259343" s="10"/>
    </row>
    <row r="259344" spans="14:14">
      <c r="N259344" s="10"/>
    </row>
    <row r="259345" spans="14:14">
      <c r="N259345" s="10"/>
    </row>
    <row r="259346" spans="14:14">
      <c r="N259346" s="10"/>
    </row>
    <row r="259347" spans="14:14">
      <c r="N259347" s="10"/>
    </row>
    <row r="259348" spans="14:14">
      <c r="N259348" s="10"/>
    </row>
    <row r="259349" spans="14:14">
      <c r="N259349" s="10"/>
    </row>
    <row r="259350" spans="14:14">
      <c r="N259350" s="10"/>
    </row>
    <row r="259351" spans="14:14">
      <c r="N259351" s="10"/>
    </row>
    <row r="259352" spans="14:14">
      <c r="N259352" s="10"/>
    </row>
    <row r="259353" spans="14:14">
      <c r="N259353" s="10"/>
    </row>
    <row r="259354" spans="14:14">
      <c r="N259354" s="10"/>
    </row>
    <row r="259355" spans="14:14">
      <c r="N259355" s="10"/>
    </row>
    <row r="259356" spans="14:14">
      <c r="N259356" s="10"/>
    </row>
    <row r="259357" spans="14:14">
      <c r="N259357" s="10"/>
    </row>
    <row r="259358" spans="14:14">
      <c r="N259358" s="10"/>
    </row>
    <row r="259359" spans="14:14">
      <c r="N259359" s="10"/>
    </row>
    <row r="259360" spans="14:14">
      <c r="N259360" s="10"/>
    </row>
    <row r="259361" spans="14:14">
      <c r="N259361" s="10"/>
    </row>
    <row r="259362" spans="14:14">
      <c r="N259362" s="10"/>
    </row>
    <row r="259363" spans="14:14">
      <c r="N259363" s="10"/>
    </row>
    <row r="259364" spans="14:14">
      <c r="N259364" s="10"/>
    </row>
    <row r="259365" spans="14:14">
      <c r="N259365" s="10"/>
    </row>
    <row r="259366" spans="14:14">
      <c r="N259366" s="10"/>
    </row>
    <row r="259367" spans="14:14">
      <c r="N259367" s="10"/>
    </row>
    <row r="259368" spans="14:14">
      <c r="N259368" s="10"/>
    </row>
    <row r="259369" spans="14:14">
      <c r="N259369" s="10"/>
    </row>
    <row r="259370" spans="14:14">
      <c r="N259370" s="10"/>
    </row>
    <row r="259371" spans="14:14">
      <c r="N259371" s="10"/>
    </row>
    <row r="259372" spans="14:14">
      <c r="N259372" s="10"/>
    </row>
    <row r="259373" spans="14:14">
      <c r="N259373" s="10"/>
    </row>
    <row r="259374" spans="14:14">
      <c r="N259374" s="10"/>
    </row>
    <row r="259375" spans="14:14">
      <c r="N259375" s="10"/>
    </row>
    <row r="259376" spans="14:14">
      <c r="N259376" s="10"/>
    </row>
    <row r="259377" spans="14:14">
      <c r="N259377" s="10"/>
    </row>
    <row r="259378" spans="14:14">
      <c r="N259378" s="10"/>
    </row>
    <row r="259379" spans="14:14">
      <c r="N259379" s="10"/>
    </row>
    <row r="259380" spans="14:14">
      <c r="N259380" s="10"/>
    </row>
    <row r="259381" spans="14:14">
      <c r="N259381" s="10"/>
    </row>
    <row r="259382" spans="14:14">
      <c r="N259382" s="10"/>
    </row>
    <row r="259383" spans="14:14">
      <c r="N259383" s="10"/>
    </row>
    <row r="259384" spans="14:14">
      <c r="N259384" s="10"/>
    </row>
    <row r="259385" spans="14:14">
      <c r="N259385" s="10"/>
    </row>
    <row r="259386" spans="14:14">
      <c r="N259386" s="10"/>
    </row>
    <row r="259387" spans="14:14">
      <c r="N259387" s="10"/>
    </row>
    <row r="259388" spans="14:14">
      <c r="N259388" s="10"/>
    </row>
    <row r="259389" spans="14:14">
      <c r="N259389" s="10"/>
    </row>
    <row r="259390" spans="14:14">
      <c r="N259390" s="10"/>
    </row>
    <row r="259391" spans="14:14">
      <c r="N259391" s="10"/>
    </row>
    <row r="259392" spans="14:14">
      <c r="N259392" s="10"/>
    </row>
    <row r="259393" spans="14:14">
      <c r="N259393" s="10"/>
    </row>
    <row r="259394" spans="14:14">
      <c r="N259394" s="10"/>
    </row>
    <row r="259395" spans="14:14">
      <c r="N259395" s="10"/>
    </row>
    <row r="259396" spans="14:14">
      <c r="N259396" s="10"/>
    </row>
    <row r="259397" spans="14:14">
      <c r="N259397" s="10"/>
    </row>
    <row r="259398" spans="14:14">
      <c r="N259398" s="10"/>
    </row>
    <row r="259399" spans="14:14">
      <c r="N259399" s="10"/>
    </row>
    <row r="259400" spans="14:14">
      <c r="N259400" s="10"/>
    </row>
    <row r="259401" spans="14:14">
      <c r="N259401" s="10"/>
    </row>
    <row r="259402" spans="14:14">
      <c r="N259402" s="10"/>
    </row>
    <row r="259403" spans="14:14">
      <c r="N259403" s="10"/>
    </row>
    <row r="259404" spans="14:14">
      <c r="N259404" s="10"/>
    </row>
    <row r="259405" spans="14:14">
      <c r="N259405" s="10"/>
    </row>
    <row r="259406" spans="14:14">
      <c r="N259406" s="10"/>
    </row>
    <row r="259407" spans="14:14">
      <c r="N259407" s="10"/>
    </row>
    <row r="259408" spans="14:14">
      <c r="N259408" s="10"/>
    </row>
    <row r="259409" spans="14:14">
      <c r="N259409" s="10"/>
    </row>
    <row r="259410" spans="14:14">
      <c r="N259410" s="10"/>
    </row>
    <row r="259411" spans="14:14">
      <c r="N259411" s="10"/>
    </row>
    <row r="259412" spans="14:14">
      <c r="N259412" s="10"/>
    </row>
    <row r="259413" spans="14:14">
      <c r="N259413" s="10"/>
    </row>
    <row r="259414" spans="14:14">
      <c r="N259414" s="10"/>
    </row>
    <row r="259415" spans="14:14">
      <c r="N259415" s="10"/>
    </row>
    <row r="259416" spans="14:14">
      <c r="N259416" s="10"/>
    </row>
    <row r="259417" spans="14:14">
      <c r="N259417" s="10"/>
    </row>
    <row r="259418" spans="14:14">
      <c r="N259418" s="10"/>
    </row>
    <row r="259419" spans="14:14">
      <c r="N259419" s="10"/>
    </row>
    <row r="259420" spans="14:14">
      <c r="N259420" s="10"/>
    </row>
    <row r="259421" spans="14:14">
      <c r="N259421" s="10"/>
    </row>
    <row r="259422" spans="14:14">
      <c r="N259422" s="10"/>
    </row>
    <row r="259423" spans="14:14">
      <c r="N259423" s="10"/>
    </row>
    <row r="259424" spans="14:14">
      <c r="N259424" s="10"/>
    </row>
    <row r="259425" spans="14:14">
      <c r="N259425" s="10"/>
    </row>
    <row r="259426" spans="14:14">
      <c r="N259426" s="10"/>
    </row>
    <row r="259427" spans="14:14">
      <c r="N259427" s="10"/>
    </row>
    <row r="259428" spans="14:14">
      <c r="N259428" s="10"/>
    </row>
    <row r="259429" spans="14:14">
      <c r="N259429" s="10"/>
    </row>
    <row r="259430" spans="14:14">
      <c r="N259430" s="10"/>
    </row>
    <row r="259431" spans="14:14">
      <c r="N259431" s="10"/>
    </row>
    <row r="259432" spans="14:14">
      <c r="N259432" s="10"/>
    </row>
    <row r="259433" spans="14:14">
      <c r="N259433" s="10"/>
    </row>
    <row r="259434" spans="14:14">
      <c r="N259434" s="10"/>
    </row>
    <row r="259435" spans="14:14">
      <c r="N259435" s="10"/>
    </row>
    <row r="259436" spans="14:14">
      <c r="N259436" s="10"/>
    </row>
    <row r="259437" spans="14:14">
      <c r="N259437" s="10"/>
    </row>
    <row r="259438" spans="14:14">
      <c r="N259438" s="10"/>
    </row>
    <row r="259439" spans="14:14">
      <c r="N259439" s="10"/>
    </row>
    <row r="259440" spans="14:14">
      <c r="N259440" s="10"/>
    </row>
    <row r="259441" spans="14:14">
      <c r="N259441" s="10"/>
    </row>
    <row r="259442" spans="14:14">
      <c r="N259442" s="10"/>
    </row>
    <row r="259443" spans="14:14">
      <c r="N259443" s="10"/>
    </row>
    <row r="259444" spans="14:14">
      <c r="N259444" s="10"/>
    </row>
    <row r="259445" spans="14:14">
      <c r="N259445" s="10"/>
    </row>
    <row r="259446" spans="14:14">
      <c r="N259446" s="10"/>
    </row>
    <row r="259447" spans="14:14">
      <c r="N259447" s="10"/>
    </row>
    <row r="259448" spans="14:14">
      <c r="N259448" s="10"/>
    </row>
    <row r="259449" spans="14:14">
      <c r="N259449" s="10"/>
    </row>
    <row r="259450" spans="14:14">
      <c r="N259450" s="10"/>
    </row>
    <row r="259451" spans="14:14">
      <c r="N259451" s="10"/>
    </row>
    <row r="259452" spans="14:14">
      <c r="N259452" s="10"/>
    </row>
    <row r="259453" spans="14:14">
      <c r="N259453" s="10"/>
    </row>
    <row r="259454" spans="14:14">
      <c r="N259454" s="10"/>
    </row>
    <row r="259455" spans="14:14">
      <c r="N259455" s="10"/>
    </row>
    <row r="259456" spans="14:14">
      <c r="N259456" s="10"/>
    </row>
    <row r="259457" spans="14:14">
      <c r="N259457" s="10"/>
    </row>
    <row r="259458" spans="14:14">
      <c r="N259458" s="10"/>
    </row>
    <row r="259459" spans="14:14">
      <c r="N259459" s="10"/>
    </row>
    <row r="259460" spans="14:14">
      <c r="N259460" s="10"/>
    </row>
    <row r="259461" spans="14:14">
      <c r="N259461" s="10"/>
    </row>
    <row r="259462" spans="14:14">
      <c r="N259462" s="10"/>
    </row>
    <row r="259463" spans="14:14">
      <c r="N259463" s="10"/>
    </row>
    <row r="259464" spans="14:14">
      <c r="N259464" s="10"/>
    </row>
    <row r="259465" spans="14:14">
      <c r="N259465" s="10"/>
    </row>
    <row r="259466" spans="14:14">
      <c r="N259466" s="10"/>
    </row>
    <row r="259467" spans="14:14">
      <c r="N259467" s="10"/>
    </row>
    <row r="259468" spans="14:14">
      <c r="N259468" s="10"/>
    </row>
    <row r="259469" spans="14:14">
      <c r="N259469" s="10"/>
    </row>
    <row r="259470" spans="14:14">
      <c r="N259470" s="10"/>
    </row>
    <row r="259471" spans="14:14">
      <c r="N259471" s="10"/>
    </row>
    <row r="259472" spans="14:14">
      <c r="N259472" s="10"/>
    </row>
    <row r="259473" spans="14:14">
      <c r="N259473" s="10"/>
    </row>
    <row r="259474" spans="14:14">
      <c r="N259474" s="10"/>
    </row>
    <row r="259475" spans="14:14">
      <c r="N259475" s="10"/>
    </row>
    <row r="259476" spans="14:14">
      <c r="N259476" s="10"/>
    </row>
    <row r="259477" spans="14:14">
      <c r="N259477" s="10"/>
    </row>
    <row r="259478" spans="14:14">
      <c r="N259478" s="10"/>
    </row>
    <row r="259479" spans="14:14">
      <c r="N259479" s="10"/>
    </row>
    <row r="259480" spans="14:14">
      <c r="N259480" s="10"/>
    </row>
    <row r="259481" spans="14:14">
      <c r="N259481" s="10"/>
    </row>
    <row r="259482" spans="14:14">
      <c r="N259482" s="10"/>
    </row>
    <row r="259483" spans="14:14">
      <c r="N259483" s="10"/>
    </row>
    <row r="259484" spans="14:14">
      <c r="N259484" s="10"/>
    </row>
    <row r="259485" spans="14:14">
      <c r="N259485" s="10"/>
    </row>
    <row r="259486" spans="14:14">
      <c r="N259486" s="10"/>
    </row>
    <row r="259487" spans="14:14">
      <c r="N259487" s="10"/>
    </row>
    <row r="259488" spans="14:14">
      <c r="N259488" s="10"/>
    </row>
    <row r="259489" spans="14:14">
      <c r="N259489" s="10"/>
    </row>
    <row r="259490" spans="14:14">
      <c r="N259490" s="10"/>
    </row>
    <row r="259491" spans="14:14">
      <c r="N259491" s="10"/>
    </row>
    <row r="259492" spans="14:14">
      <c r="N259492" s="10"/>
    </row>
    <row r="259493" spans="14:14">
      <c r="N259493" s="10"/>
    </row>
    <row r="259494" spans="14:14">
      <c r="N259494" s="10"/>
    </row>
    <row r="259495" spans="14:14">
      <c r="N259495" s="10"/>
    </row>
    <row r="259496" spans="14:14">
      <c r="N259496" s="10"/>
    </row>
    <row r="259497" spans="14:14">
      <c r="N259497" s="10"/>
    </row>
    <row r="259498" spans="14:14">
      <c r="N259498" s="10"/>
    </row>
    <row r="259499" spans="14:14">
      <c r="N259499" s="10"/>
    </row>
    <row r="259500" spans="14:14">
      <c r="N259500" s="10"/>
    </row>
    <row r="259501" spans="14:14">
      <c r="N259501" s="10"/>
    </row>
    <row r="259502" spans="14:14">
      <c r="N259502" s="10"/>
    </row>
    <row r="259503" spans="14:14">
      <c r="N259503" s="10"/>
    </row>
    <row r="259504" spans="14:14">
      <c r="N259504" s="10"/>
    </row>
    <row r="259505" spans="14:14">
      <c r="N259505" s="10"/>
    </row>
    <row r="259506" spans="14:14">
      <c r="N259506" s="10"/>
    </row>
    <row r="259507" spans="14:14">
      <c r="N259507" s="10"/>
    </row>
    <row r="259508" spans="14:14">
      <c r="N259508" s="10"/>
    </row>
    <row r="259509" spans="14:14">
      <c r="N259509" s="10"/>
    </row>
    <row r="259510" spans="14:14">
      <c r="N259510" s="10"/>
    </row>
    <row r="259511" spans="14:14">
      <c r="N259511" s="10"/>
    </row>
    <row r="259512" spans="14:14">
      <c r="N259512" s="10"/>
    </row>
    <row r="259513" spans="14:14">
      <c r="N259513" s="10"/>
    </row>
    <row r="259514" spans="14:14">
      <c r="N259514" s="10"/>
    </row>
    <row r="259515" spans="14:14">
      <c r="N259515" s="10"/>
    </row>
    <row r="259516" spans="14:14">
      <c r="N259516" s="10"/>
    </row>
    <row r="259517" spans="14:14">
      <c r="N259517" s="10"/>
    </row>
    <row r="259518" spans="14:14">
      <c r="N259518" s="10"/>
    </row>
    <row r="259519" spans="14:14">
      <c r="N259519" s="10"/>
    </row>
    <row r="259520" spans="14:14">
      <c r="N259520" s="10"/>
    </row>
    <row r="259521" spans="14:14">
      <c r="N259521" s="10"/>
    </row>
    <row r="259522" spans="14:14">
      <c r="N259522" s="10"/>
    </row>
    <row r="259523" spans="14:14">
      <c r="N259523" s="10"/>
    </row>
    <row r="259524" spans="14:14">
      <c r="N259524" s="10"/>
    </row>
    <row r="259525" spans="14:14">
      <c r="N259525" s="10"/>
    </row>
    <row r="259526" spans="14:14">
      <c r="N259526" s="10"/>
    </row>
    <row r="259527" spans="14:14">
      <c r="N259527" s="10"/>
    </row>
    <row r="259528" spans="14:14">
      <c r="N259528" s="10"/>
    </row>
    <row r="259529" spans="14:14">
      <c r="N259529" s="10"/>
    </row>
    <row r="259530" spans="14:14">
      <c r="N259530" s="10"/>
    </row>
    <row r="259531" spans="14:14">
      <c r="N259531" s="10"/>
    </row>
    <row r="259532" spans="14:14">
      <c r="N259532" s="10"/>
    </row>
    <row r="259533" spans="14:14">
      <c r="N259533" s="10"/>
    </row>
    <row r="259534" spans="14:14">
      <c r="N259534" s="10"/>
    </row>
    <row r="259535" spans="14:14">
      <c r="N259535" s="10"/>
    </row>
    <row r="259536" spans="14:14">
      <c r="N259536" s="10"/>
    </row>
    <row r="259537" spans="14:14">
      <c r="N259537" s="10"/>
    </row>
    <row r="259538" spans="14:14">
      <c r="N259538" s="10"/>
    </row>
    <row r="259539" spans="14:14">
      <c r="N259539" s="10"/>
    </row>
    <row r="259540" spans="14:14">
      <c r="N259540" s="10"/>
    </row>
    <row r="259541" spans="14:14">
      <c r="N259541" s="10"/>
    </row>
    <row r="259542" spans="14:14">
      <c r="N259542" s="10"/>
    </row>
    <row r="259543" spans="14:14">
      <c r="N259543" s="10"/>
    </row>
    <row r="259544" spans="14:14">
      <c r="N259544" s="10"/>
    </row>
    <row r="259545" spans="14:14">
      <c r="N259545" s="10"/>
    </row>
    <row r="259546" spans="14:14">
      <c r="N259546" s="10"/>
    </row>
    <row r="259547" spans="14:14">
      <c r="N259547" s="10"/>
    </row>
    <row r="259548" spans="14:14">
      <c r="N259548" s="10"/>
    </row>
    <row r="259549" spans="14:14">
      <c r="N259549" s="10"/>
    </row>
    <row r="259550" spans="14:14">
      <c r="N259550" s="10"/>
    </row>
    <row r="259551" spans="14:14">
      <c r="N259551" s="10"/>
    </row>
    <row r="259552" spans="14:14">
      <c r="N259552" s="10"/>
    </row>
    <row r="259553" spans="14:14">
      <c r="N259553" s="10"/>
    </row>
    <row r="259554" spans="14:14">
      <c r="N259554" s="10"/>
    </row>
    <row r="259555" spans="14:14">
      <c r="N259555" s="10"/>
    </row>
    <row r="259556" spans="14:14">
      <c r="N259556" s="10"/>
    </row>
    <row r="259557" spans="14:14">
      <c r="N259557" s="10"/>
    </row>
    <row r="259558" spans="14:14">
      <c r="N259558" s="10"/>
    </row>
    <row r="259559" spans="14:14">
      <c r="N259559" s="10"/>
    </row>
    <row r="259560" spans="14:14">
      <c r="N259560" s="10"/>
    </row>
    <row r="259561" spans="14:14">
      <c r="N259561" s="10"/>
    </row>
    <row r="259562" spans="14:14">
      <c r="N259562" s="10"/>
    </row>
    <row r="259563" spans="14:14">
      <c r="N259563" s="10"/>
    </row>
    <row r="259564" spans="14:14">
      <c r="N259564" s="10"/>
    </row>
    <row r="259565" spans="14:14">
      <c r="N259565" s="10"/>
    </row>
    <row r="259566" spans="14:14">
      <c r="N259566" s="10"/>
    </row>
    <row r="259567" spans="14:14">
      <c r="N259567" s="10"/>
    </row>
    <row r="259568" spans="14:14">
      <c r="N259568" s="10"/>
    </row>
    <row r="259569" spans="14:14">
      <c r="N259569" s="10"/>
    </row>
    <row r="259570" spans="14:14">
      <c r="N259570" s="10"/>
    </row>
    <row r="259571" spans="14:14">
      <c r="N259571" s="10"/>
    </row>
    <row r="259572" spans="14:14">
      <c r="N259572" s="10"/>
    </row>
    <row r="259573" spans="14:14">
      <c r="N259573" s="10"/>
    </row>
    <row r="259574" spans="14:14">
      <c r="N259574" s="10"/>
    </row>
    <row r="259575" spans="14:14">
      <c r="N259575" s="10"/>
    </row>
    <row r="259576" spans="14:14">
      <c r="N259576" s="10"/>
    </row>
    <row r="259577" spans="14:14">
      <c r="N259577" s="10"/>
    </row>
    <row r="259578" spans="14:14">
      <c r="N259578" s="10"/>
    </row>
    <row r="259579" spans="14:14">
      <c r="N259579" s="10"/>
    </row>
    <row r="259580" spans="14:14">
      <c r="N259580" s="10"/>
    </row>
    <row r="259581" spans="14:14">
      <c r="N259581" s="10"/>
    </row>
    <row r="259582" spans="14:14">
      <c r="N259582" s="10"/>
    </row>
    <row r="259583" spans="14:14">
      <c r="N259583" s="10"/>
    </row>
    <row r="259584" spans="14:14">
      <c r="N259584" s="10"/>
    </row>
    <row r="259585" spans="14:14">
      <c r="N259585" s="10"/>
    </row>
    <row r="259586" spans="14:14">
      <c r="N259586" s="10"/>
    </row>
    <row r="259587" spans="14:14">
      <c r="N259587" s="10"/>
    </row>
    <row r="259588" spans="14:14">
      <c r="N259588" s="10"/>
    </row>
    <row r="259589" spans="14:14">
      <c r="N259589" s="10"/>
    </row>
    <row r="259590" spans="14:14">
      <c r="N259590" s="10"/>
    </row>
    <row r="259591" spans="14:14">
      <c r="N259591" s="10"/>
    </row>
    <row r="259592" spans="14:14">
      <c r="N259592" s="10"/>
    </row>
    <row r="259593" spans="14:14">
      <c r="N259593" s="10"/>
    </row>
    <row r="259594" spans="14:14">
      <c r="N259594" s="10"/>
    </row>
    <row r="259595" spans="14:14">
      <c r="N259595" s="10"/>
    </row>
    <row r="259596" spans="14:14">
      <c r="N259596" s="10"/>
    </row>
    <row r="259597" spans="14:14">
      <c r="N259597" s="10"/>
    </row>
    <row r="259598" spans="14:14">
      <c r="N259598" s="10"/>
    </row>
    <row r="259599" spans="14:14">
      <c r="N259599" s="10"/>
    </row>
    <row r="259600" spans="14:14">
      <c r="N259600" s="10"/>
    </row>
    <row r="259601" spans="14:14">
      <c r="N259601" s="10"/>
    </row>
    <row r="259602" spans="14:14">
      <c r="N259602" s="10"/>
    </row>
    <row r="259603" spans="14:14">
      <c r="N259603" s="10"/>
    </row>
    <row r="259604" spans="14:14">
      <c r="N259604" s="10"/>
    </row>
    <row r="259605" spans="14:14">
      <c r="N259605" s="10"/>
    </row>
    <row r="259606" spans="14:14">
      <c r="N259606" s="10"/>
    </row>
    <row r="259607" spans="14:14">
      <c r="N259607" s="10"/>
    </row>
    <row r="259608" spans="14:14">
      <c r="N259608" s="10"/>
    </row>
    <row r="259609" spans="14:14">
      <c r="N259609" s="10"/>
    </row>
    <row r="259610" spans="14:14">
      <c r="N259610" s="10"/>
    </row>
    <row r="259611" spans="14:14">
      <c r="N259611" s="10"/>
    </row>
    <row r="259612" spans="14:14">
      <c r="N259612" s="10"/>
    </row>
    <row r="259613" spans="14:14">
      <c r="N259613" s="10"/>
    </row>
    <row r="259614" spans="14:14">
      <c r="N259614" s="10"/>
    </row>
    <row r="259615" spans="14:14">
      <c r="N259615" s="10"/>
    </row>
    <row r="259616" spans="14:14">
      <c r="N259616" s="10"/>
    </row>
    <row r="259617" spans="14:14">
      <c r="N259617" s="10"/>
    </row>
    <row r="259618" spans="14:14">
      <c r="N259618" s="10"/>
    </row>
    <row r="259619" spans="14:14">
      <c r="N259619" s="10"/>
    </row>
    <row r="259620" spans="14:14">
      <c r="N259620" s="10"/>
    </row>
    <row r="259621" spans="14:14">
      <c r="N259621" s="10"/>
    </row>
    <row r="259622" spans="14:14">
      <c r="N259622" s="10"/>
    </row>
    <row r="259623" spans="14:14">
      <c r="N259623" s="10"/>
    </row>
    <row r="259624" spans="14:14">
      <c r="N259624" s="10"/>
    </row>
    <row r="259625" spans="14:14">
      <c r="N259625" s="10"/>
    </row>
    <row r="259626" spans="14:14">
      <c r="N259626" s="10"/>
    </row>
    <row r="259627" spans="14:14">
      <c r="N259627" s="10"/>
    </row>
    <row r="259628" spans="14:14">
      <c r="N259628" s="10"/>
    </row>
    <row r="259629" spans="14:14">
      <c r="N259629" s="10"/>
    </row>
    <row r="259630" spans="14:14">
      <c r="N259630" s="10"/>
    </row>
    <row r="259631" spans="14:14">
      <c r="N259631" s="10"/>
    </row>
    <row r="259632" spans="14:14">
      <c r="N259632" s="10"/>
    </row>
    <row r="259633" spans="14:14">
      <c r="N259633" s="10"/>
    </row>
    <row r="259634" spans="14:14">
      <c r="N259634" s="10"/>
    </row>
    <row r="259635" spans="14:14">
      <c r="N259635" s="10"/>
    </row>
    <row r="259636" spans="14:14">
      <c r="N259636" s="10"/>
    </row>
    <row r="259637" spans="14:14">
      <c r="N259637" s="10"/>
    </row>
    <row r="259638" spans="14:14">
      <c r="N259638" s="10"/>
    </row>
    <row r="259639" spans="14:14">
      <c r="N259639" s="10"/>
    </row>
    <row r="259640" spans="14:14">
      <c r="N259640" s="10"/>
    </row>
    <row r="259641" spans="14:14">
      <c r="N259641" s="10"/>
    </row>
    <row r="259642" spans="14:14">
      <c r="N259642" s="10"/>
    </row>
    <row r="259643" spans="14:14">
      <c r="N259643" s="10"/>
    </row>
    <row r="259644" spans="14:14">
      <c r="N259644" s="10"/>
    </row>
    <row r="259645" spans="14:14">
      <c r="N259645" s="10"/>
    </row>
    <row r="259646" spans="14:14">
      <c r="N259646" s="10"/>
    </row>
    <row r="259647" spans="14:14">
      <c r="N259647" s="10"/>
    </row>
    <row r="259648" spans="14:14">
      <c r="N259648" s="10"/>
    </row>
    <row r="259649" spans="14:14">
      <c r="N259649" s="10"/>
    </row>
    <row r="259650" spans="14:14">
      <c r="N259650" s="10"/>
    </row>
    <row r="259651" spans="14:14">
      <c r="N259651" s="10"/>
    </row>
    <row r="259652" spans="14:14">
      <c r="N259652" s="10"/>
    </row>
    <row r="259653" spans="14:14">
      <c r="N259653" s="10"/>
    </row>
    <row r="259654" spans="14:14">
      <c r="N259654" s="10"/>
    </row>
    <row r="259655" spans="14:14">
      <c r="N259655" s="10"/>
    </row>
    <row r="259656" spans="14:14">
      <c r="N259656" s="10"/>
    </row>
    <row r="259657" spans="14:14">
      <c r="N259657" s="10"/>
    </row>
    <row r="259658" spans="14:14">
      <c r="N259658" s="10"/>
    </row>
    <row r="259659" spans="14:14">
      <c r="N259659" s="10"/>
    </row>
    <row r="259660" spans="14:14">
      <c r="N259660" s="10"/>
    </row>
    <row r="259661" spans="14:14">
      <c r="N259661" s="10"/>
    </row>
    <row r="259662" spans="14:14">
      <c r="N259662" s="10"/>
    </row>
    <row r="259663" spans="14:14">
      <c r="N259663" s="10"/>
    </row>
    <row r="259664" spans="14:14">
      <c r="N259664" s="10"/>
    </row>
    <row r="259665" spans="14:14">
      <c r="N259665" s="10"/>
    </row>
    <row r="259666" spans="14:14">
      <c r="N259666" s="10"/>
    </row>
    <row r="259667" spans="14:14">
      <c r="N259667" s="10"/>
    </row>
    <row r="259668" spans="14:14">
      <c r="N259668" s="10"/>
    </row>
    <row r="259669" spans="14:14">
      <c r="N259669" s="10"/>
    </row>
    <row r="259670" spans="14:14">
      <c r="N259670" s="10"/>
    </row>
    <row r="259671" spans="14:14">
      <c r="N259671" s="10"/>
    </row>
    <row r="259672" spans="14:14">
      <c r="N259672" s="10"/>
    </row>
    <row r="259673" spans="14:14">
      <c r="N259673" s="10"/>
    </row>
    <row r="259674" spans="14:14">
      <c r="N259674" s="10"/>
    </row>
    <row r="259675" spans="14:14">
      <c r="N259675" s="10"/>
    </row>
    <row r="259676" spans="14:14">
      <c r="N259676" s="10"/>
    </row>
    <row r="259677" spans="14:14">
      <c r="N259677" s="10"/>
    </row>
    <row r="259678" spans="14:14">
      <c r="N259678" s="10"/>
    </row>
    <row r="259679" spans="14:14">
      <c r="N259679" s="10"/>
    </row>
    <row r="259680" spans="14:14">
      <c r="N259680" s="10"/>
    </row>
    <row r="259681" spans="14:14">
      <c r="N259681" s="10"/>
    </row>
    <row r="259682" spans="14:14">
      <c r="N259682" s="10"/>
    </row>
    <row r="259683" spans="14:14">
      <c r="N259683" s="10"/>
    </row>
    <row r="259684" spans="14:14">
      <c r="N259684" s="10"/>
    </row>
    <row r="259685" spans="14:14">
      <c r="N259685" s="10"/>
    </row>
    <row r="259686" spans="14:14">
      <c r="N259686" s="10"/>
    </row>
    <row r="259687" spans="14:14">
      <c r="N259687" s="10"/>
    </row>
    <row r="259688" spans="14:14">
      <c r="N259688" s="10"/>
    </row>
    <row r="259689" spans="14:14">
      <c r="N259689" s="10"/>
    </row>
    <row r="259690" spans="14:14">
      <c r="N259690" s="10"/>
    </row>
    <row r="259691" spans="14:14">
      <c r="N259691" s="10"/>
    </row>
    <row r="259692" spans="14:14">
      <c r="N259692" s="10"/>
    </row>
    <row r="259693" spans="14:14">
      <c r="N259693" s="10"/>
    </row>
    <row r="259694" spans="14:14">
      <c r="N259694" s="10"/>
    </row>
    <row r="259695" spans="14:14">
      <c r="N259695" s="10"/>
    </row>
    <row r="259696" spans="14:14">
      <c r="N259696" s="10"/>
    </row>
    <row r="259697" spans="14:14">
      <c r="N259697" s="10"/>
    </row>
    <row r="259698" spans="14:14">
      <c r="N259698" s="10"/>
    </row>
    <row r="259699" spans="14:14">
      <c r="N259699" s="10"/>
    </row>
    <row r="259700" spans="14:14">
      <c r="N259700" s="10"/>
    </row>
    <row r="259701" spans="14:14">
      <c r="N259701" s="10"/>
    </row>
    <row r="259702" spans="14:14">
      <c r="N259702" s="10"/>
    </row>
    <row r="259703" spans="14:14">
      <c r="N259703" s="10"/>
    </row>
    <row r="259704" spans="14:14">
      <c r="N259704" s="10"/>
    </row>
    <row r="259705" spans="14:14">
      <c r="N259705" s="10"/>
    </row>
    <row r="259706" spans="14:14">
      <c r="N259706" s="10"/>
    </row>
    <row r="259707" spans="14:14">
      <c r="N259707" s="10"/>
    </row>
    <row r="259708" spans="14:14">
      <c r="N259708" s="10"/>
    </row>
    <row r="259709" spans="14:14">
      <c r="N259709" s="10"/>
    </row>
    <row r="259710" spans="14:14">
      <c r="N259710" s="10"/>
    </row>
    <row r="259711" spans="14:14">
      <c r="N259711" s="10"/>
    </row>
    <row r="259712" spans="14:14">
      <c r="N259712" s="10"/>
    </row>
    <row r="259713" spans="14:14">
      <c r="N259713" s="10"/>
    </row>
    <row r="259714" spans="14:14">
      <c r="N259714" s="10"/>
    </row>
    <row r="259715" spans="14:14">
      <c r="N259715" s="10"/>
    </row>
    <row r="259716" spans="14:14">
      <c r="N259716" s="10"/>
    </row>
    <row r="259717" spans="14:14">
      <c r="N259717" s="10"/>
    </row>
    <row r="259718" spans="14:14">
      <c r="N259718" s="10"/>
    </row>
    <row r="259719" spans="14:14">
      <c r="N259719" s="10"/>
    </row>
    <row r="259720" spans="14:14">
      <c r="N259720" s="10"/>
    </row>
    <row r="259721" spans="14:14">
      <c r="N259721" s="10"/>
    </row>
    <row r="259722" spans="14:14">
      <c r="N259722" s="10"/>
    </row>
    <row r="259723" spans="14:14">
      <c r="N259723" s="10"/>
    </row>
    <row r="259724" spans="14:14">
      <c r="N259724" s="10"/>
    </row>
    <row r="259725" spans="14:14">
      <c r="N259725" s="10"/>
    </row>
    <row r="259726" spans="14:14">
      <c r="N259726" s="10"/>
    </row>
    <row r="259727" spans="14:14">
      <c r="N259727" s="10"/>
    </row>
    <row r="259728" spans="14:14">
      <c r="N259728" s="10"/>
    </row>
    <row r="259729" spans="14:14">
      <c r="N259729" s="10"/>
    </row>
    <row r="259730" spans="14:14">
      <c r="N259730" s="10"/>
    </row>
    <row r="259731" spans="14:14">
      <c r="N259731" s="10"/>
    </row>
    <row r="259732" spans="14:14">
      <c r="N259732" s="10"/>
    </row>
    <row r="259733" spans="14:14">
      <c r="N259733" s="10"/>
    </row>
    <row r="259734" spans="14:14">
      <c r="N259734" s="10"/>
    </row>
    <row r="259735" spans="14:14">
      <c r="N259735" s="10"/>
    </row>
    <row r="259736" spans="14:14">
      <c r="N259736" s="10"/>
    </row>
    <row r="259737" spans="14:14">
      <c r="N259737" s="10"/>
    </row>
    <row r="259738" spans="14:14">
      <c r="N259738" s="10"/>
    </row>
    <row r="259739" spans="14:14">
      <c r="N259739" s="10"/>
    </row>
    <row r="259740" spans="14:14">
      <c r="N259740" s="10"/>
    </row>
    <row r="259741" spans="14:14">
      <c r="N259741" s="10"/>
    </row>
    <row r="259742" spans="14:14">
      <c r="N259742" s="10"/>
    </row>
    <row r="259743" spans="14:14">
      <c r="N259743" s="10"/>
    </row>
    <row r="259744" spans="14:14">
      <c r="N259744" s="10"/>
    </row>
    <row r="259745" spans="14:14">
      <c r="N259745" s="10"/>
    </row>
    <row r="259746" spans="14:14">
      <c r="N259746" s="10"/>
    </row>
    <row r="259747" spans="14:14">
      <c r="N259747" s="10"/>
    </row>
    <row r="259748" spans="14:14">
      <c r="N259748" s="10"/>
    </row>
    <row r="259749" spans="14:14">
      <c r="N259749" s="10"/>
    </row>
    <row r="259750" spans="14:14">
      <c r="N259750" s="10"/>
    </row>
    <row r="259751" spans="14:14">
      <c r="N259751" s="10"/>
    </row>
    <row r="259752" spans="14:14">
      <c r="N259752" s="10"/>
    </row>
    <row r="259753" spans="14:14">
      <c r="N259753" s="10"/>
    </row>
    <row r="259754" spans="14:14">
      <c r="N259754" s="10"/>
    </row>
    <row r="259755" spans="14:14">
      <c r="N259755" s="10"/>
    </row>
    <row r="259756" spans="14:14">
      <c r="N259756" s="10"/>
    </row>
    <row r="259757" spans="14:14">
      <c r="N259757" s="10"/>
    </row>
    <row r="259758" spans="14:14">
      <c r="N259758" s="10"/>
    </row>
    <row r="259759" spans="14:14">
      <c r="N259759" s="10"/>
    </row>
    <row r="259760" spans="14:14">
      <c r="N259760" s="10"/>
    </row>
    <row r="259761" spans="14:14">
      <c r="N259761" s="10"/>
    </row>
    <row r="259762" spans="14:14">
      <c r="N259762" s="10"/>
    </row>
    <row r="259763" spans="14:14">
      <c r="N259763" s="10"/>
    </row>
    <row r="259764" spans="14:14">
      <c r="N259764" s="10"/>
    </row>
    <row r="259765" spans="14:14">
      <c r="N259765" s="10"/>
    </row>
    <row r="259766" spans="14:14">
      <c r="N259766" s="10"/>
    </row>
    <row r="259767" spans="14:14">
      <c r="N259767" s="10"/>
    </row>
    <row r="259768" spans="14:14">
      <c r="N259768" s="10"/>
    </row>
    <row r="259769" spans="14:14">
      <c r="N259769" s="10"/>
    </row>
    <row r="259770" spans="14:14">
      <c r="N259770" s="10"/>
    </row>
    <row r="259771" spans="14:14">
      <c r="N259771" s="10"/>
    </row>
    <row r="259772" spans="14:14">
      <c r="N259772" s="10"/>
    </row>
    <row r="259773" spans="14:14">
      <c r="N259773" s="10"/>
    </row>
    <row r="259774" spans="14:14">
      <c r="N259774" s="10"/>
    </row>
    <row r="259775" spans="14:14">
      <c r="N259775" s="10"/>
    </row>
    <row r="259776" spans="14:14">
      <c r="N259776" s="10"/>
    </row>
    <row r="259777" spans="14:14">
      <c r="N259777" s="10"/>
    </row>
    <row r="259778" spans="14:14">
      <c r="N259778" s="10"/>
    </row>
    <row r="259779" spans="14:14">
      <c r="N259779" s="10"/>
    </row>
    <row r="259780" spans="14:14">
      <c r="N259780" s="10"/>
    </row>
    <row r="259781" spans="14:14">
      <c r="N259781" s="10"/>
    </row>
    <row r="259782" spans="14:14">
      <c r="N259782" s="10"/>
    </row>
    <row r="259783" spans="14:14">
      <c r="N259783" s="10"/>
    </row>
    <row r="259784" spans="14:14">
      <c r="N259784" s="10"/>
    </row>
    <row r="259785" spans="14:14">
      <c r="N259785" s="10"/>
    </row>
    <row r="259786" spans="14:14">
      <c r="N259786" s="10"/>
    </row>
    <row r="259787" spans="14:14">
      <c r="N259787" s="10"/>
    </row>
    <row r="259788" spans="14:14">
      <c r="N259788" s="10"/>
    </row>
    <row r="259789" spans="14:14">
      <c r="N259789" s="10"/>
    </row>
    <row r="259790" spans="14:14">
      <c r="N259790" s="10"/>
    </row>
    <row r="259791" spans="14:14">
      <c r="N259791" s="10"/>
    </row>
    <row r="259792" spans="14:14">
      <c r="N259792" s="10"/>
    </row>
    <row r="259793" spans="14:14">
      <c r="N259793" s="10"/>
    </row>
    <row r="259794" spans="14:14">
      <c r="N259794" s="10"/>
    </row>
    <row r="259795" spans="14:14">
      <c r="N259795" s="10"/>
    </row>
    <row r="259796" spans="14:14">
      <c r="N259796" s="10"/>
    </row>
    <row r="259797" spans="14:14">
      <c r="N259797" s="10"/>
    </row>
    <row r="259798" spans="14:14">
      <c r="N259798" s="10"/>
    </row>
    <row r="259799" spans="14:14">
      <c r="N259799" s="10"/>
    </row>
    <row r="259800" spans="14:14">
      <c r="N259800" s="10"/>
    </row>
    <row r="259801" spans="14:14">
      <c r="N259801" s="10"/>
    </row>
    <row r="259802" spans="14:14">
      <c r="N259802" s="10"/>
    </row>
    <row r="259803" spans="14:14">
      <c r="N259803" s="10"/>
    </row>
    <row r="259804" spans="14:14">
      <c r="N259804" s="10"/>
    </row>
    <row r="259805" spans="14:14">
      <c r="N259805" s="10"/>
    </row>
    <row r="259806" spans="14:14">
      <c r="N259806" s="10"/>
    </row>
    <row r="259807" spans="14:14">
      <c r="N259807" s="10"/>
    </row>
    <row r="259808" spans="14:14">
      <c r="N259808" s="10"/>
    </row>
    <row r="259809" spans="14:14">
      <c r="N259809" s="10"/>
    </row>
    <row r="259810" spans="14:14">
      <c r="N259810" s="10"/>
    </row>
    <row r="259811" spans="14:14">
      <c r="N259811" s="10"/>
    </row>
    <row r="259812" spans="14:14">
      <c r="N259812" s="10"/>
    </row>
    <row r="259813" spans="14:14">
      <c r="N259813" s="10"/>
    </row>
    <row r="259814" spans="14:14">
      <c r="N259814" s="10"/>
    </row>
    <row r="259815" spans="14:14">
      <c r="N259815" s="10"/>
    </row>
    <row r="259816" spans="14:14">
      <c r="N259816" s="10"/>
    </row>
    <row r="259817" spans="14:14">
      <c r="N259817" s="10"/>
    </row>
    <row r="259818" spans="14:14">
      <c r="N259818" s="10"/>
    </row>
    <row r="259819" spans="14:14">
      <c r="N259819" s="10"/>
    </row>
    <row r="259820" spans="14:14">
      <c r="N259820" s="10"/>
    </row>
    <row r="259821" spans="14:14">
      <c r="N259821" s="10"/>
    </row>
    <row r="259822" spans="14:14">
      <c r="N259822" s="10"/>
    </row>
    <row r="259823" spans="14:14">
      <c r="N259823" s="10"/>
    </row>
    <row r="259824" spans="14:14">
      <c r="N259824" s="10"/>
    </row>
    <row r="259825" spans="14:14">
      <c r="N259825" s="10"/>
    </row>
    <row r="259826" spans="14:14">
      <c r="N259826" s="10"/>
    </row>
    <row r="259827" spans="14:14">
      <c r="N259827" s="10"/>
    </row>
    <row r="259828" spans="14:14">
      <c r="N259828" s="10"/>
    </row>
    <row r="259829" spans="14:14">
      <c r="N259829" s="10"/>
    </row>
    <row r="259830" spans="14:14">
      <c r="N259830" s="10"/>
    </row>
    <row r="259831" spans="14:14">
      <c r="N259831" s="10"/>
    </row>
    <row r="259832" spans="14:14">
      <c r="N259832" s="10"/>
    </row>
    <row r="259833" spans="14:14">
      <c r="N259833" s="10"/>
    </row>
    <row r="259834" spans="14:14">
      <c r="N259834" s="10"/>
    </row>
    <row r="259835" spans="14:14">
      <c r="N259835" s="10"/>
    </row>
    <row r="259836" spans="14:14">
      <c r="N259836" s="10"/>
    </row>
    <row r="259837" spans="14:14">
      <c r="N259837" s="10"/>
    </row>
    <row r="259838" spans="14:14">
      <c r="N259838" s="10"/>
    </row>
    <row r="259839" spans="14:14">
      <c r="N259839" s="10"/>
    </row>
    <row r="259840" spans="14:14">
      <c r="N259840" s="10"/>
    </row>
    <row r="259841" spans="14:14">
      <c r="N259841" s="10"/>
    </row>
    <row r="259842" spans="14:14">
      <c r="N259842" s="10"/>
    </row>
    <row r="259843" spans="14:14">
      <c r="N259843" s="10"/>
    </row>
    <row r="259844" spans="14:14">
      <c r="N259844" s="10"/>
    </row>
    <row r="259845" spans="14:14">
      <c r="N259845" s="10"/>
    </row>
    <row r="259846" spans="14:14">
      <c r="N259846" s="10"/>
    </row>
    <row r="259847" spans="14:14">
      <c r="N259847" s="10"/>
    </row>
    <row r="259848" spans="14:14">
      <c r="N259848" s="10"/>
    </row>
    <row r="259849" spans="14:14">
      <c r="N259849" s="10"/>
    </row>
    <row r="259850" spans="14:14">
      <c r="N259850" s="10"/>
    </row>
    <row r="259851" spans="14:14">
      <c r="N259851" s="10"/>
    </row>
    <row r="259852" spans="14:14">
      <c r="N259852" s="10"/>
    </row>
    <row r="259853" spans="14:14">
      <c r="N259853" s="10"/>
    </row>
    <row r="259854" spans="14:14">
      <c r="N259854" s="10"/>
    </row>
    <row r="259855" spans="14:14">
      <c r="N259855" s="10"/>
    </row>
    <row r="259856" spans="14:14">
      <c r="N259856" s="10"/>
    </row>
    <row r="259857" spans="14:14">
      <c r="N259857" s="10"/>
    </row>
    <row r="259858" spans="14:14">
      <c r="N259858" s="10"/>
    </row>
    <row r="259859" spans="14:14">
      <c r="N259859" s="10"/>
    </row>
    <row r="259860" spans="14:14">
      <c r="N259860" s="10"/>
    </row>
    <row r="259861" spans="14:14">
      <c r="N259861" s="10"/>
    </row>
    <row r="259862" spans="14:14">
      <c r="N259862" s="10"/>
    </row>
    <row r="259863" spans="14:14">
      <c r="N259863" s="10"/>
    </row>
    <row r="259864" spans="14:14">
      <c r="N259864" s="10"/>
    </row>
    <row r="259865" spans="14:14">
      <c r="N259865" s="10"/>
    </row>
    <row r="259866" spans="14:14">
      <c r="N259866" s="10"/>
    </row>
    <row r="259867" spans="14:14">
      <c r="N259867" s="10"/>
    </row>
    <row r="259868" spans="14:14">
      <c r="N259868" s="10"/>
    </row>
    <row r="259869" spans="14:14">
      <c r="N259869" s="10"/>
    </row>
    <row r="259870" spans="14:14">
      <c r="N259870" s="10"/>
    </row>
    <row r="259871" spans="14:14">
      <c r="N259871" s="10"/>
    </row>
    <row r="259872" spans="14:14">
      <c r="N259872" s="10"/>
    </row>
    <row r="259873" spans="14:14">
      <c r="N259873" s="10"/>
    </row>
    <row r="259874" spans="14:14">
      <c r="N259874" s="10"/>
    </row>
    <row r="259875" spans="14:14">
      <c r="N259875" s="10"/>
    </row>
    <row r="259876" spans="14:14">
      <c r="N259876" s="10"/>
    </row>
    <row r="259877" spans="14:14">
      <c r="N259877" s="10"/>
    </row>
    <row r="259878" spans="14:14">
      <c r="N259878" s="10"/>
    </row>
    <row r="259879" spans="14:14">
      <c r="N259879" s="10"/>
    </row>
    <row r="259880" spans="14:14">
      <c r="N259880" s="10"/>
    </row>
    <row r="259881" spans="14:14">
      <c r="N259881" s="10"/>
    </row>
    <row r="259882" spans="14:14">
      <c r="N259882" s="10"/>
    </row>
    <row r="259883" spans="14:14">
      <c r="N259883" s="10"/>
    </row>
    <row r="259884" spans="14:14">
      <c r="N259884" s="10"/>
    </row>
    <row r="259885" spans="14:14">
      <c r="N259885" s="10"/>
    </row>
    <row r="259886" spans="14:14">
      <c r="N259886" s="10"/>
    </row>
    <row r="259887" spans="14:14">
      <c r="N259887" s="10"/>
    </row>
    <row r="259888" spans="14:14">
      <c r="N259888" s="10"/>
    </row>
    <row r="259889" spans="14:14">
      <c r="N259889" s="10"/>
    </row>
    <row r="259890" spans="14:14">
      <c r="N259890" s="10"/>
    </row>
    <row r="259891" spans="14:14">
      <c r="N259891" s="10"/>
    </row>
    <row r="259892" spans="14:14">
      <c r="N259892" s="10"/>
    </row>
    <row r="259893" spans="14:14">
      <c r="N259893" s="10"/>
    </row>
    <row r="259894" spans="14:14">
      <c r="N259894" s="10"/>
    </row>
    <row r="259895" spans="14:14">
      <c r="N259895" s="10"/>
    </row>
    <row r="259896" spans="14:14">
      <c r="N259896" s="10"/>
    </row>
    <row r="259897" spans="14:14">
      <c r="N259897" s="10"/>
    </row>
    <row r="259898" spans="14:14">
      <c r="N259898" s="10"/>
    </row>
    <row r="259899" spans="14:14">
      <c r="N259899" s="10"/>
    </row>
    <row r="259900" spans="14:14">
      <c r="N259900" s="10"/>
    </row>
    <row r="259901" spans="14:14">
      <c r="N259901" s="10"/>
    </row>
    <row r="259902" spans="14:14">
      <c r="N259902" s="10"/>
    </row>
    <row r="259903" spans="14:14">
      <c r="N259903" s="10"/>
    </row>
    <row r="259904" spans="14:14">
      <c r="N259904" s="10"/>
    </row>
    <row r="259905" spans="14:14">
      <c r="N259905" s="10"/>
    </row>
    <row r="259906" spans="14:14">
      <c r="N259906" s="10"/>
    </row>
    <row r="259907" spans="14:14">
      <c r="N259907" s="10"/>
    </row>
    <row r="259908" spans="14:14">
      <c r="N259908" s="10"/>
    </row>
    <row r="259909" spans="14:14">
      <c r="N259909" s="10"/>
    </row>
    <row r="259910" spans="14:14">
      <c r="N259910" s="10"/>
    </row>
    <row r="259911" spans="14:14">
      <c r="N259911" s="10"/>
    </row>
    <row r="259912" spans="14:14">
      <c r="N259912" s="10"/>
    </row>
    <row r="259913" spans="14:14">
      <c r="N259913" s="10"/>
    </row>
    <row r="259914" spans="14:14">
      <c r="N259914" s="10"/>
    </row>
    <row r="259915" spans="14:14">
      <c r="N259915" s="10"/>
    </row>
    <row r="259916" spans="14:14">
      <c r="N259916" s="10"/>
    </row>
    <row r="259917" spans="14:14">
      <c r="N259917" s="10"/>
    </row>
    <row r="259918" spans="14:14">
      <c r="N259918" s="10"/>
    </row>
    <row r="259919" spans="14:14">
      <c r="N259919" s="10"/>
    </row>
    <row r="259920" spans="14:14">
      <c r="N259920" s="10"/>
    </row>
    <row r="259921" spans="14:14">
      <c r="N259921" s="10"/>
    </row>
    <row r="259922" spans="14:14">
      <c r="N259922" s="10"/>
    </row>
    <row r="259923" spans="14:14">
      <c r="N259923" s="10"/>
    </row>
    <row r="259924" spans="14:14">
      <c r="N259924" s="10"/>
    </row>
    <row r="259925" spans="14:14">
      <c r="N259925" s="10"/>
    </row>
    <row r="259926" spans="14:14">
      <c r="N259926" s="10"/>
    </row>
    <row r="259927" spans="14:14">
      <c r="N259927" s="10"/>
    </row>
    <row r="259928" spans="14:14">
      <c r="N259928" s="10"/>
    </row>
    <row r="259929" spans="14:14">
      <c r="N259929" s="10"/>
    </row>
    <row r="259930" spans="14:14">
      <c r="N259930" s="10"/>
    </row>
    <row r="259931" spans="14:14">
      <c r="N259931" s="10"/>
    </row>
    <row r="259932" spans="14:14">
      <c r="N259932" s="10"/>
    </row>
    <row r="259933" spans="14:14">
      <c r="N259933" s="10"/>
    </row>
    <row r="259934" spans="14:14">
      <c r="N259934" s="10"/>
    </row>
    <row r="259935" spans="14:14">
      <c r="N259935" s="10"/>
    </row>
    <row r="259936" spans="14:14">
      <c r="N259936" s="10"/>
    </row>
    <row r="259937" spans="14:14">
      <c r="N259937" s="10"/>
    </row>
    <row r="259938" spans="14:14">
      <c r="N259938" s="10"/>
    </row>
    <row r="259939" spans="14:14">
      <c r="N259939" s="10"/>
    </row>
    <row r="259940" spans="14:14">
      <c r="N259940" s="10"/>
    </row>
    <row r="259941" spans="14:14">
      <c r="N259941" s="10"/>
    </row>
    <row r="259942" spans="14:14">
      <c r="N259942" s="10"/>
    </row>
    <row r="259943" spans="14:14">
      <c r="N259943" s="10"/>
    </row>
    <row r="259944" spans="14:14">
      <c r="N259944" s="10"/>
    </row>
    <row r="259945" spans="14:14">
      <c r="N259945" s="10"/>
    </row>
    <row r="259946" spans="14:14">
      <c r="N259946" s="10"/>
    </row>
    <row r="259947" spans="14:14">
      <c r="N259947" s="10"/>
    </row>
    <row r="259948" spans="14:14">
      <c r="N259948" s="10"/>
    </row>
    <row r="259949" spans="14:14">
      <c r="N259949" s="10"/>
    </row>
    <row r="259950" spans="14:14">
      <c r="N259950" s="10"/>
    </row>
    <row r="259951" spans="14:14">
      <c r="N259951" s="10"/>
    </row>
    <row r="259952" spans="14:14">
      <c r="N259952" s="10"/>
    </row>
    <row r="259953" spans="14:14">
      <c r="N259953" s="10"/>
    </row>
    <row r="259954" spans="14:14">
      <c r="N259954" s="10"/>
    </row>
    <row r="259955" spans="14:14">
      <c r="N259955" s="10"/>
    </row>
    <row r="259956" spans="14:14">
      <c r="N259956" s="10"/>
    </row>
    <row r="259957" spans="14:14">
      <c r="N259957" s="10"/>
    </row>
    <row r="259958" spans="14:14">
      <c r="N259958" s="10"/>
    </row>
    <row r="259959" spans="14:14">
      <c r="N259959" s="10"/>
    </row>
    <row r="259960" spans="14:14">
      <c r="N259960" s="10"/>
    </row>
    <row r="259961" spans="14:14">
      <c r="N259961" s="10"/>
    </row>
    <row r="259962" spans="14:14">
      <c r="N259962" s="10"/>
    </row>
    <row r="259963" spans="14:14">
      <c r="N259963" s="10"/>
    </row>
    <row r="259964" spans="14:14">
      <c r="N259964" s="10"/>
    </row>
    <row r="259965" spans="14:14">
      <c r="N259965" s="10"/>
    </row>
    <row r="259966" spans="14:14">
      <c r="N259966" s="10"/>
    </row>
    <row r="259967" spans="14:14">
      <c r="N259967" s="10"/>
    </row>
    <row r="259968" spans="14:14">
      <c r="N259968" s="10"/>
    </row>
    <row r="259969" spans="14:14">
      <c r="N259969" s="10"/>
    </row>
    <row r="259970" spans="14:14">
      <c r="N259970" s="10"/>
    </row>
    <row r="259971" spans="14:14">
      <c r="N259971" s="10"/>
    </row>
    <row r="259972" spans="14:14">
      <c r="N259972" s="10"/>
    </row>
    <row r="259973" spans="14:14">
      <c r="N259973" s="10"/>
    </row>
    <row r="259974" spans="14:14">
      <c r="N259974" s="10"/>
    </row>
    <row r="259975" spans="14:14">
      <c r="N259975" s="10"/>
    </row>
    <row r="259976" spans="14:14">
      <c r="N259976" s="10"/>
    </row>
    <row r="259977" spans="14:14">
      <c r="N259977" s="10"/>
    </row>
    <row r="259978" spans="14:14">
      <c r="N259978" s="10"/>
    </row>
    <row r="259979" spans="14:14">
      <c r="N259979" s="10"/>
    </row>
    <row r="259980" spans="14:14">
      <c r="N259980" s="10"/>
    </row>
    <row r="259981" spans="14:14">
      <c r="N259981" s="10"/>
    </row>
    <row r="259982" spans="14:14">
      <c r="N259982" s="10"/>
    </row>
    <row r="259983" spans="14:14">
      <c r="N259983" s="10"/>
    </row>
    <row r="259984" spans="14:14">
      <c r="N259984" s="10"/>
    </row>
    <row r="259985" spans="14:14">
      <c r="N259985" s="10"/>
    </row>
    <row r="259986" spans="14:14">
      <c r="N259986" s="10"/>
    </row>
    <row r="259987" spans="14:14">
      <c r="N259987" s="10"/>
    </row>
    <row r="259988" spans="14:14">
      <c r="N259988" s="10"/>
    </row>
    <row r="259989" spans="14:14">
      <c r="N259989" s="10"/>
    </row>
    <row r="259990" spans="14:14">
      <c r="N259990" s="10"/>
    </row>
    <row r="259991" spans="14:14">
      <c r="N259991" s="10"/>
    </row>
    <row r="259992" spans="14:14">
      <c r="N259992" s="10"/>
    </row>
    <row r="259993" spans="14:14">
      <c r="N259993" s="10"/>
    </row>
    <row r="259994" spans="14:14">
      <c r="N259994" s="10"/>
    </row>
    <row r="259995" spans="14:14">
      <c r="N259995" s="10"/>
    </row>
    <row r="259996" spans="14:14">
      <c r="N259996" s="10"/>
    </row>
    <row r="259997" spans="14:14">
      <c r="N259997" s="10"/>
    </row>
    <row r="259998" spans="14:14">
      <c r="N259998" s="10"/>
    </row>
    <row r="259999" spans="14:14">
      <c r="N259999" s="10"/>
    </row>
    <row r="260000" spans="14:14">
      <c r="N260000" s="10"/>
    </row>
    <row r="260001" spans="14:14">
      <c r="N260001" s="10"/>
    </row>
    <row r="260002" spans="14:14">
      <c r="N260002" s="10"/>
    </row>
    <row r="260003" spans="14:14">
      <c r="N260003" s="10"/>
    </row>
    <row r="260004" spans="14:14">
      <c r="N260004" s="10"/>
    </row>
    <row r="260005" spans="14:14">
      <c r="N260005" s="10"/>
    </row>
    <row r="260006" spans="14:14">
      <c r="N260006" s="10"/>
    </row>
    <row r="260007" spans="14:14">
      <c r="N260007" s="10"/>
    </row>
    <row r="260008" spans="14:14">
      <c r="N260008" s="10"/>
    </row>
    <row r="260009" spans="14:14">
      <c r="N260009" s="10"/>
    </row>
    <row r="260010" spans="14:14">
      <c r="N260010" s="10"/>
    </row>
    <row r="260011" spans="14:14">
      <c r="N260011" s="10"/>
    </row>
    <row r="260012" spans="14:14">
      <c r="N260012" s="10"/>
    </row>
    <row r="260013" spans="14:14">
      <c r="N260013" s="10"/>
    </row>
    <row r="260014" spans="14:14">
      <c r="N260014" s="10"/>
    </row>
    <row r="260015" spans="14:14">
      <c r="N260015" s="10"/>
    </row>
    <row r="260016" spans="14:14">
      <c r="N260016" s="10"/>
    </row>
    <row r="260017" spans="14:14">
      <c r="N260017" s="10"/>
    </row>
    <row r="260018" spans="14:14">
      <c r="N260018" s="10"/>
    </row>
    <row r="260019" spans="14:14">
      <c r="N260019" s="10"/>
    </row>
    <row r="260020" spans="14:14">
      <c r="N260020" s="10"/>
    </row>
    <row r="260021" spans="14:14">
      <c r="N260021" s="10"/>
    </row>
    <row r="260022" spans="14:14">
      <c r="N260022" s="10"/>
    </row>
    <row r="260023" spans="14:14">
      <c r="N260023" s="10"/>
    </row>
    <row r="260024" spans="14:14">
      <c r="N260024" s="10"/>
    </row>
    <row r="260025" spans="14:14">
      <c r="N260025" s="10"/>
    </row>
    <row r="260026" spans="14:14">
      <c r="N260026" s="10"/>
    </row>
    <row r="260027" spans="14:14">
      <c r="N260027" s="10"/>
    </row>
    <row r="260028" spans="14:14">
      <c r="N260028" s="10"/>
    </row>
    <row r="260029" spans="14:14">
      <c r="N260029" s="10"/>
    </row>
    <row r="260030" spans="14:14">
      <c r="N260030" s="10"/>
    </row>
    <row r="260031" spans="14:14">
      <c r="N260031" s="10"/>
    </row>
    <row r="260032" spans="14:14">
      <c r="N260032" s="10"/>
    </row>
    <row r="260033" spans="14:14">
      <c r="N260033" s="10"/>
    </row>
    <row r="260034" spans="14:14">
      <c r="N260034" s="10"/>
    </row>
    <row r="260035" spans="14:14">
      <c r="N260035" s="10"/>
    </row>
    <row r="260036" spans="14:14">
      <c r="N260036" s="10"/>
    </row>
    <row r="260037" spans="14:14">
      <c r="N260037" s="10"/>
    </row>
    <row r="260038" spans="14:14">
      <c r="N260038" s="10"/>
    </row>
    <row r="260039" spans="14:14">
      <c r="N260039" s="10"/>
    </row>
    <row r="260040" spans="14:14">
      <c r="N260040" s="10"/>
    </row>
    <row r="260041" spans="14:14">
      <c r="N260041" s="10"/>
    </row>
    <row r="260042" spans="14:14">
      <c r="N260042" s="10"/>
    </row>
    <row r="260043" spans="14:14">
      <c r="N260043" s="10"/>
    </row>
    <row r="260044" spans="14:14">
      <c r="N260044" s="10"/>
    </row>
    <row r="260045" spans="14:14">
      <c r="N260045" s="10"/>
    </row>
    <row r="260046" spans="14:14">
      <c r="N260046" s="10"/>
    </row>
    <row r="260047" spans="14:14">
      <c r="N260047" s="10"/>
    </row>
    <row r="260048" spans="14:14">
      <c r="N260048" s="10"/>
    </row>
    <row r="260049" spans="14:14">
      <c r="N260049" s="10"/>
    </row>
    <row r="260050" spans="14:14">
      <c r="N260050" s="10"/>
    </row>
    <row r="260051" spans="14:14">
      <c r="N260051" s="10"/>
    </row>
    <row r="260052" spans="14:14">
      <c r="N260052" s="10"/>
    </row>
    <row r="260053" spans="14:14">
      <c r="N260053" s="10"/>
    </row>
    <row r="260054" spans="14:14">
      <c r="N260054" s="10"/>
    </row>
    <row r="260055" spans="14:14">
      <c r="N260055" s="10"/>
    </row>
    <row r="260056" spans="14:14">
      <c r="N260056" s="10"/>
    </row>
    <row r="260057" spans="14:14">
      <c r="N260057" s="10"/>
    </row>
    <row r="260058" spans="14:14">
      <c r="N260058" s="10"/>
    </row>
    <row r="260059" spans="14:14">
      <c r="N260059" s="10"/>
    </row>
    <row r="260060" spans="14:14">
      <c r="N260060" s="10"/>
    </row>
    <row r="260061" spans="14:14">
      <c r="N260061" s="10"/>
    </row>
    <row r="260062" spans="14:14">
      <c r="N260062" s="10"/>
    </row>
    <row r="260063" spans="14:14">
      <c r="N260063" s="10"/>
    </row>
    <row r="260064" spans="14:14">
      <c r="N260064" s="10"/>
    </row>
    <row r="260065" spans="14:14">
      <c r="N260065" s="10"/>
    </row>
    <row r="260066" spans="14:14">
      <c r="N260066" s="10"/>
    </row>
    <row r="260067" spans="14:14">
      <c r="N260067" s="10"/>
    </row>
    <row r="260068" spans="14:14">
      <c r="N260068" s="10"/>
    </row>
    <row r="260069" spans="14:14">
      <c r="N260069" s="10"/>
    </row>
    <row r="260070" spans="14:14">
      <c r="N260070" s="10"/>
    </row>
    <row r="260071" spans="14:14">
      <c r="N260071" s="10"/>
    </row>
    <row r="260072" spans="14:14">
      <c r="N260072" s="10"/>
    </row>
    <row r="260073" spans="14:14">
      <c r="N260073" s="10"/>
    </row>
    <row r="260074" spans="14:14">
      <c r="N260074" s="10"/>
    </row>
    <row r="260075" spans="14:14">
      <c r="N260075" s="10"/>
    </row>
    <row r="260076" spans="14:14">
      <c r="N260076" s="10"/>
    </row>
    <row r="260077" spans="14:14">
      <c r="N260077" s="10"/>
    </row>
    <row r="260078" spans="14:14">
      <c r="N260078" s="10"/>
    </row>
    <row r="260079" spans="14:14">
      <c r="N260079" s="10"/>
    </row>
    <row r="260080" spans="14:14">
      <c r="N260080" s="10"/>
    </row>
    <row r="260081" spans="14:14">
      <c r="N260081" s="10"/>
    </row>
    <row r="260082" spans="14:14">
      <c r="N260082" s="10"/>
    </row>
    <row r="260083" spans="14:14">
      <c r="N260083" s="10"/>
    </row>
    <row r="260084" spans="14:14">
      <c r="N260084" s="10"/>
    </row>
    <row r="260085" spans="14:14">
      <c r="N260085" s="10"/>
    </row>
    <row r="260086" spans="14:14">
      <c r="N260086" s="10"/>
    </row>
    <row r="260087" spans="14:14">
      <c r="N260087" s="10"/>
    </row>
    <row r="260088" spans="14:14">
      <c r="N260088" s="10"/>
    </row>
    <row r="260089" spans="14:14">
      <c r="N260089" s="10"/>
    </row>
    <row r="260090" spans="14:14">
      <c r="N260090" s="10"/>
    </row>
    <row r="260091" spans="14:14">
      <c r="N260091" s="10"/>
    </row>
    <row r="260092" spans="14:14">
      <c r="N260092" s="10"/>
    </row>
    <row r="260093" spans="14:14">
      <c r="N260093" s="10"/>
    </row>
    <row r="260094" spans="14:14">
      <c r="N260094" s="10"/>
    </row>
    <row r="260095" spans="14:14">
      <c r="N260095" s="10"/>
    </row>
    <row r="260096" spans="14:14">
      <c r="N260096" s="10"/>
    </row>
    <row r="260097" spans="14:14">
      <c r="N260097" s="10"/>
    </row>
    <row r="260098" spans="14:14">
      <c r="N260098" s="10"/>
    </row>
    <row r="260099" spans="14:14">
      <c r="N260099" s="10"/>
    </row>
    <row r="260100" spans="14:14">
      <c r="N260100" s="10"/>
    </row>
    <row r="260101" spans="14:14">
      <c r="N260101" s="10"/>
    </row>
    <row r="260102" spans="14:14">
      <c r="N260102" s="10"/>
    </row>
    <row r="260103" spans="14:14">
      <c r="N260103" s="10"/>
    </row>
    <row r="260104" spans="14:14">
      <c r="N260104" s="10"/>
    </row>
    <row r="260105" spans="14:14">
      <c r="N260105" s="10"/>
    </row>
    <row r="260106" spans="14:14">
      <c r="N260106" s="10"/>
    </row>
    <row r="260107" spans="14:14">
      <c r="N260107" s="10"/>
    </row>
    <row r="260108" spans="14:14">
      <c r="N260108" s="10"/>
    </row>
    <row r="260109" spans="14:14">
      <c r="N260109" s="10"/>
    </row>
    <row r="260110" spans="14:14">
      <c r="N260110" s="10"/>
    </row>
    <row r="260111" spans="14:14">
      <c r="N260111" s="10"/>
    </row>
    <row r="260112" spans="14:14">
      <c r="N260112" s="10"/>
    </row>
    <row r="260113" spans="14:14">
      <c r="N260113" s="10"/>
    </row>
    <row r="260114" spans="14:14">
      <c r="N260114" s="10"/>
    </row>
    <row r="260115" spans="14:14">
      <c r="N260115" s="10"/>
    </row>
    <row r="260116" spans="14:14">
      <c r="N260116" s="10"/>
    </row>
    <row r="260117" spans="14:14">
      <c r="N260117" s="10"/>
    </row>
    <row r="260118" spans="14:14">
      <c r="N260118" s="10"/>
    </row>
    <row r="260119" spans="14:14">
      <c r="N260119" s="10"/>
    </row>
    <row r="260120" spans="14:14">
      <c r="N260120" s="10"/>
    </row>
    <row r="260121" spans="14:14">
      <c r="N260121" s="10"/>
    </row>
    <row r="260122" spans="14:14">
      <c r="N260122" s="10"/>
    </row>
    <row r="260123" spans="14:14">
      <c r="N260123" s="10"/>
    </row>
    <row r="260124" spans="14:14">
      <c r="N260124" s="10"/>
    </row>
    <row r="260125" spans="14:14">
      <c r="N260125" s="10"/>
    </row>
    <row r="260126" spans="14:14">
      <c r="N260126" s="10"/>
    </row>
    <row r="260127" spans="14:14">
      <c r="N260127" s="10"/>
    </row>
    <row r="260128" spans="14:14">
      <c r="N260128" s="10"/>
    </row>
    <row r="260129" spans="14:14">
      <c r="N260129" s="10"/>
    </row>
    <row r="260130" spans="14:14">
      <c r="N260130" s="10"/>
    </row>
    <row r="260131" spans="14:14">
      <c r="N260131" s="10"/>
    </row>
    <row r="260132" spans="14:14">
      <c r="N260132" s="10"/>
    </row>
    <row r="260133" spans="14:14">
      <c r="N260133" s="10"/>
    </row>
    <row r="260134" spans="14:14">
      <c r="N260134" s="10"/>
    </row>
    <row r="260135" spans="14:14">
      <c r="N260135" s="10"/>
    </row>
    <row r="260136" spans="14:14">
      <c r="N260136" s="10"/>
    </row>
    <row r="260137" spans="14:14">
      <c r="N260137" s="10"/>
    </row>
    <row r="260138" spans="14:14">
      <c r="N260138" s="10"/>
    </row>
    <row r="260139" spans="14:14">
      <c r="N260139" s="10"/>
    </row>
    <row r="260140" spans="14:14">
      <c r="N260140" s="10"/>
    </row>
    <row r="260141" spans="14:14">
      <c r="N260141" s="10"/>
    </row>
    <row r="260142" spans="14:14">
      <c r="N260142" s="10"/>
    </row>
    <row r="260143" spans="14:14">
      <c r="N260143" s="10"/>
    </row>
    <row r="260144" spans="14:14">
      <c r="N260144" s="10"/>
    </row>
    <row r="260145" spans="14:14">
      <c r="N260145" s="10"/>
    </row>
    <row r="260146" spans="14:14">
      <c r="N260146" s="10"/>
    </row>
    <row r="260147" spans="14:14">
      <c r="N260147" s="10"/>
    </row>
    <row r="260148" spans="14:14">
      <c r="N260148" s="10"/>
    </row>
    <row r="260149" spans="14:14">
      <c r="N260149" s="10"/>
    </row>
    <row r="260150" spans="14:14">
      <c r="N260150" s="10"/>
    </row>
    <row r="260151" spans="14:14">
      <c r="N260151" s="10"/>
    </row>
    <row r="260152" spans="14:14">
      <c r="N260152" s="10"/>
    </row>
    <row r="260153" spans="14:14">
      <c r="N260153" s="10"/>
    </row>
    <row r="260154" spans="14:14">
      <c r="N260154" s="10"/>
    </row>
    <row r="260155" spans="14:14">
      <c r="N260155" s="10"/>
    </row>
    <row r="260156" spans="14:14">
      <c r="N260156" s="10"/>
    </row>
    <row r="260157" spans="14:14">
      <c r="N260157" s="10"/>
    </row>
    <row r="260158" spans="14:14">
      <c r="N260158" s="10"/>
    </row>
    <row r="260159" spans="14:14">
      <c r="N260159" s="10"/>
    </row>
    <row r="260160" spans="14:14">
      <c r="N260160" s="10"/>
    </row>
    <row r="260161" spans="14:14">
      <c r="N260161" s="10"/>
    </row>
    <row r="260162" spans="14:14">
      <c r="N260162" s="10"/>
    </row>
    <row r="260163" spans="14:14">
      <c r="N260163" s="10"/>
    </row>
    <row r="260164" spans="14:14">
      <c r="N260164" s="10"/>
    </row>
    <row r="260165" spans="14:14">
      <c r="N260165" s="10"/>
    </row>
    <row r="260166" spans="14:14">
      <c r="N260166" s="10"/>
    </row>
    <row r="260167" spans="14:14">
      <c r="N260167" s="10"/>
    </row>
    <row r="260168" spans="14:14">
      <c r="N260168" s="10"/>
    </row>
    <row r="260169" spans="14:14">
      <c r="N260169" s="10"/>
    </row>
    <row r="260170" spans="14:14">
      <c r="N260170" s="10"/>
    </row>
    <row r="260171" spans="14:14">
      <c r="N260171" s="10"/>
    </row>
    <row r="260172" spans="14:14">
      <c r="N260172" s="10"/>
    </row>
    <row r="260173" spans="14:14">
      <c r="N260173" s="10"/>
    </row>
    <row r="260174" spans="14:14">
      <c r="N260174" s="10"/>
    </row>
    <row r="260175" spans="14:14">
      <c r="N260175" s="10"/>
    </row>
    <row r="260176" spans="14:14">
      <c r="N260176" s="10"/>
    </row>
    <row r="260177" spans="14:14">
      <c r="N260177" s="10"/>
    </row>
    <row r="260178" spans="14:14">
      <c r="N260178" s="10"/>
    </row>
    <row r="260179" spans="14:14">
      <c r="N260179" s="10"/>
    </row>
    <row r="260180" spans="14:14">
      <c r="N260180" s="10"/>
    </row>
    <row r="260181" spans="14:14">
      <c r="N260181" s="10"/>
    </row>
    <row r="260182" spans="14:14">
      <c r="N260182" s="10"/>
    </row>
    <row r="260183" spans="14:14">
      <c r="N260183" s="10"/>
    </row>
    <row r="260184" spans="14:14">
      <c r="N260184" s="10"/>
    </row>
    <row r="260185" spans="14:14">
      <c r="N260185" s="10"/>
    </row>
    <row r="260186" spans="14:14">
      <c r="N260186" s="10"/>
    </row>
    <row r="260187" spans="14:14">
      <c r="N260187" s="10"/>
    </row>
    <row r="260188" spans="14:14">
      <c r="N260188" s="10"/>
    </row>
    <row r="260189" spans="14:14">
      <c r="N260189" s="10"/>
    </row>
    <row r="260190" spans="14:14">
      <c r="N260190" s="10"/>
    </row>
    <row r="260191" spans="14:14">
      <c r="N260191" s="10"/>
    </row>
    <row r="260192" spans="14:14">
      <c r="N260192" s="10"/>
    </row>
    <row r="260193" spans="14:14">
      <c r="N260193" s="10"/>
    </row>
    <row r="260194" spans="14:14">
      <c r="N260194" s="10"/>
    </row>
    <row r="260195" spans="14:14">
      <c r="N260195" s="10"/>
    </row>
    <row r="260196" spans="14:14">
      <c r="N260196" s="10"/>
    </row>
    <row r="260197" spans="14:14">
      <c r="N260197" s="10"/>
    </row>
    <row r="260198" spans="14:14">
      <c r="N260198" s="10"/>
    </row>
    <row r="260199" spans="14:14">
      <c r="N260199" s="10"/>
    </row>
    <row r="260200" spans="14:14">
      <c r="N260200" s="10"/>
    </row>
    <row r="260201" spans="14:14">
      <c r="N260201" s="10"/>
    </row>
    <row r="260202" spans="14:14">
      <c r="N260202" s="10"/>
    </row>
    <row r="260203" spans="14:14">
      <c r="N260203" s="10"/>
    </row>
    <row r="260204" spans="14:14">
      <c r="N260204" s="10"/>
    </row>
    <row r="260205" spans="14:14">
      <c r="N260205" s="10"/>
    </row>
    <row r="260206" spans="14:14">
      <c r="N260206" s="10"/>
    </row>
    <row r="260207" spans="14:14">
      <c r="N260207" s="10"/>
    </row>
    <row r="260208" spans="14:14">
      <c r="N260208" s="10"/>
    </row>
    <row r="260209" spans="14:14">
      <c r="N260209" s="10"/>
    </row>
    <row r="260210" spans="14:14">
      <c r="N260210" s="10"/>
    </row>
    <row r="260211" spans="14:14">
      <c r="N260211" s="10"/>
    </row>
    <row r="260212" spans="14:14">
      <c r="N260212" s="10"/>
    </row>
    <row r="260213" spans="14:14">
      <c r="N260213" s="10"/>
    </row>
    <row r="260214" spans="14:14">
      <c r="N260214" s="10"/>
    </row>
    <row r="260215" spans="14:14">
      <c r="N260215" s="10"/>
    </row>
    <row r="260216" spans="14:14">
      <c r="N260216" s="10"/>
    </row>
    <row r="260217" spans="14:14">
      <c r="N260217" s="10"/>
    </row>
    <row r="260218" spans="14:14">
      <c r="N260218" s="10"/>
    </row>
    <row r="260219" spans="14:14">
      <c r="N260219" s="10"/>
    </row>
    <row r="260220" spans="14:14">
      <c r="N260220" s="10"/>
    </row>
    <row r="260221" spans="14:14">
      <c r="N260221" s="10"/>
    </row>
    <row r="260222" spans="14:14">
      <c r="N260222" s="10"/>
    </row>
    <row r="260223" spans="14:14">
      <c r="N260223" s="10"/>
    </row>
    <row r="260224" spans="14:14">
      <c r="N260224" s="10"/>
    </row>
    <row r="260225" spans="14:14">
      <c r="N260225" s="10"/>
    </row>
    <row r="260226" spans="14:14">
      <c r="N260226" s="10"/>
    </row>
    <row r="260227" spans="14:14">
      <c r="N260227" s="10"/>
    </row>
    <row r="260228" spans="14:14">
      <c r="N260228" s="10"/>
    </row>
    <row r="260229" spans="14:14">
      <c r="N260229" s="10"/>
    </row>
    <row r="260230" spans="14:14">
      <c r="N260230" s="10"/>
    </row>
    <row r="260231" spans="14:14">
      <c r="N260231" s="10"/>
    </row>
    <row r="260232" spans="14:14">
      <c r="N260232" s="10"/>
    </row>
    <row r="260233" spans="14:14">
      <c r="N260233" s="10"/>
    </row>
    <row r="260234" spans="14:14">
      <c r="N260234" s="10"/>
    </row>
    <row r="260235" spans="14:14">
      <c r="N260235" s="10"/>
    </row>
    <row r="260236" spans="14:14">
      <c r="N260236" s="10"/>
    </row>
    <row r="260237" spans="14:14">
      <c r="N260237" s="10"/>
    </row>
    <row r="260238" spans="14:14">
      <c r="N260238" s="10"/>
    </row>
    <row r="260239" spans="14:14">
      <c r="N260239" s="10"/>
    </row>
    <row r="260240" spans="14:14">
      <c r="N260240" s="10"/>
    </row>
    <row r="260241" spans="14:14">
      <c r="N260241" s="10"/>
    </row>
    <row r="260242" spans="14:14">
      <c r="N260242" s="10"/>
    </row>
    <row r="260243" spans="14:14">
      <c r="N260243" s="10"/>
    </row>
    <row r="260244" spans="14:14">
      <c r="N260244" s="10"/>
    </row>
    <row r="260245" spans="14:14">
      <c r="N260245" s="10"/>
    </row>
    <row r="260246" spans="14:14">
      <c r="N260246" s="10"/>
    </row>
    <row r="260247" spans="14:14">
      <c r="N260247" s="10"/>
    </row>
    <row r="260248" spans="14:14">
      <c r="N260248" s="10"/>
    </row>
    <row r="260249" spans="14:14">
      <c r="N260249" s="10"/>
    </row>
    <row r="260250" spans="14:14">
      <c r="N260250" s="10"/>
    </row>
    <row r="260251" spans="14:14">
      <c r="N260251" s="10"/>
    </row>
    <row r="260252" spans="14:14">
      <c r="N260252" s="10"/>
    </row>
    <row r="260253" spans="14:14">
      <c r="N260253" s="10"/>
    </row>
    <row r="260254" spans="14:14">
      <c r="N260254" s="10"/>
    </row>
    <row r="260255" spans="14:14">
      <c r="N260255" s="10"/>
    </row>
    <row r="260256" spans="14:14">
      <c r="N260256" s="10"/>
    </row>
    <row r="260257" spans="14:14">
      <c r="N260257" s="10"/>
    </row>
    <row r="260258" spans="14:14">
      <c r="N260258" s="10"/>
    </row>
    <row r="260259" spans="14:14">
      <c r="N260259" s="10"/>
    </row>
    <row r="260260" spans="14:14">
      <c r="N260260" s="10"/>
    </row>
    <row r="260261" spans="14:14">
      <c r="N260261" s="10"/>
    </row>
    <row r="260262" spans="14:14">
      <c r="N260262" s="10"/>
    </row>
    <row r="260263" spans="14:14">
      <c r="N260263" s="10"/>
    </row>
    <row r="260264" spans="14:14">
      <c r="N260264" s="10"/>
    </row>
    <row r="260265" spans="14:14">
      <c r="N260265" s="10"/>
    </row>
    <row r="260266" spans="14:14">
      <c r="N260266" s="10"/>
    </row>
    <row r="260267" spans="14:14">
      <c r="N260267" s="10"/>
    </row>
    <row r="260268" spans="14:14">
      <c r="N260268" s="10"/>
    </row>
    <row r="260269" spans="14:14">
      <c r="N260269" s="10"/>
    </row>
    <row r="260270" spans="14:14">
      <c r="N260270" s="10"/>
    </row>
    <row r="260271" spans="14:14">
      <c r="N260271" s="10"/>
    </row>
    <row r="260272" spans="14:14">
      <c r="N260272" s="10"/>
    </row>
    <row r="260273" spans="14:14">
      <c r="N260273" s="10"/>
    </row>
    <row r="260274" spans="14:14">
      <c r="N260274" s="10"/>
    </row>
    <row r="260275" spans="14:14">
      <c r="N260275" s="10"/>
    </row>
    <row r="260276" spans="14:14">
      <c r="N260276" s="10"/>
    </row>
    <row r="260277" spans="14:14">
      <c r="N260277" s="10"/>
    </row>
    <row r="260278" spans="14:14">
      <c r="N260278" s="10"/>
    </row>
    <row r="260279" spans="14:14">
      <c r="N260279" s="10"/>
    </row>
    <row r="260280" spans="14:14">
      <c r="N260280" s="10"/>
    </row>
    <row r="260281" spans="14:14">
      <c r="N260281" s="10"/>
    </row>
    <row r="260282" spans="14:14">
      <c r="N260282" s="10"/>
    </row>
    <row r="260283" spans="14:14">
      <c r="N260283" s="10"/>
    </row>
    <row r="260284" spans="14:14">
      <c r="N260284" s="10"/>
    </row>
    <row r="260285" spans="14:14">
      <c r="N260285" s="10"/>
    </row>
    <row r="260286" spans="14:14">
      <c r="N260286" s="10"/>
    </row>
    <row r="260287" spans="14:14">
      <c r="N260287" s="10"/>
    </row>
    <row r="260288" spans="14:14">
      <c r="N260288" s="10"/>
    </row>
    <row r="260289" spans="14:14">
      <c r="N260289" s="10"/>
    </row>
    <row r="260290" spans="14:14">
      <c r="N260290" s="10"/>
    </row>
    <row r="260291" spans="14:14">
      <c r="N260291" s="10"/>
    </row>
    <row r="260292" spans="14:14">
      <c r="N260292" s="10"/>
    </row>
    <row r="260293" spans="14:14">
      <c r="N260293" s="10"/>
    </row>
    <row r="260294" spans="14:14">
      <c r="N260294" s="10"/>
    </row>
    <row r="260295" spans="14:14">
      <c r="N260295" s="10"/>
    </row>
    <row r="260296" spans="14:14">
      <c r="N260296" s="10"/>
    </row>
    <row r="260297" spans="14:14">
      <c r="N260297" s="10"/>
    </row>
    <row r="260298" spans="14:14">
      <c r="N260298" s="10"/>
    </row>
    <row r="260299" spans="14:14">
      <c r="N260299" s="10"/>
    </row>
    <row r="260300" spans="14:14">
      <c r="N260300" s="10"/>
    </row>
    <row r="260301" spans="14:14">
      <c r="N260301" s="10"/>
    </row>
    <row r="260302" spans="14:14">
      <c r="N260302" s="10"/>
    </row>
    <row r="260303" spans="14:14">
      <c r="N260303" s="10"/>
    </row>
    <row r="260304" spans="14:14">
      <c r="N260304" s="10"/>
    </row>
    <row r="260305" spans="14:14">
      <c r="N260305" s="10"/>
    </row>
    <row r="260306" spans="14:14">
      <c r="N260306" s="10"/>
    </row>
    <row r="260307" spans="14:14">
      <c r="N260307" s="10"/>
    </row>
    <row r="260308" spans="14:14">
      <c r="N260308" s="10"/>
    </row>
    <row r="260309" spans="14:14">
      <c r="N260309" s="10"/>
    </row>
    <row r="260310" spans="14:14">
      <c r="N260310" s="10"/>
    </row>
    <row r="260311" spans="14:14">
      <c r="N260311" s="10"/>
    </row>
    <row r="260312" spans="14:14">
      <c r="N260312" s="10"/>
    </row>
    <row r="260313" spans="14:14">
      <c r="N260313" s="10"/>
    </row>
    <row r="260314" spans="14:14">
      <c r="N260314" s="10"/>
    </row>
    <row r="260315" spans="14:14">
      <c r="N260315" s="10"/>
    </row>
    <row r="260316" spans="14:14">
      <c r="N260316" s="10"/>
    </row>
    <row r="260317" spans="14:14">
      <c r="N260317" s="10"/>
    </row>
    <row r="260318" spans="14:14">
      <c r="N260318" s="10"/>
    </row>
    <row r="260319" spans="14:14">
      <c r="N260319" s="10"/>
    </row>
    <row r="260320" spans="14:14">
      <c r="N260320" s="10"/>
    </row>
    <row r="260321" spans="14:14">
      <c r="N260321" s="10"/>
    </row>
    <row r="260322" spans="14:14">
      <c r="N260322" s="10"/>
    </row>
    <row r="260323" spans="14:14">
      <c r="N260323" s="10"/>
    </row>
    <row r="260324" spans="14:14">
      <c r="N260324" s="10"/>
    </row>
    <row r="260325" spans="14:14">
      <c r="N260325" s="10"/>
    </row>
    <row r="260326" spans="14:14">
      <c r="N260326" s="10"/>
    </row>
    <row r="260327" spans="14:14">
      <c r="N260327" s="10"/>
    </row>
    <row r="260328" spans="14:14">
      <c r="N260328" s="10"/>
    </row>
    <row r="260329" spans="14:14">
      <c r="N260329" s="10"/>
    </row>
    <row r="260330" spans="14:14">
      <c r="N260330" s="10"/>
    </row>
    <row r="260331" spans="14:14">
      <c r="N260331" s="10"/>
    </row>
    <row r="260332" spans="14:14">
      <c r="N260332" s="10"/>
    </row>
    <row r="260333" spans="14:14">
      <c r="N260333" s="10"/>
    </row>
    <row r="260334" spans="14:14">
      <c r="N260334" s="10"/>
    </row>
    <row r="260335" spans="14:14">
      <c r="N260335" s="10"/>
    </row>
    <row r="260336" spans="14:14">
      <c r="N260336" s="10"/>
    </row>
    <row r="260337" spans="14:14">
      <c r="N260337" s="10"/>
    </row>
    <row r="260338" spans="14:14">
      <c r="N260338" s="10"/>
    </row>
    <row r="260339" spans="14:14">
      <c r="N260339" s="10"/>
    </row>
    <row r="260340" spans="14:14">
      <c r="N260340" s="10"/>
    </row>
    <row r="260341" spans="14:14">
      <c r="N260341" s="10"/>
    </row>
    <row r="260342" spans="14:14">
      <c r="N260342" s="10"/>
    </row>
    <row r="260343" spans="14:14">
      <c r="N260343" s="10"/>
    </row>
    <row r="260344" spans="14:14">
      <c r="N260344" s="10"/>
    </row>
    <row r="260345" spans="14:14">
      <c r="N260345" s="10"/>
    </row>
    <row r="260346" spans="14:14">
      <c r="N260346" s="10"/>
    </row>
    <row r="260347" spans="14:14">
      <c r="N260347" s="10"/>
    </row>
    <row r="260348" spans="14:14">
      <c r="N260348" s="10"/>
    </row>
    <row r="260349" spans="14:14">
      <c r="N260349" s="10"/>
    </row>
    <row r="260350" spans="14:14">
      <c r="N260350" s="10"/>
    </row>
    <row r="260351" spans="14:14">
      <c r="N260351" s="10"/>
    </row>
    <row r="260352" spans="14:14">
      <c r="N260352" s="10"/>
    </row>
    <row r="260353" spans="14:14">
      <c r="N260353" s="10"/>
    </row>
    <row r="260354" spans="14:14">
      <c r="N260354" s="10"/>
    </row>
    <row r="260355" spans="14:14">
      <c r="N260355" s="10"/>
    </row>
    <row r="260356" spans="14:14">
      <c r="N260356" s="10"/>
    </row>
    <row r="260357" spans="14:14">
      <c r="N260357" s="10"/>
    </row>
    <row r="260358" spans="14:14">
      <c r="N260358" s="10"/>
    </row>
    <row r="260359" spans="14:14">
      <c r="N260359" s="10"/>
    </row>
    <row r="260360" spans="14:14">
      <c r="N260360" s="10"/>
    </row>
    <row r="260361" spans="14:14">
      <c r="N260361" s="10"/>
    </row>
    <row r="260362" spans="14:14">
      <c r="N260362" s="10"/>
    </row>
    <row r="260363" spans="14:14">
      <c r="N260363" s="10"/>
    </row>
    <row r="260364" spans="14:14">
      <c r="N260364" s="10"/>
    </row>
    <row r="260365" spans="14:14">
      <c r="N260365" s="10"/>
    </row>
    <row r="260366" spans="14:14">
      <c r="N260366" s="10"/>
    </row>
    <row r="260367" spans="14:14">
      <c r="N260367" s="10"/>
    </row>
    <row r="260368" spans="14:14">
      <c r="N260368" s="10"/>
    </row>
    <row r="260369" spans="14:14">
      <c r="N260369" s="10"/>
    </row>
    <row r="260370" spans="14:14">
      <c r="N260370" s="10"/>
    </row>
    <row r="260371" spans="14:14">
      <c r="N260371" s="10"/>
    </row>
    <row r="260372" spans="14:14">
      <c r="N260372" s="10"/>
    </row>
    <row r="260373" spans="14:14">
      <c r="N260373" s="10"/>
    </row>
    <row r="260374" spans="14:14">
      <c r="N260374" s="10"/>
    </row>
    <row r="260375" spans="14:14">
      <c r="N260375" s="10"/>
    </row>
    <row r="260376" spans="14:14">
      <c r="N260376" s="10"/>
    </row>
    <row r="260377" spans="14:14">
      <c r="N260377" s="10"/>
    </row>
    <row r="260378" spans="14:14">
      <c r="N260378" s="10"/>
    </row>
    <row r="260379" spans="14:14">
      <c r="N260379" s="10"/>
    </row>
    <row r="260380" spans="14:14">
      <c r="N260380" s="10"/>
    </row>
    <row r="260381" spans="14:14">
      <c r="N260381" s="10"/>
    </row>
    <row r="260382" spans="14:14">
      <c r="N260382" s="10"/>
    </row>
    <row r="260383" spans="14:14">
      <c r="N260383" s="10"/>
    </row>
    <row r="260384" spans="14:14">
      <c r="N260384" s="10"/>
    </row>
    <row r="260385" spans="14:14">
      <c r="N260385" s="10"/>
    </row>
    <row r="260386" spans="14:14">
      <c r="N260386" s="10"/>
    </row>
    <row r="260387" spans="14:14">
      <c r="N260387" s="10"/>
    </row>
    <row r="260388" spans="14:14">
      <c r="N260388" s="10"/>
    </row>
    <row r="260389" spans="14:14">
      <c r="N260389" s="10"/>
    </row>
    <row r="260390" spans="14:14">
      <c r="N260390" s="10"/>
    </row>
    <row r="260391" spans="14:14">
      <c r="N260391" s="10"/>
    </row>
    <row r="260392" spans="14:14">
      <c r="N260392" s="10"/>
    </row>
    <row r="260393" spans="14:14">
      <c r="N260393" s="10"/>
    </row>
    <row r="260394" spans="14:14">
      <c r="N260394" s="10"/>
    </row>
    <row r="260395" spans="14:14">
      <c r="N260395" s="10"/>
    </row>
    <row r="260396" spans="14:14">
      <c r="N260396" s="10"/>
    </row>
    <row r="260397" spans="14:14">
      <c r="N260397" s="10"/>
    </row>
    <row r="260398" spans="14:14">
      <c r="N260398" s="10"/>
    </row>
    <row r="260399" spans="14:14">
      <c r="N260399" s="10"/>
    </row>
    <row r="260400" spans="14:14">
      <c r="N260400" s="10"/>
    </row>
    <row r="260401" spans="14:14">
      <c r="N260401" s="10"/>
    </row>
    <row r="260402" spans="14:14">
      <c r="N260402" s="10"/>
    </row>
    <row r="260403" spans="14:14">
      <c r="N260403" s="10"/>
    </row>
    <row r="260404" spans="14:14">
      <c r="N260404" s="10"/>
    </row>
    <row r="260405" spans="14:14">
      <c r="N260405" s="10"/>
    </row>
    <row r="260406" spans="14:14">
      <c r="N260406" s="10"/>
    </row>
    <row r="260407" spans="14:14">
      <c r="N260407" s="10"/>
    </row>
    <row r="260408" spans="14:14">
      <c r="N260408" s="10"/>
    </row>
    <row r="260409" spans="14:14">
      <c r="N260409" s="10"/>
    </row>
    <row r="260410" spans="14:14">
      <c r="N260410" s="10"/>
    </row>
    <row r="260411" spans="14:14">
      <c r="N260411" s="10"/>
    </row>
    <row r="260412" spans="14:14">
      <c r="N260412" s="10"/>
    </row>
    <row r="260413" spans="14:14">
      <c r="N260413" s="10"/>
    </row>
    <row r="260414" spans="14:14">
      <c r="N260414" s="10"/>
    </row>
    <row r="260415" spans="14:14">
      <c r="N260415" s="10"/>
    </row>
    <row r="260416" spans="14:14">
      <c r="N260416" s="10"/>
    </row>
    <row r="260417" spans="14:14">
      <c r="N260417" s="10"/>
    </row>
    <row r="260418" spans="14:14">
      <c r="N260418" s="10"/>
    </row>
    <row r="260419" spans="14:14">
      <c r="N260419" s="10"/>
    </row>
    <row r="260420" spans="14:14">
      <c r="N260420" s="10"/>
    </row>
    <row r="260421" spans="14:14">
      <c r="N260421" s="10"/>
    </row>
    <row r="260422" spans="14:14">
      <c r="N260422" s="10"/>
    </row>
    <row r="260423" spans="14:14">
      <c r="N260423" s="10"/>
    </row>
    <row r="260424" spans="14:14">
      <c r="N260424" s="10"/>
    </row>
    <row r="260425" spans="14:14">
      <c r="N260425" s="10"/>
    </row>
    <row r="260426" spans="14:14">
      <c r="N260426" s="10"/>
    </row>
    <row r="260427" spans="14:14">
      <c r="N260427" s="10"/>
    </row>
    <row r="260428" spans="14:14">
      <c r="N260428" s="10"/>
    </row>
    <row r="260429" spans="14:14">
      <c r="N260429" s="10"/>
    </row>
    <row r="260430" spans="14:14">
      <c r="N260430" s="10"/>
    </row>
    <row r="260431" spans="14:14">
      <c r="N260431" s="10"/>
    </row>
    <row r="260432" spans="14:14">
      <c r="N260432" s="10"/>
    </row>
    <row r="260433" spans="14:14">
      <c r="N260433" s="10"/>
    </row>
    <row r="260434" spans="14:14">
      <c r="N260434" s="10"/>
    </row>
    <row r="260435" spans="14:14">
      <c r="N260435" s="10"/>
    </row>
    <row r="260436" spans="14:14">
      <c r="N260436" s="10"/>
    </row>
    <row r="260437" spans="14:14">
      <c r="N260437" s="10"/>
    </row>
    <row r="260438" spans="14:14">
      <c r="N260438" s="10"/>
    </row>
    <row r="260439" spans="14:14">
      <c r="N260439" s="10"/>
    </row>
    <row r="260440" spans="14:14">
      <c r="N260440" s="10"/>
    </row>
    <row r="260441" spans="14:14">
      <c r="N260441" s="10"/>
    </row>
    <row r="260442" spans="14:14">
      <c r="N260442" s="10"/>
    </row>
    <row r="260443" spans="14:14">
      <c r="N260443" s="10"/>
    </row>
    <row r="260444" spans="14:14">
      <c r="N260444" s="10"/>
    </row>
    <row r="260445" spans="14:14">
      <c r="N260445" s="10"/>
    </row>
    <row r="260446" spans="14:14">
      <c r="N260446" s="10"/>
    </row>
    <row r="260447" spans="14:14">
      <c r="N260447" s="10"/>
    </row>
    <row r="260448" spans="14:14">
      <c r="N260448" s="10"/>
    </row>
    <row r="260449" spans="14:14">
      <c r="N260449" s="10"/>
    </row>
    <row r="260450" spans="14:14">
      <c r="N260450" s="10"/>
    </row>
    <row r="260451" spans="14:14">
      <c r="N260451" s="10"/>
    </row>
    <row r="260452" spans="14:14">
      <c r="N260452" s="10"/>
    </row>
    <row r="260453" spans="14:14">
      <c r="N260453" s="10"/>
    </row>
    <row r="260454" spans="14:14">
      <c r="N260454" s="10"/>
    </row>
    <row r="260455" spans="14:14">
      <c r="N260455" s="10"/>
    </row>
    <row r="260456" spans="14:14">
      <c r="N260456" s="10"/>
    </row>
    <row r="260457" spans="14:14">
      <c r="N260457" s="10"/>
    </row>
    <row r="260458" spans="14:14">
      <c r="N260458" s="10"/>
    </row>
    <row r="260459" spans="14:14">
      <c r="N260459" s="10"/>
    </row>
    <row r="260460" spans="14:14">
      <c r="N260460" s="10"/>
    </row>
    <row r="260461" spans="14:14">
      <c r="N260461" s="10"/>
    </row>
    <row r="260462" spans="14:14">
      <c r="N260462" s="10"/>
    </row>
    <row r="260463" spans="14:14">
      <c r="N260463" s="10"/>
    </row>
    <row r="260464" spans="14:14">
      <c r="N260464" s="10"/>
    </row>
    <row r="260465" spans="14:14">
      <c r="N260465" s="10"/>
    </row>
    <row r="260466" spans="14:14">
      <c r="N260466" s="10"/>
    </row>
    <row r="260467" spans="14:14">
      <c r="N260467" s="10"/>
    </row>
    <row r="260468" spans="14:14">
      <c r="N260468" s="10"/>
    </row>
    <row r="260469" spans="14:14">
      <c r="N260469" s="10"/>
    </row>
    <row r="260470" spans="14:14">
      <c r="N260470" s="10"/>
    </row>
    <row r="260471" spans="14:14">
      <c r="N260471" s="10"/>
    </row>
    <row r="260472" spans="14:14">
      <c r="N260472" s="10"/>
    </row>
    <row r="260473" spans="14:14">
      <c r="N260473" s="10"/>
    </row>
    <row r="260474" spans="14:14">
      <c r="N260474" s="10"/>
    </row>
    <row r="260475" spans="14:14">
      <c r="N260475" s="10"/>
    </row>
    <row r="260476" spans="14:14">
      <c r="N260476" s="10"/>
    </row>
    <row r="260477" spans="14:14">
      <c r="N260477" s="10"/>
    </row>
    <row r="260478" spans="14:14">
      <c r="N260478" s="10"/>
    </row>
    <row r="260479" spans="14:14">
      <c r="N260479" s="10"/>
    </row>
    <row r="260480" spans="14:14">
      <c r="N260480" s="10"/>
    </row>
    <row r="260481" spans="14:14">
      <c r="N260481" s="10"/>
    </row>
    <row r="260482" spans="14:14">
      <c r="N260482" s="10"/>
    </row>
    <row r="260483" spans="14:14">
      <c r="N260483" s="10"/>
    </row>
    <row r="260484" spans="14:14">
      <c r="N260484" s="10"/>
    </row>
    <row r="260485" spans="14:14">
      <c r="N260485" s="10"/>
    </row>
    <row r="260486" spans="14:14">
      <c r="N260486" s="10"/>
    </row>
    <row r="260487" spans="14:14">
      <c r="N260487" s="10"/>
    </row>
    <row r="260488" spans="14:14">
      <c r="N260488" s="10"/>
    </row>
    <row r="260489" spans="14:14">
      <c r="N260489" s="10"/>
    </row>
    <row r="260490" spans="14:14">
      <c r="N260490" s="10"/>
    </row>
    <row r="260491" spans="14:14">
      <c r="N260491" s="10"/>
    </row>
    <row r="260492" spans="14:14">
      <c r="N260492" s="10"/>
    </row>
    <row r="260493" spans="14:14">
      <c r="N260493" s="10"/>
    </row>
    <row r="260494" spans="14:14">
      <c r="N260494" s="10"/>
    </row>
    <row r="260495" spans="14:14">
      <c r="N260495" s="10"/>
    </row>
    <row r="260496" spans="14:14">
      <c r="N260496" s="10"/>
    </row>
    <row r="260497" spans="14:14">
      <c r="N260497" s="10"/>
    </row>
    <row r="260498" spans="14:14">
      <c r="N260498" s="10"/>
    </row>
    <row r="260499" spans="14:14">
      <c r="N260499" s="10"/>
    </row>
    <row r="260500" spans="14:14">
      <c r="N260500" s="10"/>
    </row>
    <row r="260501" spans="14:14">
      <c r="N260501" s="10"/>
    </row>
    <row r="260502" spans="14:14">
      <c r="N260502" s="10"/>
    </row>
    <row r="260503" spans="14:14">
      <c r="N260503" s="10"/>
    </row>
    <row r="260504" spans="14:14">
      <c r="N260504" s="10"/>
    </row>
    <row r="260505" spans="14:14">
      <c r="N260505" s="10"/>
    </row>
    <row r="260506" spans="14:14">
      <c r="N260506" s="10"/>
    </row>
    <row r="260507" spans="14:14">
      <c r="N260507" s="10"/>
    </row>
    <row r="260508" spans="14:14">
      <c r="N260508" s="10"/>
    </row>
    <row r="260509" spans="14:14">
      <c r="N260509" s="10"/>
    </row>
    <row r="260510" spans="14:14">
      <c r="N260510" s="10"/>
    </row>
    <row r="260511" spans="14:14">
      <c r="N260511" s="10"/>
    </row>
    <row r="260512" spans="14:14">
      <c r="N260512" s="10"/>
    </row>
    <row r="260513" spans="14:14">
      <c r="N260513" s="10"/>
    </row>
    <row r="260514" spans="14:14">
      <c r="N260514" s="10"/>
    </row>
    <row r="260515" spans="14:14">
      <c r="N260515" s="10"/>
    </row>
    <row r="260516" spans="14:14">
      <c r="N260516" s="10"/>
    </row>
    <row r="260517" spans="14:14">
      <c r="N260517" s="10"/>
    </row>
    <row r="260518" spans="14:14">
      <c r="N260518" s="10"/>
    </row>
    <row r="260519" spans="14:14">
      <c r="N260519" s="10"/>
    </row>
    <row r="260520" spans="14:14">
      <c r="N260520" s="10"/>
    </row>
    <row r="260521" spans="14:14">
      <c r="N260521" s="10"/>
    </row>
    <row r="260522" spans="14:14">
      <c r="N260522" s="10"/>
    </row>
    <row r="260523" spans="14:14">
      <c r="N260523" s="10"/>
    </row>
    <row r="260524" spans="14:14">
      <c r="N260524" s="10"/>
    </row>
    <row r="260525" spans="14:14">
      <c r="N260525" s="10"/>
    </row>
    <row r="260526" spans="14:14">
      <c r="N260526" s="10"/>
    </row>
    <row r="260527" spans="14:14">
      <c r="N260527" s="10"/>
    </row>
    <row r="260528" spans="14:14">
      <c r="N260528" s="10"/>
    </row>
    <row r="260529" spans="14:14">
      <c r="N260529" s="10"/>
    </row>
    <row r="260530" spans="14:14">
      <c r="N260530" s="10"/>
    </row>
    <row r="260531" spans="14:14">
      <c r="N260531" s="10"/>
    </row>
    <row r="260532" spans="14:14">
      <c r="N260532" s="10"/>
    </row>
    <row r="260533" spans="14:14">
      <c r="N260533" s="10"/>
    </row>
    <row r="260534" spans="14:14">
      <c r="N260534" s="10"/>
    </row>
    <row r="260535" spans="14:14">
      <c r="N260535" s="10"/>
    </row>
    <row r="260536" spans="14:14">
      <c r="N260536" s="10"/>
    </row>
    <row r="260537" spans="14:14">
      <c r="N260537" s="10"/>
    </row>
    <row r="260538" spans="14:14">
      <c r="N260538" s="10"/>
    </row>
    <row r="260539" spans="14:14">
      <c r="N260539" s="10"/>
    </row>
    <row r="260540" spans="14:14">
      <c r="N260540" s="10"/>
    </row>
    <row r="260541" spans="14:14">
      <c r="N260541" s="10"/>
    </row>
    <row r="260542" spans="14:14">
      <c r="N260542" s="10"/>
    </row>
    <row r="260543" spans="14:14">
      <c r="N260543" s="10"/>
    </row>
    <row r="260544" spans="14:14">
      <c r="N260544" s="10"/>
    </row>
    <row r="260545" spans="14:14">
      <c r="N260545" s="10"/>
    </row>
    <row r="260546" spans="14:14">
      <c r="N260546" s="10"/>
    </row>
    <row r="260547" spans="14:14">
      <c r="N260547" s="10"/>
    </row>
    <row r="260548" spans="14:14">
      <c r="N260548" s="10"/>
    </row>
    <row r="260549" spans="14:14">
      <c r="N260549" s="10"/>
    </row>
    <row r="260550" spans="14:14">
      <c r="N260550" s="10"/>
    </row>
    <row r="260551" spans="14:14">
      <c r="N260551" s="10"/>
    </row>
    <row r="260552" spans="14:14">
      <c r="N260552" s="10"/>
    </row>
    <row r="260553" spans="14:14">
      <c r="N260553" s="10"/>
    </row>
    <row r="260554" spans="14:14">
      <c r="N260554" s="10"/>
    </row>
    <row r="260555" spans="14:14">
      <c r="N260555" s="10"/>
    </row>
    <row r="260556" spans="14:14">
      <c r="N260556" s="10"/>
    </row>
    <row r="260557" spans="14:14">
      <c r="N260557" s="10"/>
    </row>
    <row r="260558" spans="14:14">
      <c r="N260558" s="10"/>
    </row>
    <row r="260559" spans="14:14">
      <c r="N260559" s="10"/>
    </row>
    <row r="260560" spans="14:14">
      <c r="N260560" s="10"/>
    </row>
    <row r="260561" spans="14:14">
      <c r="N260561" s="10"/>
    </row>
    <row r="260562" spans="14:14">
      <c r="N260562" s="10"/>
    </row>
    <row r="260563" spans="14:14">
      <c r="N260563" s="10"/>
    </row>
    <row r="260564" spans="14:14">
      <c r="N260564" s="10"/>
    </row>
    <row r="260565" spans="14:14">
      <c r="N260565" s="10"/>
    </row>
    <row r="260566" spans="14:14">
      <c r="N260566" s="10"/>
    </row>
    <row r="260567" spans="14:14">
      <c r="N260567" s="10"/>
    </row>
    <row r="260568" spans="14:14">
      <c r="N260568" s="10"/>
    </row>
    <row r="260569" spans="14:14">
      <c r="N260569" s="10"/>
    </row>
    <row r="260570" spans="14:14">
      <c r="N260570" s="10"/>
    </row>
    <row r="260571" spans="14:14">
      <c r="N260571" s="10"/>
    </row>
    <row r="260572" spans="14:14">
      <c r="N260572" s="10"/>
    </row>
    <row r="260573" spans="14:14">
      <c r="N260573" s="10"/>
    </row>
    <row r="260574" spans="14:14">
      <c r="N260574" s="10"/>
    </row>
    <row r="260575" spans="14:14">
      <c r="N260575" s="10"/>
    </row>
    <row r="260576" spans="14:14">
      <c r="N260576" s="10"/>
    </row>
    <row r="260577" spans="14:14">
      <c r="N260577" s="10"/>
    </row>
    <row r="260578" spans="14:14">
      <c r="N260578" s="10"/>
    </row>
    <row r="260579" spans="14:14">
      <c r="N260579" s="10"/>
    </row>
    <row r="260580" spans="14:14">
      <c r="N260580" s="10"/>
    </row>
    <row r="260581" spans="14:14">
      <c r="N260581" s="10"/>
    </row>
    <row r="260582" spans="14:14">
      <c r="N260582" s="10"/>
    </row>
    <row r="260583" spans="14:14">
      <c r="N260583" s="10"/>
    </row>
    <row r="260584" spans="14:14">
      <c r="N260584" s="10"/>
    </row>
    <row r="260585" spans="14:14">
      <c r="N260585" s="10"/>
    </row>
    <row r="260586" spans="14:14">
      <c r="N260586" s="10"/>
    </row>
    <row r="260587" spans="14:14">
      <c r="N260587" s="10"/>
    </row>
    <row r="260588" spans="14:14">
      <c r="N260588" s="10"/>
    </row>
    <row r="260589" spans="14:14">
      <c r="N260589" s="10"/>
    </row>
    <row r="260590" spans="14:14">
      <c r="N260590" s="10"/>
    </row>
    <row r="260591" spans="14:14">
      <c r="N260591" s="10"/>
    </row>
    <row r="260592" spans="14:14">
      <c r="N260592" s="10"/>
    </row>
    <row r="260593" spans="14:14">
      <c r="N260593" s="10"/>
    </row>
    <row r="260594" spans="14:14">
      <c r="N260594" s="10"/>
    </row>
    <row r="260595" spans="14:14">
      <c r="N260595" s="10"/>
    </row>
    <row r="260596" spans="14:14">
      <c r="N260596" s="10"/>
    </row>
    <row r="260597" spans="14:14">
      <c r="N260597" s="10"/>
    </row>
    <row r="260598" spans="14:14">
      <c r="N260598" s="10"/>
    </row>
    <row r="260599" spans="14:14">
      <c r="N260599" s="10"/>
    </row>
    <row r="260600" spans="14:14">
      <c r="N260600" s="10"/>
    </row>
    <row r="260601" spans="14:14">
      <c r="N260601" s="10"/>
    </row>
    <row r="260602" spans="14:14">
      <c r="N260602" s="10"/>
    </row>
    <row r="260603" spans="14:14">
      <c r="N260603" s="10"/>
    </row>
    <row r="260604" spans="14:14">
      <c r="N260604" s="10"/>
    </row>
    <row r="260605" spans="14:14">
      <c r="N260605" s="10"/>
    </row>
    <row r="260606" spans="14:14">
      <c r="N260606" s="10"/>
    </row>
    <row r="260607" spans="14:14">
      <c r="N260607" s="10"/>
    </row>
    <row r="260608" spans="14:14">
      <c r="N260608" s="10"/>
    </row>
    <row r="260609" spans="14:14">
      <c r="N260609" s="10"/>
    </row>
    <row r="260610" spans="14:14">
      <c r="N260610" s="10"/>
    </row>
    <row r="260611" spans="14:14">
      <c r="N260611" s="10"/>
    </row>
    <row r="260612" spans="14:14">
      <c r="N260612" s="10"/>
    </row>
    <row r="260613" spans="14:14">
      <c r="N260613" s="10"/>
    </row>
    <row r="260614" spans="14:14">
      <c r="N260614" s="10"/>
    </row>
    <row r="260615" spans="14:14">
      <c r="N260615" s="10"/>
    </row>
    <row r="260616" spans="14:14">
      <c r="N260616" s="10"/>
    </row>
    <row r="260617" spans="14:14">
      <c r="N260617" s="10"/>
    </row>
    <row r="260618" spans="14:14">
      <c r="N260618" s="10"/>
    </row>
    <row r="260619" spans="14:14">
      <c r="N260619" s="10"/>
    </row>
    <row r="260620" spans="14:14">
      <c r="N260620" s="10"/>
    </row>
    <row r="260621" spans="14:14">
      <c r="N260621" s="10"/>
    </row>
    <row r="260622" spans="14:14">
      <c r="N260622" s="10"/>
    </row>
    <row r="260623" spans="14:14">
      <c r="N260623" s="10"/>
    </row>
    <row r="260624" spans="14:14">
      <c r="N260624" s="10"/>
    </row>
    <row r="260625" spans="14:14">
      <c r="N260625" s="10"/>
    </row>
    <row r="260626" spans="14:14">
      <c r="N260626" s="10"/>
    </row>
    <row r="260627" spans="14:14">
      <c r="N260627" s="10"/>
    </row>
    <row r="260628" spans="14:14">
      <c r="N260628" s="10"/>
    </row>
    <row r="260629" spans="14:14">
      <c r="N260629" s="10"/>
    </row>
    <row r="260630" spans="14:14">
      <c r="N260630" s="10"/>
    </row>
    <row r="260631" spans="14:14">
      <c r="N260631" s="10"/>
    </row>
    <row r="260632" spans="14:14">
      <c r="N260632" s="10"/>
    </row>
    <row r="260633" spans="14:14">
      <c r="N260633" s="10"/>
    </row>
    <row r="260634" spans="14:14">
      <c r="N260634" s="10"/>
    </row>
    <row r="260635" spans="14:14">
      <c r="N260635" s="10"/>
    </row>
    <row r="260636" spans="14:14">
      <c r="N260636" s="10"/>
    </row>
    <row r="260637" spans="14:14">
      <c r="N260637" s="10"/>
    </row>
    <row r="260638" spans="14:14">
      <c r="N260638" s="10"/>
    </row>
    <row r="260639" spans="14:14">
      <c r="N260639" s="10"/>
    </row>
    <row r="260640" spans="14:14">
      <c r="N260640" s="10"/>
    </row>
    <row r="260641" spans="14:14">
      <c r="N260641" s="10"/>
    </row>
    <row r="260642" spans="14:14">
      <c r="N260642" s="10"/>
    </row>
    <row r="260643" spans="14:14">
      <c r="N260643" s="10"/>
    </row>
    <row r="260644" spans="14:14">
      <c r="N260644" s="10"/>
    </row>
    <row r="260645" spans="14:14">
      <c r="N260645" s="10"/>
    </row>
    <row r="260646" spans="14:14">
      <c r="N260646" s="10"/>
    </row>
    <row r="260647" spans="14:14">
      <c r="N260647" s="10"/>
    </row>
    <row r="260648" spans="14:14">
      <c r="N260648" s="10"/>
    </row>
    <row r="260649" spans="14:14">
      <c r="N260649" s="10"/>
    </row>
    <row r="260650" spans="14:14">
      <c r="N260650" s="10"/>
    </row>
    <row r="260651" spans="14:14">
      <c r="N260651" s="10"/>
    </row>
    <row r="260652" spans="14:14">
      <c r="N260652" s="10"/>
    </row>
    <row r="260653" spans="14:14">
      <c r="N260653" s="10"/>
    </row>
    <row r="260654" spans="14:14">
      <c r="N260654" s="10"/>
    </row>
    <row r="260655" spans="14:14">
      <c r="N260655" s="10"/>
    </row>
    <row r="260656" spans="14:14">
      <c r="N260656" s="10"/>
    </row>
    <row r="260657" spans="14:14">
      <c r="N260657" s="10"/>
    </row>
    <row r="260658" spans="14:14">
      <c r="N260658" s="10"/>
    </row>
    <row r="260659" spans="14:14">
      <c r="N260659" s="10"/>
    </row>
    <row r="260660" spans="14:14">
      <c r="N260660" s="10"/>
    </row>
    <row r="260661" spans="14:14">
      <c r="N260661" s="10"/>
    </row>
    <row r="260662" spans="14:14">
      <c r="N260662" s="10"/>
    </row>
    <row r="260663" spans="14:14">
      <c r="N260663" s="10"/>
    </row>
    <row r="260664" spans="14:14">
      <c r="N260664" s="10"/>
    </row>
    <row r="260665" spans="14:14">
      <c r="N260665" s="10"/>
    </row>
    <row r="260666" spans="14:14">
      <c r="N260666" s="10"/>
    </row>
    <row r="260667" spans="14:14">
      <c r="N260667" s="10"/>
    </row>
    <row r="260668" spans="14:14">
      <c r="N260668" s="10"/>
    </row>
    <row r="260669" spans="14:14">
      <c r="N260669" s="10"/>
    </row>
    <row r="260670" spans="14:14">
      <c r="N260670" s="10"/>
    </row>
    <row r="260671" spans="14:14">
      <c r="N260671" s="10"/>
    </row>
    <row r="260672" spans="14:14">
      <c r="N260672" s="10"/>
    </row>
    <row r="260673" spans="14:14">
      <c r="N260673" s="10"/>
    </row>
    <row r="260674" spans="14:14">
      <c r="N260674" s="10"/>
    </row>
    <row r="260675" spans="14:14">
      <c r="N260675" s="10"/>
    </row>
    <row r="260676" spans="14:14">
      <c r="N260676" s="10"/>
    </row>
    <row r="260677" spans="14:14">
      <c r="N260677" s="10"/>
    </row>
    <row r="260678" spans="14:14">
      <c r="N260678" s="10"/>
    </row>
    <row r="260679" spans="14:14">
      <c r="N260679" s="10"/>
    </row>
    <row r="260680" spans="14:14">
      <c r="N260680" s="10"/>
    </row>
    <row r="260681" spans="14:14">
      <c r="N260681" s="10"/>
    </row>
    <row r="260682" spans="14:14">
      <c r="N260682" s="10"/>
    </row>
    <row r="260683" spans="14:14">
      <c r="N260683" s="10"/>
    </row>
    <row r="260684" spans="14:14">
      <c r="N260684" s="10"/>
    </row>
    <row r="260685" spans="14:14">
      <c r="N260685" s="10"/>
    </row>
    <row r="260686" spans="14:14">
      <c r="N260686" s="10"/>
    </row>
    <row r="260687" spans="14:14">
      <c r="N260687" s="10"/>
    </row>
    <row r="260688" spans="14:14">
      <c r="N260688" s="10"/>
    </row>
    <row r="260689" spans="14:14">
      <c r="N260689" s="10"/>
    </row>
    <row r="260690" spans="14:14">
      <c r="N260690" s="10"/>
    </row>
    <row r="260691" spans="14:14">
      <c r="N260691" s="10"/>
    </row>
    <row r="260692" spans="14:14">
      <c r="N260692" s="10"/>
    </row>
    <row r="260693" spans="14:14">
      <c r="N260693" s="10"/>
    </row>
    <row r="260694" spans="14:14">
      <c r="N260694" s="10"/>
    </row>
    <row r="260695" spans="14:14">
      <c r="N260695" s="10"/>
    </row>
    <row r="260696" spans="14:14">
      <c r="N260696" s="10"/>
    </row>
    <row r="260697" spans="14:14">
      <c r="N260697" s="10"/>
    </row>
    <row r="260698" spans="14:14">
      <c r="N260698" s="10"/>
    </row>
    <row r="260699" spans="14:14">
      <c r="N260699" s="10"/>
    </row>
    <row r="260700" spans="14:14">
      <c r="N260700" s="10"/>
    </row>
    <row r="260701" spans="14:14">
      <c r="N260701" s="10"/>
    </row>
    <row r="260702" spans="14:14">
      <c r="N260702" s="10"/>
    </row>
    <row r="260703" spans="14:14">
      <c r="N260703" s="10"/>
    </row>
    <row r="260704" spans="14:14">
      <c r="N260704" s="10"/>
    </row>
    <row r="260705" spans="14:14">
      <c r="N260705" s="10"/>
    </row>
    <row r="260706" spans="14:14">
      <c r="N260706" s="10"/>
    </row>
    <row r="260707" spans="14:14">
      <c r="N260707" s="10"/>
    </row>
    <row r="260708" spans="14:14">
      <c r="N260708" s="10"/>
    </row>
    <row r="260709" spans="14:14">
      <c r="N260709" s="10"/>
    </row>
    <row r="260710" spans="14:14">
      <c r="N260710" s="10"/>
    </row>
    <row r="260711" spans="14:14">
      <c r="N260711" s="10"/>
    </row>
    <row r="260712" spans="14:14">
      <c r="N260712" s="10"/>
    </row>
    <row r="260713" spans="14:14">
      <c r="N260713" s="10"/>
    </row>
    <row r="260714" spans="14:14">
      <c r="N260714" s="10"/>
    </row>
    <row r="260715" spans="14:14">
      <c r="N260715" s="10"/>
    </row>
    <row r="260716" spans="14:14">
      <c r="N260716" s="10"/>
    </row>
    <row r="260717" spans="14:14">
      <c r="N260717" s="10"/>
    </row>
    <row r="260718" spans="14:14">
      <c r="N260718" s="10"/>
    </row>
    <row r="260719" spans="14:14">
      <c r="N260719" s="10"/>
    </row>
    <row r="260720" spans="14:14">
      <c r="N260720" s="10"/>
    </row>
    <row r="260721" spans="14:14">
      <c r="N260721" s="10"/>
    </row>
    <row r="260722" spans="14:14">
      <c r="N260722" s="10"/>
    </row>
    <row r="260723" spans="14:14">
      <c r="N260723" s="10"/>
    </row>
    <row r="260724" spans="14:14">
      <c r="N260724" s="10"/>
    </row>
    <row r="260725" spans="14:14">
      <c r="N260725" s="10"/>
    </row>
    <row r="260726" spans="14:14">
      <c r="N260726" s="10"/>
    </row>
    <row r="260727" spans="14:14">
      <c r="N260727" s="10"/>
    </row>
    <row r="260728" spans="14:14">
      <c r="N260728" s="10"/>
    </row>
    <row r="260729" spans="14:14">
      <c r="N260729" s="10"/>
    </row>
    <row r="260730" spans="14:14">
      <c r="N260730" s="10"/>
    </row>
    <row r="260731" spans="14:14">
      <c r="N260731" s="10"/>
    </row>
    <row r="260732" spans="14:14">
      <c r="N260732" s="10"/>
    </row>
    <row r="260733" spans="14:14">
      <c r="N260733" s="10"/>
    </row>
    <row r="260734" spans="14:14">
      <c r="N260734" s="10"/>
    </row>
    <row r="260735" spans="14:14">
      <c r="N260735" s="10"/>
    </row>
    <row r="260736" spans="14:14">
      <c r="N260736" s="10"/>
    </row>
    <row r="260737" spans="14:14">
      <c r="N260737" s="10"/>
    </row>
    <row r="260738" spans="14:14">
      <c r="N260738" s="10"/>
    </row>
    <row r="260739" spans="14:14">
      <c r="N260739" s="10"/>
    </row>
    <row r="260740" spans="14:14">
      <c r="N260740" s="10"/>
    </row>
    <row r="260741" spans="14:14">
      <c r="N260741" s="10"/>
    </row>
    <row r="260742" spans="14:14">
      <c r="N260742" s="10"/>
    </row>
    <row r="260743" spans="14:14">
      <c r="N260743" s="10"/>
    </row>
    <row r="260744" spans="14:14">
      <c r="N260744" s="10"/>
    </row>
    <row r="260745" spans="14:14">
      <c r="N260745" s="10"/>
    </row>
    <row r="260746" spans="14:14">
      <c r="N260746" s="10"/>
    </row>
    <row r="260747" spans="14:14">
      <c r="N260747" s="10"/>
    </row>
    <row r="260748" spans="14:14">
      <c r="N260748" s="10"/>
    </row>
    <row r="260749" spans="14:14">
      <c r="N260749" s="10"/>
    </row>
    <row r="260750" spans="14:14">
      <c r="N260750" s="10"/>
    </row>
    <row r="260751" spans="14:14">
      <c r="N260751" s="10"/>
    </row>
    <row r="260752" spans="14:14">
      <c r="N260752" s="10"/>
    </row>
    <row r="260753" spans="14:14">
      <c r="N260753" s="10"/>
    </row>
    <row r="260754" spans="14:14">
      <c r="N260754" s="10"/>
    </row>
    <row r="260755" spans="14:14">
      <c r="N260755" s="10"/>
    </row>
    <row r="260756" spans="14:14">
      <c r="N260756" s="10"/>
    </row>
    <row r="260757" spans="14:14">
      <c r="N260757" s="10"/>
    </row>
    <row r="260758" spans="14:14">
      <c r="N260758" s="10"/>
    </row>
    <row r="260759" spans="14:14">
      <c r="N260759" s="10"/>
    </row>
    <row r="260760" spans="14:14">
      <c r="N260760" s="10"/>
    </row>
    <row r="260761" spans="14:14">
      <c r="N260761" s="10"/>
    </row>
    <row r="260762" spans="14:14">
      <c r="N260762" s="10"/>
    </row>
    <row r="260763" spans="14:14">
      <c r="N260763" s="10"/>
    </row>
    <row r="260764" spans="14:14">
      <c r="N260764" s="10"/>
    </row>
    <row r="260765" spans="14:14">
      <c r="N260765" s="10"/>
    </row>
    <row r="260766" spans="14:14">
      <c r="N260766" s="10"/>
    </row>
    <row r="260767" spans="14:14">
      <c r="N260767" s="10"/>
    </row>
    <row r="260768" spans="14:14">
      <c r="N260768" s="10"/>
    </row>
    <row r="260769" spans="14:14">
      <c r="N260769" s="10"/>
    </row>
    <row r="260770" spans="14:14">
      <c r="N260770" s="10"/>
    </row>
    <row r="260771" spans="14:14">
      <c r="N260771" s="10"/>
    </row>
    <row r="260772" spans="14:14">
      <c r="N260772" s="10"/>
    </row>
    <row r="260773" spans="14:14">
      <c r="N260773" s="10"/>
    </row>
    <row r="260774" spans="14:14">
      <c r="N260774" s="10"/>
    </row>
    <row r="260775" spans="14:14">
      <c r="N260775" s="10"/>
    </row>
    <row r="260776" spans="14:14">
      <c r="N260776" s="10"/>
    </row>
    <row r="260777" spans="14:14">
      <c r="N260777" s="10"/>
    </row>
    <row r="260778" spans="14:14">
      <c r="N260778" s="10"/>
    </row>
    <row r="260779" spans="14:14">
      <c r="N260779" s="10"/>
    </row>
    <row r="260780" spans="14:14">
      <c r="N260780" s="10"/>
    </row>
    <row r="260781" spans="14:14">
      <c r="N260781" s="10"/>
    </row>
    <row r="260782" spans="14:14">
      <c r="N260782" s="10"/>
    </row>
    <row r="260783" spans="14:14">
      <c r="N260783" s="10"/>
    </row>
    <row r="260784" spans="14:14">
      <c r="N260784" s="10"/>
    </row>
    <row r="260785" spans="14:14">
      <c r="N260785" s="10"/>
    </row>
    <row r="260786" spans="14:14">
      <c r="N260786" s="10"/>
    </row>
    <row r="260787" spans="14:14">
      <c r="N260787" s="10"/>
    </row>
    <row r="260788" spans="14:14">
      <c r="N260788" s="10"/>
    </row>
    <row r="260789" spans="14:14">
      <c r="N260789" s="10"/>
    </row>
    <row r="260790" spans="14:14">
      <c r="N260790" s="10"/>
    </row>
    <row r="260791" spans="14:14">
      <c r="N260791" s="10"/>
    </row>
    <row r="260792" spans="14:14">
      <c r="N260792" s="10"/>
    </row>
    <row r="260793" spans="14:14">
      <c r="N260793" s="10"/>
    </row>
    <row r="260794" spans="14:14">
      <c r="N260794" s="10"/>
    </row>
    <row r="260795" spans="14:14">
      <c r="N260795" s="10"/>
    </row>
    <row r="260796" spans="14:14">
      <c r="N260796" s="10"/>
    </row>
    <row r="260797" spans="14:14">
      <c r="N260797" s="10"/>
    </row>
    <row r="260798" spans="14:14">
      <c r="N260798" s="10"/>
    </row>
    <row r="260799" spans="14:14">
      <c r="N260799" s="10"/>
    </row>
    <row r="260800" spans="14:14">
      <c r="N260800" s="10"/>
    </row>
    <row r="260801" spans="14:14">
      <c r="N260801" s="10"/>
    </row>
    <row r="260802" spans="14:14">
      <c r="N260802" s="10"/>
    </row>
    <row r="260803" spans="14:14">
      <c r="N260803" s="10"/>
    </row>
    <row r="260804" spans="14:14">
      <c r="N260804" s="10"/>
    </row>
    <row r="260805" spans="14:14">
      <c r="N260805" s="10"/>
    </row>
    <row r="260806" spans="14:14">
      <c r="N260806" s="10"/>
    </row>
    <row r="260807" spans="14:14">
      <c r="N260807" s="10"/>
    </row>
    <row r="260808" spans="14:14">
      <c r="N260808" s="10"/>
    </row>
    <row r="260809" spans="14:14">
      <c r="N260809" s="10"/>
    </row>
    <row r="260810" spans="14:14">
      <c r="N260810" s="10"/>
    </row>
    <row r="260811" spans="14:14">
      <c r="N260811" s="10"/>
    </row>
    <row r="260812" spans="14:14">
      <c r="N260812" s="10"/>
    </row>
    <row r="260813" spans="14:14">
      <c r="N260813" s="10"/>
    </row>
    <row r="260814" spans="14:14">
      <c r="N260814" s="10"/>
    </row>
    <row r="260815" spans="14:14">
      <c r="N260815" s="10"/>
    </row>
    <row r="260816" spans="14:14">
      <c r="N260816" s="10"/>
    </row>
    <row r="260817" spans="14:14">
      <c r="N260817" s="10"/>
    </row>
    <row r="260818" spans="14:14">
      <c r="N260818" s="10"/>
    </row>
    <row r="260819" spans="14:14">
      <c r="N260819" s="10"/>
    </row>
    <row r="260820" spans="14:14">
      <c r="N260820" s="10"/>
    </row>
    <row r="260821" spans="14:14">
      <c r="N260821" s="10"/>
    </row>
    <row r="260822" spans="14:14">
      <c r="N260822" s="10"/>
    </row>
    <row r="260823" spans="14:14">
      <c r="N260823" s="10"/>
    </row>
    <row r="260824" spans="14:14">
      <c r="N260824" s="10"/>
    </row>
    <row r="260825" spans="14:14">
      <c r="N260825" s="10"/>
    </row>
    <row r="260826" spans="14:14">
      <c r="N260826" s="10"/>
    </row>
    <row r="260827" spans="14:14">
      <c r="N260827" s="10"/>
    </row>
    <row r="260828" spans="14:14">
      <c r="N260828" s="10"/>
    </row>
    <row r="260829" spans="14:14">
      <c r="N260829" s="10"/>
    </row>
    <row r="260830" spans="14:14">
      <c r="N260830" s="10"/>
    </row>
    <row r="260831" spans="14:14">
      <c r="N260831" s="10"/>
    </row>
    <row r="260832" spans="14:14">
      <c r="N260832" s="10"/>
    </row>
    <row r="260833" spans="14:14">
      <c r="N260833" s="10"/>
    </row>
    <row r="260834" spans="14:14">
      <c r="N260834" s="10"/>
    </row>
    <row r="260835" spans="14:14">
      <c r="N260835" s="10"/>
    </row>
    <row r="260836" spans="14:14">
      <c r="N260836" s="10"/>
    </row>
    <row r="260837" spans="14:14">
      <c r="N260837" s="10"/>
    </row>
    <row r="260838" spans="14:14">
      <c r="N260838" s="10"/>
    </row>
    <row r="260839" spans="14:14">
      <c r="N260839" s="10"/>
    </row>
    <row r="260840" spans="14:14">
      <c r="N260840" s="10"/>
    </row>
    <row r="260841" spans="14:14">
      <c r="N260841" s="10"/>
    </row>
    <row r="260842" spans="14:14">
      <c r="N260842" s="10"/>
    </row>
    <row r="260843" spans="14:14">
      <c r="N260843" s="10"/>
    </row>
    <row r="260844" spans="14:14">
      <c r="N260844" s="10"/>
    </row>
    <row r="260845" spans="14:14">
      <c r="N260845" s="10"/>
    </row>
    <row r="260846" spans="14:14">
      <c r="N260846" s="10"/>
    </row>
    <row r="260847" spans="14:14">
      <c r="N260847" s="10"/>
    </row>
    <row r="260848" spans="14:14">
      <c r="N260848" s="10"/>
    </row>
    <row r="260849" spans="14:14">
      <c r="N260849" s="10"/>
    </row>
    <row r="260850" spans="14:14">
      <c r="N260850" s="10"/>
    </row>
    <row r="260851" spans="14:14">
      <c r="N260851" s="10"/>
    </row>
    <row r="260852" spans="14:14">
      <c r="N260852" s="10"/>
    </row>
    <row r="260853" spans="14:14">
      <c r="N260853" s="10"/>
    </row>
    <row r="260854" spans="14:14">
      <c r="N260854" s="10"/>
    </row>
    <row r="260855" spans="14:14">
      <c r="N260855" s="10"/>
    </row>
    <row r="260856" spans="14:14">
      <c r="N260856" s="10"/>
    </row>
    <row r="260857" spans="14:14">
      <c r="N260857" s="10"/>
    </row>
    <row r="260858" spans="14:14">
      <c r="N260858" s="10"/>
    </row>
    <row r="260859" spans="14:14">
      <c r="N260859" s="10"/>
    </row>
    <row r="260860" spans="14:14">
      <c r="N260860" s="10"/>
    </row>
    <row r="260861" spans="14:14">
      <c r="N260861" s="10"/>
    </row>
    <row r="260862" spans="14:14">
      <c r="N260862" s="10"/>
    </row>
    <row r="260863" spans="14:14">
      <c r="N260863" s="10"/>
    </row>
    <row r="260864" spans="14:14">
      <c r="N260864" s="10"/>
    </row>
    <row r="260865" spans="14:14">
      <c r="N260865" s="10"/>
    </row>
    <row r="260866" spans="14:14">
      <c r="N260866" s="10"/>
    </row>
    <row r="260867" spans="14:14">
      <c r="N260867" s="10"/>
    </row>
    <row r="260868" spans="14:14">
      <c r="N260868" s="10"/>
    </row>
    <row r="260869" spans="14:14">
      <c r="N260869" s="10"/>
    </row>
    <row r="260870" spans="14:14">
      <c r="N260870" s="10"/>
    </row>
    <row r="260871" spans="14:14">
      <c r="N260871" s="10"/>
    </row>
    <row r="260872" spans="14:14">
      <c r="N260872" s="10"/>
    </row>
    <row r="260873" spans="14:14">
      <c r="N260873" s="10"/>
    </row>
    <row r="260874" spans="14:14">
      <c r="N260874" s="10"/>
    </row>
    <row r="260875" spans="14:14">
      <c r="N260875" s="10"/>
    </row>
    <row r="260876" spans="14:14">
      <c r="N260876" s="10"/>
    </row>
    <row r="260877" spans="14:14">
      <c r="N260877" s="10"/>
    </row>
    <row r="260878" spans="14:14">
      <c r="N260878" s="10"/>
    </row>
    <row r="260879" spans="14:14">
      <c r="N260879" s="10"/>
    </row>
    <row r="260880" spans="14:14">
      <c r="N260880" s="10"/>
    </row>
    <row r="260881" spans="14:14">
      <c r="N260881" s="10"/>
    </row>
    <row r="260882" spans="14:14">
      <c r="N260882" s="10"/>
    </row>
    <row r="260883" spans="14:14">
      <c r="N260883" s="10"/>
    </row>
    <row r="260884" spans="14:14">
      <c r="N260884" s="10"/>
    </row>
    <row r="260885" spans="14:14">
      <c r="N260885" s="10"/>
    </row>
    <row r="260886" spans="14:14">
      <c r="N260886" s="10"/>
    </row>
    <row r="260887" spans="14:14">
      <c r="N260887" s="10"/>
    </row>
    <row r="260888" spans="14:14">
      <c r="N260888" s="10"/>
    </row>
    <row r="260889" spans="14:14">
      <c r="N260889" s="10"/>
    </row>
    <row r="260890" spans="14:14">
      <c r="N260890" s="10"/>
    </row>
    <row r="260891" spans="14:14">
      <c r="N260891" s="10"/>
    </row>
    <row r="260892" spans="14:14">
      <c r="N260892" s="10"/>
    </row>
    <row r="260893" spans="14:14">
      <c r="N260893" s="10"/>
    </row>
    <row r="260894" spans="14:14">
      <c r="N260894" s="10"/>
    </row>
    <row r="260895" spans="14:14">
      <c r="N260895" s="10"/>
    </row>
    <row r="260896" spans="14:14">
      <c r="N260896" s="10"/>
    </row>
    <row r="260897" spans="14:14">
      <c r="N260897" s="10"/>
    </row>
    <row r="260898" spans="14:14">
      <c r="N260898" s="10"/>
    </row>
    <row r="260899" spans="14:14">
      <c r="N260899" s="10"/>
    </row>
    <row r="260900" spans="14:14">
      <c r="N260900" s="10"/>
    </row>
    <row r="260901" spans="14:14">
      <c r="N260901" s="10"/>
    </row>
    <row r="260902" spans="14:14">
      <c r="N260902" s="10"/>
    </row>
    <row r="260903" spans="14:14">
      <c r="N260903" s="10"/>
    </row>
    <row r="260904" spans="14:14">
      <c r="N260904" s="10"/>
    </row>
    <row r="260905" spans="14:14">
      <c r="N260905" s="10"/>
    </row>
    <row r="260906" spans="14:14">
      <c r="N260906" s="10"/>
    </row>
    <row r="260907" spans="14:14">
      <c r="N260907" s="10"/>
    </row>
    <row r="260908" spans="14:14">
      <c r="N260908" s="10"/>
    </row>
    <row r="260909" spans="14:14">
      <c r="N260909" s="10"/>
    </row>
    <row r="260910" spans="14:14">
      <c r="N260910" s="10"/>
    </row>
    <row r="260911" spans="14:14">
      <c r="N260911" s="10"/>
    </row>
    <row r="260912" spans="14:14">
      <c r="N260912" s="10"/>
    </row>
    <row r="260913" spans="14:14">
      <c r="N260913" s="10"/>
    </row>
    <row r="260914" spans="14:14">
      <c r="N260914" s="10"/>
    </row>
    <row r="260915" spans="14:14">
      <c r="N260915" s="10"/>
    </row>
    <row r="260916" spans="14:14">
      <c r="N260916" s="10"/>
    </row>
    <row r="260917" spans="14:14">
      <c r="N260917" s="10"/>
    </row>
    <row r="260918" spans="14:14">
      <c r="N260918" s="10"/>
    </row>
    <row r="260919" spans="14:14">
      <c r="N260919" s="10"/>
    </row>
    <row r="260920" spans="14:14">
      <c r="N260920" s="10"/>
    </row>
    <row r="260921" spans="14:14">
      <c r="N260921" s="10"/>
    </row>
    <row r="260922" spans="14:14">
      <c r="N260922" s="10"/>
    </row>
    <row r="260923" spans="14:14">
      <c r="N260923" s="10"/>
    </row>
    <row r="260924" spans="14:14">
      <c r="N260924" s="10"/>
    </row>
    <row r="260925" spans="14:14">
      <c r="N260925" s="10"/>
    </row>
    <row r="260926" spans="14:14">
      <c r="N260926" s="10"/>
    </row>
    <row r="260927" spans="14:14">
      <c r="N260927" s="10"/>
    </row>
    <row r="260928" spans="14:14">
      <c r="N260928" s="10"/>
    </row>
    <row r="260929" spans="14:14">
      <c r="N260929" s="10"/>
    </row>
    <row r="260930" spans="14:14">
      <c r="N260930" s="10"/>
    </row>
    <row r="260931" spans="14:14">
      <c r="N260931" s="10"/>
    </row>
    <row r="260932" spans="14:14">
      <c r="N260932" s="10"/>
    </row>
    <row r="260933" spans="14:14">
      <c r="N260933" s="10"/>
    </row>
    <row r="260934" spans="14:14">
      <c r="N260934" s="10"/>
    </row>
    <row r="260935" spans="14:14">
      <c r="N260935" s="10"/>
    </row>
    <row r="260936" spans="14:14">
      <c r="N260936" s="10"/>
    </row>
    <row r="260937" spans="14:14">
      <c r="N260937" s="10"/>
    </row>
    <row r="260938" spans="14:14">
      <c r="N260938" s="10"/>
    </row>
    <row r="260939" spans="14:14">
      <c r="N260939" s="10"/>
    </row>
    <row r="260940" spans="14:14">
      <c r="N260940" s="10"/>
    </row>
    <row r="260941" spans="14:14">
      <c r="N260941" s="10"/>
    </row>
    <row r="260942" spans="14:14">
      <c r="N260942" s="10"/>
    </row>
    <row r="260943" spans="14:14">
      <c r="N260943" s="10"/>
    </row>
    <row r="260944" spans="14:14">
      <c r="N260944" s="10"/>
    </row>
    <row r="260945" spans="14:14">
      <c r="N260945" s="10"/>
    </row>
    <row r="260946" spans="14:14">
      <c r="N260946" s="10"/>
    </row>
    <row r="260947" spans="14:14">
      <c r="N260947" s="10"/>
    </row>
    <row r="260948" spans="14:14">
      <c r="N260948" s="10"/>
    </row>
    <row r="260949" spans="14:14">
      <c r="N260949" s="10"/>
    </row>
    <row r="260950" spans="14:14">
      <c r="N260950" s="10"/>
    </row>
    <row r="260951" spans="14:14">
      <c r="N260951" s="10"/>
    </row>
    <row r="260952" spans="14:14">
      <c r="N260952" s="10"/>
    </row>
    <row r="260953" spans="14:14">
      <c r="N260953" s="10"/>
    </row>
    <row r="260954" spans="14:14">
      <c r="N260954" s="10"/>
    </row>
    <row r="260955" spans="14:14">
      <c r="N260955" s="10"/>
    </row>
    <row r="260956" spans="14:14">
      <c r="N260956" s="10"/>
    </row>
    <row r="260957" spans="14:14">
      <c r="N260957" s="10"/>
    </row>
    <row r="260958" spans="14:14">
      <c r="N260958" s="10"/>
    </row>
    <row r="260959" spans="14:14">
      <c r="N260959" s="10"/>
    </row>
    <row r="260960" spans="14:14">
      <c r="N260960" s="10"/>
    </row>
    <row r="260961" spans="14:14">
      <c r="N260961" s="10"/>
    </row>
    <row r="260962" spans="14:14">
      <c r="N260962" s="10"/>
    </row>
    <row r="260963" spans="14:14">
      <c r="N260963" s="10"/>
    </row>
    <row r="260964" spans="14:14">
      <c r="N260964" s="10"/>
    </row>
    <row r="260965" spans="14:14">
      <c r="N260965" s="10"/>
    </row>
    <row r="260966" spans="14:14">
      <c r="N260966" s="10"/>
    </row>
    <row r="260967" spans="14:14">
      <c r="N260967" s="10"/>
    </row>
    <row r="260968" spans="14:14">
      <c r="N260968" s="10"/>
    </row>
    <row r="260969" spans="14:14">
      <c r="N260969" s="10"/>
    </row>
    <row r="260970" spans="14:14">
      <c r="N260970" s="10"/>
    </row>
    <row r="260971" spans="14:14">
      <c r="N260971" s="10"/>
    </row>
    <row r="260972" spans="14:14">
      <c r="N260972" s="10"/>
    </row>
    <row r="260973" spans="14:14">
      <c r="N260973" s="10"/>
    </row>
    <row r="260974" spans="14:14">
      <c r="N260974" s="10"/>
    </row>
    <row r="260975" spans="14:14">
      <c r="N260975" s="10"/>
    </row>
    <row r="260976" spans="14:14">
      <c r="N260976" s="10"/>
    </row>
    <row r="260977" spans="14:14">
      <c r="N260977" s="10"/>
    </row>
    <row r="260978" spans="14:14">
      <c r="N260978" s="10"/>
    </row>
    <row r="260979" spans="14:14">
      <c r="N260979" s="10"/>
    </row>
    <row r="260980" spans="14:14">
      <c r="N260980" s="10"/>
    </row>
    <row r="260981" spans="14:14">
      <c r="N260981" s="10"/>
    </row>
    <row r="260982" spans="14:14">
      <c r="N260982" s="10"/>
    </row>
    <row r="260983" spans="14:14">
      <c r="N260983" s="10"/>
    </row>
    <row r="260984" spans="14:14">
      <c r="N260984" s="10"/>
    </row>
    <row r="260985" spans="14:14">
      <c r="N260985" s="10"/>
    </row>
    <row r="260986" spans="14:14">
      <c r="N260986" s="10"/>
    </row>
    <row r="260987" spans="14:14">
      <c r="N260987" s="10"/>
    </row>
    <row r="260988" spans="14:14">
      <c r="N260988" s="10"/>
    </row>
    <row r="260989" spans="14:14">
      <c r="N260989" s="10"/>
    </row>
    <row r="260990" spans="14:14">
      <c r="N260990" s="10"/>
    </row>
    <row r="260991" spans="14:14">
      <c r="N260991" s="10"/>
    </row>
    <row r="260992" spans="14:14">
      <c r="N260992" s="10"/>
    </row>
    <row r="260993" spans="14:14">
      <c r="N260993" s="10"/>
    </row>
    <row r="260994" spans="14:14">
      <c r="N260994" s="10"/>
    </row>
    <row r="260995" spans="14:14">
      <c r="N260995" s="10"/>
    </row>
    <row r="260996" spans="14:14">
      <c r="N260996" s="10"/>
    </row>
    <row r="260997" spans="14:14">
      <c r="N260997" s="10"/>
    </row>
    <row r="260998" spans="14:14">
      <c r="N260998" s="10"/>
    </row>
    <row r="260999" spans="14:14">
      <c r="N260999" s="10"/>
    </row>
    <row r="261000" spans="14:14">
      <c r="N261000" s="10"/>
    </row>
    <row r="261001" spans="14:14">
      <c r="N261001" s="10"/>
    </row>
    <row r="261002" spans="14:14">
      <c r="N261002" s="10"/>
    </row>
    <row r="261003" spans="14:14">
      <c r="N261003" s="10"/>
    </row>
    <row r="261004" spans="14:14">
      <c r="N261004" s="10"/>
    </row>
    <row r="261005" spans="14:14">
      <c r="N261005" s="10"/>
    </row>
    <row r="261006" spans="14:14">
      <c r="N261006" s="10"/>
    </row>
    <row r="261007" spans="14:14">
      <c r="N261007" s="10"/>
    </row>
    <row r="261008" spans="14:14">
      <c r="N261008" s="10"/>
    </row>
    <row r="261009" spans="14:14">
      <c r="N261009" s="10"/>
    </row>
    <row r="261010" spans="14:14">
      <c r="N261010" s="10"/>
    </row>
    <row r="261011" spans="14:14">
      <c r="N261011" s="10"/>
    </row>
    <row r="261012" spans="14:14">
      <c r="N261012" s="10"/>
    </row>
    <row r="261013" spans="14:14">
      <c r="N261013" s="10"/>
    </row>
    <row r="261014" spans="14:14">
      <c r="N261014" s="10"/>
    </row>
    <row r="261015" spans="14:14">
      <c r="N261015" s="10"/>
    </row>
    <row r="261016" spans="14:14">
      <c r="N261016" s="10"/>
    </row>
    <row r="261017" spans="14:14">
      <c r="N261017" s="10"/>
    </row>
    <row r="261018" spans="14:14">
      <c r="N261018" s="10"/>
    </row>
    <row r="261019" spans="14:14">
      <c r="N261019" s="10"/>
    </row>
    <row r="261020" spans="14:14">
      <c r="N261020" s="10"/>
    </row>
    <row r="261021" spans="14:14">
      <c r="N261021" s="10"/>
    </row>
    <row r="261022" spans="14:14">
      <c r="N261022" s="10"/>
    </row>
    <row r="261023" spans="14:14">
      <c r="N261023" s="10"/>
    </row>
    <row r="261024" spans="14:14">
      <c r="N261024" s="10"/>
    </row>
    <row r="261025" spans="14:14">
      <c r="N261025" s="10"/>
    </row>
    <row r="261026" spans="14:14">
      <c r="N261026" s="10"/>
    </row>
    <row r="261027" spans="14:14">
      <c r="N261027" s="10"/>
    </row>
    <row r="261028" spans="14:14">
      <c r="N261028" s="10"/>
    </row>
    <row r="261029" spans="14:14">
      <c r="N261029" s="10"/>
    </row>
    <row r="261030" spans="14:14">
      <c r="N261030" s="10"/>
    </row>
    <row r="261031" spans="14:14">
      <c r="N261031" s="10"/>
    </row>
    <row r="261032" spans="14:14">
      <c r="N261032" s="10"/>
    </row>
    <row r="261033" spans="14:14">
      <c r="N261033" s="10"/>
    </row>
    <row r="261034" spans="14:14">
      <c r="N261034" s="10"/>
    </row>
    <row r="261035" spans="14:14">
      <c r="N261035" s="10"/>
    </row>
    <row r="261036" spans="14:14">
      <c r="N261036" s="10"/>
    </row>
    <row r="261037" spans="14:14">
      <c r="N261037" s="10"/>
    </row>
    <row r="261038" spans="14:14">
      <c r="N261038" s="10"/>
    </row>
    <row r="261039" spans="14:14">
      <c r="N261039" s="10"/>
    </row>
    <row r="261040" spans="14:14">
      <c r="N261040" s="10"/>
    </row>
    <row r="261041" spans="14:14">
      <c r="N261041" s="10"/>
    </row>
    <row r="261042" spans="14:14">
      <c r="N261042" s="10"/>
    </row>
    <row r="261043" spans="14:14">
      <c r="N261043" s="10"/>
    </row>
    <row r="261044" spans="14:14">
      <c r="N261044" s="10"/>
    </row>
    <row r="261045" spans="14:14">
      <c r="N261045" s="10"/>
    </row>
    <row r="261046" spans="14:14">
      <c r="N261046" s="10"/>
    </row>
    <row r="261047" spans="14:14">
      <c r="N261047" s="10"/>
    </row>
    <row r="261048" spans="14:14">
      <c r="N261048" s="10"/>
    </row>
    <row r="261049" spans="14:14">
      <c r="N261049" s="10"/>
    </row>
    <row r="261050" spans="14:14">
      <c r="N261050" s="10"/>
    </row>
    <row r="261051" spans="14:14">
      <c r="N261051" s="10"/>
    </row>
    <row r="261052" spans="14:14">
      <c r="N261052" s="10"/>
    </row>
    <row r="261053" spans="14:14">
      <c r="N261053" s="10"/>
    </row>
    <row r="261054" spans="14:14">
      <c r="N261054" s="10"/>
    </row>
    <row r="261055" spans="14:14">
      <c r="N261055" s="10"/>
    </row>
    <row r="261056" spans="14:14">
      <c r="N261056" s="10"/>
    </row>
    <row r="261057" spans="14:14">
      <c r="N261057" s="10"/>
    </row>
    <row r="261058" spans="14:14">
      <c r="N261058" s="10"/>
    </row>
    <row r="261059" spans="14:14">
      <c r="N261059" s="10"/>
    </row>
    <row r="261060" spans="14:14">
      <c r="N261060" s="10"/>
    </row>
    <row r="261061" spans="14:14">
      <c r="N261061" s="10"/>
    </row>
    <row r="261062" spans="14:14">
      <c r="N261062" s="10"/>
    </row>
    <row r="261063" spans="14:14">
      <c r="N261063" s="10"/>
    </row>
    <row r="261064" spans="14:14">
      <c r="N261064" s="10"/>
    </row>
    <row r="261065" spans="14:14">
      <c r="N261065" s="10"/>
    </row>
    <row r="261066" spans="14:14">
      <c r="N261066" s="10"/>
    </row>
    <row r="261067" spans="14:14">
      <c r="N261067" s="10"/>
    </row>
    <row r="261068" spans="14:14">
      <c r="N261068" s="10"/>
    </row>
    <row r="261069" spans="14:14">
      <c r="N261069" s="10"/>
    </row>
    <row r="261070" spans="14:14">
      <c r="N261070" s="10"/>
    </row>
    <row r="261071" spans="14:14">
      <c r="N261071" s="10"/>
    </row>
    <row r="261072" spans="14:14">
      <c r="N261072" s="10"/>
    </row>
    <row r="261073" spans="14:14">
      <c r="N261073" s="10"/>
    </row>
    <row r="261074" spans="14:14">
      <c r="N261074" s="10"/>
    </row>
    <row r="261075" spans="14:14">
      <c r="N261075" s="10"/>
    </row>
    <row r="261076" spans="14:14">
      <c r="N261076" s="10"/>
    </row>
    <row r="261077" spans="14:14">
      <c r="N261077" s="10"/>
    </row>
    <row r="261078" spans="14:14">
      <c r="N261078" s="10"/>
    </row>
    <row r="261079" spans="14:14">
      <c r="N261079" s="10"/>
    </row>
    <row r="261080" spans="14:14">
      <c r="N261080" s="10"/>
    </row>
    <row r="261081" spans="14:14">
      <c r="N261081" s="10"/>
    </row>
    <row r="261082" spans="14:14">
      <c r="N261082" s="10"/>
    </row>
    <row r="261083" spans="14:14">
      <c r="N261083" s="10"/>
    </row>
    <row r="261084" spans="14:14">
      <c r="N261084" s="10"/>
    </row>
    <row r="261085" spans="14:14">
      <c r="N261085" s="10"/>
    </row>
    <row r="261086" spans="14:14">
      <c r="N261086" s="10"/>
    </row>
    <row r="261087" spans="14:14">
      <c r="N261087" s="10"/>
    </row>
    <row r="261088" spans="14:14">
      <c r="N261088" s="10"/>
    </row>
    <row r="261089" spans="14:14">
      <c r="N261089" s="10"/>
    </row>
    <row r="261090" spans="14:14">
      <c r="N261090" s="10"/>
    </row>
    <row r="261091" spans="14:14">
      <c r="N261091" s="10"/>
    </row>
    <row r="261092" spans="14:14">
      <c r="N261092" s="10"/>
    </row>
    <row r="261093" spans="14:14">
      <c r="N261093" s="10"/>
    </row>
    <row r="261094" spans="14:14">
      <c r="N261094" s="10"/>
    </row>
    <row r="261095" spans="14:14">
      <c r="N261095" s="10"/>
    </row>
    <row r="261096" spans="14:14">
      <c r="N261096" s="10"/>
    </row>
    <row r="261097" spans="14:14">
      <c r="N261097" s="10"/>
    </row>
    <row r="261098" spans="14:14">
      <c r="N261098" s="10"/>
    </row>
    <row r="261099" spans="14:14">
      <c r="N261099" s="10"/>
    </row>
    <row r="261100" spans="14:14">
      <c r="N261100" s="10"/>
    </row>
    <row r="261101" spans="14:14">
      <c r="N261101" s="10"/>
    </row>
    <row r="261102" spans="14:14">
      <c r="N261102" s="10"/>
    </row>
    <row r="261103" spans="14:14">
      <c r="N261103" s="10"/>
    </row>
    <row r="261104" spans="14:14">
      <c r="N261104" s="10"/>
    </row>
    <row r="261105" spans="14:14">
      <c r="N261105" s="10"/>
    </row>
    <row r="261106" spans="14:14">
      <c r="N261106" s="10"/>
    </row>
    <row r="261107" spans="14:14">
      <c r="N261107" s="10"/>
    </row>
    <row r="261108" spans="14:14">
      <c r="N261108" s="10"/>
    </row>
    <row r="261109" spans="14:14">
      <c r="N261109" s="10"/>
    </row>
    <row r="261110" spans="14:14">
      <c r="N261110" s="10"/>
    </row>
    <row r="261111" spans="14:14">
      <c r="N261111" s="10"/>
    </row>
    <row r="261112" spans="14:14">
      <c r="N261112" s="10"/>
    </row>
    <row r="261113" spans="14:14">
      <c r="N261113" s="10"/>
    </row>
    <row r="261114" spans="14:14">
      <c r="N261114" s="10"/>
    </row>
    <row r="261115" spans="14:14">
      <c r="N261115" s="10"/>
    </row>
    <row r="261116" spans="14:14">
      <c r="N261116" s="10"/>
    </row>
    <row r="261117" spans="14:14">
      <c r="N261117" s="10"/>
    </row>
    <row r="261118" spans="14:14">
      <c r="N261118" s="10"/>
    </row>
    <row r="261119" spans="14:14">
      <c r="N261119" s="10"/>
    </row>
    <row r="261120" spans="14:14">
      <c r="N261120" s="10"/>
    </row>
    <row r="261121" spans="14:14">
      <c r="N261121" s="10"/>
    </row>
    <row r="261122" spans="14:14">
      <c r="N261122" s="10"/>
    </row>
    <row r="261123" spans="14:14">
      <c r="N261123" s="10"/>
    </row>
    <row r="261124" spans="14:14">
      <c r="N261124" s="10"/>
    </row>
    <row r="261125" spans="14:14">
      <c r="N261125" s="10"/>
    </row>
    <row r="261126" spans="14:14">
      <c r="N261126" s="10"/>
    </row>
    <row r="261127" spans="14:14">
      <c r="N261127" s="10"/>
    </row>
    <row r="261128" spans="14:14">
      <c r="N261128" s="10"/>
    </row>
    <row r="261129" spans="14:14">
      <c r="N261129" s="10"/>
    </row>
    <row r="261130" spans="14:14">
      <c r="N261130" s="10"/>
    </row>
    <row r="261131" spans="14:14">
      <c r="N261131" s="10"/>
    </row>
    <row r="261132" spans="14:14">
      <c r="N261132" s="10"/>
    </row>
    <row r="261133" spans="14:14">
      <c r="N261133" s="10"/>
    </row>
    <row r="261134" spans="14:14">
      <c r="N261134" s="10"/>
    </row>
    <row r="261135" spans="14:14">
      <c r="N261135" s="10"/>
    </row>
    <row r="261136" spans="14:14">
      <c r="N261136" s="10"/>
    </row>
    <row r="261137" spans="14:14">
      <c r="N261137" s="10"/>
    </row>
    <row r="261138" spans="14:14">
      <c r="N261138" s="10"/>
    </row>
    <row r="261139" spans="14:14">
      <c r="N261139" s="10"/>
    </row>
    <row r="261140" spans="14:14">
      <c r="N261140" s="10"/>
    </row>
    <row r="261141" spans="14:14">
      <c r="N261141" s="10"/>
    </row>
    <row r="261142" spans="14:14">
      <c r="N261142" s="10"/>
    </row>
    <row r="261143" spans="14:14">
      <c r="N261143" s="10"/>
    </row>
    <row r="261144" spans="14:14">
      <c r="N261144" s="10"/>
    </row>
    <row r="261145" spans="14:14">
      <c r="N261145" s="10"/>
    </row>
    <row r="261146" spans="14:14">
      <c r="N261146" s="10"/>
    </row>
    <row r="261147" spans="14:14">
      <c r="N261147" s="10"/>
    </row>
    <row r="261148" spans="14:14">
      <c r="N261148" s="10"/>
    </row>
    <row r="261149" spans="14:14">
      <c r="N261149" s="10"/>
    </row>
    <row r="261150" spans="14:14">
      <c r="N261150" s="10"/>
    </row>
    <row r="261151" spans="14:14">
      <c r="N261151" s="10"/>
    </row>
    <row r="261152" spans="14:14">
      <c r="N261152" s="10"/>
    </row>
    <row r="261153" spans="14:14">
      <c r="N261153" s="10"/>
    </row>
    <row r="261154" spans="14:14">
      <c r="N261154" s="10"/>
    </row>
    <row r="261155" spans="14:14">
      <c r="N261155" s="10"/>
    </row>
    <row r="261156" spans="14:14">
      <c r="N261156" s="10"/>
    </row>
    <row r="261157" spans="14:14">
      <c r="N261157" s="10"/>
    </row>
    <row r="261158" spans="14:14">
      <c r="N261158" s="10"/>
    </row>
    <row r="261159" spans="14:14">
      <c r="N261159" s="10"/>
    </row>
    <row r="261160" spans="14:14">
      <c r="N261160" s="10"/>
    </row>
    <row r="261161" spans="14:14">
      <c r="N261161" s="10"/>
    </row>
    <row r="261162" spans="14:14">
      <c r="N261162" s="10"/>
    </row>
    <row r="261163" spans="14:14">
      <c r="N261163" s="10"/>
    </row>
    <row r="261164" spans="14:14">
      <c r="N261164" s="10"/>
    </row>
    <row r="261165" spans="14:14">
      <c r="N261165" s="10"/>
    </row>
    <row r="261166" spans="14:14">
      <c r="N261166" s="10"/>
    </row>
    <row r="261167" spans="14:14">
      <c r="N261167" s="10"/>
    </row>
    <row r="261168" spans="14:14">
      <c r="N261168" s="10"/>
    </row>
    <row r="261169" spans="14:14">
      <c r="N261169" s="10"/>
    </row>
    <row r="261170" spans="14:14">
      <c r="N261170" s="10"/>
    </row>
    <row r="261171" spans="14:14">
      <c r="N261171" s="10"/>
    </row>
    <row r="261172" spans="14:14">
      <c r="N261172" s="10"/>
    </row>
    <row r="261173" spans="14:14">
      <c r="N261173" s="10"/>
    </row>
    <row r="261174" spans="14:14">
      <c r="N261174" s="10"/>
    </row>
    <row r="261175" spans="14:14">
      <c r="N261175" s="10"/>
    </row>
    <row r="261176" spans="14:14">
      <c r="N261176" s="10"/>
    </row>
    <row r="261177" spans="14:14">
      <c r="N261177" s="10"/>
    </row>
    <row r="261178" spans="14:14">
      <c r="N261178" s="10"/>
    </row>
    <row r="261179" spans="14:14">
      <c r="N261179" s="10"/>
    </row>
    <row r="261180" spans="14:14">
      <c r="N261180" s="10"/>
    </row>
    <row r="261181" spans="14:14">
      <c r="N261181" s="10"/>
    </row>
    <row r="261182" spans="14:14">
      <c r="N261182" s="10"/>
    </row>
    <row r="261183" spans="14:14">
      <c r="N261183" s="10"/>
    </row>
    <row r="261184" spans="14:14">
      <c r="N261184" s="10"/>
    </row>
    <row r="261185" spans="14:14">
      <c r="N261185" s="10"/>
    </row>
    <row r="261186" spans="14:14">
      <c r="N261186" s="10"/>
    </row>
    <row r="261187" spans="14:14">
      <c r="N261187" s="10"/>
    </row>
    <row r="261188" spans="14:14">
      <c r="N261188" s="10"/>
    </row>
    <row r="261189" spans="14:14">
      <c r="N261189" s="10"/>
    </row>
    <row r="261190" spans="14:14">
      <c r="N261190" s="10"/>
    </row>
    <row r="261191" spans="14:14">
      <c r="N261191" s="10"/>
    </row>
    <row r="261192" spans="14:14">
      <c r="N261192" s="10"/>
    </row>
    <row r="261193" spans="14:14">
      <c r="N261193" s="10"/>
    </row>
    <row r="261194" spans="14:14">
      <c r="N261194" s="10"/>
    </row>
    <row r="261195" spans="14:14">
      <c r="N261195" s="10"/>
    </row>
    <row r="261196" spans="14:14">
      <c r="N261196" s="10"/>
    </row>
    <row r="261197" spans="14:14">
      <c r="N261197" s="10"/>
    </row>
    <row r="261198" spans="14:14">
      <c r="N261198" s="10"/>
    </row>
    <row r="261199" spans="14:14">
      <c r="N261199" s="10"/>
    </row>
    <row r="261200" spans="14:14">
      <c r="N261200" s="10"/>
    </row>
    <row r="261201" spans="14:14">
      <c r="N261201" s="10"/>
    </row>
    <row r="261202" spans="14:14">
      <c r="N261202" s="10"/>
    </row>
    <row r="261203" spans="14:14">
      <c r="N261203" s="10"/>
    </row>
    <row r="261204" spans="14:14">
      <c r="N261204" s="10"/>
    </row>
    <row r="261205" spans="14:14">
      <c r="N261205" s="10"/>
    </row>
    <row r="261206" spans="14:14">
      <c r="N261206" s="10"/>
    </row>
    <row r="261207" spans="14:14">
      <c r="N261207" s="10"/>
    </row>
    <row r="261208" spans="14:14">
      <c r="N261208" s="10"/>
    </row>
    <row r="261209" spans="14:14">
      <c r="N261209" s="10"/>
    </row>
    <row r="261210" spans="14:14">
      <c r="N261210" s="10"/>
    </row>
    <row r="261211" spans="14:14">
      <c r="N261211" s="10"/>
    </row>
    <row r="261212" spans="14:14">
      <c r="N261212" s="10"/>
    </row>
    <row r="261213" spans="14:14">
      <c r="N261213" s="10"/>
    </row>
    <row r="261214" spans="14:14">
      <c r="N261214" s="10"/>
    </row>
    <row r="261215" spans="14:14">
      <c r="N261215" s="10"/>
    </row>
    <row r="261216" spans="14:14">
      <c r="N261216" s="10"/>
    </row>
    <row r="261217" spans="14:14">
      <c r="N261217" s="10"/>
    </row>
    <row r="261218" spans="14:14">
      <c r="N261218" s="10"/>
    </row>
    <row r="261219" spans="14:14">
      <c r="N261219" s="10"/>
    </row>
    <row r="261220" spans="14:14">
      <c r="N261220" s="10"/>
    </row>
    <row r="261221" spans="14:14">
      <c r="N261221" s="10"/>
    </row>
    <row r="261222" spans="14:14">
      <c r="N261222" s="10"/>
    </row>
    <row r="261223" spans="14:14">
      <c r="N261223" s="10"/>
    </row>
    <row r="261224" spans="14:14">
      <c r="N261224" s="10"/>
    </row>
    <row r="261225" spans="14:14">
      <c r="N261225" s="10"/>
    </row>
    <row r="261226" spans="14:14">
      <c r="N261226" s="10"/>
    </row>
    <row r="261227" spans="14:14">
      <c r="N261227" s="10"/>
    </row>
    <row r="261228" spans="14:14">
      <c r="N261228" s="10"/>
    </row>
    <row r="261229" spans="14:14">
      <c r="N261229" s="10"/>
    </row>
    <row r="261230" spans="14:14">
      <c r="N261230" s="10"/>
    </row>
    <row r="261231" spans="14:14">
      <c r="N261231" s="10"/>
    </row>
    <row r="261232" spans="14:14">
      <c r="N261232" s="10"/>
    </row>
    <row r="261233" spans="14:14">
      <c r="N261233" s="10"/>
    </row>
    <row r="261234" spans="14:14">
      <c r="N261234" s="10"/>
    </row>
    <row r="261235" spans="14:14">
      <c r="N261235" s="10"/>
    </row>
    <row r="261236" spans="14:14">
      <c r="N261236" s="10"/>
    </row>
    <row r="261237" spans="14:14">
      <c r="N261237" s="10"/>
    </row>
    <row r="261238" spans="14:14">
      <c r="N261238" s="10"/>
    </row>
    <row r="261239" spans="14:14">
      <c r="N261239" s="10"/>
    </row>
    <row r="261240" spans="14:14">
      <c r="N261240" s="10"/>
    </row>
    <row r="261241" spans="14:14">
      <c r="N261241" s="10"/>
    </row>
    <row r="261242" spans="14:14">
      <c r="N261242" s="10"/>
    </row>
    <row r="261243" spans="14:14">
      <c r="N261243" s="10"/>
    </row>
    <row r="261244" spans="14:14">
      <c r="N261244" s="10"/>
    </row>
    <row r="261245" spans="14:14">
      <c r="N261245" s="10"/>
    </row>
    <row r="261246" spans="14:14">
      <c r="N261246" s="10"/>
    </row>
    <row r="261247" spans="14:14">
      <c r="N261247" s="10"/>
    </row>
    <row r="261248" spans="14:14">
      <c r="N261248" s="10"/>
    </row>
    <row r="261249" spans="14:14">
      <c r="N261249" s="10"/>
    </row>
    <row r="261250" spans="14:14">
      <c r="N261250" s="10"/>
    </row>
    <row r="261251" spans="14:14">
      <c r="N261251" s="10"/>
    </row>
    <row r="261252" spans="14:14">
      <c r="N261252" s="10"/>
    </row>
    <row r="261253" spans="14:14">
      <c r="N261253" s="10"/>
    </row>
    <row r="261254" spans="14:14">
      <c r="N261254" s="10"/>
    </row>
    <row r="261255" spans="14:14">
      <c r="N261255" s="10"/>
    </row>
    <row r="261256" spans="14:14">
      <c r="N261256" s="10"/>
    </row>
    <row r="261257" spans="14:14">
      <c r="N261257" s="10"/>
    </row>
    <row r="261258" spans="14:14">
      <c r="N261258" s="10"/>
    </row>
    <row r="261259" spans="14:14">
      <c r="N261259" s="10"/>
    </row>
    <row r="261260" spans="14:14">
      <c r="N261260" s="10"/>
    </row>
    <row r="261261" spans="14:14">
      <c r="N261261" s="10"/>
    </row>
    <row r="261262" spans="14:14">
      <c r="N261262" s="10"/>
    </row>
    <row r="261263" spans="14:14">
      <c r="N261263" s="10"/>
    </row>
    <row r="261264" spans="14:14">
      <c r="N261264" s="10"/>
    </row>
    <row r="261265" spans="14:14">
      <c r="N261265" s="10"/>
    </row>
    <row r="261266" spans="14:14">
      <c r="N261266" s="10"/>
    </row>
    <row r="261267" spans="14:14">
      <c r="N261267" s="10"/>
    </row>
    <row r="261268" spans="14:14">
      <c r="N261268" s="10"/>
    </row>
    <row r="261269" spans="14:14">
      <c r="N261269" s="10"/>
    </row>
    <row r="261270" spans="14:14">
      <c r="N261270" s="10"/>
    </row>
    <row r="261271" spans="14:14">
      <c r="N261271" s="10"/>
    </row>
    <row r="261272" spans="14:14">
      <c r="N261272" s="10"/>
    </row>
    <row r="261273" spans="14:14">
      <c r="N261273" s="10"/>
    </row>
    <row r="261274" spans="14:14">
      <c r="N261274" s="10"/>
    </row>
    <row r="261275" spans="14:14">
      <c r="N261275" s="10"/>
    </row>
    <row r="261276" spans="14:14">
      <c r="N261276" s="10"/>
    </row>
    <row r="261277" spans="14:14">
      <c r="N261277" s="10"/>
    </row>
    <row r="261278" spans="14:14">
      <c r="N261278" s="10"/>
    </row>
    <row r="261279" spans="14:14">
      <c r="N261279" s="10"/>
    </row>
    <row r="261280" spans="14:14">
      <c r="N261280" s="10"/>
    </row>
    <row r="261281" spans="14:14">
      <c r="N261281" s="10"/>
    </row>
    <row r="261282" spans="14:14">
      <c r="N261282" s="10"/>
    </row>
    <row r="261283" spans="14:14">
      <c r="N261283" s="10"/>
    </row>
    <row r="261284" spans="14:14">
      <c r="N261284" s="10"/>
    </row>
    <row r="261285" spans="14:14">
      <c r="N261285" s="10"/>
    </row>
    <row r="261286" spans="14:14">
      <c r="N261286" s="10"/>
    </row>
    <row r="261287" spans="14:14">
      <c r="N261287" s="10"/>
    </row>
    <row r="261288" spans="14:14">
      <c r="N261288" s="10"/>
    </row>
    <row r="261289" spans="14:14">
      <c r="N261289" s="10"/>
    </row>
    <row r="261290" spans="14:14">
      <c r="N261290" s="10"/>
    </row>
    <row r="261291" spans="14:14">
      <c r="N261291" s="10"/>
    </row>
    <row r="261292" spans="14:14">
      <c r="N261292" s="10"/>
    </row>
    <row r="261293" spans="14:14">
      <c r="N261293" s="10"/>
    </row>
    <row r="261294" spans="14:14">
      <c r="N261294" s="10"/>
    </row>
    <row r="261295" spans="14:14">
      <c r="N261295" s="10"/>
    </row>
    <row r="261296" spans="14:14">
      <c r="N261296" s="10"/>
    </row>
    <row r="261297" spans="14:14">
      <c r="N261297" s="10"/>
    </row>
    <row r="261298" spans="14:14">
      <c r="N261298" s="10"/>
    </row>
    <row r="261299" spans="14:14">
      <c r="N261299" s="10"/>
    </row>
    <row r="261300" spans="14:14">
      <c r="N261300" s="10"/>
    </row>
    <row r="261301" spans="14:14">
      <c r="N261301" s="10"/>
    </row>
    <row r="261302" spans="14:14">
      <c r="N261302" s="10"/>
    </row>
    <row r="261303" spans="14:14">
      <c r="N261303" s="10"/>
    </row>
    <row r="261304" spans="14:14">
      <c r="N261304" s="10"/>
    </row>
    <row r="261305" spans="14:14">
      <c r="N261305" s="10"/>
    </row>
    <row r="261306" spans="14:14">
      <c r="N261306" s="10"/>
    </row>
    <row r="261307" spans="14:14">
      <c r="N261307" s="10"/>
    </row>
    <row r="261308" spans="14:14">
      <c r="N261308" s="10"/>
    </row>
    <row r="261309" spans="14:14">
      <c r="N261309" s="10"/>
    </row>
    <row r="261310" spans="14:14">
      <c r="N261310" s="10"/>
    </row>
    <row r="261311" spans="14:14">
      <c r="N261311" s="10"/>
    </row>
    <row r="261312" spans="14:14">
      <c r="N261312" s="10"/>
    </row>
    <row r="261313" spans="14:14">
      <c r="N261313" s="10"/>
    </row>
    <row r="261314" spans="14:14">
      <c r="N261314" s="10"/>
    </row>
    <row r="261315" spans="14:14">
      <c r="N261315" s="10"/>
    </row>
    <row r="261316" spans="14:14">
      <c r="N261316" s="10"/>
    </row>
    <row r="261317" spans="14:14">
      <c r="N261317" s="10"/>
    </row>
    <row r="261318" spans="14:14">
      <c r="N261318" s="10"/>
    </row>
    <row r="261319" spans="14:14">
      <c r="N261319" s="10"/>
    </row>
    <row r="261320" spans="14:14">
      <c r="N261320" s="10"/>
    </row>
    <row r="261321" spans="14:14">
      <c r="N261321" s="10"/>
    </row>
    <row r="261322" spans="14:14">
      <c r="N261322" s="10"/>
    </row>
    <row r="261323" spans="14:14">
      <c r="N261323" s="10"/>
    </row>
    <row r="261324" spans="14:14">
      <c r="N261324" s="10"/>
    </row>
    <row r="261325" spans="14:14">
      <c r="N261325" s="10"/>
    </row>
    <row r="261326" spans="14:14">
      <c r="N261326" s="10"/>
    </row>
    <row r="261327" spans="14:14">
      <c r="N261327" s="10"/>
    </row>
    <row r="261328" spans="14:14">
      <c r="N261328" s="10"/>
    </row>
    <row r="261329" spans="14:14">
      <c r="N261329" s="10"/>
    </row>
    <row r="261330" spans="14:14">
      <c r="N261330" s="10"/>
    </row>
    <row r="261331" spans="14:14">
      <c r="N261331" s="10"/>
    </row>
    <row r="261332" spans="14:14">
      <c r="N261332" s="10"/>
    </row>
    <row r="261333" spans="14:14">
      <c r="N261333" s="10"/>
    </row>
    <row r="261334" spans="14:14">
      <c r="N261334" s="10"/>
    </row>
    <row r="261335" spans="14:14">
      <c r="N261335" s="10"/>
    </row>
    <row r="261336" spans="14:14">
      <c r="N261336" s="10"/>
    </row>
    <row r="261337" spans="14:14">
      <c r="N261337" s="10"/>
    </row>
    <row r="261338" spans="14:14">
      <c r="N261338" s="10"/>
    </row>
    <row r="261339" spans="14:14">
      <c r="N261339" s="10"/>
    </row>
    <row r="261340" spans="14:14">
      <c r="N261340" s="10"/>
    </row>
    <row r="261341" spans="14:14">
      <c r="N261341" s="10"/>
    </row>
    <row r="261342" spans="14:14">
      <c r="N261342" s="10"/>
    </row>
    <row r="261343" spans="14:14">
      <c r="N261343" s="10"/>
    </row>
    <row r="261344" spans="14:14">
      <c r="N261344" s="10"/>
    </row>
    <row r="261345" spans="14:14">
      <c r="N261345" s="10"/>
    </row>
    <row r="261346" spans="14:14">
      <c r="N261346" s="10"/>
    </row>
    <row r="261347" spans="14:14">
      <c r="N261347" s="10"/>
    </row>
    <row r="261348" spans="14:14">
      <c r="N261348" s="10"/>
    </row>
    <row r="261349" spans="14:14">
      <c r="N261349" s="10"/>
    </row>
    <row r="261350" spans="14:14">
      <c r="N261350" s="10"/>
    </row>
    <row r="261351" spans="14:14">
      <c r="N261351" s="10"/>
    </row>
    <row r="261352" spans="14:14">
      <c r="N261352" s="10"/>
    </row>
    <row r="261353" spans="14:14">
      <c r="N261353" s="10"/>
    </row>
    <row r="261354" spans="14:14">
      <c r="N261354" s="10"/>
    </row>
    <row r="261355" spans="14:14">
      <c r="N261355" s="10"/>
    </row>
    <row r="261356" spans="14:14">
      <c r="N261356" s="10"/>
    </row>
    <row r="261357" spans="14:14">
      <c r="N261357" s="10"/>
    </row>
    <row r="261358" spans="14:14">
      <c r="N261358" s="10"/>
    </row>
    <row r="261359" spans="14:14">
      <c r="N261359" s="10"/>
    </row>
    <row r="261360" spans="14:14">
      <c r="N261360" s="10"/>
    </row>
    <row r="261361" spans="14:14">
      <c r="N261361" s="10"/>
    </row>
    <row r="261362" spans="14:14">
      <c r="N261362" s="10"/>
    </row>
    <row r="261363" spans="14:14">
      <c r="N261363" s="10"/>
    </row>
    <row r="261364" spans="14:14">
      <c r="N261364" s="10"/>
    </row>
    <row r="261365" spans="14:14">
      <c r="N261365" s="10"/>
    </row>
    <row r="261366" spans="14:14">
      <c r="N261366" s="10"/>
    </row>
    <row r="261367" spans="14:14">
      <c r="N261367" s="10"/>
    </row>
    <row r="261368" spans="14:14">
      <c r="N261368" s="10"/>
    </row>
    <row r="261369" spans="14:14">
      <c r="N261369" s="10"/>
    </row>
    <row r="261370" spans="14:14">
      <c r="N261370" s="10"/>
    </row>
    <row r="261371" spans="14:14">
      <c r="N261371" s="10"/>
    </row>
    <row r="261372" spans="14:14">
      <c r="N261372" s="10"/>
    </row>
    <row r="261373" spans="14:14">
      <c r="N261373" s="10"/>
    </row>
    <row r="261374" spans="14:14">
      <c r="N261374" s="10"/>
    </row>
    <row r="261375" spans="14:14">
      <c r="N261375" s="10"/>
    </row>
    <row r="261376" spans="14:14">
      <c r="N261376" s="10"/>
    </row>
    <row r="261377" spans="14:14">
      <c r="N261377" s="10"/>
    </row>
    <row r="261378" spans="14:14">
      <c r="N261378" s="10"/>
    </row>
    <row r="261379" spans="14:14">
      <c r="N261379" s="10"/>
    </row>
    <row r="261380" spans="14:14">
      <c r="N261380" s="10"/>
    </row>
    <row r="261381" spans="14:14">
      <c r="N261381" s="10"/>
    </row>
    <row r="261382" spans="14:14">
      <c r="N261382" s="10"/>
    </row>
    <row r="261383" spans="14:14">
      <c r="N261383" s="10"/>
    </row>
    <row r="261384" spans="14:14">
      <c r="N261384" s="10"/>
    </row>
    <row r="261385" spans="14:14">
      <c r="N261385" s="10"/>
    </row>
    <row r="261386" spans="14:14">
      <c r="N261386" s="10"/>
    </row>
    <row r="261387" spans="14:14">
      <c r="N261387" s="10"/>
    </row>
    <row r="261388" spans="14:14">
      <c r="N261388" s="10"/>
    </row>
    <row r="261389" spans="14:14">
      <c r="N261389" s="10"/>
    </row>
    <row r="261390" spans="14:14">
      <c r="N261390" s="10"/>
    </row>
    <row r="261391" spans="14:14">
      <c r="N261391" s="10"/>
    </row>
    <row r="261392" spans="14:14">
      <c r="N261392" s="10"/>
    </row>
    <row r="261393" spans="14:14">
      <c r="N261393" s="10"/>
    </row>
    <row r="261394" spans="14:14">
      <c r="N261394" s="10"/>
    </row>
    <row r="261395" spans="14:14">
      <c r="N261395" s="10"/>
    </row>
    <row r="261396" spans="14:14">
      <c r="N261396" s="10"/>
    </row>
    <row r="261397" spans="14:14">
      <c r="N261397" s="10"/>
    </row>
    <row r="261398" spans="14:14">
      <c r="N261398" s="10"/>
    </row>
    <row r="261399" spans="14:14">
      <c r="N261399" s="10"/>
    </row>
    <row r="261400" spans="14:14">
      <c r="N261400" s="10"/>
    </row>
    <row r="261401" spans="14:14">
      <c r="N261401" s="10"/>
    </row>
    <row r="261402" spans="14:14">
      <c r="N261402" s="10"/>
    </row>
    <row r="261403" spans="14:14">
      <c r="N261403" s="10"/>
    </row>
    <row r="261404" spans="14:14">
      <c r="N261404" s="10"/>
    </row>
    <row r="261405" spans="14:14">
      <c r="N261405" s="10"/>
    </row>
    <row r="261406" spans="14:14">
      <c r="N261406" s="10"/>
    </row>
    <row r="261407" spans="14:14">
      <c r="N261407" s="10"/>
    </row>
    <row r="261408" spans="14:14">
      <c r="N261408" s="10"/>
    </row>
    <row r="261409" spans="14:14">
      <c r="N261409" s="10"/>
    </row>
    <row r="261410" spans="14:14">
      <c r="N261410" s="10"/>
    </row>
    <row r="261411" spans="14:14">
      <c r="N261411" s="10"/>
    </row>
    <row r="261412" spans="14:14">
      <c r="N261412" s="10"/>
    </row>
    <row r="261413" spans="14:14">
      <c r="N261413" s="10"/>
    </row>
    <row r="261414" spans="14:14">
      <c r="N261414" s="10"/>
    </row>
    <row r="261415" spans="14:14">
      <c r="N261415" s="10"/>
    </row>
    <row r="261416" spans="14:14">
      <c r="N261416" s="10"/>
    </row>
    <row r="261417" spans="14:14">
      <c r="N261417" s="10"/>
    </row>
    <row r="261418" spans="14:14">
      <c r="N261418" s="10"/>
    </row>
    <row r="261419" spans="14:14">
      <c r="N261419" s="10"/>
    </row>
    <row r="261420" spans="14:14">
      <c r="N261420" s="10"/>
    </row>
    <row r="261421" spans="14:14">
      <c r="N261421" s="10"/>
    </row>
    <row r="261422" spans="14:14">
      <c r="N261422" s="10"/>
    </row>
    <row r="261423" spans="14:14">
      <c r="N261423" s="10"/>
    </row>
    <row r="261424" spans="14:14">
      <c r="N261424" s="10"/>
    </row>
    <row r="261425" spans="14:14">
      <c r="N261425" s="10"/>
    </row>
    <row r="261426" spans="14:14">
      <c r="N261426" s="10"/>
    </row>
    <row r="261427" spans="14:14">
      <c r="N261427" s="10"/>
    </row>
    <row r="261428" spans="14:14">
      <c r="N261428" s="10"/>
    </row>
    <row r="261429" spans="14:14">
      <c r="N261429" s="10"/>
    </row>
    <row r="261430" spans="14:14">
      <c r="N261430" s="10"/>
    </row>
    <row r="261431" spans="14:14">
      <c r="N261431" s="10"/>
    </row>
    <row r="261432" spans="14:14">
      <c r="N261432" s="10"/>
    </row>
    <row r="261433" spans="14:14">
      <c r="N261433" s="10"/>
    </row>
    <row r="261434" spans="14:14">
      <c r="N261434" s="10"/>
    </row>
    <row r="261435" spans="14:14">
      <c r="N261435" s="10"/>
    </row>
    <row r="261436" spans="14:14">
      <c r="N261436" s="10"/>
    </row>
    <row r="261437" spans="14:14">
      <c r="N261437" s="10"/>
    </row>
    <row r="261438" spans="14:14">
      <c r="N261438" s="10"/>
    </row>
    <row r="261439" spans="14:14">
      <c r="N261439" s="10"/>
    </row>
    <row r="261440" spans="14:14">
      <c r="N261440" s="10"/>
    </row>
    <row r="261441" spans="14:14">
      <c r="N261441" s="10"/>
    </row>
    <row r="261442" spans="14:14">
      <c r="N261442" s="10"/>
    </row>
    <row r="261443" spans="14:14">
      <c r="N261443" s="10"/>
    </row>
    <row r="261444" spans="14:14">
      <c r="N261444" s="10"/>
    </row>
    <row r="261445" spans="14:14">
      <c r="N261445" s="10"/>
    </row>
    <row r="261446" spans="14:14">
      <c r="N261446" s="10"/>
    </row>
    <row r="261447" spans="14:14">
      <c r="N261447" s="10"/>
    </row>
    <row r="261448" spans="14:14">
      <c r="N261448" s="10"/>
    </row>
    <row r="261449" spans="14:14">
      <c r="N261449" s="10"/>
    </row>
    <row r="261450" spans="14:14">
      <c r="N261450" s="10"/>
    </row>
    <row r="261451" spans="14:14">
      <c r="N261451" s="10"/>
    </row>
    <row r="261452" spans="14:14">
      <c r="N261452" s="10"/>
    </row>
    <row r="261453" spans="14:14">
      <c r="N261453" s="10"/>
    </row>
    <row r="261454" spans="14:14">
      <c r="N261454" s="10"/>
    </row>
    <row r="261455" spans="14:14">
      <c r="N261455" s="10"/>
    </row>
    <row r="261456" spans="14:14">
      <c r="N261456" s="10"/>
    </row>
    <row r="261457" spans="14:14">
      <c r="N261457" s="10"/>
    </row>
    <row r="261458" spans="14:14">
      <c r="N261458" s="10"/>
    </row>
    <row r="261459" spans="14:14">
      <c r="N261459" s="10"/>
    </row>
    <row r="261460" spans="14:14">
      <c r="N261460" s="10"/>
    </row>
    <row r="261461" spans="14:14">
      <c r="N261461" s="10"/>
    </row>
    <row r="261462" spans="14:14">
      <c r="N261462" s="10"/>
    </row>
    <row r="261463" spans="14:14">
      <c r="N261463" s="10"/>
    </row>
    <row r="261464" spans="14:14">
      <c r="N261464" s="10"/>
    </row>
    <row r="261465" spans="14:14">
      <c r="N261465" s="10"/>
    </row>
    <row r="261466" spans="14:14">
      <c r="N261466" s="10"/>
    </row>
    <row r="261467" spans="14:14">
      <c r="N261467" s="10"/>
    </row>
    <row r="261468" spans="14:14">
      <c r="N261468" s="10"/>
    </row>
    <row r="261469" spans="14:14">
      <c r="N261469" s="10"/>
    </row>
    <row r="261470" spans="14:14">
      <c r="N261470" s="10"/>
    </row>
    <row r="261471" spans="14:14">
      <c r="N261471" s="10"/>
    </row>
    <row r="261472" spans="14:14">
      <c r="N261472" s="10"/>
    </row>
    <row r="261473" spans="14:14">
      <c r="N261473" s="10"/>
    </row>
    <row r="261474" spans="14:14">
      <c r="N261474" s="10"/>
    </row>
    <row r="261475" spans="14:14">
      <c r="N261475" s="10"/>
    </row>
    <row r="261476" spans="14:14">
      <c r="N261476" s="10"/>
    </row>
    <row r="261477" spans="14:14">
      <c r="N261477" s="10"/>
    </row>
    <row r="261478" spans="14:14">
      <c r="N261478" s="10"/>
    </row>
    <row r="261479" spans="14:14">
      <c r="N261479" s="10"/>
    </row>
    <row r="261480" spans="14:14">
      <c r="N261480" s="10"/>
    </row>
    <row r="261481" spans="14:14">
      <c r="N261481" s="10"/>
    </row>
    <row r="261482" spans="14:14">
      <c r="N261482" s="10"/>
    </row>
    <row r="261483" spans="14:14">
      <c r="N261483" s="10"/>
    </row>
    <row r="261484" spans="14:14">
      <c r="N261484" s="10"/>
    </row>
    <row r="261485" spans="14:14">
      <c r="N261485" s="10"/>
    </row>
    <row r="261486" spans="14:14">
      <c r="N261486" s="10"/>
    </row>
    <row r="261487" spans="14:14">
      <c r="N261487" s="10"/>
    </row>
    <row r="261488" spans="14:14">
      <c r="N261488" s="10"/>
    </row>
    <row r="261489" spans="14:14">
      <c r="N261489" s="10"/>
    </row>
    <row r="261490" spans="14:14">
      <c r="N261490" s="10"/>
    </row>
    <row r="261491" spans="14:14">
      <c r="N261491" s="10"/>
    </row>
    <row r="261492" spans="14:14">
      <c r="N261492" s="10"/>
    </row>
    <row r="261493" spans="14:14">
      <c r="N261493" s="10"/>
    </row>
    <row r="261494" spans="14:14">
      <c r="N261494" s="10"/>
    </row>
    <row r="261495" spans="14:14">
      <c r="N261495" s="10"/>
    </row>
    <row r="261496" spans="14:14">
      <c r="N261496" s="10"/>
    </row>
    <row r="261497" spans="14:14">
      <c r="N261497" s="10"/>
    </row>
    <row r="261498" spans="14:14">
      <c r="N261498" s="10"/>
    </row>
    <row r="261499" spans="14:14">
      <c r="N261499" s="10"/>
    </row>
    <row r="261500" spans="14:14">
      <c r="N261500" s="10"/>
    </row>
    <row r="261501" spans="14:14">
      <c r="N261501" s="10"/>
    </row>
    <row r="261502" spans="14:14">
      <c r="N261502" s="10"/>
    </row>
    <row r="261503" spans="14:14">
      <c r="N261503" s="10"/>
    </row>
    <row r="261504" spans="14:14">
      <c r="N261504" s="10"/>
    </row>
    <row r="261505" spans="14:14">
      <c r="N261505" s="10"/>
    </row>
    <row r="261506" spans="14:14">
      <c r="N261506" s="10"/>
    </row>
    <row r="261507" spans="14:14">
      <c r="N261507" s="10"/>
    </row>
    <row r="261508" spans="14:14">
      <c r="N261508" s="10"/>
    </row>
    <row r="261509" spans="14:14">
      <c r="N261509" s="10"/>
    </row>
    <row r="261510" spans="14:14">
      <c r="N261510" s="10"/>
    </row>
    <row r="261511" spans="14:14">
      <c r="N261511" s="10"/>
    </row>
    <row r="261512" spans="14:14">
      <c r="N261512" s="10"/>
    </row>
    <row r="261513" spans="14:14">
      <c r="N261513" s="10"/>
    </row>
    <row r="261514" spans="14:14">
      <c r="N261514" s="10"/>
    </row>
    <row r="261515" spans="14:14">
      <c r="N261515" s="10"/>
    </row>
    <row r="261516" spans="14:14">
      <c r="N261516" s="10"/>
    </row>
    <row r="261517" spans="14:14">
      <c r="N261517" s="10"/>
    </row>
    <row r="261518" spans="14:14">
      <c r="N261518" s="10"/>
    </row>
    <row r="261519" spans="14:14">
      <c r="N261519" s="10"/>
    </row>
    <row r="261520" spans="14:14">
      <c r="N261520" s="10"/>
    </row>
    <row r="261521" spans="14:14">
      <c r="N261521" s="10"/>
    </row>
    <row r="261522" spans="14:14">
      <c r="N261522" s="10"/>
    </row>
    <row r="261523" spans="14:14">
      <c r="N261523" s="10"/>
    </row>
    <row r="261524" spans="14:14">
      <c r="N261524" s="10"/>
    </row>
    <row r="261525" spans="14:14">
      <c r="N261525" s="10"/>
    </row>
    <row r="261526" spans="14:14">
      <c r="N261526" s="10"/>
    </row>
    <row r="261527" spans="14:14">
      <c r="N261527" s="10"/>
    </row>
    <row r="261528" spans="14:14">
      <c r="N261528" s="10"/>
    </row>
    <row r="261529" spans="14:14">
      <c r="N261529" s="10"/>
    </row>
    <row r="261530" spans="14:14">
      <c r="N261530" s="10"/>
    </row>
    <row r="261531" spans="14:14">
      <c r="N261531" s="10"/>
    </row>
    <row r="261532" spans="14:14">
      <c r="N261532" s="10"/>
    </row>
    <row r="261533" spans="14:14">
      <c r="N261533" s="10"/>
    </row>
    <row r="261534" spans="14:14">
      <c r="N261534" s="10"/>
    </row>
    <row r="261535" spans="14:14">
      <c r="N261535" s="10"/>
    </row>
    <row r="261536" spans="14:14">
      <c r="N261536" s="10"/>
    </row>
    <row r="261537" spans="14:14">
      <c r="N261537" s="10"/>
    </row>
    <row r="261538" spans="14:14">
      <c r="N261538" s="10"/>
    </row>
    <row r="261539" spans="14:14">
      <c r="N261539" s="10"/>
    </row>
    <row r="261540" spans="14:14">
      <c r="N261540" s="10"/>
    </row>
    <row r="261541" spans="14:14">
      <c r="N261541" s="10"/>
    </row>
    <row r="261542" spans="14:14">
      <c r="N261542" s="10"/>
    </row>
    <row r="261543" spans="14:14">
      <c r="N261543" s="10"/>
    </row>
    <row r="261544" spans="14:14">
      <c r="N261544" s="10"/>
    </row>
    <row r="261545" spans="14:14">
      <c r="N261545" s="10"/>
    </row>
    <row r="261546" spans="14:14">
      <c r="N261546" s="10"/>
    </row>
    <row r="261547" spans="14:14">
      <c r="N261547" s="10"/>
    </row>
    <row r="261548" spans="14:14">
      <c r="N261548" s="10"/>
    </row>
    <row r="261549" spans="14:14">
      <c r="N261549" s="10"/>
    </row>
    <row r="261550" spans="14:14">
      <c r="N261550" s="10"/>
    </row>
    <row r="261551" spans="14:14">
      <c r="N261551" s="10"/>
    </row>
    <row r="261552" spans="14:14">
      <c r="N261552" s="10"/>
    </row>
    <row r="261553" spans="14:14">
      <c r="N261553" s="10"/>
    </row>
    <row r="261554" spans="14:14">
      <c r="N261554" s="10"/>
    </row>
    <row r="261555" spans="14:14">
      <c r="N261555" s="10"/>
    </row>
    <row r="261556" spans="14:14">
      <c r="N261556" s="10"/>
    </row>
    <row r="261557" spans="14:14">
      <c r="N261557" s="10"/>
    </row>
    <row r="261558" spans="14:14">
      <c r="N261558" s="10"/>
    </row>
    <row r="261559" spans="14:14">
      <c r="N261559" s="10"/>
    </row>
    <row r="261560" spans="14:14">
      <c r="N261560" s="10"/>
    </row>
    <row r="261561" spans="14:14">
      <c r="N261561" s="10"/>
    </row>
    <row r="261562" spans="14:14">
      <c r="N261562" s="10"/>
    </row>
    <row r="261563" spans="14:14">
      <c r="N261563" s="10"/>
    </row>
    <row r="261564" spans="14:14">
      <c r="N261564" s="10"/>
    </row>
    <row r="261565" spans="14:14">
      <c r="N261565" s="10"/>
    </row>
    <row r="261566" spans="14:14">
      <c r="N261566" s="10"/>
    </row>
    <row r="261567" spans="14:14">
      <c r="N261567" s="10"/>
    </row>
    <row r="261568" spans="14:14">
      <c r="N261568" s="10"/>
    </row>
    <row r="261569" spans="14:14">
      <c r="N261569" s="10"/>
    </row>
    <row r="261570" spans="14:14">
      <c r="N261570" s="10"/>
    </row>
    <row r="261571" spans="14:14">
      <c r="N261571" s="10"/>
    </row>
    <row r="261572" spans="14:14">
      <c r="N261572" s="10"/>
    </row>
    <row r="261573" spans="14:14">
      <c r="N261573" s="10"/>
    </row>
    <row r="261574" spans="14:14">
      <c r="N261574" s="10"/>
    </row>
    <row r="261575" spans="14:14">
      <c r="N261575" s="10"/>
    </row>
    <row r="261576" spans="14:14">
      <c r="N261576" s="10"/>
    </row>
    <row r="261577" spans="14:14">
      <c r="N261577" s="10"/>
    </row>
    <row r="261578" spans="14:14">
      <c r="N261578" s="10"/>
    </row>
    <row r="261579" spans="14:14">
      <c r="N261579" s="10"/>
    </row>
    <row r="261580" spans="14:14">
      <c r="N261580" s="10"/>
    </row>
    <row r="261581" spans="14:14">
      <c r="N261581" s="10"/>
    </row>
    <row r="261582" spans="14:14">
      <c r="N261582" s="10"/>
    </row>
    <row r="261583" spans="14:14">
      <c r="N261583" s="10"/>
    </row>
    <row r="261584" spans="14:14">
      <c r="N261584" s="10"/>
    </row>
    <row r="261585" spans="14:14">
      <c r="N261585" s="10"/>
    </row>
    <row r="261586" spans="14:14">
      <c r="N261586" s="10"/>
    </row>
    <row r="261587" spans="14:14">
      <c r="N261587" s="10"/>
    </row>
    <row r="261588" spans="14:14">
      <c r="N261588" s="10"/>
    </row>
    <row r="261589" spans="14:14">
      <c r="N261589" s="10"/>
    </row>
    <row r="261590" spans="14:14">
      <c r="N261590" s="10"/>
    </row>
    <row r="261591" spans="14:14">
      <c r="N261591" s="10"/>
    </row>
    <row r="261592" spans="14:14">
      <c r="N261592" s="10"/>
    </row>
    <row r="261593" spans="14:14">
      <c r="N261593" s="10"/>
    </row>
    <row r="261594" spans="14:14">
      <c r="N261594" s="10"/>
    </row>
    <row r="261595" spans="14:14">
      <c r="N261595" s="10"/>
    </row>
    <row r="261596" spans="14:14">
      <c r="N261596" s="10"/>
    </row>
    <row r="261597" spans="14:14">
      <c r="N261597" s="10"/>
    </row>
    <row r="261598" spans="14:14">
      <c r="N261598" s="10"/>
    </row>
    <row r="261599" spans="14:14">
      <c r="N261599" s="10"/>
    </row>
    <row r="261600" spans="14:14">
      <c r="N261600" s="10"/>
    </row>
    <row r="261601" spans="14:14">
      <c r="N261601" s="10"/>
    </row>
    <row r="261602" spans="14:14">
      <c r="N261602" s="10"/>
    </row>
    <row r="261603" spans="14:14">
      <c r="N261603" s="10"/>
    </row>
    <row r="261604" spans="14:14">
      <c r="N261604" s="10"/>
    </row>
    <row r="261605" spans="14:14">
      <c r="N261605" s="10"/>
    </row>
    <row r="261606" spans="14:14">
      <c r="N261606" s="10"/>
    </row>
    <row r="261607" spans="14:14">
      <c r="N261607" s="10"/>
    </row>
    <row r="261608" spans="14:14">
      <c r="N261608" s="10"/>
    </row>
    <row r="261609" spans="14:14">
      <c r="N261609" s="10"/>
    </row>
    <row r="261610" spans="14:14">
      <c r="N261610" s="10"/>
    </row>
    <row r="261611" spans="14:14">
      <c r="N261611" s="10"/>
    </row>
    <row r="261612" spans="14:14">
      <c r="N261612" s="10"/>
    </row>
    <row r="261613" spans="14:14">
      <c r="N261613" s="10"/>
    </row>
    <row r="261614" spans="14:14">
      <c r="N261614" s="10"/>
    </row>
    <row r="261615" spans="14:14">
      <c r="N261615" s="10"/>
    </row>
    <row r="261616" spans="14:14">
      <c r="N261616" s="10"/>
    </row>
    <row r="261617" spans="14:14">
      <c r="N261617" s="10"/>
    </row>
    <row r="261618" spans="14:14">
      <c r="N261618" s="10"/>
    </row>
    <row r="261619" spans="14:14">
      <c r="N261619" s="10"/>
    </row>
    <row r="261620" spans="14:14">
      <c r="N261620" s="10"/>
    </row>
    <row r="261621" spans="14:14">
      <c r="N261621" s="10"/>
    </row>
    <row r="261622" spans="14:14">
      <c r="N261622" s="10"/>
    </row>
    <row r="261623" spans="14:14">
      <c r="N261623" s="10"/>
    </row>
    <row r="261624" spans="14:14">
      <c r="N261624" s="10"/>
    </row>
    <row r="261625" spans="14:14">
      <c r="N261625" s="10"/>
    </row>
    <row r="261626" spans="14:14">
      <c r="N261626" s="10"/>
    </row>
    <row r="261627" spans="14:14">
      <c r="N261627" s="10"/>
    </row>
    <row r="261628" spans="14:14">
      <c r="N261628" s="10"/>
    </row>
    <row r="261629" spans="14:14">
      <c r="N261629" s="10"/>
    </row>
    <row r="261630" spans="14:14">
      <c r="N261630" s="10"/>
    </row>
    <row r="261631" spans="14:14">
      <c r="N261631" s="10"/>
    </row>
    <row r="261632" spans="14:14">
      <c r="N261632" s="10"/>
    </row>
    <row r="261633" spans="14:14">
      <c r="N261633" s="10"/>
    </row>
    <row r="261634" spans="14:14">
      <c r="N261634" s="10"/>
    </row>
    <row r="261635" spans="14:14">
      <c r="N261635" s="10"/>
    </row>
    <row r="261636" spans="14:14">
      <c r="N261636" s="10"/>
    </row>
    <row r="261637" spans="14:14">
      <c r="N261637" s="10"/>
    </row>
    <row r="261638" spans="14:14">
      <c r="N261638" s="10"/>
    </row>
    <row r="261639" spans="14:14">
      <c r="N261639" s="10"/>
    </row>
    <row r="261640" spans="14:14">
      <c r="N261640" s="10"/>
    </row>
    <row r="261641" spans="14:14">
      <c r="N261641" s="10"/>
    </row>
    <row r="261642" spans="14:14">
      <c r="N261642" s="10"/>
    </row>
    <row r="261643" spans="14:14">
      <c r="N261643" s="10"/>
    </row>
    <row r="261644" spans="14:14">
      <c r="N261644" s="10"/>
    </row>
    <row r="261645" spans="14:14">
      <c r="N261645" s="10"/>
    </row>
    <row r="261646" spans="14:14">
      <c r="N261646" s="10"/>
    </row>
    <row r="261647" spans="14:14">
      <c r="N261647" s="10"/>
    </row>
    <row r="261648" spans="14:14">
      <c r="N261648" s="10"/>
    </row>
    <row r="261649" spans="14:14">
      <c r="N261649" s="10"/>
    </row>
    <row r="261650" spans="14:14">
      <c r="N261650" s="10"/>
    </row>
    <row r="261651" spans="14:14">
      <c r="N261651" s="10"/>
    </row>
    <row r="261652" spans="14:14">
      <c r="N261652" s="10"/>
    </row>
    <row r="261653" spans="14:14">
      <c r="N261653" s="10"/>
    </row>
    <row r="261654" spans="14:14">
      <c r="N261654" s="10"/>
    </row>
    <row r="261655" spans="14:14">
      <c r="N261655" s="10"/>
    </row>
    <row r="261656" spans="14:14">
      <c r="N261656" s="10"/>
    </row>
    <row r="261657" spans="14:14">
      <c r="N261657" s="10"/>
    </row>
    <row r="261658" spans="14:14">
      <c r="N261658" s="10"/>
    </row>
    <row r="261659" spans="14:14">
      <c r="N261659" s="10"/>
    </row>
    <row r="261660" spans="14:14">
      <c r="N261660" s="10"/>
    </row>
    <row r="261661" spans="14:14">
      <c r="N261661" s="10"/>
    </row>
    <row r="261662" spans="14:14">
      <c r="N261662" s="10"/>
    </row>
    <row r="261663" spans="14:14">
      <c r="N261663" s="10"/>
    </row>
    <row r="261664" spans="14:14">
      <c r="N261664" s="10"/>
    </row>
    <row r="261665" spans="14:14">
      <c r="N261665" s="10"/>
    </row>
    <row r="261666" spans="14:14">
      <c r="N261666" s="10"/>
    </row>
    <row r="261667" spans="14:14">
      <c r="N261667" s="10"/>
    </row>
    <row r="261668" spans="14:14">
      <c r="N261668" s="10"/>
    </row>
    <row r="261669" spans="14:14">
      <c r="N261669" s="10"/>
    </row>
    <row r="261670" spans="14:14">
      <c r="N261670" s="10"/>
    </row>
    <row r="261671" spans="14:14">
      <c r="N261671" s="10"/>
    </row>
    <row r="261672" spans="14:14">
      <c r="N261672" s="10"/>
    </row>
    <row r="261673" spans="14:14">
      <c r="N261673" s="10"/>
    </row>
    <row r="261674" spans="14:14">
      <c r="N261674" s="10"/>
    </row>
    <row r="261675" spans="14:14">
      <c r="N261675" s="10"/>
    </row>
    <row r="261676" spans="14:14">
      <c r="N261676" s="10"/>
    </row>
    <row r="261677" spans="14:14">
      <c r="N261677" s="10"/>
    </row>
    <row r="261678" spans="14:14">
      <c r="N261678" s="10"/>
    </row>
    <row r="261679" spans="14:14">
      <c r="N261679" s="10"/>
    </row>
    <row r="261680" spans="14:14">
      <c r="N261680" s="10"/>
    </row>
    <row r="261681" spans="14:14">
      <c r="N261681" s="10"/>
    </row>
    <row r="261682" spans="14:14">
      <c r="N261682" s="10"/>
    </row>
    <row r="261683" spans="14:14">
      <c r="N261683" s="10"/>
    </row>
    <row r="261684" spans="14:14">
      <c r="N261684" s="10"/>
    </row>
    <row r="261685" spans="14:14">
      <c r="N261685" s="10"/>
    </row>
    <row r="261686" spans="14:14">
      <c r="N261686" s="10"/>
    </row>
    <row r="261687" spans="14:14">
      <c r="N261687" s="10"/>
    </row>
    <row r="261688" spans="14:14">
      <c r="N261688" s="10"/>
    </row>
    <row r="261689" spans="14:14">
      <c r="N261689" s="10"/>
    </row>
    <row r="261690" spans="14:14">
      <c r="N261690" s="10"/>
    </row>
    <row r="261691" spans="14:14">
      <c r="N261691" s="10"/>
    </row>
    <row r="261692" spans="14:14">
      <c r="N261692" s="10"/>
    </row>
    <row r="261693" spans="14:14">
      <c r="N261693" s="10"/>
    </row>
    <row r="261694" spans="14:14">
      <c r="N261694" s="10"/>
    </row>
    <row r="261695" spans="14:14">
      <c r="N261695" s="10"/>
    </row>
    <row r="261696" spans="14:14">
      <c r="N261696" s="10"/>
    </row>
    <row r="261697" spans="14:14">
      <c r="N261697" s="10"/>
    </row>
    <row r="261698" spans="14:14">
      <c r="N261698" s="10"/>
    </row>
    <row r="261699" spans="14:14">
      <c r="N261699" s="10"/>
    </row>
    <row r="261700" spans="14:14">
      <c r="N261700" s="10"/>
    </row>
    <row r="261701" spans="14:14">
      <c r="N261701" s="10"/>
    </row>
    <row r="261702" spans="14:14">
      <c r="N261702" s="10"/>
    </row>
    <row r="261703" spans="14:14">
      <c r="N261703" s="10"/>
    </row>
    <row r="261704" spans="14:14">
      <c r="N261704" s="10"/>
    </row>
    <row r="261705" spans="14:14">
      <c r="N261705" s="10"/>
    </row>
    <row r="261706" spans="14:14">
      <c r="N261706" s="10"/>
    </row>
    <row r="261707" spans="14:14">
      <c r="N261707" s="10"/>
    </row>
    <row r="261708" spans="14:14">
      <c r="N261708" s="10"/>
    </row>
    <row r="261709" spans="14:14">
      <c r="N261709" s="10"/>
    </row>
    <row r="261710" spans="14:14">
      <c r="N261710" s="10"/>
    </row>
    <row r="261711" spans="14:14">
      <c r="N261711" s="10"/>
    </row>
    <row r="261712" spans="14:14">
      <c r="N261712" s="10"/>
    </row>
    <row r="261713" spans="14:14">
      <c r="N261713" s="10"/>
    </row>
    <row r="261714" spans="14:14">
      <c r="N261714" s="10"/>
    </row>
    <row r="261715" spans="14:14">
      <c r="N261715" s="10"/>
    </row>
    <row r="261716" spans="14:14">
      <c r="N261716" s="10"/>
    </row>
    <row r="261717" spans="14:14">
      <c r="N261717" s="10"/>
    </row>
    <row r="261718" spans="14:14">
      <c r="N261718" s="10"/>
    </row>
    <row r="261719" spans="14:14">
      <c r="N261719" s="10"/>
    </row>
    <row r="261720" spans="14:14">
      <c r="N261720" s="10"/>
    </row>
    <row r="261721" spans="14:14">
      <c r="N261721" s="10"/>
    </row>
    <row r="261722" spans="14:14">
      <c r="N261722" s="10"/>
    </row>
    <row r="261723" spans="14:14">
      <c r="N261723" s="10"/>
    </row>
    <row r="261724" spans="14:14">
      <c r="N261724" s="10"/>
    </row>
    <row r="261725" spans="14:14">
      <c r="N261725" s="10"/>
    </row>
    <row r="261726" spans="14:14">
      <c r="N261726" s="10"/>
    </row>
    <row r="261727" spans="14:14">
      <c r="N261727" s="10"/>
    </row>
    <row r="261728" spans="14:14">
      <c r="N261728" s="10"/>
    </row>
    <row r="261729" spans="14:14">
      <c r="N261729" s="10"/>
    </row>
    <row r="261730" spans="14:14">
      <c r="N261730" s="10"/>
    </row>
    <row r="261731" spans="14:14">
      <c r="N261731" s="10"/>
    </row>
    <row r="261732" spans="14:14">
      <c r="N261732" s="10"/>
    </row>
    <row r="261733" spans="14:14">
      <c r="N261733" s="10"/>
    </row>
    <row r="261734" spans="14:14">
      <c r="N261734" s="10"/>
    </row>
    <row r="261735" spans="14:14">
      <c r="N261735" s="10"/>
    </row>
    <row r="261736" spans="14:14">
      <c r="N261736" s="10"/>
    </row>
    <row r="261737" spans="14:14">
      <c r="N261737" s="10"/>
    </row>
    <row r="261738" spans="14:14">
      <c r="N261738" s="10"/>
    </row>
    <row r="261739" spans="14:14">
      <c r="N261739" s="10"/>
    </row>
    <row r="261740" spans="14:14">
      <c r="N261740" s="10"/>
    </row>
    <row r="261741" spans="14:14">
      <c r="N261741" s="10"/>
    </row>
    <row r="261742" spans="14:14">
      <c r="N261742" s="10"/>
    </row>
    <row r="261743" spans="14:14">
      <c r="N261743" s="10"/>
    </row>
    <row r="261744" spans="14:14">
      <c r="N261744" s="10"/>
    </row>
    <row r="261745" spans="14:14">
      <c r="N261745" s="10"/>
    </row>
    <row r="261746" spans="14:14">
      <c r="N261746" s="10"/>
    </row>
    <row r="261747" spans="14:14">
      <c r="N261747" s="10"/>
    </row>
    <row r="261748" spans="14:14">
      <c r="N261748" s="10"/>
    </row>
    <row r="261749" spans="14:14">
      <c r="N261749" s="10"/>
    </row>
    <row r="261750" spans="14:14">
      <c r="N261750" s="10"/>
    </row>
    <row r="261751" spans="14:14">
      <c r="N261751" s="10"/>
    </row>
    <row r="261752" spans="14:14">
      <c r="N261752" s="10"/>
    </row>
    <row r="261753" spans="14:14">
      <c r="N261753" s="10"/>
    </row>
    <row r="261754" spans="14:14">
      <c r="N261754" s="10"/>
    </row>
    <row r="261755" spans="14:14">
      <c r="N261755" s="10"/>
    </row>
    <row r="261756" spans="14:14">
      <c r="N261756" s="10"/>
    </row>
    <row r="261757" spans="14:14">
      <c r="N261757" s="10"/>
    </row>
    <row r="261758" spans="14:14">
      <c r="N261758" s="10"/>
    </row>
    <row r="261759" spans="14:14">
      <c r="N261759" s="10"/>
    </row>
    <row r="261760" spans="14:14">
      <c r="N261760" s="10"/>
    </row>
    <row r="261761" spans="14:14">
      <c r="N261761" s="10"/>
    </row>
    <row r="261762" spans="14:14">
      <c r="N261762" s="10"/>
    </row>
    <row r="261763" spans="14:14">
      <c r="N261763" s="10"/>
    </row>
    <row r="261764" spans="14:14">
      <c r="N261764" s="10"/>
    </row>
    <row r="261765" spans="14:14">
      <c r="N261765" s="10"/>
    </row>
    <row r="261766" spans="14:14">
      <c r="N261766" s="10"/>
    </row>
    <row r="261767" spans="14:14">
      <c r="N261767" s="10"/>
    </row>
    <row r="261768" spans="14:14">
      <c r="N261768" s="10"/>
    </row>
    <row r="261769" spans="14:14">
      <c r="N261769" s="10"/>
    </row>
    <row r="261770" spans="14:14">
      <c r="N261770" s="10"/>
    </row>
    <row r="261771" spans="14:14">
      <c r="N261771" s="10"/>
    </row>
    <row r="261772" spans="14:14">
      <c r="N261772" s="10"/>
    </row>
    <row r="261773" spans="14:14">
      <c r="N261773" s="10"/>
    </row>
    <row r="261774" spans="14:14">
      <c r="N261774" s="10"/>
    </row>
    <row r="261775" spans="14:14">
      <c r="N261775" s="10"/>
    </row>
    <row r="261776" spans="14:14">
      <c r="N261776" s="10"/>
    </row>
    <row r="261777" spans="14:14">
      <c r="N261777" s="10"/>
    </row>
    <row r="261778" spans="14:14">
      <c r="N261778" s="10"/>
    </row>
    <row r="261779" spans="14:14">
      <c r="N261779" s="10"/>
    </row>
    <row r="261780" spans="14:14">
      <c r="N261780" s="10"/>
    </row>
    <row r="261781" spans="14:14">
      <c r="N261781" s="10"/>
    </row>
    <row r="261782" spans="14:14">
      <c r="N261782" s="10"/>
    </row>
    <row r="261783" spans="14:14">
      <c r="N261783" s="10"/>
    </row>
    <row r="261784" spans="14:14">
      <c r="N261784" s="10"/>
    </row>
    <row r="261785" spans="14:14">
      <c r="N261785" s="10"/>
    </row>
    <row r="261786" spans="14:14">
      <c r="N261786" s="10"/>
    </row>
    <row r="261787" spans="14:14">
      <c r="N261787" s="10"/>
    </row>
    <row r="261788" spans="14:14">
      <c r="N261788" s="10"/>
    </row>
    <row r="261789" spans="14:14">
      <c r="N261789" s="10"/>
    </row>
    <row r="261790" spans="14:14">
      <c r="N261790" s="10"/>
    </row>
    <row r="261791" spans="14:14">
      <c r="N261791" s="10"/>
    </row>
    <row r="261792" spans="14:14">
      <c r="N261792" s="10"/>
    </row>
    <row r="261793" spans="14:14">
      <c r="N261793" s="10"/>
    </row>
    <row r="261794" spans="14:14">
      <c r="N261794" s="10"/>
    </row>
    <row r="261795" spans="14:14">
      <c r="N261795" s="10"/>
    </row>
    <row r="261796" spans="14:14">
      <c r="N261796" s="10"/>
    </row>
    <row r="261797" spans="14:14">
      <c r="N261797" s="10"/>
    </row>
    <row r="261798" spans="14:14">
      <c r="N261798" s="10"/>
    </row>
    <row r="261799" spans="14:14">
      <c r="N261799" s="10"/>
    </row>
    <row r="261800" spans="14:14">
      <c r="N261800" s="10"/>
    </row>
    <row r="261801" spans="14:14">
      <c r="N261801" s="10"/>
    </row>
    <row r="261802" spans="14:14">
      <c r="N261802" s="10"/>
    </row>
    <row r="261803" spans="14:14">
      <c r="N261803" s="10"/>
    </row>
    <row r="261804" spans="14:14">
      <c r="N261804" s="10"/>
    </row>
    <row r="261805" spans="14:14">
      <c r="N261805" s="10"/>
    </row>
    <row r="261806" spans="14:14">
      <c r="N261806" s="10"/>
    </row>
    <row r="261807" spans="14:14">
      <c r="N261807" s="10"/>
    </row>
    <row r="261808" spans="14:14">
      <c r="N261808" s="10"/>
    </row>
    <row r="261809" spans="14:14">
      <c r="N261809" s="10"/>
    </row>
    <row r="261810" spans="14:14">
      <c r="N261810" s="10"/>
    </row>
    <row r="261811" spans="14:14">
      <c r="N261811" s="10"/>
    </row>
    <row r="261812" spans="14:14">
      <c r="N261812" s="10"/>
    </row>
    <row r="261813" spans="14:14">
      <c r="N261813" s="10"/>
    </row>
    <row r="261814" spans="14:14">
      <c r="N261814" s="10"/>
    </row>
    <row r="261815" spans="14:14">
      <c r="N261815" s="10"/>
    </row>
    <row r="261816" spans="14:14">
      <c r="N261816" s="10"/>
    </row>
    <row r="261817" spans="14:14">
      <c r="N261817" s="10"/>
    </row>
    <row r="261818" spans="14:14">
      <c r="N261818" s="10"/>
    </row>
    <row r="261819" spans="14:14">
      <c r="N261819" s="10"/>
    </row>
    <row r="261820" spans="14:14">
      <c r="N261820" s="10"/>
    </row>
    <row r="261821" spans="14:14">
      <c r="N261821" s="10"/>
    </row>
    <row r="261822" spans="14:14">
      <c r="N261822" s="10"/>
    </row>
    <row r="261823" spans="14:14">
      <c r="N261823" s="10"/>
    </row>
    <row r="261824" spans="14:14">
      <c r="N261824" s="10"/>
    </row>
    <row r="261825" spans="14:14">
      <c r="N261825" s="10"/>
    </row>
    <row r="261826" spans="14:14">
      <c r="N261826" s="10"/>
    </row>
    <row r="261827" spans="14:14">
      <c r="N261827" s="10"/>
    </row>
    <row r="261828" spans="14:14">
      <c r="N261828" s="10"/>
    </row>
    <row r="261829" spans="14:14">
      <c r="N261829" s="10"/>
    </row>
    <row r="261830" spans="14:14">
      <c r="N261830" s="10"/>
    </row>
    <row r="261831" spans="14:14">
      <c r="N261831" s="10"/>
    </row>
    <row r="261832" spans="14:14">
      <c r="N261832" s="10"/>
    </row>
    <row r="261833" spans="14:14">
      <c r="N261833" s="10"/>
    </row>
    <row r="261834" spans="14:14">
      <c r="N261834" s="10"/>
    </row>
    <row r="261835" spans="14:14">
      <c r="N261835" s="10"/>
    </row>
    <row r="261836" spans="14:14">
      <c r="N261836" s="10"/>
    </row>
    <row r="261837" spans="14:14">
      <c r="N261837" s="10"/>
    </row>
    <row r="261838" spans="14:14">
      <c r="N261838" s="10"/>
    </row>
    <row r="261839" spans="14:14">
      <c r="N261839" s="10"/>
    </row>
    <row r="261840" spans="14:14">
      <c r="N261840" s="10"/>
    </row>
    <row r="261841" spans="14:14">
      <c r="N261841" s="10"/>
    </row>
    <row r="261842" spans="14:14">
      <c r="N261842" s="10"/>
    </row>
    <row r="261843" spans="14:14">
      <c r="N261843" s="10"/>
    </row>
    <row r="261844" spans="14:14">
      <c r="N261844" s="10"/>
    </row>
    <row r="261845" spans="14:14">
      <c r="N261845" s="10"/>
    </row>
    <row r="261846" spans="14:14">
      <c r="N261846" s="10"/>
    </row>
    <row r="261847" spans="14:14">
      <c r="N261847" s="10"/>
    </row>
    <row r="261848" spans="14:14">
      <c r="N261848" s="10"/>
    </row>
    <row r="261849" spans="14:14">
      <c r="N261849" s="10"/>
    </row>
    <row r="261850" spans="14:14">
      <c r="N261850" s="10"/>
    </row>
    <row r="261851" spans="14:14">
      <c r="N261851" s="10"/>
    </row>
    <row r="261852" spans="14:14">
      <c r="N261852" s="10"/>
    </row>
    <row r="261853" spans="14:14">
      <c r="N261853" s="10"/>
    </row>
    <row r="261854" spans="14:14">
      <c r="N261854" s="10"/>
    </row>
    <row r="261855" spans="14:14">
      <c r="N261855" s="10"/>
    </row>
    <row r="261856" spans="14:14">
      <c r="N261856" s="10"/>
    </row>
    <row r="261857" spans="14:14">
      <c r="N261857" s="10"/>
    </row>
    <row r="261858" spans="14:14">
      <c r="N261858" s="10"/>
    </row>
    <row r="261859" spans="14:14">
      <c r="N261859" s="10"/>
    </row>
    <row r="261860" spans="14:14">
      <c r="N261860" s="10"/>
    </row>
    <row r="261861" spans="14:14">
      <c r="N261861" s="10"/>
    </row>
    <row r="261862" spans="14:14">
      <c r="N261862" s="10"/>
    </row>
    <row r="261863" spans="14:14">
      <c r="N261863" s="10"/>
    </row>
    <row r="261864" spans="14:14">
      <c r="N261864" s="10"/>
    </row>
    <row r="261865" spans="14:14">
      <c r="N261865" s="10"/>
    </row>
    <row r="261866" spans="14:14">
      <c r="N261866" s="10"/>
    </row>
    <row r="261867" spans="14:14">
      <c r="N261867" s="10"/>
    </row>
    <row r="261868" spans="14:14">
      <c r="N261868" s="10"/>
    </row>
    <row r="261869" spans="14:14">
      <c r="N261869" s="10"/>
    </row>
    <row r="261870" spans="14:14">
      <c r="N261870" s="10"/>
    </row>
    <row r="261871" spans="14:14">
      <c r="N261871" s="10"/>
    </row>
    <row r="261872" spans="14:14">
      <c r="N261872" s="10"/>
    </row>
    <row r="261873" spans="14:14">
      <c r="N261873" s="10"/>
    </row>
    <row r="261874" spans="14:14">
      <c r="N261874" s="10"/>
    </row>
    <row r="261875" spans="14:14">
      <c r="N261875" s="10"/>
    </row>
    <row r="261876" spans="14:14">
      <c r="N261876" s="10"/>
    </row>
    <row r="261877" spans="14:14">
      <c r="N261877" s="10"/>
    </row>
    <row r="261878" spans="14:14">
      <c r="N261878" s="10"/>
    </row>
    <row r="261879" spans="14:14">
      <c r="N261879" s="10"/>
    </row>
    <row r="261880" spans="14:14">
      <c r="N261880" s="10"/>
    </row>
    <row r="261881" spans="14:14">
      <c r="N261881" s="10"/>
    </row>
    <row r="261882" spans="14:14">
      <c r="N261882" s="10"/>
    </row>
    <row r="261883" spans="14:14">
      <c r="N261883" s="10"/>
    </row>
    <row r="261884" spans="14:14">
      <c r="N261884" s="10"/>
    </row>
    <row r="261885" spans="14:14">
      <c r="N261885" s="10"/>
    </row>
    <row r="261886" spans="14:14">
      <c r="N261886" s="10"/>
    </row>
    <row r="261887" spans="14:14">
      <c r="N261887" s="10"/>
    </row>
    <row r="261888" spans="14:14">
      <c r="N261888" s="10"/>
    </row>
    <row r="261889" spans="14:14">
      <c r="N261889" s="10"/>
    </row>
    <row r="261890" spans="14:14">
      <c r="N261890" s="10"/>
    </row>
    <row r="261891" spans="14:14">
      <c r="N261891" s="10"/>
    </row>
    <row r="261892" spans="14:14">
      <c r="N261892" s="10"/>
    </row>
    <row r="261893" spans="14:14">
      <c r="N261893" s="10"/>
    </row>
    <row r="261894" spans="14:14">
      <c r="N261894" s="10"/>
    </row>
    <row r="261895" spans="14:14">
      <c r="N261895" s="10"/>
    </row>
    <row r="261896" spans="14:14">
      <c r="N261896" s="10"/>
    </row>
    <row r="261897" spans="14:14">
      <c r="N261897" s="10"/>
    </row>
    <row r="261898" spans="14:14">
      <c r="N261898" s="10"/>
    </row>
    <row r="261899" spans="14:14">
      <c r="N261899" s="10"/>
    </row>
    <row r="261900" spans="14:14">
      <c r="N261900" s="10"/>
    </row>
    <row r="261901" spans="14:14">
      <c r="N261901" s="10"/>
    </row>
    <row r="261902" spans="14:14">
      <c r="N261902" s="10"/>
    </row>
    <row r="261903" spans="14:14">
      <c r="N261903" s="10"/>
    </row>
    <row r="261904" spans="14:14">
      <c r="N261904" s="10"/>
    </row>
    <row r="261905" spans="14:14">
      <c r="N261905" s="10"/>
    </row>
    <row r="261906" spans="14:14">
      <c r="N261906" s="10"/>
    </row>
    <row r="261907" spans="14:14">
      <c r="N261907" s="10"/>
    </row>
    <row r="261908" spans="14:14">
      <c r="N261908" s="10"/>
    </row>
    <row r="261909" spans="14:14">
      <c r="N261909" s="10"/>
    </row>
    <row r="261910" spans="14:14">
      <c r="N261910" s="10"/>
    </row>
    <row r="261911" spans="14:14">
      <c r="N261911" s="10"/>
    </row>
    <row r="261912" spans="14:14">
      <c r="N261912" s="10"/>
    </row>
    <row r="261913" spans="14:14">
      <c r="N261913" s="10"/>
    </row>
    <row r="261914" spans="14:14">
      <c r="N261914" s="10"/>
    </row>
    <row r="261915" spans="14:14">
      <c r="N261915" s="10"/>
    </row>
    <row r="261916" spans="14:14">
      <c r="N261916" s="10"/>
    </row>
    <row r="261917" spans="14:14">
      <c r="N261917" s="10"/>
    </row>
    <row r="261918" spans="14:14">
      <c r="N261918" s="10"/>
    </row>
    <row r="261919" spans="14:14">
      <c r="N261919" s="10"/>
    </row>
    <row r="261920" spans="14:14">
      <c r="N261920" s="10"/>
    </row>
    <row r="261921" spans="14:14">
      <c r="N261921" s="10"/>
    </row>
    <row r="261922" spans="14:14">
      <c r="N261922" s="10"/>
    </row>
    <row r="261923" spans="14:14">
      <c r="N261923" s="10"/>
    </row>
    <row r="261924" spans="14:14">
      <c r="N261924" s="10"/>
    </row>
    <row r="261925" spans="14:14">
      <c r="N261925" s="10"/>
    </row>
    <row r="261926" spans="14:14">
      <c r="N261926" s="10"/>
    </row>
    <row r="261927" spans="14:14">
      <c r="N261927" s="10"/>
    </row>
    <row r="261928" spans="14:14">
      <c r="N261928" s="10"/>
    </row>
    <row r="261929" spans="14:14">
      <c r="N261929" s="10"/>
    </row>
    <row r="261930" spans="14:14">
      <c r="N261930" s="10"/>
    </row>
    <row r="261931" spans="14:14">
      <c r="N261931" s="10"/>
    </row>
    <row r="261932" spans="14:14">
      <c r="N261932" s="10"/>
    </row>
    <row r="261933" spans="14:14">
      <c r="N261933" s="10"/>
    </row>
    <row r="261934" spans="14:14">
      <c r="N261934" s="10"/>
    </row>
    <row r="261935" spans="14:14">
      <c r="N261935" s="10"/>
    </row>
    <row r="261936" spans="14:14">
      <c r="N261936" s="10"/>
    </row>
    <row r="261937" spans="14:14">
      <c r="N261937" s="10"/>
    </row>
    <row r="261938" spans="14:14">
      <c r="N261938" s="10"/>
    </row>
    <row r="261939" spans="14:14">
      <c r="N261939" s="10"/>
    </row>
    <row r="261940" spans="14:14">
      <c r="N261940" s="10"/>
    </row>
    <row r="261941" spans="14:14">
      <c r="N261941" s="10"/>
    </row>
    <row r="261942" spans="14:14">
      <c r="N261942" s="10"/>
    </row>
    <row r="261943" spans="14:14">
      <c r="N261943" s="10"/>
    </row>
    <row r="261944" spans="14:14">
      <c r="N261944" s="10"/>
    </row>
    <row r="261945" spans="14:14">
      <c r="N261945" s="10"/>
    </row>
    <row r="261946" spans="14:14">
      <c r="N261946" s="10"/>
    </row>
    <row r="261947" spans="14:14">
      <c r="N261947" s="10"/>
    </row>
    <row r="261948" spans="14:14">
      <c r="N261948" s="10"/>
    </row>
    <row r="261949" spans="14:14">
      <c r="N261949" s="10"/>
    </row>
    <row r="261950" spans="14:14">
      <c r="N261950" s="10"/>
    </row>
    <row r="261951" spans="14:14">
      <c r="N261951" s="10"/>
    </row>
    <row r="261952" spans="14:14">
      <c r="N261952" s="10"/>
    </row>
    <row r="261953" spans="14:14">
      <c r="N261953" s="10"/>
    </row>
    <row r="261954" spans="14:14">
      <c r="N261954" s="10"/>
    </row>
    <row r="261955" spans="14:14">
      <c r="N261955" s="10"/>
    </row>
    <row r="261956" spans="14:14">
      <c r="N261956" s="10"/>
    </row>
    <row r="261957" spans="14:14">
      <c r="N261957" s="10"/>
    </row>
    <row r="261958" spans="14:14">
      <c r="N261958" s="10"/>
    </row>
    <row r="261959" spans="14:14">
      <c r="N261959" s="10"/>
    </row>
    <row r="261960" spans="14:14">
      <c r="N261960" s="10"/>
    </row>
    <row r="261961" spans="14:14">
      <c r="N261961" s="10"/>
    </row>
    <row r="261962" spans="14:14">
      <c r="N261962" s="10"/>
    </row>
    <row r="261963" spans="14:14">
      <c r="N261963" s="10"/>
    </row>
    <row r="261964" spans="14:14">
      <c r="N261964" s="10"/>
    </row>
    <row r="261965" spans="14:14">
      <c r="N261965" s="10"/>
    </row>
    <row r="261966" spans="14:14">
      <c r="N261966" s="10"/>
    </row>
    <row r="261967" spans="14:14">
      <c r="N261967" s="10"/>
    </row>
    <row r="261968" spans="14:14">
      <c r="N261968" s="10"/>
    </row>
    <row r="261969" spans="14:14">
      <c r="N261969" s="10"/>
    </row>
    <row r="261970" spans="14:14">
      <c r="N261970" s="10"/>
    </row>
    <row r="261971" spans="14:14">
      <c r="N261971" s="10"/>
    </row>
    <row r="261972" spans="14:14">
      <c r="N261972" s="10"/>
    </row>
    <row r="261973" spans="14:14">
      <c r="N261973" s="10"/>
    </row>
    <row r="261974" spans="14:14">
      <c r="N261974" s="10"/>
    </row>
    <row r="261975" spans="14:14">
      <c r="N261975" s="10"/>
    </row>
    <row r="261976" spans="14:14">
      <c r="N261976" s="10"/>
    </row>
    <row r="261977" spans="14:14">
      <c r="N261977" s="10"/>
    </row>
    <row r="261978" spans="14:14">
      <c r="N261978" s="10"/>
    </row>
    <row r="261979" spans="14:14">
      <c r="N261979" s="10"/>
    </row>
    <row r="261980" spans="14:14">
      <c r="N261980" s="10"/>
    </row>
    <row r="261981" spans="14:14">
      <c r="N261981" s="10"/>
    </row>
    <row r="261982" spans="14:14">
      <c r="N261982" s="10"/>
    </row>
    <row r="261983" spans="14:14">
      <c r="N261983" s="10"/>
    </row>
    <row r="261984" spans="14:14">
      <c r="N261984" s="10"/>
    </row>
    <row r="261985" spans="14:14">
      <c r="N261985" s="10"/>
    </row>
    <row r="261986" spans="14:14">
      <c r="N261986" s="10"/>
    </row>
    <row r="261987" spans="14:14">
      <c r="N261987" s="10"/>
    </row>
    <row r="261988" spans="14:14">
      <c r="N261988" s="10"/>
    </row>
    <row r="261989" spans="14:14">
      <c r="N261989" s="10"/>
    </row>
    <row r="261990" spans="14:14">
      <c r="N261990" s="10"/>
    </row>
    <row r="261991" spans="14:14">
      <c r="N261991" s="10"/>
    </row>
    <row r="261992" spans="14:14">
      <c r="N261992" s="10"/>
    </row>
    <row r="261993" spans="14:14">
      <c r="N261993" s="10"/>
    </row>
    <row r="261994" spans="14:14">
      <c r="N261994" s="10"/>
    </row>
    <row r="261995" spans="14:14">
      <c r="N261995" s="10"/>
    </row>
    <row r="261996" spans="14:14">
      <c r="N261996" s="10"/>
    </row>
    <row r="261997" spans="14:14">
      <c r="N261997" s="10"/>
    </row>
    <row r="261998" spans="14:14">
      <c r="N261998" s="10"/>
    </row>
    <row r="261999" spans="14:14">
      <c r="N261999" s="10"/>
    </row>
    <row r="262000" spans="14:14">
      <c r="N262000" s="10"/>
    </row>
    <row r="262001" spans="14:14">
      <c r="N262001" s="10"/>
    </row>
    <row r="262002" spans="14:14">
      <c r="N262002" s="10"/>
    </row>
    <row r="262003" spans="14:14">
      <c r="N262003" s="10"/>
    </row>
    <row r="262004" spans="14:14">
      <c r="N262004" s="10"/>
    </row>
    <row r="262005" spans="14:14">
      <c r="N262005" s="10"/>
    </row>
    <row r="262006" spans="14:14">
      <c r="N262006" s="10"/>
    </row>
    <row r="262007" spans="14:14">
      <c r="N262007" s="10"/>
    </row>
    <row r="262008" spans="14:14">
      <c r="N262008" s="10"/>
    </row>
    <row r="262009" spans="14:14">
      <c r="N262009" s="10"/>
    </row>
    <row r="262010" spans="14:14">
      <c r="N262010" s="10"/>
    </row>
    <row r="262011" spans="14:14">
      <c r="N262011" s="10"/>
    </row>
    <row r="262012" spans="14:14">
      <c r="N262012" s="10"/>
    </row>
    <row r="262013" spans="14:14">
      <c r="N262013" s="10"/>
    </row>
    <row r="262014" spans="14:14">
      <c r="N262014" s="10"/>
    </row>
    <row r="262015" spans="14:14">
      <c r="N262015" s="10"/>
    </row>
    <row r="262016" spans="14:14">
      <c r="N262016" s="10"/>
    </row>
    <row r="262017" spans="14:14">
      <c r="N262017" s="10"/>
    </row>
    <row r="262018" spans="14:14">
      <c r="N262018" s="10"/>
    </row>
    <row r="262019" spans="14:14">
      <c r="N262019" s="10"/>
    </row>
    <row r="262020" spans="14:14">
      <c r="N262020" s="10"/>
    </row>
    <row r="262021" spans="14:14">
      <c r="N262021" s="10"/>
    </row>
    <row r="262022" spans="14:14">
      <c r="N262022" s="10"/>
    </row>
    <row r="262023" spans="14:14">
      <c r="N262023" s="10"/>
    </row>
    <row r="262024" spans="14:14">
      <c r="N262024" s="10"/>
    </row>
    <row r="262025" spans="14:14">
      <c r="N262025" s="10"/>
    </row>
    <row r="262026" spans="14:14">
      <c r="N262026" s="10"/>
    </row>
    <row r="262027" spans="14:14">
      <c r="N262027" s="10"/>
    </row>
    <row r="262028" spans="14:14">
      <c r="N262028" s="10"/>
    </row>
    <row r="262029" spans="14:14">
      <c r="N262029" s="10"/>
    </row>
    <row r="262030" spans="14:14">
      <c r="N262030" s="10"/>
    </row>
    <row r="262031" spans="14:14">
      <c r="N262031" s="10"/>
    </row>
    <row r="262032" spans="14:14">
      <c r="N262032" s="10"/>
    </row>
    <row r="262033" spans="14:14">
      <c r="N262033" s="10"/>
    </row>
    <row r="262034" spans="14:14">
      <c r="N262034" s="10"/>
    </row>
    <row r="262035" spans="14:14">
      <c r="N262035" s="10"/>
    </row>
    <row r="262036" spans="14:14">
      <c r="N262036" s="10"/>
    </row>
    <row r="262037" spans="14:14">
      <c r="N262037" s="10"/>
    </row>
    <row r="262038" spans="14:14">
      <c r="N262038" s="10"/>
    </row>
    <row r="262039" spans="14:14">
      <c r="N262039" s="10"/>
    </row>
    <row r="262040" spans="14:14">
      <c r="N262040" s="10"/>
    </row>
    <row r="262041" spans="14:14">
      <c r="N262041" s="10"/>
    </row>
    <row r="262042" spans="14:14">
      <c r="N262042" s="10"/>
    </row>
    <row r="262043" spans="14:14">
      <c r="N262043" s="10"/>
    </row>
    <row r="262044" spans="14:14">
      <c r="N262044" s="10"/>
    </row>
    <row r="262045" spans="14:14">
      <c r="N262045" s="10"/>
    </row>
    <row r="262046" spans="14:14">
      <c r="N262046" s="10"/>
    </row>
    <row r="262047" spans="14:14">
      <c r="N262047" s="10"/>
    </row>
    <row r="262048" spans="14:14">
      <c r="N262048" s="10"/>
    </row>
    <row r="262049" spans="14:14">
      <c r="N262049" s="10"/>
    </row>
    <row r="262050" spans="14:14">
      <c r="N262050" s="10"/>
    </row>
    <row r="262051" spans="14:14">
      <c r="N262051" s="10"/>
    </row>
    <row r="262052" spans="14:14">
      <c r="N262052" s="10"/>
    </row>
    <row r="262053" spans="14:14">
      <c r="N262053" s="10"/>
    </row>
    <row r="262054" spans="14:14">
      <c r="N262054" s="10"/>
    </row>
    <row r="262055" spans="14:14">
      <c r="N262055" s="10"/>
    </row>
    <row r="262056" spans="14:14">
      <c r="N262056" s="10"/>
    </row>
    <row r="262057" spans="14:14">
      <c r="N262057" s="10"/>
    </row>
    <row r="262058" spans="14:14">
      <c r="N262058" s="10"/>
    </row>
    <row r="262059" spans="14:14">
      <c r="N262059" s="10"/>
    </row>
    <row r="262060" spans="14:14">
      <c r="N262060" s="10"/>
    </row>
    <row r="262061" spans="14:14">
      <c r="N262061" s="10"/>
    </row>
    <row r="262062" spans="14:14">
      <c r="N262062" s="10"/>
    </row>
    <row r="262063" spans="14:14">
      <c r="N262063" s="10"/>
    </row>
    <row r="262064" spans="14:14">
      <c r="N262064" s="10"/>
    </row>
    <row r="262065" spans="14:14">
      <c r="N262065" s="10"/>
    </row>
    <row r="262066" spans="14:14">
      <c r="N262066" s="10"/>
    </row>
    <row r="262067" spans="14:14">
      <c r="N262067" s="10"/>
    </row>
    <row r="262068" spans="14:14">
      <c r="N262068" s="10"/>
    </row>
    <row r="262069" spans="14:14">
      <c r="N262069" s="10"/>
    </row>
    <row r="262070" spans="14:14">
      <c r="N262070" s="10"/>
    </row>
    <row r="262071" spans="14:14">
      <c r="N262071" s="10"/>
    </row>
    <row r="262072" spans="14:14">
      <c r="N262072" s="10"/>
    </row>
    <row r="262073" spans="14:14">
      <c r="N262073" s="10"/>
    </row>
    <row r="262074" spans="14:14">
      <c r="N262074" s="10"/>
    </row>
    <row r="262075" spans="14:14">
      <c r="N262075" s="10"/>
    </row>
    <row r="262076" spans="14:14">
      <c r="N262076" s="10"/>
    </row>
    <row r="262077" spans="14:14">
      <c r="N262077" s="10"/>
    </row>
    <row r="262078" spans="14:14">
      <c r="N262078" s="10"/>
    </row>
    <row r="262079" spans="14:14">
      <c r="N262079" s="10"/>
    </row>
    <row r="262080" spans="14:14">
      <c r="N262080" s="10"/>
    </row>
    <row r="262081" spans="14:14">
      <c r="N262081" s="10"/>
    </row>
    <row r="262082" spans="14:14">
      <c r="N262082" s="10"/>
    </row>
    <row r="262083" spans="14:14">
      <c r="N262083" s="10"/>
    </row>
    <row r="262084" spans="14:14">
      <c r="N262084" s="10"/>
    </row>
    <row r="262085" spans="14:14">
      <c r="N262085" s="10"/>
    </row>
    <row r="262086" spans="14:14">
      <c r="N262086" s="10"/>
    </row>
    <row r="262087" spans="14:14">
      <c r="N262087" s="10"/>
    </row>
    <row r="262088" spans="14:14">
      <c r="N262088" s="10"/>
    </row>
    <row r="262089" spans="14:14">
      <c r="N262089" s="10"/>
    </row>
    <row r="262090" spans="14:14">
      <c r="N262090" s="10"/>
    </row>
    <row r="262091" spans="14:14">
      <c r="N262091" s="10"/>
    </row>
    <row r="262092" spans="14:14">
      <c r="N262092" s="10"/>
    </row>
    <row r="262093" spans="14:14">
      <c r="N262093" s="10"/>
    </row>
    <row r="262094" spans="14:14">
      <c r="N262094" s="10"/>
    </row>
    <row r="262095" spans="14:14">
      <c r="N262095" s="10"/>
    </row>
    <row r="262096" spans="14:14">
      <c r="N262096" s="10"/>
    </row>
    <row r="262097" spans="14:14">
      <c r="N262097" s="10"/>
    </row>
    <row r="262098" spans="14:14">
      <c r="N262098" s="10"/>
    </row>
    <row r="262099" spans="14:14">
      <c r="N262099" s="10"/>
    </row>
    <row r="262100" spans="14:14">
      <c r="N262100" s="10"/>
    </row>
    <row r="262101" spans="14:14">
      <c r="N262101" s="10"/>
    </row>
    <row r="262102" spans="14:14">
      <c r="N262102" s="10"/>
    </row>
    <row r="262103" spans="14:14">
      <c r="N262103" s="10"/>
    </row>
    <row r="262104" spans="14:14">
      <c r="N262104" s="10"/>
    </row>
    <row r="262105" spans="14:14">
      <c r="N262105" s="10"/>
    </row>
    <row r="262106" spans="14:14">
      <c r="N262106" s="10"/>
    </row>
    <row r="262107" spans="14:14">
      <c r="N262107" s="10"/>
    </row>
    <row r="262108" spans="14:14">
      <c r="N262108" s="10"/>
    </row>
    <row r="262109" spans="14:14">
      <c r="N262109" s="10"/>
    </row>
    <row r="262110" spans="14:14">
      <c r="N262110" s="10"/>
    </row>
    <row r="262111" spans="14:14">
      <c r="N262111" s="10"/>
    </row>
    <row r="262112" spans="14:14">
      <c r="N262112" s="10"/>
    </row>
    <row r="262113" spans="14:14">
      <c r="N262113" s="10"/>
    </row>
    <row r="262114" spans="14:14">
      <c r="N262114" s="10"/>
    </row>
    <row r="262115" spans="14:14">
      <c r="N262115" s="10"/>
    </row>
    <row r="262116" spans="14:14">
      <c r="N262116" s="10"/>
    </row>
    <row r="262117" spans="14:14">
      <c r="N262117" s="10"/>
    </row>
    <row r="262118" spans="14:14">
      <c r="N262118" s="10"/>
    </row>
    <row r="262119" spans="14:14">
      <c r="N262119" s="10"/>
    </row>
    <row r="262120" spans="14:14">
      <c r="N262120" s="10"/>
    </row>
    <row r="262121" spans="14:14">
      <c r="N262121" s="10"/>
    </row>
    <row r="262122" spans="14:14">
      <c r="N262122" s="10"/>
    </row>
    <row r="262123" spans="14:14">
      <c r="N262123" s="10"/>
    </row>
    <row r="262124" spans="14:14">
      <c r="N262124" s="10"/>
    </row>
    <row r="262125" spans="14:14">
      <c r="N262125" s="10"/>
    </row>
    <row r="262126" spans="14:14">
      <c r="N262126" s="10"/>
    </row>
    <row r="262127" spans="14:14">
      <c r="N262127" s="10"/>
    </row>
    <row r="262128" spans="14:14">
      <c r="N262128" s="10"/>
    </row>
    <row r="262129" spans="14:14">
      <c r="N262129" s="10"/>
    </row>
    <row r="262130" spans="14:14">
      <c r="N262130" s="10"/>
    </row>
    <row r="262131" spans="14:14">
      <c r="N262131" s="10"/>
    </row>
    <row r="262132" spans="14:14">
      <c r="N262132" s="10"/>
    </row>
    <row r="262133" spans="14:14">
      <c r="N262133" s="10"/>
    </row>
    <row r="262134" spans="14:14">
      <c r="N262134" s="10"/>
    </row>
    <row r="262135" spans="14:14">
      <c r="N262135" s="10"/>
    </row>
    <row r="262136" spans="14:14">
      <c r="N262136" s="10"/>
    </row>
    <row r="262137" spans="14:14">
      <c r="N262137" s="10"/>
    </row>
    <row r="262138" spans="14:14">
      <c r="N262138" s="10"/>
    </row>
    <row r="262139" spans="14:14">
      <c r="N262139" s="10"/>
    </row>
    <row r="262140" spans="14:14">
      <c r="N262140" s="10"/>
    </row>
    <row r="262141" spans="14:14">
      <c r="N262141" s="10"/>
    </row>
    <row r="262142" spans="14:14">
      <c r="N262142" s="10"/>
    </row>
    <row r="262143" spans="14:14">
      <c r="N262143" s="10"/>
    </row>
    <row r="262144" spans="14:14">
      <c r="N262144" s="10"/>
    </row>
    <row r="262145" spans="14:14">
      <c r="N262145" s="10"/>
    </row>
    <row r="262146" spans="14:14">
      <c r="N262146" s="10"/>
    </row>
    <row r="262147" spans="14:14">
      <c r="N262147" s="10"/>
    </row>
    <row r="262148" spans="14:14">
      <c r="N262148" s="10"/>
    </row>
    <row r="262149" spans="14:14">
      <c r="N262149" s="10"/>
    </row>
    <row r="262150" spans="14:14">
      <c r="N262150" s="10"/>
    </row>
    <row r="262151" spans="14:14">
      <c r="N262151" s="10"/>
    </row>
    <row r="262152" spans="14:14">
      <c r="N262152" s="10"/>
    </row>
    <row r="262153" spans="14:14">
      <c r="N262153" s="10"/>
    </row>
    <row r="262154" spans="14:14">
      <c r="N262154" s="10"/>
    </row>
    <row r="262155" spans="14:14">
      <c r="N262155" s="10"/>
    </row>
    <row r="262156" spans="14:14">
      <c r="N262156" s="10"/>
    </row>
    <row r="262157" spans="14:14">
      <c r="N262157" s="10"/>
    </row>
    <row r="262158" spans="14:14">
      <c r="N262158" s="10"/>
    </row>
    <row r="262159" spans="14:14">
      <c r="N262159" s="10"/>
    </row>
    <row r="262160" spans="14:14">
      <c r="N262160" s="10"/>
    </row>
    <row r="262161" spans="14:14">
      <c r="N262161" s="10"/>
    </row>
    <row r="262162" spans="14:14">
      <c r="N262162" s="10"/>
    </row>
    <row r="262163" spans="14:14">
      <c r="N262163" s="10"/>
    </row>
    <row r="262164" spans="14:14">
      <c r="N262164" s="10"/>
    </row>
    <row r="262165" spans="14:14">
      <c r="N262165" s="10"/>
    </row>
    <row r="262166" spans="14:14">
      <c r="N262166" s="10"/>
    </row>
    <row r="262167" spans="14:14">
      <c r="N262167" s="10"/>
    </row>
    <row r="262168" spans="14:14">
      <c r="N262168" s="10"/>
    </row>
    <row r="262169" spans="14:14">
      <c r="N262169" s="10"/>
    </row>
    <row r="262170" spans="14:14">
      <c r="N262170" s="10"/>
    </row>
    <row r="262171" spans="14:14">
      <c r="N262171" s="10"/>
    </row>
    <row r="262172" spans="14:14">
      <c r="N262172" s="10"/>
    </row>
    <row r="262173" spans="14:14">
      <c r="N262173" s="10"/>
    </row>
    <row r="262174" spans="14:14">
      <c r="N262174" s="10"/>
    </row>
    <row r="262175" spans="14:14">
      <c r="N262175" s="10"/>
    </row>
    <row r="262176" spans="14:14">
      <c r="N262176" s="10"/>
    </row>
    <row r="262177" spans="14:14">
      <c r="N262177" s="10"/>
    </row>
    <row r="262178" spans="14:14">
      <c r="N262178" s="10"/>
    </row>
    <row r="262179" spans="14:14">
      <c r="N262179" s="10"/>
    </row>
    <row r="262180" spans="14:14">
      <c r="N262180" s="10"/>
    </row>
    <row r="262181" spans="14:14">
      <c r="N262181" s="10"/>
    </row>
    <row r="262182" spans="14:14">
      <c r="N262182" s="10"/>
    </row>
    <row r="262183" spans="14:14">
      <c r="N262183" s="10"/>
    </row>
    <row r="262184" spans="14:14">
      <c r="N262184" s="10"/>
    </row>
    <row r="262185" spans="14:14">
      <c r="N262185" s="10"/>
    </row>
    <row r="262186" spans="14:14">
      <c r="N262186" s="10"/>
    </row>
    <row r="262187" spans="14:14">
      <c r="N262187" s="10"/>
    </row>
    <row r="262188" spans="14:14">
      <c r="N262188" s="10"/>
    </row>
    <row r="262189" spans="14:14">
      <c r="N262189" s="10"/>
    </row>
    <row r="262190" spans="14:14">
      <c r="N262190" s="10"/>
    </row>
    <row r="262191" spans="14:14">
      <c r="N262191" s="10"/>
    </row>
    <row r="262192" spans="14:14">
      <c r="N262192" s="10"/>
    </row>
    <row r="262193" spans="14:14">
      <c r="N262193" s="10"/>
    </row>
    <row r="262194" spans="14:14">
      <c r="N262194" s="10"/>
    </row>
    <row r="262195" spans="14:14">
      <c r="N262195" s="10"/>
    </row>
    <row r="262196" spans="14:14">
      <c r="N262196" s="10"/>
    </row>
    <row r="262197" spans="14:14">
      <c r="N262197" s="10"/>
    </row>
    <row r="262198" spans="14:14">
      <c r="N262198" s="10"/>
    </row>
    <row r="262199" spans="14:14">
      <c r="N262199" s="10"/>
    </row>
    <row r="262200" spans="14:14">
      <c r="N262200" s="10"/>
    </row>
    <row r="262201" spans="14:14">
      <c r="N262201" s="10"/>
    </row>
    <row r="262202" spans="14:14">
      <c r="N262202" s="10"/>
    </row>
    <row r="262203" spans="14:14">
      <c r="N262203" s="10"/>
    </row>
    <row r="262204" spans="14:14">
      <c r="N262204" s="10"/>
    </row>
    <row r="262205" spans="14:14">
      <c r="N262205" s="10"/>
    </row>
    <row r="262206" spans="14:14">
      <c r="N262206" s="10"/>
    </row>
    <row r="262207" spans="14:14">
      <c r="N262207" s="10"/>
    </row>
    <row r="262208" spans="14:14">
      <c r="N262208" s="10"/>
    </row>
    <row r="262209" spans="14:14">
      <c r="N262209" s="10"/>
    </row>
    <row r="262210" spans="14:14">
      <c r="N262210" s="10"/>
    </row>
    <row r="262211" spans="14:14">
      <c r="N262211" s="10"/>
    </row>
    <row r="262212" spans="14:14">
      <c r="N262212" s="10"/>
    </row>
    <row r="262213" spans="14:14">
      <c r="N262213" s="10"/>
    </row>
    <row r="262214" spans="14:14">
      <c r="N262214" s="10"/>
    </row>
    <row r="262215" spans="14:14">
      <c r="N262215" s="10"/>
    </row>
    <row r="262216" spans="14:14">
      <c r="N262216" s="10"/>
    </row>
    <row r="262217" spans="14:14">
      <c r="N262217" s="10"/>
    </row>
    <row r="262218" spans="14:14">
      <c r="N262218" s="10"/>
    </row>
    <row r="262219" spans="14:14">
      <c r="N262219" s="10"/>
    </row>
    <row r="262220" spans="14:14">
      <c r="N262220" s="10"/>
    </row>
    <row r="262221" spans="14:14">
      <c r="N262221" s="10"/>
    </row>
    <row r="262222" spans="14:14">
      <c r="N262222" s="10"/>
    </row>
    <row r="262223" spans="14:14">
      <c r="N262223" s="10"/>
    </row>
    <row r="262224" spans="14:14">
      <c r="N262224" s="10"/>
    </row>
    <row r="262225" spans="14:14">
      <c r="N262225" s="10"/>
    </row>
    <row r="262226" spans="14:14">
      <c r="N262226" s="10"/>
    </row>
    <row r="262227" spans="14:14">
      <c r="N262227" s="10"/>
    </row>
    <row r="262228" spans="14:14">
      <c r="N262228" s="10"/>
    </row>
    <row r="262229" spans="14:14">
      <c r="N262229" s="10"/>
    </row>
    <row r="262230" spans="14:14">
      <c r="N262230" s="10"/>
    </row>
    <row r="262231" spans="14:14">
      <c r="N262231" s="10"/>
    </row>
    <row r="262232" spans="14:14">
      <c r="N262232" s="10"/>
    </row>
    <row r="262233" spans="14:14">
      <c r="N262233" s="10"/>
    </row>
    <row r="262234" spans="14:14">
      <c r="N262234" s="10"/>
    </row>
    <row r="262235" spans="14:14">
      <c r="N262235" s="10"/>
    </row>
    <row r="262236" spans="14:14">
      <c r="N262236" s="10"/>
    </row>
    <row r="262237" spans="14:14">
      <c r="N262237" s="10"/>
    </row>
    <row r="262238" spans="14:14">
      <c r="N262238" s="10"/>
    </row>
    <row r="262239" spans="14:14">
      <c r="N262239" s="10"/>
    </row>
    <row r="262240" spans="14:14">
      <c r="N262240" s="10"/>
    </row>
    <row r="262241" spans="14:14">
      <c r="N262241" s="10"/>
    </row>
    <row r="262242" spans="14:14">
      <c r="N262242" s="10"/>
    </row>
    <row r="262243" spans="14:14">
      <c r="N262243" s="10"/>
    </row>
    <row r="262244" spans="14:14">
      <c r="N262244" s="10"/>
    </row>
    <row r="262245" spans="14:14">
      <c r="N262245" s="10"/>
    </row>
    <row r="262246" spans="14:14">
      <c r="N262246" s="10"/>
    </row>
    <row r="262247" spans="14:14">
      <c r="N262247" s="10"/>
    </row>
    <row r="262248" spans="14:14">
      <c r="N262248" s="10"/>
    </row>
    <row r="262249" spans="14:14">
      <c r="N262249" s="10"/>
    </row>
    <row r="262250" spans="14:14">
      <c r="N262250" s="10"/>
    </row>
    <row r="262251" spans="14:14">
      <c r="N262251" s="10"/>
    </row>
    <row r="262252" spans="14:14">
      <c r="N262252" s="10"/>
    </row>
    <row r="262253" spans="14:14">
      <c r="N262253" s="10"/>
    </row>
    <row r="262254" spans="14:14">
      <c r="N262254" s="10"/>
    </row>
    <row r="262255" spans="14:14">
      <c r="N262255" s="10"/>
    </row>
    <row r="262256" spans="14:14">
      <c r="N262256" s="10"/>
    </row>
    <row r="262257" spans="14:14">
      <c r="N262257" s="10"/>
    </row>
    <row r="262258" spans="14:14">
      <c r="N262258" s="10"/>
    </row>
    <row r="262259" spans="14:14">
      <c r="N262259" s="10"/>
    </row>
    <row r="262260" spans="14:14">
      <c r="N262260" s="10"/>
    </row>
    <row r="262261" spans="14:14">
      <c r="N262261" s="10"/>
    </row>
    <row r="262262" spans="14:14">
      <c r="N262262" s="10"/>
    </row>
    <row r="262263" spans="14:14">
      <c r="N262263" s="10"/>
    </row>
    <row r="262264" spans="14:14">
      <c r="N262264" s="10"/>
    </row>
    <row r="262265" spans="14:14">
      <c r="N262265" s="10"/>
    </row>
    <row r="262266" spans="14:14">
      <c r="N262266" s="10"/>
    </row>
    <row r="262267" spans="14:14">
      <c r="N262267" s="10"/>
    </row>
    <row r="262268" spans="14:14">
      <c r="N262268" s="10"/>
    </row>
    <row r="262269" spans="14:14">
      <c r="N262269" s="10"/>
    </row>
    <row r="262270" spans="14:14">
      <c r="N262270" s="10"/>
    </row>
    <row r="262271" spans="14:14">
      <c r="N262271" s="10"/>
    </row>
    <row r="262272" spans="14:14">
      <c r="N262272" s="10"/>
    </row>
    <row r="262273" spans="14:14">
      <c r="N262273" s="10"/>
    </row>
    <row r="262274" spans="14:14">
      <c r="N262274" s="10"/>
    </row>
    <row r="262275" spans="14:14">
      <c r="N262275" s="10"/>
    </row>
    <row r="262276" spans="14:14">
      <c r="N262276" s="10"/>
    </row>
    <row r="262277" spans="14:14">
      <c r="N262277" s="10"/>
    </row>
    <row r="262278" spans="14:14">
      <c r="N262278" s="10"/>
    </row>
    <row r="262279" spans="14:14">
      <c r="N262279" s="10"/>
    </row>
    <row r="262280" spans="14:14">
      <c r="N262280" s="10"/>
    </row>
    <row r="262281" spans="14:14">
      <c r="N262281" s="10"/>
    </row>
    <row r="262282" spans="14:14">
      <c r="N262282" s="10"/>
    </row>
    <row r="262283" spans="14:14">
      <c r="N262283" s="10"/>
    </row>
    <row r="262284" spans="14:14">
      <c r="N262284" s="10"/>
    </row>
    <row r="262285" spans="14:14">
      <c r="N262285" s="10"/>
    </row>
    <row r="262286" spans="14:14">
      <c r="N262286" s="10"/>
    </row>
    <row r="262287" spans="14:14">
      <c r="N262287" s="10"/>
    </row>
    <row r="262288" spans="14:14">
      <c r="N262288" s="10"/>
    </row>
    <row r="262289" spans="14:14">
      <c r="N262289" s="10"/>
    </row>
    <row r="262290" spans="14:14">
      <c r="N262290" s="10"/>
    </row>
    <row r="262291" spans="14:14">
      <c r="N262291" s="10"/>
    </row>
    <row r="262292" spans="14:14">
      <c r="N262292" s="10"/>
    </row>
    <row r="262293" spans="14:14">
      <c r="N262293" s="10"/>
    </row>
    <row r="262294" spans="14:14">
      <c r="N262294" s="10"/>
    </row>
    <row r="262295" spans="14:14">
      <c r="N262295" s="10"/>
    </row>
    <row r="262296" spans="14:14">
      <c r="N262296" s="10"/>
    </row>
    <row r="262297" spans="14:14">
      <c r="N262297" s="10"/>
    </row>
    <row r="262298" spans="14:14">
      <c r="N262298" s="10"/>
    </row>
    <row r="262299" spans="14:14">
      <c r="N262299" s="10"/>
    </row>
    <row r="262300" spans="14:14">
      <c r="N262300" s="10"/>
    </row>
    <row r="262301" spans="14:14">
      <c r="N262301" s="10"/>
    </row>
    <row r="262302" spans="14:14">
      <c r="N262302" s="10"/>
    </row>
    <row r="262303" spans="14:14">
      <c r="N262303" s="10"/>
    </row>
    <row r="262304" spans="14:14">
      <c r="N262304" s="10"/>
    </row>
    <row r="262305" spans="14:14">
      <c r="N262305" s="10"/>
    </row>
    <row r="262306" spans="14:14">
      <c r="N262306" s="10"/>
    </row>
    <row r="262307" spans="14:14">
      <c r="N262307" s="10"/>
    </row>
    <row r="262308" spans="14:14">
      <c r="N262308" s="10"/>
    </row>
    <row r="262309" spans="14:14">
      <c r="N262309" s="10"/>
    </row>
    <row r="262310" spans="14:14">
      <c r="N262310" s="10"/>
    </row>
    <row r="262311" spans="14:14">
      <c r="N262311" s="10"/>
    </row>
    <row r="262312" spans="14:14">
      <c r="N262312" s="10"/>
    </row>
    <row r="262313" spans="14:14">
      <c r="N262313" s="10"/>
    </row>
    <row r="262314" spans="14:14">
      <c r="N262314" s="10"/>
    </row>
    <row r="262315" spans="14:14">
      <c r="N262315" s="10"/>
    </row>
    <row r="262316" spans="14:14">
      <c r="N262316" s="10"/>
    </row>
    <row r="262317" spans="14:14">
      <c r="N262317" s="10"/>
    </row>
    <row r="262318" spans="14:14">
      <c r="N262318" s="10"/>
    </row>
    <row r="262319" spans="14:14">
      <c r="N262319" s="10"/>
    </row>
    <row r="262320" spans="14:14">
      <c r="N262320" s="10"/>
    </row>
    <row r="262321" spans="14:14">
      <c r="N262321" s="10"/>
    </row>
    <row r="262322" spans="14:14">
      <c r="N262322" s="10"/>
    </row>
    <row r="262323" spans="14:14">
      <c r="N262323" s="10"/>
    </row>
    <row r="262324" spans="14:14">
      <c r="N262324" s="10"/>
    </row>
    <row r="262325" spans="14:14">
      <c r="N262325" s="10"/>
    </row>
    <row r="262326" spans="14:14">
      <c r="N262326" s="10"/>
    </row>
    <row r="262327" spans="14:14">
      <c r="N262327" s="10"/>
    </row>
    <row r="262328" spans="14:14">
      <c r="N262328" s="10"/>
    </row>
    <row r="262329" spans="14:14">
      <c r="N262329" s="10"/>
    </row>
    <row r="262330" spans="14:14">
      <c r="N262330" s="10"/>
    </row>
    <row r="262331" spans="14:14">
      <c r="N262331" s="10"/>
    </row>
    <row r="262332" spans="14:14">
      <c r="N262332" s="10"/>
    </row>
    <row r="262333" spans="14:14">
      <c r="N262333" s="10"/>
    </row>
    <row r="262334" spans="14:14">
      <c r="N262334" s="10"/>
    </row>
    <row r="262335" spans="14:14">
      <c r="N262335" s="10"/>
    </row>
    <row r="262336" spans="14:14">
      <c r="N262336" s="10"/>
    </row>
    <row r="262337" spans="14:14">
      <c r="N262337" s="10"/>
    </row>
    <row r="262338" spans="14:14">
      <c r="N262338" s="10"/>
    </row>
    <row r="262339" spans="14:14">
      <c r="N262339" s="10"/>
    </row>
    <row r="262340" spans="14:14">
      <c r="N262340" s="10"/>
    </row>
    <row r="262341" spans="14:14">
      <c r="N262341" s="10"/>
    </row>
    <row r="262342" spans="14:14">
      <c r="N262342" s="10"/>
    </row>
    <row r="262343" spans="14:14">
      <c r="N262343" s="10"/>
    </row>
    <row r="262344" spans="14:14">
      <c r="N262344" s="10"/>
    </row>
    <row r="262345" spans="14:14">
      <c r="N262345" s="10"/>
    </row>
    <row r="262346" spans="14:14">
      <c r="N262346" s="10"/>
    </row>
    <row r="262347" spans="14:14">
      <c r="N262347" s="10"/>
    </row>
    <row r="262348" spans="14:14">
      <c r="N262348" s="10"/>
    </row>
    <row r="262349" spans="14:14">
      <c r="N262349" s="10"/>
    </row>
    <row r="262350" spans="14:14">
      <c r="N262350" s="10"/>
    </row>
    <row r="262351" spans="14:14">
      <c r="N262351" s="10"/>
    </row>
    <row r="262352" spans="14:14">
      <c r="N262352" s="10"/>
    </row>
    <row r="262353" spans="14:14">
      <c r="N262353" s="10"/>
    </row>
    <row r="262354" spans="14:14">
      <c r="N262354" s="10"/>
    </row>
    <row r="262355" spans="14:14">
      <c r="N262355" s="10"/>
    </row>
    <row r="262356" spans="14:14">
      <c r="N262356" s="10"/>
    </row>
    <row r="262357" spans="14:14">
      <c r="N262357" s="10"/>
    </row>
    <row r="262358" spans="14:14">
      <c r="N262358" s="10"/>
    </row>
    <row r="262359" spans="14:14">
      <c r="N262359" s="10"/>
    </row>
    <row r="262360" spans="14:14">
      <c r="N262360" s="10"/>
    </row>
    <row r="262361" spans="14:14">
      <c r="N262361" s="10"/>
    </row>
    <row r="262362" spans="14:14">
      <c r="N262362" s="10"/>
    </row>
    <row r="262363" spans="14:14">
      <c r="N262363" s="10"/>
    </row>
    <row r="262364" spans="14:14">
      <c r="N262364" s="10"/>
    </row>
    <row r="262365" spans="14:14">
      <c r="N262365" s="10"/>
    </row>
    <row r="262366" spans="14:14">
      <c r="N262366" s="10"/>
    </row>
    <row r="262367" spans="14:14">
      <c r="N262367" s="10"/>
    </row>
    <row r="262368" spans="14:14">
      <c r="N262368" s="10"/>
    </row>
    <row r="262369" spans="14:14">
      <c r="N262369" s="10"/>
    </row>
    <row r="262370" spans="14:14">
      <c r="N262370" s="10"/>
    </row>
    <row r="262371" spans="14:14">
      <c r="N262371" s="10"/>
    </row>
    <row r="262372" spans="14:14">
      <c r="N262372" s="10"/>
    </row>
    <row r="262373" spans="14:14">
      <c r="N262373" s="10"/>
    </row>
    <row r="262374" spans="14:14">
      <c r="N262374" s="10"/>
    </row>
    <row r="262375" spans="14:14">
      <c r="N262375" s="10"/>
    </row>
    <row r="262376" spans="14:14">
      <c r="N262376" s="10"/>
    </row>
    <row r="262377" spans="14:14">
      <c r="N262377" s="10"/>
    </row>
    <row r="262378" spans="14:14">
      <c r="N262378" s="10"/>
    </row>
    <row r="262379" spans="14:14">
      <c r="N262379" s="10"/>
    </row>
    <row r="262380" spans="14:14">
      <c r="N262380" s="10"/>
    </row>
    <row r="262381" spans="14:14">
      <c r="N262381" s="10"/>
    </row>
    <row r="262382" spans="14:14">
      <c r="N262382" s="10"/>
    </row>
    <row r="262383" spans="14:14">
      <c r="N262383" s="10"/>
    </row>
    <row r="262384" spans="14:14">
      <c r="N262384" s="10"/>
    </row>
    <row r="262385" spans="14:14">
      <c r="N262385" s="10"/>
    </row>
    <row r="262386" spans="14:14">
      <c r="N262386" s="10"/>
    </row>
    <row r="262387" spans="14:14">
      <c r="N262387" s="10"/>
    </row>
    <row r="262388" spans="14:14">
      <c r="N262388" s="10"/>
    </row>
    <row r="262389" spans="14:14">
      <c r="N262389" s="10"/>
    </row>
    <row r="262390" spans="14:14">
      <c r="N262390" s="10"/>
    </row>
    <row r="262391" spans="14:14">
      <c r="N262391" s="10"/>
    </row>
    <row r="262392" spans="14:14">
      <c r="N262392" s="10"/>
    </row>
    <row r="262393" spans="14:14">
      <c r="N262393" s="10"/>
    </row>
    <row r="262394" spans="14:14">
      <c r="N262394" s="10"/>
    </row>
    <row r="262395" spans="14:14">
      <c r="N262395" s="10"/>
    </row>
    <row r="262396" spans="14:14">
      <c r="N262396" s="10"/>
    </row>
    <row r="262397" spans="14:14">
      <c r="N262397" s="10"/>
    </row>
    <row r="262398" spans="14:14">
      <c r="N262398" s="10"/>
    </row>
    <row r="262399" spans="14:14">
      <c r="N262399" s="10"/>
    </row>
    <row r="262400" spans="14:14">
      <c r="N262400" s="10"/>
    </row>
    <row r="262401" spans="14:14">
      <c r="N262401" s="10"/>
    </row>
    <row r="262402" spans="14:14">
      <c r="N262402" s="10"/>
    </row>
    <row r="262403" spans="14:14">
      <c r="N262403" s="10"/>
    </row>
    <row r="262404" spans="14:14">
      <c r="N262404" s="10"/>
    </row>
    <row r="262405" spans="14:14">
      <c r="N262405" s="10"/>
    </row>
    <row r="262406" spans="14:14">
      <c r="N262406" s="10"/>
    </row>
    <row r="262407" spans="14:14">
      <c r="N262407" s="10"/>
    </row>
    <row r="262408" spans="14:14">
      <c r="N262408" s="10"/>
    </row>
    <row r="262409" spans="14:14">
      <c r="N262409" s="10"/>
    </row>
    <row r="262410" spans="14:14">
      <c r="N262410" s="10"/>
    </row>
    <row r="262411" spans="14:14">
      <c r="N262411" s="10"/>
    </row>
    <row r="262412" spans="14:14">
      <c r="N262412" s="10"/>
    </row>
    <row r="262413" spans="14:14">
      <c r="N262413" s="10"/>
    </row>
    <row r="262414" spans="14:14">
      <c r="N262414" s="10"/>
    </row>
    <row r="262415" spans="14:14">
      <c r="N262415" s="10"/>
    </row>
    <row r="262416" spans="14:14">
      <c r="N262416" s="10"/>
    </row>
    <row r="262417" spans="14:14">
      <c r="N262417" s="10"/>
    </row>
    <row r="262418" spans="14:14">
      <c r="N262418" s="10"/>
    </row>
    <row r="262419" spans="14:14">
      <c r="N262419" s="10"/>
    </row>
    <row r="262420" spans="14:14">
      <c r="N262420" s="10"/>
    </row>
    <row r="262421" spans="14:14">
      <c r="N262421" s="10"/>
    </row>
    <row r="262422" spans="14:14">
      <c r="N262422" s="10"/>
    </row>
    <row r="262423" spans="14:14">
      <c r="N262423" s="10"/>
    </row>
    <row r="262424" spans="14:14">
      <c r="N262424" s="10"/>
    </row>
    <row r="262425" spans="14:14">
      <c r="N262425" s="10"/>
    </row>
    <row r="262426" spans="14:14">
      <c r="N262426" s="10"/>
    </row>
    <row r="262427" spans="14:14">
      <c r="N262427" s="10"/>
    </row>
    <row r="262428" spans="14:14">
      <c r="N262428" s="10"/>
    </row>
    <row r="262429" spans="14:14">
      <c r="N262429" s="10"/>
    </row>
    <row r="262430" spans="14:14">
      <c r="N262430" s="10"/>
    </row>
    <row r="262431" spans="14:14">
      <c r="N262431" s="10"/>
    </row>
    <row r="262432" spans="14:14">
      <c r="N262432" s="10"/>
    </row>
    <row r="262433" spans="14:14">
      <c r="N262433" s="10"/>
    </row>
    <row r="262434" spans="14:14">
      <c r="N262434" s="10"/>
    </row>
    <row r="262435" spans="14:14">
      <c r="N262435" s="10"/>
    </row>
    <row r="262436" spans="14:14">
      <c r="N262436" s="10"/>
    </row>
    <row r="262437" spans="14:14">
      <c r="N262437" s="10"/>
    </row>
    <row r="262438" spans="14:14">
      <c r="N262438" s="10"/>
    </row>
    <row r="262439" spans="14:14">
      <c r="N262439" s="10"/>
    </row>
    <row r="262440" spans="14:14">
      <c r="N262440" s="10"/>
    </row>
    <row r="262441" spans="14:14">
      <c r="N262441" s="10"/>
    </row>
    <row r="262442" spans="14:14">
      <c r="N262442" s="10"/>
    </row>
    <row r="262443" spans="14:14">
      <c r="N262443" s="10"/>
    </row>
    <row r="262444" spans="14:14">
      <c r="N262444" s="10"/>
    </row>
    <row r="262445" spans="14:14">
      <c r="N262445" s="10"/>
    </row>
    <row r="262446" spans="14:14">
      <c r="N262446" s="10"/>
    </row>
    <row r="262447" spans="14:14">
      <c r="N262447" s="10"/>
    </row>
    <row r="262448" spans="14:14">
      <c r="N262448" s="10"/>
    </row>
    <row r="262449" spans="14:14">
      <c r="N262449" s="10"/>
    </row>
    <row r="262450" spans="14:14">
      <c r="N262450" s="10"/>
    </row>
    <row r="262451" spans="14:14">
      <c r="N262451" s="10"/>
    </row>
    <row r="262452" spans="14:14">
      <c r="N262452" s="10"/>
    </row>
    <row r="262453" spans="14:14">
      <c r="N262453" s="10"/>
    </row>
    <row r="262454" spans="14:14">
      <c r="N262454" s="10"/>
    </row>
    <row r="262455" spans="14:14">
      <c r="N262455" s="10"/>
    </row>
    <row r="262456" spans="14:14">
      <c r="N262456" s="10"/>
    </row>
    <row r="262457" spans="14:14">
      <c r="N262457" s="10"/>
    </row>
    <row r="262458" spans="14:14">
      <c r="N262458" s="10"/>
    </row>
    <row r="262459" spans="14:14">
      <c r="N262459" s="10"/>
    </row>
    <row r="262460" spans="14:14">
      <c r="N262460" s="10"/>
    </row>
    <row r="262461" spans="14:14">
      <c r="N262461" s="10"/>
    </row>
    <row r="262462" spans="14:14">
      <c r="N262462" s="10"/>
    </row>
    <row r="262463" spans="14:14">
      <c r="N262463" s="10"/>
    </row>
    <row r="262464" spans="14:14">
      <c r="N262464" s="10"/>
    </row>
    <row r="262465" spans="14:14">
      <c r="N262465" s="10"/>
    </row>
    <row r="262466" spans="14:14">
      <c r="N262466" s="10"/>
    </row>
    <row r="262467" spans="14:14">
      <c r="N262467" s="10"/>
    </row>
    <row r="262468" spans="14:14">
      <c r="N262468" s="10"/>
    </row>
    <row r="262469" spans="14:14">
      <c r="N262469" s="10"/>
    </row>
    <row r="262470" spans="14:14">
      <c r="N262470" s="10"/>
    </row>
    <row r="262471" spans="14:14">
      <c r="N262471" s="10"/>
    </row>
    <row r="262472" spans="14:14">
      <c r="N262472" s="10"/>
    </row>
    <row r="262473" spans="14:14">
      <c r="N262473" s="10"/>
    </row>
    <row r="262474" spans="14:14">
      <c r="N262474" s="10"/>
    </row>
    <row r="262475" spans="14:14">
      <c r="N262475" s="10"/>
    </row>
    <row r="262476" spans="14:14">
      <c r="N262476" s="10"/>
    </row>
    <row r="262477" spans="14:14">
      <c r="N262477" s="10"/>
    </row>
    <row r="262478" spans="14:14">
      <c r="N262478" s="10"/>
    </row>
    <row r="262479" spans="14:14">
      <c r="N262479" s="10"/>
    </row>
    <row r="262480" spans="14:14">
      <c r="N262480" s="10"/>
    </row>
    <row r="262481" spans="14:14">
      <c r="N262481" s="10"/>
    </row>
    <row r="262482" spans="14:14">
      <c r="N262482" s="10"/>
    </row>
    <row r="262483" spans="14:14">
      <c r="N262483" s="10"/>
    </row>
    <row r="262484" spans="14:14">
      <c r="N262484" s="10"/>
    </row>
    <row r="262485" spans="14:14">
      <c r="N262485" s="10"/>
    </row>
    <row r="262486" spans="14:14">
      <c r="N262486" s="10"/>
    </row>
    <row r="262487" spans="14:14">
      <c r="N262487" s="10"/>
    </row>
    <row r="262488" spans="14:14">
      <c r="N262488" s="10"/>
    </row>
    <row r="262489" spans="14:14">
      <c r="N262489" s="10"/>
    </row>
    <row r="262490" spans="14:14">
      <c r="N262490" s="10"/>
    </row>
    <row r="262491" spans="14:14">
      <c r="N262491" s="10"/>
    </row>
    <row r="262492" spans="14:14">
      <c r="N262492" s="10"/>
    </row>
    <row r="262493" spans="14:14">
      <c r="N262493" s="10"/>
    </row>
    <row r="262494" spans="14:14">
      <c r="N262494" s="10"/>
    </row>
    <row r="262495" spans="14:14">
      <c r="N262495" s="10"/>
    </row>
    <row r="262496" spans="14:14">
      <c r="N262496" s="10"/>
    </row>
    <row r="262497" spans="14:14">
      <c r="N262497" s="10"/>
    </row>
    <row r="262498" spans="14:14">
      <c r="N262498" s="10"/>
    </row>
    <row r="262499" spans="14:14">
      <c r="N262499" s="10"/>
    </row>
    <row r="262500" spans="14:14">
      <c r="N262500" s="10"/>
    </row>
    <row r="262501" spans="14:14">
      <c r="N262501" s="10"/>
    </row>
    <row r="262502" spans="14:14">
      <c r="N262502" s="10"/>
    </row>
    <row r="262503" spans="14:14">
      <c r="N262503" s="10"/>
    </row>
    <row r="262504" spans="14:14">
      <c r="N262504" s="10"/>
    </row>
    <row r="262505" spans="14:14">
      <c r="N262505" s="10"/>
    </row>
    <row r="262506" spans="14:14">
      <c r="N262506" s="10"/>
    </row>
    <row r="262507" spans="14:14">
      <c r="N262507" s="10"/>
    </row>
    <row r="262508" spans="14:14">
      <c r="N262508" s="10"/>
    </row>
    <row r="262509" spans="14:14">
      <c r="N262509" s="10"/>
    </row>
    <row r="262510" spans="14:14">
      <c r="N262510" s="10"/>
    </row>
    <row r="262511" spans="14:14">
      <c r="N262511" s="10"/>
    </row>
    <row r="262512" spans="14:14">
      <c r="N262512" s="10"/>
    </row>
    <row r="262513" spans="14:14">
      <c r="N262513" s="10"/>
    </row>
    <row r="262514" spans="14:14">
      <c r="N262514" s="10"/>
    </row>
    <row r="262515" spans="14:14">
      <c r="N262515" s="10"/>
    </row>
    <row r="262516" spans="14:14">
      <c r="N262516" s="10"/>
    </row>
    <row r="262517" spans="14:14">
      <c r="N262517" s="10"/>
    </row>
    <row r="262518" spans="14:14">
      <c r="N262518" s="10"/>
    </row>
    <row r="262519" spans="14:14">
      <c r="N262519" s="10"/>
    </row>
    <row r="262520" spans="14:14">
      <c r="N262520" s="10"/>
    </row>
    <row r="262521" spans="14:14">
      <c r="N262521" s="10"/>
    </row>
    <row r="262522" spans="14:14">
      <c r="N262522" s="10"/>
    </row>
    <row r="262523" spans="14:14">
      <c r="N262523" s="10"/>
    </row>
    <row r="262524" spans="14:14">
      <c r="N262524" s="10"/>
    </row>
    <row r="262525" spans="14:14">
      <c r="N262525" s="10"/>
    </row>
    <row r="262526" spans="14:14">
      <c r="N262526" s="10"/>
    </row>
    <row r="262527" spans="14:14">
      <c r="N262527" s="10"/>
    </row>
    <row r="262528" spans="14:14">
      <c r="N262528" s="10"/>
    </row>
    <row r="262529" spans="14:14">
      <c r="N262529" s="10"/>
    </row>
    <row r="262530" spans="14:14">
      <c r="N262530" s="10"/>
    </row>
    <row r="262531" spans="14:14">
      <c r="N262531" s="10"/>
    </row>
    <row r="262532" spans="14:14">
      <c r="N262532" s="10"/>
    </row>
    <row r="262533" spans="14:14">
      <c r="N262533" s="10"/>
    </row>
    <row r="262534" spans="14:14">
      <c r="N262534" s="10"/>
    </row>
    <row r="262535" spans="14:14">
      <c r="N262535" s="10"/>
    </row>
    <row r="262536" spans="14:14">
      <c r="N262536" s="10"/>
    </row>
    <row r="262537" spans="14:14">
      <c r="N262537" s="10"/>
    </row>
    <row r="262538" spans="14:14">
      <c r="N262538" s="10"/>
    </row>
    <row r="262539" spans="14:14">
      <c r="N262539" s="10"/>
    </row>
    <row r="262540" spans="14:14">
      <c r="N262540" s="10"/>
    </row>
    <row r="262541" spans="14:14">
      <c r="N262541" s="10"/>
    </row>
    <row r="262542" spans="14:14">
      <c r="N262542" s="10"/>
    </row>
    <row r="262543" spans="14:14">
      <c r="N262543" s="10"/>
    </row>
    <row r="262544" spans="14:14">
      <c r="N262544" s="10"/>
    </row>
    <row r="262545" spans="14:14">
      <c r="N262545" s="10"/>
    </row>
    <row r="262546" spans="14:14">
      <c r="N262546" s="10"/>
    </row>
    <row r="262547" spans="14:14">
      <c r="N262547" s="10"/>
    </row>
    <row r="262548" spans="14:14">
      <c r="N262548" s="10"/>
    </row>
    <row r="262549" spans="14:14">
      <c r="N262549" s="10"/>
    </row>
    <row r="262550" spans="14:14">
      <c r="N262550" s="10"/>
    </row>
    <row r="262551" spans="14:14">
      <c r="N262551" s="10"/>
    </row>
    <row r="262552" spans="14:14">
      <c r="N262552" s="10"/>
    </row>
    <row r="262553" spans="14:14">
      <c r="N262553" s="10"/>
    </row>
    <row r="262554" spans="14:14">
      <c r="N262554" s="10"/>
    </row>
    <row r="262555" spans="14:14">
      <c r="N262555" s="10"/>
    </row>
    <row r="262556" spans="14:14">
      <c r="N262556" s="10"/>
    </row>
    <row r="262557" spans="14:14">
      <c r="N262557" s="10"/>
    </row>
    <row r="262558" spans="14:14">
      <c r="N262558" s="10"/>
    </row>
    <row r="262559" spans="14:14">
      <c r="N262559" s="10"/>
    </row>
    <row r="262560" spans="14:14">
      <c r="N262560" s="10"/>
    </row>
    <row r="262561" spans="14:14">
      <c r="N262561" s="10"/>
    </row>
    <row r="262562" spans="14:14">
      <c r="N262562" s="10"/>
    </row>
    <row r="262563" spans="14:14">
      <c r="N262563" s="10"/>
    </row>
    <row r="262564" spans="14:14">
      <c r="N262564" s="10"/>
    </row>
    <row r="262565" spans="14:14">
      <c r="N262565" s="10"/>
    </row>
    <row r="262566" spans="14:14">
      <c r="N262566" s="10"/>
    </row>
    <row r="262567" spans="14:14">
      <c r="N262567" s="10"/>
    </row>
    <row r="262568" spans="14:14">
      <c r="N262568" s="10"/>
    </row>
    <row r="262569" spans="14:14">
      <c r="N262569" s="10"/>
    </row>
    <row r="262570" spans="14:14">
      <c r="N262570" s="10"/>
    </row>
    <row r="262571" spans="14:14">
      <c r="N262571" s="10"/>
    </row>
    <row r="262572" spans="14:14">
      <c r="N262572" s="10"/>
    </row>
    <row r="262573" spans="14:14">
      <c r="N262573" s="10"/>
    </row>
    <row r="262574" spans="14:14">
      <c r="N262574" s="10"/>
    </row>
    <row r="262575" spans="14:14">
      <c r="N262575" s="10"/>
    </row>
    <row r="262576" spans="14:14">
      <c r="N262576" s="10"/>
    </row>
    <row r="262577" spans="14:14">
      <c r="N262577" s="10"/>
    </row>
    <row r="262578" spans="14:14">
      <c r="N262578" s="10"/>
    </row>
    <row r="262579" spans="14:14">
      <c r="N262579" s="10"/>
    </row>
    <row r="262580" spans="14:14">
      <c r="N262580" s="10"/>
    </row>
    <row r="262581" spans="14:14">
      <c r="N262581" s="10"/>
    </row>
    <row r="262582" spans="14:14">
      <c r="N262582" s="10"/>
    </row>
    <row r="262583" spans="14:14">
      <c r="N262583" s="10"/>
    </row>
    <row r="262584" spans="14:14">
      <c r="N262584" s="10"/>
    </row>
    <row r="262585" spans="14:14">
      <c r="N262585" s="10"/>
    </row>
    <row r="262586" spans="14:14">
      <c r="N262586" s="10"/>
    </row>
    <row r="262587" spans="14:14">
      <c r="N262587" s="10"/>
    </row>
    <row r="262588" spans="14:14">
      <c r="N262588" s="10"/>
    </row>
    <row r="262589" spans="14:14">
      <c r="N262589" s="10"/>
    </row>
    <row r="262590" spans="14:14">
      <c r="N262590" s="10"/>
    </row>
    <row r="262591" spans="14:14">
      <c r="N262591" s="10"/>
    </row>
    <row r="262592" spans="14:14">
      <c r="N262592" s="10"/>
    </row>
    <row r="262593" spans="14:14">
      <c r="N262593" s="10"/>
    </row>
    <row r="262594" spans="14:14">
      <c r="N262594" s="10"/>
    </row>
    <row r="262595" spans="14:14">
      <c r="N262595" s="10"/>
    </row>
    <row r="262596" spans="14:14">
      <c r="N262596" s="10"/>
    </row>
    <row r="262597" spans="14:14">
      <c r="N262597" s="10"/>
    </row>
    <row r="262598" spans="14:14">
      <c r="N262598" s="10"/>
    </row>
    <row r="262599" spans="14:14">
      <c r="N262599" s="10"/>
    </row>
    <row r="262600" spans="14:14">
      <c r="N262600" s="10"/>
    </row>
    <row r="262601" spans="14:14">
      <c r="N262601" s="10"/>
    </row>
    <row r="262602" spans="14:14">
      <c r="N262602" s="10"/>
    </row>
    <row r="262603" spans="14:14">
      <c r="N262603" s="10"/>
    </row>
    <row r="262604" spans="14:14">
      <c r="N262604" s="10"/>
    </row>
    <row r="262605" spans="14:14">
      <c r="N262605" s="10"/>
    </row>
    <row r="262606" spans="14:14">
      <c r="N262606" s="10"/>
    </row>
    <row r="262607" spans="14:14">
      <c r="N262607" s="10"/>
    </row>
    <row r="262608" spans="14:14">
      <c r="N262608" s="10"/>
    </row>
    <row r="262609" spans="14:14">
      <c r="N262609" s="10"/>
    </row>
    <row r="262610" spans="14:14">
      <c r="N262610" s="10"/>
    </row>
    <row r="262611" spans="14:14">
      <c r="N262611" s="10"/>
    </row>
    <row r="262612" spans="14:14">
      <c r="N262612" s="10"/>
    </row>
    <row r="262613" spans="14:14">
      <c r="N262613" s="10"/>
    </row>
    <row r="262614" spans="14:14">
      <c r="N262614" s="10"/>
    </row>
    <row r="262615" spans="14:14">
      <c r="N262615" s="10"/>
    </row>
    <row r="262616" spans="14:14">
      <c r="N262616" s="10"/>
    </row>
    <row r="262617" spans="14:14">
      <c r="N262617" s="10"/>
    </row>
    <row r="262618" spans="14:14">
      <c r="N262618" s="10"/>
    </row>
    <row r="262619" spans="14:14">
      <c r="N262619" s="10"/>
    </row>
    <row r="262620" spans="14:14">
      <c r="N262620" s="10"/>
    </row>
    <row r="262621" spans="14:14">
      <c r="N262621" s="10"/>
    </row>
    <row r="262622" spans="14:14">
      <c r="N262622" s="10"/>
    </row>
    <row r="262623" spans="14:14">
      <c r="N262623" s="10"/>
    </row>
    <row r="262624" spans="14:14">
      <c r="N262624" s="10"/>
    </row>
    <row r="262625" spans="14:14">
      <c r="N262625" s="10"/>
    </row>
    <row r="262626" spans="14:14">
      <c r="N262626" s="10"/>
    </row>
    <row r="262627" spans="14:14">
      <c r="N262627" s="10"/>
    </row>
    <row r="262628" spans="14:14">
      <c r="N262628" s="10"/>
    </row>
    <row r="262629" spans="14:14">
      <c r="N262629" s="10"/>
    </row>
    <row r="262630" spans="14:14">
      <c r="N262630" s="10"/>
    </row>
    <row r="262631" spans="14:14">
      <c r="N262631" s="10"/>
    </row>
    <row r="262632" spans="14:14">
      <c r="N262632" s="10"/>
    </row>
    <row r="262633" spans="14:14">
      <c r="N262633" s="10"/>
    </row>
    <row r="262634" spans="14:14">
      <c r="N262634" s="10"/>
    </row>
    <row r="262635" spans="14:14">
      <c r="N262635" s="10"/>
    </row>
    <row r="262636" spans="14:14">
      <c r="N262636" s="10"/>
    </row>
    <row r="262637" spans="14:14">
      <c r="N262637" s="10"/>
    </row>
    <row r="262638" spans="14:14">
      <c r="N262638" s="10"/>
    </row>
    <row r="262639" spans="14:14">
      <c r="N262639" s="10"/>
    </row>
    <row r="262640" spans="14:14">
      <c r="N262640" s="10"/>
    </row>
    <row r="262641" spans="14:14">
      <c r="N262641" s="10"/>
    </row>
    <row r="262642" spans="14:14">
      <c r="N262642" s="10"/>
    </row>
    <row r="262643" spans="14:14">
      <c r="N262643" s="10"/>
    </row>
    <row r="262644" spans="14:14">
      <c r="N262644" s="10"/>
    </row>
    <row r="262645" spans="14:14">
      <c r="N262645" s="10"/>
    </row>
    <row r="262646" spans="14:14">
      <c r="N262646" s="10"/>
    </row>
    <row r="262647" spans="14:14">
      <c r="N262647" s="10"/>
    </row>
    <row r="262648" spans="14:14">
      <c r="N262648" s="10"/>
    </row>
    <row r="262649" spans="14:14">
      <c r="N262649" s="10"/>
    </row>
    <row r="262650" spans="14:14">
      <c r="N262650" s="10"/>
    </row>
    <row r="262651" spans="14:14">
      <c r="N262651" s="10"/>
    </row>
    <row r="262652" spans="14:14">
      <c r="N262652" s="10"/>
    </row>
    <row r="262653" spans="14:14">
      <c r="N262653" s="10"/>
    </row>
    <row r="262654" spans="14:14">
      <c r="N262654" s="10"/>
    </row>
    <row r="262655" spans="14:14">
      <c r="N262655" s="10"/>
    </row>
    <row r="262656" spans="14:14">
      <c r="N262656" s="10"/>
    </row>
    <row r="262657" spans="14:14">
      <c r="N262657" s="10"/>
    </row>
    <row r="262658" spans="14:14">
      <c r="N262658" s="10"/>
    </row>
    <row r="262659" spans="14:14">
      <c r="N262659" s="10"/>
    </row>
    <row r="262660" spans="14:14">
      <c r="N262660" s="10"/>
    </row>
    <row r="262661" spans="14:14">
      <c r="N262661" s="10"/>
    </row>
    <row r="262662" spans="14:14">
      <c r="N262662" s="10"/>
    </row>
    <row r="262663" spans="14:14">
      <c r="N262663" s="10"/>
    </row>
    <row r="262664" spans="14:14">
      <c r="N262664" s="10"/>
    </row>
    <row r="262665" spans="14:14">
      <c r="N262665" s="10"/>
    </row>
    <row r="262666" spans="14:14">
      <c r="N262666" s="10"/>
    </row>
    <row r="262667" spans="14:14">
      <c r="N262667" s="10"/>
    </row>
    <row r="262668" spans="14:14">
      <c r="N262668" s="10"/>
    </row>
    <row r="262669" spans="14:14">
      <c r="N262669" s="10"/>
    </row>
    <row r="262670" spans="14:14">
      <c r="N262670" s="10"/>
    </row>
    <row r="262671" spans="14:14">
      <c r="N262671" s="10"/>
    </row>
    <row r="262672" spans="14:14">
      <c r="N262672" s="10"/>
    </row>
    <row r="262673" spans="14:14">
      <c r="N262673" s="10"/>
    </row>
    <row r="262674" spans="14:14">
      <c r="N262674" s="10"/>
    </row>
    <row r="262675" spans="14:14">
      <c r="N262675" s="10"/>
    </row>
    <row r="262676" spans="14:14">
      <c r="N262676" s="10"/>
    </row>
    <row r="262677" spans="14:14">
      <c r="N262677" s="10"/>
    </row>
    <row r="262678" spans="14:14">
      <c r="N262678" s="10"/>
    </row>
    <row r="262679" spans="14:14">
      <c r="N262679" s="10"/>
    </row>
    <row r="262680" spans="14:14">
      <c r="N262680" s="10"/>
    </row>
    <row r="262681" spans="14:14">
      <c r="N262681" s="10"/>
    </row>
    <row r="262682" spans="14:14">
      <c r="N262682" s="10"/>
    </row>
    <row r="262683" spans="14:14">
      <c r="N262683" s="10"/>
    </row>
    <row r="262684" spans="14:14">
      <c r="N262684" s="10"/>
    </row>
    <row r="262685" spans="14:14">
      <c r="N262685" s="10"/>
    </row>
    <row r="262686" spans="14:14">
      <c r="N262686" s="10"/>
    </row>
    <row r="262687" spans="14:14">
      <c r="N262687" s="10"/>
    </row>
    <row r="262688" spans="14:14">
      <c r="N262688" s="10"/>
    </row>
    <row r="262689" spans="14:14">
      <c r="N262689" s="10"/>
    </row>
    <row r="262690" spans="14:14">
      <c r="N262690" s="10"/>
    </row>
    <row r="262691" spans="14:14">
      <c r="N262691" s="10"/>
    </row>
    <row r="262692" spans="14:14">
      <c r="N262692" s="10"/>
    </row>
    <row r="262693" spans="14:14">
      <c r="N262693" s="10"/>
    </row>
    <row r="262694" spans="14:14">
      <c r="N262694" s="10"/>
    </row>
    <row r="262695" spans="14:14">
      <c r="N262695" s="10"/>
    </row>
    <row r="262696" spans="14:14">
      <c r="N262696" s="10"/>
    </row>
    <row r="262697" spans="14:14">
      <c r="N262697" s="10"/>
    </row>
    <row r="262698" spans="14:14">
      <c r="N262698" s="10"/>
    </row>
    <row r="262699" spans="14:14">
      <c r="N262699" s="10"/>
    </row>
    <row r="262700" spans="14:14">
      <c r="N262700" s="10"/>
    </row>
    <row r="262701" spans="14:14">
      <c r="N262701" s="10"/>
    </row>
    <row r="262702" spans="14:14">
      <c r="N262702" s="10"/>
    </row>
    <row r="262703" spans="14:14">
      <c r="N262703" s="10"/>
    </row>
    <row r="262704" spans="14:14">
      <c r="N262704" s="10"/>
    </row>
    <row r="262705" spans="14:14">
      <c r="N262705" s="10"/>
    </row>
    <row r="262706" spans="14:14">
      <c r="N262706" s="10"/>
    </row>
    <row r="262707" spans="14:14">
      <c r="N262707" s="10"/>
    </row>
    <row r="262708" spans="14:14">
      <c r="N262708" s="10"/>
    </row>
    <row r="262709" spans="14:14">
      <c r="N262709" s="10"/>
    </row>
    <row r="262710" spans="14:14">
      <c r="N262710" s="10"/>
    </row>
    <row r="262711" spans="14:14">
      <c r="N262711" s="10"/>
    </row>
    <row r="262712" spans="14:14">
      <c r="N262712" s="10"/>
    </row>
    <row r="262713" spans="14:14">
      <c r="N262713" s="10"/>
    </row>
    <row r="262714" spans="14:14">
      <c r="N262714" s="10"/>
    </row>
    <row r="262715" spans="14:14">
      <c r="N262715" s="10"/>
    </row>
    <row r="262716" spans="14:14">
      <c r="N262716" s="10"/>
    </row>
    <row r="262717" spans="14:14">
      <c r="N262717" s="10"/>
    </row>
    <row r="262718" spans="14:14">
      <c r="N262718" s="10"/>
    </row>
    <row r="262719" spans="14:14">
      <c r="N262719" s="10"/>
    </row>
    <row r="262720" spans="14:14">
      <c r="N262720" s="10"/>
    </row>
    <row r="262721" spans="14:14">
      <c r="N262721" s="10"/>
    </row>
    <row r="262722" spans="14:14">
      <c r="N262722" s="10"/>
    </row>
    <row r="262723" spans="14:14">
      <c r="N262723" s="10"/>
    </row>
    <row r="262724" spans="14:14">
      <c r="N262724" s="10"/>
    </row>
    <row r="262725" spans="14:14">
      <c r="N262725" s="10"/>
    </row>
    <row r="262726" spans="14:14">
      <c r="N262726" s="10"/>
    </row>
    <row r="262727" spans="14:14">
      <c r="N262727" s="10"/>
    </row>
    <row r="262728" spans="14:14">
      <c r="N262728" s="10"/>
    </row>
    <row r="262729" spans="14:14">
      <c r="N262729" s="10"/>
    </row>
    <row r="262730" spans="14:14">
      <c r="N262730" s="10"/>
    </row>
    <row r="262731" spans="14:14">
      <c r="N262731" s="10"/>
    </row>
    <row r="262732" spans="14:14">
      <c r="N262732" s="10"/>
    </row>
    <row r="262733" spans="14:14">
      <c r="N262733" s="10"/>
    </row>
    <row r="262734" spans="14:14">
      <c r="N262734" s="10"/>
    </row>
    <row r="262735" spans="14:14">
      <c r="N262735" s="10"/>
    </row>
    <row r="262736" spans="14:14">
      <c r="N262736" s="10"/>
    </row>
    <row r="262737" spans="14:14">
      <c r="N262737" s="10"/>
    </row>
    <row r="262738" spans="14:14">
      <c r="N262738" s="10"/>
    </row>
    <row r="262739" spans="14:14">
      <c r="N262739" s="10"/>
    </row>
    <row r="262740" spans="14:14">
      <c r="N262740" s="10"/>
    </row>
    <row r="262741" spans="14:14">
      <c r="N262741" s="10"/>
    </row>
    <row r="262742" spans="14:14">
      <c r="N262742" s="10"/>
    </row>
    <row r="262743" spans="14:14">
      <c r="N262743" s="10"/>
    </row>
    <row r="262744" spans="14:14">
      <c r="N262744" s="10"/>
    </row>
    <row r="262745" spans="14:14">
      <c r="N262745" s="10"/>
    </row>
    <row r="262746" spans="14:14">
      <c r="N262746" s="10"/>
    </row>
    <row r="262747" spans="14:14">
      <c r="N262747" s="10"/>
    </row>
    <row r="262748" spans="14:14">
      <c r="N262748" s="10"/>
    </row>
    <row r="262749" spans="14:14">
      <c r="N262749" s="10"/>
    </row>
    <row r="262750" spans="14:14">
      <c r="N262750" s="10"/>
    </row>
    <row r="262751" spans="14:14">
      <c r="N262751" s="10"/>
    </row>
    <row r="262752" spans="14:14">
      <c r="N262752" s="10"/>
    </row>
    <row r="262753" spans="14:14">
      <c r="N262753" s="10"/>
    </row>
    <row r="262754" spans="14:14">
      <c r="N262754" s="10"/>
    </row>
    <row r="262755" spans="14:14">
      <c r="N262755" s="10"/>
    </row>
    <row r="262756" spans="14:14">
      <c r="N262756" s="10"/>
    </row>
    <row r="262757" spans="14:14">
      <c r="N262757" s="10"/>
    </row>
    <row r="262758" spans="14:14">
      <c r="N262758" s="10"/>
    </row>
    <row r="262759" spans="14:14">
      <c r="N262759" s="10"/>
    </row>
    <row r="262760" spans="14:14">
      <c r="N262760" s="10"/>
    </row>
    <row r="262761" spans="14:14">
      <c r="N262761" s="10"/>
    </row>
    <row r="262762" spans="14:14">
      <c r="N262762" s="10"/>
    </row>
    <row r="262763" spans="14:14">
      <c r="N262763" s="10"/>
    </row>
    <row r="262764" spans="14:14">
      <c r="N262764" s="10"/>
    </row>
    <row r="262765" spans="14:14">
      <c r="N262765" s="10"/>
    </row>
    <row r="262766" spans="14:14">
      <c r="N262766" s="10"/>
    </row>
    <row r="262767" spans="14:14">
      <c r="N262767" s="10"/>
    </row>
    <row r="262768" spans="14:14">
      <c r="N262768" s="10"/>
    </row>
    <row r="262769" spans="14:14">
      <c r="N262769" s="10"/>
    </row>
    <row r="262770" spans="14:14">
      <c r="N262770" s="10"/>
    </row>
    <row r="262771" spans="14:14">
      <c r="N262771" s="10"/>
    </row>
    <row r="262772" spans="14:14">
      <c r="N262772" s="10"/>
    </row>
    <row r="262773" spans="14:14">
      <c r="N262773" s="10"/>
    </row>
    <row r="262774" spans="14:14">
      <c r="N262774" s="10"/>
    </row>
    <row r="262775" spans="14:14">
      <c r="N262775" s="10"/>
    </row>
    <row r="262776" spans="14:14">
      <c r="N262776" s="10"/>
    </row>
    <row r="262777" spans="14:14">
      <c r="N262777" s="10"/>
    </row>
    <row r="262778" spans="14:14">
      <c r="N262778" s="10"/>
    </row>
    <row r="262779" spans="14:14">
      <c r="N262779" s="10"/>
    </row>
    <row r="262780" spans="14:14">
      <c r="N262780" s="10"/>
    </row>
    <row r="262781" spans="14:14">
      <c r="N262781" s="10"/>
    </row>
    <row r="262782" spans="14:14">
      <c r="N262782" s="10"/>
    </row>
    <row r="262783" spans="14:14">
      <c r="N262783" s="10"/>
    </row>
    <row r="262784" spans="14:14">
      <c r="N262784" s="10"/>
    </row>
    <row r="262785" spans="14:14">
      <c r="N262785" s="10"/>
    </row>
    <row r="262786" spans="14:14">
      <c r="N262786" s="10"/>
    </row>
    <row r="262787" spans="14:14">
      <c r="N262787" s="10"/>
    </row>
    <row r="262788" spans="14:14">
      <c r="N262788" s="10"/>
    </row>
    <row r="262789" spans="14:14">
      <c r="N262789" s="10"/>
    </row>
    <row r="262790" spans="14:14">
      <c r="N262790" s="10"/>
    </row>
    <row r="262791" spans="14:14">
      <c r="N262791" s="10"/>
    </row>
    <row r="262792" spans="14:14">
      <c r="N262792" s="10"/>
    </row>
    <row r="262793" spans="14:14">
      <c r="N262793" s="10"/>
    </row>
    <row r="262794" spans="14:14">
      <c r="N262794" s="10"/>
    </row>
    <row r="262795" spans="14:14">
      <c r="N262795" s="10"/>
    </row>
    <row r="262796" spans="14:14">
      <c r="N262796" s="10"/>
    </row>
    <row r="262797" spans="14:14">
      <c r="N262797" s="10"/>
    </row>
    <row r="262798" spans="14:14">
      <c r="N262798" s="10"/>
    </row>
    <row r="262799" spans="14:14">
      <c r="N262799" s="10"/>
    </row>
    <row r="262800" spans="14:14">
      <c r="N262800" s="10"/>
    </row>
    <row r="262801" spans="14:14">
      <c r="N262801" s="10"/>
    </row>
    <row r="262802" spans="14:14">
      <c r="N262802" s="10"/>
    </row>
    <row r="262803" spans="14:14">
      <c r="N262803" s="10"/>
    </row>
    <row r="262804" spans="14:14">
      <c r="N262804" s="10"/>
    </row>
    <row r="262805" spans="14:14">
      <c r="N262805" s="10"/>
    </row>
    <row r="262806" spans="14:14">
      <c r="N262806" s="10"/>
    </row>
    <row r="262807" spans="14:14">
      <c r="N262807" s="10"/>
    </row>
    <row r="262808" spans="14:14">
      <c r="N262808" s="10"/>
    </row>
    <row r="262809" spans="14:14">
      <c r="N262809" s="10"/>
    </row>
    <row r="262810" spans="14:14">
      <c r="N262810" s="10"/>
    </row>
    <row r="262811" spans="14:14">
      <c r="N262811" s="10"/>
    </row>
    <row r="262812" spans="14:14">
      <c r="N262812" s="10"/>
    </row>
    <row r="262813" spans="14:14">
      <c r="N262813" s="10"/>
    </row>
    <row r="262814" spans="14:14">
      <c r="N262814" s="10"/>
    </row>
    <row r="262815" spans="14:14">
      <c r="N262815" s="10"/>
    </row>
    <row r="262816" spans="14:14">
      <c r="N262816" s="10"/>
    </row>
    <row r="262817" spans="14:14">
      <c r="N262817" s="10"/>
    </row>
    <row r="262818" spans="14:14">
      <c r="N262818" s="10"/>
    </row>
    <row r="262819" spans="14:14">
      <c r="N262819" s="10"/>
    </row>
    <row r="262820" spans="14:14">
      <c r="N262820" s="10"/>
    </row>
    <row r="262821" spans="14:14">
      <c r="N262821" s="10"/>
    </row>
    <row r="262822" spans="14:14">
      <c r="N262822" s="10"/>
    </row>
    <row r="262823" spans="14:14">
      <c r="N262823" s="10"/>
    </row>
    <row r="262824" spans="14:14">
      <c r="N262824" s="10"/>
    </row>
    <row r="262825" spans="14:14">
      <c r="N262825" s="10"/>
    </row>
    <row r="262826" spans="14:14">
      <c r="N262826" s="10"/>
    </row>
    <row r="262827" spans="14:14">
      <c r="N262827" s="10"/>
    </row>
    <row r="262828" spans="14:14">
      <c r="N262828" s="10"/>
    </row>
    <row r="262829" spans="14:14">
      <c r="N262829" s="10"/>
    </row>
    <row r="262830" spans="14:14">
      <c r="N262830" s="10"/>
    </row>
    <row r="262831" spans="14:14">
      <c r="N262831" s="10"/>
    </row>
    <row r="262832" spans="14:14">
      <c r="N262832" s="10"/>
    </row>
    <row r="262833" spans="14:14">
      <c r="N262833" s="10"/>
    </row>
    <row r="262834" spans="14:14">
      <c r="N262834" s="10"/>
    </row>
    <row r="262835" spans="14:14">
      <c r="N262835" s="10"/>
    </row>
    <row r="262836" spans="14:14">
      <c r="N262836" s="10"/>
    </row>
    <row r="262837" spans="14:14">
      <c r="N262837" s="10"/>
    </row>
    <row r="262838" spans="14:14">
      <c r="N262838" s="10"/>
    </row>
    <row r="262839" spans="14:14">
      <c r="N262839" s="10"/>
    </row>
    <row r="262840" spans="14:14">
      <c r="N262840" s="10"/>
    </row>
    <row r="262841" spans="14:14">
      <c r="N262841" s="10"/>
    </row>
    <row r="262842" spans="14:14">
      <c r="N262842" s="10"/>
    </row>
    <row r="262843" spans="14:14">
      <c r="N262843" s="10"/>
    </row>
    <row r="262844" spans="14:14">
      <c r="N262844" s="10"/>
    </row>
    <row r="262845" spans="14:14">
      <c r="N262845" s="10"/>
    </row>
    <row r="262846" spans="14:14">
      <c r="N262846" s="10"/>
    </row>
    <row r="262847" spans="14:14">
      <c r="N262847" s="10"/>
    </row>
    <row r="262848" spans="14:14">
      <c r="N262848" s="10"/>
    </row>
    <row r="262849" spans="14:14">
      <c r="N262849" s="10"/>
    </row>
    <row r="262850" spans="14:14">
      <c r="N262850" s="10"/>
    </row>
    <row r="262851" spans="14:14">
      <c r="N262851" s="10"/>
    </row>
    <row r="262852" spans="14:14">
      <c r="N262852" s="10"/>
    </row>
    <row r="262853" spans="14:14">
      <c r="N262853" s="10"/>
    </row>
    <row r="262854" spans="14:14">
      <c r="N262854" s="10"/>
    </row>
    <row r="262855" spans="14:14">
      <c r="N262855" s="10"/>
    </row>
    <row r="262856" spans="14:14">
      <c r="N262856" s="10"/>
    </row>
    <row r="262857" spans="14:14">
      <c r="N262857" s="10"/>
    </row>
    <row r="262858" spans="14:14">
      <c r="N262858" s="10"/>
    </row>
    <row r="262859" spans="14:14">
      <c r="N262859" s="10"/>
    </row>
    <row r="262860" spans="14:14">
      <c r="N262860" s="10"/>
    </row>
    <row r="262861" spans="14:14">
      <c r="N262861" s="10"/>
    </row>
    <row r="262862" spans="14:14">
      <c r="N262862" s="10"/>
    </row>
    <row r="262863" spans="14:14">
      <c r="N262863" s="10"/>
    </row>
    <row r="262864" spans="14:14">
      <c r="N262864" s="10"/>
    </row>
    <row r="262865" spans="14:14">
      <c r="N262865" s="10"/>
    </row>
    <row r="262866" spans="14:14">
      <c r="N262866" s="10"/>
    </row>
    <row r="262867" spans="14:14">
      <c r="N262867" s="10"/>
    </row>
    <row r="262868" spans="14:14">
      <c r="N262868" s="10"/>
    </row>
    <row r="262869" spans="14:14">
      <c r="N262869" s="10"/>
    </row>
    <row r="262870" spans="14:14">
      <c r="N262870" s="10"/>
    </row>
    <row r="262871" spans="14:14">
      <c r="N262871" s="10"/>
    </row>
    <row r="262872" spans="14:14">
      <c r="N262872" s="10"/>
    </row>
    <row r="262873" spans="14:14">
      <c r="N262873" s="10"/>
    </row>
    <row r="262874" spans="14:14">
      <c r="N262874" s="10"/>
    </row>
    <row r="262875" spans="14:14">
      <c r="N262875" s="10"/>
    </row>
    <row r="262876" spans="14:14">
      <c r="N262876" s="10"/>
    </row>
    <row r="262877" spans="14:14">
      <c r="N262877" s="10"/>
    </row>
    <row r="262878" spans="14:14">
      <c r="N262878" s="10"/>
    </row>
    <row r="262879" spans="14:14">
      <c r="N262879" s="10"/>
    </row>
    <row r="262880" spans="14:14">
      <c r="N262880" s="10"/>
    </row>
    <row r="262881" spans="14:14">
      <c r="N262881" s="10"/>
    </row>
    <row r="262882" spans="14:14">
      <c r="N262882" s="10"/>
    </row>
    <row r="262883" spans="14:14">
      <c r="N262883" s="10"/>
    </row>
    <row r="262884" spans="14:14">
      <c r="N262884" s="10"/>
    </row>
    <row r="262885" spans="14:14">
      <c r="N262885" s="10"/>
    </row>
    <row r="262886" spans="14:14">
      <c r="N262886" s="10"/>
    </row>
    <row r="262887" spans="14:14">
      <c r="N262887" s="10"/>
    </row>
    <row r="262888" spans="14:14">
      <c r="N262888" s="10"/>
    </row>
    <row r="262889" spans="14:14">
      <c r="N262889" s="10"/>
    </row>
    <row r="262890" spans="14:14">
      <c r="N262890" s="10"/>
    </row>
    <row r="262891" spans="14:14">
      <c r="N262891" s="10"/>
    </row>
    <row r="262892" spans="14:14">
      <c r="N262892" s="10"/>
    </row>
    <row r="262893" spans="14:14">
      <c r="N262893" s="10"/>
    </row>
    <row r="262894" spans="14:14">
      <c r="N262894" s="10"/>
    </row>
    <row r="262895" spans="14:14">
      <c r="N262895" s="10"/>
    </row>
    <row r="262896" spans="14:14">
      <c r="N262896" s="10"/>
    </row>
    <row r="262897" spans="14:14">
      <c r="N262897" s="10"/>
    </row>
    <row r="262898" spans="14:14">
      <c r="N262898" s="10"/>
    </row>
    <row r="262899" spans="14:14">
      <c r="N262899" s="10"/>
    </row>
    <row r="262900" spans="14:14">
      <c r="N262900" s="10"/>
    </row>
    <row r="262901" spans="14:14">
      <c r="N262901" s="10"/>
    </row>
    <row r="262902" spans="14:14">
      <c r="N262902" s="10"/>
    </row>
    <row r="262903" spans="14:14">
      <c r="N262903" s="10"/>
    </row>
    <row r="262904" spans="14:14">
      <c r="N262904" s="10"/>
    </row>
    <row r="262905" spans="14:14">
      <c r="N262905" s="10"/>
    </row>
    <row r="262906" spans="14:14">
      <c r="N262906" s="10"/>
    </row>
    <row r="262907" spans="14:14">
      <c r="N262907" s="10"/>
    </row>
    <row r="262908" spans="14:14">
      <c r="N262908" s="10"/>
    </row>
    <row r="262909" spans="14:14">
      <c r="N262909" s="10"/>
    </row>
    <row r="262910" spans="14:14">
      <c r="N262910" s="10"/>
    </row>
    <row r="262911" spans="14:14">
      <c r="N262911" s="10"/>
    </row>
    <row r="262912" spans="14:14">
      <c r="N262912" s="10"/>
    </row>
    <row r="262913" spans="14:14">
      <c r="N262913" s="10"/>
    </row>
    <row r="262914" spans="14:14">
      <c r="N262914" s="10"/>
    </row>
    <row r="262915" spans="14:14">
      <c r="N262915" s="10"/>
    </row>
    <row r="262916" spans="14:14">
      <c r="N262916" s="10"/>
    </row>
    <row r="262917" spans="14:14">
      <c r="N262917" s="10"/>
    </row>
    <row r="262918" spans="14:14">
      <c r="N262918" s="10"/>
    </row>
    <row r="262919" spans="14:14">
      <c r="N262919" s="10"/>
    </row>
    <row r="262920" spans="14:14">
      <c r="N262920" s="10"/>
    </row>
    <row r="262921" spans="14:14">
      <c r="N262921" s="10"/>
    </row>
    <row r="262922" spans="14:14">
      <c r="N262922" s="10"/>
    </row>
    <row r="262923" spans="14:14">
      <c r="N262923" s="10"/>
    </row>
    <row r="262924" spans="14:14">
      <c r="N262924" s="10"/>
    </row>
    <row r="262925" spans="14:14">
      <c r="N262925" s="10"/>
    </row>
    <row r="262926" spans="14:14">
      <c r="N262926" s="10"/>
    </row>
    <row r="262927" spans="14:14">
      <c r="N262927" s="10"/>
    </row>
    <row r="262928" spans="14:14">
      <c r="N262928" s="10"/>
    </row>
    <row r="262929" spans="14:14">
      <c r="N262929" s="10"/>
    </row>
    <row r="262930" spans="14:14">
      <c r="N262930" s="10"/>
    </row>
    <row r="262931" spans="14:14">
      <c r="N262931" s="10"/>
    </row>
    <row r="262932" spans="14:14">
      <c r="N262932" s="10"/>
    </row>
    <row r="262933" spans="14:14">
      <c r="N262933" s="10"/>
    </row>
    <row r="262934" spans="14:14">
      <c r="N262934" s="10"/>
    </row>
    <row r="262935" spans="14:14">
      <c r="N262935" s="10"/>
    </row>
    <row r="262936" spans="14:14">
      <c r="N262936" s="10"/>
    </row>
    <row r="262937" spans="14:14">
      <c r="N262937" s="10"/>
    </row>
    <row r="262938" spans="14:14">
      <c r="N262938" s="10"/>
    </row>
    <row r="262939" spans="14:14">
      <c r="N262939" s="10"/>
    </row>
    <row r="262940" spans="14:14">
      <c r="N262940" s="10"/>
    </row>
    <row r="262941" spans="14:14">
      <c r="N262941" s="10"/>
    </row>
    <row r="262942" spans="14:14">
      <c r="N262942" s="10"/>
    </row>
    <row r="262943" spans="14:14">
      <c r="N262943" s="10"/>
    </row>
    <row r="262944" spans="14:14">
      <c r="N262944" s="10"/>
    </row>
    <row r="262945" spans="14:14">
      <c r="N262945" s="10"/>
    </row>
    <row r="262946" spans="14:14">
      <c r="N262946" s="10"/>
    </row>
    <row r="262947" spans="14:14">
      <c r="N262947" s="10"/>
    </row>
    <row r="262948" spans="14:14">
      <c r="N262948" s="10"/>
    </row>
    <row r="262949" spans="14:14">
      <c r="N262949" s="10"/>
    </row>
    <row r="262950" spans="14:14">
      <c r="N262950" s="10"/>
    </row>
    <row r="262951" spans="14:14">
      <c r="N262951" s="10"/>
    </row>
    <row r="262952" spans="14:14">
      <c r="N262952" s="10"/>
    </row>
    <row r="262953" spans="14:14">
      <c r="N262953" s="10"/>
    </row>
    <row r="262954" spans="14:14">
      <c r="N262954" s="10"/>
    </row>
    <row r="262955" spans="14:14">
      <c r="N262955" s="10"/>
    </row>
    <row r="262956" spans="14:14">
      <c r="N262956" s="10"/>
    </row>
    <row r="262957" spans="14:14">
      <c r="N262957" s="10"/>
    </row>
    <row r="262958" spans="14:14">
      <c r="N262958" s="10"/>
    </row>
    <row r="262959" spans="14:14">
      <c r="N262959" s="10"/>
    </row>
    <row r="262960" spans="14:14">
      <c r="N262960" s="10"/>
    </row>
    <row r="262961" spans="14:14">
      <c r="N262961" s="10"/>
    </row>
    <row r="262962" spans="14:14">
      <c r="N262962" s="10"/>
    </row>
    <row r="262963" spans="14:14">
      <c r="N262963" s="10"/>
    </row>
    <row r="262964" spans="14:14">
      <c r="N262964" s="10"/>
    </row>
    <row r="262965" spans="14:14">
      <c r="N262965" s="10"/>
    </row>
    <row r="262966" spans="14:14">
      <c r="N262966" s="10"/>
    </row>
    <row r="262967" spans="14:14">
      <c r="N262967" s="10"/>
    </row>
    <row r="262968" spans="14:14">
      <c r="N262968" s="10"/>
    </row>
    <row r="262969" spans="14:14">
      <c r="N262969" s="10"/>
    </row>
    <row r="262970" spans="14:14">
      <c r="N262970" s="10"/>
    </row>
    <row r="262971" spans="14:14">
      <c r="N262971" s="10"/>
    </row>
    <row r="262972" spans="14:14">
      <c r="N262972" s="10"/>
    </row>
    <row r="262973" spans="14:14">
      <c r="N262973" s="10"/>
    </row>
    <row r="262974" spans="14:14">
      <c r="N262974" s="10"/>
    </row>
    <row r="262975" spans="14:14">
      <c r="N262975" s="10"/>
    </row>
    <row r="262976" spans="14:14">
      <c r="N262976" s="10"/>
    </row>
    <row r="262977" spans="14:14">
      <c r="N262977" s="10"/>
    </row>
    <row r="262978" spans="14:14">
      <c r="N262978" s="10"/>
    </row>
    <row r="262979" spans="14:14">
      <c r="N262979" s="10"/>
    </row>
    <row r="262980" spans="14:14">
      <c r="N262980" s="10"/>
    </row>
    <row r="262981" spans="14:14">
      <c r="N262981" s="10"/>
    </row>
    <row r="262982" spans="14:14">
      <c r="N262982" s="10"/>
    </row>
    <row r="262983" spans="14:14">
      <c r="N262983" s="10"/>
    </row>
    <row r="262984" spans="14:14">
      <c r="N262984" s="10"/>
    </row>
    <row r="262985" spans="14:14">
      <c r="N262985" s="10"/>
    </row>
    <row r="262986" spans="14:14">
      <c r="N262986" s="10"/>
    </row>
    <row r="262987" spans="14:14">
      <c r="N262987" s="10"/>
    </row>
    <row r="262988" spans="14:14">
      <c r="N262988" s="10"/>
    </row>
    <row r="262989" spans="14:14">
      <c r="N262989" s="10"/>
    </row>
    <row r="262990" spans="14:14">
      <c r="N262990" s="10"/>
    </row>
    <row r="262991" spans="14:14">
      <c r="N262991" s="10"/>
    </row>
    <row r="262992" spans="14:14">
      <c r="N262992" s="10"/>
    </row>
    <row r="262993" spans="14:14">
      <c r="N262993" s="10"/>
    </row>
    <row r="262994" spans="14:14">
      <c r="N262994" s="10"/>
    </row>
    <row r="262995" spans="14:14">
      <c r="N262995" s="10"/>
    </row>
    <row r="262996" spans="14:14">
      <c r="N262996" s="10"/>
    </row>
    <row r="262997" spans="14:14">
      <c r="N262997" s="10"/>
    </row>
    <row r="262998" spans="14:14">
      <c r="N262998" s="10"/>
    </row>
    <row r="262999" spans="14:14">
      <c r="N262999" s="10"/>
    </row>
    <row r="263000" spans="14:14">
      <c r="N263000" s="10"/>
    </row>
    <row r="263001" spans="14:14">
      <c r="N263001" s="10"/>
    </row>
    <row r="263002" spans="14:14">
      <c r="N263002" s="10"/>
    </row>
    <row r="263003" spans="14:14">
      <c r="N263003" s="10"/>
    </row>
    <row r="263004" spans="14:14">
      <c r="N263004" s="10"/>
    </row>
    <row r="263005" spans="14:14">
      <c r="N263005" s="10"/>
    </row>
    <row r="263006" spans="14:14">
      <c r="N263006" s="10"/>
    </row>
    <row r="263007" spans="14:14">
      <c r="N263007" s="10"/>
    </row>
    <row r="263008" spans="14:14">
      <c r="N263008" s="10"/>
    </row>
    <row r="263009" spans="14:14">
      <c r="N263009" s="10"/>
    </row>
    <row r="263010" spans="14:14">
      <c r="N263010" s="10"/>
    </row>
    <row r="263011" spans="14:14">
      <c r="N263011" s="10"/>
    </row>
    <row r="263012" spans="14:14">
      <c r="N263012" s="10"/>
    </row>
    <row r="263013" spans="14:14">
      <c r="N263013" s="10"/>
    </row>
    <row r="263014" spans="14:14">
      <c r="N263014" s="10"/>
    </row>
    <row r="263015" spans="14:14">
      <c r="N263015" s="10"/>
    </row>
    <row r="263016" spans="14:14">
      <c r="N263016" s="10"/>
    </row>
    <row r="263017" spans="14:14">
      <c r="N263017" s="10"/>
    </row>
    <row r="263018" spans="14:14">
      <c r="N263018" s="10"/>
    </row>
    <row r="263019" spans="14:14">
      <c r="N263019" s="10"/>
    </row>
    <row r="263020" spans="14:14">
      <c r="N263020" s="10"/>
    </row>
    <row r="263021" spans="14:14">
      <c r="N263021" s="10"/>
    </row>
    <row r="263022" spans="14:14">
      <c r="N263022" s="10"/>
    </row>
    <row r="263023" spans="14:14">
      <c r="N263023" s="10"/>
    </row>
    <row r="263024" spans="14:14">
      <c r="N263024" s="10"/>
    </row>
    <row r="263025" spans="14:14">
      <c r="N263025" s="10"/>
    </row>
    <row r="263026" spans="14:14">
      <c r="N263026" s="10"/>
    </row>
    <row r="263027" spans="14:14">
      <c r="N263027" s="10"/>
    </row>
    <row r="263028" spans="14:14">
      <c r="N263028" s="10"/>
    </row>
    <row r="263029" spans="14:14">
      <c r="N263029" s="10"/>
    </row>
    <row r="263030" spans="14:14">
      <c r="N263030" s="10"/>
    </row>
    <row r="263031" spans="14:14">
      <c r="N263031" s="10"/>
    </row>
    <row r="263032" spans="14:14">
      <c r="N263032" s="10"/>
    </row>
    <row r="263033" spans="14:14">
      <c r="N263033" s="10"/>
    </row>
    <row r="263034" spans="14:14">
      <c r="N263034" s="10"/>
    </row>
    <row r="263035" spans="14:14">
      <c r="N263035" s="10"/>
    </row>
    <row r="263036" spans="14:14">
      <c r="N263036" s="10"/>
    </row>
    <row r="263037" spans="14:14">
      <c r="N263037" s="10"/>
    </row>
    <row r="263038" spans="14:14">
      <c r="N263038" s="10"/>
    </row>
    <row r="263039" spans="14:14">
      <c r="N263039" s="10"/>
    </row>
    <row r="263040" spans="14:14">
      <c r="N263040" s="10"/>
    </row>
    <row r="263041" spans="14:14">
      <c r="N263041" s="10"/>
    </row>
    <row r="263042" spans="14:14">
      <c r="N263042" s="10"/>
    </row>
    <row r="263043" spans="14:14">
      <c r="N263043" s="10"/>
    </row>
    <row r="263044" spans="14:14">
      <c r="N263044" s="10"/>
    </row>
    <row r="263045" spans="14:14">
      <c r="N263045" s="10"/>
    </row>
    <row r="263046" spans="14:14">
      <c r="N263046" s="10"/>
    </row>
    <row r="263047" spans="14:14">
      <c r="N263047" s="10"/>
    </row>
    <row r="263048" spans="14:14">
      <c r="N263048" s="10"/>
    </row>
    <row r="263049" spans="14:14">
      <c r="N263049" s="10"/>
    </row>
    <row r="263050" spans="14:14">
      <c r="N263050" s="10"/>
    </row>
    <row r="263051" spans="14:14">
      <c r="N263051" s="10"/>
    </row>
    <row r="263052" spans="14:14">
      <c r="N263052" s="10"/>
    </row>
    <row r="263053" spans="14:14">
      <c r="N263053" s="10"/>
    </row>
    <row r="263054" spans="14:14">
      <c r="N263054" s="10"/>
    </row>
    <row r="263055" spans="14:14">
      <c r="N263055" s="10"/>
    </row>
    <row r="263056" spans="14:14">
      <c r="N263056" s="10"/>
    </row>
    <row r="263057" spans="14:14">
      <c r="N263057" s="10"/>
    </row>
    <row r="263058" spans="14:14">
      <c r="N263058" s="10"/>
    </row>
    <row r="263059" spans="14:14">
      <c r="N263059" s="10"/>
    </row>
    <row r="263060" spans="14:14">
      <c r="N263060" s="10"/>
    </row>
    <row r="263061" spans="14:14">
      <c r="N263061" s="10"/>
    </row>
    <row r="263062" spans="14:14">
      <c r="N263062" s="10"/>
    </row>
    <row r="263063" spans="14:14">
      <c r="N263063" s="10"/>
    </row>
    <row r="263064" spans="14:14">
      <c r="N263064" s="10"/>
    </row>
    <row r="263065" spans="14:14">
      <c r="N263065" s="10"/>
    </row>
    <row r="263066" spans="14:14">
      <c r="N263066" s="10"/>
    </row>
    <row r="263067" spans="14:14">
      <c r="N263067" s="10"/>
    </row>
    <row r="263068" spans="14:14">
      <c r="N263068" s="10"/>
    </row>
    <row r="263069" spans="14:14">
      <c r="N263069" s="10"/>
    </row>
    <row r="263070" spans="14:14">
      <c r="N263070" s="10"/>
    </row>
    <row r="263071" spans="14:14">
      <c r="N263071" s="10"/>
    </row>
    <row r="263072" spans="14:14">
      <c r="N263072" s="10"/>
    </row>
    <row r="263073" spans="14:14">
      <c r="N263073" s="10"/>
    </row>
    <row r="263074" spans="14:14">
      <c r="N263074" s="10"/>
    </row>
    <row r="263075" spans="14:14">
      <c r="N263075" s="10"/>
    </row>
    <row r="263076" spans="14:14">
      <c r="N263076" s="10"/>
    </row>
    <row r="263077" spans="14:14">
      <c r="N263077" s="10"/>
    </row>
    <row r="263078" spans="14:14">
      <c r="N263078" s="10"/>
    </row>
    <row r="263079" spans="14:14">
      <c r="N263079" s="10"/>
    </row>
    <row r="263080" spans="14:14">
      <c r="N263080" s="10"/>
    </row>
    <row r="263081" spans="14:14">
      <c r="N263081" s="10"/>
    </row>
    <row r="263082" spans="14:14">
      <c r="N263082" s="10"/>
    </row>
    <row r="263083" spans="14:14">
      <c r="N263083" s="10"/>
    </row>
    <row r="263084" spans="14:14">
      <c r="N263084" s="10"/>
    </row>
    <row r="263085" spans="14:14">
      <c r="N263085" s="10"/>
    </row>
    <row r="263086" spans="14:14">
      <c r="N263086" s="10"/>
    </row>
    <row r="263087" spans="14:14">
      <c r="N263087" s="10"/>
    </row>
    <row r="263088" spans="14:14">
      <c r="N263088" s="10"/>
    </row>
    <row r="263089" spans="14:14">
      <c r="N263089" s="10"/>
    </row>
    <row r="263090" spans="14:14">
      <c r="N263090" s="10"/>
    </row>
    <row r="263091" spans="14:14">
      <c r="N263091" s="10"/>
    </row>
    <row r="263092" spans="14:14">
      <c r="N263092" s="10"/>
    </row>
    <row r="263093" spans="14:14">
      <c r="N263093" s="10"/>
    </row>
    <row r="263094" spans="14:14">
      <c r="N263094" s="10"/>
    </row>
    <row r="263095" spans="14:14">
      <c r="N263095" s="10"/>
    </row>
    <row r="263096" spans="14:14">
      <c r="N263096" s="10"/>
    </row>
    <row r="263097" spans="14:14">
      <c r="N263097" s="10"/>
    </row>
    <row r="263098" spans="14:14">
      <c r="N263098" s="10"/>
    </row>
    <row r="263099" spans="14:14">
      <c r="N263099" s="10"/>
    </row>
    <row r="263100" spans="14:14">
      <c r="N263100" s="10"/>
    </row>
    <row r="263101" spans="14:14">
      <c r="N263101" s="10"/>
    </row>
    <row r="263102" spans="14:14">
      <c r="N263102" s="10"/>
    </row>
    <row r="263103" spans="14:14">
      <c r="N263103" s="10"/>
    </row>
    <row r="263104" spans="14:14">
      <c r="N263104" s="10"/>
    </row>
    <row r="263105" spans="14:14">
      <c r="N263105" s="10"/>
    </row>
    <row r="263106" spans="14:14">
      <c r="N263106" s="10"/>
    </row>
    <row r="263107" spans="14:14">
      <c r="N263107" s="10"/>
    </row>
    <row r="263108" spans="14:14">
      <c r="N263108" s="10"/>
    </row>
    <row r="263109" spans="14:14">
      <c r="N263109" s="10"/>
    </row>
    <row r="263110" spans="14:14">
      <c r="N263110" s="10"/>
    </row>
    <row r="263111" spans="14:14">
      <c r="N263111" s="10"/>
    </row>
    <row r="263112" spans="14:14">
      <c r="N263112" s="10"/>
    </row>
    <row r="263113" spans="14:14">
      <c r="N263113" s="10"/>
    </row>
    <row r="263114" spans="14:14">
      <c r="N263114" s="10"/>
    </row>
    <row r="263115" spans="14:14">
      <c r="N263115" s="10"/>
    </row>
    <row r="263116" spans="14:14">
      <c r="N263116" s="10"/>
    </row>
    <row r="263117" spans="14:14">
      <c r="N263117" s="10"/>
    </row>
    <row r="263118" spans="14:14">
      <c r="N263118" s="10"/>
    </row>
    <row r="263119" spans="14:14">
      <c r="N263119" s="10"/>
    </row>
    <row r="263120" spans="14:14">
      <c r="N263120" s="10"/>
    </row>
    <row r="263121" spans="14:14">
      <c r="N263121" s="10"/>
    </row>
    <row r="263122" spans="14:14">
      <c r="N263122" s="10"/>
    </row>
    <row r="263123" spans="14:14">
      <c r="N263123" s="10"/>
    </row>
    <row r="263124" spans="14:14">
      <c r="N263124" s="10"/>
    </row>
    <row r="263125" spans="14:14">
      <c r="N263125" s="10"/>
    </row>
    <row r="263126" spans="14:14">
      <c r="N263126" s="10"/>
    </row>
    <row r="263127" spans="14:14">
      <c r="N263127" s="10"/>
    </row>
    <row r="263128" spans="14:14">
      <c r="N263128" s="10"/>
    </row>
    <row r="263129" spans="14:14">
      <c r="N263129" s="10"/>
    </row>
    <row r="263130" spans="14:14">
      <c r="N263130" s="10"/>
    </row>
    <row r="263131" spans="14:14">
      <c r="N263131" s="10"/>
    </row>
    <row r="263132" spans="14:14">
      <c r="N263132" s="10"/>
    </row>
    <row r="263133" spans="14:14">
      <c r="N263133" s="10"/>
    </row>
    <row r="263134" spans="14:14">
      <c r="N263134" s="10"/>
    </row>
    <row r="263135" spans="14:14">
      <c r="N263135" s="10"/>
    </row>
    <row r="263136" spans="14:14">
      <c r="N263136" s="10"/>
    </row>
    <row r="263137" spans="14:14">
      <c r="N263137" s="10"/>
    </row>
    <row r="263138" spans="14:14">
      <c r="N263138" s="10"/>
    </row>
    <row r="263139" spans="14:14">
      <c r="N263139" s="10"/>
    </row>
    <row r="263140" spans="14:14">
      <c r="N263140" s="10"/>
    </row>
    <row r="263141" spans="14:14">
      <c r="N263141" s="10"/>
    </row>
    <row r="263142" spans="14:14">
      <c r="N263142" s="10"/>
    </row>
    <row r="263143" spans="14:14">
      <c r="N263143" s="10"/>
    </row>
    <row r="263144" spans="14:14">
      <c r="N263144" s="10"/>
    </row>
    <row r="263145" spans="14:14">
      <c r="N263145" s="10"/>
    </row>
    <row r="263146" spans="14:14">
      <c r="N263146" s="10"/>
    </row>
    <row r="263147" spans="14:14">
      <c r="N263147" s="10"/>
    </row>
    <row r="263148" spans="14:14">
      <c r="N263148" s="10"/>
    </row>
    <row r="263149" spans="14:14">
      <c r="N263149" s="10"/>
    </row>
    <row r="263150" spans="14:14">
      <c r="N263150" s="10"/>
    </row>
    <row r="263151" spans="14:14">
      <c r="N263151" s="10"/>
    </row>
    <row r="263152" spans="14:14">
      <c r="N263152" s="10"/>
    </row>
    <row r="263153" spans="14:14">
      <c r="N263153" s="10"/>
    </row>
    <row r="263154" spans="14:14">
      <c r="N263154" s="10"/>
    </row>
    <row r="263155" spans="14:14">
      <c r="N263155" s="10"/>
    </row>
    <row r="263156" spans="14:14">
      <c r="N263156" s="10"/>
    </row>
    <row r="263157" spans="14:14">
      <c r="N263157" s="10"/>
    </row>
    <row r="263158" spans="14:14">
      <c r="N263158" s="10"/>
    </row>
    <row r="263159" spans="14:14">
      <c r="N263159" s="10"/>
    </row>
    <row r="263160" spans="14:14">
      <c r="N263160" s="10"/>
    </row>
    <row r="263161" spans="14:14">
      <c r="N263161" s="10"/>
    </row>
    <row r="263162" spans="14:14">
      <c r="N263162" s="10"/>
    </row>
    <row r="263163" spans="14:14">
      <c r="N263163" s="10"/>
    </row>
    <row r="263164" spans="14:14">
      <c r="N263164" s="10"/>
    </row>
    <row r="263165" spans="14:14">
      <c r="N263165" s="10"/>
    </row>
    <row r="263166" spans="14:14">
      <c r="N263166" s="10"/>
    </row>
    <row r="263167" spans="14:14">
      <c r="N263167" s="10"/>
    </row>
    <row r="263168" spans="14:14">
      <c r="N263168" s="10"/>
    </row>
    <row r="263169" spans="14:14">
      <c r="N263169" s="10"/>
    </row>
    <row r="263170" spans="14:14">
      <c r="N263170" s="10"/>
    </row>
    <row r="263171" spans="14:14">
      <c r="N263171" s="10"/>
    </row>
    <row r="263172" spans="14:14">
      <c r="N263172" s="10"/>
    </row>
    <row r="263173" spans="14:14">
      <c r="N263173" s="10"/>
    </row>
    <row r="263174" spans="14:14">
      <c r="N263174" s="10"/>
    </row>
    <row r="263175" spans="14:14">
      <c r="N263175" s="10"/>
    </row>
    <row r="263176" spans="14:14">
      <c r="N263176" s="10"/>
    </row>
    <row r="263177" spans="14:14">
      <c r="N263177" s="10"/>
    </row>
    <row r="263178" spans="14:14">
      <c r="N263178" s="10"/>
    </row>
    <row r="263179" spans="14:14">
      <c r="N263179" s="10"/>
    </row>
    <row r="263180" spans="14:14">
      <c r="N263180" s="10"/>
    </row>
    <row r="263181" spans="14:14">
      <c r="N263181" s="10"/>
    </row>
    <row r="263182" spans="14:14">
      <c r="N263182" s="10"/>
    </row>
    <row r="263183" spans="14:14">
      <c r="N263183" s="10"/>
    </row>
    <row r="263184" spans="14:14">
      <c r="N263184" s="10"/>
    </row>
    <row r="263185" spans="14:14">
      <c r="N263185" s="10"/>
    </row>
    <row r="263186" spans="14:14">
      <c r="N263186" s="10"/>
    </row>
    <row r="263187" spans="14:14">
      <c r="N263187" s="10"/>
    </row>
    <row r="263188" spans="14:14">
      <c r="N263188" s="10"/>
    </row>
    <row r="263189" spans="14:14">
      <c r="N263189" s="10"/>
    </row>
    <row r="263190" spans="14:14">
      <c r="N263190" s="10"/>
    </row>
    <row r="263191" spans="14:14">
      <c r="N263191" s="10"/>
    </row>
    <row r="263192" spans="14:14">
      <c r="N263192" s="10"/>
    </row>
    <row r="263193" spans="14:14">
      <c r="N263193" s="10"/>
    </row>
    <row r="263194" spans="14:14">
      <c r="N263194" s="10"/>
    </row>
    <row r="263195" spans="14:14">
      <c r="N263195" s="10"/>
    </row>
    <row r="263196" spans="14:14">
      <c r="N263196" s="10"/>
    </row>
    <row r="263197" spans="14:14">
      <c r="N263197" s="10"/>
    </row>
    <row r="263198" spans="14:14">
      <c r="N263198" s="10"/>
    </row>
    <row r="263199" spans="14:14">
      <c r="N263199" s="10"/>
    </row>
    <row r="263200" spans="14:14">
      <c r="N263200" s="10"/>
    </row>
    <row r="263201" spans="14:14">
      <c r="N263201" s="10"/>
    </row>
    <row r="263202" spans="14:14">
      <c r="N263202" s="10"/>
    </row>
    <row r="263203" spans="14:14">
      <c r="N263203" s="10"/>
    </row>
    <row r="263204" spans="14:14">
      <c r="N263204" s="10"/>
    </row>
    <row r="263205" spans="14:14">
      <c r="N263205" s="10"/>
    </row>
    <row r="263206" spans="14:14">
      <c r="N263206" s="10"/>
    </row>
    <row r="263207" spans="14:14">
      <c r="N263207" s="10"/>
    </row>
    <row r="263208" spans="14:14">
      <c r="N263208" s="10"/>
    </row>
    <row r="263209" spans="14:14">
      <c r="N263209" s="10"/>
    </row>
    <row r="263210" spans="14:14">
      <c r="N263210" s="10"/>
    </row>
    <row r="263211" spans="14:14">
      <c r="N263211" s="10"/>
    </row>
    <row r="263212" spans="14:14">
      <c r="N263212" s="10"/>
    </row>
    <row r="263213" spans="14:14">
      <c r="N263213" s="10"/>
    </row>
    <row r="263214" spans="14:14">
      <c r="N263214" s="10"/>
    </row>
    <row r="263215" spans="14:14">
      <c r="N263215" s="10"/>
    </row>
    <row r="263216" spans="14:14">
      <c r="N263216" s="10"/>
    </row>
    <row r="263217" spans="14:14">
      <c r="N263217" s="10"/>
    </row>
    <row r="263218" spans="14:14">
      <c r="N263218" s="10"/>
    </row>
    <row r="263219" spans="14:14">
      <c r="N263219" s="10"/>
    </row>
    <row r="263220" spans="14:14">
      <c r="N263220" s="10"/>
    </row>
    <row r="263221" spans="14:14">
      <c r="N263221" s="10"/>
    </row>
    <row r="263222" spans="14:14">
      <c r="N263222" s="10"/>
    </row>
    <row r="263223" spans="14:14">
      <c r="N263223" s="10"/>
    </row>
    <row r="263224" spans="14:14">
      <c r="N263224" s="10"/>
    </row>
    <row r="263225" spans="14:14">
      <c r="N263225" s="10"/>
    </row>
    <row r="263226" spans="14:14">
      <c r="N263226" s="10"/>
    </row>
    <row r="263227" spans="14:14">
      <c r="N263227" s="10"/>
    </row>
    <row r="263228" spans="14:14">
      <c r="N263228" s="10"/>
    </row>
    <row r="263229" spans="14:14">
      <c r="N263229" s="10"/>
    </row>
    <row r="263230" spans="14:14">
      <c r="N263230" s="10"/>
    </row>
    <row r="263231" spans="14:14">
      <c r="N263231" s="10"/>
    </row>
    <row r="263232" spans="14:14">
      <c r="N263232" s="10"/>
    </row>
    <row r="263233" spans="14:14">
      <c r="N263233" s="10"/>
    </row>
    <row r="263234" spans="14:14">
      <c r="N263234" s="10"/>
    </row>
    <row r="263235" spans="14:14">
      <c r="N263235" s="10"/>
    </row>
    <row r="263236" spans="14:14">
      <c r="N263236" s="10"/>
    </row>
    <row r="263237" spans="14:14">
      <c r="N263237" s="10"/>
    </row>
    <row r="263238" spans="14:14">
      <c r="N263238" s="10"/>
    </row>
    <row r="263239" spans="14:14">
      <c r="N263239" s="10"/>
    </row>
    <row r="263240" spans="14:14">
      <c r="N263240" s="10"/>
    </row>
    <row r="263241" spans="14:14">
      <c r="N263241" s="10"/>
    </row>
    <row r="263242" spans="14:14">
      <c r="N263242" s="10"/>
    </row>
    <row r="263243" spans="14:14">
      <c r="N263243" s="10"/>
    </row>
    <row r="263244" spans="14:14">
      <c r="N263244" s="10"/>
    </row>
    <row r="263245" spans="14:14">
      <c r="N263245" s="10"/>
    </row>
    <row r="263246" spans="14:14">
      <c r="N263246" s="10"/>
    </row>
    <row r="263247" spans="14:14">
      <c r="N263247" s="10"/>
    </row>
    <row r="263248" spans="14:14">
      <c r="N263248" s="10"/>
    </row>
    <row r="263249" spans="14:14">
      <c r="N263249" s="10"/>
    </row>
    <row r="263250" spans="14:14">
      <c r="N263250" s="10"/>
    </row>
    <row r="263251" spans="14:14">
      <c r="N263251" s="10"/>
    </row>
    <row r="263252" spans="14:14">
      <c r="N263252" s="10"/>
    </row>
    <row r="263253" spans="14:14">
      <c r="N263253" s="10"/>
    </row>
    <row r="263254" spans="14:14">
      <c r="N263254" s="10"/>
    </row>
    <row r="263255" spans="14:14">
      <c r="N263255" s="10"/>
    </row>
    <row r="263256" spans="14:14">
      <c r="N263256" s="10"/>
    </row>
    <row r="263257" spans="14:14">
      <c r="N263257" s="10"/>
    </row>
    <row r="263258" spans="14:14">
      <c r="N263258" s="10"/>
    </row>
    <row r="263259" spans="14:14">
      <c r="N263259" s="10"/>
    </row>
    <row r="263260" spans="14:14">
      <c r="N263260" s="10"/>
    </row>
    <row r="263261" spans="14:14">
      <c r="N263261" s="10"/>
    </row>
    <row r="263262" spans="14:14">
      <c r="N263262" s="10"/>
    </row>
    <row r="263263" spans="14:14">
      <c r="N263263" s="10"/>
    </row>
    <row r="263264" spans="14:14">
      <c r="N263264" s="10"/>
    </row>
    <row r="263265" spans="14:14">
      <c r="N263265" s="10"/>
    </row>
    <row r="263266" spans="14:14">
      <c r="N263266" s="10"/>
    </row>
    <row r="263267" spans="14:14">
      <c r="N263267" s="10"/>
    </row>
    <row r="263268" spans="14:14">
      <c r="N263268" s="10"/>
    </row>
    <row r="263269" spans="14:14">
      <c r="N263269" s="10"/>
    </row>
    <row r="263270" spans="14:14">
      <c r="N263270" s="10"/>
    </row>
    <row r="263271" spans="14:14">
      <c r="N263271" s="10"/>
    </row>
    <row r="263272" spans="14:14">
      <c r="N263272" s="10"/>
    </row>
    <row r="263273" spans="14:14">
      <c r="N263273" s="10"/>
    </row>
    <row r="263274" spans="14:14">
      <c r="N263274" s="10"/>
    </row>
    <row r="263275" spans="14:14">
      <c r="N263275" s="10"/>
    </row>
    <row r="263276" spans="14:14">
      <c r="N263276" s="10"/>
    </row>
    <row r="263277" spans="14:14">
      <c r="N263277" s="10"/>
    </row>
    <row r="263278" spans="14:14">
      <c r="N263278" s="10"/>
    </row>
    <row r="263279" spans="14:14">
      <c r="N263279" s="10"/>
    </row>
    <row r="263280" spans="14:14">
      <c r="N263280" s="10"/>
    </row>
    <row r="263281" spans="14:14">
      <c r="N263281" s="10"/>
    </row>
    <row r="263282" spans="14:14">
      <c r="N263282" s="10"/>
    </row>
    <row r="263283" spans="14:14">
      <c r="N263283" s="10"/>
    </row>
    <row r="263284" spans="14:14">
      <c r="N263284" s="10"/>
    </row>
    <row r="263285" spans="14:14">
      <c r="N263285" s="10"/>
    </row>
    <row r="263286" spans="14:14">
      <c r="N263286" s="10"/>
    </row>
    <row r="263287" spans="14:14">
      <c r="N263287" s="10"/>
    </row>
    <row r="263288" spans="14:14">
      <c r="N263288" s="10"/>
    </row>
    <row r="263289" spans="14:14">
      <c r="N263289" s="10"/>
    </row>
    <row r="263290" spans="14:14">
      <c r="N263290" s="10"/>
    </row>
    <row r="263291" spans="14:14">
      <c r="N263291" s="10"/>
    </row>
    <row r="263292" spans="14:14">
      <c r="N263292" s="10"/>
    </row>
    <row r="263293" spans="14:14">
      <c r="N263293" s="10"/>
    </row>
    <row r="263294" spans="14:14">
      <c r="N263294" s="10"/>
    </row>
    <row r="263295" spans="14:14">
      <c r="N263295" s="10"/>
    </row>
    <row r="263296" spans="14:14">
      <c r="N263296" s="10"/>
    </row>
    <row r="263297" spans="14:14">
      <c r="N263297" s="10"/>
    </row>
    <row r="263298" spans="14:14">
      <c r="N263298" s="10"/>
    </row>
    <row r="263299" spans="14:14">
      <c r="N263299" s="10"/>
    </row>
    <row r="263300" spans="14:14">
      <c r="N263300" s="10"/>
    </row>
    <row r="263301" spans="14:14">
      <c r="N263301" s="10"/>
    </row>
    <row r="263302" spans="14:14">
      <c r="N263302" s="10"/>
    </row>
    <row r="263303" spans="14:14">
      <c r="N263303" s="10"/>
    </row>
    <row r="263304" spans="14:14">
      <c r="N263304" s="10"/>
    </row>
    <row r="263305" spans="14:14">
      <c r="N263305" s="10"/>
    </row>
    <row r="263306" spans="14:14">
      <c r="N263306" s="10"/>
    </row>
    <row r="263307" spans="14:14">
      <c r="N263307" s="10"/>
    </row>
    <row r="263308" spans="14:14">
      <c r="N263308" s="10"/>
    </row>
    <row r="263309" spans="14:14">
      <c r="N263309" s="10"/>
    </row>
    <row r="263310" spans="14:14">
      <c r="N263310" s="10"/>
    </row>
    <row r="263311" spans="14:14">
      <c r="N263311" s="10"/>
    </row>
    <row r="263312" spans="14:14">
      <c r="N263312" s="10"/>
    </row>
    <row r="263313" spans="14:14">
      <c r="N263313" s="10"/>
    </row>
    <row r="263314" spans="14:14">
      <c r="N263314" s="10"/>
    </row>
    <row r="263315" spans="14:14">
      <c r="N263315" s="10"/>
    </row>
    <row r="263316" spans="14:14">
      <c r="N263316" s="10"/>
    </row>
    <row r="263317" spans="14:14">
      <c r="N263317" s="10"/>
    </row>
    <row r="263318" spans="14:14">
      <c r="N263318" s="10"/>
    </row>
    <row r="263319" spans="14:14">
      <c r="N263319" s="10"/>
    </row>
    <row r="263320" spans="14:14">
      <c r="N263320" s="10"/>
    </row>
    <row r="263321" spans="14:14">
      <c r="N263321" s="10"/>
    </row>
    <row r="263322" spans="14:14">
      <c r="N263322" s="10"/>
    </row>
    <row r="263323" spans="14:14">
      <c r="N263323" s="10"/>
    </row>
    <row r="263324" spans="14:14">
      <c r="N263324" s="10"/>
    </row>
    <row r="263325" spans="14:14">
      <c r="N263325" s="10"/>
    </row>
    <row r="263326" spans="14:14">
      <c r="N263326" s="10"/>
    </row>
    <row r="263327" spans="14:14">
      <c r="N263327" s="10"/>
    </row>
    <row r="263328" spans="14:14">
      <c r="N263328" s="10"/>
    </row>
    <row r="263329" spans="14:14">
      <c r="N263329" s="10"/>
    </row>
    <row r="263330" spans="14:14">
      <c r="N263330" s="10"/>
    </row>
    <row r="263331" spans="14:14">
      <c r="N263331" s="10"/>
    </row>
    <row r="263332" spans="14:14">
      <c r="N263332" s="10"/>
    </row>
    <row r="263333" spans="14:14">
      <c r="N263333" s="10"/>
    </row>
    <row r="263334" spans="14:14">
      <c r="N263334" s="10"/>
    </row>
    <row r="263335" spans="14:14">
      <c r="N263335" s="10"/>
    </row>
    <row r="263336" spans="14:14">
      <c r="N263336" s="10"/>
    </row>
    <row r="263337" spans="14:14">
      <c r="N263337" s="10"/>
    </row>
    <row r="263338" spans="14:14">
      <c r="N263338" s="10"/>
    </row>
    <row r="263339" spans="14:14">
      <c r="N263339" s="10"/>
    </row>
    <row r="263340" spans="14:14">
      <c r="N263340" s="10"/>
    </row>
    <row r="263341" spans="14:14">
      <c r="N263341" s="10"/>
    </row>
    <row r="263342" spans="14:14">
      <c r="N263342" s="10"/>
    </row>
    <row r="263343" spans="14:14">
      <c r="N263343" s="10"/>
    </row>
    <row r="263344" spans="14:14">
      <c r="N263344" s="10"/>
    </row>
    <row r="263345" spans="14:14">
      <c r="N263345" s="10"/>
    </row>
    <row r="263346" spans="14:14">
      <c r="N263346" s="10"/>
    </row>
    <row r="263347" spans="14:14">
      <c r="N263347" s="10"/>
    </row>
    <row r="263348" spans="14:14">
      <c r="N263348" s="10"/>
    </row>
    <row r="263349" spans="14:14">
      <c r="N263349" s="10"/>
    </row>
    <row r="263350" spans="14:14">
      <c r="N263350" s="10"/>
    </row>
    <row r="263351" spans="14:14">
      <c r="N263351" s="10"/>
    </row>
    <row r="263352" spans="14:14">
      <c r="N263352" s="10"/>
    </row>
    <row r="263353" spans="14:14">
      <c r="N263353" s="10"/>
    </row>
    <row r="263354" spans="14:14">
      <c r="N263354" s="10"/>
    </row>
    <row r="263355" spans="14:14">
      <c r="N263355" s="10"/>
    </row>
    <row r="263356" spans="14:14">
      <c r="N263356" s="10"/>
    </row>
    <row r="263357" spans="14:14">
      <c r="N263357" s="10"/>
    </row>
    <row r="263358" spans="14:14">
      <c r="N263358" s="10"/>
    </row>
    <row r="263359" spans="14:14">
      <c r="N263359" s="10"/>
    </row>
    <row r="263360" spans="14:14">
      <c r="N263360" s="10"/>
    </row>
    <row r="263361" spans="14:14">
      <c r="N263361" s="10"/>
    </row>
    <row r="263362" spans="14:14">
      <c r="N263362" s="10"/>
    </row>
    <row r="263363" spans="14:14">
      <c r="N263363" s="10"/>
    </row>
    <row r="263364" spans="14:14">
      <c r="N263364" s="10"/>
    </row>
    <row r="263365" spans="14:14">
      <c r="N263365" s="10"/>
    </row>
    <row r="263366" spans="14:14">
      <c r="N263366" s="10"/>
    </row>
    <row r="263367" spans="14:14">
      <c r="N263367" s="10"/>
    </row>
    <row r="263368" spans="14:14">
      <c r="N263368" s="10"/>
    </row>
    <row r="263369" spans="14:14">
      <c r="N263369" s="10"/>
    </row>
    <row r="263370" spans="14:14">
      <c r="N263370" s="10"/>
    </row>
    <row r="263371" spans="14:14">
      <c r="N263371" s="10"/>
    </row>
    <row r="263372" spans="14:14">
      <c r="N263372" s="10"/>
    </row>
    <row r="263373" spans="14:14">
      <c r="N263373" s="10"/>
    </row>
    <row r="263374" spans="14:14">
      <c r="N263374" s="10"/>
    </row>
    <row r="263375" spans="14:14">
      <c r="N263375" s="10"/>
    </row>
    <row r="263376" spans="14:14">
      <c r="N263376" s="10"/>
    </row>
    <row r="263377" spans="14:14">
      <c r="N263377" s="10"/>
    </row>
    <row r="263378" spans="14:14">
      <c r="N263378" s="10"/>
    </row>
    <row r="263379" spans="14:14">
      <c r="N263379" s="10"/>
    </row>
    <row r="263380" spans="14:14">
      <c r="N263380" s="10"/>
    </row>
    <row r="263381" spans="14:14">
      <c r="N263381" s="10"/>
    </row>
    <row r="263382" spans="14:14">
      <c r="N263382" s="10"/>
    </row>
    <row r="263383" spans="14:14">
      <c r="N263383" s="10"/>
    </row>
    <row r="263384" spans="14:14">
      <c r="N263384" s="10"/>
    </row>
    <row r="263385" spans="14:14">
      <c r="N263385" s="10"/>
    </row>
    <row r="263386" spans="14:14">
      <c r="N263386" s="10"/>
    </row>
    <row r="263387" spans="14:14">
      <c r="N263387" s="10"/>
    </row>
    <row r="263388" spans="14:14">
      <c r="N263388" s="10"/>
    </row>
    <row r="263389" spans="14:14">
      <c r="N263389" s="10"/>
    </row>
    <row r="263390" spans="14:14">
      <c r="N263390" s="10"/>
    </row>
    <row r="263391" spans="14:14">
      <c r="N263391" s="10"/>
    </row>
    <row r="263392" spans="14:14">
      <c r="N263392" s="10"/>
    </row>
    <row r="263393" spans="14:14">
      <c r="N263393" s="10"/>
    </row>
    <row r="263394" spans="14:14">
      <c r="N263394" s="10"/>
    </row>
    <row r="263395" spans="14:14">
      <c r="N263395" s="10"/>
    </row>
    <row r="263396" spans="14:14">
      <c r="N263396" s="10"/>
    </row>
    <row r="263397" spans="14:14">
      <c r="N263397" s="10"/>
    </row>
    <row r="263398" spans="14:14">
      <c r="N263398" s="10"/>
    </row>
    <row r="263399" spans="14:14">
      <c r="N263399" s="10"/>
    </row>
    <row r="263400" spans="14:14">
      <c r="N263400" s="10"/>
    </row>
    <row r="263401" spans="14:14">
      <c r="N263401" s="10"/>
    </row>
    <row r="263402" spans="14:14">
      <c r="N263402" s="10"/>
    </row>
    <row r="263403" spans="14:14">
      <c r="N263403" s="10"/>
    </row>
    <row r="263404" spans="14:14">
      <c r="N263404" s="10"/>
    </row>
    <row r="263405" spans="14:14">
      <c r="N263405" s="10"/>
    </row>
    <row r="263406" spans="14:14">
      <c r="N263406" s="10"/>
    </row>
    <row r="263407" spans="14:14">
      <c r="N263407" s="10"/>
    </row>
    <row r="263408" spans="14:14">
      <c r="N263408" s="10"/>
    </row>
    <row r="263409" spans="14:14">
      <c r="N263409" s="10"/>
    </row>
    <row r="263410" spans="14:14">
      <c r="N263410" s="10"/>
    </row>
    <row r="263411" spans="14:14">
      <c r="N263411" s="10"/>
    </row>
    <row r="263412" spans="14:14">
      <c r="N263412" s="10"/>
    </row>
    <row r="263413" spans="14:14">
      <c r="N263413" s="10"/>
    </row>
    <row r="263414" spans="14:14">
      <c r="N263414" s="10"/>
    </row>
    <row r="263415" spans="14:14">
      <c r="N263415" s="10"/>
    </row>
    <row r="263416" spans="14:14">
      <c r="N263416" s="10"/>
    </row>
    <row r="263417" spans="14:14">
      <c r="N263417" s="10"/>
    </row>
    <row r="263418" spans="14:14">
      <c r="N263418" s="10"/>
    </row>
    <row r="263419" spans="14:14">
      <c r="N263419" s="10"/>
    </row>
    <row r="263420" spans="14:14">
      <c r="N263420" s="10"/>
    </row>
    <row r="263421" spans="14:14">
      <c r="N263421" s="10"/>
    </row>
    <row r="263422" spans="14:14">
      <c r="N263422" s="10"/>
    </row>
    <row r="263423" spans="14:14">
      <c r="N263423" s="10"/>
    </row>
    <row r="263424" spans="14:14">
      <c r="N263424" s="10"/>
    </row>
    <row r="263425" spans="14:14">
      <c r="N263425" s="10"/>
    </row>
    <row r="263426" spans="14:14">
      <c r="N263426" s="10"/>
    </row>
    <row r="263427" spans="14:14">
      <c r="N263427" s="10"/>
    </row>
    <row r="263428" spans="14:14">
      <c r="N263428" s="10"/>
    </row>
    <row r="263429" spans="14:14">
      <c r="N263429" s="10"/>
    </row>
    <row r="263430" spans="14:14">
      <c r="N263430" s="10"/>
    </row>
    <row r="263431" spans="14:14">
      <c r="N263431" s="10"/>
    </row>
    <row r="263432" spans="14:14">
      <c r="N263432" s="10"/>
    </row>
    <row r="263433" spans="14:14">
      <c r="N263433" s="10"/>
    </row>
    <row r="263434" spans="14:14">
      <c r="N263434" s="10"/>
    </row>
    <row r="263435" spans="14:14">
      <c r="N263435" s="10"/>
    </row>
    <row r="263436" spans="14:14">
      <c r="N263436" s="10"/>
    </row>
    <row r="263437" spans="14:14">
      <c r="N263437" s="10"/>
    </row>
    <row r="263438" spans="14:14">
      <c r="N263438" s="10"/>
    </row>
    <row r="263439" spans="14:14">
      <c r="N263439" s="10"/>
    </row>
    <row r="263440" spans="14:14">
      <c r="N263440" s="10"/>
    </row>
    <row r="263441" spans="14:14">
      <c r="N263441" s="10"/>
    </row>
    <row r="263442" spans="14:14">
      <c r="N263442" s="10"/>
    </row>
    <row r="263443" spans="14:14">
      <c r="N263443" s="10"/>
    </row>
    <row r="263444" spans="14:14">
      <c r="N263444" s="10"/>
    </row>
    <row r="263445" spans="14:14">
      <c r="N263445" s="10"/>
    </row>
    <row r="263446" spans="14:14">
      <c r="N263446" s="10"/>
    </row>
    <row r="263447" spans="14:14">
      <c r="N263447" s="10"/>
    </row>
    <row r="263448" spans="14:14">
      <c r="N263448" s="10"/>
    </row>
    <row r="263449" spans="14:14">
      <c r="N263449" s="10"/>
    </row>
    <row r="263450" spans="14:14">
      <c r="N263450" s="10"/>
    </row>
    <row r="263451" spans="14:14">
      <c r="N263451" s="10"/>
    </row>
    <row r="263452" spans="14:14">
      <c r="N263452" s="10"/>
    </row>
    <row r="263453" spans="14:14">
      <c r="N263453" s="10"/>
    </row>
    <row r="263454" spans="14:14">
      <c r="N263454" s="10"/>
    </row>
    <row r="263455" spans="14:14">
      <c r="N263455" s="10"/>
    </row>
    <row r="263456" spans="14:14">
      <c r="N263456" s="10"/>
    </row>
    <row r="263457" spans="14:14">
      <c r="N263457" s="10"/>
    </row>
    <row r="263458" spans="14:14">
      <c r="N263458" s="10"/>
    </row>
    <row r="263459" spans="14:14">
      <c r="N263459" s="10"/>
    </row>
    <row r="263460" spans="14:14">
      <c r="N263460" s="10"/>
    </row>
    <row r="263461" spans="14:14">
      <c r="N263461" s="10"/>
    </row>
    <row r="263462" spans="14:14">
      <c r="N263462" s="10"/>
    </row>
    <row r="263463" spans="14:14">
      <c r="N263463" s="10"/>
    </row>
    <row r="263464" spans="14:14">
      <c r="N263464" s="10"/>
    </row>
    <row r="263465" spans="14:14">
      <c r="N263465" s="10"/>
    </row>
    <row r="263466" spans="14:14">
      <c r="N263466" s="10"/>
    </row>
    <row r="263467" spans="14:14">
      <c r="N263467" s="10"/>
    </row>
    <row r="263468" spans="14:14">
      <c r="N263468" s="10"/>
    </row>
    <row r="263469" spans="14:14">
      <c r="N263469" s="10"/>
    </row>
    <row r="263470" spans="14:14">
      <c r="N263470" s="10"/>
    </row>
    <row r="263471" spans="14:14">
      <c r="N263471" s="10"/>
    </row>
    <row r="263472" spans="14:14">
      <c r="N263472" s="10"/>
    </row>
    <row r="263473" spans="14:14">
      <c r="N263473" s="10"/>
    </row>
    <row r="263474" spans="14:14">
      <c r="N263474" s="10"/>
    </row>
    <row r="263475" spans="14:14">
      <c r="N263475" s="10"/>
    </row>
    <row r="263476" spans="14:14">
      <c r="N263476" s="10"/>
    </row>
    <row r="263477" spans="14:14">
      <c r="N263477" s="10"/>
    </row>
    <row r="263478" spans="14:14">
      <c r="N263478" s="10"/>
    </row>
    <row r="263479" spans="14:14">
      <c r="N263479" s="10"/>
    </row>
    <row r="263480" spans="14:14">
      <c r="N263480" s="10"/>
    </row>
    <row r="263481" spans="14:14">
      <c r="N263481" s="10"/>
    </row>
    <row r="263482" spans="14:14">
      <c r="N263482" s="10"/>
    </row>
    <row r="263483" spans="14:14">
      <c r="N263483" s="10"/>
    </row>
    <row r="263484" spans="14:14">
      <c r="N263484" s="10"/>
    </row>
    <row r="263485" spans="14:14">
      <c r="N263485" s="10"/>
    </row>
    <row r="263486" spans="14:14">
      <c r="N263486" s="10"/>
    </row>
    <row r="263487" spans="14:14">
      <c r="N263487" s="10"/>
    </row>
    <row r="263488" spans="14:14">
      <c r="N263488" s="10"/>
    </row>
    <row r="263489" spans="14:14">
      <c r="N263489" s="10"/>
    </row>
    <row r="263490" spans="14:14">
      <c r="N263490" s="10"/>
    </row>
    <row r="263491" spans="14:14">
      <c r="N263491" s="10"/>
    </row>
    <row r="263492" spans="14:14">
      <c r="N263492" s="10"/>
    </row>
    <row r="263493" spans="14:14">
      <c r="N263493" s="10"/>
    </row>
    <row r="263494" spans="14:14">
      <c r="N263494" s="10"/>
    </row>
    <row r="263495" spans="14:14">
      <c r="N263495" s="10"/>
    </row>
    <row r="263496" spans="14:14">
      <c r="N263496" s="10"/>
    </row>
    <row r="263497" spans="14:14">
      <c r="N263497" s="10"/>
    </row>
    <row r="263498" spans="14:14">
      <c r="N263498" s="10"/>
    </row>
    <row r="263499" spans="14:14">
      <c r="N263499" s="10"/>
    </row>
    <row r="263500" spans="14:14">
      <c r="N263500" s="10"/>
    </row>
    <row r="263501" spans="14:14">
      <c r="N263501" s="10"/>
    </row>
    <row r="263502" spans="14:14">
      <c r="N263502" s="10"/>
    </row>
    <row r="263503" spans="14:14">
      <c r="N263503" s="10"/>
    </row>
    <row r="263504" spans="14:14">
      <c r="N263504" s="10"/>
    </row>
    <row r="263505" spans="14:14">
      <c r="N263505" s="10"/>
    </row>
    <row r="263506" spans="14:14">
      <c r="N263506" s="10"/>
    </row>
    <row r="263507" spans="14:14">
      <c r="N263507" s="10"/>
    </row>
    <row r="263508" spans="14:14">
      <c r="N263508" s="10"/>
    </row>
    <row r="263509" spans="14:14">
      <c r="N263509" s="10"/>
    </row>
    <row r="263510" spans="14:14">
      <c r="N263510" s="10"/>
    </row>
    <row r="263511" spans="14:14">
      <c r="N263511" s="10"/>
    </row>
    <row r="263512" spans="14:14">
      <c r="N263512" s="10"/>
    </row>
    <row r="263513" spans="14:14">
      <c r="N263513" s="10"/>
    </row>
    <row r="263514" spans="14:14">
      <c r="N263514" s="10"/>
    </row>
    <row r="263515" spans="14:14">
      <c r="N263515" s="10"/>
    </row>
    <row r="263516" spans="14:14">
      <c r="N263516" s="10"/>
    </row>
    <row r="263517" spans="14:14">
      <c r="N263517" s="10"/>
    </row>
    <row r="263518" spans="14:14">
      <c r="N263518" s="10"/>
    </row>
    <row r="263519" spans="14:14">
      <c r="N263519" s="10"/>
    </row>
    <row r="263520" spans="14:14">
      <c r="N263520" s="10"/>
    </row>
    <row r="263521" spans="14:14">
      <c r="N263521" s="10"/>
    </row>
    <row r="263522" spans="14:14">
      <c r="N263522" s="10"/>
    </row>
    <row r="263523" spans="14:14">
      <c r="N263523" s="10"/>
    </row>
    <row r="263524" spans="14:14">
      <c r="N263524" s="10"/>
    </row>
    <row r="263525" spans="14:14">
      <c r="N263525" s="10"/>
    </row>
    <row r="263526" spans="14:14">
      <c r="N263526" s="10"/>
    </row>
    <row r="263527" spans="14:14">
      <c r="N263527" s="10"/>
    </row>
    <row r="263528" spans="14:14">
      <c r="N263528" s="10"/>
    </row>
    <row r="263529" spans="14:14">
      <c r="N263529" s="10"/>
    </row>
    <row r="263530" spans="14:14">
      <c r="N263530" s="10"/>
    </row>
    <row r="263531" spans="14:14">
      <c r="N263531" s="10"/>
    </row>
    <row r="263532" spans="14:14">
      <c r="N263532" s="10"/>
    </row>
    <row r="263533" spans="14:14">
      <c r="N263533" s="10"/>
    </row>
    <row r="263534" spans="14:14">
      <c r="N263534" s="10"/>
    </row>
    <row r="263535" spans="14:14">
      <c r="N263535" s="10"/>
    </row>
    <row r="263536" spans="14:14">
      <c r="N263536" s="10"/>
    </row>
    <row r="263537" spans="14:14">
      <c r="N263537" s="10"/>
    </row>
    <row r="263538" spans="14:14">
      <c r="N263538" s="10"/>
    </row>
    <row r="263539" spans="14:14">
      <c r="N263539" s="10"/>
    </row>
    <row r="263540" spans="14:14">
      <c r="N263540" s="10"/>
    </row>
    <row r="263541" spans="14:14">
      <c r="N263541" s="10"/>
    </row>
    <row r="263542" spans="14:14">
      <c r="N263542" s="10"/>
    </row>
    <row r="263543" spans="14:14">
      <c r="N263543" s="10"/>
    </row>
    <row r="263544" spans="14:14">
      <c r="N263544" s="10"/>
    </row>
    <row r="263545" spans="14:14">
      <c r="N263545" s="10"/>
    </row>
    <row r="263546" spans="14:14">
      <c r="N263546" s="10"/>
    </row>
    <row r="263547" spans="14:14">
      <c r="N263547" s="10"/>
    </row>
    <row r="263548" spans="14:14">
      <c r="N263548" s="10"/>
    </row>
    <row r="263549" spans="14:14">
      <c r="N263549" s="10"/>
    </row>
    <row r="263550" spans="14:14">
      <c r="N263550" s="10"/>
    </row>
    <row r="263551" spans="14:14">
      <c r="N263551" s="10"/>
    </row>
    <row r="263552" spans="14:14">
      <c r="N263552" s="10"/>
    </row>
    <row r="263553" spans="14:14">
      <c r="N263553" s="10"/>
    </row>
    <row r="263554" spans="14:14">
      <c r="N263554" s="10"/>
    </row>
    <row r="263555" spans="14:14">
      <c r="N263555" s="10"/>
    </row>
    <row r="263556" spans="14:14">
      <c r="N263556" s="10"/>
    </row>
    <row r="263557" spans="14:14">
      <c r="N263557" s="10"/>
    </row>
    <row r="263558" spans="14:14">
      <c r="N263558" s="10"/>
    </row>
    <row r="263559" spans="14:14">
      <c r="N263559" s="10"/>
    </row>
    <row r="263560" spans="14:14">
      <c r="N263560" s="10"/>
    </row>
    <row r="263561" spans="14:14">
      <c r="N263561" s="10"/>
    </row>
    <row r="263562" spans="14:14">
      <c r="N263562" s="10"/>
    </row>
    <row r="263563" spans="14:14">
      <c r="N263563" s="10"/>
    </row>
    <row r="263564" spans="14:14">
      <c r="N263564" s="10"/>
    </row>
    <row r="263565" spans="14:14">
      <c r="N263565" s="10"/>
    </row>
    <row r="263566" spans="14:14">
      <c r="N263566" s="10"/>
    </row>
    <row r="263567" spans="14:14">
      <c r="N263567" s="10"/>
    </row>
    <row r="263568" spans="14:14">
      <c r="N263568" s="10"/>
    </row>
    <row r="263569" spans="14:14">
      <c r="N263569" s="10"/>
    </row>
    <row r="263570" spans="14:14">
      <c r="N263570" s="10"/>
    </row>
    <row r="263571" spans="14:14">
      <c r="N263571" s="10"/>
    </row>
    <row r="263572" spans="14:14">
      <c r="N263572" s="10"/>
    </row>
    <row r="263573" spans="14:14">
      <c r="N263573" s="10"/>
    </row>
    <row r="263574" spans="14:14">
      <c r="N263574" s="10"/>
    </row>
    <row r="263575" spans="14:14">
      <c r="N263575" s="10"/>
    </row>
    <row r="263576" spans="14:14">
      <c r="N263576" s="10"/>
    </row>
    <row r="263577" spans="14:14">
      <c r="N263577" s="10"/>
    </row>
    <row r="263578" spans="14:14">
      <c r="N263578" s="10"/>
    </row>
    <row r="263579" spans="14:14">
      <c r="N263579" s="10"/>
    </row>
    <row r="263580" spans="14:14">
      <c r="N263580" s="10"/>
    </row>
    <row r="263581" spans="14:14">
      <c r="N263581" s="10"/>
    </row>
    <row r="263582" spans="14:14">
      <c r="N263582" s="10"/>
    </row>
    <row r="263583" spans="14:14">
      <c r="N263583" s="10"/>
    </row>
    <row r="263584" spans="14:14">
      <c r="N263584" s="10"/>
    </row>
    <row r="263585" spans="14:14">
      <c r="N263585" s="10"/>
    </row>
    <row r="263586" spans="14:14">
      <c r="N263586" s="10"/>
    </row>
    <row r="263587" spans="14:14">
      <c r="N263587" s="10"/>
    </row>
    <row r="263588" spans="14:14">
      <c r="N263588" s="10"/>
    </row>
    <row r="263589" spans="14:14">
      <c r="N263589" s="10"/>
    </row>
    <row r="263590" spans="14:14">
      <c r="N263590" s="10"/>
    </row>
    <row r="263591" spans="14:14">
      <c r="N263591" s="10"/>
    </row>
    <row r="263592" spans="14:14">
      <c r="N263592" s="10"/>
    </row>
    <row r="263593" spans="14:14">
      <c r="N263593" s="10"/>
    </row>
    <row r="263594" spans="14:14">
      <c r="N263594" s="10"/>
    </row>
    <row r="263595" spans="14:14">
      <c r="N263595" s="10"/>
    </row>
    <row r="263596" spans="14:14">
      <c r="N263596" s="10"/>
    </row>
    <row r="263597" spans="14:14">
      <c r="N263597" s="10"/>
    </row>
    <row r="263598" spans="14:14">
      <c r="N263598" s="10"/>
    </row>
    <row r="263599" spans="14:14">
      <c r="N263599" s="10"/>
    </row>
    <row r="263600" spans="14:14">
      <c r="N263600" s="10"/>
    </row>
    <row r="263601" spans="14:14">
      <c r="N263601" s="10"/>
    </row>
    <row r="263602" spans="14:14">
      <c r="N263602" s="10"/>
    </row>
    <row r="263603" spans="14:14">
      <c r="N263603" s="10"/>
    </row>
    <row r="263604" spans="14:14">
      <c r="N263604" s="10"/>
    </row>
    <row r="263605" spans="14:14">
      <c r="N263605" s="10"/>
    </row>
    <row r="263606" spans="14:14">
      <c r="N263606" s="10"/>
    </row>
    <row r="263607" spans="14:14">
      <c r="N263607" s="10"/>
    </row>
    <row r="263608" spans="14:14">
      <c r="N263608" s="10"/>
    </row>
    <row r="263609" spans="14:14">
      <c r="N263609" s="10"/>
    </row>
    <row r="263610" spans="14:14">
      <c r="N263610" s="10"/>
    </row>
    <row r="263611" spans="14:14">
      <c r="N263611" s="10"/>
    </row>
    <row r="263612" spans="14:14">
      <c r="N263612" s="10"/>
    </row>
    <row r="263613" spans="14:14">
      <c r="N263613" s="10"/>
    </row>
    <row r="263614" spans="14:14">
      <c r="N263614" s="10"/>
    </row>
    <row r="263615" spans="14:14">
      <c r="N263615" s="10"/>
    </row>
    <row r="263616" spans="14:14">
      <c r="N263616" s="10"/>
    </row>
    <row r="263617" spans="14:14">
      <c r="N263617" s="10"/>
    </row>
    <row r="263618" spans="14:14">
      <c r="N263618" s="10"/>
    </row>
    <row r="263619" spans="14:14">
      <c r="N263619" s="10"/>
    </row>
    <row r="263620" spans="14:14">
      <c r="N263620" s="10"/>
    </row>
    <row r="263621" spans="14:14">
      <c r="N263621" s="10"/>
    </row>
    <row r="263622" spans="14:14">
      <c r="N263622" s="10"/>
    </row>
    <row r="263623" spans="14:14">
      <c r="N263623" s="10"/>
    </row>
    <row r="263624" spans="14:14">
      <c r="N263624" s="10"/>
    </row>
    <row r="263625" spans="14:14">
      <c r="N263625" s="10"/>
    </row>
    <row r="263626" spans="14:14">
      <c r="N263626" s="10"/>
    </row>
    <row r="263627" spans="14:14">
      <c r="N263627" s="10"/>
    </row>
    <row r="263628" spans="14:14">
      <c r="N263628" s="10"/>
    </row>
    <row r="263629" spans="14:14">
      <c r="N263629" s="10"/>
    </row>
    <row r="263630" spans="14:14">
      <c r="N263630" s="10"/>
    </row>
    <row r="263631" spans="14:14">
      <c r="N263631" s="10"/>
    </row>
    <row r="263632" spans="14:14">
      <c r="N263632" s="10"/>
    </row>
    <row r="263633" spans="14:14">
      <c r="N263633" s="10"/>
    </row>
    <row r="263634" spans="14:14">
      <c r="N263634" s="10"/>
    </row>
    <row r="263635" spans="14:14">
      <c r="N263635" s="10"/>
    </row>
    <row r="263636" spans="14:14">
      <c r="N263636" s="10"/>
    </row>
    <row r="263637" spans="14:14">
      <c r="N263637" s="10"/>
    </row>
    <row r="263638" spans="14:14">
      <c r="N263638" s="10"/>
    </row>
    <row r="263639" spans="14:14">
      <c r="N263639" s="10"/>
    </row>
    <row r="263640" spans="14:14">
      <c r="N263640" s="10"/>
    </row>
    <row r="263641" spans="14:14">
      <c r="N263641" s="10"/>
    </row>
    <row r="263642" spans="14:14">
      <c r="N263642" s="10"/>
    </row>
    <row r="263643" spans="14:14">
      <c r="N263643" s="10"/>
    </row>
    <row r="263644" spans="14:14">
      <c r="N263644" s="10"/>
    </row>
    <row r="263645" spans="14:14">
      <c r="N263645" s="10"/>
    </row>
    <row r="263646" spans="14:14">
      <c r="N263646" s="10"/>
    </row>
    <row r="263647" spans="14:14">
      <c r="N263647" s="10"/>
    </row>
    <row r="263648" spans="14:14">
      <c r="N263648" s="10"/>
    </row>
    <row r="263649" spans="14:14">
      <c r="N263649" s="10"/>
    </row>
    <row r="263650" spans="14:14">
      <c r="N263650" s="10"/>
    </row>
    <row r="263651" spans="14:14">
      <c r="N263651" s="10"/>
    </row>
    <row r="263652" spans="14:14">
      <c r="N263652" s="10"/>
    </row>
    <row r="263653" spans="14:14">
      <c r="N263653" s="10"/>
    </row>
    <row r="263654" spans="14:14">
      <c r="N263654" s="10"/>
    </row>
    <row r="263655" spans="14:14">
      <c r="N263655" s="10"/>
    </row>
    <row r="263656" spans="14:14">
      <c r="N263656" s="10"/>
    </row>
    <row r="263657" spans="14:14">
      <c r="N263657" s="10"/>
    </row>
    <row r="263658" spans="14:14">
      <c r="N263658" s="10"/>
    </row>
    <row r="263659" spans="14:14">
      <c r="N263659" s="10"/>
    </row>
    <row r="263660" spans="14:14">
      <c r="N263660" s="10"/>
    </row>
    <row r="263661" spans="14:14">
      <c r="N263661" s="10"/>
    </row>
    <row r="263662" spans="14:14">
      <c r="N263662" s="10"/>
    </row>
    <row r="263663" spans="14:14">
      <c r="N263663" s="10"/>
    </row>
    <row r="263664" spans="14:14">
      <c r="N263664" s="10"/>
    </row>
    <row r="263665" spans="14:14">
      <c r="N263665" s="10"/>
    </row>
    <row r="263666" spans="14:14">
      <c r="N263666" s="10"/>
    </row>
    <row r="263667" spans="14:14">
      <c r="N263667" s="10"/>
    </row>
    <row r="263668" spans="14:14">
      <c r="N263668" s="10"/>
    </row>
    <row r="263669" spans="14:14">
      <c r="N263669" s="10"/>
    </row>
    <row r="263670" spans="14:14">
      <c r="N263670" s="10"/>
    </row>
    <row r="263671" spans="14:14">
      <c r="N263671" s="10"/>
    </row>
    <row r="263672" spans="14:14">
      <c r="N263672" s="10"/>
    </row>
    <row r="263673" spans="14:14">
      <c r="N263673" s="10"/>
    </row>
    <row r="263674" spans="14:14">
      <c r="N263674" s="10"/>
    </row>
    <row r="263675" spans="14:14">
      <c r="N263675" s="10"/>
    </row>
    <row r="263676" spans="14:14">
      <c r="N263676" s="10"/>
    </row>
    <row r="263677" spans="14:14">
      <c r="N263677" s="10"/>
    </row>
    <row r="263678" spans="14:14">
      <c r="N263678" s="10"/>
    </row>
    <row r="263679" spans="14:14">
      <c r="N263679" s="10"/>
    </row>
    <row r="263680" spans="14:14">
      <c r="N263680" s="10"/>
    </row>
    <row r="263681" spans="14:14">
      <c r="N263681" s="10"/>
    </row>
    <row r="263682" spans="14:14">
      <c r="N263682" s="10"/>
    </row>
    <row r="263683" spans="14:14">
      <c r="N263683" s="10"/>
    </row>
    <row r="263684" spans="14:14">
      <c r="N263684" s="10"/>
    </row>
    <row r="263685" spans="14:14">
      <c r="N263685" s="10"/>
    </row>
    <row r="263686" spans="14:14">
      <c r="N263686" s="10"/>
    </row>
    <row r="263687" spans="14:14">
      <c r="N263687" s="10"/>
    </row>
    <row r="263688" spans="14:14">
      <c r="N263688" s="10"/>
    </row>
    <row r="263689" spans="14:14">
      <c r="N263689" s="10"/>
    </row>
    <row r="263690" spans="14:14">
      <c r="N263690" s="10"/>
    </row>
    <row r="263691" spans="14:14">
      <c r="N263691" s="10"/>
    </row>
    <row r="263692" spans="14:14">
      <c r="N263692" s="10"/>
    </row>
    <row r="263693" spans="14:14">
      <c r="N263693" s="10"/>
    </row>
    <row r="263694" spans="14:14">
      <c r="N263694" s="10"/>
    </row>
    <row r="263695" spans="14:14">
      <c r="N263695" s="10"/>
    </row>
    <row r="263696" spans="14:14">
      <c r="N263696" s="10"/>
    </row>
    <row r="263697" spans="14:14">
      <c r="N263697" s="10"/>
    </row>
    <row r="263698" spans="14:14">
      <c r="N263698" s="10"/>
    </row>
    <row r="263699" spans="14:14">
      <c r="N263699" s="10"/>
    </row>
    <row r="263700" spans="14:14">
      <c r="N263700" s="10"/>
    </row>
    <row r="263701" spans="14:14">
      <c r="N263701" s="10"/>
    </row>
    <row r="263702" spans="14:14">
      <c r="N263702" s="10"/>
    </row>
    <row r="263703" spans="14:14">
      <c r="N263703" s="10"/>
    </row>
    <row r="263704" spans="14:14">
      <c r="N263704" s="10"/>
    </row>
    <row r="263705" spans="14:14">
      <c r="N263705" s="10"/>
    </row>
    <row r="263706" spans="14:14">
      <c r="N263706" s="10"/>
    </row>
    <row r="263707" spans="14:14">
      <c r="N263707" s="10"/>
    </row>
    <row r="263708" spans="14:14">
      <c r="N263708" s="10"/>
    </row>
    <row r="263709" spans="14:14">
      <c r="N263709" s="10"/>
    </row>
    <row r="263710" spans="14:14">
      <c r="N263710" s="10"/>
    </row>
    <row r="263711" spans="14:14">
      <c r="N263711" s="10"/>
    </row>
    <row r="263712" spans="14:14">
      <c r="N263712" s="10"/>
    </row>
    <row r="263713" spans="14:14">
      <c r="N263713" s="10"/>
    </row>
    <row r="263714" spans="14:14">
      <c r="N263714" s="10"/>
    </row>
    <row r="263715" spans="14:14">
      <c r="N263715" s="10"/>
    </row>
    <row r="263716" spans="14:14">
      <c r="N263716" s="10"/>
    </row>
    <row r="263717" spans="14:14">
      <c r="N263717" s="10"/>
    </row>
    <row r="263718" spans="14:14">
      <c r="N263718" s="10"/>
    </row>
    <row r="263719" spans="14:14">
      <c r="N263719" s="10"/>
    </row>
    <row r="263720" spans="14:14">
      <c r="N263720" s="10"/>
    </row>
    <row r="263721" spans="14:14">
      <c r="N263721" s="10"/>
    </row>
    <row r="263722" spans="14:14">
      <c r="N263722" s="10"/>
    </row>
    <row r="263723" spans="14:14">
      <c r="N263723" s="10"/>
    </row>
    <row r="263724" spans="14:14">
      <c r="N263724" s="10"/>
    </row>
    <row r="263725" spans="14:14">
      <c r="N263725" s="10"/>
    </row>
    <row r="263726" spans="14:14">
      <c r="N263726" s="10"/>
    </row>
    <row r="263727" spans="14:14">
      <c r="N263727" s="10"/>
    </row>
    <row r="263728" spans="14:14">
      <c r="N263728" s="10"/>
    </row>
    <row r="263729" spans="14:14">
      <c r="N263729" s="10"/>
    </row>
    <row r="263730" spans="14:14">
      <c r="N263730" s="10"/>
    </row>
    <row r="263731" spans="14:14">
      <c r="N263731" s="10"/>
    </row>
    <row r="263732" spans="14:14">
      <c r="N263732" s="10"/>
    </row>
    <row r="263733" spans="14:14">
      <c r="N263733" s="10"/>
    </row>
    <row r="263734" spans="14:14">
      <c r="N263734" s="10"/>
    </row>
    <row r="263735" spans="14:14">
      <c r="N263735" s="10"/>
    </row>
    <row r="263736" spans="14:14">
      <c r="N263736" s="10"/>
    </row>
    <row r="263737" spans="14:14">
      <c r="N263737" s="10"/>
    </row>
    <row r="263738" spans="14:14">
      <c r="N263738" s="10"/>
    </row>
    <row r="263739" spans="14:14">
      <c r="N263739" s="10"/>
    </row>
    <row r="263740" spans="14:14">
      <c r="N263740" s="10"/>
    </row>
    <row r="263741" spans="14:14">
      <c r="N263741" s="10"/>
    </row>
    <row r="263742" spans="14:14">
      <c r="N263742" s="10"/>
    </row>
    <row r="263743" spans="14:14">
      <c r="N263743" s="10"/>
    </row>
    <row r="263744" spans="14:14">
      <c r="N263744" s="10"/>
    </row>
    <row r="263745" spans="14:14">
      <c r="N263745" s="10"/>
    </row>
    <row r="263746" spans="14:14">
      <c r="N263746" s="10"/>
    </row>
    <row r="263747" spans="14:14">
      <c r="N263747" s="10"/>
    </row>
    <row r="263748" spans="14:14">
      <c r="N263748" s="10"/>
    </row>
    <row r="263749" spans="14:14">
      <c r="N263749" s="10"/>
    </row>
    <row r="263750" spans="14:14">
      <c r="N263750" s="10"/>
    </row>
    <row r="263751" spans="14:14">
      <c r="N263751" s="10"/>
    </row>
    <row r="263752" spans="14:14">
      <c r="N263752" s="10"/>
    </row>
    <row r="263753" spans="14:14">
      <c r="N263753" s="10"/>
    </row>
    <row r="263754" spans="14:14">
      <c r="N263754" s="10"/>
    </row>
    <row r="263755" spans="14:14">
      <c r="N263755" s="10"/>
    </row>
    <row r="263756" spans="14:14">
      <c r="N263756" s="10"/>
    </row>
    <row r="263757" spans="14:14">
      <c r="N263757" s="10"/>
    </row>
    <row r="263758" spans="14:14">
      <c r="N263758" s="10"/>
    </row>
    <row r="263759" spans="14:14">
      <c r="N263759" s="10"/>
    </row>
    <row r="263760" spans="14:14">
      <c r="N263760" s="10"/>
    </row>
    <row r="263761" spans="14:14">
      <c r="N263761" s="10"/>
    </row>
    <row r="263762" spans="14:14">
      <c r="N263762" s="10"/>
    </row>
    <row r="263763" spans="14:14">
      <c r="N263763" s="10"/>
    </row>
    <row r="263764" spans="14:14">
      <c r="N263764" s="10"/>
    </row>
    <row r="263765" spans="14:14">
      <c r="N263765" s="10"/>
    </row>
    <row r="263766" spans="14:14">
      <c r="N263766" s="10"/>
    </row>
    <row r="263767" spans="14:14">
      <c r="N263767" s="10"/>
    </row>
    <row r="263768" spans="14:14">
      <c r="N263768" s="10"/>
    </row>
    <row r="263769" spans="14:14">
      <c r="N263769" s="10"/>
    </row>
    <row r="263770" spans="14:14">
      <c r="N263770" s="10"/>
    </row>
    <row r="263771" spans="14:14">
      <c r="N263771" s="10"/>
    </row>
    <row r="263772" spans="14:14">
      <c r="N263772" s="10"/>
    </row>
    <row r="263773" spans="14:14">
      <c r="N263773" s="10"/>
    </row>
    <row r="263774" spans="14:14">
      <c r="N263774" s="10"/>
    </row>
    <row r="263775" spans="14:14">
      <c r="N263775" s="10"/>
    </row>
    <row r="263776" spans="14:14">
      <c r="N263776" s="10"/>
    </row>
    <row r="263777" spans="14:14">
      <c r="N263777" s="10"/>
    </row>
    <row r="263778" spans="14:14">
      <c r="N263778" s="10"/>
    </row>
    <row r="263779" spans="14:14">
      <c r="N263779" s="10"/>
    </row>
    <row r="263780" spans="14:14">
      <c r="N263780" s="10"/>
    </row>
    <row r="263781" spans="14:14">
      <c r="N263781" s="10"/>
    </row>
    <row r="263782" spans="14:14">
      <c r="N263782" s="10"/>
    </row>
    <row r="263783" spans="14:14">
      <c r="N263783" s="10"/>
    </row>
    <row r="263784" spans="14:14">
      <c r="N263784" s="10"/>
    </row>
    <row r="263785" spans="14:14">
      <c r="N263785" s="10"/>
    </row>
    <row r="263786" spans="14:14">
      <c r="N263786" s="10"/>
    </row>
    <row r="263787" spans="14:14">
      <c r="N263787" s="10"/>
    </row>
    <row r="263788" spans="14:14">
      <c r="N263788" s="10"/>
    </row>
    <row r="263789" spans="14:14">
      <c r="N263789" s="10"/>
    </row>
    <row r="263790" spans="14:14">
      <c r="N263790" s="10"/>
    </row>
    <row r="263791" spans="14:14">
      <c r="N263791" s="10"/>
    </row>
    <row r="263792" spans="14:14">
      <c r="N263792" s="10"/>
    </row>
    <row r="263793" spans="14:14">
      <c r="N263793" s="10"/>
    </row>
    <row r="263794" spans="14:14">
      <c r="N263794" s="10"/>
    </row>
    <row r="263795" spans="14:14">
      <c r="N263795" s="10"/>
    </row>
    <row r="263796" spans="14:14">
      <c r="N263796" s="10"/>
    </row>
    <row r="263797" spans="14:14">
      <c r="N263797" s="10"/>
    </row>
    <row r="263798" spans="14:14">
      <c r="N263798" s="10"/>
    </row>
    <row r="263799" spans="14:14">
      <c r="N263799" s="10"/>
    </row>
    <row r="263800" spans="14:14">
      <c r="N263800" s="10"/>
    </row>
    <row r="263801" spans="14:14">
      <c r="N263801" s="10"/>
    </row>
    <row r="263802" spans="14:14">
      <c r="N263802" s="10"/>
    </row>
    <row r="263803" spans="14:14">
      <c r="N263803" s="10"/>
    </row>
    <row r="263804" spans="14:14">
      <c r="N263804" s="10"/>
    </row>
    <row r="263805" spans="14:14">
      <c r="N263805" s="10"/>
    </row>
    <row r="263806" spans="14:14">
      <c r="N263806" s="10"/>
    </row>
    <row r="263807" spans="14:14">
      <c r="N263807" s="10"/>
    </row>
    <row r="263808" spans="14:14">
      <c r="N263808" s="10"/>
    </row>
    <row r="263809" spans="14:14">
      <c r="N263809" s="10"/>
    </row>
    <row r="263810" spans="14:14">
      <c r="N263810" s="10"/>
    </row>
    <row r="263811" spans="14:14">
      <c r="N263811" s="10"/>
    </row>
    <row r="263812" spans="14:14">
      <c r="N263812" s="10"/>
    </row>
    <row r="263813" spans="14:14">
      <c r="N263813" s="10"/>
    </row>
    <row r="263814" spans="14:14">
      <c r="N263814" s="10"/>
    </row>
    <row r="263815" spans="14:14">
      <c r="N263815" s="10"/>
    </row>
    <row r="263816" spans="14:14">
      <c r="N263816" s="10"/>
    </row>
    <row r="263817" spans="14:14">
      <c r="N263817" s="10"/>
    </row>
    <row r="263818" spans="14:14">
      <c r="N263818" s="10"/>
    </row>
    <row r="263819" spans="14:14">
      <c r="N263819" s="10"/>
    </row>
    <row r="263820" spans="14:14">
      <c r="N263820" s="10"/>
    </row>
    <row r="263821" spans="14:14">
      <c r="N263821" s="10"/>
    </row>
    <row r="263822" spans="14:14">
      <c r="N263822" s="10"/>
    </row>
    <row r="263823" spans="14:14">
      <c r="N263823" s="10"/>
    </row>
    <row r="263824" spans="14:14">
      <c r="N263824" s="10"/>
    </row>
    <row r="263825" spans="14:14">
      <c r="N263825" s="10"/>
    </row>
    <row r="263826" spans="14:14">
      <c r="N263826" s="10"/>
    </row>
    <row r="263827" spans="14:14">
      <c r="N263827" s="10"/>
    </row>
    <row r="263828" spans="14:14">
      <c r="N263828" s="10"/>
    </row>
    <row r="263829" spans="14:14">
      <c r="N263829" s="10"/>
    </row>
    <row r="263830" spans="14:14">
      <c r="N263830" s="10"/>
    </row>
    <row r="263831" spans="14:14">
      <c r="N263831" s="10"/>
    </row>
    <row r="263832" spans="14:14">
      <c r="N263832" s="10"/>
    </row>
    <row r="263833" spans="14:14">
      <c r="N263833" s="10"/>
    </row>
    <row r="263834" spans="14:14">
      <c r="N263834" s="10"/>
    </row>
    <row r="263835" spans="14:14">
      <c r="N263835" s="10"/>
    </row>
    <row r="263836" spans="14:14">
      <c r="N263836" s="10"/>
    </row>
    <row r="263837" spans="14:14">
      <c r="N263837" s="10"/>
    </row>
    <row r="263838" spans="14:14">
      <c r="N263838" s="10"/>
    </row>
    <row r="263839" spans="14:14">
      <c r="N263839" s="10"/>
    </row>
    <row r="263840" spans="14:14">
      <c r="N263840" s="10"/>
    </row>
    <row r="263841" spans="14:14">
      <c r="N263841" s="10"/>
    </row>
    <row r="263842" spans="14:14">
      <c r="N263842" s="10"/>
    </row>
    <row r="263843" spans="14:14">
      <c r="N263843" s="10"/>
    </row>
    <row r="263844" spans="14:14">
      <c r="N263844" s="10"/>
    </row>
    <row r="263845" spans="14:14">
      <c r="N263845" s="10"/>
    </row>
    <row r="263846" spans="14:14">
      <c r="N263846" s="10"/>
    </row>
    <row r="263847" spans="14:14">
      <c r="N263847" s="10"/>
    </row>
    <row r="263848" spans="14:14">
      <c r="N263848" s="10"/>
    </row>
    <row r="263849" spans="14:14">
      <c r="N263849" s="10"/>
    </row>
    <row r="263850" spans="14:14">
      <c r="N263850" s="10"/>
    </row>
    <row r="263851" spans="14:14">
      <c r="N263851" s="10"/>
    </row>
    <row r="263852" spans="14:14">
      <c r="N263852" s="10"/>
    </row>
    <row r="263853" spans="14:14">
      <c r="N263853" s="10"/>
    </row>
    <row r="263854" spans="14:14">
      <c r="N263854" s="10"/>
    </row>
    <row r="263855" spans="14:14">
      <c r="N263855" s="10"/>
    </row>
    <row r="263856" spans="14:14">
      <c r="N263856" s="10"/>
    </row>
    <row r="263857" spans="14:14">
      <c r="N263857" s="10"/>
    </row>
    <row r="263858" spans="14:14">
      <c r="N263858" s="10"/>
    </row>
    <row r="263859" spans="14:14">
      <c r="N263859" s="10"/>
    </row>
    <row r="263860" spans="14:14">
      <c r="N263860" s="10"/>
    </row>
    <row r="263861" spans="14:14">
      <c r="N263861" s="10"/>
    </row>
    <row r="263862" spans="14:14">
      <c r="N263862" s="10"/>
    </row>
    <row r="263863" spans="14:14">
      <c r="N263863" s="10"/>
    </row>
    <row r="263864" spans="14:14">
      <c r="N263864" s="10"/>
    </row>
    <row r="263865" spans="14:14">
      <c r="N263865" s="10"/>
    </row>
    <row r="263866" spans="14:14">
      <c r="N263866" s="10"/>
    </row>
    <row r="263867" spans="14:14">
      <c r="N263867" s="10"/>
    </row>
    <row r="263868" spans="14:14">
      <c r="N263868" s="10"/>
    </row>
    <row r="263869" spans="14:14">
      <c r="N263869" s="10"/>
    </row>
    <row r="263870" spans="14:14">
      <c r="N263870" s="10"/>
    </row>
    <row r="263871" spans="14:14">
      <c r="N263871" s="10"/>
    </row>
    <row r="263872" spans="14:14">
      <c r="N263872" s="10"/>
    </row>
    <row r="263873" spans="14:14">
      <c r="N263873" s="10"/>
    </row>
    <row r="263874" spans="14:14">
      <c r="N263874" s="10"/>
    </row>
    <row r="263875" spans="14:14">
      <c r="N263875" s="10"/>
    </row>
    <row r="263876" spans="14:14">
      <c r="N263876" s="10"/>
    </row>
    <row r="263877" spans="14:14">
      <c r="N263877" s="10"/>
    </row>
    <row r="263878" spans="14:14">
      <c r="N263878" s="10"/>
    </row>
    <row r="263879" spans="14:14">
      <c r="N263879" s="10"/>
    </row>
    <row r="263880" spans="14:14">
      <c r="N263880" s="10"/>
    </row>
    <row r="263881" spans="14:14">
      <c r="N263881" s="10"/>
    </row>
    <row r="263882" spans="14:14">
      <c r="N263882" s="10"/>
    </row>
    <row r="263883" spans="14:14">
      <c r="N263883" s="10"/>
    </row>
    <row r="263884" spans="14:14">
      <c r="N263884" s="10"/>
    </row>
    <row r="263885" spans="14:14">
      <c r="N263885" s="10"/>
    </row>
    <row r="263886" spans="14:14">
      <c r="N263886" s="10"/>
    </row>
    <row r="263887" spans="14:14">
      <c r="N263887" s="10"/>
    </row>
    <row r="263888" spans="14:14">
      <c r="N263888" s="10"/>
    </row>
    <row r="263889" spans="14:14">
      <c r="N263889" s="10"/>
    </row>
    <row r="263890" spans="14:14">
      <c r="N263890" s="10"/>
    </row>
    <row r="263891" spans="14:14">
      <c r="N263891" s="10"/>
    </row>
    <row r="263892" spans="14:14">
      <c r="N263892" s="10"/>
    </row>
    <row r="263893" spans="14:14">
      <c r="N263893" s="10"/>
    </row>
    <row r="263894" spans="14:14">
      <c r="N263894" s="10"/>
    </row>
    <row r="263895" spans="14:14">
      <c r="N263895" s="10"/>
    </row>
    <row r="263896" spans="14:14">
      <c r="N263896" s="10"/>
    </row>
    <row r="263897" spans="14:14">
      <c r="N263897" s="10"/>
    </row>
    <row r="263898" spans="14:14">
      <c r="N263898" s="10"/>
    </row>
    <row r="263899" spans="14:14">
      <c r="N263899" s="10"/>
    </row>
    <row r="263900" spans="14:14">
      <c r="N263900" s="10"/>
    </row>
    <row r="263901" spans="14:14">
      <c r="N263901" s="10"/>
    </row>
    <row r="263902" spans="14:14">
      <c r="N263902" s="10"/>
    </row>
    <row r="263903" spans="14:14">
      <c r="N263903" s="10"/>
    </row>
    <row r="263904" spans="14:14">
      <c r="N263904" s="10"/>
    </row>
    <row r="263905" spans="14:14">
      <c r="N263905" s="10"/>
    </row>
    <row r="263906" spans="14:14">
      <c r="N263906" s="10"/>
    </row>
    <row r="263907" spans="14:14">
      <c r="N263907" s="10"/>
    </row>
    <row r="263908" spans="14:14">
      <c r="N263908" s="10"/>
    </row>
    <row r="263909" spans="14:14">
      <c r="N263909" s="10"/>
    </row>
    <row r="263910" spans="14:14">
      <c r="N263910" s="10"/>
    </row>
    <row r="263911" spans="14:14">
      <c r="N263911" s="10"/>
    </row>
    <row r="263912" spans="14:14">
      <c r="N263912" s="10"/>
    </row>
    <row r="263913" spans="14:14">
      <c r="N263913" s="10"/>
    </row>
    <row r="263914" spans="14:14">
      <c r="N263914" s="10"/>
    </row>
    <row r="263915" spans="14:14">
      <c r="N263915" s="10"/>
    </row>
    <row r="263916" spans="14:14">
      <c r="N263916" s="10"/>
    </row>
    <row r="263917" spans="14:14">
      <c r="N263917" s="10"/>
    </row>
    <row r="263918" spans="14:14">
      <c r="N263918" s="10"/>
    </row>
    <row r="263919" spans="14:14">
      <c r="N263919" s="10"/>
    </row>
    <row r="263920" spans="14:14">
      <c r="N263920" s="10"/>
    </row>
    <row r="263921" spans="14:14">
      <c r="N263921" s="10"/>
    </row>
    <row r="263922" spans="14:14">
      <c r="N263922" s="10"/>
    </row>
    <row r="263923" spans="14:14">
      <c r="N263923" s="10"/>
    </row>
    <row r="263924" spans="14:14">
      <c r="N263924" s="10"/>
    </row>
    <row r="263925" spans="14:14">
      <c r="N263925" s="10"/>
    </row>
    <row r="263926" spans="14:14">
      <c r="N263926" s="10"/>
    </row>
    <row r="263927" spans="14:14">
      <c r="N263927" s="10"/>
    </row>
    <row r="263928" spans="14:14">
      <c r="N263928" s="10"/>
    </row>
    <row r="263929" spans="14:14">
      <c r="N263929" s="10"/>
    </row>
    <row r="263930" spans="14:14">
      <c r="N263930" s="10"/>
    </row>
    <row r="263931" spans="14:14">
      <c r="N263931" s="10"/>
    </row>
    <row r="263932" spans="14:14">
      <c r="N263932" s="10"/>
    </row>
    <row r="263933" spans="14:14">
      <c r="N263933" s="10"/>
    </row>
    <row r="263934" spans="14:14">
      <c r="N263934" s="10"/>
    </row>
    <row r="263935" spans="14:14">
      <c r="N263935" s="10"/>
    </row>
    <row r="263936" spans="14:14">
      <c r="N263936" s="10"/>
    </row>
    <row r="263937" spans="14:14">
      <c r="N263937" s="10"/>
    </row>
    <row r="263938" spans="14:14">
      <c r="N263938" s="10"/>
    </row>
    <row r="263939" spans="14:14">
      <c r="N263939" s="10"/>
    </row>
    <row r="263940" spans="14:14">
      <c r="N263940" s="10"/>
    </row>
    <row r="263941" spans="14:14">
      <c r="N263941" s="10"/>
    </row>
    <row r="263942" spans="14:14">
      <c r="N263942" s="10"/>
    </row>
    <row r="263943" spans="14:14">
      <c r="N263943" s="10"/>
    </row>
    <row r="263944" spans="14:14">
      <c r="N263944" s="10"/>
    </row>
    <row r="263945" spans="14:14">
      <c r="N263945" s="10"/>
    </row>
    <row r="263946" spans="14:14">
      <c r="N263946" s="10"/>
    </row>
    <row r="263947" spans="14:14">
      <c r="N263947" s="10"/>
    </row>
    <row r="263948" spans="14:14">
      <c r="N263948" s="10"/>
    </row>
    <row r="263949" spans="14:14">
      <c r="N263949" s="10"/>
    </row>
    <row r="263950" spans="14:14">
      <c r="N263950" s="10"/>
    </row>
    <row r="263951" spans="14:14">
      <c r="N263951" s="10"/>
    </row>
    <row r="263952" spans="14:14">
      <c r="N263952" s="10"/>
    </row>
    <row r="263953" spans="14:14">
      <c r="N263953" s="10"/>
    </row>
    <row r="263954" spans="14:14">
      <c r="N263954" s="10"/>
    </row>
    <row r="263955" spans="14:14">
      <c r="N263955" s="10"/>
    </row>
    <row r="263956" spans="14:14">
      <c r="N263956" s="10"/>
    </row>
    <row r="263957" spans="14:14">
      <c r="N263957" s="10"/>
    </row>
    <row r="263958" spans="14:14">
      <c r="N263958" s="10"/>
    </row>
    <row r="263959" spans="14:14">
      <c r="N263959" s="10"/>
    </row>
    <row r="263960" spans="14:14">
      <c r="N263960" s="10"/>
    </row>
    <row r="263961" spans="14:14">
      <c r="N263961" s="10"/>
    </row>
    <row r="263962" spans="14:14">
      <c r="N263962" s="10"/>
    </row>
    <row r="263963" spans="14:14">
      <c r="N263963" s="10"/>
    </row>
    <row r="263964" spans="14:14">
      <c r="N263964" s="10"/>
    </row>
    <row r="263965" spans="14:14">
      <c r="N263965" s="10"/>
    </row>
    <row r="263966" spans="14:14">
      <c r="N263966" s="10"/>
    </row>
    <row r="263967" spans="14:14">
      <c r="N263967" s="10"/>
    </row>
    <row r="263968" spans="14:14">
      <c r="N263968" s="10"/>
    </row>
    <row r="263969" spans="14:14">
      <c r="N263969" s="10"/>
    </row>
    <row r="263970" spans="14:14">
      <c r="N263970" s="10"/>
    </row>
    <row r="263971" spans="14:14">
      <c r="N263971" s="10"/>
    </row>
    <row r="263972" spans="14:14">
      <c r="N263972" s="10"/>
    </row>
    <row r="263973" spans="14:14">
      <c r="N263973" s="10"/>
    </row>
    <row r="263974" spans="14:14">
      <c r="N263974" s="10"/>
    </row>
    <row r="263975" spans="14:14">
      <c r="N263975" s="10"/>
    </row>
    <row r="263976" spans="14:14">
      <c r="N263976" s="10"/>
    </row>
    <row r="263977" spans="14:14">
      <c r="N263977" s="10"/>
    </row>
    <row r="263978" spans="14:14">
      <c r="N263978" s="10"/>
    </row>
    <row r="263979" spans="14:14">
      <c r="N263979" s="10"/>
    </row>
    <row r="263980" spans="14:14">
      <c r="N263980" s="10"/>
    </row>
    <row r="263981" spans="14:14">
      <c r="N263981" s="10"/>
    </row>
    <row r="263982" spans="14:14">
      <c r="N263982" s="10"/>
    </row>
    <row r="263983" spans="14:14">
      <c r="N263983" s="10"/>
    </row>
    <row r="263984" spans="14:14">
      <c r="N263984" s="10"/>
    </row>
    <row r="263985" spans="14:14">
      <c r="N263985" s="10"/>
    </row>
    <row r="263986" spans="14:14">
      <c r="N263986" s="10"/>
    </row>
    <row r="263987" spans="14:14">
      <c r="N263987" s="10"/>
    </row>
    <row r="263988" spans="14:14">
      <c r="N263988" s="10"/>
    </row>
    <row r="263989" spans="14:14">
      <c r="N263989" s="10"/>
    </row>
    <row r="263990" spans="14:14">
      <c r="N263990" s="10"/>
    </row>
    <row r="263991" spans="14:14">
      <c r="N263991" s="10"/>
    </row>
    <row r="263992" spans="14:14">
      <c r="N263992" s="10"/>
    </row>
    <row r="263993" spans="14:14">
      <c r="N263993" s="10"/>
    </row>
    <row r="263994" spans="14:14">
      <c r="N263994" s="10"/>
    </row>
    <row r="263995" spans="14:14">
      <c r="N263995" s="10"/>
    </row>
    <row r="263996" spans="14:14">
      <c r="N263996" s="10"/>
    </row>
    <row r="263997" spans="14:14">
      <c r="N263997" s="10"/>
    </row>
    <row r="263998" spans="14:14">
      <c r="N263998" s="10"/>
    </row>
    <row r="263999" spans="14:14">
      <c r="N263999" s="10"/>
    </row>
    <row r="264000" spans="14:14">
      <c r="N264000" s="10"/>
    </row>
    <row r="264001" spans="14:14">
      <c r="N264001" s="10"/>
    </row>
    <row r="264002" spans="14:14">
      <c r="N264002" s="10"/>
    </row>
    <row r="264003" spans="14:14">
      <c r="N264003" s="10"/>
    </row>
    <row r="264004" spans="14:14">
      <c r="N264004" s="10"/>
    </row>
    <row r="264005" spans="14:14">
      <c r="N264005" s="10"/>
    </row>
    <row r="264006" spans="14:14">
      <c r="N264006" s="10"/>
    </row>
    <row r="264007" spans="14:14">
      <c r="N264007" s="10"/>
    </row>
    <row r="264008" spans="14:14">
      <c r="N264008" s="10"/>
    </row>
    <row r="264009" spans="14:14">
      <c r="N264009" s="10"/>
    </row>
    <row r="264010" spans="14:14">
      <c r="N264010" s="10"/>
    </row>
    <row r="264011" spans="14:14">
      <c r="N264011" s="10"/>
    </row>
    <row r="264012" spans="14:14">
      <c r="N264012" s="10"/>
    </row>
    <row r="264013" spans="14:14">
      <c r="N264013" s="10"/>
    </row>
    <row r="264014" spans="14:14">
      <c r="N264014" s="10"/>
    </row>
    <row r="264015" spans="14:14">
      <c r="N264015" s="10"/>
    </row>
    <row r="264016" spans="14:14">
      <c r="N264016" s="10"/>
    </row>
    <row r="264017" spans="14:14">
      <c r="N264017" s="10"/>
    </row>
    <row r="264018" spans="14:14">
      <c r="N264018" s="10"/>
    </row>
    <row r="264019" spans="14:14">
      <c r="N264019" s="10"/>
    </row>
    <row r="264020" spans="14:14">
      <c r="N264020" s="10"/>
    </row>
    <row r="264021" spans="14:14">
      <c r="N264021" s="10"/>
    </row>
    <row r="264022" spans="14:14">
      <c r="N264022" s="10"/>
    </row>
    <row r="264023" spans="14:14">
      <c r="N264023" s="10"/>
    </row>
    <row r="264024" spans="14:14">
      <c r="N264024" s="10"/>
    </row>
    <row r="264025" spans="14:14">
      <c r="N264025" s="10"/>
    </row>
    <row r="264026" spans="14:14">
      <c r="N264026" s="10"/>
    </row>
    <row r="264027" spans="14:14">
      <c r="N264027" s="10"/>
    </row>
    <row r="264028" spans="14:14">
      <c r="N264028" s="10"/>
    </row>
    <row r="264029" spans="14:14">
      <c r="N264029" s="10"/>
    </row>
    <row r="264030" spans="14:14">
      <c r="N264030" s="10"/>
    </row>
    <row r="264031" spans="14:14">
      <c r="N264031" s="10"/>
    </row>
    <row r="264032" spans="14:14">
      <c r="N264032" s="10"/>
    </row>
    <row r="264033" spans="14:14">
      <c r="N264033" s="10"/>
    </row>
    <row r="264034" spans="14:14">
      <c r="N264034" s="10"/>
    </row>
    <row r="264035" spans="14:14">
      <c r="N264035" s="10"/>
    </row>
    <row r="264036" spans="14:14">
      <c r="N264036" s="10"/>
    </row>
    <row r="264037" spans="14:14">
      <c r="N264037" s="10"/>
    </row>
    <row r="264038" spans="14:14">
      <c r="N264038" s="10"/>
    </row>
    <row r="264039" spans="14:14">
      <c r="N264039" s="10"/>
    </row>
    <row r="264040" spans="14:14">
      <c r="N264040" s="10"/>
    </row>
    <row r="264041" spans="14:14">
      <c r="N264041" s="10"/>
    </row>
    <row r="264042" spans="14:14">
      <c r="N264042" s="10"/>
    </row>
    <row r="264043" spans="14:14">
      <c r="N264043" s="10"/>
    </row>
    <row r="264044" spans="14:14">
      <c r="N264044" s="10"/>
    </row>
    <row r="264045" spans="14:14">
      <c r="N264045" s="10"/>
    </row>
    <row r="264046" spans="14:14">
      <c r="N264046" s="10"/>
    </row>
    <row r="264047" spans="14:14">
      <c r="N264047" s="10"/>
    </row>
    <row r="264048" spans="14:14">
      <c r="N264048" s="10"/>
    </row>
    <row r="264049" spans="14:14">
      <c r="N264049" s="10"/>
    </row>
    <row r="264050" spans="14:14">
      <c r="N264050" s="10"/>
    </row>
    <row r="264051" spans="14:14">
      <c r="N264051" s="10"/>
    </row>
    <row r="264052" spans="14:14">
      <c r="N264052" s="10"/>
    </row>
    <row r="264053" spans="14:14">
      <c r="N264053" s="10"/>
    </row>
    <row r="264054" spans="14:14">
      <c r="N264054" s="10"/>
    </row>
    <row r="264055" spans="14:14">
      <c r="N264055" s="10"/>
    </row>
    <row r="264056" spans="14:14">
      <c r="N264056" s="10"/>
    </row>
    <row r="264057" spans="14:14">
      <c r="N264057" s="10"/>
    </row>
    <row r="264058" spans="14:14">
      <c r="N264058" s="10"/>
    </row>
    <row r="264059" spans="14:14">
      <c r="N264059" s="10"/>
    </row>
    <row r="264060" spans="14:14">
      <c r="N264060" s="10"/>
    </row>
    <row r="264061" spans="14:14">
      <c r="N264061" s="10"/>
    </row>
    <row r="264062" spans="14:14">
      <c r="N264062" s="10"/>
    </row>
    <row r="264063" spans="14:14">
      <c r="N264063" s="10"/>
    </row>
    <row r="264064" spans="14:14">
      <c r="N264064" s="10"/>
    </row>
    <row r="264065" spans="14:14">
      <c r="N264065" s="10"/>
    </row>
    <row r="264066" spans="14:14">
      <c r="N264066" s="10"/>
    </row>
    <row r="264067" spans="14:14">
      <c r="N264067" s="10"/>
    </row>
    <row r="264068" spans="14:14">
      <c r="N264068" s="10"/>
    </row>
    <row r="264069" spans="14:14">
      <c r="N264069" s="10"/>
    </row>
    <row r="264070" spans="14:14">
      <c r="N264070" s="10"/>
    </row>
    <row r="264071" spans="14:14">
      <c r="N264071" s="10"/>
    </row>
    <row r="264072" spans="14:14">
      <c r="N264072" s="10"/>
    </row>
    <row r="264073" spans="14:14">
      <c r="N264073" s="10"/>
    </row>
    <row r="264074" spans="14:14">
      <c r="N264074" s="10"/>
    </row>
    <row r="264075" spans="14:14">
      <c r="N264075" s="10"/>
    </row>
    <row r="264076" spans="14:14">
      <c r="N264076" s="10"/>
    </row>
    <row r="264077" spans="14:14">
      <c r="N264077" s="10"/>
    </row>
    <row r="264078" spans="14:14">
      <c r="N264078" s="10"/>
    </row>
    <row r="264079" spans="14:14">
      <c r="N264079" s="10"/>
    </row>
    <row r="264080" spans="14:14">
      <c r="N264080" s="10"/>
    </row>
    <row r="264081" spans="14:14">
      <c r="N264081" s="10"/>
    </row>
    <row r="264082" spans="14:14">
      <c r="N264082" s="10"/>
    </row>
    <row r="264083" spans="14:14">
      <c r="N264083" s="10"/>
    </row>
    <row r="264084" spans="14:14">
      <c r="N264084" s="10"/>
    </row>
    <row r="264085" spans="14:14">
      <c r="N264085" s="10"/>
    </row>
    <row r="264086" spans="14:14">
      <c r="N264086" s="10"/>
    </row>
    <row r="264087" spans="14:14">
      <c r="N264087" s="10"/>
    </row>
    <row r="264088" spans="14:14">
      <c r="N264088" s="10"/>
    </row>
    <row r="264089" spans="14:14">
      <c r="N264089" s="10"/>
    </row>
    <row r="264090" spans="14:14">
      <c r="N264090" s="10"/>
    </row>
    <row r="264091" spans="14:14">
      <c r="N264091" s="10"/>
    </row>
    <row r="264092" spans="14:14">
      <c r="N264092" s="10"/>
    </row>
    <row r="264093" spans="14:14">
      <c r="N264093" s="10"/>
    </row>
    <row r="264094" spans="14:14">
      <c r="N264094" s="10"/>
    </row>
    <row r="264095" spans="14:14">
      <c r="N264095" s="10"/>
    </row>
    <row r="264096" spans="14:14">
      <c r="N264096" s="10"/>
    </row>
    <row r="264097" spans="14:14">
      <c r="N264097" s="10"/>
    </row>
    <row r="264098" spans="14:14">
      <c r="N264098" s="10"/>
    </row>
    <row r="264099" spans="14:14">
      <c r="N264099" s="10"/>
    </row>
    <row r="264100" spans="14:14">
      <c r="N264100" s="10"/>
    </row>
    <row r="264101" spans="14:14">
      <c r="N264101" s="10"/>
    </row>
    <row r="264102" spans="14:14">
      <c r="N264102" s="10"/>
    </row>
    <row r="264103" spans="14:14">
      <c r="N264103" s="10"/>
    </row>
    <row r="264104" spans="14:14">
      <c r="N264104" s="10"/>
    </row>
    <row r="264105" spans="14:14">
      <c r="N264105" s="10"/>
    </row>
    <row r="264106" spans="14:14">
      <c r="N264106" s="10"/>
    </row>
    <row r="264107" spans="14:14">
      <c r="N264107" s="10"/>
    </row>
    <row r="264108" spans="14:14">
      <c r="N264108" s="10"/>
    </row>
    <row r="264109" spans="14:14">
      <c r="N264109" s="10"/>
    </row>
    <row r="264110" spans="14:14">
      <c r="N264110" s="10"/>
    </row>
    <row r="264111" spans="14:14">
      <c r="N264111" s="10"/>
    </row>
    <row r="264112" spans="14:14">
      <c r="N264112" s="10"/>
    </row>
    <row r="264113" spans="14:14">
      <c r="N264113" s="10"/>
    </row>
    <row r="264114" spans="14:14">
      <c r="N264114" s="10"/>
    </row>
    <row r="264115" spans="14:14">
      <c r="N264115" s="10"/>
    </row>
    <row r="264116" spans="14:14">
      <c r="N264116" s="10"/>
    </row>
    <row r="264117" spans="14:14">
      <c r="N264117" s="10"/>
    </row>
    <row r="264118" spans="14:14">
      <c r="N264118" s="10"/>
    </row>
    <row r="264119" spans="14:14">
      <c r="N264119" s="10"/>
    </row>
    <row r="264120" spans="14:14">
      <c r="N264120" s="10"/>
    </row>
    <row r="264121" spans="14:14">
      <c r="N264121" s="10"/>
    </row>
    <row r="264122" spans="14:14">
      <c r="N264122" s="10"/>
    </row>
    <row r="264123" spans="14:14">
      <c r="N264123" s="10"/>
    </row>
    <row r="264124" spans="14:14">
      <c r="N264124" s="10"/>
    </row>
    <row r="264125" spans="14:14">
      <c r="N264125" s="10"/>
    </row>
    <row r="264126" spans="14:14">
      <c r="N264126" s="10"/>
    </row>
    <row r="264127" spans="14:14">
      <c r="N264127" s="10"/>
    </row>
    <row r="264128" spans="14:14">
      <c r="N264128" s="10"/>
    </row>
    <row r="264129" spans="14:14">
      <c r="N264129" s="10"/>
    </row>
    <row r="264130" spans="14:14">
      <c r="N264130" s="10"/>
    </row>
    <row r="264131" spans="14:14">
      <c r="N264131" s="10"/>
    </row>
    <row r="264132" spans="14:14">
      <c r="N264132" s="10"/>
    </row>
    <row r="264133" spans="14:14">
      <c r="N264133" s="10"/>
    </row>
    <row r="264134" spans="14:14">
      <c r="N264134" s="10"/>
    </row>
    <row r="264135" spans="14:14">
      <c r="N264135" s="10"/>
    </row>
    <row r="264136" spans="14:14">
      <c r="N264136" s="10"/>
    </row>
    <row r="264137" spans="14:14">
      <c r="N264137" s="10"/>
    </row>
    <row r="264138" spans="14:14">
      <c r="N264138" s="10"/>
    </row>
    <row r="264139" spans="14:14">
      <c r="N264139" s="10"/>
    </row>
    <row r="264140" spans="14:14">
      <c r="N264140" s="10"/>
    </row>
    <row r="264141" spans="14:14">
      <c r="N264141" s="10"/>
    </row>
    <row r="264142" spans="14:14">
      <c r="N264142" s="10"/>
    </row>
    <row r="264143" spans="14:14">
      <c r="N264143" s="10"/>
    </row>
    <row r="264144" spans="14:14">
      <c r="N264144" s="10"/>
    </row>
    <row r="264145" spans="14:14">
      <c r="N264145" s="10"/>
    </row>
    <row r="264146" spans="14:14">
      <c r="N264146" s="10"/>
    </row>
    <row r="264147" spans="14:14">
      <c r="N264147" s="10"/>
    </row>
    <row r="264148" spans="14:14">
      <c r="N264148" s="10"/>
    </row>
    <row r="264149" spans="14:14">
      <c r="N264149" s="10"/>
    </row>
    <row r="264150" spans="14:14">
      <c r="N264150" s="10"/>
    </row>
    <row r="264151" spans="14:14">
      <c r="N264151" s="10"/>
    </row>
    <row r="264152" spans="14:14">
      <c r="N264152" s="10"/>
    </row>
    <row r="264153" spans="14:14">
      <c r="N264153" s="10"/>
    </row>
    <row r="264154" spans="14:14">
      <c r="N264154" s="10"/>
    </row>
    <row r="264155" spans="14:14">
      <c r="N264155" s="10"/>
    </row>
    <row r="264156" spans="14:14">
      <c r="N264156" s="10"/>
    </row>
    <row r="264157" spans="14:14">
      <c r="N264157" s="10"/>
    </row>
    <row r="264158" spans="14:14">
      <c r="N264158" s="10"/>
    </row>
    <row r="264159" spans="14:14">
      <c r="N264159" s="10"/>
    </row>
    <row r="264160" spans="14:14">
      <c r="N264160" s="10"/>
    </row>
    <row r="264161" spans="14:14">
      <c r="N264161" s="10"/>
    </row>
    <row r="264162" spans="14:14">
      <c r="N264162" s="10"/>
    </row>
    <row r="264163" spans="14:14">
      <c r="N264163" s="10"/>
    </row>
    <row r="264164" spans="14:14">
      <c r="N264164" s="10"/>
    </row>
    <row r="264165" spans="14:14">
      <c r="N264165" s="10"/>
    </row>
    <row r="264166" spans="14:14">
      <c r="N264166" s="10"/>
    </row>
    <row r="264167" spans="14:14">
      <c r="N264167" s="10"/>
    </row>
    <row r="264168" spans="14:14">
      <c r="N264168" s="10"/>
    </row>
    <row r="264169" spans="14:14">
      <c r="N264169" s="10"/>
    </row>
    <row r="264170" spans="14:14">
      <c r="N264170" s="10"/>
    </row>
    <row r="264171" spans="14:14">
      <c r="N264171" s="10"/>
    </row>
    <row r="264172" spans="14:14">
      <c r="N264172" s="10"/>
    </row>
    <row r="264173" spans="14:14">
      <c r="N264173" s="10"/>
    </row>
    <row r="264174" spans="14:14">
      <c r="N264174" s="10"/>
    </row>
    <row r="264175" spans="14:14">
      <c r="N264175" s="10"/>
    </row>
    <row r="264176" spans="14:14">
      <c r="N264176" s="10"/>
    </row>
    <row r="264177" spans="14:14">
      <c r="N264177" s="10"/>
    </row>
    <row r="264178" spans="14:14">
      <c r="N264178" s="10"/>
    </row>
    <row r="264179" spans="14:14">
      <c r="N264179" s="10"/>
    </row>
    <row r="264180" spans="14:14">
      <c r="N264180" s="10"/>
    </row>
    <row r="264181" spans="14:14">
      <c r="N264181" s="10"/>
    </row>
    <row r="264182" spans="14:14">
      <c r="N264182" s="10"/>
    </row>
    <row r="264183" spans="14:14">
      <c r="N264183" s="10"/>
    </row>
    <row r="264184" spans="14:14">
      <c r="N264184" s="10"/>
    </row>
    <row r="264185" spans="14:14">
      <c r="N264185" s="10"/>
    </row>
    <row r="264186" spans="14:14">
      <c r="N264186" s="10"/>
    </row>
    <row r="264187" spans="14:14">
      <c r="N264187" s="10"/>
    </row>
    <row r="264188" spans="14:14">
      <c r="N264188" s="10"/>
    </row>
    <row r="264189" spans="14:14">
      <c r="N264189" s="10"/>
    </row>
    <row r="264190" spans="14:14">
      <c r="N264190" s="10"/>
    </row>
    <row r="264191" spans="14:14">
      <c r="N264191" s="10"/>
    </row>
    <row r="264192" spans="14:14">
      <c r="N264192" s="10"/>
    </row>
    <row r="264193" spans="14:14">
      <c r="N264193" s="10"/>
    </row>
    <row r="264194" spans="14:14">
      <c r="N264194" s="10"/>
    </row>
    <row r="264195" spans="14:14">
      <c r="N264195" s="10"/>
    </row>
    <row r="264196" spans="14:14">
      <c r="N264196" s="10"/>
    </row>
    <row r="264197" spans="14:14">
      <c r="N264197" s="10"/>
    </row>
    <row r="264198" spans="14:14">
      <c r="N264198" s="10"/>
    </row>
    <row r="264199" spans="14:14">
      <c r="N264199" s="10"/>
    </row>
    <row r="264200" spans="14:14">
      <c r="N264200" s="10"/>
    </row>
    <row r="264201" spans="14:14">
      <c r="N264201" s="10"/>
    </row>
    <row r="264202" spans="14:14">
      <c r="N264202" s="10"/>
    </row>
    <row r="264203" spans="14:14">
      <c r="N264203" s="10"/>
    </row>
    <row r="264204" spans="14:14">
      <c r="N264204" s="10"/>
    </row>
    <row r="264205" spans="14:14">
      <c r="N264205" s="10"/>
    </row>
    <row r="264206" spans="14:14">
      <c r="N264206" s="10"/>
    </row>
    <row r="264207" spans="14:14">
      <c r="N264207" s="10"/>
    </row>
    <row r="264208" spans="14:14">
      <c r="N264208" s="10"/>
    </row>
    <row r="264209" spans="14:14">
      <c r="N264209" s="10"/>
    </row>
    <row r="264210" spans="14:14">
      <c r="N264210" s="10"/>
    </row>
    <row r="264211" spans="14:14">
      <c r="N264211" s="10"/>
    </row>
    <row r="264212" spans="14:14">
      <c r="N264212" s="10"/>
    </row>
    <row r="264213" spans="14:14">
      <c r="N264213" s="10"/>
    </row>
    <row r="264214" spans="14:14">
      <c r="N264214" s="10"/>
    </row>
    <row r="264215" spans="14:14">
      <c r="N264215" s="10"/>
    </row>
    <row r="264216" spans="14:14">
      <c r="N264216" s="10"/>
    </row>
    <row r="264217" spans="14:14">
      <c r="N264217" s="10"/>
    </row>
    <row r="264218" spans="14:14">
      <c r="N264218" s="10"/>
    </row>
    <row r="264219" spans="14:14">
      <c r="N264219" s="10"/>
    </row>
    <row r="264220" spans="14:14">
      <c r="N264220" s="10"/>
    </row>
    <row r="264221" spans="14:14">
      <c r="N264221" s="10"/>
    </row>
    <row r="264222" spans="14:14">
      <c r="N264222" s="10"/>
    </row>
    <row r="264223" spans="14:14">
      <c r="N264223" s="10"/>
    </row>
    <row r="264224" spans="14:14">
      <c r="N264224" s="10"/>
    </row>
    <row r="264225" spans="14:14">
      <c r="N264225" s="10"/>
    </row>
    <row r="264226" spans="14:14">
      <c r="N264226" s="10"/>
    </row>
    <row r="264227" spans="14:14">
      <c r="N264227" s="10"/>
    </row>
    <row r="264228" spans="14:14">
      <c r="N264228" s="10"/>
    </row>
    <row r="264229" spans="14:14">
      <c r="N264229" s="10"/>
    </row>
    <row r="264230" spans="14:14">
      <c r="N264230" s="10"/>
    </row>
    <row r="264231" spans="14:14">
      <c r="N264231" s="10"/>
    </row>
    <row r="264232" spans="14:14">
      <c r="N264232" s="10"/>
    </row>
    <row r="264233" spans="14:14">
      <c r="N264233" s="10"/>
    </row>
    <row r="264234" spans="14:14">
      <c r="N264234" s="10"/>
    </row>
    <row r="264235" spans="14:14">
      <c r="N264235" s="10"/>
    </row>
    <row r="264236" spans="14:14">
      <c r="N264236" s="10"/>
    </row>
    <row r="264237" spans="14:14">
      <c r="N264237" s="10"/>
    </row>
    <row r="264238" spans="14:14">
      <c r="N264238" s="10"/>
    </row>
    <row r="264239" spans="14:14">
      <c r="N264239" s="10"/>
    </row>
    <row r="264240" spans="14:14">
      <c r="N264240" s="10"/>
    </row>
    <row r="264241" spans="14:14">
      <c r="N264241" s="10"/>
    </row>
    <row r="264242" spans="14:14">
      <c r="N264242" s="10"/>
    </row>
    <row r="264243" spans="14:14">
      <c r="N264243" s="10"/>
    </row>
    <row r="264244" spans="14:14">
      <c r="N264244" s="10"/>
    </row>
    <row r="264245" spans="14:14">
      <c r="N264245" s="10"/>
    </row>
    <row r="264246" spans="14:14">
      <c r="N264246" s="10"/>
    </row>
    <row r="264247" spans="14:14">
      <c r="N264247" s="10"/>
    </row>
    <row r="264248" spans="14:14">
      <c r="N264248" s="10"/>
    </row>
    <row r="264249" spans="14:14">
      <c r="N264249" s="10"/>
    </row>
    <row r="264250" spans="14:14">
      <c r="N264250" s="10"/>
    </row>
    <row r="264251" spans="14:14">
      <c r="N264251" s="10"/>
    </row>
    <row r="264252" spans="14:14">
      <c r="N264252" s="10"/>
    </row>
    <row r="264253" spans="14:14">
      <c r="N264253" s="10"/>
    </row>
    <row r="264254" spans="14:14">
      <c r="N264254" s="10"/>
    </row>
    <row r="264255" spans="14:14">
      <c r="N264255" s="10"/>
    </row>
    <row r="264256" spans="14:14">
      <c r="N264256" s="10"/>
    </row>
    <row r="264257" spans="14:14">
      <c r="N264257" s="10"/>
    </row>
    <row r="264258" spans="14:14">
      <c r="N264258" s="10"/>
    </row>
    <row r="264259" spans="14:14">
      <c r="N264259" s="10"/>
    </row>
    <row r="264260" spans="14:14">
      <c r="N264260" s="10"/>
    </row>
    <row r="264261" spans="14:14">
      <c r="N264261" s="10"/>
    </row>
    <row r="264262" spans="14:14">
      <c r="N264262" s="10"/>
    </row>
    <row r="264263" spans="14:14">
      <c r="N264263" s="10"/>
    </row>
    <row r="264264" spans="14:14">
      <c r="N264264" s="10"/>
    </row>
    <row r="264265" spans="14:14">
      <c r="N264265" s="10"/>
    </row>
    <row r="264266" spans="14:14">
      <c r="N264266" s="10"/>
    </row>
    <row r="264267" spans="14:14">
      <c r="N264267" s="10"/>
    </row>
    <row r="264268" spans="14:14">
      <c r="N264268" s="10"/>
    </row>
    <row r="264269" spans="14:14">
      <c r="N264269" s="10"/>
    </row>
    <row r="264270" spans="14:14">
      <c r="N264270" s="10"/>
    </row>
    <row r="264271" spans="14:14">
      <c r="N264271" s="10"/>
    </row>
    <row r="264272" spans="14:14">
      <c r="N264272" s="10"/>
    </row>
    <row r="264273" spans="14:14">
      <c r="N264273" s="10"/>
    </row>
    <row r="264274" spans="14:14">
      <c r="N264274" s="10"/>
    </row>
    <row r="264275" spans="14:14">
      <c r="N264275" s="10"/>
    </row>
    <row r="264276" spans="14:14">
      <c r="N264276" s="10"/>
    </row>
    <row r="264277" spans="14:14">
      <c r="N264277" s="10"/>
    </row>
    <row r="264278" spans="14:14">
      <c r="N264278" s="10"/>
    </row>
    <row r="264279" spans="14:14">
      <c r="N264279" s="10"/>
    </row>
    <row r="264280" spans="14:14">
      <c r="N264280" s="10"/>
    </row>
    <row r="264281" spans="14:14">
      <c r="N264281" s="10"/>
    </row>
    <row r="264282" spans="14:14">
      <c r="N264282" s="10"/>
    </row>
    <row r="264283" spans="14:14">
      <c r="N264283" s="10"/>
    </row>
    <row r="264284" spans="14:14">
      <c r="N264284" s="10"/>
    </row>
    <row r="264285" spans="14:14">
      <c r="N264285" s="10"/>
    </row>
    <row r="264286" spans="14:14">
      <c r="N264286" s="10"/>
    </row>
    <row r="264287" spans="14:14">
      <c r="N264287" s="10"/>
    </row>
    <row r="264288" spans="14:14">
      <c r="N264288" s="10"/>
    </row>
    <row r="264289" spans="14:14">
      <c r="N264289" s="10"/>
    </row>
    <row r="264290" spans="14:14">
      <c r="N264290" s="10"/>
    </row>
    <row r="264291" spans="14:14">
      <c r="N264291" s="10"/>
    </row>
    <row r="264292" spans="14:14">
      <c r="N264292" s="10"/>
    </row>
    <row r="264293" spans="14:14">
      <c r="N264293" s="10"/>
    </row>
    <row r="264294" spans="14:14">
      <c r="N264294" s="10"/>
    </row>
    <row r="264295" spans="14:14">
      <c r="N264295" s="10"/>
    </row>
    <row r="264296" spans="14:14">
      <c r="N264296" s="10"/>
    </row>
    <row r="264297" spans="14:14">
      <c r="N264297" s="10"/>
    </row>
    <row r="264298" spans="14:14">
      <c r="N264298" s="10"/>
    </row>
    <row r="264299" spans="14:14">
      <c r="N264299" s="10"/>
    </row>
    <row r="264300" spans="14:14">
      <c r="N264300" s="10"/>
    </row>
    <row r="264301" spans="14:14">
      <c r="N264301" s="10"/>
    </row>
    <row r="264302" spans="14:14">
      <c r="N264302" s="10"/>
    </row>
    <row r="264303" spans="14:14">
      <c r="N264303" s="10"/>
    </row>
    <row r="264304" spans="14:14">
      <c r="N264304" s="10"/>
    </row>
    <row r="264305" spans="14:14">
      <c r="N264305" s="10"/>
    </row>
    <row r="264306" spans="14:14">
      <c r="N264306" s="10"/>
    </row>
    <row r="264307" spans="14:14">
      <c r="N264307" s="10"/>
    </row>
    <row r="264308" spans="14:14">
      <c r="N264308" s="10"/>
    </row>
    <row r="264309" spans="14:14">
      <c r="N264309" s="10"/>
    </row>
    <row r="264310" spans="14:14">
      <c r="N264310" s="10"/>
    </row>
    <row r="264311" spans="14:14">
      <c r="N264311" s="10"/>
    </row>
    <row r="264312" spans="14:14">
      <c r="N264312" s="10"/>
    </row>
    <row r="264313" spans="14:14">
      <c r="N264313" s="10"/>
    </row>
    <row r="264314" spans="14:14">
      <c r="N264314" s="10"/>
    </row>
    <row r="264315" spans="14:14">
      <c r="N264315" s="10"/>
    </row>
    <row r="264316" spans="14:14">
      <c r="N264316" s="10"/>
    </row>
    <row r="264317" spans="14:14">
      <c r="N264317" s="10"/>
    </row>
    <row r="264318" spans="14:14">
      <c r="N264318" s="10"/>
    </row>
    <row r="264319" spans="14:14">
      <c r="N264319" s="10"/>
    </row>
    <row r="264320" spans="14:14">
      <c r="N264320" s="10"/>
    </row>
    <row r="264321" spans="14:14">
      <c r="N264321" s="10"/>
    </row>
    <row r="264322" spans="14:14">
      <c r="N264322" s="10"/>
    </row>
    <row r="264323" spans="14:14">
      <c r="N264323" s="10"/>
    </row>
    <row r="264324" spans="14:14">
      <c r="N264324" s="10"/>
    </row>
    <row r="264325" spans="14:14">
      <c r="N264325" s="10"/>
    </row>
    <row r="264326" spans="14:14">
      <c r="N264326" s="10"/>
    </row>
    <row r="264327" spans="14:14">
      <c r="N264327" s="10"/>
    </row>
    <row r="264328" spans="14:14">
      <c r="N264328" s="10"/>
    </row>
    <row r="264329" spans="14:14">
      <c r="N264329" s="10"/>
    </row>
    <row r="264330" spans="14:14">
      <c r="N264330" s="10"/>
    </row>
    <row r="264331" spans="14:14">
      <c r="N264331" s="10"/>
    </row>
    <row r="264332" spans="14:14">
      <c r="N264332" s="10"/>
    </row>
    <row r="264333" spans="14:14">
      <c r="N264333" s="10"/>
    </row>
    <row r="264334" spans="14:14">
      <c r="N264334" s="10"/>
    </row>
    <row r="264335" spans="14:14">
      <c r="N264335" s="10"/>
    </row>
    <row r="264336" spans="14:14">
      <c r="N264336" s="10"/>
    </row>
    <row r="264337" spans="14:14">
      <c r="N264337" s="10"/>
    </row>
    <row r="264338" spans="14:14">
      <c r="N264338" s="10"/>
    </row>
    <row r="264339" spans="14:14">
      <c r="N264339" s="10"/>
    </row>
    <row r="264340" spans="14:14">
      <c r="N264340" s="10"/>
    </row>
    <row r="264341" spans="14:14">
      <c r="N264341" s="10"/>
    </row>
    <row r="264342" spans="14:14">
      <c r="N264342" s="10"/>
    </row>
    <row r="264343" spans="14:14">
      <c r="N264343" s="10"/>
    </row>
    <row r="264344" spans="14:14">
      <c r="N264344" s="10"/>
    </row>
    <row r="264345" spans="14:14">
      <c r="N264345" s="10"/>
    </row>
    <row r="264346" spans="14:14">
      <c r="N264346" s="10"/>
    </row>
    <row r="264347" spans="14:14">
      <c r="N264347" s="10"/>
    </row>
    <row r="264348" spans="14:14">
      <c r="N264348" s="10"/>
    </row>
    <row r="264349" spans="14:14">
      <c r="N264349" s="10"/>
    </row>
    <row r="264350" spans="14:14">
      <c r="N264350" s="10"/>
    </row>
    <row r="264351" spans="14:14">
      <c r="N264351" s="10"/>
    </row>
    <row r="264352" spans="14:14">
      <c r="N264352" s="10"/>
    </row>
    <row r="264353" spans="14:14">
      <c r="N264353" s="10"/>
    </row>
    <row r="264354" spans="14:14">
      <c r="N264354" s="10"/>
    </row>
    <row r="264355" spans="14:14">
      <c r="N264355" s="10"/>
    </row>
    <row r="264356" spans="14:14">
      <c r="N264356" s="10"/>
    </row>
    <row r="264357" spans="14:14">
      <c r="N264357" s="10"/>
    </row>
    <row r="264358" spans="14:14">
      <c r="N264358" s="10"/>
    </row>
    <row r="264359" spans="14:14">
      <c r="N264359" s="10"/>
    </row>
    <row r="264360" spans="14:14">
      <c r="N264360" s="10"/>
    </row>
    <row r="264361" spans="14:14">
      <c r="N264361" s="10"/>
    </row>
    <row r="264362" spans="14:14">
      <c r="N264362" s="10"/>
    </row>
    <row r="264363" spans="14:14">
      <c r="N264363" s="10"/>
    </row>
    <row r="264364" spans="14:14">
      <c r="N264364" s="10"/>
    </row>
    <row r="264365" spans="14:14">
      <c r="N264365" s="10"/>
    </row>
    <row r="264366" spans="14:14">
      <c r="N264366" s="10"/>
    </row>
    <row r="264367" spans="14:14">
      <c r="N264367" s="10"/>
    </row>
    <row r="264368" spans="14:14">
      <c r="N264368" s="10"/>
    </row>
    <row r="264369" spans="14:14">
      <c r="N264369" s="10"/>
    </row>
    <row r="264370" spans="14:14">
      <c r="N264370" s="10"/>
    </row>
    <row r="264371" spans="14:14">
      <c r="N264371" s="10"/>
    </row>
    <row r="264372" spans="14:14">
      <c r="N264372" s="10"/>
    </row>
    <row r="264373" spans="14:14">
      <c r="N264373" s="10"/>
    </row>
    <row r="264374" spans="14:14">
      <c r="N264374" s="10"/>
    </row>
    <row r="264375" spans="14:14">
      <c r="N264375" s="10"/>
    </row>
    <row r="264376" spans="14:14">
      <c r="N264376" s="10"/>
    </row>
    <row r="264377" spans="14:14">
      <c r="N264377" s="10"/>
    </row>
    <row r="264378" spans="14:14">
      <c r="N264378" s="10"/>
    </row>
    <row r="264379" spans="14:14">
      <c r="N264379" s="10"/>
    </row>
    <row r="264380" spans="14:14">
      <c r="N264380" s="10"/>
    </row>
    <row r="264381" spans="14:14">
      <c r="N264381" s="10"/>
    </row>
    <row r="264382" spans="14:14">
      <c r="N264382" s="10"/>
    </row>
    <row r="264383" spans="14:14">
      <c r="N264383" s="10"/>
    </row>
    <row r="264384" spans="14:14">
      <c r="N264384" s="10"/>
    </row>
    <row r="264385" spans="14:14">
      <c r="N264385" s="10"/>
    </row>
    <row r="264386" spans="14:14">
      <c r="N264386" s="10"/>
    </row>
    <row r="264387" spans="14:14">
      <c r="N264387" s="10"/>
    </row>
    <row r="264388" spans="14:14">
      <c r="N264388" s="10"/>
    </row>
    <row r="264389" spans="14:14">
      <c r="N264389" s="10"/>
    </row>
    <row r="264390" spans="14:14">
      <c r="N264390" s="10"/>
    </row>
    <row r="264391" spans="14:14">
      <c r="N264391" s="10"/>
    </row>
    <row r="264392" spans="14:14">
      <c r="N264392" s="10"/>
    </row>
    <row r="264393" spans="14:14">
      <c r="N264393" s="10"/>
    </row>
    <row r="264394" spans="14:14">
      <c r="N264394" s="10"/>
    </row>
    <row r="264395" spans="14:14">
      <c r="N264395" s="10"/>
    </row>
    <row r="264396" spans="14:14">
      <c r="N264396" s="10"/>
    </row>
    <row r="264397" spans="14:14">
      <c r="N264397" s="10"/>
    </row>
    <row r="264398" spans="14:14">
      <c r="N264398" s="10"/>
    </row>
    <row r="264399" spans="14:14">
      <c r="N264399" s="10"/>
    </row>
    <row r="264400" spans="14:14">
      <c r="N264400" s="10"/>
    </row>
    <row r="264401" spans="14:14">
      <c r="N264401" s="10"/>
    </row>
    <row r="264402" spans="14:14">
      <c r="N264402" s="10"/>
    </row>
    <row r="264403" spans="14:14">
      <c r="N264403" s="10"/>
    </row>
    <row r="264404" spans="14:14">
      <c r="N264404" s="10"/>
    </row>
    <row r="264405" spans="14:14">
      <c r="N264405" s="10"/>
    </row>
    <row r="264406" spans="14:14">
      <c r="N264406" s="10"/>
    </row>
    <row r="264407" spans="14:14">
      <c r="N264407" s="10"/>
    </row>
    <row r="264408" spans="14:14">
      <c r="N264408" s="10"/>
    </row>
    <row r="264409" spans="14:14">
      <c r="N264409" s="10"/>
    </row>
    <row r="264410" spans="14:14">
      <c r="N264410" s="10"/>
    </row>
    <row r="264411" spans="14:14">
      <c r="N264411" s="10"/>
    </row>
    <row r="264412" spans="14:14">
      <c r="N264412" s="10"/>
    </row>
    <row r="264413" spans="14:14">
      <c r="N264413" s="10"/>
    </row>
    <row r="264414" spans="14:14">
      <c r="N264414" s="10"/>
    </row>
    <row r="264415" spans="14:14">
      <c r="N264415" s="10"/>
    </row>
    <row r="264416" spans="14:14">
      <c r="N264416" s="10"/>
    </row>
    <row r="264417" spans="14:14">
      <c r="N264417" s="10"/>
    </row>
    <row r="264418" spans="14:14">
      <c r="N264418" s="10"/>
    </row>
    <row r="264419" spans="14:14">
      <c r="N264419" s="10"/>
    </row>
    <row r="264420" spans="14:14">
      <c r="N264420" s="10"/>
    </row>
    <row r="264421" spans="14:14">
      <c r="N264421" s="10"/>
    </row>
    <row r="264422" spans="14:14">
      <c r="N264422" s="10"/>
    </row>
    <row r="264423" spans="14:14">
      <c r="N264423" s="10"/>
    </row>
    <row r="264424" spans="14:14">
      <c r="N264424" s="10"/>
    </row>
    <row r="264425" spans="14:14">
      <c r="N264425" s="10"/>
    </row>
    <row r="264426" spans="14:14">
      <c r="N264426" s="10"/>
    </row>
    <row r="264427" spans="14:14">
      <c r="N264427" s="10"/>
    </row>
    <row r="264428" spans="14:14">
      <c r="N264428" s="10"/>
    </row>
    <row r="264429" spans="14:14">
      <c r="N264429" s="10"/>
    </row>
    <row r="264430" spans="14:14">
      <c r="N264430" s="10"/>
    </row>
    <row r="264431" spans="14:14">
      <c r="N264431" s="10"/>
    </row>
    <row r="264432" spans="14:14">
      <c r="N264432" s="10"/>
    </row>
    <row r="264433" spans="14:14">
      <c r="N264433" s="10"/>
    </row>
    <row r="264434" spans="14:14">
      <c r="N264434" s="10"/>
    </row>
    <row r="264435" spans="14:14">
      <c r="N264435" s="10"/>
    </row>
    <row r="264436" spans="14:14">
      <c r="N264436" s="10"/>
    </row>
    <row r="264437" spans="14:14">
      <c r="N264437" s="10"/>
    </row>
    <row r="264438" spans="14:14">
      <c r="N264438" s="10"/>
    </row>
    <row r="264439" spans="14:14">
      <c r="N264439" s="10"/>
    </row>
    <row r="264440" spans="14:14">
      <c r="N264440" s="10"/>
    </row>
    <row r="264441" spans="14:14">
      <c r="N264441" s="10"/>
    </row>
    <row r="264442" spans="14:14">
      <c r="N264442" s="10"/>
    </row>
    <row r="264443" spans="14:14">
      <c r="N264443" s="10"/>
    </row>
    <row r="264444" spans="14:14">
      <c r="N264444" s="10"/>
    </row>
    <row r="264445" spans="14:14">
      <c r="N264445" s="10"/>
    </row>
    <row r="264446" spans="14:14">
      <c r="N264446" s="10"/>
    </row>
    <row r="264447" spans="14:14">
      <c r="N264447" s="10"/>
    </row>
    <row r="264448" spans="14:14">
      <c r="N264448" s="10"/>
    </row>
    <row r="264449" spans="14:14">
      <c r="N264449" s="10"/>
    </row>
    <row r="264450" spans="14:14">
      <c r="N264450" s="10"/>
    </row>
    <row r="264451" spans="14:14">
      <c r="N264451" s="10"/>
    </row>
    <row r="264452" spans="14:14">
      <c r="N264452" s="10"/>
    </row>
    <row r="264453" spans="14:14">
      <c r="N264453" s="10"/>
    </row>
    <row r="264454" spans="14:14">
      <c r="N264454" s="10"/>
    </row>
    <row r="264455" spans="14:14">
      <c r="N264455" s="10"/>
    </row>
    <row r="264456" spans="14:14">
      <c r="N264456" s="10"/>
    </row>
    <row r="264457" spans="14:14">
      <c r="N264457" s="10"/>
    </row>
    <row r="264458" spans="14:14">
      <c r="N264458" s="10"/>
    </row>
    <row r="264459" spans="14:14">
      <c r="N264459" s="10"/>
    </row>
    <row r="264460" spans="14:14">
      <c r="N264460" s="10"/>
    </row>
    <row r="264461" spans="14:14">
      <c r="N264461" s="10"/>
    </row>
    <row r="264462" spans="14:14">
      <c r="N264462" s="10"/>
    </row>
    <row r="264463" spans="14:14">
      <c r="N264463" s="10"/>
    </row>
    <row r="264464" spans="14:14">
      <c r="N264464" s="10"/>
    </row>
    <row r="264465" spans="14:14">
      <c r="N264465" s="10"/>
    </row>
    <row r="264466" spans="14:14">
      <c r="N264466" s="10"/>
    </row>
    <row r="264467" spans="14:14">
      <c r="N264467" s="10"/>
    </row>
    <row r="264468" spans="14:14">
      <c r="N264468" s="10"/>
    </row>
    <row r="264469" spans="14:14">
      <c r="N264469" s="10"/>
    </row>
    <row r="264470" spans="14:14">
      <c r="N264470" s="10"/>
    </row>
    <row r="264471" spans="14:14">
      <c r="N264471" s="10"/>
    </row>
    <row r="264472" spans="14:14">
      <c r="N264472" s="10"/>
    </row>
    <row r="264473" spans="14:14">
      <c r="N264473" s="10"/>
    </row>
    <row r="264474" spans="14:14">
      <c r="N264474" s="10"/>
    </row>
    <row r="264475" spans="14:14">
      <c r="N264475" s="10"/>
    </row>
    <row r="264476" spans="14:14">
      <c r="N264476" s="10"/>
    </row>
    <row r="264477" spans="14:14">
      <c r="N264477" s="10"/>
    </row>
    <row r="264478" spans="14:14">
      <c r="N264478" s="10"/>
    </row>
    <row r="264479" spans="14:14">
      <c r="N264479" s="10"/>
    </row>
    <row r="264480" spans="14:14">
      <c r="N264480" s="10"/>
    </row>
    <row r="264481" spans="14:14">
      <c r="N264481" s="10"/>
    </row>
    <row r="264482" spans="14:14">
      <c r="N264482" s="10"/>
    </row>
    <row r="264483" spans="14:14">
      <c r="N264483" s="10"/>
    </row>
    <row r="264484" spans="14:14">
      <c r="N264484" s="10"/>
    </row>
    <row r="264485" spans="14:14">
      <c r="N264485" s="10"/>
    </row>
    <row r="264486" spans="14:14">
      <c r="N264486" s="10"/>
    </row>
    <row r="264487" spans="14:14">
      <c r="N264487" s="10"/>
    </row>
    <row r="264488" spans="14:14">
      <c r="N264488" s="10"/>
    </row>
    <row r="264489" spans="14:14">
      <c r="N264489" s="10"/>
    </row>
    <row r="264490" spans="14:14">
      <c r="N264490" s="10"/>
    </row>
    <row r="264491" spans="14:14">
      <c r="N264491" s="10"/>
    </row>
    <row r="264492" spans="14:14">
      <c r="N264492" s="10"/>
    </row>
    <row r="264493" spans="14:14">
      <c r="N264493" s="10"/>
    </row>
    <row r="264494" spans="14:14">
      <c r="N264494" s="10"/>
    </row>
    <row r="264495" spans="14:14">
      <c r="N264495" s="10"/>
    </row>
    <row r="264496" spans="14:14">
      <c r="N264496" s="10"/>
    </row>
    <row r="264497" spans="14:14">
      <c r="N264497" s="10"/>
    </row>
    <row r="264498" spans="14:14">
      <c r="N264498" s="10"/>
    </row>
    <row r="264499" spans="14:14">
      <c r="N264499" s="10"/>
    </row>
    <row r="264500" spans="14:14">
      <c r="N264500" s="10"/>
    </row>
    <row r="264501" spans="14:14">
      <c r="N264501" s="10"/>
    </row>
    <row r="264502" spans="14:14">
      <c r="N264502" s="10"/>
    </row>
    <row r="264503" spans="14:14">
      <c r="N264503" s="10"/>
    </row>
    <row r="264504" spans="14:14">
      <c r="N264504" s="10"/>
    </row>
    <row r="264505" spans="14:14">
      <c r="N264505" s="10"/>
    </row>
    <row r="264506" spans="14:14">
      <c r="N264506" s="10"/>
    </row>
    <row r="264507" spans="14:14">
      <c r="N264507" s="10"/>
    </row>
    <row r="264508" spans="14:14">
      <c r="N264508" s="10"/>
    </row>
    <row r="264509" spans="14:14">
      <c r="N264509" s="10"/>
    </row>
    <row r="264510" spans="14:14">
      <c r="N264510" s="10"/>
    </row>
    <row r="264511" spans="14:14">
      <c r="N264511" s="10"/>
    </row>
    <row r="264512" spans="14:14">
      <c r="N264512" s="10"/>
    </row>
    <row r="264513" spans="14:14">
      <c r="N264513" s="10"/>
    </row>
    <row r="264514" spans="14:14">
      <c r="N264514" s="10"/>
    </row>
    <row r="264515" spans="14:14">
      <c r="N264515" s="10"/>
    </row>
    <row r="264516" spans="14:14">
      <c r="N264516" s="10"/>
    </row>
    <row r="264517" spans="14:14">
      <c r="N264517" s="10"/>
    </row>
    <row r="264518" spans="14:14">
      <c r="N264518" s="10"/>
    </row>
    <row r="264519" spans="14:14">
      <c r="N264519" s="10"/>
    </row>
    <row r="264520" spans="14:14">
      <c r="N264520" s="10"/>
    </row>
    <row r="264521" spans="14:14">
      <c r="N264521" s="10"/>
    </row>
    <row r="264522" spans="14:14">
      <c r="N264522" s="10"/>
    </row>
    <row r="264523" spans="14:14">
      <c r="N264523" s="10"/>
    </row>
    <row r="264524" spans="14:14">
      <c r="N264524" s="10"/>
    </row>
    <row r="264525" spans="14:14">
      <c r="N264525" s="10"/>
    </row>
    <row r="264526" spans="14:14">
      <c r="N264526" s="10"/>
    </row>
    <row r="264527" spans="14:14">
      <c r="N264527" s="10"/>
    </row>
    <row r="264528" spans="14:14">
      <c r="N264528" s="10"/>
    </row>
    <row r="264529" spans="14:14">
      <c r="N264529" s="10"/>
    </row>
    <row r="264530" spans="14:14">
      <c r="N264530" s="10"/>
    </row>
    <row r="264531" spans="14:14">
      <c r="N264531" s="10"/>
    </row>
    <row r="264532" spans="14:14">
      <c r="N264532" s="10"/>
    </row>
    <row r="264533" spans="14:14">
      <c r="N264533" s="10"/>
    </row>
    <row r="264534" spans="14:14">
      <c r="N264534" s="10"/>
    </row>
    <row r="264535" spans="14:14">
      <c r="N264535" s="10"/>
    </row>
    <row r="264536" spans="14:14">
      <c r="N264536" s="10"/>
    </row>
    <row r="264537" spans="14:14">
      <c r="N264537" s="10"/>
    </row>
    <row r="264538" spans="14:14">
      <c r="N264538" s="10"/>
    </row>
    <row r="264539" spans="14:14">
      <c r="N264539" s="10"/>
    </row>
    <row r="264540" spans="14:14">
      <c r="N264540" s="10"/>
    </row>
    <row r="264541" spans="14:14">
      <c r="N264541" s="10"/>
    </row>
    <row r="264542" spans="14:14">
      <c r="N264542" s="10"/>
    </row>
    <row r="264543" spans="14:14">
      <c r="N264543" s="10"/>
    </row>
    <row r="264544" spans="14:14">
      <c r="N264544" s="10"/>
    </row>
    <row r="264545" spans="14:14">
      <c r="N264545" s="10"/>
    </row>
    <row r="264546" spans="14:14">
      <c r="N264546" s="10"/>
    </row>
    <row r="264547" spans="14:14">
      <c r="N264547" s="10"/>
    </row>
    <row r="264548" spans="14:14">
      <c r="N264548" s="10"/>
    </row>
    <row r="264549" spans="14:14">
      <c r="N264549" s="10"/>
    </row>
    <row r="264550" spans="14:14">
      <c r="N264550" s="10"/>
    </row>
    <row r="264551" spans="14:14">
      <c r="N264551" s="10"/>
    </row>
    <row r="264552" spans="14:14">
      <c r="N264552" s="10"/>
    </row>
    <row r="264553" spans="14:14">
      <c r="N264553" s="10"/>
    </row>
    <row r="264554" spans="14:14">
      <c r="N264554" s="10"/>
    </row>
    <row r="264555" spans="14:14">
      <c r="N264555" s="10"/>
    </row>
    <row r="264556" spans="14:14">
      <c r="N264556" s="10"/>
    </row>
    <row r="264557" spans="14:14">
      <c r="N264557" s="10"/>
    </row>
    <row r="264558" spans="14:14">
      <c r="N264558" s="10"/>
    </row>
    <row r="264559" spans="14:14">
      <c r="N264559" s="10"/>
    </row>
    <row r="264560" spans="14:14">
      <c r="N264560" s="10"/>
    </row>
    <row r="264561" spans="14:14">
      <c r="N264561" s="10"/>
    </row>
    <row r="264562" spans="14:14">
      <c r="N264562" s="10"/>
    </row>
    <row r="264563" spans="14:14">
      <c r="N264563" s="10"/>
    </row>
    <row r="264564" spans="14:14">
      <c r="N264564" s="10"/>
    </row>
    <row r="264565" spans="14:14">
      <c r="N264565" s="10"/>
    </row>
    <row r="264566" spans="14:14">
      <c r="N264566" s="10"/>
    </row>
    <row r="264567" spans="14:14">
      <c r="N264567" s="10"/>
    </row>
    <row r="264568" spans="14:14">
      <c r="N264568" s="10"/>
    </row>
    <row r="264569" spans="14:14">
      <c r="N264569" s="10"/>
    </row>
    <row r="264570" spans="14:14">
      <c r="N264570" s="10"/>
    </row>
    <row r="264571" spans="14:14">
      <c r="N264571" s="10"/>
    </row>
    <row r="264572" spans="14:14">
      <c r="N264572" s="10"/>
    </row>
    <row r="264573" spans="14:14">
      <c r="N264573" s="10"/>
    </row>
    <row r="264574" spans="14:14">
      <c r="N264574" s="10"/>
    </row>
    <row r="264575" spans="14:14">
      <c r="N264575" s="10"/>
    </row>
    <row r="264576" spans="14:14">
      <c r="N264576" s="10"/>
    </row>
    <row r="264577" spans="14:14">
      <c r="N264577" s="10"/>
    </row>
    <row r="264578" spans="14:14">
      <c r="N264578" s="10"/>
    </row>
    <row r="264579" spans="14:14">
      <c r="N264579" s="10"/>
    </row>
    <row r="264580" spans="14:14">
      <c r="N264580" s="10"/>
    </row>
    <row r="264581" spans="14:14">
      <c r="N264581" s="10"/>
    </row>
    <row r="264582" spans="14:14">
      <c r="N264582" s="10"/>
    </row>
    <row r="264583" spans="14:14">
      <c r="N264583" s="10"/>
    </row>
    <row r="264584" spans="14:14">
      <c r="N264584" s="10"/>
    </row>
    <row r="264585" spans="14:14">
      <c r="N264585" s="10"/>
    </row>
    <row r="264586" spans="14:14">
      <c r="N264586" s="10"/>
    </row>
    <row r="264587" spans="14:14">
      <c r="N264587" s="10"/>
    </row>
    <row r="264588" spans="14:14">
      <c r="N264588" s="10"/>
    </row>
    <row r="264589" spans="14:14">
      <c r="N264589" s="10"/>
    </row>
    <row r="264590" spans="14:14">
      <c r="N264590" s="10"/>
    </row>
    <row r="264591" spans="14:14">
      <c r="N264591" s="10"/>
    </row>
    <row r="264592" spans="14:14">
      <c r="N264592" s="10"/>
    </row>
    <row r="264593" spans="14:14">
      <c r="N264593" s="10"/>
    </row>
    <row r="264594" spans="14:14">
      <c r="N264594" s="10"/>
    </row>
    <row r="264595" spans="14:14">
      <c r="N264595" s="10"/>
    </row>
    <row r="264596" spans="14:14">
      <c r="N264596" s="10"/>
    </row>
    <row r="264597" spans="14:14">
      <c r="N264597" s="10"/>
    </row>
    <row r="264598" spans="14:14">
      <c r="N264598" s="10"/>
    </row>
    <row r="264599" spans="14:14">
      <c r="N264599" s="10"/>
    </row>
    <row r="264600" spans="14:14">
      <c r="N264600" s="10"/>
    </row>
    <row r="264601" spans="14:14">
      <c r="N264601" s="10"/>
    </row>
    <row r="264602" spans="14:14">
      <c r="N264602" s="10"/>
    </row>
    <row r="264603" spans="14:14">
      <c r="N264603" s="10"/>
    </row>
    <row r="264604" spans="14:14">
      <c r="N264604" s="10"/>
    </row>
    <row r="264605" spans="14:14">
      <c r="N264605" s="10"/>
    </row>
    <row r="264606" spans="14:14">
      <c r="N264606" s="10"/>
    </row>
    <row r="264607" spans="14:14">
      <c r="N264607" s="10"/>
    </row>
    <row r="264608" spans="14:14">
      <c r="N264608" s="10"/>
    </row>
    <row r="264609" spans="14:14">
      <c r="N264609" s="10"/>
    </row>
    <row r="264610" spans="14:14">
      <c r="N264610" s="10"/>
    </row>
    <row r="264611" spans="14:14">
      <c r="N264611" s="10"/>
    </row>
    <row r="264612" spans="14:14">
      <c r="N264612" s="10"/>
    </row>
    <row r="264613" spans="14:14">
      <c r="N264613" s="10"/>
    </row>
    <row r="264614" spans="14:14">
      <c r="N264614" s="10"/>
    </row>
    <row r="264615" spans="14:14">
      <c r="N264615" s="10"/>
    </row>
    <row r="264616" spans="14:14">
      <c r="N264616" s="10"/>
    </row>
    <row r="264617" spans="14:14">
      <c r="N264617" s="10"/>
    </row>
    <row r="264618" spans="14:14">
      <c r="N264618" s="10"/>
    </row>
    <row r="264619" spans="14:14">
      <c r="N264619" s="10"/>
    </row>
    <row r="264620" spans="14:14">
      <c r="N264620" s="10"/>
    </row>
    <row r="264621" spans="14:14">
      <c r="N264621" s="10"/>
    </row>
    <row r="264622" spans="14:14">
      <c r="N264622" s="10"/>
    </row>
    <row r="264623" spans="14:14">
      <c r="N264623" s="10"/>
    </row>
    <row r="264624" spans="14:14">
      <c r="N264624" s="10"/>
    </row>
    <row r="264625" spans="14:14">
      <c r="N264625" s="10"/>
    </row>
    <row r="264626" spans="14:14">
      <c r="N264626" s="10"/>
    </row>
    <row r="264627" spans="14:14">
      <c r="N264627" s="10"/>
    </row>
    <row r="264628" spans="14:14">
      <c r="N264628" s="10"/>
    </row>
    <row r="264629" spans="14:14">
      <c r="N264629" s="10"/>
    </row>
    <row r="264630" spans="14:14">
      <c r="N264630" s="10"/>
    </row>
    <row r="264631" spans="14:14">
      <c r="N264631" s="10"/>
    </row>
    <row r="264632" spans="14:14">
      <c r="N264632" s="10"/>
    </row>
    <row r="264633" spans="14:14">
      <c r="N264633" s="10"/>
    </row>
    <row r="264634" spans="14:14">
      <c r="N264634" s="10"/>
    </row>
    <row r="264635" spans="14:14">
      <c r="N264635" s="10"/>
    </row>
    <row r="264636" spans="14:14">
      <c r="N264636" s="10"/>
    </row>
    <row r="264637" spans="14:14">
      <c r="N264637" s="10"/>
    </row>
    <row r="264638" spans="14:14">
      <c r="N264638" s="10"/>
    </row>
    <row r="264639" spans="14:14">
      <c r="N264639" s="10"/>
    </row>
    <row r="264640" spans="14:14">
      <c r="N264640" s="10"/>
    </row>
    <row r="264641" spans="14:14">
      <c r="N264641" s="10"/>
    </row>
    <row r="264642" spans="14:14">
      <c r="N264642" s="10"/>
    </row>
    <row r="264643" spans="14:14">
      <c r="N264643" s="10"/>
    </row>
    <row r="264644" spans="14:14">
      <c r="N264644" s="10"/>
    </row>
    <row r="264645" spans="14:14">
      <c r="N264645" s="10"/>
    </row>
    <row r="264646" spans="14:14">
      <c r="N264646" s="10"/>
    </row>
    <row r="264647" spans="14:14">
      <c r="N264647" s="10"/>
    </row>
    <row r="264648" spans="14:14">
      <c r="N264648" s="10"/>
    </row>
    <row r="264649" spans="14:14">
      <c r="N264649" s="10"/>
    </row>
    <row r="264650" spans="14:14">
      <c r="N264650" s="10"/>
    </row>
    <row r="264651" spans="14:14">
      <c r="N264651" s="10"/>
    </row>
    <row r="264652" spans="14:14">
      <c r="N264652" s="10"/>
    </row>
    <row r="264653" spans="14:14">
      <c r="N264653" s="10"/>
    </row>
    <row r="264654" spans="14:14">
      <c r="N264654" s="10"/>
    </row>
    <row r="264655" spans="14:14">
      <c r="N264655" s="10"/>
    </row>
    <row r="264656" spans="14:14">
      <c r="N264656" s="10"/>
    </row>
    <row r="264657" spans="14:14">
      <c r="N264657" s="10"/>
    </row>
    <row r="264658" spans="14:14">
      <c r="N264658" s="10"/>
    </row>
    <row r="264659" spans="14:14">
      <c r="N264659" s="10"/>
    </row>
    <row r="264660" spans="14:14">
      <c r="N264660" s="10"/>
    </row>
    <row r="264661" spans="14:14">
      <c r="N264661" s="10"/>
    </row>
    <row r="264662" spans="14:14">
      <c r="N264662" s="10"/>
    </row>
    <row r="264663" spans="14:14">
      <c r="N264663" s="10"/>
    </row>
    <row r="264664" spans="14:14">
      <c r="N264664" s="10"/>
    </row>
    <row r="264665" spans="14:14">
      <c r="N264665" s="10"/>
    </row>
    <row r="264666" spans="14:14">
      <c r="N264666" s="10"/>
    </row>
    <row r="264667" spans="14:14">
      <c r="N264667" s="10"/>
    </row>
    <row r="264668" spans="14:14">
      <c r="N264668" s="10"/>
    </row>
    <row r="264669" spans="14:14">
      <c r="N264669" s="10"/>
    </row>
    <row r="264670" spans="14:14">
      <c r="N264670" s="10"/>
    </row>
    <row r="264671" spans="14:14">
      <c r="N264671" s="10"/>
    </row>
    <row r="264672" spans="14:14">
      <c r="N264672" s="10"/>
    </row>
    <row r="264673" spans="14:14">
      <c r="N264673" s="10"/>
    </row>
    <row r="264674" spans="14:14">
      <c r="N264674" s="10"/>
    </row>
    <row r="264675" spans="14:14">
      <c r="N264675" s="10"/>
    </row>
    <row r="264676" spans="14:14">
      <c r="N264676" s="10"/>
    </row>
    <row r="264677" spans="14:14">
      <c r="N264677" s="10"/>
    </row>
    <row r="264678" spans="14:14">
      <c r="N264678" s="10"/>
    </row>
    <row r="264679" spans="14:14">
      <c r="N264679" s="10"/>
    </row>
    <row r="264680" spans="14:14">
      <c r="N264680" s="10"/>
    </row>
    <row r="264681" spans="14:14">
      <c r="N264681" s="10"/>
    </row>
    <row r="264682" spans="14:14">
      <c r="N264682" s="10"/>
    </row>
    <row r="264683" spans="14:14">
      <c r="N264683" s="10"/>
    </row>
    <row r="264684" spans="14:14">
      <c r="N264684" s="10"/>
    </row>
    <row r="264685" spans="14:14">
      <c r="N264685" s="10"/>
    </row>
    <row r="264686" spans="14:14">
      <c r="N264686" s="10"/>
    </row>
    <row r="264687" spans="14:14">
      <c r="N264687" s="10"/>
    </row>
    <row r="264688" spans="14:14">
      <c r="N264688" s="10"/>
    </row>
    <row r="264689" spans="14:14">
      <c r="N264689" s="10"/>
    </row>
    <row r="264690" spans="14:14">
      <c r="N264690" s="10"/>
    </row>
    <row r="264691" spans="14:14">
      <c r="N264691" s="10"/>
    </row>
    <row r="264692" spans="14:14">
      <c r="N264692" s="10"/>
    </row>
    <row r="264693" spans="14:14">
      <c r="N264693" s="10"/>
    </row>
    <row r="264694" spans="14:14">
      <c r="N264694" s="10"/>
    </row>
    <row r="264695" spans="14:14">
      <c r="N264695" s="10"/>
    </row>
    <row r="264696" spans="14:14">
      <c r="N264696" s="10"/>
    </row>
    <row r="264697" spans="14:14">
      <c r="N264697" s="10"/>
    </row>
    <row r="264698" spans="14:14">
      <c r="N264698" s="10"/>
    </row>
    <row r="264699" spans="14:14">
      <c r="N264699" s="10"/>
    </row>
    <row r="264700" spans="14:14">
      <c r="N264700" s="10"/>
    </row>
    <row r="264701" spans="14:14">
      <c r="N264701" s="10"/>
    </row>
    <row r="264702" spans="14:14">
      <c r="N264702" s="10"/>
    </row>
    <row r="264703" spans="14:14">
      <c r="N264703" s="10"/>
    </row>
    <row r="264704" spans="14:14">
      <c r="N264704" s="10"/>
    </row>
    <row r="264705" spans="14:14">
      <c r="N264705" s="10"/>
    </row>
    <row r="264706" spans="14:14">
      <c r="N264706" s="10"/>
    </row>
    <row r="264707" spans="14:14">
      <c r="N264707" s="10"/>
    </row>
    <row r="264708" spans="14:14">
      <c r="N264708" s="10"/>
    </row>
    <row r="264709" spans="14:14">
      <c r="N264709" s="10"/>
    </row>
    <row r="264710" spans="14:14">
      <c r="N264710" s="10"/>
    </row>
    <row r="264711" spans="14:14">
      <c r="N264711" s="10"/>
    </row>
    <row r="264712" spans="14:14">
      <c r="N264712" s="10"/>
    </row>
    <row r="264713" spans="14:14">
      <c r="N264713" s="10"/>
    </row>
    <row r="264714" spans="14:14">
      <c r="N264714" s="10"/>
    </row>
    <row r="264715" spans="14:14">
      <c r="N264715" s="10"/>
    </row>
    <row r="264716" spans="14:14">
      <c r="N264716" s="10"/>
    </row>
    <row r="264717" spans="14:14">
      <c r="N264717" s="10"/>
    </row>
    <row r="264718" spans="14:14">
      <c r="N264718" s="10"/>
    </row>
    <row r="264719" spans="14:14">
      <c r="N264719" s="10"/>
    </row>
    <row r="264720" spans="14:14">
      <c r="N264720" s="10"/>
    </row>
    <row r="264721" spans="14:14">
      <c r="N264721" s="10"/>
    </row>
    <row r="264722" spans="14:14">
      <c r="N264722" s="10"/>
    </row>
    <row r="264723" spans="14:14">
      <c r="N264723" s="10"/>
    </row>
    <row r="264724" spans="14:14">
      <c r="N264724" s="10"/>
    </row>
    <row r="264725" spans="14:14">
      <c r="N264725" s="10"/>
    </row>
    <row r="264726" spans="14:14">
      <c r="N264726" s="10"/>
    </row>
    <row r="264727" spans="14:14">
      <c r="N264727" s="10"/>
    </row>
    <row r="264728" spans="14:14">
      <c r="N264728" s="10"/>
    </row>
    <row r="264729" spans="14:14">
      <c r="N264729" s="10"/>
    </row>
    <row r="264730" spans="14:14">
      <c r="N264730" s="10"/>
    </row>
    <row r="264731" spans="14:14">
      <c r="N264731" s="10"/>
    </row>
    <row r="264732" spans="14:14">
      <c r="N264732" s="10"/>
    </row>
    <row r="264733" spans="14:14">
      <c r="N264733" s="10"/>
    </row>
    <row r="264734" spans="14:14">
      <c r="N264734" s="10"/>
    </row>
    <row r="264735" spans="14:14">
      <c r="N264735" s="10"/>
    </row>
    <row r="264736" spans="14:14">
      <c r="N264736" s="10"/>
    </row>
    <row r="264737" spans="14:14">
      <c r="N264737" s="10"/>
    </row>
    <row r="264738" spans="14:14">
      <c r="N264738" s="10"/>
    </row>
    <row r="264739" spans="14:14">
      <c r="N264739" s="10"/>
    </row>
    <row r="264740" spans="14:14">
      <c r="N264740" s="10"/>
    </row>
    <row r="264741" spans="14:14">
      <c r="N264741" s="10"/>
    </row>
    <row r="264742" spans="14:14">
      <c r="N264742" s="10"/>
    </row>
    <row r="264743" spans="14:14">
      <c r="N264743" s="10"/>
    </row>
    <row r="264744" spans="14:14">
      <c r="N264744" s="10"/>
    </row>
    <row r="264745" spans="14:14">
      <c r="N264745" s="10"/>
    </row>
    <row r="264746" spans="14:14">
      <c r="N264746" s="10"/>
    </row>
    <row r="264747" spans="14:14">
      <c r="N264747" s="10"/>
    </row>
    <row r="264748" spans="14:14">
      <c r="N264748" s="10"/>
    </row>
    <row r="264749" spans="14:14">
      <c r="N264749" s="10"/>
    </row>
    <row r="264750" spans="14:14">
      <c r="N264750" s="10"/>
    </row>
    <row r="264751" spans="14:14">
      <c r="N264751" s="10"/>
    </row>
    <row r="264752" spans="14:14">
      <c r="N264752" s="10"/>
    </row>
    <row r="264753" spans="14:14">
      <c r="N264753" s="10"/>
    </row>
    <row r="264754" spans="14:14">
      <c r="N264754" s="10"/>
    </row>
    <row r="264755" spans="14:14">
      <c r="N264755" s="10"/>
    </row>
    <row r="264756" spans="14:14">
      <c r="N264756" s="10"/>
    </row>
    <row r="264757" spans="14:14">
      <c r="N264757" s="10"/>
    </row>
    <row r="264758" spans="14:14">
      <c r="N264758" s="10"/>
    </row>
    <row r="264759" spans="14:14">
      <c r="N264759" s="10"/>
    </row>
    <row r="264760" spans="14:14">
      <c r="N264760" s="10"/>
    </row>
    <row r="264761" spans="14:14">
      <c r="N264761" s="10"/>
    </row>
    <row r="264762" spans="14:14">
      <c r="N264762" s="10"/>
    </row>
    <row r="264763" spans="14:14">
      <c r="N264763" s="10"/>
    </row>
    <row r="264764" spans="14:14">
      <c r="N264764" s="10"/>
    </row>
    <row r="264765" spans="14:14">
      <c r="N264765" s="10"/>
    </row>
    <row r="264766" spans="14:14">
      <c r="N264766" s="10"/>
    </row>
    <row r="264767" spans="14:14">
      <c r="N264767" s="10"/>
    </row>
    <row r="264768" spans="14:14">
      <c r="N264768" s="10"/>
    </row>
    <row r="264769" spans="14:14">
      <c r="N264769" s="10"/>
    </row>
    <row r="264770" spans="14:14">
      <c r="N264770" s="10"/>
    </row>
    <row r="264771" spans="14:14">
      <c r="N264771" s="10"/>
    </row>
    <row r="264772" spans="14:14">
      <c r="N264772" s="10"/>
    </row>
    <row r="264773" spans="14:14">
      <c r="N264773" s="10"/>
    </row>
    <row r="264774" spans="14:14">
      <c r="N264774" s="10"/>
    </row>
    <row r="264775" spans="14:14">
      <c r="N264775" s="10"/>
    </row>
    <row r="264776" spans="14:14">
      <c r="N264776" s="10"/>
    </row>
    <row r="264777" spans="14:14">
      <c r="N264777" s="10"/>
    </row>
    <row r="264778" spans="14:14">
      <c r="N264778" s="10"/>
    </row>
    <row r="264779" spans="14:14">
      <c r="N264779" s="10"/>
    </row>
    <row r="264780" spans="14:14">
      <c r="N264780" s="10"/>
    </row>
    <row r="264781" spans="14:14">
      <c r="N264781" s="10"/>
    </row>
    <row r="264782" spans="14:14">
      <c r="N264782" s="10"/>
    </row>
    <row r="264783" spans="14:14">
      <c r="N264783" s="10"/>
    </row>
    <row r="264784" spans="14:14">
      <c r="N264784" s="10"/>
    </row>
    <row r="264785" spans="14:14">
      <c r="N264785" s="10"/>
    </row>
    <row r="264786" spans="14:14">
      <c r="N264786" s="10"/>
    </row>
    <row r="264787" spans="14:14">
      <c r="N264787" s="10"/>
    </row>
    <row r="264788" spans="14:14">
      <c r="N264788" s="10"/>
    </row>
    <row r="264789" spans="14:14">
      <c r="N264789" s="10"/>
    </row>
    <row r="264790" spans="14:14">
      <c r="N264790" s="10"/>
    </row>
    <row r="264791" spans="14:14">
      <c r="N264791" s="10"/>
    </row>
    <row r="264792" spans="14:14">
      <c r="N264792" s="10"/>
    </row>
    <row r="264793" spans="14:14">
      <c r="N264793" s="10"/>
    </row>
    <row r="264794" spans="14:14">
      <c r="N264794" s="10"/>
    </row>
    <row r="264795" spans="14:14">
      <c r="N264795" s="10"/>
    </row>
    <row r="264796" spans="14:14">
      <c r="N264796" s="10"/>
    </row>
    <row r="264797" spans="14:14">
      <c r="N264797" s="10"/>
    </row>
    <row r="264798" spans="14:14">
      <c r="N264798" s="10"/>
    </row>
    <row r="264799" spans="14:14">
      <c r="N264799" s="10"/>
    </row>
    <row r="264800" spans="14:14">
      <c r="N264800" s="10"/>
    </row>
    <row r="264801" spans="14:14">
      <c r="N264801" s="10"/>
    </row>
    <row r="264802" spans="14:14">
      <c r="N264802" s="10"/>
    </row>
    <row r="264803" spans="14:14">
      <c r="N264803" s="10"/>
    </row>
    <row r="264804" spans="14:14">
      <c r="N264804" s="10"/>
    </row>
    <row r="264805" spans="14:14">
      <c r="N264805" s="10"/>
    </row>
    <row r="264806" spans="14:14">
      <c r="N264806" s="10"/>
    </row>
    <row r="264807" spans="14:14">
      <c r="N264807" s="10"/>
    </row>
    <row r="264808" spans="14:14">
      <c r="N264808" s="10"/>
    </row>
    <row r="264809" spans="14:14">
      <c r="N264809" s="10"/>
    </row>
    <row r="264810" spans="14:14">
      <c r="N264810" s="10"/>
    </row>
    <row r="264811" spans="14:14">
      <c r="N264811" s="10"/>
    </row>
    <row r="264812" spans="14:14">
      <c r="N264812" s="10"/>
    </row>
    <row r="264813" spans="14:14">
      <c r="N264813" s="10"/>
    </row>
    <row r="264814" spans="14:14">
      <c r="N264814" s="10"/>
    </row>
    <row r="264815" spans="14:14">
      <c r="N264815" s="10"/>
    </row>
    <row r="264816" spans="14:14">
      <c r="N264816" s="10"/>
    </row>
    <row r="264817" spans="14:14">
      <c r="N264817" s="10"/>
    </row>
    <row r="264818" spans="14:14">
      <c r="N264818" s="10"/>
    </row>
    <row r="264819" spans="14:14">
      <c r="N264819" s="10"/>
    </row>
    <row r="264820" spans="14:14">
      <c r="N264820" s="10"/>
    </row>
    <row r="264821" spans="14:14">
      <c r="N264821" s="10"/>
    </row>
    <row r="264822" spans="14:14">
      <c r="N264822" s="10"/>
    </row>
    <row r="264823" spans="14:14">
      <c r="N264823" s="10"/>
    </row>
    <row r="264824" spans="14:14">
      <c r="N264824" s="10"/>
    </row>
    <row r="264825" spans="14:14">
      <c r="N264825" s="10"/>
    </row>
    <row r="264826" spans="14:14">
      <c r="N264826" s="10"/>
    </row>
    <row r="264827" spans="14:14">
      <c r="N264827" s="10"/>
    </row>
    <row r="264828" spans="14:14">
      <c r="N264828" s="10"/>
    </row>
    <row r="264829" spans="14:14">
      <c r="N264829" s="10"/>
    </row>
    <row r="264830" spans="14:14">
      <c r="N264830" s="10"/>
    </row>
    <row r="264831" spans="14:14">
      <c r="N264831" s="10"/>
    </row>
    <row r="264832" spans="14:14">
      <c r="N264832" s="10"/>
    </row>
    <row r="264833" spans="14:14">
      <c r="N264833" s="10"/>
    </row>
    <row r="264834" spans="14:14">
      <c r="N264834" s="10"/>
    </row>
    <row r="264835" spans="14:14">
      <c r="N264835" s="10"/>
    </row>
    <row r="264836" spans="14:14">
      <c r="N264836" s="10"/>
    </row>
    <row r="264837" spans="14:14">
      <c r="N264837" s="10"/>
    </row>
    <row r="264838" spans="14:14">
      <c r="N264838" s="10"/>
    </row>
    <row r="264839" spans="14:14">
      <c r="N264839" s="10"/>
    </row>
    <row r="264840" spans="14:14">
      <c r="N264840" s="10"/>
    </row>
    <row r="264841" spans="14:14">
      <c r="N264841" s="10"/>
    </row>
    <row r="264842" spans="14:14">
      <c r="N264842" s="10"/>
    </row>
    <row r="264843" spans="14:14">
      <c r="N264843" s="10"/>
    </row>
    <row r="264844" spans="14:14">
      <c r="N264844" s="10"/>
    </row>
    <row r="264845" spans="14:14">
      <c r="N264845" s="10"/>
    </row>
    <row r="264846" spans="14:14">
      <c r="N264846" s="10"/>
    </row>
    <row r="264847" spans="14:14">
      <c r="N264847" s="10"/>
    </row>
    <row r="264848" spans="14:14">
      <c r="N264848" s="10"/>
    </row>
    <row r="264849" spans="14:14">
      <c r="N264849" s="10"/>
    </row>
    <row r="264850" spans="14:14">
      <c r="N264850" s="10"/>
    </row>
    <row r="264851" spans="14:14">
      <c r="N264851" s="10"/>
    </row>
    <row r="264852" spans="14:14">
      <c r="N264852" s="10"/>
    </row>
    <row r="264853" spans="14:14">
      <c r="N264853" s="10"/>
    </row>
    <row r="264854" spans="14:14">
      <c r="N264854" s="10"/>
    </row>
    <row r="264855" spans="14:14">
      <c r="N264855" s="10"/>
    </row>
    <row r="264856" spans="14:14">
      <c r="N264856" s="10"/>
    </row>
    <row r="264857" spans="14:14">
      <c r="N264857" s="10"/>
    </row>
    <row r="264858" spans="14:14">
      <c r="N264858" s="10"/>
    </row>
    <row r="264859" spans="14:14">
      <c r="N264859" s="10"/>
    </row>
    <row r="264860" spans="14:14">
      <c r="N264860" s="10"/>
    </row>
    <row r="264861" spans="14:14">
      <c r="N264861" s="10"/>
    </row>
    <row r="264862" spans="14:14">
      <c r="N264862" s="10"/>
    </row>
    <row r="264863" spans="14:14">
      <c r="N264863" s="10"/>
    </row>
    <row r="264864" spans="14:14">
      <c r="N264864" s="10"/>
    </row>
    <row r="264865" spans="14:14">
      <c r="N264865" s="10"/>
    </row>
    <row r="264866" spans="14:14">
      <c r="N264866" s="10"/>
    </row>
    <row r="264867" spans="14:14">
      <c r="N264867" s="10"/>
    </row>
    <row r="264868" spans="14:14">
      <c r="N264868" s="10"/>
    </row>
    <row r="264869" spans="14:14">
      <c r="N264869" s="10"/>
    </row>
    <row r="264870" spans="14:14">
      <c r="N264870" s="10"/>
    </row>
    <row r="264871" spans="14:14">
      <c r="N264871" s="10"/>
    </row>
    <row r="264872" spans="14:14">
      <c r="N264872" s="10"/>
    </row>
    <row r="264873" spans="14:14">
      <c r="N264873" s="10"/>
    </row>
    <row r="264874" spans="14:14">
      <c r="N264874" s="10"/>
    </row>
    <row r="264875" spans="14:14">
      <c r="N264875" s="10"/>
    </row>
    <row r="264876" spans="14:14">
      <c r="N264876" s="10"/>
    </row>
    <row r="264877" spans="14:14">
      <c r="N264877" s="10"/>
    </row>
    <row r="264878" spans="14:14">
      <c r="N264878" s="10"/>
    </row>
    <row r="264879" spans="14:14">
      <c r="N264879" s="10"/>
    </row>
    <row r="264880" spans="14:14">
      <c r="N264880" s="10"/>
    </row>
    <row r="264881" spans="14:14">
      <c r="N264881" s="10"/>
    </row>
    <row r="264882" spans="14:14">
      <c r="N264882" s="10"/>
    </row>
    <row r="264883" spans="14:14">
      <c r="N264883" s="10"/>
    </row>
    <row r="264884" spans="14:14">
      <c r="N264884" s="10"/>
    </row>
    <row r="264885" spans="14:14">
      <c r="N264885" s="10"/>
    </row>
    <row r="264886" spans="14:14">
      <c r="N264886" s="10"/>
    </row>
    <row r="264887" spans="14:14">
      <c r="N264887" s="10"/>
    </row>
    <row r="264888" spans="14:14">
      <c r="N264888" s="10"/>
    </row>
    <row r="264889" spans="14:14">
      <c r="N264889" s="10"/>
    </row>
    <row r="264890" spans="14:14">
      <c r="N264890" s="10"/>
    </row>
    <row r="264891" spans="14:14">
      <c r="N264891" s="10"/>
    </row>
    <row r="264892" spans="14:14">
      <c r="N264892" s="10"/>
    </row>
    <row r="264893" spans="14:14">
      <c r="N264893" s="10"/>
    </row>
    <row r="264894" spans="14:14">
      <c r="N264894" s="10"/>
    </row>
    <row r="264895" spans="14:14">
      <c r="N264895" s="10"/>
    </row>
    <row r="264896" spans="14:14">
      <c r="N264896" s="10"/>
    </row>
    <row r="264897" spans="14:14">
      <c r="N264897" s="10"/>
    </row>
    <row r="264898" spans="14:14">
      <c r="N264898" s="10"/>
    </row>
    <row r="264899" spans="14:14">
      <c r="N264899" s="10"/>
    </row>
    <row r="264900" spans="14:14">
      <c r="N264900" s="10"/>
    </row>
    <row r="264901" spans="14:14">
      <c r="N264901" s="10"/>
    </row>
    <row r="264902" spans="14:14">
      <c r="N264902" s="10"/>
    </row>
    <row r="264903" spans="14:14">
      <c r="N264903" s="10"/>
    </row>
    <row r="264904" spans="14:14">
      <c r="N264904" s="10"/>
    </row>
    <row r="264905" spans="14:14">
      <c r="N264905" s="10"/>
    </row>
    <row r="264906" spans="14:14">
      <c r="N264906" s="10"/>
    </row>
    <row r="264907" spans="14:14">
      <c r="N264907" s="10"/>
    </row>
    <row r="264908" spans="14:14">
      <c r="N264908" s="10"/>
    </row>
    <row r="264909" spans="14:14">
      <c r="N264909" s="10"/>
    </row>
    <row r="264910" spans="14:14">
      <c r="N264910" s="10"/>
    </row>
    <row r="264911" spans="14:14">
      <c r="N264911" s="10"/>
    </row>
    <row r="264912" spans="14:14">
      <c r="N264912" s="10"/>
    </row>
    <row r="264913" spans="14:14">
      <c r="N264913" s="10"/>
    </row>
    <row r="264914" spans="14:14">
      <c r="N264914" s="10"/>
    </row>
    <row r="264915" spans="14:14">
      <c r="N264915" s="10"/>
    </row>
    <row r="264916" spans="14:14">
      <c r="N264916" s="10"/>
    </row>
    <row r="264917" spans="14:14">
      <c r="N264917" s="10"/>
    </row>
    <row r="264918" spans="14:14">
      <c r="N264918" s="10"/>
    </row>
    <row r="264919" spans="14:14">
      <c r="N264919" s="10"/>
    </row>
    <row r="264920" spans="14:14">
      <c r="N264920" s="10"/>
    </row>
    <row r="264921" spans="14:14">
      <c r="N264921" s="10"/>
    </row>
    <row r="264922" spans="14:14">
      <c r="N264922" s="10"/>
    </row>
    <row r="264923" spans="14:14">
      <c r="N264923" s="10"/>
    </row>
    <row r="264924" spans="14:14">
      <c r="N264924" s="10"/>
    </row>
    <row r="264925" spans="14:14">
      <c r="N264925" s="10"/>
    </row>
    <row r="264926" spans="14:14">
      <c r="N264926" s="10"/>
    </row>
    <row r="264927" spans="14:14">
      <c r="N264927" s="10"/>
    </row>
    <row r="264928" spans="14:14">
      <c r="N264928" s="10"/>
    </row>
    <row r="264929" spans="14:14">
      <c r="N264929" s="10"/>
    </row>
    <row r="264930" spans="14:14">
      <c r="N264930" s="10"/>
    </row>
    <row r="264931" spans="14:14">
      <c r="N264931" s="10"/>
    </row>
    <row r="264932" spans="14:14">
      <c r="N264932" s="10"/>
    </row>
    <row r="264933" spans="14:14">
      <c r="N264933" s="10"/>
    </row>
    <row r="264934" spans="14:14">
      <c r="N264934" s="10"/>
    </row>
    <row r="264935" spans="14:14">
      <c r="N264935" s="10"/>
    </row>
    <row r="264936" spans="14:14">
      <c r="N264936" s="10"/>
    </row>
    <row r="264937" spans="14:14">
      <c r="N264937" s="10"/>
    </row>
    <row r="264938" spans="14:14">
      <c r="N264938" s="10"/>
    </row>
    <row r="264939" spans="14:14">
      <c r="N264939" s="10"/>
    </row>
    <row r="264940" spans="14:14">
      <c r="N264940" s="10"/>
    </row>
    <row r="264941" spans="14:14">
      <c r="N264941" s="10"/>
    </row>
    <row r="264942" spans="14:14">
      <c r="N264942" s="10"/>
    </row>
    <row r="264943" spans="14:14">
      <c r="N264943" s="10"/>
    </row>
    <row r="264944" spans="14:14">
      <c r="N264944" s="10"/>
    </row>
    <row r="264945" spans="14:14">
      <c r="N264945" s="10"/>
    </row>
    <row r="264946" spans="14:14">
      <c r="N264946" s="10"/>
    </row>
    <row r="264947" spans="14:14">
      <c r="N264947" s="10"/>
    </row>
    <row r="264948" spans="14:14">
      <c r="N264948" s="10"/>
    </row>
    <row r="264949" spans="14:14">
      <c r="N264949" s="10"/>
    </row>
    <row r="264950" spans="14:14">
      <c r="N264950" s="10"/>
    </row>
    <row r="264951" spans="14:14">
      <c r="N264951" s="10"/>
    </row>
    <row r="264952" spans="14:14">
      <c r="N264952" s="10"/>
    </row>
    <row r="264953" spans="14:14">
      <c r="N264953" s="10"/>
    </row>
    <row r="264954" spans="14:14">
      <c r="N264954" s="10"/>
    </row>
    <row r="264955" spans="14:14">
      <c r="N264955" s="10"/>
    </row>
    <row r="264956" spans="14:14">
      <c r="N264956" s="10"/>
    </row>
    <row r="264957" spans="14:14">
      <c r="N264957" s="10"/>
    </row>
    <row r="264958" spans="14:14">
      <c r="N264958" s="10"/>
    </row>
    <row r="264959" spans="14:14">
      <c r="N264959" s="10"/>
    </row>
    <row r="264960" spans="14:14">
      <c r="N264960" s="10"/>
    </row>
    <row r="264961" spans="14:14">
      <c r="N264961" s="10"/>
    </row>
    <row r="264962" spans="14:14">
      <c r="N264962" s="10"/>
    </row>
    <row r="264963" spans="14:14">
      <c r="N264963" s="10"/>
    </row>
    <row r="264964" spans="14:14">
      <c r="N264964" s="10"/>
    </row>
    <row r="264965" spans="14:14">
      <c r="N264965" s="10"/>
    </row>
    <row r="264966" spans="14:14">
      <c r="N264966" s="10"/>
    </row>
    <row r="264967" spans="14:14">
      <c r="N264967" s="10"/>
    </row>
    <row r="264968" spans="14:14">
      <c r="N264968" s="10"/>
    </row>
    <row r="264969" spans="14:14">
      <c r="N264969" s="10"/>
    </row>
    <row r="264970" spans="14:14">
      <c r="N264970" s="10"/>
    </row>
    <row r="264971" spans="14:14">
      <c r="N264971" s="10"/>
    </row>
    <row r="264972" spans="14:14">
      <c r="N264972" s="10"/>
    </row>
    <row r="264973" spans="14:14">
      <c r="N264973" s="10"/>
    </row>
    <row r="264974" spans="14:14">
      <c r="N264974" s="10"/>
    </row>
    <row r="264975" spans="14:14">
      <c r="N264975" s="10"/>
    </row>
    <row r="264976" spans="14:14">
      <c r="N264976" s="10"/>
    </row>
    <row r="264977" spans="14:14">
      <c r="N264977" s="10"/>
    </row>
    <row r="264978" spans="14:14">
      <c r="N264978" s="10"/>
    </row>
    <row r="264979" spans="14:14">
      <c r="N264979" s="10"/>
    </row>
    <row r="264980" spans="14:14">
      <c r="N264980" s="10"/>
    </row>
    <row r="264981" spans="14:14">
      <c r="N264981" s="10"/>
    </row>
    <row r="264982" spans="14:14">
      <c r="N264982" s="10"/>
    </row>
    <row r="264983" spans="14:14">
      <c r="N264983" s="10"/>
    </row>
    <row r="264984" spans="14:14">
      <c r="N264984" s="10"/>
    </row>
    <row r="264985" spans="14:14">
      <c r="N264985" s="10"/>
    </row>
    <row r="264986" spans="14:14">
      <c r="N264986" s="10"/>
    </row>
    <row r="264987" spans="14:14">
      <c r="N264987" s="10"/>
    </row>
    <row r="264988" spans="14:14">
      <c r="N264988" s="10"/>
    </row>
    <row r="264989" spans="14:14">
      <c r="N264989" s="10"/>
    </row>
    <row r="264990" spans="14:14">
      <c r="N264990" s="10"/>
    </row>
    <row r="264991" spans="14:14">
      <c r="N264991" s="10"/>
    </row>
    <row r="264992" spans="14:14">
      <c r="N264992" s="10"/>
    </row>
    <row r="264993" spans="14:14">
      <c r="N264993" s="10"/>
    </row>
    <row r="264994" spans="14:14">
      <c r="N264994" s="10"/>
    </row>
    <row r="264995" spans="14:14">
      <c r="N264995" s="10"/>
    </row>
    <row r="264996" spans="14:14">
      <c r="N264996" s="10"/>
    </row>
    <row r="264997" spans="14:14">
      <c r="N264997" s="10"/>
    </row>
    <row r="264998" spans="14:14">
      <c r="N264998" s="10"/>
    </row>
    <row r="264999" spans="14:14">
      <c r="N264999" s="10"/>
    </row>
    <row r="265000" spans="14:14">
      <c r="N265000" s="10"/>
    </row>
    <row r="265001" spans="14:14">
      <c r="N265001" s="10"/>
    </row>
    <row r="265002" spans="14:14">
      <c r="N265002" s="10"/>
    </row>
    <row r="265003" spans="14:14">
      <c r="N265003" s="10"/>
    </row>
    <row r="265004" spans="14:14">
      <c r="N265004" s="10"/>
    </row>
    <row r="265005" spans="14:14">
      <c r="N265005" s="10"/>
    </row>
    <row r="265006" spans="14:14">
      <c r="N265006" s="10"/>
    </row>
    <row r="265007" spans="14:14">
      <c r="N265007" s="10"/>
    </row>
    <row r="265008" spans="14:14">
      <c r="N265008" s="10"/>
    </row>
    <row r="265009" spans="14:14">
      <c r="N265009" s="10"/>
    </row>
    <row r="265010" spans="14:14">
      <c r="N265010" s="10"/>
    </row>
    <row r="265011" spans="14:14">
      <c r="N265011" s="10"/>
    </row>
    <row r="265012" spans="14:14">
      <c r="N265012" s="10"/>
    </row>
    <row r="265013" spans="14:14">
      <c r="N265013" s="10"/>
    </row>
    <row r="265014" spans="14:14">
      <c r="N265014" s="10"/>
    </row>
    <row r="265015" spans="14:14">
      <c r="N265015" s="10"/>
    </row>
    <row r="265016" spans="14:14">
      <c r="N265016" s="10"/>
    </row>
    <row r="265017" spans="14:14">
      <c r="N265017" s="10"/>
    </row>
    <row r="265018" spans="14:14">
      <c r="N265018" s="10"/>
    </row>
    <row r="265019" spans="14:14">
      <c r="N265019" s="10"/>
    </row>
    <row r="265020" spans="14:14">
      <c r="N265020" s="10"/>
    </row>
    <row r="265021" spans="14:14">
      <c r="N265021" s="10"/>
    </row>
    <row r="265022" spans="14:14">
      <c r="N265022" s="10"/>
    </row>
    <row r="265023" spans="14:14">
      <c r="N265023" s="10"/>
    </row>
    <row r="265024" spans="14:14">
      <c r="N265024" s="10"/>
    </row>
    <row r="265025" spans="14:14">
      <c r="N265025" s="10"/>
    </row>
    <row r="265026" spans="14:14">
      <c r="N265026" s="10"/>
    </row>
    <row r="265027" spans="14:14">
      <c r="N265027" s="10"/>
    </row>
    <row r="265028" spans="14:14">
      <c r="N265028" s="10"/>
    </row>
    <row r="265029" spans="14:14">
      <c r="N265029" s="10"/>
    </row>
    <row r="265030" spans="14:14">
      <c r="N265030" s="10"/>
    </row>
    <row r="265031" spans="14:14">
      <c r="N265031" s="10"/>
    </row>
    <row r="265032" spans="14:14">
      <c r="N265032" s="10"/>
    </row>
    <row r="265033" spans="14:14">
      <c r="N265033" s="10"/>
    </row>
    <row r="265034" spans="14:14">
      <c r="N265034" s="10"/>
    </row>
    <row r="265035" spans="14:14">
      <c r="N265035" s="10"/>
    </row>
    <row r="265036" spans="14:14">
      <c r="N265036" s="10"/>
    </row>
    <row r="265037" spans="14:14">
      <c r="N265037" s="10"/>
    </row>
    <row r="265038" spans="14:14">
      <c r="N265038" s="10"/>
    </row>
    <row r="265039" spans="14:14">
      <c r="N265039" s="10"/>
    </row>
    <row r="265040" spans="14:14">
      <c r="N265040" s="10"/>
    </row>
    <row r="265041" spans="14:14">
      <c r="N265041" s="10"/>
    </row>
    <row r="265042" spans="14:14">
      <c r="N265042" s="10"/>
    </row>
    <row r="265043" spans="14:14">
      <c r="N265043" s="10"/>
    </row>
    <row r="265044" spans="14:14">
      <c r="N265044" s="10"/>
    </row>
    <row r="265045" spans="14:14">
      <c r="N265045" s="10"/>
    </row>
    <row r="265046" spans="14:14">
      <c r="N265046" s="10"/>
    </row>
    <row r="265047" spans="14:14">
      <c r="N265047" s="10"/>
    </row>
    <row r="265048" spans="14:14">
      <c r="N265048" s="10"/>
    </row>
    <row r="265049" spans="14:14">
      <c r="N265049" s="10"/>
    </row>
    <row r="265050" spans="14:14">
      <c r="N265050" s="10"/>
    </row>
    <row r="265051" spans="14:14">
      <c r="N265051" s="10"/>
    </row>
    <row r="265052" spans="14:14">
      <c r="N265052" s="10"/>
    </row>
    <row r="265053" spans="14:14">
      <c r="N265053" s="10"/>
    </row>
    <row r="265054" spans="14:14">
      <c r="N265054" s="10"/>
    </row>
    <row r="265055" spans="14:14">
      <c r="N265055" s="10"/>
    </row>
    <row r="265056" spans="14:14">
      <c r="N265056" s="10"/>
    </row>
    <row r="265057" spans="14:14">
      <c r="N265057" s="10"/>
    </row>
    <row r="265058" spans="14:14">
      <c r="N265058" s="10"/>
    </row>
    <row r="265059" spans="14:14">
      <c r="N265059" s="10"/>
    </row>
    <row r="265060" spans="14:14">
      <c r="N265060" s="10"/>
    </row>
    <row r="265061" spans="14:14">
      <c r="N265061" s="10"/>
    </row>
    <row r="265062" spans="14:14">
      <c r="N265062" s="10"/>
    </row>
    <row r="265063" spans="14:14">
      <c r="N265063" s="10"/>
    </row>
    <row r="265064" spans="14:14">
      <c r="N265064" s="10"/>
    </row>
    <row r="265065" spans="14:14">
      <c r="N265065" s="10"/>
    </row>
    <row r="265066" spans="14:14">
      <c r="N265066" s="10"/>
    </row>
    <row r="265067" spans="14:14">
      <c r="N265067" s="10"/>
    </row>
    <row r="265068" spans="14:14">
      <c r="N265068" s="10"/>
    </row>
    <row r="265069" spans="14:14">
      <c r="N265069" s="10"/>
    </row>
    <row r="265070" spans="14:14">
      <c r="N265070" s="10"/>
    </row>
    <row r="265071" spans="14:14">
      <c r="N265071" s="10"/>
    </row>
    <row r="265072" spans="14:14">
      <c r="N265072" s="10"/>
    </row>
    <row r="265073" spans="14:14">
      <c r="N265073" s="10"/>
    </row>
    <row r="265074" spans="14:14">
      <c r="N265074" s="10"/>
    </row>
    <row r="265075" spans="14:14">
      <c r="N265075" s="10"/>
    </row>
    <row r="265076" spans="14:14">
      <c r="N265076" s="10"/>
    </row>
    <row r="265077" spans="14:14">
      <c r="N265077" s="10"/>
    </row>
    <row r="265078" spans="14:14">
      <c r="N265078" s="10"/>
    </row>
    <row r="265079" spans="14:14">
      <c r="N265079" s="10"/>
    </row>
    <row r="265080" spans="14:14">
      <c r="N265080" s="10"/>
    </row>
    <row r="265081" spans="14:14">
      <c r="N265081" s="10"/>
    </row>
    <row r="265082" spans="14:14">
      <c r="N265082" s="10"/>
    </row>
    <row r="265083" spans="14:14">
      <c r="N265083" s="10"/>
    </row>
    <row r="265084" spans="14:14">
      <c r="N265084" s="10"/>
    </row>
    <row r="265085" spans="14:14">
      <c r="N265085" s="10"/>
    </row>
    <row r="265086" spans="14:14">
      <c r="N265086" s="10"/>
    </row>
    <row r="265087" spans="14:14">
      <c r="N265087" s="10"/>
    </row>
    <row r="265088" spans="14:14">
      <c r="N265088" s="10"/>
    </row>
    <row r="265089" spans="14:14">
      <c r="N265089" s="10"/>
    </row>
    <row r="265090" spans="14:14">
      <c r="N265090" s="10"/>
    </row>
    <row r="265091" spans="14:14">
      <c r="N265091" s="10"/>
    </row>
    <row r="265092" spans="14:14">
      <c r="N265092" s="10"/>
    </row>
    <row r="265093" spans="14:14">
      <c r="N265093" s="10"/>
    </row>
    <row r="265094" spans="14:14">
      <c r="N265094" s="10"/>
    </row>
    <row r="265095" spans="14:14">
      <c r="N265095" s="10"/>
    </row>
    <row r="265096" spans="14:14">
      <c r="N265096" s="10"/>
    </row>
    <row r="265097" spans="14:14">
      <c r="N265097" s="10"/>
    </row>
    <row r="265098" spans="14:14">
      <c r="N265098" s="10"/>
    </row>
    <row r="265099" spans="14:14">
      <c r="N265099" s="10"/>
    </row>
    <row r="265100" spans="14:14">
      <c r="N265100" s="10"/>
    </row>
    <row r="265101" spans="14:14">
      <c r="N265101" s="10"/>
    </row>
    <row r="265102" spans="14:14">
      <c r="N265102" s="10"/>
    </row>
    <row r="265103" spans="14:14">
      <c r="N265103" s="10"/>
    </row>
    <row r="265104" spans="14:14">
      <c r="N265104" s="10"/>
    </row>
    <row r="265105" spans="14:14">
      <c r="N265105" s="10"/>
    </row>
    <row r="265106" spans="14:14">
      <c r="N265106" s="10"/>
    </row>
    <row r="265107" spans="14:14">
      <c r="N265107" s="10"/>
    </row>
    <row r="265108" spans="14:14">
      <c r="N265108" s="10"/>
    </row>
    <row r="265109" spans="14:14">
      <c r="N265109" s="10"/>
    </row>
    <row r="265110" spans="14:14">
      <c r="N265110" s="10"/>
    </row>
    <row r="265111" spans="14:14">
      <c r="N265111" s="10"/>
    </row>
    <row r="265112" spans="14:14">
      <c r="N265112" s="10"/>
    </row>
    <row r="265113" spans="14:14">
      <c r="N265113" s="10"/>
    </row>
    <row r="265114" spans="14:14">
      <c r="N265114" s="10"/>
    </row>
    <row r="265115" spans="14:14">
      <c r="N265115" s="10"/>
    </row>
    <row r="265116" spans="14:14">
      <c r="N265116" s="10"/>
    </row>
    <row r="265117" spans="14:14">
      <c r="N265117" s="10"/>
    </row>
    <row r="265118" spans="14:14">
      <c r="N265118" s="10"/>
    </row>
    <row r="265119" spans="14:14">
      <c r="N265119" s="10"/>
    </row>
    <row r="265120" spans="14:14">
      <c r="N265120" s="10"/>
    </row>
    <row r="265121" spans="14:14">
      <c r="N265121" s="10"/>
    </row>
    <row r="265122" spans="14:14">
      <c r="N265122" s="10"/>
    </row>
    <row r="265123" spans="14:14">
      <c r="N265123" s="10"/>
    </row>
    <row r="265124" spans="14:14">
      <c r="N265124" s="10"/>
    </row>
    <row r="265125" spans="14:14">
      <c r="N265125" s="10"/>
    </row>
    <row r="265126" spans="14:14">
      <c r="N265126" s="10"/>
    </row>
    <row r="265127" spans="14:14">
      <c r="N265127" s="10"/>
    </row>
    <row r="265128" spans="14:14">
      <c r="N265128" s="10"/>
    </row>
    <row r="265129" spans="14:14">
      <c r="N265129" s="10"/>
    </row>
    <row r="265130" spans="14:14">
      <c r="N265130" s="10"/>
    </row>
    <row r="265131" spans="14:14">
      <c r="N265131" s="10"/>
    </row>
    <row r="265132" spans="14:14">
      <c r="N265132" s="10"/>
    </row>
    <row r="265133" spans="14:14">
      <c r="N265133" s="10"/>
    </row>
    <row r="265134" spans="14:14">
      <c r="N265134" s="10"/>
    </row>
    <row r="265135" spans="14:14">
      <c r="N265135" s="10"/>
    </row>
    <row r="265136" spans="14:14">
      <c r="N265136" s="10"/>
    </row>
    <row r="265137" spans="14:14">
      <c r="N265137" s="10"/>
    </row>
    <row r="265138" spans="14:14">
      <c r="N265138" s="10"/>
    </row>
    <row r="265139" spans="14:14">
      <c r="N265139" s="10"/>
    </row>
    <row r="265140" spans="14:14">
      <c r="N265140" s="10"/>
    </row>
    <row r="265141" spans="14:14">
      <c r="N265141" s="10"/>
    </row>
    <row r="265142" spans="14:14">
      <c r="N265142" s="10"/>
    </row>
    <row r="265143" spans="14:14">
      <c r="N265143" s="10"/>
    </row>
    <row r="265144" spans="14:14">
      <c r="N265144" s="10"/>
    </row>
    <row r="265145" spans="14:14">
      <c r="N265145" s="10"/>
    </row>
    <row r="265146" spans="14:14">
      <c r="N265146" s="10"/>
    </row>
    <row r="265147" spans="14:14">
      <c r="N265147" s="10"/>
    </row>
    <row r="265148" spans="14:14">
      <c r="N265148" s="10"/>
    </row>
    <row r="265149" spans="14:14">
      <c r="N265149" s="10"/>
    </row>
    <row r="265150" spans="14:14">
      <c r="N265150" s="10"/>
    </row>
    <row r="265151" spans="14:14">
      <c r="N265151" s="10"/>
    </row>
    <row r="265152" spans="14:14">
      <c r="N265152" s="10"/>
    </row>
    <row r="265153" spans="14:14">
      <c r="N265153" s="10"/>
    </row>
    <row r="265154" spans="14:14">
      <c r="N265154" s="10"/>
    </row>
    <row r="265155" spans="14:14">
      <c r="N265155" s="10"/>
    </row>
    <row r="265156" spans="14:14">
      <c r="N265156" s="10"/>
    </row>
    <row r="265157" spans="14:14">
      <c r="N265157" s="10"/>
    </row>
    <row r="265158" spans="14:14">
      <c r="N265158" s="10"/>
    </row>
    <row r="265159" spans="14:14">
      <c r="N265159" s="10"/>
    </row>
    <row r="265160" spans="14:14">
      <c r="N265160" s="10"/>
    </row>
    <row r="265161" spans="14:14">
      <c r="N265161" s="10"/>
    </row>
    <row r="265162" spans="14:14">
      <c r="N265162" s="10"/>
    </row>
    <row r="265163" spans="14:14">
      <c r="N265163" s="10"/>
    </row>
    <row r="265164" spans="14:14">
      <c r="N265164" s="10"/>
    </row>
    <row r="265165" spans="14:14">
      <c r="N265165" s="10"/>
    </row>
    <row r="265166" spans="14:14">
      <c r="N265166" s="10"/>
    </row>
    <row r="265167" spans="14:14">
      <c r="N265167" s="10"/>
    </row>
    <row r="265168" spans="14:14">
      <c r="N265168" s="10"/>
    </row>
    <row r="265169" spans="14:14">
      <c r="N265169" s="10"/>
    </row>
    <row r="265170" spans="14:14">
      <c r="N265170" s="10"/>
    </row>
    <row r="265171" spans="14:14">
      <c r="N265171" s="10"/>
    </row>
    <row r="265172" spans="14:14">
      <c r="N265172" s="10"/>
    </row>
    <row r="265173" spans="14:14">
      <c r="N265173" s="10"/>
    </row>
    <row r="265174" spans="14:14">
      <c r="N265174" s="10"/>
    </row>
    <row r="265175" spans="14:14">
      <c r="N265175" s="10"/>
    </row>
    <row r="265176" spans="14:14">
      <c r="N265176" s="10"/>
    </row>
    <row r="265177" spans="14:14">
      <c r="N265177" s="10"/>
    </row>
    <row r="265178" spans="14:14">
      <c r="N265178" s="10"/>
    </row>
    <row r="265179" spans="14:14">
      <c r="N265179" s="10"/>
    </row>
    <row r="265180" spans="14:14">
      <c r="N265180" s="10"/>
    </row>
    <row r="265181" spans="14:14">
      <c r="N265181" s="10"/>
    </row>
    <row r="265182" spans="14:14">
      <c r="N265182" s="10"/>
    </row>
    <row r="265183" spans="14:14">
      <c r="N265183" s="10"/>
    </row>
    <row r="265184" spans="14:14">
      <c r="N265184" s="10"/>
    </row>
    <row r="265185" spans="14:14">
      <c r="N265185" s="10"/>
    </row>
    <row r="265186" spans="14:14">
      <c r="N265186" s="10"/>
    </row>
    <row r="265187" spans="14:14">
      <c r="N265187" s="10"/>
    </row>
    <row r="265188" spans="14:14">
      <c r="N265188" s="10"/>
    </row>
    <row r="265189" spans="14:14">
      <c r="N265189" s="10"/>
    </row>
    <row r="265190" spans="14:14">
      <c r="N265190" s="10"/>
    </row>
    <row r="265191" spans="14:14">
      <c r="N265191" s="10"/>
    </row>
    <row r="265192" spans="14:14">
      <c r="N265192" s="10"/>
    </row>
    <row r="265193" spans="14:14">
      <c r="N265193" s="10"/>
    </row>
    <row r="265194" spans="14:14">
      <c r="N265194" s="10"/>
    </row>
    <row r="265195" spans="14:14">
      <c r="N265195" s="10"/>
    </row>
    <row r="265196" spans="14:14">
      <c r="N265196" s="10"/>
    </row>
    <row r="265197" spans="14:14">
      <c r="N265197" s="10"/>
    </row>
    <row r="265198" spans="14:14">
      <c r="N265198" s="10"/>
    </row>
    <row r="265199" spans="14:14">
      <c r="N265199" s="10"/>
    </row>
    <row r="265200" spans="14:14">
      <c r="N265200" s="10"/>
    </row>
    <row r="265201" spans="14:14">
      <c r="N265201" s="10"/>
    </row>
    <row r="265202" spans="14:14">
      <c r="N265202" s="10"/>
    </row>
    <row r="265203" spans="14:14">
      <c r="N265203" s="10"/>
    </row>
    <row r="265204" spans="14:14">
      <c r="N265204" s="10"/>
    </row>
    <row r="265205" spans="14:14">
      <c r="N265205" s="10"/>
    </row>
    <row r="265206" spans="14:14">
      <c r="N265206" s="10"/>
    </row>
    <row r="265207" spans="14:14">
      <c r="N265207" s="10"/>
    </row>
    <row r="265208" spans="14:14">
      <c r="N265208" s="10"/>
    </row>
    <row r="265209" spans="14:14">
      <c r="N265209" s="10"/>
    </row>
    <row r="265210" spans="14:14">
      <c r="N265210" s="10"/>
    </row>
    <row r="265211" spans="14:14">
      <c r="N265211" s="10"/>
    </row>
    <row r="265212" spans="14:14">
      <c r="N265212" s="10"/>
    </row>
    <row r="265213" spans="14:14">
      <c r="N265213" s="10"/>
    </row>
    <row r="265214" spans="14:14">
      <c r="N265214" s="10"/>
    </row>
    <row r="265215" spans="14:14">
      <c r="N265215" s="10"/>
    </row>
    <row r="265216" spans="14:14">
      <c r="N265216" s="10"/>
    </row>
    <row r="265217" spans="14:14">
      <c r="N265217" s="10"/>
    </row>
    <row r="265218" spans="14:14">
      <c r="N265218" s="10"/>
    </row>
    <row r="265219" spans="14:14">
      <c r="N265219" s="10"/>
    </row>
    <row r="265220" spans="14:14">
      <c r="N265220" s="10"/>
    </row>
    <row r="265221" spans="14:14">
      <c r="N265221" s="10"/>
    </row>
    <row r="265222" spans="14:14">
      <c r="N265222" s="10"/>
    </row>
    <row r="265223" spans="14:14">
      <c r="N265223" s="10"/>
    </row>
    <row r="265224" spans="14:14">
      <c r="N265224" s="10"/>
    </row>
    <row r="265225" spans="14:14">
      <c r="N265225" s="10"/>
    </row>
    <row r="265226" spans="14:14">
      <c r="N265226" s="10"/>
    </row>
    <row r="265227" spans="14:14">
      <c r="N265227" s="10"/>
    </row>
    <row r="265228" spans="14:14">
      <c r="N265228" s="10"/>
    </row>
    <row r="265229" spans="14:14">
      <c r="N265229" s="10"/>
    </row>
    <row r="265230" spans="14:14">
      <c r="N265230" s="10"/>
    </row>
    <row r="265231" spans="14:14">
      <c r="N265231" s="10"/>
    </row>
    <row r="265232" spans="14:14">
      <c r="N265232" s="10"/>
    </row>
    <row r="265233" spans="14:14">
      <c r="N265233" s="10"/>
    </row>
    <row r="265234" spans="14:14">
      <c r="N265234" s="10"/>
    </row>
    <row r="265235" spans="14:14">
      <c r="N265235" s="10"/>
    </row>
    <row r="265236" spans="14:14">
      <c r="N265236" s="10"/>
    </row>
    <row r="265237" spans="14:14">
      <c r="N265237" s="10"/>
    </row>
    <row r="265238" spans="14:14">
      <c r="N265238" s="10"/>
    </row>
    <row r="265239" spans="14:14">
      <c r="N265239" s="10"/>
    </row>
    <row r="265240" spans="14:14">
      <c r="N265240" s="10"/>
    </row>
    <row r="265241" spans="14:14">
      <c r="N265241" s="10"/>
    </row>
    <row r="265242" spans="14:14">
      <c r="N265242" s="10"/>
    </row>
    <row r="265243" spans="14:14">
      <c r="N265243" s="10"/>
    </row>
    <row r="265244" spans="14:14">
      <c r="N265244" s="10"/>
    </row>
    <row r="265245" spans="14:14">
      <c r="N265245" s="10"/>
    </row>
    <row r="265246" spans="14:14">
      <c r="N265246" s="10"/>
    </row>
    <row r="265247" spans="14:14">
      <c r="N265247" s="10"/>
    </row>
    <row r="265248" spans="14:14">
      <c r="N265248" s="10"/>
    </row>
    <row r="265249" spans="14:14">
      <c r="N265249" s="10"/>
    </row>
    <row r="265250" spans="14:14">
      <c r="N265250" s="10"/>
    </row>
    <row r="265251" spans="14:14">
      <c r="N265251" s="10"/>
    </row>
    <row r="265252" spans="14:14">
      <c r="N265252" s="10"/>
    </row>
    <row r="265253" spans="14:14">
      <c r="N265253" s="10"/>
    </row>
    <row r="265254" spans="14:14">
      <c r="N265254" s="10"/>
    </row>
    <row r="265255" spans="14:14">
      <c r="N265255" s="10"/>
    </row>
    <row r="265256" spans="14:14">
      <c r="N265256" s="10"/>
    </row>
    <row r="265257" spans="14:14">
      <c r="N265257" s="10"/>
    </row>
    <row r="265258" spans="14:14">
      <c r="N265258" s="10"/>
    </row>
    <row r="265259" spans="14:14">
      <c r="N265259" s="10"/>
    </row>
    <row r="265260" spans="14:14">
      <c r="N265260" s="10"/>
    </row>
    <row r="265261" spans="14:14">
      <c r="N265261" s="10"/>
    </row>
    <row r="265262" spans="14:14">
      <c r="N265262" s="10"/>
    </row>
    <row r="265263" spans="14:14">
      <c r="N265263" s="10"/>
    </row>
    <row r="265264" spans="14:14">
      <c r="N265264" s="10"/>
    </row>
    <row r="265265" spans="14:14">
      <c r="N265265" s="10"/>
    </row>
    <row r="265266" spans="14:14">
      <c r="N265266" s="10"/>
    </row>
    <row r="265267" spans="14:14">
      <c r="N265267" s="10"/>
    </row>
    <row r="265268" spans="14:14">
      <c r="N265268" s="10"/>
    </row>
    <row r="265269" spans="14:14">
      <c r="N265269" s="10"/>
    </row>
    <row r="265270" spans="14:14">
      <c r="N265270" s="10"/>
    </row>
    <row r="265271" spans="14:14">
      <c r="N265271" s="10"/>
    </row>
    <row r="265272" spans="14:14">
      <c r="N265272" s="10"/>
    </row>
    <row r="265273" spans="14:14">
      <c r="N265273" s="10"/>
    </row>
    <row r="265274" spans="14:14">
      <c r="N265274" s="10"/>
    </row>
    <row r="265275" spans="14:14">
      <c r="N265275" s="10"/>
    </row>
    <row r="265276" spans="14:14">
      <c r="N265276" s="10"/>
    </row>
    <row r="265277" spans="14:14">
      <c r="N265277" s="10"/>
    </row>
    <row r="265278" spans="14:14">
      <c r="N265278" s="10"/>
    </row>
    <row r="265279" spans="14:14">
      <c r="N265279" s="10"/>
    </row>
    <row r="265280" spans="14:14">
      <c r="N265280" s="10"/>
    </row>
    <row r="265281" spans="14:14">
      <c r="N265281" s="10"/>
    </row>
    <row r="265282" spans="14:14">
      <c r="N265282" s="10"/>
    </row>
    <row r="265283" spans="14:14">
      <c r="N265283" s="10"/>
    </row>
    <row r="265284" spans="14:14">
      <c r="N265284" s="10"/>
    </row>
    <row r="265285" spans="14:14">
      <c r="N265285" s="10"/>
    </row>
    <row r="265286" spans="14:14">
      <c r="N265286" s="10"/>
    </row>
    <row r="265287" spans="14:14">
      <c r="N265287" s="10"/>
    </row>
    <row r="265288" spans="14:14">
      <c r="N265288" s="10"/>
    </row>
    <row r="265289" spans="14:14">
      <c r="N265289" s="10"/>
    </row>
    <row r="265290" spans="14:14">
      <c r="N265290" s="10"/>
    </row>
    <row r="265291" spans="14:14">
      <c r="N265291" s="10"/>
    </row>
    <row r="265292" spans="14:14">
      <c r="N265292" s="10"/>
    </row>
    <row r="265293" spans="14:14">
      <c r="N265293" s="10"/>
    </row>
    <row r="265294" spans="14:14">
      <c r="N265294" s="10"/>
    </row>
    <row r="265295" spans="14:14">
      <c r="N265295" s="10"/>
    </row>
    <row r="265296" spans="14:14">
      <c r="N265296" s="10"/>
    </row>
    <row r="265297" spans="14:14">
      <c r="N265297" s="10"/>
    </row>
    <row r="265298" spans="14:14">
      <c r="N265298" s="10"/>
    </row>
    <row r="265299" spans="14:14">
      <c r="N265299" s="10"/>
    </row>
    <row r="265300" spans="14:14">
      <c r="N265300" s="10"/>
    </row>
    <row r="265301" spans="14:14">
      <c r="N265301" s="10"/>
    </row>
    <row r="265302" spans="14:14">
      <c r="N265302" s="10"/>
    </row>
    <row r="265303" spans="14:14">
      <c r="N265303" s="10"/>
    </row>
    <row r="265304" spans="14:14">
      <c r="N265304" s="10"/>
    </row>
    <row r="265305" spans="14:14">
      <c r="N265305" s="10"/>
    </row>
    <row r="265306" spans="14:14">
      <c r="N265306" s="10"/>
    </row>
    <row r="265307" spans="14:14">
      <c r="N265307" s="10"/>
    </row>
    <row r="265308" spans="14:14">
      <c r="N265308" s="10"/>
    </row>
    <row r="265309" spans="14:14">
      <c r="N265309" s="10"/>
    </row>
    <row r="265310" spans="14:14">
      <c r="N265310" s="10"/>
    </row>
    <row r="265311" spans="14:14">
      <c r="N265311" s="10"/>
    </row>
    <row r="265312" spans="14:14">
      <c r="N265312" s="10"/>
    </row>
    <row r="265313" spans="14:14">
      <c r="N265313" s="10"/>
    </row>
    <row r="265314" spans="14:14">
      <c r="N265314" s="10"/>
    </row>
    <row r="265315" spans="14:14">
      <c r="N265315" s="10"/>
    </row>
    <row r="265316" spans="14:14">
      <c r="N265316" s="10"/>
    </row>
    <row r="265317" spans="14:14">
      <c r="N265317" s="10"/>
    </row>
    <row r="265318" spans="14:14">
      <c r="N265318" s="10"/>
    </row>
    <row r="265319" spans="14:14">
      <c r="N265319" s="10"/>
    </row>
    <row r="265320" spans="14:14">
      <c r="N265320" s="10"/>
    </row>
    <row r="265321" spans="14:14">
      <c r="N265321" s="10"/>
    </row>
    <row r="265322" spans="14:14">
      <c r="N265322" s="10"/>
    </row>
    <row r="265323" spans="14:14">
      <c r="N265323" s="10"/>
    </row>
    <row r="265324" spans="14:14">
      <c r="N265324" s="10"/>
    </row>
    <row r="265325" spans="14:14">
      <c r="N265325" s="10"/>
    </row>
    <row r="265326" spans="14:14">
      <c r="N265326" s="10"/>
    </row>
    <row r="265327" spans="14:14">
      <c r="N265327" s="10"/>
    </row>
    <row r="265328" spans="14:14">
      <c r="N265328" s="10"/>
    </row>
    <row r="265329" spans="14:14">
      <c r="N265329" s="10"/>
    </row>
    <row r="265330" spans="14:14">
      <c r="N265330" s="10"/>
    </row>
    <row r="265331" spans="14:14">
      <c r="N265331" s="10"/>
    </row>
    <row r="265332" spans="14:14">
      <c r="N265332" s="10"/>
    </row>
    <row r="265333" spans="14:14">
      <c r="N265333" s="10"/>
    </row>
    <row r="265334" spans="14:14">
      <c r="N265334" s="10"/>
    </row>
    <row r="265335" spans="14:14">
      <c r="N265335" s="10"/>
    </row>
    <row r="265336" spans="14:14">
      <c r="N265336" s="10"/>
    </row>
    <row r="265337" spans="14:14">
      <c r="N265337" s="10"/>
    </row>
    <row r="265338" spans="14:14">
      <c r="N265338" s="10"/>
    </row>
    <row r="265339" spans="14:14">
      <c r="N265339" s="10"/>
    </row>
    <row r="265340" spans="14:14">
      <c r="N265340" s="10"/>
    </row>
    <row r="265341" spans="14:14">
      <c r="N265341" s="10"/>
    </row>
    <row r="265342" spans="14:14">
      <c r="N265342" s="10"/>
    </row>
    <row r="265343" spans="14:14">
      <c r="N265343" s="10"/>
    </row>
    <row r="265344" spans="14:14">
      <c r="N265344" s="10"/>
    </row>
    <row r="265345" spans="14:14">
      <c r="N265345" s="10"/>
    </row>
    <row r="265346" spans="14:14">
      <c r="N265346" s="10"/>
    </row>
    <row r="265347" spans="14:14">
      <c r="N265347" s="10"/>
    </row>
    <row r="265348" spans="14:14">
      <c r="N265348" s="10"/>
    </row>
    <row r="265349" spans="14:14">
      <c r="N265349" s="10"/>
    </row>
    <row r="265350" spans="14:14">
      <c r="N265350" s="10"/>
    </row>
    <row r="265351" spans="14:14">
      <c r="N265351" s="10"/>
    </row>
    <row r="265352" spans="14:14">
      <c r="N265352" s="10"/>
    </row>
    <row r="265353" spans="14:14">
      <c r="N265353" s="10"/>
    </row>
    <row r="265354" spans="14:14">
      <c r="N265354" s="10"/>
    </row>
    <row r="265355" spans="14:14">
      <c r="N265355" s="10"/>
    </row>
    <row r="265356" spans="14:14">
      <c r="N265356" s="10"/>
    </row>
    <row r="265357" spans="14:14">
      <c r="N265357" s="10"/>
    </row>
    <row r="265358" spans="14:14">
      <c r="N265358" s="10"/>
    </row>
    <row r="265359" spans="14:14">
      <c r="N265359" s="10"/>
    </row>
    <row r="265360" spans="14:14">
      <c r="N265360" s="10"/>
    </row>
    <row r="265361" spans="14:14">
      <c r="N265361" s="10"/>
    </row>
    <row r="265362" spans="14:14">
      <c r="N265362" s="10"/>
    </row>
    <row r="265363" spans="14:14">
      <c r="N265363" s="10"/>
    </row>
    <row r="265364" spans="14:14">
      <c r="N265364" s="10"/>
    </row>
    <row r="265365" spans="14:14">
      <c r="N265365" s="10"/>
    </row>
    <row r="265366" spans="14:14">
      <c r="N265366" s="10"/>
    </row>
    <row r="265367" spans="14:14">
      <c r="N265367" s="10"/>
    </row>
    <row r="265368" spans="14:14">
      <c r="N265368" s="10"/>
    </row>
    <row r="265369" spans="14:14">
      <c r="N265369" s="10"/>
    </row>
    <row r="265370" spans="14:14">
      <c r="N265370" s="10"/>
    </row>
    <row r="265371" spans="14:14">
      <c r="N265371" s="10"/>
    </row>
    <row r="265372" spans="14:14">
      <c r="N265372" s="10"/>
    </row>
    <row r="265373" spans="14:14">
      <c r="N265373" s="10"/>
    </row>
    <row r="265374" spans="14:14">
      <c r="N265374" s="10"/>
    </row>
    <row r="265375" spans="14:14">
      <c r="N265375" s="10"/>
    </row>
    <row r="265376" spans="14:14">
      <c r="N265376" s="10"/>
    </row>
    <row r="265377" spans="14:14">
      <c r="N265377" s="10"/>
    </row>
    <row r="265378" spans="14:14">
      <c r="N265378" s="10"/>
    </row>
    <row r="265379" spans="14:14">
      <c r="N265379" s="10"/>
    </row>
    <row r="265380" spans="14:14">
      <c r="N265380" s="10"/>
    </row>
    <row r="265381" spans="14:14">
      <c r="N265381" s="10"/>
    </row>
    <row r="265382" spans="14:14">
      <c r="N265382" s="10"/>
    </row>
    <row r="265383" spans="14:14">
      <c r="N265383" s="10"/>
    </row>
    <row r="265384" spans="14:14">
      <c r="N265384" s="10"/>
    </row>
    <row r="265385" spans="14:14">
      <c r="N265385" s="10"/>
    </row>
    <row r="265386" spans="14:14">
      <c r="N265386" s="10"/>
    </row>
    <row r="265387" spans="14:14">
      <c r="N265387" s="10"/>
    </row>
    <row r="265388" spans="14:14">
      <c r="N265388" s="10"/>
    </row>
    <row r="265389" spans="14:14">
      <c r="N265389" s="10"/>
    </row>
    <row r="265390" spans="14:14">
      <c r="N265390" s="10"/>
    </row>
    <row r="265391" spans="14:14">
      <c r="N265391" s="10"/>
    </row>
    <row r="265392" spans="14:14">
      <c r="N265392" s="10"/>
    </row>
    <row r="265393" spans="14:14">
      <c r="N265393" s="10"/>
    </row>
    <row r="265394" spans="14:14">
      <c r="N265394" s="10"/>
    </row>
    <row r="265395" spans="14:14">
      <c r="N265395" s="10"/>
    </row>
    <row r="265396" spans="14:14">
      <c r="N265396" s="10"/>
    </row>
    <row r="265397" spans="14:14">
      <c r="N265397" s="10"/>
    </row>
    <row r="265398" spans="14:14">
      <c r="N265398" s="10"/>
    </row>
    <row r="265399" spans="14:14">
      <c r="N265399" s="10"/>
    </row>
    <row r="265400" spans="14:14">
      <c r="N265400" s="10"/>
    </row>
    <row r="265401" spans="14:14">
      <c r="N265401" s="10"/>
    </row>
    <row r="265402" spans="14:14">
      <c r="N265402" s="10"/>
    </row>
    <row r="265403" spans="14:14">
      <c r="N265403" s="10"/>
    </row>
    <row r="265404" spans="14:14">
      <c r="N265404" s="10"/>
    </row>
    <row r="265405" spans="14:14">
      <c r="N265405" s="10"/>
    </row>
    <row r="265406" spans="14:14">
      <c r="N265406" s="10"/>
    </row>
    <row r="265407" spans="14:14">
      <c r="N265407" s="10"/>
    </row>
    <row r="265408" spans="14:14">
      <c r="N265408" s="10"/>
    </row>
    <row r="265409" spans="14:14">
      <c r="N265409" s="10"/>
    </row>
    <row r="265410" spans="14:14">
      <c r="N265410" s="10"/>
    </row>
    <row r="265411" spans="14:14">
      <c r="N265411" s="10"/>
    </row>
    <row r="265412" spans="14:14">
      <c r="N265412" s="10"/>
    </row>
    <row r="265413" spans="14:14">
      <c r="N265413" s="10"/>
    </row>
    <row r="265414" spans="14:14">
      <c r="N265414" s="10"/>
    </row>
    <row r="265415" spans="14:14">
      <c r="N265415" s="10"/>
    </row>
    <row r="265416" spans="14:14">
      <c r="N265416" s="10"/>
    </row>
    <row r="265417" spans="14:14">
      <c r="N265417" s="10"/>
    </row>
    <row r="265418" spans="14:14">
      <c r="N265418" s="10"/>
    </row>
    <row r="265419" spans="14:14">
      <c r="N265419" s="10"/>
    </row>
    <row r="265420" spans="14:14">
      <c r="N265420" s="10"/>
    </row>
    <row r="265421" spans="14:14">
      <c r="N265421" s="10"/>
    </row>
    <row r="265422" spans="14:14">
      <c r="N265422" s="10"/>
    </row>
    <row r="265423" spans="14:14">
      <c r="N265423" s="10"/>
    </row>
    <row r="265424" spans="14:14">
      <c r="N265424" s="10"/>
    </row>
    <row r="265425" spans="14:14">
      <c r="N265425" s="10"/>
    </row>
    <row r="265426" spans="14:14">
      <c r="N265426" s="10"/>
    </row>
    <row r="265427" spans="14:14">
      <c r="N265427" s="10"/>
    </row>
    <row r="265428" spans="14:14">
      <c r="N265428" s="10"/>
    </row>
    <row r="265429" spans="14:14">
      <c r="N265429" s="10"/>
    </row>
    <row r="265430" spans="14:14">
      <c r="N265430" s="10"/>
    </row>
    <row r="265431" spans="14:14">
      <c r="N265431" s="10"/>
    </row>
    <row r="265432" spans="14:14">
      <c r="N265432" s="10"/>
    </row>
    <row r="265433" spans="14:14">
      <c r="N265433" s="10"/>
    </row>
    <row r="265434" spans="14:14">
      <c r="N265434" s="10"/>
    </row>
    <row r="265435" spans="14:14">
      <c r="N265435" s="10"/>
    </row>
    <row r="265436" spans="14:14">
      <c r="N265436" s="10"/>
    </row>
    <row r="265437" spans="14:14">
      <c r="N265437" s="10"/>
    </row>
    <row r="265438" spans="14:14">
      <c r="N265438" s="10"/>
    </row>
    <row r="265439" spans="14:14">
      <c r="N265439" s="10"/>
    </row>
    <row r="265440" spans="14:14">
      <c r="N265440" s="10"/>
    </row>
    <row r="265441" spans="14:14">
      <c r="N265441" s="10"/>
    </row>
    <row r="265442" spans="14:14">
      <c r="N265442" s="10"/>
    </row>
    <row r="265443" spans="14:14">
      <c r="N265443" s="10"/>
    </row>
    <row r="265444" spans="14:14">
      <c r="N265444" s="10"/>
    </row>
    <row r="265445" spans="14:14">
      <c r="N265445" s="10"/>
    </row>
    <row r="265446" spans="14:14">
      <c r="N265446" s="10"/>
    </row>
    <row r="265447" spans="14:14">
      <c r="N265447" s="10"/>
    </row>
    <row r="265448" spans="14:14">
      <c r="N265448" s="10"/>
    </row>
    <row r="265449" spans="14:14">
      <c r="N265449" s="10"/>
    </row>
    <row r="265450" spans="14:14">
      <c r="N265450" s="10"/>
    </row>
    <row r="265451" spans="14:14">
      <c r="N265451" s="10"/>
    </row>
    <row r="265452" spans="14:14">
      <c r="N265452" s="10"/>
    </row>
    <row r="265453" spans="14:14">
      <c r="N265453" s="10"/>
    </row>
    <row r="265454" spans="14:14">
      <c r="N265454" s="10"/>
    </row>
    <row r="265455" spans="14:14">
      <c r="N265455" s="10"/>
    </row>
    <row r="265456" spans="14:14">
      <c r="N265456" s="10"/>
    </row>
    <row r="265457" spans="14:14">
      <c r="N265457" s="10"/>
    </row>
    <row r="265458" spans="14:14">
      <c r="N265458" s="10"/>
    </row>
    <row r="265459" spans="14:14">
      <c r="N265459" s="10"/>
    </row>
    <row r="265460" spans="14:14">
      <c r="N265460" s="10"/>
    </row>
    <row r="265461" spans="14:14">
      <c r="N265461" s="10"/>
    </row>
    <row r="265462" spans="14:14">
      <c r="N265462" s="10"/>
    </row>
    <row r="265463" spans="14:14">
      <c r="N265463" s="10"/>
    </row>
    <row r="265464" spans="14:14">
      <c r="N265464" s="10"/>
    </row>
    <row r="265465" spans="14:14">
      <c r="N265465" s="10"/>
    </row>
    <row r="265466" spans="14:14">
      <c r="N265466" s="10"/>
    </row>
    <row r="265467" spans="14:14">
      <c r="N265467" s="10"/>
    </row>
    <row r="265468" spans="14:14">
      <c r="N265468" s="10"/>
    </row>
    <row r="265469" spans="14:14">
      <c r="N265469" s="10"/>
    </row>
    <row r="265470" spans="14:14">
      <c r="N265470" s="10"/>
    </row>
    <row r="265471" spans="14:14">
      <c r="N265471" s="10"/>
    </row>
    <row r="265472" spans="14:14">
      <c r="N265472" s="10"/>
    </row>
    <row r="265473" spans="14:14">
      <c r="N265473" s="10"/>
    </row>
    <row r="265474" spans="14:14">
      <c r="N265474" s="10"/>
    </row>
    <row r="265475" spans="14:14">
      <c r="N265475" s="10"/>
    </row>
    <row r="265476" spans="14:14">
      <c r="N265476" s="10"/>
    </row>
    <row r="265477" spans="14:14">
      <c r="N265477" s="10"/>
    </row>
    <row r="265478" spans="14:14">
      <c r="N265478" s="10"/>
    </row>
    <row r="265479" spans="14:14">
      <c r="N265479" s="10"/>
    </row>
    <row r="265480" spans="14:14">
      <c r="N265480" s="10"/>
    </row>
    <row r="265481" spans="14:14">
      <c r="N265481" s="10"/>
    </row>
    <row r="265482" spans="14:14">
      <c r="N265482" s="10"/>
    </row>
    <row r="265483" spans="14:14">
      <c r="N265483" s="10"/>
    </row>
    <row r="265484" spans="14:14">
      <c r="N265484" s="10"/>
    </row>
    <row r="265485" spans="14:14">
      <c r="N265485" s="10"/>
    </row>
    <row r="265486" spans="14:14">
      <c r="N265486" s="10"/>
    </row>
    <row r="265487" spans="14:14">
      <c r="N265487" s="10"/>
    </row>
    <row r="265488" spans="14:14">
      <c r="N265488" s="10"/>
    </row>
    <row r="265489" spans="14:14">
      <c r="N265489" s="10"/>
    </row>
    <row r="265490" spans="14:14">
      <c r="N265490" s="10"/>
    </row>
    <row r="265491" spans="14:14">
      <c r="N265491" s="10"/>
    </row>
    <row r="265492" spans="14:14">
      <c r="N265492" s="10"/>
    </row>
    <row r="265493" spans="14:14">
      <c r="N265493" s="10"/>
    </row>
    <row r="265494" spans="14:14">
      <c r="N265494" s="10"/>
    </row>
    <row r="265495" spans="14:14">
      <c r="N265495" s="10"/>
    </row>
    <row r="265496" spans="14:14">
      <c r="N265496" s="10"/>
    </row>
    <row r="265497" spans="14:14">
      <c r="N265497" s="10"/>
    </row>
    <row r="265498" spans="14:14">
      <c r="N265498" s="10"/>
    </row>
    <row r="265499" spans="14:14">
      <c r="N265499" s="10"/>
    </row>
    <row r="265500" spans="14:14">
      <c r="N265500" s="10"/>
    </row>
    <row r="265501" spans="14:14">
      <c r="N265501" s="10"/>
    </row>
    <row r="265502" spans="14:14">
      <c r="N265502" s="10"/>
    </row>
    <row r="265503" spans="14:14">
      <c r="N265503" s="10"/>
    </row>
    <row r="265504" spans="14:14">
      <c r="N265504" s="10"/>
    </row>
    <row r="265505" spans="14:14">
      <c r="N265505" s="10"/>
    </row>
    <row r="265506" spans="14:14">
      <c r="N265506" s="10"/>
    </row>
    <row r="265507" spans="14:14">
      <c r="N265507" s="10"/>
    </row>
    <row r="265508" spans="14:14">
      <c r="N265508" s="10"/>
    </row>
    <row r="265509" spans="14:14">
      <c r="N265509" s="10"/>
    </row>
    <row r="265510" spans="14:14">
      <c r="N265510" s="10"/>
    </row>
    <row r="265511" spans="14:14">
      <c r="N265511" s="10"/>
    </row>
    <row r="265512" spans="14:14">
      <c r="N265512" s="10"/>
    </row>
    <row r="265513" spans="14:14">
      <c r="N265513" s="10"/>
    </row>
    <row r="265514" spans="14:14">
      <c r="N265514" s="10"/>
    </row>
    <row r="265515" spans="14:14">
      <c r="N265515" s="10"/>
    </row>
    <row r="265516" spans="14:14">
      <c r="N265516" s="10"/>
    </row>
    <row r="265517" spans="14:14">
      <c r="N265517" s="10"/>
    </row>
    <row r="265518" spans="14:14">
      <c r="N265518" s="10"/>
    </row>
    <row r="265519" spans="14:14">
      <c r="N265519" s="10"/>
    </row>
    <row r="265520" spans="14:14">
      <c r="N265520" s="10"/>
    </row>
    <row r="265521" spans="14:14">
      <c r="N265521" s="10"/>
    </row>
    <row r="265522" spans="14:14">
      <c r="N265522" s="10"/>
    </row>
    <row r="265523" spans="14:14">
      <c r="N265523" s="10"/>
    </row>
    <row r="265524" spans="14:14">
      <c r="N265524" s="10"/>
    </row>
    <row r="265525" spans="14:14">
      <c r="N265525" s="10"/>
    </row>
    <row r="265526" spans="14:14">
      <c r="N265526" s="10"/>
    </row>
    <row r="265527" spans="14:14">
      <c r="N265527" s="10"/>
    </row>
    <row r="265528" spans="14:14">
      <c r="N265528" s="10"/>
    </row>
    <row r="265529" spans="14:14">
      <c r="N265529" s="10"/>
    </row>
    <row r="265530" spans="14:14">
      <c r="N265530" s="10"/>
    </row>
    <row r="265531" spans="14:14">
      <c r="N265531" s="10"/>
    </row>
    <row r="265532" spans="14:14">
      <c r="N265532" s="10"/>
    </row>
    <row r="265533" spans="14:14">
      <c r="N265533" s="10"/>
    </row>
    <row r="265534" spans="14:14">
      <c r="N265534" s="10"/>
    </row>
    <row r="265535" spans="14:14">
      <c r="N265535" s="10"/>
    </row>
    <row r="265536" spans="14:14">
      <c r="N265536" s="10"/>
    </row>
    <row r="265537" spans="14:14">
      <c r="N265537" s="10"/>
    </row>
    <row r="265538" spans="14:14">
      <c r="N265538" s="10"/>
    </row>
    <row r="265539" spans="14:14">
      <c r="N265539" s="10"/>
    </row>
    <row r="265540" spans="14:14">
      <c r="N265540" s="10"/>
    </row>
    <row r="265541" spans="14:14">
      <c r="N265541" s="10"/>
    </row>
    <row r="265542" spans="14:14">
      <c r="N265542" s="10"/>
    </row>
    <row r="265543" spans="14:14">
      <c r="N265543" s="10"/>
    </row>
    <row r="265544" spans="14:14">
      <c r="N265544" s="10"/>
    </row>
    <row r="265545" spans="14:14">
      <c r="N265545" s="10"/>
    </row>
    <row r="265546" spans="14:14">
      <c r="N265546" s="10"/>
    </row>
    <row r="265547" spans="14:14">
      <c r="N265547" s="10"/>
    </row>
    <row r="265548" spans="14:14">
      <c r="N265548" s="10"/>
    </row>
    <row r="265549" spans="14:14">
      <c r="N265549" s="10"/>
    </row>
    <row r="265550" spans="14:14">
      <c r="N265550" s="10"/>
    </row>
    <row r="265551" spans="14:14">
      <c r="N265551" s="10"/>
    </row>
    <row r="265552" spans="14:14">
      <c r="N265552" s="10"/>
    </row>
    <row r="265553" spans="14:14">
      <c r="N265553" s="10"/>
    </row>
    <row r="265554" spans="14:14">
      <c r="N265554" s="10"/>
    </row>
    <row r="265555" spans="14:14">
      <c r="N265555" s="10"/>
    </row>
    <row r="265556" spans="14:14">
      <c r="N265556" s="10"/>
    </row>
    <row r="265557" spans="14:14">
      <c r="N265557" s="10"/>
    </row>
    <row r="265558" spans="14:14">
      <c r="N265558" s="10"/>
    </row>
    <row r="265559" spans="14:14">
      <c r="N265559" s="10"/>
    </row>
    <row r="265560" spans="14:14">
      <c r="N265560" s="10"/>
    </row>
    <row r="265561" spans="14:14">
      <c r="N265561" s="10"/>
    </row>
    <row r="265562" spans="14:14">
      <c r="N265562" s="10"/>
    </row>
    <row r="265563" spans="14:14">
      <c r="N265563" s="10"/>
    </row>
    <row r="265564" spans="14:14">
      <c r="N265564" s="10"/>
    </row>
    <row r="265565" spans="14:14">
      <c r="N265565" s="10"/>
    </row>
    <row r="265566" spans="14:14">
      <c r="N265566" s="10"/>
    </row>
    <row r="265567" spans="14:14">
      <c r="N265567" s="10"/>
    </row>
    <row r="265568" spans="14:14">
      <c r="N265568" s="10"/>
    </row>
    <row r="265569" spans="14:14">
      <c r="N265569" s="10"/>
    </row>
    <row r="265570" spans="14:14">
      <c r="N265570" s="10"/>
    </row>
    <row r="265571" spans="14:14">
      <c r="N265571" s="10"/>
    </row>
    <row r="265572" spans="14:14">
      <c r="N265572" s="10"/>
    </row>
    <row r="265573" spans="14:14">
      <c r="N265573" s="10"/>
    </row>
    <row r="265574" spans="14:14">
      <c r="N265574" s="10"/>
    </row>
    <row r="265575" spans="14:14">
      <c r="N265575" s="10"/>
    </row>
    <row r="265576" spans="14:14">
      <c r="N265576" s="10"/>
    </row>
    <row r="265577" spans="14:14">
      <c r="N265577" s="10"/>
    </row>
    <row r="265578" spans="14:14">
      <c r="N265578" s="10"/>
    </row>
    <row r="265579" spans="14:14">
      <c r="N265579" s="10"/>
    </row>
    <row r="265580" spans="14:14">
      <c r="N265580" s="10"/>
    </row>
    <row r="265581" spans="14:14">
      <c r="N265581" s="10"/>
    </row>
    <row r="265582" spans="14:14">
      <c r="N265582" s="10"/>
    </row>
    <row r="265583" spans="14:14">
      <c r="N265583" s="10"/>
    </row>
    <row r="265584" spans="14:14">
      <c r="N265584" s="10"/>
    </row>
    <row r="265585" spans="14:14">
      <c r="N265585" s="10"/>
    </row>
    <row r="265586" spans="14:14">
      <c r="N265586" s="10"/>
    </row>
    <row r="265587" spans="14:14">
      <c r="N265587" s="10"/>
    </row>
    <row r="265588" spans="14:14">
      <c r="N265588" s="10"/>
    </row>
    <row r="265589" spans="14:14">
      <c r="N265589" s="10"/>
    </row>
    <row r="265590" spans="14:14">
      <c r="N265590" s="10"/>
    </row>
    <row r="265591" spans="14:14">
      <c r="N265591" s="10"/>
    </row>
    <row r="265592" spans="14:14">
      <c r="N265592" s="10"/>
    </row>
    <row r="265593" spans="14:14">
      <c r="N265593" s="10"/>
    </row>
    <row r="265594" spans="14:14">
      <c r="N265594" s="10"/>
    </row>
    <row r="265595" spans="14:14">
      <c r="N265595" s="10"/>
    </row>
    <row r="265596" spans="14:14">
      <c r="N265596" s="10"/>
    </row>
    <row r="265597" spans="14:14">
      <c r="N265597" s="10"/>
    </row>
    <row r="265598" spans="14:14">
      <c r="N265598" s="10"/>
    </row>
    <row r="265599" spans="14:14">
      <c r="N265599" s="10"/>
    </row>
    <row r="265600" spans="14:14">
      <c r="N265600" s="10"/>
    </row>
    <row r="265601" spans="14:14">
      <c r="N265601" s="10"/>
    </row>
    <row r="265602" spans="14:14">
      <c r="N265602" s="10"/>
    </row>
    <row r="265603" spans="14:14">
      <c r="N265603" s="10"/>
    </row>
    <row r="265604" spans="14:14">
      <c r="N265604" s="10"/>
    </row>
    <row r="265605" spans="14:14">
      <c r="N265605" s="10"/>
    </row>
    <row r="265606" spans="14:14">
      <c r="N265606" s="10"/>
    </row>
    <row r="265607" spans="14:14">
      <c r="N265607" s="10"/>
    </row>
    <row r="265608" spans="14:14">
      <c r="N265608" s="10"/>
    </row>
    <row r="265609" spans="14:14">
      <c r="N265609" s="10"/>
    </row>
    <row r="265610" spans="14:14">
      <c r="N265610" s="10"/>
    </row>
    <row r="265611" spans="14:14">
      <c r="N265611" s="10"/>
    </row>
    <row r="265612" spans="14:14">
      <c r="N265612" s="10"/>
    </row>
    <row r="265613" spans="14:14">
      <c r="N265613" s="10"/>
    </row>
    <row r="265614" spans="14:14">
      <c r="N265614" s="10"/>
    </row>
    <row r="265615" spans="14:14">
      <c r="N265615" s="10"/>
    </row>
    <row r="265616" spans="14:14">
      <c r="N265616" s="10"/>
    </row>
    <row r="265617" spans="14:14">
      <c r="N265617" s="10"/>
    </row>
    <row r="265618" spans="14:14">
      <c r="N265618" s="10"/>
    </row>
    <row r="265619" spans="14:14">
      <c r="N265619" s="10"/>
    </row>
    <row r="265620" spans="14:14">
      <c r="N265620" s="10"/>
    </row>
    <row r="265621" spans="14:14">
      <c r="N265621" s="10"/>
    </row>
    <row r="265622" spans="14:14">
      <c r="N265622" s="10"/>
    </row>
    <row r="265623" spans="14:14">
      <c r="N265623" s="10"/>
    </row>
    <row r="265624" spans="14:14">
      <c r="N265624" s="10"/>
    </row>
    <row r="265625" spans="14:14">
      <c r="N265625" s="10"/>
    </row>
    <row r="265626" spans="14:14">
      <c r="N265626" s="10"/>
    </row>
    <row r="265627" spans="14:14">
      <c r="N265627" s="10"/>
    </row>
    <row r="265628" spans="14:14">
      <c r="N265628" s="10"/>
    </row>
    <row r="265629" spans="14:14">
      <c r="N265629" s="10"/>
    </row>
    <row r="265630" spans="14:14">
      <c r="N265630" s="10"/>
    </row>
    <row r="265631" spans="14:14">
      <c r="N265631" s="10"/>
    </row>
    <row r="265632" spans="14:14">
      <c r="N265632" s="10"/>
    </row>
    <row r="265633" spans="14:14">
      <c r="N265633" s="10"/>
    </row>
    <row r="265634" spans="14:14">
      <c r="N265634" s="10"/>
    </row>
    <row r="265635" spans="14:14">
      <c r="N265635" s="10"/>
    </row>
    <row r="265636" spans="14:14">
      <c r="N265636" s="10"/>
    </row>
    <row r="265637" spans="14:14">
      <c r="N265637" s="10"/>
    </row>
    <row r="265638" spans="14:14">
      <c r="N265638" s="10"/>
    </row>
    <row r="265639" spans="14:14">
      <c r="N265639" s="10"/>
    </row>
    <row r="265640" spans="14:14">
      <c r="N265640" s="10"/>
    </row>
    <row r="265641" spans="14:14">
      <c r="N265641" s="10"/>
    </row>
    <row r="265642" spans="14:14">
      <c r="N265642" s="10"/>
    </row>
    <row r="265643" spans="14:14">
      <c r="N265643" s="10"/>
    </row>
    <row r="265644" spans="14:14">
      <c r="N265644" s="10"/>
    </row>
    <row r="265645" spans="14:14">
      <c r="N265645" s="10"/>
    </row>
    <row r="265646" spans="14:14">
      <c r="N265646" s="10"/>
    </row>
    <row r="265647" spans="14:14">
      <c r="N265647" s="10"/>
    </row>
    <row r="265648" spans="14:14">
      <c r="N265648" s="10"/>
    </row>
    <row r="265649" spans="14:14">
      <c r="N265649" s="10"/>
    </row>
    <row r="265650" spans="14:14">
      <c r="N265650" s="10"/>
    </row>
    <row r="265651" spans="14:14">
      <c r="N265651" s="10"/>
    </row>
    <row r="265652" spans="14:14">
      <c r="N265652" s="10"/>
    </row>
    <row r="265653" spans="14:14">
      <c r="N265653" s="10"/>
    </row>
    <row r="265654" spans="14:14">
      <c r="N265654" s="10"/>
    </row>
    <row r="265655" spans="14:14">
      <c r="N265655" s="10"/>
    </row>
    <row r="265656" spans="14:14">
      <c r="N265656" s="10"/>
    </row>
    <row r="265657" spans="14:14">
      <c r="N265657" s="10"/>
    </row>
    <row r="265658" spans="14:14">
      <c r="N265658" s="10"/>
    </row>
    <row r="265659" spans="14:14">
      <c r="N265659" s="10"/>
    </row>
    <row r="265660" spans="14:14">
      <c r="N265660" s="10"/>
    </row>
    <row r="265661" spans="14:14">
      <c r="N265661" s="10"/>
    </row>
    <row r="265662" spans="14:14">
      <c r="N265662" s="10"/>
    </row>
    <row r="265663" spans="14:14">
      <c r="N265663" s="10"/>
    </row>
    <row r="265664" spans="14:14">
      <c r="N265664" s="10"/>
    </row>
    <row r="265665" spans="14:14">
      <c r="N265665" s="10"/>
    </row>
    <row r="265666" spans="14:14">
      <c r="N265666" s="10"/>
    </row>
    <row r="265667" spans="14:14">
      <c r="N265667" s="10"/>
    </row>
    <row r="265668" spans="14:14">
      <c r="N265668" s="10"/>
    </row>
    <row r="265669" spans="14:14">
      <c r="N265669" s="10"/>
    </row>
    <row r="265670" spans="14:14">
      <c r="N265670" s="10"/>
    </row>
    <row r="265671" spans="14:14">
      <c r="N265671" s="10"/>
    </row>
    <row r="265672" spans="14:14">
      <c r="N265672" s="10"/>
    </row>
    <row r="265673" spans="14:14">
      <c r="N265673" s="10"/>
    </row>
    <row r="265674" spans="14:14">
      <c r="N265674" s="10"/>
    </row>
    <row r="265675" spans="14:14">
      <c r="N265675" s="10"/>
    </row>
    <row r="265676" spans="14:14">
      <c r="N265676" s="10"/>
    </row>
    <row r="265677" spans="14:14">
      <c r="N265677" s="10"/>
    </row>
    <row r="265678" spans="14:14">
      <c r="N265678" s="10"/>
    </row>
    <row r="265679" spans="14:14">
      <c r="N265679" s="10"/>
    </row>
    <row r="265680" spans="14:14">
      <c r="N265680" s="10"/>
    </row>
    <row r="265681" spans="14:14">
      <c r="N265681" s="10"/>
    </row>
    <row r="265682" spans="14:14">
      <c r="N265682" s="10"/>
    </row>
    <row r="265683" spans="14:14">
      <c r="N265683" s="10"/>
    </row>
    <row r="265684" spans="14:14">
      <c r="N265684" s="10"/>
    </row>
    <row r="265685" spans="14:14">
      <c r="N265685" s="10"/>
    </row>
    <row r="265686" spans="14:14">
      <c r="N265686" s="10"/>
    </row>
    <row r="265687" spans="14:14">
      <c r="N265687" s="10"/>
    </row>
    <row r="265688" spans="14:14">
      <c r="N265688" s="10"/>
    </row>
    <row r="265689" spans="14:14">
      <c r="N265689" s="10"/>
    </row>
    <row r="265690" spans="14:14">
      <c r="N265690" s="10"/>
    </row>
    <row r="265691" spans="14:14">
      <c r="N265691" s="10"/>
    </row>
    <row r="265692" spans="14:14">
      <c r="N265692" s="10"/>
    </row>
    <row r="265693" spans="14:14">
      <c r="N265693" s="10"/>
    </row>
    <row r="265694" spans="14:14">
      <c r="N265694" s="10"/>
    </row>
    <row r="265695" spans="14:14">
      <c r="N265695" s="10"/>
    </row>
    <row r="265696" spans="14:14">
      <c r="N265696" s="10"/>
    </row>
    <row r="265697" spans="14:14">
      <c r="N265697" s="10"/>
    </row>
    <row r="265698" spans="14:14">
      <c r="N265698" s="10"/>
    </row>
    <row r="265699" spans="14:14">
      <c r="N265699" s="10"/>
    </row>
    <row r="265700" spans="14:14">
      <c r="N265700" s="10"/>
    </row>
    <row r="265701" spans="14:14">
      <c r="N265701" s="10"/>
    </row>
    <row r="265702" spans="14:14">
      <c r="N265702" s="10"/>
    </row>
    <row r="265703" spans="14:14">
      <c r="N265703" s="10"/>
    </row>
    <row r="265704" spans="14:14">
      <c r="N265704" s="10"/>
    </row>
    <row r="265705" spans="14:14">
      <c r="N265705" s="10"/>
    </row>
    <row r="265706" spans="14:14">
      <c r="N265706" s="10"/>
    </row>
    <row r="265707" spans="14:14">
      <c r="N265707" s="10"/>
    </row>
    <row r="265708" spans="14:14">
      <c r="N265708" s="10"/>
    </row>
    <row r="265709" spans="14:14">
      <c r="N265709" s="10"/>
    </row>
    <row r="265710" spans="14:14">
      <c r="N265710" s="10"/>
    </row>
    <row r="265711" spans="14:14">
      <c r="N265711" s="10"/>
    </row>
    <row r="265712" spans="14:14">
      <c r="N265712" s="10"/>
    </row>
    <row r="265713" spans="14:14">
      <c r="N265713" s="10"/>
    </row>
    <row r="265714" spans="14:14">
      <c r="N265714" s="10"/>
    </row>
    <row r="265715" spans="14:14">
      <c r="N265715" s="10"/>
    </row>
    <row r="265716" spans="14:14">
      <c r="N265716" s="10"/>
    </row>
    <row r="265717" spans="14:14">
      <c r="N265717" s="10"/>
    </row>
    <row r="265718" spans="14:14">
      <c r="N265718" s="10"/>
    </row>
    <row r="265719" spans="14:14">
      <c r="N265719" s="10"/>
    </row>
    <row r="265720" spans="14:14">
      <c r="N265720" s="10"/>
    </row>
    <row r="265721" spans="14:14">
      <c r="N265721" s="10"/>
    </row>
    <row r="265722" spans="14:14">
      <c r="N265722" s="10"/>
    </row>
    <row r="265723" spans="14:14">
      <c r="N265723" s="10"/>
    </row>
    <row r="265724" spans="14:14">
      <c r="N265724" s="10"/>
    </row>
    <row r="265725" spans="14:14">
      <c r="N265725" s="10"/>
    </row>
    <row r="265726" spans="14:14">
      <c r="N265726" s="10"/>
    </row>
    <row r="265727" spans="14:14">
      <c r="N265727" s="10"/>
    </row>
    <row r="265728" spans="14:14">
      <c r="N265728" s="10"/>
    </row>
    <row r="265729" spans="14:14">
      <c r="N265729" s="10"/>
    </row>
    <row r="265730" spans="14:14">
      <c r="N265730" s="10"/>
    </row>
    <row r="265731" spans="14:14">
      <c r="N265731" s="10"/>
    </row>
    <row r="265732" spans="14:14">
      <c r="N265732" s="10"/>
    </row>
    <row r="265733" spans="14:14">
      <c r="N265733" s="10"/>
    </row>
    <row r="265734" spans="14:14">
      <c r="N265734" s="10"/>
    </row>
    <row r="265735" spans="14:14">
      <c r="N265735" s="10"/>
    </row>
    <row r="265736" spans="14:14">
      <c r="N265736" s="10"/>
    </row>
    <row r="265737" spans="14:14">
      <c r="N265737" s="10"/>
    </row>
    <row r="265738" spans="14:14">
      <c r="N265738" s="10"/>
    </row>
    <row r="265739" spans="14:14">
      <c r="N265739" s="10"/>
    </row>
    <row r="265740" spans="14:14">
      <c r="N265740" s="10"/>
    </row>
    <row r="265741" spans="14:14">
      <c r="N265741" s="10"/>
    </row>
    <row r="265742" spans="14:14">
      <c r="N265742" s="10"/>
    </row>
    <row r="265743" spans="14:14">
      <c r="N265743" s="10"/>
    </row>
    <row r="265744" spans="14:14">
      <c r="N265744" s="10"/>
    </row>
    <row r="265745" spans="14:14">
      <c r="N265745" s="10"/>
    </row>
    <row r="265746" spans="14:14">
      <c r="N265746" s="10"/>
    </row>
    <row r="265747" spans="14:14">
      <c r="N265747" s="10"/>
    </row>
    <row r="265748" spans="14:14">
      <c r="N265748" s="10"/>
    </row>
    <row r="265749" spans="14:14">
      <c r="N265749" s="10"/>
    </row>
    <row r="265750" spans="14:14">
      <c r="N265750" s="10"/>
    </row>
    <row r="265751" spans="14:14">
      <c r="N265751" s="10"/>
    </row>
    <row r="265752" spans="14:14">
      <c r="N265752" s="10"/>
    </row>
    <row r="265753" spans="14:14">
      <c r="N265753" s="10"/>
    </row>
    <row r="265754" spans="14:14">
      <c r="N265754" s="10"/>
    </row>
    <row r="265755" spans="14:14">
      <c r="N265755" s="10"/>
    </row>
    <row r="265756" spans="14:14">
      <c r="N265756" s="10"/>
    </row>
    <row r="265757" spans="14:14">
      <c r="N265757" s="10"/>
    </row>
    <row r="265758" spans="14:14">
      <c r="N265758" s="10"/>
    </row>
    <row r="265759" spans="14:14">
      <c r="N265759" s="10"/>
    </row>
    <row r="265760" spans="14:14">
      <c r="N265760" s="10"/>
    </row>
    <row r="265761" spans="14:14">
      <c r="N265761" s="10"/>
    </row>
    <row r="265762" spans="14:14">
      <c r="N265762" s="10"/>
    </row>
    <row r="265763" spans="14:14">
      <c r="N265763" s="10"/>
    </row>
    <row r="265764" spans="14:14">
      <c r="N265764" s="10"/>
    </row>
    <row r="265765" spans="14:14">
      <c r="N265765" s="10"/>
    </row>
    <row r="265766" spans="14:14">
      <c r="N265766" s="10"/>
    </row>
    <row r="265767" spans="14:14">
      <c r="N265767" s="10"/>
    </row>
    <row r="265768" spans="14:14">
      <c r="N265768" s="10"/>
    </row>
    <row r="265769" spans="14:14">
      <c r="N265769" s="10"/>
    </row>
    <row r="265770" spans="14:14">
      <c r="N265770" s="10"/>
    </row>
    <row r="265771" spans="14:14">
      <c r="N265771" s="10"/>
    </row>
    <row r="265772" spans="14:14">
      <c r="N265772" s="10"/>
    </row>
    <row r="265773" spans="14:14">
      <c r="N265773" s="10"/>
    </row>
    <row r="265774" spans="14:14">
      <c r="N265774" s="10"/>
    </row>
    <row r="265775" spans="14:14">
      <c r="N265775" s="10"/>
    </row>
    <row r="265776" spans="14:14">
      <c r="N265776" s="10"/>
    </row>
    <row r="265777" spans="14:14">
      <c r="N265777" s="10"/>
    </row>
    <row r="265778" spans="14:14">
      <c r="N265778" s="10"/>
    </row>
    <row r="265779" spans="14:14">
      <c r="N265779" s="10"/>
    </row>
    <row r="265780" spans="14:14">
      <c r="N265780" s="10"/>
    </row>
    <row r="265781" spans="14:14">
      <c r="N265781" s="10"/>
    </row>
    <row r="265782" spans="14:14">
      <c r="N265782" s="10"/>
    </row>
    <row r="265783" spans="14:14">
      <c r="N265783" s="10"/>
    </row>
    <row r="265784" spans="14:14">
      <c r="N265784" s="10"/>
    </row>
    <row r="265785" spans="14:14">
      <c r="N265785" s="10"/>
    </row>
    <row r="265786" spans="14:14">
      <c r="N265786" s="10"/>
    </row>
    <row r="265787" spans="14:14">
      <c r="N265787" s="10"/>
    </row>
    <row r="265788" spans="14:14">
      <c r="N265788" s="10"/>
    </row>
    <row r="265789" spans="14:14">
      <c r="N265789" s="10"/>
    </row>
    <row r="265790" spans="14:14">
      <c r="N265790" s="10"/>
    </row>
    <row r="265791" spans="14:14">
      <c r="N265791" s="10"/>
    </row>
    <row r="265792" spans="14:14">
      <c r="N265792" s="10"/>
    </row>
    <row r="265793" spans="14:14">
      <c r="N265793" s="10"/>
    </row>
    <row r="265794" spans="14:14">
      <c r="N265794" s="10"/>
    </row>
    <row r="265795" spans="14:14">
      <c r="N265795" s="10"/>
    </row>
    <row r="265796" spans="14:14">
      <c r="N265796" s="10"/>
    </row>
    <row r="265797" spans="14:14">
      <c r="N265797" s="10"/>
    </row>
    <row r="265798" spans="14:14">
      <c r="N265798" s="10"/>
    </row>
    <row r="265799" spans="14:14">
      <c r="N265799" s="10"/>
    </row>
    <row r="265800" spans="14:14">
      <c r="N265800" s="10"/>
    </row>
    <row r="265801" spans="14:14">
      <c r="N265801" s="10"/>
    </row>
    <row r="265802" spans="14:14">
      <c r="N265802" s="10"/>
    </row>
    <row r="265803" spans="14:14">
      <c r="N265803" s="10"/>
    </row>
    <row r="265804" spans="14:14">
      <c r="N265804" s="10"/>
    </row>
    <row r="265805" spans="14:14">
      <c r="N265805" s="10"/>
    </row>
    <row r="265806" spans="14:14">
      <c r="N265806" s="10"/>
    </row>
    <row r="265807" spans="14:14">
      <c r="N265807" s="10"/>
    </row>
    <row r="265808" spans="14:14">
      <c r="N265808" s="10"/>
    </row>
    <row r="265809" spans="14:14">
      <c r="N265809" s="10"/>
    </row>
    <row r="265810" spans="14:14">
      <c r="N265810" s="10"/>
    </row>
    <row r="265811" spans="14:14">
      <c r="N265811" s="10"/>
    </row>
    <row r="265812" spans="14:14">
      <c r="N265812" s="10"/>
    </row>
    <row r="265813" spans="14:14">
      <c r="N265813" s="10"/>
    </row>
    <row r="265814" spans="14:14">
      <c r="N265814" s="10"/>
    </row>
    <row r="265815" spans="14:14">
      <c r="N265815" s="10"/>
    </row>
    <row r="265816" spans="14:14">
      <c r="N265816" s="10"/>
    </row>
    <row r="265817" spans="14:14">
      <c r="N265817" s="10"/>
    </row>
    <row r="265818" spans="14:14">
      <c r="N265818" s="10"/>
    </row>
    <row r="265819" spans="14:14">
      <c r="N265819" s="10"/>
    </row>
    <row r="265820" spans="14:14">
      <c r="N265820" s="10"/>
    </row>
    <row r="265821" spans="14:14">
      <c r="N265821" s="10"/>
    </row>
    <row r="265822" spans="14:14">
      <c r="N265822" s="10"/>
    </row>
    <row r="265823" spans="14:14">
      <c r="N265823" s="10"/>
    </row>
    <row r="265824" spans="14:14">
      <c r="N265824" s="10"/>
    </row>
    <row r="265825" spans="14:14">
      <c r="N265825" s="10"/>
    </row>
    <row r="265826" spans="14:14">
      <c r="N265826" s="10"/>
    </row>
    <row r="265827" spans="14:14">
      <c r="N265827" s="10"/>
    </row>
    <row r="265828" spans="14:14">
      <c r="N265828" s="10"/>
    </row>
    <row r="265829" spans="14:14">
      <c r="N265829" s="10"/>
    </row>
    <row r="265830" spans="14:14">
      <c r="N265830" s="10"/>
    </row>
    <row r="265831" spans="14:14">
      <c r="N265831" s="10"/>
    </row>
    <row r="265832" spans="14:14">
      <c r="N265832" s="10"/>
    </row>
    <row r="265833" spans="14:14">
      <c r="N265833" s="10"/>
    </row>
    <row r="265834" spans="14:14">
      <c r="N265834" s="10"/>
    </row>
    <row r="265835" spans="14:14">
      <c r="N265835" s="10"/>
    </row>
    <row r="265836" spans="14:14">
      <c r="N265836" s="10"/>
    </row>
    <row r="265837" spans="14:14">
      <c r="N265837" s="10"/>
    </row>
    <row r="265838" spans="14:14">
      <c r="N265838" s="10"/>
    </row>
    <row r="265839" spans="14:14">
      <c r="N265839" s="10"/>
    </row>
    <row r="265840" spans="14:14">
      <c r="N265840" s="10"/>
    </row>
    <row r="265841" spans="14:14">
      <c r="N265841" s="10"/>
    </row>
    <row r="265842" spans="14:14">
      <c r="N265842" s="10"/>
    </row>
    <row r="265843" spans="14:14">
      <c r="N265843" s="10"/>
    </row>
    <row r="265844" spans="14:14">
      <c r="N265844" s="10"/>
    </row>
    <row r="265845" spans="14:14">
      <c r="N265845" s="10"/>
    </row>
    <row r="265846" spans="14:14">
      <c r="N265846" s="10"/>
    </row>
    <row r="265847" spans="14:14">
      <c r="N265847" s="10"/>
    </row>
    <row r="265848" spans="14:14">
      <c r="N265848" s="10"/>
    </row>
    <row r="265849" spans="14:14">
      <c r="N265849" s="10"/>
    </row>
    <row r="265850" spans="14:14">
      <c r="N265850" s="10"/>
    </row>
    <row r="265851" spans="14:14">
      <c r="N265851" s="10"/>
    </row>
    <row r="265852" spans="14:14">
      <c r="N265852" s="10"/>
    </row>
    <row r="265853" spans="14:14">
      <c r="N265853" s="10"/>
    </row>
    <row r="265854" spans="14:14">
      <c r="N265854" s="10"/>
    </row>
    <row r="265855" spans="14:14">
      <c r="N265855" s="10"/>
    </row>
    <row r="265856" spans="14:14">
      <c r="N265856" s="10"/>
    </row>
    <row r="265857" spans="14:14">
      <c r="N265857" s="10"/>
    </row>
    <row r="265858" spans="14:14">
      <c r="N265858" s="10"/>
    </row>
    <row r="265859" spans="14:14">
      <c r="N265859" s="10"/>
    </row>
    <row r="265860" spans="14:14">
      <c r="N265860" s="10"/>
    </row>
    <row r="265861" spans="14:14">
      <c r="N265861" s="10"/>
    </row>
    <row r="265862" spans="14:14">
      <c r="N265862" s="10"/>
    </row>
    <row r="265863" spans="14:14">
      <c r="N265863" s="10"/>
    </row>
    <row r="265864" spans="14:14">
      <c r="N265864" s="10"/>
    </row>
    <row r="265865" spans="14:14">
      <c r="N265865" s="10"/>
    </row>
    <row r="265866" spans="14:14">
      <c r="N265866" s="10"/>
    </row>
    <row r="265867" spans="14:14">
      <c r="N265867" s="10"/>
    </row>
    <row r="265868" spans="14:14">
      <c r="N265868" s="10"/>
    </row>
    <row r="265869" spans="14:14">
      <c r="N265869" s="10"/>
    </row>
    <row r="265870" spans="14:14">
      <c r="N265870" s="10"/>
    </row>
    <row r="265871" spans="14:14">
      <c r="N265871" s="10"/>
    </row>
    <row r="265872" spans="14:14">
      <c r="N265872" s="10"/>
    </row>
    <row r="265873" spans="14:14">
      <c r="N265873" s="10"/>
    </row>
    <row r="265874" spans="14:14">
      <c r="N265874" s="10"/>
    </row>
    <row r="265875" spans="14:14">
      <c r="N265875" s="10"/>
    </row>
    <row r="265876" spans="14:14">
      <c r="N265876" s="10"/>
    </row>
    <row r="265877" spans="14:14">
      <c r="N265877" s="10"/>
    </row>
    <row r="265878" spans="14:14">
      <c r="N265878" s="10"/>
    </row>
    <row r="265879" spans="14:14">
      <c r="N265879" s="10"/>
    </row>
    <row r="265880" spans="14:14">
      <c r="N265880" s="10"/>
    </row>
    <row r="265881" spans="14:14">
      <c r="N265881" s="10"/>
    </row>
    <row r="265882" spans="14:14">
      <c r="N265882" s="10"/>
    </row>
    <row r="265883" spans="14:14">
      <c r="N265883" s="10"/>
    </row>
    <row r="265884" spans="14:14">
      <c r="N265884" s="10"/>
    </row>
    <row r="265885" spans="14:14">
      <c r="N265885" s="10"/>
    </row>
    <row r="265886" spans="14:14">
      <c r="N265886" s="10"/>
    </row>
    <row r="265887" spans="14:14">
      <c r="N265887" s="10"/>
    </row>
    <row r="265888" spans="14:14">
      <c r="N265888" s="10"/>
    </row>
    <row r="265889" spans="14:14">
      <c r="N265889" s="10"/>
    </row>
    <row r="265890" spans="14:14">
      <c r="N265890" s="10"/>
    </row>
    <row r="265891" spans="14:14">
      <c r="N265891" s="10"/>
    </row>
    <row r="265892" spans="14:14">
      <c r="N265892" s="10"/>
    </row>
    <row r="265893" spans="14:14">
      <c r="N265893" s="10"/>
    </row>
    <row r="265894" spans="14:14">
      <c r="N265894" s="10"/>
    </row>
    <row r="265895" spans="14:14">
      <c r="N265895" s="10"/>
    </row>
    <row r="265896" spans="14:14">
      <c r="N265896" s="10"/>
    </row>
    <row r="265897" spans="14:14">
      <c r="N265897" s="10"/>
    </row>
    <row r="265898" spans="14:14">
      <c r="N265898" s="10"/>
    </row>
    <row r="265899" spans="14:14">
      <c r="N265899" s="10"/>
    </row>
    <row r="265900" spans="14:14">
      <c r="N265900" s="10"/>
    </row>
    <row r="265901" spans="14:14">
      <c r="N265901" s="10"/>
    </row>
    <row r="265902" spans="14:14">
      <c r="N265902" s="10"/>
    </row>
    <row r="265903" spans="14:14">
      <c r="N265903" s="10"/>
    </row>
    <row r="265904" spans="14:14">
      <c r="N265904" s="10"/>
    </row>
    <row r="265905" spans="14:14">
      <c r="N265905" s="10"/>
    </row>
    <row r="265906" spans="14:14">
      <c r="N265906" s="10"/>
    </row>
    <row r="265907" spans="14:14">
      <c r="N265907" s="10"/>
    </row>
    <row r="265908" spans="14:14">
      <c r="N265908" s="10"/>
    </row>
    <row r="265909" spans="14:14">
      <c r="N265909" s="10"/>
    </row>
    <row r="265910" spans="14:14">
      <c r="N265910" s="10"/>
    </row>
    <row r="265911" spans="14:14">
      <c r="N265911" s="10"/>
    </row>
    <row r="265912" spans="14:14">
      <c r="N265912" s="10"/>
    </row>
    <row r="265913" spans="14:14">
      <c r="N265913" s="10"/>
    </row>
    <row r="265914" spans="14:14">
      <c r="N265914" s="10"/>
    </row>
    <row r="265915" spans="14:14">
      <c r="N265915" s="10"/>
    </row>
    <row r="265916" spans="14:14">
      <c r="N265916" s="10"/>
    </row>
    <row r="265917" spans="14:14">
      <c r="N265917" s="10"/>
    </row>
    <row r="265918" spans="14:14">
      <c r="N265918" s="10"/>
    </row>
    <row r="265919" spans="14:14">
      <c r="N265919" s="10"/>
    </row>
    <row r="265920" spans="14:14">
      <c r="N265920" s="10"/>
    </row>
    <row r="265921" spans="14:14">
      <c r="N265921" s="10"/>
    </row>
    <row r="265922" spans="14:14">
      <c r="N265922" s="10"/>
    </row>
    <row r="265923" spans="14:14">
      <c r="N265923" s="10"/>
    </row>
    <row r="265924" spans="14:14">
      <c r="N265924" s="10"/>
    </row>
    <row r="265925" spans="14:14">
      <c r="N265925" s="10"/>
    </row>
    <row r="265926" spans="14:14">
      <c r="N265926" s="10"/>
    </row>
    <row r="265927" spans="14:14">
      <c r="N265927" s="10"/>
    </row>
    <row r="265928" spans="14:14">
      <c r="N265928" s="10"/>
    </row>
    <row r="265929" spans="14:14">
      <c r="N265929" s="10"/>
    </row>
    <row r="265930" spans="14:14">
      <c r="N265930" s="10"/>
    </row>
    <row r="265931" spans="14:14">
      <c r="N265931" s="10"/>
    </row>
    <row r="265932" spans="14:14">
      <c r="N265932" s="10"/>
    </row>
    <row r="265933" spans="14:14">
      <c r="N265933" s="10"/>
    </row>
    <row r="265934" spans="14:14">
      <c r="N265934" s="10"/>
    </row>
    <row r="265935" spans="14:14">
      <c r="N265935" s="10"/>
    </row>
    <row r="265936" spans="14:14">
      <c r="N265936" s="10"/>
    </row>
    <row r="265937" spans="14:14">
      <c r="N265937" s="10"/>
    </row>
    <row r="265938" spans="14:14">
      <c r="N265938" s="10"/>
    </row>
    <row r="265939" spans="14:14">
      <c r="N265939" s="10"/>
    </row>
    <row r="265940" spans="14:14">
      <c r="N265940" s="10"/>
    </row>
    <row r="265941" spans="14:14">
      <c r="N265941" s="10"/>
    </row>
    <row r="265942" spans="14:14">
      <c r="N265942" s="10"/>
    </row>
    <row r="265943" spans="14:14">
      <c r="N265943" s="10"/>
    </row>
    <row r="265944" spans="14:14">
      <c r="N265944" s="10"/>
    </row>
    <row r="265945" spans="14:14">
      <c r="N265945" s="10"/>
    </row>
    <row r="265946" spans="14:14">
      <c r="N265946" s="10"/>
    </row>
    <row r="265947" spans="14:14">
      <c r="N265947" s="10"/>
    </row>
    <row r="265948" spans="14:14">
      <c r="N265948" s="10"/>
    </row>
    <row r="265949" spans="14:14">
      <c r="N265949" s="10"/>
    </row>
    <row r="265950" spans="14:14">
      <c r="N265950" s="10"/>
    </row>
    <row r="265951" spans="14:14">
      <c r="N265951" s="10"/>
    </row>
    <row r="265952" spans="14:14">
      <c r="N265952" s="10"/>
    </row>
    <row r="265953" spans="14:14">
      <c r="N265953" s="10"/>
    </row>
    <row r="265954" spans="14:14">
      <c r="N265954" s="10"/>
    </row>
    <row r="265955" spans="14:14">
      <c r="N265955" s="10"/>
    </row>
    <row r="265956" spans="14:14">
      <c r="N265956" s="10"/>
    </row>
    <row r="265957" spans="14:14">
      <c r="N265957" s="10"/>
    </row>
    <row r="265958" spans="14:14">
      <c r="N265958" s="10"/>
    </row>
    <row r="265959" spans="14:14">
      <c r="N265959" s="10"/>
    </row>
    <row r="265960" spans="14:14">
      <c r="N265960" s="10"/>
    </row>
    <row r="265961" spans="14:14">
      <c r="N265961" s="10"/>
    </row>
    <row r="265962" spans="14:14">
      <c r="N265962" s="10"/>
    </row>
    <row r="265963" spans="14:14">
      <c r="N265963" s="10"/>
    </row>
    <row r="265964" spans="14:14">
      <c r="N265964" s="10"/>
    </row>
    <row r="265965" spans="14:14">
      <c r="N265965" s="10"/>
    </row>
    <row r="265966" spans="14:14">
      <c r="N265966" s="10"/>
    </row>
    <row r="265967" spans="14:14">
      <c r="N265967" s="10"/>
    </row>
    <row r="265968" spans="14:14">
      <c r="N265968" s="10"/>
    </row>
    <row r="265969" spans="14:14">
      <c r="N265969" s="10"/>
    </row>
    <row r="265970" spans="14:14">
      <c r="N265970" s="10"/>
    </row>
    <row r="265971" spans="14:14">
      <c r="N265971" s="10"/>
    </row>
    <row r="265972" spans="14:14">
      <c r="N265972" s="10"/>
    </row>
    <row r="265973" spans="14:14">
      <c r="N265973" s="10"/>
    </row>
    <row r="265974" spans="14:14">
      <c r="N265974" s="10"/>
    </row>
    <row r="265975" spans="14:14">
      <c r="N265975" s="10"/>
    </row>
    <row r="265976" spans="14:14">
      <c r="N265976" s="10"/>
    </row>
    <row r="265977" spans="14:14">
      <c r="N265977" s="10"/>
    </row>
    <row r="265978" spans="14:14">
      <c r="N265978" s="10"/>
    </row>
    <row r="265979" spans="14:14">
      <c r="N265979" s="10"/>
    </row>
    <row r="265980" spans="14:14">
      <c r="N265980" s="10"/>
    </row>
    <row r="265981" spans="14:14">
      <c r="N265981" s="10"/>
    </row>
    <row r="265982" spans="14:14">
      <c r="N265982" s="10"/>
    </row>
    <row r="265983" spans="14:14">
      <c r="N265983" s="10"/>
    </row>
    <row r="265984" spans="14:14">
      <c r="N265984" s="10"/>
    </row>
    <row r="265985" spans="14:14">
      <c r="N265985" s="10"/>
    </row>
    <row r="265986" spans="14:14">
      <c r="N265986" s="10"/>
    </row>
    <row r="265987" spans="14:14">
      <c r="N265987" s="10"/>
    </row>
    <row r="265988" spans="14:14">
      <c r="N265988" s="10"/>
    </row>
    <row r="265989" spans="14:14">
      <c r="N265989" s="10"/>
    </row>
    <row r="265990" spans="14:14">
      <c r="N265990" s="10"/>
    </row>
    <row r="265991" spans="14:14">
      <c r="N265991" s="10"/>
    </row>
    <row r="265992" spans="14:14">
      <c r="N265992" s="10"/>
    </row>
    <row r="265993" spans="14:14">
      <c r="N265993" s="10"/>
    </row>
    <row r="265994" spans="14:14">
      <c r="N265994" s="10"/>
    </row>
    <row r="265995" spans="14:14">
      <c r="N265995" s="10"/>
    </row>
    <row r="265996" spans="14:14">
      <c r="N265996" s="10"/>
    </row>
    <row r="265997" spans="14:14">
      <c r="N265997" s="10"/>
    </row>
    <row r="265998" spans="14:14">
      <c r="N265998" s="10"/>
    </row>
    <row r="265999" spans="14:14">
      <c r="N265999" s="10"/>
    </row>
    <row r="266000" spans="14:14">
      <c r="N266000" s="10"/>
    </row>
    <row r="266001" spans="14:14">
      <c r="N266001" s="10"/>
    </row>
    <row r="266002" spans="14:14">
      <c r="N266002" s="10"/>
    </row>
    <row r="266003" spans="14:14">
      <c r="N266003" s="10"/>
    </row>
    <row r="266004" spans="14:14">
      <c r="N266004" s="10"/>
    </row>
    <row r="266005" spans="14:14">
      <c r="N266005" s="10"/>
    </row>
    <row r="266006" spans="14:14">
      <c r="N266006" s="10"/>
    </row>
    <row r="266007" spans="14:14">
      <c r="N266007" s="10"/>
    </row>
    <row r="266008" spans="14:14">
      <c r="N266008" s="10"/>
    </row>
    <row r="266009" spans="14:14">
      <c r="N266009" s="10"/>
    </row>
    <row r="266010" spans="14:14">
      <c r="N266010" s="10"/>
    </row>
    <row r="266011" spans="14:14">
      <c r="N266011" s="10"/>
    </row>
    <row r="266012" spans="14:14">
      <c r="N266012" s="10"/>
    </row>
    <row r="266013" spans="14:14">
      <c r="N266013" s="10"/>
    </row>
    <row r="266014" spans="14:14">
      <c r="N266014" s="10"/>
    </row>
    <row r="266015" spans="14:14">
      <c r="N266015" s="10"/>
    </row>
    <row r="266016" spans="14:14">
      <c r="N266016" s="10"/>
    </row>
    <row r="266017" spans="14:14">
      <c r="N266017" s="10"/>
    </row>
    <row r="266018" spans="14:14">
      <c r="N266018" s="10"/>
    </row>
    <row r="266019" spans="14:14">
      <c r="N266019" s="10"/>
    </row>
    <row r="266020" spans="14:14">
      <c r="N266020" s="10"/>
    </row>
    <row r="266021" spans="14:14">
      <c r="N266021" s="10"/>
    </row>
    <row r="266022" spans="14:14">
      <c r="N266022" s="10"/>
    </row>
    <row r="266023" spans="14:14">
      <c r="N266023" s="10"/>
    </row>
    <row r="266024" spans="14:14">
      <c r="N266024" s="10"/>
    </row>
    <row r="266025" spans="14:14">
      <c r="N266025" s="10"/>
    </row>
    <row r="266026" spans="14:14">
      <c r="N266026" s="10"/>
    </row>
    <row r="266027" spans="14:14">
      <c r="N266027" s="10"/>
    </row>
    <row r="266028" spans="14:14">
      <c r="N266028" s="10"/>
    </row>
    <row r="266029" spans="14:14">
      <c r="N266029" s="10"/>
    </row>
    <row r="266030" spans="14:14">
      <c r="N266030" s="10"/>
    </row>
    <row r="266031" spans="14:14">
      <c r="N266031" s="10"/>
    </row>
    <row r="266032" spans="14:14">
      <c r="N266032" s="10"/>
    </row>
    <row r="266033" spans="14:14">
      <c r="N266033" s="10"/>
    </row>
    <row r="266034" spans="14:14">
      <c r="N266034" s="10"/>
    </row>
    <row r="266035" spans="14:14">
      <c r="N266035" s="10"/>
    </row>
    <row r="266036" spans="14:14">
      <c r="N266036" s="10"/>
    </row>
    <row r="266037" spans="14:14">
      <c r="N266037" s="10"/>
    </row>
    <row r="266038" spans="14:14">
      <c r="N266038" s="10"/>
    </row>
    <row r="266039" spans="14:14">
      <c r="N266039" s="10"/>
    </row>
    <row r="266040" spans="14:14">
      <c r="N266040" s="10"/>
    </row>
    <row r="266041" spans="14:14">
      <c r="N266041" s="10"/>
    </row>
    <row r="266042" spans="14:14">
      <c r="N266042" s="10"/>
    </row>
    <row r="266043" spans="14:14">
      <c r="N266043" s="10"/>
    </row>
    <row r="266044" spans="14:14">
      <c r="N266044" s="10"/>
    </row>
    <row r="266045" spans="14:14">
      <c r="N266045" s="10"/>
    </row>
    <row r="266046" spans="14:14">
      <c r="N266046" s="10"/>
    </row>
    <row r="266047" spans="14:14">
      <c r="N266047" s="10"/>
    </row>
    <row r="266048" spans="14:14">
      <c r="N266048" s="10"/>
    </row>
    <row r="266049" spans="14:14">
      <c r="N266049" s="10"/>
    </row>
    <row r="266050" spans="14:14">
      <c r="N266050" s="10"/>
    </row>
    <row r="266051" spans="14:14">
      <c r="N266051" s="10"/>
    </row>
    <row r="266052" spans="14:14">
      <c r="N266052" s="10"/>
    </row>
    <row r="266053" spans="14:14">
      <c r="N266053" s="10"/>
    </row>
    <row r="266054" spans="14:14">
      <c r="N266054" s="10"/>
    </row>
    <row r="266055" spans="14:14">
      <c r="N266055" s="10"/>
    </row>
    <row r="266056" spans="14:14">
      <c r="N266056" s="10"/>
    </row>
    <row r="266057" spans="14:14">
      <c r="N266057" s="10"/>
    </row>
    <row r="266058" spans="14:14">
      <c r="N266058" s="10"/>
    </row>
    <row r="266059" spans="14:14">
      <c r="N266059" s="10"/>
    </row>
    <row r="266060" spans="14:14">
      <c r="N266060" s="10"/>
    </row>
    <row r="266061" spans="14:14">
      <c r="N266061" s="10"/>
    </row>
    <row r="266062" spans="14:14">
      <c r="N266062" s="10"/>
    </row>
    <row r="266063" spans="14:14">
      <c r="N266063" s="10"/>
    </row>
    <row r="266064" spans="14:14">
      <c r="N266064" s="10"/>
    </row>
    <row r="266065" spans="14:14">
      <c r="N266065" s="10"/>
    </row>
    <row r="266066" spans="14:14">
      <c r="N266066" s="10"/>
    </row>
    <row r="266067" spans="14:14">
      <c r="N266067" s="10"/>
    </row>
    <row r="266068" spans="14:14">
      <c r="N266068" s="10"/>
    </row>
    <row r="266069" spans="14:14">
      <c r="N266069" s="10"/>
    </row>
    <row r="266070" spans="14:14">
      <c r="N266070" s="10"/>
    </row>
    <row r="266071" spans="14:14">
      <c r="N266071" s="10"/>
    </row>
    <row r="266072" spans="14:14">
      <c r="N266072" s="10"/>
    </row>
    <row r="266073" spans="14:14">
      <c r="N266073" s="10"/>
    </row>
    <row r="266074" spans="14:14">
      <c r="N266074" s="10"/>
    </row>
    <row r="266075" spans="14:14">
      <c r="N266075" s="10"/>
    </row>
    <row r="266076" spans="14:14">
      <c r="N266076" s="10"/>
    </row>
    <row r="266077" spans="14:14">
      <c r="N266077" s="10"/>
    </row>
    <row r="266078" spans="14:14">
      <c r="N266078" s="10"/>
    </row>
    <row r="266079" spans="14:14">
      <c r="N266079" s="10"/>
    </row>
    <row r="266080" spans="14:14">
      <c r="N266080" s="10"/>
    </row>
    <row r="266081" spans="14:14">
      <c r="N266081" s="10"/>
    </row>
    <row r="266082" spans="14:14">
      <c r="N266082" s="10"/>
    </row>
    <row r="266083" spans="14:14">
      <c r="N266083" s="10"/>
    </row>
    <row r="266084" spans="14:14">
      <c r="N266084" s="10"/>
    </row>
    <row r="266085" spans="14:14">
      <c r="N266085" s="10"/>
    </row>
    <row r="266086" spans="14:14">
      <c r="N266086" s="10"/>
    </row>
    <row r="266087" spans="14:14">
      <c r="N266087" s="10"/>
    </row>
    <row r="266088" spans="14:14">
      <c r="N266088" s="10"/>
    </row>
    <row r="266089" spans="14:14">
      <c r="N266089" s="10"/>
    </row>
    <row r="266090" spans="14:14">
      <c r="N266090" s="10"/>
    </row>
    <row r="266091" spans="14:14">
      <c r="N266091" s="10"/>
    </row>
    <row r="266092" spans="14:14">
      <c r="N266092" s="10"/>
    </row>
    <row r="266093" spans="14:14">
      <c r="N266093" s="10"/>
    </row>
    <row r="266094" spans="14:14">
      <c r="N266094" s="10"/>
    </row>
    <row r="266095" spans="14:14">
      <c r="N266095" s="10"/>
    </row>
    <row r="266096" spans="14:14">
      <c r="N266096" s="10"/>
    </row>
    <row r="266097" spans="14:14">
      <c r="N266097" s="10"/>
    </row>
    <row r="266098" spans="14:14">
      <c r="N266098" s="10"/>
    </row>
    <row r="266099" spans="14:14">
      <c r="N266099" s="10"/>
    </row>
    <row r="266100" spans="14:14">
      <c r="N266100" s="10"/>
    </row>
    <row r="266101" spans="14:14">
      <c r="N266101" s="10"/>
    </row>
    <row r="266102" spans="14:14">
      <c r="N266102" s="10"/>
    </row>
    <row r="266103" spans="14:14">
      <c r="N266103" s="10"/>
    </row>
    <row r="266104" spans="14:14">
      <c r="N266104" s="10"/>
    </row>
    <row r="266105" spans="14:14">
      <c r="N266105" s="10"/>
    </row>
    <row r="266106" spans="14:14">
      <c r="N266106" s="10"/>
    </row>
    <row r="266107" spans="14:14">
      <c r="N266107" s="10"/>
    </row>
    <row r="266108" spans="14:14">
      <c r="N266108" s="10"/>
    </row>
    <row r="266109" spans="14:14">
      <c r="N266109" s="10"/>
    </row>
    <row r="266110" spans="14:14">
      <c r="N266110" s="10"/>
    </row>
    <row r="266111" spans="14:14">
      <c r="N266111" s="10"/>
    </row>
    <row r="266112" spans="14:14">
      <c r="N266112" s="10"/>
    </row>
    <row r="266113" spans="14:14">
      <c r="N266113" s="10"/>
    </row>
    <row r="266114" spans="14:14">
      <c r="N266114" s="10"/>
    </row>
    <row r="266115" spans="14:14">
      <c r="N266115" s="10"/>
    </row>
    <row r="266116" spans="14:14">
      <c r="N266116" s="10"/>
    </row>
    <row r="266117" spans="14:14">
      <c r="N266117" s="10"/>
    </row>
    <row r="266118" spans="14:14">
      <c r="N266118" s="10"/>
    </row>
    <row r="266119" spans="14:14">
      <c r="N266119" s="10"/>
    </row>
    <row r="266120" spans="14:14">
      <c r="N266120" s="10"/>
    </row>
    <row r="266121" spans="14:14">
      <c r="N266121" s="10"/>
    </row>
    <row r="266122" spans="14:14">
      <c r="N266122" s="10"/>
    </row>
    <row r="266123" spans="14:14">
      <c r="N266123" s="10"/>
    </row>
    <row r="266124" spans="14:14">
      <c r="N266124" s="10"/>
    </row>
    <row r="266125" spans="14:14">
      <c r="N266125" s="10"/>
    </row>
    <row r="266126" spans="14:14">
      <c r="N266126" s="10"/>
    </row>
    <row r="266127" spans="14:14">
      <c r="N266127" s="10"/>
    </row>
    <row r="266128" spans="14:14">
      <c r="N266128" s="10"/>
    </row>
    <row r="266129" spans="14:14">
      <c r="N266129" s="10"/>
    </row>
    <row r="266130" spans="14:14">
      <c r="N266130" s="10"/>
    </row>
    <row r="266131" spans="14:14">
      <c r="N266131" s="10"/>
    </row>
    <row r="266132" spans="14:14">
      <c r="N266132" s="10"/>
    </row>
    <row r="266133" spans="14:14">
      <c r="N266133" s="10"/>
    </row>
    <row r="266134" spans="14:14">
      <c r="N266134" s="10"/>
    </row>
    <row r="266135" spans="14:14">
      <c r="N266135" s="10"/>
    </row>
    <row r="266136" spans="14:14">
      <c r="N266136" s="10"/>
    </row>
    <row r="266137" spans="14:14">
      <c r="N266137" s="10"/>
    </row>
    <row r="266138" spans="14:14">
      <c r="N266138" s="10"/>
    </row>
    <row r="266139" spans="14:14">
      <c r="N266139" s="10"/>
    </row>
    <row r="266140" spans="14:14">
      <c r="N266140" s="10"/>
    </row>
    <row r="266141" spans="14:14">
      <c r="N266141" s="10"/>
    </row>
    <row r="266142" spans="14:14">
      <c r="N266142" s="10"/>
    </row>
    <row r="266143" spans="14:14">
      <c r="N266143" s="10"/>
    </row>
    <row r="266144" spans="14:14">
      <c r="N266144" s="10"/>
    </row>
    <row r="266145" spans="14:14">
      <c r="N266145" s="10"/>
    </row>
    <row r="266146" spans="14:14">
      <c r="N266146" s="10"/>
    </row>
    <row r="266147" spans="14:14">
      <c r="N266147" s="10"/>
    </row>
    <row r="266148" spans="14:14">
      <c r="N266148" s="10"/>
    </row>
    <row r="266149" spans="14:14">
      <c r="N266149" s="10"/>
    </row>
    <row r="266150" spans="14:14">
      <c r="N266150" s="10"/>
    </row>
    <row r="266151" spans="14:14">
      <c r="N266151" s="10"/>
    </row>
    <row r="266152" spans="14:14">
      <c r="N266152" s="10"/>
    </row>
    <row r="266153" spans="14:14">
      <c r="N266153" s="10"/>
    </row>
    <row r="266154" spans="14:14">
      <c r="N266154" s="10"/>
    </row>
    <row r="266155" spans="14:14">
      <c r="N266155" s="10"/>
    </row>
    <row r="266156" spans="14:14">
      <c r="N266156" s="10"/>
    </row>
    <row r="266157" spans="14:14">
      <c r="N266157" s="10"/>
    </row>
    <row r="266158" spans="14:14">
      <c r="N266158" s="10"/>
    </row>
    <row r="266159" spans="14:14">
      <c r="N266159" s="10"/>
    </row>
    <row r="266160" spans="14:14">
      <c r="N266160" s="10"/>
    </row>
    <row r="266161" spans="14:14">
      <c r="N266161" s="10"/>
    </row>
    <row r="266162" spans="14:14">
      <c r="N266162" s="10"/>
    </row>
    <row r="266163" spans="14:14">
      <c r="N266163" s="10"/>
    </row>
    <row r="266164" spans="14:14">
      <c r="N266164" s="10"/>
    </row>
    <row r="266165" spans="14:14">
      <c r="N266165" s="10"/>
    </row>
    <row r="266166" spans="14:14">
      <c r="N266166" s="10"/>
    </row>
    <row r="266167" spans="14:14">
      <c r="N266167" s="10"/>
    </row>
    <row r="266168" spans="14:14">
      <c r="N266168" s="10"/>
    </row>
    <row r="266169" spans="14:14">
      <c r="N266169" s="10"/>
    </row>
    <row r="266170" spans="14:14">
      <c r="N266170" s="10"/>
    </row>
    <row r="266171" spans="14:14">
      <c r="N266171" s="10"/>
    </row>
    <row r="266172" spans="14:14">
      <c r="N266172" s="10"/>
    </row>
    <row r="266173" spans="14:14">
      <c r="N266173" s="10"/>
    </row>
    <row r="266174" spans="14:14">
      <c r="N266174" s="10"/>
    </row>
    <row r="266175" spans="14:14">
      <c r="N266175" s="10"/>
    </row>
    <row r="266176" spans="14:14">
      <c r="N266176" s="10"/>
    </row>
    <row r="266177" spans="14:14">
      <c r="N266177" s="10"/>
    </row>
    <row r="266178" spans="14:14">
      <c r="N266178" s="10"/>
    </row>
    <row r="266179" spans="14:14">
      <c r="N266179" s="10"/>
    </row>
    <row r="266180" spans="14:14">
      <c r="N266180" s="10"/>
    </row>
    <row r="266181" spans="14:14">
      <c r="N266181" s="10"/>
    </row>
    <row r="266182" spans="14:14">
      <c r="N266182" s="10"/>
    </row>
    <row r="266183" spans="14:14">
      <c r="N266183" s="10"/>
    </row>
    <row r="266184" spans="14:14">
      <c r="N266184" s="10"/>
    </row>
    <row r="266185" spans="14:14">
      <c r="N266185" s="10"/>
    </row>
    <row r="266186" spans="14:14">
      <c r="N266186" s="10"/>
    </row>
    <row r="266187" spans="14:14">
      <c r="N266187" s="10"/>
    </row>
    <row r="266188" spans="14:14">
      <c r="N266188" s="10"/>
    </row>
    <row r="266189" spans="14:14">
      <c r="N266189" s="10"/>
    </row>
    <row r="266190" spans="14:14">
      <c r="N266190" s="10"/>
    </row>
    <row r="266191" spans="14:14">
      <c r="N266191" s="10"/>
    </row>
    <row r="266192" spans="14:14">
      <c r="N266192" s="10"/>
    </row>
    <row r="266193" spans="14:14">
      <c r="N266193" s="10"/>
    </row>
    <row r="266194" spans="14:14">
      <c r="N266194" s="10"/>
    </row>
    <row r="266195" spans="14:14">
      <c r="N266195" s="10"/>
    </row>
    <row r="266196" spans="14:14">
      <c r="N266196" s="10"/>
    </row>
    <row r="266197" spans="14:14">
      <c r="N266197" s="10"/>
    </row>
    <row r="266198" spans="14:14">
      <c r="N266198" s="10"/>
    </row>
    <row r="266199" spans="14:14">
      <c r="N266199" s="10"/>
    </row>
    <row r="266200" spans="14:14">
      <c r="N266200" s="10"/>
    </row>
    <row r="266201" spans="14:14">
      <c r="N266201" s="10"/>
    </row>
    <row r="266202" spans="14:14">
      <c r="N266202" s="10"/>
    </row>
    <row r="266203" spans="14:14">
      <c r="N266203" s="10"/>
    </row>
    <row r="266204" spans="14:14">
      <c r="N266204" s="10"/>
    </row>
    <row r="266205" spans="14:14">
      <c r="N266205" s="10"/>
    </row>
    <row r="266206" spans="14:14">
      <c r="N266206" s="10"/>
    </row>
    <row r="266207" spans="14:14">
      <c r="N266207" s="10"/>
    </row>
    <row r="266208" spans="14:14">
      <c r="N266208" s="10"/>
    </row>
    <row r="266209" spans="14:14">
      <c r="N266209" s="10"/>
    </row>
    <row r="266210" spans="14:14">
      <c r="N266210" s="10"/>
    </row>
    <row r="266211" spans="14:14">
      <c r="N266211" s="10"/>
    </row>
    <row r="266212" spans="14:14">
      <c r="N266212" s="10"/>
    </row>
    <row r="266213" spans="14:14">
      <c r="N266213" s="10"/>
    </row>
    <row r="266214" spans="14:14">
      <c r="N266214" s="10"/>
    </row>
    <row r="266215" spans="14:14">
      <c r="N266215" s="10"/>
    </row>
    <row r="266216" spans="14:14">
      <c r="N266216" s="10"/>
    </row>
    <row r="266217" spans="14:14">
      <c r="N266217" s="10"/>
    </row>
    <row r="266218" spans="14:14">
      <c r="N266218" s="10"/>
    </row>
    <row r="266219" spans="14:14">
      <c r="N266219" s="10"/>
    </row>
    <row r="266220" spans="14:14">
      <c r="N266220" s="10"/>
    </row>
    <row r="266221" spans="14:14">
      <c r="N266221" s="10"/>
    </row>
    <row r="266222" spans="14:14">
      <c r="N266222" s="10"/>
    </row>
    <row r="266223" spans="14:14">
      <c r="N266223" s="10"/>
    </row>
    <row r="266224" spans="14:14">
      <c r="N266224" s="10"/>
    </row>
    <row r="266225" spans="14:14">
      <c r="N266225" s="10"/>
    </row>
    <row r="266226" spans="14:14">
      <c r="N266226" s="10"/>
    </row>
    <row r="266227" spans="14:14">
      <c r="N266227" s="10"/>
    </row>
    <row r="266228" spans="14:14">
      <c r="N266228" s="10"/>
    </row>
    <row r="266229" spans="14:14">
      <c r="N266229" s="10"/>
    </row>
    <row r="266230" spans="14:14">
      <c r="N266230" s="10"/>
    </row>
    <row r="266231" spans="14:14">
      <c r="N266231" s="10"/>
    </row>
    <row r="266232" spans="14:14">
      <c r="N266232" s="10"/>
    </row>
    <row r="266233" spans="14:14">
      <c r="N266233" s="10"/>
    </row>
    <row r="266234" spans="14:14">
      <c r="N266234" s="10"/>
    </row>
    <row r="266235" spans="14:14">
      <c r="N266235" s="10"/>
    </row>
    <row r="266236" spans="14:14">
      <c r="N266236" s="10"/>
    </row>
    <row r="266237" spans="14:14">
      <c r="N266237" s="10"/>
    </row>
    <row r="266238" spans="14:14">
      <c r="N266238" s="10"/>
    </row>
    <row r="266239" spans="14:14">
      <c r="N266239" s="10"/>
    </row>
    <row r="266240" spans="14:14">
      <c r="N266240" s="10"/>
    </row>
    <row r="266241" spans="14:14">
      <c r="N266241" s="10"/>
    </row>
    <row r="266242" spans="14:14">
      <c r="N266242" s="10"/>
    </row>
    <row r="266243" spans="14:14">
      <c r="N266243" s="10"/>
    </row>
    <row r="266244" spans="14:14">
      <c r="N266244" s="10"/>
    </row>
    <row r="266245" spans="14:14">
      <c r="N266245" s="10"/>
    </row>
    <row r="266246" spans="14:14">
      <c r="N266246" s="10"/>
    </row>
    <row r="266247" spans="14:14">
      <c r="N266247" s="10"/>
    </row>
    <row r="266248" spans="14:14">
      <c r="N266248" s="10"/>
    </row>
    <row r="266249" spans="14:14">
      <c r="N266249" s="10"/>
    </row>
    <row r="266250" spans="14:14">
      <c r="N266250" s="10"/>
    </row>
    <row r="266251" spans="14:14">
      <c r="N266251" s="10"/>
    </row>
    <row r="266252" spans="14:14">
      <c r="N266252" s="10"/>
    </row>
    <row r="266253" spans="14:14">
      <c r="N266253" s="10"/>
    </row>
    <row r="266254" spans="14:14">
      <c r="N266254" s="10"/>
    </row>
    <row r="266255" spans="14:14">
      <c r="N266255" s="10"/>
    </row>
    <row r="266256" spans="14:14">
      <c r="N266256" s="10"/>
    </row>
    <row r="266257" spans="14:14">
      <c r="N266257" s="10"/>
    </row>
    <row r="266258" spans="14:14">
      <c r="N266258" s="10"/>
    </row>
    <row r="266259" spans="14:14">
      <c r="N266259" s="10"/>
    </row>
    <row r="266260" spans="14:14">
      <c r="N266260" s="10"/>
    </row>
    <row r="266261" spans="14:14">
      <c r="N266261" s="10"/>
    </row>
    <row r="266262" spans="14:14">
      <c r="N266262" s="10"/>
    </row>
    <row r="266263" spans="14:14">
      <c r="N266263" s="10"/>
    </row>
    <row r="266264" spans="14:14">
      <c r="N266264" s="10"/>
    </row>
    <row r="266265" spans="14:14">
      <c r="N266265" s="10"/>
    </row>
    <row r="266266" spans="14:14">
      <c r="N266266" s="10"/>
    </row>
    <row r="266267" spans="14:14">
      <c r="N266267" s="10"/>
    </row>
    <row r="266268" spans="14:14">
      <c r="N266268" s="10"/>
    </row>
    <row r="266269" spans="14:14">
      <c r="N266269" s="10"/>
    </row>
    <row r="266270" spans="14:14">
      <c r="N266270" s="10"/>
    </row>
    <row r="266271" spans="14:14">
      <c r="N266271" s="10"/>
    </row>
    <row r="266272" spans="14:14">
      <c r="N266272" s="10"/>
    </row>
    <row r="266273" spans="14:14">
      <c r="N266273" s="10"/>
    </row>
    <row r="266274" spans="14:14">
      <c r="N266274" s="10"/>
    </row>
    <row r="266275" spans="14:14">
      <c r="N266275" s="10"/>
    </row>
    <row r="266276" spans="14:14">
      <c r="N266276" s="10"/>
    </row>
    <row r="266277" spans="14:14">
      <c r="N266277" s="10"/>
    </row>
    <row r="266278" spans="14:14">
      <c r="N266278" s="10"/>
    </row>
    <row r="266279" spans="14:14">
      <c r="N266279" s="10"/>
    </row>
    <row r="266280" spans="14:14">
      <c r="N266280" s="10"/>
    </row>
    <row r="266281" spans="14:14">
      <c r="N266281" s="10"/>
    </row>
    <row r="266282" spans="14:14">
      <c r="N266282" s="10"/>
    </row>
    <row r="266283" spans="14:14">
      <c r="N266283" s="10"/>
    </row>
    <row r="266284" spans="14:14">
      <c r="N266284" s="10"/>
    </row>
    <row r="266285" spans="14:14">
      <c r="N266285" s="10"/>
    </row>
    <row r="266286" spans="14:14">
      <c r="N266286" s="10"/>
    </row>
    <row r="266287" spans="14:14">
      <c r="N266287" s="10"/>
    </row>
    <row r="266288" spans="14:14">
      <c r="N266288" s="10"/>
    </row>
    <row r="266289" spans="14:14">
      <c r="N266289" s="10"/>
    </row>
    <row r="266290" spans="14:14">
      <c r="N266290" s="10"/>
    </row>
    <row r="266291" spans="14:14">
      <c r="N266291" s="10"/>
    </row>
    <row r="266292" spans="14:14">
      <c r="N266292" s="10"/>
    </row>
    <row r="266293" spans="14:14">
      <c r="N266293" s="10"/>
    </row>
    <row r="266294" spans="14:14">
      <c r="N266294" s="10"/>
    </row>
    <row r="266295" spans="14:14">
      <c r="N266295" s="10"/>
    </row>
    <row r="266296" spans="14:14">
      <c r="N266296" s="10"/>
    </row>
    <row r="266297" spans="14:14">
      <c r="N266297" s="10"/>
    </row>
    <row r="266298" spans="14:14">
      <c r="N266298" s="10"/>
    </row>
    <row r="266299" spans="14:14">
      <c r="N266299" s="10"/>
    </row>
    <row r="266300" spans="14:14">
      <c r="N266300" s="10"/>
    </row>
    <row r="266301" spans="14:14">
      <c r="N266301" s="10"/>
    </row>
    <row r="266302" spans="14:14">
      <c r="N266302" s="10"/>
    </row>
    <row r="266303" spans="14:14">
      <c r="N266303" s="10"/>
    </row>
    <row r="266304" spans="14:14">
      <c r="N266304" s="10"/>
    </row>
    <row r="266305" spans="14:14">
      <c r="N266305" s="10"/>
    </row>
    <row r="266306" spans="14:14">
      <c r="N266306" s="10"/>
    </row>
    <row r="266307" spans="14:14">
      <c r="N266307" s="10"/>
    </row>
    <row r="266308" spans="14:14">
      <c r="N266308" s="10"/>
    </row>
    <row r="266309" spans="14:14">
      <c r="N266309" s="10"/>
    </row>
    <row r="266310" spans="14:14">
      <c r="N266310" s="10"/>
    </row>
    <row r="266311" spans="14:14">
      <c r="N266311" s="10"/>
    </row>
    <row r="266312" spans="14:14">
      <c r="N266312" s="10"/>
    </row>
    <row r="266313" spans="14:14">
      <c r="N266313" s="10"/>
    </row>
    <row r="266314" spans="14:14">
      <c r="N266314" s="10"/>
    </row>
    <row r="266315" spans="14:14">
      <c r="N266315" s="10"/>
    </row>
    <row r="266316" spans="14:14">
      <c r="N266316" s="10"/>
    </row>
    <row r="266317" spans="14:14">
      <c r="N266317" s="10"/>
    </row>
    <row r="266318" spans="14:14">
      <c r="N266318" s="10"/>
    </row>
    <row r="266319" spans="14:14">
      <c r="N266319" s="10"/>
    </row>
    <row r="266320" spans="14:14">
      <c r="N266320" s="10"/>
    </row>
    <row r="266321" spans="14:14">
      <c r="N266321" s="10"/>
    </row>
    <row r="266322" spans="14:14">
      <c r="N266322" s="10"/>
    </row>
    <row r="266323" spans="14:14">
      <c r="N266323" s="10"/>
    </row>
    <row r="266324" spans="14:14">
      <c r="N266324" s="10"/>
    </row>
    <row r="266325" spans="14:14">
      <c r="N266325" s="10"/>
    </row>
    <row r="266326" spans="14:14">
      <c r="N266326" s="10"/>
    </row>
    <row r="266327" spans="14:14">
      <c r="N266327" s="10"/>
    </row>
    <row r="266328" spans="14:14">
      <c r="N266328" s="10"/>
    </row>
    <row r="266329" spans="14:14">
      <c r="N266329" s="10"/>
    </row>
    <row r="266330" spans="14:14">
      <c r="N266330" s="10"/>
    </row>
    <row r="266331" spans="14:14">
      <c r="N266331" s="10"/>
    </row>
    <row r="266332" spans="14:14">
      <c r="N266332" s="10"/>
    </row>
    <row r="266333" spans="14:14">
      <c r="N266333" s="10"/>
    </row>
    <row r="266334" spans="14:14">
      <c r="N266334" s="10"/>
    </row>
    <row r="266335" spans="14:14">
      <c r="N266335" s="10"/>
    </row>
    <row r="266336" spans="14:14">
      <c r="N266336" s="10"/>
    </row>
    <row r="266337" spans="14:14">
      <c r="N266337" s="10"/>
    </row>
    <row r="266338" spans="14:14">
      <c r="N266338" s="10"/>
    </row>
    <row r="266339" spans="14:14">
      <c r="N266339" s="10"/>
    </row>
    <row r="266340" spans="14:14">
      <c r="N266340" s="10"/>
    </row>
    <row r="266341" spans="14:14">
      <c r="N266341" s="10"/>
    </row>
    <row r="266342" spans="14:14">
      <c r="N266342" s="10"/>
    </row>
    <row r="266343" spans="14:14">
      <c r="N266343" s="10"/>
    </row>
    <row r="266344" spans="14:14">
      <c r="N266344" s="10"/>
    </row>
    <row r="266345" spans="14:14">
      <c r="N266345" s="10"/>
    </row>
    <row r="266346" spans="14:14">
      <c r="N266346" s="10"/>
    </row>
    <row r="266347" spans="14:14">
      <c r="N266347" s="10"/>
    </row>
    <row r="266348" spans="14:14">
      <c r="N266348" s="10"/>
    </row>
    <row r="266349" spans="14:14">
      <c r="N266349" s="10"/>
    </row>
    <row r="266350" spans="14:14">
      <c r="N266350" s="10"/>
    </row>
    <row r="266351" spans="14:14">
      <c r="N266351" s="10"/>
    </row>
    <row r="266352" spans="14:14">
      <c r="N266352" s="10"/>
    </row>
    <row r="266353" spans="14:14">
      <c r="N266353" s="10"/>
    </row>
    <row r="266354" spans="14:14">
      <c r="N266354" s="10"/>
    </row>
    <row r="266355" spans="14:14">
      <c r="N266355" s="10"/>
    </row>
    <row r="266356" spans="14:14">
      <c r="N266356" s="10"/>
    </row>
    <row r="266357" spans="14:14">
      <c r="N266357" s="10"/>
    </row>
    <row r="266358" spans="14:14">
      <c r="N266358" s="10"/>
    </row>
    <row r="266359" spans="14:14">
      <c r="N266359" s="10"/>
    </row>
    <row r="266360" spans="14:14">
      <c r="N266360" s="10"/>
    </row>
    <row r="266361" spans="14:14">
      <c r="N266361" s="10"/>
    </row>
    <row r="266362" spans="14:14">
      <c r="N266362" s="10"/>
    </row>
    <row r="266363" spans="14:14">
      <c r="N266363" s="10"/>
    </row>
    <row r="266364" spans="14:14">
      <c r="N266364" s="10"/>
    </row>
    <row r="266365" spans="14:14">
      <c r="N266365" s="10"/>
    </row>
    <row r="266366" spans="14:14">
      <c r="N266366" s="10"/>
    </row>
    <row r="266367" spans="14:14">
      <c r="N266367" s="10"/>
    </row>
    <row r="266368" spans="14:14">
      <c r="N266368" s="10"/>
    </row>
    <row r="266369" spans="14:14">
      <c r="N266369" s="10"/>
    </row>
    <row r="266370" spans="14:14">
      <c r="N266370" s="10"/>
    </row>
    <row r="266371" spans="14:14">
      <c r="N266371" s="10"/>
    </row>
    <row r="266372" spans="14:14">
      <c r="N266372" s="10"/>
    </row>
    <row r="266373" spans="14:14">
      <c r="N266373" s="10"/>
    </row>
    <row r="266374" spans="14:14">
      <c r="N266374" s="10"/>
    </row>
    <row r="266375" spans="14:14">
      <c r="N266375" s="10"/>
    </row>
    <row r="266376" spans="14:14">
      <c r="N266376" s="10"/>
    </row>
    <row r="266377" spans="14:14">
      <c r="N266377" s="10"/>
    </row>
    <row r="266378" spans="14:14">
      <c r="N266378" s="10"/>
    </row>
    <row r="266379" spans="14:14">
      <c r="N266379" s="10"/>
    </row>
    <row r="266380" spans="14:14">
      <c r="N266380" s="10"/>
    </row>
    <row r="266381" spans="14:14">
      <c r="N266381" s="10"/>
    </row>
    <row r="266382" spans="14:14">
      <c r="N266382" s="10"/>
    </row>
    <row r="266383" spans="14:14">
      <c r="N266383" s="10"/>
    </row>
    <row r="266384" spans="14:14">
      <c r="N266384" s="10"/>
    </row>
    <row r="266385" spans="14:14">
      <c r="N266385" s="10"/>
    </row>
    <row r="266386" spans="14:14">
      <c r="N266386" s="10"/>
    </row>
    <row r="266387" spans="14:14">
      <c r="N266387" s="10"/>
    </row>
    <row r="266388" spans="14:14">
      <c r="N266388" s="10"/>
    </row>
    <row r="266389" spans="14:14">
      <c r="N266389" s="10"/>
    </row>
    <row r="266390" spans="14:14">
      <c r="N266390" s="10"/>
    </row>
    <row r="266391" spans="14:14">
      <c r="N266391" s="10"/>
    </row>
    <row r="266392" spans="14:14">
      <c r="N266392" s="10"/>
    </row>
    <row r="266393" spans="14:14">
      <c r="N266393" s="10"/>
    </row>
    <row r="266394" spans="14:14">
      <c r="N266394" s="10"/>
    </row>
    <row r="266395" spans="14:14">
      <c r="N266395" s="10"/>
    </row>
    <row r="266396" spans="14:14">
      <c r="N266396" s="10"/>
    </row>
    <row r="266397" spans="14:14">
      <c r="N266397" s="10"/>
    </row>
    <row r="266398" spans="14:14">
      <c r="N266398" s="10"/>
    </row>
    <row r="266399" spans="14:14">
      <c r="N266399" s="10"/>
    </row>
    <row r="266400" spans="14:14">
      <c r="N266400" s="10"/>
    </row>
    <row r="266401" spans="14:14">
      <c r="N266401" s="10"/>
    </row>
    <row r="266402" spans="14:14">
      <c r="N266402" s="10"/>
    </row>
    <row r="266403" spans="14:14">
      <c r="N266403" s="10"/>
    </row>
    <row r="266404" spans="14:14">
      <c r="N266404" s="10"/>
    </row>
    <row r="266405" spans="14:14">
      <c r="N266405" s="10"/>
    </row>
    <row r="266406" spans="14:14">
      <c r="N266406" s="10"/>
    </row>
    <row r="266407" spans="14:14">
      <c r="N266407" s="10"/>
    </row>
    <row r="266408" spans="14:14">
      <c r="N266408" s="10"/>
    </row>
    <row r="266409" spans="14:14">
      <c r="N266409" s="10"/>
    </row>
    <row r="266410" spans="14:14">
      <c r="N266410" s="10"/>
    </row>
    <row r="266411" spans="14:14">
      <c r="N266411" s="10"/>
    </row>
    <row r="266412" spans="14:14">
      <c r="N266412" s="10"/>
    </row>
    <row r="266413" spans="14:14">
      <c r="N266413" s="10"/>
    </row>
    <row r="266414" spans="14:14">
      <c r="N266414" s="10"/>
    </row>
    <row r="266415" spans="14:14">
      <c r="N266415" s="10"/>
    </row>
    <row r="266416" spans="14:14">
      <c r="N266416" s="10"/>
    </row>
    <row r="266417" spans="14:14">
      <c r="N266417" s="10"/>
    </row>
    <row r="266418" spans="14:14">
      <c r="N266418" s="10"/>
    </row>
    <row r="266419" spans="14:14">
      <c r="N266419" s="10"/>
    </row>
    <row r="266420" spans="14:14">
      <c r="N266420" s="10"/>
    </row>
    <row r="266421" spans="14:14">
      <c r="N266421" s="10"/>
    </row>
    <row r="266422" spans="14:14">
      <c r="N266422" s="10"/>
    </row>
    <row r="266423" spans="14:14">
      <c r="N266423" s="10"/>
    </row>
    <row r="266424" spans="14:14">
      <c r="N266424" s="10"/>
    </row>
    <row r="266425" spans="14:14">
      <c r="N266425" s="10"/>
    </row>
    <row r="266426" spans="14:14">
      <c r="N266426" s="10"/>
    </row>
    <row r="266427" spans="14:14">
      <c r="N266427" s="10"/>
    </row>
    <row r="266428" spans="14:14">
      <c r="N266428" s="10"/>
    </row>
    <row r="266429" spans="14:14">
      <c r="N266429" s="10"/>
    </row>
    <row r="266430" spans="14:14">
      <c r="N266430" s="10"/>
    </row>
    <row r="266431" spans="14:14">
      <c r="N266431" s="10"/>
    </row>
    <row r="266432" spans="14:14">
      <c r="N266432" s="10"/>
    </row>
    <row r="266433" spans="14:14">
      <c r="N266433" s="10"/>
    </row>
    <row r="266434" spans="14:14">
      <c r="N266434" s="10"/>
    </row>
    <row r="266435" spans="14:14">
      <c r="N266435" s="10"/>
    </row>
    <row r="266436" spans="14:14">
      <c r="N266436" s="10"/>
    </row>
    <row r="266437" spans="14:14">
      <c r="N266437" s="10"/>
    </row>
    <row r="266438" spans="14:14">
      <c r="N266438" s="10"/>
    </row>
    <row r="266439" spans="14:14">
      <c r="N266439" s="10"/>
    </row>
    <row r="266440" spans="14:14">
      <c r="N266440" s="10"/>
    </row>
    <row r="266441" spans="14:14">
      <c r="N266441" s="10"/>
    </row>
    <row r="266442" spans="14:14">
      <c r="N266442" s="10"/>
    </row>
    <row r="266443" spans="14:14">
      <c r="N266443" s="10"/>
    </row>
    <row r="266444" spans="14:14">
      <c r="N266444" s="10"/>
    </row>
    <row r="266445" spans="14:14">
      <c r="N266445" s="10"/>
    </row>
    <row r="266446" spans="14:14">
      <c r="N266446" s="10"/>
    </row>
    <row r="266447" spans="14:14">
      <c r="N266447" s="10"/>
    </row>
    <row r="266448" spans="14:14">
      <c r="N266448" s="10"/>
    </row>
    <row r="266449" spans="14:14">
      <c r="N266449" s="10"/>
    </row>
    <row r="266450" spans="14:14">
      <c r="N266450" s="10"/>
    </row>
    <row r="266451" spans="14:14">
      <c r="N266451" s="10"/>
    </row>
    <row r="266452" spans="14:14">
      <c r="N266452" s="10"/>
    </row>
    <row r="266453" spans="14:14">
      <c r="N266453" s="10"/>
    </row>
    <row r="266454" spans="14:14">
      <c r="N266454" s="10"/>
    </row>
    <row r="266455" spans="14:14">
      <c r="N266455" s="10"/>
    </row>
    <row r="266456" spans="14:14">
      <c r="N266456" s="10"/>
    </row>
    <row r="266457" spans="14:14">
      <c r="N266457" s="10"/>
    </row>
    <row r="266458" spans="14:14">
      <c r="N266458" s="10"/>
    </row>
    <row r="266459" spans="14:14">
      <c r="N266459" s="10"/>
    </row>
    <row r="266460" spans="14:14">
      <c r="N266460" s="10"/>
    </row>
    <row r="266461" spans="14:14">
      <c r="N266461" s="10"/>
    </row>
    <row r="266462" spans="14:14">
      <c r="N266462" s="10"/>
    </row>
    <row r="266463" spans="14:14">
      <c r="N266463" s="10"/>
    </row>
    <row r="266464" spans="14:14">
      <c r="N266464" s="10"/>
    </row>
    <row r="266465" spans="14:14">
      <c r="N266465" s="10"/>
    </row>
    <row r="266466" spans="14:14">
      <c r="N266466" s="10"/>
    </row>
    <row r="266467" spans="14:14">
      <c r="N266467" s="10"/>
    </row>
    <row r="266468" spans="14:14">
      <c r="N266468" s="10"/>
    </row>
    <row r="266469" spans="14:14">
      <c r="N266469" s="10"/>
    </row>
    <row r="266470" spans="14:14">
      <c r="N266470" s="10"/>
    </row>
    <row r="266471" spans="14:14">
      <c r="N266471" s="10"/>
    </row>
    <row r="266472" spans="14:14">
      <c r="N266472" s="10"/>
    </row>
    <row r="266473" spans="14:14">
      <c r="N266473" s="10"/>
    </row>
    <row r="266474" spans="14:14">
      <c r="N266474" s="10"/>
    </row>
    <row r="266475" spans="14:14">
      <c r="N266475" s="10"/>
    </row>
    <row r="266476" spans="14:14">
      <c r="N266476" s="10"/>
    </row>
    <row r="266477" spans="14:14">
      <c r="N266477" s="10"/>
    </row>
    <row r="266478" spans="14:14">
      <c r="N266478" s="10"/>
    </row>
    <row r="266479" spans="14:14">
      <c r="N266479" s="10"/>
    </row>
    <row r="266480" spans="14:14">
      <c r="N266480" s="10"/>
    </row>
    <row r="266481" spans="14:14">
      <c r="N266481" s="10"/>
    </row>
    <row r="266482" spans="14:14">
      <c r="N266482" s="10"/>
    </row>
    <row r="266483" spans="14:14">
      <c r="N266483" s="10"/>
    </row>
    <row r="266484" spans="14:14">
      <c r="N266484" s="10"/>
    </row>
    <row r="266485" spans="14:14">
      <c r="N266485" s="10"/>
    </row>
    <row r="266486" spans="14:14">
      <c r="N266486" s="10"/>
    </row>
    <row r="266487" spans="14:14">
      <c r="N266487" s="10"/>
    </row>
    <row r="266488" spans="14:14">
      <c r="N266488" s="10"/>
    </row>
    <row r="266489" spans="14:14">
      <c r="N266489" s="10"/>
    </row>
    <row r="266490" spans="14:14">
      <c r="N266490" s="10"/>
    </row>
    <row r="266491" spans="14:14">
      <c r="N266491" s="10"/>
    </row>
    <row r="266492" spans="14:14">
      <c r="N266492" s="10"/>
    </row>
    <row r="266493" spans="14:14">
      <c r="N266493" s="10"/>
    </row>
    <row r="266494" spans="14:14">
      <c r="N266494" s="10"/>
    </row>
    <row r="266495" spans="14:14">
      <c r="N266495" s="10"/>
    </row>
    <row r="266496" spans="14:14">
      <c r="N266496" s="10"/>
    </row>
    <row r="266497" spans="14:14">
      <c r="N266497" s="10"/>
    </row>
    <row r="266498" spans="14:14">
      <c r="N266498" s="10"/>
    </row>
    <row r="266499" spans="14:14">
      <c r="N266499" s="10"/>
    </row>
    <row r="266500" spans="14:14">
      <c r="N266500" s="10"/>
    </row>
    <row r="266501" spans="14:14">
      <c r="N266501" s="10"/>
    </row>
    <row r="266502" spans="14:14">
      <c r="N266502" s="10"/>
    </row>
    <row r="266503" spans="14:14">
      <c r="N266503" s="10"/>
    </row>
    <row r="266504" spans="14:14">
      <c r="N266504" s="10"/>
    </row>
    <row r="266505" spans="14:14">
      <c r="N266505" s="10"/>
    </row>
    <row r="266506" spans="14:14">
      <c r="N266506" s="10"/>
    </row>
    <row r="266507" spans="14:14">
      <c r="N266507" s="10"/>
    </row>
    <row r="266508" spans="14:14">
      <c r="N266508" s="10"/>
    </row>
    <row r="266509" spans="14:14">
      <c r="N266509" s="10"/>
    </row>
    <row r="266510" spans="14:14">
      <c r="N266510" s="10"/>
    </row>
    <row r="266511" spans="14:14">
      <c r="N266511" s="10"/>
    </row>
    <row r="266512" spans="14:14">
      <c r="N266512" s="10"/>
    </row>
    <row r="266513" spans="14:14">
      <c r="N266513" s="10"/>
    </row>
    <row r="266514" spans="14:14">
      <c r="N266514" s="10"/>
    </row>
    <row r="266515" spans="14:14">
      <c r="N266515" s="10"/>
    </row>
    <row r="266516" spans="14:14">
      <c r="N266516" s="10"/>
    </row>
    <row r="266517" spans="14:14">
      <c r="N266517" s="10"/>
    </row>
    <row r="266518" spans="14:14">
      <c r="N266518" s="10"/>
    </row>
    <row r="266519" spans="14:14">
      <c r="N266519" s="10"/>
    </row>
    <row r="266520" spans="14:14">
      <c r="N266520" s="10"/>
    </row>
    <row r="266521" spans="14:14">
      <c r="N266521" s="10"/>
    </row>
    <row r="266522" spans="14:14">
      <c r="N266522" s="10"/>
    </row>
    <row r="266523" spans="14:14">
      <c r="N266523" s="10"/>
    </row>
    <row r="266524" spans="14:14">
      <c r="N266524" s="10"/>
    </row>
    <row r="266525" spans="14:14">
      <c r="N266525" s="10"/>
    </row>
    <row r="266526" spans="14:14">
      <c r="N266526" s="10"/>
    </row>
    <row r="266527" spans="14:14">
      <c r="N266527" s="10"/>
    </row>
    <row r="266528" spans="14:14">
      <c r="N266528" s="10"/>
    </row>
    <row r="266529" spans="14:14">
      <c r="N266529" s="10"/>
    </row>
    <row r="266530" spans="14:14">
      <c r="N266530" s="10"/>
    </row>
    <row r="266531" spans="14:14">
      <c r="N266531" s="10"/>
    </row>
    <row r="266532" spans="14:14">
      <c r="N266532" s="10"/>
    </row>
    <row r="266533" spans="14:14">
      <c r="N266533" s="10"/>
    </row>
    <row r="266534" spans="14:14">
      <c r="N266534" s="10"/>
    </row>
    <row r="266535" spans="14:14">
      <c r="N266535" s="10"/>
    </row>
    <row r="266536" spans="14:14">
      <c r="N266536" s="10"/>
    </row>
    <row r="266537" spans="14:14">
      <c r="N266537" s="10"/>
    </row>
    <row r="266538" spans="14:14">
      <c r="N266538" s="10"/>
    </row>
    <row r="266539" spans="14:14">
      <c r="N266539" s="10"/>
    </row>
    <row r="266540" spans="14:14">
      <c r="N266540" s="10"/>
    </row>
    <row r="266541" spans="14:14">
      <c r="N266541" s="10"/>
    </row>
    <row r="266542" spans="14:14">
      <c r="N266542" s="10"/>
    </row>
    <row r="266543" spans="14:14">
      <c r="N266543" s="10"/>
    </row>
    <row r="266544" spans="14:14">
      <c r="N266544" s="10"/>
    </row>
    <row r="266545" spans="14:14">
      <c r="N266545" s="10"/>
    </row>
    <row r="266546" spans="14:14">
      <c r="N266546" s="10"/>
    </row>
    <row r="266547" spans="14:14">
      <c r="N266547" s="10"/>
    </row>
    <row r="266548" spans="14:14">
      <c r="N266548" s="10"/>
    </row>
    <row r="266549" spans="14:14">
      <c r="N266549" s="10"/>
    </row>
    <row r="266550" spans="14:14">
      <c r="N266550" s="10"/>
    </row>
    <row r="266551" spans="14:14">
      <c r="N266551" s="10"/>
    </row>
    <row r="266552" spans="14:14">
      <c r="N266552" s="10"/>
    </row>
    <row r="266553" spans="14:14">
      <c r="N266553" s="10"/>
    </row>
    <row r="266554" spans="14:14">
      <c r="N266554" s="10"/>
    </row>
    <row r="266555" spans="14:14">
      <c r="N266555" s="10"/>
    </row>
    <row r="266556" spans="14:14">
      <c r="N266556" s="10"/>
    </row>
    <row r="266557" spans="14:14">
      <c r="N266557" s="10"/>
    </row>
    <row r="266558" spans="14:14">
      <c r="N266558" s="10"/>
    </row>
    <row r="266559" spans="14:14">
      <c r="N266559" s="10"/>
    </row>
    <row r="266560" spans="14:14">
      <c r="N266560" s="10"/>
    </row>
    <row r="266561" spans="14:14">
      <c r="N266561" s="10"/>
    </row>
    <row r="266562" spans="14:14">
      <c r="N266562" s="10"/>
    </row>
    <row r="266563" spans="14:14">
      <c r="N266563" s="10"/>
    </row>
    <row r="266564" spans="14:14">
      <c r="N266564" s="10"/>
    </row>
    <row r="266565" spans="14:14">
      <c r="N266565" s="10"/>
    </row>
    <row r="266566" spans="14:14">
      <c r="N266566" s="10"/>
    </row>
    <row r="266567" spans="14:14">
      <c r="N266567" s="10"/>
    </row>
    <row r="266568" spans="14:14">
      <c r="N266568" s="10"/>
    </row>
    <row r="266569" spans="14:14">
      <c r="N266569" s="10"/>
    </row>
    <row r="266570" spans="14:14">
      <c r="N266570" s="10"/>
    </row>
    <row r="266571" spans="14:14">
      <c r="N266571" s="10"/>
    </row>
    <row r="266572" spans="14:14">
      <c r="N266572" s="10"/>
    </row>
    <row r="266573" spans="14:14">
      <c r="N266573" s="10"/>
    </row>
    <row r="266574" spans="14:14">
      <c r="N266574" s="10"/>
    </row>
    <row r="266575" spans="14:14">
      <c r="N266575" s="10"/>
    </row>
    <row r="266576" spans="14:14">
      <c r="N266576" s="10"/>
    </row>
    <row r="266577" spans="14:14">
      <c r="N266577" s="10"/>
    </row>
    <row r="266578" spans="14:14">
      <c r="N266578" s="10"/>
    </row>
    <row r="266579" spans="14:14">
      <c r="N266579" s="10"/>
    </row>
    <row r="266580" spans="14:14">
      <c r="N266580" s="10"/>
    </row>
    <row r="266581" spans="14:14">
      <c r="N266581" s="10"/>
    </row>
    <row r="266582" spans="14:14">
      <c r="N266582" s="10"/>
    </row>
    <row r="266583" spans="14:14">
      <c r="N266583" s="10"/>
    </row>
    <row r="266584" spans="14:14">
      <c r="N266584" s="10"/>
    </row>
    <row r="266585" spans="14:14">
      <c r="N266585" s="10"/>
    </row>
    <row r="266586" spans="14:14">
      <c r="N266586" s="10"/>
    </row>
    <row r="266587" spans="14:14">
      <c r="N266587" s="10"/>
    </row>
    <row r="266588" spans="14:14">
      <c r="N266588" s="10"/>
    </row>
    <row r="266589" spans="14:14">
      <c r="N266589" s="10"/>
    </row>
    <row r="266590" spans="14:14">
      <c r="N266590" s="10"/>
    </row>
    <row r="266591" spans="14:14">
      <c r="N266591" s="10"/>
    </row>
    <row r="266592" spans="14:14">
      <c r="N266592" s="10"/>
    </row>
    <row r="266593" spans="14:14">
      <c r="N266593" s="10"/>
    </row>
    <row r="266594" spans="14:14">
      <c r="N266594" s="10"/>
    </row>
    <row r="266595" spans="14:14">
      <c r="N266595" s="10"/>
    </row>
    <row r="266596" spans="14:14">
      <c r="N266596" s="10"/>
    </row>
    <row r="266597" spans="14:14">
      <c r="N266597" s="10"/>
    </row>
    <row r="266598" spans="14:14">
      <c r="N266598" s="10"/>
    </row>
    <row r="266599" spans="14:14">
      <c r="N266599" s="10"/>
    </row>
    <row r="266600" spans="14:14">
      <c r="N266600" s="10"/>
    </row>
    <row r="266601" spans="14:14">
      <c r="N266601" s="10"/>
    </row>
    <row r="266602" spans="14:14">
      <c r="N266602" s="10"/>
    </row>
    <row r="266603" spans="14:14">
      <c r="N266603" s="10"/>
    </row>
    <row r="266604" spans="14:14">
      <c r="N266604" s="10"/>
    </row>
    <row r="266605" spans="14:14">
      <c r="N266605" s="10"/>
    </row>
    <row r="266606" spans="14:14">
      <c r="N266606" s="10"/>
    </row>
    <row r="266607" spans="14:14">
      <c r="N266607" s="10"/>
    </row>
    <row r="266608" spans="14:14">
      <c r="N266608" s="10"/>
    </row>
    <row r="266609" spans="14:14">
      <c r="N266609" s="10"/>
    </row>
    <row r="266610" spans="14:14">
      <c r="N266610" s="10"/>
    </row>
    <row r="266611" spans="14:14">
      <c r="N266611" s="10"/>
    </row>
    <row r="266612" spans="14:14">
      <c r="N266612" s="10"/>
    </row>
    <row r="266613" spans="14:14">
      <c r="N266613" s="10"/>
    </row>
    <row r="266614" spans="14:14">
      <c r="N266614" s="10"/>
    </row>
    <row r="266615" spans="14:14">
      <c r="N266615" s="10"/>
    </row>
    <row r="266616" spans="14:14">
      <c r="N266616" s="10"/>
    </row>
    <row r="266617" spans="14:14">
      <c r="N266617" s="10"/>
    </row>
    <row r="266618" spans="14:14">
      <c r="N266618" s="10"/>
    </row>
    <row r="266619" spans="14:14">
      <c r="N266619" s="10"/>
    </row>
    <row r="266620" spans="14:14">
      <c r="N266620" s="10"/>
    </row>
    <row r="266621" spans="14:14">
      <c r="N266621" s="10"/>
    </row>
    <row r="266622" spans="14:14">
      <c r="N266622" s="10"/>
    </row>
    <row r="266623" spans="14:14">
      <c r="N266623" s="10"/>
    </row>
    <row r="266624" spans="14:14">
      <c r="N266624" s="10"/>
    </row>
    <row r="266625" spans="14:14">
      <c r="N266625" s="10"/>
    </row>
    <row r="266626" spans="14:14">
      <c r="N266626" s="10"/>
    </row>
    <row r="266627" spans="14:14">
      <c r="N266627" s="10"/>
    </row>
    <row r="266628" spans="14:14">
      <c r="N266628" s="10"/>
    </row>
    <row r="266629" spans="14:14">
      <c r="N266629" s="10"/>
    </row>
    <row r="266630" spans="14:14">
      <c r="N266630" s="10"/>
    </row>
    <row r="266631" spans="14:14">
      <c r="N266631" s="10"/>
    </row>
    <row r="266632" spans="14:14">
      <c r="N266632" s="10"/>
    </row>
    <row r="266633" spans="14:14">
      <c r="N266633" s="10"/>
    </row>
    <row r="266634" spans="14:14">
      <c r="N266634" s="10"/>
    </row>
    <row r="266635" spans="14:14">
      <c r="N266635" s="10"/>
    </row>
    <row r="266636" spans="14:14">
      <c r="N266636" s="10"/>
    </row>
    <row r="266637" spans="14:14">
      <c r="N266637" s="10"/>
    </row>
    <row r="266638" spans="14:14">
      <c r="N266638" s="10"/>
    </row>
    <row r="266639" spans="14:14">
      <c r="N266639" s="10"/>
    </row>
    <row r="266640" spans="14:14">
      <c r="N266640" s="10"/>
    </row>
    <row r="266641" spans="14:14">
      <c r="N266641" s="10"/>
    </row>
    <row r="266642" spans="14:14">
      <c r="N266642" s="10"/>
    </row>
    <row r="266643" spans="14:14">
      <c r="N266643" s="10"/>
    </row>
    <row r="266644" spans="14:14">
      <c r="N266644" s="10"/>
    </row>
    <row r="266645" spans="14:14">
      <c r="N266645" s="10"/>
    </row>
    <row r="266646" spans="14:14">
      <c r="N266646" s="10"/>
    </row>
    <row r="266647" spans="14:14">
      <c r="N266647" s="10"/>
    </row>
    <row r="266648" spans="14:14">
      <c r="N266648" s="10"/>
    </row>
    <row r="266649" spans="14:14">
      <c r="N266649" s="10"/>
    </row>
    <row r="266650" spans="14:14">
      <c r="N266650" s="10"/>
    </row>
    <row r="266651" spans="14:14">
      <c r="N266651" s="10"/>
    </row>
    <row r="266652" spans="14:14">
      <c r="N266652" s="10"/>
    </row>
    <row r="266653" spans="14:14">
      <c r="N266653" s="10"/>
    </row>
    <row r="266654" spans="14:14">
      <c r="N266654" s="10"/>
    </row>
    <row r="266655" spans="14:14">
      <c r="N266655" s="10"/>
    </row>
    <row r="266656" spans="14:14">
      <c r="N266656" s="10"/>
    </row>
    <row r="266657" spans="14:14">
      <c r="N266657" s="10"/>
    </row>
    <row r="266658" spans="14:14">
      <c r="N266658" s="10"/>
    </row>
    <row r="266659" spans="14:14">
      <c r="N266659" s="10"/>
    </row>
    <row r="266660" spans="14:14">
      <c r="N266660" s="10"/>
    </row>
    <row r="266661" spans="14:14">
      <c r="N266661" s="10"/>
    </row>
    <row r="266662" spans="14:14">
      <c r="N266662" s="10"/>
    </row>
    <row r="266663" spans="14:14">
      <c r="N266663" s="10"/>
    </row>
    <row r="266664" spans="14:14">
      <c r="N266664" s="10"/>
    </row>
    <row r="266665" spans="14:14">
      <c r="N266665" s="10"/>
    </row>
    <row r="266666" spans="14:14">
      <c r="N266666" s="10"/>
    </row>
    <row r="266667" spans="14:14">
      <c r="N266667" s="10"/>
    </row>
    <row r="266668" spans="14:14">
      <c r="N266668" s="10"/>
    </row>
    <row r="266669" spans="14:14">
      <c r="N266669" s="10"/>
    </row>
    <row r="266670" spans="14:14">
      <c r="N266670" s="10"/>
    </row>
    <row r="266671" spans="14:14">
      <c r="N266671" s="10"/>
    </row>
    <row r="266672" spans="14:14">
      <c r="N266672" s="10"/>
    </row>
    <row r="266673" spans="14:14">
      <c r="N266673" s="10"/>
    </row>
    <row r="266674" spans="14:14">
      <c r="N266674" s="10"/>
    </row>
    <row r="266675" spans="14:14">
      <c r="N266675" s="10"/>
    </row>
    <row r="266676" spans="14:14">
      <c r="N266676" s="10"/>
    </row>
    <row r="266677" spans="14:14">
      <c r="N266677" s="10"/>
    </row>
    <row r="266678" spans="14:14">
      <c r="N266678" s="10"/>
    </row>
    <row r="266679" spans="14:14">
      <c r="N266679" s="10"/>
    </row>
    <row r="266680" spans="14:14">
      <c r="N266680" s="10"/>
    </row>
    <row r="266681" spans="14:14">
      <c r="N266681" s="10"/>
    </row>
    <row r="266682" spans="14:14">
      <c r="N266682" s="10"/>
    </row>
    <row r="266683" spans="14:14">
      <c r="N266683" s="10"/>
    </row>
    <row r="266684" spans="14:14">
      <c r="N266684" s="10"/>
    </row>
    <row r="266685" spans="14:14">
      <c r="N266685" s="10"/>
    </row>
    <row r="266686" spans="14:14">
      <c r="N266686" s="10"/>
    </row>
    <row r="266687" spans="14:14">
      <c r="N266687" s="10"/>
    </row>
    <row r="266688" spans="14:14">
      <c r="N266688" s="10"/>
    </row>
    <row r="266689" spans="14:14">
      <c r="N266689" s="10"/>
    </row>
    <row r="266690" spans="14:14">
      <c r="N266690" s="10"/>
    </row>
    <row r="266691" spans="14:14">
      <c r="N266691" s="10"/>
    </row>
    <row r="266692" spans="14:14">
      <c r="N266692" s="10"/>
    </row>
    <row r="266693" spans="14:14">
      <c r="N266693" s="10"/>
    </row>
    <row r="266694" spans="14:14">
      <c r="N266694" s="10"/>
    </row>
    <row r="266695" spans="14:14">
      <c r="N266695" s="10"/>
    </row>
    <row r="266696" spans="14:14">
      <c r="N266696" s="10"/>
    </row>
    <row r="266697" spans="14:14">
      <c r="N266697" s="10"/>
    </row>
    <row r="266698" spans="14:14">
      <c r="N266698" s="10"/>
    </row>
    <row r="266699" spans="14:14">
      <c r="N266699" s="10"/>
    </row>
    <row r="266700" spans="14:14">
      <c r="N266700" s="10"/>
    </row>
    <row r="266701" spans="14:14">
      <c r="N266701" s="10"/>
    </row>
    <row r="266702" spans="14:14">
      <c r="N266702" s="10"/>
    </row>
    <row r="266703" spans="14:14">
      <c r="N266703" s="10"/>
    </row>
    <row r="266704" spans="14:14">
      <c r="N266704" s="10"/>
    </row>
    <row r="266705" spans="14:14">
      <c r="N266705" s="10"/>
    </row>
    <row r="266706" spans="14:14">
      <c r="N266706" s="10"/>
    </row>
    <row r="266707" spans="14:14">
      <c r="N266707" s="10"/>
    </row>
    <row r="266708" spans="14:14">
      <c r="N266708" s="10"/>
    </row>
    <row r="266709" spans="14:14">
      <c r="N266709" s="10"/>
    </row>
    <row r="266710" spans="14:14">
      <c r="N266710" s="10"/>
    </row>
    <row r="266711" spans="14:14">
      <c r="N266711" s="10"/>
    </row>
    <row r="266712" spans="14:14">
      <c r="N266712" s="10"/>
    </row>
    <row r="266713" spans="14:14">
      <c r="N266713" s="10"/>
    </row>
    <row r="266714" spans="14:14">
      <c r="N266714" s="10"/>
    </row>
    <row r="266715" spans="14:14">
      <c r="N266715" s="10"/>
    </row>
    <row r="266716" spans="14:14">
      <c r="N266716" s="10"/>
    </row>
    <row r="266717" spans="14:14">
      <c r="N266717" s="10"/>
    </row>
    <row r="266718" spans="14:14">
      <c r="N266718" s="10"/>
    </row>
    <row r="266719" spans="14:14">
      <c r="N266719" s="10"/>
    </row>
    <row r="266720" spans="14:14">
      <c r="N266720" s="10"/>
    </row>
    <row r="266721" spans="14:14">
      <c r="N266721" s="10"/>
    </row>
    <row r="266722" spans="14:14">
      <c r="N266722" s="10"/>
    </row>
    <row r="266723" spans="14:14">
      <c r="N266723" s="10"/>
    </row>
    <row r="266724" spans="14:14">
      <c r="N266724" s="10"/>
    </row>
    <row r="266725" spans="14:14">
      <c r="N266725" s="10"/>
    </row>
    <row r="266726" spans="14:14">
      <c r="N266726" s="10"/>
    </row>
    <row r="266727" spans="14:14">
      <c r="N266727" s="10"/>
    </row>
    <row r="266728" spans="14:14">
      <c r="N266728" s="10"/>
    </row>
    <row r="266729" spans="14:14">
      <c r="N266729" s="10"/>
    </row>
    <row r="266730" spans="14:14">
      <c r="N266730" s="10"/>
    </row>
    <row r="266731" spans="14:14">
      <c r="N266731" s="10"/>
    </row>
    <row r="266732" spans="14:14">
      <c r="N266732" s="10"/>
    </row>
    <row r="266733" spans="14:14">
      <c r="N266733" s="10"/>
    </row>
    <row r="266734" spans="14:14">
      <c r="N266734" s="10"/>
    </row>
    <row r="266735" spans="14:14">
      <c r="N266735" s="10"/>
    </row>
    <row r="266736" spans="14:14">
      <c r="N266736" s="10"/>
    </row>
    <row r="266737" spans="14:14">
      <c r="N266737" s="10"/>
    </row>
    <row r="266738" spans="14:14">
      <c r="N266738" s="10"/>
    </row>
    <row r="266739" spans="14:14">
      <c r="N266739" s="10"/>
    </row>
    <row r="266740" spans="14:14">
      <c r="N266740" s="10"/>
    </row>
    <row r="266741" spans="14:14">
      <c r="N266741" s="10"/>
    </row>
    <row r="266742" spans="14:14">
      <c r="N266742" s="10"/>
    </row>
    <row r="266743" spans="14:14">
      <c r="N266743" s="10"/>
    </row>
    <row r="266744" spans="14:14">
      <c r="N266744" s="10"/>
    </row>
    <row r="266745" spans="14:14">
      <c r="N266745" s="10"/>
    </row>
    <row r="266746" spans="14:14">
      <c r="N266746" s="10"/>
    </row>
    <row r="266747" spans="14:14">
      <c r="N266747" s="10"/>
    </row>
    <row r="266748" spans="14:14">
      <c r="N266748" s="10"/>
    </row>
    <row r="266749" spans="14:14">
      <c r="N266749" s="10"/>
    </row>
    <row r="266750" spans="14:14">
      <c r="N266750" s="10"/>
    </row>
    <row r="266751" spans="14:14">
      <c r="N266751" s="10"/>
    </row>
    <row r="266752" spans="14:14">
      <c r="N266752" s="10"/>
    </row>
    <row r="266753" spans="14:14">
      <c r="N266753" s="10"/>
    </row>
    <row r="266754" spans="14:14">
      <c r="N266754" s="10"/>
    </row>
    <row r="266755" spans="14:14">
      <c r="N266755" s="10"/>
    </row>
    <row r="266756" spans="14:14">
      <c r="N266756" s="10"/>
    </row>
    <row r="266757" spans="14:14">
      <c r="N266757" s="10"/>
    </row>
    <row r="266758" spans="14:14">
      <c r="N266758" s="10"/>
    </row>
    <row r="266759" spans="14:14">
      <c r="N266759" s="10"/>
    </row>
    <row r="266760" spans="14:14">
      <c r="N266760" s="10"/>
    </row>
    <row r="266761" spans="14:14">
      <c r="N266761" s="10"/>
    </row>
    <row r="266762" spans="14:14">
      <c r="N266762" s="10"/>
    </row>
    <row r="266763" spans="14:14">
      <c r="N266763" s="10"/>
    </row>
    <row r="266764" spans="14:14">
      <c r="N266764" s="10"/>
    </row>
    <row r="266765" spans="14:14">
      <c r="N266765" s="10"/>
    </row>
    <row r="266766" spans="14:14">
      <c r="N266766" s="10"/>
    </row>
    <row r="266767" spans="14:14">
      <c r="N266767" s="10"/>
    </row>
    <row r="266768" spans="14:14">
      <c r="N266768" s="10"/>
    </row>
    <row r="266769" spans="14:14">
      <c r="N266769" s="10"/>
    </row>
    <row r="266770" spans="14:14">
      <c r="N266770" s="10"/>
    </row>
    <row r="266771" spans="14:14">
      <c r="N266771" s="10"/>
    </row>
    <row r="266772" spans="14:14">
      <c r="N266772" s="10"/>
    </row>
    <row r="266773" spans="14:14">
      <c r="N266773" s="10"/>
    </row>
    <row r="266774" spans="14:14">
      <c r="N266774" s="10"/>
    </row>
    <row r="266775" spans="14:14">
      <c r="N266775" s="10"/>
    </row>
    <row r="266776" spans="14:14">
      <c r="N266776" s="10"/>
    </row>
    <row r="266777" spans="14:14">
      <c r="N266777" s="10"/>
    </row>
    <row r="266778" spans="14:14">
      <c r="N266778" s="10"/>
    </row>
    <row r="266779" spans="14:14">
      <c r="N266779" s="10"/>
    </row>
    <row r="266780" spans="14:14">
      <c r="N266780" s="10"/>
    </row>
    <row r="266781" spans="14:14">
      <c r="N266781" s="10"/>
    </row>
    <row r="266782" spans="14:14">
      <c r="N266782" s="10"/>
    </row>
    <row r="266783" spans="14:14">
      <c r="N266783" s="10"/>
    </row>
    <row r="266784" spans="14:14">
      <c r="N266784" s="10"/>
    </row>
    <row r="266785" spans="14:14">
      <c r="N266785" s="10"/>
    </row>
    <row r="266786" spans="14:14">
      <c r="N266786" s="10"/>
    </row>
    <row r="266787" spans="14:14">
      <c r="N266787" s="10"/>
    </row>
    <row r="266788" spans="14:14">
      <c r="N266788" s="10"/>
    </row>
    <row r="266789" spans="14:14">
      <c r="N266789" s="10"/>
    </row>
    <row r="266790" spans="14:14">
      <c r="N266790" s="10"/>
    </row>
    <row r="266791" spans="14:14">
      <c r="N266791" s="10"/>
    </row>
    <row r="266792" spans="14:14">
      <c r="N266792" s="10"/>
    </row>
    <row r="266793" spans="14:14">
      <c r="N266793" s="10"/>
    </row>
    <row r="266794" spans="14:14">
      <c r="N266794" s="10"/>
    </row>
    <row r="266795" spans="14:14">
      <c r="N266795" s="10"/>
    </row>
    <row r="266796" spans="14:14">
      <c r="N266796" s="10"/>
    </row>
    <row r="266797" spans="14:14">
      <c r="N266797" s="10"/>
    </row>
    <row r="266798" spans="14:14">
      <c r="N266798" s="10"/>
    </row>
    <row r="266799" spans="14:14">
      <c r="N266799" s="10"/>
    </row>
    <row r="266800" spans="14:14">
      <c r="N266800" s="10"/>
    </row>
    <row r="266801" spans="14:14">
      <c r="N266801" s="10"/>
    </row>
    <row r="266802" spans="14:14">
      <c r="N266802" s="10"/>
    </row>
    <row r="266803" spans="14:14">
      <c r="N266803" s="10"/>
    </row>
    <row r="266804" spans="14:14">
      <c r="N266804" s="10"/>
    </row>
    <row r="266805" spans="14:14">
      <c r="N266805" s="10"/>
    </row>
    <row r="266806" spans="14:14">
      <c r="N266806" s="10"/>
    </row>
    <row r="266807" spans="14:14">
      <c r="N266807" s="10"/>
    </row>
    <row r="266808" spans="14:14">
      <c r="N266808" s="10"/>
    </row>
    <row r="266809" spans="14:14">
      <c r="N266809" s="10"/>
    </row>
    <row r="266810" spans="14:14">
      <c r="N266810" s="10"/>
    </row>
    <row r="266811" spans="14:14">
      <c r="N266811" s="10"/>
    </row>
    <row r="266812" spans="14:14">
      <c r="N266812" s="10"/>
    </row>
    <row r="266813" spans="14:14">
      <c r="N266813" s="10"/>
    </row>
    <row r="266814" spans="14:14">
      <c r="N266814" s="10"/>
    </row>
    <row r="266815" spans="14:14">
      <c r="N266815" s="10"/>
    </row>
    <row r="266816" spans="14:14">
      <c r="N266816" s="10"/>
    </row>
    <row r="266817" spans="14:14">
      <c r="N266817" s="10"/>
    </row>
    <row r="266818" spans="14:14">
      <c r="N266818" s="10"/>
    </row>
    <row r="266819" spans="14:14">
      <c r="N266819" s="10"/>
    </row>
    <row r="266820" spans="14:14">
      <c r="N266820" s="10"/>
    </row>
    <row r="266821" spans="14:14">
      <c r="N266821" s="10"/>
    </row>
    <row r="266822" spans="14:14">
      <c r="N266822" s="10"/>
    </row>
    <row r="266823" spans="14:14">
      <c r="N266823" s="10"/>
    </row>
    <row r="266824" spans="14:14">
      <c r="N266824" s="10"/>
    </row>
    <row r="266825" spans="14:14">
      <c r="N266825" s="10"/>
    </row>
    <row r="266826" spans="14:14">
      <c r="N266826" s="10"/>
    </row>
    <row r="266827" spans="14:14">
      <c r="N266827" s="10"/>
    </row>
    <row r="266828" spans="14:14">
      <c r="N266828" s="10"/>
    </row>
    <row r="266829" spans="14:14">
      <c r="N266829" s="10"/>
    </row>
    <row r="266830" spans="14:14">
      <c r="N266830" s="10"/>
    </row>
    <row r="266831" spans="14:14">
      <c r="N266831" s="10"/>
    </row>
    <row r="266832" spans="14:14">
      <c r="N266832" s="10"/>
    </row>
    <row r="266833" spans="14:14">
      <c r="N266833" s="10"/>
    </row>
    <row r="266834" spans="14:14">
      <c r="N266834" s="10"/>
    </row>
    <row r="266835" spans="14:14">
      <c r="N266835" s="10"/>
    </row>
    <row r="266836" spans="14:14">
      <c r="N266836" s="10"/>
    </row>
    <row r="266837" spans="14:14">
      <c r="N266837" s="10"/>
    </row>
    <row r="266838" spans="14:14">
      <c r="N266838" s="10"/>
    </row>
    <row r="266839" spans="14:14">
      <c r="N266839" s="10"/>
    </row>
    <row r="266840" spans="14:14">
      <c r="N266840" s="10"/>
    </row>
    <row r="266841" spans="14:14">
      <c r="N266841" s="10"/>
    </row>
    <row r="266842" spans="14:14">
      <c r="N266842" s="10"/>
    </row>
    <row r="266843" spans="14:14">
      <c r="N266843" s="10"/>
    </row>
    <row r="266844" spans="14:14">
      <c r="N266844" s="10"/>
    </row>
    <row r="266845" spans="14:14">
      <c r="N266845" s="10"/>
    </row>
    <row r="266846" spans="14:14">
      <c r="N266846" s="10"/>
    </row>
    <row r="266847" spans="14:14">
      <c r="N266847" s="10"/>
    </row>
    <row r="266848" spans="14:14">
      <c r="N266848" s="10"/>
    </row>
    <row r="266849" spans="14:14">
      <c r="N266849" s="10"/>
    </row>
    <row r="266850" spans="14:14">
      <c r="N266850" s="10"/>
    </row>
    <row r="266851" spans="14:14">
      <c r="N266851" s="10"/>
    </row>
    <row r="266852" spans="14:14">
      <c r="N266852" s="10"/>
    </row>
    <row r="266853" spans="14:14">
      <c r="N266853" s="10"/>
    </row>
    <row r="266854" spans="14:14">
      <c r="N266854" s="10"/>
    </row>
    <row r="266855" spans="14:14">
      <c r="N266855" s="10"/>
    </row>
    <row r="266856" spans="14:14">
      <c r="N266856" s="10"/>
    </row>
    <row r="266857" spans="14:14">
      <c r="N266857" s="10"/>
    </row>
    <row r="266858" spans="14:14">
      <c r="N266858" s="10"/>
    </row>
    <row r="266859" spans="14:14">
      <c r="N266859" s="10"/>
    </row>
    <row r="266860" spans="14:14">
      <c r="N266860" s="10"/>
    </row>
    <row r="266861" spans="14:14">
      <c r="N266861" s="10"/>
    </row>
    <row r="266862" spans="14:14">
      <c r="N266862" s="10"/>
    </row>
    <row r="266863" spans="14:14">
      <c r="N266863" s="10"/>
    </row>
    <row r="266864" spans="14:14">
      <c r="N266864" s="10"/>
    </row>
    <row r="266865" spans="14:14">
      <c r="N266865" s="10"/>
    </row>
    <row r="266866" spans="14:14">
      <c r="N266866" s="10"/>
    </row>
    <row r="266867" spans="14:14">
      <c r="N266867" s="10"/>
    </row>
    <row r="266868" spans="14:14">
      <c r="N266868" s="10"/>
    </row>
    <row r="266869" spans="14:14">
      <c r="N266869" s="10"/>
    </row>
    <row r="266870" spans="14:14">
      <c r="N266870" s="10"/>
    </row>
    <row r="266871" spans="14:14">
      <c r="N266871" s="10"/>
    </row>
    <row r="266872" spans="14:14">
      <c r="N266872" s="10"/>
    </row>
    <row r="266873" spans="14:14">
      <c r="N266873" s="10"/>
    </row>
    <row r="266874" spans="14:14">
      <c r="N266874" s="10"/>
    </row>
    <row r="266875" spans="14:14">
      <c r="N266875" s="10"/>
    </row>
    <row r="266876" spans="14:14">
      <c r="N266876" s="10"/>
    </row>
    <row r="266877" spans="14:14">
      <c r="N266877" s="10"/>
    </row>
    <row r="266878" spans="14:14">
      <c r="N266878" s="10"/>
    </row>
    <row r="266879" spans="14:14">
      <c r="N266879" s="10"/>
    </row>
    <row r="266880" spans="14:14">
      <c r="N266880" s="10"/>
    </row>
    <row r="266881" spans="14:14">
      <c r="N266881" s="10"/>
    </row>
    <row r="266882" spans="14:14">
      <c r="N266882" s="10"/>
    </row>
    <row r="266883" spans="14:14">
      <c r="N266883" s="10"/>
    </row>
    <row r="266884" spans="14:14">
      <c r="N266884" s="10"/>
    </row>
    <row r="266885" spans="14:14">
      <c r="N266885" s="10"/>
    </row>
    <row r="266886" spans="14:14">
      <c r="N266886" s="10"/>
    </row>
    <row r="266887" spans="14:14">
      <c r="N266887" s="10"/>
    </row>
    <row r="266888" spans="14:14">
      <c r="N266888" s="10"/>
    </row>
    <row r="266889" spans="14:14">
      <c r="N266889" s="10"/>
    </row>
    <row r="266890" spans="14:14">
      <c r="N266890" s="10"/>
    </row>
    <row r="266891" spans="14:14">
      <c r="N266891" s="10"/>
    </row>
    <row r="266892" spans="14:14">
      <c r="N266892" s="10"/>
    </row>
    <row r="266893" spans="14:14">
      <c r="N266893" s="10"/>
    </row>
    <row r="266894" spans="14:14">
      <c r="N266894" s="10"/>
    </row>
    <row r="266895" spans="14:14">
      <c r="N266895" s="10"/>
    </row>
    <row r="266896" spans="14:14">
      <c r="N266896" s="10"/>
    </row>
    <row r="266897" spans="14:14">
      <c r="N266897" s="10"/>
    </row>
    <row r="266898" spans="14:14">
      <c r="N266898" s="10"/>
    </row>
    <row r="266899" spans="14:14">
      <c r="N266899" s="10"/>
    </row>
    <row r="266900" spans="14:14">
      <c r="N266900" s="10"/>
    </row>
    <row r="266901" spans="14:14">
      <c r="N266901" s="10"/>
    </row>
    <row r="266902" spans="14:14">
      <c r="N266902" s="10"/>
    </row>
    <row r="266903" spans="14:14">
      <c r="N266903" s="10"/>
    </row>
    <row r="266904" spans="14:14">
      <c r="N266904" s="10"/>
    </row>
    <row r="266905" spans="14:14">
      <c r="N266905" s="10"/>
    </row>
    <row r="266906" spans="14:14">
      <c r="N266906" s="10"/>
    </row>
    <row r="266907" spans="14:14">
      <c r="N266907" s="10"/>
    </row>
    <row r="266908" spans="14:14">
      <c r="N266908" s="10"/>
    </row>
    <row r="266909" spans="14:14">
      <c r="N266909" s="10"/>
    </row>
    <row r="266910" spans="14:14">
      <c r="N266910" s="10"/>
    </row>
    <row r="266911" spans="14:14">
      <c r="N266911" s="10"/>
    </row>
    <row r="266912" spans="14:14">
      <c r="N266912" s="10"/>
    </row>
    <row r="266913" spans="14:14">
      <c r="N266913" s="10"/>
    </row>
    <row r="266914" spans="14:14">
      <c r="N266914" s="10"/>
    </row>
    <row r="266915" spans="14:14">
      <c r="N266915" s="10"/>
    </row>
    <row r="266916" spans="14:14">
      <c r="N266916" s="10"/>
    </row>
    <row r="266917" spans="14:14">
      <c r="N266917" s="10"/>
    </row>
    <row r="266918" spans="14:14">
      <c r="N266918" s="10"/>
    </row>
    <row r="266919" spans="14:14">
      <c r="N266919" s="10"/>
    </row>
    <row r="266920" spans="14:14">
      <c r="N266920" s="10"/>
    </row>
    <row r="266921" spans="14:14">
      <c r="N266921" s="10"/>
    </row>
    <row r="266922" spans="14:14">
      <c r="N266922" s="10"/>
    </row>
    <row r="266923" spans="14:14">
      <c r="N266923" s="10"/>
    </row>
    <row r="266924" spans="14:14">
      <c r="N266924" s="10"/>
    </row>
    <row r="266925" spans="14:14">
      <c r="N266925" s="10"/>
    </row>
    <row r="266926" spans="14:14">
      <c r="N266926" s="10"/>
    </row>
    <row r="266927" spans="14:14">
      <c r="N266927" s="10"/>
    </row>
    <row r="266928" spans="14:14">
      <c r="N266928" s="10"/>
    </row>
    <row r="266929" spans="14:14">
      <c r="N266929" s="10"/>
    </row>
    <row r="266930" spans="14:14">
      <c r="N266930" s="10"/>
    </row>
    <row r="266931" spans="14:14">
      <c r="N266931" s="10"/>
    </row>
    <row r="266932" spans="14:14">
      <c r="N266932" s="10"/>
    </row>
    <row r="266933" spans="14:14">
      <c r="N266933" s="10"/>
    </row>
    <row r="266934" spans="14:14">
      <c r="N266934" s="10"/>
    </row>
    <row r="266935" spans="14:14">
      <c r="N266935" s="10"/>
    </row>
    <row r="266936" spans="14:14">
      <c r="N266936" s="10"/>
    </row>
    <row r="266937" spans="14:14">
      <c r="N266937" s="10"/>
    </row>
    <row r="266938" spans="14:14">
      <c r="N266938" s="10"/>
    </row>
    <row r="266939" spans="14:14">
      <c r="N266939" s="10"/>
    </row>
    <row r="266940" spans="14:14">
      <c r="N266940" s="10"/>
    </row>
    <row r="266941" spans="14:14">
      <c r="N266941" s="10"/>
    </row>
    <row r="266942" spans="14:14">
      <c r="N266942" s="10"/>
    </row>
    <row r="266943" spans="14:14">
      <c r="N266943" s="10"/>
    </row>
    <row r="266944" spans="14:14">
      <c r="N266944" s="10"/>
    </row>
    <row r="266945" spans="14:14">
      <c r="N266945" s="10"/>
    </row>
    <row r="266946" spans="14:14">
      <c r="N266946" s="10"/>
    </row>
    <row r="266947" spans="14:14">
      <c r="N266947" s="10"/>
    </row>
    <row r="266948" spans="14:14">
      <c r="N266948" s="10"/>
    </row>
    <row r="266949" spans="14:14">
      <c r="N266949" s="10"/>
    </row>
    <row r="266950" spans="14:14">
      <c r="N266950" s="10"/>
    </row>
    <row r="266951" spans="14:14">
      <c r="N266951" s="10"/>
    </row>
    <row r="266952" spans="14:14">
      <c r="N266952" s="10"/>
    </row>
    <row r="266953" spans="14:14">
      <c r="N266953" s="10"/>
    </row>
    <row r="266954" spans="14:14">
      <c r="N266954" s="10"/>
    </row>
    <row r="266955" spans="14:14">
      <c r="N266955" s="10"/>
    </row>
    <row r="266956" spans="14:14">
      <c r="N266956" s="10"/>
    </row>
    <row r="266957" spans="14:14">
      <c r="N266957" s="10"/>
    </row>
    <row r="266958" spans="14:14">
      <c r="N266958" s="10"/>
    </row>
    <row r="266959" spans="14:14">
      <c r="N266959" s="10"/>
    </row>
    <row r="266960" spans="14:14">
      <c r="N266960" s="10"/>
    </row>
    <row r="266961" spans="14:14">
      <c r="N266961" s="10"/>
    </row>
    <row r="266962" spans="14:14">
      <c r="N266962" s="10"/>
    </row>
    <row r="266963" spans="14:14">
      <c r="N266963" s="10"/>
    </row>
    <row r="266964" spans="14:14">
      <c r="N266964" s="10"/>
    </row>
    <row r="266965" spans="14:14">
      <c r="N266965" s="10"/>
    </row>
    <row r="266966" spans="14:14">
      <c r="N266966" s="10"/>
    </row>
    <row r="266967" spans="14:14">
      <c r="N266967" s="10"/>
    </row>
    <row r="266968" spans="14:14">
      <c r="N266968" s="10"/>
    </row>
    <row r="266969" spans="14:14">
      <c r="N266969" s="10"/>
    </row>
    <row r="266970" spans="14:14">
      <c r="N266970" s="10"/>
    </row>
    <row r="266971" spans="14:14">
      <c r="N266971" s="10"/>
    </row>
    <row r="266972" spans="14:14">
      <c r="N266972" s="10"/>
    </row>
    <row r="266973" spans="14:14">
      <c r="N266973" s="10"/>
    </row>
    <row r="266974" spans="14:14">
      <c r="N266974" s="10"/>
    </row>
    <row r="266975" spans="14:14">
      <c r="N266975" s="10"/>
    </row>
    <row r="266976" spans="14:14">
      <c r="N266976" s="10"/>
    </row>
    <row r="266977" spans="14:14">
      <c r="N266977" s="10"/>
    </row>
    <row r="266978" spans="14:14">
      <c r="N266978" s="10"/>
    </row>
    <row r="266979" spans="14:14">
      <c r="N266979" s="10"/>
    </row>
    <row r="266980" spans="14:14">
      <c r="N266980" s="10"/>
    </row>
    <row r="266981" spans="14:14">
      <c r="N266981" s="10"/>
    </row>
    <row r="266982" spans="14:14">
      <c r="N266982" s="10"/>
    </row>
    <row r="266983" spans="14:14">
      <c r="N266983" s="10"/>
    </row>
    <row r="266984" spans="14:14">
      <c r="N266984" s="10"/>
    </row>
    <row r="266985" spans="14:14">
      <c r="N266985" s="10"/>
    </row>
    <row r="266986" spans="14:14">
      <c r="N266986" s="10"/>
    </row>
    <row r="266987" spans="14:14">
      <c r="N266987" s="10"/>
    </row>
    <row r="266988" spans="14:14">
      <c r="N266988" s="10"/>
    </row>
    <row r="266989" spans="14:14">
      <c r="N266989" s="10"/>
    </row>
    <row r="266990" spans="14:14">
      <c r="N266990" s="10"/>
    </row>
    <row r="266991" spans="14:14">
      <c r="N266991" s="10"/>
    </row>
    <row r="266992" spans="14:14">
      <c r="N266992" s="10"/>
    </row>
    <row r="266993" spans="14:14">
      <c r="N266993" s="10"/>
    </row>
    <row r="266994" spans="14:14">
      <c r="N266994" s="10"/>
    </row>
    <row r="266995" spans="14:14">
      <c r="N266995" s="10"/>
    </row>
    <row r="266996" spans="14:14">
      <c r="N266996" s="10"/>
    </row>
    <row r="266997" spans="14:14">
      <c r="N266997" s="10"/>
    </row>
    <row r="266998" spans="14:14">
      <c r="N266998" s="10"/>
    </row>
    <row r="266999" spans="14:14">
      <c r="N266999" s="10"/>
    </row>
    <row r="267000" spans="14:14">
      <c r="N267000" s="10"/>
    </row>
    <row r="267001" spans="14:14">
      <c r="N267001" s="10"/>
    </row>
    <row r="267002" spans="14:14">
      <c r="N267002" s="10"/>
    </row>
    <row r="267003" spans="14:14">
      <c r="N267003" s="10"/>
    </row>
    <row r="267004" spans="14:14">
      <c r="N267004" s="10"/>
    </row>
    <row r="267005" spans="14:14">
      <c r="N267005" s="10"/>
    </row>
    <row r="267006" spans="14:14">
      <c r="N267006" s="10"/>
    </row>
    <row r="267007" spans="14:14">
      <c r="N267007" s="10"/>
    </row>
    <row r="267008" spans="14:14">
      <c r="N267008" s="10"/>
    </row>
    <row r="267009" spans="14:14">
      <c r="N267009" s="10"/>
    </row>
    <row r="267010" spans="14:14">
      <c r="N267010" s="10"/>
    </row>
    <row r="267011" spans="14:14">
      <c r="N267011" s="10"/>
    </row>
    <row r="267012" spans="14:14">
      <c r="N267012" s="10"/>
    </row>
    <row r="267013" spans="14:14">
      <c r="N267013" s="10"/>
    </row>
    <row r="267014" spans="14:14">
      <c r="N267014" s="10"/>
    </row>
    <row r="267015" spans="14:14">
      <c r="N267015" s="10"/>
    </row>
    <row r="267016" spans="14:14">
      <c r="N267016" s="10"/>
    </row>
    <row r="267017" spans="14:14">
      <c r="N267017" s="10"/>
    </row>
    <row r="267018" spans="14:14">
      <c r="N267018" s="10"/>
    </row>
    <row r="267019" spans="14:14">
      <c r="N267019" s="10"/>
    </row>
    <row r="267020" spans="14:14">
      <c r="N267020" s="10"/>
    </row>
    <row r="267021" spans="14:14">
      <c r="N267021" s="10"/>
    </row>
    <row r="267022" spans="14:14">
      <c r="N267022" s="10"/>
    </row>
    <row r="267023" spans="14:14">
      <c r="N267023" s="10"/>
    </row>
    <row r="267024" spans="14:14">
      <c r="N267024" s="10"/>
    </row>
    <row r="267025" spans="14:14">
      <c r="N267025" s="10"/>
    </row>
    <row r="267026" spans="14:14">
      <c r="N267026" s="10"/>
    </row>
    <row r="267027" spans="14:14">
      <c r="N267027" s="10"/>
    </row>
    <row r="267028" spans="14:14">
      <c r="N267028" s="10"/>
    </row>
    <row r="267029" spans="14:14">
      <c r="N267029" s="10"/>
    </row>
    <row r="267030" spans="14:14">
      <c r="N267030" s="10"/>
    </row>
    <row r="267031" spans="14:14">
      <c r="N267031" s="10"/>
    </row>
    <row r="267032" spans="14:14">
      <c r="N267032" s="10"/>
    </row>
    <row r="267033" spans="14:14">
      <c r="N267033" s="10"/>
    </row>
    <row r="267034" spans="14:14">
      <c r="N267034" s="10"/>
    </row>
    <row r="267035" spans="14:14">
      <c r="N267035" s="10"/>
    </row>
    <row r="267036" spans="14:14">
      <c r="N267036" s="10"/>
    </row>
    <row r="267037" spans="14:14">
      <c r="N267037" s="10"/>
    </row>
    <row r="267038" spans="14:14">
      <c r="N267038" s="10"/>
    </row>
    <row r="267039" spans="14:14">
      <c r="N267039" s="10"/>
    </row>
    <row r="267040" spans="14:14">
      <c r="N267040" s="10"/>
    </row>
    <row r="267041" spans="14:14">
      <c r="N267041" s="10"/>
    </row>
    <row r="267042" spans="14:14">
      <c r="N267042" s="10"/>
    </row>
    <row r="267043" spans="14:14">
      <c r="N267043" s="10"/>
    </row>
    <row r="267044" spans="14:14">
      <c r="N267044" s="10"/>
    </row>
    <row r="267045" spans="14:14">
      <c r="N267045" s="10"/>
    </row>
    <row r="267046" spans="14:14">
      <c r="N267046" s="10"/>
    </row>
    <row r="267047" spans="14:14">
      <c r="N267047" s="10"/>
    </row>
    <row r="267048" spans="14:14">
      <c r="N267048" s="10"/>
    </row>
    <row r="267049" spans="14:14">
      <c r="N267049" s="10"/>
    </row>
    <row r="267050" spans="14:14">
      <c r="N267050" s="10"/>
    </row>
    <row r="267051" spans="14:14">
      <c r="N267051" s="10"/>
    </row>
    <row r="267052" spans="14:14">
      <c r="N267052" s="10"/>
    </row>
    <row r="267053" spans="14:14">
      <c r="N267053" s="10"/>
    </row>
    <row r="267054" spans="14:14">
      <c r="N267054" s="10"/>
    </row>
    <row r="267055" spans="14:14">
      <c r="N267055" s="10"/>
    </row>
    <row r="267056" spans="14:14">
      <c r="N267056" s="10"/>
    </row>
    <row r="267057" spans="14:14">
      <c r="N267057" s="10"/>
    </row>
    <row r="267058" spans="14:14">
      <c r="N267058" s="10"/>
    </row>
    <row r="267059" spans="14:14">
      <c r="N267059" s="10"/>
    </row>
    <row r="267060" spans="14:14">
      <c r="N267060" s="10"/>
    </row>
    <row r="267061" spans="14:14">
      <c r="N267061" s="10"/>
    </row>
    <row r="267062" spans="14:14">
      <c r="N267062" s="10"/>
    </row>
    <row r="267063" spans="14:14">
      <c r="N267063" s="10"/>
    </row>
    <row r="267064" spans="14:14">
      <c r="N267064" s="10"/>
    </row>
    <row r="267065" spans="14:14">
      <c r="N267065" s="10"/>
    </row>
    <row r="267066" spans="14:14">
      <c r="N267066" s="10"/>
    </row>
    <row r="267067" spans="14:14">
      <c r="N267067" s="10"/>
    </row>
    <row r="267068" spans="14:14">
      <c r="N267068" s="10"/>
    </row>
    <row r="267069" spans="14:14">
      <c r="N267069" s="10"/>
    </row>
    <row r="267070" spans="14:14">
      <c r="N267070" s="10"/>
    </row>
    <row r="267071" spans="14:14">
      <c r="N267071" s="10"/>
    </row>
    <row r="267072" spans="14:14">
      <c r="N267072" s="10"/>
    </row>
    <row r="267073" spans="14:14">
      <c r="N267073" s="10"/>
    </row>
    <row r="267074" spans="14:14">
      <c r="N267074" s="10"/>
    </row>
    <row r="267075" spans="14:14">
      <c r="N267075" s="10"/>
    </row>
    <row r="267076" spans="14:14">
      <c r="N267076" s="10"/>
    </row>
    <row r="267077" spans="14:14">
      <c r="N267077" s="10"/>
    </row>
    <row r="267078" spans="14:14">
      <c r="N267078" s="10"/>
    </row>
    <row r="267079" spans="14:14">
      <c r="N267079" s="10"/>
    </row>
    <row r="267080" spans="14:14">
      <c r="N267080" s="10"/>
    </row>
    <row r="267081" spans="14:14">
      <c r="N267081" s="10"/>
    </row>
    <row r="267082" spans="14:14">
      <c r="N267082" s="10"/>
    </row>
    <row r="267083" spans="14:14">
      <c r="N267083" s="10"/>
    </row>
    <row r="267084" spans="14:14">
      <c r="N267084" s="10"/>
    </row>
    <row r="267085" spans="14:14">
      <c r="N267085" s="10"/>
    </row>
    <row r="267086" spans="14:14">
      <c r="N267086" s="10"/>
    </row>
    <row r="267087" spans="14:14">
      <c r="N267087" s="10"/>
    </row>
    <row r="267088" spans="14:14">
      <c r="N267088" s="10"/>
    </row>
    <row r="267089" spans="14:14">
      <c r="N267089" s="10"/>
    </row>
    <row r="267090" spans="14:14">
      <c r="N267090" s="10"/>
    </row>
    <row r="267091" spans="14:14">
      <c r="N267091" s="10"/>
    </row>
    <row r="267092" spans="14:14">
      <c r="N267092" s="10"/>
    </row>
    <row r="267093" spans="14:14">
      <c r="N267093" s="10"/>
    </row>
    <row r="267094" spans="14:14">
      <c r="N267094" s="10"/>
    </row>
    <row r="267095" spans="14:14">
      <c r="N267095" s="10"/>
    </row>
    <row r="267096" spans="14:14">
      <c r="N267096" s="10"/>
    </row>
    <row r="267097" spans="14:14">
      <c r="N267097" s="10"/>
    </row>
    <row r="267098" spans="14:14">
      <c r="N267098" s="10"/>
    </row>
    <row r="267099" spans="14:14">
      <c r="N267099" s="10"/>
    </row>
    <row r="267100" spans="14:14">
      <c r="N267100" s="10"/>
    </row>
    <row r="267101" spans="14:14">
      <c r="N267101" s="10"/>
    </row>
    <row r="267102" spans="14:14">
      <c r="N267102" s="10"/>
    </row>
    <row r="267103" spans="14:14">
      <c r="N267103" s="10"/>
    </row>
    <row r="267104" spans="14:14">
      <c r="N267104" s="10"/>
    </row>
    <row r="267105" spans="14:14">
      <c r="N267105" s="10"/>
    </row>
    <row r="267106" spans="14:14">
      <c r="N267106" s="10"/>
    </row>
    <row r="267107" spans="14:14">
      <c r="N267107" s="10"/>
    </row>
    <row r="267108" spans="14:14">
      <c r="N267108" s="10"/>
    </row>
    <row r="267109" spans="14:14">
      <c r="N267109" s="10"/>
    </row>
    <row r="267110" spans="14:14">
      <c r="N267110" s="10"/>
    </row>
    <row r="267111" spans="14:14">
      <c r="N267111" s="10"/>
    </row>
    <row r="267112" spans="14:14">
      <c r="N267112" s="10"/>
    </row>
    <row r="267113" spans="14:14">
      <c r="N267113" s="10"/>
    </row>
    <row r="267114" spans="14:14">
      <c r="N267114" s="10"/>
    </row>
    <row r="267115" spans="14:14">
      <c r="N267115" s="10"/>
    </row>
    <row r="267116" spans="14:14">
      <c r="N267116" s="10"/>
    </row>
    <row r="267117" spans="14:14">
      <c r="N267117" s="10"/>
    </row>
    <row r="267118" spans="14:14">
      <c r="N267118" s="10"/>
    </row>
    <row r="267119" spans="14:14">
      <c r="N267119" s="10"/>
    </row>
    <row r="267120" spans="14:14">
      <c r="N267120" s="10"/>
    </row>
    <row r="267121" spans="14:14">
      <c r="N267121" s="10"/>
    </row>
    <row r="267122" spans="14:14">
      <c r="N267122" s="10"/>
    </row>
    <row r="267123" spans="14:14">
      <c r="N267123" s="10"/>
    </row>
    <row r="267124" spans="14:14">
      <c r="N267124" s="10"/>
    </row>
    <row r="267125" spans="14:14">
      <c r="N267125" s="10"/>
    </row>
    <row r="267126" spans="14:14">
      <c r="N267126" s="10"/>
    </row>
    <row r="267127" spans="14:14">
      <c r="N267127" s="10"/>
    </row>
    <row r="267128" spans="14:14">
      <c r="N267128" s="10"/>
    </row>
    <row r="267129" spans="14:14">
      <c r="N267129" s="10"/>
    </row>
    <row r="267130" spans="14:14">
      <c r="N267130" s="10"/>
    </row>
    <row r="267131" spans="14:14">
      <c r="N267131" s="10"/>
    </row>
    <row r="267132" spans="14:14">
      <c r="N267132" s="10"/>
    </row>
    <row r="267133" spans="14:14">
      <c r="N267133" s="10"/>
    </row>
    <row r="267134" spans="14:14">
      <c r="N267134" s="10"/>
    </row>
    <row r="267135" spans="14:14">
      <c r="N267135" s="10"/>
    </row>
    <row r="267136" spans="14:14">
      <c r="N267136" s="10"/>
    </row>
    <row r="267137" spans="14:14">
      <c r="N267137" s="10"/>
    </row>
    <row r="267138" spans="14:14">
      <c r="N267138" s="10"/>
    </row>
    <row r="267139" spans="14:14">
      <c r="N267139" s="10"/>
    </row>
    <row r="267140" spans="14:14">
      <c r="N267140" s="10"/>
    </row>
    <row r="267141" spans="14:14">
      <c r="N267141" s="10"/>
    </row>
    <row r="267142" spans="14:14">
      <c r="N267142" s="10"/>
    </row>
    <row r="267143" spans="14:14">
      <c r="N267143" s="10"/>
    </row>
    <row r="267144" spans="14:14">
      <c r="N267144" s="10"/>
    </row>
    <row r="267145" spans="14:14">
      <c r="N267145" s="10"/>
    </row>
    <row r="267146" spans="14:14">
      <c r="N267146" s="10"/>
    </row>
    <row r="267147" spans="14:14">
      <c r="N267147" s="10"/>
    </row>
    <row r="267148" spans="14:14">
      <c r="N267148" s="10"/>
    </row>
    <row r="267149" spans="14:14">
      <c r="N267149" s="10"/>
    </row>
    <row r="267150" spans="14:14">
      <c r="N267150" s="10"/>
    </row>
    <row r="267151" spans="14:14">
      <c r="N267151" s="10"/>
    </row>
    <row r="267152" spans="14:14">
      <c r="N267152" s="10"/>
    </row>
    <row r="267153" spans="14:14">
      <c r="N267153" s="10"/>
    </row>
    <row r="267154" spans="14:14">
      <c r="N267154" s="10"/>
    </row>
    <row r="267155" spans="14:14">
      <c r="N267155" s="10"/>
    </row>
    <row r="267156" spans="14:14">
      <c r="N267156" s="10"/>
    </row>
    <row r="267157" spans="14:14">
      <c r="N267157" s="10"/>
    </row>
    <row r="267158" spans="14:14">
      <c r="N267158" s="10"/>
    </row>
    <row r="267159" spans="14:14">
      <c r="N267159" s="10"/>
    </row>
    <row r="267160" spans="14:14">
      <c r="N267160" s="10"/>
    </row>
    <row r="267161" spans="14:14">
      <c r="N267161" s="10"/>
    </row>
    <row r="267162" spans="14:14">
      <c r="N267162" s="10"/>
    </row>
    <row r="267163" spans="14:14">
      <c r="N267163" s="10"/>
    </row>
    <row r="267164" spans="14:14">
      <c r="N267164" s="10"/>
    </row>
    <row r="267165" spans="14:14">
      <c r="N267165" s="10"/>
    </row>
    <row r="267166" spans="14:14">
      <c r="N267166" s="10"/>
    </row>
    <row r="267167" spans="14:14">
      <c r="N267167" s="10"/>
    </row>
    <row r="267168" spans="14:14">
      <c r="N267168" s="10"/>
    </row>
    <row r="267169" spans="14:14">
      <c r="N267169" s="10"/>
    </row>
    <row r="267170" spans="14:14">
      <c r="N267170" s="10"/>
    </row>
    <row r="267171" spans="14:14">
      <c r="N267171" s="10"/>
    </row>
    <row r="267172" spans="14:14">
      <c r="N267172" s="10"/>
    </row>
    <row r="267173" spans="14:14">
      <c r="N267173" s="10"/>
    </row>
    <row r="267174" spans="14:14">
      <c r="N267174" s="10"/>
    </row>
    <row r="267175" spans="14:14">
      <c r="N267175" s="10"/>
    </row>
    <row r="267176" spans="14:14">
      <c r="N267176" s="10"/>
    </row>
    <row r="267177" spans="14:14">
      <c r="N267177" s="10"/>
    </row>
    <row r="267178" spans="14:14">
      <c r="N267178" s="10"/>
    </row>
    <row r="267179" spans="14:14">
      <c r="N267179" s="10"/>
    </row>
    <row r="267180" spans="14:14">
      <c r="N267180" s="10"/>
    </row>
    <row r="267181" spans="14:14">
      <c r="N267181" s="10"/>
    </row>
    <row r="267182" spans="14:14">
      <c r="N267182" s="10"/>
    </row>
    <row r="267183" spans="14:14">
      <c r="N267183" s="10"/>
    </row>
    <row r="267184" spans="14:14">
      <c r="N267184" s="10"/>
    </row>
    <row r="267185" spans="14:14">
      <c r="N267185" s="10"/>
    </row>
    <row r="267186" spans="14:14">
      <c r="N267186" s="10"/>
    </row>
    <row r="267187" spans="14:14">
      <c r="N267187" s="10"/>
    </row>
    <row r="267188" spans="14:14">
      <c r="N267188" s="10"/>
    </row>
    <row r="267189" spans="14:14">
      <c r="N267189" s="10"/>
    </row>
    <row r="267190" spans="14:14">
      <c r="N267190" s="10"/>
    </row>
    <row r="267191" spans="14:14">
      <c r="N267191" s="10"/>
    </row>
    <row r="267192" spans="14:14">
      <c r="N267192" s="10"/>
    </row>
    <row r="267193" spans="14:14">
      <c r="N267193" s="10"/>
    </row>
    <row r="267194" spans="14:14">
      <c r="N267194" s="10"/>
    </row>
    <row r="267195" spans="14:14">
      <c r="N267195" s="10"/>
    </row>
    <row r="267196" spans="14:14">
      <c r="N267196" s="10"/>
    </row>
    <row r="267197" spans="14:14">
      <c r="N267197" s="10"/>
    </row>
    <row r="267198" spans="14:14">
      <c r="N267198" s="10"/>
    </row>
    <row r="267199" spans="14:14">
      <c r="N267199" s="10"/>
    </row>
    <row r="267200" spans="14:14">
      <c r="N267200" s="10"/>
    </row>
    <row r="267201" spans="14:14">
      <c r="N267201" s="10"/>
    </row>
    <row r="267202" spans="14:14">
      <c r="N267202" s="10"/>
    </row>
    <row r="267203" spans="14:14">
      <c r="N267203" s="10"/>
    </row>
    <row r="267204" spans="14:14">
      <c r="N267204" s="10"/>
    </row>
    <row r="267205" spans="14:14">
      <c r="N267205" s="10"/>
    </row>
    <row r="267206" spans="14:14">
      <c r="N267206" s="10"/>
    </row>
    <row r="267207" spans="14:14">
      <c r="N267207" s="10"/>
    </row>
    <row r="267208" spans="14:14">
      <c r="N267208" s="10"/>
    </row>
    <row r="267209" spans="14:14">
      <c r="N267209" s="10"/>
    </row>
    <row r="267210" spans="14:14">
      <c r="N267210" s="10"/>
    </row>
    <row r="267211" spans="14:14">
      <c r="N267211" s="10"/>
    </row>
    <row r="267212" spans="14:14">
      <c r="N267212" s="10"/>
    </row>
    <row r="267213" spans="14:14">
      <c r="N267213" s="10"/>
    </row>
    <row r="267214" spans="14:14">
      <c r="N267214" s="10"/>
    </row>
    <row r="267215" spans="14:14">
      <c r="N267215" s="10"/>
    </row>
    <row r="267216" spans="14:14">
      <c r="N267216" s="10"/>
    </row>
    <row r="267217" spans="14:14">
      <c r="N267217" s="10"/>
    </row>
    <row r="267218" spans="14:14">
      <c r="N267218" s="10"/>
    </row>
    <row r="267219" spans="14:14">
      <c r="N267219" s="10"/>
    </row>
    <row r="267220" spans="14:14">
      <c r="N267220" s="10"/>
    </row>
    <row r="267221" spans="14:14">
      <c r="N267221" s="10"/>
    </row>
    <row r="267222" spans="14:14">
      <c r="N267222" s="10"/>
    </row>
    <row r="267223" spans="14:14">
      <c r="N267223" s="10"/>
    </row>
    <row r="267224" spans="14:14">
      <c r="N267224" s="10"/>
    </row>
    <row r="267225" spans="14:14">
      <c r="N267225" s="10"/>
    </row>
    <row r="267226" spans="14:14">
      <c r="N267226" s="10"/>
    </row>
    <row r="267227" spans="14:14">
      <c r="N267227" s="10"/>
    </row>
    <row r="267228" spans="14:14">
      <c r="N267228" s="10"/>
    </row>
    <row r="267229" spans="14:14">
      <c r="N267229" s="10"/>
    </row>
    <row r="267230" spans="14:14">
      <c r="N267230" s="10"/>
    </row>
    <row r="267231" spans="14:14">
      <c r="N267231" s="10"/>
    </row>
    <row r="267232" spans="14:14">
      <c r="N267232" s="10"/>
    </row>
    <row r="267233" spans="14:14">
      <c r="N267233" s="10"/>
    </row>
    <row r="267234" spans="14:14">
      <c r="N267234" s="10"/>
    </row>
    <row r="267235" spans="14:14">
      <c r="N267235" s="10"/>
    </row>
    <row r="267236" spans="14:14">
      <c r="N267236" s="10"/>
    </row>
    <row r="267237" spans="14:14">
      <c r="N267237" s="10"/>
    </row>
    <row r="267238" spans="14:14">
      <c r="N267238" s="10"/>
    </row>
    <row r="267239" spans="14:14">
      <c r="N267239" s="10"/>
    </row>
    <row r="267240" spans="14:14">
      <c r="N267240" s="10"/>
    </row>
    <row r="267241" spans="14:14">
      <c r="N267241" s="10"/>
    </row>
    <row r="267242" spans="14:14">
      <c r="N267242" s="10"/>
    </row>
    <row r="267243" spans="14:14">
      <c r="N267243" s="10"/>
    </row>
    <row r="267244" spans="14:14">
      <c r="N267244" s="10"/>
    </row>
    <row r="267245" spans="14:14">
      <c r="N267245" s="10"/>
    </row>
    <row r="267246" spans="14:14">
      <c r="N267246" s="10"/>
    </row>
    <row r="267247" spans="14:14">
      <c r="N267247" s="10"/>
    </row>
    <row r="267248" spans="14:14">
      <c r="N267248" s="10"/>
    </row>
    <row r="267249" spans="14:14">
      <c r="N267249" s="10"/>
    </row>
    <row r="267250" spans="14:14">
      <c r="N267250" s="10"/>
    </row>
    <row r="267251" spans="14:14">
      <c r="N267251" s="10"/>
    </row>
    <row r="267252" spans="14:14">
      <c r="N267252" s="10"/>
    </row>
    <row r="267253" spans="14:14">
      <c r="N267253" s="10"/>
    </row>
    <row r="267254" spans="14:14">
      <c r="N267254" s="10"/>
    </row>
    <row r="267255" spans="14:14">
      <c r="N267255" s="10"/>
    </row>
    <row r="267256" spans="14:14">
      <c r="N267256" s="10"/>
    </row>
    <row r="267257" spans="14:14">
      <c r="N267257" s="10"/>
    </row>
    <row r="267258" spans="14:14">
      <c r="N267258" s="10"/>
    </row>
    <row r="267259" spans="14:14">
      <c r="N267259" s="10"/>
    </row>
    <row r="267260" spans="14:14">
      <c r="N267260" s="10"/>
    </row>
    <row r="267261" spans="14:14">
      <c r="N267261" s="10"/>
    </row>
    <row r="267262" spans="14:14">
      <c r="N267262" s="10"/>
    </row>
    <row r="267263" spans="14:14">
      <c r="N267263" s="10"/>
    </row>
    <row r="267264" spans="14:14">
      <c r="N267264" s="10"/>
    </row>
    <row r="267265" spans="14:14">
      <c r="N267265" s="10"/>
    </row>
    <row r="267266" spans="14:14">
      <c r="N267266" s="10"/>
    </row>
    <row r="267267" spans="14:14">
      <c r="N267267" s="10"/>
    </row>
    <row r="267268" spans="14:14">
      <c r="N267268" s="10"/>
    </row>
    <row r="267269" spans="14:14">
      <c r="N267269" s="10"/>
    </row>
    <row r="267270" spans="14:14">
      <c r="N267270" s="10"/>
    </row>
    <row r="267271" spans="14:14">
      <c r="N267271" s="10"/>
    </row>
    <row r="267272" spans="14:14">
      <c r="N267272" s="10"/>
    </row>
    <row r="267273" spans="14:14">
      <c r="N267273" s="10"/>
    </row>
    <row r="267274" spans="14:14">
      <c r="N267274" s="10"/>
    </row>
    <row r="267275" spans="14:14">
      <c r="N267275" s="10"/>
    </row>
    <row r="267276" spans="14:14">
      <c r="N267276" s="10"/>
    </row>
    <row r="267277" spans="14:14">
      <c r="N267277" s="10"/>
    </row>
    <row r="267278" spans="14:14">
      <c r="N267278" s="10"/>
    </row>
    <row r="267279" spans="14:14">
      <c r="N267279" s="10"/>
    </row>
    <row r="267280" spans="14:14">
      <c r="N267280" s="10"/>
    </row>
    <row r="267281" spans="14:14">
      <c r="N267281" s="10"/>
    </row>
    <row r="267282" spans="14:14">
      <c r="N267282" s="10"/>
    </row>
    <row r="267283" spans="14:14">
      <c r="N267283" s="10"/>
    </row>
    <row r="267284" spans="14:14">
      <c r="N267284" s="10"/>
    </row>
    <row r="267285" spans="14:14">
      <c r="N267285" s="10"/>
    </row>
    <row r="267286" spans="14:14">
      <c r="N267286" s="10"/>
    </row>
    <row r="267287" spans="14:14">
      <c r="N267287" s="10"/>
    </row>
    <row r="267288" spans="14:14">
      <c r="N267288" s="10"/>
    </row>
    <row r="267289" spans="14:14">
      <c r="N267289" s="10"/>
    </row>
    <row r="267290" spans="14:14">
      <c r="N267290" s="10"/>
    </row>
    <row r="267291" spans="14:14">
      <c r="N267291" s="10"/>
    </row>
    <row r="267292" spans="14:14">
      <c r="N267292" s="10"/>
    </row>
    <row r="267293" spans="14:14">
      <c r="N267293" s="10"/>
    </row>
    <row r="267294" spans="14:14">
      <c r="N267294" s="10"/>
    </row>
    <row r="267295" spans="14:14">
      <c r="N267295" s="10"/>
    </row>
    <row r="267296" spans="14:14">
      <c r="N267296" s="10"/>
    </row>
    <row r="267297" spans="14:14">
      <c r="N267297" s="10"/>
    </row>
    <row r="267298" spans="14:14">
      <c r="N267298" s="10"/>
    </row>
    <row r="267299" spans="14:14">
      <c r="N267299" s="10"/>
    </row>
    <row r="267300" spans="14:14">
      <c r="N267300" s="10"/>
    </row>
    <row r="267301" spans="14:14">
      <c r="N267301" s="10"/>
    </row>
    <row r="267302" spans="14:14">
      <c r="N267302" s="10"/>
    </row>
    <row r="267303" spans="14:14">
      <c r="N267303" s="10"/>
    </row>
    <row r="267304" spans="14:14">
      <c r="N267304" s="10"/>
    </row>
    <row r="267305" spans="14:14">
      <c r="N267305" s="10"/>
    </row>
    <row r="267306" spans="14:14">
      <c r="N267306" s="10"/>
    </row>
    <row r="267307" spans="14:14">
      <c r="N267307" s="10"/>
    </row>
    <row r="267308" spans="14:14">
      <c r="N267308" s="10"/>
    </row>
    <row r="267309" spans="14:14">
      <c r="N267309" s="10"/>
    </row>
    <row r="267310" spans="14:14">
      <c r="N267310" s="10"/>
    </row>
    <row r="267311" spans="14:14">
      <c r="N267311" s="10"/>
    </row>
    <row r="267312" spans="14:14">
      <c r="N267312" s="10"/>
    </row>
    <row r="267313" spans="14:14">
      <c r="N267313" s="10"/>
    </row>
    <row r="267314" spans="14:14">
      <c r="N267314" s="10"/>
    </row>
    <row r="267315" spans="14:14">
      <c r="N267315" s="10"/>
    </row>
    <row r="267316" spans="14:14">
      <c r="N267316" s="10"/>
    </row>
    <row r="267317" spans="14:14">
      <c r="N267317" s="10"/>
    </row>
    <row r="267318" spans="14:14">
      <c r="N267318" s="10"/>
    </row>
    <row r="267319" spans="14:14">
      <c r="N267319" s="10"/>
    </row>
    <row r="267320" spans="14:14">
      <c r="N267320" s="10"/>
    </row>
    <row r="267321" spans="14:14">
      <c r="N267321" s="10"/>
    </row>
    <row r="267322" spans="14:14">
      <c r="N267322" s="10"/>
    </row>
    <row r="267323" spans="14:14">
      <c r="N267323" s="10"/>
    </row>
    <row r="267324" spans="14:14">
      <c r="N267324" s="10"/>
    </row>
    <row r="267325" spans="14:14">
      <c r="N267325" s="10"/>
    </row>
    <row r="267326" spans="14:14">
      <c r="N267326" s="10"/>
    </row>
    <row r="267327" spans="14:14">
      <c r="N267327" s="10"/>
    </row>
    <row r="267328" spans="14:14">
      <c r="N267328" s="10"/>
    </row>
    <row r="267329" spans="14:14">
      <c r="N267329" s="10"/>
    </row>
    <row r="267330" spans="14:14">
      <c r="N267330" s="10"/>
    </row>
    <row r="267331" spans="14:14">
      <c r="N267331" s="10"/>
    </row>
    <row r="267332" spans="14:14">
      <c r="N267332" s="10"/>
    </row>
    <row r="267333" spans="14:14">
      <c r="N267333" s="10"/>
    </row>
    <row r="267334" spans="14:14">
      <c r="N267334" s="10"/>
    </row>
    <row r="267335" spans="14:14">
      <c r="N267335" s="10"/>
    </row>
    <row r="267336" spans="14:14">
      <c r="N267336" s="10"/>
    </row>
    <row r="267337" spans="14:14">
      <c r="N267337" s="10"/>
    </row>
    <row r="267338" spans="14:14">
      <c r="N267338" s="10"/>
    </row>
    <row r="267339" spans="14:14">
      <c r="N267339" s="10"/>
    </row>
    <row r="267340" spans="14:14">
      <c r="N267340" s="10"/>
    </row>
    <row r="267341" spans="14:14">
      <c r="N267341" s="10"/>
    </row>
    <row r="267342" spans="14:14">
      <c r="N267342" s="10"/>
    </row>
    <row r="267343" spans="14:14">
      <c r="N267343" s="10"/>
    </row>
    <row r="267344" spans="14:14">
      <c r="N267344" s="10"/>
    </row>
    <row r="267345" spans="14:14">
      <c r="N267345" s="10"/>
    </row>
    <row r="267346" spans="14:14">
      <c r="N267346" s="10"/>
    </row>
    <row r="267347" spans="14:14">
      <c r="N267347" s="10"/>
    </row>
    <row r="267348" spans="14:14">
      <c r="N267348" s="10"/>
    </row>
    <row r="267349" spans="14:14">
      <c r="N267349" s="10"/>
    </row>
    <row r="267350" spans="14:14">
      <c r="N267350" s="10"/>
    </row>
    <row r="267351" spans="14:14">
      <c r="N267351" s="10"/>
    </row>
    <row r="267352" spans="14:14">
      <c r="N267352" s="10"/>
    </row>
    <row r="267353" spans="14:14">
      <c r="N267353" s="10"/>
    </row>
    <row r="267354" spans="14:14">
      <c r="N267354" s="10"/>
    </row>
    <row r="267355" spans="14:14">
      <c r="N267355" s="10"/>
    </row>
    <row r="267356" spans="14:14">
      <c r="N267356" s="10"/>
    </row>
    <row r="267357" spans="14:14">
      <c r="N267357" s="10"/>
    </row>
    <row r="267358" spans="14:14">
      <c r="N267358" s="10"/>
    </row>
    <row r="267359" spans="14:14">
      <c r="N267359" s="10"/>
    </row>
    <row r="267360" spans="14:14">
      <c r="N267360" s="10"/>
    </row>
    <row r="267361" spans="14:14">
      <c r="N267361" s="10"/>
    </row>
    <row r="267362" spans="14:14">
      <c r="N267362" s="10"/>
    </row>
    <row r="267363" spans="14:14">
      <c r="N267363" s="10"/>
    </row>
    <row r="267364" spans="14:14">
      <c r="N267364" s="10"/>
    </row>
    <row r="267365" spans="14:14">
      <c r="N267365" s="10"/>
    </row>
    <row r="267366" spans="14:14">
      <c r="N267366" s="10"/>
    </row>
    <row r="267367" spans="14:14">
      <c r="N267367" s="10"/>
    </row>
    <row r="267368" spans="14:14">
      <c r="N267368" s="10"/>
    </row>
    <row r="267369" spans="14:14">
      <c r="N267369" s="10"/>
    </row>
    <row r="267370" spans="14:14">
      <c r="N267370" s="10"/>
    </row>
    <row r="267371" spans="14:14">
      <c r="N267371" s="10"/>
    </row>
    <row r="267372" spans="14:14">
      <c r="N267372" s="10"/>
    </row>
    <row r="267373" spans="14:14">
      <c r="N267373" s="10"/>
    </row>
    <row r="267374" spans="14:14">
      <c r="N267374" s="10"/>
    </row>
    <row r="267375" spans="14:14">
      <c r="N267375" s="10"/>
    </row>
    <row r="267376" spans="14:14">
      <c r="N267376" s="10"/>
    </row>
    <row r="267377" spans="14:14">
      <c r="N267377" s="10"/>
    </row>
    <row r="267378" spans="14:14">
      <c r="N267378" s="10"/>
    </row>
    <row r="267379" spans="14:14">
      <c r="N267379" s="10"/>
    </row>
    <row r="267380" spans="14:14">
      <c r="N267380" s="10"/>
    </row>
    <row r="267381" spans="14:14">
      <c r="N267381" s="10"/>
    </row>
    <row r="267382" spans="14:14">
      <c r="N267382" s="10"/>
    </row>
    <row r="267383" spans="14:14">
      <c r="N267383" s="10"/>
    </row>
    <row r="267384" spans="14:14">
      <c r="N267384" s="10"/>
    </row>
    <row r="267385" spans="14:14">
      <c r="N267385" s="10"/>
    </row>
    <row r="267386" spans="14:14">
      <c r="N267386" s="10"/>
    </row>
    <row r="267387" spans="14:14">
      <c r="N267387" s="10"/>
    </row>
    <row r="267388" spans="14:14">
      <c r="N267388" s="10"/>
    </row>
    <row r="267389" spans="14:14">
      <c r="N267389" s="10"/>
    </row>
    <row r="267390" spans="14:14">
      <c r="N267390" s="10"/>
    </row>
    <row r="267391" spans="14:14">
      <c r="N267391" s="10"/>
    </row>
    <row r="267392" spans="14:14">
      <c r="N267392" s="10"/>
    </row>
    <row r="267393" spans="14:14">
      <c r="N267393" s="10"/>
    </row>
    <row r="267394" spans="14:14">
      <c r="N267394" s="10"/>
    </row>
    <row r="267395" spans="14:14">
      <c r="N267395" s="10"/>
    </row>
    <row r="267396" spans="14:14">
      <c r="N267396" s="10"/>
    </row>
    <row r="267397" spans="14:14">
      <c r="N267397" s="10"/>
    </row>
    <row r="267398" spans="14:14">
      <c r="N267398" s="10"/>
    </row>
    <row r="267399" spans="14:14">
      <c r="N267399" s="10"/>
    </row>
    <row r="267400" spans="14:14">
      <c r="N267400" s="10"/>
    </row>
    <row r="267401" spans="14:14">
      <c r="N267401" s="10"/>
    </row>
    <row r="267402" spans="14:14">
      <c r="N267402" s="10"/>
    </row>
    <row r="267403" spans="14:14">
      <c r="N267403" s="10"/>
    </row>
    <row r="267404" spans="14:14">
      <c r="N267404" s="10"/>
    </row>
    <row r="267405" spans="14:14">
      <c r="N267405" s="10"/>
    </row>
    <row r="267406" spans="14:14">
      <c r="N267406" s="10"/>
    </row>
    <row r="267407" spans="14:14">
      <c r="N267407" s="10"/>
    </row>
    <row r="267408" spans="14:14">
      <c r="N267408" s="10"/>
    </row>
    <row r="267409" spans="14:14">
      <c r="N267409" s="10"/>
    </row>
    <row r="267410" spans="14:14">
      <c r="N267410" s="10"/>
    </row>
    <row r="267411" spans="14:14">
      <c r="N267411" s="10"/>
    </row>
    <row r="267412" spans="14:14">
      <c r="N267412" s="10"/>
    </row>
    <row r="267413" spans="14:14">
      <c r="N267413" s="10"/>
    </row>
    <row r="267414" spans="14:14">
      <c r="N267414" s="10"/>
    </row>
    <row r="267415" spans="14:14">
      <c r="N267415" s="10"/>
    </row>
    <row r="267416" spans="14:14">
      <c r="N267416" s="10"/>
    </row>
    <row r="267417" spans="14:14">
      <c r="N267417" s="10"/>
    </row>
    <row r="267418" spans="14:14">
      <c r="N267418" s="10"/>
    </row>
    <row r="267419" spans="14:14">
      <c r="N267419" s="10"/>
    </row>
    <row r="267420" spans="14:14">
      <c r="N267420" s="10"/>
    </row>
    <row r="267421" spans="14:14">
      <c r="N267421" s="10"/>
    </row>
    <row r="267422" spans="14:14">
      <c r="N267422" s="10"/>
    </row>
    <row r="267423" spans="14:14">
      <c r="N267423" s="10"/>
    </row>
    <row r="267424" spans="14:14">
      <c r="N267424" s="10"/>
    </row>
    <row r="267425" spans="14:14">
      <c r="N267425" s="10"/>
    </row>
    <row r="267426" spans="14:14">
      <c r="N267426" s="10"/>
    </row>
    <row r="267427" spans="14:14">
      <c r="N267427" s="10"/>
    </row>
    <row r="267428" spans="14:14">
      <c r="N267428" s="10"/>
    </row>
    <row r="267429" spans="14:14">
      <c r="N267429" s="10"/>
    </row>
    <row r="267430" spans="14:14">
      <c r="N267430" s="10"/>
    </row>
    <row r="267431" spans="14:14">
      <c r="N267431" s="10"/>
    </row>
    <row r="267432" spans="14:14">
      <c r="N267432" s="10"/>
    </row>
    <row r="267433" spans="14:14">
      <c r="N267433" s="10"/>
    </row>
    <row r="267434" spans="14:14">
      <c r="N267434" s="10"/>
    </row>
    <row r="267435" spans="14:14">
      <c r="N267435" s="10"/>
    </row>
    <row r="267436" spans="14:14">
      <c r="N267436" s="10"/>
    </row>
    <row r="267437" spans="14:14">
      <c r="N267437" s="10"/>
    </row>
    <row r="267438" spans="14:14">
      <c r="N267438" s="10"/>
    </row>
    <row r="267439" spans="14:14">
      <c r="N267439" s="10"/>
    </row>
    <row r="267440" spans="14:14">
      <c r="N267440" s="10"/>
    </row>
    <row r="267441" spans="14:14">
      <c r="N267441" s="10"/>
    </row>
    <row r="267442" spans="14:14">
      <c r="N267442" s="10"/>
    </row>
    <row r="267443" spans="14:14">
      <c r="N267443" s="10"/>
    </row>
    <row r="267444" spans="14:14">
      <c r="N267444" s="10"/>
    </row>
    <row r="267445" spans="14:14">
      <c r="N267445" s="10"/>
    </row>
    <row r="267446" spans="14:14">
      <c r="N267446" s="10"/>
    </row>
    <row r="267447" spans="14:14">
      <c r="N267447" s="10"/>
    </row>
    <row r="267448" spans="14:14">
      <c r="N267448" s="10"/>
    </row>
    <row r="267449" spans="14:14">
      <c r="N267449" s="10"/>
    </row>
    <row r="267450" spans="14:14">
      <c r="N267450" s="10"/>
    </row>
    <row r="267451" spans="14:14">
      <c r="N267451" s="10"/>
    </row>
    <row r="267452" spans="14:14">
      <c r="N267452" s="10"/>
    </row>
    <row r="267453" spans="14:14">
      <c r="N267453" s="10"/>
    </row>
    <row r="267454" spans="14:14">
      <c r="N267454" s="10"/>
    </row>
    <row r="267455" spans="14:14">
      <c r="N267455" s="10"/>
    </row>
    <row r="267456" spans="14:14">
      <c r="N267456" s="10"/>
    </row>
    <row r="267457" spans="14:14">
      <c r="N267457" s="10"/>
    </row>
    <row r="267458" spans="14:14">
      <c r="N267458" s="10"/>
    </row>
    <row r="267459" spans="14:14">
      <c r="N267459" s="10"/>
    </row>
    <row r="267460" spans="14:14">
      <c r="N267460" s="10"/>
    </row>
    <row r="267461" spans="14:14">
      <c r="N267461" s="10"/>
    </row>
    <row r="267462" spans="14:14">
      <c r="N267462" s="10"/>
    </row>
    <row r="267463" spans="14:14">
      <c r="N267463" s="10"/>
    </row>
    <row r="267464" spans="14:14">
      <c r="N267464" s="10"/>
    </row>
    <row r="267465" spans="14:14">
      <c r="N267465" s="10"/>
    </row>
    <row r="267466" spans="14:14">
      <c r="N267466" s="10"/>
    </row>
    <row r="267467" spans="14:14">
      <c r="N267467" s="10"/>
    </row>
    <row r="267468" spans="14:14">
      <c r="N267468" s="10"/>
    </row>
    <row r="267469" spans="14:14">
      <c r="N267469" s="10"/>
    </row>
    <row r="267470" spans="14:14">
      <c r="N267470" s="10"/>
    </row>
    <row r="267471" spans="14:14">
      <c r="N267471" s="10"/>
    </row>
    <row r="267472" spans="14:14">
      <c r="N267472" s="10"/>
    </row>
    <row r="267473" spans="14:14">
      <c r="N267473" s="10"/>
    </row>
    <row r="267474" spans="14:14">
      <c r="N267474" s="10"/>
    </row>
    <row r="267475" spans="14:14">
      <c r="N267475" s="10"/>
    </row>
    <row r="267476" spans="14:14">
      <c r="N267476" s="10"/>
    </row>
    <row r="267477" spans="14:14">
      <c r="N267477" s="10"/>
    </row>
    <row r="267478" spans="14:14">
      <c r="N267478" s="10"/>
    </row>
    <row r="267479" spans="14:14">
      <c r="N267479" s="10"/>
    </row>
    <row r="267480" spans="14:14">
      <c r="N267480" s="10"/>
    </row>
    <row r="267481" spans="14:14">
      <c r="N267481" s="10"/>
    </row>
    <row r="267482" spans="14:14">
      <c r="N267482" s="10"/>
    </row>
    <row r="267483" spans="14:14">
      <c r="N267483" s="10"/>
    </row>
    <row r="267484" spans="14:14">
      <c r="N267484" s="10"/>
    </row>
    <row r="267485" spans="14:14">
      <c r="N267485" s="10"/>
    </row>
    <row r="267486" spans="14:14">
      <c r="N267486" s="10"/>
    </row>
    <row r="267487" spans="14:14">
      <c r="N267487" s="10"/>
    </row>
    <row r="267488" spans="14:14">
      <c r="N267488" s="10"/>
    </row>
    <row r="267489" spans="14:14">
      <c r="N267489" s="10"/>
    </row>
    <row r="267490" spans="14:14">
      <c r="N267490" s="10"/>
    </row>
    <row r="267491" spans="14:14">
      <c r="N267491" s="10"/>
    </row>
    <row r="267492" spans="14:14">
      <c r="N267492" s="10"/>
    </row>
    <row r="267493" spans="14:14">
      <c r="N267493" s="10"/>
    </row>
    <row r="267494" spans="14:14">
      <c r="N267494" s="10"/>
    </row>
    <row r="267495" spans="14:14">
      <c r="N267495" s="10"/>
    </row>
    <row r="267496" spans="14:14">
      <c r="N267496" s="10"/>
    </row>
    <row r="267497" spans="14:14">
      <c r="N267497" s="10"/>
    </row>
    <row r="267498" spans="14:14">
      <c r="N267498" s="10"/>
    </row>
    <row r="267499" spans="14:14">
      <c r="N267499" s="10"/>
    </row>
    <row r="267500" spans="14:14">
      <c r="N267500" s="10"/>
    </row>
    <row r="267501" spans="14:14">
      <c r="N267501" s="10"/>
    </row>
    <row r="267502" spans="14:14">
      <c r="N267502" s="10"/>
    </row>
    <row r="267503" spans="14:14">
      <c r="N267503" s="10"/>
    </row>
    <row r="267504" spans="14:14">
      <c r="N267504" s="10"/>
    </row>
    <row r="267505" spans="14:14">
      <c r="N267505" s="10"/>
    </row>
    <row r="267506" spans="14:14">
      <c r="N267506" s="10"/>
    </row>
    <row r="267507" spans="14:14">
      <c r="N267507" s="10"/>
    </row>
    <row r="267508" spans="14:14">
      <c r="N267508" s="10"/>
    </row>
    <row r="267509" spans="14:14">
      <c r="N267509" s="10"/>
    </row>
    <row r="267510" spans="14:14">
      <c r="N267510" s="10"/>
    </row>
    <row r="267511" spans="14:14">
      <c r="N267511" s="10"/>
    </row>
    <row r="267512" spans="14:14">
      <c r="N267512" s="10"/>
    </row>
    <row r="267513" spans="14:14">
      <c r="N267513" s="10"/>
    </row>
    <row r="267514" spans="14:14">
      <c r="N267514" s="10"/>
    </row>
    <row r="267515" spans="14:14">
      <c r="N267515" s="10"/>
    </row>
    <row r="267516" spans="14:14">
      <c r="N267516" s="10"/>
    </row>
    <row r="267517" spans="14:14">
      <c r="N267517" s="10"/>
    </row>
    <row r="267518" spans="14:14">
      <c r="N267518" s="10"/>
    </row>
    <row r="267519" spans="14:14">
      <c r="N267519" s="10"/>
    </row>
    <row r="267520" spans="14:14">
      <c r="N267520" s="10"/>
    </row>
    <row r="267521" spans="14:14">
      <c r="N267521" s="10"/>
    </row>
    <row r="267522" spans="14:14">
      <c r="N267522" s="10"/>
    </row>
    <row r="267523" spans="14:14">
      <c r="N267523" s="10"/>
    </row>
    <row r="267524" spans="14:14">
      <c r="N267524" s="10"/>
    </row>
    <row r="267525" spans="14:14">
      <c r="N267525" s="10"/>
    </row>
    <row r="267526" spans="14:14">
      <c r="N267526" s="10"/>
    </row>
    <row r="267527" spans="14:14">
      <c r="N267527" s="10"/>
    </row>
    <row r="267528" spans="14:14">
      <c r="N267528" s="10"/>
    </row>
    <row r="267529" spans="14:14">
      <c r="N267529" s="10"/>
    </row>
    <row r="267530" spans="14:14">
      <c r="N267530" s="10"/>
    </row>
    <row r="267531" spans="14:14">
      <c r="N267531" s="10"/>
    </row>
    <row r="267532" spans="14:14">
      <c r="N267532" s="10"/>
    </row>
    <row r="267533" spans="14:14">
      <c r="N267533" s="10"/>
    </row>
    <row r="267534" spans="14:14">
      <c r="N267534" s="10"/>
    </row>
    <row r="267535" spans="14:14">
      <c r="N267535" s="10"/>
    </row>
    <row r="267536" spans="14:14">
      <c r="N267536" s="10"/>
    </row>
    <row r="267537" spans="14:14">
      <c r="N267537" s="10"/>
    </row>
    <row r="267538" spans="14:14">
      <c r="N267538" s="10"/>
    </row>
    <row r="267539" spans="14:14">
      <c r="N267539" s="10"/>
    </row>
    <row r="267540" spans="14:14">
      <c r="N267540" s="10"/>
    </row>
    <row r="267541" spans="14:14">
      <c r="N267541" s="10"/>
    </row>
    <row r="267542" spans="14:14">
      <c r="N267542" s="10"/>
    </row>
    <row r="267543" spans="14:14">
      <c r="N267543" s="10"/>
    </row>
    <row r="267544" spans="14:14">
      <c r="N267544" s="10"/>
    </row>
    <row r="267545" spans="14:14">
      <c r="N267545" s="10"/>
    </row>
    <row r="267546" spans="14:14">
      <c r="N267546" s="10"/>
    </row>
    <row r="267547" spans="14:14">
      <c r="N267547" s="10"/>
    </row>
    <row r="267548" spans="14:14">
      <c r="N267548" s="10"/>
    </row>
    <row r="267549" spans="14:14">
      <c r="N267549" s="10"/>
    </row>
    <row r="267550" spans="14:14">
      <c r="N267550" s="10"/>
    </row>
    <row r="267551" spans="14:14">
      <c r="N267551" s="10"/>
    </row>
    <row r="267552" spans="14:14">
      <c r="N267552" s="10"/>
    </row>
    <row r="267553" spans="14:14">
      <c r="N267553" s="10"/>
    </row>
    <row r="267554" spans="14:14">
      <c r="N267554" s="10"/>
    </row>
    <row r="267555" spans="14:14">
      <c r="N267555" s="10"/>
    </row>
    <row r="267556" spans="14:14">
      <c r="N267556" s="10"/>
    </row>
    <row r="267557" spans="14:14">
      <c r="N267557" s="10"/>
    </row>
    <row r="267558" spans="14:14">
      <c r="N267558" s="10"/>
    </row>
    <row r="267559" spans="14:14">
      <c r="N267559" s="10"/>
    </row>
    <row r="267560" spans="14:14">
      <c r="N267560" s="10"/>
    </row>
    <row r="267561" spans="14:14">
      <c r="N267561" s="10"/>
    </row>
    <row r="267562" spans="14:14">
      <c r="N267562" s="10"/>
    </row>
    <row r="267563" spans="14:14">
      <c r="N267563" s="10"/>
    </row>
    <row r="267564" spans="14:14">
      <c r="N267564" s="10"/>
    </row>
    <row r="267565" spans="14:14">
      <c r="N267565" s="10"/>
    </row>
    <row r="267566" spans="14:14">
      <c r="N267566" s="10"/>
    </row>
    <row r="267567" spans="14:14">
      <c r="N267567" s="10"/>
    </row>
    <row r="267568" spans="14:14">
      <c r="N267568" s="10"/>
    </row>
    <row r="267569" spans="14:14">
      <c r="N267569" s="10"/>
    </row>
    <row r="267570" spans="14:14">
      <c r="N267570" s="10"/>
    </row>
    <row r="267571" spans="14:14">
      <c r="N267571" s="10"/>
    </row>
    <row r="267572" spans="14:14">
      <c r="N267572" s="10"/>
    </row>
    <row r="267573" spans="14:14">
      <c r="N267573" s="10"/>
    </row>
    <row r="267574" spans="14:14">
      <c r="N267574" s="10"/>
    </row>
    <row r="267575" spans="14:14">
      <c r="N267575" s="10"/>
    </row>
    <row r="267576" spans="14:14">
      <c r="N267576" s="10"/>
    </row>
    <row r="267577" spans="14:14">
      <c r="N267577" s="10"/>
    </row>
    <row r="267578" spans="14:14">
      <c r="N267578" s="10"/>
    </row>
    <row r="267579" spans="14:14">
      <c r="N267579" s="10"/>
    </row>
    <row r="267580" spans="14:14">
      <c r="N267580" s="10"/>
    </row>
    <row r="267581" spans="14:14">
      <c r="N267581" s="10"/>
    </row>
    <row r="267582" spans="14:14">
      <c r="N267582" s="10"/>
    </row>
    <row r="267583" spans="14:14">
      <c r="N267583" s="10"/>
    </row>
    <row r="267584" spans="14:14">
      <c r="N267584" s="10"/>
    </row>
    <row r="267585" spans="14:14">
      <c r="N267585" s="10"/>
    </row>
    <row r="267586" spans="14:14">
      <c r="N267586" s="10"/>
    </row>
    <row r="267587" spans="14:14">
      <c r="N267587" s="10"/>
    </row>
    <row r="267588" spans="14:14">
      <c r="N267588" s="10"/>
    </row>
    <row r="267589" spans="14:14">
      <c r="N267589" s="10"/>
    </row>
    <row r="267590" spans="14:14">
      <c r="N267590" s="10"/>
    </row>
    <row r="267591" spans="14:14">
      <c r="N267591" s="10"/>
    </row>
    <row r="267592" spans="14:14">
      <c r="N267592" s="10"/>
    </row>
    <row r="267593" spans="14:14">
      <c r="N267593" s="10"/>
    </row>
    <row r="267594" spans="14:14">
      <c r="N267594" s="10"/>
    </row>
    <row r="267595" spans="14:14">
      <c r="N267595" s="10"/>
    </row>
    <row r="267596" spans="14:14">
      <c r="N267596" s="10"/>
    </row>
    <row r="267597" spans="14:14">
      <c r="N267597" s="10"/>
    </row>
    <row r="267598" spans="14:14">
      <c r="N267598" s="10"/>
    </row>
    <row r="267599" spans="14:14">
      <c r="N267599" s="10"/>
    </row>
    <row r="267600" spans="14:14">
      <c r="N267600" s="10"/>
    </row>
    <row r="267601" spans="14:14">
      <c r="N267601" s="10"/>
    </row>
    <row r="267602" spans="14:14">
      <c r="N267602" s="10"/>
    </row>
    <row r="267603" spans="14:14">
      <c r="N267603" s="10"/>
    </row>
    <row r="267604" spans="14:14">
      <c r="N267604" s="10"/>
    </row>
    <row r="267605" spans="14:14">
      <c r="N267605" s="10"/>
    </row>
    <row r="267606" spans="14:14">
      <c r="N267606" s="10"/>
    </row>
    <row r="267607" spans="14:14">
      <c r="N267607" s="10"/>
    </row>
    <row r="267608" spans="14:14">
      <c r="N267608" s="10"/>
    </row>
    <row r="267609" spans="14:14">
      <c r="N267609" s="10"/>
    </row>
    <row r="267610" spans="14:14">
      <c r="N267610" s="10"/>
    </row>
    <row r="267611" spans="14:14">
      <c r="N267611" s="10"/>
    </row>
    <row r="267612" spans="14:14">
      <c r="N267612" s="10"/>
    </row>
    <row r="267613" spans="14:14">
      <c r="N267613" s="10"/>
    </row>
    <row r="267614" spans="14:14">
      <c r="N267614" s="10"/>
    </row>
    <row r="267615" spans="14:14">
      <c r="N267615" s="10"/>
    </row>
    <row r="267616" spans="14:14">
      <c r="N267616" s="10"/>
    </row>
    <row r="267617" spans="14:14">
      <c r="N267617" s="10"/>
    </row>
    <row r="267618" spans="14:14">
      <c r="N267618" s="10"/>
    </row>
    <row r="267619" spans="14:14">
      <c r="N267619" s="10"/>
    </row>
    <row r="267620" spans="14:14">
      <c r="N267620" s="10"/>
    </row>
    <row r="267621" spans="14:14">
      <c r="N267621" s="10"/>
    </row>
    <row r="267622" spans="14:14">
      <c r="N267622" s="10"/>
    </row>
    <row r="267623" spans="14:14">
      <c r="N267623" s="10"/>
    </row>
    <row r="267624" spans="14:14">
      <c r="N267624" s="10"/>
    </row>
    <row r="267625" spans="14:14">
      <c r="N267625" s="10"/>
    </row>
    <row r="267626" spans="14:14">
      <c r="N267626" s="10"/>
    </row>
    <row r="267627" spans="14:14">
      <c r="N267627" s="10"/>
    </row>
    <row r="267628" spans="14:14">
      <c r="N267628" s="10"/>
    </row>
    <row r="267629" spans="14:14">
      <c r="N267629" s="10"/>
    </row>
    <row r="267630" spans="14:14">
      <c r="N267630" s="10"/>
    </row>
    <row r="267631" spans="14:14">
      <c r="N267631" s="10"/>
    </row>
    <row r="267632" spans="14:14">
      <c r="N267632" s="10"/>
    </row>
    <row r="267633" spans="14:14">
      <c r="N267633" s="10"/>
    </row>
    <row r="267634" spans="14:14">
      <c r="N267634" s="10"/>
    </row>
    <row r="267635" spans="14:14">
      <c r="N267635" s="10"/>
    </row>
    <row r="267636" spans="14:14">
      <c r="N267636" s="10"/>
    </row>
    <row r="267637" spans="14:14">
      <c r="N267637" s="10"/>
    </row>
    <row r="267638" spans="14:14">
      <c r="N267638" s="10"/>
    </row>
    <row r="267639" spans="14:14">
      <c r="N267639" s="10"/>
    </row>
    <row r="267640" spans="14:14">
      <c r="N267640" s="10"/>
    </row>
    <row r="267641" spans="14:14">
      <c r="N267641" s="10"/>
    </row>
    <row r="267642" spans="14:14">
      <c r="N267642" s="10"/>
    </row>
    <row r="267643" spans="14:14">
      <c r="N267643" s="10"/>
    </row>
    <row r="267644" spans="14:14">
      <c r="N267644" s="10"/>
    </row>
    <row r="267645" spans="14:14">
      <c r="N267645" s="10"/>
    </row>
    <row r="267646" spans="14:14">
      <c r="N267646" s="10"/>
    </row>
    <row r="267647" spans="14:14">
      <c r="N267647" s="10"/>
    </row>
    <row r="267648" spans="14:14">
      <c r="N267648" s="10"/>
    </row>
    <row r="267649" spans="14:14">
      <c r="N267649" s="10"/>
    </row>
    <row r="267650" spans="14:14">
      <c r="N267650" s="10"/>
    </row>
    <row r="267651" spans="14:14">
      <c r="N267651" s="10"/>
    </row>
    <row r="267652" spans="14:14">
      <c r="N267652" s="10"/>
    </row>
    <row r="267653" spans="14:14">
      <c r="N267653" s="10"/>
    </row>
    <row r="267654" spans="14:14">
      <c r="N267654" s="10"/>
    </row>
    <row r="267655" spans="14:14">
      <c r="N267655" s="10"/>
    </row>
    <row r="267656" spans="14:14">
      <c r="N267656" s="10"/>
    </row>
    <row r="267657" spans="14:14">
      <c r="N267657" s="10"/>
    </row>
    <row r="267658" spans="14:14">
      <c r="N267658" s="10"/>
    </row>
    <row r="267659" spans="14:14">
      <c r="N267659" s="10"/>
    </row>
    <row r="267660" spans="14:14">
      <c r="N267660" s="10"/>
    </row>
    <row r="267661" spans="14:14">
      <c r="N267661" s="10"/>
    </row>
    <row r="267662" spans="14:14">
      <c r="N267662" s="10"/>
    </row>
    <row r="267663" spans="14:14">
      <c r="N267663" s="10"/>
    </row>
    <row r="267664" spans="14:14">
      <c r="N267664" s="10"/>
    </row>
    <row r="267665" spans="14:14">
      <c r="N267665" s="10"/>
    </row>
    <row r="267666" spans="14:14">
      <c r="N267666" s="10"/>
    </row>
    <row r="267667" spans="14:14">
      <c r="N267667" s="10"/>
    </row>
    <row r="267668" spans="14:14">
      <c r="N267668" s="10"/>
    </row>
    <row r="267669" spans="14:14">
      <c r="N267669" s="10"/>
    </row>
    <row r="267670" spans="14:14">
      <c r="N267670" s="10"/>
    </row>
    <row r="267671" spans="14:14">
      <c r="N267671" s="10"/>
    </row>
    <row r="267672" spans="14:14">
      <c r="N267672" s="10"/>
    </row>
    <row r="267673" spans="14:14">
      <c r="N267673" s="10"/>
    </row>
    <row r="267674" spans="14:14">
      <c r="N267674" s="10"/>
    </row>
    <row r="267675" spans="14:14">
      <c r="N267675" s="10"/>
    </row>
    <row r="267676" spans="14:14">
      <c r="N267676" s="10"/>
    </row>
    <row r="267677" spans="14:14">
      <c r="N267677" s="10"/>
    </row>
    <row r="267678" spans="14:14">
      <c r="N267678" s="10"/>
    </row>
    <row r="267679" spans="14:14">
      <c r="N267679" s="10"/>
    </row>
    <row r="267680" spans="14:14">
      <c r="N267680" s="10"/>
    </row>
    <row r="267681" spans="14:14">
      <c r="N267681" s="10"/>
    </row>
    <row r="267682" spans="14:14">
      <c r="N267682" s="10"/>
    </row>
    <row r="267683" spans="14:14">
      <c r="N267683" s="10"/>
    </row>
    <row r="267684" spans="14:14">
      <c r="N267684" s="10"/>
    </row>
    <row r="267685" spans="14:14">
      <c r="N267685" s="10"/>
    </row>
    <row r="267686" spans="14:14">
      <c r="N267686" s="10"/>
    </row>
    <row r="267687" spans="14:14">
      <c r="N267687" s="10"/>
    </row>
    <row r="267688" spans="14:14">
      <c r="N267688" s="10"/>
    </row>
    <row r="267689" spans="14:14">
      <c r="N267689" s="10"/>
    </row>
    <row r="267690" spans="14:14">
      <c r="N267690" s="10"/>
    </row>
    <row r="267691" spans="14:14">
      <c r="N267691" s="10"/>
    </row>
    <row r="267692" spans="14:14">
      <c r="N267692" s="10"/>
    </row>
    <row r="267693" spans="14:14">
      <c r="N267693" s="10"/>
    </row>
    <row r="267694" spans="14:14">
      <c r="N267694" s="10"/>
    </row>
    <row r="267695" spans="14:14">
      <c r="N267695" s="10"/>
    </row>
    <row r="267696" spans="14:14">
      <c r="N267696" s="10"/>
    </row>
    <row r="267697" spans="14:14">
      <c r="N267697" s="10"/>
    </row>
    <row r="267698" spans="14:14">
      <c r="N267698" s="10"/>
    </row>
    <row r="267699" spans="14:14">
      <c r="N267699" s="10"/>
    </row>
    <row r="267700" spans="14:14">
      <c r="N267700" s="10"/>
    </row>
    <row r="267701" spans="14:14">
      <c r="N267701" s="10"/>
    </row>
    <row r="267702" spans="14:14">
      <c r="N267702" s="10"/>
    </row>
    <row r="267703" spans="14:14">
      <c r="N267703" s="10"/>
    </row>
    <row r="267704" spans="14:14">
      <c r="N267704" s="10"/>
    </row>
    <row r="267705" spans="14:14">
      <c r="N267705" s="10"/>
    </row>
    <row r="267706" spans="14:14">
      <c r="N267706" s="10"/>
    </row>
    <row r="267707" spans="14:14">
      <c r="N267707" s="10"/>
    </row>
    <row r="267708" spans="14:14">
      <c r="N267708" s="10"/>
    </row>
    <row r="267709" spans="14:14">
      <c r="N267709" s="10"/>
    </row>
    <row r="267710" spans="14:14">
      <c r="N267710" s="10"/>
    </row>
    <row r="267711" spans="14:14">
      <c r="N267711" s="10"/>
    </row>
    <row r="267712" spans="14:14">
      <c r="N267712" s="10"/>
    </row>
    <row r="267713" spans="14:14">
      <c r="N267713" s="10"/>
    </row>
    <row r="267714" spans="14:14">
      <c r="N267714" s="10"/>
    </row>
    <row r="267715" spans="14:14">
      <c r="N267715" s="10"/>
    </row>
    <row r="267716" spans="14:14">
      <c r="N267716" s="10"/>
    </row>
    <row r="267717" spans="14:14">
      <c r="N267717" s="10"/>
    </row>
    <row r="267718" spans="14:14">
      <c r="N267718" s="10"/>
    </row>
    <row r="267719" spans="14:14">
      <c r="N267719" s="10"/>
    </row>
    <row r="267720" spans="14:14">
      <c r="N267720" s="10"/>
    </row>
    <row r="267721" spans="14:14">
      <c r="N267721" s="10"/>
    </row>
    <row r="267722" spans="14:14">
      <c r="N267722" s="10"/>
    </row>
    <row r="267723" spans="14:14">
      <c r="N267723" s="10"/>
    </row>
    <row r="267724" spans="14:14">
      <c r="N267724" s="10"/>
    </row>
    <row r="267725" spans="14:14">
      <c r="N267725" s="10"/>
    </row>
    <row r="267726" spans="14:14">
      <c r="N267726" s="10"/>
    </row>
    <row r="267727" spans="14:14">
      <c r="N267727" s="10"/>
    </row>
    <row r="267728" spans="14:14">
      <c r="N267728" s="10"/>
    </row>
    <row r="267729" spans="14:14">
      <c r="N267729" s="10"/>
    </row>
    <row r="267730" spans="14:14">
      <c r="N267730" s="10"/>
    </row>
    <row r="267731" spans="14:14">
      <c r="N267731" s="10"/>
    </row>
    <row r="267732" spans="14:14">
      <c r="N267732" s="10"/>
    </row>
    <row r="267733" spans="14:14">
      <c r="N267733" s="10"/>
    </row>
    <row r="267734" spans="14:14">
      <c r="N267734" s="10"/>
    </row>
    <row r="267735" spans="14:14">
      <c r="N267735" s="10"/>
    </row>
    <row r="267736" spans="14:14">
      <c r="N267736" s="10"/>
    </row>
    <row r="267737" spans="14:14">
      <c r="N267737" s="10"/>
    </row>
    <row r="267738" spans="14:14">
      <c r="N267738" s="10"/>
    </row>
    <row r="267739" spans="14:14">
      <c r="N267739" s="10"/>
    </row>
    <row r="267740" spans="14:14">
      <c r="N267740" s="10"/>
    </row>
    <row r="267741" spans="14:14">
      <c r="N267741" s="10"/>
    </row>
    <row r="267742" spans="14:14">
      <c r="N267742" s="10"/>
    </row>
    <row r="267743" spans="14:14">
      <c r="N267743" s="10"/>
    </row>
    <row r="267744" spans="14:14">
      <c r="N267744" s="10"/>
    </row>
    <row r="267745" spans="14:14">
      <c r="N267745" s="10"/>
    </row>
    <row r="267746" spans="14:14">
      <c r="N267746" s="10"/>
    </row>
    <row r="267747" spans="14:14">
      <c r="N267747" s="10"/>
    </row>
    <row r="267748" spans="14:14">
      <c r="N267748" s="10"/>
    </row>
    <row r="267749" spans="14:14">
      <c r="N267749" s="10"/>
    </row>
    <row r="267750" spans="14:14">
      <c r="N267750" s="10"/>
    </row>
    <row r="267751" spans="14:14">
      <c r="N267751" s="10"/>
    </row>
    <row r="267752" spans="14:14">
      <c r="N267752" s="10"/>
    </row>
    <row r="267753" spans="14:14">
      <c r="N267753" s="10"/>
    </row>
    <row r="267754" spans="14:14">
      <c r="N267754" s="10"/>
    </row>
    <row r="267755" spans="14:14">
      <c r="N267755" s="10"/>
    </row>
    <row r="267756" spans="14:14">
      <c r="N267756" s="10"/>
    </row>
    <row r="267757" spans="14:14">
      <c r="N267757" s="10"/>
    </row>
    <row r="267758" spans="14:14">
      <c r="N267758" s="10"/>
    </row>
    <row r="267759" spans="14:14">
      <c r="N267759" s="10"/>
    </row>
    <row r="267760" spans="14:14">
      <c r="N267760" s="10"/>
    </row>
    <row r="267761" spans="14:14">
      <c r="N267761" s="10"/>
    </row>
    <row r="267762" spans="14:14">
      <c r="N267762" s="10"/>
    </row>
    <row r="267763" spans="14:14">
      <c r="N267763" s="10"/>
    </row>
    <row r="267764" spans="14:14">
      <c r="N267764" s="10"/>
    </row>
    <row r="267765" spans="14:14">
      <c r="N267765" s="10"/>
    </row>
    <row r="267766" spans="14:14">
      <c r="N267766" s="10"/>
    </row>
    <row r="267767" spans="14:14">
      <c r="N267767" s="10"/>
    </row>
    <row r="267768" spans="14:14">
      <c r="N267768" s="10"/>
    </row>
    <row r="267769" spans="14:14">
      <c r="N267769" s="10"/>
    </row>
    <row r="267770" spans="14:14">
      <c r="N267770" s="10"/>
    </row>
    <row r="267771" spans="14:14">
      <c r="N267771" s="10"/>
    </row>
    <row r="267772" spans="14:14">
      <c r="N267772" s="10"/>
    </row>
    <row r="267773" spans="14:14">
      <c r="N267773" s="10"/>
    </row>
    <row r="267774" spans="14:14">
      <c r="N267774" s="10"/>
    </row>
    <row r="267775" spans="14:14">
      <c r="N267775" s="10"/>
    </row>
    <row r="267776" spans="14:14">
      <c r="N267776" s="10"/>
    </row>
    <row r="267777" spans="14:14">
      <c r="N267777" s="10"/>
    </row>
    <row r="267778" spans="14:14">
      <c r="N267778" s="10"/>
    </row>
    <row r="267779" spans="14:14">
      <c r="N267779" s="10"/>
    </row>
    <row r="267780" spans="14:14">
      <c r="N267780" s="10"/>
    </row>
    <row r="267781" spans="14:14">
      <c r="N267781" s="10"/>
    </row>
    <row r="267782" spans="14:14">
      <c r="N267782" s="10"/>
    </row>
    <row r="267783" spans="14:14">
      <c r="N267783" s="10"/>
    </row>
    <row r="267784" spans="14:14">
      <c r="N267784" s="10"/>
    </row>
    <row r="267785" spans="14:14">
      <c r="N267785" s="10"/>
    </row>
    <row r="267786" spans="14:14">
      <c r="N267786" s="10"/>
    </row>
    <row r="267787" spans="14:14">
      <c r="N267787" s="10"/>
    </row>
    <row r="267788" spans="14:14">
      <c r="N267788" s="10"/>
    </row>
    <row r="267789" spans="14:14">
      <c r="N267789" s="10"/>
    </row>
    <row r="267790" spans="14:14">
      <c r="N267790" s="10"/>
    </row>
    <row r="267791" spans="14:14">
      <c r="N267791" s="10"/>
    </row>
    <row r="267792" spans="14:14">
      <c r="N267792" s="10"/>
    </row>
    <row r="267793" spans="14:14">
      <c r="N267793" s="10"/>
    </row>
    <row r="267794" spans="14:14">
      <c r="N267794" s="10"/>
    </row>
    <row r="267795" spans="14:14">
      <c r="N267795" s="10"/>
    </row>
    <row r="267796" spans="14:14">
      <c r="N267796" s="10"/>
    </row>
    <row r="267797" spans="14:14">
      <c r="N267797" s="10"/>
    </row>
    <row r="267798" spans="14:14">
      <c r="N267798" s="10"/>
    </row>
    <row r="267799" spans="14:14">
      <c r="N267799" s="10"/>
    </row>
    <row r="267800" spans="14:14">
      <c r="N267800" s="10"/>
    </row>
    <row r="267801" spans="14:14">
      <c r="N267801" s="10"/>
    </row>
    <row r="267802" spans="14:14">
      <c r="N267802" s="10"/>
    </row>
    <row r="267803" spans="14:14">
      <c r="N267803" s="10"/>
    </row>
    <row r="267804" spans="14:14">
      <c r="N267804" s="10"/>
    </row>
    <row r="267805" spans="14:14">
      <c r="N267805" s="10"/>
    </row>
    <row r="267806" spans="14:14">
      <c r="N267806" s="10"/>
    </row>
    <row r="267807" spans="14:14">
      <c r="N267807" s="10"/>
    </row>
    <row r="267808" spans="14:14">
      <c r="N267808" s="10"/>
    </row>
    <row r="267809" spans="14:14">
      <c r="N267809" s="10"/>
    </row>
    <row r="267810" spans="14:14">
      <c r="N267810" s="10"/>
    </row>
    <row r="267811" spans="14:14">
      <c r="N267811" s="10"/>
    </row>
    <row r="267812" spans="14:14">
      <c r="N267812" s="10"/>
    </row>
    <row r="267813" spans="14:14">
      <c r="N267813" s="10"/>
    </row>
    <row r="267814" spans="14:14">
      <c r="N267814" s="10"/>
    </row>
    <row r="267815" spans="14:14">
      <c r="N267815" s="10"/>
    </row>
    <row r="267816" spans="14:14">
      <c r="N267816" s="10"/>
    </row>
    <row r="267817" spans="14:14">
      <c r="N267817" s="10"/>
    </row>
    <row r="267818" spans="14:14">
      <c r="N267818" s="10"/>
    </row>
    <row r="267819" spans="14:14">
      <c r="N267819" s="10"/>
    </row>
    <row r="267820" spans="14:14">
      <c r="N267820" s="10"/>
    </row>
    <row r="267821" spans="14:14">
      <c r="N267821" s="10"/>
    </row>
    <row r="267822" spans="14:14">
      <c r="N267822" s="10"/>
    </row>
    <row r="267823" spans="14:14">
      <c r="N267823" s="10"/>
    </row>
    <row r="267824" spans="14:14">
      <c r="N267824" s="10"/>
    </row>
    <row r="267825" spans="14:14">
      <c r="N267825" s="10"/>
    </row>
    <row r="267826" spans="14:14">
      <c r="N267826" s="10"/>
    </row>
    <row r="267827" spans="14:14">
      <c r="N267827" s="10"/>
    </row>
    <row r="267828" spans="14:14">
      <c r="N267828" s="10"/>
    </row>
    <row r="267829" spans="14:14">
      <c r="N267829" s="10"/>
    </row>
    <row r="267830" spans="14:14">
      <c r="N267830" s="10"/>
    </row>
    <row r="267831" spans="14:14">
      <c r="N267831" s="10"/>
    </row>
    <row r="267832" spans="14:14">
      <c r="N267832" s="10"/>
    </row>
    <row r="267833" spans="14:14">
      <c r="N267833" s="10"/>
    </row>
    <row r="267834" spans="14:14">
      <c r="N267834" s="10"/>
    </row>
    <row r="267835" spans="14:14">
      <c r="N267835" s="10"/>
    </row>
    <row r="267836" spans="14:14">
      <c r="N267836" s="10"/>
    </row>
    <row r="267837" spans="14:14">
      <c r="N267837" s="10"/>
    </row>
    <row r="267838" spans="14:14">
      <c r="N267838" s="10"/>
    </row>
    <row r="267839" spans="14:14">
      <c r="N267839" s="10"/>
    </row>
    <row r="267840" spans="14:14">
      <c r="N267840" s="10"/>
    </row>
    <row r="267841" spans="14:14">
      <c r="N267841" s="10"/>
    </row>
    <row r="267842" spans="14:14">
      <c r="N267842" s="10"/>
    </row>
    <row r="267843" spans="14:14">
      <c r="N267843" s="10"/>
    </row>
    <row r="267844" spans="14:14">
      <c r="N267844" s="10"/>
    </row>
    <row r="267845" spans="14:14">
      <c r="N267845" s="10"/>
    </row>
    <row r="267846" spans="14:14">
      <c r="N267846" s="10"/>
    </row>
    <row r="267847" spans="14:14">
      <c r="N267847" s="10"/>
    </row>
    <row r="267848" spans="14:14">
      <c r="N267848" s="10"/>
    </row>
    <row r="267849" spans="14:14">
      <c r="N267849" s="10"/>
    </row>
    <row r="267850" spans="14:14">
      <c r="N267850" s="10"/>
    </row>
    <row r="267851" spans="14:14">
      <c r="N267851" s="10"/>
    </row>
    <row r="267852" spans="14:14">
      <c r="N267852" s="10"/>
    </row>
    <row r="267853" spans="14:14">
      <c r="N267853" s="10"/>
    </row>
    <row r="267854" spans="14:14">
      <c r="N267854" s="10"/>
    </row>
    <row r="267855" spans="14:14">
      <c r="N267855" s="10"/>
    </row>
    <row r="267856" spans="14:14">
      <c r="N267856" s="10"/>
    </row>
    <row r="267857" spans="14:14">
      <c r="N267857" s="10"/>
    </row>
    <row r="267858" spans="14:14">
      <c r="N267858" s="10"/>
    </row>
    <row r="267859" spans="14:14">
      <c r="N267859" s="10"/>
    </row>
    <row r="267860" spans="14:14">
      <c r="N267860" s="10"/>
    </row>
    <row r="267861" spans="14:14">
      <c r="N267861" s="10"/>
    </row>
    <row r="267862" spans="14:14">
      <c r="N267862" s="10"/>
    </row>
    <row r="267863" spans="14:14">
      <c r="N267863" s="10"/>
    </row>
    <row r="267864" spans="14:14">
      <c r="N267864" s="10"/>
    </row>
    <row r="267865" spans="14:14">
      <c r="N267865" s="10"/>
    </row>
    <row r="267866" spans="14:14">
      <c r="N267866" s="10"/>
    </row>
    <row r="267867" spans="14:14">
      <c r="N267867" s="10"/>
    </row>
    <row r="267868" spans="14:14">
      <c r="N267868" s="10"/>
    </row>
    <row r="267869" spans="14:14">
      <c r="N267869" s="10"/>
    </row>
    <row r="267870" spans="14:14">
      <c r="N267870" s="10"/>
    </row>
    <row r="267871" spans="14:14">
      <c r="N267871" s="10"/>
    </row>
    <row r="267872" spans="14:14">
      <c r="N267872" s="10"/>
    </row>
    <row r="267873" spans="14:14">
      <c r="N267873" s="10"/>
    </row>
    <row r="267874" spans="14:14">
      <c r="N267874" s="10"/>
    </row>
    <row r="267875" spans="14:14">
      <c r="N267875" s="10"/>
    </row>
    <row r="267876" spans="14:14">
      <c r="N267876" s="10"/>
    </row>
    <row r="267877" spans="14:14">
      <c r="N267877" s="10"/>
    </row>
    <row r="267878" spans="14:14">
      <c r="N267878" s="10"/>
    </row>
    <row r="267879" spans="14:14">
      <c r="N267879" s="10"/>
    </row>
    <row r="267880" spans="14:14">
      <c r="N267880" s="10"/>
    </row>
    <row r="267881" spans="14:14">
      <c r="N267881" s="10"/>
    </row>
    <row r="267882" spans="14:14">
      <c r="N267882" s="10"/>
    </row>
    <row r="267883" spans="14:14">
      <c r="N267883" s="10"/>
    </row>
    <row r="267884" spans="14:14">
      <c r="N267884" s="10"/>
    </row>
    <row r="267885" spans="14:14">
      <c r="N267885" s="10"/>
    </row>
    <row r="267886" spans="14:14">
      <c r="N267886" s="10"/>
    </row>
    <row r="267887" spans="14:14">
      <c r="N267887" s="10"/>
    </row>
    <row r="267888" spans="14:14">
      <c r="N267888" s="10"/>
    </row>
    <row r="267889" spans="14:14">
      <c r="N267889" s="10"/>
    </row>
    <row r="267890" spans="14:14">
      <c r="N267890" s="10"/>
    </row>
    <row r="267891" spans="14:14">
      <c r="N267891" s="10"/>
    </row>
    <row r="267892" spans="14:14">
      <c r="N267892" s="10"/>
    </row>
    <row r="267893" spans="14:14">
      <c r="N267893" s="10"/>
    </row>
    <row r="267894" spans="14:14">
      <c r="N267894" s="10"/>
    </row>
    <row r="267895" spans="14:14">
      <c r="N267895" s="10"/>
    </row>
    <row r="267896" spans="14:14">
      <c r="N267896" s="10"/>
    </row>
    <row r="267897" spans="14:14">
      <c r="N267897" s="10"/>
    </row>
    <row r="267898" spans="14:14">
      <c r="N267898" s="10"/>
    </row>
    <row r="267899" spans="14:14">
      <c r="N267899" s="10"/>
    </row>
    <row r="267900" spans="14:14">
      <c r="N267900" s="10"/>
    </row>
    <row r="267901" spans="14:14">
      <c r="N267901" s="10"/>
    </row>
    <row r="267902" spans="14:14">
      <c r="N267902" s="10"/>
    </row>
    <row r="267903" spans="14:14">
      <c r="N267903" s="10"/>
    </row>
    <row r="267904" spans="14:14">
      <c r="N267904" s="10"/>
    </row>
    <row r="267905" spans="14:14">
      <c r="N267905" s="10"/>
    </row>
    <row r="267906" spans="14:14">
      <c r="N267906" s="10"/>
    </row>
    <row r="267907" spans="14:14">
      <c r="N267907" s="10"/>
    </row>
    <row r="267908" spans="14:14">
      <c r="N267908" s="10"/>
    </row>
    <row r="267909" spans="14:14">
      <c r="N267909" s="10"/>
    </row>
    <row r="267910" spans="14:14">
      <c r="N267910" s="10"/>
    </row>
    <row r="267911" spans="14:14">
      <c r="N267911" s="10"/>
    </row>
    <row r="267912" spans="14:14">
      <c r="N267912" s="10"/>
    </row>
    <row r="267913" spans="14:14">
      <c r="N267913" s="10"/>
    </row>
    <row r="267914" spans="14:14">
      <c r="N267914" s="10"/>
    </row>
    <row r="267915" spans="14:14">
      <c r="N267915" s="10"/>
    </row>
    <row r="267916" spans="14:14">
      <c r="N267916" s="10"/>
    </row>
    <row r="267917" spans="14:14">
      <c r="N267917" s="10"/>
    </row>
    <row r="267918" spans="14:14">
      <c r="N267918" s="10"/>
    </row>
    <row r="267919" spans="14:14">
      <c r="N267919" s="10"/>
    </row>
    <row r="267920" spans="14:14">
      <c r="N267920" s="10"/>
    </row>
    <row r="267921" spans="14:14">
      <c r="N267921" s="10"/>
    </row>
    <row r="267922" spans="14:14">
      <c r="N267922" s="10"/>
    </row>
    <row r="267923" spans="14:14">
      <c r="N267923" s="10"/>
    </row>
    <row r="267924" spans="14:14">
      <c r="N267924" s="10"/>
    </row>
    <row r="267925" spans="14:14">
      <c r="N267925" s="10"/>
    </row>
    <row r="267926" spans="14:14">
      <c r="N267926" s="10"/>
    </row>
    <row r="267927" spans="14:14">
      <c r="N267927" s="10"/>
    </row>
    <row r="267928" spans="14:14">
      <c r="N267928" s="10"/>
    </row>
    <row r="267929" spans="14:14">
      <c r="N267929" s="10"/>
    </row>
    <row r="267930" spans="14:14">
      <c r="N267930" s="10"/>
    </row>
    <row r="267931" spans="14:14">
      <c r="N267931" s="10"/>
    </row>
    <row r="267932" spans="14:14">
      <c r="N267932" s="10"/>
    </row>
    <row r="267933" spans="14:14">
      <c r="N267933" s="10"/>
    </row>
    <row r="267934" spans="14:14">
      <c r="N267934" s="10"/>
    </row>
    <row r="267935" spans="14:14">
      <c r="N267935" s="10"/>
    </row>
    <row r="267936" spans="14:14">
      <c r="N267936" s="10"/>
    </row>
    <row r="267937" spans="14:14">
      <c r="N267937" s="10"/>
    </row>
    <row r="267938" spans="14:14">
      <c r="N267938" s="10"/>
    </row>
    <row r="267939" spans="14:14">
      <c r="N267939" s="10"/>
    </row>
    <row r="267940" spans="14:14">
      <c r="N267940" s="10"/>
    </row>
    <row r="267941" spans="14:14">
      <c r="N267941" s="10"/>
    </row>
    <row r="267942" spans="14:14">
      <c r="N267942" s="10"/>
    </row>
    <row r="267943" spans="14:14">
      <c r="N267943" s="10"/>
    </row>
    <row r="267944" spans="14:14">
      <c r="N267944" s="10"/>
    </row>
    <row r="267945" spans="14:14">
      <c r="N267945" s="10"/>
    </row>
    <row r="267946" spans="14:14">
      <c r="N267946" s="10"/>
    </row>
    <row r="267947" spans="14:14">
      <c r="N267947" s="10"/>
    </row>
    <row r="267948" spans="14:14">
      <c r="N267948" s="10"/>
    </row>
    <row r="267949" spans="14:14">
      <c r="N267949" s="10"/>
    </row>
    <row r="267950" spans="14:14">
      <c r="N267950" s="10"/>
    </row>
    <row r="267951" spans="14:14">
      <c r="N267951" s="10"/>
    </row>
    <row r="267952" spans="14:14">
      <c r="N267952" s="10"/>
    </row>
    <row r="267953" spans="14:14">
      <c r="N267953" s="10"/>
    </row>
    <row r="267954" spans="14:14">
      <c r="N267954" s="10"/>
    </row>
    <row r="267955" spans="14:14">
      <c r="N267955" s="10"/>
    </row>
    <row r="267956" spans="14:14">
      <c r="N267956" s="10"/>
    </row>
    <row r="267957" spans="14:14">
      <c r="N267957" s="10"/>
    </row>
    <row r="267958" spans="14:14">
      <c r="N267958" s="10"/>
    </row>
    <row r="267959" spans="14:14">
      <c r="N267959" s="10"/>
    </row>
    <row r="267960" spans="14:14">
      <c r="N267960" s="10"/>
    </row>
    <row r="267961" spans="14:14">
      <c r="N267961" s="10"/>
    </row>
    <row r="267962" spans="14:14">
      <c r="N267962" s="10"/>
    </row>
    <row r="267963" spans="14:14">
      <c r="N267963" s="10"/>
    </row>
    <row r="267964" spans="14:14">
      <c r="N267964" s="10"/>
    </row>
    <row r="267965" spans="14:14">
      <c r="N267965" s="10"/>
    </row>
    <row r="267966" spans="14:14">
      <c r="N267966" s="10"/>
    </row>
    <row r="267967" spans="14:14">
      <c r="N267967" s="10"/>
    </row>
    <row r="267968" spans="14:14">
      <c r="N267968" s="10"/>
    </row>
    <row r="267969" spans="14:14">
      <c r="N267969" s="10"/>
    </row>
    <row r="267970" spans="14:14">
      <c r="N267970" s="10"/>
    </row>
    <row r="267971" spans="14:14">
      <c r="N267971" s="10"/>
    </row>
    <row r="267972" spans="14:14">
      <c r="N267972" s="10"/>
    </row>
    <row r="267973" spans="14:14">
      <c r="N267973" s="10"/>
    </row>
    <row r="267974" spans="14:14">
      <c r="N267974" s="10"/>
    </row>
    <row r="267975" spans="14:14">
      <c r="N267975" s="10"/>
    </row>
    <row r="267976" spans="14:14">
      <c r="N267976" s="10"/>
    </row>
    <row r="267977" spans="14:14">
      <c r="N267977" s="10"/>
    </row>
    <row r="267978" spans="14:14">
      <c r="N267978" s="10"/>
    </row>
    <row r="267979" spans="14:14">
      <c r="N267979" s="10"/>
    </row>
    <row r="267980" spans="14:14">
      <c r="N267980" s="10"/>
    </row>
    <row r="267981" spans="14:14">
      <c r="N267981" s="10"/>
    </row>
    <row r="267982" spans="14:14">
      <c r="N267982" s="10"/>
    </row>
    <row r="267983" spans="14:14">
      <c r="N267983" s="10"/>
    </row>
    <row r="267984" spans="14:14">
      <c r="N267984" s="10"/>
    </row>
    <row r="267985" spans="14:14">
      <c r="N267985" s="10"/>
    </row>
    <row r="267986" spans="14:14">
      <c r="N267986" s="10"/>
    </row>
    <row r="267987" spans="14:14">
      <c r="N267987" s="10"/>
    </row>
    <row r="267988" spans="14:14">
      <c r="N267988" s="10"/>
    </row>
    <row r="267989" spans="14:14">
      <c r="N267989" s="10"/>
    </row>
    <row r="267990" spans="14:14">
      <c r="N267990" s="10"/>
    </row>
    <row r="267991" spans="14:14">
      <c r="N267991" s="10"/>
    </row>
    <row r="267992" spans="14:14">
      <c r="N267992" s="10"/>
    </row>
    <row r="267993" spans="14:14">
      <c r="N267993" s="10"/>
    </row>
    <row r="267994" spans="14:14">
      <c r="N267994" s="10"/>
    </row>
    <row r="267995" spans="14:14">
      <c r="N267995" s="10"/>
    </row>
    <row r="267996" spans="14:14">
      <c r="N267996" s="10"/>
    </row>
    <row r="267997" spans="14:14">
      <c r="N267997" s="10"/>
    </row>
    <row r="267998" spans="14:14">
      <c r="N267998" s="10"/>
    </row>
    <row r="267999" spans="14:14">
      <c r="N267999" s="10"/>
    </row>
    <row r="268000" spans="14:14">
      <c r="N268000" s="10"/>
    </row>
    <row r="268001" spans="14:14">
      <c r="N268001" s="10"/>
    </row>
    <row r="268002" spans="14:14">
      <c r="N268002" s="10"/>
    </row>
    <row r="268003" spans="14:14">
      <c r="N268003" s="10"/>
    </row>
    <row r="268004" spans="14:14">
      <c r="N268004" s="10"/>
    </row>
    <row r="268005" spans="14:14">
      <c r="N268005" s="10"/>
    </row>
    <row r="268006" spans="14:14">
      <c r="N268006" s="10"/>
    </row>
    <row r="268007" spans="14:14">
      <c r="N268007" s="10"/>
    </row>
    <row r="268008" spans="14:14">
      <c r="N268008" s="10"/>
    </row>
    <row r="268009" spans="14:14">
      <c r="N268009" s="10"/>
    </row>
    <row r="268010" spans="14:14">
      <c r="N268010" s="10"/>
    </row>
    <row r="268011" spans="14:14">
      <c r="N268011" s="10"/>
    </row>
    <row r="268012" spans="14:14">
      <c r="N268012" s="10"/>
    </row>
    <row r="268013" spans="14:14">
      <c r="N268013" s="10"/>
    </row>
    <row r="268014" spans="14:14">
      <c r="N268014" s="10"/>
    </row>
    <row r="268015" spans="14:14">
      <c r="N268015" s="10"/>
    </row>
    <row r="268016" spans="14:14">
      <c r="N268016" s="10"/>
    </row>
    <row r="268017" spans="14:14">
      <c r="N268017" s="10"/>
    </row>
    <row r="268018" spans="14:14">
      <c r="N268018" s="10"/>
    </row>
    <row r="268019" spans="14:14">
      <c r="N268019" s="10"/>
    </row>
    <row r="268020" spans="14:14">
      <c r="N268020" s="10"/>
    </row>
    <row r="268021" spans="14:14">
      <c r="N268021" s="10"/>
    </row>
    <row r="268022" spans="14:14">
      <c r="N268022" s="10"/>
    </row>
    <row r="268023" spans="14:14">
      <c r="N268023" s="10"/>
    </row>
    <row r="268024" spans="14:14">
      <c r="N268024" s="10"/>
    </row>
    <row r="268025" spans="14:14">
      <c r="N268025" s="10"/>
    </row>
    <row r="268026" spans="14:14">
      <c r="N268026" s="10"/>
    </row>
    <row r="268027" spans="14:14">
      <c r="N268027" s="10"/>
    </row>
    <row r="268028" spans="14:14">
      <c r="N268028" s="10"/>
    </row>
    <row r="268029" spans="14:14">
      <c r="N268029" s="10"/>
    </row>
    <row r="268030" spans="14:14">
      <c r="N268030" s="10"/>
    </row>
    <row r="268031" spans="14:14">
      <c r="N268031" s="10"/>
    </row>
    <row r="268032" spans="14:14">
      <c r="N268032" s="10"/>
    </row>
    <row r="268033" spans="14:14">
      <c r="N268033" s="10"/>
    </row>
    <row r="268034" spans="14:14">
      <c r="N268034" s="10"/>
    </row>
    <row r="268035" spans="14:14">
      <c r="N268035" s="10"/>
    </row>
    <row r="268036" spans="14:14">
      <c r="N268036" s="10"/>
    </row>
    <row r="268037" spans="14:14">
      <c r="N268037" s="10"/>
    </row>
    <row r="268038" spans="14:14">
      <c r="N268038" s="10"/>
    </row>
    <row r="268039" spans="14:14">
      <c r="N268039" s="10"/>
    </row>
    <row r="268040" spans="14:14">
      <c r="N268040" s="10"/>
    </row>
    <row r="268041" spans="14:14">
      <c r="N268041" s="10"/>
    </row>
    <row r="268042" spans="14:14">
      <c r="N268042" s="10"/>
    </row>
    <row r="268043" spans="14:14">
      <c r="N268043" s="10"/>
    </row>
    <row r="268044" spans="14:14">
      <c r="N268044" s="10"/>
    </row>
    <row r="268045" spans="14:14">
      <c r="N268045" s="10"/>
    </row>
    <row r="268046" spans="14:14">
      <c r="N268046" s="10"/>
    </row>
    <row r="268047" spans="14:14">
      <c r="N268047" s="10"/>
    </row>
    <row r="268048" spans="14:14">
      <c r="N268048" s="10"/>
    </row>
    <row r="268049" spans="14:14">
      <c r="N268049" s="10"/>
    </row>
    <row r="268050" spans="14:14">
      <c r="N268050" s="10"/>
    </row>
    <row r="268051" spans="14:14">
      <c r="N268051" s="10"/>
    </row>
    <row r="268052" spans="14:14">
      <c r="N268052" s="10"/>
    </row>
    <row r="268053" spans="14:14">
      <c r="N268053" s="10"/>
    </row>
    <row r="268054" spans="14:14">
      <c r="N268054" s="10"/>
    </row>
    <row r="268055" spans="14:14">
      <c r="N268055" s="10"/>
    </row>
    <row r="268056" spans="14:14">
      <c r="N268056" s="10"/>
    </row>
    <row r="268057" spans="14:14">
      <c r="N268057" s="10"/>
    </row>
    <row r="268058" spans="14:14">
      <c r="N268058" s="10"/>
    </row>
    <row r="268059" spans="14:14">
      <c r="N268059" s="10"/>
    </row>
    <row r="268060" spans="14:14">
      <c r="N268060" s="10"/>
    </row>
    <row r="268061" spans="14:14">
      <c r="N268061" s="10"/>
    </row>
    <row r="268062" spans="14:14">
      <c r="N268062" s="10"/>
    </row>
    <row r="268063" spans="14:14">
      <c r="N268063" s="10"/>
    </row>
    <row r="268064" spans="14:14">
      <c r="N268064" s="10"/>
    </row>
    <row r="268065" spans="14:14">
      <c r="N268065" s="10"/>
    </row>
    <row r="268066" spans="14:14">
      <c r="N268066" s="10"/>
    </row>
    <row r="268067" spans="14:14">
      <c r="N268067" s="10"/>
    </row>
    <row r="268068" spans="14:14">
      <c r="N268068" s="10"/>
    </row>
    <row r="268069" spans="14:14">
      <c r="N268069" s="10"/>
    </row>
    <row r="268070" spans="14:14">
      <c r="N268070" s="10"/>
    </row>
    <row r="268071" spans="14:14">
      <c r="N268071" s="10"/>
    </row>
    <row r="268072" spans="14:14">
      <c r="N268072" s="10"/>
    </row>
    <row r="268073" spans="14:14">
      <c r="N268073" s="10"/>
    </row>
    <row r="268074" spans="14:14">
      <c r="N268074" s="10"/>
    </row>
    <row r="268075" spans="14:14">
      <c r="N268075" s="10"/>
    </row>
    <row r="268076" spans="14:14">
      <c r="N268076" s="10"/>
    </row>
    <row r="268077" spans="14:14">
      <c r="N268077" s="10"/>
    </row>
    <row r="268078" spans="14:14">
      <c r="N268078" s="10"/>
    </row>
    <row r="268079" spans="14:14">
      <c r="N268079" s="10"/>
    </row>
    <row r="268080" spans="14:14">
      <c r="N268080" s="10"/>
    </row>
    <row r="268081" spans="14:14">
      <c r="N268081" s="10"/>
    </row>
    <row r="268082" spans="14:14">
      <c r="N268082" s="10"/>
    </row>
    <row r="268083" spans="14:14">
      <c r="N268083" s="10"/>
    </row>
    <row r="268084" spans="14:14">
      <c r="N268084" s="10"/>
    </row>
    <row r="268085" spans="14:14">
      <c r="N268085" s="10"/>
    </row>
    <row r="268086" spans="14:14">
      <c r="N268086" s="10"/>
    </row>
    <row r="268087" spans="14:14">
      <c r="N268087" s="10"/>
    </row>
    <row r="268088" spans="14:14">
      <c r="N268088" s="10"/>
    </row>
    <row r="268089" spans="14:14">
      <c r="N268089" s="10"/>
    </row>
    <row r="268090" spans="14:14">
      <c r="N268090" s="10"/>
    </row>
    <row r="268091" spans="14:14">
      <c r="N268091" s="10"/>
    </row>
    <row r="268092" spans="14:14">
      <c r="N268092" s="10"/>
    </row>
    <row r="268093" spans="14:14">
      <c r="N268093" s="10"/>
    </row>
    <row r="268094" spans="14:14">
      <c r="N268094" s="10"/>
    </row>
    <row r="268095" spans="14:14">
      <c r="N268095" s="10"/>
    </row>
    <row r="268096" spans="14:14">
      <c r="N268096" s="10"/>
    </row>
    <row r="268097" spans="14:14">
      <c r="N268097" s="10"/>
    </row>
    <row r="268098" spans="14:14">
      <c r="N268098" s="10"/>
    </row>
    <row r="268099" spans="14:14">
      <c r="N268099" s="10"/>
    </row>
    <row r="268100" spans="14:14">
      <c r="N268100" s="10"/>
    </row>
    <row r="268101" spans="14:14">
      <c r="N268101" s="10"/>
    </row>
    <row r="268102" spans="14:14">
      <c r="N268102" s="10"/>
    </row>
    <row r="268103" spans="14:14">
      <c r="N268103" s="10"/>
    </row>
    <row r="268104" spans="14:14">
      <c r="N268104" s="10"/>
    </row>
    <row r="268105" spans="14:14">
      <c r="N268105" s="10"/>
    </row>
    <row r="268106" spans="14:14">
      <c r="N268106" s="10"/>
    </row>
    <row r="268107" spans="14:14">
      <c r="N268107" s="10"/>
    </row>
    <row r="268108" spans="14:14">
      <c r="N268108" s="10"/>
    </row>
    <row r="268109" spans="14:14">
      <c r="N268109" s="10"/>
    </row>
    <row r="268110" spans="14:14">
      <c r="N268110" s="10"/>
    </row>
    <row r="268111" spans="14:14">
      <c r="N268111" s="10"/>
    </row>
    <row r="268112" spans="14:14">
      <c r="N268112" s="10"/>
    </row>
    <row r="268113" spans="14:14">
      <c r="N268113" s="10"/>
    </row>
    <row r="268114" spans="14:14">
      <c r="N268114" s="10"/>
    </row>
    <row r="268115" spans="14:14">
      <c r="N268115" s="10"/>
    </row>
    <row r="268116" spans="14:14">
      <c r="N268116" s="10"/>
    </row>
    <row r="268117" spans="14:14">
      <c r="N268117" s="10"/>
    </row>
    <row r="268118" spans="14:14">
      <c r="N268118" s="10"/>
    </row>
    <row r="268119" spans="14:14">
      <c r="N268119" s="10"/>
    </row>
    <row r="268120" spans="14:14">
      <c r="N268120" s="10"/>
    </row>
    <row r="268121" spans="14:14">
      <c r="N268121" s="10"/>
    </row>
    <row r="268122" spans="14:14">
      <c r="N268122" s="10"/>
    </row>
    <row r="268123" spans="14:14">
      <c r="N268123" s="10"/>
    </row>
    <row r="268124" spans="14:14">
      <c r="N268124" s="10"/>
    </row>
    <row r="268125" spans="14:14">
      <c r="N268125" s="10"/>
    </row>
    <row r="268126" spans="14:14">
      <c r="N268126" s="10"/>
    </row>
    <row r="268127" spans="14:14">
      <c r="N268127" s="10"/>
    </row>
    <row r="268128" spans="14:14">
      <c r="N268128" s="10"/>
    </row>
    <row r="268129" spans="14:14">
      <c r="N268129" s="10"/>
    </row>
    <row r="268130" spans="14:14">
      <c r="N268130" s="10"/>
    </row>
    <row r="268131" spans="14:14">
      <c r="N268131" s="10"/>
    </row>
    <row r="268132" spans="14:14">
      <c r="N268132" s="10"/>
    </row>
    <row r="268133" spans="14:14">
      <c r="N268133" s="10"/>
    </row>
    <row r="268134" spans="14:14">
      <c r="N268134" s="10"/>
    </row>
    <row r="268135" spans="14:14">
      <c r="N268135" s="10"/>
    </row>
    <row r="268136" spans="14:14">
      <c r="N268136" s="10"/>
    </row>
    <row r="268137" spans="14:14">
      <c r="N268137" s="10"/>
    </row>
    <row r="268138" spans="14:14">
      <c r="N268138" s="10"/>
    </row>
    <row r="268139" spans="14:14">
      <c r="N268139" s="10"/>
    </row>
    <row r="268140" spans="14:14">
      <c r="N268140" s="10"/>
    </row>
    <row r="268141" spans="14:14">
      <c r="N268141" s="10"/>
    </row>
    <row r="268142" spans="14:14">
      <c r="N268142" s="10"/>
    </row>
    <row r="268143" spans="14:14">
      <c r="N268143" s="10"/>
    </row>
    <row r="268144" spans="14:14">
      <c r="N268144" s="10"/>
    </row>
    <row r="268145" spans="14:14">
      <c r="N268145" s="10"/>
    </row>
    <row r="268146" spans="14:14">
      <c r="N268146" s="10"/>
    </row>
    <row r="268147" spans="14:14">
      <c r="N268147" s="10"/>
    </row>
    <row r="268148" spans="14:14">
      <c r="N268148" s="10"/>
    </row>
    <row r="268149" spans="14:14">
      <c r="N268149" s="10"/>
    </row>
    <row r="268150" spans="14:14">
      <c r="N268150" s="10"/>
    </row>
    <row r="268151" spans="14:14">
      <c r="N268151" s="10"/>
    </row>
    <row r="268152" spans="14:14">
      <c r="N268152" s="10"/>
    </row>
    <row r="268153" spans="14:14">
      <c r="N268153" s="10"/>
    </row>
    <row r="268154" spans="14:14">
      <c r="N268154" s="10"/>
    </row>
    <row r="268155" spans="14:14">
      <c r="N268155" s="10"/>
    </row>
    <row r="268156" spans="14:14">
      <c r="N268156" s="10"/>
    </row>
    <row r="268157" spans="14:14">
      <c r="N268157" s="10"/>
    </row>
    <row r="268158" spans="14:14">
      <c r="N268158" s="10"/>
    </row>
    <row r="268159" spans="14:14">
      <c r="N268159" s="10"/>
    </row>
    <row r="268160" spans="14:14">
      <c r="N268160" s="10"/>
    </row>
    <row r="268161" spans="14:14">
      <c r="N268161" s="10"/>
    </row>
    <row r="268162" spans="14:14">
      <c r="N268162" s="10"/>
    </row>
    <row r="268163" spans="14:14">
      <c r="N268163" s="10"/>
    </row>
    <row r="268164" spans="14:14">
      <c r="N268164" s="10"/>
    </row>
    <row r="268165" spans="14:14">
      <c r="N268165" s="10"/>
    </row>
    <row r="268166" spans="14:14">
      <c r="N268166" s="10"/>
    </row>
    <row r="268167" spans="14:14">
      <c r="N268167" s="10"/>
    </row>
    <row r="268168" spans="14:14">
      <c r="N268168" s="10"/>
    </row>
    <row r="268169" spans="14:14">
      <c r="N268169" s="10"/>
    </row>
    <row r="268170" spans="14:14">
      <c r="N268170" s="10"/>
    </row>
    <row r="268171" spans="14:14">
      <c r="N268171" s="10"/>
    </row>
    <row r="268172" spans="14:14">
      <c r="N268172" s="10"/>
    </row>
    <row r="268173" spans="14:14">
      <c r="N268173" s="10"/>
    </row>
    <row r="268174" spans="14:14">
      <c r="N268174" s="10"/>
    </row>
    <row r="268175" spans="14:14">
      <c r="N268175" s="10"/>
    </row>
    <row r="268176" spans="14:14">
      <c r="N268176" s="10"/>
    </row>
    <row r="268177" spans="14:14">
      <c r="N268177" s="10"/>
    </row>
    <row r="268178" spans="14:14">
      <c r="N268178" s="10"/>
    </row>
    <row r="268179" spans="14:14">
      <c r="N268179" s="10"/>
    </row>
    <row r="268180" spans="14:14">
      <c r="N268180" s="10"/>
    </row>
    <row r="268181" spans="14:14">
      <c r="N268181" s="10"/>
    </row>
    <row r="268182" spans="14:14">
      <c r="N268182" s="10"/>
    </row>
    <row r="268183" spans="14:14">
      <c r="N268183" s="10"/>
    </row>
    <row r="268184" spans="14:14">
      <c r="N268184" s="10"/>
    </row>
    <row r="268185" spans="14:14">
      <c r="N268185" s="10"/>
    </row>
    <row r="268186" spans="14:14">
      <c r="N268186" s="10"/>
    </row>
    <row r="268187" spans="14:14">
      <c r="N268187" s="10"/>
    </row>
    <row r="268188" spans="14:14">
      <c r="N268188" s="10"/>
    </row>
    <row r="268189" spans="14:14">
      <c r="N268189" s="10"/>
    </row>
    <row r="268190" spans="14:14">
      <c r="N268190" s="10"/>
    </row>
    <row r="268191" spans="14:14">
      <c r="N268191" s="10"/>
    </row>
    <row r="268192" spans="14:14">
      <c r="N268192" s="10"/>
    </row>
    <row r="268193" spans="14:14">
      <c r="N268193" s="10"/>
    </row>
    <row r="268194" spans="14:14">
      <c r="N268194" s="10"/>
    </row>
    <row r="268195" spans="14:14">
      <c r="N268195" s="10"/>
    </row>
    <row r="268196" spans="14:14">
      <c r="N268196" s="10"/>
    </row>
    <row r="268197" spans="14:14">
      <c r="N268197" s="10"/>
    </row>
    <row r="268198" spans="14:14">
      <c r="N268198" s="10"/>
    </row>
    <row r="268199" spans="14:14">
      <c r="N268199" s="10"/>
    </row>
    <row r="268200" spans="14:14">
      <c r="N268200" s="10"/>
    </row>
    <row r="268201" spans="14:14">
      <c r="N268201" s="10"/>
    </row>
    <row r="268202" spans="14:14">
      <c r="N268202" s="10"/>
    </row>
    <row r="268203" spans="14:14">
      <c r="N268203" s="10"/>
    </row>
    <row r="268204" spans="14:14">
      <c r="N268204" s="10"/>
    </row>
    <row r="268205" spans="14:14">
      <c r="N268205" s="10"/>
    </row>
    <row r="268206" spans="14:14">
      <c r="N268206" s="10"/>
    </row>
    <row r="268207" spans="14:14">
      <c r="N268207" s="10"/>
    </row>
    <row r="268208" spans="14:14">
      <c r="N268208" s="10"/>
    </row>
    <row r="268209" spans="14:14">
      <c r="N268209" s="10"/>
    </row>
    <row r="268210" spans="14:14">
      <c r="N268210" s="10"/>
    </row>
    <row r="268211" spans="14:14">
      <c r="N268211" s="10"/>
    </row>
    <row r="268212" spans="14:14">
      <c r="N268212" s="10"/>
    </row>
    <row r="268213" spans="14:14">
      <c r="N268213" s="10"/>
    </row>
    <row r="268214" spans="14:14">
      <c r="N268214" s="10"/>
    </row>
    <row r="268215" spans="14:14">
      <c r="N268215" s="10"/>
    </row>
    <row r="268216" spans="14:14">
      <c r="N268216" s="10"/>
    </row>
    <row r="268217" spans="14:14">
      <c r="N268217" s="10"/>
    </row>
    <row r="268218" spans="14:14">
      <c r="N268218" s="10"/>
    </row>
    <row r="268219" spans="14:14">
      <c r="N268219" s="10"/>
    </row>
    <row r="268220" spans="14:14">
      <c r="N268220" s="10"/>
    </row>
    <row r="268221" spans="14:14">
      <c r="N268221" s="10"/>
    </row>
    <row r="268222" spans="14:14">
      <c r="N268222" s="10"/>
    </row>
    <row r="268223" spans="14:14">
      <c r="N268223" s="10"/>
    </row>
    <row r="268224" spans="14:14">
      <c r="N268224" s="10"/>
    </row>
    <row r="268225" spans="14:14">
      <c r="N268225" s="10"/>
    </row>
    <row r="268226" spans="14:14">
      <c r="N268226" s="10"/>
    </row>
    <row r="268227" spans="14:14">
      <c r="N268227" s="10"/>
    </row>
    <row r="268228" spans="14:14">
      <c r="N268228" s="10"/>
    </row>
    <row r="268229" spans="14:14">
      <c r="N268229" s="10"/>
    </row>
    <row r="268230" spans="14:14">
      <c r="N268230" s="10"/>
    </row>
    <row r="268231" spans="14:14">
      <c r="N268231" s="10"/>
    </row>
    <row r="268232" spans="14:14">
      <c r="N268232" s="10"/>
    </row>
    <row r="268233" spans="14:14">
      <c r="N268233" s="10"/>
    </row>
    <row r="268234" spans="14:14">
      <c r="N268234" s="10"/>
    </row>
    <row r="268235" spans="14:14">
      <c r="N268235" s="10"/>
    </row>
    <row r="268236" spans="14:14">
      <c r="N268236" s="10"/>
    </row>
    <row r="268237" spans="14:14">
      <c r="N268237" s="10"/>
    </row>
    <row r="268238" spans="14:14">
      <c r="N268238" s="10"/>
    </row>
    <row r="268239" spans="14:14">
      <c r="N268239" s="10"/>
    </row>
    <row r="268240" spans="14:14">
      <c r="N268240" s="10"/>
    </row>
    <row r="268241" spans="14:14">
      <c r="N268241" s="10"/>
    </row>
    <row r="268242" spans="14:14">
      <c r="N268242" s="10"/>
    </row>
    <row r="268243" spans="14:14">
      <c r="N268243" s="10"/>
    </row>
    <row r="268244" spans="14:14">
      <c r="N268244" s="10"/>
    </row>
    <row r="268245" spans="14:14">
      <c r="N268245" s="10"/>
    </row>
    <row r="268246" spans="14:14">
      <c r="N268246" s="10"/>
    </row>
    <row r="268247" spans="14:14">
      <c r="N268247" s="10"/>
    </row>
    <row r="268248" spans="14:14">
      <c r="N268248" s="10"/>
    </row>
    <row r="268249" spans="14:14">
      <c r="N268249" s="10"/>
    </row>
    <row r="268250" spans="14:14">
      <c r="N268250" s="10"/>
    </row>
    <row r="268251" spans="14:14">
      <c r="N268251" s="10"/>
    </row>
    <row r="268252" spans="14:14">
      <c r="N268252" s="10"/>
    </row>
    <row r="268253" spans="14:14">
      <c r="N268253" s="10"/>
    </row>
    <row r="268254" spans="14:14">
      <c r="N268254" s="10"/>
    </row>
    <row r="268255" spans="14:14">
      <c r="N268255" s="10"/>
    </row>
    <row r="268256" spans="14:14">
      <c r="N268256" s="10"/>
    </row>
    <row r="268257" spans="14:14">
      <c r="N268257" s="10"/>
    </row>
    <row r="268258" spans="14:14">
      <c r="N268258" s="10"/>
    </row>
    <row r="268259" spans="14:14">
      <c r="N268259" s="10"/>
    </row>
    <row r="268260" spans="14:14">
      <c r="N268260" s="10"/>
    </row>
    <row r="268261" spans="14:14">
      <c r="N268261" s="10"/>
    </row>
    <row r="268262" spans="14:14">
      <c r="N268262" s="10"/>
    </row>
    <row r="268263" spans="14:14">
      <c r="N268263" s="10"/>
    </row>
    <row r="268264" spans="14:14">
      <c r="N268264" s="10"/>
    </row>
    <row r="268265" spans="14:14">
      <c r="N268265" s="10"/>
    </row>
    <row r="268266" spans="14:14">
      <c r="N268266" s="10"/>
    </row>
    <row r="268267" spans="14:14">
      <c r="N268267" s="10"/>
    </row>
    <row r="268268" spans="14:14">
      <c r="N268268" s="10"/>
    </row>
    <row r="268269" spans="14:14">
      <c r="N268269" s="10"/>
    </row>
    <row r="268270" spans="14:14">
      <c r="N268270" s="10"/>
    </row>
    <row r="268271" spans="14:14">
      <c r="N268271" s="10"/>
    </row>
    <row r="268272" spans="14:14">
      <c r="N268272" s="10"/>
    </row>
    <row r="268273" spans="14:14">
      <c r="N268273" s="10"/>
    </row>
    <row r="268274" spans="14:14">
      <c r="N268274" s="10"/>
    </row>
    <row r="268275" spans="14:14">
      <c r="N268275" s="10"/>
    </row>
    <row r="268276" spans="14:14">
      <c r="N268276" s="10"/>
    </row>
    <row r="268277" spans="14:14">
      <c r="N268277" s="10"/>
    </row>
    <row r="268278" spans="14:14">
      <c r="N268278" s="10"/>
    </row>
    <row r="268279" spans="14:14">
      <c r="N268279" s="10"/>
    </row>
    <row r="268280" spans="14:14">
      <c r="N268280" s="10"/>
    </row>
    <row r="268281" spans="14:14">
      <c r="N268281" s="10"/>
    </row>
    <row r="268282" spans="14:14">
      <c r="N268282" s="10"/>
    </row>
    <row r="268283" spans="14:14">
      <c r="N268283" s="10"/>
    </row>
    <row r="268284" spans="14:14">
      <c r="N268284" s="10"/>
    </row>
    <row r="268285" spans="14:14">
      <c r="N268285" s="10"/>
    </row>
    <row r="268286" spans="14:14">
      <c r="N268286" s="10"/>
    </row>
    <row r="268287" spans="14:14">
      <c r="N268287" s="10"/>
    </row>
    <row r="268288" spans="14:14">
      <c r="N268288" s="10"/>
    </row>
    <row r="268289" spans="14:14">
      <c r="N268289" s="10"/>
    </row>
    <row r="268290" spans="14:14">
      <c r="N268290" s="10"/>
    </row>
    <row r="268291" spans="14:14">
      <c r="N268291" s="10"/>
    </row>
    <row r="268292" spans="14:14">
      <c r="N268292" s="10"/>
    </row>
    <row r="268293" spans="14:14">
      <c r="N268293" s="10"/>
    </row>
    <row r="268294" spans="14:14">
      <c r="N268294" s="10"/>
    </row>
    <row r="268295" spans="14:14">
      <c r="N268295" s="10"/>
    </row>
    <row r="268296" spans="14:14">
      <c r="N268296" s="10"/>
    </row>
    <row r="268297" spans="14:14">
      <c r="N268297" s="10"/>
    </row>
    <row r="268298" spans="14:14">
      <c r="N268298" s="10"/>
    </row>
    <row r="268299" spans="14:14">
      <c r="N268299" s="10"/>
    </row>
    <row r="268300" spans="14:14">
      <c r="N268300" s="10"/>
    </row>
    <row r="268301" spans="14:14">
      <c r="N268301" s="10"/>
    </row>
    <row r="268302" spans="14:14">
      <c r="N268302" s="10"/>
    </row>
    <row r="268303" spans="14:14">
      <c r="N268303" s="10"/>
    </row>
    <row r="268304" spans="14:14">
      <c r="N268304" s="10"/>
    </row>
    <row r="268305" spans="14:14">
      <c r="N268305" s="10"/>
    </row>
    <row r="268306" spans="14:14">
      <c r="N268306" s="10"/>
    </row>
    <row r="268307" spans="14:14">
      <c r="N268307" s="10"/>
    </row>
    <row r="268308" spans="14:14">
      <c r="N268308" s="10"/>
    </row>
    <row r="268309" spans="14:14">
      <c r="N268309" s="10"/>
    </row>
    <row r="268310" spans="14:14">
      <c r="N268310" s="10"/>
    </row>
    <row r="268311" spans="14:14">
      <c r="N268311" s="10"/>
    </row>
    <row r="268312" spans="14:14">
      <c r="N268312" s="10"/>
    </row>
    <row r="268313" spans="14:14">
      <c r="N268313" s="10"/>
    </row>
    <row r="268314" spans="14:14">
      <c r="N268314" s="10"/>
    </row>
    <row r="268315" spans="14:14">
      <c r="N268315" s="10"/>
    </row>
    <row r="268316" spans="14:14">
      <c r="N268316" s="10"/>
    </row>
    <row r="268317" spans="14:14">
      <c r="N268317" s="10"/>
    </row>
    <row r="268318" spans="14:14">
      <c r="N268318" s="10"/>
    </row>
    <row r="268319" spans="14:14">
      <c r="N268319" s="10"/>
    </row>
    <row r="268320" spans="14:14">
      <c r="N268320" s="10"/>
    </row>
    <row r="268321" spans="14:14">
      <c r="N268321" s="10"/>
    </row>
    <row r="268322" spans="14:14">
      <c r="N268322" s="10"/>
    </row>
    <row r="268323" spans="14:14">
      <c r="N268323" s="10"/>
    </row>
    <row r="268324" spans="14:14">
      <c r="N268324" s="10"/>
    </row>
    <row r="268325" spans="14:14">
      <c r="N268325" s="10"/>
    </row>
    <row r="268326" spans="14:14">
      <c r="N268326" s="10"/>
    </row>
    <row r="268327" spans="14:14">
      <c r="N268327" s="10"/>
    </row>
    <row r="268328" spans="14:14">
      <c r="N268328" s="10"/>
    </row>
    <row r="268329" spans="14:14">
      <c r="N268329" s="10"/>
    </row>
    <row r="268330" spans="14:14">
      <c r="N268330" s="10"/>
    </row>
    <row r="268331" spans="14:14">
      <c r="N268331" s="10"/>
    </row>
    <row r="268332" spans="14:14">
      <c r="N268332" s="10"/>
    </row>
    <row r="268333" spans="14:14">
      <c r="N268333" s="10"/>
    </row>
    <row r="268334" spans="14:14">
      <c r="N268334" s="10"/>
    </row>
    <row r="268335" spans="14:14">
      <c r="N268335" s="10"/>
    </row>
    <row r="268336" spans="14:14">
      <c r="N268336" s="10"/>
    </row>
    <row r="268337" spans="14:14">
      <c r="N268337" s="10"/>
    </row>
    <row r="268338" spans="14:14">
      <c r="N268338" s="10"/>
    </row>
    <row r="268339" spans="14:14">
      <c r="N268339" s="10"/>
    </row>
    <row r="268340" spans="14:14">
      <c r="N268340" s="10"/>
    </row>
    <row r="268341" spans="14:14">
      <c r="N268341" s="10"/>
    </row>
    <row r="268342" spans="14:14">
      <c r="N268342" s="10"/>
    </row>
    <row r="268343" spans="14:14">
      <c r="N268343" s="10"/>
    </row>
    <row r="268344" spans="14:14">
      <c r="N268344" s="10"/>
    </row>
    <row r="268345" spans="14:14">
      <c r="N268345" s="10"/>
    </row>
    <row r="268346" spans="14:14">
      <c r="N268346" s="10"/>
    </row>
    <row r="268347" spans="14:14">
      <c r="N268347" s="10"/>
    </row>
    <row r="268348" spans="14:14">
      <c r="N268348" s="10"/>
    </row>
    <row r="268349" spans="14:14">
      <c r="N268349" s="10"/>
    </row>
    <row r="268350" spans="14:14">
      <c r="N268350" s="10"/>
    </row>
    <row r="268351" spans="14:14">
      <c r="N268351" s="10"/>
    </row>
    <row r="268352" spans="14:14">
      <c r="N268352" s="10"/>
    </row>
    <row r="268353" spans="14:14">
      <c r="N268353" s="10"/>
    </row>
    <row r="268354" spans="14:14">
      <c r="N268354" s="10"/>
    </row>
    <row r="268355" spans="14:14">
      <c r="N268355" s="10"/>
    </row>
    <row r="268356" spans="14:14">
      <c r="N268356" s="10"/>
    </row>
    <row r="268357" spans="14:14">
      <c r="N268357" s="10"/>
    </row>
    <row r="268358" spans="14:14">
      <c r="N268358" s="10"/>
    </row>
    <row r="268359" spans="14:14">
      <c r="N268359" s="10"/>
    </row>
    <row r="268360" spans="14:14">
      <c r="N268360" s="10"/>
    </row>
    <row r="268361" spans="14:14">
      <c r="N268361" s="10"/>
    </row>
    <row r="268362" spans="14:14">
      <c r="N268362" s="10"/>
    </row>
    <row r="268363" spans="14:14">
      <c r="N268363" s="10"/>
    </row>
    <row r="268364" spans="14:14">
      <c r="N268364" s="10"/>
    </row>
    <row r="268365" spans="14:14">
      <c r="N268365" s="10"/>
    </row>
    <row r="268366" spans="14:14">
      <c r="N268366" s="10"/>
    </row>
    <row r="268367" spans="14:14">
      <c r="N268367" s="10"/>
    </row>
    <row r="268368" spans="14:14">
      <c r="N268368" s="10"/>
    </row>
    <row r="268369" spans="14:14">
      <c r="N268369" s="10"/>
    </row>
    <row r="268370" spans="14:14">
      <c r="N268370" s="10"/>
    </row>
    <row r="268371" spans="14:14">
      <c r="N268371" s="10"/>
    </row>
    <row r="268372" spans="14:14">
      <c r="N268372" s="10"/>
    </row>
    <row r="268373" spans="14:14">
      <c r="N268373" s="10"/>
    </row>
    <row r="268374" spans="14:14">
      <c r="N268374" s="10"/>
    </row>
    <row r="268375" spans="14:14">
      <c r="N268375" s="10"/>
    </row>
    <row r="268376" spans="14:14">
      <c r="N268376" s="10"/>
    </row>
    <row r="268377" spans="14:14">
      <c r="N268377" s="10"/>
    </row>
    <row r="268378" spans="14:14">
      <c r="N268378" s="10"/>
    </row>
    <row r="268379" spans="14:14">
      <c r="N268379" s="10"/>
    </row>
    <row r="268380" spans="14:14">
      <c r="N268380" s="10"/>
    </row>
    <row r="268381" spans="14:14">
      <c r="N268381" s="10"/>
    </row>
    <row r="268382" spans="14:14">
      <c r="N268382" s="10"/>
    </row>
    <row r="268383" spans="14:14">
      <c r="N268383" s="10"/>
    </row>
    <row r="268384" spans="14:14">
      <c r="N268384" s="10"/>
    </row>
    <row r="268385" spans="14:14">
      <c r="N268385" s="10"/>
    </row>
    <row r="268386" spans="14:14">
      <c r="N268386" s="10"/>
    </row>
    <row r="268387" spans="14:14">
      <c r="N268387" s="10"/>
    </row>
    <row r="268388" spans="14:14">
      <c r="N268388" s="10"/>
    </row>
    <row r="268389" spans="14:14">
      <c r="N268389" s="10"/>
    </row>
    <row r="268390" spans="14:14">
      <c r="N268390" s="10"/>
    </row>
    <row r="268391" spans="14:14">
      <c r="N268391" s="10"/>
    </row>
    <row r="268392" spans="14:14">
      <c r="N268392" s="10"/>
    </row>
    <row r="268393" spans="14:14">
      <c r="N268393" s="10"/>
    </row>
    <row r="268394" spans="14:14">
      <c r="N268394" s="10"/>
    </row>
    <row r="268395" spans="14:14">
      <c r="N268395" s="10"/>
    </row>
    <row r="268396" spans="14:14">
      <c r="N268396" s="10"/>
    </row>
    <row r="268397" spans="14:14">
      <c r="N268397" s="10"/>
    </row>
    <row r="268398" spans="14:14">
      <c r="N268398" s="10"/>
    </row>
    <row r="268399" spans="14:14">
      <c r="N268399" s="10"/>
    </row>
    <row r="268400" spans="14:14">
      <c r="N268400" s="10"/>
    </row>
    <row r="268401" spans="14:14">
      <c r="N268401" s="10"/>
    </row>
    <row r="268402" spans="14:14">
      <c r="N268402" s="10"/>
    </row>
    <row r="268403" spans="14:14">
      <c r="N268403" s="10"/>
    </row>
    <row r="268404" spans="14:14">
      <c r="N268404" s="10"/>
    </row>
    <row r="268405" spans="14:14">
      <c r="N268405" s="10"/>
    </row>
    <row r="268406" spans="14:14">
      <c r="N268406" s="10"/>
    </row>
    <row r="268407" spans="14:14">
      <c r="N268407" s="10"/>
    </row>
    <row r="268408" spans="14:14">
      <c r="N268408" s="10"/>
    </row>
    <row r="268409" spans="14:14">
      <c r="N268409" s="10"/>
    </row>
    <row r="268410" spans="14:14">
      <c r="N268410" s="10"/>
    </row>
    <row r="268411" spans="14:14">
      <c r="N268411" s="10"/>
    </row>
    <row r="268412" spans="14:14">
      <c r="N268412" s="10"/>
    </row>
    <row r="268413" spans="14:14">
      <c r="N268413" s="10"/>
    </row>
    <row r="268414" spans="14:14">
      <c r="N268414" s="10"/>
    </row>
    <row r="268415" spans="14:14">
      <c r="N268415" s="10"/>
    </row>
    <row r="268416" spans="14:14">
      <c r="N268416" s="10"/>
    </row>
    <row r="268417" spans="14:14">
      <c r="N268417" s="10"/>
    </row>
    <row r="268418" spans="14:14">
      <c r="N268418" s="10"/>
    </row>
    <row r="268419" spans="14:14">
      <c r="N268419" s="10"/>
    </row>
    <row r="268420" spans="14:14">
      <c r="N268420" s="10"/>
    </row>
    <row r="268421" spans="14:14">
      <c r="N268421" s="10"/>
    </row>
    <row r="268422" spans="14:14">
      <c r="N268422" s="10"/>
    </row>
    <row r="268423" spans="14:14">
      <c r="N268423" s="10"/>
    </row>
    <row r="268424" spans="14:14">
      <c r="N268424" s="10"/>
    </row>
    <row r="268425" spans="14:14">
      <c r="N268425" s="10"/>
    </row>
    <row r="268426" spans="14:14">
      <c r="N268426" s="10"/>
    </row>
    <row r="268427" spans="14:14">
      <c r="N268427" s="10"/>
    </row>
    <row r="268428" spans="14:14">
      <c r="N268428" s="10"/>
    </row>
    <row r="268429" spans="14:14">
      <c r="N268429" s="10"/>
    </row>
    <row r="268430" spans="14:14">
      <c r="N268430" s="10"/>
    </row>
    <row r="268431" spans="14:14">
      <c r="N268431" s="10"/>
    </row>
    <row r="268432" spans="14:14">
      <c r="N268432" s="10"/>
    </row>
    <row r="268433" spans="14:14">
      <c r="N268433" s="10"/>
    </row>
    <row r="268434" spans="14:14">
      <c r="N268434" s="10"/>
    </row>
    <row r="268435" spans="14:14">
      <c r="N268435" s="10"/>
    </row>
    <row r="268436" spans="14:14">
      <c r="N268436" s="10"/>
    </row>
    <row r="268437" spans="14:14">
      <c r="N268437" s="10"/>
    </row>
    <row r="268438" spans="14:14">
      <c r="N268438" s="10"/>
    </row>
    <row r="268439" spans="14:14">
      <c r="N268439" s="10"/>
    </row>
    <row r="268440" spans="14:14">
      <c r="N268440" s="10"/>
    </row>
    <row r="268441" spans="14:14">
      <c r="N268441" s="10"/>
    </row>
    <row r="268442" spans="14:14">
      <c r="N268442" s="10"/>
    </row>
    <row r="268443" spans="14:14">
      <c r="N268443" s="10"/>
    </row>
    <row r="268444" spans="14:14">
      <c r="N268444" s="10"/>
    </row>
    <row r="268445" spans="14:14">
      <c r="N268445" s="10"/>
    </row>
    <row r="268446" spans="14:14">
      <c r="N268446" s="10"/>
    </row>
    <row r="268447" spans="14:14">
      <c r="N268447" s="10"/>
    </row>
    <row r="268448" spans="14:14">
      <c r="N268448" s="10"/>
    </row>
    <row r="268449" spans="14:14">
      <c r="N268449" s="10"/>
    </row>
    <row r="268450" spans="14:14">
      <c r="N268450" s="10"/>
    </row>
    <row r="268451" spans="14:14">
      <c r="N268451" s="10"/>
    </row>
    <row r="268452" spans="14:14">
      <c r="N268452" s="10"/>
    </row>
    <row r="268453" spans="14:14">
      <c r="N268453" s="10"/>
    </row>
    <row r="268454" spans="14:14">
      <c r="N268454" s="10"/>
    </row>
    <row r="268455" spans="14:14">
      <c r="N268455" s="10"/>
    </row>
    <row r="268456" spans="14:14">
      <c r="N268456" s="10"/>
    </row>
    <row r="268457" spans="14:14">
      <c r="N268457" s="10"/>
    </row>
    <row r="268458" spans="14:14">
      <c r="N268458" s="10"/>
    </row>
    <row r="268459" spans="14:14">
      <c r="N268459" s="10"/>
    </row>
    <row r="268460" spans="14:14">
      <c r="N268460" s="10"/>
    </row>
    <row r="268461" spans="14:14">
      <c r="N268461" s="10"/>
    </row>
    <row r="268462" spans="14:14">
      <c r="N268462" s="10"/>
    </row>
    <row r="268463" spans="14:14">
      <c r="N268463" s="10"/>
    </row>
    <row r="268464" spans="14:14">
      <c r="N268464" s="10"/>
    </row>
    <row r="268465" spans="14:14">
      <c r="N268465" s="10"/>
    </row>
    <row r="268466" spans="14:14">
      <c r="N268466" s="10"/>
    </row>
    <row r="268467" spans="14:14">
      <c r="N268467" s="10"/>
    </row>
    <row r="268468" spans="14:14">
      <c r="N268468" s="10"/>
    </row>
    <row r="268469" spans="14:14">
      <c r="N268469" s="10"/>
    </row>
    <row r="268470" spans="14:14">
      <c r="N268470" s="10"/>
    </row>
    <row r="268471" spans="14:14">
      <c r="N268471" s="10"/>
    </row>
    <row r="268472" spans="14:14">
      <c r="N268472" s="10"/>
    </row>
    <row r="268473" spans="14:14">
      <c r="N268473" s="10"/>
    </row>
    <row r="268474" spans="14:14">
      <c r="N268474" s="10"/>
    </row>
    <row r="268475" spans="14:14">
      <c r="N268475" s="10"/>
    </row>
    <row r="268476" spans="14:14">
      <c r="N268476" s="10"/>
    </row>
    <row r="268477" spans="14:14">
      <c r="N268477" s="10"/>
    </row>
    <row r="268478" spans="14:14">
      <c r="N268478" s="10"/>
    </row>
    <row r="268479" spans="14:14">
      <c r="N268479" s="10"/>
    </row>
    <row r="268480" spans="14:14">
      <c r="N268480" s="10"/>
    </row>
    <row r="268481" spans="14:14">
      <c r="N268481" s="10"/>
    </row>
    <row r="268482" spans="14:14">
      <c r="N268482" s="10"/>
    </row>
    <row r="268483" spans="14:14">
      <c r="N268483" s="10"/>
    </row>
    <row r="268484" spans="14:14">
      <c r="N268484" s="10"/>
    </row>
    <row r="268485" spans="14:14">
      <c r="N268485" s="10"/>
    </row>
    <row r="268486" spans="14:14">
      <c r="N268486" s="10"/>
    </row>
    <row r="268487" spans="14:14">
      <c r="N268487" s="10"/>
    </row>
    <row r="268488" spans="14:14">
      <c r="N268488" s="10"/>
    </row>
    <row r="268489" spans="14:14">
      <c r="N268489" s="10"/>
    </row>
    <row r="268490" spans="14:14">
      <c r="N268490" s="10"/>
    </row>
    <row r="268491" spans="14:14">
      <c r="N268491" s="10"/>
    </row>
    <row r="268492" spans="14:14">
      <c r="N268492" s="10"/>
    </row>
    <row r="268493" spans="14:14">
      <c r="N268493" s="10"/>
    </row>
    <row r="268494" spans="14:14">
      <c r="N268494" s="10"/>
    </row>
    <row r="268495" spans="14:14">
      <c r="N268495" s="10"/>
    </row>
    <row r="268496" spans="14:14">
      <c r="N268496" s="10"/>
    </row>
    <row r="268497" spans="14:14">
      <c r="N268497" s="10"/>
    </row>
    <row r="268498" spans="14:14">
      <c r="N268498" s="10"/>
    </row>
    <row r="268499" spans="14:14">
      <c r="N268499" s="10"/>
    </row>
    <row r="268500" spans="14:14">
      <c r="N268500" s="10"/>
    </row>
    <row r="268501" spans="14:14">
      <c r="N268501" s="10"/>
    </row>
    <row r="268502" spans="14:14">
      <c r="N268502" s="10"/>
    </row>
    <row r="268503" spans="14:14">
      <c r="N268503" s="10"/>
    </row>
    <row r="268504" spans="14:14">
      <c r="N268504" s="10"/>
    </row>
    <row r="268505" spans="14:14">
      <c r="N268505" s="10"/>
    </row>
    <row r="268506" spans="14:14">
      <c r="N268506" s="10"/>
    </row>
    <row r="268507" spans="14:14">
      <c r="N268507" s="10"/>
    </row>
    <row r="268508" spans="14:14">
      <c r="N268508" s="10"/>
    </row>
    <row r="268509" spans="14:14">
      <c r="N268509" s="10"/>
    </row>
    <row r="268510" spans="14:14">
      <c r="N268510" s="10"/>
    </row>
    <row r="268511" spans="14:14">
      <c r="N268511" s="10"/>
    </row>
    <row r="268512" spans="14:14">
      <c r="N268512" s="10"/>
    </row>
    <row r="268513" spans="14:14">
      <c r="N268513" s="10"/>
    </row>
    <row r="268514" spans="14:14">
      <c r="N268514" s="10"/>
    </row>
    <row r="268515" spans="14:14">
      <c r="N268515" s="10"/>
    </row>
    <row r="268516" spans="14:14">
      <c r="N268516" s="10"/>
    </row>
    <row r="268517" spans="14:14">
      <c r="N268517" s="10"/>
    </row>
    <row r="268518" spans="14:14">
      <c r="N268518" s="10"/>
    </row>
    <row r="268519" spans="14:14">
      <c r="N268519" s="10"/>
    </row>
    <row r="268520" spans="14:14">
      <c r="N268520" s="10"/>
    </row>
    <row r="268521" spans="14:14">
      <c r="N268521" s="10"/>
    </row>
    <row r="268522" spans="14:14">
      <c r="N268522" s="10"/>
    </row>
    <row r="268523" spans="14:14">
      <c r="N268523" s="10"/>
    </row>
    <row r="268524" spans="14:14">
      <c r="N268524" s="10"/>
    </row>
    <row r="268525" spans="14:14">
      <c r="N268525" s="10"/>
    </row>
    <row r="268526" spans="14:14">
      <c r="N268526" s="10"/>
    </row>
    <row r="268527" spans="14:14">
      <c r="N268527" s="10"/>
    </row>
    <row r="268528" spans="14:14">
      <c r="N268528" s="10"/>
    </row>
    <row r="268529" spans="14:14">
      <c r="N268529" s="10"/>
    </row>
    <row r="268530" spans="14:14">
      <c r="N268530" s="10"/>
    </row>
    <row r="268531" spans="14:14">
      <c r="N268531" s="10"/>
    </row>
    <row r="268532" spans="14:14">
      <c r="N268532" s="10"/>
    </row>
    <row r="268533" spans="14:14">
      <c r="N268533" s="10"/>
    </row>
    <row r="268534" spans="14:14">
      <c r="N268534" s="10"/>
    </row>
    <row r="268535" spans="14:14">
      <c r="N268535" s="10"/>
    </row>
    <row r="268536" spans="14:14">
      <c r="N268536" s="10"/>
    </row>
    <row r="268537" spans="14:14">
      <c r="N268537" s="10"/>
    </row>
    <row r="268538" spans="14:14">
      <c r="N268538" s="10"/>
    </row>
    <row r="268539" spans="14:14">
      <c r="N268539" s="10"/>
    </row>
    <row r="268540" spans="14:14">
      <c r="N268540" s="10"/>
    </row>
    <row r="268541" spans="14:14">
      <c r="N268541" s="10"/>
    </row>
    <row r="268542" spans="14:14">
      <c r="N268542" s="10"/>
    </row>
    <row r="268543" spans="14:14">
      <c r="N268543" s="10"/>
    </row>
    <row r="268544" spans="14:14">
      <c r="N268544" s="10"/>
    </row>
    <row r="268545" spans="14:14">
      <c r="N268545" s="10"/>
    </row>
    <row r="268546" spans="14:14">
      <c r="N268546" s="10"/>
    </row>
    <row r="268547" spans="14:14">
      <c r="N268547" s="10"/>
    </row>
    <row r="268548" spans="14:14">
      <c r="N268548" s="10"/>
    </row>
    <row r="268549" spans="14:14">
      <c r="N268549" s="10"/>
    </row>
    <row r="268550" spans="14:14">
      <c r="N268550" s="10"/>
    </row>
    <row r="268551" spans="14:14">
      <c r="N268551" s="10"/>
    </row>
    <row r="268552" spans="14:14">
      <c r="N268552" s="10"/>
    </row>
    <row r="268553" spans="14:14">
      <c r="N268553" s="10"/>
    </row>
    <row r="268554" spans="14:14">
      <c r="N268554" s="10"/>
    </row>
    <row r="268555" spans="14:14">
      <c r="N268555" s="10"/>
    </row>
    <row r="268556" spans="14:14">
      <c r="N268556" s="10"/>
    </row>
    <row r="268557" spans="14:14">
      <c r="N268557" s="10"/>
    </row>
    <row r="268558" spans="14:14">
      <c r="N268558" s="10"/>
    </row>
    <row r="268559" spans="14:14">
      <c r="N268559" s="10"/>
    </row>
    <row r="268560" spans="14:14">
      <c r="N268560" s="10"/>
    </row>
    <row r="268561" spans="14:14">
      <c r="N268561" s="10"/>
    </row>
    <row r="268562" spans="14:14">
      <c r="N268562" s="10"/>
    </row>
    <row r="268563" spans="14:14">
      <c r="N268563" s="10"/>
    </row>
    <row r="268564" spans="14:14">
      <c r="N268564" s="10"/>
    </row>
    <row r="268565" spans="14:14">
      <c r="N268565" s="10"/>
    </row>
    <row r="268566" spans="14:14">
      <c r="N268566" s="10"/>
    </row>
    <row r="268567" spans="14:14">
      <c r="N268567" s="10"/>
    </row>
    <row r="268568" spans="14:14">
      <c r="N268568" s="10"/>
    </row>
    <row r="268569" spans="14:14">
      <c r="N268569" s="10"/>
    </row>
    <row r="268570" spans="14:14">
      <c r="N268570" s="10"/>
    </row>
    <row r="268571" spans="14:14">
      <c r="N268571" s="10"/>
    </row>
    <row r="268572" spans="14:14">
      <c r="N268572" s="10"/>
    </row>
    <row r="268573" spans="14:14">
      <c r="N268573" s="10"/>
    </row>
    <row r="268574" spans="14:14">
      <c r="N268574" s="10"/>
    </row>
    <row r="268575" spans="14:14">
      <c r="N268575" s="10"/>
    </row>
    <row r="268576" spans="14:14">
      <c r="N268576" s="10"/>
    </row>
    <row r="268577" spans="14:14">
      <c r="N268577" s="10"/>
    </row>
    <row r="268578" spans="14:14">
      <c r="N268578" s="10"/>
    </row>
    <row r="268579" spans="14:14">
      <c r="N268579" s="10"/>
    </row>
    <row r="268580" spans="14:14">
      <c r="N268580" s="10"/>
    </row>
    <row r="268581" spans="14:14">
      <c r="N268581" s="10"/>
    </row>
    <row r="268582" spans="14:14">
      <c r="N268582" s="10"/>
    </row>
    <row r="268583" spans="14:14">
      <c r="N268583" s="10"/>
    </row>
    <row r="268584" spans="14:14">
      <c r="N268584" s="10"/>
    </row>
    <row r="268585" spans="14:14">
      <c r="N268585" s="10"/>
    </row>
    <row r="268586" spans="14:14">
      <c r="N268586" s="10"/>
    </row>
    <row r="268587" spans="14:14">
      <c r="N268587" s="10"/>
    </row>
    <row r="268588" spans="14:14">
      <c r="N268588" s="10"/>
    </row>
    <row r="268589" spans="14:14">
      <c r="N268589" s="10"/>
    </row>
    <row r="268590" spans="14:14">
      <c r="N268590" s="10"/>
    </row>
    <row r="268591" spans="14:14">
      <c r="N268591" s="10"/>
    </row>
    <row r="268592" spans="14:14">
      <c r="N268592" s="10"/>
    </row>
    <row r="268593" spans="14:14">
      <c r="N268593" s="10"/>
    </row>
    <row r="268594" spans="14:14">
      <c r="N268594" s="10"/>
    </row>
    <row r="268595" spans="14:14">
      <c r="N268595" s="10"/>
    </row>
    <row r="268596" spans="14:14">
      <c r="N268596" s="10"/>
    </row>
    <row r="268597" spans="14:14">
      <c r="N268597" s="10"/>
    </row>
    <row r="268598" spans="14:14">
      <c r="N268598" s="10"/>
    </row>
    <row r="268599" spans="14:14">
      <c r="N268599" s="10"/>
    </row>
    <row r="268600" spans="14:14">
      <c r="N268600" s="10"/>
    </row>
    <row r="268601" spans="14:14">
      <c r="N268601" s="10"/>
    </row>
    <row r="268602" spans="14:14">
      <c r="N268602" s="10"/>
    </row>
    <row r="268603" spans="14:14">
      <c r="N268603" s="10"/>
    </row>
    <row r="268604" spans="14:14">
      <c r="N268604" s="10"/>
    </row>
    <row r="268605" spans="14:14">
      <c r="N268605" s="10"/>
    </row>
    <row r="268606" spans="14:14">
      <c r="N268606" s="10"/>
    </row>
    <row r="268607" spans="14:14">
      <c r="N268607" s="10"/>
    </row>
    <row r="268608" spans="14:14">
      <c r="N268608" s="10"/>
    </row>
    <row r="268609" spans="14:14">
      <c r="N268609" s="10"/>
    </row>
    <row r="268610" spans="14:14">
      <c r="N268610" s="10"/>
    </row>
    <row r="268611" spans="14:14">
      <c r="N268611" s="10"/>
    </row>
    <row r="268612" spans="14:14">
      <c r="N268612" s="10"/>
    </row>
    <row r="268613" spans="14:14">
      <c r="N268613" s="10"/>
    </row>
    <row r="268614" spans="14:14">
      <c r="N268614" s="10"/>
    </row>
    <row r="268615" spans="14:14">
      <c r="N268615" s="10"/>
    </row>
    <row r="268616" spans="14:14">
      <c r="N268616" s="10"/>
    </row>
    <row r="268617" spans="14:14">
      <c r="N268617" s="10"/>
    </row>
    <row r="268618" spans="14:14">
      <c r="N268618" s="10"/>
    </row>
    <row r="268619" spans="14:14">
      <c r="N268619" s="10"/>
    </row>
    <row r="268620" spans="14:14">
      <c r="N268620" s="10"/>
    </row>
    <row r="268621" spans="14:14">
      <c r="N268621" s="10"/>
    </row>
    <row r="268622" spans="14:14">
      <c r="N268622" s="10"/>
    </row>
    <row r="268623" spans="14:14">
      <c r="N268623" s="10"/>
    </row>
    <row r="268624" spans="14:14">
      <c r="N268624" s="10"/>
    </row>
    <row r="268625" spans="14:14">
      <c r="N268625" s="10"/>
    </row>
    <row r="268626" spans="14:14">
      <c r="N268626" s="10"/>
    </row>
    <row r="268627" spans="14:14">
      <c r="N268627" s="10"/>
    </row>
    <row r="268628" spans="14:14">
      <c r="N268628" s="10"/>
    </row>
    <row r="268629" spans="14:14">
      <c r="N268629" s="10"/>
    </row>
    <row r="268630" spans="14:14">
      <c r="N268630" s="10"/>
    </row>
    <row r="268631" spans="14:14">
      <c r="N268631" s="10"/>
    </row>
    <row r="268632" spans="14:14">
      <c r="N268632" s="10"/>
    </row>
    <row r="268633" spans="14:14">
      <c r="N268633" s="10"/>
    </row>
    <row r="268634" spans="14:14">
      <c r="N268634" s="10"/>
    </row>
    <row r="268635" spans="14:14">
      <c r="N268635" s="10"/>
    </row>
    <row r="268636" spans="14:14">
      <c r="N268636" s="10"/>
    </row>
    <row r="268637" spans="14:14">
      <c r="N268637" s="10"/>
    </row>
    <row r="268638" spans="14:14">
      <c r="N268638" s="10"/>
    </row>
    <row r="268639" spans="14:14">
      <c r="N268639" s="10"/>
    </row>
    <row r="268640" spans="14:14">
      <c r="N268640" s="10"/>
    </row>
    <row r="268641" spans="14:14">
      <c r="N268641" s="10"/>
    </row>
    <row r="268642" spans="14:14">
      <c r="N268642" s="10"/>
    </row>
    <row r="268643" spans="14:14">
      <c r="N268643" s="10"/>
    </row>
    <row r="268644" spans="14:14">
      <c r="N268644" s="10"/>
    </row>
    <row r="268645" spans="14:14">
      <c r="N268645" s="10"/>
    </row>
    <row r="268646" spans="14:14">
      <c r="N268646" s="10"/>
    </row>
    <row r="268647" spans="14:14">
      <c r="N268647" s="10"/>
    </row>
    <row r="268648" spans="14:14">
      <c r="N268648" s="10"/>
    </row>
    <row r="268649" spans="14:14">
      <c r="N268649" s="10"/>
    </row>
    <row r="268650" spans="14:14">
      <c r="N268650" s="10"/>
    </row>
    <row r="268651" spans="14:14">
      <c r="N268651" s="10"/>
    </row>
    <row r="268652" spans="14:14">
      <c r="N268652" s="10"/>
    </row>
    <row r="268653" spans="14:14">
      <c r="N268653" s="10"/>
    </row>
    <row r="268654" spans="14:14">
      <c r="N268654" s="10"/>
    </row>
    <row r="268655" spans="14:14">
      <c r="N268655" s="10"/>
    </row>
    <row r="268656" spans="14:14">
      <c r="N268656" s="10"/>
    </row>
    <row r="268657" spans="14:14">
      <c r="N268657" s="10"/>
    </row>
    <row r="268658" spans="14:14">
      <c r="N268658" s="10"/>
    </row>
    <row r="268659" spans="14:14">
      <c r="N268659" s="10"/>
    </row>
    <row r="268660" spans="14:14">
      <c r="N268660" s="10"/>
    </row>
    <row r="268661" spans="14:14">
      <c r="N268661" s="10"/>
    </row>
    <row r="268662" spans="14:14">
      <c r="N268662" s="10"/>
    </row>
    <row r="268663" spans="14:14">
      <c r="N268663" s="10"/>
    </row>
    <row r="268664" spans="14:14">
      <c r="N268664" s="10"/>
    </row>
    <row r="268665" spans="14:14">
      <c r="N268665" s="10"/>
    </row>
    <row r="268666" spans="14:14">
      <c r="N268666" s="10"/>
    </row>
    <row r="268667" spans="14:14">
      <c r="N268667" s="10"/>
    </row>
    <row r="268668" spans="14:14">
      <c r="N268668" s="10"/>
    </row>
    <row r="268669" spans="14:14">
      <c r="N268669" s="10"/>
    </row>
    <row r="268670" spans="14:14">
      <c r="N268670" s="10"/>
    </row>
    <row r="268671" spans="14:14">
      <c r="N268671" s="10"/>
    </row>
    <row r="268672" spans="14:14">
      <c r="N268672" s="10"/>
    </row>
    <row r="268673" spans="14:14">
      <c r="N268673" s="10"/>
    </row>
    <row r="268674" spans="14:14">
      <c r="N268674" s="10"/>
    </row>
    <row r="268675" spans="14:14">
      <c r="N268675" s="10"/>
    </row>
    <row r="268676" spans="14:14">
      <c r="N268676" s="10"/>
    </row>
    <row r="268677" spans="14:14">
      <c r="N268677" s="10"/>
    </row>
    <row r="268678" spans="14:14">
      <c r="N268678" s="10"/>
    </row>
    <row r="268679" spans="14:14">
      <c r="N268679" s="10"/>
    </row>
    <row r="268680" spans="14:14">
      <c r="N268680" s="10"/>
    </row>
    <row r="268681" spans="14:14">
      <c r="N268681" s="10"/>
    </row>
    <row r="268682" spans="14:14">
      <c r="N268682" s="10"/>
    </row>
    <row r="268683" spans="14:14">
      <c r="N268683" s="10"/>
    </row>
    <row r="268684" spans="14:14">
      <c r="N268684" s="10"/>
    </row>
    <row r="268685" spans="14:14">
      <c r="N268685" s="10"/>
    </row>
    <row r="268686" spans="14:14">
      <c r="N268686" s="10"/>
    </row>
    <row r="268687" spans="14:14">
      <c r="N268687" s="10"/>
    </row>
    <row r="268688" spans="14:14">
      <c r="N268688" s="10"/>
    </row>
    <row r="268689" spans="14:14">
      <c r="N268689" s="10"/>
    </row>
    <row r="268690" spans="14:14">
      <c r="N268690" s="10"/>
    </row>
    <row r="268691" spans="14:14">
      <c r="N268691" s="10"/>
    </row>
    <row r="268692" spans="14:14">
      <c r="N268692" s="10"/>
    </row>
    <row r="268693" spans="14:14">
      <c r="N268693" s="10"/>
    </row>
    <row r="268694" spans="14:14">
      <c r="N268694" s="10"/>
    </row>
    <row r="268695" spans="14:14">
      <c r="N268695" s="10"/>
    </row>
    <row r="268696" spans="14:14">
      <c r="N268696" s="10"/>
    </row>
    <row r="268697" spans="14:14">
      <c r="N268697" s="10"/>
    </row>
    <row r="268698" spans="14:14">
      <c r="N268698" s="10"/>
    </row>
    <row r="268699" spans="14:14">
      <c r="N268699" s="10"/>
    </row>
    <row r="268700" spans="14:14">
      <c r="N268700" s="10"/>
    </row>
    <row r="268701" spans="14:14">
      <c r="N268701" s="10"/>
    </row>
    <row r="268702" spans="14:14">
      <c r="N268702" s="10"/>
    </row>
    <row r="268703" spans="14:14">
      <c r="N268703" s="10"/>
    </row>
    <row r="268704" spans="14:14">
      <c r="N268704" s="10"/>
    </row>
    <row r="268705" spans="14:14">
      <c r="N268705" s="10"/>
    </row>
    <row r="268706" spans="14:14">
      <c r="N268706" s="10"/>
    </row>
    <row r="268707" spans="14:14">
      <c r="N268707" s="10"/>
    </row>
    <row r="268708" spans="14:14">
      <c r="N268708" s="10"/>
    </row>
    <row r="268709" spans="14:14">
      <c r="N268709" s="10"/>
    </row>
    <row r="268710" spans="14:14">
      <c r="N268710" s="10"/>
    </row>
    <row r="268711" spans="14:14">
      <c r="N268711" s="10"/>
    </row>
    <row r="268712" spans="14:14">
      <c r="N268712" s="10"/>
    </row>
    <row r="268713" spans="14:14">
      <c r="N268713" s="10"/>
    </row>
    <row r="268714" spans="14:14">
      <c r="N268714" s="10"/>
    </row>
    <row r="268715" spans="14:14">
      <c r="N268715" s="10"/>
    </row>
    <row r="268716" spans="14:14">
      <c r="N268716" s="10"/>
    </row>
    <row r="268717" spans="14:14">
      <c r="N268717" s="10"/>
    </row>
    <row r="268718" spans="14:14">
      <c r="N268718" s="10"/>
    </row>
    <row r="268719" spans="14:14">
      <c r="N268719" s="10"/>
    </row>
    <row r="268720" spans="14:14">
      <c r="N268720" s="10"/>
    </row>
    <row r="268721" spans="14:14">
      <c r="N268721" s="10"/>
    </row>
    <row r="268722" spans="14:14">
      <c r="N268722" s="10"/>
    </row>
    <row r="268723" spans="14:14">
      <c r="N268723" s="10"/>
    </row>
    <row r="268724" spans="14:14">
      <c r="N268724" s="10"/>
    </row>
    <row r="268725" spans="14:14">
      <c r="N268725" s="10"/>
    </row>
    <row r="268726" spans="14:14">
      <c r="N268726" s="10"/>
    </row>
    <row r="268727" spans="14:14">
      <c r="N268727" s="10"/>
    </row>
    <row r="268728" spans="14:14">
      <c r="N268728" s="10"/>
    </row>
    <row r="268729" spans="14:14">
      <c r="N268729" s="10"/>
    </row>
    <row r="268730" spans="14:14">
      <c r="N268730" s="10"/>
    </row>
    <row r="268731" spans="14:14">
      <c r="N268731" s="10"/>
    </row>
    <row r="268732" spans="14:14">
      <c r="N268732" s="10"/>
    </row>
    <row r="268733" spans="14:14">
      <c r="N268733" s="10"/>
    </row>
    <row r="268734" spans="14:14">
      <c r="N268734" s="10"/>
    </row>
    <row r="268735" spans="14:14">
      <c r="N268735" s="10"/>
    </row>
    <row r="268736" spans="14:14">
      <c r="N268736" s="10"/>
    </row>
    <row r="268737" spans="14:14">
      <c r="N268737" s="10"/>
    </row>
    <row r="268738" spans="14:14">
      <c r="N268738" s="10"/>
    </row>
    <row r="268739" spans="14:14">
      <c r="N268739" s="10"/>
    </row>
    <row r="268740" spans="14:14">
      <c r="N268740" s="10"/>
    </row>
    <row r="268741" spans="14:14">
      <c r="N268741" s="10"/>
    </row>
    <row r="268742" spans="14:14">
      <c r="N268742" s="10"/>
    </row>
    <row r="268743" spans="14:14">
      <c r="N268743" s="10"/>
    </row>
    <row r="268744" spans="14:14">
      <c r="N268744" s="10"/>
    </row>
    <row r="268745" spans="14:14">
      <c r="N268745" s="10"/>
    </row>
    <row r="268746" spans="14:14">
      <c r="N268746" s="10"/>
    </row>
    <row r="268747" spans="14:14">
      <c r="N268747" s="10"/>
    </row>
    <row r="268748" spans="14:14">
      <c r="N268748" s="10"/>
    </row>
    <row r="268749" spans="14:14">
      <c r="N268749" s="10"/>
    </row>
    <row r="268750" spans="14:14">
      <c r="N268750" s="10"/>
    </row>
    <row r="268751" spans="14:14">
      <c r="N268751" s="10"/>
    </row>
    <row r="268752" spans="14:14">
      <c r="N268752" s="10"/>
    </row>
    <row r="268753" spans="14:14">
      <c r="N268753" s="10"/>
    </row>
    <row r="268754" spans="14:14">
      <c r="N268754" s="10"/>
    </row>
    <row r="268755" spans="14:14">
      <c r="N268755" s="10"/>
    </row>
    <row r="268756" spans="14:14">
      <c r="N268756" s="10"/>
    </row>
    <row r="268757" spans="14:14">
      <c r="N268757" s="10"/>
    </row>
    <row r="268758" spans="14:14">
      <c r="N268758" s="10"/>
    </row>
    <row r="268759" spans="14:14">
      <c r="N268759" s="10"/>
    </row>
    <row r="268760" spans="14:14">
      <c r="N268760" s="10"/>
    </row>
    <row r="268761" spans="14:14">
      <c r="N268761" s="10"/>
    </row>
    <row r="268762" spans="14:14">
      <c r="N268762" s="10"/>
    </row>
    <row r="268763" spans="14:14">
      <c r="N268763" s="10"/>
    </row>
    <row r="268764" spans="14:14">
      <c r="N268764" s="10"/>
    </row>
    <row r="268765" spans="14:14">
      <c r="N268765" s="10"/>
    </row>
    <row r="268766" spans="14:14">
      <c r="N268766" s="10"/>
    </row>
    <row r="268767" spans="14:14">
      <c r="N268767" s="10"/>
    </row>
    <row r="268768" spans="14:14">
      <c r="N268768" s="10"/>
    </row>
    <row r="268769" spans="14:14">
      <c r="N268769" s="10"/>
    </row>
    <row r="268770" spans="14:14">
      <c r="N268770" s="10"/>
    </row>
    <row r="268771" spans="14:14">
      <c r="N268771" s="10"/>
    </row>
    <row r="268772" spans="14:14">
      <c r="N268772" s="10"/>
    </row>
    <row r="268773" spans="14:14">
      <c r="N268773" s="10"/>
    </row>
    <row r="268774" spans="14:14">
      <c r="N268774" s="10"/>
    </row>
    <row r="268775" spans="14:14">
      <c r="N268775" s="10"/>
    </row>
    <row r="268776" spans="14:14">
      <c r="N268776" s="10"/>
    </row>
    <row r="268777" spans="14:14">
      <c r="N268777" s="10"/>
    </row>
    <row r="268778" spans="14:14">
      <c r="N268778" s="10"/>
    </row>
    <row r="268779" spans="14:14">
      <c r="N268779" s="10"/>
    </row>
    <row r="268780" spans="14:14">
      <c r="N268780" s="10"/>
    </row>
    <row r="268781" spans="14:14">
      <c r="N268781" s="10"/>
    </row>
    <row r="268782" spans="14:14">
      <c r="N268782" s="10"/>
    </row>
    <row r="268783" spans="14:14">
      <c r="N268783" s="10"/>
    </row>
    <row r="268784" spans="14:14">
      <c r="N268784" s="10"/>
    </row>
    <row r="268785" spans="14:14">
      <c r="N268785" s="10"/>
    </row>
    <row r="268786" spans="14:14">
      <c r="N268786" s="10"/>
    </row>
    <row r="268787" spans="14:14">
      <c r="N268787" s="10"/>
    </row>
    <row r="268788" spans="14:14">
      <c r="N268788" s="10"/>
    </row>
    <row r="268789" spans="14:14">
      <c r="N268789" s="10"/>
    </row>
    <row r="268790" spans="14:14">
      <c r="N268790" s="10"/>
    </row>
    <row r="268791" spans="14:14">
      <c r="N268791" s="10"/>
    </row>
    <row r="268792" spans="14:14">
      <c r="N268792" s="10"/>
    </row>
    <row r="268793" spans="14:14">
      <c r="N268793" s="10"/>
    </row>
    <row r="268794" spans="14:14">
      <c r="N268794" s="10"/>
    </row>
    <row r="268795" spans="14:14">
      <c r="N268795" s="10"/>
    </row>
    <row r="268796" spans="14:14">
      <c r="N268796" s="10"/>
    </row>
    <row r="268797" spans="14:14">
      <c r="N268797" s="10"/>
    </row>
    <row r="268798" spans="14:14">
      <c r="N268798" s="10"/>
    </row>
    <row r="268799" spans="14:14">
      <c r="N268799" s="10"/>
    </row>
    <row r="268800" spans="14:14">
      <c r="N268800" s="10"/>
    </row>
    <row r="268801" spans="14:14">
      <c r="N268801" s="10"/>
    </row>
    <row r="268802" spans="14:14">
      <c r="N268802" s="10"/>
    </row>
    <row r="268803" spans="14:14">
      <c r="N268803" s="10"/>
    </row>
    <row r="268804" spans="14:14">
      <c r="N268804" s="10"/>
    </row>
    <row r="268805" spans="14:14">
      <c r="N268805" s="10"/>
    </row>
    <row r="268806" spans="14:14">
      <c r="N268806" s="10"/>
    </row>
    <row r="268807" spans="14:14">
      <c r="N268807" s="10"/>
    </row>
    <row r="268808" spans="14:14">
      <c r="N268808" s="10"/>
    </row>
    <row r="268809" spans="14:14">
      <c r="N268809" s="10"/>
    </row>
    <row r="268810" spans="14:14">
      <c r="N268810" s="10"/>
    </row>
    <row r="268811" spans="14:14">
      <c r="N268811" s="10"/>
    </row>
    <row r="268812" spans="14:14">
      <c r="N268812" s="10"/>
    </row>
    <row r="268813" spans="14:14">
      <c r="N268813" s="10"/>
    </row>
    <row r="268814" spans="14:14">
      <c r="N268814" s="10"/>
    </row>
    <row r="268815" spans="14:14">
      <c r="N268815" s="10"/>
    </row>
    <row r="268816" spans="14:14">
      <c r="N268816" s="10"/>
    </row>
    <row r="268817" spans="14:14">
      <c r="N268817" s="10"/>
    </row>
    <row r="268818" spans="14:14">
      <c r="N268818" s="10"/>
    </row>
    <row r="268819" spans="14:14">
      <c r="N268819" s="10"/>
    </row>
    <row r="268820" spans="14:14">
      <c r="N268820" s="10"/>
    </row>
    <row r="268821" spans="14:14">
      <c r="N268821" s="10"/>
    </row>
    <row r="268822" spans="14:14">
      <c r="N268822" s="10"/>
    </row>
    <row r="268823" spans="14:14">
      <c r="N268823" s="10"/>
    </row>
    <row r="268824" spans="14:14">
      <c r="N268824" s="10"/>
    </row>
    <row r="268825" spans="14:14">
      <c r="N268825" s="10"/>
    </row>
    <row r="268826" spans="14:14">
      <c r="N268826" s="10"/>
    </row>
    <row r="268827" spans="14:14">
      <c r="N268827" s="10"/>
    </row>
    <row r="268828" spans="14:14">
      <c r="N268828" s="10"/>
    </row>
    <row r="268829" spans="14:14">
      <c r="N268829" s="10"/>
    </row>
    <row r="268830" spans="14:14">
      <c r="N268830" s="10"/>
    </row>
    <row r="268831" spans="14:14">
      <c r="N268831" s="10"/>
    </row>
    <row r="268832" spans="14:14">
      <c r="N268832" s="10"/>
    </row>
    <row r="268833" spans="14:14">
      <c r="N268833" s="10"/>
    </row>
    <row r="268834" spans="14:14">
      <c r="N268834" s="10"/>
    </row>
    <row r="268835" spans="14:14">
      <c r="N268835" s="10"/>
    </row>
    <row r="268836" spans="14:14">
      <c r="N268836" s="10"/>
    </row>
    <row r="268837" spans="14:14">
      <c r="N268837" s="10"/>
    </row>
    <row r="268838" spans="14:14">
      <c r="N268838" s="10"/>
    </row>
    <row r="268839" spans="14:14">
      <c r="N268839" s="10"/>
    </row>
    <row r="268840" spans="14:14">
      <c r="N268840" s="10"/>
    </row>
    <row r="268841" spans="14:14">
      <c r="N268841" s="10"/>
    </row>
    <row r="268842" spans="14:14">
      <c r="N268842" s="10"/>
    </row>
    <row r="268843" spans="14:14">
      <c r="N268843" s="10"/>
    </row>
    <row r="268844" spans="14:14">
      <c r="N268844" s="10"/>
    </row>
    <row r="268845" spans="14:14">
      <c r="N268845" s="10"/>
    </row>
    <row r="268846" spans="14:14">
      <c r="N268846" s="10"/>
    </row>
    <row r="268847" spans="14:14">
      <c r="N268847" s="10"/>
    </row>
    <row r="268848" spans="14:14">
      <c r="N268848" s="10"/>
    </row>
    <row r="268849" spans="14:14">
      <c r="N268849" s="10"/>
    </row>
    <row r="268850" spans="14:14">
      <c r="N268850" s="10"/>
    </row>
    <row r="268851" spans="14:14">
      <c r="N268851" s="10"/>
    </row>
    <row r="268852" spans="14:14">
      <c r="N268852" s="10"/>
    </row>
    <row r="268853" spans="14:14">
      <c r="N268853" s="10"/>
    </row>
    <row r="268854" spans="14:14">
      <c r="N268854" s="10"/>
    </row>
    <row r="268855" spans="14:14">
      <c r="N268855" s="10"/>
    </row>
    <row r="268856" spans="14:14">
      <c r="N268856" s="10"/>
    </row>
    <row r="268857" spans="14:14">
      <c r="N268857" s="10"/>
    </row>
    <row r="268858" spans="14:14">
      <c r="N268858" s="10"/>
    </row>
    <row r="268859" spans="14:14">
      <c r="N268859" s="10"/>
    </row>
    <row r="268860" spans="14:14">
      <c r="N268860" s="10"/>
    </row>
    <row r="268861" spans="14:14">
      <c r="N268861" s="10"/>
    </row>
    <row r="268862" spans="14:14">
      <c r="N268862" s="10"/>
    </row>
    <row r="268863" spans="14:14">
      <c r="N268863" s="10"/>
    </row>
    <row r="268864" spans="14:14">
      <c r="N268864" s="10"/>
    </row>
    <row r="268865" spans="14:14">
      <c r="N268865" s="10"/>
    </row>
    <row r="268866" spans="14:14">
      <c r="N268866" s="10"/>
    </row>
    <row r="268867" spans="14:14">
      <c r="N268867" s="10"/>
    </row>
    <row r="268868" spans="14:14">
      <c r="N268868" s="10"/>
    </row>
    <row r="268869" spans="14:14">
      <c r="N268869" s="10"/>
    </row>
    <row r="268870" spans="14:14">
      <c r="N268870" s="10"/>
    </row>
    <row r="268871" spans="14:14">
      <c r="N268871" s="10"/>
    </row>
    <row r="268872" spans="14:14">
      <c r="N268872" s="10"/>
    </row>
    <row r="268873" spans="14:14">
      <c r="N268873" s="10"/>
    </row>
    <row r="268874" spans="14:14">
      <c r="N268874" s="10"/>
    </row>
    <row r="268875" spans="14:14">
      <c r="N268875" s="10"/>
    </row>
    <row r="268876" spans="14:14">
      <c r="N268876" s="10"/>
    </row>
    <row r="268877" spans="14:14">
      <c r="N268877" s="10"/>
    </row>
    <row r="268878" spans="14:14">
      <c r="N268878" s="10"/>
    </row>
    <row r="268879" spans="14:14">
      <c r="N268879" s="10"/>
    </row>
    <row r="268880" spans="14:14">
      <c r="N268880" s="10"/>
    </row>
    <row r="268881" spans="14:14">
      <c r="N268881" s="10"/>
    </row>
    <row r="268882" spans="14:14">
      <c r="N268882" s="10"/>
    </row>
    <row r="268883" spans="14:14">
      <c r="N268883" s="10"/>
    </row>
    <row r="268884" spans="14:14">
      <c r="N268884" s="10"/>
    </row>
    <row r="268885" spans="14:14">
      <c r="N268885" s="10"/>
    </row>
    <row r="268886" spans="14:14">
      <c r="N268886" s="10"/>
    </row>
    <row r="268887" spans="14:14">
      <c r="N268887" s="10"/>
    </row>
    <row r="268888" spans="14:14">
      <c r="N268888" s="10"/>
    </row>
    <row r="268889" spans="14:14">
      <c r="N268889" s="10"/>
    </row>
    <row r="268890" spans="14:14">
      <c r="N268890" s="10"/>
    </row>
    <row r="268891" spans="14:14">
      <c r="N268891" s="10"/>
    </row>
    <row r="268892" spans="14:14">
      <c r="N268892" s="10"/>
    </row>
    <row r="268893" spans="14:14">
      <c r="N268893" s="10"/>
    </row>
    <row r="268894" spans="14:14">
      <c r="N268894" s="10"/>
    </row>
    <row r="268895" spans="14:14">
      <c r="N268895" s="10"/>
    </row>
    <row r="268896" spans="14:14">
      <c r="N268896" s="10"/>
    </row>
    <row r="268897" spans="14:14">
      <c r="N268897" s="10"/>
    </row>
    <row r="268898" spans="14:14">
      <c r="N268898" s="10"/>
    </row>
    <row r="268899" spans="14:14">
      <c r="N268899" s="10"/>
    </row>
    <row r="268900" spans="14:14">
      <c r="N268900" s="10"/>
    </row>
    <row r="268901" spans="14:14">
      <c r="N268901" s="10"/>
    </row>
    <row r="268902" spans="14:14">
      <c r="N268902" s="10"/>
    </row>
    <row r="268903" spans="14:14">
      <c r="N268903" s="10"/>
    </row>
    <row r="268904" spans="14:14">
      <c r="N268904" s="10"/>
    </row>
    <row r="268905" spans="14:14">
      <c r="N268905" s="10"/>
    </row>
    <row r="268906" spans="14:14">
      <c r="N268906" s="10"/>
    </row>
    <row r="268907" spans="14:14">
      <c r="N268907" s="10"/>
    </row>
    <row r="268908" spans="14:14">
      <c r="N268908" s="10"/>
    </row>
    <row r="268909" spans="14:14">
      <c r="N268909" s="10"/>
    </row>
    <row r="268910" spans="14:14">
      <c r="N268910" s="10"/>
    </row>
    <row r="268911" spans="14:14">
      <c r="N268911" s="10"/>
    </row>
    <row r="268912" spans="14:14">
      <c r="N268912" s="10"/>
    </row>
    <row r="268913" spans="14:14">
      <c r="N268913" s="10"/>
    </row>
    <row r="268914" spans="14:14">
      <c r="N268914" s="10"/>
    </row>
    <row r="268915" spans="14:14">
      <c r="N268915" s="10"/>
    </row>
    <row r="268916" spans="14:14">
      <c r="N268916" s="10"/>
    </row>
    <row r="268917" spans="14:14">
      <c r="N268917" s="10"/>
    </row>
    <row r="268918" spans="14:14">
      <c r="N268918" s="10"/>
    </row>
    <row r="268919" spans="14:14">
      <c r="N268919" s="10"/>
    </row>
    <row r="268920" spans="14:14">
      <c r="N268920" s="10"/>
    </row>
    <row r="268921" spans="14:14">
      <c r="N268921" s="10"/>
    </row>
    <row r="268922" spans="14:14">
      <c r="N268922" s="10"/>
    </row>
    <row r="268923" spans="14:14">
      <c r="N268923" s="10"/>
    </row>
    <row r="268924" spans="14:14">
      <c r="N268924" s="10"/>
    </row>
    <row r="268925" spans="14:14">
      <c r="N268925" s="10"/>
    </row>
    <row r="268926" spans="14:14">
      <c r="N268926" s="10"/>
    </row>
    <row r="268927" spans="14:14">
      <c r="N268927" s="10"/>
    </row>
    <row r="268928" spans="14:14">
      <c r="N268928" s="10"/>
    </row>
    <row r="268929" spans="14:14">
      <c r="N268929" s="10"/>
    </row>
    <row r="268930" spans="14:14">
      <c r="N268930" s="10"/>
    </row>
    <row r="268931" spans="14:14">
      <c r="N268931" s="10"/>
    </row>
    <row r="268932" spans="14:14">
      <c r="N268932" s="10"/>
    </row>
    <row r="268933" spans="14:14">
      <c r="N268933" s="10"/>
    </row>
    <row r="268934" spans="14:14">
      <c r="N268934" s="10"/>
    </row>
    <row r="268935" spans="14:14">
      <c r="N268935" s="10"/>
    </row>
    <row r="268936" spans="14:14">
      <c r="N268936" s="10"/>
    </row>
    <row r="268937" spans="14:14">
      <c r="N268937" s="10"/>
    </row>
    <row r="268938" spans="14:14">
      <c r="N268938" s="10"/>
    </row>
    <row r="268939" spans="14:14">
      <c r="N268939" s="10"/>
    </row>
    <row r="268940" spans="14:14">
      <c r="N268940" s="10"/>
    </row>
    <row r="268941" spans="14:14">
      <c r="N268941" s="10"/>
    </row>
    <row r="268942" spans="14:14">
      <c r="N268942" s="10"/>
    </row>
    <row r="268943" spans="14:14">
      <c r="N268943" s="10"/>
    </row>
    <row r="268944" spans="14:14">
      <c r="N268944" s="10"/>
    </row>
    <row r="268945" spans="14:14">
      <c r="N268945" s="10"/>
    </row>
    <row r="268946" spans="14:14">
      <c r="N268946" s="10"/>
    </row>
    <row r="268947" spans="14:14">
      <c r="N268947" s="10"/>
    </row>
    <row r="268948" spans="14:14">
      <c r="N268948" s="10"/>
    </row>
    <row r="268949" spans="14:14">
      <c r="N268949" s="10"/>
    </row>
    <row r="268950" spans="14:14">
      <c r="N268950" s="10"/>
    </row>
    <row r="268951" spans="14:14">
      <c r="N268951" s="10"/>
    </row>
    <row r="268952" spans="14:14">
      <c r="N268952" s="10"/>
    </row>
    <row r="268953" spans="14:14">
      <c r="N268953" s="10"/>
    </row>
    <row r="268954" spans="14:14">
      <c r="N268954" s="10"/>
    </row>
    <row r="268955" spans="14:14">
      <c r="N268955" s="10"/>
    </row>
    <row r="268956" spans="14:14">
      <c r="N268956" s="10"/>
    </row>
    <row r="268957" spans="14:14">
      <c r="N268957" s="10"/>
    </row>
    <row r="268958" spans="14:14">
      <c r="N268958" s="10"/>
    </row>
    <row r="268959" spans="14:14">
      <c r="N268959" s="10"/>
    </row>
    <row r="268960" spans="14:14">
      <c r="N268960" s="10"/>
    </row>
    <row r="268961" spans="14:14">
      <c r="N268961" s="10"/>
    </row>
    <row r="268962" spans="14:14">
      <c r="N268962" s="10"/>
    </row>
    <row r="268963" spans="14:14">
      <c r="N268963" s="10"/>
    </row>
    <row r="268964" spans="14:14">
      <c r="N268964" s="10"/>
    </row>
    <row r="268965" spans="14:14">
      <c r="N268965" s="10"/>
    </row>
    <row r="268966" spans="14:14">
      <c r="N268966" s="10"/>
    </row>
    <row r="268967" spans="14:14">
      <c r="N268967" s="10"/>
    </row>
    <row r="268968" spans="14:14">
      <c r="N268968" s="10"/>
    </row>
    <row r="268969" spans="14:14">
      <c r="N268969" s="10"/>
    </row>
    <row r="268970" spans="14:14">
      <c r="N268970" s="10"/>
    </row>
    <row r="268971" spans="14:14">
      <c r="N268971" s="10"/>
    </row>
    <row r="268972" spans="14:14">
      <c r="N268972" s="10"/>
    </row>
    <row r="268973" spans="14:14">
      <c r="N268973" s="10"/>
    </row>
    <row r="268974" spans="14:14">
      <c r="N268974" s="10"/>
    </row>
    <row r="268975" spans="14:14">
      <c r="N268975" s="10"/>
    </row>
    <row r="268976" spans="14:14">
      <c r="N268976" s="10"/>
    </row>
    <row r="268977" spans="14:14">
      <c r="N268977" s="10"/>
    </row>
    <row r="268978" spans="14:14">
      <c r="N268978" s="10"/>
    </row>
    <row r="268979" spans="14:14">
      <c r="N268979" s="10"/>
    </row>
    <row r="268980" spans="14:14">
      <c r="N268980" s="10"/>
    </row>
    <row r="268981" spans="14:14">
      <c r="N268981" s="10"/>
    </row>
    <row r="268982" spans="14:14">
      <c r="N268982" s="10"/>
    </row>
    <row r="268983" spans="14:14">
      <c r="N268983" s="10"/>
    </row>
    <row r="268984" spans="14:14">
      <c r="N268984" s="10"/>
    </row>
    <row r="268985" spans="14:14">
      <c r="N268985" s="10"/>
    </row>
    <row r="268986" spans="14:14">
      <c r="N268986" s="10"/>
    </row>
    <row r="268987" spans="14:14">
      <c r="N268987" s="10"/>
    </row>
    <row r="268988" spans="14:14">
      <c r="N268988" s="10"/>
    </row>
    <row r="268989" spans="14:14">
      <c r="N268989" s="10"/>
    </row>
    <row r="268990" spans="14:14">
      <c r="N268990" s="10"/>
    </row>
    <row r="268991" spans="14:14">
      <c r="N268991" s="10"/>
    </row>
    <row r="268992" spans="14:14">
      <c r="N268992" s="10"/>
    </row>
    <row r="268993" spans="14:14">
      <c r="N268993" s="10"/>
    </row>
    <row r="268994" spans="14:14">
      <c r="N268994" s="10"/>
    </row>
    <row r="268995" spans="14:14">
      <c r="N268995" s="10"/>
    </row>
    <row r="268996" spans="14:14">
      <c r="N268996" s="10"/>
    </row>
    <row r="268997" spans="14:14">
      <c r="N268997" s="10"/>
    </row>
    <row r="268998" spans="14:14">
      <c r="N268998" s="10"/>
    </row>
    <row r="268999" spans="14:14">
      <c r="N268999" s="10"/>
    </row>
    <row r="269000" spans="14:14">
      <c r="N269000" s="10"/>
    </row>
    <row r="269001" spans="14:14">
      <c r="N269001" s="10"/>
    </row>
    <row r="269002" spans="14:14">
      <c r="N269002" s="10"/>
    </row>
    <row r="269003" spans="14:14">
      <c r="N269003" s="10"/>
    </row>
    <row r="269004" spans="14:14">
      <c r="N269004" s="10"/>
    </row>
    <row r="269005" spans="14:14">
      <c r="N269005" s="10"/>
    </row>
    <row r="269006" spans="14:14">
      <c r="N269006" s="10"/>
    </row>
    <row r="269007" spans="14:14">
      <c r="N269007" s="10"/>
    </row>
    <row r="269008" spans="14:14">
      <c r="N269008" s="10"/>
    </row>
    <row r="269009" spans="14:14">
      <c r="N269009" s="10"/>
    </row>
    <row r="269010" spans="14:14">
      <c r="N269010" s="10"/>
    </row>
    <row r="269011" spans="14:14">
      <c r="N269011" s="10"/>
    </row>
    <row r="269012" spans="14:14">
      <c r="N269012" s="10"/>
    </row>
    <row r="269013" spans="14:14">
      <c r="N269013" s="10"/>
    </row>
    <row r="269014" spans="14:14">
      <c r="N269014" s="10"/>
    </row>
    <row r="269015" spans="14:14">
      <c r="N269015" s="10"/>
    </row>
    <row r="269016" spans="14:14">
      <c r="N269016" s="10"/>
    </row>
    <row r="269017" spans="14:14">
      <c r="N269017" s="10"/>
    </row>
    <row r="269018" spans="14:14">
      <c r="N269018" s="10"/>
    </row>
    <row r="269019" spans="14:14">
      <c r="N269019" s="10"/>
    </row>
    <row r="269020" spans="14:14">
      <c r="N269020" s="10"/>
    </row>
    <row r="269021" spans="14:14">
      <c r="N269021" s="10"/>
    </row>
    <row r="269022" spans="14:14">
      <c r="N269022" s="10"/>
    </row>
    <row r="269023" spans="14:14">
      <c r="N269023" s="10"/>
    </row>
    <row r="269024" spans="14:14">
      <c r="N269024" s="10"/>
    </row>
    <row r="269025" spans="14:14">
      <c r="N269025" s="10"/>
    </row>
    <row r="269026" spans="14:14">
      <c r="N269026" s="10"/>
    </row>
    <row r="269027" spans="14:14">
      <c r="N269027" s="10"/>
    </row>
    <row r="269028" spans="14:14">
      <c r="N269028" s="10"/>
    </row>
    <row r="269029" spans="14:14">
      <c r="N269029" s="10"/>
    </row>
    <row r="269030" spans="14:14">
      <c r="N269030" s="10"/>
    </row>
    <row r="269031" spans="14:14">
      <c r="N269031" s="10"/>
    </row>
    <row r="269032" spans="14:14">
      <c r="N269032" s="10"/>
    </row>
    <row r="269033" spans="14:14">
      <c r="N269033" s="10"/>
    </row>
    <row r="269034" spans="14:14">
      <c r="N269034" s="10"/>
    </row>
    <row r="269035" spans="14:14">
      <c r="N269035" s="10"/>
    </row>
    <row r="269036" spans="14:14">
      <c r="N269036" s="10"/>
    </row>
    <row r="269037" spans="14:14">
      <c r="N269037" s="10"/>
    </row>
    <row r="269038" spans="14:14">
      <c r="N269038" s="10"/>
    </row>
    <row r="269039" spans="14:14">
      <c r="N269039" s="10"/>
    </row>
    <row r="269040" spans="14:14">
      <c r="N269040" s="10"/>
    </row>
    <row r="269041" spans="14:14">
      <c r="N269041" s="10"/>
    </row>
    <row r="269042" spans="14:14">
      <c r="N269042" s="10"/>
    </row>
    <row r="269043" spans="14:14">
      <c r="N269043" s="10"/>
    </row>
    <row r="269044" spans="14:14">
      <c r="N269044" s="10"/>
    </row>
    <row r="269045" spans="14:14">
      <c r="N269045" s="10"/>
    </row>
    <row r="269046" spans="14:14">
      <c r="N269046" s="10"/>
    </row>
    <row r="269047" spans="14:14">
      <c r="N269047" s="10"/>
    </row>
    <row r="269048" spans="14:14">
      <c r="N269048" s="10"/>
    </row>
    <row r="269049" spans="14:14">
      <c r="N269049" s="10"/>
    </row>
    <row r="269050" spans="14:14">
      <c r="N269050" s="10"/>
    </row>
    <row r="269051" spans="14:14">
      <c r="N269051" s="10"/>
    </row>
    <row r="269052" spans="14:14">
      <c r="N269052" s="10"/>
    </row>
    <row r="269053" spans="14:14">
      <c r="N269053" s="10"/>
    </row>
    <row r="269054" spans="14:14">
      <c r="N269054" s="10"/>
    </row>
    <row r="269055" spans="14:14">
      <c r="N269055" s="10"/>
    </row>
    <row r="269056" spans="14:14">
      <c r="N269056" s="10"/>
    </row>
    <row r="269057" spans="14:14">
      <c r="N269057" s="10"/>
    </row>
    <row r="269058" spans="14:14">
      <c r="N269058" s="10"/>
    </row>
    <row r="269059" spans="14:14">
      <c r="N269059" s="10"/>
    </row>
    <row r="269060" spans="14:14">
      <c r="N269060" s="10"/>
    </row>
    <row r="269061" spans="14:14">
      <c r="N269061" s="10"/>
    </row>
    <row r="269062" spans="14:14">
      <c r="N269062" s="10"/>
    </row>
    <row r="269063" spans="14:14">
      <c r="N269063" s="10"/>
    </row>
    <row r="269064" spans="14:14">
      <c r="N269064" s="10"/>
    </row>
    <row r="269065" spans="14:14">
      <c r="N269065" s="10"/>
    </row>
    <row r="269066" spans="14:14">
      <c r="N269066" s="10"/>
    </row>
    <row r="269067" spans="14:14">
      <c r="N269067" s="10"/>
    </row>
    <row r="269068" spans="14:14">
      <c r="N269068" s="10"/>
    </row>
    <row r="269069" spans="14:14">
      <c r="N269069" s="10"/>
    </row>
    <row r="269070" spans="14:14">
      <c r="N269070" s="10"/>
    </row>
    <row r="269071" spans="14:14">
      <c r="N269071" s="10"/>
    </row>
    <row r="269072" spans="14:14">
      <c r="N269072" s="10"/>
    </row>
    <row r="269073" spans="14:14">
      <c r="N269073" s="10"/>
    </row>
    <row r="269074" spans="14:14">
      <c r="N269074" s="10"/>
    </row>
    <row r="269075" spans="14:14">
      <c r="N269075" s="10"/>
    </row>
    <row r="269076" spans="14:14">
      <c r="N269076" s="10"/>
    </row>
    <row r="269077" spans="14:14">
      <c r="N269077" s="10"/>
    </row>
    <row r="269078" spans="14:14">
      <c r="N269078" s="10"/>
    </row>
    <row r="269079" spans="14:14">
      <c r="N269079" s="10"/>
    </row>
    <row r="269080" spans="14:14">
      <c r="N269080" s="10"/>
    </row>
    <row r="269081" spans="14:14">
      <c r="N269081" s="10"/>
    </row>
    <row r="269082" spans="14:14">
      <c r="N269082" s="10"/>
    </row>
    <row r="269083" spans="14:14">
      <c r="N269083" s="10"/>
    </row>
    <row r="269084" spans="14:14">
      <c r="N269084" s="10"/>
    </row>
    <row r="269085" spans="14:14">
      <c r="N269085" s="10"/>
    </row>
    <row r="269086" spans="14:14">
      <c r="N269086" s="10"/>
    </row>
    <row r="269087" spans="14:14">
      <c r="N269087" s="10"/>
    </row>
    <row r="269088" spans="14:14">
      <c r="N269088" s="10"/>
    </row>
    <row r="269089" spans="14:14">
      <c r="N269089" s="10"/>
    </row>
    <row r="269090" spans="14:14">
      <c r="N269090" s="10"/>
    </row>
    <row r="269091" spans="14:14">
      <c r="N269091" s="10"/>
    </row>
    <row r="269092" spans="14:14">
      <c r="N269092" s="10"/>
    </row>
    <row r="269093" spans="14:14">
      <c r="N269093" s="10"/>
    </row>
    <row r="269094" spans="14:14">
      <c r="N269094" s="10"/>
    </row>
    <row r="269095" spans="14:14">
      <c r="N269095" s="10"/>
    </row>
    <row r="269096" spans="14:14">
      <c r="N269096" s="10"/>
    </row>
    <row r="269097" spans="14:14">
      <c r="N269097" s="10"/>
    </row>
    <row r="269098" spans="14:14">
      <c r="N269098" s="10"/>
    </row>
    <row r="269099" spans="14:14">
      <c r="N269099" s="10"/>
    </row>
    <row r="269100" spans="14:14">
      <c r="N269100" s="10"/>
    </row>
    <row r="269101" spans="14:14">
      <c r="N269101" s="10"/>
    </row>
    <row r="269102" spans="14:14">
      <c r="N269102" s="10"/>
    </row>
    <row r="269103" spans="14:14">
      <c r="N269103" s="10"/>
    </row>
    <row r="269104" spans="14:14">
      <c r="N269104" s="10"/>
    </row>
    <row r="269105" spans="14:14">
      <c r="N269105" s="10"/>
    </row>
    <row r="269106" spans="14:14">
      <c r="N269106" s="10"/>
    </row>
    <row r="269107" spans="14:14">
      <c r="N269107" s="10"/>
    </row>
    <row r="269108" spans="14:14">
      <c r="N269108" s="10"/>
    </row>
    <row r="269109" spans="14:14">
      <c r="N269109" s="10"/>
    </row>
    <row r="269110" spans="14:14">
      <c r="N269110" s="10"/>
    </row>
    <row r="269111" spans="14:14">
      <c r="N269111" s="10"/>
    </row>
    <row r="269112" spans="14:14">
      <c r="N269112" s="10"/>
    </row>
    <row r="269113" spans="14:14">
      <c r="N269113" s="10"/>
    </row>
    <row r="269114" spans="14:14">
      <c r="N269114" s="10"/>
    </row>
    <row r="269115" spans="14:14">
      <c r="N269115" s="10"/>
    </row>
    <row r="269116" spans="14:14">
      <c r="N269116" s="10"/>
    </row>
    <row r="269117" spans="14:14">
      <c r="N269117" s="10"/>
    </row>
    <row r="269118" spans="14:14">
      <c r="N269118" s="10"/>
    </row>
    <row r="269119" spans="14:14">
      <c r="N269119" s="10"/>
    </row>
    <row r="269120" spans="14:14">
      <c r="N269120" s="10"/>
    </row>
    <row r="269121" spans="14:14">
      <c r="N269121" s="10"/>
    </row>
    <row r="269122" spans="14:14">
      <c r="N269122" s="10"/>
    </row>
    <row r="269123" spans="14:14">
      <c r="N269123" s="10"/>
    </row>
    <row r="269124" spans="14:14">
      <c r="N269124" s="10"/>
    </row>
    <row r="269125" spans="14:14">
      <c r="N269125" s="10"/>
    </row>
    <row r="269126" spans="14:14">
      <c r="N269126" s="10"/>
    </row>
    <row r="269127" spans="14:14">
      <c r="N269127" s="10"/>
    </row>
    <row r="269128" spans="14:14">
      <c r="N269128" s="10"/>
    </row>
    <row r="269129" spans="14:14">
      <c r="N269129" s="10"/>
    </row>
    <row r="269130" spans="14:14">
      <c r="N269130" s="10"/>
    </row>
    <row r="269131" spans="14:14">
      <c r="N269131" s="10"/>
    </row>
    <row r="269132" spans="14:14">
      <c r="N269132" s="10"/>
    </row>
    <row r="269133" spans="14:14">
      <c r="N269133" s="10"/>
    </row>
    <row r="269134" spans="14:14">
      <c r="N269134" s="10"/>
    </row>
    <row r="269135" spans="14:14">
      <c r="N269135" s="10"/>
    </row>
    <row r="269136" spans="14:14">
      <c r="N269136" s="10"/>
    </row>
    <row r="269137" spans="14:14">
      <c r="N269137" s="10"/>
    </row>
    <row r="269138" spans="14:14">
      <c r="N269138" s="10"/>
    </row>
    <row r="269139" spans="14:14">
      <c r="N269139" s="10"/>
    </row>
    <row r="269140" spans="14:14">
      <c r="N269140" s="10"/>
    </row>
    <row r="269141" spans="14:14">
      <c r="N269141" s="10"/>
    </row>
    <row r="269142" spans="14:14">
      <c r="N269142" s="10"/>
    </row>
    <row r="269143" spans="14:14">
      <c r="N269143" s="10"/>
    </row>
    <row r="269144" spans="14:14">
      <c r="N269144" s="10"/>
    </row>
    <row r="269145" spans="14:14">
      <c r="N269145" s="10"/>
    </row>
    <row r="269146" spans="14:14">
      <c r="N269146" s="10"/>
    </row>
    <row r="269147" spans="14:14">
      <c r="N269147" s="10"/>
    </row>
    <row r="269148" spans="14:14">
      <c r="N269148" s="10"/>
    </row>
    <row r="269149" spans="14:14">
      <c r="N269149" s="10"/>
    </row>
    <row r="269150" spans="14:14">
      <c r="N269150" s="10"/>
    </row>
    <row r="269151" spans="14:14">
      <c r="N269151" s="10"/>
    </row>
    <row r="269152" spans="14:14">
      <c r="N269152" s="10"/>
    </row>
    <row r="269153" spans="14:14">
      <c r="N269153" s="10"/>
    </row>
    <row r="269154" spans="14:14">
      <c r="N269154" s="10"/>
    </row>
    <row r="269155" spans="14:14">
      <c r="N269155" s="10"/>
    </row>
    <row r="269156" spans="14:14">
      <c r="N269156" s="10"/>
    </row>
    <row r="269157" spans="14:14">
      <c r="N269157" s="10"/>
    </row>
    <row r="269158" spans="14:14">
      <c r="N269158" s="10"/>
    </row>
    <row r="269159" spans="14:14">
      <c r="N269159" s="10"/>
    </row>
    <row r="269160" spans="14:14">
      <c r="N269160" s="10"/>
    </row>
    <row r="269161" spans="14:14">
      <c r="N269161" s="10"/>
    </row>
    <row r="269162" spans="14:14">
      <c r="N269162" s="10"/>
    </row>
    <row r="269163" spans="14:14">
      <c r="N269163" s="10"/>
    </row>
    <row r="269164" spans="14:14">
      <c r="N269164" s="10"/>
    </row>
    <row r="269165" spans="14:14">
      <c r="N269165" s="10"/>
    </row>
    <row r="269166" spans="14:14">
      <c r="N269166" s="10"/>
    </row>
    <row r="269167" spans="14:14">
      <c r="N269167" s="10"/>
    </row>
    <row r="269168" spans="14:14">
      <c r="N269168" s="10"/>
    </row>
    <row r="269169" spans="14:14">
      <c r="N269169" s="10"/>
    </row>
    <row r="269170" spans="14:14">
      <c r="N269170" s="10"/>
    </row>
    <row r="269171" spans="14:14">
      <c r="N269171" s="10"/>
    </row>
    <row r="269172" spans="14:14">
      <c r="N269172" s="10"/>
    </row>
    <row r="269173" spans="14:14">
      <c r="N269173" s="10"/>
    </row>
    <row r="269174" spans="14:14">
      <c r="N269174" s="10"/>
    </row>
    <row r="269175" spans="14:14">
      <c r="N269175" s="10"/>
    </row>
    <row r="269176" spans="14:14">
      <c r="N269176" s="10"/>
    </row>
    <row r="269177" spans="14:14">
      <c r="N269177" s="10"/>
    </row>
    <row r="269178" spans="14:14">
      <c r="N269178" s="10"/>
    </row>
    <row r="269179" spans="14:14">
      <c r="N269179" s="10"/>
    </row>
    <row r="269180" spans="14:14">
      <c r="N269180" s="10"/>
    </row>
    <row r="269181" spans="14:14">
      <c r="N269181" s="10"/>
    </row>
    <row r="269182" spans="14:14">
      <c r="N269182" s="10"/>
    </row>
    <row r="269183" spans="14:14">
      <c r="N269183" s="10"/>
    </row>
    <row r="269184" spans="14:14">
      <c r="N269184" s="10"/>
    </row>
    <row r="269185" spans="14:14">
      <c r="N269185" s="10"/>
    </row>
    <row r="269186" spans="14:14">
      <c r="N269186" s="10"/>
    </row>
    <row r="269187" spans="14:14">
      <c r="N269187" s="10"/>
    </row>
    <row r="269188" spans="14:14">
      <c r="N269188" s="10"/>
    </row>
    <row r="269189" spans="14:14">
      <c r="N269189" s="10"/>
    </row>
    <row r="269190" spans="14:14">
      <c r="N269190" s="10"/>
    </row>
    <row r="269191" spans="14:14">
      <c r="N269191" s="10"/>
    </row>
    <row r="269192" spans="14:14">
      <c r="N269192" s="10"/>
    </row>
    <row r="269193" spans="14:14">
      <c r="N269193" s="10"/>
    </row>
    <row r="269194" spans="14:14">
      <c r="N269194" s="10"/>
    </row>
    <row r="269195" spans="14:14">
      <c r="N269195" s="10"/>
    </row>
    <row r="269196" spans="14:14">
      <c r="N269196" s="10"/>
    </row>
    <row r="269197" spans="14:14">
      <c r="N269197" s="10"/>
    </row>
    <row r="269198" spans="14:14">
      <c r="N269198" s="10"/>
    </row>
    <row r="269199" spans="14:14">
      <c r="N269199" s="10"/>
    </row>
    <row r="269200" spans="14:14">
      <c r="N269200" s="10"/>
    </row>
    <row r="269201" spans="14:14">
      <c r="N269201" s="10"/>
    </row>
    <row r="269202" spans="14:14">
      <c r="N269202" s="10"/>
    </row>
    <row r="269203" spans="14:14">
      <c r="N269203" s="10"/>
    </row>
    <row r="269204" spans="14:14">
      <c r="N269204" s="10"/>
    </row>
    <row r="269205" spans="14:14">
      <c r="N269205" s="10"/>
    </row>
    <row r="269206" spans="14:14">
      <c r="N269206" s="10"/>
    </row>
    <row r="269207" spans="14:14">
      <c r="N269207" s="10"/>
    </row>
    <row r="269208" spans="14:14">
      <c r="N269208" s="10"/>
    </row>
    <row r="269209" spans="14:14">
      <c r="N269209" s="10"/>
    </row>
    <row r="269210" spans="14:14">
      <c r="N269210" s="10"/>
    </row>
    <row r="269211" spans="14:14">
      <c r="N269211" s="10"/>
    </row>
    <row r="269212" spans="14:14">
      <c r="N269212" s="10"/>
    </row>
    <row r="269213" spans="14:14">
      <c r="N269213" s="10"/>
    </row>
    <row r="269214" spans="14:14">
      <c r="N269214" s="10"/>
    </row>
    <row r="269215" spans="14:14">
      <c r="N269215" s="10"/>
    </row>
    <row r="269216" spans="14:14">
      <c r="N269216" s="10"/>
    </row>
    <row r="269217" spans="14:14">
      <c r="N269217" s="10"/>
    </row>
    <row r="269218" spans="14:14">
      <c r="N269218" s="10"/>
    </row>
    <row r="269219" spans="14:14">
      <c r="N269219" s="10"/>
    </row>
    <row r="269220" spans="14:14">
      <c r="N269220" s="10"/>
    </row>
    <row r="269221" spans="14:14">
      <c r="N269221" s="10"/>
    </row>
    <row r="269222" spans="14:14">
      <c r="N269222" s="10"/>
    </row>
    <row r="269223" spans="14:14">
      <c r="N269223" s="10"/>
    </row>
    <row r="269224" spans="14:14">
      <c r="N269224" s="10"/>
    </row>
    <row r="269225" spans="14:14">
      <c r="N269225" s="10"/>
    </row>
    <row r="269226" spans="14:14">
      <c r="N269226" s="10"/>
    </row>
    <row r="269227" spans="14:14">
      <c r="N269227" s="10"/>
    </row>
    <row r="269228" spans="14:14">
      <c r="N269228" s="10"/>
    </row>
    <row r="269229" spans="14:14">
      <c r="N269229" s="10"/>
    </row>
    <row r="269230" spans="14:14">
      <c r="N269230" s="10"/>
    </row>
    <row r="269231" spans="14:14">
      <c r="N269231" s="10"/>
    </row>
    <row r="269232" spans="14:14">
      <c r="N269232" s="10"/>
    </row>
    <row r="269233" spans="14:14">
      <c r="N269233" s="10"/>
    </row>
    <row r="269234" spans="14:14">
      <c r="N269234" s="10"/>
    </row>
    <row r="269235" spans="14:14">
      <c r="N269235" s="10"/>
    </row>
    <row r="269236" spans="14:14">
      <c r="N269236" s="10"/>
    </row>
    <row r="269237" spans="14:14">
      <c r="N269237" s="10"/>
    </row>
    <row r="269238" spans="14:14">
      <c r="N269238" s="10"/>
    </row>
    <row r="269239" spans="14:14">
      <c r="N269239" s="10"/>
    </row>
    <row r="269240" spans="14:14">
      <c r="N269240" s="10"/>
    </row>
    <row r="269241" spans="14:14">
      <c r="N269241" s="10"/>
    </row>
    <row r="269242" spans="14:14">
      <c r="N269242" s="10"/>
    </row>
    <row r="269243" spans="14:14">
      <c r="N269243" s="10"/>
    </row>
    <row r="269244" spans="14:14">
      <c r="N269244" s="10"/>
    </row>
    <row r="269245" spans="14:14">
      <c r="N269245" s="10"/>
    </row>
    <row r="269246" spans="14:14">
      <c r="N269246" s="10"/>
    </row>
    <row r="269247" spans="14:14">
      <c r="N269247" s="10"/>
    </row>
    <row r="269248" spans="14:14">
      <c r="N269248" s="10"/>
    </row>
    <row r="269249" spans="14:14">
      <c r="N269249" s="10"/>
    </row>
    <row r="269250" spans="14:14">
      <c r="N269250" s="10"/>
    </row>
    <row r="269251" spans="14:14">
      <c r="N269251" s="10"/>
    </row>
    <row r="269252" spans="14:14">
      <c r="N269252" s="10"/>
    </row>
    <row r="269253" spans="14:14">
      <c r="N269253" s="10"/>
    </row>
    <row r="269254" spans="14:14">
      <c r="N269254" s="10"/>
    </row>
    <row r="269255" spans="14:14">
      <c r="N269255" s="10"/>
    </row>
    <row r="269256" spans="14:14">
      <c r="N269256" s="10"/>
    </row>
    <row r="269257" spans="14:14">
      <c r="N269257" s="10"/>
    </row>
    <row r="269258" spans="14:14">
      <c r="N269258" s="10"/>
    </row>
    <row r="269259" spans="14:14">
      <c r="N269259" s="10"/>
    </row>
    <row r="269260" spans="14:14">
      <c r="N269260" s="10"/>
    </row>
    <row r="269261" spans="14:14">
      <c r="N269261" s="10"/>
    </row>
    <row r="269262" spans="14:14">
      <c r="N269262" s="10"/>
    </row>
    <row r="269263" spans="14:14">
      <c r="N269263" s="10"/>
    </row>
    <row r="269264" spans="14:14">
      <c r="N269264" s="10"/>
    </row>
    <row r="269265" spans="14:14">
      <c r="N269265" s="10"/>
    </row>
    <row r="269266" spans="14:14">
      <c r="N269266" s="10"/>
    </row>
    <row r="269267" spans="14:14">
      <c r="N269267" s="10"/>
    </row>
    <row r="269268" spans="14:14">
      <c r="N269268" s="10"/>
    </row>
    <row r="269269" spans="14:14">
      <c r="N269269" s="10"/>
    </row>
    <row r="269270" spans="14:14">
      <c r="N269270" s="10"/>
    </row>
    <row r="269271" spans="14:14">
      <c r="N269271" s="10"/>
    </row>
    <row r="269272" spans="14:14">
      <c r="N269272" s="10"/>
    </row>
    <row r="269273" spans="14:14">
      <c r="N269273" s="10"/>
    </row>
    <row r="269274" spans="14:14">
      <c r="N269274" s="10"/>
    </row>
    <row r="269275" spans="14:14">
      <c r="N269275" s="10"/>
    </row>
    <row r="269276" spans="14:14">
      <c r="N269276" s="10"/>
    </row>
    <row r="269277" spans="14:14">
      <c r="N269277" s="10"/>
    </row>
    <row r="269278" spans="14:14">
      <c r="N269278" s="10"/>
    </row>
    <row r="269279" spans="14:14">
      <c r="N269279" s="10"/>
    </row>
    <row r="269280" spans="14:14">
      <c r="N269280" s="10"/>
    </row>
    <row r="269281" spans="14:14">
      <c r="N269281" s="10"/>
    </row>
    <row r="269282" spans="14:14">
      <c r="N269282" s="10"/>
    </row>
    <row r="269283" spans="14:14">
      <c r="N269283" s="10"/>
    </row>
    <row r="269284" spans="14:14">
      <c r="N269284" s="10"/>
    </row>
    <row r="269285" spans="14:14">
      <c r="N269285" s="10"/>
    </row>
    <row r="269286" spans="14:14">
      <c r="N269286" s="10"/>
    </row>
    <row r="269287" spans="14:14">
      <c r="N269287" s="10"/>
    </row>
    <row r="269288" spans="14:14">
      <c r="N269288" s="10"/>
    </row>
    <row r="269289" spans="14:14">
      <c r="N269289" s="10"/>
    </row>
    <row r="269290" spans="14:14">
      <c r="N269290" s="10"/>
    </row>
    <row r="269291" spans="14:14">
      <c r="N269291" s="10"/>
    </row>
    <row r="269292" spans="14:14">
      <c r="N269292" s="10"/>
    </row>
    <row r="269293" spans="14:14">
      <c r="N269293" s="10"/>
    </row>
    <row r="269294" spans="14:14">
      <c r="N269294" s="10"/>
    </row>
    <row r="269295" spans="14:14">
      <c r="N269295" s="10"/>
    </row>
    <row r="269296" spans="14:14">
      <c r="N269296" s="10"/>
    </row>
    <row r="269297" spans="14:14">
      <c r="N269297" s="10"/>
    </row>
    <row r="269298" spans="14:14">
      <c r="N269298" s="10"/>
    </row>
    <row r="269299" spans="14:14">
      <c r="N269299" s="10"/>
    </row>
    <row r="269300" spans="14:14">
      <c r="N269300" s="10"/>
    </row>
    <row r="269301" spans="14:14">
      <c r="N269301" s="10"/>
    </row>
    <row r="269302" spans="14:14">
      <c r="N269302" s="10"/>
    </row>
    <row r="269303" spans="14:14">
      <c r="N269303" s="10"/>
    </row>
    <row r="269304" spans="14:14">
      <c r="N269304" s="10"/>
    </row>
    <row r="269305" spans="14:14">
      <c r="N269305" s="10"/>
    </row>
    <row r="269306" spans="14:14">
      <c r="N269306" s="10"/>
    </row>
    <row r="269307" spans="14:14">
      <c r="N269307" s="10"/>
    </row>
    <row r="269308" spans="14:14">
      <c r="N269308" s="10"/>
    </row>
    <row r="269309" spans="14:14">
      <c r="N269309" s="10"/>
    </row>
    <row r="269310" spans="14:14">
      <c r="N269310" s="10"/>
    </row>
    <row r="269311" spans="14:14">
      <c r="N269311" s="10"/>
    </row>
    <row r="269312" spans="14:14">
      <c r="N269312" s="10"/>
    </row>
    <row r="269313" spans="14:14">
      <c r="N269313" s="10"/>
    </row>
    <row r="269314" spans="14:14">
      <c r="N269314" s="10"/>
    </row>
    <row r="269315" spans="14:14">
      <c r="N269315" s="10"/>
    </row>
    <row r="269316" spans="14:14">
      <c r="N269316" s="10"/>
    </row>
    <row r="269317" spans="14:14">
      <c r="N269317" s="10"/>
    </row>
    <row r="269318" spans="14:14">
      <c r="N269318" s="10"/>
    </row>
    <row r="269319" spans="14:14">
      <c r="N269319" s="10"/>
    </row>
    <row r="269320" spans="14:14">
      <c r="N269320" s="10"/>
    </row>
    <row r="269321" spans="14:14">
      <c r="N269321" s="10"/>
    </row>
    <row r="269322" spans="14:14">
      <c r="N269322" s="10"/>
    </row>
    <row r="269323" spans="14:14">
      <c r="N269323" s="10"/>
    </row>
    <row r="269324" spans="14:14">
      <c r="N269324" s="10"/>
    </row>
    <row r="269325" spans="14:14">
      <c r="N269325" s="10"/>
    </row>
    <row r="269326" spans="14:14">
      <c r="N269326" s="10"/>
    </row>
    <row r="269327" spans="14:14">
      <c r="N269327" s="10"/>
    </row>
    <row r="269328" spans="14:14">
      <c r="N269328" s="10"/>
    </row>
    <row r="269329" spans="14:14">
      <c r="N269329" s="10"/>
    </row>
    <row r="269330" spans="14:14">
      <c r="N269330" s="10"/>
    </row>
    <row r="269331" spans="14:14">
      <c r="N269331" s="10"/>
    </row>
    <row r="269332" spans="14:14">
      <c r="N269332" s="10"/>
    </row>
    <row r="269333" spans="14:14">
      <c r="N269333" s="10"/>
    </row>
    <row r="269334" spans="14:14">
      <c r="N269334" s="10"/>
    </row>
    <row r="269335" spans="14:14">
      <c r="N269335" s="10"/>
    </row>
    <row r="269336" spans="14:14">
      <c r="N269336" s="10"/>
    </row>
    <row r="269337" spans="14:14">
      <c r="N269337" s="10"/>
    </row>
    <row r="269338" spans="14:14">
      <c r="N269338" s="10"/>
    </row>
    <row r="269339" spans="14:14">
      <c r="N269339" s="10"/>
    </row>
    <row r="269340" spans="14:14">
      <c r="N269340" s="10"/>
    </row>
    <row r="269341" spans="14:14">
      <c r="N269341" s="10"/>
    </row>
    <row r="269342" spans="14:14">
      <c r="N269342" s="10"/>
    </row>
    <row r="269343" spans="14:14">
      <c r="N269343" s="10"/>
    </row>
    <row r="269344" spans="14:14">
      <c r="N269344" s="10"/>
    </row>
    <row r="269345" spans="14:14">
      <c r="N269345" s="10"/>
    </row>
    <row r="269346" spans="14:14">
      <c r="N269346" s="10"/>
    </row>
    <row r="269347" spans="14:14">
      <c r="N269347" s="10"/>
    </row>
    <row r="269348" spans="14:14">
      <c r="N269348" s="10"/>
    </row>
    <row r="269349" spans="14:14">
      <c r="N269349" s="10"/>
    </row>
    <row r="269350" spans="14:14">
      <c r="N269350" s="10"/>
    </row>
    <row r="269351" spans="14:14">
      <c r="N269351" s="10"/>
    </row>
    <row r="269352" spans="14:14">
      <c r="N269352" s="10"/>
    </row>
    <row r="269353" spans="14:14">
      <c r="N269353" s="10"/>
    </row>
    <row r="269354" spans="14:14">
      <c r="N269354" s="10"/>
    </row>
    <row r="269355" spans="14:14">
      <c r="N269355" s="10"/>
    </row>
    <row r="269356" spans="14:14">
      <c r="N269356" s="10"/>
    </row>
    <row r="269357" spans="14:14">
      <c r="N269357" s="10"/>
    </row>
    <row r="269358" spans="14:14">
      <c r="N269358" s="10"/>
    </row>
    <row r="269359" spans="14:14">
      <c r="N269359" s="10"/>
    </row>
    <row r="269360" spans="14:14">
      <c r="N269360" s="10"/>
    </row>
    <row r="269361" spans="14:14">
      <c r="N269361" s="10"/>
    </row>
    <row r="269362" spans="14:14">
      <c r="N269362" s="10"/>
    </row>
    <row r="269363" spans="14:14">
      <c r="N269363" s="10"/>
    </row>
    <row r="269364" spans="14:14">
      <c r="N269364" s="10"/>
    </row>
    <row r="269365" spans="14:14">
      <c r="N269365" s="10"/>
    </row>
    <row r="269366" spans="14:14">
      <c r="N269366" s="10"/>
    </row>
    <row r="269367" spans="14:14">
      <c r="N269367" s="10"/>
    </row>
    <row r="269368" spans="14:14">
      <c r="N269368" s="10"/>
    </row>
    <row r="269369" spans="14:14">
      <c r="N269369" s="10"/>
    </row>
    <row r="269370" spans="14:14">
      <c r="N269370" s="10"/>
    </row>
    <row r="269371" spans="14:14">
      <c r="N269371" s="10"/>
    </row>
    <row r="269372" spans="14:14">
      <c r="N269372" s="10"/>
    </row>
    <row r="269373" spans="14:14">
      <c r="N269373" s="10"/>
    </row>
    <row r="269374" spans="14:14">
      <c r="N269374" s="10"/>
    </row>
    <row r="269375" spans="14:14">
      <c r="N269375" s="10"/>
    </row>
    <row r="269376" spans="14:14">
      <c r="N269376" s="10"/>
    </row>
    <row r="269377" spans="14:14">
      <c r="N269377" s="10"/>
    </row>
    <row r="269378" spans="14:14">
      <c r="N269378" s="10"/>
    </row>
    <row r="269379" spans="14:14">
      <c r="N269379" s="10"/>
    </row>
    <row r="269380" spans="14:14">
      <c r="N269380" s="10"/>
    </row>
    <row r="269381" spans="14:14">
      <c r="N269381" s="10"/>
    </row>
    <row r="269382" spans="14:14">
      <c r="N269382" s="10"/>
    </row>
    <row r="269383" spans="14:14">
      <c r="N269383" s="10"/>
    </row>
    <row r="269384" spans="14:14">
      <c r="N269384" s="10"/>
    </row>
    <row r="269385" spans="14:14">
      <c r="N269385" s="10"/>
    </row>
    <row r="269386" spans="14:14">
      <c r="N269386" s="10"/>
    </row>
    <row r="269387" spans="14:14">
      <c r="N269387" s="10"/>
    </row>
    <row r="269388" spans="14:14">
      <c r="N269388" s="10"/>
    </row>
    <row r="269389" spans="14:14">
      <c r="N269389" s="10"/>
    </row>
    <row r="269390" spans="14:14">
      <c r="N269390" s="10"/>
    </row>
    <row r="269391" spans="14:14">
      <c r="N269391" s="10"/>
    </row>
    <row r="269392" spans="14:14">
      <c r="N269392" s="10"/>
    </row>
    <row r="269393" spans="14:14">
      <c r="N269393" s="10"/>
    </row>
    <row r="269394" spans="14:14">
      <c r="N269394" s="10"/>
    </row>
    <row r="269395" spans="14:14">
      <c r="N269395" s="10"/>
    </row>
    <row r="269396" spans="14:14">
      <c r="N269396" s="10"/>
    </row>
    <row r="269397" spans="14:14">
      <c r="N269397" s="10"/>
    </row>
    <row r="269398" spans="14:14">
      <c r="N269398" s="10"/>
    </row>
    <row r="269399" spans="14:14">
      <c r="N269399" s="10"/>
    </row>
    <row r="269400" spans="14:14">
      <c r="N269400" s="10"/>
    </row>
    <row r="269401" spans="14:14">
      <c r="N269401" s="10"/>
    </row>
    <row r="269402" spans="14:14">
      <c r="N269402" s="10"/>
    </row>
    <row r="269403" spans="14:14">
      <c r="N269403" s="10"/>
    </row>
    <row r="269404" spans="14:14">
      <c r="N269404" s="10"/>
    </row>
    <row r="269405" spans="14:14">
      <c r="N269405" s="10"/>
    </row>
    <row r="269406" spans="14:14">
      <c r="N269406" s="10"/>
    </row>
    <row r="269407" spans="14:14">
      <c r="N269407" s="10"/>
    </row>
    <row r="269408" spans="14:14">
      <c r="N269408" s="10"/>
    </row>
    <row r="269409" spans="14:14">
      <c r="N269409" s="10"/>
    </row>
    <row r="269410" spans="14:14">
      <c r="N269410" s="10"/>
    </row>
    <row r="269411" spans="14:14">
      <c r="N269411" s="10"/>
    </row>
    <row r="269412" spans="14:14">
      <c r="N269412" s="10"/>
    </row>
    <row r="269413" spans="14:14">
      <c r="N269413" s="10"/>
    </row>
    <row r="269414" spans="14:14">
      <c r="N269414" s="10"/>
    </row>
    <row r="269415" spans="14:14">
      <c r="N269415" s="10"/>
    </row>
    <row r="269416" spans="14:14">
      <c r="N269416" s="10"/>
    </row>
    <row r="269417" spans="14:14">
      <c r="N269417" s="10"/>
    </row>
    <row r="269418" spans="14:14">
      <c r="N269418" s="10"/>
    </row>
    <row r="269419" spans="14:14">
      <c r="N269419" s="10"/>
    </row>
    <row r="269420" spans="14:14">
      <c r="N269420" s="10"/>
    </row>
    <row r="269421" spans="14:14">
      <c r="N269421" s="10"/>
    </row>
    <row r="269422" spans="14:14">
      <c r="N269422" s="10"/>
    </row>
    <row r="269423" spans="14:14">
      <c r="N269423" s="10"/>
    </row>
    <row r="269424" spans="14:14">
      <c r="N269424" s="10"/>
    </row>
    <row r="269425" spans="14:14">
      <c r="N269425" s="10"/>
    </row>
    <row r="269426" spans="14:14">
      <c r="N269426" s="10"/>
    </row>
    <row r="269427" spans="14:14">
      <c r="N269427" s="10"/>
    </row>
    <row r="269428" spans="14:14">
      <c r="N269428" s="10"/>
    </row>
    <row r="269429" spans="14:14">
      <c r="N269429" s="10"/>
    </row>
    <row r="269430" spans="14:14">
      <c r="N269430" s="10"/>
    </row>
    <row r="269431" spans="14:14">
      <c r="N269431" s="10"/>
    </row>
    <row r="269432" spans="14:14">
      <c r="N269432" s="10"/>
    </row>
    <row r="269433" spans="14:14">
      <c r="N269433" s="10"/>
    </row>
    <row r="269434" spans="14:14">
      <c r="N269434" s="10"/>
    </row>
    <row r="269435" spans="14:14">
      <c r="N269435" s="10"/>
    </row>
    <row r="269436" spans="14:14">
      <c r="N269436" s="10"/>
    </row>
    <row r="269437" spans="14:14">
      <c r="N269437" s="10"/>
    </row>
    <row r="269438" spans="14:14">
      <c r="N269438" s="10"/>
    </row>
    <row r="269439" spans="14:14">
      <c r="N269439" s="10"/>
    </row>
    <row r="269440" spans="14:14">
      <c r="N269440" s="10"/>
    </row>
    <row r="269441" spans="14:14">
      <c r="N269441" s="10"/>
    </row>
    <row r="269442" spans="14:14">
      <c r="N269442" s="10"/>
    </row>
    <row r="269443" spans="14:14">
      <c r="N269443" s="10"/>
    </row>
    <row r="269444" spans="14:14">
      <c r="N269444" s="10"/>
    </row>
    <row r="269445" spans="14:14">
      <c r="N269445" s="10"/>
    </row>
    <row r="269446" spans="14:14">
      <c r="N269446" s="10"/>
    </row>
    <row r="269447" spans="14:14">
      <c r="N269447" s="10"/>
    </row>
    <row r="269448" spans="14:14">
      <c r="N269448" s="10"/>
    </row>
    <row r="269449" spans="14:14">
      <c r="N269449" s="10"/>
    </row>
    <row r="269450" spans="14:14">
      <c r="N269450" s="10"/>
    </row>
    <row r="269451" spans="14:14">
      <c r="N269451" s="10"/>
    </row>
    <row r="269452" spans="14:14">
      <c r="N269452" s="10"/>
    </row>
    <row r="269453" spans="14:14">
      <c r="N269453" s="10"/>
    </row>
    <row r="269454" spans="14:14">
      <c r="N269454" s="10"/>
    </row>
    <row r="269455" spans="14:14">
      <c r="N269455" s="10"/>
    </row>
    <row r="269456" spans="14:14">
      <c r="N269456" s="10"/>
    </row>
    <row r="269457" spans="14:14">
      <c r="N269457" s="10"/>
    </row>
    <row r="269458" spans="14:14">
      <c r="N269458" s="10"/>
    </row>
    <row r="269459" spans="14:14">
      <c r="N269459" s="10"/>
    </row>
    <row r="269460" spans="14:14">
      <c r="N269460" s="10"/>
    </row>
    <row r="269461" spans="14:14">
      <c r="N269461" s="10"/>
    </row>
    <row r="269462" spans="14:14">
      <c r="N269462" s="10"/>
    </row>
    <row r="269463" spans="14:14">
      <c r="N269463" s="10"/>
    </row>
    <row r="269464" spans="14:14">
      <c r="N269464" s="10"/>
    </row>
    <row r="269465" spans="14:14">
      <c r="N269465" s="10"/>
    </row>
    <row r="269466" spans="14:14">
      <c r="N269466" s="10"/>
    </row>
    <row r="269467" spans="14:14">
      <c r="N269467" s="10"/>
    </row>
    <row r="269468" spans="14:14">
      <c r="N269468" s="10"/>
    </row>
    <row r="269469" spans="14:14">
      <c r="N269469" s="10"/>
    </row>
    <row r="269470" spans="14:14">
      <c r="N269470" s="10"/>
    </row>
    <row r="269471" spans="14:14">
      <c r="N269471" s="10"/>
    </row>
    <row r="269472" spans="14:14">
      <c r="N269472" s="10"/>
    </row>
    <row r="269473" spans="14:14">
      <c r="N269473" s="10"/>
    </row>
    <row r="269474" spans="14:14">
      <c r="N269474" s="10"/>
    </row>
    <row r="269475" spans="14:14">
      <c r="N269475" s="10"/>
    </row>
    <row r="269476" spans="14:14">
      <c r="N269476" s="10"/>
    </row>
    <row r="269477" spans="14:14">
      <c r="N269477" s="10"/>
    </row>
    <row r="269478" spans="14:14">
      <c r="N269478" s="10"/>
    </row>
    <row r="269479" spans="14:14">
      <c r="N269479" s="10"/>
    </row>
    <row r="269480" spans="14:14">
      <c r="N269480" s="10"/>
    </row>
    <row r="269481" spans="14:14">
      <c r="N269481" s="10"/>
    </row>
    <row r="269482" spans="14:14">
      <c r="N269482" s="10"/>
    </row>
    <row r="269483" spans="14:14">
      <c r="N269483" s="10"/>
    </row>
    <row r="269484" spans="14:14">
      <c r="N269484" s="10"/>
    </row>
    <row r="269485" spans="14:14">
      <c r="N269485" s="10"/>
    </row>
    <row r="269486" spans="14:14">
      <c r="N269486" s="10"/>
    </row>
    <row r="269487" spans="14:14">
      <c r="N269487" s="10"/>
    </row>
    <row r="269488" spans="14:14">
      <c r="N269488" s="10"/>
    </row>
    <row r="269489" spans="14:14">
      <c r="N269489" s="10"/>
    </row>
    <row r="269490" spans="14:14">
      <c r="N269490" s="10"/>
    </row>
    <row r="269491" spans="14:14">
      <c r="N269491" s="10"/>
    </row>
    <row r="269492" spans="14:14">
      <c r="N269492" s="10"/>
    </row>
    <row r="269493" spans="14:14">
      <c r="N269493" s="10"/>
    </row>
    <row r="269494" spans="14:14">
      <c r="N269494" s="10"/>
    </row>
    <row r="269495" spans="14:14">
      <c r="N269495" s="10"/>
    </row>
    <row r="269496" spans="14:14">
      <c r="N269496" s="10"/>
    </row>
    <row r="269497" spans="14:14">
      <c r="N269497" s="10"/>
    </row>
    <row r="269498" spans="14:14">
      <c r="N269498" s="10"/>
    </row>
    <row r="269499" spans="14:14">
      <c r="N269499" s="10"/>
    </row>
    <row r="269500" spans="14:14">
      <c r="N269500" s="10"/>
    </row>
    <row r="269501" spans="14:14">
      <c r="N269501" s="10"/>
    </row>
    <row r="269502" spans="14:14">
      <c r="N269502" s="10"/>
    </row>
    <row r="269503" spans="14:14">
      <c r="N269503" s="10"/>
    </row>
    <row r="269504" spans="14:14">
      <c r="N269504" s="10"/>
    </row>
    <row r="269505" spans="14:14">
      <c r="N269505" s="10"/>
    </row>
    <row r="269506" spans="14:14">
      <c r="N269506" s="10"/>
    </row>
    <row r="269507" spans="14:14">
      <c r="N269507" s="10"/>
    </row>
    <row r="269508" spans="14:14">
      <c r="N269508" s="10"/>
    </row>
    <row r="269509" spans="14:14">
      <c r="N269509" s="10"/>
    </row>
    <row r="269510" spans="14:14">
      <c r="N269510" s="10"/>
    </row>
    <row r="269511" spans="14:14">
      <c r="N269511" s="10"/>
    </row>
    <row r="269512" spans="14:14">
      <c r="N269512" s="10"/>
    </row>
    <row r="269513" spans="14:14">
      <c r="N269513" s="10"/>
    </row>
    <row r="269514" spans="14:14">
      <c r="N269514" s="10"/>
    </row>
    <row r="269515" spans="14:14">
      <c r="N269515" s="10"/>
    </row>
    <row r="269516" spans="14:14">
      <c r="N269516" s="10"/>
    </row>
    <row r="269517" spans="14:14">
      <c r="N269517" s="10"/>
    </row>
    <row r="269518" spans="14:14">
      <c r="N269518" s="10"/>
    </row>
    <row r="269519" spans="14:14">
      <c r="N269519" s="10"/>
    </row>
    <row r="269520" spans="14:14">
      <c r="N269520" s="10"/>
    </row>
    <row r="269521" spans="14:14">
      <c r="N269521" s="10"/>
    </row>
    <row r="269522" spans="14:14">
      <c r="N269522" s="10"/>
    </row>
    <row r="269523" spans="14:14">
      <c r="N269523" s="10"/>
    </row>
    <row r="269524" spans="14:14">
      <c r="N269524" s="10"/>
    </row>
    <row r="269525" spans="14:14">
      <c r="N269525" s="10"/>
    </row>
    <row r="269526" spans="14:14">
      <c r="N269526" s="10"/>
    </row>
    <row r="269527" spans="14:14">
      <c r="N269527" s="10"/>
    </row>
    <row r="269528" spans="14:14">
      <c r="N269528" s="10"/>
    </row>
    <row r="269529" spans="14:14">
      <c r="N269529" s="10"/>
    </row>
    <row r="269530" spans="14:14">
      <c r="N269530" s="10"/>
    </row>
    <row r="269531" spans="14:14">
      <c r="N269531" s="10"/>
    </row>
    <row r="269532" spans="14:14">
      <c r="N269532" s="10"/>
    </row>
    <row r="269533" spans="14:14">
      <c r="N269533" s="10"/>
    </row>
    <row r="269534" spans="14:14">
      <c r="N269534" s="10"/>
    </row>
    <row r="269535" spans="14:14">
      <c r="N269535" s="10"/>
    </row>
    <row r="269536" spans="14:14">
      <c r="N269536" s="10"/>
    </row>
    <row r="269537" spans="14:14">
      <c r="N269537" s="10"/>
    </row>
    <row r="269538" spans="14:14">
      <c r="N269538" s="10"/>
    </row>
    <row r="269539" spans="14:14">
      <c r="N269539" s="10"/>
    </row>
    <row r="269540" spans="14:14">
      <c r="N269540" s="10"/>
    </row>
    <row r="269541" spans="14:14">
      <c r="N269541" s="10"/>
    </row>
    <row r="269542" spans="14:14">
      <c r="N269542" s="10"/>
    </row>
    <row r="269543" spans="14:14">
      <c r="N269543" s="10"/>
    </row>
    <row r="269544" spans="14:14">
      <c r="N269544" s="10"/>
    </row>
    <row r="269545" spans="14:14">
      <c r="N269545" s="10"/>
    </row>
    <row r="269546" spans="14:14">
      <c r="N269546" s="10"/>
    </row>
    <row r="269547" spans="14:14">
      <c r="N269547" s="10"/>
    </row>
    <row r="269548" spans="14:14">
      <c r="N269548" s="10"/>
    </row>
    <row r="269549" spans="14:14">
      <c r="N269549" s="10"/>
    </row>
    <row r="269550" spans="14:14">
      <c r="N269550" s="10"/>
    </row>
    <row r="269551" spans="14:14">
      <c r="N269551" s="10"/>
    </row>
    <row r="269552" spans="14:14">
      <c r="N269552" s="10"/>
    </row>
    <row r="269553" spans="14:14">
      <c r="N269553" s="10"/>
    </row>
    <row r="269554" spans="14:14">
      <c r="N269554" s="10"/>
    </row>
    <row r="269555" spans="14:14">
      <c r="N269555" s="10"/>
    </row>
    <row r="269556" spans="14:14">
      <c r="N269556" s="10"/>
    </row>
    <row r="269557" spans="14:14">
      <c r="N269557" s="10"/>
    </row>
    <row r="269558" spans="14:14">
      <c r="N269558" s="10"/>
    </row>
    <row r="269559" spans="14:14">
      <c r="N269559" s="10"/>
    </row>
    <row r="269560" spans="14:14">
      <c r="N269560" s="10"/>
    </row>
    <row r="269561" spans="14:14">
      <c r="N269561" s="10"/>
    </row>
    <row r="269562" spans="14:14">
      <c r="N269562" s="10"/>
    </row>
    <row r="269563" spans="14:14">
      <c r="N269563" s="10"/>
    </row>
    <row r="269564" spans="14:14">
      <c r="N269564" s="10"/>
    </row>
    <row r="269565" spans="14:14">
      <c r="N269565" s="10"/>
    </row>
    <row r="269566" spans="14:14">
      <c r="N269566" s="10"/>
    </row>
    <row r="269567" spans="14:14">
      <c r="N269567" s="10"/>
    </row>
    <row r="269568" spans="14:14">
      <c r="N269568" s="10"/>
    </row>
    <row r="269569" spans="14:14">
      <c r="N269569" s="10"/>
    </row>
    <row r="269570" spans="14:14">
      <c r="N269570" s="10"/>
    </row>
    <row r="269571" spans="14:14">
      <c r="N269571" s="10"/>
    </row>
    <row r="269572" spans="14:14">
      <c r="N269572" s="10"/>
    </row>
    <row r="269573" spans="14:14">
      <c r="N269573" s="10"/>
    </row>
    <row r="269574" spans="14:14">
      <c r="N269574" s="10"/>
    </row>
    <row r="269575" spans="14:14">
      <c r="N269575" s="10"/>
    </row>
    <row r="269576" spans="14:14">
      <c r="N269576" s="10"/>
    </row>
    <row r="269577" spans="14:14">
      <c r="N269577" s="10"/>
    </row>
    <row r="269578" spans="14:14">
      <c r="N269578" s="10"/>
    </row>
    <row r="269579" spans="14:14">
      <c r="N269579" s="10"/>
    </row>
    <row r="269580" spans="14:14">
      <c r="N269580" s="10"/>
    </row>
    <row r="269581" spans="14:14">
      <c r="N269581" s="10"/>
    </row>
    <row r="269582" spans="14:14">
      <c r="N269582" s="10"/>
    </row>
    <row r="269583" spans="14:14">
      <c r="N269583" s="10"/>
    </row>
    <row r="269584" spans="14:14">
      <c r="N269584" s="10"/>
    </row>
    <row r="269585" spans="14:14">
      <c r="N269585" s="10"/>
    </row>
    <row r="269586" spans="14:14">
      <c r="N269586" s="10"/>
    </row>
    <row r="269587" spans="14:14">
      <c r="N269587" s="10"/>
    </row>
    <row r="269588" spans="14:14">
      <c r="N269588" s="10"/>
    </row>
    <row r="269589" spans="14:14">
      <c r="N269589" s="10"/>
    </row>
    <row r="269590" spans="14:14">
      <c r="N269590" s="10"/>
    </row>
    <row r="269591" spans="14:14">
      <c r="N269591" s="10"/>
    </row>
    <row r="269592" spans="14:14">
      <c r="N269592" s="10"/>
    </row>
    <row r="269593" spans="14:14">
      <c r="N269593" s="10"/>
    </row>
    <row r="269594" spans="14:14">
      <c r="N269594" s="10"/>
    </row>
    <row r="269595" spans="14:14">
      <c r="N269595" s="10"/>
    </row>
    <row r="269596" spans="14:14">
      <c r="N269596" s="10"/>
    </row>
    <row r="269597" spans="14:14">
      <c r="N269597" s="10"/>
    </row>
    <row r="269598" spans="14:14">
      <c r="N269598" s="10"/>
    </row>
    <row r="269599" spans="14:14">
      <c r="N269599" s="10"/>
    </row>
    <row r="269600" spans="14:14">
      <c r="N269600" s="10"/>
    </row>
    <row r="269601" spans="14:14">
      <c r="N269601" s="10"/>
    </row>
    <row r="269602" spans="14:14">
      <c r="N269602" s="10"/>
    </row>
    <row r="269603" spans="14:14">
      <c r="N269603" s="10"/>
    </row>
    <row r="269604" spans="14:14">
      <c r="N269604" s="10"/>
    </row>
    <row r="269605" spans="14:14">
      <c r="N269605" s="10"/>
    </row>
    <row r="269606" spans="14:14">
      <c r="N269606" s="10"/>
    </row>
    <row r="269607" spans="14:14">
      <c r="N269607" s="10"/>
    </row>
    <row r="269608" spans="14:14">
      <c r="N269608" s="10"/>
    </row>
    <row r="269609" spans="14:14">
      <c r="N269609" s="10"/>
    </row>
    <row r="269610" spans="14:14">
      <c r="N269610" s="10"/>
    </row>
    <row r="269611" spans="14:14">
      <c r="N269611" s="10"/>
    </row>
    <row r="269612" spans="14:14">
      <c r="N269612" s="10"/>
    </row>
    <row r="269613" spans="14:14">
      <c r="N269613" s="10"/>
    </row>
    <row r="269614" spans="14:14">
      <c r="N269614" s="10"/>
    </row>
    <row r="269615" spans="14:14">
      <c r="N269615" s="10"/>
    </row>
    <row r="269616" spans="14:14">
      <c r="N269616" s="10"/>
    </row>
    <row r="269617" spans="14:14">
      <c r="N269617" s="10"/>
    </row>
    <row r="269618" spans="14:14">
      <c r="N269618" s="10"/>
    </row>
    <row r="269619" spans="14:14">
      <c r="N269619" s="10"/>
    </row>
    <row r="269620" spans="14:14">
      <c r="N269620" s="10"/>
    </row>
    <row r="269621" spans="14:14">
      <c r="N269621" s="10"/>
    </row>
    <row r="269622" spans="14:14">
      <c r="N269622" s="10"/>
    </row>
    <row r="269623" spans="14:14">
      <c r="N269623" s="10"/>
    </row>
    <row r="269624" spans="14:14">
      <c r="N269624" s="10"/>
    </row>
    <row r="269625" spans="14:14">
      <c r="N269625" s="10"/>
    </row>
    <row r="269626" spans="14:14">
      <c r="N269626" s="10"/>
    </row>
    <row r="269627" spans="14:14">
      <c r="N269627" s="10"/>
    </row>
    <row r="269628" spans="14:14">
      <c r="N269628" s="10"/>
    </row>
    <row r="269629" spans="14:14">
      <c r="N269629" s="10"/>
    </row>
    <row r="269630" spans="14:14">
      <c r="N269630" s="10"/>
    </row>
    <row r="269631" spans="14:14">
      <c r="N269631" s="10"/>
    </row>
    <row r="269632" spans="14:14">
      <c r="N269632" s="10"/>
    </row>
    <row r="269633" spans="14:14">
      <c r="N269633" s="10"/>
    </row>
    <row r="269634" spans="14:14">
      <c r="N269634" s="10"/>
    </row>
    <row r="269635" spans="14:14">
      <c r="N269635" s="10"/>
    </row>
    <row r="269636" spans="14:14">
      <c r="N269636" s="10"/>
    </row>
    <row r="269637" spans="14:14">
      <c r="N269637" s="10"/>
    </row>
    <row r="269638" spans="14:14">
      <c r="N269638" s="10"/>
    </row>
    <row r="269639" spans="14:14">
      <c r="N269639" s="10"/>
    </row>
    <row r="269640" spans="14:14">
      <c r="N269640" s="10"/>
    </row>
    <row r="269641" spans="14:14">
      <c r="N269641" s="10"/>
    </row>
    <row r="269642" spans="14:14">
      <c r="N269642" s="10"/>
    </row>
    <row r="269643" spans="14:14">
      <c r="N269643" s="10"/>
    </row>
    <row r="269644" spans="14:14">
      <c r="N269644" s="10"/>
    </row>
    <row r="269645" spans="14:14">
      <c r="N269645" s="10"/>
    </row>
    <row r="269646" spans="14:14">
      <c r="N269646" s="10"/>
    </row>
    <row r="269647" spans="14:14">
      <c r="N269647" s="10"/>
    </row>
    <row r="269648" spans="14:14">
      <c r="N269648" s="10"/>
    </row>
    <row r="269649" spans="14:14">
      <c r="N269649" s="10"/>
    </row>
    <row r="269650" spans="14:14">
      <c r="N269650" s="10"/>
    </row>
    <row r="269651" spans="14:14">
      <c r="N269651" s="10"/>
    </row>
    <row r="269652" spans="14:14">
      <c r="N269652" s="10"/>
    </row>
    <row r="269653" spans="14:14">
      <c r="N269653" s="10"/>
    </row>
    <row r="269654" spans="14:14">
      <c r="N269654" s="10"/>
    </row>
    <row r="269655" spans="14:14">
      <c r="N269655" s="10"/>
    </row>
    <row r="269656" spans="14:14">
      <c r="N269656" s="10"/>
    </row>
    <row r="269657" spans="14:14">
      <c r="N269657" s="10"/>
    </row>
    <row r="269658" spans="14:14">
      <c r="N269658" s="10"/>
    </row>
    <row r="269659" spans="14:14">
      <c r="N269659" s="10"/>
    </row>
    <row r="269660" spans="14:14">
      <c r="N269660" s="10"/>
    </row>
    <row r="269661" spans="14:14">
      <c r="N269661" s="10"/>
    </row>
    <row r="269662" spans="14:14">
      <c r="N269662" s="10"/>
    </row>
    <row r="269663" spans="14:14">
      <c r="N269663" s="10"/>
    </row>
    <row r="269664" spans="14:14">
      <c r="N269664" s="10"/>
    </row>
    <row r="269665" spans="14:14">
      <c r="N269665" s="10"/>
    </row>
    <row r="269666" spans="14:14">
      <c r="N269666" s="10"/>
    </row>
    <row r="269667" spans="14:14">
      <c r="N269667" s="10"/>
    </row>
    <row r="269668" spans="14:14">
      <c r="N269668" s="10"/>
    </row>
    <row r="269669" spans="14:14">
      <c r="N269669" s="10"/>
    </row>
    <row r="269670" spans="14:14">
      <c r="N269670" s="10"/>
    </row>
    <row r="269671" spans="14:14">
      <c r="N269671" s="10"/>
    </row>
    <row r="269672" spans="14:14">
      <c r="N269672" s="10"/>
    </row>
    <row r="269673" spans="14:14">
      <c r="N269673" s="10"/>
    </row>
    <row r="269674" spans="14:14">
      <c r="N269674" s="10"/>
    </row>
    <row r="269675" spans="14:14">
      <c r="N269675" s="10"/>
    </row>
    <row r="269676" spans="14:14">
      <c r="N269676" s="10"/>
    </row>
    <row r="269677" spans="14:14">
      <c r="N269677" s="10"/>
    </row>
    <row r="269678" spans="14:14">
      <c r="N269678" s="10"/>
    </row>
    <row r="269679" spans="14:14">
      <c r="N269679" s="10"/>
    </row>
    <row r="269680" spans="14:14">
      <c r="N269680" s="10"/>
    </row>
    <row r="269681" spans="14:14">
      <c r="N269681" s="10"/>
    </row>
    <row r="269682" spans="14:14">
      <c r="N269682" s="10"/>
    </row>
    <row r="269683" spans="14:14">
      <c r="N269683" s="10"/>
    </row>
    <row r="269684" spans="14:14">
      <c r="N269684" s="10"/>
    </row>
    <row r="269685" spans="14:14">
      <c r="N269685" s="10"/>
    </row>
    <row r="269686" spans="14:14">
      <c r="N269686" s="10"/>
    </row>
    <row r="269687" spans="14:14">
      <c r="N269687" s="10"/>
    </row>
    <row r="269688" spans="14:14">
      <c r="N269688" s="10"/>
    </row>
    <row r="269689" spans="14:14">
      <c r="N269689" s="10"/>
    </row>
    <row r="269690" spans="14:14">
      <c r="N269690" s="10"/>
    </row>
    <row r="269691" spans="14:14">
      <c r="N269691" s="10"/>
    </row>
    <row r="269692" spans="14:14">
      <c r="N269692" s="10"/>
    </row>
    <row r="269693" spans="14:14">
      <c r="N269693" s="10"/>
    </row>
    <row r="269694" spans="14:14">
      <c r="N269694" s="10"/>
    </row>
    <row r="269695" spans="14:14">
      <c r="N269695" s="10"/>
    </row>
    <row r="269696" spans="14:14">
      <c r="N269696" s="10"/>
    </row>
    <row r="269697" spans="14:14">
      <c r="N269697" s="10"/>
    </row>
    <row r="269698" spans="14:14">
      <c r="N269698" s="10"/>
    </row>
    <row r="269699" spans="14:14">
      <c r="N269699" s="10"/>
    </row>
    <row r="269700" spans="14:14">
      <c r="N269700" s="10"/>
    </row>
    <row r="269701" spans="14:14">
      <c r="N269701" s="10"/>
    </row>
    <row r="269702" spans="14:14">
      <c r="N269702" s="10"/>
    </row>
    <row r="269703" spans="14:14">
      <c r="N269703" s="10"/>
    </row>
    <row r="269704" spans="14:14">
      <c r="N269704" s="10"/>
    </row>
    <row r="269705" spans="14:14">
      <c r="N269705" s="10"/>
    </row>
    <row r="269706" spans="14:14">
      <c r="N269706" s="10"/>
    </row>
    <row r="269707" spans="14:14">
      <c r="N269707" s="10"/>
    </row>
    <row r="269708" spans="14:14">
      <c r="N269708" s="10"/>
    </row>
    <row r="269709" spans="14:14">
      <c r="N269709" s="10"/>
    </row>
    <row r="269710" spans="14:14">
      <c r="N269710" s="10"/>
    </row>
    <row r="269711" spans="14:14">
      <c r="N269711" s="10"/>
    </row>
    <row r="269712" spans="14:14">
      <c r="N269712" s="10"/>
    </row>
    <row r="269713" spans="14:14">
      <c r="N269713" s="10"/>
    </row>
    <row r="269714" spans="14:14">
      <c r="N269714" s="10"/>
    </row>
    <row r="269715" spans="14:14">
      <c r="N269715" s="10"/>
    </row>
    <row r="269716" spans="14:14">
      <c r="N269716" s="10"/>
    </row>
    <row r="269717" spans="14:14">
      <c r="N269717" s="10"/>
    </row>
    <row r="269718" spans="14:14">
      <c r="N269718" s="10"/>
    </row>
    <row r="269719" spans="14:14">
      <c r="N269719" s="10"/>
    </row>
    <row r="269720" spans="14:14">
      <c r="N269720" s="10"/>
    </row>
    <row r="269721" spans="14:14">
      <c r="N269721" s="10"/>
    </row>
    <row r="269722" spans="14:14">
      <c r="N269722" s="10"/>
    </row>
    <row r="269723" spans="14:14">
      <c r="N269723" s="10"/>
    </row>
    <row r="269724" spans="14:14">
      <c r="N269724" s="10"/>
    </row>
    <row r="269725" spans="14:14">
      <c r="N269725" s="10"/>
    </row>
    <row r="269726" spans="14:14">
      <c r="N269726" s="10"/>
    </row>
    <row r="269727" spans="14:14">
      <c r="N269727" s="10"/>
    </row>
    <row r="269728" spans="14:14">
      <c r="N269728" s="10"/>
    </row>
    <row r="269729" spans="14:14">
      <c r="N269729" s="10"/>
    </row>
    <row r="269730" spans="14:14">
      <c r="N269730" s="10"/>
    </row>
    <row r="269731" spans="14:14">
      <c r="N269731" s="10"/>
    </row>
    <row r="269732" spans="14:14">
      <c r="N269732" s="10"/>
    </row>
    <row r="269733" spans="14:14">
      <c r="N269733" s="10"/>
    </row>
    <row r="269734" spans="14:14">
      <c r="N269734" s="10"/>
    </row>
    <row r="269735" spans="14:14">
      <c r="N269735" s="10"/>
    </row>
    <row r="269736" spans="14:14">
      <c r="N269736" s="10"/>
    </row>
    <row r="269737" spans="14:14">
      <c r="N269737" s="10"/>
    </row>
    <row r="269738" spans="14:14">
      <c r="N269738" s="10"/>
    </row>
    <row r="269739" spans="14:14">
      <c r="N269739" s="10"/>
    </row>
    <row r="269740" spans="14:14">
      <c r="N269740" s="10"/>
    </row>
    <row r="269741" spans="14:14">
      <c r="N269741" s="10"/>
    </row>
    <row r="269742" spans="14:14">
      <c r="N269742" s="10"/>
    </row>
    <row r="269743" spans="14:14">
      <c r="N269743" s="10"/>
    </row>
    <row r="269744" spans="14:14">
      <c r="N269744" s="10"/>
    </row>
    <row r="269745" spans="14:14">
      <c r="N269745" s="10"/>
    </row>
    <row r="269746" spans="14:14">
      <c r="N269746" s="10"/>
    </row>
    <row r="269747" spans="14:14">
      <c r="N269747" s="10"/>
    </row>
    <row r="269748" spans="14:14">
      <c r="N269748" s="10"/>
    </row>
    <row r="269749" spans="14:14">
      <c r="N269749" s="10"/>
    </row>
    <row r="269750" spans="14:14">
      <c r="N269750" s="10"/>
    </row>
    <row r="269751" spans="14:14">
      <c r="N269751" s="10"/>
    </row>
    <row r="269752" spans="14:14">
      <c r="N269752" s="10"/>
    </row>
    <row r="269753" spans="14:14">
      <c r="N269753" s="10"/>
    </row>
    <row r="269754" spans="14:14">
      <c r="N269754" s="10"/>
    </row>
    <row r="269755" spans="14:14">
      <c r="N269755" s="10"/>
    </row>
    <row r="269756" spans="14:14">
      <c r="N269756" s="10"/>
    </row>
    <row r="269757" spans="14:14">
      <c r="N269757" s="10"/>
    </row>
    <row r="269758" spans="14:14">
      <c r="N269758" s="10"/>
    </row>
    <row r="269759" spans="14:14">
      <c r="N269759" s="10"/>
    </row>
    <row r="269760" spans="14:14">
      <c r="N269760" s="10"/>
    </row>
    <row r="269761" spans="14:14">
      <c r="N269761" s="10"/>
    </row>
    <row r="269762" spans="14:14">
      <c r="N269762" s="10"/>
    </row>
    <row r="269763" spans="14:14">
      <c r="N269763" s="10"/>
    </row>
    <row r="269764" spans="14:14">
      <c r="N269764" s="10"/>
    </row>
    <row r="269765" spans="14:14">
      <c r="N269765" s="10"/>
    </row>
    <row r="269766" spans="14:14">
      <c r="N269766" s="10"/>
    </row>
    <row r="269767" spans="14:14">
      <c r="N269767" s="10"/>
    </row>
    <row r="269768" spans="14:14">
      <c r="N269768" s="10"/>
    </row>
    <row r="269769" spans="14:14">
      <c r="N269769" s="10"/>
    </row>
    <row r="269770" spans="14:14">
      <c r="N269770" s="10"/>
    </row>
    <row r="269771" spans="14:14">
      <c r="N269771" s="10"/>
    </row>
    <row r="269772" spans="14:14">
      <c r="N269772" s="10"/>
    </row>
    <row r="269773" spans="14:14">
      <c r="N269773" s="10"/>
    </row>
    <row r="269774" spans="14:14">
      <c r="N269774" s="10"/>
    </row>
    <row r="269775" spans="14:14">
      <c r="N269775" s="10"/>
    </row>
    <row r="269776" spans="14:14">
      <c r="N269776" s="10"/>
    </row>
    <row r="269777" spans="14:14">
      <c r="N269777" s="10"/>
    </row>
    <row r="269778" spans="14:14">
      <c r="N269778" s="10"/>
    </row>
    <row r="269779" spans="14:14">
      <c r="N269779" s="10"/>
    </row>
    <row r="269780" spans="14:14">
      <c r="N269780" s="10"/>
    </row>
    <row r="269781" spans="14:14">
      <c r="N269781" s="10"/>
    </row>
    <row r="269782" spans="14:14">
      <c r="N269782" s="10"/>
    </row>
    <row r="269783" spans="14:14">
      <c r="N269783" s="10"/>
    </row>
    <row r="269784" spans="14:14">
      <c r="N269784" s="10"/>
    </row>
    <row r="269785" spans="14:14">
      <c r="N269785" s="10"/>
    </row>
    <row r="269786" spans="14:14">
      <c r="N269786" s="10"/>
    </row>
    <row r="269787" spans="14:14">
      <c r="N269787" s="10"/>
    </row>
    <row r="269788" spans="14:14">
      <c r="N269788" s="10"/>
    </row>
    <row r="269789" spans="14:14">
      <c r="N269789" s="10"/>
    </row>
    <row r="269790" spans="14:14">
      <c r="N269790" s="10"/>
    </row>
    <row r="269791" spans="14:14">
      <c r="N269791" s="10"/>
    </row>
    <row r="269792" spans="14:14">
      <c r="N269792" s="10"/>
    </row>
    <row r="269793" spans="14:14">
      <c r="N269793" s="10"/>
    </row>
    <row r="269794" spans="14:14">
      <c r="N269794" s="10"/>
    </row>
    <row r="269795" spans="14:14">
      <c r="N269795" s="10"/>
    </row>
    <row r="269796" spans="14:14">
      <c r="N269796" s="10"/>
    </row>
    <row r="269797" spans="14:14">
      <c r="N269797" s="10"/>
    </row>
    <row r="269798" spans="14:14">
      <c r="N269798" s="10"/>
    </row>
    <row r="269799" spans="14:14">
      <c r="N269799" s="10"/>
    </row>
    <row r="269800" spans="14:14">
      <c r="N269800" s="10"/>
    </row>
    <row r="269801" spans="14:14">
      <c r="N269801" s="10"/>
    </row>
    <row r="269802" spans="14:14">
      <c r="N269802" s="10"/>
    </row>
    <row r="269803" spans="14:14">
      <c r="N269803" s="10"/>
    </row>
    <row r="269804" spans="14:14">
      <c r="N269804" s="10"/>
    </row>
    <row r="269805" spans="14:14">
      <c r="N269805" s="10"/>
    </row>
    <row r="269806" spans="14:14">
      <c r="N269806" s="10"/>
    </row>
    <row r="269807" spans="14:14">
      <c r="N269807" s="10"/>
    </row>
    <row r="269808" spans="14:14">
      <c r="N269808" s="10"/>
    </row>
    <row r="269809" spans="14:14">
      <c r="N269809" s="10"/>
    </row>
    <row r="269810" spans="14:14">
      <c r="N269810" s="10"/>
    </row>
    <row r="269811" spans="14:14">
      <c r="N269811" s="10"/>
    </row>
    <row r="269812" spans="14:14">
      <c r="N269812" s="10"/>
    </row>
    <row r="269813" spans="14:14">
      <c r="N269813" s="10"/>
    </row>
    <row r="269814" spans="14:14">
      <c r="N269814" s="10"/>
    </row>
    <row r="269815" spans="14:14">
      <c r="N269815" s="10"/>
    </row>
    <row r="269816" spans="14:14">
      <c r="N269816" s="10"/>
    </row>
    <row r="269817" spans="14:14">
      <c r="N269817" s="10"/>
    </row>
    <row r="269818" spans="14:14">
      <c r="N269818" s="10"/>
    </row>
    <row r="269819" spans="14:14">
      <c r="N269819" s="10"/>
    </row>
    <row r="269820" spans="14:14">
      <c r="N269820" s="10"/>
    </row>
    <row r="269821" spans="14:14">
      <c r="N269821" s="10"/>
    </row>
    <row r="269822" spans="14:14">
      <c r="N269822" s="10"/>
    </row>
    <row r="269823" spans="14:14">
      <c r="N269823" s="10"/>
    </row>
    <row r="269824" spans="14:14">
      <c r="N269824" s="10"/>
    </row>
    <row r="269825" spans="14:14">
      <c r="N269825" s="10"/>
    </row>
    <row r="269826" spans="14:14">
      <c r="N269826" s="10"/>
    </row>
    <row r="269827" spans="14:14">
      <c r="N269827" s="10"/>
    </row>
    <row r="269828" spans="14:14">
      <c r="N269828" s="10"/>
    </row>
    <row r="269829" spans="14:14">
      <c r="N269829" s="10"/>
    </row>
    <row r="269830" spans="14:14">
      <c r="N269830" s="10"/>
    </row>
    <row r="269831" spans="14:14">
      <c r="N269831" s="10"/>
    </row>
    <row r="269832" spans="14:14">
      <c r="N269832" s="10"/>
    </row>
    <row r="269833" spans="14:14">
      <c r="N269833" s="10"/>
    </row>
    <row r="269834" spans="14:14">
      <c r="N269834" s="10"/>
    </row>
    <row r="269835" spans="14:14">
      <c r="N269835" s="10"/>
    </row>
    <row r="269836" spans="14:14">
      <c r="N269836" s="10"/>
    </row>
    <row r="269837" spans="14:14">
      <c r="N269837" s="10"/>
    </row>
    <row r="269838" spans="14:14">
      <c r="N269838" s="10"/>
    </row>
    <row r="269839" spans="14:14">
      <c r="N269839" s="10"/>
    </row>
    <row r="269840" spans="14:14">
      <c r="N269840" s="10"/>
    </row>
    <row r="269841" spans="14:14">
      <c r="N269841" s="10"/>
    </row>
    <row r="269842" spans="14:14">
      <c r="N269842" s="10"/>
    </row>
    <row r="269843" spans="14:14">
      <c r="N269843" s="10"/>
    </row>
    <row r="269844" spans="14:14">
      <c r="N269844" s="10"/>
    </row>
    <row r="269845" spans="14:14">
      <c r="N269845" s="10"/>
    </row>
    <row r="269846" spans="14:14">
      <c r="N269846" s="10"/>
    </row>
    <row r="269847" spans="14:14">
      <c r="N269847" s="10"/>
    </row>
    <row r="269848" spans="14:14">
      <c r="N269848" s="10"/>
    </row>
    <row r="269849" spans="14:14">
      <c r="N269849" s="10"/>
    </row>
    <row r="269850" spans="14:14">
      <c r="N269850" s="10"/>
    </row>
    <row r="269851" spans="14:14">
      <c r="N269851" s="10"/>
    </row>
    <row r="269852" spans="14:14">
      <c r="N269852" s="10"/>
    </row>
    <row r="269853" spans="14:14">
      <c r="N269853" s="10"/>
    </row>
    <row r="269854" spans="14:14">
      <c r="N269854" s="10"/>
    </row>
    <row r="269855" spans="14:14">
      <c r="N269855" s="10"/>
    </row>
    <row r="269856" spans="14:14">
      <c r="N269856" s="10"/>
    </row>
    <row r="269857" spans="14:14">
      <c r="N269857" s="10"/>
    </row>
    <row r="269858" spans="14:14">
      <c r="N269858" s="10"/>
    </row>
    <row r="269859" spans="14:14">
      <c r="N269859" s="10"/>
    </row>
    <row r="269860" spans="14:14">
      <c r="N269860" s="10"/>
    </row>
    <row r="269861" spans="14:14">
      <c r="N269861" s="10"/>
    </row>
    <row r="269862" spans="14:14">
      <c r="N269862" s="10"/>
    </row>
    <row r="269863" spans="14:14">
      <c r="N269863" s="10"/>
    </row>
    <row r="269864" spans="14:14">
      <c r="N269864" s="10"/>
    </row>
    <row r="269865" spans="14:14">
      <c r="N269865" s="10"/>
    </row>
    <row r="269866" spans="14:14">
      <c r="N269866" s="10"/>
    </row>
    <row r="269867" spans="14:14">
      <c r="N269867" s="10"/>
    </row>
    <row r="269868" spans="14:14">
      <c r="N269868" s="10"/>
    </row>
    <row r="269869" spans="14:14">
      <c r="N269869" s="10"/>
    </row>
    <row r="269870" spans="14:14">
      <c r="N269870" s="10"/>
    </row>
    <row r="269871" spans="14:14">
      <c r="N269871" s="10"/>
    </row>
    <row r="269872" spans="14:14">
      <c r="N269872" s="10"/>
    </row>
    <row r="269873" spans="14:14">
      <c r="N269873" s="10"/>
    </row>
    <row r="269874" spans="14:14">
      <c r="N269874" s="10"/>
    </row>
    <row r="269875" spans="14:14">
      <c r="N269875" s="10"/>
    </row>
    <row r="269876" spans="14:14">
      <c r="N269876" s="10"/>
    </row>
    <row r="269877" spans="14:14">
      <c r="N269877" s="10"/>
    </row>
    <row r="269878" spans="14:14">
      <c r="N269878" s="10"/>
    </row>
    <row r="269879" spans="14:14">
      <c r="N269879" s="10"/>
    </row>
    <row r="269880" spans="14:14">
      <c r="N269880" s="10"/>
    </row>
    <row r="269881" spans="14:14">
      <c r="N269881" s="10"/>
    </row>
    <row r="269882" spans="14:14">
      <c r="N269882" s="10"/>
    </row>
    <row r="269883" spans="14:14">
      <c r="N269883" s="10"/>
    </row>
    <row r="269884" spans="14:14">
      <c r="N269884" s="10"/>
    </row>
    <row r="269885" spans="14:14">
      <c r="N269885" s="10"/>
    </row>
    <row r="269886" spans="14:14">
      <c r="N269886" s="10"/>
    </row>
    <row r="269887" spans="14:14">
      <c r="N269887" s="10"/>
    </row>
    <row r="269888" spans="14:14">
      <c r="N269888" s="10"/>
    </row>
    <row r="269889" spans="14:14">
      <c r="N269889" s="10"/>
    </row>
    <row r="269890" spans="14:14">
      <c r="N269890" s="10"/>
    </row>
    <row r="269891" spans="14:14">
      <c r="N269891" s="10"/>
    </row>
    <row r="269892" spans="14:14">
      <c r="N269892" s="10"/>
    </row>
    <row r="269893" spans="14:14">
      <c r="N269893" s="10"/>
    </row>
    <row r="269894" spans="14:14">
      <c r="N269894" s="10"/>
    </row>
    <row r="269895" spans="14:14">
      <c r="N269895" s="10"/>
    </row>
    <row r="269896" spans="14:14">
      <c r="N269896" s="10"/>
    </row>
    <row r="269897" spans="14:14">
      <c r="N269897" s="10"/>
    </row>
    <row r="269898" spans="14:14">
      <c r="N269898" s="10"/>
    </row>
    <row r="269899" spans="14:14">
      <c r="N269899" s="10"/>
    </row>
    <row r="269900" spans="14:14">
      <c r="N269900" s="10"/>
    </row>
    <row r="269901" spans="14:14">
      <c r="N269901" s="10"/>
    </row>
    <row r="269902" spans="14:14">
      <c r="N269902" s="10"/>
    </row>
    <row r="269903" spans="14:14">
      <c r="N269903" s="10"/>
    </row>
    <row r="269904" spans="14:14">
      <c r="N269904" s="10"/>
    </row>
    <row r="269905" spans="14:14">
      <c r="N269905" s="10"/>
    </row>
    <row r="269906" spans="14:14">
      <c r="N269906" s="10"/>
    </row>
    <row r="269907" spans="14:14">
      <c r="N269907" s="10"/>
    </row>
    <row r="269908" spans="14:14">
      <c r="N269908" s="10"/>
    </row>
    <row r="269909" spans="14:14">
      <c r="N269909" s="10"/>
    </row>
    <row r="269910" spans="14:14">
      <c r="N269910" s="10"/>
    </row>
    <row r="269911" spans="14:14">
      <c r="N269911" s="10"/>
    </row>
    <row r="269912" spans="14:14">
      <c r="N269912" s="10"/>
    </row>
    <row r="269913" spans="14:14">
      <c r="N269913" s="10"/>
    </row>
    <row r="269914" spans="14:14">
      <c r="N269914" s="10"/>
    </row>
    <row r="269915" spans="14:14">
      <c r="N269915" s="10"/>
    </row>
    <row r="269916" spans="14:14">
      <c r="N269916" s="10"/>
    </row>
    <row r="269917" spans="14:14">
      <c r="N269917" s="10"/>
    </row>
    <row r="269918" spans="14:14">
      <c r="N269918" s="10"/>
    </row>
    <row r="269919" spans="14:14">
      <c r="N269919" s="10"/>
    </row>
    <row r="269920" spans="14:14">
      <c r="N269920" s="10"/>
    </row>
    <row r="269921" spans="14:14">
      <c r="N269921" s="10"/>
    </row>
    <row r="269922" spans="14:14">
      <c r="N269922" s="10"/>
    </row>
    <row r="269923" spans="14:14">
      <c r="N269923" s="10"/>
    </row>
    <row r="269924" spans="14:14">
      <c r="N269924" s="10"/>
    </row>
    <row r="269925" spans="14:14">
      <c r="N269925" s="10"/>
    </row>
    <row r="269926" spans="14:14">
      <c r="N269926" s="10"/>
    </row>
    <row r="269927" spans="14:14">
      <c r="N269927" s="10"/>
    </row>
    <row r="269928" spans="14:14">
      <c r="N269928" s="10"/>
    </row>
    <row r="269929" spans="14:14">
      <c r="N269929" s="10"/>
    </row>
    <row r="269930" spans="14:14">
      <c r="N269930" s="10"/>
    </row>
    <row r="269931" spans="14:14">
      <c r="N269931" s="10"/>
    </row>
    <row r="269932" spans="14:14">
      <c r="N269932" s="10"/>
    </row>
    <row r="269933" spans="14:14">
      <c r="N269933" s="10"/>
    </row>
    <row r="269934" spans="14:14">
      <c r="N269934" s="10"/>
    </row>
    <row r="269935" spans="14:14">
      <c r="N269935" s="10"/>
    </row>
    <row r="269936" spans="14:14">
      <c r="N269936" s="10"/>
    </row>
    <row r="269937" spans="14:14">
      <c r="N269937" s="10"/>
    </row>
    <row r="269938" spans="14:14">
      <c r="N269938" s="10"/>
    </row>
    <row r="269939" spans="14:14">
      <c r="N269939" s="10"/>
    </row>
    <row r="269940" spans="14:14">
      <c r="N269940" s="10"/>
    </row>
    <row r="269941" spans="14:14">
      <c r="N269941" s="10"/>
    </row>
    <row r="269942" spans="14:14">
      <c r="N269942" s="10"/>
    </row>
    <row r="269943" spans="14:14">
      <c r="N269943" s="10"/>
    </row>
    <row r="269944" spans="14:14">
      <c r="N269944" s="10"/>
    </row>
    <row r="269945" spans="14:14">
      <c r="N269945" s="10"/>
    </row>
    <row r="269946" spans="14:14">
      <c r="N269946" s="10"/>
    </row>
    <row r="269947" spans="14:14">
      <c r="N269947" s="10"/>
    </row>
    <row r="269948" spans="14:14">
      <c r="N269948" s="10"/>
    </row>
    <row r="269949" spans="14:14">
      <c r="N269949" s="10"/>
    </row>
    <row r="269950" spans="14:14">
      <c r="N269950" s="10"/>
    </row>
    <row r="269951" spans="14:14">
      <c r="N269951" s="10"/>
    </row>
    <row r="269952" spans="14:14">
      <c r="N269952" s="10"/>
    </row>
    <row r="269953" spans="14:14">
      <c r="N269953" s="10"/>
    </row>
    <row r="269954" spans="14:14">
      <c r="N269954" s="10"/>
    </row>
    <row r="269955" spans="14:14">
      <c r="N269955" s="10"/>
    </row>
    <row r="269956" spans="14:14">
      <c r="N269956" s="10"/>
    </row>
    <row r="269957" spans="14:14">
      <c r="N269957" s="10"/>
    </row>
    <row r="269958" spans="14:14">
      <c r="N269958" s="10"/>
    </row>
    <row r="269959" spans="14:14">
      <c r="N269959" s="10"/>
    </row>
    <row r="269960" spans="14:14">
      <c r="N269960" s="10"/>
    </row>
    <row r="269961" spans="14:14">
      <c r="N269961" s="10"/>
    </row>
    <row r="269962" spans="14:14">
      <c r="N269962" s="10"/>
    </row>
    <row r="269963" spans="14:14">
      <c r="N269963" s="10"/>
    </row>
    <row r="269964" spans="14:14">
      <c r="N269964" s="10"/>
    </row>
    <row r="269965" spans="14:14">
      <c r="N269965" s="10"/>
    </row>
    <row r="269966" spans="14:14">
      <c r="N269966" s="10"/>
    </row>
    <row r="269967" spans="14:14">
      <c r="N269967" s="10"/>
    </row>
    <row r="269968" spans="14:14">
      <c r="N269968" s="10"/>
    </row>
    <row r="269969" spans="14:14">
      <c r="N269969" s="10"/>
    </row>
    <row r="269970" spans="14:14">
      <c r="N269970" s="10"/>
    </row>
    <row r="269971" spans="14:14">
      <c r="N269971" s="10"/>
    </row>
    <row r="269972" spans="14:14">
      <c r="N269972" s="10"/>
    </row>
    <row r="269973" spans="14:14">
      <c r="N269973" s="10"/>
    </row>
    <row r="269974" spans="14:14">
      <c r="N269974" s="10"/>
    </row>
    <row r="269975" spans="14:14">
      <c r="N269975" s="10"/>
    </row>
    <row r="269976" spans="14:14">
      <c r="N269976" s="10"/>
    </row>
    <row r="269977" spans="14:14">
      <c r="N269977" s="10"/>
    </row>
    <row r="269978" spans="14:14">
      <c r="N269978" s="10"/>
    </row>
    <row r="269979" spans="14:14">
      <c r="N269979" s="10"/>
    </row>
    <row r="269980" spans="14:14">
      <c r="N269980" s="10"/>
    </row>
    <row r="269981" spans="14:14">
      <c r="N269981" s="10"/>
    </row>
    <row r="269982" spans="14:14">
      <c r="N269982" s="10"/>
    </row>
    <row r="269983" spans="14:14">
      <c r="N269983" s="10"/>
    </row>
    <row r="269984" spans="14:14">
      <c r="N269984" s="10"/>
    </row>
    <row r="269985" spans="14:14">
      <c r="N269985" s="10"/>
    </row>
    <row r="269986" spans="14:14">
      <c r="N269986" s="10"/>
    </row>
    <row r="269987" spans="14:14">
      <c r="N269987" s="10"/>
    </row>
    <row r="269988" spans="14:14">
      <c r="N269988" s="10"/>
    </row>
    <row r="269989" spans="14:14">
      <c r="N269989" s="10"/>
    </row>
    <row r="269990" spans="14:14">
      <c r="N269990" s="10"/>
    </row>
    <row r="269991" spans="14:14">
      <c r="N269991" s="10"/>
    </row>
    <row r="269992" spans="14:14">
      <c r="N269992" s="10"/>
    </row>
    <row r="269993" spans="14:14">
      <c r="N269993" s="10"/>
    </row>
    <row r="269994" spans="14:14">
      <c r="N269994" s="10"/>
    </row>
    <row r="269995" spans="14:14">
      <c r="N269995" s="10"/>
    </row>
    <row r="269996" spans="14:14">
      <c r="N269996" s="10"/>
    </row>
    <row r="269997" spans="14:14">
      <c r="N269997" s="10"/>
    </row>
    <row r="269998" spans="14:14">
      <c r="N269998" s="10"/>
    </row>
    <row r="269999" spans="14:14">
      <c r="N269999" s="10"/>
    </row>
    <row r="270000" spans="14:14">
      <c r="N270000" s="10"/>
    </row>
    <row r="270001" spans="14:14">
      <c r="N270001" s="10"/>
    </row>
    <row r="270002" spans="14:14">
      <c r="N270002" s="10"/>
    </row>
    <row r="270003" spans="14:14">
      <c r="N270003" s="10"/>
    </row>
    <row r="270004" spans="14:14">
      <c r="N270004" s="10"/>
    </row>
    <row r="270005" spans="14:14">
      <c r="N270005" s="10"/>
    </row>
    <row r="270006" spans="14:14">
      <c r="N270006" s="10"/>
    </row>
    <row r="270007" spans="14:14">
      <c r="N270007" s="10"/>
    </row>
    <row r="270008" spans="14:14">
      <c r="N270008" s="10"/>
    </row>
    <row r="270009" spans="14:14">
      <c r="N270009" s="10"/>
    </row>
    <row r="270010" spans="14:14">
      <c r="N270010" s="10"/>
    </row>
    <row r="270011" spans="14:14">
      <c r="N270011" s="10"/>
    </row>
    <row r="270012" spans="14:14">
      <c r="N270012" s="10"/>
    </row>
    <row r="270013" spans="14:14">
      <c r="N270013" s="10"/>
    </row>
    <row r="270014" spans="14:14">
      <c r="N270014" s="10"/>
    </row>
    <row r="270015" spans="14:14">
      <c r="N270015" s="10"/>
    </row>
    <row r="270016" spans="14:14">
      <c r="N270016" s="10"/>
    </row>
    <row r="270017" spans="14:14">
      <c r="N270017" s="10"/>
    </row>
    <row r="270018" spans="14:14">
      <c r="N270018" s="10"/>
    </row>
    <row r="270019" spans="14:14">
      <c r="N270019" s="10"/>
    </row>
    <row r="270020" spans="14:14">
      <c r="N270020" s="10"/>
    </row>
    <row r="270021" spans="14:14">
      <c r="N270021" s="10"/>
    </row>
    <row r="270022" spans="14:14">
      <c r="N270022" s="10"/>
    </row>
    <row r="270023" spans="14:14">
      <c r="N270023" s="10"/>
    </row>
    <row r="270024" spans="14:14">
      <c r="N270024" s="10"/>
    </row>
    <row r="270025" spans="14:14">
      <c r="N270025" s="10"/>
    </row>
    <row r="270026" spans="14:14">
      <c r="N270026" s="10"/>
    </row>
    <row r="270027" spans="14:14">
      <c r="N270027" s="10"/>
    </row>
    <row r="270028" spans="14:14">
      <c r="N270028" s="10"/>
    </row>
    <row r="270029" spans="14:14">
      <c r="N270029" s="10"/>
    </row>
    <row r="270030" spans="14:14">
      <c r="N270030" s="10"/>
    </row>
    <row r="270031" spans="14:14">
      <c r="N270031" s="10"/>
    </row>
    <row r="270032" spans="14:14">
      <c r="N270032" s="10"/>
    </row>
    <row r="270033" spans="14:14">
      <c r="N270033" s="10"/>
    </row>
    <row r="270034" spans="14:14">
      <c r="N270034" s="10"/>
    </row>
    <row r="270035" spans="14:14">
      <c r="N270035" s="10"/>
    </row>
    <row r="270036" spans="14:14">
      <c r="N270036" s="10"/>
    </row>
    <row r="270037" spans="14:14">
      <c r="N270037" s="10"/>
    </row>
    <row r="270038" spans="14:14">
      <c r="N270038" s="10"/>
    </row>
    <row r="270039" spans="14:14">
      <c r="N270039" s="10"/>
    </row>
    <row r="270040" spans="14:14">
      <c r="N270040" s="10"/>
    </row>
    <row r="270041" spans="14:14">
      <c r="N270041" s="10"/>
    </row>
    <row r="270042" spans="14:14">
      <c r="N270042" s="10"/>
    </row>
    <row r="270043" spans="14:14">
      <c r="N270043" s="10"/>
    </row>
    <row r="270044" spans="14:14">
      <c r="N270044" s="10"/>
    </row>
    <row r="270045" spans="14:14">
      <c r="N270045" s="10"/>
    </row>
    <row r="270046" spans="14:14">
      <c r="N270046" s="10"/>
    </row>
    <row r="270047" spans="14:14">
      <c r="N270047" s="10"/>
    </row>
    <row r="270048" spans="14:14">
      <c r="N270048" s="10"/>
    </row>
    <row r="270049" spans="14:14">
      <c r="N270049" s="10"/>
    </row>
    <row r="270050" spans="14:14">
      <c r="N270050" s="10"/>
    </row>
    <row r="270051" spans="14:14">
      <c r="N270051" s="10"/>
    </row>
    <row r="270052" spans="14:14">
      <c r="N270052" s="10"/>
    </row>
    <row r="270053" spans="14:14">
      <c r="N270053" s="10"/>
    </row>
    <row r="270054" spans="14:14">
      <c r="N270054" s="10"/>
    </row>
    <row r="270055" spans="14:14">
      <c r="N270055" s="10"/>
    </row>
    <row r="270056" spans="14:14">
      <c r="N270056" s="10"/>
    </row>
    <row r="270057" spans="14:14">
      <c r="N270057" s="10"/>
    </row>
    <row r="270058" spans="14:14">
      <c r="N270058" s="10"/>
    </row>
    <row r="270059" spans="14:14">
      <c r="N270059" s="10"/>
    </row>
    <row r="270060" spans="14:14">
      <c r="N270060" s="10"/>
    </row>
    <row r="270061" spans="14:14">
      <c r="N270061" s="10"/>
    </row>
    <row r="270062" spans="14:14">
      <c r="N270062" s="10"/>
    </row>
    <row r="270063" spans="14:14">
      <c r="N270063" s="10"/>
    </row>
    <row r="270064" spans="14:14">
      <c r="N270064" s="10"/>
    </row>
    <row r="270065" spans="14:14">
      <c r="N270065" s="10"/>
    </row>
    <row r="270066" spans="14:14">
      <c r="N270066" s="10"/>
    </row>
    <row r="270067" spans="14:14">
      <c r="N270067" s="10"/>
    </row>
    <row r="270068" spans="14:14">
      <c r="N270068" s="10"/>
    </row>
    <row r="270069" spans="14:14">
      <c r="N270069" s="10"/>
    </row>
    <row r="270070" spans="14:14">
      <c r="N270070" s="10"/>
    </row>
    <row r="270071" spans="14:14">
      <c r="N270071" s="10"/>
    </row>
    <row r="270072" spans="14:14">
      <c r="N270072" s="10"/>
    </row>
    <row r="270073" spans="14:14">
      <c r="N270073" s="10"/>
    </row>
    <row r="270074" spans="14:14">
      <c r="N270074" s="10"/>
    </row>
    <row r="270075" spans="14:14">
      <c r="N270075" s="10"/>
    </row>
    <row r="270076" spans="14:14">
      <c r="N270076" s="10"/>
    </row>
    <row r="270077" spans="14:14">
      <c r="N270077" s="10"/>
    </row>
    <row r="270078" spans="14:14">
      <c r="N270078" s="10"/>
    </row>
    <row r="270079" spans="14:14">
      <c r="N270079" s="10"/>
    </row>
    <row r="270080" spans="14:14">
      <c r="N270080" s="10"/>
    </row>
    <row r="270081" spans="14:14">
      <c r="N270081" s="10"/>
    </row>
    <row r="270082" spans="14:14">
      <c r="N270082" s="10"/>
    </row>
    <row r="270083" spans="14:14">
      <c r="N270083" s="10"/>
    </row>
    <row r="270084" spans="14:14">
      <c r="N270084" s="10"/>
    </row>
    <row r="270085" spans="14:14">
      <c r="N270085" s="10"/>
    </row>
    <row r="270086" spans="14:14">
      <c r="N270086" s="10"/>
    </row>
    <row r="270087" spans="14:14">
      <c r="N270087" s="10"/>
    </row>
    <row r="270088" spans="14:14">
      <c r="N270088" s="10"/>
    </row>
    <row r="270089" spans="14:14">
      <c r="N270089" s="10"/>
    </row>
    <row r="270090" spans="14:14">
      <c r="N270090" s="10"/>
    </row>
    <row r="270091" spans="14:14">
      <c r="N270091" s="10"/>
    </row>
    <row r="270092" spans="14:14">
      <c r="N270092" s="10"/>
    </row>
    <row r="270093" spans="14:14">
      <c r="N270093" s="10"/>
    </row>
    <row r="270094" spans="14:14">
      <c r="N270094" s="10"/>
    </row>
    <row r="270095" spans="14:14">
      <c r="N270095" s="10"/>
    </row>
    <row r="270096" spans="14:14">
      <c r="N270096" s="10"/>
    </row>
    <row r="270097" spans="14:14">
      <c r="N270097" s="10"/>
    </row>
    <row r="270098" spans="14:14">
      <c r="N270098" s="10"/>
    </row>
    <row r="270099" spans="14:14">
      <c r="N270099" s="10"/>
    </row>
    <row r="270100" spans="14:14">
      <c r="N270100" s="10"/>
    </row>
    <row r="270101" spans="14:14">
      <c r="N270101" s="10"/>
    </row>
    <row r="270102" spans="14:14">
      <c r="N270102" s="10"/>
    </row>
    <row r="270103" spans="14:14">
      <c r="N270103" s="10"/>
    </row>
    <row r="270104" spans="14:14">
      <c r="N270104" s="10"/>
    </row>
    <row r="270105" spans="14:14">
      <c r="N270105" s="10"/>
    </row>
    <row r="270106" spans="14:14">
      <c r="N270106" s="10"/>
    </row>
    <row r="270107" spans="14:14">
      <c r="N270107" s="10"/>
    </row>
    <row r="270108" spans="14:14">
      <c r="N270108" s="10"/>
    </row>
    <row r="270109" spans="14:14">
      <c r="N270109" s="10"/>
    </row>
    <row r="270110" spans="14:14">
      <c r="N270110" s="10"/>
    </row>
    <row r="270111" spans="14:14">
      <c r="N270111" s="10"/>
    </row>
    <row r="270112" spans="14:14">
      <c r="N270112" s="10"/>
    </row>
    <row r="270113" spans="14:14">
      <c r="N270113" s="10"/>
    </row>
    <row r="270114" spans="14:14">
      <c r="N270114" s="10"/>
    </row>
    <row r="270115" spans="14:14">
      <c r="N270115" s="10"/>
    </row>
    <row r="270116" spans="14:14">
      <c r="N270116" s="10"/>
    </row>
    <row r="270117" spans="14:14">
      <c r="N270117" s="10"/>
    </row>
    <row r="270118" spans="14:14">
      <c r="N270118" s="10"/>
    </row>
    <row r="270119" spans="14:14">
      <c r="N270119" s="10"/>
    </row>
    <row r="270120" spans="14:14">
      <c r="N270120" s="10"/>
    </row>
    <row r="270121" spans="14:14">
      <c r="N270121" s="10"/>
    </row>
    <row r="270122" spans="14:14">
      <c r="N270122" s="10"/>
    </row>
    <row r="270123" spans="14:14">
      <c r="N270123" s="10"/>
    </row>
    <row r="270124" spans="14:14">
      <c r="N270124" s="10"/>
    </row>
    <row r="270125" spans="14:14">
      <c r="N270125" s="10"/>
    </row>
    <row r="270126" spans="14:14">
      <c r="N270126" s="10"/>
    </row>
    <row r="270127" spans="14:14">
      <c r="N270127" s="10"/>
    </row>
    <row r="270128" spans="14:14">
      <c r="N270128" s="10"/>
    </row>
    <row r="270129" spans="14:14">
      <c r="N270129" s="10"/>
    </row>
    <row r="270130" spans="14:14">
      <c r="N270130" s="10"/>
    </row>
    <row r="270131" spans="14:14">
      <c r="N270131" s="10"/>
    </row>
    <row r="270132" spans="14:14">
      <c r="N270132" s="10"/>
    </row>
    <row r="270133" spans="14:14">
      <c r="N270133" s="10"/>
    </row>
    <row r="270134" spans="14:14">
      <c r="N270134" s="10"/>
    </row>
    <row r="270135" spans="14:14">
      <c r="N270135" s="10"/>
    </row>
    <row r="270136" spans="14:14">
      <c r="N270136" s="10"/>
    </row>
    <row r="270137" spans="14:14">
      <c r="N270137" s="10"/>
    </row>
    <row r="270138" spans="14:14">
      <c r="N270138" s="10"/>
    </row>
    <row r="270139" spans="14:14">
      <c r="N270139" s="10"/>
    </row>
    <row r="270140" spans="14:14">
      <c r="N270140" s="10"/>
    </row>
    <row r="270141" spans="14:14">
      <c r="N270141" s="10"/>
    </row>
    <row r="270142" spans="14:14">
      <c r="N270142" s="10"/>
    </row>
    <row r="270143" spans="14:14">
      <c r="N270143" s="10"/>
    </row>
    <row r="270144" spans="14:14">
      <c r="N270144" s="10"/>
    </row>
    <row r="270145" spans="14:14">
      <c r="N270145" s="10"/>
    </row>
    <row r="270146" spans="14:14">
      <c r="N270146" s="10"/>
    </row>
    <row r="270147" spans="14:14">
      <c r="N270147" s="10"/>
    </row>
    <row r="270148" spans="14:14">
      <c r="N270148" s="10"/>
    </row>
    <row r="270149" spans="14:14">
      <c r="N270149" s="10"/>
    </row>
    <row r="270150" spans="14:14">
      <c r="N270150" s="10"/>
    </row>
    <row r="270151" spans="14:14">
      <c r="N270151" s="10"/>
    </row>
    <row r="270152" spans="14:14">
      <c r="N270152" s="10"/>
    </row>
    <row r="270153" spans="14:14">
      <c r="N270153" s="10"/>
    </row>
    <row r="270154" spans="14:14">
      <c r="N270154" s="10"/>
    </row>
    <row r="270155" spans="14:14">
      <c r="N270155" s="10"/>
    </row>
    <row r="270156" spans="14:14">
      <c r="N270156" s="10"/>
    </row>
    <row r="270157" spans="14:14">
      <c r="N270157" s="10"/>
    </row>
    <row r="270158" spans="14:14">
      <c r="N270158" s="10"/>
    </row>
    <row r="270159" spans="14:14">
      <c r="N270159" s="10"/>
    </row>
    <row r="270160" spans="14:14">
      <c r="N270160" s="10"/>
    </row>
    <row r="270161" spans="14:14">
      <c r="N270161" s="10"/>
    </row>
    <row r="270162" spans="14:14">
      <c r="N270162" s="10"/>
    </row>
    <row r="270163" spans="14:14">
      <c r="N270163" s="10"/>
    </row>
    <row r="270164" spans="14:14">
      <c r="N270164" s="10"/>
    </row>
    <row r="270165" spans="14:14">
      <c r="N270165" s="10"/>
    </row>
    <row r="270166" spans="14:14">
      <c r="N270166" s="10"/>
    </row>
    <row r="270167" spans="14:14">
      <c r="N270167" s="10"/>
    </row>
    <row r="270168" spans="14:14">
      <c r="N270168" s="10"/>
    </row>
    <row r="270169" spans="14:14">
      <c r="N270169" s="10"/>
    </row>
    <row r="270170" spans="14:14">
      <c r="N270170" s="10"/>
    </row>
    <row r="270171" spans="14:14">
      <c r="N270171" s="10"/>
    </row>
    <row r="270172" spans="14:14">
      <c r="N270172" s="10"/>
    </row>
    <row r="270173" spans="14:14">
      <c r="N270173" s="10"/>
    </row>
    <row r="270174" spans="14:14">
      <c r="N270174" s="10"/>
    </row>
    <row r="270175" spans="14:14">
      <c r="N270175" s="10"/>
    </row>
    <row r="270176" spans="14:14">
      <c r="N270176" s="10"/>
    </row>
    <row r="270177" spans="14:14">
      <c r="N270177" s="10"/>
    </row>
    <row r="270178" spans="14:14">
      <c r="N270178" s="10"/>
    </row>
    <row r="270179" spans="14:14">
      <c r="N270179" s="10"/>
    </row>
    <row r="270180" spans="14:14">
      <c r="N270180" s="10"/>
    </row>
    <row r="270181" spans="14:14">
      <c r="N270181" s="10"/>
    </row>
    <row r="270182" spans="14:14">
      <c r="N270182" s="10"/>
    </row>
    <row r="270183" spans="14:14">
      <c r="N270183" s="10"/>
    </row>
    <row r="270184" spans="14:14">
      <c r="N270184" s="10"/>
    </row>
    <row r="270185" spans="14:14">
      <c r="N270185" s="10"/>
    </row>
    <row r="270186" spans="14:14">
      <c r="N270186" s="10"/>
    </row>
    <row r="270187" spans="14:14">
      <c r="N270187" s="10"/>
    </row>
    <row r="270188" spans="14:14">
      <c r="N270188" s="10"/>
    </row>
    <row r="270189" spans="14:14">
      <c r="N270189" s="10"/>
    </row>
    <row r="270190" spans="14:14">
      <c r="N270190" s="10"/>
    </row>
    <row r="270191" spans="14:14">
      <c r="N270191" s="10"/>
    </row>
    <row r="270192" spans="14:14">
      <c r="N270192" s="10"/>
    </row>
    <row r="270193" spans="14:14">
      <c r="N270193" s="10"/>
    </row>
    <row r="270194" spans="14:14">
      <c r="N270194" s="10"/>
    </row>
    <row r="270195" spans="14:14">
      <c r="N270195" s="10"/>
    </row>
    <row r="270196" spans="14:14">
      <c r="N270196" s="10"/>
    </row>
    <row r="270197" spans="14:14">
      <c r="N270197" s="10"/>
    </row>
    <row r="270198" spans="14:14">
      <c r="N270198" s="10"/>
    </row>
    <row r="270199" spans="14:14">
      <c r="N270199" s="10"/>
    </row>
    <row r="270200" spans="14:14">
      <c r="N270200" s="10"/>
    </row>
    <row r="270201" spans="14:14">
      <c r="N270201" s="10"/>
    </row>
    <row r="270202" spans="14:14">
      <c r="N270202" s="10"/>
    </row>
    <row r="270203" spans="14:14">
      <c r="N270203" s="10"/>
    </row>
    <row r="270204" spans="14:14">
      <c r="N270204" s="10"/>
    </row>
    <row r="270205" spans="14:14">
      <c r="N270205" s="10"/>
    </row>
    <row r="270206" spans="14:14">
      <c r="N270206" s="10"/>
    </row>
    <row r="270207" spans="14:14">
      <c r="N270207" s="10"/>
    </row>
    <row r="270208" spans="14:14">
      <c r="N270208" s="10"/>
    </row>
    <row r="270209" spans="14:14">
      <c r="N270209" s="10"/>
    </row>
    <row r="270210" spans="14:14">
      <c r="N270210" s="10"/>
    </row>
    <row r="270211" spans="14:14">
      <c r="N270211" s="10"/>
    </row>
    <row r="270212" spans="14:14">
      <c r="N270212" s="10"/>
    </row>
    <row r="270213" spans="14:14">
      <c r="N270213" s="10"/>
    </row>
    <row r="270214" spans="14:14">
      <c r="N270214" s="10"/>
    </row>
    <row r="270215" spans="14:14">
      <c r="N270215" s="10"/>
    </row>
    <row r="270216" spans="14:14">
      <c r="N270216" s="10"/>
    </row>
    <row r="270217" spans="14:14">
      <c r="N270217" s="10"/>
    </row>
    <row r="270218" spans="14:14">
      <c r="N270218" s="10"/>
    </row>
    <row r="270219" spans="14:14">
      <c r="N270219" s="10"/>
    </row>
    <row r="270220" spans="14:14">
      <c r="N270220" s="10"/>
    </row>
    <row r="270221" spans="14:14">
      <c r="N270221" s="10"/>
    </row>
    <row r="270222" spans="14:14">
      <c r="N270222" s="10"/>
    </row>
    <row r="270223" spans="14:14">
      <c r="N270223" s="10"/>
    </row>
    <row r="270224" spans="14:14">
      <c r="N270224" s="10"/>
    </row>
    <row r="270225" spans="14:14">
      <c r="N270225" s="10"/>
    </row>
    <row r="270226" spans="14:14">
      <c r="N270226" s="10"/>
    </row>
    <row r="270227" spans="14:14">
      <c r="N270227" s="10"/>
    </row>
    <row r="270228" spans="14:14">
      <c r="N270228" s="10"/>
    </row>
    <row r="270229" spans="14:14">
      <c r="N270229" s="10"/>
    </row>
    <row r="270230" spans="14:14">
      <c r="N270230" s="10"/>
    </row>
    <row r="270231" spans="14:14">
      <c r="N270231" s="10"/>
    </row>
    <row r="270232" spans="14:14">
      <c r="N270232" s="10"/>
    </row>
    <row r="270233" spans="14:14">
      <c r="N270233" s="10"/>
    </row>
    <row r="270234" spans="14:14">
      <c r="N270234" s="10"/>
    </row>
    <row r="270235" spans="14:14">
      <c r="N270235" s="10"/>
    </row>
    <row r="270236" spans="14:14">
      <c r="N270236" s="10"/>
    </row>
    <row r="270237" spans="14:14">
      <c r="N270237" s="10"/>
    </row>
    <row r="270238" spans="14:14">
      <c r="N270238" s="10"/>
    </row>
    <row r="270239" spans="14:14">
      <c r="N270239" s="10"/>
    </row>
    <row r="270240" spans="14:14">
      <c r="N270240" s="10"/>
    </row>
    <row r="270241" spans="14:14">
      <c r="N270241" s="10"/>
    </row>
    <row r="270242" spans="14:14">
      <c r="N270242" s="10"/>
    </row>
    <row r="270243" spans="14:14">
      <c r="N270243" s="10"/>
    </row>
    <row r="270244" spans="14:14">
      <c r="N270244" s="10"/>
    </row>
    <row r="270245" spans="14:14">
      <c r="N270245" s="10"/>
    </row>
    <row r="270246" spans="14:14">
      <c r="N270246" s="10"/>
    </row>
    <row r="270247" spans="14:14">
      <c r="N270247" s="10"/>
    </row>
    <row r="270248" spans="14:14">
      <c r="N270248" s="10"/>
    </row>
    <row r="270249" spans="14:14">
      <c r="N270249" s="10"/>
    </row>
    <row r="270250" spans="14:14">
      <c r="N270250" s="10"/>
    </row>
    <row r="270251" spans="14:14">
      <c r="N270251" s="10"/>
    </row>
    <row r="270252" spans="14:14">
      <c r="N270252" s="10"/>
    </row>
    <row r="270253" spans="14:14">
      <c r="N270253" s="10"/>
    </row>
    <row r="270254" spans="14:14">
      <c r="N270254" s="10"/>
    </row>
    <row r="270255" spans="14:14">
      <c r="N270255" s="10"/>
    </row>
    <row r="270256" spans="14:14">
      <c r="N270256" s="10"/>
    </row>
    <row r="270257" spans="14:14">
      <c r="N270257" s="10"/>
    </row>
    <row r="270258" spans="14:14">
      <c r="N270258" s="10"/>
    </row>
    <row r="270259" spans="14:14">
      <c r="N270259" s="10"/>
    </row>
    <row r="270260" spans="14:14">
      <c r="N270260" s="10"/>
    </row>
    <row r="270261" spans="14:14">
      <c r="N270261" s="10"/>
    </row>
    <row r="270262" spans="14:14">
      <c r="N270262" s="10"/>
    </row>
    <row r="270263" spans="14:14">
      <c r="N270263" s="10"/>
    </row>
    <row r="270264" spans="14:14">
      <c r="N270264" s="10"/>
    </row>
    <row r="270265" spans="14:14">
      <c r="N270265" s="10"/>
    </row>
    <row r="270266" spans="14:14">
      <c r="N270266" s="10"/>
    </row>
    <row r="270267" spans="14:14">
      <c r="N270267" s="10"/>
    </row>
    <row r="270268" spans="14:14">
      <c r="N270268" s="10"/>
    </row>
    <row r="270269" spans="14:14">
      <c r="N270269" s="10"/>
    </row>
    <row r="270270" spans="14:14">
      <c r="N270270" s="10"/>
    </row>
    <row r="270271" spans="14:14">
      <c r="N270271" s="10"/>
    </row>
    <row r="270272" spans="14:14">
      <c r="N270272" s="10"/>
    </row>
    <row r="270273" spans="14:14">
      <c r="N270273" s="10"/>
    </row>
    <row r="270274" spans="14:14">
      <c r="N270274" s="10"/>
    </row>
    <row r="270275" spans="14:14">
      <c r="N270275" s="10"/>
    </row>
    <row r="270276" spans="14:14">
      <c r="N270276" s="10"/>
    </row>
    <row r="270277" spans="14:14">
      <c r="N270277" s="10"/>
    </row>
    <row r="270278" spans="14:14">
      <c r="N270278" s="10"/>
    </row>
    <row r="270279" spans="14:14">
      <c r="N270279" s="10"/>
    </row>
    <row r="270280" spans="14:14">
      <c r="N270280" s="10"/>
    </row>
    <row r="270281" spans="14:14">
      <c r="N270281" s="10"/>
    </row>
    <row r="270282" spans="14:14">
      <c r="N270282" s="10"/>
    </row>
    <row r="270283" spans="14:14">
      <c r="N270283" s="10"/>
    </row>
    <row r="270284" spans="14:14">
      <c r="N270284" s="10"/>
    </row>
    <row r="270285" spans="14:14">
      <c r="N270285" s="10"/>
    </row>
    <row r="270286" spans="14:14">
      <c r="N270286" s="10"/>
    </row>
    <row r="270287" spans="14:14">
      <c r="N270287" s="10"/>
    </row>
    <row r="270288" spans="14:14">
      <c r="N270288" s="10"/>
    </row>
    <row r="270289" spans="14:14">
      <c r="N270289" s="10"/>
    </row>
    <row r="270290" spans="14:14">
      <c r="N270290" s="10"/>
    </row>
    <row r="270291" spans="14:14">
      <c r="N270291" s="10"/>
    </row>
    <row r="270292" spans="14:14">
      <c r="N270292" s="10"/>
    </row>
    <row r="270293" spans="14:14">
      <c r="N270293" s="10"/>
    </row>
    <row r="270294" spans="14:14">
      <c r="N270294" s="10"/>
    </row>
    <row r="270295" spans="14:14">
      <c r="N270295" s="10"/>
    </row>
    <row r="270296" spans="14:14">
      <c r="N270296" s="10"/>
    </row>
    <row r="270297" spans="14:14">
      <c r="N270297" s="10"/>
    </row>
    <row r="270298" spans="14:14">
      <c r="N270298" s="10"/>
    </row>
    <row r="270299" spans="14:14">
      <c r="N270299" s="10"/>
    </row>
    <row r="270300" spans="14:14">
      <c r="N270300" s="10"/>
    </row>
    <row r="270301" spans="14:14">
      <c r="N270301" s="10"/>
    </row>
    <row r="270302" spans="14:14">
      <c r="N270302" s="10"/>
    </row>
    <row r="270303" spans="14:14">
      <c r="N270303" s="10"/>
    </row>
    <row r="270304" spans="14:14">
      <c r="N270304" s="10"/>
    </row>
    <row r="270305" spans="14:14">
      <c r="N270305" s="10"/>
    </row>
    <row r="270306" spans="14:14">
      <c r="N270306" s="10"/>
    </row>
    <row r="270307" spans="14:14">
      <c r="N270307" s="10"/>
    </row>
    <row r="270308" spans="14:14">
      <c r="N270308" s="10"/>
    </row>
    <row r="270309" spans="14:14">
      <c r="N270309" s="10"/>
    </row>
    <row r="270310" spans="14:14">
      <c r="N270310" s="10"/>
    </row>
    <row r="270311" spans="14:14">
      <c r="N270311" s="10"/>
    </row>
    <row r="270312" spans="14:14">
      <c r="N270312" s="10"/>
    </row>
    <row r="270313" spans="14:14">
      <c r="N270313" s="10"/>
    </row>
    <row r="270314" spans="14:14">
      <c r="N270314" s="10"/>
    </row>
    <row r="270315" spans="14:14">
      <c r="N270315" s="10"/>
    </row>
    <row r="270316" spans="14:14">
      <c r="N270316" s="10"/>
    </row>
    <row r="270317" spans="14:14">
      <c r="N270317" s="10"/>
    </row>
    <row r="270318" spans="14:14">
      <c r="N270318" s="10"/>
    </row>
    <row r="270319" spans="14:14">
      <c r="N270319" s="10"/>
    </row>
    <row r="270320" spans="14:14">
      <c r="N270320" s="10"/>
    </row>
    <row r="270321" spans="14:14">
      <c r="N270321" s="10"/>
    </row>
    <row r="270322" spans="14:14">
      <c r="N270322" s="10"/>
    </row>
    <row r="270323" spans="14:14">
      <c r="N270323" s="10"/>
    </row>
    <row r="270324" spans="14:14">
      <c r="N270324" s="10"/>
    </row>
    <row r="270325" spans="14:14">
      <c r="N270325" s="10"/>
    </row>
    <row r="270326" spans="14:14">
      <c r="N270326" s="10"/>
    </row>
    <row r="270327" spans="14:14">
      <c r="N270327" s="10"/>
    </row>
    <row r="270328" spans="14:14">
      <c r="N270328" s="10"/>
    </row>
    <row r="270329" spans="14:14">
      <c r="N270329" s="10"/>
    </row>
    <row r="270330" spans="14:14">
      <c r="N270330" s="10"/>
    </row>
    <row r="270331" spans="14:14">
      <c r="N270331" s="10"/>
    </row>
    <row r="270332" spans="14:14">
      <c r="N270332" s="10"/>
    </row>
    <row r="270333" spans="14:14">
      <c r="N270333" s="10"/>
    </row>
    <row r="270334" spans="14:14">
      <c r="N270334" s="10"/>
    </row>
    <row r="270335" spans="14:14">
      <c r="N270335" s="10"/>
    </row>
    <row r="270336" spans="14:14">
      <c r="N270336" s="10"/>
    </row>
    <row r="270337" spans="14:14">
      <c r="N270337" s="10"/>
    </row>
    <row r="270338" spans="14:14">
      <c r="N270338" s="10"/>
    </row>
    <row r="270339" spans="14:14">
      <c r="N270339" s="10"/>
    </row>
    <row r="270340" spans="14:14">
      <c r="N270340" s="10"/>
    </row>
    <row r="270341" spans="14:14">
      <c r="N270341" s="10"/>
    </row>
    <row r="270342" spans="14:14">
      <c r="N270342" s="10"/>
    </row>
    <row r="270343" spans="14:14">
      <c r="N270343" s="10"/>
    </row>
    <row r="270344" spans="14:14">
      <c r="N270344" s="10"/>
    </row>
    <row r="270345" spans="14:14">
      <c r="N270345" s="10"/>
    </row>
    <row r="270346" spans="14:14">
      <c r="N270346" s="10"/>
    </row>
    <row r="270347" spans="14:14">
      <c r="N270347" s="10"/>
    </row>
    <row r="270348" spans="14:14">
      <c r="N270348" s="10"/>
    </row>
    <row r="270349" spans="14:14">
      <c r="N270349" s="10"/>
    </row>
    <row r="270350" spans="14:14">
      <c r="N270350" s="10"/>
    </row>
    <row r="270351" spans="14:14">
      <c r="N270351" s="10"/>
    </row>
    <row r="270352" spans="14:14">
      <c r="N270352" s="10"/>
    </row>
    <row r="270353" spans="14:14">
      <c r="N270353" s="10"/>
    </row>
    <row r="270354" spans="14:14">
      <c r="N270354" s="10"/>
    </row>
    <row r="270355" spans="14:14">
      <c r="N270355" s="10"/>
    </row>
    <row r="270356" spans="14:14">
      <c r="N270356" s="10"/>
    </row>
    <row r="270357" spans="14:14">
      <c r="N270357" s="10"/>
    </row>
    <row r="270358" spans="14:14">
      <c r="N270358" s="10"/>
    </row>
    <row r="270359" spans="14:14">
      <c r="N270359" s="10"/>
    </row>
    <row r="270360" spans="14:14">
      <c r="N270360" s="10"/>
    </row>
    <row r="270361" spans="14:14">
      <c r="N270361" s="10"/>
    </row>
    <row r="270362" spans="14:14">
      <c r="N270362" s="10"/>
    </row>
    <row r="270363" spans="14:14">
      <c r="N270363" s="10"/>
    </row>
    <row r="270364" spans="14:14">
      <c r="N270364" s="10"/>
    </row>
    <row r="270365" spans="14:14">
      <c r="N270365" s="10"/>
    </row>
    <row r="270366" spans="14:14">
      <c r="N270366" s="10"/>
    </row>
    <row r="270367" spans="14:14">
      <c r="N270367" s="10"/>
    </row>
    <row r="270368" spans="14:14">
      <c r="N270368" s="10"/>
    </row>
    <row r="270369" spans="14:14">
      <c r="N270369" s="10"/>
    </row>
    <row r="270370" spans="14:14">
      <c r="N270370" s="10"/>
    </row>
    <row r="270371" spans="14:14">
      <c r="N270371" s="10"/>
    </row>
    <row r="270372" spans="14:14">
      <c r="N270372" s="10"/>
    </row>
    <row r="270373" spans="14:14">
      <c r="N270373" s="10"/>
    </row>
    <row r="270374" spans="14:14">
      <c r="N270374" s="10"/>
    </row>
    <row r="270375" spans="14:14">
      <c r="N270375" s="10"/>
    </row>
    <row r="270376" spans="14:14">
      <c r="N270376" s="10"/>
    </row>
    <row r="270377" spans="14:14">
      <c r="N270377" s="10"/>
    </row>
    <row r="270378" spans="14:14">
      <c r="N270378" s="10"/>
    </row>
    <row r="270379" spans="14:14">
      <c r="N270379" s="10"/>
    </row>
    <row r="270380" spans="14:14">
      <c r="N270380" s="10"/>
    </row>
    <row r="270381" spans="14:14">
      <c r="N270381" s="10"/>
    </row>
    <row r="270382" spans="14:14">
      <c r="N270382" s="10"/>
    </row>
    <row r="270383" spans="14:14">
      <c r="N270383" s="10"/>
    </row>
    <row r="270384" spans="14:14">
      <c r="N270384" s="10"/>
    </row>
    <row r="270385" spans="14:14">
      <c r="N270385" s="10"/>
    </row>
    <row r="270386" spans="14:14">
      <c r="N270386" s="10"/>
    </row>
    <row r="270387" spans="14:14">
      <c r="N270387" s="10"/>
    </row>
    <row r="270388" spans="14:14">
      <c r="N270388" s="10"/>
    </row>
    <row r="270389" spans="14:14">
      <c r="N270389" s="10"/>
    </row>
    <row r="270390" spans="14:14">
      <c r="N270390" s="10"/>
    </row>
    <row r="270391" spans="14:14">
      <c r="N270391" s="10"/>
    </row>
    <row r="270392" spans="14:14">
      <c r="N270392" s="10"/>
    </row>
    <row r="270393" spans="14:14">
      <c r="N270393" s="10"/>
    </row>
    <row r="270394" spans="14:14">
      <c r="N270394" s="10"/>
    </row>
    <row r="270395" spans="14:14">
      <c r="N270395" s="10"/>
    </row>
    <row r="270396" spans="14:14">
      <c r="N270396" s="10"/>
    </row>
    <row r="270397" spans="14:14">
      <c r="N270397" s="10"/>
    </row>
    <row r="270398" spans="14:14">
      <c r="N270398" s="10"/>
    </row>
    <row r="270399" spans="14:14">
      <c r="N270399" s="10"/>
    </row>
    <row r="270400" spans="14:14">
      <c r="N270400" s="10"/>
    </row>
    <row r="270401" spans="14:14">
      <c r="N270401" s="10"/>
    </row>
    <row r="270402" spans="14:14">
      <c r="N270402" s="10"/>
    </row>
    <row r="270403" spans="14:14">
      <c r="N270403" s="10"/>
    </row>
    <row r="270404" spans="14:14">
      <c r="N270404" s="10"/>
    </row>
    <row r="270405" spans="14:14">
      <c r="N270405" s="10"/>
    </row>
    <row r="270406" spans="14:14">
      <c r="N270406" s="10"/>
    </row>
    <row r="270407" spans="14:14">
      <c r="N270407" s="10"/>
    </row>
    <row r="270408" spans="14:14">
      <c r="N270408" s="10"/>
    </row>
    <row r="270409" spans="14:14">
      <c r="N270409" s="10"/>
    </row>
    <row r="270410" spans="14:14">
      <c r="N270410" s="10"/>
    </row>
    <row r="270411" spans="14:14">
      <c r="N270411" s="10"/>
    </row>
    <row r="270412" spans="14:14">
      <c r="N270412" s="10"/>
    </row>
    <row r="270413" spans="14:14">
      <c r="N270413" s="10"/>
    </row>
    <row r="270414" spans="14:14">
      <c r="N270414" s="10"/>
    </row>
    <row r="270415" spans="14:14">
      <c r="N270415" s="10"/>
    </row>
    <row r="270416" spans="14:14">
      <c r="N270416" s="10"/>
    </row>
    <row r="270417" spans="14:14">
      <c r="N270417" s="10"/>
    </row>
    <row r="270418" spans="14:14">
      <c r="N270418" s="10"/>
    </row>
    <row r="270419" spans="14:14">
      <c r="N270419" s="10"/>
    </row>
    <row r="270420" spans="14:14">
      <c r="N270420" s="10"/>
    </row>
    <row r="270421" spans="14:14">
      <c r="N270421" s="10"/>
    </row>
    <row r="270422" spans="14:14">
      <c r="N270422" s="10"/>
    </row>
    <row r="270423" spans="14:14">
      <c r="N270423" s="10"/>
    </row>
    <row r="270424" spans="14:14">
      <c r="N270424" s="10"/>
    </row>
    <row r="270425" spans="14:14">
      <c r="N270425" s="10"/>
    </row>
    <row r="270426" spans="14:14">
      <c r="N270426" s="10"/>
    </row>
    <row r="270427" spans="14:14">
      <c r="N270427" s="10"/>
    </row>
    <row r="270428" spans="14:14">
      <c r="N270428" s="10"/>
    </row>
    <row r="270429" spans="14:14">
      <c r="N270429" s="10"/>
    </row>
    <row r="270430" spans="14:14">
      <c r="N270430" s="10"/>
    </row>
    <row r="270431" spans="14:14">
      <c r="N270431" s="10"/>
    </row>
    <row r="270432" spans="14:14">
      <c r="N270432" s="10"/>
    </row>
    <row r="270433" spans="14:14">
      <c r="N270433" s="10"/>
    </row>
    <row r="270434" spans="14:14">
      <c r="N270434" s="10"/>
    </row>
    <row r="270435" spans="14:14">
      <c r="N270435" s="10"/>
    </row>
    <row r="270436" spans="14:14">
      <c r="N270436" s="10"/>
    </row>
    <row r="270437" spans="14:14">
      <c r="N270437" s="10"/>
    </row>
    <row r="270438" spans="14:14">
      <c r="N270438" s="10"/>
    </row>
    <row r="270439" spans="14:14">
      <c r="N270439" s="10"/>
    </row>
    <row r="270440" spans="14:14">
      <c r="N270440" s="10"/>
    </row>
    <row r="270441" spans="14:14">
      <c r="N270441" s="10"/>
    </row>
    <row r="270442" spans="14:14">
      <c r="N270442" s="10"/>
    </row>
    <row r="270443" spans="14:14">
      <c r="N270443" s="10"/>
    </row>
    <row r="270444" spans="14:14">
      <c r="N270444" s="10"/>
    </row>
    <row r="270445" spans="14:14">
      <c r="N270445" s="10"/>
    </row>
    <row r="270446" spans="14:14">
      <c r="N270446" s="10"/>
    </row>
    <row r="270447" spans="14:14">
      <c r="N270447" s="10"/>
    </row>
    <row r="270448" spans="14:14">
      <c r="N270448" s="10"/>
    </row>
    <row r="270449" spans="14:14">
      <c r="N270449" s="10"/>
    </row>
    <row r="270450" spans="14:14">
      <c r="N270450" s="10"/>
    </row>
    <row r="270451" spans="14:14">
      <c r="N270451" s="10"/>
    </row>
    <row r="270452" spans="14:14">
      <c r="N270452" s="10"/>
    </row>
    <row r="270453" spans="14:14">
      <c r="N270453" s="10"/>
    </row>
    <row r="270454" spans="14:14">
      <c r="N270454" s="10"/>
    </row>
    <row r="270455" spans="14:14">
      <c r="N270455" s="10"/>
    </row>
    <row r="270456" spans="14:14">
      <c r="N270456" s="10"/>
    </row>
    <row r="270457" spans="14:14">
      <c r="N270457" s="10"/>
    </row>
    <row r="270458" spans="14:14">
      <c r="N270458" s="10"/>
    </row>
    <row r="270459" spans="14:14">
      <c r="N270459" s="10"/>
    </row>
    <row r="270460" spans="14:14">
      <c r="N270460" s="10"/>
    </row>
    <row r="270461" spans="14:14">
      <c r="N270461" s="10"/>
    </row>
    <row r="270462" spans="14:14">
      <c r="N270462" s="10"/>
    </row>
    <row r="270463" spans="14:14">
      <c r="N270463" s="10"/>
    </row>
    <row r="270464" spans="14:14">
      <c r="N270464" s="10"/>
    </row>
    <row r="270465" spans="14:14">
      <c r="N270465" s="10"/>
    </row>
    <row r="270466" spans="14:14">
      <c r="N270466" s="10"/>
    </row>
    <row r="270467" spans="14:14">
      <c r="N270467" s="10"/>
    </row>
    <row r="270468" spans="14:14">
      <c r="N270468" s="10"/>
    </row>
    <row r="270469" spans="14:14">
      <c r="N270469" s="10"/>
    </row>
    <row r="270470" spans="14:14">
      <c r="N270470" s="10"/>
    </row>
    <row r="270471" spans="14:14">
      <c r="N270471" s="10"/>
    </row>
    <row r="270472" spans="14:14">
      <c r="N270472" s="10"/>
    </row>
    <row r="270473" spans="14:14">
      <c r="N270473" s="10"/>
    </row>
    <row r="270474" spans="14:14">
      <c r="N270474" s="10"/>
    </row>
    <row r="270475" spans="14:14">
      <c r="N270475" s="10"/>
    </row>
    <row r="270476" spans="14:14">
      <c r="N270476" s="10"/>
    </row>
    <row r="270477" spans="14:14">
      <c r="N270477" s="10"/>
    </row>
    <row r="270478" spans="14:14">
      <c r="N270478" s="10"/>
    </row>
    <row r="270479" spans="14:14">
      <c r="N270479" s="10"/>
    </row>
    <row r="270480" spans="14:14">
      <c r="N270480" s="10"/>
    </row>
    <row r="270481" spans="14:14">
      <c r="N270481" s="10"/>
    </row>
    <row r="270482" spans="14:14">
      <c r="N270482" s="10"/>
    </row>
    <row r="270483" spans="14:14">
      <c r="N270483" s="10"/>
    </row>
    <row r="270484" spans="14:14">
      <c r="N270484" s="10"/>
    </row>
    <row r="270485" spans="14:14">
      <c r="N270485" s="10"/>
    </row>
    <row r="270486" spans="14:14">
      <c r="N270486" s="10"/>
    </row>
    <row r="270487" spans="14:14">
      <c r="N270487" s="10"/>
    </row>
    <row r="270488" spans="14:14">
      <c r="N270488" s="10"/>
    </row>
    <row r="270489" spans="14:14">
      <c r="N270489" s="10"/>
    </row>
    <row r="270490" spans="14:14">
      <c r="N270490" s="10"/>
    </row>
    <row r="270491" spans="14:14">
      <c r="N270491" s="10"/>
    </row>
    <row r="270492" spans="14:14">
      <c r="N270492" s="10"/>
    </row>
    <row r="270493" spans="14:14">
      <c r="N270493" s="10"/>
    </row>
    <row r="270494" spans="14:14">
      <c r="N270494" s="10"/>
    </row>
    <row r="270495" spans="14:14">
      <c r="N270495" s="10"/>
    </row>
    <row r="270496" spans="14:14">
      <c r="N270496" s="10"/>
    </row>
    <row r="270497" spans="14:14">
      <c r="N270497" s="10"/>
    </row>
    <row r="270498" spans="14:14">
      <c r="N270498" s="10"/>
    </row>
    <row r="270499" spans="14:14">
      <c r="N270499" s="10"/>
    </row>
    <row r="270500" spans="14:14">
      <c r="N270500" s="10"/>
    </row>
    <row r="270501" spans="14:14">
      <c r="N270501" s="10"/>
    </row>
    <row r="270502" spans="14:14">
      <c r="N270502" s="10"/>
    </row>
    <row r="270503" spans="14:14">
      <c r="N270503" s="10"/>
    </row>
    <row r="270504" spans="14:14">
      <c r="N270504" s="10"/>
    </row>
    <row r="270505" spans="14:14">
      <c r="N270505" s="10"/>
    </row>
    <row r="270506" spans="14:14">
      <c r="N270506" s="10"/>
    </row>
    <row r="270507" spans="14:14">
      <c r="N270507" s="10"/>
    </row>
    <row r="270508" spans="14:14">
      <c r="N270508" s="10"/>
    </row>
    <row r="270509" spans="14:14">
      <c r="N270509" s="10"/>
    </row>
    <row r="270510" spans="14:14">
      <c r="N270510" s="10"/>
    </row>
    <row r="270511" spans="14:14">
      <c r="N270511" s="10"/>
    </row>
    <row r="270512" spans="14:14">
      <c r="N270512" s="10"/>
    </row>
    <row r="270513" spans="14:14">
      <c r="N270513" s="10"/>
    </row>
    <row r="270514" spans="14:14">
      <c r="N270514" s="10"/>
    </row>
    <row r="270515" spans="14:14">
      <c r="N270515" s="10"/>
    </row>
    <row r="270516" spans="14:14">
      <c r="N270516" s="10"/>
    </row>
    <row r="270517" spans="14:14">
      <c r="N270517" s="10"/>
    </row>
    <row r="270518" spans="14:14">
      <c r="N270518" s="10"/>
    </row>
    <row r="270519" spans="14:14">
      <c r="N270519" s="10"/>
    </row>
    <row r="270520" spans="14:14">
      <c r="N270520" s="10"/>
    </row>
    <row r="270521" spans="14:14">
      <c r="N270521" s="10"/>
    </row>
    <row r="270522" spans="14:14">
      <c r="N270522" s="10"/>
    </row>
    <row r="270523" spans="14:14">
      <c r="N270523" s="10"/>
    </row>
    <row r="270524" spans="14:14">
      <c r="N270524" s="10"/>
    </row>
    <row r="270525" spans="14:14">
      <c r="N270525" s="10"/>
    </row>
    <row r="270526" spans="14:14">
      <c r="N270526" s="10"/>
    </row>
    <row r="270527" spans="14:14">
      <c r="N270527" s="10"/>
    </row>
    <row r="270528" spans="14:14">
      <c r="N270528" s="10"/>
    </row>
    <row r="270529" spans="14:14">
      <c r="N270529" s="10"/>
    </row>
    <row r="270530" spans="14:14">
      <c r="N270530" s="10"/>
    </row>
    <row r="270531" spans="14:14">
      <c r="N270531" s="10"/>
    </row>
    <row r="270532" spans="14:14">
      <c r="N270532" s="10"/>
    </row>
    <row r="270533" spans="14:14">
      <c r="N270533" s="10"/>
    </row>
    <row r="270534" spans="14:14">
      <c r="N270534" s="10"/>
    </row>
    <row r="270535" spans="14:14">
      <c r="N270535" s="10"/>
    </row>
    <row r="270536" spans="14:14">
      <c r="N270536" s="10"/>
    </row>
    <row r="270537" spans="14:14">
      <c r="N270537" s="10"/>
    </row>
    <row r="270538" spans="14:14">
      <c r="N270538" s="10"/>
    </row>
    <row r="270539" spans="14:14">
      <c r="N270539" s="10"/>
    </row>
    <row r="270540" spans="14:14">
      <c r="N270540" s="10"/>
    </row>
    <row r="270541" spans="14:14">
      <c r="N270541" s="10"/>
    </row>
    <row r="270542" spans="14:14">
      <c r="N270542" s="10"/>
    </row>
    <row r="270543" spans="14:14">
      <c r="N270543" s="10"/>
    </row>
    <row r="270544" spans="14:14">
      <c r="N270544" s="10"/>
    </row>
    <row r="270545" spans="14:14">
      <c r="N270545" s="10"/>
    </row>
    <row r="270546" spans="14:14">
      <c r="N270546" s="10"/>
    </row>
    <row r="270547" spans="14:14">
      <c r="N270547" s="10"/>
    </row>
    <row r="270548" spans="14:14">
      <c r="N270548" s="10"/>
    </row>
    <row r="270549" spans="14:14">
      <c r="N270549" s="10"/>
    </row>
    <row r="270550" spans="14:14">
      <c r="N270550" s="10"/>
    </row>
    <row r="270551" spans="14:14">
      <c r="N270551" s="10"/>
    </row>
    <row r="270552" spans="14:14">
      <c r="N270552" s="10"/>
    </row>
    <row r="270553" spans="14:14">
      <c r="N270553" s="10"/>
    </row>
    <row r="270554" spans="14:14">
      <c r="N270554" s="10"/>
    </row>
    <row r="270555" spans="14:14">
      <c r="N270555" s="10"/>
    </row>
    <row r="270556" spans="14:14">
      <c r="N270556" s="10"/>
    </row>
    <row r="270557" spans="14:14">
      <c r="N270557" s="10"/>
    </row>
    <row r="270558" spans="14:14">
      <c r="N270558" s="10"/>
    </row>
    <row r="270559" spans="14:14">
      <c r="N270559" s="10"/>
    </row>
    <row r="270560" spans="14:14">
      <c r="N270560" s="10"/>
    </row>
    <row r="270561" spans="14:14">
      <c r="N270561" s="10"/>
    </row>
    <row r="270562" spans="14:14">
      <c r="N270562" s="10"/>
    </row>
    <row r="270563" spans="14:14">
      <c r="N270563" s="10"/>
    </row>
    <row r="270564" spans="14:14">
      <c r="N270564" s="10"/>
    </row>
    <row r="270565" spans="14:14">
      <c r="N270565" s="10"/>
    </row>
    <row r="270566" spans="14:14">
      <c r="N270566" s="10"/>
    </row>
    <row r="270567" spans="14:14">
      <c r="N270567" s="10"/>
    </row>
    <row r="270568" spans="14:14">
      <c r="N270568" s="10"/>
    </row>
    <row r="270569" spans="14:14">
      <c r="N270569" s="10"/>
    </row>
    <row r="270570" spans="14:14">
      <c r="N270570" s="10"/>
    </row>
    <row r="270571" spans="14:14">
      <c r="N270571" s="10"/>
    </row>
    <row r="270572" spans="14:14">
      <c r="N270572" s="10"/>
    </row>
    <row r="270573" spans="14:14">
      <c r="N270573" s="10"/>
    </row>
    <row r="270574" spans="14:14">
      <c r="N270574" s="10"/>
    </row>
    <row r="270575" spans="14:14">
      <c r="N270575" s="10"/>
    </row>
    <row r="270576" spans="14:14">
      <c r="N270576" s="10"/>
    </row>
    <row r="270577" spans="14:14">
      <c r="N270577" s="10"/>
    </row>
    <row r="270578" spans="14:14">
      <c r="N270578" s="10"/>
    </row>
    <row r="270579" spans="14:14">
      <c r="N270579" s="10"/>
    </row>
    <row r="270580" spans="14:14">
      <c r="N270580" s="10"/>
    </row>
    <row r="270581" spans="14:14">
      <c r="N270581" s="10"/>
    </row>
    <row r="270582" spans="14:14">
      <c r="N270582" s="10"/>
    </row>
    <row r="270583" spans="14:14">
      <c r="N270583" s="10"/>
    </row>
    <row r="270584" spans="14:14">
      <c r="N270584" s="10"/>
    </row>
    <row r="270585" spans="14:14">
      <c r="N270585" s="10"/>
    </row>
    <row r="270586" spans="14:14">
      <c r="N270586" s="10"/>
    </row>
    <row r="270587" spans="14:14">
      <c r="N270587" s="10"/>
    </row>
    <row r="270588" spans="14:14">
      <c r="N270588" s="10"/>
    </row>
    <row r="270589" spans="14:14">
      <c r="N270589" s="10"/>
    </row>
    <row r="270590" spans="14:14">
      <c r="N270590" s="10"/>
    </row>
    <row r="270591" spans="14:14">
      <c r="N270591" s="10"/>
    </row>
    <row r="270592" spans="14:14">
      <c r="N270592" s="10"/>
    </row>
    <row r="270593" spans="14:14">
      <c r="N270593" s="10"/>
    </row>
    <row r="270594" spans="14:14">
      <c r="N270594" s="10"/>
    </row>
    <row r="270595" spans="14:14">
      <c r="N270595" s="10"/>
    </row>
    <row r="270596" spans="14:14">
      <c r="N270596" s="10"/>
    </row>
    <row r="270597" spans="14:14">
      <c r="N270597" s="10"/>
    </row>
    <row r="270598" spans="14:14">
      <c r="N270598" s="10"/>
    </row>
    <row r="270599" spans="14:14">
      <c r="N270599" s="10"/>
    </row>
    <row r="270600" spans="14:14">
      <c r="N270600" s="10"/>
    </row>
    <row r="270601" spans="14:14">
      <c r="N270601" s="10"/>
    </row>
    <row r="270602" spans="14:14">
      <c r="N270602" s="10"/>
    </row>
    <row r="270603" spans="14:14">
      <c r="N270603" s="10"/>
    </row>
    <row r="270604" spans="14:14">
      <c r="N270604" s="10"/>
    </row>
    <row r="270605" spans="14:14">
      <c r="N270605" s="10"/>
    </row>
    <row r="270606" spans="14:14">
      <c r="N270606" s="10"/>
    </row>
    <row r="270607" spans="14:14">
      <c r="N270607" s="10"/>
    </row>
    <row r="270608" spans="14:14">
      <c r="N270608" s="10"/>
    </row>
    <row r="270609" spans="14:14">
      <c r="N270609" s="10"/>
    </row>
    <row r="270610" spans="14:14">
      <c r="N270610" s="10"/>
    </row>
    <row r="270611" spans="14:14">
      <c r="N270611" s="10"/>
    </row>
    <row r="270612" spans="14:14">
      <c r="N270612" s="10"/>
    </row>
    <row r="270613" spans="14:14">
      <c r="N270613" s="10"/>
    </row>
    <row r="270614" spans="14:14">
      <c r="N270614" s="10"/>
    </row>
    <row r="270615" spans="14:14">
      <c r="N270615" s="10"/>
    </row>
    <row r="270616" spans="14:14">
      <c r="N270616" s="10"/>
    </row>
    <row r="270617" spans="14:14">
      <c r="N270617" s="10"/>
    </row>
    <row r="270618" spans="14:14">
      <c r="N270618" s="10"/>
    </row>
    <row r="270619" spans="14:14">
      <c r="N270619" s="10"/>
    </row>
    <row r="270620" spans="14:14">
      <c r="N270620" s="10"/>
    </row>
    <row r="270621" spans="14:14">
      <c r="N270621" s="10"/>
    </row>
    <row r="270622" spans="14:14">
      <c r="N270622" s="10"/>
    </row>
    <row r="270623" spans="14:14">
      <c r="N270623" s="10"/>
    </row>
    <row r="270624" spans="14:14">
      <c r="N270624" s="10"/>
    </row>
    <row r="270625" spans="14:14">
      <c r="N270625" s="10"/>
    </row>
    <row r="270626" spans="14:14">
      <c r="N270626" s="10"/>
    </row>
    <row r="270627" spans="14:14">
      <c r="N270627" s="10"/>
    </row>
    <row r="270628" spans="14:14">
      <c r="N270628" s="10"/>
    </row>
    <row r="270629" spans="14:14">
      <c r="N270629" s="10"/>
    </row>
    <row r="270630" spans="14:14">
      <c r="N270630" s="10"/>
    </row>
    <row r="270631" spans="14:14">
      <c r="N270631" s="10"/>
    </row>
    <row r="270632" spans="14:14">
      <c r="N270632" s="10"/>
    </row>
    <row r="270633" spans="14:14">
      <c r="N270633" s="10"/>
    </row>
    <row r="270634" spans="14:14">
      <c r="N270634" s="10"/>
    </row>
    <row r="270635" spans="14:14">
      <c r="N270635" s="10"/>
    </row>
    <row r="270636" spans="14:14">
      <c r="N270636" s="10"/>
    </row>
    <row r="270637" spans="14:14">
      <c r="N270637" s="10"/>
    </row>
    <row r="270638" spans="14:14">
      <c r="N270638" s="10"/>
    </row>
    <row r="270639" spans="14:14">
      <c r="N270639" s="10"/>
    </row>
    <row r="270640" spans="14:14">
      <c r="N270640" s="10"/>
    </row>
    <row r="270641" spans="14:14">
      <c r="N270641" s="10"/>
    </row>
    <row r="270642" spans="14:14">
      <c r="N270642" s="10"/>
    </row>
    <row r="270643" spans="14:14">
      <c r="N270643" s="10"/>
    </row>
    <row r="270644" spans="14:14">
      <c r="N270644" s="10"/>
    </row>
    <row r="270645" spans="14:14">
      <c r="N270645" s="10"/>
    </row>
    <row r="270646" spans="14:14">
      <c r="N270646" s="10"/>
    </row>
    <row r="270647" spans="14:14">
      <c r="N270647" s="10"/>
    </row>
    <row r="270648" spans="14:14">
      <c r="N270648" s="10"/>
    </row>
    <row r="270649" spans="14:14">
      <c r="N270649" s="10"/>
    </row>
    <row r="270650" spans="14:14">
      <c r="N270650" s="10"/>
    </row>
    <row r="270651" spans="14:14">
      <c r="N270651" s="10"/>
    </row>
    <row r="270652" spans="14:14">
      <c r="N270652" s="10"/>
    </row>
    <row r="270653" spans="14:14">
      <c r="N270653" s="10"/>
    </row>
    <row r="270654" spans="14:14">
      <c r="N270654" s="10"/>
    </row>
    <row r="270655" spans="14:14">
      <c r="N270655" s="10"/>
    </row>
    <row r="270656" spans="14:14">
      <c r="N270656" s="10"/>
    </row>
    <row r="270657" spans="14:14">
      <c r="N270657" s="10"/>
    </row>
    <row r="270658" spans="14:14">
      <c r="N270658" s="10"/>
    </row>
    <row r="270659" spans="14:14">
      <c r="N270659" s="10"/>
    </row>
    <row r="270660" spans="14:14">
      <c r="N270660" s="10"/>
    </row>
    <row r="270661" spans="14:14">
      <c r="N270661" s="10"/>
    </row>
    <row r="270662" spans="14:14">
      <c r="N270662" s="10"/>
    </row>
    <row r="270663" spans="14:14">
      <c r="N270663" s="10"/>
    </row>
    <row r="270664" spans="14:14">
      <c r="N270664" s="10"/>
    </row>
    <row r="270665" spans="14:14">
      <c r="N270665" s="10"/>
    </row>
    <row r="270666" spans="14:14">
      <c r="N270666" s="10"/>
    </row>
    <row r="270667" spans="14:14">
      <c r="N270667" s="10"/>
    </row>
    <row r="270668" spans="14:14">
      <c r="N270668" s="10"/>
    </row>
    <row r="270669" spans="14:14">
      <c r="N270669" s="10"/>
    </row>
    <row r="270670" spans="14:14">
      <c r="N270670" s="10"/>
    </row>
    <row r="270671" spans="14:14">
      <c r="N270671" s="10"/>
    </row>
    <row r="270672" spans="14:14">
      <c r="N270672" s="10"/>
    </row>
    <row r="270673" spans="14:14">
      <c r="N270673" s="10"/>
    </row>
    <row r="270674" spans="14:14">
      <c r="N270674" s="10"/>
    </row>
    <row r="270675" spans="14:14">
      <c r="N270675" s="10"/>
    </row>
    <row r="270676" spans="14:14">
      <c r="N270676" s="10"/>
    </row>
    <row r="270677" spans="14:14">
      <c r="N270677" s="10"/>
    </row>
    <row r="270678" spans="14:14">
      <c r="N270678" s="10"/>
    </row>
    <row r="270679" spans="14:14">
      <c r="N270679" s="10"/>
    </row>
    <row r="270680" spans="14:14">
      <c r="N270680" s="10"/>
    </row>
    <row r="270681" spans="14:14">
      <c r="N270681" s="10"/>
    </row>
    <row r="270682" spans="14:14">
      <c r="N270682" s="10"/>
    </row>
    <row r="270683" spans="14:14">
      <c r="N270683" s="10"/>
    </row>
    <row r="270684" spans="14:14">
      <c r="N270684" s="10"/>
    </row>
    <row r="270685" spans="14:14">
      <c r="N270685" s="10"/>
    </row>
    <row r="270686" spans="14:14">
      <c r="N270686" s="10"/>
    </row>
    <row r="270687" spans="14:14">
      <c r="N270687" s="10"/>
    </row>
    <row r="270688" spans="14:14">
      <c r="N270688" s="10"/>
    </row>
    <row r="270689" spans="14:14">
      <c r="N270689" s="10"/>
    </row>
    <row r="270690" spans="14:14">
      <c r="N270690" s="10"/>
    </row>
    <row r="270691" spans="14:14">
      <c r="N270691" s="10"/>
    </row>
    <row r="270692" spans="14:14">
      <c r="N270692" s="10"/>
    </row>
    <row r="270693" spans="14:14">
      <c r="N270693" s="10"/>
    </row>
    <row r="270694" spans="14:14">
      <c r="N270694" s="10"/>
    </row>
    <row r="270695" spans="14:14">
      <c r="N270695" s="10"/>
    </row>
    <row r="270696" spans="14:14">
      <c r="N270696" s="10"/>
    </row>
    <row r="270697" spans="14:14">
      <c r="N270697" s="10"/>
    </row>
    <row r="270698" spans="14:14">
      <c r="N270698" s="10"/>
    </row>
    <row r="270699" spans="14:14">
      <c r="N270699" s="10"/>
    </row>
    <row r="270700" spans="14:14">
      <c r="N270700" s="10"/>
    </row>
    <row r="270701" spans="14:14">
      <c r="N270701" s="10"/>
    </row>
    <row r="270702" spans="14:14">
      <c r="N270702" s="10"/>
    </row>
    <row r="270703" spans="14:14">
      <c r="N270703" s="10"/>
    </row>
    <row r="270704" spans="14:14">
      <c r="N270704" s="10"/>
    </row>
    <row r="270705" spans="14:14">
      <c r="N270705" s="10"/>
    </row>
    <row r="270706" spans="14:14">
      <c r="N270706" s="10"/>
    </row>
    <row r="270707" spans="14:14">
      <c r="N270707" s="10"/>
    </row>
    <row r="270708" spans="14:14">
      <c r="N270708" s="10"/>
    </row>
    <row r="270709" spans="14:14">
      <c r="N270709" s="10"/>
    </row>
    <row r="270710" spans="14:14">
      <c r="N270710" s="10"/>
    </row>
    <row r="270711" spans="14:14">
      <c r="N270711" s="10"/>
    </row>
    <row r="270712" spans="14:14">
      <c r="N270712" s="10"/>
    </row>
    <row r="270713" spans="14:14">
      <c r="N270713" s="10"/>
    </row>
    <row r="270714" spans="14:14">
      <c r="N270714" s="10"/>
    </row>
    <row r="270715" spans="14:14">
      <c r="N270715" s="10"/>
    </row>
    <row r="270716" spans="14:14">
      <c r="N270716" s="10"/>
    </row>
    <row r="270717" spans="14:14">
      <c r="N270717" s="10"/>
    </row>
    <row r="270718" spans="14:14">
      <c r="N270718" s="10"/>
    </row>
    <row r="270719" spans="14:14">
      <c r="N270719" s="10"/>
    </row>
    <row r="270720" spans="14:14">
      <c r="N270720" s="10"/>
    </row>
    <row r="270721" spans="14:14">
      <c r="N270721" s="10"/>
    </row>
    <row r="270722" spans="14:14">
      <c r="N270722" s="10"/>
    </row>
    <row r="270723" spans="14:14">
      <c r="N270723" s="10"/>
    </row>
    <row r="270724" spans="14:14">
      <c r="N270724" s="10"/>
    </row>
    <row r="270725" spans="14:14">
      <c r="N270725" s="10"/>
    </row>
    <row r="270726" spans="14:14">
      <c r="N270726" s="10"/>
    </row>
    <row r="270727" spans="14:14">
      <c r="N270727" s="10"/>
    </row>
    <row r="270728" spans="14:14">
      <c r="N270728" s="10"/>
    </row>
    <row r="270729" spans="14:14">
      <c r="N270729" s="10"/>
    </row>
    <row r="270730" spans="14:14">
      <c r="N270730" s="10"/>
    </row>
    <row r="270731" spans="14:14">
      <c r="N270731" s="10"/>
    </row>
    <row r="270732" spans="14:14">
      <c r="N270732" s="10"/>
    </row>
    <row r="270733" spans="14:14">
      <c r="N270733" s="10"/>
    </row>
    <row r="270734" spans="14:14">
      <c r="N270734" s="10"/>
    </row>
    <row r="270735" spans="14:14">
      <c r="N270735" s="10"/>
    </row>
    <row r="270736" spans="14:14">
      <c r="N270736" s="10"/>
    </row>
    <row r="270737" spans="14:14">
      <c r="N270737" s="10"/>
    </row>
    <row r="270738" spans="14:14">
      <c r="N270738" s="10"/>
    </row>
    <row r="270739" spans="14:14">
      <c r="N270739" s="10"/>
    </row>
    <row r="270740" spans="14:14">
      <c r="N270740" s="10"/>
    </row>
    <row r="270741" spans="14:14">
      <c r="N270741" s="10"/>
    </row>
    <row r="270742" spans="14:14">
      <c r="N270742" s="10"/>
    </row>
    <row r="270743" spans="14:14">
      <c r="N270743" s="10"/>
    </row>
    <row r="270744" spans="14:14">
      <c r="N270744" s="10"/>
    </row>
    <row r="270745" spans="14:14">
      <c r="N270745" s="10"/>
    </row>
    <row r="270746" spans="14:14">
      <c r="N270746" s="10"/>
    </row>
    <row r="270747" spans="14:14">
      <c r="N270747" s="10"/>
    </row>
    <row r="270748" spans="14:14">
      <c r="N270748" s="10"/>
    </row>
    <row r="270749" spans="14:14">
      <c r="N270749" s="10"/>
    </row>
    <row r="270750" spans="14:14">
      <c r="N270750" s="10"/>
    </row>
    <row r="270751" spans="14:14">
      <c r="N270751" s="10"/>
    </row>
    <row r="270752" spans="14:14">
      <c r="N270752" s="10"/>
    </row>
    <row r="270753" spans="14:14">
      <c r="N270753" s="10"/>
    </row>
    <row r="270754" spans="14:14">
      <c r="N270754" s="10"/>
    </row>
    <row r="270755" spans="14:14">
      <c r="N270755" s="10"/>
    </row>
    <row r="270756" spans="14:14">
      <c r="N270756" s="10"/>
    </row>
    <row r="270757" spans="14:14">
      <c r="N270757" s="10"/>
    </row>
    <row r="270758" spans="14:14">
      <c r="N270758" s="10"/>
    </row>
    <row r="270759" spans="14:14">
      <c r="N270759" s="10"/>
    </row>
    <row r="270760" spans="14:14">
      <c r="N270760" s="10"/>
    </row>
    <row r="270761" spans="14:14">
      <c r="N270761" s="10"/>
    </row>
    <row r="270762" spans="14:14">
      <c r="N270762" s="10"/>
    </row>
    <row r="270763" spans="14:14">
      <c r="N270763" s="10"/>
    </row>
    <row r="270764" spans="14:14">
      <c r="N270764" s="10"/>
    </row>
    <row r="270765" spans="14:14">
      <c r="N270765" s="10"/>
    </row>
    <row r="270766" spans="14:14">
      <c r="N270766" s="10"/>
    </row>
    <row r="270767" spans="14:14">
      <c r="N270767" s="10"/>
    </row>
    <row r="270768" spans="14:14">
      <c r="N270768" s="10"/>
    </row>
    <row r="270769" spans="14:14">
      <c r="N270769" s="10"/>
    </row>
    <row r="270770" spans="14:14">
      <c r="N270770" s="10"/>
    </row>
    <row r="270771" spans="14:14">
      <c r="N270771" s="10"/>
    </row>
    <row r="270772" spans="14:14">
      <c r="N270772" s="10"/>
    </row>
    <row r="270773" spans="14:14">
      <c r="N270773" s="10"/>
    </row>
    <row r="270774" spans="14:14">
      <c r="N270774" s="10"/>
    </row>
    <row r="270775" spans="14:14">
      <c r="N270775" s="10"/>
    </row>
    <row r="270776" spans="14:14">
      <c r="N270776" s="10"/>
    </row>
    <row r="270777" spans="14:14">
      <c r="N270777" s="10"/>
    </row>
    <row r="270778" spans="14:14">
      <c r="N270778" s="10"/>
    </row>
    <row r="270779" spans="14:14">
      <c r="N270779" s="10"/>
    </row>
    <row r="270780" spans="14:14">
      <c r="N270780" s="10"/>
    </row>
    <row r="270781" spans="14:14">
      <c r="N270781" s="10"/>
    </row>
    <row r="270782" spans="14:14">
      <c r="N270782" s="10"/>
    </row>
    <row r="270783" spans="14:14">
      <c r="N270783" s="10"/>
    </row>
    <row r="270784" spans="14:14">
      <c r="N270784" s="10"/>
    </row>
    <row r="270785" spans="14:14">
      <c r="N270785" s="10"/>
    </row>
    <row r="270786" spans="14:14">
      <c r="N270786" s="10"/>
    </row>
    <row r="270787" spans="14:14">
      <c r="N270787" s="10"/>
    </row>
    <row r="270788" spans="14:14">
      <c r="N270788" s="10"/>
    </row>
    <row r="270789" spans="14:14">
      <c r="N270789" s="10"/>
    </row>
    <row r="270790" spans="14:14">
      <c r="N270790" s="10"/>
    </row>
    <row r="270791" spans="14:14">
      <c r="N270791" s="10"/>
    </row>
    <row r="270792" spans="14:14">
      <c r="N270792" s="10"/>
    </row>
    <row r="270793" spans="14:14">
      <c r="N270793" s="10"/>
    </row>
    <row r="270794" spans="14:14">
      <c r="N270794" s="10"/>
    </row>
    <row r="270795" spans="14:14">
      <c r="N270795" s="10"/>
    </row>
    <row r="270796" spans="14:14">
      <c r="N270796" s="10"/>
    </row>
    <row r="270797" spans="14:14">
      <c r="N270797" s="10"/>
    </row>
    <row r="270798" spans="14:14">
      <c r="N270798" s="10"/>
    </row>
    <row r="270799" spans="14:14">
      <c r="N270799" s="10"/>
    </row>
    <row r="270800" spans="14:14">
      <c r="N270800" s="10"/>
    </row>
    <row r="270801" spans="14:14">
      <c r="N270801" s="10"/>
    </row>
    <row r="270802" spans="14:14">
      <c r="N270802" s="10"/>
    </row>
    <row r="270803" spans="14:14">
      <c r="N270803" s="10"/>
    </row>
    <row r="270804" spans="14:14">
      <c r="N270804" s="10"/>
    </row>
    <row r="270805" spans="14:14">
      <c r="N270805" s="10"/>
    </row>
    <row r="270806" spans="14:14">
      <c r="N270806" s="10"/>
    </row>
    <row r="270807" spans="14:14">
      <c r="N270807" s="10"/>
    </row>
    <row r="270808" spans="14:14">
      <c r="N270808" s="10"/>
    </row>
    <row r="270809" spans="14:14">
      <c r="N270809" s="10"/>
    </row>
    <row r="270810" spans="14:14">
      <c r="N270810" s="10"/>
    </row>
    <row r="270811" spans="14:14">
      <c r="N270811" s="10"/>
    </row>
    <row r="270812" spans="14:14">
      <c r="N270812" s="10"/>
    </row>
    <row r="270813" spans="14:14">
      <c r="N270813" s="10"/>
    </row>
    <row r="270814" spans="14:14">
      <c r="N270814" s="10"/>
    </row>
    <row r="270815" spans="14:14">
      <c r="N270815" s="10"/>
    </row>
    <row r="270816" spans="14:14">
      <c r="N270816" s="10"/>
    </row>
    <row r="270817" spans="14:14">
      <c r="N270817" s="10"/>
    </row>
    <row r="270818" spans="14:14">
      <c r="N270818" s="10"/>
    </row>
    <row r="270819" spans="14:14">
      <c r="N270819" s="10"/>
    </row>
    <row r="270820" spans="14:14">
      <c r="N270820" s="10"/>
    </row>
    <row r="270821" spans="14:14">
      <c r="N270821" s="10"/>
    </row>
    <row r="270822" spans="14:14">
      <c r="N270822" s="10"/>
    </row>
    <row r="270823" spans="14:14">
      <c r="N270823" s="10"/>
    </row>
    <row r="270824" spans="14:14">
      <c r="N270824" s="10"/>
    </row>
    <row r="270825" spans="14:14">
      <c r="N270825" s="10"/>
    </row>
    <row r="270826" spans="14:14">
      <c r="N270826" s="10"/>
    </row>
    <row r="270827" spans="14:14">
      <c r="N270827" s="10"/>
    </row>
    <row r="270828" spans="14:14">
      <c r="N270828" s="10"/>
    </row>
    <row r="270829" spans="14:14">
      <c r="N270829" s="10"/>
    </row>
    <row r="270830" spans="14:14">
      <c r="N270830" s="10"/>
    </row>
    <row r="270831" spans="14:14">
      <c r="N270831" s="10"/>
    </row>
    <row r="270832" spans="14:14">
      <c r="N270832" s="10"/>
    </row>
    <row r="270833" spans="14:14">
      <c r="N270833" s="10"/>
    </row>
    <row r="270834" spans="14:14">
      <c r="N270834" s="10"/>
    </row>
    <row r="270835" spans="14:14">
      <c r="N270835" s="10"/>
    </row>
    <row r="270836" spans="14:14">
      <c r="N270836" s="10"/>
    </row>
    <row r="270837" spans="14:14">
      <c r="N270837" s="10"/>
    </row>
    <row r="270838" spans="14:14">
      <c r="N270838" s="10"/>
    </row>
    <row r="270839" spans="14:14">
      <c r="N270839" s="10"/>
    </row>
    <row r="270840" spans="14:14">
      <c r="N270840" s="10"/>
    </row>
    <row r="270841" spans="14:14">
      <c r="N270841" s="10"/>
    </row>
    <row r="270842" spans="14:14">
      <c r="N270842" s="10"/>
    </row>
    <row r="270843" spans="14:14">
      <c r="N270843" s="10"/>
    </row>
    <row r="270844" spans="14:14">
      <c r="N270844" s="10"/>
    </row>
    <row r="270845" spans="14:14">
      <c r="N270845" s="10"/>
    </row>
    <row r="270846" spans="14:14">
      <c r="N270846" s="10"/>
    </row>
    <row r="270847" spans="14:14">
      <c r="N270847" s="10"/>
    </row>
    <row r="270848" spans="14:14">
      <c r="N270848" s="10"/>
    </row>
    <row r="270849" spans="14:14">
      <c r="N270849" s="10"/>
    </row>
    <row r="270850" spans="14:14">
      <c r="N270850" s="10"/>
    </row>
    <row r="270851" spans="14:14">
      <c r="N270851" s="10"/>
    </row>
    <row r="270852" spans="14:14">
      <c r="N270852" s="10"/>
    </row>
    <row r="270853" spans="14:14">
      <c r="N270853" s="10"/>
    </row>
    <row r="270854" spans="14:14">
      <c r="N270854" s="10"/>
    </row>
    <row r="270855" spans="14:14">
      <c r="N270855" s="10"/>
    </row>
    <row r="270856" spans="14:14">
      <c r="N270856" s="10"/>
    </row>
    <row r="270857" spans="14:14">
      <c r="N270857" s="10"/>
    </row>
    <row r="270858" spans="14:14">
      <c r="N270858" s="10"/>
    </row>
    <row r="270859" spans="14:14">
      <c r="N270859" s="10"/>
    </row>
    <row r="270860" spans="14:14">
      <c r="N270860" s="10"/>
    </row>
    <row r="270861" spans="14:14">
      <c r="N270861" s="10"/>
    </row>
    <row r="270862" spans="14:14">
      <c r="N270862" s="10"/>
    </row>
    <row r="270863" spans="14:14">
      <c r="N270863" s="10"/>
    </row>
    <row r="270864" spans="14:14">
      <c r="N270864" s="10"/>
    </row>
    <row r="270865" spans="14:14">
      <c r="N270865" s="10"/>
    </row>
    <row r="270866" spans="14:14">
      <c r="N270866" s="10"/>
    </row>
    <row r="270867" spans="14:14">
      <c r="N270867" s="10"/>
    </row>
    <row r="270868" spans="14:14">
      <c r="N270868" s="10"/>
    </row>
    <row r="270869" spans="14:14">
      <c r="N270869" s="10"/>
    </row>
    <row r="270870" spans="14:14">
      <c r="N270870" s="10"/>
    </row>
    <row r="270871" spans="14:14">
      <c r="N270871" s="10"/>
    </row>
    <row r="270872" spans="14:14">
      <c r="N270872" s="10"/>
    </row>
    <row r="270873" spans="14:14">
      <c r="N270873" s="10"/>
    </row>
    <row r="270874" spans="14:14">
      <c r="N270874" s="10"/>
    </row>
    <row r="270875" spans="14:14">
      <c r="N270875" s="10"/>
    </row>
    <row r="270876" spans="14:14">
      <c r="N270876" s="10"/>
    </row>
    <row r="270877" spans="14:14">
      <c r="N270877" s="10"/>
    </row>
    <row r="270878" spans="14:14">
      <c r="N270878" s="10"/>
    </row>
    <row r="270879" spans="14:14">
      <c r="N270879" s="10"/>
    </row>
    <row r="270880" spans="14:14">
      <c r="N270880" s="10"/>
    </row>
    <row r="270881" spans="14:14">
      <c r="N270881" s="10"/>
    </row>
    <row r="270882" spans="14:14">
      <c r="N270882" s="10"/>
    </row>
    <row r="270883" spans="14:14">
      <c r="N270883" s="10"/>
    </row>
    <row r="270884" spans="14:14">
      <c r="N270884" s="10"/>
    </row>
    <row r="270885" spans="14:14">
      <c r="N270885" s="10"/>
    </row>
    <row r="270886" spans="14:14">
      <c r="N270886" s="10"/>
    </row>
    <row r="270887" spans="14:14">
      <c r="N270887" s="10"/>
    </row>
    <row r="270888" spans="14:14">
      <c r="N270888" s="10"/>
    </row>
    <row r="270889" spans="14:14">
      <c r="N270889" s="10"/>
    </row>
    <row r="270890" spans="14:14">
      <c r="N270890" s="10"/>
    </row>
    <row r="270891" spans="14:14">
      <c r="N270891" s="10"/>
    </row>
    <row r="270892" spans="14:14">
      <c r="N270892" s="10"/>
    </row>
    <row r="270893" spans="14:14">
      <c r="N270893" s="10"/>
    </row>
    <row r="270894" spans="14:14">
      <c r="N270894" s="10"/>
    </row>
    <row r="270895" spans="14:14">
      <c r="N270895" s="10"/>
    </row>
    <row r="270896" spans="14:14">
      <c r="N270896" s="10"/>
    </row>
    <row r="270897" spans="14:14">
      <c r="N270897" s="10"/>
    </row>
    <row r="270898" spans="14:14">
      <c r="N270898" s="10"/>
    </row>
    <row r="270899" spans="14:14">
      <c r="N270899" s="10"/>
    </row>
    <row r="270900" spans="14:14">
      <c r="N270900" s="10"/>
    </row>
    <row r="270901" spans="14:14">
      <c r="N270901" s="10"/>
    </row>
    <row r="270902" spans="14:14">
      <c r="N270902" s="10"/>
    </row>
    <row r="270903" spans="14:14">
      <c r="N270903" s="10"/>
    </row>
    <row r="270904" spans="14:14">
      <c r="N270904" s="10"/>
    </row>
    <row r="270905" spans="14:14">
      <c r="N270905" s="10"/>
    </row>
    <row r="270906" spans="14:14">
      <c r="N270906" s="10"/>
    </row>
    <row r="270907" spans="14:14">
      <c r="N270907" s="10"/>
    </row>
    <row r="270908" spans="14:14">
      <c r="N270908" s="10"/>
    </row>
    <row r="270909" spans="14:14">
      <c r="N270909" s="10"/>
    </row>
    <row r="270910" spans="14:14">
      <c r="N270910" s="10"/>
    </row>
    <row r="270911" spans="14:14">
      <c r="N270911" s="10"/>
    </row>
    <row r="270912" spans="14:14">
      <c r="N270912" s="10"/>
    </row>
    <row r="270913" spans="14:14">
      <c r="N270913" s="10"/>
    </row>
    <row r="270914" spans="14:14">
      <c r="N270914" s="10"/>
    </row>
    <row r="270915" spans="14:14">
      <c r="N270915" s="10"/>
    </row>
    <row r="270916" spans="14:14">
      <c r="N270916" s="10"/>
    </row>
    <row r="270917" spans="14:14">
      <c r="N270917" s="10"/>
    </row>
    <row r="270918" spans="14:14">
      <c r="N270918" s="10"/>
    </row>
    <row r="270919" spans="14:14">
      <c r="N270919" s="10"/>
    </row>
    <row r="270920" spans="14:14">
      <c r="N270920" s="10"/>
    </row>
    <row r="270921" spans="14:14">
      <c r="N270921" s="10"/>
    </row>
    <row r="270922" spans="14:14">
      <c r="N270922" s="10"/>
    </row>
    <row r="270923" spans="14:14">
      <c r="N270923" s="10"/>
    </row>
    <row r="270924" spans="14:14">
      <c r="N270924" s="10"/>
    </row>
    <row r="270925" spans="14:14">
      <c r="N270925" s="10"/>
    </row>
    <row r="270926" spans="14:14">
      <c r="N270926" s="10"/>
    </row>
    <row r="270927" spans="14:14">
      <c r="N270927" s="10"/>
    </row>
    <row r="270928" spans="14:14">
      <c r="N270928" s="10"/>
    </row>
    <row r="270929" spans="14:14">
      <c r="N270929" s="10"/>
    </row>
    <row r="270930" spans="14:14">
      <c r="N270930" s="10"/>
    </row>
    <row r="270931" spans="14:14">
      <c r="N270931" s="10"/>
    </row>
    <row r="270932" spans="14:14">
      <c r="N270932" s="10"/>
    </row>
    <row r="270933" spans="14:14">
      <c r="N270933" s="10"/>
    </row>
    <row r="270934" spans="14:14">
      <c r="N270934" s="10"/>
    </row>
    <row r="270935" spans="14:14">
      <c r="N270935" s="10"/>
    </row>
    <row r="270936" spans="14:14">
      <c r="N270936" s="10"/>
    </row>
    <row r="270937" spans="14:14">
      <c r="N270937" s="10"/>
    </row>
    <row r="270938" spans="14:14">
      <c r="N270938" s="10"/>
    </row>
    <row r="270939" spans="14:14">
      <c r="N270939" s="10"/>
    </row>
    <row r="270940" spans="14:14">
      <c r="N270940" s="10"/>
    </row>
    <row r="270941" spans="14:14">
      <c r="N270941" s="10"/>
    </row>
    <row r="270942" spans="14:14">
      <c r="N270942" s="10"/>
    </row>
    <row r="270943" spans="14:14">
      <c r="N270943" s="10"/>
    </row>
    <row r="270944" spans="14:14">
      <c r="N270944" s="10"/>
    </row>
    <row r="270945" spans="14:14">
      <c r="N270945" s="10"/>
    </row>
    <row r="270946" spans="14:14">
      <c r="N270946" s="10"/>
    </row>
    <row r="270947" spans="14:14">
      <c r="N270947" s="10"/>
    </row>
    <row r="270948" spans="14:14">
      <c r="N270948" s="10"/>
    </row>
    <row r="270949" spans="14:14">
      <c r="N270949" s="10"/>
    </row>
    <row r="270950" spans="14:14">
      <c r="N270950" s="10"/>
    </row>
    <row r="270951" spans="14:14">
      <c r="N270951" s="10"/>
    </row>
    <row r="270952" spans="14:14">
      <c r="N270952" s="10"/>
    </row>
    <row r="270953" spans="14:14">
      <c r="N270953" s="10"/>
    </row>
    <row r="270954" spans="14:14">
      <c r="N270954" s="10"/>
    </row>
    <row r="270955" spans="14:14">
      <c r="N270955" s="10"/>
    </row>
    <row r="270956" spans="14:14">
      <c r="N270956" s="10"/>
    </row>
    <row r="270957" spans="14:14">
      <c r="N270957" s="10"/>
    </row>
    <row r="270958" spans="14:14">
      <c r="N270958" s="10"/>
    </row>
    <row r="270959" spans="14:14">
      <c r="N270959" s="10"/>
    </row>
    <row r="270960" spans="14:14">
      <c r="N270960" s="10"/>
    </row>
    <row r="270961" spans="14:14">
      <c r="N270961" s="10"/>
    </row>
    <row r="270962" spans="14:14">
      <c r="N270962" s="10"/>
    </row>
    <row r="270963" spans="14:14">
      <c r="N270963" s="10"/>
    </row>
    <row r="270964" spans="14:14">
      <c r="N270964" s="10"/>
    </row>
    <row r="270965" spans="14:14">
      <c r="N270965" s="10"/>
    </row>
    <row r="270966" spans="14:14">
      <c r="N270966" s="10"/>
    </row>
    <row r="270967" spans="14:14">
      <c r="N270967" s="10"/>
    </row>
    <row r="270968" spans="14:14">
      <c r="N270968" s="10"/>
    </row>
    <row r="270969" spans="14:14">
      <c r="N270969" s="10"/>
    </row>
    <row r="270970" spans="14:14">
      <c r="N270970" s="10"/>
    </row>
    <row r="270971" spans="14:14">
      <c r="N270971" s="10"/>
    </row>
    <row r="270972" spans="14:14">
      <c r="N270972" s="10"/>
    </row>
    <row r="270973" spans="14:14">
      <c r="N270973" s="10"/>
    </row>
    <row r="270974" spans="14:14">
      <c r="N270974" s="10"/>
    </row>
    <row r="270975" spans="14:14">
      <c r="N270975" s="10"/>
    </row>
    <row r="270976" spans="14:14">
      <c r="N270976" s="10"/>
    </row>
    <row r="270977" spans="14:14">
      <c r="N270977" s="10"/>
    </row>
    <row r="270978" spans="14:14">
      <c r="N270978" s="10"/>
    </row>
    <row r="270979" spans="14:14">
      <c r="N270979" s="10"/>
    </row>
    <row r="270980" spans="14:14">
      <c r="N270980" s="10"/>
    </row>
    <row r="270981" spans="14:14">
      <c r="N270981" s="10"/>
    </row>
    <row r="270982" spans="14:14">
      <c r="N270982" s="10"/>
    </row>
    <row r="270983" spans="14:14">
      <c r="N270983" s="10"/>
    </row>
    <row r="270984" spans="14:14">
      <c r="N270984" s="10"/>
    </row>
    <row r="270985" spans="14:14">
      <c r="N270985" s="10"/>
    </row>
    <row r="270986" spans="14:14">
      <c r="N270986" s="10"/>
    </row>
    <row r="270987" spans="14:14">
      <c r="N270987" s="10"/>
    </row>
    <row r="270988" spans="14:14">
      <c r="N270988" s="10"/>
    </row>
    <row r="270989" spans="14:14">
      <c r="N270989" s="10"/>
    </row>
    <row r="270990" spans="14:14">
      <c r="N270990" s="10"/>
    </row>
    <row r="270991" spans="14:14">
      <c r="N270991" s="10"/>
    </row>
    <row r="270992" spans="14:14">
      <c r="N270992" s="10"/>
    </row>
    <row r="270993" spans="14:14">
      <c r="N270993" s="10"/>
    </row>
    <row r="270994" spans="14:14">
      <c r="N270994" s="10"/>
    </row>
    <row r="270995" spans="14:14">
      <c r="N270995" s="10"/>
    </row>
    <row r="270996" spans="14:14">
      <c r="N270996" s="10"/>
    </row>
    <row r="270997" spans="14:14">
      <c r="N270997" s="10"/>
    </row>
    <row r="270998" spans="14:14">
      <c r="N270998" s="10"/>
    </row>
    <row r="270999" spans="14:14">
      <c r="N270999" s="10"/>
    </row>
    <row r="271000" spans="14:14">
      <c r="N271000" s="10"/>
    </row>
    <row r="271001" spans="14:14">
      <c r="N271001" s="10"/>
    </row>
    <row r="271002" spans="14:14">
      <c r="N271002" s="10"/>
    </row>
    <row r="271003" spans="14:14">
      <c r="N271003" s="10"/>
    </row>
    <row r="271004" spans="14:14">
      <c r="N271004" s="10"/>
    </row>
    <row r="271005" spans="14:14">
      <c r="N271005" s="10"/>
    </row>
    <row r="271006" spans="14:14">
      <c r="N271006" s="10"/>
    </row>
    <row r="271007" spans="14:14">
      <c r="N271007" s="10"/>
    </row>
    <row r="271008" spans="14:14">
      <c r="N271008" s="10"/>
    </row>
    <row r="271009" spans="14:14">
      <c r="N271009" s="10"/>
    </row>
    <row r="271010" spans="14:14">
      <c r="N271010" s="10"/>
    </row>
    <row r="271011" spans="14:14">
      <c r="N271011" s="10"/>
    </row>
    <row r="271012" spans="14:14">
      <c r="N271012" s="10"/>
    </row>
    <row r="271013" spans="14:14">
      <c r="N271013" s="10"/>
    </row>
    <row r="271014" spans="14:14">
      <c r="N271014" s="10"/>
    </row>
    <row r="271015" spans="14:14">
      <c r="N271015" s="10"/>
    </row>
    <row r="271016" spans="14:14">
      <c r="N271016" s="10"/>
    </row>
    <row r="271017" spans="14:14">
      <c r="N271017" s="10"/>
    </row>
    <row r="271018" spans="14:14">
      <c r="N271018" s="10"/>
    </row>
    <row r="271019" spans="14:14">
      <c r="N271019" s="10"/>
    </row>
    <row r="271020" spans="14:14">
      <c r="N271020" s="10"/>
    </row>
    <row r="271021" spans="14:14">
      <c r="N271021" s="10"/>
    </row>
    <row r="271022" spans="14:14">
      <c r="N271022" s="10"/>
    </row>
    <row r="271023" spans="14:14">
      <c r="N271023" s="10"/>
    </row>
    <row r="271024" spans="14:14">
      <c r="N271024" s="10"/>
    </row>
    <row r="271025" spans="14:14">
      <c r="N271025" s="10"/>
    </row>
    <row r="271026" spans="14:14">
      <c r="N271026" s="10"/>
    </row>
    <row r="271027" spans="14:14">
      <c r="N271027" s="10"/>
    </row>
    <row r="271028" spans="14:14">
      <c r="N271028" s="10"/>
    </row>
    <row r="271029" spans="14:14">
      <c r="N271029" s="10"/>
    </row>
    <row r="271030" spans="14:14">
      <c r="N271030" s="10"/>
    </row>
    <row r="271031" spans="14:14">
      <c r="N271031" s="10"/>
    </row>
    <row r="271032" spans="14:14">
      <c r="N271032" s="10"/>
    </row>
    <row r="271033" spans="14:14">
      <c r="N271033" s="10"/>
    </row>
    <row r="271034" spans="14:14">
      <c r="N271034" s="10"/>
    </row>
    <row r="271035" spans="14:14">
      <c r="N271035" s="10"/>
    </row>
    <row r="271036" spans="14:14">
      <c r="N271036" s="10"/>
    </row>
    <row r="271037" spans="14:14">
      <c r="N271037" s="10"/>
    </row>
    <row r="271038" spans="14:14">
      <c r="N271038" s="10"/>
    </row>
    <row r="271039" spans="14:14">
      <c r="N271039" s="10"/>
    </row>
    <row r="271040" spans="14:14">
      <c r="N271040" s="10"/>
    </row>
    <row r="271041" spans="14:14">
      <c r="N271041" s="10"/>
    </row>
    <row r="271042" spans="14:14">
      <c r="N271042" s="10"/>
    </row>
    <row r="271043" spans="14:14">
      <c r="N271043" s="10"/>
    </row>
    <row r="271044" spans="14:14">
      <c r="N271044" s="10"/>
    </row>
    <row r="271045" spans="14:14">
      <c r="N271045" s="10"/>
    </row>
    <row r="271046" spans="14:14">
      <c r="N271046" s="10"/>
    </row>
    <row r="271047" spans="14:14">
      <c r="N271047" s="10"/>
    </row>
    <row r="271048" spans="14:14">
      <c r="N271048" s="10"/>
    </row>
    <row r="271049" spans="14:14">
      <c r="N271049" s="10"/>
    </row>
    <row r="271050" spans="14:14">
      <c r="N271050" s="10"/>
    </row>
    <row r="271051" spans="14:14">
      <c r="N271051" s="10"/>
    </row>
    <row r="271052" spans="14:14">
      <c r="N271052" s="10"/>
    </row>
    <row r="271053" spans="14:14">
      <c r="N271053" s="10"/>
    </row>
    <row r="271054" spans="14:14">
      <c r="N271054" s="10"/>
    </row>
    <row r="271055" spans="14:14">
      <c r="N271055" s="10"/>
    </row>
    <row r="271056" spans="14:14">
      <c r="N271056" s="10"/>
    </row>
    <row r="271057" spans="14:14">
      <c r="N271057" s="10"/>
    </row>
    <row r="271058" spans="14:14">
      <c r="N271058" s="10"/>
    </row>
    <row r="271059" spans="14:14">
      <c r="N271059" s="10"/>
    </row>
    <row r="271060" spans="14:14">
      <c r="N271060" s="10"/>
    </row>
    <row r="271061" spans="14:14">
      <c r="N271061" s="10"/>
    </row>
    <row r="271062" spans="14:14">
      <c r="N271062" s="10"/>
    </row>
    <row r="271063" spans="14:14">
      <c r="N271063" s="10"/>
    </row>
    <row r="271064" spans="14:14">
      <c r="N271064" s="10"/>
    </row>
    <row r="271065" spans="14:14">
      <c r="N271065" s="10"/>
    </row>
    <row r="271066" spans="14:14">
      <c r="N271066" s="10"/>
    </row>
    <row r="271067" spans="14:14">
      <c r="N271067" s="10"/>
    </row>
    <row r="271068" spans="14:14">
      <c r="N271068" s="10"/>
    </row>
    <row r="271069" spans="14:14">
      <c r="N271069" s="10"/>
    </row>
    <row r="271070" spans="14:14">
      <c r="N271070" s="10"/>
    </row>
    <row r="271071" spans="14:14">
      <c r="N271071" s="10"/>
    </row>
    <row r="271072" spans="14:14">
      <c r="N271072" s="10"/>
    </row>
    <row r="271073" spans="14:14">
      <c r="N271073" s="10"/>
    </row>
    <row r="271074" spans="14:14">
      <c r="N271074" s="10"/>
    </row>
    <row r="271075" spans="14:14">
      <c r="N271075" s="10"/>
    </row>
    <row r="271076" spans="14:14">
      <c r="N271076" s="10"/>
    </row>
    <row r="271077" spans="14:14">
      <c r="N271077" s="10"/>
    </row>
    <row r="271078" spans="14:14">
      <c r="N271078" s="10"/>
    </row>
    <row r="271079" spans="14:14">
      <c r="N271079" s="10"/>
    </row>
    <row r="271080" spans="14:14">
      <c r="N271080" s="10"/>
    </row>
    <row r="271081" spans="14:14">
      <c r="N271081" s="10"/>
    </row>
    <row r="271082" spans="14:14">
      <c r="N271082" s="10"/>
    </row>
    <row r="271083" spans="14:14">
      <c r="N271083" s="10"/>
    </row>
    <row r="271084" spans="14:14">
      <c r="N271084" s="10"/>
    </row>
    <row r="271085" spans="14:14">
      <c r="N271085" s="10"/>
    </row>
    <row r="271086" spans="14:14">
      <c r="N271086" s="10"/>
    </row>
    <row r="271087" spans="14:14">
      <c r="N271087" s="10"/>
    </row>
    <row r="271088" spans="14:14">
      <c r="N271088" s="10"/>
    </row>
    <row r="271089" spans="14:14">
      <c r="N271089" s="10"/>
    </row>
    <row r="271090" spans="14:14">
      <c r="N271090" s="10"/>
    </row>
    <row r="271091" spans="14:14">
      <c r="N271091" s="10"/>
    </row>
    <row r="271092" spans="14:14">
      <c r="N271092" s="10"/>
    </row>
    <row r="271093" spans="14:14">
      <c r="N271093" s="10"/>
    </row>
    <row r="271094" spans="14:14">
      <c r="N271094" s="10"/>
    </row>
    <row r="271095" spans="14:14">
      <c r="N271095" s="10"/>
    </row>
    <row r="271096" spans="14:14">
      <c r="N271096" s="10"/>
    </row>
    <row r="271097" spans="14:14">
      <c r="N271097" s="10"/>
    </row>
    <row r="271098" spans="14:14">
      <c r="N271098" s="10"/>
    </row>
    <row r="271099" spans="14:14">
      <c r="N271099" s="10"/>
    </row>
    <row r="271100" spans="14:14">
      <c r="N271100" s="10"/>
    </row>
    <row r="271101" spans="14:14">
      <c r="N271101" s="10"/>
    </row>
    <row r="271102" spans="14:14">
      <c r="N271102" s="10"/>
    </row>
    <row r="271103" spans="14:14">
      <c r="N271103" s="10"/>
    </row>
    <row r="271104" spans="14:14">
      <c r="N271104" s="10"/>
    </row>
    <row r="271105" spans="14:14">
      <c r="N271105" s="10"/>
    </row>
    <row r="271106" spans="14:14">
      <c r="N271106" s="10"/>
    </row>
    <row r="271107" spans="14:14">
      <c r="N271107" s="10"/>
    </row>
    <row r="271108" spans="14:14">
      <c r="N271108" s="10"/>
    </row>
    <row r="271109" spans="14:14">
      <c r="N271109" s="10"/>
    </row>
    <row r="271110" spans="14:14">
      <c r="N271110" s="10"/>
    </row>
    <row r="271111" spans="14:14">
      <c r="N271111" s="10"/>
    </row>
    <row r="271112" spans="14:14">
      <c r="N271112" s="10"/>
    </row>
    <row r="271113" spans="14:14">
      <c r="N271113" s="10"/>
    </row>
    <row r="271114" spans="14:14">
      <c r="N271114" s="10"/>
    </row>
    <row r="271115" spans="14:14">
      <c r="N271115" s="10"/>
    </row>
    <row r="271116" spans="14:14">
      <c r="N271116" s="10"/>
    </row>
    <row r="271117" spans="14:14">
      <c r="N271117" s="10"/>
    </row>
    <row r="271118" spans="14:14">
      <c r="N271118" s="10"/>
    </row>
    <row r="271119" spans="14:14">
      <c r="N271119" s="10"/>
    </row>
    <row r="271120" spans="14:14">
      <c r="N271120" s="10"/>
    </row>
    <row r="271121" spans="14:14">
      <c r="N271121" s="10"/>
    </row>
    <row r="271122" spans="14:14">
      <c r="N271122" s="10"/>
    </row>
    <row r="271123" spans="14:14">
      <c r="N271123" s="10"/>
    </row>
    <row r="271124" spans="14:14">
      <c r="N271124" s="10"/>
    </row>
    <row r="271125" spans="14:14">
      <c r="N271125" s="10"/>
    </row>
    <row r="271126" spans="14:14">
      <c r="N271126" s="10"/>
    </row>
    <row r="271127" spans="14:14">
      <c r="N271127" s="10"/>
    </row>
    <row r="271128" spans="14:14">
      <c r="N271128" s="10"/>
    </row>
    <row r="271129" spans="14:14">
      <c r="N271129" s="10"/>
    </row>
    <row r="271130" spans="14:14">
      <c r="N271130" s="10"/>
    </row>
    <row r="271131" spans="14:14">
      <c r="N271131" s="10"/>
    </row>
    <row r="271132" spans="14:14">
      <c r="N271132" s="10"/>
    </row>
    <row r="271133" spans="14:14">
      <c r="N271133" s="10"/>
    </row>
    <row r="271134" spans="14:14">
      <c r="N271134" s="10"/>
    </row>
    <row r="271135" spans="14:14">
      <c r="N271135" s="10"/>
    </row>
    <row r="271136" spans="14:14">
      <c r="N271136" s="10"/>
    </row>
    <row r="271137" spans="14:14">
      <c r="N271137" s="10"/>
    </row>
    <row r="271138" spans="14:14">
      <c r="N271138" s="10"/>
    </row>
    <row r="271139" spans="14:14">
      <c r="N271139" s="10"/>
    </row>
    <row r="271140" spans="14:14">
      <c r="N271140" s="10"/>
    </row>
    <row r="271141" spans="14:14">
      <c r="N271141" s="10"/>
    </row>
    <row r="271142" spans="14:14">
      <c r="N271142" s="10"/>
    </row>
    <row r="271143" spans="14:14">
      <c r="N271143" s="10"/>
    </row>
    <row r="271144" spans="14:14">
      <c r="N271144" s="10"/>
    </row>
    <row r="271145" spans="14:14">
      <c r="N271145" s="10"/>
    </row>
    <row r="271146" spans="14:14">
      <c r="N271146" s="10"/>
    </row>
    <row r="271147" spans="14:14">
      <c r="N271147" s="10"/>
    </row>
    <row r="271148" spans="14:14">
      <c r="N271148" s="10"/>
    </row>
    <row r="271149" spans="14:14">
      <c r="N271149" s="10"/>
    </row>
    <row r="271150" spans="14:14">
      <c r="N271150" s="10"/>
    </row>
    <row r="271151" spans="14:14">
      <c r="N271151" s="10"/>
    </row>
    <row r="271152" spans="14:14">
      <c r="N271152" s="10"/>
    </row>
    <row r="271153" spans="14:14">
      <c r="N271153" s="10"/>
    </row>
    <row r="271154" spans="14:14">
      <c r="N271154" s="10"/>
    </row>
    <row r="271155" spans="14:14">
      <c r="N271155" s="10"/>
    </row>
    <row r="271156" spans="14:14">
      <c r="N271156" s="10"/>
    </row>
    <row r="271157" spans="14:14">
      <c r="N271157" s="10"/>
    </row>
    <row r="271158" spans="14:14">
      <c r="N271158" s="10"/>
    </row>
    <row r="271159" spans="14:14">
      <c r="N271159" s="10"/>
    </row>
    <row r="271160" spans="14:14">
      <c r="N271160" s="10"/>
    </row>
    <row r="271161" spans="14:14">
      <c r="N271161" s="10"/>
    </row>
    <row r="271162" spans="14:14">
      <c r="N271162" s="10"/>
    </row>
    <row r="271163" spans="14:14">
      <c r="N271163" s="10"/>
    </row>
    <row r="271164" spans="14:14">
      <c r="N271164" s="10"/>
    </row>
    <row r="271165" spans="14:14">
      <c r="N271165" s="10"/>
    </row>
    <row r="271166" spans="14:14">
      <c r="N271166" s="10"/>
    </row>
    <row r="271167" spans="14:14">
      <c r="N271167" s="10"/>
    </row>
    <row r="271168" spans="14:14">
      <c r="N271168" s="10"/>
    </row>
    <row r="271169" spans="14:14">
      <c r="N271169" s="10"/>
    </row>
    <row r="271170" spans="14:14">
      <c r="N271170" s="10"/>
    </row>
    <row r="271171" spans="14:14">
      <c r="N271171" s="10"/>
    </row>
    <row r="271172" spans="14:14">
      <c r="N271172" s="10"/>
    </row>
    <row r="271173" spans="14:14">
      <c r="N271173" s="10"/>
    </row>
    <row r="271174" spans="14:14">
      <c r="N271174" s="10"/>
    </row>
    <row r="271175" spans="14:14">
      <c r="N271175" s="10"/>
    </row>
    <row r="271176" spans="14:14">
      <c r="N271176" s="10"/>
    </row>
    <row r="271177" spans="14:14">
      <c r="N271177" s="10"/>
    </row>
    <row r="271178" spans="14:14">
      <c r="N271178" s="10"/>
    </row>
    <row r="271179" spans="14:14">
      <c r="N271179" s="10"/>
    </row>
    <row r="271180" spans="14:14">
      <c r="N271180" s="10"/>
    </row>
    <row r="271181" spans="14:14">
      <c r="N271181" s="10"/>
    </row>
    <row r="271182" spans="14:14">
      <c r="N271182" s="10"/>
    </row>
    <row r="271183" spans="14:14">
      <c r="N271183" s="10"/>
    </row>
    <row r="271184" spans="14:14">
      <c r="N271184" s="10"/>
    </row>
    <row r="271185" spans="14:14">
      <c r="N271185" s="10"/>
    </row>
    <row r="271186" spans="14:14">
      <c r="N271186" s="10"/>
    </row>
    <row r="271187" spans="14:14">
      <c r="N271187" s="10"/>
    </row>
    <row r="271188" spans="14:14">
      <c r="N271188" s="10"/>
    </row>
    <row r="271189" spans="14:14">
      <c r="N271189" s="10"/>
    </row>
    <row r="271190" spans="14:14">
      <c r="N271190" s="10"/>
    </row>
    <row r="271191" spans="14:14">
      <c r="N271191" s="10"/>
    </row>
    <row r="271192" spans="14:14">
      <c r="N271192" s="10"/>
    </row>
    <row r="271193" spans="14:14">
      <c r="N271193" s="10"/>
    </row>
    <row r="271194" spans="14:14">
      <c r="N271194" s="10"/>
    </row>
    <row r="271195" spans="14:14">
      <c r="N271195" s="10"/>
    </row>
    <row r="271196" spans="14:14">
      <c r="N271196" s="10"/>
    </row>
    <row r="271197" spans="14:14">
      <c r="N271197" s="10"/>
    </row>
    <row r="271198" spans="14:14">
      <c r="N271198" s="10"/>
    </row>
    <row r="271199" spans="14:14">
      <c r="N271199" s="10"/>
    </row>
    <row r="271200" spans="14:14">
      <c r="N271200" s="10"/>
    </row>
    <row r="271201" spans="14:14">
      <c r="N271201" s="10"/>
    </row>
    <row r="271202" spans="14:14">
      <c r="N271202" s="10"/>
    </row>
    <row r="271203" spans="14:14">
      <c r="N271203" s="10"/>
    </row>
    <row r="271204" spans="14:14">
      <c r="N271204" s="10"/>
    </row>
    <row r="271205" spans="14:14">
      <c r="N271205" s="10"/>
    </row>
    <row r="271206" spans="14:14">
      <c r="N271206" s="10"/>
    </row>
    <row r="271207" spans="14:14">
      <c r="N271207" s="10"/>
    </row>
    <row r="271208" spans="14:14">
      <c r="N271208" s="10"/>
    </row>
    <row r="271209" spans="14:14">
      <c r="N271209" s="10"/>
    </row>
    <row r="271210" spans="14:14">
      <c r="N271210" s="10"/>
    </row>
    <row r="271211" spans="14:14">
      <c r="N271211" s="10"/>
    </row>
    <row r="271212" spans="14:14">
      <c r="N271212" s="10"/>
    </row>
    <row r="271213" spans="14:14">
      <c r="N271213" s="10"/>
    </row>
    <row r="271214" spans="14:14">
      <c r="N271214" s="10"/>
    </row>
    <row r="271215" spans="14:14">
      <c r="N271215" s="10"/>
    </row>
    <row r="271216" spans="14:14">
      <c r="N271216" s="10"/>
    </row>
    <row r="271217" spans="14:14">
      <c r="N271217" s="10"/>
    </row>
    <row r="271218" spans="14:14">
      <c r="N271218" s="10"/>
    </row>
    <row r="271219" spans="14:14">
      <c r="N271219" s="10"/>
    </row>
    <row r="271220" spans="14:14">
      <c r="N271220" s="10"/>
    </row>
    <row r="271221" spans="14:14">
      <c r="N271221" s="10"/>
    </row>
    <row r="271222" spans="14:14">
      <c r="N271222" s="10"/>
    </row>
    <row r="271223" spans="14:14">
      <c r="N271223" s="10"/>
    </row>
    <row r="271224" spans="14:14">
      <c r="N271224" s="10"/>
    </row>
    <row r="271225" spans="14:14">
      <c r="N271225" s="10"/>
    </row>
    <row r="271226" spans="14:14">
      <c r="N271226" s="10"/>
    </row>
    <row r="271227" spans="14:14">
      <c r="N271227" s="10"/>
    </row>
    <row r="271228" spans="14:14">
      <c r="N271228" s="10"/>
    </row>
    <row r="271229" spans="14:14">
      <c r="N271229" s="10"/>
    </row>
    <row r="271230" spans="14:14">
      <c r="N271230" s="10"/>
    </row>
    <row r="271231" spans="14:14">
      <c r="N271231" s="10"/>
    </row>
    <row r="271232" spans="14:14">
      <c r="N271232" s="10"/>
    </row>
    <row r="271233" spans="14:14">
      <c r="N271233" s="10"/>
    </row>
    <row r="271234" spans="14:14">
      <c r="N271234" s="10"/>
    </row>
    <row r="271235" spans="14:14">
      <c r="N271235" s="10"/>
    </row>
    <row r="271236" spans="14:14">
      <c r="N271236" s="10"/>
    </row>
    <row r="271237" spans="14:14">
      <c r="N271237" s="10"/>
    </row>
    <row r="271238" spans="14:14">
      <c r="N271238" s="10"/>
    </row>
    <row r="271239" spans="14:14">
      <c r="N271239" s="10"/>
    </row>
    <row r="271240" spans="14:14">
      <c r="N271240" s="10"/>
    </row>
    <row r="271241" spans="14:14">
      <c r="N271241" s="10"/>
    </row>
    <row r="271242" spans="14:14">
      <c r="N271242" s="10"/>
    </row>
    <row r="271243" spans="14:14">
      <c r="N271243" s="10"/>
    </row>
    <row r="271244" spans="14:14">
      <c r="N271244" s="10"/>
    </row>
    <row r="271245" spans="14:14">
      <c r="N271245" s="10"/>
    </row>
    <row r="271246" spans="14:14">
      <c r="N271246" s="10"/>
    </row>
    <row r="271247" spans="14:14">
      <c r="N271247" s="10"/>
    </row>
    <row r="271248" spans="14:14">
      <c r="N271248" s="10"/>
    </row>
    <row r="271249" spans="14:14">
      <c r="N271249" s="10"/>
    </row>
    <row r="271250" spans="14:14">
      <c r="N271250" s="10"/>
    </row>
    <row r="271251" spans="14:14">
      <c r="N271251" s="10"/>
    </row>
    <row r="271252" spans="14:14">
      <c r="N271252" s="10"/>
    </row>
    <row r="271253" spans="14:14">
      <c r="N271253" s="10"/>
    </row>
    <row r="271254" spans="14:14">
      <c r="N271254" s="10"/>
    </row>
    <row r="271255" spans="14:14">
      <c r="N271255" s="10"/>
    </row>
    <row r="271256" spans="14:14">
      <c r="N271256" s="10"/>
    </row>
    <row r="271257" spans="14:14">
      <c r="N271257" s="10"/>
    </row>
    <row r="271258" spans="14:14">
      <c r="N271258" s="10"/>
    </row>
    <row r="271259" spans="14:14">
      <c r="N271259" s="10"/>
    </row>
    <row r="271260" spans="14:14">
      <c r="N271260" s="10"/>
    </row>
    <row r="271261" spans="14:14">
      <c r="N271261" s="10"/>
    </row>
    <row r="271262" spans="14:14">
      <c r="N271262" s="10"/>
    </row>
    <row r="271263" spans="14:14">
      <c r="N271263" s="10"/>
    </row>
    <row r="271264" spans="14:14">
      <c r="N271264" s="10"/>
    </row>
    <row r="271265" spans="14:14">
      <c r="N271265" s="10"/>
    </row>
    <row r="271266" spans="14:14">
      <c r="N271266" s="10"/>
    </row>
    <row r="271267" spans="14:14">
      <c r="N271267" s="10"/>
    </row>
    <row r="271268" spans="14:14">
      <c r="N271268" s="10"/>
    </row>
    <row r="271269" spans="14:14">
      <c r="N271269" s="10"/>
    </row>
    <row r="271270" spans="14:14">
      <c r="N271270" s="10"/>
    </row>
    <row r="271271" spans="14:14">
      <c r="N271271" s="10"/>
    </row>
    <row r="271272" spans="14:14">
      <c r="N271272" s="10"/>
    </row>
    <row r="271273" spans="14:14">
      <c r="N271273" s="10"/>
    </row>
    <row r="271274" spans="14:14">
      <c r="N271274" s="10"/>
    </row>
    <row r="271275" spans="14:14">
      <c r="N271275" s="10"/>
    </row>
    <row r="271276" spans="14:14">
      <c r="N271276" s="10"/>
    </row>
    <row r="271277" spans="14:14">
      <c r="N271277" s="10"/>
    </row>
    <row r="271278" spans="14:14">
      <c r="N271278" s="10"/>
    </row>
    <row r="271279" spans="14:14">
      <c r="N271279" s="10"/>
    </row>
    <row r="271280" spans="14:14">
      <c r="N271280" s="10"/>
    </row>
    <row r="271281" spans="14:14">
      <c r="N271281" s="10"/>
    </row>
    <row r="271282" spans="14:14">
      <c r="N271282" s="10"/>
    </row>
    <row r="271283" spans="14:14">
      <c r="N271283" s="10"/>
    </row>
    <row r="271284" spans="14:14">
      <c r="N271284" s="10"/>
    </row>
    <row r="271285" spans="14:14">
      <c r="N271285" s="10"/>
    </row>
    <row r="271286" spans="14:14">
      <c r="N271286" s="10"/>
    </row>
    <row r="271287" spans="14:14">
      <c r="N271287" s="10"/>
    </row>
    <row r="271288" spans="14:14">
      <c r="N271288" s="10"/>
    </row>
    <row r="271289" spans="14:14">
      <c r="N271289" s="10"/>
    </row>
    <row r="271290" spans="14:14">
      <c r="N271290" s="10"/>
    </row>
    <row r="271291" spans="14:14">
      <c r="N271291" s="10"/>
    </row>
    <row r="271292" spans="14:14">
      <c r="N271292" s="10"/>
    </row>
    <row r="271293" spans="14:14">
      <c r="N271293" s="10"/>
    </row>
    <row r="271294" spans="14:14">
      <c r="N271294" s="10"/>
    </row>
    <row r="271295" spans="14:14">
      <c r="N271295" s="10"/>
    </row>
    <row r="271296" spans="14:14">
      <c r="N271296" s="10"/>
    </row>
    <row r="271297" spans="14:14">
      <c r="N271297" s="10"/>
    </row>
    <row r="271298" spans="14:14">
      <c r="N271298" s="10"/>
    </row>
    <row r="271299" spans="14:14">
      <c r="N271299" s="10"/>
    </row>
    <row r="271300" spans="14:14">
      <c r="N271300" s="10"/>
    </row>
    <row r="271301" spans="14:14">
      <c r="N271301" s="10"/>
    </row>
    <row r="271302" spans="14:14">
      <c r="N271302" s="10"/>
    </row>
    <row r="271303" spans="14:14">
      <c r="N271303" s="10"/>
    </row>
    <row r="271304" spans="14:14">
      <c r="N271304" s="10"/>
    </row>
    <row r="271305" spans="14:14">
      <c r="N271305" s="10"/>
    </row>
    <row r="271306" spans="14:14">
      <c r="N271306" s="10"/>
    </row>
    <row r="271307" spans="14:14">
      <c r="N271307" s="10"/>
    </row>
    <row r="271308" spans="14:14">
      <c r="N271308" s="10"/>
    </row>
    <row r="271309" spans="14:14">
      <c r="N271309" s="10"/>
    </row>
    <row r="271310" spans="14:14">
      <c r="N271310" s="10"/>
    </row>
    <row r="271311" spans="14:14">
      <c r="N271311" s="10"/>
    </row>
    <row r="271312" spans="14:14">
      <c r="N271312" s="10"/>
    </row>
    <row r="271313" spans="14:14">
      <c r="N271313" s="10"/>
    </row>
    <row r="271314" spans="14:14">
      <c r="N271314" s="10"/>
    </row>
    <row r="271315" spans="14:14">
      <c r="N271315" s="10"/>
    </row>
    <row r="271316" spans="14:14">
      <c r="N271316" s="10"/>
    </row>
    <row r="271317" spans="14:14">
      <c r="N271317" s="10"/>
    </row>
    <row r="271318" spans="14:14">
      <c r="N271318" s="10"/>
    </row>
    <row r="271319" spans="14:14">
      <c r="N271319" s="10"/>
    </row>
    <row r="271320" spans="14:14">
      <c r="N271320" s="10"/>
    </row>
    <row r="271321" spans="14:14">
      <c r="N271321" s="10"/>
    </row>
    <row r="271322" spans="14:14">
      <c r="N271322" s="10"/>
    </row>
    <row r="271323" spans="14:14">
      <c r="N271323" s="10"/>
    </row>
    <row r="271324" spans="14:14">
      <c r="N271324" s="10"/>
    </row>
    <row r="271325" spans="14:14">
      <c r="N271325" s="10"/>
    </row>
    <row r="271326" spans="14:14">
      <c r="N271326" s="10"/>
    </row>
    <row r="271327" spans="14:14">
      <c r="N271327" s="10"/>
    </row>
    <row r="271328" spans="14:14">
      <c r="N271328" s="10"/>
    </row>
    <row r="271329" spans="14:14">
      <c r="N271329" s="10"/>
    </row>
    <row r="271330" spans="14:14">
      <c r="N271330" s="10"/>
    </row>
    <row r="271331" spans="14:14">
      <c r="N271331" s="10"/>
    </row>
    <row r="271332" spans="14:14">
      <c r="N271332" s="10"/>
    </row>
    <row r="271333" spans="14:14">
      <c r="N271333" s="10"/>
    </row>
    <row r="271334" spans="14:14">
      <c r="N271334" s="10"/>
    </row>
    <row r="271335" spans="14:14">
      <c r="N271335" s="10"/>
    </row>
    <row r="271336" spans="14:14">
      <c r="N271336" s="10"/>
    </row>
    <row r="271337" spans="14:14">
      <c r="N271337" s="10"/>
    </row>
    <row r="271338" spans="14:14">
      <c r="N271338" s="10"/>
    </row>
    <row r="271339" spans="14:14">
      <c r="N271339" s="10"/>
    </row>
    <row r="271340" spans="14:14">
      <c r="N271340" s="10"/>
    </row>
    <row r="271341" spans="14:14">
      <c r="N271341" s="10"/>
    </row>
    <row r="271342" spans="14:14">
      <c r="N271342" s="10"/>
    </row>
    <row r="271343" spans="14:14">
      <c r="N271343" s="10"/>
    </row>
    <row r="271344" spans="14:14">
      <c r="N271344" s="10"/>
    </row>
    <row r="271345" spans="14:14">
      <c r="N271345" s="10"/>
    </row>
    <row r="271346" spans="14:14">
      <c r="N271346" s="10"/>
    </row>
    <row r="271347" spans="14:14">
      <c r="N271347" s="10"/>
    </row>
    <row r="271348" spans="14:14">
      <c r="N271348" s="10"/>
    </row>
    <row r="271349" spans="14:14">
      <c r="N271349" s="10"/>
    </row>
    <row r="271350" spans="14:14">
      <c r="N271350" s="10"/>
    </row>
    <row r="271351" spans="14:14">
      <c r="N271351" s="10"/>
    </row>
    <row r="271352" spans="14:14">
      <c r="N271352" s="10"/>
    </row>
    <row r="271353" spans="14:14">
      <c r="N271353" s="10"/>
    </row>
    <row r="271354" spans="14:14">
      <c r="N271354" s="10"/>
    </row>
    <row r="271355" spans="14:14">
      <c r="N271355" s="10"/>
    </row>
    <row r="271356" spans="14:14">
      <c r="N271356" s="10"/>
    </row>
    <row r="271357" spans="14:14">
      <c r="N271357" s="10"/>
    </row>
    <row r="271358" spans="14:14">
      <c r="N271358" s="10"/>
    </row>
    <row r="271359" spans="14:14">
      <c r="N271359" s="10"/>
    </row>
    <row r="271360" spans="14:14">
      <c r="N271360" s="10"/>
    </row>
    <row r="271361" spans="14:14">
      <c r="N271361" s="10"/>
    </row>
    <row r="271362" spans="14:14">
      <c r="N271362" s="10"/>
    </row>
    <row r="271363" spans="14:14">
      <c r="N271363" s="10"/>
    </row>
    <row r="271364" spans="14:14">
      <c r="N271364" s="10"/>
    </row>
    <row r="271365" spans="14:14">
      <c r="N271365" s="10"/>
    </row>
    <row r="271366" spans="14:14">
      <c r="N271366" s="10"/>
    </row>
    <row r="271367" spans="14:14">
      <c r="N271367" s="10"/>
    </row>
    <row r="271368" spans="14:14">
      <c r="N271368" s="10"/>
    </row>
    <row r="271369" spans="14:14">
      <c r="N271369" s="10"/>
    </row>
    <row r="271370" spans="14:14">
      <c r="N271370" s="10"/>
    </row>
    <row r="271371" spans="14:14">
      <c r="N271371" s="10"/>
    </row>
    <row r="271372" spans="14:14">
      <c r="N271372" s="10"/>
    </row>
    <row r="271373" spans="14:14">
      <c r="N271373" s="10"/>
    </row>
    <row r="271374" spans="14:14">
      <c r="N271374" s="10"/>
    </row>
    <row r="271375" spans="14:14">
      <c r="N271375" s="10"/>
    </row>
    <row r="271376" spans="14:14">
      <c r="N271376" s="10"/>
    </row>
    <row r="271377" spans="14:14">
      <c r="N271377" s="10"/>
    </row>
    <row r="271378" spans="14:14">
      <c r="N271378" s="10"/>
    </row>
    <row r="271379" spans="14:14">
      <c r="N271379" s="10"/>
    </row>
    <row r="271380" spans="14:14">
      <c r="N271380" s="10"/>
    </row>
    <row r="271381" spans="14:14">
      <c r="N271381" s="10"/>
    </row>
    <row r="271382" spans="14:14">
      <c r="N271382" s="10"/>
    </row>
    <row r="271383" spans="14:14">
      <c r="N271383" s="10"/>
    </row>
    <row r="271384" spans="14:14">
      <c r="N271384" s="10"/>
    </row>
    <row r="271385" spans="14:14">
      <c r="N271385" s="10"/>
    </row>
    <row r="271386" spans="14:14">
      <c r="N271386" s="10"/>
    </row>
    <row r="271387" spans="14:14">
      <c r="N271387" s="10"/>
    </row>
    <row r="271388" spans="14:14">
      <c r="N271388" s="10"/>
    </row>
    <row r="271389" spans="14:14">
      <c r="N271389" s="10"/>
    </row>
    <row r="271390" spans="14:14">
      <c r="N271390" s="10"/>
    </row>
    <row r="271391" spans="14:14">
      <c r="N271391" s="10"/>
    </row>
    <row r="271392" spans="14:14">
      <c r="N271392" s="10"/>
    </row>
    <row r="271393" spans="14:14">
      <c r="N271393" s="10"/>
    </row>
    <row r="271394" spans="14:14">
      <c r="N271394" s="10"/>
    </row>
    <row r="271395" spans="14:14">
      <c r="N271395" s="10"/>
    </row>
    <row r="271396" spans="14:14">
      <c r="N271396" s="10"/>
    </row>
    <row r="271397" spans="14:14">
      <c r="N271397" s="10"/>
    </row>
    <row r="271398" spans="14:14">
      <c r="N271398" s="10"/>
    </row>
    <row r="271399" spans="14:14">
      <c r="N271399" s="10"/>
    </row>
    <row r="271400" spans="14:14">
      <c r="N271400" s="10"/>
    </row>
    <row r="271401" spans="14:14">
      <c r="N271401" s="10"/>
    </row>
    <row r="271402" spans="14:14">
      <c r="N271402" s="10"/>
    </row>
    <row r="271403" spans="14:14">
      <c r="N271403" s="10"/>
    </row>
    <row r="271404" spans="14:14">
      <c r="N271404" s="10"/>
    </row>
    <row r="271405" spans="14:14">
      <c r="N271405" s="10"/>
    </row>
    <row r="271406" spans="14:14">
      <c r="N271406" s="10"/>
    </row>
    <row r="271407" spans="14:14">
      <c r="N271407" s="10"/>
    </row>
    <row r="271408" spans="14:14">
      <c r="N271408" s="10"/>
    </row>
    <row r="271409" spans="14:14">
      <c r="N271409" s="10"/>
    </row>
    <row r="271410" spans="14:14">
      <c r="N271410" s="10"/>
    </row>
    <row r="271411" spans="14:14">
      <c r="N271411" s="10"/>
    </row>
    <row r="271412" spans="14:14">
      <c r="N271412" s="10"/>
    </row>
    <row r="271413" spans="14:14">
      <c r="N271413" s="10"/>
    </row>
    <row r="271414" spans="14:14">
      <c r="N271414" s="10"/>
    </row>
    <row r="271415" spans="14:14">
      <c r="N271415" s="10"/>
    </row>
    <row r="271416" spans="14:14">
      <c r="N271416" s="10"/>
    </row>
    <row r="271417" spans="14:14">
      <c r="N271417" s="10"/>
    </row>
    <row r="271418" spans="14:14">
      <c r="N271418" s="10"/>
    </row>
    <row r="271419" spans="14:14">
      <c r="N271419" s="10"/>
    </row>
    <row r="271420" spans="14:14">
      <c r="N271420" s="10"/>
    </row>
    <row r="271421" spans="14:14">
      <c r="N271421" s="10"/>
    </row>
    <row r="271422" spans="14:14">
      <c r="N271422" s="10"/>
    </row>
    <row r="271423" spans="14:14">
      <c r="N271423" s="10"/>
    </row>
    <row r="271424" spans="14:14">
      <c r="N271424" s="10"/>
    </row>
    <row r="271425" spans="14:14">
      <c r="N271425" s="10"/>
    </row>
    <row r="271426" spans="14:14">
      <c r="N271426" s="10"/>
    </row>
    <row r="271427" spans="14:14">
      <c r="N271427" s="10"/>
    </row>
    <row r="271428" spans="14:14">
      <c r="N271428" s="10"/>
    </row>
    <row r="271429" spans="14:14">
      <c r="N271429" s="10"/>
    </row>
    <row r="271430" spans="14:14">
      <c r="N271430" s="10"/>
    </row>
    <row r="271431" spans="14:14">
      <c r="N271431" s="10"/>
    </row>
    <row r="271432" spans="14:14">
      <c r="N271432" s="10"/>
    </row>
    <row r="271433" spans="14:14">
      <c r="N271433" s="10"/>
    </row>
    <row r="271434" spans="14:14">
      <c r="N271434" s="10"/>
    </row>
    <row r="271435" spans="14:14">
      <c r="N271435" s="10"/>
    </row>
    <row r="271436" spans="14:14">
      <c r="N271436" s="10"/>
    </row>
    <row r="271437" spans="14:14">
      <c r="N271437" s="10"/>
    </row>
    <row r="271438" spans="14:14">
      <c r="N271438" s="10"/>
    </row>
    <row r="271439" spans="14:14">
      <c r="N271439" s="10"/>
    </row>
    <row r="271440" spans="14:14">
      <c r="N271440" s="10"/>
    </row>
    <row r="271441" spans="14:14">
      <c r="N271441" s="10"/>
    </row>
    <row r="271442" spans="14:14">
      <c r="N271442" s="10"/>
    </row>
    <row r="271443" spans="14:14">
      <c r="N271443" s="10"/>
    </row>
    <row r="271444" spans="14:14">
      <c r="N271444" s="10"/>
    </row>
    <row r="271445" spans="14:14">
      <c r="N271445" s="10"/>
    </row>
    <row r="271446" spans="14:14">
      <c r="N271446" s="10"/>
    </row>
    <row r="271447" spans="14:14">
      <c r="N271447" s="10"/>
    </row>
    <row r="271448" spans="14:14">
      <c r="N271448" s="10"/>
    </row>
    <row r="271449" spans="14:14">
      <c r="N271449" s="10"/>
    </row>
    <row r="271450" spans="14:14">
      <c r="N271450" s="10"/>
    </row>
    <row r="271451" spans="14:14">
      <c r="N271451" s="10"/>
    </row>
    <row r="271452" spans="14:14">
      <c r="N271452" s="10"/>
    </row>
    <row r="271453" spans="14:14">
      <c r="N271453" s="10"/>
    </row>
    <row r="271454" spans="14:14">
      <c r="N271454" s="10"/>
    </row>
    <row r="271455" spans="14:14">
      <c r="N271455" s="10"/>
    </row>
    <row r="271456" spans="14:14">
      <c r="N271456" s="10"/>
    </row>
    <row r="271457" spans="14:14">
      <c r="N271457" s="10"/>
    </row>
    <row r="271458" spans="14:14">
      <c r="N271458" s="10"/>
    </row>
    <row r="271459" spans="14:14">
      <c r="N271459" s="10"/>
    </row>
    <row r="271460" spans="14:14">
      <c r="N271460" s="10"/>
    </row>
    <row r="271461" spans="14:14">
      <c r="N271461" s="10"/>
    </row>
    <row r="271462" spans="14:14">
      <c r="N271462" s="10"/>
    </row>
    <row r="271463" spans="14:14">
      <c r="N271463" s="10"/>
    </row>
    <row r="271464" spans="14:14">
      <c r="N271464" s="10"/>
    </row>
    <row r="271465" spans="14:14">
      <c r="N271465" s="10"/>
    </row>
    <row r="271466" spans="14:14">
      <c r="N271466" s="10"/>
    </row>
    <row r="271467" spans="14:14">
      <c r="N271467" s="10"/>
    </row>
    <row r="271468" spans="14:14">
      <c r="N271468" s="10"/>
    </row>
    <row r="271469" spans="14:14">
      <c r="N271469" s="10"/>
    </row>
    <row r="271470" spans="14:14">
      <c r="N271470" s="10"/>
    </row>
    <row r="271471" spans="14:14">
      <c r="N271471" s="10"/>
    </row>
    <row r="271472" spans="14:14">
      <c r="N271472" s="10"/>
    </row>
    <row r="271473" spans="14:14">
      <c r="N271473" s="10"/>
    </row>
    <row r="271474" spans="14:14">
      <c r="N271474" s="10"/>
    </row>
    <row r="271475" spans="14:14">
      <c r="N271475" s="10"/>
    </row>
    <row r="271476" spans="14:14">
      <c r="N271476" s="10"/>
    </row>
    <row r="271477" spans="14:14">
      <c r="N271477" s="10"/>
    </row>
    <row r="271478" spans="14:14">
      <c r="N271478" s="10"/>
    </row>
    <row r="271479" spans="14:14">
      <c r="N271479" s="10"/>
    </row>
    <row r="271480" spans="14:14">
      <c r="N271480" s="10"/>
    </row>
    <row r="271481" spans="14:14">
      <c r="N271481" s="10"/>
    </row>
    <row r="271482" spans="14:14">
      <c r="N271482" s="10"/>
    </row>
    <row r="271483" spans="14:14">
      <c r="N271483" s="10"/>
    </row>
    <row r="271484" spans="14:14">
      <c r="N271484" s="10"/>
    </row>
    <row r="271485" spans="14:14">
      <c r="N271485" s="10"/>
    </row>
    <row r="271486" spans="14:14">
      <c r="N271486" s="10"/>
    </row>
    <row r="271487" spans="14:14">
      <c r="N271487" s="10"/>
    </row>
    <row r="271488" spans="14:14">
      <c r="N271488" s="10"/>
    </row>
    <row r="271489" spans="14:14">
      <c r="N271489" s="10"/>
    </row>
    <row r="271490" spans="14:14">
      <c r="N271490" s="10"/>
    </row>
    <row r="271491" spans="14:14">
      <c r="N271491" s="10"/>
    </row>
    <row r="271492" spans="14:14">
      <c r="N271492" s="10"/>
    </row>
    <row r="271493" spans="14:14">
      <c r="N271493" s="10"/>
    </row>
    <row r="271494" spans="14:14">
      <c r="N271494" s="10"/>
    </row>
    <row r="271495" spans="14:14">
      <c r="N271495" s="10"/>
    </row>
    <row r="271496" spans="14:14">
      <c r="N271496" s="10"/>
    </row>
    <row r="271497" spans="14:14">
      <c r="N271497" s="10"/>
    </row>
    <row r="271498" spans="14:14">
      <c r="N271498" s="10"/>
    </row>
    <row r="271499" spans="14:14">
      <c r="N271499" s="10"/>
    </row>
    <row r="271500" spans="14:14">
      <c r="N271500" s="10"/>
    </row>
    <row r="271501" spans="14:14">
      <c r="N271501" s="10"/>
    </row>
    <row r="271502" spans="14:14">
      <c r="N271502" s="10"/>
    </row>
    <row r="271503" spans="14:14">
      <c r="N271503" s="10"/>
    </row>
    <row r="271504" spans="14:14">
      <c r="N271504" s="10"/>
    </row>
    <row r="271505" spans="14:14">
      <c r="N271505" s="10"/>
    </row>
    <row r="271506" spans="14:14">
      <c r="N271506" s="10"/>
    </row>
    <row r="271507" spans="14:14">
      <c r="N271507" s="10"/>
    </row>
    <row r="271508" spans="14:14">
      <c r="N271508" s="10"/>
    </row>
    <row r="271509" spans="14:14">
      <c r="N271509" s="10"/>
    </row>
    <row r="271510" spans="14:14">
      <c r="N271510" s="10"/>
    </row>
    <row r="271511" spans="14:14">
      <c r="N271511" s="10"/>
    </row>
    <row r="271512" spans="14:14">
      <c r="N271512" s="10"/>
    </row>
    <row r="271513" spans="14:14">
      <c r="N271513" s="10"/>
    </row>
    <row r="271514" spans="14:14">
      <c r="N271514" s="10"/>
    </row>
    <row r="271515" spans="14:14">
      <c r="N271515" s="10"/>
    </row>
    <row r="271516" spans="14:14">
      <c r="N271516" s="10"/>
    </row>
    <row r="271517" spans="14:14">
      <c r="N271517" s="10"/>
    </row>
    <row r="271518" spans="14:14">
      <c r="N271518" s="10"/>
    </row>
    <row r="271519" spans="14:14">
      <c r="N271519" s="10"/>
    </row>
    <row r="271520" spans="14:14">
      <c r="N271520" s="10"/>
    </row>
    <row r="271521" spans="14:14">
      <c r="N271521" s="10"/>
    </row>
    <row r="271522" spans="14:14">
      <c r="N271522" s="10"/>
    </row>
    <row r="271523" spans="14:14">
      <c r="N271523" s="10"/>
    </row>
    <row r="271524" spans="14:14">
      <c r="N271524" s="10"/>
    </row>
    <row r="271525" spans="14:14">
      <c r="N271525" s="10"/>
    </row>
    <row r="271526" spans="14:14">
      <c r="N271526" s="10"/>
    </row>
    <row r="271527" spans="14:14">
      <c r="N271527" s="10"/>
    </row>
    <row r="271528" spans="14:14">
      <c r="N271528" s="10"/>
    </row>
    <row r="271529" spans="14:14">
      <c r="N271529" s="10"/>
    </row>
    <row r="271530" spans="14:14">
      <c r="N271530" s="10"/>
    </row>
    <row r="271531" spans="14:14">
      <c r="N271531" s="10"/>
    </row>
    <row r="271532" spans="14:14">
      <c r="N271532" s="10"/>
    </row>
    <row r="271533" spans="14:14">
      <c r="N271533" s="10"/>
    </row>
    <row r="271534" spans="14:14">
      <c r="N271534" s="10"/>
    </row>
    <row r="271535" spans="14:14">
      <c r="N271535" s="10"/>
    </row>
    <row r="271536" spans="14:14">
      <c r="N271536" s="10"/>
    </row>
    <row r="271537" spans="14:14">
      <c r="N271537" s="10"/>
    </row>
    <row r="271538" spans="14:14">
      <c r="N271538" s="10"/>
    </row>
    <row r="271539" spans="14:14">
      <c r="N271539" s="10"/>
    </row>
    <row r="271540" spans="14:14">
      <c r="N271540" s="10"/>
    </row>
    <row r="271541" spans="14:14">
      <c r="N271541" s="10"/>
    </row>
    <row r="271542" spans="14:14">
      <c r="N271542" s="10"/>
    </row>
    <row r="271543" spans="14:14">
      <c r="N271543" s="10"/>
    </row>
    <row r="271544" spans="14:14">
      <c r="N271544" s="10"/>
    </row>
    <row r="271545" spans="14:14">
      <c r="N271545" s="10"/>
    </row>
    <row r="271546" spans="14:14">
      <c r="N271546" s="10"/>
    </row>
    <row r="271547" spans="14:14">
      <c r="N271547" s="10"/>
    </row>
    <row r="271548" spans="14:14">
      <c r="N271548" s="10"/>
    </row>
    <row r="271549" spans="14:14">
      <c r="N271549" s="10"/>
    </row>
    <row r="271550" spans="14:14">
      <c r="N271550" s="10"/>
    </row>
    <row r="271551" spans="14:14">
      <c r="N271551" s="10"/>
    </row>
    <row r="271552" spans="14:14">
      <c r="N271552" s="10"/>
    </row>
    <row r="271553" spans="14:14">
      <c r="N271553" s="10"/>
    </row>
    <row r="271554" spans="14:14">
      <c r="N271554" s="10"/>
    </row>
    <row r="271555" spans="14:14">
      <c r="N271555" s="10"/>
    </row>
    <row r="271556" spans="14:14">
      <c r="N271556" s="10"/>
    </row>
    <row r="271557" spans="14:14">
      <c r="N271557" s="10"/>
    </row>
    <row r="271558" spans="14:14">
      <c r="N271558" s="10"/>
    </row>
    <row r="271559" spans="14:14">
      <c r="N271559" s="10"/>
    </row>
    <row r="271560" spans="14:14">
      <c r="N271560" s="10"/>
    </row>
    <row r="271561" spans="14:14">
      <c r="N271561" s="10"/>
    </row>
    <row r="271562" spans="14:14">
      <c r="N271562" s="10"/>
    </row>
    <row r="271563" spans="14:14">
      <c r="N271563" s="10"/>
    </row>
    <row r="271564" spans="14:14">
      <c r="N271564" s="10"/>
    </row>
    <row r="271565" spans="14:14">
      <c r="N271565" s="10"/>
    </row>
    <row r="271566" spans="14:14">
      <c r="N271566" s="10"/>
    </row>
    <row r="271567" spans="14:14">
      <c r="N271567" s="10"/>
    </row>
    <row r="271568" spans="14:14">
      <c r="N271568" s="10"/>
    </row>
    <row r="271569" spans="14:14">
      <c r="N271569" s="10"/>
    </row>
    <row r="271570" spans="14:14">
      <c r="N271570" s="10"/>
    </row>
    <row r="271571" spans="14:14">
      <c r="N271571" s="10"/>
    </row>
    <row r="271572" spans="14:14">
      <c r="N271572" s="10"/>
    </row>
    <row r="271573" spans="14:14">
      <c r="N271573" s="10"/>
    </row>
    <row r="271574" spans="14:14">
      <c r="N271574" s="10"/>
    </row>
    <row r="271575" spans="14:14">
      <c r="N271575" s="10"/>
    </row>
    <row r="271576" spans="14:14">
      <c r="N271576" s="10"/>
    </row>
    <row r="271577" spans="14:14">
      <c r="N271577" s="10"/>
    </row>
    <row r="271578" spans="14:14">
      <c r="N271578" s="10"/>
    </row>
    <row r="271579" spans="14:14">
      <c r="N271579" s="10"/>
    </row>
    <row r="271580" spans="14:14">
      <c r="N271580" s="10"/>
    </row>
    <row r="271581" spans="14:14">
      <c r="N271581" s="10"/>
    </row>
    <row r="271582" spans="14:14">
      <c r="N271582" s="10"/>
    </row>
    <row r="271583" spans="14:14">
      <c r="N271583" s="10"/>
    </row>
    <row r="271584" spans="14:14">
      <c r="N271584" s="10"/>
    </row>
    <row r="271585" spans="14:14">
      <c r="N271585" s="10"/>
    </row>
    <row r="271586" spans="14:14">
      <c r="N271586" s="10"/>
    </row>
    <row r="271587" spans="14:14">
      <c r="N271587" s="10"/>
    </row>
    <row r="271588" spans="14:14">
      <c r="N271588" s="10"/>
    </row>
    <row r="271589" spans="14:14">
      <c r="N271589" s="10"/>
    </row>
    <row r="271590" spans="14:14">
      <c r="N271590" s="10"/>
    </row>
    <row r="271591" spans="14:14">
      <c r="N271591" s="10"/>
    </row>
    <row r="271592" spans="14:14">
      <c r="N271592" s="10"/>
    </row>
    <row r="271593" spans="14:14">
      <c r="N271593" s="10"/>
    </row>
    <row r="271594" spans="14:14">
      <c r="N271594" s="10"/>
    </row>
    <row r="271595" spans="14:14">
      <c r="N271595" s="10"/>
    </row>
    <row r="271596" spans="14:14">
      <c r="N271596" s="10"/>
    </row>
    <row r="271597" spans="14:14">
      <c r="N271597" s="10"/>
    </row>
    <row r="271598" spans="14:14">
      <c r="N271598" s="10"/>
    </row>
    <row r="271599" spans="14:14">
      <c r="N271599" s="10"/>
    </row>
    <row r="271600" spans="14:14">
      <c r="N271600" s="10"/>
    </row>
    <row r="271601" spans="14:14">
      <c r="N271601" s="10"/>
    </row>
    <row r="271602" spans="14:14">
      <c r="N271602" s="10"/>
    </row>
    <row r="271603" spans="14:14">
      <c r="N271603" s="10"/>
    </row>
    <row r="271604" spans="14:14">
      <c r="N271604" s="10"/>
    </row>
    <row r="271605" spans="14:14">
      <c r="N271605" s="10"/>
    </row>
    <row r="271606" spans="14:14">
      <c r="N271606" s="10"/>
    </row>
    <row r="271607" spans="14:14">
      <c r="N271607" s="10"/>
    </row>
    <row r="271608" spans="14:14">
      <c r="N271608" s="10"/>
    </row>
    <row r="271609" spans="14:14">
      <c r="N271609" s="10"/>
    </row>
    <row r="271610" spans="14:14">
      <c r="N271610" s="10"/>
    </row>
    <row r="271611" spans="14:14">
      <c r="N271611" s="10"/>
    </row>
    <row r="271612" spans="14:14">
      <c r="N271612" s="10"/>
    </row>
    <row r="271613" spans="14:14">
      <c r="N271613" s="10"/>
    </row>
    <row r="271614" spans="14:14">
      <c r="N271614" s="10"/>
    </row>
    <row r="271615" spans="14:14">
      <c r="N271615" s="10"/>
    </row>
    <row r="271616" spans="14:14">
      <c r="N271616" s="10"/>
    </row>
    <row r="271617" spans="14:14">
      <c r="N271617" s="10"/>
    </row>
    <row r="271618" spans="14:14">
      <c r="N271618" s="10"/>
    </row>
    <row r="271619" spans="14:14">
      <c r="N271619" s="10"/>
    </row>
    <row r="271620" spans="14:14">
      <c r="N271620" s="10"/>
    </row>
    <row r="271621" spans="14:14">
      <c r="N271621" s="10"/>
    </row>
    <row r="271622" spans="14:14">
      <c r="N271622" s="10"/>
    </row>
    <row r="271623" spans="14:14">
      <c r="N271623" s="10"/>
    </row>
    <row r="271624" spans="14:14">
      <c r="N271624" s="10"/>
    </row>
    <row r="271625" spans="14:14">
      <c r="N271625" s="10"/>
    </row>
    <row r="271626" spans="14:14">
      <c r="N271626" s="10"/>
    </row>
    <row r="271627" spans="14:14">
      <c r="N271627" s="10"/>
    </row>
    <row r="271628" spans="14:14">
      <c r="N271628" s="10"/>
    </row>
    <row r="271629" spans="14:14">
      <c r="N271629" s="10"/>
    </row>
    <row r="271630" spans="14:14">
      <c r="N271630" s="10"/>
    </row>
    <row r="271631" spans="14:14">
      <c r="N271631" s="10"/>
    </row>
    <row r="271632" spans="14:14">
      <c r="N271632" s="10"/>
    </row>
    <row r="271633" spans="14:14">
      <c r="N271633" s="10"/>
    </row>
    <row r="271634" spans="14:14">
      <c r="N271634" s="10"/>
    </row>
    <row r="271635" spans="14:14">
      <c r="N271635" s="10"/>
    </row>
    <row r="271636" spans="14:14">
      <c r="N271636" s="10"/>
    </row>
    <row r="271637" spans="14:14">
      <c r="N271637" s="10"/>
    </row>
    <row r="271638" spans="14:14">
      <c r="N271638" s="10"/>
    </row>
    <row r="271639" spans="14:14">
      <c r="N271639" s="10"/>
    </row>
    <row r="271640" spans="14:14">
      <c r="N271640" s="10"/>
    </row>
    <row r="271641" spans="14:14">
      <c r="N271641" s="10"/>
    </row>
    <row r="271642" spans="14:14">
      <c r="N271642" s="10"/>
    </row>
    <row r="271643" spans="14:14">
      <c r="N271643" s="10"/>
    </row>
    <row r="271644" spans="14:14">
      <c r="N271644" s="10"/>
    </row>
    <row r="271645" spans="14:14">
      <c r="N271645" s="10"/>
    </row>
    <row r="271646" spans="14:14">
      <c r="N271646" s="10"/>
    </row>
    <row r="271647" spans="14:14">
      <c r="N271647" s="10"/>
    </row>
    <row r="271648" spans="14:14">
      <c r="N271648" s="10"/>
    </row>
    <row r="271649" spans="14:14">
      <c r="N271649" s="10"/>
    </row>
    <row r="271650" spans="14:14">
      <c r="N271650" s="10"/>
    </row>
    <row r="271651" spans="14:14">
      <c r="N271651" s="10"/>
    </row>
    <row r="271652" spans="14:14">
      <c r="N271652" s="10"/>
    </row>
    <row r="271653" spans="14:14">
      <c r="N271653" s="10"/>
    </row>
    <row r="271654" spans="14:14">
      <c r="N271654" s="10"/>
    </row>
    <row r="271655" spans="14:14">
      <c r="N271655" s="10"/>
    </row>
    <row r="271656" spans="14:14">
      <c r="N271656" s="10"/>
    </row>
    <row r="271657" spans="14:14">
      <c r="N271657" s="10"/>
    </row>
    <row r="271658" spans="14:14">
      <c r="N271658" s="10"/>
    </row>
    <row r="271659" spans="14:14">
      <c r="N271659" s="10"/>
    </row>
    <row r="271660" spans="14:14">
      <c r="N271660" s="10"/>
    </row>
    <row r="271661" spans="14:14">
      <c r="N271661" s="10"/>
    </row>
    <row r="271662" spans="14:14">
      <c r="N271662" s="10"/>
    </row>
    <row r="271663" spans="14:14">
      <c r="N271663" s="10"/>
    </row>
    <row r="271664" spans="14:14">
      <c r="N271664" s="10"/>
    </row>
    <row r="271665" spans="14:14">
      <c r="N271665" s="10"/>
    </row>
    <row r="271666" spans="14:14">
      <c r="N271666" s="10"/>
    </row>
    <row r="271667" spans="14:14">
      <c r="N271667" s="10"/>
    </row>
    <row r="271668" spans="14:14">
      <c r="N271668" s="10"/>
    </row>
    <row r="271669" spans="14:14">
      <c r="N271669" s="10"/>
    </row>
    <row r="271670" spans="14:14">
      <c r="N271670" s="10"/>
    </row>
    <row r="271671" spans="14:14">
      <c r="N271671" s="10"/>
    </row>
    <row r="271672" spans="14:14">
      <c r="N271672" s="10"/>
    </row>
    <row r="271673" spans="14:14">
      <c r="N271673" s="10"/>
    </row>
    <row r="271674" spans="14:14">
      <c r="N271674" s="10"/>
    </row>
    <row r="271675" spans="14:14">
      <c r="N271675" s="10"/>
    </row>
    <row r="271676" spans="14:14">
      <c r="N271676" s="10"/>
    </row>
    <row r="271677" spans="14:14">
      <c r="N271677" s="10"/>
    </row>
    <row r="271678" spans="14:14">
      <c r="N271678" s="10"/>
    </row>
    <row r="271679" spans="14:14">
      <c r="N271679" s="10"/>
    </row>
    <row r="271680" spans="14:14">
      <c r="N271680" s="10"/>
    </row>
    <row r="271681" spans="14:14">
      <c r="N271681" s="10"/>
    </row>
    <row r="271682" spans="14:14">
      <c r="N271682" s="10"/>
    </row>
    <row r="271683" spans="14:14">
      <c r="N271683" s="10"/>
    </row>
    <row r="271684" spans="14:14">
      <c r="N271684" s="10"/>
    </row>
    <row r="271685" spans="14:14">
      <c r="N271685" s="10"/>
    </row>
    <row r="271686" spans="14:14">
      <c r="N271686" s="10"/>
    </row>
    <row r="271687" spans="14:14">
      <c r="N271687" s="10"/>
    </row>
    <row r="271688" spans="14:14">
      <c r="N271688" s="10"/>
    </row>
    <row r="271689" spans="14:14">
      <c r="N271689" s="10"/>
    </row>
    <row r="271690" spans="14:14">
      <c r="N271690" s="10"/>
    </row>
    <row r="271691" spans="14:14">
      <c r="N271691" s="10"/>
    </row>
    <row r="271692" spans="14:14">
      <c r="N271692" s="10"/>
    </row>
    <row r="271693" spans="14:14">
      <c r="N271693" s="10"/>
    </row>
    <row r="271694" spans="14:14">
      <c r="N271694" s="10"/>
    </row>
    <row r="271695" spans="14:14">
      <c r="N271695" s="10"/>
    </row>
    <row r="271696" spans="14:14">
      <c r="N271696" s="10"/>
    </row>
    <row r="271697" spans="14:14">
      <c r="N271697" s="10"/>
    </row>
    <row r="271698" spans="14:14">
      <c r="N271698" s="10"/>
    </row>
    <row r="271699" spans="14:14">
      <c r="N271699" s="10"/>
    </row>
    <row r="271700" spans="14:14">
      <c r="N271700" s="10"/>
    </row>
    <row r="271701" spans="14:14">
      <c r="N271701" s="10"/>
    </row>
    <row r="271702" spans="14:14">
      <c r="N271702" s="10"/>
    </row>
    <row r="271703" spans="14:14">
      <c r="N271703" s="10"/>
    </row>
    <row r="271704" spans="14:14">
      <c r="N271704" s="10"/>
    </row>
    <row r="271705" spans="14:14">
      <c r="N271705" s="10"/>
    </row>
    <row r="271706" spans="14:14">
      <c r="N271706" s="10"/>
    </row>
    <row r="271707" spans="14:14">
      <c r="N271707" s="10"/>
    </row>
    <row r="271708" spans="14:14">
      <c r="N271708" s="10"/>
    </row>
    <row r="271709" spans="14:14">
      <c r="N271709" s="10"/>
    </row>
    <row r="271710" spans="14:14">
      <c r="N271710" s="10"/>
    </row>
    <row r="271711" spans="14:14">
      <c r="N271711" s="10"/>
    </row>
    <row r="271712" spans="14:14">
      <c r="N271712" s="10"/>
    </row>
    <row r="271713" spans="14:14">
      <c r="N271713" s="10"/>
    </row>
    <row r="271714" spans="14:14">
      <c r="N271714" s="10"/>
    </row>
    <row r="271715" spans="14:14">
      <c r="N271715" s="10"/>
    </row>
    <row r="271716" spans="14:14">
      <c r="N271716" s="10"/>
    </row>
    <row r="271717" spans="14:14">
      <c r="N271717" s="10"/>
    </row>
    <row r="271718" spans="14:14">
      <c r="N271718" s="10"/>
    </row>
    <row r="271719" spans="14:14">
      <c r="N271719" s="10"/>
    </row>
    <row r="271720" spans="14:14">
      <c r="N271720" s="10"/>
    </row>
    <row r="271721" spans="14:14">
      <c r="N271721" s="10"/>
    </row>
    <row r="271722" spans="14:14">
      <c r="N271722" s="10"/>
    </row>
    <row r="271723" spans="14:14">
      <c r="N271723" s="10"/>
    </row>
    <row r="271724" spans="14:14">
      <c r="N271724" s="10"/>
    </row>
    <row r="271725" spans="14:14">
      <c r="N271725" s="10"/>
    </row>
    <row r="271726" spans="14:14">
      <c r="N271726" s="10"/>
    </row>
    <row r="271727" spans="14:14">
      <c r="N271727" s="10"/>
    </row>
    <row r="271728" spans="14:14">
      <c r="N271728" s="10"/>
    </row>
    <row r="271729" spans="14:14">
      <c r="N271729" s="10"/>
    </row>
    <row r="271730" spans="14:14">
      <c r="N271730" s="10"/>
    </row>
    <row r="271731" spans="14:14">
      <c r="N271731" s="10"/>
    </row>
    <row r="271732" spans="14:14">
      <c r="N271732" s="10"/>
    </row>
    <row r="271733" spans="14:14">
      <c r="N271733" s="10"/>
    </row>
    <row r="271734" spans="14:14">
      <c r="N271734" s="10"/>
    </row>
    <row r="271735" spans="14:14">
      <c r="N271735" s="10"/>
    </row>
    <row r="271736" spans="14:14">
      <c r="N271736" s="10"/>
    </row>
    <row r="271737" spans="14:14">
      <c r="N271737" s="10"/>
    </row>
    <row r="271738" spans="14:14">
      <c r="N271738" s="10"/>
    </row>
    <row r="271739" spans="14:14">
      <c r="N271739" s="10"/>
    </row>
    <row r="271740" spans="14:14">
      <c r="N271740" s="10"/>
    </row>
    <row r="271741" spans="14:14">
      <c r="N271741" s="10"/>
    </row>
    <row r="271742" spans="14:14">
      <c r="N271742" s="10"/>
    </row>
    <row r="271743" spans="14:14">
      <c r="N271743" s="10"/>
    </row>
    <row r="271744" spans="14:14">
      <c r="N271744" s="10"/>
    </row>
    <row r="271745" spans="14:14">
      <c r="N271745" s="10"/>
    </row>
    <row r="271746" spans="14:14">
      <c r="N271746" s="10"/>
    </row>
    <row r="271747" spans="14:14">
      <c r="N271747" s="10"/>
    </row>
    <row r="271748" spans="14:14">
      <c r="N271748" s="10"/>
    </row>
    <row r="271749" spans="14:14">
      <c r="N271749" s="10"/>
    </row>
    <row r="271750" spans="14:14">
      <c r="N271750" s="10"/>
    </row>
    <row r="271751" spans="14:14">
      <c r="N271751" s="10"/>
    </row>
    <row r="271752" spans="14:14">
      <c r="N271752" s="10"/>
    </row>
    <row r="271753" spans="14:14">
      <c r="N271753" s="10"/>
    </row>
    <row r="271754" spans="14:14">
      <c r="N271754" s="10"/>
    </row>
    <row r="271755" spans="14:14">
      <c r="N271755" s="10"/>
    </row>
    <row r="271756" spans="14:14">
      <c r="N271756" s="10"/>
    </row>
    <row r="271757" spans="14:14">
      <c r="N271757" s="10"/>
    </row>
    <row r="271758" spans="14:14">
      <c r="N271758" s="10"/>
    </row>
    <row r="271759" spans="14:14">
      <c r="N271759" s="10"/>
    </row>
    <row r="271760" spans="14:14">
      <c r="N271760" s="10"/>
    </row>
    <row r="271761" spans="14:14">
      <c r="N271761" s="10"/>
    </row>
    <row r="271762" spans="14:14">
      <c r="N271762" s="10"/>
    </row>
    <row r="271763" spans="14:14">
      <c r="N271763" s="10"/>
    </row>
    <row r="271764" spans="14:14">
      <c r="N271764" s="10"/>
    </row>
    <row r="271765" spans="14:14">
      <c r="N271765" s="10"/>
    </row>
    <row r="271766" spans="14:14">
      <c r="N271766" s="10"/>
    </row>
    <row r="271767" spans="14:14">
      <c r="N271767" s="10"/>
    </row>
    <row r="271768" spans="14:14">
      <c r="N271768" s="10"/>
    </row>
    <row r="271769" spans="14:14">
      <c r="N271769" s="10"/>
    </row>
    <row r="271770" spans="14:14">
      <c r="N271770" s="10"/>
    </row>
    <row r="271771" spans="14:14">
      <c r="N271771" s="10"/>
    </row>
    <row r="271772" spans="14:14">
      <c r="N271772" s="10"/>
    </row>
    <row r="271773" spans="14:14">
      <c r="N271773" s="10"/>
    </row>
    <row r="271774" spans="14:14">
      <c r="N271774" s="10"/>
    </row>
    <row r="271775" spans="14:14">
      <c r="N271775" s="10"/>
    </row>
    <row r="271776" spans="14:14">
      <c r="N271776" s="10"/>
    </row>
    <row r="271777" spans="14:14">
      <c r="N271777" s="10"/>
    </row>
    <row r="271778" spans="14:14">
      <c r="N271778" s="10"/>
    </row>
    <row r="271779" spans="14:14">
      <c r="N271779" s="10"/>
    </row>
    <row r="271780" spans="14:14">
      <c r="N271780" s="10"/>
    </row>
    <row r="271781" spans="14:14">
      <c r="N271781" s="10"/>
    </row>
    <row r="271782" spans="14:14">
      <c r="N271782" s="10"/>
    </row>
    <row r="271783" spans="14:14">
      <c r="N271783" s="10"/>
    </row>
    <row r="271784" spans="14:14">
      <c r="N271784" s="10"/>
    </row>
    <row r="271785" spans="14:14">
      <c r="N271785" s="10"/>
    </row>
    <row r="271786" spans="14:14">
      <c r="N271786" s="10"/>
    </row>
    <row r="271787" spans="14:14">
      <c r="N271787" s="10"/>
    </row>
    <row r="271788" spans="14:14">
      <c r="N271788" s="10"/>
    </row>
    <row r="271789" spans="14:14">
      <c r="N271789" s="10"/>
    </row>
    <row r="271790" spans="14:14">
      <c r="N271790" s="10"/>
    </row>
    <row r="271791" spans="14:14">
      <c r="N271791" s="10"/>
    </row>
    <row r="271792" spans="14:14">
      <c r="N271792" s="10"/>
    </row>
    <row r="271793" spans="14:14">
      <c r="N271793" s="10"/>
    </row>
    <row r="271794" spans="14:14">
      <c r="N271794" s="10"/>
    </row>
    <row r="271795" spans="14:14">
      <c r="N271795" s="10"/>
    </row>
    <row r="271796" spans="14:14">
      <c r="N271796" s="10"/>
    </row>
    <row r="271797" spans="14:14">
      <c r="N271797" s="10"/>
    </row>
    <row r="271798" spans="14:14">
      <c r="N271798" s="10"/>
    </row>
    <row r="271799" spans="14:14">
      <c r="N271799" s="10"/>
    </row>
    <row r="271800" spans="14:14">
      <c r="N271800" s="10"/>
    </row>
    <row r="271801" spans="14:14">
      <c r="N271801" s="10"/>
    </row>
    <row r="271802" spans="14:14">
      <c r="N271802" s="10"/>
    </row>
    <row r="271803" spans="14:14">
      <c r="N271803" s="10"/>
    </row>
    <row r="271804" spans="14:14">
      <c r="N271804" s="10"/>
    </row>
    <row r="271805" spans="14:14">
      <c r="N271805" s="10"/>
    </row>
    <row r="271806" spans="14:14">
      <c r="N271806" s="10"/>
    </row>
    <row r="271807" spans="14:14">
      <c r="N271807" s="10"/>
    </row>
    <row r="271808" spans="14:14">
      <c r="N271808" s="10"/>
    </row>
    <row r="271809" spans="14:14">
      <c r="N271809" s="10"/>
    </row>
    <row r="271810" spans="14:14">
      <c r="N271810" s="10"/>
    </row>
    <row r="271811" spans="14:14">
      <c r="N271811" s="10"/>
    </row>
    <row r="271812" spans="14:14">
      <c r="N271812" s="10"/>
    </row>
    <row r="271813" spans="14:14">
      <c r="N271813" s="10"/>
    </row>
    <row r="271814" spans="14:14">
      <c r="N271814" s="10"/>
    </row>
    <row r="271815" spans="14:14">
      <c r="N271815" s="10"/>
    </row>
    <row r="271816" spans="14:14">
      <c r="N271816" s="10"/>
    </row>
    <row r="271817" spans="14:14">
      <c r="N271817" s="10"/>
    </row>
    <row r="271818" spans="14:14">
      <c r="N271818" s="10"/>
    </row>
    <row r="271819" spans="14:14">
      <c r="N271819" s="10"/>
    </row>
    <row r="271820" spans="14:14">
      <c r="N271820" s="10"/>
    </row>
    <row r="271821" spans="14:14">
      <c r="N271821" s="10"/>
    </row>
    <row r="271822" spans="14:14">
      <c r="N271822" s="10"/>
    </row>
    <row r="271823" spans="14:14">
      <c r="N271823" s="10"/>
    </row>
    <row r="271824" spans="14:14">
      <c r="N271824" s="10"/>
    </row>
    <row r="271825" spans="14:14">
      <c r="N271825" s="10"/>
    </row>
    <row r="271826" spans="14:14">
      <c r="N271826" s="10"/>
    </row>
    <row r="271827" spans="14:14">
      <c r="N271827" s="10"/>
    </row>
    <row r="271828" spans="14:14">
      <c r="N271828" s="10"/>
    </row>
    <row r="271829" spans="14:14">
      <c r="N271829" s="10"/>
    </row>
    <row r="271830" spans="14:14">
      <c r="N271830" s="10"/>
    </row>
    <row r="271831" spans="14:14">
      <c r="N271831" s="10"/>
    </row>
    <row r="271832" spans="14:14">
      <c r="N271832" s="10"/>
    </row>
    <row r="271833" spans="14:14">
      <c r="N271833" s="10"/>
    </row>
    <row r="271834" spans="14:14">
      <c r="N271834" s="10"/>
    </row>
    <row r="271835" spans="14:14">
      <c r="N271835" s="10"/>
    </row>
    <row r="271836" spans="14:14">
      <c r="N271836" s="10"/>
    </row>
    <row r="271837" spans="14:14">
      <c r="N271837" s="10"/>
    </row>
    <row r="271838" spans="14:14">
      <c r="N271838" s="10"/>
    </row>
    <row r="271839" spans="14:14">
      <c r="N271839" s="10"/>
    </row>
    <row r="271840" spans="14:14">
      <c r="N271840" s="10"/>
    </row>
    <row r="271841" spans="14:14">
      <c r="N271841" s="10"/>
    </row>
    <row r="271842" spans="14:14">
      <c r="N271842" s="10"/>
    </row>
    <row r="271843" spans="14:14">
      <c r="N271843" s="10"/>
    </row>
    <row r="271844" spans="14:14">
      <c r="N271844" s="10"/>
    </row>
    <row r="271845" spans="14:14">
      <c r="N271845" s="10"/>
    </row>
    <row r="271846" spans="14:14">
      <c r="N271846" s="10"/>
    </row>
    <row r="271847" spans="14:14">
      <c r="N271847" s="10"/>
    </row>
    <row r="271848" spans="14:14">
      <c r="N271848" s="10"/>
    </row>
    <row r="271849" spans="14:14">
      <c r="N271849" s="10"/>
    </row>
    <row r="271850" spans="14:14">
      <c r="N271850" s="10"/>
    </row>
    <row r="271851" spans="14:14">
      <c r="N271851" s="10"/>
    </row>
    <row r="271852" spans="14:14">
      <c r="N271852" s="10"/>
    </row>
    <row r="271853" spans="14:14">
      <c r="N271853" s="10"/>
    </row>
    <row r="271854" spans="14:14">
      <c r="N271854" s="10"/>
    </row>
    <row r="271855" spans="14:14">
      <c r="N271855" s="10"/>
    </row>
    <row r="271856" spans="14:14">
      <c r="N271856" s="10"/>
    </row>
    <row r="271857" spans="14:14">
      <c r="N271857" s="10"/>
    </row>
    <row r="271858" spans="14:14">
      <c r="N271858" s="10"/>
    </row>
    <row r="271859" spans="14:14">
      <c r="N271859" s="10"/>
    </row>
    <row r="271860" spans="14:14">
      <c r="N271860" s="10"/>
    </row>
    <row r="271861" spans="14:14">
      <c r="N271861" s="10"/>
    </row>
    <row r="271862" spans="14:14">
      <c r="N271862" s="10"/>
    </row>
    <row r="271863" spans="14:14">
      <c r="N271863" s="10"/>
    </row>
    <row r="271864" spans="14:14">
      <c r="N271864" s="10"/>
    </row>
    <row r="271865" spans="14:14">
      <c r="N271865" s="10"/>
    </row>
    <row r="271866" spans="14:14">
      <c r="N271866" s="10"/>
    </row>
    <row r="271867" spans="14:14">
      <c r="N271867" s="10"/>
    </row>
    <row r="271868" spans="14:14">
      <c r="N271868" s="10"/>
    </row>
    <row r="271869" spans="14:14">
      <c r="N271869" s="10"/>
    </row>
    <row r="271870" spans="14:14">
      <c r="N271870" s="10"/>
    </row>
    <row r="271871" spans="14:14">
      <c r="N271871" s="10"/>
    </row>
    <row r="271872" spans="14:14">
      <c r="N271872" s="10"/>
    </row>
    <row r="271873" spans="14:14">
      <c r="N271873" s="10"/>
    </row>
    <row r="271874" spans="14:14">
      <c r="N271874" s="10"/>
    </row>
    <row r="271875" spans="14:14">
      <c r="N271875" s="10"/>
    </row>
    <row r="271876" spans="14:14">
      <c r="N271876" s="10"/>
    </row>
    <row r="271877" spans="14:14">
      <c r="N271877" s="10"/>
    </row>
    <row r="271878" spans="14:14">
      <c r="N271878" s="10"/>
    </row>
    <row r="271879" spans="14:14">
      <c r="N271879" s="10"/>
    </row>
    <row r="271880" spans="14:14">
      <c r="N271880" s="10"/>
    </row>
    <row r="271881" spans="14:14">
      <c r="N271881" s="10"/>
    </row>
    <row r="271882" spans="14:14">
      <c r="N271882" s="10"/>
    </row>
    <row r="271883" spans="14:14">
      <c r="N271883" s="10"/>
    </row>
    <row r="271884" spans="14:14">
      <c r="N271884" s="10"/>
    </row>
    <row r="271885" spans="14:14">
      <c r="N271885" s="10"/>
    </row>
    <row r="271886" spans="14:14">
      <c r="N271886" s="10"/>
    </row>
    <row r="271887" spans="14:14">
      <c r="N271887" s="10"/>
    </row>
    <row r="271888" spans="14:14">
      <c r="N271888" s="10"/>
    </row>
    <row r="271889" spans="14:14">
      <c r="N271889" s="10"/>
    </row>
    <row r="271890" spans="14:14">
      <c r="N271890" s="10"/>
    </row>
    <row r="271891" spans="14:14">
      <c r="N271891" s="10"/>
    </row>
    <row r="271892" spans="14:14">
      <c r="N271892" s="10"/>
    </row>
    <row r="271893" spans="14:14">
      <c r="N271893" s="10"/>
    </row>
    <row r="271894" spans="14:14">
      <c r="N271894" s="10"/>
    </row>
    <row r="271895" spans="14:14">
      <c r="N271895" s="10"/>
    </row>
    <row r="271896" spans="14:14">
      <c r="N271896" s="10"/>
    </row>
    <row r="271897" spans="14:14">
      <c r="N271897" s="10"/>
    </row>
    <row r="271898" spans="14:14">
      <c r="N271898" s="10"/>
    </row>
    <row r="271899" spans="14:14">
      <c r="N271899" s="10"/>
    </row>
    <row r="271900" spans="14:14">
      <c r="N271900" s="10"/>
    </row>
    <row r="271901" spans="14:14">
      <c r="N271901" s="10"/>
    </row>
    <row r="271902" spans="14:14">
      <c r="N271902" s="10"/>
    </row>
    <row r="271903" spans="14:14">
      <c r="N271903" s="10"/>
    </row>
    <row r="271904" spans="14:14">
      <c r="N271904" s="10"/>
    </row>
    <row r="271905" spans="14:14">
      <c r="N271905" s="10"/>
    </row>
    <row r="271906" spans="14:14">
      <c r="N271906" s="10"/>
    </row>
    <row r="271907" spans="14:14">
      <c r="N271907" s="10"/>
    </row>
    <row r="271908" spans="14:14">
      <c r="N271908" s="10"/>
    </row>
    <row r="271909" spans="14:14">
      <c r="N271909" s="10"/>
    </row>
    <row r="271910" spans="14:14">
      <c r="N271910" s="10"/>
    </row>
    <row r="271911" spans="14:14">
      <c r="N271911" s="10"/>
    </row>
    <row r="271912" spans="14:14">
      <c r="N271912" s="10"/>
    </row>
    <row r="271913" spans="14:14">
      <c r="N271913" s="10"/>
    </row>
    <row r="271914" spans="14:14">
      <c r="N271914" s="10"/>
    </row>
    <row r="271915" spans="14:14">
      <c r="N271915" s="10"/>
    </row>
    <row r="271916" spans="14:14">
      <c r="N271916" s="10"/>
    </row>
    <row r="271917" spans="14:14">
      <c r="N271917" s="10"/>
    </row>
    <row r="271918" spans="14:14">
      <c r="N271918" s="10"/>
    </row>
    <row r="271919" spans="14:14">
      <c r="N271919" s="10"/>
    </row>
    <row r="271920" spans="14:14">
      <c r="N271920" s="10"/>
    </row>
    <row r="271921" spans="14:14">
      <c r="N271921" s="10"/>
    </row>
    <row r="271922" spans="14:14">
      <c r="N271922" s="10"/>
    </row>
    <row r="271923" spans="14:14">
      <c r="N271923" s="10"/>
    </row>
    <row r="271924" spans="14:14">
      <c r="N271924" s="10"/>
    </row>
    <row r="271925" spans="14:14">
      <c r="N271925" s="10"/>
    </row>
    <row r="271926" spans="14:14">
      <c r="N271926" s="10"/>
    </row>
    <row r="271927" spans="14:14">
      <c r="N271927" s="10"/>
    </row>
    <row r="271928" spans="14:14">
      <c r="N271928" s="10"/>
    </row>
    <row r="271929" spans="14:14">
      <c r="N271929" s="10"/>
    </row>
    <row r="271930" spans="14:14">
      <c r="N271930" s="10"/>
    </row>
    <row r="271931" spans="14:14">
      <c r="N271931" s="10"/>
    </row>
    <row r="271932" spans="14:14">
      <c r="N271932" s="10"/>
    </row>
    <row r="271933" spans="14:14">
      <c r="N271933" s="10"/>
    </row>
    <row r="271934" spans="14:14">
      <c r="N271934" s="10"/>
    </row>
    <row r="271935" spans="14:14">
      <c r="N271935" s="10"/>
    </row>
    <row r="271936" spans="14:14">
      <c r="N271936" s="10"/>
    </row>
    <row r="271937" spans="14:14">
      <c r="N271937" s="10"/>
    </row>
    <row r="271938" spans="14:14">
      <c r="N271938" s="10"/>
    </row>
    <row r="271939" spans="14:14">
      <c r="N271939" s="10"/>
    </row>
    <row r="271940" spans="14:14">
      <c r="N271940" s="10"/>
    </row>
    <row r="271941" spans="14:14">
      <c r="N271941" s="10"/>
    </row>
    <row r="271942" spans="14:14">
      <c r="N271942" s="10"/>
    </row>
    <row r="271943" spans="14:14">
      <c r="N271943" s="10"/>
    </row>
    <row r="271944" spans="14:14">
      <c r="N271944" s="10"/>
    </row>
    <row r="271945" spans="14:14">
      <c r="N271945" s="10"/>
    </row>
    <row r="271946" spans="14:14">
      <c r="N271946" s="10"/>
    </row>
    <row r="271947" spans="14:14">
      <c r="N271947" s="10"/>
    </row>
    <row r="271948" spans="14:14">
      <c r="N271948" s="10"/>
    </row>
    <row r="271949" spans="14:14">
      <c r="N271949" s="10"/>
    </row>
    <row r="271950" spans="14:14">
      <c r="N271950" s="10"/>
    </row>
    <row r="271951" spans="14:14">
      <c r="N271951" s="10"/>
    </row>
    <row r="271952" spans="14:14">
      <c r="N271952" s="10"/>
    </row>
    <row r="271953" spans="14:14">
      <c r="N271953" s="10"/>
    </row>
    <row r="271954" spans="14:14">
      <c r="N271954" s="10"/>
    </row>
    <row r="271955" spans="14:14">
      <c r="N271955" s="10"/>
    </row>
    <row r="271956" spans="14:14">
      <c r="N271956" s="10"/>
    </row>
    <row r="271957" spans="14:14">
      <c r="N271957" s="10"/>
    </row>
    <row r="271958" spans="14:14">
      <c r="N271958" s="10"/>
    </row>
    <row r="271959" spans="14:14">
      <c r="N271959" s="10"/>
    </row>
    <row r="271960" spans="14:14">
      <c r="N271960" s="10"/>
    </row>
    <row r="271961" spans="14:14">
      <c r="N271961" s="10"/>
    </row>
    <row r="271962" spans="14:14">
      <c r="N271962" s="10"/>
    </row>
    <row r="271963" spans="14:14">
      <c r="N271963" s="10"/>
    </row>
    <row r="271964" spans="14:14">
      <c r="N271964" s="10"/>
    </row>
    <row r="271965" spans="14:14">
      <c r="N271965" s="10"/>
    </row>
    <row r="271966" spans="14:14">
      <c r="N271966" s="10"/>
    </row>
    <row r="271967" spans="14:14">
      <c r="N271967" s="10"/>
    </row>
    <row r="271968" spans="14:14">
      <c r="N271968" s="10"/>
    </row>
    <row r="271969" spans="14:14">
      <c r="N271969" s="10"/>
    </row>
    <row r="271970" spans="14:14">
      <c r="N271970" s="10"/>
    </row>
    <row r="271971" spans="14:14">
      <c r="N271971" s="10"/>
    </row>
    <row r="271972" spans="14:14">
      <c r="N271972" s="10"/>
    </row>
    <row r="271973" spans="14:14">
      <c r="N271973" s="10"/>
    </row>
    <row r="271974" spans="14:14">
      <c r="N271974" s="10"/>
    </row>
    <row r="271975" spans="14:14">
      <c r="N271975" s="10"/>
    </row>
    <row r="271976" spans="14:14">
      <c r="N271976" s="10"/>
    </row>
    <row r="271977" spans="14:14">
      <c r="N271977" s="10"/>
    </row>
    <row r="271978" spans="14:14">
      <c r="N271978" s="10"/>
    </row>
    <row r="271979" spans="14:14">
      <c r="N271979" s="10"/>
    </row>
    <row r="271980" spans="14:14">
      <c r="N271980" s="10"/>
    </row>
    <row r="271981" spans="14:14">
      <c r="N271981" s="10"/>
    </row>
    <row r="271982" spans="14:14">
      <c r="N271982" s="10"/>
    </row>
    <row r="271983" spans="14:14">
      <c r="N271983" s="10"/>
    </row>
    <row r="271984" spans="14:14">
      <c r="N271984" s="10"/>
    </row>
    <row r="271985" spans="14:14">
      <c r="N271985" s="10"/>
    </row>
    <row r="271986" spans="14:14">
      <c r="N271986" s="10"/>
    </row>
    <row r="271987" spans="14:14">
      <c r="N271987" s="10"/>
    </row>
    <row r="271988" spans="14:14">
      <c r="N271988" s="10"/>
    </row>
    <row r="271989" spans="14:14">
      <c r="N271989" s="10"/>
    </row>
    <row r="271990" spans="14:14">
      <c r="N271990" s="10"/>
    </row>
    <row r="271991" spans="14:14">
      <c r="N271991" s="10"/>
    </row>
    <row r="271992" spans="14:14">
      <c r="N271992" s="10"/>
    </row>
    <row r="271993" spans="14:14">
      <c r="N271993" s="10"/>
    </row>
    <row r="271994" spans="14:14">
      <c r="N271994" s="10"/>
    </row>
    <row r="271995" spans="14:14">
      <c r="N271995" s="10"/>
    </row>
    <row r="271996" spans="14:14">
      <c r="N271996" s="10"/>
    </row>
    <row r="271997" spans="14:14">
      <c r="N271997" s="10"/>
    </row>
    <row r="271998" spans="14:14">
      <c r="N271998" s="10"/>
    </row>
    <row r="271999" spans="14:14">
      <c r="N271999" s="10"/>
    </row>
    <row r="272000" spans="14:14">
      <c r="N272000" s="10"/>
    </row>
    <row r="272001" spans="14:14">
      <c r="N272001" s="10"/>
    </row>
    <row r="272002" spans="14:14">
      <c r="N272002" s="10"/>
    </row>
    <row r="272003" spans="14:14">
      <c r="N272003" s="10"/>
    </row>
    <row r="272004" spans="14:14">
      <c r="N272004" s="10"/>
    </row>
    <row r="272005" spans="14:14">
      <c r="N272005" s="10"/>
    </row>
    <row r="272006" spans="14:14">
      <c r="N272006" s="10"/>
    </row>
    <row r="272007" spans="14:14">
      <c r="N272007" s="10"/>
    </row>
    <row r="272008" spans="14:14">
      <c r="N272008" s="10"/>
    </row>
    <row r="272009" spans="14:14">
      <c r="N272009" s="10"/>
    </row>
    <row r="272010" spans="14:14">
      <c r="N272010" s="10"/>
    </row>
    <row r="272011" spans="14:14">
      <c r="N272011" s="10"/>
    </row>
    <row r="272012" spans="14:14">
      <c r="N272012" s="10"/>
    </row>
    <row r="272013" spans="14:14">
      <c r="N272013" s="10"/>
    </row>
    <row r="272014" spans="14:14">
      <c r="N272014" s="10"/>
    </row>
    <row r="272015" spans="14:14">
      <c r="N272015" s="10"/>
    </row>
    <row r="272016" spans="14:14">
      <c r="N272016" s="10"/>
    </row>
    <row r="272017" spans="14:14">
      <c r="N272017" s="10"/>
    </row>
    <row r="272018" spans="14:14">
      <c r="N272018" s="10"/>
    </row>
    <row r="272019" spans="14:14">
      <c r="N272019" s="10"/>
    </row>
    <row r="272020" spans="14:14">
      <c r="N272020" s="10"/>
    </row>
    <row r="272021" spans="14:14">
      <c r="N272021" s="10"/>
    </row>
    <row r="272022" spans="14:14">
      <c r="N272022" s="10"/>
    </row>
    <row r="272023" spans="14:14">
      <c r="N272023" s="10"/>
    </row>
    <row r="272024" spans="14:14">
      <c r="N272024" s="10"/>
    </row>
    <row r="272025" spans="14:14">
      <c r="N272025" s="10"/>
    </row>
    <row r="272026" spans="14:14">
      <c r="N272026" s="10"/>
    </row>
    <row r="272027" spans="14:14">
      <c r="N272027" s="10"/>
    </row>
    <row r="272028" spans="14:14">
      <c r="N272028" s="10"/>
    </row>
    <row r="272029" spans="14:14">
      <c r="N272029" s="10"/>
    </row>
    <row r="272030" spans="14:14">
      <c r="N272030" s="10"/>
    </row>
    <row r="272031" spans="14:14">
      <c r="N272031" s="10"/>
    </row>
    <row r="272032" spans="14:14">
      <c r="N272032" s="10"/>
    </row>
    <row r="272033" spans="14:14">
      <c r="N272033" s="10"/>
    </row>
    <row r="272034" spans="14:14">
      <c r="N272034" s="10"/>
    </row>
    <row r="272035" spans="14:14">
      <c r="N272035" s="10"/>
    </row>
    <row r="272036" spans="14:14">
      <c r="N272036" s="10"/>
    </row>
    <row r="272037" spans="14:14">
      <c r="N272037" s="10"/>
    </row>
    <row r="272038" spans="14:14">
      <c r="N272038" s="10"/>
    </row>
    <row r="272039" spans="14:14">
      <c r="N272039" s="10"/>
    </row>
    <row r="272040" spans="14:14">
      <c r="N272040" s="10"/>
    </row>
    <row r="272041" spans="14:14">
      <c r="N272041" s="10"/>
    </row>
    <row r="272042" spans="14:14">
      <c r="N272042" s="10"/>
    </row>
    <row r="272043" spans="14:14">
      <c r="N272043" s="10"/>
    </row>
    <row r="272044" spans="14:14">
      <c r="N272044" s="10"/>
    </row>
    <row r="272045" spans="14:14">
      <c r="N272045" s="10"/>
    </row>
    <row r="272046" spans="14:14">
      <c r="N272046" s="10"/>
    </row>
    <row r="272047" spans="14:14">
      <c r="N272047" s="10"/>
    </row>
    <row r="272048" spans="14:14">
      <c r="N272048" s="10"/>
    </row>
    <row r="272049" spans="14:14">
      <c r="N272049" s="10"/>
    </row>
    <row r="272050" spans="14:14">
      <c r="N272050" s="10"/>
    </row>
    <row r="272051" spans="14:14">
      <c r="N272051" s="10"/>
    </row>
    <row r="272052" spans="14:14">
      <c r="N272052" s="10"/>
    </row>
    <row r="272053" spans="14:14">
      <c r="N272053" s="10"/>
    </row>
    <row r="272054" spans="14:14">
      <c r="N272054" s="10"/>
    </row>
    <row r="272055" spans="14:14">
      <c r="N272055" s="10"/>
    </row>
    <row r="272056" spans="14:14">
      <c r="N272056" s="10"/>
    </row>
    <row r="272057" spans="14:14">
      <c r="N272057" s="10"/>
    </row>
    <row r="272058" spans="14:14">
      <c r="N272058" s="10"/>
    </row>
    <row r="272059" spans="14:14">
      <c r="N272059" s="10"/>
    </row>
    <row r="272060" spans="14:14">
      <c r="N272060" s="10"/>
    </row>
    <row r="272061" spans="14:14">
      <c r="N272061" s="10"/>
    </row>
    <row r="272062" spans="14:14">
      <c r="N272062" s="10"/>
    </row>
    <row r="272063" spans="14:14">
      <c r="N272063" s="10"/>
    </row>
    <row r="272064" spans="14:14">
      <c r="N272064" s="10"/>
    </row>
    <row r="272065" spans="14:14">
      <c r="N272065" s="10"/>
    </row>
    <row r="272066" spans="14:14">
      <c r="N272066" s="10"/>
    </row>
    <row r="272067" spans="14:14">
      <c r="N272067" s="10"/>
    </row>
    <row r="272068" spans="14:14">
      <c r="N272068" s="10"/>
    </row>
    <row r="272069" spans="14:14">
      <c r="N272069" s="10"/>
    </row>
    <row r="272070" spans="14:14">
      <c r="N272070" s="10"/>
    </row>
    <row r="272071" spans="14:14">
      <c r="N272071" s="10"/>
    </row>
    <row r="272072" spans="14:14">
      <c r="N272072" s="10"/>
    </row>
    <row r="272073" spans="14:14">
      <c r="N272073" s="10"/>
    </row>
    <row r="272074" spans="14:14">
      <c r="N272074" s="10"/>
    </row>
    <row r="272075" spans="14:14">
      <c r="N272075" s="10"/>
    </row>
    <row r="272076" spans="14:14">
      <c r="N272076" s="10"/>
    </row>
    <row r="272077" spans="14:14">
      <c r="N272077" s="10"/>
    </row>
    <row r="272078" spans="14:14">
      <c r="N272078" s="10"/>
    </row>
    <row r="272079" spans="14:14">
      <c r="N272079" s="10"/>
    </row>
    <row r="272080" spans="14:14">
      <c r="N272080" s="10"/>
    </row>
    <row r="272081" spans="14:14">
      <c r="N272081" s="10"/>
    </row>
    <row r="272082" spans="14:14">
      <c r="N272082" s="10"/>
    </row>
    <row r="272083" spans="14:14">
      <c r="N272083" s="10"/>
    </row>
    <row r="272084" spans="14:14">
      <c r="N272084" s="10"/>
    </row>
    <row r="272085" spans="14:14">
      <c r="N272085" s="10"/>
    </row>
    <row r="272086" spans="14:14">
      <c r="N272086" s="10"/>
    </row>
    <row r="272087" spans="14:14">
      <c r="N272087" s="10"/>
    </row>
    <row r="272088" spans="14:14">
      <c r="N272088" s="10"/>
    </row>
    <row r="272089" spans="14:14">
      <c r="N272089" s="10"/>
    </row>
    <row r="272090" spans="14:14">
      <c r="N272090" s="10"/>
    </row>
    <row r="272091" spans="14:14">
      <c r="N272091" s="10"/>
    </row>
    <row r="272092" spans="14:14">
      <c r="N272092" s="10"/>
    </row>
    <row r="272093" spans="14:14">
      <c r="N272093" s="10"/>
    </row>
    <row r="272094" spans="14:14">
      <c r="N272094" s="10"/>
    </row>
    <row r="272095" spans="14:14">
      <c r="N272095" s="10"/>
    </row>
    <row r="272096" spans="14:14">
      <c r="N272096" s="10"/>
    </row>
    <row r="272097" spans="14:14">
      <c r="N272097" s="10"/>
    </row>
    <row r="272098" spans="14:14">
      <c r="N272098" s="10"/>
    </row>
    <row r="272099" spans="14:14">
      <c r="N272099" s="10"/>
    </row>
    <row r="272100" spans="14:14">
      <c r="N272100" s="10"/>
    </row>
    <row r="272101" spans="14:14">
      <c r="N272101" s="10"/>
    </row>
    <row r="272102" spans="14:14">
      <c r="N272102" s="10"/>
    </row>
    <row r="272103" spans="14:14">
      <c r="N272103" s="10"/>
    </row>
    <row r="272104" spans="14:14">
      <c r="N272104" s="10"/>
    </row>
    <row r="272105" spans="14:14">
      <c r="N272105" s="10"/>
    </row>
    <row r="272106" spans="14:14">
      <c r="N272106" s="10"/>
    </row>
    <row r="272107" spans="14:14">
      <c r="N272107" s="10"/>
    </row>
    <row r="272108" spans="14:14">
      <c r="N272108" s="10"/>
    </row>
    <row r="272109" spans="14:14">
      <c r="N272109" s="10"/>
    </row>
    <row r="272110" spans="14:14">
      <c r="N272110" s="10"/>
    </row>
    <row r="272111" spans="14:14">
      <c r="N272111" s="10"/>
    </row>
    <row r="272112" spans="14:14">
      <c r="N272112" s="10"/>
    </row>
    <row r="272113" spans="14:14">
      <c r="N272113" s="10"/>
    </row>
    <row r="272114" spans="14:14">
      <c r="N272114" s="10"/>
    </row>
    <row r="272115" spans="14:14">
      <c r="N272115" s="10"/>
    </row>
    <row r="272116" spans="14:14">
      <c r="N272116" s="10"/>
    </row>
    <row r="272117" spans="14:14">
      <c r="N272117" s="10"/>
    </row>
    <row r="272118" spans="14:14">
      <c r="N272118" s="10"/>
    </row>
    <row r="272119" spans="14:14">
      <c r="N272119" s="10"/>
    </row>
    <row r="272120" spans="14:14">
      <c r="N272120" s="10"/>
    </row>
    <row r="272121" spans="14:14">
      <c r="N272121" s="10"/>
    </row>
    <row r="272122" spans="14:14">
      <c r="N272122" s="10"/>
    </row>
    <row r="272123" spans="14:14">
      <c r="N272123" s="10"/>
    </row>
    <row r="272124" spans="14:14">
      <c r="N272124" s="10"/>
    </row>
    <row r="272125" spans="14:14">
      <c r="N272125" s="10"/>
    </row>
    <row r="272126" spans="14:14">
      <c r="N272126" s="10"/>
    </row>
    <row r="272127" spans="14:14">
      <c r="N272127" s="10"/>
    </row>
    <row r="272128" spans="14:14">
      <c r="N272128" s="10"/>
    </row>
    <row r="272129" spans="14:14">
      <c r="N272129" s="10"/>
    </row>
    <row r="272130" spans="14:14">
      <c r="N272130" s="10"/>
    </row>
    <row r="272131" spans="14:14">
      <c r="N272131" s="10"/>
    </row>
    <row r="272132" spans="14:14">
      <c r="N272132" s="10"/>
    </row>
    <row r="272133" spans="14:14">
      <c r="N272133" s="10"/>
    </row>
    <row r="272134" spans="14:14">
      <c r="N272134" s="10"/>
    </row>
    <row r="272135" spans="14:14">
      <c r="N272135" s="10"/>
    </row>
    <row r="272136" spans="14:14">
      <c r="N272136" s="10"/>
    </row>
    <row r="272137" spans="14:14">
      <c r="N272137" s="10"/>
    </row>
    <row r="272138" spans="14:14">
      <c r="N272138" s="10"/>
    </row>
    <row r="272139" spans="14:14">
      <c r="N272139" s="10"/>
    </row>
    <row r="272140" spans="14:14">
      <c r="N272140" s="10"/>
    </row>
    <row r="272141" spans="14:14">
      <c r="N272141" s="10"/>
    </row>
    <row r="272142" spans="14:14">
      <c r="N272142" s="10"/>
    </row>
    <row r="272143" spans="14:14">
      <c r="N272143" s="10"/>
    </row>
    <row r="272144" spans="14:14">
      <c r="N272144" s="10"/>
    </row>
    <row r="272145" spans="14:14">
      <c r="N272145" s="10"/>
    </row>
    <row r="272146" spans="14:14">
      <c r="N272146" s="10"/>
    </row>
    <row r="272147" spans="14:14">
      <c r="N272147" s="10"/>
    </row>
    <row r="272148" spans="14:14">
      <c r="N272148" s="10"/>
    </row>
    <row r="272149" spans="14:14">
      <c r="N272149" s="10"/>
    </row>
    <row r="272150" spans="14:14">
      <c r="N272150" s="10"/>
    </row>
    <row r="272151" spans="14:14">
      <c r="N272151" s="10"/>
    </row>
    <row r="272152" spans="14:14">
      <c r="N272152" s="10"/>
    </row>
    <row r="272153" spans="14:14">
      <c r="N272153" s="10"/>
    </row>
    <row r="272154" spans="14:14">
      <c r="N272154" s="10"/>
    </row>
    <row r="272155" spans="14:14">
      <c r="N272155" s="10"/>
    </row>
    <row r="272156" spans="14:14">
      <c r="N272156" s="10"/>
    </row>
    <row r="272157" spans="14:14">
      <c r="N272157" s="10"/>
    </row>
    <row r="272158" spans="14:14">
      <c r="N272158" s="10"/>
    </row>
    <row r="272159" spans="14:14">
      <c r="N272159" s="10"/>
    </row>
    <row r="272160" spans="14:14">
      <c r="N272160" s="10"/>
    </row>
    <row r="272161" spans="14:14">
      <c r="N272161" s="10"/>
    </row>
    <row r="272162" spans="14:14">
      <c r="N272162" s="10"/>
    </row>
    <row r="272163" spans="14:14">
      <c r="N272163" s="10"/>
    </row>
    <row r="272164" spans="14:14">
      <c r="N272164" s="10"/>
    </row>
    <row r="272165" spans="14:14">
      <c r="N272165" s="10"/>
    </row>
    <row r="272166" spans="14:14">
      <c r="N272166" s="10"/>
    </row>
    <row r="272167" spans="14:14">
      <c r="N272167" s="10"/>
    </row>
    <row r="272168" spans="14:14">
      <c r="N272168" s="10"/>
    </row>
    <row r="272169" spans="14:14">
      <c r="N272169" s="10"/>
    </row>
    <row r="272170" spans="14:14">
      <c r="N272170" s="10"/>
    </row>
    <row r="272171" spans="14:14">
      <c r="N272171" s="10"/>
    </row>
    <row r="272172" spans="14:14">
      <c r="N272172" s="10"/>
    </row>
    <row r="272173" spans="14:14">
      <c r="N272173" s="10"/>
    </row>
    <row r="272174" spans="14:14">
      <c r="N272174" s="10"/>
    </row>
    <row r="272175" spans="14:14">
      <c r="N272175" s="10"/>
    </row>
    <row r="272176" spans="14:14">
      <c r="N272176" s="10"/>
    </row>
    <row r="272177" spans="14:14">
      <c r="N272177" s="10"/>
    </row>
    <row r="272178" spans="14:14">
      <c r="N272178" s="10"/>
    </row>
    <row r="272179" spans="14:14">
      <c r="N272179" s="10"/>
    </row>
    <row r="272180" spans="14:14">
      <c r="N272180" s="10"/>
    </row>
    <row r="272181" spans="14:14">
      <c r="N272181" s="10"/>
    </row>
    <row r="272182" spans="14:14">
      <c r="N272182" s="10"/>
    </row>
    <row r="272183" spans="14:14">
      <c r="N272183" s="10"/>
    </row>
    <row r="272184" spans="14:14">
      <c r="N272184" s="10"/>
    </row>
    <row r="272185" spans="14:14">
      <c r="N272185" s="10"/>
    </row>
    <row r="272186" spans="14:14">
      <c r="N272186" s="10"/>
    </row>
    <row r="272187" spans="14:14">
      <c r="N272187" s="10"/>
    </row>
    <row r="272188" spans="14:14">
      <c r="N272188" s="10"/>
    </row>
    <row r="272189" spans="14:14">
      <c r="N272189" s="10"/>
    </row>
    <row r="272190" spans="14:14">
      <c r="N272190" s="10"/>
    </row>
    <row r="272191" spans="14:14">
      <c r="N272191" s="10"/>
    </row>
    <row r="272192" spans="14:14">
      <c r="N272192" s="10"/>
    </row>
    <row r="272193" spans="14:14">
      <c r="N272193" s="10"/>
    </row>
    <row r="272194" spans="14:14">
      <c r="N272194" s="10"/>
    </row>
    <row r="272195" spans="14:14">
      <c r="N272195" s="10"/>
    </row>
    <row r="272196" spans="14:14">
      <c r="N272196" s="10"/>
    </row>
    <row r="272197" spans="14:14">
      <c r="N272197" s="10"/>
    </row>
    <row r="272198" spans="14:14">
      <c r="N272198" s="10"/>
    </row>
    <row r="272199" spans="14:14">
      <c r="N272199" s="10"/>
    </row>
    <row r="272200" spans="14:14">
      <c r="N272200" s="10"/>
    </row>
    <row r="272201" spans="14:14">
      <c r="N272201" s="10"/>
    </row>
    <row r="272202" spans="14:14">
      <c r="N272202" s="10"/>
    </row>
    <row r="272203" spans="14:14">
      <c r="N272203" s="10"/>
    </row>
    <row r="272204" spans="14:14">
      <c r="N272204" s="10"/>
    </row>
    <row r="272205" spans="14:14">
      <c r="N272205" s="10"/>
    </row>
    <row r="272206" spans="14:14">
      <c r="N272206" s="10"/>
    </row>
    <row r="272207" spans="14:14">
      <c r="N272207" s="10"/>
    </row>
    <row r="272208" spans="14:14">
      <c r="N272208" s="10"/>
    </row>
    <row r="272209" spans="14:14">
      <c r="N272209" s="10"/>
    </row>
    <row r="272210" spans="14:14">
      <c r="N272210" s="10"/>
    </row>
    <row r="272211" spans="14:14">
      <c r="N272211" s="10"/>
    </row>
    <row r="272212" spans="14:14">
      <c r="N272212" s="10"/>
    </row>
    <row r="272213" spans="14:14">
      <c r="N272213" s="10"/>
    </row>
    <row r="272214" spans="14:14">
      <c r="N272214" s="10"/>
    </row>
    <row r="272215" spans="14:14">
      <c r="N272215" s="10"/>
    </row>
    <row r="272216" spans="14:14">
      <c r="N272216" s="10"/>
    </row>
    <row r="272217" spans="14:14">
      <c r="N272217" s="10"/>
    </row>
    <row r="272218" spans="14:14">
      <c r="N272218" s="10"/>
    </row>
    <row r="272219" spans="14:14">
      <c r="N272219" s="10"/>
    </row>
    <row r="272220" spans="14:14">
      <c r="N272220" s="10"/>
    </row>
    <row r="272221" spans="14:14">
      <c r="N272221" s="10"/>
    </row>
    <row r="272222" spans="14:14">
      <c r="N272222" s="10"/>
    </row>
    <row r="272223" spans="14:14">
      <c r="N272223" s="10"/>
    </row>
    <row r="272224" spans="14:14">
      <c r="N272224" s="10"/>
    </row>
    <row r="272225" spans="14:14">
      <c r="N272225" s="10"/>
    </row>
    <row r="272226" spans="14:14">
      <c r="N272226" s="10"/>
    </row>
    <row r="272227" spans="14:14">
      <c r="N272227" s="10"/>
    </row>
    <row r="272228" spans="14:14">
      <c r="N272228" s="10"/>
    </row>
    <row r="272229" spans="14:14">
      <c r="N272229" s="10"/>
    </row>
    <row r="272230" spans="14:14">
      <c r="N272230" s="10"/>
    </row>
    <row r="272231" spans="14:14">
      <c r="N272231" s="10"/>
    </row>
    <row r="272232" spans="14:14">
      <c r="N272232" s="10"/>
    </row>
    <row r="272233" spans="14:14">
      <c r="N272233" s="10"/>
    </row>
    <row r="272234" spans="14:14">
      <c r="N272234" s="10"/>
    </row>
    <row r="272235" spans="14:14">
      <c r="N272235" s="10"/>
    </row>
    <row r="272236" spans="14:14">
      <c r="N272236" s="10"/>
    </row>
    <row r="272237" spans="14:14">
      <c r="N272237" s="10"/>
    </row>
    <row r="272238" spans="14:14">
      <c r="N272238" s="10"/>
    </row>
    <row r="272239" spans="14:14">
      <c r="N272239" s="10"/>
    </row>
    <row r="272240" spans="14:14">
      <c r="N272240" s="10"/>
    </row>
    <row r="272241" spans="14:14">
      <c r="N272241" s="10"/>
    </row>
    <row r="272242" spans="14:14">
      <c r="N272242" s="10"/>
    </row>
    <row r="272243" spans="14:14">
      <c r="N272243" s="10"/>
    </row>
    <row r="272244" spans="14:14">
      <c r="N272244" s="10"/>
    </row>
    <row r="272245" spans="14:14">
      <c r="N272245" s="10"/>
    </row>
    <row r="272246" spans="14:14">
      <c r="N272246" s="10"/>
    </row>
    <row r="272247" spans="14:14">
      <c r="N272247" s="10"/>
    </row>
    <row r="272248" spans="14:14">
      <c r="N272248" s="10"/>
    </row>
    <row r="272249" spans="14:14">
      <c r="N272249" s="10"/>
    </row>
    <row r="272250" spans="14:14">
      <c r="N272250" s="10"/>
    </row>
    <row r="272251" spans="14:14">
      <c r="N272251" s="10"/>
    </row>
    <row r="272252" spans="14:14">
      <c r="N272252" s="10"/>
    </row>
    <row r="272253" spans="14:14">
      <c r="N272253" s="10"/>
    </row>
    <row r="272254" spans="14:14">
      <c r="N272254" s="10"/>
    </row>
    <row r="272255" spans="14:14">
      <c r="N272255" s="10"/>
    </row>
    <row r="272256" spans="14:14">
      <c r="N272256" s="10"/>
    </row>
    <row r="272257" spans="14:14">
      <c r="N272257" s="10"/>
    </row>
    <row r="272258" spans="14:14">
      <c r="N272258" s="10"/>
    </row>
    <row r="272259" spans="14:14">
      <c r="N272259" s="10"/>
    </row>
    <row r="272260" spans="14:14">
      <c r="N272260" s="10"/>
    </row>
    <row r="272261" spans="14:14">
      <c r="N272261" s="10"/>
    </row>
    <row r="272262" spans="14:14">
      <c r="N272262" s="10"/>
    </row>
    <row r="272263" spans="14:14">
      <c r="N272263" s="10"/>
    </row>
    <row r="272264" spans="14:14">
      <c r="N272264" s="10"/>
    </row>
    <row r="272265" spans="14:14">
      <c r="N272265" s="10"/>
    </row>
    <row r="272266" spans="14:14">
      <c r="N272266" s="10"/>
    </row>
    <row r="272267" spans="14:14">
      <c r="N272267" s="10"/>
    </row>
    <row r="272268" spans="14:14">
      <c r="N272268" s="10"/>
    </row>
    <row r="272269" spans="14:14">
      <c r="N272269" s="10"/>
    </row>
    <row r="272270" spans="14:14">
      <c r="N272270" s="10"/>
    </row>
    <row r="272271" spans="14:14">
      <c r="N272271" s="10"/>
    </row>
    <row r="272272" spans="14:14">
      <c r="N272272" s="10"/>
    </row>
    <row r="272273" spans="14:14">
      <c r="N272273" s="10"/>
    </row>
    <row r="272274" spans="14:14">
      <c r="N272274" s="10"/>
    </row>
    <row r="272275" spans="14:14">
      <c r="N272275" s="10"/>
    </row>
    <row r="272276" spans="14:14">
      <c r="N272276" s="10"/>
    </row>
    <row r="272277" spans="14:14">
      <c r="N272277" s="10"/>
    </row>
    <row r="272278" spans="14:14">
      <c r="N272278" s="10"/>
    </row>
    <row r="272279" spans="14:14">
      <c r="N272279" s="10"/>
    </row>
    <row r="272280" spans="14:14">
      <c r="N272280" s="10"/>
    </row>
    <row r="272281" spans="14:14">
      <c r="N272281" s="10"/>
    </row>
    <row r="272282" spans="14:14">
      <c r="N272282" s="10"/>
    </row>
    <row r="272283" spans="14:14">
      <c r="N272283" s="10"/>
    </row>
    <row r="272284" spans="14:14">
      <c r="N272284" s="10"/>
    </row>
    <row r="272285" spans="14:14">
      <c r="N272285" s="10"/>
    </row>
    <row r="272286" spans="14:14">
      <c r="N272286" s="10"/>
    </row>
    <row r="272287" spans="14:14">
      <c r="N272287" s="10"/>
    </row>
    <row r="272288" spans="14:14">
      <c r="N272288" s="10"/>
    </row>
    <row r="272289" spans="14:14">
      <c r="N272289" s="10"/>
    </row>
    <row r="272290" spans="14:14">
      <c r="N272290" s="10"/>
    </row>
    <row r="272291" spans="14:14">
      <c r="N272291" s="10"/>
    </row>
    <row r="272292" spans="14:14">
      <c r="N272292" s="10"/>
    </row>
    <row r="272293" spans="14:14">
      <c r="N272293" s="10"/>
    </row>
    <row r="272294" spans="14:14">
      <c r="N272294" s="10"/>
    </row>
    <row r="272295" spans="14:14">
      <c r="N272295" s="10"/>
    </row>
    <row r="272296" spans="14:14">
      <c r="N272296" s="10"/>
    </row>
    <row r="272297" spans="14:14">
      <c r="N272297" s="10"/>
    </row>
    <row r="272298" spans="14:14">
      <c r="N272298" s="10"/>
    </row>
    <row r="272299" spans="14:14">
      <c r="N272299" s="10"/>
    </row>
    <row r="272300" spans="14:14">
      <c r="N272300" s="10"/>
    </row>
    <row r="272301" spans="14:14">
      <c r="N272301" s="10"/>
    </row>
    <row r="272302" spans="14:14">
      <c r="N272302" s="10"/>
    </row>
    <row r="272303" spans="14:14">
      <c r="N272303" s="10"/>
    </row>
    <row r="272304" spans="14:14">
      <c r="N272304" s="10"/>
    </row>
    <row r="272305" spans="14:14">
      <c r="N272305" s="10"/>
    </row>
    <row r="272306" spans="14:14">
      <c r="N272306" s="10"/>
    </row>
    <row r="272307" spans="14:14">
      <c r="N272307" s="10"/>
    </row>
    <row r="272308" spans="14:14">
      <c r="N272308" s="10"/>
    </row>
    <row r="272309" spans="14:14">
      <c r="N272309" s="10"/>
    </row>
    <row r="272310" spans="14:14">
      <c r="N272310" s="10"/>
    </row>
    <row r="272311" spans="14:14">
      <c r="N272311" s="10"/>
    </row>
    <row r="272312" spans="14:14">
      <c r="N272312" s="10"/>
    </row>
    <row r="272313" spans="14:14">
      <c r="N272313" s="10"/>
    </row>
    <row r="272314" spans="14:14">
      <c r="N272314" s="10"/>
    </row>
    <row r="272315" spans="14:14">
      <c r="N272315" s="10"/>
    </row>
    <row r="272316" spans="14:14">
      <c r="N272316" s="10"/>
    </row>
    <row r="272317" spans="14:14">
      <c r="N272317" s="10"/>
    </row>
    <row r="272318" spans="14:14">
      <c r="N272318" s="10"/>
    </row>
    <row r="272319" spans="14:14">
      <c r="N272319" s="10"/>
    </row>
    <row r="272320" spans="14:14">
      <c r="N272320" s="10"/>
    </row>
    <row r="272321" spans="14:14">
      <c r="N272321" s="10"/>
    </row>
    <row r="272322" spans="14:14">
      <c r="N272322" s="10"/>
    </row>
    <row r="272323" spans="14:14">
      <c r="N272323" s="10"/>
    </row>
    <row r="272324" spans="14:14">
      <c r="N272324" s="10"/>
    </row>
    <row r="272325" spans="14:14">
      <c r="N272325" s="10"/>
    </row>
    <row r="272326" spans="14:14">
      <c r="N272326" s="10"/>
    </row>
    <row r="272327" spans="14:14">
      <c r="N272327" s="10"/>
    </row>
    <row r="272328" spans="14:14">
      <c r="N272328" s="10"/>
    </row>
    <row r="272329" spans="14:14">
      <c r="N272329" s="10"/>
    </row>
    <row r="272330" spans="14:14">
      <c r="N272330" s="10"/>
    </row>
    <row r="272331" spans="14:14">
      <c r="N272331" s="10"/>
    </row>
    <row r="272332" spans="14:14">
      <c r="N272332" s="10"/>
    </row>
    <row r="272333" spans="14:14">
      <c r="N272333" s="10"/>
    </row>
    <row r="272334" spans="14:14">
      <c r="N272334" s="10"/>
    </row>
    <row r="272335" spans="14:14">
      <c r="N272335" s="10"/>
    </row>
    <row r="272336" spans="14:14">
      <c r="N272336" s="10"/>
    </row>
    <row r="272337" spans="14:14">
      <c r="N272337" s="10"/>
    </row>
    <row r="272338" spans="14:14">
      <c r="N272338" s="10"/>
    </row>
    <row r="272339" spans="14:14">
      <c r="N272339" s="10"/>
    </row>
    <row r="272340" spans="14:14">
      <c r="N272340" s="10"/>
    </row>
    <row r="272341" spans="14:14">
      <c r="N272341" s="10"/>
    </row>
    <row r="272342" spans="14:14">
      <c r="N272342" s="10"/>
    </row>
    <row r="272343" spans="14:14">
      <c r="N272343" s="10"/>
    </row>
    <row r="272344" spans="14:14">
      <c r="N272344" s="10"/>
    </row>
    <row r="272345" spans="14:14">
      <c r="N272345" s="10"/>
    </row>
    <row r="272346" spans="14:14">
      <c r="N272346" s="10"/>
    </row>
    <row r="272347" spans="14:14">
      <c r="N272347" s="10"/>
    </row>
    <row r="272348" spans="14:14">
      <c r="N272348" s="10"/>
    </row>
    <row r="272349" spans="14:14">
      <c r="N272349" s="10"/>
    </row>
    <row r="272350" spans="14:14">
      <c r="N272350" s="10"/>
    </row>
    <row r="272351" spans="14:14">
      <c r="N272351" s="10"/>
    </row>
    <row r="272352" spans="14:14">
      <c r="N272352" s="10"/>
    </row>
    <row r="272353" spans="14:14">
      <c r="N272353" s="10"/>
    </row>
    <row r="272354" spans="14:14">
      <c r="N272354" s="10"/>
    </row>
    <row r="272355" spans="14:14">
      <c r="N272355" s="10"/>
    </row>
    <row r="272356" spans="14:14">
      <c r="N272356" s="10"/>
    </row>
    <row r="272357" spans="14:14">
      <c r="N272357" s="10"/>
    </row>
    <row r="272358" spans="14:14">
      <c r="N272358" s="10"/>
    </row>
    <row r="272359" spans="14:14">
      <c r="N272359" s="10"/>
    </row>
    <row r="272360" spans="14:14">
      <c r="N272360" s="10"/>
    </row>
    <row r="272361" spans="14:14">
      <c r="N272361" s="10"/>
    </row>
    <row r="272362" spans="14:14">
      <c r="N272362" s="10"/>
    </row>
    <row r="272363" spans="14:14">
      <c r="N272363" s="10"/>
    </row>
    <row r="272364" spans="14:14">
      <c r="N272364" s="10"/>
    </row>
    <row r="272365" spans="14:14">
      <c r="N272365" s="10"/>
    </row>
    <row r="272366" spans="14:14">
      <c r="N272366" s="10"/>
    </row>
    <row r="272367" spans="14:14">
      <c r="N272367" s="10"/>
    </row>
    <row r="272368" spans="14:14">
      <c r="N272368" s="10"/>
    </row>
    <row r="272369" spans="14:14">
      <c r="N272369" s="10"/>
    </row>
    <row r="272370" spans="14:14">
      <c r="N272370" s="10"/>
    </row>
    <row r="272371" spans="14:14">
      <c r="N272371" s="10"/>
    </row>
    <row r="272372" spans="14:14">
      <c r="N272372" s="10"/>
    </row>
    <row r="272373" spans="14:14">
      <c r="N272373" s="10"/>
    </row>
    <row r="272374" spans="14:14">
      <c r="N272374" s="10"/>
    </row>
    <row r="272375" spans="14:14">
      <c r="N272375" s="10"/>
    </row>
    <row r="272376" spans="14:14">
      <c r="N272376" s="10"/>
    </row>
    <row r="272377" spans="14:14">
      <c r="N272377" s="10"/>
    </row>
    <row r="272378" spans="14:14">
      <c r="N272378" s="10"/>
    </row>
    <row r="272379" spans="14:14">
      <c r="N272379" s="10"/>
    </row>
    <row r="272380" spans="14:14">
      <c r="N272380" s="10"/>
    </row>
    <row r="272381" spans="14:14">
      <c r="N272381" s="10"/>
    </row>
    <row r="272382" spans="14:14">
      <c r="N272382" s="10"/>
    </row>
    <row r="272383" spans="14:14">
      <c r="N272383" s="10"/>
    </row>
    <row r="272384" spans="14:14">
      <c r="N272384" s="10"/>
    </row>
    <row r="272385" spans="14:14">
      <c r="N272385" s="10"/>
    </row>
    <row r="272386" spans="14:14">
      <c r="N272386" s="10"/>
    </row>
    <row r="272387" spans="14:14">
      <c r="N272387" s="10"/>
    </row>
    <row r="272388" spans="14:14">
      <c r="N272388" s="10"/>
    </row>
    <row r="272389" spans="14:14">
      <c r="N272389" s="10"/>
    </row>
    <row r="272390" spans="14:14">
      <c r="N272390" s="10"/>
    </row>
    <row r="272391" spans="14:14">
      <c r="N272391" s="10"/>
    </row>
    <row r="272392" spans="14:14">
      <c r="N272392" s="10"/>
    </row>
    <row r="272393" spans="14:14">
      <c r="N272393" s="10"/>
    </row>
    <row r="272394" spans="14:14">
      <c r="N272394" s="10"/>
    </row>
    <row r="272395" spans="14:14">
      <c r="N272395" s="10"/>
    </row>
    <row r="272396" spans="14:14">
      <c r="N272396" s="10"/>
    </row>
    <row r="272397" spans="14:14">
      <c r="N272397" s="10"/>
    </row>
    <row r="272398" spans="14:14">
      <c r="N272398" s="10"/>
    </row>
    <row r="272399" spans="14:14">
      <c r="N272399" s="10"/>
    </row>
    <row r="272400" spans="14:14">
      <c r="N272400" s="10"/>
    </row>
    <row r="272401" spans="14:14">
      <c r="N272401" s="10"/>
    </row>
    <row r="272402" spans="14:14">
      <c r="N272402" s="10"/>
    </row>
    <row r="272403" spans="14:14">
      <c r="N272403" s="10"/>
    </row>
    <row r="272404" spans="14:14">
      <c r="N272404" s="10"/>
    </row>
    <row r="272405" spans="14:14">
      <c r="N272405" s="10"/>
    </row>
    <row r="272406" spans="14:14">
      <c r="N272406" s="10"/>
    </row>
    <row r="272407" spans="14:14">
      <c r="N272407" s="10"/>
    </row>
    <row r="272408" spans="14:14">
      <c r="N272408" s="10"/>
    </row>
    <row r="272409" spans="14:14">
      <c r="N272409" s="10"/>
    </row>
    <row r="272410" spans="14:14">
      <c r="N272410" s="10"/>
    </row>
    <row r="272411" spans="14:14">
      <c r="N272411" s="10"/>
    </row>
    <row r="272412" spans="14:14">
      <c r="N272412" s="10"/>
    </row>
    <row r="272413" spans="14:14">
      <c r="N272413" s="10"/>
    </row>
    <row r="272414" spans="14:14">
      <c r="N272414" s="10"/>
    </row>
    <row r="272415" spans="14:14">
      <c r="N272415" s="10"/>
    </row>
    <row r="272416" spans="14:14">
      <c r="N272416" s="10"/>
    </row>
    <row r="272417" spans="14:14">
      <c r="N272417" s="10"/>
    </row>
    <row r="272418" spans="14:14">
      <c r="N272418" s="10"/>
    </row>
    <row r="272419" spans="14:14">
      <c r="N272419" s="10"/>
    </row>
    <row r="272420" spans="14:14">
      <c r="N272420" s="10"/>
    </row>
    <row r="272421" spans="14:14">
      <c r="N272421" s="10"/>
    </row>
    <row r="272422" spans="14:14">
      <c r="N272422" s="10"/>
    </row>
    <row r="272423" spans="14:14">
      <c r="N272423" s="10"/>
    </row>
    <row r="272424" spans="14:14">
      <c r="N272424" s="10"/>
    </row>
    <row r="272425" spans="14:14">
      <c r="N272425" s="10"/>
    </row>
    <row r="272426" spans="14:14">
      <c r="N272426" s="10"/>
    </row>
    <row r="272427" spans="14:14">
      <c r="N272427" s="10"/>
    </row>
    <row r="272428" spans="14:14">
      <c r="N272428" s="10"/>
    </row>
    <row r="272429" spans="14:14">
      <c r="N272429" s="10"/>
    </row>
    <row r="272430" spans="14:14">
      <c r="N272430" s="10"/>
    </row>
    <row r="272431" spans="14:14">
      <c r="N272431" s="10"/>
    </row>
    <row r="272432" spans="14:14">
      <c r="N272432" s="10"/>
    </row>
    <row r="272433" spans="14:14">
      <c r="N272433" s="10"/>
    </row>
    <row r="272434" spans="14:14">
      <c r="N272434" s="10"/>
    </row>
    <row r="272435" spans="14:14">
      <c r="N272435" s="10"/>
    </row>
    <row r="272436" spans="14:14">
      <c r="N272436" s="10"/>
    </row>
    <row r="272437" spans="14:14">
      <c r="N272437" s="10"/>
    </row>
    <row r="272438" spans="14:14">
      <c r="N272438" s="10"/>
    </row>
    <row r="272439" spans="14:14">
      <c r="N272439" s="10"/>
    </row>
    <row r="272440" spans="14:14">
      <c r="N272440" s="10"/>
    </row>
    <row r="272441" spans="14:14">
      <c r="N272441" s="10"/>
    </row>
    <row r="272442" spans="14:14">
      <c r="N272442" s="10"/>
    </row>
    <row r="272443" spans="14:14">
      <c r="N272443" s="10"/>
    </row>
    <row r="272444" spans="14:14">
      <c r="N272444" s="10"/>
    </row>
    <row r="272445" spans="14:14">
      <c r="N272445" s="10"/>
    </row>
    <row r="272446" spans="14:14">
      <c r="N272446" s="10"/>
    </row>
    <row r="272447" spans="14:14">
      <c r="N272447" s="10"/>
    </row>
    <row r="272448" spans="14:14">
      <c r="N272448" s="10"/>
    </row>
    <row r="272449" spans="14:14">
      <c r="N272449" s="10"/>
    </row>
    <row r="272450" spans="14:14">
      <c r="N272450" s="10"/>
    </row>
    <row r="272451" spans="14:14">
      <c r="N272451" s="10"/>
    </row>
    <row r="272452" spans="14:14">
      <c r="N272452" s="10"/>
    </row>
    <row r="272453" spans="14:14">
      <c r="N272453" s="10"/>
    </row>
    <row r="272454" spans="14:14">
      <c r="N272454" s="10"/>
    </row>
    <row r="272455" spans="14:14">
      <c r="N272455" s="10"/>
    </row>
    <row r="272456" spans="14:14">
      <c r="N272456" s="10"/>
    </row>
    <row r="272457" spans="14:14">
      <c r="N272457" s="10"/>
    </row>
    <row r="272458" spans="14:14">
      <c r="N272458" s="10"/>
    </row>
    <row r="272459" spans="14:14">
      <c r="N272459" s="10"/>
    </row>
    <row r="272460" spans="14:14">
      <c r="N272460" s="10"/>
    </row>
    <row r="272461" spans="14:14">
      <c r="N272461" s="10"/>
    </row>
    <row r="272462" spans="14:14">
      <c r="N272462" s="10"/>
    </row>
    <row r="272463" spans="14:14">
      <c r="N272463" s="10"/>
    </row>
    <row r="272464" spans="14:14">
      <c r="N272464" s="10"/>
    </row>
    <row r="272465" spans="14:14">
      <c r="N272465" s="10"/>
    </row>
    <row r="272466" spans="14:14">
      <c r="N272466" s="10"/>
    </row>
    <row r="272467" spans="14:14">
      <c r="N272467" s="10"/>
    </row>
    <row r="272468" spans="14:14">
      <c r="N272468" s="10"/>
    </row>
    <row r="272469" spans="14:14">
      <c r="N272469" s="10"/>
    </row>
    <row r="272470" spans="14:14">
      <c r="N272470" s="10"/>
    </row>
    <row r="272471" spans="14:14">
      <c r="N272471" s="10"/>
    </row>
    <row r="272472" spans="14:14">
      <c r="N272472" s="10"/>
    </row>
    <row r="272473" spans="14:14">
      <c r="N272473" s="10"/>
    </row>
    <row r="272474" spans="14:14">
      <c r="N272474" s="10"/>
    </row>
    <row r="272475" spans="14:14">
      <c r="N272475" s="10"/>
    </row>
    <row r="272476" spans="14:14">
      <c r="N272476" s="10"/>
    </row>
    <row r="272477" spans="14:14">
      <c r="N272477" s="10"/>
    </row>
    <row r="272478" spans="14:14">
      <c r="N272478" s="10"/>
    </row>
    <row r="272479" spans="14:14">
      <c r="N272479" s="10"/>
    </row>
    <row r="272480" spans="14:14">
      <c r="N272480" s="10"/>
    </row>
    <row r="272481" spans="14:14">
      <c r="N272481" s="10"/>
    </row>
    <row r="272482" spans="14:14">
      <c r="N272482" s="10"/>
    </row>
    <row r="272483" spans="14:14">
      <c r="N272483" s="10"/>
    </row>
    <row r="272484" spans="14:14">
      <c r="N272484" s="10"/>
    </row>
    <row r="272485" spans="14:14">
      <c r="N272485" s="10"/>
    </row>
    <row r="272486" spans="14:14">
      <c r="N272486" s="10"/>
    </row>
    <row r="272487" spans="14:14">
      <c r="N272487" s="10"/>
    </row>
    <row r="272488" spans="14:14">
      <c r="N272488" s="10"/>
    </row>
    <row r="272489" spans="14:14">
      <c r="N272489" s="10"/>
    </row>
    <row r="272490" spans="14:14">
      <c r="N272490" s="10"/>
    </row>
    <row r="272491" spans="14:14">
      <c r="N272491" s="10"/>
    </row>
    <row r="272492" spans="14:14">
      <c r="N272492" s="10"/>
    </row>
    <row r="272493" spans="14:14">
      <c r="N272493" s="10"/>
    </row>
    <row r="272494" spans="14:14">
      <c r="N272494" s="10"/>
    </row>
    <row r="272495" spans="14:14">
      <c r="N272495" s="10"/>
    </row>
    <row r="272496" spans="14:14">
      <c r="N272496" s="10"/>
    </row>
    <row r="272497" spans="14:14">
      <c r="N272497" s="10"/>
    </row>
    <row r="272498" spans="14:14">
      <c r="N272498" s="10"/>
    </row>
    <row r="272499" spans="14:14">
      <c r="N272499" s="10"/>
    </row>
    <row r="272500" spans="14:14">
      <c r="N272500" s="10"/>
    </row>
    <row r="272501" spans="14:14">
      <c r="N272501" s="10"/>
    </row>
    <row r="272502" spans="14:14">
      <c r="N272502" s="10"/>
    </row>
    <row r="272503" spans="14:14">
      <c r="N272503" s="10"/>
    </row>
    <row r="272504" spans="14:14">
      <c r="N272504" s="10"/>
    </row>
    <row r="272505" spans="14:14">
      <c r="N272505" s="10"/>
    </row>
    <row r="272506" spans="14:14">
      <c r="N272506" s="10"/>
    </row>
    <row r="272507" spans="14:14">
      <c r="N272507" s="10"/>
    </row>
    <row r="272508" spans="14:14">
      <c r="N272508" s="10"/>
    </row>
    <row r="272509" spans="14:14">
      <c r="N272509" s="10"/>
    </row>
    <row r="272510" spans="14:14">
      <c r="N272510" s="10"/>
    </row>
    <row r="272511" spans="14:14">
      <c r="N272511" s="10"/>
    </row>
    <row r="272512" spans="14:14">
      <c r="N272512" s="10"/>
    </row>
    <row r="272513" spans="14:14">
      <c r="N272513" s="10"/>
    </row>
    <row r="272514" spans="14:14">
      <c r="N272514" s="10"/>
    </row>
    <row r="272515" spans="14:14">
      <c r="N272515" s="10"/>
    </row>
    <row r="272516" spans="14:14">
      <c r="N272516" s="10"/>
    </row>
    <row r="272517" spans="14:14">
      <c r="N272517" s="10"/>
    </row>
    <row r="272518" spans="14:14">
      <c r="N272518" s="10"/>
    </row>
    <row r="272519" spans="14:14">
      <c r="N272519" s="10"/>
    </row>
    <row r="272520" spans="14:14">
      <c r="N272520" s="10"/>
    </row>
    <row r="272521" spans="14:14">
      <c r="N272521" s="10"/>
    </row>
    <row r="272522" spans="14:14">
      <c r="N272522" s="10"/>
    </row>
    <row r="272523" spans="14:14">
      <c r="N272523" s="10"/>
    </row>
    <row r="272524" spans="14:14">
      <c r="N272524" s="10"/>
    </row>
    <row r="272525" spans="14:14">
      <c r="N272525" s="10"/>
    </row>
    <row r="272526" spans="14:14">
      <c r="N272526" s="10"/>
    </row>
    <row r="272527" spans="14:14">
      <c r="N272527" s="10"/>
    </row>
    <row r="272528" spans="14:14">
      <c r="N272528" s="10"/>
    </row>
    <row r="272529" spans="14:14">
      <c r="N272529" s="10"/>
    </row>
    <row r="272530" spans="14:14">
      <c r="N272530" s="10"/>
    </row>
    <row r="272531" spans="14:14">
      <c r="N272531" s="10"/>
    </row>
    <row r="272532" spans="14:14">
      <c r="N272532" s="10"/>
    </row>
    <row r="272533" spans="14:14">
      <c r="N272533" s="10"/>
    </row>
    <row r="272534" spans="14:14">
      <c r="N272534" s="10"/>
    </row>
    <row r="272535" spans="14:14">
      <c r="N272535" s="10"/>
    </row>
    <row r="272536" spans="14:14">
      <c r="N272536" s="10"/>
    </row>
    <row r="272537" spans="14:14">
      <c r="N272537" s="10"/>
    </row>
    <row r="272538" spans="14:14">
      <c r="N272538" s="10"/>
    </row>
    <row r="272539" spans="14:14">
      <c r="N272539" s="10"/>
    </row>
    <row r="272540" spans="14:14">
      <c r="N272540" s="10"/>
    </row>
    <row r="272541" spans="14:14">
      <c r="N272541" s="10"/>
    </row>
    <row r="272542" spans="14:14">
      <c r="N272542" s="10"/>
    </row>
    <row r="272543" spans="14:14">
      <c r="N272543" s="10"/>
    </row>
    <row r="272544" spans="14:14">
      <c r="N272544" s="10"/>
    </row>
    <row r="272545" spans="14:14">
      <c r="N272545" s="10"/>
    </row>
    <row r="272546" spans="14:14">
      <c r="N272546" s="10"/>
    </row>
    <row r="272547" spans="14:14">
      <c r="N272547" s="10"/>
    </row>
    <row r="272548" spans="14:14">
      <c r="N272548" s="10"/>
    </row>
    <row r="272549" spans="14:14">
      <c r="N272549" s="10"/>
    </row>
    <row r="272550" spans="14:14">
      <c r="N272550" s="10"/>
    </row>
    <row r="272551" spans="14:14">
      <c r="N272551" s="10"/>
    </row>
    <row r="272552" spans="14:14">
      <c r="N272552" s="10"/>
    </row>
    <row r="272553" spans="14:14">
      <c r="N272553" s="10"/>
    </row>
    <row r="272554" spans="14:14">
      <c r="N272554" s="10"/>
    </row>
    <row r="272555" spans="14:14">
      <c r="N272555" s="10"/>
    </row>
    <row r="272556" spans="14:14">
      <c r="N272556" s="10"/>
    </row>
    <row r="272557" spans="14:14">
      <c r="N272557" s="10"/>
    </row>
    <row r="272558" spans="14:14">
      <c r="N272558" s="10"/>
    </row>
    <row r="272559" spans="14:14">
      <c r="N272559" s="10"/>
    </row>
    <row r="272560" spans="14:14">
      <c r="N272560" s="10"/>
    </row>
    <row r="272561" spans="14:14">
      <c r="N272561" s="10"/>
    </row>
    <row r="272562" spans="14:14">
      <c r="N272562" s="10"/>
    </row>
    <row r="272563" spans="14:14">
      <c r="N272563" s="10"/>
    </row>
    <row r="272564" spans="14:14">
      <c r="N272564" s="10"/>
    </row>
    <row r="272565" spans="14:14">
      <c r="N272565" s="10"/>
    </row>
    <row r="272566" spans="14:14">
      <c r="N272566" s="10"/>
    </row>
    <row r="272567" spans="14:14">
      <c r="N272567" s="10"/>
    </row>
    <row r="272568" spans="14:14">
      <c r="N272568" s="10"/>
    </row>
    <row r="272569" spans="14:14">
      <c r="N272569" s="10"/>
    </row>
    <row r="272570" spans="14:14">
      <c r="N272570" s="10"/>
    </row>
    <row r="272571" spans="14:14">
      <c r="N272571" s="10"/>
    </row>
    <row r="272572" spans="14:14">
      <c r="N272572" s="10"/>
    </row>
    <row r="272573" spans="14:14">
      <c r="N272573" s="10"/>
    </row>
    <row r="272574" spans="14:14">
      <c r="N272574" s="10"/>
    </row>
    <row r="272575" spans="14:14">
      <c r="N272575" s="10"/>
    </row>
    <row r="272576" spans="14:14">
      <c r="N272576" s="10"/>
    </row>
    <row r="272577" spans="14:14">
      <c r="N272577" s="10"/>
    </row>
    <row r="272578" spans="14:14">
      <c r="N272578" s="10"/>
    </row>
    <row r="272579" spans="14:14">
      <c r="N272579" s="10"/>
    </row>
    <row r="272580" spans="14:14">
      <c r="N272580" s="10"/>
    </row>
    <row r="272581" spans="14:14">
      <c r="N272581" s="10"/>
    </row>
    <row r="272582" spans="14:14">
      <c r="N272582" s="10"/>
    </row>
    <row r="272583" spans="14:14">
      <c r="N272583" s="10"/>
    </row>
    <row r="272584" spans="14:14">
      <c r="N272584" s="10"/>
    </row>
    <row r="272585" spans="14:14">
      <c r="N272585" s="10"/>
    </row>
    <row r="272586" spans="14:14">
      <c r="N272586" s="10"/>
    </row>
    <row r="272587" spans="14:14">
      <c r="N272587" s="10"/>
    </row>
    <row r="272588" spans="14:14">
      <c r="N272588" s="10"/>
    </row>
    <row r="272589" spans="14:14">
      <c r="N272589" s="10"/>
    </row>
    <row r="272590" spans="14:14">
      <c r="N272590" s="10"/>
    </row>
    <row r="272591" spans="14:14">
      <c r="N272591" s="10"/>
    </row>
    <row r="272592" spans="14:14">
      <c r="N272592" s="10"/>
    </row>
    <row r="272593" spans="14:14">
      <c r="N272593" s="10"/>
    </row>
    <row r="272594" spans="14:14">
      <c r="N272594" s="10"/>
    </row>
    <row r="272595" spans="14:14">
      <c r="N272595" s="10"/>
    </row>
    <row r="272596" spans="14:14">
      <c r="N272596" s="10"/>
    </row>
    <row r="272597" spans="14:14">
      <c r="N272597" s="10"/>
    </row>
    <row r="272598" spans="14:14">
      <c r="N272598" s="10"/>
    </row>
    <row r="272599" spans="14:14">
      <c r="N272599" s="10"/>
    </row>
    <row r="272600" spans="14:14">
      <c r="N272600" s="10"/>
    </row>
    <row r="272601" spans="14:14">
      <c r="N272601" s="10"/>
    </row>
    <row r="272602" spans="14:14">
      <c r="N272602" s="10"/>
    </row>
    <row r="272603" spans="14:14">
      <c r="N272603" s="10"/>
    </row>
    <row r="272604" spans="14:14">
      <c r="N272604" s="10"/>
    </row>
    <row r="272605" spans="14:14">
      <c r="N272605" s="10"/>
    </row>
    <row r="272606" spans="14:14">
      <c r="N272606" s="10"/>
    </row>
    <row r="272607" spans="14:14">
      <c r="N272607" s="10"/>
    </row>
    <row r="272608" spans="14:14">
      <c r="N272608" s="10"/>
    </row>
    <row r="272609" spans="14:14">
      <c r="N272609" s="10"/>
    </row>
    <row r="272610" spans="14:14">
      <c r="N272610" s="10"/>
    </row>
    <row r="272611" spans="14:14">
      <c r="N272611" s="10"/>
    </row>
    <row r="272612" spans="14:14">
      <c r="N272612" s="10"/>
    </row>
    <row r="272613" spans="14:14">
      <c r="N272613" s="10"/>
    </row>
    <row r="272614" spans="14:14">
      <c r="N272614" s="10"/>
    </row>
    <row r="272615" spans="14:14">
      <c r="N272615" s="10"/>
    </row>
    <row r="272616" spans="14:14">
      <c r="N272616" s="10"/>
    </row>
    <row r="272617" spans="14:14">
      <c r="N272617" s="10"/>
    </row>
    <row r="272618" spans="14:14">
      <c r="N272618" s="10"/>
    </row>
    <row r="272619" spans="14:14">
      <c r="N272619" s="10"/>
    </row>
    <row r="272620" spans="14:14">
      <c r="N272620" s="10"/>
    </row>
    <row r="272621" spans="14:14">
      <c r="N272621" s="10"/>
    </row>
    <row r="272622" spans="14:14">
      <c r="N272622" s="10"/>
    </row>
    <row r="272623" spans="14:14">
      <c r="N272623" s="10"/>
    </row>
    <row r="272624" spans="14:14">
      <c r="N272624" s="10"/>
    </row>
    <row r="272625" spans="14:14">
      <c r="N272625" s="10"/>
    </row>
    <row r="272626" spans="14:14">
      <c r="N272626" s="10"/>
    </row>
    <row r="272627" spans="14:14">
      <c r="N272627" s="10"/>
    </row>
    <row r="272628" spans="14:14">
      <c r="N272628" s="10"/>
    </row>
    <row r="272629" spans="14:14">
      <c r="N272629" s="10"/>
    </row>
    <row r="272630" spans="14:14">
      <c r="N272630" s="10"/>
    </row>
    <row r="272631" spans="14:14">
      <c r="N272631" s="10"/>
    </row>
    <row r="272632" spans="14:14">
      <c r="N272632" s="10"/>
    </row>
    <row r="272633" spans="14:14">
      <c r="N272633" s="10"/>
    </row>
    <row r="272634" spans="14:14">
      <c r="N272634" s="10"/>
    </row>
    <row r="272635" spans="14:14">
      <c r="N272635" s="10"/>
    </row>
    <row r="272636" spans="14:14">
      <c r="N272636" s="10"/>
    </row>
    <row r="272637" spans="14:14">
      <c r="N272637" s="10"/>
    </row>
    <row r="272638" spans="14:14">
      <c r="N272638" s="10"/>
    </row>
    <row r="272639" spans="14:14">
      <c r="N272639" s="10"/>
    </row>
    <row r="272640" spans="14:14">
      <c r="N272640" s="10"/>
    </row>
    <row r="272641" spans="14:14">
      <c r="N272641" s="10"/>
    </row>
    <row r="272642" spans="14:14">
      <c r="N272642" s="10"/>
    </row>
    <row r="272643" spans="14:14">
      <c r="N272643" s="10"/>
    </row>
    <row r="272644" spans="14:14">
      <c r="N272644" s="10"/>
    </row>
    <row r="272645" spans="14:14">
      <c r="N272645" s="10"/>
    </row>
    <row r="272646" spans="14:14">
      <c r="N272646" s="10"/>
    </row>
    <row r="272647" spans="14:14">
      <c r="N272647" s="10"/>
    </row>
    <row r="272648" spans="14:14">
      <c r="N272648" s="10"/>
    </row>
    <row r="272649" spans="14:14">
      <c r="N272649" s="10"/>
    </row>
    <row r="272650" spans="14:14">
      <c r="N272650" s="10"/>
    </row>
    <row r="272651" spans="14:14">
      <c r="N272651" s="10"/>
    </row>
    <row r="272652" spans="14:14">
      <c r="N272652" s="10"/>
    </row>
    <row r="272653" spans="14:14">
      <c r="N272653" s="10"/>
    </row>
    <row r="272654" spans="14:14">
      <c r="N272654" s="10"/>
    </row>
    <row r="272655" spans="14:14">
      <c r="N272655" s="10"/>
    </row>
    <row r="272656" spans="14:14">
      <c r="N272656" s="10"/>
    </row>
    <row r="272657" spans="14:14">
      <c r="N272657" s="10"/>
    </row>
    <row r="272658" spans="14:14">
      <c r="N272658" s="10"/>
    </row>
    <row r="272659" spans="14:14">
      <c r="N272659" s="10"/>
    </row>
    <row r="272660" spans="14:14">
      <c r="N272660" s="10"/>
    </row>
    <row r="272661" spans="14:14">
      <c r="N272661" s="10"/>
    </row>
    <row r="272662" spans="14:14">
      <c r="N272662" s="10"/>
    </row>
    <row r="272663" spans="14:14">
      <c r="N272663" s="10"/>
    </row>
    <row r="272664" spans="14:14">
      <c r="N272664" s="10"/>
    </row>
    <row r="272665" spans="14:14">
      <c r="N272665" s="10"/>
    </row>
    <row r="272666" spans="14:14">
      <c r="N272666" s="10"/>
    </row>
    <row r="272667" spans="14:14">
      <c r="N272667" s="10"/>
    </row>
    <row r="272668" spans="14:14">
      <c r="N272668" s="10"/>
    </row>
    <row r="272669" spans="14:14">
      <c r="N272669" s="10"/>
    </row>
    <row r="272670" spans="14:14">
      <c r="N272670" s="10"/>
    </row>
    <row r="272671" spans="14:14">
      <c r="N272671" s="10"/>
    </row>
    <row r="272672" spans="14:14">
      <c r="N272672" s="10"/>
    </row>
    <row r="272673" spans="14:14">
      <c r="N272673" s="10"/>
    </row>
    <row r="272674" spans="14:14">
      <c r="N272674" s="10"/>
    </row>
    <row r="272675" spans="14:14">
      <c r="N272675" s="10"/>
    </row>
    <row r="272676" spans="14:14">
      <c r="N272676" s="10"/>
    </row>
    <row r="272677" spans="14:14">
      <c r="N272677" s="10"/>
    </row>
    <row r="272678" spans="14:14">
      <c r="N272678" s="10"/>
    </row>
    <row r="272679" spans="14:14">
      <c r="N272679" s="10"/>
    </row>
    <row r="272680" spans="14:14">
      <c r="N272680" s="10"/>
    </row>
    <row r="272681" spans="14:14">
      <c r="N272681" s="10"/>
    </row>
    <row r="272682" spans="14:14">
      <c r="N272682" s="10"/>
    </row>
    <row r="272683" spans="14:14">
      <c r="N272683" s="10"/>
    </row>
    <row r="272684" spans="14:14">
      <c r="N272684" s="10"/>
    </row>
    <row r="272685" spans="14:14">
      <c r="N272685" s="10"/>
    </row>
    <row r="272686" spans="14:14">
      <c r="N272686" s="10"/>
    </row>
    <row r="272687" spans="14:14">
      <c r="N272687" s="10"/>
    </row>
    <row r="272688" spans="14:14">
      <c r="N272688" s="10"/>
    </row>
    <row r="272689" spans="14:14">
      <c r="N272689" s="10"/>
    </row>
    <row r="272690" spans="14:14">
      <c r="N272690" s="10"/>
    </row>
    <row r="272691" spans="14:14">
      <c r="N272691" s="10"/>
    </row>
    <row r="272692" spans="14:14">
      <c r="N272692" s="10"/>
    </row>
    <row r="272693" spans="14:14">
      <c r="N272693" s="10"/>
    </row>
    <row r="272694" spans="14:14">
      <c r="N272694" s="10"/>
    </row>
    <row r="272695" spans="14:14">
      <c r="N272695" s="10"/>
    </row>
    <row r="272696" spans="14:14">
      <c r="N272696" s="10"/>
    </row>
    <row r="272697" spans="14:14">
      <c r="N272697" s="10"/>
    </row>
    <row r="272698" spans="14:14">
      <c r="N272698" s="10"/>
    </row>
    <row r="272699" spans="14:14">
      <c r="N272699" s="10"/>
    </row>
    <row r="272700" spans="14:14">
      <c r="N272700" s="10"/>
    </row>
    <row r="272701" spans="14:14">
      <c r="N272701" s="10"/>
    </row>
    <row r="272702" spans="14:14">
      <c r="N272702" s="10"/>
    </row>
    <row r="272703" spans="14:14">
      <c r="N272703" s="10"/>
    </row>
    <row r="272704" spans="14:14">
      <c r="N272704" s="10"/>
    </row>
    <row r="272705" spans="14:14">
      <c r="N272705" s="10"/>
    </row>
    <row r="272706" spans="14:14">
      <c r="N272706" s="10"/>
    </row>
    <row r="272707" spans="14:14">
      <c r="N272707" s="10"/>
    </row>
    <row r="272708" spans="14:14">
      <c r="N272708" s="10"/>
    </row>
    <row r="272709" spans="14:14">
      <c r="N272709" s="10"/>
    </row>
    <row r="272710" spans="14:14">
      <c r="N272710" s="10"/>
    </row>
    <row r="272711" spans="14:14">
      <c r="N272711" s="10"/>
    </row>
    <row r="272712" spans="14:14">
      <c r="N272712" s="10"/>
    </row>
    <row r="272713" spans="14:14">
      <c r="N272713" s="10"/>
    </row>
    <row r="272714" spans="14:14">
      <c r="N272714" s="10"/>
    </row>
    <row r="272715" spans="14:14">
      <c r="N272715" s="10"/>
    </row>
    <row r="272716" spans="14:14">
      <c r="N272716" s="10"/>
    </row>
    <row r="272717" spans="14:14">
      <c r="N272717" s="10"/>
    </row>
    <row r="272718" spans="14:14">
      <c r="N272718" s="10"/>
    </row>
    <row r="272719" spans="14:14">
      <c r="N272719" s="10"/>
    </row>
    <row r="272720" spans="14:14">
      <c r="N272720" s="10"/>
    </row>
    <row r="272721" spans="14:14">
      <c r="N272721" s="10"/>
    </row>
    <row r="272722" spans="14:14">
      <c r="N272722" s="10"/>
    </row>
    <row r="272723" spans="14:14">
      <c r="N272723" s="10"/>
    </row>
    <row r="272724" spans="14:14">
      <c r="N272724" s="10"/>
    </row>
    <row r="272725" spans="14:14">
      <c r="N272725" s="10"/>
    </row>
    <row r="272726" spans="14:14">
      <c r="N272726" s="10"/>
    </row>
    <row r="272727" spans="14:14">
      <c r="N272727" s="10"/>
    </row>
    <row r="272728" spans="14:14">
      <c r="N272728" s="10"/>
    </row>
    <row r="272729" spans="14:14">
      <c r="N272729" s="10"/>
    </row>
    <row r="272730" spans="14:14">
      <c r="N272730" s="10"/>
    </row>
    <row r="272731" spans="14:14">
      <c r="N272731" s="10"/>
    </row>
    <row r="272732" spans="14:14">
      <c r="N272732" s="10"/>
    </row>
    <row r="272733" spans="14:14">
      <c r="N272733" s="10"/>
    </row>
    <row r="272734" spans="14:14">
      <c r="N272734" s="10"/>
    </row>
    <row r="272735" spans="14:14">
      <c r="N272735" s="10"/>
    </row>
    <row r="272736" spans="14:14">
      <c r="N272736" s="10"/>
    </row>
    <row r="272737" spans="14:14">
      <c r="N272737" s="10"/>
    </row>
    <row r="272738" spans="14:14">
      <c r="N272738" s="10"/>
    </row>
    <row r="272739" spans="14:14">
      <c r="N272739" s="10"/>
    </row>
    <row r="272740" spans="14:14">
      <c r="N272740" s="10"/>
    </row>
    <row r="272741" spans="14:14">
      <c r="N272741" s="10"/>
    </row>
    <row r="272742" spans="14:14">
      <c r="N272742" s="10"/>
    </row>
    <row r="272743" spans="14:14">
      <c r="N272743" s="10"/>
    </row>
    <row r="272744" spans="14:14">
      <c r="N272744" s="10"/>
    </row>
    <row r="272745" spans="14:14">
      <c r="N272745" s="10"/>
    </row>
    <row r="272746" spans="14:14">
      <c r="N272746" s="10"/>
    </row>
    <row r="272747" spans="14:14">
      <c r="N272747" s="10"/>
    </row>
    <row r="272748" spans="14:14">
      <c r="N272748" s="10"/>
    </row>
    <row r="272749" spans="14:14">
      <c r="N272749" s="10"/>
    </row>
    <row r="272750" spans="14:14">
      <c r="N272750" s="10"/>
    </row>
    <row r="272751" spans="14:14">
      <c r="N272751" s="10"/>
    </row>
    <row r="272752" spans="14:14">
      <c r="N272752" s="10"/>
    </row>
    <row r="272753" spans="14:14">
      <c r="N272753" s="10"/>
    </row>
    <row r="272754" spans="14:14">
      <c r="N272754" s="10"/>
    </row>
    <row r="272755" spans="14:14">
      <c r="N272755" s="10"/>
    </row>
    <row r="272756" spans="14:14">
      <c r="N272756" s="10"/>
    </row>
    <row r="272757" spans="14:14">
      <c r="N272757" s="10"/>
    </row>
    <row r="272758" spans="14:14">
      <c r="N272758" s="10"/>
    </row>
    <row r="272759" spans="14:14">
      <c r="N272759" s="10"/>
    </row>
    <row r="272760" spans="14:14">
      <c r="N272760" s="10"/>
    </row>
    <row r="272761" spans="14:14">
      <c r="N272761" s="10"/>
    </row>
    <row r="272762" spans="14:14">
      <c r="N272762" s="10"/>
    </row>
    <row r="272763" spans="14:14">
      <c r="N272763" s="10"/>
    </row>
    <row r="272764" spans="14:14">
      <c r="N272764" s="10"/>
    </row>
    <row r="272765" spans="14:14">
      <c r="N272765" s="10"/>
    </row>
    <row r="272766" spans="14:14">
      <c r="N272766" s="10"/>
    </row>
    <row r="272767" spans="14:14">
      <c r="N272767" s="10"/>
    </row>
    <row r="272768" spans="14:14">
      <c r="N272768" s="10"/>
    </row>
    <row r="272769" spans="14:14">
      <c r="N272769" s="10"/>
    </row>
    <row r="272770" spans="14:14">
      <c r="N272770" s="10"/>
    </row>
    <row r="272771" spans="14:14">
      <c r="N272771" s="10"/>
    </row>
    <row r="272772" spans="14:14">
      <c r="N272772" s="10"/>
    </row>
    <row r="272773" spans="14:14">
      <c r="N272773" s="10"/>
    </row>
    <row r="272774" spans="14:14">
      <c r="N272774" s="10"/>
    </row>
    <row r="272775" spans="14:14">
      <c r="N272775" s="10"/>
    </row>
    <row r="272776" spans="14:14">
      <c r="N272776" s="10"/>
    </row>
    <row r="272777" spans="14:14">
      <c r="N272777" s="10"/>
    </row>
    <row r="272778" spans="14:14">
      <c r="N272778" s="10"/>
    </row>
    <row r="272779" spans="14:14">
      <c r="N272779" s="10"/>
    </row>
    <row r="272780" spans="14:14">
      <c r="N272780" s="10"/>
    </row>
    <row r="272781" spans="14:14">
      <c r="N272781" s="10"/>
    </row>
    <row r="272782" spans="14:14">
      <c r="N272782" s="10"/>
    </row>
    <row r="272783" spans="14:14">
      <c r="N272783" s="10"/>
    </row>
    <row r="272784" spans="14:14">
      <c r="N272784" s="10"/>
    </row>
    <row r="272785" spans="14:14">
      <c r="N272785" s="10"/>
    </row>
    <row r="272786" spans="14:14">
      <c r="N272786" s="10"/>
    </row>
    <row r="272787" spans="14:14">
      <c r="N272787" s="10"/>
    </row>
    <row r="272788" spans="14:14">
      <c r="N272788" s="10"/>
    </row>
    <row r="272789" spans="14:14">
      <c r="N272789" s="10"/>
    </row>
    <row r="272790" spans="14:14">
      <c r="N272790" s="10"/>
    </row>
    <row r="272791" spans="14:14">
      <c r="N272791" s="10"/>
    </row>
    <row r="272792" spans="14:14">
      <c r="N272792" s="10"/>
    </row>
    <row r="272793" spans="14:14">
      <c r="N272793" s="10"/>
    </row>
    <row r="272794" spans="14:14">
      <c r="N272794" s="10"/>
    </row>
    <row r="272795" spans="14:14">
      <c r="N272795" s="10"/>
    </row>
    <row r="272796" spans="14:14">
      <c r="N272796" s="10"/>
    </row>
    <row r="272797" spans="14:14">
      <c r="N272797" s="10"/>
    </row>
    <row r="272798" spans="14:14">
      <c r="N272798" s="10"/>
    </row>
    <row r="272799" spans="14:14">
      <c r="N272799" s="10"/>
    </row>
    <row r="272800" spans="14:14">
      <c r="N272800" s="10"/>
    </row>
    <row r="272801" spans="14:14">
      <c r="N272801" s="10"/>
    </row>
    <row r="272802" spans="14:14">
      <c r="N272802" s="10"/>
    </row>
    <row r="272803" spans="14:14">
      <c r="N272803" s="10"/>
    </row>
    <row r="272804" spans="14:14">
      <c r="N272804" s="10"/>
    </row>
    <row r="272805" spans="14:14">
      <c r="N272805" s="10"/>
    </row>
    <row r="272806" spans="14:14">
      <c r="N272806" s="10"/>
    </row>
    <row r="272807" spans="14:14">
      <c r="N272807" s="10"/>
    </row>
    <row r="272808" spans="14:14">
      <c r="N272808" s="10"/>
    </row>
    <row r="272809" spans="14:14">
      <c r="N272809" s="10"/>
    </row>
    <row r="272810" spans="14:14">
      <c r="N272810" s="10"/>
    </row>
    <row r="272811" spans="14:14">
      <c r="N272811" s="10"/>
    </row>
    <row r="272812" spans="14:14">
      <c r="N272812" s="10"/>
    </row>
    <row r="272813" spans="14:14">
      <c r="N272813" s="10"/>
    </row>
    <row r="272814" spans="14:14">
      <c r="N272814" s="10"/>
    </row>
    <row r="272815" spans="14:14">
      <c r="N272815" s="10"/>
    </row>
    <row r="272816" spans="14:14">
      <c r="N272816" s="10"/>
    </row>
    <row r="272817" spans="14:14">
      <c r="N272817" s="10"/>
    </row>
    <row r="272818" spans="14:14">
      <c r="N272818" s="10"/>
    </row>
    <row r="272819" spans="14:14">
      <c r="N272819" s="10"/>
    </row>
    <row r="272820" spans="14:14">
      <c r="N272820" s="10"/>
    </row>
    <row r="272821" spans="14:14">
      <c r="N272821" s="10"/>
    </row>
    <row r="272822" spans="14:14">
      <c r="N272822" s="10"/>
    </row>
    <row r="272823" spans="14:14">
      <c r="N272823" s="10"/>
    </row>
    <row r="272824" spans="14:14">
      <c r="N272824" s="10"/>
    </row>
    <row r="272825" spans="14:14">
      <c r="N272825" s="10"/>
    </row>
    <row r="272826" spans="14:14">
      <c r="N272826" s="10"/>
    </row>
    <row r="272827" spans="14:14">
      <c r="N272827" s="10"/>
    </row>
    <row r="272828" spans="14:14">
      <c r="N272828" s="10"/>
    </row>
    <row r="272829" spans="14:14">
      <c r="N272829" s="10"/>
    </row>
    <row r="272830" spans="14:14">
      <c r="N272830" s="10"/>
    </row>
    <row r="272831" spans="14:14">
      <c r="N272831" s="10"/>
    </row>
    <row r="272832" spans="14:14">
      <c r="N272832" s="10"/>
    </row>
    <row r="272833" spans="14:14">
      <c r="N272833" s="10"/>
    </row>
    <row r="272834" spans="14:14">
      <c r="N272834" s="10"/>
    </row>
    <row r="272835" spans="14:14">
      <c r="N272835" s="10"/>
    </row>
    <row r="272836" spans="14:14">
      <c r="N272836" s="10"/>
    </row>
    <row r="272837" spans="14:14">
      <c r="N272837" s="10"/>
    </row>
    <row r="272838" spans="14:14">
      <c r="N272838" s="10"/>
    </row>
    <row r="272839" spans="14:14">
      <c r="N272839" s="10"/>
    </row>
    <row r="272840" spans="14:14">
      <c r="N272840" s="10"/>
    </row>
    <row r="272841" spans="14:14">
      <c r="N272841" s="10"/>
    </row>
    <row r="272842" spans="14:14">
      <c r="N272842" s="10"/>
    </row>
    <row r="272843" spans="14:14">
      <c r="N272843" s="10"/>
    </row>
    <row r="272844" spans="14:14">
      <c r="N272844" s="10"/>
    </row>
    <row r="272845" spans="14:14">
      <c r="N272845" s="10"/>
    </row>
    <row r="272846" spans="14:14">
      <c r="N272846" s="10"/>
    </row>
    <row r="272847" spans="14:14">
      <c r="N272847" s="10"/>
    </row>
    <row r="272848" spans="14:14">
      <c r="N272848" s="10"/>
    </row>
    <row r="272849" spans="14:14">
      <c r="N272849" s="10"/>
    </row>
    <row r="272850" spans="14:14">
      <c r="N272850" s="10"/>
    </row>
    <row r="272851" spans="14:14">
      <c r="N272851" s="10"/>
    </row>
    <row r="272852" spans="14:14">
      <c r="N272852" s="10"/>
    </row>
    <row r="272853" spans="14:14">
      <c r="N272853" s="10"/>
    </row>
    <row r="272854" spans="14:14">
      <c r="N272854" s="10"/>
    </row>
    <row r="272855" spans="14:14">
      <c r="N272855" s="10"/>
    </row>
    <row r="272856" spans="14:14">
      <c r="N272856" s="10"/>
    </row>
    <row r="272857" spans="14:14">
      <c r="N272857" s="10"/>
    </row>
    <row r="272858" spans="14:14">
      <c r="N272858" s="10"/>
    </row>
    <row r="272859" spans="14:14">
      <c r="N272859" s="10"/>
    </row>
    <row r="272860" spans="14:14">
      <c r="N272860" s="10"/>
    </row>
    <row r="272861" spans="14:14">
      <c r="N272861" s="10"/>
    </row>
    <row r="272862" spans="14:14">
      <c r="N272862" s="10"/>
    </row>
    <row r="272863" spans="14:14">
      <c r="N272863" s="10"/>
    </row>
    <row r="272864" spans="14:14">
      <c r="N272864" s="10"/>
    </row>
    <row r="272865" spans="14:14">
      <c r="N272865" s="10"/>
    </row>
    <row r="272866" spans="14:14">
      <c r="N272866" s="10"/>
    </row>
    <row r="272867" spans="14:14">
      <c r="N272867" s="10"/>
    </row>
    <row r="272868" spans="14:14">
      <c r="N272868" s="10"/>
    </row>
    <row r="272869" spans="14:14">
      <c r="N272869" s="10"/>
    </row>
    <row r="272870" spans="14:14">
      <c r="N272870" s="10"/>
    </row>
    <row r="272871" spans="14:14">
      <c r="N272871" s="10"/>
    </row>
    <row r="272872" spans="14:14">
      <c r="N272872" s="10"/>
    </row>
    <row r="272873" spans="14:14">
      <c r="N272873" s="10"/>
    </row>
    <row r="272874" spans="14:14">
      <c r="N272874" s="10"/>
    </row>
    <row r="272875" spans="14:14">
      <c r="N272875" s="10"/>
    </row>
    <row r="272876" spans="14:14">
      <c r="N272876" s="10"/>
    </row>
    <row r="272877" spans="14:14">
      <c r="N272877" s="10"/>
    </row>
    <row r="272878" spans="14:14">
      <c r="N272878" s="10"/>
    </row>
    <row r="272879" spans="14:14">
      <c r="N272879" s="10"/>
    </row>
    <row r="272880" spans="14:14">
      <c r="N272880" s="10"/>
    </row>
    <row r="272881" spans="14:14">
      <c r="N272881" s="10"/>
    </row>
    <row r="272882" spans="14:14">
      <c r="N272882" s="10"/>
    </row>
    <row r="272883" spans="14:14">
      <c r="N272883" s="10"/>
    </row>
    <row r="272884" spans="14:14">
      <c r="N272884" s="10"/>
    </row>
    <row r="272885" spans="14:14">
      <c r="N272885" s="10"/>
    </row>
    <row r="272886" spans="14:14">
      <c r="N272886" s="10"/>
    </row>
    <row r="272887" spans="14:14">
      <c r="N272887" s="10"/>
    </row>
    <row r="272888" spans="14:14">
      <c r="N272888" s="10"/>
    </row>
    <row r="272889" spans="14:14">
      <c r="N272889" s="10"/>
    </row>
    <row r="272890" spans="14:14">
      <c r="N272890" s="10"/>
    </row>
    <row r="272891" spans="14:14">
      <c r="N272891" s="10"/>
    </row>
    <row r="272892" spans="14:14">
      <c r="N272892" s="10"/>
    </row>
    <row r="272893" spans="14:14">
      <c r="N272893" s="10"/>
    </row>
    <row r="272894" spans="14:14">
      <c r="N272894" s="10"/>
    </row>
    <row r="272895" spans="14:14">
      <c r="N272895" s="10"/>
    </row>
    <row r="272896" spans="14:14">
      <c r="N272896" s="10"/>
    </row>
    <row r="272897" spans="14:14">
      <c r="N272897" s="10"/>
    </row>
    <row r="272898" spans="14:14">
      <c r="N272898" s="10"/>
    </row>
    <row r="272899" spans="14:14">
      <c r="N272899" s="10"/>
    </row>
    <row r="272900" spans="14:14">
      <c r="N272900" s="10"/>
    </row>
    <row r="272901" spans="14:14">
      <c r="N272901" s="10"/>
    </row>
    <row r="272902" spans="14:14">
      <c r="N272902" s="10"/>
    </row>
    <row r="272903" spans="14:14">
      <c r="N272903" s="10"/>
    </row>
    <row r="272904" spans="14:14">
      <c r="N272904" s="10"/>
    </row>
    <row r="272905" spans="14:14">
      <c r="N272905" s="10"/>
    </row>
    <row r="272906" spans="14:14">
      <c r="N272906" s="10"/>
    </row>
    <row r="272907" spans="14:14">
      <c r="N272907" s="10"/>
    </row>
    <row r="272908" spans="14:14">
      <c r="N272908" s="10"/>
    </row>
    <row r="272909" spans="14:14">
      <c r="N272909" s="10"/>
    </row>
    <row r="272910" spans="14:14">
      <c r="N272910" s="10"/>
    </row>
    <row r="272911" spans="14:14">
      <c r="N272911" s="10"/>
    </row>
    <row r="272912" spans="14:14">
      <c r="N272912" s="10"/>
    </row>
    <row r="272913" spans="14:14">
      <c r="N272913" s="10"/>
    </row>
    <row r="272914" spans="14:14">
      <c r="N272914" s="10"/>
    </row>
    <row r="272915" spans="14:14">
      <c r="N272915" s="10"/>
    </row>
    <row r="272916" spans="14:14">
      <c r="N272916" s="10"/>
    </row>
    <row r="272917" spans="14:14">
      <c r="N272917" s="10"/>
    </row>
    <row r="272918" spans="14:14">
      <c r="N272918" s="10"/>
    </row>
    <row r="272919" spans="14:14">
      <c r="N272919" s="10"/>
    </row>
    <row r="272920" spans="14:14">
      <c r="N272920" s="10"/>
    </row>
    <row r="272921" spans="14:14">
      <c r="N272921" s="10"/>
    </row>
    <row r="272922" spans="14:14">
      <c r="N272922" s="10"/>
    </row>
    <row r="272923" spans="14:14">
      <c r="N272923" s="10"/>
    </row>
    <row r="272924" spans="14:14">
      <c r="N272924" s="10"/>
    </row>
    <row r="272925" spans="14:14">
      <c r="N272925" s="10"/>
    </row>
    <row r="272926" spans="14:14">
      <c r="N272926" s="10"/>
    </row>
    <row r="272927" spans="14:14">
      <c r="N272927" s="10"/>
    </row>
    <row r="272928" spans="14:14">
      <c r="N272928" s="10"/>
    </row>
    <row r="272929" spans="14:14">
      <c r="N272929" s="10"/>
    </row>
    <row r="272930" spans="14:14">
      <c r="N272930" s="10"/>
    </row>
    <row r="272931" spans="14:14">
      <c r="N272931" s="10"/>
    </row>
    <row r="272932" spans="14:14">
      <c r="N272932" s="10"/>
    </row>
    <row r="272933" spans="14:14">
      <c r="N272933" s="10"/>
    </row>
    <row r="272934" spans="14:14">
      <c r="N272934" s="10"/>
    </row>
    <row r="272935" spans="14:14">
      <c r="N272935" s="10"/>
    </row>
    <row r="272936" spans="14:14">
      <c r="N272936" s="10"/>
    </row>
    <row r="272937" spans="14:14">
      <c r="N272937" s="10"/>
    </row>
    <row r="272938" spans="14:14">
      <c r="N272938" s="10"/>
    </row>
    <row r="272939" spans="14:14">
      <c r="N272939" s="10"/>
    </row>
    <row r="272940" spans="14:14">
      <c r="N272940" s="10"/>
    </row>
    <row r="272941" spans="14:14">
      <c r="N272941" s="10"/>
    </row>
    <row r="272942" spans="14:14">
      <c r="N272942" s="10"/>
    </row>
    <row r="272943" spans="14:14">
      <c r="N272943" s="10"/>
    </row>
    <row r="272944" spans="14:14">
      <c r="N272944" s="10"/>
    </row>
    <row r="272945" spans="14:14">
      <c r="N272945" s="10"/>
    </row>
    <row r="272946" spans="14:14">
      <c r="N272946" s="10"/>
    </row>
    <row r="272947" spans="14:14">
      <c r="N272947" s="10"/>
    </row>
    <row r="272948" spans="14:14">
      <c r="N272948" s="10"/>
    </row>
    <row r="272949" spans="14:14">
      <c r="N272949" s="10"/>
    </row>
    <row r="272950" spans="14:14">
      <c r="N272950" s="10"/>
    </row>
    <row r="272951" spans="14:14">
      <c r="N272951" s="10"/>
    </row>
    <row r="272952" spans="14:14">
      <c r="N272952" s="10"/>
    </row>
    <row r="272953" spans="14:14">
      <c r="N272953" s="10"/>
    </row>
    <row r="272954" spans="14:14">
      <c r="N272954" s="10"/>
    </row>
    <row r="272955" spans="14:14">
      <c r="N272955" s="10"/>
    </row>
    <row r="272956" spans="14:14">
      <c r="N272956" s="10"/>
    </row>
    <row r="272957" spans="14:14">
      <c r="N272957" s="10"/>
    </row>
    <row r="272958" spans="14:14">
      <c r="N272958" s="10"/>
    </row>
    <row r="272959" spans="14:14">
      <c r="N272959" s="10"/>
    </row>
    <row r="272960" spans="14:14">
      <c r="N272960" s="10"/>
    </row>
    <row r="272961" spans="14:14">
      <c r="N272961" s="10"/>
    </row>
    <row r="272962" spans="14:14">
      <c r="N272962" s="10"/>
    </row>
    <row r="272963" spans="14:14">
      <c r="N272963" s="10"/>
    </row>
    <row r="272964" spans="14:14">
      <c r="N272964" s="10"/>
    </row>
    <row r="272965" spans="14:14">
      <c r="N272965" s="10"/>
    </row>
    <row r="272966" spans="14:14">
      <c r="N272966" s="10"/>
    </row>
    <row r="272967" spans="14:14">
      <c r="N272967" s="10"/>
    </row>
    <row r="272968" spans="14:14">
      <c r="N272968" s="10"/>
    </row>
    <row r="272969" spans="14:14">
      <c r="N272969" s="10"/>
    </row>
    <row r="272970" spans="14:14">
      <c r="N272970" s="10"/>
    </row>
    <row r="272971" spans="14:14">
      <c r="N272971" s="10"/>
    </row>
    <row r="272972" spans="14:14">
      <c r="N272972" s="10"/>
    </row>
    <row r="272973" spans="14:14">
      <c r="N272973" s="10"/>
    </row>
    <row r="272974" spans="14:14">
      <c r="N272974" s="10"/>
    </row>
    <row r="272975" spans="14:14">
      <c r="N272975" s="10"/>
    </row>
    <row r="272976" spans="14:14">
      <c r="N272976" s="10"/>
    </row>
    <row r="272977" spans="14:14">
      <c r="N272977" s="10"/>
    </row>
    <row r="272978" spans="14:14">
      <c r="N272978" s="10"/>
    </row>
    <row r="272979" spans="14:14">
      <c r="N272979" s="10"/>
    </row>
    <row r="272980" spans="14:14">
      <c r="N272980" s="10"/>
    </row>
    <row r="272981" spans="14:14">
      <c r="N272981" s="10"/>
    </row>
    <row r="272982" spans="14:14">
      <c r="N272982" s="10"/>
    </row>
    <row r="272983" spans="14:14">
      <c r="N272983" s="10"/>
    </row>
    <row r="272984" spans="14:14">
      <c r="N272984" s="10"/>
    </row>
    <row r="272985" spans="14:14">
      <c r="N272985" s="10"/>
    </row>
    <row r="272986" spans="14:14">
      <c r="N272986" s="10"/>
    </row>
    <row r="272987" spans="14:14">
      <c r="N272987" s="10"/>
    </row>
    <row r="272988" spans="14:14">
      <c r="N272988" s="10"/>
    </row>
    <row r="272989" spans="14:14">
      <c r="N272989" s="10"/>
    </row>
    <row r="272990" spans="14:14">
      <c r="N272990" s="10"/>
    </row>
    <row r="272991" spans="14:14">
      <c r="N272991" s="10"/>
    </row>
    <row r="272992" spans="14:14">
      <c r="N272992" s="10"/>
    </row>
    <row r="272993" spans="14:14">
      <c r="N272993" s="10"/>
    </row>
    <row r="272994" spans="14:14">
      <c r="N272994" s="10"/>
    </row>
    <row r="272995" spans="14:14">
      <c r="N272995" s="10"/>
    </row>
    <row r="272996" spans="14:14">
      <c r="N272996" s="10"/>
    </row>
    <row r="272997" spans="14:14">
      <c r="N272997" s="10"/>
    </row>
    <row r="272998" spans="14:14">
      <c r="N272998" s="10"/>
    </row>
    <row r="272999" spans="14:14">
      <c r="N272999" s="10"/>
    </row>
    <row r="273000" spans="14:14">
      <c r="N273000" s="10"/>
    </row>
    <row r="273001" spans="14:14">
      <c r="N273001" s="10"/>
    </row>
    <row r="273002" spans="14:14">
      <c r="N273002" s="10"/>
    </row>
    <row r="273003" spans="14:14">
      <c r="N273003" s="10"/>
    </row>
    <row r="273004" spans="14:14">
      <c r="N273004" s="10"/>
    </row>
    <row r="273005" spans="14:14">
      <c r="N273005" s="10"/>
    </row>
    <row r="273006" spans="14:14">
      <c r="N273006" s="10"/>
    </row>
    <row r="273007" spans="14:14">
      <c r="N273007" s="10"/>
    </row>
    <row r="273008" spans="14:14">
      <c r="N273008" s="10"/>
    </row>
    <row r="273009" spans="14:14">
      <c r="N273009" s="10"/>
    </row>
    <row r="273010" spans="14:14">
      <c r="N273010" s="10"/>
    </row>
    <row r="273011" spans="14:14">
      <c r="N273011" s="10"/>
    </row>
    <row r="273012" spans="14:14">
      <c r="N273012" s="10"/>
    </row>
    <row r="273013" spans="14:14">
      <c r="N273013" s="10"/>
    </row>
    <row r="273014" spans="14:14">
      <c r="N273014" s="10"/>
    </row>
    <row r="273015" spans="14:14">
      <c r="N273015" s="10"/>
    </row>
    <row r="273016" spans="14:14">
      <c r="N273016" s="10"/>
    </row>
    <row r="273017" spans="14:14">
      <c r="N273017" s="10"/>
    </row>
    <row r="273018" spans="14:14">
      <c r="N273018" s="10"/>
    </row>
    <row r="273019" spans="14:14">
      <c r="N273019" s="10"/>
    </row>
    <row r="273020" spans="14:14">
      <c r="N273020" s="10"/>
    </row>
    <row r="273021" spans="14:14">
      <c r="N273021" s="10"/>
    </row>
    <row r="273022" spans="14:14">
      <c r="N273022" s="10"/>
    </row>
    <row r="273023" spans="14:14">
      <c r="N273023" s="10"/>
    </row>
    <row r="273024" spans="14:14">
      <c r="N273024" s="10"/>
    </row>
    <row r="273025" spans="14:14">
      <c r="N273025" s="10"/>
    </row>
    <row r="273026" spans="14:14">
      <c r="N273026" s="10"/>
    </row>
    <row r="273027" spans="14:14">
      <c r="N273027" s="10"/>
    </row>
    <row r="273028" spans="14:14">
      <c r="N273028" s="10"/>
    </row>
    <row r="273029" spans="14:14">
      <c r="N273029" s="10"/>
    </row>
    <row r="273030" spans="14:14">
      <c r="N273030" s="10"/>
    </row>
    <row r="273031" spans="14:14">
      <c r="N273031" s="10"/>
    </row>
    <row r="273032" spans="14:14">
      <c r="N273032" s="10"/>
    </row>
    <row r="273033" spans="14:14">
      <c r="N273033" s="10"/>
    </row>
    <row r="273034" spans="14:14">
      <c r="N273034" s="10"/>
    </row>
    <row r="273035" spans="14:14">
      <c r="N273035" s="10"/>
    </row>
    <row r="273036" spans="14:14">
      <c r="N273036" s="10"/>
    </row>
    <row r="273037" spans="14:14">
      <c r="N273037" s="10"/>
    </row>
    <row r="273038" spans="14:14">
      <c r="N273038" s="10"/>
    </row>
    <row r="273039" spans="14:14">
      <c r="N273039" s="10"/>
    </row>
    <row r="273040" spans="14:14">
      <c r="N273040" s="10"/>
    </row>
    <row r="273041" spans="14:14">
      <c r="N273041" s="10"/>
    </row>
    <row r="273042" spans="14:14">
      <c r="N273042" s="10"/>
    </row>
    <row r="273043" spans="14:14">
      <c r="N273043" s="10"/>
    </row>
    <row r="273044" spans="14:14">
      <c r="N273044" s="10"/>
    </row>
    <row r="273045" spans="14:14">
      <c r="N273045" s="10"/>
    </row>
    <row r="273046" spans="14:14">
      <c r="N273046" s="10"/>
    </row>
    <row r="273047" spans="14:14">
      <c r="N273047" s="10"/>
    </row>
    <row r="273048" spans="14:14">
      <c r="N273048" s="10"/>
    </row>
    <row r="273049" spans="14:14">
      <c r="N273049" s="10"/>
    </row>
    <row r="273050" spans="14:14">
      <c r="N273050" s="10"/>
    </row>
    <row r="273051" spans="14:14">
      <c r="N273051" s="10"/>
    </row>
    <row r="273052" spans="14:14">
      <c r="N273052" s="10"/>
    </row>
    <row r="273053" spans="14:14">
      <c r="N273053" s="10"/>
    </row>
    <row r="273054" spans="14:14">
      <c r="N273054" s="10"/>
    </row>
    <row r="273055" spans="14:14">
      <c r="N273055" s="10"/>
    </row>
    <row r="273056" spans="14:14">
      <c r="N273056" s="10"/>
    </row>
    <row r="273057" spans="14:14">
      <c r="N273057" s="10"/>
    </row>
    <row r="273058" spans="14:14">
      <c r="N273058" s="10"/>
    </row>
    <row r="273059" spans="14:14">
      <c r="N273059" s="10"/>
    </row>
    <row r="273060" spans="14:14">
      <c r="N273060" s="10"/>
    </row>
    <row r="273061" spans="14:14">
      <c r="N273061" s="10"/>
    </row>
    <row r="273062" spans="14:14">
      <c r="N273062" s="10"/>
    </row>
    <row r="273063" spans="14:14">
      <c r="N273063" s="10"/>
    </row>
    <row r="273064" spans="14:14">
      <c r="N273064" s="10"/>
    </row>
    <row r="273065" spans="14:14">
      <c r="N273065" s="10"/>
    </row>
    <row r="273066" spans="14:14">
      <c r="N273066" s="10"/>
    </row>
    <row r="273067" spans="14:14">
      <c r="N273067" s="10"/>
    </row>
    <row r="273068" spans="14:14">
      <c r="N273068" s="10"/>
    </row>
    <row r="273069" spans="14:14">
      <c r="N273069" s="10"/>
    </row>
    <row r="273070" spans="14:14">
      <c r="N273070" s="10"/>
    </row>
    <row r="273071" spans="14:14">
      <c r="N273071" s="10"/>
    </row>
    <row r="273072" spans="14:14">
      <c r="N273072" s="10"/>
    </row>
    <row r="273073" spans="14:14">
      <c r="N273073" s="10"/>
    </row>
    <row r="273074" spans="14:14">
      <c r="N273074" s="10"/>
    </row>
    <row r="273075" spans="14:14">
      <c r="N273075" s="10"/>
    </row>
    <row r="273076" spans="14:14">
      <c r="N273076" s="10"/>
    </row>
    <row r="273077" spans="14:14">
      <c r="N273077" s="10"/>
    </row>
    <row r="273078" spans="14:14">
      <c r="N273078" s="10"/>
    </row>
    <row r="273079" spans="14:14">
      <c r="N273079" s="10"/>
    </row>
    <row r="273080" spans="14:14">
      <c r="N273080" s="10"/>
    </row>
    <row r="273081" spans="14:14">
      <c r="N273081" s="10"/>
    </row>
    <row r="273082" spans="14:14">
      <c r="N273082" s="10"/>
    </row>
    <row r="273083" spans="14:14">
      <c r="N273083" s="10"/>
    </row>
    <row r="273084" spans="14:14">
      <c r="N273084" s="10"/>
    </row>
    <row r="273085" spans="14:14">
      <c r="N273085" s="10"/>
    </row>
    <row r="273086" spans="14:14">
      <c r="N273086" s="10"/>
    </row>
    <row r="273087" spans="14:14">
      <c r="N273087" s="10"/>
    </row>
    <row r="273088" spans="14:14">
      <c r="N273088" s="10"/>
    </row>
    <row r="273089" spans="14:14">
      <c r="N273089" s="10"/>
    </row>
    <row r="273090" spans="14:14">
      <c r="N273090" s="10"/>
    </row>
    <row r="273091" spans="14:14">
      <c r="N273091" s="10"/>
    </row>
    <row r="273092" spans="14:14">
      <c r="N273092" s="10"/>
    </row>
    <row r="273093" spans="14:14">
      <c r="N273093" s="10"/>
    </row>
    <row r="273094" spans="14:14">
      <c r="N273094" s="10"/>
    </row>
    <row r="273095" spans="14:14">
      <c r="N273095" s="10"/>
    </row>
    <row r="273096" spans="14:14">
      <c r="N273096" s="10"/>
    </row>
    <row r="273097" spans="14:14">
      <c r="N273097" s="10"/>
    </row>
    <row r="273098" spans="14:14">
      <c r="N273098" s="10"/>
    </row>
    <row r="273099" spans="14:14">
      <c r="N273099" s="10"/>
    </row>
    <row r="273100" spans="14:14">
      <c r="N273100" s="10"/>
    </row>
    <row r="273101" spans="14:14">
      <c r="N273101" s="10"/>
    </row>
    <row r="273102" spans="14:14">
      <c r="N273102" s="10"/>
    </row>
    <row r="273103" spans="14:14">
      <c r="N273103" s="10"/>
    </row>
    <row r="273104" spans="14:14">
      <c r="N273104" s="10"/>
    </row>
    <row r="273105" spans="14:14">
      <c r="N273105" s="10"/>
    </row>
    <row r="273106" spans="14:14">
      <c r="N273106" s="10"/>
    </row>
    <row r="273107" spans="14:14">
      <c r="N273107" s="10"/>
    </row>
    <row r="273108" spans="14:14">
      <c r="N273108" s="10"/>
    </row>
    <row r="273109" spans="14:14">
      <c r="N273109" s="10"/>
    </row>
    <row r="273110" spans="14:14">
      <c r="N273110" s="10"/>
    </row>
    <row r="273111" spans="14:14">
      <c r="N273111" s="10"/>
    </row>
    <row r="273112" spans="14:14">
      <c r="N273112" s="10"/>
    </row>
    <row r="273113" spans="14:14">
      <c r="N273113" s="10"/>
    </row>
    <row r="273114" spans="14:14">
      <c r="N273114" s="10"/>
    </row>
    <row r="273115" spans="14:14">
      <c r="N273115" s="10"/>
    </row>
    <row r="273116" spans="14:14">
      <c r="N273116" s="10"/>
    </row>
    <row r="273117" spans="14:14">
      <c r="N273117" s="10"/>
    </row>
    <row r="273118" spans="14:14">
      <c r="N273118" s="10"/>
    </row>
    <row r="273119" spans="14:14">
      <c r="N273119" s="10"/>
    </row>
    <row r="273120" spans="14:14">
      <c r="N273120" s="10"/>
    </row>
    <row r="273121" spans="14:14">
      <c r="N273121" s="10"/>
    </row>
    <row r="273122" spans="14:14">
      <c r="N273122" s="10"/>
    </row>
    <row r="273123" spans="14:14">
      <c r="N273123" s="10"/>
    </row>
    <row r="273124" spans="14:14">
      <c r="N273124" s="10"/>
    </row>
    <row r="273125" spans="14:14">
      <c r="N273125" s="10"/>
    </row>
    <row r="273126" spans="14:14">
      <c r="N273126" s="10"/>
    </row>
    <row r="273127" spans="14:14">
      <c r="N273127" s="10"/>
    </row>
    <row r="273128" spans="14:14">
      <c r="N273128" s="10"/>
    </row>
    <row r="273129" spans="14:14">
      <c r="N273129" s="10"/>
    </row>
    <row r="273130" spans="14:14">
      <c r="N273130" s="10"/>
    </row>
    <row r="273131" spans="14:14">
      <c r="N273131" s="10"/>
    </row>
    <row r="273132" spans="14:14">
      <c r="N273132" s="10"/>
    </row>
    <row r="273133" spans="14:14">
      <c r="N273133" s="10"/>
    </row>
    <row r="273134" spans="14:14">
      <c r="N273134" s="10"/>
    </row>
    <row r="273135" spans="14:14">
      <c r="N273135" s="10"/>
    </row>
    <row r="273136" spans="14:14">
      <c r="N273136" s="10"/>
    </row>
    <row r="273137" spans="14:14">
      <c r="N273137" s="10"/>
    </row>
    <row r="273138" spans="14:14">
      <c r="N273138" s="10"/>
    </row>
    <row r="273139" spans="14:14">
      <c r="N273139" s="10"/>
    </row>
    <row r="273140" spans="14:14">
      <c r="N273140" s="10"/>
    </row>
    <row r="273141" spans="14:14">
      <c r="N273141" s="10"/>
    </row>
    <row r="273142" spans="14:14">
      <c r="N273142" s="10"/>
    </row>
    <row r="273143" spans="14:14">
      <c r="N273143" s="10"/>
    </row>
    <row r="273144" spans="14:14">
      <c r="N273144" s="10"/>
    </row>
    <row r="273145" spans="14:14">
      <c r="N273145" s="10"/>
    </row>
    <row r="273146" spans="14:14">
      <c r="N273146" s="10"/>
    </row>
    <row r="273147" spans="14:14">
      <c r="N273147" s="10"/>
    </row>
    <row r="273148" spans="14:14">
      <c r="N273148" s="10"/>
    </row>
    <row r="273149" spans="14:14">
      <c r="N273149" s="10"/>
    </row>
    <row r="273150" spans="14:14">
      <c r="N273150" s="10"/>
    </row>
    <row r="273151" spans="14:14">
      <c r="N273151" s="10"/>
    </row>
    <row r="273152" spans="14:14">
      <c r="N273152" s="10"/>
    </row>
    <row r="273153" spans="14:14">
      <c r="N273153" s="10"/>
    </row>
    <row r="273154" spans="14:14">
      <c r="N273154" s="10"/>
    </row>
    <row r="273155" spans="14:14">
      <c r="N273155" s="10"/>
    </row>
    <row r="273156" spans="14:14">
      <c r="N273156" s="10"/>
    </row>
    <row r="273157" spans="14:14">
      <c r="N273157" s="10"/>
    </row>
    <row r="273158" spans="14:14">
      <c r="N273158" s="10"/>
    </row>
    <row r="273159" spans="14:14">
      <c r="N273159" s="10"/>
    </row>
    <row r="273160" spans="14:14">
      <c r="N273160" s="10"/>
    </row>
    <row r="273161" spans="14:14">
      <c r="N273161" s="10"/>
    </row>
    <row r="273162" spans="14:14">
      <c r="N273162" s="10"/>
    </row>
    <row r="273163" spans="14:14">
      <c r="N273163" s="10"/>
    </row>
    <row r="273164" spans="14:14">
      <c r="N273164" s="10"/>
    </row>
    <row r="273165" spans="14:14">
      <c r="N273165" s="10"/>
    </row>
    <row r="273166" spans="14:14">
      <c r="N273166" s="10"/>
    </row>
    <row r="273167" spans="14:14">
      <c r="N273167" s="10"/>
    </row>
    <row r="273168" spans="14:14">
      <c r="N273168" s="10"/>
    </row>
    <row r="273169" spans="14:14">
      <c r="N273169" s="10"/>
    </row>
    <row r="273170" spans="14:14">
      <c r="N273170" s="10"/>
    </row>
    <row r="273171" spans="14:14">
      <c r="N273171" s="10"/>
    </row>
    <row r="273172" spans="14:14">
      <c r="N273172" s="10"/>
    </row>
    <row r="273173" spans="14:14">
      <c r="N273173" s="10"/>
    </row>
    <row r="273174" spans="14:14">
      <c r="N273174" s="10"/>
    </row>
    <row r="273175" spans="14:14">
      <c r="N273175" s="10"/>
    </row>
    <row r="273176" spans="14:14">
      <c r="N273176" s="10"/>
    </row>
    <row r="273177" spans="14:14">
      <c r="N273177" s="10"/>
    </row>
    <row r="273178" spans="14:14">
      <c r="N273178" s="10"/>
    </row>
    <row r="273179" spans="14:14">
      <c r="N273179" s="10"/>
    </row>
    <row r="273180" spans="14:14">
      <c r="N273180" s="10"/>
    </row>
    <row r="273181" spans="14:14">
      <c r="N273181" s="10"/>
    </row>
    <row r="273182" spans="14:14">
      <c r="N273182" s="10"/>
    </row>
    <row r="273183" spans="14:14">
      <c r="N273183" s="10"/>
    </row>
    <row r="273184" spans="14:14">
      <c r="N273184" s="10"/>
    </row>
    <row r="273185" spans="14:14">
      <c r="N273185" s="10"/>
    </row>
    <row r="273186" spans="14:14">
      <c r="N273186" s="10"/>
    </row>
    <row r="273187" spans="14:14">
      <c r="N273187" s="10"/>
    </row>
    <row r="273188" spans="14:14">
      <c r="N273188" s="10"/>
    </row>
    <row r="273189" spans="14:14">
      <c r="N273189" s="10"/>
    </row>
    <row r="273190" spans="14:14">
      <c r="N273190" s="10"/>
    </row>
    <row r="273191" spans="14:14">
      <c r="N273191" s="10"/>
    </row>
    <row r="273192" spans="14:14">
      <c r="N273192" s="10"/>
    </row>
    <row r="273193" spans="14:14">
      <c r="N273193" s="10"/>
    </row>
    <row r="273194" spans="14:14">
      <c r="N273194" s="10"/>
    </row>
    <row r="273195" spans="14:14">
      <c r="N273195" s="10"/>
    </row>
    <row r="273196" spans="14:14">
      <c r="N273196" s="10"/>
    </row>
    <row r="273197" spans="14:14">
      <c r="N273197" s="10"/>
    </row>
    <row r="273198" spans="14:14">
      <c r="N273198" s="10"/>
    </row>
    <row r="273199" spans="14:14">
      <c r="N273199" s="10"/>
    </row>
    <row r="273200" spans="14:14">
      <c r="N273200" s="10"/>
    </row>
    <row r="273201" spans="14:14">
      <c r="N273201" s="10"/>
    </row>
    <row r="273202" spans="14:14">
      <c r="N273202" s="10"/>
    </row>
    <row r="273203" spans="14:14">
      <c r="N273203" s="10"/>
    </row>
    <row r="273204" spans="14:14">
      <c r="N273204" s="10"/>
    </row>
    <row r="273205" spans="14:14">
      <c r="N273205" s="10"/>
    </row>
    <row r="273206" spans="14:14">
      <c r="N273206" s="10"/>
    </row>
    <row r="273207" spans="14:14">
      <c r="N273207" s="10"/>
    </row>
    <row r="273208" spans="14:14">
      <c r="N273208" s="10"/>
    </row>
    <row r="273209" spans="14:14">
      <c r="N273209" s="10"/>
    </row>
    <row r="273210" spans="14:14">
      <c r="N273210" s="10"/>
    </row>
    <row r="273211" spans="14:14">
      <c r="N273211" s="10"/>
    </row>
    <row r="273212" spans="14:14">
      <c r="N273212" s="10"/>
    </row>
    <row r="273213" spans="14:14">
      <c r="N273213" s="10"/>
    </row>
    <row r="273214" spans="14:14">
      <c r="N273214" s="10"/>
    </row>
    <row r="273215" spans="14:14">
      <c r="N273215" s="10"/>
    </row>
    <row r="273216" spans="14:14">
      <c r="N273216" s="10"/>
    </row>
    <row r="273217" spans="14:14">
      <c r="N273217" s="10"/>
    </row>
    <row r="273218" spans="14:14">
      <c r="N273218" s="10"/>
    </row>
    <row r="273219" spans="14:14">
      <c r="N273219" s="10"/>
    </row>
    <row r="273220" spans="14:14">
      <c r="N273220" s="10"/>
    </row>
    <row r="273221" spans="14:14">
      <c r="N273221" s="10"/>
    </row>
    <row r="273222" spans="14:14">
      <c r="N273222" s="10"/>
    </row>
    <row r="273223" spans="14:14">
      <c r="N273223" s="10"/>
    </row>
    <row r="273224" spans="14:14">
      <c r="N273224" s="10"/>
    </row>
    <row r="273225" spans="14:14">
      <c r="N273225" s="10"/>
    </row>
    <row r="273226" spans="14:14">
      <c r="N273226" s="10"/>
    </row>
    <row r="273227" spans="14:14">
      <c r="N273227" s="10"/>
    </row>
    <row r="273228" spans="14:14">
      <c r="N273228" s="10"/>
    </row>
    <row r="273229" spans="14:14">
      <c r="N273229" s="10"/>
    </row>
    <row r="273230" spans="14:14">
      <c r="N273230" s="10"/>
    </row>
    <row r="273231" spans="14:14">
      <c r="N273231" s="10"/>
    </row>
    <row r="273232" spans="14:14">
      <c r="N273232" s="10"/>
    </row>
    <row r="273233" spans="14:14">
      <c r="N273233" s="10"/>
    </row>
    <row r="273234" spans="14:14">
      <c r="N273234" s="10"/>
    </row>
    <row r="273235" spans="14:14">
      <c r="N273235" s="10"/>
    </row>
    <row r="273236" spans="14:14">
      <c r="N273236" s="10"/>
    </row>
    <row r="273237" spans="14:14">
      <c r="N273237" s="10"/>
    </row>
    <row r="273238" spans="14:14">
      <c r="N273238" s="10"/>
    </row>
    <row r="273239" spans="14:14">
      <c r="N273239" s="10"/>
    </row>
    <row r="273240" spans="14:14">
      <c r="N273240" s="10"/>
    </row>
    <row r="273241" spans="14:14">
      <c r="N273241" s="10"/>
    </row>
    <row r="273242" spans="14:14">
      <c r="N273242" s="10"/>
    </row>
    <row r="273243" spans="14:14">
      <c r="N273243" s="10"/>
    </row>
    <row r="273244" spans="14:14">
      <c r="N273244" s="10"/>
    </row>
    <row r="273245" spans="14:14">
      <c r="N273245" s="10"/>
    </row>
    <row r="273246" spans="14:14">
      <c r="N273246" s="10"/>
    </row>
    <row r="273247" spans="14:14">
      <c r="N273247" s="10"/>
    </row>
    <row r="273248" spans="14:14">
      <c r="N273248" s="10"/>
    </row>
    <row r="273249" spans="14:14">
      <c r="N273249" s="10"/>
    </row>
    <row r="273250" spans="14:14">
      <c r="N273250" s="10"/>
    </row>
    <row r="273251" spans="14:14">
      <c r="N273251" s="10"/>
    </row>
    <row r="273252" spans="14:14">
      <c r="N273252" s="10"/>
    </row>
    <row r="273253" spans="14:14">
      <c r="N273253" s="10"/>
    </row>
    <row r="273254" spans="14:14">
      <c r="N273254" s="10"/>
    </row>
    <row r="273255" spans="14:14">
      <c r="N273255" s="10"/>
    </row>
    <row r="273256" spans="14:14">
      <c r="N273256" s="10"/>
    </row>
    <row r="273257" spans="14:14">
      <c r="N273257" s="10"/>
    </row>
    <row r="273258" spans="14:14">
      <c r="N273258" s="10"/>
    </row>
    <row r="273259" spans="14:14">
      <c r="N273259" s="10"/>
    </row>
    <row r="273260" spans="14:14">
      <c r="N273260" s="10"/>
    </row>
    <row r="273261" spans="14:14">
      <c r="N273261" s="10"/>
    </row>
    <row r="273262" spans="14:14">
      <c r="N273262" s="10"/>
    </row>
    <row r="273263" spans="14:14">
      <c r="N273263" s="10"/>
    </row>
    <row r="273264" spans="14:14">
      <c r="N273264" s="10"/>
    </row>
    <row r="273265" spans="14:14">
      <c r="N273265" s="10"/>
    </row>
    <row r="273266" spans="14:14">
      <c r="N273266" s="10"/>
    </row>
    <row r="273267" spans="14:14">
      <c r="N273267" s="10"/>
    </row>
    <row r="273268" spans="14:14">
      <c r="N273268" s="10"/>
    </row>
    <row r="273269" spans="14:14">
      <c r="N273269" s="10"/>
    </row>
    <row r="273270" spans="14:14">
      <c r="N273270" s="10"/>
    </row>
    <row r="273271" spans="14:14">
      <c r="N273271" s="10"/>
    </row>
    <row r="273272" spans="14:14">
      <c r="N273272" s="10"/>
    </row>
    <row r="273273" spans="14:14">
      <c r="N273273" s="10"/>
    </row>
    <row r="273274" spans="14:14">
      <c r="N273274" s="10"/>
    </row>
    <row r="273275" spans="14:14">
      <c r="N273275" s="10"/>
    </row>
    <row r="273276" spans="14:14">
      <c r="N273276" s="10"/>
    </row>
    <row r="273277" spans="14:14">
      <c r="N273277" s="10"/>
    </row>
    <row r="273278" spans="14:14">
      <c r="N273278" s="10"/>
    </row>
    <row r="273279" spans="14:14">
      <c r="N273279" s="10"/>
    </row>
    <row r="273280" spans="14:14">
      <c r="N273280" s="10"/>
    </row>
    <row r="273281" spans="14:14">
      <c r="N273281" s="10"/>
    </row>
    <row r="273282" spans="14:14">
      <c r="N273282" s="10"/>
    </row>
    <row r="273283" spans="14:14">
      <c r="N273283" s="10"/>
    </row>
    <row r="273284" spans="14:14">
      <c r="N273284" s="10"/>
    </row>
    <row r="273285" spans="14:14">
      <c r="N273285" s="10"/>
    </row>
    <row r="273286" spans="14:14">
      <c r="N273286" s="10"/>
    </row>
    <row r="273287" spans="14:14">
      <c r="N273287" s="10"/>
    </row>
    <row r="273288" spans="14:14">
      <c r="N273288" s="10"/>
    </row>
    <row r="273289" spans="14:14">
      <c r="N273289" s="10"/>
    </row>
    <row r="273290" spans="14:14">
      <c r="N273290" s="10"/>
    </row>
    <row r="273291" spans="14:14">
      <c r="N273291" s="10"/>
    </row>
    <row r="273292" spans="14:14">
      <c r="N273292" s="10"/>
    </row>
    <row r="273293" spans="14:14">
      <c r="N273293" s="10"/>
    </row>
    <row r="273294" spans="14:14">
      <c r="N273294" s="10"/>
    </row>
    <row r="273295" spans="14:14">
      <c r="N273295" s="10"/>
    </row>
    <row r="273296" spans="14:14">
      <c r="N273296" s="10"/>
    </row>
    <row r="273297" spans="14:14">
      <c r="N273297" s="10"/>
    </row>
    <row r="273298" spans="14:14">
      <c r="N273298" s="10"/>
    </row>
    <row r="273299" spans="14:14">
      <c r="N273299" s="10"/>
    </row>
    <row r="273300" spans="14:14">
      <c r="N273300" s="10"/>
    </row>
    <row r="273301" spans="14:14">
      <c r="N273301" s="10"/>
    </row>
    <row r="273302" spans="14:14">
      <c r="N273302" s="10"/>
    </row>
    <row r="273303" spans="14:14">
      <c r="N273303" s="10"/>
    </row>
    <row r="273304" spans="14:14">
      <c r="N273304" s="10"/>
    </row>
    <row r="273305" spans="14:14">
      <c r="N273305" s="10"/>
    </row>
    <row r="273306" spans="14:14">
      <c r="N273306" s="10"/>
    </row>
    <row r="273307" spans="14:14">
      <c r="N273307" s="10"/>
    </row>
    <row r="273308" spans="14:14">
      <c r="N273308" s="10"/>
    </row>
    <row r="273309" spans="14:14">
      <c r="N273309" s="10"/>
    </row>
    <row r="273310" spans="14:14">
      <c r="N273310" s="10"/>
    </row>
    <row r="273311" spans="14:14">
      <c r="N273311" s="10"/>
    </row>
    <row r="273312" spans="14:14">
      <c r="N273312" s="10"/>
    </row>
    <row r="273313" spans="14:14">
      <c r="N273313" s="10"/>
    </row>
    <row r="273314" spans="14:14">
      <c r="N273314" s="10"/>
    </row>
    <row r="273315" spans="14:14">
      <c r="N273315" s="10"/>
    </row>
    <row r="273316" spans="14:14">
      <c r="N273316" s="10"/>
    </row>
    <row r="273317" spans="14:14">
      <c r="N273317" s="10"/>
    </row>
    <row r="273318" spans="14:14">
      <c r="N273318" s="10"/>
    </row>
    <row r="273319" spans="14:14">
      <c r="N273319" s="10"/>
    </row>
    <row r="273320" spans="14:14">
      <c r="N273320" s="10"/>
    </row>
    <row r="273321" spans="14:14">
      <c r="N273321" s="10"/>
    </row>
    <row r="273322" spans="14:14">
      <c r="N273322" s="10"/>
    </row>
    <row r="273323" spans="14:14">
      <c r="N273323" s="10"/>
    </row>
    <row r="273324" spans="14:14">
      <c r="N273324" s="10"/>
    </row>
    <row r="273325" spans="14:14">
      <c r="N273325" s="10"/>
    </row>
    <row r="273326" spans="14:14">
      <c r="N273326" s="10"/>
    </row>
    <row r="273327" spans="14:14">
      <c r="N273327" s="10"/>
    </row>
    <row r="273328" spans="14:14">
      <c r="N273328" s="10"/>
    </row>
    <row r="273329" spans="14:14">
      <c r="N273329" s="10"/>
    </row>
    <row r="273330" spans="14:14">
      <c r="N273330" s="10"/>
    </row>
    <row r="273331" spans="14:14">
      <c r="N273331" s="10"/>
    </row>
    <row r="273332" spans="14:14">
      <c r="N273332" s="10"/>
    </row>
    <row r="273333" spans="14:14">
      <c r="N273333" s="10"/>
    </row>
    <row r="273334" spans="14:14">
      <c r="N273334" s="10"/>
    </row>
    <row r="273335" spans="14:14">
      <c r="N273335" s="10"/>
    </row>
    <row r="273336" spans="14:14">
      <c r="N273336" s="10"/>
    </row>
    <row r="273337" spans="14:14">
      <c r="N273337" s="10"/>
    </row>
    <row r="273338" spans="14:14">
      <c r="N273338" s="10"/>
    </row>
    <row r="273339" spans="14:14">
      <c r="N273339" s="10"/>
    </row>
    <row r="273340" spans="14:14">
      <c r="N273340" s="10"/>
    </row>
    <row r="273341" spans="14:14">
      <c r="N273341" s="10"/>
    </row>
    <row r="273342" spans="14:14">
      <c r="N273342" s="10"/>
    </row>
    <row r="273343" spans="14:14">
      <c r="N273343" s="10"/>
    </row>
    <row r="273344" spans="14:14">
      <c r="N273344" s="10"/>
    </row>
    <row r="273345" spans="14:14">
      <c r="N273345" s="10"/>
    </row>
    <row r="273346" spans="14:14">
      <c r="N273346" s="10"/>
    </row>
    <row r="273347" spans="14:14">
      <c r="N273347" s="10"/>
    </row>
    <row r="273348" spans="14:14">
      <c r="N273348" s="10"/>
    </row>
    <row r="273349" spans="14:14">
      <c r="N273349" s="10"/>
    </row>
    <row r="273350" spans="14:14">
      <c r="N273350" s="10"/>
    </row>
    <row r="273351" spans="14:14">
      <c r="N273351" s="10"/>
    </row>
    <row r="273352" spans="14:14">
      <c r="N273352" s="10"/>
    </row>
    <row r="273353" spans="14:14">
      <c r="N273353" s="10"/>
    </row>
    <row r="273354" spans="14:14">
      <c r="N273354" s="10"/>
    </row>
    <row r="273355" spans="14:14">
      <c r="N273355" s="10"/>
    </row>
    <row r="273356" spans="14:14">
      <c r="N273356" s="10"/>
    </row>
    <row r="273357" spans="14:14">
      <c r="N273357" s="10"/>
    </row>
    <row r="273358" spans="14:14">
      <c r="N273358" s="10"/>
    </row>
    <row r="273359" spans="14:14">
      <c r="N273359" s="10"/>
    </row>
    <row r="273360" spans="14:14">
      <c r="N273360" s="10"/>
    </row>
    <row r="273361" spans="14:14">
      <c r="N273361" s="10"/>
    </row>
    <row r="273362" spans="14:14">
      <c r="N273362" s="10"/>
    </row>
    <row r="273363" spans="14:14">
      <c r="N273363" s="10"/>
    </row>
    <row r="273364" spans="14:14">
      <c r="N273364" s="10"/>
    </row>
    <row r="273365" spans="14:14">
      <c r="N273365" s="10"/>
    </row>
    <row r="273366" spans="14:14">
      <c r="N273366" s="10"/>
    </row>
    <row r="273367" spans="14:14">
      <c r="N273367" s="10"/>
    </row>
    <row r="273368" spans="14:14">
      <c r="N273368" s="10"/>
    </row>
    <row r="273369" spans="14:14">
      <c r="N273369" s="10"/>
    </row>
    <row r="273370" spans="14:14">
      <c r="N273370" s="10"/>
    </row>
    <row r="273371" spans="14:14">
      <c r="N273371" s="10"/>
    </row>
    <row r="273372" spans="14:14">
      <c r="N273372" s="10"/>
    </row>
    <row r="273373" spans="14:14">
      <c r="N273373" s="10"/>
    </row>
    <row r="273374" spans="14:14">
      <c r="N273374" s="10"/>
    </row>
    <row r="273375" spans="14:14">
      <c r="N273375" s="10"/>
    </row>
    <row r="273376" spans="14:14">
      <c r="N273376" s="10"/>
    </row>
    <row r="273377" spans="14:14">
      <c r="N273377" s="10"/>
    </row>
    <row r="273378" spans="14:14">
      <c r="N273378" s="10"/>
    </row>
    <row r="273379" spans="14:14">
      <c r="N273379" s="10"/>
    </row>
    <row r="273380" spans="14:14">
      <c r="N273380" s="10"/>
    </row>
    <row r="273381" spans="14:14">
      <c r="N273381" s="10"/>
    </row>
    <row r="273382" spans="14:14">
      <c r="N273382" s="10"/>
    </row>
    <row r="273383" spans="14:14">
      <c r="N273383" s="10"/>
    </row>
    <row r="273384" spans="14:14">
      <c r="N273384" s="10"/>
    </row>
    <row r="273385" spans="14:14">
      <c r="N273385" s="10"/>
    </row>
    <row r="273386" spans="14:14">
      <c r="N273386" s="10"/>
    </row>
    <row r="273387" spans="14:14">
      <c r="N273387" s="10"/>
    </row>
    <row r="273388" spans="14:14">
      <c r="N273388" s="10"/>
    </row>
    <row r="273389" spans="14:14">
      <c r="N273389" s="10"/>
    </row>
    <row r="273390" spans="14:14">
      <c r="N273390" s="10"/>
    </row>
    <row r="273391" spans="14:14">
      <c r="N273391" s="10"/>
    </row>
    <row r="273392" spans="14:14">
      <c r="N273392" s="10"/>
    </row>
    <row r="273393" spans="14:14">
      <c r="N273393" s="10"/>
    </row>
    <row r="273394" spans="14:14">
      <c r="N273394" s="10"/>
    </row>
    <row r="273395" spans="14:14">
      <c r="N273395" s="10"/>
    </row>
    <row r="273396" spans="14:14">
      <c r="N273396" s="10"/>
    </row>
    <row r="273397" spans="14:14">
      <c r="N273397" s="10"/>
    </row>
    <row r="273398" spans="14:14">
      <c r="N273398" s="10"/>
    </row>
    <row r="273399" spans="14:14">
      <c r="N273399" s="10"/>
    </row>
    <row r="273400" spans="14:14">
      <c r="N273400" s="10"/>
    </row>
    <row r="273401" spans="14:14">
      <c r="N273401" s="10"/>
    </row>
    <row r="273402" spans="14:14">
      <c r="N273402" s="10"/>
    </row>
    <row r="273403" spans="14:14">
      <c r="N273403" s="10"/>
    </row>
    <row r="273404" spans="14:14">
      <c r="N273404" s="10"/>
    </row>
    <row r="273405" spans="14:14">
      <c r="N273405" s="10"/>
    </row>
    <row r="273406" spans="14:14">
      <c r="N273406" s="10"/>
    </row>
    <row r="273407" spans="14:14">
      <c r="N273407" s="10"/>
    </row>
    <row r="273408" spans="14:14">
      <c r="N273408" s="10"/>
    </row>
    <row r="273409" spans="14:14">
      <c r="N273409" s="10"/>
    </row>
    <row r="273410" spans="14:14">
      <c r="N273410" s="10"/>
    </row>
    <row r="273411" spans="14:14">
      <c r="N273411" s="10"/>
    </row>
    <row r="273412" spans="14:14">
      <c r="N273412" s="10"/>
    </row>
    <row r="273413" spans="14:14">
      <c r="N273413" s="10"/>
    </row>
    <row r="273414" spans="14:14">
      <c r="N273414" s="10"/>
    </row>
    <row r="273415" spans="14:14">
      <c r="N273415" s="10"/>
    </row>
    <row r="273416" spans="14:14">
      <c r="N273416" s="10"/>
    </row>
    <row r="273417" spans="14:14">
      <c r="N273417" s="10"/>
    </row>
    <row r="273418" spans="14:14">
      <c r="N273418" s="10"/>
    </row>
    <row r="273419" spans="14:14">
      <c r="N273419" s="10"/>
    </row>
    <row r="273420" spans="14:14">
      <c r="N273420" s="10"/>
    </row>
    <row r="273421" spans="14:14">
      <c r="N273421" s="10"/>
    </row>
    <row r="273422" spans="14:14">
      <c r="N273422" s="10"/>
    </row>
    <row r="273423" spans="14:14">
      <c r="N273423" s="10"/>
    </row>
    <row r="273424" spans="14:14">
      <c r="N273424" s="10"/>
    </row>
    <row r="273425" spans="14:14">
      <c r="N273425" s="10"/>
    </row>
    <row r="273426" spans="14:14">
      <c r="N273426" s="10"/>
    </row>
    <row r="273427" spans="14:14">
      <c r="N273427" s="10"/>
    </row>
    <row r="273428" spans="14:14">
      <c r="N273428" s="10"/>
    </row>
    <row r="273429" spans="14:14">
      <c r="N273429" s="10"/>
    </row>
    <row r="273430" spans="14:14">
      <c r="N273430" s="10"/>
    </row>
    <row r="273431" spans="14:14">
      <c r="N273431" s="10"/>
    </row>
    <row r="273432" spans="14:14">
      <c r="N273432" s="10"/>
    </row>
    <row r="273433" spans="14:14">
      <c r="N273433" s="10"/>
    </row>
    <row r="273434" spans="14:14">
      <c r="N273434" s="10"/>
    </row>
    <row r="273435" spans="14:14">
      <c r="N273435" s="10"/>
    </row>
    <row r="273436" spans="14:14">
      <c r="N273436" s="10"/>
    </row>
    <row r="273437" spans="14:14">
      <c r="N273437" s="10"/>
    </row>
    <row r="273438" spans="14:14">
      <c r="N273438" s="10"/>
    </row>
    <row r="273439" spans="14:14">
      <c r="N273439" s="10"/>
    </row>
    <row r="273440" spans="14:14">
      <c r="N273440" s="10"/>
    </row>
    <row r="273441" spans="14:14">
      <c r="N273441" s="10"/>
    </row>
    <row r="273442" spans="14:14">
      <c r="N273442" s="10"/>
    </row>
    <row r="273443" spans="14:14">
      <c r="N273443" s="10"/>
    </row>
    <row r="273444" spans="14:14">
      <c r="N273444" s="10"/>
    </row>
    <row r="273445" spans="14:14">
      <c r="N273445" s="10"/>
    </row>
    <row r="273446" spans="14:14">
      <c r="N273446" s="10"/>
    </row>
    <row r="273447" spans="14:14">
      <c r="N273447" s="10"/>
    </row>
    <row r="273448" spans="14:14">
      <c r="N273448" s="10"/>
    </row>
    <row r="273449" spans="14:14">
      <c r="N273449" s="10"/>
    </row>
    <row r="273450" spans="14:14">
      <c r="N273450" s="10"/>
    </row>
    <row r="273451" spans="14:14">
      <c r="N273451" s="10"/>
    </row>
    <row r="273452" spans="14:14">
      <c r="N273452" s="10"/>
    </row>
    <row r="273453" spans="14:14">
      <c r="N273453" s="10"/>
    </row>
    <row r="273454" spans="14:14">
      <c r="N273454" s="10"/>
    </row>
    <row r="273455" spans="14:14">
      <c r="N273455" s="10"/>
    </row>
    <row r="273456" spans="14:14">
      <c r="N273456" s="10"/>
    </row>
    <row r="273457" spans="14:14">
      <c r="N273457" s="10"/>
    </row>
    <row r="273458" spans="14:14">
      <c r="N273458" s="10"/>
    </row>
    <row r="273459" spans="14:14">
      <c r="N273459" s="10"/>
    </row>
    <row r="273460" spans="14:14">
      <c r="N273460" s="10"/>
    </row>
    <row r="273461" spans="14:14">
      <c r="N273461" s="10"/>
    </row>
    <row r="273462" spans="14:14">
      <c r="N273462" s="10"/>
    </row>
    <row r="273463" spans="14:14">
      <c r="N273463" s="10"/>
    </row>
    <row r="273464" spans="14:14">
      <c r="N273464" s="10"/>
    </row>
    <row r="273465" spans="14:14">
      <c r="N273465" s="10"/>
    </row>
    <row r="273466" spans="14:14">
      <c r="N273466" s="10"/>
    </row>
    <row r="273467" spans="14:14">
      <c r="N273467" s="10"/>
    </row>
    <row r="273468" spans="14:14">
      <c r="N273468" s="10"/>
    </row>
    <row r="273469" spans="14:14">
      <c r="N273469" s="10"/>
    </row>
    <row r="273470" spans="14:14">
      <c r="N273470" s="10"/>
    </row>
    <row r="273471" spans="14:14">
      <c r="N273471" s="10"/>
    </row>
    <row r="273472" spans="14:14">
      <c r="N273472" s="10"/>
    </row>
    <row r="273473" spans="14:14">
      <c r="N273473" s="10"/>
    </row>
    <row r="273474" spans="14:14">
      <c r="N273474" s="10"/>
    </row>
    <row r="273475" spans="14:14">
      <c r="N273475" s="10"/>
    </row>
    <row r="273476" spans="14:14">
      <c r="N273476" s="10"/>
    </row>
    <row r="273477" spans="14:14">
      <c r="N273477" s="10"/>
    </row>
    <row r="273478" spans="14:14">
      <c r="N273478" s="10"/>
    </row>
    <row r="273479" spans="14:14">
      <c r="N273479" s="10"/>
    </row>
    <row r="273480" spans="14:14">
      <c r="N273480" s="10"/>
    </row>
    <row r="273481" spans="14:14">
      <c r="N273481" s="10"/>
    </row>
    <row r="273482" spans="14:14">
      <c r="N273482" s="10"/>
    </row>
    <row r="273483" spans="14:14">
      <c r="N273483" s="10"/>
    </row>
    <row r="273484" spans="14:14">
      <c r="N273484" s="10"/>
    </row>
    <row r="273485" spans="14:14">
      <c r="N273485" s="10"/>
    </row>
    <row r="273486" spans="14:14">
      <c r="N273486" s="10"/>
    </row>
    <row r="273487" spans="14:14">
      <c r="N273487" s="10"/>
    </row>
    <row r="273488" spans="14:14">
      <c r="N273488" s="10"/>
    </row>
    <row r="273489" spans="14:14">
      <c r="N273489" s="10"/>
    </row>
    <row r="273490" spans="14:14">
      <c r="N273490" s="10"/>
    </row>
    <row r="273491" spans="14:14">
      <c r="N273491" s="10"/>
    </row>
    <row r="273492" spans="14:14">
      <c r="N273492" s="10"/>
    </row>
    <row r="273493" spans="14:14">
      <c r="N273493" s="10"/>
    </row>
    <row r="273494" spans="14:14">
      <c r="N273494" s="10"/>
    </row>
    <row r="273495" spans="14:14">
      <c r="N273495" s="10"/>
    </row>
    <row r="273496" spans="14:14">
      <c r="N273496" s="10"/>
    </row>
    <row r="273497" spans="14:14">
      <c r="N273497" s="10"/>
    </row>
    <row r="273498" spans="14:14">
      <c r="N273498" s="10"/>
    </row>
    <row r="273499" spans="14:14">
      <c r="N273499" s="10"/>
    </row>
    <row r="273500" spans="14:14">
      <c r="N273500" s="10"/>
    </row>
    <row r="273501" spans="14:14">
      <c r="N273501" s="10"/>
    </row>
    <row r="273502" spans="14:14">
      <c r="N273502" s="10"/>
    </row>
    <row r="273503" spans="14:14">
      <c r="N273503" s="10"/>
    </row>
    <row r="273504" spans="14:14">
      <c r="N273504" s="10"/>
    </row>
    <row r="273505" spans="14:14">
      <c r="N273505" s="10"/>
    </row>
    <row r="273506" spans="14:14">
      <c r="N273506" s="10"/>
    </row>
    <row r="273507" spans="14:14">
      <c r="N273507" s="10"/>
    </row>
    <row r="273508" spans="14:14">
      <c r="N273508" s="10"/>
    </row>
    <row r="273509" spans="14:14">
      <c r="N273509" s="10"/>
    </row>
    <row r="273510" spans="14:14">
      <c r="N273510" s="10"/>
    </row>
    <row r="273511" spans="14:14">
      <c r="N273511" s="10"/>
    </row>
    <row r="273512" spans="14:14">
      <c r="N273512" s="10"/>
    </row>
    <row r="273513" spans="14:14">
      <c r="N273513" s="10"/>
    </row>
    <row r="273514" spans="14:14">
      <c r="N273514" s="10"/>
    </row>
    <row r="273515" spans="14:14">
      <c r="N273515" s="10"/>
    </row>
    <row r="273516" spans="14:14">
      <c r="N273516" s="10"/>
    </row>
    <row r="273517" spans="14:14">
      <c r="N273517" s="10"/>
    </row>
    <row r="273518" spans="14:14">
      <c r="N273518" s="10"/>
    </row>
    <row r="273519" spans="14:14">
      <c r="N273519" s="10"/>
    </row>
    <row r="273520" spans="14:14">
      <c r="N273520" s="10"/>
    </row>
    <row r="273521" spans="14:14">
      <c r="N273521" s="10"/>
    </row>
    <row r="273522" spans="14:14">
      <c r="N273522" s="10"/>
    </row>
    <row r="273523" spans="14:14">
      <c r="N273523" s="10"/>
    </row>
    <row r="273524" spans="14:14">
      <c r="N273524" s="10"/>
    </row>
    <row r="273525" spans="14:14">
      <c r="N273525" s="10"/>
    </row>
    <row r="273526" spans="14:14">
      <c r="N273526" s="10"/>
    </row>
    <row r="273527" spans="14:14">
      <c r="N273527" s="10"/>
    </row>
    <row r="273528" spans="14:14">
      <c r="N273528" s="10"/>
    </row>
    <row r="273529" spans="14:14">
      <c r="N273529" s="10"/>
    </row>
    <row r="273530" spans="14:14">
      <c r="N273530" s="10"/>
    </row>
    <row r="273531" spans="14:14">
      <c r="N273531" s="10"/>
    </row>
    <row r="273532" spans="14:14">
      <c r="N273532" s="10"/>
    </row>
    <row r="273533" spans="14:14">
      <c r="N273533" s="10"/>
    </row>
    <row r="273534" spans="14:14">
      <c r="N273534" s="10"/>
    </row>
    <row r="273535" spans="14:14">
      <c r="N273535" s="10"/>
    </row>
    <row r="273536" spans="14:14">
      <c r="N273536" s="10"/>
    </row>
    <row r="273537" spans="14:14">
      <c r="N273537" s="10"/>
    </row>
    <row r="273538" spans="14:14">
      <c r="N273538" s="10"/>
    </row>
    <row r="273539" spans="14:14">
      <c r="N273539" s="10"/>
    </row>
    <row r="273540" spans="14:14">
      <c r="N273540" s="10"/>
    </row>
    <row r="273541" spans="14:14">
      <c r="N273541" s="10"/>
    </row>
    <row r="273542" spans="14:14">
      <c r="N273542" s="10"/>
    </row>
    <row r="273543" spans="14:14">
      <c r="N273543" s="10"/>
    </row>
    <row r="273544" spans="14:14">
      <c r="N273544" s="10"/>
    </row>
    <row r="273545" spans="14:14">
      <c r="N273545" s="10"/>
    </row>
    <row r="273546" spans="14:14">
      <c r="N273546" s="10"/>
    </row>
    <row r="273547" spans="14:14">
      <c r="N273547" s="10"/>
    </row>
    <row r="273548" spans="14:14">
      <c r="N273548" s="10"/>
    </row>
    <row r="273549" spans="14:14">
      <c r="N273549" s="10"/>
    </row>
    <row r="273550" spans="14:14">
      <c r="N273550" s="10"/>
    </row>
    <row r="273551" spans="14:14">
      <c r="N273551" s="10"/>
    </row>
    <row r="273552" spans="14:14">
      <c r="N273552" s="10"/>
    </row>
    <row r="273553" spans="14:14">
      <c r="N273553" s="10"/>
    </row>
    <row r="273554" spans="14:14">
      <c r="N273554" s="10"/>
    </row>
    <row r="273555" spans="14:14">
      <c r="N273555" s="10"/>
    </row>
    <row r="273556" spans="14:14">
      <c r="N273556" s="10"/>
    </row>
    <row r="273557" spans="14:14">
      <c r="N273557" s="10"/>
    </row>
    <row r="273558" spans="14:14">
      <c r="N273558" s="10"/>
    </row>
    <row r="273559" spans="14:14">
      <c r="N273559" s="10"/>
    </row>
    <row r="273560" spans="14:14">
      <c r="N273560" s="10"/>
    </row>
    <row r="273561" spans="14:14">
      <c r="N273561" s="10"/>
    </row>
    <row r="273562" spans="14:14">
      <c r="N273562" s="10"/>
    </row>
    <row r="273563" spans="14:14">
      <c r="N273563" s="10"/>
    </row>
    <row r="273564" spans="14:14">
      <c r="N273564" s="10"/>
    </row>
    <row r="273565" spans="14:14">
      <c r="N273565" s="10"/>
    </row>
    <row r="273566" spans="14:14">
      <c r="N273566" s="10"/>
    </row>
    <row r="273567" spans="14:14">
      <c r="N273567" s="10"/>
    </row>
    <row r="273568" spans="14:14">
      <c r="N273568" s="10"/>
    </row>
    <row r="273569" spans="14:14">
      <c r="N273569" s="10"/>
    </row>
    <row r="273570" spans="14:14">
      <c r="N273570" s="10"/>
    </row>
    <row r="273571" spans="14:14">
      <c r="N273571" s="10"/>
    </row>
    <row r="273572" spans="14:14">
      <c r="N273572" s="10"/>
    </row>
    <row r="273573" spans="14:14">
      <c r="N273573" s="10"/>
    </row>
    <row r="273574" spans="14:14">
      <c r="N273574" s="10"/>
    </row>
    <row r="273575" spans="14:14">
      <c r="N273575" s="10"/>
    </row>
    <row r="273576" spans="14:14">
      <c r="N273576" s="10"/>
    </row>
    <row r="273577" spans="14:14">
      <c r="N273577" s="10"/>
    </row>
    <row r="273578" spans="14:14">
      <c r="N273578" s="10"/>
    </row>
    <row r="273579" spans="14:14">
      <c r="N273579" s="10"/>
    </row>
    <row r="273580" spans="14:14">
      <c r="N273580" s="10"/>
    </row>
    <row r="273581" spans="14:14">
      <c r="N273581" s="10"/>
    </row>
    <row r="273582" spans="14:14">
      <c r="N273582" s="10"/>
    </row>
    <row r="273583" spans="14:14">
      <c r="N273583" s="10"/>
    </row>
    <row r="273584" spans="14:14">
      <c r="N273584" s="10"/>
    </row>
    <row r="273585" spans="14:14">
      <c r="N273585" s="10"/>
    </row>
    <row r="273586" spans="14:14">
      <c r="N273586" s="10"/>
    </row>
    <row r="273587" spans="14:14">
      <c r="N273587" s="10"/>
    </row>
    <row r="273588" spans="14:14">
      <c r="N273588" s="10"/>
    </row>
    <row r="273589" spans="14:14">
      <c r="N273589" s="10"/>
    </row>
    <row r="273590" spans="14:14">
      <c r="N273590" s="10"/>
    </row>
    <row r="273591" spans="14:14">
      <c r="N273591" s="10"/>
    </row>
    <row r="273592" spans="14:14">
      <c r="N273592" s="10"/>
    </row>
    <row r="273593" spans="14:14">
      <c r="N273593" s="10"/>
    </row>
    <row r="273594" spans="14:14">
      <c r="N273594" s="10"/>
    </row>
    <row r="273595" spans="14:14">
      <c r="N273595" s="10"/>
    </row>
    <row r="273596" spans="14:14">
      <c r="N273596" s="10"/>
    </row>
    <row r="273597" spans="14:14">
      <c r="N273597" s="10"/>
    </row>
    <row r="273598" spans="14:14">
      <c r="N273598" s="10"/>
    </row>
    <row r="273599" spans="14:14">
      <c r="N273599" s="10"/>
    </row>
    <row r="273600" spans="14:14">
      <c r="N273600" s="10"/>
    </row>
    <row r="273601" spans="14:14">
      <c r="N273601" s="10"/>
    </row>
    <row r="273602" spans="14:14">
      <c r="N273602" s="10"/>
    </row>
    <row r="273603" spans="14:14">
      <c r="N273603" s="10"/>
    </row>
    <row r="273604" spans="14:14">
      <c r="N273604" s="10"/>
    </row>
    <row r="273605" spans="14:14">
      <c r="N273605" s="10"/>
    </row>
    <row r="273606" spans="14:14">
      <c r="N273606" s="10"/>
    </row>
    <row r="273607" spans="14:14">
      <c r="N273607" s="10"/>
    </row>
    <row r="273608" spans="14:14">
      <c r="N273608" s="10"/>
    </row>
    <row r="273609" spans="14:14">
      <c r="N273609" s="10"/>
    </row>
    <row r="273610" spans="14:14">
      <c r="N273610" s="10"/>
    </row>
    <row r="273611" spans="14:14">
      <c r="N273611" s="10"/>
    </row>
    <row r="273612" spans="14:14">
      <c r="N273612" s="10"/>
    </row>
    <row r="273613" spans="14:14">
      <c r="N273613" s="10"/>
    </row>
    <row r="273614" spans="14:14">
      <c r="N273614" s="10"/>
    </row>
    <row r="273615" spans="14:14">
      <c r="N273615" s="10"/>
    </row>
    <row r="273616" spans="14:14">
      <c r="N273616" s="10"/>
    </row>
    <row r="273617" spans="14:14">
      <c r="N273617" s="10"/>
    </row>
    <row r="273618" spans="14:14">
      <c r="N273618" s="10"/>
    </row>
    <row r="273619" spans="14:14">
      <c r="N273619" s="10"/>
    </row>
    <row r="273620" spans="14:14">
      <c r="N273620" s="10"/>
    </row>
    <row r="273621" spans="14:14">
      <c r="N273621" s="10"/>
    </row>
    <row r="273622" spans="14:14">
      <c r="N273622" s="10"/>
    </row>
    <row r="273623" spans="14:14">
      <c r="N273623" s="10"/>
    </row>
    <row r="273624" spans="14:14">
      <c r="N273624" s="10"/>
    </row>
    <row r="273625" spans="14:14">
      <c r="N273625" s="10"/>
    </row>
    <row r="273626" spans="14:14">
      <c r="N273626" s="10"/>
    </row>
    <row r="273627" spans="14:14">
      <c r="N273627" s="10"/>
    </row>
    <row r="273628" spans="14:14">
      <c r="N273628" s="10"/>
    </row>
    <row r="273629" spans="14:14">
      <c r="N273629" s="10"/>
    </row>
    <row r="273630" spans="14:14">
      <c r="N273630" s="10"/>
    </row>
    <row r="273631" spans="14:14">
      <c r="N273631" s="10"/>
    </row>
    <row r="273632" spans="14:14">
      <c r="N273632" s="10"/>
    </row>
    <row r="273633" spans="14:14">
      <c r="N273633" s="10"/>
    </row>
    <row r="273634" spans="14:14">
      <c r="N273634" s="10"/>
    </row>
    <row r="273635" spans="14:14">
      <c r="N273635" s="10"/>
    </row>
    <row r="273636" spans="14:14">
      <c r="N273636" s="10"/>
    </row>
    <row r="273637" spans="14:14">
      <c r="N273637" s="10"/>
    </row>
    <row r="273638" spans="14:14">
      <c r="N273638" s="10"/>
    </row>
    <row r="273639" spans="14:14">
      <c r="N273639" s="10"/>
    </row>
    <row r="273640" spans="14:14">
      <c r="N273640" s="10"/>
    </row>
    <row r="273641" spans="14:14">
      <c r="N273641" s="10"/>
    </row>
    <row r="273642" spans="14:14">
      <c r="N273642" s="10"/>
    </row>
    <row r="273643" spans="14:14">
      <c r="N273643" s="10"/>
    </row>
    <row r="273644" spans="14:14">
      <c r="N273644" s="10"/>
    </row>
    <row r="273645" spans="14:14">
      <c r="N273645" s="10"/>
    </row>
    <row r="273646" spans="14:14">
      <c r="N273646" s="10"/>
    </row>
    <row r="273647" spans="14:14">
      <c r="N273647" s="10"/>
    </row>
    <row r="273648" spans="14:14">
      <c r="N273648" s="10"/>
    </row>
    <row r="273649" spans="14:14">
      <c r="N273649" s="10"/>
    </row>
    <row r="273650" spans="14:14">
      <c r="N273650" s="10"/>
    </row>
    <row r="273651" spans="14:14">
      <c r="N273651" s="10"/>
    </row>
    <row r="273652" spans="14:14">
      <c r="N273652" s="10"/>
    </row>
    <row r="273653" spans="14:14">
      <c r="N273653" s="10"/>
    </row>
    <row r="273654" spans="14:14">
      <c r="N273654" s="10"/>
    </row>
    <row r="273655" spans="14:14">
      <c r="N273655" s="10"/>
    </row>
    <row r="273656" spans="14:14">
      <c r="N273656" s="10"/>
    </row>
    <row r="273657" spans="14:14">
      <c r="N273657" s="10"/>
    </row>
    <row r="273658" spans="14:14">
      <c r="N273658" s="10"/>
    </row>
    <row r="273659" spans="14:14">
      <c r="N273659" s="10"/>
    </row>
    <row r="273660" spans="14:14">
      <c r="N273660" s="10"/>
    </row>
    <row r="273661" spans="14:14">
      <c r="N273661" s="10"/>
    </row>
    <row r="273662" spans="14:14">
      <c r="N273662" s="10"/>
    </row>
    <row r="273663" spans="14:14">
      <c r="N273663" s="10"/>
    </row>
    <row r="273664" spans="14:14">
      <c r="N273664" s="10"/>
    </row>
    <row r="273665" spans="14:14">
      <c r="N273665" s="10"/>
    </row>
    <row r="273666" spans="14:14">
      <c r="N273666" s="10"/>
    </row>
    <row r="273667" spans="14:14">
      <c r="N273667" s="10"/>
    </row>
    <row r="273668" spans="14:14">
      <c r="N273668" s="10"/>
    </row>
    <row r="273669" spans="14:14">
      <c r="N273669" s="10"/>
    </row>
    <row r="273670" spans="14:14">
      <c r="N273670" s="10"/>
    </row>
    <row r="273671" spans="14:14">
      <c r="N273671" s="10"/>
    </row>
    <row r="273672" spans="14:14">
      <c r="N273672" s="10"/>
    </row>
    <row r="273673" spans="14:14">
      <c r="N273673" s="10"/>
    </row>
    <row r="273674" spans="14:14">
      <c r="N273674" s="10"/>
    </row>
    <row r="273675" spans="14:14">
      <c r="N273675" s="10"/>
    </row>
    <row r="273676" spans="14:14">
      <c r="N273676" s="10"/>
    </row>
    <row r="273677" spans="14:14">
      <c r="N273677" s="10"/>
    </row>
    <row r="273678" spans="14:14">
      <c r="N273678" s="10"/>
    </row>
    <row r="273679" spans="14:14">
      <c r="N273679" s="10"/>
    </row>
    <row r="273680" spans="14:14">
      <c r="N273680" s="10"/>
    </row>
    <row r="273681" spans="14:14">
      <c r="N273681" s="10"/>
    </row>
    <row r="273682" spans="14:14">
      <c r="N273682" s="10"/>
    </row>
    <row r="273683" spans="14:14">
      <c r="N273683" s="10"/>
    </row>
    <row r="273684" spans="14:14">
      <c r="N273684" s="10"/>
    </row>
    <row r="273685" spans="14:14">
      <c r="N273685" s="10"/>
    </row>
    <row r="273686" spans="14:14">
      <c r="N273686" s="10"/>
    </row>
    <row r="273687" spans="14:14">
      <c r="N273687" s="10"/>
    </row>
    <row r="273688" spans="14:14">
      <c r="N273688" s="10"/>
    </row>
    <row r="273689" spans="14:14">
      <c r="N273689" s="10"/>
    </row>
    <row r="273690" spans="14:14">
      <c r="N273690" s="10"/>
    </row>
    <row r="273691" spans="14:14">
      <c r="N273691" s="10"/>
    </row>
    <row r="273692" spans="14:14">
      <c r="N273692" s="10"/>
    </row>
    <row r="273693" spans="14:14">
      <c r="N273693" s="10"/>
    </row>
    <row r="273694" spans="14:14">
      <c r="N273694" s="10"/>
    </row>
    <row r="273695" spans="14:14">
      <c r="N273695" s="10"/>
    </row>
    <row r="273696" spans="14:14">
      <c r="N273696" s="10"/>
    </row>
    <row r="273697" spans="14:14">
      <c r="N273697" s="10"/>
    </row>
    <row r="273698" spans="14:14">
      <c r="N273698" s="10"/>
    </row>
    <row r="273699" spans="14:14">
      <c r="N273699" s="10"/>
    </row>
    <row r="273700" spans="14:14">
      <c r="N273700" s="10"/>
    </row>
    <row r="273701" spans="14:14">
      <c r="N273701" s="10"/>
    </row>
    <row r="273702" spans="14:14">
      <c r="N273702" s="10"/>
    </row>
    <row r="273703" spans="14:14">
      <c r="N273703" s="10"/>
    </row>
    <row r="273704" spans="14:14">
      <c r="N273704" s="10"/>
    </row>
    <row r="273705" spans="14:14">
      <c r="N273705" s="10"/>
    </row>
    <row r="273706" spans="14:14">
      <c r="N273706" s="10"/>
    </row>
    <row r="273707" spans="14:14">
      <c r="N273707" s="10"/>
    </row>
    <row r="273708" spans="14:14">
      <c r="N273708" s="10"/>
    </row>
    <row r="273709" spans="14:14">
      <c r="N273709" s="10"/>
    </row>
    <row r="273710" spans="14:14">
      <c r="N273710" s="10"/>
    </row>
    <row r="273711" spans="14:14">
      <c r="N273711" s="10"/>
    </row>
    <row r="273712" spans="14:14">
      <c r="N273712" s="10"/>
    </row>
    <row r="273713" spans="14:14">
      <c r="N273713" s="10"/>
    </row>
    <row r="273714" spans="14:14">
      <c r="N273714" s="10"/>
    </row>
    <row r="273715" spans="14:14">
      <c r="N273715" s="10"/>
    </row>
    <row r="273716" spans="14:14">
      <c r="N273716" s="10"/>
    </row>
    <row r="273717" spans="14:14">
      <c r="N273717" s="10"/>
    </row>
    <row r="273718" spans="14:14">
      <c r="N273718" s="10"/>
    </row>
    <row r="273719" spans="14:14">
      <c r="N273719" s="10"/>
    </row>
    <row r="273720" spans="14:14">
      <c r="N273720" s="10"/>
    </row>
    <row r="273721" spans="14:14">
      <c r="N273721" s="10"/>
    </row>
    <row r="273722" spans="14:14">
      <c r="N273722" s="10"/>
    </row>
    <row r="273723" spans="14:14">
      <c r="N273723" s="10"/>
    </row>
    <row r="273724" spans="14:14">
      <c r="N273724" s="10"/>
    </row>
    <row r="273725" spans="14:14">
      <c r="N273725" s="10"/>
    </row>
    <row r="273726" spans="14:14">
      <c r="N273726" s="10"/>
    </row>
    <row r="273727" spans="14:14">
      <c r="N273727" s="10"/>
    </row>
    <row r="273728" spans="14:14">
      <c r="N273728" s="10"/>
    </row>
    <row r="273729" spans="14:14">
      <c r="N273729" s="10"/>
    </row>
    <row r="273730" spans="14:14">
      <c r="N273730" s="10"/>
    </row>
    <row r="273731" spans="14:14">
      <c r="N273731" s="10"/>
    </row>
    <row r="273732" spans="14:14">
      <c r="N273732" s="10"/>
    </row>
    <row r="273733" spans="14:14">
      <c r="N273733" s="10"/>
    </row>
    <row r="273734" spans="14:14">
      <c r="N273734" s="10"/>
    </row>
    <row r="273735" spans="14:14">
      <c r="N273735" s="10"/>
    </row>
    <row r="273736" spans="14:14">
      <c r="N273736" s="10"/>
    </row>
    <row r="273737" spans="14:14">
      <c r="N273737" s="10"/>
    </row>
    <row r="273738" spans="14:14">
      <c r="N273738" s="10"/>
    </row>
    <row r="273739" spans="14:14">
      <c r="N273739" s="10"/>
    </row>
    <row r="273740" spans="14:14">
      <c r="N273740" s="10"/>
    </row>
    <row r="273741" spans="14:14">
      <c r="N273741" s="10"/>
    </row>
    <row r="273742" spans="14:14">
      <c r="N273742" s="10"/>
    </row>
    <row r="273743" spans="14:14">
      <c r="N273743" s="10"/>
    </row>
    <row r="273744" spans="14:14">
      <c r="N273744" s="10"/>
    </row>
    <row r="273745" spans="14:14">
      <c r="N273745" s="10"/>
    </row>
    <row r="273746" spans="14:14">
      <c r="N273746" s="10"/>
    </row>
    <row r="273747" spans="14:14">
      <c r="N273747" s="10"/>
    </row>
    <row r="273748" spans="14:14">
      <c r="N273748" s="10"/>
    </row>
    <row r="273749" spans="14:14">
      <c r="N273749" s="10"/>
    </row>
    <row r="273750" spans="14:14">
      <c r="N273750" s="10"/>
    </row>
    <row r="273751" spans="14:14">
      <c r="N273751" s="10"/>
    </row>
    <row r="273752" spans="14:14">
      <c r="N273752" s="10"/>
    </row>
    <row r="273753" spans="14:14">
      <c r="N273753" s="10"/>
    </row>
    <row r="273754" spans="14:14">
      <c r="N273754" s="10"/>
    </row>
    <row r="273755" spans="14:14">
      <c r="N273755" s="10"/>
    </row>
    <row r="273756" spans="14:14">
      <c r="N273756" s="10"/>
    </row>
    <row r="273757" spans="14:14">
      <c r="N273757" s="10"/>
    </row>
    <row r="273758" spans="14:14">
      <c r="N273758" s="10"/>
    </row>
    <row r="273759" spans="14:14">
      <c r="N273759" s="10"/>
    </row>
    <row r="273760" spans="14:14">
      <c r="N273760" s="10"/>
    </row>
    <row r="273761" spans="14:14">
      <c r="N273761" s="10"/>
    </row>
    <row r="273762" spans="14:14">
      <c r="N273762" s="10"/>
    </row>
    <row r="273763" spans="14:14">
      <c r="N273763" s="10"/>
    </row>
    <row r="273764" spans="14:14">
      <c r="N273764" s="10"/>
    </row>
    <row r="273765" spans="14:14">
      <c r="N273765" s="10"/>
    </row>
    <row r="273766" spans="14:14">
      <c r="N273766" s="10"/>
    </row>
    <row r="273767" spans="14:14">
      <c r="N273767" s="10"/>
    </row>
    <row r="273768" spans="14:14">
      <c r="N273768" s="10"/>
    </row>
    <row r="273769" spans="14:14">
      <c r="N273769" s="10"/>
    </row>
    <row r="273770" spans="14:14">
      <c r="N273770" s="10"/>
    </row>
    <row r="273771" spans="14:14">
      <c r="N273771" s="10"/>
    </row>
    <row r="273772" spans="14:14">
      <c r="N273772" s="10"/>
    </row>
    <row r="273773" spans="14:14">
      <c r="N273773" s="10"/>
    </row>
    <row r="273774" spans="14:14">
      <c r="N273774" s="10"/>
    </row>
    <row r="273775" spans="14:14">
      <c r="N273775" s="10"/>
    </row>
    <row r="273776" spans="14:14">
      <c r="N273776" s="10"/>
    </row>
    <row r="273777" spans="14:14">
      <c r="N273777" s="10"/>
    </row>
    <row r="273778" spans="14:14">
      <c r="N273778" s="10"/>
    </row>
    <row r="273779" spans="14:14">
      <c r="N273779" s="10"/>
    </row>
    <row r="273780" spans="14:14">
      <c r="N273780" s="10"/>
    </row>
    <row r="273781" spans="14:14">
      <c r="N273781" s="10"/>
    </row>
    <row r="273782" spans="14:14">
      <c r="N273782" s="10"/>
    </row>
    <row r="273783" spans="14:14">
      <c r="N273783" s="10"/>
    </row>
    <row r="273784" spans="14:14">
      <c r="N273784" s="10"/>
    </row>
    <row r="273785" spans="14:14">
      <c r="N273785" s="10"/>
    </row>
    <row r="273786" spans="14:14">
      <c r="N273786" s="10"/>
    </row>
    <row r="273787" spans="14:14">
      <c r="N273787" s="10"/>
    </row>
    <row r="273788" spans="14:14">
      <c r="N273788" s="10"/>
    </row>
    <row r="273789" spans="14:14">
      <c r="N273789" s="10"/>
    </row>
    <row r="273790" spans="14:14">
      <c r="N273790" s="10"/>
    </row>
    <row r="273791" spans="14:14">
      <c r="N273791" s="10"/>
    </row>
    <row r="273792" spans="14:14">
      <c r="N273792" s="10"/>
    </row>
    <row r="273793" spans="14:14">
      <c r="N273793" s="10"/>
    </row>
    <row r="273794" spans="14:14">
      <c r="N273794" s="10"/>
    </row>
    <row r="273795" spans="14:14">
      <c r="N273795" s="10"/>
    </row>
    <row r="273796" spans="14:14">
      <c r="N273796" s="10"/>
    </row>
    <row r="273797" spans="14:14">
      <c r="N273797" s="10"/>
    </row>
    <row r="273798" spans="14:14">
      <c r="N273798" s="10"/>
    </row>
    <row r="273799" spans="14:14">
      <c r="N273799" s="10"/>
    </row>
    <row r="273800" spans="14:14">
      <c r="N273800" s="10"/>
    </row>
    <row r="273801" spans="14:14">
      <c r="N273801" s="10"/>
    </row>
    <row r="273802" spans="14:14">
      <c r="N273802" s="10"/>
    </row>
    <row r="273803" spans="14:14">
      <c r="N273803" s="10"/>
    </row>
    <row r="273804" spans="14:14">
      <c r="N273804" s="10"/>
    </row>
    <row r="273805" spans="14:14">
      <c r="N273805" s="10"/>
    </row>
    <row r="273806" spans="14:14">
      <c r="N273806" s="10"/>
    </row>
    <row r="273807" spans="14:14">
      <c r="N273807" s="10"/>
    </row>
    <row r="273808" spans="14:14">
      <c r="N273808" s="10"/>
    </row>
    <row r="273809" spans="14:14">
      <c r="N273809" s="10"/>
    </row>
    <row r="273810" spans="14:14">
      <c r="N273810" s="10"/>
    </row>
    <row r="273811" spans="14:14">
      <c r="N273811" s="10"/>
    </row>
    <row r="273812" spans="14:14">
      <c r="N273812" s="10"/>
    </row>
    <row r="273813" spans="14:14">
      <c r="N273813" s="10"/>
    </row>
    <row r="273814" spans="14:14">
      <c r="N273814" s="10"/>
    </row>
    <row r="273815" spans="14:14">
      <c r="N273815" s="10"/>
    </row>
    <row r="273816" spans="14:14">
      <c r="N273816" s="10"/>
    </row>
    <row r="273817" spans="14:14">
      <c r="N273817" s="10"/>
    </row>
    <row r="273818" spans="14:14">
      <c r="N273818" s="10"/>
    </row>
    <row r="273819" spans="14:14">
      <c r="N273819" s="10"/>
    </row>
    <row r="273820" spans="14:14">
      <c r="N273820" s="10"/>
    </row>
    <row r="273821" spans="14:14">
      <c r="N273821" s="10"/>
    </row>
    <row r="273822" spans="14:14">
      <c r="N273822" s="10"/>
    </row>
    <row r="273823" spans="14:14">
      <c r="N273823" s="10"/>
    </row>
    <row r="273824" spans="14:14">
      <c r="N273824" s="10"/>
    </row>
    <row r="273825" spans="14:14">
      <c r="N273825" s="10"/>
    </row>
    <row r="273826" spans="14:14">
      <c r="N273826" s="10"/>
    </row>
    <row r="273827" spans="14:14">
      <c r="N273827" s="10"/>
    </row>
    <row r="273828" spans="14:14">
      <c r="N273828" s="10"/>
    </row>
    <row r="273829" spans="14:14">
      <c r="N273829" s="10"/>
    </row>
    <row r="273830" spans="14:14">
      <c r="N273830" s="10"/>
    </row>
    <row r="273831" spans="14:14">
      <c r="N273831" s="10"/>
    </row>
    <row r="273832" spans="14:14">
      <c r="N273832" s="10"/>
    </row>
    <row r="273833" spans="14:14">
      <c r="N273833" s="10"/>
    </row>
    <row r="273834" spans="14:14">
      <c r="N273834" s="10"/>
    </row>
    <row r="273835" spans="14:14">
      <c r="N273835" s="10"/>
    </row>
    <row r="273836" spans="14:14">
      <c r="N273836" s="10"/>
    </row>
    <row r="273837" spans="14:14">
      <c r="N273837" s="10"/>
    </row>
    <row r="273838" spans="14:14">
      <c r="N273838" s="10"/>
    </row>
    <row r="273839" spans="14:14">
      <c r="N273839" s="10"/>
    </row>
    <row r="273840" spans="14:14">
      <c r="N273840" s="10"/>
    </row>
    <row r="273841" spans="14:14">
      <c r="N273841" s="10"/>
    </row>
    <row r="273842" spans="14:14">
      <c r="N273842" s="10"/>
    </row>
    <row r="273843" spans="14:14">
      <c r="N273843" s="10"/>
    </row>
    <row r="273844" spans="14:14">
      <c r="N273844" s="10"/>
    </row>
    <row r="273845" spans="14:14">
      <c r="N273845" s="10"/>
    </row>
    <row r="273846" spans="14:14">
      <c r="N273846" s="10"/>
    </row>
    <row r="273847" spans="14:14">
      <c r="N273847" s="10"/>
    </row>
    <row r="273848" spans="14:14">
      <c r="N273848" s="10"/>
    </row>
    <row r="273849" spans="14:14">
      <c r="N273849" s="10"/>
    </row>
    <row r="273850" spans="14:14">
      <c r="N273850" s="10"/>
    </row>
    <row r="273851" spans="14:14">
      <c r="N273851" s="10"/>
    </row>
    <row r="273852" spans="14:14">
      <c r="N273852" s="10"/>
    </row>
    <row r="273853" spans="14:14">
      <c r="N273853" s="10"/>
    </row>
    <row r="273854" spans="14:14">
      <c r="N273854" s="10"/>
    </row>
    <row r="273855" spans="14:14">
      <c r="N273855" s="10"/>
    </row>
    <row r="273856" spans="14:14">
      <c r="N273856" s="10"/>
    </row>
    <row r="273857" spans="14:14">
      <c r="N273857" s="10"/>
    </row>
    <row r="273858" spans="14:14">
      <c r="N273858" s="10"/>
    </row>
    <row r="273859" spans="14:14">
      <c r="N273859" s="10"/>
    </row>
    <row r="273860" spans="14:14">
      <c r="N273860" s="10"/>
    </row>
    <row r="273861" spans="14:14">
      <c r="N273861" s="10"/>
    </row>
    <row r="273862" spans="14:14">
      <c r="N273862" s="10"/>
    </row>
    <row r="273863" spans="14:14">
      <c r="N273863" s="10"/>
    </row>
    <row r="273864" spans="14:14">
      <c r="N273864" s="10"/>
    </row>
    <row r="273865" spans="14:14">
      <c r="N273865" s="10"/>
    </row>
    <row r="273866" spans="14:14">
      <c r="N273866" s="10"/>
    </row>
    <row r="273867" spans="14:14">
      <c r="N273867" s="10"/>
    </row>
    <row r="273868" spans="14:14">
      <c r="N273868" s="10"/>
    </row>
    <row r="273869" spans="14:14">
      <c r="N273869" s="10"/>
    </row>
    <row r="273870" spans="14:14">
      <c r="N273870" s="10"/>
    </row>
    <row r="273871" spans="14:14">
      <c r="N273871" s="10"/>
    </row>
    <row r="273872" spans="14:14">
      <c r="N273872" s="10"/>
    </row>
    <row r="273873" spans="14:14">
      <c r="N273873" s="10"/>
    </row>
    <row r="273874" spans="14:14">
      <c r="N273874" s="10"/>
    </row>
    <row r="273875" spans="14:14">
      <c r="N273875" s="10"/>
    </row>
    <row r="273876" spans="14:14">
      <c r="N273876" s="10"/>
    </row>
    <row r="273877" spans="14:14">
      <c r="N273877" s="10"/>
    </row>
    <row r="273878" spans="14:14">
      <c r="N273878" s="10"/>
    </row>
    <row r="273879" spans="14:14">
      <c r="N273879" s="10"/>
    </row>
    <row r="273880" spans="14:14">
      <c r="N273880" s="10"/>
    </row>
    <row r="273881" spans="14:14">
      <c r="N273881" s="10"/>
    </row>
    <row r="273882" spans="14:14">
      <c r="N273882" s="10"/>
    </row>
    <row r="273883" spans="14:14">
      <c r="N273883" s="10"/>
    </row>
    <row r="273884" spans="14:14">
      <c r="N273884" s="10"/>
    </row>
    <row r="273885" spans="14:14">
      <c r="N273885" s="10"/>
    </row>
    <row r="273886" spans="14:14">
      <c r="N273886" s="10"/>
    </row>
    <row r="273887" spans="14:14">
      <c r="N273887" s="10"/>
    </row>
    <row r="273888" spans="14:14">
      <c r="N273888" s="10"/>
    </row>
    <row r="273889" spans="14:14">
      <c r="N273889" s="10"/>
    </row>
    <row r="273890" spans="14:14">
      <c r="N273890" s="10"/>
    </row>
    <row r="273891" spans="14:14">
      <c r="N273891" s="10"/>
    </row>
    <row r="273892" spans="14:14">
      <c r="N273892" s="10"/>
    </row>
    <row r="273893" spans="14:14">
      <c r="N273893" s="10"/>
    </row>
    <row r="273894" spans="14:14">
      <c r="N273894" s="10"/>
    </row>
    <row r="273895" spans="14:14">
      <c r="N273895" s="10"/>
    </row>
    <row r="273896" spans="14:14">
      <c r="N273896" s="10"/>
    </row>
    <row r="273897" spans="14:14">
      <c r="N273897" s="10"/>
    </row>
    <row r="273898" spans="14:14">
      <c r="N273898" s="10"/>
    </row>
    <row r="273899" spans="14:14">
      <c r="N273899" s="10"/>
    </row>
    <row r="273900" spans="14:14">
      <c r="N273900" s="10"/>
    </row>
    <row r="273901" spans="14:14">
      <c r="N273901" s="10"/>
    </row>
    <row r="273902" spans="14:14">
      <c r="N273902" s="10"/>
    </row>
    <row r="273903" spans="14:14">
      <c r="N273903" s="10"/>
    </row>
    <row r="273904" spans="14:14">
      <c r="N273904" s="10"/>
    </row>
    <row r="273905" spans="14:14">
      <c r="N273905" s="10"/>
    </row>
    <row r="273906" spans="14:14">
      <c r="N273906" s="10"/>
    </row>
    <row r="273907" spans="14:14">
      <c r="N273907" s="10"/>
    </row>
    <row r="273908" spans="14:14">
      <c r="N273908" s="10"/>
    </row>
    <row r="273909" spans="14:14">
      <c r="N273909" s="10"/>
    </row>
    <row r="273910" spans="14:14">
      <c r="N273910" s="10"/>
    </row>
    <row r="273911" spans="14:14">
      <c r="N273911" s="10"/>
    </row>
    <row r="273912" spans="14:14">
      <c r="N273912" s="10"/>
    </row>
    <row r="273913" spans="14:14">
      <c r="N273913" s="10"/>
    </row>
    <row r="273914" spans="14:14">
      <c r="N273914" s="10"/>
    </row>
    <row r="273915" spans="14:14">
      <c r="N273915" s="10"/>
    </row>
    <row r="273916" spans="14:14">
      <c r="N273916" s="10"/>
    </row>
    <row r="273917" spans="14:14">
      <c r="N273917" s="10"/>
    </row>
    <row r="273918" spans="14:14">
      <c r="N273918" s="10"/>
    </row>
    <row r="273919" spans="14:14">
      <c r="N273919" s="10"/>
    </row>
    <row r="273920" spans="14:14">
      <c r="N273920" s="10"/>
    </row>
    <row r="273921" spans="14:14">
      <c r="N273921" s="10"/>
    </row>
    <row r="273922" spans="14:14">
      <c r="N273922" s="10"/>
    </row>
    <row r="273923" spans="14:14">
      <c r="N273923" s="10"/>
    </row>
    <row r="273924" spans="14:14">
      <c r="N273924" s="10"/>
    </row>
    <row r="273925" spans="14:14">
      <c r="N273925" s="10"/>
    </row>
    <row r="273926" spans="14:14">
      <c r="N273926" s="10"/>
    </row>
    <row r="273927" spans="14:14">
      <c r="N273927" s="10"/>
    </row>
    <row r="273928" spans="14:14">
      <c r="N273928" s="10"/>
    </row>
    <row r="273929" spans="14:14">
      <c r="N273929" s="10"/>
    </row>
    <row r="273930" spans="14:14">
      <c r="N273930" s="10"/>
    </row>
    <row r="273931" spans="14:14">
      <c r="N273931" s="10"/>
    </row>
    <row r="273932" spans="14:14">
      <c r="N273932" s="10"/>
    </row>
    <row r="273933" spans="14:14">
      <c r="N273933" s="10"/>
    </row>
    <row r="273934" spans="14:14">
      <c r="N273934" s="10"/>
    </row>
    <row r="273935" spans="14:14">
      <c r="N273935" s="10"/>
    </row>
    <row r="273936" spans="14:14">
      <c r="N273936" s="10"/>
    </row>
    <row r="273937" spans="14:14">
      <c r="N273937" s="10"/>
    </row>
    <row r="273938" spans="14:14">
      <c r="N273938" s="10"/>
    </row>
    <row r="273939" spans="14:14">
      <c r="N273939" s="10"/>
    </row>
    <row r="273940" spans="14:14">
      <c r="N273940" s="10"/>
    </row>
    <row r="273941" spans="14:14">
      <c r="N273941" s="10"/>
    </row>
    <row r="273942" spans="14:14">
      <c r="N273942" s="10"/>
    </row>
    <row r="273943" spans="14:14">
      <c r="N273943" s="10"/>
    </row>
    <row r="273944" spans="14:14">
      <c r="N273944" s="10"/>
    </row>
    <row r="273945" spans="14:14">
      <c r="N273945" s="10"/>
    </row>
    <row r="273946" spans="14:14">
      <c r="N273946" s="10"/>
    </row>
    <row r="273947" spans="14:14">
      <c r="N273947" s="10"/>
    </row>
    <row r="273948" spans="14:14">
      <c r="N273948" s="10"/>
    </row>
    <row r="273949" spans="14:14">
      <c r="N273949" s="10"/>
    </row>
    <row r="273950" spans="14:14">
      <c r="N273950" s="10"/>
    </row>
    <row r="273951" spans="14:14">
      <c r="N273951" s="10"/>
    </row>
    <row r="273952" spans="14:14">
      <c r="N273952" s="10"/>
    </row>
    <row r="273953" spans="14:14">
      <c r="N273953" s="10"/>
    </row>
    <row r="273954" spans="14:14">
      <c r="N273954" s="10"/>
    </row>
    <row r="273955" spans="14:14">
      <c r="N273955" s="10"/>
    </row>
    <row r="273956" spans="14:14">
      <c r="N273956" s="10"/>
    </row>
    <row r="273957" spans="14:14">
      <c r="N273957" s="10"/>
    </row>
    <row r="273958" spans="14:14">
      <c r="N273958" s="10"/>
    </row>
    <row r="273959" spans="14:14">
      <c r="N273959" s="10"/>
    </row>
    <row r="273960" spans="14:14">
      <c r="N273960" s="10"/>
    </row>
    <row r="273961" spans="14:14">
      <c r="N273961" s="10"/>
    </row>
    <row r="273962" spans="14:14">
      <c r="N273962" s="10"/>
    </row>
    <row r="273963" spans="14:14">
      <c r="N273963" s="10"/>
    </row>
    <row r="273964" spans="14:14">
      <c r="N273964" s="10"/>
    </row>
    <row r="273965" spans="14:14">
      <c r="N273965" s="10"/>
    </row>
    <row r="273966" spans="14:14">
      <c r="N273966" s="10"/>
    </row>
    <row r="273967" spans="14:14">
      <c r="N273967" s="10"/>
    </row>
    <row r="273968" spans="14:14">
      <c r="N273968" s="10"/>
    </row>
    <row r="273969" spans="14:14">
      <c r="N273969" s="10"/>
    </row>
    <row r="273970" spans="14:14">
      <c r="N273970" s="10"/>
    </row>
    <row r="273971" spans="14:14">
      <c r="N273971" s="10"/>
    </row>
    <row r="273972" spans="14:14">
      <c r="N273972" s="10"/>
    </row>
    <row r="273973" spans="14:14">
      <c r="N273973" s="10"/>
    </row>
    <row r="273974" spans="14:14">
      <c r="N273974" s="10"/>
    </row>
    <row r="273975" spans="14:14">
      <c r="N273975" s="10"/>
    </row>
    <row r="273976" spans="14:14">
      <c r="N273976" s="10"/>
    </row>
    <row r="273977" spans="14:14">
      <c r="N273977" s="10"/>
    </row>
    <row r="273978" spans="14:14">
      <c r="N273978" s="10"/>
    </row>
    <row r="273979" spans="14:14">
      <c r="N273979" s="10"/>
    </row>
    <row r="273980" spans="14:14">
      <c r="N273980" s="10"/>
    </row>
    <row r="273981" spans="14:14">
      <c r="N273981" s="10"/>
    </row>
    <row r="273982" spans="14:14">
      <c r="N273982" s="10"/>
    </row>
    <row r="273983" spans="14:14">
      <c r="N273983" s="10"/>
    </row>
    <row r="273984" spans="14:14">
      <c r="N273984" s="10"/>
    </row>
    <row r="273985" spans="14:14">
      <c r="N273985" s="10"/>
    </row>
    <row r="273986" spans="14:14">
      <c r="N273986" s="10"/>
    </row>
    <row r="273987" spans="14:14">
      <c r="N273987" s="10"/>
    </row>
    <row r="273988" spans="14:14">
      <c r="N273988" s="10"/>
    </row>
    <row r="273989" spans="14:14">
      <c r="N273989" s="10"/>
    </row>
    <row r="273990" spans="14:14">
      <c r="N273990" s="10"/>
    </row>
    <row r="273991" spans="14:14">
      <c r="N273991" s="10"/>
    </row>
    <row r="273992" spans="14:14">
      <c r="N273992" s="10"/>
    </row>
    <row r="273993" spans="14:14">
      <c r="N273993" s="10"/>
    </row>
    <row r="273994" spans="14:14">
      <c r="N273994" s="10"/>
    </row>
    <row r="273995" spans="14:14">
      <c r="N273995" s="10"/>
    </row>
    <row r="273996" spans="14:14">
      <c r="N273996" s="10"/>
    </row>
    <row r="273997" spans="14:14">
      <c r="N273997" s="10"/>
    </row>
    <row r="273998" spans="14:14">
      <c r="N273998" s="10"/>
    </row>
    <row r="273999" spans="14:14">
      <c r="N273999" s="10"/>
    </row>
    <row r="274000" spans="14:14">
      <c r="N274000" s="10"/>
    </row>
    <row r="274001" spans="14:14">
      <c r="N274001" s="10"/>
    </row>
    <row r="274002" spans="14:14">
      <c r="N274002" s="10"/>
    </row>
    <row r="274003" spans="14:14">
      <c r="N274003" s="10"/>
    </row>
    <row r="274004" spans="14:14">
      <c r="N274004" s="10"/>
    </row>
    <row r="274005" spans="14:14">
      <c r="N274005" s="10"/>
    </row>
    <row r="274006" spans="14:14">
      <c r="N274006" s="10"/>
    </row>
    <row r="274007" spans="14:14">
      <c r="N274007" s="10"/>
    </row>
    <row r="274008" spans="14:14">
      <c r="N274008" s="10"/>
    </row>
    <row r="274009" spans="14:14">
      <c r="N274009" s="10"/>
    </row>
    <row r="274010" spans="14:14">
      <c r="N274010" s="10"/>
    </row>
    <row r="274011" spans="14:14">
      <c r="N274011" s="10"/>
    </row>
    <row r="274012" spans="14:14">
      <c r="N274012" s="10"/>
    </row>
    <row r="274013" spans="14:14">
      <c r="N274013" s="10"/>
    </row>
    <row r="274014" spans="14:14">
      <c r="N274014" s="10"/>
    </row>
    <row r="274015" spans="14:14">
      <c r="N274015" s="10"/>
    </row>
    <row r="274016" spans="14:14">
      <c r="N274016" s="10"/>
    </row>
    <row r="274017" spans="14:14">
      <c r="N274017" s="10"/>
    </row>
    <row r="274018" spans="14:14">
      <c r="N274018" s="10"/>
    </row>
    <row r="274019" spans="14:14">
      <c r="N274019" s="10"/>
    </row>
    <row r="274020" spans="14:14">
      <c r="N274020" s="10"/>
    </row>
    <row r="274021" spans="14:14">
      <c r="N274021" s="10"/>
    </row>
    <row r="274022" spans="14:14">
      <c r="N274022" s="10"/>
    </row>
    <row r="274023" spans="14:14">
      <c r="N274023" s="10"/>
    </row>
    <row r="274024" spans="14:14">
      <c r="N274024" s="10"/>
    </row>
    <row r="274025" spans="14:14">
      <c r="N274025" s="10"/>
    </row>
    <row r="274026" spans="14:14">
      <c r="N274026" s="10"/>
    </row>
    <row r="274027" spans="14:14">
      <c r="N274027" s="10"/>
    </row>
    <row r="274028" spans="14:14">
      <c r="N274028" s="10"/>
    </row>
    <row r="274029" spans="14:14">
      <c r="N274029" s="10"/>
    </row>
    <row r="274030" spans="14:14">
      <c r="N274030" s="10"/>
    </row>
    <row r="274031" spans="14:14">
      <c r="N274031" s="10"/>
    </row>
    <row r="274032" spans="14:14">
      <c r="N274032" s="10"/>
    </row>
    <row r="274033" spans="14:14">
      <c r="N274033" s="10"/>
    </row>
    <row r="274034" spans="14:14">
      <c r="N274034" s="10"/>
    </row>
    <row r="274035" spans="14:14">
      <c r="N274035" s="10"/>
    </row>
    <row r="274036" spans="14:14">
      <c r="N274036" s="10"/>
    </row>
    <row r="274037" spans="14:14">
      <c r="N274037" s="10"/>
    </row>
    <row r="274038" spans="14:14">
      <c r="N274038" s="10"/>
    </row>
    <row r="274039" spans="14:14">
      <c r="N274039" s="10"/>
    </row>
    <row r="274040" spans="14:14">
      <c r="N274040" s="10"/>
    </row>
    <row r="274041" spans="14:14">
      <c r="N274041" s="10"/>
    </row>
    <row r="274042" spans="14:14">
      <c r="N274042" s="10"/>
    </row>
    <row r="274043" spans="14:14">
      <c r="N274043" s="10"/>
    </row>
    <row r="274044" spans="14:14">
      <c r="N274044" s="10"/>
    </row>
    <row r="274045" spans="14:14">
      <c r="N274045" s="10"/>
    </row>
    <row r="274046" spans="14:14">
      <c r="N274046" s="10"/>
    </row>
    <row r="274047" spans="14:14">
      <c r="N274047" s="10"/>
    </row>
    <row r="274048" spans="14:14">
      <c r="N274048" s="10"/>
    </row>
    <row r="274049" spans="14:14">
      <c r="N274049" s="10"/>
    </row>
    <row r="274050" spans="14:14">
      <c r="N274050" s="10"/>
    </row>
    <row r="274051" spans="14:14">
      <c r="N274051" s="10"/>
    </row>
    <row r="274052" spans="14:14">
      <c r="N274052" s="10"/>
    </row>
    <row r="274053" spans="14:14">
      <c r="N274053" s="10"/>
    </row>
    <row r="274054" spans="14:14">
      <c r="N274054" s="10"/>
    </row>
    <row r="274055" spans="14:14">
      <c r="N274055" s="10"/>
    </row>
    <row r="274056" spans="14:14">
      <c r="N274056" s="10"/>
    </row>
    <row r="274057" spans="14:14">
      <c r="N274057" s="10"/>
    </row>
    <row r="274058" spans="14:14">
      <c r="N274058" s="10"/>
    </row>
    <row r="274059" spans="14:14">
      <c r="N274059" s="10"/>
    </row>
    <row r="274060" spans="14:14">
      <c r="N274060" s="10"/>
    </row>
    <row r="274061" spans="14:14">
      <c r="N274061" s="10"/>
    </row>
    <row r="274062" spans="14:14">
      <c r="N274062" s="10"/>
    </row>
    <row r="274063" spans="14:14">
      <c r="N274063" s="10"/>
    </row>
    <row r="274064" spans="14:14">
      <c r="N274064" s="10"/>
    </row>
    <row r="274065" spans="14:14">
      <c r="N274065" s="10"/>
    </row>
    <row r="274066" spans="14:14">
      <c r="N274066" s="10"/>
    </row>
    <row r="274067" spans="14:14">
      <c r="N274067" s="10"/>
    </row>
    <row r="274068" spans="14:14">
      <c r="N274068" s="10"/>
    </row>
    <row r="274069" spans="14:14">
      <c r="N274069" s="10"/>
    </row>
    <row r="274070" spans="14:14">
      <c r="N274070" s="10"/>
    </row>
    <row r="274071" spans="14:14">
      <c r="N274071" s="10"/>
    </row>
    <row r="274072" spans="14:14">
      <c r="N274072" s="10"/>
    </row>
    <row r="274073" spans="14:14">
      <c r="N274073" s="10"/>
    </row>
    <row r="274074" spans="14:14">
      <c r="N274074" s="10"/>
    </row>
    <row r="274075" spans="14:14">
      <c r="N274075" s="10"/>
    </row>
    <row r="274076" spans="14:14">
      <c r="N274076" s="10"/>
    </row>
    <row r="274077" spans="14:14">
      <c r="N274077" s="10"/>
    </row>
    <row r="274078" spans="14:14">
      <c r="N274078" s="10"/>
    </row>
    <row r="274079" spans="14:14">
      <c r="N274079" s="10"/>
    </row>
    <row r="274080" spans="14:14">
      <c r="N274080" s="10"/>
    </row>
    <row r="274081" spans="14:14">
      <c r="N274081" s="10"/>
    </row>
    <row r="274082" spans="14:14">
      <c r="N274082" s="10"/>
    </row>
    <row r="274083" spans="14:14">
      <c r="N274083" s="10"/>
    </row>
    <row r="274084" spans="14:14">
      <c r="N274084" s="10"/>
    </row>
    <row r="274085" spans="14:14">
      <c r="N274085" s="10"/>
    </row>
    <row r="274086" spans="14:14">
      <c r="N274086" s="10"/>
    </row>
    <row r="274087" spans="14:14">
      <c r="N274087" s="10"/>
    </row>
    <row r="274088" spans="14:14">
      <c r="N274088" s="10"/>
    </row>
    <row r="274089" spans="14:14">
      <c r="N274089" s="10"/>
    </row>
    <row r="274090" spans="14:14">
      <c r="N274090" s="10"/>
    </row>
    <row r="274091" spans="14:14">
      <c r="N274091" s="10"/>
    </row>
    <row r="274092" spans="14:14">
      <c r="N274092" s="10"/>
    </row>
    <row r="274093" spans="14:14">
      <c r="N274093" s="10"/>
    </row>
    <row r="274094" spans="14:14">
      <c r="N274094" s="10"/>
    </row>
    <row r="274095" spans="14:14">
      <c r="N274095" s="10"/>
    </row>
    <row r="274096" spans="14:14">
      <c r="N274096" s="10"/>
    </row>
    <row r="274097" spans="14:14">
      <c r="N274097" s="10"/>
    </row>
    <row r="274098" spans="14:14">
      <c r="N274098" s="10"/>
    </row>
    <row r="274099" spans="14:14">
      <c r="N274099" s="10"/>
    </row>
    <row r="274100" spans="14:14">
      <c r="N274100" s="10"/>
    </row>
    <row r="274101" spans="14:14">
      <c r="N274101" s="10"/>
    </row>
    <row r="274102" spans="14:14">
      <c r="N274102" s="10"/>
    </row>
    <row r="274103" spans="14:14">
      <c r="N274103" s="10"/>
    </row>
    <row r="274104" spans="14:14">
      <c r="N274104" s="10"/>
    </row>
    <row r="274105" spans="14:14">
      <c r="N274105" s="10"/>
    </row>
    <row r="274106" spans="14:14">
      <c r="N274106" s="10"/>
    </row>
    <row r="274107" spans="14:14">
      <c r="N274107" s="10"/>
    </row>
    <row r="274108" spans="14:14">
      <c r="N274108" s="10"/>
    </row>
    <row r="274109" spans="14:14">
      <c r="N274109" s="10"/>
    </row>
    <row r="274110" spans="14:14">
      <c r="N274110" s="10"/>
    </row>
    <row r="274111" spans="14:14">
      <c r="N274111" s="10"/>
    </row>
    <row r="274112" spans="14:14">
      <c r="N274112" s="10"/>
    </row>
    <row r="274113" spans="14:14">
      <c r="N274113" s="10"/>
    </row>
    <row r="274114" spans="14:14">
      <c r="N274114" s="10"/>
    </row>
    <row r="274115" spans="14:14">
      <c r="N274115" s="10"/>
    </row>
    <row r="274116" spans="14:14">
      <c r="N274116" s="10"/>
    </row>
    <row r="274117" spans="14:14">
      <c r="N274117" s="10"/>
    </row>
    <row r="274118" spans="14:14">
      <c r="N274118" s="10"/>
    </row>
    <row r="274119" spans="14:14">
      <c r="N274119" s="10"/>
    </row>
    <row r="274120" spans="14:14">
      <c r="N274120" s="10"/>
    </row>
    <row r="274121" spans="14:14">
      <c r="N274121" s="10"/>
    </row>
    <row r="274122" spans="14:14">
      <c r="N274122" s="10"/>
    </row>
    <row r="274123" spans="14:14">
      <c r="N274123" s="10"/>
    </row>
    <row r="274124" spans="14:14">
      <c r="N274124" s="10"/>
    </row>
    <row r="274125" spans="14:14">
      <c r="N274125" s="10"/>
    </row>
    <row r="274126" spans="14:14">
      <c r="N274126" s="10"/>
    </row>
    <row r="274127" spans="14:14">
      <c r="N274127" s="10"/>
    </row>
    <row r="274128" spans="14:14">
      <c r="N274128" s="10"/>
    </row>
    <row r="274129" spans="14:14">
      <c r="N274129" s="10"/>
    </row>
    <row r="274130" spans="14:14">
      <c r="N274130" s="10"/>
    </row>
    <row r="274131" spans="14:14">
      <c r="N274131" s="10"/>
    </row>
    <row r="274132" spans="14:14">
      <c r="N274132" s="10"/>
    </row>
    <row r="274133" spans="14:14">
      <c r="N274133" s="10"/>
    </row>
    <row r="274134" spans="14:14">
      <c r="N274134" s="10"/>
    </row>
    <row r="274135" spans="14:14">
      <c r="N274135" s="10"/>
    </row>
    <row r="274136" spans="14:14">
      <c r="N274136" s="10"/>
    </row>
    <row r="274137" spans="14:14">
      <c r="N274137" s="10"/>
    </row>
    <row r="274138" spans="14:14">
      <c r="N274138" s="10"/>
    </row>
    <row r="274139" spans="14:14">
      <c r="N274139" s="10"/>
    </row>
    <row r="274140" spans="14:14">
      <c r="N274140" s="10"/>
    </row>
    <row r="274141" spans="14:14">
      <c r="N274141" s="10"/>
    </row>
    <row r="274142" spans="14:14">
      <c r="N274142" s="10"/>
    </row>
    <row r="274143" spans="14:14">
      <c r="N274143" s="10"/>
    </row>
    <row r="274144" spans="14:14">
      <c r="N274144" s="10"/>
    </row>
    <row r="274145" spans="14:14">
      <c r="N274145" s="10"/>
    </row>
    <row r="274146" spans="14:14">
      <c r="N274146" s="10"/>
    </row>
    <row r="274147" spans="14:14">
      <c r="N274147" s="10"/>
    </row>
    <row r="274148" spans="14:14">
      <c r="N274148" s="10"/>
    </row>
    <row r="274149" spans="14:14">
      <c r="N274149" s="10"/>
    </row>
    <row r="274150" spans="14:14">
      <c r="N274150" s="10"/>
    </row>
    <row r="274151" spans="14:14">
      <c r="N274151" s="10"/>
    </row>
    <row r="274152" spans="14:14">
      <c r="N274152" s="10"/>
    </row>
    <row r="274153" spans="14:14">
      <c r="N274153" s="10"/>
    </row>
    <row r="274154" spans="14:14">
      <c r="N274154" s="10"/>
    </row>
    <row r="274155" spans="14:14">
      <c r="N274155" s="10"/>
    </row>
    <row r="274156" spans="14:14">
      <c r="N274156" s="10"/>
    </row>
    <row r="274157" spans="14:14">
      <c r="N274157" s="10"/>
    </row>
    <row r="274158" spans="14:14">
      <c r="N274158" s="10"/>
    </row>
    <row r="274159" spans="14:14">
      <c r="N274159" s="10"/>
    </row>
    <row r="274160" spans="14:14">
      <c r="N274160" s="10"/>
    </row>
    <row r="274161" spans="14:14">
      <c r="N274161" s="10"/>
    </row>
    <row r="274162" spans="14:14">
      <c r="N274162" s="10"/>
    </row>
    <row r="274163" spans="14:14">
      <c r="N274163" s="10"/>
    </row>
    <row r="274164" spans="14:14">
      <c r="N274164" s="10"/>
    </row>
    <row r="274165" spans="14:14">
      <c r="N274165" s="10"/>
    </row>
    <row r="274166" spans="14:14">
      <c r="N274166" s="10"/>
    </row>
    <row r="274167" spans="14:14">
      <c r="N274167" s="10"/>
    </row>
    <row r="274168" spans="14:14">
      <c r="N274168" s="10"/>
    </row>
    <row r="274169" spans="14:14">
      <c r="N274169" s="10"/>
    </row>
    <row r="274170" spans="14:14">
      <c r="N274170" s="10"/>
    </row>
    <row r="274171" spans="14:14">
      <c r="N274171" s="10"/>
    </row>
    <row r="274172" spans="14:14">
      <c r="N274172" s="10"/>
    </row>
    <row r="274173" spans="14:14">
      <c r="N274173" s="10"/>
    </row>
    <row r="274174" spans="14:14">
      <c r="N274174" s="10"/>
    </row>
    <row r="274175" spans="14:14">
      <c r="N274175" s="10"/>
    </row>
    <row r="274176" spans="14:14">
      <c r="N274176" s="10"/>
    </row>
    <row r="274177" spans="14:14">
      <c r="N274177" s="10"/>
    </row>
    <row r="274178" spans="14:14">
      <c r="N274178" s="10"/>
    </row>
    <row r="274179" spans="14:14">
      <c r="N274179" s="10"/>
    </row>
    <row r="274180" spans="14:14">
      <c r="N274180" s="10"/>
    </row>
    <row r="274181" spans="14:14">
      <c r="N274181" s="10"/>
    </row>
    <row r="274182" spans="14:14">
      <c r="N274182" s="10"/>
    </row>
    <row r="274183" spans="14:14">
      <c r="N274183" s="10"/>
    </row>
    <row r="274184" spans="14:14">
      <c r="N274184" s="10"/>
    </row>
    <row r="274185" spans="14:14">
      <c r="N274185" s="10"/>
    </row>
    <row r="274186" spans="14:14">
      <c r="N274186" s="10"/>
    </row>
    <row r="274187" spans="14:14">
      <c r="N274187" s="10"/>
    </row>
    <row r="274188" spans="14:14">
      <c r="N274188" s="10"/>
    </row>
    <row r="274189" spans="14:14">
      <c r="N274189" s="10"/>
    </row>
    <row r="274190" spans="14:14">
      <c r="N274190" s="10"/>
    </row>
    <row r="274191" spans="14:14">
      <c r="N274191" s="10"/>
    </row>
    <row r="274192" spans="14:14">
      <c r="N274192" s="10"/>
    </row>
    <row r="274193" spans="14:14">
      <c r="N274193" s="10"/>
    </row>
    <row r="274194" spans="14:14">
      <c r="N274194" s="10"/>
    </row>
    <row r="274195" spans="14:14">
      <c r="N274195" s="10"/>
    </row>
    <row r="274196" spans="14:14">
      <c r="N274196" s="10"/>
    </row>
    <row r="274197" spans="14:14">
      <c r="N274197" s="10"/>
    </row>
    <row r="274198" spans="14:14">
      <c r="N274198" s="10"/>
    </row>
    <row r="274199" spans="14:14">
      <c r="N274199" s="10"/>
    </row>
    <row r="274200" spans="14:14">
      <c r="N274200" s="10"/>
    </row>
    <row r="274201" spans="14:14">
      <c r="N274201" s="10"/>
    </row>
    <row r="274202" spans="14:14">
      <c r="N274202" s="10"/>
    </row>
    <row r="274203" spans="14:14">
      <c r="N274203" s="10"/>
    </row>
    <row r="274204" spans="14:14">
      <c r="N274204" s="10"/>
    </row>
    <row r="274205" spans="14:14">
      <c r="N274205" s="10"/>
    </row>
    <row r="274206" spans="14:14">
      <c r="N274206" s="10"/>
    </row>
    <row r="274207" spans="14:14">
      <c r="N274207" s="10"/>
    </row>
    <row r="274208" spans="14:14">
      <c r="N274208" s="10"/>
    </row>
    <row r="274209" spans="14:14">
      <c r="N274209" s="10"/>
    </row>
    <row r="274210" spans="14:14">
      <c r="N274210" s="10"/>
    </row>
    <row r="274211" spans="14:14">
      <c r="N274211" s="10"/>
    </row>
    <row r="274212" spans="14:14">
      <c r="N274212" s="10"/>
    </row>
    <row r="274213" spans="14:14">
      <c r="N274213" s="10"/>
    </row>
    <row r="274214" spans="14:14">
      <c r="N274214" s="10"/>
    </row>
    <row r="274215" spans="14:14">
      <c r="N274215" s="10"/>
    </row>
    <row r="274216" spans="14:14">
      <c r="N274216" s="10"/>
    </row>
    <row r="274217" spans="14:14">
      <c r="N274217" s="10"/>
    </row>
    <row r="274218" spans="14:14">
      <c r="N274218" s="10"/>
    </row>
    <row r="274219" spans="14:14">
      <c r="N274219" s="10"/>
    </row>
    <row r="274220" spans="14:14">
      <c r="N274220" s="10"/>
    </row>
    <row r="274221" spans="14:14">
      <c r="N274221" s="10"/>
    </row>
    <row r="274222" spans="14:14">
      <c r="N274222" s="10"/>
    </row>
    <row r="274223" spans="14:14">
      <c r="N274223" s="10"/>
    </row>
    <row r="274224" spans="14:14">
      <c r="N274224" s="10"/>
    </row>
    <row r="274225" spans="14:14">
      <c r="N274225" s="10"/>
    </row>
    <row r="274226" spans="14:14">
      <c r="N274226" s="10"/>
    </row>
    <row r="274227" spans="14:14">
      <c r="N274227" s="10"/>
    </row>
    <row r="274228" spans="14:14">
      <c r="N274228" s="10"/>
    </row>
    <row r="274229" spans="14:14">
      <c r="N274229" s="10"/>
    </row>
    <row r="274230" spans="14:14">
      <c r="N274230" s="10"/>
    </row>
    <row r="274231" spans="14:14">
      <c r="N274231" s="10"/>
    </row>
    <row r="274232" spans="14:14">
      <c r="N274232" s="10"/>
    </row>
    <row r="274233" spans="14:14">
      <c r="N274233" s="10"/>
    </row>
    <row r="274234" spans="14:14">
      <c r="N274234" s="10"/>
    </row>
    <row r="274235" spans="14:14">
      <c r="N274235" s="10"/>
    </row>
    <row r="274236" spans="14:14">
      <c r="N274236" s="10"/>
    </row>
    <row r="274237" spans="14:14">
      <c r="N274237" s="10"/>
    </row>
    <row r="274238" spans="14:14">
      <c r="N274238" s="10"/>
    </row>
    <row r="274239" spans="14:14">
      <c r="N274239" s="10"/>
    </row>
    <row r="274240" spans="14:14">
      <c r="N274240" s="10"/>
    </row>
    <row r="274241" spans="14:14">
      <c r="N274241" s="10"/>
    </row>
    <row r="274242" spans="14:14">
      <c r="N274242" s="10"/>
    </row>
    <row r="274243" spans="14:14">
      <c r="N274243" s="10"/>
    </row>
    <row r="274244" spans="14:14">
      <c r="N274244" s="10"/>
    </row>
    <row r="274245" spans="14:14">
      <c r="N274245" s="10"/>
    </row>
    <row r="274246" spans="14:14">
      <c r="N274246" s="10"/>
    </row>
    <row r="274247" spans="14:14">
      <c r="N274247" s="10"/>
    </row>
    <row r="274248" spans="14:14">
      <c r="N274248" s="10"/>
    </row>
    <row r="274249" spans="14:14">
      <c r="N274249" s="10"/>
    </row>
    <row r="274250" spans="14:14">
      <c r="N274250" s="10"/>
    </row>
    <row r="274251" spans="14:14">
      <c r="N274251" s="10"/>
    </row>
    <row r="274252" spans="14:14">
      <c r="N274252" s="10"/>
    </row>
    <row r="274253" spans="14:14">
      <c r="N274253" s="10"/>
    </row>
    <row r="274254" spans="14:14">
      <c r="N274254" s="10"/>
    </row>
    <row r="274255" spans="14:14">
      <c r="N274255" s="10"/>
    </row>
    <row r="274256" spans="14:14">
      <c r="N274256" s="10"/>
    </row>
    <row r="274257" spans="14:14">
      <c r="N274257" s="10"/>
    </row>
    <row r="274258" spans="14:14">
      <c r="N274258" s="10"/>
    </row>
    <row r="274259" spans="14:14">
      <c r="N274259" s="10"/>
    </row>
    <row r="274260" spans="14:14">
      <c r="N274260" s="10"/>
    </row>
    <row r="274261" spans="14:14">
      <c r="N274261" s="10"/>
    </row>
    <row r="274262" spans="14:14">
      <c r="N274262" s="10"/>
    </row>
    <row r="274263" spans="14:14">
      <c r="N274263" s="10"/>
    </row>
    <row r="274264" spans="14:14">
      <c r="N274264" s="10"/>
    </row>
    <row r="274265" spans="14:14">
      <c r="N274265" s="10"/>
    </row>
    <row r="274266" spans="14:14">
      <c r="N274266" s="10"/>
    </row>
    <row r="274267" spans="14:14">
      <c r="N274267" s="10"/>
    </row>
    <row r="274268" spans="14:14">
      <c r="N274268" s="10"/>
    </row>
    <row r="274269" spans="14:14">
      <c r="N274269" s="10"/>
    </row>
    <row r="274270" spans="14:14">
      <c r="N274270" s="10"/>
    </row>
    <row r="274271" spans="14:14">
      <c r="N274271" s="10"/>
    </row>
    <row r="274272" spans="14:14">
      <c r="N274272" s="10"/>
    </row>
    <row r="274273" spans="14:14">
      <c r="N274273" s="10"/>
    </row>
    <row r="274274" spans="14:14">
      <c r="N274274" s="10"/>
    </row>
    <row r="274275" spans="14:14">
      <c r="N274275" s="10"/>
    </row>
    <row r="274276" spans="14:14">
      <c r="N274276" s="10"/>
    </row>
    <row r="274277" spans="14:14">
      <c r="N274277" s="10"/>
    </row>
    <row r="274278" spans="14:14">
      <c r="N274278" s="10"/>
    </row>
    <row r="274279" spans="14:14">
      <c r="N274279" s="10"/>
    </row>
    <row r="274280" spans="14:14">
      <c r="N274280" s="10"/>
    </row>
    <row r="274281" spans="14:14">
      <c r="N274281" s="10"/>
    </row>
    <row r="274282" spans="14:14">
      <c r="N274282" s="10"/>
    </row>
    <row r="274283" spans="14:14">
      <c r="N274283" s="10"/>
    </row>
    <row r="274284" spans="14:14">
      <c r="N274284" s="10"/>
    </row>
    <row r="274285" spans="14:14">
      <c r="N274285" s="10"/>
    </row>
    <row r="274286" spans="14:14">
      <c r="N274286" s="10"/>
    </row>
    <row r="274287" spans="14:14">
      <c r="N274287" s="10"/>
    </row>
    <row r="274288" spans="14:14">
      <c r="N274288" s="10"/>
    </row>
    <row r="274289" spans="14:14">
      <c r="N274289" s="10"/>
    </row>
    <row r="274290" spans="14:14">
      <c r="N274290" s="10"/>
    </row>
    <row r="274291" spans="14:14">
      <c r="N274291" s="10"/>
    </row>
    <row r="274292" spans="14:14">
      <c r="N274292" s="10"/>
    </row>
    <row r="274293" spans="14:14">
      <c r="N274293" s="10"/>
    </row>
    <row r="274294" spans="14:14">
      <c r="N274294" s="10"/>
    </row>
    <row r="274295" spans="14:14">
      <c r="N274295" s="10"/>
    </row>
    <row r="274296" spans="14:14">
      <c r="N274296" s="10"/>
    </row>
    <row r="274297" spans="14:14">
      <c r="N274297" s="10"/>
    </row>
    <row r="274298" spans="14:14">
      <c r="N274298" s="10"/>
    </row>
    <row r="274299" spans="14:14">
      <c r="N274299" s="10"/>
    </row>
    <row r="274300" spans="14:14">
      <c r="N274300" s="10"/>
    </row>
    <row r="274301" spans="14:14">
      <c r="N274301" s="10"/>
    </row>
    <row r="274302" spans="14:14">
      <c r="N274302" s="10"/>
    </row>
    <row r="274303" spans="14:14">
      <c r="N274303" s="10"/>
    </row>
    <row r="274304" spans="14:14">
      <c r="N274304" s="10"/>
    </row>
    <row r="274305" spans="14:14">
      <c r="N274305" s="10"/>
    </row>
    <row r="274306" spans="14:14">
      <c r="N274306" s="10"/>
    </row>
    <row r="274307" spans="14:14">
      <c r="N274307" s="10"/>
    </row>
    <row r="274308" spans="14:14">
      <c r="N274308" s="10"/>
    </row>
    <row r="274309" spans="14:14">
      <c r="N274309" s="10"/>
    </row>
    <row r="274310" spans="14:14">
      <c r="N274310" s="10"/>
    </row>
    <row r="274311" spans="14:14">
      <c r="N274311" s="10"/>
    </row>
    <row r="274312" spans="14:14">
      <c r="N274312" s="10"/>
    </row>
    <row r="274313" spans="14:14">
      <c r="N274313" s="10"/>
    </row>
    <row r="274314" spans="14:14">
      <c r="N274314" s="10"/>
    </row>
    <row r="274315" spans="14:14">
      <c r="N274315" s="10"/>
    </row>
    <row r="274316" spans="14:14">
      <c r="N274316" s="10"/>
    </row>
    <row r="274317" spans="14:14">
      <c r="N274317" s="10"/>
    </row>
    <row r="274318" spans="14:14">
      <c r="N274318" s="10"/>
    </row>
    <row r="274319" spans="14:14">
      <c r="N274319" s="10"/>
    </row>
    <row r="274320" spans="14:14">
      <c r="N274320" s="10"/>
    </row>
    <row r="274321" spans="14:14">
      <c r="N274321" s="10"/>
    </row>
    <row r="274322" spans="14:14">
      <c r="N274322" s="10"/>
    </row>
    <row r="274323" spans="14:14">
      <c r="N274323" s="10"/>
    </row>
    <row r="274324" spans="14:14">
      <c r="N274324" s="10"/>
    </row>
    <row r="274325" spans="14:14">
      <c r="N274325" s="10"/>
    </row>
    <row r="274326" spans="14:14">
      <c r="N274326" s="10"/>
    </row>
    <row r="274327" spans="14:14">
      <c r="N274327" s="10"/>
    </row>
    <row r="274328" spans="14:14">
      <c r="N274328" s="10"/>
    </row>
    <row r="274329" spans="14:14">
      <c r="N274329" s="10"/>
    </row>
    <row r="274330" spans="14:14">
      <c r="N274330" s="10"/>
    </row>
    <row r="274331" spans="14:14">
      <c r="N274331" s="10"/>
    </row>
    <row r="274332" spans="14:14">
      <c r="N274332" s="10"/>
    </row>
    <row r="274333" spans="14:14">
      <c r="N274333" s="10"/>
    </row>
    <row r="274334" spans="14:14">
      <c r="N274334" s="10"/>
    </row>
    <row r="274335" spans="14:14">
      <c r="N274335" s="10"/>
    </row>
    <row r="274336" spans="14:14">
      <c r="N274336" s="10"/>
    </row>
    <row r="274337" spans="14:14">
      <c r="N274337" s="10"/>
    </row>
    <row r="274338" spans="14:14">
      <c r="N274338" s="10"/>
    </row>
    <row r="274339" spans="14:14">
      <c r="N274339" s="10"/>
    </row>
    <row r="274340" spans="14:14">
      <c r="N274340" s="10"/>
    </row>
    <row r="274341" spans="14:14">
      <c r="N274341" s="10"/>
    </row>
    <row r="274342" spans="14:14">
      <c r="N274342" s="10"/>
    </row>
    <row r="274343" spans="14:14">
      <c r="N274343" s="10"/>
    </row>
    <row r="274344" spans="14:14">
      <c r="N274344" s="10"/>
    </row>
    <row r="274345" spans="14:14">
      <c r="N274345" s="10"/>
    </row>
    <row r="274346" spans="14:14">
      <c r="N274346" s="10"/>
    </row>
    <row r="274347" spans="14:14">
      <c r="N274347" s="10"/>
    </row>
    <row r="274348" spans="14:14">
      <c r="N274348" s="10"/>
    </row>
    <row r="274349" spans="14:14">
      <c r="N274349" s="10"/>
    </row>
    <row r="274350" spans="14:14">
      <c r="N274350" s="10"/>
    </row>
    <row r="274351" spans="14:14">
      <c r="N274351" s="10"/>
    </row>
    <row r="274352" spans="14:14">
      <c r="N274352" s="10"/>
    </row>
    <row r="274353" spans="14:14">
      <c r="N274353" s="10"/>
    </row>
    <row r="274354" spans="14:14">
      <c r="N274354" s="10"/>
    </row>
    <row r="274355" spans="14:14">
      <c r="N274355" s="10"/>
    </row>
    <row r="274356" spans="14:14">
      <c r="N274356" s="10"/>
    </row>
    <row r="274357" spans="14:14">
      <c r="N274357" s="10"/>
    </row>
    <row r="274358" spans="14:14">
      <c r="N274358" s="10"/>
    </row>
    <row r="274359" spans="14:14">
      <c r="N274359" s="10"/>
    </row>
    <row r="274360" spans="14:14">
      <c r="N274360" s="10"/>
    </row>
    <row r="274361" spans="14:14">
      <c r="N274361" s="10"/>
    </row>
    <row r="274362" spans="14:14">
      <c r="N274362" s="10"/>
    </row>
    <row r="274363" spans="14:14">
      <c r="N274363" s="10"/>
    </row>
    <row r="274364" spans="14:14">
      <c r="N274364" s="10"/>
    </row>
    <row r="274365" spans="14:14">
      <c r="N274365" s="10"/>
    </row>
    <row r="274366" spans="14:14">
      <c r="N274366" s="10"/>
    </row>
    <row r="274367" spans="14:14">
      <c r="N274367" s="10"/>
    </row>
    <row r="274368" spans="14:14">
      <c r="N274368" s="10"/>
    </row>
    <row r="274369" spans="14:14">
      <c r="N274369" s="10"/>
    </row>
    <row r="274370" spans="14:14">
      <c r="N274370" s="10"/>
    </row>
    <row r="274371" spans="14:14">
      <c r="N274371" s="10"/>
    </row>
    <row r="274372" spans="14:14">
      <c r="N274372" s="10"/>
    </row>
    <row r="274373" spans="14:14">
      <c r="N274373" s="10"/>
    </row>
    <row r="274374" spans="14:14">
      <c r="N274374" s="10"/>
    </row>
    <row r="274375" spans="14:14">
      <c r="N274375" s="10"/>
    </row>
    <row r="274376" spans="14:14">
      <c r="N274376" s="10"/>
    </row>
    <row r="274377" spans="14:14">
      <c r="N274377" s="10"/>
    </row>
    <row r="274378" spans="14:14">
      <c r="N274378" s="10"/>
    </row>
    <row r="274379" spans="14:14">
      <c r="N274379" s="10"/>
    </row>
    <row r="274380" spans="14:14">
      <c r="N274380" s="10"/>
    </row>
    <row r="274381" spans="14:14">
      <c r="N274381" s="10"/>
    </row>
    <row r="274382" spans="14:14">
      <c r="N274382" s="10"/>
    </row>
    <row r="274383" spans="14:14">
      <c r="N274383" s="10"/>
    </row>
    <row r="274384" spans="14:14">
      <c r="N274384" s="10"/>
    </row>
    <row r="274385" spans="14:14">
      <c r="N274385" s="10"/>
    </row>
    <row r="274386" spans="14:14">
      <c r="N274386" s="10"/>
    </row>
    <row r="274387" spans="14:14">
      <c r="N274387" s="10"/>
    </row>
    <row r="274388" spans="14:14">
      <c r="N274388" s="10"/>
    </row>
    <row r="274389" spans="14:14">
      <c r="N274389" s="10"/>
    </row>
    <row r="274390" spans="14:14">
      <c r="N274390" s="10"/>
    </row>
    <row r="274391" spans="14:14">
      <c r="N274391" s="10"/>
    </row>
    <row r="274392" spans="14:14">
      <c r="N274392" s="10"/>
    </row>
    <row r="274393" spans="14:14">
      <c r="N274393" s="10"/>
    </row>
    <row r="274394" spans="14:14">
      <c r="N274394" s="10"/>
    </row>
    <row r="274395" spans="14:14">
      <c r="N274395" s="10"/>
    </row>
    <row r="274396" spans="14:14">
      <c r="N274396" s="10"/>
    </row>
    <row r="274397" spans="14:14">
      <c r="N274397" s="10"/>
    </row>
    <row r="274398" spans="14:14">
      <c r="N274398" s="10"/>
    </row>
    <row r="274399" spans="14:14">
      <c r="N274399" s="10"/>
    </row>
    <row r="274400" spans="14:14">
      <c r="N274400" s="10"/>
    </row>
    <row r="274401" spans="14:14">
      <c r="N274401" s="10"/>
    </row>
    <row r="274402" spans="14:14">
      <c r="N274402" s="10"/>
    </row>
    <row r="274403" spans="14:14">
      <c r="N274403" s="10"/>
    </row>
    <row r="274404" spans="14:14">
      <c r="N274404" s="10"/>
    </row>
    <row r="274405" spans="14:14">
      <c r="N274405" s="10"/>
    </row>
    <row r="274406" spans="14:14">
      <c r="N274406" s="10"/>
    </row>
    <row r="274407" spans="14:14">
      <c r="N274407" s="10"/>
    </row>
    <row r="274408" spans="14:14">
      <c r="N274408" s="10"/>
    </row>
    <row r="274409" spans="14:14">
      <c r="N274409" s="10"/>
    </row>
    <row r="274410" spans="14:14">
      <c r="N274410" s="10"/>
    </row>
    <row r="274411" spans="14:14">
      <c r="N274411" s="10"/>
    </row>
    <row r="274412" spans="14:14">
      <c r="N274412" s="10"/>
    </row>
    <row r="274413" spans="14:14">
      <c r="N274413" s="10"/>
    </row>
    <row r="274414" spans="14:14">
      <c r="N274414" s="10"/>
    </row>
    <row r="274415" spans="14:14">
      <c r="N274415" s="10"/>
    </row>
    <row r="274416" spans="14:14">
      <c r="N274416" s="10"/>
    </row>
    <row r="274417" spans="14:14">
      <c r="N274417" s="10"/>
    </row>
    <row r="274418" spans="14:14">
      <c r="N274418" s="10"/>
    </row>
    <row r="274419" spans="14:14">
      <c r="N274419" s="10"/>
    </row>
    <row r="274420" spans="14:14">
      <c r="N274420" s="10"/>
    </row>
    <row r="274421" spans="14:14">
      <c r="N274421" s="10"/>
    </row>
    <row r="274422" spans="14:14">
      <c r="N274422" s="10"/>
    </row>
    <row r="274423" spans="14:14">
      <c r="N274423" s="10"/>
    </row>
    <row r="274424" spans="14:14">
      <c r="N274424" s="10"/>
    </row>
    <row r="274425" spans="14:14">
      <c r="N274425" s="10"/>
    </row>
    <row r="274426" spans="14:14">
      <c r="N274426" s="10"/>
    </row>
    <row r="274427" spans="14:14">
      <c r="N274427" s="10"/>
    </row>
    <row r="274428" spans="14:14">
      <c r="N274428" s="10"/>
    </row>
    <row r="274429" spans="14:14">
      <c r="N274429" s="10"/>
    </row>
    <row r="274430" spans="14:14">
      <c r="N274430" s="10"/>
    </row>
    <row r="274431" spans="14:14">
      <c r="N274431" s="10"/>
    </row>
    <row r="274432" spans="14:14">
      <c r="N274432" s="10"/>
    </row>
    <row r="274433" spans="14:14">
      <c r="N274433" s="10"/>
    </row>
    <row r="274434" spans="14:14">
      <c r="N274434" s="10"/>
    </row>
    <row r="274435" spans="14:14">
      <c r="N274435" s="10"/>
    </row>
    <row r="274436" spans="14:14">
      <c r="N274436" s="10"/>
    </row>
    <row r="274437" spans="14:14">
      <c r="N274437" s="10"/>
    </row>
    <row r="274438" spans="14:14">
      <c r="N274438" s="10"/>
    </row>
    <row r="274439" spans="14:14">
      <c r="N274439" s="10"/>
    </row>
    <row r="274440" spans="14:14">
      <c r="N274440" s="10"/>
    </row>
    <row r="274441" spans="14:14">
      <c r="N274441" s="10"/>
    </row>
    <row r="274442" spans="14:14">
      <c r="N274442" s="10"/>
    </row>
    <row r="274443" spans="14:14">
      <c r="N274443" s="10"/>
    </row>
    <row r="274444" spans="14:14">
      <c r="N274444" s="10"/>
    </row>
    <row r="274445" spans="14:14">
      <c r="N274445" s="10"/>
    </row>
    <row r="274446" spans="14:14">
      <c r="N274446" s="10"/>
    </row>
    <row r="274447" spans="14:14">
      <c r="N274447" s="10"/>
    </row>
    <row r="274448" spans="14:14">
      <c r="N274448" s="10"/>
    </row>
    <row r="274449" spans="14:14">
      <c r="N274449" s="10"/>
    </row>
    <row r="274450" spans="14:14">
      <c r="N274450" s="10"/>
    </row>
    <row r="274451" spans="14:14">
      <c r="N274451" s="10"/>
    </row>
    <row r="274452" spans="14:14">
      <c r="N274452" s="10"/>
    </row>
    <row r="274453" spans="14:14">
      <c r="N274453" s="10"/>
    </row>
    <row r="274454" spans="14:14">
      <c r="N274454" s="10"/>
    </row>
    <row r="274455" spans="14:14">
      <c r="N274455" s="10"/>
    </row>
    <row r="274456" spans="14:14">
      <c r="N274456" s="10"/>
    </row>
    <row r="274457" spans="14:14">
      <c r="N274457" s="10"/>
    </row>
    <row r="274458" spans="14:14">
      <c r="N274458" s="10"/>
    </row>
    <row r="274459" spans="14:14">
      <c r="N274459" s="10"/>
    </row>
    <row r="274460" spans="14:14">
      <c r="N274460" s="10"/>
    </row>
    <row r="274461" spans="14:14">
      <c r="N274461" s="10"/>
    </row>
    <row r="274462" spans="14:14">
      <c r="N274462" s="10"/>
    </row>
    <row r="274463" spans="14:14">
      <c r="N274463" s="10"/>
    </row>
    <row r="274464" spans="14:14">
      <c r="N274464" s="10"/>
    </row>
    <row r="274465" spans="14:14">
      <c r="N274465" s="10"/>
    </row>
    <row r="274466" spans="14:14">
      <c r="N274466" s="10"/>
    </row>
    <row r="274467" spans="14:14">
      <c r="N274467" s="10"/>
    </row>
    <row r="274468" spans="14:14">
      <c r="N274468" s="10"/>
    </row>
    <row r="274469" spans="14:14">
      <c r="N274469" s="10"/>
    </row>
    <row r="274470" spans="14:14">
      <c r="N274470" s="10"/>
    </row>
    <row r="274471" spans="14:14">
      <c r="N274471" s="10"/>
    </row>
    <row r="274472" spans="14:14">
      <c r="N274472" s="10"/>
    </row>
    <row r="274473" spans="14:14">
      <c r="N274473" s="10"/>
    </row>
    <row r="274474" spans="14:14">
      <c r="N274474" s="10"/>
    </row>
    <row r="274475" spans="14:14">
      <c r="N274475" s="10"/>
    </row>
    <row r="274476" spans="14:14">
      <c r="N274476" s="10"/>
    </row>
    <row r="274477" spans="14:14">
      <c r="N274477" s="10"/>
    </row>
    <row r="274478" spans="14:14">
      <c r="N274478" s="10"/>
    </row>
    <row r="274479" spans="14:14">
      <c r="N274479" s="10"/>
    </row>
    <row r="274480" spans="14:14">
      <c r="N274480" s="10"/>
    </row>
    <row r="274481" spans="14:14">
      <c r="N274481" s="10"/>
    </row>
    <row r="274482" spans="14:14">
      <c r="N274482" s="10"/>
    </row>
    <row r="274483" spans="14:14">
      <c r="N274483" s="10"/>
    </row>
    <row r="274484" spans="14:14">
      <c r="N274484" s="10"/>
    </row>
    <row r="274485" spans="14:14">
      <c r="N274485" s="10"/>
    </row>
    <row r="274486" spans="14:14">
      <c r="N274486" s="10"/>
    </row>
    <row r="274487" spans="14:14">
      <c r="N274487" s="10"/>
    </row>
    <row r="274488" spans="14:14">
      <c r="N274488" s="10"/>
    </row>
    <row r="274489" spans="14:14">
      <c r="N274489" s="10"/>
    </row>
    <row r="274490" spans="14:14">
      <c r="N274490" s="10"/>
    </row>
    <row r="274491" spans="14:14">
      <c r="N274491" s="10"/>
    </row>
    <row r="274492" spans="14:14">
      <c r="N274492" s="10"/>
    </row>
    <row r="274493" spans="14:14">
      <c r="N274493" s="10"/>
    </row>
    <row r="274494" spans="14:14">
      <c r="N274494" s="10"/>
    </row>
    <row r="274495" spans="14:14">
      <c r="N274495" s="10"/>
    </row>
    <row r="274496" spans="14:14">
      <c r="N274496" s="10"/>
    </row>
    <row r="274497" spans="14:14">
      <c r="N274497" s="10"/>
    </row>
    <row r="274498" spans="14:14">
      <c r="N274498" s="10"/>
    </row>
    <row r="274499" spans="14:14">
      <c r="N274499" s="10"/>
    </row>
    <row r="274500" spans="14:14">
      <c r="N274500" s="10"/>
    </row>
    <row r="274501" spans="14:14">
      <c r="N274501" s="10"/>
    </row>
    <row r="274502" spans="14:14">
      <c r="N274502" s="10"/>
    </row>
    <row r="274503" spans="14:14">
      <c r="N274503" s="10"/>
    </row>
    <row r="274504" spans="14:14">
      <c r="N274504" s="10"/>
    </row>
    <row r="274505" spans="14:14">
      <c r="N274505" s="10"/>
    </row>
    <row r="274506" spans="14:14">
      <c r="N274506" s="10"/>
    </row>
    <row r="274507" spans="14:14">
      <c r="N274507" s="10"/>
    </row>
    <row r="274508" spans="14:14">
      <c r="N274508" s="10"/>
    </row>
    <row r="274509" spans="14:14">
      <c r="N274509" s="10"/>
    </row>
    <row r="274510" spans="14:14">
      <c r="N274510" s="10"/>
    </row>
    <row r="274511" spans="14:14">
      <c r="N274511" s="10"/>
    </row>
    <row r="274512" spans="14:14">
      <c r="N274512" s="10"/>
    </row>
    <row r="274513" spans="14:14">
      <c r="N274513" s="10"/>
    </row>
    <row r="274514" spans="14:14">
      <c r="N274514" s="10"/>
    </row>
    <row r="274515" spans="14:14">
      <c r="N274515" s="10"/>
    </row>
    <row r="274516" spans="14:14">
      <c r="N274516" s="10"/>
    </row>
    <row r="274517" spans="14:14">
      <c r="N274517" s="10"/>
    </row>
    <row r="274518" spans="14:14">
      <c r="N274518" s="10"/>
    </row>
    <row r="274519" spans="14:14">
      <c r="N274519" s="10"/>
    </row>
    <row r="274520" spans="14:14">
      <c r="N274520" s="10"/>
    </row>
    <row r="274521" spans="14:14">
      <c r="N274521" s="10"/>
    </row>
    <row r="274522" spans="14:14">
      <c r="N274522" s="10"/>
    </row>
    <row r="274523" spans="14:14">
      <c r="N274523" s="10"/>
    </row>
    <row r="274524" spans="14:14">
      <c r="N274524" s="10"/>
    </row>
    <row r="274525" spans="14:14">
      <c r="N274525" s="10"/>
    </row>
    <row r="274526" spans="14:14">
      <c r="N274526" s="10"/>
    </row>
    <row r="274527" spans="14:14">
      <c r="N274527" s="10"/>
    </row>
    <row r="274528" spans="14:14">
      <c r="N274528" s="10"/>
    </row>
    <row r="274529" spans="14:14">
      <c r="N274529" s="10"/>
    </row>
    <row r="274530" spans="14:14">
      <c r="N274530" s="10"/>
    </row>
    <row r="274531" spans="14:14">
      <c r="N274531" s="10"/>
    </row>
    <row r="274532" spans="14:14">
      <c r="N274532" s="10"/>
    </row>
    <row r="274533" spans="14:14">
      <c r="N274533" s="10"/>
    </row>
    <row r="274534" spans="14:14">
      <c r="N274534" s="10"/>
    </row>
    <row r="274535" spans="14:14">
      <c r="N274535" s="10"/>
    </row>
    <row r="274536" spans="14:14">
      <c r="N274536" s="10"/>
    </row>
    <row r="274537" spans="14:14">
      <c r="N274537" s="10"/>
    </row>
    <row r="274538" spans="14:14">
      <c r="N274538" s="10"/>
    </row>
    <row r="274539" spans="14:14">
      <c r="N274539" s="10"/>
    </row>
    <row r="274540" spans="14:14">
      <c r="N274540" s="10"/>
    </row>
    <row r="274541" spans="14:14">
      <c r="N274541" s="10"/>
    </row>
    <row r="274542" spans="14:14">
      <c r="N274542" s="10"/>
    </row>
    <row r="274543" spans="14:14">
      <c r="N274543" s="10"/>
    </row>
    <row r="274544" spans="14:14">
      <c r="N274544" s="10"/>
    </row>
    <row r="274545" spans="14:14">
      <c r="N274545" s="10"/>
    </row>
    <row r="274546" spans="14:14">
      <c r="N274546" s="10"/>
    </row>
    <row r="274547" spans="14:14">
      <c r="N274547" s="10"/>
    </row>
    <row r="274548" spans="14:14">
      <c r="N274548" s="10"/>
    </row>
    <row r="274549" spans="14:14">
      <c r="N274549" s="10"/>
    </row>
    <row r="274550" spans="14:14">
      <c r="N274550" s="10"/>
    </row>
    <row r="274551" spans="14:14">
      <c r="N274551" s="10"/>
    </row>
    <row r="274552" spans="14:14">
      <c r="N274552" s="10"/>
    </row>
    <row r="274553" spans="14:14">
      <c r="N274553" s="10"/>
    </row>
    <row r="274554" spans="14:14">
      <c r="N274554" s="10"/>
    </row>
    <row r="274555" spans="14:14">
      <c r="N274555" s="10"/>
    </row>
    <row r="274556" spans="14:14">
      <c r="N274556" s="10"/>
    </row>
    <row r="274557" spans="14:14">
      <c r="N274557" s="10"/>
    </row>
    <row r="274558" spans="14:14">
      <c r="N274558" s="10"/>
    </row>
    <row r="274559" spans="14:14">
      <c r="N274559" s="10"/>
    </row>
    <row r="274560" spans="14:14">
      <c r="N274560" s="10"/>
    </row>
    <row r="274561" spans="14:14">
      <c r="N274561" s="10"/>
    </row>
    <row r="274562" spans="14:14">
      <c r="N274562" s="10"/>
    </row>
    <row r="274563" spans="14:14">
      <c r="N274563" s="10"/>
    </row>
    <row r="274564" spans="14:14">
      <c r="N274564" s="10"/>
    </row>
    <row r="274565" spans="14:14">
      <c r="N274565" s="10"/>
    </row>
    <row r="274566" spans="14:14">
      <c r="N274566" s="10"/>
    </row>
    <row r="274567" spans="14:14">
      <c r="N274567" s="10"/>
    </row>
    <row r="274568" spans="14:14">
      <c r="N274568" s="10"/>
    </row>
    <row r="274569" spans="14:14">
      <c r="N274569" s="10"/>
    </row>
    <row r="274570" spans="14:14">
      <c r="N274570" s="10"/>
    </row>
    <row r="274571" spans="14:14">
      <c r="N274571" s="10"/>
    </row>
    <row r="274572" spans="14:14">
      <c r="N274572" s="10"/>
    </row>
    <row r="274573" spans="14:14">
      <c r="N274573" s="10"/>
    </row>
    <row r="274574" spans="14:14">
      <c r="N274574" s="10"/>
    </row>
    <row r="274575" spans="14:14">
      <c r="N274575" s="10"/>
    </row>
    <row r="274576" spans="14:14">
      <c r="N274576" s="10"/>
    </row>
    <row r="274577" spans="14:14">
      <c r="N274577" s="10"/>
    </row>
    <row r="274578" spans="14:14">
      <c r="N274578" s="10"/>
    </row>
    <row r="274579" spans="14:14">
      <c r="N274579" s="10"/>
    </row>
    <row r="274580" spans="14:14">
      <c r="N274580" s="10"/>
    </row>
    <row r="274581" spans="14:14">
      <c r="N274581" s="10"/>
    </row>
    <row r="274582" spans="14:14">
      <c r="N274582" s="10"/>
    </row>
    <row r="274583" spans="14:14">
      <c r="N274583" s="10"/>
    </row>
    <row r="274584" spans="14:14">
      <c r="N274584" s="10"/>
    </row>
    <row r="274585" spans="14:14">
      <c r="N274585" s="10"/>
    </row>
    <row r="274586" spans="14:14">
      <c r="N274586" s="10"/>
    </row>
    <row r="274587" spans="14:14">
      <c r="N274587" s="10"/>
    </row>
    <row r="274588" spans="14:14">
      <c r="N274588" s="10"/>
    </row>
    <row r="274589" spans="14:14">
      <c r="N274589" s="10"/>
    </row>
    <row r="274590" spans="14:14">
      <c r="N274590" s="10"/>
    </row>
    <row r="274591" spans="14:14">
      <c r="N274591" s="10"/>
    </row>
    <row r="274592" spans="14:14">
      <c r="N274592" s="10"/>
    </row>
    <row r="274593" spans="14:14">
      <c r="N274593" s="10"/>
    </row>
    <row r="274594" spans="14:14">
      <c r="N274594" s="10"/>
    </row>
    <row r="274595" spans="14:14">
      <c r="N274595" s="10"/>
    </row>
    <row r="274596" spans="14:14">
      <c r="N274596" s="10"/>
    </row>
    <row r="274597" spans="14:14">
      <c r="N274597" s="10"/>
    </row>
    <row r="274598" spans="14:14">
      <c r="N274598" s="10"/>
    </row>
    <row r="274599" spans="14:14">
      <c r="N274599" s="10"/>
    </row>
    <row r="274600" spans="14:14">
      <c r="N274600" s="10"/>
    </row>
    <row r="274601" spans="14:14">
      <c r="N274601" s="10"/>
    </row>
    <row r="274602" spans="14:14">
      <c r="N274602" s="10"/>
    </row>
    <row r="274603" spans="14:14">
      <c r="N274603" s="10"/>
    </row>
    <row r="274604" spans="14:14">
      <c r="N274604" s="10"/>
    </row>
    <row r="274605" spans="14:14">
      <c r="N274605" s="10"/>
    </row>
    <row r="274606" spans="14:14">
      <c r="N274606" s="10"/>
    </row>
    <row r="274607" spans="14:14">
      <c r="N274607" s="10"/>
    </row>
    <row r="274608" spans="14:14">
      <c r="N274608" s="10"/>
    </row>
    <row r="274609" spans="14:14">
      <c r="N274609" s="10"/>
    </row>
    <row r="274610" spans="14:14">
      <c r="N274610" s="10"/>
    </row>
    <row r="274611" spans="14:14">
      <c r="N274611" s="10"/>
    </row>
    <row r="274612" spans="14:14">
      <c r="N274612" s="10"/>
    </row>
    <row r="274613" spans="14:14">
      <c r="N274613" s="10"/>
    </row>
    <row r="274614" spans="14:14">
      <c r="N274614" s="10"/>
    </row>
    <row r="274615" spans="14:14">
      <c r="N274615" s="10"/>
    </row>
    <row r="274616" spans="14:14">
      <c r="N274616" s="10"/>
    </row>
    <row r="274617" spans="14:14">
      <c r="N274617" s="10"/>
    </row>
    <row r="274618" spans="14:14">
      <c r="N274618" s="10"/>
    </row>
    <row r="274619" spans="14:14">
      <c r="N274619" s="10"/>
    </row>
    <row r="274620" spans="14:14">
      <c r="N274620" s="10"/>
    </row>
    <row r="274621" spans="14:14">
      <c r="N274621" s="10"/>
    </row>
    <row r="274622" spans="14:14">
      <c r="N274622" s="10"/>
    </row>
    <row r="274623" spans="14:14">
      <c r="N274623" s="10"/>
    </row>
    <row r="274624" spans="14:14">
      <c r="N274624" s="10"/>
    </row>
    <row r="274625" spans="14:14">
      <c r="N274625" s="10"/>
    </row>
    <row r="274626" spans="14:14">
      <c r="N274626" s="10"/>
    </row>
    <row r="274627" spans="14:14">
      <c r="N274627" s="10"/>
    </row>
    <row r="274628" spans="14:14">
      <c r="N274628" s="10"/>
    </row>
    <row r="274629" spans="14:14">
      <c r="N274629" s="10"/>
    </row>
    <row r="274630" spans="14:14">
      <c r="N274630" s="10"/>
    </row>
    <row r="274631" spans="14:14">
      <c r="N274631" s="10"/>
    </row>
    <row r="274632" spans="14:14">
      <c r="N274632" s="10"/>
    </row>
    <row r="274633" spans="14:14">
      <c r="N274633" s="10"/>
    </row>
    <row r="274634" spans="14:14">
      <c r="N274634" s="10"/>
    </row>
    <row r="274635" spans="14:14">
      <c r="N274635" s="10"/>
    </row>
    <row r="274636" spans="14:14">
      <c r="N274636" s="10"/>
    </row>
    <row r="274637" spans="14:14">
      <c r="N274637" s="10"/>
    </row>
    <row r="274638" spans="14:14">
      <c r="N274638" s="10"/>
    </row>
    <row r="274639" spans="14:14">
      <c r="N274639" s="10"/>
    </row>
    <row r="274640" spans="14:14">
      <c r="N274640" s="10"/>
    </row>
    <row r="274641" spans="14:14">
      <c r="N274641" s="10"/>
    </row>
    <row r="274642" spans="14:14">
      <c r="N274642" s="10"/>
    </row>
    <row r="274643" spans="14:14">
      <c r="N274643" s="10"/>
    </row>
    <row r="274644" spans="14:14">
      <c r="N274644" s="10"/>
    </row>
    <row r="274645" spans="14:14">
      <c r="N274645" s="10"/>
    </row>
    <row r="274646" spans="14:14">
      <c r="N274646" s="10"/>
    </row>
    <row r="274647" spans="14:14">
      <c r="N274647" s="10"/>
    </row>
    <row r="274648" spans="14:14">
      <c r="N274648" s="10"/>
    </row>
    <row r="274649" spans="14:14">
      <c r="N274649" s="10"/>
    </row>
    <row r="274650" spans="14:14">
      <c r="N274650" s="10"/>
    </row>
    <row r="274651" spans="14:14">
      <c r="N274651" s="10"/>
    </row>
    <row r="274652" spans="14:14">
      <c r="N274652" s="10"/>
    </row>
    <row r="274653" spans="14:14">
      <c r="N274653" s="10"/>
    </row>
    <row r="274654" spans="14:14">
      <c r="N274654" s="10"/>
    </row>
    <row r="274655" spans="14:14">
      <c r="N274655" s="10"/>
    </row>
    <row r="274656" spans="14:14">
      <c r="N274656" s="10"/>
    </row>
    <row r="274657" spans="14:14">
      <c r="N274657" s="10"/>
    </row>
    <row r="274658" spans="14:14">
      <c r="N274658" s="10"/>
    </row>
    <row r="274659" spans="14:14">
      <c r="N274659" s="10"/>
    </row>
    <row r="274660" spans="14:14">
      <c r="N274660" s="10"/>
    </row>
    <row r="274661" spans="14:14">
      <c r="N274661" s="10"/>
    </row>
    <row r="274662" spans="14:14">
      <c r="N274662" s="10"/>
    </row>
    <row r="274663" spans="14:14">
      <c r="N274663" s="10"/>
    </row>
    <row r="274664" spans="14:14">
      <c r="N274664" s="10"/>
    </row>
    <row r="274665" spans="14:14">
      <c r="N274665" s="10"/>
    </row>
    <row r="274666" spans="14:14">
      <c r="N274666" s="10"/>
    </row>
    <row r="274667" spans="14:14">
      <c r="N274667" s="10"/>
    </row>
    <row r="274668" spans="14:14">
      <c r="N274668" s="10"/>
    </row>
    <row r="274669" spans="14:14">
      <c r="N274669" s="10"/>
    </row>
    <row r="274670" spans="14:14">
      <c r="N274670" s="10"/>
    </row>
    <row r="274671" spans="14:14">
      <c r="N274671" s="10"/>
    </row>
    <row r="274672" spans="14:14">
      <c r="N274672" s="10"/>
    </row>
    <row r="274673" spans="14:14">
      <c r="N274673" s="10"/>
    </row>
    <row r="274674" spans="14:14">
      <c r="N274674" s="10"/>
    </row>
    <row r="274675" spans="14:14">
      <c r="N274675" s="10"/>
    </row>
    <row r="274676" spans="14:14">
      <c r="N274676" s="10"/>
    </row>
    <row r="274677" spans="14:14">
      <c r="N274677" s="10"/>
    </row>
    <row r="274678" spans="14:14">
      <c r="N274678" s="10"/>
    </row>
    <row r="274679" spans="14:14">
      <c r="N274679" s="10"/>
    </row>
    <row r="274680" spans="14:14">
      <c r="N274680" s="10"/>
    </row>
    <row r="274681" spans="14:14">
      <c r="N274681" s="10"/>
    </row>
    <row r="274682" spans="14:14">
      <c r="N274682" s="10"/>
    </row>
    <row r="274683" spans="14:14">
      <c r="N274683" s="10"/>
    </row>
    <row r="274684" spans="14:14">
      <c r="N274684" s="10"/>
    </row>
    <row r="274685" spans="14:14">
      <c r="N274685" s="10"/>
    </row>
    <row r="274686" spans="14:14">
      <c r="N274686" s="10"/>
    </row>
    <row r="274687" spans="14:14">
      <c r="N274687" s="10"/>
    </row>
    <row r="274688" spans="14:14">
      <c r="N274688" s="10"/>
    </row>
    <row r="274689" spans="14:14">
      <c r="N274689" s="10"/>
    </row>
    <row r="274690" spans="14:14">
      <c r="N274690" s="10"/>
    </row>
    <row r="274691" spans="14:14">
      <c r="N274691" s="10"/>
    </row>
    <row r="274692" spans="14:14">
      <c r="N274692" s="10"/>
    </row>
    <row r="274693" spans="14:14">
      <c r="N274693" s="10"/>
    </row>
    <row r="274694" spans="14:14">
      <c r="N274694" s="10"/>
    </row>
    <row r="274695" spans="14:14">
      <c r="N274695" s="10"/>
    </row>
    <row r="274696" spans="14:14">
      <c r="N274696" s="10"/>
    </row>
    <row r="274697" spans="14:14">
      <c r="N274697" s="10"/>
    </row>
    <row r="274698" spans="14:14">
      <c r="N274698" s="10"/>
    </row>
    <row r="274699" spans="14:14">
      <c r="N274699" s="10"/>
    </row>
    <row r="274700" spans="14:14">
      <c r="N274700" s="10"/>
    </row>
    <row r="274701" spans="14:14">
      <c r="N274701" s="10"/>
    </row>
    <row r="274702" spans="14:14">
      <c r="N274702" s="10"/>
    </row>
    <row r="274703" spans="14:14">
      <c r="N274703" s="10"/>
    </row>
    <row r="274704" spans="14:14">
      <c r="N274704" s="10"/>
    </row>
    <row r="274705" spans="14:14">
      <c r="N274705" s="10"/>
    </row>
    <row r="274706" spans="14:14">
      <c r="N274706" s="10"/>
    </row>
    <row r="274707" spans="14:14">
      <c r="N274707" s="10"/>
    </row>
    <row r="274708" spans="14:14">
      <c r="N274708" s="10"/>
    </row>
    <row r="274709" spans="14:14">
      <c r="N274709" s="10"/>
    </row>
    <row r="274710" spans="14:14">
      <c r="N274710" s="10"/>
    </row>
    <row r="274711" spans="14:14">
      <c r="N274711" s="10"/>
    </row>
    <row r="274712" spans="14:14">
      <c r="N274712" s="10"/>
    </row>
    <row r="274713" spans="14:14">
      <c r="N274713" s="10"/>
    </row>
    <row r="274714" spans="14:14">
      <c r="N274714" s="10"/>
    </row>
    <row r="274715" spans="14:14">
      <c r="N274715" s="10"/>
    </row>
    <row r="274716" spans="14:14">
      <c r="N274716" s="10"/>
    </row>
    <row r="274717" spans="14:14">
      <c r="N274717" s="10"/>
    </row>
    <row r="274718" spans="14:14">
      <c r="N274718" s="10"/>
    </row>
    <row r="274719" spans="14:14">
      <c r="N274719" s="10"/>
    </row>
    <row r="274720" spans="14:14">
      <c r="N274720" s="10"/>
    </row>
    <row r="274721" spans="14:14">
      <c r="N274721" s="10"/>
    </row>
    <row r="274722" spans="14:14">
      <c r="N274722" s="10"/>
    </row>
    <row r="274723" spans="14:14">
      <c r="N274723" s="10"/>
    </row>
    <row r="274724" spans="14:14">
      <c r="N274724" s="10"/>
    </row>
    <row r="274725" spans="14:14">
      <c r="N274725" s="10"/>
    </row>
    <row r="274726" spans="14:14">
      <c r="N274726" s="10"/>
    </row>
    <row r="274727" spans="14:14">
      <c r="N274727" s="10"/>
    </row>
    <row r="274728" spans="14:14">
      <c r="N274728" s="10"/>
    </row>
    <row r="274729" spans="14:14">
      <c r="N274729" s="10"/>
    </row>
    <row r="274730" spans="14:14">
      <c r="N274730" s="10"/>
    </row>
    <row r="274731" spans="14:14">
      <c r="N274731" s="10"/>
    </row>
    <row r="274732" spans="14:14">
      <c r="N274732" s="10"/>
    </row>
    <row r="274733" spans="14:14">
      <c r="N274733" s="10"/>
    </row>
    <row r="274734" spans="14:14">
      <c r="N274734" s="10"/>
    </row>
    <row r="274735" spans="14:14">
      <c r="N274735" s="10"/>
    </row>
    <row r="274736" spans="14:14">
      <c r="N274736" s="10"/>
    </row>
    <row r="274737" spans="14:14">
      <c r="N274737" s="10"/>
    </row>
    <row r="274738" spans="14:14">
      <c r="N274738" s="10"/>
    </row>
    <row r="274739" spans="14:14">
      <c r="N274739" s="10"/>
    </row>
    <row r="274740" spans="14:14">
      <c r="N274740" s="10"/>
    </row>
    <row r="274741" spans="14:14">
      <c r="N274741" s="10"/>
    </row>
    <row r="274742" spans="14:14">
      <c r="N274742" s="10"/>
    </row>
    <row r="274743" spans="14:14">
      <c r="N274743" s="10"/>
    </row>
    <row r="274744" spans="14:14">
      <c r="N274744" s="10"/>
    </row>
    <row r="274745" spans="14:14">
      <c r="N274745" s="10"/>
    </row>
    <row r="274746" spans="14:14">
      <c r="N274746" s="10"/>
    </row>
    <row r="274747" spans="14:14">
      <c r="N274747" s="10"/>
    </row>
    <row r="274748" spans="14:14">
      <c r="N274748" s="10"/>
    </row>
    <row r="274749" spans="14:14">
      <c r="N274749" s="10"/>
    </row>
    <row r="274750" spans="14:14">
      <c r="N274750" s="10"/>
    </row>
    <row r="274751" spans="14:14">
      <c r="N274751" s="10"/>
    </row>
    <row r="274752" spans="14:14">
      <c r="N274752" s="10"/>
    </row>
    <row r="274753" spans="14:14">
      <c r="N274753" s="10"/>
    </row>
    <row r="274754" spans="14:14">
      <c r="N274754" s="10"/>
    </row>
    <row r="274755" spans="14:14">
      <c r="N274755" s="10"/>
    </row>
    <row r="274756" spans="14:14">
      <c r="N274756" s="10"/>
    </row>
    <row r="274757" spans="14:14">
      <c r="N274757" s="10"/>
    </row>
    <row r="274758" spans="14:14">
      <c r="N274758" s="10"/>
    </row>
    <row r="274759" spans="14:14">
      <c r="N274759" s="10"/>
    </row>
    <row r="274760" spans="14:14">
      <c r="N274760" s="10"/>
    </row>
    <row r="274761" spans="14:14">
      <c r="N274761" s="10"/>
    </row>
    <row r="274762" spans="14:14">
      <c r="N274762" s="10"/>
    </row>
    <row r="274763" spans="14:14">
      <c r="N274763" s="10"/>
    </row>
    <row r="274764" spans="14:14">
      <c r="N274764" s="10"/>
    </row>
    <row r="274765" spans="14:14">
      <c r="N274765" s="10"/>
    </row>
    <row r="274766" spans="14:14">
      <c r="N274766" s="10"/>
    </row>
    <row r="274767" spans="14:14">
      <c r="N274767" s="10"/>
    </row>
    <row r="274768" spans="14:14">
      <c r="N274768" s="10"/>
    </row>
    <row r="274769" spans="14:14">
      <c r="N274769" s="10"/>
    </row>
    <row r="274770" spans="14:14">
      <c r="N274770" s="10"/>
    </row>
    <row r="274771" spans="14:14">
      <c r="N274771" s="10"/>
    </row>
    <row r="274772" spans="14:14">
      <c r="N274772" s="10"/>
    </row>
    <row r="274773" spans="14:14">
      <c r="N274773" s="10"/>
    </row>
    <row r="274774" spans="14:14">
      <c r="N274774" s="10"/>
    </row>
    <row r="274775" spans="14:14">
      <c r="N274775" s="10"/>
    </row>
    <row r="274776" spans="14:14">
      <c r="N274776" s="10"/>
    </row>
    <row r="274777" spans="14:14">
      <c r="N274777" s="10"/>
    </row>
    <row r="274778" spans="14:14">
      <c r="N274778" s="10"/>
    </row>
    <row r="274779" spans="14:14">
      <c r="N274779" s="10"/>
    </row>
    <row r="274780" spans="14:14">
      <c r="N274780" s="10"/>
    </row>
    <row r="274781" spans="14:14">
      <c r="N274781" s="10"/>
    </row>
    <row r="274782" spans="14:14">
      <c r="N274782" s="10"/>
    </row>
    <row r="274783" spans="14:14">
      <c r="N274783" s="10"/>
    </row>
    <row r="274784" spans="14:14">
      <c r="N274784" s="10"/>
    </row>
    <row r="274785" spans="14:14">
      <c r="N274785" s="10"/>
    </row>
    <row r="274786" spans="14:14">
      <c r="N274786" s="10"/>
    </row>
    <row r="274787" spans="14:14">
      <c r="N274787" s="10"/>
    </row>
    <row r="274788" spans="14:14">
      <c r="N274788" s="10"/>
    </row>
    <row r="274789" spans="14:14">
      <c r="N274789" s="10"/>
    </row>
    <row r="274790" spans="14:14">
      <c r="N274790" s="10"/>
    </row>
    <row r="274791" spans="14:14">
      <c r="N274791" s="10"/>
    </row>
    <row r="274792" spans="14:14">
      <c r="N274792" s="10"/>
    </row>
    <row r="274793" spans="14:14">
      <c r="N274793" s="10"/>
    </row>
    <row r="274794" spans="14:14">
      <c r="N274794" s="10"/>
    </row>
    <row r="274795" spans="14:14">
      <c r="N274795" s="10"/>
    </row>
    <row r="274796" spans="14:14">
      <c r="N274796" s="10"/>
    </row>
    <row r="274797" spans="14:14">
      <c r="N274797" s="10"/>
    </row>
    <row r="274798" spans="14:14">
      <c r="N274798" s="10"/>
    </row>
    <row r="274799" spans="14:14">
      <c r="N274799" s="10"/>
    </row>
    <row r="274800" spans="14:14">
      <c r="N274800" s="10"/>
    </row>
    <row r="274801" spans="14:14">
      <c r="N274801" s="10"/>
    </row>
    <row r="274802" spans="14:14">
      <c r="N274802" s="10"/>
    </row>
    <row r="274803" spans="14:14">
      <c r="N274803" s="10"/>
    </row>
    <row r="274804" spans="14:14">
      <c r="N274804" s="10"/>
    </row>
    <row r="274805" spans="14:14">
      <c r="N274805" s="10"/>
    </row>
    <row r="274806" spans="14:14">
      <c r="N274806" s="10"/>
    </row>
    <row r="274807" spans="14:14">
      <c r="N274807" s="10"/>
    </row>
    <row r="274808" spans="14:14">
      <c r="N274808" s="10"/>
    </row>
    <row r="274809" spans="14:14">
      <c r="N274809" s="10"/>
    </row>
    <row r="274810" spans="14:14">
      <c r="N274810" s="10"/>
    </row>
    <row r="274811" spans="14:14">
      <c r="N274811" s="10"/>
    </row>
    <row r="274812" spans="14:14">
      <c r="N274812" s="10"/>
    </row>
    <row r="274813" spans="14:14">
      <c r="N274813" s="10"/>
    </row>
    <row r="274814" spans="14:14">
      <c r="N274814" s="10"/>
    </row>
    <row r="274815" spans="14:14">
      <c r="N274815" s="10"/>
    </row>
    <row r="274816" spans="14:14">
      <c r="N274816" s="10"/>
    </row>
    <row r="274817" spans="14:14">
      <c r="N274817" s="10"/>
    </row>
    <row r="274818" spans="14:14">
      <c r="N274818" s="10"/>
    </row>
    <row r="274819" spans="14:14">
      <c r="N274819" s="10"/>
    </row>
    <row r="274820" spans="14:14">
      <c r="N274820" s="10"/>
    </row>
    <row r="274821" spans="14:14">
      <c r="N274821" s="10"/>
    </row>
    <row r="274822" spans="14:14">
      <c r="N274822" s="10"/>
    </row>
    <row r="274823" spans="14:14">
      <c r="N274823" s="10"/>
    </row>
    <row r="274824" spans="14:14">
      <c r="N274824" s="10"/>
    </row>
    <row r="274825" spans="14:14">
      <c r="N274825" s="10"/>
    </row>
    <row r="274826" spans="14:14">
      <c r="N274826" s="10"/>
    </row>
    <row r="274827" spans="14:14">
      <c r="N274827" s="10"/>
    </row>
    <row r="274828" spans="14:14">
      <c r="N274828" s="10"/>
    </row>
    <row r="274829" spans="14:14">
      <c r="N274829" s="10"/>
    </row>
    <row r="274830" spans="14:14">
      <c r="N274830" s="10"/>
    </row>
    <row r="274831" spans="14:14">
      <c r="N274831" s="10"/>
    </row>
    <row r="274832" spans="14:14">
      <c r="N274832" s="10"/>
    </row>
    <row r="274833" spans="14:14">
      <c r="N274833" s="10"/>
    </row>
    <row r="274834" spans="14:14">
      <c r="N274834" s="10"/>
    </row>
    <row r="274835" spans="14:14">
      <c r="N274835" s="10"/>
    </row>
    <row r="274836" spans="14:14">
      <c r="N274836" s="10"/>
    </row>
    <row r="274837" spans="14:14">
      <c r="N274837" s="10"/>
    </row>
    <row r="274838" spans="14:14">
      <c r="N274838" s="10"/>
    </row>
    <row r="274839" spans="14:14">
      <c r="N274839" s="10"/>
    </row>
    <row r="274840" spans="14:14">
      <c r="N274840" s="10"/>
    </row>
    <row r="274841" spans="14:14">
      <c r="N274841" s="10"/>
    </row>
    <row r="274842" spans="14:14">
      <c r="N274842" s="10"/>
    </row>
    <row r="274843" spans="14:14">
      <c r="N274843" s="10"/>
    </row>
    <row r="274844" spans="14:14">
      <c r="N274844" s="10"/>
    </row>
    <row r="274845" spans="14:14">
      <c r="N274845" s="10"/>
    </row>
    <row r="274846" spans="14:14">
      <c r="N274846" s="10"/>
    </row>
    <row r="274847" spans="14:14">
      <c r="N274847" s="10"/>
    </row>
    <row r="274848" spans="14:14">
      <c r="N274848" s="10"/>
    </row>
    <row r="274849" spans="14:14">
      <c r="N274849" s="10"/>
    </row>
    <row r="274850" spans="14:14">
      <c r="N274850" s="10"/>
    </row>
    <row r="274851" spans="14:14">
      <c r="N274851" s="10"/>
    </row>
    <row r="274852" spans="14:14">
      <c r="N274852" s="10"/>
    </row>
    <row r="274853" spans="14:14">
      <c r="N274853" s="10"/>
    </row>
    <row r="274854" spans="14:14">
      <c r="N274854" s="10"/>
    </row>
    <row r="274855" spans="14:14">
      <c r="N274855" s="10"/>
    </row>
    <row r="274856" spans="14:14">
      <c r="N274856" s="10"/>
    </row>
    <row r="274857" spans="14:14">
      <c r="N274857" s="10"/>
    </row>
    <row r="274858" spans="14:14">
      <c r="N274858" s="10"/>
    </row>
    <row r="274859" spans="14:14">
      <c r="N274859" s="10"/>
    </row>
    <row r="274860" spans="14:14">
      <c r="N274860" s="10"/>
    </row>
    <row r="274861" spans="14:14">
      <c r="N274861" s="10"/>
    </row>
    <row r="274862" spans="14:14">
      <c r="N274862" s="10"/>
    </row>
    <row r="274863" spans="14:14">
      <c r="N274863" s="10"/>
    </row>
    <row r="274864" spans="14:14">
      <c r="N274864" s="10"/>
    </row>
    <row r="274865" spans="14:14">
      <c r="N274865" s="10"/>
    </row>
    <row r="274866" spans="14:14">
      <c r="N274866" s="10"/>
    </row>
    <row r="274867" spans="14:14">
      <c r="N274867" s="10"/>
    </row>
    <row r="274868" spans="14:14">
      <c r="N274868" s="10"/>
    </row>
    <row r="274869" spans="14:14">
      <c r="N274869" s="10"/>
    </row>
    <row r="274870" spans="14:14">
      <c r="N274870" s="10"/>
    </row>
    <row r="274871" spans="14:14">
      <c r="N274871" s="10"/>
    </row>
    <row r="274872" spans="14:14">
      <c r="N274872" s="10"/>
    </row>
    <row r="274873" spans="14:14">
      <c r="N274873" s="10"/>
    </row>
    <row r="274874" spans="14:14">
      <c r="N274874" s="10"/>
    </row>
    <row r="274875" spans="14:14">
      <c r="N274875" s="10"/>
    </row>
    <row r="274876" spans="14:14">
      <c r="N274876" s="10"/>
    </row>
    <row r="274877" spans="14:14">
      <c r="N274877" s="10"/>
    </row>
    <row r="274878" spans="14:14">
      <c r="N274878" s="10"/>
    </row>
    <row r="274879" spans="14:14">
      <c r="N274879" s="10"/>
    </row>
    <row r="274880" spans="14:14">
      <c r="N274880" s="10"/>
    </row>
    <row r="274881" spans="14:14">
      <c r="N274881" s="10"/>
    </row>
    <row r="274882" spans="14:14">
      <c r="N274882" s="10"/>
    </row>
    <row r="274883" spans="14:14">
      <c r="N274883" s="10"/>
    </row>
    <row r="274884" spans="14:14">
      <c r="N274884" s="10"/>
    </row>
    <row r="274885" spans="14:14">
      <c r="N274885" s="10"/>
    </row>
    <row r="274886" spans="14:14">
      <c r="N274886" s="10"/>
    </row>
    <row r="274887" spans="14:14">
      <c r="N274887" s="10"/>
    </row>
    <row r="274888" spans="14:14">
      <c r="N274888" s="10"/>
    </row>
    <row r="274889" spans="14:14">
      <c r="N274889" s="10"/>
    </row>
    <row r="274890" spans="14:14">
      <c r="N274890" s="10"/>
    </row>
    <row r="274891" spans="14:14">
      <c r="N274891" s="10"/>
    </row>
    <row r="274892" spans="14:14">
      <c r="N274892" s="10"/>
    </row>
    <row r="274893" spans="14:14">
      <c r="N274893" s="10"/>
    </row>
    <row r="274894" spans="14:14">
      <c r="N274894" s="10"/>
    </row>
    <row r="274895" spans="14:14">
      <c r="N274895" s="10"/>
    </row>
    <row r="274896" spans="14:14">
      <c r="N274896" s="10"/>
    </row>
    <row r="274897" spans="14:14">
      <c r="N274897" s="10"/>
    </row>
    <row r="274898" spans="14:14">
      <c r="N274898" s="10"/>
    </row>
    <row r="274899" spans="14:14">
      <c r="N274899" s="10"/>
    </row>
    <row r="274900" spans="14:14">
      <c r="N274900" s="10"/>
    </row>
    <row r="274901" spans="14:14">
      <c r="N274901" s="10"/>
    </row>
    <row r="274902" spans="14:14">
      <c r="N274902" s="10"/>
    </row>
    <row r="274903" spans="14:14">
      <c r="N274903" s="10"/>
    </row>
    <row r="274904" spans="14:14">
      <c r="N274904" s="10"/>
    </row>
    <row r="274905" spans="14:14">
      <c r="N274905" s="10"/>
    </row>
    <row r="274906" spans="14:14">
      <c r="N274906" s="10"/>
    </row>
    <row r="274907" spans="14:14">
      <c r="N274907" s="10"/>
    </row>
    <row r="274908" spans="14:14">
      <c r="N274908" s="10"/>
    </row>
    <row r="274909" spans="14:14">
      <c r="N274909" s="10"/>
    </row>
    <row r="274910" spans="14:14">
      <c r="N274910" s="10"/>
    </row>
    <row r="274911" spans="14:14">
      <c r="N274911" s="10"/>
    </row>
    <row r="274912" spans="14:14">
      <c r="N274912" s="10"/>
    </row>
    <row r="274913" spans="14:14">
      <c r="N274913" s="10"/>
    </row>
    <row r="274914" spans="14:14">
      <c r="N274914" s="10"/>
    </row>
    <row r="274915" spans="14:14">
      <c r="N274915" s="10"/>
    </row>
    <row r="274916" spans="14:14">
      <c r="N274916" s="10"/>
    </row>
    <row r="274917" spans="14:14">
      <c r="N274917" s="10"/>
    </row>
    <row r="274918" spans="14:14">
      <c r="N274918" s="10"/>
    </row>
    <row r="274919" spans="14:14">
      <c r="N274919" s="10"/>
    </row>
    <row r="274920" spans="14:14">
      <c r="N274920" s="10"/>
    </row>
    <row r="274921" spans="14:14">
      <c r="N274921" s="10"/>
    </row>
    <row r="274922" spans="14:14">
      <c r="N274922" s="10"/>
    </row>
    <row r="274923" spans="14:14">
      <c r="N274923" s="10"/>
    </row>
    <row r="274924" spans="14:14">
      <c r="N274924" s="10"/>
    </row>
    <row r="274925" spans="14:14">
      <c r="N274925" s="10"/>
    </row>
    <row r="274926" spans="14:14">
      <c r="N274926" s="10"/>
    </row>
    <row r="274927" spans="14:14">
      <c r="N274927" s="10"/>
    </row>
    <row r="274928" spans="14:14">
      <c r="N274928" s="10"/>
    </row>
    <row r="274929" spans="14:14">
      <c r="N274929" s="10"/>
    </row>
    <row r="274930" spans="14:14">
      <c r="N274930" s="10"/>
    </row>
    <row r="274931" spans="14:14">
      <c r="N274931" s="10"/>
    </row>
    <row r="274932" spans="14:14">
      <c r="N274932" s="10"/>
    </row>
    <row r="274933" spans="14:14">
      <c r="N274933" s="10"/>
    </row>
    <row r="274934" spans="14:14">
      <c r="N274934" s="10"/>
    </row>
    <row r="274935" spans="14:14">
      <c r="N274935" s="10"/>
    </row>
    <row r="274936" spans="14:14">
      <c r="N274936" s="10"/>
    </row>
    <row r="274937" spans="14:14">
      <c r="N274937" s="10"/>
    </row>
    <row r="274938" spans="14:14">
      <c r="N274938" s="10"/>
    </row>
    <row r="274939" spans="14:14">
      <c r="N274939" s="10"/>
    </row>
    <row r="274940" spans="14:14">
      <c r="N274940" s="10"/>
    </row>
    <row r="274941" spans="14:14">
      <c r="N274941" s="10"/>
    </row>
    <row r="274942" spans="14:14">
      <c r="N274942" s="10"/>
    </row>
    <row r="274943" spans="14:14">
      <c r="N274943" s="10"/>
    </row>
    <row r="274944" spans="14:14">
      <c r="N274944" s="10"/>
    </row>
    <row r="274945" spans="14:14">
      <c r="N274945" s="10"/>
    </row>
    <row r="274946" spans="14:14">
      <c r="N274946" s="10"/>
    </row>
    <row r="274947" spans="14:14">
      <c r="N274947" s="10"/>
    </row>
    <row r="274948" spans="14:14">
      <c r="N274948" s="10"/>
    </row>
    <row r="274949" spans="14:14">
      <c r="N274949" s="10"/>
    </row>
    <row r="274950" spans="14:14">
      <c r="N274950" s="10"/>
    </row>
    <row r="274951" spans="14:14">
      <c r="N274951" s="10"/>
    </row>
    <row r="274952" spans="14:14">
      <c r="N274952" s="10"/>
    </row>
    <row r="274953" spans="14:14">
      <c r="N274953" s="10"/>
    </row>
    <row r="274954" spans="14:14">
      <c r="N274954" s="10"/>
    </row>
    <row r="274955" spans="14:14">
      <c r="N274955" s="10"/>
    </row>
    <row r="274956" spans="14:14">
      <c r="N274956" s="10"/>
    </row>
    <row r="274957" spans="14:14">
      <c r="N274957" s="10"/>
    </row>
    <row r="274958" spans="14:14">
      <c r="N274958" s="10"/>
    </row>
    <row r="274959" spans="14:14">
      <c r="N274959" s="10"/>
    </row>
    <row r="274960" spans="14:14">
      <c r="N274960" s="10"/>
    </row>
    <row r="274961" spans="14:14">
      <c r="N274961" s="10"/>
    </row>
    <row r="274962" spans="14:14">
      <c r="N274962" s="10"/>
    </row>
    <row r="274963" spans="14:14">
      <c r="N274963" s="10"/>
    </row>
    <row r="274964" spans="14:14">
      <c r="N274964" s="10"/>
    </row>
    <row r="274965" spans="14:14">
      <c r="N274965" s="10"/>
    </row>
    <row r="274966" spans="14:14">
      <c r="N274966" s="10"/>
    </row>
    <row r="274967" spans="14:14">
      <c r="N274967" s="10"/>
    </row>
    <row r="274968" spans="14:14">
      <c r="N274968" s="10"/>
    </row>
    <row r="274969" spans="14:14">
      <c r="N274969" s="10"/>
    </row>
    <row r="274970" spans="14:14">
      <c r="N274970" s="10"/>
    </row>
    <row r="274971" spans="14:14">
      <c r="N274971" s="10"/>
    </row>
    <row r="274972" spans="14:14">
      <c r="N274972" s="10"/>
    </row>
    <row r="274973" spans="14:14">
      <c r="N274973" s="10"/>
    </row>
    <row r="274974" spans="14:14">
      <c r="N274974" s="10"/>
    </row>
    <row r="274975" spans="14:14">
      <c r="N274975" s="10"/>
    </row>
    <row r="274976" spans="14:14">
      <c r="N274976" s="10"/>
    </row>
    <row r="274977" spans="14:14">
      <c r="N274977" s="10"/>
    </row>
    <row r="274978" spans="14:14">
      <c r="N274978" s="10"/>
    </row>
    <row r="274979" spans="14:14">
      <c r="N274979" s="10"/>
    </row>
    <row r="274980" spans="14:14">
      <c r="N274980" s="10"/>
    </row>
    <row r="274981" spans="14:14">
      <c r="N274981" s="10"/>
    </row>
    <row r="274982" spans="14:14">
      <c r="N274982" s="10"/>
    </row>
    <row r="274983" spans="14:14">
      <c r="N274983" s="10"/>
    </row>
    <row r="274984" spans="14:14">
      <c r="N274984" s="10"/>
    </row>
    <row r="274985" spans="14:14">
      <c r="N274985" s="10"/>
    </row>
    <row r="274986" spans="14:14">
      <c r="N274986" s="10"/>
    </row>
    <row r="274987" spans="14:14">
      <c r="N274987" s="10"/>
    </row>
    <row r="274988" spans="14:14">
      <c r="N274988" s="10"/>
    </row>
    <row r="274989" spans="14:14">
      <c r="N274989" s="10"/>
    </row>
    <row r="274990" spans="14:14">
      <c r="N274990" s="10"/>
    </row>
    <row r="274991" spans="14:14">
      <c r="N274991" s="10"/>
    </row>
    <row r="274992" spans="14:14">
      <c r="N274992" s="10"/>
    </row>
    <row r="274993" spans="14:14">
      <c r="N274993" s="10"/>
    </row>
    <row r="274994" spans="14:14">
      <c r="N274994" s="10"/>
    </row>
    <row r="274995" spans="14:14">
      <c r="N274995" s="10"/>
    </row>
    <row r="274996" spans="14:14">
      <c r="N274996" s="10"/>
    </row>
    <row r="274997" spans="14:14">
      <c r="N274997" s="10"/>
    </row>
    <row r="274998" spans="14:14">
      <c r="N274998" s="10"/>
    </row>
    <row r="274999" spans="14:14">
      <c r="N274999" s="10"/>
    </row>
    <row r="275000" spans="14:14">
      <c r="N275000" s="10"/>
    </row>
    <row r="275001" spans="14:14">
      <c r="N275001" s="10"/>
    </row>
    <row r="275002" spans="14:14">
      <c r="N275002" s="10"/>
    </row>
    <row r="275003" spans="14:14">
      <c r="N275003" s="10"/>
    </row>
    <row r="275004" spans="14:14">
      <c r="N275004" s="10"/>
    </row>
    <row r="275005" spans="14:14">
      <c r="N275005" s="10"/>
    </row>
    <row r="275006" spans="14:14">
      <c r="N275006" s="10"/>
    </row>
    <row r="275007" spans="14:14">
      <c r="N275007" s="10"/>
    </row>
    <row r="275008" spans="14:14">
      <c r="N275008" s="10"/>
    </row>
    <row r="275009" spans="14:14">
      <c r="N275009" s="10"/>
    </row>
    <row r="275010" spans="14:14">
      <c r="N275010" s="10"/>
    </row>
    <row r="275011" spans="14:14">
      <c r="N275011" s="10"/>
    </row>
    <row r="275012" spans="14:14">
      <c r="N275012" s="10"/>
    </row>
    <row r="275013" spans="14:14">
      <c r="N275013" s="10"/>
    </row>
    <row r="275014" spans="14:14">
      <c r="N275014" s="10"/>
    </row>
    <row r="275015" spans="14:14">
      <c r="N275015" s="10"/>
    </row>
    <row r="275016" spans="14:14">
      <c r="N275016" s="10"/>
    </row>
    <row r="275017" spans="14:14">
      <c r="N275017" s="10"/>
    </row>
    <row r="275018" spans="14:14">
      <c r="N275018" s="10"/>
    </row>
    <row r="275019" spans="14:14">
      <c r="N275019" s="10"/>
    </row>
    <row r="275020" spans="14:14">
      <c r="N275020" s="10"/>
    </row>
    <row r="275021" spans="14:14">
      <c r="N275021" s="10"/>
    </row>
    <row r="275022" spans="14:14">
      <c r="N275022" s="10"/>
    </row>
    <row r="275023" spans="14:14">
      <c r="N275023" s="10"/>
    </row>
    <row r="275024" spans="14:14">
      <c r="N275024" s="10"/>
    </row>
    <row r="275025" spans="14:14">
      <c r="N275025" s="10"/>
    </row>
    <row r="275026" spans="14:14">
      <c r="N275026" s="10"/>
    </row>
    <row r="275027" spans="14:14">
      <c r="N275027" s="10"/>
    </row>
    <row r="275028" spans="14:14">
      <c r="N275028" s="10"/>
    </row>
    <row r="275029" spans="14:14">
      <c r="N275029" s="10"/>
    </row>
    <row r="275030" spans="14:14">
      <c r="N275030" s="10"/>
    </row>
    <row r="275031" spans="14:14">
      <c r="N275031" s="10"/>
    </row>
    <row r="275032" spans="14:14">
      <c r="N275032" s="10"/>
    </row>
    <row r="275033" spans="14:14">
      <c r="N275033" s="10"/>
    </row>
    <row r="275034" spans="14:14">
      <c r="N275034" s="10"/>
    </row>
    <row r="275035" spans="14:14">
      <c r="N275035" s="10"/>
    </row>
    <row r="275036" spans="14:14">
      <c r="N275036" s="10"/>
    </row>
    <row r="275037" spans="14:14">
      <c r="N275037" s="10"/>
    </row>
    <row r="275038" spans="14:14">
      <c r="N275038" s="10"/>
    </row>
    <row r="275039" spans="14:14">
      <c r="N275039" s="10"/>
    </row>
    <row r="275040" spans="14:14">
      <c r="N275040" s="10"/>
    </row>
    <row r="275041" spans="14:14">
      <c r="N275041" s="10"/>
    </row>
    <row r="275042" spans="14:14">
      <c r="N275042" s="10"/>
    </row>
    <row r="275043" spans="14:14">
      <c r="N275043" s="10"/>
    </row>
    <row r="275044" spans="14:14">
      <c r="N275044" s="10"/>
    </row>
    <row r="275045" spans="14:14">
      <c r="N275045" s="10"/>
    </row>
    <row r="275046" spans="14:14">
      <c r="N275046" s="10"/>
    </row>
    <row r="275047" spans="14:14">
      <c r="N275047" s="10"/>
    </row>
    <row r="275048" spans="14:14">
      <c r="N275048" s="10"/>
    </row>
    <row r="275049" spans="14:14">
      <c r="N275049" s="10"/>
    </row>
    <row r="275050" spans="14:14">
      <c r="N275050" s="10"/>
    </row>
    <row r="275051" spans="14:14">
      <c r="N275051" s="10"/>
    </row>
    <row r="275052" spans="14:14">
      <c r="N275052" s="10"/>
    </row>
    <row r="275053" spans="14:14">
      <c r="N275053" s="10"/>
    </row>
    <row r="275054" spans="14:14">
      <c r="N275054" s="10"/>
    </row>
    <row r="275055" spans="14:14">
      <c r="N275055" s="10"/>
    </row>
    <row r="275056" spans="14:14">
      <c r="N275056" s="10"/>
    </row>
    <row r="275057" spans="14:14">
      <c r="N275057" s="10"/>
    </row>
    <row r="275058" spans="14:14">
      <c r="N275058" s="10"/>
    </row>
    <row r="275059" spans="14:14">
      <c r="N275059" s="10"/>
    </row>
    <row r="275060" spans="14:14">
      <c r="N275060" s="10"/>
    </row>
    <row r="275061" spans="14:14">
      <c r="N275061" s="10"/>
    </row>
    <row r="275062" spans="14:14">
      <c r="N275062" s="10"/>
    </row>
    <row r="275063" spans="14:14">
      <c r="N275063" s="10"/>
    </row>
    <row r="275064" spans="14:14">
      <c r="N275064" s="10"/>
    </row>
    <row r="275065" spans="14:14">
      <c r="N275065" s="10"/>
    </row>
    <row r="275066" spans="14:14">
      <c r="N275066" s="10"/>
    </row>
    <row r="275067" spans="14:14">
      <c r="N275067" s="10"/>
    </row>
    <row r="275068" spans="14:14">
      <c r="N275068" s="10"/>
    </row>
    <row r="275069" spans="14:14">
      <c r="N275069" s="10"/>
    </row>
    <row r="275070" spans="14:14">
      <c r="N275070" s="10"/>
    </row>
    <row r="275071" spans="14:14">
      <c r="N275071" s="10"/>
    </row>
    <row r="275072" spans="14:14">
      <c r="N275072" s="10"/>
    </row>
    <row r="275073" spans="14:14">
      <c r="N275073" s="10"/>
    </row>
    <row r="275074" spans="14:14">
      <c r="N275074" s="10"/>
    </row>
    <row r="275075" spans="14:14">
      <c r="N275075" s="10"/>
    </row>
    <row r="275076" spans="14:14">
      <c r="N275076" s="10"/>
    </row>
    <row r="275077" spans="14:14">
      <c r="N275077" s="10"/>
    </row>
    <row r="275078" spans="14:14">
      <c r="N275078" s="10"/>
    </row>
    <row r="275079" spans="14:14">
      <c r="N275079" s="10"/>
    </row>
    <row r="275080" spans="14:14">
      <c r="N275080" s="10"/>
    </row>
    <row r="275081" spans="14:14">
      <c r="N275081" s="10"/>
    </row>
    <row r="275082" spans="14:14">
      <c r="N275082" s="10"/>
    </row>
    <row r="275083" spans="14:14">
      <c r="N275083" s="10"/>
    </row>
    <row r="275084" spans="14:14">
      <c r="N275084" s="10"/>
    </row>
    <row r="275085" spans="14:14">
      <c r="N275085" s="10"/>
    </row>
    <row r="275086" spans="14:14">
      <c r="N275086" s="10"/>
    </row>
    <row r="275087" spans="14:14">
      <c r="N275087" s="10"/>
    </row>
    <row r="275088" spans="14:14">
      <c r="N275088" s="10"/>
    </row>
    <row r="275089" spans="14:14">
      <c r="N275089" s="10"/>
    </row>
    <row r="275090" spans="14:14">
      <c r="N275090" s="10"/>
    </row>
    <row r="275091" spans="14:14">
      <c r="N275091" s="10"/>
    </row>
    <row r="275092" spans="14:14">
      <c r="N275092" s="10"/>
    </row>
    <row r="275093" spans="14:14">
      <c r="N275093" s="10"/>
    </row>
    <row r="275094" spans="14:14">
      <c r="N275094" s="10"/>
    </row>
    <row r="275095" spans="14:14">
      <c r="N275095" s="10"/>
    </row>
    <row r="275096" spans="14:14">
      <c r="N275096" s="10"/>
    </row>
    <row r="275097" spans="14:14">
      <c r="N275097" s="10"/>
    </row>
    <row r="275098" spans="14:14">
      <c r="N275098" s="10"/>
    </row>
    <row r="275099" spans="14:14">
      <c r="N275099" s="10"/>
    </row>
    <row r="275100" spans="14:14">
      <c r="N275100" s="10"/>
    </row>
    <row r="275101" spans="14:14">
      <c r="N275101" s="10"/>
    </row>
    <row r="275102" spans="14:14">
      <c r="N275102" s="10"/>
    </row>
    <row r="275103" spans="14:14">
      <c r="N275103" s="10"/>
    </row>
    <row r="275104" spans="14:14">
      <c r="N275104" s="10"/>
    </row>
    <row r="275105" spans="14:14">
      <c r="N275105" s="10"/>
    </row>
    <row r="275106" spans="14:14">
      <c r="N275106" s="10"/>
    </row>
    <row r="275107" spans="14:14">
      <c r="N275107" s="10"/>
    </row>
    <row r="275108" spans="14:14">
      <c r="N275108" s="10"/>
    </row>
    <row r="275109" spans="14:14">
      <c r="N275109" s="10"/>
    </row>
    <row r="275110" spans="14:14">
      <c r="N275110" s="10"/>
    </row>
    <row r="275111" spans="14:14">
      <c r="N275111" s="10"/>
    </row>
    <row r="275112" spans="14:14">
      <c r="N275112" s="10"/>
    </row>
    <row r="275113" spans="14:14">
      <c r="N275113" s="10"/>
    </row>
    <row r="275114" spans="14:14">
      <c r="N275114" s="10"/>
    </row>
    <row r="275115" spans="14:14">
      <c r="N275115" s="10"/>
    </row>
    <row r="275116" spans="14:14">
      <c r="N275116" s="10"/>
    </row>
    <row r="275117" spans="14:14">
      <c r="N275117" s="10"/>
    </row>
    <row r="275118" spans="14:14">
      <c r="N275118" s="10"/>
    </row>
    <row r="275119" spans="14:14">
      <c r="N275119" s="10"/>
    </row>
    <row r="275120" spans="14:14">
      <c r="N275120" s="10"/>
    </row>
    <row r="275121" spans="14:14">
      <c r="N275121" s="10"/>
    </row>
    <row r="275122" spans="14:14">
      <c r="N275122" s="10"/>
    </row>
    <row r="275123" spans="14:14">
      <c r="N275123" s="10"/>
    </row>
    <row r="275124" spans="14:14">
      <c r="N275124" s="10"/>
    </row>
    <row r="275125" spans="14:14">
      <c r="N275125" s="10"/>
    </row>
    <row r="275126" spans="14:14">
      <c r="N275126" s="10"/>
    </row>
    <row r="275127" spans="14:14">
      <c r="N275127" s="10"/>
    </row>
    <row r="275128" spans="14:14">
      <c r="N275128" s="10"/>
    </row>
    <row r="275129" spans="14:14">
      <c r="N275129" s="10"/>
    </row>
    <row r="275130" spans="14:14">
      <c r="N275130" s="10"/>
    </row>
    <row r="275131" spans="14:14">
      <c r="N275131" s="10"/>
    </row>
    <row r="275132" spans="14:14">
      <c r="N275132" s="10"/>
    </row>
    <row r="275133" spans="14:14">
      <c r="N275133" s="10"/>
    </row>
    <row r="275134" spans="14:14">
      <c r="N275134" s="10"/>
    </row>
    <row r="275135" spans="14:14">
      <c r="N275135" s="10"/>
    </row>
    <row r="275136" spans="14:14">
      <c r="N275136" s="10"/>
    </row>
    <row r="275137" spans="14:14">
      <c r="N275137" s="10"/>
    </row>
    <row r="275138" spans="14:14">
      <c r="N275138" s="10"/>
    </row>
    <row r="275139" spans="14:14">
      <c r="N275139" s="10"/>
    </row>
    <row r="275140" spans="14:14">
      <c r="N275140" s="10"/>
    </row>
    <row r="275141" spans="14:14">
      <c r="N275141" s="10"/>
    </row>
    <row r="275142" spans="14:14">
      <c r="N275142" s="10"/>
    </row>
    <row r="275143" spans="14:14">
      <c r="N275143" s="10"/>
    </row>
    <row r="275144" spans="14:14">
      <c r="N275144" s="10"/>
    </row>
    <row r="275145" spans="14:14">
      <c r="N275145" s="10"/>
    </row>
    <row r="275146" spans="14:14">
      <c r="N275146" s="10"/>
    </row>
    <row r="275147" spans="14:14">
      <c r="N275147" s="10"/>
    </row>
    <row r="275148" spans="14:14">
      <c r="N275148" s="10"/>
    </row>
    <row r="275149" spans="14:14">
      <c r="N275149" s="10"/>
    </row>
    <row r="275150" spans="14:14">
      <c r="N275150" s="10"/>
    </row>
    <row r="275151" spans="14:14">
      <c r="N275151" s="10"/>
    </row>
    <row r="275152" spans="14:14">
      <c r="N275152" s="10"/>
    </row>
    <row r="275153" spans="14:14">
      <c r="N275153" s="10"/>
    </row>
    <row r="275154" spans="14:14">
      <c r="N275154" s="10"/>
    </row>
    <row r="275155" spans="14:14">
      <c r="N275155" s="10"/>
    </row>
    <row r="275156" spans="14:14">
      <c r="N275156" s="10"/>
    </row>
    <row r="275157" spans="14:14">
      <c r="N275157" s="10"/>
    </row>
    <row r="275158" spans="14:14">
      <c r="N275158" s="10"/>
    </row>
    <row r="275159" spans="14:14">
      <c r="N275159" s="10"/>
    </row>
    <row r="275160" spans="14:14">
      <c r="N275160" s="10"/>
    </row>
    <row r="275161" spans="14:14">
      <c r="N275161" s="10"/>
    </row>
    <row r="275162" spans="14:14">
      <c r="N275162" s="10"/>
    </row>
    <row r="275163" spans="14:14">
      <c r="N275163" s="10"/>
    </row>
    <row r="275164" spans="14:14">
      <c r="N275164" s="10"/>
    </row>
    <row r="275165" spans="14:14">
      <c r="N275165" s="10"/>
    </row>
    <row r="275166" spans="14:14">
      <c r="N275166" s="10"/>
    </row>
    <row r="275167" spans="14:14">
      <c r="N275167" s="10"/>
    </row>
    <row r="275168" spans="14:14">
      <c r="N275168" s="10"/>
    </row>
    <row r="275169" spans="14:14">
      <c r="N275169" s="10"/>
    </row>
    <row r="275170" spans="14:14">
      <c r="N275170" s="10"/>
    </row>
    <row r="275171" spans="14:14">
      <c r="N275171" s="10"/>
    </row>
    <row r="275172" spans="14:14">
      <c r="N275172" s="10"/>
    </row>
    <row r="275173" spans="14:14">
      <c r="N275173" s="10"/>
    </row>
    <row r="275174" spans="14:14">
      <c r="N275174" s="10"/>
    </row>
    <row r="275175" spans="14:14">
      <c r="N275175" s="10"/>
    </row>
    <row r="275176" spans="14:14">
      <c r="N275176" s="10"/>
    </row>
    <row r="275177" spans="14:14">
      <c r="N275177" s="10"/>
    </row>
    <row r="275178" spans="14:14">
      <c r="N275178" s="10"/>
    </row>
    <row r="275179" spans="14:14">
      <c r="N275179" s="10"/>
    </row>
    <row r="275180" spans="14:14">
      <c r="N275180" s="10"/>
    </row>
    <row r="275181" spans="14:14">
      <c r="N275181" s="10"/>
    </row>
    <row r="275182" spans="14:14">
      <c r="N275182" s="10"/>
    </row>
    <row r="275183" spans="14:14">
      <c r="N275183" s="10"/>
    </row>
    <row r="275184" spans="14:14">
      <c r="N275184" s="10"/>
    </row>
    <row r="275185" spans="14:14">
      <c r="N275185" s="10"/>
    </row>
    <row r="275186" spans="14:14">
      <c r="N275186" s="10"/>
    </row>
    <row r="275187" spans="14:14">
      <c r="N275187" s="10"/>
    </row>
    <row r="275188" spans="14:14">
      <c r="N275188" s="10"/>
    </row>
    <row r="275189" spans="14:14">
      <c r="N275189" s="10"/>
    </row>
    <row r="275190" spans="14:14">
      <c r="N275190" s="10"/>
    </row>
    <row r="275191" spans="14:14">
      <c r="N275191" s="10"/>
    </row>
    <row r="275192" spans="14:14">
      <c r="N275192" s="10"/>
    </row>
    <row r="275193" spans="14:14">
      <c r="N275193" s="10"/>
    </row>
    <row r="275194" spans="14:14">
      <c r="N275194" s="10"/>
    </row>
    <row r="275195" spans="14:14">
      <c r="N275195" s="10"/>
    </row>
    <row r="275196" spans="14:14">
      <c r="N275196" s="10"/>
    </row>
    <row r="275197" spans="14:14">
      <c r="N275197" s="10"/>
    </row>
    <row r="275198" spans="14:14">
      <c r="N275198" s="10"/>
    </row>
    <row r="275199" spans="14:14">
      <c r="N275199" s="10"/>
    </row>
    <row r="275200" spans="14:14">
      <c r="N275200" s="10"/>
    </row>
    <row r="275201" spans="14:14">
      <c r="N275201" s="10"/>
    </row>
    <row r="275202" spans="14:14">
      <c r="N275202" s="10"/>
    </row>
    <row r="275203" spans="14:14">
      <c r="N275203" s="10"/>
    </row>
    <row r="275204" spans="14:14">
      <c r="N275204" s="10"/>
    </row>
    <row r="275205" spans="14:14">
      <c r="N275205" s="10"/>
    </row>
    <row r="275206" spans="14:14">
      <c r="N275206" s="10"/>
    </row>
    <row r="275207" spans="14:14">
      <c r="N275207" s="10"/>
    </row>
    <row r="275208" spans="14:14">
      <c r="N275208" s="10"/>
    </row>
    <row r="275209" spans="14:14">
      <c r="N275209" s="10"/>
    </row>
    <row r="275210" spans="14:14">
      <c r="N275210" s="10"/>
    </row>
    <row r="275211" spans="14:14">
      <c r="N275211" s="10"/>
    </row>
    <row r="275212" spans="14:14">
      <c r="N275212" s="10"/>
    </row>
    <row r="275213" spans="14:14">
      <c r="N275213" s="10"/>
    </row>
    <row r="275214" spans="14:14">
      <c r="N275214" s="10"/>
    </row>
    <row r="275215" spans="14:14">
      <c r="N275215" s="10"/>
    </row>
    <row r="275216" spans="14:14">
      <c r="N275216" s="10"/>
    </row>
    <row r="275217" spans="14:14">
      <c r="N275217" s="10"/>
    </row>
    <row r="275218" spans="14:14">
      <c r="N275218" s="10"/>
    </row>
    <row r="275219" spans="14:14">
      <c r="N275219" s="10"/>
    </row>
    <row r="275220" spans="14:14">
      <c r="N275220" s="10"/>
    </row>
    <row r="275221" spans="14:14">
      <c r="N275221" s="10"/>
    </row>
    <row r="275222" spans="14:14">
      <c r="N275222" s="10"/>
    </row>
    <row r="275223" spans="14:14">
      <c r="N275223" s="10"/>
    </row>
    <row r="275224" spans="14:14">
      <c r="N275224" s="10"/>
    </row>
    <row r="275225" spans="14:14">
      <c r="N275225" s="10"/>
    </row>
    <row r="275226" spans="14:14">
      <c r="N275226" s="10"/>
    </row>
    <row r="275227" spans="14:14">
      <c r="N275227" s="10"/>
    </row>
    <row r="275228" spans="14:14">
      <c r="N275228" s="10"/>
    </row>
    <row r="275229" spans="14:14">
      <c r="N275229" s="10"/>
    </row>
    <row r="275230" spans="14:14">
      <c r="N275230" s="10"/>
    </row>
    <row r="275231" spans="14:14">
      <c r="N275231" s="10"/>
    </row>
    <row r="275232" spans="14:14">
      <c r="N275232" s="10"/>
    </row>
    <row r="275233" spans="14:14">
      <c r="N275233" s="10"/>
    </row>
    <row r="275234" spans="14:14">
      <c r="N275234" s="10"/>
    </row>
    <row r="275235" spans="14:14">
      <c r="N275235" s="10"/>
    </row>
    <row r="275236" spans="14:14">
      <c r="N275236" s="10"/>
    </row>
    <row r="275237" spans="14:14">
      <c r="N275237" s="10"/>
    </row>
    <row r="275238" spans="14:14">
      <c r="N275238" s="10"/>
    </row>
    <row r="275239" spans="14:14">
      <c r="N275239" s="10"/>
    </row>
    <row r="275240" spans="14:14">
      <c r="N275240" s="10"/>
    </row>
    <row r="275241" spans="14:14">
      <c r="N275241" s="10"/>
    </row>
    <row r="275242" spans="14:14">
      <c r="N275242" s="10"/>
    </row>
    <row r="275243" spans="14:14">
      <c r="N275243" s="10"/>
    </row>
    <row r="275244" spans="14:14">
      <c r="N275244" s="10"/>
    </row>
    <row r="275245" spans="14:14">
      <c r="N275245" s="10"/>
    </row>
    <row r="275246" spans="14:14">
      <c r="N275246" s="10"/>
    </row>
    <row r="275247" spans="14:14">
      <c r="N275247" s="10"/>
    </row>
    <row r="275248" spans="14:14">
      <c r="N275248" s="10"/>
    </row>
    <row r="275249" spans="14:14">
      <c r="N275249" s="10"/>
    </row>
    <row r="275250" spans="14:14">
      <c r="N275250" s="10"/>
    </row>
    <row r="275251" spans="14:14">
      <c r="N275251" s="10"/>
    </row>
    <row r="275252" spans="14:14">
      <c r="N275252" s="10"/>
    </row>
    <row r="275253" spans="14:14">
      <c r="N275253" s="10"/>
    </row>
    <row r="275254" spans="14:14">
      <c r="N275254" s="10"/>
    </row>
    <row r="275255" spans="14:14">
      <c r="N275255" s="10"/>
    </row>
    <row r="275256" spans="14:14">
      <c r="N275256" s="10"/>
    </row>
    <row r="275257" spans="14:14">
      <c r="N275257" s="10"/>
    </row>
    <row r="275258" spans="14:14">
      <c r="N275258" s="10"/>
    </row>
    <row r="275259" spans="14:14">
      <c r="N275259" s="10"/>
    </row>
    <row r="275260" spans="14:14">
      <c r="N275260" s="10"/>
    </row>
    <row r="275261" spans="14:14">
      <c r="N275261" s="10"/>
    </row>
    <row r="275262" spans="14:14">
      <c r="N275262" s="10"/>
    </row>
    <row r="275263" spans="14:14">
      <c r="N275263" s="10"/>
    </row>
    <row r="275264" spans="14:14">
      <c r="N275264" s="10"/>
    </row>
    <row r="275265" spans="14:14">
      <c r="N275265" s="10"/>
    </row>
    <row r="275266" spans="14:14">
      <c r="N275266" s="10"/>
    </row>
    <row r="275267" spans="14:14">
      <c r="N275267" s="10"/>
    </row>
    <row r="275268" spans="14:14">
      <c r="N275268" s="10"/>
    </row>
    <row r="275269" spans="14:14">
      <c r="N275269" s="10"/>
    </row>
    <row r="275270" spans="14:14">
      <c r="N275270" s="10"/>
    </row>
    <row r="275271" spans="14:14">
      <c r="N275271" s="10"/>
    </row>
    <row r="275272" spans="14:14">
      <c r="N275272" s="10"/>
    </row>
    <row r="275273" spans="14:14">
      <c r="N275273" s="10"/>
    </row>
    <row r="275274" spans="14:14">
      <c r="N275274" s="10"/>
    </row>
    <row r="275275" spans="14:14">
      <c r="N275275" s="10"/>
    </row>
    <row r="275276" spans="14:14">
      <c r="N275276" s="10"/>
    </row>
    <row r="275277" spans="14:14">
      <c r="N275277" s="10"/>
    </row>
    <row r="275278" spans="14:14">
      <c r="N275278" s="10"/>
    </row>
    <row r="275279" spans="14:14">
      <c r="N275279" s="10"/>
    </row>
    <row r="275280" spans="14:14">
      <c r="N275280" s="10"/>
    </row>
    <row r="275281" spans="14:14">
      <c r="N275281" s="10"/>
    </row>
    <row r="275282" spans="14:14">
      <c r="N275282" s="10"/>
    </row>
    <row r="275283" spans="14:14">
      <c r="N275283" s="10"/>
    </row>
    <row r="275284" spans="14:14">
      <c r="N275284" s="10"/>
    </row>
    <row r="275285" spans="14:14">
      <c r="N275285" s="10"/>
    </row>
    <row r="275286" spans="14:14">
      <c r="N275286" s="10"/>
    </row>
    <row r="275287" spans="14:14">
      <c r="N275287" s="10"/>
    </row>
    <row r="275288" spans="14:14">
      <c r="N275288" s="10"/>
    </row>
    <row r="275289" spans="14:14">
      <c r="N275289" s="10"/>
    </row>
    <row r="275290" spans="14:14">
      <c r="N275290" s="10"/>
    </row>
    <row r="275291" spans="14:14">
      <c r="N275291" s="10"/>
    </row>
    <row r="275292" spans="14:14">
      <c r="N275292" s="10"/>
    </row>
    <row r="275293" spans="14:14">
      <c r="N275293" s="10"/>
    </row>
    <row r="275294" spans="14:14">
      <c r="N275294" s="10"/>
    </row>
    <row r="275295" spans="14:14">
      <c r="N275295" s="10"/>
    </row>
    <row r="275296" spans="14:14">
      <c r="N275296" s="10"/>
    </row>
    <row r="275297" spans="14:14">
      <c r="N275297" s="10"/>
    </row>
    <row r="275298" spans="14:14">
      <c r="N275298" s="10"/>
    </row>
    <row r="275299" spans="14:14">
      <c r="N275299" s="10"/>
    </row>
    <row r="275300" spans="14:14">
      <c r="N275300" s="10"/>
    </row>
    <row r="275301" spans="14:14">
      <c r="N275301" s="10"/>
    </row>
    <row r="275302" spans="14:14">
      <c r="N275302" s="10"/>
    </row>
    <row r="275303" spans="14:14">
      <c r="N275303" s="10"/>
    </row>
    <row r="275304" spans="14:14">
      <c r="N275304" s="10"/>
    </row>
    <row r="275305" spans="14:14">
      <c r="N275305" s="10"/>
    </row>
    <row r="275306" spans="14:14">
      <c r="N275306" s="10"/>
    </row>
    <row r="275307" spans="14:14">
      <c r="N275307" s="10"/>
    </row>
    <row r="275308" spans="14:14">
      <c r="N275308" s="10"/>
    </row>
    <row r="275309" spans="14:14">
      <c r="N275309" s="10"/>
    </row>
    <row r="275310" spans="14:14">
      <c r="N275310" s="10"/>
    </row>
    <row r="275311" spans="14:14">
      <c r="N275311" s="10"/>
    </row>
    <row r="275312" spans="14:14">
      <c r="N275312" s="10"/>
    </row>
    <row r="275313" spans="14:14">
      <c r="N275313" s="10"/>
    </row>
    <row r="275314" spans="14:14">
      <c r="N275314" s="10"/>
    </row>
    <row r="275315" spans="14:14">
      <c r="N275315" s="10"/>
    </row>
    <row r="275316" spans="14:14">
      <c r="N275316" s="10"/>
    </row>
    <row r="275317" spans="14:14">
      <c r="N275317" s="10"/>
    </row>
    <row r="275318" spans="14:14">
      <c r="N275318" s="10"/>
    </row>
    <row r="275319" spans="14:14">
      <c r="N275319" s="10"/>
    </row>
    <row r="275320" spans="14:14">
      <c r="N275320" s="10"/>
    </row>
    <row r="275321" spans="14:14">
      <c r="N275321" s="10"/>
    </row>
    <row r="275322" spans="14:14">
      <c r="N275322" s="10"/>
    </row>
    <row r="275323" spans="14:14">
      <c r="N275323" s="10"/>
    </row>
    <row r="275324" spans="14:14">
      <c r="N275324" s="10"/>
    </row>
    <row r="275325" spans="14:14">
      <c r="N275325" s="10"/>
    </row>
    <row r="275326" spans="14:14">
      <c r="N275326" s="10"/>
    </row>
    <row r="275327" spans="14:14">
      <c r="N275327" s="10"/>
    </row>
    <row r="275328" spans="14:14">
      <c r="N275328" s="10"/>
    </row>
    <row r="275329" spans="14:14">
      <c r="N275329" s="10"/>
    </row>
    <row r="275330" spans="14:14">
      <c r="N275330" s="10"/>
    </row>
    <row r="275331" spans="14:14">
      <c r="N275331" s="10"/>
    </row>
    <row r="275332" spans="14:14">
      <c r="N275332" s="10"/>
    </row>
    <row r="275333" spans="14:14">
      <c r="N275333" s="10"/>
    </row>
    <row r="275334" spans="14:14">
      <c r="N275334" s="10"/>
    </row>
    <row r="275335" spans="14:14">
      <c r="N275335" s="10"/>
    </row>
    <row r="275336" spans="14:14">
      <c r="N275336" s="10"/>
    </row>
    <row r="275337" spans="14:14">
      <c r="N275337" s="10"/>
    </row>
    <row r="275338" spans="14:14">
      <c r="N275338" s="10"/>
    </row>
    <row r="275339" spans="14:14">
      <c r="N275339" s="10"/>
    </row>
    <row r="275340" spans="14:14">
      <c r="N275340" s="10"/>
    </row>
    <row r="275341" spans="14:14">
      <c r="N275341" s="10"/>
    </row>
    <row r="275342" spans="14:14">
      <c r="N275342" s="10"/>
    </row>
    <row r="275343" spans="14:14">
      <c r="N275343" s="10"/>
    </row>
    <row r="275344" spans="14:14">
      <c r="N275344" s="10"/>
    </row>
    <row r="275345" spans="14:14">
      <c r="N275345" s="10"/>
    </row>
    <row r="275346" spans="14:14">
      <c r="N275346" s="10"/>
    </row>
    <row r="275347" spans="14:14">
      <c r="N275347" s="10"/>
    </row>
    <row r="275348" spans="14:14">
      <c r="N275348" s="10"/>
    </row>
    <row r="275349" spans="14:14">
      <c r="N275349" s="10"/>
    </row>
    <row r="275350" spans="14:14">
      <c r="N275350" s="10"/>
    </row>
    <row r="275351" spans="14:14">
      <c r="N275351" s="10"/>
    </row>
    <row r="275352" spans="14:14">
      <c r="N275352" s="10"/>
    </row>
    <row r="275353" spans="14:14">
      <c r="N275353" s="10"/>
    </row>
    <row r="275354" spans="14:14">
      <c r="N275354" s="10"/>
    </row>
    <row r="275355" spans="14:14">
      <c r="N275355" s="10"/>
    </row>
    <row r="275356" spans="14:14">
      <c r="N275356" s="10"/>
    </row>
    <row r="275357" spans="14:14">
      <c r="N275357" s="10"/>
    </row>
    <row r="275358" spans="14:14">
      <c r="N275358" s="10"/>
    </row>
    <row r="275359" spans="14:14">
      <c r="N275359" s="10"/>
    </row>
    <row r="275360" spans="14:14">
      <c r="N275360" s="10"/>
    </row>
    <row r="275361" spans="14:14">
      <c r="N275361" s="10"/>
    </row>
    <row r="275362" spans="14:14">
      <c r="N275362" s="10"/>
    </row>
    <row r="275363" spans="14:14">
      <c r="N275363" s="10"/>
    </row>
    <row r="275364" spans="14:14">
      <c r="N275364" s="10"/>
    </row>
    <row r="275365" spans="14:14">
      <c r="N275365" s="10"/>
    </row>
    <row r="275366" spans="14:14">
      <c r="N275366" s="10"/>
    </row>
    <row r="275367" spans="14:14">
      <c r="N275367" s="10"/>
    </row>
    <row r="275368" spans="14:14">
      <c r="N275368" s="10"/>
    </row>
    <row r="275369" spans="14:14">
      <c r="N275369" s="10"/>
    </row>
    <row r="275370" spans="14:14">
      <c r="N275370" s="10"/>
    </row>
    <row r="275371" spans="14:14">
      <c r="N275371" s="10"/>
    </row>
    <row r="275372" spans="14:14">
      <c r="N275372" s="10"/>
    </row>
    <row r="275373" spans="14:14">
      <c r="N275373" s="10"/>
    </row>
    <row r="275374" spans="14:14">
      <c r="N275374" s="10"/>
    </row>
    <row r="275375" spans="14:14">
      <c r="N275375" s="10"/>
    </row>
    <row r="275376" spans="14:14">
      <c r="N275376" s="10"/>
    </row>
    <row r="275377" spans="14:14">
      <c r="N275377" s="10"/>
    </row>
    <row r="275378" spans="14:14">
      <c r="N275378" s="10"/>
    </row>
    <row r="275379" spans="14:14">
      <c r="N275379" s="10"/>
    </row>
    <row r="275380" spans="14:14">
      <c r="N275380" s="10"/>
    </row>
    <row r="275381" spans="14:14">
      <c r="N275381" s="10"/>
    </row>
    <row r="275382" spans="14:14">
      <c r="N275382" s="10"/>
    </row>
    <row r="275383" spans="14:14">
      <c r="N275383" s="10"/>
    </row>
    <row r="275384" spans="14:14">
      <c r="N275384" s="10"/>
    </row>
    <row r="275385" spans="14:14">
      <c r="N275385" s="10"/>
    </row>
    <row r="275386" spans="14:14">
      <c r="N275386" s="10"/>
    </row>
    <row r="275387" spans="14:14">
      <c r="N275387" s="10"/>
    </row>
    <row r="275388" spans="14:14">
      <c r="N275388" s="10"/>
    </row>
    <row r="275389" spans="14:14">
      <c r="N275389" s="10"/>
    </row>
    <row r="275390" spans="14:14">
      <c r="N275390" s="10"/>
    </row>
    <row r="275391" spans="14:14">
      <c r="N275391" s="10"/>
    </row>
    <row r="275392" spans="14:14">
      <c r="N275392" s="10"/>
    </row>
    <row r="275393" spans="14:14">
      <c r="N275393" s="10"/>
    </row>
    <row r="275394" spans="14:14">
      <c r="N275394" s="10"/>
    </row>
    <row r="275395" spans="14:14">
      <c r="N275395" s="10"/>
    </row>
    <row r="275396" spans="14:14">
      <c r="N275396" s="10"/>
    </row>
    <row r="275397" spans="14:14">
      <c r="N275397" s="10"/>
    </row>
    <row r="275398" spans="14:14">
      <c r="N275398" s="10"/>
    </row>
    <row r="275399" spans="14:14">
      <c r="N275399" s="10"/>
    </row>
    <row r="275400" spans="14:14">
      <c r="N275400" s="10"/>
    </row>
    <row r="275401" spans="14:14">
      <c r="N275401" s="10"/>
    </row>
    <row r="275402" spans="14:14">
      <c r="N275402" s="10"/>
    </row>
    <row r="275403" spans="14:14">
      <c r="N275403" s="10"/>
    </row>
    <row r="275404" spans="14:14">
      <c r="N275404" s="10"/>
    </row>
    <row r="275405" spans="14:14">
      <c r="N275405" s="10"/>
    </row>
    <row r="275406" spans="14:14">
      <c r="N275406" s="10"/>
    </row>
    <row r="275407" spans="14:14">
      <c r="N275407" s="10"/>
    </row>
    <row r="275408" spans="14:14">
      <c r="N275408" s="10"/>
    </row>
    <row r="275409" spans="14:14">
      <c r="N275409" s="10"/>
    </row>
    <row r="275410" spans="14:14">
      <c r="N275410" s="10"/>
    </row>
    <row r="275411" spans="14:14">
      <c r="N275411" s="10"/>
    </row>
    <row r="275412" spans="14:14">
      <c r="N275412" s="10"/>
    </row>
    <row r="275413" spans="14:14">
      <c r="N275413" s="10"/>
    </row>
    <row r="275414" spans="14:14">
      <c r="N275414" s="10"/>
    </row>
    <row r="275415" spans="14:14">
      <c r="N275415" s="10"/>
    </row>
    <row r="275416" spans="14:14">
      <c r="N275416" s="10"/>
    </row>
    <row r="275417" spans="14:14">
      <c r="N275417" s="10"/>
    </row>
    <row r="275418" spans="14:14">
      <c r="N275418" s="10"/>
    </row>
    <row r="275419" spans="14:14">
      <c r="N275419" s="10"/>
    </row>
    <row r="275420" spans="14:14">
      <c r="N275420" s="10"/>
    </row>
    <row r="275421" spans="14:14">
      <c r="N275421" s="10"/>
    </row>
    <row r="275422" spans="14:14">
      <c r="N275422" s="10"/>
    </row>
    <row r="275423" spans="14:14">
      <c r="N275423" s="10"/>
    </row>
    <row r="275424" spans="14:14">
      <c r="N275424" s="10"/>
    </row>
    <row r="275425" spans="14:14">
      <c r="N275425" s="10"/>
    </row>
    <row r="275426" spans="14:14">
      <c r="N275426" s="10"/>
    </row>
    <row r="275427" spans="14:14">
      <c r="N275427" s="10"/>
    </row>
    <row r="275428" spans="14:14">
      <c r="N275428" s="10"/>
    </row>
    <row r="275429" spans="14:14">
      <c r="N275429" s="10"/>
    </row>
    <row r="275430" spans="14:14">
      <c r="N275430" s="10"/>
    </row>
    <row r="275431" spans="14:14">
      <c r="N275431" s="10"/>
    </row>
    <row r="275432" spans="14:14">
      <c r="N275432" s="10"/>
    </row>
    <row r="275433" spans="14:14">
      <c r="N275433" s="10"/>
    </row>
    <row r="275434" spans="14:14">
      <c r="N275434" s="10"/>
    </row>
    <row r="275435" spans="14:14">
      <c r="N275435" s="10"/>
    </row>
    <row r="275436" spans="14:14">
      <c r="N275436" s="10"/>
    </row>
    <row r="275437" spans="14:14">
      <c r="N275437" s="10"/>
    </row>
    <row r="275438" spans="14:14">
      <c r="N275438" s="10"/>
    </row>
    <row r="275439" spans="14:14">
      <c r="N275439" s="10"/>
    </row>
    <row r="275440" spans="14:14">
      <c r="N275440" s="10"/>
    </row>
    <row r="275441" spans="14:14">
      <c r="N275441" s="10"/>
    </row>
    <row r="275442" spans="14:14">
      <c r="N275442" s="10"/>
    </row>
    <row r="275443" spans="14:14">
      <c r="N275443" s="10"/>
    </row>
    <row r="275444" spans="14:14">
      <c r="N275444" s="10"/>
    </row>
    <row r="275445" spans="14:14">
      <c r="N275445" s="10"/>
    </row>
    <row r="275446" spans="14:14">
      <c r="N275446" s="10"/>
    </row>
    <row r="275447" spans="14:14">
      <c r="N275447" s="10"/>
    </row>
    <row r="275448" spans="14:14">
      <c r="N275448" s="10"/>
    </row>
    <row r="275449" spans="14:14">
      <c r="N275449" s="10"/>
    </row>
    <row r="275450" spans="14:14">
      <c r="N275450" s="10"/>
    </row>
    <row r="275451" spans="14:14">
      <c r="N275451" s="10"/>
    </row>
    <row r="275452" spans="14:14">
      <c r="N275452" s="10"/>
    </row>
    <row r="275453" spans="14:14">
      <c r="N275453" s="10"/>
    </row>
    <row r="275454" spans="14:14">
      <c r="N275454" s="10"/>
    </row>
    <row r="275455" spans="14:14">
      <c r="N275455" s="10"/>
    </row>
    <row r="275456" spans="14:14">
      <c r="N275456" s="10"/>
    </row>
    <row r="275457" spans="14:14">
      <c r="N275457" s="10"/>
    </row>
    <row r="275458" spans="14:14">
      <c r="N275458" s="10"/>
    </row>
    <row r="275459" spans="14:14">
      <c r="N275459" s="10"/>
    </row>
    <row r="275460" spans="14:14">
      <c r="N275460" s="10"/>
    </row>
    <row r="275461" spans="14:14">
      <c r="N275461" s="10"/>
    </row>
    <row r="275462" spans="14:14">
      <c r="N275462" s="10"/>
    </row>
    <row r="275463" spans="14:14">
      <c r="N275463" s="10"/>
    </row>
    <row r="275464" spans="14:14">
      <c r="N275464" s="10"/>
    </row>
    <row r="275465" spans="14:14">
      <c r="N275465" s="10"/>
    </row>
    <row r="275466" spans="14:14">
      <c r="N275466" s="10"/>
    </row>
    <row r="275467" spans="14:14">
      <c r="N275467" s="10"/>
    </row>
    <row r="275468" spans="14:14">
      <c r="N275468" s="10"/>
    </row>
    <row r="275469" spans="14:14">
      <c r="N275469" s="10"/>
    </row>
    <row r="275470" spans="14:14">
      <c r="N275470" s="10"/>
    </row>
    <row r="275471" spans="14:14">
      <c r="N275471" s="10"/>
    </row>
    <row r="275472" spans="14:14">
      <c r="N275472" s="10"/>
    </row>
    <row r="275473" spans="14:14">
      <c r="N275473" s="10"/>
    </row>
    <row r="275474" spans="14:14">
      <c r="N275474" s="10"/>
    </row>
    <row r="275475" spans="14:14">
      <c r="N275475" s="10"/>
    </row>
    <row r="275476" spans="14:14">
      <c r="N275476" s="10"/>
    </row>
    <row r="275477" spans="14:14">
      <c r="N275477" s="10"/>
    </row>
    <row r="275478" spans="14:14">
      <c r="N275478" s="10"/>
    </row>
    <row r="275479" spans="14:14">
      <c r="N275479" s="10"/>
    </row>
    <row r="275480" spans="14:14">
      <c r="N275480" s="10"/>
    </row>
    <row r="275481" spans="14:14">
      <c r="N275481" s="10"/>
    </row>
    <row r="275482" spans="14:14">
      <c r="N275482" s="10"/>
    </row>
    <row r="275483" spans="14:14">
      <c r="N275483" s="10"/>
    </row>
    <row r="275484" spans="14:14">
      <c r="N275484" s="10"/>
    </row>
    <row r="275485" spans="14:14">
      <c r="N275485" s="10"/>
    </row>
    <row r="275486" spans="14:14">
      <c r="N275486" s="10"/>
    </row>
    <row r="275487" spans="14:14">
      <c r="N275487" s="10"/>
    </row>
    <row r="275488" spans="14:14">
      <c r="N275488" s="10"/>
    </row>
    <row r="275489" spans="14:14">
      <c r="N275489" s="10"/>
    </row>
    <row r="275490" spans="14:14">
      <c r="N275490" s="10"/>
    </row>
    <row r="275491" spans="14:14">
      <c r="N275491" s="10"/>
    </row>
    <row r="275492" spans="14:14">
      <c r="N275492" s="10"/>
    </row>
    <row r="275493" spans="14:14">
      <c r="N275493" s="10"/>
    </row>
    <row r="275494" spans="14:14">
      <c r="N275494" s="10"/>
    </row>
    <row r="275495" spans="14:14">
      <c r="N275495" s="10"/>
    </row>
    <row r="275496" spans="14:14">
      <c r="N275496" s="10"/>
    </row>
    <row r="275497" spans="14:14">
      <c r="N275497" s="10"/>
    </row>
    <row r="275498" spans="14:14">
      <c r="N275498" s="10"/>
    </row>
    <row r="275499" spans="14:14">
      <c r="N275499" s="10"/>
    </row>
    <row r="275500" spans="14:14">
      <c r="N275500" s="10"/>
    </row>
    <row r="275501" spans="14:14">
      <c r="N275501" s="10"/>
    </row>
    <row r="275502" spans="14:14">
      <c r="N275502" s="10"/>
    </row>
    <row r="275503" spans="14:14">
      <c r="N275503" s="10"/>
    </row>
    <row r="275504" spans="14:14">
      <c r="N275504" s="10"/>
    </row>
    <row r="275505" spans="14:14">
      <c r="N275505" s="10"/>
    </row>
    <row r="275506" spans="14:14">
      <c r="N275506" s="10"/>
    </row>
    <row r="275507" spans="14:14">
      <c r="N275507" s="10"/>
    </row>
    <row r="275508" spans="14:14">
      <c r="N275508" s="10"/>
    </row>
    <row r="275509" spans="14:14">
      <c r="N275509" s="10"/>
    </row>
    <row r="275510" spans="14:14">
      <c r="N275510" s="10"/>
    </row>
    <row r="275511" spans="14:14">
      <c r="N275511" s="10"/>
    </row>
    <row r="275512" spans="14:14">
      <c r="N275512" s="10"/>
    </row>
    <row r="275513" spans="14:14">
      <c r="N275513" s="10"/>
    </row>
    <row r="275514" spans="14:14">
      <c r="N275514" s="10"/>
    </row>
    <row r="275515" spans="14:14">
      <c r="N275515" s="10"/>
    </row>
    <row r="275516" spans="14:14">
      <c r="N275516" s="10"/>
    </row>
    <row r="275517" spans="14:14">
      <c r="N275517" s="10"/>
    </row>
    <row r="275518" spans="14:14">
      <c r="N275518" s="10"/>
    </row>
    <row r="275519" spans="14:14">
      <c r="N275519" s="10"/>
    </row>
    <row r="275520" spans="14:14">
      <c r="N275520" s="10"/>
    </row>
    <row r="275521" spans="14:14">
      <c r="N275521" s="10"/>
    </row>
    <row r="275522" spans="14:14">
      <c r="N275522" s="10"/>
    </row>
    <row r="275523" spans="14:14">
      <c r="N275523" s="10"/>
    </row>
    <row r="275524" spans="14:14">
      <c r="N275524" s="10"/>
    </row>
    <row r="275525" spans="14:14">
      <c r="N275525" s="10"/>
    </row>
    <row r="275526" spans="14:14">
      <c r="N275526" s="10"/>
    </row>
    <row r="275527" spans="14:14">
      <c r="N275527" s="10"/>
    </row>
    <row r="275528" spans="14:14">
      <c r="N275528" s="10"/>
    </row>
    <row r="275529" spans="14:14">
      <c r="N275529" s="10"/>
    </row>
    <row r="275530" spans="14:14">
      <c r="N275530" s="10"/>
    </row>
    <row r="275531" spans="14:14">
      <c r="N275531" s="10"/>
    </row>
    <row r="275532" spans="14:14">
      <c r="N275532" s="10"/>
    </row>
    <row r="275533" spans="14:14">
      <c r="N275533" s="10"/>
    </row>
    <row r="275534" spans="14:14">
      <c r="N275534" s="10"/>
    </row>
    <row r="275535" spans="14:14">
      <c r="N275535" s="10"/>
    </row>
    <row r="275536" spans="14:14">
      <c r="N275536" s="10"/>
    </row>
    <row r="275537" spans="14:14">
      <c r="N275537" s="10"/>
    </row>
    <row r="275538" spans="14:14">
      <c r="N275538" s="10"/>
    </row>
    <row r="275539" spans="14:14">
      <c r="N275539" s="10"/>
    </row>
    <row r="275540" spans="14:14">
      <c r="N275540" s="10"/>
    </row>
    <row r="275541" spans="14:14">
      <c r="N275541" s="10"/>
    </row>
    <row r="275542" spans="14:14">
      <c r="N275542" s="10"/>
    </row>
    <row r="275543" spans="14:14">
      <c r="N275543" s="10"/>
    </row>
    <row r="275544" spans="14:14">
      <c r="N275544" s="10"/>
    </row>
    <row r="275545" spans="14:14">
      <c r="N275545" s="10"/>
    </row>
    <row r="275546" spans="14:14">
      <c r="N275546" s="10"/>
    </row>
    <row r="275547" spans="14:14">
      <c r="N275547" s="10"/>
    </row>
    <row r="275548" spans="14:14">
      <c r="N275548" s="10"/>
    </row>
    <row r="275549" spans="14:14">
      <c r="N275549" s="10"/>
    </row>
    <row r="275550" spans="14:14">
      <c r="N275550" s="10"/>
    </row>
    <row r="275551" spans="14:14">
      <c r="N275551" s="10"/>
    </row>
    <row r="275552" spans="14:14">
      <c r="N275552" s="10"/>
    </row>
    <row r="275553" spans="14:14">
      <c r="N275553" s="10"/>
    </row>
    <row r="275554" spans="14:14">
      <c r="N275554" s="10"/>
    </row>
    <row r="275555" spans="14:14">
      <c r="N275555" s="10"/>
    </row>
    <row r="275556" spans="14:14">
      <c r="N275556" s="10"/>
    </row>
    <row r="275557" spans="14:14">
      <c r="N275557" s="10"/>
    </row>
    <row r="275558" spans="14:14">
      <c r="N275558" s="10"/>
    </row>
    <row r="275559" spans="14:14">
      <c r="N275559" s="10"/>
    </row>
    <row r="275560" spans="14:14">
      <c r="N275560" s="10"/>
    </row>
    <row r="275561" spans="14:14">
      <c r="N275561" s="10"/>
    </row>
    <row r="275562" spans="14:14">
      <c r="N275562" s="10"/>
    </row>
    <row r="275563" spans="14:14">
      <c r="N275563" s="10"/>
    </row>
    <row r="275564" spans="14:14">
      <c r="N275564" s="10"/>
    </row>
    <row r="275565" spans="14:14">
      <c r="N275565" s="10"/>
    </row>
    <row r="275566" spans="14:14">
      <c r="N275566" s="10"/>
    </row>
    <row r="275567" spans="14:14">
      <c r="N275567" s="10"/>
    </row>
    <row r="275568" spans="14:14">
      <c r="N275568" s="10"/>
    </row>
    <row r="275569" spans="14:14">
      <c r="N275569" s="10"/>
    </row>
    <row r="275570" spans="14:14">
      <c r="N275570" s="10"/>
    </row>
    <row r="275571" spans="14:14">
      <c r="N275571" s="10"/>
    </row>
    <row r="275572" spans="14:14">
      <c r="N275572" s="10"/>
    </row>
    <row r="275573" spans="14:14">
      <c r="N275573" s="10"/>
    </row>
    <row r="275574" spans="14:14">
      <c r="N275574" s="10"/>
    </row>
    <row r="275575" spans="14:14">
      <c r="N275575" s="10"/>
    </row>
    <row r="275576" spans="14:14">
      <c r="N275576" s="10"/>
    </row>
    <row r="275577" spans="14:14">
      <c r="N275577" s="10"/>
    </row>
    <row r="275578" spans="14:14">
      <c r="N275578" s="10"/>
    </row>
    <row r="275579" spans="14:14">
      <c r="N275579" s="10"/>
    </row>
    <row r="275580" spans="14:14">
      <c r="N275580" s="10"/>
    </row>
    <row r="275581" spans="14:14">
      <c r="N275581" s="10"/>
    </row>
    <row r="275582" spans="14:14">
      <c r="N275582" s="10"/>
    </row>
    <row r="275583" spans="14:14">
      <c r="N275583" s="10"/>
    </row>
    <row r="275584" spans="14:14">
      <c r="N275584" s="10"/>
    </row>
    <row r="275585" spans="14:14">
      <c r="N275585" s="10"/>
    </row>
    <row r="275586" spans="14:14">
      <c r="N275586" s="10"/>
    </row>
    <row r="275587" spans="14:14">
      <c r="N275587" s="10"/>
    </row>
    <row r="275588" spans="14:14">
      <c r="N275588" s="10"/>
    </row>
    <row r="275589" spans="14:14">
      <c r="N275589" s="10"/>
    </row>
    <row r="275590" spans="14:14">
      <c r="N275590" s="10"/>
    </row>
    <row r="275591" spans="14:14">
      <c r="N275591" s="10"/>
    </row>
    <row r="275592" spans="14:14">
      <c r="N275592" s="10"/>
    </row>
    <row r="275593" spans="14:14">
      <c r="N275593" s="10"/>
    </row>
    <row r="275594" spans="14:14">
      <c r="N275594" s="10"/>
    </row>
    <row r="275595" spans="14:14">
      <c r="N275595" s="10"/>
    </row>
    <row r="275596" spans="14:14">
      <c r="N275596" s="10"/>
    </row>
    <row r="275597" spans="14:14">
      <c r="N275597" s="10"/>
    </row>
    <row r="275598" spans="14:14">
      <c r="N275598" s="10"/>
    </row>
    <row r="275599" spans="14:14">
      <c r="N275599" s="10"/>
    </row>
    <row r="275600" spans="14:14">
      <c r="N275600" s="10"/>
    </row>
    <row r="275601" spans="14:14">
      <c r="N275601" s="10"/>
    </row>
    <row r="275602" spans="14:14">
      <c r="N275602" s="10"/>
    </row>
    <row r="275603" spans="14:14">
      <c r="N275603" s="10"/>
    </row>
    <row r="275604" spans="14:14">
      <c r="N275604" s="10"/>
    </row>
    <row r="275605" spans="14:14">
      <c r="N275605" s="10"/>
    </row>
    <row r="275606" spans="14:14">
      <c r="N275606" s="10"/>
    </row>
    <row r="275607" spans="14:14">
      <c r="N275607" s="10"/>
    </row>
    <row r="275608" spans="14:14">
      <c r="N275608" s="10"/>
    </row>
    <row r="275609" spans="14:14">
      <c r="N275609" s="10"/>
    </row>
    <row r="275610" spans="14:14">
      <c r="N275610" s="10"/>
    </row>
    <row r="275611" spans="14:14">
      <c r="N275611" s="10"/>
    </row>
    <row r="275612" spans="14:14">
      <c r="N275612" s="10"/>
    </row>
    <row r="275613" spans="14:14">
      <c r="N275613" s="10"/>
    </row>
    <row r="275614" spans="14:14">
      <c r="N275614" s="10"/>
    </row>
    <row r="275615" spans="14:14">
      <c r="N275615" s="10"/>
    </row>
    <row r="275616" spans="14:14">
      <c r="N275616" s="10"/>
    </row>
    <row r="275617" spans="14:14">
      <c r="N275617" s="10"/>
    </row>
    <row r="275618" spans="14:14">
      <c r="N275618" s="10"/>
    </row>
    <row r="275619" spans="14:14">
      <c r="N275619" s="10"/>
    </row>
    <row r="275620" spans="14:14">
      <c r="N275620" s="10"/>
    </row>
    <row r="275621" spans="14:14">
      <c r="N275621" s="10"/>
    </row>
    <row r="275622" spans="14:14">
      <c r="N275622" s="10"/>
    </row>
    <row r="275623" spans="14:14">
      <c r="N275623" s="10"/>
    </row>
    <row r="275624" spans="14:14">
      <c r="N275624" s="10"/>
    </row>
    <row r="275625" spans="14:14">
      <c r="N275625" s="10"/>
    </row>
    <row r="275626" spans="14:14">
      <c r="N275626" s="10"/>
    </row>
    <row r="275627" spans="14:14">
      <c r="N275627" s="10"/>
    </row>
    <row r="275628" spans="14:14">
      <c r="N275628" s="10"/>
    </row>
    <row r="275629" spans="14:14">
      <c r="N275629" s="10"/>
    </row>
    <row r="275630" spans="14:14">
      <c r="N275630" s="10"/>
    </row>
    <row r="275631" spans="14:14">
      <c r="N275631" s="10"/>
    </row>
    <row r="275632" spans="14:14">
      <c r="N275632" s="10"/>
    </row>
    <row r="275633" spans="14:14">
      <c r="N275633" s="10"/>
    </row>
    <row r="275634" spans="14:14">
      <c r="N275634" s="10"/>
    </row>
    <row r="275635" spans="14:14">
      <c r="N275635" s="10"/>
    </row>
    <row r="275636" spans="14:14">
      <c r="N275636" s="10"/>
    </row>
    <row r="275637" spans="14:14">
      <c r="N275637" s="10"/>
    </row>
    <row r="275638" spans="14:14">
      <c r="N275638" s="10"/>
    </row>
    <row r="275639" spans="14:14">
      <c r="N275639" s="10"/>
    </row>
    <row r="275640" spans="14:14">
      <c r="N275640" s="10"/>
    </row>
    <row r="275641" spans="14:14">
      <c r="N275641" s="10"/>
    </row>
    <row r="275642" spans="14:14">
      <c r="N275642" s="10"/>
    </row>
    <row r="275643" spans="14:14">
      <c r="N275643" s="10"/>
    </row>
    <row r="275644" spans="14:14">
      <c r="N275644" s="10"/>
    </row>
    <row r="275645" spans="14:14">
      <c r="N275645" s="10"/>
    </row>
    <row r="275646" spans="14:14">
      <c r="N275646" s="10"/>
    </row>
    <row r="275647" spans="14:14">
      <c r="N275647" s="10"/>
    </row>
    <row r="275648" spans="14:14">
      <c r="N275648" s="10"/>
    </row>
    <row r="275649" spans="14:14">
      <c r="N275649" s="10"/>
    </row>
    <row r="275650" spans="14:14">
      <c r="N275650" s="10"/>
    </row>
    <row r="275651" spans="14:14">
      <c r="N275651" s="10"/>
    </row>
    <row r="275652" spans="14:14">
      <c r="N275652" s="10"/>
    </row>
    <row r="275653" spans="14:14">
      <c r="N275653" s="10"/>
    </row>
    <row r="275654" spans="14:14">
      <c r="N275654" s="10"/>
    </row>
    <row r="275655" spans="14:14">
      <c r="N275655" s="10"/>
    </row>
    <row r="275656" spans="14:14">
      <c r="N275656" s="10"/>
    </row>
    <row r="275657" spans="14:14">
      <c r="N275657" s="10"/>
    </row>
    <row r="275658" spans="14:14">
      <c r="N275658" s="10"/>
    </row>
    <row r="275659" spans="14:14">
      <c r="N275659" s="10"/>
    </row>
    <row r="275660" spans="14:14">
      <c r="N275660" s="10"/>
    </row>
    <row r="275661" spans="14:14">
      <c r="N275661" s="10"/>
    </row>
    <row r="275662" spans="14:14">
      <c r="N275662" s="10"/>
    </row>
    <row r="275663" spans="14:14">
      <c r="N275663" s="10"/>
    </row>
    <row r="275664" spans="14:14">
      <c r="N275664" s="10"/>
    </row>
    <row r="275665" spans="14:14">
      <c r="N275665" s="10"/>
    </row>
    <row r="275666" spans="14:14">
      <c r="N275666" s="10"/>
    </row>
    <row r="275667" spans="14:14">
      <c r="N275667" s="10"/>
    </row>
    <row r="275668" spans="14:14">
      <c r="N275668" s="10"/>
    </row>
    <row r="275669" spans="14:14">
      <c r="N275669" s="10"/>
    </row>
    <row r="275670" spans="14:14">
      <c r="N275670" s="10"/>
    </row>
    <row r="275671" spans="14:14">
      <c r="N275671" s="10"/>
    </row>
    <row r="275672" spans="14:14">
      <c r="N275672" s="10"/>
    </row>
    <row r="275673" spans="14:14">
      <c r="N275673" s="10"/>
    </row>
    <row r="275674" spans="14:14">
      <c r="N275674" s="10"/>
    </row>
    <row r="275675" spans="14:14">
      <c r="N275675" s="10"/>
    </row>
    <row r="275676" spans="14:14">
      <c r="N275676" s="10"/>
    </row>
    <row r="275677" spans="14:14">
      <c r="N275677" s="10"/>
    </row>
    <row r="275678" spans="14:14">
      <c r="N275678" s="10"/>
    </row>
    <row r="275679" spans="14:14">
      <c r="N275679" s="10"/>
    </row>
    <row r="275680" spans="14:14">
      <c r="N275680" s="10"/>
    </row>
    <row r="275681" spans="14:14">
      <c r="N275681" s="10"/>
    </row>
    <row r="275682" spans="14:14">
      <c r="N275682" s="10"/>
    </row>
    <row r="275683" spans="14:14">
      <c r="N275683" s="10"/>
    </row>
    <row r="275684" spans="14:14">
      <c r="N275684" s="10"/>
    </row>
    <row r="275685" spans="14:14">
      <c r="N275685" s="10"/>
    </row>
    <row r="275686" spans="14:14">
      <c r="N275686" s="10"/>
    </row>
    <row r="275687" spans="14:14">
      <c r="N275687" s="10"/>
    </row>
    <row r="275688" spans="14:14">
      <c r="N275688" s="10"/>
    </row>
    <row r="275689" spans="14:14">
      <c r="N275689" s="10"/>
    </row>
    <row r="275690" spans="14:14">
      <c r="N275690" s="10"/>
    </row>
    <row r="275691" spans="14:14">
      <c r="N275691" s="10"/>
    </row>
    <row r="275692" spans="14:14">
      <c r="N275692" s="10"/>
    </row>
    <row r="275693" spans="14:14">
      <c r="N275693" s="10"/>
    </row>
    <row r="275694" spans="14:14">
      <c r="N275694" s="10"/>
    </row>
    <row r="275695" spans="14:14">
      <c r="N275695" s="10"/>
    </row>
    <row r="275696" spans="14:14">
      <c r="N275696" s="10"/>
    </row>
    <row r="275697" spans="14:14">
      <c r="N275697" s="10"/>
    </row>
    <row r="275698" spans="14:14">
      <c r="N275698" s="10"/>
    </row>
    <row r="275699" spans="14:14">
      <c r="N275699" s="10"/>
    </row>
    <row r="275700" spans="14:14">
      <c r="N275700" s="10"/>
    </row>
    <row r="275701" spans="14:14">
      <c r="N275701" s="10"/>
    </row>
    <row r="275702" spans="14:14">
      <c r="N275702" s="10"/>
    </row>
    <row r="275703" spans="14:14">
      <c r="N275703" s="10"/>
    </row>
    <row r="275704" spans="14:14">
      <c r="N275704" s="10"/>
    </row>
    <row r="275705" spans="14:14">
      <c r="N275705" s="10"/>
    </row>
    <row r="275706" spans="14:14">
      <c r="N275706" s="10"/>
    </row>
    <row r="275707" spans="14:14">
      <c r="N275707" s="10"/>
    </row>
    <row r="275708" spans="14:14">
      <c r="N275708" s="10"/>
    </row>
    <row r="275709" spans="14:14">
      <c r="N275709" s="10"/>
    </row>
    <row r="275710" spans="14:14">
      <c r="N275710" s="10"/>
    </row>
    <row r="275711" spans="14:14">
      <c r="N275711" s="10"/>
    </row>
    <row r="275712" spans="14:14">
      <c r="N275712" s="10"/>
    </row>
    <row r="275713" spans="14:14">
      <c r="N275713" s="10"/>
    </row>
    <row r="275714" spans="14:14">
      <c r="N275714" s="10"/>
    </row>
    <row r="275715" spans="14:14">
      <c r="N275715" s="10"/>
    </row>
    <row r="275716" spans="14:14">
      <c r="N275716" s="10"/>
    </row>
    <row r="275717" spans="14:14">
      <c r="N275717" s="10"/>
    </row>
    <row r="275718" spans="14:14">
      <c r="N275718" s="10"/>
    </row>
    <row r="275719" spans="14:14">
      <c r="N275719" s="10"/>
    </row>
    <row r="275720" spans="14:14">
      <c r="N275720" s="10"/>
    </row>
    <row r="275721" spans="14:14">
      <c r="N275721" s="10"/>
    </row>
    <row r="275722" spans="14:14">
      <c r="N275722" s="10"/>
    </row>
    <row r="275723" spans="14:14">
      <c r="N275723" s="10"/>
    </row>
    <row r="275724" spans="14:14">
      <c r="N275724" s="10"/>
    </row>
    <row r="275725" spans="14:14">
      <c r="N275725" s="10"/>
    </row>
    <row r="275726" spans="14:14">
      <c r="N275726" s="10"/>
    </row>
    <row r="275727" spans="14:14">
      <c r="N275727" s="10"/>
    </row>
    <row r="275728" spans="14:14">
      <c r="N275728" s="10"/>
    </row>
    <row r="275729" spans="14:14">
      <c r="N275729" s="10"/>
    </row>
    <row r="275730" spans="14:14">
      <c r="N275730" s="10"/>
    </row>
    <row r="275731" spans="14:14">
      <c r="N275731" s="10"/>
    </row>
    <row r="275732" spans="14:14">
      <c r="N275732" s="10"/>
    </row>
    <row r="275733" spans="14:14">
      <c r="N275733" s="10"/>
    </row>
    <row r="275734" spans="14:14">
      <c r="N275734" s="10"/>
    </row>
    <row r="275735" spans="14:14">
      <c r="N275735" s="10"/>
    </row>
    <row r="275736" spans="14:14">
      <c r="N275736" s="10"/>
    </row>
    <row r="275737" spans="14:14">
      <c r="N275737" s="10"/>
    </row>
    <row r="275738" spans="14:14">
      <c r="N275738" s="10"/>
    </row>
    <row r="275739" spans="14:14">
      <c r="N275739" s="10"/>
    </row>
    <row r="275740" spans="14:14">
      <c r="N275740" s="10"/>
    </row>
    <row r="275741" spans="14:14">
      <c r="N275741" s="10"/>
    </row>
    <row r="275742" spans="14:14">
      <c r="N275742" s="10"/>
    </row>
    <row r="275743" spans="14:14">
      <c r="N275743" s="10"/>
    </row>
    <row r="275744" spans="14:14">
      <c r="N275744" s="10"/>
    </row>
    <row r="275745" spans="14:14">
      <c r="N275745" s="10"/>
    </row>
    <row r="275746" spans="14:14">
      <c r="N275746" s="10"/>
    </row>
    <row r="275747" spans="14:14">
      <c r="N275747" s="10"/>
    </row>
    <row r="275748" spans="14:14">
      <c r="N275748" s="10"/>
    </row>
    <row r="275749" spans="14:14">
      <c r="N275749" s="10"/>
    </row>
    <row r="275750" spans="14:14">
      <c r="N275750" s="10"/>
    </row>
    <row r="275751" spans="14:14">
      <c r="N275751" s="10"/>
    </row>
    <row r="275752" spans="14:14">
      <c r="N275752" s="10"/>
    </row>
    <row r="275753" spans="14:14">
      <c r="N275753" s="10"/>
    </row>
    <row r="275754" spans="14:14">
      <c r="N275754" s="10"/>
    </row>
    <row r="275755" spans="14:14">
      <c r="N275755" s="10"/>
    </row>
    <row r="275756" spans="14:14">
      <c r="N275756" s="10"/>
    </row>
    <row r="275757" spans="14:14">
      <c r="N275757" s="10"/>
    </row>
    <row r="275758" spans="14:14">
      <c r="N275758" s="10"/>
    </row>
    <row r="275759" spans="14:14">
      <c r="N275759" s="10"/>
    </row>
    <row r="275760" spans="14:14">
      <c r="N275760" s="10"/>
    </row>
    <row r="275761" spans="14:14">
      <c r="N275761" s="10"/>
    </row>
    <row r="275762" spans="14:14">
      <c r="N275762" s="10"/>
    </row>
    <row r="275763" spans="14:14">
      <c r="N275763" s="10"/>
    </row>
    <row r="275764" spans="14:14">
      <c r="N275764" s="10"/>
    </row>
    <row r="275765" spans="14:14">
      <c r="N275765" s="10"/>
    </row>
    <row r="275766" spans="14:14">
      <c r="N275766" s="10"/>
    </row>
    <row r="275767" spans="14:14">
      <c r="N275767" s="10"/>
    </row>
    <row r="275768" spans="14:14">
      <c r="N275768" s="10"/>
    </row>
    <row r="275769" spans="14:14">
      <c r="N275769" s="10"/>
    </row>
    <row r="275770" spans="14:14">
      <c r="N275770" s="10"/>
    </row>
    <row r="275771" spans="14:14">
      <c r="N275771" s="10"/>
    </row>
    <row r="275772" spans="14:14">
      <c r="N275772" s="10"/>
    </row>
    <row r="275773" spans="14:14">
      <c r="N275773" s="10"/>
    </row>
    <row r="275774" spans="14:14">
      <c r="N275774" s="10"/>
    </row>
    <row r="275775" spans="14:14">
      <c r="N275775" s="10"/>
    </row>
    <row r="275776" spans="14:14">
      <c r="N275776" s="10"/>
    </row>
    <row r="275777" spans="14:14">
      <c r="N275777" s="10"/>
    </row>
    <row r="275778" spans="14:14">
      <c r="N275778" s="10"/>
    </row>
    <row r="275779" spans="14:14">
      <c r="N275779" s="10"/>
    </row>
    <row r="275780" spans="14:14">
      <c r="N275780" s="10"/>
    </row>
    <row r="275781" spans="14:14">
      <c r="N275781" s="10"/>
    </row>
    <row r="275782" spans="14:14">
      <c r="N275782" s="10"/>
    </row>
    <row r="275783" spans="14:14">
      <c r="N275783" s="10"/>
    </row>
    <row r="275784" spans="14:14">
      <c r="N275784" s="10"/>
    </row>
    <row r="275785" spans="14:14">
      <c r="N275785" s="10"/>
    </row>
    <row r="275786" spans="14:14">
      <c r="N275786" s="10"/>
    </row>
    <row r="275787" spans="14:14">
      <c r="N275787" s="10"/>
    </row>
    <row r="275788" spans="14:14">
      <c r="N275788" s="10"/>
    </row>
    <row r="275789" spans="14:14">
      <c r="N275789" s="10"/>
    </row>
    <row r="275790" spans="14:14">
      <c r="N275790" s="10"/>
    </row>
    <row r="275791" spans="14:14">
      <c r="N275791" s="10"/>
    </row>
    <row r="275792" spans="14:14">
      <c r="N275792" s="10"/>
    </row>
    <row r="275793" spans="14:14">
      <c r="N275793" s="10"/>
    </row>
    <row r="275794" spans="14:14">
      <c r="N275794" s="10"/>
    </row>
    <row r="275795" spans="14:14">
      <c r="N275795" s="10"/>
    </row>
    <row r="275796" spans="14:14">
      <c r="N275796" s="10"/>
    </row>
    <row r="275797" spans="14:14">
      <c r="N275797" s="10"/>
    </row>
    <row r="275798" spans="14:14">
      <c r="N275798" s="10"/>
    </row>
    <row r="275799" spans="14:14">
      <c r="N275799" s="10"/>
    </row>
    <row r="275800" spans="14:14">
      <c r="N275800" s="10"/>
    </row>
    <row r="275801" spans="14:14">
      <c r="N275801" s="10"/>
    </row>
    <row r="275802" spans="14:14">
      <c r="N275802" s="10"/>
    </row>
    <row r="275803" spans="14:14">
      <c r="N275803" s="10"/>
    </row>
    <row r="275804" spans="14:14">
      <c r="N275804" s="10"/>
    </row>
    <row r="275805" spans="14:14">
      <c r="N275805" s="10"/>
    </row>
    <row r="275806" spans="14:14">
      <c r="N275806" s="10"/>
    </row>
    <row r="275807" spans="14:14">
      <c r="N275807" s="10"/>
    </row>
    <row r="275808" spans="14:14">
      <c r="N275808" s="10"/>
    </row>
    <row r="275809" spans="14:14">
      <c r="N275809" s="10"/>
    </row>
    <row r="275810" spans="14:14">
      <c r="N275810" s="10"/>
    </row>
    <row r="275811" spans="14:14">
      <c r="N275811" s="10"/>
    </row>
    <row r="275812" spans="14:14">
      <c r="N275812" s="10"/>
    </row>
    <row r="275813" spans="14:14">
      <c r="N275813" s="10"/>
    </row>
    <row r="275814" spans="14:14">
      <c r="N275814" s="10"/>
    </row>
    <row r="275815" spans="14:14">
      <c r="N275815" s="10"/>
    </row>
    <row r="275816" spans="14:14">
      <c r="N275816" s="10"/>
    </row>
    <row r="275817" spans="14:14">
      <c r="N275817" s="10"/>
    </row>
    <row r="275818" spans="14:14">
      <c r="N275818" s="10"/>
    </row>
    <row r="275819" spans="14:14">
      <c r="N275819" s="10"/>
    </row>
    <row r="275820" spans="14:14">
      <c r="N275820" s="10"/>
    </row>
    <row r="275821" spans="14:14">
      <c r="N275821" s="10"/>
    </row>
    <row r="275822" spans="14:14">
      <c r="N275822" s="10"/>
    </row>
    <row r="275823" spans="14:14">
      <c r="N275823" s="10"/>
    </row>
    <row r="275824" spans="14:14">
      <c r="N275824" s="10"/>
    </row>
    <row r="275825" spans="14:14">
      <c r="N275825" s="10"/>
    </row>
    <row r="275826" spans="14:14">
      <c r="N275826" s="10"/>
    </row>
    <row r="275827" spans="14:14">
      <c r="N275827" s="10"/>
    </row>
    <row r="275828" spans="14:14">
      <c r="N275828" s="10"/>
    </row>
    <row r="275829" spans="14:14">
      <c r="N275829" s="10"/>
    </row>
    <row r="275830" spans="14:14">
      <c r="N275830" s="10"/>
    </row>
    <row r="275831" spans="14:14">
      <c r="N275831" s="10"/>
    </row>
    <row r="275832" spans="14:14">
      <c r="N275832" s="10"/>
    </row>
    <row r="275833" spans="14:14">
      <c r="N275833" s="10"/>
    </row>
    <row r="275834" spans="14:14">
      <c r="N275834" s="10"/>
    </row>
    <row r="275835" spans="14:14">
      <c r="N275835" s="10"/>
    </row>
    <row r="275836" spans="14:14">
      <c r="N275836" s="10"/>
    </row>
    <row r="275837" spans="14:14">
      <c r="N275837" s="10"/>
    </row>
    <row r="275838" spans="14:14">
      <c r="N275838" s="10"/>
    </row>
    <row r="275839" spans="14:14">
      <c r="N275839" s="10"/>
    </row>
    <row r="275840" spans="14:14">
      <c r="N275840" s="10"/>
    </row>
    <row r="275841" spans="14:14">
      <c r="N275841" s="10"/>
    </row>
    <row r="275842" spans="14:14">
      <c r="N275842" s="10"/>
    </row>
    <row r="275843" spans="14:14">
      <c r="N275843" s="10"/>
    </row>
    <row r="275844" spans="14:14">
      <c r="N275844" s="10"/>
    </row>
    <row r="275845" spans="14:14">
      <c r="N275845" s="10"/>
    </row>
    <row r="275846" spans="14:14">
      <c r="N275846" s="10"/>
    </row>
    <row r="275847" spans="14:14">
      <c r="N275847" s="10"/>
    </row>
    <row r="275848" spans="14:14">
      <c r="N275848" s="10"/>
    </row>
    <row r="275849" spans="14:14">
      <c r="N275849" s="10"/>
    </row>
    <row r="275850" spans="14:14">
      <c r="N275850" s="10"/>
    </row>
    <row r="275851" spans="14:14">
      <c r="N275851" s="10"/>
    </row>
    <row r="275852" spans="14:14">
      <c r="N275852" s="10"/>
    </row>
    <row r="275853" spans="14:14">
      <c r="N275853" s="10"/>
    </row>
    <row r="275854" spans="14:14">
      <c r="N275854" s="10"/>
    </row>
    <row r="275855" spans="14:14">
      <c r="N275855" s="10"/>
    </row>
    <row r="275856" spans="14:14">
      <c r="N275856" s="10"/>
    </row>
    <row r="275857" spans="14:14">
      <c r="N275857" s="10"/>
    </row>
    <row r="275858" spans="14:14">
      <c r="N275858" s="10"/>
    </row>
    <row r="275859" spans="14:14">
      <c r="N275859" s="10"/>
    </row>
    <row r="275860" spans="14:14">
      <c r="N275860" s="10"/>
    </row>
    <row r="275861" spans="14:14">
      <c r="N275861" s="10"/>
    </row>
    <row r="275862" spans="14:14">
      <c r="N275862" s="10"/>
    </row>
    <row r="275863" spans="14:14">
      <c r="N275863" s="10"/>
    </row>
    <row r="275864" spans="14:14">
      <c r="N275864" s="10"/>
    </row>
    <row r="275865" spans="14:14">
      <c r="N275865" s="10"/>
    </row>
    <row r="275866" spans="14:14">
      <c r="N275866" s="10"/>
    </row>
    <row r="275867" spans="14:14">
      <c r="N275867" s="10"/>
    </row>
    <row r="275868" spans="14:14">
      <c r="N275868" s="10"/>
    </row>
    <row r="275869" spans="14:14">
      <c r="N275869" s="10"/>
    </row>
    <row r="275870" spans="14:14">
      <c r="N275870" s="10"/>
    </row>
    <row r="275871" spans="14:14">
      <c r="N275871" s="10"/>
    </row>
    <row r="275872" spans="14:14">
      <c r="N275872" s="10"/>
    </row>
    <row r="275873" spans="14:14">
      <c r="N275873" s="10"/>
    </row>
    <row r="275874" spans="14:14">
      <c r="N275874" s="10"/>
    </row>
    <row r="275875" spans="14:14">
      <c r="N275875" s="10"/>
    </row>
    <row r="275876" spans="14:14">
      <c r="N275876" s="10"/>
    </row>
    <row r="275877" spans="14:14">
      <c r="N275877" s="10"/>
    </row>
    <row r="275878" spans="14:14">
      <c r="N275878" s="10"/>
    </row>
    <row r="275879" spans="14:14">
      <c r="N275879" s="10"/>
    </row>
    <row r="275880" spans="14:14">
      <c r="N275880" s="10"/>
    </row>
    <row r="275881" spans="14:14">
      <c r="N275881" s="10"/>
    </row>
    <row r="275882" spans="14:14">
      <c r="N275882" s="10"/>
    </row>
    <row r="275883" spans="14:14">
      <c r="N275883" s="10"/>
    </row>
    <row r="275884" spans="14:14">
      <c r="N275884" s="10"/>
    </row>
    <row r="275885" spans="14:14">
      <c r="N275885" s="10"/>
    </row>
    <row r="275886" spans="14:14">
      <c r="N275886" s="10"/>
    </row>
    <row r="275887" spans="14:14">
      <c r="N275887" s="10"/>
    </row>
    <row r="275888" spans="14:14">
      <c r="N275888" s="10"/>
    </row>
    <row r="275889" spans="14:14">
      <c r="N275889" s="10"/>
    </row>
    <row r="275890" spans="14:14">
      <c r="N275890" s="10"/>
    </row>
    <row r="275891" spans="14:14">
      <c r="N275891" s="10"/>
    </row>
    <row r="275892" spans="14:14">
      <c r="N275892" s="10"/>
    </row>
    <row r="275893" spans="14:14">
      <c r="N275893" s="10"/>
    </row>
    <row r="275894" spans="14:14">
      <c r="N275894" s="10"/>
    </row>
    <row r="275895" spans="14:14">
      <c r="N275895" s="10"/>
    </row>
    <row r="275896" spans="14:14">
      <c r="N275896" s="10"/>
    </row>
    <row r="275897" spans="14:14">
      <c r="N275897" s="10"/>
    </row>
    <row r="275898" spans="14:14">
      <c r="N275898" s="10"/>
    </row>
    <row r="275899" spans="14:14">
      <c r="N275899" s="10"/>
    </row>
    <row r="275900" spans="14:14">
      <c r="N275900" s="10"/>
    </row>
    <row r="275901" spans="14:14">
      <c r="N275901" s="10"/>
    </row>
    <row r="275902" spans="14:14">
      <c r="N275902" s="10"/>
    </row>
    <row r="275903" spans="14:14">
      <c r="N275903" s="10"/>
    </row>
    <row r="275904" spans="14:14">
      <c r="N275904" s="10"/>
    </row>
    <row r="275905" spans="14:14">
      <c r="N275905" s="10"/>
    </row>
    <row r="275906" spans="14:14">
      <c r="N275906" s="10"/>
    </row>
    <row r="275907" spans="14:14">
      <c r="N275907" s="10"/>
    </row>
    <row r="275908" spans="14:14">
      <c r="N275908" s="10"/>
    </row>
    <row r="275909" spans="14:14">
      <c r="N275909" s="10"/>
    </row>
    <row r="275910" spans="14:14">
      <c r="N275910" s="10"/>
    </row>
    <row r="275911" spans="14:14">
      <c r="N275911" s="10"/>
    </row>
    <row r="275912" spans="14:14">
      <c r="N275912" s="10"/>
    </row>
    <row r="275913" spans="14:14">
      <c r="N275913" s="10"/>
    </row>
    <row r="275914" spans="14:14">
      <c r="N275914" s="10"/>
    </row>
    <row r="275915" spans="14:14">
      <c r="N275915" s="10"/>
    </row>
    <row r="275916" spans="14:14">
      <c r="N275916" s="10"/>
    </row>
    <row r="275917" spans="14:14">
      <c r="N275917" s="10"/>
    </row>
    <row r="275918" spans="14:14">
      <c r="N275918" s="10"/>
    </row>
    <row r="275919" spans="14:14">
      <c r="N275919" s="10"/>
    </row>
    <row r="275920" spans="14:14">
      <c r="N275920" s="10"/>
    </row>
    <row r="275921" spans="14:14">
      <c r="N275921" s="10"/>
    </row>
    <row r="275922" spans="14:14">
      <c r="N275922" s="10"/>
    </row>
    <row r="275923" spans="14:14">
      <c r="N275923" s="10"/>
    </row>
    <row r="275924" spans="14:14">
      <c r="N275924" s="10"/>
    </row>
    <row r="275925" spans="14:14">
      <c r="N275925" s="10"/>
    </row>
    <row r="275926" spans="14:14">
      <c r="N275926" s="10"/>
    </row>
    <row r="275927" spans="14:14">
      <c r="N275927" s="10"/>
    </row>
    <row r="275928" spans="14:14">
      <c r="N275928" s="10"/>
    </row>
    <row r="275929" spans="14:14">
      <c r="N275929" s="10"/>
    </row>
    <row r="275930" spans="14:14">
      <c r="N275930" s="10"/>
    </row>
    <row r="275931" spans="14:14">
      <c r="N275931" s="10"/>
    </row>
    <row r="275932" spans="14:14">
      <c r="N275932" s="10"/>
    </row>
    <row r="275933" spans="14:14">
      <c r="N275933" s="10"/>
    </row>
    <row r="275934" spans="14:14">
      <c r="N275934" s="10"/>
    </row>
    <row r="275935" spans="14:14">
      <c r="N275935" s="10"/>
    </row>
    <row r="275936" spans="14:14">
      <c r="N275936" s="10"/>
    </row>
    <row r="275937" spans="14:14">
      <c r="N275937" s="10"/>
    </row>
    <row r="275938" spans="14:14">
      <c r="N275938" s="10"/>
    </row>
    <row r="275939" spans="14:14">
      <c r="N275939" s="10"/>
    </row>
    <row r="275940" spans="14:14">
      <c r="N275940" s="10"/>
    </row>
    <row r="275941" spans="14:14">
      <c r="N275941" s="10"/>
    </row>
    <row r="275942" spans="14:14">
      <c r="N275942" s="10"/>
    </row>
    <row r="275943" spans="14:14">
      <c r="N275943" s="10"/>
    </row>
    <row r="275944" spans="14:14">
      <c r="N275944" s="10"/>
    </row>
    <row r="275945" spans="14:14">
      <c r="N275945" s="10"/>
    </row>
    <row r="275946" spans="14:14">
      <c r="N275946" s="10"/>
    </row>
    <row r="275947" spans="14:14">
      <c r="N275947" s="10"/>
    </row>
    <row r="275948" spans="14:14">
      <c r="N275948" s="10"/>
    </row>
    <row r="275949" spans="14:14">
      <c r="N275949" s="10"/>
    </row>
    <row r="275950" spans="14:14">
      <c r="N275950" s="10"/>
    </row>
    <row r="275951" spans="14:14">
      <c r="N275951" s="10"/>
    </row>
    <row r="275952" spans="14:14">
      <c r="N275952" s="10"/>
    </row>
    <row r="275953" spans="14:14">
      <c r="N275953" s="10"/>
    </row>
    <row r="275954" spans="14:14">
      <c r="N275954" s="10"/>
    </row>
    <row r="275955" spans="14:14">
      <c r="N275955" s="10"/>
    </row>
    <row r="275956" spans="14:14">
      <c r="N275956" s="10"/>
    </row>
    <row r="275957" spans="14:14">
      <c r="N275957" s="10"/>
    </row>
    <row r="275958" spans="14:14">
      <c r="N275958" s="10"/>
    </row>
    <row r="275959" spans="14:14">
      <c r="N275959" s="10"/>
    </row>
    <row r="275960" spans="14:14">
      <c r="N275960" s="10"/>
    </row>
    <row r="275961" spans="14:14">
      <c r="N275961" s="10"/>
    </row>
    <row r="275962" spans="14:14">
      <c r="N275962" s="10"/>
    </row>
    <row r="275963" spans="14:14">
      <c r="N275963" s="10"/>
    </row>
    <row r="275964" spans="14:14">
      <c r="N275964" s="10"/>
    </row>
    <row r="275965" spans="14:14">
      <c r="N275965" s="10"/>
    </row>
    <row r="275966" spans="14:14">
      <c r="N275966" s="10"/>
    </row>
    <row r="275967" spans="14:14">
      <c r="N275967" s="10"/>
    </row>
    <row r="275968" spans="14:14">
      <c r="N275968" s="10"/>
    </row>
    <row r="275969" spans="14:14">
      <c r="N275969" s="10"/>
    </row>
    <row r="275970" spans="14:14">
      <c r="N275970" s="10"/>
    </row>
    <row r="275971" spans="14:14">
      <c r="N275971" s="10"/>
    </row>
    <row r="275972" spans="14:14">
      <c r="N275972" s="10"/>
    </row>
    <row r="275973" spans="14:14">
      <c r="N275973" s="10"/>
    </row>
    <row r="275974" spans="14:14">
      <c r="N275974" s="10"/>
    </row>
    <row r="275975" spans="14:14">
      <c r="N275975" s="10"/>
    </row>
    <row r="275976" spans="14:14">
      <c r="N275976" s="10"/>
    </row>
    <row r="275977" spans="14:14">
      <c r="N275977" s="10"/>
    </row>
    <row r="275978" spans="14:14">
      <c r="N275978" s="10"/>
    </row>
    <row r="275979" spans="14:14">
      <c r="N275979" s="10"/>
    </row>
    <row r="275980" spans="14:14">
      <c r="N275980" s="10"/>
    </row>
    <row r="275981" spans="14:14">
      <c r="N275981" s="10"/>
    </row>
    <row r="275982" spans="14:14">
      <c r="N275982" s="10"/>
    </row>
    <row r="275983" spans="14:14">
      <c r="N275983" s="10"/>
    </row>
    <row r="275984" spans="14:14">
      <c r="N275984" s="10"/>
    </row>
    <row r="275985" spans="14:14">
      <c r="N275985" s="10"/>
    </row>
    <row r="275986" spans="14:14">
      <c r="N275986" s="10"/>
    </row>
    <row r="275987" spans="14:14">
      <c r="N275987" s="10"/>
    </row>
    <row r="275988" spans="14:14">
      <c r="N275988" s="10"/>
    </row>
    <row r="275989" spans="14:14">
      <c r="N275989" s="10"/>
    </row>
    <row r="275990" spans="14:14">
      <c r="N275990" s="10"/>
    </row>
    <row r="275991" spans="14:14">
      <c r="N275991" s="10"/>
    </row>
    <row r="275992" spans="14:14">
      <c r="N275992" s="10"/>
    </row>
    <row r="275993" spans="14:14">
      <c r="N275993" s="10"/>
    </row>
    <row r="275994" spans="14:14">
      <c r="N275994" s="10"/>
    </row>
    <row r="275995" spans="14:14">
      <c r="N275995" s="10"/>
    </row>
    <row r="275996" spans="14:14">
      <c r="N275996" s="10"/>
    </row>
    <row r="275997" spans="14:14">
      <c r="N275997" s="10"/>
    </row>
    <row r="275998" spans="14:14">
      <c r="N275998" s="10"/>
    </row>
    <row r="275999" spans="14:14">
      <c r="N275999" s="10"/>
    </row>
    <row r="276000" spans="14:14">
      <c r="N276000" s="10"/>
    </row>
    <row r="276001" spans="14:14">
      <c r="N276001" s="10"/>
    </row>
    <row r="276002" spans="14:14">
      <c r="N276002" s="10"/>
    </row>
    <row r="276003" spans="14:14">
      <c r="N276003" s="10"/>
    </row>
    <row r="276004" spans="14:14">
      <c r="N276004" s="10"/>
    </row>
    <row r="276005" spans="14:14">
      <c r="N276005" s="10"/>
    </row>
    <row r="276006" spans="14:14">
      <c r="N276006" s="10"/>
    </row>
    <row r="276007" spans="14:14">
      <c r="N276007" s="10"/>
    </row>
    <row r="276008" spans="14:14">
      <c r="N276008" s="10"/>
    </row>
    <row r="276009" spans="14:14">
      <c r="N276009" s="10"/>
    </row>
    <row r="276010" spans="14:14">
      <c r="N276010" s="10"/>
    </row>
    <row r="276011" spans="14:14">
      <c r="N276011" s="10"/>
    </row>
    <row r="276012" spans="14:14">
      <c r="N276012" s="10"/>
    </row>
    <row r="276013" spans="14:14">
      <c r="N276013" s="10"/>
    </row>
    <row r="276014" spans="14:14">
      <c r="N276014" s="10"/>
    </row>
    <row r="276015" spans="14:14">
      <c r="N276015" s="10"/>
    </row>
    <row r="276016" spans="14:14">
      <c r="N276016" s="10"/>
    </row>
    <row r="276017" spans="14:14">
      <c r="N276017" s="10"/>
    </row>
    <row r="276018" spans="14:14">
      <c r="N276018" s="10"/>
    </row>
    <row r="276019" spans="14:14">
      <c r="N276019" s="10"/>
    </row>
    <row r="276020" spans="14:14">
      <c r="N276020" s="10"/>
    </row>
    <row r="276021" spans="14:14">
      <c r="N276021" s="10"/>
    </row>
    <row r="276022" spans="14:14">
      <c r="N276022" s="10"/>
    </row>
    <row r="276023" spans="14:14">
      <c r="N276023" s="10"/>
    </row>
    <row r="276024" spans="14:14">
      <c r="N276024" s="10"/>
    </row>
    <row r="276025" spans="14:14">
      <c r="N276025" s="10"/>
    </row>
    <row r="276026" spans="14:14">
      <c r="N276026" s="10"/>
    </row>
    <row r="276027" spans="14:14">
      <c r="N276027" s="10"/>
    </row>
    <row r="276028" spans="14:14">
      <c r="N276028" s="10"/>
    </row>
    <row r="276029" spans="14:14">
      <c r="N276029" s="10"/>
    </row>
    <row r="276030" spans="14:14">
      <c r="N276030" s="10"/>
    </row>
    <row r="276031" spans="14:14">
      <c r="N276031" s="10"/>
    </row>
    <row r="276032" spans="14:14">
      <c r="N276032" s="10"/>
    </row>
    <row r="276033" spans="14:14">
      <c r="N276033" s="10"/>
    </row>
    <row r="276034" spans="14:14">
      <c r="N276034" s="10"/>
    </row>
    <row r="276035" spans="14:14">
      <c r="N276035" s="10"/>
    </row>
    <row r="276036" spans="14:14">
      <c r="N276036" s="10"/>
    </row>
    <row r="276037" spans="14:14">
      <c r="N276037" s="10"/>
    </row>
    <row r="276038" spans="14:14">
      <c r="N276038" s="10"/>
    </row>
    <row r="276039" spans="14:14">
      <c r="N276039" s="10"/>
    </row>
    <row r="276040" spans="14:14">
      <c r="N276040" s="10"/>
    </row>
    <row r="276041" spans="14:14">
      <c r="N276041" s="10"/>
    </row>
    <row r="276042" spans="14:14">
      <c r="N276042" s="10"/>
    </row>
    <row r="276043" spans="14:14">
      <c r="N276043" s="10"/>
    </row>
    <row r="276044" spans="14:14">
      <c r="N276044" s="10"/>
    </row>
    <row r="276045" spans="14:14">
      <c r="N276045" s="10"/>
    </row>
    <row r="276046" spans="14:14">
      <c r="N276046" s="10"/>
    </row>
    <row r="276047" spans="14:14">
      <c r="N276047" s="10"/>
    </row>
    <row r="276048" spans="14:14">
      <c r="N276048" s="10"/>
    </row>
    <row r="276049" spans="14:14">
      <c r="N276049" s="10"/>
    </row>
    <row r="276050" spans="14:14">
      <c r="N276050" s="10"/>
    </row>
    <row r="276051" spans="14:14">
      <c r="N276051" s="10"/>
    </row>
    <row r="276052" spans="14:14">
      <c r="N276052" s="10"/>
    </row>
    <row r="276053" spans="14:14">
      <c r="N276053" s="10"/>
    </row>
    <row r="276054" spans="14:14">
      <c r="N276054" s="10"/>
    </row>
    <row r="276055" spans="14:14">
      <c r="N276055" s="10"/>
    </row>
    <row r="276056" spans="14:14">
      <c r="N276056" s="10"/>
    </row>
    <row r="276057" spans="14:14">
      <c r="N276057" s="10"/>
    </row>
    <row r="276058" spans="14:14">
      <c r="N276058" s="10"/>
    </row>
    <row r="276059" spans="14:14">
      <c r="N276059" s="10"/>
    </row>
    <row r="276060" spans="14:14">
      <c r="N276060" s="10"/>
    </row>
    <row r="276061" spans="14:14">
      <c r="N276061" s="10"/>
    </row>
    <row r="276062" spans="14:14">
      <c r="N276062" s="10"/>
    </row>
    <row r="276063" spans="14:14">
      <c r="N276063" s="10"/>
    </row>
    <row r="276064" spans="14:14">
      <c r="N276064" s="10"/>
    </row>
    <row r="276065" spans="14:14">
      <c r="N276065" s="10"/>
    </row>
    <row r="276066" spans="14:14">
      <c r="N276066" s="10"/>
    </row>
    <row r="276067" spans="14:14">
      <c r="N276067" s="10"/>
    </row>
    <row r="276068" spans="14:14">
      <c r="N276068" s="10"/>
    </row>
    <row r="276069" spans="14:14">
      <c r="N276069" s="10"/>
    </row>
    <row r="276070" spans="14:14">
      <c r="N276070" s="10"/>
    </row>
    <row r="276071" spans="14:14">
      <c r="N276071" s="10"/>
    </row>
    <row r="276072" spans="14:14">
      <c r="N276072" s="10"/>
    </row>
    <row r="276073" spans="14:14">
      <c r="N276073" s="10"/>
    </row>
    <row r="276074" spans="14:14">
      <c r="N276074" s="10"/>
    </row>
    <row r="276075" spans="14:14">
      <c r="N276075" s="10"/>
    </row>
    <row r="276076" spans="14:14">
      <c r="N276076" s="10"/>
    </row>
    <row r="276077" spans="14:14">
      <c r="N276077" s="10"/>
    </row>
    <row r="276078" spans="14:14">
      <c r="N276078" s="10"/>
    </row>
    <row r="276079" spans="14:14">
      <c r="N276079" s="10"/>
    </row>
    <row r="276080" spans="14:14">
      <c r="N276080" s="10"/>
    </row>
    <row r="276081" spans="14:14">
      <c r="N276081" s="10"/>
    </row>
    <row r="276082" spans="14:14">
      <c r="N276082" s="10"/>
    </row>
    <row r="276083" spans="14:14">
      <c r="N276083" s="10"/>
    </row>
    <row r="276084" spans="14:14">
      <c r="N276084" s="10"/>
    </row>
    <row r="276085" spans="14:14">
      <c r="N276085" s="10"/>
    </row>
    <row r="276086" spans="14:14">
      <c r="N276086" s="10"/>
    </row>
    <row r="276087" spans="14:14">
      <c r="N276087" s="10"/>
    </row>
    <row r="276088" spans="14:14">
      <c r="N276088" s="10"/>
    </row>
    <row r="276089" spans="14:14">
      <c r="N276089" s="10"/>
    </row>
    <row r="276090" spans="14:14">
      <c r="N276090" s="10"/>
    </row>
    <row r="276091" spans="14:14">
      <c r="N276091" s="10"/>
    </row>
    <row r="276092" spans="14:14">
      <c r="N276092" s="10"/>
    </row>
    <row r="276093" spans="14:14">
      <c r="N276093" s="10"/>
    </row>
    <row r="276094" spans="14:14">
      <c r="N276094" s="10"/>
    </row>
    <row r="276095" spans="14:14">
      <c r="N276095" s="10"/>
    </row>
    <row r="276096" spans="14:14">
      <c r="N276096" s="10"/>
    </row>
    <row r="276097" spans="14:14">
      <c r="N276097" s="10"/>
    </row>
    <row r="276098" spans="14:14">
      <c r="N276098" s="10"/>
    </row>
    <row r="276099" spans="14:14">
      <c r="N276099" s="10"/>
    </row>
    <row r="276100" spans="14:14">
      <c r="N276100" s="10"/>
    </row>
    <row r="276101" spans="14:14">
      <c r="N276101" s="10"/>
    </row>
    <row r="276102" spans="14:14">
      <c r="N276102" s="10"/>
    </row>
    <row r="276103" spans="14:14">
      <c r="N276103" s="10"/>
    </row>
    <row r="276104" spans="14:14">
      <c r="N276104" s="10"/>
    </row>
    <row r="276105" spans="14:14">
      <c r="N276105" s="10"/>
    </row>
    <row r="276106" spans="14:14">
      <c r="N276106" s="10"/>
    </row>
    <row r="276107" spans="14:14">
      <c r="N276107" s="10"/>
    </row>
    <row r="276108" spans="14:14">
      <c r="N276108" s="10"/>
    </row>
    <row r="276109" spans="14:14">
      <c r="N276109" s="10"/>
    </row>
    <row r="276110" spans="14:14">
      <c r="N276110" s="10"/>
    </row>
    <row r="276111" spans="14:14">
      <c r="N276111" s="10"/>
    </row>
    <row r="276112" spans="14:14">
      <c r="N276112" s="10"/>
    </row>
    <row r="276113" spans="14:14">
      <c r="N276113" s="10"/>
    </row>
    <row r="276114" spans="14:14">
      <c r="N276114" s="10"/>
    </row>
    <row r="276115" spans="14:14">
      <c r="N276115" s="10"/>
    </row>
    <row r="276116" spans="14:14">
      <c r="N276116" s="10"/>
    </row>
    <row r="276117" spans="14:14">
      <c r="N276117" s="10"/>
    </row>
    <row r="276118" spans="14:14">
      <c r="N276118" s="10"/>
    </row>
    <row r="276119" spans="14:14">
      <c r="N276119" s="10"/>
    </row>
    <row r="276120" spans="14:14">
      <c r="N276120" s="10"/>
    </row>
    <row r="276121" spans="14:14">
      <c r="N276121" s="10"/>
    </row>
    <row r="276122" spans="14:14">
      <c r="N276122" s="10"/>
    </row>
    <row r="276123" spans="14:14">
      <c r="N276123" s="10"/>
    </row>
    <row r="276124" spans="14:14">
      <c r="N276124" s="10"/>
    </row>
    <row r="276125" spans="14:14">
      <c r="N276125" s="10"/>
    </row>
    <row r="276126" spans="14:14">
      <c r="N276126" s="10"/>
    </row>
    <row r="276127" spans="14:14">
      <c r="N276127" s="10"/>
    </row>
    <row r="276128" spans="14:14">
      <c r="N276128" s="10"/>
    </row>
    <row r="276129" spans="14:14">
      <c r="N276129" s="10"/>
    </row>
    <row r="276130" spans="14:14">
      <c r="N276130" s="10"/>
    </row>
    <row r="276131" spans="14:14">
      <c r="N276131" s="10"/>
    </row>
    <row r="276132" spans="14:14">
      <c r="N276132" s="10"/>
    </row>
    <row r="276133" spans="14:14">
      <c r="N276133" s="10"/>
    </row>
    <row r="276134" spans="14:14">
      <c r="N276134" s="10"/>
    </row>
    <row r="276135" spans="14:14">
      <c r="N276135" s="10"/>
    </row>
    <row r="276136" spans="14:14">
      <c r="N276136" s="10"/>
    </row>
    <row r="276137" spans="14:14">
      <c r="N276137" s="10"/>
    </row>
    <row r="276138" spans="14:14">
      <c r="N276138" s="10"/>
    </row>
    <row r="276139" spans="14:14">
      <c r="N276139" s="10"/>
    </row>
    <row r="276140" spans="14:14">
      <c r="N276140" s="10"/>
    </row>
    <row r="276141" spans="14:14">
      <c r="N276141" s="10"/>
    </row>
    <row r="276142" spans="14:14">
      <c r="N276142" s="10"/>
    </row>
    <row r="276143" spans="14:14">
      <c r="N276143" s="10"/>
    </row>
    <row r="276144" spans="14:14">
      <c r="N276144" s="10"/>
    </row>
    <row r="276145" spans="14:14">
      <c r="N276145" s="10"/>
    </row>
    <row r="276146" spans="14:14">
      <c r="N276146" s="10"/>
    </row>
    <row r="276147" spans="14:14">
      <c r="N276147" s="10"/>
    </row>
    <row r="276148" spans="14:14">
      <c r="N276148" s="10"/>
    </row>
    <row r="276149" spans="14:14">
      <c r="N276149" s="10"/>
    </row>
    <row r="276150" spans="14:14">
      <c r="N276150" s="10"/>
    </row>
    <row r="276151" spans="14:14">
      <c r="N276151" s="10"/>
    </row>
    <row r="276152" spans="14:14">
      <c r="N276152" s="10"/>
    </row>
    <row r="276153" spans="14:14">
      <c r="N276153" s="10"/>
    </row>
    <row r="276154" spans="14:14">
      <c r="N276154" s="10"/>
    </row>
    <row r="276155" spans="14:14">
      <c r="N276155" s="10"/>
    </row>
    <row r="276156" spans="14:14">
      <c r="N276156" s="10"/>
    </row>
    <row r="276157" spans="14:14">
      <c r="N276157" s="10"/>
    </row>
    <row r="276158" spans="14:14">
      <c r="N276158" s="10"/>
    </row>
    <row r="276159" spans="14:14">
      <c r="N276159" s="10"/>
    </row>
    <row r="276160" spans="14:14">
      <c r="N276160" s="10"/>
    </row>
    <row r="276161" spans="14:14">
      <c r="N276161" s="10"/>
    </row>
    <row r="276162" spans="14:14">
      <c r="N276162" s="10"/>
    </row>
    <row r="276163" spans="14:14">
      <c r="N276163" s="10"/>
    </row>
    <row r="276164" spans="14:14">
      <c r="N276164" s="10"/>
    </row>
    <row r="276165" spans="14:14">
      <c r="N276165" s="10"/>
    </row>
    <row r="276166" spans="14:14">
      <c r="N276166" s="10"/>
    </row>
    <row r="276167" spans="14:14">
      <c r="N276167" s="10"/>
    </row>
    <row r="276168" spans="14:14">
      <c r="N276168" s="10"/>
    </row>
    <row r="276169" spans="14:14">
      <c r="N276169" s="10"/>
    </row>
    <row r="276170" spans="14:14">
      <c r="N276170" s="10"/>
    </row>
    <row r="276171" spans="14:14">
      <c r="N276171" s="10"/>
    </row>
    <row r="276172" spans="14:14">
      <c r="N276172" s="10"/>
    </row>
    <row r="276173" spans="14:14">
      <c r="N276173" s="10"/>
    </row>
    <row r="276174" spans="14:14">
      <c r="N276174" s="10"/>
    </row>
    <row r="276175" spans="14:14">
      <c r="N276175" s="10"/>
    </row>
    <row r="276176" spans="14:14">
      <c r="N276176" s="10"/>
    </row>
    <row r="276177" spans="14:14">
      <c r="N276177" s="10"/>
    </row>
    <row r="276178" spans="14:14">
      <c r="N276178" s="10"/>
    </row>
    <row r="276179" spans="14:14">
      <c r="N276179" s="10"/>
    </row>
    <row r="276180" spans="14:14">
      <c r="N276180" s="10"/>
    </row>
    <row r="276181" spans="14:14">
      <c r="N276181" s="10"/>
    </row>
    <row r="276182" spans="14:14">
      <c r="N276182" s="10"/>
    </row>
    <row r="276183" spans="14:14">
      <c r="N276183" s="10"/>
    </row>
    <row r="276184" spans="14:14">
      <c r="N276184" s="10"/>
    </row>
    <row r="276185" spans="14:14">
      <c r="N276185" s="10"/>
    </row>
    <row r="276186" spans="14:14">
      <c r="N276186" s="10"/>
    </row>
    <row r="276187" spans="14:14">
      <c r="N276187" s="10"/>
    </row>
    <row r="276188" spans="14:14">
      <c r="N276188" s="10"/>
    </row>
    <row r="276189" spans="14:14">
      <c r="N276189" s="10"/>
    </row>
    <row r="276190" spans="14:14">
      <c r="N276190" s="10"/>
    </row>
    <row r="276191" spans="14:14">
      <c r="N276191" s="10"/>
    </row>
    <row r="276192" spans="14:14">
      <c r="N276192" s="10"/>
    </row>
    <row r="276193" spans="14:14">
      <c r="N276193" s="10"/>
    </row>
    <row r="276194" spans="14:14">
      <c r="N276194" s="10"/>
    </row>
    <row r="276195" spans="14:14">
      <c r="N276195" s="10"/>
    </row>
    <row r="276196" spans="14:14">
      <c r="N276196" s="10"/>
    </row>
    <row r="276197" spans="14:14">
      <c r="N276197" s="10"/>
    </row>
    <row r="276198" spans="14:14">
      <c r="N276198" s="10"/>
    </row>
    <row r="276199" spans="14:14">
      <c r="N276199" s="10"/>
    </row>
    <row r="276200" spans="14:14">
      <c r="N276200" s="10"/>
    </row>
    <row r="276201" spans="14:14">
      <c r="N276201" s="10"/>
    </row>
    <row r="276202" spans="14:14">
      <c r="N276202" s="10"/>
    </row>
    <row r="276203" spans="14:14">
      <c r="N276203" s="10"/>
    </row>
    <row r="276204" spans="14:14">
      <c r="N276204" s="10"/>
    </row>
    <row r="276205" spans="14:14">
      <c r="N276205" s="10"/>
    </row>
    <row r="276206" spans="14:14">
      <c r="N276206" s="10"/>
    </row>
    <row r="276207" spans="14:14">
      <c r="N276207" s="10"/>
    </row>
    <row r="276208" spans="14:14">
      <c r="N276208" s="10"/>
    </row>
    <row r="276209" spans="14:14">
      <c r="N276209" s="10"/>
    </row>
    <row r="276210" spans="14:14">
      <c r="N276210" s="10"/>
    </row>
    <row r="276211" spans="14:14">
      <c r="N276211" s="10"/>
    </row>
    <row r="276212" spans="14:14">
      <c r="N276212" s="10"/>
    </row>
    <row r="276213" spans="14:14">
      <c r="N276213" s="10"/>
    </row>
    <row r="276214" spans="14:14">
      <c r="N276214" s="10"/>
    </row>
    <row r="276215" spans="14:14">
      <c r="N276215" s="10"/>
    </row>
    <row r="276216" spans="14:14">
      <c r="N276216" s="10"/>
    </row>
    <row r="276217" spans="14:14">
      <c r="N276217" s="10"/>
    </row>
    <row r="276218" spans="14:14">
      <c r="N276218" s="10"/>
    </row>
    <row r="276219" spans="14:14">
      <c r="N276219" s="10"/>
    </row>
    <row r="276220" spans="14:14">
      <c r="N276220" s="10"/>
    </row>
    <row r="276221" spans="14:14">
      <c r="N276221" s="10"/>
    </row>
    <row r="276222" spans="14:14">
      <c r="N276222" s="10"/>
    </row>
    <row r="276223" spans="14:14">
      <c r="N276223" s="10"/>
    </row>
    <row r="276224" spans="14:14">
      <c r="N276224" s="10"/>
    </row>
    <row r="276225" spans="14:14">
      <c r="N276225" s="10"/>
    </row>
    <row r="276226" spans="14:14">
      <c r="N276226" s="10"/>
    </row>
    <row r="276227" spans="14:14">
      <c r="N276227" s="10"/>
    </row>
    <row r="276228" spans="14:14">
      <c r="N276228" s="10"/>
    </row>
    <row r="276229" spans="14:14">
      <c r="N276229" s="10"/>
    </row>
    <row r="276230" spans="14:14">
      <c r="N276230" s="10"/>
    </row>
    <row r="276231" spans="14:14">
      <c r="N276231" s="10"/>
    </row>
    <row r="276232" spans="14:14">
      <c r="N276232" s="10"/>
    </row>
    <row r="276233" spans="14:14">
      <c r="N276233" s="10"/>
    </row>
    <row r="276234" spans="14:14">
      <c r="N276234" s="10"/>
    </row>
    <row r="276235" spans="14:14">
      <c r="N276235" s="10"/>
    </row>
    <row r="276236" spans="14:14">
      <c r="N276236" s="10"/>
    </row>
    <row r="276237" spans="14:14">
      <c r="N276237" s="10"/>
    </row>
    <row r="276238" spans="14:14">
      <c r="N276238" s="10"/>
    </row>
    <row r="276239" spans="14:14">
      <c r="N276239" s="10"/>
    </row>
    <row r="276240" spans="14:14">
      <c r="N276240" s="10"/>
    </row>
    <row r="276241" spans="14:14">
      <c r="N276241" s="10"/>
    </row>
    <row r="276242" spans="14:14">
      <c r="N276242" s="10"/>
    </row>
    <row r="276243" spans="14:14">
      <c r="N276243" s="10"/>
    </row>
    <row r="276244" spans="14:14">
      <c r="N276244" s="10"/>
    </row>
    <row r="276245" spans="14:14">
      <c r="N276245" s="10"/>
    </row>
    <row r="276246" spans="14:14">
      <c r="N276246" s="10"/>
    </row>
    <row r="276247" spans="14:14">
      <c r="N276247" s="10"/>
    </row>
    <row r="276248" spans="14:14">
      <c r="N276248" s="10"/>
    </row>
    <row r="276249" spans="14:14">
      <c r="N276249" s="10"/>
    </row>
    <row r="276250" spans="14:14">
      <c r="N276250" s="10"/>
    </row>
    <row r="276251" spans="14:14">
      <c r="N276251" s="10"/>
    </row>
    <row r="276252" spans="14:14">
      <c r="N276252" s="10"/>
    </row>
    <row r="276253" spans="14:14">
      <c r="N276253" s="10"/>
    </row>
    <row r="276254" spans="14:14">
      <c r="N276254" s="10"/>
    </row>
    <row r="276255" spans="14:14">
      <c r="N276255" s="10"/>
    </row>
    <row r="276256" spans="14:14">
      <c r="N276256" s="10"/>
    </row>
    <row r="276257" spans="14:14">
      <c r="N276257" s="10"/>
    </row>
    <row r="276258" spans="14:14">
      <c r="N276258" s="10"/>
    </row>
    <row r="276259" spans="14:14">
      <c r="N276259" s="10"/>
    </row>
    <row r="276260" spans="14:14">
      <c r="N276260" s="10"/>
    </row>
    <row r="276261" spans="14:14">
      <c r="N276261" s="10"/>
    </row>
    <row r="276262" spans="14:14">
      <c r="N276262" s="10"/>
    </row>
    <row r="276263" spans="14:14">
      <c r="N276263" s="10"/>
    </row>
    <row r="276264" spans="14:14">
      <c r="N276264" s="10"/>
    </row>
    <row r="276265" spans="14:14">
      <c r="N276265" s="10"/>
    </row>
    <row r="276266" spans="14:14">
      <c r="N276266" s="10"/>
    </row>
    <row r="276267" spans="14:14">
      <c r="N276267" s="10"/>
    </row>
    <row r="276268" spans="14:14">
      <c r="N276268" s="10"/>
    </row>
    <row r="276269" spans="14:14">
      <c r="N276269" s="10"/>
    </row>
    <row r="276270" spans="14:14">
      <c r="N276270" s="10"/>
    </row>
    <row r="276271" spans="14:14">
      <c r="N276271" s="10"/>
    </row>
    <row r="276272" spans="14:14">
      <c r="N276272" s="10"/>
    </row>
    <row r="276273" spans="14:14">
      <c r="N276273" s="10"/>
    </row>
    <row r="276274" spans="14:14">
      <c r="N276274" s="10"/>
    </row>
    <row r="276275" spans="14:14">
      <c r="N276275" s="10"/>
    </row>
    <row r="276276" spans="14:14">
      <c r="N276276" s="10"/>
    </row>
    <row r="276277" spans="14:14">
      <c r="N276277" s="10"/>
    </row>
    <row r="276278" spans="14:14">
      <c r="N276278" s="10"/>
    </row>
    <row r="276279" spans="14:14">
      <c r="N276279" s="10"/>
    </row>
    <row r="276280" spans="14:14">
      <c r="N276280" s="10"/>
    </row>
    <row r="276281" spans="14:14">
      <c r="N276281" s="10"/>
    </row>
    <row r="276282" spans="14:14">
      <c r="N276282" s="10"/>
    </row>
    <row r="276283" spans="14:14">
      <c r="N276283" s="10"/>
    </row>
    <row r="276284" spans="14:14">
      <c r="N276284" s="10"/>
    </row>
    <row r="276285" spans="14:14">
      <c r="N276285" s="10"/>
    </row>
    <row r="276286" spans="14:14">
      <c r="N276286" s="10"/>
    </row>
    <row r="276287" spans="14:14">
      <c r="N276287" s="10"/>
    </row>
    <row r="276288" spans="14:14">
      <c r="N276288" s="10"/>
    </row>
    <row r="276289" spans="14:14">
      <c r="N276289" s="10"/>
    </row>
    <row r="276290" spans="14:14">
      <c r="N276290" s="10"/>
    </row>
    <row r="276291" spans="14:14">
      <c r="N276291" s="10"/>
    </row>
    <row r="276292" spans="14:14">
      <c r="N276292" s="10"/>
    </row>
    <row r="276293" spans="14:14">
      <c r="N276293" s="10"/>
    </row>
    <row r="276294" spans="14:14">
      <c r="N276294" s="10"/>
    </row>
    <row r="276295" spans="14:14">
      <c r="N276295" s="10"/>
    </row>
    <row r="276296" spans="14:14">
      <c r="N276296" s="10"/>
    </row>
    <row r="276297" spans="14:14">
      <c r="N276297" s="10"/>
    </row>
    <row r="276298" spans="14:14">
      <c r="N276298" s="10"/>
    </row>
    <row r="276299" spans="14:14">
      <c r="N276299" s="10"/>
    </row>
    <row r="276300" spans="14:14">
      <c r="N276300" s="10"/>
    </row>
    <row r="276301" spans="14:14">
      <c r="N276301" s="10"/>
    </row>
    <row r="276302" spans="14:14">
      <c r="N276302" s="10"/>
    </row>
    <row r="276303" spans="14:14">
      <c r="N276303" s="10"/>
    </row>
    <row r="276304" spans="14:14">
      <c r="N276304" s="10"/>
    </row>
    <row r="276305" spans="14:14">
      <c r="N276305" s="10"/>
    </row>
    <row r="276306" spans="14:14">
      <c r="N276306" s="10"/>
    </row>
    <row r="276307" spans="14:14">
      <c r="N276307" s="10"/>
    </row>
    <row r="276308" spans="14:14">
      <c r="N276308" s="10"/>
    </row>
    <row r="276309" spans="14:14">
      <c r="N276309" s="10"/>
    </row>
    <row r="276310" spans="14:14">
      <c r="N276310" s="10"/>
    </row>
    <row r="276311" spans="14:14">
      <c r="N276311" s="10"/>
    </row>
    <row r="276312" spans="14:14">
      <c r="N276312" s="10"/>
    </row>
    <row r="276313" spans="14:14">
      <c r="N276313" s="10"/>
    </row>
    <row r="276314" spans="14:14">
      <c r="N276314" s="10"/>
    </row>
    <row r="276315" spans="14:14">
      <c r="N276315" s="10"/>
    </row>
    <row r="276316" spans="14:14">
      <c r="N276316" s="10"/>
    </row>
    <row r="276317" spans="14:14">
      <c r="N276317" s="10"/>
    </row>
    <row r="276318" spans="14:14">
      <c r="N276318" s="10"/>
    </row>
    <row r="276319" spans="14:14">
      <c r="N276319" s="10"/>
    </row>
    <row r="276320" spans="14:14">
      <c r="N276320" s="10"/>
    </row>
    <row r="276321" spans="14:14">
      <c r="N276321" s="10"/>
    </row>
    <row r="276322" spans="14:14">
      <c r="N276322" s="10"/>
    </row>
    <row r="276323" spans="14:14">
      <c r="N276323" s="10"/>
    </row>
    <row r="276324" spans="14:14">
      <c r="N276324" s="10"/>
    </row>
    <row r="276325" spans="14:14">
      <c r="N276325" s="10"/>
    </row>
    <row r="276326" spans="14:14">
      <c r="N276326" s="10"/>
    </row>
    <row r="276327" spans="14:14">
      <c r="N276327" s="10"/>
    </row>
    <row r="276328" spans="14:14">
      <c r="N276328" s="10"/>
    </row>
    <row r="276329" spans="14:14">
      <c r="N276329" s="10"/>
    </row>
    <row r="276330" spans="14:14">
      <c r="N276330" s="10"/>
    </row>
    <row r="276331" spans="14:14">
      <c r="N276331" s="10"/>
    </row>
    <row r="276332" spans="14:14">
      <c r="N276332" s="10"/>
    </row>
    <row r="276333" spans="14:14">
      <c r="N276333" s="10"/>
    </row>
    <row r="276334" spans="14:14">
      <c r="N276334" s="10"/>
    </row>
    <row r="276335" spans="14:14">
      <c r="N276335" s="10"/>
    </row>
    <row r="276336" spans="14:14">
      <c r="N276336" s="10"/>
    </row>
    <row r="276337" spans="14:14">
      <c r="N276337" s="10"/>
    </row>
    <row r="276338" spans="14:14">
      <c r="N276338" s="10"/>
    </row>
    <row r="276339" spans="14:14">
      <c r="N276339" s="10"/>
    </row>
    <row r="276340" spans="14:14">
      <c r="N276340" s="10"/>
    </row>
    <row r="276341" spans="14:14">
      <c r="N276341" s="10"/>
    </row>
    <row r="276342" spans="14:14">
      <c r="N276342" s="10"/>
    </row>
    <row r="276343" spans="14:14">
      <c r="N276343" s="10"/>
    </row>
    <row r="276344" spans="14:14">
      <c r="N276344" s="10"/>
    </row>
    <row r="276345" spans="14:14">
      <c r="N276345" s="10"/>
    </row>
    <row r="276346" spans="14:14">
      <c r="N276346" s="10"/>
    </row>
    <row r="276347" spans="14:14">
      <c r="N276347" s="10"/>
    </row>
    <row r="276348" spans="14:14">
      <c r="N276348" s="10"/>
    </row>
    <row r="276349" spans="14:14">
      <c r="N276349" s="10"/>
    </row>
    <row r="276350" spans="14:14">
      <c r="N276350" s="10"/>
    </row>
    <row r="276351" spans="14:14">
      <c r="N276351" s="10"/>
    </row>
    <row r="276352" spans="14:14">
      <c r="N276352" s="10"/>
    </row>
    <row r="276353" spans="14:14">
      <c r="N276353" s="10"/>
    </row>
    <row r="276354" spans="14:14">
      <c r="N276354" s="10"/>
    </row>
    <row r="276355" spans="14:14">
      <c r="N276355" s="10"/>
    </row>
    <row r="276356" spans="14:14">
      <c r="N276356" s="10"/>
    </row>
    <row r="276357" spans="14:14">
      <c r="N276357" s="10"/>
    </row>
    <row r="276358" spans="14:14">
      <c r="N276358" s="10"/>
    </row>
    <row r="276359" spans="14:14">
      <c r="N276359" s="10"/>
    </row>
    <row r="276360" spans="14:14">
      <c r="N276360" s="10"/>
    </row>
    <row r="276361" spans="14:14">
      <c r="N276361" s="10"/>
    </row>
    <row r="276362" spans="14:14">
      <c r="N276362" s="10"/>
    </row>
    <row r="276363" spans="14:14">
      <c r="N276363" s="10"/>
    </row>
    <row r="276364" spans="14:14">
      <c r="N276364" s="10"/>
    </row>
    <row r="276365" spans="14:14">
      <c r="N276365" s="10"/>
    </row>
    <row r="276366" spans="14:14">
      <c r="N276366" s="10"/>
    </row>
    <row r="276367" spans="14:14">
      <c r="N276367" s="10"/>
    </row>
    <row r="276368" spans="14:14">
      <c r="N276368" s="10"/>
    </row>
    <row r="276369" spans="14:14">
      <c r="N276369" s="10"/>
    </row>
    <row r="276370" spans="14:14">
      <c r="N276370" s="10"/>
    </row>
    <row r="276371" spans="14:14">
      <c r="N276371" s="10"/>
    </row>
    <row r="276372" spans="14:14">
      <c r="N276372" s="10"/>
    </row>
    <row r="276373" spans="14:14">
      <c r="N276373" s="10"/>
    </row>
    <row r="276374" spans="14:14">
      <c r="N276374" s="10"/>
    </row>
    <row r="276375" spans="14:14">
      <c r="N276375" s="10"/>
    </row>
    <row r="276376" spans="14:14">
      <c r="N276376" s="10"/>
    </row>
    <row r="276377" spans="14:14">
      <c r="N276377" s="10"/>
    </row>
    <row r="276378" spans="14:14">
      <c r="N276378" s="10"/>
    </row>
    <row r="276379" spans="14:14">
      <c r="N276379" s="10"/>
    </row>
    <row r="276380" spans="14:14">
      <c r="N276380" s="10"/>
    </row>
    <row r="276381" spans="14:14">
      <c r="N276381" s="10"/>
    </row>
    <row r="276382" spans="14:14">
      <c r="N276382" s="10"/>
    </row>
    <row r="276383" spans="14:14">
      <c r="N276383" s="10"/>
    </row>
    <row r="276384" spans="14:14">
      <c r="N276384" s="10"/>
    </row>
    <row r="276385" spans="14:14">
      <c r="N276385" s="10"/>
    </row>
    <row r="276386" spans="14:14">
      <c r="N276386" s="10"/>
    </row>
    <row r="276387" spans="14:14">
      <c r="N276387" s="10"/>
    </row>
    <row r="276388" spans="14:14">
      <c r="N276388" s="10"/>
    </row>
    <row r="276389" spans="14:14">
      <c r="N276389" s="10"/>
    </row>
    <row r="276390" spans="14:14">
      <c r="N276390" s="10"/>
    </row>
    <row r="276391" spans="14:14">
      <c r="N276391" s="10"/>
    </row>
    <row r="276392" spans="14:14">
      <c r="N276392" s="10"/>
    </row>
    <row r="276393" spans="14:14">
      <c r="N276393" s="10"/>
    </row>
    <row r="276394" spans="14:14">
      <c r="N276394" s="10"/>
    </row>
    <row r="276395" spans="14:14">
      <c r="N276395" s="10"/>
    </row>
    <row r="276396" spans="14:14">
      <c r="N276396" s="10"/>
    </row>
    <row r="276397" spans="14:14">
      <c r="N276397" s="10"/>
    </row>
    <row r="276398" spans="14:14">
      <c r="N276398" s="10"/>
    </row>
    <row r="276399" spans="14:14">
      <c r="N276399" s="10"/>
    </row>
    <row r="276400" spans="14:14">
      <c r="N276400" s="10"/>
    </row>
    <row r="276401" spans="14:14">
      <c r="N276401" s="10"/>
    </row>
    <row r="276402" spans="14:14">
      <c r="N276402" s="10"/>
    </row>
    <row r="276403" spans="14:14">
      <c r="N276403" s="10"/>
    </row>
    <row r="276404" spans="14:14">
      <c r="N276404" s="10"/>
    </row>
    <row r="276405" spans="14:14">
      <c r="N276405" s="10"/>
    </row>
    <row r="276406" spans="14:14">
      <c r="N276406" s="10"/>
    </row>
    <row r="276407" spans="14:14">
      <c r="N276407" s="10"/>
    </row>
    <row r="276408" spans="14:14">
      <c r="N276408" s="10"/>
    </row>
    <row r="276409" spans="14:14">
      <c r="N276409" s="10"/>
    </row>
    <row r="276410" spans="14:14">
      <c r="N276410" s="10"/>
    </row>
    <row r="276411" spans="14:14">
      <c r="N276411" s="10"/>
    </row>
    <row r="276412" spans="14:14">
      <c r="N276412" s="10"/>
    </row>
    <row r="276413" spans="14:14">
      <c r="N276413" s="10"/>
    </row>
    <row r="276414" spans="14:14">
      <c r="N276414" s="10"/>
    </row>
    <row r="276415" spans="14:14">
      <c r="N276415" s="10"/>
    </row>
    <row r="276416" spans="14:14">
      <c r="N276416" s="10"/>
    </row>
    <row r="276417" spans="14:14">
      <c r="N276417" s="10"/>
    </row>
    <row r="276418" spans="14:14">
      <c r="N276418" s="10"/>
    </row>
    <row r="276419" spans="14:14">
      <c r="N276419" s="10"/>
    </row>
    <row r="276420" spans="14:14">
      <c r="N276420" s="10"/>
    </row>
    <row r="276421" spans="14:14">
      <c r="N276421" s="10"/>
    </row>
    <row r="276422" spans="14:14">
      <c r="N276422" s="10"/>
    </row>
    <row r="276423" spans="14:14">
      <c r="N276423" s="10"/>
    </row>
    <row r="276424" spans="14:14">
      <c r="N276424" s="10"/>
    </row>
    <row r="276425" spans="14:14">
      <c r="N276425" s="10"/>
    </row>
    <row r="276426" spans="14:14">
      <c r="N276426" s="10"/>
    </row>
    <row r="276427" spans="14:14">
      <c r="N276427" s="10"/>
    </row>
    <row r="276428" spans="14:14">
      <c r="N276428" s="10"/>
    </row>
    <row r="276429" spans="14:14">
      <c r="N276429" s="10"/>
    </row>
    <row r="276430" spans="14:14">
      <c r="N276430" s="10"/>
    </row>
    <row r="276431" spans="14:14">
      <c r="N276431" s="10"/>
    </row>
    <row r="276432" spans="14:14">
      <c r="N276432" s="10"/>
    </row>
    <row r="276433" spans="14:14">
      <c r="N276433" s="10"/>
    </row>
    <row r="276434" spans="14:14">
      <c r="N276434" s="10"/>
    </row>
    <row r="276435" spans="14:14">
      <c r="N276435" s="10"/>
    </row>
    <row r="276436" spans="14:14">
      <c r="N276436" s="10"/>
    </row>
    <row r="276437" spans="14:14">
      <c r="N276437" s="10"/>
    </row>
    <row r="276438" spans="14:14">
      <c r="N276438" s="10"/>
    </row>
    <row r="276439" spans="14:14">
      <c r="N276439" s="10"/>
    </row>
    <row r="276440" spans="14:14">
      <c r="N276440" s="10"/>
    </row>
    <row r="276441" spans="14:14">
      <c r="N276441" s="10"/>
    </row>
    <row r="276442" spans="14:14">
      <c r="N276442" s="10"/>
    </row>
    <row r="276443" spans="14:14">
      <c r="N276443" s="10"/>
    </row>
    <row r="276444" spans="14:14">
      <c r="N276444" s="10"/>
    </row>
    <row r="276445" spans="14:14">
      <c r="N276445" s="10"/>
    </row>
    <row r="276446" spans="14:14">
      <c r="N276446" s="10"/>
    </row>
    <row r="276447" spans="14:14">
      <c r="N276447" s="10"/>
    </row>
    <row r="276448" spans="14:14">
      <c r="N276448" s="10"/>
    </row>
    <row r="276449" spans="14:14">
      <c r="N276449" s="10"/>
    </row>
    <row r="276450" spans="14:14">
      <c r="N276450" s="10"/>
    </row>
    <row r="276451" spans="14:14">
      <c r="N276451" s="10"/>
    </row>
    <row r="276452" spans="14:14">
      <c r="N276452" s="10"/>
    </row>
    <row r="276453" spans="14:14">
      <c r="N276453" s="10"/>
    </row>
    <row r="276454" spans="14:14">
      <c r="N276454" s="10"/>
    </row>
    <row r="276455" spans="14:14">
      <c r="N276455" s="10"/>
    </row>
    <row r="276456" spans="14:14">
      <c r="N276456" s="10"/>
    </row>
    <row r="276457" spans="14:14">
      <c r="N276457" s="10"/>
    </row>
    <row r="276458" spans="14:14">
      <c r="N276458" s="10"/>
    </row>
    <row r="276459" spans="14:14">
      <c r="N276459" s="10"/>
    </row>
    <row r="276460" spans="14:14">
      <c r="N276460" s="10"/>
    </row>
    <row r="276461" spans="14:14">
      <c r="N276461" s="10"/>
    </row>
    <row r="276462" spans="14:14">
      <c r="N276462" s="10"/>
    </row>
    <row r="276463" spans="14:14">
      <c r="N276463" s="10"/>
    </row>
    <row r="276464" spans="14:14">
      <c r="N276464" s="10"/>
    </row>
    <row r="276465" spans="14:14">
      <c r="N276465" s="10"/>
    </row>
    <row r="276466" spans="14:14">
      <c r="N276466" s="10"/>
    </row>
    <row r="276467" spans="14:14">
      <c r="N276467" s="10"/>
    </row>
    <row r="276468" spans="14:14">
      <c r="N276468" s="10"/>
    </row>
    <row r="276469" spans="14:14">
      <c r="N276469" s="10"/>
    </row>
    <row r="276470" spans="14:14">
      <c r="N276470" s="10"/>
    </row>
    <row r="276471" spans="14:14">
      <c r="N276471" s="10"/>
    </row>
    <row r="276472" spans="14:14">
      <c r="N276472" s="10"/>
    </row>
    <row r="276473" spans="14:14">
      <c r="N276473" s="10"/>
    </row>
    <row r="276474" spans="14:14">
      <c r="N276474" s="10"/>
    </row>
    <row r="276475" spans="14:14">
      <c r="N276475" s="10"/>
    </row>
    <row r="276476" spans="14:14">
      <c r="N276476" s="10"/>
    </row>
    <row r="276477" spans="14:14">
      <c r="N276477" s="10"/>
    </row>
    <row r="276478" spans="14:14">
      <c r="N276478" s="10"/>
    </row>
    <row r="276479" spans="14:14">
      <c r="N276479" s="10"/>
    </row>
    <row r="276480" spans="14:14">
      <c r="N276480" s="10"/>
    </row>
    <row r="276481" spans="14:14">
      <c r="N276481" s="10"/>
    </row>
    <row r="276482" spans="14:14">
      <c r="N276482" s="10"/>
    </row>
    <row r="276483" spans="14:14">
      <c r="N276483" s="10"/>
    </row>
    <row r="276484" spans="14:14">
      <c r="N276484" s="10"/>
    </row>
    <row r="276485" spans="14:14">
      <c r="N276485" s="10"/>
    </row>
    <row r="276486" spans="14:14">
      <c r="N276486" s="10"/>
    </row>
    <row r="276487" spans="14:14">
      <c r="N276487" s="10"/>
    </row>
    <row r="276488" spans="14:14">
      <c r="N276488" s="10"/>
    </row>
    <row r="276489" spans="14:14">
      <c r="N276489" s="10"/>
    </row>
    <row r="276490" spans="14:14">
      <c r="N276490" s="10"/>
    </row>
    <row r="276491" spans="14:14">
      <c r="N276491" s="10"/>
    </row>
    <row r="276492" spans="14:14">
      <c r="N276492" s="10"/>
    </row>
    <row r="276493" spans="14:14">
      <c r="N276493" s="10"/>
    </row>
    <row r="276494" spans="14:14">
      <c r="N276494" s="10"/>
    </row>
    <row r="276495" spans="14:14">
      <c r="N276495" s="10"/>
    </row>
    <row r="276496" spans="14:14">
      <c r="N276496" s="10"/>
    </row>
    <row r="276497" spans="14:14">
      <c r="N276497" s="10"/>
    </row>
    <row r="276498" spans="14:14">
      <c r="N276498" s="10"/>
    </row>
    <row r="276499" spans="14:14">
      <c r="N276499" s="10"/>
    </row>
    <row r="276500" spans="14:14">
      <c r="N276500" s="10"/>
    </row>
    <row r="276501" spans="14:14">
      <c r="N276501" s="10"/>
    </row>
    <row r="276502" spans="14:14">
      <c r="N276502" s="10"/>
    </row>
    <row r="276503" spans="14:14">
      <c r="N276503" s="10"/>
    </row>
    <row r="276504" spans="14:14">
      <c r="N276504" s="10"/>
    </row>
    <row r="276505" spans="14:14">
      <c r="N276505" s="10"/>
    </row>
    <row r="276506" spans="14:14">
      <c r="N276506" s="10"/>
    </row>
    <row r="276507" spans="14:14">
      <c r="N276507" s="10"/>
    </row>
    <row r="276508" spans="14:14">
      <c r="N276508" s="10"/>
    </row>
    <row r="276509" spans="14:14">
      <c r="N276509" s="10"/>
    </row>
    <row r="276510" spans="14:14">
      <c r="N276510" s="10"/>
    </row>
    <row r="276511" spans="14:14">
      <c r="N276511" s="10"/>
    </row>
    <row r="276512" spans="14:14">
      <c r="N276512" s="10"/>
    </row>
    <row r="276513" spans="14:14">
      <c r="N276513" s="10"/>
    </row>
    <row r="276514" spans="14:14">
      <c r="N276514" s="10"/>
    </row>
    <row r="276515" spans="14:14">
      <c r="N276515" s="10"/>
    </row>
    <row r="276516" spans="14:14">
      <c r="N276516" s="10"/>
    </row>
    <row r="276517" spans="14:14">
      <c r="N276517" s="10"/>
    </row>
    <row r="276518" spans="14:14">
      <c r="N276518" s="10"/>
    </row>
    <row r="276519" spans="14:14">
      <c r="N276519" s="10"/>
    </row>
    <row r="276520" spans="14:14">
      <c r="N276520" s="10"/>
    </row>
    <row r="276521" spans="14:14">
      <c r="N276521" s="10"/>
    </row>
    <row r="276522" spans="14:14">
      <c r="N276522" s="10"/>
    </row>
    <row r="276523" spans="14:14">
      <c r="N276523" s="10"/>
    </row>
    <row r="276524" spans="14:14">
      <c r="N276524" s="10"/>
    </row>
    <row r="276525" spans="14:14">
      <c r="N276525" s="10"/>
    </row>
    <row r="276526" spans="14:14">
      <c r="N276526" s="10"/>
    </row>
    <row r="276527" spans="14:14">
      <c r="N276527" s="10"/>
    </row>
    <row r="276528" spans="14:14">
      <c r="N276528" s="10"/>
    </row>
    <row r="276529" spans="14:14">
      <c r="N276529" s="10"/>
    </row>
    <row r="276530" spans="14:14">
      <c r="N276530" s="10"/>
    </row>
    <row r="276531" spans="14:14">
      <c r="N276531" s="10"/>
    </row>
    <row r="276532" spans="14:14">
      <c r="N276532" s="10"/>
    </row>
    <row r="276533" spans="14:14">
      <c r="N276533" s="10"/>
    </row>
    <row r="276534" spans="14:14">
      <c r="N276534" s="10"/>
    </row>
    <row r="276535" spans="14:14">
      <c r="N276535" s="10"/>
    </row>
    <row r="276536" spans="14:14">
      <c r="N276536" s="10"/>
    </row>
    <row r="276537" spans="14:14">
      <c r="N276537" s="10"/>
    </row>
    <row r="276538" spans="14:14">
      <c r="N276538" s="10"/>
    </row>
    <row r="276539" spans="14:14">
      <c r="N276539" s="10"/>
    </row>
    <row r="276540" spans="14:14">
      <c r="N276540" s="10"/>
    </row>
    <row r="276541" spans="14:14">
      <c r="N276541" s="10"/>
    </row>
    <row r="276542" spans="14:14">
      <c r="N276542" s="10"/>
    </row>
    <row r="276543" spans="14:14">
      <c r="N276543" s="10"/>
    </row>
    <row r="276544" spans="14:14">
      <c r="N276544" s="10"/>
    </row>
    <row r="276545" spans="14:14">
      <c r="N276545" s="10"/>
    </row>
    <row r="276546" spans="14:14">
      <c r="N276546" s="10"/>
    </row>
    <row r="276547" spans="14:14">
      <c r="N276547" s="10"/>
    </row>
    <row r="276548" spans="14:14">
      <c r="N276548" s="10"/>
    </row>
    <row r="276549" spans="14:14">
      <c r="N276549" s="10"/>
    </row>
    <row r="276550" spans="14:14">
      <c r="N276550" s="10"/>
    </row>
    <row r="276551" spans="14:14">
      <c r="N276551" s="10"/>
    </row>
    <row r="276552" spans="14:14">
      <c r="N276552" s="10"/>
    </row>
    <row r="276553" spans="14:14">
      <c r="N276553" s="10"/>
    </row>
    <row r="276554" spans="14:14">
      <c r="N276554" s="10"/>
    </row>
    <row r="276555" spans="14:14">
      <c r="N276555" s="10"/>
    </row>
    <row r="276556" spans="14:14">
      <c r="N276556" s="10"/>
    </row>
    <row r="276557" spans="14:14">
      <c r="N276557" s="10"/>
    </row>
    <row r="276558" spans="14:14">
      <c r="N276558" s="10"/>
    </row>
    <row r="276559" spans="14:14">
      <c r="N276559" s="10"/>
    </row>
    <row r="276560" spans="14:14">
      <c r="N276560" s="10"/>
    </row>
    <row r="276561" spans="14:14">
      <c r="N276561" s="10"/>
    </row>
    <row r="276562" spans="14:14">
      <c r="N276562" s="10"/>
    </row>
    <row r="276563" spans="14:14">
      <c r="N276563" s="10"/>
    </row>
    <row r="276564" spans="14:14">
      <c r="N276564" s="10"/>
    </row>
    <row r="276565" spans="14:14">
      <c r="N276565" s="10"/>
    </row>
    <row r="276566" spans="14:14">
      <c r="N276566" s="10"/>
    </row>
    <row r="276567" spans="14:14">
      <c r="N276567" s="10"/>
    </row>
    <row r="276568" spans="14:14">
      <c r="N276568" s="10"/>
    </row>
    <row r="276569" spans="14:14">
      <c r="N276569" s="10"/>
    </row>
    <row r="276570" spans="14:14">
      <c r="N276570" s="10"/>
    </row>
    <row r="276571" spans="14:14">
      <c r="N276571" s="10"/>
    </row>
    <row r="276572" spans="14:14">
      <c r="N276572" s="10"/>
    </row>
    <row r="276573" spans="14:14">
      <c r="N276573" s="10"/>
    </row>
    <row r="276574" spans="14:14">
      <c r="N276574" s="10"/>
    </row>
    <row r="276575" spans="14:14">
      <c r="N276575" s="10"/>
    </row>
    <row r="276576" spans="14:14">
      <c r="N276576" s="10"/>
    </row>
    <row r="276577" spans="14:14">
      <c r="N276577" s="10"/>
    </row>
    <row r="276578" spans="14:14">
      <c r="N276578" s="10"/>
    </row>
    <row r="276579" spans="14:14">
      <c r="N276579" s="10"/>
    </row>
    <row r="276580" spans="14:14">
      <c r="N276580" s="10"/>
    </row>
    <row r="276581" spans="14:14">
      <c r="N276581" s="10"/>
    </row>
    <row r="276582" spans="14:14">
      <c r="N276582" s="10"/>
    </row>
    <row r="276583" spans="14:14">
      <c r="N276583" s="10"/>
    </row>
    <row r="276584" spans="14:14">
      <c r="N276584" s="10"/>
    </row>
    <row r="276585" spans="14:14">
      <c r="N276585" s="10"/>
    </row>
    <row r="276586" spans="14:14">
      <c r="N276586" s="10"/>
    </row>
    <row r="276587" spans="14:14">
      <c r="N276587" s="10"/>
    </row>
    <row r="276588" spans="14:14">
      <c r="N276588" s="10"/>
    </row>
    <row r="276589" spans="14:14">
      <c r="N276589" s="10"/>
    </row>
    <row r="276590" spans="14:14">
      <c r="N276590" s="10"/>
    </row>
    <row r="276591" spans="14:14">
      <c r="N276591" s="10"/>
    </row>
    <row r="276592" spans="14:14">
      <c r="N276592" s="10"/>
    </row>
    <row r="276593" spans="14:14">
      <c r="N276593" s="10"/>
    </row>
    <row r="276594" spans="14:14">
      <c r="N276594" s="10"/>
    </row>
    <row r="276595" spans="14:14">
      <c r="N276595" s="10"/>
    </row>
    <row r="276596" spans="14:14">
      <c r="N276596" s="10"/>
    </row>
    <row r="276597" spans="14:14">
      <c r="N276597" s="10"/>
    </row>
    <row r="276598" spans="14:14">
      <c r="N276598" s="10"/>
    </row>
    <row r="276599" spans="14:14">
      <c r="N276599" s="10"/>
    </row>
    <row r="276600" spans="14:14">
      <c r="N276600" s="10"/>
    </row>
    <row r="276601" spans="14:14">
      <c r="N276601" s="10"/>
    </row>
    <row r="276602" spans="14:14">
      <c r="N276602" s="10"/>
    </row>
    <row r="276603" spans="14:14">
      <c r="N276603" s="10"/>
    </row>
    <row r="276604" spans="14:14">
      <c r="N276604" s="10"/>
    </row>
    <row r="276605" spans="14:14">
      <c r="N276605" s="10"/>
    </row>
    <row r="276606" spans="14:14">
      <c r="N276606" s="10"/>
    </row>
    <row r="276607" spans="14:14">
      <c r="N276607" s="10"/>
    </row>
    <row r="276608" spans="14:14">
      <c r="N276608" s="10"/>
    </row>
    <row r="276609" spans="14:14">
      <c r="N276609" s="10"/>
    </row>
    <row r="276610" spans="14:14">
      <c r="N276610" s="10"/>
    </row>
    <row r="276611" spans="14:14">
      <c r="N276611" s="10"/>
    </row>
    <row r="276612" spans="14:14">
      <c r="N276612" s="10"/>
    </row>
    <row r="276613" spans="14:14">
      <c r="N276613" s="10"/>
    </row>
    <row r="276614" spans="14:14">
      <c r="N276614" s="10"/>
    </row>
    <row r="276615" spans="14:14">
      <c r="N276615" s="10"/>
    </row>
    <row r="276616" spans="14:14">
      <c r="N276616" s="10"/>
    </row>
    <row r="276617" spans="14:14">
      <c r="N276617" s="10"/>
    </row>
    <row r="276618" spans="14:14">
      <c r="N276618" s="10"/>
    </row>
    <row r="276619" spans="14:14">
      <c r="N276619" s="10"/>
    </row>
    <row r="276620" spans="14:14">
      <c r="N276620" s="10"/>
    </row>
    <row r="276621" spans="14:14">
      <c r="N276621" s="10"/>
    </row>
    <row r="276622" spans="14:14">
      <c r="N276622" s="10"/>
    </row>
    <row r="276623" spans="14:14">
      <c r="N276623" s="10"/>
    </row>
    <row r="276624" spans="14:14">
      <c r="N276624" s="10"/>
    </row>
    <row r="276625" spans="14:14">
      <c r="N276625" s="10"/>
    </row>
    <row r="276626" spans="14:14">
      <c r="N276626" s="10"/>
    </row>
    <row r="276627" spans="14:14">
      <c r="N276627" s="10"/>
    </row>
    <row r="276628" spans="14:14">
      <c r="N276628" s="10"/>
    </row>
    <row r="276629" spans="14:14">
      <c r="N276629" s="10"/>
    </row>
    <row r="276630" spans="14:14">
      <c r="N276630" s="10"/>
    </row>
    <row r="276631" spans="14:14">
      <c r="N276631" s="10"/>
    </row>
    <row r="276632" spans="14:14">
      <c r="N276632" s="10"/>
    </row>
    <row r="276633" spans="14:14">
      <c r="N276633" s="10"/>
    </row>
    <row r="276634" spans="14:14">
      <c r="N276634" s="10"/>
    </row>
    <row r="276635" spans="14:14">
      <c r="N276635" s="10"/>
    </row>
    <row r="276636" spans="14:14">
      <c r="N276636" s="10"/>
    </row>
    <row r="276637" spans="14:14">
      <c r="N276637" s="10"/>
    </row>
    <row r="276638" spans="14:14">
      <c r="N276638" s="10"/>
    </row>
    <row r="276639" spans="14:14">
      <c r="N276639" s="10"/>
    </row>
    <row r="276640" spans="14:14">
      <c r="N276640" s="10"/>
    </row>
    <row r="276641" spans="14:14">
      <c r="N276641" s="10"/>
    </row>
    <row r="276642" spans="14:14">
      <c r="N276642" s="10"/>
    </row>
    <row r="276643" spans="14:14">
      <c r="N276643" s="10"/>
    </row>
    <row r="276644" spans="14:14">
      <c r="N276644" s="10"/>
    </row>
    <row r="276645" spans="14:14">
      <c r="N276645" s="10"/>
    </row>
    <row r="276646" spans="14:14">
      <c r="N276646" s="10"/>
    </row>
    <row r="276647" spans="14:14">
      <c r="N276647" s="10"/>
    </row>
    <row r="276648" spans="14:14">
      <c r="N276648" s="10"/>
    </row>
    <row r="276649" spans="14:14">
      <c r="N276649" s="10"/>
    </row>
    <row r="276650" spans="14:14">
      <c r="N276650" s="10"/>
    </row>
    <row r="276651" spans="14:14">
      <c r="N276651" s="10"/>
    </row>
    <row r="276652" spans="14:14">
      <c r="N276652" s="10"/>
    </row>
    <row r="276653" spans="14:14">
      <c r="N276653" s="10"/>
    </row>
    <row r="276654" spans="14:14">
      <c r="N276654" s="10"/>
    </row>
    <row r="276655" spans="14:14">
      <c r="N276655" s="10"/>
    </row>
    <row r="276656" spans="14:14">
      <c r="N276656" s="10"/>
    </row>
    <row r="276657" spans="14:14">
      <c r="N276657" s="10"/>
    </row>
    <row r="276658" spans="14:14">
      <c r="N276658" s="10"/>
    </row>
    <row r="276659" spans="14:14">
      <c r="N276659" s="10"/>
    </row>
    <row r="276660" spans="14:14">
      <c r="N276660" s="10"/>
    </row>
    <row r="276661" spans="14:14">
      <c r="N276661" s="10"/>
    </row>
    <row r="276662" spans="14:14">
      <c r="N276662" s="10"/>
    </row>
    <row r="276663" spans="14:14">
      <c r="N276663" s="10"/>
    </row>
    <row r="276664" spans="14:14">
      <c r="N276664" s="10"/>
    </row>
    <row r="276665" spans="14:14">
      <c r="N276665" s="10"/>
    </row>
    <row r="276666" spans="14:14">
      <c r="N276666" s="10"/>
    </row>
    <row r="276667" spans="14:14">
      <c r="N276667" s="10"/>
    </row>
    <row r="276668" spans="14:14">
      <c r="N276668" s="10"/>
    </row>
    <row r="276669" spans="14:14">
      <c r="N276669" s="10"/>
    </row>
    <row r="276670" spans="14:14">
      <c r="N276670" s="10"/>
    </row>
    <row r="276671" spans="14:14">
      <c r="N276671" s="10"/>
    </row>
    <row r="276672" spans="14:14">
      <c r="N276672" s="10"/>
    </row>
    <row r="276673" spans="14:14">
      <c r="N276673" s="10"/>
    </row>
    <row r="276674" spans="14:14">
      <c r="N276674" s="10"/>
    </row>
    <row r="276675" spans="14:14">
      <c r="N276675" s="10"/>
    </row>
    <row r="276676" spans="14:14">
      <c r="N276676" s="10"/>
    </row>
    <row r="276677" spans="14:14">
      <c r="N276677" s="10"/>
    </row>
    <row r="276678" spans="14:14">
      <c r="N276678" s="10"/>
    </row>
    <row r="276679" spans="14:14">
      <c r="N276679" s="10"/>
    </row>
    <row r="276680" spans="14:14">
      <c r="N276680" s="10"/>
    </row>
    <row r="276681" spans="14:14">
      <c r="N276681" s="10"/>
    </row>
    <row r="276682" spans="14:14">
      <c r="N276682" s="10"/>
    </row>
    <row r="276683" spans="14:14">
      <c r="N276683" s="10"/>
    </row>
    <row r="276684" spans="14:14">
      <c r="N276684" s="10"/>
    </row>
    <row r="276685" spans="14:14">
      <c r="N276685" s="10"/>
    </row>
    <row r="276686" spans="14:14">
      <c r="N276686" s="10"/>
    </row>
    <row r="276687" spans="14:14">
      <c r="N276687" s="10"/>
    </row>
    <row r="276688" spans="14:14">
      <c r="N276688" s="10"/>
    </row>
    <row r="276689" spans="14:14">
      <c r="N276689" s="10"/>
    </row>
    <row r="276690" spans="14:14">
      <c r="N276690" s="10"/>
    </row>
    <row r="276691" spans="14:14">
      <c r="N276691" s="10"/>
    </row>
    <row r="276692" spans="14:14">
      <c r="N276692" s="10"/>
    </row>
    <row r="276693" spans="14:14">
      <c r="N276693" s="10"/>
    </row>
    <row r="276694" spans="14:14">
      <c r="N276694" s="10"/>
    </row>
    <row r="276695" spans="14:14">
      <c r="N276695" s="10"/>
    </row>
    <row r="276696" spans="14:14">
      <c r="N276696" s="10"/>
    </row>
    <row r="276697" spans="14:14">
      <c r="N276697" s="10"/>
    </row>
    <row r="276698" spans="14:14">
      <c r="N276698" s="10"/>
    </row>
    <row r="276699" spans="14:14">
      <c r="N276699" s="10"/>
    </row>
    <row r="276700" spans="14:14">
      <c r="N276700" s="10"/>
    </row>
    <row r="276701" spans="14:14">
      <c r="N276701" s="10"/>
    </row>
    <row r="276702" spans="14:14">
      <c r="N276702" s="10"/>
    </row>
    <row r="276703" spans="14:14">
      <c r="N276703" s="10"/>
    </row>
    <row r="276704" spans="14:14">
      <c r="N276704" s="10"/>
    </row>
    <row r="276705" spans="14:14">
      <c r="N276705" s="10"/>
    </row>
    <row r="276706" spans="14:14">
      <c r="N276706" s="10"/>
    </row>
    <row r="276707" spans="14:14">
      <c r="N276707" s="10"/>
    </row>
    <row r="276708" spans="14:14">
      <c r="N276708" s="10"/>
    </row>
    <row r="276709" spans="14:14">
      <c r="N276709" s="10"/>
    </row>
    <row r="276710" spans="14:14">
      <c r="N276710" s="10"/>
    </row>
    <row r="276711" spans="14:14">
      <c r="N276711" s="10"/>
    </row>
    <row r="276712" spans="14:14">
      <c r="N276712" s="10"/>
    </row>
    <row r="276713" spans="14:14">
      <c r="N276713" s="10"/>
    </row>
    <row r="276714" spans="14:14">
      <c r="N276714" s="10"/>
    </row>
    <row r="276715" spans="14:14">
      <c r="N276715" s="10"/>
    </row>
    <row r="276716" spans="14:14">
      <c r="N276716" s="10"/>
    </row>
    <row r="276717" spans="14:14">
      <c r="N276717" s="10"/>
    </row>
    <row r="276718" spans="14:14">
      <c r="N276718" s="10"/>
    </row>
    <row r="276719" spans="14:14">
      <c r="N276719" s="10"/>
    </row>
    <row r="276720" spans="14:14">
      <c r="N276720" s="10"/>
    </row>
    <row r="276721" spans="14:14">
      <c r="N276721" s="10"/>
    </row>
    <row r="276722" spans="14:14">
      <c r="N276722" s="10"/>
    </row>
    <row r="276723" spans="14:14">
      <c r="N276723" s="10"/>
    </row>
    <row r="276724" spans="14:14">
      <c r="N276724" s="10"/>
    </row>
    <row r="276725" spans="14:14">
      <c r="N276725" s="10"/>
    </row>
    <row r="276726" spans="14:14">
      <c r="N276726" s="10"/>
    </row>
    <row r="276727" spans="14:14">
      <c r="N276727" s="10"/>
    </row>
    <row r="276728" spans="14:14">
      <c r="N276728" s="10"/>
    </row>
    <row r="276729" spans="14:14">
      <c r="N276729" s="10"/>
    </row>
    <row r="276730" spans="14:14">
      <c r="N276730" s="10"/>
    </row>
    <row r="276731" spans="14:14">
      <c r="N276731" s="10"/>
    </row>
    <row r="276732" spans="14:14">
      <c r="N276732" s="10"/>
    </row>
    <row r="276733" spans="14:14">
      <c r="N276733" s="10"/>
    </row>
    <row r="276734" spans="14:14">
      <c r="N276734" s="10"/>
    </row>
    <row r="276735" spans="14:14">
      <c r="N276735" s="10"/>
    </row>
    <row r="276736" spans="14:14">
      <c r="N276736" s="10"/>
    </row>
    <row r="276737" spans="14:14">
      <c r="N276737" s="10"/>
    </row>
    <row r="276738" spans="14:14">
      <c r="N276738" s="10"/>
    </row>
    <row r="276739" spans="14:14">
      <c r="N276739" s="10"/>
    </row>
    <row r="276740" spans="14:14">
      <c r="N276740" s="10"/>
    </row>
    <row r="276741" spans="14:14">
      <c r="N276741" s="10"/>
    </row>
    <row r="276742" spans="14:14">
      <c r="N276742" s="10"/>
    </row>
    <row r="276743" spans="14:14">
      <c r="N276743" s="10"/>
    </row>
    <row r="276744" spans="14:14">
      <c r="N276744" s="10"/>
    </row>
    <row r="276745" spans="14:14">
      <c r="N276745" s="10"/>
    </row>
    <row r="276746" spans="14:14">
      <c r="N276746" s="10"/>
    </row>
    <row r="276747" spans="14:14">
      <c r="N276747" s="10"/>
    </row>
    <row r="276748" spans="14:14">
      <c r="N276748" s="10"/>
    </row>
    <row r="276749" spans="14:14">
      <c r="N276749" s="10"/>
    </row>
    <row r="276750" spans="14:14">
      <c r="N276750" s="10"/>
    </row>
    <row r="276751" spans="14:14">
      <c r="N276751" s="10"/>
    </row>
    <row r="276752" spans="14:14">
      <c r="N276752" s="10"/>
    </row>
    <row r="276753" spans="14:14">
      <c r="N276753" s="10"/>
    </row>
    <row r="276754" spans="14:14">
      <c r="N276754" s="10"/>
    </row>
    <row r="276755" spans="14:14">
      <c r="N276755" s="10"/>
    </row>
    <row r="276756" spans="14:14">
      <c r="N276756" s="10"/>
    </row>
    <row r="276757" spans="14:14">
      <c r="N276757" s="10"/>
    </row>
    <row r="276758" spans="14:14">
      <c r="N276758" s="10"/>
    </row>
    <row r="276759" spans="14:14">
      <c r="N276759" s="10"/>
    </row>
    <row r="276760" spans="14:14">
      <c r="N276760" s="10"/>
    </row>
    <row r="276761" spans="14:14">
      <c r="N276761" s="10"/>
    </row>
    <row r="276762" spans="14:14">
      <c r="N276762" s="10"/>
    </row>
    <row r="276763" spans="14:14">
      <c r="N276763" s="10"/>
    </row>
    <row r="276764" spans="14:14">
      <c r="N276764" s="10"/>
    </row>
    <row r="276765" spans="14:14">
      <c r="N276765" s="10"/>
    </row>
    <row r="276766" spans="14:14">
      <c r="N276766" s="10"/>
    </row>
    <row r="276767" spans="14:14">
      <c r="N276767" s="10"/>
    </row>
    <row r="276768" spans="14:14">
      <c r="N276768" s="10"/>
    </row>
    <row r="276769" spans="14:14">
      <c r="N276769" s="10"/>
    </row>
    <row r="276770" spans="14:14">
      <c r="N276770" s="10"/>
    </row>
    <row r="276771" spans="14:14">
      <c r="N276771" s="10"/>
    </row>
    <row r="276772" spans="14:14">
      <c r="N276772" s="10"/>
    </row>
    <row r="276773" spans="14:14">
      <c r="N276773" s="10"/>
    </row>
    <row r="276774" spans="14:14">
      <c r="N276774" s="10"/>
    </row>
    <row r="276775" spans="14:14">
      <c r="N276775" s="10"/>
    </row>
    <row r="276776" spans="14:14">
      <c r="N276776" s="10"/>
    </row>
    <row r="276777" spans="14:14">
      <c r="N276777" s="10"/>
    </row>
    <row r="276778" spans="14:14">
      <c r="N276778" s="10"/>
    </row>
    <row r="276779" spans="14:14">
      <c r="N276779" s="10"/>
    </row>
    <row r="276780" spans="14:14">
      <c r="N276780" s="10"/>
    </row>
    <row r="276781" spans="14:14">
      <c r="N276781" s="10"/>
    </row>
    <row r="276782" spans="14:14">
      <c r="N276782" s="10"/>
    </row>
    <row r="276783" spans="14:14">
      <c r="N276783" s="10"/>
    </row>
    <row r="276784" spans="14:14">
      <c r="N276784" s="10"/>
    </row>
    <row r="276785" spans="14:14">
      <c r="N276785" s="10"/>
    </row>
    <row r="276786" spans="14:14">
      <c r="N276786" s="10"/>
    </row>
    <row r="276787" spans="14:14">
      <c r="N276787" s="10"/>
    </row>
    <row r="276788" spans="14:14">
      <c r="N276788" s="10"/>
    </row>
    <row r="276789" spans="14:14">
      <c r="N276789" s="10"/>
    </row>
    <row r="276790" spans="14:14">
      <c r="N276790" s="10"/>
    </row>
    <row r="276791" spans="14:14">
      <c r="N276791" s="10"/>
    </row>
    <row r="276792" spans="14:14">
      <c r="N276792" s="10"/>
    </row>
    <row r="276793" spans="14:14">
      <c r="N276793" s="10"/>
    </row>
    <row r="276794" spans="14:14">
      <c r="N276794" s="10"/>
    </row>
    <row r="276795" spans="14:14">
      <c r="N276795" s="10"/>
    </row>
    <row r="276796" spans="14:14">
      <c r="N276796" s="10"/>
    </row>
    <row r="276797" spans="14:14">
      <c r="N276797" s="10"/>
    </row>
    <row r="276798" spans="14:14">
      <c r="N276798" s="10"/>
    </row>
    <row r="276799" spans="14:14">
      <c r="N276799" s="10"/>
    </row>
    <row r="276800" spans="14:14">
      <c r="N276800" s="10"/>
    </row>
    <row r="276801" spans="14:14">
      <c r="N276801" s="10"/>
    </row>
    <row r="276802" spans="14:14">
      <c r="N276802" s="10"/>
    </row>
    <row r="276803" spans="14:14">
      <c r="N276803" s="10"/>
    </row>
    <row r="276804" spans="14:14">
      <c r="N276804" s="10"/>
    </row>
    <row r="276805" spans="14:14">
      <c r="N276805" s="10"/>
    </row>
    <row r="276806" spans="14:14">
      <c r="N276806" s="10"/>
    </row>
    <row r="276807" spans="14:14">
      <c r="N276807" s="10"/>
    </row>
    <row r="276808" spans="14:14">
      <c r="N276808" s="10"/>
    </row>
    <row r="276809" spans="14:14">
      <c r="N276809" s="10"/>
    </row>
    <row r="276810" spans="14:14">
      <c r="N276810" s="10"/>
    </row>
    <row r="276811" spans="14:14">
      <c r="N276811" s="10"/>
    </row>
    <row r="276812" spans="14:14">
      <c r="N276812" s="10"/>
    </row>
    <row r="276813" spans="14:14">
      <c r="N276813" s="10"/>
    </row>
    <row r="276814" spans="14:14">
      <c r="N276814" s="10"/>
    </row>
    <row r="276815" spans="14:14">
      <c r="N276815" s="10"/>
    </row>
    <row r="276816" spans="14:14">
      <c r="N276816" s="10"/>
    </row>
    <row r="276817" spans="14:14">
      <c r="N276817" s="10"/>
    </row>
    <row r="276818" spans="14:14">
      <c r="N276818" s="10"/>
    </row>
    <row r="276819" spans="14:14">
      <c r="N276819" s="10"/>
    </row>
    <row r="276820" spans="14:14">
      <c r="N276820" s="10"/>
    </row>
    <row r="276821" spans="14:14">
      <c r="N276821" s="10"/>
    </row>
    <row r="276822" spans="14:14">
      <c r="N276822" s="10"/>
    </row>
    <row r="276823" spans="14:14">
      <c r="N276823" s="10"/>
    </row>
    <row r="276824" spans="14:14">
      <c r="N276824" s="10"/>
    </row>
    <row r="276825" spans="14:14">
      <c r="N276825" s="10"/>
    </row>
    <row r="276826" spans="14:14">
      <c r="N276826" s="10"/>
    </row>
    <row r="276827" spans="14:14">
      <c r="N276827" s="10"/>
    </row>
    <row r="276828" spans="14:14">
      <c r="N276828" s="10"/>
    </row>
    <row r="276829" spans="14:14">
      <c r="N276829" s="10"/>
    </row>
    <row r="276830" spans="14:14">
      <c r="N276830" s="10"/>
    </row>
    <row r="276831" spans="14:14">
      <c r="N276831" s="10"/>
    </row>
    <row r="276832" spans="14:14">
      <c r="N276832" s="10"/>
    </row>
    <row r="276833" spans="14:14">
      <c r="N276833" s="10"/>
    </row>
    <row r="276834" spans="14:14">
      <c r="N276834" s="10"/>
    </row>
    <row r="276835" spans="14:14">
      <c r="N276835" s="10"/>
    </row>
    <row r="276836" spans="14:14">
      <c r="N276836" s="10"/>
    </row>
    <row r="276837" spans="14:14">
      <c r="N276837" s="10"/>
    </row>
    <row r="276838" spans="14:14">
      <c r="N276838" s="10"/>
    </row>
    <row r="276839" spans="14:14">
      <c r="N276839" s="10"/>
    </row>
    <row r="276840" spans="14:14">
      <c r="N276840" s="10"/>
    </row>
    <row r="276841" spans="14:14">
      <c r="N276841" s="10"/>
    </row>
    <row r="276842" spans="14:14">
      <c r="N276842" s="10"/>
    </row>
    <row r="276843" spans="14:14">
      <c r="N276843" s="10"/>
    </row>
    <row r="276844" spans="14:14">
      <c r="N276844" s="10"/>
    </row>
    <row r="276845" spans="14:14">
      <c r="N276845" s="10"/>
    </row>
    <row r="276846" spans="14:14">
      <c r="N276846" s="10"/>
    </row>
    <row r="276847" spans="14:14">
      <c r="N276847" s="10"/>
    </row>
    <row r="276848" spans="14:14">
      <c r="N276848" s="10"/>
    </row>
    <row r="276849" spans="14:14">
      <c r="N276849" s="10"/>
    </row>
    <row r="276850" spans="14:14">
      <c r="N276850" s="10"/>
    </row>
    <row r="276851" spans="14:14">
      <c r="N276851" s="10"/>
    </row>
    <row r="276852" spans="14:14">
      <c r="N276852" s="10"/>
    </row>
    <row r="276853" spans="14:14">
      <c r="N276853" s="10"/>
    </row>
    <row r="276854" spans="14:14">
      <c r="N276854" s="10"/>
    </row>
    <row r="276855" spans="14:14">
      <c r="N276855" s="10"/>
    </row>
    <row r="276856" spans="14:14">
      <c r="N276856" s="10"/>
    </row>
    <row r="276857" spans="14:14">
      <c r="N276857" s="10"/>
    </row>
    <row r="276858" spans="14:14">
      <c r="N276858" s="10"/>
    </row>
    <row r="276859" spans="14:14">
      <c r="N276859" s="10"/>
    </row>
    <row r="276860" spans="14:14">
      <c r="N276860" s="10"/>
    </row>
    <row r="276861" spans="14:14">
      <c r="N276861" s="10"/>
    </row>
    <row r="276862" spans="14:14">
      <c r="N276862" s="10"/>
    </row>
    <row r="276863" spans="14:14">
      <c r="N276863" s="10"/>
    </row>
    <row r="276864" spans="14:14">
      <c r="N276864" s="10"/>
    </row>
    <row r="276865" spans="14:14">
      <c r="N276865" s="10"/>
    </row>
    <row r="276866" spans="14:14">
      <c r="N276866" s="10"/>
    </row>
    <row r="276867" spans="14:14">
      <c r="N276867" s="10"/>
    </row>
    <row r="276868" spans="14:14">
      <c r="N276868" s="10"/>
    </row>
    <row r="276869" spans="14:14">
      <c r="N276869" s="10"/>
    </row>
    <row r="276870" spans="14:14">
      <c r="N276870" s="10"/>
    </row>
    <row r="276871" spans="14:14">
      <c r="N276871" s="10"/>
    </row>
    <row r="276872" spans="14:14">
      <c r="N276872" s="10"/>
    </row>
    <row r="276873" spans="14:14">
      <c r="N276873" s="10"/>
    </row>
    <row r="276874" spans="14:14">
      <c r="N276874" s="10"/>
    </row>
    <row r="276875" spans="14:14">
      <c r="N276875" s="10"/>
    </row>
    <row r="276876" spans="14:14">
      <c r="N276876" s="10"/>
    </row>
    <row r="276877" spans="14:14">
      <c r="N276877" s="10"/>
    </row>
    <row r="276878" spans="14:14">
      <c r="N276878" s="10"/>
    </row>
    <row r="276879" spans="14:14">
      <c r="N276879" s="10"/>
    </row>
    <row r="276880" spans="14:14">
      <c r="N276880" s="10"/>
    </row>
    <row r="276881" spans="14:14">
      <c r="N276881" s="10"/>
    </row>
    <row r="276882" spans="14:14">
      <c r="N276882" s="10"/>
    </row>
    <row r="276883" spans="14:14">
      <c r="N276883" s="10"/>
    </row>
    <row r="276884" spans="14:14">
      <c r="N276884" s="10"/>
    </row>
    <row r="276885" spans="14:14">
      <c r="N276885" s="10"/>
    </row>
    <row r="276886" spans="14:14">
      <c r="N276886" s="10"/>
    </row>
    <row r="276887" spans="14:14">
      <c r="N276887" s="10"/>
    </row>
    <row r="276888" spans="14:14">
      <c r="N276888" s="10"/>
    </row>
    <row r="276889" spans="14:14">
      <c r="N276889" s="10"/>
    </row>
    <row r="276890" spans="14:14">
      <c r="N276890" s="10"/>
    </row>
    <row r="276891" spans="14:14">
      <c r="N276891" s="10"/>
    </row>
    <row r="276892" spans="14:14">
      <c r="N276892" s="10"/>
    </row>
    <row r="276893" spans="14:14">
      <c r="N276893" s="10"/>
    </row>
    <row r="276894" spans="14:14">
      <c r="N276894" s="10"/>
    </row>
    <row r="276895" spans="14:14">
      <c r="N276895" s="10"/>
    </row>
    <row r="276896" spans="14:14">
      <c r="N276896" s="10"/>
    </row>
    <row r="276897" spans="14:14">
      <c r="N276897" s="10"/>
    </row>
    <row r="276898" spans="14:14">
      <c r="N276898" s="10"/>
    </row>
    <row r="276899" spans="14:14">
      <c r="N276899" s="10"/>
    </row>
    <row r="276900" spans="14:14">
      <c r="N276900" s="10"/>
    </row>
    <row r="276901" spans="14:14">
      <c r="N276901" s="10"/>
    </row>
    <row r="276902" spans="14:14">
      <c r="N276902" s="10"/>
    </row>
    <row r="276903" spans="14:14">
      <c r="N276903" s="10"/>
    </row>
    <row r="276904" spans="14:14">
      <c r="N276904" s="10"/>
    </row>
    <row r="276905" spans="14:14">
      <c r="N276905" s="10"/>
    </row>
    <row r="276906" spans="14:14">
      <c r="N276906" s="10"/>
    </row>
    <row r="276907" spans="14:14">
      <c r="N276907" s="10"/>
    </row>
    <row r="276908" spans="14:14">
      <c r="N276908" s="10"/>
    </row>
    <row r="276909" spans="14:14">
      <c r="N276909" s="10"/>
    </row>
    <row r="276910" spans="14:14">
      <c r="N276910" s="10"/>
    </row>
    <row r="276911" spans="14:14">
      <c r="N276911" s="10"/>
    </row>
    <row r="276912" spans="14:14">
      <c r="N276912" s="10"/>
    </row>
    <row r="276913" spans="14:14">
      <c r="N276913" s="10"/>
    </row>
    <row r="276914" spans="14:14">
      <c r="N276914" s="10"/>
    </row>
    <row r="276915" spans="14:14">
      <c r="N276915" s="10"/>
    </row>
    <row r="276916" spans="14:14">
      <c r="N276916" s="10"/>
    </row>
    <row r="276917" spans="14:14">
      <c r="N276917" s="10"/>
    </row>
    <row r="276918" spans="14:14">
      <c r="N276918" s="10"/>
    </row>
    <row r="276919" spans="14:14">
      <c r="N276919" s="10"/>
    </row>
    <row r="276920" spans="14:14">
      <c r="N276920" s="10"/>
    </row>
    <row r="276921" spans="14:14">
      <c r="N276921" s="10"/>
    </row>
    <row r="276922" spans="14:14">
      <c r="N276922" s="10"/>
    </row>
    <row r="276923" spans="14:14">
      <c r="N276923" s="10"/>
    </row>
    <row r="276924" spans="14:14">
      <c r="N276924" s="10"/>
    </row>
    <row r="276925" spans="14:14">
      <c r="N276925" s="10"/>
    </row>
    <row r="276926" spans="14:14">
      <c r="N276926" s="10"/>
    </row>
    <row r="276927" spans="14:14">
      <c r="N276927" s="10"/>
    </row>
    <row r="276928" spans="14:14">
      <c r="N276928" s="10"/>
    </row>
    <row r="276929" spans="14:14">
      <c r="N276929" s="10"/>
    </row>
    <row r="276930" spans="14:14">
      <c r="N276930" s="10"/>
    </row>
    <row r="276931" spans="14:14">
      <c r="N276931" s="10"/>
    </row>
    <row r="276932" spans="14:14">
      <c r="N276932" s="10"/>
    </row>
    <row r="276933" spans="14:14">
      <c r="N276933" s="10"/>
    </row>
    <row r="276934" spans="14:14">
      <c r="N276934" s="10"/>
    </row>
    <row r="276935" spans="14:14">
      <c r="N276935" s="10"/>
    </row>
    <row r="276936" spans="14:14">
      <c r="N276936" s="10"/>
    </row>
    <row r="276937" spans="14:14">
      <c r="N276937" s="10"/>
    </row>
    <row r="276938" spans="14:14">
      <c r="N276938" s="10"/>
    </row>
    <row r="276939" spans="14:14">
      <c r="N276939" s="10"/>
    </row>
    <row r="276940" spans="14:14">
      <c r="N276940" s="10"/>
    </row>
    <row r="276941" spans="14:14">
      <c r="N276941" s="10"/>
    </row>
    <row r="276942" spans="14:14">
      <c r="N276942" s="10"/>
    </row>
    <row r="276943" spans="14:14">
      <c r="N276943" s="10"/>
    </row>
    <row r="276944" spans="14:14">
      <c r="N276944" s="10"/>
    </row>
    <row r="276945" spans="14:14">
      <c r="N276945" s="10"/>
    </row>
    <row r="276946" spans="14:14">
      <c r="N276946" s="10"/>
    </row>
    <row r="276947" spans="14:14">
      <c r="N276947" s="10"/>
    </row>
    <row r="276948" spans="14:14">
      <c r="N276948" s="10"/>
    </row>
    <row r="276949" spans="14:14">
      <c r="N276949" s="10"/>
    </row>
    <row r="276950" spans="14:14">
      <c r="N276950" s="10"/>
    </row>
    <row r="276951" spans="14:14">
      <c r="N276951" s="10"/>
    </row>
    <row r="276952" spans="14:14">
      <c r="N276952" s="10"/>
    </row>
    <row r="276953" spans="14:14">
      <c r="N276953" s="10"/>
    </row>
    <row r="276954" spans="14:14">
      <c r="N276954" s="10"/>
    </row>
    <row r="276955" spans="14:14">
      <c r="N276955" s="10"/>
    </row>
    <row r="276956" spans="14:14">
      <c r="N276956" s="10"/>
    </row>
    <row r="276957" spans="14:14">
      <c r="N276957" s="10"/>
    </row>
    <row r="276958" spans="14:14">
      <c r="N276958" s="10"/>
    </row>
    <row r="276959" spans="14:14">
      <c r="N276959" s="10"/>
    </row>
    <row r="276960" spans="14:14">
      <c r="N276960" s="10"/>
    </row>
    <row r="276961" spans="14:14">
      <c r="N276961" s="10"/>
    </row>
    <row r="276962" spans="14:14">
      <c r="N276962" s="10"/>
    </row>
    <row r="276963" spans="14:14">
      <c r="N276963" s="10"/>
    </row>
    <row r="276964" spans="14:14">
      <c r="N276964" s="10"/>
    </row>
    <row r="276965" spans="14:14">
      <c r="N276965" s="10"/>
    </row>
    <row r="276966" spans="14:14">
      <c r="N276966" s="10"/>
    </row>
    <row r="276967" spans="14:14">
      <c r="N276967" s="10"/>
    </row>
    <row r="276968" spans="14:14">
      <c r="N276968" s="10"/>
    </row>
    <row r="276969" spans="14:14">
      <c r="N276969" s="10"/>
    </row>
    <row r="276970" spans="14:14">
      <c r="N276970" s="10"/>
    </row>
    <row r="276971" spans="14:14">
      <c r="N276971" s="10"/>
    </row>
    <row r="276972" spans="14:14">
      <c r="N276972" s="10"/>
    </row>
    <row r="276973" spans="14:14">
      <c r="N276973" s="10"/>
    </row>
    <row r="276974" spans="14:14">
      <c r="N276974" s="10"/>
    </row>
    <row r="276975" spans="14:14">
      <c r="N276975" s="10"/>
    </row>
    <row r="276976" spans="14:14">
      <c r="N276976" s="10"/>
    </row>
    <row r="276977" spans="14:14">
      <c r="N276977" s="10"/>
    </row>
    <row r="276978" spans="14:14">
      <c r="N276978" s="10"/>
    </row>
    <row r="276979" spans="14:14">
      <c r="N276979" s="10"/>
    </row>
    <row r="276980" spans="14:14">
      <c r="N276980" s="10"/>
    </row>
    <row r="276981" spans="14:14">
      <c r="N276981" s="10"/>
    </row>
    <row r="276982" spans="14:14">
      <c r="N276982" s="10"/>
    </row>
    <row r="276983" spans="14:14">
      <c r="N276983" s="10"/>
    </row>
    <row r="276984" spans="14:14">
      <c r="N276984" s="10"/>
    </row>
    <row r="276985" spans="14:14">
      <c r="N276985" s="10"/>
    </row>
    <row r="276986" spans="14:14">
      <c r="N276986" s="10"/>
    </row>
    <row r="276987" spans="14:14">
      <c r="N276987" s="10"/>
    </row>
    <row r="276988" spans="14:14">
      <c r="N276988" s="10"/>
    </row>
    <row r="276989" spans="14:14">
      <c r="N276989" s="10"/>
    </row>
    <row r="276990" spans="14:14">
      <c r="N276990" s="10"/>
    </row>
    <row r="276991" spans="14:14">
      <c r="N276991" s="10"/>
    </row>
    <row r="276992" spans="14:14">
      <c r="N276992" s="10"/>
    </row>
    <row r="276993" spans="14:14">
      <c r="N276993" s="10"/>
    </row>
    <row r="276994" spans="14:14">
      <c r="N276994" s="10"/>
    </row>
    <row r="276995" spans="14:14">
      <c r="N276995" s="10"/>
    </row>
    <row r="276996" spans="14:14">
      <c r="N276996" s="10"/>
    </row>
    <row r="276997" spans="14:14">
      <c r="N276997" s="10"/>
    </row>
    <row r="276998" spans="14:14">
      <c r="N276998" s="10"/>
    </row>
    <row r="276999" spans="14:14">
      <c r="N276999" s="10"/>
    </row>
    <row r="277000" spans="14:14">
      <c r="N277000" s="10"/>
    </row>
    <row r="277001" spans="14:14">
      <c r="N277001" s="10"/>
    </row>
    <row r="277002" spans="14:14">
      <c r="N277002" s="10"/>
    </row>
    <row r="277003" spans="14:14">
      <c r="N277003" s="10"/>
    </row>
    <row r="277004" spans="14:14">
      <c r="N277004" s="10"/>
    </row>
    <row r="277005" spans="14:14">
      <c r="N277005" s="10"/>
    </row>
    <row r="277006" spans="14:14">
      <c r="N277006" s="10"/>
    </row>
    <row r="277007" spans="14:14">
      <c r="N277007" s="10"/>
    </row>
    <row r="277008" spans="14:14">
      <c r="N277008" s="10"/>
    </row>
    <row r="277009" spans="14:14">
      <c r="N277009" s="10"/>
    </row>
    <row r="277010" spans="14:14">
      <c r="N277010" s="10"/>
    </row>
    <row r="277011" spans="14:14">
      <c r="N277011" s="10"/>
    </row>
    <row r="277012" spans="14:14">
      <c r="N277012" s="10"/>
    </row>
    <row r="277013" spans="14:14">
      <c r="N277013" s="10"/>
    </row>
    <row r="277014" spans="14:14">
      <c r="N277014" s="10"/>
    </row>
    <row r="277015" spans="14:14">
      <c r="N277015" s="10"/>
    </row>
    <row r="277016" spans="14:14">
      <c r="N277016" s="10"/>
    </row>
    <row r="277017" spans="14:14">
      <c r="N277017" s="10"/>
    </row>
    <row r="277018" spans="14:14">
      <c r="N277018" s="10"/>
    </row>
    <row r="277019" spans="14:14">
      <c r="N277019" s="10"/>
    </row>
    <row r="277020" spans="14:14">
      <c r="N277020" s="10"/>
    </row>
    <row r="277021" spans="14:14">
      <c r="N277021" s="10"/>
    </row>
    <row r="277022" spans="14:14">
      <c r="N277022" s="10"/>
    </row>
    <row r="277023" spans="14:14">
      <c r="N277023" s="10"/>
    </row>
    <row r="277024" spans="14:14">
      <c r="N277024" s="10"/>
    </row>
    <row r="277025" spans="14:14">
      <c r="N277025" s="10"/>
    </row>
    <row r="277026" spans="14:14">
      <c r="N277026" s="10"/>
    </row>
    <row r="277027" spans="14:14">
      <c r="N277027" s="10"/>
    </row>
    <row r="277028" spans="14:14">
      <c r="N277028" s="10"/>
    </row>
    <row r="277029" spans="14:14">
      <c r="N277029" s="10"/>
    </row>
    <row r="277030" spans="14:14">
      <c r="N277030" s="10"/>
    </row>
    <row r="277031" spans="14:14">
      <c r="N277031" s="10"/>
    </row>
    <row r="277032" spans="14:14">
      <c r="N277032" s="10"/>
    </row>
    <row r="277033" spans="14:14">
      <c r="N277033" s="10"/>
    </row>
    <row r="277034" spans="14:14">
      <c r="N277034" s="10"/>
    </row>
    <row r="277035" spans="14:14">
      <c r="N277035" s="10"/>
    </row>
    <row r="277036" spans="14:14">
      <c r="N277036" s="10"/>
    </row>
    <row r="277037" spans="14:14">
      <c r="N277037" s="10"/>
    </row>
    <row r="277038" spans="14:14">
      <c r="N277038" s="10"/>
    </row>
    <row r="277039" spans="14:14">
      <c r="N277039" s="10"/>
    </row>
    <row r="277040" spans="14:14">
      <c r="N277040" s="10"/>
    </row>
    <row r="277041" spans="14:14">
      <c r="N277041" s="10"/>
    </row>
    <row r="277042" spans="14:14">
      <c r="N277042" s="10"/>
    </row>
    <row r="277043" spans="14:14">
      <c r="N277043" s="10"/>
    </row>
    <row r="277044" spans="14:14">
      <c r="N277044" s="10"/>
    </row>
    <row r="277045" spans="14:14">
      <c r="N277045" s="10"/>
    </row>
    <row r="277046" spans="14:14">
      <c r="N277046" s="10"/>
    </row>
    <row r="277047" spans="14:14">
      <c r="N277047" s="10"/>
    </row>
    <row r="277048" spans="14:14">
      <c r="N277048" s="10"/>
    </row>
    <row r="277049" spans="14:14">
      <c r="N277049" s="10"/>
    </row>
    <row r="277050" spans="14:14">
      <c r="N277050" s="10"/>
    </row>
    <row r="277051" spans="14:14">
      <c r="N277051" s="10"/>
    </row>
    <row r="277052" spans="14:14">
      <c r="N277052" s="10"/>
    </row>
    <row r="277053" spans="14:14">
      <c r="N277053" s="10"/>
    </row>
    <row r="277054" spans="14:14">
      <c r="N277054" s="10"/>
    </row>
    <row r="277055" spans="14:14">
      <c r="N277055" s="10"/>
    </row>
    <row r="277056" spans="14:14">
      <c r="N277056" s="10"/>
    </row>
    <row r="277057" spans="14:14">
      <c r="N277057" s="10"/>
    </row>
    <row r="277058" spans="14:14">
      <c r="N277058" s="10"/>
    </row>
    <row r="277059" spans="14:14">
      <c r="N277059" s="10"/>
    </row>
    <row r="277060" spans="14:14">
      <c r="N277060" s="10"/>
    </row>
    <row r="277061" spans="14:14">
      <c r="N277061" s="10"/>
    </row>
    <row r="277062" spans="14:14">
      <c r="N277062" s="10"/>
    </row>
    <row r="277063" spans="14:14">
      <c r="N277063" s="10"/>
    </row>
    <row r="277064" spans="14:14">
      <c r="N277064" s="10"/>
    </row>
    <row r="277065" spans="14:14">
      <c r="N277065" s="10"/>
    </row>
    <row r="277066" spans="14:14">
      <c r="N277066" s="10"/>
    </row>
    <row r="277067" spans="14:14">
      <c r="N277067" s="10"/>
    </row>
    <row r="277068" spans="14:14">
      <c r="N277068" s="10"/>
    </row>
    <row r="277069" spans="14:14">
      <c r="N277069" s="10"/>
    </row>
    <row r="277070" spans="14:14">
      <c r="N277070" s="10"/>
    </row>
    <row r="277071" spans="14:14">
      <c r="N277071" s="10"/>
    </row>
    <row r="277072" spans="14:14">
      <c r="N277072" s="10"/>
    </row>
    <row r="277073" spans="14:14">
      <c r="N277073" s="10"/>
    </row>
    <row r="277074" spans="14:14">
      <c r="N277074" s="10"/>
    </row>
    <row r="277075" spans="14:14">
      <c r="N277075" s="10"/>
    </row>
    <row r="277076" spans="14:14">
      <c r="N277076" s="10"/>
    </row>
    <row r="277077" spans="14:14">
      <c r="N277077" s="10"/>
    </row>
    <row r="277078" spans="14:14">
      <c r="N277078" s="10"/>
    </row>
    <row r="277079" spans="14:14">
      <c r="N277079" s="10"/>
    </row>
    <row r="277080" spans="14:14">
      <c r="N277080" s="10"/>
    </row>
    <row r="277081" spans="14:14">
      <c r="N277081" s="10"/>
    </row>
    <row r="277082" spans="14:14">
      <c r="N277082" s="10"/>
    </row>
    <row r="277083" spans="14:14">
      <c r="N277083" s="10"/>
    </row>
    <row r="277084" spans="14:14">
      <c r="N277084" s="10"/>
    </row>
    <row r="277085" spans="14:14">
      <c r="N277085" s="10"/>
    </row>
    <row r="277086" spans="14:14">
      <c r="N277086" s="10"/>
    </row>
    <row r="277087" spans="14:14">
      <c r="N277087" s="10"/>
    </row>
    <row r="277088" spans="14:14">
      <c r="N277088" s="10"/>
    </row>
    <row r="277089" spans="14:14">
      <c r="N277089" s="10"/>
    </row>
    <row r="277090" spans="14:14">
      <c r="N277090" s="10"/>
    </row>
    <row r="277091" spans="14:14">
      <c r="N277091" s="10"/>
    </row>
    <row r="277092" spans="14:14">
      <c r="N277092" s="10"/>
    </row>
    <row r="277093" spans="14:14">
      <c r="N277093" s="10"/>
    </row>
    <row r="277094" spans="14:14">
      <c r="N277094" s="10"/>
    </row>
    <row r="277095" spans="14:14">
      <c r="N277095" s="10"/>
    </row>
    <row r="277096" spans="14:14">
      <c r="N277096" s="10"/>
    </row>
    <row r="277097" spans="14:14">
      <c r="N277097" s="10"/>
    </row>
    <row r="277098" spans="14:14">
      <c r="N277098" s="10"/>
    </row>
    <row r="277099" spans="14:14">
      <c r="N277099" s="10"/>
    </row>
    <row r="277100" spans="14:14">
      <c r="N277100" s="10"/>
    </row>
    <row r="277101" spans="14:14">
      <c r="N277101" s="10"/>
    </row>
    <row r="277102" spans="14:14">
      <c r="N277102" s="10"/>
    </row>
    <row r="277103" spans="14:14">
      <c r="N277103" s="10"/>
    </row>
    <row r="277104" spans="14:14">
      <c r="N277104" s="10"/>
    </row>
    <row r="277105" spans="14:14">
      <c r="N277105" s="10"/>
    </row>
    <row r="277106" spans="14:14">
      <c r="N277106" s="10"/>
    </row>
    <row r="277107" spans="14:14">
      <c r="N277107" s="10"/>
    </row>
    <row r="277108" spans="14:14">
      <c r="N277108" s="10"/>
    </row>
    <row r="277109" spans="14:14">
      <c r="N277109" s="10"/>
    </row>
    <row r="277110" spans="14:14">
      <c r="N277110" s="10"/>
    </row>
    <row r="277111" spans="14:14">
      <c r="N277111" s="10"/>
    </row>
    <row r="277112" spans="14:14">
      <c r="N277112" s="10"/>
    </row>
    <row r="277113" spans="14:14">
      <c r="N277113" s="10"/>
    </row>
    <row r="277114" spans="14:14">
      <c r="N277114" s="10"/>
    </row>
    <row r="277115" spans="14:14">
      <c r="N277115" s="10"/>
    </row>
    <row r="277116" spans="14:14">
      <c r="N277116" s="10"/>
    </row>
    <row r="277117" spans="14:14">
      <c r="N277117" s="10"/>
    </row>
    <row r="277118" spans="14:14">
      <c r="N277118" s="10"/>
    </row>
    <row r="277119" spans="14:14">
      <c r="N277119" s="10"/>
    </row>
    <row r="277120" spans="14:14">
      <c r="N277120" s="10"/>
    </row>
    <row r="277121" spans="14:14">
      <c r="N277121" s="10"/>
    </row>
    <row r="277122" spans="14:14">
      <c r="N277122" s="10"/>
    </row>
    <row r="277123" spans="14:14">
      <c r="N277123" s="10"/>
    </row>
    <row r="277124" spans="14:14">
      <c r="N277124" s="10"/>
    </row>
    <row r="277125" spans="14:14">
      <c r="N277125" s="10"/>
    </row>
    <row r="277126" spans="14:14">
      <c r="N277126" s="10"/>
    </row>
    <row r="277127" spans="14:14">
      <c r="N277127" s="10"/>
    </row>
    <row r="277128" spans="14:14">
      <c r="N277128" s="10"/>
    </row>
    <row r="277129" spans="14:14">
      <c r="N277129" s="10"/>
    </row>
    <row r="277130" spans="14:14">
      <c r="N277130" s="10"/>
    </row>
    <row r="277131" spans="14:14">
      <c r="N277131" s="10"/>
    </row>
    <row r="277132" spans="14:14">
      <c r="N277132" s="10"/>
    </row>
    <row r="277133" spans="14:14">
      <c r="N277133" s="10"/>
    </row>
    <row r="277134" spans="14:14">
      <c r="N277134" s="10"/>
    </row>
    <row r="277135" spans="14:14">
      <c r="N277135" s="10"/>
    </row>
    <row r="277136" spans="14:14">
      <c r="N277136" s="10"/>
    </row>
    <row r="277137" spans="14:14">
      <c r="N277137" s="10"/>
    </row>
    <row r="277138" spans="14:14">
      <c r="N277138" s="10"/>
    </row>
    <row r="277139" spans="14:14">
      <c r="N277139" s="10"/>
    </row>
    <row r="277140" spans="14:14">
      <c r="N277140" s="10"/>
    </row>
    <row r="277141" spans="14:14">
      <c r="N277141" s="10"/>
    </row>
    <row r="277142" spans="14:14">
      <c r="N277142" s="10"/>
    </row>
    <row r="277143" spans="14:14">
      <c r="N277143" s="10"/>
    </row>
    <row r="277144" spans="14:14">
      <c r="N277144" s="10"/>
    </row>
    <row r="277145" spans="14:14">
      <c r="N277145" s="10"/>
    </row>
    <row r="277146" spans="14:14">
      <c r="N277146" s="10"/>
    </row>
    <row r="277147" spans="14:14">
      <c r="N277147" s="10"/>
    </row>
    <row r="277148" spans="14:14">
      <c r="N277148" s="10"/>
    </row>
    <row r="277149" spans="14:14">
      <c r="N277149" s="10"/>
    </row>
    <row r="277150" spans="14:14">
      <c r="N277150" s="10"/>
    </row>
    <row r="277151" spans="14:14">
      <c r="N277151" s="10"/>
    </row>
    <row r="277152" spans="14:14">
      <c r="N277152" s="10"/>
    </row>
    <row r="277153" spans="14:14">
      <c r="N277153" s="10"/>
    </row>
    <row r="277154" spans="14:14">
      <c r="N277154" s="10"/>
    </row>
    <row r="277155" spans="14:14">
      <c r="N277155" s="10"/>
    </row>
    <row r="277156" spans="14:14">
      <c r="N277156" s="10"/>
    </row>
    <row r="277157" spans="14:14">
      <c r="N277157" s="10"/>
    </row>
    <row r="277158" spans="14:14">
      <c r="N277158" s="10"/>
    </row>
    <row r="277159" spans="14:14">
      <c r="N277159" s="10"/>
    </row>
    <row r="277160" spans="14:14">
      <c r="N277160" s="10"/>
    </row>
    <row r="277161" spans="14:14">
      <c r="N277161" s="10"/>
    </row>
    <row r="277162" spans="14:14">
      <c r="N277162" s="10"/>
    </row>
    <row r="277163" spans="14:14">
      <c r="N277163" s="10"/>
    </row>
    <row r="277164" spans="14:14">
      <c r="N277164" s="10"/>
    </row>
    <row r="277165" spans="14:14">
      <c r="N277165" s="10"/>
    </row>
    <row r="277166" spans="14:14">
      <c r="N277166" s="10"/>
    </row>
    <row r="277167" spans="14:14">
      <c r="N277167" s="10"/>
    </row>
    <row r="277168" spans="14:14">
      <c r="N277168" s="10"/>
    </row>
    <row r="277169" spans="14:14">
      <c r="N277169" s="10"/>
    </row>
    <row r="277170" spans="14:14">
      <c r="N277170" s="10"/>
    </row>
    <row r="277171" spans="14:14">
      <c r="N277171" s="10"/>
    </row>
    <row r="277172" spans="14:14">
      <c r="N277172" s="10"/>
    </row>
    <row r="277173" spans="14:14">
      <c r="N277173" s="10"/>
    </row>
    <row r="277174" spans="14:14">
      <c r="N277174" s="10"/>
    </row>
    <row r="277175" spans="14:14">
      <c r="N277175" s="10"/>
    </row>
    <row r="277176" spans="14:14">
      <c r="N277176" s="10"/>
    </row>
    <row r="277177" spans="14:14">
      <c r="N277177" s="10"/>
    </row>
    <row r="277178" spans="14:14">
      <c r="N277178" s="10"/>
    </row>
    <row r="277179" spans="14:14">
      <c r="N277179" s="10"/>
    </row>
    <row r="277180" spans="14:14">
      <c r="N277180" s="10"/>
    </row>
    <row r="277181" spans="14:14">
      <c r="N277181" s="10"/>
    </row>
    <row r="277182" spans="14:14">
      <c r="N277182" s="10"/>
    </row>
    <row r="277183" spans="14:14">
      <c r="N277183" s="10"/>
    </row>
    <row r="277184" spans="14:14">
      <c r="N277184" s="10"/>
    </row>
    <row r="277185" spans="14:14">
      <c r="N277185" s="10"/>
    </row>
    <row r="277186" spans="14:14">
      <c r="N277186" s="10"/>
    </row>
    <row r="277187" spans="14:14">
      <c r="N277187" s="10"/>
    </row>
    <row r="277188" spans="14:14">
      <c r="N277188" s="10"/>
    </row>
    <row r="277189" spans="14:14">
      <c r="N277189" s="10"/>
    </row>
    <row r="277190" spans="14:14">
      <c r="N277190" s="10"/>
    </row>
    <row r="277191" spans="14:14">
      <c r="N277191" s="10"/>
    </row>
    <row r="277192" spans="14:14">
      <c r="N277192" s="10"/>
    </row>
    <row r="277193" spans="14:14">
      <c r="N277193" s="10"/>
    </row>
    <row r="277194" spans="14:14">
      <c r="N277194" s="10"/>
    </row>
    <row r="277195" spans="14:14">
      <c r="N277195" s="10"/>
    </row>
    <row r="277196" spans="14:14">
      <c r="N277196" s="10"/>
    </row>
    <row r="277197" spans="14:14">
      <c r="N277197" s="10"/>
    </row>
    <row r="277198" spans="14:14">
      <c r="N277198" s="10"/>
    </row>
    <row r="277199" spans="14:14">
      <c r="N277199" s="10"/>
    </row>
    <row r="277200" spans="14:14">
      <c r="N277200" s="10"/>
    </row>
    <row r="277201" spans="14:14">
      <c r="N277201" s="10"/>
    </row>
    <row r="277202" spans="14:14">
      <c r="N277202" s="10"/>
    </row>
    <row r="277203" spans="14:14">
      <c r="N277203" s="10"/>
    </row>
    <row r="277204" spans="14:14">
      <c r="N277204" s="10"/>
    </row>
    <row r="277205" spans="14:14">
      <c r="N277205" s="10"/>
    </row>
    <row r="277206" spans="14:14">
      <c r="N277206" s="10"/>
    </row>
    <row r="277207" spans="14:14">
      <c r="N277207" s="10"/>
    </row>
    <row r="277208" spans="14:14">
      <c r="N277208" s="10"/>
    </row>
    <row r="277209" spans="14:14">
      <c r="N277209" s="10"/>
    </row>
    <row r="277210" spans="14:14">
      <c r="N277210" s="10"/>
    </row>
    <row r="277211" spans="14:14">
      <c r="N277211" s="10"/>
    </row>
    <row r="277212" spans="14:14">
      <c r="N277212" s="10"/>
    </row>
    <row r="277213" spans="14:14">
      <c r="N277213" s="10"/>
    </row>
    <row r="277214" spans="14:14">
      <c r="N277214" s="10"/>
    </row>
    <row r="277215" spans="14:14">
      <c r="N277215" s="10"/>
    </row>
    <row r="277216" spans="14:14">
      <c r="N277216" s="10"/>
    </row>
    <row r="277217" spans="14:14">
      <c r="N277217" s="10"/>
    </row>
    <row r="277218" spans="14:14">
      <c r="N277218" s="10"/>
    </row>
    <row r="277219" spans="14:14">
      <c r="N277219" s="10"/>
    </row>
    <row r="277220" spans="14:14">
      <c r="N277220" s="10"/>
    </row>
    <row r="277221" spans="14:14">
      <c r="N277221" s="10"/>
    </row>
    <row r="277222" spans="14:14">
      <c r="N277222" s="10"/>
    </row>
    <row r="277223" spans="14:14">
      <c r="N277223" s="10"/>
    </row>
    <row r="277224" spans="14:14">
      <c r="N277224" s="10"/>
    </row>
    <row r="277225" spans="14:14">
      <c r="N277225" s="10"/>
    </row>
    <row r="277226" spans="14:14">
      <c r="N277226" s="10"/>
    </row>
    <row r="277227" spans="14:14">
      <c r="N277227" s="10"/>
    </row>
    <row r="277228" spans="14:14">
      <c r="N277228" s="10"/>
    </row>
    <row r="277229" spans="14:14">
      <c r="N277229" s="10"/>
    </row>
    <row r="277230" spans="14:14">
      <c r="N277230" s="10"/>
    </row>
    <row r="277231" spans="14:14">
      <c r="N277231" s="10"/>
    </row>
    <row r="277232" spans="14:14">
      <c r="N277232" s="10"/>
    </row>
    <row r="277233" spans="14:14">
      <c r="N277233" s="10"/>
    </row>
    <row r="277234" spans="14:14">
      <c r="N277234" s="10"/>
    </row>
    <row r="277235" spans="14:14">
      <c r="N277235" s="10"/>
    </row>
    <row r="277236" spans="14:14">
      <c r="N277236" s="10"/>
    </row>
    <row r="277237" spans="14:14">
      <c r="N277237" s="10"/>
    </row>
    <row r="277238" spans="14:14">
      <c r="N277238" s="10"/>
    </row>
    <row r="277239" spans="14:14">
      <c r="N277239" s="10"/>
    </row>
    <row r="277240" spans="14:14">
      <c r="N277240" s="10"/>
    </row>
    <row r="277241" spans="14:14">
      <c r="N277241" s="10"/>
    </row>
    <row r="277242" spans="14:14">
      <c r="N277242" s="10"/>
    </row>
    <row r="277243" spans="14:14">
      <c r="N277243" s="10"/>
    </row>
    <row r="277244" spans="14:14">
      <c r="N277244" s="10"/>
    </row>
    <row r="277245" spans="14:14">
      <c r="N277245" s="10"/>
    </row>
    <row r="277246" spans="14:14">
      <c r="N277246" s="10"/>
    </row>
    <row r="277247" spans="14:14">
      <c r="N277247" s="10"/>
    </row>
    <row r="277248" spans="14:14">
      <c r="N277248" s="10"/>
    </row>
    <row r="277249" spans="14:14">
      <c r="N277249" s="10"/>
    </row>
    <row r="277250" spans="14:14">
      <c r="N277250" s="10"/>
    </row>
    <row r="277251" spans="14:14">
      <c r="N277251" s="10"/>
    </row>
    <row r="277252" spans="14:14">
      <c r="N277252" s="10"/>
    </row>
    <row r="277253" spans="14:14">
      <c r="N277253" s="10"/>
    </row>
    <row r="277254" spans="14:14">
      <c r="N277254" s="10"/>
    </row>
    <row r="277255" spans="14:14">
      <c r="N277255" s="10"/>
    </row>
    <row r="277256" spans="14:14">
      <c r="N277256" s="10"/>
    </row>
    <row r="277257" spans="14:14">
      <c r="N277257" s="10"/>
    </row>
    <row r="277258" spans="14:14">
      <c r="N277258" s="10"/>
    </row>
    <row r="277259" spans="14:14">
      <c r="N277259" s="10"/>
    </row>
    <row r="277260" spans="14:14">
      <c r="N277260" s="10"/>
    </row>
    <row r="277261" spans="14:14">
      <c r="N277261" s="10"/>
    </row>
    <row r="277262" spans="14:14">
      <c r="N277262" s="10"/>
    </row>
    <row r="277263" spans="14:14">
      <c r="N277263" s="10"/>
    </row>
    <row r="277264" spans="14:14">
      <c r="N277264" s="10"/>
    </row>
    <row r="277265" spans="14:14">
      <c r="N277265" s="10"/>
    </row>
    <row r="277266" spans="14:14">
      <c r="N277266" s="10"/>
    </row>
    <row r="277267" spans="14:14">
      <c r="N277267" s="10"/>
    </row>
    <row r="277268" spans="14:14">
      <c r="N277268" s="10"/>
    </row>
    <row r="277269" spans="14:14">
      <c r="N277269" s="10"/>
    </row>
    <row r="277270" spans="14:14">
      <c r="N277270" s="10"/>
    </row>
    <row r="277271" spans="14:14">
      <c r="N277271" s="10"/>
    </row>
    <row r="277272" spans="14:14">
      <c r="N277272" s="10"/>
    </row>
    <row r="277273" spans="14:14">
      <c r="N277273" s="10"/>
    </row>
    <row r="277274" spans="14:14">
      <c r="N277274" s="10"/>
    </row>
    <row r="277275" spans="14:14">
      <c r="N277275" s="10"/>
    </row>
    <row r="277276" spans="14:14">
      <c r="N277276" s="10"/>
    </row>
    <row r="277277" spans="14:14">
      <c r="N277277" s="10"/>
    </row>
    <row r="277278" spans="14:14">
      <c r="N277278" s="10"/>
    </row>
    <row r="277279" spans="14:14">
      <c r="N277279" s="10"/>
    </row>
    <row r="277280" spans="14:14">
      <c r="N277280" s="10"/>
    </row>
    <row r="277281" spans="14:14">
      <c r="N277281" s="10"/>
    </row>
    <row r="277282" spans="14:14">
      <c r="N277282" s="10"/>
    </row>
    <row r="277283" spans="14:14">
      <c r="N277283" s="10"/>
    </row>
    <row r="277284" spans="14:14">
      <c r="N277284" s="10"/>
    </row>
    <row r="277285" spans="14:14">
      <c r="N277285" s="10"/>
    </row>
    <row r="277286" spans="14:14">
      <c r="N277286" s="10"/>
    </row>
    <row r="277287" spans="14:14">
      <c r="N277287" s="10"/>
    </row>
    <row r="277288" spans="14:14">
      <c r="N277288" s="10"/>
    </row>
    <row r="277289" spans="14:14">
      <c r="N277289" s="10"/>
    </row>
    <row r="277290" spans="14:14">
      <c r="N277290" s="10"/>
    </row>
    <row r="277291" spans="14:14">
      <c r="N277291" s="10"/>
    </row>
    <row r="277292" spans="14:14">
      <c r="N277292" s="10"/>
    </row>
    <row r="277293" spans="14:14">
      <c r="N277293" s="10"/>
    </row>
    <row r="277294" spans="14:14">
      <c r="N277294" s="10"/>
    </row>
    <row r="277295" spans="14:14">
      <c r="N277295" s="10"/>
    </row>
    <row r="277296" spans="14:14">
      <c r="N277296" s="10"/>
    </row>
    <row r="277297" spans="14:14">
      <c r="N277297" s="10"/>
    </row>
    <row r="277298" spans="14:14">
      <c r="N277298" s="10"/>
    </row>
    <row r="277299" spans="14:14">
      <c r="N277299" s="10"/>
    </row>
    <row r="277300" spans="14:14">
      <c r="N277300" s="10"/>
    </row>
    <row r="277301" spans="14:14">
      <c r="N277301" s="10"/>
    </row>
    <row r="277302" spans="14:14">
      <c r="N277302" s="10"/>
    </row>
    <row r="277303" spans="14:14">
      <c r="N277303" s="10"/>
    </row>
    <row r="277304" spans="14:14">
      <c r="N277304" s="10"/>
    </row>
    <row r="277305" spans="14:14">
      <c r="N277305" s="10"/>
    </row>
    <row r="277306" spans="14:14">
      <c r="N277306" s="10"/>
    </row>
    <row r="277307" spans="14:14">
      <c r="N277307" s="10"/>
    </row>
    <row r="277308" spans="14:14">
      <c r="N277308" s="10"/>
    </row>
    <row r="277309" spans="14:14">
      <c r="N277309" s="10"/>
    </row>
    <row r="277310" spans="14:14">
      <c r="N277310" s="10"/>
    </row>
    <row r="277311" spans="14:14">
      <c r="N277311" s="10"/>
    </row>
    <row r="277312" spans="14:14">
      <c r="N277312" s="10"/>
    </row>
    <row r="277313" spans="14:14">
      <c r="N277313" s="10"/>
    </row>
    <row r="277314" spans="14:14">
      <c r="N277314" s="10"/>
    </row>
    <row r="277315" spans="14:14">
      <c r="N277315" s="10"/>
    </row>
    <row r="277316" spans="14:14">
      <c r="N277316" s="10"/>
    </row>
    <row r="277317" spans="14:14">
      <c r="N277317" s="10"/>
    </row>
    <row r="277318" spans="14:14">
      <c r="N277318" s="10"/>
    </row>
    <row r="277319" spans="14:14">
      <c r="N277319" s="10"/>
    </row>
    <row r="277320" spans="14:14">
      <c r="N277320" s="10"/>
    </row>
    <row r="277321" spans="14:14">
      <c r="N277321" s="10"/>
    </row>
    <row r="277322" spans="14:14">
      <c r="N277322" s="10"/>
    </row>
    <row r="277323" spans="14:14">
      <c r="N277323" s="10"/>
    </row>
    <row r="277324" spans="14:14">
      <c r="N277324" s="10"/>
    </row>
    <row r="277325" spans="14:14">
      <c r="N277325" s="10"/>
    </row>
    <row r="277326" spans="14:14">
      <c r="N277326" s="10"/>
    </row>
    <row r="277327" spans="14:14">
      <c r="N277327" s="10"/>
    </row>
    <row r="277328" spans="14:14">
      <c r="N277328" s="10"/>
    </row>
    <row r="277329" spans="14:14">
      <c r="N277329" s="10"/>
    </row>
    <row r="277330" spans="14:14">
      <c r="N277330" s="10"/>
    </row>
    <row r="277331" spans="14:14">
      <c r="N277331" s="10"/>
    </row>
    <row r="277332" spans="14:14">
      <c r="N277332" s="10"/>
    </row>
    <row r="277333" spans="14:14">
      <c r="N277333" s="10"/>
    </row>
    <row r="277334" spans="14:14">
      <c r="N277334" s="10"/>
    </row>
    <row r="277335" spans="14:14">
      <c r="N277335" s="10"/>
    </row>
    <row r="277336" spans="14:14">
      <c r="N277336" s="10"/>
    </row>
    <row r="277337" spans="14:14">
      <c r="N277337" s="10"/>
    </row>
    <row r="277338" spans="14:14">
      <c r="N277338" s="10"/>
    </row>
    <row r="277339" spans="14:14">
      <c r="N277339" s="10"/>
    </row>
    <row r="277340" spans="14:14">
      <c r="N277340" s="10"/>
    </row>
    <row r="277341" spans="14:14">
      <c r="N277341" s="10"/>
    </row>
    <row r="277342" spans="14:14">
      <c r="N277342" s="10"/>
    </row>
    <row r="277343" spans="14:14">
      <c r="N277343" s="10"/>
    </row>
    <row r="277344" spans="14:14">
      <c r="N277344" s="10"/>
    </row>
    <row r="277345" spans="14:14">
      <c r="N277345" s="10"/>
    </row>
    <row r="277346" spans="14:14">
      <c r="N277346" s="10"/>
    </row>
    <row r="277347" spans="14:14">
      <c r="N277347" s="10"/>
    </row>
    <row r="277348" spans="14:14">
      <c r="N277348" s="10"/>
    </row>
    <row r="277349" spans="14:14">
      <c r="N277349" s="10"/>
    </row>
    <row r="277350" spans="14:14">
      <c r="N277350" s="10"/>
    </row>
    <row r="277351" spans="14:14">
      <c r="N277351" s="10"/>
    </row>
    <row r="277352" spans="14:14">
      <c r="N277352" s="10"/>
    </row>
    <row r="277353" spans="14:14">
      <c r="N277353" s="10"/>
    </row>
    <row r="277354" spans="14:14">
      <c r="N277354" s="10"/>
    </row>
    <row r="277355" spans="14:14">
      <c r="N277355" s="10"/>
    </row>
    <row r="277356" spans="14:14">
      <c r="N277356" s="10"/>
    </row>
    <row r="277357" spans="14:14">
      <c r="N277357" s="10"/>
    </row>
    <row r="277358" spans="14:14">
      <c r="N277358" s="10"/>
    </row>
    <row r="277359" spans="14:14">
      <c r="N277359" s="10"/>
    </row>
    <row r="277360" spans="14:14">
      <c r="N277360" s="10"/>
    </row>
    <row r="277361" spans="14:14">
      <c r="N277361" s="10"/>
    </row>
    <row r="277362" spans="14:14">
      <c r="N277362" s="10"/>
    </row>
    <row r="277363" spans="14:14">
      <c r="N277363" s="10"/>
    </row>
    <row r="277364" spans="14:14">
      <c r="N277364" s="10"/>
    </row>
    <row r="277365" spans="14:14">
      <c r="N277365" s="10"/>
    </row>
    <row r="277366" spans="14:14">
      <c r="N277366" s="10"/>
    </row>
    <row r="277367" spans="14:14">
      <c r="N277367" s="10"/>
    </row>
    <row r="277368" spans="14:14">
      <c r="N277368" s="10"/>
    </row>
    <row r="277369" spans="14:14">
      <c r="N277369" s="10"/>
    </row>
    <row r="277370" spans="14:14">
      <c r="N277370" s="10"/>
    </row>
    <row r="277371" spans="14:14">
      <c r="N277371" s="10"/>
    </row>
    <row r="277372" spans="14:14">
      <c r="N277372" s="10"/>
    </row>
    <row r="277373" spans="14:14">
      <c r="N277373" s="10"/>
    </row>
    <row r="277374" spans="14:14">
      <c r="N277374" s="10"/>
    </row>
    <row r="277375" spans="14:14">
      <c r="N277375" s="10"/>
    </row>
    <row r="277376" spans="14:14">
      <c r="N277376" s="10"/>
    </row>
    <row r="277377" spans="14:14">
      <c r="N277377" s="10"/>
    </row>
    <row r="277378" spans="14:14">
      <c r="N277378" s="10"/>
    </row>
    <row r="277379" spans="14:14">
      <c r="N277379" s="10"/>
    </row>
    <row r="277380" spans="14:14">
      <c r="N277380" s="10"/>
    </row>
    <row r="277381" spans="14:14">
      <c r="N277381" s="10"/>
    </row>
    <row r="277382" spans="14:14">
      <c r="N277382" s="10"/>
    </row>
    <row r="277383" spans="14:14">
      <c r="N277383" s="10"/>
    </row>
    <row r="277384" spans="14:14">
      <c r="N277384" s="10"/>
    </row>
    <row r="277385" spans="14:14">
      <c r="N277385" s="10"/>
    </row>
    <row r="277386" spans="14:14">
      <c r="N277386" s="10"/>
    </row>
    <row r="277387" spans="14:14">
      <c r="N277387" s="10"/>
    </row>
    <row r="277388" spans="14:14">
      <c r="N277388" s="10"/>
    </row>
    <row r="277389" spans="14:14">
      <c r="N277389" s="10"/>
    </row>
    <row r="277390" spans="14:14">
      <c r="N277390" s="10"/>
    </row>
    <row r="277391" spans="14:14">
      <c r="N277391" s="10"/>
    </row>
    <row r="277392" spans="14:14">
      <c r="N277392" s="10"/>
    </row>
    <row r="277393" spans="14:14">
      <c r="N277393" s="10"/>
    </row>
    <row r="277394" spans="14:14">
      <c r="N277394" s="10"/>
    </row>
    <row r="277395" spans="14:14">
      <c r="N277395" s="10"/>
    </row>
    <row r="277396" spans="14:14">
      <c r="N277396" s="10"/>
    </row>
    <row r="277397" spans="14:14">
      <c r="N277397" s="10"/>
    </row>
    <row r="277398" spans="14:14">
      <c r="N277398" s="10"/>
    </row>
    <row r="277399" spans="14:14">
      <c r="N277399" s="10"/>
    </row>
    <row r="277400" spans="14:14">
      <c r="N277400" s="10"/>
    </row>
    <row r="277401" spans="14:14">
      <c r="N277401" s="10"/>
    </row>
    <row r="277402" spans="14:14">
      <c r="N277402" s="10"/>
    </row>
    <row r="277403" spans="14:14">
      <c r="N277403" s="10"/>
    </row>
    <row r="277404" spans="14:14">
      <c r="N277404" s="10"/>
    </row>
    <row r="277405" spans="14:14">
      <c r="N277405" s="10"/>
    </row>
    <row r="277406" spans="14:14">
      <c r="N277406" s="10"/>
    </row>
    <row r="277407" spans="14:14">
      <c r="N277407" s="10"/>
    </row>
    <row r="277408" spans="14:14">
      <c r="N277408" s="10"/>
    </row>
    <row r="277409" spans="14:14">
      <c r="N277409" s="10"/>
    </row>
    <row r="277410" spans="14:14">
      <c r="N277410" s="10"/>
    </row>
    <row r="277411" spans="14:14">
      <c r="N277411" s="10"/>
    </row>
    <row r="277412" spans="14:14">
      <c r="N277412" s="10"/>
    </row>
    <row r="277413" spans="14:14">
      <c r="N277413" s="10"/>
    </row>
    <row r="277414" spans="14:14">
      <c r="N277414" s="10"/>
    </row>
    <row r="277415" spans="14:14">
      <c r="N277415" s="10"/>
    </row>
    <row r="277416" spans="14:14">
      <c r="N277416" s="10"/>
    </row>
    <row r="277417" spans="14:14">
      <c r="N277417" s="10"/>
    </row>
    <row r="277418" spans="14:14">
      <c r="N277418" s="10"/>
    </row>
    <row r="277419" spans="14:14">
      <c r="N277419" s="10"/>
    </row>
    <row r="277420" spans="14:14">
      <c r="N277420" s="10"/>
    </row>
    <row r="277421" spans="14:14">
      <c r="N277421" s="10"/>
    </row>
    <row r="277422" spans="14:14">
      <c r="N277422" s="10"/>
    </row>
    <row r="277423" spans="14:14">
      <c r="N277423" s="10"/>
    </row>
    <row r="277424" spans="14:14">
      <c r="N277424" s="10"/>
    </row>
    <row r="277425" spans="14:14">
      <c r="N277425" s="10"/>
    </row>
    <row r="277426" spans="14:14">
      <c r="N277426" s="10"/>
    </row>
    <row r="277427" spans="14:14">
      <c r="N277427" s="10"/>
    </row>
    <row r="277428" spans="14:14">
      <c r="N277428" s="10"/>
    </row>
    <row r="277429" spans="14:14">
      <c r="N277429" s="10"/>
    </row>
    <row r="277430" spans="14:14">
      <c r="N277430" s="10"/>
    </row>
    <row r="277431" spans="14:14">
      <c r="N277431" s="10"/>
    </row>
    <row r="277432" spans="14:14">
      <c r="N277432" s="10"/>
    </row>
    <row r="277433" spans="14:14">
      <c r="N277433" s="10"/>
    </row>
    <row r="277434" spans="14:14">
      <c r="N277434" s="10"/>
    </row>
    <row r="277435" spans="14:14">
      <c r="N277435" s="10"/>
    </row>
    <row r="277436" spans="14:14">
      <c r="N277436" s="10"/>
    </row>
    <row r="277437" spans="14:14">
      <c r="N277437" s="10"/>
    </row>
    <row r="277438" spans="14:14">
      <c r="N277438" s="10"/>
    </row>
    <row r="277439" spans="14:14">
      <c r="N277439" s="10"/>
    </row>
    <row r="277440" spans="14:14">
      <c r="N277440" s="10"/>
    </row>
    <row r="277441" spans="14:14">
      <c r="N277441" s="10"/>
    </row>
    <row r="277442" spans="14:14">
      <c r="N277442" s="10"/>
    </row>
    <row r="277443" spans="14:14">
      <c r="N277443" s="10"/>
    </row>
    <row r="277444" spans="14:14">
      <c r="N277444" s="10"/>
    </row>
    <row r="277445" spans="14:14">
      <c r="N277445" s="10"/>
    </row>
    <row r="277446" spans="14:14">
      <c r="N277446" s="10"/>
    </row>
    <row r="277447" spans="14:14">
      <c r="N277447" s="10"/>
    </row>
    <row r="277448" spans="14:14">
      <c r="N277448" s="10"/>
    </row>
    <row r="277449" spans="14:14">
      <c r="N277449" s="10"/>
    </row>
    <row r="277450" spans="14:14">
      <c r="N277450" s="10"/>
    </row>
    <row r="277451" spans="14:14">
      <c r="N277451" s="10"/>
    </row>
    <row r="277452" spans="14:14">
      <c r="N277452" s="10"/>
    </row>
    <row r="277453" spans="14:14">
      <c r="N277453" s="10"/>
    </row>
    <row r="277454" spans="14:14">
      <c r="N277454" s="10"/>
    </row>
    <row r="277455" spans="14:14">
      <c r="N277455" s="10"/>
    </row>
    <row r="277456" spans="14:14">
      <c r="N277456" s="10"/>
    </row>
    <row r="277457" spans="14:14">
      <c r="N277457" s="10"/>
    </row>
    <row r="277458" spans="14:14">
      <c r="N277458" s="10"/>
    </row>
    <row r="277459" spans="14:14">
      <c r="N277459" s="10"/>
    </row>
    <row r="277460" spans="14:14">
      <c r="N277460" s="10"/>
    </row>
    <row r="277461" spans="14:14">
      <c r="N277461" s="10"/>
    </row>
    <row r="277462" spans="14:14">
      <c r="N277462" s="10"/>
    </row>
    <row r="277463" spans="14:14">
      <c r="N277463" s="10"/>
    </row>
    <row r="277464" spans="14:14">
      <c r="N277464" s="10"/>
    </row>
    <row r="277465" spans="14:14">
      <c r="N277465" s="10"/>
    </row>
    <row r="277466" spans="14:14">
      <c r="N277466" s="10"/>
    </row>
    <row r="277467" spans="14:14">
      <c r="N277467" s="10"/>
    </row>
    <row r="277468" spans="14:14">
      <c r="N277468" s="10"/>
    </row>
    <row r="277469" spans="14:14">
      <c r="N277469" s="10"/>
    </row>
    <row r="277470" spans="14:14">
      <c r="N277470" s="10"/>
    </row>
    <row r="277471" spans="14:14">
      <c r="N277471" s="10"/>
    </row>
    <row r="277472" spans="14:14">
      <c r="N277472" s="10"/>
    </row>
    <row r="277473" spans="14:14">
      <c r="N277473" s="10"/>
    </row>
    <row r="277474" spans="14:14">
      <c r="N277474" s="10"/>
    </row>
    <row r="277475" spans="14:14">
      <c r="N277475" s="10"/>
    </row>
    <row r="277476" spans="14:14">
      <c r="N277476" s="10"/>
    </row>
    <row r="277477" spans="14:14">
      <c r="N277477" s="10"/>
    </row>
    <row r="277478" spans="14:14">
      <c r="N277478" s="10"/>
    </row>
    <row r="277479" spans="14:14">
      <c r="N277479" s="10"/>
    </row>
    <row r="277480" spans="14:14">
      <c r="N277480" s="10"/>
    </row>
    <row r="277481" spans="14:14">
      <c r="N277481" s="10"/>
    </row>
    <row r="277482" spans="14:14">
      <c r="N277482" s="10"/>
    </row>
    <row r="277483" spans="14:14">
      <c r="N277483" s="10"/>
    </row>
    <row r="277484" spans="14:14">
      <c r="N277484" s="10"/>
    </row>
    <row r="277485" spans="14:14">
      <c r="N277485" s="10"/>
    </row>
    <row r="277486" spans="14:14">
      <c r="N277486" s="10"/>
    </row>
    <row r="277487" spans="14:14">
      <c r="N277487" s="10"/>
    </row>
    <row r="277488" spans="14:14">
      <c r="N277488" s="10"/>
    </row>
    <row r="277489" spans="14:14">
      <c r="N277489" s="10"/>
    </row>
    <row r="277490" spans="14:14">
      <c r="N277490" s="10"/>
    </row>
    <row r="277491" spans="14:14">
      <c r="N277491" s="10"/>
    </row>
    <row r="277492" spans="14:14">
      <c r="N277492" s="10"/>
    </row>
    <row r="277493" spans="14:14">
      <c r="N277493" s="10"/>
    </row>
    <row r="277494" spans="14:14">
      <c r="N277494" s="10"/>
    </row>
    <row r="277495" spans="14:14">
      <c r="N277495" s="10"/>
    </row>
    <row r="277496" spans="14:14">
      <c r="N277496" s="10"/>
    </row>
    <row r="277497" spans="14:14">
      <c r="N277497" s="10"/>
    </row>
    <row r="277498" spans="14:14">
      <c r="N277498" s="10"/>
    </row>
    <row r="277499" spans="14:14">
      <c r="N277499" s="10"/>
    </row>
    <row r="277500" spans="14:14">
      <c r="N277500" s="10"/>
    </row>
    <row r="277501" spans="14:14">
      <c r="N277501" s="10"/>
    </row>
    <row r="277502" spans="14:14">
      <c r="N277502" s="10"/>
    </row>
    <row r="277503" spans="14:14">
      <c r="N277503" s="10"/>
    </row>
    <row r="277504" spans="14:14">
      <c r="N277504" s="10"/>
    </row>
    <row r="277505" spans="14:14">
      <c r="N277505" s="10"/>
    </row>
    <row r="277506" spans="14:14">
      <c r="N277506" s="10"/>
    </row>
    <row r="277507" spans="14:14">
      <c r="N277507" s="10"/>
    </row>
    <row r="277508" spans="14:14">
      <c r="N277508" s="10"/>
    </row>
    <row r="277509" spans="14:14">
      <c r="N277509" s="10"/>
    </row>
    <row r="277510" spans="14:14">
      <c r="N277510" s="10"/>
    </row>
    <row r="277511" spans="14:14">
      <c r="N277511" s="10"/>
    </row>
    <row r="277512" spans="14:14">
      <c r="N277512" s="10"/>
    </row>
    <row r="277513" spans="14:14">
      <c r="N277513" s="10"/>
    </row>
    <row r="277514" spans="14:14">
      <c r="N277514" s="10"/>
    </row>
    <row r="277515" spans="14:14">
      <c r="N277515" s="10"/>
    </row>
    <row r="277516" spans="14:14">
      <c r="N277516" s="10"/>
    </row>
    <row r="277517" spans="14:14">
      <c r="N277517" s="10"/>
    </row>
    <row r="277518" spans="14:14">
      <c r="N277518" s="10"/>
    </row>
    <row r="277519" spans="14:14">
      <c r="N277519" s="10"/>
    </row>
    <row r="277520" spans="14:14">
      <c r="N277520" s="10"/>
    </row>
    <row r="277521" spans="14:14">
      <c r="N277521" s="10"/>
    </row>
    <row r="277522" spans="14:14">
      <c r="N277522" s="10"/>
    </row>
    <row r="277523" spans="14:14">
      <c r="N277523" s="10"/>
    </row>
    <row r="277524" spans="14:14">
      <c r="N277524" s="10"/>
    </row>
    <row r="277525" spans="14:14">
      <c r="N277525" s="10"/>
    </row>
    <row r="277526" spans="14:14">
      <c r="N277526" s="10"/>
    </row>
    <row r="277527" spans="14:14">
      <c r="N277527" s="10"/>
    </row>
    <row r="277528" spans="14:14">
      <c r="N277528" s="10"/>
    </row>
    <row r="277529" spans="14:14">
      <c r="N277529" s="10"/>
    </row>
    <row r="277530" spans="14:14">
      <c r="N277530" s="10"/>
    </row>
    <row r="277531" spans="14:14">
      <c r="N277531" s="10"/>
    </row>
    <row r="277532" spans="14:14">
      <c r="N277532" s="10"/>
    </row>
    <row r="277533" spans="14:14">
      <c r="N277533" s="10"/>
    </row>
    <row r="277534" spans="14:14">
      <c r="N277534" s="10"/>
    </row>
    <row r="277535" spans="14:14">
      <c r="N277535" s="10"/>
    </row>
    <row r="277536" spans="14:14">
      <c r="N277536" s="10"/>
    </row>
    <row r="277537" spans="14:14">
      <c r="N277537" s="10"/>
    </row>
    <row r="277538" spans="14:14">
      <c r="N277538" s="10"/>
    </row>
    <row r="277539" spans="14:14">
      <c r="N277539" s="10"/>
    </row>
    <row r="277540" spans="14:14">
      <c r="N277540" s="10"/>
    </row>
    <row r="277541" spans="14:14">
      <c r="N277541" s="10"/>
    </row>
    <row r="277542" spans="14:14">
      <c r="N277542" s="10"/>
    </row>
    <row r="277543" spans="14:14">
      <c r="N277543" s="10"/>
    </row>
    <row r="277544" spans="14:14">
      <c r="N277544" s="10"/>
    </row>
    <row r="277545" spans="14:14">
      <c r="N277545" s="10"/>
    </row>
    <row r="277546" spans="14:14">
      <c r="N277546" s="10"/>
    </row>
    <row r="277547" spans="14:14">
      <c r="N277547" s="10"/>
    </row>
    <row r="277548" spans="14:14">
      <c r="N277548" s="10"/>
    </row>
    <row r="277549" spans="14:14">
      <c r="N277549" s="10"/>
    </row>
    <row r="277550" spans="14:14">
      <c r="N277550" s="10"/>
    </row>
    <row r="277551" spans="14:14">
      <c r="N277551" s="10"/>
    </row>
    <row r="277552" spans="14:14">
      <c r="N277552" s="10"/>
    </row>
    <row r="277553" spans="14:14">
      <c r="N277553" s="10"/>
    </row>
    <row r="277554" spans="14:14">
      <c r="N277554" s="10"/>
    </row>
    <row r="277555" spans="14:14">
      <c r="N277555" s="10"/>
    </row>
    <row r="277556" spans="14:14">
      <c r="N277556" s="10"/>
    </row>
    <row r="277557" spans="14:14">
      <c r="N277557" s="10"/>
    </row>
    <row r="277558" spans="14:14">
      <c r="N277558" s="10"/>
    </row>
    <row r="277559" spans="14:14">
      <c r="N277559" s="10"/>
    </row>
    <row r="277560" spans="14:14">
      <c r="N277560" s="10"/>
    </row>
    <row r="277561" spans="14:14">
      <c r="N277561" s="10"/>
    </row>
    <row r="277562" spans="14:14">
      <c r="N277562" s="10"/>
    </row>
    <row r="277563" spans="14:14">
      <c r="N277563" s="10"/>
    </row>
    <row r="277564" spans="14:14">
      <c r="N277564" s="10"/>
    </row>
    <row r="277565" spans="14:14">
      <c r="N277565" s="10"/>
    </row>
    <row r="277566" spans="14:14">
      <c r="N277566" s="10"/>
    </row>
    <row r="277567" spans="14:14">
      <c r="N277567" s="10"/>
    </row>
    <row r="277568" spans="14:14">
      <c r="N277568" s="10"/>
    </row>
    <row r="277569" spans="14:14">
      <c r="N277569" s="10"/>
    </row>
    <row r="277570" spans="14:14">
      <c r="N277570" s="10"/>
    </row>
    <row r="277571" spans="14:14">
      <c r="N277571" s="10"/>
    </row>
    <row r="277572" spans="14:14">
      <c r="N277572" s="10"/>
    </row>
    <row r="277573" spans="14:14">
      <c r="N277573" s="10"/>
    </row>
    <row r="277574" spans="14:14">
      <c r="N277574" s="10"/>
    </row>
    <row r="277575" spans="14:14">
      <c r="N277575" s="10"/>
    </row>
    <row r="277576" spans="14:14">
      <c r="N277576" s="10"/>
    </row>
    <row r="277577" spans="14:14">
      <c r="N277577" s="10"/>
    </row>
    <row r="277578" spans="14:14">
      <c r="N277578" s="10"/>
    </row>
    <row r="277579" spans="14:14">
      <c r="N277579" s="10"/>
    </row>
    <row r="277580" spans="14:14">
      <c r="N277580" s="10"/>
    </row>
    <row r="277581" spans="14:14">
      <c r="N277581" s="10"/>
    </row>
    <row r="277582" spans="14:14">
      <c r="N277582" s="10"/>
    </row>
    <row r="277583" spans="14:14">
      <c r="N277583" s="10"/>
    </row>
    <row r="277584" spans="14:14">
      <c r="N277584" s="10"/>
    </row>
    <row r="277585" spans="14:14">
      <c r="N277585" s="10"/>
    </row>
    <row r="277586" spans="14:14">
      <c r="N277586" s="10"/>
    </row>
    <row r="277587" spans="14:14">
      <c r="N277587" s="10"/>
    </row>
    <row r="277588" spans="14:14">
      <c r="N277588" s="10"/>
    </row>
    <row r="277589" spans="14:14">
      <c r="N277589" s="10"/>
    </row>
    <row r="277590" spans="14:14">
      <c r="N277590" s="10"/>
    </row>
    <row r="277591" spans="14:14">
      <c r="N277591" s="10"/>
    </row>
    <row r="277592" spans="14:14">
      <c r="N277592" s="10"/>
    </row>
    <row r="277593" spans="14:14">
      <c r="N277593" s="10"/>
    </row>
    <row r="277594" spans="14:14">
      <c r="N277594" s="10"/>
    </row>
    <row r="277595" spans="14:14">
      <c r="N277595" s="10"/>
    </row>
    <row r="277596" spans="14:14">
      <c r="N277596" s="10"/>
    </row>
    <row r="277597" spans="14:14">
      <c r="N277597" s="10"/>
    </row>
    <row r="277598" spans="14:14">
      <c r="N277598" s="10"/>
    </row>
    <row r="277599" spans="14:14">
      <c r="N277599" s="10"/>
    </row>
    <row r="277600" spans="14:14">
      <c r="N277600" s="10"/>
    </row>
    <row r="277601" spans="14:14">
      <c r="N277601" s="10"/>
    </row>
    <row r="277602" spans="14:14">
      <c r="N277602" s="10"/>
    </row>
    <row r="277603" spans="14:14">
      <c r="N277603" s="10"/>
    </row>
    <row r="277604" spans="14:14">
      <c r="N277604" s="10"/>
    </row>
    <row r="277605" spans="14:14">
      <c r="N277605" s="10"/>
    </row>
    <row r="277606" spans="14:14">
      <c r="N277606" s="10"/>
    </row>
    <row r="277607" spans="14:14">
      <c r="N277607" s="10"/>
    </row>
    <row r="277608" spans="14:14">
      <c r="N277608" s="10"/>
    </row>
    <row r="277609" spans="14:14">
      <c r="N277609" s="10"/>
    </row>
    <row r="277610" spans="14:14">
      <c r="N277610" s="10"/>
    </row>
    <row r="277611" spans="14:14">
      <c r="N277611" s="10"/>
    </row>
    <row r="277612" spans="14:14">
      <c r="N277612" s="10"/>
    </row>
    <row r="277613" spans="14:14">
      <c r="N277613" s="10"/>
    </row>
    <row r="277614" spans="14:14">
      <c r="N277614" s="10"/>
    </row>
    <row r="277615" spans="14:14">
      <c r="N277615" s="10"/>
    </row>
    <row r="277616" spans="14:14">
      <c r="N277616" s="10"/>
    </row>
    <row r="277617" spans="14:14">
      <c r="N277617" s="10"/>
    </row>
    <row r="277618" spans="14:14">
      <c r="N277618" s="10"/>
    </row>
    <row r="277619" spans="14:14">
      <c r="N277619" s="10"/>
    </row>
    <row r="277620" spans="14:14">
      <c r="N277620" s="10"/>
    </row>
    <row r="277621" spans="14:14">
      <c r="N277621" s="10"/>
    </row>
    <row r="277622" spans="14:14">
      <c r="N277622" s="10"/>
    </row>
    <row r="277623" spans="14:14">
      <c r="N277623" s="10"/>
    </row>
    <row r="277624" spans="14:14">
      <c r="N277624" s="10"/>
    </row>
    <row r="277625" spans="14:14">
      <c r="N277625" s="10"/>
    </row>
    <row r="277626" spans="14:14">
      <c r="N277626" s="10"/>
    </row>
    <row r="277627" spans="14:14">
      <c r="N277627" s="10"/>
    </row>
    <row r="277628" spans="14:14">
      <c r="N277628" s="10"/>
    </row>
    <row r="277629" spans="14:14">
      <c r="N277629" s="10"/>
    </row>
    <row r="277630" spans="14:14">
      <c r="N277630" s="10"/>
    </row>
    <row r="277631" spans="14:14">
      <c r="N277631" s="10"/>
    </row>
    <row r="277632" spans="14:14">
      <c r="N277632" s="10"/>
    </row>
    <row r="277633" spans="14:14">
      <c r="N277633" s="10"/>
    </row>
    <row r="277634" spans="14:14">
      <c r="N277634" s="10"/>
    </row>
    <row r="277635" spans="14:14">
      <c r="N277635" s="10"/>
    </row>
    <row r="277636" spans="14:14">
      <c r="N277636" s="10"/>
    </row>
    <row r="277637" spans="14:14">
      <c r="N277637" s="10"/>
    </row>
    <row r="277638" spans="14:14">
      <c r="N277638" s="10"/>
    </row>
    <row r="277639" spans="14:14">
      <c r="N277639" s="10"/>
    </row>
    <row r="277640" spans="14:14">
      <c r="N277640" s="10"/>
    </row>
    <row r="277641" spans="14:14">
      <c r="N277641" s="10"/>
    </row>
    <row r="277642" spans="14:14">
      <c r="N277642" s="10"/>
    </row>
    <row r="277643" spans="14:14">
      <c r="N277643" s="10"/>
    </row>
    <row r="277644" spans="14:14">
      <c r="N277644" s="10"/>
    </row>
    <row r="277645" spans="14:14">
      <c r="N277645" s="10"/>
    </row>
    <row r="277646" spans="14:14">
      <c r="N277646" s="10"/>
    </row>
    <row r="277647" spans="14:14">
      <c r="N277647" s="10"/>
    </row>
    <row r="277648" spans="14:14">
      <c r="N277648" s="10"/>
    </row>
    <row r="277649" spans="14:14">
      <c r="N277649" s="10"/>
    </row>
    <row r="277650" spans="14:14">
      <c r="N277650" s="10"/>
    </row>
    <row r="277651" spans="14:14">
      <c r="N277651" s="10"/>
    </row>
    <row r="277652" spans="14:14">
      <c r="N277652" s="10"/>
    </row>
    <row r="277653" spans="14:14">
      <c r="N277653" s="10"/>
    </row>
    <row r="277654" spans="14:14">
      <c r="N277654" s="10"/>
    </row>
    <row r="277655" spans="14:14">
      <c r="N277655" s="10"/>
    </row>
    <row r="277656" spans="14:14">
      <c r="N277656" s="10"/>
    </row>
    <row r="277657" spans="14:14">
      <c r="N277657" s="10"/>
    </row>
    <row r="277658" spans="14:14">
      <c r="N277658" s="10"/>
    </row>
    <row r="277659" spans="14:14">
      <c r="N277659" s="10"/>
    </row>
    <row r="277660" spans="14:14">
      <c r="N277660" s="10"/>
    </row>
    <row r="277661" spans="14:14">
      <c r="N277661" s="10"/>
    </row>
    <row r="277662" spans="14:14">
      <c r="N277662" s="10"/>
    </row>
    <row r="277663" spans="14:14">
      <c r="N277663" s="10"/>
    </row>
    <row r="277664" spans="14:14">
      <c r="N277664" s="10"/>
    </row>
    <row r="277665" spans="14:14">
      <c r="N277665" s="10"/>
    </row>
    <row r="277666" spans="14:14">
      <c r="N277666" s="10"/>
    </row>
    <row r="277667" spans="14:14">
      <c r="N277667" s="10"/>
    </row>
    <row r="277668" spans="14:14">
      <c r="N277668" s="10"/>
    </row>
    <row r="277669" spans="14:14">
      <c r="N277669" s="10"/>
    </row>
    <row r="277670" spans="14:14">
      <c r="N277670" s="10"/>
    </row>
    <row r="277671" spans="14:14">
      <c r="N277671" s="10"/>
    </row>
    <row r="277672" spans="14:14">
      <c r="N277672" s="10"/>
    </row>
    <row r="277673" spans="14:14">
      <c r="N277673" s="10"/>
    </row>
    <row r="277674" spans="14:14">
      <c r="N277674" s="10"/>
    </row>
    <row r="277675" spans="14:14">
      <c r="N277675" s="10"/>
    </row>
    <row r="277676" spans="14:14">
      <c r="N277676" s="10"/>
    </row>
    <row r="277677" spans="14:14">
      <c r="N277677" s="10"/>
    </row>
    <row r="277678" spans="14:14">
      <c r="N277678" s="10"/>
    </row>
    <row r="277679" spans="14:14">
      <c r="N277679" s="10"/>
    </row>
    <row r="277680" spans="14:14">
      <c r="N277680" s="10"/>
    </row>
    <row r="277681" spans="14:14">
      <c r="N277681" s="10"/>
    </row>
    <row r="277682" spans="14:14">
      <c r="N277682" s="10"/>
    </row>
    <row r="277683" spans="14:14">
      <c r="N277683" s="10"/>
    </row>
    <row r="277684" spans="14:14">
      <c r="N277684" s="10"/>
    </row>
    <row r="277685" spans="14:14">
      <c r="N277685" s="10"/>
    </row>
    <row r="277686" spans="14:14">
      <c r="N277686" s="10"/>
    </row>
    <row r="277687" spans="14:14">
      <c r="N277687" s="10"/>
    </row>
    <row r="277688" spans="14:14">
      <c r="N277688" s="10"/>
    </row>
    <row r="277689" spans="14:14">
      <c r="N277689" s="10"/>
    </row>
    <row r="277690" spans="14:14">
      <c r="N277690" s="10"/>
    </row>
    <row r="277691" spans="14:14">
      <c r="N277691" s="10"/>
    </row>
    <row r="277692" spans="14:14">
      <c r="N277692" s="10"/>
    </row>
    <row r="277693" spans="14:14">
      <c r="N277693" s="10"/>
    </row>
    <row r="277694" spans="14:14">
      <c r="N277694" s="10"/>
    </row>
    <row r="277695" spans="14:14">
      <c r="N277695" s="10"/>
    </row>
    <row r="277696" spans="14:14">
      <c r="N277696" s="10"/>
    </row>
    <row r="277697" spans="14:14">
      <c r="N277697" s="10"/>
    </row>
    <row r="277698" spans="14:14">
      <c r="N277698" s="10"/>
    </row>
    <row r="277699" spans="14:14">
      <c r="N277699" s="10"/>
    </row>
    <row r="277700" spans="14:14">
      <c r="N277700" s="10"/>
    </row>
    <row r="277701" spans="14:14">
      <c r="N277701" s="10"/>
    </row>
    <row r="277702" spans="14:14">
      <c r="N277702" s="10"/>
    </row>
    <row r="277703" spans="14:14">
      <c r="N277703" s="10"/>
    </row>
    <row r="277704" spans="14:14">
      <c r="N277704" s="10"/>
    </row>
    <row r="277705" spans="14:14">
      <c r="N277705" s="10"/>
    </row>
    <row r="277706" spans="14:14">
      <c r="N277706" s="10"/>
    </row>
    <row r="277707" spans="14:14">
      <c r="N277707" s="10"/>
    </row>
    <row r="277708" spans="14:14">
      <c r="N277708" s="10"/>
    </row>
    <row r="277709" spans="14:14">
      <c r="N277709" s="10"/>
    </row>
    <row r="277710" spans="14:14">
      <c r="N277710" s="10"/>
    </row>
    <row r="277711" spans="14:14">
      <c r="N277711" s="10"/>
    </row>
    <row r="277712" spans="14:14">
      <c r="N277712" s="10"/>
    </row>
    <row r="277713" spans="14:14">
      <c r="N277713" s="10"/>
    </row>
    <row r="277714" spans="14:14">
      <c r="N277714" s="10"/>
    </row>
    <row r="277715" spans="14:14">
      <c r="N277715" s="10"/>
    </row>
    <row r="277716" spans="14:14">
      <c r="N277716" s="10"/>
    </row>
    <row r="277717" spans="14:14">
      <c r="N277717" s="10"/>
    </row>
    <row r="277718" spans="14:14">
      <c r="N277718" s="10"/>
    </row>
    <row r="277719" spans="14:14">
      <c r="N277719" s="10"/>
    </row>
    <row r="277720" spans="14:14">
      <c r="N277720" s="10"/>
    </row>
    <row r="277721" spans="14:14">
      <c r="N277721" s="10"/>
    </row>
    <row r="277722" spans="14:14">
      <c r="N277722" s="10"/>
    </row>
    <row r="277723" spans="14:14">
      <c r="N277723" s="10"/>
    </row>
    <row r="277724" spans="14:14">
      <c r="N277724" s="10"/>
    </row>
    <row r="277725" spans="14:14">
      <c r="N277725" s="10"/>
    </row>
    <row r="277726" spans="14:14">
      <c r="N277726" s="10"/>
    </row>
    <row r="277727" spans="14:14">
      <c r="N277727" s="10"/>
    </row>
    <row r="277728" spans="14:14">
      <c r="N277728" s="10"/>
    </row>
    <row r="277729" spans="14:14">
      <c r="N277729" s="10"/>
    </row>
    <row r="277730" spans="14:14">
      <c r="N277730" s="10"/>
    </row>
    <row r="277731" spans="14:14">
      <c r="N277731" s="10"/>
    </row>
    <row r="277732" spans="14:14">
      <c r="N277732" s="10"/>
    </row>
    <row r="277733" spans="14:14">
      <c r="N277733" s="10"/>
    </row>
    <row r="277734" spans="14:14">
      <c r="N277734" s="10"/>
    </row>
    <row r="277735" spans="14:14">
      <c r="N277735" s="10"/>
    </row>
    <row r="277736" spans="14:14">
      <c r="N277736" s="10"/>
    </row>
    <row r="277737" spans="14:14">
      <c r="N277737" s="10"/>
    </row>
    <row r="277738" spans="14:14">
      <c r="N277738" s="10"/>
    </row>
    <row r="277739" spans="14:14">
      <c r="N277739" s="10"/>
    </row>
    <row r="277740" spans="14:14">
      <c r="N277740" s="10"/>
    </row>
    <row r="277741" spans="14:14">
      <c r="N277741" s="10"/>
    </row>
    <row r="277742" spans="14:14">
      <c r="N277742" s="10"/>
    </row>
    <row r="277743" spans="14:14">
      <c r="N277743" s="10"/>
    </row>
    <row r="277744" spans="14:14">
      <c r="N277744" s="10"/>
    </row>
    <row r="277745" spans="14:14">
      <c r="N277745" s="10"/>
    </row>
    <row r="277746" spans="14:14">
      <c r="N277746" s="10"/>
    </row>
    <row r="277747" spans="14:14">
      <c r="N277747" s="10"/>
    </row>
    <row r="277748" spans="14:14">
      <c r="N277748" s="10"/>
    </row>
    <row r="277749" spans="14:14">
      <c r="N277749" s="10"/>
    </row>
    <row r="277750" spans="14:14">
      <c r="N277750" s="10"/>
    </row>
    <row r="277751" spans="14:14">
      <c r="N277751" s="10"/>
    </row>
    <row r="277752" spans="14:14">
      <c r="N277752" s="10"/>
    </row>
    <row r="277753" spans="14:14">
      <c r="N277753" s="10"/>
    </row>
    <row r="277754" spans="14:14">
      <c r="N277754" s="10"/>
    </row>
    <row r="277755" spans="14:14">
      <c r="N277755" s="10"/>
    </row>
    <row r="277756" spans="14:14">
      <c r="N277756" s="10"/>
    </row>
    <row r="277757" spans="14:14">
      <c r="N277757" s="10"/>
    </row>
    <row r="277758" spans="14:14">
      <c r="N277758" s="10"/>
    </row>
    <row r="277759" spans="14:14">
      <c r="N277759" s="10"/>
    </row>
    <row r="277760" spans="14:14">
      <c r="N277760" s="10"/>
    </row>
    <row r="277761" spans="14:14">
      <c r="N277761" s="10"/>
    </row>
    <row r="277762" spans="14:14">
      <c r="N277762" s="10"/>
    </row>
    <row r="277763" spans="14:14">
      <c r="N277763" s="10"/>
    </row>
    <row r="277764" spans="14:14">
      <c r="N277764" s="10"/>
    </row>
    <row r="277765" spans="14:14">
      <c r="N277765" s="10"/>
    </row>
    <row r="277766" spans="14:14">
      <c r="N277766" s="10"/>
    </row>
    <row r="277767" spans="14:14">
      <c r="N277767" s="10"/>
    </row>
    <row r="277768" spans="14:14">
      <c r="N277768" s="10"/>
    </row>
    <row r="277769" spans="14:14">
      <c r="N277769" s="10"/>
    </row>
    <row r="277770" spans="14:14">
      <c r="N277770" s="10"/>
    </row>
    <row r="277771" spans="14:14">
      <c r="N277771" s="10"/>
    </row>
    <row r="277772" spans="14:14">
      <c r="N277772" s="10"/>
    </row>
    <row r="277773" spans="14:14">
      <c r="N277773" s="10"/>
    </row>
    <row r="277774" spans="14:14">
      <c r="N277774" s="10"/>
    </row>
    <row r="277775" spans="14:14">
      <c r="N277775" s="10"/>
    </row>
    <row r="277776" spans="14:14">
      <c r="N277776" s="10"/>
    </row>
    <row r="277777" spans="14:14">
      <c r="N277777" s="10"/>
    </row>
    <row r="277778" spans="14:14">
      <c r="N277778" s="10"/>
    </row>
    <row r="277779" spans="14:14">
      <c r="N277779" s="10"/>
    </row>
    <row r="277780" spans="14:14">
      <c r="N277780" s="10"/>
    </row>
    <row r="277781" spans="14:14">
      <c r="N277781" s="10"/>
    </row>
    <row r="277782" spans="14:14">
      <c r="N277782" s="10"/>
    </row>
    <row r="277783" spans="14:14">
      <c r="N277783" s="10"/>
    </row>
    <row r="277784" spans="14:14">
      <c r="N277784" s="10"/>
    </row>
    <row r="277785" spans="14:14">
      <c r="N277785" s="10"/>
    </row>
    <row r="277786" spans="14:14">
      <c r="N277786" s="10"/>
    </row>
    <row r="277787" spans="14:14">
      <c r="N277787" s="10"/>
    </row>
    <row r="277788" spans="14:14">
      <c r="N277788" s="10"/>
    </row>
    <row r="277789" spans="14:14">
      <c r="N277789" s="10"/>
    </row>
    <row r="277790" spans="14:14">
      <c r="N277790" s="10"/>
    </row>
    <row r="277791" spans="14:14">
      <c r="N277791" s="10"/>
    </row>
    <row r="277792" spans="14:14">
      <c r="N277792" s="10"/>
    </row>
    <row r="277793" spans="14:14">
      <c r="N277793" s="10"/>
    </row>
    <row r="277794" spans="14:14">
      <c r="N277794" s="10"/>
    </row>
    <row r="277795" spans="14:14">
      <c r="N277795" s="10"/>
    </row>
    <row r="277796" spans="14:14">
      <c r="N277796" s="10"/>
    </row>
    <row r="277797" spans="14:14">
      <c r="N277797" s="10"/>
    </row>
    <row r="277798" spans="14:14">
      <c r="N277798" s="10"/>
    </row>
    <row r="277799" spans="14:14">
      <c r="N277799" s="10"/>
    </row>
    <row r="277800" spans="14:14">
      <c r="N277800" s="10"/>
    </row>
    <row r="277801" spans="14:14">
      <c r="N277801" s="10"/>
    </row>
    <row r="277802" spans="14:14">
      <c r="N277802" s="10"/>
    </row>
    <row r="277803" spans="14:14">
      <c r="N277803" s="10"/>
    </row>
    <row r="277804" spans="14:14">
      <c r="N277804" s="10"/>
    </row>
    <row r="277805" spans="14:14">
      <c r="N277805" s="10"/>
    </row>
    <row r="277806" spans="14:14">
      <c r="N277806" s="10"/>
    </row>
    <row r="277807" spans="14:14">
      <c r="N277807" s="10"/>
    </row>
    <row r="277808" spans="14:14">
      <c r="N277808" s="10"/>
    </row>
    <row r="277809" spans="14:14">
      <c r="N277809" s="10"/>
    </row>
    <row r="277810" spans="14:14">
      <c r="N277810" s="10"/>
    </row>
    <row r="277811" spans="14:14">
      <c r="N277811" s="10"/>
    </row>
    <row r="277812" spans="14:14">
      <c r="N277812" s="10"/>
    </row>
    <row r="277813" spans="14:14">
      <c r="N277813" s="10"/>
    </row>
    <row r="277814" spans="14:14">
      <c r="N277814" s="10"/>
    </row>
    <row r="277815" spans="14:14">
      <c r="N277815" s="10"/>
    </row>
    <row r="277816" spans="14:14">
      <c r="N277816" s="10"/>
    </row>
    <row r="277817" spans="14:14">
      <c r="N277817" s="10"/>
    </row>
    <row r="277818" spans="14:14">
      <c r="N277818" s="10"/>
    </row>
    <row r="277819" spans="14:14">
      <c r="N277819" s="10"/>
    </row>
    <row r="277820" spans="14:14">
      <c r="N277820" s="10"/>
    </row>
    <row r="277821" spans="14:14">
      <c r="N277821" s="10"/>
    </row>
    <row r="277822" spans="14:14">
      <c r="N277822" s="10"/>
    </row>
    <row r="277823" spans="14:14">
      <c r="N277823" s="10"/>
    </row>
    <row r="277824" spans="14:14">
      <c r="N277824" s="10"/>
    </row>
    <row r="277825" spans="14:14">
      <c r="N277825" s="10"/>
    </row>
    <row r="277826" spans="14:14">
      <c r="N277826" s="10"/>
    </row>
    <row r="277827" spans="14:14">
      <c r="N277827" s="10"/>
    </row>
    <row r="277828" spans="14:14">
      <c r="N277828" s="10"/>
    </row>
    <row r="277829" spans="14:14">
      <c r="N277829" s="10"/>
    </row>
    <row r="277830" spans="14:14">
      <c r="N277830" s="10"/>
    </row>
    <row r="277831" spans="14:14">
      <c r="N277831" s="10"/>
    </row>
    <row r="277832" spans="14:14">
      <c r="N277832" s="10"/>
    </row>
    <row r="277833" spans="14:14">
      <c r="N277833" s="10"/>
    </row>
    <row r="277834" spans="14:14">
      <c r="N277834" s="10"/>
    </row>
    <row r="277835" spans="14:14">
      <c r="N277835" s="10"/>
    </row>
    <row r="277836" spans="14:14">
      <c r="N277836" s="10"/>
    </row>
    <row r="277837" spans="14:14">
      <c r="N277837" s="10"/>
    </row>
    <row r="277838" spans="14:14">
      <c r="N277838" s="10"/>
    </row>
    <row r="277839" spans="14:14">
      <c r="N277839" s="10"/>
    </row>
    <row r="277840" spans="14:14">
      <c r="N277840" s="10"/>
    </row>
    <row r="277841" spans="14:14">
      <c r="N277841" s="10"/>
    </row>
    <row r="277842" spans="14:14">
      <c r="N277842" s="10"/>
    </row>
    <row r="277843" spans="14:14">
      <c r="N277843" s="10"/>
    </row>
    <row r="277844" spans="14:14">
      <c r="N277844" s="10"/>
    </row>
    <row r="277845" spans="14:14">
      <c r="N277845" s="10"/>
    </row>
    <row r="277846" spans="14:14">
      <c r="N277846" s="10"/>
    </row>
    <row r="277847" spans="14:14">
      <c r="N277847" s="10"/>
    </row>
    <row r="277848" spans="14:14">
      <c r="N277848" s="10"/>
    </row>
    <row r="277849" spans="14:14">
      <c r="N277849" s="10"/>
    </row>
    <row r="277850" spans="14:14">
      <c r="N277850" s="10"/>
    </row>
    <row r="277851" spans="14:14">
      <c r="N277851" s="10"/>
    </row>
    <row r="277852" spans="14:14">
      <c r="N277852" s="10"/>
    </row>
    <row r="277853" spans="14:14">
      <c r="N277853" s="10"/>
    </row>
    <row r="277854" spans="14:14">
      <c r="N277854" s="10"/>
    </row>
    <row r="277855" spans="14:14">
      <c r="N277855" s="10"/>
    </row>
    <row r="277856" spans="14:14">
      <c r="N277856" s="10"/>
    </row>
    <row r="277857" spans="14:14">
      <c r="N277857" s="10"/>
    </row>
    <row r="277858" spans="14:14">
      <c r="N277858" s="10"/>
    </row>
    <row r="277859" spans="14:14">
      <c r="N277859" s="10"/>
    </row>
    <row r="277860" spans="14:14">
      <c r="N277860" s="10"/>
    </row>
    <row r="277861" spans="14:14">
      <c r="N277861" s="10"/>
    </row>
    <row r="277862" spans="14:14">
      <c r="N277862" s="10"/>
    </row>
    <row r="277863" spans="14:14">
      <c r="N277863" s="10"/>
    </row>
    <row r="277864" spans="14:14">
      <c r="N277864" s="10"/>
    </row>
    <row r="277865" spans="14:14">
      <c r="N277865" s="10"/>
    </row>
    <row r="277866" spans="14:14">
      <c r="N277866" s="10"/>
    </row>
    <row r="277867" spans="14:14">
      <c r="N277867" s="10"/>
    </row>
    <row r="277868" spans="14:14">
      <c r="N277868" s="10"/>
    </row>
    <row r="277869" spans="14:14">
      <c r="N277869" s="10"/>
    </row>
    <row r="277870" spans="14:14">
      <c r="N277870" s="10"/>
    </row>
    <row r="277871" spans="14:14">
      <c r="N277871" s="10"/>
    </row>
    <row r="277872" spans="14:14">
      <c r="N277872" s="10"/>
    </row>
    <row r="277873" spans="14:14">
      <c r="N277873" s="10"/>
    </row>
    <row r="277874" spans="14:14">
      <c r="N277874" s="10"/>
    </row>
    <row r="277875" spans="14:14">
      <c r="N277875" s="10"/>
    </row>
    <row r="277876" spans="14:14">
      <c r="N277876" s="10"/>
    </row>
    <row r="277877" spans="14:14">
      <c r="N277877" s="10"/>
    </row>
    <row r="277878" spans="14:14">
      <c r="N277878" s="10"/>
    </row>
    <row r="277879" spans="14:14">
      <c r="N277879" s="10"/>
    </row>
    <row r="277880" spans="14:14">
      <c r="N277880" s="10"/>
    </row>
    <row r="277881" spans="14:14">
      <c r="N277881" s="10"/>
    </row>
    <row r="277882" spans="14:14">
      <c r="N277882" s="10"/>
    </row>
    <row r="277883" spans="14:14">
      <c r="N277883" s="10"/>
    </row>
    <row r="277884" spans="14:14">
      <c r="N277884" s="10"/>
    </row>
    <row r="277885" spans="14:14">
      <c r="N277885" s="10"/>
    </row>
    <row r="277886" spans="14:14">
      <c r="N277886" s="10"/>
    </row>
    <row r="277887" spans="14:14">
      <c r="N277887" s="10"/>
    </row>
    <row r="277888" spans="14:14">
      <c r="N277888" s="10"/>
    </row>
    <row r="277889" spans="14:14">
      <c r="N277889" s="10"/>
    </row>
    <row r="277890" spans="14:14">
      <c r="N277890" s="10"/>
    </row>
    <row r="277891" spans="14:14">
      <c r="N277891" s="10"/>
    </row>
    <row r="277892" spans="14:14">
      <c r="N277892" s="10"/>
    </row>
    <row r="277893" spans="14:14">
      <c r="N277893" s="10"/>
    </row>
    <row r="277894" spans="14:14">
      <c r="N277894" s="10"/>
    </row>
    <row r="277895" spans="14:14">
      <c r="N277895" s="10"/>
    </row>
    <row r="277896" spans="14:14">
      <c r="N277896" s="10"/>
    </row>
    <row r="277897" spans="14:14">
      <c r="N277897" s="10"/>
    </row>
    <row r="277898" spans="14:14">
      <c r="N277898" s="10"/>
    </row>
    <row r="277899" spans="14:14">
      <c r="N277899" s="10"/>
    </row>
    <row r="277900" spans="14:14">
      <c r="N277900" s="10"/>
    </row>
    <row r="277901" spans="14:14">
      <c r="N277901" s="10"/>
    </row>
    <row r="277902" spans="14:14">
      <c r="N277902" s="10"/>
    </row>
    <row r="277903" spans="14:14">
      <c r="N277903" s="10"/>
    </row>
    <row r="277904" spans="14:14">
      <c r="N277904" s="10"/>
    </row>
    <row r="277905" spans="14:14">
      <c r="N277905" s="10"/>
    </row>
    <row r="277906" spans="14:14">
      <c r="N277906" s="10"/>
    </row>
    <row r="277907" spans="14:14">
      <c r="N277907" s="10"/>
    </row>
    <row r="277908" spans="14:14">
      <c r="N277908" s="10"/>
    </row>
    <row r="277909" spans="14:14">
      <c r="N277909" s="10"/>
    </row>
    <row r="277910" spans="14:14">
      <c r="N277910" s="10"/>
    </row>
    <row r="277911" spans="14:14">
      <c r="N277911" s="10"/>
    </row>
    <row r="277912" spans="14:14">
      <c r="N277912" s="10"/>
    </row>
    <row r="277913" spans="14:14">
      <c r="N277913" s="10"/>
    </row>
    <row r="277914" spans="14:14">
      <c r="N277914" s="10"/>
    </row>
    <row r="277915" spans="14:14">
      <c r="N277915" s="10"/>
    </row>
    <row r="277916" spans="14:14">
      <c r="N277916" s="10"/>
    </row>
    <row r="277917" spans="14:14">
      <c r="N277917" s="10"/>
    </row>
    <row r="277918" spans="14:14">
      <c r="N277918" s="10"/>
    </row>
    <row r="277919" spans="14:14">
      <c r="N277919" s="10"/>
    </row>
    <row r="277920" spans="14:14">
      <c r="N277920" s="10"/>
    </row>
    <row r="277921" spans="14:14">
      <c r="N277921" s="10"/>
    </row>
    <row r="277922" spans="14:14">
      <c r="N277922" s="10"/>
    </row>
    <row r="277923" spans="14:14">
      <c r="N277923" s="10"/>
    </row>
    <row r="277924" spans="14:14">
      <c r="N277924" s="10"/>
    </row>
    <row r="277925" spans="14:14">
      <c r="N277925" s="10"/>
    </row>
    <row r="277926" spans="14:14">
      <c r="N277926" s="10"/>
    </row>
    <row r="277927" spans="14:14">
      <c r="N277927" s="10"/>
    </row>
    <row r="277928" spans="14:14">
      <c r="N277928" s="10"/>
    </row>
    <row r="277929" spans="14:14">
      <c r="N277929" s="10"/>
    </row>
    <row r="277930" spans="14:14">
      <c r="N277930" s="10"/>
    </row>
    <row r="277931" spans="14:14">
      <c r="N277931" s="10"/>
    </row>
    <row r="277932" spans="14:14">
      <c r="N277932" s="10"/>
    </row>
    <row r="277933" spans="14:14">
      <c r="N277933" s="10"/>
    </row>
    <row r="277934" spans="14:14">
      <c r="N277934" s="10"/>
    </row>
    <row r="277935" spans="14:14">
      <c r="N277935" s="10"/>
    </row>
    <row r="277936" spans="14:14">
      <c r="N277936" s="10"/>
    </row>
    <row r="277937" spans="14:14">
      <c r="N277937" s="10"/>
    </row>
    <row r="277938" spans="14:14">
      <c r="N277938" s="10"/>
    </row>
    <row r="277939" spans="14:14">
      <c r="N277939" s="10"/>
    </row>
    <row r="277940" spans="14:14">
      <c r="N277940" s="10"/>
    </row>
    <row r="277941" spans="14:14">
      <c r="N277941" s="10"/>
    </row>
    <row r="277942" spans="14:14">
      <c r="N277942" s="10"/>
    </row>
    <row r="277943" spans="14:14">
      <c r="N277943" s="10"/>
    </row>
    <row r="277944" spans="14:14">
      <c r="N277944" s="10"/>
    </row>
    <row r="277945" spans="14:14">
      <c r="N277945" s="10"/>
    </row>
    <row r="277946" spans="14:14">
      <c r="N277946" s="10"/>
    </row>
    <row r="277947" spans="14:14">
      <c r="N277947" s="10"/>
    </row>
    <row r="277948" spans="14:14">
      <c r="N277948" s="10"/>
    </row>
    <row r="277949" spans="14:14">
      <c r="N277949" s="10"/>
    </row>
    <row r="277950" spans="14:14">
      <c r="N277950" s="10"/>
    </row>
    <row r="277951" spans="14:14">
      <c r="N277951" s="10"/>
    </row>
    <row r="277952" spans="14:14">
      <c r="N277952" s="10"/>
    </row>
    <row r="277953" spans="14:14">
      <c r="N277953" s="10"/>
    </row>
    <row r="277954" spans="14:14">
      <c r="N277954" s="10"/>
    </row>
    <row r="277955" spans="14:14">
      <c r="N277955" s="10"/>
    </row>
    <row r="277956" spans="14:14">
      <c r="N277956" s="10"/>
    </row>
    <row r="277957" spans="14:14">
      <c r="N277957" s="10"/>
    </row>
    <row r="277958" spans="14:14">
      <c r="N277958" s="10"/>
    </row>
    <row r="277959" spans="14:14">
      <c r="N277959" s="10"/>
    </row>
    <row r="277960" spans="14:14">
      <c r="N277960" s="10"/>
    </row>
    <row r="277961" spans="14:14">
      <c r="N277961" s="10"/>
    </row>
    <row r="277962" spans="14:14">
      <c r="N277962" s="10"/>
    </row>
    <row r="277963" spans="14:14">
      <c r="N277963" s="10"/>
    </row>
    <row r="277964" spans="14:14">
      <c r="N277964" s="10"/>
    </row>
    <row r="277965" spans="14:14">
      <c r="N277965" s="10"/>
    </row>
    <row r="277966" spans="14:14">
      <c r="N277966" s="10"/>
    </row>
    <row r="277967" spans="14:14">
      <c r="N277967" s="10"/>
    </row>
    <row r="277968" spans="14:14">
      <c r="N277968" s="10"/>
    </row>
    <row r="277969" spans="14:14">
      <c r="N277969" s="10"/>
    </row>
    <row r="277970" spans="14:14">
      <c r="N277970" s="10"/>
    </row>
    <row r="277971" spans="14:14">
      <c r="N277971" s="10"/>
    </row>
    <row r="277972" spans="14:14">
      <c r="N277972" s="10"/>
    </row>
    <row r="277973" spans="14:14">
      <c r="N277973" s="10"/>
    </row>
    <row r="277974" spans="14:14">
      <c r="N277974" s="10"/>
    </row>
    <row r="277975" spans="14:14">
      <c r="N277975" s="10"/>
    </row>
    <row r="277976" spans="14:14">
      <c r="N277976" s="10"/>
    </row>
    <row r="277977" spans="14:14">
      <c r="N277977" s="10"/>
    </row>
    <row r="277978" spans="14:14">
      <c r="N277978" s="10"/>
    </row>
    <row r="277979" spans="14:14">
      <c r="N277979" s="10"/>
    </row>
    <row r="277980" spans="14:14">
      <c r="N277980" s="10"/>
    </row>
    <row r="277981" spans="14:14">
      <c r="N277981" s="10"/>
    </row>
    <row r="277982" spans="14:14">
      <c r="N277982" s="10"/>
    </row>
    <row r="277983" spans="14:14">
      <c r="N277983" s="10"/>
    </row>
    <row r="277984" spans="14:14">
      <c r="N277984" s="10"/>
    </row>
    <row r="277985" spans="14:14">
      <c r="N277985" s="10"/>
    </row>
    <row r="277986" spans="14:14">
      <c r="N277986" s="10"/>
    </row>
    <row r="277987" spans="14:14">
      <c r="N277987" s="10"/>
    </row>
    <row r="277988" spans="14:14">
      <c r="N277988" s="10"/>
    </row>
    <row r="277989" spans="14:14">
      <c r="N277989" s="10"/>
    </row>
    <row r="277990" spans="14:14">
      <c r="N277990" s="10"/>
    </row>
    <row r="277991" spans="14:14">
      <c r="N277991" s="10"/>
    </row>
    <row r="277992" spans="14:14">
      <c r="N277992" s="10"/>
    </row>
    <row r="277993" spans="14:14">
      <c r="N277993" s="10"/>
    </row>
    <row r="277994" spans="14:14">
      <c r="N277994" s="10"/>
    </row>
    <row r="277995" spans="14:14">
      <c r="N277995" s="10"/>
    </row>
    <row r="277996" spans="14:14">
      <c r="N277996" s="10"/>
    </row>
    <row r="277997" spans="14:14">
      <c r="N277997" s="10"/>
    </row>
    <row r="277998" spans="14:14">
      <c r="N277998" s="10"/>
    </row>
    <row r="277999" spans="14:14">
      <c r="N277999" s="10"/>
    </row>
    <row r="278000" spans="14:14">
      <c r="N278000" s="10"/>
    </row>
    <row r="278001" spans="14:14">
      <c r="N278001" s="10"/>
    </row>
    <row r="278002" spans="14:14">
      <c r="N278002" s="10"/>
    </row>
    <row r="278003" spans="14:14">
      <c r="N278003" s="10"/>
    </row>
    <row r="278004" spans="14:14">
      <c r="N278004" s="10"/>
    </row>
    <row r="278005" spans="14:14">
      <c r="N278005" s="10"/>
    </row>
    <row r="278006" spans="14:14">
      <c r="N278006" s="10"/>
    </row>
    <row r="278007" spans="14:14">
      <c r="N278007" s="10"/>
    </row>
    <row r="278008" spans="14:14">
      <c r="N278008" s="10"/>
    </row>
    <row r="278009" spans="14:14">
      <c r="N278009" s="10"/>
    </row>
    <row r="278010" spans="14:14">
      <c r="N278010" s="10"/>
    </row>
    <row r="278011" spans="14:14">
      <c r="N278011" s="10"/>
    </row>
    <row r="278012" spans="14:14">
      <c r="N278012" s="10"/>
    </row>
    <row r="278013" spans="14:14">
      <c r="N278013" s="10"/>
    </row>
    <row r="278014" spans="14:14">
      <c r="N278014" s="10"/>
    </row>
    <row r="278015" spans="14:14">
      <c r="N278015" s="10"/>
    </row>
    <row r="278016" spans="14:14">
      <c r="N278016" s="10"/>
    </row>
    <row r="278017" spans="14:14">
      <c r="N278017" s="10"/>
    </row>
    <row r="278018" spans="14:14">
      <c r="N278018" s="10"/>
    </row>
    <row r="278019" spans="14:14">
      <c r="N278019" s="10"/>
    </row>
    <row r="278020" spans="14:14">
      <c r="N278020" s="10"/>
    </row>
    <row r="278021" spans="14:14">
      <c r="N278021" s="10"/>
    </row>
    <row r="278022" spans="14:14">
      <c r="N278022" s="10"/>
    </row>
    <row r="278023" spans="14:14">
      <c r="N278023" s="10"/>
    </row>
    <row r="278024" spans="14:14">
      <c r="N278024" s="10"/>
    </row>
    <row r="278025" spans="14:14">
      <c r="N278025" s="10"/>
    </row>
    <row r="278026" spans="14:14">
      <c r="N278026" s="10"/>
    </row>
    <row r="278027" spans="14:14">
      <c r="N278027" s="10"/>
    </row>
    <row r="278028" spans="14:14">
      <c r="N278028" s="10"/>
    </row>
    <row r="278029" spans="14:14">
      <c r="N278029" s="10"/>
    </row>
    <row r="278030" spans="14:14">
      <c r="N278030" s="10"/>
    </row>
    <row r="278031" spans="14:14">
      <c r="N278031" s="10"/>
    </row>
    <row r="278032" spans="14:14">
      <c r="N278032" s="10"/>
    </row>
    <row r="278033" spans="14:14">
      <c r="N278033" s="10"/>
    </row>
    <row r="278034" spans="14:14">
      <c r="N278034" s="10"/>
    </row>
    <row r="278035" spans="14:14">
      <c r="N278035" s="10"/>
    </row>
    <row r="278036" spans="14:14">
      <c r="N278036" s="10"/>
    </row>
    <row r="278037" spans="14:14">
      <c r="N278037" s="10"/>
    </row>
    <row r="278038" spans="14:14">
      <c r="N278038" s="10"/>
    </row>
    <row r="278039" spans="14:14">
      <c r="N278039" s="10"/>
    </row>
    <row r="278040" spans="14:14">
      <c r="N278040" s="10"/>
    </row>
    <row r="278041" spans="14:14">
      <c r="N278041" s="10"/>
    </row>
    <row r="278042" spans="14:14">
      <c r="N278042" s="10"/>
    </row>
    <row r="278043" spans="14:14">
      <c r="N278043" s="10"/>
    </row>
    <row r="278044" spans="14:14">
      <c r="N278044" s="10"/>
    </row>
    <row r="278045" spans="14:14">
      <c r="N278045" s="10"/>
    </row>
    <row r="278046" spans="14:14">
      <c r="N278046" s="10"/>
    </row>
    <row r="278047" spans="14:14">
      <c r="N278047" s="10"/>
    </row>
    <row r="278048" spans="14:14">
      <c r="N278048" s="10"/>
    </row>
    <row r="278049" spans="14:14">
      <c r="N278049" s="10"/>
    </row>
    <row r="278050" spans="14:14">
      <c r="N278050" s="10"/>
    </row>
    <row r="278051" spans="14:14">
      <c r="N278051" s="10"/>
    </row>
    <row r="278052" spans="14:14">
      <c r="N278052" s="10"/>
    </row>
    <row r="278053" spans="14:14">
      <c r="N278053" s="10"/>
    </row>
    <row r="278054" spans="14:14">
      <c r="N278054" s="10"/>
    </row>
    <row r="278055" spans="14:14">
      <c r="N278055" s="10"/>
    </row>
    <row r="278056" spans="14:14">
      <c r="N278056" s="10"/>
    </row>
    <row r="278057" spans="14:14">
      <c r="N278057" s="10"/>
    </row>
    <row r="278058" spans="14:14">
      <c r="N278058" s="10"/>
    </row>
    <row r="278059" spans="14:14">
      <c r="N278059" s="10"/>
    </row>
    <row r="278060" spans="14:14">
      <c r="N278060" s="10"/>
    </row>
    <row r="278061" spans="14:14">
      <c r="N278061" s="10"/>
    </row>
    <row r="278062" spans="14:14">
      <c r="N278062" s="10"/>
    </row>
    <row r="278063" spans="14:14">
      <c r="N278063" s="10"/>
    </row>
    <row r="278064" spans="14:14">
      <c r="N278064" s="10"/>
    </row>
    <row r="278065" spans="14:14">
      <c r="N278065" s="10"/>
    </row>
    <row r="278066" spans="14:14">
      <c r="N278066" s="10"/>
    </row>
    <row r="278067" spans="14:14">
      <c r="N278067" s="10"/>
    </row>
    <row r="278068" spans="14:14">
      <c r="N278068" s="10"/>
    </row>
    <row r="278069" spans="14:14">
      <c r="N278069" s="10"/>
    </row>
    <row r="278070" spans="14:14">
      <c r="N278070" s="10"/>
    </row>
    <row r="278071" spans="14:14">
      <c r="N278071" s="10"/>
    </row>
    <row r="278072" spans="14:14">
      <c r="N278072" s="10"/>
    </row>
    <row r="278073" spans="14:14">
      <c r="N278073" s="10"/>
    </row>
    <row r="278074" spans="14:14">
      <c r="N278074" s="10"/>
    </row>
    <row r="278075" spans="14:14">
      <c r="N278075" s="10"/>
    </row>
    <row r="278076" spans="14:14">
      <c r="N278076" s="10"/>
    </row>
    <row r="278077" spans="14:14">
      <c r="N278077" s="10"/>
    </row>
    <row r="278078" spans="14:14">
      <c r="N278078" s="10"/>
    </row>
    <row r="278079" spans="14:14">
      <c r="N278079" s="10"/>
    </row>
    <row r="278080" spans="14:14">
      <c r="N278080" s="10"/>
    </row>
    <row r="278081" spans="14:14">
      <c r="N278081" s="10"/>
    </row>
    <row r="278082" spans="14:14">
      <c r="N278082" s="10"/>
    </row>
    <row r="278083" spans="14:14">
      <c r="N278083" s="10"/>
    </row>
    <row r="278084" spans="14:14">
      <c r="N278084" s="10"/>
    </row>
    <row r="278085" spans="14:14">
      <c r="N278085" s="10"/>
    </row>
    <row r="278086" spans="14:14">
      <c r="N278086" s="10"/>
    </row>
    <row r="278087" spans="14:14">
      <c r="N278087" s="10"/>
    </row>
    <row r="278088" spans="14:14">
      <c r="N278088" s="10"/>
    </row>
    <row r="278089" spans="14:14">
      <c r="N278089" s="10"/>
    </row>
    <row r="278090" spans="14:14">
      <c r="N278090" s="10"/>
    </row>
    <row r="278091" spans="14:14">
      <c r="N278091" s="10"/>
    </row>
    <row r="278092" spans="14:14">
      <c r="N278092" s="10"/>
    </row>
    <row r="278093" spans="14:14">
      <c r="N278093" s="10"/>
    </row>
    <row r="278094" spans="14:14">
      <c r="N278094" s="10"/>
    </row>
    <row r="278095" spans="14:14">
      <c r="N278095" s="10"/>
    </row>
    <row r="278096" spans="14:14">
      <c r="N278096" s="10"/>
    </row>
    <row r="278097" spans="14:14">
      <c r="N278097" s="10"/>
    </row>
    <row r="278098" spans="14:14">
      <c r="N278098" s="10"/>
    </row>
    <row r="278099" spans="14:14">
      <c r="N278099" s="10"/>
    </row>
    <row r="278100" spans="14:14">
      <c r="N278100" s="10"/>
    </row>
    <row r="278101" spans="14:14">
      <c r="N278101" s="10"/>
    </row>
    <row r="278102" spans="14:14">
      <c r="N278102" s="10"/>
    </row>
    <row r="278103" spans="14:14">
      <c r="N278103" s="10"/>
    </row>
    <row r="278104" spans="14:14">
      <c r="N278104" s="10"/>
    </row>
    <row r="278105" spans="14:14">
      <c r="N278105" s="10"/>
    </row>
    <row r="278106" spans="14:14">
      <c r="N278106" s="10"/>
    </row>
    <row r="278107" spans="14:14">
      <c r="N278107" s="10"/>
    </row>
    <row r="278108" spans="14:14">
      <c r="N278108" s="10"/>
    </row>
    <row r="278109" spans="14:14">
      <c r="N278109" s="10"/>
    </row>
    <row r="278110" spans="14:14">
      <c r="N278110" s="10"/>
    </row>
    <row r="278111" spans="14:14">
      <c r="N278111" s="10"/>
    </row>
    <row r="278112" spans="14:14">
      <c r="N278112" s="10"/>
    </row>
    <row r="278113" spans="14:14">
      <c r="N278113" s="10"/>
    </row>
    <row r="278114" spans="14:14">
      <c r="N278114" s="10"/>
    </row>
    <row r="278115" spans="14:14">
      <c r="N278115" s="10"/>
    </row>
    <row r="278116" spans="14:14">
      <c r="N278116" s="10"/>
    </row>
    <row r="278117" spans="14:14">
      <c r="N278117" s="10"/>
    </row>
    <row r="278118" spans="14:14">
      <c r="N278118" s="10"/>
    </row>
    <row r="278119" spans="14:14">
      <c r="N278119" s="10"/>
    </row>
    <row r="278120" spans="14:14">
      <c r="N278120" s="10"/>
    </row>
    <row r="278121" spans="14:14">
      <c r="N278121" s="10"/>
    </row>
    <row r="278122" spans="14:14">
      <c r="N278122" s="10"/>
    </row>
    <row r="278123" spans="14:14">
      <c r="N278123" s="10"/>
    </row>
    <row r="278124" spans="14:14">
      <c r="N278124" s="10"/>
    </row>
    <row r="278125" spans="14:14">
      <c r="N278125" s="10"/>
    </row>
    <row r="278126" spans="14:14">
      <c r="N278126" s="10"/>
    </row>
    <row r="278127" spans="14:14">
      <c r="N278127" s="10"/>
    </row>
    <row r="278128" spans="14:14">
      <c r="N278128" s="10"/>
    </row>
    <row r="278129" spans="14:14">
      <c r="N278129" s="10"/>
    </row>
    <row r="278130" spans="14:14">
      <c r="N278130" s="10"/>
    </row>
    <row r="278131" spans="14:14">
      <c r="N278131" s="10"/>
    </row>
    <row r="278132" spans="14:14">
      <c r="N278132" s="10"/>
    </row>
    <row r="278133" spans="14:14">
      <c r="N278133" s="10"/>
    </row>
    <row r="278134" spans="14:14">
      <c r="N278134" s="10"/>
    </row>
    <row r="278135" spans="14:14">
      <c r="N278135" s="10"/>
    </row>
    <row r="278136" spans="14:14">
      <c r="N278136" s="10"/>
    </row>
    <row r="278137" spans="14:14">
      <c r="N278137" s="10"/>
    </row>
    <row r="278138" spans="14:14">
      <c r="N278138" s="10"/>
    </row>
    <row r="278139" spans="14:14">
      <c r="N278139" s="10"/>
    </row>
    <row r="278140" spans="14:14">
      <c r="N278140" s="10"/>
    </row>
    <row r="278141" spans="14:14">
      <c r="N278141" s="10"/>
    </row>
    <row r="278142" spans="14:14">
      <c r="N278142" s="10"/>
    </row>
    <row r="278143" spans="14:14">
      <c r="N278143" s="10"/>
    </row>
    <row r="278144" spans="14:14">
      <c r="N278144" s="10"/>
    </row>
    <row r="278145" spans="14:14">
      <c r="N278145" s="10"/>
    </row>
    <row r="278146" spans="14:14">
      <c r="N278146" s="10"/>
    </row>
    <row r="278147" spans="14:14">
      <c r="N278147" s="10"/>
    </row>
    <row r="278148" spans="14:14">
      <c r="N278148" s="10"/>
    </row>
    <row r="278149" spans="14:14">
      <c r="N278149" s="10"/>
    </row>
    <row r="278150" spans="14:14">
      <c r="N278150" s="10"/>
    </row>
    <row r="278151" spans="14:14">
      <c r="N278151" s="10"/>
    </row>
    <row r="278152" spans="14:14">
      <c r="N278152" s="10"/>
    </row>
    <row r="278153" spans="14:14">
      <c r="N278153" s="10"/>
    </row>
    <row r="278154" spans="14:14">
      <c r="N278154" s="10"/>
    </row>
    <row r="278155" spans="14:14">
      <c r="N278155" s="10"/>
    </row>
    <row r="278156" spans="14:14">
      <c r="N278156" s="10"/>
    </row>
    <row r="278157" spans="14:14">
      <c r="N278157" s="10"/>
    </row>
    <row r="278158" spans="14:14">
      <c r="N278158" s="10"/>
    </row>
    <row r="278159" spans="14:14">
      <c r="N278159" s="10"/>
    </row>
    <row r="278160" spans="14:14">
      <c r="N278160" s="10"/>
    </row>
    <row r="278161" spans="14:14">
      <c r="N278161" s="10"/>
    </row>
    <row r="278162" spans="14:14">
      <c r="N278162" s="10"/>
    </row>
    <row r="278163" spans="14:14">
      <c r="N278163" s="10"/>
    </row>
    <row r="278164" spans="14:14">
      <c r="N278164" s="10"/>
    </row>
    <row r="278165" spans="14:14">
      <c r="N278165" s="10"/>
    </row>
    <row r="278166" spans="14:14">
      <c r="N278166" s="10"/>
    </row>
    <row r="278167" spans="14:14">
      <c r="N278167" s="10"/>
    </row>
    <row r="278168" spans="14:14">
      <c r="N278168" s="10"/>
    </row>
    <row r="278169" spans="14:14">
      <c r="N278169" s="10"/>
    </row>
    <row r="278170" spans="14:14">
      <c r="N278170" s="10"/>
    </row>
    <row r="278171" spans="14:14">
      <c r="N278171" s="10"/>
    </row>
    <row r="278172" spans="14:14">
      <c r="N278172" s="10"/>
    </row>
    <row r="278173" spans="14:14">
      <c r="N278173" s="10"/>
    </row>
    <row r="278174" spans="14:14">
      <c r="N278174" s="10"/>
    </row>
    <row r="278175" spans="14:14">
      <c r="N278175" s="10"/>
    </row>
    <row r="278176" spans="14:14">
      <c r="N278176" s="10"/>
    </row>
    <row r="278177" spans="14:14">
      <c r="N278177" s="10"/>
    </row>
    <row r="278178" spans="14:14">
      <c r="N278178" s="10"/>
    </row>
    <row r="278179" spans="14:14">
      <c r="N278179" s="10"/>
    </row>
    <row r="278180" spans="14:14">
      <c r="N278180" s="10"/>
    </row>
    <row r="278181" spans="14:14">
      <c r="N278181" s="10"/>
    </row>
    <row r="278182" spans="14:14">
      <c r="N278182" s="10"/>
    </row>
    <row r="278183" spans="14:14">
      <c r="N278183" s="10"/>
    </row>
    <row r="278184" spans="14:14">
      <c r="N278184" s="10"/>
    </row>
    <row r="278185" spans="14:14">
      <c r="N278185" s="10"/>
    </row>
    <row r="278186" spans="14:14">
      <c r="N278186" s="10"/>
    </row>
    <row r="278187" spans="14:14">
      <c r="N278187" s="10"/>
    </row>
    <row r="278188" spans="14:14">
      <c r="N278188" s="10"/>
    </row>
    <row r="278189" spans="14:14">
      <c r="N278189" s="10"/>
    </row>
    <row r="278190" spans="14:14">
      <c r="N278190" s="10"/>
    </row>
    <row r="278191" spans="14:14">
      <c r="N278191" s="10"/>
    </row>
    <row r="278192" spans="14:14">
      <c r="N278192" s="10"/>
    </row>
    <row r="278193" spans="14:14">
      <c r="N278193" s="10"/>
    </row>
    <row r="278194" spans="14:14">
      <c r="N278194" s="10"/>
    </row>
    <row r="278195" spans="14:14">
      <c r="N278195" s="10"/>
    </row>
    <row r="278196" spans="14:14">
      <c r="N278196" s="10"/>
    </row>
    <row r="278197" spans="14:14">
      <c r="N278197" s="10"/>
    </row>
    <row r="278198" spans="14:14">
      <c r="N278198" s="10"/>
    </row>
    <row r="278199" spans="14:14">
      <c r="N278199" s="10"/>
    </row>
    <row r="278200" spans="14:14">
      <c r="N278200" s="10"/>
    </row>
    <row r="278201" spans="14:14">
      <c r="N278201" s="10"/>
    </row>
    <row r="278202" spans="14:14">
      <c r="N278202" s="10"/>
    </row>
    <row r="278203" spans="14:14">
      <c r="N278203" s="10"/>
    </row>
    <row r="278204" spans="14:14">
      <c r="N278204" s="10"/>
    </row>
    <row r="278205" spans="14:14">
      <c r="N278205" s="10"/>
    </row>
    <row r="278206" spans="14:14">
      <c r="N278206" s="10"/>
    </row>
    <row r="278207" spans="14:14">
      <c r="N278207" s="10"/>
    </row>
    <row r="278208" spans="14:14">
      <c r="N278208" s="10"/>
    </row>
    <row r="278209" spans="14:14">
      <c r="N278209" s="10"/>
    </row>
    <row r="278210" spans="14:14">
      <c r="N278210" s="10"/>
    </row>
    <row r="278211" spans="14:14">
      <c r="N278211" s="10"/>
    </row>
    <row r="278212" spans="14:14">
      <c r="N278212" s="10"/>
    </row>
    <row r="278213" spans="14:14">
      <c r="N278213" s="10"/>
    </row>
    <row r="278214" spans="14:14">
      <c r="N278214" s="10"/>
    </row>
    <row r="278215" spans="14:14">
      <c r="N278215" s="10"/>
    </row>
    <row r="278216" spans="14:14">
      <c r="N278216" s="10"/>
    </row>
    <row r="278217" spans="14:14">
      <c r="N278217" s="10"/>
    </row>
    <row r="278218" spans="14:14">
      <c r="N278218" s="10"/>
    </row>
    <row r="278219" spans="14:14">
      <c r="N278219" s="10"/>
    </row>
    <row r="278220" spans="14:14">
      <c r="N278220" s="10"/>
    </row>
    <row r="278221" spans="14:14">
      <c r="N278221" s="10"/>
    </row>
    <row r="278222" spans="14:14">
      <c r="N278222" s="10"/>
    </row>
    <row r="278223" spans="14:14">
      <c r="N278223" s="10"/>
    </row>
    <row r="278224" spans="14:14">
      <c r="N278224" s="10"/>
    </row>
    <row r="278225" spans="14:14">
      <c r="N278225" s="10"/>
    </row>
    <row r="278226" spans="14:14">
      <c r="N278226" s="10"/>
    </row>
    <row r="278227" spans="14:14">
      <c r="N278227" s="10"/>
    </row>
    <row r="278228" spans="14:14">
      <c r="N278228" s="10"/>
    </row>
    <row r="278229" spans="14:14">
      <c r="N278229" s="10"/>
    </row>
    <row r="278230" spans="14:14">
      <c r="N278230" s="10"/>
    </row>
    <row r="278231" spans="14:14">
      <c r="N278231" s="10"/>
    </row>
    <row r="278232" spans="14:14">
      <c r="N278232" s="10"/>
    </row>
    <row r="278233" spans="14:14">
      <c r="N278233" s="10"/>
    </row>
    <row r="278234" spans="14:14">
      <c r="N278234" s="10"/>
    </row>
    <row r="278235" spans="14:14">
      <c r="N278235" s="10"/>
    </row>
    <row r="278236" spans="14:14">
      <c r="N278236" s="10"/>
    </row>
    <row r="278237" spans="14:14">
      <c r="N278237" s="10"/>
    </row>
    <row r="278238" spans="14:14">
      <c r="N278238" s="10"/>
    </row>
    <row r="278239" spans="14:14">
      <c r="N278239" s="10"/>
    </row>
    <row r="278240" spans="14:14">
      <c r="N278240" s="10"/>
    </row>
    <row r="278241" spans="14:14">
      <c r="N278241" s="10"/>
    </row>
    <row r="278242" spans="14:14">
      <c r="N278242" s="10"/>
    </row>
    <row r="278243" spans="14:14">
      <c r="N278243" s="10"/>
    </row>
    <row r="278244" spans="14:14">
      <c r="N278244" s="10"/>
    </row>
    <row r="278245" spans="14:14">
      <c r="N278245" s="10"/>
    </row>
    <row r="278246" spans="14:14">
      <c r="N278246" s="10"/>
    </row>
    <row r="278247" spans="14:14">
      <c r="N278247" s="10"/>
    </row>
    <row r="278248" spans="14:14">
      <c r="N278248" s="10"/>
    </row>
    <row r="278249" spans="14:14">
      <c r="N278249" s="10"/>
    </row>
    <row r="278250" spans="14:14">
      <c r="N278250" s="10"/>
    </row>
    <row r="278251" spans="14:14">
      <c r="N278251" s="10"/>
    </row>
    <row r="278252" spans="14:14">
      <c r="N278252" s="10"/>
    </row>
    <row r="278253" spans="14:14">
      <c r="N278253" s="10"/>
    </row>
    <row r="278254" spans="14:14">
      <c r="N278254" s="10"/>
    </row>
    <row r="278255" spans="14:14">
      <c r="N278255" s="10"/>
    </row>
    <row r="278256" spans="14:14">
      <c r="N278256" s="10"/>
    </row>
    <row r="278257" spans="14:14">
      <c r="N278257" s="10"/>
    </row>
    <row r="278258" spans="14:14">
      <c r="N278258" s="10"/>
    </row>
    <row r="278259" spans="14:14">
      <c r="N278259" s="10"/>
    </row>
    <row r="278260" spans="14:14">
      <c r="N278260" s="10"/>
    </row>
    <row r="278261" spans="14:14">
      <c r="N278261" s="10"/>
    </row>
    <row r="278262" spans="14:14">
      <c r="N278262" s="10"/>
    </row>
    <row r="278263" spans="14:14">
      <c r="N278263" s="10"/>
    </row>
    <row r="278264" spans="14:14">
      <c r="N278264" s="10"/>
    </row>
    <row r="278265" spans="14:14">
      <c r="N278265" s="10"/>
    </row>
    <row r="278266" spans="14:14">
      <c r="N278266" s="10"/>
    </row>
    <row r="278267" spans="14:14">
      <c r="N278267" s="10"/>
    </row>
    <row r="278268" spans="14:14">
      <c r="N278268" s="10"/>
    </row>
    <row r="278269" spans="14:14">
      <c r="N278269" s="10"/>
    </row>
    <row r="278270" spans="14:14">
      <c r="N278270" s="10"/>
    </row>
    <row r="278271" spans="14:14">
      <c r="N278271" s="10"/>
    </row>
    <row r="278272" spans="14:14">
      <c r="N278272" s="10"/>
    </row>
    <row r="278273" spans="14:14">
      <c r="N278273" s="10"/>
    </row>
    <row r="278274" spans="14:14">
      <c r="N278274" s="10"/>
    </row>
    <row r="278275" spans="14:14">
      <c r="N278275" s="10"/>
    </row>
    <row r="278276" spans="14:14">
      <c r="N278276" s="10"/>
    </row>
    <row r="278277" spans="14:14">
      <c r="N278277" s="10"/>
    </row>
    <row r="278278" spans="14:14">
      <c r="N278278" s="10"/>
    </row>
    <row r="278279" spans="14:14">
      <c r="N278279" s="10"/>
    </row>
    <row r="278280" spans="14:14">
      <c r="N278280" s="10"/>
    </row>
    <row r="278281" spans="14:14">
      <c r="N278281" s="10"/>
    </row>
    <row r="278282" spans="14:14">
      <c r="N278282" s="10"/>
    </row>
    <row r="278283" spans="14:14">
      <c r="N278283" s="10"/>
    </row>
    <row r="278284" spans="14:14">
      <c r="N278284" s="10"/>
    </row>
    <row r="278285" spans="14:14">
      <c r="N278285" s="10"/>
    </row>
    <row r="278286" spans="14:14">
      <c r="N278286" s="10"/>
    </row>
    <row r="278287" spans="14:14">
      <c r="N278287" s="10"/>
    </row>
    <row r="278288" spans="14:14">
      <c r="N278288" s="10"/>
    </row>
    <row r="278289" spans="14:14">
      <c r="N278289" s="10"/>
    </row>
    <row r="278290" spans="14:14">
      <c r="N278290" s="10"/>
    </row>
    <row r="278291" spans="14:14">
      <c r="N278291" s="10"/>
    </row>
    <row r="278292" spans="14:14">
      <c r="N278292" s="10"/>
    </row>
    <row r="278293" spans="14:14">
      <c r="N278293" s="10"/>
    </row>
    <row r="278294" spans="14:14">
      <c r="N278294" s="10"/>
    </row>
    <row r="278295" spans="14:14">
      <c r="N278295" s="10"/>
    </row>
    <row r="278296" spans="14:14">
      <c r="N278296" s="10"/>
    </row>
    <row r="278297" spans="14:14">
      <c r="N278297" s="10"/>
    </row>
    <row r="278298" spans="14:14">
      <c r="N278298" s="10"/>
    </row>
    <row r="278299" spans="14:14">
      <c r="N278299" s="10"/>
    </row>
    <row r="278300" spans="14:14">
      <c r="N278300" s="10"/>
    </row>
    <row r="278301" spans="14:14">
      <c r="N278301" s="10"/>
    </row>
    <row r="278302" spans="14:14">
      <c r="N278302" s="10"/>
    </row>
    <row r="278303" spans="14:14">
      <c r="N278303" s="10"/>
    </row>
    <row r="278304" spans="14:14">
      <c r="N278304" s="10"/>
    </row>
    <row r="278305" spans="14:14">
      <c r="N278305" s="10"/>
    </row>
    <row r="278306" spans="14:14">
      <c r="N278306" s="10"/>
    </row>
    <row r="278307" spans="14:14">
      <c r="N278307" s="10"/>
    </row>
    <row r="278308" spans="14:14">
      <c r="N278308" s="10"/>
    </row>
    <row r="278309" spans="14:14">
      <c r="N278309" s="10"/>
    </row>
    <row r="278310" spans="14:14">
      <c r="N278310" s="10"/>
    </row>
    <row r="278311" spans="14:14">
      <c r="N278311" s="10"/>
    </row>
    <row r="278312" spans="14:14">
      <c r="N278312" s="10"/>
    </row>
    <row r="278313" spans="14:14">
      <c r="N278313" s="10"/>
    </row>
    <row r="278314" spans="14:14">
      <c r="N278314" s="10"/>
    </row>
    <row r="278315" spans="14:14">
      <c r="N278315" s="10"/>
    </row>
    <row r="278316" spans="14:14">
      <c r="N278316" s="10"/>
    </row>
    <row r="278317" spans="14:14">
      <c r="N278317" s="10"/>
    </row>
    <row r="278318" spans="14:14">
      <c r="N278318" s="10"/>
    </row>
    <row r="278319" spans="14:14">
      <c r="N278319" s="10"/>
    </row>
    <row r="278320" spans="14:14">
      <c r="N278320" s="10"/>
    </row>
    <row r="278321" spans="14:14">
      <c r="N278321" s="10"/>
    </row>
    <row r="278322" spans="14:14">
      <c r="N278322" s="10"/>
    </row>
    <row r="278323" spans="14:14">
      <c r="N278323" s="10"/>
    </row>
    <row r="278324" spans="14:14">
      <c r="N278324" s="10"/>
    </row>
    <row r="278325" spans="14:14">
      <c r="N278325" s="10"/>
    </row>
    <row r="278326" spans="14:14">
      <c r="N278326" s="10"/>
    </row>
    <row r="278327" spans="14:14">
      <c r="N278327" s="10"/>
    </row>
    <row r="278328" spans="14:14">
      <c r="N278328" s="10"/>
    </row>
    <row r="278329" spans="14:14">
      <c r="N278329" s="10"/>
    </row>
    <row r="278330" spans="14:14">
      <c r="N278330" s="10"/>
    </row>
    <row r="278331" spans="14:14">
      <c r="N278331" s="10"/>
    </row>
    <row r="278332" spans="14:14">
      <c r="N278332" s="10"/>
    </row>
    <row r="278333" spans="14:14">
      <c r="N278333" s="10"/>
    </row>
    <row r="278334" spans="14:14">
      <c r="N278334" s="10"/>
    </row>
    <row r="278335" spans="14:14">
      <c r="N278335" s="10"/>
    </row>
    <row r="278336" spans="14:14">
      <c r="N278336" s="10"/>
    </row>
    <row r="278337" spans="14:14">
      <c r="N278337" s="10"/>
    </row>
    <row r="278338" spans="14:14">
      <c r="N278338" s="10"/>
    </row>
    <row r="278339" spans="14:14">
      <c r="N278339" s="10"/>
    </row>
    <row r="278340" spans="14:14">
      <c r="N278340" s="10"/>
    </row>
    <row r="278341" spans="14:14">
      <c r="N278341" s="10"/>
    </row>
    <row r="278342" spans="14:14">
      <c r="N278342" s="10"/>
    </row>
    <row r="278343" spans="14:14">
      <c r="N278343" s="10"/>
    </row>
    <row r="278344" spans="14:14">
      <c r="N278344" s="10"/>
    </row>
    <row r="278345" spans="14:14">
      <c r="N278345" s="10"/>
    </row>
    <row r="278346" spans="14:14">
      <c r="N278346" s="10"/>
    </row>
    <row r="278347" spans="14:14">
      <c r="N278347" s="10"/>
    </row>
    <row r="278348" spans="14:14">
      <c r="N278348" s="10"/>
    </row>
    <row r="278349" spans="14:14">
      <c r="N278349" s="10"/>
    </row>
    <row r="278350" spans="14:14">
      <c r="N278350" s="10"/>
    </row>
    <row r="278351" spans="14:14">
      <c r="N278351" s="10"/>
    </row>
    <row r="278352" spans="14:14">
      <c r="N278352" s="10"/>
    </row>
    <row r="278353" spans="14:14">
      <c r="N278353" s="10"/>
    </row>
    <row r="278354" spans="14:14">
      <c r="N278354" s="10"/>
    </row>
    <row r="278355" spans="14:14">
      <c r="N278355" s="10"/>
    </row>
    <row r="278356" spans="14:14">
      <c r="N278356" s="10"/>
    </row>
    <row r="278357" spans="14:14">
      <c r="N278357" s="10"/>
    </row>
    <row r="278358" spans="14:14">
      <c r="N278358" s="10"/>
    </row>
    <row r="278359" spans="14:14">
      <c r="N278359" s="10"/>
    </row>
    <row r="278360" spans="14:14">
      <c r="N278360" s="10"/>
    </row>
    <row r="278361" spans="14:14">
      <c r="N278361" s="10"/>
    </row>
    <row r="278362" spans="14:14">
      <c r="N278362" s="10"/>
    </row>
    <row r="278363" spans="14:14">
      <c r="N278363" s="10"/>
    </row>
    <row r="278364" spans="14:14">
      <c r="N278364" s="10"/>
    </row>
    <row r="278365" spans="14:14">
      <c r="N278365" s="10"/>
    </row>
    <row r="278366" spans="14:14">
      <c r="N278366" s="10"/>
    </row>
    <row r="278367" spans="14:14">
      <c r="N278367" s="10"/>
    </row>
    <row r="278368" spans="14:14">
      <c r="N278368" s="10"/>
    </row>
    <row r="278369" spans="14:14">
      <c r="N278369" s="10"/>
    </row>
    <row r="278370" spans="14:14">
      <c r="N278370" s="10"/>
    </row>
    <row r="278371" spans="14:14">
      <c r="N278371" s="10"/>
    </row>
    <row r="278372" spans="14:14">
      <c r="N278372" s="10"/>
    </row>
    <row r="278373" spans="14:14">
      <c r="N278373" s="10"/>
    </row>
    <row r="278374" spans="14:14">
      <c r="N278374" s="10"/>
    </row>
    <row r="278375" spans="14:14">
      <c r="N278375" s="10"/>
    </row>
    <row r="278376" spans="14:14">
      <c r="N278376" s="10"/>
    </row>
    <row r="278377" spans="14:14">
      <c r="N278377" s="10"/>
    </row>
    <row r="278378" spans="14:14">
      <c r="N278378" s="10"/>
    </row>
    <row r="278379" spans="14:14">
      <c r="N278379" s="10"/>
    </row>
    <row r="278380" spans="14:14">
      <c r="N278380" s="10"/>
    </row>
    <row r="278381" spans="14:14">
      <c r="N278381" s="10"/>
    </row>
    <row r="278382" spans="14:14">
      <c r="N278382" s="10"/>
    </row>
    <row r="278383" spans="14:14">
      <c r="N278383" s="10"/>
    </row>
    <row r="278384" spans="14:14">
      <c r="N278384" s="10"/>
    </row>
    <row r="278385" spans="14:14">
      <c r="N278385" s="10"/>
    </row>
    <row r="278386" spans="14:14">
      <c r="N278386" s="10"/>
    </row>
    <row r="278387" spans="14:14">
      <c r="N278387" s="10"/>
    </row>
    <row r="278388" spans="14:14">
      <c r="N278388" s="10"/>
    </row>
    <row r="278389" spans="14:14">
      <c r="N278389" s="10"/>
    </row>
    <row r="278390" spans="14:14">
      <c r="N278390" s="10"/>
    </row>
    <row r="278391" spans="14:14">
      <c r="N278391" s="10"/>
    </row>
    <row r="278392" spans="14:14">
      <c r="N278392" s="10"/>
    </row>
    <row r="278393" spans="14:14">
      <c r="N278393" s="10"/>
    </row>
    <row r="278394" spans="14:14">
      <c r="N278394" s="10"/>
    </row>
    <row r="278395" spans="14:14">
      <c r="N278395" s="10"/>
    </row>
    <row r="278396" spans="14:14">
      <c r="N278396" s="10"/>
    </row>
    <row r="278397" spans="14:14">
      <c r="N278397" s="10"/>
    </row>
    <row r="278398" spans="14:14">
      <c r="N278398" s="10"/>
    </row>
    <row r="278399" spans="14:14">
      <c r="N278399" s="10"/>
    </row>
    <row r="278400" spans="14:14">
      <c r="N278400" s="10"/>
    </row>
    <row r="278401" spans="14:14">
      <c r="N278401" s="10"/>
    </row>
    <row r="278402" spans="14:14">
      <c r="N278402" s="10"/>
    </row>
    <row r="278403" spans="14:14">
      <c r="N278403" s="10"/>
    </row>
    <row r="278404" spans="14:14">
      <c r="N278404" s="10"/>
    </row>
    <row r="278405" spans="14:14">
      <c r="N278405" s="10"/>
    </row>
    <row r="278406" spans="14:14">
      <c r="N278406" s="10"/>
    </row>
    <row r="278407" spans="14:14">
      <c r="N278407" s="10"/>
    </row>
    <row r="278408" spans="14:14">
      <c r="N278408" s="10"/>
    </row>
    <row r="278409" spans="14:14">
      <c r="N278409" s="10"/>
    </row>
    <row r="278410" spans="14:14">
      <c r="N278410" s="10"/>
    </row>
    <row r="278411" spans="14:14">
      <c r="N278411" s="10"/>
    </row>
    <row r="278412" spans="14:14">
      <c r="N278412" s="10"/>
    </row>
    <row r="278413" spans="14:14">
      <c r="N278413" s="10"/>
    </row>
    <row r="278414" spans="14:14">
      <c r="N278414" s="10"/>
    </row>
    <row r="278415" spans="14:14">
      <c r="N278415" s="10"/>
    </row>
    <row r="278416" spans="14:14">
      <c r="N278416" s="10"/>
    </row>
    <row r="278417" spans="14:14">
      <c r="N278417" s="10"/>
    </row>
    <row r="278418" spans="14:14">
      <c r="N278418" s="10"/>
    </row>
    <row r="278419" spans="14:14">
      <c r="N278419" s="10"/>
    </row>
    <row r="278420" spans="14:14">
      <c r="N278420" s="10"/>
    </row>
    <row r="278421" spans="14:14">
      <c r="N278421" s="10"/>
    </row>
    <row r="278422" spans="14:14">
      <c r="N278422" s="10"/>
    </row>
    <row r="278423" spans="14:14">
      <c r="N278423" s="10"/>
    </row>
    <row r="278424" spans="14:14">
      <c r="N278424" s="10"/>
    </row>
    <row r="278425" spans="14:14">
      <c r="N278425" s="10"/>
    </row>
    <row r="278426" spans="14:14">
      <c r="N278426" s="10"/>
    </row>
    <row r="278427" spans="14:14">
      <c r="N278427" s="10"/>
    </row>
    <row r="278428" spans="14:14">
      <c r="N278428" s="10"/>
    </row>
    <row r="278429" spans="14:14">
      <c r="N278429" s="10"/>
    </row>
    <row r="278430" spans="14:14">
      <c r="N278430" s="10"/>
    </row>
    <row r="278431" spans="14:14">
      <c r="N278431" s="10"/>
    </row>
    <row r="278432" spans="14:14">
      <c r="N278432" s="10"/>
    </row>
    <row r="278433" spans="14:14">
      <c r="N278433" s="10"/>
    </row>
    <row r="278434" spans="14:14">
      <c r="N278434" s="10"/>
    </row>
    <row r="278435" spans="14:14">
      <c r="N278435" s="10"/>
    </row>
    <row r="278436" spans="14:14">
      <c r="N278436" s="10"/>
    </row>
    <row r="278437" spans="14:14">
      <c r="N278437" s="10"/>
    </row>
    <row r="278438" spans="14:14">
      <c r="N278438" s="10"/>
    </row>
    <row r="278439" spans="14:14">
      <c r="N278439" s="10"/>
    </row>
    <row r="278440" spans="14:14">
      <c r="N278440" s="10"/>
    </row>
    <row r="278441" spans="14:14">
      <c r="N278441" s="10"/>
    </row>
    <row r="278442" spans="14:14">
      <c r="N278442" s="10"/>
    </row>
    <row r="278443" spans="14:14">
      <c r="N278443" s="10"/>
    </row>
    <row r="278444" spans="14:14">
      <c r="N278444" s="10"/>
    </row>
    <row r="278445" spans="14:14">
      <c r="N278445" s="10"/>
    </row>
    <row r="278446" spans="14:14">
      <c r="N278446" s="10"/>
    </row>
    <row r="278447" spans="14:14">
      <c r="N278447" s="10"/>
    </row>
    <row r="278448" spans="14:14">
      <c r="N278448" s="10"/>
    </row>
    <row r="278449" spans="14:14">
      <c r="N278449" s="10"/>
    </row>
    <row r="278450" spans="14:14">
      <c r="N278450" s="10"/>
    </row>
    <row r="278451" spans="14:14">
      <c r="N278451" s="10"/>
    </row>
    <row r="278452" spans="14:14">
      <c r="N278452" s="10"/>
    </row>
    <row r="278453" spans="14:14">
      <c r="N278453" s="10"/>
    </row>
    <row r="278454" spans="14:14">
      <c r="N278454" s="10"/>
    </row>
    <row r="278455" spans="14:14">
      <c r="N278455" s="10"/>
    </row>
    <row r="278456" spans="14:14">
      <c r="N278456" s="10"/>
    </row>
    <row r="278457" spans="14:14">
      <c r="N278457" s="10"/>
    </row>
    <row r="278458" spans="14:14">
      <c r="N278458" s="10"/>
    </row>
    <row r="278459" spans="14:14">
      <c r="N278459" s="10"/>
    </row>
    <row r="278460" spans="14:14">
      <c r="N278460" s="10"/>
    </row>
    <row r="278461" spans="14:14">
      <c r="N278461" s="10"/>
    </row>
    <row r="278462" spans="14:14">
      <c r="N278462" s="10"/>
    </row>
    <row r="278463" spans="14:14">
      <c r="N278463" s="10"/>
    </row>
    <row r="278464" spans="14:14">
      <c r="N278464" s="10"/>
    </row>
    <row r="278465" spans="14:14">
      <c r="N278465" s="10"/>
    </row>
    <row r="278466" spans="14:14">
      <c r="N278466" s="10"/>
    </row>
    <row r="278467" spans="14:14">
      <c r="N278467" s="10"/>
    </row>
    <row r="278468" spans="14:14">
      <c r="N278468" s="10"/>
    </row>
    <row r="278469" spans="14:14">
      <c r="N278469" s="10"/>
    </row>
    <row r="278470" spans="14:14">
      <c r="N278470" s="10"/>
    </row>
    <row r="278471" spans="14:14">
      <c r="N278471" s="10"/>
    </row>
    <row r="278472" spans="14:14">
      <c r="N278472" s="10"/>
    </row>
    <row r="278473" spans="14:14">
      <c r="N278473" s="10"/>
    </row>
    <row r="278474" spans="14:14">
      <c r="N278474" s="10"/>
    </row>
    <row r="278475" spans="14:14">
      <c r="N278475" s="10"/>
    </row>
    <row r="278476" spans="14:14">
      <c r="N278476" s="10"/>
    </row>
    <row r="278477" spans="14:14">
      <c r="N278477" s="10"/>
    </row>
    <row r="278478" spans="14:14">
      <c r="N278478" s="10"/>
    </row>
    <row r="278479" spans="14:14">
      <c r="N278479" s="10"/>
    </row>
    <row r="278480" spans="14:14">
      <c r="N278480" s="10"/>
    </row>
    <row r="278481" spans="14:14">
      <c r="N278481" s="10"/>
    </row>
    <row r="278482" spans="14:14">
      <c r="N278482" s="10"/>
    </row>
    <row r="278483" spans="14:14">
      <c r="N278483" s="10"/>
    </row>
    <row r="278484" spans="14:14">
      <c r="N278484" s="10"/>
    </row>
    <row r="278485" spans="14:14">
      <c r="N278485" s="10"/>
    </row>
    <row r="278486" spans="14:14">
      <c r="N278486" s="10"/>
    </row>
    <row r="278487" spans="14:14">
      <c r="N278487" s="10"/>
    </row>
    <row r="278488" spans="14:14">
      <c r="N278488" s="10"/>
    </row>
    <row r="278489" spans="14:14">
      <c r="N278489" s="10"/>
    </row>
    <row r="278490" spans="14:14">
      <c r="N278490" s="10"/>
    </row>
    <row r="278491" spans="14:14">
      <c r="N278491" s="10"/>
    </row>
    <row r="278492" spans="14:14">
      <c r="N278492" s="10"/>
    </row>
    <row r="278493" spans="14:14">
      <c r="N278493" s="10"/>
    </row>
    <row r="278494" spans="14:14">
      <c r="N278494" s="10"/>
    </row>
    <row r="278495" spans="14:14">
      <c r="N278495" s="10"/>
    </row>
    <row r="278496" spans="14:14">
      <c r="N278496" s="10"/>
    </row>
    <row r="278497" spans="14:14">
      <c r="N278497" s="10"/>
    </row>
    <row r="278498" spans="14:14">
      <c r="N278498" s="10"/>
    </row>
    <row r="278499" spans="14:14">
      <c r="N278499" s="10"/>
    </row>
    <row r="278500" spans="14:14">
      <c r="N278500" s="10"/>
    </row>
    <row r="278501" spans="14:14">
      <c r="N278501" s="10"/>
    </row>
    <row r="278502" spans="14:14">
      <c r="N278502" s="10"/>
    </row>
    <row r="278503" spans="14:14">
      <c r="N278503" s="10"/>
    </row>
    <row r="278504" spans="14:14">
      <c r="N278504" s="10"/>
    </row>
    <row r="278505" spans="14:14">
      <c r="N278505" s="10"/>
    </row>
    <row r="278506" spans="14:14">
      <c r="N278506" s="10"/>
    </row>
    <row r="278507" spans="14:14">
      <c r="N278507" s="10"/>
    </row>
    <row r="278508" spans="14:14">
      <c r="N278508" s="10"/>
    </row>
    <row r="278509" spans="14:14">
      <c r="N278509" s="10"/>
    </row>
    <row r="278510" spans="14:14">
      <c r="N278510" s="10"/>
    </row>
    <row r="278511" spans="14:14">
      <c r="N278511" s="10"/>
    </row>
    <row r="278512" spans="14:14">
      <c r="N278512" s="10"/>
    </row>
    <row r="278513" spans="14:14">
      <c r="N278513" s="10"/>
    </row>
    <row r="278514" spans="14:14">
      <c r="N278514" s="10"/>
    </row>
    <row r="278515" spans="14:14">
      <c r="N278515" s="10"/>
    </row>
    <row r="278516" spans="14:14">
      <c r="N278516" s="10"/>
    </row>
    <row r="278517" spans="14:14">
      <c r="N278517" s="10"/>
    </row>
    <row r="278518" spans="14:14">
      <c r="N278518" s="10"/>
    </row>
    <row r="278519" spans="14:14">
      <c r="N278519" s="10"/>
    </row>
    <row r="278520" spans="14:14">
      <c r="N278520" s="10"/>
    </row>
    <row r="278521" spans="14:14">
      <c r="N278521" s="10"/>
    </row>
    <row r="278522" spans="14:14">
      <c r="N278522" s="10"/>
    </row>
    <row r="278523" spans="14:14">
      <c r="N278523" s="10"/>
    </row>
    <row r="278524" spans="14:14">
      <c r="N278524" s="10"/>
    </row>
    <row r="278525" spans="14:14">
      <c r="N278525" s="10"/>
    </row>
    <row r="278526" spans="14:14">
      <c r="N278526" s="10"/>
    </row>
    <row r="278527" spans="14:14">
      <c r="N278527" s="10"/>
    </row>
    <row r="278528" spans="14:14">
      <c r="N278528" s="10"/>
    </row>
    <row r="278529" spans="14:14">
      <c r="N278529" s="10"/>
    </row>
    <row r="278530" spans="14:14">
      <c r="N278530" s="10"/>
    </row>
    <row r="278531" spans="14:14">
      <c r="N278531" s="10"/>
    </row>
    <row r="278532" spans="14:14">
      <c r="N278532" s="10"/>
    </row>
    <row r="278533" spans="14:14">
      <c r="N278533" s="10"/>
    </row>
    <row r="278534" spans="14:14">
      <c r="N278534" s="10"/>
    </row>
    <row r="278535" spans="14:14">
      <c r="N278535" s="10"/>
    </row>
    <row r="278536" spans="14:14">
      <c r="N278536" s="10"/>
    </row>
    <row r="278537" spans="14:14">
      <c r="N278537" s="10"/>
    </row>
    <row r="278538" spans="14:14">
      <c r="N278538" s="10"/>
    </row>
    <row r="278539" spans="14:14">
      <c r="N278539" s="10"/>
    </row>
    <row r="278540" spans="14:14">
      <c r="N278540" s="10"/>
    </row>
    <row r="278541" spans="14:14">
      <c r="N278541" s="10"/>
    </row>
    <row r="278542" spans="14:14">
      <c r="N278542" s="10"/>
    </row>
    <row r="278543" spans="14:14">
      <c r="N278543" s="10"/>
    </row>
    <row r="278544" spans="14:14">
      <c r="N278544" s="10"/>
    </row>
    <row r="278545" spans="14:14">
      <c r="N278545" s="10"/>
    </row>
    <row r="278546" spans="14:14">
      <c r="N278546" s="10"/>
    </row>
    <row r="278547" spans="14:14">
      <c r="N278547" s="10"/>
    </row>
    <row r="278548" spans="14:14">
      <c r="N278548" s="10"/>
    </row>
    <row r="278549" spans="14:14">
      <c r="N278549" s="10"/>
    </row>
    <row r="278550" spans="14:14">
      <c r="N278550" s="10"/>
    </row>
    <row r="278551" spans="14:14">
      <c r="N278551" s="10"/>
    </row>
    <row r="278552" spans="14:14">
      <c r="N278552" s="10"/>
    </row>
    <row r="278553" spans="14:14">
      <c r="N278553" s="10"/>
    </row>
    <row r="278554" spans="14:14">
      <c r="N278554" s="10"/>
    </row>
    <row r="278555" spans="14:14">
      <c r="N278555" s="10"/>
    </row>
    <row r="278556" spans="14:14">
      <c r="N278556" s="10"/>
    </row>
    <row r="278557" spans="14:14">
      <c r="N278557" s="10"/>
    </row>
    <row r="278558" spans="14:14">
      <c r="N278558" s="10"/>
    </row>
    <row r="278559" spans="14:14">
      <c r="N278559" s="10"/>
    </row>
    <row r="278560" spans="14:14">
      <c r="N278560" s="10"/>
    </row>
    <row r="278561" spans="14:14">
      <c r="N278561" s="10"/>
    </row>
    <row r="278562" spans="14:14">
      <c r="N278562" s="10"/>
    </row>
    <row r="278563" spans="14:14">
      <c r="N278563" s="10"/>
    </row>
    <row r="278564" spans="14:14">
      <c r="N278564" s="10"/>
    </row>
    <row r="278565" spans="14:14">
      <c r="N278565" s="10"/>
    </row>
    <row r="278566" spans="14:14">
      <c r="N278566" s="10"/>
    </row>
    <row r="278567" spans="14:14">
      <c r="N278567" s="10"/>
    </row>
    <row r="278568" spans="14:14">
      <c r="N278568" s="10"/>
    </row>
    <row r="278569" spans="14:14">
      <c r="N278569" s="10"/>
    </row>
    <row r="278570" spans="14:14">
      <c r="N278570" s="10"/>
    </row>
    <row r="278571" spans="14:14">
      <c r="N278571" s="10"/>
    </row>
    <row r="278572" spans="14:14">
      <c r="N278572" s="10"/>
    </row>
    <row r="278573" spans="14:14">
      <c r="N278573" s="10"/>
    </row>
    <row r="278574" spans="14:14">
      <c r="N278574" s="10"/>
    </row>
    <row r="278575" spans="14:14">
      <c r="N278575" s="10"/>
    </row>
    <row r="278576" spans="14:14">
      <c r="N278576" s="10"/>
    </row>
    <row r="278577" spans="14:14">
      <c r="N278577" s="10"/>
    </row>
    <row r="278578" spans="14:14">
      <c r="N278578" s="10"/>
    </row>
    <row r="278579" spans="14:14">
      <c r="N278579" s="10"/>
    </row>
    <row r="278580" spans="14:14">
      <c r="N278580" s="10"/>
    </row>
    <row r="278581" spans="14:14">
      <c r="N278581" s="10"/>
    </row>
    <row r="278582" spans="14:14">
      <c r="N278582" s="10"/>
    </row>
    <row r="278583" spans="14:14">
      <c r="N278583" s="10"/>
    </row>
    <row r="278584" spans="14:14">
      <c r="N278584" s="10"/>
    </row>
    <row r="278585" spans="14:14">
      <c r="N278585" s="10"/>
    </row>
    <row r="278586" spans="14:14">
      <c r="N278586" s="10"/>
    </row>
    <row r="278587" spans="14:14">
      <c r="N278587" s="10"/>
    </row>
    <row r="278588" spans="14:14">
      <c r="N278588" s="10"/>
    </row>
    <row r="278589" spans="14:14">
      <c r="N278589" s="10"/>
    </row>
    <row r="278590" spans="14:14">
      <c r="N278590" s="10"/>
    </row>
    <row r="278591" spans="14:14">
      <c r="N278591" s="10"/>
    </row>
    <row r="278592" spans="14:14">
      <c r="N278592" s="10"/>
    </row>
    <row r="278593" spans="14:14">
      <c r="N278593" s="10"/>
    </row>
    <row r="278594" spans="14:14">
      <c r="N278594" s="10"/>
    </row>
    <row r="278595" spans="14:14">
      <c r="N278595" s="10"/>
    </row>
    <row r="278596" spans="14:14">
      <c r="N278596" s="10"/>
    </row>
    <row r="278597" spans="14:14">
      <c r="N278597" s="10"/>
    </row>
    <row r="278598" spans="14:14">
      <c r="N278598" s="10"/>
    </row>
    <row r="278599" spans="14:14">
      <c r="N278599" s="10"/>
    </row>
    <row r="278600" spans="14:14">
      <c r="N278600" s="10"/>
    </row>
    <row r="278601" spans="14:14">
      <c r="N278601" s="10"/>
    </row>
    <row r="278602" spans="14:14">
      <c r="N278602" s="10"/>
    </row>
    <row r="278603" spans="14:14">
      <c r="N278603" s="10"/>
    </row>
    <row r="278604" spans="14:14">
      <c r="N278604" s="10"/>
    </row>
    <row r="278605" spans="14:14">
      <c r="N278605" s="10"/>
    </row>
    <row r="278606" spans="14:14">
      <c r="N278606" s="10"/>
    </row>
    <row r="278607" spans="14:14">
      <c r="N278607" s="10"/>
    </row>
    <row r="278608" spans="14:14">
      <c r="N278608" s="10"/>
    </row>
    <row r="278609" spans="14:14">
      <c r="N278609" s="10"/>
    </row>
    <row r="278610" spans="14:14">
      <c r="N278610" s="10"/>
    </row>
    <row r="278611" spans="14:14">
      <c r="N278611" s="10"/>
    </row>
    <row r="278612" spans="14:14">
      <c r="N278612" s="10"/>
    </row>
    <row r="278613" spans="14:14">
      <c r="N278613" s="10"/>
    </row>
    <row r="278614" spans="14:14">
      <c r="N278614" s="10"/>
    </row>
    <row r="278615" spans="14:14">
      <c r="N278615" s="10"/>
    </row>
    <row r="278616" spans="14:14">
      <c r="N278616" s="10"/>
    </row>
    <row r="278617" spans="14:14">
      <c r="N278617" s="10"/>
    </row>
    <row r="278618" spans="14:14">
      <c r="N278618" s="10"/>
    </row>
    <row r="278619" spans="14:14">
      <c r="N278619" s="10"/>
    </row>
    <row r="278620" spans="14:14">
      <c r="N278620" s="10"/>
    </row>
    <row r="278621" spans="14:14">
      <c r="N278621" s="10"/>
    </row>
    <row r="278622" spans="14:14">
      <c r="N278622" s="10"/>
    </row>
    <row r="278623" spans="14:14">
      <c r="N278623" s="10"/>
    </row>
    <row r="278624" spans="14:14">
      <c r="N278624" s="10"/>
    </row>
    <row r="278625" spans="14:14">
      <c r="N278625" s="10"/>
    </row>
    <row r="278626" spans="14:14">
      <c r="N278626" s="10"/>
    </row>
    <row r="278627" spans="14:14">
      <c r="N278627" s="10"/>
    </row>
    <row r="278628" spans="14:14">
      <c r="N278628" s="10"/>
    </row>
    <row r="278629" spans="14:14">
      <c r="N278629" s="10"/>
    </row>
    <row r="278630" spans="14:14">
      <c r="N278630" s="10"/>
    </row>
    <row r="278631" spans="14:14">
      <c r="N278631" s="10"/>
    </row>
    <row r="278632" spans="14:14">
      <c r="N278632" s="10"/>
    </row>
    <row r="278633" spans="14:14">
      <c r="N278633" s="10"/>
    </row>
    <row r="278634" spans="14:14">
      <c r="N278634" s="10"/>
    </row>
    <row r="278635" spans="14:14">
      <c r="N278635" s="10"/>
    </row>
    <row r="278636" spans="14:14">
      <c r="N278636" s="10"/>
    </row>
    <row r="278637" spans="14:14">
      <c r="N278637" s="10"/>
    </row>
    <row r="278638" spans="14:14">
      <c r="N278638" s="10"/>
    </row>
    <row r="278639" spans="14:14">
      <c r="N278639" s="10"/>
    </row>
    <row r="278640" spans="14:14">
      <c r="N278640" s="10"/>
    </row>
    <row r="278641" spans="14:14">
      <c r="N278641" s="10"/>
    </row>
    <row r="278642" spans="14:14">
      <c r="N278642" s="10"/>
    </row>
    <row r="278643" spans="14:14">
      <c r="N278643" s="10"/>
    </row>
    <row r="278644" spans="14:14">
      <c r="N278644" s="10"/>
    </row>
    <row r="278645" spans="14:14">
      <c r="N278645" s="10"/>
    </row>
    <row r="278646" spans="14:14">
      <c r="N278646" s="10"/>
    </row>
    <row r="278647" spans="14:14">
      <c r="N278647" s="10"/>
    </row>
    <row r="278648" spans="14:14">
      <c r="N278648" s="10"/>
    </row>
    <row r="278649" spans="14:14">
      <c r="N278649" s="10"/>
    </row>
    <row r="278650" spans="14:14">
      <c r="N278650" s="10"/>
    </row>
    <row r="278651" spans="14:14">
      <c r="N278651" s="10"/>
    </row>
    <row r="278652" spans="14:14">
      <c r="N278652" s="10"/>
    </row>
    <row r="278653" spans="14:14">
      <c r="N278653" s="10"/>
    </row>
    <row r="278654" spans="14:14">
      <c r="N278654" s="10"/>
    </row>
    <row r="278655" spans="14:14">
      <c r="N278655" s="10"/>
    </row>
    <row r="278656" spans="14:14">
      <c r="N278656" s="10"/>
    </row>
    <row r="278657" spans="14:14">
      <c r="N278657" s="10"/>
    </row>
    <row r="278658" spans="14:14">
      <c r="N278658" s="10"/>
    </row>
    <row r="278659" spans="14:14">
      <c r="N278659" s="10"/>
    </row>
    <row r="278660" spans="14:14">
      <c r="N278660" s="10"/>
    </row>
    <row r="278661" spans="14:14">
      <c r="N278661" s="10"/>
    </row>
    <row r="278662" spans="14:14">
      <c r="N278662" s="10"/>
    </row>
    <row r="278663" spans="14:14">
      <c r="N278663" s="10"/>
    </row>
    <row r="278664" spans="14:14">
      <c r="N278664" s="10"/>
    </row>
    <row r="278665" spans="14:14">
      <c r="N278665" s="10"/>
    </row>
    <row r="278666" spans="14:14">
      <c r="N278666" s="10"/>
    </row>
    <row r="278667" spans="14:14">
      <c r="N278667" s="10"/>
    </row>
    <row r="278668" spans="14:14">
      <c r="N278668" s="10"/>
    </row>
    <row r="278669" spans="14:14">
      <c r="N278669" s="10"/>
    </row>
    <row r="278670" spans="14:14">
      <c r="N278670" s="10"/>
    </row>
    <row r="278671" spans="14:14">
      <c r="N278671" s="10"/>
    </row>
    <row r="278672" spans="14:14">
      <c r="N278672" s="10"/>
    </row>
    <row r="278673" spans="14:14">
      <c r="N278673" s="10"/>
    </row>
    <row r="278674" spans="14:14">
      <c r="N278674" s="10"/>
    </row>
    <row r="278675" spans="14:14">
      <c r="N278675" s="10"/>
    </row>
    <row r="278676" spans="14:14">
      <c r="N278676" s="10"/>
    </row>
    <row r="278677" spans="14:14">
      <c r="N278677" s="10"/>
    </row>
    <row r="278678" spans="14:14">
      <c r="N278678" s="10"/>
    </row>
    <row r="278679" spans="14:14">
      <c r="N278679" s="10"/>
    </row>
    <row r="278680" spans="14:14">
      <c r="N278680" s="10"/>
    </row>
    <row r="278681" spans="14:14">
      <c r="N278681" s="10"/>
    </row>
    <row r="278682" spans="14:14">
      <c r="N278682" s="10"/>
    </row>
    <row r="278683" spans="14:14">
      <c r="N278683" s="10"/>
    </row>
    <row r="278684" spans="14:14">
      <c r="N278684" s="10"/>
    </row>
    <row r="278685" spans="14:14">
      <c r="N278685" s="10"/>
    </row>
    <row r="278686" spans="14:14">
      <c r="N278686" s="10"/>
    </row>
    <row r="278687" spans="14:14">
      <c r="N278687" s="10"/>
    </row>
    <row r="278688" spans="14:14">
      <c r="N278688" s="10"/>
    </row>
    <row r="278689" spans="14:14">
      <c r="N278689" s="10"/>
    </row>
    <row r="278690" spans="14:14">
      <c r="N278690" s="10"/>
    </row>
    <row r="278691" spans="14:14">
      <c r="N278691" s="10"/>
    </row>
    <row r="278692" spans="14:14">
      <c r="N278692" s="10"/>
    </row>
    <row r="278693" spans="14:14">
      <c r="N278693" s="10"/>
    </row>
    <row r="278694" spans="14:14">
      <c r="N278694" s="10"/>
    </row>
    <row r="278695" spans="14:14">
      <c r="N278695" s="10"/>
    </row>
    <row r="278696" spans="14:14">
      <c r="N278696" s="10"/>
    </row>
    <row r="278697" spans="14:14">
      <c r="N278697" s="10"/>
    </row>
    <row r="278698" spans="14:14">
      <c r="N278698" s="10"/>
    </row>
    <row r="278699" spans="14:14">
      <c r="N278699" s="10"/>
    </row>
    <row r="278700" spans="14:14">
      <c r="N278700" s="10"/>
    </row>
    <row r="278701" spans="14:14">
      <c r="N278701" s="10"/>
    </row>
    <row r="278702" spans="14:14">
      <c r="N278702" s="10"/>
    </row>
    <row r="278703" spans="14:14">
      <c r="N278703" s="10"/>
    </row>
    <row r="278704" spans="14:14">
      <c r="N278704" s="10"/>
    </row>
    <row r="278705" spans="14:14">
      <c r="N278705" s="10"/>
    </row>
    <row r="278706" spans="14:14">
      <c r="N278706" s="10"/>
    </row>
    <row r="278707" spans="14:14">
      <c r="N278707" s="10"/>
    </row>
    <row r="278708" spans="14:14">
      <c r="N278708" s="10"/>
    </row>
    <row r="278709" spans="14:14">
      <c r="N278709" s="10"/>
    </row>
    <row r="278710" spans="14:14">
      <c r="N278710" s="10"/>
    </row>
    <row r="278711" spans="14:14">
      <c r="N278711" s="10"/>
    </row>
    <row r="278712" spans="14:14">
      <c r="N278712" s="10"/>
    </row>
    <row r="278713" spans="14:14">
      <c r="N278713" s="10"/>
    </row>
    <row r="278714" spans="14:14">
      <c r="N278714" s="10"/>
    </row>
    <row r="278715" spans="14:14">
      <c r="N278715" s="10"/>
    </row>
    <row r="278716" spans="14:14">
      <c r="N278716" s="10"/>
    </row>
    <row r="278717" spans="14:14">
      <c r="N278717" s="10"/>
    </row>
    <row r="278718" spans="14:14">
      <c r="N278718" s="10"/>
    </row>
    <row r="278719" spans="14:14">
      <c r="N278719" s="10"/>
    </row>
    <row r="278720" spans="14:14">
      <c r="N278720" s="10"/>
    </row>
    <row r="278721" spans="14:14">
      <c r="N278721" s="10"/>
    </row>
    <row r="278722" spans="14:14">
      <c r="N278722" s="10"/>
    </row>
    <row r="278723" spans="14:14">
      <c r="N278723" s="10"/>
    </row>
    <row r="278724" spans="14:14">
      <c r="N278724" s="10"/>
    </row>
    <row r="278725" spans="14:14">
      <c r="N278725" s="10"/>
    </row>
    <row r="278726" spans="14:14">
      <c r="N278726" s="10"/>
    </row>
    <row r="278727" spans="14:14">
      <c r="N278727" s="10"/>
    </row>
    <row r="278728" spans="14:14">
      <c r="N278728" s="10"/>
    </row>
    <row r="278729" spans="14:14">
      <c r="N278729" s="10"/>
    </row>
    <row r="278730" spans="14:14">
      <c r="N278730" s="10"/>
    </row>
    <row r="278731" spans="14:14">
      <c r="N278731" s="10"/>
    </row>
    <row r="278732" spans="14:14">
      <c r="N278732" s="10"/>
    </row>
    <row r="278733" spans="14:14">
      <c r="N278733" s="10"/>
    </row>
    <row r="278734" spans="14:14">
      <c r="N278734" s="10"/>
    </row>
    <row r="278735" spans="14:14">
      <c r="N278735" s="10"/>
    </row>
    <row r="278736" spans="14:14">
      <c r="N278736" s="10"/>
    </row>
    <row r="278737" spans="14:14">
      <c r="N278737" s="10"/>
    </row>
    <row r="278738" spans="14:14">
      <c r="N278738" s="10"/>
    </row>
    <row r="278739" spans="14:14">
      <c r="N278739" s="10"/>
    </row>
    <row r="278740" spans="14:14">
      <c r="N278740" s="10"/>
    </row>
    <row r="278741" spans="14:14">
      <c r="N278741" s="10"/>
    </row>
    <row r="278742" spans="14:14">
      <c r="N278742" s="10"/>
    </row>
    <row r="278743" spans="14:14">
      <c r="N278743" s="10"/>
    </row>
    <row r="278744" spans="14:14">
      <c r="N278744" s="10"/>
    </row>
    <row r="278745" spans="14:14">
      <c r="N278745" s="10"/>
    </row>
    <row r="278746" spans="14:14">
      <c r="N278746" s="10"/>
    </row>
    <row r="278747" spans="14:14">
      <c r="N278747" s="10"/>
    </row>
    <row r="278748" spans="14:14">
      <c r="N278748" s="10"/>
    </row>
    <row r="278749" spans="14:14">
      <c r="N278749" s="10"/>
    </row>
    <row r="278750" spans="14:14">
      <c r="N278750" s="10"/>
    </row>
    <row r="278751" spans="14:14">
      <c r="N278751" s="10"/>
    </row>
    <row r="278752" spans="14:14">
      <c r="N278752" s="10"/>
    </row>
    <row r="278753" spans="14:14">
      <c r="N278753" s="10"/>
    </row>
    <row r="278754" spans="14:14">
      <c r="N278754" s="10"/>
    </row>
    <row r="278755" spans="14:14">
      <c r="N278755" s="10"/>
    </row>
    <row r="278756" spans="14:14">
      <c r="N278756" s="10"/>
    </row>
    <row r="278757" spans="14:14">
      <c r="N278757" s="10"/>
    </row>
    <row r="278758" spans="14:14">
      <c r="N278758" s="10"/>
    </row>
    <row r="278759" spans="14:14">
      <c r="N278759" s="10"/>
    </row>
    <row r="278760" spans="14:14">
      <c r="N278760" s="10"/>
    </row>
    <row r="278761" spans="14:14">
      <c r="N278761" s="10"/>
    </row>
    <row r="278762" spans="14:14">
      <c r="N278762" s="10"/>
    </row>
    <row r="278763" spans="14:14">
      <c r="N278763" s="10"/>
    </row>
    <row r="278764" spans="14:14">
      <c r="N278764" s="10"/>
    </row>
    <row r="278765" spans="14:14">
      <c r="N278765" s="10"/>
    </row>
    <row r="278766" spans="14:14">
      <c r="N278766" s="10"/>
    </row>
    <row r="278767" spans="14:14">
      <c r="N278767" s="10"/>
    </row>
    <row r="278768" spans="14:14">
      <c r="N278768" s="10"/>
    </row>
    <row r="278769" spans="14:14">
      <c r="N278769" s="10"/>
    </row>
    <row r="278770" spans="14:14">
      <c r="N278770" s="10"/>
    </row>
    <row r="278771" spans="14:14">
      <c r="N278771" s="10"/>
    </row>
    <row r="278772" spans="14:14">
      <c r="N278772" s="10"/>
    </row>
    <row r="278773" spans="14:14">
      <c r="N278773" s="10"/>
    </row>
    <row r="278774" spans="14:14">
      <c r="N278774" s="10"/>
    </row>
    <row r="278775" spans="14:14">
      <c r="N278775" s="10"/>
    </row>
    <row r="278776" spans="14:14">
      <c r="N278776" s="10"/>
    </row>
    <row r="278777" spans="14:14">
      <c r="N278777" s="10"/>
    </row>
    <row r="278778" spans="14:14">
      <c r="N278778" s="10"/>
    </row>
    <row r="278779" spans="14:14">
      <c r="N278779" s="10"/>
    </row>
    <row r="278780" spans="14:14">
      <c r="N278780" s="10"/>
    </row>
    <row r="278781" spans="14:14">
      <c r="N278781" s="10"/>
    </row>
    <row r="278782" spans="14:14">
      <c r="N278782" s="10"/>
    </row>
    <row r="278783" spans="14:14">
      <c r="N278783" s="10"/>
    </row>
    <row r="278784" spans="14:14">
      <c r="N278784" s="10"/>
    </row>
    <row r="278785" spans="14:14">
      <c r="N278785" s="10"/>
    </row>
    <row r="278786" spans="14:14">
      <c r="N278786" s="10"/>
    </row>
    <row r="278787" spans="14:14">
      <c r="N278787" s="10"/>
    </row>
    <row r="278788" spans="14:14">
      <c r="N278788" s="10"/>
    </row>
    <row r="278789" spans="14:14">
      <c r="N278789" s="10"/>
    </row>
    <row r="278790" spans="14:14">
      <c r="N278790" s="10"/>
    </row>
    <row r="278791" spans="14:14">
      <c r="N278791" s="10"/>
    </row>
    <row r="278792" spans="14:14">
      <c r="N278792" s="10"/>
    </row>
    <row r="278793" spans="14:14">
      <c r="N278793" s="10"/>
    </row>
    <row r="278794" spans="14:14">
      <c r="N278794" s="10"/>
    </row>
    <row r="278795" spans="14:14">
      <c r="N278795" s="10"/>
    </row>
    <row r="278796" spans="14:14">
      <c r="N278796" s="10"/>
    </row>
    <row r="278797" spans="14:14">
      <c r="N278797" s="10"/>
    </row>
    <row r="278798" spans="14:14">
      <c r="N278798" s="10"/>
    </row>
    <row r="278799" spans="14:14">
      <c r="N278799" s="10"/>
    </row>
    <row r="278800" spans="14:14">
      <c r="N278800" s="10"/>
    </row>
    <row r="278801" spans="14:14">
      <c r="N278801" s="10"/>
    </row>
    <row r="278802" spans="14:14">
      <c r="N278802" s="10"/>
    </row>
    <row r="278803" spans="14:14">
      <c r="N278803" s="10"/>
    </row>
    <row r="278804" spans="14:14">
      <c r="N278804" s="10"/>
    </row>
    <row r="278805" spans="14:14">
      <c r="N278805" s="10"/>
    </row>
    <row r="278806" spans="14:14">
      <c r="N278806" s="10"/>
    </row>
    <row r="278807" spans="14:14">
      <c r="N278807" s="10"/>
    </row>
    <row r="278808" spans="14:14">
      <c r="N278808" s="10"/>
    </row>
    <row r="278809" spans="14:14">
      <c r="N278809" s="10"/>
    </row>
    <row r="278810" spans="14:14">
      <c r="N278810" s="10"/>
    </row>
    <row r="278811" spans="14:14">
      <c r="N278811" s="10"/>
    </row>
    <row r="278812" spans="14:14">
      <c r="N278812" s="10"/>
    </row>
    <row r="278813" spans="14:14">
      <c r="N278813" s="10"/>
    </row>
    <row r="278814" spans="14:14">
      <c r="N278814" s="10"/>
    </row>
    <row r="278815" spans="14:14">
      <c r="N278815" s="10"/>
    </row>
    <row r="278816" spans="14:14">
      <c r="N278816" s="10"/>
    </row>
    <row r="278817" spans="14:14">
      <c r="N278817" s="10"/>
    </row>
    <row r="278818" spans="14:14">
      <c r="N278818" s="10"/>
    </row>
    <row r="278819" spans="14:14">
      <c r="N278819" s="10"/>
    </row>
    <row r="278820" spans="14:14">
      <c r="N278820" s="10"/>
    </row>
    <row r="278821" spans="14:14">
      <c r="N278821" s="10"/>
    </row>
    <row r="278822" spans="14:14">
      <c r="N278822" s="10"/>
    </row>
    <row r="278823" spans="14:14">
      <c r="N278823" s="10"/>
    </row>
    <row r="278824" spans="14:14">
      <c r="N278824" s="10"/>
    </row>
    <row r="278825" spans="14:14">
      <c r="N278825" s="10"/>
    </row>
    <row r="278826" spans="14:14">
      <c r="N278826" s="10"/>
    </row>
    <row r="278827" spans="14:14">
      <c r="N278827" s="10"/>
    </row>
    <row r="278828" spans="14:14">
      <c r="N278828" s="10"/>
    </row>
    <row r="278829" spans="14:14">
      <c r="N278829" s="10"/>
    </row>
    <row r="278830" spans="14:14">
      <c r="N278830" s="10"/>
    </row>
    <row r="278831" spans="14:14">
      <c r="N278831" s="10"/>
    </row>
    <row r="278832" spans="14:14">
      <c r="N278832" s="10"/>
    </row>
    <row r="278833" spans="14:14">
      <c r="N278833" s="10"/>
    </row>
    <row r="278834" spans="14:14">
      <c r="N278834" s="10"/>
    </row>
    <row r="278835" spans="14:14">
      <c r="N278835" s="10"/>
    </row>
    <row r="278836" spans="14:14">
      <c r="N278836" s="10"/>
    </row>
    <row r="278837" spans="14:14">
      <c r="N278837" s="10"/>
    </row>
    <row r="278838" spans="14:14">
      <c r="N278838" s="10"/>
    </row>
    <row r="278839" spans="14:14">
      <c r="N278839" s="10"/>
    </row>
    <row r="278840" spans="14:14">
      <c r="N278840" s="10"/>
    </row>
    <row r="278841" spans="14:14">
      <c r="N278841" s="10"/>
    </row>
    <row r="278842" spans="14:14">
      <c r="N278842" s="10"/>
    </row>
    <row r="278843" spans="14:14">
      <c r="N278843" s="10"/>
    </row>
    <row r="278844" spans="14:14">
      <c r="N278844" s="10"/>
    </row>
    <row r="278845" spans="14:14">
      <c r="N278845" s="10"/>
    </row>
    <row r="278846" spans="14:14">
      <c r="N278846" s="10"/>
    </row>
    <row r="278847" spans="14:14">
      <c r="N278847" s="10"/>
    </row>
    <row r="278848" spans="14:14">
      <c r="N278848" s="10"/>
    </row>
    <row r="278849" spans="14:14">
      <c r="N278849" s="10"/>
    </row>
    <row r="278850" spans="14:14">
      <c r="N278850" s="10"/>
    </row>
    <row r="278851" spans="14:14">
      <c r="N278851" s="10"/>
    </row>
    <row r="278852" spans="14:14">
      <c r="N278852" s="10"/>
    </row>
    <row r="278853" spans="14:14">
      <c r="N278853" s="10"/>
    </row>
    <row r="278854" spans="14:14">
      <c r="N278854" s="10"/>
    </row>
    <row r="278855" spans="14:14">
      <c r="N278855" s="10"/>
    </row>
    <row r="278856" spans="14:14">
      <c r="N278856" s="10"/>
    </row>
    <row r="278857" spans="14:14">
      <c r="N278857" s="10"/>
    </row>
    <row r="278858" spans="14:14">
      <c r="N278858" s="10"/>
    </row>
    <row r="278859" spans="14:14">
      <c r="N278859" s="10"/>
    </row>
    <row r="278860" spans="14:14">
      <c r="N278860" s="10"/>
    </row>
    <row r="278861" spans="14:14">
      <c r="N278861" s="10"/>
    </row>
    <row r="278862" spans="14:14">
      <c r="N278862" s="10"/>
    </row>
    <row r="278863" spans="14:14">
      <c r="N278863" s="10"/>
    </row>
    <row r="278864" spans="14:14">
      <c r="N278864" s="10"/>
    </row>
    <row r="278865" spans="14:14">
      <c r="N278865" s="10"/>
    </row>
    <row r="278866" spans="14:14">
      <c r="N278866" s="10"/>
    </row>
    <row r="278867" spans="14:14">
      <c r="N278867" s="10"/>
    </row>
    <row r="278868" spans="14:14">
      <c r="N278868" s="10"/>
    </row>
    <row r="278869" spans="14:14">
      <c r="N278869" s="10"/>
    </row>
    <row r="278870" spans="14:14">
      <c r="N278870" s="10"/>
    </row>
    <row r="278871" spans="14:14">
      <c r="N278871" s="10"/>
    </row>
    <row r="278872" spans="14:14">
      <c r="N278872" s="10"/>
    </row>
    <row r="278873" spans="14:14">
      <c r="N278873" s="10"/>
    </row>
    <row r="278874" spans="14:14">
      <c r="N278874" s="10"/>
    </row>
    <row r="278875" spans="14:14">
      <c r="N278875" s="10"/>
    </row>
    <row r="278876" spans="14:14">
      <c r="N278876" s="10"/>
    </row>
    <row r="278877" spans="14:14">
      <c r="N278877" s="10"/>
    </row>
    <row r="278878" spans="14:14">
      <c r="N278878" s="10"/>
    </row>
    <row r="278879" spans="14:14">
      <c r="N278879" s="10"/>
    </row>
    <row r="278880" spans="14:14">
      <c r="N278880" s="10"/>
    </row>
    <row r="278881" spans="14:14">
      <c r="N278881" s="10"/>
    </row>
    <row r="278882" spans="14:14">
      <c r="N278882" s="10"/>
    </row>
    <row r="278883" spans="14:14">
      <c r="N278883" s="10"/>
    </row>
    <row r="278884" spans="14:14">
      <c r="N278884" s="10"/>
    </row>
    <row r="278885" spans="14:14">
      <c r="N278885" s="10"/>
    </row>
    <row r="278886" spans="14:14">
      <c r="N278886" s="10"/>
    </row>
    <row r="278887" spans="14:14">
      <c r="N278887" s="10"/>
    </row>
    <row r="278888" spans="14:14">
      <c r="N278888" s="10"/>
    </row>
    <row r="278889" spans="14:14">
      <c r="N278889" s="10"/>
    </row>
    <row r="278890" spans="14:14">
      <c r="N278890" s="10"/>
    </row>
    <row r="278891" spans="14:14">
      <c r="N278891" s="10"/>
    </row>
    <row r="278892" spans="14:14">
      <c r="N278892" s="10"/>
    </row>
    <row r="278893" spans="14:14">
      <c r="N278893" s="10"/>
    </row>
    <row r="278894" spans="14:14">
      <c r="N278894" s="10"/>
    </row>
    <row r="278895" spans="14:14">
      <c r="N278895" s="10"/>
    </row>
    <row r="278896" spans="14:14">
      <c r="N278896" s="10"/>
    </row>
    <row r="278897" spans="14:14">
      <c r="N278897" s="10"/>
    </row>
    <row r="278898" spans="14:14">
      <c r="N278898" s="10"/>
    </row>
    <row r="278899" spans="14:14">
      <c r="N278899" s="10"/>
    </row>
    <row r="278900" spans="14:14">
      <c r="N278900" s="10"/>
    </row>
    <row r="278901" spans="14:14">
      <c r="N278901" s="10"/>
    </row>
    <row r="278902" spans="14:14">
      <c r="N278902" s="10"/>
    </row>
    <row r="278903" spans="14:14">
      <c r="N278903" s="10"/>
    </row>
    <row r="278904" spans="14:14">
      <c r="N278904" s="10"/>
    </row>
    <row r="278905" spans="14:14">
      <c r="N278905" s="10"/>
    </row>
    <row r="278906" spans="14:14">
      <c r="N278906" s="10"/>
    </row>
    <row r="278907" spans="14:14">
      <c r="N278907" s="10"/>
    </row>
    <row r="278908" spans="14:14">
      <c r="N278908" s="10"/>
    </row>
    <row r="278909" spans="14:14">
      <c r="N278909" s="10"/>
    </row>
    <row r="278910" spans="14:14">
      <c r="N278910" s="10"/>
    </row>
    <row r="278911" spans="14:14">
      <c r="N278911" s="10"/>
    </row>
    <row r="278912" spans="14:14">
      <c r="N278912" s="10"/>
    </row>
    <row r="278913" spans="14:14">
      <c r="N278913" s="10"/>
    </row>
    <row r="278914" spans="14:14">
      <c r="N278914" s="10"/>
    </row>
    <row r="278915" spans="14:14">
      <c r="N278915" s="10"/>
    </row>
    <row r="278916" spans="14:14">
      <c r="N278916" s="10"/>
    </row>
    <row r="278917" spans="14:14">
      <c r="N278917" s="10"/>
    </row>
    <row r="278918" spans="14:14">
      <c r="N278918" s="10"/>
    </row>
    <row r="278919" spans="14:14">
      <c r="N278919" s="10"/>
    </row>
    <row r="278920" spans="14:14">
      <c r="N278920" s="10"/>
    </row>
    <row r="278921" spans="14:14">
      <c r="N278921" s="10"/>
    </row>
    <row r="278922" spans="14:14">
      <c r="N278922" s="10"/>
    </row>
    <row r="278923" spans="14:14">
      <c r="N278923" s="10"/>
    </row>
    <row r="278924" spans="14:14">
      <c r="N278924" s="10"/>
    </row>
    <row r="278925" spans="14:14">
      <c r="N278925" s="10"/>
    </row>
    <row r="278926" spans="14:14">
      <c r="N278926" s="10"/>
    </row>
    <row r="278927" spans="14:14">
      <c r="N278927" s="10"/>
    </row>
    <row r="278928" spans="14:14">
      <c r="N278928" s="10"/>
    </row>
    <row r="278929" spans="14:14">
      <c r="N278929" s="10"/>
    </row>
    <row r="278930" spans="14:14">
      <c r="N278930" s="10"/>
    </row>
    <row r="278931" spans="14:14">
      <c r="N278931" s="10"/>
    </row>
    <row r="278932" spans="14:14">
      <c r="N278932" s="10"/>
    </row>
    <row r="278933" spans="14:14">
      <c r="N278933" s="10"/>
    </row>
    <row r="278934" spans="14:14">
      <c r="N278934" s="10"/>
    </row>
    <row r="278935" spans="14:14">
      <c r="N278935" s="10"/>
    </row>
    <row r="278936" spans="14:14">
      <c r="N278936" s="10"/>
    </row>
    <row r="278937" spans="14:14">
      <c r="N278937" s="10"/>
    </row>
    <row r="278938" spans="14:14">
      <c r="N278938" s="10"/>
    </row>
    <row r="278939" spans="14:14">
      <c r="N278939" s="10"/>
    </row>
    <row r="278940" spans="14:14">
      <c r="N278940" s="10"/>
    </row>
    <row r="278941" spans="14:14">
      <c r="N278941" s="10"/>
    </row>
    <row r="278942" spans="14:14">
      <c r="N278942" s="10"/>
    </row>
    <row r="278943" spans="14:14">
      <c r="N278943" s="10"/>
    </row>
    <row r="278944" spans="14:14">
      <c r="N278944" s="10"/>
    </row>
    <row r="278945" spans="14:14">
      <c r="N278945" s="10"/>
    </row>
    <row r="278946" spans="14:14">
      <c r="N278946" s="10"/>
    </row>
    <row r="278947" spans="14:14">
      <c r="N278947" s="10"/>
    </row>
    <row r="278948" spans="14:14">
      <c r="N278948" s="10"/>
    </row>
    <row r="278949" spans="14:14">
      <c r="N278949" s="10"/>
    </row>
    <row r="278950" spans="14:14">
      <c r="N278950" s="10"/>
    </row>
    <row r="278951" spans="14:14">
      <c r="N278951" s="10"/>
    </row>
    <row r="278952" spans="14:14">
      <c r="N278952" s="10"/>
    </row>
    <row r="278953" spans="14:14">
      <c r="N278953" s="10"/>
    </row>
    <row r="278954" spans="14:14">
      <c r="N278954" s="10"/>
    </row>
    <row r="278955" spans="14:14">
      <c r="N278955" s="10"/>
    </row>
    <row r="278956" spans="14:14">
      <c r="N278956" s="10"/>
    </row>
    <row r="278957" spans="14:14">
      <c r="N278957" s="10"/>
    </row>
    <row r="278958" spans="14:14">
      <c r="N278958" s="10"/>
    </row>
    <row r="278959" spans="14:14">
      <c r="N278959" s="10"/>
    </row>
    <row r="278960" spans="14:14">
      <c r="N278960" s="10"/>
    </row>
    <row r="278961" spans="14:14">
      <c r="N278961" s="10"/>
    </row>
    <row r="278962" spans="14:14">
      <c r="N278962" s="10"/>
    </row>
    <row r="278963" spans="14:14">
      <c r="N278963" s="10"/>
    </row>
    <row r="278964" spans="14:14">
      <c r="N278964" s="10"/>
    </row>
    <row r="278965" spans="14:14">
      <c r="N278965" s="10"/>
    </row>
    <row r="278966" spans="14:14">
      <c r="N278966" s="10"/>
    </row>
    <row r="278967" spans="14:14">
      <c r="N278967" s="10"/>
    </row>
    <row r="278968" spans="14:14">
      <c r="N278968" s="10"/>
    </row>
    <row r="278969" spans="14:14">
      <c r="N278969" s="10"/>
    </row>
    <row r="278970" spans="14:14">
      <c r="N278970" s="10"/>
    </row>
    <row r="278971" spans="14:14">
      <c r="N278971" s="10"/>
    </row>
    <row r="278972" spans="14:14">
      <c r="N278972" s="10"/>
    </row>
    <row r="278973" spans="14:14">
      <c r="N278973" s="10"/>
    </row>
    <row r="278974" spans="14:14">
      <c r="N278974" s="10"/>
    </row>
    <row r="278975" spans="14:14">
      <c r="N278975" s="10"/>
    </row>
    <row r="278976" spans="14:14">
      <c r="N278976" s="10"/>
    </row>
    <row r="278977" spans="14:14">
      <c r="N278977" s="10"/>
    </row>
    <row r="278978" spans="14:14">
      <c r="N278978" s="10"/>
    </row>
    <row r="278979" spans="14:14">
      <c r="N278979" s="10"/>
    </row>
    <row r="278980" spans="14:14">
      <c r="N278980" s="10"/>
    </row>
    <row r="278981" spans="14:14">
      <c r="N278981" s="10"/>
    </row>
    <row r="278982" spans="14:14">
      <c r="N278982" s="10"/>
    </row>
    <row r="278983" spans="14:14">
      <c r="N278983" s="10"/>
    </row>
    <row r="278984" spans="14:14">
      <c r="N278984" s="10"/>
    </row>
    <row r="278985" spans="14:14">
      <c r="N278985" s="10"/>
    </row>
    <row r="278986" spans="14:14">
      <c r="N278986" s="10"/>
    </row>
    <row r="278987" spans="14:14">
      <c r="N278987" s="10"/>
    </row>
    <row r="278988" spans="14:14">
      <c r="N278988" s="10"/>
    </row>
    <row r="278989" spans="14:14">
      <c r="N278989" s="10"/>
    </row>
    <row r="278990" spans="14:14">
      <c r="N278990" s="10"/>
    </row>
    <row r="278991" spans="14:14">
      <c r="N278991" s="10"/>
    </row>
    <row r="278992" spans="14:14">
      <c r="N278992" s="10"/>
    </row>
    <row r="278993" spans="14:14">
      <c r="N278993" s="10"/>
    </row>
    <row r="278994" spans="14:14">
      <c r="N278994" s="10"/>
    </row>
    <row r="278995" spans="14:14">
      <c r="N278995" s="10"/>
    </row>
    <row r="278996" spans="14:14">
      <c r="N278996" s="10"/>
    </row>
    <row r="278997" spans="14:14">
      <c r="N278997" s="10"/>
    </row>
    <row r="278998" spans="14:14">
      <c r="N278998" s="10"/>
    </row>
    <row r="278999" spans="14:14">
      <c r="N278999" s="10"/>
    </row>
    <row r="279000" spans="14:14">
      <c r="N279000" s="10"/>
    </row>
    <row r="279001" spans="14:14">
      <c r="N279001" s="10"/>
    </row>
    <row r="279002" spans="14:14">
      <c r="N279002" s="10"/>
    </row>
    <row r="279003" spans="14:14">
      <c r="N279003" s="10"/>
    </row>
    <row r="279004" spans="14:14">
      <c r="N279004" s="10"/>
    </row>
    <row r="279005" spans="14:14">
      <c r="N279005" s="10"/>
    </row>
    <row r="279006" spans="14:14">
      <c r="N279006" s="10"/>
    </row>
    <row r="279007" spans="14:14">
      <c r="N279007" s="10"/>
    </row>
    <row r="279008" spans="14:14">
      <c r="N279008" s="10"/>
    </row>
    <row r="279009" spans="14:14">
      <c r="N279009" s="10"/>
    </row>
    <row r="279010" spans="14:14">
      <c r="N279010" s="10"/>
    </row>
    <row r="279011" spans="14:14">
      <c r="N279011" s="10"/>
    </row>
    <row r="279012" spans="14:14">
      <c r="N279012" s="10"/>
    </row>
    <row r="279013" spans="14:14">
      <c r="N279013" s="10"/>
    </row>
    <row r="279014" spans="14:14">
      <c r="N279014" s="10"/>
    </row>
    <row r="279015" spans="14:14">
      <c r="N279015" s="10"/>
    </row>
    <row r="279016" spans="14:14">
      <c r="N279016" s="10"/>
    </row>
    <row r="279017" spans="14:14">
      <c r="N279017" s="10"/>
    </row>
    <row r="279018" spans="14:14">
      <c r="N279018" s="10"/>
    </row>
    <row r="279019" spans="14:14">
      <c r="N279019" s="10"/>
    </row>
    <row r="279020" spans="14:14">
      <c r="N279020" s="10"/>
    </row>
    <row r="279021" spans="14:14">
      <c r="N279021" s="10"/>
    </row>
    <row r="279022" spans="14:14">
      <c r="N279022" s="10"/>
    </row>
    <row r="279023" spans="14:14">
      <c r="N279023" s="10"/>
    </row>
    <row r="279024" spans="14:14">
      <c r="N279024" s="10"/>
    </row>
    <row r="279025" spans="14:14">
      <c r="N279025" s="10"/>
    </row>
    <row r="279026" spans="14:14">
      <c r="N279026" s="10"/>
    </row>
    <row r="279027" spans="14:14">
      <c r="N279027" s="10"/>
    </row>
    <row r="279028" spans="14:14">
      <c r="N279028" s="10"/>
    </row>
    <row r="279029" spans="14:14">
      <c r="N279029" s="10"/>
    </row>
    <row r="279030" spans="14:14">
      <c r="N279030" s="10"/>
    </row>
    <row r="279031" spans="14:14">
      <c r="N279031" s="10"/>
    </row>
    <row r="279032" spans="14:14">
      <c r="N279032" s="10"/>
    </row>
    <row r="279033" spans="14:14">
      <c r="N279033" s="10"/>
    </row>
    <row r="279034" spans="14:14">
      <c r="N279034" s="10"/>
    </row>
    <row r="279035" spans="14:14">
      <c r="N279035" s="10"/>
    </row>
    <row r="279036" spans="14:14">
      <c r="N279036" s="10"/>
    </row>
    <row r="279037" spans="14:14">
      <c r="N279037" s="10"/>
    </row>
    <row r="279038" spans="14:14">
      <c r="N279038" s="10"/>
    </row>
    <row r="279039" spans="14:14">
      <c r="N279039" s="10"/>
    </row>
    <row r="279040" spans="14:14">
      <c r="N279040" s="10"/>
    </row>
    <row r="279041" spans="14:14">
      <c r="N279041" s="10"/>
    </row>
    <row r="279042" spans="14:14">
      <c r="N279042" s="10"/>
    </row>
    <row r="279043" spans="14:14">
      <c r="N279043" s="10"/>
    </row>
    <row r="279044" spans="14:14">
      <c r="N279044" s="10"/>
    </row>
    <row r="279045" spans="14:14">
      <c r="N279045" s="10"/>
    </row>
    <row r="279046" spans="14:14">
      <c r="N279046" s="10"/>
    </row>
    <row r="279047" spans="14:14">
      <c r="N279047" s="10"/>
    </row>
    <row r="279048" spans="14:14">
      <c r="N279048" s="10"/>
    </row>
    <row r="279049" spans="14:14">
      <c r="N279049" s="10"/>
    </row>
    <row r="279050" spans="14:14">
      <c r="N279050" s="10"/>
    </row>
    <row r="279051" spans="14:14">
      <c r="N279051" s="10"/>
    </row>
    <row r="279052" spans="14:14">
      <c r="N279052" s="10"/>
    </row>
    <row r="279053" spans="14:14">
      <c r="N279053" s="10"/>
    </row>
    <row r="279054" spans="14:14">
      <c r="N279054" s="10"/>
    </row>
    <row r="279055" spans="14:14">
      <c r="N279055" s="10"/>
    </row>
    <row r="279056" spans="14:14">
      <c r="N279056" s="10"/>
    </row>
    <row r="279057" spans="14:14">
      <c r="N279057" s="10"/>
    </row>
    <row r="279058" spans="14:14">
      <c r="N279058" s="10"/>
    </row>
    <row r="279059" spans="14:14">
      <c r="N279059" s="10"/>
    </row>
    <row r="279060" spans="14:14">
      <c r="N279060" s="10"/>
    </row>
    <row r="279061" spans="14:14">
      <c r="N279061" s="10"/>
    </row>
    <row r="279062" spans="14:14">
      <c r="N279062" s="10"/>
    </row>
    <row r="279063" spans="14:14">
      <c r="N279063" s="10"/>
    </row>
    <row r="279064" spans="14:14">
      <c r="N279064" s="10"/>
    </row>
    <row r="279065" spans="14:14">
      <c r="N279065" s="10"/>
    </row>
    <row r="279066" spans="14:14">
      <c r="N279066" s="10"/>
    </row>
    <row r="279067" spans="14:14">
      <c r="N279067" s="10"/>
    </row>
    <row r="279068" spans="14:14">
      <c r="N279068" s="10"/>
    </row>
    <row r="279069" spans="14:14">
      <c r="N279069" s="10"/>
    </row>
    <row r="279070" spans="14:14">
      <c r="N279070" s="10"/>
    </row>
    <row r="279071" spans="14:14">
      <c r="N279071" s="10"/>
    </row>
    <row r="279072" spans="14:14">
      <c r="N279072" s="10"/>
    </row>
    <row r="279073" spans="14:14">
      <c r="N279073" s="10"/>
    </row>
    <row r="279074" spans="14:14">
      <c r="N279074" s="10"/>
    </row>
    <row r="279075" spans="14:14">
      <c r="N279075" s="10"/>
    </row>
    <row r="279076" spans="14:14">
      <c r="N279076" s="10"/>
    </row>
    <row r="279077" spans="14:14">
      <c r="N279077" s="10"/>
    </row>
    <row r="279078" spans="14:14">
      <c r="N279078" s="10"/>
    </row>
    <row r="279079" spans="14:14">
      <c r="N279079" s="10"/>
    </row>
    <row r="279080" spans="14:14">
      <c r="N279080" s="10"/>
    </row>
    <row r="279081" spans="14:14">
      <c r="N279081" s="10"/>
    </row>
    <row r="279082" spans="14:14">
      <c r="N279082" s="10"/>
    </row>
    <row r="279083" spans="14:14">
      <c r="N279083" s="10"/>
    </row>
    <row r="279084" spans="14:14">
      <c r="N279084" s="10"/>
    </row>
    <row r="279085" spans="14:14">
      <c r="N279085" s="10"/>
    </row>
    <row r="279086" spans="14:14">
      <c r="N279086" s="10"/>
    </row>
    <row r="279087" spans="14:14">
      <c r="N279087" s="10"/>
    </row>
    <row r="279088" spans="14:14">
      <c r="N279088" s="10"/>
    </row>
    <row r="279089" spans="14:14">
      <c r="N279089" s="10"/>
    </row>
    <row r="279090" spans="14:14">
      <c r="N279090" s="10"/>
    </row>
    <row r="279091" spans="14:14">
      <c r="N279091" s="10"/>
    </row>
    <row r="279092" spans="14:14">
      <c r="N279092" s="10"/>
    </row>
    <row r="279093" spans="14:14">
      <c r="N279093" s="10"/>
    </row>
    <row r="279094" spans="14:14">
      <c r="N279094" s="10"/>
    </row>
    <row r="279095" spans="14:14">
      <c r="N279095" s="10"/>
    </row>
    <row r="279096" spans="14:14">
      <c r="N279096" s="10"/>
    </row>
    <row r="279097" spans="14:14">
      <c r="N279097" s="10"/>
    </row>
    <row r="279098" spans="14:14">
      <c r="N279098" s="10"/>
    </row>
    <row r="279099" spans="14:14">
      <c r="N279099" s="10"/>
    </row>
    <row r="279100" spans="14:14">
      <c r="N279100" s="10"/>
    </row>
    <row r="279101" spans="14:14">
      <c r="N279101" s="10"/>
    </row>
    <row r="279102" spans="14:14">
      <c r="N279102" s="10"/>
    </row>
    <row r="279103" spans="14:14">
      <c r="N279103" s="10"/>
    </row>
    <row r="279104" spans="14:14">
      <c r="N279104" s="10"/>
    </row>
    <row r="279105" spans="14:14">
      <c r="N279105" s="10"/>
    </row>
    <row r="279106" spans="14:14">
      <c r="N279106" s="10"/>
    </row>
    <row r="279107" spans="14:14">
      <c r="N279107" s="10"/>
    </row>
    <row r="279108" spans="14:14">
      <c r="N279108" s="10"/>
    </row>
    <row r="279109" spans="14:14">
      <c r="N279109" s="10"/>
    </row>
    <row r="279110" spans="14:14">
      <c r="N279110" s="10"/>
    </row>
    <row r="279111" spans="14:14">
      <c r="N279111" s="10"/>
    </row>
    <row r="279112" spans="14:14">
      <c r="N279112" s="10"/>
    </row>
    <row r="279113" spans="14:14">
      <c r="N279113" s="10"/>
    </row>
    <row r="279114" spans="14:14">
      <c r="N279114" s="10"/>
    </row>
    <row r="279115" spans="14:14">
      <c r="N279115" s="10"/>
    </row>
    <row r="279116" spans="14:14">
      <c r="N279116" s="10"/>
    </row>
    <row r="279117" spans="14:14">
      <c r="N279117" s="10"/>
    </row>
    <row r="279118" spans="14:14">
      <c r="N279118" s="10"/>
    </row>
    <row r="279119" spans="14:14">
      <c r="N279119" s="10"/>
    </row>
    <row r="279120" spans="14:14">
      <c r="N279120" s="10"/>
    </row>
    <row r="279121" spans="14:14">
      <c r="N279121" s="10"/>
    </row>
    <row r="279122" spans="14:14">
      <c r="N279122" s="10"/>
    </row>
    <row r="279123" spans="14:14">
      <c r="N279123" s="10"/>
    </row>
    <row r="279124" spans="14:14">
      <c r="N279124" s="10"/>
    </row>
    <row r="279125" spans="14:14">
      <c r="N279125" s="10"/>
    </row>
    <row r="279126" spans="14:14">
      <c r="N279126" s="10"/>
    </row>
    <row r="279127" spans="14:14">
      <c r="N279127" s="10"/>
    </row>
    <row r="279128" spans="14:14">
      <c r="N279128" s="10"/>
    </row>
    <row r="279129" spans="14:14">
      <c r="N279129" s="10"/>
    </row>
    <row r="279130" spans="14:14">
      <c r="N279130" s="10"/>
    </row>
    <row r="279131" spans="14:14">
      <c r="N279131" s="10"/>
    </row>
    <row r="279132" spans="14:14">
      <c r="N279132" s="10"/>
    </row>
    <row r="279133" spans="14:14">
      <c r="N279133" s="10"/>
    </row>
    <row r="279134" spans="14:14">
      <c r="N279134" s="10"/>
    </row>
    <row r="279135" spans="14:14">
      <c r="N279135" s="10"/>
    </row>
    <row r="279136" spans="14:14">
      <c r="N279136" s="10"/>
    </row>
    <row r="279137" spans="14:14">
      <c r="N279137" s="10"/>
    </row>
    <row r="279138" spans="14:14">
      <c r="N279138" s="10"/>
    </row>
    <row r="279139" spans="14:14">
      <c r="N279139" s="10"/>
    </row>
    <row r="279140" spans="14:14">
      <c r="N279140" s="10"/>
    </row>
    <row r="279141" spans="14:14">
      <c r="N279141" s="10"/>
    </row>
    <row r="279142" spans="14:14">
      <c r="N279142" s="10"/>
    </row>
    <row r="279143" spans="14:14">
      <c r="N279143" s="10"/>
    </row>
    <row r="279144" spans="14:14">
      <c r="N279144" s="10"/>
    </row>
    <row r="279145" spans="14:14">
      <c r="N279145" s="10"/>
    </row>
    <row r="279146" spans="14:14">
      <c r="N279146" s="10"/>
    </row>
    <row r="279147" spans="14:14">
      <c r="N279147" s="10"/>
    </row>
    <row r="279148" spans="14:14">
      <c r="N279148" s="10"/>
    </row>
    <row r="279149" spans="14:14">
      <c r="N279149" s="10"/>
    </row>
    <row r="279150" spans="14:14">
      <c r="N279150" s="10"/>
    </row>
    <row r="279151" spans="14:14">
      <c r="N279151" s="10"/>
    </row>
    <row r="279152" spans="14:14">
      <c r="N279152" s="10"/>
    </row>
    <row r="279153" spans="14:14">
      <c r="N279153" s="10"/>
    </row>
    <row r="279154" spans="14:14">
      <c r="N279154" s="10"/>
    </row>
    <row r="279155" spans="14:14">
      <c r="N279155" s="10"/>
    </row>
    <row r="279156" spans="14:14">
      <c r="N279156" s="10"/>
    </row>
    <row r="279157" spans="14:14">
      <c r="N279157" s="10"/>
    </row>
    <row r="279158" spans="14:14">
      <c r="N279158" s="10"/>
    </row>
    <row r="279159" spans="14:14">
      <c r="N279159" s="10"/>
    </row>
    <row r="279160" spans="14:14">
      <c r="N279160" s="10"/>
    </row>
    <row r="279161" spans="14:14">
      <c r="N279161" s="10"/>
    </row>
    <row r="279162" spans="14:14">
      <c r="N279162" s="10"/>
    </row>
    <row r="279163" spans="14:14">
      <c r="N279163" s="10"/>
    </row>
    <row r="279164" spans="14:14">
      <c r="N279164" s="10"/>
    </row>
    <row r="279165" spans="14:14">
      <c r="N279165" s="10"/>
    </row>
    <row r="279166" spans="14:14">
      <c r="N279166" s="10"/>
    </row>
    <row r="279167" spans="14:14">
      <c r="N279167" s="10"/>
    </row>
    <row r="279168" spans="14:14">
      <c r="N279168" s="10"/>
    </row>
    <row r="279169" spans="14:14">
      <c r="N279169" s="10"/>
    </row>
    <row r="279170" spans="14:14">
      <c r="N279170" s="10"/>
    </row>
    <row r="279171" spans="14:14">
      <c r="N279171" s="10"/>
    </row>
    <row r="279172" spans="14:14">
      <c r="N279172" s="10"/>
    </row>
    <row r="279173" spans="14:14">
      <c r="N279173" s="10"/>
    </row>
    <row r="279174" spans="14:14">
      <c r="N279174" s="10"/>
    </row>
    <row r="279175" spans="14:14">
      <c r="N279175" s="10"/>
    </row>
    <row r="279176" spans="14:14">
      <c r="N279176" s="10"/>
    </row>
    <row r="279177" spans="14:14">
      <c r="N279177" s="10"/>
    </row>
    <row r="279178" spans="14:14">
      <c r="N279178" s="10"/>
    </row>
    <row r="279179" spans="14:14">
      <c r="N279179" s="10"/>
    </row>
    <row r="279180" spans="14:14">
      <c r="N279180" s="10"/>
    </row>
    <row r="279181" spans="14:14">
      <c r="N279181" s="10"/>
    </row>
    <row r="279182" spans="14:14">
      <c r="N279182" s="10"/>
    </row>
    <row r="279183" spans="14:14">
      <c r="N279183" s="10"/>
    </row>
    <row r="279184" spans="14:14">
      <c r="N279184" s="10"/>
    </row>
    <row r="279185" spans="14:14">
      <c r="N279185" s="10"/>
    </row>
    <row r="279186" spans="14:14">
      <c r="N279186" s="10"/>
    </row>
    <row r="279187" spans="14:14">
      <c r="N279187" s="10"/>
    </row>
    <row r="279188" spans="14:14">
      <c r="N279188" s="10"/>
    </row>
    <row r="279189" spans="14:14">
      <c r="N279189" s="10"/>
    </row>
    <row r="279190" spans="14:14">
      <c r="N279190" s="10"/>
    </row>
    <row r="279191" spans="14:14">
      <c r="N279191" s="10"/>
    </row>
    <row r="279192" spans="14:14">
      <c r="N279192" s="10"/>
    </row>
    <row r="279193" spans="14:14">
      <c r="N279193" s="10"/>
    </row>
    <row r="279194" spans="14:14">
      <c r="N279194" s="10"/>
    </row>
    <row r="279195" spans="14:14">
      <c r="N279195" s="10"/>
    </row>
    <row r="279196" spans="14:14">
      <c r="N279196" s="10"/>
    </row>
    <row r="279197" spans="14:14">
      <c r="N279197" s="10"/>
    </row>
    <row r="279198" spans="14:14">
      <c r="N279198" s="10"/>
    </row>
    <row r="279199" spans="14:14">
      <c r="N279199" s="10"/>
    </row>
    <row r="279200" spans="14:14">
      <c r="N279200" s="10"/>
    </row>
    <row r="279201" spans="14:14">
      <c r="N279201" s="10"/>
    </row>
    <row r="279202" spans="14:14">
      <c r="N279202" s="10"/>
    </row>
    <row r="279203" spans="14:14">
      <c r="N279203" s="10"/>
    </row>
    <row r="279204" spans="14:14">
      <c r="N279204" s="10"/>
    </row>
    <row r="279205" spans="14:14">
      <c r="N279205" s="10"/>
    </row>
    <row r="279206" spans="14:14">
      <c r="N279206" s="10"/>
    </row>
    <row r="279207" spans="14:14">
      <c r="N279207" s="10"/>
    </row>
    <row r="279208" spans="14:14">
      <c r="N279208" s="10"/>
    </row>
    <row r="279209" spans="14:14">
      <c r="N279209" s="10"/>
    </row>
    <row r="279210" spans="14:14">
      <c r="N279210" s="10"/>
    </row>
    <row r="279211" spans="14:14">
      <c r="N279211" s="10"/>
    </row>
    <row r="279212" spans="14:14">
      <c r="N279212" s="10"/>
    </row>
    <row r="279213" spans="14:14">
      <c r="N279213" s="10"/>
    </row>
    <row r="279214" spans="14:14">
      <c r="N279214" s="10"/>
    </row>
    <row r="279215" spans="14:14">
      <c r="N279215" s="10"/>
    </row>
    <row r="279216" spans="14:14">
      <c r="N279216" s="10"/>
    </row>
    <row r="279217" spans="14:14">
      <c r="N279217" s="10"/>
    </row>
    <row r="279218" spans="14:14">
      <c r="N279218" s="10"/>
    </row>
    <row r="279219" spans="14:14">
      <c r="N279219" s="10"/>
    </row>
    <row r="279220" spans="14:14">
      <c r="N279220" s="10"/>
    </row>
    <row r="279221" spans="14:14">
      <c r="N279221" s="10"/>
    </row>
    <row r="279222" spans="14:14">
      <c r="N279222" s="10"/>
    </row>
    <row r="279223" spans="14:14">
      <c r="N279223" s="10"/>
    </row>
    <row r="279224" spans="14:14">
      <c r="N279224" s="10"/>
    </row>
    <row r="279225" spans="14:14">
      <c r="N279225" s="10"/>
    </row>
    <row r="279226" spans="14:14">
      <c r="N279226" s="10"/>
    </row>
    <row r="279227" spans="14:14">
      <c r="N279227" s="10"/>
    </row>
    <row r="279228" spans="14:14">
      <c r="N279228" s="10"/>
    </row>
    <row r="279229" spans="14:14">
      <c r="N279229" s="10"/>
    </row>
    <row r="279230" spans="14:14">
      <c r="N279230" s="10"/>
    </row>
    <row r="279231" spans="14:14">
      <c r="N279231" s="10"/>
    </row>
    <row r="279232" spans="14:14">
      <c r="N279232" s="10"/>
    </row>
    <row r="279233" spans="14:14">
      <c r="N279233" s="10"/>
    </row>
    <row r="279234" spans="14:14">
      <c r="N279234" s="10"/>
    </row>
    <row r="279235" spans="14:14">
      <c r="N279235" s="10"/>
    </row>
    <row r="279236" spans="14:14">
      <c r="N279236" s="10"/>
    </row>
    <row r="279237" spans="14:14">
      <c r="N279237" s="10"/>
    </row>
    <row r="279238" spans="14:14">
      <c r="N279238" s="10"/>
    </row>
    <row r="279239" spans="14:14">
      <c r="N279239" s="10"/>
    </row>
    <row r="279240" spans="14:14">
      <c r="N279240" s="10"/>
    </row>
    <row r="279241" spans="14:14">
      <c r="N279241" s="10"/>
    </row>
    <row r="279242" spans="14:14">
      <c r="N279242" s="10"/>
    </row>
    <row r="279243" spans="14:14">
      <c r="N279243" s="10"/>
    </row>
    <row r="279244" spans="14:14">
      <c r="N279244" s="10"/>
    </row>
    <row r="279245" spans="14:14">
      <c r="N279245" s="10"/>
    </row>
    <row r="279246" spans="14:14">
      <c r="N279246" s="10"/>
    </row>
    <row r="279247" spans="14:14">
      <c r="N279247" s="10"/>
    </row>
    <row r="279248" spans="14:14">
      <c r="N279248" s="10"/>
    </row>
    <row r="279249" spans="14:14">
      <c r="N279249" s="10"/>
    </row>
    <row r="279250" spans="14:14">
      <c r="N279250" s="10"/>
    </row>
    <row r="279251" spans="14:14">
      <c r="N279251" s="10"/>
    </row>
    <row r="279252" spans="14:14">
      <c r="N279252" s="10"/>
    </row>
    <row r="279253" spans="14:14">
      <c r="N279253" s="10"/>
    </row>
    <row r="279254" spans="14:14">
      <c r="N279254" s="10"/>
    </row>
    <row r="279255" spans="14:14">
      <c r="N279255" s="10"/>
    </row>
    <row r="279256" spans="14:14">
      <c r="N279256" s="10"/>
    </row>
    <row r="279257" spans="14:14">
      <c r="N279257" s="10"/>
    </row>
    <row r="279258" spans="14:14">
      <c r="N279258" s="10"/>
    </row>
    <row r="279259" spans="14:14">
      <c r="N279259" s="10"/>
    </row>
    <row r="279260" spans="14:14">
      <c r="N279260" s="10"/>
    </row>
    <row r="279261" spans="14:14">
      <c r="N279261" s="10"/>
    </row>
    <row r="279262" spans="14:14">
      <c r="N279262" s="10"/>
    </row>
    <row r="279263" spans="14:14">
      <c r="N279263" s="10"/>
    </row>
    <row r="279264" spans="14:14">
      <c r="N279264" s="10"/>
    </row>
    <row r="279265" spans="14:14">
      <c r="N279265" s="10"/>
    </row>
    <row r="279266" spans="14:14">
      <c r="N279266" s="10"/>
    </row>
    <row r="279267" spans="14:14">
      <c r="N279267" s="10"/>
    </row>
    <row r="279268" spans="14:14">
      <c r="N279268" s="10"/>
    </row>
    <row r="279269" spans="14:14">
      <c r="N279269" s="10"/>
    </row>
    <row r="279270" spans="14:14">
      <c r="N279270" s="10"/>
    </row>
    <row r="279271" spans="14:14">
      <c r="N279271" s="10"/>
    </row>
    <row r="279272" spans="14:14">
      <c r="N279272" s="10"/>
    </row>
    <row r="279273" spans="14:14">
      <c r="N279273" s="10"/>
    </row>
    <row r="279274" spans="14:14">
      <c r="N279274" s="10"/>
    </row>
    <row r="279275" spans="14:14">
      <c r="N279275" s="10"/>
    </row>
    <row r="279276" spans="14:14">
      <c r="N279276" s="10"/>
    </row>
    <row r="279277" spans="14:14">
      <c r="N279277" s="10"/>
    </row>
    <row r="279278" spans="14:14">
      <c r="N279278" s="10"/>
    </row>
    <row r="279279" spans="14:14">
      <c r="N279279" s="10"/>
    </row>
    <row r="279280" spans="14:14">
      <c r="N279280" s="10"/>
    </row>
    <row r="279281" spans="14:14">
      <c r="N279281" s="10"/>
    </row>
    <row r="279282" spans="14:14">
      <c r="N279282" s="10"/>
    </row>
    <row r="279283" spans="14:14">
      <c r="N279283" s="10"/>
    </row>
    <row r="279284" spans="14:14">
      <c r="N279284" s="10"/>
    </row>
    <row r="279285" spans="14:14">
      <c r="N279285" s="10"/>
    </row>
    <row r="279286" spans="14:14">
      <c r="N279286" s="10"/>
    </row>
    <row r="279287" spans="14:14">
      <c r="N279287" s="10"/>
    </row>
    <row r="279288" spans="14:14">
      <c r="N279288" s="10"/>
    </row>
    <row r="279289" spans="14:14">
      <c r="N279289" s="10"/>
    </row>
    <row r="279290" spans="14:14">
      <c r="N279290" s="10"/>
    </row>
    <row r="279291" spans="14:14">
      <c r="N279291" s="10"/>
    </row>
    <row r="279292" spans="14:14">
      <c r="N279292" s="10"/>
    </row>
    <row r="279293" spans="14:14">
      <c r="N279293" s="10"/>
    </row>
    <row r="279294" spans="14:14">
      <c r="N279294" s="10"/>
    </row>
    <row r="279295" spans="14:14">
      <c r="N279295" s="10"/>
    </row>
    <row r="279296" spans="14:14">
      <c r="N279296" s="10"/>
    </row>
    <row r="279297" spans="14:14">
      <c r="N279297" s="10"/>
    </row>
    <row r="279298" spans="14:14">
      <c r="N279298" s="10"/>
    </row>
    <row r="279299" spans="14:14">
      <c r="N279299" s="10"/>
    </row>
    <row r="279300" spans="14:14">
      <c r="N279300" s="10"/>
    </row>
    <row r="279301" spans="14:14">
      <c r="N279301" s="10"/>
    </row>
    <row r="279302" spans="14:14">
      <c r="N279302" s="10"/>
    </row>
    <row r="279303" spans="14:14">
      <c r="N279303" s="10"/>
    </row>
    <row r="279304" spans="14:14">
      <c r="N279304" s="10"/>
    </row>
    <row r="279305" spans="14:14">
      <c r="N279305" s="10"/>
    </row>
    <row r="279306" spans="14:14">
      <c r="N279306" s="10"/>
    </row>
    <row r="279307" spans="14:14">
      <c r="N279307" s="10"/>
    </row>
    <row r="279308" spans="14:14">
      <c r="N279308" s="10"/>
    </row>
    <row r="279309" spans="14:14">
      <c r="N279309" s="10"/>
    </row>
    <row r="279310" spans="14:14">
      <c r="N279310" s="10"/>
    </row>
    <row r="279311" spans="14:14">
      <c r="N279311" s="10"/>
    </row>
    <row r="279312" spans="14:14">
      <c r="N279312" s="10"/>
    </row>
    <row r="279313" spans="14:14">
      <c r="N279313" s="10"/>
    </row>
    <row r="279314" spans="14:14">
      <c r="N279314" s="10"/>
    </row>
    <row r="279315" spans="14:14">
      <c r="N279315" s="10"/>
    </row>
    <row r="279316" spans="14:14">
      <c r="N279316" s="10"/>
    </row>
    <row r="279317" spans="14:14">
      <c r="N279317" s="10"/>
    </row>
    <row r="279318" spans="14:14">
      <c r="N279318" s="10"/>
    </row>
    <row r="279319" spans="14:14">
      <c r="N279319" s="10"/>
    </row>
    <row r="279320" spans="14:14">
      <c r="N279320" s="10"/>
    </row>
    <row r="279321" spans="14:14">
      <c r="N279321" s="10"/>
    </row>
    <row r="279322" spans="14:14">
      <c r="N279322" s="10"/>
    </row>
    <row r="279323" spans="14:14">
      <c r="N279323" s="10"/>
    </row>
    <row r="279324" spans="14:14">
      <c r="N279324" s="10"/>
    </row>
    <row r="279325" spans="14:14">
      <c r="N279325" s="10"/>
    </row>
    <row r="279326" spans="14:14">
      <c r="N279326" s="10"/>
    </row>
    <row r="279327" spans="14:14">
      <c r="N279327" s="10"/>
    </row>
    <row r="279328" spans="14:14">
      <c r="N279328" s="10"/>
    </row>
    <row r="279329" spans="14:14">
      <c r="N279329" s="10"/>
    </row>
    <row r="279330" spans="14:14">
      <c r="N279330" s="10"/>
    </row>
    <row r="279331" spans="14:14">
      <c r="N279331" s="10"/>
    </row>
    <row r="279332" spans="14:14">
      <c r="N279332" s="10"/>
    </row>
    <row r="279333" spans="14:14">
      <c r="N279333" s="10"/>
    </row>
    <row r="279334" spans="14:14">
      <c r="N279334" s="10"/>
    </row>
    <row r="279335" spans="14:14">
      <c r="N279335" s="10"/>
    </row>
    <row r="279336" spans="14:14">
      <c r="N279336" s="10"/>
    </row>
    <row r="279337" spans="14:14">
      <c r="N279337" s="10"/>
    </row>
    <row r="279338" spans="14:14">
      <c r="N279338" s="10"/>
    </row>
    <row r="279339" spans="14:14">
      <c r="N279339" s="10"/>
    </row>
    <row r="279340" spans="14:14">
      <c r="N279340" s="10"/>
    </row>
    <row r="279341" spans="14:14">
      <c r="N279341" s="10"/>
    </row>
    <row r="279342" spans="14:14">
      <c r="N279342" s="10"/>
    </row>
    <row r="279343" spans="14:14">
      <c r="N279343" s="10"/>
    </row>
    <row r="279344" spans="14:14">
      <c r="N279344" s="10"/>
    </row>
    <row r="279345" spans="14:14">
      <c r="N279345" s="10"/>
    </row>
    <row r="279346" spans="14:14">
      <c r="N279346" s="10"/>
    </row>
    <row r="279347" spans="14:14">
      <c r="N279347" s="10"/>
    </row>
    <row r="279348" spans="14:14">
      <c r="N279348" s="10"/>
    </row>
    <row r="279349" spans="14:14">
      <c r="N279349" s="10"/>
    </row>
    <row r="279350" spans="14:14">
      <c r="N279350" s="10"/>
    </row>
    <row r="279351" spans="14:14">
      <c r="N279351" s="10"/>
    </row>
    <row r="279352" spans="14:14">
      <c r="N279352" s="10"/>
    </row>
    <row r="279353" spans="14:14">
      <c r="N279353" s="10"/>
    </row>
    <row r="279354" spans="14:14">
      <c r="N279354" s="10"/>
    </row>
    <row r="279355" spans="14:14">
      <c r="N279355" s="10"/>
    </row>
    <row r="279356" spans="14:14">
      <c r="N279356" s="10"/>
    </row>
    <row r="279357" spans="14:14">
      <c r="N279357" s="10"/>
    </row>
    <row r="279358" spans="14:14">
      <c r="N279358" s="10"/>
    </row>
    <row r="279359" spans="14:14">
      <c r="N279359" s="10"/>
    </row>
    <row r="279360" spans="14:14">
      <c r="N279360" s="10"/>
    </row>
    <row r="279361" spans="14:14">
      <c r="N279361" s="10"/>
    </row>
    <row r="279362" spans="14:14">
      <c r="N279362" s="10"/>
    </row>
    <row r="279363" spans="14:14">
      <c r="N279363" s="10"/>
    </row>
    <row r="279364" spans="14:14">
      <c r="N279364" s="10"/>
    </row>
    <row r="279365" spans="14:14">
      <c r="N279365" s="10"/>
    </row>
    <row r="279366" spans="14:14">
      <c r="N279366" s="10"/>
    </row>
    <row r="279367" spans="14:14">
      <c r="N279367" s="10"/>
    </row>
    <row r="279368" spans="14:14">
      <c r="N279368" s="10"/>
    </row>
    <row r="279369" spans="14:14">
      <c r="N279369" s="10"/>
    </row>
    <row r="279370" spans="14:14">
      <c r="N279370" s="10"/>
    </row>
    <row r="279371" spans="14:14">
      <c r="N279371" s="10"/>
    </row>
    <row r="279372" spans="14:14">
      <c r="N279372" s="10"/>
    </row>
    <row r="279373" spans="14:14">
      <c r="N279373" s="10"/>
    </row>
    <row r="279374" spans="14:14">
      <c r="N279374" s="10"/>
    </row>
    <row r="279375" spans="14:14">
      <c r="N279375" s="10"/>
    </row>
    <row r="279376" spans="14:14">
      <c r="N279376" s="10"/>
    </row>
    <row r="279377" spans="14:14">
      <c r="N279377" s="10"/>
    </row>
    <row r="279378" spans="14:14">
      <c r="N279378" s="10"/>
    </row>
    <row r="279379" spans="14:14">
      <c r="N279379" s="10"/>
    </row>
    <row r="279380" spans="14:14">
      <c r="N279380" s="10"/>
    </row>
    <row r="279381" spans="14:14">
      <c r="N279381" s="10"/>
    </row>
    <row r="279382" spans="14:14">
      <c r="N279382" s="10"/>
    </row>
    <row r="279383" spans="14:14">
      <c r="N279383" s="10"/>
    </row>
    <row r="279384" spans="14:14">
      <c r="N279384" s="10"/>
    </row>
    <row r="279385" spans="14:14">
      <c r="N279385" s="10"/>
    </row>
    <row r="279386" spans="14:14">
      <c r="N279386" s="10"/>
    </row>
    <row r="279387" spans="14:14">
      <c r="N279387" s="10"/>
    </row>
    <row r="279388" spans="14:14">
      <c r="N279388" s="10"/>
    </row>
    <row r="279389" spans="14:14">
      <c r="N279389" s="10"/>
    </row>
    <row r="279390" spans="14:14">
      <c r="N279390" s="10"/>
    </row>
    <row r="279391" spans="14:14">
      <c r="N279391" s="10"/>
    </row>
    <row r="279392" spans="14:14">
      <c r="N279392" s="10"/>
    </row>
    <row r="279393" spans="14:14">
      <c r="N279393" s="10"/>
    </row>
    <row r="279394" spans="14:14">
      <c r="N279394" s="10"/>
    </row>
    <row r="279395" spans="14:14">
      <c r="N279395" s="10"/>
    </row>
    <row r="279396" spans="14:14">
      <c r="N279396" s="10"/>
    </row>
    <row r="279397" spans="14:14">
      <c r="N279397" s="10"/>
    </row>
    <row r="279398" spans="14:14">
      <c r="N279398" s="10"/>
    </row>
    <row r="279399" spans="14:14">
      <c r="N279399" s="10"/>
    </row>
    <row r="279400" spans="14:14">
      <c r="N279400" s="10"/>
    </row>
    <row r="279401" spans="14:14">
      <c r="N279401" s="10"/>
    </row>
    <row r="279402" spans="14:14">
      <c r="N279402" s="10"/>
    </row>
    <row r="279403" spans="14:14">
      <c r="N279403" s="10"/>
    </row>
    <row r="279404" spans="14:14">
      <c r="N279404" s="10"/>
    </row>
    <row r="279405" spans="14:14">
      <c r="N279405" s="10"/>
    </row>
    <row r="279406" spans="14:14">
      <c r="N279406" s="10"/>
    </row>
    <row r="279407" spans="14:14">
      <c r="N279407" s="10"/>
    </row>
    <row r="279408" spans="14:14">
      <c r="N279408" s="10"/>
    </row>
    <row r="279409" spans="14:14">
      <c r="N279409" s="10"/>
    </row>
    <row r="279410" spans="14:14">
      <c r="N279410" s="10"/>
    </row>
    <row r="279411" spans="14:14">
      <c r="N279411" s="10"/>
    </row>
    <row r="279412" spans="14:14">
      <c r="N279412" s="10"/>
    </row>
    <row r="279413" spans="14:14">
      <c r="N279413" s="10"/>
    </row>
    <row r="279414" spans="14:14">
      <c r="N279414" s="10"/>
    </row>
    <row r="279415" spans="14:14">
      <c r="N279415" s="10"/>
    </row>
    <row r="279416" spans="14:14">
      <c r="N279416" s="10"/>
    </row>
    <row r="279417" spans="14:14">
      <c r="N279417" s="10"/>
    </row>
    <row r="279418" spans="14:14">
      <c r="N279418" s="10"/>
    </row>
    <row r="279419" spans="14:14">
      <c r="N279419" s="10"/>
    </row>
    <row r="279420" spans="14:14">
      <c r="N279420" s="10"/>
    </row>
    <row r="279421" spans="14:14">
      <c r="N279421" s="10"/>
    </row>
    <row r="279422" spans="14:14">
      <c r="N279422" s="10"/>
    </row>
    <row r="279423" spans="14:14">
      <c r="N279423" s="10"/>
    </row>
    <row r="279424" spans="14:14">
      <c r="N279424" s="10"/>
    </row>
    <row r="279425" spans="14:14">
      <c r="N279425" s="10"/>
    </row>
    <row r="279426" spans="14:14">
      <c r="N279426" s="10"/>
    </row>
    <row r="279427" spans="14:14">
      <c r="N279427" s="10"/>
    </row>
    <row r="279428" spans="14:14">
      <c r="N279428" s="10"/>
    </row>
    <row r="279429" spans="14:14">
      <c r="N279429" s="10"/>
    </row>
    <row r="279430" spans="14:14">
      <c r="N279430" s="10"/>
    </row>
    <row r="279431" spans="14:14">
      <c r="N279431" s="10"/>
    </row>
    <row r="279432" spans="14:14">
      <c r="N279432" s="10"/>
    </row>
    <row r="279433" spans="14:14">
      <c r="N279433" s="10"/>
    </row>
    <row r="279434" spans="14:14">
      <c r="N279434" s="10"/>
    </row>
    <row r="279435" spans="14:14">
      <c r="N279435" s="10"/>
    </row>
    <row r="279436" spans="14:14">
      <c r="N279436" s="10"/>
    </row>
    <row r="279437" spans="14:14">
      <c r="N279437" s="10"/>
    </row>
    <row r="279438" spans="14:14">
      <c r="N279438" s="10"/>
    </row>
    <row r="279439" spans="14:14">
      <c r="N279439" s="10"/>
    </row>
    <row r="279440" spans="14:14">
      <c r="N279440" s="10"/>
    </row>
    <row r="279441" spans="14:14">
      <c r="N279441" s="10"/>
    </row>
    <row r="279442" spans="14:14">
      <c r="N279442" s="10"/>
    </row>
    <row r="279443" spans="14:14">
      <c r="N279443" s="10"/>
    </row>
    <row r="279444" spans="14:14">
      <c r="N279444" s="10"/>
    </row>
    <row r="279445" spans="14:14">
      <c r="N279445" s="10"/>
    </row>
    <row r="279446" spans="14:14">
      <c r="N279446" s="10"/>
    </row>
    <row r="279447" spans="14:14">
      <c r="N279447" s="10"/>
    </row>
    <row r="279448" spans="14:14">
      <c r="N279448" s="10"/>
    </row>
    <row r="279449" spans="14:14">
      <c r="N279449" s="10"/>
    </row>
    <row r="279450" spans="14:14">
      <c r="N279450" s="10"/>
    </row>
    <row r="279451" spans="14:14">
      <c r="N279451" s="10"/>
    </row>
    <row r="279452" spans="14:14">
      <c r="N279452" s="10"/>
    </row>
    <row r="279453" spans="14:14">
      <c r="N279453" s="10"/>
    </row>
    <row r="279454" spans="14:14">
      <c r="N279454" s="10"/>
    </row>
    <row r="279455" spans="14:14">
      <c r="N279455" s="10"/>
    </row>
    <row r="279456" spans="14:14">
      <c r="N279456" s="10"/>
    </row>
    <row r="279457" spans="14:14">
      <c r="N279457" s="10"/>
    </row>
    <row r="279458" spans="14:14">
      <c r="N279458" s="10"/>
    </row>
    <row r="279459" spans="14:14">
      <c r="N279459" s="10"/>
    </row>
    <row r="279460" spans="14:14">
      <c r="N279460" s="10"/>
    </row>
    <row r="279461" spans="14:14">
      <c r="N279461" s="10"/>
    </row>
    <row r="279462" spans="14:14">
      <c r="N279462" s="10"/>
    </row>
    <row r="279463" spans="14:14">
      <c r="N279463" s="10"/>
    </row>
    <row r="279464" spans="14:14">
      <c r="N279464" s="10"/>
    </row>
    <row r="279465" spans="14:14">
      <c r="N279465" s="10"/>
    </row>
    <row r="279466" spans="14:14">
      <c r="N279466" s="10"/>
    </row>
    <row r="279467" spans="14:14">
      <c r="N279467" s="10"/>
    </row>
    <row r="279468" spans="14:14">
      <c r="N279468" s="10"/>
    </row>
    <row r="279469" spans="14:14">
      <c r="N279469" s="10"/>
    </row>
    <row r="279470" spans="14:14">
      <c r="N279470" s="10"/>
    </row>
    <row r="279471" spans="14:14">
      <c r="N279471" s="10"/>
    </row>
    <row r="279472" spans="14:14">
      <c r="N279472" s="10"/>
    </row>
    <row r="279473" spans="14:14">
      <c r="N279473" s="10"/>
    </row>
    <row r="279474" spans="14:14">
      <c r="N279474" s="10"/>
    </row>
    <row r="279475" spans="14:14">
      <c r="N279475" s="10"/>
    </row>
    <row r="279476" spans="14:14">
      <c r="N279476" s="10"/>
    </row>
    <row r="279477" spans="14:14">
      <c r="N279477" s="10"/>
    </row>
    <row r="279478" spans="14:14">
      <c r="N279478" s="10"/>
    </row>
    <row r="279479" spans="14:14">
      <c r="N279479" s="10"/>
    </row>
    <row r="279480" spans="14:14">
      <c r="N279480" s="10"/>
    </row>
    <row r="279481" spans="14:14">
      <c r="N279481" s="10"/>
    </row>
    <row r="279482" spans="14:14">
      <c r="N279482" s="10"/>
    </row>
    <row r="279483" spans="14:14">
      <c r="N279483" s="10"/>
    </row>
    <row r="279484" spans="14:14">
      <c r="N279484" s="10"/>
    </row>
    <row r="279485" spans="14:14">
      <c r="N279485" s="10"/>
    </row>
    <row r="279486" spans="14:14">
      <c r="N279486" s="10"/>
    </row>
    <row r="279487" spans="14:14">
      <c r="N279487" s="10"/>
    </row>
    <row r="279488" spans="14:14">
      <c r="N279488" s="10"/>
    </row>
    <row r="279489" spans="14:14">
      <c r="N279489" s="10"/>
    </row>
    <row r="279490" spans="14:14">
      <c r="N279490" s="10"/>
    </row>
    <row r="279491" spans="14:14">
      <c r="N279491" s="10"/>
    </row>
    <row r="279492" spans="14:14">
      <c r="N279492" s="10"/>
    </row>
    <row r="279493" spans="14:14">
      <c r="N279493" s="10"/>
    </row>
    <row r="279494" spans="14:14">
      <c r="N279494" s="10"/>
    </row>
    <row r="279495" spans="14:14">
      <c r="N279495" s="10"/>
    </row>
    <row r="279496" spans="14:14">
      <c r="N279496" s="10"/>
    </row>
    <row r="279497" spans="14:14">
      <c r="N279497" s="10"/>
    </row>
    <row r="279498" spans="14:14">
      <c r="N279498" s="10"/>
    </row>
    <row r="279499" spans="14:14">
      <c r="N279499" s="10"/>
    </row>
    <row r="279500" spans="14:14">
      <c r="N279500" s="10"/>
    </row>
    <row r="279501" spans="14:14">
      <c r="N279501" s="10"/>
    </row>
    <row r="279502" spans="14:14">
      <c r="N279502" s="10"/>
    </row>
    <row r="279503" spans="14:14">
      <c r="N279503" s="10"/>
    </row>
    <row r="279504" spans="14:14">
      <c r="N279504" s="10"/>
    </row>
    <row r="279505" spans="14:14">
      <c r="N279505" s="10"/>
    </row>
    <row r="279506" spans="14:14">
      <c r="N279506" s="10"/>
    </row>
    <row r="279507" spans="14:14">
      <c r="N279507" s="10"/>
    </row>
    <row r="279508" spans="14:14">
      <c r="N279508" s="10"/>
    </row>
    <row r="279509" spans="14:14">
      <c r="N279509" s="10"/>
    </row>
    <row r="279510" spans="14:14">
      <c r="N279510" s="10"/>
    </row>
    <row r="279511" spans="14:14">
      <c r="N279511" s="10"/>
    </row>
    <row r="279512" spans="14:14">
      <c r="N279512" s="10"/>
    </row>
    <row r="279513" spans="14:14">
      <c r="N279513" s="10"/>
    </row>
    <row r="279514" spans="14:14">
      <c r="N279514" s="10"/>
    </row>
    <row r="279515" spans="14:14">
      <c r="N279515" s="10"/>
    </row>
    <row r="279516" spans="14:14">
      <c r="N279516" s="10"/>
    </row>
    <row r="279517" spans="14:14">
      <c r="N279517" s="10"/>
    </row>
    <row r="279518" spans="14:14">
      <c r="N279518" s="10"/>
    </row>
    <row r="279519" spans="14:14">
      <c r="N279519" s="10"/>
    </row>
    <row r="279520" spans="14:14">
      <c r="N279520" s="10"/>
    </row>
    <row r="279521" spans="14:14">
      <c r="N279521" s="10"/>
    </row>
    <row r="279522" spans="14:14">
      <c r="N279522" s="10"/>
    </row>
    <row r="279523" spans="14:14">
      <c r="N279523" s="10"/>
    </row>
    <row r="279524" spans="14:14">
      <c r="N279524" s="10"/>
    </row>
    <row r="279525" spans="14:14">
      <c r="N279525" s="10"/>
    </row>
    <row r="279526" spans="14:14">
      <c r="N279526" s="10"/>
    </row>
    <row r="279527" spans="14:14">
      <c r="N279527" s="10"/>
    </row>
    <row r="279528" spans="14:14">
      <c r="N279528" s="10"/>
    </row>
    <row r="279529" spans="14:14">
      <c r="N279529" s="10"/>
    </row>
    <row r="279530" spans="14:14">
      <c r="N279530" s="10"/>
    </row>
    <row r="279531" spans="14:14">
      <c r="N279531" s="10"/>
    </row>
    <row r="279532" spans="14:14">
      <c r="N279532" s="10"/>
    </row>
    <row r="279533" spans="14:14">
      <c r="N279533" s="10"/>
    </row>
    <row r="279534" spans="14:14">
      <c r="N279534" s="10"/>
    </row>
    <row r="279535" spans="14:14">
      <c r="N279535" s="10"/>
    </row>
    <row r="279536" spans="14:14">
      <c r="N279536" s="10"/>
    </row>
    <row r="279537" spans="14:14">
      <c r="N279537" s="10"/>
    </row>
    <row r="279538" spans="14:14">
      <c r="N279538" s="10"/>
    </row>
    <row r="279539" spans="14:14">
      <c r="N279539" s="10"/>
    </row>
    <row r="279540" spans="14:14">
      <c r="N279540" s="10"/>
    </row>
    <row r="279541" spans="14:14">
      <c r="N279541" s="10"/>
    </row>
    <row r="279542" spans="14:14">
      <c r="N279542" s="10"/>
    </row>
    <row r="279543" spans="14:14">
      <c r="N279543" s="10"/>
    </row>
    <row r="279544" spans="14:14">
      <c r="N279544" s="10"/>
    </row>
    <row r="279545" spans="14:14">
      <c r="N279545" s="10"/>
    </row>
    <row r="279546" spans="14:14">
      <c r="N279546" s="10"/>
    </row>
    <row r="279547" spans="14:14">
      <c r="N279547" s="10"/>
    </row>
    <row r="279548" spans="14:14">
      <c r="N279548" s="10"/>
    </row>
    <row r="279549" spans="14:14">
      <c r="N279549" s="10"/>
    </row>
    <row r="279550" spans="14:14">
      <c r="N279550" s="10"/>
    </row>
    <row r="279551" spans="14:14">
      <c r="N279551" s="10"/>
    </row>
    <row r="279552" spans="14:14">
      <c r="N279552" s="10"/>
    </row>
    <row r="279553" spans="14:14">
      <c r="N279553" s="10"/>
    </row>
    <row r="279554" spans="14:14">
      <c r="N279554" s="10"/>
    </row>
    <row r="279555" spans="14:14">
      <c r="N279555" s="10"/>
    </row>
    <row r="279556" spans="14:14">
      <c r="N279556" s="10"/>
    </row>
    <row r="279557" spans="14:14">
      <c r="N279557" s="10"/>
    </row>
    <row r="279558" spans="14:14">
      <c r="N279558" s="10"/>
    </row>
    <row r="279559" spans="14:14">
      <c r="N279559" s="10"/>
    </row>
    <row r="279560" spans="14:14">
      <c r="N279560" s="10"/>
    </row>
    <row r="279561" spans="14:14">
      <c r="N279561" s="10"/>
    </row>
    <row r="279562" spans="14:14">
      <c r="N279562" s="10"/>
    </row>
    <row r="279563" spans="14:14">
      <c r="N279563" s="10"/>
    </row>
    <row r="279564" spans="14:14">
      <c r="N279564" s="10"/>
    </row>
    <row r="279565" spans="14:14">
      <c r="N279565" s="10"/>
    </row>
    <row r="279566" spans="14:14">
      <c r="N279566" s="10"/>
    </row>
    <row r="279567" spans="14:14">
      <c r="N279567" s="10"/>
    </row>
    <row r="279568" spans="14:14">
      <c r="N279568" s="10"/>
    </row>
    <row r="279569" spans="14:14">
      <c r="N279569" s="10"/>
    </row>
    <row r="279570" spans="14:14">
      <c r="N279570" s="10"/>
    </row>
    <row r="279571" spans="14:14">
      <c r="N279571" s="10"/>
    </row>
    <row r="279572" spans="14:14">
      <c r="N279572" s="10"/>
    </row>
    <row r="279573" spans="14:14">
      <c r="N279573" s="10"/>
    </row>
    <row r="279574" spans="14:14">
      <c r="N279574" s="10"/>
    </row>
    <row r="279575" spans="14:14">
      <c r="N279575" s="10"/>
    </row>
    <row r="279576" spans="14:14">
      <c r="N279576" s="10"/>
    </row>
    <row r="279577" spans="14:14">
      <c r="N279577" s="10"/>
    </row>
    <row r="279578" spans="14:14">
      <c r="N279578" s="10"/>
    </row>
    <row r="279579" spans="14:14">
      <c r="N279579" s="10"/>
    </row>
    <row r="279580" spans="14:14">
      <c r="N279580" s="10"/>
    </row>
    <row r="279581" spans="14:14">
      <c r="N279581" s="10"/>
    </row>
    <row r="279582" spans="14:14">
      <c r="N279582" s="10"/>
    </row>
    <row r="279583" spans="14:14">
      <c r="N279583" s="10"/>
    </row>
    <row r="279584" spans="14:14">
      <c r="N279584" s="10"/>
    </row>
    <row r="279585" spans="14:14">
      <c r="N279585" s="10"/>
    </row>
    <row r="279586" spans="14:14">
      <c r="N279586" s="10"/>
    </row>
    <row r="279587" spans="14:14">
      <c r="N279587" s="10"/>
    </row>
    <row r="279588" spans="14:14">
      <c r="N279588" s="10"/>
    </row>
    <row r="279589" spans="14:14">
      <c r="N279589" s="10"/>
    </row>
    <row r="279590" spans="14:14">
      <c r="N279590" s="10"/>
    </row>
    <row r="279591" spans="14:14">
      <c r="N279591" s="10"/>
    </row>
    <row r="279592" spans="14:14">
      <c r="N279592" s="10"/>
    </row>
    <row r="279593" spans="14:14">
      <c r="N279593" s="10"/>
    </row>
    <row r="279594" spans="14:14">
      <c r="N279594" s="10"/>
    </row>
    <row r="279595" spans="14:14">
      <c r="N279595" s="10"/>
    </row>
    <row r="279596" spans="14:14">
      <c r="N279596" s="10"/>
    </row>
    <row r="279597" spans="14:14">
      <c r="N279597" s="10"/>
    </row>
    <row r="279598" spans="14:14">
      <c r="N279598" s="10"/>
    </row>
    <row r="279599" spans="14:14">
      <c r="N279599" s="10"/>
    </row>
    <row r="279600" spans="14:14">
      <c r="N279600" s="10"/>
    </row>
    <row r="279601" spans="14:14">
      <c r="N279601" s="10"/>
    </row>
    <row r="279602" spans="14:14">
      <c r="N279602" s="10"/>
    </row>
    <row r="279603" spans="14:14">
      <c r="N279603" s="10"/>
    </row>
    <row r="279604" spans="14:14">
      <c r="N279604" s="10"/>
    </row>
    <row r="279605" spans="14:14">
      <c r="N279605" s="10"/>
    </row>
    <row r="279606" spans="14:14">
      <c r="N279606" s="10"/>
    </row>
    <row r="279607" spans="14:14">
      <c r="N279607" s="10"/>
    </row>
    <row r="279608" spans="14:14">
      <c r="N279608" s="10"/>
    </row>
    <row r="279609" spans="14:14">
      <c r="N279609" s="10"/>
    </row>
    <row r="279610" spans="14:14">
      <c r="N279610" s="10"/>
    </row>
    <row r="279611" spans="14:14">
      <c r="N279611" s="10"/>
    </row>
    <row r="279612" spans="14:14">
      <c r="N279612" s="10"/>
    </row>
    <row r="279613" spans="14:14">
      <c r="N279613" s="10"/>
    </row>
    <row r="279614" spans="14:14">
      <c r="N279614" s="10"/>
    </row>
    <row r="279615" spans="14:14">
      <c r="N279615" s="10"/>
    </row>
    <row r="279616" spans="14:14">
      <c r="N279616" s="10"/>
    </row>
    <row r="279617" spans="14:14">
      <c r="N279617" s="10"/>
    </row>
    <row r="279618" spans="14:14">
      <c r="N279618" s="10"/>
    </row>
    <row r="279619" spans="14:14">
      <c r="N279619" s="10"/>
    </row>
    <row r="279620" spans="14:14">
      <c r="N279620" s="10"/>
    </row>
    <row r="279621" spans="14:14">
      <c r="N279621" s="10"/>
    </row>
    <row r="279622" spans="14:14">
      <c r="N279622" s="10"/>
    </row>
    <row r="279623" spans="14:14">
      <c r="N279623" s="10"/>
    </row>
    <row r="279624" spans="14:14">
      <c r="N279624" s="10"/>
    </row>
    <row r="279625" spans="14:14">
      <c r="N279625" s="10"/>
    </row>
    <row r="279626" spans="14:14">
      <c r="N279626" s="10"/>
    </row>
    <row r="279627" spans="14:14">
      <c r="N279627" s="10"/>
    </row>
    <row r="279628" spans="14:14">
      <c r="N279628" s="10"/>
    </row>
    <row r="279629" spans="14:14">
      <c r="N279629" s="10"/>
    </row>
    <row r="279630" spans="14:14">
      <c r="N279630" s="10"/>
    </row>
    <row r="279631" spans="14:14">
      <c r="N279631" s="10"/>
    </row>
    <row r="279632" spans="14:14">
      <c r="N279632" s="10"/>
    </row>
    <row r="279633" spans="14:14">
      <c r="N279633" s="10"/>
    </row>
    <row r="279634" spans="14:14">
      <c r="N279634" s="10"/>
    </row>
    <row r="279635" spans="14:14">
      <c r="N279635" s="10"/>
    </row>
    <row r="279636" spans="14:14">
      <c r="N279636" s="10"/>
    </row>
    <row r="279637" spans="14:14">
      <c r="N279637" s="10"/>
    </row>
    <row r="279638" spans="14:14">
      <c r="N279638" s="10"/>
    </row>
    <row r="279639" spans="14:14">
      <c r="N279639" s="10"/>
    </row>
    <row r="279640" spans="14:14">
      <c r="N279640" s="10"/>
    </row>
    <row r="279641" spans="14:14">
      <c r="N279641" s="10"/>
    </row>
    <row r="279642" spans="14:14">
      <c r="N279642" s="10"/>
    </row>
    <row r="279643" spans="14:14">
      <c r="N279643" s="10"/>
    </row>
    <row r="279644" spans="14:14">
      <c r="N279644" s="10"/>
    </row>
    <row r="279645" spans="14:14">
      <c r="N279645" s="10"/>
    </row>
    <row r="279646" spans="14:14">
      <c r="N279646" s="10"/>
    </row>
    <row r="279647" spans="14:14">
      <c r="N279647" s="10"/>
    </row>
    <row r="279648" spans="14:14">
      <c r="N279648" s="10"/>
    </row>
    <row r="279649" spans="14:14">
      <c r="N279649" s="10"/>
    </row>
    <row r="279650" spans="14:14">
      <c r="N279650" s="10"/>
    </row>
    <row r="279651" spans="14:14">
      <c r="N279651" s="10"/>
    </row>
    <row r="279652" spans="14:14">
      <c r="N279652" s="10"/>
    </row>
    <row r="279653" spans="14:14">
      <c r="N279653" s="10"/>
    </row>
    <row r="279654" spans="14:14">
      <c r="N279654" s="10"/>
    </row>
    <row r="279655" spans="14:14">
      <c r="N279655" s="10"/>
    </row>
    <row r="279656" spans="14:14">
      <c r="N279656" s="10"/>
    </row>
    <row r="279657" spans="14:14">
      <c r="N279657" s="10"/>
    </row>
    <row r="279658" spans="14:14">
      <c r="N279658" s="10"/>
    </row>
    <row r="279659" spans="14:14">
      <c r="N279659" s="10"/>
    </row>
    <row r="279660" spans="14:14">
      <c r="N279660" s="10"/>
    </row>
    <row r="279661" spans="14:14">
      <c r="N279661" s="10"/>
    </row>
    <row r="279662" spans="14:14">
      <c r="N279662" s="10"/>
    </row>
    <row r="279663" spans="14:14">
      <c r="N279663" s="10"/>
    </row>
    <row r="279664" spans="14:14">
      <c r="N279664" s="10"/>
    </row>
    <row r="279665" spans="14:14">
      <c r="N279665" s="10"/>
    </row>
    <row r="279666" spans="14:14">
      <c r="N279666" s="10"/>
    </row>
    <row r="279667" spans="14:14">
      <c r="N279667" s="10"/>
    </row>
    <row r="279668" spans="14:14">
      <c r="N279668" s="10"/>
    </row>
    <row r="279669" spans="14:14">
      <c r="N279669" s="10"/>
    </row>
    <row r="279670" spans="14:14">
      <c r="N279670" s="10"/>
    </row>
    <row r="279671" spans="14:14">
      <c r="N279671" s="10"/>
    </row>
    <row r="279672" spans="14:14">
      <c r="N279672" s="10"/>
    </row>
    <row r="279673" spans="14:14">
      <c r="N279673" s="10"/>
    </row>
    <row r="279674" spans="14:14">
      <c r="N279674" s="10"/>
    </row>
    <row r="279675" spans="14:14">
      <c r="N279675" s="10"/>
    </row>
    <row r="279676" spans="14:14">
      <c r="N279676" s="10"/>
    </row>
    <row r="279677" spans="14:14">
      <c r="N279677" s="10"/>
    </row>
    <row r="279678" spans="14:14">
      <c r="N279678" s="10"/>
    </row>
    <row r="279679" spans="14:14">
      <c r="N279679" s="10"/>
    </row>
    <row r="279680" spans="14:14">
      <c r="N279680" s="10"/>
    </row>
    <row r="279681" spans="14:14">
      <c r="N279681" s="10"/>
    </row>
    <row r="279682" spans="14:14">
      <c r="N279682" s="10"/>
    </row>
    <row r="279683" spans="14:14">
      <c r="N279683" s="10"/>
    </row>
    <row r="279684" spans="14:14">
      <c r="N279684" s="10"/>
    </row>
    <row r="279685" spans="14:14">
      <c r="N279685" s="10"/>
    </row>
    <row r="279686" spans="14:14">
      <c r="N279686" s="10"/>
    </row>
    <row r="279687" spans="14:14">
      <c r="N279687" s="10"/>
    </row>
    <row r="279688" spans="14:14">
      <c r="N279688" s="10"/>
    </row>
    <row r="279689" spans="14:14">
      <c r="N279689" s="10"/>
    </row>
    <row r="279690" spans="14:14">
      <c r="N279690" s="10"/>
    </row>
    <row r="279691" spans="14:14">
      <c r="N279691" s="10"/>
    </row>
    <row r="279692" spans="14:14">
      <c r="N279692" s="10"/>
    </row>
    <row r="279693" spans="14:14">
      <c r="N279693" s="10"/>
    </row>
    <row r="279694" spans="14:14">
      <c r="N279694" s="10"/>
    </row>
    <row r="279695" spans="14:14">
      <c r="N279695" s="10"/>
    </row>
    <row r="279696" spans="14:14">
      <c r="N279696" s="10"/>
    </row>
    <row r="279697" spans="14:14">
      <c r="N279697" s="10"/>
    </row>
    <row r="279698" spans="14:14">
      <c r="N279698" s="10"/>
    </row>
    <row r="279699" spans="14:14">
      <c r="N279699" s="10"/>
    </row>
    <row r="279700" spans="14:14">
      <c r="N279700" s="10"/>
    </row>
    <row r="279701" spans="14:14">
      <c r="N279701" s="10"/>
    </row>
    <row r="279702" spans="14:14">
      <c r="N279702" s="10"/>
    </row>
    <row r="279703" spans="14:14">
      <c r="N279703" s="10"/>
    </row>
    <row r="279704" spans="14:14">
      <c r="N279704" s="10"/>
    </row>
    <row r="279705" spans="14:14">
      <c r="N279705" s="10"/>
    </row>
    <row r="279706" spans="14:14">
      <c r="N279706" s="10"/>
    </row>
    <row r="279707" spans="14:14">
      <c r="N279707" s="10"/>
    </row>
    <row r="279708" spans="14:14">
      <c r="N279708" s="10"/>
    </row>
    <row r="279709" spans="14:14">
      <c r="N279709" s="10"/>
    </row>
    <row r="279710" spans="14:14">
      <c r="N279710" s="10"/>
    </row>
    <row r="279711" spans="14:14">
      <c r="N279711" s="10"/>
    </row>
    <row r="279712" spans="14:14">
      <c r="N279712" s="10"/>
    </row>
    <row r="279713" spans="14:14">
      <c r="N279713" s="10"/>
    </row>
    <row r="279714" spans="14:14">
      <c r="N279714" s="10"/>
    </row>
    <row r="279715" spans="14:14">
      <c r="N279715" s="10"/>
    </row>
    <row r="279716" spans="14:14">
      <c r="N279716" s="10"/>
    </row>
    <row r="279717" spans="14:14">
      <c r="N279717" s="10"/>
    </row>
    <row r="279718" spans="14:14">
      <c r="N279718" s="10"/>
    </row>
    <row r="279719" spans="14:14">
      <c r="N279719" s="10"/>
    </row>
    <row r="279720" spans="14:14">
      <c r="N279720" s="10"/>
    </row>
    <row r="279721" spans="14:14">
      <c r="N279721" s="10"/>
    </row>
    <row r="279722" spans="14:14">
      <c r="N279722" s="10"/>
    </row>
    <row r="279723" spans="14:14">
      <c r="N279723" s="10"/>
    </row>
    <row r="279724" spans="14:14">
      <c r="N279724" s="10"/>
    </row>
    <row r="279725" spans="14:14">
      <c r="N279725" s="10"/>
    </row>
    <row r="279726" spans="14:14">
      <c r="N279726" s="10"/>
    </row>
    <row r="279727" spans="14:14">
      <c r="N279727" s="10"/>
    </row>
    <row r="279728" spans="14:14">
      <c r="N279728" s="10"/>
    </row>
    <row r="279729" spans="14:14">
      <c r="N279729" s="10"/>
    </row>
    <row r="279730" spans="14:14">
      <c r="N279730" s="10"/>
    </row>
    <row r="279731" spans="14:14">
      <c r="N279731" s="10"/>
    </row>
    <row r="279732" spans="14:14">
      <c r="N279732" s="10"/>
    </row>
    <row r="279733" spans="14:14">
      <c r="N279733" s="10"/>
    </row>
    <row r="279734" spans="14:14">
      <c r="N279734" s="10"/>
    </row>
    <row r="279735" spans="14:14">
      <c r="N279735" s="10"/>
    </row>
    <row r="279736" spans="14:14">
      <c r="N279736" s="10"/>
    </row>
    <row r="279737" spans="14:14">
      <c r="N279737" s="10"/>
    </row>
    <row r="279738" spans="14:14">
      <c r="N279738" s="10"/>
    </row>
    <row r="279739" spans="14:14">
      <c r="N279739" s="10"/>
    </row>
    <row r="279740" spans="14:14">
      <c r="N279740" s="10"/>
    </row>
    <row r="279741" spans="14:14">
      <c r="N279741" s="10"/>
    </row>
    <row r="279742" spans="14:14">
      <c r="N279742" s="10"/>
    </row>
    <row r="279743" spans="14:14">
      <c r="N279743" s="10"/>
    </row>
    <row r="279744" spans="14:14">
      <c r="N279744" s="10"/>
    </row>
    <row r="279745" spans="14:14">
      <c r="N279745" s="10"/>
    </row>
    <row r="279746" spans="14:14">
      <c r="N279746" s="10"/>
    </row>
    <row r="279747" spans="14:14">
      <c r="N279747" s="10"/>
    </row>
    <row r="279748" spans="14:14">
      <c r="N279748" s="10"/>
    </row>
    <row r="279749" spans="14:14">
      <c r="N279749" s="10"/>
    </row>
    <row r="279750" spans="14:14">
      <c r="N279750" s="10"/>
    </row>
    <row r="279751" spans="14:14">
      <c r="N279751" s="10"/>
    </row>
    <row r="279752" spans="14:14">
      <c r="N279752" s="10"/>
    </row>
    <row r="279753" spans="14:14">
      <c r="N279753" s="10"/>
    </row>
    <row r="279754" spans="14:14">
      <c r="N279754" s="10"/>
    </row>
    <row r="279755" spans="14:14">
      <c r="N279755" s="10"/>
    </row>
    <row r="279756" spans="14:14">
      <c r="N279756" s="10"/>
    </row>
    <row r="279757" spans="14:14">
      <c r="N279757" s="10"/>
    </row>
    <row r="279758" spans="14:14">
      <c r="N279758" s="10"/>
    </row>
    <row r="279759" spans="14:14">
      <c r="N279759" s="10"/>
    </row>
    <row r="279760" spans="14:14">
      <c r="N279760" s="10"/>
    </row>
    <row r="279761" spans="14:14">
      <c r="N279761" s="10"/>
    </row>
    <row r="279762" spans="14:14">
      <c r="N279762" s="10"/>
    </row>
    <row r="279763" spans="14:14">
      <c r="N279763" s="10"/>
    </row>
    <row r="279764" spans="14:14">
      <c r="N279764" s="10"/>
    </row>
    <row r="279765" spans="14:14">
      <c r="N279765" s="10"/>
    </row>
    <row r="279766" spans="14:14">
      <c r="N279766" s="10"/>
    </row>
    <row r="279767" spans="14:14">
      <c r="N279767" s="10"/>
    </row>
    <row r="279768" spans="14:14">
      <c r="N279768" s="10"/>
    </row>
    <row r="279769" spans="14:14">
      <c r="N279769" s="10"/>
    </row>
    <row r="279770" spans="14:14">
      <c r="N279770" s="10"/>
    </row>
    <row r="279771" spans="14:14">
      <c r="N279771" s="10"/>
    </row>
    <row r="279772" spans="14:14">
      <c r="N279772" s="10"/>
    </row>
    <row r="279773" spans="14:14">
      <c r="N279773" s="10"/>
    </row>
    <row r="279774" spans="14:14">
      <c r="N279774" s="10"/>
    </row>
    <row r="279775" spans="14:14">
      <c r="N279775" s="10"/>
    </row>
    <row r="279776" spans="14:14">
      <c r="N279776" s="10"/>
    </row>
    <row r="279777" spans="14:14">
      <c r="N279777" s="10"/>
    </row>
    <row r="279778" spans="14:14">
      <c r="N279778" s="10"/>
    </row>
    <row r="279779" spans="14:14">
      <c r="N279779" s="10"/>
    </row>
    <row r="279780" spans="14:14">
      <c r="N279780" s="10"/>
    </row>
    <row r="279781" spans="14:14">
      <c r="N279781" s="10"/>
    </row>
    <row r="279782" spans="14:14">
      <c r="N279782" s="10"/>
    </row>
    <row r="279783" spans="14:14">
      <c r="N279783" s="10"/>
    </row>
    <row r="279784" spans="14:14">
      <c r="N279784" s="10"/>
    </row>
    <row r="279785" spans="14:14">
      <c r="N279785" s="10"/>
    </row>
    <row r="279786" spans="14:14">
      <c r="N279786" s="10"/>
    </row>
    <row r="279787" spans="14:14">
      <c r="N279787" s="10"/>
    </row>
    <row r="279788" spans="14:14">
      <c r="N279788" s="10"/>
    </row>
    <row r="279789" spans="14:14">
      <c r="N279789" s="10"/>
    </row>
    <row r="279790" spans="14:14">
      <c r="N279790" s="10"/>
    </row>
    <row r="279791" spans="14:14">
      <c r="N279791" s="10"/>
    </row>
    <row r="279792" spans="14:14">
      <c r="N279792" s="10"/>
    </row>
    <row r="279793" spans="14:14">
      <c r="N279793" s="10"/>
    </row>
    <row r="279794" spans="14:14">
      <c r="N279794" s="10"/>
    </row>
    <row r="279795" spans="14:14">
      <c r="N279795" s="10"/>
    </row>
    <row r="279796" spans="14:14">
      <c r="N279796" s="10"/>
    </row>
    <row r="279797" spans="14:14">
      <c r="N279797" s="10"/>
    </row>
    <row r="279798" spans="14:14">
      <c r="N279798" s="10"/>
    </row>
    <row r="279799" spans="14:14">
      <c r="N279799" s="10"/>
    </row>
    <row r="279800" spans="14:14">
      <c r="N279800" s="10"/>
    </row>
    <row r="279801" spans="14:14">
      <c r="N279801" s="10"/>
    </row>
    <row r="279802" spans="14:14">
      <c r="N279802" s="10"/>
    </row>
    <row r="279803" spans="14:14">
      <c r="N279803" s="10"/>
    </row>
    <row r="279804" spans="14:14">
      <c r="N279804" s="10"/>
    </row>
    <row r="279805" spans="14:14">
      <c r="N279805" s="10"/>
    </row>
    <row r="279806" spans="14:14">
      <c r="N279806" s="10"/>
    </row>
    <row r="279807" spans="14:14">
      <c r="N279807" s="10"/>
    </row>
    <row r="279808" spans="14:14">
      <c r="N279808" s="10"/>
    </row>
    <row r="279809" spans="14:14">
      <c r="N279809" s="10"/>
    </row>
    <row r="279810" spans="14:14">
      <c r="N279810" s="10"/>
    </row>
    <row r="279811" spans="14:14">
      <c r="N279811" s="10"/>
    </row>
    <row r="279812" spans="14:14">
      <c r="N279812" s="10"/>
    </row>
    <row r="279813" spans="14:14">
      <c r="N279813" s="10"/>
    </row>
    <row r="279814" spans="14:14">
      <c r="N279814" s="10"/>
    </row>
    <row r="279815" spans="14:14">
      <c r="N279815" s="10"/>
    </row>
    <row r="279816" spans="14:14">
      <c r="N279816" s="10"/>
    </row>
    <row r="279817" spans="14:14">
      <c r="N279817" s="10"/>
    </row>
    <row r="279818" spans="14:14">
      <c r="N279818" s="10"/>
    </row>
    <row r="279819" spans="14:14">
      <c r="N279819" s="10"/>
    </row>
    <row r="279820" spans="14:14">
      <c r="N279820" s="10"/>
    </row>
    <row r="279821" spans="14:14">
      <c r="N279821" s="10"/>
    </row>
    <row r="279822" spans="14:14">
      <c r="N279822" s="10"/>
    </row>
    <row r="279823" spans="14:14">
      <c r="N279823" s="10"/>
    </row>
    <row r="279824" spans="14:14">
      <c r="N279824" s="10"/>
    </row>
    <row r="279825" spans="14:14">
      <c r="N279825" s="10"/>
    </row>
    <row r="279826" spans="14:14">
      <c r="N279826" s="10"/>
    </row>
    <row r="279827" spans="14:14">
      <c r="N279827" s="10"/>
    </row>
    <row r="279828" spans="14:14">
      <c r="N279828" s="10"/>
    </row>
    <row r="279829" spans="14:14">
      <c r="N279829" s="10"/>
    </row>
    <row r="279830" spans="14:14">
      <c r="N279830" s="10"/>
    </row>
    <row r="279831" spans="14:14">
      <c r="N279831" s="10"/>
    </row>
    <row r="279832" spans="14:14">
      <c r="N279832" s="10"/>
    </row>
    <row r="279833" spans="14:14">
      <c r="N279833" s="10"/>
    </row>
    <row r="279834" spans="14:14">
      <c r="N279834" s="10"/>
    </row>
    <row r="279835" spans="14:14">
      <c r="N279835" s="10"/>
    </row>
    <row r="279836" spans="14:14">
      <c r="N279836" s="10"/>
    </row>
    <row r="279837" spans="14:14">
      <c r="N279837" s="10"/>
    </row>
    <row r="279838" spans="14:14">
      <c r="N279838" s="10"/>
    </row>
    <row r="279839" spans="14:14">
      <c r="N279839" s="10"/>
    </row>
    <row r="279840" spans="14:14">
      <c r="N279840" s="10"/>
    </row>
    <row r="279841" spans="14:14">
      <c r="N279841" s="10"/>
    </row>
    <row r="279842" spans="14:14">
      <c r="N279842" s="10"/>
    </row>
    <row r="279843" spans="14:14">
      <c r="N279843" s="10"/>
    </row>
    <row r="279844" spans="14:14">
      <c r="N279844" s="10"/>
    </row>
    <row r="279845" spans="14:14">
      <c r="N279845" s="10"/>
    </row>
    <row r="279846" spans="14:14">
      <c r="N279846" s="10"/>
    </row>
    <row r="279847" spans="14:14">
      <c r="N279847" s="10"/>
    </row>
    <row r="279848" spans="14:14">
      <c r="N279848" s="10"/>
    </row>
    <row r="279849" spans="14:14">
      <c r="N279849" s="10"/>
    </row>
    <row r="279850" spans="14:14">
      <c r="N279850" s="10"/>
    </row>
    <row r="279851" spans="14:14">
      <c r="N279851" s="10"/>
    </row>
    <row r="279852" spans="14:14">
      <c r="N279852" s="10"/>
    </row>
    <row r="279853" spans="14:14">
      <c r="N279853" s="10"/>
    </row>
    <row r="279854" spans="14:14">
      <c r="N279854" s="10"/>
    </row>
    <row r="279855" spans="14:14">
      <c r="N279855" s="10"/>
    </row>
    <row r="279856" spans="14:14">
      <c r="N279856" s="10"/>
    </row>
    <row r="279857" spans="14:14">
      <c r="N279857" s="10"/>
    </row>
    <row r="279858" spans="14:14">
      <c r="N279858" s="10"/>
    </row>
    <row r="279859" spans="14:14">
      <c r="N279859" s="10"/>
    </row>
    <row r="279860" spans="14:14">
      <c r="N279860" s="10"/>
    </row>
    <row r="279861" spans="14:14">
      <c r="N279861" s="10"/>
    </row>
    <row r="279862" spans="14:14">
      <c r="N279862" s="10"/>
    </row>
    <row r="279863" spans="14:14">
      <c r="N279863" s="10"/>
    </row>
    <row r="279864" spans="14:14">
      <c r="N279864" s="10"/>
    </row>
    <row r="279865" spans="14:14">
      <c r="N279865" s="10"/>
    </row>
    <row r="279866" spans="14:14">
      <c r="N279866" s="10"/>
    </row>
    <row r="279867" spans="14:14">
      <c r="N279867" s="10"/>
    </row>
    <row r="279868" spans="14:14">
      <c r="N279868" s="10"/>
    </row>
    <row r="279869" spans="14:14">
      <c r="N279869" s="10"/>
    </row>
    <row r="279870" spans="14:14">
      <c r="N279870" s="10"/>
    </row>
    <row r="279871" spans="14:14">
      <c r="N279871" s="10"/>
    </row>
    <row r="279872" spans="14:14">
      <c r="N279872" s="10"/>
    </row>
    <row r="279873" spans="14:14">
      <c r="N279873" s="10"/>
    </row>
    <row r="279874" spans="14:14">
      <c r="N279874" s="10"/>
    </row>
    <row r="279875" spans="14:14">
      <c r="N279875" s="10"/>
    </row>
    <row r="279876" spans="14:14">
      <c r="N279876" s="10"/>
    </row>
    <row r="279877" spans="14:14">
      <c r="N279877" s="10"/>
    </row>
    <row r="279878" spans="14:14">
      <c r="N279878" s="10"/>
    </row>
    <row r="279879" spans="14:14">
      <c r="N279879" s="10"/>
    </row>
    <row r="279880" spans="14:14">
      <c r="N279880" s="10"/>
    </row>
    <row r="279881" spans="14:14">
      <c r="N279881" s="10"/>
    </row>
    <row r="279882" spans="14:14">
      <c r="N279882" s="10"/>
    </row>
    <row r="279883" spans="14:14">
      <c r="N279883" s="10"/>
    </row>
    <row r="279884" spans="14:14">
      <c r="N279884" s="10"/>
    </row>
    <row r="279885" spans="14:14">
      <c r="N279885" s="10"/>
    </row>
    <row r="279886" spans="14:14">
      <c r="N279886" s="10"/>
    </row>
    <row r="279887" spans="14:14">
      <c r="N279887" s="10"/>
    </row>
    <row r="279888" spans="14:14">
      <c r="N279888" s="10"/>
    </row>
    <row r="279889" spans="14:14">
      <c r="N279889" s="10"/>
    </row>
    <row r="279890" spans="14:14">
      <c r="N279890" s="10"/>
    </row>
    <row r="279891" spans="14:14">
      <c r="N279891" s="10"/>
    </row>
    <row r="279892" spans="14:14">
      <c r="N279892" s="10"/>
    </row>
    <row r="279893" spans="14:14">
      <c r="N279893" s="10"/>
    </row>
    <row r="279894" spans="14:14">
      <c r="N279894" s="10"/>
    </row>
    <row r="279895" spans="14:14">
      <c r="N279895" s="10"/>
    </row>
    <row r="279896" spans="14:14">
      <c r="N279896" s="10"/>
    </row>
    <row r="279897" spans="14:14">
      <c r="N279897" s="10"/>
    </row>
    <row r="279898" spans="14:14">
      <c r="N279898" s="10"/>
    </row>
    <row r="279899" spans="14:14">
      <c r="N279899" s="10"/>
    </row>
    <row r="279900" spans="14:14">
      <c r="N279900" s="10"/>
    </row>
    <row r="279901" spans="14:14">
      <c r="N279901" s="10"/>
    </row>
    <row r="279902" spans="14:14">
      <c r="N279902" s="10"/>
    </row>
    <row r="279903" spans="14:14">
      <c r="N279903" s="10"/>
    </row>
    <row r="279904" spans="14:14">
      <c r="N279904" s="10"/>
    </row>
    <row r="279905" spans="14:14">
      <c r="N279905" s="10"/>
    </row>
    <row r="279906" spans="14:14">
      <c r="N279906" s="10"/>
    </row>
    <row r="279907" spans="14:14">
      <c r="N279907" s="10"/>
    </row>
    <row r="279908" spans="14:14">
      <c r="N279908" s="10"/>
    </row>
    <row r="279909" spans="14:14">
      <c r="N279909" s="10"/>
    </row>
    <row r="279910" spans="14:14">
      <c r="N279910" s="10"/>
    </row>
    <row r="279911" spans="14:14">
      <c r="N279911" s="10"/>
    </row>
    <row r="279912" spans="14:14">
      <c r="N279912" s="10"/>
    </row>
    <row r="279913" spans="14:14">
      <c r="N279913" s="10"/>
    </row>
    <row r="279914" spans="14:14">
      <c r="N279914" s="10"/>
    </row>
    <row r="279915" spans="14:14">
      <c r="N279915" s="10"/>
    </row>
    <row r="279916" spans="14:14">
      <c r="N279916" s="10"/>
    </row>
    <row r="279917" spans="14:14">
      <c r="N279917" s="10"/>
    </row>
    <row r="279918" spans="14:14">
      <c r="N279918" s="10"/>
    </row>
    <row r="279919" spans="14:14">
      <c r="N279919" s="10"/>
    </row>
    <row r="279920" spans="14:14">
      <c r="N279920" s="10"/>
    </row>
    <row r="279921" spans="14:14">
      <c r="N279921" s="10"/>
    </row>
    <row r="279922" spans="14:14">
      <c r="N279922" s="10"/>
    </row>
    <row r="279923" spans="14:14">
      <c r="N279923" s="10"/>
    </row>
    <row r="279924" spans="14:14">
      <c r="N279924" s="10"/>
    </row>
    <row r="279925" spans="14:14">
      <c r="N279925" s="10"/>
    </row>
    <row r="279926" spans="14:14">
      <c r="N279926" s="10"/>
    </row>
    <row r="279927" spans="14:14">
      <c r="N279927" s="10"/>
    </row>
    <row r="279928" spans="14:14">
      <c r="N279928" s="10"/>
    </row>
    <row r="279929" spans="14:14">
      <c r="N279929" s="10"/>
    </row>
    <row r="279930" spans="14:14">
      <c r="N279930" s="10"/>
    </row>
    <row r="279931" spans="14:14">
      <c r="N279931" s="10"/>
    </row>
    <row r="279932" spans="14:14">
      <c r="N279932" s="10"/>
    </row>
    <row r="279933" spans="14:14">
      <c r="N279933" s="10"/>
    </row>
    <row r="279934" spans="14:14">
      <c r="N279934" s="10"/>
    </row>
    <row r="279935" spans="14:14">
      <c r="N279935" s="10"/>
    </row>
    <row r="279936" spans="14:14">
      <c r="N279936" s="10"/>
    </row>
    <row r="279937" spans="14:14">
      <c r="N279937" s="10"/>
    </row>
    <row r="279938" spans="14:14">
      <c r="N279938" s="10"/>
    </row>
    <row r="279939" spans="14:14">
      <c r="N279939" s="10"/>
    </row>
    <row r="279940" spans="14:14">
      <c r="N279940" s="10"/>
    </row>
    <row r="279941" spans="14:14">
      <c r="N279941" s="10"/>
    </row>
    <row r="279942" spans="14:14">
      <c r="N279942" s="10"/>
    </row>
    <row r="279943" spans="14:14">
      <c r="N279943" s="10"/>
    </row>
    <row r="279944" spans="14:14">
      <c r="N279944" s="10"/>
    </row>
    <row r="279945" spans="14:14">
      <c r="N279945" s="10"/>
    </row>
    <row r="279946" spans="14:14">
      <c r="N279946" s="10"/>
    </row>
    <row r="279947" spans="14:14">
      <c r="N279947" s="10"/>
    </row>
    <row r="279948" spans="14:14">
      <c r="N279948" s="10"/>
    </row>
    <row r="279949" spans="14:14">
      <c r="N279949" s="10"/>
    </row>
    <row r="279950" spans="14:14">
      <c r="N279950" s="10"/>
    </row>
    <row r="279951" spans="14:14">
      <c r="N279951" s="10"/>
    </row>
    <row r="279952" spans="14:14">
      <c r="N279952" s="10"/>
    </row>
    <row r="279953" spans="14:14">
      <c r="N279953" s="10"/>
    </row>
    <row r="279954" spans="14:14">
      <c r="N279954" s="10"/>
    </row>
    <row r="279955" spans="14:14">
      <c r="N279955" s="10"/>
    </row>
    <row r="279956" spans="14:14">
      <c r="N279956" s="10"/>
    </row>
    <row r="279957" spans="14:14">
      <c r="N279957" s="10"/>
    </row>
    <row r="279958" spans="14:14">
      <c r="N279958" s="10"/>
    </row>
    <row r="279959" spans="14:14">
      <c r="N279959" s="10"/>
    </row>
    <row r="279960" spans="14:14">
      <c r="N279960" s="10"/>
    </row>
    <row r="279961" spans="14:14">
      <c r="N279961" s="10"/>
    </row>
    <row r="279962" spans="14:14">
      <c r="N279962" s="10"/>
    </row>
    <row r="279963" spans="14:14">
      <c r="N279963" s="10"/>
    </row>
    <row r="279964" spans="14:14">
      <c r="N279964" s="10"/>
    </row>
    <row r="279965" spans="14:14">
      <c r="N279965" s="10"/>
    </row>
    <row r="279966" spans="14:14">
      <c r="N279966" s="10"/>
    </row>
    <row r="279967" spans="14:14">
      <c r="N279967" s="10"/>
    </row>
    <row r="279968" spans="14:14">
      <c r="N279968" s="10"/>
    </row>
    <row r="279969" spans="14:14">
      <c r="N279969" s="10"/>
    </row>
    <row r="279970" spans="14:14">
      <c r="N279970" s="10"/>
    </row>
    <row r="279971" spans="14:14">
      <c r="N279971" s="10"/>
    </row>
    <row r="279972" spans="14:14">
      <c r="N279972" s="10"/>
    </row>
    <row r="279973" spans="14:14">
      <c r="N279973" s="10"/>
    </row>
    <row r="279974" spans="14:14">
      <c r="N279974" s="10"/>
    </row>
    <row r="279975" spans="14:14">
      <c r="N279975" s="10"/>
    </row>
    <row r="279976" spans="14:14">
      <c r="N279976" s="10"/>
    </row>
    <row r="279977" spans="14:14">
      <c r="N279977" s="10"/>
    </row>
    <row r="279978" spans="14:14">
      <c r="N279978" s="10"/>
    </row>
    <row r="279979" spans="14:14">
      <c r="N279979" s="10"/>
    </row>
    <row r="279980" spans="14:14">
      <c r="N279980" s="10"/>
    </row>
    <row r="279981" spans="14:14">
      <c r="N279981" s="10"/>
    </row>
    <row r="279982" spans="14:14">
      <c r="N279982" s="10"/>
    </row>
    <row r="279983" spans="14:14">
      <c r="N279983" s="10"/>
    </row>
    <row r="279984" spans="14:14">
      <c r="N279984" s="10"/>
    </row>
    <row r="279985" spans="14:14">
      <c r="N279985" s="10"/>
    </row>
    <row r="279986" spans="14:14">
      <c r="N279986" s="10"/>
    </row>
    <row r="279987" spans="14:14">
      <c r="N279987" s="10"/>
    </row>
    <row r="279988" spans="14:14">
      <c r="N279988" s="10"/>
    </row>
    <row r="279989" spans="14:14">
      <c r="N279989" s="10"/>
    </row>
    <row r="279990" spans="14:14">
      <c r="N279990" s="10"/>
    </row>
    <row r="279991" spans="14:14">
      <c r="N279991" s="10"/>
    </row>
    <row r="279992" spans="14:14">
      <c r="N279992" s="10"/>
    </row>
    <row r="279993" spans="14:14">
      <c r="N279993" s="10"/>
    </row>
    <row r="279994" spans="14:14">
      <c r="N279994" s="10"/>
    </row>
    <row r="279995" spans="14:14">
      <c r="N279995" s="10"/>
    </row>
    <row r="279996" spans="14:14">
      <c r="N279996" s="10"/>
    </row>
    <row r="279997" spans="14:14">
      <c r="N279997" s="10"/>
    </row>
    <row r="279998" spans="14:14">
      <c r="N279998" s="10"/>
    </row>
    <row r="279999" spans="14:14">
      <c r="N279999" s="10"/>
    </row>
    <row r="280000" spans="14:14">
      <c r="N280000" s="10"/>
    </row>
    <row r="280001" spans="14:14">
      <c r="N280001" s="10"/>
    </row>
    <row r="280002" spans="14:14">
      <c r="N280002" s="10"/>
    </row>
    <row r="280003" spans="14:14">
      <c r="N280003" s="10"/>
    </row>
    <row r="280004" spans="14:14">
      <c r="N280004" s="10"/>
    </row>
    <row r="280005" spans="14:14">
      <c r="N280005" s="10"/>
    </row>
    <row r="280006" spans="14:14">
      <c r="N280006" s="10"/>
    </row>
    <row r="280007" spans="14:14">
      <c r="N280007" s="10"/>
    </row>
    <row r="280008" spans="14:14">
      <c r="N280008" s="10"/>
    </row>
    <row r="280009" spans="14:14">
      <c r="N280009" s="10"/>
    </row>
    <row r="280010" spans="14:14">
      <c r="N280010" s="10"/>
    </row>
    <row r="280011" spans="14:14">
      <c r="N280011" s="10"/>
    </row>
    <row r="280012" spans="14:14">
      <c r="N280012" s="10"/>
    </row>
    <row r="280013" spans="14:14">
      <c r="N280013" s="10"/>
    </row>
    <row r="280014" spans="14:14">
      <c r="N280014" s="10"/>
    </row>
    <row r="280015" spans="14:14">
      <c r="N280015" s="10"/>
    </row>
    <row r="280016" spans="14:14">
      <c r="N280016" s="10"/>
    </row>
    <row r="280017" spans="14:14">
      <c r="N280017" s="10"/>
    </row>
    <row r="280018" spans="14:14">
      <c r="N280018" s="10"/>
    </row>
    <row r="280019" spans="14:14">
      <c r="N280019" s="10"/>
    </row>
    <row r="280020" spans="14:14">
      <c r="N280020" s="10"/>
    </row>
    <row r="280021" spans="14:14">
      <c r="N280021" s="10"/>
    </row>
    <row r="280022" spans="14:14">
      <c r="N280022" s="10"/>
    </row>
    <row r="280023" spans="14:14">
      <c r="N280023" s="10"/>
    </row>
    <row r="280024" spans="14:14">
      <c r="N280024" s="10"/>
    </row>
    <row r="280025" spans="14:14">
      <c r="N280025" s="10"/>
    </row>
    <row r="280026" spans="14:14">
      <c r="N280026" s="10"/>
    </row>
    <row r="280027" spans="14:14">
      <c r="N280027" s="10"/>
    </row>
    <row r="280028" spans="14:14">
      <c r="N280028" s="10"/>
    </row>
    <row r="280029" spans="14:14">
      <c r="N280029" s="10"/>
    </row>
    <row r="280030" spans="14:14">
      <c r="N280030" s="10"/>
    </row>
    <row r="280031" spans="14:14">
      <c r="N280031" s="10"/>
    </row>
    <row r="280032" spans="14:14">
      <c r="N280032" s="10"/>
    </row>
    <row r="280033" spans="14:14">
      <c r="N280033" s="10"/>
    </row>
    <row r="280034" spans="14:14">
      <c r="N280034" s="10"/>
    </row>
    <row r="280035" spans="14:14">
      <c r="N280035" s="10"/>
    </row>
    <row r="280036" spans="14:14">
      <c r="N280036" s="10"/>
    </row>
    <row r="280037" spans="14:14">
      <c r="N280037" s="10"/>
    </row>
    <row r="280038" spans="14:14">
      <c r="N280038" s="10"/>
    </row>
    <row r="280039" spans="14:14">
      <c r="N280039" s="10"/>
    </row>
    <row r="280040" spans="14:14">
      <c r="N280040" s="10"/>
    </row>
    <row r="280041" spans="14:14">
      <c r="N280041" s="10"/>
    </row>
    <row r="280042" spans="14:14">
      <c r="N280042" s="10"/>
    </row>
    <row r="280043" spans="14:14">
      <c r="N280043" s="10"/>
    </row>
    <row r="280044" spans="14:14">
      <c r="N280044" s="10"/>
    </row>
    <row r="280045" spans="14:14">
      <c r="N280045" s="10"/>
    </row>
    <row r="280046" spans="14:14">
      <c r="N280046" s="10"/>
    </row>
    <row r="280047" spans="14:14">
      <c r="N280047" s="10"/>
    </row>
    <row r="280048" spans="14:14">
      <c r="N280048" s="10"/>
    </row>
    <row r="280049" spans="14:14">
      <c r="N280049" s="10"/>
    </row>
    <row r="280050" spans="14:14">
      <c r="N280050" s="10"/>
    </row>
    <row r="280051" spans="14:14">
      <c r="N280051" s="10"/>
    </row>
    <row r="280052" spans="14:14">
      <c r="N280052" s="10"/>
    </row>
    <row r="280053" spans="14:14">
      <c r="N280053" s="10"/>
    </row>
    <row r="280054" spans="14:14">
      <c r="N280054" s="10"/>
    </row>
    <row r="280055" spans="14:14">
      <c r="N280055" s="10"/>
    </row>
    <row r="280056" spans="14:14">
      <c r="N280056" s="10"/>
    </row>
    <row r="280057" spans="14:14">
      <c r="N280057" s="10"/>
    </row>
    <row r="280058" spans="14:14">
      <c r="N280058" s="10"/>
    </row>
    <row r="280059" spans="14:14">
      <c r="N280059" s="10"/>
    </row>
    <row r="280060" spans="14:14">
      <c r="N280060" s="10"/>
    </row>
    <row r="280061" spans="14:14">
      <c r="N280061" s="10"/>
    </row>
    <row r="280062" spans="14:14">
      <c r="N280062" s="10"/>
    </row>
    <row r="280063" spans="14:14">
      <c r="N280063" s="10"/>
    </row>
    <row r="280064" spans="14:14">
      <c r="N280064" s="10"/>
    </row>
    <row r="280065" spans="14:14">
      <c r="N280065" s="10"/>
    </row>
    <row r="280066" spans="14:14">
      <c r="N280066" s="10"/>
    </row>
    <row r="280067" spans="14:14">
      <c r="N280067" s="10"/>
    </row>
    <row r="280068" spans="14:14">
      <c r="N280068" s="10"/>
    </row>
    <row r="280069" spans="14:14">
      <c r="N280069" s="10"/>
    </row>
    <row r="280070" spans="14:14">
      <c r="N280070" s="10"/>
    </row>
    <row r="280071" spans="14:14">
      <c r="N280071" s="10"/>
    </row>
    <row r="280072" spans="14:14">
      <c r="N280072" s="10"/>
    </row>
    <row r="280073" spans="14:14">
      <c r="N280073" s="10"/>
    </row>
    <row r="280074" spans="14:14">
      <c r="N280074" s="10"/>
    </row>
    <row r="280075" spans="14:14">
      <c r="N280075" s="10"/>
    </row>
    <row r="280076" spans="14:14">
      <c r="N280076" s="10"/>
    </row>
    <row r="280077" spans="14:14">
      <c r="N280077" s="10"/>
    </row>
    <row r="280078" spans="14:14">
      <c r="N280078" s="10"/>
    </row>
    <row r="280079" spans="14:14">
      <c r="N280079" s="10"/>
    </row>
    <row r="280080" spans="14:14">
      <c r="N280080" s="10"/>
    </row>
    <row r="280081" spans="14:14">
      <c r="N280081" s="10"/>
    </row>
    <row r="280082" spans="14:14">
      <c r="N280082" s="10"/>
    </row>
    <row r="280083" spans="14:14">
      <c r="N280083" s="10"/>
    </row>
    <row r="280084" spans="14:14">
      <c r="N280084" s="10"/>
    </row>
    <row r="280085" spans="14:14">
      <c r="N280085" s="10"/>
    </row>
    <row r="280086" spans="14:14">
      <c r="N280086" s="10"/>
    </row>
    <row r="280087" spans="14:14">
      <c r="N280087" s="10"/>
    </row>
    <row r="280088" spans="14:14">
      <c r="N280088" s="10"/>
    </row>
    <row r="280089" spans="14:14">
      <c r="N280089" s="10"/>
    </row>
    <row r="280090" spans="14:14">
      <c r="N280090" s="10"/>
    </row>
    <row r="280091" spans="14:14">
      <c r="N280091" s="10"/>
    </row>
    <row r="280092" spans="14:14">
      <c r="N280092" s="10"/>
    </row>
    <row r="280093" spans="14:14">
      <c r="N280093" s="10"/>
    </row>
    <row r="280094" spans="14:14">
      <c r="N280094" s="10"/>
    </row>
    <row r="280095" spans="14:14">
      <c r="N280095" s="10"/>
    </row>
    <row r="280096" spans="14:14">
      <c r="N280096" s="10"/>
    </row>
    <row r="280097" spans="14:14">
      <c r="N280097" s="10"/>
    </row>
    <row r="280098" spans="14:14">
      <c r="N280098" s="10"/>
    </row>
    <row r="280099" spans="14:14">
      <c r="N280099" s="10"/>
    </row>
    <row r="280100" spans="14:14">
      <c r="N280100" s="10"/>
    </row>
    <row r="280101" spans="14:14">
      <c r="N280101" s="10"/>
    </row>
    <row r="280102" spans="14:14">
      <c r="N280102" s="10"/>
    </row>
    <row r="280103" spans="14:14">
      <c r="N280103" s="10"/>
    </row>
    <row r="280104" spans="14:14">
      <c r="N280104" s="10"/>
    </row>
    <row r="280105" spans="14:14">
      <c r="N280105" s="10"/>
    </row>
    <row r="280106" spans="14:14">
      <c r="N280106" s="10"/>
    </row>
    <row r="280107" spans="14:14">
      <c r="N280107" s="10"/>
    </row>
    <row r="280108" spans="14:14">
      <c r="N280108" s="10"/>
    </row>
    <row r="280109" spans="14:14">
      <c r="N280109" s="10"/>
    </row>
    <row r="280110" spans="14:14">
      <c r="N280110" s="10"/>
    </row>
    <row r="280111" spans="14:14">
      <c r="N280111" s="10"/>
    </row>
    <row r="280112" spans="14:14">
      <c r="N280112" s="10"/>
    </row>
    <row r="280113" spans="14:14">
      <c r="N280113" s="10"/>
    </row>
    <row r="280114" spans="14:14">
      <c r="N280114" s="10"/>
    </row>
    <row r="280115" spans="14:14">
      <c r="N280115" s="10"/>
    </row>
    <row r="280116" spans="14:14">
      <c r="N280116" s="10"/>
    </row>
    <row r="280117" spans="14:14">
      <c r="N280117" s="10"/>
    </row>
    <row r="280118" spans="14:14">
      <c r="N280118" s="10"/>
    </row>
    <row r="280119" spans="14:14">
      <c r="N280119" s="10"/>
    </row>
    <row r="280120" spans="14:14">
      <c r="N280120" s="10"/>
    </row>
    <row r="280121" spans="14:14">
      <c r="N280121" s="10"/>
    </row>
    <row r="280122" spans="14:14">
      <c r="N280122" s="10"/>
    </row>
    <row r="280123" spans="14:14">
      <c r="N280123" s="10"/>
    </row>
    <row r="280124" spans="14:14">
      <c r="N280124" s="10"/>
    </row>
    <row r="280125" spans="14:14">
      <c r="N280125" s="10"/>
    </row>
    <row r="280126" spans="14:14">
      <c r="N280126" s="10"/>
    </row>
    <row r="280127" spans="14:14">
      <c r="N280127" s="10"/>
    </row>
    <row r="280128" spans="14:14">
      <c r="N280128" s="10"/>
    </row>
    <row r="280129" spans="14:14">
      <c r="N280129" s="10"/>
    </row>
    <row r="280130" spans="14:14">
      <c r="N280130" s="10"/>
    </row>
    <row r="280131" spans="14:14">
      <c r="N280131" s="10"/>
    </row>
    <row r="280132" spans="14:14">
      <c r="N280132" s="10"/>
    </row>
    <row r="280133" spans="14:14">
      <c r="N280133" s="10"/>
    </row>
    <row r="280134" spans="14:14">
      <c r="N280134" s="10"/>
    </row>
    <row r="280135" spans="14:14">
      <c r="N280135" s="10"/>
    </row>
    <row r="280136" spans="14:14">
      <c r="N280136" s="10"/>
    </row>
    <row r="280137" spans="14:14">
      <c r="N280137" s="10"/>
    </row>
    <row r="280138" spans="14:14">
      <c r="N280138" s="10"/>
    </row>
    <row r="280139" spans="14:14">
      <c r="N280139" s="10"/>
    </row>
    <row r="280140" spans="14:14">
      <c r="N280140" s="10"/>
    </row>
    <row r="280141" spans="14:14">
      <c r="N280141" s="10"/>
    </row>
    <row r="280142" spans="14:14">
      <c r="N280142" s="10"/>
    </row>
    <row r="280143" spans="14:14">
      <c r="N280143" s="10"/>
    </row>
    <row r="280144" spans="14:14">
      <c r="N280144" s="10"/>
    </row>
    <row r="280145" spans="14:14">
      <c r="N280145" s="10"/>
    </row>
    <row r="280146" spans="14:14">
      <c r="N280146" s="10"/>
    </row>
    <row r="280147" spans="14:14">
      <c r="N280147" s="10"/>
    </row>
    <row r="280148" spans="14:14">
      <c r="N280148" s="10"/>
    </row>
    <row r="280149" spans="14:14">
      <c r="N280149" s="10"/>
    </row>
    <row r="280150" spans="14:14">
      <c r="N280150" s="10"/>
    </row>
    <row r="280151" spans="14:14">
      <c r="N280151" s="10"/>
    </row>
    <row r="280152" spans="14:14">
      <c r="N280152" s="10"/>
    </row>
    <row r="280153" spans="14:14">
      <c r="N280153" s="10"/>
    </row>
    <row r="280154" spans="14:14">
      <c r="N280154" s="10"/>
    </row>
    <row r="280155" spans="14:14">
      <c r="N280155" s="10"/>
    </row>
    <row r="280156" spans="14:14">
      <c r="N280156" s="10"/>
    </row>
    <row r="280157" spans="14:14">
      <c r="N280157" s="10"/>
    </row>
    <row r="280158" spans="14:14">
      <c r="N280158" s="10"/>
    </row>
    <row r="280159" spans="14:14">
      <c r="N280159" s="10"/>
    </row>
    <row r="280160" spans="14:14">
      <c r="N280160" s="10"/>
    </row>
    <row r="280161" spans="14:14">
      <c r="N280161" s="10"/>
    </row>
    <row r="280162" spans="14:14">
      <c r="N280162" s="10"/>
    </row>
    <row r="280163" spans="14:14">
      <c r="N280163" s="10"/>
    </row>
    <row r="280164" spans="14:14">
      <c r="N280164" s="10"/>
    </row>
    <row r="280165" spans="14:14">
      <c r="N280165" s="10"/>
    </row>
    <row r="280166" spans="14:14">
      <c r="N280166" s="10"/>
    </row>
    <row r="280167" spans="14:14">
      <c r="N280167" s="10"/>
    </row>
    <row r="280168" spans="14:14">
      <c r="N280168" s="10"/>
    </row>
    <row r="280169" spans="14:14">
      <c r="N280169" s="10"/>
    </row>
    <row r="280170" spans="14:14">
      <c r="N280170" s="10"/>
    </row>
    <row r="280171" spans="14:14">
      <c r="N280171" s="10"/>
    </row>
    <row r="280172" spans="14:14">
      <c r="N280172" s="10"/>
    </row>
    <row r="280173" spans="14:14">
      <c r="N280173" s="10"/>
    </row>
    <row r="280174" spans="14:14">
      <c r="N280174" s="10"/>
    </row>
    <row r="280175" spans="14:14">
      <c r="N280175" s="10"/>
    </row>
    <row r="280176" spans="14:14">
      <c r="N280176" s="10"/>
    </row>
    <row r="280177" spans="14:14">
      <c r="N280177" s="10"/>
    </row>
    <row r="280178" spans="14:14">
      <c r="N280178" s="10"/>
    </row>
    <row r="280179" spans="14:14">
      <c r="N280179" s="10"/>
    </row>
    <row r="280180" spans="14:14">
      <c r="N280180" s="10"/>
    </row>
    <row r="280181" spans="14:14">
      <c r="N280181" s="10"/>
    </row>
    <row r="280182" spans="14:14">
      <c r="N280182" s="10"/>
    </row>
    <row r="280183" spans="14:14">
      <c r="N280183" s="10"/>
    </row>
    <row r="280184" spans="14:14">
      <c r="N280184" s="10"/>
    </row>
    <row r="280185" spans="14:14">
      <c r="N280185" s="10"/>
    </row>
    <row r="280186" spans="14:14">
      <c r="N280186" s="10"/>
    </row>
    <row r="280187" spans="14:14">
      <c r="N280187" s="10"/>
    </row>
    <row r="280188" spans="14:14">
      <c r="N280188" s="10"/>
    </row>
    <row r="280189" spans="14:14">
      <c r="N280189" s="10"/>
    </row>
    <row r="280190" spans="14:14">
      <c r="N280190" s="10"/>
    </row>
    <row r="280191" spans="14:14">
      <c r="N280191" s="10"/>
    </row>
    <row r="280192" spans="14:14">
      <c r="N280192" s="10"/>
    </row>
    <row r="280193" spans="14:14">
      <c r="N280193" s="10"/>
    </row>
    <row r="280194" spans="14:14">
      <c r="N280194" s="10"/>
    </row>
    <row r="280195" spans="14:14">
      <c r="N280195" s="10"/>
    </row>
    <row r="280196" spans="14:14">
      <c r="N280196" s="10"/>
    </row>
    <row r="280197" spans="14:14">
      <c r="N280197" s="10"/>
    </row>
    <row r="280198" spans="14:14">
      <c r="N280198" s="10"/>
    </row>
    <row r="280199" spans="14:14">
      <c r="N280199" s="10"/>
    </row>
    <row r="280200" spans="14:14">
      <c r="N280200" s="10"/>
    </row>
    <row r="280201" spans="14:14">
      <c r="N280201" s="10"/>
    </row>
    <row r="280202" spans="14:14">
      <c r="N280202" s="10"/>
    </row>
    <row r="280203" spans="14:14">
      <c r="N280203" s="10"/>
    </row>
    <row r="280204" spans="14:14">
      <c r="N280204" s="10"/>
    </row>
    <row r="280205" spans="14:14">
      <c r="N280205" s="10"/>
    </row>
    <row r="280206" spans="14:14">
      <c r="N280206" s="10"/>
    </row>
    <row r="280207" spans="14:14">
      <c r="N280207" s="10"/>
    </row>
    <row r="280208" spans="14:14">
      <c r="N280208" s="10"/>
    </row>
    <row r="280209" spans="14:14">
      <c r="N280209" s="10"/>
    </row>
    <row r="280210" spans="14:14">
      <c r="N280210" s="10"/>
    </row>
    <row r="280211" spans="14:14">
      <c r="N280211" s="10"/>
    </row>
    <row r="280212" spans="14:14">
      <c r="N280212" s="10"/>
    </row>
    <row r="280213" spans="14:14">
      <c r="N280213" s="10"/>
    </row>
    <row r="280214" spans="14:14">
      <c r="N280214" s="10"/>
    </row>
    <row r="280215" spans="14:14">
      <c r="N280215" s="10"/>
    </row>
    <row r="280216" spans="14:14">
      <c r="N280216" s="10"/>
    </row>
    <row r="280217" spans="14:14">
      <c r="N280217" s="10"/>
    </row>
    <row r="280218" spans="14:14">
      <c r="N280218" s="10"/>
    </row>
    <row r="280219" spans="14:14">
      <c r="N280219" s="10"/>
    </row>
    <row r="280220" spans="14:14">
      <c r="N280220" s="10"/>
    </row>
    <row r="280221" spans="14:14">
      <c r="N280221" s="10"/>
    </row>
    <row r="280222" spans="14:14">
      <c r="N280222" s="10"/>
    </row>
    <row r="280223" spans="14:14">
      <c r="N280223" s="10"/>
    </row>
    <row r="280224" spans="14:14">
      <c r="N280224" s="10"/>
    </row>
    <row r="280225" spans="14:14">
      <c r="N280225" s="10"/>
    </row>
    <row r="280226" spans="14:14">
      <c r="N280226" s="10"/>
    </row>
    <row r="280227" spans="14:14">
      <c r="N280227" s="10"/>
    </row>
    <row r="280228" spans="14:14">
      <c r="N280228" s="10"/>
    </row>
    <row r="280229" spans="14:14">
      <c r="N280229" s="10"/>
    </row>
    <row r="280230" spans="14:14">
      <c r="N280230" s="10"/>
    </row>
    <row r="280231" spans="14:14">
      <c r="N280231" s="10"/>
    </row>
    <row r="280232" spans="14:14">
      <c r="N280232" s="10"/>
    </row>
    <row r="280233" spans="14:14">
      <c r="N280233" s="10"/>
    </row>
    <row r="280234" spans="14:14">
      <c r="N280234" s="10"/>
    </row>
    <row r="280235" spans="14:14">
      <c r="N280235" s="10"/>
    </row>
    <row r="280236" spans="14:14">
      <c r="N280236" s="10"/>
    </row>
    <row r="280237" spans="14:14">
      <c r="N280237" s="10"/>
    </row>
    <row r="280238" spans="14:14">
      <c r="N280238" s="10"/>
    </row>
    <row r="280239" spans="14:14">
      <c r="N280239" s="10"/>
    </row>
    <row r="280240" spans="14:14">
      <c r="N280240" s="10"/>
    </row>
    <row r="280241" spans="14:14">
      <c r="N280241" s="10"/>
    </row>
    <row r="280242" spans="14:14">
      <c r="N280242" s="10"/>
    </row>
    <row r="280243" spans="14:14">
      <c r="N280243" s="10"/>
    </row>
    <row r="280244" spans="14:14">
      <c r="N280244" s="10"/>
    </row>
    <row r="280245" spans="14:14">
      <c r="N280245" s="10"/>
    </row>
    <row r="280246" spans="14:14">
      <c r="N280246" s="10"/>
    </row>
    <row r="280247" spans="14:14">
      <c r="N280247" s="10"/>
    </row>
    <row r="280248" spans="14:14">
      <c r="N280248" s="10"/>
    </row>
    <row r="280249" spans="14:14">
      <c r="N280249" s="10"/>
    </row>
    <row r="280250" spans="14:14">
      <c r="N280250" s="10"/>
    </row>
    <row r="280251" spans="14:14">
      <c r="N280251" s="10"/>
    </row>
    <row r="280252" spans="14:14">
      <c r="N280252" s="10"/>
    </row>
    <row r="280253" spans="14:14">
      <c r="N280253" s="10"/>
    </row>
    <row r="280254" spans="14:14">
      <c r="N280254" s="10"/>
    </row>
    <row r="280255" spans="14:14">
      <c r="N280255" s="10"/>
    </row>
    <row r="280256" spans="14:14">
      <c r="N280256" s="10"/>
    </row>
    <row r="280257" spans="14:14">
      <c r="N280257" s="10"/>
    </row>
    <row r="280258" spans="14:14">
      <c r="N280258" s="10"/>
    </row>
    <row r="280259" spans="14:14">
      <c r="N280259" s="10"/>
    </row>
    <row r="280260" spans="14:14">
      <c r="N280260" s="10"/>
    </row>
    <row r="280261" spans="14:14">
      <c r="N280261" s="10"/>
    </row>
    <row r="280262" spans="14:14">
      <c r="N280262" s="10"/>
    </row>
    <row r="280263" spans="14:14">
      <c r="N280263" s="10"/>
    </row>
    <row r="280264" spans="14:14">
      <c r="N280264" s="10"/>
    </row>
    <row r="280265" spans="14:14">
      <c r="N280265" s="10"/>
    </row>
    <row r="280266" spans="14:14">
      <c r="N280266" s="10"/>
    </row>
    <row r="280267" spans="14:14">
      <c r="N280267" s="10"/>
    </row>
    <row r="280268" spans="14:14">
      <c r="N280268" s="10"/>
    </row>
    <row r="280269" spans="14:14">
      <c r="N280269" s="10"/>
    </row>
    <row r="280270" spans="14:14">
      <c r="N280270" s="10"/>
    </row>
    <row r="280271" spans="14:14">
      <c r="N280271" s="10"/>
    </row>
    <row r="280272" spans="14:14">
      <c r="N280272" s="10"/>
    </row>
    <row r="280273" spans="14:14">
      <c r="N280273" s="10"/>
    </row>
    <row r="280274" spans="14:14">
      <c r="N280274" s="10"/>
    </row>
    <row r="280275" spans="14:14">
      <c r="N280275" s="10"/>
    </row>
    <row r="280276" spans="14:14">
      <c r="N280276" s="10"/>
    </row>
    <row r="280277" spans="14:14">
      <c r="N280277" s="10"/>
    </row>
    <row r="280278" spans="14:14">
      <c r="N280278" s="10"/>
    </row>
    <row r="280279" spans="14:14">
      <c r="N280279" s="10"/>
    </row>
    <row r="280280" spans="14:14">
      <c r="N280280" s="10"/>
    </row>
    <row r="280281" spans="14:14">
      <c r="N280281" s="10"/>
    </row>
    <row r="280282" spans="14:14">
      <c r="N280282" s="10"/>
    </row>
    <row r="280283" spans="14:14">
      <c r="N280283" s="10"/>
    </row>
    <row r="280284" spans="14:14">
      <c r="N280284" s="10"/>
    </row>
    <row r="280285" spans="14:14">
      <c r="N280285" s="10"/>
    </row>
    <row r="280286" spans="14:14">
      <c r="N280286" s="10"/>
    </row>
    <row r="280287" spans="14:14">
      <c r="N280287" s="10"/>
    </row>
    <row r="280288" spans="14:14">
      <c r="N280288" s="10"/>
    </row>
    <row r="280289" spans="14:14">
      <c r="N280289" s="10"/>
    </row>
    <row r="280290" spans="14:14">
      <c r="N280290" s="10"/>
    </row>
    <row r="280291" spans="14:14">
      <c r="N280291" s="10"/>
    </row>
    <row r="280292" spans="14:14">
      <c r="N280292" s="10"/>
    </row>
    <row r="280293" spans="14:14">
      <c r="N280293" s="10"/>
    </row>
    <row r="280294" spans="14:14">
      <c r="N280294" s="10"/>
    </row>
    <row r="280295" spans="14:14">
      <c r="N280295" s="10"/>
    </row>
    <row r="280296" spans="14:14">
      <c r="N280296" s="10"/>
    </row>
    <row r="280297" spans="14:14">
      <c r="N280297" s="10"/>
    </row>
    <row r="280298" spans="14:14">
      <c r="N280298" s="10"/>
    </row>
    <row r="280299" spans="14:14">
      <c r="N280299" s="10"/>
    </row>
    <row r="280300" spans="14:14">
      <c r="N280300" s="10"/>
    </row>
    <row r="280301" spans="14:14">
      <c r="N280301" s="10"/>
    </row>
    <row r="280302" spans="14:14">
      <c r="N280302" s="10"/>
    </row>
    <row r="280303" spans="14:14">
      <c r="N280303" s="10"/>
    </row>
    <row r="280304" spans="14:14">
      <c r="N280304" s="10"/>
    </row>
    <row r="280305" spans="14:14">
      <c r="N280305" s="10"/>
    </row>
    <row r="280306" spans="14:14">
      <c r="N280306" s="10"/>
    </row>
    <row r="280307" spans="14:14">
      <c r="N280307" s="10"/>
    </row>
    <row r="280308" spans="14:14">
      <c r="N280308" s="10"/>
    </row>
    <row r="280309" spans="14:14">
      <c r="N280309" s="10"/>
    </row>
    <row r="280310" spans="14:14">
      <c r="N280310" s="10"/>
    </row>
    <row r="280311" spans="14:14">
      <c r="N280311" s="10"/>
    </row>
    <row r="280312" spans="14:14">
      <c r="N280312" s="10"/>
    </row>
    <row r="280313" spans="14:14">
      <c r="N280313" s="10"/>
    </row>
    <row r="280314" spans="14:14">
      <c r="N280314" s="10"/>
    </row>
    <row r="280315" spans="14:14">
      <c r="N280315" s="10"/>
    </row>
    <row r="280316" spans="14:14">
      <c r="N280316" s="10"/>
    </row>
    <row r="280317" spans="14:14">
      <c r="N280317" s="10"/>
    </row>
    <row r="280318" spans="14:14">
      <c r="N280318" s="10"/>
    </row>
    <row r="280319" spans="14:14">
      <c r="N280319" s="10"/>
    </row>
    <row r="280320" spans="14:14">
      <c r="N280320" s="10"/>
    </row>
    <row r="280321" spans="14:14">
      <c r="N280321" s="10"/>
    </row>
    <row r="280322" spans="14:14">
      <c r="N280322" s="10"/>
    </row>
    <row r="280323" spans="14:14">
      <c r="N280323" s="10"/>
    </row>
    <row r="280324" spans="14:14">
      <c r="N280324" s="10"/>
    </row>
    <row r="280325" spans="14:14">
      <c r="N280325" s="10"/>
    </row>
    <row r="280326" spans="14:14">
      <c r="N280326" s="10"/>
    </row>
    <row r="280327" spans="14:14">
      <c r="N280327" s="10"/>
    </row>
    <row r="280328" spans="14:14">
      <c r="N280328" s="10"/>
    </row>
    <row r="280329" spans="14:14">
      <c r="N280329" s="10"/>
    </row>
    <row r="280330" spans="14:14">
      <c r="N280330" s="10"/>
    </row>
    <row r="280331" spans="14:14">
      <c r="N280331" s="10"/>
    </row>
    <row r="280332" spans="14:14">
      <c r="N280332" s="10"/>
    </row>
    <row r="280333" spans="14:14">
      <c r="N280333" s="10"/>
    </row>
    <row r="280334" spans="14:14">
      <c r="N280334" s="10"/>
    </row>
    <row r="280335" spans="14:14">
      <c r="N280335" s="10"/>
    </row>
    <row r="280336" spans="14:14">
      <c r="N280336" s="10"/>
    </row>
    <row r="280337" spans="14:14">
      <c r="N280337" s="10"/>
    </row>
    <row r="280338" spans="14:14">
      <c r="N280338" s="10"/>
    </row>
    <row r="280339" spans="14:14">
      <c r="N280339" s="10"/>
    </row>
    <row r="280340" spans="14:14">
      <c r="N280340" s="10"/>
    </row>
    <row r="280341" spans="14:14">
      <c r="N280341" s="10"/>
    </row>
    <row r="280342" spans="14:14">
      <c r="N280342" s="10"/>
    </row>
    <row r="280343" spans="14:14">
      <c r="N280343" s="10"/>
    </row>
    <row r="280344" spans="14:14">
      <c r="N280344" s="10"/>
    </row>
    <row r="280345" spans="14:14">
      <c r="N280345" s="10"/>
    </row>
    <row r="280346" spans="14:14">
      <c r="N280346" s="10"/>
    </row>
    <row r="280347" spans="14:14">
      <c r="N280347" s="10"/>
    </row>
    <row r="280348" spans="14:14">
      <c r="N280348" s="10"/>
    </row>
    <row r="280349" spans="14:14">
      <c r="N280349" s="10"/>
    </row>
    <row r="280350" spans="14:14">
      <c r="N280350" s="10"/>
    </row>
    <row r="280351" spans="14:14">
      <c r="N280351" s="10"/>
    </row>
    <row r="280352" spans="14:14">
      <c r="N280352" s="10"/>
    </row>
    <row r="280353" spans="14:14">
      <c r="N280353" s="10"/>
    </row>
    <row r="280354" spans="14:14">
      <c r="N280354" s="10"/>
    </row>
    <row r="280355" spans="14:14">
      <c r="N280355" s="10"/>
    </row>
    <row r="280356" spans="14:14">
      <c r="N280356" s="10"/>
    </row>
    <row r="280357" spans="14:14">
      <c r="N280357" s="10"/>
    </row>
    <row r="280358" spans="14:14">
      <c r="N280358" s="10"/>
    </row>
    <row r="280359" spans="14:14">
      <c r="N280359" s="10"/>
    </row>
    <row r="280360" spans="14:14">
      <c r="N280360" s="10"/>
    </row>
    <row r="280361" spans="14:14">
      <c r="N280361" s="10"/>
    </row>
    <row r="280362" spans="14:14">
      <c r="N280362" s="10"/>
    </row>
    <row r="280363" spans="14:14">
      <c r="N280363" s="10"/>
    </row>
    <row r="280364" spans="14:14">
      <c r="N280364" s="10"/>
    </row>
    <row r="280365" spans="14:14">
      <c r="N280365" s="10"/>
    </row>
    <row r="280366" spans="14:14">
      <c r="N280366" s="10"/>
    </row>
    <row r="280367" spans="14:14">
      <c r="N280367" s="10"/>
    </row>
    <row r="280368" spans="14:14">
      <c r="N280368" s="10"/>
    </row>
    <row r="280369" spans="14:14">
      <c r="N280369" s="10"/>
    </row>
    <row r="280370" spans="14:14">
      <c r="N280370" s="10"/>
    </row>
    <row r="280371" spans="14:14">
      <c r="N280371" s="10"/>
    </row>
    <row r="280372" spans="14:14">
      <c r="N280372" s="10"/>
    </row>
    <row r="280373" spans="14:14">
      <c r="N280373" s="10"/>
    </row>
    <row r="280374" spans="14:14">
      <c r="N280374" s="10"/>
    </row>
    <row r="280375" spans="14:14">
      <c r="N280375" s="10"/>
    </row>
    <row r="280376" spans="14:14">
      <c r="N280376" s="10"/>
    </row>
    <row r="280377" spans="14:14">
      <c r="N280377" s="10"/>
    </row>
    <row r="280378" spans="14:14">
      <c r="N280378" s="10"/>
    </row>
    <row r="280379" spans="14:14">
      <c r="N280379" s="10"/>
    </row>
    <row r="280380" spans="14:14">
      <c r="N280380" s="10"/>
    </row>
    <row r="280381" spans="14:14">
      <c r="N280381" s="10"/>
    </row>
    <row r="280382" spans="14:14">
      <c r="N280382" s="10"/>
    </row>
    <row r="280383" spans="14:14">
      <c r="N280383" s="10"/>
    </row>
    <row r="280384" spans="14:14">
      <c r="N280384" s="10"/>
    </row>
    <row r="280385" spans="14:14">
      <c r="N280385" s="10"/>
    </row>
    <row r="280386" spans="14:14">
      <c r="N280386" s="10"/>
    </row>
    <row r="280387" spans="14:14">
      <c r="N280387" s="10"/>
    </row>
    <row r="280388" spans="14:14">
      <c r="N280388" s="10"/>
    </row>
    <row r="280389" spans="14:14">
      <c r="N280389" s="10"/>
    </row>
    <row r="280390" spans="14:14">
      <c r="N280390" s="10"/>
    </row>
    <row r="280391" spans="14:14">
      <c r="N280391" s="10"/>
    </row>
    <row r="280392" spans="14:14">
      <c r="N280392" s="10"/>
    </row>
    <row r="280393" spans="14:14">
      <c r="N280393" s="10"/>
    </row>
    <row r="280394" spans="14:14">
      <c r="N280394" s="10"/>
    </row>
    <row r="280395" spans="14:14">
      <c r="N280395" s="10"/>
    </row>
    <row r="280396" spans="14:14">
      <c r="N280396" s="10"/>
    </row>
    <row r="280397" spans="14:14">
      <c r="N280397" s="10"/>
    </row>
    <row r="280398" spans="14:14">
      <c r="N280398" s="10"/>
    </row>
    <row r="280399" spans="14:14">
      <c r="N280399" s="10"/>
    </row>
    <row r="280400" spans="14:14">
      <c r="N280400" s="10"/>
    </row>
    <row r="280401" spans="14:14">
      <c r="N280401" s="10"/>
    </row>
    <row r="280402" spans="14:14">
      <c r="N280402" s="10"/>
    </row>
    <row r="280403" spans="14:14">
      <c r="N280403" s="10"/>
    </row>
    <row r="280404" spans="14:14">
      <c r="N280404" s="10"/>
    </row>
    <row r="280405" spans="14:14">
      <c r="N280405" s="10"/>
    </row>
    <row r="280406" spans="14:14">
      <c r="N280406" s="10"/>
    </row>
    <row r="280407" spans="14:14">
      <c r="N280407" s="10"/>
    </row>
    <row r="280408" spans="14:14">
      <c r="N280408" s="10"/>
    </row>
    <row r="280409" spans="14:14">
      <c r="N280409" s="10"/>
    </row>
    <row r="280410" spans="14:14">
      <c r="N280410" s="10"/>
    </row>
    <row r="280411" spans="14:14">
      <c r="N280411" s="10"/>
    </row>
    <row r="280412" spans="14:14">
      <c r="N280412" s="10"/>
    </row>
    <row r="280413" spans="14:14">
      <c r="N280413" s="10"/>
    </row>
    <row r="280414" spans="14:14">
      <c r="N280414" s="10"/>
    </row>
    <row r="280415" spans="14:14">
      <c r="N280415" s="10"/>
    </row>
    <row r="280416" spans="14:14">
      <c r="N280416" s="10"/>
    </row>
    <row r="280417" spans="14:14">
      <c r="N280417" s="10"/>
    </row>
    <row r="280418" spans="14:14">
      <c r="N280418" s="10"/>
    </row>
    <row r="280419" spans="14:14">
      <c r="N280419" s="10"/>
    </row>
    <row r="280420" spans="14:14">
      <c r="N280420" s="10"/>
    </row>
    <row r="280421" spans="14:14">
      <c r="N280421" s="10"/>
    </row>
    <row r="280422" spans="14:14">
      <c r="N280422" s="10"/>
    </row>
    <row r="280423" spans="14:14">
      <c r="N280423" s="10"/>
    </row>
    <row r="280424" spans="14:14">
      <c r="N280424" s="10"/>
    </row>
    <row r="280425" spans="14:14">
      <c r="N280425" s="10"/>
    </row>
    <row r="280426" spans="14:14">
      <c r="N280426" s="10"/>
    </row>
    <row r="280427" spans="14:14">
      <c r="N280427" s="10"/>
    </row>
    <row r="280428" spans="14:14">
      <c r="N280428" s="10"/>
    </row>
    <row r="280429" spans="14:14">
      <c r="N280429" s="10"/>
    </row>
    <row r="280430" spans="14:14">
      <c r="N280430" s="10"/>
    </row>
    <row r="280431" spans="14:14">
      <c r="N280431" s="10"/>
    </row>
    <row r="280432" spans="14:14">
      <c r="N280432" s="10"/>
    </row>
    <row r="280433" spans="14:14">
      <c r="N280433" s="10"/>
    </row>
    <row r="280434" spans="14:14">
      <c r="N280434" s="10"/>
    </row>
    <row r="280435" spans="14:14">
      <c r="N280435" s="10"/>
    </row>
    <row r="280436" spans="14:14">
      <c r="N280436" s="10"/>
    </row>
    <row r="280437" spans="14:14">
      <c r="N280437" s="10"/>
    </row>
    <row r="280438" spans="14:14">
      <c r="N280438" s="10"/>
    </row>
    <row r="280439" spans="14:14">
      <c r="N280439" s="10"/>
    </row>
    <row r="280440" spans="14:14">
      <c r="N280440" s="10"/>
    </row>
    <row r="280441" spans="14:14">
      <c r="N280441" s="10"/>
    </row>
    <row r="280442" spans="14:14">
      <c r="N280442" s="10"/>
    </row>
    <row r="280443" spans="14:14">
      <c r="N280443" s="10"/>
    </row>
    <row r="280444" spans="14:14">
      <c r="N280444" s="10"/>
    </row>
    <row r="280445" spans="14:14">
      <c r="N280445" s="10"/>
    </row>
    <row r="280446" spans="14:14">
      <c r="N280446" s="10"/>
    </row>
    <row r="280447" spans="14:14">
      <c r="N280447" s="10"/>
    </row>
    <row r="280448" spans="14:14">
      <c r="N280448" s="10"/>
    </row>
    <row r="280449" spans="14:14">
      <c r="N280449" s="10"/>
    </row>
    <row r="280450" spans="14:14">
      <c r="N280450" s="10"/>
    </row>
    <row r="280451" spans="14:14">
      <c r="N280451" s="10"/>
    </row>
    <row r="280452" spans="14:14">
      <c r="N280452" s="10"/>
    </row>
    <row r="280453" spans="14:14">
      <c r="N280453" s="10"/>
    </row>
    <row r="280454" spans="14:14">
      <c r="N280454" s="10"/>
    </row>
    <row r="280455" spans="14:14">
      <c r="N280455" s="10"/>
    </row>
    <row r="280456" spans="14:14">
      <c r="N280456" s="10"/>
    </row>
    <row r="280457" spans="14:14">
      <c r="N280457" s="10"/>
    </row>
    <row r="280458" spans="14:14">
      <c r="N280458" s="10"/>
    </row>
    <row r="280459" spans="14:14">
      <c r="N280459" s="10"/>
    </row>
    <row r="280460" spans="14:14">
      <c r="N280460" s="10"/>
    </row>
    <row r="280461" spans="14:14">
      <c r="N280461" s="10"/>
    </row>
    <row r="280462" spans="14:14">
      <c r="N280462" s="10"/>
    </row>
    <row r="280463" spans="14:14">
      <c r="N280463" s="10"/>
    </row>
    <row r="280464" spans="14:14">
      <c r="N280464" s="10"/>
    </row>
    <row r="280465" spans="14:14">
      <c r="N280465" s="10"/>
    </row>
    <row r="280466" spans="14:14">
      <c r="N280466" s="10"/>
    </row>
    <row r="280467" spans="14:14">
      <c r="N280467" s="10"/>
    </row>
    <row r="280468" spans="14:14">
      <c r="N280468" s="10"/>
    </row>
    <row r="280469" spans="14:14">
      <c r="N280469" s="10"/>
    </row>
    <row r="280470" spans="14:14">
      <c r="N280470" s="10"/>
    </row>
    <row r="280471" spans="14:14">
      <c r="N280471" s="10"/>
    </row>
    <row r="280472" spans="14:14">
      <c r="N280472" s="10"/>
    </row>
    <row r="280473" spans="14:14">
      <c r="N280473" s="10"/>
    </row>
    <row r="280474" spans="14:14">
      <c r="N280474" s="10"/>
    </row>
    <row r="280475" spans="14:14">
      <c r="N280475" s="10"/>
    </row>
    <row r="280476" spans="14:14">
      <c r="N280476" s="10"/>
    </row>
    <row r="280477" spans="14:14">
      <c r="N280477" s="10"/>
    </row>
    <row r="280478" spans="14:14">
      <c r="N280478" s="10"/>
    </row>
    <row r="280479" spans="14:14">
      <c r="N280479" s="10"/>
    </row>
    <row r="280480" spans="14:14">
      <c r="N280480" s="10"/>
    </row>
    <row r="280481" spans="14:14">
      <c r="N280481" s="10"/>
    </row>
    <row r="280482" spans="14:14">
      <c r="N280482" s="10"/>
    </row>
    <row r="280483" spans="14:14">
      <c r="N280483" s="10"/>
    </row>
    <row r="280484" spans="14:14">
      <c r="N280484" s="10"/>
    </row>
    <row r="280485" spans="14:14">
      <c r="N280485" s="10"/>
    </row>
    <row r="280486" spans="14:14">
      <c r="N280486" s="10"/>
    </row>
    <row r="280487" spans="14:14">
      <c r="N280487" s="10"/>
    </row>
    <row r="280488" spans="14:14">
      <c r="N280488" s="10"/>
    </row>
    <row r="280489" spans="14:14">
      <c r="N280489" s="10"/>
    </row>
    <row r="280490" spans="14:14">
      <c r="N280490" s="10"/>
    </row>
    <row r="280491" spans="14:14">
      <c r="N280491" s="10"/>
    </row>
    <row r="280492" spans="14:14">
      <c r="N280492" s="10"/>
    </row>
    <row r="280493" spans="14:14">
      <c r="N280493" s="10"/>
    </row>
    <row r="280494" spans="14:14">
      <c r="N280494" s="10"/>
    </row>
    <row r="280495" spans="14:14">
      <c r="N280495" s="10"/>
    </row>
    <row r="280496" spans="14:14">
      <c r="N280496" s="10"/>
    </row>
    <row r="280497" spans="14:14">
      <c r="N280497" s="10"/>
    </row>
    <row r="280498" spans="14:14">
      <c r="N280498" s="10"/>
    </row>
    <row r="280499" spans="14:14">
      <c r="N280499" s="10"/>
    </row>
    <row r="280500" spans="14:14">
      <c r="N280500" s="10"/>
    </row>
    <row r="280501" spans="14:14">
      <c r="N280501" s="10"/>
    </row>
    <row r="280502" spans="14:14">
      <c r="N280502" s="10"/>
    </row>
    <row r="280503" spans="14:14">
      <c r="N280503" s="10"/>
    </row>
    <row r="280504" spans="14:14">
      <c r="N280504" s="10"/>
    </row>
    <row r="280505" spans="14:14">
      <c r="N280505" s="10"/>
    </row>
    <row r="280506" spans="14:14">
      <c r="N280506" s="10"/>
    </row>
    <row r="280507" spans="14:14">
      <c r="N280507" s="10"/>
    </row>
    <row r="280508" spans="14:14">
      <c r="N280508" s="10"/>
    </row>
    <row r="280509" spans="14:14">
      <c r="N280509" s="10"/>
    </row>
    <row r="280510" spans="14:14">
      <c r="N280510" s="10"/>
    </row>
    <row r="280511" spans="14:14">
      <c r="N280511" s="10"/>
    </row>
    <row r="280512" spans="14:14">
      <c r="N280512" s="10"/>
    </row>
    <row r="280513" spans="14:14">
      <c r="N280513" s="10"/>
    </row>
    <row r="280514" spans="14:14">
      <c r="N280514" s="10"/>
    </row>
    <row r="280515" spans="14:14">
      <c r="N280515" s="10"/>
    </row>
    <row r="280516" spans="14:14">
      <c r="N280516" s="10"/>
    </row>
    <row r="280517" spans="14:14">
      <c r="N280517" s="10"/>
    </row>
    <row r="280518" spans="14:14">
      <c r="N280518" s="10"/>
    </row>
    <row r="280519" spans="14:14">
      <c r="N280519" s="10"/>
    </row>
    <row r="280520" spans="14:14">
      <c r="N280520" s="10"/>
    </row>
    <row r="280521" spans="14:14">
      <c r="N280521" s="10"/>
    </row>
    <row r="280522" spans="14:14">
      <c r="N280522" s="10"/>
    </row>
    <row r="280523" spans="14:14">
      <c r="N280523" s="10"/>
    </row>
    <row r="280524" spans="14:14">
      <c r="N280524" s="10"/>
    </row>
    <row r="280525" spans="14:14">
      <c r="N280525" s="10"/>
    </row>
    <row r="280526" spans="14:14">
      <c r="N280526" s="10"/>
    </row>
    <row r="280527" spans="14:14">
      <c r="N280527" s="10"/>
    </row>
    <row r="280528" spans="14:14">
      <c r="N280528" s="10"/>
    </row>
    <row r="280529" spans="14:14">
      <c r="N280529" s="10"/>
    </row>
    <row r="280530" spans="14:14">
      <c r="N280530" s="10"/>
    </row>
    <row r="280531" spans="14:14">
      <c r="N280531" s="10"/>
    </row>
    <row r="280532" spans="14:14">
      <c r="N280532" s="10"/>
    </row>
    <row r="280533" spans="14:14">
      <c r="N280533" s="10"/>
    </row>
    <row r="280534" spans="14:14">
      <c r="N280534" s="10"/>
    </row>
    <row r="280535" spans="14:14">
      <c r="N280535" s="10"/>
    </row>
    <row r="280536" spans="14:14">
      <c r="N280536" s="10"/>
    </row>
    <row r="280537" spans="14:14">
      <c r="N280537" s="10"/>
    </row>
    <row r="280538" spans="14:14">
      <c r="N280538" s="10"/>
    </row>
    <row r="280539" spans="14:14">
      <c r="N280539" s="10"/>
    </row>
    <row r="280540" spans="14:14">
      <c r="N280540" s="10"/>
    </row>
    <row r="280541" spans="14:14">
      <c r="N280541" s="10"/>
    </row>
    <row r="280542" spans="14:14">
      <c r="N280542" s="10"/>
    </row>
    <row r="280543" spans="14:14">
      <c r="N280543" s="10"/>
    </row>
    <row r="280544" spans="14:14">
      <c r="N280544" s="10"/>
    </row>
    <row r="280545" spans="14:14">
      <c r="N280545" s="10"/>
    </row>
    <row r="280546" spans="14:14">
      <c r="N280546" s="10"/>
    </row>
    <row r="280547" spans="14:14">
      <c r="N280547" s="10"/>
    </row>
    <row r="280548" spans="14:14">
      <c r="N280548" s="10"/>
    </row>
    <row r="280549" spans="14:14">
      <c r="N280549" s="10"/>
    </row>
    <row r="280550" spans="14:14">
      <c r="N280550" s="10"/>
    </row>
    <row r="280551" spans="14:14">
      <c r="N280551" s="10"/>
    </row>
    <row r="280552" spans="14:14">
      <c r="N280552" s="10"/>
    </row>
    <row r="280553" spans="14:14">
      <c r="N280553" s="10"/>
    </row>
    <row r="280554" spans="14:14">
      <c r="N280554" s="10"/>
    </row>
    <row r="280555" spans="14:14">
      <c r="N280555" s="10"/>
    </row>
    <row r="280556" spans="14:14">
      <c r="N280556" s="10"/>
    </row>
    <row r="280557" spans="14:14">
      <c r="N280557" s="10"/>
    </row>
    <row r="280558" spans="14:14">
      <c r="N280558" s="10"/>
    </row>
    <row r="280559" spans="14:14">
      <c r="N280559" s="10"/>
    </row>
    <row r="280560" spans="14:14">
      <c r="N280560" s="10"/>
    </row>
    <row r="280561" spans="14:14">
      <c r="N280561" s="10"/>
    </row>
    <row r="280562" spans="14:14">
      <c r="N280562" s="10"/>
    </row>
    <row r="280563" spans="14:14">
      <c r="N280563" s="10"/>
    </row>
    <row r="280564" spans="14:14">
      <c r="N280564" s="10"/>
    </row>
    <row r="280565" spans="14:14">
      <c r="N280565" s="10"/>
    </row>
    <row r="280566" spans="14:14">
      <c r="N280566" s="10"/>
    </row>
    <row r="280567" spans="14:14">
      <c r="N280567" s="10"/>
    </row>
    <row r="280568" spans="14:14">
      <c r="N280568" s="10"/>
    </row>
    <row r="280569" spans="14:14">
      <c r="N280569" s="10"/>
    </row>
    <row r="280570" spans="14:14">
      <c r="N280570" s="10"/>
    </row>
    <row r="280571" spans="14:14">
      <c r="N280571" s="10"/>
    </row>
    <row r="280572" spans="14:14">
      <c r="N280572" s="10"/>
    </row>
    <row r="280573" spans="14:14">
      <c r="N280573" s="10"/>
    </row>
    <row r="280574" spans="14:14">
      <c r="N280574" s="10"/>
    </row>
    <row r="280575" spans="14:14">
      <c r="N280575" s="10"/>
    </row>
    <row r="280576" spans="14:14">
      <c r="N280576" s="10"/>
    </row>
    <row r="280577" spans="14:14">
      <c r="N280577" s="10"/>
    </row>
    <row r="280578" spans="14:14">
      <c r="N280578" s="10"/>
    </row>
    <row r="280579" spans="14:14">
      <c r="N280579" s="10"/>
    </row>
    <row r="280580" spans="14:14">
      <c r="N280580" s="10"/>
    </row>
    <row r="280581" spans="14:14">
      <c r="N280581" s="10"/>
    </row>
    <row r="280582" spans="14:14">
      <c r="N280582" s="10"/>
    </row>
    <row r="280583" spans="14:14">
      <c r="N280583" s="10"/>
    </row>
    <row r="280584" spans="14:14">
      <c r="N280584" s="10"/>
    </row>
    <row r="280585" spans="14:14">
      <c r="N280585" s="10"/>
    </row>
    <row r="280586" spans="14:14">
      <c r="N280586" s="10"/>
    </row>
    <row r="280587" spans="14:14">
      <c r="N280587" s="10"/>
    </row>
    <row r="280588" spans="14:14">
      <c r="N280588" s="10"/>
    </row>
    <row r="280589" spans="14:14">
      <c r="N280589" s="10"/>
    </row>
    <row r="280590" spans="14:14">
      <c r="N280590" s="10"/>
    </row>
    <row r="280591" spans="14:14">
      <c r="N280591" s="10"/>
    </row>
    <row r="280592" spans="14:14">
      <c r="N280592" s="10"/>
    </row>
    <row r="280593" spans="14:14">
      <c r="N280593" s="10"/>
    </row>
    <row r="280594" spans="14:14">
      <c r="N280594" s="10"/>
    </row>
    <row r="280595" spans="14:14">
      <c r="N280595" s="10"/>
    </row>
    <row r="280596" spans="14:14">
      <c r="N280596" s="10"/>
    </row>
    <row r="280597" spans="14:14">
      <c r="N280597" s="10"/>
    </row>
    <row r="280598" spans="14:14">
      <c r="N280598" s="10"/>
    </row>
    <row r="280599" spans="14:14">
      <c r="N280599" s="10"/>
    </row>
    <row r="280600" spans="14:14">
      <c r="N280600" s="10"/>
    </row>
    <row r="280601" spans="14:14">
      <c r="N280601" s="10"/>
    </row>
    <row r="280602" spans="14:14">
      <c r="N280602" s="10"/>
    </row>
    <row r="280603" spans="14:14">
      <c r="N280603" s="10"/>
    </row>
    <row r="280604" spans="14:14">
      <c r="N280604" s="10"/>
    </row>
    <row r="280605" spans="14:14">
      <c r="N280605" s="10"/>
    </row>
    <row r="280606" spans="14:14">
      <c r="N280606" s="10"/>
    </row>
    <row r="280607" spans="14:14">
      <c r="N280607" s="10"/>
    </row>
    <row r="280608" spans="14:14">
      <c r="N280608" s="10"/>
    </row>
    <row r="280609" spans="14:14">
      <c r="N280609" s="10"/>
    </row>
    <row r="280610" spans="14:14">
      <c r="N280610" s="10"/>
    </row>
    <row r="280611" spans="14:14">
      <c r="N280611" s="10"/>
    </row>
    <row r="280612" spans="14:14">
      <c r="N280612" s="10"/>
    </row>
    <row r="280613" spans="14:14">
      <c r="N280613" s="10"/>
    </row>
    <row r="280614" spans="14:14">
      <c r="N280614" s="10"/>
    </row>
    <row r="280615" spans="14:14">
      <c r="N280615" s="10"/>
    </row>
    <row r="280616" spans="14:14">
      <c r="N280616" s="10"/>
    </row>
    <row r="280617" spans="14:14">
      <c r="N280617" s="10"/>
    </row>
    <row r="280618" spans="14:14">
      <c r="N280618" s="10"/>
    </row>
    <row r="280619" spans="14:14">
      <c r="N280619" s="10"/>
    </row>
    <row r="280620" spans="14:14">
      <c r="N280620" s="10"/>
    </row>
    <row r="280621" spans="14:14">
      <c r="N280621" s="10"/>
    </row>
    <row r="280622" spans="14:14">
      <c r="N280622" s="10"/>
    </row>
    <row r="280623" spans="14:14">
      <c r="N280623" s="10"/>
    </row>
    <row r="280624" spans="14:14">
      <c r="N280624" s="10"/>
    </row>
    <row r="280625" spans="14:14">
      <c r="N280625" s="10"/>
    </row>
    <row r="280626" spans="14:14">
      <c r="N280626" s="10"/>
    </row>
    <row r="280627" spans="14:14">
      <c r="N280627" s="10"/>
    </row>
    <row r="280628" spans="14:14">
      <c r="N280628" s="10"/>
    </row>
    <row r="280629" spans="14:14">
      <c r="N280629" s="10"/>
    </row>
    <row r="280630" spans="14:14">
      <c r="N280630" s="10"/>
    </row>
    <row r="280631" spans="14:14">
      <c r="N280631" s="10"/>
    </row>
    <row r="280632" spans="14:14">
      <c r="N280632" s="10"/>
    </row>
    <row r="280633" spans="14:14">
      <c r="N280633" s="10"/>
    </row>
    <row r="280634" spans="14:14">
      <c r="N280634" s="10"/>
    </row>
    <row r="280635" spans="14:14">
      <c r="N280635" s="10"/>
    </row>
    <row r="280636" spans="14:14">
      <c r="N280636" s="10"/>
    </row>
    <row r="280637" spans="14:14">
      <c r="N280637" s="10"/>
    </row>
    <row r="280638" spans="14:14">
      <c r="N280638" s="10"/>
    </row>
    <row r="280639" spans="14:14">
      <c r="N280639" s="10"/>
    </row>
    <row r="280640" spans="14:14">
      <c r="N280640" s="10"/>
    </row>
    <row r="280641" spans="14:14">
      <c r="N280641" s="10"/>
    </row>
    <row r="280642" spans="14:14">
      <c r="N280642" s="10"/>
    </row>
    <row r="280643" spans="14:14">
      <c r="N280643" s="10"/>
    </row>
    <row r="280644" spans="14:14">
      <c r="N280644" s="10"/>
    </row>
    <row r="280645" spans="14:14">
      <c r="N280645" s="10"/>
    </row>
    <row r="280646" spans="14:14">
      <c r="N280646" s="10"/>
    </row>
    <row r="280647" spans="14:14">
      <c r="N280647" s="10"/>
    </row>
    <row r="280648" spans="14:14">
      <c r="N280648" s="10"/>
    </row>
    <row r="280649" spans="14:14">
      <c r="N280649" s="10"/>
    </row>
    <row r="280650" spans="14:14">
      <c r="N280650" s="10"/>
    </row>
    <row r="280651" spans="14:14">
      <c r="N280651" s="10"/>
    </row>
    <row r="280652" spans="14:14">
      <c r="N280652" s="10"/>
    </row>
    <row r="280653" spans="14:14">
      <c r="N280653" s="10"/>
    </row>
    <row r="280654" spans="14:14">
      <c r="N280654" s="10"/>
    </row>
    <row r="280655" spans="14:14">
      <c r="N280655" s="10"/>
    </row>
    <row r="280656" spans="14:14">
      <c r="N280656" s="10"/>
    </row>
    <row r="280657" spans="14:14">
      <c r="N280657" s="10"/>
    </row>
    <row r="280658" spans="14:14">
      <c r="N280658" s="10"/>
    </row>
    <row r="280659" spans="14:14">
      <c r="N280659" s="10"/>
    </row>
    <row r="280660" spans="14:14">
      <c r="N280660" s="10"/>
    </row>
    <row r="280661" spans="14:14">
      <c r="N280661" s="10"/>
    </row>
    <row r="280662" spans="14:14">
      <c r="N280662" s="10"/>
    </row>
    <row r="280663" spans="14:14">
      <c r="N280663" s="10"/>
    </row>
    <row r="280664" spans="14:14">
      <c r="N280664" s="10"/>
    </row>
    <row r="280665" spans="14:14">
      <c r="N280665" s="10"/>
    </row>
    <row r="280666" spans="14:14">
      <c r="N280666" s="10"/>
    </row>
    <row r="280667" spans="14:14">
      <c r="N280667" s="10"/>
    </row>
    <row r="280668" spans="14:14">
      <c r="N280668" s="10"/>
    </row>
    <row r="280669" spans="14:14">
      <c r="N280669" s="10"/>
    </row>
    <row r="280670" spans="14:14">
      <c r="N280670" s="10"/>
    </row>
    <row r="280671" spans="14:14">
      <c r="N280671" s="10"/>
    </row>
    <row r="280672" spans="14:14">
      <c r="N280672" s="10"/>
    </row>
    <row r="280673" spans="14:14">
      <c r="N280673" s="10"/>
    </row>
    <row r="280674" spans="14:14">
      <c r="N280674" s="10"/>
    </row>
    <row r="280675" spans="14:14">
      <c r="N280675" s="10"/>
    </row>
    <row r="280676" spans="14:14">
      <c r="N280676" s="10"/>
    </row>
    <row r="280677" spans="14:14">
      <c r="N280677" s="10"/>
    </row>
    <row r="280678" spans="14:14">
      <c r="N280678" s="10"/>
    </row>
    <row r="280679" spans="14:14">
      <c r="N280679" s="10"/>
    </row>
    <row r="280680" spans="14:14">
      <c r="N280680" s="10"/>
    </row>
    <row r="280681" spans="14:14">
      <c r="N280681" s="10"/>
    </row>
    <row r="280682" spans="14:14">
      <c r="N280682" s="10"/>
    </row>
    <row r="280683" spans="14:14">
      <c r="N280683" s="10"/>
    </row>
    <row r="280684" spans="14:14">
      <c r="N280684" s="10"/>
    </row>
    <row r="280685" spans="14:14">
      <c r="N280685" s="10"/>
    </row>
    <row r="280686" spans="14:14">
      <c r="N280686" s="10"/>
    </row>
    <row r="280687" spans="14:14">
      <c r="N280687" s="10"/>
    </row>
    <row r="280688" spans="14:14">
      <c r="N280688" s="10"/>
    </row>
    <row r="280689" spans="14:14">
      <c r="N280689" s="10"/>
    </row>
    <row r="280690" spans="14:14">
      <c r="N280690" s="10"/>
    </row>
    <row r="280691" spans="14:14">
      <c r="N280691" s="10"/>
    </row>
    <row r="280692" spans="14:14">
      <c r="N280692" s="10"/>
    </row>
    <row r="280693" spans="14:14">
      <c r="N280693" s="10"/>
    </row>
    <row r="280694" spans="14:14">
      <c r="N280694" s="10"/>
    </row>
    <row r="280695" spans="14:14">
      <c r="N280695" s="10"/>
    </row>
    <row r="280696" spans="14:14">
      <c r="N280696" s="10"/>
    </row>
    <row r="280697" spans="14:14">
      <c r="N280697" s="10"/>
    </row>
    <row r="280698" spans="14:14">
      <c r="N280698" s="10"/>
    </row>
    <row r="280699" spans="14:14">
      <c r="N280699" s="10"/>
    </row>
    <row r="280700" spans="14:14">
      <c r="N280700" s="10"/>
    </row>
    <row r="280701" spans="14:14">
      <c r="N280701" s="10"/>
    </row>
    <row r="280702" spans="14:14">
      <c r="N280702" s="10"/>
    </row>
    <row r="280703" spans="14:14">
      <c r="N280703" s="10"/>
    </row>
    <row r="280704" spans="14:14">
      <c r="N280704" s="10"/>
    </row>
    <row r="280705" spans="14:14">
      <c r="N280705" s="10"/>
    </row>
    <row r="280706" spans="14:14">
      <c r="N280706" s="10"/>
    </row>
    <row r="280707" spans="14:14">
      <c r="N280707" s="10"/>
    </row>
    <row r="280708" spans="14:14">
      <c r="N280708" s="10"/>
    </row>
    <row r="280709" spans="14:14">
      <c r="N280709" s="10"/>
    </row>
    <row r="280710" spans="14:14">
      <c r="N280710" s="10"/>
    </row>
    <row r="280711" spans="14:14">
      <c r="N280711" s="10"/>
    </row>
    <row r="280712" spans="14:14">
      <c r="N280712" s="10"/>
    </row>
    <row r="280713" spans="14:14">
      <c r="N280713" s="10"/>
    </row>
    <row r="280714" spans="14:14">
      <c r="N280714" s="10"/>
    </row>
    <row r="280715" spans="14:14">
      <c r="N280715" s="10"/>
    </row>
    <row r="280716" spans="14:14">
      <c r="N280716" s="10"/>
    </row>
    <row r="280717" spans="14:14">
      <c r="N280717" s="10"/>
    </row>
    <row r="280718" spans="14:14">
      <c r="N280718" s="10"/>
    </row>
    <row r="280719" spans="14:14">
      <c r="N280719" s="10"/>
    </row>
    <row r="280720" spans="14:14">
      <c r="N280720" s="10"/>
    </row>
    <row r="280721" spans="14:14">
      <c r="N280721" s="10"/>
    </row>
    <row r="280722" spans="14:14">
      <c r="N280722" s="10"/>
    </row>
    <row r="280723" spans="14:14">
      <c r="N280723" s="10"/>
    </row>
    <row r="280724" spans="14:14">
      <c r="N280724" s="10"/>
    </row>
    <row r="280725" spans="14:14">
      <c r="N280725" s="10"/>
    </row>
    <row r="280726" spans="14:14">
      <c r="N280726" s="10"/>
    </row>
    <row r="280727" spans="14:14">
      <c r="N280727" s="10"/>
    </row>
    <row r="280728" spans="14:14">
      <c r="N280728" s="10"/>
    </row>
    <row r="280729" spans="14:14">
      <c r="N280729" s="10"/>
    </row>
    <row r="280730" spans="14:14">
      <c r="N280730" s="10"/>
    </row>
    <row r="280731" spans="14:14">
      <c r="N280731" s="10"/>
    </row>
    <row r="280732" spans="14:14">
      <c r="N280732" s="10"/>
    </row>
    <row r="280733" spans="14:14">
      <c r="N280733" s="10"/>
    </row>
    <row r="280734" spans="14:14">
      <c r="N280734" s="10"/>
    </row>
    <row r="280735" spans="14:14">
      <c r="N280735" s="10"/>
    </row>
    <row r="280736" spans="14:14">
      <c r="N280736" s="10"/>
    </row>
    <row r="280737" spans="14:14">
      <c r="N280737" s="10"/>
    </row>
    <row r="280738" spans="14:14">
      <c r="N280738" s="10"/>
    </row>
    <row r="280739" spans="14:14">
      <c r="N280739" s="10"/>
    </row>
    <row r="280740" spans="14:14">
      <c r="N280740" s="10"/>
    </row>
    <row r="280741" spans="14:14">
      <c r="N280741" s="10"/>
    </row>
    <row r="280742" spans="14:14">
      <c r="N280742" s="10"/>
    </row>
    <row r="280743" spans="14:14">
      <c r="N280743" s="10"/>
    </row>
    <row r="280744" spans="14:14">
      <c r="N280744" s="10"/>
    </row>
    <row r="280745" spans="14:14">
      <c r="N280745" s="10"/>
    </row>
    <row r="280746" spans="14:14">
      <c r="N280746" s="10"/>
    </row>
    <row r="280747" spans="14:14">
      <c r="N280747" s="10"/>
    </row>
    <row r="280748" spans="14:14">
      <c r="N280748" s="10"/>
    </row>
    <row r="280749" spans="14:14">
      <c r="N280749" s="10"/>
    </row>
    <row r="280750" spans="14:14">
      <c r="N280750" s="10"/>
    </row>
    <row r="280751" spans="14:14">
      <c r="N280751" s="10"/>
    </row>
    <row r="280752" spans="14:14">
      <c r="N280752" s="10"/>
    </row>
    <row r="280753" spans="14:14">
      <c r="N280753" s="10"/>
    </row>
    <row r="280754" spans="14:14">
      <c r="N280754" s="10"/>
    </row>
    <row r="280755" spans="14:14">
      <c r="N280755" s="10"/>
    </row>
    <row r="280756" spans="14:14">
      <c r="N280756" s="10"/>
    </row>
    <row r="280757" spans="14:14">
      <c r="N280757" s="10"/>
    </row>
    <row r="280758" spans="14:14">
      <c r="N280758" s="10"/>
    </row>
    <row r="280759" spans="14:14">
      <c r="N280759" s="10"/>
    </row>
    <row r="280760" spans="14:14">
      <c r="N280760" s="10"/>
    </row>
    <row r="280761" spans="14:14">
      <c r="N280761" s="10"/>
    </row>
    <row r="280762" spans="14:14">
      <c r="N280762" s="10"/>
    </row>
    <row r="280763" spans="14:14">
      <c r="N280763" s="10"/>
    </row>
    <row r="280764" spans="14:14">
      <c r="N280764" s="10"/>
    </row>
    <row r="280765" spans="14:14">
      <c r="N280765" s="10"/>
    </row>
    <row r="280766" spans="14:14">
      <c r="N280766" s="10"/>
    </row>
    <row r="280767" spans="14:14">
      <c r="N280767" s="10"/>
    </row>
    <row r="280768" spans="14:14">
      <c r="N280768" s="10"/>
    </row>
    <row r="280769" spans="14:14">
      <c r="N280769" s="10"/>
    </row>
    <row r="280770" spans="14:14">
      <c r="N280770" s="10"/>
    </row>
    <row r="280771" spans="14:14">
      <c r="N280771" s="10"/>
    </row>
    <row r="280772" spans="14:14">
      <c r="N280772" s="10"/>
    </row>
    <row r="280773" spans="14:14">
      <c r="N280773" s="10"/>
    </row>
    <row r="280774" spans="14:14">
      <c r="N280774" s="10"/>
    </row>
    <row r="280775" spans="14:14">
      <c r="N280775" s="10"/>
    </row>
    <row r="280776" spans="14:14">
      <c r="N280776" s="10"/>
    </row>
    <row r="280777" spans="14:14">
      <c r="N280777" s="10"/>
    </row>
    <row r="280778" spans="14:14">
      <c r="N280778" s="10"/>
    </row>
    <row r="280779" spans="14:14">
      <c r="N280779" s="10"/>
    </row>
    <row r="280780" spans="14:14">
      <c r="N280780" s="10"/>
    </row>
    <row r="280781" spans="14:14">
      <c r="N280781" s="10"/>
    </row>
    <row r="280782" spans="14:14">
      <c r="N280782" s="10"/>
    </row>
    <row r="280783" spans="14:14">
      <c r="N280783" s="10"/>
    </row>
    <row r="280784" spans="14:14">
      <c r="N280784" s="10"/>
    </row>
    <row r="280785" spans="14:14">
      <c r="N280785" s="10"/>
    </row>
    <row r="280786" spans="14:14">
      <c r="N280786" s="10"/>
    </row>
    <row r="280787" spans="14:14">
      <c r="N280787" s="10"/>
    </row>
    <row r="280788" spans="14:14">
      <c r="N280788" s="10"/>
    </row>
    <row r="280789" spans="14:14">
      <c r="N280789" s="10"/>
    </row>
    <row r="280790" spans="14:14">
      <c r="N280790" s="10"/>
    </row>
    <row r="280791" spans="14:14">
      <c r="N280791" s="10"/>
    </row>
    <row r="280792" spans="14:14">
      <c r="N280792" s="10"/>
    </row>
    <row r="280793" spans="14:14">
      <c r="N280793" s="10"/>
    </row>
    <row r="280794" spans="14:14">
      <c r="N280794" s="10"/>
    </row>
    <row r="280795" spans="14:14">
      <c r="N280795" s="10"/>
    </row>
    <row r="280796" spans="14:14">
      <c r="N280796" s="10"/>
    </row>
    <row r="280797" spans="14:14">
      <c r="N280797" s="10"/>
    </row>
    <row r="280798" spans="14:14">
      <c r="N280798" s="10"/>
    </row>
    <row r="280799" spans="14:14">
      <c r="N280799" s="10"/>
    </row>
    <row r="280800" spans="14:14">
      <c r="N280800" s="10"/>
    </row>
    <row r="280801" spans="14:14">
      <c r="N280801" s="10"/>
    </row>
    <row r="280802" spans="14:14">
      <c r="N280802" s="10"/>
    </row>
    <row r="280803" spans="14:14">
      <c r="N280803" s="10"/>
    </row>
    <row r="280804" spans="14:14">
      <c r="N280804" s="10"/>
    </row>
    <row r="280805" spans="14:14">
      <c r="N280805" s="10"/>
    </row>
    <row r="280806" spans="14:14">
      <c r="N280806" s="10"/>
    </row>
    <row r="280807" spans="14:14">
      <c r="N280807" s="10"/>
    </row>
    <row r="280808" spans="14:14">
      <c r="N280808" s="10"/>
    </row>
    <row r="280809" spans="14:14">
      <c r="N280809" s="10"/>
    </row>
    <row r="280810" spans="14:14">
      <c r="N280810" s="10"/>
    </row>
    <row r="280811" spans="14:14">
      <c r="N280811" s="10"/>
    </row>
    <row r="280812" spans="14:14">
      <c r="N280812" s="10"/>
    </row>
    <row r="280813" spans="14:14">
      <c r="N280813" s="10"/>
    </row>
    <row r="280814" spans="14:14">
      <c r="N280814" s="10"/>
    </row>
    <row r="280815" spans="14:14">
      <c r="N280815" s="10"/>
    </row>
    <row r="280816" spans="14:14">
      <c r="N280816" s="10"/>
    </row>
    <row r="280817" spans="14:14">
      <c r="N280817" s="10"/>
    </row>
    <row r="280818" spans="14:14">
      <c r="N280818" s="10"/>
    </row>
    <row r="280819" spans="14:14">
      <c r="N280819" s="10"/>
    </row>
    <row r="280820" spans="14:14">
      <c r="N280820" s="10"/>
    </row>
    <row r="280821" spans="14:14">
      <c r="N280821" s="10"/>
    </row>
    <row r="280822" spans="14:14">
      <c r="N280822" s="10"/>
    </row>
    <row r="280823" spans="14:14">
      <c r="N280823" s="10"/>
    </row>
    <row r="280824" spans="14:14">
      <c r="N280824" s="10"/>
    </row>
    <row r="280825" spans="14:14">
      <c r="N280825" s="10"/>
    </row>
    <row r="280826" spans="14:14">
      <c r="N280826" s="10"/>
    </row>
    <row r="280827" spans="14:14">
      <c r="N280827" s="10"/>
    </row>
    <row r="280828" spans="14:14">
      <c r="N280828" s="10"/>
    </row>
    <row r="280829" spans="14:14">
      <c r="N280829" s="10"/>
    </row>
    <row r="280830" spans="14:14">
      <c r="N280830" s="10"/>
    </row>
    <row r="280831" spans="14:14">
      <c r="N280831" s="10"/>
    </row>
    <row r="280832" spans="14:14">
      <c r="N280832" s="10"/>
    </row>
    <row r="280833" spans="14:14">
      <c r="N280833" s="10"/>
    </row>
    <row r="280834" spans="14:14">
      <c r="N280834" s="10"/>
    </row>
    <row r="280835" spans="14:14">
      <c r="N280835" s="10"/>
    </row>
    <row r="280836" spans="14:14">
      <c r="N280836" s="10"/>
    </row>
    <row r="280837" spans="14:14">
      <c r="N280837" s="10"/>
    </row>
    <row r="280838" spans="14:14">
      <c r="N280838" s="10"/>
    </row>
    <row r="280839" spans="14:14">
      <c r="N280839" s="10"/>
    </row>
    <row r="280840" spans="14:14">
      <c r="N280840" s="10"/>
    </row>
    <row r="280841" spans="14:14">
      <c r="N280841" s="10"/>
    </row>
    <row r="280842" spans="14:14">
      <c r="N280842" s="10"/>
    </row>
    <row r="280843" spans="14:14">
      <c r="N280843" s="10"/>
    </row>
    <row r="280844" spans="14:14">
      <c r="N280844" s="10"/>
    </row>
    <row r="280845" spans="14:14">
      <c r="N280845" s="10"/>
    </row>
    <row r="280846" spans="14:14">
      <c r="N280846" s="10"/>
    </row>
    <row r="280847" spans="14:14">
      <c r="N280847" s="10"/>
    </row>
    <row r="280848" spans="14:14">
      <c r="N280848" s="10"/>
    </row>
    <row r="280849" spans="14:14">
      <c r="N280849" s="10"/>
    </row>
    <row r="280850" spans="14:14">
      <c r="N280850" s="10"/>
    </row>
    <row r="280851" spans="14:14">
      <c r="N280851" s="10"/>
    </row>
    <row r="280852" spans="14:14">
      <c r="N280852" s="10"/>
    </row>
    <row r="280853" spans="14:14">
      <c r="N280853" s="10"/>
    </row>
    <row r="280854" spans="14:14">
      <c r="N280854" s="10"/>
    </row>
    <row r="280855" spans="14:14">
      <c r="N280855" s="10"/>
    </row>
    <row r="280856" spans="14:14">
      <c r="N280856" s="10"/>
    </row>
    <row r="280857" spans="14:14">
      <c r="N280857" s="10"/>
    </row>
    <row r="280858" spans="14:14">
      <c r="N280858" s="10"/>
    </row>
    <row r="280859" spans="14:14">
      <c r="N280859" s="10"/>
    </row>
    <row r="280860" spans="14:14">
      <c r="N280860" s="10"/>
    </row>
    <row r="280861" spans="14:14">
      <c r="N280861" s="10"/>
    </row>
    <row r="280862" spans="14:14">
      <c r="N280862" s="10"/>
    </row>
    <row r="280863" spans="14:14">
      <c r="N280863" s="10"/>
    </row>
    <row r="280864" spans="14:14">
      <c r="N280864" s="10"/>
    </row>
    <row r="280865" spans="14:14">
      <c r="N280865" s="10"/>
    </row>
    <row r="280866" spans="14:14">
      <c r="N280866" s="10"/>
    </row>
    <row r="280867" spans="14:14">
      <c r="N280867" s="10"/>
    </row>
    <row r="280868" spans="14:14">
      <c r="N280868" s="10"/>
    </row>
    <row r="280869" spans="14:14">
      <c r="N280869" s="10"/>
    </row>
    <row r="280870" spans="14:14">
      <c r="N280870" s="10"/>
    </row>
    <row r="280871" spans="14:14">
      <c r="N280871" s="10"/>
    </row>
    <row r="280872" spans="14:14">
      <c r="N280872" s="10"/>
    </row>
    <row r="280873" spans="14:14">
      <c r="N280873" s="10"/>
    </row>
    <row r="280874" spans="14:14">
      <c r="N280874" s="10"/>
    </row>
    <row r="280875" spans="14:14">
      <c r="N280875" s="10"/>
    </row>
    <row r="280876" spans="14:14">
      <c r="N280876" s="10"/>
    </row>
    <row r="280877" spans="14:14">
      <c r="N280877" s="10"/>
    </row>
    <row r="280878" spans="14:14">
      <c r="N280878" s="10"/>
    </row>
    <row r="280879" spans="14:14">
      <c r="N280879" s="10"/>
    </row>
    <row r="280880" spans="14:14">
      <c r="N280880" s="10"/>
    </row>
    <row r="280881" spans="14:14">
      <c r="N280881" s="10"/>
    </row>
    <row r="280882" spans="14:14">
      <c r="N280882" s="10"/>
    </row>
    <row r="280883" spans="14:14">
      <c r="N280883" s="10"/>
    </row>
    <row r="280884" spans="14:14">
      <c r="N280884" s="10"/>
    </row>
    <row r="280885" spans="14:14">
      <c r="N280885" s="10"/>
    </row>
    <row r="280886" spans="14:14">
      <c r="N280886" s="10"/>
    </row>
    <row r="280887" spans="14:14">
      <c r="N280887" s="10"/>
    </row>
    <row r="280888" spans="14:14">
      <c r="N280888" s="10"/>
    </row>
    <row r="280889" spans="14:14">
      <c r="N280889" s="10"/>
    </row>
    <row r="280890" spans="14:14">
      <c r="N280890" s="10"/>
    </row>
    <row r="280891" spans="14:14">
      <c r="N280891" s="10"/>
    </row>
    <row r="280892" spans="14:14">
      <c r="N280892" s="10"/>
    </row>
    <row r="280893" spans="14:14">
      <c r="N280893" s="10"/>
    </row>
    <row r="280894" spans="14:14">
      <c r="N280894" s="10"/>
    </row>
    <row r="280895" spans="14:14">
      <c r="N280895" s="10"/>
    </row>
    <row r="280896" spans="14:14">
      <c r="N280896" s="10"/>
    </row>
    <row r="280897" spans="14:14">
      <c r="N280897" s="10"/>
    </row>
    <row r="280898" spans="14:14">
      <c r="N280898" s="10"/>
    </row>
    <row r="280899" spans="14:14">
      <c r="N280899" s="10"/>
    </row>
    <row r="280900" spans="14:14">
      <c r="N280900" s="10"/>
    </row>
    <row r="280901" spans="14:14">
      <c r="N280901" s="10"/>
    </row>
    <row r="280902" spans="14:14">
      <c r="N280902" s="10"/>
    </row>
    <row r="280903" spans="14:14">
      <c r="N280903" s="10"/>
    </row>
    <row r="280904" spans="14:14">
      <c r="N280904" s="10"/>
    </row>
    <row r="280905" spans="14:14">
      <c r="N280905" s="10"/>
    </row>
    <row r="280906" spans="14:14">
      <c r="N280906" s="10"/>
    </row>
    <row r="280907" spans="14:14">
      <c r="N280907" s="10"/>
    </row>
    <row r="280908" spans="14:14">
      <c r="N280908" s="10"/>
    </row>
    <row r="280909" spans="14:14">
      <c r="N280909" s="10"/>
    </row>
    <row r="280910" spans="14:14">
      <c r="N280910" s="10"/>
    </row>
    <row r="280911" spans="14:14">
      <c r="N280911" s="10"/>
    </row>
    <row r="280912" spans="14:14">
      <c r="N280912" s="10"/>
    </row>
    <row r="280913" spans="14:14">
      <c r="N280913" s="10"/>
    </row>
    <row r="280914" spans="14:14">
      <c r="N280914" s="10"/>
    </row>
    <row r="280915" spans="14:14">
      <c r="N280915" s="10"/>
    </row>
    <row r="280916" spans="14:14">
      <c r="N280916" s="10"/>
    </row>
    <row r="280917" spans="14:14">
      <c r="N280917" s="10"/>
    </row>
    <row r="280918" spans="14:14">
      <c r="N280918" s="10"/>
    </row>
    <row r="280919" spans="14:14">
      <c r="N280919" s="10"/>
    </row>
    <row r="280920" spans="14:14">
      <c r="N280920" s="10"/>
    </row>
    <row r="280921" spans="14:14">
      <c r="N280921" s="10"/>
    </row>
    <row r="280922" spans="14:14">
      <c r="N280922" s="10"/>
    </row>
    <row r="280923" spans="14:14">
      <c r="N280923" s="10"/>
    </row>
    <row r="280924" spans="14:14">
      <c r="N280924" s="10"/>
    </row>
    <row r="280925" spans="14:14">
      <c r="N280925" s="10"/>
    </row>
    <row r="280926" spans="14:14">
      <c r="N280926" s="10"/>
    </row>
    <row r="280927" spans="14:14">
      <c r="N280927" s="10"/>
    </row>
    <row r="280928" spans="14:14">
      <c r="N280928" s="10"/>
    </row>
    <row r="280929" spans="14:14">
      <c r="N280929" s="10"/>
    </row>
    <row r="280930" spans="14:14">
      <c r="N280930" s="10"/>
    </row>
    <row r="280931" spans="14:14">
      <c r="N280931" s="10"/>
    </row>
    <row r="280932" spans="14:14">
      <c r="N280932" s="10"/>
    </row>
    <row r="280933" spans="14:14">
      <c r="N280933" s="10"/>
    </row>
    <row r="280934" spans="14:14">
      <c r="N280934" s="10"/>
    </row>
    <row r="280935" spans="14:14">
      <c r="N280935" s="10"/>
    </row>
    <row r="280936" spans="14:14">
      <c r="N280936" s="10"/>
    </row>
    <row r="280937" spans="14:14">
      <c r="N280937" s="10"/>
    </row>
    <row r="280938" spans="14:14">
      <c r="N280938" s="10"/>
    </row>
    <row r="280939" spans="14:14">
      <c r="N280939" s="10"/>
    </row>
    <row r="280940" spans="14:14">
      <c r="N280940" s="10"/>
    </row>
    <row r="280941" spans="14:14">
      <c r="N280941" s="10"/>
    </row>
    <row r="280942" spans="14:14">
      <c r="N280942" s="10"/>
    </row>
    <row r="280943" spans="14:14">
      <c r="N280943" s="10"/>
    </row>
    <row r="280944" spans="14:14">
      <c r="N280944" s="10"/>
    </row>
    <row r="280945" spans="14:14">
      <c r="N280945" s="10"/>
    </row>
    <row r="280946" spans="14:14">
      <c r="N280946" s="10"/>
    </row>
    <row r="280947" spans="14:14">
      <c r="N280947" s="10"/>
    </row>
    <row r="280948" spans="14:14">
      <c r="N280948" s="10"/>
    </row>
    <row r="280949" spans="14:14">
      <c r="N280949" s="10"/>
    </row>
    <row r="280950" spans="14:14">
      <c r="N280950" s="10"/>
    </row>
    <row r="280951" spans="14:14">
      <c r="N280951" s="10"/>
    </row>
    <row r="280952" spans="14:14">
      <c r="N280952" s="10"/>
    </row>
    <row r="280953" spans="14:14">
      <c r="N280953" s="10"/>
    </row>
    <row r="280954" spans="14:14">
      <c r="N280954" s="10"/>
    </row>
    <row r="280955" spans="14:14">
      <c r="N280955" s="10"/>
    </row>
    <row r="280956" spans="14:14">
      <c r="N280956" s="10"/>
    </row>
    <row r="280957" spans="14:14">
      <c r="N280957" s="10"/>
    </row>
    <row r="280958" spans="14:14">
      <c r="N280958" s="10"/>
    </row>
    <row r="280959" spans="14:14">
      <c r="N280959" s="10"/>
    </row>
    <row r="280960" spans="14:14">
      <c r="N280960" s="10"/>
    </row>
    <row r="280961" spans="14:14">
      <c r="N280961" s="10"/>
    </row>
    <row r="280962" spans="14:14">
      <c r="N280962" s="10"/>
    </row>
    <row r="280963" spans="14:14">
      <c r="N280963" s="10"/>
    </row>
    <row r="280964" spans="14:14">
      <c r="N280964" s="10"/>
    </row>
    <row r="280965" spans="14:14">
      <c r="N280965" s="10"/>
    </row>
    <row r="280966" spans="14:14">
      <c r="N280966" s="10"/>
    </row>
    <row r="280967" spans="14:14">
      <c r="N280967" s="10"/>
    </row>
    <row r="280968" spans="14:14">
      <c r="N280968" s="10"/>
    </row>
    <row r="280969" spans="14:14">
      <c r="N280969" s="10"/>
    </row>
    <row r="280970" spans="14:14">
      <c r="N280970" s="10"/>
    </row>
    <row r="280971" spans="14:14">
      <c r="N280971" s="10"/>
    </row>
    <row r="280972" spans="14:14">
      <c r="N280972" s="10"/>
    </row>
    <row r="280973" spans="14:14">
      <c r="N280973" s="10"/>
    </row>
    <row r="280974" spans="14:14">
      <c r="N280974" s="10"/>
    </row>
    <row r="280975" spans="14:14">
      <c r="N280975" s="10"/>
    </row>
    <row r="280976" spans="14:14">
      <c r="N280976" s="10"/>
    </row>
    <row r="280977" spans="14:14">
      <c r="N280977" s="10"/>
    </row>
    <row r="280978" spans="14:14">
      <c r="N280978" s="10"/>
    </row>
    <row r="280979" spans="14:14">
      <c r="N280979" s="10"/>
    </row>
    <row r="280980" spans="14:14">
      <c r="N280980" s="10"/>
    </row>
    <row r="280981" spans="14:14">
      <c r="N280981" s="10"/>
    </row>
    <row r="280982" spans="14:14">
      <c r="N280982" s="10"/>
    </row>
    <row r="280983" spans="14:14">
      <c r="N280983" s="10"/>
    </row>
    <row r="280984" spans="14:14">
      <c r="N280984" s="10"/>
    </row>
    <row r="280985" spans="14:14">
      <c r="N280985" s="10"/>
    </row>
    <row r="280986" spans="14:14">
      <c r="N280986" s="10"/>
    </row>
    <row r="280987" spans="14:14">
      <c r="N280987" s="10"/>
    </row>
    <row r="280988" spans="14:14">
      <c r="N280988" s="10"/>
    </row>
    <row r="280989" spans="14:14">
      <c r="N280989" s="10"/>
    </row>
    <row r="280990" spans="14:14">
      <c r="N280990" s="10"/>
    </row>
    <row r="280991" spans="14:14">
      <c r="N280991" s="10"/>
    </row>
    <row r="280992" spans="14:14">
      <c r="N280992" s="10"/>
    </row>
    <row r="280993" spans="14:14">
      <c r="N280993" s="10"/>
    </row>
    <row r="280994" spans="14:14">
      <c r="N280994" s="10"/>
    </row>
    <row r="280995" spans="14:14">
      <c r="N280995" s="10"/>
    </row>
    <row r="280996" spans="14:14">
      <c r="N280996" s="10"/>
    </row>
    <row r="280997" spans="14:14">
      <c r="N280997" s="10"/>
    </row>
    <row r="280998" spans="14:14">
      <c r="N280998" s="10"/>
    </row>
    <row r="280999" spans="14:14">
      <c r="N280999" s="10"/>
    </row>
    <row r="281000" spans="14:14">
      <c r="N281000" s="10"/>
    </row>
    <row r="281001" spans="14:14">
      <c r="N281001" s="10"/>
    </row>
    <row r="281002" spans="14:14">
      <c r="N281002" s="10"/>
    </row>
    <row r="281003" spans="14:14">
      <c r="N281003" s="10"/>
    </row>
    <row r="281004" spans="14:14">
      <c r="N281004" s="10"/>
    </row>
    <row r="281005" spans="14:14">
      <c r="N281005" s="10"/>
    </row>
    <row r="281006" spans="14:14">
      <c r="N281006" s="10"/>
    </row>
    <row r="281007" spans="14:14">
      <c r="N281007" s="10"/>
    </row>
    <row r="281008" spans="14:14">
      <c r="N281008" s="10"/>
    </row>
    <row r="281009" spans="14:14">
      <c r="N281009" s="10"/>
    </row>
    <row r="281010" spans="14:14">
      <c r="N281010" s="10"/>
    </row>
    <row r="281011" spans="14:14">
      <c r="N281011" s="10"/>
    </row>
    <row r="281012" spans="14:14">
      <c r="N281012" s="10"/>
    </row>
    <row r="281013" spans="14:14">
      <c r="N281013" s="10"/>
    </row>
    <row r="281014" spans="14:14">
      <c r="N281014" s="10"/>
    </row>
    <row r="281015" spans="14:14">
      <c r="N281015" s="10"/>
    </row>
    <row r="281016" spans="14:14">
      <c r="N281016" s="10"/>
    </row>
    <row r="281017" spans="14:14">
      <c r="N281017" s="10"/>
    </row>
    <row r="281018" spans="14:14">
      <c r="N281018" s="10"/>
    </row>
    <row r="281019" spans="14:14">
      <c r="N281019" s="10"/>
    </row>
    <row r="281020" spans="14:14">
      <c r="N281020" s="10"/>
    </row>
    <row r="281021" spans="14:14">
      <c r="N281021" s="10"/>
    </row>
    <row r="281022" spans="14:14">
      <c r="N281022" s="10"/>
    </row>
    <row r="281023" spans="14:14">
      <c r="N281023" s="10"/>
    </row>
    <row r="281024" spans="14:14">
      <c r="N281024" s="10"/>
    </row>
    <row r="281025" spans="14:14">
      <c r="N281025" s="10"/>
    </row>
    <row r="281026" spans="14:14">
      <c r="N281026" s="10"/>
    </row>
    <row r="281027" spans="14:14">
      <c r="N281027" s="10"/>
    </row>
    <row r="281028" spans="14:14">
      <c r="N281028" s="10"/>
    </row>
    <row r="281029" spans="14:14">
      <c r="N281029" s="10"/>
    </row>
    <row r="281030" spans="14:14">
      <c r="N281030" s="10"/>
    </row>
    <row r="281031" spans="14:14">
      <c r="N281031" s="10"/>
    </row>
    <row r="281032" spans="14:14">
      <c r="N281032" s="10"/>
    </row>
    <row r="281033" spans="14:14">
      <c r="N281033" s="10"/>
    </row>
    <row r="281034" spans="14:14">
      <c r="N281034" s="10"/>
    </row>
    <row r="281035" spans="14:14">
      <c r="N281035" s="10"/>
    </row>
    <row r="281036" spans="14:14">
      <c r="N281036" s="10"/>
    </row>
    <row r="281037" spans="14:14">
      <c r="N281037" s="10"/>
    </row>
    <row r="281038" spans="14:14">
      <c r="N281038" s="10"/>
    </row>
    <row r="281039" spans="14:14">
      <c r="N281039" s="10"/>
    </row>
    <row r="281040" spans="14:14">
      <c r="N281040" s="10"/>
    </row>
    <row r="281041" spans="14:14">
      <c r="N281041" s="10"/>
    </row>
    <row r="281042" spans="14:14">
      <c r="N281042" s="10"/>
    </row>
    <row r="281043" spans="14:14">
      <c r="N281043" s="10"/>
    </row>
    <row r="281044" spans="14:14">
      <c r="N281044" s="10"/>
    </row>
    <row r="281045" spans="14:14">
      <c r="N281045" s="10"/>
    </row>
    <row r="281046" spans="14:14">
      <c r="N281046" s="10"/>
    </row>
    <row r="281047" spans="14:14">
      <c r="N281047" s="10"/>
    </row>
    <row r="281048" spans="14:14">
      <c r="N281048" s="10"/>
    </row>
    <row r="281049" spans="14:14">
      <c r="N281049" s="10"/>
    </row>
    <row r="281050" spans="14:14">
      <c r="N281050" s="10"/>
    </row>
    <row r="281051" spans="14:14">
      <c r="N281051" s="10"/>
    </row>
    <row r="281052" spans="14:14">
      <c r="N281052" s="10"/>
    </row>
    <row r="281053" spans="14:14">
      <c r="N281053" s="10"/>
    </row>
    <row r="281054" spans="14:14">
      <c r="N281054" s="10"/>
    </row>
    <row r="281055" spans="14:14">
      <c r="N281055" s="10"/>
    </row>
    <row r="281056" spans="14:14">
      <c r="N281056" s="10"/>
    </row>
    <row r="281057" spans="14:14">
      <c r="N281057" s="10"/>
    </row>
    <row r="281058" spans="14:14">
      <c r="N281058" s="10"/>
    </row>
    <row r="281059" spans="14:14">
      <c r="N281059" s="10"/>
    </row>
    <row r="281060" spans="14:14">
      <c r="N281060" s="10"/>
    </row>
    <row r="281061" spans="14:14">
      <c r="N281061" s="10"/>
    </row>
    <row r="281062" spans="14:14">
      <c r="N281062" s="10"/>
    </row>
    <row r="281063" spans="14:14">
      <c r="N281063" s="10"/>
    </row>
    <row r="281064" spans="14:14">
      <c r="N281064" s="10"/>
    </row>
    <row r="281065" spans="14:14">
      <c r="N281065" s="10"/>
    </row>
    <row r="281066" spans="14:14">
      <c r="N281066" s="10"/>
    </row>
    <row r="281067" spans="14:14">
      <c r="N281067" s="10"/>
    </row>
    <row r="281068" spans="14:14">
      <c r="N281068" s="10"/>
    </row>
    <row r="281069" spans="14:14">
      <c r="N281069" s="10"/>
    </row>
    <row r="281070" spans="14:14">
      <c r="N281070" s="10"/>
    </row>
    <row r="281071" spans="14:14">
      <c r="N281071" s="10"/>
    </row>
    <row r="281072" spans="14:14">
      <c r="N281072" s="10"/>
    </row>
    <row r="281073" spans="14:14">
      <c r="N281073" s="10"/>
    </row>
    <row r="281074" spans="14:14">
      <c r="N281074" s="10"/>
    </row>
    <row r="281075" spans="14:14">
      <c r="N281075" s="10"/>
    </row>
    <row r="281076" spans="14:14">
      <c r="N281076" s="10"/>
    </row>
    <row r="281077" spans="14:14">
      <c r="N281077" s="10"/>
    </row>
    <row r="281078" spans="14:14">
      <c r="N281078" s="10"/>
    </row>
    <row r="281079" spans="14:14">
      <c r="N281079" s="10"/>
    </row>
    <row r="281080" spans="14:14">
      <c r="N281080" s="10"/>
    </row>
    <row r="281081" spans="14:14">
      <c r="N281081" s="10"/>
    </row>
    <row r="281082" spans="14:14">
      <c r="N281082" s="10"/>
    </row>
    <row r="281083" spans="14:14">
      <c r="N281083" s="10"/>
    </row>
    <row r="281084" spans="14:14">
      <c r="N281084" s="10"/>
    </row>
    <row r="281085" spans="14:14">
      <c r="N281085" s="10"/>
    </row>
    <row r="281086" spans="14:14">
      <c r="N281086" s="10"/>
    </row>
    <row r="281087" spans="14:14">
      <c r="N281087" s="10"/>
    </row>
    <row r="281088" spans="14:14">
      <c r="N281088" s="10"/>
    </row>
    <row r="281089" spans="14:14">
      <c r="N281089" s="10"/>
    </row>
    <row r="281090" spans="14:14">
      <c r="N281090" s="10"/>
    </row>
    <row r="281091" spans="14:14">
      <c r="N281091" s="10"/>
    </row>
    <row r="281092" spans="14:14">
      <c r="N281092" s="10"/>
    </row>
    <row r="281093" spans="14:14">
      <c r="N281093" s="10"/>
    </row>
    <row r="281094" spans="14:14">
      <c r="N281094" s="10"/>
    </row>
    <row r="281095" spans="14:14">
      <c r="N281095" s="10"/>
    </row>
    <row r="281096" spans="14:14">
      <c r="N281096" s="10"/>
    </row>
    <row r="281097" spans="14:14">
      <c r="N281097" s="10"/>
    </row>
    <row r="281098" spans="14:14">
      <c r="N281098" s="10"/>
    </row>
    <row r="281099" spans="14:14">
      <c r="N281099" s="10"/>
    </row>
    <row r="281100" spans="14:14">
      <c r="N281100" s="10"/>
    </row>
    <row r="281101" spans="14:14">
      <c r="N281101" s="10"/>
    </row>
    <row r="281102" spans="14:14">
      <c r="N281102" s="10"/>
    </row>
    <row r="281103" spans="14:14">
      <c r="N281103" s="10"/>
    </row>
    <row r="281104" spans="14:14">
      <c r="N281104" s="10"/>
    </row>
    <row r="281105" spans="14:14">
      <c r="N281105" s="10"/>
    </row>
    <row r="281106" spans="14:14">
      <c r="N281106" s="10"/>
    </row>
    <row r="281107" spans="14:14">
      <c r="N281107" s="10"/>
    </row>
    <row r="281108" spans="14:14">
      <c r="N281108" s="10"/>
    </row>
    <row r="281109" spans="14:14">
      <c r="N281109" s="10"/>
    </row>
    <row r="281110" spans="14:14">
      <c r="N281110" s="10"/>
    </row>
    <row r="281111" spans="14:14">
      <c r="N281111" s="10"/>
    </row>
    <row r="281112" spans="14:14">
      <c r="N281112" s="10"/>
    </row>
    <row r="281113" spans="14:14">
      <c r="N281113" s="10"/>
    </row>
    <row r="281114" spans="14:14">
      <c r="N281114" s="10"/>
    </row>
    <row r="281115" spans="14:14">
      <c r="N281115" s="10"/>
    </row>
    <row r="281116" spans="14:14">
      <c r="N281116" s="10"/>
    </row>
    <row r="281117" spans="14:14">
      <c r="N281117" s="10"/>
    </row>
    <row r="281118" spans="14:14">
      <c r="N281118" s="10"/>
    </row>
    <row r="281119" spans="14:14">
      <c r="N281119" s="10"/>
    </row>
    <row r="281120" spans="14:14">
      <c r="N281120" s="10"/>
    </row>
    <row r="281121" spans="14:14">
      <c r="N281121" s="10"/>
    </row>
    <row r="281122" spans="14:14">
      <c r="N281122" s="10"/>
    </row>
    <row r="281123" spans="14:14">
      <c r="N281123" s="10"/>
    </row>
    <row r="281124" spans="14:14">
      <c r="N281124" s="10"/>
    </row>
    <row r="281125" spans="14:14">
      <c r="N281125" s="10"/>
    </row>
    <row r="281126" spans="14:14">
      <c r="N281126" s="10"/>
    </row>
    <row r="281127" spans="14:14">
      <c r="N281127" s="10"/>
    </row>
    <row r="281128" spans="14:14">
      <c r="N281128" s="10"/>
    </row>
    <row r="281129" spans="14:14">
      <c r="N281129" s="10"/>
    </row>
    <row r="281130" spans="14:14">
      <c r="N281130" s="10"/>
    </row>
    <row r="281131" spans="14:14">
      <c r="N281131" s="10"/>
    </row>
    <row r="281132" spans="14:14">
      <c r="N281132" s="10"/>
    </row>
    <row r="281133" spans="14:14">
      <c r="N281133" s="10"/>
    </row>
    <row r="281134" spans="14:14">
      <c r="N281134" s="10"/>
    </row>
    <row r="281135" spans="14:14">
      <c r="N281135" s="10"/>
    </row>
    <row r="281136" spans="14:14">
      <c r="N281136" s="10"/>
    </row>
    <row r="281137" spans="14:14">
      <c r="N281137" s="10"/>
    </row>
    <row r="281138" spans="14:14">
      <c r="N281138" s="10"/>
    </row>
    <row r="281139" spans="14:14">
      <c r="N281139" s="10"/>
    </row>
    <row r="281140" spans="14:14">
      <c r="N281140" s="10"/>
    </row>
    <row r="281141" spans="14:14">
      <c r="N281141" s="10"/>
    </row>
    <row r="281142" spans="14:14">
      <c r="N281142" s="10"/>
    </row>
    <row r="281143" spans="14:14">
      <c r="N281143" s="10"/>
    </row>
    <row r="281144" spans="14:14">
      <c r="N281144" s="10"/>
    </row>
    <row r="281145" spans="14:14">
      <c r="N281145" s="10"/>
    </row>
    <row r="281146" spans="14:14">
      <c r="N281146" s="10"/>
    </row>
    <row r="281147" spans="14:14">
      <c r="N281147" s="10"/>
    </row>
    <row r="281148" spans="14:14">
      <c r="N281148" s="10"/>
    </row>
    <row r="281149" spans="14:14">
      <c r="N281149" s="10"/>
    </row>
    <row r="281150" spans="14:14">
      <c r="N281150" s="10"/>
    </row>
    <row r="281151" spans="14:14">
      <c r="N281151" s="10"/>
    </row>
    <row r="281152" spans="14:14">
      <c r="N281152" s="10"/>
    </row>
    <row r="281153" spans="14:14">
      <c r="N281153" s="10"/>
    </row>
    <row r="281154" spans="14:14">
      <c r="N281154" s="10"/>
    </row>
    <row r="281155" spans="14:14">
      <c r="N281155" s="10"/>
    </row>
    <row r="281156" spans="14:14">
      <c r="N281156" s="10"/>
    </row>
    <row r="281157" spans="14:14">
      <c r="N281157" s="10"/>
    </row>
    <row r="281158" spans="14:14">
      <c r="N281158" s="10"/>
    </row>
    <row r="281159" spans="14:14">
      <c r="N281159" s="10"/>
    </row>
    <row r="281160" spans="14:14">
      <c r="N281160" s="10"/>
    </row>
    <row r="281161" spans="14:14">
      <c r="N281161" s="10"/>
    </row>
    <row r="281162" spans="14:14">
      <c r="N281162" s="10"/>
    </row>
    <row r="281163" spans="14:14">
      <c r="N281163" s="10"/>
    </row>
    <row r="281164" spans="14:14">
      <c r="N281164" s="10"/>
    </row>
    <row r="281165" spans="14:14">
      <c r="N281165" s="10"/>
    </row>
    <row r="281166" spans="14:14">
      <c r="N281166" s="10"/>
    </row>
    <row r="281167" spans="14:14">
      <c r="N281167" s="10"/>
    </row>
    <row r="281168" spans="14:14">
      <c r="N281168" s="10"/>
    </row>
    <row r="281169" spans="14:14">
      <c r="N281169" s="10"/>
    </row>
    <row r="281170" spans="14:14">
      <c r="N281170" s="10"/>
    </row>
    <row r="281171" spans="14:14">
      <c r="N281171" s="10"/>
    </row>
    <row r="281172" spans="14:14">
      <c r="N281172" s="10"/>
    </row>
    <row r="281173" spans="14:14">
      <c r="N281173" s="10"/>
    </row>
    <row r="281174" spans="14:14">
      <c r="N281174" s="10"/>
    </row>
    <row r="281175" spans="14:14">
      <c r="N281175" s="10"/>
    </row>
    <row r="281176" spans="14:14">
      <c r="N281176" s="10"/>
    </row>
    <row r="281177" spans="14:14">
      <c r="N281177" s="10"/>
    </row>
    <row r="281178" spans="14:14">
      <c r="N281178" s="10"/>
    </row>
    <row r="281179" spans="14:14">
      <c r="N281179" s="10"/>
    </row>
    <row r="281180" spans="14:14">
      <c r="N281180" s="10"/>
    </row>
    <row r="281181" spans="14:14">
      <c r="N281181" s="10"/>
    </row>
    <row r="281182" spans="14:14">
      <c r="N281182" s="10"/>
    </row>
    <row r="281183" spans="14:14">
      <c r="N281183" s="10"/>
    </row>
    <row r="281184" spans="14:14">
      <c r="N281184" s="10"/>
    </row>
    <row r="281185" spans="14:14">
      <c r="N281185" s="10"/>
    </row>
    <row r="281186" spans="14:14">
      <c r="N281186" s="10"/>
    </row>
    <row r="281187" spans="14:14">
      <c r="N281187" s="10"/>
    </row>
    <row r="281188" spans="14:14">
      <c r="N281188" s="10"/>
    </row>
    <row r="281189" spans="14:14">
      <c r="N281189" s="10"/>
    </row>
    <row r="281190" spans="14:14">
      <c r="N281190" s="10"/>
    </row>
    <row r="281191" spans="14:14">
      <c r="N281191" s="10"/>
    </row>
    <row r="281192" spans="14:14">
      <c r="N281192" s="10"/>
    </row>
    <row r="281193" spans="14:14">
      <c r="N281193" s="10"/>
    </row>
    <row r="281194" spans="14:14">
      <c r="N281194" s="10"/>
    </row>
    <row r="281195" spans="14:14">
      <c r="N281195" s="10"/>
    </row>
    <row r="281196" spans="14:14">
      <c r="N281196" s="10"/>
    </row>
    <row r="281197" spans="14:14">
      <c r="N281197" s="10"/>
    </row>
    <row r="281198" spans="14:14">
      <c r="N281198" s="10"/>
    </row>
    <row r="281199" spans="14:14">
      <c r="N281199" s="10"/>
    </row>
    <row r="281200" spans="14:14">
      <c r="N281200" s="10"/>
    </row>
    <row r="281201" spans="14:14">
      <c r="N281201" s="10"/>
    </row>
    <row r="281202" spans="14:14">
      <c r="N281202" s="10"/>
    </row>
    <row r="281203" spans="14:14">
      <c r="N281203" s="10"/>
    </row>
    <row r="281204" spans="14:14">
      <c r="N281204" s="10"/>
    </row>
    <row r="281205" spans="14:14">
      <c r="N281205" s="10"/>
    </row>
    <row r="281206" spans="14:14">
      <c r="N281206" s="10"/>
    </row>
    <row r="281207" spans="14:14">
      <c r="N281207" s="10"/>
    </row>
    <row r="281208" spans="14:14">
      <c r="N281208" s="10"/>
    </row>
    <row r="281209" spans="14:14">
      <c r="N281209" s="10"/>
    </row>
    <row r="281210" spans="14:14">
      <c r="N281210" s="10"/>
    </row>
    <row r="281211" spans="14:14">
      <c r="N281211" s="10"/>
    </row>
    <row r="281212" spans="14:14">
      <c r="N281212" s="10"/>
    </row>
    <row r="281213" spans="14:14">
      <c r="N281213" s="10"/>
    </row>
    <row r="281214" spans="14:14">
      <c r="N281214" s="10"/>
    </row>
    <row r="281215" spans="14:14">
      <c r="N281215" s="10"/>
    </row>
    <row r="281216" spans="14:14">
      <c r="N281216" s="10"/>
    </row>
    <row r="281217" spans="14:14">
      <c r="N281217" s="10"/>
    </row>
    <row r="281218" spans="14:14">
      <c r="N281218" s="10"/>
    </row>
    <row r="281219" spans="14:14">
      <c r="N281219" s="10"/>
    </row>
    <row r="281220" spans="14:14">
      <c r="N281220" s="10"/>
    </row>
    <row r="281221" spans="14:14">
      <c r="N281221" s="10"/>
    </row>
    <row r="281222" spans="14:14">
      <c r="N281222" s="10"/>
    </row>
    <row r="281223" spans="14:14">
      <c r="N281223" s="10"/>
    </row>
    <row r="281224" spans="14:14">
      <c r="N281224" s="10"/>
    </row>
    <row r="281225" spans="14:14">
      <c r="N281225" s="10"/>
    </row>
    <row r="281226" spans="14:14">
      <c r="N281226" s="10"/>
    </row>
    <row r="281227" spans="14:14">
      <c r="N281227" s="10"/>
    </row>
    <row r="281228" spans="14:14">
      <c r="N281228" s="10"/>
    </row>
    <row r="281229" spans="14:14">
      <c r="N281229" s="10"/>
    </row>
    <row r="281230" spans="14:14">
      <c r="N281230" s="10"/>
    </row>
    <row r="281231" spans="14:14">
      <c r="N281231" s="10"/>
    </row>
    <row r="281232" spans="14:14">
      <c r="N281232" s="10"/>
    </row>
    <row r="281233" spans="14:14">
      <c r="N281233" s="10"/>
    </row>
    <row r="281234" spans="14:14">
      <c r="N281234" s="10"/>
    </row>
    <row r="281235" spans="14:14">
      <c r="N281235" s="10"/>
    </row>
    <row r="281236" spans="14:14">
      <c r="N281236" s="10"/>
    </row>
    <row r="281237" spans="14:14">
      <c r="N281237" s="10"/>
    </row>
    <row r="281238" spans="14:14">
      <c r="N281238" s="10"/>
    </row>
    <row r="281239" spans="14:14">
      <c r="N281239" s="10"/>
    </row>
    <row r="281240" spans="14:14">
      <c r="N281240" s="10"/>
    </row>
    <row r="281241" spans="14:14">
      <c r="N281241" s="10"/>
    </row>
    <row r="281242" spans="14:14">
      <c r="N281242" s="10"/>
    </row>
    <row r="281243" spans="14:14">
      <c r="N281243" s="10"/>
    </row>
    <row r="281244" spans="14:14">
      <c r="N281244" s="10"/>
    </row>
    <row r="281245" spans="14:14">
      <c r="N281245" s="10"/>
    </row>
    <row r="281246" spans="14:14">
      <c r="N281246" s="10"/>
    </row>
    <row r="281247" spans="14:14">
      <c r="N281247" s="10"/>
    </row>
    <row r="281248" spans="14:14">
      <c r="N281248" s="10"/>
    </row>
    <row r="281249" spans="14:14">
      <c r="N281249" s="10"/>
    </row>
    <row r="281250" spans="14:14">
      <c r="N281250" s="10"/>
    </row>
    <row r="281251" spans="14:14">
      <c r="N281251" s="10"/>
    </row>
    <row r="281252" spans="14:14">
      <c r="N281252" s="10"/>
    </row>
    <row r="281253" spans="14:14">
      <c r="N281253" s="10"/>
    </row>
    <row r="281254" spans="14:14">
      <c r="N281254" s="10"/>
    </row>
    <row r="281255" spans="14:14">
      <c r="N281255" s="10"/>
    </row>
    <row r="281256" spans="14:14">
      <c r="N281256" s="10"/>
    </row>
    <row r="281257" spans="14:14">
      <c r="N281257" s="10"/>
    </row>
    <row r="281258" spans="14:14">
      <c r="N281258" s="10"/>
    </row>
    <row r="281259" spans="14:14">
      <c r="N281259" s="10"/>
    </row>
    <row r="281260" spans="14:14">
      <c r="N281260" s="10"/>
    </row>
    <row r="281261" spans="14:14">
      <c r="N281261" s="10"/>
    </row>
    <row r="281262" spans="14:14">
      <c r="N281262" s="10"/>
    </row>
    <row r="281263" spans="14:14">
      <c r="N281263" s="10"/>
    </row>
    <row r="281264" spans="14:14">
      <c r="N281264" s="10"/>
    </row>
    <row r="281265" spans="14:14">
      <c r="N281265" s="10"/>
    </row>
    <row r="281266" spans="14:14">
      <c r="N281266" s="10"/>
    </row>
    <row r="281267" spans="14:14">
      <c r="N281267" s="10"/>
    </row>
    <row r="281268" spans="14:14">
      <c r="N281268" s="10"/>
    </row>
    <row r="281269" spans="14:14">
      <c r="N281269" s="10"/>
    </row>
    <row r="281270" spans="14:14">
      <c r="N281270" s="10"/>
    </row>
    <row r="281271" spans="14:14">
      <c r="N281271" s="10"/>
    </row>
    <row r="281272" spans="14:14">
      <c r="N281272" s="10"/>
    </row>
    <row r="281273" spans="14:14">
      <c r="N281273" s="10"/>
    </row>
    <row r="281274" spans="14:14">
      <c r="N281274" s="10"/>
    </row>
    <row r="281275" spans="14:14">
      <c r="N281275" s="10"/>
    </row>
    <row r="281276" spans="14:14">
      <c r="N281276" s="10"/>
    </row>
    <row r="281277" spans="14:14">
      <c r="N281277" s="10"/>
    </row>
    <row r="281278" spans="14:14">
      <c r="N281278" s="10"/>
    </row>
    <row r="281279" spans="14:14">
      <c r="N281279" s="10"/>
    </row>
    <row r="281280" spans="14:14">
      <c r="N281280" s="10"/>
    </row>
    <row r="281281" spans="14:14">
      <c r="N281281" s="10"/>
    </row>
    <row r="281282" spans="14:14">
      <c r="N281282" s="10"/>
    </row>
    <row r="281283" spans="14:14">
      <c r="N281283" s="10"/>
    </row>
    <row r="281284" spans="14:14">
      <c r="N281284" s="10"/>
    </row>
    <row r="281285" spans="14:14">
      <c r="N281285" s="10"/>
    </row>
    <row r="281286" spans="14:14">
      <c r="N281286" s="10"/>
    </row>
    <row r="281287" spans="14:14">
      <c r="N281287" s="10"/>
    </row>
    <row r="281288" spans="14:14">
      <c r="N281288" s="10"/>
    </row>
    <row r="281289" spans="14:14">
      <c r="N281289" s="10"/>
    </row>
    <row r="281290" spans="14:14">
      <c r="N281290" s="10"/>
    </row>
    <row r="281291" spans="14:14">
      <c r="N281291" s="10"/>
    </row>
    <row r="281292" spans="14:14">
      <c r="N281292" s="10"/>
    </row>
    <row r="281293" spans="14:14">
      <c r="N281293" s="10"/>
    </row>
    <row r="281294" spans="14:14">
      <c r="N281294" s="10"/>
    </row>
    <row r="281295" spans="14:14">
      <c r="N281295" s="10"/>
    </row>
    <row r="281296" spans="14:14">
      <c r="N281296" s="10"/>
    </row>
    <row r="281297" spans="14:14">
      <c r="N281297" s="10"/>
    </row>
    <row r="281298" spans="14:14">
      <c r="N281298" s="10"/>
    </row>
    <row r="281299" spans="14:14">
      <c r="N281299" s="10"/>
    </row>
    <row r="281300" spans="14:14">
      <c r="N281300" s="10"/>
    </row>
    <row r="281301" spans="14:14">
      <c r="N281301" s="10"/>
    </row>
    <row r="281302" spans="14:14">
      <c r="N281302" s="10"/>
    </row>
    <row r="281303" spans="14:14">
      <c r="N281303" s="10"/>
    </row>
    <row r="281304" spans="14:14">
      <c r="N281304" s="10"/>
    </row>
    <row r="281305" spans="14:14">
      <c r="N281305" s="10"/>
    </row>
    <row r="281306" spans="14:14">
      <c r="N281306" s="10"/>
    </row>
    <row r="281307" spans="14:14">
      <c r="N281307" s="10"/>
    </row>
    <row r="281308" spans="14:14">
      <c r="N281308" s="10"/>
    </row>
    <row r="281309" spans="14:14">
      <c r="N281309" s="10"/>
    </row>
    <row r="281310" spans="14:14">
      <c r="N281310" s="10"/>
    </row>
    <row r="281311" spans="14:14">
      <c r="N281311" s="10"/>
    </row>
    <row r="281312" spans="14:14">
      <c r="N281312" s="10"/>
    </row>
    <row r="281313" spans="14:14">
      <c r="N281313" s="10"/>
    </row>
    <row r="281314" spans="14:14">
      <c r="N281314" s="10"/>
    </row>
    <row r="281315" spans="14:14">
      <c r="N281315" s="10"/>
    </row>
    <row r="281316" spans="14:14">
      <c r="N281316" s="10"/>
    </row>
    <row r="281317" spans="14:14">
      <c r="N281317" s="10"/>
    </row>
    <row r="281318" spans="14:14">
      <c r="N281318" s="10"/>
    </row>
    <row r="281319" spans="14:14">
      <c r="N281319" s="10"/>
    </row>
    <row r="281320" spans="14:14">
      <c r="N281320" s="10"/>
    </row>
    <row r="281321" spans="14:14">
      <c r="N281321" s="10"/>
    </row>
    <row r="281322" spans="14:14">
      <c r="N281322" s="10"/>
    </row>
    <row r="281323" spans="14:14">
      <c r="N281323" s="10"/>
    </row>
    <row r="281324" spans="14:14">
      <c r="N281324" s="10"/>
    </row>
    <row r="281325" spans="14:14">
      <c r="N281325" s="10"/>
    </row>
    <row r="281326" spans="14:14">
      <c r="N281326" s="10"/>
    </row>
    <row r="281327" spans="14:14">
      <c r="N281327" s="10"/>
    </row>
    <row r="281328" spans="14:14">
      <c r="N281328" s="10"/>
    </row>
    <row r="281329" spans="14:14">
      <c r="N281329" s="10"/>
    </row>
    <row r="281330" spans="14:14">
      <c r="N281330" s="10"/>
    </row>
    <row r="281331" spans="14:14">
      <c r="N281331" s="10"/>
    </row>
    <row r="281332" spans="14:14">
      <c r="N281332" s="10"/>
    </row>
    <row r="281333" spans="14:14">
      <c r="N281333" s="10"/>
    </row>
    <row r="281334" spans="14:14">
      <c r="N281334" s="10"/>
    </row>
    <row r="281335" spans="14:14">
      <c r="N281335" s="10"/>
    </row>
    <row r="281336" spans="14:14">
      <c r="N281336" s="10"/>
    </row>
    <row r="281337" spans="14:14">
      <c r="N281337" s="10"/>
    </row>
    <row r="281338" spans="14:14">
      <c r="N281338" s="10"/>
    </row>
    <row r="281339" spans="14:14">
      <c r="N281339" s="10"/>
    </row>
    <row r="281340" spans="14:14">
      <c r="N281340" s="10"/>
    </row>
    <row r="281341" spans="14:14">
      <c r="N281341" s="10"/>
    </row>
    <row r="281342" spans="14:14">
      <c r="N281342" s="10"/>
    </row>
    <row r="281343" spans="14:14">
      <c r="N281343" s="10"/>
    </row>
    <row r="281344" spans="14:14">
      <c r="N281344" s="10"/>
    </row>
    <row r="281345" spans="14:14">
      <c r="N281345" s="10"/>
    </row>
    <row r="281346" spans="14:14">
      <c r="N281346" s="10"/>
    </row>
    <row r="281347" spans="14:14">
      <c r="N281347" s="10"/>
    </row>
    <row r="281348" spans="14:14">
      <c r="N281348" s="10"/>
    </row>
    <row r="281349" spans="14:14">
      <c r="N281349" s="10"/>
    </row>
    <row r="281350" spans="14:14">
      <c r="N281350" s="10"/>
    </row>
    <row r="281351" spans="14:14">
      <c r="N281351" s="10"/>
    </row>
    <row r="281352" spans="14:14">
      <c r="N281352" s="10"/>
    </row>
    <row r="281353" spans="14:14">
      <c r="N281353" s="10"/>
    </row>
    <row r="281354" spans="14:14">
      <c r="N281354" s="10"/>
    </row>
    <row r="281355" spans="14:14">
      <c r="N281355" s="10"/>
    </row>
    <row r="281356" spans="14:14">
      <c r="N281356" s="10"/>
    </row>
    <row r="281357" spans="14:14">
      <c r="N281357" s="10"/>
    </row>
    <row r="281358" spans="14:14">
      <c r="N281358" s="10"/>
    </row>
    <row r="281359" spans="14:14">
      <c r="N281359" s="10"/>
    </row>
    <row r="281360" spans="14:14">
      <c r="N281360" s="10"/>
    </row>
    <row r="281361" spans="14:14">
      <c r="N281361" s="10"/>
    </row>
    <row r="281362" spans="14:14">
      <c r="N281362" s="10"/>
    </row>
    <row r="281363" spans="14:14">
      <c r="N281363" s="10"/>
    </row>
    <row r="281364" spans="14:14">
      <c r="N281364" s="10"/>
    </row>
    <row r="281365" spans="14:14">
      <c r="N281365" s="10"/>
    </row>
    <row r="281366" spans="14:14">
      <c r="N281366" s="10"/>
    </row>
    <row r="281367" spans="14:14">
      <c r="N281367" s="10"/>
    </row>
    <row r="281368" spans="14:14">
      <c r="N281368" s="10"/>
    </row>
    <row r="281369" spans="14:14">
      <c r="N281369" s="10"/>
    </row>
    <row r="281370" spans="14:14">
      <c r="N281370" s="10"/>
    </row>
    <row r="281371" spans="14:14">
      <c r="N281371" s="10"/>
    </row>
    <row r="281372" spans="14:14">
      <c r="N281372" s="10"/>
    </row>
    <row r="281373" spans="14:14">
      <c r="N281373" s="10"/>
    </row>
    <row r="281374" spans="14:14">
      <c r="N281374" s="10"/>
    </row>
    <row r="281375" spans="14:14">
      <c r="N281375" s="10"/>
    </row>
    <row r="281376" spans="14:14">
      <c r="N281376" s="10"/>
    </row>
    <row r="281377" spans="14:14">
      <c r="N281377" s="10"/>
    </row>
    <row r="281378" spans="14:14">
      <c r="N281378" s="10"/>
    </row>
    <row r="281379" spans="14:14">
      <c r="N281379" s="10"/>
    </row>
    <row r="281380" spans="14:14">
      <c r="N281380" s="10"/>
    </row>
    <row r="281381" spans="14:14">
      <c r="N281381" s="10"/>
    </row>
    <row r="281382" spans="14:14">
      <c r="N281382" s="10"/>
    </row>
    <row r="281383" spans="14:14">
      <c r="N281383" s="10"/>
    </row>
    <row r="281384" spans="14:14">
      <c r="N281384" s="10"/>
    </row>
    <row r="281385" spans="14:14">
      <c r="N281385" s="10"/>
    </row>
    <row r="281386" spans="14:14">
      <c r="N281386" s="10"/>
    </row>
    <row r="281387" spans="14:14">
      <c r="N281387" s="10"/>
    </row>
    <row r="281388" spans="14:14">
      <c r="N281388" s="10"/>
    </row>
    <row r="281389" spans="14:14">
      <c r="N281389" s="10"/>
    </row>
    <row r="281390" spans="14:14">
      <c r="N281390" s="10"/>
    </row>
    <row r="281391" spans="14:14">
      <c r="N281391" s="10"/>
    </row>
    <row r="281392" spans="14:14">
      <c r="N281392" s="10"/>
    </row>
    <row r="281393" spans="14:14">
      <c r="N281393" s="10"/>
    </row>
    <row r="281394" spans="14:14">
      <c r="N281394" s="10"/>
    </row>
    <row r="281395" spans="14:14">
      <c r="N281395" s="10"/>
    </row>
    <row r="281396" spans="14:14">
      <c r="N281396" s="10"/>
    </row>
    <row r="281397" spans="14:14">
      <c r="N281397" s="10"/>
    </row>
    <row r="281398" spans="14:14">
      <c r="N281398" s="10"/>
    </row>
    <row r="281399" spans="14:14">
      <c r="N281399" s="10"/>
    </row>
    <row r="281400" spans="14:14">
      <c r="N281400" s="10"/>
    </row>
    <row r="281401" spans="14:14">
      <c r="N281401" s="10"/>
    </row>
    <row r="281402" spans="14:14">
      <c r="N281402" s="10"/>
    </row>
    <row r="281403" spans="14:14">
      <c r="N281403" s="10"/>
    </row>
    <row r="281404" spans="14:14">
      <c r="N281404" s="10"/>
    </row>
    <row r="281405" spans="14:14">
      <c r="N281405" s="10"/>
    </row>
    <row r="281406" spans="14:14">
      <c r="N281406" s="10"/>
    </row>
    <row r="281407" spans="14:14">
      <c r="N281407" s="10"/>
    </row>
    <row r="281408" spans="14:14">
      <c r="N281408" s="10"/>
    </row>
    <row r="281409" spans="14:14">
      <c r="N281409" s="10"/>
    </row>
    <row r="281410" spans="14:14">
      <c r="N281410" s="10"/>
    </row>
    <row r="281411" spans="14:14">
      <c r="N281411" s="10"/>
    </row>
    <row r="281412" spans="14:14">
      <c r="N281412" s="10"/>
    </row>
    <row r="281413" spans="14:14">
      <c r="N281413" s="10"/>
    </row>
    <row r="281414" spans="14:14">
      <c r="N281414" s="10"/>
    </row>
    <row r="281415" spans="14:14">
      <c r="N281415" s="10"/>
    </row>
    <row r="281416" spans="14:14">
      <c r="N281416" s="10"/>
    </row>
    <row r="281417" spans="14:14">
      <c r="N281417" s="10"/>
    </row>
    <row r="281418" spans="14:14">
      <c r="N281418" s="10"/>
    </row>
    <row r="281419" spans="14:14">
      <c r="N281419" s="10"/>
    </row>
    <row r="281420" spans="14:14">
      <c r="N281420" s="10"/>
    </row>
    <row r="281421" spans="14:14">
      <c r="N281421" s="10"/>
    </row>
    <row r="281422" spans="14:14">
      <c r="N281422" s="10"/>
    </row>
    <row r="281423" spans="14:14">
      <c r="N281423" s="10"/>
    </row>
    <row r="281424" spans="14:14">
      <c r="N281424" s="10"/>
    </row>
    <row r="281425" spans="14:14">
      <c r="N281425" s="10"/>
    </row>
    <row r="281426" spans="14:14">
      <c r="N281426" s="10"/>
    </row>
    <row r="281427" spans="14:14">
      <c r="N281427" s="10"/>
    </row>
    <row r="281428" spans="14:14">
      <c r="N281428" s="10"/>
    </row>
    <row r="281429" spans="14:14">
      <c r="N281429" s="10"/>
    </row>
    <row r="281430" spans="14:14">
      <c r="N281430" s="10"/>
    </row>
    <row r="281431" spans="14:14">
      <c r="N281431" s="10"/>
    </row>
    <row r="281432" spans="14:14">
      <c r="N281432" s="10"/>
    </row>
    <row r="281433" spans="14:14">
      <c r="N281433" s="10"/>
    </row>
    <row r="281434" spans="14:14">
      <c r="N281434" s="10"/>
    </row>
    <row r="281435" spans="14:14">
      <c r="N281435" s="10"/>
    </row>
    <row r="281436" spans="14:14">
      <c r="N281436" s="10"/>
    </row>
    <row r="281437" spans="14:14">
      <c r="N281437" s="10"/>
    </row>
    <row r="281438" spans="14:14">
      <c r="N281438" s="10"/>
    </row>
    <row r="281439" spans="14:14">
      <c r="N281439" s="10"/>
    </row>
    <row r="281440" spans="14:14">
      <c r="N281440" s="10"/>
    </row>
    <row r="281441" spans="14:14">
      <c r="N281441" s="10"/>
    </row>
    <row r="281442" spans="14:14">
      <c r="N281442" s="10"/>
    </row>
    <row r="281443" spans="14:14">
      <c r="N281443" s="10"/>
    </row>
    <row r="281444" spans="14:14">
      <c r="N281444" s="10"/>
    </row>
    <row r="281445" spans="14:14">
      <c r="N281445" s="10"/>
    </row>
    <row r="281446" spans="14:14">
      <c r="N281446" s="10"/>
    </row>
    <row r="281447" spans="14:14">
      <c r="N281447" s="10"/>
    </row>
    <row r="281448" spans="14:14">
      <c r="N281448" s="10"/>
    </row>
    <row r="281449" spans="14:14">
      <c r="N281449" s="10"/>
    </row>
    <row r="281450" spans="14:14">
      <c r="N281450" s="10"/>
    </row>
    <row r="281451" spans="14:14">
      <c r="N281451" s="10"/>
    </row>
    <row r="281452" spans="14:14">
      <c r="N281452" s="10"/>
    </row>
    <row r="281453" spans="14:14">
      <c r="N281453" s="10"/>
    </row>
    <row r="281454" spans="14:14">
      <c r="N281454" s="10"/>
    </row>
    <row r="281455" spans="14:14">
      <c r="N281455" s="10"/>
    </row>
    <row r="281456" spans="14:14">
      <c r="N281456" s="10"/>
    </row>
    <row r="281457" spans="14:14">
      <c r="N281457" s="10"/>
    </row>
    <row r="281458" spans="14:14">
      <c r="N281458" s="10"/>
    </row>
    <row r="281459" spans="14:14">
      <c r="N281459" s="10"/>
    </row>
    <row r="281460" spans="14:14">
      <c r="N281460" s="10"/>
    </row>
    <row r="281461" spans="14:14">
      <c r="N281461" s="10"/>
    </row>
    <row r="281462" spans="14:14">
      <c r="N281462" s="10"/>
    </row>
    <row r="281463" spans="14:14">
      <c r="N281463" s="10"/>
    </row>
    <row r="281464" spans="14:14">
      <c r="N281464" s="10"/>
    </row>
    <row r="281465" spans="14:14">
      <c r="N281465" s="10"/>
    </row>
    <row r="281466" spans="14:14">
      <c r="N281466" s="10"/>
    </row>
    <row r="281467" spans="14:14">
      <c r="N281467" s="10"/>
    </row>
    <row r="281468" spans="14:14">
      <c r="N281468" s="10"/>
    </row>
    <row r="281469" spans="14:14">
      <c r="N281469" s="10"/>
    </row>
    <row r="281470" spans="14:14">
      <c r="N281470" s="10"/>
    </row>
    <row r="281471" spans="14:14">
      <c r="N281471" s="10"/>
    </row>
    <row r="281472" spans="14:14">
      <c r="N281472" s="10"/>
    </row>
    <row r="281473" spans="14:14">
      <c r="N281473" s="10"/>
    </row>
    <row r="281474" spans="14:14">
      <c r="N281474" s="10"/>
    </row>
    <row r="281475" spans="14:14">
      <c r="N281475" s="10"/>
    </row>
    <row r="281476" spans="14:14">
      <c r="N281476" s="10"/>
    </row>
    <row r="281477" spans="14:14">
      <c r="N281477" s="10"/>
    </row>
    <row r="281478" spans="14:14">
      <c r="N281478" s="10"/>
    </row>
    <row r="281479" spans="14:14">
      <c r="N281479" s="10"/>
    </row>
    <row r="281480" spans="14:14">
      <c r="N281480" s="10"/>
    </row>
    <row r="281481" spans="14:14">
      <c r="N281481" s="10"/>
    </row>
    <row r="281482" spans="14:14">
      <c r="N281482" s="10"/>
    </row>
    <row r="281483" spans="14:14">
      <c r="N281483" s="10"/>
    </row>
    <row r="281484" spans="14:14">
      <c r="N281484" s="10"/>
    </row>
    <row r="281485" spans="14:14">
      <c r="N281485" s="10"/>
    </row>
    <row r="281486" spans="14:14">
      <c r="N281486" s="10"/>
    </row>
    <row r="281487" spans="14:14">
      <c r="N281487" s="10"/>
    </row>
    <row r="281488" spans="14:14">
      <c r="N281488" s="10"/>
    </row>
    <row r="281489" spans="14:14">
      <c r="N281489" s="10"/>
    </row>
    <row r="281490" spans="14:14">
      <c r="N281490" s="10"/>
    </row>
    <row r="281491" spans="14:14">
      <c r="N281491" s="10"/>
    </row>
    <row r="281492" spans="14:14">
      <c r="N281492" s="10"/>
    </row>
    <row r="281493" spans="14:14">
      <c r="N281493" s="10"/>
    </row>
    <row r="281494" spans="14:14">
      <c r="N281494" s="10"/>
    </row>
    <row r="281495" spans="14:14">
      <c r="N281495" s="10"/>
    </row>
    <row r="281496" spans="14:14">
      <c r="N281496" s="10"/>
    </row>
    <row r="281497" spans="14:14">
      <c r="N281497" s="10"/>
    </row>
    <row r="281498" spans="14:14">
      <c r="N281498" s="10"/>
    </row>
    <row r="281499" spans="14:14">
      <c r="N281499" s="10"/>
    </row>
    <row r="281500" spans="14:14">
      <c r="N281500" s="10"/>
    </row>
    <row r="281501" spans="14:14">
      <c r="N281501" s="10"/>
    </row>
    <row r="281502" spans="14:14">
      <c r="N281502" s="10"/>
    </row>
    <row r="281503" spans="14:14">
      <c r="N281503" s="10"/>
    </row>
    <row r="281504" spans="14:14">
      <c r="N281504" s="10"/>
    </row>
    <row r="281505" spans="14:14">
      <c r="N281505" s="10"/>
    </row>
    <row r="281506" spans="14:14">
      <c r="N281506" s="10"/>
    </row>
    <row r="281507" spans="14:14">
      <c r="N281507" s="10"/>
    </row>
    <row r="281508" spans="14:14">
      <c r="N281508" s="10"/>
    </row>
    <row r="281509" spans="14:14">
      <c r="N281509" s="10"/>
    </row>
    <row r="281510" spans="14:14">
      <c r="N281510" s="10"/>
    </row>
    <row r="281511" spans="14:14">
      <c r="N281511" s="10"/>
    </row>
    <row r="281512" spans="14:14">
      <c r="N281512" s="10"/>
    </row>
    <row r="281513" spans="14:14">
      <c r="N281513" s="10"/>
    </row>
    <row r="281514" spans="14:14">
      <c r="N281514" s="10"/>
    </row>
    <row r="281515" spans="14:14">
      <c r="N281515" s="10"/>
    </row>
    <row r="281516" spans="14:14">
      <c r="N281516" s="10"/>
    </row>
    <row r="281517" spans="14:14">
      <c r="N281517" s="10"/>
    </row>
    <row r="281518" spans="14:14">
      <c r="N281518" s="10"/>
    </row>
    <row r="281519" spans="14:14">
      <c r="N281519" s="10"/>
    </row>
    <row r="281520" spans="14:14">
      <c r="N281520" s="10"/>
    </row>
    <row r="281521" spans="14:14">
      <c r="N281521" s="10"/>
    </row>
    <row r="281522" spans="14:14">
      <c r="N281522" s="10"/>
    </row>
    <row r="281523" spans="14:14">
      <c r="N281523" s="10"/>
    </row>
    <row r="281524" spans="14:14">
      <c r="N281524" s="10"/>
    </row>
    <row r="281525" spans="14:14">
      <c r="N281525" s="10"/>
    </row>
    <row r="281526" spans="14:14">
      <c r="N281526" s="10"/>
    </row>
    <row r="281527" spans="14:14">
      <c r="N281527" s="10"/>
    </row>
    <row r="281528" spans="14:14">
      <c r="N281528" s="10"/>
    </row>
    <row r="281529" spans="14:14">
      <c r="N281529" s="10"/>
    </row>
    <row r="281530" spans="14:14">
      <c r="N281530" s="10"/>
    </row>
    <row r="281531" spans="14:14">
      <c r="N281531" s="10"/>
    </row>
    <row r="281532" spans="14:14">
      <c r="N281532" s="10"/>
    </row>
    <row r="281533" spans="14:14">
      <c r="N281533" s="10"/>
    </row>
    <row r="281534" spans="14:14">
      <c r="N281534" s="10"/>
    </row>
    <row r="281535" spans="14:14">
      <c r="N281535" s="10"/>
    </row>
    <row r="281536" spans="14:14">
      <c r="N281536" s="10"/>
    </row>
    <row r="281537" spans="14:14">
      <c r="N281537" s="10"/>
    </row>
    <row r="281538" spans="14:14">
      <c r="N281538" s="10"/>
    </row>
    <row r="281539" spans="14:14">
      <c r="N281539" s="10"/>
    </row>
    <row r="281540" spans="14:14">
      <c r="N281540" s="10"/>
    </row>
    <row r="281541" spans="14:14">
      <c r="N281541" s="10"/>
    </row>
    <row r="281542" spans="14:14">
      <c r="N281542" s="10"/>
    </row>
    <row r="281543" spans="14:14">
      <c r="N281543" s="10"/>
    </row>
    <row r="281544" spans="14:14">
      <c r="N281544" s="10"/>
    </row>
    <row r="281545" spans="14:14">
      <c r="N281545" s="10"/>
    </row>
    <row r="281546" spans="14:14">
      <c r="N281546" s="10"/>
    </row>
    <row r="281547" spans="14:14">
      <c r="N281547" s="10"/>
    </row>
    <row r="281548" spans="14:14">
      <c r="N281548" s="10"/>
    </row>
    <row r="281549" spans="14:14">
      <c r="N281549" s="10"/>
    </row>
    <row r="281550" spans="14:14">
      <c r="N281550" s="10"/>
    </row>
    <row r="281551" spans="14:14">
      <c r="N281551" s="10"/>
    </row>
    <row r="281552" spans="14:14">
      <c r="N281552" s="10"/>
    </row>
    <row r="281553" spans="14:14">
      <c r="N281553" s="10"/>
    </row>
    <row r="281554" spans="14:14">
      <c r="N281554" s="10"/>
    </row>
    <row r="281555" spans="14:14">
      <c r="N281555" s="10"/>
    </row>
    <row r="281556" spans="14:14">
      <c r="N281556" s="10"/>
    </row>
    <row r="281557" spans="14:14">
      <c r="N281557" s="10"/>
    </row>
    <row r="281558" spans="14:14">
      <c r="N281558" s="10"/>
    </row>
    <row r="281559" spans="14:14">
      <c r="N281559" s="10"/>
    </row>
    <row r="281560" spans="14:14">
      <c r="N281560" s="10"/>
    </row>
    <row r="281561" spans="14:14">
      <c r="N281561" s="10"/>
    </row>
    <row r="281562" spans="14:14">
      <c r="N281562" s="10"/>
    </row>
    <row r="281563" spans="14:14">
      <c r="N281563" s="10"/>
    </row>
    <row r="281564" spans="14:14">
      <c r="N281564" s="10"/>
    </row>
    <row r="281565" spans="14:14">
      <c r="N281565" s="10"/>
    </row>
    <row r="281566" spans="14:14">
      <c r="N281566" s="10"/>
    </row>
    <row r="281567" spans="14:14">
      <c r="N281567" s="10"/>
    </row>
    <row r="281568" spans="14:14">
      <c r="N281568" s="10"/>
    </row>
    <row r="281569" spans="14:14">
      <c r="N281569" s="10"/>
    </row>
    <row r="281570" spans="14:14">
      <c r="N281570" s="10"/>
    </row>
    <row r="281571" spans="14:14">
      <c r="N281571" s="10"/>
    </row>
    <row r="281572" spans="14:14">
      <c r="N281572" s="10"/>
    </row>
    <row r="281573" spans="14:14">
      <c r="N281573" s="10"/>
    </row>
    <row r="281574" spans="14:14">
      <c r="N281574" s="10"/>
    </row>
    <row r="281575" spans="14:14">
      <c r="N281575" s="10"/>
    </row>
    <row r="281576" spans="14:14">
      <c r="N281576" s="10"/>
    </row>
    <row r="281577" spans="14:14">
      <c r="N281577" s="10"/>
    </row>
    <row r="281578" spans="14:14">
      <c r="N281578" s="10"/>
    </row>
    <row r="281579" spans="14:14">
      <c r="N281579" s="10"/>
    </row>
    <row r="281580" spans="14:14">
      <c r="N281580" s="10"/>
    </row>
    <row r="281581" spans="14:14">
      <c r="N281581" s="10"/>
    </row>
    <row r="281582" spans="14:14">
      <c r="N281582" s="10"/>
    </row>
    <row r="281583" spans="14:14">
      <c r="N281583" s="10"/>
    </row>
    <row r="281584" spans="14:14">
      <c r="N281584" s="10"/>
    </row>
    <row r="281585" spans="14:14">
      <c r="N281585" s="10"/>
    </row>
    <row r="281586" spans="14:14">
      <c r="N281586" s="10"/>
    </row>
    <row r="281587" spans="14:14">
      <c r="N281587" s="10"/>
    </row>
    <row r="281588" spans="14:14">
      <c r="N281588" s="10"/>
    </row>
    <row r="281589" spans="14:14">
      <c r="N281589" s="10"/>
    </row>
    <row r="281590" spans="14:14">
      <c r="N281590" s="10"/>
    </row>
    <row r="281591" spans="14:14">
      <c r="N281591" s="10"/>
    </row>
    <row r="281592" spans="14:14">
      <c r="N281592" s="10"/>
    </row>
    <row r="281593" spans="14:14">
      <c r="N281593" s="10"/>
    </row>
    <row r="281594" spans="14:14">
      <c r="N281594" s="10"/>
    </row>
    <row r="281595" spans="14:14">
      <c r="N281595" s="10"/>
    </row>
    <row r="281596" spans="14:14">
      <c r="N281596" s="10"/>
    </row>
    <row r="281597" spans="14:14">
      <c r="N281597" s="10"/>
    </row>
    <row r="281598" spans="14:14">
      <c r="N281598" s="10"/>
    </row>
    <row r="281599" spans="14:14">
      <c r="N281599" s="10"/>
    </row>
    <row r="281600" spans="14:14">
      <c r="N281600" s="10"/>
    </row>
    <row r="281601" spans="14:14">
      <c r="N281601" s="10"/>
    </row>
    <row r="281602" spans="14:14">
      <c r="N281602" s="10"/>
    </row>
    <row r="281603" spans="14:14">
      <c r="N281603" s="10"/>
    </row>
    <row r="281604" spans="14:14">
      <c r="N281604" s="10"/>
    </row>
    <row r="281605" spans="14:14">
      <c r="N281605" s="10"/>
    </row>
    <row r="281606" spans="14:14">
      <c r="N281606" s="10"/>
    </row>
    <row r="281607" spans="14:14">
      <c r="N281607" s="10"/>
    </row>
    <row r="281608" spans="14:14">
      <c r="N281608" s="10"/>
    </row>
    <row r="281609" spans="14:14">
      <c r="N281609" s="10"/>
    </row>
    <row r="281610" spans="14:14">
      <c r="N281610" s="10"/>
    </row>
    <row r="281611" spans="14:14">
      <c r="N281611" s="10"/>
    </row>
    <row r="281612" spans="14:14">
      <c r="N281612" s="10"/>
    </row>
    <row r="281613" spans="14:14">
      <c r="N281613" s="10"/>
    </row>
    <row r="281614" spans="14:14">
      <c r="N281614" s="10"/>
    </row>
    <row r="281615" spans="14:14">
      <c r="N281615" s="10"/>
    </row>
    <row r="281616" spans="14:14">
      <c r="N281616" s="10"/>
    </row>
    <row r="281617" spans="14:14">
      <c r="N281617" s="10"/>
    </row>
    <row r="281618" spans="14:14">
      <c r="N281618" s="10"/>
    </row>
    <row r="281619" spans="14:14">
      <c r="N281619" s="10"/>
    </row>
    <row r="281620" spans="14:14">
      <c r="N281620" s="10"/>
    </row>
    <row r="281621" spans="14:14">
      <c r="N281621" s="10"/>
    </row>
    <row r="281622" spans="14:14">
      <c r="N281622" s="10"/>
    </row>
    <row r="281623" spans="14:14">
      <c r="N281623" s="10"/>
    </row>
    <row r="281624" spans="14:14">
      <c r="N281624" s="10"/>
    </row>
    <row r="281625" spans="14:14">
      <c r="N281625" s="10"/>
    </row>
    <row r="281626" spans="14:14">
      <c r="N281626" s="10"/>
    </row>
    <row r="281627" spans="14:14">
      <c r="N281627" s="10"/>
    </row>
    <row r="281628" spans="14:14">
      <c r="N281628" s="10"/>
    </row>
    <row r="281629" spans="14:14">
      <c r="N281629" s="10"/>
    </row>
    <row r="281630" spans="14:14">
      <c r="N281630" s="10"/>
    </row>
    <row r="281631" spans="14:14">
      <c r="N281631" s="10"/>
    </row>
    <row r="281632" spans="14:14">
      <c r="N281632" s="10"/>
    </row>
    <row r="281633" spans="14:14">
      <c r="N281633" s="10"/>
    </row>
    <row r="281634" spans="14:14">
      <c r="N281634" s="10"/>
    </row>
    <row r="281635" spans="14:14">
      <c r="N281635" s="10"/>
    </row>
    <row r="281636" spans="14:14">
      <c r="N281636" s="10"/>
    </row>
    <row r="281637" spans="14:14">
      <c r="N281637" s="10"/>
    </row>
    <row r="281638" spans="14:14">
      <c r="N281638" s="10"/>
    </row>
    <row r="281639" spans="14:14">
      <c r="N281639" s="10"/>
    </row>
    <row r="281640" spans="14:14">
      <c r="N281640" s="10"/>
    </row>
    <row r="281641" spans="14:14">
      <c r="N281641" s="10"/>
    </row>
    <row r="281642" spans="14:14">
      <c r="N281642" s="10"/>
    </row>
    <row r="281643" spans="14:14">
      <c r="N281643" s="10"/>
    </row>
    <row r="281644" spans="14:14">
      <c r="N281644" s="10"/>
    </row>
    <row r="281645" spans="14:14">
      <c r="N281645" s="10"/>
    </row>
    <row r="281646" spans="14:14">
      <c r="N281646" s="10"/>
    </row>
    <row r="281647" spans="14:14">
      <c r="N281647" s="10"/>
    </row>
    <row r="281648" spans="14:14">
      <c r="N281648" s="10"/>
    </row>
    <row r="281649" spans="14:14">
      <c r="N281649" s="10"/>
    </row>
    <row r="281650" spans="14:14">
      <c r="N281650" s="10"/>
    </row>
    <row r="281651" spans="14:14">
      <c r="N281651" s="10"/>
    </row>
    <row r="281652" spans="14:14">
      <c r="N281652" s="10"/>
    </row>
    <row r="281653" spans="14:14">
      <c r="N281653" s="10"/>
    </row>
    <row r="281654" spans="14:14">
      <c r="N281654" s="10"/>
    </row>
    <row r="281655" spans="14:14">
      <c r="N281655" s="10"/>
    </row>
    <row r="281656" spans="14:14">
      <c r="N281656" s="10"/>
    </row>
    <row r="281657" spans="14:14">
      <c r="N281657" s="10"/>
    </row>
    <row r="281658" spans="14:14">
      <c r="N281658" s="10"/>
    </row>
    <row r="281659" spans="14:14">
      <c r="N281659" s="10"/>
    </row>
    <row r="281660" spans="14:14">
      <c r="N281660" s="10"/>
    </row>
    <row r="281661" spans="14:14">
      <c r="N281661" s="10"/>
    </row>
    <row r="281662" spans="14:14">
      <c r="N281662" s="10"/>
    </row>
    <row r="281663" spans="14:14">
      <c r="N281663" s="10"/>
    </row>
    <row r="281664" spans="14:14">
      <c r="N281664" s="10"/>
    </row>
    <row r="281665" spans="14:14">
      <c r="N281665" s="10"/>
    </row>
    <row r="281666" spans="14:14">
      <c r="N281666" s="10"/>
    </row>
    <row r="281667" spans="14:14">
      <c r="N281667" s="10"/>
    </row>
    <row r="281668" spans="14:14">
      <c r="N281668" s="10"/>
    </row>
    <row r="281669" spans="14:14">
      <c r="N281669" s="10"/>
    </row>
    <row r="281670" spans="14:14">
      <c r="N281670" s="10"/>
    </row>
    <row r="281671" spans="14:14">
      <c r="N281671" s="10"/>
    </row>
    <row r="281672" spans="14:14">
      <c r="N281672" s="10"/>
    </row>
    <row r="281673" spans="14:14">
      <c r="N281673" s="10"/>
    </row>
    <row r="281674" spans="14:14">
      <c r="N281674" s="10"/>
    </row>
    <row r="281675" spans="14:14">
      <c r="N281675" s="10"/>
    </row>
    <row r="281676" spans="14:14">
      <c r="N281676" s="10"/>
    </row>
    <row r="281677" spans="14:14">
      <c r="N281677" s="10"/>
    </row>
    <row r="281678" spans="14:14">
      <c r="N281678" s="10"/>
    </row>
    <row r="281679" spans="14:14">
      <c r="N281679" s="10"/>
    </row>
    <row r="281680" spans="14:14">
      <c r="N281680" s="10"/>
    </row>
    <row r="281681" spans="14:14">
      <c r="N281681" s="10"/>
    </row>
    <row r="281682" spans="14:14">
      <c r="N281682" s="10"/>
    </row>
    <row r="281683" spans="14:14">
      <c r="N281683" s="10"/>
    </row>
    <row r="281684" spans="14:14">
      <c r="N281684" s="10"/>
    </row>
    <row r="281685" spans="14:14">
      <c r="N281685" s="10"/>
    </row>
    <row r="281686" spans="14:14">
      <c r="N281686" s="10"/>
    </row>
    <row r="281687" spans="14:14">
      <c r="N281687" s="10"/>
    </row>
    <row r="281688" spans="14:14">
      <c r="N281688" s="10"/>
    </row>
    <row r="281689" spans="14:14">
      <c r="N281689" s="10"/>
    </row>
    <row r="281690" spans="14:14">
      <c r="N281690" s="10"/>
    </row>
    <row r="281691" spans="14:14">
      <c r="N281691" s="10"/>
    </row>
    <row r="281692" spans="14:14">
      <c r="N281692" s="10"/>
    </row>
    <row r="281693" spans="14:14">
      <c r="N281693" s="10"/>
    </row>
    <row r="281694" spans="14:14">
      <c r="N281694" s="10"/>
    </row>
    <row r="281695" spans="14:14">
      <c r="N281695" s="10"/>
    </row>
    <row r="281696" spans="14:14">
      <c r="N281696" s="10"/>
    </row>
    <row r="281697" spans="14:14">
      <c r="N281697" s="10"/>
    </row>
    <row r="281698" spans="14:14">
      <c r="N281698" s="10"/>
    </row>
    <row r="281699" spans="14:14">
      <c r="N281699" s="10"/>
    </row>
    <row r="281700" spans="14:14">
      <c r="N281700" s="10"/>
    </row>
    <row r="281701" spans="14:14">
      <c r="N281701" s="10"/>
    </row>
    <row r="281702" spans="14:14">
      <c r="N281702" s="10"/>
    </row>
    <row r="281703" spans="14:14">
      <c r="N281703" s="10"/>
    </row>
    <row r="281704" spans="14:14">
      <c r="N281704" s="10"/>
    </row>
    <row r="281705" spans="14:14">
      <c r="N281705" s="10"/>
    </row>
    <row r="281706" spans="14:14">
      <c r="N281706" s="10"/>
    </row>
    <row r="281707" spans="14:14">
      <c r="N281707" s="10"/>
    </row>
    <row r="281708" spans="14:14">
      <c r="N281708" s="10"/>
    </row>
    <row r="281709" spans="14:14">
      <c r="N281709" s="10"/>
    </row>
    <row r="281710" spans="14:14">
      <c r="N281710" s="10"/>
    </row>
    <row r="281711" spans="14:14">
      <c r="N281711" s="10"/>
    </row>
    <row r="281712" spans="14:14">
      <c r="N281712" s="10"/>
    </row>
    <row r="281713" spans="14:14">
      <c r="N281713" s="10"/>
    </row>
    <row r="281714" spans="14:14">
      <c r="N281714" s="10"/>
    </row>
    <row r="281715" spans="14:14">
      <c r="N281715" s="10"/>
    </row>
    <row r="281716" spans="14:14">
      <c r="N281716" s="10"/>
    </row>
    <row r="281717" spans="14:14">
      <c r="N281717" s="10"/>
    </row>
    <row r="281718" spans="14:14">
      <c r="N281718" s="10"/>
    </row>
    <row r="281719" spans="14:14">
      <c r="N281719" s="10"/>
    </row>
    <row r="281720" spans="14:14">
      <c r="N281720" s="10"/>
    </row>
    <row r="281721" spans="14:14">
      <c r="N281721" s="10"/>
    </row>
    <row r="281722" spans="14:14">
      <c r="N281722" s="10"/>
    </row>
    <row r="281723" spans="14:14">
      <c r="N281723" s="10"/>
    </row>
    <row r="281724" spans="14:14">
      <c r="N281724" s="10"/>
    </row>
    <row r="281725" spans="14:14">
      <c r="N281725" s="10"/>
    </row>
    <row r="281726" spans="14:14">
      <c r="N281726" s="10"/>
    </row>
    <row r="281727" spans="14:14">
      <c r="N281727" s="10"/>
    </row>
    <row r="281728" spans="14:14">
      <c r="N281728" s="10"/>
    </row>
    <row r="281729" spans="14:14">
      <c r="N281729" s="10"/>
    </row>
    <row r="281730" spans="14:14">
      <c r="N281730" s="10"/>
    </row>
    <row r="281731" spans="14:14">
      <c r="N281731" s="10"/>
    </row>
    <row r="281732" spans="14:14">
      <c r="N281732" s="10"/>
    </row>
    <row r="281733" spans="14:14">
      <c r="N281733" s="10"/>
    </row>
    <row r="281734" spans="14:14">
      <c r="N281734" s="10"/>
    </row>
    <row r="281735" spans="14:14">
      <c r="N281735" s="10"/>
    </row>
    <row r="281736" spans="14:14">
      <c r="N281736" s="10"/>
    </row>
    <row r="281737" spans="14:14">
      <c r="N281737" s="10"/>
    </row>
    <row r="281738" spans="14:14">
      <c r="N281738" s="10"/>
    </row>
    <row r="281739" spans="14:14">
      <c r="N281739" s="10"/>
    </row>
    <row r="281740" spans="14:14">
      <c r="N281740" s="10"/>
    </row>
    <row r="281741" spans="14:14">
      <c r="N281741" s="10"/>
    </row>
    <row r="281742" spans="14:14">
      <c r="N281742" s="10"/>
    </row>
    <row r="281743" spans="14:14">
      <c r="N281743" s="10"/>
    </row>
    <row r="281744" spans="14:14">
      <c r="N281744" s="10"/>
    </row>
    <row r="281745" spans="14:14">
      <c r="N281745" s="10"/>
    </row>
    <row r="281746" spans="14:14">
      <c r="N281746" s="10"/>
    </row>
    <row r="281747" spans="14:14">
      <c r="N281747" s="10"/>
    </row>
    <row r="281748" spans="14:14">
      <c r="N281748" s="10"/>
    </row>
    <row r="281749" spans="14:14">
      <c r="N281749" s="10"/>
    </row>
    <row r="281750" spans="14:14">
      <c r="N281750" s="10"/>
    </row>
    <row r="281751" spans="14:14">
      <c r="N281751" s="10"/>
    </row>
    <row r="281752" spans="14:14">
      <c r="N281752" s="10"/>
    </row>
    <row r="281753" spans="14:14">
      <c r="N281753" s="10"/>
    </row>
    <row r="281754" spans="14:14">
      <c r="N281754" s="10"/>
    </row>
    <row r="281755" spans="14:14">
      <c r="N281755" s="10"/>
    </row>
    <row r="281756" spans="14:14">
      <c r="N281756" s="10"/>
    </row>
    <row r="281757" spans="14:14">
      <c r="N281757" s="10"/>
    </row>
    <row r="281758" spans="14:14">
      <c r="N281758" s="10"/>
    </row>
    <row r="281759" spans="14:14">
      <c r="N281759" s="10"/>
    </row>
    <row r="281760" spans="14:14">
      <c r="N281760" s="10"/>
    </row>
    <row r="281761" spans="14:14">
      <c r="N281761" s="10"/>
    </row>
    <row r="281762" spans="14:14">
      <c r="N281762" s="10"/>
    </row>
    <row r="281763" spans="14:14">
      <c r="N281763" s="10"/>
    </row>
    <row r="281764" spans="14:14">
      <c r="N281764" s="10"/>
    </row>
    <row r="281765" spans="14:14">
      <c r="N281765" s="10"/>
    </row>
    <row r="281766" spans="14:14">
      <c r="N281766" s="10"/>
    </row>
    <row r="281767" spans="14:14">
      <c r="N281767" s="10"/>
    </row>
    <row r="281768" spans="14:14">
      <c r="N281768" s="10"/>
    </row>
    <row r="281769" spans="14:14">
      <c r="N281769" s="10"/>
    </row>
    <row r="281770" spans="14:14">
      <c r="N281770" s="10"/>
    </row>
    <row r="281771" spans="14:14">
      <c r="N281771" s="10"/>
    </row>
    <row r="281772" spans="14:14">
      <c r="N281772" s="10"/>
    </row>
    <row r="281773" spans="14:14">
      <c r="N281773" s="10"/>
    </row>
    <row r="281774" spans="14:14">
      <c r="N281774" s="10"/>
    </row>
    <row r="281775" spans="14:14">
      <c r="N281775" s="10"/>
    </row>
    <row r="281776" spans="14:14">
      <c r="N281776" s="10"/>
    </row>
    <row r="281777" spans="14:14">
      <c r="N281777" s="10"/>
    </row>
    <row r="281778" spans="14:14">
      <c r="N281778" s="10"/>
    </row>
    <row r="281779" spans="14:14">
      <c r="N281779" s="10"/>
    </row>
    <row r="281780" spans="14:14">
      <c r="N281780" s="10"/>
    </row>
    <row r="281781" spans="14:14">
      <c r="N281781" s="10"/>
    </row>
    <row r="281782" spans="14:14">
      <c r="N281782" s="10"/>
    </row>
    <row r="281783" spans="14:14">
      <c r="N281783" s="10"/>
    </row>
    <row r="281784" spans="14:14">
      <c r="N281784" s="10"/>
    </row>
    <row r="281785" spans="14:14">
      <c r="N281785" s="10"/>
    </row>
    <row r="281786" spans="14:14">
      <c r="N281786" s="10"/>
    </row>
    <row r="281787" spans="14:14">
      <c r="N281787" s="10"/>
    </row>
    <row r="281788" spans="14:14">
      <c r="N281788" s="10"/>
    </row>
    <row r="281789" spans="14:14">
      <c r="N281789" s="10"/>
    </row>
    <row r="281790" spans="14:14">
      <c r="N281790" s="10"/>
    </row>
    <row r="281791" spans="14:14">
      <c r="N281791" s="10"/>
    </row>
    <row r="281792" spans="14:14">
      <c r="N281792" s="10"/>
    </row>
    <row r="281793" spans="14:14">
      <c r="N281793" s="10"/>
    </row>
    <row r="281794" spans="14:14">
      <c r="N281794" s="10"/>
    </row>
    <row r="281795" spans="14:14">
      <c r="N281795" s="10"/>
    </row>
    <row r="281796" spans="14:14">
      <c r="N281796" s="10"/>
    </row>
    <row r="281797" spans="14:14">
      <c r="N281797" s="10"/>
    </row>
    <row r="281798" spans="14:14">
      <c r="N281798" s="10"/>
    </row>
    <row r="281799" spans="14:14">
      <c r="N281799" s="10"/>
    </row>
    <row r="281800" spans="14:14">
      <c r="N281800" s="10"/>
    </row>
    <row r="281801" spans="14:14">
      <c r="N281801" s="10"/>
    </row>
    <row r="281802" spans="14:14">
      <c r="N281802" s="10"/>
    </row>
    <row r="281803" spans="14:14">
      <c r="N281803" s="10"/>
    </row>
    <row r="281804" spans="14:14">
      <c r="N281804" s="10"/>
    </row>
    <row r="281805" spans="14:14">
      <c r="N281805" s="10"/>
    </row>
    <row r="281806" spans="14:14">
      <c r="N281806" s="10"/>
    </row>
    <row r="281807" spans="14:14">
      <c r="N281807" s="10"/>
    </row>
    <row r="281808" spans="14:14">
      <c r="N281808" s="10"/>
    </row>
    <row r="281809" spans="14:14">
      <c r="N281809" s="10"/>
    </row>
    <row r="281810" spans="14:14">
      <c r="N281810" s="10"/>
    </row>
    <row r="281811" spans="14:14">
      <c r="N281811" s="10"/>
    </row>
    <row r="281812" spans="14:14">
      <c r="N281812" s="10"/>
    </row>
    <row r="281813" spans="14:14">
      <c r="N281813" s="10"/>
    </row>
    <row r="281814" spans="14:14">
      <c r="N281814" s="10"/>
    </row>
    <row r="281815" spans="14:14">
      <c r="N281815" s="10"/>
    </row>
    <row r="281816" spans="14:14">
      <c r="N281816" s="10"/>
    </row>
    <row r="281817" spans="14:14">
      <c r="N281817" s="10"/>
    </row>
    <row r="281818" spans="14:14">
      <c r="N281818" s="10"/>
    </row>
    <row r="281819" spans="14:14">
      <c r="N281819" s="10"/>
    </row>
    <row r="281820" spans="14:14">
      <c r="N281820" s="10"/>
    </row>
    <row r="281821" spans="14:14">
      <c r="N281821" s="10"/>
    </row>
    <row r="281822" spans="14:14">
      <c r="N281822" s="10"/>
    </row>
    <row r="281823" spans="14:14">
      <c r="N281823" s="10"/>
    </row>
    <row r="281824" spans="14:14">
      <c r="N281824" s="10"/>
    </row>
    <row r="281825" spans="14:14">
      <c r="N281825" s="10"/>
    </row>
    <row r="281826" spans="14:14">
      <c r="N281826" s="10"/>
    </row>
    <row r="281827" spans="14:14">
      <c r="N281827" s="10"/>
    </row>
    <row r="281828" spans="14:14">
      <c r="N281828" s="10"/>
    </row>
    <row r="281829" spans="14:14">
      <c r="N281829" s="10"/>
    </row>
    <row r="281830" spans="14:14">
      <c r="N281830" s="10"/>
    </row>
    <row r="281831" spans="14:14">
      <c r="N281831" s="10"/>
    </row>
    <row r="281832" spans="14:14">
      <c r="N281832" s="10"/>
    </row>
    <row r="281833" spans="14:14">
      <c r="N281833" s="10"/>
    </row>
    <row r="281834" spans="14:14">
      <c r="N281834" s="10"/>
    </row>
    <row r="281835" spans="14:14">
      <c r="N281835" s="10"/>
    </row>
    <row r="281836" spans="14:14">
      <c r="N281836" s="10"/>
    </row>
    <row r="281837" spans="14:14">
      <c r="N281837" s="10"/>
    </row>
    <row r="281838" spans="14:14">
      <c r="N281838" s="10"/>
    </row>
    <row r="281839" spans="14:14">
      <c r="N281839" s="10"/>
    </row>
    <row r="281840" spans="14:14">
      <c r="N281840" s="10"/>
    </row>
    <row r="281841" spans="14:14">
      <c r="N281841" s="10"/>
    </row>
    <row r="281842" spans="14:14">
      <c r="N281842" s="10"/>
    </row>
    <row r="281843" spans="14:14">
      <c r="N281843" s="10"/>
    </row>
    <row r="281844" spans="14:14">
      <c r="N281844" s="10"/>
    </row>
    <row r="281845" spans="14:14">
      <c r="N281845" s="10"/>
    </row>
    <row r="281846" spans="14:14">
      <c r="N281846" s="10"/>
    </row>
    <row r="281847" spans="14:14">
      <c r="N281847" s="10"/>
    </row>
    <row r="281848" spans="14:14">
      <c r="N281848" s="10"/>
    </row>
    <row r="281849" spans="14:14">
      <c r="N281849" s="10"/>
    </row>
    <row r="281850" spans="14:14">
      <c r="N281850" s="10"/>
    </row>
    <row r="281851" spans="14:14">
      <c r="N281851" s="10"/>
    </row>
    <row r="281852" spans="14:14">
      <c r="N281852" s="10"/>
    </row>
    <row r="281853" spans="14:14">
      <c r="N281853" s="10"/>
    </row>
    <row r="281854" spans="14:14">
      <c r="N281854" s="10"/>
    </row>
    <row r="281855" spans="14:14">
      <c r="N281855" s="10"/>
    </row>
    <row r="281856" spans="14:14">
      <c r="N281856" s="10"/>
    </row>
    <row r="281857" spans="14:14">
      <c r="N281857" s="10"/>
    </row>
    <row r="281858" spans="14:14">
      <c r="N281858" s="10"/>
    </row>
    <row r="281859" spans="14:14">
      <c r="N281859" s="10"/>
    </row>
    <row r="281860" spans="14:14">
      <c r="N281860" s="10"/>
    </row>
    <row r="281861" spans="14:14">
      <c r="N281861" s="10"/>
    </row>
    <row r="281862" spans="14:14">
      <c r="N281862" s="10"/>
    </row>
    <row r="281863" spans="14:14">
      <c r="N281863" s="10"/>
    </row>
    <row r="281864" spans="14:14">
      <c r="N281864" s="10"/>
    </row>
    <row r="281865" spans="14:14">
      <c r="N281865" s="10"/>
    </row>
    <row r="281866" spans="14:14">
      <c r="N281866" s="10"/>
    </row>
    <row r="281867" spans="14:14">
      <c r="N281867" s="10"/>
    </row>
    <row r="281868" spans="14:14">
      <c r="N281868" s="10"/>
    </row>
    <row r="281869" spans="14:14">
      <c r="N281869" s="10"/>
    </row>
    <row r="281870" spans="14:14">
      <c r="N281870" s="10"/>
    </row>
    <row r="281871" spans="14:14">
      <c r="N281871" s="10"/>
    </row>
    <row r="281872" spans="14:14">
      <c r="N281872" s="10"/>
    </row>
    <row r="281873" spans="14:14">
      <c r="N281873" s="10"/>
    </row>
    <row r="281874" spans="14:14">
      <c r="N281874" s="10"/>
    </row>
    <row r="281875" spans="14:14">
      <c r="N281875" s="10"/>
    </row>
    <row r="281876" spans="14:14">
      <c r="N281876" s="10"/>
    </row>
    <row r="281877" spans="14:14">
      <c r="N281877" s="10"/>
    </row>
    <row r="281878" spans="14:14">
      <c r="N281878" s="10"/>
    </row>
    <row r="281879" spans="14:14">
      <c r="N281879" s="10"/>
    </row>
    <row r="281880" spans="14:14">
      <c r="N281880" s="10"/>
    </row>
    <row r="281881" spans="14:14">
      <c r="N281881" s="10"/>
    </row>
    <row r="281882" spans="14:14">
      <c r="N281882" s="10"/>
    </row>
    <row r="281883" spans="14:14">
      <c r="N281883" s="10"/>
    </row>
    <row r="281884" spans="14:14">
      <c r="N281884" s="10"/>
    </row>
    <row r="281885" spans="14:14">
      <c r="N281885" s="10"/>
    </row>
    <row r="281886" spans="14:14">
      <c r="N281886" s="10"/>
    </row>
    <row r="281887" spans="14:14">
      <c r="N281887" s="10"/>
    </row>
    <row r="281888" spans="14:14">
      <c r="N281888" s="10"/>
    </row>
    <row r="281889" spans="14:14">
      <c r="N281889" s="10"/>
    </row>
    <row r="281890" spans="14:14">
      <c r="N281890" s="10"/>
    </row>
    <row r="281891" spans="14:14">
      <c r="N281891" s="10"/>
    </row>
    <row r="281892" spans="14:14">
      <c r="N281892" s="10"/>
    </row>
    <row r="281893" spans="14:14">
      <c r="N281893" s="10"/>
    </row>
    <row r="281894" spans="14:14">
      <c r="N281894" s="10"/>
    </row>
    <row r="281895" spans="14:14">
      <c r="N281895" s="10"/>
    </row>
    <row r="281896" spans="14:14">
      <c r="N281896" s="10"/>
    </row>
    <row r="281897" spans="14:14">
      <c r="N281897" s="10"/>
    </row>
    <row r="281898" spans="14:14">
      <c r="N281898" s="10"/>
    </row>
    <row r="281899" spans="14:14">
      <c r="N281899" s="10"/>
    </row>
    <row r="281900" spans="14:14">
      <c r="N281900" s="10"/>
    </row>
    <row r="281901" spans="14:14">
      <c r="N281901" s="10"/>
    </row>
    <row r="281902" spans="14:14">
      <c r="N281902" s="10"/>
    </row>
    <row r="281903" spans="14:14">
      <c r="N281903" s="10"/>
    </row>
    <row r="281904" spans="14:14">
      <c r="N281904" s="10"/>
    </row>
    <row r="281905" spans="14:14">
      <c r="N281905" s="10"/>
    </row>
    <row r="281906" spans="14:14">
      <c r="N281906" s="10"/>
    </row>
    <row r="281907" spans="14:14">
      <c r="N281907" s="10"/>
    </row>
    <row r="281908" spans="14:14">
      <c r="N281908" s="10"/>
    </row>
    <row r="281909" spans="14:14">
      <c r="N281909" s="10"/>
    </row>
    <row r="281910" spans="14:14">
      <c r="N281910" s="10"/>
    </row>
    <row r="281911" spans="14:14">
      <c r="N281911" s="10"/>
    </row>
    <row r="281912" spans="14:14">
      <c r="N281912" s="10"/>
    </row>
    <row r="281913" spans="14:14">
      <c r="N281913" s="10"/>
    </row>
    <row r="281914" spans="14:14">
      <c r="N281914" s="10"/>
    </row>
    <row r="281915" spans="14:14">
      <c r="N281915" s="10"/>
    </row>
    <row r="281916" spans="14:14">
      <c r="N281916" s="10"/>
    </row>
    <row r="281917" spans="14:14">
      <c r="N281917" s="10"/>
    </row>
    <row r="281918" spans="14:14">
      <c r="N281918" s="10"/>
    </row>
    <row r="281919" spans="14:14">
      <c r="N281919" s="10"/>
    </row>
    <row r="281920" spans="14:14">
      <c r="N281920" s="10"/>
    </row>
    <row r="281921" spans="14:14">
      <c r="N281921" s="10"/>
    </row>
    <row r="281922" spans="14:14">
      <c r="N281922" s="10"/>
    </row>
    <row r="281923" spans="14:14">
      <c r="N281923" s="10"/>
    </row>
    <row r="281924" spans="14:14">
      <c r="N281924" s="10"/>
    </row>
    <row r="281925" spans="14:14">
      <c r="N281925" s="10"/>
    </row>
    <row r="281926" spans="14:14">
      <c r="N281926" s="10"/>
    </row>
    <row r="281927" spans="14:14">
      <c r="N281927" s="10"/>
    </row>
    <row r="281928" spans="14:14">
      <c r="N281928" s="10"/>
    </row>
    <row r="281929" spans="14:14">
      <c r="N281929" s="10"/>
    </row>
    <row r="281930" spans="14:14">
      <c r="N281930" s="10"/>
    </row>
    <row r="281931" spans="14:14">
      <c r="N281931" s="10"/>
    </row>
    <row r="281932" spans="14:14">
      <c r="N281932" s="10"/>
    </row>
    <row r="281933" spans="14:14">
      <c r="N281933" s="10"/>
    </row>
    <row r="281934" spans="14:14">
      <c r="N281934" s="10"/>
    </row>
    <row r="281935" spans="14:14">
      <c r="N281935" s="10"/>
    </row>
    <row r="281936" spans="14:14">
      <c r="N281936" s="10"/>
    </row>
    <row r="281937" spans="14:14">
      <c r="N281937" s="10"/>
    </row>
    <row r="281938" spans="14:14">
      <c r="N281938" s="10"/>
    </row>
    <row r="281939" spans="14:14">
      <c r="N281939" s="10"/>
    </row>
    <row r="281940" spans="14:14">
      <c r="N281940" s="10"/>
    </row>
    <row r="281941" spans="14:14">
      <c r="N281941" s="10"/>
    </row>
    <row r="281942" spans="14:14">
      <c r="N281942" s="10"/>
    </row>
    <row r="281943" spans="14:14">
      <c r="N281943" s="10"/>
    </row>
    <row r="281944" spans="14:14">
      <c r="N281944" s="10"/>
    </row>
    <row r="281945" spans="14:14">
      <c r="N281945" s="10"/>
    </row>
    <row r="281946" spans="14:14">
      <c r="N281946" s="10"/>
    </row>
    <row r="281947" spans="14:14">
      <c r="N281947" s="10"/>
    </row>
    <row r="281948" spans="14:14">
      <c r="N281948" s="10"/>
    </row>
    <row r="281949" spans="14:14">
      <c r="N281949" s="10"/>
    </row>
    <row r="281950" spans="14:14">
      <c r="N281950" s="10"/>
    </row>
    <row r="281951" spans="14:14">
      <c r="N281951" s="10"/>
    </row>
    <row r="281952" spans="14:14">
      <c r="N281952" s="10"/>
    </row>
    <row r="281953" spans="14:14">
      <c r="N281953" s="10"/>
    </row>
    <row r="281954" spans="14:14">
      <c r="N281954" s="10"/>
    </row>
    <row r="281955" spans="14:14">
      <c r="N281955" s="10"/>
    </row>
    <row r="281956" spans="14:14">
      <c r="N281956" s="10"/>
    </row>
    <row r="281957" spans="14:14">
      <c r="N281957" s="10"/>
    </row>
    <row r="281958" spans="14:14">
      <c r="N281958" s="10"/>
    </row>
    <row r="281959" spans="14:14">
      <c r="N281959" s="10"/>
    </row>
    <row r="281960" spans="14:14">
      <c r="N281960" s="10"/>
    </row>
    <row r="281961" spans="14:14">
      <c r="N281961" s="10"/>
    </row>
    <row r="281962" spans="14:14">
      <c r="N281962" s="10"/>
    </row>
    <row r="281963" spans="14:14">
      <c r="N281963" s="10"/>
    </row>
    <row r="281964" spans="14:14">
      <c r="N281964" s="10"/>
    </row>
    <row r="281965" spans="14:14">
      <c r="N281965" s="10"/>
    </row>
    <row r="281966" spans="14:14">
      <c r="N281966" s="10"/>
    </row>
    <row r="281967" spans="14:14">
      <c r="N281967" s="10"/>
    </row>
    <row r="281968" spans="14:14">
      <c r="N281968" s="10"/>
    </row>
    <row r="281969" spans="14:14">
      <c r="N281969" s="10"/>
    </row>
    <row r="281970" spans="14:14">
      <c r="N281970" s="10"/>
    </row>
    <row r="281971" spans="14:14">
      <c r="N281971" s="10"/>
    </row>
    <row r="281972" spans="14:14">
      <c r="N281972" s="10"/>
    </row>
    <row r="281973" spans="14:14">
      <c r="N281973" s="10"/>
    </row>
    <row r="281974" spans="14:14">
      <c r="N281974" s="10"/>
    </row>
    <row r="281975" spans="14:14">
      <c r="N281975" s="10"/>
    </row>
    <row r="281976" spans="14:14">
      <c r="N281976" s="10"/>
    </row>
    <row r="281977" spans="14:14">
      <c r="N281977" s="10"/>
    </row>
    <row r="281978" spans="14:14">
      <c r="N281978" s="10"/>
    </row>
    <row r="281979" spans="14:14">
      <c r="N281979" s="10"/>
    </row>
    <row r="281980" spans="14:14">
      <c r="N281980" s="10"/>
    </row>
    <row r="281981" spans="14:14">
      <c r="N281981" s="10"/>
    </row>
    <row r="281982" spans="14:14">
      <c r="N281982" s="10"/>
    </row>
    <row r="281983" spans="14:14">
      <c r="N281983" s="10"/>
    </row>
    <row r="281984" spans="14:14">
      <c r="N281984" s="10"/>
    </row>
    <row r="281985" spans="14:14">
      <c r="N281985" s="10"/>
    </row>
    <row r="281986" spans="14:14">
      <c r="N281986" s="10"/>
    </row>
    <row r="281987" spans="14:14">
      <c r="N281987" s="10"/>
    </row>
    <row r="281988" spans="14:14">
      <c r="N281988" s="10"/>
    </row>
    <row r="281989" spans="14:14">
      <c r="N281989" s="10"/>
    </row>
    <row r="281990" spans="14:14">
      <c r="N281990" s="10"/>
    </row>
    <row r="281991" spans="14:14">
      <c r="N281991" s="10"/>
    </row>
    <row r="281992" spans="14:14">
      <c r="N281992" s="10"/>
    </row>
    <row r="281993" spans="14:14">
      <c r="N281993" s="10"/>
    </row>
    <row r="281994" spans="14:14">
      <c r="N281994" s="10"/>
    </row>
    <row r="281995" spans="14:14">
      <c r="N281995" s="10"/>
    </row>
    <row r="281996" spans="14:14">
      <c r="N281996" s="10"/>
    </row>
    <row r="281997" spans="14:14">
      <c r="N281997" s="10"/>
    </row>
    <row r="281998" spans="14:14">
      <c r="N281998" s="10"/>
    </row>
    <row r="281999" spans="14:14">
      <c r="N281999" s="10"/>
    </row>
    <row r="282000" spans="14:14">
      <c r="N282000" s="10"/>
    </row>
    <row r="282001" spans="14:14">
      <c r="N282001" s="10"/>
    </row>
    <row r="282002" spans="14:14">
      <c r="N282002" s="10"/>
    </row>
    <row r="282003" spans="14:14">
      <c r="N282003" s="10"/>
    </row>
    <row r="282004" spans="14:14">
      <c r="N282004" s="10"/>
    </row>
    <row r="282005" spans="14:14">
      <c r="N282005" s="10"/>
    </row>
    <row r="282006" spans="14:14">
      <c r="N282006" s="10"/>
    </row>
    <row r="282007" spans="14:14">
      <c r="N282007" s="10"/>
    </row>
    <row r="282008" spans="14:14">
      <c r="N282008" s="10"/>
    </row>
    <row r="282009" spans="14:14">
      <c r="N282009" s="10"/>
    </row>
    <row r="282010" spans="14:14">
      <c r="N282010" s="10"/>
    </row>
    <row r="282011" spans="14:14">
      <c r="N282011" s="10"/>
    </row>
    <row r="282012" spans="14:14">
      <c r="N282012" s="10"/>
    </row>
    <row r="282013" spans="14:14">
      <c r="N282013" s="10"/>
    </row>
    <row r="282014" spans="14:14">
      <c r="N282014" s="10"/>
    </row>
    <row r="282015" spans="14:14">
      <c r="N282015" s="10"/>
    </row>
    <row r="282016" spans="14:14">
      <c r="N282016" s="10"/>
    </row>
    <row r="282017" spans="14:14">
      <c r="N282017" s="10"/>
    </row>
    <row r="282018" spans="14:14">
      <c r="N282018" s="10"/>
    </row>
    <row r="282019" spans="14:14">
      <c r="N282019" s="10"/>
    </row>
    <row r="282020" spans="14:14">
      <c r="N282020" s="10"/>
    </row>
    <row r="282021" spans="14:14">
      <c r="N282021" s="10"/>
    </row>
    <row r="282022" spans="14:14">
      <c r="N282022" s="10"/>
    </row>
    <row r="282023" spans="14:14">
      <c r="N282023" s="10"/>
    </row>
    <row r="282024" spans="14:14">
      <c r="N282024" s="10"/>
    </row>
    <row r="282025" spans="14:14">
      <c r="N282025" s="10"/>
    </row>
    <row r="282026" spans="14:14">
      <c r="N282026" s="10"/>
    </row>
    <row r="282027" spans="14:14">
      <c r="N282027" s="10"/>
    </row>
    <row r="282028" spans="14:14">
      <c r="N282028" s="10"/>
    </row>
    <row r="282029" spans="14:14">
      <c r="N282029" s="10"/>
    </row>
    <row r="282030" spans="14:14">
      <c r="N282030" s="10"/>
    </row>
    <row r="282031" spans="14:14">
      <c r="N282031" s="10"/>
    </row>
    <row r="282032" spans="14:14">
      <c r="N282032" s="10"/>
    </row>
    <row r="282033" spans="14:14">
      <c r="N282033" s="10"/>
    </row>
    <row r="282034" spans="14:14">
      <c r="N282034" s="10"/>
    </row>
    <row r="282035" spans="14:14">
      <c r="N282035" s="10"/>
    </row>
    <row r="282036" spans="14:14">
      <c r="N282036" s="10"/>
    </row>
    <row r="282037" spans="14:14">
      <c r="N282037" s="10"/>
    </row>
    <row r="282038" spans="14:14">
      <c r="N282038" s="10"/>
    </row>
    <row r="282039" spans="14:14">
      <c r="N282039" s="10"/>
    </row>
    <row r="282040" spans="14:14">
      <c r="N282040" s="10"/>
    </row>
    <row r="282041" spans="14:14">
      <c r="N282041" s="10"/>
    </row>
    <row r="282042" spans="14:14">
      <c r="N282042" s="10"/>
    </row>
    <row r="282043" spans="14:14">
      <c r="N282043" s="10"/>
    </row>
    <row r="282044" spans="14:14">
      <c r="N282044" s="10"/>
    </row>
    <row r="282045" spans="14:14">
      <c r="N282045" s="10"/>
    </row>
    <row r="282046" spans="14:14">
      <c r="N282046" s="10"/>
    </row>
    <row r="282047" spans="14:14">
      <c r="N282047" s="10"/>
    </row>
    <row r="282048" spans="14:14">
      <c r="N282048" s="10"/>
    </row>
    <row r="282049" spans="14:14">
      <c r="N282049" s="10"/>
    </row>
    <row r="282050" spans="14:14">
      <c r="N282050" s="10"/>
    </row>
    <row r="282051" spans="14:14">
      <c r="N282051" s="10"/>
    </row>
    <row r="282052" spans="14:14">
      <c r="N282052" s="10"/>
    </row>
    <row r="282053" spans="14:14">
      <c r="N282053" s="10"/>
    </row>
    <row r="282054" spans="14:14">
      <c r="N282054" s="10"/>
    </row>
    <row r="282055" spans="14:14">
      <c r="N282055" s="10"/>
    </row>
    <row r="282056" spans="14:14">
      <c r="N282056" s="10"/>
    </row>
    <row r="282057" spans="14:14">
      <c r="N282057" s="10"/>
    </row>
    <row r="282058" spans="14:14">
      <c r="N282058" s="10"/>
    </row>
    <row r="282059" spans="14:14">
      <c r="N282059" s="10"/>
    </row>
    <row r="282060" spans="14:14">
      <c r="N282060" s="10"/>
    </row>
    <row r="282061" spans="14:14">
      <c r="N282061" s="10"/>
    </row>
    <row r="282062" spans="14:14">
      <c r="N282062" s="10"/>
    </row>
    <row r="282063" spans="14:14">
      <c r="N282063" s="10"/>
    </row>
    <row r="282064" spans="14:14">
      <c r="N282064" s="10"/>
    </row>
    <row r="282065" spans="14:14">
      <c r="N282065" s="10"/>
    </row>
    <row r="282066" spans="14:14">
      <c r="N282066" s="10"/>
    </row>
    <row r="282067" spans="14:14">
      <c r="N282067" s="10"/>
    </row>
    <row r="282068" spans="14:14">
      <c r="N282068" s="10"/>
    </row>
    <row r="282069" spans="14:14">
      <c r="N282069" s="10"/>
    </row>
    <row r="282070" spans="14:14">
      <c r="N282070" s="10"/>
    </row>
    <row r="282071" spans="14:14">
      <c r="N282071" s="10"/>
    </row>
    <row r="282072" spans="14:14">
      <c r="N282072" s="10"/>
    </row>
    <row r="282073" spans="14:14">
      <c r="N282073" s="10"/>
    </row>
    <row r="282074" spans="14:14">
      <c r="N282074" s="10"/>
    </row>
    <row r="282075" spans="14:14">
      <c r="N282075" s="10"/>
    </row>
    <row r="282076" spans="14:14">
      <c r="N282076" s="10"/>
    </row>
    <row r="282077" spans="14:14">
      <c r="N282077" s="10"/>
    </row>
    <row r="282078" spans="14:14">
      <c r="N282078" s="10"/>
    </row>
    <row r="282079" spans="14:14">
      <c r="N282079" s="10"/>
    </row>
    <row r="282080" spans="14:14">
      <c r="N282080" s="10"/>
    </row>
    <row r="282081" spans="14:14">
      <c r="N282081" s="10"/>
    </row>
    <row r="282082" spans="14:14">
      <c r="N282082" s="10"/>
    </row>
    <row r="282083" spans="14:14">
      <c r="N282083" s="10"/>
    </row>
    <row r="282084" spans="14:14">
      <c r="N282084" s="10"/>
    </row>
    <row r="282085" spans="14:14">
      <c r="N282085" s="10"/>
    </row>
    <row r="282086" spans="14:14">
      <c r="N282086" s="10"/>
    </row>
    <row r="282087" spans="14:14">
      <c r="N282087" s="10"/>
    </row>
    <row r="282088" spans="14:14">
      <c r="N282088" s="10"/>
    </row>
    <row r="282089" spans="14:14">
      <c r="N282089" s="10"/>
    </row>
    <row r="282090" spans="14:14">
      <c r="N282090" s="10"/>
    </row>
    <row r="282091" spans="14:14">
      <c r="N282091" s="10"/>
    </row>
    <row r="282092" spans="14:14">
      <c r="N282092" s="10"/>
    </row>
    <row r="282093" spans="14:14">
      <c r="N282093" s="10"/>
    </row>
    <row r="282094" spans="14:14">
      <c r="N282094" s="10"/>
    </row>
    <row r="282095" spans="14:14">
      <c r="N282095" s="10"/>
    </row>
    <row r="282096" spans="14:14">
      <c r="N282096" s="10"/>
    </row>
    <row r="282097" spans="14:14">
      <c r="N282097" s="10"/>
    </row>
    <row r="282098" spans="14:14">
      <c r="N282098" s="10"/>
    </row>
    <row r="282099" spans="14:14">
      <c r="N282099" s="10"/>
    </row>
    <row r="282100" spans="14:14">
      <c r="N282100" s="10"/>
    </row>
    <row r="282101" spans="14:14">
      <c r="N282101" s="10"/>
    </row>
    <row r="282102" spans="14:14">
      <c r="N282102" s="10"/>
    </row>
    <row r="282103" spans="14:14">
      <c r="N282103" s="10"/>
    </row>
    <row r="282104" spans="14:14">
      <c r="N282104" s="10"/>
    </row>
    <row r="282105" spans="14:14">
      <c r="N282105" s="10"/>
    </row>
    <row r="282106" spans="14:14">
      <c r="N282106" s="10"/>
    </row>
    <row r="282107" spans="14:14">
      <c r="N282107" s="10"/>
    </row>
    <row r="282108" spans="14:14">
      <c r="N282108" s="10"/>
    </row>
    <row r="282109" spans="14:14">
      <c r="N282109" s="10"/>
    </row>
    <row r="282110" spans="14:14">
      <c r="N282110" s="10"/>
    </row>
    <row r="282111" spans="14:14">
      <c r="N282111" s="10"/>
    </row>
    <row r="282112" spans="14:14">
      <c r="N282112" s="10"/>
    </row>
    <row r="282113" spans="14:14">
      <c r="N282113" s="10"/>
    </row>
    <row r="282114" spans="14:14">
      <c r="N282114" s="10"/>
    </row>
    <row r="282115" spans="14:14">
      <c r="N282115" s="10"/>
    </row>
    <row r="282116" spans="14:14">
      <c r="N282116" s="10"/>
    </row>
    <row r="282117" spans="14:14">
      <c r="N282117" s="10"/>
    </row>
    <row r="282118" spans="14:14">
      <c r="N282118" s="10"/>
    </row>
    <row r="282119" spans="14:14">
      <c r="N282119" s="10"/>
    </row>
    <row r="282120" spans="14:14">
      <c r="N282120" s="10"/>
    </row>
    <row r="282121" spans="14:14">
      <c r="N282121" s="10"/>
    </row>
    <row r="282122" spans="14:14">
      <c r="N282122" s="10"/>
    </row>
    <row r="282123" spans="14:14">
      <c r="N282123" s="10"/>
    </row>
    <row r="282124" spans="14:14">
      <c r="N282124" s="10"/>
    </row>
    <row r="282125" spans="14:14">
      <c r="N282125" s="10"/>
    </row>
    <row r="282126" spans="14:14">
      <c r="N282126" s="10"/>
    </row>
    <row r="282127" spans="14:14">
      <c r="N282127" s="10"/>
    </row>
    <row r="282128" spans="14:14">
      <c r="N282128" s="10"/>
    </row>
    <row r="282129" spans="14:14">
      <c r="N282129" s="10"/>
    </row>
    <row r="282130" spans="14:14">
      <c r="N282130" s="10"/>
    </row>
    <row r="282131" spans="14:14">
      <c r="N282131" s="10"/>
    </row>
    <row r="282132" spans="14:14">
      <c r="N282132" s="10"/>
    </row>
    <row r="282133" spans="14:14">
      <c r="N282133" s="10"/>
    </row>
    <row r="282134" spans="14:14">
      <c r="N282134" s="10"/>
    </row>
    <row r="282135" spans="14:14">
      <c r="N282135" s="10"/>
    </row>
    <row r="282136" spans="14:14">
      <c r="N282136" s="10"/>
    </row>
    <row r="282137" spans="14:14">
      <c r="N282137" s="10"/>
    </row>
    <row r="282138" spans="14:14">
      <c r="N282138" s="10"/>
    </row>
    <row r="282139" spans="14:14">
      <c r="N282139" s="10"/>
    </row>
    <row r="282140" spans="14:14">
      <c r="N282140" s="10"/>
    </row>
    <row r="282141" spans="14:14">
      <c r="N282141" s="10"/>
    </row>
    <row r="282142" spans="14:14">
      <c r="N282142" s="10"/>
    </row>
    <row r="282143" spans="14:14">
      <c r="N282143" s="10"/>
    </row>
    <row r="282144" spans="14:14">
      <c r="N282144" s="10"/>
    </row>
    <row r="282145" spans="14:14">
      <c r="N282145" s="10"/>
    </row>
    <row r="282146" spans="14:14">
      <c r="N282146" s="10"/>
    </row>
    <row r="282147" spans="14:14">
      <c r="N282147" s="10"/>
    </row>
    <row r="282148" spans="14:14">
      <c r="N282148" s="10"/>
    </row>
    <row r="282149" spans="14:14">
      <c r="N282149" s="10"/>
    </row>
    <row r="282150" spans="14:14">
      <c r="N282150" s="10"/>
    </row>
    <row r="282151" spans="14:14">
      <c r="N282151" s="10"/>
    </row>
    <row r="282152" spans="14:14">
      <c r="N282152" s="10"/>
    </row>
    <row r="282153" spans="14:14">
      <c r="N282153" s="10"/>
    </row>
    <row r="282154" spans="14:14">
      <c r="N282154" s="10"/>
    </row>
    <row r="282155" spans="14:14">
      <c r="N282155" s="10"/>
    </row>
    <row r="282156" spans="14:14">
      <c r="N282156" s="10"/>
    </row>
    <row r="282157" spans="14:14">
      <c r="N282157" s="10"/>
    </row>
    <row r="282158" spans="14:14">
      <c r="N282158" s="10"/>
    </row>
    <row r="282159" spans="14:14">
      <c r="N282159" s="10"/>
    </row>
    <row r="282160" spans="14:14">
      <c r="N282160" s="10"/>
    </row>
    <row r="282161" spans="14:14">
      <c r="N282161" s="10"/>
    </row>
    <row r="282162" spans="14:14">
      <c r="N282162" s="10"/>
    </row>
    <row r="282163" spans="14:14">
      <c r="N282163" s="10"/>
    </row>
    <row r="282164" spans="14:14">
      <c r="N282164" s="10"/>
    </row>
    <row r="282165" spans="14:14">
      <c r="N282165" s="10"/>
    </row>
    <row r="282166" spans="14:14">
      <c r="N282166" s="10"/>
    </row>
    <row r="282167" spans="14:14">
      <c r="N282167" s="10"/>
    </row>
    <row r="282168" spans="14:14">
      <c r="N282168" s="10"/>
    </row>
    <row r="282169" spans="14:14">
      <c r="N282169" s="10"/>
    </row>
    <row r="282170" spans="14:14">
      <c r="N282170" s="10"/>
    </row>
    <row r="282171" spans="14:14">
      <c r="N282171" s="10"/>
    </row>
    <row r="282172" spans="14:14">
      <c r="N282172" s="10"/>
    </row>
    <row r="282173" spans="14:14">
      <c r="N282173" s="10"/>
    </row>
    <row r="282174" spans="14:14">
      <c r="N282174" s="10"/>
    </row>
    <row r="282175" spans="14:14">
      <c r="N282175" s="10"/>
    </row>
    <row r="282176" spans="14:14">
      <c r="N282176" s="10"/>
    </row>
    <row r="282177" spans="14:14">
      <c r="N282177" s="10"/>
    </row>
    <row r="282178" spans="14:14">
      <c r="N282178" s="10"/>
    </row>
    <row r="282179" spans="14:14">
      <c r="N282179" s="10"/>
    </row>
    <row r="282180" spans="14:14">
      <c r="N282180" s="10"/>
    </row>
    <row r="282181" spans="14:14">
      <c r="N282181" s="10"/>
    </row>
    <row r="282182" spans="14:14">
      <c r="N282182" s="10"/>
    </row>
    <row r="282183" spans="14:14">
      <c r="N282183" s="10"/>
    </row>
    <row r="282184" spans="14:14">
      <c r="N282184" s="10"/>
    </row>
    <row r="282185" spans="14:14">
      <c r="N282185" s="10"/>
    </row>
    <row r="282186" spans="14:14">
      <c r="N282186" s="10"/>
    </row>
    <row r="282187" spans="14:14">
      <c r="N282187" s="10"/>
    </row>
    <row r="282188" spans="14:14">
      <c r="N282188" s="10"/>
    </row>
    <row r="282189" spans="14:14">
      <c r="N282189" s="10"/>
    </row>
    <row r="282190" spans="14:14">
      <c r="N282190" s="10"/>
    </row>
    <row r="282191" spans="14:14">
      <c r="N282191" s="10"/>
    </row>
    <row r="282192" spans="14:14">
      <c r="N282192" s="10"/>
    </row>
    <row r="282193" spans="14:14">
      <c r="N282193" s="10"/>
    </row>
    <row r="282194" spans="14:14">
      <c r="N282194" s="10"/>
    </row>
    <row r="282195" spans="14:14">
      <c r="N282195" s="10"/>
    </row>
    <row r="282196" spans="14:14">
      <c r="N282196" s="10"/>
    </row>
    <row r="282197" spans="14:14">
      <c r="N282197" s="10"/>
    </row>
    <row r="282198" spans="14:14">
      <c r="N282198" s="10"/>
    </row>
    <row r="282199" spans="14:14">
      <c r="N282199" s="10"/>
    </row>
    <row r="282200" spans="14:14">
      <c r="N282200" s="10"/>
    </row>
    <row r="282201" spans="14:14">
      <c r="N282201" s="10"/>
    </row>
    <row r="282202" spans="14:14">
      <c r="N282202" s="10"/>
    </row>
    <row r="282203" spans="14:14">
      <c r="N282203" s="10"/>
    </row>
    <row r="282204" spans="14:14">
      <c r="N282204" s="10"/>
    </row>
    <row r="282205" spans="14:14">
      <c r="N282205" s="10"/>
    </row>
    <row r="282206" spans="14:14">
      <c r="N282206" s="10"/>
    </row>
    <row r="282207" spans="14:14">
      <c r="N282207" s="10"/>
    </row>
    <row r="282208" spans="14:14">
      <c r="N282208" s="10"/>
    </row>
    <row r="282209" spans="14:14">
      <c r="N282209" s="10"/>
    </row>
    <row r="282210" spans="14:14">
      <c r="N282210" s="10"/>
    </row>
    <row r="282211" spans="14:14">
      <c r="N282211" s="10"/>
    </row>
    <row r="282212" spans="14:14">
      <c r="N282212" s="10"/>
    </row>
    <row r="282213" spans="14:14">
      <c r="N282213" s="10"/>
    </row>
    <row r="282214" spans="14:14">
      <c r="N282214" s="10"/>
    </row>
    <row r="282215" spans="14:14">
      <c r="N282215" s="10"/>
    </row>
    <row r="282216" spans="14:14">
      <c r="N282216" s="10"/>
    </row>
    <row r="282217" spans="14:14">
      <c r="N282217" s="10"/>
    </row>
    <row r="282218" spans="14:14">
      <c r="N282218" s="10"/>
    </row>
    <row r="282219" spans="14:14">
      <c r="N282219" s="10"/>
    </row>
    <row r="282220" spans="14:14">
      <c r="N282220" s="10"/>
    </row>
    <row r="282221" spans="14:14">
      <c r="N282221" s="10"/>
    </row>
    <row r="282222" spans="14:14">
      <c r="N282222" s="10"/>
    </row>
    <row r="282223" spans="14:14">
      <c r="N282223" s="10"/>
    </row>
    <row r="282224" spans="14:14">
      <c r="N282224" s="10"/>
    </row>
    <row r="282225" spans="14:14">
      <c r="N282225" s="10"/>
    </row>
    <row r="282226" spans="14:14">
      <c r="N282226" s="10"/>
    </row>
    <row r="282227" spans="14:14">
      <c r="N282227" s="10"/>
    </row>
    <row r="282228" spans="14:14">
      <c r="N282228" s="10"/>
    </row>
    <row r="282229" spans="14:14">
      <c r="N282229" s="10"/>
    </row>
    <row r="282230" spans="14:14">
      <c r="N282230" s="10"/>
    </row>
    <row r="282231" spans="14:14">
      <c r="N282231" s="10"/>
    </row>
    <row r="282232" spans="14:14">
      <c r="N282232" s="10"/>
    </row>
    <row r="282233" spans="14:14">
      <c r="N282233" s="10"/>
    </row>
    <row r="282234" spans="14:14">
      <c r="N282234" s="10"/>
    </row>
    <row r="282235" spans="14:14">
      <c r="N282235" s="10"/>
    </row>
    <row r="282236" spans="14:14">
      <c r="N282236" s="10"/>
    </row>
    <row r="282237" spans="14:14">
      <c r="N282237" s="10"/>
    </row>
    <row r="282238" spans="14:14">
      <c r="N282238" s="10"/>
    </row>
    <row r="282239" spans="14:14">
      <c r="N282239" s="10"/>
    </row>
    <row r="282240" spans="14:14">
      <c r="N282240" s="10"/>
    </row>
    <row r="282241" spans="14:14">
      <c r="N282241" s="10"/>
    </row>
    <row r="282242" spans="14:14">
      <c r="N282242" s="10"/>
    </row>
    <row r="282243" spans="14:14">
      <c r="N282243" s="10"/>
    </row>
    <row r="282244" spans="14:14">
      <c r="N282244" s="10"/>
    </row>
    <row r="282245" spans="14:14">
      <c r="N282245" s="10"/>
    </row>
    <row r="282246" spans="14:14">
      <c r="N282246" s="10"/>
    </row>
    <row r="282247" spans="14:14">
      <c r="N282247" s="10"/>
    </row>
    <row r="282248" spans="14:14">
      <c r="N282248" s="10"/>
    </row>
    <row r="282249" spans="14:14">
      <c r="N282249" s="10"/>
    </row>
    <row r="282250" spans="14:14">
      <c r="N282250" s="10"/>
    </row>
    <row r="282251" spans="14:14">
      <c r="N282251" s="10"/>
    </row>
    <row r="282252" spans="14:14">
      <c r="N282252" s="10"/>
    </row>
    <row r="282253" spans="14:14">
      <c r="N282253" s="10"/>
    </row>
    <row r="282254" spans="14:14">
      <c r="N282254" s="10"/>
    </row>
    <row r="282255" spans="14:14">
      <c r="N282255" s="10"/>
    </row>
    <row r="282256" spans="14:14">
      <c r="N282256" s="10"/>
    </row>
    <row r="282257" spans="14:14">
      <c r="N282257" s="10"/>
    </row>
    <row r="282258" spans="14:14">
      <c r="N282258" s="10"/>
    </row>
    <row r="282259" spans="14:14">
      <c r="N282259" s="10"/>
    </row>
    <row r="282260" spans="14:14">
      <c r="N282260" s="10"/>
    </row>
    <row r="282261" spans="14:14">
      <c r="N282261" s="10"/>
    </row>
    <row r="282262" spans="14:14">
      <c r="N282262" s="10"/>
    </row>
    <row r="282263" spans="14:14">
      <c r="N282263" s="10"/>
    </row>
    <row r="282264" spans="14:14">
      <c r="N282264" s="10"/>
    </row>
    <row r="282265" spans="14:14">
      <c r="N282265" s="10"/>
    </row>
    <row r="282266" spans="14:14">
      <c r="N282266" s="10"/>
    </row>
    <row r="282267" spans="14:14">
      <c r="N282267" s="10"/>
    </row>
    <row r="282268" spans="14:14">
      <c r="N282268" s="10"/>
    </row>
    <row r="282269" spans="14:14">
      <c r="N282269" s="10"/>
    </row>
    <row r="282270" spans="14:14">
      <c r="N282270" s="10"/>
    </row>
    <row r="282271" spans="14:14">
      <c r="N282271" s="10"/>
    </row>
    <row r="282272" spans="14:14">
      <c r="N282272" s="10"/>
    </row>
    <row r="282273" spans="14:14">
      <c r="N282273" s="10"/>
    </row>
    <row r="282274" spans="14:14">
      <c r="N282274" s="10"/>
    </row>
    <row r="282275" spans="14:14">
      <c r="N282275" s="10"/>
    </row>
    <row r="282276" spans="14:14">
      <c r="N282276" s="10"/>
    </row>
    <row r="282277" spans="14:14">
      <c r="N282277" s="10"/>
    </row>
    <row r="282278" spans="14:14">
      <c r="N282278" s="10"/>
    </row>
    <row r="282279" spans="14:14">
      <c r="N282279" s="10"/>
    </row>
    <row r="282280" spans="14:14">
      <c r="N282280" s="10"/>
    </row>
    <row r="282281" spans="14:14">
      <c r="N282281" s="10"/>
    </row>
    <row r="282282" spans="14:14">
      <c r="N282282" s="10"/>
    </row>
    <row r="282283" spans="14:14">
      <c r="N282283" s="10"/>
    </row>
    <row r="282284" spans="14:14">
      <c r="N282284" s="10"/>
    </row>
    <row r="282285" spans="14:14">
      <c r="N282285" s="10"/>
    </row>
    <row r="282286" spans="14:14">
      <c r="N282286" s="10"/>
    </row>
    <row r="282287" spans="14:14">
      <c r="N282287" s="10"/>
    </row>
    <row r="282288" spans="14:14">
      <c r="N282288" s="10"/>
    </row>
    <row r="282289" spans="14:14">
      <c r="N282289" s="10"/>
    </row>
    <row r="282290" spans="14:14">
      <c r="N282290" s="10"/>
    </row>
    <row r="282291" spans="14:14">
      <c r="N282291" s="10"/>
    </row>
    <row r="282292" spans="14:14">
      <c r="N282292" s="10"/>
    </row>
    <row r="282293" spans="14:14">
      <c r="N282293" s="10"/>
    </row>
    <row r="282294" spans="14:14">
      <c r="N282294" s="10"/>
    </row>
    <row r="282295" spans="14:14">
      <c r="N282295" s="10"/>
    </row>
    <row r="282296" spans="14:14">
      <c r="N282296" s="10"/>
    </row>
    <row r="282297" spans="14:14">
      <c r="N282297" s="10"/>
    </row>
    <row r="282298" spans="14:14">
      <c r="N282298" s="10"/>
    </row>
    <row r="282299" spans="14:14">
      <c r="N282299" s="10"/>
    </row>
    <row r="282300" spans="14:14">
      <c r="N282300" s="10"/>
    </row>
    <row r="282301" spans="14:14">
      <c r="N282301" s="10"/>
    </row>
    <row r="282302" spans="14:14">
      <c r="N282302" s="10"/>
    </row>
    <row r="282303" spans="14:14">
      <c r="N282303" s="10"/>
    </row>
    <row r="282304" spans="14:14">
      <c r="N282304" s="10"/>
    </row>
    <row r="282305" spans="14:14">
      <c r="N282305" s="10"/>
    </row>
    <row r="282306" spans="14:14">
      <c r="N282306" s="10"/>
    </row>
    <row r="282307" spans="14:14">
      <c r="N282307" s="10"/>
    </row>
    <row r="282308" spans="14:14">
      <c r="N282308" s="10"/>
    </row>
    <row r="282309" spans="14:14">
      <c r="N282309" s="10"/>
    </row>
    <row r="282310" spans="14:14">
      <c r="N282310" s="10"/>
    </row>
    <row r="282311" spans="14:14">
      <c r="N282311" s="10"/>
    </row>
    <row r="282312" spans="14:14">
      <c r="N282312" s="10"/>
    </row>
    <row r="282313" spans="14:14">
      <c r="N282313" s="10"/>
    </row>
    <row r="282314" spans="14:14">
      <c r="N282314" s="10"/>
    </row>
    <row r="282315" spans="14:14">
      <c r="N282315" s="10"/>
    </row>
    <row r="282316" spans="14:14">
      <c r="N282316" s="10"/>
    </row>
    <row r="282317" spans="14:14">
      <c r="N282317" s="10"/>
    </row>
    <row r="282318" spans="14:14">
      <c r="N282318" s="10"/>
    </row>
    <row r="282319" spans="14:14">
      <c r="N282319" s="10"/>
    </row>
    <row r="282320" spans="14:14">
      <c r="N282320" s="10"/>
    </row>
    <row r="282321" spans="14:14">
      <c r="N282321" s="10"/>
    </row>
    <row r="282322" spans="14:14">
      <c r="N282322" s="10"/>
    </row>
    <row r="282323" spans="14:14">
      <c r="N282323" s="10"/>
    </row>
    <row r="282324" spans="14:14">
      <c r="N282324" s="10"/>
    </row>
    <row r="282325" spans="14:14">
      <c r="N282325" s="10"/>
    </row>
    <row r="282326" spans="14:14">
      <c r="N282326" s="10"/>
    </row>
    <row r="282327" spans="14:14">
      <c r="N282327" s="10"/>
    </row>
    <row r="282328" spans="14:14">
      <c r="N282328" s="10"/>
    </row>
    <row r="282329" spans="14:14">
      <c r="N282329" s="10"/>
    </row>
    <row r="282330" spans="14:14">
      <c r="N282330" s="10"/>
    </row>
    <row r="282331" spans="14:14">
      <c r="N282331" s="10"/>
    </row>
    <row r="282332" spans="14:14">
      <c r="N282332" s="10"/>
    </row>
    <row r="282333" spans="14:14">
      <c r="N282333" s="10"/>
    </row>
    <row r="282334" spans="14:14">
      <c r="N282334" s="10"/>
    </row>
    <row r="282335" spans="14:14">
      <c r="N282335" s="10"/>
    </row>
    <row r="282336" spans="14:14">
      <c r="N282336" s="10"/>
    </row>
    <row r="282337" spans="14:14">
      <c r="N282337" s="10"/>
    </row>
    <row r="282338" spans="14:14">
      <c r="N282338" s="10"/>
    </row>
    <row r="282339" spans="14:14">
      <c r="N282339" s="10"/>
    </row>
    <row r="282340" spans="14:14">
      <c r="N282340" s="10"/>
    </row>
    <row r="282341" spans="14:14">
      <c r="N282341" s="10"/>
    </row>
    <row r="282342" spans="14:14">
      <c r="N282342" s="10"/>
    </row>
    <row r="282343" spans="14:14">
      <c r="N282343" s="10"/>
    </row>
    <row r="282344" spans="14:14">
      <c r="N282344" s="10"/>
    </row>
    <row r="282345" spans="14:14">
      <c r="N282345" s="10"/>
    </row>
    <row r="282346" spans="14:14">
      <c r="N282346" s="10"/>
    </row>
    <row r="282347" spans="14:14">
      <c r="N282347" s="10"/>
    </row>
    <row r="282348" spans="14:14">
      <c r="N282348" s="10"/>
    </row>
    <row r="282349" spans="14:14">
      <c r="N282349" s="10"/>
    </row>
    <row r="282350" spans="14:14">
      <c r="N282350" s="10"/>
    </row>
    <row r="282351" spans="14:14">
      <c r="N282351" s="10"/>
    </row>
    <row r="282352" spans="14:14">
      <c r="N282352" s="10"/>
    </row>
    <row r="282353" spans="14:14">
      <c r="N282353" s="10"/>
    </row>
    <row r="282354" spans="14:14">
      <c r="N282354" s="10"/>
    </row>
    <row r="282355" spans="14:14">
      <c r="N282355" s="10"/>
    </row>
    <row r="282356" spans="14:14">
      <c r="N282356" s="10"/>
    </row>
    <row r="282357" spans="14:14">
      <c r="N282357" s="10"/>
    </row>
    <row r="282358" spans="14:14">
      <c r="N282358" s="10"/>
    </row>
    <row r="282359" spans="14:14">
      <c r="N282359" s="10"/>
    </row>
    <row r="282360" spans="14:14">
      <c r="N282360" s="10"/>
    </row>
    <row r="282361" spans="14:14">
      <c r="N282361" s="10"/>
    </row>
    <row r="282362" spans="14:14">
      <c r="N282362" s="10"/>
    </row>
    <row r="282363" spans="14:14">
      <c r="N282363" s="10"/>
    </row>
    <row r="282364" spans="14:14">
      <c r="N282364" s="10"/>
    </row>
    <row r="282365" spans="14:14">
      <c r="N282365" s="10"/>
    </row>
    <row r="282366" spans="14:14">
      <c r="N282366" s="10"/>
    </row>
    <row r="282367" spans="14:14">
      <c r="N282367" s="10"/>
    </row>
    <row r="282368" spans="14:14">
      <c r="N282368" s="10"/>
    </row>
    <row r="282369" spans="14:14">
      <c r="N282369" s="10"/>
    </row>
    <row r="282370" spans="14:14">
      <c r="N282370" s="10"/>
    </row>
    <row r="282371" spans="14:14">
      <c r="N282371" s="10"/>
    </row>
    <row r="282372" spans="14:14">
      <c r="N282372" s="10"/>
    </row>
    <row r="282373" spans="14:14">
      <c r="N282373" s="10"/>
    </row>
    <row r="282374" spans="14:14">
      <c r="N282374" s="10"/>
    </row>
    <row r="282375" spans="14:14">
      <c r="N282375" s="10"/>
    </row>
    <row r="282376" spans="14:14">
      <c r="N282376" s="10"/>
    </row>
    <row r="282377" spans="14:14">
      <c r="N282377" s="10"/>
    </row>
    <row r="282378" spans="14:14">
      <c r="N282378" s="10"/>
    </row>
    <row r="282379" spans="14:14">
      <c r="N282379" s="10"/>
    </row>
    <row r="282380" spans="14:14">
      <c r="N282380" s="10"/>
    </row>
    <row r="282381" spans="14:14">
      <c r="N282381" s="10"/>
    </row>
    <row r="282382" spans="14:14">
      <c r="N282382" s="10"/>
    </row>
    <row r="282383" spans="14:14">
      <c r="N282383" s="10"/>
    </row>
    <row r="282384" spans="14:14">
      <c r="N282384" s="10"/>
    </row>
    <row r="282385" spans="14:14">
      <c r="N282385" s="10"/>
    </row>
    <row r="282386" spans="14:14">
      <c r="N282386" s="10"/>
    </row>
    <row r="282387" spans="14:14">
      <c r="N282387" s="10"/>
    </row>
    <row r="282388" spans="14:14">
      <c r="N282388" s="10"/>
    </row>
    <row r="282389" spans="14:14">
      <c r="N282389" s="10"/>
    </row>
    <row r="282390" spans="14:14">
      <c r="N282390" s="10"/>
    </row>
    <row r="282391" spans="14:14">
      <c r="N282391" s="10"/>
    </row>
    <row r="282392" spans="14:14">
      <c r="N282392" s="10"/>
    </row>
    <row r="282393" spans="14:14">
      <c r="N282393" s="10"/>
    </row>
    <row r="282394" spans="14:14">
      <c r="N282394" s="10"/>
    </row>
    <row r="282395" spans="14:14">
      <c r="N282395" s="10"/>
    </row>
    <row r="282396" spans="14:14">
      <c r="N282396" s="10"/>
    </row>
    <row r="282397" spans="14:14">
      <c r="N282397" s="10"/>
    </row>
    <row r="282398" spans="14:14">
      <c r="N282398" s="10"/>
    </row>
    <row r="282399" spans="14:14">
      <c r="N282399" s="10"/>
    </row>
    <row r="282400" spans="14:14">
      <c r="N282400" s="10"/>
    </row>
    <row r="282401" spans="14:14">
      <c r="N282401" s="10"/>
    </row>
    <row r="282402" spans="14:14">
      <c r="N282402" s="10"/>
    </row>
    <row r="282403" spans="14:14">
      <c r="N282403" s="10"/>
    </row>
    <row r="282404" spans="14:14">
      <c r="N282404" s="10"/>
    </row>
    <row r="282405" spans="14:14">
      <c r="N282405" s="10"/>
    </row>
    <row r="282406" spans="14:14">
      <c r="N282406" s="10"/>
    </row>
    <row r="282407" spans="14:14">
      <c r="N282407" s="10"/>
    </row>
    <row r="282408" spans="14:14">
      <c r="N282408" s="10"/>
    </row>
    <row r="282409" spans="14:14">
      <c r="N282409" s="10"/>
    </row>
    <row r="282410" spans="14:14">
      <c r="N282410" s="10"/>
    </row>
    <row r="282411" spans="14:14">
      <c r="N282411" s="10"/>
    </row>
    <row r="282412" spans="14:14">
      <c r="N282412" s="10"/>
    </row>
    <row r="282413" spans="14:14">
      <c r="N282413" s="10"/>
    </row>
    <row r="282414" spans="14:14">
      <c r="N282414" s="10"/>
    </row>
    <row r="282415" spans="14:14">
      <c r="N282415" s="10"/>
    </row>
    <row r="282416" spans="14:14">
      <c r="N282416" s="10"/>
    </row>
    <row r="282417" spans="14:14">
      <c r="N282417" s="10"/>
    </row>
    <row r="282418" spans="14:14">
      <c r="N282418" s="10"/>
    </row>
    <row r="282419" spans="14:14">
      <c r="N282419" s="10"/>
    </row>
    <row r="282420" spans="14:14">
      <c r="N282420" s="10"/>
    </row>
    <row r="282421" spans="14:14">
      <c r="N282421" s="10"/>
    </row>
    <row r="282422" spans="14:14">
      <c r="N282422" s="10"/>
    </row>
    <row r="282423" spans="14:14">
      <c r="N282423" s="10"/>
    </row>
    <row r="282424" spans="14:14">
      <c r="N282424" s="10"/>
    </row>
    <row r="282425" spans="14:14">
      <c r="N282425" s="10"/>
    </row>
    <row r="282426" spans="14:14">
      <c r="N282426" s="10"/>
    </row>
    <row r="282427" spans="14:14">
      <c r="N282427" s="10"/>
    </row>
    <row r="282428" spans="14:14">
      <c r="N282428" s="10"/>
    </row>
    <row r="282429" spans="14:14">
      <c r="N282429" s="10"/>
    </row>
    <row r="282430" spans="14:14">
      <c r="N282430" s="10"/>
    </row>
    <row r="282431" spans="14:14">
      <c r="N282431" s="10"/>
    </row>
    <row r="282432" spans="14:14">
      <c r="N282432" s="10"/>
    </row>
    <row r="282433" spans="14:14">
      <c r="N282433" s="10"/>
    </row>
    <row r="282434" spans="14:14">
      <c r="N282434" s="10"/>
    </row>
    <row r="282435" spans="14:14">
      <c r="N282435" s="10"/>
    </row>
    <row r="282436" spans="14:14">
      <c r="N282436" s="10"/>
    </row>
    <row r="282437" spans="14:14">
      <c r="N282437" s="10"/>
    </row>
    <row r="282438" spans="14:14">
      <c r="N282438" s="10"/>
    </row>
    <row r="282439" spans="14:14">
      <c r="N282439" s="10"/>
    </row>
    <row r="282440" spans="14:14">
      <c r="N282440" s="10"/>
    </row>
    <row r="282441" spans="14:14">
      <c r="N282441" s="10"/>
    </row>
    <row r="282442" spans="14:14">
      <c r="N282442" s="10"/>
    </row>
    <row r="282443" spans="14:14">
      <c r="N282443" s="10"/>
    </row>
    <row r="282444" spans="14:14">
      <c r="N282444" s="10"/>
    </row>
    <row r="282445" spans="14:14">
      <c r="N282445" s="10"/>
    </row>
    <row r="282446" spans="14:14">
      <c r="N282446" s="10"/>
    </row>
    <row r="282447" spans="14:14">
      <c r="N282447" s="10"/>
    </row>
    <row r="282448" spans="14:14">
      <c r="N282448" s="10"/>
    </row>
    <row r="282449" spans="14:14">
      <c r="N282449" s="10"/>
    </row>
    <row r="282450" spans="14:14">
      <c r="N282450" s="10"/>
    </row>
    <row r="282451" spans="14:14">
      <c r="N282451" s="10"/>
    </row>
    <row r="282452" spans="14:14">
      <c r="N282452" s="10"/>
    </row>
    <row r="282453" spans="14:14">
      <c r="N282453" s="10"/>
    </row>
    <row r="282454" spans="14:14">
      <c r="N282454" s="10"/>
    </row>
    <row r="282455" spans="14:14">
      <c r="N282455" s="10"/>
    </row>
    <row r="282456" spans="14:14">
      <c r="N282456" s="10"/>
    </row>
    <row r="282457" spans="14:14">
      <c r="N282457" s="10"/>
    </row>
    <row r="282458" spans="14:14">
      <c r="N282458" s="10"/>
    </row>
    <row r="282459" spans="14:14">
      <c r="N282459" s="10"/>
    </row>
    <row r="282460" spans="14:14">
      <c r="N282460" s="10"/>
    </row>
    <row r="282461" spans="14:14">
      <c r="N282461" s="10"/>
    </row>
    <row r="282462" spans="14:14">
      <c r="N282462" s="10"/>
    </row>
    <row r="282463" spans="14:14">
      <c r="N282463" s="10"/>
    </row>
    <row r="282464" spans="14:14">
      <c r="N282464" s="10"/>
    </row>
    <row r="282465" spans="14:14">
      <c r="N282465" s="10"/>
    </row>
    <row r="282466" spans="14:14">
      <c r="N282466" s="10"/>
    </row>
    <row r="282467" spans="14:14">
      <c r="N282467" s="10"/>
    </row>
    <row r="282468" spans="14:14">
      <c r="N282468" s="10"/>
    </row>
    <row r="282469" spans="14:14">
      <c r="N282469" s="10"/>
    </row>
    <row r="282470" spans="14:14">
      <c r="N282470" s="10"/>
    </row>
    <row r="282471" spans="14:14">
      <c r="N282471" s="10"/>
    </row>
    <row r="282472" spans="14:14">
      <c r="N282472" s="10"/>
    </row>
    <row r="282473" spans="14:14">
      <c r="N282473" s="10"/>
    </row>
    <row r="282474" spans="14:14">
      <c r="N282474" s="10"/>
    </row>
    <row r="282475" spans="14:14">
      <c r="N282475" s="10"/>
    </row>
    <row r="282476" spans="14:14">
      <c r="N282476" s="10"/>
    </row>
    <row r="282477" spans="14:14">
      <c r="N282477" s="10"/>
    </row>
    <row r="282478" spans="14:14">
      <c r="N282478" s="10"/>
    </row>
    <row r="282479" spans="14:14">
      <c r="N282479" s="10"/>
    </row>
    <row r="282480" spans="14:14">
      <c r="N282480" s="10"/>
    </row>
    <row r="282481" spans="14:14">
      <c r="N282481" s="10"/>
    </row>
    <row r="282482" spans="14:14">
      <c r="N282482" s="10"/>
    </row>
    <row r="282483" spans="14:14">
      <c r="N282483" s="10"/>
    </row>
    <row r="282484" spans="14:14">
      <c r="N282484" s="10"/>
    </row>
    <row r="282485" spans="14:14">
      <c r="N282485" s="10"/>
    </row>
    <row r="282486" spans="14:14">
      <c r="N282486" s="10"/>
    </row>
    <row r="282487" spans="14:14">
      <c r="N282487" s="10"/>
    </row>
    <row r="282488" spans="14:14">
      <c r="N282488" s="10"/>
    </row>
    <row r="282489" spans="14:14">
      <c r="N282489" s="10"/>
    </row>
    <row r="282490" spans="14:14">
      <c r="N282490" s="10"/>
    </row>
    <row r="282491" spans="14:14">
      <c r="N282491" s="10"/>
    </row>
    <row r="282492" spans="14:14">
      <c r="N282492" s="10"/>
    </row>
    <row r="282493" spans="14:14">
      <c r="N282493" s="10"/>
    </row>
    <row r="282494" spans="14:14">
      <c r="N282494" s="10"/>
    </row>
    <row r="282495" spans="14:14">
      <c r="N282495" s="10"/>
    </row>
    <row r="282496" spans="14:14">
      <c r="N282496" s="10"/>
    </row>
    <row r="282497" spans="14:14">
      <c r="N282497" s="10"/>
    </row>
    <row r="282498" spans="14:14">
      <c r="N282498" s="10"/>
    </row>
    <row r="282499" spans="14:14">
      <c r="N282499" s="10"/>
    </row>
    <row r="282500" spans="14:14">
      <c r="N282500" s="10"/>
    </row>
    <row r="282501" spans="14:14">
      <c r="N282501" s="10"/>
    </row>
    <row r="282502" spans="14:14">
      <c r="N282502" s="10"/>
    </row>
    <row r="282503" spans="14:14">
      <c r="N282503" s="10"/>
    </row>
    <row r="282504" spans="14:14">
      <c r="N282504" s="10"/>
    </row>
    <row r="282505" spans="14:14">
      <c r="N282505" s="10"/>
    </row>
    <row r="282506" spans="14:14">
      <c r="N282506" s="10"/>
    </row>
    <row r="282507" spans="14:14">
      <c r="N282507" s="10"/>
    </row>
    <row r="282508" spans="14:14">
      <c r="N282508" s="10"/>
    </row>
    <row r="282509" spans="14:14">
      <c r="N282509" s="10"/>
    </row>
    <row r="282510" spans="14:14">
      <c r="N282510" s="10"/>
    </row>
    <row r="282511" spans="14:14">
      <c r="N282511" s="10"/>
    </row>
    <row r="282512" spans="14:14">
      <c r="N282512" s="10"/>
    </row>
    <row r="282513" spans="14:14">
      <c r="N282513" s="10"/>
    </row>
    <row r="282514" spans="14:14">
      <c r="N282514" s="10"/>
    </row>
    <row r="282515" spans="14:14">
      <c r="N282515" s="10"/>
    </row>
    <row r="282516" spans="14:14">
      <c r="N282516" s="10"/>
    </row>
    <row r="282517" spans="14:14">
      <c r="N282517" s="10"/>
    </row>
    <row r="282518" spans="14:14">
      <c r="N282518" s="10"/>
    </row>
    <row r="282519" spans="14:14">
      <c r="N282519" s="10"/>
    </row>
    <row r="282520" spans="14:14">
      <c r="N282520" s="10"/>
    </row>
    <row r="282521" spans="14:14">
      <c r="N282521" s="10"/>
    </row>
    <row r="282522" spans="14:14">
      <c r="N282522" s="10"/>
    </row>
    <row r="282523" spans="14:14">
      <c r="N282523" s="10"/>
    </row>
    <row r="282524" spans="14:14">
      <c r="N282524" s="10"/>
    </row>
    <row r="282525" spans="14:14">
      <c r="N282525" s="10"/>
    </row>
    <row r="282526" spans="14:14">
      <c r="N282526" s="10"/>
    </row>
    <row r="282527" spans="14:14">
      <c r="N282527" s="10"/>
    </row>
    <row r="282528" spans="14:14">
      <c r="N282528" s="10"/>
    </row>
    <row r="282529" spans="14:14">
      <c r="N282529" s="10"/>
    </row>
    <row r="282530" spans="14:14">
      <c r="N282530" s="10"/>
    </row>
    <row r="282531" spans="14:14">
      <c r="N282531" s="10"/>
    </row>
    <row r="282532" spans="14:14">
      <c r="N282532" s="10"/>
    </row>
    <row r="282533" spans="14:14">
      <c r="N282533" s="10"/>
    </row>
    <row r="282534" spans="14:14">
      <c r="N282534" s="10"/>
    </row>
    <row r="282535" spans="14:14">
      <c r="N282535" s="10"/>
    </row>
    <row r="282536" spans="14:14">
      <c r="N282536" s="10"/>
    </row>
    <row r="282537" spans="14:14">
      <c r="N282537" s="10"/>
    </row>
    <row r="282538" spans="14:14">
      <c r="N282538" s="10"/>
    </row>
    <row r="282539" spans="14:14">
      <c r="N282539" s="10"/>
    </row>
    <row r="282540" spans="14:14">
      <c r="N282540" s="10"/>
    </row>
    <row r="282541" spans="14:14">
      <c r="N282541" s="10"/>
    </row>
    <row r="282542" spans="14:14">
      <c r="N282542" s="10"/>
    </row>
    <row r="282543" spans="14:14">
      <c r="N282543" s="10"/>
    </row>
    <row r="282544" spans="14:14">
      <c r="N282544" s="10"/>
    </row>
    <row r="282545" spans="14:14">
      <c r="N282545" s="10"/>
    </row>
    <row r="282546" spans="14:14">
      <c r="N282546" s="10"/>
    </row>
    <row r="282547" spans="14:14">
      <c r="N282547" s="10"/>
    </row>
    <row r="282548" spans="14:14">
      <c r="N282548" s="10"/>
    </row>
    <row r="282549" spans="14:14">
      <c r="N282549" s="10"/>
    </row>
    <row r="282550" spans="14:14">
      <c r="N282550" s="10"/>
    </row>
    <row r="282551" spans="14:14">
      <c r="N282551" s="10"/>
    </row>
    <row r="282552" spans="14:14">
      <c r="N282552" s="10"/>
    </row>
    <row r="282553" spans="14:14">
      <c r="N282553" s="10"/>
    </row>
    <row r="282554" spans="14:14">
      <c r="N282554" s="10"/>
    </row>
    <row r="282555" spans="14:14">
      <c r="N282555" s="10"/>
    </row>
    <row r="282556" spans="14:14">
      <c r="N282556" s="10"/>
    </row>
    <row r="282557" spans="14:14">
      <c r="N282557" s="10"/>
    </row>
    <row r="282558" spans="14:14">
      <c r="N282558" s="10"/>
    </row>
    <row r="282559" spans="14:14">
      <c r="N282559" s="10"/>
    </row>
    <row r="282560" spans="14:14">
      <c r="N282560" s="10"/>
    </row>
    <row r="282561" spans="14:14">
      <c r="N282561" s="10"/>
    </row>
    <row r="282562" spans="14:14">
      <c r="N282562" s="10"/>
    </row>
    <row r="282563" spans="14:14">
      <c r="N282563" s="10"/>
    </row>
    <row r="282564" spans="14:14">
      <c r="N282564" s="10"/>
    </row>
    <row r="282565" spans="14:14">
      <c r="N282565" s="10"/>
    </row>
    <row r="282566" spans="14:14">
      <c r="N282566" s="10"/>
    </row>
    <row r="282567" spans="14:14">
      <c r="N282567" s="10"/>
    </row>
    <row r="282568" spans="14:14">
      <c r="N282568" s="10"/>
    </row>
    <row r="282569" spans="14:14">
      <c r="N282569" s="10"/>
    </row>
    <row r="282570" spans="14:14">
      <c r="N282570" s="10"/>
    </row>
    <row r="282571" spans="14:14">
      <c r="N282571" s="10"/>
    </row>
    <row r="282572" spans="14:14">
      <c r="N282572" s="10"/>
    </row>
    <row r="282573" spans="14:14">
      <c r="N282573" s="10"/>
    </row>
    <row r="282574" spans="14:14">
      <c r="N282574" s="10"/>
    </row>
    <row r="282575" spans="14:14">
      <c r="N282575" s="10"/>
    </row>
    <row r="282576" spans="14:14">
      <c r="N282576" s="10"/>
    </row>
    <row r="282577" spans="14:14">
      <c r="N282577" s="10"/>
    </row>
    <row r="282578" spans="14:14">
      <c r="N282578" s="10"/>
    </row>
    <row r="282579" spans="14:14">
      <c r="N282579" s="10"/>
    </row>
    <row r="282580" spans="14:14">
      <c r="N282580" s="10"/>
    </row>
    <row r="282581" spans="14:14">
      <c r="N282581" s="10"/>
    </row>
    <row r="282582" spans="14:14">
      <c r="N282582" s="10"/>
    </row>
    <row r="282583" spans="14:14">
      <c r="N282583" s="10"/>
    </row>
    <row r="282584" spans="14:14">
      <c r="N282584" s="10"/>
    </row>
    <row r="282585" spans="14:14">
      <c r="N282585" s="10"/>
    </row>
    <row r="282586" spans="14:14">
      <c r="N282586" s="10"/>
    </row>
    <row r="282587" spans="14:14">
      <c r="N282587" s="10"/>
    </row>
    <row r="282588" spans="14:14">
      <c r="N282588" s="10"/>
    </row>
    <row r="282589" spans="14:14">
      <c r="N282589" s="10"/>
    </row>
    <row r="282590" spans="14:14">
      <c r="N282590" s="10"/>
    </row>
    <row r="282591" spans="14:14">
      <c r="N282591" s="10"/>
    </row>
    <row r="282592" spans="14:14">
      <c r="N282592" s="10"/>
    </row>
    <row r="282593" spans="14:14">
      <c r="N282593" s="10"/>
    </row>
    <row r="282594" spans="14:14">
      <c r="N282594" s="10"/>
    </row>
    <row r="282595" spans="14:14">
      <c r="N282595" s="10"/>
    </row>
    <row r="282596" spans="14:14">
      <c r="N282596" s="10"/>
    </row>
    <row r="282597" spans="14:14">
      <c r="N282597" s="10"/>
    </row>
    <row r="282598" spans="14:14">
      <c r="N282598" s="10"/>
    </row>
    <row r="282599" spans="14:14">
      <c r="N282599" s="10"/>
    </row>
    <row r="282600" spans="14:14">
      <c r="N282600" s="10"/>
    </row>
    <row r="282601" spans="14:14">
      <c r="N282601" s="10"/>
    </row>
    <row r="282602" spans="14:14">
      <c r="N282602" s="10"/>
    </row>
    <row r="282603" spans="14:14">
      <c r="N282603" s="10"/>
    </row>
    <row r="282604" spans="14:14">
      <c r="N282604" s="10"/>
    </row>
    <row r="282605" spans="14:14">
      <c r="N282605" s="10"/>
    </row>
    <row r="282606" spans="14:14">
      <c r="N282606" s="10"/>
    </row>
    <row r="282607" spans="14:14">
      <c r="N282607" s="10"/>
    </row>
    <row r="282608" spans="14:14">
      <c r="N282608" s="10"/>
    </row>
    <row r="282609" spans="14:14">
      <c r="N282609" s="10"/>
    </row>
    <row r="282610" spans="14:14">
      <c r="N282610" s="10"/>
    </row>
    <row r="282611" spans="14:14">
      <c r="N282611" s="10"/>
    </row>
    <row r="282612" spans="14:14">
      <c r="N282612" s="10"/>
    </row>
    <row r="282613" spans="14:14">
      <c r="N282613" s="10"/>
    </row>
    <row r="282614" spans="14:14">
      <c r="N282614" s="10"/>
    </row>
    <row r="282615" spans="14:14">
      <c r="N282615" s="10"/>
    </row>
    <row r="282616" spans="14:14">
      <c r="N282616" s="10"/>
    </row>
    <row r="282617" spans="14:14">
      <c r="N282617" s="10"/>
    </row>
    <row r="282618" spans="14:14">
      <c r="N282618" s="10"/>
    </row>
    <row r="282619" spans="14:14">
      <c r="N282619" s="10"/>
    </row>
    <row r="282620" spans="14:14">
      <c r="N282620" s="10"/>
    </row>
    <row r="282621" spans="14:14">
      <c r="N282621" s="10"/>
    </row>
    <row r="282622" spans="14:14">
      <c r="N282622" s="10"/>
    </row>
    <row r="282623" spans="14:14">
      <c r="N282623" s="10"/>
    </row>
    <row r="282624" spans="14:14">
      <c r="N282624" s="10"/>
    </row>
    <row r="282625" spans="14:14">
      <c r="N282625" s="10"/>
    </row>
    <row r="282626" spans="14:14">
      <c r="N282626" s="10"/>
    </row>
    <row r="282627" spans="14:14">
      <c r="N282627" s="10"/>
    </row>
    <row r="282628" spans="14:14">
      <c r="N282628" s="10"/>
    </row>
    <row r="282629" spans="14:14">
      <c r="N282629" s="10"/>
    </row>
    <row r="282630" spans="14:14">
      <c r="N282630" s="10"/>
    </row>
    <row r="282631" spans="14:14">
      <c r="N282631" s="10"/>
    </row>
    <row r="282632" spans="14:14">
      <c r="N282632" s="10"/>
    </row>
    <row r="282633" spans="14:14">
      <c r="N282633" s="10"/>
    </row>
    <row r="282634" spans="14:14">
      <c r="N282634" s="10"/>
    </row>
    <row r="282635" spans="14:14">
      <c r="N282635" s="10"/>
    </row>
    <row r="282636" spans="14:14">
      <c r="N282636" s="10"/>
    </row>
    <row r="282637" spans="14:14">
      <c r="N282637" s="10"/>
    </row>
    <row r="282638" spans="14:14">
      <c r="N282638" s="10"/>
    </row>
    <row r="282639" spans="14:14">
      <c r="N282639" s="10"/>
    </row>
    <row r="282640" spans="14:14">
      <c r="N282640" s="10"/>
    </row>
    <row r="282641" spans="14:14">
      <c r="N282641" s="10"/>
    </row>
    <row r="282642" spans="14:14">
      <c r="N282642" s="10"/>
    </row>
    <row r="282643" spans="14:14">
      <c r="N282643" s="10"/>
    </row>
    <row r="282644" spans="14:14">
      <c r="N282644" s="10"/>
    </row>
    <row r="282645" spans="14:14">
      <c r="N282645" s="10"/>
    </row>
    <row r="282646" spans="14:14">
      <c r="N282646" s="10"/>
    </row>
    <row r="282647" spans="14:14">
      <c r="N282647" s="10"/>
    </row>
    <row r="282648" spans="14:14">
      <c r="N282648" s="10"/>
    </row>
    <row r="282649" spans="14:14">
      <c r="N282649" s="10"/>
    </row>
    <row r="282650" spans="14:14">
      <c r="N282650" s="10"/>
    </row>
    <row r="282651" spans="14:14">
      <c r="N282651" s="10"/>
    </row>
    <row r="282652" spans="14:14">
      <c r="N282652" s="10"/>
    </row>
    <row r="282653" spans="14:14">
      <c r="N282653" s="10"/>
    </row>
    <row r="282654" spans="14:14">
      <c r="N282654" s="10"/>
    </row>
    <row r="282655" spans="14:14">
      <c r="N282655" s="10"/>
    </row>
    <row r="282656" spans="14:14">
      <c r="N282656" s="10"/>
    </row>
    <row r="282657" spans="14:14">
      <c r="N282657" s="10"/>
    </row>
    <row r="282658" spans="14:14">
      <c r="N282658" s="10"/>
    </row>
    <row r="282659" spans="14:14">
      <c r="N282659" s="10"/>
    </row>
    <row r="282660" spans="14:14">
      <c r="N282660" s="10"/>
    </row>
    <row r="282661" spans="14:14">
      <c r="N282661" s="10"/>
    </row>
    <row r="282662" spans="14:14">
      <c r="N282662" s="10"/>
    </row>
    <row r="282663" spans="14:14">
      <c r="N282663" s="10"/>
    </row>
    <row r="282664" spans="14:14">
      <c r="N282664" s="10"/>
    </row>
    <row r="282665" spans="14:14">
      <c r="N282665" s="10"/>
    </row>
    <row r="282666" spans="14:14">
      <c r="N282666" s="10"/>
    </row>
    <row r="282667" spans="14:14">
      <c r="N282667" s="10"/>
    </row>
    <row r="282668" spans="14:14">
      <c r="N282668" s="10"/>
    </row>
    <row r="282669" spans="14:14">
      <c r="N282669" s="10"/>
    </row>
    <row r="282670" spans="14:14">
      <c r="N282670" s="10"/>
    </row>
    <row r="282671" spans="14:14">
      <c r="N282671" s="10"/>
    </row>
    <row r="282672" spans="14:14">
      <c r="N282672" s="10"/>
    </row>
    <row r="282673" spans="14:14">
      <c r="N282673" s="10"/>
    </row>
    <row r="282674" spans="14:14">
      <c r="N282674" s="10"/>
    </row>
    <row r="282675" spans="14:14">
      <c r="N282675" s="10"/>
    </row>
    <row r="282676" spans="14:14">
      <c r="N282676" s="10"/>
    </row>
    <row r="282677" spans="14:14">
      <c r="N282677" s="10"/>
    </row>
    <row r="282678" spans="14:14">
      <c r="N282678" s="10"/>
    </row>
    <row r="282679" spans="14:14">
      <c r="N282679" s="10"/>
    </row>
    <row r="282680" spans="14:14">
      <c r="N282680" s="10"/>
    </row>
    <row r="282681" spans="14:14">
      <c r="N282681" s="10"/>
    </row>
    <row r="282682" spans="14:14">
      <c r="N282682" s="10"/>
    </row>
    <row r="282683" spans="14:14">
      <c r="N282683" s="10"/>
    </row>
    <row r="282684" spans="14:14">
      <c r="N282684" s="10"/>
    </row>
    <row r="282685" spans="14:14">
      <c r="N282685" s="10"/>
    </row>
    <row r="282686" spans="14:14">
      <c r="N282686" s="10"/>
    </row>
    <row r="282687" spans="14:14">
      <c r="N282687" s="10"/>
    </row>
    <row r="282688" spans="14:14">
      <c r="N282688" s="10"/>
    </row>
    <row r="282689" spans="14:14">
      <c r="N282689" s="10"/>
    </row>
    <row r="282690" spans="14:14">
      <c r="N282690" s="10"/>
    </row>
    <row r="282691" spans="14:14">
      <c r="N282691" s="10"/>
    </row>
    <row r="282692" spans="14:14">
      <c r="N282692" s="10"/>
    </row>
    <row r="282693" spans="14:14">
      <c r="N282693" s="10"/>
    </row>
    <row r="282694" spans="14:14">
      <c r="N282694" s="10"/>
    </row>
    <row r="282695" spans="14:14">
      <c r="N282695" s="10"/>
    </row>
    <row r="282696" spans="14:14">
      <c r="N282696" s="10"/>
    </row>
    <row r="282697" spans="14:14">
      <c r="N282697" s="10"/>
    </row>
    <row r="282698" spans="14:14">
      <c r="N282698" s="10"/>
    </row>
    <row r="282699" spans="14:14">
      <c r="N282699" s="10"/>
    </row>
    <row r="282700" spans="14:14">
      <c r="N282700" s="10"/>
    </row>
    <row r="282701" spans="14:14">
      <c r="N282701" s="10"/>
    </row>
    <row r="282702" spans="14:14">
      <c r="N282702" s="10"/>
    </row>
    <row r="282703" spans="14:14">
      <c r="N282703" s="10"/>
    </row>
    <row r="282704" spans="14:14">
      <c r="N282704" s="10"/>
    </row>
    <row r="282705" spans="14:14">
      <c r="N282705" s="10"/>
    </row>
    <row r="282706" spans="14:14">
      <c r="N282706" s="10"/>
    </row>
    <row r="282707" spans="14:14">
      <c r="N282707" s="10"/>
    </row>
    <row r="282708" spans="14:14">
      <c r="N282708" s="10"/>
    </row>
    <row r="282709" spans="14:14">
      <c r="N282709" s="10"/>
    </row>
    <row r="282710" spans="14:14">
      <c r="N282710" s="10"/>
    </row>
    <row r="282711" spans="14:14">
      <c r="N282711" s="10"/>
    </row>
    <row r="282712" spans="14:14">
      <c r="N282712" s="10"/>
    </row>
    <row r="282713" spans="14:14">
      <c r="N282713" s="10"/>
    </row>
    <row r="282714" spans="14:14">
      <c r="N282714" s="10"/>
    </row>
    <row r="282715" spans="14:14">
      <c r="N282715" s="10"/>
    </row>
    <row r="282716" spans="14:14">
      <c r="N282716" s="10"/>
    </row>
    <row r="282717" spans="14:14">
      <c r="N282717" s="10"/>
    </row>
    <row r="282718" spans="14:14">
      <c r="N282718" s="10"/>
    </row>
    <row r="282719" spans="14:14">
      <c r="N282719" s="10"/>
    </row>
    <row r="282720" spans="14:14">
      <c r="N282720" s="10"/>
    </row>
    <row r="282721" spans="14:14">
      <c r="N282721" s="10"/>
    </row>
    <row r="282722" spans="14:14">
      <c r="N282722" s="10"/>
    </row>
    <row r="282723" spans="14:14">
      <c r="N282723" s="10"/>
    </row>
    <row r="282724" spans="14:14">
      <c r="N282724" s="10"/>
    </row>
    <row r="282725" spans="14:14">
      <c r="N282725" s="10"/>
    </row>
    <row r="282726" spans="14:14">
      <c r="N282726" s="10"/>
    </row>
    <row r="282727" spans="14:14">
      <c r="N282727" s="10"/>
    </row>
    <row r="282728" spans="14:14">
      <c r="N282728" s="10"/>
    </row>
    <row r="282729" spans="14:14">
      <c r="N282729" s="10"/>
    </row>
    <row r="282730" spans="14:14">
      <c r="N282730" s="10"/>
    </row>
    <row r="282731" spans="14:14">
      <c r="N282731" s="10"/>
    </row>
    <row r="282732" spans="14:14">
      <c r="N282732" s="10"/>
    </row>
    <row r="282733" spans="14:14">
      <c r="N282733" s="10"/>
    </row>
    <row r="282734" spans="14:14">
      <c r="N282734" s="10"/>
    </row>
    <row r="282735" spans="14:14">
      <c r="N282735" s="10"/>
    </row>
    <row r="282736" spans="14:14">
      <c r="N282736" s="10"/>
    </row>
    <row r="282737" spans="14:14">
      <c r="N282737" s="10"/>
    </row>
    <row r="282738" spans="14:14">
      <c r="N282738" s="10"/>
    </row>
    <row r="282739" spans="14:14">
      <c r="N282739" s="10"/>
    </row>
    <row r="282740" spans="14:14">
      <c r="N282740" s="10"/>
    </row>
    <row r="282741" spans="14:14">
      <c r="N282741" s="10"/>
    </row>
    <row r="282742" spans="14:14">
      <c r="N282742" s="10"/>
    </row>
    <row r="282743" spans="14:14">
      <c r="N282743" s="10"/>
    </row>
    <row r="282744" spans="14:14">
      <c r="N282744" s="10"/>
    </row>
    <row r="282745" spans="14:14">
      <c r="N282745" s="10"/>
    </row>
    <row r="282746" spans="14:14">
      <c r="N282746" s="10"/>
    </row>
    <row r="282747" spans="14:14">
      <c r="N282747" s="10"/>
    </row>
    <row r="282748" spans="14:14">
      <c r="N282748" s="10"/>
    </row>
    <row r="282749" spans="14:14">
      <c r="N282749" s="10"/>
    </row>
    <row r="282750" spans="14:14">
      <c r="N282750" s="10"/>
    </row>
    <row r="282751" spans="14:14">
      <c r="N282751" s="10"/>
    </row>
    <row r="282752" spans="14:14">
      <c r="N282752" s="10"/>
    </row>
    <row r="282753" spans="14:14">
      <c r="N282753" s="10"/>
    </row>
    <row r="282754" spans="14:14">
      <c r="N282754" s="10"/>
    </row>
    <row r="282755" spans="14:14">
      <c r="N282755" s="10"/>
    </row>
    <row r="282756" spans="14:14">
      <c r="N282756" s="10"/>
    </row>
    <row r="282757" spans="14:14">
      <c r="N282757" s="10"/>
    </row>
    <row r="282758" spans="14:14">
      <c r="N282758" s="10"/>
    </row>
    <row r="282759" spans="14:14">
      <c r="N282759" s="10"/>
    </row>
    <row r="282760" spans="14:14">
      <c r="N282760" s="10"/>
    </row>
    <row r="282761" spans="14:14">
      <c r="N282761" s="10"/>
    </row>
    <row r="282762" spans="14:14">
      <c r="N282762" s="10"/>
    </row>
    <row r="282763" spans="14:14">
      <c r="N282763" s="10"/>
    </row>
    <row r="282764" spans="14:14">
      <c r="N282764" s="10"/>
    </row>
    <row r="282765" spans="14:14">
      <c r="N282765" s="10"/>
    </row>
    <row r="282766" spans="14:14">
      <c r="N282766" s="10"/>
    </row>
    <row r="282767" spans="14:14">
      <c r="N282767" s="10"/>
    </row>
    <row r="282768" spans="14:14">
      <c r="N282768" s="10"/>
    </row>
    <row r="282769" spans="14:14">
      <c r="N282769" s="10"/>
    </row>
    <row r="282770" spans="14:14">
      <c r="N282770" s="10"/>
    </row>
    <row r="282771" spans="14:14">
      <c r="N282771" s="10"/>
    </row>
    <row r="282772" spans="14:14">
      <c r="N282772" s="10"/>
    </row>
    <row r="282773" spans="14:14">
      <c r="N282773" s="10"/>
    </row>
    <row r="282774" spans="14:14">
      <c r="N282774" s="10"/>
    </row>
    <row r="282775" spans="14:14">
      <c r="N282775" s="10"/>
    </row>
    <row r="282776" spans="14:14">
      <c r="N282776" s="10"/>
    </row>
    <row r="282777" spans="14:14">
      <c r="N282777" s="10"/>
    </row>
    <row r="282778" spans="14:14">
      <c r="N282778" s="10"/>
    </row>
    <row r="282779" spans="14:14">
      <c r="N282779" s="10"/>
    </row>
    <row r="282780" spans="14:14">
      <c r="N282780" s="10"/>
    </row>
    <row r="282781" spans="14:14">
      <c r="N282781" s="10"/>
    </row>
    <row r="282782" spans="14:14">
      <c r="N282782" s="10"/>
    </row>
    <row r="282783" spans="14:14">
      <c r="N282783" s="10"/>
    </row>
    <row r="282784" spans="14:14">
      <c r="N282784" s="10"/>
    </row>
    <row r="282785" spans="14:14">
      <c r="N282785" s="10"/>
    </row>
    <row r="282786" spans="14:14">
      <c r="N282786" s="10"/>
    </row>
    <row r="282787" spans="14:14">
      <c r="N282787" s="10"/>
    </row>
    <row r="282788" spans="14:14">
      <c r="N282788" s="10"/>
    </row>
    <row r="282789" spans="14:14">
      <c r="N282789" s="10"/>
    </row>
    <row r="282790" spans="14:14">
      <c r="N282790" s="10"/>
    </row>
    <row r="282791" spans="14:14">
      <c r="N282791" s="10"/>
    </row>
    <row r="282792" spans="14:14">
      <c r="N282792" s="10"/>
    </row>
    <row r="282793" spans="14:14">
      <c r="N282793" s="10"/>
    </row>
    <row r="282794" spans="14:14">
      <c r="N282794" s="10"/>
    </row>
    <row r="282795" spans="14:14">
      <c r="N282795" s="10"/>
    </row>
    <row r="282796" spans="14:14">
      <c r="N282796" s="10"/>
    </row>
    <row r="282797" spans="14:14">
      <c r="N282797" s="10"/>
    </row>
    <row r="282798" spans="14:14">
      <c r="N282798" s="10"/>
    </row>
    <row r="282799" spans="14:14">
      <c r="N282799" s="10"/>
    </row>
    <row r="282800" spans="14:14">
      <c r="N282800" s="10"/>
    </row>
    <row r="282801" spans="14:14">
      <c r="N282801" s="10"/>
    </row>
    <row r="282802" spans="14:14">
      <c r="N282802" s="10"/>
    </row>
    <row r="282803" spans="14:14">
      <c r="N282803" s="10"/>
    </row>
    <row r="282804" spans="14:14">
      <c r="N282804" s="10"/>
    </row>
    <row r="282805" spans="14:14">
      <c r="N282805" s="10"/>
    </row>
    <row r="282806" spans="14:14">
      <c r="N282806" s="10"/>
    </row>
    <row r="282807" spans="14:14">
      <c r="N282807" s="10"/>
    </row>
    <row r="282808" spans="14:14">
      <c r="N282808" s="10"/>
    </row>
    <row r="282809" spans="14:14">
      <c r="N282809" s="10"/>
    </row>
    <row r="282810" spans="14:14">
      <c r="N282810" s="10"/>
    </row>
    <row r="282811" spans="14:14">
      <c r="N282811" s="10"/>
    </row>
    <row r="282812" spans="14:14">
      <c r="N282812" s="10"/>
    </row>
    <row r="282813" spans="14:14">
      <c r="N282813" s="10"/>
    </row>
    <row r="282814" spans="14:14">
      <c r="N282814" s="10"/>
    </row>
    <row r="282815" spans="14:14">
      <c r="N282815" s="10"/>
    </row>
    <row r="282816" spans="14:14">
      <c r="N282816" s="10"/>
    </row>
    <row r="282817" spans="14:14">
      <c r="N282817" s="10"/>
    </row>
    <row r="282818" spans="14:14">
      <c r="N282818" s="10"/>
    </row>
    <row r="282819" spans="14:14">
      <c r="N282819" s="10"/>
    </row>
    <row r="282820" spans="14:14">
      <c r="N282820" s="10"/>
    </row>
    <row r="282821" spans="14:14">
      <c r="N282821" s="10"/>
    </row>
    <row r="282822" spans="14:14">
      <c r="N282822" s="10"/>
    </row>
    <row r="282823" spans="14:14">
      <c r="N282823" s="10"/>
    </row>
    <row r="282824" spans="14:14">
      <c r="N282824" s="10"/>
    </row>
    <row r="282825" spans="14:14">
      <c r="N282825" s="10"/>
    </row>
    <row r="282826" spans="14:14">
      <c r="N282826" s="10"/>
    </row>
    <row r="282827" spans="14:14">
      <c r="N282827" s="10"/>
    </row>
    <row r="282828" spans="14:14">
      <c r="N282828" s="10"/>
    </row>
    <row r="282829" spans="14:14">
      <c r="N282829" s="10"/>
    </row>
    <row r="282830" spans="14:14">
      <c r="N282830" s="10"/>
    </row>
    <row r="282831" spans="14:14">
      <c r="N282831" s="10"/>
    </row>
    <row r="282832" spans="14:14">
      <c r="N282832" s="10"/>
    </row>
    <row r="282833" spans="14:14">
      <c r="N282833" s="10"/>
    </row>
    <row r="282834" spans="14:14">
      <c r="N282834" s="10"/>
    </row>
    <row r="282835" spans="14:14">
      <c r="N282835" s="10"/>
    </row>
    <row r="282836" spans="14:14">
      <c r="N282836" s="10"/>
    </row>
    <row r="282837" spans="14:14">
      <c r="N282837" s="10"/>
    </row>
    <row r="282838" spans="14:14">
      <c r="N282838" s="10"/>
    </row>
    <row r="282839" spans="14:14">
      <c r="N282839" s="10"/>
    </row>
    <row r="282840" spans="14:14">
      <c r="N282840" s="10"/>
    </row>
    <row r="282841" spans="14:14">
      <c r="N282841" s="10"/>
    </row>
    <row r="282842" spans="14:14">
      <c r="N282842" s="10"/>
    </row>
    <row r="282843" spans="14:14">
      <c r="N282843" s="10"/>
    </row>
    <row r="282844" spans="14:14">
      <c r="N282844" s="10"/>
    </row>
    <row r="282845" spans="14:14">
      <c r="N282845" s="10"/>
    </row>
    <row r="282846" spans="14:14">
      <c r="N282846" s="10"/>
    </row>
    <row r="282847" spans="14:14">
      <c r="N282847" s="10"/>
    </row>
    <row r="282848" spans="14:14">
      <c r="N282848" s="10"/>
    </row>
    <row r="282849" spans="14:14">
      <c r="N282849" s="10"/>
    </row>
    <row r="282850" spans="14:14">
      <c r="N282850" s="10"/>
    </row>
    <row r="282851" spans="14:14">
      <c r="N282851" s="10"/>
    </row>
    <row r="282852" spans="14:14">
      <c r="N282852" s="10"/>
    </row>
    <row r="282853" spans="14:14">
      <c r="N282853" s="10"/>
    </row>
    <row r="282854" spans="14:14">
      <c r="N282854" s="10"/>
    </row>
    <row r="282855" spans="14:14">
      <c r="N282855" s="10"/>
    </row>
    <row r="282856" spans="14:14">
      <c r="N282856" s="10"/>
    </row>
    <row r="282857" spans="14:14">
      <c r="N282857" s="10"/>
    </row>
    <row r="282858" spans="14:14">
      <c r="N282858" s="10"/>
    </row>
    <row r="282859" spans="14:14">
      <c r="N282859" s="10"/>
    </row>
    <row r="282860" spans="14:14">
      <c r="N282860" s="10"/>
    </row>
    <row r="282861" spans="14:14">
      <c r="N282861" s="10"/>
    </row>
    <row r="282862" spans="14:14">
      <c r="N282862" s="10"/>
    </row>
    <row r="282863" spans="14:14">
      <c r="N282863" s="10"/>
    </row>
    <row r="282864" spans="14:14">
      <c r="N282864" s="10"/>
    </row>
    <row r="282865" spans="14:14">
      <c r="N282865" s="10"/>
    </row>
    <row r="282866" spans="14:14">
      <c r="N282866" s="10"/>
    </row>
    <row r="282867" spans="14:14">
      <c r="N282867" s="10"/>
    </row>
    <row r="282868" spans="14:14">
      <c r="N282868" s="10"/>
    </row>
    <row r="282869" spans="14:14">
      <c r="N282869" s="10"/>
    </row>
    <row r="282870" spans="14:14">
      <c r="N282870" s="10"/>
    </row>
    <row r="282871" spans="14:14">
      <c r="N282871" s="10"/>
    </row>
    <row r="282872" spans="14:14">
      <c r="N282872" s="10"/>
    </row>
    <row r="282873" spans="14:14">
      <c r="N282873" s="10"/>
    </row>
    <row r="282874" spans="14:14">
      <c r="N282874" s="10"/>
    </row>
    <row r="282875" spans="14:14">
      <c r="N282875" s="10"/>
    </row>
    <row r="282876" spans="14:14">
      <c r="N282876" s="10"/>
    </row>
    <row r="282877" spans="14:14">
      <c r="N282877" s="10"/>
    </row>
    <row r="282878" spans="14:14">
      <c r="N282878" s="10"/>
    </row>
    <row r="282879" spans="14:14">
      <c r="N282879" s="10"/>
    </row>
    <row r="282880" spans="14:14">
      <c r="N282880" s="10"/>
    </row>
    <row r="282881" spans="14:14">
      <c r="N282881" s="10"/>
    </row>
    <row r="282882" spans="14:14">
      <c r="N282882" s="10"/>
    </row>
    <row r="282883" spans="14:14">
      <c r="N282883" s="10"/>
    </row>
    <row r="282884" spans="14:14">
      <c r="N282884" s="10"/>
    </row>
    <row r="282885" spans="14:14">
      <c r="N282885" s="10"/>
    </row>
    <row r="282886" spans="14:14">
      <c r="N282886" s="10"/>
    </row>
    <row r="282887" spans="14:14">
      <c r="N282887" s="10"/>
    </row>
    <row r="282888" spans="14:14">
      <c r="N282888" s="10"/>
    </row>
    <row r="282889" spans="14:14">
      <c r="N282889" s="10"/>
    </row>
    <row r="282890" spans="14:14">
      <c r="N282890" s="10"/>
    </row>
    <row r="282891" spans="14:14">
      <c r="N282891" s="10"/>
    </row>
    <row r="282892" spans="14:14">
      <c r="N282892" s="10"/>
    </row>
    <row r="282893" spans="14:14">
      <c r="N282893" s="10"/>
    </row>
    <row r="282894" spans="14:14">
      <c r="N282894" s="10"/>
    </row>
    <row r="282895" spans="14:14">
      <c r="N282895" s="10"/>
    </row>
    <row r="282896" spans="14:14">
      <c r="N282896" s="10"/>
    </row>
    <row r="282897" spans="14:14">
      <c r="N282897" s="10"/>
    </row>
    <row r="282898" spans="14:14">
      <c r="N282898" s="10"/>
    </row>
    <row r="282899" spans="14:14">
      <c r="N282899" s="10"/>
    </row>
    <row r="282900" spans="14:14">
      <c r="N282900" s="10"/>
    </row>
    <row r="282901" spans="14:14">
      <c r="N282901" s="10"/>
    </row>
    <row r="282902" spans="14:14">
      <c r="N282902" s="10"/>
    </row>
    <row r="282903" spans="14:14">
      <c r="N282903" s="10"/>
    </row>
    <row r="282904" spans="14:14">
      <c r="N282904" s="10"/>
    </row>
    <row r="282905" spans="14:14">
      <c r="N282905" s="10"/>
    </row>
    <row r="282906" spans="14:14">
      <c r="N282906" s="10"/>
    </row>
    <row r="282907" spans="14:14">
      <c r="N282907" s="10"/>
    </row>
    <row r="282908" spans="14:14">
      <c r="N282908" s="10"/>
    </row>
    <row r="282909" spans="14:14">
      <c r="N282909" s="10"/>
    </row>
    <row r="282910" spans="14:14">
      <c r="N282910" s="10"/>
    </row>
    <row r="282911" spans="14:14">
      <c r="N282911" s="10"/>
    </row>
    <row r="282912" spans="14:14">
      <c r="N282912" s="10"/>
    </row>
    <row r="282913" spans="14:14">
      <c r="N282913" s="10"/>
    </row>
    <row r="282914" spans="14:14">
      <c r="N282914" s="10"/>
    </row>
    <row r="282915" spans="14:14">
      <c r="N282915" s="10"/>
    </row>
    <row r="282916" spans="14:14">
      <c r="N282916" s="10"/>
    </row>
    <row r="282917" spans="14:14">
      <c r="N282917" s="10"/>
    </row>
    <row r="282918" spans="14:14">
      <c r="N282918" s="10"/>
    </row>
    <row r="282919" spans="14:14">
      <c r="N282919" s="10"/>
    </row>
    <row r="282920" spans="14:14">
      <c r="N282920" s="10"/>
    </row>
    <row r="282921" spans="14:14">
      <c r="N282921" s="10"/>
    </row>
    <row r="282922" spans="14:14">
      <c r="N282922" s="10"/>
    </row>
    <row r="282923" spans="14:14">
      <c r="N282923" s="10"/>
    </row>
    <row r="282924" spans="14:14">
      <c r="N282924" s="10"/>
    </row>
    <row r="282925" spans="14:14">
      <c r="N282925" s="10"/>
    </row>
    <row r="282926" spans="14:14">
      <c r="N282926" s="10"/>
    </row>
    <row r="282927" spans="14:14">
      <c r="N282927" s="10"/>
    </row>
    <row r="282928" spans="14:14">
      <c r="N282928" s="10"/>
    </row>
    <row r="282929" spans="14:14">
      <c r="N282929" s="10"/>
    </row>
    <row r="282930" spans="14:14">
      <c r="N282930" s="10"/>
    </row>
    <row r="282931" spans="14:14">
      <c r="N282931" s="10"/>
    </row>
    <row r="282932" spans="14:14">
      <c r="N282932" s="10"/>
    </row>
    <row r="282933" spans="14:14">
      <c r="N282933" s="10"/>
    </row>
    <row r="282934" spans="14:14">
      <c r="N282934" s="10"/>
    </row>
    <row r="282935" spans="14:14">
      <c r="N282935" s="10"/>
    </row>
    <row r="282936" spans="14:14">
      <c r="N282936" s="10"/>
    </row>
    <row r="282937" spans="14:14">
      <c r="N282937" s="10"/>
    </row>
    <row r="282938" spans="14:14">
      <c r="N282938" s="10"/>
    </row>
    <row r="282939" spans="14:14">
      <c r="N282939" s="10"/>
    </row>
    <row r="282940" spans="14:14">
      <c r="N282940" s="10"/>
    </row>
    <row r="282941" spans="14:14">
      <c r="N282941" s="10"/>
    </row>
    <row r="282942" spans="14:14">
      <c r="N282942" s="10"/>
    </row>
    <row r="282943" spans="14:14">
      <c r="N282943" s="10"/>
    </row>
    <row r="282944" spans="14:14">
      <c r="N282944" s="10"/>
    </row>
    <row r="282945" spans="14:14">
      <c r="N282945" s="10"/>
    </row>
    <row r="282946" spans="14:14">
      <c r="N282946" s="10"/>
    </row>
    <row r="282947" spans="14:14">
      <c r="N282947" s="10"/>
    </row>
    <row r="282948" spans="14:14">
      <c r="N282948" s="10"/>
    </row>
    <row r="282949" spans="14:14">
      <c r="N282949" s="10"/>
    </row>
    <row r="282950" spans="14:14">
      <c r="N282950" s="10"/>
    </row>
    <row r="282951" spans="14:14">
      <c r="N282951" s="10"/>
    </row>
    <row r="282952" spans="14:14">
      <c r="N282952" s="10"/>
    </row>
    <row r="282953" spans="14:14">
      <c r="N282953" s="10"/>
    </row>
    <row r="282954" spans="14:14">
      <c r="N282954" s="10"/>
    </row>
    <row r="282955" spans="14:14">
      <c r="N282955" s="10"/>
    </row>
    <row r="282956" spans="14:14">
      <c r="N282956" s="10"/>
    </row>
    <row r="282957" spans="14:14">
      <c r="N282957" s="10"/>
    </row>
    <row r="282958" spans="14:14">
      <c r="N282958" s="10"/>
    </row>
    <row r="282959" spans="14:14">
      <c r="N282959" s="10"/>
    </row>
    <row r="282960" spans="14:14">
      <c r="N282960" s="10"/>
    </row>
    <row r="282961" spans="14:14">
      <c r="N282961" s="10"/>
    </row>
    <row r="282962" spans="14:14">
      <c r="N282962" s="10"/>
    </row>
    <row r="282963" spans="14:14">
      <c r="N282963" s="10"/>
    </row>
    <row r="282964" spans="14:14">
      <c r="N282964" s="10"/>
    </row>
    <row r="282965" spans="14:14">
      <c r="N282965" s="10"/>
    </row>
    <row r="282966" spans="14:14">
      <c r="N282966" s="10"/>
    </row>
    <row r="282967" spans="14:14">
      <c r="N282967" s="10"/>
    </row>
    <row r="282968" spans="14:14">
      <c r="N282968" s="10"/>
    </row>
    <row r="282969" spans="14:14">
      <c r="N282969" s="10"/>
    </row>
    <row r="282970" spans="14:14">
      <c r="N282970" s="10"/>
    </row>
    <row r="282971" spans="14:14">
      <c r="N282971" s="10"/>
    </row>
    <row r="282972" spans="14:14">
      <c r="N282972" s="10"/>
    </row>
    <row r="282973" spans="14:14">
      <c r="N282973" s="10"/>
    </row>
    <row r="282974" spans="14:14">
      <c r="N282974" s="10"/>
    </row>
    <row r="282975" spans="14:14">
      <c r="N282975" s="10"/>
    </row>
    <row r="282976" spans="14:14">
      <c r="N282976" s="10"/>
    </row>
    <row r="282977" spans="14:14">
      <c r="N282977" s="10"/>
    </row>
    <row r="282978" spans="14:14">
      <c r="N282978" s="10"/>
    </row>
    <row r="282979" spans="14:14">
      <c r="N282979" s="10"/>
    </row>
    <row r="282980" spans="14:14">
      <c r="N282980" s="10"/>
    </row>
    <row r="282981" spans="14:14">
      <c r="N282981" s="10"/>
    </row>
    <row r="282982" spans="14:14">
      <c r="N282982" s="10"/>
    </row>
    <row r="282983" spans="14:14">
      <c r="N282983" s="10"/>
    </row>
    <row r="282984" spans="14:14">
      <c r="N282984" s="10"/>
    </row>
    <row r="282985" spans="14:14">
      <c r="N282985" s="10"/>
    </row>
    <row r="282986" spans="14:14">
      <c r="N282986" s="10"/>
    </row>
    <row r="282987" spans="14:14">
      <c r="N282987" s="10"/>
    </row>
    <row r="282988" spans="14:14">
      <c r="N282988" s="10"/>
    </row>
    <row r="282989" spans="14:14">
      <c r="N282989" s="10"/>
    </row>
    <row r="282990" spans="14:14">
      <c r="N282990" s="10"/>
    </row>
    <row r="282991" spans="14:14">
      <c r="N282991" s="10"/>
    </row>
    <row r="282992" spans="14:14">
      <c r="N282992" s="10"/>
    </row>
    <row r="282993" spans="14:14">
      <c r="N282993" s="10"/>
    </row>
    <row r="282994" spans="14:14">
      <c r="N282994" s="10"/>
    </row>
    <row r="282995" spans="14:14">
      <c r="N282995" s="10"/>
    </row>
    <row r="282996" spans="14:14">
      <c r="N282996" s="10"/>
    </row>
    <row r="282997" spans="14:14">
      <c r="N282997" s="10"/>
    </row>
    <row r="282998" spans="14:14">
      <c r="N282998" s="10"/>
    </row>
    <row r="282999" spans="14:14">
      <c r="N282999" s="10"/>
    </row>
    <row r="283000" spans="14:14">
      <c r="N283000" s="10"/>
    </row>
    <row r="283001" spans="14:14">
      <c r="N283001" s="10"/>
    </row>
    <row r="283002" spans="14:14">
      <c r="N283002" s="10"/>
    </row>
    <row r="283003" spans="14:14">
      <c r="N283003" s="10"/>
    </row>
    <row r="283004" spans="14:14">
      <c r="N283004" s="10"/>
    </row>
    <row r="283005" spans="14:14">
      <c r="N283005" s="10"/>
    </row>
    <row r="283006" spans="14:14">
      <c r="N283006" s="10"/>
    </row>
    <row r="283007" spans="14:14">
      <c r="N283007" s="10"/>
    </row>
    <row r="283008" spans="14:14">
      <c r="N283008" s="10"/>
    </row>
    <row r="283009" spans="14:14">
      <c r="N283009" s="10"/>
    </row>
    <row r="283010" spans="14:14">
      <c r="N283010" s="10"/>
    </row>
    <row r="283011" spans="14:14">
      <c r="N283011" s="10"/>
    </row>
    <row r="283012" spans="14:14">
      <c r="N283012" s="10"/>
    </row>
    <row r="283013" spans="14:14">
      <c r="N283013" s="10"/>
    </row>
    <row r="283014" spans="14:14">
      <c r="N283014" s="10"/>
    </row>
    <row r="283015" spans="14:14">
      <c r="N283015" s="10"/>
    </row>
    <row r="283016" spans="14:14">
      <c r="N283016" s="10"/>
    </row>
    <row r="283017" spans="14:14">
      <c r="N283017" s="10"/>
    </row>
    <row r="283018" spans="14:14">
      <c r="N283018" s="10"/>
    </row>
    <row r="283019" spans="14:14">
      <c r="N283019" s="10"/>
    </row>
    <row r="283020" spans="14:14">
      <c r="N283020" s="10"/>
    </row>
    <row r="283021" spans="14:14">
      <c r="N283021" s="10"/>
    </row>
    <row r="283022" spans="14:14">
      <c r="N283022" s="10"/>
    </row>
    <row r="283023" spans="14:14">
      <c r="N283023" s="10"/>
    </row>
    <row r="283024" spans="14:14">
      <c r="N283024" s="10"/>
    </row>
    <row r="283025" spans="14:14">
      <c r="N283025" s="10"/>
    </row>
    <row r="283026" spans="14:14">
      <c r="N283026" s="10"/>
    </row>
    <row r="283027" spans="14:14">
      <c r="N283027" s="10"/>
    </row>
    <row r="283028" spans="14:14">
      <c r="N283028" s="10"/>
    </row>
    <row r="283029" spans="14:14">
      <c r="N283029" s="10"/>
    </row>
    <row r="283030" spans="14:14">
      <c r="N283030" s="10"/>
    </row>
    <row r="283031" spans="14:14">
      <c r="N283031" s="10"/>
    </row>
    <row r="283032" spans="14:14">
      <c r="N283032" s="10"/>
    </row>
    <row r="283033" spans="14:14">
      <c r="N283033" s="10"/>
    </row>
    <row r="283034" spans="14:14">
      <c r="N283034" s="10"/>
    </row>
    <row r="283035" spans="14:14">
      <c r="N283035" s="10"/>
    </row>
    <row r="283036" spans="14:14">
      <c r="N283036" s="10"/>
    </row>
    <row r="283037" spans="14:14">
      <c r="N283037" s="10"/>
    </row>
    <row r="283038" spans="14:14">
      <c r="N283038" s="10"/>
    </row>
    <row r="283039" spans="14:14">
      <c r="N283039" s="10"/>
    </row>
    <row r="283040" spans="14:14">
      <c r="N283040" s="10"/>
    </row>
    <row r="283041" spans="14:14">
      <c r="N283041" s="10"/>
    </row>
    <row r="283042" spans="14:14">
      <c r="N283042" s="10"/>
    </row>
    <row r="283043" spans="14:14">
      <c r="N283043" s="10"/>
    </row>
    <row r="283044" spans="14:14">
      <c r="N283044" s="10"/>
    </row>
    <row r="283045" spans="14:14">
      <c r="N283045" s="10"/>
    </row>
    <row r="283046" spans="14:14">
      <c r="N283046" s="10"/>
    </row>
    <row r="283047" spans="14:14">
      <c r="N283047" s="10"/>
    </row>
    <row r="283048" spans="14:14">
      <c r="N283048" s="10"/>
    </row>
    <row r="283049" spans="14:14">
      <c r="N283049" s="10"/>
    </row>
    <row r="283050" spans="14:14">
      <c r="N283050" s="10"/>
    </row>
    <row r="283051" spans="14:14">
      <c r="N283051" s="10"/>
    </row>
    <row r="283052" spans="14:14">
      <c r="N283052" s="10"/>
    </row>
    <row r="283053" spans="14:14">
      <c r="N283053" s="10"/>
    </row>
    <row r="283054" spans="14:14">
      <c r="N283054" s="10"/>
    </row>
    <row r="283055" spans="14:14">
      <c r="N283055" s="10"/>
    </row>
    <row r="283056" spans="14:14">
      <c r="N283056" s="10"/>
    </row>
    <row r="283057" spans="14:14">
      <c r="N283057" s="10"/>
    </row>
    <row r="283058" spans="14:14">
      <c r="N283058" s="10"/>
    </row>
    <row r="283059" spans="14:14">
      <c r="N283059" s="10"/>
    </row>
    <row r="283060" spans="14:14">
      <c r="N283060" s="10"/>
    </row>
    <row r="283061" spans="14:14">
      <c r="N283061" s="10"/>
    </row>
    <row r="283062" spans="14:14">
      <c r="N283062" s="10"/>
    </row>
    <row r="283063" spans="14:14">
      <c r="N283063" s="10"/>
    </row>
    <row r="283064" spans="14:14">
      <c r="N283064" s="10"/>
    </row>
    <row r="283065" spans="14:14">
      <c r="N283065" s="10"/>
    </row>
    <row r="283066" spans="14:14">
      <c r="N283066" s="10"/>
    </row>
    <row r="283067" spans="14:14">
      <c r="N283067" s="10"/>
    </row>
    <row r="283068" spans="14:14">
      <c r="N283068" s="10"/>
    </row>
    <row r="283069" spans="14:14">
      <c r="N283069" s="10"/>
    </row>
    <row r="283070" spans="14:14">
      <c r="N283070" s="10"/>
    </row>
    <row r="283071" spans="14:14">
      <c r="N283071" s="10"/>
    </row>
    <row r="283072" spans="14:14">
      <c r="N283072" s="10"/>
    </row>
    <row r="283073" spans="14:14">
      <c r="N283073" s="10"/>
    </row>
    <row r="283074" spans="14:14">
      <c r="N283074" s="10"/>
    </row>
    <row r="283075" spans="14:14">
      <c r="N283075" s="10"/>
    </row>
    <row r="283076" spans="14:14">
      <c r="N283076" s="10"/>
    </row>
    <row r="283077" spans="14:14">
      <c r="N283077" s="10"/>
    </row>
    <row r="283078" spans="14:14">
      <c r="N283078" s="10"/>
    </row>
    <row r="283079" spans="14:14">
      <c r="N283079" s="10"/>
    </row>
    <row r="283080" spans="14:14">
      <c r="N283080" s="10"/>
    </row>
    <row r="283081" spans="14:14">
      <c r="N283081" s="10"/>
    </row>
    <row r="283082" spans="14:14">
      <c r="N283082" s="10"/>
    </row>
    <row r="283083" spans="14:14">
      <c r="N283083" s="10"/>
    </row>
    <row r="283084" spans="14:14">
      <c r="N283084" s="10"/>
    </row>
    <row r="283085" spans="14:14">
      <c r="N283085" s="10"/>
    </row>
    <row r="283086" spans="14:14">
      <c r="N283086" s="10"/>
    </row>
    <row r="283087" spans="14:14">
      <c r="N283087" s="10"/>
    </row>
    <row r="283088" spans="14:14">
      <c r="N283088" s="10"/>
    </row>
    <row r="283089" spans="14:14">
      <c r="N283089" s="10"/>
    </row>
    <row r="283090" spans="14:14">
      <c r="N283090" s="10"/>
    </row>
    <row r="283091" spans="14:14">
      <c r="N283091" s="10"/>
    </row>
    <row r="283092" spans="14:14">
      <c r="N283092" s="10"/>
    </row>
    <row r="283093" spans="14:14">
      <c r="N283093" s="10"/>
    </row>
    <row r="283094" spans="14:14">
      <c r="N283094" s="10"/>
    </row>
    <row r="283095" spans="14:14">
      <c r="N283095" s="10"/>
    </row>
    <row r="283096" spans="14:14">
      <c r="N283096" s="10"/>
    </row>
    <row r="283097" spans="14:14">
      <c r="N283097" s="10"/>
    </row>
    <row r="283098" spans="14:14">
      <c r="N283098" s="10"/>
    </row>
    <row r="283099" spans="14:14">
      <c r="N283099" s="10"/>
    </row>
    <row r="283100" spans="14:14">
      <c r="N283100" s="10"/>
    </row>
    <row r="283101" spans="14:14">
      <c r="N283101" s="10"/>
    </row>
    <row r="283102" spans="14:14">
      <c r="N283102" s="10"/>
    </row>
    <row r="283103" spans="14:14">
      <c r="N283103" s="10"/>
    </row>
    <row r="283104" spans="14:14">
      <c r="N283104" s="10"/>
    </row>
    <row r="283105" spans="14:14">
      <c r="N283105" s="10"/>
    </row>
    <row r="283106" spans="14:14">
      <c r="N283106" s="10"/>
    </row>
    <row r="283107" spans="14:14">
      <c r="N283107" s="10"/>
    </row>
    <row r="283108" spans="14:14">
      <c r="N283108" s="10"/>
    </row>
    <row r="283109" spans="14:14">
      <c r="N283109" s="10"/>
    </row>
    <row r="283110" spans="14:14">
      <c r="N283110" s="10"/>
    </row>
    <row r="283111" spans="14:14">
      <c r="N283111" s="10"/>
    </row>
    <row r="283112" spans="14:14">
      <c r="N283112" s="10"/>
    </row>
    <row r="283113" spans="14:14">
      <c r="N283113" s="10"/>
    </row>
    <row r="283114" spans="14:14">
      <c r="N283114" s="10"/>
    </row>
    <row r="283115" spans="14:14">
      <c r="N283115" s="10"/>
    </row>
    <row r="283116" spans="14:14">
      <c r="N283116" s="10"/>
    </row>
    <row r="283117" spans="14:14">
      <c r="N283117" s="10"/>
    </row>
    <row r="283118" spans="14:14">
      <c r="N283118" s="10"/>
    </row>
    <row r="283119" spans="14:14">
      <c r="N283119" s="10"/>
    </row>
    <row r="283120" spans="14:14">
      <c r="N283120" s="10"/>
    </row>
    <row r="283121" spans="14:14">
      <c r="N283121" s="10"/>
    </row>
    <row r="283122" spans="14:14">
      <c r="N283122" s="10"/>
    </row>
    <row r="283123" spans="14:14">
      <c r="N283123" s="10"/>
    </row>
    <row r="283124" spans="14:14">
      <c r="N283124" s="10"/>
    </row>
    <row r="283125" spans="14:14">
      <c r="N283125" s="10"/>
    </row>
    <row r="283126" spans="14:14">
      <c r="N283126" s="10"/>
    </row>
    <row r="283127" spans="14:14">
      <c r="N283127" s="10"/>
    </row>
    <row r="283128" spans="14:14">
      <c r="N283128" s="10"/>
    </row>
    <row r="283129" spans="14:14">
      <c r="N283129" s="10"/>
    </row>
    <row r="283130" spans="14:14">
      <c r="N283130" s="10"/>
    </row>
    <row r="283131" spans="14:14">
      <c r="N283131" s="10"/>
    </row>
    <row r="283132" spans="14:14">
      <c r="N283132" s="10"/>
    </row>
    <row r="283133" spans="14:14">
      <c r="N283133" s="10"/>
    </row>
    <row r="283134" spans="14:14">
      <c r="N283134" s="10"/>
    </row>
    <row r="283135" spans="14:14">
      <c r="N283135" s="10"/>
    </row>
    <row r="283136" spans="14:14">
      <c r="N283136" s="10"/>
    </row>
    <row r="283137" spans="14:14">
      <c r="N283137" s="10"/>
    </row>
    <row r="283138" spans="14:14">
      <c r="N283138" s="10"/>
    </row>
    <row r="283139" spans="14:14">
      <c r="N283139" s="10"/>
    </row>
    <row r="283140" spans="14:14">
      <c r="N283140" s="10"/>
    </row>
    <row r="283141" spans="14:14">
      <c r="N283141" s="10"/>
    </row>
    <row r="283142" spans="14:14">
      <c r="N283142" s="10"/>
    </row>
    <row r="283143" spans="14:14">
      <c r="N283143" s="10"/>
    </row>
    <row r="283144" spans="14:14">
      <c r="N283144" s="10"/>
    </row>
    <row r="283145" spans="14:14">
      <c r="N283145" s="10"/>
    </row>
    <row r="283146" spans="14:14">
      <c r="N283146" s="10"/>
    </row>
    <row r="283147" spans="14:14">
      <c r="N283147" s="10"/>
    </row>
    <row r="283148" spans="14:14">
      <c r="N283148" s="10"/>
    </row>
    <row r="283149" spans="14:14">
      <c r="N283149" s="10"/>
    </row>
    <row r="283150" spans="14:14">
      <c r="N283150" s="10"/>
    </row>
    <row r="283151" spans="14:14">
      <c r="N283151" s="10"/>
    </row>
    <row r="283152" spans="14:14">
      <c r="N283152" s="10"/>
    </row>
    <row r="283153" spans="14:14">
      <c r="N283153" s="10"/>
    </row>
    <row r="283154" spans="14:14">
      <c r="N283154" s="10"/>
    </row>
    <row r="283155" spans="14:14">
      <c r="N283155" s="10"/>
    </row>
    <row r="283156" spans="14:14">
      <c r="N283156" s="10"/>
    </row>
    <row r="283157" spans="14:14">
      <c r="N283157" s="10"/>
    </row>
    <row r="283158" spans="14:14">
      <c r="N283158" s="10"/>
    </row>
    <row r="283159" spans="14:14">
      <c r="N283159" s="10"/>
    </row>
    <row r="283160" spans="14:14">
      <c r="N283160" s="10"/>
    </row>
    <row r="283161" spans="14:14">
      <c r="N283161" s="10"/>
    </row>
    <row r="283162" spans="14:14">
      <c r="N283162" s="10"/>
    </row>
    <row r="283163" spans="14:14">
      <c r="N283163" s="10"/>
    </row>
    <row r="283164" spans="14:14">
      <c r="N283164" s="10"/>
    </row>
    <row r="283165" spans="14:14">
      <c r="N283165" s="10"/>
    </row>
    <row r="283166" spans="14:14">
      <c r="N283166" s="10"/>
    </row>
    <row r="283167" spans="14:14">
      <c r="N283167" s="10"/>
    </row>
    <row r="283168" spans="14:14">
      <c r="N283168" s="10"/>
    </row>
    <row r="283169" spans="14:14">
      <c r="N283169" s="10"/>
    </row>
    <row r="283170" spans="14:14">
      <c r="N283170" s="10"/>
    </row>
    <row r="283171" spans="14:14">
      <c r="N283171" s="10"/>
    </row>
    <row r="283172" spans="14:14">
      <c r="N283172" s="10"/>
    </row>
    <row r="283173" spans="14:14">
      <c r="N283173" s="10"/>
    </row>
    <row r="283174" spans="14:14">
      <c r="N283174" s="10"/>
    </row>
    <row r="283175" spans="14:14">
      <c r="N283175" s="10"/>
    </row>
    <row r="283176" spans="14:14">
      <c r="N283176" s="10"/>
    </row>
    <row r="283177" spans="14:14">
      <c r="N283177" s="10"/>
    </row>
    <row r="283178" spans="14:14">
      <c r="N283178" s="10"/>
    </row>
    <row r="283179" spans="14:14">
      <c r="N283179" s="10"/>
    </row>
    <row r="283180" spans="14:14">
      <c r="N283180" s="10"/>
    </row>
    <row r="283181" spans="14:14">
      <c r="N283181" s="10"/>
    </row>
    <row r="283182" spans="14:14">
      <c r="N283182" s="10"/>
    </row>
    <row r="283183" spans="14:14">
      <c r="N283183" s="10"/>
    </row>
    <row r="283184" spans="14:14">
      <c r="N283184" s="10"/>
    </row>
    <row r="283185" spans="14:14">
      <c r="N283185" s="10"/>
    </row>
    <row r="283186" spans="14:14">
      <c r="N283186" s="10"/>
    </row>
    <row r="283187" spans="14:14">
      <c r="N283187" s="10"/>
    </row>
    <row r="283188" spans="14:14">
      <c r="N283188" s="10"/>
    </row>
    <row r="283189" spans="14:14">
      <c r="N283189" s="10"/>
    </row>
    <row r="283190" spans="14:14">
      <c r="N283190" s="10"/>
    </row>
    <row r="283191" spans="14:14">
      <c r="N283191" s="10"/>
    </row>
    <row r="283192" spans="14:14">
      <c r="N283192" s="10"/>
    </row>
    <row r="283193" spans="14:14">
      <c r="N283193" s="10"/>
    </row>
    <row r="283194" spans="14:14">
      <c r="N283194" s="10"/>
    </row>
    <row r="283195" spans="14:14">
      <c r="N283195" s="10"/>
    </row>
    <row r="283196" spans="14:14">
      <c r="N283196" s="10"/>
    </row>
    <row r="283197" spans="14:14">
      <c r="N283197" s="10"/>
    </row>
    <row r="283198" spans="14:14">
      <c r="N283198" s="10"/>
    </row>
    <row r="283199" spans="14:14">
      <c r="N283199" s="10"/>
    </row>
    <row r="283200" spans="14:14">
      <c r="N283200" s="10"/>
    </row>
    <row r="283201" spans="14:14">
      <c r="N283201" s="10"/>
    </row>
    <row r="283202" spans="14:14">
      <c r="N283202" s="10"/>
    </row>
    <row r="283203" spans="14:14">
      <c r="N283203" s="10"/>
    </row>
    <row r="283204" spans="14:14">
      <c r="N283204" s="10"/>
    </row>
    <row r="283205" spans="14:14">
      <c r="N283205" s="10"/>
    </row>
    <row r="283206" spans="14:14">
      <c r="N283206" s="10"/>
    </row>
    <row r="283207" spans="14:14">
      <c r="N283207" s="10"/>
    </row>
    <row r="283208" spans="14:14">
      <c r="N283208" s="10"/>
    </row>
    <row r="283209" spans="14:14">
      <c r="N283209" s="10"/>
    </row>
    <row r="283210" spans="14:14">
      <c r="N283210" s="10"/>
    </row>
    <row r="283211" spans="14:14">
      <c r="N283211" s="10"/>
    </row>
    <row r="283212" spans="14:14">
      <c r="N283212" s="10"/>
    </row>
    <row r="283213" spans="14:14">
      <c r="N283213" s="10"/>
    </row>
    <row r="283214" spans="14:14">
      <c r="N283214" s="10"/>
    </row>
    <row r="283215" spans="14:14">
      <c r="N283215" s="10"/>
    </row>
    <row r="283216" spans="14:14">
      <c r="N283216" s="10"/>
    </row>
    <row r="283217" spans="14:14">
      <c r="N283217" s="10"/>
    </row>
    <row r="283218" spans="14:14">
      <c r="N283218" s="10"/>
    </row>
    <row r="283219" spans="14:14">
      <c r="N283219" s="10"/>
    </row>
    <row r="283220" spans="14:14">
      <c r="N283220" s="10"/>
    </row>
    <row r="283221" spans="14:14">
      <c r="N283221" s="10"/>
    </row>
    <row r="283222" spans="14:14">
      <c r="N283222" s="10"/>
    </row>
    <row r="283223" spans="14:14">
      <c r="N283223" s="10"/>
    </row>
    <row r="283224" spans="14:14">
      <c r="N283224" s="10"/>
    </row>
    <row r="283225" spans="14:14">
      <c r="N283225" s="10"/>
    </row>
    <row r="283226" spans="14:14">
      <c r="N283226" s="10"/>
    </row>
    <row r="283227" spans="14:14">
      <c r="N283227" s="10"/>
    </row>
    <row r="283228" spans="14:14">
      <c r="N283228" s="10"/>
    </row>
    <row r="283229" spans="14:14">
      <c r="N283229" s="10"/>
    </row>
    <row r="283230" spans="14:14">
      <c r="N283230" s="10"/>
    </row>
    <row r="283231" spans="14:14">
      <c r="N283231" s="10"/>
    </row>
    <row r="283232" spans="14:14">
      <c r="N283232" s="10"/>
    </row>
    <row r="283233" spans="14:14">
      <c r="N283233" s="10"/>
    </row>
    <row r="283234" spans="14:14">
      <c r="N283234" s="10"/>
    </row>
    <row r="283235" spans="14:14">
      <c r="N283235" s="10"/>
    </row>
    <row r="283236" spans="14:14">
      <c r="N283236" s="10"/>
    </row>
    <row r="283237" spans="14:14">
      <c r="N283237" s="10"/>
    </row>
    <row r="283238" spans="14:14">
      <c r="N283238" s="10"/>
    </row>
    <row r="283239" spans="14:14">
      <c r="N283239" s="10"/>
    </row>
    <row r="283240" spans="14:14">
      <c r="N283240" s="10"/>
    </row>
    <row r="283241" spans="14:14">
      <c r="N283241" s="10"/>
    </row>
    <row r="283242" spans="14:14">
      <c r="N283242" s="10"/>
    </row>
    <row r="283243" spans="14:14">
      <c r="N283243" s="10"/>
    </row>
    <row r="283244" spans="14:14">
      <c r="N283244" s="10"/>
    </row>
    <row r="283245" spans="14:14">
      <c r="N283245" s="10"/>
    </row>
    <row r="283246" spans="14:14">
      <c r="N283246" s="10"/>
    </row>
    <row r="283247" spans="14:14">
      <c r="N283247" s="10"/>
    </row>
    <row r="283248" spans="14:14">
      <c r="N283248" s="10"/>
    </row>
    <row r="283249" spans="14:14">
      <c r="N283249" s="10"/>
    </row>
    <row r="283250" spans="14:14">
      <c r="N283250" s="10"/>
    </row>
    <row r="283251" spans="14:14">
      <c r="N283251" s="10"/>
    </row>
    <row r="283252" spans="14:14">
      <c r="N283252" s="10"/>
    </row>
    <row r="283253" spans="14:14">
      <c r="N283253" s="10"/>
    </row>
    <row r="283254" spans="14:14">
      <c r="N283254" s="10"/>
    </row>
    <row r="283255" spans="14:14">
      <c r="N283255" s="10"/>
    </row>
    <row r="283256" spans="14:14">
      <c r="N283256" s="10"/>
    </row>
    <row r="283257" spans="14:14">
      <c r="N283257" s="10"/>
    </row>
    <row r="283258" spans="14:14">
      <c r="N283258" s="10"/>
    </row>
    <row r="283259" spans="14:14">
      <c r="N283259" s="10"/>
    </row>
    <row r="283260" spans="14:14">
      <c r="N283260" s="10"/>
    </row>
    <row r="283261" spans="14:14">
      <c r="N283261" s="10"/>
    </row>
    <row r="283262" spans="14:14">
      <c r="N283262" s="10"/>
    </row>
    <row r="283263" spans="14:14">
      <c r="N283263" s="10"/>
    </row>
    <row r="283264" spans="14:14">
      <c r="N283264" s="10"/>
    </row>
    <row r="283265" spans="14:14">
      <c r="N283265" s="10"/>
    </row>
    <row r="283266" spans="14:14">
      <c r="N283266" s="10"/>
    </row>
    <row r="283267" spans="14:14">
      <c r="N283267" s="10"/>
    </row>
    <row r="283268" spans="14:14">
      <c r="N283268" s="10"/>
    </row>
    <row r="283269" spans="14:14">
      <c r="N283269" s="10"/>
    </row>
    <row r="283270" spans="14:14">
      <c r="N283270" s="10"/>
    </row>
    <row r="283271" spans="14:14">
      <c r="N283271" s="10"/>
    </row>
    <row r="283272" spans="14:14">
      <c r="N283272" s="10"/>
    </row>
    <row r="283273" spans="14:14">
      <c r="N283273" s="10"/>
    </row>
    <row r="283274" spans="14:14">
      <c r="N283274" s="10"/>
    </row>
    <row r="283275" spans="14:14">
      <c r="N283275" s="10"/>
    </row>
    <row r="283276" spans="14:14">
      <c r="N283276" s="10"/>
    </row>
    <row r="283277" spans="14:14">
      <c r="N283277" s="10"/>
    </row>
    <row r="283278" spans="14:14">
      <c r="N283278" s="10"/>
    </row>
    <row r="283279" spans="14:14">
      <c r="N283279" s="10"/>
    </row>
    <row r="283280" spans="14:14">
      <c r="N283280" s="10"/>
    </row>
    <row r="283281" spans="14:14">
      <c r="N283281" s="10"/>
    </row>
    <row r="283282" spans="14:14">
      <c r="N283282" s="10"/>
    </row>
    <row r="283283" spans="14:14">
      <c r="N283283" s="10"/>
    </row>
    <row r="283284" spans="14:14">
      <c r="N283284" s="10"/>
    </row>
    <row r="283285" spans="14:14">
      <c r="N283285" s="10"/>
    </row>
    <row r="283286" spans="14:14">
      <c r="N283286" s="10"/>
    </row>
    <row r="283287" spans="14:14">
      <c r="N283287" s="10"/>
    </row>
    <row r="283288" spans="14:14">
      <c r="N283288" s="10"/>
    </row>
    <row r="283289" spans="14:14">
      <c r="N283289" s="10"/>
    </row>
    <row r="283290" spans="14:14">
      <c r="N283290" s="10"/>
    </row>
    <row r="283291" spans="14:14">
      <c r="N283291" s="10"/>
    </row>
    <row r="283292" spans="14:14">
      <c r="N283292" s="10"/>
    </row>
    <row r="283293" spans="14:14">
      <c r="N283293" s="10"/>
    </row>
    <row r="283294" spans="14:14">
      <c r="N283294" s="10"/>
    </row>
    <row r="283295" spans="14:14">
      <c r="N283295" s="10"/>
    </row>
    <row r="283296" spans="14:14">
      <c r="N283296" s="10"/>
    </row>
    <row r="283297" spans="14:14">
      <c r="N283297" s="10"/>
    </row>
    <row r="283298" spans="14:14">
      <c r="N283298" s="10"/>
    </row>
    <row r="283299" spans="14:14">
      <c r="N283299" s="10"/>
    </row>
    <row r="283300" spans="14:14">
      <c r="N283300" s="10"/>
    </row>
    <row r="283301" spans="14:14">
      <c r="N283301" s="10"/>
    </row>
    <row r="283302" spans="14:14">
      <c r="N283302" s="10"/>
    </row>
    <row r="283303" spans="14:14">
      <c r="N283303" s="10"/>
    </row>
    <row r="283304" spans="14:14">
      <c r="N283304" s="10"/>
    </row>
    <row r="283305" spans="14:14">
      <c r="N283305" s="10"/>
    </row>
    <row r="283306" spans="14:14">
      <c r="N283306" s="10"/>
    </row>
    <row r="283307" spans="14:14">
      <c r="N283307" s="10"/>
    </row>
    <row r="283308" spans="14:14">
      <c r="N283308" s="10"/>
    </row>
    <row r="283309" spans="14:14">
      <c r="N283309" s="10"/>
    </row>
    <row r="283310" spans="14:14">
      <c r="N283310" s="10"/>
    </row>
    <row r="283311" spans="14:14">
      <c r="N283311" s="10"/>
    </row>
    <row r="283312" spans="14:14">
      <c r="N283312" s="10"/>
    </row>
    <row r="283313" spans="14:14">
      <c r="N283313" s="10"/>
    </row>
    <row r="283314" spans="14:14">
      <c r="N283314" s="10"/>
    </row>
    <row r="283315" spans="14:14">
      <c r="N283315" s="10"/>
    </row>
    <row r="283316" spans="14:14">
      <c r="N283316" s="10"/>
    </row>
    <row r="283317" spans="14:14">
      <c r="N283317" s="10"/>
    </row>
    <row r="283318" spans="14:14">
      <c r="N283318" s="10"/>
    </row>
    <row r="283319" spans="14:14">
      <c r="N283319" s="10"/>
    </row>
    <row r="283320" spans="14:14">
      <c r="N283320" s="10"/>
    </row>
    <row r="283321" spans="14:14">
      <c r="N283321" s="10"/>
    </row>
    <row r="283322" spans="14:14">
      <c r="N283322" s="10"/>
    </row>
    <row r="283323" spans="14:14">
      <c r="N283323" s="10"/>
    </row>
    <row r="283324" spans="14:14">
      <c r="N283324" s="10"/>
    </row>
    <row r="283325" spans="14:14">
      <c r="N283325" s="10"/>
    </row>
    <row r="283326" spans="14:14">
      <c r="N283326" s="10"/>
    </row>
    <row r="283327" spans="14:14">
      <c r="N283327" s="10"/>
    </row>
    <row r="283328" spans="14:14">
      <c r="N283328" s="10"/>
    </row>
    <row r="283329" spans="14:14">
      <c r="N283329" s="10"/>
    </row>
    <row r="283330" spans="14:14">
      <c r="N283330" s="10"/>
    </row>
    <row r="283331" spans="14:14">
      <c r="N283331" s="10"/>
    </row>
    <row r="283332" spans="14:14">
      <c r="N283332" s="10"/>
    </row>
    <row r="283333" spans="14:14">
      <c r="N283333" s="10"/>
    </row>
    <row r="283334" spans="14:14">
      <c r="N283334" s="10"/>
    </row>
    <row r="283335" spans="14:14">
      <c r="N283335" s="10"/>
    </row>
    <row r="283336" spans="14:14">
      <c r="N283336" s="10"/>
    </row>
    <row r="283337" spans="14:14">
      <c r="N283337" s="10"/>
    </row>
    <row r="283338" spans="14:14">
      <c r="N283338" s="10"/>
    </row>
    <row r="283339" spans="14:14">
      <c r="N283339" s="10"/>
    </row>
    <row r="283340" spans="14:14">
      <c r="N283340" s="10"/>
    </row>
    <row r="283341" spans="14:14">
      <c r="N283341" s="10"/>
    </row>
    <row r="283342" spans="14:14">
      <c r="N283342" s="10"/>
    </row>
    <row r="283343" spans="14:14">
      <c r="N283343" s="10"/>
    </row>
    <row r="283344" spans="14:14">
      <c r="N283344" s="10"/>
    </row>
    <row r="283345" spans="14:14">
      <c r="N283345" s="10"/>
    </row>
    <row r="283346" spans="14:14">
      <c r="N283346" s="10"/>
    </row>
    <row r="283347" spans="14:14">
      <c r="N283347" s="10"/>
    </row>
    <row r="283348" spans="14:14">
      <c r="N283348" s="10"/>
    </row>
    <row r="283349" spans="14:14">
      <c r="N283349" s="10"/>
    </row>
    <row r="283350" spans="14:14">
      <c r="N283350" s="10"/>
    </row>
    <row r="283351" spans="14:14">
      <c r="N283351" s="10"/>
    </row>
    <row r="283352" spans="14:14">
      <c r="N283352" s="10"/>
    </row>
    <row r="283353" spans="14:14">
      <c r="N283353" s="10"/>
    </row>
    <row r="283354" spans="14:14">
      <c r="N283354" s="10"/>
    </row>
    <row r="283355" spans="14:14">
      <c r="N283355" s="10"/>
    </row>
    <row r="283356" spans="14:14">
      <c r="N283356" s="10"/>
    </row>
    <row r="283357" spans="14:14">
      <c r="N283357" s="10"/>
    </row>
    <row r="283358" spans="14:14">
      <c r="N283358" s="10"/>
    </row>
    <row r="283359" spans="14:14">
      <c r="N283359" s="10"/>
    </row>
    <row r="283360" spans="14:14">
      <c r="N283360" s="10"/>
    </row>
    <row r="283361" spans="14:14">
      <c r="N283361" s="10"/>
    </row>
    <row r="283362" spans="14:14">
      <c r="N283362" s="10"/>
    </row>
    <row r="283363" spans="14:14">
      <c r="N283363" s="10"/>
    </row>
    <row r="283364" spans="14:14">
      <c r="N283364" s="10"/>
    </row>
    <row r="283365" spans="14:14">
      <c r="N283365" s="10"/>
    </row>
    <row r="283366" spans="14:14">
      <c r="N283366" s="10"/>
    </row>
    <row r="283367" spans="14:14">
      <c r="N283367" s="10"/>
    </row>
    <row r="283368" spans="14:14">
      <c r="N283368" s="10"/>
    </row>
    <row r="283369" spans="14:14">
      <c r="N283369" s="10"/>
    </row>
    <row r="283370" spans="14:14">
      <c r="N283370" s="10"/>
    </row>
    <row r="283371" spans="14:14">
      <c r="N283371" s="10"/>
    </row>
    <row r="283372" spans="14:14">
      <c r="N283372" s="10"/>
    </row>
    <row r="283373" spans="14:14">
      <c r="N283373" s="10"/>
    </row>
    <row r="283374" spans="14:14">
      <c r="N283374" s="10"/>
    </row>
    <row r="283375" spans="14:14">
      <c r="N283375" s="10"/>
    </row>
    <row r="283376" spans="14:14">
      <c r="N283376" s="10"/>
    </row>
    <row r="283377" spans="14:14">
      <c r="N283377" s="10"/>
    </row>
    <row r="283378" spans="14:14">
      <c r="N283378" s="10"/>
    </row>
    <row r="283379" spans="14:14">
      <c r="N283379" s="10"/>
    </row>
    <row r="283380" spans="14:14">
      <c r="N283380" s="10"/>
    </row>
    <row r="283381" spans="14:14">
      <c r="N283381" s="10"/>
    </row>
    <row r="283382" spans="14:14">
      <c r="N283382" s="10"/>
    </row>
    <row r="283383" spans="14:14">
      <c r="N283383" s="10"/>
    </row>
    <row r="283384" spans="14:14">
      <c r="N283384" s="10"/>
    </row>
    <row r="283385" spans="14:14">
      <c r="N283385" s="10"/>
    </row>
    <row r="283386" spans="14:14">
      <c r="N283386" s="10"/>
    </row>
    <row r="283387" spans="14:14">
      <c r="N283387" s="10"/>
    </row>
    <row r="283388" spans="14:14">
      <c r="N283388" s="10"/>
    </row>
    <row r="283389" spans="14:14">
      <c r="N283389" s="10"/>
    </row>
    <row r="283390" spans="14:14">
      <c r="N283390" s="10"/>
    </row>
    <row r="283391" spans="14:14">
      <c r="N283391" s="10"/>
    </row>
    <row r="283392" spans="14:14">
      <c r="N283392" s="10"/>
    </row>
    <row r="283393" spans="14:14">
      <c r="N283393" s="10"/>
    </row>
    <row r="283394" spans="14:14">
      <c r="N283394" s="10"/>
    </row>
    <row r="283395" spans="14:14">
      <c r="N283395" s="10"/>
    </row>
    <row r="283396" spans="14:14">
      <c r="N283396" s="10"/>
    </row>
    <row r="283397" spans="14:14">
      <c r="N283397" s="10"/>
    </row>
    <row r="283398" spans="14:14">
      <c r="N283398" s="10"/>
    </row>
    <row r="283399" spans="14:14">
      <c r="N283399" s="10"/>
    </row>
    <row r="283400" spans="14:14">
      <c r="N283400" s="10"/>
    </row>
    <row r="283401" spans="14:14">
      <c r="N283401" s="10"/>
    </row>
    <row r="283402" spans="14:14">
      <c r="N283402" s="10"/>
    </row>
    <row r="283403" spans="14:14">
      <c r="N283403" s="10"/>
    </row>
    <row r="283404" spans="14:14">
      <c r="N283404" s="10"/>
    </row>
    <row r="283405" spans="14:14">
      <c r="N283405" s="10"/>
    </row>
    <row r="283406" spans="14:14">
      <c r="N283406" s="10"/>
    </row>
    <row r="283407" spans="14:14">
      <c r="N283407" s="10"/>
    </row>
    <row r="283408" spans="14:14">
      <c r="N283408" s="10"/>
    </row>
    <row r="283409" spans="14:14">
      <c r="N283409" s="10"/>
    </row>
    <row r="283410" spans="14:14">
      <c r="N283410" s="10"/>
    </row>
    <row r="283411" spans="14:14">
      <c r="N283411" s="10"/>
    </row>
    <row r="283412" spans="14:14">
      <c r="N283412" s="10"/>
    </row>
    <row r="283413" spans="14:14">
      <c r="N283413" s="10"/>
    </row>
    <row r="283414" spans="14:14">
      <c r="N283414" s="10"/>
    </row>
    <row r="283415" spans="14:14">
      <c r="N283415" s="10"/>
    </row>
    <row r="283416" spans="14:14">
      <c r="N283416" s="10"/>
    </row>
    <row r="283417" spans="14:14">
      <c r="N283417" s="10"/>
    </row>
    <row r="283418" spans="14:14">
      <c r="N283418" s="10"/>
    </row>
    <row r="283419" spans="14:14">
      <c r="N283419" s="10"/>
    </row>
    <row r="283420" spans="14:14">
      <c r="N283420" s="10"/>
    </row>
    <row r="283421" spans="14:14">
      <c r="N283421" s="10"/>
    </row>
    <row r="283422" spans="14:14">
      <c r="N283422" s="10"/>
    </row>
    <row r="283423" spans="14:14">
      <c r="N283423" s="10"/>
    </row>
    <row r="283424" spans="14:14">
      <c r="N283424" s="10"/>
    </row>
    <row r="283425" spans="14:14">
      <c r="N283425" s="10"/>
    </row>
    <row r="283426" spans="14:14">
      <c r="N283426" s="10"/>
    </row>
    <row r="283427" spans="14:14">
      <c r="N283427" s="10"/>
    </row>
    <row r="283428" spans="14:14">
      <c r="N283428" s="10"/>
    </row>
    <row r="283429" spans="14:14">
      <c r="N283429" s="10"/>
    </row>
    <row r="283430" spans="14:14">
      <c r="N283430" s="10"/>
    </row>
    <row r="283431" spans="14:14">
      <c r="N283431" s="10"/>
    </row>
    <row r="283432" spans="14:14">
      <c r="N283432" s="10"/>
    </row>
    <row r="283433" spans="14:14">
      <c r="N283433" s="10"/>
    </row>
    <row r="283434" spans="14:14">
      <c r="N283434" s="10"/>
    </row>
    <row r="283435" spans="14:14">
      <c r="N283435" s="10"/>
    </row>
    <row r="283436" spans="14:14">
      <c r="N283436" s="10"/>
    </row>
    <row r="283437" spans="14:14">
      <c r="N283437" s="10"/>
    </row>
    <row r="283438" spans="14:14">
      <c r="N283438" s="10"/>
    </row>
    <row r="283439" spans="14:14">
      <c r="N283439" s="10"/>
    </row>
    <row r="283440" spans="14:14">
      <c r="N283440" s="10"/>
    </row>
    <row r="283441" spans="14:14">
      <c r="N283441" s="10"/>
    </row>
    <row r="283442" spans="14:14">
      <c r="N283442" s="10"/>
    </row>
    <row r="283443" spans="14:14">
      <c r="N283443" s="10"/>
    </row>
    <row r="283444" spans="14:14">
      <c r="N283444" s="10"/>
    </row>
    <row r="283445" spans="14:14">
      <c r="N283445" s="10"/>
    </row>
    <row r="283446" spans="14:14">
      <c r="N283446" s="10"/>
    </row>
    <row r="283447" spans="14:14">
      <c r="N283447" s="10"/>
    </row>
    <row r="283448" spans="14:14">
      <c r="N283448" s="10"/>
    </row>
    <row r="283449" spans="14:14">
      <c r="N283449" s="10"/>
    </row>
    <row r="283450" spans="14:14">
      <c r="N283450" s="10"/>
    </row>
    <row r="283451" spans="14:14">
      <c r="N283451" s="10"/>
    </row>
    <row r="283452" spans="14:14">
      <c r="N283452" s="10"/>
    </row>
    <row r="283453" spans="14:14">
      <c r="N283453" s="10"/>
    </row>
    <row r="283454" spans="14:14">
      <c r="N283454" s="10"/>
    </row>
    <row r="283455" spans="14:14">
      <c r="N283455" s="10"/>
    </row>
    <row r="283456" spans="14:14">
      <c r="N283456" s="10"/>
    </row>
    <row r="283457" spans="14:14">
      <c r="N283457" s="10"/>
    </row>
    <row r="283458" spans="14:14">
      <c r="N283458" s="10"/>
    </row>
    <row r="283459" spans="14:14">
      <c r="N283459" s="10"/>
    </row>
    <row r="283460" spans="14:14">
      <c r="N283460" s="10"/>
    </row>
    <row r="283461" spans="14:14">
      <c r="N283461" s="10"/>
    </row>
    <row r="283462" spans="14:14">
      <c r="N283462" s="10"/>
    </row>
    <row r="283463" spans="14:14">
      <c r="N283463" s="10"/>
    </row>
    <row r="283464" spans="14:14">
      <c r="N283464" s="10"/>
    </row>
    <row r="283465" spans="14:14">
      <c r="N283465" s="10"/>
    </row>
    <row r="283466" spans="14:14">
      <c r="N283466" s="10"/>
    </row>
    <row r="283467" spans="14:14">
      <c r="N283467" s="10"/>
    </row>
    <row r="283468" spans="14:14">
      <c r="N283468" s="10"/>
    </row>
    <row r="283469" spans="14:14">
      <c r="N283469" s="10"/>
    </row>
    <row r="283470" spans="14:14">
      <c r="N283470" s="10"/>
    </row>
    <row r="283471" spans="14:14">
      <c r="N283471" s="10"/>
    </row>
    <row r="283472" spans="14:14">
      <c r="N283472" s="10"/>
    </row>
    <row r="283473" spans="14:14">
      <c r="N283473" s="10"/>
    </row>
    <row r="283474" spans="14:14">
      <c r="N283474" s="10"/>
    </row>
    <row r="283475" spans="14:14">
      <c r="N283475" s="10"/>
    </row>
    <row r="283476" spans="14:14">
      <c r="N283476" s="10"/>
    </row>
    <row r="283477" spans="14:14">
      <c r="N283477" s="10"/>
    </row>
    <row r="283478" spans="14:14">
      <c r="N283478" s="10"/>
    </row>
    <row r="283479" spans="14:14">
      <c r="N283479" s="10"/>
    </row>
    <row r="283480" spans="14:14">
      <c r="N283480" s="10"/>
    </row>
    <row r="283481" spans="14:14">
      <c r="N283481" s="10"/>
    </row>
    <row r="283482" spans="14:14">
      <c r="N283482" s="10"/>
    </row>
    <row r="283483" spans="14:14">
      <c r="N283483" s="10"/>
    </row>
    <row r="283484" spans="14:14">
      <c r="N283484" s="10"/>
    </row>
    <row r="283485" spans="14:14">
      <c r="N283485" s="10"/>
    </row>
    <row r="283486" spans="14:14">
      <c r="N283486" s="10"/>
    </row>
    <row r="283487" spans="14:14">
      <c r="N283487" s="10"/>
    </row>
    <row r="283488" spans="14:14">
      <c r="N283488" s="10"/>
    </row>
    <row r="283489" spans="14:14">
      <c r="N283489" s="10"/>
    </row>
    <row r="283490" spans="14:14">
      <c r="N283490" s="10"/>
    </row>
    <row r="283491" spans="14:14">
      <c r="N283491" s="10"/>
    </row>
    <row r="283492" spans="14:14">
      <c r="N283492" s="10"/>
    </row>
    <row r="283493" spans="14:14">
      <c r="N283493" s="10"/>
    </row>
    <row r="283494" spans="14:14">
      <c r="N283494" s="10"/>
    </row>
    <row r="283495" spans="14:14">
      <c r="N283495" s="10"/>
    </row>
    <row r="283496" spans="14:14">
      <c r="N283496" s="10"/>
    </row>
    <row r="283497" spans="14:14">
      <c r="N283497" s="10"/>
    </row>
    <row r="283498" spans="14:14">
      <c r="N283498" s="10"/>
    </row>
    <row r="283499" spans="14:14">
      <c r="N283499" s="10"/>
    </row>
    <row r="283500" spans="14:14">
      <c r="N283500" s="10"/>
    </row>
    <row r="283501" spans="14:14">
      <c r="N283501" s="10"/>
    </row>
    <row r="283502" spans="14:14">
      <c r="N283502" s="10"/>
    </row>
    <row r="283503" spans="14:14">
      <c r="N283503" s="10"/>
    </row>
    <row r="283504" spans="14:14">
      <c r="N283504" s="10"/>
    </row>
    <row r="283505" spans="14:14">
      <c r="N283505" s="10"/>
    </row>
    <row r="283506" spans="14:14">
      <c r="N283506" s="10"/>
    </row>
    <row r="283507" spans="14:14">
      <c r="N283507" s="10"/>
    </row>
    <row r="283508" spans="14:14">
      <c r="N283508" s="10"/>
    </row>
    <row r="283509" spans="14:14">
      <c r="N283509" s="10"/>
    </row>
    <row r="283510" spans="14:14">
      <c r="N283510" s="10"/>
    </row>
    <row r="283511" spans="14:14">
      <c r="N283511" s="10"/>
    </row>
    <row r="283512" spans="14:14">
      <c r="N283512" s="10"/>
    </row>
    <row r="283513" spans="14:14">
      <c r="N283513" s="10"/>
    </row>
    <row r="283514" spans="14:14">
      <c r="N283514" s="10"/>
    </row>
    <row r="283515" spans="14:14">
      <c r="N283515" s="10"/>
    </row>
    <row r="283516" spans="14:14">
      <c r="N283516" s="10"/>
    </row>
    <row r="283517" spans="14:14">
      <c r="N283517" s="10"/>
    </row>
    <row r="283518" spans="14:14">
      <c r="N283518" s="10"/>
    </row>
    <row r="283519" spans="14:14">
      <c r="N283519" s="10"/>
    </row>
    <row r="283520" spans="14:14">
      <c r="N283520" s="10"/>
    </row>
    <row r="283521" spans="14:14">
      <c r="N283521" s="10"/>
    </row>
    <row r="283522" spans="14:14">
      <c r="N283522" s="10"/>
    </row>
    <row r="283523" spans="14:14">
      <c r="N283523" s="10"/>
    </row>
    <row r="283524" spans="14:14">
      <c r="N283524" s="10"/>
    </row>
    <row r="283525" spans="14:14">
      <c r="N283525" s="10"/>
    </row>
    <row r="283526" spans="14:14">
      <c r="N283526" s="10"/>
    </row>
    <row r="283527" spans="14:14">
      <c r="N283527" s="10"/>
    </row>
    <row r="283528" spans="14:14">
      <c r="N283528" s="10"/>
    </row>
    <row r="283529" spans="14:14">
      <c r="N283529" s="10"/>
    </row>
    <row r="283530" spans="14:14">
      <c r="N283530" s="10"/>
    </row>
    <row r="283531" spans="14:14">
      <c r="N283531" s="10"/>
    </row>
    <row r="283532" spans="14:14">
      <c r="N283532" s="10"/>
    </row>
    <row r="283533" spans="14:14">
      <c r="N283533" s="10"/>
    </row>
    <row r="283534" spans="14:14">
      <c r="N283534" s="10"/>
    </row>
    <row r="283535" spans="14:14">
      <c r="N283535" s="10"/>
    </row>
    <row r="283536" spans="14:14">
      <c r="N283536" s="10"/>
    </row>
    <row r="283537" spans="14:14">
      <c r="N283537" s="10"/>
    </row>
    <row r="283538" spans="14:14">
      <c r="N283538" s="10"/>
    </row>
    <row r="283539" spans="14:14">
      <c r="N283539" s="10"/>
    </row>
    <row r="283540" spans="14:14">
      <c r="N283540" s="10"/>
    </row>
    <row r="283541" spans="14:14">
      <c r="N283541" s="10"/>
    </row>
    <row r="283542" spans="14:14">
      <c r="N283542" s="10"/>
    </row>
    <row r="283543" spans="14:14">
      <c r="N283543" s="10"/>
    </row>
    <row r="283544" spans="14:14">
      <c r="N283544" s="10"/>
    </row>
    <row r="283545" spans="14:14">
      <c r="N283545" s="10"/>
    </row>
    <row r="283546" spans="14:14">
      <c r="N283546" s="10"/>
    </row>
    <row r="283547" spans="14:14">
      <c r="N283547" s="10"/>
    </row>
    <row r="283548" spans="14:14">
      <c r="N283548" s="10"/>
    </row>
    <row r="283549" spans="14:14">
      <c r="N283549" s="10"/>
    </row>
    <row r="283550" spans="14:14">
      <c r="N283550" s="10"/>
    </row>
    <row r="283551" spans="14:14">
      <c r="N283551" s="10"/>
    </row>
    <row r="283552" spans="14:14">
      <c r="N283552" s="10"/>
    </row>
    <row r="283553" spans="14:14">
      <c r="N283553" s="10"/>
    </row>
    <row r="283554" spans="14:14">
      <c r="N283554" s="10"/>
    </row>
    <row r="283555" spans="14:14">
      <c r="N283555" s="10"/>
    </row>
    <row r="283556" spans="14:14">
      <c r="N283556" s="10"/>
    </row>
    <row r="283557" spans="14:14">
      <c r="N283557" s="10"/>
    </row>
    <row r="283558" spans="14:14">
      <c r="N283558" s="10"/>
    </row>
    <row r="283559" spans="14:14">
      <c r="N283559" s="10"/>
    </row>
    <row r="283560" spans="14:14">
      <c r="N283560" s="10"/>
    </row>
    <row r="283561" spans="14:14">
      <c r="N283561" s="10"/>
    </row>
    <row r="283562" spans="14:14">
      <c r="N283562" s="10"/>
    </row>
    <row r="283563" spans="14:14">
      <c r="N283563" s="10"/>
    </row>
    <row r="283564" spans="14:14">
      <c r="N283564" s="10"/>
    </row>
    <row r="283565" spans="14:14">
      <c r="N283565" s="10"/>
    </row>
    <row r="283566" spans="14:14">
      <c r="N283566" s="10"/>
    </row>
    <row r="283567" spans="14:14">
      <c r="N283567" s="10"/>
    </row>
    <row r="283568" spans="14:14">
      <c r="N283568" s="10"/>
    </row>
    <row r="283569" spans="14:14">
      <c r="N283569" s="10"/>
    </row>
    <row r="283570" spans="14:14">
      <c r="N283570" s="10"/>
    </row>
    <row r="283571" spans="14:14">
      <c r="N283571" s="10"/>
    </row>
    <row r="283572" spans="14:14">
      <c r="N283572" s="10"/>
    </row>
    <row r="283573" spans="14:14">
      <c r="N283573" s="10"/>
    </row>
    <row r="283574" spans="14:14">
      <c r="N283574" s="10"/>
    </row>
    <row r="283575" spans="14:14">
      <c r="N283575" s="10"/>
    </row>
    <row r="283576" spans="14:14">
      <c r="N283576" s="10"/>
    </row>
    <row r="283577" spans="14:14">
      <c r="N283577" s="10"/>
    </row>
    <row r="283578" spans="14:14">
      <c r="N283578" s="10"/>
    </row>
    <row r="283579" spans="14:14">
      <c r="N283579" s="10"/>
    </row>
    <row r="283580" spans="14:14">
      <c r="N283580" s="10"/>
    </row>
    <row r="283581" spans="14:14">
      <c r="N283581" s="10"/>
    </row>
    <row r="283582" spans="14:14">
      <c r="N283582" s="10"/>
    </row>
    <row r="283583" spans="14:14">
      <c r="N283583" s="10"/>
    </row>
    <row r="283584" spans="14:14">
      <c r="N283584" s="10"/>
    </row>
    <row r="283585" spans="14:14">
      <c r="N283585" s="10"/>
    </row>
    <row r="283586" spans="14:14">
      <c r="N283586" s="10"/>
    </row>
    <row r="283587" spans="14:14">
      <c r="N283587" s="10"/>
    </row>
    <row r="283588" spans="14:14">
      <c r="N283588" s="10"/>
    </row>
    <row r="283589" spans="14:14">
      <c r="N283589" s="10"/>
    </row>
    <row r="283590" spans="14:14">
      <c r="N283590" s="10"/>
    </row>
    <row r="283591" spans="14:14">
      <c r="N283591" s="10"/>
    </row>
    <row r="283592" spans="14:14">
      <c r="N283592" s="10"/>
    </row>
    <row r="283593" spans="14:14">
      <c r="N283593" s="10"/>
    </row>
    <row r="283594" spans="14:14">
      <c r="N283594" s="10"/>
    </row>
    <row r="283595" spans="14:14">
      <c r="N283595" s="10"/>
    </row>
    <row r="283596" spans="14:14">
      <c r="N283596" s="10"/>
    </row>
    <row r="283597" spans="14:14">
      <c r="N283597" s="10"/>
    </row>
    <row r="283598" spans="14:14">
      <c r="N283598" s="10"/>
    </row>
    <row r="283599" spans="14:14">
      <c r="N283599" s="10"/>
    </row>
    <row r="283600" spans="14:14">
      <c r="N283600" s="10"/>
    </row>
    <row r="283601" spans="14:14">
      <c r="N283601" s="10"/>
    </row>
    <row r="283602" spans="14:14">
      <c r="N283602" s="10"/>
    </row>
    <row r="283603" spans="14:14">
      <c r="N283603" s="10"/>
    </row>
    <row r="283604" spans="14:14">
      <c r="N283604" s="10"/>
    </row>
    <row r="283605" spans="14:14">
      <c r="N283605" s="10"/>
    </row>
    <row r="283606" spans="14:14">
      <c r="N283606" s="10"/>
    </row>
    <row r="283607" spans="14:14">
      <c r="N283607" s="10"/>
    </row>
    <row r="283608" spans="14:14">
      <c r="N283608" s="10"/>
    </row>
    <row r="283609" spans="14:14">
      <c r="N283609" s="10"/>
    </row>
    <row r="283610" spans="14:14">
      <c r="N283610" s="10"/>
    </row>
    <row r="283611" spans="14:14">
      <c r="N283611" s="10"/>
    </row>
    <row r="283612" spans="14:14">
      <c r="N283612" s="10"/>
    </row>
    <row r="283613" spans="14:14">
      <c r="N283613" s="10"/>
    </row>
    <row r="283614" spans="14:14">
      <c r="N283614" s="10"/>
    </row>
    <row r="283615" spans="14:14">
      <c r="N283615" s="10"/>
    </row>
    <row r="283616" spans="14:14">
      <c r="N283616" s="10"/>
    </row>
    <row r="283617" spans="14:14">
      <c r="N283617" s="10"/>
    </row>
    <row r="283618" spans="14:14">
      <c r="N283618" s="10"/>
    </row>
    <row r="283619" spans="14:14">
      <c r="N283619" s="10"/>
    </row>
    <row r="283620" spans="14:14">
      <c r="N283620" s="10"/>
    </row>
    <row r="283621" spans="14:14">
      <c r="N283621" s="10"/>
    </row>
    <row r="283622" spans="14:14">
      <c r="N283622" s="10"/>
    </row>
    <row r="283623" spans="14:14">
      <c r="N283623" s="10"/>
    </row>
    <row r="283624" spans="14:14">
      <c r="N283624" s="10"/>
    </row>
    <row r="283625" spans="14:14">
      <c r="N283625" s="10"/>
    </row>
    <row r="283626" spans="14:14">
      <c r="N283626" s="10"/>
    </row>
    <row r="283627" spans="14:14">
      <c r="N283627" s="10"/>
    </row>
    <row r="283628" spans="14:14">
      <c r="N283628" s="10"/>
    </row>
    <row r="283629" spans="14:14">
      <c r="N283629" s="10"/>
    </row>
    <row r="283630" spans="14:14">
      <c r="N283630" s="10"/>
    </row>
    <row r="283631" spans="14:14">
      <c r="N283631" s="10"/>
    </row>
    <row r="283632" spans="14:14">
      <c r="N283632" s="10"/>
    </row>
    <row r="283633" spans="14:14">
      <c r="N283633" s="10"/>
    </row>
    <row r="283634" spans="14:14">
      <c r="N283634" s="10"/>
    </row>
    <row r="283635" spans="14:14">
      <c r="N283635" s="10"/>
    </row>
    <row r="283636" spans="14:14">
      <c r="N283636" s="10"/>
    </row>
    <row r="283637" spans="14:14">
      <c r="N283637" s="10"/>
    </row>
    <row r="283638" spans="14:14">
      <c r="N283638" s="10"/>
    </row>
    <row r="283639" spans="14:14">
      <c r="N283639" s="10"/>
    </row>
    <row r="283640" spans="14:14">
      <c r="N283640" s="10"/>
    </row>
    <row r="283641" spans="14:14">
      <c r="N283641" s="10"/>
    </row>
    <row r="283642" spans="14:14">
      <c r="N283642" s="10"/>
    </row>
    <row r="283643" spans="14:14">
      <c r="N283643" s="10"/>
    </row>
    <row r="283644" spans="14:14">
      <c r="N283644" s="10"/>
    </row>
    <row r="283645" spans="14:14">
      <c r="N283645" s="10"/>
    </row>
    <row r="283646" spans="14:14">
      <c r="N283646" s="10"/>
    </row>
    <row r="283647" spans="14:14">
      <c r="N283647" s="10"/>
    </row>
    <row r="283648" spans="14:14">
      <c r="N283648" s="10"/>
    </row>
    <row r="283649" spans="14:14">
      <c r="N283649" s="10"/>
    </row>
    <row r="283650" spans="14:14">
      <c r="N283650" s="10"/>
    </row>
    <row r="283651" spans="14:14">
      <c r="N283651" s="10"/>
    </row>
    <row r="283652" spans="14:14">
      <c r="N283652" s="10"/>
    </row>
    <row r="283653" spans="14:14">
      <c r="N283653" s="10"/>
    </row>
    <row r="283654" spans="14:14">
      <c r="N283654" s="10"/>
    </row>
    <row r="283655" spans="14:14">
      <c r="N283655" s="10"/>
    </row>
    <row r="283656" spans="14:14">
      <c r="N283656" s="10"/>
    </row>
    <row r="283657" spans="14:14">
      <c r="N283657" s="10"/>
    </row>
    <row r="283658" spans="14:14">
      <c r="N283658" s="10"/>
    </row>
    <row r="283659" spans="14:14">
      <c r="N283659" s="10"/>
    </row>
    <row r="283660" spans="14:14">
      <c r="N283660" s="10"/>
    </row>
    <row r="283661" spans="14:14">
      <c r="N283661" s="10"/>
    </row>
    <row r="283662" spans="14:14">
      <c r="N283662" s="10"/>
    </row>
    <row r="283663" spans="14:14">
      <c r="N283663" s="10"/>
    </row>
    <row r="283664" spans="14:14">
      <c r="N283664" s="10"/>
    </row>
    <row r="283665" spans="14:14">
      <c r="N283665" s="10"/>
    </row>
    <row r="283666" spans="14:14">
      <c r="N283666" s="10"/>
    </row>
    <row r="283667" spans="14:14">
      <c r="N283667" s="10"/>
    </row>
    <row r="283668" spans="14:14">
      <c r="N283668" s="10"/>
    </row>
    <row r="283669" spans="14:14">
      <c r="N283669" s="10"/>
    </row>
    <row r="283670" spans="14:14">
      <c r="N283670" s="10"/>
    </row>
    <row r="283671" spans="14:14">
      <c r="N283671" s="10"/>
    </row>
    <row r="283672" spans="14:14">
      <c r="N283672" s="10"/>
    </row>
    <row r="283673" spans="14:14">
      <c r="N283673" s="10"/>
    </row>
    <row r="283674" spans="14:14">
      <c r="N283674" s="10"/>
    </row>
    <row r="283675" spans="14:14">
      <c r="N283675" s="10"/>
    </row>
    <row r="283676" spans="14:14">
      <c r="N283676" s="10"/>
    </row>
    <row r="283677" spans="14:14">
      <c r="N283677" s="10"/>
    </row>
    <row r="283678" spans="14:14">
      <c r="N283678" s="10"/>
    </row>
    <row r="283679" spans="14:14">
      <c r="N283679" s="10"/>
    </row>
    <row r="283680" spans="14:14">
      <c r="N283680" s="10"/>
    </row>
    <row r="283681" spans="14:14">
      <c r="N283681" s="10"/>
    </row>
    <row r="283682" spans="14:14">
      <c r="N283682" s="10"/>
    </row>
    <row r="283683" spans="14:14">
      <c r="N283683" s="10"/>
    </row>
    <row r="283684" spans="14:14">
      <c r="N283684" s="10"/>
    </row>
    <row r="283685" spans="14:14">
      <c r="N283685" s="10"/>
    </row>
    <row r="283686" spans="14:14">
      <c r="N283686" s="10"/>
    </row>
    <row r="283687" spans="14:14">
      <c r="N283687" s="10"/>
    </row>
    <row r="283688" spans="14:14">
      <c r="N283688" s="10"/>
    </row>
    <row r="283689" spans="14:14">
      <c r="N283689" s="10"/>
    </row>
    <row r="283690" spans="14:14">
      <c r="N283690" s="10"/>
    </row>
    <row r="283691" spans="14:14">
      <c r="N283691" s="10"/>
    </row>
    <row r="283692" spans="14:14">
      <c r="N283692" s="10"/>
    </row>
    <row r="283693" spans="14:14">
      <c r="N283693" s="10"/>
    </row>
    <row r="283694" spans="14:14">
      <c r="N283694" s="10"/>
    </row>
    <row r="283695" spans="14:14">
      <c r="N283695" s="10"/>
    </row>
    <row r="283696" spans="14:14">
      <c r="N283696" s="10"/>
    </row>
    <row r="283697" spans="14:14">
      <c r="N283697" s="10"/>
    </row>
    <row r="283698" spans="14:14">
      <c r="N283698" s="10"/>
    </row>
    <row r="283699" spans="14:14">
      <c r="N283699" s="10"/>
    </row>
    <row r="283700" spans="14:14">
      <c r="N283700" s="10"/>
    </row>
    <row r="283701" spans="14:14">
      <c r="N283701" s="10"/>
    </row>
    <row r="283702" spans="14:14">
      <c r="N283702" s="10"/>
    </row>
    <row r="283703" spans="14:14">
      <c r="N283703" s="10"/>
    </row>
    <row r="283704" spans="14:14">
      <c r="N283704" s="10"/>
    </row>
    <row r="283705" spans="14:14">
      <c r="N283705" s="10"/>
    </row>
    <row r="283706" spans="14:14">
      <c r="N283706" s="10"/>
    </row>
    <row r="283707" spans="14:14">
      <c r="N283707" s="10"/>
    </row>
    <row r="283708" spans="14:14">
      <c r="N283708" s="10"/>
    </row>
    <row r="283709" spans="14:14">
      <c r="N283709" s="10"/>
    </row>
    <row r="283710" spans="14:14">
      <c r="N283710" s="10"/>
    </row>
    <row r="283711" spans="14:14">
      <c r="N283711" s="10"/>
    </row>
    <row r="283712" spans="14:14">
      <c r="N283712" s="10"/>
    </row>
    <row r="283713" spans="14:14">
      <c r="N283713" s="10"/>
    </row>
    <row r="283714" spans="14:14">
      <c r="N283714" s="10"/>
    </row>
    <row r="283715" spans="14:14">
      <c r="N283715" s="10"/>
    </row>
    <row r="283716" spans="14:14">
      <c r="N283716" s="10"/>
    </row>
    <row r="283717" spans="14:14">
      <c r="N283717" s="10"/>
    </row>
    <row r="283718" spans="14:14">
      <c r="N283718" s="10"/>
    </row>
    <row r="283719" spans="14:14">
      <c r="N283719" s="10"/>
    </row>
    <row r="283720" spans="14:14">
      <c r="N283720" s="10"/>
    </row>
    <row r="283721" spans="14:14">
      <c r="N283721" s="10"/>
    </row>
    <row r="283722" spans="14:14">
      <c r="N283722" s="10"/>
    </row>
    <row r="283723" spans="14:14">
      <c r="N283723" s="10"/>
    </row>
    <row r="283724" spans="14:14">
      <c r="N283724" s="10"/>
    </row>
    <row r="283725" spans="14:14">
      <c r="N283725" s="10"/>
    </row>
    <row r="283726" spans="14:14">
      <c r="N283726" s="10"/>
    </row>
    <row r="283727" spans="14:14">
      <c r="N283727" s="10"/>
    </row>
    <row r="283728" spans="14:14">
      <c r="N283728" s="10"/>
    </row>
    <row r="283729" spans="14:14">
      <c r="N283729" s="10"/>
    </row>
    <row r="283730" spans="14:14">
      <c r="N283730" s="10"/>
    </row>
    <row r="283731" spans="14:14">
      <c r="N283731" s="10"/>
    </row>
    <row r="283732" spans="14:14">
      <c r="N283732" s="10"/>
    </row>
    <row r="283733" spans="14:14">
      <c r="N283733" s="10"/>
    </row>
    <row r="283734" spans="14:14">
      <c r="N283734" s="10"/>
    </row>
    <row r="283735" spans="14:14">
      <c r="N283735" s="10"/>
    </row>
    <row r="283736" spans="14:14">
      <c r="N283736" s="10"/>
    </row>
    <row r="283737" spans="14:14">
      <c r="N283737" s="10"/>
    </row>
    <row r="283738" spans="14:14">
      <c r="N283738" s="10"/>
    </row>
    <row r="283739" spans="14:14">
      <c r="N283739" s="10"/>
    </row>
    <row r="283740" spans="14:14">
      <c r="N283740" s="10"/>
    </row>
    <row r="283741" spans="14:14">
      <c r="N283741" s="10"/>
    </row>
    <row r="283742" spans="14:14">
      <c r="N283742" s="10"/>
    </row>
    <row r="283743" spans="14:14">
      <c r="N283743" s="10"/>
    </row>
    <row r="283744" spans="14:14">
      <c r="N283744" s="10"/>
    </row>
    <row r="283745" spans="14:14">
      <c r="N283745" s="10"/>
    </row>
    <row r="283746" spans="14:14">
      <c r="N283746" s="10"/>
    </row>
    <row r="283747" spans="14:14">
      <c r="N283747" s="10"/>
    </row>
    <row r="283748" spans="14:14">
      <c r="N283748" s="10"/>
    </row>
    <row r="283749" spans="14:14">
      <c r="N283749" s="10"/>
    </row>
    <row r="283750" spans="14:14">
      <c r="N283750" s="10"/>
    </row>
    <row r="283751" spans="14:14">
      <c r="N283751" s="10"/>
    </row>
    <row r="283752" spans="14:14">
      <c r="N283752" s="10"/>
    </row>
    <row r="283753" spans="14:14">
      <c r="N283753" s="10"/>
    </row>
    <row r="283754" spans="14:14">
      <c r="N283754" s="10"/>
    </row>
    <row r="283755" spans="14:14">
      <c r="N283755" s="10"/>
    </row>
    <row r="283756" spans="14:14">
      <c r="N283756" s="10"/>
    </row>
    <row r="283757" spans="14:14">
      <c r="N283757" s="10"/>
    </row>
    <row r="283758" spans="14:14">
      <c r="N283758" s="10"/>
    </row>
    <row r="283759" spans="14:14">
      <c r="N283759" s="10"/>
    </row>
    <row r="283760" spans="14:14">
      <c r="N283760" s="10"/>
    </row>
    <row r="283761" spans="14:14">
      <c r="N283761" s="10"/>
    </row>
    <row r="283762" spans="14:14">
      <c r="N283762" s="10"/>
    </row>
    <row r="283763" spans="14:14">
      <c r="N283763" s="10"/>
    </row>
    <row r="283764" spans="14:14">
      <c r="N283764" s="10"/>
    </row>
    <row r="283765" spans="14:14">
      <c r="N283765" s="10"/>
    </row>
    <row r="283766" spans="14:14">
      <c r="N283766" s="10"/>
    </row>
    <row r="283767" spans="14:14">
      <c r="N283767" s="10"/>
    </row>
    <row r="283768" spans="14:14">
      <c r="N283768" s="10"/>
    </row>
    <row r="283769" spans="14:14">
      <c r="N283769" s="10"/>
    </row>
    <row r="283770" spans="14:14">
      <c r="N283770" s="10"/>
    </row>
    <row r="283771" spans="14:14">
      <c r="N283771" s="10"/>
    </row>
    <row r="283772" spans="14:14">
      <c r="N283772" s="10"/>
    </row>
    <row r="283773" spans="14:14">
      <c r="N283773" s="10"/>
    </row>
    <row r="283774" spans="14:14">
      <c r="N283774" s="10"/>
    </row>
    <row r="283775" spans="14:14">
      <c r="N283775" s="10"/>
    </row>
    <row r="283776" spans="14:14">
      <c r="N283776" s="10"/>
    </row>
    <row r="283777" spans="14:14">
      <c r="N283777" s="10"/>
    </row>
    <row r="283778" spans="14:14">
      <c r="N283778" s="10"/>
    </row>
    <row r="283779" spans="14:14">
      <c r="N283779" s="10"/>
    </row>
    <row r="283780" spans="14:14">
      <c r="N283780" s="10"/>
    </row>
    <row r="283781" spans="14:14">
      <c r="N283781" s="10"/>
    </row>
    <row r="283782" spans="14:14">
      <c r="N283782" s="10"/>
    </row>
    <row r="283783" spans="14:14">
      <c r="N283783" s="10"/>
    </row>
    <row r="283784" spans="14:14">
      <c r="N283784" s="10"/>
    </row>
    <row r="283785" spans="14:14">
      <c r="N283785" s="10"/>
    </row>
    <row r="283786" spans="14:14">
      <c r="N283786" s="10"/>
    </row>
    <row r="283787" spans="14:14">
      <c r="N283787" s="10"/>
    </row>
    <row r="283788" spans="14:14">
      <c r="N283788" s="10"/>
    </row>
    <row r="283789" spans="14:14">
      <c r="N283789" s="10"/>
    </row>
    <row r="283790" spans="14:14">
      <c r="N283790" s="10"/>
    </row>
    <row r="283791" spans="14:14">
      <c r="N283791" s="10"/>
    </row>
    <row r="283792" spans="14:14">
      <c r="N283792" s="10"/>
    </row>
    <row r="283793" spans="14:14">
      <c r="N283793" s="10"/>
    </row>
    <row r="283794" spans="14:14">
      <c r="N283794" s="10"/>
    </row>
    <row r="283795" spans="14:14">
      <c r="N283795" s="10"/>
    </row>
    <row r="283796" spans="14:14">
      <c r="N283796" s="10"/>
    </row>
    <row r="283797" spans="14:14">
      <c r="N283797" s="10"/>
    </row>
    <row r="283798" spans="14:14">
      <c r="N283798" s="10"/>
    </row>
    <row r="283799" spans="14:14">
      <c r="N283799" s="10"/>
    </row>
    <row r="283800" spans="14:14">
      <c r="N283800" s="10"/>
    </row>
    <row r="283801" spans="14:14">
      <c r="N283801" s="10"/>
    </row>
    <row r="283802" spans="14:14">
      <c r="N283802" s="10"/>
    </row>
    <row r="283803" spans="14:14">
      <c r="N283803" s="10"/>
    </row>
    <row r="283804" spans="14:14">
      <c r="N283804" s="10"/>
    </row>
    <row r="283805" spans="14:14">
      <c r="N283805" s="10"/>
    </row>
    <row r="283806" spans="14:14">
      <c r="N283806" s="10"/>
    </row>
    <row r="283807" spans="14:14">
      <c r="N283807" s="10"/>
    </row>
    <row r="283808" spans="14:14">
      <c r="N283808" s="10"/>
    </row>
    <row r="283809" spans="14:14">
      <c r="N283809" s="10"/>
    </row>
    <row r="283810" spans="14:14">
      <c r="N283810" s="10"/>
    </row>
    <row r="283811" spans="14:14">
      <c r="N283811" s="10"/>
    </row>
    <row r="283812" spans="14:14">
      <c r="N283812" s="10"/>
    </row>
    <row r="283813" spans="14:14">
      <c r="N283813" s="10"/>
    </row>
    <row r="283814" spans="14:14">
      <c r="N283814" s="10"/>
    </row>
    <row r="283815" spans="14:14">
      <c r="N283815" s="10"/>
    </row>
    <row r="283816" spans="14:14">
      <c r="N283816" s="10"/>
    </row>
    <row r="283817" spans="14:14">
      <c r="N283817" s="10"/>
    </row>
    <row r="283818" spans="14:14">
      <c r="N283818" s="10"/>
    </row>
    <row r="283819" spans="14:14">
      <c r="N283819" s="10"/>
    </row>
    <row r="283820" spans="14:14">
      <c r="N283820" s="10"/>
    </row>
    <row r="283821" spans="14:14">
      <c r="N283821" s="10"/>
    </row>
    <row r="283822" spans="14:14">
      <c r="N283822" s="10"/>
    </row>
    <row r="283823" spans="14:14">
      <c r="N283823" s="10"/>
    </row>
    <row r="283824" spans="14:14">
      <c r="N283824" s="10"/>
    </row>
    <row r="283825" spans="14:14">
      <c r="N283825" s="10"/>
    </row>
    <row r="283826" spans="14:14">
      <c r="N283826" s="10"/>
    </row>
    <row r="283827" spans="14:14">
      <c r="N283827" s="10"/>
    </row>
    <row r="283828" spans="14:14">
      <c r="N283828" s="10"/>
    </row>
    <row r="283829" spans="14:14">
      <c r="N283829" s="10"/>
    </row>
    <row r="283830" spans="14:14">
      <c r="N283830" s="10"/>
    </row>
    <row r="283831" spans="14:14">
      <c r="N283831" s="10"/>
    </row>
    <row r="283832" spans="14:14">
      <c r="N283832" s="10"/>
    </row>
    <row r="283833" spans="14:14">
      <c r="N283833" s="10"/>
    </row>
    <row r="283834" spans="14:14">
      <c r="N283834" s="10"/>
    </row>
    <row r="283835" spans="14:14">
      <c r="N283835" s="10"/>
    </row>
    <row r="283836" spans="14:14">
      <c r="N283836" s="10"/>
    </row>
    <row r="283837" spans="14:14">
      <c r="N283837" s="10"/>
    </row>
    <row r="283838" spans="14:14">
      <c r="N283838" s="10"/>
    </row>
    <row r="283839" spans="14:14">
      <c r="N283839" s="10"/>
    </row>
    <row r="283840" spans="14:14">
      <c r="N283840" s="10"/>
    </row>
    <row r="283841" spans="14:14">
      <c r="N283841" s="10"/>
    </row>
    <row r="283842" spans="14:14">
      <c r="N283842" s="10"/>
    </row>
    <row r="283843" spans="14:14">
      <c r="N283843" s="10"/>
    </row>
    <row r="283844" spans="14:14">
      <c r="N283844" s="10"/>
    </row>
    <row r="283845" spans="14:14">
      <c r="N283845" s="10"/>
    </row>
    <row r="283846" spans="14:14">
      <c r="N283846" s="10"/>
    </row>
    <row r="283847" spans="14:14">
      <c r="N283847" s="10"/>
    </row>
    <row r="283848" spans="14:14">
      <c r="N283848" s="10"/>
    </row>
    <row r="283849" spans="14:14">
      <c r="N283849" s="10"/>
    </row>
    <row r="283850" spans="14:14">
      <c r="N283850" s="10"/>
    </row>
    <row r="283851" spans="14:14">
      <c r="N283851" s="10"/>
    </row>
    <row r="283852" spans="14:14">
      <c r="N283852" s="10"/>
    </row>
    <row r="283853" spans="14:14">
      <c r="N283853" s="10"/>
    </row>
    <row r="283854" spans="14:14">
      <c r="N283854" s="10"/>
    </row>
    <row r="283855" spans="14:14">
      <c r="N283855" s="10"/>
    </row>
    <row r="283856" spans="14:14">
      <c r="N283856" s="10"/>
    </row>
    <row r="283857" spans="14:14">
      <c r="N283857" s="10"/>
    </row>
    <row r="283858" spans="14:14">
      <c r="N283858" s="10"/>
    </row>
    <row r="283859" spans="14:14">
      <c r="N283859" s="10"/>
    </row>
    <row r="283860" spans="14:14">
      <c r="N283860" s="10"/>
    </row>
    <row r="283861" spans="14:14">
      <c r="N283861" s="10"/>
    </row>
    <row r="283862" spans="14:14">
      <c r="N283862" s="10"/>
    </row>
    <row r="283863" spans="14:14">
      <c r="N283863" s="10"/>
    </row>
    <row r="283864" spans="14:14">
      <c r="N283864" s="10"/>
    </row>
    <row r="283865" spans="14:14">
      <c r="N283865" s="10"/>
    </row>
    <row r="283866" spans="14:14">
      <c r="N283866" s="10"/>
    </row>
    <row r="283867" spans="14:14">
      <c r="N283867" s="10"/>
    </row>
    <row r="283868" spans="14:14">
      <c r="N283868" s="10"/>
    </row>
    <row r="283869" spans="14:14">
      <c r="N283869" s="10"/>
    </row>
    <row r="283870" spans="14:14">
      <c r="N283870" s="10"/>
    </row>
    <row r="283871" spans="14:14">
      <c r="N283871" s="10"/>
    </row>
    <row r="283872" spans="14:14">
      <c r="N283872" s="10"/>
    </row>
    <row r="283873" spans="14:14">
      <c r="N283873" s="10"/>
    </row>
    <row r="283874" spans="14:14">
      <c r="N283874" s="10"/>
    </row>
    <row r="283875" spans="14:14">
      <c r="N283875" s="10"/>
    </row>
    <row r="283876" spans="14:14">
      <c r="N283876" s="10"/>
    </row>
    <row r="283877" spans="14:14">
      <c r="N283877" s="10"/>
    </row>
    <row r="283878" spans="14:14">
      <c r="N283878" s="10"/>
    </row>
    <row r="283879" spans="14:14">
      <c r="N283879" s="10"/>
    </row>
    <row r="283880" spans="14:14">
      <c r="N283880" s="10"/>
    </row>
    <row r="283881" spans="14:14">
      <c r="N283881" s="10"/>
    </row>
    <row r="283882" spans="14:14">
      <c r="N283882" s="10"/>
    </row>
    <row r="283883" spans="14:14">
      <c r="N283883" s="10"/>
    </row>
    <row r="283884" spans="14:14">
      <c r="N283884" s="10"/>
    </row>
    <row r="283885" spans="14:14">
      <c r="N283885" s="10"/>
    </row>
    <row r="283886" spans="14:14">
      <c r="N283886" s="10"/>
    </row>
    <row r="283887" spans="14:14">
      <c r="N283887" s="10"/>
    </row>
    <row r="283888" spans="14:14">
      <c r="N283888" s="10"/>
    </row>
    <row r="283889" spans="14:14">
      <c r="N283889" s="10"/>
    </row>
    <row r="283890" spans="14:14">
      <c r="N283890" s="10"/>
    </row>
    <row r="283891" spans="14:14">
      <c r="N283891" s="10"/>
    </row>
    <row r="283892" spans="14:14">
      <c r="N283892" s="10"/>
    </row>
    <row r="283893" spans="14:14">
      <c r="N283893" s="10"/>
    </row>
    <row r="283894" spans="14:14">
      <c r="N283894" s="10"/>
    </row>
    <row r="283895" spans="14:14">
      <c r="N283895" s="10"/>
    </row>
    <row r="283896" spans="14:14">
      <c r="N283896" s="10"/>
    </row>
    <row r="283897" spans="14:14">
      <c r="N283897" s="10"/>
    </row>
    <row r="283898" spans="14:14">
      <c r="N283898" s="10"/>
    </row>
    <row r="283899" spans="14:14">
      <c r="N283899" s="10"/>
    </row>
    <row r="283900" spans="14:14">
      <c r="N283900" s="10"/>
    </row>
    <row r="283901" spans="14:14">
      <c r="N283901" s="10"/>
    </row>
    <row r="283902" spans="14:14">
      <c r="N283902" s="10"/>
    </row>
    <row r="283903" spans="14:14">
      <c r="N283903" s="10"/>
    </row>
    <row r="283904" spans="14:14">
      <c r="N283904" s="10"/>
    </row>
    <row r="283905" spans="14:14">
      <c r="N283905" s="10"/>
    </row>
    <row r="283906" spans="14:14">
      <c r="N283906" s="10"/>
    </row>
    <row r="283907" spans="14:14">
      <c r="N283907" s="10"/>
    </row>
    <row r="283908" spans="14:14">
      <c r="N283908" s="10"/>
    </row>
    <row r="283909" spans="14:14">
      <c r="N283909" s="10"/>
    </row>
    <row r="283910" spans="14:14">
      <c r="N283910" s="10"/>
    </row>
    <row r="283911" spans="14:14">
      <c r="N283911" s="10"/>
    </row>
    <row r="283912" spans="14:14">
      <c r="N283912" s="10"/>
    </row>
    <row r="283913" spans="14:14">
      <c r="N283913" s="10"/>
    </row>
    <row r="283914" spans="14:14">
      <c r="N283914" s="10"/>
    </row>
    <row r="283915" spans="14:14">
      <c r="N283915" s="10"/>
    </row>
    <row r="283916" spans="14:14">
      <c r="N283916" s="10"/>
    </row>
    <row r="283917" spans="14:14">
      <c r="N283917" s="10"/>
    </row>
    <row r="283918" spans="14:14">
      <c r="N283918" s="10"/>
    </row>
    <row r="283919" spans="14:14">
      <c r="N283919" s="10"/>
    </row>
    <row r="283920" spans="14:14">
      <c r="N283920" s="10"/>
    </row>
    <row r="283921" spans="14:14">
      <c r="N283921" s="10"/>
    </row>
    <row r="283922" spans="14:14">
      <c r="N283922" s="10"/>
    </row>
    <row r="283923" spans="14:14">
      <c r="N283923" s="10"/>
    </row>
    <row r="283924" spans="14:14">
      <c r="N283924" s="10"/>
    </row>
    <row r="283925" spans="14:14">
      <c r="N283925" s="10"/>
    </row>
    <row r="283926" spans="14:14">
      <c r="N283926" s="10"/>
    </row>
    <row r="283927" spans="14:14">
      <c r="N283927" s="10"/>
    </row>
    <row r="283928" spans="14:14">
      <c r="N283928" s="10"/>
    </row>
    <row r="283929" spans="14:14">
      <c r="N283929" s="10"/>
    </row>
    <row r="283930" spans="14:14">
      <c r="N283930" s="10"/>
    </row>
    <row r="283931" spans="14:14">
      <c r="N283931" s="10"/>
    </row>
    <row r="283932" spans="14:14">
      <c r="N283932" s="10"/>
    </row>
    <row r="283933" spans="14:14">
      <c r="N283933" s="10"/>
    </row>
    <row r="283934" spans="14:14">
      <c r="N283934" s="10"/>
    </row>
    <row r="283935" spans="14:14">
      <c r="N283935" s="10"/>
    </row>
    <row r="283936" spans="14:14">
      <c r="N283936" s="10"/>
    </row>
    <row r="283937" spans="14:14">
      <c r="N283937" s="10"/>
    </row>
    <row r="283938" spans="14:14">
      <c r="N283938" s="10"/>
    </row>
    <row r="283939" spans="14:14">
      <c r="N283939" s="10"/>
    </row>
    <row r="283940" spans="14:14">
      <c r="N283940" s="10"/>
    </row>
    <row r="283941" spans="14:14">
      <c r="N283941" s="10"/>
    </row>
    <row r="283942" spans="14:14">
      <c r="N283942" s="10"/>
    </row>
    <row r="283943" spans="14:14">
      <c r="N283943" s="10"/>
    </row>
    <row r="283944" spans="14:14">
      <c r="N283944" s="10"/>
    </row>
    <row r="283945" spans="14:14">
      <c r="N283945" s="10"/>
    </row>
    <row r="283946" spans="14:14">
      <c r="N283946" s="10"/>
    </row>
    <row r="283947" spans="14:14">
      <c r="N283947" s="10"/>
    </row>
    <row r="283948" spans="14:14">
      <c r="N283948" s="10"/>
    </row>
    <row r="283949" spans="14:14">
      <c r="N283949" s="10"/>
    </row>
    <row r="283950" spans="14:14">
      <c r="N283950" s="10"/>
    </row>
    <row r="283951" spans="14:14">
      <c r="N283951" s="10"/>
    </row>
    <row r="283952" spans="14:14">
      <c r="N283952" s="10"/>
    </row>
    <row r="283953" spans="14:14">
      <c r="N283953" s="10"/>
    </row>
    <row r="283954" spans="14:14">
      <c r="N283954" s="10"/>
    </row>
    <row r="283955" spans="14:14">
      <c r="N283955" s="10"/>
    </row>
    <row r="283956" spans="14:14">
      <c r="N283956" s="10"/>
    </row>
    <row r="283957" spans="14:14">
      <c r="N283957" s="10"/>
    </row>
    <row r="283958" spans="14:14">
      <c r="N283958" s="10"/>
    </row>
    <row r="283959" spans="14:14">
      <c r="N283959" s="10"/>
    </row>
    <row r="283960" spans="14:14">
      <c r="N283960" s="10"/>
    </row>
    <row r="283961" spans="14:14">
      <c r="N283961" s="10"/>
    </row>
    <row r="283962" spans="14:14">
      <c r="N283962" s="10"/>
    </row>
    <row r="283963" spans="14:14">
      <c r="N283963" s="10"/>
    </row>
    <row r="283964" spans="14:14">
      <c r="N283964" s="10"/>
    </row>
    <row r="283965" spans="14:14">
      <c r="N283965" s="10"/>
    </row>
    <row r="283966" spans="14:14">
      <c r="N283966" s="10"/>
    </row>
    <row r="283967" spans="14:14">
      <c r="N283967" s="10"/>
    </row>
    <row r="283968" spans="14:14">
      <c r="N283968" s="10"/>
    </row>
    <row r="283969" spans="14:14">
      <c r="N283969" s="10"/>
    </row>
    <row r="283970" spans="14:14">
      <c r="N283970" s="10"/>
    </row>
    <row r="283971" spans="14:14">
      <c r="N283971" s="10"/>
    </row>
    <row r="283972" spans="14:14">
      <c r="N283972" s="10"/>
    </row>
    <row r="283973" spans="14:14">
      <c r="N283973" s="10"/>
    </row>
    <row r="283974" spans="14:14">
      <c r="N283974" s="10"/>
    </row>
    <row r="283975" spans="14:14">
      <c r="N283975" s="10"/>
    </row>
    <row r="283976" spans="14:14">
      <c r="N283976" s="10"/>
    </row>
    <row r="283977" spans="14:14">
      <c r="N283977" s="10"/>
    </row>
    <row r="283978" spans="14:14">
      <c r="N283978" s="10"/>
    </row>
    <row r="283979" spans="14:14">
      <c r="N283979" s="10"/>
    </row>
    <row r="283980" spans="14:14">
      <c r="N283980" s="10"/>
    </row>
    <row r="283981" spans="14:14">
      <c r="N283981" s="10"/>
    </row>
    <row r="283982" spans="14:14">
      <c r="N283982" s="10"/>
    </row>
    <row r="283983" spans="14:14">
      <c r="N283983" s="10"/>
    </row>
    <row r="283984" spans="14:14">
      <c r="N283984" s="10"/>
    </row>
    <row r="283985" spans="14:14">
      <c r="N283985" s="10"/>
    </row>
    <row r="283986" spans="14:14">
      <c r="N283986" s="10"/>
    </row>
    <row r="283987" spans="14:14">
      <c r="N283987" s="10"/>
    </row>
    <row r="283988" spans="14:14">
      <c r="N283988" s="10"/>
    </row>
    <row r="283989" spans="14:14">
      <c r="N283989" s="10"/>
    </row>
    <row r="283990" spans="14:14">
      <c r="N283990" s="10"/>
    </row>
    <row r="283991" spans="14:14">
      <c r="N283991" s="10"/>
    </row>
    <row r="283992" spans="14:14">
      <c r="N283992" s="10"/>
    </row>
    <row r="283993" spans="14:14">
      <c r="N283993" s="10"/>
    </row>
    <row r="283994" spans="14:14">
      <c r="N283994" s="10"/>
    </row>
    <row r="283995" spans="14:14">
      <c r="N283995" s="10"/>
    </row>
    <row r="283996" spans="14:14">
      <c r="N283996" s="10"/>
    </row>
    <row r="283997" spans="14:14">
      <c r="N283997" s="10"/>
    </row>
    <row r="283998" spans="14:14">
      <c r="N283998" s="10"/>
    </row>
    <row r="283999" spans="14:14">
      <c r="N283999" s="10"/>
    </row>
    <row r="284000" spans="14:14">
      <c r="N284000" s="10"/>
    </row>
    <row r="284001" spans="14:14">
      <c r="N284001" s="10"/>
    </row>
    <row r="284002" spans="14:14">
      <c r="N284002" s="10"/>
    </row>
    <row r="284003" spans="14:14">
      <c r="N284003" s="10"/>
    </row>
    <row r="284004" spans="14:14">
      <c r="N284004" s="10"/>
    </row>
    <row r="284005" spans="14:14">
      <c r="N284005" s="10"/>
    </row>
    <row r="284006" spans="14:14">
      <c r="N284006" s="10"/>
    </row>
    <row r="284007" spans="14:14">
      <c r="N284007" s="10"/>
    </row>
    <row r="284008" spans="14:14">
      <c r="N284008" s="10"/>
    </row>
    <row r="284009" spans="14:14">
      <c r="N284009" s="10"/>
    </row>
    <row r="284010" spans="14:14">
      <c r="N284010" s="10"/>
    </row>
    <row r="284011" spans="14:14">
      <c r="N284011" s="10"/>
    </row>
    <row r="284012" spans="14:14">
      <c r="N284012" s="10"/>
    </row>
    <row r="284013" spans="14:14">
      <c r="N284013" s="10"/>
    </row>
    <row r="284014" spans="14:14">
      <c r="N284014" s="10"/>
    </row>
    <row r="284015" spans="14:14">
      <c r="N284015" s="10"/>
    </row>
    <row r="284016" spans="14:14">
      <c r="N284016" s="10"/>
    </row>
    <row r="284017" spans="14:14">
      <c r="N284017" s="10"/>
    </row>
    <row r="284018" spans="14:14">
      <c r="N284018" s="10"/>
    </row>
    <row r="284019" spans="14:14">
      <c r="N284019" s="10"/>
    </row>
    <row r="284020" spans="14:14">
      <c r="N284020" s="10"/>
    </row>
    <row r="284021" spans="14:14">
      <c r="N284021" s="10"/>
    </row>
    <row r="284022" spans="14:14">
      <c r="N284022" s="10"/>
    </row>
    <row r="284023" spans="14:14">
      <c r="N284023" s="10"/>
    </row>
    <row r="284024" spans="14:14">
      <c r="N284024" s="10"/>
    </row>
    <row r="284025" spans="14:14">
      <c r="N284025" s="10"/>
    </row>
    <row r="284026" spans="14:14">
      <c r="N284026" s="10"/>
    </row>
    <row r="284027" spans="14:14">
      <c r="N284027" s="10"/>
    </row>
    <row r="284028" spans="14:14">
      <c r="N284028" s="10"/>
    </row>
    <row r="284029" spans="14:14">
      <c r="N284029" s="10"/>
    </row>
    <row r="284030" spans="14:14">
      <c r="N284030" s="10"/>
    </row>
    <row r="284031" spans="14:14">
      <c r="N284031" s="10"/>
    </row>
    <row r="284032" spans="14:14">
      <c r="N284032" s="10"/>
    </row>
    <row r="284033" spans="14:14">
      <c r="N284033" s="10"/>
    </row>
    <row r="284034" spans="14:14">
      <c r="N284034" s="10"/>
    </row>
    <row r="284035" spans="14:14">
      <c r="N284035" s="10"/>
    </row>
    <row r="284036" spans="14:14">
      <c r="N284036" s="10"/>
    </row>
    <row r="284037" spans="14:14">
      <c r="N284037" s="10"/>
    </row>
    <row r="284038" spans="14:14">
      <c r="N284038" s="10"/>
    </row>
    <row r="284039" spans="14:14">
      <c r="N284039" s="10"/>
    </row>
    <row r="284040" spans="14:14">
      <c r="N284040" s="10"/>
    </row>
    <row r="284041" spans="14:14">
      <c r="N284041" s="10"/>
    </row>
    <row r="284042" spans="14:14">
      <c r="N284042" s="10"/>
    </row>
    <row r="284043" spans="14:14">
      <c r="N284043" s="10"/>
    </row>
    <row r="284044" spans="14:14">
      <c r="N284044" s="10"/>
    </row>
    <row r="284045" spans="14:14">
      <c r="N284045" s="10"/>
    </row>
    <row r="284046" spans="14:14">
      <c r="N284046" s="10"/>
    </row>
    <row r="284047" spans="14:14">
      <c r="N284047" s="10"/>
    </row>
    <row r="284048" spans="14:14">
      <c r="N284048" s="10"/>
    </row>
    <row r="284049" spans="14:14">
      <c r="N284049" s="10"/>
    </row>
    <row r="284050" spans="14:14">
      <c r="N284050" s="10"/>
    </row>
    <row r="284051" spans="14:14">
      <c r="N284051" s="10"/>
    </row>
    <row r="284052" spans="14:14">
      <c r="N284052" s="10"/>
    </row>
    <row r="284053" spans="14:14">
      <c r="N284053" s="10"/>
    </row>
    <row r="284054" spans="14:14">
      <c r="N284054" s="10"/>
    </row>
    <row r="284055" spans="14:14">
      <c r="N284055" s="10"/>
    </row>
    <row r="284056" spans="14:14">
      <c r="N284056" s="10"/>
    </row>
    <row r="284057" spans="14:14">
      <c r="N284057" s="10"/>
    </row>
    <row r="284058" spans="14:14">
      <c r="N284058" s="10"/>
    </row>
    <row r="284059" spans="14:14">
      <c r="N284059" s="10"/>
    </row>
    <row r="284060" spans="14:14">
      <c r="N284060" s="10"/>
    </row>
    <row r="284061" spans="14:14">
      <c r="N284061" s="10"/>
    </row>
    <row r="284062" spans="14:14">
      <c r="N284062" s="10"/>
    </row>
    <row r="284063" spans="14:14">
      <c r="N284063" s="10"/>
    </row>
    <row r="284064" spans="14:14">
      <c r="N284064" s="10"/>
    </row>
    <row r="284065" spans="14:14">
      <c r="N284065" s="10"/>
    </row>
    <row r="284066" spans="14:14">
      <c r="N284066" s="10"/>
    </row>
    <row r="284067" spans="14:14">
      <c r="N284067" s="10"/>
    </row>
    <row r="284068" spans="14:14">
      <c r="N284068" s="10"/>
    </row>
    <row r="284069" spans="14:14">
      <c r="N284069" s="10"/>
    </row>
    <row r="284070" spans="14:14">
      <c r="N284070" s="10"/>
    </row>
    <row r="284071" spans="14:14">
      <c r="N284071" s="10"/>
    </row>
    <row r="284072" spans="14:14">
      <c r="N284072" s="10"/>
    </row>
    <row r="284073" spans="14:14">
      <c r="N284073" s="10"/>
    </row>
    <row r="284074" spans="14:14">
      <c r="N284074" s="10"/>
    </row>
    <row r="284075" spans="14:14">
      <c r="N284075" s="10"/>
    </row>
    <row r="284076" spans="14:14">
      <c r="N284076" s="10"/>
    </row>
    <row r="284077" spans="14:14">
      <c r="N284077" s="10"/>
    </row>
    <row r="284078" spans="14:14">
      <c r="N284078" s="10"/>
    </row>
    <row r="284079" spans="14:14">
      <c r="N284079" s="10"/>
    </row>
    <row r="284080" spans="14:14">
      <c r="N284080" s="10"/>
    </row>
    <row r="284081" spans="14:14">
      <c r="N284081" s="10"/>
    </row>
    <row r="284082" spans="14:14">
      <c r="N284082" s="10"/>
    </row>
    <row r="284083" spans="14:14">
      <c r="N284083" s="10"/>
    </row>
    <row r="284084" spans="14:14">
      <c r="N284084" s="10"/>
    </row>
    <row r="284085" spans="14:14">
      <c r="N284085" s="10"/>
    </row>
    <row r="284086" spans="14:14">
      <c r="N284086" s="10"/>
    </row>
    <row r="284087" spans="14:14">
      <c r="N284087" s="10"/>
    </row>
    <row r="284088" spans="14:14">
      <c r="N284088" s="10"/>
    </row>
    <row r="284089" spans="14:14">
      <c r="N284089" s="10"/>
    </row>
    <row r="284090" spans="14:14">
      <c r="N284090" s="10"/>
    </row>
    <row r="284091" spans="14:14">
      <c r="N284091" s="10"/>
    </row>
    <row r="284092" spans="14:14">
      <c r="N284092" s="10"/>
    </row>
    <row r="284093" spans="14:14">
      <c r="N284093" s="10"/>
    </row>
    <row r="284094" spans="14:14">
      <c r="N284094" s="10"/>
    </row>
    <row r="284095" spans="14:14">
      <c r="N284095" s="10"/>
    </row>
    <row r="284096" spans="14:14">
      <c r="N284096" s="10"/>
    </row>
    <row r="284097" spans="14:14">
      <c r="N284097" s="10"/>
    </row>
    <row r="284098" spans="14:14">
      <c r="N284098" s="10"/>
    </row>
    <row r="284099" spans="14:14">
      <c r="N284099" s="10"/>
    </row>
    <row r="284100" spans="14:14">
      <c r="N284100" s="10"/>
    </row>
    <row r="284101" spans="14:14">
      <c r="N284101" s="10"/>
    </row>
    <row r="284102" spans="14:14">
      <c r="N284102" s="10"/>
    </row>
    <row r="284103" spans="14:14">
      <c r="N284103" s="10"/>
    </row>
    <row r="284104" spans="14:14">
      <c r="N284104" s="10"/>
    </row>
    <row r="284105" spans="14:14">
      <c r="N284105" s="10"/>
    </row>
    <row r="284106" spans="14:14">
      <c r="N284106" s="10"/>
    </row>
    <row r="284107" spans="14:14">
      <c r="N284107" s="10"/>
    </row>
    <row r="284108" spans="14:14">
      <c r="N284108" s="10"/>
    </row>
    <row r="284109" spans="14:14">
      <c r="N284109" s="10"/>
    </row>
    <row r="284110" spans="14:14">
      <c r="N284110" s="10"/>
    </row>
    <row r="284111" spans="14:14">
      <c r="N284111" s="10"/>
    </row>
    <row r="284112" spans="14:14">
      <c r="N284112" s="10"/>
    </row>
    <row r="284113" spans="14:14">
      <c r="N284113" s="10"/>
    </row>
    <row r="284114" spans="14:14">
      <c r="N284114" s="10"/>
    </row>
    <row r="284115" spans="14:14">
      <c r="N284115" s="10"/>
    </row>
    <row r="284116" spans="14:14">
      <c r="N284116" s="10"/>
    </row>
    <row r="284117" spans="14:14">
      <c r="N284117" s="10"/>
    </row>
    <row r="284118" spans="14:14">
      <c r="N284118" s="10"/>
    </row>
    <row r="284119" spans="14:14">
      <c r="N284119" s="10"/>
    </row>
    <row r="284120" spans="14:14">
      <c r="N284120" s="10"/>
    </row>
    <row r="284121" spans="14:14">
      <c r="N284121" s="10"/>
    </row>
    <row r="284122" spans="14:14">
      <c r="N284122" s="10"/>
    </row>
    <row r="284123" spans="14:14">
      <c r="N284123" s="10"/>
    </row>
    <row r="284124" spans="14:14">
      <c r="N284124" s="10"/>
    </row>
    <row r="284125" spans="14:14">
      <c r="N284125" s="10"/>
    </row>
    <row r="284126" spans="14:14">
      <c r="N284126" s="10"/>
    </row>
    <row r="284127" spans="14:14">
      <c r="N284127" s="10"/>
    </row>
    <row r="284128" spans="14:14">
      <c r="N284128" s="10"/>
    </row>
    <row r="284129" spans="14:14">
      <c r="N284129" s="10"/>
    </row>
    <row r="284130" spans="14:14">
      <c r="N284130" s="10"/>
    </row>
    <row r="284131" spans="14:14">
      <c r="N284131" s="10"/>
    </row>
    <row r="284132" spans="14:14">
      <c r="N284132" s="10"/>
    </row>
    <row r="284133" spans="14:14">
      <c r="N284133" s="10"/>
    </row>
    <row r="284134" spans="14:14">
      <c r="N284134" s="10"/>
    </row>
    <row r="284135" spans="14:14">
      <c r="N284135" s="10"/>
    </row>
    <row r="284136" spans="14:14">
      <c r="N284136" s="10"/>
    </row>
    <row r="284137" spans="14:14">
      <c r="N284137" s="10"/>
    </row>
    <row r="284138" spans="14:14">
      <c r="N284138" s="10"/>
    </row>
    <row r="284139" spans="14:14">
      <c r="N284139" s="10"/>
    </row>
    <row r="284140" spans="14:14">
      <c r="N284140" s="10"/>
    </row>
    <row r="284141" spans="14:14">
      <c r="N284141" s="10"/>
    </row>
    <row r="284142" spans="14:14">
      <c r="N284142" s="10"/>
    </row>
    <row r="284143" spans="14:14">
      <c r="N284143" s="10"/>
    </row>
    <row r="284144" spans="14:14">
      <c r="N284144" s="10"/>
    </row>
    <row r="284145" spans="14:14">
      <c r="N284145" s="10"/>
    </row>
    <row r="284146" spans="14:14">
      <c r="N284146" s="10"/>
    </row>
    <row r="284147" spans="14:14">
      <c r="N284147" s="10"/>
    </row>
    <row r="284148" spans="14:14">
      <c r="N284148" s="10"/>
    </row>
    <row r="284149" spans="14:14">
      <c r="N284149" s="10"/>
    </row>
    <row r="284150" spans="14:14">
      <c r="N284150" s="10"/>
    </row>
    <row r="284151" spans="14:14">
      <c r="N284151" s="10"/>
    </row>
    <row r="284152" spans="14:14">
      <c r="N284152" s="10"/>
    </row>
    <row r="284153" spans="14:14">
      <c r="N284153" s="10"/>
    </row>
    <row r="284154" spans="14:14">
      <c r="N284154" s="10"/>
    </row>
    <row r="284155" spans="14:14">
      <c r="N284155" s="10"/>
    </row>
    <row r="284156" spans="14:14">
      <c r="N284156" s="10"/>
    </row>
    <row r="284157" spans="14:14">
      <c r="N284157" s="10"/>
    </row>
    <row r="284158" spans="14:14">
      <c r="N284158" s="10"/>
    </row>
    <row r="284159" spans="14:14">
      <c r="N284159" s="10"/>
    </row>
    <row r="284160" spans="14:14">
      <c r="N284160" s="10"/>
    </row>
    <row r="284161" spans="14:14">
      <c r="N284161" s="10"/>
    </row>
    <row r="284162" spans="14:14">
      <c r="N284162" s="10"/>
    </row>
    <row r="284163" spans="14:14">
      <c r="N284163" s="10"/>
    </row>
    <row r="284164" spans="14:14">
      <c r="N284164" s="10"/>
    </row>
    <row r="284165" spans="14:14">
      <c r="N284165" s="10"/>
    </row>
    <row r="284166" spans="14:14">
      <c r="N284166" s="10"/>
    </row>
    <row r="284167" spans="14:14">
      <c r="N284167" s="10"/>
    </row>
    <row r="284168" spans="14:14">
      <c r="N284168" s="10"/>
    </row>
    <row r="284169" spans="14:14">
      <c r="N284169" s="10"/>
    </row>
    <row r="284170" spans="14:14">
      <c r="N284170" s="10"/>
    </row>
    <row r="284171" spans="14:14">
      <c r="N284171" s="10"/>
    </row>
    <row r="284172" spans="14:14">
      <c r="N284172" s="10"/>
    </row>
    <row r="284173" spans="14:14">
      <c r="N284173" s="10"/>
    </row>
    <row r="284174" spans="14:14">
      <c r="N284174" s="10"/>
    </row>
    <row r="284175" spans="14:14">
      <c r="N284175" s="10"/>
    </row>
    <row r="284176" spans="14:14">
      <c r="N284176" s="10"/>
    </row>
    <row r="284177" spans="14:14">
      <c r="N284177" s="10"/>
    </row>
    <row r="284178" spans="14:14">
      <c r="N284178" s="10"/>
    </row>
    <row r="284179" spans="14:14">
      <c r="N284179" s="10"/>
    </row>
    <row r="284180" spans="14:14">
      <c r="N284180" s="10"/>
    </row>
    <row r="284181" spans="14:14">
      <c r="N284181" s="10"/>
    </row>
    <row r="284182" spans="14:14">
      <c r="N284182" s="10"/>
    </row>
    <row r="284183" spans="14:14">
      <c r="N284183" s="10"/>
    </row>
    <row r="284184" spans="14:14">
      <c r="N284184" s="10"/>
    </row>
    <row r="284185" spans="14:14">
      <c r="N284185" s="10"/>
    </row>
    <row r="284186" spans="14:14">
      <c r="N284186" s="10"/>
    </row>
    <row r="284187" spans="14:14">
      <c r="N284187" s="10"/>
    </row>
    <row r="284188" spans="14:14">
      <c r="N284188" s="10"/>
    </row>
    <row r="284189" spans="14:14">
      <c r="N284189" s="10"/>
    </row>
    <row r="284190" spans="14:14">
      <c r="N284190" s="10"/>
    </row>
    <row r="284191" spans="14:14">
      <c r="N284191" s="10"/>
    </row>
    <row r="284192" spans="14:14">
      <c r="N284192" s="10"/>
    </row>
    <row r="284193" spans="14:14">
      <c r="N284193" s="10"/>
    </row>
    <row r="284194" spans="14:14">
      <c r="N284194" s="10"/>
    </row>
    <row r="284195" spans="14:14">
      <c r="N284195" s="10"/>
    </row>
    <row r="284196" spans="14:14">
      <c r="N284196" s="10"/>
    </row>
    <row r="284197" spans="14:14">
      <c r="N284197" s="10"/>
    </row>
    <row r="284198" spans="14:14">
      <c r="N284198" s="10"/>
    </row>
    <row r="284199" spans="14:14">
      <c r="N284199" s="10"/>
    </row>
    <row r="284200" spans="14:14">
      <c r="N284200" s="10"/>
    </row>
    <row r="284201" spans="14:14">
      <c r="N284201" s="10"/>
    </row>
    <row r="284202" spans="14:14">
      <c r="N284202" s="10"/>
    </row>
    <row r="284203" spans="14:14">
      <c r="N284203" s="10"/>
    </row>
    <row r="284204" spans="14:14">
      <c r="N284204" s="10"/>
    </row>
    <row r="284205" spans="14:14">
      <c r="N284205" s="10"/>
    </row>
    <row r="284206" spans="14:14">
      <c r="N284206" s="10"/>
    </row>
    <row r="284207" spans="14:14">
      <c r="N284207" s="10"/>
    </row>
    <row r="284208" spans="14:14">
      <c r="N284208" s="10"/>
    </row>
    <row r="284209" spans="14:14">
      <c r="N284209" s="10"/>
    </row>
    <row r="284210" spans="14:14">
      <c r="N284210" s="10"/>
    </row>
    <row r="284211" spans="14:14">
      <c r="N284211" s="10"/>
    </row>
    <row r="284212" spans="14:14">
      <c r="N284212" s="10"/>
    </row>
    <row r="284213" spans="14:14">
      <c r="N284213" s="10"/>
    </row>
    <row r="284214" spans="14:14">
      <c r="N284214" s="10"/>
    </row>
    <row r="284215" spans="14:14">
      <c r="N284215" s="10"/>
    </row>
    <row r="284216" spans="14:14">
      <c r="N284216" s="10"/>
    </row>
    <row r="284217" spans="14:14">
      <c r="N284217" s="10"/>
    </row>
    <row r="284218" spans="14:14">
      <c r="N284218" s="10"/>
    </row>
    <row r="284219" spans="14:14">
      <c r="N284219" s="10"/>
    </row>
    <row r="284220" spans="14:14">
      <c r="N284220" s="10"/>
    </row>
    <row r="284221" spans="14:14">
      <c r="N284221" s="10"/>
    </row>
    <row r="284222" spans="14:14">
      <c r="N284222" s="10"/>
    </row>
    <row r="284223" spans="14:14">
      <c r="N284223" s="10"/>
    </row>
    <row r="284224" spans="14:14">
      <c r="N284224" s="10"/>
    </row>
    <row r="284225" spans="14:14">
      <c r="N284225" s="10"/>
    </row>
    <row r="284226" spans="14:14">
      <c r="N284226" s="10"/>
    </row>
    <row r="284227" spans="14:14">
      <c r="N284227" s="10"/>
    </row>
    <row r="284228" spans="14:14">
      <c r="N284228" s="10"/>
    </row>
    <row r="284229" spans="14:14">
      <c r="N284229" s="10"/>
    </row>
    <row r="284230" spans="14:14">
      <c r="N284230" s="10"/>
    </row>
    <row r="284231" spans="14:14">
      <c r="N284231" s="10"/>
    </row>
    <row r="284232" spans="14:14">
      <c r="N284232" s="10"/>
    </row>
    <row r="284233" spans="14:14">
      <c r="N284233" s="10"/>
    </row>
    <row r="284234" spans="14:14">
      <c r="N284234" s="10"/>
    </row>
    <row r="284235" spans="14:14">
      <c r="N284235" s="10"/>
    </row>
    <row r="284236" spans="14:14">
      <c r="N284236" s="10"/>
    </row>
    <row r="284237" spans="14:14">
      <c r="N284237" s="10"/>
    </row>
    <row r="284238" spans="14:14">
      <c r="N284238" s="10"/>
    </row>
    <row r="284239" spans="14:14">
      <c r="N284239" s="10"/>
    </row>
    <row r="284240" spans="14:14">
      <c r="N284240" s="10"/>
    </row>
    <row r="284241" spans="14:14">
      <c r="N284241" s="10"/>
    </row>
    <row r="284242" spans="14:14">
      <c r="N284242" s="10"/>
    </row>
    <row r="284243" spans="14:14">
      <c r="N284243" s="10"/>
    </row>
    <row r="284244" spans="14:14">
      <c r="N284244" s="10"/>
    </row>
    <row r="284245" spans="14:14">
      <c r="N284245" s="10"/>
    </row>
    <row r="284246" spans="14:14">
      <c r="N284246" s="10"/>
    </row>
    <row r="284247" spans="14:14">
      <c r="N284247" s="10"/>
    </row>
    <row r="284248" spans="14:14">
      <c r="N284248" s="10"/>
    </row>
    <row r="284249" spans="14:14">
      <c r="N284249" s="10"/>
    </row>
    <row r="284250" spans="14:14">
      <c r="N284250" s="10"/>
    </row>
    <row r="284251" spans="14:14">
      <c r="N284251" s="10"/>
    </row>
    <row r="284252" spans="14:14">
      <c r="N284252" s="10"/>
    </row>
    <row r="284253" spans="14:14">
      <c r="N284253" s="10"/>
    </row>
    <row r="284254" spans="14:14">
      <c r="N284254" s="10"/>
    </row>
    <row r="284255" spans="14:14">
      <c r="N284255" s="10"/>
    </row>
    <row r="284256" spans="14:14">
      <c r="N284256" s="10"/>
    </row>
    <row r="284257" spans="14:14">
      <c r="N284257" s="10"/>
    </row>
    <row r="284258" spans="14:14">
      <c r="N284258" s="10"/>
    </row>
    <row r="284259" spans="14:14">
      <c r="N284259" s="10"/>
    </row>
    <row r="284260" spans="14:14">
      <c r="N284260" s="10"/>
    </row>
    <row r="284261" spans="14:14">
      <c r="N284261" s="10"/>
    </row>
    <row r="284262" spans="14:14">
      <c r="N284262" s="10"/>
    </row>
    <row r="284263" spans="14:14">
      <c r="N284263" s="10"/>
    </row>
    <row r="284264" spans="14:14">
      <c r="N284264" s="10"/>
    </row>
    <row r="284265" spans="14:14">
      <c r="N284265" s="10"/>
    </row>
    <row r="284266" spans="14:14">
      <c r="N284266" s="10"/>
    </row>
    <row r="284267" spans="14:14">
      <c r="N284267" s="10"/>
    </row>
    <row r="284268" spans="14:14">
      <c r="N284268" s="10"/>
    </row>
    <row r="284269" spans="14:14">
      <c r="N284269" s="10"/>
    </row>
    <row r="284270" spans="14:14">
      <c r="N284270" s="10"/>
    </row>
    <row r="284271" spans="14:14">
      <c r="N284271" s="10"/>
    </row>
    <row r="284272" spans="14:14">
      <c r="N284272" s="10"/>
    </row>
    <row r="284273" spans="14:14">
      <c r="N284273" s="10"/>
    </row>
    <row r="284274" spans="14:14">
      <c r="N284274" s="10"/>
    </row>
    <row r="284275" spans="14:14">
      <c r="N284275" s="10"/>
    </row>
    <row r="284276" spans="14:14">
      <c r="N284276" s="10"/>
    </row>
    <row r="284277" spans="14:14">
      <c r="N284277" s="10"/>
    </row>
    <row r="284278" spans="14:14">
      <c r="N284278" s="10"/>
    </row>
    <row r="284279" spans="14:14">
      <c r="N284279" s="10"/>
    </row>
    <row r="284280" spans="14:14">
      <c r="N284280" s="10"/>
    </row>
    <row r="284281" spans="14:14">
      <c r="N284281" s="10"/>
    </row>
    <row r="284282" spans="14:14">
      <c r="N284282" s="10"/>
    </row>
    <row r="284283" spans="14:14">
      <c r="N284283" s="10"/>
    </row>
    <row r="284284" spans="14:14">
      <c r="N284284" s="10"/>
    </row>
    <row r="284285" spans="14:14">
      <c r="N284285" s="10"/>
    </row>
    <row r="284286" spans="14:14">
      <c r="N284286" s="10"/>
    </row>
    <row r="284287" spans="14:14">
      <c r="N284287" s="10"/>
    </row>
    <row r="284288" spans="14:14">
      <c r="N284288" s="10"/>
    </row>
    <row r="284289" spans="14:14">
      <c r="N284289" s="10"/>
    </row>
    <row r="284290" spans="14:14">
      <c r="N284290" s="10"/>
    </row>
    <row r="284291" spans="14:14">
      <c r="N284291" s="10"/>
    </row>
    <row r="284292" spans="14:14">
      <c r="N284292" s="10"/>
    </row>
    <row r="284293" spans="14:14">
      <c r="N284293" s="10"/>
    </row>
    <row r="284294" spans="14:14">
      <c r="N284294" s="10"/>
    </row>
    <row r="284295" spans="14:14">
      <c r="N284295" s="10"/>
    </row>
    <row r="284296" spans="14:14">
      <c r="N284296" s="10"/>
    </row>
    <row r="284297" spans="14:14">
      <c r="N284297" s="10"/>
    </row>
    <row r="284298" spans="14:14">
      <c r="N284298" s="10"/>
    </row>
    <row r="284299" spans="14:14">
      <c r="N284299" s="10"/>
    </row>
    <row r="284300" spans="14:14">
      <c r="N284300" s="10"/>
    </row>
    <row r="284301" spans="14:14">
      <c r="N284301" s="10"/>
    </row>
    <row r="284302" spans="14:14">
      <c r="N284302" s="10"/>
    </row>
    <row r="284303" spans="14:14">
      <c r="N284303" s="10"/>
    </row>
    <row r="284304" spans="14:14">
      <c r="N284304" s="10"/>
    </row>
    <row r="284305" spans="14:14">
      <c r="N284305" s="10"/>
    </row>
    <row r="284306" spans="14:14">
      <c r="N284306" s="10"/>
    </row>
    <row r="284307" spans="14:14">
      <c r="N284307" s="10"/>
    </row>
    <row r="284308" spans="14:14">
      <c r="N284308" s="10"/>
    </row>
    <row r="284309" spans="14:14">
      <c r="N284309" s="10"/>
    </row>
    <row r="284310" spans="14:14">
      <c r="N284310" s="10"/>
    </row>
    <row r="284311" spans="14:14">
      <c r="N284311" s="10"/>
    </row>
    <row r="284312" spans="14:14">
      <c r="N284312" s="10"/>
    </row>
    <row r="284313" spans="14:14">
      <c r="N284313" s="10"/>
    </row>
    <row r="284314" spans="14:14">
      <c r="N284314" s="10"/>
    </row>
    <row r="284315" spans="14:14">
      <c r="N284315" s="10"/>
    </row>
    <row r="284316" spans="14:14">
      <c r="N284316" s="10"/>
    </row>
    <row r="284317" spans="14:14">
      <c r="N284317" s="10"/>
    </row>
    <row r="284318" spans="14:14">
      <c r="N284318" s="10"/>
    </row>
    <row r="284319" spans="14:14">
      <c r="N284319" s="10"/>
    </row>
    <row r="284320" spans="14:14">
      <c r="N284320" s="10"/>
    </row>
    <row r="284321" spans="14:14">
      <c r="N284321" s="10"/>
    </row>
    <row r="284322" spans="14:14">
      <c r="N284322" s="10"/>
    </row>
    <row r="284323" spans="14:14">
      <c r="N284323" s="10"/>
    </row>
    <row r="284324" spans="14:14">
      <c r="N284324" s="10"/>
    </row>
    <row r="284325" spans="14:14">
      <c r="N284325" s="10"/>
    </row>
    <row r="284326" spans="14:14">
      <c r="N284326" s="10"/>
    </row>
    <row r="284327" spans="14:14">
      <c r="N284327" s="10"/>
    </row>
    <row r="284328" spans="14:14">
      <c r="N284328" s="10"/>
    </row>
    <row r="284329" spans="14:14">
      <c r="N284329" s="10"/>
    </row>
    <row r="284330" spans="14:14">
      <c r="N284330" s="10"/>
    </row>
    <row r="284331" spans="14:14">
      <c r="N284331" s="10"/>
    </row>
    <row r="284332" spans="14:14">
      <c r="N284332" s="10"/>
    </row>
    <row r="284333" spans="14:14">
      <c r="N284333" s="10"/>
    </row>
    <row r="284334" spans="14:14">
      <c r="N284334" s="10"/>
    </row>
    <row r="284335" spans="14:14">
      <c r="N284335" s="10"/>
    </row>
    <row r="284336" spans="14:14">
      <c r="N284336" s="10"/>
    </row>
    <row r="284337" spans="14:14">
      <c r="N284337" s="10"/>
    </row>
    <row r="284338" spans="14:14">
      <c r="N284338" s="10"/>
    </row>
    <row r="284339" spans="14:14">
      <c r="N284339" s="10"/>
    </row>
    <row r="284340" spans="14:14">
      <c r="N284340" s="10"/>
    </row>
    <row r="284341" spans="14:14">
      <c r="N284341" s="10"/>
    </row>
    <row r="284342" spans="14:14">
      <c r="N284342" s="10"/>
    </row>
    <row r="284343" spans="14:14">
      <c r="N284343" s="10"/>
    </row>
    <row r="284344" spans="14:14">
      <c r="N284344" s="10"/>
    </row>
    <row r="284345" spans="14:14">
      <c r="N284345" s="10"/>
    </row>
    <row r="284346" spans="14:14">
      <c r="N284346" s="10"/>
    </row>
    <row r="284347" spans="14:14">
      <c r="N284347" s="10"/>
    </row>
    <row r="284348" spans="14:14">
      <c r="N284348" s="10"/>
    </row>
    <row r="284349" spans="14:14">
      <c r="N284349" s="10"/>
    </row>
    <row r="284350" spans="14:14">
      <c r="N284350" s="10"/>
    </row>
    <row r="284351" spans="14:14">
      <c r="N284351" s="10"/>
    </row>
    <row r="284352" spans="14:14">
      <c r="N284352" s="10"/>
    </row>
    <row r="284353" spans="14:14">
      <c r="N284353" s="10"/>
    </row>
    <row r="284354" spans="14:14">
      <c r="N284354" s="10"/>
    </row>
    <row r="284355" spans="14:14">
      <c r="N284355" s="10"/>
    </row>
    <row r="284356" spans="14:14">
      <c r="N284356" s="10"/>
    </row>
    <row r="284357" spans="14:14">
      <c r="N284357" s="10"/>
    </row>
    <row r="284358" spans="14:14">
      <c r="N284358" s="10"/>
    </row>
    <row r="284359" spans="14:14">
      <c r="N284359" s="10"/>
    </row>
    <row r="284360" spans="14:14">
      <c r="N284360" s="10"/>
    </row>
    <row r="284361" spans="14:14">
      <c r="N284361" s="10"/>
    </row>
    <row r="284362" spans="14:14">
      <c r="N284362" s="10"/>
    </row>
    <row r="284363" spans="14:14">
      <c r="N284363" s="10"/>
    </row>
    <row r="284364" spans="14:14">
      <c r="N284364" s="10"/>
    </row>
    <row r="284365" spans="14:14">
      <c r="N284365" s="10"/>
    </row>
    <row r="284366" spans="14:14">
      <c r="N284366" s="10"/>
    </row>
    <row r="284367" spans="14:14">
      <c r="N284367" s="10"/>
    </row>
    <row r="284368" spans="14:14">
      <c r="N284368" s="10"/>
    </row>
    <row r="284369" spans="14:14">
      <c r="N284369" s="10"/>
    </row>
    <row r="284370" spans="14:14">
      <c r="N284370" s="10"/>
    </row>
    <row r="284371" spans="14:14">
      <c r="N284371" s="10"/>
    </row>
    <row r="284372" spans="14:14">
      <c r="N284372" s="10"/>
    </row>
    <row r="284373" spans="14:14">
      <c r="N284373" s="10"/>
    </row>
    <row r="284374" spans="14:14">
      <c r="N284374" s="10"/>
    </row>
    <row r="284375" spans="14:14">
      <c r="N284375" s="10"/>
    </row>
    <row r="284376" spans="14:14">
      <c r="N284376" s="10"/>
    </row>
    <row r="284377" spans="14:14">
      <c r="N284377" s="10"/>
    </row>
    <row r="284378" spans="14:14">
      <c r="N284378" s="10"/>
    </row>
    <row r="284379" spans="14:14">
      <c r="N284379" s="10"/>
    </row>
    <row r="284380" spans="14:14">
      <c r="N284380" s="10"/>
    </row>
    <row r="284381" spans="14:14">
      <c r="N284381" s="10"/>
    </row>
    <row r="284382" spans="14:14">
      <c r="N284382" s="10"/>
    </row>
    <row r="284383" spans="14:14">
      <c r="N284383" s="10"/>
    </row>
    <row r="284384" spans="14:14">
      <c r="N284384" s="10"/>
    </row>
    <row r="284385" spans="14:14">
      <c r="N284385" s="10"/>
    </row>
    <row r="284386" spans="14:14">
      <c r="N284386" s="10"/>
    </row>
    <row r="284387" spans="14:14">
      <c r="N284387" s="10"/>
    </row>
    <row r="284388" spans="14:14">
      <c r="N284388" s="10"/>
    </row>
    <row r="284389" spans="14:14">
      <c r="N284389" s="10"/>
    </row>
    <row r="284390" spans="14:14">
      <c r="N284390" s="10"/>
    </row>
    <row r="284391" spans="14:14">
      <c r="N284391" s="10"/>
    </row>
    <row r="284392" spans="14:14">
      <c r="N284392" s="10"/>
    </row>
    <row r="284393" spans="14:14">
      <c r="N284393" s="10"/>
    </row>
    <row r="284394" spans="14:14">
      <c r="N284394" s="10"/>
    </row>
    <row r="284395" spans="14:14">
      <c r="N284395" s="10"/>
    </row>
    <row r="284396" spans="14:14">
      <c r="N284396" s="10"/>
    </row>
    <row r="284397" spans="14:14">
      <c r="N284397" s="10"/>
    </row>
    <row r="284398" spans="14:14">
      <c r="N284398" s="10"/>
    </row>
    <row r="284399" spans="14:14">
      <c r="N284399" s="10"/>
    </row>
    <row r="284400" spans="14:14">
      <c r="N284400" s="10"/>
    </row>
    <row r="284401" spans="14:14">
      <c r="N284401" s="10"/>
    </row>
    <row r="284402" spans="14:14">
      <c r="N284402" s="10"/>
    </row>
    <row r="284403" spans="14:14">
      <c r="N284403" s="10"/>
    </row>
    <row r="284404" spans="14:14">
      <c r="N284404" s="10"/>
    </row>
    <row r="284405" spans="14:14">
      <c r="N284405" s="10"/>
    </row>
    <row r="284406" spans="14:14">
      <c r="N284406" s="10"/>
    </row>
    <row r="284407" spans="14:14">
      <c r="N284407" s="10"/>
    </row>
    <row r="284408" spans="14:14">
      <c r="N284408" s="10"/>
    </row>
    <row r="284409" spans="14:14">
      <c r="N284409" s="10"/>
    </row>
    <row r="284410" spans="14:14">
      <c r="N284410" s="10"/>
    </row>
    <row r="284411" spans="14:14">
      <c r="N284411" s="10"/>
    </row>
    <row r="284412" spans="14:14">
      <c r="N284412" s="10"/>
    </row>
    <row r="284413" spans="14:14">
      <c r="N284413" s="10"/>
    </row>
    <row r="284414" spans="14:14">
      <c r="N284414" s="10"/>
    </row>
    <row r="284415" spans="14:14">
      <c r="N284415" s="10"/>
    </row>
    <row r="284416" spans="14:14">
      <c r="N284416" s="10"/>
    </row>
    <row r="284417" spans="14:14">
      <c r="N284417" s="10"/>
    </row>
    <row r="284418" spans="14:14">
      <c r="N284418" s="10"/>
    </row>
    <row r="284419" spans="14:14">
      <c r="N284419" s="10"/>
    </row>
    <row r="284420" spans="14:14">
      <c r="N284420" s="10"/>
    </row>
    <row r="284421" spans="14:14">
      <c r="N284421" s="10"/>
    </row>
    <row r="284422" spans="14:14">
      <c r="N284422" s="10"/>
    </row>
    <row r="284423" spans="14:14">
      <c r="N284423" s="10"/>
    </row>
    <row r="284424" spans="14:14">
      <c r="N284424" s="10"/>
    </row>
    <row r="284425" spans="14:14">
      <c r="N284425" s="10"/>
    </row>
    <row r="284426" spans="14:14">
      <c r="N284426" s="10"/>
    </row>
    <row r="284427" spans="14:14">
      <c r="N284427" s="10"/>
    </row>
    <row r="284428" spans="14:14">
      <c r="N284428" s="10"/>
    </row>
    <row r="284429" spans="14:14">
      <c r="N284429" s="10"/>
    </row>
    <row r="284430" spans="14:14">
      <c r="N284430" s="10"/>
    </row>
    <row r="284431" spans="14:14">
      <c r="N284431" s="10"/>
    </row>
    <row r="284432" spans="14:14">
      <c r="N284432" s="10"/>
    </row>
    <row r="284433" spans="14:14">
      <c r="N284433" s="10"/>
    </row>
    <row r="284434" spans="14:14">
      <c r="N284434" s="10"/>
    </row>
    <row r="284435" spans="14:14">
      <c r="N284435" s="10"/>
    </row>
    <row r="284436" spans="14:14">
      <c r="N284436" s="10"/>
    </row>
    <row r="284437" spans="14:14">
      <c r="N284437" s="10"/>
    </row>
    <row r="284438" spans="14:14">
      <c r="N284438" s="10"/>
    </row>
    <row r="284439" spans="14:14">
      <c r="N284439" s="10"/>
    </row>
    <row r="284440" spans="14:14">
      <c r="N284440" s="10"/>
    </row>
    <row r="284441" spans="14:14">
      <c r="N284441" s="10"/>
    </row>
    <row r="284442" spans="14:14">
      <c r="N284442" s="10"/>
    </row>
    <row r="284443" spans="14:14">
      <c r="N284443" s="10"/>
    </row>
    <row r="284444" spans="14:14">
      <c r="N284444" s="10"/>
    </row>
    <row r="284445" spans="14:14">
      <c r="N284445" s="10"/>
    </row>
    <row r="284446" spans="14:14">
      <c r="N284446" s="10"/>
    </row>
    <row r="284447" spans="14:14">
      <c r="N284447" s="10"/>
    </row>
    <row r="284448" spans="14:14">
      <c r="N284448" s="10"/>
    </row>
    <row r="284449" spans="14:14">
      <c r="N284449" s="10"/>
    </row>
    <row r="284450" spans="14:14">
      <c r="N284450" s="10"/>
    </row>
    <row r="284451" spans="14:14">
      <c r="N284451" s="10"/>
    </row>
    <row r="284452" spans="14:14">
      <c r="N284452" s="10"/>
    </row>
    <row r="284453" spans="14:14">
      <c r="N284453" s="10"/>
    </row>
    <row r="284454" spans="14:14">
      <c r="N284454" s="10"/>
    </row>
    <row r="284455" spans="14:14">
      <c r="N284455" s="10"/>
    </row>
    <row r="284456" spans="14:14">
      <c r="N284456" s="10"/>
    </row>
    <row r="284457" spans="14:14">
      <c r="N284457" s="10"/>
    </row>
    <row r="284458" spans="14:14">
      <c r="N284458" s="10"/>
    </row>
    <row r="284459" spans="14:14">
      <c r="N284459" s="10"/>
    </row>
    <row r="284460" spans="14:14">
      <c r="N284460" s="10"/>
    </row>
    <row r="284461" spans="14:14">
      <c r="N284461" s="10"/>
    </row>
    <row r="284462" spans="14:14">
      <c r="N284462" s="10"/>
    </row>
    <row r="284463" spans="14:14">
      <c r="N284463" s="10"/>
    </row>
    <row r="284464" spans="14:14">
      <c r="N284464" s="10"/>
    </row>
    <row r="284465" spans="14:14">
      <c r="N284465" s="10"/>
    </row>
    <row r="284466" spans="14:14">
      <c r="N284466" s="10"/>
    </row>
    <row r="284467" spans="14:14">
      <c r="N284467" s="10"/>
    </row>
    <row r="284468" spans="14:14">
      <c r="N284468" s="10"/>
    </row>
    <row r="284469" spans="14:14">
      <c r="N284469" s="10"/>
    </row>
    <row r="284470" spans="14:14">
      <c r="N284470" s="10"/>
    </row>
    <row r="284471" spans="14:14">
      <c r="N284471" s="10"/>
    </row>
    <row r="284472" spans="14:14">
      <c r="N284472" s="10"/>
    </row>
    <row r="284473" spans="14:14">
      <c r="N284473" s="10"/>
    </row>
    <row r="284474" spans="14:14">
      <c r="N284474" s="10"/>
    </row>
    <row r="284475" spans="14:14">
      <c r="N284475" s="10"/>
    </row>
    <row r="284476" spans="14:14">
      <c r="N284476" s="10"/>
    </row>
    <row r="284477" spans="14:14">
      <c r="N284477" s="10"/>
    </row>
    <row r="284478" spans="14:14">
      <c r="N284478" s="10"/>
    </row>
    <row r="284479" spans="14:14">
      <c r="N284479" s="10"/>
    </row>
    <row r="284480" spans="14:14">
      <c r="N284480" s="10"/>
    </row>
    <row r="284481" spans="14:14">
      <c r="N284481" s="10"/>
    </row>
    <row r="284482" spans="14:14">
      <c r="N284482" s="10"/>
    </row>
    <row r="284483" spans="14:14">
      <c r="N284483" s="10"/>
    </row>
    <row r="284484" spans="14:14">
      <c r="N284484" s="10"/>
    </row>
    <row r="284485" spans="14:14">
      <c r="N284485" s="10"/>
    </row>
    <row r="284486" spans="14:14">
      <c r="N284486" s="10"/>
    </row>
    <row r="284487" spans="14:14">
      <c r="N284487" s="10"/>
    </row>
    <row r="284488" spans="14:14">
      <c r="N284488" s="10"/>
    </row>
    <row r="284489" spans="14:14">
      <c r="N284489" s="10"/>
    </row>
    <row r="284490" spans="14:14">
      <c r="N284490" s="10"/>
    </row>
    <row r="284491" spans="14:14">
      <c r="N284491" s="10"/>
    </row>
    <row r="284492" spans="14:14">
      <c r="N284492" s="10"/>
    </row>
    <row r="284493" spans="14:14">
      <c r="N284493" s="10"/>
    </row>
    <row r="284494" spans="14:14">
      <c r="N284494" s="10"/>
    </row>
    <row r="284495" spans="14:14">
      <c r="N284495" s="10"/>
    </row>
    <row r="284496" spans="14:14">
      <c r="N284496" s="10"/>
    </row>
    <row r="284497" spans="14:14">
      <c r="N284497" s="10"/>
    </row>
    <row r="284498" spans="14:14">
      <c r="N284498" s="10"/>
    </row>
    <row r="284499" spans="14:14">
      <c r="N284499" s="10"/>
    </row>
    <row r="284500" spans="14:14">
      <c r="N284500" s="10"/>
    </row>
    <row r="284501" spans="14:14">
      <c r="N284501" s="10"/>
    </row>
    <row r="284502" spans="14:14">
      <c r="N284502" s="10"/>
    </row>
    <row r="284503" spans="14:14">
      <c r="N284503" s="10"/>
    </row>
    <row r="284504" spans="14:14">
      <c r="N284504" s="10"/>
    </row>
    <row r="284505" spans="14:14">
      <c r="N284505" s="10"/>
    </row>
    <row r="284506" spans="14:14">
      <c r="N284506" s="10"/>
    </row>
    <row r="284507" spans="14:14">
      <c r="N284507" s="10"/>
    </row>
    <row r="284508" spans="14:14">
      <c r="N284508" s="10"/>
    </row>
    <row r="284509" spans="14:14">
      <c r="N284509" s="10"/>
    </row>
    <row r="284510" spans="14:14">
      <c r="N284510" s="10"/>
    </row>
    <row r="284511" spans="14:14">
      <c r="N284511" s="10"/>
    </row>
    <row r="284512" spans="14:14">
      <c r="N284512" s="10"/>
    </row>
    <row r="284513" spans="14:14">
      <c r="N284513" s="10"/>
    </row>
    <row r="284514" spans="14:14">
      <c r="N284514" s="10"/>
    </row>
    <row r="284515" spans="14:14">
      <c r="N284515" s="10"/>
    </row>
    <row r="284516" spans="14:14">
      <c r="N284516" s="10"/>
    </row>
    <row r="284517" spans="14:14">
      <c r="N284517" s="10"/>
    </row>
    <row r="284518" spans="14:14">
      <c r="N284518" s="10"/>
    </row>
    <row r="284519" spans="14:14">
      <c r="N284519" s="10"/>
    </row>
    <row r="284520" spans="14:14">
      <c r="N284520" s="10"/>
    </row>
    <row r="284521" spans="14:14">
      <c r="N284521" s="10"/>
    </row>
    <row r="284522" spans="14:14">
      <c r="N284522" s="10"/>
    </row>
    <row r="284523" spans="14:14">
      <c r="N284523" s="10"/>
    </row>
    <row r="284524" spans="14:14">
      <c r="N284524" s="10"/>
    </row>
    <row r="284525" spans="14:14">
      <c r="N284525" s="10"/>
    </row>
    <row r="284526" spans="14:14">
      <c r="N284526" s="10"/>
    </row>
    <row r="284527" spans="14:14">
      <c r="N284527" s="10"/>
    </row>
    <row r="284528" spans="14:14">
      <c r="N284528" s="10"/>
    </row>
    <row r="284529" spans="14:14">
      <c r="N284529" s="10"/>
    </row>
    <row r="284530" spans="14:14">
      <c r="N284530" s="10"/>
    </row>
    <row r="284531" spans="14:14">
      <c r="N284531" s="10"/>
    </row>
    <row r="284532" spans="14:14">
      <c r="N284532" s="10"/>
    </row>
    <row r="284533" spans="14:14">
      <c r="N284533" s="10"/>
    </row>
    <row r="284534" spans="14:14">
      <c r="N284534" s="10"/>
    </row>
    <row r="284535" spans="14:14">
      <c r="N284535" s="10"/>
    </row>
    <row r="284536" spans="14:14">
      <c r="N284536" s="10"/>
    </row>
    <row r="284537" spans="14:14">
      <c r="N284537" s="10"/>
    </row>
    <row r="284538" spans="14:14">
      <c r="N284538" s="10"/>
    </row>
    <row r="284539" spans="14:14">
      <c r="N284539" s="10"/>
    </row>
    <row r="284540" spans="14:14">
      <c r="N284540" s="10"/>
    </row>
    <row r="284541" spans="14:14">
      <c r="N284541" s="10"/>
    </row>
    <row r="284542" spans="14:14">
      <c r="N284542" s="10"/>
    </row>
    <row r="284543" spans="14:14">
      <c r="N284543" s="10"/>
    </row>
    <row r="284544" spans="14:14">
      <c r="N284544" s="10"/>
    </row>
    <row r="284545" spans="14:14">
      <c r="N284545" s="10"/>
    </row>
    <row r="284546" spans="14:14">
      <c r="N284546" s="10"/>
    </row>
    <row r="284547" spans="14:14">
      <c r="N284547" s="10"/>
    </row>
    <row r="284548" spans="14:14">
      <c r="N284548" s="10"/>
    </row>
    <row r="284549" spans="14:14">
      <c r="N284549" s="10"/>
    </row>
    <row r="284550" spans="14:14">
      <c r="N284550" s="10"/>
    </row>
    <row r="284551" spans="14:14">
      <c r="N284551" s="10"/>
    </row>
    <row r="284552" spans="14:14">
      <c r="N284552" s="10"/>
    </row>
    <row r="284553" spans="14:14">
      <c r="N284553" s="10"/>
    </row>
    <row r="284554" spans="14:14">
      <c r="N284554" s="10"/>
    </row>
    <row r="284555" spans="14:14">
      <c r="N284555" s="10"/>
    </row>
    <row r="284556" spans="14:14">
      <c r="N284556" s="10"/>
    </row>
    <row r="284557" spans="14:14">
      <c r="N284557" s="10"/>
    </row>
    <row r="284558" spans="14:14">
      <c r="N284558" s="10"/>
    </row>
    <row r="284559" spans="14:14">
      <c r="N284559" s="10"/>
    </row>
    <row r="284560" spans="14:14">
      <c r="N284560" s="10"/>
    </row>
    <row r="284561" spans="14:14">
      <c r="N284561" s="10"/>
    </row>
    <row r="284562" spans="14:14">
      <c r="N284562" s="10"/>
    </row>
    <row r="284563" spans="14:14">
      <c r="N284563" s="10"/>
    </row>
    <row r="284564" spans="14:14">
      <c r="N284564" s="10"/>
    </row>
    <row r="284565" spans="14:14">
      <c r="N284565" s="10"/>
    </row>
    <row r="284566" spans="14:14">
      <c r="N284566" s="10"/>
    </row>
    <row r="284567" spans="14:14">
      <c r="N284567" s="10"/>
    </row>
    <row r="284568" spans="14:14">
      <c r="N284568" s="10"/>
    </row>
    <row r="284569" spans="14:14">
      <c r="N284569" s="10"/>
    </row>
    <row r="284570" spans="14:14">
      <c r="N284570" s="10"/>
    </row>
    <row r="284571" spans="14:14">
      <c r="N284571" s="10"/>
    </row>
    <row r="284572" spans="14:14">
      <c r="N284572" s="10"/>
    </row>
    <row r="284573" spans="14:14">
      <c r="N284573" s="10"/>
    </row>
    <row r="284574" spans="14:14">
      <c r="N284574" s="10"/>
    </row>
    <row r="284575" spans="14:14">
      <c r="N284575" s="10"/>
    </row>
    <row r="284576" spans="14:14">
      <c r="N284576" s="10"/>
    </row>
    <row r="284577" spans="14:14">
      <c r="N284577" s="10"/>
    </row>
    <row r="284578" spans="14:14">
      <c r="N284578" s="10"/>
    </row>
    <row r="284579" spans="14:14">
      <c r="N284579" s="10"/>
    </row>
    <row r="284580" spans="14:14">
      <c r="N284580" s="10"/>
    </row>
    <row r="284581" spans="14:14">
      <c r="N284581" s="10"/>
    </row>
    <row r="284582" spans="14:14">
      <c r="N284582" s="10"/>
    </row>
    <row r="284583" spans="14:14">
      <c r="N284583" s="10"/>
    </row>
    <row r="284584" spans="14:14">
      <c r="N284584" s="10"/>
    </row>
    <row r="284585" spans="14:14">
      <c r="N284585" s="10"/>
    </row>
    <row r="284586" spans="14:14">
      <c r="N284586" s="10"/>
    </row>
    <row r="284587" spans="14:14">
      <c r="N284587" s="10"/>
    </row>
    <row r="284588" spans="14:14">
      <c r="N284588" s="10"/>
    </row>
    <row r="284589" spans="14:14">
      <c r="N284589" s="10"/>
    </row>
    <row r="284590" spans="14:14">
      <c r="N284590" s="10"/>
    </row>
    <row r="284591" spans="14:14">
      <c r="N284591" s="10"/>
    </row>
    <row r="284592" spans="14:14">
      <c r="N284592" s="10"/>
    </row>
    <row r="284593" spans="14:14">
      <c r="N284593" s="10"/>
    </row>
    <row r="284594" spans="14:14">
      <c r="N284594" s="10"/>
    </row>
    <row r="284595" spans="14:14">
      <c r="N284595" s="10"/>
    </row>
    <row r="284596" spans="14:14">
      <c r="N284596" s="10"/>
    </row>
    <row r="284597" spans="14:14">
      <c r="N284597" s="10"/>
    </row>
    <row r="284598" spans="14:14">
      <c r="N284598" s="10"/>
    </row>
    <row r="284599" spans="14:14">
      <c r="N284599" s="10"/>
    </row>
    <row r="284600" spans="14:14">
      <c r="N284600" s="10"/>
    </row>
    <row r="284601" spans="14:14">
      <c r="N284601" s="10"/>
    </row>
    <row r="284602" spans="14:14">
      <c r="N284602" s="10"/>
    </row>
    <row r="284603" spans="14:14">
      <c r="N284603" s="10"/>
    </row>
    <row r="284604" spans="14:14">
      <c r="N284604" s="10"/>
    </row>
    <row r="284605" spans="14:14">
      <c r="N284605" s="10"/>
    </row>
    <row r="284606" spans="14:14">
      <c r="N284606" s="10"/>
    </row>
    <row r="284607" spans="14:14">
      <c r="N284607" s="10"/>
    </row>
    <row r="284608" spans="14:14">
      <c r="N284608" s="10"/>
    </row>
    <row r="284609" spans="14:14">
      <c r="N284609" s="10"/>
    </row>
    <row r="284610" spans="14:14">
      <c r="N284610" s="10"/>
    </row>
    <row r="284611" spans="14:14">
      <c r="N284611" s="10"/>
    </row>
    <row r="284612" spans="14:14">
      <c r="N284612" s="10"/>
    </row>
    <row r="284613" spans="14:14">
      <c r="N284613" s="10"/>
    </row>
    <row r="284614" spans="14:14">
      <c r="N284614" s="10"/>
    </row>
    <row r="284615" spans="14:14">
      <c r="N284615" s="10"/>
    </row>
    <row r="284616" spans="14:14">
      <c r="N284616" s="10"/>
    </row>
    <row r="284617" spans="14:14">
      <c r="N284617" s="10"/>
    </row>
    <row r="284618" spans="14:14">
      <c r="N284618" s="10"/>
    </row>
    <row r="284619" spans="14:14">
      <c r="N284619" s="10"/>
    </row>
    <row r="284620" spans="14:14">
      <c r="N284620" s="10"/>
    </row>
    <row r="284621" spans="14:14">
      <c r="N284621" s="10"/>
    </row>
    <row r="284622" spans="14:14">
      <c r="N284622" s="10"/>
    </row>
    <row r="284623" spans="14:14">
      <c r="N284623" s="10"/>
    </row>
    <row r="284624" spans="14:14">
      <c r="N284624" s="10"/>
    </row>
    <row r="284625" spans="14:14">
      <c r="N284625" s="10"/>
    </row>
    <row r="284626" spans="14:14">
      <c r="N284626" s="10"/>
    </row>
    <row r="284627" spans="14:14">
      <c r="N284627" s="10"/>
    </row>
    <row r="284628" spans="14:14">
      <c r="N284628" s="10"/>
    </row>
    <row r="284629" spans="14:14">
      <c r="N284629" s="10"/>
    </row>
    <row r="284630" spans="14:14">
      <c r="N284630" s="10"/>
    </row>
    <row r="284631" spans="14:14">
      <c r="N284631" s="10"/>
    </row>
    <row r="284632" spans="14:14">
      <c r="N284632" s="10"/>
    </row>
    <row r="284633" spans="14:14">
      <c r="N284633" s="10"/>
    </row>
    <row r="284634" spans="14:14">
      <c r="N284634" s="10"/>
    </row>
    <row r="284635" spans="14:14">
      <c r="N284635" s="10"/>
    </row>
    <row r="284636" spans="14:14">
      <c r="N284636" s="10"/>
    </row>
    <row r="284637" spans="14:14">
      <c r="N284637" s="10"/>
    </row>
    <row r="284638" spans="14:14">
      <c r="N284638" s="10"/>
    </row>
    <row r="284639" spans="14:14">
      <c r="N284639" s="10"/>
    </row>
    <row r="284640" spans="14:14">
      <c r="N284640" s="10"/>
    </row>
    <row r="284641" spans="14:14">
      <c r="N284641" s="10"/>
    </row>
    <row r="284642" spans="14:14">
      <c r="N284642" s="10"/>
    </row>
    <row r="284643" spans="14:14">
      <c r="N284643" s="10"/>
    </row>
    <row r="284644" spans="14:14">
      <c r="N284644" s="10"/>
    </row>
    <row r="284645" spans="14:14">
      <c r="N284645" s="10"/>
    </row>
    <row r="284646" spans="14:14">
      <c r="N284646" s="10"/>
    </row>
    <row r="284647" spans="14:14">
      <c r="N284647" s="10"/>
    </row>
    <row r="284648" spans="14:14">
      <c r="N284648" s="10"/>
    </row>
    <row r="284649" spans="14:14">
      <c r="N284649" s="10"/>
    </row>
    <row r="284650" spans="14:14">
      <c r="N284650" s="10"/>
    </row>
    <row r="284651" spans="14:14">
      <c r="N284651" s="10"/>
    </row>
    <row r="284652" spans="14:14">
      <c r="N284652" s="10"/>
    </row>
    <row r="284653" spans="14:14">
      <c r="N284653" s="10"/>
    </row>
    <row r="284654" spans="14:14">
      <c r="N284654" s="10"/>
    </row>
    <row r="284655" spans="14:14">
      <c r="N284655" s="10"/>
    </row>
    <row r="284656" spans="14:14">
      <c r="N284656" s="10"/>
    </row>
    <row r="284657" spans="14:14">
      <c r="N284657" s="10"/>
    </row>
    <row r="284658" spans="14:14">
      <c r="N284658" s="10"/>
    </row>
    <row r="284659" spans="14:14">
      <c r="N284659" s="10"/>
    </row>
    <row r="284660" spans="14:14">
      <c r="N284660" s="10"/>
    </row>
    <row r="284661" spans="14:14">
      <c r="N284661" s="10"/>
    </row>
    <row r="284662" spans="14:14">
      <c r="N284662" s="10"/>
    </row>
    <row r="284663" spans="14:14">
      <c r="N284663" s="10"/>
    </row>
    <row r="284664" spans="14:14">
      <c r="N284664" s="10"/>
    </row>
    <row r="284665" spans="14:14">
      <c r="N284665" s="10"/>
    </row>
    <row r="284666" spans="14:14">
      <c r="N284666" s="10"/>
    </row>
    <row r="284667" spans="14:14">
      <c r="N284667" s="10"/>
    </row>
    <row r="284668" spans="14:14">
      <c r="N284668" s="10"/>
    </row>
    <row r="284669" spans="14:14">
      <c r="N284669" s="10"/>
    </row>
    <row r="284670" spans="14:14">
      <c r="N284670" s="10"/>
    </row>
    <row r="284671" spans="14:14">
      <c r="N284671" s="10"/>
    </row>
    <row r="284672" spans="14:14">
      <c r="N284672" s="10"/>
    </row>
    <row r="284673" spans="14:14">
      <c r="N284673" s="10"/>
    </row>
    <row r="284674" spans="14:14">
      <c r="N284674" s="10"/>
    </row>
    <row r="284675" spans="14:14">
      <c r="N284675" s="10"/>
    </row>
    <row r="284676" spans="14:14">
      <c r="N284676" s="10"/>
    </row>
    <row r="284677" spans="14:14">
      <c r="N284677" s="10"/>
    </row>
    <row r="284678" spans="14:14">
      <c r="N284678" s="10"/>
    </row>
    <row r="284679" spans="14:14">
      <c r="N284679" s="10"/>
    </row>
    <row r="284680" spans="14:14">
      <c r="N284680" s="10"/>
    </row>
    <row r="284681" spans="14:14">
      <c r="N284681" s="10"/>
    </row>
    <row r="284682" spans="14:14">
      <c r="N284682" s="10"/>
    </row>
    <row r="284683" spans="14:14">
      <c r="N284683" s="10"/>
    </row>
    <row r="284684" spans="14:14">
      <c r="N284684" s="10"/>
    </row>
    <row r="284685" spans="14:14">
      <c r="N284685" s="10"/>
    </row>
    <row r="284686" spans="14:14">
      <c r="N284686" s="10"/>
    </row>
    <row r="284687" spans="14:14">
      <c r="N284687" s="10"/>
    </row>
    <row r="284688" spans="14:14">
      <c r="N284688" s="10"/>
    </row>
    <row r="284689" spans="14:14">
      <c r="N284689" s="10"/>
    </row>
    <row r="284690" spans="14:14">
      <c r="N284690" s="10"/>
    </row>
    <row r="284691" spans="14:14">
      <c r="N284691" s="10"/>
    </row>
    <row r="284692" spans="14:14">
      <c r="N284692" s="10"/>
    </row>
    <row r="284693" spans="14:14">
      <c r="N284693" s="10"/>
    </row>
    <row r="284694" spans="14:14">
      <c r="N284694" s="10"/>
    </row>
    <row r="284695" spans="14:14">
      <c r="N284695" s="10"/>
    </row>
    <row r="284696" spans="14:14">
      <c r="N284696" s="10"/>
    </row>
    <row r="284697" spans="14:14">
      <c r="N284697" s="10"/>
    </row>
    <row r="284698" spans="14:14">
      <c r="N284698" s="10"/>
    </row>
    <row r="284699" spans="14:14">
      <c r="N284699" s="10"/>
    </row>
    <row r="284700" spans="14:14">
      <c r="N284700" s="10"/>
    </row>
    <row r="284701" spans="14:14">
      <c r="N284701" s="10"/>
    </row>
    <row r="284702" spans="14:14">
      <c r="N284702" s="10"/>
    </row>
    <row r="284703" spans="14:14">
      <c r="N284703" s="10"/>
    </row>
    <row r="284704" spans="14:14">
      <c r="N284704" s="10"/>
    </row>
    <row r="284705" spans="14:14">
      <c r="N284705" s="10"/>
    </row>
    <row r="284706" spans="14:14">
      <c r="N284706" s="10"/>
    </row>
    <row r="284707" spans="14:14">
      <c r="N284707" s="10"/>
    </row>
    <row r="284708" spans="14:14">
      <c r="N284708" s="10"/>
    </row>
    <row r="284709" spans="14:14">
      <c r="N284709" s="10"/>
    </row>
    <row r="284710" spans="14:14">
      <c r="N284710" s="10"/>
    </row>
    <row r="284711" spans="14:14">
      <c r="N284711" s="10"/>
    </row>
    <row r="284712" spans="14:14">
      <c r="N284712" s="10"/>
    </row>
    <row r="284713" spans="14:14">
      <c r="N284713" s="10"/>
    </row>
    <row r="284714" spans="14:14">
      <c r="N284714" s="10"/>
    </row>
    <row r="284715" spans="14:14">
      <c r="N284715" s="10"/>
    </row>
    <row r="284716" spans="14:14">
      <c r="N284716" s="10"/>
    </row>
    <row r="284717" spans="14:14">
      <c r="N284717" s="10"/>
    </row>
    <row r="284718" spans="14:14">
      <c r="N284718" s="10"/>
    </row>
    <row r="284719" spans="14:14">
      <c r="N284719" s="10"/>
    </row>
    <row r="284720" spans="14:14">
      <c r="N284720" s="10"/>
    </row>
    <row r="284721" spans="14:14">
      <c r="N284721" s="10"/>
    </row>
    <row r="284722" spans="14:14">
      <c r="N284722" s="10"/>
    </row>
    <row r="284723" spans="14:14">
      <c r="N284723" s="10"/>
    </row>
    <row r="284724" spans="14:14">
      <c r="N284724" s="10"/>
    </row>
    <row r="284725" spans="14:14">
      <c r="N284725" s="10"/>
    </row>
    <row r="284726" spans="14:14">
      <c r="N284726" s="10"/>
    </row>
    <row r="284727" spans="14:14">
      <c r="N284727" s="10"/>
    </row>
    <row r="284728" spans="14:14">
      <c r="N284728" s="10"/>
    </row>
    <row r="284729" spans="14:14">
      <c r="N284729" s="10"/>
    </row>
    <row r="284730" spans="14:14">
      <c r="N284730" s="10"/>
    </row>
    <row r="284731" spans="14:14">
      <c r="N284731" s="10"/>
    </row>
    <row r="284732" spans="14:14">
      <c r="N284732" s="10"/>
    </row>
    <row r="284733" spans="14:14">
      <c r="N284733" s="10"/>
    </row>
    <row r="284734" spans="14:14">
      <c r="N284734" s="10"/>
    </row>
    <row r="284735" spans="14:14">
      <c r="N284735" s="10"/>
    </row>
    <row r="284736" spans="14:14">
      <c r="N284736" s="10"/>
    </row>
    <row r="284737" spans="14:14">
      <c r="N284737" s="10"/>
    </row>
    <row r="284738" spans="14:14">
      <c r="N284738" s="10"/>
    </row>
    <row r="284739" spans="14:14">
      <c r="N284739" s="10"/>
    </row>
    <row r="284740" spans="14:14">
      <c r="N284740" s="10"/>
    </row>
    <row r="284741" spans="14:14">
      <c r="N284741" s="10"/>
    </row>
    <row r="284742" spans="14:14">
      <c r="N284742" s="10"/>
    </row>
    <row r="284743" spans="14:14">
      <c r="N284743" s="10"/>
    </row>
    <row r="284744" spans="14:14">
      <c r="N284744" s="10"/>
    </row>
    <row r="284745" spans="14:14">
      <c r="N284745" s="10"/>
    </row>
    <row r="284746" spans="14:14">
      <c r="N284746" s="10"/>
    </row>
    <row r="284747" spans="14:14">
      <c r="N284747" s="10"/>
    </row>
    <row r="284748" spans="14:14">
      <c r="N284748" s="10"/>
    </row>
    <row r="284749" spans="14:14">
      <c r="N284749" s="10"/>
    </row>
    <row r="284750" spans="14:14">
      <c r="N284750" s="10"/>
    </row>
    <row r="284751" spans="14:14">
      <c r="N284751" s="10"/>
    </row>
    <row r="284752" spans="14:14">
      <c r="N284752" s="10"/>
    </row>
    <row r="284753" spans="14:14">
      <c r="N284753" s="10"/>
    </row>
    <row r="284754" spans="14:14">
      <c r="N284754" s="10"/>
    </row>
    <row r="284755" spans="14:14">
      <c r="N284755" s="10"/>
    </row>
    <row r="284756" spans="14:14">
      <c r="N284756" s="10"/>
    </row>
    <row r="284757" spans="14:14">
      <c r="N284757" s="10"/>
    </row>
    <row r="284758" spans="14:14">
      <c r="N284758" s="10"/>
    </row>
    <row r="284759" spans="14:14">
      <c r="N284759" s="10"/>
    </row>
    <row r="284760" spans="14:14">
      <c r="N284760" s="10"/>
    </row>
    <row r="284761" spans="14:14">
      <c r="N284761" s="10"/>
    </row>
    <row r="284762" spans="14:14">
      <c r="N284762" s="10"/>
    </row>
    <row r="284763" spans="14:14">
      <c r="N284763" s="10"/>
    </row>
    <row r="284764" spans="14:14">
      <c r="N284764" s="10"/>
    </row>
    <row r="284765" spans="14:14">
      <c r="N284765" s="10"/>
    </row>
    <row r="284766" spans="14:14">
      <c r="N284766" s="10"/>
    </row>
    <row r="284767" spans="14:14">
      <c r="N284767" s="10"/>
    </row>
    <row r="284768" spans="14:14">
      <c r="N284768" s="10"/>
    </row>
    <row r="284769" spans="14:14">
      <c r="N284769" s="10"/>
    </row>
    <row r="284770" spans="14:14">
      <c r="N284770" s="10"/>
    </row>
    <row r="284771" spans="14:14">
      <c r="N284771" s="10"/>
    </row>
    <row r="284772" spans="14:14">
      <c r="N284772" s="10"/>
    </row>
    <row r="284773" spans="14:14">
      <c r="N284773" s="10"/>
    </row>
    <row r="284774" spans="14:14">
      <c r="N284774" s="10"/>
    </row>
    <row r="284775" spans="14:14">
      <c r="N284775" s="10"/>
    </row>
    <row r="284776" spans="14:14">
      <c r="N284776" s="10"/>
    </row>
    <row r="284777" spans="14:14">
      <c r="N284777" s="10"/>
    </row>
    <row r="284778" spans="14:14">
      <c r="N284778" s="10"/>
    </row>
    <row r="284779" spans="14:14">
      <c r="N284779" s="10"/>
    </row>
    <row r="284780" spans="14:14">
      <c r="N284780" s="10"/>
    </row>
    <row r="284781" spans="14:14">
      <c r="N284781" s="10"/>
    </row>
    <row r="284782" spans="14:14">
      <c r="N284782" s="10"/>
    </row>
    <row r="284783" spans="14:14">
      <c r="N284783" s="10"/>
    </row>
    <row r="284784" spans="14:14">
      <c r="N284784" s="10"/>
    </row>
    <row r="284785" spans="14:14">
      <c r="N284785" s="10"/>
    </row>
    <row r="284786" spans="14:14">
      <c r="N284786" s="10"/>
    </row>
    <row r="284787" spans="14:14">
      <c r="N284787" s="10"/>
    </row>
    <row r="284788" spans="14:14">
      <c r="N284788" s="10"/>
    </row>
    <row r="284789" spans="14:14">
      <c r="N284789" s="10"/>
    </row>
    <row r="284790" spans="14:14">
      <c r="N284790" s="10"/>
    </row>
    <row r="284791" spans="14:14">
      <c r="N284791" s="10"/>
    </row>
    <row r="284792" spans="14:14">
      <c r="N284792" s="10"/>
    </row>
    <row r="284793" spans="14:14">
      <c r="N284793" s="10"/>
    </row>
    <row r="284794" spans="14:14">
      <c r="N284794" s="10"/>
    </row>
    <row r="284795" spans="14:14">
      <c r="N284795" s="10"/>
    </row>
    <row r="284796" spans="14:14">
      <c r="N284796" s="10"/>
    </row>
    <row r="284797" spans="14:14">
      <c r="N284797" s="10"/>
    </row>
    <row r="284798" spans="14:14">
      <c r="N284798" s="10"/>
    </row>
    <row r="284799" spans="14:14">
      <c r="N284799" s="10"/>
    </row>
    <row r="284800" spans="14:14">
      <c r="N284800" s="10"/>
    </row>
    <row r="284801" spans="14:14">
      <c r="N284801" s="10"/>
    </row>
    <row r="284802" spans="14:14">
      <c r="N284802" s="10"/>
    </row>
    <row r="284803" spans="14:14">
      <c r="N284803" s="10"/>
    </row>
    <row r="284804" spans="14:14">
      <c r="N284804" s="10"/>
    </row>
    <row r="284805" spans="14:14">
      <c r="N284805" s="10"/>
    </row>
    <row r="284806" spans="14:14">
      <c r="N284806" s="10"/>
    </row>
    <row r="284807" spans="14:14">
      <c r="N284807" s="10"/>
    </row>
    <row r="284808" spans="14:14">
      <c r="N284808" s="10"/>
    </row>
    <row r="284809" spans="14:14">
      <c r="N284809" s="10"/>
    </row>
    <row r="284810" spans="14:14">
      <c r="N284810" s="10"/>
    </row>
    <row r="284811" spans="14:14">
      <c r="N284811" s="10"/>
    </row>
    <row r="284812" spans="14:14">
      <c r="N284812" s="10"/>
    </row>
    <row r="284813" spans="14:14">
      <c r="N284813" s="10"/>
    </row>
    <row r="284814" spans="14:14">
      <c r="N284814" s="10"/>
    </row>
    <row r="284815" spans="14:14">
      <c r="N284815" s="10"/>
    </row>
    <row r="284816" spans="14:14">
      <c r="N284816" s="10"/>
    </row>
    <row r="284817" spans="14:14">
      <c r="N284817" s="10"/>
    </row>
    <row r="284818" spans="14:14">
      <c r="N284818" s="10"/>
    </row>
    <row r="284819" spans="14:14">
      <c r="N284819" s="10"/>
    </row>
    <row r="284820" spans="14:14">
      <c r="N284820" s="10"/>
    </row>
    <row r="284821" spans="14:14">
      <c r="N284821" s="10"/>
    </row>
    <row r="284822" spans="14:14">
      <c r="N284822" s="10"/>
    </row>
    <row r="284823" spans="14:14">
      <c r="N284823" s="10"/>
    </row>
    <row r="284824" spans="14:14">
      <c r="N284824" s="10"/>
    </row>
    <row r="284825" spans="14:14">
      <c r="N284825" s="10"/>
    </row>
    <row r="284826" spans="14:14">
      <c r="N284826" s="10"/>
    </row>
    <row r="284827" spans="14:14">
      <c r="N284827" s="10"/>
    </row>
    <row r="284828" spans="14:14">
      <c r="N284828" s="10"/>
    </row>
    <row r="284829" spans="14:14">
      <c r="N284829" s="10"/>
    </row>
    <row r="284830" spans="14:14">
      <c r="N284830" s="10"/>
    </row>
    <row r="284831" spans="14:14">
      <c r="N284831" s="10"/>
    </row>
    <row r="284832" spans="14:14">
      <c r="N284832" s="10"/>
    </row>
    <row r="284833" spans="14:14">
      <c r="N284833" s="10"/>
    </row>
    <row r="284834" spans="14:14">
      <c r="N284834" s="10"/>
    </row>
    <row r="284835" spans="14:14">
      <c r="N284835" s="10"/>
    </row>
    <row r="284836" spans="14:14">
      <c r="N284836" s="10"/>
    </row>
    <row r="284837" spans="14:14">
      <c r="N284837" s="10"/>
    </row>
    <row r="284838" spans="14:14">
      <c r="N284838" s="10"/>
    </row>
    <row r="284839" spans="14:14">
      <c r="N284839" s="10"/>
    </row>
    <row r="284840" spans="14:14">
      <c r="N284840" s="10"/>
    </row>
    <row r="284841" spans="14:14">
      <c r="N284841" s="10"/>
    </row>
    <row r="284842" spans="14:14">
      <c r="N284842" s="10"/>
    </row>
    <row r="284843" spans="14:14">
      <c r="N284843" s="10"/>
    </row>
    <row r="284844" spans="14:14">
      <c r="N284844" s="10"/>
    </row>
    <row r="284845" spans="14:14">
      <c r="N284845" s="10"/>
    </row>
    <row r="284846" spans="14:14">
      <c r="N284846" s="10"/>
    </row>
    <row r="284847" spans="14:14">
      <c r="N284847" s="10"/>
    </row>
    <row r="284848" spans="14:14">
      <c r="N284848" s="10"/>
    </row>
    <row r="284849" spans="14:14">
      <c r="N284849" s="10"/>
    </row>
    <row r="284850" spans="14:14">
      <c r="N284850" s="10"/>
    </row>
    <row r="284851" spans="14:14">
      <c r="N284851" s="10"/>
    </row>
    <row r="284852" spans="14:14">
      <c r="N284852" s="10"/>
    </row>
    <row r="284853" spans="14:14">
      <c r="N284853" s="10"/>
    </row>
    <row r="284854" spans="14:14">
      <c r="N284854" s="10"/>
    </row>
    <row r="284855" spans="14:14">
      <c r="N284855" s="10"/>
    </row>
    <row r="284856" spans="14:14">
      <c r="N284856" s="10"/>
    </row>
    <row r="284857" spans="14:14">
      <c r="N284857" s="10"/>
    </row>
    <row r="284858" spans="14:14">
      <c r="N284858" s="10"/>
    </row>
    <row r="284859" spans="14:14">
      <c r="N284859" s="10"/>
    </row>
    <row r="284860" spans="14:14">
      <c r="N284860" s="10"/>
    </row>
    <row r="284861" spans="14:14">
      <c r="N284861" s="10"/>
    </row>
    <row r="284862" spans="14:14">
      <c r="N284862" s="10"/>
    </row>
    <row r="284863" spans="14:14">
      <c r="N284863" s="10"/>
    </row>
    <row r="284864" spans="14:14">
      <c r="N284864" s="10"/>
    </row>
    <row r="284865" spans="14:14">
      <c r="N284865" s="10"/>
    </row>
    <row r="284866" spans="14:14">
      <c r="N284866" s="10"/>
    </row>
    <row r="284867" spans="14:14">
      <c r="N284867" s="10"/>
    </row>
    <row r="284868" spans="14:14">
      <c r="N284868" s="10"/>
    </row>
    <row r="284869" spans="14:14">
      <c r="N284869" s="10"/>
    </row>
    <row r="284870" spans="14:14">
      <c r="N284870" s="10"/>
    </row>
    <row r="284871" spans="14:14">
      <c r="N284871" s="10"/>
    </row>
    <row r="284872" spans="14:14">
      <c r="N284872" s="10"/>
    </row>
    <row r="284873" spans="14:14">
      <c r="N284873" s="10"/>
    </row>
    <row r="284874" spans="14:14">
      <c r="N284874" s="10"/>
    </row>
    <row r="284875" spans="14:14">
      <c r="N284875" s="10"/>
    </row>
    <row r="284876" spans="14:14">
      <c r="N284876" s="10"/>
    </row>
    <row r="284877" spans="14:14">
      <c r="N284877" s="10"/>
    </row>
    <row r="284878" spans="14:14">
      <c r="N284878" s="10"/>
    </row>
    <row r="284879" spans="14:14">
      <c r="N284879" s="10"/>
    </row>
    <row r="284880" spans="14:14">
      <c r="N284880" s="10"/>
    </row>
    <row r="284881" spans="14:14">
      <c r="N284881" s="10"/>
    </row>
    <row r="284882" spans="14:14">
      <c r="N284882" s="10"/>
    </row>
    <row r="284883" spans="14:14">
      <c r="N284883" s="10"/>
    </row>
    <row r="284884" spans="14:14">
      <c r="N284884" s="10"/>
    </row>
    <row r="284885" spans="14:14">
      <c r="N284885" s="10"/>
    </row>
    <row r="284886" spans="14:14">
      <c r="N284886" s="10"/>
    </row>
    <row r="284887" spans="14:14">
      <c r="N284887" s="10"/>
    </row>
    <row r="284888" spans="14:14">
      <c r="N284888" s="10"/>
    </row>
    <row r="284889" spans="14:14">
      <c r="N284889" s="10"/>
    </row>
    <row r="284890" spans="14:14">
      <c r="N284890" s="10"/>
    </row>
    <row r="284891" spans="14:14">
      <c r="N284891" s="10"/>
    </row>
    <row r="284892" spans="14:14">
      <c r="N284892" s="10"/>
    </row>
    <row r="284893" spans="14:14">
      <c r="N284893" s="10"/>
    </row>
    <row r="284894" spans="14:14">
      <c r="N284894" s="10"/>
    </row>
    <row r="284895" spans="14:14">
      <c r="N284895" s="10"/>
    </row>
    <row r="284896" spans="14:14">
      <c r="N284896" s="10"/>
    </row>
    <row r="284897" spans="14:14">
      <c r="N284897" s="10"/>
    </row>
    <row r="284898" spans="14:14">
      <c r="N284898" s="10"/>
    </row>
    <row r="284899" spans="14:14">
      <c r="N284899" s="10"/>
    </row>
    <row r="284900" spans="14:14">
      <c r="N284900" s="10"/>
    </row>
    <row r="284901" spans="14:14">
      <c r="N284901" s="10"/>
    </row>
    <row r="284902" spans="14:14">
      <c r="N284902" s="10"/>
    </row>
    <row r="284903" spans="14:14">
      <c r="N284903" s="10"/>
    </row>
    <row r="284904" spans="14:14">
      <c r="N284904" s="10"/>
    </row>
    <row r="284905" spans="14:14">
      <c r="N284905" s="10"/>
    </row>
    <row r="284906" spans="14:14">
      <c r="N284906" s="10"/>
    </row>
    <row r="284907" spans="14:14">
      <c r="N284907" s="10"/>
    </row>
    <row r="284908" spans="14:14">
      <c r="N284908" s="10"/>
    </row>
    <row r="284909" spans="14:14">
      <c r="N284909" s="10"/>
    </row>
    <row r="284910" spans="14:14">
      <c r="N284910" s="10"/>
    </row>
    <row r="284911" spans="14:14">
      <c r="N284911" s="10"/>
    </row>
    <row r="284912" spans="14:14">
      <c r="N284912" s="10"/>
    </row>
    <row r="284913" spans="14:14">
      <c r="N284913" s="10"/>
    </row>
    <row r="284914" spans="14:14">
      <c r="N284914" s="10"/>
    </row>
    <row r="284915" spans="14:14">
      <c r="N284915" s="10"/>
    </row>
    <row r="284916" spans="14:14">
      <c r="N284916" s="10"/>
    </row>
    <row r="284917" spans="14:14">
      <c r="N284917" s="10"/>
    </row>
    <row r="284918" spans="14:14">
      <c r="N284918" s="10"/>
    </row>
    <row r="284919" spans="14:14">
      <c r="N284919" s="10"/>
    </row>
    <row r="284920" spans="14:14">
      <c r="N284920" s="10"/>
    </row>
    <row r="284921" spans="14:14">
      <c r="N284921" s="10"/>
    </row>
    <row r="284922" spans="14:14">
      <c r="N284922" s="10"/>
    </row>
    <row r="284923" spans="14:14">
      <c r="N284923" s="10"/>
    </row>
    <row r="284924" spans="14:14">
      <c r="N284924" s="10"/>
    </row>
    <row r="284925" spans="14:14">
      <c r="N284925" s="10"/>
    </row>
    <row r="284926" spans="14:14">
      <c r="N284926" s="10"/>
    </row>
    <row r="284927" spans="14:14">
      <c r="N284927" s="10"/>
    </row>
    <row r="284928" spans="14:14">
      <c r="N284928" s="10"/>
    </row>
    <row r="284929" spans="14:14">
      <c r="N284929" s="10"/>
    </row>
    <row r="284930" spans="14:14">
      <c r="N284930" s="10"/>
    </row>
    <row r="284931" spans="14:14">
      <c r="N284931" s="10"/>
    </row>
    <row r="284932" spans="14:14">
      <c r="N284932" s="10"/>
    </row>
    <row r="284933" spans="14:14">
      <c r="N284933" s="10"/>
    </row>
    <row r="284934" spans="14:14">
      <c r="N284934" s="10"/>
    </row>
    <row r="284935" spans="14:14">
      <c r="N284935" s="10"/>
    </row>
    <row r="284936" spans="14:14">
      <c r="N284936" s="10"/>
    </row>
    <row r="284937" spans="14:14">
      <c r="N284937" s="10"/>
    </row>
    <row r="284938" spans="14:14">
      <c r="N284938" s="10"/>
    </row>
    <row r="284939" spans="14:14">
      <c r="N284939" s="10"/>
    </row>
    <row r="284940" spans="14:14">
      <c r="N284940" s="10"/>
    </row>
    <row r="284941" spans="14:14">
      <c r="N284941" s="10"/>
    </row>
    <row r="284942" spans="14:14">
      <c r="N284942" s="10"/>
    </row>
    <row r="284943" spans="14:14">
      <c r="N284943" s="10"/>
    </row>
    <row r="284944" spans="14:14">
      <c r="N284944" s="10"/>
    </row>
    <row r="284945" spans="14:14">
      <c r="N284945" s="10"/>
    </row>
    <row r="284946" spans="14:14">
      <c r="N284946" s="10"/>
    </row>
    <row r="284947" spans="14:14">
      <c r="N284947" s="10"/>
    </row>
    <row r="284948" spans="14:14">
      <c r="N284948" s="10"/>
    </row>
    <row r="284949" spans="14:14">
      <c r="N284949" s="10"/>
    </row>
    <row r="284950" spans="14:14">
      <c r="N284950" s="10"/>
    </row>
    <row r="284951" spans="14:14">
      <c r="N284951" s="10"/>
    </row>
    <row r="284952" spans="14:14">
      <c r="N284952" s="10"/>
    </row>
    <row r="284953" spans="14:14">
      <c r="N284953" s="10"/>
    </row>
    <row r="284954" spans="14:14">
      <c r="N284954" s="10"/>
    </row>
    <row r="284955" spans="14:14">
      <c r="N284955" s="10"/>
    </row>
    <row r="284956" spans="14:14">
      <c r="N284956" s="10"/>
    </row>
    <row r="284957" spans="14:14">
      <c r="N284957" s="10"/>
    </row>
    <row r="284958" spans="14:14">
      <c r="N284958" s="10"/>
    </row>
    <row r="284959" spans="14:14">
      <c r="N284959" s="10"/>
    </row>
    <row r="284960" spans="14:14">
      <c r="N284960" s="10"/>
    </row>
    <row r="284961" spans="14:14">
      <c r="N284961" s="10"/>
    </row>
    <row r="284962" spans="14:14">
      <c r="N284962" s="10"/>
    </row>
    <row r="284963" spans="14:14">
      <c r="N284963" s="10"/>
    </row>
    <row r="284964" spans="14:14">
      <c r="N284964" s="10"/>
    </row>
    <row r="284965" spans="14:14">
      <c r="N284965" s="10"/>
    </row>
    <row r="284966" spans="14:14">
      <c r="N284966" s="10"/>
    </row>
    <row r="284967" spans="14:14">
      <c r="N284967" s="10"/>
    </row>
    <row r="284968" spans="14:14">
      <c r="N284968" s="10"/>
    </row>
    <row r="284969" spans="14:14">
      <c r="N284969" s="10"/>
    </row>
    <row r="284970" spans="14:14">
      <c r="N284970" s="10"/>
    </row>
    <row r="284971" spans="14:14">
      <c r="N284971" s="10"/>
    </row>
    <row r="284972" spans="14:14">
      <c r="N284972" s="10"/>
    </row>
    <row r="284973" spans="14:14">
      <c r="N284973" s="10"/>
    </row>
    <row r="284974" spans="14:14">
      <c r="N284974" s="10"/>
    </row>
    <row r="284975" spans="14:14">
      <c r="N284975" s="10"/>
    </row>
    <row r="284976" spans="14:14">
      <c r="N284976" s="10"/>
    </row>
    <row r="284977" spans="14:14">
      <c r="N284977" s="10"/>
    </row>
    <row r="284978" spans="14:14">
      <c r="N284978" s="10"/>
    </row>
    <row r="284979" spans="14:14">
      <c r="N284979" s="10"/>
    </row>
    <row r="284980" spans="14:14">
      <c r="N284980" s="10"/>
    </row>
    <row r="284981" spans="14:14">
      <c r="N284981" s="10"/>
    </row>
    <row r="284982" spans="14:14">
      <c r="N284982" s="10"/>
    </row>
    <row r="284983" spans="14:14">
      <c r="N284983" s="10"/>
    </row>
    <row r="284984" spans="14:14">
      <c r="N284984" s="10"/>
    </row>
    <row r="284985" spans="14:14">
      <c r="N284985" s="10"/>
    </row>
    <row r="284986" spans="14:14">
      <c r="N284986" s="10"/>
    </row>
    <row r="284987" spans="14:14">
      <c r="N284987" s="10"/>
    </row>
    <row r="284988" spans="14:14">
      <c r="N284988" s="10"/>
    </row>
    <row r="284989" spans="14:14">
      <c r="N284989" s="10"/>
    </row>
    <row r="284990" spans="14:14">
      <c r="N284990" s="10"/>
    </row>
    <row r="284991" spans="14:14">
      <c r="N284991" s="10"/>
    </row>
    <row r="284992" spans="14:14">
      <c r="N284992" s="10"/>
    </row>
    <row r="284993" spans="14:14">
      <c r="N284993" s="10"/>
    </row>
    <row r="284994" spans="14:14">
      <c r="N284994" s="10"/>
    </row>
    <row r="284995" spans="14:14">
      <c r="N284995" s="10"/>
    </row>
    <row r="284996" spans="14:14">
      <c r="N284996" s="10"/>
    </row>
    <row r="284997" spans="14:14">
      <c r="N284997" s="10"/>
    </row>
    <row r="284998" spans="14:14">
      <c r="N284998" s="10"/>
    </row>
    <row r="284999" spans="14:14">
      <c r="N284999" s="10"/>
    </row>
    <row r="285000" spans="14:14">
      <c r="N285000" s="10"/>
    </row>
    <row r="285001" spans="14:14">
      <c r="N285001" s="10"/>
    </row>
    <row r="285002" spans="14:14">
      <c r="N285002" s="10"/>
    </row>
    <row r="285003" spans="14:14">
      <c r="N285003" s="10"/>
    </row>
    <row r="285004" spans="14:14">
      <c r="N285004" s="10"/>
    </row>
    <row r="285005" spans="14:14">
      <c r="N285005" s="10"/>
    </row>
    <row r="285006" spans="14:14">
      <c r="N285006" s="10"/>
    </row>
    <row r="285007" spans="14:14">
      <c r="N285007" s="10"/>
    </row>
    <row r="285008" spans="14:14">
      <c r="N285008" s="10"/>
    </row>
    <row r="285009" spans="14:14">
      <c r="N285009" s="10"/>
    </row>
    <row r="285010" spans="14:14">
      <c r="N285010" s="10"/>
    </row>
    <row r="285011" spans="14:14">
      <c r="N285011" s="10"/>
    </row>
    <row r="285012" spans="14:14">
      <c r="N285012" s="10"/>
    </row>
    <row r="285013" spans="14:14">
      <c r="N285013" s="10"/>
    </row>
    <row r="285014" spans="14:14">
      <c r="N285014" s="10"/>
    </row>
    <row r="285015" spans="14:14">
      <c r="N285015" s="10"/>
    </row>
    <row r="285016" spans="14:14">
      <c r="N285016" s="10"/>
    </row>
    <row r="285017" spans="14:14">
      <c r="N285017" s="10"/>
    </row>
    <row r="285018" spans="14:14">
      <c r="N285018" s="10"/>
    </row>
    <row r="285019" spans="14:14">
      <c r="N285019" s="10"/>
    </row>
    <row r="285020" spans="14:14">
      <c r="N285020" s="10"/>
    </row>
    <row r="285021" spans="14:14">
      <c r="N285021" s="10"/>
    </row>
    <row r="285022" spans="14:14">
      <c r="N285022" s="10"/>
    </row>
    <row r="285023" spans="14:14">
      <c r="N285023" s="10"/>
    </row>
    <row r="285024" spans="14:14">
      <c r="N285024" s="10"/>
    </row>
    <row r="285025" spans="14:14">
      <c r="N285025" s="10"/>
    </row>
    <row r="285026" spans="14:14">
      <c r="N285026" s="10"/>
    </row>
    <row r="285027" spans="14:14">
      <c r="N285027" s="10"/>
    </row>
    <row r="285028" spans="14:14">
      <c r="N285028" s="10"/>
    </row>
    <row r="285029" spans="14:14">
      <c r="N285029" s="10"/>
    </row>
    <row r="285030" spans="14:14">
      <c r="N285030" s="10"/>
    </row>
    <row r="285031" spans="14:14">
      <c r="N285031" s="10"/>
    </row>
    <row r="285032" spans="14:14">
      <c r="N285032" s="10"/>
    </row>
    <row r="285033" spans="14:14">
      <c r="N285033" s="10"/>
    </row>
    <row r="285034" spans="14:14">
      <c r="N285034" s="10"/>
    </row>
    <row r="285035" spans="14:14">
      <c r="N285035" s="10"/>
    </row>
    <row r="285036" spans="14:14">
      <c r="N285036" s="10"/>
    </row>
    <row r="285037" spans="14:14">
      <c r="N285037" s="10"/>
    </row>
    <row r="285038" spans="14:14">
      <c r="N285038" s="10"/>
    </row>
    <row r="285039" spans="14:14">
      <c r="N285039" s="10"/>
    </row>
    <row r="285040" spans="14:14">
      <c r="N285040" s="10"/>
    </row>
    <row r="285041" spans="14:14">
      <c r="N285041" s="10"/>
    </row>
    <row r="285042" spans="14:14">
      <c r="N285042" s="10"/>
    </row>
    <row r="285043" spans="14:14">
      <c r="N285043" s="10"/>
    </row>
    <row r="285044" spans="14:14">
      <c r="N285044" s="10"/>
    </row>
    <row r="285045" spans="14:14">
      <c r="N285045" s="10"/>
    </row>
    <row r="285046" spans="14:14">
      <c r="N285046" s="10"/>
    </row>
    <row r="285047" spans="14:14">
      <c r="N285047" s="10"/>
    </row>
    <row r="285048" spans="14:14">
      <c r="N285048" s="10"/>
    </row>
    <row r="285049" spans="14:14">
      <c r="N285049" s="10"/>
    </row>
    <row r="285050" spans="14:14">
      <c r="N285050" s="10"/>
    </row>
    <row r="285051" spans="14:14">
      <c r="N285051" s="10"/>
    </row>
    <row r="285052" spans="14:14">
      <c r="N285052" s="10"/>
    </row>
    <row r="285053" spans="14:14">
      <c r="N285053" s="10"/>
    </row>
    <row r="285054" spans="14:14">
      <c r="N285054" s="10"/>
    </row>
    <row r="285055" spans="14:14">
      <c r="N285055" s="10"/>
    </row>
    <row r="285056" spans="14:14">
      <c r="N285056" s="10"/>
    </row>
    <row r="285057" spans="14:14">
      <c r="N285057" s="10"/>
    </row>
    <row r="285058" spans="14:14">
      <c r="N285058" s="10"/>
    </row>
    <row r="285059" spans="14:14">
      <c r="N285059" s="10"/>
    </row>
    <row r="285060" spans="14:14">
      <c r="N285060" s="10"/>
    </row>
    <row r="285061" spans="14:14">
      <c r="N285061" s="10"/>
    </row>
    <row r="285062" spans="14:14">
      <c r="N285062" s="10"/>
    </row>
    <row r="285063" spans="14:14">
      <c r="N285063" s="10"/>
    </row>
    <row r="285064" spans="14:14">
      <c r="N285064" s="10"/>
    </row>
    <row r="285065" spans="14:14">
      <c r="N285065" s="10"/>
    </row>
    <row r="285066" spans="14:14">
      <c r="N285066" s="10"/>
    </row>
    <row r="285067" spans="14:14">
      <c r="N285067" s="10"/>
    </row>
    <row r="285068" spans="14:14">
      <c r="N285068" s="10"/>
    </row>
    <row r="285069" spans="14:14">
      <c r="N285069" s="10"/>
    </row>
    <row r="285070" spans="14:14">
      <c r="N285070" s="10"/>
    </row>
    <row r="285071" spans="14:14">
      <c r="N285071" s="10"/>
    </row>
    <row r="285072" spans="14:14">
      <c r="N285072" s="10"/>
    </row>
    <row r="285073" spans="14:14">
      <c r="N285073" s="10"/>
    </row>
    <row r="285074" spans="14:14">
      <c r="N285074" s="10"/>
    </row>
    <row r="285075" spans="14:14">
      <c r="N285075" s="10"/>
    </row>
    <row r="285076" spans="14:14">
      <c r="N285076" s="10"/>
    </row>
    <row r="285077" spans="14:14">
      <c r="N285077" s="10"/>
    </row>
    <row r="285078" spans="14:14">
      <c r="N285078" s="10"/>
    </row>
    <row r="285079" spans="14:14">
      <c r="N285079" s="10"/>
    </row>
    <row r="285080" spans="14:14">
      <c r="N285080" s="10"/>
    </row>
    <row r="285081" spans="14:14">
      <c r="N285081" s="10"/>
    </row>
    <row r="285082" spans="14:14">
      <c r="N285082" s="10"/>
    </row>
    <row r="285083" spans="14:14">
      <c r="N285083" s="10"/>
    </row>
    <row r="285084" spans="14:14">
      <c r="N285084" s="10"/>
    </row>
    <row r="285085" spans="14:14">
      <c r="N285085" s="10"/>
    </row>
    <row r="285086" spans="14:14">
      <c r="N285086" s="10"/>
    </row>
    <row r="285087" spans="14:14">
      <c r="N285087" s="10"/>
    </row>
    <row r="285088" spans="14:14">
      <c r="N285088" s="10"/>
    </row>
    <row r="285089" spans="14:14">
      <c r="N285089" s="10"/>
    </row>
    <row r="285090" spans="14:14">
      <c r="N285090" s="10"/>
    </row>
    <row r="285091" spans="14:14">
      <c r="N285091" s="10"/>
    </row>
    <row r="285092" spans="14:14">
      <c r="N285092" s="10"/>
    </row>
    <row r="285093" spans="14:14">
      <c r="N285093" s="10"/>
    </row>
    <row r="285094" spans="14:14">
      <c r="N285094" s="10"/>
    </row>
    <row r="285095" spans="14:14">
      <c r="N285095" s="10"/>
    </row>
    <row r="285096" spans="14:14">
      <c r="N285096" s="10"/>
    </row>
    <row r="285097" spans="14:14">
      <c r="N285097" s="10"/>
    </row>
    <row r="285098" spans="14:14">
      <c r="N285098" s="10"/>
    </row>
    <row r="285099" spans="14:14">
      <c r="N285099" s="10"/>
    </row>
    <row r="285100" spans="14:14">
      <c r="N285100" s="10"/>
    </row>
    <row r="285101" spans="14:14">
      <c r="N285101" s="10"/>
    </row>
    <row r="285102" spans="14:14">
      <c r="N285102" s="10"/>
    </row>
    <row r="285103" spans="14:14">
      <c r="N285103" s="10"/>
    </row>
    <row r="285104" spans="14:14">
      <c r="N285104" s="10"/>
    </row>
    <row r="285105" spans="14:14">
      <c r="N285105" s="10"/>
    </row>
    <row r="285106" spans="14:14">
      <c r="N285106" s="10"/>
    </row>
    <row r="285107" spans="14:14">
      <c r="N285107" s="10"/>
    </row>
    <row r="285108" spans="14:14">
      <c r="N285108" s="10"/>
    </row>
    <row r="285109" spans="14:14">
      <c r="N285109" s="10"/>
    </row>
    <row r="285110" spans="14:14">
      <c r="N285110" s="10"/>
    </row>
    <row r="285111" spans="14:14">
      <c r="N285111" s="10"/>
    </row>
    <row r="285112" spans="14:14">
      <c r="N285112" s="10"/>
    </row>
    <row r="285113" spans="14:14">
      <c r="N285113" s="10"/>
    </row>
    <row r="285114" spans="14:14">
      <c r="N285114" s="10"/>
    </row>
    <row r="285115" spans="14:14">
      <c r="N285115" s="10"/>
    </row>
    <row r="285116" spans="14:14">
      <c r="N285116" s="10"/>
    </row>
    <row r="285117" spans="14:14">
      <c r="N285117" s="10"/>
    </row>
    <row r="285118" spans="14:14">
      <c r="N285118" s="10"/>
    </row>
    <row r="285119" spans="14:14">
      <c r="N285119" s="10"/>
    </row>
    <row r="285120" spans="14:14">
      <c r="N285120" s="10"/>
    </row>
    <row r="285121" spans="14:14">
      <c r="N285121" s="10"/>
    </row>
    <row r="285122" spans="14:14">
      <c r="N285122" s="10"/>
    </row>
    <row r="285123" spans="14:14">
      <c r="N285123" s="10"/>
    </row>
    <row r="285124" spans="14:14">
      <c r="N285124" s="10"/>
    </row>
    <row r="285125" spans="14:14">
      <c r="N285125" s="10"/>
    </row>
    <row r="285126" spans="14:14">
      <c r="N285126" s="10"/>
    </row>
    <row r="285127" spans="14:14">
      <c r="N285127" s="10"/>
    </row>
    <row r="285128" spans="14:14">
      <c r="N285128" s="10"/>
    </row>
    <row r="285129" spans="14:14">
      <c r="N285129" s="10"/>
    </row>
    <row r="285130" spans="14:14">
      <c r="N285130" s="10"/>
    </row>
    <row r="285131" spans="14:14">
      <c r="N285131" s="10"/>
    </row>
    <row r="285132" spans="14:14">
      <c r="N285132" s="10"/>
    </row>
    <row r="285133" spans="14:14">
      <c r="N285133" s="10"/>
    </row>
    <row r="285134" spans="14:14">
      <c r="N285134" s="10"/>
    </row>
    <row r="285135" spans="14:14">
      <c r="N285135" s="10"/>
    </row>
    <row r="285136" spans="14:14">
      <c r="N285136" s="10"/>
    </row>
    <row r="285137" spans="14:14">
      <c r="N285137" s="10"/>
    </row>
    <row r="285138" spans="14:14">
      <c r="N285138" s="10"/>
    </row>
    <row r="285139" spans="14:14">
      <c r="N285139" s="10"/>
    </row>
    <row r="285140" spans="14:14">
      <c r="N285140" s="10"/>
    </row>
    <row r="285141" spans="14:14">
      <c r="N285141" s="10"/>
    </row>
    <row r="285142" spans="14:14">
      <c r="N285142" s="10"/>
    </row>
    <row r="285143" spans="14:14">
      <c r="N285143" s="10"/>
    </row>
    <row r="285144" spans="14:14">
      <c r="N285144" s="10"/>
    </row>
    <row r="285145" spans="14:14">
      <c r="N285145" s="10"/>
    </row>
    <row r="285146" spans="14:14">
      <c r="N285146" s="10"/>
    </row>
    <row r="285147" spans="14:14">
      <c r="N285147" s="10"/>
    </row>
    <row r="285148" spans="14:14">
      <c r="N285148" s="10"/>
    </row>
    <row r="285149" spans="14:14">
      <c r="N285149" s="10"/>
    </row>
    <row r="285150" spans="14:14">
      <c r="N285150" s="10"/>
    </row>
    <row r="285151" spans="14:14">
      <c r="N285151" s="10"/>
    </row>
    <row r="285152" spans="14:14">
      <c r="N285152" s="10"/>
    </row>
    <row r="285153" spans="14:14">
      <c r="N285153" s="10"/>
    </row>
    <row r="285154" spans="14:14">
      <c r="N285154" s="10"/>
    </row>
    <row r="285155" spans="14:14">
      <c r="N285155" s="10"/>
    </row>
    <row r="285156" spans="14:14">
      <c r="N285156" s="10"/>
    </row>
    <row r="285157" spans="14:14">
      <c r="N285157" s="10"/>
    </row>
    <row r="285158" spans="14:14">
      <c r="N285158" s="10"/>
    </row>
    <row r="285159" spans="14:14">
      <c r="N285159" s="10"/>
    </row>
    <row r="285160" spans="14:14">
      <c r="N285160" s="10"/>
    </row>
    <row r="285161" spans="14:14">
      <c r="N285161" s="10"/>
    </row>
    <row r="285162" spans="14:14">
      <c r="N285162" s="10"/>
    </row>
    <row r="285163" spans="14:14">
      <c r="N285163" s="10"/>
    </row>
    <row r="285164" spans="14:14">
      <c r="N285164" s="10"/>
    </row>
    <row r="285165" spans="14:14">
      <c r="N285165" s="10"/>
    </row>
    <row r="285166" spans="14:14">
      <c r="N285166" s="10"/>
    </row>
    <row r="285167" spans="14:14">
      <c r="N285167" s="10"/>
    </row>
    <row r="285168" spans="14:14">
      <c r="N285168" s="10"/>
    </row>
    <row r="285169" spans="14:14">
      <c r="N285169" s="10"/>
    </row>
    <row r="285170" spans="14:14">
      <c r="N285170" s="10"/>
    </row>
    <row r="285171" spans="14:14">
      <c r="N285171" s="10"/>
    </row>
    <row r="285172" spans="14:14">
      <c r="N285172" s="10"/>
    </row>
    <row r="285173" spans="14:14">
      <c r="N285173" s="10"/>
    </row>
    <row r="285174" spans="14:14">
      <c r="N285174" s="10"/>
    </row>
    <row r="285175" spans="14:14">
      <c r="N285175" s="10"/>
    </row>
    <row r="285176" spans="14:14">
      <c r="N285176" s="10"/>
    </row>
    <row r="285177" spans="14:14">
      <c r="N285177" s="10"/>
    </row>
    <row r="285178" spans="14:14">
      <c r="N285178" s="10"/>
    </row>
    <row r="285179" spans="14:14">
      <c r="N285179" s="10"/>
    </row>
    <row r="285180" spans="14:14">
      <c r="N285180" s="10"/>
    </row>
    <row r="285181" spans="14:14">
      <c r="N285181" s="10"/>
    </row>
    <row r="285182" spans="14:14">
      <c r="N285182" s="10"/>
    </row>
    <row r="285183" spans="14:14">
      <c r="N285183" s="10"/>
    </row>
    <row r="285184" spans="14:14">
      <c r="N285184" s="10"/>
    </row>
    <row r="285185" spans="14:14">
      <c r="N285185" s="10"/>
    </row>
    <row r="285186" spans="14:14">
      <c r="N285186" s="10"/>
    </row>
    <row r="285187" spans="14:14">
      <c r="N285187" s="10"/>
    </row>
    <row r="285188" spans="14:14">
      <c r="N285188" s="10"/>
    </row>
    <row r="285189" spans="14:14">
      <c r="N285189" s="10"/>
    </row>
    <row r="285190" spans="14:14">
      <c r="N285190" s="10"/>
    </row>
    <row r="285191" spans="14:14">
      <c r="N285191" s="10"/>
    </row>
    <row r="285192" spans="14:14">
      <c r="N285192" s="10"/>
    </row>
    <row r="285193" spans="14:14">
      <c r="N285193" s="10"/>
    </row>
    <row r="285194" spans="14:14">
      <c r="N285194" s="10"/>
    </row>
    <row r="285195" spans="14:14">
      <c r="N285195" s="10"/>
    </row>
    <row r="285196" spans="14:14">
      <c r="N285196" s="10"/>
    </row>
    <row r="285197" spans="14:14">
      <c r="N285197" s="10"/>
    </row>
    <row r="285198" spans="14:14">
      <c r="N285198" s="10"/>
    </row>
    <row r="285199" spans="14:14">
      <c r="N285199" s="10"/>
    </row>
    <row r="285200" spans="14:14">
      <c r="N285200" s="10"/>
    </row>
    <row r="285201" spans="14:14">
      <c r="N285201" s="10"/>
    </row>
    <row r="285202" spans="14:14">
      <c r="N285202" s="10"/>
    </row>
    <row r="285203" spans="14:14">
      <c r="N285203" s="10"/>
    </row>
    <row r="285204" spans="14:14">
      <c r="N285204" s="10"/>
    </row>
    <row r="285205" spans="14:14">
      <c r="N285205" s="10"/>
    </row>
    <row r="285206" spans="14:14">
      <c r="N285206" s="10"/>
    </row>
    <row r="285207" spans="14:14">
      <c r="N285207" s="10"/>
    </row>
    <row r="285208" spans="14:14">
      <c r="N285208" s="10"/>
    </row>
    <row r="285209" spans="14:14">
      <c r="N285209" s="10"/>
    </row>
    <row r="285210" spans="14:14">
      <c r="N285210" s="10"/>
    </row>
    <row r="285211" spans="14:14">
      <c r="N285211" s="10"/>
    </row>
    <row r="285212" spans="14:14">
      <c r="N285212" s="10"/>
    </row>
    <row r="285213" spans="14:14">
      <c r="N285213" s="10"/>
    </row>
    <row r="285214" spans="14:14">
      <c r="N285214" s="10"/>
    </row>
    <row r="285215" spans="14:14">
      <c r="N285215" s="10"/>
    </row>
    <row r="285216" spans="14:14">
      <c r="N285216" s="10"/>
    </row>
    <row r="285217" spans="14:14">
      <c r="N285217" s="10"/>
    </row>
    <row r="285218" spans="14:14">
      <c r="N285218" s="10"/>
    </row>
    <row r="285219" spans="14:14">
      <c r="N285219" s="10"/>
    </row>
    <row r="285220" spans="14:14">
      <c r="N285220" s="10"/>
    </row>
    <row r="285221" spans="14:14">
      <c r="N285221" s="10"/>
    </row>
    <row r="285222" spans="14:14">
      <c r="N285222" s="10"/>
    </row>
    <row r="285223" spans="14:14">
      <c r="N285223" s="10"/>
    </row>
    <row r="285224" spans="14:14">
      <c r="N285224" s="10"/>
    </row>
    <row r="285225" spans="14:14">
      <c r="N285225" s="10"/>
    </row>
    <row r="285226" spans="14:14">
      <c r="N285226" s="10"/>
    </row>
    <row r="285227" spans="14:14">
      <c r="N285227" s="10"/>
    </row>
    <row r="285228" spans="14:14">
      <c r="N285228" s="10"/>
    </row>
    <row r="285229" spans="14:14">
      <c r="N285229" s="10"/>
    </row>
    <row r="285230" spans="14:14">
      <c r="N285230" s="10"/>
    </row>
    <row r="285231" spans="14:14">
      <c r="N285231" s="10"/>
    </row>
    <row r="285232" spans="14:14">
      <c r="N285232" s="10"/>
    </row>
    <row r="285233" spans="14:14">
      <c r="N285233" s="10"/>
    </row>
    <row r="285234" spans="14:14">
      <c r="N285234" s="10"/>
    </row>
    <row r="285235" spans="14:14">
      <c r="N285235" s="10"/>
    </row>
    <row r="285236" spans="14:14">
      <c r="N285236" s="10"/>
    </row>
    <row r="285237" spans="14:14">
      <c r="N285237" s="10"/>
    </row>
    <row r="285238" spans="14:14">
      <c r="N285238" s="10"/>
    </row>
    <row r="285239" spans="14:14">
      <c r="N285239" s="10"/>
    </row>
    <row r="285240" spans="14:14">
      <c r="N285240" s="10"/>
    </row>
    <row r="285241" spans="14:14">
      <c r="N285241" s="10"/>
    </row>
    <row r="285242" spans="14:14">
      <c r="N285242" s="10"/>
    </row>
    <row r="285243" spans="14:14">
      <c r="N285243" s="10"/>
    </row>
    <row r="285244" spans="14:14">
      <c r="N285244" s="10"/>
    </row>
    <row r="285245" spans="14:14">
      <c r="N285245" s="10"/>
    </row>
    <row r="285246" spans="14:14">
      <c r="N285246" s="10"/>
    </row>
    <row r="285247" spans="14:14">
      <c r="N285247" s="10"/>
    </row>
    <row r="285248" spans="14:14">
      <c r="N285248" s="10"/>
    </row>
    <row r="285249" spans="14:14">
      <c r="N285249" s="10"/>
    </row>
    <row r="285250" spans="14:14">
      <c r="N285250" s="10"/>
    </row>
    <row r="285251" spans="14:14">
      <c r="N285251" s="10"/>
    </row>
    <row r="285252" spans="14:14">
      <c r="N285252" s="10"/>
    </row>
    <row r="285253" spans="14:14">
      <c r="N285253" s="10"/>
    </row>
    <row r="285254" spans="14:14">
      <c r="N285254" s="10"/>
    </row>
    <row r="285255" spans="14:14">
      <c r="N285255" s="10"/>
    </row>
    <row r="285256" spans="14:14">
      <c r="N285256" s="10"/>
    </row>
    <row r="285257" spans="14:14">
      <c r="N285257" s="10"/>
    </row>
    <row r="285258" spans="14:14">
      <c r="N285258" s="10"/>
    </row>
    <row r="285259" spans="14:14">
      <c r="N285259" s="10"/>
    </row>
    <row r="285260" spans="14:14">
      <c r="N285260" s="10"/>
    </row>
    <row r="285261" spans="14:14">
      <c r="N285261" s="10"/>
    </row>
    <row r="285262" spans="14:14">
      <c r="N285262" s="10"/>
    </row>
    <row r="285263" spans="14:14">
      <c r="N285263" s="10"/>
    </row>
    <row r="285264" spans="14:14">
      <c r="N285264" s="10"/>
    </row>
    <row r="285265" spans="14:14">
      <c r="N285265" s="10"/>
    </row>
    <row r="285266" spans="14:14">
      <c r="N285266" s="10"/>
    </row>
    <row r="285267" spans="14:14">
      <c r="N285267" s="10"/>
    </row>
    <row r="285268" spans="14:14">
      <c r="N285268" s="10"/>
    </row>
    <row r="285269" spans="14:14">
      <c r="N285269" s="10"/>
    </row>
    <row r="285270" spans="14:14">
      <c r="N285270" s="10"/>
    </row>
    <row r="285271" spans="14:14">
      <c r="N285271" s="10"/>
    </row>
    <row r="285272" spans="14:14">
      <c r="N285272" s="10"/>
    </row>
    <row r="285273" spans="14:14">
      <c r="N285273" s="10"/>
    </row>
    <row r="285274" spans="14:14">
      <c r="N285274" s="10"/>
    </row>
    <row r="285275" spans="14:14">
      <c r="N285275" s="10"/>
    </row>
    <row r="285276" spans="14:14">
      <c r="N285276" s="10"/>
    </row>
    <row r="285277" spans="14:14">
      <c r="N285277" s="10"/>
    </row>
    <row r="285278" spans="14:14">
      <c r="N285278" s="10"/>
    </row>
    <row r="285279" spans="14:14">
      <c r="N285279" s="10"/>
    </row>
    <row r="285280" spans="14:14">
      <c r="N285280" s="10"/>
    </row>
    <row r="285281" spans="14:14">
      <c r="N285281" s="10"/>
    </row>
    <row r="285282" spans="14:14">
      <c r="N285282" s="10"/>
    </row>
    <row r="285283" spans="14:14">
      <c r="N285283" s="10"/>
    </row>
    <row r="285284" spans="14:14">
      <c r="N285284" s="10"/>
    </row>
    <row r="285285" spans="14:14">
      <c r="N285285" s="10"/>
    </row>
    <row r="285286" spans="14:14">
      <c r="N285286" s="10"/>
    </row>
    <row r="285287" spans="14:14">
      <c r="N285287" s="10"/>
    </row>
    <row r="285288" spans="14:14">
      <c r="N285288" s="10"/>
    </row>
    <row r="285289" spans="14:14">
      <c r="N285289" s="10"/>
    </row>
    <row r="285290" spans="14:14">
      <c r="N285290" s="10"/>
    </row>
    <row r="285291" spans="14:14">
      <c r="N285291" s="10"/>
    </row>
    <row r="285292" spans="14:14">
      <c r="N285292" s="10"/>
    </row>
    <row r="285293" spans="14:14">
      <c r="N285293" s="10"/>
    </row>
    <row r="285294" spans="14:14">
      <c r="N285294" s="10"/>
    </row>
    <row r="285295" spans="14:14">
      <c r="N285295" s="10"/>
    </row>
    <row r="285296" spans="14:14">
      <c r="N285296" s="10"/>
    </row>
    <row r="285297" spans="14:14">
      <c r="N285297" s="10"/>
    </row>
    <row r="285298" spans="14:14">
      <c r="N285298" s="10"/>
    </row>
    <row r="285299" spans="14:14">
      <c r="N285299" s="10"/>
    </row>
    <row r="285300" spans="14:14">
      <c r="N285300" s="10"/>
    </row>
    <row r="285301" spans="14:14">
      <c r="N285301" s="10"/>
    </row>
    <row r="285302" spans="14:14">
      <c r="N285302" s="10"/>
    </row>
    <row r="285303" spans="14:14">
      <c r="N285303" s="10"/>
    </row>
    <row r="285304" spans="14:14">
      <c r="N285304" s="10"/>
    </row>
    <row r="285305" spans="14:14">
      <c r="N285305" s="10"/>
    </row>
    <row r="285306" spans="14:14">
      <c r="N285306" s="10"/>
    </row>
    <row r="285307" spans="14:14">
      <c r="N285307" s="10"/>
    </row>
    <row r="285308" spans="14:14">
      <c r="N285308" s="10"/>
    </row>
    <row r="285309" spans="14:14">
      <c r="N285309" s="10"/>
    </row>
    <row r="285310" spans="14:14">
      <c r="N285310" s="10"/>
    </row>
    <row r="285311" spans="14:14">
      <c r="N285311" s="10"/>
    </row>
    <row r="285312" spans="14:14">
      <c r="N285312" s="10"/>
    </row>
    <row r="285313" spans="14:14">
      <c r="N285313" s="10"/>
    </row>
    <row r="285314" spans="14:14">
      <c r="N285314" s="10"/>
    </row>
    <row r="285315" spans="14:14">
      <c r="N285315" s="10"/>
    </row>
    <row r="285316" spans="14:14">
      <c r="N285316" s="10"/>
    </row>
    <row r="285317" spans="14:14">
      <c r="N285317" s="10"/>
    </row>
    <row r="285318" spans="14:14">
      <c r="N285318" s="10"/>
    </row>
    <row r="285319" spans="14:14">
      <c r="N285319" s="10"/>
    </row>
    <row r="285320" spans="14:14">
      <c r="N285320" s="10"/>
    </row>
    <row r="285321" spans="14:14">
      <c r="N285321" s="10"/>
    </row>
    <row r="285322" spans="14:14">
      <c r="N285322" s="10"/>
    </row>
    <row r="285323" spans="14:14">
      <c r="N285323" s="10"/>
    </row>
    <row r="285324" spans="14:14">
      <c r="N285324" s="10"/>
    </row>
    <row r="285325" spans="14:14">
      <c r="N285325" s="10"/>
    </row>
    <row r="285326" spans="14:14">
      <c r="N285326" s="10"/>
    </row>
    <row r="285327" spans="14:14">
      <c r="N285327" s="10"/>
    </row>
    <row r="285328" spans="14:14">
      <c r="N285328" s="10"/>
    </row>
    <row r="285329" spans="14:14">
      <c r="N285329" s="10"/>
    </row>
    <row r="285330" spans="14:14">
      <c r="N285330" s="10"/>
    </row>
    <row r="285331" spans="14:14">
      <c r="N285331" s="10"/>
    </row>
    <row r="285332" spans="14:14">
      <c r="N285332" s="10"/>
    </row>
    <row r="285333" spans="14:14">
      <c r="N285333" s="10"/>
    </row>
    <row r="285334" spans="14:14">
      <c r="N285334" s="10"/>
    </row>
    <row r="285335" spans="14:14">
      <c r="N285335" s="10"/>
    </row>
    <row r="285336" spans="14:14">
      <c r="N285336" s="10"/>
    </row>
    <row r="285337" spans="14:14">
      <c r="N285337" s="10"/>
    </row>
    <row r="285338" spans="14:14">
      <c r="N285338" s="10"/>
    </row>
    <row r="285339" spans="14:14">
      <c r="N285339" s="10"/>
    </row>
    <row r="285340" spans="14:14">
      <c r="N285340" s="10"/>
    </row>
    <row r="285341" spans="14:14">
      <c r="N285341" s="10"/>
    </row>
    <row r="285342" spans="14:14">
      <c r="N285342" s="10"/>
    </row>
    <row r="285343" spans="14:14">
      <c r="N285343" s="10"/>
    </row>
    <row r="285344" spans="14:14">
      <c r="N285344" s="10"/>
    </row>
    <row r="285345" spans="14:14">
      <c r="N285345" s="10"/>
    </row>
    <row r="285346" spans="14:14">
      <c r="N285346" s="10"/>
    </row>
    <row r="285347" spans="14:14">
      <c r="N285347" s="10"/>
    </row>
    <row r="285348" spans="14:14">
      <c r="N285348" s="10"/>
    </row>
    <row r="285349" spans="14:14">
      <c r="N285349" s="10"/>
    </row>
    <row r="285350" spans="14:14">
      <c r="N285350" s="10"/>
    </row>
    <row r="285351" spans="14:14">
      <c r="N285351" s="10"/>
    </row>
    <row r="285352" spans="14:14">
      <c r="N285352" s="10"/>
    </row>
    <row r="285353" spans="14:14">
      <c r="N285353" s="10"/>
    </row>
    <row r="285354" spans="14:14">
      <c r="N285354" s="10"/>
    </row>
    <row r="285355" spans="14:14">
      <c r="N285355" s="10"/>
    </row>
    <row r="285356" spans="14:14">
      <c r="N285356" s="10"/>
    </row>
    <row r="285357" spans="14:14">
      <c r="N285357" s="10"/>
    </row>
    <row r="285358" spans="14:14">
      <c r="N285358" s="10"/>
    </row>
    <row r="285359" spans="14:14">
      <c r="N285359" s="10"/>
    </row>
    <row r="285360" spans="14:14">
      <c r="N285360" s="10"/>
    </row>
    <row r="285361" spans="14:14">
      <c r="N285361" s="10"/>
    </row>
    <row r="285362" spans="14:14">
      <c r="N285362" s="10"/>
    </row>
    <row r="285363" spans="14:14">
      <c r="N285363" s="10"/>
    </row>
    <row r="285364" spans="14:14">
      <c r="N285364" s="10"/>
    </row>
    <row r="285365" spans="14:14">
      <c r="N285365" s="10"/>
    </row>
    <row r="285366" spans="14:14">
      <c r="N285366" s="10"/>
    </row>
    <row r="285367" spans="14:14">
      <c r="N285367" s="10"/>
    </row>
    <row r="285368" spans="14:14">
      <c r="N285368" s="10"/>
    </row>
    <row r="285369" spans="14:14">
      <c r="N285369" s="10"/>
    </row>
    <row r="285370" spans="14:14">
      <c r="N285370" s="10"/>
    </row>
    <row r="285371" spans="14:14">
      <c r="N285371" s="10"/>
    </row>
    <row r="285372" spans="14:14">
      <c r="N285372" s="10"/>
    </row>
    <row r="285373" spans="14:14">
      <c r="N285373" s="10"/>
    </row>
    <row r="285374" spans="14:14">
      <c r="N285374" s="10"/>
    </row>
    <row r="285375" spans="14:14">
      <c r="N285375" s="10"/>
    </row>
    <row r="285376" spans="14:14">
      <c r="N285376" s="10"/>
    </row>
    <row r="285377" spans="14:14">
      <c r="N285377" s="10"/>
    </row>
    <row r="285378" spans="14:14">
      <c r="N285378" s="10"/>
    </row>
    <row r="285379" spans="14:14">
      <c r="N285379" s="10"/>
    </row>
    <row r="285380" spans="14:14">
      <c r="N285380" s="10"/>
    </row>
    <row r="285381" spans="14:14">
      <c r="N285381" s="10"/>
    </row>
    <row r="285382" spans="14:14">
      <c r="N285382" s="10"/>
    </row>
    <row r="285383" spans="14:14">
      <c r="N285383" s="10"/>
    </row>
    <row r="285384" spans="14:14">
      <c r="N285384" s="10"/>
    </row>
    <row r="285385" spans="14:14">
      <c r="N285385" s="10"/>
    </row>
    <row r="285386" spans="14:14">
      <c r="N285386" s="10"/>
    </row>
    <row r="285387" spans="14:14">
      <c r="N285387" s="10"/>
    </row>
    <row r="285388" spans="14:14">
      <c r="N285388" s="10"/>
    </row>
    <row r="285389" spans="14:14">
      <c r="N285389" s="10"/>
    </row>
    <row r="285390" spans="14:14">
      <c r="N285390" s="10"/>
    </row>
    <row r="285391" spans="14:14">
      <c r="N285391" s="10"/>
    </row>
    <row r="285392" spans="14:14">
      <c r="N285392" s="10"/>
    </row>
    <row r="285393" spans="14:14">
      <c r="N285393" s="10"/>
    </row>
    <row r="285394" spans="14:14">
      <c r="N285394" s="10"/>
    </row>
    <row r="285395" spans="14:14">
      <c r="N285395" s="10"/>
    </row>
    <row r="285396" spans="14:14">
      <c r="N285396" s="10"/>
    </row>
    <row r="285397" spans="14:14">
      <c r="N285397" s="10"/>
    </row>
    <row r="285398" spans="14:14">
      <c r="N285398" s="10"/>
    </row>
    <row r="285399" spans="14:14">
      <c r="N285399" s="10"/>
    </row>
    <row r="285400" spans="14:14">
      <c r="N285400" s="10"/>
    </row>
    <row r="285401" spans="14:14">
      <c r="N285401" s="10"/>
    </row>
    <row r="285402" spans="14:14">
      <c r="N285402" s="10"/>
    </row>
    <row r="285403" spans="14:14">
      <c r="N285403" s="10"/>
    </row>
    <row r="285404" spans="14:14">
      <c r="N285404" s="10"/>
    </row>
    <row r="285405" spans="14:14">
      <c r="N285405" s="10"/>
    </row>
    <row r="285406" spans="14:14">
      <c r="N285406" s="10"/>
    </row>
    <row r="285407" spans="14:14">
      <c r="N285407" s="10"/>
    </row>
    <row r="285408" spans="14:14">
      <c r="N285408" s="10"/>
    </row>
    <row r="285409" spans="14:14">
      <c r="N285409" s="10"/>
    </row>
    <row r="285410" spans="14:14">
      <c r="N285410" s="10"/>
    </row>
    <row r="285411" spans="14:14">
      <c r="N285411" s="10"/>
    </row>
    <row r="285412" spans="14:14">
      <c r="N285412" s="10"/>
    </row>
    <row r="285413" spans="14:14">
      <c r="N285413" s="10"/>
    </row>
    <row r="285414" spans="14:14">
      <c r="N285414" s="10"/>
    </row>
    <row r="285415" spans="14:14">
      <c r="N285415" s="10"/>
    </row>
    <row r="285416" spans="14:14">
      <c r="N285416" s="10"/>
    </row>
    <row r="285417" spans="14:14">
      <c r="N285417" s="10"/>
    </row>
    <row r="285418" spans="14:14">
      <c r="N285418" s="10"/>
    </row>
    <row r="285419" spans="14:14">
      <c r="N285419" s="10"/>
    </row>
    <row r="285420" spans="14:14">
      <c r="N285420" s="10"/>
    </row>
    <row r="285421" spans="14:14">
      <c r="N285421" s="10"/>
    </row>
    <row r="285422" spans="14:14">
      <c r="N285422" s="10"/>
    </row>
    <row r="285423" spans="14:14">
      <c r="N285423" s="10"/>
    </row>
    <row r="285424" spans="14:14">
      <c r="N285424" s="10"/>
    </row>
    <row r="285425" spans="14:14">
      <c r="N285425" s="10"/>
    </row>
    <row r="285426" spans="14:14">
      <c r="N285426" s="10"/>
    </row>
    <row r="285427" spans="14:14">
      <c r="N285427" s="10"/>
    </row>
    <row r="285428" spans="14:14">
      <c r="N285428" s="10"/>
    </row>
    <row r="285429" spans="14:14">
      <c r="N285429" s="10"/>
    </row>
    <row r="285430" spans="14:14">
      <c r="N285430" s="10"/>
    </row>
    <row r="285431" spans="14:14">
      <c r="N285431" s="10"/>
    </row>
    <row r="285432" spans="14:14">
      <c r="N285432" s="10"/>
    </row>
    <row r="285433" spans="14:14">
      <c r="N285433" s="10"/>
    </row>
    <row r="285434" spans="14:14">
      <c r="N285434" s="10"/>
    </row>
    <row r="285435" spans="14:14">
      <c r="N285435" s="10"/>
    </row>
    <row r="285436" spans="14:14">
      <c r="N285436" s="10"/>
    </row>
    <row r="285437" spans="14:14">
      <c r="N285437" s="10"/>
    </row>
    <row r="285438" spans="14:14">
      <c r="N285438" s="10"/>
    </row>
    <row r="285439" spans="14:14">
      <c r="N285439" s="10"/>
    </row>
    <row r="285440" spans="14:14">
      <c r="N285440" s="10"/>
    </row>
    <row r="285441" spans="14:14">
      <c r="N285441" s="10"/>
    </row>
    <row r="285442" spans="14:14">
      <c r="N285442" s="10"/>
    </row>
    <row r="285443" spans="14:14">
      <c r="N285443" s="10"/>
    </row>
    <row r="285444" spans="14:14">
      <c r="N285444" s="10"/>
    </row>
    <row r="285445" spans="14:14">
      <c r="N285445" s="10"/>
    </row>
    <row r="285446" spans="14:14">
      <c r="N285446" s="10"/>
    </row>
    <row r="285447" spans="14:14">
      <c r="N285447" s="10"/>
    </row>
    <row r="285448" spans="14:14">
      <c r="N285448" s="10"/>
    </row>
    <row r="285449" spans="14:14">
      <c r="N285449" s="10"/>
    </row>
    <row r="285450" spans="14:14">
      <c r="N285450" s="10"/>
    </row>
    <row r="285451" spans="14:14">
      <c r="N285451" s="10"/>
    </row>
    <row r="285452" spans="14:14">
      <c r="N285452" s="10"/>
    </row>
    <row r="285453" spans="14:14">
      <c r="N285453" s="10"/>
    </row>
    <row r="285454" spans="14:14">
      <c r="N285454" s="10"/>
    </row>
    <row r="285455" spans="14:14">
      <c r="N285455" s="10"/>
    </row>
    <row r="285456" spans="14:14">
      <c r="N285456" s="10"/>
    </row>
    <row r="285457" spans="14:14">
      <c r="N285457" s="10"/>
    </row>
    <row r="285458" spans="14:14">
      <c r="N285458" s="10"/>
    </row>
    <row r="285459" spans="14:14">
      <c r="N285459" s="10"/>
    </row>
    <row r="285460" spans="14:14">
      <c r="N285460" s="10"/>
    </row>
    <row r="285461" spans="14:14">
      <c r="N285461" s="10"/>
    </row>
    <row r="285462" spans="14:14">
      <c r="N285462" s="10"/>
    </row>
    <row r="285463" spans="14:14">
      <c r="N285463" s="10"/>
    </row>
    <row r="285464" spans="14:14">
      <c r="N285464" s="10"/>
    </row>
    <row r="285465" spans="14:14">
      <c r="N285465" s="10"/>
    </row>
    <row r="285466" spans="14:14">
      <c r="N285466" s="10"/>
    </row>
    <row r="285467" spans="14:14">
      <c r="N285467" s="10"/>
    </row>
    <row r="285468" spans="14:14">
      <c r="N285468" s="10"/>
    </row>
    <row r="285469" spans="14:14">
      <c r="N285469" s="10"/>
    </row>
    <row r="285470" spans="14:14">
      <c r="N285470" s="10"/>
    </row>
    <row r="285471" spans="14:14">
      <c r="N285471" s="10"/>
    </row>
    <row r="285472" spans="14:14">
      <c r="N285472" s="10"/>
    </row>
    <row r="285473" spans="14:14">
      <c r="N285473" s="10"/>
    </row>
    <row r="285474" spans="14:14">
      <c r="N285474" s="10"/>
    </row>
    <row r="285475" spans="14:14">
      <c r="N285475" s="10"/>
    </row>
    <row r="285476" spans="14:14">
      <c r="N285476" s="10"/>
    </row>
    <row r="285477" spans="14:14">
      <c r="N285477" s="10"/>
    </row>
    <row r="285478" spans="14:14">
      <c r="N285478" s="10"/>
    </row>
    <row r="285479" spans="14:14">
      <c r="N285479" s="10"/>
    </row>
    <row r="285480" spans="14:14">
      <c r="N285480" s="10"/>
    </row>
    <row r="285481" spans="14:14">
      <c r="N285481" s="10"/>
    </row>
    <row r="285482" spans="14:14">
      <c r="N285482" s="10"/>
    </row>
    <row r="285483" spans="14:14">
      <c r="N285483" s="10"/>
    </row>
    <row r="285484" spans="14:14">
      <c r="N285484" s="10"/>
    </row>
    <row r="285485" spans="14:14">
      <c r="N285485" s="10"/>
    </row>
    <row r="285486" spans="14:14">
      <c r="N285486" s="10"/>
    </row>
    <row r="285487" spans="14:14">
      <c r="N285487" s="10"/>
    </row>
    <row r="285488" spans="14:14">
      <c r="N285488" s="10"/>
    </row>
    <row r="285489" spans="14:14">
      <c r="N285489" s="10"/>
    </row>
    <row r="285490" spans="14:14">
      <c r="N285490" s="10"/>
    </row>
    <row r="285491" spans="14:14">
      <c r="N285491" s="10"/>
    </row>
    <row r="285492" spans="14:14">
      <c r="N285492" s="10"/>
    </row>
    <row r="285493" spans="14:14">
      <c r="N285493" s="10"/>
    </row>
    <row r="285494" spans="14:14">
      <c r="N285494" s="10"/>
    </row>
    <row r="285495" spans="14:14">
      <c r="N285495" s="10"/>
    </row>
    <row r="285496" spans="14:14">
      <c r="N285496" s="10"/>
    </row>
    <row r="285497" spans="14:14">
      <c r="N285497" s="10"/>
    </row>
    <row r="285498" spans="14:14">
      <c r="N285498" s="10"/>
    </row>
    <row r="285499" spans="14:14">
      <c r="N285499" s="10"/>
    </row>
    <row r="285500" spans="14:14">
      <c r="N285500" s="10"/>
    </row>
    <row r="285501" spans="14:14">
      <c r="N285501" s="10"/>
    </row>
    <row r="285502" spans="14:14">
      <c r="N285502" s="10"/>
    </row>
    <row r="285503" spans="14:14">
      <c r="N285503" s="10"/>
    </row>
    <row r="285504" spans="14:14">
      <c r="N285504" s="10"/>
    </row>
    <row r="285505" spans="14:14">
      <c r="N285505" s="10"/>
    </row>
    <row r="285506" spans="14:14">
      <c r="N285506" s="10"/>
    </row>
    <row r="285507" spans="14:14">
      <c r="N285507" s="10"/>
    </row>
    <row r="285508" spans="14:14">
      <c r="N285508" s="10"/>
    </row>
    <row r="285509" spans="14:14">
      <c r="N285509" s="10"/>
    </row>
    <row r="285510" spans="14:14">
      <c r="N285510" s="10"/>
    </row>
    <row r="285511" spans="14:14">
      <c r="N285511" s="10"/>
    </row>
    <row r="285512" spans="14:14">
      <c r="N285512" s="10"/>
    </row>
    <row r="285513" spans="14:14">
      <c r="N285513" s="10"/>
    </row>
    <row r="285514" spans="14:14">
      <c r="N285514" s="10"/>
    </row>
    <row r="285515" spans="14:14">
      <c r="N285515" s="10"/>
    </row>
    <row r="285516" spans="14:14">
      <c r="N285516" s="10"/>
    </row>
    <row r="285517" spans="14:14">
      <c r="N285517" s="10"/>
    </row>
    <row r="285518" spans="14:14">
      <c r="N285518" s="10"/>
    </row>
    <row r="285519" spans="14:14">
      <c r="N285519" s="10"/>
    </row>
    <row r="285520" spans="14:14">
      <c r="N285520" s="10"/>
    </row>
    <row r="285521" spans="14:14">
      <c r="N285521" s="10"/>
    </row>
    <row r="285522" spans="14:14">
      <c r="N285522" s="10"/>
    </row>
    <row r="285523" spans="14:14">
      <c r="N285523" s="10"/>
    </row>
    <row r="285524" spans="14:14">
      <c r="N285524" s="10"/>
    </row>
    <row r="285525" spans="14:14">
      <c r="N285525" s="10"/>
    </row>
    <row r="285526" spans="14:14">
      <c r="N285526" s="10"/>
    </row>
    <row r="285527" spans="14:14">
      <c r="N285527" s="10"/>
    </row>
    <row r="285528" spans="14:14">
      <c r="N285528" s="10"/>
    </row>
    <row r="285529" spans="14:14">
      <c r="N285529" s="10"/>
    </row>
    <row r="285530" spans="14:14">
      <c r="N285530" s="10"/>
    </row>
    <row r="285531" spans="14:14">
      <c r="N285531" s="10"/>
    </row>
    <row r="285532" spans="14:14">
      <c r="N285532" s="10"/>
    </row>
    <row r="285533" spans="14:14">
      <c r="N285533" s="10"/>
    </row>
    <row r="285534" spans="14:14">
      <c r="N285534" s="10"/>
    </row>
    <row r="285535" spans="14:14">
      <c r="N285535" s="10"/>
    </row>
    <row r="285536" spans="14:14">
      <c r="N285536" s="10"/>
    </row>
    <row r="285537" spans="14:14">
      <c r="N285537" s="10"/>
    </row>
    <row r="285538" spans="14:14">
      <c r="N285538" s="10"/>
    </row>
    <row r="285539" spans="14:14">
      <c r="N285539" s="10"/>
    </row>
    <row r="285540" spans="14:14">
      <c r="N285540" s="10"/>
    </row>
    <row r="285541" spans="14:14">
      <c r="N285541" s="10"/>
    </row>
    <row r="285542" spans="14:14">
      <c r="N285542" s="10"/>
    </row>
    <row r="285543" spans="14:14">
      <c r="N285543" s="10"/>
    </row>
    <row r="285544" spans="14:14">
      <c r="N285544" s="10"/>
    </row>
    <row r="285545" spans="14:14">
      <c r="N285545" s="10"/>
    </row>
    <row r="285546" spans="14:14">
      <c r="N285546" s="10"/>
    </row>
    <row r="285547" spans="14:14">
      <c r="N285547" s="10"/>
    </row>
    <row r="285548" spans="14:14">
      <c r="N285548" s="10"/>
    </row>
    <row r="285549" spans="14:14">
      <c r="N285549" s="10"/>
    </row>
    <row r="285550" spans="14:14">
      <c r="N285550" s="10"/>
    </row>
    <row r="285551" spans="14:14">
      <c r="N285551" s="10"/>
    </row>
    <row r="285552" spans="14:14">
      <c r="N285552" s="10"/>
    </row>
    <row r="285553" spans="14:14">
      <c r="N285553" s="10"/>
    </row>
    <row r="285554" spans="14:14">
      <c r="N285554" s="10"/>
    </row>
    <row r="285555" spans="14:14">
      <c r="N285555" s="10"/>
    </row>
    <row r="285556" spans="14:14">
      <c r="N285556" s="10"/>
    </row>
    <row r="285557" spans="14:14">
      <c r="N285557" s="10"/>
    </row>
    <row r="285558" spans="14:14">
      <c r="N285558" s="10"/>
    </row>
    <row r="285559" spans="14:14">
      <c r="N285559" s="10"/>
    </row>
    <row r="285560" spans="14:14">
      <c r="N285560" s="10"/>
    </row>
    <row r="285561" spans="14:14">
      <c r="N285561" s="10"/>
    </row>
    <row r="285562" spans="14:14">
      <c r="N285562" s="10"/>
    </row>
    <row r="285563" spans="14:14">
      <c r="N285563" s="10"/>
    </row>
    <row r="285564" spans="14:14">
      <c r="N285564" s="10"/>
    </row>
    <row r="285565" spans="14:14">
      <c r="N285565" s="10"/>
    </row>
    <row r="285566" spans="14:14">
      <c r="N285566" s="10"/>
    </row>
    <row r="285567" spans="14:14">
      <c r="N285567" s="10"/>
    </row>
    <row r="285568" spans="14:14">
      <c r="N285568" s="10"/>
    </row>
    <row r="285569" spans="14:14">
      <c r="N285569" s="10"/>
    </row>
    <row r="285570" spans="14:14">
      <c r="N285570" s="10"/>
    </row>
    <row r="285571" spans="14:14">
      <c r="N285571" s="10"/>
    </row>
    <row r="285572" spans="14:14">
      <c r="N285572" s="10"/>
    </row>
    <row r="285573" spans="14:14">
      <c r="N285573" s="10"/>
    </row>
    <row r="285574" spans="14:14">
      <c r="N285574" s="10"/>
    </row>
    <row r="285575" spans="14:14">
      <c r="N285575" s="10"/>
    </row>
    <row r="285576" spans="14:14">
      <c r="N285576" s="10"/>
    </row>
    <row r="285577" spans="14:14">
      <c r="N285577" s="10"/>
    </row>
    <row r="285578" spans="14:14">
      <c r="N285578" s="10"/>
    </row>
    <row r="285579" spans="14:14">
      <c r="N285579" s="10"/>
    </row>
    <row r="285580" spans="14:14">
      <c r="N285580" s="10"/>
    </row>
    <row r="285581" spans="14:14">
      <c r="N285581" s="10"/>
    </row>
    <row r="285582" spans="14:14">
      <c r="N285582" s="10"/>
    </row>
    <row r="285583" spans="14:14">
      <c r="N285583" s="10"/>
    </row>
    <row r="285584" spans="14:14">
      <c r="N285584" s="10"/>
    </row>
    <row r="285585" spans="14:14">
      <c r="N285585" s="10"/>
    </row>
    <row r="285586" spans="14:14">
      <c r="N285586" s="10"/>
    </row>
    <row r="285587" spans="14:14">
      <c r="N285587" s="10"/>
    </row>
    <row r="285588" spans="14:14">
      <c r="N285588" s="10"/>
    </row>
    <row r="285589" spans="14:14">
      <c r="N285589" s="10"/>
    </row>
    <row r="285590" spans="14:14">
      <c r="N285590" s="10"/>
    </row>
    <row r="285591" spans="14:14">
      <c r="N285591" s="10"/>
    </row>
    <row r="285592" spans="14:14">
      <c r="N285592" s="10"/>
    </row>
    <row r="285593" spans="14:14">
      <c r="N285593" s="10"/>
    </row>
    <row r="285594" spans="14:14">
      <c r="N285594" s="10"/>
    </row>
    <row r="285595" spans="14:14">
      <c r="N285595" s="10"/>
    </row>
    <row r="285596" spans="14:14">
      <c r="N285596" s="10"/>
    </row>
    <row r="285597" spans="14:14">
      <c r="N285597" s="10"/>
    </row>
    <row r="285598" spans="14:14">
      <c r="N285598" s="10"/>
    </row>
    <row r="285599" spans="14:14">
      <c r="N285599" s="10"/>
    </row>
    <row r="285600" spans="14:14">
      <c r="N285600" s="10"/>
    </row>
    <row r="285601" spans="14:14">
      <c r="N285601" s="10"/>
    </row>
    <row r="285602" spans="14:14">
      <c r="N285602" s="10"/>
    </row>
    <row r="285603" spans="14:14">
      <c r="N285603" s="10"/>
    </row>
    <row r="285604" spans="14:14">
      <c r="N285604" s="10"/>
    </row>
    <row r="285605" spans="14:14">
      <c r="N285605" s="10"/>
    </row>
    <row r="285606" spans="14:14">
      <c r="N285606" s="10"/>
    </row>
    <row r="285607" spans="14:14">
      <c r="N285607" s="10"/>
    </row>
    <row r="285608" spans="14:14">
      <c r="N285608" s="10"/>
    </row>
    <row r="285609" spans="14:14">
      <c r="N285609" s="10"/>
    </row>
    <row r="285610" spans="14:14">
      <c r="N285610" s="10"/>
    </row>
    <row r="285611" spans="14:14">
      <c r="N285611" s="10"/>
    </row>
    <row r="285612" spans="14:14">
      <c r="N285612" s="10"/>
    </row>
    <row r="285613" spans="14:14">
      <c r="N285613" s="10"/>
    </row>
    <row r="285614" spans="14:14">
      <c r="N285614" s="10"/>
    </row>
    <row r="285615" spans="14:14">
      <c r="N285615" s="10"/>
    </row>
    <row r="285616" spans="14:14">
      <c r="N285616" s="10"/>
    </row>
    <row r="285617" spans="14:14">
      <c r="N285617" s="10"/>
    </row>
    <row r="285618" spans="14:14">
      <c r="N285618" s="10"/>
    </row>
    <row r="285619" spans="14:14">
      <c r="N285619" s="10"/>
    </row>
    <row r="285620" spans="14:14">
      <c r="N285620" s="10"/>
    </row>
    <row r="285621" spans="14:14">
      <c r="N285621" s="10"/>
    </row>
    <row r="285622" spans="14:14">
      <c r="N285622" s="10"/>
    </row>
    <row r="285623" spans="14:14">
      <c r="N285623" s="10"/>
    </row>
    <row r="285624" spans="14:14">
      <c r="N285624" s="10"/>
    </row>
    <row r="285625" spans="14:14">
      <c r="N285625" s="10"/>
    </row>
    <row r="285626" spans="14:14">
      <c r="N285626" s="10"/>
    </row>
    <row r="285627" spans="14:14">
      <c r="N285627" s="10"/>
    </row>
    <row r="285628" spans="14:14">
      <c r="N285628" s="10"/>
    </row>
    <row r="285629" spans="14:14">
      <c r="N285629" s="10"/>
    </row>
    <row r="285630" spans="14:14">
      <c r="N285630" s="10"/>
    </row>
    <row r="285631" spans="14:14">
      <c r="N285631" s="10"/>
    </row>
    <row r="285632" spans="14:14">
      <c r="N285632" s="10"/>
    </row>
    <row r="285633" spans="14:14">
      <c r="N285633" s="10"/>
    </row>
    <row r="285634" spans="14:14">
      <c r="N285634" s="10"/>
    </row>
    <row r="285635" spans="14:14">
      <c r="N285635" s="10"/>
    </row>
    <row r="285636" spans="14:14">
      <c r="N285636" s="10"/>
    </row>
    <row r="285637" spans="14:14">
      <c r="N285637" s="10"/>
    </row>
    <row r="285638" spans="14:14">
      <c r="N285638" s="10"/>
    </row>
    <row r="285639" spans="14:14">
      <c r="N285639" s="10"/>
    </row>
    <row r="285640" spans="14:14">
      <c r="N285640" s="10"/>
    </row>
    <row r="285641" spans="14:14">
      <c r="N285641" s="10"/>
    </row>
    <row r="285642" spans="14:14">
      <c r="N285642" s="10"/>
    </row>
    <row r="285643" spans="14:14">
      <c r="N285643" s="10"/>
    </row>
    <row r="285644" spans="14:14">
      <c r="N285644" s="10"/>
    </row>
    <row r="285645" spans="14:14">
      <c r="N285645" s="10"/>
    </row>
    <row r="285646" spans="14:14">
      <c r="N285646" s="10"/>
    </row>
    <row r="285647" spans="14:14">
      <c r="N285647" s="10"/>
    </row>
    <row r="285648" spans="14:14">
      <c r="N285648" s="10"/>
    </row>
    <row r="285649" spans="14:14">
      <c r="N285649" s="10"/>
    </row>
    <row r="285650" spans="14:14">
      <c r="N285650" s="10"/>
    </row>
    <row r="285651" spans="14:14">
      <c r="N285651" s="10"/>
    </row>
    <row r="285652" spans="14:14">
      <c r="N285652" s="10"/>
    </row>
    <row r="285653" spans="14:14">
      <c r="N285653" s="10"/>
    </row>
    <row r="285654" spans="14:14">
      <c r="N285654" s="10"/>
    </row>
    <row r="285655" spans="14:14">
      <c r="N285655" s="10"/>
    </row>
    <row r="285656" spans="14:14">
      <c r="N285656" s="10"/>
    </row>
    <row r="285657" spans="14:14">
      <c r="N285657" s="10"/>
    </row>
    <row r="285658" spans="14:14">
      <c r="N285658" s="10"/>
    </row>
    <row r="285659" spans="14:14">
      <c r="N285659" s="10"/>
    </row>
    <row r="285660" spans="14:14">
      <c r="N285660" s="10"/>
    </row>
    <row r="285661" spans="14:14">
      <c r="N285661" s="10"/>
    </row>
    <row r="285662" spans="14:14">
      <c r="N285662" s="10"/>
    </row>
    <row r="285663" spans="14:14">
      <c r="N285663" s="10"/>
    </row>
    <row r="285664" spans="14:14">
      <c r="N285664" s="10"/>
    </row>
    <row r="285665" spans="14:14">
      <c r="N285665" s="10"/>
    </row>
    <row r="285666" spans="14:14">
      <c r="N285666" s="10"/>
    </row>
    <row r="285667" spans="14:14">
      <c r="N285667" s="10"/>
    </row>
    <row r="285668" spans="14:14">
      <c r="N285668" s="10"/>
    </row>
    <row r="285669" spans="14:14">
      <c r="N285669" s="10"/>
    </row>
    <row r="285670" spans="14:14">
      <c r="N285670" s="10"/>
    </row>
    <row r="285671" spans="14:14">
      <c r="N285671" s="10"/>
    </row>
    <row r="285672" spans="14:14">
      <c r="N285672" s="10"/>
    </row>
    <row r="285673" spans="14:14">
      <c r="N285673" s="10"/>
    </row>
    <row r="285674" spans="14:14">
      <c r="N285674" s="10"/>
    </row>
    <row r="285675" spans="14:14">
      <c r="N285675" s="10"/>
    </row>
    <row r="285676" spans="14:14">
      <c r="N285676" s="10"/>
    </row>
    <row r="285677" spans="14:14">
      <c r="N285677" s="10"/>
    </row>
    <row r="285678" spans="14:14">
      <c r="N285678" s="10"/>
    </row>
    <row r="285679" spans="14:14">
      <c r="N285679" s="10"/>
    </row>
    <row r="285680" spans="14:14">
      <c r="N285680" s="10"/>
    </row>
    <row r="285681" spans="14:14">
      <c r="N285681" s="10"/>
    </row>
    <row r="285682" spans="14:14">
      <c r="N285682" s="10"/>
    </row>
    <row r="285683" spans="14:14">
      <c r="N285683" s="10"/>
    </row>
    <row r="285684" spans="14:14">
      <c r="N285684" s="10"/>
    </row>
    <row r="285685" spans="14:14">
      <c r="N285685" s="10"/>
    </row>
    <row r="285686" spans="14:14">
      <c r="N285686" s="10"/>
    </row>
    <row r="285687" spans="14:14">
      <c r="N285687" s="10"/>
    </row>
    <row r="285688" spans="14:14">
      <c r="N285688" s="10"/>
    </row>
    <row r="285689" spans="14:14">
      <c r="N285689" s="10"/>
    </row>
    <row r="285690" spans="14:14">
      <c r="N285690" s="10"/>
    </row>
    <row r="285691" spans="14:14">
      <c r="N285691" s="10"/>
    </row>
    <row r="285692" spans="14:14">
      <c r="N285692" s="10"/>
    </row>
    <row r="285693" spans="14:14">
      <c r="N285693" s="10"/>
    </row>
    <row r="285694" spans="14:14">
      <c r="N285694" s="10"/>
    </row>
    <row r="285695" spans="14:14">
      <c r="N285695" s="10"/>
    </row>
    <row r="285696" spans="14:14">
      <c r="N285696" s="10"/>
    </row>
    <row r="285697" spans="14:14">
      <c r="N285697" s="10"/>
    </row>
    <row r="285698" spans="14:14">
      <c r="N285698" s="10"/>
    </row>
    <row r="285699" spans="14:14">
      <c r="N285699" s="10"/>
    </row>
    <row r="285700" spans="14:14">
      <c r="N285700" s="10"/>
    </row>
    <row r="285701" spans="14:14">
      <c r="N285701" s="10"/>
    </row>
    <row r="285702" spans="14:14">
      <c r="N285702" s="10"/>
    </row>
    <row r="285703" spans="14:14">
      <c r="N285703" s="10"/>
    </row>
    <row r="285704" spans="14:14">
      <c r="N285704" s="10"/>
    </row>
    <row r="285705" spans="14:14">
      <c r="N285705" s="10"/>
    </row>
    <row r="285706" spans="14:14">
      <c r="N285706" s="10"/>
    </row>
    <row r="285707" spans="14:14">
      <c r="N285707" s="10"/>
    </row>
    <row r="285708" spans="14:14">
      <c r="N285708" s="10"/>
    </row>
    <row r="285709" spans="14:14">
      <c r="N285709" s="10"/>
    </row>
    <row r="285710" spans="14:14">
      <c r="N285710" s="10"/>
    </row>
    <row r="285711" spans="14:14">
      <c r="N285711" s="10"/>
    </row>
    <row r="285712" spans="14:14">
      <c r="N285712" s="10"/>
    </row>
    <row r="285713" spans="14:14">
      <c r="N285713" s="10"/>
    </row>
    <row r="285714" spans="14:14">
      <c r="N285714" s="10"/>
    </row>
    <row r="285715" spans="14:14">
      <c r="N285715" s="10"/>
    </row>
    <row r="285716" spans="14:14">
      <c r="N285716" s="10"/>
    </row>
    <row r="285717" spans="14:14">
      <c r="N285717" s="10"/>
    </row>
    <row r="285718" spans="14:14">
      <c r="N285718" s="10"/>
    </row>
    <row r="285719" spans="14:14">
      <c r="N285719" s="10"/>
    </row>
    <row r="285720" spans="14:14">
      <c r="N285720" s="10"/>
    </row>
    <row r="285721" spans="14:14">
      <c r="N285721" s="10"/>
    </row>
    <row r="285722" spans="14:14">
      <c r="N285722" s="10"/>
    </row>
    <row r="285723" spans="14:14">
      <c r="N285723" s="10"/>
    </row>
    <row r="285724" spans="14:14">
      <c r="N285724" s="10"/>
    </row>
    <row r="285725" spans="14:14">
      <c r="N285725" s="10"/>
    </row>
    <row r="285726" spans="14:14">
      <c r="N285726" s="10"/>
    </row>
    <row r="285727" spans="14:14">
      <c r="N285727" s="10"/>
    </row>
    <row r="285728" spans="14:14">
      <c r="N285728" s="10"/>
    </row>
    <row r="285729" spans="14:14">
      <c r="N285729" s="10"/>
    </row>
    <row r="285730" spans="14:14">
      <c r="N285730" s="10"/>
    </row>
    <row r="285731" spans="14:14">
      <c r="N285731" s="10"/>
    </row>
    <row r="285732" spans="14:14">
      <c r="N285732" s="10"/>
    </row>
    <row r="285733" spans="14:14">
      <c r="N285733" s="10"/>
    </row>
    <row r="285734" spans="14:14">
      <c r="N285734" s="10"/>
    </row>
    <row r="285735" spans="14:14">
      <c r="N285735" s="10"/>
    </row>
    <row r="285736" spans="14:14">
      <c r="N285736" s="10"/>
    </row>
    <row r="285737" spans="14:14">
      <c r="N285737" s="10"/>
    </row>
    <row r="285738" spans="14:14">
      <c r="N285738" s="10"/>
    </row>
    <row r="285739" spans="14:14">
      <c r="N285739" s="10"/>
    </row>
    <row r="285740" spans="14:14">
      <c r="N285740" s="10"/>
    </row>
    <row r="285741" spans="14:14">
      <c r="N285741" s="10"/>
    </row>
    <row r="285742" spans="14:14">
      <c r="N285742" s="10"/>
    </row>
    <row r="285743" spans="14:14">
      <c r="N285743" s="10"/>
    </row>
    <row r="285744" spans="14:14">
      <c r="N285744" s="10"/>
    </row>
    <row r="285745" spans="14:14">
      <c r="N285745" s="10"/>
    </row>
    <row r="285746" spans="14:14">
      <c r="N285746" s="10"/>
    </row>
    <row r="285747" spans="14:14">
      <c r="N285747" s="10"/>
    </row>
    <row r="285748" spans="14:14">
      <c r="N285748" s="10"/>
    </row>
    <row r="285749" spans="14:14">
      <c r="N285749" s="10"/>
    </row>
    <row r="285750" spans="14:14">
      <c r="N285750" s="10"/>
    </row>
    <row r="285751" spans="14:14">
      <c r="N285751" s="10"/>
    </row>
    <row r="285752" spans="14:14">
      <c r="N285752" s="10"/>
    </row>
    <row r="285753" spans="14:14">
      <c r="N285753" s="10"/>
    </row>
    <row r="285754" spans="14:14">
      <c r="N285754" s="10"/>
    </row>
    <row r="285755" spans="14:14">
      <c r="N285755" s="10"/>
    </row>
    <row r="285756" spans="14:14">
      <c r="N285756" s="10"/>
    </row>
    <row r="285757" spans="14:14">
      <c r="N285757" s="10"/>
    </row>
    <row r="285758" spans="14:14">
      <c r="N285758" s="10"/>
    </row>
    <row r="285759" spans="14:14">
      <c r="N285759" s="10"/>
    </row>
    <row r="285760" spans="14:14">
      <c r="N285760" s="10"/>
    </row>
    <row r="285761" spans="14:14">
      <c r="N285761" s="10"/>
    </row>
    <row r="285762" spans="14:14">
      <c r="N285762" s="10"/>
    </row>
    <row r="285763" spans="14:14">
      <c r="N285763" s="10"/>
    </row>
    <row r="285764" spans="14:14">
      <c r="N285764" s="10"/>
    </row>
    <row r="285765" spans="14:14">
      <c r="N285765" s="10"/>
    </row>
    <row r="285766" spans="14:14">
      <c r="N285766" s="10"/>
    </row>
    <row r="285767" spans="14:14">
      <c r="N285767" s="10"/>
    </row>
    <row r="285768" spans="14:14">
      <c r="N285768" s="10"/>
    </row>
    <row r="285769" spans="14:14">
      <c r="N285769" s="10"/>
    </row>
    <row r="285770" spans="14:14">
      <c r="N285770" s="10"/>
    </row>
    <row r="285771" spans="14:14">
      <c r="N285771" s="10"/>
    </row>
    <row r="285772" spans="14:14">
      <c r="N285772" s="10"/>
    </row>
    <row r="285773" spans="14:14">
      <c r="N285773" s="10"/>
    </row>
    <row r="285774" spans="14:14">
      <c r="N285774" s="10"/>
    </row>
    <row r="285775" spans="14:14">
      <c r="N285775" s="10"/>
    </row>
    <row r="285776" spans="14:14">
      <c r="N285776" s="10"/>
    </row>
    <row r="285777" spans="14:14">
      <c r="N285777" s="10"/>
    </row>
    <row r="285778" spans="14:14">
      <c r="N285778" s="10"/>
    </row>
    <row r="285779" spans="14:14">
      <c r="N285779" s="10"/>
    </row>
    <row r="285780" spans="14:14">
      <c r="N285780" s="10"/>
    </row>
    <row r="285781" spans="14:14">
      <c r="N285781" s="10"/>
    </row>
    <row r="285782" spans="14:14">
      <c r="N285782" s="10"/>
    </row>
    <row r="285783" spans="14:14">
      <c r="N285783" s="10"/>
    </row>
    <row r="285784" spans="14:14">
      <c r="N285784" s="10"/>
    </row>
    <row r="285785" spans="14:14">
      <c r="N285785" s="10"/>
    </row>
    <row r="285786" spans="14:14">
      <c r="N285786" s="10"/>
    </row>
    <row r="285787" spans="14:14">
      <c r="N285787" s="10"/>
    </row>
    <row r="285788" spans="14:14">
      <c r="N285788" s="10"/>
    </row>
    <row r="285789" spans="14:14">
      <c r="N285789" s="10"/>
    </row>
    <row r="285790" spans="14:14">
      <c r="N285790" s="10"/>
    </row>
    <row r="285791" spans="14:14">
      <c r="N285791" s="10"/>
    </row>
    <row r="285792" spans="14:14">
      <c r="N285792" s="10"/>
    </row>
    <row r="285793" spans="14:14">
      <c r="N285793" s="10"/>
    </row>
    <row r="285794" spans="14:14">
      <c r="N285794" s="10"/>
    </row>
    <row r="285795" spans="14:14">
      <c r="N285795" s="10"/>
    </row>
    <row r="285796" spans="14:14">
      <c r="N285796" s="10"/>
    </row>
    <row r="285797" spans="14:14">
      <c r="N285797" s="10"/>
    </row>
    <row r="285798" spans="14:14">
      <c r="N285798" s="10"/>
    </row>
    <row r="285799" spans="14:14">
      <c r="N285799" s="10"/>
    </row>
    <row r="285800" spans="14:14">
      <c r="N285800" s="10"/>
    </row>
    <row r="285801" spans="14:14">
      <c r="N285801" s="10"/>
    </row>
    <row r="285802" spans="14:14">
      <c r="N285802" s="10"/>
    </row>
    <row r="285803" spans="14:14">
      <c r="N285803" s="10"/>
    </row>
    <row r="285804" spans="14:14">
      <c r="N285804" s="10"/>
    </row>
    <row r="285805" spans="14:14">
      <c r="N285805" s="10"/>
    </row>
    <row r="285806" spans="14:14">
      <c r="N285806" s="10"/>
    </row>
    <row r="285807" spans="14:14">
      <c r="N285807" s="10"/>
    </row>
    <row r="285808" spans="14:14">
      <c r="N285808" s="10"/>
    </row>
    <row r="285809" spans="14:14">
      <c r="N285809" s="10"/>
    </row>
    <row r="285810" spans="14:14">
      <c r="N285810" s="10"/>
    </row>
    <row r="285811" spans="14:14">
      <c r="N285811" s="10"/>
    </row>
    <row r="285812" spans="14:14">
      <c r="N285812" s="10"/>
    </row>
    <row r="285813" spans="14:14">
      <c r="N285813" s="10"/>
    </row>
    <row r="285814" spans="14:14">
      <c r="N285814" s="10"/>
    </row>
    <row r="285815" spans="14:14">
      <c r="N285815" s="10"/>
    </row>
    <row r="285816" spans="14:14">
      <c r="N285816" s="10"/>
    </row>
    <row r="285817" spans="14:14">
      <c r="N285817" s="10"/>
    </row>
    <row r="285818" spans="14:14">
      <c r="N285818" s="10"/>
    </row>
    <row r="285819" spans="14:14">
      <c r="N285819" s="10"/>
    </row>
    <row r="285820" spans="14:14">
      <c r="N285820" s="10"/>
    </row>
    <row r="285821" spans="14:14">
      <c r="N285821" s="10"/>
    </row>
    <row r="285822" spans="14:14">
      <c r="N285822" s="10"/>
    </row>
    <row r="285823" spans="14:14">
      <c r="N285823" s="10"/>
    </row>
    <row r="285824" spans="14:14">
      <c r="N285824" s="10"/>
    </row>
    <row r="285825" spans="14:14">
      <c r="N285825" s="10"/>
    </row>
    <row r="285826" spans="14:14">
      <c r="N285826" s="10"/>
    </row>
    <row r="285827" spans="14:14">
      <c r="N285827" s="10"/>
    </row>
    <row r="285828" spans="14:14">
      <c r="N285828" s="10"/>
    </row>
    <row r="285829" spans="14:14">
      <c r="N285829" s="10"/>
    </row>
    <row r="285830" spans="14:14">
      <c r="N285830" s="10"/>
    </row>
    <row r="285831" spans="14:14">
      <c r="N285831" s="10"/>
    </row>
    <row r="285832" spans="14:14">
      <c r="N285832" s="10"/>
    </row>
    <row r="285833" spans="14:14">
      <c r="N285833" s="10"/>
    </row>
    <row r="285834" spans="14:14">
      <c r="N285834" s="10"/>
    </row>
    <row r="285835" spans="14:14">
      <c r="N285835" s="10"/>
    </row>
    <row r="285836" spans="14:14">
      <c r="N285836" s="10"/>
    </row>
    <row r="285837" spans="14:14">
      <c r="N285837" s="10"/>
    </row>
    <row r="285838" spans="14:14">
      <c r="N285838" s="10"/>
    </row>
    <row r="285839" spans="14:14">
      <c r="N285839" s="10"/>
    </row>
    <row r="285840" spans="14:14">
      <c r="N285840" s="10"/>
    </row>
    <row r="285841" spans="14:14">
      <c r="N285841" s="10"/>
    </row>
    <row r="285842" spans="14:14">
      <c r="N285842" s="10"/>
    </row>
    <row r="285843" spans="14:14">
      <c r="N285843" s="10"/>
    </row>
    <row r="285844" spans="14:14">
      <c r="N285844" s="10"/>
    </row>
    <row r="285845" spans="14:14">
      <c r="N285845" s="10"/>
    </row>
    <row r="285846" spans="14:14">
      <c r="N285846" s="10"/>
    </row>
    <row r="285847" spans="14:14">
      <c r="N285847" s="10"/>
    </row>
    <row r="285848" spans="14:14">
      <c r="N285848" s="10"/>
    </row>
    <row r="285849" spans="14:14">
      <c r="N285849" s="10"/>
    </row>
    <row r="285850" spans="14:14">
      <c r="N285850" s="10"/>
    </row>
    <row r="285851" spans="14:14">
      <c r="N285851" s="10"/>
    </row>
    <row r="285852" spans="14:14">
      <c r="N285852" s="10"/>
    </row>
    <row r="285853" spans="14:14">
      <c r="N285853" s="10"/>
    </row>
    <row r="285854" spans="14:14">
      <c r="N285854" s="10"/>
    </row>
    <row r="285855" spans="14:14">
      <c r="N285855" s="10"/>
    </row>
    <row r="285856" spans="14:14">
      <c r="N285856" s="10"/>
    </row>
    <row r="285857" spans="14:14">
      <c r="N285857" s="10"/>
    </row>
    <row r="285858" spans="14:14">
      <c r="N285858" s="10"/>
    </row>
    <row r="285859" spans="14:14">
      <c r="N285859" s="10"/>
    </row>
    <row r="285860" spans="14:14">
      <c r="N285860" s="10"/>
    </row>
    <row r="285861" spans="14:14">
      <c r="N285861" s="10"/>
    </row>
    <row r="285862" spans="14:14">
      <c r="N285862" s="10"/>
    </row>
    <row r="285863" spans="14:14">
      <c r="N285863" s="10"/>
    </row>
    <row r="285864" spans="14:14">
      <c r="N285864" s="10"/>
    </row>
    <row r="285865" spans="14:14">
      <c r="N285865" s="10"/>
    </row>
    <row r="285866" spans="14:14">
      <c r="N285866" s="10"/>
    </row>
    <row r="285867" spans="14:14">
      <c r="N285867" s="10"/>
    </row>
    <row r="285868" spans="14:14">
      <c r="N285868" s="10"/>
    </row>
    <row r="285869" spans="14:14">
      <c r="N285869" s="10"/>
    </row>
    <row r="285870" spans="14:14">
      <c r="N285870" s="10"/>
    </row>
    <row r="285871" spans="14:14">
      <c r="N285871" s="10"/>
    </row>
    <row r="285872" spans="14:14">
      <c r="N285872" s="10"/>
    </row>
    <row r="285873" spans="14:14">
      <c r="N285873" s="10"/>
    </row>
    <row r="285874" spans="14:14">
      <c r="N285874" s="10"/>
    </row>
    <row r="285875" spans="14:14">
      <c r="N285875" s="10"/>
    </row>
    <row r="285876" spans="14:14">
      <c r="N285876" s="10"/>
    </row>
    <row r="285877" spans="14:14">
      <c r="N285877" s="10"/>
    </row>
    <row r="285878" spans="14:14">
      <c r="N285878" s="10"/>
    </row>
    <row r="285879" spans="14:14">
      <c r="N285879" s="10"/>
    </row>
    <row r="285880" spans="14:14">
      <c r="N285880" s="10"/>
    </row>
    <row r="285881" spans="14:14">
      <c r="N285881" s="10"/>
    </row>
    <row r="285882" spans="14:14">
      <c r="N285882" s="10"/>
    </row>
    <row r="285883" spans="14:14">
      <c r="N285883" s="10"/>
    </row>
    <row r="285884" spans="14:14">
      <c r="N285884" s="10"/>
    </row>
    <row r="285885" spans="14:14">
      <c r="N285885" s="10"/>
    </row>
    <row r="285886" spans="14:14">
      <c r="N285886" s="10"/>
    </row>
    <row r="285887" spans="14:14">
      <c r="N285887" s="10"/>
    </row>
    <row r="285888" spans="14:14">
      <c r="N285888" s="10"/>
    </row>
    <row r="285889" spans="14:14">
      <c r="N285889" s="10"/>
    </row>
    <row r="285890" spans="14:14">
      <c r="N285890" s="10"/>
    </row>
    <row r="285891" spans="14:14">
      <c r="N285891" s="10"/>
    </row>
    <row r="285892" spans="14:14">
      <c r="N285892" s="10"/>
    </row>
    <row r="285893" spans="14:14">
      <c r="N285893" s="10"/>
    </row>
    <row r="285894" spans="14:14">
      <c r="N285894" s="10"/>
    </row>
    <row r="285895" spans="14:14">
      <c r="N285895" s="10"/>
    </row>
    <row r="285896" spans="14:14">
      <c r="N285896" s="10"/>
    </row>
    <row r="285897" spans="14:14">
      <c r="N285897" s="10"/>
    </row>
    <row r="285898" spans="14:14">
      <c r="N285898" s="10"/>
    </row>
    <row r="285899" spans="14:14">
      <c r="N285899" s="10"/>
    </row>
    <row r="285900" spans="14:14">
      <c r="N285900" s="10"/>
    </row>
    <row r="285901" spans="14:14">
      <c r="N285901" s="10"/>
    </row>
    <row r="285902" spans="14:14">
      <c r="N285902" s="10"/>
    </row>
    <row r="285903" spans="14:14">
      <c r="N285903" s="10"/>
    </row>
    <row r="285904" spans="14:14">
      <c r="N285904" s="10"/>
    </row>
    <row r="285905" spans="14:14">
      <c r="N285905" s="10"/>
    </row>
    <row r="285906" spans="14:14">
      <c r="N285906" s="10"/>
    </row>
    <row r="285907" spans="14:14">
      <c r="N285907" s="10"/>
    </row>
    <row r="285908" spans="14:14">
      <c r="N285908" s="10"/>
    </row>
    <row r="285909" spans="14:14">
      <c r="N285909" s="10"/>
    </row>
    <row r="285910" spans="14:14">
      <c r="N285910" s="10"/>
    </row>
    <row r="285911" spans="14:14">
      <c r="N285911" s="10"/>
    </row>
    <row r="285912" spans="14:14">
      <c r="N285912" s="10"/>
    </row>
    <row r="285913" spans="14:14">
      <c r="N285913" s="10"/>
    </row>
    <row r="285914" spans="14:14">
      <c r="N285914" s="10"/>
    </row>
    <row r="285915" spans="14:14">
      <c r="N285915" s="10"/>
    </row>
    <row r="285916" spans="14:14">
      <c r="N285916" s="10"/>
    </row>
    <row r="285917" spans="14:14">
      <c r="N285917" s="10"/>
    </row>
    <row r="285918" spans="14:14">
      <c r="N285918" s="10"/>
    </row>
    <row r="285919" spans="14:14">
      <c r="N285919" s="10"/>
    </row>
    <row r="285920" spans="14:14">
      <c r="N285920" s="10"/>
    </row>
    <row r="285921" spans="14:14">
      <c r="N285921" s="10"/>
    </row>
    <row r="285922" spans="14:14">
      <c r="N285922" s="10"/>
    </row>
    <row r="285923" spans="14:14">
      <c r="N285923" s="10"/>
    </row>
    <row r="285924" spans="14:14">
      <c r="N285924" s="10"/>
    </row>
    <row r="285925" spans="14:14">
      <c r="N285925" s="10"/>
    </row>
    <row r="285926" spans="14:14">
      <c r="N285926" s="10"/>
    </row>
    <row r="285927" spans="14:14">
      <c r="N285927" s="10"/>
    </row>
    <row r="285928" spans="14:14">
      <c r="N285928" s="10"/>
    </row>
    <row r="285929" spans="14:14">
      <c r="N285929" s="10"/>
    </row>
    <row r="285930" spans="14:14">
      <c r="N285930" s="10"/>
    </row>
    <row r="285931" spans="14:14">
      <c r="N285931" s="10"/>
    </row>
    <row r="285932" spans="14:14">
      <c r="N285932" s="10"/>
    </row>
    <row r="285933" spans="14:14">
      <c r="N285933" s="10"/>
    </row>
    <row r="285934" spans="14:14">
      <c r="N285934" s="10"/>
    </row>
    <row r="285935" spans="14:14">
      <c r="N285935" s="10"/>
    </row>
    <row r="285936" spans="14:14">
      <c r="N285936" s="10"/>
    </row>
    <row r="285937" spans="14:14">
      <c r="N285937" s="10"/>
    </row>
    <row r="285938" spans="14:14">
      <c r="N285938" s="10"/>
    </row>
    <row r="285939" spans="14:14">
      <c r="N285939" s="10"/>
    </row>
    <row r="285940" spans="14:14">
      <c r="N285940" s="10"/>
    </row>
    <row r="285941" spans="14:14">
      <c r="N285941" s="10"/>
    </row>
    <row r="285942" spans="14:14">
      <c r="N285942" s="10"/>
    </row>
    <row r="285943" spans="14:14">
      <c r="N285943" s="10"/>
    </row>
    <row r="285944" spans="14:14">
      <c r="N285944" s="10"/>
    </row>
    <row r="285945" spans="14:14">
      <c r="N285945" s="10"/>
    </row>
    <row r="285946" spans="14:14">
      <c r="N285946" s="10"/>
    </row>
    <row r="285947" spans="14:14">
      <c r="N285947" s="10"/>
    </row>
    <row r="285948" spans="14:14">
      <c r="N285948" s="10"/>
    </row>
    <row r="285949" spans="14:14">
      <c r="N285949" s="10"/>
    </row>
    <row r="285950" spans="14:14">
      <c r="N285950" s="10"/>
    </row>
    <row r="285951" spans="14:14">
      <c r="N285951" s="10"/>
    </row>
    <row r="285952" spans="14:14">
      <c r="N285952" s="10"/>
    </row>
    <row r="285953" spans="14:14">
      <c r="N285953" s="10"/>
    </row>
    <row r="285954" spans="14:14">
      <c r="N285954" s="10"/>
    </row>
    <row r="285955" spans="14:14">
      <c r="N285955" s="10"/>
    </row>
    <row r="285956" spans="14:14">
      <c r="N285956" s="10"/>
    </row>
    <row r="285957" spans="14:14">
      <c r="N285957" s="10"/>
    </row>
    <row r="285958" spans="14:14">
      <c r="N285958" s="10"/>
    </row>
    <row r="285959" spans="14:14">
      <c r="N285959" s="10"/>
    </row>
    <row r="285960" spans="14:14">
      <c r="N285960" s="10"/>
    </row>
    <row r="285961" spans="14:14">
      <c r="N285961" s="10"/>
    </row>
    <row r="285962" spans="14:14">
      <c r="N285962" s="10"/>
    </row>
    <row r="285963" spans="14:14">
      <c r="N285963" s="10"/>
    </row>
    <row r="285964" spans="14:14">
      <c r="N285964" s="10"/>
    </row>
    <row r="285965" spans="14:14">
      <c r="N285965" s="10"/>
    </row>
    <row r="285966" spans="14:14">
      <c r="N285966" s="10"/>
    </row>
    <row r="285967" spans="14:14">
      <c r="N285967" s="10"/>
    </row>
    <row r="285968" spans="14:14">
      <c r="N285968" s="10"/>
    </row>
    <row r="285969" spans="14:14">
      <c r="N285969" s="10"/>
    </row>
    <row r="285970" spans="14:14">
      <c r="N285970" s="10"/>
    </row>
    <row r="285971" spans="14:14">
      <c r="N285971" s="10"/>
    </row>
    <row r="285972" spans="14:14">
      <c r="N285972" s="10"/>
    </row>
    <row r="285973" spans="14:14">
      <c r="N285973" s="10"/>
    </row>
    <row r="285974" spans="14:14">
      <c r="N285974" s="10"/>
    </row>
    <row r="285975" spans="14:14">
      <c r="N285975" s="10"/>
    </row>
    <row r="285976" spans="14:14">
      <c r="N285976" s="10"/>
    </row>
    <row r="285977" spans="14:14">
      <c r="N285977" s="10"/>
    </row>
    <row r="285978" spans="14:14">
      <c r="N285978" s="10"/>
    </row>
    <row r="285979" spans="14:14">
      <c r="N285979" s="10"/>
    </row>
    <row r="285980" spans="14:14">
      <c r="N285980" s="10"/>
    </row>
    <row r="285981" spans="14:14">
      <c r="N285981" s="10"/>
    </row>
    <row r="285982" spans="14:14">
      <c r="N285982" s="10"/>
    </row>
    <row r="285983" spans="14:14">
      <c r="N285983" s="10"/>
    </row>
    <row r="285984" spans="14:14">
      <c r="N285984" s="10"/>
    </row>
    <row r="285985" spans="14:14">
      <c r="N285985" s="10"/>
    </row>
    <row r="285986" spans="14:14">
      <c r="N285986" s="10"/>
    </row>
    <row r="285987" spans="14:14">
      <c r="N285987" s="10"/>
    </row>
    <row r="285988" spans="14:14">
      <c r="N285988" s="10"/>
    </row>
    <row r="285989" spans="14:14">
      <c r="N285989" s="10"/>
    </row>
    <row r="285990" spans="14:14">
      <c r="N285990" s="10"/>
    </row>
    <row r="285991" spans="14:14">
      <c r="N285991" s="10"/>
    </row>
    <row r="285992" spans="14:14">
      <c r="N285992" s="10"/>
    </row>
    <row r="285993" spans="14:14">
      <c r="N285993" s="10"/>
    </row>
    <row r="285994" spans="14:14">
      <c r="N285994" s="10"/>
    </row>
    <row r="285995" spans="14:14">
      <c r="N285995" s="10"/>
    </row>
    <row r="285996" spans="14:14">
      <c r="N285996" s="10"/>
    </row>
    <row r="285997" spans="14:14">
      <c r="N285997" s="10"/>
    </row>
    <row r="285998" spans="14:14">
      <c r="N285998" s="10"/>
    </row>
    <row r="285999" spans="14:14">
      <c r="N285999" s="10"/>
    </row>
    <row r="286000" spans="14:14">
      <c r="N286000" s="10"/>
    </row>
    <row r="286001" spans="14:14">
      <c r="N286001" s="10"/>
    </row>
    <row r="286002" spans="14:14">
      <c r="N286002" s="10"/>
    </row>
    <row r="286003" spans="14:14">
      <c r="N286003" s="10"/>
    </row>
    <row r="286004" spans="14:14">
      <c r="N286004" s="10"/>
    </row>
    <row r="286005" spans="14:14">
      <c r="N286005" s="10"/>
    </row>
    <row r="286006" spans="14:14">
      <c r="N286006" s="10"/>
    </row>
    <row r="286007" spans="14:14">
      <c r="N286007" s="10"/>
    </row>
    <row r="286008" spans="14:14">
      <c r="N286008" s="10"/>
    </row>
    <row r="286009" spans="14:14">
      <c r="N286009" s="10"/>
    </row>
    <row r="286010" spans="14:14">
      <c r="N286010" s="10"/>
    </row>
    <row r="286011" spans="14:14">
      <c r="N286011" s="10"/>
    </row>
    <row r="286012" spans="14:14">
      <c r="N286012" s="10"/>
    </row>
    <row r="286013" spans="14:14">
      <c r="N286013" s="10"/>
    </row>
    <row r="286014" spans="14:14">
      <c r="N286014" s="10"/>
    </row>
    <row r="286015" spans="14:14">
      <c r="N286015" s="10"/>
    </row>
    <row r="286016" spans="14:14">
      <c r="N286016" s="10"/>
    </row>
    <row r="286017" spans="14:14">
      <c r="N286017" s="10"/>
    </row>
    <row r="286018" spans="14:14">
      <c r="N286018" s="10"/>
    </row>
    <row r="286019" spans="14:14">
      <c r="N286019" s="10"/>
    </row>
    <row r="286020" spans="14:14">
      <c r="N286020" s="10"/>
    </row>
    <row r="286021" spans="14:14">
      <c r="N286021" s="10"/>
    </row>
    <row r="286022" spans="14:14">
      <c r="N286022" s="10"/>
    </row>
    <row r="286023" spans="14:14">
      <c r="N286023" s="10"/>
    </row>
    <row r="286024" spans="14:14">
      <c r="N286024" s="10"/>
    </row>
    <row r="286025" spans="14:14">
      <c r="N286025" s="10"/>
    </row>
    <row r="286026" spans="14:14">
      <c r="N286026" s="10"/>
    </row>
    <row r="286027" spans="14:14">
      <c r="N286027" s="10"/>
    </row>
    <row r="286028" spans="14:14">
      <c r="N286028" s="10"/>
    </row>
    <row r="286029" spans="14:14">
      <c r="N286029" s="10"/>
    </row>
    <row r="286030" spans="14:14">
      <c r="N286030" s="10"/>
    </row>
    <row r="286031" spans="14:14">
      <c r="N286031" s="10"/>
    </row>
    <row r="286032" spans="14:14">
      <c r="N286032" s="10"/>
    </row>
    <row r="286033" spans="14:14">
      <c r="N286033" s="10"/>
    </row>
    <row r="286034" spans="14:14">
      <c r="N286034" s="10"/>
    </row>
    <row r="286035" spans="14:14">
      <c r="N286035" s="10"/>
    </row>
    <row r="286036" spans="14:14">
      <c r="N286036" s="10"/>
    </row>
    <row r="286037" spans="14:14">
      <c r="N286037" s="10"/>
    </row>
    <row r="286038" spans="14:14">
      <c r="N286038" s="10"/>
    </row>
    <row r="286039" spans="14:14">
      <c r="N286039" s="10"/>
    </row>
    <row r="286040" spans="14:14">
      <c r="N286040" s="10"/>
    </row>
    <row r="286041" spans="14:14">
      <c r="N286041" s="10"/>
    </row>
    <row r="286042" spans="14:14">
      <c r="N286042" s="10"/>
    </row>
    <row r="286043" spans="14:14">
      <c r="N286043" s="10"/>
    </row>
    <row r="286044" spans="14:14">
      <c r="N286044" s="10"/>
    </row>
    <row r="286045" spans="14:14">
      <c r="N286045" s="10"/>
    </row>
    <row r="286046" spans="14:14">
      <c r="N286046" s="10"/>
    </row>
    <row r="286047" spans="14:14">
      <c r="N286047" s="10"/>
    </row>
    <row r="286048" spans="14:14">
      <c r="N286048" s="10"/>
    </row>
    <row r="286049" spans="14:14">
      <c r="N286049" s="10"/>
    </row>
    <row r="286050" spans="14:14">
      <c r="N286050" s="10"/>
    </row>
    <row r="286051" spans="14:14">
      <c r="N286051" s="10"/>
    </row>
    <row r="286052" spans="14:14">
      <c r="N286052" s="10"/>
    </row>
    <row r="286053" spans="14:14">
      <c r="N286053" s="10"/>
    </row>
    <row r="286054" spans="14:14">
      <c r="N286054" s="10"/>
    </row>
    <row r="286055" spans="14:14">
      <c r="N286055" s="10"/>
    </row>
    <row r="286056" spans="14:14">
      <c r="N286056" s="10"/>
    </row>
    <row r="286057" spans="14:14">
      <c r="N286057" s="10"/>
    </row>
    <row r="286058" spans="14:14">
      <c r="N286058" s="10"/>
    </row>
    <row r="286059" spans="14:14">
      <c r="N286059" s="10"/>
    </row>
    <row r="286060" spans="14:14">
      <c r="N286060" s="10"/>
    </row>
    <row r="286061" spans="14:14">
      <c r="N286061" s="10"/>
    </row>
    <row r="286062" spans="14:14">
      <c r="N286062" s="10"/>
    </row>
    <row r="286063" spans="14:14">
      <c r="N286063" s="10"/>
    </row>
    <row r="286064" spans="14:14">
      <c r="N286064" s="10"/>
    </row>
    <row r="286065" spans="14:14">
      <c r="N286065" s="10"/>
    </row>
    <row r="286066" spans="14:14">
      <c r="N286066" s="10"/>
    </row>
    <row r="286067" spans="14:14">
      <c r="N286067" s="10"/>
    </row>
    <row r="286068" spans="14:14">
      <c r="N286068" s="10"/>
    </row>
    <row r="286069" spans="14:14">
      <c r="N286069" s="10"/>
    </row>
    <row r="286070" spans="14:14">
      <c r="N286070" s="10"/>
    </row>
    <row r="286071" spans="14:14">
      <c r="N286071" s="10"/>
    </row>
    <row r="286072" spans="14:14">
      <c r="N286072" s="10"/>
    </row>
    <row r="286073" spans="14:14">
      <c r="N286073" s="10"/>
    </row>
    <row r="286074" spans="14:14">
      <c r="N286074" s="10"/>
    </row>
    <row r="286075" spans="14:14">
      <c r="N286075" s="10"/>
    </row>
    <row r="286076" spans="14:14">
      <c r="N286076" s="10"/>
    </row>
    <row r="286077" spans="14:14">
      <c r="N286077" s="10"/>
    </row>
    <row r="286078" spans="14:14">
      <c r="N286078" s="10"/>
    </row>
    <row r="286079" spans="14:14">
      <c r="N286079" s="10"/>
    </row>
    <row r="286080" spans="14:14">
      <c r="N286080" s="10"/>
    </row>
    <row r="286081" spans="14:14">
      <c r="N286081" s="10"/>
    </row>
    <row r="286082" spans="14:14">
      <c r="N286082" s="10"/>
    </row>
    <row r="286083" spans="14:14">
      <c r="N286083" s="10"/>
    </row>
    <row r="286084" spans="14:14">
      <c r="N286084" s="10"/>
    </row>
    <row r="286085" spans="14:14">
      <c r="N286085" s="10"/>
    </row>
    <row r="286086" spans="14:14">
      <c r="N286086" s="10"/>
    </row>
    <row r="286087" spans="14:14">
      <c r="N286087" s="10"/>
    </row>
    <row r="286088" spans="14:14">
      <c r="N286088" s="10"/>
    </row>
    <row r="286089" spans="14:14">
      <c r="N286089" s="10"/>
    </row>
    <row r="286090" spans="14:14">
      <c r="N286090" s="10"/>
    </row>
    <row r="286091" spans="14:14">
      <c r="N286091" s="10"/>
    </row>
    <row r="286092" spans="14:14">
      <c r="N286092" s="10"/>
    </row>
    <row r="286093" spans="14:14">
      <c r="N286093" s="10"/>
    </row>
    <row r="286094" spans="14:14">
      <c r="N286094" s="10"/>
    </row>
    <row r="286095" spans="14:14">
      <c r="N286095" s="10"/>
    </row>
    <row r="286096" spans="14:14">
      <c r="N286096" s="10"/>
    </row>
    <row r="286097" spans="14:14">
      <c r="N286097" s="10"/>
    </row>
    <row r="286098" spans="14:14">
      <c r="N286098" s="10"/>
    </row>
    <row r="286099" spans="14:14">
      <c r="N286099" s="10"/>
    </row>
    <row r="286100" spans="14:14">
      <c r="N286100" s="10"/>
    </row>
    <row r="286101" spans="14:14">
      <c r="N286101" s="10"/>
    </row>
    <row r="286102" spans="14:14">
      <c r="N286102" s="10"/>
    </row>
    <row r="286103" spans="14:14">
      <c r="N286103" s="10"/>
    </row>
    <row r="286104" spans="14:14">
      <c r="N286104" s="10"/>
    </row>
    <row r="286105" spans="14:14">
      <c r="N286105" s="10"/>
    </row>
    <row r="286106" spans="14:14">
      <c r="N286106" s="10"/>
    </row>
    <row r="286107" spans="14:14">
      <c r="N286107" s="10"/>
    </row>
    <row r="286108" spans="14:14">
      <c r="N286108" s="10"/>
    </row>
    <row r="286109" spans="14:14">
      <c r="N286109" s="10"/>
    </row>
    <row r="286110" spans="14:14">
      <c r="N286110" s="10"/>
    </row>
    <row r="286111" spans="14:14">
      <c r="N286111" s="10"/>
    </row>
    <row r="286112" spans="14:14">
      <c r="N286112" s="10"/>
    </row>
    <row r="286113" spans="14:14">
      <c r="N286113" s="10"/>
    </row>
    <row r="286114" spans="14:14">
      <c r="N286114" s="10"/>
    </row>
    <row r="286115" spans="14:14">
      <c r="N286115" s="10"/>
    </row>
    <row r="286116" spans="14:14">
      <c r="N286116" s="10"/>
    </row>
    <row r="286117" spans="14:14">
      <c r="N286117" s="10"/>
    </row>
    <row r="286118" spans="14:14">
      <c r="N286118" s="10"/>
    </row>
    <row r="286119" spans="14:14">
      <c r="N286119" s="10"/>
    </row>
    <row r="286120" spans="14:14">
      <c r="N286120" s="10"/>
    </row>
    <row r="286121" spans="14:14">
      <c r="N286121" s="10"/>
    </row>
    <row r="286122" spans="14:14">
      <c r="N286122" s="10"/>
    </row>
    <row r="286123" spans="14:14">
      <c r="N286123" s="10"/>
    </row>
    <row r="286124" spans="14:14">
      <c r="N286124" s="10"/>
    </row>
    <row r="286125" spans="14:14">
      <c r="N286125" s="10"/>
    </row>
    <row r="286126" spans="14:14">
      <c r="N286126" s="10"/>
    </row>
    <row r="286127" spans="14:14">
      <c r="N286127" s="10"/>
    </row>
    <row r="286128" spans="14:14">
      <c r="N286128" s="10"/>
    </row>
    <row r="286129" spans="14:14">
      <c r="N286129" s="10"/>
    </row>
    <row r="286130" spans="14:14">
      <c r="N286130" s="10"/>
    </row>
    <row r="286131" spans="14:14">
      <c r="N286131" s="10"/>
    </row>
    <row r="286132" spans="14:14">
      <c r="N286132" s="10"/>
    </row>
    <row r="286133" spans="14:14">
      <c r="N286133" s="10"/>
    </row>
    <row r="286134" spans="14:14">
      <c r="N286134" s="10"/>
    </row>
    <row r="286135" spans="14:14">
      <c r="N286135" s="10"/>
    </row>
    <row r="286136" spans="14:14">
      <c r="N286136" s="10"/>
    </row>
    <row r="286137" spans="14:14">
      <c r="N286137" s="10"/>
    </row>
    <row r="286138" spans="14:14">
      <c r="N286138" s="10"/>
    </row>
    <row r="286139" spans="14:14">
      <c r="N286139" s="10"/>
    </row>
    <row r="286140" spans="14:14">
      <c r="N286140" s="10"/>
    </row>
    <row r="286141" spans="14:14">
      <c r="N286141" s="10"/>
    </row>
    <row r="286142" spans="14:14">
      <c r="N286142" s="10"/>
    </row>
    <row r="286143" spans="14:14">
      <c r="N286143" s="10"/>
    </row>
    <row r="286144" spans="14:14">
      <c r="N286144" s="10"/>
    </row>
    <row r="286145" spans="14:14">
      <c r="N286145" s="10"/>
    </row>
    <row r="286146" spans="14:14">
      <c r="N286146" s="10"/>
    </row>
    <row r="286147" spans="14:14">
      <c r="N286147" s="10"/>
    </row>
    <row r="286148" spans="14:14">
      <c r="N286148" s="10"/>
    </row>
    <row r="286149" spans="14:14">
      <c r="N286149" s="10"/>
    </row>
    <row r="286150" spans="14:14">
      <c r="N286150" s="10"/>
    </row>
    <row r="286151" spans="14:14">
      <c r="N286151" s="10"/>
    </row>
    <row r="286152" spans="14:14">
      <c r="N286152" s="10"/>
    </row>
    <row r="286153" spans="14:14">
      <c r="N286153" s="10"/>
    </row>
    <row r="286154" spans="14:14">
      <c r="N286154" s="10"/>
    </row>
    <row r="286155" spans="14:14">
      <c r="N286155" s="10"/>
    </row>
    <row r="286156" spans="14:14">
      <c r="N286156" s="10"/>
    </row>
    <row r="286157" spans="14:14">
      <c r="N286157" s="10"/>
    </row>
    <row r="286158" spans="14:14">
      <c r="N286158" s="10"/>
    </row>
    <row r="286159" spans="14:14">
      <c r="N286159" s="10"/>
    </row>
    <row r="286160" spans="14:14">
      <c r="N286160" s="10"/>
    </row>
    <row r="286161" spans="14:14">
      <c r="N286161" s="10"/>
    </row>
    <row r="286162" spans="14:14">
      <c r="N286162" s="10"/>
    </row>
    <row r="286163" spans="14:14">
      <c r="N286163" s="10"/>
    </row>
    <row r="286164" spans="14:14">
      <c r="N286164" s="10"/>
    </row>
    <row r="286165" spans="14:14">
      <c r="N286165" s="10"/>
    </row>
    <row r="286166" spans="14:14">
      <c r="N286166" s="10"/>
    </row>
    <row r="286167" spans="14:14">
      <c r="N286167" s="10"/>
    </row>
    <row r="286168" spans="14:14">
      <c r="N286168" s="10"/>
    </row>
    <row r="286169" spans="14:14">
      <c r="N286169" s="10"/>
    </row>
    <row r="286170" spans="14:14">
      <c r="N286170" s="10"/>
    </row>
    <row r="286171" spans="14:14">
      <c r="N286171" s="10"/>
    </row>
    <row r="286172" spans="14:14">
      <c r="N286172" s="10"/>
    </row>
    <row r="286173" spans="14:14">
      <c r="N286173" s="10"/>
    </row>
    <row r="286174" spans="14:14">
      <c r="N286174" s="10"/>
    </row>
    <row r="286175" spans="14:14">
      <c r="N286175" s="10"/>
    </row>
    <row r="286176" spans="14:14">
      <c r="N286176" s="10"/>
    </row>
    <row r="286177" spans="14:14">
      <c r="N286177" s="10"/>
    </row>
    <row r="286178" spans="14:14">
      <c r="N286178" s="10"/>
    </row>
    <row r="286179" spans="14:14">
      <c r="N286179" s="10"/>
    </row>
    <row r="286180" spans="14:14">
      <c r="N286180" s="10"/>
    </row>
    <row r="286181" spans="14:14">
      <c r="N286181" s="10"/>
    </row>
    <row r="286182" spans="14:14">
      <c r="N286182" s="10"/>
    </row>
    <row r="286183" spans="14:14">
      <c r="N286183" s="10"/>
    </row>
    <row r="286184" spans="14:14">
      <c r="N286184" s="10"/>
    </row>
    <row r="286185" spans="14:14">
      <c r="N286185" s="10"/>
    </row>
    <row r="286186" spans="14:14">
      <c r="N286186" s="10"/>
    </row>
    <row r="286187" spans="14:14">
      <c r="N286187" s="10"/>
    </row>
    <row r="286188" spans="14:14">
      <c r="N286188" s="10"/>
    </row>
    <row r="286189" spans="14:14">
      <c r="N286189" s="10"/>
    </row>
    <row r="286190" spans="14:14">
      <c r="N286190" s="10"/>
    </row>
    <row r="286191" spans="14:14">
      <c r="N286191" s="10"/>
    </row>
    <row r="286192" spans="14:14">
      <c r="N286192" s="10"/>
    </row>
    <row r="286193" spans="14:14">
      <c r="N286193" s="10"/>
    </row>
    <row r="286194" spans="14:14">
      <c r="N286194" s="10"/>
    </row>
    <row r="286195" spans="14:14">
      <c r="N286195" s="10"/>
    </row>
    <row r="286196" spans="14:14">
      <c r="N286196" s="10"/>
    </row>
    <row r="286197" spans="14:14">
      <c r="N286197" s="10"/>
    </row>
    <row r="286198" spans="14:14">
      <c r="N286198" s="10"/>
    </row>
    <row r="286199" spans="14:14">
      <c r="N286199" s="10"/>
    </row>
    <row r="286200" spans="14:14">
      <c r="N286200" s="10"/>
    </row>
    <row r="286201" spans="14:14">
      <c r="N286201" s="10"/>
    </row>
    <row r="286202" spans="14:14">
      <c r="N286202" s="10"/>
    </row>
    <row r="286203" spans="14:14">
      <c r="N286203" s="10"/>
    </row>
    <row r="286204" spans="14:14">
      <c r="N286204" s="10"/>
    </row>
    <row r="286205" spans="14:14">
      <c r="N286205" s="10"/>
    </row>
    <row r="286206" spans="14:14">
      <c r="N286206" s="10"/>
    </row>
    <row r="286207" spans="14:14">
      <c r="N286207" s="10"/>
    </row>
    <row r="286208" spans="14:14">
      <c r="N286208" s="10"/>
    </row>
    <row r="286209" spans="14:14">
      <c r="N286209" s="10"/>
    </row>
    <row r="286210" spans="14:14">
      <c r="N286210" s="10"/>
    </row>
    <row r="286211" spans="14:14">
      <c r="N286211" s="10"/>
    </row>
    <row r="286212" spans="14:14">
      <c r="N286212" s="10"/>
    </row>
    <row r="286213" spans="14:14">
      <c r="N286213" s="10"/>
    </row>
    <row r="286214" spans="14:14">
      <c r="N286214" s="10"/>
    </row>
    <row r="286215" spans="14:14">
      <c r="N286215" s="10"/>
    </row>
    <row r="286216" spans="14:14">
      <c r="N286216" s="10"/>
    </row>
    <row r="286217" spans="14:14">
      <c r="N286217" s="10"/>
    </row>
    <row r="286218" spans="14:14">
      <c r="N286218" s="10"/>
    </row>
    <row r="286219" spans="14:14">
      <c r="N286219" s="10"/>
    </row>
    <row r="286220" spans="14:14">
      <c r="N286220" s="10"/>
    </row>
    <row r="286221" spans="14:14">
      <c r="N286221" s="10"/>
    </row>
    <row r="286222" spans="14:14">
      <c r="N286222" s="10"/>
    </row>
    <row r="286223" spans="14:14">
      <c r="N286223" s="10"/>
    </row>
    <row r="286224" spans="14:14">
      <c r="N286224" s="10"/>
    </row>
    <row r="286225" spans="14:14">
      <c r="N286225" s="10"/>
    </row>
    <row r="286226" spans="14:14">
      <c r="N286226" s="10"/>
    </row>
    <row r="286227" spans="14:14">
      <c r="N286227" s="10"/>
    </row>
    <row r="286228" spans="14:14">
      <c r="N286228" s="10"/>
    </row>
    <row r="286229" spans="14:14">
      <c r="N286229" s="10"/>
    </row>
    <row r="286230" spans="14:14">
      <c r="N286230" s="10"/>
    </row>
    <row r="286231" spans="14:14">
      <c r="N286231" s="10"/>
    </row>
    <row r="286232" spans="14:14">
      <c r="N286232" s="10"/>
    </row>
    <row r="286233" spans="14:14">
      <c r="N286233" s="10"/>
    </row>
    <row r="286234" spans="14:14">
      <c r="N286234" s="10"/>
    </row>
    <row r="286235" spans="14:14">
      <c r="N286235" s="10"/>
    </row>
    <row r="286236" spans="14:14">
      <c r="N286236" s="10"/>
    </row>
    <row r="286237" spans="14:14">
      <c r="N286237" s="10"/>
    </row>
    <row r="286238" spans="14:14">
      <c r="N286238" s="10"/>
    </row>
    <row r="286239" spans="14:14">
      <c r="N286239" s="10"/>
    </row>
    <row r="286240" spans="14:14">
      <c r="N286240" s="10"/>
    </row>
    <row r="286241" spans="14:14">
      <c r="N286241" s="10"/>
    </row>
    <row r="286242" spans="14:14">
      <c r="N286242" s="10"/>
    </row>
    <row r="286243" spans="14:14">
      <c r="N286243" s="10"/>
    </row>
    <row r="286244" spans="14:14">
      <c r="N286244" s="10"/>
    </row>
    <row r="286245" spans="14:14">
      <c r="N286245" s="10"/>
    </row>
    <row r="286246" spans="14:14">
      <c r="N286246" s="10"/>
    </row>
    <row r="286247" spans="14:14">
      <c r="N286247" s="10"/>
    </row>
    <row r="286248" spans="14:14">
      <c r="N286248" s="10"/>
    </row>
    <row r="286249" spans="14:14">
      <c r="N286249" s="10"/>
    </row>
    <row r="286250" spans="14:14">
      <c r="N286250" s="10"/>
    </row>
    <row r="286251" spans="14:14">
      <c r="N286251" s="10"/>
    </row>
    <row r="286252" spans="14:14">
      <c r="N286252" s="10"/>
    </row>
    <row r="286253" spans="14:14">
      <c r="N286253" s="10"/>
    </row>
    <row r="286254" spans="14:14">
      <c r="N286254" s="10"/>
    </row>
    <row r="286255" spans="14:14">
      <c r="N286255" s="10"/>
    </row>
    <row r="286256" spans="14:14">
      <c r="N286256" s="10"/>
    </row>
    <row r="286257" spans="14:14">
      <c r="N286257" s="10"/>
    </row>
    <row r="286258" spans="14:14">
      <c r="N286258" s="10"/>
    </row>
    <row r="286259" spans="14:14">
      <c r="N286259" s="10"/>
    </row>
    <row r="286260" spans="14:14">
      <c r="N286260" s="10"/>
    </row>
    <row r="286261" spans="14:14">
      <c r="N286261" s="10"/>
    </row>
    <row r="286262" spans="14:14">
      <c r="N286262" s="10"/>
    </row>
    <row r="286263" spans="14:14">
      <c r="N286263" s="10"/>
    </row>
    <row r="286264" spans="14:14">
      <c r="N286264" s="10"/>
    </row>
    <row r="286265" spans="14:14">
      <c r="N286265" s="10"/>
    </row>
    <row r="286266" spans="14:14">
      <c r="N286266" s="10"/>
    </row>
    <row r="286267" spans="14:14">
      <c r="N286267" s="10"/>
    </row>
    <row r="286268" spans="14:14">
      <c r="N286268" s="10"/>
    </row>
    <row r="286269" spans="14:14">
      <c r="N286269" s="10"/>
    </row>
    <row r="286270" spans="14:14">
      <c r="N286270" s="10"/>
    </row>
    <row r="286271" spans="14:14">
      <c r="N286271" s="10"/>
    </row>
    <row r="286272" spans="14:14">
      <c r="N286272" s="10"/>
    </row>
    <row r="286273" spans="14:14">
      <c r="N286273" s="10"/>
    </row>
    <row r="286274" spans="14:14">
      <c r="N286274" s="10"/>
    </row>
    <row r="286275" spans="14:14">
      <c r="N286275" s="10"/>
    </row>
    <row r="286276" spans="14:14">
      <c r="N286276" s="10"/>
    </row>
    <row r="286277" spans="14:14">
      <c r="N286277" s="10"/>
    </row>
    <row r="286278" spans="14:14">
      <c r="N286278" s="10"/>
    </row>
    <row r="286279" spans="14:14">
      <c r="N286279" s="10"/>
    </row>
    <row r="286280" spans="14:14">
      <c r="N286280" s="10"/>
    </row>
    <row r="286281" spans="14:14">
      <c r="N286281" s="10"/>
    </row>
    <row r="286282" spans="14:14">
      <c r="N286282" s="10"/>
    </row>
    <row r="286283" spans="14:14">
      <c r="N286283" s="10"/>
    </row>
    <row r="286284" spans="14:14">
      <c r="N286284" s="10"/>
    </row>
    <row r="286285" spans="14:14">
      <c r="N286285" s="10"/>
    </row>
    <row r="286286" spans="14:14">
      <c r="N286286" s="10"/>
    </row>
    <row r="286287" spans="14:14">
      <c r="N286287" s="10"/>
    </row>
    <row r="286288" spans="14:14">
      <c r="N286288" s="10"/>
    </row>
    <row r="286289" spans="14:14">
      <c r="N286289" s="10"/>
    </row>
    <row r="286290" spans="14:14">
      <c r="N286290" s="10"/>
    </row>
    <row r="286291" spans="14:14">
      <c r="N286291" s="10"/>
    </row>
    <row r="286292" spans="14:14">
      <c r="N286292" s="10"/>
    </row>
    <row r="286293" spans="14:14">
      <c r="N286293" s="10"/>
    </row>
    <row r="286294" spans="14:14">
      <c r="N286294" s="10"/>
    </row>
    <row r="286295" spans="14:14">
      <c r="N286295" s="10"/>
    </row>
    <row r="286296" spans="14:14">
      <c r="N286296" s="10"/>
    </row>
    <row r="286297" spans="14:14">
      <c r="N286297" s="10"/>
    </row>
    <row r="286298" spans="14:14">
      <c r="N286298" s="10"/>
    </row>
    <row r="286299" spans="14:14">
      <c r="N286299" s="10"/>
    </row>
    <row r="286300" spans="14:14">
      <c r="N286300" s="10"/>
    </row>
    <row r="286301" spans="14:14">
      <c r="N286301" s="10"/>
    </row>
    <row r="286302" spans="14:14">
      <c r="N286302" s="10"/>
    </row>
    <row r="286303" spans="14:14">
      <c r="N286303" s="10"/>
    </row>
    <row r="286304" spans="14:14">
      <c r="N286304" s="10"/>
    </row>
    <row r="286305" spans="14:14">
      <c r="N286305" s="10"/>
    </row>
    <row r="286306" spans="14:14">
      <c r="N286306" s="10"/>
    </row>
    <row r="286307" spans="14:14">
      <c r="N286307" s="10"/>
    </row>
    <row r="286308" spans="14:14">
      <c r="N286308" s="10"/>
    </row>
    <row r="286309" spans="14:14">
      <c r="N286309" s="10"/>
    </row>
    <row r="286310" spans="14:14">
      <c r="N286310" s="10"/>
    </row>
    <row r="286311" spans="14:14">
      <c r="N286311" s="10"/>
    </row>
    <row r="286312" spans="14:14">
      <c r="N286312" s="10"/>
    </row>
    <row r="286313" spans="14:14">
      <c r="N286313" s="10"/>
    </row>
    <row r="286314" spans="14:14">
      <c r="N286314" s="10"/>
    </row>
    <row r="286315" spans="14:14">
      <c r="N286315" s="10"/>
    </row>
    <row r="286316" spans="14:14">
      <c r="N286316" s="10"/>
    </row>
    <row r="286317" spans="14:14">
      <c r="N286317" s="10"/>
    </row>
    <row r="286318" spans="14:14">
      <c r="N286318" s="10"/>
    </row>
    <row r="286319" spans="14:14">
      <c r="N286319" s="10"/>
    </row>
    <row r="286320" spans="14:14">
      <c r="N286320" s="10"/>
    </row>
    <row r="286321" spans="14:14">
      <c r="N286321" s="10"/>
    </row>
    <row r="286322" spans="14:14">
      <c r="N286322" s="10"/>
    </row>
    <row r="286323" spans="14:14">
      <c r="N286323" s="10"/>
    </row>
    <row r="286324" spans="14:14">
      <c r="N286324" s="10"/>
    </row>
    <row r="286325" spans="14:14">
      <c r="N286325" s="10"/>
    </row>
    <row r="286326" spans="14:14">
      <c r="N286326" s="10"/>
    </row>
    <row r="286327" spans="14:14">
      <c r="N286327" s="10"/>
    </row>
    <row r="286328" spans="14:14">
      <c r="N286328" s="10"/>
    </row>
    <row r="286329" spans="14:14">
      <c r="N286329" s="10"/>
    </row>
    <row r="286330" spans="14:14">
      <c r="N286330" s="10"/>
    </row>
    <row r="286331" spans="14:14">
      <c r="N286331" s="10"/>
    </row>
    <row r="286332" spans="14:14">
      <c r="N286332" s="10"/>
    </row>
    <row r="286333" spans="14:14">
      <c r="N286333" s="10"/>
    </row>
    <row r="286334" spans="14:14">
      <c r="N286334" s="10"/>
    </row>
    <row r="286335" spans="14:14">
      <c r="N286335" s="10"/>
    </row>
    <row r="286336" spans="14:14">
      <c r="N286336" s="10"/>
    </row>
    <row r="286337" spans="14:14">
      <c r="N286337" s="10"/>
    </row>
    <row r="286338" spans="14:14">
      <c r="N286338" s="10"/>
    </row>
    <row r="286339" spans="14:14">
      <c r="N286339" s="10"/>
    </row>
    <row r="286340" spans="14:14">
      <c r="N286340" s="10"/>
    </row>
    <row r="286341" spans="14:14">
      <c r="N286341" s="10"/>
    </row>
    <row r="286342" spans="14:14">
      <c r="N286342" s="10"/>
    </row>
    <row r="286343" spans="14:14">
      <c r="N286343" s="10"/>
    </row>
    <row r="286344" spans="14:14">
      <c r="N286344" s="10"/>
    </row>
    <row r="286345" spans="14:14">
      <c r="N286345" s="10"/>
    </row>
    <row r="286346" spans="14:14">
      <c r="N286346" s="10"/>
    </row>
    <row r="286347" spans="14:14">
      <c r="N286347" s="10"/>
    </row>
    <row r="286348" spans="14:14">
      <c r="N286348" s="10"/>
    </row>
    <row r="286349" spans="14:14">
      <c r="N286349" s="10"/>
    </row>
    <row r="286350" spans="14:14">
      <c r="N286350" s="10"/>
    </row>
    <row r="286351" spans="14:14">
      <c r="N286351" s="10"/>
    </row>
    <row r="286352" spans="14:14">
      <c r="N286352" s="10"/>
    </row>
    <row r="286353" spans="14:14">
      <c r="N286353" s="10"/>
    </row>
    <row r="286354" spans="14:14">
      <c r="N286354" s="10"/>
    </row>
    <row r="286355" spans="14:14">
      <c r="N286355" s="10"/>
    </row>
    <row r="286356" spans="14:14">
      <c r="N286356" s="10"/>
    </row>
    <row r="286357" spans="14:14">
      <c r="N286357" s="10"/>
    </row>
    <row r="286358" spans="14:14">
      <c r="N286358" s="10"/>
    </row>
    <row r="286359" spans="14:14">
      <c r="N286359" s="10"/>
    </row>
    <row r="286360" spans="14:14">
      <c r="N286360" s="10"/>
    </row>
    <row r="286361" spans="14:14">
      <c r="N286361" s="10"/>
    </row>
    <row r="286362" spans="14:14">
      <c r="N286362" s="10"/>
    </row>
    <row r="286363" spans="14:14">
      <c r="N286363" s="10"/>
    </row>
    <row r="286364" spans="14:14">
      <c r="N286364" s="10"/>
    </row>
    <row r="286365" spans="14:14">
      <c r="N286365" s="10"/>
    </row>
    <row r="286366" spans="14:14">
      <c r="N286366" s="10"/>
    </row>
    <row r="286367" spans="14:14">
      <c r="N286367" s="10"/>
    </row>
    <row r="286368" spans="14:14">
      <c r="N286368" s="10"/>
    </row>
    <row r="286369" spans="14:14">
      <c r="N286369" s="10"/>
    </row>
    <row r="286370" spans="14:14">
      <c r="N286370" s="10"/>
    </row>
    <row r="286371" spans="14:14">
      <c r="N286371" s="10"/>
    </row>
    <row r="286372" spans="14:14">
      <c r="N286372" s="10"/>
    </row>
    <row r="286373" spans="14:14">
      <c r="N286373" s="10"/>
    </row>
    <row r="286374" spans="14:14">
      <c r="N286374" s="10"/>
    </row>
    <row r="286375" spans="14:14">
      <c r="N286375" s="10"/>
    </row>
    <row r="286376" spans="14:14">
      <c r="N286376" s="10"/>
    </row>
    <row r="286377" spans="14:14">
      <c r="N286377" s="10"/>
    </row>
    <row r="286378" spans="14:14">
      <c r="N286378" s="10"/>
    </row>
    <row r="286379" spans="14:14">
      <c r="N286379" s="10"/>
    </row>
    <row r="286380" spans="14:14">
      <c r="N286380" s="10"/>
    </row>
    <row r="286381" spans="14:14">
      <c r="N286381" s="10"/>
    </row>
    <row r="286382" spans="14:14">
      <c r="N286382" s="10"/>
    </row>
    <row r="286383" spans="14:14">
      <c r="N286383" s="10"/>
    </row>
    <row r="286384" spans="14:14">
      <c r="N286384" s="10"/>
    </row>
    <row r="286385" spans="14:14">
      <c r="N286385" s="10"/>
    </row>
    <row r="286386" spans="14:14">
      <c r="N286386" s="10"/>
    </row>
    <row r="286387" spans="14:14">
      <c r="N286387" s="10"/>
    </row>
    <row r="286388" spans="14:14">
      <c r="N286388" s="10"/>
    </row>
    <row r="286389" spans="14:14">
      <c r="N286389" s="10"/>
    </row>
    <row r="286390" spans="14:14">
      <c r="N286390" s="10"/>
    </row>
    <row r="286391" spans="14:14">
      <c r="N286391" s="10"/>
    </row>
    <row r="286392" spans="14:14">
      <c r="N286392" s="10"/>
    </row>
    <row r="286393" spans="14:14">
      <c r="N286393" s="10"/>
    </row>
    <row r="286394" spans="14:14">
      <c r="N286394" s="10"/>
    </row>
    <row r="286395" spans="14:14">
      <c r="N286395" s="10"/>
    </row>
    <row r="286396" spans="14:14">
      <c r="N286396" s="10"/>
    </row>
    <row r="286397" spans="14:14">
      <c r="N286397" s="10"/>
    </row>
    <row r="286398" spans="14:14">
      <c r="N286398" s="10"/>
    </row>
    <row r="286399" spans="14:14">
      <c r="N286399" s="10"/>
    </row>
    <row r="286400" spans="14:14">
      <c r="N286400" s="10"/>
    </row>
    <row r="286401" spans="14:14">
      <c r="N286401" s="10"/>
    </row>
    <row r="286402" spans="14:14">
      <c r="N286402" s="10"/>
    </row>
    <row r="286403" spans="14:14">
      <c r="N286403" s="10"/>
    </row>
    <row r="286404" spans="14:14">
      <c r="N286404" s="10"/>
    </row>
    <row r="286405" spans="14:14">
      <c r="N286405" s="10"/>
    </row>
    <row r="286406" spans="14:14">
      <c r="N286406" s="10"/>
    </row>
    <row r="286407" spans="14:14">
      <c r="N286407" s="10"/>
    </row>
    <row r="286408" spans="14:14">
      <c r="N286408" s="10"/>
    </row>
    <row r="286409" spans="14:14">
      <c r="N286409" s="10"/>
    </row>
    <row r="286410" spans="14:14">
      <c r="N286410" s="10"/>
    </row>
    <row r="286411" spans="14:14">
      <c r="N286411" s="10"/>
    </row>
    <row r="286412" spans="14:14">
      <c r="N286412" s="10"/>
    </row>
    <row r="286413" spans="14:14">
      <c r="N286413" s="10"/>
    </row>
    <row r="286414" spans="14:14">
      <c r="N286414" s="10"/>
    </row>
    <row r="286415" spans="14:14">
      <c r="N286415" s="10"/>
    </row>
    <row r="286416" spans="14:14">
      <c r="N286416" s="10"/>
    </row>
    <row r="286417" spans="14:14">
      <c r="N286417" s="10"/>
    </row>
    <row r="286418" spans="14:14">
      <c r="N286418" s="10"/>
    </row>
    <row r="286419" spans="14:14">
      <c r="N286419" s="10"/>
    </row>
    <row r="286420" spans="14:14">
      <c r="N286420" s="10"/>
    </row>
    <row r="286421" spans="14:14">
      <c r="N286421" s="10"/>
    </row>
    <row r="286422" spans="14:14">
      <c r="N286422" s="10"/>
    </row>
    <row r="286423" spans="14:14">
      <c r="N286423" s="10"/>
    </row>
    <row r="286424" spans="14:14">
      <c r="N286424" s="10"/>
    </row>
    <row r="286425" spans="14:14">
      <c r="N286425" s="10"/>
    </row>
    <row r="286426" spans="14:14">
      <c r="N286426" s="10"/>
    </row>
    <row r="286427" spans="14:14">
      <c r="N286427" s="10"/>
    </row>
    <row r="286428" spans="14:14">
      <c r="N286428" s="10"/>
    </row>
    <row r="286429" spans="14:14">
      <c r="N286429" s="10"/>
    </row>
    <row r="286430" spans="14:14">
      <c r="N286430" s="10"/>
    </row>
    <row r="286431" spans="14:14">
      <c r="N286431" s="10"/>
    </row>
    <row r="286432" spans="14:14">
      <c r="N286432" s="10"/>
    </row>
    <row r="286433" spans="14:14">
      <c r="N286433" s="10"/>
    </row>
    <row r="286434" spans="14:14">
      <c r="N286434" s="10"/>
    </row>
    <row r="286435" spans="14:14">
      <c r="N286435" s="10"/>
    </row>
    <row r="286436" spans="14:14">
      <c r="N286436" s="10"/>
    </row>
    <row r="286437" spans="14:14">
      <c r="N286437" s="10"/>
    </row>
    <row r="286438" spans="14:14">
      <c r="N286438" s="10"/>
    </row>
    <row r="286439" spans="14:14">
      <c r="N286439" s="10"/>
    </row>
    <row r="286440" spans="14:14">
      <c r="N286440" s="10"/>
    </row>
    <row r="286441" spans="14:14">
      <c r="N286441" s="10"/>
    </row>
    <row r="286442" spans="14:14">
      <c r="N286442" s="10"/>
    </row>
    <row r="286443" spans="14:14">
      <c r="N286443" s="10"/>
    </row>
    <row r="286444" spans="14:14">
      <c r="N286444" s="10"/>
    </row>
    <row r="286445" spans="14:14">
      <c r="N286445" s="10"/>
    </row>
    <row r="286446" spans="14:14">
      <c r="N286446" s="10"/>
    </row>
    <row r="286447" spans="14:14">
      <c r="N286447" s="10"/>
    </row>
    <row r="286448" spans="14:14">
      <c r="N286448" s="10"/>
    </row>
    <row r="286449" spans="14:14">
      <c r="N286449" s="10"/>
    </row>
    <row r="286450" spans="14:14">
      <c r="N286450" s="10"/>
    </row>
    <row r="286451" spans="14:14">
      <c r="N286451" s="10"/>
    </row>
    <row r="286452" spans="14:14">
      <c r="N286452" s="10"/>
    </row>
    <row r="286453" spans="14:14">
      <c r="N286453" s="10"/>
    </row>
    <row r="286454" spans="14:14">
      <c r="N286454" s="10"/>
    </row>
    <row r="286455" spans="14:14">
      <c r="N286455" s="10"/>
    </row>
    <row r="286456" spans="14:14">
      <c r="N286456" s="10"/>
    </row>
    <row r="286457" spans="14:14">
      <c r="N286457" s="10"/>
    </row>
    <row r="286458" spans="14:14">
      <c r="N286458" s="10"/>
    </row>
    <row r="286459" spans="14:14">
      <c r="N286459" s="10"/>
    </row>
    <row r="286460" spans="14:14">
      <c r="N286460" s="10"/>
    </row>
    <row r="286461" spans="14:14">
      <c r="N286461" s="10"/>
    </row>
    <row r="286462" spans="14:14">
      <c r="N286462" s="10"/>
    </row>
    <row r="286463" spans="14:14">
      <c r="N286463" s="10"/>
    </row>
    <row r="286464" spans="14:14">
      <c r="N286464" s="10"/>
    </row>
    <row r="286465" spans="14:14">
      <c r="N286465" s="10"/>
    </row>
    <row r="286466" spans="14:14">
      <c r="N286466" s="10"/>
    </row>
    <row r="286467" spans="14:14">
      <c r="N286467" s="10"/>
    </row>
    <row r="286468" spans="14:14">
      <c r="N286468" s="10"/>
    </row>
    <row r="286469" spans="14:14">
      <c r="N286469" s="10"/>
    </row>
    <row r="286470" spans="14:14">
      <c r="N286470" s="10"/>
    </row>
    <row r="286471" spans="14:14">
      <c r="N286471" s="10"/>
    </row>
    <row r="286472" spans="14:14">
      <c r="N286472" s="10"/>
    </row>
    <row r="286473" spans="14:14">
      <c r="N286473" s="10"/>
    </row>
    <row r="286474" spans="14:14">
      <c r="N286474" s="10"/>
    </row>
    <row r="286475" spans="14:14">
      <c r="N286475" s="10"/>
    </row>
    <row r="286476" spans="14:14">
      <c r="N286476" s="10"/>
    </row>
    <row r="286477" spans="14:14">
      <c r="N286477" s="10"/>
    </row>
    <row r="286478" spans="14:14">
      <c r="N286478" s="10"/>
    </row>
    <row r="286479" spans="14:14">
      <c r="N286479" s="10"/>
    </row>
    <row r="286480" spans="14:14">
      <c r="N286480" s="10"/>
    </row>
    <row r="286481" spans="14:14">
      <c r="N286481" s="10"/>
    </row>
    <row r="286482" spans="14:14">
      <c r="N286482" s="10"/>
    </row>
    <row r="286483" spans="14:14">
      <c r="N286483" s="10"/>
    </row>
    <row r="286484" spans="14:14">
      <c r="N286484" s="10"/>
    </row>
    <row r="286485" spans="14:14">
      <c r="N286485" s="10"/>
    </row>
    <row r="286486" spans="14:14">
      <c r="N286486" s="10"/>
    </row>
    <row r="286487" spans="14:14">
      <c r="N286487" s="10"/>
    </row>
    <row r="286488" spans="14:14">
      <c r="N286488" s="10"/>
    </row>
    <row r="286489" spans="14:14">
      <c r="N286489" s="10"/>
    </row>
    <row r="286490" spans="14:14">
      <c r="N286490" s="10"/>
    </row>
    <row r="286491" spans="14:14">
      <c r="N286491" s="10"/>
    </row>
    <row r="286492" spans="14:14">
      <c r="N286492" s="10"/>
    </row>
    <row r="286493" spans="14:14">
      <c r="N286493" s="10"/>
    </row>
    <row r="286494" spans="14:14">
      <c r="N286494" s="10"/>
    </row>
    <row r="286495" spans="14:14">
      <c r="N286495" s="10"/>
    </row>
    <row r="286496" spans="14:14">
      <c r="N286496" s="10"/>
    </row>
    <row r="286497" spans="14:14">
      <c r="N286497" s="10"/>
    </row>
    <row r="286498" spans="14:14">
      <c r="N286498" s="10"/>
    </row>
    <row r="286499" spans="14:14">
      <c r="N286499" s="10"/>
    </row>
    <row r="286500" spans="14:14">
      <c r="N286500" s="10"/>
    </row>
    <row r="286501" spans="14:14">
      <c r="N286501" s="10"/>
    </row>
    <row r="286502" spans="14:14">
      <c r="N286502" s="10"/>
    </row>
    <row r="286503" spans="14:14">
      <c r="N286503" s="10"/>
    </row>
    <row r="286504" spans="14:14">
      <c r="N286504" s="10"/>
    </row>
    <row r="286505" spans="14:14">
      <c r="N286505" s="10"/>
    </row>
    <row r="286506" spans="14:14">
      <c r="N286506" s="10"/>
    </row>
    <row r="286507" spans="14:14">
      <c r="N286507" s="10"/>
    </row>
    <row r="286508" spans="14:14">
      <c r="N286508" s="10"/>
    </row>
    <row r="286509" spans="14:14">
      <c r="N286509" s="10"/>
    </row>
    <row r="286510" spans="14:14">
      <c r="N286510" s="10"/>
    </row>
    <row r="286511" spans="14:14">
      <c r="N286511" s="10"/>
    </row>
    <row r="286512" spans="14:14">
      <c r="N286512" s="10"/>
    </row>
    <row r="286513" spans="14:14">
      <c r="N286513" s="10"/>
    </row>
    <row r="286514" spans="14:14">
      <c r="N286514" s="10"/>
    </row>
    <row r="286515" spans="14:14">
      <c r="N286515" s="10"/>
    </row>
    <row r="286516" spans="14:14">
      <c r="N286516" s="10"/>
    </row>
    <row r="286517" spans="14:14">
      <c r="N286517" s="10"/>
    </row>
    <row r="286518" spans="14:14">
      <c r="N286518" s="10"/>
    </row>
    <row r="286519" spans="14:14">
      <c r="N286519" s="10"/>
    </row>
    <row r="286520" spans="14:14">
      <c r="N286520" s="10"/>
    </row>
    <row r="286521" spans="14:14">
      <c r="N286521" s="10"/>
    </row>
    <row r="286522" spans="14:14">
      <c r="N286522" s="10"/>
    </row>
    <row r="286523" spans="14:14">
      <c r="N286523" s="10"/>
    </row>
    <row r="286524" spans="14:14">
      <c r="N286524" s="10"/>
    </row>
    <row r="286525" spans="14:14">
      <c r="N286525" s="10"/>
    </row>
    <row r="286526" spans="14:14">
      <c r="N286526" s="10"/>
    </row>
    <row r="286527" spans="14:14">
      <c r="N286527" s="10"/>
    </row>
    <row r="286528" spans="14:14">
      <c r="N286528" s="10"/>
    </row>
    <row r="286529" spans="14:14">
      <c r="N286529" s="10"/>
    </row>
    <row r="286530" spans="14:14">
      <c r="N286530" s="10"/>
    </row>
    <row r="286531" spans="14:14">
      <c r="N286531" s="10"/>
    </row>
    <row r="286532" spans="14:14">
      <c r="N286532" s="10"/>
    </row>
    <row r="286533" spans="14:14">
      <c r="N286533" s="10"/>
    </row>
    <row r="286534" spans="14:14">
      <c r="N286534" s="10"/>
    </row>
    <row r="286535" spans="14:14">
      <c r="N286535" s="10"/>
    </row>
    <row r="286536" spans="14:14">
      <c r="N286536" s="10"/>
    </row>
    <row r="286537" spans="14:14">
      <c r="N286537" s="10"/>
    </row>
    <row r="286538" spans="14:14">
      <c r="N286538" s="10"/>
    </row>
    <row r="286539" spans="14:14">
      <c r="N286539" s="10"/>
    </row>
    <row r="286540" spans="14:14">
      <c r="N286540" s="10"/>
    </row>
    <row r="286541" spans="14:14">
      <c r="N286541" s="10"/>
    </row>
    <row r="286542" spans="14:14">
      <c r="N286542" s="10"/>
    </row>
    <row r="286543" spans="14:14">
      <c r="N286543" s="10"/>
    </row>
    <row r="286544" spans="14:14">
      <c r="N286544" s="10"/>
    </row>
    <row r="286545" spans="14:14">
      <c r="N286545" s="10"/>
    </row>
    <row r="286546" spans="14:14">
      <c r="N286546" s="10"/>
    </row>
    <row r="286547" spans="14:14">
      <c r="N286547" s="10"/>
    </row>
    <row r="286548" spans="14:14">
      <c r="N286548" s="10"/>
    </row>
    <row r="286549" spans="14:14">
      <c r="N286549" s="10"/>
    </row>
    <row r="286550" spans="14:14">
      <c r="N286550" s="10"/>
    </row>
    <row r="286551" spans="14:14">
      <c r="N286551" s="10"/>
    </row>
    <row r="286552" spans="14:14">
      <c r="N286552" s="10"/>
    </row>
    <row r="286553" spans="14:14">
      <c r="N286553" s="10"/>
    </row>
    <row r="286554" spans="14:14">
      <c r="N286554" s="10"/>
    </row>
    <row r="286555" spans="14:14">
      <c r="N286555" s="10"/>
    </row>
    <row r="286556" spans="14:14">
      <c r="N286556" s="10"/>
    </row>
    <row r="286557" spans="14:14">
      <c r="N286557" s="10"/>
    </row>
    <row r="286558" spans="14:14">
      <c r="N286558" s="10"/>
    </row>
    <row r="286559" spans="14:14">
      <c r="N286559" s="10"/>
    </row>
    <row r="286560" spans="14:14">
      <c r="N286560" s="10"/>
    </row>
    <row r="286561" spans="14:14">
      <c r="N286561" s="10"/>
    </row>
    <row r="286562" spans="14:14">
      <c r="N286562" s="10"/>
    </row>
    <row r="286563" spans="14:14">
      <c r="N286563" s="10"/>
    </row>
    <row r="286564" spans="14:14">
      <c r="N286564" s="10"/>
    </row>
    <row r="286565" spans="14:14">
      <c r="N286565" s="10"/>
    </row>
    <row r="286566" spans="14:14">
      <c r="N286566" s="10"/>
    </row>
    <row r="286567" spans="14:14">
      <c r="N286567" s="10"/>
    </row>
    <row r="286568" spans="14:14">
      <c r="N286568" s="10"/>
    </row>
    <row r="286569" spans="14:14">
      <c r="N286569" s="10"/>
    </row>
    <row r="286570" spans="14:14">
      <c r="N286570" s="10"/>
    </row>
    <row r="286571" spans="14:14">
      <c r="N286571" s="10"/>
    </row>
    <row r="286572" spans="14:14">
      <c r="N286572" s="10"/>
    </row>
    <row r="286573" spans="14:14">
      <c r="N286573" s="10"/>
    </row>
    <row r="286574" spans="14:14">
      <c r="N286574" s="10"/>
    </row>
    <row r="286575" spans="14:14">
      <c r="N286575" s="10"/>
    </row>
    <row r="286576" spans="14:14">
      <c r="N286576" s="10"/>
    </row>
    <row r="286577" spans="14:14">
      <c r="N286577" s="10"/>
    </row>
    <row r="286578" spans="14:14">
      <c r="N286578" s="10"/>
    </row>
    <row r="286579" spans="14:14">
      <c r="N286579" s="10"/>
    </row>
    <row r="286580" spans="14:14">
      <c r="N286580" s="10"/>
    </row>
    <row r="286581" spans="14:14">
      <c r="N286581" s="10"/>
    </row>
    <row r="286582" spans="14:14">
      <c r="N286582" s="10"/>
    </row>
    <row r="286583" spans="14:14">
      <c r="N286583" s="10"/>
    </row>
    <row r="286584" spans="14:14">
      <c r="N286584" s="10"/>
    </row>
    <row r="286585" spans="14:14">
      <c r="N286585" s="10"/>
    </row>
    <row r="286586" spans="14:14">
      <c r="N286586" s="10"/>
    </row>
    <row r="286587" spans="14:14">
      <c r="N286587" s="10"/>
    </row>
    <row r="286588" spans="14:14">
      <c r="N286588" s="10"/>
    </row>
    <row r="286589" spans="14:14">
      <c r="N286589" s="10"/>
    </row>
    <row r="286590" spans="14:14">
      <c r="N286590" s="10"/>
    </row>
    <row r="286591" spans="14:14">
      <c r="N286591" s="10"/>
    </row>
    <row r="286592" spans="14:14">
      <c r="N286592" s="10"/>
    </row>
    <row r="286593" spans="14:14">
      <c r="N286593" s="10"/>
    </row>
    <row r="286594" spans="14:14">
      <c r="N286594" s="10"/>
    </row>
    <row r="286595" spans="14:14">
      <c r="N286595" s="10"/>
    </row>
    <row r="286596" spans="14:14">
      <c r="N286596" s="10"/>
    </row>
    <row r="286597" spans="14:14">
      <c r="N286597" s="10"/>
    </row>
    <row r="286598" spans="14:14">
      <c r="N286598" s="10"/>
    </row>
    <row r="286599" spans="14:14">
      <c r="N286599" s="10"/>
    </row>
    <row r="286600" spans="14:14">
      <c r="N286600" s="10"/>
    </row>
    <row r="286601" spans="14:14">
      <c r="N286601" s="10"/>
    </row>
    <row r="286602" spans="14:14">
      <c r="N286602" s="10"/>
    </row>
    <row r="286603" spans="14:14">
      <c r="N286603" s="10"/>
    </row>
    <row r="286604" spans="14:14">
      <c r="N286604" s="10"/>
    </row>
    <row r="286605" spans="14:14">
      <c r="N286605" s="10"/>
    </row>
    <row r="286606" spans="14:14">
      <c r="N286606" s="10"/>
    </row>
    <row r="286607" spans="14:14">
      <c r="N286607" s="10"/>
    </row>
    <row r="286608" spans="14:14">
      <c r="N286608" s="10"/>
    </row>
    <row r="286609" spans="14:14">
      <c r="N286609" s="10"/>
    </row>
    <row r="286610" spans="14:14">
      <c r="N286610" s="10"/>
    </row>
    <row r="286611" spans="14:14">
      <c r="N286611" s="10"/>
    </row>
    <row r="286612" spans="14:14">
      <c r="N286612" s="10"/>
    </row>
    <row r="286613" spans="14:14">
      <c r="N286613" s="10"/>
    </row>
    <row r="286614" spans="14:14">
      <c r="N286614" s="10"/>
    </row>
    <row r="286615" spans="14:14">
      <c r="N286615" s="10"/>
    </row>
    <row r="286616" spans="14:14">
      <c r="N286616" s="10"/>
    </row>
    <row r="286617" spans="14:14">
      <c r="N286617" s="10"/>
    </row>
    <row r="286618" spans="14:14">
      <c r="N286618" s="10"/>
    </row>
    <row r="286619" spans="14:14">
      <c r="N286619" s="10"/>
    </row>
    <row r="286620" spans="14:14">
      <c r="N286620" s="10"/>
    </row>
    <row r="286621" spans="14:14">
      <c r="N286621" s="10"/>
    </row>
    <row r="286622" spans="14:14">
      <c r="N286622" s="10"/>
    </row>
    <row r="286623" spans="14:14">
      <c r="N286623" s="10"/>
    </row>
    <row r="286624" spans="14:14">
      <c r="N286624" s="10"/>
    </row>
    <row r="286625" spans="14:14">
      <c r="N286625" s="10"/>
    </row>
    <row r="286626" spans="14:14">
      <c r="N286626" s="10"/>
    </row>
    <row r="286627" spans="14:14">
      <c r="N286627" s="10"/>
    </row>
    <row r="286628" spans="14:14">
      <c r="N286628" s="10"/>
    </row>
    <row r="286629" spans="14:14">
      <c r="N286629" s="10"/>
    </row>
    <row r="286630" spans="14:14">
      <c r="N286630" s="10"/>
    </row>
    <row r="286631" spans="14:14">
      <c r="N286631" s="10"/>
    </row>
    <row r="286632" spans="14:14">
      <c r="N286632" s="10"/>
    </row>
    <row r="286633" spans="14:14">
      <c r="N286633" s="10"/>
    </row>
    <row r="286634" spans="14:14">
      <c r="N286634" s="10"/>
    </row>
    <row r="286635" spans="14:14">
      <c r="N286635" s="10"/>
    </row>
    <row r="286636" spans="14:14">
      <c r="N286636" s="10"/>
    </row>
    <row r="286637" spans="14:14">
      <c r="N286637" s="10"/>
    </row>
    <row r="286638" spans="14:14">
      <c r="N286638" s="10"/>
    </row>
    <row r="286639" spans="14:14">
      <c r="N286639" s="10"/>
    </row>
    <row r="286640" spans="14:14">
      <c r="N286640" s="10"/>
    </row>
    <row r="286641" spans="14:14">
      <c r="N286641" s="10"/>
    </row>
    <row r="286642" spans="14:14">
      <c r="N286642" s="10"/>
    </row>
    <row r="286643" spans="14:14">
      <c r="N286643" s="10"/>
    </row>
    <row r="286644" spans="14:14">
      <c r="N286644" s="10"/>
    </row>
    <row r="286645" spans="14:14">
      <c r="N286645" s="10"/>
    </row>
    <row r="286646" spans="14:14">
      <c r="N286646" s="10"/>
    </row>
    <row r="286647" spans="14:14">
      <c r="N286647" s="10"/>
    </row>
    <row r="286648" spans="14:14">
      <c r="N286648" s="10"/>
    </row>
    <row r="286649" spans="14:14">
      <c r="N286649" s="10"/>
    </row>
    <row r="286650" spans="14:14">
      <c r="N286650" s="10"/>
    </row>
    <row r="286651" spans="14:14">
      <c r="N286651" s="10"/>
    </row>
    <row r="286652" spans="14:14">
      <c r="N286652" s="10"/>
    </row>
    <row r="286653" spans="14:14">
      <c r="N286653" s="10"/>
    </row>
    <row r="286654" spans="14:14">
      <c r="N286654" s="10"/>
    </row>
    <row r="286655" spans="14:14">
      <c r="N286655" s="10"/>
    </row>
    <row r="286656" spans="14:14">
      <c r="N286656" s="10"/>
    </row>
    <row r="286657" spans="14:14">
      <c r="N286657" s="10"/>
    </row>
    <row r="286658" spans="14:14">
      <c r="N286658" s="10"/>
    </row>
    <row r="286659" spans="14:14">
      <c r="N286659" s="10"/>
    </row>
    <row r="286660" spans="14:14">
      <c r="N286660" s="10"/>
    </row>
    <row r="286661" spans="14:14">
      <c r="N286661" s="10"/>
    </row>
    <row r="286662" spans="14:14">
      <c r="N286662" s="10"/>
    </row>
    <row r="286663" spans="14:14">
      <c r="N286663" s="10"/>
    </row>
    <row r="286664" spans="14:14">
      <c r="N286664" s="10"/>
    </row>
    <row r="286665" spans="14:14">
      <c r="N286665" s="10"/>
    </row>
    <row r="286666" spans="14:14">
      <c r="N286666" s="10"/>
    </row>
    <row r="286667" spans="14:14">
      <c r="N286667" s="10"/>
    </row>
    <row r="286668" spans="14:14">
      <c r="N286668" s="10"/>
    </row>
    <row r="286669" spans="14:14">
      <c r="N286669" s="10"/>
    </row>
    <row r="286670" spans="14:14">
      <c r="N286670" s="10"/>
    </row>
    <row r="286671" spans="14:14">
      <c r="N286671" s="10"/>
    </row>
    <row r="286672" spans="14:14">
      <c r="N286672" s="10"/>
    </row>
    <row r="286673" spans="14:14">
      <c r="N286673" s="10"/>
    </row>
    <row r="286674" spans="14:14">
      <c r="N286674" s="10"/>
    </row>
    <row r="286675" spans="14:14">
      <c r="N286675" s="10"/>
    </row>
    <row r="286676" spans="14:14">
      <c r="N286676" s="10"/>
    </row>
    <row r="286677" spans="14:14">
      <c r="N286677" s="10"/>
    </row>
    <row r="286678" spans="14:14">
      <c r="N286678" s="10"/>
    </row>
    <row r="286679" spans="14:14">
      <c r="N286679" s="10"/>
    </row>
    <row r="286680" spans="14:14">
      <c r="N286680" s="10"/>
    </row>
    <row r="286681" spans="14:14">
      <c r="N286681" s="10"/>
    </row>
    <row r="286682" spans="14:14">
      <c r="N286682" s="10"/>
    </row>
    <row r="286683" spans="14:14">
      <c r="N286683" s="10"/>
    </row>
    <row r="286684" spans="14:14">
      <c r="N286684" s="10"/>
    </row>
    <row r="286685" spans="14:14">
      <c r="N286685" s="10"/>
    </row>
    <row r="286686" spans="14:14">
      <c r="N286686" s="10"/>
    </row>
    <row r="286687" spans="14:14">
      <c r="N286687" s="10"/>
    </row>
    <row r="286688" spans="14:14">
      <c r="N286688" s="10"/>
    </row>
    <row r="286689" spans="14:14">
      <c r="N286689" s="10"/>
    </row>
    <row r="286690" spans="14:14">
      <c r="N286690" s="10"/>
    </row>
    <row r="286691" spans="14:14">
      <c r="N286691" s="10"/>
    </row>
    <row r="286692" spans="14:14">
      <c r="N286692" s="10"/>
    </row>
    <row r="286693" spans="14:14">
      <c r="N286693" s="10"/>
    </row>
    <row r="286694" spans="14:14">
      <c r="N286694" s="10"/>
    </row>
    <row r="286695" spans="14:14">
      <c r="N286695" s="10"/>
    </row>
    <row r="286696" spans="14:14">
      <c r="N286696" s="10"/>
    </row>
    <row r="286697" spans="14:14">
      <c r="N286697" s="10"/>
    </row>
    <row r="286698" spans="14:14">
      <c r="N286698" s="10"/>
    </row>
    <row r="286699" spans="14:14">
      <c r="N286699" s="10"/>
    </row>
    <row r="286700" spans="14:14">
      <c r="N286700" s="10"/>
    </row>
    <row r="286701" spans="14:14">
      <c r="N286701" s="10"/>
    </row>
    <row r="286702" spans="14:14">
      <c r="N286702" s="10"/>
    </row>
    <row r="286703" spans="14:14">
      <c r="N286703" s="10"/>
    </row>
    <row r="286704" spans="14:14">
      <c r="N286704" s="10"/>
    </row>
    <row r="286705" spans="14:14">
      <c r="N286705" s="10"/>
    </row>
    <row r="286706" spans="14:14">
      <c r="N286706" s="10"/>
    </row>
    <row r="286707" spans="14:14">
      <c r="N286707" s="10"/>
    </row>
    <row r="286708" spans="14:14">
      <c r="N286708" s="10"/>
    </row>
    <row r="286709" spans="14:14">
      <c r="N286709" s="10"/>
    </row>
    <row r="286710" spans="14:14">
      <c r="N286710" s="10"/>
    </row>
    <row r="286711" spans="14:14">
      <c r="N286711" s="10"/>
    </row>
    <row r="286712" spans="14:14">
      <c r="N286712" s="10"/>
    </row>
    <row r="286713" spans="14:14">
      <c r="N286713" s="10"/>
    </row>
    <row r="286714" spans="14:14">
      <c r="N286714" s="10"/>
    </row>
    <row r="286715" spans="14:14">
      <c r="N286715" s="10"/>
    </row>
    <row r="286716" spans="14:14">
      <c r="N286716" s="10"/>
    </row>
    <row r="286717" spans="14:14">
      <c r="N286717" s="10"/>
    </row>
    <row r="286718" spans="14:14">
      <c r="N286718" s="10"/>
    </row>
    <row r="286719" spans="14:14">
      <c r="N286719" s="10"/>
    </row>
    <row r="286720" spans="14:14">
      <c r="N286720" s="10"/>
    </row>
    <row r="286721" spans="14:14">
      <c r="N286721" s="10"/>
    </row>
    <row r="286722" spans="14:14">
      <c r="N286722" s="10"/>
    </row>
    <row r="286723" spans="14:14">
      <c r="N286723" s="10"/>
    </row>
    <row r="286724" spans="14:14">
      <c r="N286724" s="10"/>
    </row>
    <row r="286725" spans="14:14">
      <c r="N286725" s="10"/>
    </row>
    <row r="286726" spans="14:14">
      <c r="N286726" s="10"/>
    </row>
    <row r="286727" spans="14:14">
      <c r="N286727" s="10"/>
    </row>
    <row r="286728" spans="14:14">
      <c r="N286728" s="10"/>
    </row>
    <row r="286729" spans="14:14">
      <c r="N286729" s="10"/>
    </row>
    <row r="286730" spans="14:14">
      <c r="N286730" s="10"/>
    </row>
    <row r="286731" spans="14:14">
      <c r="N286731" s="10"/>
    </row>
    <row r="286732" spans="14:14">
      <c r="N286732" s="10"/>
    </row>
    <row r="286733" spans="14:14">
      <c r="N286733" s="10"/>
    </row>
    <row r="286734" spans="14:14">
      <c r="N286734" s="10"/>
    </row>
    <row r="286735" spans="14:14">
      <c r="N286735" s="10"/>
    </row>
    <row r="286736" spans="14:14">
      <c r="N286736" s="10"/>
    </row>
    <row r="286737" spans="14:14">
      <c r="N286737" s="10"/>
    </row>
    <row r="286738" spans="14:14">
      <c r="N286738" s="10"/>
    </row>
    <row r="286739" spans="14:14">
      <c r="N286739" s="10"/>
    </row>
    <row r="286740" spans="14:14">
      <c r="N286740" s="10"/>
    </row>
    <row r="286741" spans="14:14">
      <c r="N286741" s="10"/>
    </row>
    <row r="286742" spans="14:14">
      <c r="N286742" s="10"/>
    </row>
    <row r="286743" spans="14:14">
      <c r="N286743" s="10"/>
    </row>
    <row r="286744" spans="14:14">
      <c r="N286744" s="10"/>
    </row>
    <row r="286745" spans="14:14">
      <c r="N286745" s="10"/>
    </row>
    <row r="286746" spans="14:14">
      <c r="N286746" s="10"/>
    </row>
    <row r="286747" spans="14:14">
      <c r="N286747" s="10"/>
    </row>
    <row r="286748" spans="14:14">
      <c r="N286748" s="10"/>
    </row>
    <row r="286749" spans="14:14">
      <c r="N286749" s="10"/>
    </row>
    <row r="286750" spans="14:14">
      <c r="N286750" s="10"/>
    </row>
    <row r="286751" spans="14:14">
      <c r="N286751" s="10"/>
    </row>
    <row r="286752" spans="14:14">
      <c r="N286752" s="10"/>
    </row>
    <row r="286753" spans="14:14">
      <c r="N286753" s="10"/>
    </row>
    <row r="286754" spans="14:14">
      <c r="N286754" s="10"/>
    </row>
    <row r="286755" spans="14:14">
      <c r="N286755" s="10"/>
    </row>
    <row r="286756" spans="14:14">
      <c r="N286756" s="10"/>
    </row>
    <row r="286757" spans="14:14">
      <c r="N286757" s="10"/>
    </row>
    <row r="286758" spans="14:14">
      <c r="N286758" s="10"/>
    </row>
    <row r="286759" spans="14:14">
      <c r="N286759" s="10"/>
    </row>
    <row r="286760" spans="14:14">
      <c r="N286760" s="10"/>
    </row>
    <row r="286761" spans="14:14">
      <c r="N286761" s="10"/>
    </row>
    <row r="286762" spans="14:14">
      <c r="N286762" s="10"/>
    </row>
    <row r="286763" spans="14:14">
      <c r="N286763" s="10"/>
    </row>
    <row r="286764" spans="14:14">
      <c r="N286764" s="10"/>
    </row>
    <row r="286765" spans="14:14">
      <c r="N286765" s="10"/>
    </row>
    <row r="286766" spans="14:14">
      <c r="N286766" s="10"/>
    </row>
    <row r="286767" spans="14:14">
      <c r="N286767" s="10"/>
    </row>
    <row r="286768" spans="14:14">
      <c r="N286768" s="10"/>
    </row>
    <row r="286769" spans="14:14">
      <c r="N286769" s="10"/>
    </row>
    <row r="286770" spans="14:14">
      <c r="N286770" s="10"/>
    </row>
    <row r="286771" spans="14:14">
      <c r="N286771" s="10"/>
    </row>
    <row r="286772" spans="14:14">
      <c r="N286772" s="10"/>
    </row>
    <row r="286773" spans="14:14">
      <c r="N286773" s="10"/>
    </row>
    <row r="286774" spans="14:14">
      <c r="N286774" s="10"/>
    </row>
    <row r="286775" spans="14:14">
      <c r="N286775" s="10"/>
    </row>
    <row r="286776" spans="14:14">
      <c r="N286776" s="10"/>
    </row>
    <row r="286777" spans="14:14">
      <c r="N286777" s="10"/>
    </row>
    <row r="286778" spans="14:14">
      <c r="N286778" s="10"/>
    </row>
    <row r="286779" spans="14:14">
      <c r="N286779" s="10"/>
    </row>
    <row r="286780" spans="14:14">
      <c r="N286780" s="10"/>
    </row>
    <row r="286781" spans="14:14">
      <c r="N286781" s="10"/>
    </row>
    <row r="286782" spans="14:14">
      <c r="N286782" s="10"/>
    </row>
    <row r="286783" spans="14:14">
      <c r="N286783" s="10"/>
    </row>
    <row r="286784" spans="14:14">
      <c r="N286784" s="10"/>
    </row>
    <row r="286785" spans="14:14">
      <c r="N286785" s="10"/>
    </row>
    <row r="286786" spans="14:14">
      <c r="N286786" s="10"/>
    </row>
    <row r="286787" spans="14:14">
      <c r="N286787" s="10"/>
    </row>
    <row r="286788" spans="14:14">
      <c r="N286788" s="10"/>
    </row>
    <row r="286789" spans="14:14">
      <c r="N286789" s="10"/>
    </row>
    <row r="286790" spans="14:14">
      <c r="N286790" s="10"/>
    </row>
    <row r="286791" spans="14:14">
      <c r="N286791" s="10"/>
    </row>
    <row r="286792" spans="14:14">
      <c r="N286792" s="10"/>
    </row>
    <row r="286793" spans="14:14">
      <c r="N286793" s="10"/>
    </row>
    <row r="286794" spans="14:14">
      <c r="N286794" s="10"/>
    </row>
    <row r="286795" spans="14:14">
      <c r="N286795" s="10"/>
    </row>
    <row r="286796" spans="14:14">
      <c r="N286796" s="10"/>
    </row>
    <row r="286797" spans="14:14">
      <c r="N286797" s="10"/>
    </row>
    <row r="286798" spans="14:14">
      <c r="N286798" s="10"/>
    </row>
    <row r="286799" spans="14:14">
      <c r="N286799" s="10"/>
    </row>
    <row r="286800" spans="14:14">
      <c r="N286800" s="10"/>
    </row>
    <row r="286801" spans="14:14">
      <c r="N286801" s="10"/>
    </row>
    <row r="286802" spans="14:14">
      <c r="N286802" s="10"/>
    </row>
    <row r="286803" spans="14:14">
      <c r="N286803" s="10"/>
    </row>
    <row r="286804" spans="14:14">
      <c r="N286804" s="10"/>
    </row>
    <row r="286805" spans="14:14">
      <c r="N286805" s="10"/>
    </row>
    <row r="286806" spans="14:14">
      <c r="N286806" s="10"/>
    </row>
    <row r="286807" spans="14:14">
      <c r="N286807" s="10"/>
    </row>
    <row r="286808" spans="14:14">
      <c r="N286808" s="10"/>
    </row>
    <row r="286809" spans="14:14">
      <c r="N286809" s="10"/>
    </row>
    <row r="286810" spans="14:14">
      <c r="N286810" s="10"/>
    </row>
    <row r="286811" spans="14:14">
      <c r="N286811" s="10"/>
    </row>
    <row r="286812" spans="14:14">
      <c r="N286812" s="10"/>
    </row>
    <row r="286813" spans="14:14">
      <c r="N286813" s="10"/>
    </row>
    <row r="286814" spans="14:14">
      <c r="N286814" s="10"/>
    </row>
    <row r="286815" spans="14:14">
      <c r="N286815" s="10"/>
    </row>
    <row r="286816" spans="14:14">
      <c r="N286816" s="10"/>
    </row>
    <row r="286817" spans="14:14">
      <c r="N286817" s="10"/>
    </row>
    <row r="286818" spans="14:14">
      <c r="N286818" s="10"/>
    </row>
    <row r="286819" spans="14:14">
      <c r="N286819" s="10"/>
    </row>
    <row r="286820" spans="14:14">
      <c r="N286820" s="10"/>
    </row>
    <row r="286821" spans="14:14">
      <c r="N286821" s="10"/>
    </row>
    <row r="286822" spans="14:14">
      <c r="N286822" s="10"/>
    </row>
    <row r="286823" spans="14:14">
      <c r="N286823" s="10"/>
    </row>
    <row r="286824" spans="14:14">
      <c r="N286824" s="10"/>
    </row>
    <row r="286825" spans="14:14">
      <c r="N286825" s="10"/>
    </row>
    <row r="286826" spans="14:14">
      <c r="N286826" s="10"/>
    </row>
    <row r="286827" spans="14:14">
      <c r="N286827" s="10"/>
    </row>
    <row r="286828" spans="14:14">
      <c r="N286828" s="10"/>
    </row>
    <row r="286829" spans="14:14">
      <c r="N286829" s="10"/>
    </row>
    <row r="286830" spans="14:14">
      <c r="N286830" s="10"/>
    </row>
    <row r="286831" spans="14:14">
      <c r="N286831" s="10"/>
    </row>
    <row r="286832" spans="14:14">
      <c r="N286832" s="10"/>
    </row>
    <row r="286833" spans="14:14">
      <c r="N286833" s="10"/>
    </row>
    <row r="286834" spans="14:14">
      <c r="N286834" s="10"/>
    </row>
    <row r="286835" spans="14:14">
      <c r="N286835" s="10"/>
    </row>
    <row r="286836" spans="14:14">
      <c r="N286836" s="10"/>
    </row>
    <row r="286837" spans="14:14">
      <c r="N286837" s="10"/>
    </row>
    <row r="286838" spans="14:14">
      <c r="N286838" s="10"/>
    </row>
    <row r="286839" spans="14:14">
      <c r="N286839" s="10"/>
    </row>
    <row r="286840" spans="14:14">
      <c r="N286840" s="10"/>
    </row>
    <row r="286841" spans="14:14">
      <c r="N286841" s="10"/>
    </row>
    <row r="286842" spans="14:14">
      <c r="N286842" s="10"/>
    </row>
    <row r="286843" spans="14:14">
      <c r="N286843" s="10"/>
    </row>
    <row r="286844" spans="14:14">
      <c r="N286844" s="10"/>
    </row>
    <row r="286845" spans="14:14">
      <c r="N286845" s="10"/>
    </row>
    <row r="286846" spans="14:14">
      <c r="N286846" s="10"/>
    </row>
    <row r="286847" spans="14:14">
      <c r="N286847" s="10"/>
    </row>
    <row r="286848" spans="14:14">
      <c r="N286848" s="10"/>
    </row>
    <row r="286849" spans="14:14">
      <c r="N286849" s="10"/>
    </row>
    <row r="286850" spans="14:14">
      <c r="N286850" s="10"/>
    </row>
    <row r="286851" spans="14:14">
      <c r="N286851" s="10"/>
    </row>
    <row r="286852" spans="14:14">
      <c r="N286852" s="10"/>
    </row>
    <row r="286853" spans="14:14">
      <c r="N286853" s="10"/>
    </row>
    <row r="286854" spans="14:14">
      <c r="N286854" s="10"/>
    </row>
    <row r="286855" spans="14:14">
      <c r="N286855" s="10"/>
    </row>
    <row r="286856" spans="14:14">
      <c r="N286856" s="10"/>
    </row>
    <row r="286857" spans="14:14">
      <c r="N286857" s="10"/>
    </row>
    <row r="286858" spans="14:14">
      <c r="N286858" s="10"/>
    </row>
    <row r="286859" spans="14:14">
      <c r="N286859" s="10"/>
    </row>
    <row r="286860" spans="14:14">
      <c r="N286860" s="10"/>
    </row>
    <row r="286861" spans="14:14">
      <c r="N286861" s="10"/>
    </row>
    <row r="286862" spans="14:14">
      <c r="N286862" s="10"/>
    </row>
    <row r="286863" spans="14:14">
      <c r="N286863" s="10"/>
    </row>
    <row r="286864" spans="14:14">
      <c r="N286864" s="10"/>
    </row>
    <row r="286865" spans="14:14">
      <c r="N286865" s="10"/>
    </row>
    <row r="286866" spans="14:14">
      <c r="N286866" s="10"/>
    </row>
    <row r="286867" spans="14:14">
      <c r="N286867" s="10"/>
    </row>
    <row r="286868" spans="14:14">
      <c r="N286868" s="10"/>
    </row>
    <row r="286869" spans="14:14">
      <c r="N286869" s="10"/>
    </row>
    <row r="286870" spans="14:14">
      <c r="N286870" s="10"/>
    </row>
    <row r="286871" spans="14:14">
      <c r="N286871" s="10"/>
    </row>
    <row r="286872" spans="14:14">
      <c r="N286872" s="10"/>
    </row>
    <row r="286873" spans="14:14">
      <c r="N286873" s="10"/>
    </row>
    <row r="286874" spans="14:14">
      <c r="N286874" s="10"/>
    </row>
    <row r="286875" spans="14:14">
      <c r="N286875" s="10"/>
    </row>
    <row r="286876" spans="14:14">
      <c r="N286876" s="10"/>
    </row>
    <row r="286877" spans="14:14">
      <c r="N286877" s="10"/>
    </row>
    <row r="286878" spans="14:14">
      <c r="N286878" s="10"/>
    </row>
    <row r="286879" spans="14:14">
      <c r="N286879" s="10"/>
    </row>
    <row r="286880" spans="14:14">
      <c r="N286880" s="10"/>
    </row>
    <row r="286881" spans="14:14">
      <c r="N286881" s="10"/>
    </row>
    <row r="286882" spans="14:14">
      <c r="N286882" s="10"/>
    </row>
    <row r="286883" spans="14:14">
      <c r="N286883" s="10"/>
    </row>
    <row r="286884" spans="14:14">
      <c r="N286884" s="10"/>
    </row>
    <row r="286885" spans="14:14">
      <c r="N286885" s="10"/>
    </row>
    <row r="286886" spans="14:14">
      <c r="N286886" s="10"/>
    </row>
    <row r="286887" spans="14:14">
      <c r="N286887" s="10"/>
    </row>
    <row r="286888" spans="14:14">
      <c r="N286888" s="10"/>
    </row>
    <row r="286889" spans="14:14">
      <c r="N286889" s="10"/>
    </row>
    <row r="286890" spans="14:14">
      <c r="N286890" s="10"/>
    </row>
    <row r="286891" spans="14:14">
      <c r="N286891" s="10"/>
    </row>
    <row r="286892" spans="14:14">
      <c r="N286892" s="10"/>
    </row>
    <row r="286893" spans="14:14">
      <c r="N286893" s="10"/>
    </row>
    <row r="286894" spans="14:14">
      <c r="N286894" s="10"/>
    </row>
    <row r="286895" spans="14:14">
      <c r="N286895" s="10"/>
    </row>
    <row r="286896" spans="14:14">
      <c r="N286896" s="10"/>
    </row>
    <row r="286897" spans="14:14">
      <c r="N286897" s="10"/>
    </row>
    <row r="286898" spans="14:14">
      <c r="N286898" s="10"/>
    </row>
    <row r="286899" spans="14:14">
      <c r="N286899" s="10"/>
    </row>
    <row r="286900" spans="14:14">
      <c r="N286900" s="10"/>
    </row>
    <row r="286901" spans="14:14">
      <c r="N286901" s="10"/>
    </row>
    <row r="286902" spans="14:14">
      <c r="N286902" s="10"/>
    </row>
    <row r="286903" spans="14:14">
      <c r="N286903" s="10"/>
    </row>
    <row r="286904" spans="14:14">
      <c r="N286904" s="10"/>
    </row>
    <row r="286905" spans="14:14">
      <c r="N286905" s="10"/>
    </row>
    <row r="286906" spans="14:14">
      <c r="N286906" s="10"/>
    </row>
    <row r="286907" spans="14:14">
      <c r="N286907" s="10"/>
    </row>
    <row r="286908" spans="14:14">
      <c r="N286908" s="10"/>
    </row>
    <row r="286909" spans="14:14">
      <c r="N286909" s="10"/>
    </row>
    <row r="286910" spans="14:14">
      <c r="N286910" s="10"/>
    </row>
    <row r="286911" spans="14:14">
      <c r="N286911" s="10"/>
    </row>
    <row r="286912" spans="14:14">
      <c r="N286912" s="10"/>
    </row>
    <row r="286913" spans="14:14">
      <c r="N286913" s="10"/>
    </row>
    <row r="286914" spans="14:14">
      <c r="N286914" s="10"/>
    </row>
    <row r="286915" spans="14:14">
      <c r="N286915" s="10"/>
    </row>
    <row r="286916" spans="14:14">
      <c r="N286916" s="10"/>
    </row>
    <row r="286917" spans="14:14">
      <c r="N286917" s="10"/>
    </row>
    <row r="286918" spans="14:14">
      <c r="N286918" s="10"/>
    </row>
    <row r="286919" spans="14:14">
      <c r="N286919" s="10"/>
    </row>
    <row r="286920" spans="14:14">
      <c r="N286920" s="10"/>
    </row>
    <row r="286921" spans="14:14">
      <c r="N286921" s="10"/>
    </row>
    <row r="286922" spans="14:14">
      <c r="N286922" s="10"/>
    </row>
    <row r="286923" spans="14:14">
      <c r="N286923" s="10"/>
    </row>
    <row r="286924" spans="14:14">
      <c r="N286924" s="10"/>
    </row>
    <row r="286925" spans="14:14">
      <c r="N286925" s="10"/>
    </row>
    <row r="286926" spans="14:14">
      <c r="N286926" s="10"/>
    </row>
    <row r="286927" spans="14:14">
      <c r="N286927" s="10"/>
    </row>
    <row r="286928" spans="14:14">
      <c r="N286928" s="10"/>
    </row>
    <row r="286929" spans="14:14">
      <c r="N286929" s="10"/>
    </row>
    <row r="286930" spans="14:14">
      <c r="N286930" s="10"/>
    </row>
    <row r="286931" spans="14:14">
      <c r="N286931" s="10"/>
    </row>
    <row r="286932" spans="14:14">
      <c r="N286932" s="10"/>
    </row>
    <row r="286933" spans="14:14">
      <c r="N286933" s="10"/>
    </row>
    <row r="286934" spans="14:14">
      <c r="N286934" s="10"/>
    </row>
    <row r="286935" spans="14:14">
      <c r="N286935" s="10"/>
    </row>
    <row r="286936" spans="14:14">
      <c r="N286936" s="10"/>
    </row>
    <row r="286937" spans="14:14">
      <c r="N286937" s="10"/>
    </row>
    <row r="286938" spans="14:14">
      <c r="N286938" s="10"/>
    </row>
    <row r="286939" spans="14:14">
      <c r="N286939" s="10"/>
    </row>
    <row r="286940" spans="14:14">
      <c r="N286940" s="10"/>
    </row>
    <row r="286941" spans="14:14">
      <c r="N286941" s="10"/>
    </row>
    <row r="286942" spans="14:14">
      <c r="N286942" s="10"/>
    </row>
    <row r="286943" spans="14:14">
      <c r="N286943" s="10"/>
    </row>
    <row r="286944" spans="14:14">
      <c r="N286944" s="10"/>
    </row>
    <row r="286945" spans="14:14">
      <c r="N286945" s="10"/>
    </row>
    <row r="286946" spans="14:14">
      <c r="N286946" s="10"/>
    </row>
    <row r="286947" spans="14:14">
      <c r="N286947" s="10"/>
    </row>
    <row r="286948" spans="14:14">
      <c r="N286948" s="10"/>
    </row>
    <row r="286949" spans="14:14">
      <c r="N286949" s="10"/>
    </row>
    <row r="286950" spans="14:14">
      <c r="N286950" s="10"/>
    </row>
    <row r="286951" spans="14:14">
      <c r="N286951" s="10"/>
    </row>
    <row r="286952" spans="14:14">
      <c r="N286952" s="10"/>
    </row>
    <row r="286953" spans="14:14">
      <c r="N286953" s="10"/>
    </row>
    <row r="286954" spans="14:14">
      <c r="N286954" s="10"/>
    </row>
    <row r="286955" spans="14:14">
      <c r="N286955" s="10"/>
    </row>
    <row r="286956" spans="14:14">
      <c r="N286956" s="10"/>
    </row>
    <row r="286957" spans="14:14">
      <c r="N286957" s="10"/>
    </row>
    <row r="286958" spans="14:14">
      <c r="N286958" s="10"/>
    </row>
    <row r="286959" spans="14:14">
      <c r="N286959" s="10"/>
    </row>
    <row r="286960" spans="14:14">
      <c r="N286960" s="10"/>
    </row>
    <row r="286961" spans="14:14">
      <c r="N286961" s="10"/>
    </row>
    <row r="286962" spans="14:14">
      <c r="N286962" s="10"/>
    </row>
    <row r="286963" spans="14:14">
      <c r="N286963" s="10"/>
    </row>
    <row r="286964" spans="14:14">
      <c r="N286964" s="10"/>
    </row>
    <row r="286965" spans="14:14">
      <c r="N286965" s="10"/>
    </row>
    <row r="286966" spans="14:14">
      <c r="N286966" s="10"/>
    </row>
    <row r="286967" spans="14:14">
      <c r="N286967" s="10"/>
    </row>
    <row r="286968" spans="14:14">
      <c r="N286968" s="10"/>
    </row>
    <row r="286969" spans="14:14">
      <c r="N286969" s="10"/>
    </row>
    <row r="286970" spans="14:14">
      <c r="N286970" s="10"/>
    </row>
    <row r="286971" spans="14:14">
      <c r="N286971" s="10"/>
    </row>
    <row r="286972" spans="14:14">
      <c r="N286972" s="10"/>
    </row>
    <row r="286973" spans="14:14">
      <c r="N286973" s="10"/>
    </row>
    <row r="286974" spans="14:14">
      <c r="N286974" s="10"/>
    </row>
    <row r="286975" spans="14:14">
      <c r="N286975" s="10"/>
    </row>
    <row r="286976" spans="14:14">
      <c r="N286976" s="10"/>
    </row>
    <row r="286977" spans="14:14">
      <c r="N286977" s="10"/>
    </row>
    <row r="286978" spans="14:14">
      <c r="N286978" s="10"/>
    </row>
    <row r="286979" spans="14:14">
      <c r="N286979" s="10"/>
    </row>
    <row r="286980" spans="14:14">
      <c r="N286980" s="10"/>
    </row>
    <row r="286981" spans="14:14">
      <c r="N286981" s="10"/>
    </row>
    <row r="286982" spans="14:14">
      <c r="N286982" s="10"/>
    </row>
    <row r="286983" spans="14:14">
      <c r="N286983" s="10"/>
    </row>
    <row r="286984" spans="14:14">
      <c r="N286984" s="10"/>
    </row>
    <row r="286985" spans="14:14">
      <c r="N286985" s="10"/>
    </row>
    <row r="286986" spans="14:14">
      <c r="N286986" s="10"/>
    </row>
    <row r="286987" spans="14:14">
      <c r="N286987" s="10"/>
    </row>
    <row r="286988" spans="14:14">
      <c r="N286988" s="10"/>
    </row>
    <row r="286989" spans="14:14">
      <c r="N286989" s="10"/>
    </row>
    <row r="286990" spans="14:14">
      <c r="N286990" s="10"/>
    </row>
    <row r="286991" spans="14:14">
      <c r="N286991" s="10"/>
    </row>
    <row r="286992" spans="14:14">
      <c r="N286992" s="10"/>
    </row>
    <row r="286993" spans="14:14">
      <c r="N286993" s="10"/>
    </row>
    <row r="286994" spans="14:14">
      <c r="N286994" s="10"/>
    </row>
    <row r="286995" spans="14:14">
      <c r="N286995" s="10"/>
    </row>
    <row r="286996" spans="14:14">
      <c r="N286996" s="10"/>
    </row>
    <row r="286997" spans="14:14">
      <c r="N286997" s="10"/>
    </row>
    <row r="286998" spans="14:14">
      <c r="N286998" s="10"/>
    </row>
    <row r="286999" spans="14:14">
      <c r="N286999" s="10"/>
    </row>
    <row r="287000" spans="14:14">
      <c r="N287000" s="10"/>
    </row>
    <row r="287001" spans="14:14">
      <c r="N287001" s="10"/>
    </row>
    <row r="287002" spans="14:14">
      <c r="N287002" s="10"/>
    </row>
    <row r="287003" spans="14:14">
      <c r="N287003" s="10"/>
    </row>
    <row r="287004" spans="14:14">
      <c r="N287004" s="10"/>
    </row>
    <row r="287005" spans="14:14">
      <c r="N287005" s="10"/>
    </row>
    <row r="287006" spans="14:14">
      <c r="N287006" s="10"/>
    </row>
    <row r="287007" spans="14:14">
      <c r="N287007" s="10"/>
    </row>
    <row r="287008" spans="14:14">
      <c r="N287008" s="10"/>
    </row>
    <row r="287009" spans="14:14">
      <c r="N287009" s="10"/>
    </row>
    <row r="287010" spans="14:14">
      <c r="N287010" s="10"/>
    </row>
    <row r="287011" spans="14:14">
      <c r="N287011" s="10"/>
    </row>
    <row r="287012" spans="14:14">
      <c r="N287012" s="10"/>
    </row>
    <row r="287013" spans="14:14">
      <c r="N287013" s="10"/>
    </row>
    <row r="287014" spans="14:14">
      <c r="N287014" s="10"/>
    </row>
    <row r="287015" spans="14:14">
      <c r="N287015" s="10"/>
    </row>
    <row r="287016" spans="14:14">
      <c r="N287016" s="10"/>
    </row>
    <row r="287017" spans="14:14">
      <c r="N287017" s="10"/>
    </row>
    <row r="287018" spans="14:14">
      <c r="N287018" s="10"/>
    </row>
    <row r="287019" spans="14:14">
      <c r="N287019" s="10"/>
    </row>
    <row r="287020" spans="14:14">
      <c r="N287020" s="10"/>
    </row>
    <row r="287021" spans="14:14">
      <c r="N287021" s="10"/>
    </row>
    <row r="287022" spans="14:14">
      <c r="N287022" s="10"/>
    </row>
    <row r="287023" spans="14:14">
      <c r="N287023" s="10"/>
    </row>
    <row r="287024" spans="14:14">
      <c r="N287024" s="10"/>
    </row>
    <row r="287025" spans="14:14">
      <c r="N287025" s="10"/>
    </row>
    <row r="287026" spans="14:14">
      <c r="N287026" s="10"/>
    </row>
    <row r="287027" spans="14:14">
      <c r="N287027" s="10"/>
    </row>
    <row r="287028" spans="14:14">
      <c r="N287028" s="10"/>
    </row>
    <row r="287029" spans="14:14">
      <c r="N287029" s="10"/>
    </row>
    <row r="287030" spans="14:14">
      <c r="N287030" s="10"/>
    </row>
    <row r="287031" spans="14:14">
      <c r="N287031" s="10"/>
    </row>
    <row r="287032" spans="14:14">
      <c r="N287032" s="10"/>
    </row>
    <row r="287033" spans="14:14">
      <c r="N287033" s="10"/>
    </row>
    <row r="287034" spans="14:14">
      <c r="N287034" s="10"/>
    </row>
    <row r="287035" spans="14:14">
      <c r="N287035" s="10"/>
    </row>
    <row r="287036" spans="14:14">
      <c r="N287036" s="10"/>
    </row>
    <row r="287037" spans="14:14">
      <c r="N287037" s="10"/>
    </row>
    <row r="287038" spans="14:14">
      <c r="N287038" s="10"/>
    </row>
    <row r="287039" spans="14:14">
      <c r="N287039" s="10"/>
    </row>
    <row r="287040" spans="14:14">
      <c r="N287040" s="10"/>
    </row>
    <row r="287041" spans="14:14">
      <c r="N287041" s="10"/>
    </row>
    <row r="287042" spans="14:14">
      <c r="N287042" s="10"/>
    </row>
    <row r="287043" spans="14:14">
      <c r="N287043" s="10"/>
    </row>
    <row r="287044" spans="14:14">
      <c r="N287044" s="10"/>
    </row>
    <row r="287045" spans="14:14">
      <c r="N287045" s="10"/>
    </row>
    <row r="287046" spans="14:14">
      <c r="N287046" s="10"/>
    </row>
    <row r="287047" spans="14:14">
      <c r="N287047" s="10"/>
    </row>
    <row r="287048" spans="14:14">
      <c r="N287048" s="10"/>
    </row>
    <row r="287049" spans="14:14">
      <c r="N287049" s="10"/>
    </row>
    <row r="287050" spans="14:14">
      <c r="N287050" s="10"/>
    </row>
    <row r="287051" spans="14:14">
      <c r="N287051" s="10"/>
    </row>
    <row r="287052" spans="14:14">
      <c r="N287052" s="10"/>
    </row>
    <row r="287053" spans="14:14">
      <c r="N287053" s="10"/>
    </row>
    <row r="287054" spans="14:14">
      <c r="N287054" s="10"/>
    </row>
    <row r="287055" spans="14:14">
      <c r="N287055" s="10"/>
    </row>
    <row r="287056" spans="14:14">
      <c r="N287056" s="10"/>
    </row>
    <row r="287057" spans="14:14">
      <c r="N287057" s="10"/>
    </row>
    <row r="287058" spans="14:14">
      <c r="N287058" s="10"/>
    </row>
    <row r="287059" spans="14:14">
      <c r="N287059" s="10"/>
    </row>
    <row r="287060" spans="14:14">
      <c r="N287060" s="10"/>
    </row>
    <row r="287061" spans="14:14">
      <c r="N287061" s="10"/>
    </row>
    <row r="287062" spans="14:14">
      <c r="N287062" s="10"/>
    </row>
    <row r="287063" spans="14:14">
      <c r="N287063" s="10"/>
    </row>
    <row r="287064" spans="14:14">
      <c r="N287064" s="10"/>
    </row>
    <row r="287065" spans="14:14">
      <c r="N287065" s="10"/>
    </row>
    <row r="287066" spans="14:14">
      <c r="N287066" s="10"/>
    </row>
    <row r="287067" spans="14:14">
      <c r="N287067" s="10"/>
    </row>
    <row r="287068" spans="14:14">
      <c r="N287068" s="10"/>
    </row>
    <row r="287069" spans="14:14">
      <c r="N287069" s="10"/>
    </row>
    <row r="287070" spans="14:14">
      <c r="N287070" s="10"/>
    </row>
    <row r="287071" spans="14:14">
      <c r="N287071" s="10"/>
    </row>
    <row r="287072" spans="14:14">
      <c r="N287072" s="10"/>
    </row>
    <row r="287073" spans="14:14">
      <c r="N287073" s="10"/>
    </row>
    <row r="287074" spans="14:14">
      <c r="N287074" s="10"/>
    </row>
    <row r="287075" spans="14:14">
      <c r="N287075" s="10"/>
    </row>
    <row r="287076" spans="14:14">
      <c r="N287076" s="10"/>
    </row>
    <row r="287077" spans="14:14">
      <c r="N287077" s="10"/>
    </row>
    <row r="287078" spans="14:14">
      <c r="N287078" s="10"/>
    </row>
    <row r="287079" spans="14:14">
      <c r="N287079" s="10"/>
    </row>
    <row r="287080" spans="14:14">
      <c r="N287080" s="10"/>
    </row>
    <row r="287081" spans="14:14">
      <c r="N287081" s="10"/>
    </row>
    <row r="287082" spans="14:14">
      <c r="N287082" s="10"/>
    </row>
    <row r="287083" spans="14:14">
      <c r="N287083" s="10"/>
    </row>
    <row r="287084" spans="14:14">
      <c r="N287084" s="10"/>
    </row>
    <row r="287085" spans="14:14">
      <c r="N287085" s="10"/>
    </row>
    <row r="287086" spans="14:14">
      <c r="N287086" s="10"/>
    </row>
    <row r="287087" spans="14:14">
      <c r="N287087" s="10"/>
    </row>
    <row r="287088" spans="14:14">
      <c r="N287088" s="10"/>
    </row>
    <row r="287089" spans="14:14">
      <c r="N287089" s="10"/>
    </row>
    <row r="287090" spans="14:14">
      <c r="N287090" s="10"/>
    </row>
    <row r="287091" spans="14:14">
      <c r="N287091" s="10"/>
    </row>
    <row r="287092" spans="14:14">
      <c r="N287092" s="10"/>
    </row>
    <row r="287093" spans="14:14">
      <c r="N287093" s="10"/>
    </row>
    <row r="287094" spans="14:14">
      <c r="N287094" s="10"/>
    </row>
    <row r="287095" spans="14:14">
      <c r="N287095" s="10"/>
    </row>
    <row r="287096" spans="14:14">
      <c r="N287096" s="10"/>
    </row>
    <row r="287097" spans="14:14">
      <c r="N287097" s="10"/>
    </row>
    <row r="287098" spans="14:14">
      <c r="N287098" s="10"/>
    </row>
    <row r="287099" spans="14:14">
      <c r="N287099" s="10"/>
    </row>
    <row r="287100" spans="14:14">
      <c r="N287100" s="10"/>
    </row>
    <row r="287101" spans="14:14">
      <c r="N287101" s="10"/>
    </row>
    <row r="287102" spans="14:14">
      <c r="N287102" s="10"/>
    </row>
    <row r="287103" spans="14:14">
      <c r="N287103" s="10"/>
    </row>
    <row r="287104" spans="14:14">
      <c r="N287104" s="10"/>
    </row>
    <row r="287105" spans="14:14">
      <c r="N287105" s="10"/>
    </row>
    <row r="287106" spans="14:14">
      <c r="N287106" s="10"/>
    </row>
    <row r="287107" spans="14:14">
      <c r="N287107" s="10"/>
    </row>
    <row r="287108" spans="14:14">
      <c r="N287108" s="10"/>
    </row>
    <row r="287109" spans="14:14">
      <c r="N287109" s="10"/>
    </row>
    <row r="287110" spans="14:14">
      <c r="N287110" s="10"/>
    </row>
    <row r="287111" spans="14:14">
      <c r="N287111" s="10"/>
    </row>
    <row r="287112" spans="14:14">
      <c r="N287112" s="10"/>
    </row>
    <row r="287113" spans="14:14">
      <c r="N287113" s="10"/>
    </row>
    <row r="287114" spans="14:14">
      <c r="N287114" s="10"/>
    </row>
    <row r="287115" spans="14:14">
      <c r="N287115" s="10"/>
    </row>
    <row r="287116" spans="14:14">
      <c r="N287116" s="10"/>
    </row>
    <row r="287117" spans="14:14">
      <c r="N287117" s="10"/>
    </row>
    <row r="287118" spans="14:14">
      <c r="N287118" s="10"/>
    </row>
    <row r="287119" spans="14:14">
      <c r="N287119" s="10"/>
    </row>
    <row r="287120" spans="14:14">
      <c r="N287120" s="10"/>
    </row>
    <row r="287121" spans="14:14">
      <c r="N287121" s="10"/>
    </row>
    <row r="287122" spans="14:14">
      <c r="N287122" s="10"/>
    </row>
    <row r="287123" spans="14:14">
      <c r="N287123" s="10"/>
    </row>
    <row r="287124" spans="14:14">
      <c r="N287124" s="10"/>
    </row>
    <row r="287125" spans="14:14">
      <c r="N287125" s="10"/>
    </row>
    <row r="287126" spans="14:14">
      <c r="N287126" s="10"/>
    </row>
    <row r="287127" spans="14:14">
      <c r="N287127" s="10"/>
    </row>
    <row r="287128" spans="14:14">
      <c r="N287128" s="10"/>
    </row>
    <row r="287129" spans="14:14">
      <c r="N287129" s="10"/>
    </row>
    <row r="287130" spans="14:14">
      <c r="N287130" s="10"/>
    </row>
    <row r="287131" spans="14:14">
      <c r="N287131" s="10"/>
    </row>
    <row r="287132" spans="14:14">
      <c r="N287132" s="10"/>
    </row>
    <row r="287133" spans="14:14">
      <c r="N287133" s="10"/>
    </row>
    <row r="287134" spans="14:14">
      <c r="N287134" s="10"/>
    </row>
    <row r="287135" spans="14:14">
      <c r="N287135" s="10"/>
    </row>
    <row r="287136" spans="14:14">
      <c r="N287136" s="10"/>
    </row>
    <row r="287137" spans="14:14">
      <c r="N287137" s="10"/>
    </row>
    <row r="287138" spans="14:14">
      <c r="N287138" s="10"/>
    </row>
    <row r="287139" spans="14:14">
      <c r="N287139" s="10"/>
    </row>
    <row r="287140" spans="14:14">
      <c r="N287140" s="10"/>
    </row>
    <row r="287141" spans="14:14">
      <c r="N287141" s="10"/>
    </row>
    <row r="287142" spans="14:14">
      <c r="N287142" s="10"/>
    </row>
    <row r="287143" spans="14:14">
      <c r="N287143" s="10"/>
    </row>
    <row r="287144" spans="14:14">
      <c r="N287144" s="10"/>
    </row>
    <row r="287145" spans="14:14">
      <c r="N287145" s="10"/>
    </row>
    <row r="287146" spans="14:14">
      <c r="N287146" s="10"/>
    </row>
    <row r="287147" spans="14:14">
      <c r="N287147" s="10"/>
    </row>
    <row r="287148" spans="14:14">
      <c r="N287148" s="10"/>
    </row>
    <row r="287149" spans="14:14">
      <c r="N287149" s="10"/>
    </row>
    <row r="287150" spans="14:14">
      <c r="N287150" s="10"/>
    </row>
    <row r="287151" spans="14:14">
      <c r="N287151" s="10"/>
    </row>
    <row r="287152" spans="14:14">
      <c r="N287152" s="10"/>
    </row>
    <row r="287153" spans="14:14">
      <c r="N287153" s="10"/>
    </row>
    <row r="287154" spans="14:14">
      <c r="N287154" s="10"/>
    </row>
    <row r="287155" spans="14:14">
      <c r="N287155" s="10"/>
    </row>
    <row r="287156" spans="14:14">
      <c r="N287156" s="10"/>
    </row>
    <row r="287157" spans="14:14">
      <c r="N287157" s="10"/>
    </row>
    <row r="287158" spans="14:14">
      <c r="N287158" s="10"/>
    </row>
    <row r="287159" spans="14:14">
      <c r="N287159" s="10"/>
    </row>
    <row r="287160" spans="14:14">
      <c r="N287160" s="10"/>
    </row>
    <row r="287161" spans="14:14">
      <c r="N287161" s="10"/>
    </row>
    <row r="287162" spans="14:14">
      <c r="N287162" s="10"/>
    </row>
    <row r="287163" spans="14:14">
      <c r="N287163" s="10"/>
    </row>
    <row r="287164" spans="14:14">
      <c r="N287164" s="10"/>
    </row>
    <row r="287165" spans="14:14">
      <c r="N287165" s="10"/>
    </row>
    <row r="287166" spans="14:14">
      <c r="N287166" s="10"/>
    </row>
    <row r="287167" spans="14:14">
      <c r="N287167" s="10"/>
    </row>
    <row r="287168" spans="14:14">
      <c r="N287168" s="10"/>
    </row>
    <row r="287169" spans="14:14">
      <c r="N287169" s="10"/>
    </row>
    <row r="287170" spans="14:14">
      <c r="N287170" s="10"/>
    </row>
    <row r="287171" spans="14:14">
      <c r="N287171" s="10"/>
    </row>
    <row r="287172" spans="14:14">
      <c r="N287172" s="10"/>
    </row>
    <row r="287173" spans="14:14">
      <c r="N287173" s="10"/>
    </row>
    <row r="287174" spans="14:14">
      <c r="N287174" s="10"/>
    </row>
    <row r="287175" spans="14:14">
      <c r="N287175" s="10"/>
    </row>
    <row r="287176" spans="14:14">
      <c r="N287176" s="10"/>
    </row>
    <row r="287177" spans="14:14">
      <c r="N287177" s="10"/>
    </row>
    <row r="287178" spans="14:14">
      <c r="N287178" s="10"/>
    </row>
    <row r="287179" spans="14:14">
      <c r="N287179" s="10"/>
    </row>
    <row r="287180" spans="14:14">
      <c r="N287180" s="10"/>
    </row>
    <row r="287181" spans="14:14">
      <c r="N287181" s="10"/>
    </row>
    <row r="287182" spans="14:14">
      <c r="N287182" s="10"/>
    </row>
    <row r="287183" spans="14:14">
      <c r="N287183" s="10"/>
    </row>
    <row r="287184" spans="14:14">
      <c r="N287184" s="10"/>
    </row>
    <row r="287185" spans="14:14">
      <c r="N287185" s="10"/>
    </row>
    <row r="287186" spans="14:14">
      <c r="N287186" s="10"/>
    </row>
    <row r="287187" spans="14:14">
      <c r="N287187" s="10"/>
    </row>
    <row r="287188" spans="14:14">
      <c r="N287188" s="10"/>
    </row>
    <row r="287189" spans="14:14">
      <c r="N287189" s="10"/>
    </row>
    <row r="287190" spans="14:14">
      <c r="N287190" s="10"/>
    </row>
    <row r="287191" spans="14:14">
      <c r="N287191" s="10"/>
    </row>
    <row r="287192" spans="14:14">
      <c r="N287192" s="10"/>
    </row>
    <row r="287193" spans="14:14">
      <c r="N287193" s="10"/>
    </row>
    <row r="287194" spans="14:14">
      <c r="N287194" s="10"/>
    </row>
    <row r="287195" spans="14:14">
      <c r="N287195" s="10"/>
    </row>
    <row r="287196" spans="14:14">
      <c r="N287196" s="10"/>
    </row>
    <row r="287197" spans="14:14">
      <c r="N287197" s="10"/>
    </row>
    <row r="287198" spans="14:14">
      <c r="N287198" s="10"/>
    </row>
    <row r="287199" spans="14:14">
      <c r="N287199" s="10"/>
    </row>
    <row r="287200" spans="14:14">
      <c r="N287200" s="10"/>
    </row>
    <row r="287201" spans="14:14">
      <c r="N287201" s="10"/>
    </row>
    <row r="287202" spans="14:14">
      <c r="N287202" s="10"/>
    </row>
    <row r="287203" spans="14:14">
      <c r="N287203" s="10"/>
    </row>
    <row r="287204" spans="14:14">
      <c r="N287204" s="10"/>
    </row>
    <row r="287205" spans="14:14">
      <c r="N287205" s="10"/>
    </row>
    <row r="287206" spans="14:14">
      <c r="N287206" s="10"/>
    </row>
    <row r="287207" spans="14:14">
      <c r="N287207" s="10"/>
    </row>
    <row r="287208" spans="14:14">
      <c r="N287208" s="10"/>
    </row>
    <row r="287209" spans="14:14">
      <c r="N287209" s="10"/>
    </row>
    <row r="287210" spans="14:14">
      <c r="N287210" s="10"/>
    </row>
    <row r="287211" spans="14:14">
      <c r="N287211" s="10"/>
    </row>
    <row r="287212" spans="14:14">
      <c r="N287212" s="10"/>
    </row>
    <row r="287213" spans="14:14">
      <c r="N287213" s="10"/>
    </row>
    <row r="287214" spans="14:14">
      <c r="N287214" s="10"/>
    </row>
    <row r="287215" spans="14:14">
      <c r="N287215" s="10"/>
    </row>
    <row r="287216" spans="14:14">
      <c r="N287216" s="10"/>
    </row>
    <row r="287217" spans="14:14">
      <c r="N287217" s="10"/>
    </row>
    <row r="287218" spans="14:14">
      <c r="N287218" s="10"/>
    </row>
    <row r="287219" spans="14:14">
      <c r="N287219" s="10"/>
    </row>
    <row r="287220" spans="14:14">
      <c r="N287220" s="10"/>
    </row>
    <row r="287221" spans="14:14">
      <c r="N287221" s="10"/>
    </row>
    <row r="287222" spans="14:14">
      <c r="N287222" s="10"/>
    </row>
    <row r="287223" spans="14:14">
      <c r="N287223" s="10"/>
    </row>
    <row r="287224" spans="14:14">
      <c r="N287224" s="10"/>
    </row>
    <row r="287225" spans="14:14">
      <c r="N287225" s="10"/>
    </row>
    <row r="287226" spans="14:14">
      <c r="N287226" s="10"/>
    </row>
    <row r="287227" spans="14:14">
      <c r="N287227" s="10"/>
    </row>
    <row r="287228" spans="14:14">
      <c r="N287228" s="10"/>
    </row>
    <row r="287229" spans="14:14">
      <c r="N287229" s="10"/>
    </row>
    <row r="287230" spans="14:14">
      <c r="N287230" s="10"/>
    </row>
    <row r="287231" spans="14:14">
      <c r="N287231" s="10"/>
    </row>
    <row r="287232" spans="14:14">
      <c r="N287232" s="10"/>
    </row>
    <row r="287233" spans="14:14">
      <c r="N287233" s="10"/>
    </row>
    <row r="287234" spans="14:14">
      <c r="N287234" s="10"/>
    </row>
    <row r="287235" spans="14:14">
      <c r="N287235" s="10"/>
    </row>
    <row r="287236" spans="14:14">
      <c r="N287236" s="10"/>
    </row>
    <row r="287237" spans="14:14">
      <c r="N287237" s="10"/>
    </row>
    <row r="287238" spans="14:14">
      <c r="N287238" s="10"/>
    </row>
    <row r="287239" spans="14:14">
      <c r="N287239" s="10"/>
    </row>
    <row r="287240" spans="14:14">
      <c r="N287240" s="10"/>
    </row>
    <row r="287241" spans="14:14">
      <c r="N287241" s="10"/>
    </row>
    <row r="287242" spans="14:14">
      <c r="N287242" s="10"/>
    </row>
    <row r="287243" spans="14:14">
      <c r="N287243" s="10"/>
    </row>
    <row r="287244" spans="14:14">
      <c r="N287244" s="10"/>
    </row>
    <row r="287245" spans="14:14">
      <c r="N287245" s="10"/>
    </row>
    <row r="287246" spans="14:14">
      <c r="N287246" s="10"/>
    </row>
    <row r="287247" spans="14:14">
      <c r="N287247" s="10"/>
    </row>
    <row r="287248" spans="14:14">
      <c r="N287248" s="10"/>
    </row>
    <row r="287249" spans="14:14">
      <c r="N287249" s="10"/>
    </row>
    <row r="287250" spans="14:14">
      <c r="N287250" s="10"/>
    </row>
    <row r="287251" spans="14:14">
      <c r="N287251" s="10"/>
    </row>
    <row r="287252" spans="14:14">
      <c r="N287252" s="10"/>
    </row>
    <row r="287253" spans="14:14">
      <c r="N287253" s="10"/>
    </row>
    <row r="287254" spans="14:14">
      <c r="N287254" s="10"/>
    </row>
    <row r="287255" spans="14:14">
      <c r="N287255" s="10"/>
    </row>
    <row r="287256" spans="14:14">
      <c r="N287256" s="10"/>
    </row>
    <row r="287257" spans="14:14">
      <c r="N287257" s="10"/>
    </row>
    <row r="287258" spans="14:14">
      <c r="N287258" s="10"/>
    </row>
    <row r="287259" spans="14:14">
      <c r="N287259" s="10"/>
    </row>
    <row r="287260" spans="14:14">
      <c r="N287260" s="10"/>
    </row>
    <row r="287261" spans="14:14">
      <c r="N287261" s="10"/>
    </row>
    <row r="287262" spans="14:14">
      <c r="N287262" s="10"/>
    </row>
    <row r="287263" spans="14:14">
      <c r="N287263" s="10"/>
    </row>
    <row r="287264" spans="14:14">
      <c r="N287264" s="10"/>
    </row>
    <row r="287265" spans="14:14">
      <c r="N287265" s="10"/>
    </row>
    <row r="287266" spans="14:14">
      <c r="N287266" s="10"/>
    </row>
    <row r="287267" spans="14:14">
      <c r="N287267" s="10"/>
    </row>
    <row r="287268" spans="14:14">
      <c r="N287268" s="10"/>
    </row>
    <row r="287269" spans="14:14">
      <c r="N287269" s="10"/>
    </row>
    <row r="287270" spans="14:14">
      <c r="N287270" s="10"/>
    </row>
    <row r="287271" spans="14:14">
      <c r="N287271" s="10"/>
    </row>
    <row r="287272" spans="14:14">
      <c r="N287272" s="10"/>
    </row>
    <row r="287273" spans="14:14">
      <c r="N287273" s="10"/>
    </row>
    <row r="287274" spans="14:14">
      <c r="N287274" s="10"/>
    </row>
    <row r="287275" spans="14:14">
      <c r="N287275" s="10"/>
    </row>
    <row r="287276" spans="14:14">
      <c r="N287276" s="10"/>
    </row>
    <row r="287277" spans="14:14">
      <c r="N287277" s="10"/>
    </row>
    <row r="287278" spans="14:14">
      <c r="N287278" s="10"/>
    </row>
    <row r="287279" spans="14:14">
      <c r="N287279" s="10"/>
    </row>
    <row r="287280" spans="14:14">
      <c r="N287280" s="10"/>
    </row>
    <row r="287281" spans="14:14">
      <c r="N287281" s="10"/>
    </row>
    <row r="287282" spans="14:14">
      <c r="N287282" s="10"/>
    </row>
    <row r="287283" spans="14:14">
      <c r="N287283" s="10"/>
    </row>
    <row r="287284" spans="14:14">
      <c r="N287284" s="10"/>
    </row>
    <row r="287285" spans="14:14">
      <c r="N287285" s="10"/>
    </row>
    <row r="287286" spans="14:14">
      <c r="N287286" s="10"/>
    </row>
    <row r="287287" spans="14:14">
      <c r="N287287" s="10"/>
    </row>
    <row r="287288" spans="14:14">
      <c r="N287288" s="10"/>
    </row>
    <row r="287289" spans="14:14">
      <c r="N287289" s="10"/>
    </row>
    <row r="287290" spans="14:14">
      <c r="N287290" s="10"/>
    </row>
    <row r="287291" spans="14:14">
      <c r="N287291" s="10"/>
    </row>
    <row r="287292" spans="14:14">
      <c r="N287292" s="10"/>
    </row>
    <row r="287293" spans="14:14">
      <c r="N287293" s="10"/>
    </row>
    <row r="287294" spans="14:14">
      <c r="N287294" s="10"/>
    </row>
    <row r="287295" spans="14:14">
      <c r="N287295" s="10"/>
    </row>
    <row r="287296" spans="14:14">
      <c r="N287296" s="10"/>
    </row>
    <row r="287297" spans="14:14">
      <c r="N287297" s="10"/>
    </row>
    <row r="287298" spans="14:14">
      <c r="N287298" s="10"/>
    </row>
    <row r="287299" spans="14:14">
      <c r="N287299" s="10"/>
    </row>
    <row r="287300" spans="14:14">
      <c r="N287300" s="10"/>
    </row>
    <row r="287301" spans="14:14">
      <c r="N287301" s="10"/>
    </row>
    <row r="287302" spans="14:14">
      <c r="N287302" s="10"/>
    </row>
    <row r="287303" spans="14:14">
      <c r="N287303" s="10"/>
    </row>
    <row r="287304" spans="14:14">
      <c r="N287304" s="10"/>
    </row>
    <row r="287305" spans="14:14">
      <c r="N287305" s="10"/>
    </row>
    <row r="287306" spans="14:14">
      <c r="N287306" s="10"/>
    </row>
    <row r="287307" spans="14:14">
      <c r="N287307" s="10"/>
    </row>
    <row r="287308" spans="14:14">
      <c r="N287308" s="10"/>
    </row>
    <row r="287309" spans="14:14">
      <c r="N287309" s="10"/>
    </row>
    <row r="287310" spans="14:14">
      <c r="N287310" s="10"/>
    </row>
    <row r="287311" spans="14:14">
      <c r="N287311" s="10"/>
    </row>
    <row r="287312" spans="14:14">
      <c r="N287312" s="10"/>
    </row>
    <row r="287313" spans="14:14">
      <c r="N287313" s="10"/>
    </row>
    <row r="287314" spans="14:14">
      <c r="N287314" s="10"/>
    </row>
    <row r="287315" spans="14:14">
      <c r="N287315" s="10"/>
    </row>
    <row r="287316" spans="14:14">
      <c r="N287316" s="10"/>
    </row>
    <row r="287317" spans="14:14">
      <c r="N287317" s="10"/>
    </row>
    <row r="287318" spans="14:14">
      <c r="N287318" s="10"/>
    </row>
    <row r="287319" spans="14:14">
      <c r="N287319" s="10"/>
    </row>
    <row r="287320" spans="14:14">
      <c r="N287320" s="10"/>
    </row>
    <row r="287321" spans="14:14">
      <c r="N287321" s="10"/>
    </row>
    <row r="287322" spans="14:14">
      <c r="N287322" s="10"/>
    </row>
    <row r="287323" spans="14:14">
      <c r="N287323" s="10"/>
    </row>
    <row r="287324" spans="14:14">
      <c r="N287324" s="10"/>
    </row>
    <row r="287325" spans="14:14">
      <c r="N287325" s="10"/>
    </row>
    <row r="287326" spans="14:14">
      <c r="N287326" s="10"/>
    </row>
    <row r="287327" spans="14:14">
      <c r="N287327" s="10"/>
    </row>
    <row r="287328" spans="14:14">
      <c r="N287328" s="10"/>
    </row>
    <row r="287329" spans="14:14">
      <c r="N287329" s="10"/>
    </row>
    <row r="287330" spans="14:14">
      <c r="N287330" s="10"/>
    </row>
    <row r="287331" spans="14:14">
      <c r="N287331" s="10"/>
    </row>
    <row r="287332" spans="14:14">
      <c r="N287332" s="10"/>
    </row>
    <row r="287333" spans="14:14">
      <c r="N287333" s="10"/>
    </row>
    <row r="287334" spans="14:14">
      <c r="N287334" s="10"/>
    </row>
    <row r="287335" spans="14:14">
      <c r="N287335" s="10"/>
    </row>
    <row r="287336" spans="14:14">
      <c r="N287336" s="10"/>
    </row>
    <row r="287337" spans="14:14">
      <c r="N287337" s="10"/>
    </row>
    <row r="287338" spans="14:14">
      <c r="N287338" s="10"/>
    </row>
    <row r="287339" spans="14:14">
      <c r="N287339" s="10"/>
    </row>
    <row r="287340" spans="14:14">
      <c r="N287340" s="10"/>
    </row>
    <row r="287341" spans="14:14">
      <c r="N287341" s="10"/>
    </row>
    <row r="287342" spans="14:14">
      <c r="N287342" s="10"/>
    </row>
    <row r="287343" spans="14:14">
      <c r="N287343" s="10"/>
    </row>
    <row r="287344" spans="14:14">
      <c r="N287344" s="10"/>
    </row>
    <row r="287345" spans="14:14">
      <c r="N287345" s="10"/>
    </row>
    <row r="287346" spans="14:14">
      <c r="N287346" s="10"/>
    </row>
    <row r="287347" spans="14:14">
      <c r="N287347" s="10"/>
    </row>
    <row r="287348" spans="14:14">
      <c r="N287348" s="10"/>
    </row>
    <row r="287349" spans="14:14">
      <c r="N287349" s="10"/>
    </row>
    <row r="287350" spans="14:14">
      <c r="N287350" s="10"/>
    </row>
    <row r="287351" spans="14:14">
      <c r="N287351" s="10"/>
    </row>
    <row r="287352" spans="14:14">
      <c r="N287352" s="10"/>
    </row>
    <row r="287353" spans="14:14">
      <c r="N287353" s="10"/>
    </row>
    <row r="287354" spans="14:14">
      <c r="N287354" s="10"/>
    </row>
    <row r="287355" spans="14:14">
      <c r="N287355" s="10"/>
    </row>
    <row r="287356" spans="14:14">
      <c r="N287356" s="10"/>
    </row>
    <row r="287357" spans="14:14">
      <c r="N287357" s="10"/>
    </row>
    <row r="287358" spans="14:14">
      <c r="N287358" s="10"/>
    </row>
    <row r="287359" spans="14:14">
      <c r="N287359" s="10"/>
    </row>
    <row r="287360" spans="14:14">
      <c r="N287360" s="10"/>
    </row>
    <row r="287361" spans="14:14">
      <c r="N287361" s="10"/>
    </row>
    <row r="287362" spans="14:14">
      <c r="N287362" s="10"/>
    </row>
    <row r="287363" spans="14:14">
      <c r="N287363" s="10"/>
    </row>
    <row r="287364" spans="14:14">
      <c r="N287364" s="10"/>
    </row>
    <row r="287365" spans="14:14">
      <c r="N287365" s="10"/>
    </row>
    <row r="287366" spans="14:14">
      <c r="N287366" s="10"/>
    </row>
    <row r="287367" spans="14:14">
      <c r="N287367" s="10"/>
    </row>
    <row r="287368" spans="14:14">
      <c r="N287368" s="10"/>
    </row>
    <row r="287369" spans="14:14">
      <c r="N287369" s="10"/>
    </row>
    <row r="287370" spans="14:14">
      <c r="N287370" s="10"/>
    </row>
    <row r="287371" spans="14:14">
      <c r="N287371" s="10"/>
    </row>
    <row r="287372" spans="14:14">
      <c r="N287372" s="10"/>
    </row>
    <row r="287373" spans="14:14">
      <c r="N287373" s="10"/>
    </row>
    <row r="287374" spans="14:14">
      <c r="N287374" s="10"/>
    </row>
    <row r="287375" spans="14:14">
      <c r="N287375" s="10"/>
    </row>
    <row r="287376" spans="14:14">
      <c r="N287376" s="10"/>
    </row>
    <row r="287377" spans="14:14">
      <c r="N287377" s="10"/>
    </row>
    <row r="287378" spans="14:14">
      <c r="N287378" s="10"/>
    </row>
    <row r="287379" spans="14:14">
      <c r="N287379" s="10"/>
    </row>
    <row r="287380" spans="14:14">
      <c r="N287380" s="10"/>
    </row>
    <row r="287381" spans="14:14">
      <c r="N287381" s="10"/>
    </row>
    <row r="287382" spans="14:14">
      <c r="N287382" s="10"/>
    </row>
    <row r="287383" spans="14:14">
      <c r="N287383" s="10"/>
    </row>
    <row r="287384" spans="14:14">
      <c r="N287384" s="10"/>
    </row>
    <row r="287385" spans="14:14">
      <c r="N287385" s="10"/>
    </row>
    <row r="287386" spans="14:14">
      <c r="N287386" s="10"/>
    </row>
    <row r="287387" spans="14:14">
      <c r="N287387" s="10"/>
    </row>
    <row r="287388" spans="14:14">
      <c r="N287388" s="10"/>
    </row>
    <row r="287389" spans="14:14">
      <c r="N287389" s="10"/>
    </row>
    <row r="287390" spans="14:14">
      <c r="N287390" s="10"/>
    </row>
    <row r="287391" spans="14:14">
      <c r="N287391" s="10"/>
    </row>
    <row r="287392" spans="14:14">
      <c r="N287392" s="10"/>
    </row>
    <row r="287393" spans="14:14">
      <c r="N287393" s="10"/>
    </row>
    <row r="287394" spans="14:14">
      <c r="N287394" s="10"/>
    </row>
    <row r="287395" spans="14:14">
      <c r="N287395" s="10"/>
    </row>
    <row r="287396" spans="14:14">
      <c r="N287396" s="10"/>
    </row>
    <row r="287397" spans="14:14">
      <c r="N287397" s="10"/>
    </row>
    <row r="287398" spans="14:14">
      <c r="N287398" s="10"/>
    </row>
    <row r="287399" spans="14:14">
      <c r="N287399" s="10"/>
    </row>
    <row r="287400" spans="14:14">
      <c r="N287400" s="10"/>
    </row>
    <row r="287401" spans="14:14">
      <c r="N287401" s="10"/>
    </row>
    <row r="287402" spans="14:14">
      <c r="N287402" s="10"/>
    </row>
    <row r="287403" spans="14:14">
      <c r="N287403" s="10"/>
    </row>
    <row r="287404" spans="14:14">
      <c r="N287404" s="10"/>
    </row>
    <row r="287405" spans="14:14">
      <c r="N287405" s="10"/>
    </row>
    <row r="287406" spans="14:14">
      <c r="N287406" s="10"/>
    </row>
    <row r="287407" spans="14:14">
      <c r="N287407" s="10"/>
    </row>
    <row r="287408" spans="14:14">
      <c r="N287408" s="10"/>
    </row>
    <row r="287409" spans="14:14">
      <c r="N287409" s="10"/>
    </row>
    <row r="287410" spans="14:14">
      <c r="N287410" s="10"/>
    </row>
    <row r="287411" spans="14:14">
      <c r="N287411" s="10"/>
    </row>
    <row r="287412" spans="14:14">
      <c r="N287412" s="10"/>
    </row>
    <row r="287413" spans="14:14">
      <c r="N287413" s="10"/>
    </row>
    <row r="287414" spans="14:14">
      <c r="N287414" s="10"/>
    </row>
    <row r="287415" spans="14:14">
      <c r="N287415" s="10"/>
    </row>
    <row r="287416" spans="14:14">
      <c r="N287416" s="10"/>
    </row>
    <row r="287417" spans="14:14">
      <c r="N287417" s="10"/>
    </row>
    <row r="287418" spans="14:14">
      <c r="N287418" s="10"/>
    </row>
    <row r="287419" spans="14:14">
      <c r="N287419" s="10"/>
    </row>
    <row r="287420" spans="14:14">
      <c r="N287420" s="10"/>
    </row>
    <row r="287421" spans="14:14">
      <c r="N287421" s="10"/>
    </row>
    <row r="287422" spans="14:14">
      <c r="N287422" s="10"/>
    </row>
    <row r="287423" spans="14:14">
      <c r="N287423" s="10"/>
    </row>
    <row r="287424" spans="14:14">
      <c r="N287424" s="10"/>
    </row>
    <row r="287425" spans="14:14">
      <c r="N287425" s="10"/>
    </row>
    <row r="287426" spans="14:14">
      <c r="N287426" s="10"/>
    </row>
    <row r="287427" spans="14:14">
      <c r="N287427" s="10"/>
    </row>
    <row r="287428" spans="14:14">
      <c r="N287428" s="10"/>
    </row>
    <row r="287429" spans="14:14">
      <c r="N287429" s="10"/>
    </row>
    <row r="287430" spans="14:14">
      <c r="N287430" s="10"/>
    </row>
    <row r="287431" spans="14:14">
      <c r="N287431" s="10"/>
    </row>
    <row r="287432" spans="14:14">
      <c r="N287432" s="10"/>
    </row>
    <row r="287433" spans="14:14">
      <c r="N287433" s="10"/>
    </row>
    <row r="287434" spans="14:14">
      <c r="N287434" s="10"/>
    </row>
    <row r="287435" spans="14:14">
      <c r="N287435" s="10"/>
    </row>
    <row r="287436" spans="14:14">
      <c r="N287436" s="10"/>
    </row>
    <row r="287437" spans="14:14">
      <c r="N287437" s="10"/>
    </row>
    <row r="287438" spans="14:14">
      <c r="N287438" s="10"/>
    </row>
    <row r="287439" spans="14:14">
      <c r="N287439" s="10"/>
    </row>
    <row r="287440" spans="14:14">
      <c r="N287440" s="10"/>
    </row>
    <row r="287441" spans="14:14">
      <c r="N287441" s="10"/>
    </row>
    <row r="287442" spans="14:14">
      <c r="N287442" s="10"/>
    </row>
    <row r="287443" spans="14:14">
      <c r="N287443" s="10"/>
    </row>
    <row r="287444" spans="14:14">
      <c r="N287444" s="10"/>
    </row>
    <row r="287445" spans="14:14">
      <c r="N287445" s="10"/>
    </row>
    <row r="287446" spans="14:14">
      <c r="N287446" s="10"/>
    </row>
    <row r="287447" spans="14:14">
      <c r="N287447" s="10"/>
    </row>
    <row r="287448" spans="14:14">
      <c r="N287448" s="10"/>
    </row>
    <row r="287449" spans="14:14">
      <c r="N287449" s="10"/>
    </row>
    <row r="287450" spans="14:14">
      <c r="N287450" s="10"/>
    </row>
    <row r="287451" spans="14:14">
      <c r="N287451" s="10"/>
    </row>
    <row r="287452" spans="14:14">
      <c r="N287452" s="10"/>
    </row>
    <row r="287453" spans="14:14">
      <c r="N287453" s="10"/>
    </row>
    <row r="287454" spans="14:14">
      <c r="N287454" s="10"/>
    </row>
    <row r="287455" spans="14:14">
      <c r="N287455" s="10"/>
    </row>
    <row r="287456" spans="14:14">
      <c r="N287456" s="10"/>
    </row>
    <row r="287457" spans="14:14">
      <c r="N287457" s="10"/>
    </row>
    <row r="287458" spans="14:14">
      <c r="N287458" s="10"/>
    </row>
    <row r="287459" spans="14:14">
      <c r="N287459" s="10"/>
    </row>
    <row r="287460" spans="14:14">
      <c r="N287460" s="10"/>
    </row>
    <row r="287461" spans="14:14">
      <c r="N287461" s="10"/>
    </row>
    <row r="287462" spans="14:14">
      <c r="N287462" s="10"/>
    </row>
    <row r="287463" spans="14:14">
      <c r="N287463" s="10"/>
    </row>
    <row r="287464" spans="14:14">
      <c r="N287464" s="10"/>
    </row>
    <row r="287465" spans="14:14">
      <c r="N287465" s="10"/>
    </row>
    <row r="287466" spans="14:14">
      <c r="N287466" s="10"/>
    </row>
    <row r="287467" spans="14:14">
      <c r="N287467" s="10"/>
    </row>
    <row r="287468" spans="14:14">
      <c r="N287468" s="10"/>
    </row>
    <row r="287469" spans="14:14">
      <c r="N287469" s="10"/>
    </row>
    <row r="287470" spans="14:14">
      <c r="N287470" s="10"/>
    </row>
    <row r="287471" spans="14:14">
      <c r="N287471" s="10"/>
    </row>
    <row r="287472" spans="14:14">
      <c r="N287472" s="10"/>
    </row>
    <row r="287473" spans="14:14">
      <c r="N287473" s="10"/>
    </row>
    <row r="287474" spans="14:14">
      <c r="N287474" s="10"/>
    </row>
    <row r="287475" spans="14:14">
      <c r="N287475" s="10"/>
    </row>
    <row r="287476" spans="14:14">
      <c r="N287476" s="10"/>
    </row>
    <row r="287477" spans="14:14">
      <c r="N287477" s="10"/>
    </row>
    <row r="287478" spans="14:14">
      <c r="N287478" s="10"/>
    </row>
    <row r="287479" spans="14:14">
      <c r="N287479" s="10"/>
    </row>
    <row r="287480" spans="14:14">
      <c r="N287480" s="10"/>
    </row>
    <row r="287481" spans="14:14">
      <c r="N287481" s="10"/>
    </row>
    <row r="287482" spans="14:14">
      <c r="N287482" s="10"/>
    </row>
    <row r="287483" spans="14:14">
      <c r="N287483" s="10"/>
    </row>
    <row r="287484" spans="14:14">
      <c r="N287484" s="10"/>
    </row>
    <row r="287485" spans="14:14">
      <c r="N287485" s="10"/>
    </row>
    <row r="287486" spans="14:14">
      <c r="N287486" s="10"/>
    </row>
    <row r="287487" spans="14:14">
      <c r="N287487" s="10"/>
    </row>
    <row r="287488" spans="14:14">
      <c r="N287488" s="10"/>
    </row>
    <row r="287489" spans="14:14">
      <c r="N287489" s="10"/>
    </row>
    <row r="287490" spans="14:14">
      <c r="N287490" s="10"/>
    </row>
    <row r="287491" spans="14:14">
      <c r="N287491" s="10"/>
    </row>
    <row r="287492" spans="14:14">
      <c r="N287492" s="10"/>
    </row>
    <row r="287493" spans="14:14">
      <c r="N287493" s="10"/>
    </row>
    <row r="287494" spans="14:14">
      <c r="N287494" s="10"/>
    </row>
    <row r="287495" spans="14:14">
      <c r="N287495" s="10"/>
    </row>
    <row r="287496" spans="14:14">
      <c r="N287496" s="10"/>
    </row>
    <row r="287497" spans="14:14">
      <c r="N287497" s="10"/>
    </row>
    <row r="287498" spans="14:14">
      <c r="N287498" s="10"/>
    </row>
    <row r="287499" spans="14:14">
      <c r="N287499" s="10"/>
    </row>
    <row r="287500" spans="14:14">
      <c r="N287500" s="10"/>
    </row>
    <row r="287501" spans="14:14">
      <c r="N287501" s="10"/>
    </row>
    <row r="287502" spans="14:14">
      <c r="N287502" s="10"/>
    </row>
    <row r="287503" spans="14:14">
      <c r="N287503" s="10"/>
    </row>
    <row r="287504" spans="14:14">
      <c r="N287504" s="10"/>
    </row>
    <row r="287505" spans="14:14">
      <c r="N287505" s="10"/>
    </row>
    <row r="287506" spans="14:14">
      <c r="N287506" s="10"/>
    </row>
    <row r="287507" spans="14:14">
      <c r="N287507" s="10"/>
    </row>
    <row r="287508" spans="14:14">
      <c r="N287508" s="10"/>
    </row>
    <row r="287509" spans="14:14">
      <c r="N287509" s="10"/>
    </row>
    <row r="287510" spans="14:14">
      <c r="N287510" s="10"/>
    </row>
    <row r="287511" spans="14:14">
      <c r="N287511" s="10"/>
    </row>
    <row r="287512" spans="14:14">
      <c r="N287512" s="10"/>
    </row>
    <row r="287513" spans="14:14">
      <c r="N287513" s="10"/>
    </row>
    <row r="287514" spans="14:14">
      <c r="N287514" s="10"/>
    </row>
    <row r="287515" spans="14:14">
      <c r="N287515" s="10"/>
    </row>
    <row r="287516" spans="14:14">
      <c r="N287516" s="10"/>
    </row>
    <row r="287517" spans="14:14">
      <c r="N287517" s="10"/>
    </row>
    <row r="287518" spans="14:14">
      <c r="N287518" s="10"/>
    </row>
    <row r="287519" spans="14:14">
      <c r="N287519" s="10"/>
    </row>
    <row r="287520" spans="14:14">
      <c r="N287520" s="10"/>
    </row>
    <row r="287521" spans="14:14">
      <c r="N287521" s="10"/>
    </row>
    <row r="287522" spans="14:14">
      <c r="N287522" s="10"/>
    </row>
    <row r="287523" spans="14:14">
      <c r="N287523" s="10"/>
    </row>
    <row r="287524" spans="14:14">
      <c r="N287524" s="10"/>
    </row>
    <row r="287525" spans="14:14">
      <c r="N287525" s="10"/>
    </row>
    <row r="287526" spans="14:14">
      <c r="N287526" s="10"/>
    </row>
    <row r="287527" spans="14:14">
      <c r="N287527" s="10"/>
    </row>
    <row r="287528" spans="14:14">
      <c r="N287528" s="10"/>
    </row>
    <row r="287529" spans="14:14">
      <c r="N287529" s="10"/>
    </row>
    <row r="287530" spans="14:14">
      <c r="N287530" s="10"/>
    </row>
    <row r="287531" spans="14:14">
      <c r="N287531" s="10"/>
    </row>
    <row r="287532" spans="14:14">
      <c r="N287532" s="10"/>
    </row>
    <row r="287533" spans="14:14">
      <c r="N287533" s="10"/>
    </row>
    <row r="287534" spans="14:14">
      <c r="N287534" s="10"/>
    </row>
    <row r="287535" spans="14:14">
      <c r="N287535" s="10"/>
    </row>
    <row r="287536" spans="14:14">
      <c r="N287536" s="10"/>
    </row>
    <row r="287537" spans="14:14">
      <c r="N287537" s="10"/>
    </row>
    <row r="287538" spans="14:14">
      <c r="N287538" s="10"/>
    </row>
    <row r="287539" spans="14:14">
      <c r="N287539" s="10"/>
    </row>
    <row r="287540" spans="14:14">
      <c r="N287540" s="10"/>
    </row>
    <row r="287541" spans="14:14">
      <c r="N287541" s="10"/>
    </row>
    <row r="287542" spans="14:14">
      <c r="N287542" s="10"/>
    </row>
    <row r="287543" spans="14:14">
      <c r="N287543" s="10"/>
    </row>
    <row r="287544" spans="14:14">
      <c r="N287544" s="10"/>
    </row>
    <row r="287545" spans="14:14">
      <c r="N287545" s="10"/>
    </row>
    <row r="287546" spans="14:14">
      <c r="N287546" s="10"/>
    </row>
    <row r="287547" spans="14:14">
      <c r="N287547" s="10"/>
    </row>
    <row r="287548" spans="14:14">
      <c r="N287548" s="10"/>
    </row>
    <row r="287549" spans="14:14">
      <c r="N287549" s="10"/>
    </row>
    <row r="287550" spans="14:14">
      <c r="N287550" s="10"/>
    </row>
    <row r="287551" spans="14:14">
      <c r="N287551" s="10"/>
    </row>
    <row r="287552" spans="14:14">
      <c r="N287552" s="10"/>
    </row>
    <row r="287553" spans="14:14">
      <c r="N287553" s="10"/>
    </row>
    <row r="287554" spans="14:14">
      <c r="N287554" s="10"/>
    </row>
    <row r="287555" spans="14:14">
      <c r="N287555" s="10"/>
    </row>
    <row r="287556" spans="14:14">
      <c r="N287556" s="10"/>
    </row>
    <row r="287557" spans="14:14">
      <c r="N287557" s="10"/>
    </row>
    <row r="287558" spans="14:14">
      <c r="N287558" s="10"/>
    </row>
    <row r="287559" spans="14:14">
      <c r="N287559" s="10"/>
    </row>
    <row r="287560" spans="14:14">
      <c r="N287560" s="10"/>
    </row>
    <row r="287561" spans="14:14">
      <c r="N287561" s="10"/>
    </row>
    <row r="287562" spans="14:14">
      <c r="N287562" s="10"/>
    </row>
    <row r="287563" spans="14:14">
      <c r="N287563" s="10"/>
    </row>
    <row r="287564" spans="14:14">
      <c r="N287564" s="10"/>
    </row>
    <row r="287565" spans="14:14">
      <c r="N287565" s="10"/>
    </row>
    <row r="287566" spans="14:14">
      <c r="N287566" s="10"/>
    </row>
    <row r="287567" spans="14:14">
      <c r="N287567" s="10"/>
    </row>
    <row r="287568" spans="14:14">
      <c r="N287568" s="10"/>
    </row>
    <row r="287569" spans="14:14">
      <c r="N287569" s="10"/>
    </row>
    <row r="287570" spans="14:14">
      <c r="N287570" s="10"/>
    </row>
    <row r="287571" spans="14:14">
      <c r="N287571" s="10"/>
    </row>
    <row r="287572" spans="14:14">
      <c r="N287572" s="10"/>
    </row>
    <row r="287573" spans="14:14">
      <c r="N287573" s="10"/>
    </row>
    <row r="287574" spans="14:14">
      <c r="N287574" s="10"/>
    </row>
    <row r="287575" spans="14:14">
      <c r="N287575" s="10"/>
    </row>
    <row r="287576" spans="14:14">
      <c r="N287576" s="10"/>
    </row>
    <row r="287577" spans="14:14">
      <c r="N287577" s="10"/>
    </row>
    <row r="287578" spans="14:14">
      <c r="N287578" s="10"/>
    </row>
    <row r="287579" spans="14:14">
      <c r="N287579" s="10"/>
    </row>
    <row r="287580" spans="14:14">
      <c r="N287580" s="10"/>
    </row>
    <row r="287581" spans="14:14">
      <c r="N287581" s="10"/>
    </row>
    <row r="287582" spans="14:14">
      <c r="N287582" s="10"/>
    </row>
    <row r="287583" spans="14:14">
      <c r="N287583" s="10"/>
    </row>
    <row r="287584" spans="14:14">
      <c r="N287584" s="10"/>
    </row>
    <row r="287585" spans="14:14">
      <c r="N287585" s="10"/>
    </row>
    <row r="287586" spans="14:14">
      <c r="N287586" s="10"/>
    </row>
    <row r="287587" spans="14:14">
      <c r="N287587" s="10"/>
    </row>
    <row r="287588" spans="14:14">
      <c r="N287588" s="10"/>
    </row>
    <row r="287589" spans="14:14">
      <c r="N287589" s="10"/>
    </row>
    <row r="287590" spans="14:14">
      <c r="N287590" s="10"/>
    </row>
    <row r="287591" spans="14:14">
      <c r="N287591" s="10"/>
    </row>
    <row r="287592" spans="14:14">
      <c r="N287592" s="10"/>
    </row>
    <row r="287593" spans="14:14">
      <c r="N287593" s="10"/>
    </row>
    <row r="287594" spans="14:14">
      <c r="N287594" s="10"/>
    </row>
    <row r="287595" spans="14:14">
      <c r="N287595" s="10"/>
    </row>
    <row r="287596" spans="14:14">
      <c r="N287596" s="10"/>
    </row>
    <row r="287597" spans="14:14">
      <c r="N287597" s="10"/>
    </row>
    <row r="287598" spans="14:14">
      <c r="N287598" s="10"/>
    </row>
    <row r="287599" spans="14:14">
      <c r="N287599" s="10"/>
    </row>
    <row r="287600" spans="14:14">
      <c r="N287600" s="10"/>
    </row>
    <row r="287601" spans="14:14">
      <c r="N287601" s="10"/>
    </row>
    <row r="287602" spans="14:14">
      <c r="N287602" s="10"/>
    </row>
    <row r="287603" spans="14:14">
      <c r="N287603" s="10"/>
    </row>
    <row r="287604" spans="14:14">
      <c r="N287604" s="10"/>
    </row>
    <row r="287605" spans="14:14">
      <c r="N287605" s="10"/>
    </row>
    <row r="287606" spans="14:14">
      <c r="N287606" s="10"/>
    </row>
    <row r="287607" spans="14:14">
      <c r="N287607" s="10"/>
    </row>
    <row r="287608" spans="14:14">
      <c r="N287608" s="10"/>
    </row>
    <row r="287609" spans="14:14">
      <c r="N287609" s="10"/>
    </row>
    <row r="287610" spans="14:14">
      <c r="N287610" s="10"/>
    </row>
    <row r="287611" spans="14:14">
      <c r="N287611" s="10"/>
    </row>
    <row r="287612" spans="14:14">
      <c r="N287612" s="10"/>
    </row>
    <row r="287613" spans="14:14">
      <c r="N287613" s="10"/>
    </row>
    <row r="287614" spans="14:14">
      <c r="N287614" s="10"/>
    </row>
    <row r="287615" spans="14:14">
      <c r="N287615" s="10"/>
    </row>
    <row r="287616" spans="14:14">
      <c r="N287616" s="10"/>
    </row>
    <row r="287617" spans="14:14">
      <c r="N287617" s="10"/>
    </row>
    <row r="287618" spans="14:14">
      <c r="N287618" s="10"/>
    </row>
    <row r="287619" spans="14:14">
      <c r="N287619" s="10"/>
    </row>
    <row r="287620" spans="14:14">
      <c r="N287620" s="10"/>
    </row>
    <row r="287621" spans="14:14">
      <c r="N287621" s="10"/>
    </row>
    <row r="287622" spans="14:14">
      <c r="N287622" s="10"/>
    </row>
    <row r="287623" spans="14:14">
      <c r="N287623" s="10"/>
    </row>
    <row r="287624" spans="14:14">
      <c r="N287624" s="10"/>
    </row>
    <row r="287625" spans="14:14">
      <c r="N287625" s="10"/>
    </row>
    <row r="287626" spans="14:14">
      <c r="N287626" s="10"/>
    </row>
    <row r="287627" spans="14:14">
      <c r="N287627" s="10"/>
    </row>
    <row r="287628" spans="14:14">
      <c r="N287628" s="10"/>
    </row>
    <row r="287629" spans="14:14">
      <c r="N287629" s="10"/>
    </row>
    <row r="287630" spans="14:14">
      <c r="N287630" s="10"/>
    </row>
    <row r="287631" spans="14:14">
      <c r="N287631" s="10"/>
    </row>
    <row r="287632" spans="14:14">
      <c r="N287632" s="10"/>
    </row>
    <row r="287633" spans="14:14">
      <c r="N287633" s="10"/>
    </row>
    <row r="287634" spans="14:14">
      <c r="N287634" s="10"/>
    </row>
    <row r="287635" spans="14:14">
      <c r="N287635" s="10"/>
    </row>
    <row r="287636" spans="14:14">
      <c r="N287636" s="10"/>
    </row>
    <row r="287637" spans="14:14">
      <c r="N287637" s="10"/>
    </row>
    <row r="287638" spans="14:14">
      <c r="N287638" s="10"/>
    </row>
    <row r="287639" spans="14:14">
      <c r="N287639" s="10"/>
    </row>
    <row r="287640" spans="14:14">
      <c r="N287640" s="10"/>
    </row>
    <row r="287641" spans="14:14">
      <c r="N287641" s="10"/>
    </row>
    <row r="287642" spans="14:14">
      <c r="N287642" s="10"/>
    </row>
    <row r="287643" spans="14:14">
      <c r="N287643" s="10"/>
    </row>
    <row r="287644" spans="14:14">
      <c r="N287644" s="10"/>
    </row>
    <row r="287645" spans="14:14">
      <c r="N287645" s="10"/>
    </row>
    <row r="287646" spans="14:14">
      <c r="N287646" s="10"/>
    </row>
    <row r="287647" spans="14:14">
      <c r="N287647" s="10"/>
    </row>
    <row r="287648" spans="14:14">
      <c r="N287648" s="10"/>
    </row>
    <row r="287649" spans="14:14">
      <c r="N287649" s="10"/>
    </row>
    <row r="287650" spans="14:14">
      <c r="N287650" s="10"/>
    </row>
    <row r="287651" spans="14:14">
      <c r="N287651" s="10"/>
    </row>
    <row r="287652" spans="14:14">
      <c r="N287652" s="10"/>
    </row>
    <row r="287653" spans="14:14">
      <c r="N287653" s="10"/>
    </row>
    <row r="287654" spans="14:14">
      <c r="N287654" s="10"/>
    </row>
    <row r="287655" spans="14:14">
      <c r="N287655" s="10"/>
    </row>
    <row r="287656" spans="14:14">
      <c r="N287656" s="10"/>
    </row>
    <row r="287657" spans="14:14">
      <c r="N287657" s="10"/>
    </row>
    <row r="287658" spans="14:14">
      <c r="N287658" s="10"/>
    </row>
    <row r="287659" spans="14:14">
      <c r="N287659" s="10"/>
    </row>
    <row r="287660" spans="14:14">
      <c r="N287660" s="10"/>
    </row>
    <row r="287661" spans="14:14">
      <c r="N287661" s="10"/>
    </row>
    <row r="287662" spans="14:14">
      <c r="N287662" s="10"/>
    </row>
    <row r="287663" spans="14:14">
      <c r="N287663" s="10"/>
    </row>
    <row r="287664" spans="14:14">
      <c r="N287664" s="10"/>
    </row>
    <row r="287665" spans="14:14">
      <c r="N287665" s="10"/>
    </row>
    <row r="287666" spans="14:14">
      <c r="N287666" s="10"/>
    </row>
    <row r="287667" spans="14:14">
      <c r="N287667" s="10"/>
    </row>
    <row r="287668" spans="14:14">
      <c r="N287668" s="10"/>
    </row>
    <row r="287669" spans="14:14">
      <c r="N287669" s="10"/>
    </row>
    <row r="287670" spans="14:14">
      <c r="N287670" s="10"/>
    </row>
    <row r="287671" spans="14:14">
      <c r="N287671" s="10"/>
    </row>
    <row r="287672" spans="14:14">
      <c r="N287672" s="10"/>
    </row>
    <row r="287673" spans="14:14">
      <c r="N287673" s="10"/>
    </row>
    <row r="287674" spans="14:14">
      <c r="N287674" s="10"/>
    </row>
    <row r="287675" spans="14:14">
      <c r="N287675" s="10"/>
    </row>
    <row r="287676" spans="14:14">
      <c r="N287676" s="10"/>
    </row>
    <row r="287677" spans="14:14">
      <c r="N287677" s="10"/>
    </row>
    <row r="287678" spans="14:14">
      <c r="N287678" s="10"/>
    </row>
    <row r="287679" spans="14:14">
      <c r="N287679" s="10"/>
    </row>
    <row r="287680" spans="14:14">
      <c r="N287680" s="10"/>
    </row>
    <row r="287681" spans="14:14">
      <c r="N287681" s="10"/>
    </row>
    <row r="287682" spans="14:14">
      <c r="N287682" s="10"/>
    </row>
    <row r="287683" spans="14:14">
      <c r="N287683" s="10"/>
    </row>
    <row r="287684" spans="14:14">
      <c r="N287684" s="10"/>
    </row>
    <row r="287685" spans="14:14">
      <c r="N287685" s="10"/>
    </row>
    <row r="287686" spans="14:14">
      <c r="N287686" s="10"/>
    </row>
    <row r="287687" spans="14:14">
      <c r="N287687" s="10"/>
    </row>
    <row r="287688" spans="14:14">
      <c r="N287688" s="10"/>
    </row>
    <row r="287689" spans="14:14">
      <c r="N287689" s="10"/>
    </row>
    <row r="287690" spans="14:14">
      <c r="N287690" s="10"/>
    </row>
    <row r="287691" spans="14:14">
      <c r="N287691" s="10"/>
    </row>
    <row r="287692" spans="14:14">
      <c r="N287692" s="10"/>
    </row>
    <row r="287693" spans="14:14">
      <c r="N287693" s="10"/>
    </row>
    <row r="287694" spans="14:14">
      <c r="N287694" s="10"/>
    </row>
    <row r="287695" spans="14:14">
      <c r="N287695" s="10"/>
    </row>
    <row r="287696" spans="14:14">
      <c r="N287696" s="10"/>
    </row>
    <row r="287697" spans="14:14">
      <c r="N287697" s="10"/>
    </row>
    <row r="287698" spans="14:14">
      <c r="N287698" s="10"/>
    </row>
    <row r="287699" spans="14:14">
      <c r="N287699" s="10"/>
    </row>
    <row r="287700" spans="14:14">
      <c r="N287700" s="10"/>
    </row>
    <row r="287701" spans="14:14">
      <c r="N287701" s="10"/>
    </row>
    <row r="287702" spans="14:14">
      <c r="N287702" s="10"/>
    </row>
    <row r="287703" spans="14:14">
      <c r="N287703" s="10"/>
    </row>
    <row r="287704" spans="14:14">
      <c r="N287704" s="10"/>
    </row>
    <row r="287705" spans="14:14">
      <c r="N287705" s="10"/>
    </row>
    <row r="287706" spans="14:14">
      <c r="N287706" s="10"/>
    </row>
    <row r="287707" spans="14:14">
      <c r="N287707" s="10"/>
    </row>
    <row r="287708" spans="14:14">
      <c r="N287708" s="10"/>
    </row>
    <row r="287709" spans="14:14">
      <c r="N287709" s="10"/>
    </row>
    <row r="287710" spans="14:14">
      <c r="N287710" s="10"/>
    </row>
    <row r="287711" spans="14:14">
      <c r="N287711" s="10"/>
    </row>
    <row r="287712" spans="14:14">
      <c r="N287712" s="10"/>
    </row>
    <row r="287713" spans="14:14">
      <c r="N287713" s="10"/>
    </row>
    <row r="287714" spans="14:14">
      <c r="N287714" s="10"/>
    </row>
    <row r="287715" spans="14:14">
      <c r="N287715" s="10"/>
    </row>
    <row r="287716" spans="14:14">
      <c r="N287716" s="10"/>
    </row>
    <row r="287717" spans="14:14">
      <c r="N287717" s="10"/>
    </row>
    <row r="287718" spans="14:14">
      <c r="N287718" s="10"/>
    </row>
    <row r="287719" spans="14:14">
      <c r="N287719" s="10"/>
    </row>
    <row r="287720" spans="14:14">
      <c r="N287720" s="10"/>
    </row>
    <row r="287721" spans="14:14">
      <c r="N287721" s="10"/>
    </row>
    <row r="287722" spans="14:14">
      <c r="N287722" s="10"/>
    </row>
    <row r="287723" spans="14:14">
      <c r="N287723" s="10"/>
    </row>
    <row r="287724" spans="14:14">
      <c r="N287724" s="10"/>
    </row>
    <row r="287725" spans="14:14">
      <c r="N287725" s="10"/>
    </row>
    <row r="287726" spans="14:14">
      <c r="N287726" s="10"/>
    </row>
    <row r="287727" spans="14:14">
      <c r="N287727" s="10"/>
    </row>
    <row r="287728" spans="14:14">
      <c r="N287728" s="10"/>
    </row>
    <row r="287729" spans="14:14">
      <c r="N287729" s="10"/>
    </row>
    <row r="287730" spans="14:14">
      <c r="N287730" s="10"/>
    </row>
    <row r="287731" spans="14:14">
      <c r="N287731" s="10"/>
    </row>
    <row r="287732" spans="14:14">
      <c r="N287732" s="10"/>
    </row>
    <row r="287733" spans="14:14">
      <c r="N287733" s="10"/>
    </row>
    <row r="287734" spans="14:14">
      <c r="N287734" s="10"/>
    </row>
    <row r="287735" spans="14:14">
      <c r="N287735" s="10"/>
    </row>
    <row r="287736" spans="14:14">
      <c r="N287736" s="10"/>
    </row>
    <row r="287737" spans="14:14">
      <c r="N287737" s="10"/>
    </row>
    <row r="287738" spans="14:14">
      <c r="N287738" s="10"/>
    </row>
    <row r="287739" spans="14:14">
      <c r="N287739" s="10"/>
    </row>
    <row r="287740" spans="14:14">
      <c r="N287740" s="10"/>
    </row>
    <row r="287741" spans="14:14">
      <c r="N287741" s="10"/>
    </row>
    <row r="287742" spans="14:14">
      <c r="N287742" s="10"/>
    </row>
    <row r="287743" spans="14:14">
      <c r="N287743" s="10"/>
    </row>
    <row r="287744" spans="14:14">
      <c r="N287744" s="10"/>
    </row>
    <row r="287745" spans="14:14">
      <c r="N287745" s="10"/>
    </row>
    <row r="287746" spans="14:14">
      <c r="N287746" s="10"/>
    </row>
    <row r="287747" spans="14:14">
      <c r="N287747" s="10"/>
    </row>
    <row r="287748" spans="14:14">
      <c r="N287748" s="10"/>
    </row>
    <row r="287749" spans="14:14">
      <c r="N287749" s="10"/>
    </row>
    <row r="287750" spans="14:14">
      <c r="N287750" s="10"/>
    </row>
    <row r="287751" spans="14:14">
      <c r="N287751" s="10"/>
    </row>
    <row r="287752" spans="14:14">
      <c r="N287752" s="10"/>
    </row>
    <row r="287753" spans="14:14">
      <c r="N287753" s="10"/>
    </row>
    <row r="287754" spans="14:14">
      <c r="N287754" s="10"/>
    </row>
    <row r="287755" spans="14:14">
      <c r="N287755" s="10"/>
    </row>
    <row r="287756" spans="14:14">
      <c r="N287756" s="10"/>
    </row>
    <row r="287757" spans="14:14">
      <c r="N287757" s="10"/>
    </row>
    <row r="287758" spans="14:14">
      <c r="N287758" s="10"/>
    </row>
    <row r="287759" spans="14:14">
      <c r="N287759" s="10"/>
    </row>
    <row r="287760" spans="14:14">
      <c r="N287760" s="10"/>
    </row>
    <row r="287761" spans="14:14">
      <c r="N287761" s="10"/>
    </row>
    <row r="287762" spans="14:14">
      <c r="N287762" s="10"/>
    </row>
    <row r="287763" spans="14:14">
      <c r="N287763" s="10"/>
    </row>
    <row r="287764" spans="14:14">
      <c r="N287764" s="10"/>
    </row>
    <row r="287765" spans="14:14">
      <c r="N287765" s="10"/>
    </row>
    <row r="287766" spans="14:14">
      <c r="N287766" s="10"/>
    </row>
    <row r="287767" spans="14:14">
      <c r="N287767" s="10"/>
    </row>
    <row r="287768" spans="14:14">
      <c r="N287768" s="10"/>
    </row>
    <row r="287769" spans="14:14">
      <c r="N287769" s="10"/>
    </row>
    <row r="287770" spans="14:14">
      <c r="N287770" s="10"/>
    </row>
    <row r="287771" spans="14:14">
      <c r="N287771" s="10"/>
    </row>
    <row r="287772" spans="14:14">
      <c r="N287772" s="10"/>
    </row>
    <row r="287773" spans="14:14">
      <c r="N287773" s="10"/>
    </row>
    <row r="287774" spans="14:14">
      <c r="N287774" s="10"/>
    </row>
    <row r="287775" spans="14:14">
      <c r="N287775" s="10"/>
    </row>
    <row r="287776" spans="14:14">
      <c r="N287776" s="10"/>
    </row>
    <row r="287777" spans="14:14">
      <c r="N287777" s="10"/>
    </row>
    <row r="287778" spans="14:14">
      <c r="N287778" s="10"/>
    </row>
    <row r="287779" spans="14:14">
      <c r="N287779" s="10"/>
    </row>
    <row r="287780" spans="14:14">
      <c r="N287780" s="10"/>
    </row>
    <row r="287781" spans="14:14">
      <c r="N287781" s="10"/>
    </row>
    <row r="287782" spans="14:14">
      <c r="N287782" s="10"/>
    </row>
    <row r="287783" spans="14:14">
      <c r="N287783" s="10"/>
    </row>
    <row r="287784" spans="14:14">
      <c r="N287784" s="10"/>
    </row>
    <row r="287785" spans="14:14">
      <c r="N287785" s="10"/>
    </row>
    <row r="287786" spans="14:14">
      <c r="N287786" s="10"/>
    </row>
    <row r="287787" spans="14:14">
      <c r="N287787" s="10"/>
    </row>
    <row r="287788" spans="14:14">
      <c r="N287788" s="10"/>
    </row>
    <row r="287789" spans="14:14">
      <c r="N287789" s="10"/>
    </row>
    <row r="287790" spans="14:14">
      <c r="N287790" s="10"/>
    </row>
    <row r="287791" spans="14:14">
      <c r="N287791" s="10"/>
    </row>
    <row r="287792" spans="14:14">
      <c r="N287792" s="10"/>
    </row>
    <row r="287793" spans="14:14">
      <c r="N287793" s="10"/>
    </row>
    <row r="287794" spans="14:14">
      <c r="N287794" s="10"/>
    </row>
    <row r="287795" spans="14:14">
      <c r="N287795" s="10"/>
    </row>
    <row r="287796" spans="14:14">
      <c r="N287796" s="10"/>
    </row>
    <row r="287797" spans="14:14">
      <c r="N287797" s="10"/>
    </row>
    <row r="287798" spans="14:14">
      <c r="N287798" s="10"/>
    </row>
    <row r="287799" spans="14:14">
      <c r="N287799" s="10"/>
    </row>
    <row r="287800" spans="14:14">
      <c r="N287800" s="10"/>
    </row>
    <row r="287801" spans="14:14">
      <c r="N287801" s="10"/>
    </row>
    <row r="287802" spans="14:14">
      <c r="N287802" s="10"/>
    </row>
    <row r="287803" spans="14:14">
      <c r="N287803" s="10"/>
    </row>
    <row r="287804" spans="14:14">
      <c r="N287804" s="10"/>
    </row>
    <row r="287805" spans="14:14">
      <c r="N287805" s="10"/>
    </row>
    <row r="287806" spans="14:14">
      <c r="N287806" s="10"/>
    </row>
    <row r="287807" spans="14:14">
      <c r="N287807" s="10"/>
    </row>
    <row r="287808" spans="14:14">
      <c r="N287808" s="10"/>
    </row>
    <row r="287809" spans="14:14">
      <c r="N287809" s="10"/>
    </row>
    <row r="287810" spans="14:14">
      <c r="N287810" s="10"/>
    </row>
    <row r="287811" spans="14:14">
      <c r="N287811" s="10"/>
    </row>
    <row r="287812" spans="14:14">
      <c r="N287812" s="10"/>
    </row>
    <row r="287813" spans="14:14">
      <c r="N287813" s="10"/>
    </row>
    <row r="287814" spans="14:14">
      <c r="N287814" s="10"/>
    </row>
    <row r="287815" spans="14:14">
      <c r="N287815" s="10"/>
    </row>
    <row r="287816" spans="14:14">
      <c r="N287816" s="10"/>
    </row>
    <row r="287817" spans="14:14">
      <c r="N287817" s="10"/>
    </row>
    <row r="287818" spans="14:14">
      <c r="N287818" s="10"/>
    </row>
    <row r="287819" spans="14:14">
      <c r="N287819" s="10"/>
    </row>
    <row r="287820" spans="14:14">
      <c r="N287820" s="10"/>
    </row>
    <row r="287821" spans="14:14">
      <c r="N287821" s="10"/>
    </row>
    <row r="287822" spans="14:14">
      <c r="N287822" s="10"/>
    </row>
    <row r="287823" spans="14:14">
      <c r="N287823" s="10"/>
    </row>
    <row r="287824" spans="14:14">
      <c r="N287824" s="10"/>
    </row>
    <row r="287825" spans="14:14">
      <c r="N287825" s="10"/>
    </row>
    <row r="287826" spans="14:14">
      <c r="N287826" s="10"/>
    </row>
    <row r="287827" spans="14:14">
      <c r="N287827" s="10"/>
    </row>
    <row r="287828" spans="14:14">
      <c r="N287828" s="10"/>
    </row>
    <row r="287829" spans="14:14">
      <c r="N287829" s="10"/>
    </row>
    <row r="287830" spans="14:14">
      <c r="N287830" s="10"/>
    </row>
    <row r="287831" spans="14:14">
      <c r="N287831" s="10"/>
    </row>
    <row r="287832" spans="14:14">
      <c r="N287832" s="10"/>
    </row>
    <row r="287833" spans="14:14">
      <c r="N287833" s="10"/>
    </row>
    <row r="287834" spans="14:14">
      <c r="N287834" s="10"/>
    </row>
    <row r="287835" spans="14:14">
      <c r="N287835" s="10"/>
    </row>
    <row r="287836" spans="14:14">
      <c r="N287836" s="10"/>
    </row>
    <row r="287837" spans="14:14">
      <c r="N287837" s="10"/>
    </row>
    <row r="287838" spans="14:14">
      <c r="N287838" s="10"/>
    </row>
    <row r="287839" spans="14:14">
      <c r="N287839" s="10"/>
    </row>
    <row r="287840" spans="14:14">
      <c r="N287840" s="10"/>
    </row>
    <row r="287841" spans="14:14">
      <c r="N287841" s="10"/>
    </row>
    <row r="287842" spans="14:14">
      <c r="N287842" s="10"/>
    </row>
    <row r="287843" spans="14:14">
      <c r="N287843" s="10"/>
    </row>
    <row r="287844" spans="14:14">
      <c r="N287844" s="10"/>
    </row>
    <row r="287845" spans="14:14">
      <c r="N287845" s="10"/>
    </row>
    <row r="287846" spans="14:14">
      <c r="N287846" s="10"/>
    </row>
    <row r="287847" spans="14:14">
      <c r="N287847" s="10"/>
    </row>
    <row r="287848" spans="14:14">
      <c r="N287848" s="10"/>
    </row>
    <row r="287849" spans="14:14">
      <c r="N287849" s="10"/>
    </row>
    <row r="287850" spans="14:14">
      <c r="N287850" s="10"/>
    </row>
    <row r="287851" spans="14:14">
      <c r="N287851" s="10"/>
    </row>
    <row r="287852" spans="14:14">
      <c r="N287852" s="10"/>
    </row>
    <row r="287853" spans="14:14">
      <c r="N287853" s="10"/>
    </row>
    <row r="287854" spans="14:14">
      <c r="N287854" s="10"/>
    </row>
    <row r="287855" spans="14:14">
      <c r="N287855" s="10"/>
    </row>
    <row r="287856" spans="14:14">
      <c r="N287856" s="10"/>
    </row>
    <row r="287857" spans="14:14">
      <c r="N287857" s="10"/>
    </row>
    <row r="287858" spans="14:14">
      <c r="N287858" s="10"/>
    </row>
    <row r="287859" spans="14:14">
      <c r="N287859" s="10"/>
    </row>
    <row r="287860" spans="14:14">
      <c r="N287860" s="10"/>
    </row>
    <row r="287861" spans="14:14">
      <c r="N287861" s="10"/>
    </row>
    <row r="287862" spans="14:14">
      <c r="N287862" s="10"/>
    </row>
    <row r="287863" spans="14:14">
      <c r="N287863" s="10"/>
    </row>
    <row r="287864" spans="14:14">
      <c r="N287864" s="10"/>
    </row>
    <row r="287865" spans="14:14">
      <c r="N287865" s="10"/>
    </row>
    <row r="287866" spans="14:14">
      <c r="N287866" s="10"/>
    </row>
    <row r="287867" spans="14:14">
      <c r="N287867" s="10"/>
    </row>
    <row r="287868" spans="14:14">
      <c r="N287868" s="10"/>
    </row>
    <row r="287869" spans="14:14">
      <c r="N287869" s="10"/>
    </row>
    <row r="287870" spans="14:14">
      <c r="N287870" s="10"/>
    </row>
    <row r="287871" spans="14:14">
      <c r="N287871" s="10"/>
    </row>
    <row r="287872" spans="14:14">
      <c r="N287872" s="10"/>
    </row>
    <row r="287873" spans="14:14">
      <c r="N287873" s="10"/>
    </row>
    <row r="287874" spans="14:14">
      <c r="N287874" s="10"/>
    </row>
    <row r="287875" spans="14:14">
      <c r="N287875" s="10"/>
    </row>
    <row r="287876" spans="14:14">
      <c r="N287876" s="10"/>
    </row>
    <row r="287877" spans="14:14">
      <c r="N287877" s="10"/>
    </row>
    <row r="287878" spans="14:14">
      <c r="N287878" s="10"/>
    </row>
    <row r="287879" spans="14:14">
      <c r="N287879" s="10"/>
    </row>
    <row r="287880" spans="14:14">
      <c r="N287880" s="10"/>
    </row>
    <row r="287881" spans="14:14">
      <c r="N287881" s="10"/>
    </row>
    <row r="287882" spans="14:14">
      <c r="N287882" s="10"/>
    </row>
    <row r="287883" spans="14:14">
      <c r="N287883" s="10"/>
    </row>
    <row r="287884" spans="14:14">
      <c r="N287884" s="10"/>
    </row>
    <row r="287885" spans="14:14">
      <c r="N287885" s="10"/>
    </row>
    <row r="287886" spans="14:14">
      <c r="N287886" s="10"/>
    </row>
    <row r="287887" spans="14:14">
      <c r="N287887" s="10"/>
    </row>
    <row r="287888" spans="14:14">
      <c r="N287888" s="10"/>
    </row>
    <row r="287889" spans="14:14">
      <c r="N287889" s="10"/>
    </row>
    <row r="287890" spans="14:14">
      <c r="N287890" s="10"/>
    </row>
    <row r="287891" spans="14:14">
      <c r="N287891" s="10"/>
    </row>
    <row r="287892" spans="14:14">
      <c r="N287892" s="10"/>
    </row>
    <row r="287893" spans="14:14">
      <c r="N287893" s="10"/>
    </row>
    <row r="287894" spans="14:14">
      <c r="N287894" s="10"/>
    </row>
    <row r="287895" spans="14:14">
      <c r="N287895" s="10"/>
    </row>
    <row r="287896" spans="14:14">
      <c r="N287896" s="10"/>
    </row>
    <row r="287897" spans="14:14">
      <c r="N287897" s="10"/>
    </row>
    <row r="287898" spans="14:14">
      <c r="N287898" s="10"/>
    </row>
    <row r="287899" spans="14:14">
      <c r="N287899" s="10"/>
    </row>
    <row r="287900" spans="14:14">
      <c r="N287900" s="10"/>
    </row>
    <row r="287901" spans="14:14">
      <c r="N287901" s="10"/>
    </row>
    <row r="287902" spans="14:14">
      <c r="N287902" s="10"/>
    </row>
    <row r="287903" spans="14:14">
      <c r="N287903" s="10"/>
    </row>
    <row r="287904" spans="14:14">
      <c r="N287904" s="10"/>
    </row>
    <row r="287905" spans="14:14">
      <c r="N287905" s="10"/>
    </row>
    <row r="287906" spans="14:14">
      <c r="N287906" s="10"/>
    </row>
    <row r="287907" spans="14:14">
      <c r="N287907" s="10"/>
    </row>
    <row r="287908" spans="14:14">
      <c r="N287908" s="10"/>
    </row>
    <row r="287909" spans="14:14">
      <c r="N287909" s="10"/>
    </row>
    <row r="287910" spans="14:14">
      <c r="N287910" s="10"/>
    </row>
    <row r="287911" spans="14:14">
      <c r="N287911" s="10"/>
    </row>
    <row r="287912" spans="14:14">
      <c r="N287912" s="10"/>
    </row>
    <row r="287913" spans="14:14">
      <c r="N287913" s="10"/>
    </row>
    <row r="287914" spans="14:14">
      <c r="N287914" s="10"/>
    </row>
    <row r="287915" spans="14:14">
      <c r="N287915" s="10"/>
    </row>
    <row r="287916" spans="14:14">
      <c r="N287916" s="10"/>
    </row>
    <row r="287917" spans="14:14">
      <c r="N287917" s="10"/>
    </row>
    <row r="287918" spans="14:14">
      <c r="N287918" s="10"/>
    </row>
    <row r="287919" spans="14:14">
      <c r="N287919" s="10"/>
    </row>
    <row r="287920" spans="14:14">
      <c r="N287920" s="10"/>
    </row>
    <row r="287921" spans="14:14">
      <c r="N287921" s="10"/>
    </row>
    <row r="287922" spans="14:14">
      <c r="N287922" s="10"/>
    </row>
    <row r="287923" spans="14:14">
      <c r="N287923" s="10"/>
    </row>
    <row r="287924" spans="14:14">
      <c r="N287924" s="10"/>
    </row>
    <row r="287925" spans="14:14">
      <c r="N287925" s="10"/>
    </row>
    <row r="287926" spans="14:14">
      <c r="N287926" s="10"/>
    </row>
    <row r="287927" spans="14:14">
      <c r="N287927" s="10"/>
    </row>
    <row r="287928" spans="14:14">
      <c r="N287928" s="10"/>
    </row>
    <row r="287929" spans="14:14">
      <c r="N287929" s="10"/>
    </row>
    <row r="287930" spans="14:14">
      <c r="N287930" s="10"/>
    </row>
    <row r="287931" spans="14:14">
      <c r="N287931" s="10"/>
    </row>
    <row r="287932" spans="14:14">
      <c r="N287932" s="10"/>
    </row>
    <row r="287933" spans="14:14">
      <c r="N287933" s="10"/>
    </row>
    <row r="287934" spans="14:14">
      <c r="N287934" s="10"/>
    </row>
    <row r="287935" spans="14:14">
      <c r="N287935" s="10"/>
    </row>
    <row r="287936" spans="14:14">
      <c r="N287936" s="10"/>
    </row>
    <row r="287937" spans="14:14">
      <c r="N287937" s="10"/>
    </row>
    <row r="287938" spans="14:14">
      <c r="N287938" s="10"/>
    </row>
    <row r="287939" spans="14:14">
      <c r="N287939" s="10"/>
    </row>
    <row r="287940" spans="14:14">
      <c r="N287940" s="10"/>
    </row>
    <row r="287941" spans="14:14">
      <c r="N287941" s="10"/>
    </row>
    <row r="287942" spans="14:14">
      <c r="N287942" s="10"/>
    </row>
    <row r="287943" spans="14:14">
      <c r="N287943" s="10"/>
    </row>
    <row r="287944" spans="14:14">
      <c r="N287944" s="10"/>
    </row>
    <row r="287945" spans="14:14">
      <c r="N287945" s="10"/>
    </row>
    <row r="287946" spans="14:14">
      <c r="N287946" s="10"/>
    </row>
    <row r="287947" spans="14:14">
      <c r="N287947" s="10"/>
    </row>
    <row r="287948" spans="14:14">
      <c r="N287948" s="10"/>
    </row>
    <row r="287949" spans="14:14">
      <c r="N287949" s="10"/>
    </row>
    <row r="287950" spans="14:14">
      <c r="N287950" s="10"/>
    </row>
    <row r="287951" spans="14:14">
      <c r="N287951" s="10"/>
    </row>
    <row r="287952" spans="14:14">
      <c r="N287952" s="10"/>
    </row>
    <row r="287953" spans="14:14">
      <c r="N287953" s="10"/>
    </row>
    <row r="287954" spans="14:14">
      <c r="N287954" s="10"/>
    </row>
    <row r="287955" spans="14:14">
      <c r="N287955" s="10"/>
    </row>
    <row r="287956" spans="14:14">
      <c r="N287956" s="10"/>
    </row>
    <row r="287957" spans="14:14">
      <c r="N287957" s="10"/>
    </row>
    <row r="287958" spans="14:14">
      <c r="N287958" s="10"/>
    </row>
    <row r="287959" spans="14:14">
      <c r="N287959" s="10"/>
    </row>
    <row r="287960" spans="14:14">
      <c r="N287960" s="10"/>
    </row>
    <row r="287961" spans="14:14">
      <c r="N287961" s="10"/>
    </row>
    <row r="287962" spans="14:14">
      <c r="N287962" s="10"/>
    </row>
    <row r="287963" spans="14:14">
      <c r="N287963" s="10"/>
    </row>
    <row r="287964" spans="14:14">
      <c r="N287964" s="10"/>
    </row>
    <row r="287965" spans="14:14">
      <c r="N287965" s="10"/>
    </row>
    <row r="287966" spans="14:14">
      <c r="N287966" s="10"/>
    </row>
    <row r="287967" spans="14:14">
      <c r="N287967" s="10"/>
    </row>
    <row r="287968" spans="14:14">
      <c r="N287968" s="10"/>
    </row>
    <row r="287969" spans="14:14">
      <c r="N287969" s="10"/>
    </row>
    <row r="287970" spans="14:14">
      <c r="N287970" s="10"/>
    </row>
    <row r="287971" spans="14:14">
      <c r="N287971" s="10"/>
    </row>
    <row r="287972" spans="14:14">
      <c r="N287972" s="10"/>
    </row>
    <row r="287973" spans="14:14">
      <c r="N287973" s="10"/>
    </row>
    <row r="287974" spans="14:14">
      <c r="N287974" s="10"/>
    </row>
    <row r="287975" spans="14:14">
      <c r="N287975" s="10"/>
    </row>
    <row r="287976" spans="14:14">
      <c r="N287976" s="10"/>
    </row>
    <row r="287977" spans="14:14">
      <c r="N287977" s="10"/>
    </row>
    <row r="287978" spans="14:14">
      <c r="N287978" s="10"/>
    </row>
    <row r="287979" spans="14:14">
      <c r="N287979" s="10"/>
    </row>
    <row r="287980" spans="14:14">
      <c r="N287980" s="10"/>
    </row>
    <row r="287981" spans="14:14">
      <c r="N287981" s="10"/>
    </row>
    <row r="287982" spans="14:14">
      <c r="N287982" s="10"/>
    </row>
    <row r="287983" spans="14:14">
      <c r="N287983" s="10"/>
    </row>
    <row r="287984" spans="14:14">
      <c r="N287984" s="10"/>
    </row>
    <row r="287985" spans="14:14">
      <c r="N287985" s="10"/>
    </row>
    <row r="287986" spans="14:14">
      <c r="N287986" s="10"/>
    </row>
    <row r="287987" spans="14:14">
      <c r="N287987" s="10"/>
    </row>
    <row r="287988" spans="14:14">
      <c r="N287988" s="10"/>
    </row>
    <row r="287989" spans="14:14">
      <c r="N287989" s="10"/>
    </row>
    <row r="287990" spans="14:14">
      <c r="N287990" s="10"/>
    </row>
    <row r="287991" spans="14:14">
      <c r="N287991" s="10"/>
    </row>
    <row r="287992" spans="14:14">
      <c r="N287992" s="10"/>
    </row>
    <row r="287993" spans="14:14">
      <c r="N287993" s="10"/>
    </row>
    <row r="287994" spans="14:14">
      <c r="N287994" s="10"/>
    </row>
    <row r="287995" spans="14:14">
      <c r="N287995" s="10"/>
    </row>
    <row r="287996" spans="14:14">
      <c r="N287996" s="10"/>
    </row>
    <row r="287997" spans="14:14">
      <c r="N287997" s="10"/>
    </row>
    <row r="287998" spans="14:14">
      <c r="N287998" s="10"/>
    </row>
    <row r="287999" spans="14:14">
      <c r="N287999" s="10"/>
    </row>
    <row r="288000" spans="14:14">
      <c r="N288000" s="10"/>
    </row>
    <row r="288001" spans="14:14">
      <c r="N288001" s="10"/>
    </row>
    <row r="288002" spans="14:14">
      <c r="N288002" s="10"/>
    </row>
    <row r="288003" spans="14:14">
      <c r="N288003" s="10"/>
    </row>
    <row r="288004" spans="14:14">
      <c r="N288004" s="10"/>
    </row>
    <row r="288005" spans="14:14">
      <c r="N288005" s="10"/>
    </row>
    <row r="288006" spans="14:14">
      <c r="N288006" s="10"/>
    </row>
    <row r="288007" spans="14:14">
      <c r="N288007" s="10"/>
    </row>
    <row r="288008" spans="14:14">
      <c r="N288008" s="10"/>
    </row>
    <row r="288009" spans="14:14">
      <c r="N288009" s="10"/>
    </row>
    <row r="288010" spans="14:14">
      <c r="N288010" s="10"/>
    </row>
    <row r="288011" spans="14:14">
      <c r="N288011" s="10"/>
    </row>
    <row r="288012" spans="14:14">
      <c r="N288012" s="10"/>
    </row>
    <row r="288013" spans="14:14">
      <c r="N288013" s="10"/>
    </row>
    <row r="288014" spans="14:14">
      <c r="N288014" s="10"/>
    </row>
    <row r="288015" spans="14:14">
      <c r="N288015" s="10"/>
    </row>
    <row r="288016" spans="14:14">
      <c r="N288016" s="10"/>
    </row>
    <row r="288017" spans="14:14">
      <c r="N288017" s="10"/>
    </row>
    <row r="288018" spans="14:14">
      <c r="N288018" s="10"/>
    </row>
    <row r="288019" spans="14:14">
      <c r="N288019" s="10"/>
    </row>
    <row r="288020" spans="14:14">
      <c r="N288020" s="10"/>
    </row>
    <row r="288021" spans="14:14">
      <c r="N288021" s="10"/>
    </row>
    <row r="288022" spans="14:14">
      <c r="N288022" s="10"/>
    </row>
    <row r="288023" spans="14:14">
      <c r="N288023" s="10"/>
    </row>
    <row r="288024" spans="14:14">
      <c r="N288024" s="10"/>
    </row>
    <row r="288025" spans="14:14">
      <c r="N288025" s="10"/>
    </row>
    <row r="288026" spans="14:14">
      <c r="N288026" s="10"/>
    </row>
    <row r="288027" spans="14:14">
      <c r="N288027" s="10"/>
    </row>
    <row r="288028" spans="14:14">
      <c r="N288028" s="10"/>
    </row>
    <row r="288029" spans="14:14">
      <c r="N288029" s="10"/>
    </row>
    <row r="288030" spans="14:14">
      <c r="N288030" s="10"/>
    </row>
    <row r="288031" spans="14:14">
      <c r="N288031" s="10"/>
    </row>
    <row r="288032" spans="14:14">
      <c r="N288032" s="10"/>
    </row>
    <row r="288033" spans="14:14">
      <c r="N288033" s="10"/>
    </row>
    <row r="288034" spans="14:14">
      <c r="N288034" s="10"/>
    </row>
    <row r="288035" spans="14:14">
      <c r="N288035" s="10"/>
    </row>
    <row r="288036" spans="14:14">
      <c r="N288036" s="10"/>
    </row>
    <row r="288037" spans="14:14">
      <c r="N288037" s="10"/>
    </row>
    <row r="288038" spans="14:14">
      <c r="N288038" s="10"/>
    </row>
    <row r="288039" spans="14:14">
      <c r="N288039" s="10"/>
    </row>
    <row r="288040" spans="14:14">
      <c r="N288040" s="10"/>
    </row>
    <row r="288041" spans="14:14">
      <c r="N288041" s="10"/>
    </row>
    <row r="288042" spans="14:14">
      <c r="N288042" s="10"/>
    </row>
    <row r="288043" spans="14:14">
      <c r="N288043" s="10"/>
    </row>
    <row r="288044" spans="14:14">
      <c r="N288044" s="10"/>
    </row>
    <row r="288045" spans="14:14">
      <c r="N288045" s="10"/>
    </row>
    <row r="288046" spans="14:14">
      <c r="N288046" s="10"/>
    </row>
    <row r="288047" spans="14:14">
      <c r="N288047" s="10"/>
    </row>
    <row r="288048" spans="14:14">
      <c r="N288048" s="10"/>
    </row>
    <row r="288049" spans="14:14">
      <c r="N288049" s="10"/>
    </row>
    <row r="288050" spans="14:14">
      <c r="N288050" s="10"/>
    </row>
    <row r="288051" spans="14:14">
      <c r="N288051" s="10"/>
    </row>
    <row r="288052" spans="14:14">
      <c r="N288052" s="10"/>
    </row>
    <row r="288053" spans="14:14">
      <c r="N288053" s="10"/>
    </row>
    <row r="288054" spans="14:14">
      <c r="N288054" s="10"/>
    </row>
    <row r="288055" spans="14:14">
      <c r="N288055" s="10"/>
    </row>
    <row r="288056" spans="14:14">
      <c r="N288056" s="10"/>
    </row>
    <row r="288057" spans="14:14">
      <c r="N288057" s="10"/>
    </row>
    <row r="288058" spans="14:14">
      <c r="N288058" s="10"/>
    </row>
    <row r="288059" spans="14:14">
      <c r="N288059" s="10"/>
    </row>
    <row r="288060" spans="14:14">
      <c r="N288060" s="10"/>
    </row>
    <row r="288061" spans="14:14">
      <c r="N288061" s="10"/>
    </row>
    <row r="288062" spans="14:14">
      <c r="N288062" s="10"/>
    </row>
    <row r="288063" spans="14:14">
      <c r="N288063" s="10"/>
    </row>
    <row r="288064" spans="14:14">
      <c r="N288064" s="10"/>
    </row>
    <row r="288065" spans="14:14">
      <c r="N288065" s="10"/>
    </row>
    <row r="288066" spans="14:14">
      <c r="N288066" s="10"/>
    </row>
    <row r="288067" spans="14:14">
      <c r="N288067" s="10"/>
    </row>
    <row r="288068" spans="14:14">
      <c r="N288068" s="10"/>
    </row>
    <row r="288069" spans="14:14">
      <c r="N288069" s="10"/>
    </row>
    <row r="288070" spans="14:14">
      <c r="N288070" s="10"/>
    </row>
    <row r="288071" spans="14:14">
      <c r="N288071" s="10"/>
    </row>
    <row r="288072" spans="14:14">
      <c r="N288072" s="10"/>
    </row>
    <row r="288073" spans="14:14">
      <c r="N288073" s="10"/>
    </row>
    <row r="288074" spans="14:14">
      <c r="N288074" s="10"/>
    </row>
    <row r="288075" spans="14:14">
      <c r="N288075" s="10"/>
    </row>
    <row r="288076" spans="14:14">
      <c r="N288076" s="10"/>
    </row>
    <row r="288077" spans="14:14">
      <c r="N288077" s="10"/>
    </row>
    <row r="288078" spans="14:14">
      <c r="N288078" s="10"/>
    </row>
    <row r="288079" spans="14:14">
      <c r="N288079" s="10"/>
    </row>
    <row r="288080" spans="14:14">
      <c r="N288080" s="10"/>
    </row>
    <row r="288081" spans="14:14">
      <c r="N288081" s="10"/>
    </row>
    <row r="288082" spans="14:14">
      <c r="N288082" s="10"/>
    </row>
    <row r="288083" spans="14:14">
      <c r="N288083" s="10"/>
    </row>
    <row r="288084" spans="14:14">
      <c r="N288084" s="10"/>
    </row>
    <row r="288085" spans="14:14">
      <c r="N288085" s="10"/>
    </row>
    <row r="288086" spans="14:14">
      <c r="N288086" s="10"/>
    </row>
    <row r="288087" spans="14:14">
      <c r="N288087" s="10"/>
    </row>
    <row r="288088" spans="14:14">
      <c r="N288088" s="10"/>
    </row>
    <row r="288089" spans="14:14">
      <c r="N288089" s="10"/>
    </row>
    <row r="288090" spans="14:14">
      <c r="N288090" s="10"/>
    </row>
    <row r="288091" spans="14:14">
      <c r="N288091" s="10"/>
    </row>
    <row r="288092" spans="14:14">
      <c r="N288092" s="10"/>
    </row>
    <row r="288093" spans="14:14">
      <c r="N288093" s="10"/>
    </row>
    <row r="288094" spans="14:14">
      <c r="N288094" s="10"/>
    </row>
    <row r="288095" spans="14:14">
      <c r="N288095" s="10"/>
    </row>
    <row r="288096" spans="14:14">
      <c r="N288096" s="10"/>
    </row>
    <row r="288097" spans="14:14">
      <c r="N288097" s="10"/>
    </row>
    <row r="288098" spans="14:14">
      <c r="N288098" s="10"/>
    </row>
    <row r="288099" spans="14:14">
      <c r="N288099" s="10"/>
    </row>
    <row r="288100" spans="14:14">
      <c r="N288100" s="10"/>
    </row>
    <row r="288101" spans="14:14">
      <c r="N288101" s="10"/>
    </row>
    <row r="288102" spans="14:14">
      <c r="N288102" s="10"/>
    </row>
    <row r="288103" spans="14:14">
      <c r="N288103" s="10"/>
    </row>
    <row r="288104" spans="14:14">
      <c r="N288104" s="10"/>
    </row>
    <row r="288105" spans="14:14">
      <c r="N288105" s="10"/>
    </row>
    <row r="288106" spans="14:14">
      <c r="N288106" s="10"/>
    </row>
    <row r="288107" spans="14:14">
      <c r="N288107" s="10"/>
    </row>
    <row r="288108" spans="14:14">
      <c r="N288108" s="10"/>
    </row>
    <row r="288109" spans="14:14">
      <c r="N288109" s="10"/>
    </row>
    <row r="288110" spans="14:14">
      <c r="N288110" s="10"/>
    </row>
    <row r="288111" spans="14:14">
      <c r="N288111" s="10"/>
    </row>
    <row r="288112" spans="14:14">
      <c r="N288112" s="10"/>
    </row>
    <row r="288113" spans="14:14">
      <c r="N288113" s="10"/>
    </row>
    <row r="288114" spans="14:14">
      <c r="N288114" s="10"/>
    </row>
    <row r="288115" spans="14:14">
      <c r="N288115" s="10"/>
    </row>
    <row r="288116" spans="14:14">
      <c r="N288116" s="10"/>
    </row>
    <row r="288117" spans="14:14">
      <c r="N288117" s="10"/>
    </row>
    <row r="288118" spans="14:14">
      <c r="N288118" s="10"/>
    </row>
    <row r="288119" spans="14:14">
      <c r="N288119" s="10"/>
    </row>
    <row r="288120" spans="14:14">
      <c r="N288120" s="10"/>
    </row>
    <row r="288121" spans="14:14">
      <c r="N288121" s="10"/>
    </row>
    <row r="288122" spans="14:14">
      <c r="N288122" s="10"/>
    </row>
    <row r="288123" spans="14:14">
      <c r="N288123" s="10"/>
    </row>
    <row r="288124" spans="14:14">
      <c r="N288124" s="10"/>
    </row>
    <row r="288125" spans="14:14">
      <c r="N288125" s="10"/>
    </row>
    <row r="288126" spans="14:14">
      <c r="N288126" s="10"/>
    </row>
    <row r="288127" spans="14:14">
      <c r="N288127" s="10"/>
    </row>
    <row r="288128" spans="14:14">
      <c r="N288128" s="10"/>
    </row>
    <row r="288129" spans="14:14">
      <c r="N288129" s="10"/>
    </row>
    <row r="288130" spans="14:14">
      <c r="N288130" s="10"/>
    </row>
    <row r="288131" spans="14:14">
      <c r="N288131" s="10"/>
    </row>
    <row r="288132" spans="14:14">
      <c r="N288132" s="10"/>
    </row>
    <row r="288133" spans="14:14">
      <c r="N288133" s="10"/>
    </row>
    <row r="288134" spans="14:14">
      <c r="N288134" s="10"/>
    </row>
    <row r="288135" spans="14:14">
      <c r="N288135" s="10"/>
    </row>
    <row r="288136" spans="14:14">
      <c r="N288136" s="10"/>
    </row>
    <row r="288137" spans="14:14">
      <c r="N288137" s="10"/>
    </row>
    <row r="288138" spans="14:14">
      <c r="N288138" s="10"/>
    </row>
    <row r="288139" spans="14:14">
      <c r="N288139" s="10"/>
    </row>
    <row r="288140" spans="14:14">
      <c r="N288140" s="10"/>
    </row>
    <row r="288141" spans="14:14">
      <c r="N288141" s="10"/>
    </row>
    <row r="288142" spans="14:14">
      <c r="N288142" s="10"/>
    </row>
    <row r="288143" spans="14:14">
      <c r="N288143" s="10"/>
    </row>
    <row r="288144" spans="14:14">
      <c r="N288144" s="10"/>
    </row>
    <row r="288145" spans="14:14">
      <c r="N288145" s="10"/>
    </row>
    <row r="288146" spans="14:14">
      <c r="N288146" s="10"/>
    </row>
    <row r="288147" spans="14:14">
      <c r="N288147" s="10"/>
    </row>
    <row r="288148" spans="14:14">
      <c r="N288148" s="10"/>
    </row>
    <row r="288149" spans="14:14">
      <c r="N288149" s="10"/>
    </row>
    <row r="288150" spans="14:14">
      <c r="N288150" s="10"/>
    </row>
    <row r="288151" spans="14:14">
      <c r="N288151" s="10"/>
    </row>
    <row r="288152" spans="14:14">
      <c r="N288152" s="10"/>
    </row>
    <row r="288153" spans="14:14">
      <c r="N288153" s="10"/>
    </row>
    <row r="288154" spans="14:14">
      <c r="N288154" s="10"/>
    </row>
    <row r="288155" spans="14:14">
      <c r="N288155" s="10"/>
    </row>
    <row r="288156" spans="14:14">
      <c r="N288156" s="10"/>
    </row>
    <row r="288157" spans="14:14">
      <c r="N288157" s="10"/>
    </row>
    <row r="288158" spans="14:14">
      <c r="N288158" s="10"/>
    </row>
    <row r="288159" spans="14:14">
      <c r="N288159" s="10"/>
    </row>
    <row r="288160" spans="14:14">
      <c r="N288160" s="10"/>
    </row>
    <row r="288161" spans="14:14">
      <c r="N288161" s="10"/>
    </row>
    <row r="288162" spans="14:14">
      <c r="N288162" s="10"/>
    </row>
    <row r="288163" spans="14:14">
      <c r="N288163" s="10"/>
    </row>
    <row r="288164" spans="14:14">
      <c r="N288164" s="10"/>
    </row>
    <row r="288165" spans="14:14">
      <c r="N288165" s="10"/>
    </row>
    <row r="288166" spans="14:14">
      <c r="N288166" s="10"/>
    </row>
    <row r="288167" spans="14:14">
      <c r="N288167" s="10"/>
    </row>
    <row r="288168" spans="14:14">
      <c r="N288168" s="10"/>
    </row>
    <row r="288169" spans="14:14">
      <c r="N288169" s="10"/>
    </row>
    <row r="288170" spans="14:14">
      <c r="N288170" s="10"/>
    </row>
    <row r="288171" spans="14:14">
      <c r="N288171" s="10"/>
    </row>
    <row r="288172" spans="14:14">
      <c r="N288172" s="10"/>
    </row>
    <row r="288173" spans="14:14">
      <c r="N288173" s="10"/>
    </row>
    <row r="288174" spans="14:14">
      <c r="N288174" s="10"/>
    </row>
    <row r="288175" spans="14:14">
      <c r="N288175" s="10"/>
    </row>
    <row r="288176" spans="14:14">
      <c r="N288176" s="10"/>
    </row>
    <row r="288177" spans="14:14">
      <c r="N288177" s="10"/>
    </row>
    <row r="288178" spans="14:14">
      <c r="N288178" s="10"/>
    </row>
    <row r="288179" spans="14:14">
      <c r="N288179" s="10"/>
    </row>
    <row r="288180" spans="14:14">
      <c r="N288180" s="10"/>
    </row>
    <row r="288181" spans="14:14">
      <c r="N288181" s="10"/>
    </row>
    <row r="288182" spans="14:14">
      <c r="N288182" s="10"/>
    </row>
    <row r="288183" spans="14:14">
      <c r="N288183" s="10"/>
    </row>
    <row r="288184" spans="14:14">
      <c r="N288184" s="10"/>
    </row>
    <row r="288185" spans="14:14">
      <c r="N288185" s="10"/>
    </row>
    <row r="288186" spans="14:14">
      <c r="N288186" s="10"/>
    </row>
    <row r="288187" spans="14:14">
      <c r="N288187" s="10"/>
    </row>
    <row r="288188" spans="14:14">
      <c r="N288188" s="10"/>
    </row>
    <row r="288189" spans="14:14">
      <c r="N288189" s="10"/>
    </row>
    <row r="288190" spans="14:14">
      <c r="N288190" s="10"/>
    </row>
    <row r="288191" spans="14:14">
      <c r="N288191" s="10"/>
    </row>
    <row r="288192" spans="14:14">
      <c r="N288192" s="10"/>
    </row>
    <row r="288193" spans="14:14">
      <c r="N288193" s="10"/>
    </row>
    <row r="288194" spans="14:14">
      <c r="N288194" s="10"/>
    </row>
    <row r="288195" spans="14:14">
      <c r="N288195" s="10"/>
    </row>
    <row r="288196" spans="14:14">
      <c r="N288196" s="10"/>
    </row>
    <row r="288197" spans="14:14">
      <c r="N288197" s="10"/>
    </row>
    <row r="288198" spans="14:14">
      <c r="N288198" s="10"/>
    </row>
    <row r="288199" spans="14:14">
      <c r="N288199" s="10"/>
    </row>
    <row r="288200" spans="14:14">
      <c r="N288200" s="10"/>
    </row>
    <row r="288201" spans="14:14">
      <c r="N288201" s="10"/>
    </row>
    <row r="288202" spans="14:14">
      <c r="N288202" s="10"/>
    </row>
    <row r="288203" spans="14:14">
      <c r="N288203" s="10"/>
    </row>
    <row r="288204" spans="14:14">
      <c r="N288204" s="10"/>
    </row>
    <row r="288205" spans="14:14">
      <c r="N288205" s="10"/>
    </row>
    <row r="288206" spans="14:14">
      <c r="N288206" s="10"/>
    </row>
    <row r="288207" spans="14:14">
      <c r="N288207" s="10"/>
    </row>
    <row r="288208" spans="14:14">
      <c r="N288208" s="10"/>
    </row>
    <row r="288209" spans="14:14">
      <c r="N288209" s="10"/>
    </row>
    <row r="288210" spans="14:14">
      <c r="N288210" s="10"/>
    </row>
    <row r="288211" spans="14:14">
      <c r="N288211" s="10"/>
    </row>
    <row r="288212" spans="14:14">
      <c r="N288212" s="10"/>
    </row>
    <row r="288213" spans="14:14">
      <c r="N288213" s="10"/>
    </row>
    <row r="288214" spans="14:14">
      <c r="N288214" s="10"/>
    </row>
    <row r="288215" spans="14:14">
      <c r="N288215" s="10"/>
    </row>
    <row r="288216" spans="14:14">
      <c r="N288216" s="10"/>
    </row>
    <row r="288217" spans="14:14">
      <c r="N288217" s="10"/>
    </row>
    <row r="288218" spans="14:14">
      <c r="N288218" s="10"/>
    </row>
    <row r="288219" spans="14:14">
      <c r="N288219" s="10"/>
    </row>
    <row r="288220" spans="14:14">
      <c r="N288220" s="10"/>
    </row>
    <row r="288221" spans="14:14">
      <c r="N288221" s="10"/>
    </row>
    <row r="288222" spans="14:14">
      <c r="N288222" s="10"/>
    </row>
    <row r="288223" spans="14:14">
      <c r="N288223" s="10"/>
    </row>
    <row r="288224" spans="14:14">
      <c r="N288224" s="10"/>
    </row>
    <row r="288225" spans="14:14">
      <c r="N288225" s="10"/>
    </row>
    <row r="288226" spans="14:14">
      <c r="N288226" s="10"/>
    </row>
    <row r="288227" spans="14:14">
      <c r="N288227" s="10"/>
    </row>
    <row r="288228" spans="14:14">
      <c r="N288228" s="10"/>
    </row>
    <row r="288229" spans="14:14">
      <c r="N288229" s="10"/>
    </row>
    <row r="288230" spans="14:14">
      <c r="N288230" s="10"/>
    </row>
    <row r="288231" spans="14:14">
      <c r="N288231" s="10"/>
    </row>
    <row r="288232" spans="14:14">
      <c r="N288232" s="10"/>
    </row>
    <row r="288233" spans="14:14">
      <c r="N288233" s="10"/>
    </row>
    <row r="288234" spans="14:14">
      <c r="N288234" s="10"/>
    </row>
    <row r="288235" spans="14:14">
      <c r="N288235" s="10"/>
    </row>
    <row r="288236" spans="14:14">
      <c r="N288236" s="10"/>
    </row>
    <row r="288237" spans="14:14">
      <c r="N288237" s="10"/>
    </row>
    <row r="288238" spans="14:14">
      <c r="N288238" s="10"/>
    </row>
    <row r="288239" spans="14:14">
      <c r="N288239" s="10"/>
    </row>
    <row r="288240" spans="14:14">
      <c r="N288240" s="10"/>
    </row>
    <row r="288241" spans="14:14">
      <c r="N288241" s="10"/>
    </row>
    <row r="288242" spans="14:14">
      <c r="N288242" s="10"/>
    </row>
    <row r="288243" spans="14:14">
      <c r="N288243" s="10"/>
    </row>
    <row r="288244" spans="14:14">
      <c r="N288244" s="10"/>
    </row>
    <row r="288245" spans="14:14">
      <c r="N288245" s="10"/>
    </row>
    <row r="288246" spans="14:14">
      <c r="N288246" s="10"/>
    </row>
    <row r="288247" spans="14:14">
      <c r="N288247" s="10"/>
    </row>
    <row r="288248" spans="14:14">
      <c r="N288248" s="10"/>
    </row>
    <row r="288249" spans="14:14">
      <c r="N288249" s="10"/>
    </row>
    <row r="288250" spans="14:14">
      <c r="N288250" s="10"/>
    </row>
    <row r="288251" spans="14:14">
      <c r="N288251" s="10"/>
    </row>
    <row r="288252" spans="14:14">
      <c r="N288252" s="10"/>
    </row>
    <row r="288253" spans="14:14">
      <c r="N288253" s="10"/>
    </row>
    <row r="288254" spans="14:14">
      <c r="N288254" s="10"/>
    </row>
    <row r="288255" spans="14:14">
      <c r="N288255" s="10"/>
    </row>
    <row r="288256" spans="14:14">
      <c r="N288256" s="10"/>
    </row>
    <row r="288257" spans="14:14">
      <c r="N288257" s="10"/>
    </row>
    <row r="288258" spans="14:14">
      <c r="N288258" s="10"/>
    </row>
    <row r="288259" spans="14:14">
      <c r="N288259" s="10"/>
    </row>
    <row r="288260" spans="14:14">
      <c r="N288260" s="10"/>
    </row>
    <row r="288261" spans="14:14">
      <c r="N288261" s="10"/>
    </row>
    <row r="288262" spans="14:14">
      <c r="N288262" s="10"/>
    </row>
    <row r="288263" spans="14:14">
      <c r="N288263" s="10"/>
    </row>
    <row r="288264" spans="14:14">
      <c r="N288264" s="10"/>
    </row>
    <row r="288265" spans="14:14">
      <c r="N288265" s="10"/>
    </row>
    <row r="288266" spans="14:14">
      <c r="N288266" s="10"/>
    </row>
    <row r="288267" spans="14:14">
      <c r="N288267" s="10"/>
    </row>
    <row r="288268" spans="14:14">
      <c r="N288268" s="10"/>
    </row>
    <row r="288269" spans="14:14">
      <c r="N288269" s="10"/>
    </row>
    <row r="288270" spans="14:14">
      <c r="N288270" s="10"/>
    </row>
    <row r="288271" spans="14:14">
      <c r="N288271" s="10"/>
    </row>
    <row r="288272" spans="14:14">
      <c r="N288272" s="10"/>
    </row>
    <row r="288273" spans="14:14">
      <c r="N288273" s="10"/>
    </row>
    <row r="288274" spans="14:14">
      <c r="N288274" s="10"/>
    </row>
    <row r="288275" spans="14:14">
      <c r="N288275" s="10"/>
    </row>
    <row r="288276" spans="14:14">
      <c r="N288276" s="10"/>
    </row>
    <row r="288277" spans="14:14">
      <c r="N288277" s="10"/>
    </row>
    <row r="288278" spans="14:14">
      <c r="N288278" s="10"/>
    </row>
    <row r="288279" spans="14:14">
      <c r="N288279" s="10"/>
    </row>
    <row r="288280" spans="14:14">
      <c r="N288280" s="10"/>
    </row>
    <row r="288281" spans="14:14">
      <c r="N288281" s="10"/>
    </row>
    <row r="288282" spans="14:14">
      <c r="N288282" s="10"/>
    </row>
    <row r="288283" spans="14:14">
      <c r="N288283" s="10"/>
    </row>
    <row r="288284" spans="14:14">
      <c r="N288284" s="10"/>
    </row>
    <row r="288285" spans="14:14">
      <c r="N288285" s="10"/>
    </row>
    <row r="288286" spans="14:14">
      <c r="N288286" s="10"/>
    </row>
    <row r="288287" spans="14:14">
      <c r="N288287" s="10"/>
    </row>
    <row r="288288" spans="14:14">
      <c r="N288288" s="10"/>
    </row>
    <row r="288289" spans="14:14">
      <c r="N288289" s="10"/>
    </row>
    <row r="288290" spans="14:14">
      <c r="N288290" s="10"/>
    </row>
    <row r="288291" spans="14:14">
      <c r="N288291" s="10"/>
    </row>
    <row r="288292" spans="14:14">
      <c r="N288292" s="10"/>
    </row>
    <row r="288293" spans="14:14">
      <c r="N288293" s="10"/>
    </row>
    <row r="288294" spans="14:14">
      <c r="N288294" s="10"/>
    </row>
    <row r="288295" spans="14:14">
      <c r="N288295" s="10"/>
    </row>
    <row r="288296" spans="14:14">
      <c r="N288296" s="10"/>
    </row>
    <row r="288297" spans="14:14">
      <c r="N288297" s="10"/>
    </row>
    <row r="288298" spans="14:14">
      <c r="N288298" s="10"/>
    </row>
    <row r="288299" spans="14:14">
      <c r="N288299" s="10"/>
    </row>
    <row r="288300" spans="14:14">
      <c r="N288300" s="10"/>
    </row>
    <row r="288301" spans="14:14">
      <c r="N288301" s="10"/>
    </row>
    <row r="288302" spans="14:14">
      <c r="N288302" s="10"/>
    </row>
    <row r="288303" spans="14:14">
      <c r="N288303" s="10"/>
    </row>
    <row r="288304" spans="14:14">
      <c r="N288304" s="10"/>
    </row>
    <row r="288305" spans="14:14">
      <c r="N288305" s="10"/>
    </row>
    <row r="288306" spans="14:14">
      <c r="N288306" s="10"/>
    </row>
    <row r="288307" spans="14:14">
      <c r="N288307" s="10"/>
    </row>
    <row r="288308" spans="14:14">
      <c r="N288308" s="10"/>
    </row>
    <row r="288309" spans="14:14">
      <c r="N288309" s="10"/>
    </row>
    <row r="288310" spans="14:14">
      <c r="N288310" s="10"/>
    </row>
    <row r="288311" spans="14:14">
      <c r="N288311" s="10"/>
    </row>
    <row r="288312" spans="14:14">
      <c r="N288312" s="10"/>
    </row>
    <row r="288313" spans="14:14">
      <c r="N288313" s="10"/>
    </row>
    <row r="288314" spans="14:14">
      <c r="N288314" s="10"/>
    </row>
    <row r="288315" spans="14:14">
      <c r="N288315" s="10"/>
    </row>
    <row r="288316" spans="14:14">
      <c r="N288316" s="10"/>
    </row>
    <row r="288317" spans="14:14">
      <c r="N288317" s="10"/>
    </row>
    <row r="288318" spans="14:14">
      <c r="N288318" s="10"/>
    </row>
    <row r="288319" spans="14:14">
      <c r="N288319" s="10"/>
    </row>
    <row r="288320" spans="14:14">
      <c r="N288320" s="10"/>
    </row>
    <row r="288321" spans="14:14">
      <c r="N288321" s="10"/>
    </row>
    <row r="288322" spans="14:14">
      <c r="N288322" s="10"/>
    </row>
    <row r="288323" spans="14:14">
      <c r="N288323" s="10"/>
    </row>
    <row r="288324" spans="14:14">
      <c r="N288324" s="10"/>
    </row>
    <row r="288325" spans="14:14">
      <c r="N288325" s="10"/>
    </row>
    <row r="288326" spans="14:14">
      <c r="N288326" s="10"/>
    </row>
    <row r="288327" spans="14:14">
      <c r="N288327" s="10"/>
    </row>
    <row r="288328" spans="14:14">
      <c r="N288328" s="10"/>
    </row>
    <row r="288329" spans="14:14">
      <c r="N288329" s="10"/>
    </row>
    <row r="288330" spans="14:14">
      <c r="N288330" s="10"/>
    </row>
    <row r="288331" spans="14:14">
      <c r="N288331" s="10"/>
    </row>
    <row r="288332" spans="14:14">
      <c r="N288332" s="10"/>
    </row>
    <row r="288333" spans="14:14">
      <c r="N288333" s="10"/>
    </row>
    <row r="288334" spans="14:14">
      <c r="N288334" s="10"/>
    </row>
    <row r="288335" spans="14:14">
      <c r="N288335" s="10"/>
    </row>
    <row r="288336" spans="14:14">
      <c r="N288336" s="10"/>
    </row>
    <row r="288337" spans="14:14">
      <c r="N288337" s="10"/>
    </row>
    <row r="288338" spans="14:14">
      <c r="N288338" s="10"/>
    </row>
    <row r="288339" spans="14:14">
      <c r="N288339" s="10"/>
    </row>
    <row r="288340" spans="14:14">
      <c r="N288340" s="10"/>
    </row>
    <row r="288341" spans="14:14">
      <c r="N288341" s="10"/>
    </row>
    <row r="288342" spans="14:14">
      <c r="N288342" s="10"/>
    </row>
    <row r="288343" spans="14:14">
      <c r="N288343" s="10"/>
    </row>
    <row r="288344" spans="14:14">
      <c r="N288344" s="10"/>
    </row>
    <row r="288345" spans="14:14">
      <c r="N288345" s="10"/>
    </row>
    <row r="288346" spans="14:14">
      <c r="N288346" s="10"/>
    </row>
    <row r="288347" spans="14:14">
      <c r="N288347" s="10"/>
    </row>
    <row r="288348" spans="14:14">
      <c r="N288348" s="10"/>
    </row>
    <row r="288349" spans="14:14">
      <c r="N288349" s="10"/>
    </row>
    <row r="288350" spans="14:14">
      <c r="N288350" s="10"/>
    </row>
    <row r="288351" spans="14:14">
      <c r="N288351" s="10"/>
    </row>
    <row r="288352" spans="14:14">
      <c r="N288352" s="10"/>
    </row>
    <row r="288353" spans="14:14">
      <c r="N288353" s="10"/>
    </row>
    <row r="288354" spans="14:14">
      <c r="N288354" s="10"/>
    </row>
    <row r="288355" spans="14:14">
      <c r="N288355" s="10"/>
    </row>
    <row r="288356" spans="14:14">
      <c r="N288356" s="10"/>
    </row>
    <row r="288357" spans="14:14">
      <c r="N288357" s="10"/>
    </row>
    <row r="288358" spans="14:14">
      <c r="N288358" s="10"/>
    </row>
    <row r="288359" spans="14:14">
      <c r="N288359" s="10"/>
    </row>
    <row r="288360" spans="14:14">
      <c r="N288360" s="10"/>
    </row>
    <row r="288361" spans="14:14">
      <c r="N288361" s="10"/>
    </row>
    <row r="288362" spans="14:14">
      <c r="N288362" s="10"/>
    </row>
    <row r="288363" spans="14:14">
      <c r="N288363" s="10"/>
    </row>
    <row r="288364" spans="14:14">
      <c r="N288364" s="10"/>
    </row>
    <row r="288365" spans="14:14">
      <c r="N288365" s="10"/>
    </row>
    <row r="288366" spans="14:14">
      <c r="N288366" s="10"/>
    </row>
    <row r="288367" spans="14:14">
      <c r="N288367" s="10"/>
    </row>
    <row r="288368" spans="14:14">
      <c r="N288368" s="10"/>
    </row>
    <row r="288369" spans="14:14">
      <c r="N288369" s="10"/>
    </row>
    <row r="288370" spans="14:14">
      <c r="N288370" s="10"/>
    </row>
    <row r="288371" spans="14:14">
      <c r="N288371" s="10"/>
    </row>
    <row r="288372" spans="14:14">
      <c r="N288372" s="10"/>
    </row>
    <row r="288373" spans="14:14">
      <c r="N288373" s="10"/>
    </row>
    <row r="288374" spans="14:14">
      <c r="N288374" s="10"/>
    </row>
    <row r="288375" spans="14:14">
      <c r="N288375" s="10"/>
    </row>
    <row r="288376" spans="14:14">
      <c r="N288376" s="10"/>
    </row>
    <row r="288377" spans="14:14">
      <c r="N288377" s="10"/>
    </row>
    <row r="288378" spans="14:14">
      <c r="N288378" s="10"/>
    </row>
    <row r="288379" spans="14:14">
      <c r="N288379" s="10"/>
    </row>
    <row r="288380" spans="14:14">
      <c r="N288380" s="10"/>
    </row>
    <row r="288381" spans="14:14">
      <c r="N288381" s="10"/>
    </row>
    <row r="288382" spans="14:14">
      <c r="N288382" s="10"/>
    </row>
    <row r="288383" spans="14:14">
      <c r="N288383" s="10"/>
    </row>
    <row r="288384" spans="14:14">
      <c r="N288384" s="10"/>
    </row>
    <row r="288385" spans="14:14">
      <c r="N288385" s="10"/>
    </row>
    <row r="288386" spans="14:14">
      <c r="N288386" s="10"/>
    </row>
    <row r="288387" spans="14:14">
      <c r="N288387" s="10"/>
    </row>
    <row r="288388" spans="14:14">
      <c r="N288388" s="10"/>
    </row>
    <row r="288389" spans="14:14">
      <c r="N288389" s="10"/>
    </row>
    <row r="288390" spans="14:14">
      <c r="N288390" s="10"/>
    </row>
    <row r="288391" spans="14:14">
      <c r="N288391" s="10"/>
    </row>
    <row r="288392" spans="14:14">
      <c r="N288392" s="10"/>
    </row>
    <row r="288393" spans="14:14">
      <c r="N288393" s="10"/>
    </row>
    <row r="288394" spans="14:14">
      <c r="N288394" s="10"/>
    </row>
    <row r="288395" spans="14:14">
      <c r="N288395" s="10"/>
    </row>
    <row r="288396" spans="14:14">
      <c r="N288396" s="10"/>
    </row>
    <row r="288397" spans="14:14">
      <c r="N288397" s="10"/>
    </row>
    <row r="288398" spans="14:14">
      <c r="N288398" s="10"/>
    </row>
    <row r="288399" spans="14:14">
      <c r="N288399" s="10"/>
    </row>
    <row r="288400" spans="14:14">
      <c r="N288400" s="10"/>
    </row>
    <row r="288401" spans="14:14">
      <c r="N288401" s="10"/>
    </row>
    <row r="288402" spans="14:14">
      <c r="N288402" s="10"/>
    </row>
    <row r="288403" spans="14:14">
      <c r="N288403" s="10"/>
    </row>
    <row r="288404" spans="14:14">
      <c r="N288404" s="10"/>
    </row>
    <row r="288405" spans="14:14">
      <c r="N288405" s="10"/>
    </row>
    <row r="288406" spans="14:14">
      <c r="N288406" s="10"/>
    </row>
    <row r="288407" spans="14:14">
      <c r="N288407" s="10"/>
    </row>
    <row r="288408" spans="14:14">
      <c r="N288408" s="10"/>
    </row>
    <row r="288409" spans="14:14">
      <c r="N288409" s="10"/>
    </row>
    <row r="288410" spans="14:14">
      <c r="N288410" s="10"/>
    </row>
    <row r="288411" spans="14:14">
      <c r="N288411" s="10"/>
    </row>
    <row r="288412" spans="14:14">
      <c r="N288412" s="10"/>
    </row>
    <row r="288413" spans="14:14">
      <c r="N288413" s="10"/>
    </row>
    <row r="288414" spans="14:14">
      <c r="N288414" s="10"/>
    </row>
    <row r="288415" spans="14:14">
      <c r="N288415" s="10"/>
    </row>
    <row r="288416" spans="14:14">
      <c r="N288416" s="10"/>
    </row>
    <row r="288417" spans="14:14">
      <c r="N288417" s="10"/>
    </row>
    <row r="288418" spans="14:14">
      <c r="N288418" s="10"/>
    </row>
    <row r="288419" spans="14:14">
      <c r="N288419" s="10"/>
    </row>
    <row r="288420" spans="14:14">
      <c r="N288420" s="10"/>
    </row>
    <row r="288421" spans="14:14">
      <c r="N288421" s="10"/>
    </row>
    <row r="288422" spans="14:14">
      <c r="N288422" s="10"/>
    </row>
    <row r="288423" spans="14:14">
      <c r="N288423" s="10"/>
    </row>
    <row r="288424" spans="14:14">
      <c r="N288424" s="10"/>
    </row>
    <row r="288425" spans="14:14">
      <c r="N288425" s="10"/>
    </row>
    <row r="288426" spans="14:14">
      <c r="N288426" s="10"/>
    </row>
    <row r="288427" spans="14:14">
      <c r="N288427" s="10"/>
    </row>
    <row r="288428" spans="14:14">
      <c r="N288428" s="10"/>
    </row>
    <row r="288429" spans="14:14">
      <c r="N288429" s="10"/>
    </row>
    <row r="288430" spans="14:14">
      <c r="N288430" s="10"/>
    </row>
    <row r="288431" spans="14:14">
      <c r="N288431" s="10"/>
    </row>
    <row r="288432" spans="14:14">
      <c r="N288432" s="10"/>
    </row>
    <row r="288433" spans="14:14">
      <c r="N288433" s="10"/>
    </row>
    <row r="288434" spans="14:14">
      <c r="N288434" s="10"/>
    </row>
    <row r="288435" spans="14:14">
      <c r="N288435" s="10"/>
    </row>
    <row r="288436" spans="14:14">
      <c r="N288436" s="10"/>
    </row>
    <row r="288437" spans="14:14">
      <c r="N288437" s="10"/>
    </row>
    <row r="288438" spans="14:14">
      <c r="N288438" s="10"/>
    </row>
    <row r="288439" spans="14:14">
      <c r="N288439" s="10"/>
    </row>
    <row r="288440" spans="14:14">
      <c r="N288440" s="10"/>
    </row>
    <row r="288441" spans="14:14">
      <c r="N288441" s="10"/>
    </row>
    <row r="288442" spans="14:14">
      <c r="N288442" s="10"/>
    </row>
    <row r="288443" spans="14:14">
      <c r="N288443" s="10"/>
    </row>
    <row r="288444" spans="14:14">
      <c r="N288444" s="10"/>
    </row>
    <row r="288445" spans="14:14">
      <c r="N288445" s="10"/>
    </row>
    <row r="288446" spans="14:14">
      <c r="N288446" s="10"/>
    </row>
    <row r="288447" spans="14:14">
      <c r="N288447" s="10"/>
    </row>
    <row r="288448" spans="14:14">
      <c r="N288448" s="10"/>
    </row>
    <row r="288449" spans="14:14">
      <c r="N288449" s="10"/>
    </row>
    <row r="288450" spans="14:14">
      <c r="N288450" s="10"/>
    </row>
    <row r="288451" spans="14:14">
      <c r="N288451" s="10"/>
    </row>
    <row r="288452" spans="14:14">
      <c r="N288452" s="10"/>
    </row>
    <row r="288453" spans="14:14">
      <c r="N288453" s="10"/>
    </row>
    <row r="288454" spans="14:14">
      <c r="N288454" s="10"/>
    </row>
    <row r="288455" spans="14:14">
      <c r="N288455" s="10"/>
    </row>
    <row r="288456" spans="14:14">
      <c r="N288456" s="10"/>
    </row>
    <row r="288457" spans="14:14">
      <c r="N288457" s="10"/>
    </row>
    <row r="288458" spans="14:14">
      <c r="N288458" s="10"/>
    </row>
    <row r="288459" spans="14:14">
      <c r="N288459" s="10"/>
    </row>
    <row r="288460" spans="14:14">
      <c r="N288460" s="10"/>
    </row>
    <row r="288461" spans="14:14">
      <c r="N288461" s="10"/>
    </row>
    <row r="288462" spans="14:14">
      <c r="N288462" s="10"/>
    </row>
    <row r="288463" spans="14:14">
      <c r="N288463" s="10"/>
    </row>
    <row r="288464" spans="14:14">
      <c r="N288464" s="10"/>
    </row>
    <row r="288465" spans="14:14">
      <c r="N288465" s="10"/>
    </row>
    <row r="288466" spans="14:14">
      <c r="N288466" s="10"/>
    </row>
    <row r="288467" spans="14:14">
      <c r="N288467" s="10"/>
    </row>
    <row r="288468" spans="14:14">
      <c r="N288468" s="10"/>
    </row>
    <row r="288469" spans="14:14">
      <c r="N288469" s="10"/>
    </row>
    <row r="288470" spans="14:14">
      <c r="N288470" s="10"/>
    </row>
    <row r="288471" spans="14:14">
      <c r="N288471" s="10"/>
    </row>
    <row r="288472" spans="14:14">
      <c r="N288472" s="10"/>
    </row>
    <row r="288473" spans="14:14">
      <c r="N288473" s="10"/>
    </row>
    <row r="288474" spans="14:14">
      <c r="N288474" s="10"/>
    </row>
    <row r="288475" spans="14:14">
      <c r="N288475" s="10"/>
    </row>
    <row r="288476" spans="14:14">
      <c r="N288476" s="10"/>
    </row>
    <row r="288477" spans="14:14">
      <c r="N288477" s="10"/>
    </row>
    <row r="288478" spans="14:14">
      <c r="N288478" s="10"/>
    </row>
    <row r="288479" spans="14:14">
      <c r="N288479" s="10"/>
    </row>
    <row r="288480" spans="14:14">
      <c r="N288480" s="10"/>
    </row>
    <row r="288481" spans="14:14">
      <c r="N288481" s="10"/>
    </row>
    <row r="288482" spans="14:14">
      <c r="N288482" s="10"/>
    </row>
    <row r="288483" spans="14:14">
      <c r="N288483" s="10"/>
    </row>
    <row r="288484" spans="14:14">
      <c r="N288484" s="10"/>
    </row>
    <row r="288485" spans="14:14">
      <c r="N288485" s="10"/>
    </row>
    <row r="288486" spans="14:14">
      <c r="N288486" s="10"/>
    </row>
    <row r="288487" spans="14:14">
      <c r="N288487" s="10"/>
    </row>
    <row r="288488" spans="14:14">
      <c r="N288488" s="10"/>
    </row>
    <row r="288489" spans="14:14">
      <c r="N288489" s="10"/>
    </row>
    <row r="288490" spans="14:14">
      <c r="N288490" s="10"/>
    </row>
    <row r="288491" spans="14:14">
      <c r="N288491" s="10"/>
    </row>
    <row r="288492" spans="14:14">
      <c r="N288492" s="10"/>
    </row>
    <row r="288493" spans="14:14">
      <c r="N288493" s="10"/>
    </row>
    <row r="288494" spans="14:14">
      <c r="N288494" s="10"/>
    </row>
    <row r="288495" spans="14:14">
      <c r="N288495" s="10"/>
    </row>
    <row r="288496" spans="14:14">
      <c r="N288496" s="10"/>
    </row>
    <row r="288497" spans="14:14">
      <c r="N288497" s="10"/>
    </row>
    <row r="288498" spans="14:14">
      <c r="N288498" s="10"/>
    </row>
    <row r="288499" spans="14:14">
      <c r="N288499" s="10"/>
    </row>
    <row r="288500" spans="14:14">
      <c r="N288500" s="10"/>
    </row>
    <row r="288501" spans="14:14">
      <c r="N288501" s="10"/>
    </row>
    <row r="288502" spans="14:14">
      <c r="N288502" s="10"/>
    </row>
    <row r="288503" spans="14:14">
      <c r="N288503" s="10"/>
    </row>
    <row r="288504" spans="14:14">
      <c r="N288504" s="10"/>
    </row>
    <row r="288505" spans="14:14">
      <c r="N288505" s="10"/>
    </row>
    <row r="288506" spans="14:14">
      <c r="N288506" s="10"/>
    </row>
    <row r="288507" spans="14:14">
      <c r="N288507" s="10"/>
    </row>
    <row r="288508" spans="14:14">
      <c r="N288508" s="10"/>
    </row>
    <row r="288509" spans="14:14">
      <c r="N288509" s="10"/>
    </row>
    <row r="288510" spans="14:14">
      <c r="N288510" s="10"/>
    </row>
    <row r="288511" spans="14:14">
      <c r="N288511" s="10"/>
    </row>
    <row r="288512" spans="14:14">
      <c r="N288512" s="10"/>
    </row>
    <row r="288513" spans="14:14">
      <c r="N288513" s="10"/>
    </row>
    <row r="288514" spans="14:14">
      <c r="N288514" s="10"/>
    </row>
    <row r="288515" spans="14:14">
      <c r="N288515" s="10"/>
    </row>
    <row r="288516" spans="14:14">
      <c r="N288516" s="10"/>
    </row>
    <row r="288517" spans="14:14">
      <c r="N288517" s="10"/>
    </row>
    <row r="288518" spans="14:14">
      <c r="N288518" s="10"/>
    </row>
    <row r="288519" spans="14:14">
      <c r="N288519" s="10"/>
    </row>
    <row r="288520" spans="14:14">
      <c r="N288520" s="10"/>
    </row>
    <row r="288521" spans="14:14">
      <c r="N288521" s="10"/>
    </row>
    <row r="288522" spans="14:14">
      <c r="N288522" s="10"/>
    </row>
    <row r="288523" spans="14:14">
      <c r="N288523" s="10"/>
    </row>
    <row r="288524" spans="14:14">
      <c r="N288524" s="10"/>
    </row>
    <row r="288525" spans="14:14">
      <c r="N288525" s="10"/>
    </row>
    <row r="288526" spans="14:14">
      <c r="N288526" s="10"/>
    </row>
    <row r="288527" spans="14:14">
      <c r="N288527" s="10"/>
    </row>
    <row r="288528" spans="14:14">
      <c r="N288528" s="10"/>
    </row>
    <row r="288529" spans="14:14">
      <c r="N288529" s="10"/>
    </row>
    <row r="288530" spans="14:14">
      <c r="N288530" s="10"/>
    </row>
    <row r="288531" spans="14:14">
      <c r="N288531" s="10"/>
    </row>
    <row r="288532" spans="14:14">
      <c r="N288532" s="10"/>
    </row>
    <row r="288533" spans="14:14">
      <c r="N288533" s="10"/>
    </row>
    <row r="288534" spans="14:14">
      <c r="N288534" s="10"/>
    </row>
    <row r="288535" spans="14:14">
      <c r="N288535" s="10"/>
    </row>
    <row r="288536" spans="14:14">
      <c r="N288536" s="10"/>
    </row>
    <row r="288537" spans="14:14">
      <c r="N288537" s="10"/>
    </row>
    <row r="288538" spans="14:14">
      <c r="N288538" s="10"/>
    </row>
    <row r="288539" spans="14:14">
      <c r="N288539" s="10"/>
    </row>
    <row r="288540" spans="14:14">
      <c r="N288540" s="10"/>
    </row>
    <row r="288541" spans="14:14">
      <c r="N288541" s="10"/>
    </row>
    <row r="288542" spans="14:14">
      <c r="N288542" s="10"/>
    </row>
    <row r="288543" spans="14:14">
      <c r="N288543" s="10"/>
    </row>
    <row r="288544" spans="14:14">
      <c r="N288544" s="10"/>
    </row>
    <row r="288545" spans="14:14">
      <c r="N288545" s="10"/>
    </row>
    <row r="288546" spans="14:14">
      <c r="N288546" s="10"/>
    </row>
    <row r="288547" spans="14:14">
      <c r="N288547" s="10"/>
    </row>
    <row r="288548" spans="14:14">
      <c r="N288548" s="10"/>
    </row>
    <row r="288549" spans="14:14">
      <c r="N288549" s="10"/>
    </row>
    <row r="288550" spans="14:14">
      <c r="N288550" s="10"/>
    </row>
    <row r="288551" spans="14:14">
      <c r="N288551" s="10"/>
    </row>
    <row r="288552" spans="14:14">
      <c r="N288552" s="10"/>
    </row>
    <row r="288553" spans="14:14">
      <c r="N288553" s="10"/>
    </row>
    <row r="288554" spans="14:14">
      <c r="N288554" s="10"/>
    </row>
    <row r="288555" spans="14:14">
      <c r="N288555" s="10"/>
    </row>
    <row r="288556" spans="14:14">
      <c r="N288556" s="10"/>
    </row>
    <row r="288557" spans="14:14">
      <c r="N288557" s="10"/>
    </row>
    <row r="288558" spans="14:14">
      <c r="N288558" s="10"/>
    </row>
    <row r="288559" spans="14:14">
      <c r="N288559" s="10"/>
    </row>
    <row r="288560" spans="14:14">
      <c r="N288560" s="10"/>
    </row>
    <row r="288561" spans="14:14">
      <c r="N288561" s="10"/>
    </row>
    <row r="288562" spans="14:14">
      <c r="N288562" s="10"/>
    </row>
    <row r="288563" spans="14:14">
      <c r="N288563" s="10"/>
    </row>
    <row r="288564" spans="14:14">
      <c r="N288564" s="10"/>
    </row>
    <row r="288565" spans="14:14">
      <c r="N288565" s="10"/>
    </row>
    <row r="288566" spans="14:14">
      <c r="N288566" s="10"/>
    </row>
    <row r="288567" spans="14:14">
      <c r="N288567" s="10"/>
    </row>
    <row r="288568" spans="14:14">
      <c r="N288568" s="10"/>
    </row>
    <row r="288569" spans="14:14">
      <c r="N288569" s="10"/>
    </row>
    <row r="288570" spans="14:14">
      <c r="N288570" s="10"/>
    </row>
    <row r="288571" spans="14:14">
      <c r="N288571" s="10"/>
    </row>
    <row r="288572" spans="14:14">
      <c r="N288572" s="10"/>
    </row>
    <row r="288573" spans="14:14">
      <c r="N288573" s="10"/>
    </row>
    <row r="288574" spans="14:14">
      <c r="N288574" s="10"/>
    </row>
    <row r="288575" spans="14:14">
      <c r="N288575" s="10"/>
    </row>
    <row r="288576" spans="14:14">
      <c r="N288576" s="10"/>
    </row>
    <row r="288577" spans="14:14">
      <c r="N288577" s="10"/>
    </row>
    <row r="288578" spans="14:14">
      <c r="N288578" s="10"/>
    </row>
    <row r="288579" spans="14:14">
      <c r="N288579" s="10"/>
    </row>
    <row r="288580" spans="14:14">
      <c r="N288580" s="10"/>
    </row>
    <row r="288581" spans="14:14">
      <c r="N288581" s="10"/>
    </row>
    <row r="288582" spans="14:14">
      <c r="N288582" s="10"/>
    </row>
    <row r="288583" spans="14:14">
      <c r="N288583" s="10"/>
    </row>
    <row r="288584" spans="14:14">
      <c r="N288584" s="10"/>
    </row>
    <row r="288585" spans="14:14">
      <c r="N288585" s="10"/>
    </row>
    <row r="288586" spans="14:14">
      <c r="N288586" s="10"/>
    </row>
    <row r="288587" spans="14:14">
      <c r="N288587" s="10"/>
    </row>
    <row r="288588" spans="14:14">
      <c r="N288588" s="10"/>
    </row>
    <row r="288589" spans="14:14">
      <c r="N288589" s="10"/>
    </row>
    <row r="288590" spans="14:14">
      <c r="N288590" s="10"/>
    </row>
    <row r="288591" spans="14:14">
      <c r="N288591" s="10"/>
    </row>
    <row r="288592" spans="14:14">
      <c r="N288592" s="10"/>
    </row>
    <row r="288593" spans="14:14">
      <c r="N288593" s="10"/>
    </row>
    <row r="288594" spans="14:14">
      <c r="N288594" s="10"/>
    </row>
    <row r="288595" spans="14:14">
      <c r="N288595" s="10"/>
    </row>
    <row r="288596" spans="14:14">
      <c r="N288596" s="10"/>
    </row>
    <row r="288597" spans="14:14">
      <c r="N288597" s="10"/>
    </row>
    <row r="288598" spans="14:14">
      <c r="N288598" s="10"/>
    </row>
    <row r="288599" spans="14:14">
      <c r="N288599" s="10"/>
    </row>
    <row r="288600" spans="14:14">
      <c r="N288600" s="10"/>
    </row>
    <row r="288601" spans="14:14">
      <c r="N288601" s="10"/>
    </row>
    <row r="288602" spans="14:14">
      <c r="N288602" s="10"/>
    </row>
    <row r="288603" spans="14:14">
      <c r="N288603" s="10"/>
    </row>
    <row r="288604" spans="14:14">
      <c r="N288604" s="10"/>
    </row>
    <row r="288605" spans="14:14">
      <c r="N288605" s="10"/>
    </row>
    <row r="288606" spans="14:14">
      <c r="N288606" s="10"/>
    </row>
    <row r="288607" spans="14:14">
      <c r="N288607" s="10"/>
    </row>
    <row r="288608" spans="14:14">
      <c r="N288608" s="10"/>
    </row>
    <row r="288609" spans="14:14">
      <c r="N288609" s="10"/>
    </row>
    <row r="288610" spans="14:14">
      <c r="N288610" s="10"/>
    </row>
    <row r="288611" spans="14:14">
      <c r="N288611" s="10"/>
    </row>
    <row r="288612" spans="14:14">
      <c r="N288612" s="10"/>
    </row>
    <row r="288613" spans="14:14">
      <c r="N288613" s="10"/>
    </row>
    <row r="288614" spans="14:14">
      <c r="N288614" s="10"/>
    </row>
    <row r="288615" spans="14:14">
      <c r="N288615" s="10"/>
    </row>
    <row r="288616" spans="14:14">
      <c r="N288616" s="10"/>
    </row>
    <row r="288617" spans="14:14">
      <c r="N288617" s="10"/>
    </row>
    <row r="288618" spans="14:14">
      <c r="N288618" s="10"/>
    </row>
    <row r="288619" spans="14:14">
      <c r="N288619" s="10"/>
    </row>
    <row r="288620" spans="14:14">
      <c r="N288620" s="10"/>
    </row>
    <row r="288621" spans="14:14">
      <c r="N288621" s="10"/>
    </row>
    <row r="288622" spans="14:14">
      <c r="N288622" s="10"/>
    </row>
    <row r="288623" spans="14:14">
      <c r="N288623" s="10"/>
    </row>
    <row r="288624" spans="14:14">
      <c r="N288624" s="10"/>
    </row>
    <row r="288625" spans="14:14">
      <c r="N288625" s="10"/>
    </row>
    <row r="288626" spans="14:14">
      <c r="N288626" s="10"/>
    </row>
    <row r="288627" spans="14:14">
      <c r="N288627" s="10"/>
    </row>
    <row r="288628" spans="14:14">
      <c r="N288628" s="10"/>
    </row>
    <row r="288629" spans="14:14">
      <c r="N288629" s="10"/>
    </row>
    <row r="288630" spans="14:14">
      <c r="N288630" s="10"/>
    </row>
    <row r="288631" spans="14:14">
      <c r="N288631" s="10"/>
    </row>
    <row r="288632" spans="14:14">
      <c r="N288632" s="10"/>
    </row>
    <row r="288633" spans="14:14">
      <c r="N288633" s="10"/>
    </row>
    <row r="288634" spans="14:14">
      <c r="N288634" s="10"/>
    </row>
    <row r="288635" spans="14:14">
      <c r="N288635" s="10"/>
    </row>
    <row r="288636" spans="14:14">
      <c r="N288636" s="10"/>
    </row>
    <row r="288637" spans="14:14">
      <c r="N288637" s="10"/>
    </row>
    <row r="288638" spans="14:14">
      <c r="N288638" s="10"/>
    </row>
    <row r="288639" spans="14:14">
      <c r="N288639" s="10"/>
    </row>
    <row r="288640" spans="14:14">
      <c r="N288640" s="10"/>
    </row>
    <row r="288641" spans="14:14">
      <c r="N288641" s="10"/>
    </row>
    <row r="288642" spans="14:14">
      <c r="N288642" s="10"/>
    </row>
    <row r="288643" spans="14:14">
      <c r="N288643" s="10"/>
    </row>
    <row r="288644" spans="14:14">
      <c r="N288644" s="10"/>
    </row>
    <row r="288645" spans="14:14">
      <c r="N288645" s="10"/>
    </row>
    <row r="288646" spans="14:14">
      <c r="N288646" s="10"/>
    </row>
    <row r="288647" spans="14:14">
      <c r="N288647" s="10"/>
    </row>
    <row r="288648" spans="14:14">
      <c r="N288648" s="10"/>
    </row>
    <row r="288649" spans="14:14">
      <c r="N288649" s="10"/>
    </row>
    <row r="288650" spans="14:14">
      <c r="N288650" s="10"/>
    </row>
    <row r="288651" spans="14:14">
      <c r="N288651" s="10"/>
    </row>
    <row r="288652" spans="14:14">
      <c r="N288652" s="10"/>
    </row>
    <row r="288653" spans="14:14">
      <c r="N288653" s="10"/>
    </row>
    <row r="288654" spans="14:14">
      <c r="N288654" s="10"/>
    </row>
    <row r="288655" spans="14:14">
      <c r="N288655" s="10"/>
    </row>
    <row r="288656" spans="14:14">
      <c r="N288656" s="10"/>
    </row>
    <row r="288657" spans="14:14">
      <c r="N288657" s="10"/>
    </row>
    <row r="288658" spans="14:14">
      <c r="N288658" s="10"/>
    </row>
    <row r="288659" spans="14:14">
      <c r="N288659" s="10"/>
    </row>
    <row r="288660" spans="14:14">
      <c r="N288660" s="10"/>
    </row>
    <row r="288661" spans="14:14">
      <c r="N288661" s="10"/>
    </row>
    <row r="288662" spans="14:14">
      <c r="N288662" s="10"/>
    </row>
    <row r="288663" spans="14:14">
      <c r="N288663" s="10"/>
    </row>
    <row r="288664" spans="14:14">
      <c r="N288664" s="10"/>
    </row>
    <row r="288665" spans="14:14">
      <c r="N288665" s="10"/>
    </row>
    <row r="288666" spans="14:14">
      <c r="N288666" s="10"/>
    </row>
    <row r="288667" spans="14:14">
      <c r="N288667" s="10"/>
    </row>
    <row r="288668" spans="14:14">
      <c r="N288668" s="10"/>
    </row>
    <row r="288669" spans="14:14">
      <c r="N288669" s="10"/>
    </row>
    <row r="288670" spans="14:14">
      <c r="N288670" s="10"/>
    </row>
    <row r="288671" spans="14:14">
      <c r="N288671" s="10"/>
    </row>
    <row r="288672" spans="14:14">
      <c r="N288672" s="10"/>
    </row>
    <row r="288673" spans="14:14">
      <c r="N288673" s="10"/>
    </row>
    <row r="288674" spans="14:14">
      <c r="N288674" s="10"/>
    </row>
    <row r="288675" spans="14:14">
      <c r="N288675" s="10"/>
    </row>
    <row r="288676" spans="14:14">
      <c r="N288676" s="10"/>
    </row>
    <row r="288677" spans="14:14">
      <c r="N288677" s="10"/>
    </row>
    <row r="288678" spans="14:14">
      <c r="N288678" s="10"/>
    </row>
    <row r="288679" spans="14:14">
      <c r="N288679" s="10"/>
    </row>
    <row r="288680" spans="14:14">
      <c r="N288680" s="10"/>
    </row>
    <row r="288681" spans="14:14">
      <c r="N288681" s="10"/>
    </row>
    <row r="288682" spans="14:14">
      <c r="N288682" s="10"/>
    </row>
    <row r="288683" spans="14:14">
      <c r="N288683" s="10"/>
    </row>
    <row r="288684" spans="14:14">
      <c r="N288684" s="10"/>
    </row>
    <row r="288685" spans="14:14">
      <c r="N288685" s="10"/>
    </row>
    <row r="288686" spans="14:14">
      <c r="N288686" s="10"/>
    </row>
    <row r="288687" spans="14:14">
      <c r="N288687" s="10"/>
    </row>
    <row r="288688" spans="14:14">
      <c r="N288688" s="10"/>
    </row>
    <row r="288689" spans="14:14">
      <c r="N288689" s="10"/>
    </row>
    <row r="288690" spans="14:14">
      <c r="N288690" s="10"/>
    </row>
    <row r="288691" spans="14:14">
      <c r="N288691" s="10"/>
    </row>
    <row r="288692" spans="14:14">
      <c r="N288692" s="10"/>
    </row>
    <row r="288693" spans="14:14">
      <c r="N288693" s="10"/>
    </row>
    <row r="288694" spans="14:14">
      <c r="N288694" s="10"/>
    </row>
    <row r="288695" spans="14:14">
      <c r="N288695" s="10"/>
    </row>
    <row r="288696" spans="14:14">
      <c r="N288696" s="10"/>
    </row>
    <row r="288697" spans="14:14">
      <c r="N288697" s="10"/>
    </row>
    <row r="288698" spans="14:14">
      <c r="N288698" s="10"/>
    </row>
    <row r="288699" spans="14:14">
      <c r="N288699" s="10"/>
    </row>
    <row r="288700" spans="14:14">
      <c r="N288700" s="10"/>
    </row>
    <row r="288701" spans="14:14">
      <c r="N288701" s="10"/>
    </row>
    <row r="288702" spans="14:14">
      <c r="N288702" s="10"/>
    </row>
    <row r="288703" spans="14:14">
      <c r="N288703" s="10"/>
    </row>
    <row r="288704" spans="14:14">
      <c r="N288704" s="10"/>
    </row>
    <row r="288705" spans="14:14">
      <c r="N288705" s="10"/>
    </row>
    <row r="288706" spans="14:14">
      <c r="N288706" s="10"/>
    </row>
    <row r="288707" spans="14:14">
      <c r="N288707" s="10"/>
    </row>
    <row r="288708" spans="14:14">
      <c r="N288708" s="10"/>
    </row>
    <row r="288709" spans="14:14">
      <c r="N288709" s="10"/>
    </row>
    <row r="288710" spans="14:14">
      <c r="N288710" s="10"/>
    </row>
    <row r="288711" spans="14:14">
      <c r="N288711" s="10"/>
    </row>
    <row r="288712" spans="14:14">
      <c r="N288712" s="10"/>
    </row>
    <row r="288713" spans="14:14">
      <c r="N288713" s="10"/>
    </row>
    <row r="288714" spans="14:14">
      <c r="N288714" s="10"/>
    </row>
    <row r="288715" spans="14:14">
      <c r="N288715" s="10"/>
    </row>
    <row r="288716" spans="14:14">
      <c r="N288716" s="10"/>
    </row>
    <row r="288717" spans="14:14">
      <c r="N288717" s="10"/>
    </row>
    <row r="288718" spans="14:14">
      <c r="N288718" s="10"/>
    </row>
    <row r="288719" spans="14:14">
      <c r="N288719" s="10"/>
    </row>
    <row r="288720" spans="14:14">
      <c r="N288720" s="10"/>
    </row>
    <row r="288721" spans="14:14">
      <c r="N288721" s="10"/>
    </row>
    <row r="288722" spans="14:14">
      <c r="N288722" s="10"/>
    </row>
    <row r="288723" spans="14:14">
      <c r="N288723" s="10"/>
    </row>
    <row r="288724" spans="14:14">
      <c r="N288724" s="10"/>
    </row>
    <row r="288725" spans="14:14">
      <c r="N288725" s="10"/>
    </row>
    <row r="288726" spans="14:14">
      <c r="N288726" s="10"/>
    </row>
    <row r="288727" spans="14:14">
      <c r="N288727" s="10"/>
    </row>
    <row r="288728" spans="14:14">
      <c r="N288728" s="10"/>
    </row>
    <row r="288729" spans="14:14">
      <c r="N288729" s="10"/>
    </row>
    <row r="288730" spans="14:14">
      <c r="N288730" s="10"/>
    </row>
    <row r="288731" spans="14:14">
      <c r="N288731" s="10"/>
    </row>
    <row r="288732" spans="14:14">
      <c r="N288732" s="10"/>
    </row>
    <row r="288733" spans="14:14">
      <c r="N288733" s="10"/>
    </row>
    <row r="288734" spans="14:14">
      <c r="N288734" s="10"/>
    </row>
    <row r="288735" spans="14:14">
      <c r="N288735" s="10"/>
    </row>
    <row r="288736" spans="14:14">
      <c r="N288736" s="10"/>
    </row>
    <row r="288737" spans="14:14">
      <c r="N288737" s="10"/>
    </row>
    <row r="288738" spans="14:14">
      <c r="N288738" s="10"/>
    </row>
    <row r="288739" spans="14:14">
      <c r="N288739" s="10"/>
    </row>
    <row r="288740" spans="14:14">
      <c r="N288740" s="10"/>
    </row>
    <row r="288741" spans="14:14">
      <c r="N288741" s="10"/>
    </row>
    <row r="288742" spans="14:14">
      <c r="N288742" s="10"/>
    </row>
    <row r="288743" spans="14:14">
      <c r="N288743" s="10"/>
    </row>
    <row r="288744" spans="14:14">
      <c r="N288744" s="10"/>
    </row>
    <row r="288745" spans="14:14">
      <c r="N288745" s="10"/>
    </row>
    <row r="288746" spans="14:14">
      <c r="N288746" s="10"/>
    </row>
    <row r="288747" spans="14:14">
      <c r="N288747" s="10"/>
    </row>
    <row r="288748" spans="14:14">
      <c r="N288748" s="10"/>
    </row>
    <row r="288749" spans="14:14">
      <c r="N288749" s="10"/>
    </row>
    <row r="288750" spans="14:14">
      <c r="N288750" s="10"/>
    </row>
    <row r="288751" spans="14:14">
      <c r="N288751" s="10"/>
    </row>
    <row r="288752" spans="14:14">
      <c r="N288752" s="10"/>
    </row>
    <row r="288753" spans="14:14">
      <c r="N288753" s="10"/>
    </row>
    <row r="288754" spans="14:14">
      <c r="N288754" s="10"/>
    </row>
    <row r="288755" spans="14:14">
      <c r="N288755" s="10"/>
    </row>
    <row r="288756" spans="14:14">
      <c r="N288756" s="10"/>
    </row>
    <row r="288757" spans="14:14">
      <c r="N288757" s="10"/>
    </row>
    <row r="288758" spans="14:14">
      <c r="N288758" s="10"/>
    </row>
    <row r="288759" spans="14:14">
      <c r="N288759" s="10"/>
    </row>
    <row r="288760" spans="14:14">
      <c r="N288760" s="10"/>
    </row>
    <row r="288761" spans="14:14">
      <c r="N288761" s="10"/>
    </row>
    <row r="288762" spans="14:14">
      <c r="N288762" s="10"/>
    </row>
    <row r="288763" spans="14:14">
      <c r="N288763" s="10"/>
    </row>
    <row r="288764" spans="14:14">
      <c r="N288764" s="10"/>
    </row>
    <row r="288765" spans="14:14">
      <c r="N288765" s="10"/>
    </row>
    <row r="288766" spans="14:14">
      <c r="N288766" s="10"/>
    </row>
    <row r="288767" spans="14:14">
      <c r="N288767" s="10"/>
    </row>
    <row r="288768" spans="14:14">
      <c r="N288768" s="10"/>
    </row>
    <row r="288769" spans="14:14">
      <c r="N288769" s="10"/>
    </row>
    <row r="288770" spans="14:14">
      <c r="N288770" s="10"/>
    </row>
    <row r="288771" spans="14:14">
      <c r="N288771" s="10"/>
    </row>
    <row r="288772" spans="14:14">
      <c r="N288772" s="10"/>
    </row>
    <row r="288773" spans="14:14">
      <c r="N288773" s="10"/>
    </row>
    <row r="288774" spans="14:14">
      <c r="N288774" s="10"/>
    </row>
    <row r="288775" spans="14:14">
      <c r="N288775" s="10"/>
    </row>
    <row r="288776" spans="14:14">
      <c r="N288776" s="10"/>
    </row>
    <row r="288777" spans="14:14">
      <c r="N288777" s="10"/>
    </row>
    <row r="288778" spans="14:14">
      <c r="N288778" s="10"/>
    </row>
    <row r="288779" spans="14:14">
      <c r="N288779" s="10"/>
    </row>
    <row r="288780" spans="14:14">
      <c r="N288780" s="10"/>
    </row>
    <row r="288781" spans="14:14">
      <c r="N288781" s="10"/>
    </row>
    <row r="288782" spans="14:14">
      <c r="N288782" s="10"/>
    </row>
    <row r="288783" spans="14:14">
      <c r="N288783" s="10"/>
    </row>
    <row r="288784" spans="14:14">
      <c r="N288784" s="10"/>
    </row>
    <row r="288785" spans="14:14">
      <c r="N288785" s="10"/>
    </row>
    <row r="288786" spans="14:14">
      <c r="N288786" s="10"/>
    </row>
    <row r="288787" spans="14:14">
      <c r="N288787" s="10"/>
    </row>
    <row r="288788" spans="14:14">
      <c r="N288788" s="10"/>
    </row>
    <row r="288789" spans="14:14">
      <c r="N288789" s="10"/>
    </row>
    <row r="288790" spans="14:14">
      <c r="N288790" s="10"/>
    </row>
    <row r="288791" spans="14:14">
      <c r="N288791" s="10"/>
    </row>
    <row r="288792" spans="14:14">
      <c r="N288792" s="10"/>
    </row>
    <row r="288793" spans="14:14">
      <c r="N288793" s="10"/>
    </row>
    <row r="288794" spans="14:14">
      <c r="N288794" s="10"/>
    </row>
    <row r="288795" spans="14:14">
      <c r="N288795" s="10"/>
    </row>
    <row r="288796" spans="14:14">
      <c r="N288796" s="10"/>
    </row>
    <row r="288797" spans="14:14">
      <c r="N288797" s="10"/>
    </row>
    <row r="288798" spans="14:14">
      <c r="N288798" s="10"/>
    </row>
    <row r="288799" spans="14:14">
      <c r="N288799" s="10"/>
    </row>
    <row r="288800" spans="14:14">
      <c r="N288800" s="10"/>
    </row>
    <row r="288801" spans="14:14">
      <c r="N288801" s="10"/>
    </row>
    <row r="288802" spans="14:14">
      <c r="N288802" s="10"/>
    </row>
    <row r="288803" spans="14:14">
      <c r="N288803" s="10"/>
    </row>
    <row r="288804" spans="14:14">
      <c r="N288804" s="10"/>
    </row>
    <row r="288805" spans="14:14">
      <c r="N288805" s="10"/>
    </row>
    <row r="288806" spans="14:14">
      <c r="N288806" s="10"/>
    </row>
    <row r="288807" spans="14:14">
      <c r="N288807" s="10"/>
    </row>
    <row r="288808" spans="14:14">
      <c r="N288808" s="10"/>
    </row>
    <row r="288809" spans="14:14">
      <c r="N288809" s="10"/>
    </row>
    <row r="288810" spans="14:14">
      <c r="N288810" s="10"/>
    </row>
    <row r="288811" spans="14:14">
      <c r="N288811" s="10"/>
    </row>
    <row r="288812" spans="14:14">
      <c r="N288812" s="10"/>
    </row>
    <row r="288813" spans="14:14">
      <c r="N288813" s="10"/>
    </row>
    <row r="288814" spans="14:14">
      <c r="N288814" s="10"/>
    </row>
    <row r="288815" spans="14:14">
      <c r="N288815" s="10"/>
    </row>
    <row r="288816" spans="14:14">
      <c r="N288816" s="10"/>
    </row>
    <row r="288817" spans="14:14">
      <c r="N288817" s="10"/>
    </row>
    <row r="288818" spans="14:14">
      <c r="N288818" s="10"/>
    </row>
    <row r="288819" spans="14:14">
      <c r="N288819" s="10"/>
    </row>
    <row r="288820" spans="14:14">
      <c r="N288820" s="10"/>
    </row>
    <row r="288821" spans="14:14">
      <c r="N288821" s="10"/>
    </row>
    <row r="288822" spans="14:14">
      <c r="N288822" s="10"/>
    </row>
    <row r="288823" spans="14:14">
      <c r="N288823" s="10"/>
    </row>
    <row r="288824" spans="14:14">
      <c r="N288824" s="10"/>
    </row>
    <row r="288825" spans="14:14">
      <c r="N288825" s="10"/>
    </row>
    <row r="288826" spans="14:14">
      <c r="N288826" s="10"/>
    </row>
    <row r="288827" spans="14:14">
      <c r="N288827" s="10"/>
    </row>
    <row r="288828" spans="14:14">
      <c r="N288828" s="10"/>
    </row>
    <row r="288829" spans="14:14">
      <c r="N288829" s="10"/>
    </row>
    <row r="288830" spans="14:14">
      <c r="N288830" s="10"/>
    </row>
    <row r="288831" spans="14:14">
      <c r="N288831" s="10"/>
    </row>
    <row r="288832" spans="14:14">
      <c r="N288832" s="10"/>
    </row>
    <row r="288833" spans="14:14">
      <c r="N288833" s="10"/>
    </row>
    <row r="288834" spans="14:14">
      <c r="N288834" s="10"/>
    </row>
    <row r="288835" spans="14:14">
      <c r="N288835" s="10"/>
    </row>
    <row r="288836" spans="14:14">
      <c r="N288836" s="10"/>
    </row>
    <row r="288837" spans="14:14">
      <c r="N288837" s="10"/>
    </row>
    <row r="288838" spans="14:14">
      <c r="N288838" s="10"/>
    </row>
    <row r="288839" spans="14:14">
      <c r="N288839" s="10"/>
    </row>
    <row r="288840" spans="14:14">
      <c r="N288840" s="10"/>
    </row>
    <row r="288841" spans="14:14">
      <c r="N288841" s="10"/>
    </row>
    <row r="288842" spans="14:14">
      <c r="N288842" s="10"/>
    </row>
    <row r="288843" spans="14:14">
      <c r="N288843" s="10"/>
    </row>
    <row r="288844" spans="14:14">
      <c r="N288844" s="10"/>
    </row>
    <row r="288845" spans="14:14">
      <c r="N288845" s="10"/>
    </row>
    <row r="288846" spans="14:14">
      <c r="N288846" s="10"/>
    </row>
    <row r="288847" spans="14:14">
      <c r="N288847" s="10"/>
    </row>
    <row r="288848" spans="14:14">
      <c r="N288848" s="10"/>
    </row>
    <row r="288849" spans="14:14">
      <c r="N288849" s="10"/>
    </row>
    <row r="288850" spans="14:14">
      <c r="N288850" s="10"/>
    </row>
    <row r="288851" spans="14:14">
      <c r="N288851" s="10"/>
    </row>
    <row r="288852" spans="14:14">
      <c r="N288852" s="10"/>
    </row>
    <row r="288853" spans="14:14">
      <c r="N288853" s="10"/>
    </row>
    <row r="288854" spans="14:14">
      <c r="N288854" s="10"/>
    </row>
    <row r="288855" spans="14:14">
      <c r="N288855" s="10"/>
    </row>
    <row r="288856" spans="14:14">
      <c r="N288856" s="10"/>
    </row>
    <row r="288857" spans="14:14">
      <c r="N288857" s="10"/>
    </row>
    <row r="288858" spans="14:14">
      <c r="N288858" s="10"/>
    </row>
    <row r="288859" spans="14:14">
      <c r="N288859" s="10"/>
    </row>
    <row r="288860" spans="14:14">
      <c r="N288860" s="10"/>
    </row>
    <row r="288861" spans="14:14">
      <c r="N288861" s="10"/>
    </row>
    <row r="288862" spans="14:14">
      <c r="N288862" s="10"/>
    </row>
    <row r="288863" spans="14:14">
      <c r="N288863" s="10"/>
    </row>
    <row r="288864" spans="14:14">
      <c r="N288864" s="10"/>
    </row>
    <row r="288865" spans="14:14">
      <c r="N288865" s="10"/>
    </row>
    <row r="288866" spans="14:14">
      <c r="N288866" s="10"/>
    </row>
    <row r="288867" spans="14:14">
      <c r="N288867" s="10"/>
    </row>
    <row r="288868" spans="14:14">
      <c r="N288868" s="10"/>
    </row>
    <row r="288869" spans="14:14">
      <c r="N288869" s="10"/>
    </row>
    <row r="288870" spans="14:14">
      <c r="N288870" s="10"/>
    </row>
    <row r="288871" spans="14:14">
      <c r="N288871" s="10"/>
    </row>
    <row r="288872" spans="14:14">
      <c r="N288872" s="10"/>
    </row>
    <row r="288873" spans="14:14">
      <c r="N288873" s="10"/>
    </row>
    <row r="288874" spans="14:14">
      <c r="N288874" s="10"/>
    </row>
    <row r="288875" spans="14:14">
      <c r="N288875" s="10"/>
    </row>
    <row r="288876" spans="14:14">
      <c r="N288876" s="10"/>
    </row>
    <row r="288877" spans="14:14">
      <c r="N288877" s="10"/>
    </row>
    <row r="288878" spans="14:14">
      <c r="N288878" s="10"/>
    </row>
    <row r="288879" spans="14:14">
      <c r="N288879" s="10"/>
    </row>
    <row r="288880" spans="14:14">
      <c r="N288880" s="10"/>
    </row>
    <row r="288881" spans="14:14">
      <c r="N288881" s="10"/>
    </row>
    <row r="288882" spans="14:14">
      <c r="N288882" s="10"/>
    </row>
    <row r="288883" spans="14:14">
      <c r="N288883" s="10"/>
    </row>
    <row r="288884" spans="14:14">
      <c r="N288884" s="10"/>
    </row>
    <row r="288885" spans="14:14">
      <c r="N288885" s="10"/>
    </row>
    <row r="288886" spans="14:14">
      <c r="N288886" s="10"/>
    </row>
    <row r="288887" spans="14:14">
      <c r="N288887" s="10"/>
    </row>
    <row r="288888" spans="14:14">
      <c r="N288888" s="10"/>
    </row>
    <row r="288889" spans="14:14">
      <c r="N288889" s="10"/>
    </row>
    <row r="288890" spans="14:14">
      <c r="N288890" s="10"/>
    </row>
    <row r="288891" spans="14:14">
      <c r="N288891" s="10"/>
    </row>
    <row r="288892" spans="14:14">
      <c r="N288892" s="10"/>
    </row>
    <row r="288893" spans="14:14">
      <c r="N288893" s="10"/>
    </row>
    <row r="288894" spans="14:14">
      <c r="N288894" s="10"/>
    </row>
    <row r="288895" spans="14:14">
      <c r="N288895" s="10"/>
    </row>
    <row r="288896" spans="14:14">
      <c r="N288896" s="10"/>
    </row>
    <row r="288897" spans="14:14">
      <c r="N288897" s="10"/>
    </row>
    <row r="288898" spans="14:14">
      <c r="N288898" s="10"/>
    </row>
    <row r="288899" spans="14:14">
      <c r="N288899" s="10"/>
    </row>
    <row r="288900" spans="14:14">
      <c r="N288900" s="10"/>
    </row>
    <row r="288901" spans="14:14">
      <c r="N288901" s="10"/>
    </row>
    <row r="288902" spans="14:14">
      <c r="N288902" s="10"/>
    </row>
    <row r="288903" spans="14:14">
      <c r="N288903" s="10"/>
    </row>
    <row r="288904" spans="14:14">
      <c r="N288904" s="10"/>
    </row>
    <row r="288905" spans="14:14">
      <c r="N288905" s="10"/>
    </row>
    <row r="288906" spans="14:14">
      <c r="N288906" s="10"/>
    </row>
    <row r="288907" spans="14:14">
      <c r="N288907" s="10"/>
    </row>
    <row r="288908" spans="14:14">
      <c r="N288908" s="10"/>
    </row>
    <row r="288909" spans="14:14">
      <c r="N288909" s="10"/>
    </row>
    <row r="288910" spans="14:14">
      <c r="N288910" s="10"/>
    </row>
    <row r="288911" spans="14:14">
      <c r="N288911" s="10"/>
    </row>
    <row r="288912" spans="14:14">
      <c r="N288912" s="10"/>
    </row>
    <row r="288913" spans="14:14">
      <c r="N288913" s="10"/>
    </row>
    <row r="288914" spans="14:14">
      <c r="N288914" s="10"/>
    </row>
    <row r="288915" spans="14:14">
      <c r="N288915" s="10"/>
    </row>
    <row r="288916" spans="14:14">
      <c r="N288916" s="10"/>
    </row>
    <row r="288917" spans="14:14">
      <c r="N288917" s="10"/>
    </row>
    <row r="288918" spans="14:14">
      <c r="N288918" s="10"/>
    </row>
    <row r="288919" spans="14:14">
      <c r="N288919" s="10"/>
    </row>
    <row r="288920" spans="14:14">
      <c r="N288920" s="10"/>
    </row>
    <row r="288921" spans="14:14">
      <c r="N288921" s="10"/>
    </row>
    <row r="288922" spans="14:14">
      <c r="N288922" s="10"/>
    </row>
    <row r="288923" spans="14:14">
      <c r="N288923" s="10"/>
    </row>
    <row r="288924" spans="14:14">
      <c r="N288924" s="10"/>
    </row>
    <row r="288925" spans="14:14">
      <c r="N288925" s="10"/>
    </row>
    <row r="288926" spans="14:14">
      <c r="N288926" s="10"/>
    </row>
    <row r="288927" spans="14:14">
      <c r="N288927" s="10"/>
    </row>
    <row r="288928" spans="14:14">
      <c r="N288928" s="10"/>
    </row>
    <row r="288929" spans="14:14">
      <c r="N288929" s="10"/>
    </row>
    <row r="288930" spans="14:14">
      <c r="N288930" s="10"/>
    </row>
    <row r="288931" spans="14:14">
      <c r="N288931" s="10"/>
    </row>
    <row r="288932" spans="14:14">
      <c r="N288932" s="10"/>
    </row>
    <row r="288933" spans="14:14">
      <c r="N288933" s="10"/>
    </row>
    <row r="288934" spans="14:14">
      <c r="N288934" s="10"/>
    </row>
    <row r="288935" spans="14:14">
      <c r="N288935" s="10"/>
    </row>
    <row r="288936" spans="14:14">
      <c r="N288936" s="10"/>
    </row>
    <row r="288937" spans="14:14">
      <c r="N288937" s="10"/>
    </row>
    <row r="288938" spans="14:14">
      <c r="N288938" s="10"/>
    </row>
    <row r="288939" spans="14:14">
      <c r="N288939" s="10"/>
    </row>
    <row r="288940" spans="14:14">
      <c r="N288940" s="10"/>
    </row>
    <row r="288941" spans="14:14">
      <c r="N288941" s="10"/>
    </row>
    <row r="288942" spans="14:14">
      <c r="N288942" s="10"/>
    </row>
    <row r="288943" spans="14:14">
      <c r="N288943" s="10"/>
    </row>
    <row r="288944" spans="14:14">
      <c r="N288944" s="10"/>
    </row>
    <row r="288945" spans="14:14">
      <c r="N288945" s="10"/>
    </row>
    <row r="288946" spans="14:14">
      <c r="N288946" s="10"/>
    </row>
    <row r="288947" spans="14:14">
      <c r="N288947" s="10"/>
    </row>
    <row r="288948" spans="14:14">
      <c r="N288948" s="10"/>
    </row>
    <row r="288949" spans="14:14">
      <c r="N288949" s="10"/>
    </row>
    <row r="288950" spans="14:14">
      <c r="N288950" s="10"/>
    </row>
    <row r="288951" spans="14:14">
      <c r="N288951" s="10"/>
    </row>
    <row r="288952" spans="14:14">
      <c r="N288952" s="10"/>
    </row>
    <row r="288953" spans="14:14">
      <c r="N288953" s="10"/>
    </row>
    <row r="288954" spans="14:14">
      <c r="N288954" s="10"/>
    </row>
    <row r="288955" spans="14:14">
      <c r="N288955" s="10"/>
    </row>
    <row r="288956" spans="14:14">
      <c r="N288956" s="10"/>
    </row>
    <row r="288957" spans="14:14">
      <c r="N288957" s="10"/>
    </row>
    <row r="288958" spans="14:14">
      <c r="N288958" s="10"/>
    </row>
    <row r="288959" spans="14:14">
      <c r="N288959" s="10"/>
    </row>
    <row r="288960" spans="14:14">
      <c r="N288960" s="10"/>
    </row>
    <row r="288961" spans="14:14">
      <c r="N288961" s="10"/>
    </row>
    <row r="288962" spans="14:14">
      <c r="N288962" s="10"/>
    </row>
    <row r="288963" spans="14:14">
      <c r="N288963" s="10"/>
    </row>
    <row r="288964" spans="14:14">
      <c r="N288964" s="10"/>
    </row>
    <row r="288965" spans="14:14">
      <c r="N288965" s="10"/>
    </row>
    <row r="288966" spans="14:14">
      <c r="N288966" s="10"/>
    </row>
    <row r="288967" spans="14:14">
      <c r="N288967" s="10"/>
    </row>
    <row r="288968" spans="14:14">
      <c r="N288968" s="10"/>
    </row>
    <row r="288969" spans="14:14">
      <c r="N288969" s="10"/>
    </row>
    <row r="288970" spans="14:14">
      <c r="N288970" s="10"/>
    </row>
    <row r="288971" spans="14:14">
      <c r="N288971" s="10"/>
    </row>
    <row r="288972" spans="14:14">
      <c r="N288972" s="10"/>
    </row>
    <row r="288973" spans="14:14">
      <c r="N288973" s="10"/>
    </row>
    <row r="288974" spans="14:14">
      <c r="N288974" s="10"/>
    </row>
    <row r="288975" spans="14:14">
      <c r="N288975" s="10"/>
    </row>
    <row r="288976" spans="14:14">
      <c r="N288976" s="10"/>
    </row>
    <row r="288977" spans="14:14">
      <c r="N288977" s="10"/>
    </row>
    <row r="288978" spans="14:14">
      <c r="N288978" s="10"/>
    </row>
    <row r="288979" spans="14:14">
      <c r="N288979" s="10"/>
    </row>
    <row r="288980" spans="14:14">
      <c r="N288980" s="10"/>
    </row>
    <row r="288981" spans="14:14">
      <c r="N288981" s="10"/>
    </row>
    <row r="288982" spans="14:14">
      <c r="N288982" s="10"/>
    </row>
    <row r="288983" spans="14:14">
      <c r="N288983" s="10"/>
    </row>
    <row r="288984" spans="14:14">
      <c r="N288984" s="10"/>
    </row>
    <row r="288985" spans="14:14">
      <c r="N288985" s="10"/>
    </row>
    <row r="288986" spans="14:14">
      <c r="N288986" s="10"/>
    </row>
    <row r="288987" spans="14:14">
      <c r="N288987" s="10"/>
    </row>
    <row r="288988" spans="14:14">
      <c r="N288988" s="10"/>
    </row>
    <row r="288989" spans="14:14">
      <c r="N288989" s="10"/>
    </row>
    <row r="288990" spans="14:14">
      <c r="N288990" s="10"/>
    </row>
    <row r="288991" spans="14:14">
      <c r="N288991" s="10"/>
    </row>
    <row r="288992" spans="14:14">
      <c r="N288992" s="10"/>
    </row>
    <row r="288993" spans="14:14">
      <c r="N288993" s="10"/>
    </row>
    <row r="288994" spans="14:14">
      <c r="N288994" s="10"/>
    </row>
    <row r="288995" spans="14:14">
      <c r="N288995" s="10"/>
    </row>
    <row r="288996" spans="14:14">
      <c r="N288996" s="10"/>
    </row>
    <row r="288997" spans="14:14">
      <c r="N288997" s="10"/>
    </row>
    <row r="288998" spans="14:14">
      <c r="N288998" s="10"/>
    </row>
    <row r="288999" spans="14:14">
      <c r="N288999" s="10"/>
    </row>
    <row r="289000" spans="14:14">
      <c r="N289000" s="10"/>
    </row>
    <row r="289001" spans="14:14">
      <c r="N289001" s="10"/>
    </row>
    <row r="289002" spans="14:14">
      <c r="N289002" s="10"/>
    </row>
    <row r="289003" spans="14:14">
      <c r="N289003" s="10"/>
    </row>
    <row r="289004" spans="14:14">
      <c r="N289004" s="10"/>
    </row>
    <row r="289005" spans="14:14">
      <c r="N289005" s="10"/>
    </row>
    <row r="289006" spans="14:14">
      <c r="N289006" s="10"/>
    </row>
    <row r="289007" spans="14:14">
      <c r="N289007" s="10"/>
    </row>
    <row r="289008" spans="14:14">
      <c r="N289008" s="10"/>
    </row>
    <row r="289009" spans="14:14">
      <c r="N289009" s="10"/>
    </row>
    <row r="289010" spans="14:14">
      <c r="N289010" s="10"/>
    </row>
    <row r="289011" spans="14:14">
      <c r="N289011" s="10"/>
    </row>
    <row r="289012" spans="14:14">
      <c r="N289012" s="10"/>
    </row>
    <row r="289013" spans="14:14">
      <c r="N289013" s="10"/>
    </row>
    <row r="289014" spans="14:14">
      <c r="N289014" s="10"/>
    </row>
    <row r="289015" spans="14:14">
      <c r="N289015" s="10"/>
    </row>
    <row r="289016" spans="14:14">
      <c r="N289016" s="10"/>
    </row>
    <row r="289017" spans="14:14">
      <c r="N289017" s="10"/>
    </row>
    <row r="289018" spans="14:14">
      <c r="N289018" s="10"/>
    </row>
    <row r="289019" spans="14:14">
      <c r="N289019" s="10"/>
    </row>
    <row r="289020" spans="14:14">
      <c r="N289020" s="10"/>
    </row>
    <row r="289021" spans="14:14">
      <c r="N289021" s="10"/>
    </row>
    <row r="289022" spans="14:14">
      <c r="N289022" s="10"/>
    </row>
    <row r="289023" spans="14:14">
      <c r="N289023" s="10"/>
    </row>
    <row r="289024" spans="14:14">
      <c r="N289024" s="10"/>
    </row>
    <row r="289025" spans="14:14">
      <c r="N289025" s="10"/>
    </row>
    <row r="289026" spans="14:14">
      <c r="N289026" s="10"/>
    </row>
    <row r="289027" spans="14:14">
      <c r="N289027" s="10"/>
    </row>
    <row r="289028" spans="14:14">
      <c r="N289028" s="10"/>
    </row>
    <row r="289029" spans="14:14">
      <c r="N289029" s="10"/>
    </row>
    <row r="289030" spans="14:14">
      <c r="N289030" s="10"/>
    </row>
    <row r="289031" spans="14:14">
      <c r="N289031" s="10"/>
    </row>
    <row r="289032" spans="14:14">
      <c r="N289032" s="10"/>
    </row>
    <row r="289033" spans="14:14">
      <c r="N289033" s="10"/>
    </row>
    <row r="289034" spans="14:14">
      <c r="N289034" s="10"/>
    </row>
    <row r="289035" spans="14:14">
      <c r="N289035" s="10"/>
    </row>
    <row r="289036" spans="14:14">
      <c r="N289036" s="10"/>
    </row>
    <row r="289037" spans="14:14">
      <c r="N289037" s="10"/>
    </row>
    <row r="289038" spans="14:14">
      <c r="N289038" s="10"/>
    </row>
    <row r="289039" spans="14:14">
      <c r="N289039" s="10"/>
    </row>
    <row r="289040" spans="14:14">
      <c r="N289040" s="10"/>
    </row>
    <row r="289041" spans="14:14">
      <c r="N289041" s="10"/>
    </row>
    <row r="289042" spans="14:14">
      <c r="N289042" s="10"/>
    </row>
    <row r="289043" spans="14:14">
      <c r="N289043" s="10"/>
    </row>
    <row r="289044" spans="14:14">
      <c r="N289044" s="10"/>
    </row>
    <row r="289045" spans="14:14">
      <c r="N289045" s="10"/>
    </row>
    <row r="289046" spans="14:14">
      <c r="N289046" s="10"/>
    </row>
    <row r="289047" spans="14:14">
      <c r="N289047" s="10"/>
    </row>
    <row r="289048" spans="14:14">
      <c r="N289048" s="10"/>
    </row>
    <row r="289049" spans="14:14">
      <c r="N289049" s="10"/>
    </row>
    <row r="289050" spans="14:14">
      <c r="N289050" s="10"/>
    </row>
    <row r="289051" spans="14:14">
      <c r="N289051" s="10"/>
    </row>
    <row r="289052" spans="14:14">
      <c r="N289052" s="10"/>
    </row>
    <row r="289053" spans="14:14">
      <c r="N289053" s="10"/>
    </row>
    <row r="289054" spans="14:14">
      <c r="N289054" s="10"/>
    </row>
    <row r="289055" spans="14:14">
      <c r="N289055" s="10"/>
    </row>
    <row r="289056" spans="14:14">
      <c r="N289056" s="10"/>
    </row>
    <row r="289057" spans="14:14">
      <c r="N289057" s="10"/>
    </row>
    <row r="289058" spans="14:14">
      <c r="N289058" s="10"/>
    </row>
    <row r="289059" spans="14:14">
      <c r="N289059" s="10"/>
    </row>
    <row r="289060" spans="14:14">
      <c r="N289060" s="10"/>
    </row>
    <row r="289061" spans="14:14">
      <c r="N289061" s="10"/>
    </row>
    <row r="289062" spans="14:14">
      <c r="N289062" s="10"/>
    </row>
    <row r="289063" spans="14:14">
      <c r="N289063" s="10"/>
    </row>
    <row r="289064" spans="14:14">
      <c r="N289064" s="10"/>
    </row>
    <row r="289065" spans="14:14">
      <c r="N289065" s="10"/>
    </row>
    <row r="289066" spans="14:14">
      <c r="N289066" s="10"/>
    </row>
    <row r="289067" spans="14:14">
      <c r="N289067" s="10"/>
    </row>
    <row r="289068" spans="14:14">
      <c r="N289068" s="10"/>
    </row>
    <row r="289069" spans="14:14">
      <c r="N289069" s="10"/>
    </row>
    <row r="289070" spans="14:14">
      <c r="N289070" s="10"/>
    </row>
    <row r="289071" spans="14:14">
      <c r="N289071" s="10"/>
    </row>
    <row r="289072" spans="14:14">
      <c r="N289072" s="10"/>
    </row>
    <row r="289073" spans="14:14">
      <c r="N289073" s="10"/>
    </row>
    <row r="289074" spans="14:14">
      <c r="N289074" s="10"/>
    </row>
    <row r="289075" spans="14:14">
      <c r="N289075" s="10"/>
    </row>
    <row r="289076" spans="14:14">
      <c r="N289076" s="10"/>
    </row>
    <row r="289077" spans="14:14">
      <c r="N289077" s="10"/>
    </row>
    <row r="289078" spans="14:14">
      <c r="N289078" s="10"/>
    </row>
    <row r="289079" spans="14:14">
      <c r="N289079" s="10"/>
    </row>
    <row r="289080" spans="14:14">
      <c r="N289080" s="10"/>
    </row>
    <row r="289081" spans="14:14">
      <c r="N289081" s="10"/>
    </row>
    <row r="289082" spans="14:14">
      <c r="N289082" s="10"/>
    </row>
    <row r="289083" spans="14:14">
      <c r="N289083" s="10"/>
    </row>
    <row r="289084" spans="14:14">
      <c r="N289084" s="10"/>
    </row>
    <row r="289085" spans="14:14">
      <c r="N289085" s="10"/>
    </row>
    <row r="289086" spans="14:14">
      <c r="N289086" s="10"/>
    </row>
    <row r="289087" spans="14:14">
      <c r="N289087" s="10"/>
    </row>
    <row r="289088" spans="14:14">
      <c r="N289088" s="10"/>
    </row>
    <row r="289089" spans="14:14">
      <c r="N289089" s="10"/>
    </row>
    <row r="289090" spans="14:14">
      <c r="N289090" s="10"/>
    </row>
    <row r="289091" spans="14:14">
      <c r="N289091" s="10"/>
    </row>
    <row r="289092" spans="14:14">
      <c r="N289092" s="10"/>
    </row>
    <row r="289093" spans="14:14">
      <c r="N289093" s="10"/>
    </row>
    <row r="289094" spans="14:14">
      <c r="N289094" s="10"/>
    </row>
    <row r="289095" spans="14:14">
      <c r="N289095" s="10"/>
    </row>
    <row r="289096" spans="14:14">
      <c r="N289096" s="10"/>
    </row>
    <row r="289097" spans="14:14">
      <c r="N289097" s="10"/>
    </row>
    <row r="289098" spans="14:14">
      <c r="N289098" s="10"/>
    </row>
    <row r="289099" spans="14:14">
      <c r="N289099" s="10"/>
    </row>
    <row r="289100" spans="14:14">
      <c r="N289100" s="10"/>
    </row>
    <row r="289101" spans="14:14">
      <c r="N289101" s="10"/>
    </row>
    <row r="289102" spans="14:14">
      <c r="N289102" s="10"/>
    </row>
    <row r="289103" spans="14:14">
      <c r="N289103" s="10"/>
    </row>
    <row r="289104" spans="14:14">
      <c r="N289104" s="10"/>
    </row>
    <row r="289105" spans="14:14">
      <c r="N289105" s="10"/>
    </row>
    <row r="289106" spans="14:14">
      <c r="N289106" s="10"/>
    </row>
    <row r="289107" spans="14:14">
      <c r="N289107" s="10"/>
    </row>
    <row r="289108" spans="14:14">
      <c r="N289108" s="10"/>
    </row>
    <row r="289109" spans="14:14">
      <c r="N289109" s="10"/>
    </row>
    <row r="289110" spans="14:14">
      <c r="N289110" s="10"/>
    </row>
    <row r="289111" spans="14:14">
      <c r="N289111" s="10"/>
    </row>
    <row r="289112" spans="14:14">
      <c r="N289112" s="10"/>
    </row>
    <row r="289113" spans="14:14">
      <c r="N289113" s="10"/>
    </row>
    <row r="289114" spans="14:14">
      <c r="N289114" s="10"/>
    </row>
    <row r="289115" spans="14:14">
      <c r="N289115" s="10"/>
    </row>
    <row r="289116" spans="14:14">
      <c r="N289116" s="10"/>
    </row>
    <row r="289117" spans="14:14">
      <c r="N289117" s="10"/>
    </row>
    <row r="289118" spans="14:14">
      <c r="N289118" s="10"/>
    </row>
    <row r="289119" spans="14:14">
      <c r="N289119" s="10"/>
    </row>
    <row r="289120" spans="14:14">
      <c r="N289120" s="10"/>
    </row>
    <row r="289121" spans="14:14">
      <c r="N289121" s="10"/>
    </row>
    <row r="289122" spans="14:14">
      <c r="N289122" s="10"/>
    </row>
    <row r="289123" spans="14:14">
      <c r="N289123" s="10"/>
    </row>
    <row r="289124" spans="14:14">
      <c r="N289124" s="10"/>
    </row>
    <row r="289125" spans="14:14">
      <c r="N289125" s="10"/>
    </row>
    <row r="289126" spans="14:14">
      <c r="N289126" s="10"/>
    </row>
    <row r="289127" spans="14:14">
      <c r="N289127" s="10"/>
    </row>
    <row r="289128" spans="14:14">
      <c r="N289128" s="10"/>
    </row>
    <row r="289129" spans="14:14">
      <c r="N289129" s="10"/>
    </row>
    <row r="289130" spans="14:14">
      <c r="N289130" s="10"/>
    </row>
    <row r="289131" spans="14:14">
      <c r="N289131" s="10"/>
    </row>
    <row r="289132" spans="14:14">
      <c r="N289132" s="10"/>
    </row>
    <row r="289133" spans="14:14">
      <c r="N289133" s="10"/>
    </row>
    <row r="289134" spans="14:14">
      <c r="N289134" s="10"/>
    </row>
    <row r="289135" spans="14:14">
      <c r="N289135" s="10"/>
    </row>
    <row r="289136" spans="14:14">
      <c r="N289136" s="10"/>
    </row>
    <row r="289137" spans="14:14">
      <c r="N289137" s="10"/>
    </row>
    <row r="289138" spans="14:14">
      <c r="N289138" s="10"/>
    </row>
    <row r="289139" spans="14:14">
      <c r="N289139" s="10"/>
    </row>
    <row r="289140" spans="14:14">
      <c r="N289140" s="10"/>
    </row>
    <row r="289141" spans="14:14">
      <c r="N289141" s="10"/>
    </row>
    <row r="289142" spans="14:14">
      <c r="N289142" s="10"/>
    </row>
    <row r="289143" spans="14:14">
      <c r="N289143" s="10"/>
    </row>
    <row r="289144" spans="14:14">
      <c r="N289144" s="10"/>
    </row>
    <row r="289145" spans="14:14">
      <c r="N289145" s="10"/>
    </row>
    <row r="289146" spans="14:14">
      <c r="N289146" s="10"/>
    </row>
    <row r="289147" spans="14:14">
      <c r="N289147" s="10"/>
    </row>
    <row r="289148" spans="14:14">
      <c r="N289148" s="10"/>
    </row>
    <row r="289149" spans="14:14">
      <c r="N289149" s="10"/>
    </row>
    <row r="289150" spans="14:14">
      <c r="N289150" s="10"/>
    </row>
    <row r="289151" spans="14:14">
      <c r="N289151" s="10"/>
    </row>
    <row r="289152" spans="14:14">
      <c r="N289152" s="10"/>
    </row>
    <row r="289153" spans="14:14">
      <c r="N289153" s="10"/>
    </row>
    <row r="289154" spans="14:14">
      <c r="N289154" s="10"/>
    </row>
    <row r="289155" spans="14:14">
      <c r="N289155" s="10"/>
    </row>
    <row r="289156" spans="14:14">
      <c r="N289156" s="10"/>
    </row>
    <row r="289157" spans="14:14">
      <c r="N289157" s="10"/>
    </row>
    <row r="289158" spans="14:14">
      <c r="N289158" s="10"/>
    </row>
    <row r="289159" spans="14:14">
      <c r="N289159" s="10"/>
    </row>
    <row r="289160" spans="14:14">
      <c r="N289160" s="10"/>
    </row>
    <row r="289161" spans="14:14">
      <c r="N289161" s="10"/>
    </row>
    <row r="289162" spans="14:14">
      <c r="N289162" s="10"/>
    </row>
    <row r="289163" spans="14:14">
      <c r="N289163" s="10"/>
    </row>
    <row r="289164" spans="14:14">
      <c r="N289164" s="10"/>
    </row>
    <row r="289165" spans="14:14">
      <c r="N289165" s="10"/>
    </row>
    <row r="289166" spans="14:14">
      <c r="N289166" s="10"/>
    </row>
    <row r="289167" spans="14:14">
      <c r="N289167" s="10"/>
    </row>
    <row r="289168" spans="14:14">
      <c r="N289168" s="10"/>
    </row>
    <row r="289169" spans="14:14">
      <c r="N289169" s="10"/>
    </row>
    <row r="289170" spans="14:14">
      <c r="N289170" s="10"/>
    </row>
    <row r="289171" spans="14:14">
      <c r="N289171" s="10"/>
    </row>
    <row r="289172" spans="14:14">
      <c r="N289172" s="10"/>
    </row>
    <row r="289173" spans="14:14">
      <c r="N289173" s="10"/>
    </row>
    <row r="289174" spans="14:14">
      <c r="N289174" s="10"/>
    </row>
    <row r="289175" spans="14:14">
      <c r="N289175" s="10"/>
    </row>
    <row r="289176" spans="14:14">
      <c r="N289176" s="10"/>
    </row>
    <row r="289177" spans="14:14">
      <c r="N289177" s="10"/>
    </row>
    <row r="289178" spans="14:14">
      <c r="N289178" s="10"/>
    </row>
    <row r="289179" spans="14:14">
      <c r="N289179" s="10"/>
    </row>
    <row r="289180" spans="14:14">
      <c r="N289180" s="10"/>
    </row>
    <row r="289181" spans="14:14">
      <c r="N289181" s="10"/>
    </row>
    <row r="289182" spans="14:14">
      <c r="N289182" s="10"/>
    </row>
    <row r="289183" spans="14:14">
      <c r="N289183" s="10"/>
    </row>
    <row r="289184" spans="14:14">
      <c r="N289184" s="10"/>
    </row>
    <row r="289185" spans="14:14">
      <c r="N289185" s="10"/>
    </row>
    <row r="289186" spans="14:14">
      <c r="N289186" s="10"/>
    </row>
    <row r="289187" spans="14:14">
      <c r="N289187" s="10"/>
    </row>
    <row r="289188" spans="14:14">
      <c r="N289188" s="10"/>
    </row>
    <row r="289189" spans="14:14">
      <c r="N289189" s="10"/>
    </row>
    <row r="289190" spans="14:14">
      <c r="N289190" s="10"/>
    </row>
    <row r="289191" spans="14:14">
      <c r="N289191" s="10"/>
    </row>
    <row r="289192" spans="14:14">
      <c r="N289192" s="10"/>
    </row>
    <row r="289193" spans="14:14">
      <c r="N289193" s="10"/>
    </row>
    <row r="289194" spans="14:14">
      <c r="N289194" s="10"/>
    </row>
    <row r="289195" spans="14:14">
      <c r="N289195" s="10"/>
    </row>
    <row r="289196" spans="14:14">
      <c r="N289196" s="10"/>
    </row>
    <row r="289197" spans="14:14">
      <c r="N289197" s="10"/>
    </row>
    <row r="289198" spans="14:14">
      <c r="N289198" s="10"/>
    </row>
    <row r="289199" spans="14:14">
      <c r="N289199" s="10"/>
    </row>
    <row r="289200" spans="14:14">
      <c r="N289200" s="10"/>
    </row>
    <row r="289201" spans="14:14">
      <c r="N289201" s="10"/>
    </row>
    <row r="289202" spans="14:14">
      <c r="N289202" s="10"/>
    </row>
    <row r="289203" spans="14:14">
      <c r="N289203" s="10"/>
    </row>
    <row r="289204" spans="14:14">
      <c r="N289204" s="10"/>
    </row>
    <row r="289205" spans="14:14">
      <c r="N289205" s="10"/>
    </row>
    <row r="289206" spans="14:14">
      <c r="N289206" s="10"/>
    </row>
    <row r="289207" spans="14:14">
      <c r="N289207" s="10"/>
    </row>
    <row r="289208" spans="14:14">
      <c r="N289208" s="10"/>
    </row>
    <row r="289209" spans="14:14">
      <c r="N289209" s="10"/>
    </row>
    <row r="289210" spans="14:14">
      <c r="N289210" s="10"/>
    </row>
    <row r="289211" spans="14:14">
      <c r="N289211" s="10"/>
    </row>
    <row r="289212" spans="14:14">
      <c r="N289212" s="10"/>
    </row>
    <row r="289213" spans="14:14">
      <c r="N289213" s="10"/>
    </row>
    <row r="289214" spans="14:14">
      <c r="N289214" s="10"/>
    </row>
    <row r="289215" spans="14:14">
      <c r="N289215" s="10"/>
    </row>
    <row r="289216" spans="14:14">
      <c r="N289216" s="10"/>
    </row>
    <row r="289217" spans="14:14">
      <c r="N289217" s="10"/>
    </row>
    <row r="289218" spans="14:14">
      <c r="N289218" s="10"/>
    </row>
    <row r="289219" spans="14:14">
      <c r="N289219" s="10"/>
    </row>
    <row r="289220" spans="14:14">
      <c r="N289220" s="10"/>
    </row>
    <row r="289221" spans="14:14">
      <c r="N289221" s="10"/>
    </row>
    <row r="289222" spans="14:14">
      <c r="N289222" s="10"/>
    </row>
    <row r="289223" spans="14:14">
      <c r="N289223" s="10"/>
    </row>
    <row r="289224" spans="14:14">
      <c r="N289224" s="10"/>
    </row>
    <row r="289225" spans="14:14">
      <c r="N289225" s="10"/>
    </row>
    <row r="289226" spans="14:14">
      <c r="N289226" s="10"/>
    </row>
    <row r="289227" spans="14:14">
      <c r="N289227" s="10"/>
    </row>
    <row r="289228" spans="14:14">
      <c r="N289228" s="10"/>
    </row>
    <row r="289229" spans="14:14">
      <c r="N289229" s="10"/>
    </row>
    <row r="289230" spans="14:14">
      <c r="N289230" s="10"/>
    </row>
    <row r="289231" spans="14:14">
      <c r="N289231" s="10"/>
    </row>
    <row r="289232" spans="14:14">
      <c r="N289232" s="10"/>
    </row>
    <row r="289233" spans="14:14">
      <c r="N289233" s="10"/>
    </row>
    <row r="289234" spans="14:14">
      <c r="N289234" s="10"/>
    </row>
    <row r="289235" spans="14:14">
      <c r="N289235" s="10"/>
    </row>
    <row r="289236" spans="14:14">
      <c r="N289236" s="10"/>
    </row>
    <row r="289237" spans="14:14">
      <c r="N289237" s="10"/>
    </row>
    <row r="289238" spans="14:14">
      <c r="N289238" s="10"/>
    </row>
    <row r="289239" spans="14:14">
      <c r="N289239" s="10"/>
    </row>
    <row r="289240" spans="14:14">
      <c r="N289240" s="10"/>
    </row>
    <row r="289241" spans="14:14">
      <c r="N289241" s="10"/>
    </row>
    <row r="289242" spans="14:14">
      <c r="N289242" s="10"/>
    </row>
    <row r="289243" spans="14:14">
      <c r="N289243" s="10"/>
    </row>
    <row r="289244" spans="14:14">
      <c r="N289244" s="10"/>
    </row>
    <row r="289245" spans="14:14">
      <c r="N289245" s="10"/>
    </row>
    <row r="289246" spans="14:14">
      <c r="N289246" s="10"/>
    </row>
    <row r="289247" spans="14:14">
      <c r="N289247" s="10"/>
    </row>
    <row r="289248" spans="14:14">
      <c r="N289248" s="10"/>
    </row>
    <row r="289249" spans="14:14">
      <c r="N289249" s="10"/>
    </row>
    <row r="289250" spans="14:14">
      <c r="N289250" s="10"/>
    </row>
    <row r="289251" spans="14:14">
      <c r="N289251" s="10"/>
    </row>
    <row r="289252" spans="14:14">
      <c r="N289252" s="10"/>
    </row>
    <row r="289253" spans="14:14">
      <c r="N289253" s="10"/>
    </row>
    <row r="289254" spans="14:14">
      <c r="N289254" s="10"/>
    </row>
    <row r="289255" spans="14:14">
      <c r="N289255" s="10"/>
    </row>
    <row r="289256" spans="14:14">
      <c r="N289256" s="10"/>
    </row>
    <row r="289257" spans="14:14">
      <c r="N289257" s="10"/>
    </row>
    <row r="289258" spans="14:14">
      <c r="N289258" s="10"/>
    </row>
    <row r="289259" spans="14:14">
      <c r="N289259" s="10"/>
    </row>
    <row r="289260" spans="14:14">
      <c r="N289260" s="10"/>
    </row>
    <row r="289261" spans="14:14">
      <c r="N289261" s="10"/>
    </row>
    <row r="289262" spans="14:14">
      <c r="N289262" s="10"/>
    </row>
    <row r="289263" spans="14:14">
      <c r="N289263" s="10"/>
    </row>
    <row r="289264" spans="14:14">
      <c r="N289264" s="10"/>
    </row>
    <row r="289265" spans="14:14">
      <c r="N289265" s="10"/>
    </row>
    <row r="289266" spans="14:14">
      <c r="N289266" s="10"/>
    </row>
    <row r="289267" spans="14:14">
      <c r="N289267" s="10"/>
    </row>
    <row r="289268" spans="14:14">
      <c r="N289268" s="10"/>
    </row>
    <row r="289269" spans="14:14">
      <c r="N289269" s="10"/>
    </row>
    <row r="289270" spans="14:14">
      <c r="N289270" s="10"/>
    </row>
    <row r="289271" spans="14:14">
      <c r="N289271" s="10"/>
    </row>
    <row r="289272" spans="14:14">
      <c r="N289272" s="10"/>
    </row>
    <row r="289273" spans="14:14">
      <c r="N289273" s="10"/>
    </row>
    <row r="289274" spans="14:14">
      <c r="N289274" s="10"/>
    </row>
    <row r="289275" spans="14:14">
      <c r="N289275" s="10"/>
    </row>
    <row r="289276" spans="14:14">
      <c r="N289276" s="10"/>
    </row>
    <row r="289277" spans="14:14">
      <c r="N289277" s="10"/>
    </row>
    <row r="289278" spans="14:14">
      <c r="N289278" s="10"/>
    </row>
    <row r="289279" spans="14:14">
      <c r="N289279" s="10"/>
    </row>
    <row r="289280" spans="14:14">
      <c r="N289280" s="10"/>
    </row>
    <row r="289281" spans="14:14">
      <c r="N289281" s="10"/>
    </row>
    <row r="289282" spans="14:14">
      <c r="N289282" s="10"/>
    </row>
    <row r="289283" spans="14:14">
      <c r="N289283" s="10"/>
    </row>
    <row r="289284" spans="14:14">
      <c r="N289284" s="10"/>
    </row>
    <row r="289285" spans="14:14">
      <c r="N289285" s="10"/>
    </row>
    <row r="289286" spans="14:14">
      <c r="N289286" s="10"/>
    </row>
    <row r="289287" spans="14:14">
      <c r="N289287" s="10"/>
    </row>
    <row r="289288" spans="14:14">
      <c r="N289288" s="10"/>
    </row>
    <row r="289289" spans="14:14">
      <c r="N289289" s="10"/>
    </row>
    <row r="289290" spans="14:14">
      <c r="N289290" s="10"/>
    </row>
    <row r="289291" spans="14:14">
      <c r="N289291" s="10"/>
    </row>
    <row r="289292" spans="14:14">
      <c r="N289292" s="10"/>
    </row>
    <row r="289293" spans="14:14">
      <c r="N289293" s="10"/>
    </row>
    <row r="289294" spans="14:14">
      <c r="N289294" s="10"/>
    </row>
    <row r="289295" spans="14:14">
      <c r="N289295" s="10"/>
    </row>
    <row r="289296" spans="14:14">
      <c r="N289296" s="10"/>
    </row>
    <row r="289297" spans="14:14">
      <c r="N289297" s="10"/>
    </row>
    <row r="289298" spans="14:14">
      <c r="N289298" s="10"/>
    </row>
    <row r="289299" spans="14:14">
      <c r="N289299" s="10"/>
    </row>
    <row r="289300" spans="14:14">
      <c r="N289300" s="10"/>
    </row>
    <row r="289301" spans="14:14">
      <c r="N289301" s="10"/>
    </row>
    <row r="289302" spans="14:14">
      <c r="N289302" s="10"/>
    </row>
    <row r="289303" spans="14:14">
      <c r="N289303" s="10"/>
    </row>
    <row r="289304" spans="14:14">
      <c r="N289304" s="10"/>
    </row>
    <row r="289305" spans="14:14">
      <c r="N289305" s="10"/>
    </row>
    <row r="289306" spans="14:14">
      <c r="N289306" s="10"/>
    </row>
    <row r="289307" spans="14:14">
      <c r="N289307" s="10"/>
    </row>
    <row r="289308" spans="14:14">
      <c r="N289308" s="10"/>
    </row>
    <row r="289309" spans="14:14">
      <c r="N289309" s="10"/>
    </row>
    <row r="289310" spans="14:14">
      <c r="N289310" s="10"/>
    </row>
    <row r="289311" spans="14:14">
      <c r="N289311" s="10"/>
    </row>
    <row r="289312" spans="14:14">
      <c r="N289312" s="10"/>
    </row>
    <row r="289313" spans="14:14">
      <c r="N289313" s="10"/>
    </row>
    <row r="289314" spans="14:14">
      <c r="N289314" s="10"/>
    </row>
    <row r="289315" spans="14:14">
      <c r="N289315" s="10"/>
    </row>
    <row r="289316" spans="14:14">
      <c r="N289316" s="10"/>
    </row>
    <row r="289317" spans="14:14">
      <c r="N289317" s="10"/>
    </row>
    <row r="289318" spans="14:14">
      <c r="N289318" s="10"/>
    </row>
    <row r="289319" spans="14:14">
      <c r="N289319" s="10"/>
    </row>
    <row r="289320" spans="14:14">
      <c r="N289320" s="10"/>
    </row>
    <row r="289321" spans="14:14">
      <c r="N289321" s="10"/>
    </row>
    <row r="289322" spans="14:14">
      <c r="N289322" s="10"/>
    </row>
    <row r="289323" spans="14:14">
      <c r="N289323" s="10"/>
    </row>
    <row r="289324" spans="14:14">
      <c r="N289324" s="10"/>
    </row>
    <row r="289325" spans="14:14">
      <c r="N289325" s="10"/>
    </row>
    <row r="289326" spans="14:14">
      <c r="N289326" s="10"/>
    </row>
    <row r="289327" spans="14:14">
      <c r="N289327" s="10"/>
    </row>
    <row r="289328" spans="14:14">
      <c r="N289328" s="10"/>
    </row>
    <row r="289329" spans="14:14">
      <c r="N289329" s="10"/>
    </row>
    <row r="289330" spans="14:14">
      <c r="N289330" s="10"/>
    </row>
    <row r="289331" spans="14:14">
      <c r="N289331" s="10"/>
    </row>
    <row r="289332" spans="14:14">
      <c r="N289332" s="10"/>
    </row>
    <row r="289333" spans="14:14">
      <c r="N289333" s="10"/>
    </row>
    <row r="289334" spans="14:14">
      <c r="N289334" s="10"/>
    </row>
    <row r="289335" spans="14:14">
      <c r="N289335" s="10"/>
    </row>
    <row r="289336" spans="14:14">
      <c r="N289336" s="10"/>
    </row>
    <row r="289337" spans="14:14">
      <c r="N289337" s="10"/>
    </row>
    <row r="289338" spans="14:14">
      <c r="N289338" s="10"/>
    </row>
    <row r="289339" spans="14:14">
      <c r="N289339" s="10"/>
    </row>
    <row r="289340" spans="14:14">
      <c r="N289340" s="10"/>
    </row>
    <row r="289341" spans="14:14">
      <c r="N289341" s="10"/>
    </row>
    <row r="289342" spans="14:14">
      <c r="N289342" s="10"/>
    </row>
    <row r="289343" spans="14:14">
      <c r="N289343" s="10"/>
    </row>
    <row r="289344" spans="14:14">
      <c r="N289344" s="10"/>
    </row>
    <row r="289345" spans="14:14">
      <c r="N289345" s="10"/>
    </row>
    <row r="289346" spans="14:14">
      <c r="N289346" s="10"/>
    </row>
    <row r="289347" spans="14:14">
      <c r="N289347" s="10"/>
    </row>
    <row r="289348" spans="14:14">
      <c r="N289348" s="10"/>
    </row>
    <row r="289349" spans="14:14">
      <c r="N289349" s="10"/>
    </row>
    <row r="289350" spans="14:14">
      <c r="N289350" s="10"/>
    </row>
    <row r="289351" spans="14:14">
      <c r="N289351" s="10"/>
    </row>
    <row r="289352" spans="14:14">
      <c r="N289352" s="10"/>
    </row>
    <row r="289353" spans="14:14">
      <c r="N289353" s="10"/>
    </row>
    <row r="289354" spans="14:14">
      <c r="N289354" s="10"/>
    </row>
    <row r="289355" spans="14:14">
      <c r="N289355" s="10"/>
    </row>
    <row r="289356" spans="14:14">
      <c r="N289356" s="10"/>
    </row>
    <row r="289357" spans="14:14">
      <c r="N289357" s="10"/>
    </row>
    <row r="289358" spans="14:14">
      <c r="N289358" s="10"/>
    </row>
    <row r="289359" spans="14:14">
      <c r="N289359" s="10"/>
    </row>
    <row r="289360" spans="14:14">
      <c r="N289360" s="10"/>
    </row>
    <row r="289361" spans="14:14">
      <c r="N289361" s="10"/>
    </row>
    <row r="289362" spans="14:14">
      <c r="N289362" s="10"/>
    </row>
    <row r="289363" spans="14:14">
      <c r="N289363" s="10"/>
    </row>
    <row r="289364" spans="14:14">
      <c r="N289364" s="10"/>
    </row>
    <row r="289365" spans="14:14">
      <c r="N289365" s="10"/>
    </row>
    <row r="289366" spans="14:14">
      <c r="N289366" s="10"/>
    </row>
    <row r="289367" spans="14:14">
      <c r="N289367" s="10"/>
    </row>
    <row r="289368" spans="14:14">
      <c r="N289368" s="10"/>
    </row>
    <row r="289369" spans="14:14">
      <c r="N289369" s="10"/>
    </row>
    <row r="289370" spans="14:14">
      <c r="N289370" s="10"/>
    </row>
    <row r="289371" spans="14:14">
      <c r="N289371" s="10"/>
    </row>
    <row r="289372" spans="14:14">
      <c r="N289372" s="10"/>
    </row>
    <row r="289373" spans="14:14">
      <c r="N289373" s="10"/>
    </row>
    <row r="289374" spans="14:14">
      <c r="N289374" s="10"/>
    </row>
    <row r="289375" spans="14:14">
      <c r="N289375" s="10"/>
    </row>
    <row r="289376" spans="14:14">
      <c r="N289376" s="10"/>
    </row>
    <row r="289377" spans="14:14">
      <c r="N289377" s="10"/>
    </row>
    <row r="289378" spans="14:14">
      <c r="N289378" s="10"/>
    </row>
    <row r="289379" spans="14:14">
      <c r="N289379" s="10"/>
    </row>
    <row r="289380" spans="14:14">
      <c r="N289380" s="10"/>
    </row>
    <row r="289381" spans="14:14">
      <c r="N289381" s="10"/>
    </row>
    <row r="289382" spans="14:14">
      <c r="N289382" s="10"/>
    </row>
    <row r="289383" spans="14:14">
      <c r="N289383" s="10"/>
    </row>
    <row r="289384" spans="14:14">
      <c r="N289384" s="10"/>
    </row>
    <row r="289385" spans="14:14">
      <c r="N289385" s="10"/>
    </row>
    <row r="289386" spans="14:14">
      <c r="N289386" s="10"/>
    </row>
    <row r="289387" spans="14:14">
      <c r="N289387" s="10"/>
    </row>
    <row r="289388" spans="14:14">
      <c r="N289388" s="10"/>
    </row>
    <row r="289389" spans="14:14">
      <c r="N289389" s="10"/>
    </row>
    <row r="289390" spans="14:14">
      <c r="N289390" s="10"/>
    </row>
    <row r="289391" spans="14:14">
      <c r="N289391" s="10"/>
    </row>
    <row r="289392" spans="14:14">
      <c r="N289392" s="10"/>
    </row>
    <row r="289393" spans="14:14">
      <c r="N289393" s="10"/>
    </row>
    <row r="289394" spans="14:14">
      <c r="N289394" s="10"/>
    </row>
    <row r="289395" spans="14:14">
      <c r="N289395" s="10"/>
    </row>
    <row r="289396" spans="14:14">
      <c r="N289396" s="10"/>
    </row>
    <row r="289397" spans="14:14">
      <c r="N289397" s="10"/>
    </row>
    <row r="289398" spans="14:14">
      <c r="N289398" s="10"/>
    </row>
    <row r="289399" spans="14:14">
      <c r="N289399" s="10"/>
    </row>
    <row r="289400" spans="14:14">
      <c r="N289400" s="10"/>
    </row>
    <row r="289401" spans="14:14">
      <c r="N289401" s="10"/>
    </row>
    <row r="289402" spans="14:14">
      <c r="N289402" s="10"/>
    </row>
    <row r="289403" spans="14:14">
      <c r="N289403" s="10"/>
    </row>
    <row r="289404" spans="14:14">
      <c r="N289404" s="10"/>
    </row>
    <row r="289405" spans="14:14">
      <c r="N289405" s="10"/>
    </row>
    <row r="289406" spans="14:14">
      <c r="N289406" s="10"/>
    </row>
    <row r="289407" spans="14:14">
      <c r="N289407" s="10"/>
    </row>
    <row r="289408" spans="14:14">
      <c r="N289408" s="10"/>
    </row>
    <row r="289409" spans="14:14">
      <c r="N289409" s="10"/>
    </row>
    <row r="289410" spans="14:14">
      <c r="N289410" s="10"/>
    </row>
    <row r="289411" spans="14:14">
      <c r="N289411" s="10"/>
    </row>
    <row r="289412" spans="14:14">
      <c r="N289412" s="10"/>
    </row>
    <row r="289413" spans="14:14">
      <c r="N289413" s="10"/>
    </row>
    <row r="289414" spans="14:14">
      <c r="N289414" s="10"/>
    </row>
    <row r="289415" spans="14:14">
      <c r="N289415" s="10"/>
    </row>
    <row r="289416" spans="14:14">
      <c r="N289416" s="10"/>
    </row>
    <row r="289417" spans="14:14">
      <c r="N289417" s="10"/>
    </row>
    <row r="289418" spans="14:14">
      <c r="N289418" s="10"/>
    </row>
    <row r="289419" spans="14:14">
      <c r="N289419" s="10"/>
    </row>
    <row r="289420" spans="14:14">
      <c r="N289420" s="10"/>
    </row>
    <row r="289421" spans="14:14">
      <c r="N289421" s="10"/>
    </row>
    <row r="289422" spans="14:14">
      <c r="N289422" s="10"/>
    </row>
    <row r="289423" spans="14:14">
      <c r="N289423" s="10"/>
    </row>
    <row r="289424" spans="14:14">
      <c r="N289424" s="10"/>
    </row>
    <row r="289425" spans="14:14">
      <c r="N289425" s="10"/>
    </row>
    <row r="289426" spans="14:14">
      <c r="N289426" s="10"/>
    </row>
    <row r="289427" spans="14:14">
      <c r="N289427" s="10"/>
    </row>
    <row r="289428" spans="14:14">
      <c r="N289428" s="10"/>
    </row>
    <row r="289429" spans="14:14">
      <c r="N289429" s="10"/>
    </row>
    <row r="289430" spans="14:14">
      <c r="N289430" s="10"/>
    </row>
    <row r="289431" spans="14:14">
      <c r="N289431" s="10"/>
    </row>
    <row r="289432" spans="14:14">
      <c r="N289432" s="10"/>
    </row>
    <row r="289433" spans="14:14">
      <c r="N289433" s="10"/>
    </row>
    <row r="289434" spans="14:14">
      <c r="N289434" s="10"/>
    </row>
    <row r="289435" spans="14:14">
      <c r="N289435" s="10"/>
    </row>
    <row r="289436" spans="14:14">
      <c r="N289436" s="10"/>
    </row>
    <row r="289437" spans="14:14">
      <c r="N289437" s="10"/>
    </row>
    <row r="289438" spans="14:14">
      <c r="N289438" s="10"/>
    </row>
    <row r="289439" spans="14:14">
      <c r="N289439" s="10"/>
    </row>
    <row r="289440" spans="14:14">
      <c r="N289440" s="10"/>
    </row>
    <row r="289441" spans="14:14">
      <c r="N289441" s="10"/>
    </row>
    <row r="289442" spans="14:14">
      <c r="N289442" s="10"/>
    </row>
    <row r="289443" spans="14:14">
      <c r="N289443" s="10"/>
    </row>
    <row r="289444" spans="14:14">
      <c r="N289444" s="10"/>
    </row>
    <row r="289445" spans="14:14">
      <c r="N289445" s="10"/>
    </row>
    <row r="289446" spans="14:14">
      <c r="N289446" s="10"/>
    </row>
    <row r="289447" spans="14:14">
      <c r="N289447" s="10"/>
    </row>
    <row r="289448" spans="14:14">
      <c r="N289448" s="10"/>
    </row>
    <row r="289449" spans="14:14">
      <c r="N289449" s="10"/>
    </row>
    <row r="289450" spans="14:14">
      <c r="N289450" s="10"/>
    </row>
    <row r="289451" spans="14:14">
      <c r="N289451" s="10"/>
    </row>
    <row r="289452" spans="14:14">
      <c r="N289452" s="10"/>
    </row>
    <row r="289453" spans="14:14">
      <c r="N289453" s="10"/>
    </row>
    <row r="289454" spans="14:14">
      <c r="N289454" s="10"/>
    </row>
    <row r="289455" spans="14:14">
      <c r="N289455" s="10"/>
    </row>
    <row r="289456" spans="14:14">
      <c r="N289456" s="10"/>
    </row>
    <row r="289457" spans="14:14">
      <c r="N289457" s="10"/>
    </row>
    <row r="289458" spans="14:14">
      <c r="N289458" s="10"/>
    </row>
    <row r="289459" spans="14:14">
      <c r="N289459" s="10"/>
    </row>
    <row r="289460" spans="14:14">
      <c r="N289460" s="10"/>
    </row>
    <row r="289461" spans="14:14">
      <c r="N289461" s="10"/>
    </row>
    <row r="289462" spans="14:14">
      <c r="N289462" s="10"/>
    </row>
    <row r="289463" spans="14:14">
      <c r="N289463" s="10"/>
    </row>
    <row r="289464" spans="14:14">
      <c r="N289464" s="10"/>
    </row>
    <row r="289465" spans="14:14">
      <c r="N289465" s="10"/>
    </row>
    <row r="289466" spans="14:14">
      <c r="N289466" s="10"/>
    </row>
    <row r="289467" spans="14:14">
      <c r="N289467" s="10"/>
    </row>
    <row r="289468" spans="14:14">
      <c r="N289468" s="10"/>
    </row>
    <row r="289469" spans="14:14">
      <c r="N289469" s="10"/>
    </row>
    <row r="289470" spans="14:14">
      <c r="N289470" s="10"/>
    </row>
    <row r="289471" spans="14:14">
      <c r="N289471" s="10"/>
    </row>
    <row r="289472" spans="14:14">
      <c r="N289472" s="10"/>
    </row>
    <row r="289473" spans="14:14">
      <c r="N289473" s="10"/>
    </row>
    <row r="289474" spans="14:14">
      <c r="N289474" s="10"/>
    </row>
    <row r="289475" spans="14:14">
      <c r="N289475" s="10"/>
    </row>
    <row r="289476" spans="14:14">
      <c r="N289476" s="10"/>
    </row>
    <row r="289477" spans="14:14">
      <c r="N289477" s="10"/>
    </row>
    <row r="289478" spans="14:14">
      <c r="N289478" s="10"/>
    </row>
    <row r="289479" spans="14:14">
      <c r="N289479" s="10"/>
    </row>
    <row r="289480" spans="14:14">
      <c r="N289480" s="10"/>
    </row>
    <row r="289481" spans="14:14">
      <c r="N289481" s="10"/>
    </row>
    <row r="289482" spans="14:14">
      <c r="N289482" s="10"/>
    </row>
    <row r="289483" spans="14:14">
      <c r="N289483" s="10"/>
    </row>
    <row r="289484" spans="14:14">
      <c r="N289484" s="10"/>
    </row>
    <row r="289485" spans="14:14">
      <c r="N289485" s="10"/>
    </row>
    <row r="289486" spans="14:14">
      <c r="N289486" s="10"/>
    </row>
    <row r="289487" spans="14:14">
      <c r="N289487" s="10"/>
    </row>
    <row r="289488" spans="14:14">
      <c r="N289488" s="10"/>
    </row>
    <row r="289489" spans="14:14">
      <c r="N289489" s="10"/>
    </row>
    <row r="289490" spans="14:14">
      <c r="N289490" s="10"/>
    </row>
    <row r="289491" spans="14:14">
      <c r="N289491" s="10"/>
    </row>
    <row r="289492" spans="14:14">
      <c r="N289492" s="10"/>
    </row>
    <row r="289493" spans="14:14">
      <c r="N289493" s="10"/>
    </row>
    <row r="289494" spans="14:14">
      <c r="N289494" s="10"/>
    </row>
    <row r="289495" spans="14:14">
      <c r="N289495" s="10"/>
    </row>
    <row r="289496" spans="14:14">
      <c r="N289496" s="10"/>
    </row>
    <row r="289497" spans="14:14">
      <c r="N289497" s="10"/>
    </row>
    <row r="289498" spans="14:14">
      <c r="N289498" s="10"/>
    </row>
    <row r="289499" spans="14:14">
      <c r="N289499" s="10"/>
    </row>
    <row r="289500" spans="14:14">
      <c r="N289500" s="10"/>
    </row>
    <row r="289501" spans="14:14">
      <c r="N289501" s="10"/>
    </row>
    <row r="289502" spans="14:14">
      <c r="N289502" s="10"/>
    </row>
    <row r="289503" spans="14:14">
      <c r="N289503" s="10"/>
    </row>
    <row r="289504" spans="14:14">
      <c r="N289504" s="10"/>
    </row>
    <row r="289505" spans="14:14">
      <c r="N289505" s="10"/>
    </row>
    <row r="289506" spans="14:14">
      <c r="N289506" s="10"/>
    </row>
    <row r="289507" spans="14:14">
      <c r="N289507" s="10"/>
    </row>
    <row r="289508" spans="14:14">
      <c r="N289508" s="10"/>
    </row>
    <row r="289509" spans="14:14">
      <c r="N289509" s="10"/>
    </row>
    <row r="289510" spans="14:14">
      <c r="N289510" s="10"/>
    </row>
    <row r="289511" spans="14:14">
      <c r="N289511" s="10"/>
    </row>
    <row r="289512" spans="14:14">
      <c r="N289512" s="10"/>
    </row>
    <row r="289513" spans="14:14">
      <c r="N289513" s="10"/>
    </row>
    <row r="289514" spans="14:14">
      <c r="N289514" s="10"/>
    </row>
    <row r="289515" spans="14:14">
      <c r="N289515" s="10"/>
    </row>
    <row r="289516" spans="14:14">
      <c r="N289516" s="10"/>
    </row>
    <row r="289517" spans="14:14">
      <c r="N289517" s="10"/>
    </row>
    <row r="289518" spans="14:14">
      <c r="N289518" s="10"/>
    </row>
    <row r="289519" spans="14:14">
      <c r="N289519" s="10"/>
    </row>
    <row r="289520" spans="14:14">
      <c r="N289520" s="10"/>
    </row>
    <row r="289521" spans="14:14">
      <c r="N289521" s="10"/>
    </row>
    <row r="289522" spans="14:14">
      <c r="N289522" s="10"/>
    </row>
    <row r="289523" spans="14:14">
      <c r="N289523" s="10"/>
    </row>
    <row r="289524" spans="14:14">
      <c r="N289524" s="10"/>
    </row>
    <row r="289525" spans="14:14">
      <c r="N289525" s="10"/>
    </row>
    <row r="289526" spans="14:14">
      <c r="N289526" s="10"/>
    </row>
    <row r="289527" spans="14:14">
      <c r="N289527" s="10"/>
    </row>
    <row r="289528" spans="14:14">
      <c r="N289528" s="10"/>
    </row>
    <row r="289529" spans="14:14">
      <c r="N289529" s="10"/>
    </row>
    <row r="289530" spans="14:14">
      <c r="N289530" s="10"/>
    </row>
    <row r="289531" spans="14:14">
      <c r="N289531" s="10"/>
    </row>
    <row r="289532" spans="14:14">
      <c r="N289532" s="10"/>
    </row>
    <row r="289533" spans="14:14">
      <c r="N289533" s="10"/>
    </row>
    <row r="289534" spans="14:14">
      <c r="N289534" s="10"/>
    </row>
    <row r="289535" spans="14:14">
      <c r="N289535" s="10"/>
    </row>
    <row r="289536" spans="14:14">
      <c r="N289536" s="10"/>
    </row>
    <row r="289537" spans="14:14">
      <c r="N289537" s="10"/>
    </row>
    <row r="289538" spans="14:14">
      <c r="N289538" s="10"/>
    </row>
    <row r="289539" spans="14:14">
      <c r="N289539" s="10"/>
    </row>
    <row r="289540" spans="14:14">
      <c r="N289540" s="10"/>
    </row>
    <row r="289541" spans="14:14">
      <c r="N289541" s="10"/>
    </row>
    <row r="289542" spans="14:14">
      <c r="N289542" s="10"/>
    </row>
    <row r="289543" spans="14:14">
      <c r="N289543" s="10"/>
    </row>
    <row r="289544" spans="14:14">
      <c r="N289544" s="10"/>
    </row>
    <row r="289545" spans="14:14">
      <c r="N289545" s="10"/>
    </row>
    <row r="289546" spans="14:14">
      <c r="N289546" s="10"/>
    </row>
    <row r="289547" spans="14:14">
      <c r="N289547" s="10"/>
    </row>
    <row r="289548" spans="14:14">
      <c r="N289548" s="10"/>
    </row>
    <row r="289549" spans="14:14">
      <c r="N289549" s="10"/>
    </row>
    <row r="289550" spans="14:14">
      <c r="N289550" s="10"/>
    </row>
    <row r="289551" spans="14:14">
      <c r="N289551" s="10"/>
    </row>
    <row r="289552" spans="14:14">
      <c r="N289552" s="10"/>
    </row>
    <row r="289553" spans="14:14">
      <c r="N289553" s="10"/>
    </row>
    <row r="289554" spans="14:14">
      <c r="N289554" s="10"/>
    </row>
    <row r="289555" spans="14:14">
      <c r="N289555" s="10"/>
    </row>
    <row r="289556" spans="14:14">
      <c r="N289556" s="10"/>
    </row>
    <row r="289557" spans="14:14">
      <c r="N289557" s="10"/>
    </row>
    <row r="289558" spans="14:14">
      <c r="N289558" s="10"/>
    </row>
    <row r="289559" spans="14:14">
      <c r="N289559" s="10"/>
    </row>
    <row r="289560" spans="14:14">
      <c r="N289560" s="10"/>
    </row>
    <row r="289561" spans="14:14">
      <c r="N289561" s="10"/>
    </row>
    <row r="289562" spans="14:14">
      <c r="N289562" s="10"/>
    </row>
    <row r="289563" spans="14:14">
      <c r="N289563" s="10"/>
    </row>
    <row r="289564" spans="14:14">
      <c r="N289564" s="10"/>
    </row>
    <row r="289565" spans="14:14">
      <c r="N289565" s="10"/>
    </row>
    <row r="289566" spans="14:14">
      <c r="N289566" s="10"/>
    </row>
    <row r="289567" spans="14:14">
      <c r="N289567" s="10"/>
    </row>
    <row r="289568" spans="14:14">
      <c r="N289568" s="10"/>
    </row>
    <row r="289569" spans="14:14">
      <c r="N289569" s="10"/>
    </row>
    <row r="289570" spans="14:14">
      <c r="N289570" s="10"/>
    </row>
    <row r="289571" spans="14:14">
      <c r="N289571" s="10"/>
    </row>
    <row r="289572" spans="14:14">
      <c r="N289572" s="10"/>
    </row>
    <row r="289573" spans="14:14">
      <c r="N289573" s="10"/>
    </row>
    <row r="289574" spans="14:14">
      <c r="N289574" s="10"/>
    </row>
    <row r="289575" spans="14:14">
      <c r="N289575" s="10"/>
    </row>
    <row r="289576" spans="14:14">
      <c r="N289576" s="10"/>
    </row>
    <row r="289577" spans="14:14">
      <c r="N289577" s="10"/>
    </row>
    <row r="289578" spans="14:14">
      <c r="N289578" s="10"/>
    </row>
    <row r="289579" spans="14:14">
      <c r="N289579" s="10"/>
    </row>
    <row r="289580" spans="14:14">
      <c r="N289580" s="10"/>
    </row>
    <row r="289581" spans="14:14">
      <c r="N289581" s="10"/>
    </row>
    <row r="289582" spans="14:14">
      <c r="N289582" s="10"/>
    </row>
    <row r="289583" spans="14:14">
      <c r="N289583" s="10"/>
    </row>
    <row r="289584" spans="14:14">
      <c r="N289584" s="10"/>
    </row>
    <row r="289585" spans="14:14">
      <c r="N289585" s="10"/>
    </row>
    <row r="289586" spans="14:14">
      <c r="N289586" s="10"/>
    </row>
    <row r="289587" spans="14:14">
      <c r="N289587" s="10"/>
    </row>
    <row r="289588" spans="14:14">
      <c r="N289588" s="10"/>
    </row>
    <row r="289589" spans="14:14">
      <c r="N289589" s="10"/>
    </row>
    <row r="289590" spans="14:14">
      <c r="N289590" s="10"/>
    </row>
    <row r="289591" spans="14:14">
      <c r="N289591" s="10"/>
    </row>
    <row r="289592" spans="14:14">
      <c r="N289592" s="10"/>
    </row>
    <row r="289593" spans="14:14">
      <c r="N289593" s="10"/>
    </row>
    <row r="289594" spans="14:14">
      <c r="N289594" s="10"/>
    </row>
    <row r="289595" spans="14:14">
      <c r="N289595" s="10"/>
    </row>
    <row r="289596" spans="14:14">
      <c r="N289596" s="10"/>
    </row>
    <row r="289597" spans="14:14">
      <c r="N289597" s="10"/>
    </row>
    <row r="289598" spans="14:14">
      <c r="N289598" s="10"/>
    </row>
    <row r="289599" spans="14:14">
      <c r="N289599" s="10"/>
    </row>
    <row r="289600" spans="14:14">
      <c r="N289600" s="10"/>
    </row>
    <row r="289601" spans="14:14">
      <c r="N289601" s="10"/>
    </row>
    <row r="289602" spans="14:14">
      <c r="N289602" s="10"/>
    </row>
    <row r="289603" spans="14:14">
      <c r="N289603" s="10"/>
    </row>
    <row r="289604" spans="14:14">
      <c r="N289604" s="10"/>
    </row>
    <row r="289605" spans="14:14">
      <c r="N289605" s="10"/>
    </row>
    <row r="289606" spans="14:14">
      <c r="N289606" s="10"/>
    </row>
    <row r="289607" spans="14:14">
      <c r="N289607" s="10"/>
    </row>
    <row r="289608" spans="14:14">
      <c r="N289608" s="10"/>
    </row>
    <row r="289609" spans="14:14">
      <c r="N289609" s="10"/>
    </row>
    <row r="289610" spans="14:14">
      <c r="N289610" s="10"/>
    </row>
    <row r="289611" spans="14:14">
      <c r="N289611" s="10"/>
    </row>
    <row r="289612" spans="14:14">
      <c r="N289612" s="10"/>
    </row>
    <row r="289613" spans="14:14">
      <c r="N289613" s="10"/>
    </row>
    <row r="289614" spans="14:14">
      <c r="N289614" s="10"/>
    </row>
    <row r="289615" spans="14:14">
      <c r="N289615" s="10"/>
    </row>
    <row r="289616" spans="14:14">
      <c r="N289616" s="10"/>
    </row>
    <row r="289617" spans="14:14">
      <c r="N289617" s="10"/>
    </row>
    <row r="289618" spans="14:14">
      <c r="N289618" s="10"/>
    </row>
    <row r="289619" spans="14:14">
      <c r="N289619" s="10"/>
    </row>
    <row r="289620" spans="14:14">
      <c r="N289620" s="10"/>
    </row>
    <row r="289621" spans="14:14">
      <c r="N289621" s="10"/>
    </row>
    <row r="289622" spans="14:14">
      <c r="N289622" s="10"/>
    </row>
    <row r="289623" spans="14:14">
      <c r="N289623" s="10"/>
    </row>
    <row r="289624" spans="14:14">
      <c r="N289624" s="10"/>
    </row>
    <row r="289625" spans="14:14">
      <c r="N289625" s="10"/>
    </row>
    <row r="289626" spans="14:14">
      <c r="N289626" s="10"/>
    </row>
    <row r="289627" spans="14:14">
      <c r="N289627" s="10"/>
    </row>
    <row r="289628" spans="14:14">
      <c r="N289628" s="10"/>
    </row>
    <row r="289629" spans="14:14">
      <c r="N289629" s="10"/>
    </row>
    <row r="289630" spans="14:14">
      <c r="N289630" s="10"/>
    </row>
    <row r="289631" spans="14:14">
      <c r="N289631" s="10"/>
    </row>
    <row r="289632" spans="14:14">
      <c r="N289632" s="10"/>
    </row>
    <row r="289633" spans="14:14">
      <c r="N289633" s="10"/>
    </row>
    <row r="289634" spans="14:14">
      <c r="N289634" s="10"/>
    </row>
    <row r="289635" spans="14:14">
      <c r="N289635" s="10"/>
    </row>
    <row r="289636" spans="14:14">
      <c r="N289636" s="10"/>
    </row>
    <row r="289637" spans="14:14">
      <c r="N289637" s="10"/>
    </row>
    <row r="289638" spans="14:14">
      <c r="N289638" s="10"/>
    </row>
    <row r="289639" spans="14:14">
      <c r="N289639" s="10"/>
    </row>
    <row r="289640" spans="14:14">
      <c r="N289640" s="10"/>
    </row>
    <row r="289641" spans="14:14">
      <c r="N289641" s="10"/>
    </row>
    <row r="289642" spans="14:14">
      <c r="N289642" s="10"/>
    </row>
    <row r="289643" spans="14:14">
      <c r="N289643" s="10"/>
    </row>
    <row r="289644" spans="14:14">
      <c r="N289644" s="10"/>
    </row>
    <row r="289645" spans="14:14">
      <c r="N289645" s="10"/>
    </row>
    <row r="289646" spans="14:14">
      <c r="N289646" s="10"/>
    </row>
    <row r="289647" spans="14:14">
      <c r="N289647" s="10"/>
    </row>
    <row r="289648" spans="14:14">
      <c r="N289648" s="10"/>
    </row>
    <row r="289649" spans="14:14">
      <c r="N289649" s="10"/>
    </row>
    <row r="289650" spans="14:14">
      <c r="N289650" s="10"/>
    </row>
    <row r="289651" spans="14:14">
      <c r="N289651" s="10"/>
    </row>
    <row r="289652" spans="14:14">
      <c r="N289652" s="10"/>
    </row>
    <row r="289653" spans="14:14">
      <c r="N289653" s="10"/>
    </row>
    <row r="289654" spans="14:14">
      <c r="N289654" s="10"/>
    </row>
    <row r="289655" spans="14:14">
      <c r="N289655" s="10"/>
    </row>
    <row r="289656" spans="14:14">
      <c r="N289656" s="10"/>
    </row>
    <row r="289657" spans="14:14">
      <c r="N289657" s="10"/>
    </row>
    <row r="289658" spans="14:14">
      <c r="N289658" s="10"/>
    </row>
    <row r="289659" spans="14:14">
      <c r="N289659" s="10"/>
    </row>
    <row r="289660" spans="14:14">
      <c r="N289660" s="10"/>
    </row>
    <row r="289661" spans="14:14">
      <c r="N289661" s="10"/>
    </row>
    <row r="289662" spans="14:14">
      <c r="N289662" s="10"/>
    </row>
    <row r="289663" spans="14:14">
      <c r="N289663" s="10"/>
    </row>
    <row r="289664" spans="14:14">
      <c r="N289664" s="10"/>
    </row>
    <row r="289665" spans="14:14">
      <c r="N289665" s="10"/>
    </row>
    <row r="289666" spans="14:14">
      <c r="N289666" s="10"/>
    </row>
    <row r="289667" spans="14:14">
      <c r="N289667" s="10"/>
    </row>
    <row r="289668" spans="14:14">
      <c r="N289668" s="10"/>
    </row>
    <row r="289669" spans="14:14">
      <c r="N289669" s="10"/>
    </row>
    <row r="289670" spans="14:14">
      <c r="N289670" s="10"/>
    </row>
    <row r="289671" spans="14:14">
      <c r="N289671" s="10"/>
    </row>
    <row r="289672" spans="14:14">
      <c r="N289672" s="10"/>
    </row>
    <row r="289673" spans="14:14">
      <c r="N289673" s="10"/>
    </row>
    <row r="289674" spans="14:14">
      <c r="N289674" s="10"/>
    </row>
    <row r="289675" spans="14:14">
      <c r="N289675" s="10"/>
    </row>
    <row r="289676" spans="14:14">
      <c r="N289676" s="10"/>
    </row>
    <row r="289677" spans="14:14">
      <c r="N289677" s="10"/>
    </row>
    <row r="289678" spans="14:14">
      <c r="N289678" s="10"/>
    </row>
    <row r="289679" spans="14:14">
      <c r="N289679" s="10"/>
    </row>
    <row r="289680" spans="14:14">
      <c r="N289680" s="10"/>
    </row>
    <row r="289681" spans="14:14">
      <c r="N289681" s="10"/>
    </row>
    <row r="289682" spans="14:14">
      <c r="N289682" s="10"/>
    </row>
    <row r="289683" spans="14:14">
      <c r="N289683" s="10"/>
    </row>
    <row r="289684" spans="14:14">
      <c r="N289684" s="10"/>
    </row>
    <row r="289685" spans="14:14">
      <c r="N289685" s="10"/>
    </row>
    <row r="289686" spans="14:14">
      <c r="N289686" s="10"/>
    </row>
    <row r="289687" spans="14:14">
      <c r="N289687" s="10"/>
    </row>
    <row r="289688" spans="14:14">
      <c r="N289688" s="10"/>
    </row>
    <row r="289689" spans="14:14">
      <c r="N289689" s="10"/>
    </row>
    <row r="289690" spans="14:14">
      <c r="N289690" s="10"/>
    </row>
    <row r="289691" spans="14:14">
      <c r="N289691" s="10"/>
    </row>
    <row r="289692" spans="14:14">
      <c r="N289692" s="10"/>
    </row>
    <row r="289693" spans="14:14">
      <c r="N289693" s="10"/>
    </row>
    <row r="289694" spans="14:14">
      <c r="N289694" s="10"/>
    </row>
    <row r="289695" spans="14:14">
      <c r="N289695" s="10"/>
    </row>
    <row r="289696" spans="14:14">
      <c r="N289696" s="10"/>
    </row>
    <row r="289697" spans="14:14">
      <c r="N289697" s="10"/>
    </row>
    <row r="289698" spans="14:14">
      <c r="N289698" s="10"/>
    </row>
    <row r="289699" spans="14:14">
      <c r="N289699" s="10"/>
    </row>
    <row r="289700" spans="14:14">
      <c r="N289700" s="10"/>
    </row>
    <row r="289701" spans="14:14">
      <c r="N289701" s="10"/>
    </row>
    <row r="289702" spans="14:14">
      <c r="N289702" s="10"/>
    </row>
    <row r="289703" spans="14:14">
      <c r="N289703" s="10"/>
    </row>
    <row r="289704" spans="14:14">
      <c r="N289704" s="10"/>
    </row>
    <row r="289705" spans="14:14">
      <c r="N289705" s="10"/>
    </row>
    <row r="289706" spans="14:14">
      <c r="N289706" s="10"/>
    </row>
    <row r="289707" spans="14:14">
      <c r="N289707" s="10"/>
    </row>
    <row r="289708" spans="14:14">
      <c r="N289708" s="10"/>
    </row>
    <row r="289709" spans="14:14">
      <c r="N289709" s="10"/>
    </row>
    <row r="289710" spans="14:14">
      <c r="N289710" s="10"/>
    </row>
    <row r="289711" spans="14:14">
      <c r="N289711" s="10"/>
    </row>
    <row r="289712" spans="14:14">
      <c r="N289712" s="10"/>
    </row>
    <row r="289713" spans="14:14">
      <c r="N289713" s="10"/>
    </row>
    <row r="289714" spans="14:14">
      <c r="N289714" s="10"/>
    </row>
    <row r="289715" spans="14:14">
      <c r="N289715" s="10"/>
    </row>
    <row r="289716" spans="14:14">
      <c r="N289716" s="10"/>
    </row>
    <row r="289717" spans="14:14">
      <c r="N289717" s="10"/>
    </row>
    <row r="289718" spans="14:14">
      <c r="N289718" s="10"/>
    </row>
    <row r="289719" spans="14:14">
      <c r="N289719" s="10"/>
    </row>
    <row r="289720" spans="14:14">
      <c r="N289720" s="10"/>
    </row>
    <row r="289721" spans="14:14">
      <c r="N289721" s="10"/>
    </row>
    <row r="289722" spans="14:14">
      <c r="N289722" s="10"/>
    </row>
    <row r="289723" spans="14:14">
      <c r="N289723" s="10"/>
    </row>
    <row r="289724" spans="14:14">
      <c r="N289724" s="10"/>
    </row>
    <row r="289725" spans="14:14">
      <c r="N289725" s="10"/>
    </row>
    <row r="289726" spans="14:14">
      <c r="N289726" s="10"/>
    </row>
    <row r="289727" spans="14:14">
      <c r="N289727" s="10"/>
    </row>
    <row r="289728" spans="14:14">
      <c r="N289728" s="10"/>
    </row>
    <row r="289729" spans="14:14">
      <c r="N289729" s="10"/>
    </row>
    <row r="289730" spans="14:14">
      <c r="N289730" s="10"/>
    </row>
    <row r="289731" spans="14:14">
      <c r="N289731" s="10"/>
    </row>
    <row r="289732" spans="14:14">
      <c r="N289732" s="10"/>
    </row>
    <row r="289733" spans="14:14">
      <c r="N289733" s="10"/>
    </row>
    <row r="289734" spans="14:14">
      <c r="N289734" s="10"/>
    </row>
    <row r="289735" spans="14:14">
      <c r="N289735" s="10"/>
    </row>
    <row r="289736" spans="14:14">
      <c r="N289736" s="10"/>
    </row>
    <row r="289737" spans="14:14">
      <c r="N289737" s="10"/>
    </row>
    <row r="289738" spans="14:14">
      <c r="N289738" s="10"/>
    </row>
    <row r="289739" spans="14:14">
      <c r="N289739" s="10"/>
    </row>
    <row r="289740" spans="14:14">
      <c r="N289740" s="10"/>
    </row>
    <row r="289741" spans="14:14">
      <c r="N289741" s="10"/>
    </row>
    <row r="289742" spans="14:14">
      <c r="N289742" s="10"/>
    </row>
    <row r="289743" spans="14:14">
      <c r="N289743" s="10"/>
    </row>
    <row r="289744" spans="14:14">
      <c r="N289744" s="10"/>
    </row>
    <row r="289745" spans="14:14">
      <c r="N289745" s="10"/>
    </row>
    <row r="289746" spans="14:14">
      <c r="N289746" s="10"/>
    </row>
    <row r="289747" spans="14:14">
      <c r="N289747" s="10"/>
    </row>
    <row r="289748" spans="14:14">
      <c r="N289748" s="10"/>
    </row>
    <row r="289749" spans="14:14">
      <c r="N289749" s="10"/>
    </row>
    <row r="289750" spans="14:14">
      <c r="N289750" s="10"/>
    </row>
    <row r="289751" spans="14:14">
      <c r="N289751" s="10"/>
    </row>
    <row r="289752" spans="14:14">
      <c r="N289752" s="10"/>
    </row>
    <row r="289753" spans="14:14">
      <c r="N289753" s="10"/>
    </row>
    <row r="289754" spans="14:14">
      <c r="N289754" s="10"/>
    </row>
    <row r="289755" spans="14:14">
      <c r="N289755" s="10"/>
    </row>
    <row r="289756" spans="14:14">
      <c r="N289756" s="10"/>
    </row>
    <row r="289757" spans="14:14">
      <c r="N289757" s="10"/>
    </row>
    <row r="289758" spans="14:14">
      <c r="N289758" s="10"/>
    </row>
    <row r="289759" spans="14:14">
      <c r="N289759" s="10"/>
    </row>
    <row r="289760" spans="14:14">
      <c r="N289760" s="10"/>
    </row>
    <row r="289761" spans="14:14">
      <c r="N289761" s="10"/>
    </row>
    <row r="289762" spans="14:14">
      <c r="N289762" s="10"/>
    </row>
    <row r="289763" spans="14:14">
      <c r="N289763" s="10"/>
    </row>
    <row r="289764" spans="14:14">
      <c r="N289764" s="10"/>
    </row>
    <row r="289765" spans="14:14">
      <c r="N289765" s="10"/>
    </row>
    <row r="289766" spans="14:14">
      <c r="N289766" s="10"/>
    </row>
    <row r="289767" spans="14:14">
      <c r="N289767" s="10"/>
    </row>
    <row r="289768" spans="14:14">
      <c r="N289768" s="10"/>
    </row>
    <row r="289769" spans="14:14">
      <c r="N289769" s="10"/>
    </row>
    <row r="289770" spans="14:14">
      <c r="N289770" s="10"/>
    </row>
    <row r="289771" spans="14:14">
      <c r="N289771" s="10"/>
    </row>
    <row r="289772" spans="14:14">
      <c r="N289772" s="10"/>
    </row>
    <row r="289773" spans="14:14">
      <c r="N289773" s="10"/>
    </row>
    <row r="289774" spans="14:14">
      <c r="N289774" s="10"/>
    </row>
    <row r="289775" spans="14:14">
      <c r="N289775" s="10"/>
    </row>
    <row r="289776" spans="14:14">
      <c r="N289776" s="10"/>
    </row>
    <row r="289777" spans="14:14">
      <c r="N289777" s="10"/>
    </row>
    <row r="289778" spans="14:14">
      <c r="N289778" s="10"/>
    </row>
    <row r="289779" spans="14:14">
      <c r="N289779" s="10"/>
    </row>
    <row r="289780" spans="14:14">
      <c r="N289780" s="10"/>
    </row>
    <row r="289781" spans="14:14">
      <c r="N289781" s="10"/>
    </row>
    <row r="289782" spans="14:14">
      <c r="N289782" s="10"/>
    </row>
    <row r="289783" spans="14:14">
      <c r="N289783" s="10"/>
    </row>
    <row r="289784" spans="14:14">
      <c r="N289784" s="10"/>
    </row>
    <row r="289785" spans="14:14">
      <c r="N289785" s="10"/>
    </row>
    <row r="289786" spans="14:14">
      <c r="N289786" s="10"/>
    </row>
    <row r="289787" spans="14:14">
      <c r="N289787" s="10"/>
    </row>
    <row r="289788" spans="14:14">
      <c r="N289788" s="10"/>
    </row>
    <row r="289789" spans="14:14">
      <c r="N289789" s="10"/>
    </row>
    <row r="289790" spans="14:14">
      <c r="N289790" s="10"/>
    </row>
    <row r="289791" spans="14:14">
      <c r="N289791" s="10"/>
    </row>
    <row r="289792" spans="14:14">
      <c r="N289792" s="10"/>
    </row>
    <row r="289793" spans="14:14">
      <c r="N289793" s="10"/>
    </row>
    <row r="289794" spans="14:14">
      <c r="N289794" s="10"/>
    </row>
    <row r="289795" spans="14:14">
      <c r="N289795" s="10"/>
    </row>
    <row r="289796" spans="14:14">
      <c r="N289796" s="10"/>
    </row>
    <row r="289797" spans="14:14">
      <c r="N289797" s="10"/>
    </row>
    <row r="289798" spans="14:14">
      <c r="N289798" s="10"/>
    </row>
    <row r="289799" spans="14:14">
      <c r="N289799" s="10"/>
    </row>
    <row r="289800" spans="14:14">
      <c r="N289800" s="10"/>
    </row>
    <row r="289801" spans="14:14">
      <c r="N289801" s="10"/>
    </row>
    <row r="289802" spans="14:14">
      <c r="N289802" s="10"/>
    </row>
    <row r="289803" spans="14:14">
      <c r="N289803" s="10"/>
    </row>
    <row r="289804" spans="14:14">
      <c r="N289804" s="10"/>
    </row>
    <row r="289805" spans="14:14">
      <c r="N289805" s="10"/>
    </row>
    <row r="289806" spans="14:14">
      <c r="N289806" s="10"/>
    </row>
    <row r="289807" spans="14:14">
      <c r="N289807" s="10"/>
    </row>
    <row r="289808" spans="14:14">
      <c r="N289808" s="10"/>
    </row>
    <row r="289809" spans="14:14">
      <c r="N289809" s="10"/>
    </row>
    <row r="289810" spans="14:14">
      <c r="N289810" s="10"/>
    </row>
    <row r="289811" spans="14:14">
      <c r="N289811" s="10"/>
    </row>
    <row r="289812" spans="14:14">
      <c r="N289812" s="10"/>
    </row>
    <row r="289813" spans="14:14">
      <c r="N289813" s="10"/>
    </row>
    <row r="289814" spans="14:14">
      <c r="N289814" s="10"/>
    </row>
    <row r="289815" spans="14:14">
      <c r="N289815" s="10"/>
    </row>
    <row r="289816" spans="14:14">
      <c r="N289816" s="10"/>
    </row>
    <row r="289817" spans="14:14">
      <c r="N289817" s="10"/>
    </row>
    <row r="289818" spans="14:14">
      <c r="N289818" s="10"/>
    </row>
    <row r="289819" spans="14:14">
      <c r="N289819" s="10"/>
    </row>
    <row r="289820" spans="14:14">
      <c r="N289820" s="10"/>
    </row>
    <row r="289821" spans="14:14">
      <c r="N289821" s="10"/>
    </row>
    <row r="289822" spans="14:14">
      <c r="N289822" s="10"/>
    </row>
    <row r="289823" spans="14:14">
      <c r="N289823" s="10"/>
    </row>
    <row r="289824" spans="14:14">
      <c r="N289824" s="10"/>
    </row>
    <row r="289825" spans="14:14">
      <c r="N289825" s="10"/>
    </row>
    <row r="289826" spans="14:14">
      <c r="N289826" s="10"/>
    </row>
    <row r="289827" spans="14:14">
      <c r="N289827" s="10"/>
    </row>
    <row r="289828" spans="14:14">
      <c r="N289828" s="10"/>
    </row>
    <row r="289829" spans="14:14">
      <c r="N289829" s="10"/>
    </row>
    <row r="289830" spans="14:14">
      <c r="N289830" s="10"/>
    </row>
    <row r="289831" spans="14:14">
      <c r="N289831" s="10"/>
    </row>
    <row r="289832" spans="14:14">
      <c r="N289832" s="10"/>
    </row>
    <row r="289833" spans="14:14">
      <c r="N289833" s="10"/>
    </row>
    <row r="289834" spans="14:14">
      <c r="N289834" s="10"/>
    </row>
    <row r="289835" spans="14:14">
      <c r="N289835" s="10"/>
    </row>
    <row r="289836" spans="14:14">
      <c r="N289836" s="10"/>
    </row>
    <row r="289837" spans="14:14">
      <c r="N289837" s="10"/>
    </row>
    <row r="289838" spans="14:14">
      <c r="N289838" s="10"/>
    </row>
    <row r="289839" spans="14:14">
      <c r="N289839" s="10"/>
    </row>
    <row r="289840" spans="14:14">
      <c r="N289840" s="10"/>
    </row>
    <row r="289841" spans="14:14">
      <c r="N289841" s="10"/>
    </row>
    <row r="289842" spans="14:14">
      <c r="N289842" s="10"/>
    </row>
    <row r="289843" spans="14:14">
      <c r="N289843" s="10"/>
    </row>
    <row r="289844" spans="14:14">
      <c r="N289844" s="10"/>
    </row>
    <row r="289845" spans="14:14">
      <c r="N289845" s="10"/>
    </row>
    <row r="289846" spans="14:14">
      <c r="N289846" s="10"/>
    </row>
    <row r="289847" spans="14:14">
      <c r="N289847" s="10"/>
    </row>
    <row r="289848" spans="14:14">
      <c r="N289848" s="10"/>
    </row>
    <row r="289849" spans="14:14">
      <c r="N289849" s="10"/>
    </row>
    <row r="289850" spans="14:14">
      <c r="N289850" s="10"/>
    </row>
    <row r="289851" spans="14:14">
      <c r="N289851" s="10"/>
    </row>
    <row r="289852" spans="14:14">
      <c r="N289852" s="10"/>
    </row>
    <row r="289853" spans="14:14">
      <c r="N289853" s="10"/>
    </row>
    <row r="289854" spans="14:14">
      <c r="N289854" s="10"/>
    </row>
    <row r="289855" spans="14:14">
      <c r="N289855" s="10"/>
    </row>
    <row r="289856" spans="14:14">
      <c r="N289856" s="10"/>
    </row>
    <row r="289857" spans="14:14">
      <c r="N289857" s="10"/>
    </row>
    <row r="289858" spans="14:14">
      <c r="N289858" s="10"/>
    </row>
    <row r="289859" spans="14:14">
      <c r="N289859" s="10"/>
    </row>
    <row r="289860" spans="14:14">
      <c r="N289860" s="10"/>
    </row>
    <row r="289861" spans="14:14">
      <c r="N289861" s="10"/>
    </row>
    <row r="289862" spans="14:14">
      <c r="N289862" s="10"/>
    </row>
    <row r="289863" spans="14:14">
      <c r="N289863" s="10"/>
    </row>
    <row r="289864" spans="14:14">
      <c r="N289864" s="10"/>
    </row>
    <row r="289865" spans="14:14">
      <c r="N289865" s="10"/>
    </row>
    <row r="289866" spans="14:14">
      <c r="N289866" s="10"/>
    </row>
    <row r="289867" spans="14:14">
      <c r="N289867" s="10"/>
    </row>
    <row r="289868" spans="14:14">
      <c r="N289868" s="10"/>
    </row>
    <row r="289869" spans="14:14">
      <c r="N289869" s="10"/>
    </row>
    <row r="289870" spans="14:14">
      <c r="N289870" s="10"/>
    </row>
    <row r="289871" spans="14:14">
      <c r="N289871" s="10"/>
    </row>
    <row r="289872" spans="14:14">
      <c r="N289872" s="10"/>
    </row>
    <row r="289873" spans="14:14">
      <c r="N289873" s="10"/>
    </row>
    <row r="289874" spans="14:14">
      <c r="N289874" s="10"/>
    </row>
    <row r="289875" spans="14:14">
      <c r="N289875" s="10"/>
    </row>
    <row r="289876" spans="14:14">
      <c r="N289876" s="10"/>
    </row>
    <row r="289877" spans="14:14">
      <c r="N289877" s="10"/>
    </row>
    <row r="289878" spans="14:14">
      <c r="N289878" s="10"/>
    </row>
    <row r="289879" spans="14:14">
      <c r="N289879" s="10"/>
    </row>
    <row r="289880" spans="14:14">
      <c r="N289880" s="10"/>
    </row>
    <row r="289881" spans="14:14">
      <c r="N289881" s="10"/>
    </row>
    <row r="289882" spans="14:14">
      <c r="N289882" s="10"/>
    </row>
    <row r="289883" spans="14:14">
      <c r="N289883" s="10"/>
    </row>
    <row r="289884" spans="14:14">
      <c r="N289884" s="10"/>
    </row>
    <row r="289885" spans="14:14">
      <c r="N289885" s="10"/>
    </row>
    <row r="289886" spans="14:14">
      <c r="N289886" s="10"/>
    </row>
    <row r="289887" spans="14:14">
      <c r="N289887" s="10"/>
    </row>
    <row r="289888" spans="14:14">
      <c r="N289888" s="10"/>
    </row>
    <row r="289889" spans="14:14">
      <c r="N289889" s="10"/>
    </row>
    <row r="289890" spans="14:14">
      <c r="N289890" s="10"/>
    </row>
    <row r="289891" spans="14:14">
      <c r="N289891" s="10"/>
    </row>
    <row r="289892" spans="14:14">
      <c r="N289892" s="10"/>
    </row>
    <row r="289893" spans="14:14">
      <c r="N289893" s="10"/>
    </row>
    <row r="289894" spans="14:14">
      <c r="N289894" s="10"/>
    </row>
    <row r="289895" spans="14:14">
      <c r="N289895" s="10"/>
    </row>
    <row r="289896" spans="14:14">
      <c r="N289896" s="10"/>
    </row>
    <row r="289897" spans="14:14">
      <c r="N289897" s="10"/>
    </row>
    <row r="289898" spans="14:14">
      <c r="N289898" s="10"/>
    </row>
    <row r="289899" spans="14:14">
      <c r="N289899" s="10"/>
    </row>
    <row r="289900" spans="14:14">
      <c r="N289900" s="10"/>
    </row>
    <row r="289901" spans="14:14">
      <c r="N289901" s="10"/>
    </row>
    <row r="289902" spans="14:14">
      <c r="N289902" s="10"/>
    </row>
    <row r="289903" spans="14:14">
      <c r="N289903" s="10"/>
    </row>
    <row r="289904" spans="14:14">
      <c r="N289904" s="10"/>
    </row>
    <row r="289905" spans="14:14">
      <c r="N289905" s="10"/>
    </row>
    <row r="289906" spans="14:14">
      <c r="N289906" s="10"/>
    </row>
    <row r="289907" spans="14:14">
      <c r="N289907" s="10"/>
    </row>
    <row r="289908" spans="14:14">
      <c r="N289908" s="10"/>
    </row>
    <row r="289909" spans="14:14">
      <c r="N289909" s="10"/>
    </row>
    <row r="289910" spans="14:14">
      <c r="N289910" s="10"/>
    </row>
    <row r="289911" spans="14:14">
      <c r="N289911" s="10"/>
    </row>
    <row r="289912" spans="14:14">
      <c r="N289912" s="10"/>
    </row>
    <row r="289913" spans="14:14">
      <c r="N289913" s="10"/>
    </row>
    <row r="289914" spans="14:14">
      <c r="N289914" s="10"/>
    </row>
    <row r="289915" spans="14:14">
      <c r="N289915" s="10"/>
    </row>
    <row r="289916" spans="14:14">
      <c r="N289916" s="10"/>
    </row>
    <row r="289917" spans="14:14">
      <c r="N289917" s="10"/>
    </row>
    <row r="289918" spans="14:14">
      <c r="N289918" s="10"/>
    </row>
    <row r="289919" spans="14:14">
      <c r="N289919" s="10"/>
    </row>
    <row r="289920" spans="14:14">
      <c r="N289920" s="10"/>
    </row>
    <row r="289921" spans="14:14">
      <c r="N289921" s="10"/>
    </row>
    <row r="289922" spans="14:14">
      <c r="N289922" s="10"/>
    </row>
    <row r="289923" spans="14:14">
      <c r="N289923" s="10"/>
    </row>
    <row r="289924" spans="14:14">
      <c r="N289924" s="10"/>
    </row>
    <row r="289925" spans="14:14">
      <c r="N289925" s="10"/>
    </row>
    <row r="289926" spans="14:14">
      <c r="N289926" s="10"/>
    </row>
    <row r="289927" spans="14:14">
      <c r="N289927" s="10"/>
    </row>
    <row r="289928" spans="14:14">
      <c r="N289928" s="10"/>
    </row>
    <row r="289929" spans="14:14">
      <c r="N289929" s="10"/>
    </row>
    <row r="289930" spans="14:14">
      <c r="N289930" s="10"/>
    </row>
    <row r="289931" spans="14:14">
      <c r="N289931" s="10"/>
    </row>
    <row r="289932" spans="14:14">
      <c r="N289932" s="10"/>
    </row>
    <row r="289933" spans="14:14">
      <c r="N289933" s="10"/>
    </row>
    <row r="289934" spans="14:14">
      <c r="N289934" s="10"/>
    </row>
    <row r="289935" spans="14:14">
      <c r="N289935" s="10"/>
    </row>
    <row r="289936" spans="14:14">
      <c r="N289936" s="10"/>
    </row>
    <row r="289937" spans="14:14">
      <c r="N289937" s="10"/>
    </row>
    <row r="289938" spans="14:14">
      <c r="N289938" s="10"/>
    </row>
    <row r="289939" spans="14:14">
      <c r="N289939" s="10"/>
    </row>
    <row r="289940" spans="14:14">
      <c r="N289940" s="10"/>
    </row>
    <row r="289941" spans="14:14">
      <c r="N289941" s="10"/>
    </row>
    <row r="289942" spans="14:14">
      <c r="N289942" s="10"/>
    </row>
    <row r="289943" spans="14:14">
      <c r="N289943" s="10"/>
    </row>
    <row r="289944" spans="14:14">
      <c r="N289944" s="10"/>
    </row>
    <row r="289945" spans="14:14">
      <c r="N289945" s="10"/>
    </row>
    <row r="289946" spans="14:14">
      <c r="N289946" s="10"/>
    </row>
    <row r="289947" spans="14:14">
      <c r="N289947" s="10"/>
    </row>
    <row r="289948" spans="14:14">
      <c r="N289948" s="10"/>
    </row>
    <row r="289949" spans="14:14">
      <c r="N289949" s="10"/>
    </row>
    <row r="289950" spans="14:14">
      <c r="N289950" s="10"/>
    </row>
    <row r="289951" spans="14:14">
      <c r="N289951" s="10"/>
    </row>
    <row r="289952" spans="14:14">
      <c r="N289952" s="10"/>
    </row>
    <row r="289953" spans="14:14">
      <c r="N289953" s="10"/>
    </row>
    <row r="289954" spans="14:14">
      <c r="N289954" s="10"/>
    </row>
    <row r="289955" spans="14:14">
      <c r="N289955" s="10"/>
    </row>
    <row r="289956" spans="14:14">
      <c r="N289956" s="10"/>
    </row>
    <row r="289957" spans="14:14">
      <c r="N289957" s="10"/>
    </row>
    <row r="289958" spans="14:14">
      <c r="N289958" s="10"/>
    </row>
    <row r="289959" spans="14:14">
      <c r="N289959" s="10"/>
    </row>
    <row r="289960" spans="14:14">
      <c r="N289960" s="10"/>
    </row>
    <row r="289961" spans="14:14">
      <c r="N289961" s="10"/>
    </row>
    <row r="289962" spans="14:14">
      <c r="N289962" s="10"/>
    </row>
    <row r="289963" spans="14:14">
      <c r="N289963" s="10"/>
    </row>
    <row r="289964" spans="14:14">
      <c r="N289964" s="10"/>
    </row>
    <row r="289965" spans="14:14">
      <c r="N289965" s="10"/>
    </row>
    <row r="289966" spans="14:14">
      <c r="N289966" s="10"/>
    </row>
    <row r="289967" spans="14:14">
      <c r="N289967" s="10"/>
    </row>
    <row r="289968" spans="14:14">
      <c r="N289968" s="10"/>
    </row>
    <row r="289969" spans="14:14">
      <c r="N289969" s="10"/>
    </row>
    <row r="289970" spans="14:14">
      <c r="N289970" s="10"/>
    </row>
    <row r="289971" spans="14:14">
      <c r="N289971" s="10"/>
    </row>
    <row r="289972" spans="14:14">
      <c r="N289972" s="10"/>
    </row>
    <row r="289973" spans="14:14">
      <c r="N289973" s="10"/>
    </row>
    <row r="289974" spans="14:14">
      <c r="N289974" s="10"/>
    </row>
    <row r="289975" spans="14:14">
      <c r="N289975" s="10"/>
    </row>
    <row r="289976" spans="14:14">
      <c r="N289976" s="10"/>
    </row>
    <row r="289977" spans="14:14">
      <c r="N289977" s="10"/>
    </row>
    <row r="289978" spans="14:14">
      <c r="N289978" s="10"/>
    </row>
    <row r="289979" spans="14:14">
      <c r="N289979" s="10"/>
    </row>
    <row r="289980" spans="14:14">
      <c r="N289980" s="10"/>
    </row>
    <row r="289981" spans="14:14">
      <c r="N289981" s="10"/>
    </row>
    <row r="289982" spans="14:14">
      <c r="N289982" s="10"/>
    </row>
    <row r="289983" spans="14:14">
      <c r="N289983" s="10"/>
    </row>
    <row r="289984" spans="14:14">
      <c r="N289984" s="10"/>
    </row>
    <row r="289985" spans="14:14">
      <c r="N289985" s="10"/>
    </row>
    <row r="289986" spans="14:14">
      <c r="N289986" s="10"/>
    </row>
    <row r="289987" spans="14:14">
      <c r="N289987" s="10"/>
    </row>
    <row r="289988" spans="14:14">
      <c r="N289988" s="10"/>
    </row>
    <row r="289989" spans="14:14">
      <c r="N289989" s="10"/>
    </row>
    <row r="289990" spans="14:14">
      <c r="N289990" s="10"/>
    </row>
    <row r="289991" spans="14:14">
      <c r="N289991" s="10"/>
    </row>
    <row r="289992" spans="14:14">
      <c r="N289992" s="10"/>
    </row>
    <row r="289993" spans="14:14">
      <c r="N289993" s="10"/>
    </row>
    <row r="289994" spans="14:14">
      <c r="N289994" s="10"/>
    </row>
    <row r="289995" spans="14:14">
      <c r="N289995" s="10"/>
    </row>
    <row r="289996" spans="14:14">
      <c r="N289996" s="10"/>
    </row>
    <row r="289997" spans="14:14">
      <c r="N289997" s="10"/>
    </row>
    <row r="289998" spans="14:14">
      <c r="N289998" s="10"/>
    </row>
    <row r="289999" spans="14:14">
      <c r="N289999" s="10"/>
    </row>
    <row r="290000" spans="14:14">
      <c r="N290000" s="10"/>
    </row>
    <row r="290001" spans="14:14">
      <c r="N290001" s="10"/>
    </row>
    <row r="290002" spans="14:14">
      <c r="N290002" s="10"/>
    </row>
    <row r="290003" spans="14:14">
      <c r="N290003" s="10"/>
    </row>
    <row r="290004" spans="14:14">
      <c r="N290004" s="10"/>
    </row>
    <row r="290005" spans="14:14">
      <c r="N290005" s="10"/>
    </row>
    <row r="290006" spans="14:14">
      <c r="N290006" s="10"/>
    </row>
    <row r="290007" spans="14:14">
      <c r="N290007" s="10"/>
    </row>
    <row r="290008" spans="14:14">
      <c r="N290008" s="10"/>
    </row>
    <row r="290009" spans="14:14">
      <c r="N290009" s="10"/>
    </row>
    <row r="290010" spans="14:14">
      <c r="N290010" s="10"/>
    </row>
    <row r="290011" spans="14:14">
      <c r="N290011" s="10"/>
    </row>
    <row r="290012" spans="14:14">
      <c r="N290012" s="10"/>
    </row>
    <row r="290013" spans="14:14">
      <c r="N290013" s="10"/>
    </row>
    <row r="290014" spans="14:14">
      <c r="N290014" s="10"/>
    </row>
    <row r="290015" spans="14:14">
      <c r="N290015" s="10"/>
    </row>
    <row r="290016" spans="14:14">
      <c r="N290016" s="10"/>
    </row>
    <row r="290017" spans="14:14">
      <c r="N290017" s="10"/>
    </row>
    <row r="290018" spans="14:14">
      <c r="N290018" s="10"/>
    </row>
    <row r="290019" spans="14:14">
      <c r="N290019" s="10"/>
    </row>
    <row r="290020" spans="14:14">
      <c r="N290020" s="10"/>
    </row>
    <row r="290021" spans="14:14">
      <c r="N290021" s="10"/>
    </row>
    <row r="290022" spans="14:14">
      <c r="N290022" s="10"/>
    </row>
    <row r="290023" spans="14:14">
      <c r="N290023" s="10"/>
    </row>
    <row r="290024" spans="14:14">
      <c r="N290024" s="10"/>
    </row>
    <row r="290025" spans="14:14">
      <c r="N290025" s="10"/>
    </row>
    <row r="290026" spans="14:14">
      <c r="N290026" s="10"/>
    </row>
    <row r="290027" spans="14:14">
      <c r="N290027" s="10"/>
    </row>
    <row r="290028" spans="14:14">
      <c r="N290028" s="10"/>
    </row>
    <row r="290029" spans="14:14">
      <c r="N290029" s="10"/>
    </row>
    <row r="290030" spans="14:14">
      <c r="N290030" s="10"/>
    </row>
    <row r="290031" spans="14:14">
      <c r="N290031" s="10"/>
    </row>
    <row r="290032" spans="14:14">
      <c r="N290032" s="10"/>
    </row>
    <row r="290033" spans="14:14">
      <c r="N290033" s="10"/>
    </row>
    <row r="290034" spans="14:14">
      <c r="N290034" s="10"/>
    </row>
    <row r="290035" spans="14:14">
      <c r="N290035" s="10"/>
    </row>
    <row r="290036" spans="14:14">
      <c r="N290036" s="10"/>
    </row>
    <row r="290037" spans="14:14">
      <c r="N290037" s="10"/>
    </row>
    <row r="290038" spans="14:14">
      <c r="N290038" s="10"/>
    </row>
    <row r="290039" spans="14:14">
      <c r="N290039" s="10"/>
    </row>
    <row r="290040" spans="14:14">
      <c r="N290040" s="10"/>
    </row>
    <row r="290041" spans="14:14">
      <c r="N290041" s="10"/>
    </row>
    <row r="290042" spans="14:14">
      <c r="N290042" s="10"/>
    </row>
    <row r="290043" spans="14:14">
      <c r="N290043" s="10"/>
    </row>
    <row r="290044" spans="14:14">
      <c r="N290044" s="10"/>
    </row>
    <row r="290045" spans="14:14">
      <c r="N290045" s="10"/>
    </row>
    <row r="290046" spans="14:14">
      <c r="N290046" s="10"/>
    </row>
    <row r="290047" spans="14:14">
      <c r="N290047" s="10"/>
    </row>
    <row r="290048" spans="14:14">
      <c r="N290048" s="10"/>
    </row>
    <row r="290049" spans="14:14">
      <c r="N290049" s="10"/>
    </row>
    <row r="290050" spans="14:14">
      <c r="N290050" s="10"/>
    </row>
    <row r="290051" spans="14:14">
      <c r="N290051" s="10"/>
    </row>
    <row r="290052" spans="14:14">
      <c r="N290052" s="10"/>
    </row>
    <row r="290053" spans="14:14">
      <c r="N290053" s="10"/>
    </row>
    <row r="290054" spans="14:14">
      <c r="N290054" s="10"/>
    </row>
    <row r="290055" spans="14:14">
      <c r="N290055" s="10"/>
    </row>
    <row r="290056" spans="14:14">
      <c r="N290056" s="10"/>
    </row>
    <row r="290057" spans="14:14">
      <c r="N290057" s="10"/>
    </row>
    <row r="290058" spans="14:14">
      <c r="N290058" s="10"/>
    </row>
    <row r="290059" spans="14:14">
      <c r="N290059" s="10"/>
    </row>
    <row r="290060" spans="14:14">
      <c r="N290060" s="10"/>
    </row>
    <row r="290061" spans="14:14">
      <c r="N290061" s="10"/>
    </row>
    <row r="290062" spans="14:14">
      <c r="N290062" s="10"/>
    </row>
    <row r="290063" spans="14:14">
      <c r="N290063" s="10"/>
    </row>
    <row r="290064" spans="14:14">
      <c r="N290064" s="10"/>
    </row>
    <row r="290065" spans="14:14">
      <c r="N290065" s="10"/>
    </row>
    <row r="290066" spans="14:14">
      <c r="N290066" s="10"/>
    </row>
    <row r="290067" spans="14:14">
      <c r="N290067" s="10"/>
    </row>
    <row r="290068" spans="14:14">
      <c r="N290068" s="10"/>
    </row>
    <row r="290069" spans="14:14">
      <c r="N290069" s="10"/>
    </row>
    <row r="290070" spans="14:14">
      <c r="N290070" s="10"/>
    </row>
    <row r="290071" spans="14:14">
      <c r="N290071" s="10"/>
    </row>
    <row r="290072" spans="14:14">
      <c r="N290072" s="10"/>
    </row>
    <row r="290073" spans="14:14">
      <c r="N290073" s="10"/>
    </row>
    <row r="290074" spans="14:14">
      <c r="N290074" s="10"/>
    </row>
    <row r="290075" spans="14:14">
      <c r="N290075" s="10"/>
    </row>
    <row r="290076" spans="14:14">
      <c r="N290076" s="10"/>
    </row>
    <row r="290077" spans="14:14">
      <c r="N290077" s="10"/>
    </row>
    <row r="290078" spans="14:14">
      <c r="N290078" s="10"/>
    </row>
    <row r="290079" spans="14:14">
      <c r="N290079" s="10"/>
    </row>
    <row r="290080" spans="14:14">
      <c r="N290080" s="10"/>
    </row>
    <row r="290081" spans="14:14">
      <c r="N290081" s="10"/>
    </row>
    <row r="290082" spans="14:14">
      <c r="N290082" s="10"/>
    </row>
    <row r="290083" spans="14:14">
      <c r="N290083" s="10"/>
    </row>
    <row r="290084" spans="14:14">
      <c r="N290084" s="10"/>
    </row>
    <row r="290085" spans="14:14">
      <c r="N290085" s="10"/>
    </row>
    <row r="290086" spans="14:14">
      <c r="N290086" s="10"/>
    </row>
    <row r="290087" spans="14:14">
      <c r="N290087" s="10"/>
    </row>
    <row r="290088" spans="14:14">
      <c r="N290088" s="10"/>
    </row>
    <row r="290089" spans="14:14">
      <c r="N290089" s="10"/>
    </row>
    <row r="290090" spans="14:14">
      <c r="N290090" s="10"/>
    </row>
    <row r="290091" spans="14:14">
      <c r="N290091" s="10"/>
    </row>
    <row r="290092" spans="14:14">
      <c r="N290092" s="10"/>
    </row>
    <row r="290093" spans="14:14">
      <c r="N290093" s="10"/>
    </row>
    <row r="290094" spans="14:14">
      <c r="N290094" s="10"/>
    </row>
    <row r="290095" spans="14:14">
      <c r="N290095" s="10"/>
    </row>
    <row r="290096" spans="14:14">
      <c r="N290096" s="10"/>
    </row>
    <row r="290097" spans="14:14">
      <c r="N290097" s="10"/>
    </row>
    <row r="290098" spans="14:14">
      <c r="N290098" s="10"/>
    </row>
    <row r="290099" spans="14:14">
      <c r="N290099" s="10"/>
    </row>
    <row r="290100" spans="14:14">
      <c r="N290100" s="10"/>
    </row>
    <row r="290101" spans="14:14">
      <c r="N290101" s="10"/>
    </row>
    <row r="290102" spans="14:14">
      <c r="N290102" s="10"/>
    </row>
    <row r="290103" spans="14:14">
      <c r="N290103" s="10"/>
    </row>
    <row r="290104" spans="14:14">
      <c r="N290104" s="10"/>
    </row>
    <row r="290105" spans="14:14">
      <c r="N290105" s="10"/>
    </row>
    <row r="290106" spans="14:14">
      <c r="N290106" s="10"/>
    </row>
    <row r="290107" spans="14:14">
      <c r="N290107" s="10"/>
    </row>
    <row r="290108" spans="14:14">
      <c r="N290108" s="10"/>
    </row>
    <row r="290109" spans="14:14">
      <c r="N290109" s="10"/>
    </row>
    <row r="290110" spans="14:14">
      <c r="N290110" s="10"/>
    </row>
    <row r="290111" spans="14:14">
      <c r="N290111" s="10"/>
    </row>
    <row r="290112" spans="14:14">
      <c r="N290112" s="10"/>
    </row>
    <row r="290113" spans="14:14">
      <c r="N290113" s="10"/>
    </row>
    <row r="290114" spans="14:14">
      <c r="N290114" s="10"/>
    </row>
    <row r="290115" spans="14:14">
      <c r="N290115" s="10"/>
    </row>
    <row r="290116" spans="14:14">
      <c r="N290116" s="10"/>
    </row>
    <row r="290117" spans="14:14">
      <c r="N290117" s="10"/>
    </row>
    <row r="290118" spans="14:14">
      <c r="N290118" s="10"/>
    </row>
    <row r="290119" spans="14:14">
      <c r="N290119" s="10"/>
    </row>
    <row r="290120" spans="14:14">
      <c r="N290120" s="10"/>
    </row>
    <row r="290121" spans="14:14">
      <c r="N290121" s="10"/>
    </row>
    <row r="290122" spans="14:14">
      <c r="N290122" s="10"/>
    </row>
    <row r="290123" spans="14:14">
      <c r="N290123" s="10"/>
    </row>
    <row r="290124" spans="14:14">
      <c r="N290124" s="10"/>
    </row>
    <row r="290125" spans="14:14">
      <c r="N290125" s="10"/>
    </row>
    <row r="290126" spans="14:14">
      <c r="N290126" s="10"/>
    </row>
    <row r="290127" spans="14:14">
      <c r="N290127" s="10"/>
    </row>
    <row r="290128" spans="14:14">
      <c r="N290128" s="10"/>
    </row>
    <row r="290129" spans="14:14">
      <c r="N290129" s="10"/>
    </row>
    <row r="290130" spans="14:14">
      <c r="N290130" s="10"/>
    </row>
    <row r="290131" spans="14:14">
      <c r="N290131" s="10"/>
    </row>
    <row r="290132" spans="14:14">
      <c r="N290132" s="10"/>
    </row>
    <row r="290133" spans="14:14">
      <c r="N290133" s="10"/>
    </row>
    <row r="290134" spans="14:14">
      <c r="N290134" s="10"/>
    </row>
    <row r="290135" spans="14:14">
      <c r="N290135" s="10"/>
    </row>
    <row r="290136" spans="14:14">
      <c r="N290136" s="10"/>
    </row>
    <row r="290137" spans="14:14">
      <c r="N290137" s="10"/>
    </row>
    <row r="290138" spans="14:14">
      <c r="N290138" s="10"/>
    </row>
    <row r="290139" spans="14:14">
      <c r="N290139" s="10"/>
    </row>
    <row r="290140" spans="14:14">
      <c r="N290140" s="10"/>
    </row>
    <row r="290141" spans="14:14">
      <c r="N290141" s="10"/>
    </row>
    <row r="290142" spans="14:14">
      <c r="N290142" s="10"/>
    </row>
    <row r="290143" spans="14:14">
      <c r="N290143" s="10"/>
    </row>
    <row r="290144" spans="14:14">
      <c r="N290144" s="10"/>
    </row>
    <row r="290145" spans="14:14">
      <c r="N290145" s="10"/>
    </row>
    <row r="290146" spans="14:14">
      <c r="N290146" s="10"/>
    </row>
    <row r="290147" spans="14:14">
      <c r="N290147" s="10"/>
    </row>
    <row r="290148" spans="14:14">
      <c r="N290148" s="10"/>
    </row>
    <row r="290149" spans="14:14">
      <c r="N290149" s="10"/>
    </row>
    <row r="290150" spans="14:14">
      <c r="N290150" s="10"/>
    </row>
    <row r="290151" spans="14:14">
      <c r="N290151" s="10"/>
    </row>
    <row r="290152" spans="14:14">
      <c r="N290152" s="10"/>
    </row>
    <row r="290153" spans="14:14">
      <c r="N290153" s="10"/>
    </row>
    <row r="290154" spans="14:14">
      <c r="N290154" s="10"/>
    </row>
    <row r="290155" spans="14:14">
      <c r="N290155" s="10"/>
    </row>
    <row r="290156" spans="14:14">
      <c r="N290156" s="10"/>
    </row>
    <row r="290157" spans="14:14">
      <c r="N290157" s="10"/>
    </row>
    <row r="290158" spans="14:14">
      <c r="N290158" s="10"/>
    </row>
    <row r="290159" spans="14:14">
      <c r="N290159" s="10"/>
    </row>
    <row r="290160" spans="14:14">
      <c r="N290160" s="10"/>
    </row>
    <row r="290161" spans="14:14">
      <c r="N290161" s="10"/>
    </row>
    <row r="290162" spans="14:14">
      <c r="N290162" s="10"/>
    </row>
    <row r="290163" spans="14:14">
      <c r="N290163" s="10"/>
    </row>
    <row r="290164" spans="14:14">
      <c r="N290164" s="10"/>
    </row>
    <row r="290165" spans="14:14">
      <c r="N290165" s="10"/>
    </row>
    <row r="290166" spans="14:14">
      <c r="N290166" s="10"/>
    </row>
    <row r="290167" spans="14:14">
      <c r="N290167" s="10"/>
    </row>
    <row r="290168" spans="14:14">
      <c r="N290168" s="10"/>
    </row>
    <row r="290169" spans="14:14">
      <c r="N290169" s="10"/>
    </row>
    <row r="290170" spans="14:14">
      <c r="N290170" s="10"/>
    </row>
    <row r="290171" spans="14:14">
      <c r="N290171" s="10"/>
    </row>
    <row r="290172" spans="14:14">
      <c r="N290172" s="10"/>
    </row>
    <row r="290173" spans="14:14">
      <c r="N290173" s="10"/>
    </row>
    <row r="290174" spans="14:14">
      <c r="N290174" s="10"/>
    </row>
    <row r="290175" spans="14:14">
      <c r="N290175" s="10"/>
    </row>
    <row r="290176" spans="14:14">
      <c r="N290176" s="10"/>
    </row>
    <row r="290177" spans="14:14">
      <c r="N290177" s="10"/>
    </row>
    <row r="290178" spans="14:14">
      <c r="N290178" s="10"/>
    </row>
    <row r="290179" spans="14:14">
      <c r="N290179" s="10"/>
    </row>
    <row r="290180" spans="14:14">
      <c r="N290180" s="10"/>
    </row>
    <row r="290181" spans="14:14">
      <c r="N290181" s="10"/>
    </row>
    <row r="290182" spans="14:14">
      <c r="N290182" s="10"/>
    </row>
    <row r="290183" spans="14:14">
      <c r="N290183" s="10"/>
    </row>
    <row r="290184" spans="14:14">
      <c r="N290184" s="10"/>
    </row>
    <row r="290185" spans="14:14">
      <c r="N290185" s="10"/>
    </row>
    <row r="290186" spans="14:14">
      <c r="N290186" s="10"/>
    </row>
    <row r="290187" spans="14:14">
      <c r="N290187" s="10"/>
    </row>
    <row r="290188" spans="14:14">
      <c r="N290188" s="10"/>
    </row>
    <row r="290189" spans="14:14">
      <c r="N290189" s="10"/>
    </row>
    <row r="290190" spans="14:14">
      <c r="N290190" s="10"/>
    </row>
    <row r="290191" spans="14:14">
      <c r="N290191" s="10"/>
    </row>
    <row r="290192" spans="14:14">
      <c r="N290192" s="10"/>
    </row>
    <row r="290193" spans="14:14">
      <c r="N290193" s="10"/>
    </row>
    <row r="290194" spans="14:14">
      <c r="N290194" s="10"/>
    </row>
    <row r="290195" spans="14:14">
      <c r="N290195" s="10"/>
    </row>
    <row r="290196" spans="14:14">
      <c r="N290196" s="10"/>
    </row>
    <row r="290197" spans="14:14">
      <c r="N290197" s="10"/>
    </row>
    <row r="290198" spans="14:14">
      <c r="N290198" s="10"/>
    </row>
    <row r="290199" spans="14:14">
      <c r="N290199" s="10"/>
    </row>
    <row r="290200" spans="14:14">
      <c r="N290200" s="10"/>
    </row>
    <row r="290201" spans="14:14">
      <c r="N290201" s="10"/>
    </row>
    <row r="290202" spans="14:14">
      <c r="N290202" s="10"/>
    </row>
    <row r="290203" spans="14:14">
      <c r="N290203" s="10"/>
    </row>
    <row r="290204" spans="14:14">
      <c r="N290204" s="10"/>
    </row>
    <row r="290205" spans="14:14">
      <c r="N290205" s="10"/>
    </row>
    <row r="290206" spans="14:14">
      <c r="N290206" s="10"/>
    </row>
    <row r="290207" spans="14:14">
      <c r="N290207" s="10"/>
    </row>
    <row r="290208" spans="14:14">
      <c r="N290208" s="10"/>
    </row>
    <row r="290209" spans="14:14">
      <c r="N290209" s="10"/>
    </row>
    <row r="290210" spans="14:14">
      <c r="N290210" s="10"/>
    </row>
    <row r="290211" spans="14:14">
      <c r="N290211" s="10"/>
    </row>
    <row r="290212" spans="14:14">
      <c r="N290212" s="10"/>
    </row>
    <row r="290213" spans="14:14">
      <c r="N290213" s="10"/>
    </row>
    <row r="290214" spans="14:14">
      <c r="N290214" s="10"/>
    </row>
    <row r="290215" spans="14:14">
      <c r="N290215" s="10"/>
    </row>
    <row r="290216" spans="14:14">
      <c r="N290216" s="10"/>
    </row>
    <row r="290217" spans="14:14">
      <c r="N290217" s="10"/>
    </row>
    <row r="290218" spans="14:14">
      <c r="N290218" s="10"/>
    </row>
    <row r="290219" spans="14:14">
      <c r="N290219" s="10"/>
    </row>
    <row r="290220" spans="14:14">
      <c r="N290220" s="10"/>
    </row>
    <row r="290221" spans="14:14">
      <c r="N290221" s="10"/>
    </row>
    <row r="290222" spans="14:14">
      <c r="N290222" s="10"/>
    </row>
    <row r="290223" spans="14:14">
      <c r="N290223" s="10"/>
    </row>
    <row r="290224" spans="14:14">
      <c r="N290224" s="10"/>
    </row>
    <row r="290225" spans="14:14">
      <c r="N290225" s="10"/>
    </row>
    <row r="290226" spans="14:14">
      <c r="N290226" s="10"/>
    </row>
    <row r="290227" spans="14:14">
      <c r="N290227" s="10"/>
    </row>
    <row r="290228" spans="14:14">
      <c r="N290228" s="10"/>
    </row>
    <row r="290229" spans="14:14">
      <c r="N290229" s="10"/>
    </row>
    <row r="290230" spans="14:14">
      <c r="N290230" s="10"/>
    </row>
    <row r="290231" spans="14:14">
      <c r="N290231" s="10"/>
    </row>
    <row r="290232" spans="14:14">
      <c r="N290232" s="10"/>
    </row>
    <row r="290233" spans="14:14">
      <c r="N290233" s="10"/>
    </row>
    <row r="290234" spans="14:14">
      <c r="N290234" s="10"/>
    </row>
    <row r="290235" spans="14:14">
      <c r="N290235" s="10"/>
    </row>
    <row r="290236" spans="14:14">
      <c r="N290236" s="10"/>
    </row>
    <row r="290237" spans="14:14">
      <c r="N290237" s="10"/>
    </row>
    <row r="290238" spans="14:14">
      <c r="N290238" s="10"/>
    </row>
    <row r="290239" spans="14:14">
      <c r="N290239" s="10"/>
    </row>
    <row r="290240" spans="14:14">
      <c r="N290240" s="10"/>
    </row>
    <row r="290241" spans="14:14">
      <c r="N290241" s="10"/>
    </row>
    <row r="290242" spans="14:14">
      <c r="N290242" s="10"/>
    </row>
    <row r="290243" spans="14:14">
      <c r="N290243" s="10"/>
    </row>
    <row r="290244" spans="14:14">
      <c r="N290244" s="10"/>
    </row>
    <row r="290245" spans="14:14">
      <c r="N290245" s="10"/>
    </row>
    <row r="290246" spans="14:14">
      <c r="N290246" s="10"/>
    </row>
    <row r="290247" spans="14:14">
      <c r="N290247" s="10"/>
    </row>
    <row r="290248" spans="14:14">
      <c r="N290248" s="10"/>
    </row>
    <row r="290249" spans="14:14">
      <c r="N290249" s="10"/>
    </row>
    <row r="290250" spans="14:14">
      <c r="N290250" s="10"/>
    </row>
    <row r="290251" spans="14:14">
      <c r="N290251" s="10"/>
    </row>
    <row r="290252" spans="14:14">
      <c r="N290252" s="10"/>
    </row>
    <row r="290253" spans="14:14">
      <c r="N290253" s="10"/>
    </row>
    <row r="290254" spans="14:14">
      <c r="N290254" s="10"/>
    </row>
    <row r="290255" spans="14:14">
      <c r="N290255" s="10"/>
    </row>
    <row r="290256" spans="14:14">
      <c r="N290256" s="10"/>
    </row>
    <row r="290257" spans="14:14">
      <c r="N290257" s="10"/>
    </row>
    <row r="290258" spans="14:14">
      <c r="N290258" s="10"/>
    </row>
    <row r="290259" spans="14:14">
      <c r="N290259" s="10"/>
    </row>
    <row r="290260" spans="14:14">
      <c r="N290260" s="10"/>
    </row>
    <row r="290261" spans="14:14">
      <c r="N290261" s="10"/>
    </row>
    <row r="290262" spans="14:14">
      <c r="N290262" s="10"/>
    </row>
    <row r="290263" spans="14:14">
      <c r="N290263" s="10"/>
    </row>
    <row r="290264" spans="14:14">
      <c r="N290264" s="10"/>
    </row>
    <row r="290265" spans="14:14">
      <c r="N290265" s="10"/>
    </row>
    <row r="290266" spans="14:14">
      <c r="N290266" s="10"/>
    </row>
    <row r="290267" spans="14:14">
      <c r="N290267" s="10"/>
    </row>
    <row r="290268" spans="14:14">
      <c r="N290268" s="10"/>
    </row>
    <row r="290269" spans="14:14">
      <c r="N290269" s="10"/>
    </row>
    <row r="290270" spans="14:14">
      <c r="N290270" s="10"/>
    </row>
    <row r="290271" spans="14:14">
      <c r="N290271" s="10"/>
    </row>
    <row r="290272" spans="14:14">
      <c r="N290272" s="10"/>
    </row>
    <row r="290273" spans="14:14">
      <c r="N290273" s="10"/>
    </row>
    <row r="290274" spans="14:14">
      <c r="N290274" s="10"/>
    </row>
    <row r="290275" spans="14:14">
      <c r="N290275" s="10"/>
    </row>
    <row r="290276" spans="14:14">
      <c r="N290276" s="10"/>
    </row>
    <row r="290277" spans="14:14">
      <c r="N290277" s="10"/>
    </row>
    <row r="290278" spans="14:14">
      <c r="N290278" s="10"/>
    </row>
    <row r="290279" spans="14:14">
      <c r="N290279" s="10"/>
    </row>
    <row r="290280" spans="14:14">
      <c r="N290280" s="10"/>
    </row>
    <row r="290281" spans="14:14">
      <c r="N290281" s="10"/>
    </row>
    <row r="290282" spans="14:14">
      <c r="N290282" s="10"/>
    </row>
    <row r="290283" spans="14:14">
      <c r="N290283" s="10"/>
    </row>
    <row r="290284" spans="14:14">
      <c r="N290284" s="10"/>
    </row>
    <row r="290285" spans="14:14">
      <c r="N290285" s="10"/>
    </row>
    <row r="290286" spans="14:14">
      <c r="N290286" s="10"/>
    </row>
    <row r="290287" spans="14:14">
      <c r="N290287" s="10"/>
    </row>
    <row r="290288" spans="14:14">
      <c r="N290288" s="10"/>
    </row>
    <row r="290289" spans="14:14">
      <c r="N290289" s="10"/>
    </row>
    <row r="290290" spans="14:14">
      <c r="N290290" s="10"/>
    </row>
    <row r="290291" spans="14:14">
      <c r="N290291" s="10"/>
    </row>
    <row r="290292" spans="14:14">
      <c r="N290292" s="10"/>
    </row>
    <row r="290293" spans="14:14">
      <c r="N290293" s="10"/>
    </row>
    <row r="290294" spans="14:14">
      <c r="N290294" s="10"/>
    </row>
    <row r="290295" spans="14:14">
      <c r="N290295" s="10"/>
    </row>
    <row r="290296" spans="14:14">
      <c r="N290296" s="10"/>
    </row>
    <row r="290297" spans="14:14">
      <c r="N290297" s="10"/>
    </row>
    <row r="290298" spans="14:14">
      <c r="N290298" s="10"/>
    </row>
    <row r="290299" spans="14:14">
      <c r="N290299" s="10"/>
    </row>
    <row r="290300" spans="14:14">
      <c r="N290300" s="10"/>
    </row>
    <row r="290301" spans="14:14">
      <c r="N290301" s="10"/>
    </row>
    <row r="290302" spans="14:14">
      <c r="N290302" s="10"/>
    </row>
    <row r="290303" spans="14:14">
      <c r="N290303" s="10"/>
    </row>
    <row r="290304" spans="14:14">
      <c r="N290304" s="10"/>
    </row>
    <row r="290305" spans="14:14">
      <c r="N290305" s="10"/>
    </row>
    <row r="290306" spans="14:14">
      <c r="N290306" s="10"/>
    </row>
    <row r="290307" spans="14:14">
      <c r="N290307" s="10"/>
    </row>
    <row r="290308" spans="14:14">
      <c r="N290308" s="10"/>
    </row>
    <row r="290309" spans="14:14">
      <c r="N290309" s="10"/>
    </row>
    <row r="290310" spans="14:14">
      <c r="N290310" s="10"/>
    </row>
    <row r="290311" spans="14:14">
      <c r="N290311" s="10"/>
    </row>
    <row r="290312" spans="14:14">
      <c r="N290312" s="10"/>
    </row>
    <row r="290313" spans="14:14">
      <c r="N290313" s="10"/>
    </row>
    <row r="290314" spans="14:14">
      <c r="N290314" s="10"/>
    </row>
    <row r="290315" spans="14:14">
      <c r="N290315" s="10"/>
    </row>
    <row r="290316" spans="14:14">
      <c r="N290316" s="10"/>
    </row>
    <row r="290317" spans="14:14">
      <c r="N290317" s="10"/>
    </row>
    <row r="290318" spans="14:14">
      <c r="N290318" s="10"/>
    </row>
    <row r="290319" spans="14:14">
      <c r="N290319" s="10"/>
    </row>
    <row r="290320" spans="14:14">
      <c r="N290320" s="10"/>
    </row>
    <row r="290321" spans="14:14">
      <c r="N290321" s="10"/>
    </row>
    <row r="290322" spans="14:14">
      <c r="N290322" s="10"/>
    </row>
    <row r="290323" spans="14:14">
      <c r="N290323" s="10"/>
    </row>
    <row r="290324" spans="14:14">
      <c r="N290324" s="10"/>
    </row>
    <row r="290325" spans="14:14">
      <c r="N290325" s="10"/>
    </row>
    <row r="290326" spans="14:14">
      <c r="N290326" s="10"/>
    </row>
    <row r="290327" spans="14:14">
      <c r="N290327" s="10"/>
    </row>
    <row r="290328" spans="14:14">
      <c r="N290328" s="10"/>
    </row>
    <row r="290329" spans="14:14">
      <c r="N290329" s="10"/>
    </row>
    <row r="290330" spans="14:14">
      <c r="N290330" s="10"/>
    </row>
    <row r="290331" spans="14:14">
      <c r="N290331" s="10"/>
    </row>
    <row r="290332" spans="14:14">
      <c r="N290332" s="10"/>
    </row>
    <row r="290333" spans="14:14">
      <c r="N290333" s="10"/>
    </row>
    <row r="290334" spans="14:14">
      <c r="N290334" s="10"/>
    </row>
    <row r="290335" spans="14:14">
      <c r="N290335" s="10"/>
    </row>
    <row r="290336" spans="14:14">
      <c r="N290336" s="10"/>
    </row>
    <row r="290337" spans="14:14">
      <c r="N290337" s="10"/>
    </row>
    <row r="290338" spans="14:14">
      <c r="N290338" s="10"/>
    </row>
    <row r="290339" spans="14:14">
      <c r="N290339" s="10"/>
    </row>
    <row r="290340" spans="14:14">
      <c r="N290340" s="10"/>
    </row>
    <row r="290341" spans="14:14">
      <c r="N290341" s="10"/>
    </row>
    <row r="290342" spans="14:14">
      <c r="N290342" s="10"/>
    </row>
    <row r="290343" spans="14:14">
      <c r="N290343" s="10"/>
    </row>
    <row r="290344" spans="14:14">
      <c r="N290344" s="10"/>
    </row>
    <row r="290345" spans="14:14">
      <c r="N290345" s="10"/>
    </row>
    <row r="290346" spans="14:14">
      <c r="N290346" s="10"/>
    </row>
    <row r="290347" spans="14:14">
      <c r="N290347" s="10"/>
    </row>
    <row r="290348" spans="14:14">
      <c r="N290348" s="10"/>
    </row>
    <row r="290349" spans="14:14">
      <c r="N290349" s="10"/>
    </row>
    <row r="290350" spans="14:14">
      <c r="N290350" s="10"/>
    </row>
    <row r="290351" spans="14:14">
      <c r="N290351" s="10"/>
    </row>
    <row r="290352" spans="14:14">
      <c r="N290352" s="10"/>
    </row>
    <row r="290353" spans="14:14">
      <c r="N290353" s="10"/>
    </row>
    <row r="290354" spans="14:14">
      <c r="N290354" s="10"/>
    </row>
    <row r="290355" spans="14:14">
      <c r="N290355" s="10"/>
    </row>
    <row r="290356" spans="14:14">
      <c r="N290356" s="10"/>
    </row>
    <row r="290357" spans="14:14">
      <c r="N290357" s="10"/>
    </row>
    <row r="290358" spans="14:14">
      <c r="N290358" s="10"/>
    </row>
    <row r="290359" spans="14:14">
      <c r="N290359" s="10"/>
    </row>
    <row r="290360" spans="14:14">
      <c r="N290360" s="10"/>
    </row>
    <row r="290361" spans="14:14">
      <c r="N290361" s="10"/>
    </row>
    <row r="290362" spans="14:14">
      <c r="N290362" s="10"/>
    </row>
    <row r="290363" spans="14:14">
      <c r="N290363" s="10"/>
    </row>
    <row r="290364" spans="14:14">
      <c r="N290364" s="10"/>
    </row>
    <row r="290365" spans="14:14">
      <c r="N290365" s="10"/>
    </row>
    <row r="290366" spans="14:14">
      <c r="N290366" s="10"/>
    </row>
    <row r="290367" spans="14:14">
      <c r="N290367" s="10"/>
    </row>
    <row r="290368" spans="14:14">
      <c r="N290368" s="10"/>
    </row>
    <row r="290369" spans="14:14">
      <c r="N290369" s="10"/>
    </row>
    <row r="290370" spans="14:14">
      <c r="N290370" s="10"/>
    </row>
    <row r="290371" spans="14:14">
      <c r="N290371" s="10"/>
    </row>
    <row r="290372" spans="14:14">
      <c r="N290372" s="10"/>
    </row>
    <row r="290373" spans="14:14">
      <c r="N290373" s="10"/>
    </row>
    <row r="290374" spans="14:14">
      <c r="N290374" s="10"/>
    </row>
    <row r="290375" spans="14:14">
      <c r="N290375" s="10"/>
    </row>
    <row r="290376" spans="14:14">
      <c r="N290376" s="10"/>
    </row>
    <row r="290377" spans="14:14">
      <c r="N290377" s="10"/>
    </row>
    <row r="290378" spans="14:14">
      <c r="N290378" s="10"/>
    </row>
    <row r="290379" spans="14:14">
      <c r="N290379" s="10"/>
    </row>
    <row r="290380" spans="14:14">
      <c r="N290380" s="10"/>
    </row>
    <row r="290381" spans="14:14">
      <c r="N290381" s="10"/>
    </row>
    <row r="290382" spans="14:14">
      <c r="N290382" s="10"/>
    </row>
    <row r="290383" spans="14:14">
      <c r="N290383" s="10"/>
    </row>
    <row r="290384" spans="14:14">
      <c r="N290384" s="10"/>
    </row>
    <row r="290385" spans="14:14">
      <c r="N290385" s="10"/>
    </row>
    <row r="290386" spans="14:14">
      <c r="N290386" s="10"/>
    </row>
    <row r="290387" spans="14:14">
      <c r="N290387" s="10"/>
    </row>
    <row r="290388" spans="14:14">
      <c r="N290388" s="10"/>
    </row>
    <row r="290389" spans="14:14">
      <c r="N290389" s="10"/>
    </row>
    <row r="290390" spans="14:14">
      <c r="N290390" s="10"/>
    </row>
    <row r="290391" spans="14:14">
      <c r="N290391" s="10"/>
    </row>
    <row r="290392" spans="14:14">
      <c r="N290392" s="10"/>
    </row>
    <row r="290393" spans="14:14">
      <c r="N290393" s="10"/>
    </row>
    <row r="290394" spans="14:14">
      <c r="N290394" s="10"/>
    </row>
    <row r="290395" spans="14:14">
      <c r="N290395" s="10"/>
    </row>
    <row r="290396" spans="14:14">
      <c r="N290396" s="10"/>
    </row>
    <row r="290397" spans="14:14">
      <c r="N290397" s="10"/>
    </row>
    <row r="290398" spans="14:14">
      <c r="N290398" s="10"/>
    </row>
    <row r="290399" spans="14:14">
      <c r="N290399" s="10"/>
    </row>
    <row r="290400" spans="14:14">
      <c r="N290400" s="10"/>
    </row>
    <row r="290401" spans="14:14">
      <c r="N290401" s="10"/>
    </row>
    <row r="290402" spans="14:14">
      <c r="N290402" s="10"/>
    </row>
    <row r="290403" spans="14:14">
      <c r="N290403" s="10"/>
    </row>
    <row r="290404" spans="14:14">
      <c r="N290404" s="10"/>
    </row>
    <row r="290405" spans="14:14">
      <c r="N290405" s="10"/>
    </row>
    <row r="290406" spans="14:14">
      <c r="N290406" s="10"/>
    </row>
    <row r="290407" spans="14:14">
      <c r="N290407" s="10"/>
    </row>
    <row r="290408" spans="14:14">
      <c r="N290408" s="10"/>
    </row>
    <row r="290409" spans="14:14">
      <c r="N290409" s="10"/>
    </row>
    <row r="290410" spans="14:14">
      <c r="N290410" s="10"/>
    </row>
    <row r="290411" spans="14:14">
      <c r="N290411" s="10"/>
    </row>
    <row r="290412" spans="14:14">
      <c r="N290412" s="10"/>
    </row>
    <row r="290413" spans="14:14">
      <c r="N290413" s="10"/>
    </row>
    <row r="290414" spans="14:14">
      <c r="N290414" s="10"/>
    </row>
    <row r="290415" spans="14:14">
      <c r="N290415" s="10"/>
    </row>
    <row r="290416" spans="14:14">
      <c r="N290416" s="10"/>
    </row>
    <row r="290417" spans="14:14">
      <c r="N290417" s="10"/>
    </row>
    <row r="290418" spans="14:14">
      <c r="N290418" s="10"/>
    </row>
    <row r="290419" spans="14:14">
      <c r="N290419" s="10"/>
    </row>
    <row r="290420" spans="14:14">
      <c r="N290420" s="10"/>
    </row>
    <row r="290421" spans="14:14">
      <c r="N290421" s="10"/>
    </row>
    <row r="290422" spans="14:14">
      <c r="N290422" s="10"/>
    </row>
    <row r="290423" spans="14:14">
      <c r="N290423" s="10"/>
    </row>
    <row r="290424" spans="14:14">
      <c r="N290424" s="10"/>
    </row>
    <row r="290425" spans="14:14">
      <c r="N290425" s="10"/>
    </row>
    <row r="290426" spans="14:14">
      <c r="N290426" s="10"/>
    </row>
    <row r="290427" spans="14:14">
      <c r="N290427" s="10"/>
    </row>
    <row r="290428" spans="14:14">
      <c r="N290428" s="10"/>
    </row>
    <row r="290429" spans="14:14">
      <c r="N290429" s="10"/>
    </row>
    <row r="290430" spans="14:14">
      <c r="N290430" s="10"/>
    </row>
    <row r="290431" spans="14:14">
      <c r="N290431" s="10"/>
    </row>
    <row r="290432" spans="14:14">
      <c r="N290432" s="10"/>
    </row>
    <row r="290433" spans="14:14">
      <c r="N290433" s="10"/>
    </row>
    <row r="290434" spans="14:14">
      <c r="N290434" s="10"/>
    </row>
    <row r="290435" spans="14:14">
      <c r="N290435" s="10"/>
    </row>
    <row r="290436" spans="14:14">
      <c r="N290436" s="10"/>
    </row>
    <row r="290437" spans="14:14">
      <c r="N290437" s="10"/>
    </row>
    <row r="290438" spans="14:14">
      <c r="N290438" s="10"/>
    </row>
    <row r="290439" spans="14:14">
      <c r="N290439" s="10"/>
    </row>
    <row r="290440" spans="14:14">
      <c r="N290440" s="10"/>
    </row>
    <row r="290441" spans="14:14">
      <c r="N290441" s="10"/>
    </row>
    <row r="290442" spans="14:14">
      <c r="N290442" s="10"/>
    </row>
    <row r="290443" spans="14:14">
      <c r="N290443" s="10"/>
    </row>
    <row r="290444" spans="14:14">
      <c r="N290444" s="10"/>
    </row>
    <row r="290445" spans="14:14">
      <c r="N290445" s="10"/>
    </row>
    <row r="290446" spans="14:14">
      <c r="N290446" s="10"/>
    </row>
    <row r="290447" spans="14:14">
      <c r="N290447" s="10"/>
    </row>
    <row r="290448" spans="14:14">
      <c r="N290448" s="10"/>
    </row>
    <row r="290449" spans="14:14">
      <c r="N290449" s="10"/>
    </row>
    <row r="290450" spans="14:14">
      <c r="N290450" s="10"/>
    </row>
    <row r="290451" spans="14:14">
      <c r="N290451" s="10"/>
    </row>
    <row r="290452" spans="14:14">
      <c r="N290452" s="10"/>
    </row>
    <row r="290453" spans="14:14">
      <c r="N290453" s="10"/>
    </row>
    <row r="290454" spans="14:14">
      <c r="N290454" s="10"/>
    </row>
    <row r="290455" spans="14:14">
      <c r="N290455" s="10"/>
    </row>
    <row r="290456" spans="14:14">
      <c r="N290456" s="10"/>
    </row>
    <row r="290457" spans="14:14">
      <c r="N290457" s="10"/>
    </row>
    <row r="290458" spans="14:14">
      <c r="N290458" s="10"/>
    </row>
    <row r="290459" spans="14:14">
      <c r="N290459" s="10"/>
    </row>
    <row r="290460" spans="14:14">
      <c r="N290460" s="10"/>
    </row>
    <row r="290461" spans="14:14">
      <c r="N290461" s="10"/>
    </row>
    <row r="290462" spans="14:14">
      <c r="N290462" s="10"/>
    </row>
    <row r="290463" spans="14:14">
      <c r="N290463" s="10"/>
    </row>
    <row r="290464" spans="14:14">
      <c r="N290464" s="10"/>
    </row>
    <row r="290465" spans="14:14">
      <c r="N290465" s="10"/>
    </row>
    <row r="290466" spans="14:14">
      <c r="N290466" s="10"/>
    </row>
    <row r="290467" spans="14:14">
      <c r="N290467" s="10"/>
    </row>
    <row r="290468" spans="14:14">
      <c r="N290468" s="10"/>
    </row>
    <row r="290469" spans="14:14">
      <c r="N290469" s="10"/>
    </row>
    <row r="290470" spans="14:14">
      <c r="N290470" s="10"/>
    </row>
    <row r="290471" spans="14:14">
      <c r="N290471" s="10"/>
    </row>
    <row r="290472" spans="14:14">
      <c r="N290472" s="10"/>
    </row>
    <row r="290473" spans="14:14">
      <c r="N290473" s="10"/>
    </row>
    <row r="290474" spans="14:14">
      <c r="N290474" s="10"/>
    </row>
    <row r="290475" spans="14:14">
      <c r="N290475" s="10"/>
    </row>
    <row r="290476" spans="14:14">
      <c r="N290476" s="10"/>
    </row>
    <row r="290477" spans="14:14">
      <c r="N290477" s="10"/>
    </row>
    <row r="290478" spans="14:14">
      <c r="N290478" s="10"/>
    </row>
    <row r="290479" spans="14:14">
      <c r="N290479" s="10"/>
    </row>
    <row r="290480" spans="14:14">
      <c r="N290480" s="10"/>
    </row>
    <row r="290481" spans="14:14">
      <c r="N290481" s="10"/>
    </row>
    <row r="290482" spans="14:14">
      <c r="N290482" s="10"/>
    </row>
    <row r="290483" spans="14:14">
      <c r="N290483" s="10"/>
    </row>
    <row r="290484" spans="14:14">
      <c r="N290484" s="10"/>
    </row>
    <row r="290485" spans="14:14">
      <c r="N290485" s="10"/>
    </row>
    <row r="290486" spans="14:14">
      <c r="N290486" s="10"/>
    </row>
    <row r="290487" spans="14:14">
      <c r="N290487" s="10"/>
    </row>
    <row r="290488" spans="14:14">
      <c r="N290488" s="10"/>
    </row>
    <row r="290489" spans="14:14">
      <c r="N290489" s="10"/>
    </row>
    <row r="290490" spans="14:14">
      <c r="N290490" s="10"/>
    </row>
    <row r="290491" spans="14:14">
      <c r="N290491" s="10"/>
    </row>
    <row r="290492" spans="14:14">
      <c r="N290492" s="10"/>
    </row>
    <row r="290493" spans="14:14">
      <c r="N290493" s="10"/>
    </row>
    <row r="290494" spans="14:14">
      <c r="N290494" s="10"/>
    </row>
    <row r="290495" spans="14:14">
      <c r="N290495" s="10"/>
    </row>
    <row r="290496" spans="14:14">
      <c r="N290496" s="10"/>
    </row>
    <row r="290497" spans="14:14">
      <c r="N290497" s="10"/>
    </row>
    <row r="290498" spans="14:14">
      <c r="N290498" s="10"/>
    </row>
    <row r="290499" spans="14:14">
      <c r="N290499" s="10"/>
    </row>
    <row r="290500" spans="14:14">
      <c r="N290500" s="10"/>
    </row>
    <row r="290501" spans="14:14">
      <c r="N290501" s="10"/>
    </row>
    <row r="290502" spans="14:14">
      <c r="N290502" s="10"/>
    </row>
    <row r="290503" spans="14:14">
      <c r="N290503" s="10"/>
    </row>
    <row r="290504" spans="14:14">
      <c r="N290504" s="10"/>
    </row>
    <row r="290505" spans="14:14">
      <c r="N290505" s="10"/>
    </row>
    <row r="290506" spans="14:14">
      <c r="N290506" s="10"/>
    </row>
    <row r="290507" spans="14:14">
      <c r="N290507" s="10"/>
    </row>
    <row r="290508" spans="14:14">
      <c r="N290508" s="10"/>
    </row>
    <row r="290509" spans="14:14">
      <c r="N290509" s="10"/>
    </row>
    <row r="290510" spans="14:14">
      <c r="N290510" s="10"/>
    </row>
    <row r="290511" spans="14:14">
      <c r="N290511" s="10"/>
    </row>
    <row r="290512" spans="14:14">
      <c r="N290512" s="10"/>
    </row>
    <row r="290513" spans="14:14">
      <c r="N290513" s="10"/>
    </row>
    <row r="290514" spans="14:14">
      <c r="N290514" s="10"/>
    </row>
    <row r="290515" spans="14:14">
      <c r="N290515" s="10"/>
    </row>
    <row r="290516" spans="14:14">
      <c r="N290516" s="10"/>
    </row>
    <row r="290517" spans="14:14">
      <c r="N290517" s="10"/>
    </row>
    <row r="290518" spans="14:14">
      <c r="N290518" s="10"/>
    </row>
    <row r="290519" spans="14:14">
      <c r="N290519" s="10"/>
    </row>
    <row r="290520" spans="14:14">
      <c r="N290520" s="10"/>
    </row>
    <row r="290521" spans="14:14">
      <c r="N290521" s="10"/>
    </row>
    <row r="290522" spans="14:14">
      <c r="N290522" s="10"/>
    </row>
    <row r="290523" spans="14:14">
      <c r="N290523" s="10"/>
    </row>
    <row r="290524" spans="14:14">
      <c r="N290524" s="10"/>
    </row>
    <row r="290525" spans="14:14">
      <c r="N290525" s="10"/>
    </row>
    <row r="290526" spans="14:14">
      <c r="N290526" s="10"/>
    </row>
    <row r="290527" spans="14:14">
      <c r="N290527" s="10"/>
    </row>
    <row r="290528" spans="14:14">
      <c r="N290528" s="10"/>
    </row>
    <row r="290529" spans="14:14">
      <c r="N290529" s="10"/>
    </row>
    <row r="290530" spans="14:14">
      <c r="N290530" s="10"/>
    </row>
    <row r="290531" spans="14:14">
      <c r="N290531" s="10"/>
    </row>
    <row r="290532" spans="14:14">
      <c r="N290532" s="10"/>
    </row>
    <row r="290533" spans="14:14">
      <c r="N290533" s="10"/>
    </row>
    <row r="290534" spans="14:14">
      <c r="N290534" s="10"/>
    </row>
    <row r="290535" spans="14:14">
      <c r="N290535" s="10"/>
    </row>
    <row r="290536" spans="14:14">
      <c r="N290536" s="10"/>
    </row>
    <row r="290537" spans="14:14">
      <c r="N290537" s="10"/>
    </row>
    <row r="290538" spans="14:14">
      <c r="N290538" s="10"/>
    </row>
    <row r="290539" spans="14:14">
      <c r="N290539" s="10"/>
    </row>
    <row r="290540" spans="14:14">
      <c r="N290540" s="10"/>
    </row>
    <row r="290541" spans="14:14">
      <c r="N290541" s="10"/>
    </row>
    <row r="290542" spans="14:14">
      <c r="N290542" s="10"/>
    </row>
    <row r="290543" spans="14:14">
      <c r="N290543" s="10"/>
    </row>
    <row r="290544" spans="14:14">
      <c r="N290544" s="10"/>
    </row>
    <row r="290545" spans="14:14">
      <c r="N290545" s="10"/>
    </row>
    <row r="290546" spans="14:14">
      <c r="N290546" s="10"/>
    </row>
    <row r="290547" spans="14:14">
      <c r="N290547" s="10"/>
    </row>
    <row r="290548" spans="14:14">
      <c r="N290548" s="10"/>
    </row>
    <row r="290549" spans="14:14">
      <c r="N290549" s="10"/>
    </row>
    <row r="290550" spans="14:14">
      <c r="N290550" s="10"/>
    </row>
    <row r="290551" spans="14:14">
      <c r="N290551" s="10"/>
    </row>
    <row r="290552" spans="14:14">
      <c r="N290552" s="10"/>
    </row>
    <row r="290553" spans="14:14">
      <c r="N290553" s="10"/>
    </row>
    <row r="290554" spans="14:14">
      <c r="N290554" s="10"/>
    </row>
    <row r="290555" spans="14:14">
      <c r="N290555" s="10"/>
    </row>
    <row r="290556" spans="14:14">
      <c r="N290556" s="10"/>
    </row>
    <row r="290557" spans="14:14">
      <c r="N290557" s="10"/>
    </row>
    <row r="290558" spans="14:14">
      <c r="N290558" s="10"/>
    </row>
    <row r="290559" spans="14:14">
      <c r="N290559" s="10"/>
    </row>
    <row r="290560" spans="14:14">
      <c r="N290560" s="10"/>
    </row>
    <row r="290561" spans="14:14">
      <c r="N290561" s="10"/>
    </row>
    <row r="290562" spans="14:14">
      <c r="N290562" s="10"/>
    </row>
    <row r="290563" spans="14:14">
      <c r="N290563" s="10"/>
    </row>
    <row r="290564" spans="14:14">
      <c r="N290564" s="10"/>
    </row>
    <row r="290565" spans="14:14">
      <c r="N290565" s="10"/>
    </row>
    <row r="290566" spans="14:14">
      <c r="N290566" s="10"/>
    </row>
    <row r="290567" spans="14:14">
      <c r="N290567" s="10"/>
    </row>
    <row r="290568" spans="14:14">
      <c r="N290568" s="10"/>
    </row>
    <row r="290569" spans="14:14">
      <c r="N290569" s="10"/>
    </row>
    <row r="290570" spans="14:14">
      <c r="N290570" s="10"/>
    </row>
    <row r="290571" spans="14:14">
      <c r="N290571" s="10"/>
    </row>
    <row r="290572" spans="14:14">
      <c r="N290572" s="10"/>
    </row>
    <row r="290573" spans="14:14">
      <c r="N290573" s="10"/>
    </row>
    <row r="290574" spans="14:14">
      <c r="N290574" s="10"/>
    </row>
    <row r="290575" spans="14:14">
      <c r="N290575" s="10"/>
    </row>
    <row r="290576" spans="14:14">
      <c r="N290576" s="10"/>
    </row>
    <row r="290577" spans="14:14">
      <c r="N290577" s="10"/>
    </row>
    <row r="290578" spans="14:14">
      <c r="N290578" s="10"/>
    </row>
    <row r="290579" spans="14:14">
      <c r="N290579" s="10"/>
    </row>
    <row r="290580" spans="14:14">
      <c r="N290580" s="10"/>
    </row>
    <row r="290581" spans="14:14">
      <c r="N290581" s="10"/>
    </row>
    <row r="290582" spans="14:14">
      <c r="N290582" s="10"/>
    </row>
    <row r="290583" spans="14:14">
      <c r="N290583" s="10"/>
    </row>
    <row r="290584" spans="14:14">
      <c r="N290584" s="10"/>
    </row>
    <row r="290585" spans="14:14">
      <c r="N290585" s="10"/>
    </row>
    <row r="290586" spans="14:14">
      <c r="N290586" s="10"/>
    </row>
    <row r="290587" spans="14:14">
      <c r="N290587" s="10"/>
    </row>
    <row r="290588" spans="14:14">
      <c r="N290588" s="10"/>
    </row>
    <row r="290589" spans="14:14">
      <c r="N290589" s="10"/>
    </row>
    <row r="290590" spans="14:14">
      <c r="N290590" s="10"/>
    </row>
    <row r="290591" spans="14:14">
      <c r="N290591" s="10"/>
    </row>
    <row r="290592" spans="14:14">
      <c r="N290592" s="10"/>
    </row>
    <row r="290593" spans="14:14">
      <c r="N290593" s="10"/>
    </row>
    <row r="290594" spans="14:14">
      <c r="N290594" s="10"/>
    </row>
    <row r="290595" spans="14:14">
      <c r="N290595" s="10"/>
    </row>
    <row r="290596" spans="14:14">
      <c r="N290596" s="10"/>
    </row>
    <row r="290597" spans="14:14">
      <c r="N290597" s="10"/>
    </row>
    <row r="290598" spans="14:14">
      <c r="N290598" s="10"/>
    </row>
    <row r="290599" spans="14:14">
      <c r="N290599" s="10"/>
    </row>
    <row r="290600" spans="14:14">
      <c r="N290600" s="10"/>
    </row>
    <row r="290601" spans="14:14">
      <c r="N290601" s="10"/>
    </row>
    <row r="290602" spans="14:14">
      <c r="N290602" s="10"/>
    </row>
    <row r="290603" spans="14:14">
      <c r="N290603" s="10"/>
    </row>
    <row r="290604" spans="14:14">
      <c r="N290604" s="10"/>
    </row>
    <row r="290605" spans="14:14">
      <c r="N290605" s="10"/>
    </row>
    <row r="290606" spans="14:14">
      <c r="N290606" s="10"/>
    </row>
    <row r="290607" spans="14:14">
      <c r="N290607" s="10"/>
    </row>
    <row r="290608" spans="14:14">
      <c r="N290608" s="10"/>
    </row>
    <row r="290609" spans="14:14">
      <c r="N290609" s="10"/>
    </row>
    <row r="290610" spans="14:14">
      <c r="N290610" s="10"/>
    </row>
    <row r="290611" spans="14:14">
      <c r="N290611" s="10"/>
    </row>
    <row r="290612" spans="14:14">
      <c r="N290612" s="10"/>
    </row>
    <row r="290613" spans="14:14">
      <c r="N290613" s="10"/>
    </row>
    <row r="290614" spans="14:14">
      <c r="N290614" s="10"/>
    </row>
    <row r="290615" spans="14:14">
      <c r="N290615" s="10"/>
    </row>
    <row r="290616" spans="14:14">
      <c r="N290616" s="10"/>
    </row>
    <row r="290617" spans="14:14">
      <c r="N290617" s="10"/>
    </row>
    <row r="290618" spans="14:14">
      <c r="N290618" s="10"/>
    </row>
    <row r="290619" spans="14:14">
      <c r="N290619" s="10"/>
    </row>
    <row r="290620" spans="14:14">
      <c r="N290620" s="10"/>
    </row>
    <row r="290621" spans="14:14">
      <c r="N290621" s="10"/>
    </row>
    <row r="290622" spans="14:14">
      <c r="N290622" s="10"/>
    </row>
    <row r="290623" spans="14:14">
      <c r="N290623" s="10"/>
    </row>
    <row r="290624" spans="14:14">
      <c r="N290624" s="10"/>
    </row>
    <row r="290625" spans="14:14">
      <c r="N290625" s="10"/>
    </row>
    <row r="290626" spans="14:14">
      <c r="N290626" s="10"/>
    </row>
    <row r="290627" spans="14:14">
      <c r="N290627" s="10"/>
    </row>
    <row r="290628" spans="14:14">
      <c r="N290628" s="10"/>
    </row>
    <row r="290629" spans="14:14">
      <c r="N290629" s="10"/>
    </row>
    <row r="290630" spans="14:14">
      <c r="N290630" s="10"/>
    </row>
    <row r="290631" spans="14:14">
      <c r="N290631" s="10"/>
    </row>
    <row r="290632" spans="14:14">
      <c r="N290632" s="10"/>
    </row>
    <row r="290633" spans="14:14">
      <c r="N290633" s="10"/>
    </row>
    <row r="290634" spans="14:14">
      <c r="N290634" s="10"/>
    </row>
    <row r="290635" spans="14:14">
      <c r="N290635" s="10"/>
    </row>
    <row r="290636" spans="14:14">
      <c r="N290636" s="10"/>
    </row>
    <row r="290637" spans="14:14">
      <c r="N290637" s="10"/>
    </row>
    <row r="290638" spans="14:14">
      <c r="N290638" s="10"/>
    </row>
    <row r="290639" spans="14:14">
      <c r="N290639" s="10"/>
    </row>
    <row r="290640" spans="14:14">
      <c r="N290640" s="10"/>
    </row>
    <row r="290641" spans="14:14">
      <c r="N290641" s="10"/>
    </row>
    <row r="290642" spans="14:14">
      <c r="N290642" s="10"/>
    </row>
    <row r="290643" spans="14:14">
      <c r="N290643" s="10"/>
    </row>
    <row r="290644" spans="14:14">
      <c r="N290644" s="10"/>
    </row>
    <row r="290645" spans="14:14">
      <c r="N290645" s="10"/>
    </row>
    <row r="290646" spans="14:14">
      <c r="N290646" s="10"/>
    </row>
    <row r="290647" spans="14:14">
      <c r="N290647" s="10"/>
    </row>
    <row r="290648" spans="14:14">
      <c r="N290648" s="10"/>
    </row>
    <row r="290649" spans="14:14">
      <c r="N290649" s="10"/>
    </row>
    <row r="290650" spans="14:14">
      <c r="N290650" s="10"/>
    </row>
    <row r="290651" spans="14:14">
      <c r="N290651" s="10"/>
    </row>
    <row r="290652" spans="14:14">
      <c r="N290652" s="10"/>
    </row>
    <row r="290653" spans="14:14">
      <c r="N290653" s="10"/>
    </row>
    <row r="290654" spans="14:14">
      <c r="N290654" s="10"/>
    </row>
    <row r="290655" spans="14:14">
      <c r="N290655" s="10"/>
    </row>
    <row r="290656" spans="14:14">
      <c r="N290656" s="10"/>
    </row>
    <row r="290657" spans="14:14">
      <c r="N290657" s="10"/>
    </row>
    <row r="290658" spans="14:14">
      <c r="N290658" s="10"/>
    </row>
    <row r="290659" spans="14:14">
      <c r="N290659" s="10"/>
    </row>
    <row r="290660" spans="14:14">
      <c r="N290660" s="10"/>
    </row>
    <row r="290661" spans="14:14">
      <c r="N290661" s="10"/>
    </row>
    <row r="290662" spans="14:14">
      <c r="N290662" s="10"/>
    </row>
    <row r="290663" spans="14:14">
      <c r="N290663" s="10"/>
    </row>
    <row r="290664" spans="14:14">
      <c r="N290664" s="10"/>
    </row>
    <row r="290665" spans="14:14">
      <c r="N290665" s="10"/>
    </row>
    <row r="290666" spans="14:14">
      <c r="N290666" s="10"/>
    </row>
    <row r="290667" spans="14:14">
      <c r="N290667" s="10"/>
    </row>
    <row r="290668" spans="14:14">
      <c r="N290668" s="10"/>
    </row>
    <row r="290669" spans="14:14">
      <c r="N290669" s="10"/>
    </row>
    <row r="290670" spans="14:14">
      <c r="N290670" s="10"/>
    </row>
    <row r="290671" spans="14:14">
      <c r="N290671" s="10"/>
    </row>
    <row r="290672" spans="14:14">
      <c r="N290672" s="10"/>
    </row>
    <row r="290673" spans="14:14">
      <c r="N290673" s="10"/>
    </row>
    <row r="290674" spans="14:14">
      <c r="N290674" s="10"/>
    </row>
    <row r="290675" spans="14:14">
      <c r="N290675" s="10"/>
    </row>
    <row r="290676" spans="14:14">
      <c r="N290676" s="10"/>
    </row>
    <row r="290677" spans="14:14">
      <c r="N290677" s="10"/>
    </row>
    <row r="290678" spans="14:14">
      <c r="N290678" s="10"/>
    </row>
    <row r="290679" spans="14:14">
      <c r="N290679" s="10"/>
    </row>
    <row r="290680" spans="14:14">
      <c r="N290680" s="10"/>
    </row>
    <row r="290681" spans="14:14">
      <c r="N290681" s="10"/>
    </row>
    <row r="290682" spans="14:14">
      <c r="N290682" s="10"/>
    </row>
    <row r="290683" spans="14:14">
      <c r="N290683" s="10"/>
    </row>
    <row r="290684" spans="14:14">
      <c r="N290684" s="10"/>
    </row>
    <row r="290685" spans="14:14">
      <c r="N290685" s="10"/>
    </row>
    <row r="290686" spans="14:14">
      <c r="N290686" s="10"/>
    </row>
    <row r="290687" spans="14:14">
      <c r="N290687" s="10"/>
    </row>
    <row r="290688" spans="14:14">
      <c r="N290688" s="10"/>
    </row>
    <row r="290689" spans="14:14">
      <c r="N290689" s="10"/>
    </row>
    <row r="290690" spans="14:14">
      <c r="N290690" s="10"/>
    </row>
    <row r="290691" spans="14:14">
      <c r="N290691" s="10"/>
    </row>
    <row r="290692" spans="14:14">
      <c r="N290692" s="10"/>
    </row>
    <row r="290693" spans="14:14">
      <c r="N290693" s="10"/>
    </row>
    <row r="290694" spans="14:14">
      <c r="N290694" s="10"/>
    </row>
    <row r="290695" spans="14:14">
      <c r="N290695" s="10"/>
    </row>
    <row r="290696" spans="14:14">
      <c r="N290696" s="10"/>
    </row>
    <row r="290697" spans="14:14">
      <c r="N290697" s="10"/>
    </row>
    <row r="290698" spans="14:14">
      <c r="N290698" s="10"/>
    </row>
    <row r="290699" spans="14:14">
      <c r="N290699" s="10"/>
    </row>
    <row r="290700" spans="14:14">
      <c r="N290700" s="10"/>
    </row>
    <row r="290701" spans="14:14">
      <c r="N290701" s="10"/>
    </row>
    <row r="290702" spans="14:14">
      <c r="N290702" s="10"/>
    </row>
    <row r="290703" spans="14:14">
      <c r="N290703" s="10"/>
    </row>
    <row r="290704" spans="14:14">
      <c r="N290704" s="10"/>
    </row>
    <row r="290705" spans="14:14">
      <c r="N290705" s="10"/>
    </row>
    <row r="290706" spans="14:14">
      <c r="N290706" s="10"/>
    </row>
    <row r="290707" spans="14:14">
      <c r="N290707" s="10"/>
    </row>
    <row r="290708" spans="14:14">
      <c r="N290708" s="10"/>
    </row>
    <row r="290709" spans="14:14">
      <c r="N290709" s="10"/>
    </row>
    <row r="290710" spans="14:14">
      <c r="N290710" s="10"/>
    </row>
    <row r="290711" spans="14:14">
      <c r="N290711" s="10"/>
    </row>
    <row r="290712" spans="14:14">
      <c r="N290712" s="10"/>
    </row>
    <row r="290713" spans="14:14">
      <c r="N290713" s="10"/>
    </row>
    <row r="290714" spans="14:14">
      <c r="N290714" s="10"/>
    </row>
    <row r="290715" spans="14:14">
      <c r="N290715" s="10"/>
    </row>
    <row r="290716" spans="14:14">
      <c r="N290716" s="10"/>
    </row>
    <row r="290717" spans="14:14">
      <c r="N290717" s="10"/>
    </row>
    <row r="290718" spans="14:14">
      <c r="N290718" s="10"/>
    </row>
    <row r="290719" spans="14:14">
      <c r="N290719" s="10"/>
    </row>
    <row r="290720" spans="14:14">
      <c r="N290720" s="10"/>
    </row>
    <row r="290721" spans="14:14">
      <c r="N290721" s="10"/>
    </row>
    <row r="290722" spans="14:14">
      <c r="N290722" s="10"/>
    </row>
    <row r="290723" spans="14:14">
      <c r="N290723" s="10"/>
    </row>
    <row r="290724" spans="14:14">
      <c r="N290724" s="10"/>
    </row>
    <row r="290725" spans="14:14">
      <c r="N290725" s="10"/>
    </row>
    <row r="290726" spans="14:14">
      <c r="N290726" s="10"/>
    </row>
    <row r="290727" spans="14:14">
      <c r="N290727" s="10"/>
    </row>
    <row r="290728" spans="14:14">
      <c r="N290728" s="10"/>
    </row>
    <row r="290729" spans="14:14">
      <c r="N290729" s="10"/>
    </row>
    <row r="290730" spans="14:14">
      <c r="N290730" s="10"/>
    </row>
    <row r="290731" spans="14:14">
      <c r="N290731" s="10"/>
    </row>
    <row r="290732" spans="14:14">
      <c r="N290732" s="10"/>
    </row>
    <row r="290733" spans="14:14">
      <c r="N290733" s="10"/>
    </row>
    <row r="290734" spans="14:14">
      <c r="N290734" s="10"/>
    </row>
    <row r="290735" spans="14:14">
      <c r="N290735" s="10"/>
    </row>
    <row r="290736" spans="14:14">
      <c r="N290736" s="10"/>
    </row>
    <row r="290737" spans="14:14">
      <c r="N290737" s="10"/>
    </row>
    <row r="290738" spans="14:14">
      <c r="N290738" s="10"/>
    </row>
    <row r="290739" spans="14:14">
      <c r="N290739" s="10"/>
    </row>
    <row r="290740" spans="14:14">
      <c r="N290740" s="10"/>
    </row>
    <row r="290741" spans="14:14">
      <c r="N290741" s="10"/>
    </row>
    <row r="290742" spans="14:14">
      <c r="N290742" s="10"/>
    </row>
    <row r="290743" spans="14:14">
      <c r="N290743" s="10"/>
    </row>
    <row r="290744" spans="14:14">
      <c r="N290744" s="10"/>
    </row>
    <row r="290745" spans="14:14">
      <c r="N290745" s="10"/>
    </row>
    <row r="290746" spans="14:14">
      <c r="N290746" s="10"/>
    </row>
    <row r="290747" spans="14:14">
      <c r="N290747" s="10"/>
    </row>
    <row r="290748" spans="14:14">
      <c r="N290748" s="10"/>
    </row>
    <row r="290749" spans="14:14">
      <c r="N290749" s="10"/>
    </row>
    <row r="290750" spans="14:14">
      <c r="N290750" s="10"/>
    </row>
    <row r="290751" spans="14:14">
      <c r="N290751" s="10"/>
    </row>
    <row r="290752" spans="14:14">
      <c r="N290752" s="10"/>
    </row>
    <row r="290753" spans="14:14">
      <c r="N290753" s="10"/>
    </row>
    <row r="290754" spans="14:14">
      <c r="N290754" s="10"/>
    </row>
    <row r="290755" spans="14:14">
      <c r="N290755" s="10"/>
    </row>
    <row r="290756" spans="14:14">
      <c r="N290756" s="10"/>
    </row>
    <row r="290757" spans="14:14">
      <c r="N290757" s="10"/>
    </row>
    <row r="290758" spans="14:14">
      <c r="N290758" s="10"/>
    </row>
    <row r="290759" spans="14:14">
      <c r="N290759" s="10"/>
    </row>
    <row r="290760" spans="14:14">
      <c r="N290760" s="10"/>
    </row>
    <row r="290761" spans="14:14">
      <c r="N290761" s="10"/>
    </row>
    <row r="290762" spans="14:14">
      <c r="N290762" s="10"/>
    </row>
    <row r="290763" spans="14:14">
      <c r="N290763" s="10"/>
    </row>
    <row r="290764" spans="14:14">
      <c r="N290764" s="10"/>
    </row>
    <row r="290765" spans="14:14">
      <c r="N290765" s="10"/>
    </row>
    <row r="290766" spans="14:14">
      <c r="N290766" s="10"/>
    </row>
    <row r="290767" spans="14:14">
      <c r="N290767" s="10"/>
    </row>
    <row r="290768" spans="14:14">
      <c r="N290768" s="10"/>
    </row>
    <row r="290769" spans="14:14">
      <c r="N290769" s="10"/>
    </row>
    <row r="290770" spans="14:14">
      <c r="N290770" s="10"/>
    </row>
    <row r="290771" spans="14:14">
      <c r="N290771" s="10"/>
    </row>
    <row r="290772" spans="14:14">
      <c r="N290772" s="10"/>
    </row>
    <row r="290773" spans="14:14">
      <c r="N290773" s="10"/>
    </row>
    <row r="290774" spans="14:14">
      <c r="N290774" s="10"/>
    </row>
    <row r="290775" spans="14:14">
      <c r="N290775" s="10"/>
    </row>
    <row r="290776" spans="14:14">
      <c r="N290776" s="10"/>
    </row>
    <row r="290777" spans="14:14">
      <c r="N290777" s="10"/>
    </row>
    <row r="290778" spans="14:14">
      <c r="N290778" s="10"/>
    </row>
    <row r="290779" spans="14:14">
      <c r="N290779" s="10"/>
    </row>
    <row r="290780" spans="14:14">
      <c r="N290780" s="10"/>
    </row>
    <row r="290781" spans="14:14">
      <c r="N290781" s="10"/>
    </row>
    <row r="290782" spans="14:14">
      <c r="N290782" s="10"/>
    </row>
    <row r="290783" spans="14:14">
      <c r="N290783" s="10"/>
    </row>
    <row r="290784" spans="14:14">
      <c r="N290784" s="10"/>
    </row>
    <row r="290785" spans="14:14">
      <c r="N290785" s="10"/>
    </row>
    <row r="290786" spans="14:14">
      <c r="N290786" s="10"/>
    </row>
    <row r="290787" spans="14:14">
      <c r="N290787" s="10"/>
    </row>
    <row r="290788" spans="14:14">
      <c r="N290788" s="10"/>
    </row>
    <row r="290789" spans="14:14">
      <c r="N290789" s="10"/>
    </row>
    <row r="290790" spans="14:14">
      <c r="N290790" s="10"/>
    </row>
    <row r="290791" spans="14:14">
      <c r="N290791" s="10"/>
    </row>
    <row r="290792" spans="14:14">
      <c r="N290792" s="10"/>
    </row>
    <row r="290793" spans="14:14">
      <c r="N290793" s="10"/>
    </row>
    <row r="290794" spans="14:14">
      <c r="N290794" s="10"/>
    </row>
    <row r="290795" spans="14:14">
      <c r="N290795" s="10"/>
    </row>
    <row r="290796" spans="14:14">
      <c r="N290796" s="10"/>
    </row>
    <row r="290797" spans="14:14">
      <c r="N290797" s="10"/>
    </row>
    <row r="290798" spans="14:14">
      <c r="N290798" s="10"/>
    </row>
    <row r="290799" spans="14:14">
      <c r="N290799" s="10"/>
    </row>
    <row r="290800" spans="14:14">
      <c r="N290800" s="10"/>
    </row>
    <row r="290801" spans="14:14">
      <c r="N290801" s="10"/>
    </row>
    <row r="290802" spans="14:14">
      <c r="N290802" s="10"/>
    </row>
    <row r="290803" spans="14:14">
      <c r="N290803" s="10"/>
    </row>
    <row r="290804" spans="14:14">
      <c r="N290804" s="10"/>
    </row>
    <row r="290805" spans="14:14">
      <c r="N290805" s="10"/>
    </row>
    <row r="290806" spans="14:14">
      <c r="N290806" s="10"/>
    </row>
    <row r="290807" spans="14:14">
      <c r="N290807" s="10"/>
    </row>
    <row r="290808" spans="14:14">
      <c r="N290808" s="10"/>
    </row>
    <row r="290809" spans="14:14">
      <c r="N290809" s="10"/>
    </row>
    <row r="290810" spans="14:14">
      <c r="N290810" s="10"/>
    </row>
    <row r="290811" spans="14:14">
      <c r="N290811" s="10"/>
    </row>
    <row r="290812" spans="14:14">
      <c r="N290812" s="10"/>
    </row>
    <row r="290813" spans="14:14">
      <c r="N290813" s="10"/>
    </row>
    <row r="290814" spans="14:14">
      <c r="N290814" s="10"/>
    </row>
    <row r="290815" spans="14:14">
      <c r="N290815" s="10"/>
    </row>
    <row r="290816" spans="14:14">
      <c r="N290816" s="10"/>
    </row>
    <row r="290817" spans="14:14">
      <c r="N290817" s="10"/>
    </row>
    <row r="290818" spans="14:14">
      <c r="N290818" s="10"/>
    </row>
    <row r="290819" spans="14:14">
      <c r="N290819" s="10"/>
    </row>
    <row r="290820" spans="14:14">
      <c r="N290820" s="10"/>
    </row>
    <row r="290821" spans="14:14">
      <c r="N290821" s="10"/>
    </row>
    <row r="290822" spans="14:14">
      <c r="N290822" s="10"/>
    </row>
    <row r="290823" spans="14:14">
      <c r="N290823" s="10"/>
    </row>
    <row r="290824" spans="14:14">
      <c r="N290824" s="10"/>
    </row>
    <row r="290825" spans="14:14">
      <c r="N290825" s="10"/>
    </row>
    <row r="290826" spans="14:14">
      <c r="N290826" s="10"/>
    </row>
    <row r="290827" spans="14:14">
      <c r="N290827" s="10"/>
    </row>
    <row r="290828" spans="14:14">
      <c r="N290828" s="10"/>
    </row>
    <row r="290829" spans="14:14">
      <c r="N290829" s="10"/>
    </row>
    <row r="290830" spans="14:14">
      <c r="N290830" s="10"/>
    </row>
    <row r="290831" spans="14:14">
      <c r="N290831" s="10"/>
    </row>
    <row r="290832" spans="14:14">
      <c r="N290832" s="10"/>
    </row>
    <row r="290833" spans="14:14">
      <c r="N290833" s="10"/>
    </row>
    <row r="290834" spans="14:14">
      <c r="N290834" s="10"/>
    </row>
    <row r="290835" spans="14:14">
      <c r="N290835" s="10"/>
    </row>
    <row r="290836" spans="14:14">
      <c r="N290836" s="10"/>
    </row>
    <row r="290837" spans="14:14">
      <c r="N290837" s="10"/>
    </row>
    <row r="290838" spans="14:14">
      <c r="N290838" s="10"/>
    </row>
    <row r="290839" spans="14:14">
      <c r="N290839" s="10"/>
    </row>
    <row r="290840" spans="14:14">
      <c r="N290840" s="10"/>
    </row>
    <row r="290841" spans="14:14">
      <c r="N290841" s="10"/>
    </row>
    <row r="290842" spans="14:14">
      <c r="N290842" s="10"/>
    </row>
    <row r="290843" spans="14:14">
      <c r="N290843" s="10"/>
    </row>
    <row r="290844" spans="14:14">
      <c r="N290844" s="10"/>
    </row>
    <row r="290845" spans="14:14">
      <c r="N290845" s="10"/>
    </row>
    <row r="290846" spans="14:14">
      <c r="N290846" s="10"/>
    </row>
    <row r="290847" spans="14:14">
      <c r="N290847" s="10"/>
    </row>
    <row r="290848" spans="14:14">
      <c r="N290848" s="10"/>
    </row>
    <row r="290849" spans="14:14">
      <c r="N290849" s="10"/>
    </row>
    <row r="290850" spans="14:14">
      <c r="N290850" s="10"/>
    </row>
    <row r="290851" spans="14:14">
      <c r="N290851" s="10"/>
    </row>
    <row r="290852" spans="14:14">
      <c r="N290852" s="10"/>
    </row>
    <row r="290853" spans="14:14">
      <c r="N290853" s="10"/>
    </row>
    <row r="290854" spans="14:14">
      <c r="N290854" s="10"/>
    </row>
    <row r="290855" spans="14:14">
      <c r="N290855" s="10"/>
    </row>
    <row r="290856" spans="14:14">
      <c r="N290856" s="10"/>
    </row>
    <row r="290857" spans="14:14">
      <c r="N290857" s="10"/>
    </row>
    <row r="290858" spans="14:14">
      <c r="N290858" s="10"/>
    </row>
    <row r="290859" spans="14:14">
      <c r="N290859" s="10"/>
    </row>
    <row r="290860" spans="14:14">
      <c r="N290860" s="10"/>
    </row>
    <row r="290861" spans="14:14">
      <c r="N290861" s="10"/>
    </row>
    <row r="290862" spans="14:14">
      <c r="N290862" s="10"/>
    </row>
    <row r="290863" spans="14:14">
      <c r="N290863" s="10"/>
    </row>
    <row r="290864" spans="14:14">
      <c r="N290864" s="10"/>
    </row>
    <row r="290865" spans="14:14">
      <c r="N290865" s="10"/>
    </row>
    <row r="290866" spans="14:14">
      <c r="N290866" s="10"/>
    </row>
    <row r="290867" spans="14:14">
      <c r="N290867" s="10"/>
    </row>
    <row r="290868" spans="14:14">
      <c r="N290868" s="10"/>
    </row>
    <row r="290869" spans="14:14">
      <c r="N290869" s="10"/>
    </row>
    <row r="290870" spans="14:14">
      <c r="N290870" s="10"/>
    </row>
    <row r="290871" spans="14:14">
      <c r="N290871" s="10"/>
    </row>
    <row r="290872" spans="14:14">
      <c r="N290872" s="10"/>
    </row>
    <row r="290873" spans="14:14">
      <c r="N290873" s="10"/>
    </row>
    <row r="290874" spans="14:14">
      <c r="N290874" s="10"/>
    </row>
    <row r="290875" spans="14:14">
      <c r="N290875" s="10"/>
    </row>
    <row r="290876" spans="14:14">
      <c r="N290876" s="10"/>
    </row>
    <row r="290877" spans="14:14">
      <c r="N290877" s="10"/>
    </row>
    <row r="290878" spans="14:14">
      <c r="N290878" s="10"/>
    </row>
    <row r="290879" spans="14:14">
      <c r="N290879" s="10"/>
    </row>
    <row r="290880" spans="14:14">
      <c r="N290880" s="10"/>
    </row>
    <row r="290881" spans="14:14">
      <c r="N290881" s="10"/>
    </row>
    <row r="290882" spans="14:14">
      <c r="N290882" s="10"/>
    </row>
    <row r="290883" spans="14:14">
      <c r="N290883" s="10"/>
    </row>
    <row r="290884" spans="14:14">
      <c r="N290884" s="10"/>
    </row>
    <row r="290885" spans="14:14">
      <c r="N290885" s="10"/>
    </row>
    <row r="290886" spans="14:14">
      <c r="N290886" s="10"/>
    </row>
    <row r="290887" spans="14:14">
      <c r="N290887" s="10"/>
    </row>
    <row r="290888" spans="14:14">
      <c r="N290888" s="10"/>
    </row>
    <row r="290889" spans="14:14">
      <c r="N290889" s="10"/>
    </row>
    <row r="290890" spans="14:14">
      <c r="N290890" s="10"/>
    </row>
    <row r="290891" spans="14:14">
      <c r="N290891" s="10"/>
    </row>
    <row r="290892" spans="14:14">
      <c r="N290892" s="10"/>
    </row>
    <row r="290893" spans="14:14">
      <c r="N290893" s="10"/>
    </row>
    <row r="290894" spans="14:14">
      <c r="N290894" s="10"/>
    </row>
    <row r="290895" spans="14:14">
      <c r="N290895" s="10"/>
    </row>
    <row r="290896" spans="14:14">
      <c r="N290896" s="10"/>
    </row>
    <row r="290897" spans="14:14">
      <c r="N290897" s="10"/>
    </row>
    <row r="290898" spans="14:14">
      <c r="N290898" s="10"/>
    </row>
    <row r="290899" spans="14:14">
      <c r="N290899" s="10"/>
    </row>
    <row r="290900" spans="14:14">
      <c r="N290900" s="10"/>
    </row>
    <row r="290901" spans="14:14">
      <c r="N290901" s="10"/>
    </row>
    <row r="290902" spans="14:14">
      <c r="N290902" s="10"/>
    </row>
    <row r="290903" spans="14:14">
      <c r="N290903" s="10"/>
    </row>
    <row r="290904" spans="14:14">
      <c r="N290904" s="10"/>
    </row>
    <row r="290905" spans="14:14">
      <c r="N290905" s="10"/>
    </row>
    <row r="290906" spans="14:14">
      <c r="N290906" s="10"/>
    </row>
    <row r="290907" spans="14:14">
      <c r="N290907" s="10"/>
    </row>
    <row r="290908" spans="14:14">
      <c r="N290908" s="10"/>
    </row>
    <row r="290909" spans="14:14">
      <c r="N290909" s="10"/>
    </row>
    <row r="290910" spans="14:14">
      <c r="N290910" s="10"/>
    </row>
    <row r="290911" spans="14:14">
      <c r="N290911" s="10"/>
    </row>
    <row r="290912" spans="14:14">
      <c r="N290912" s="10"/>
    </row>
    <row r="290913" spans="14:14">
      <c r="N290913" s="10"/>
    </row>
    <row r="290914" spans="14:14">
      <c r="N290914" s="10"/>
    </row>
    <row r="290915" spans="14:14">
      <c r="N290915" s="10"/>
    </row>
    <row r="290916" spans="14:14">
      <c r="N290916" s="10"/>
    </row>
    <row r="290917" spans="14:14">
      <c r="N290917" s="10"/>
    </row>
    <row r="290918" spans="14:14">
      <c r="N290918" s="10"/>
    </row>
    <row r="290919" spans="14:14">
      <c r="N290919" s="10"/>
    </row>
    <row r="290920" spans="14:14">
      <c r="N290920" s="10"/>
    </row>
    <row r="290921" spans="14:14">
      <c r="N290921" s="10"/>
    </row>
    <row r="290922" spans="14:14">
      <c r="N290922" s="10"/>
    </row>
    <row r="290923" spans="14:14">
      <c r="N290923" s="10"/>
    </row>
    <row r="290924" spans="14:14">
      <c r="N290924" s="10"/>
    </row>
    <row r="290925" spans="14:14">
      <c r="N290925" s="10"/>
    </row>
    <row r="290926" spans="14:14">
      <c r="N290926" s="10"/>
    </row>
    <row r="290927" spans="14:14">
      <c r="N290927" s="10"/>
    </row>
    <row r="290928" spans="14:14">
      <c r="N290928" s="10"/>
    </row>
    <row r="290929" spans="14:14">
      <c r="N290929" s="10"/>
    </row>
    <row r="290930" spans="14:14">
      <c r="N290930" s="10"/>
    </row>
    <row r="290931" spans="14:14">
      <c r="N290931" s="10"/>
    </row>
    <row r="290932" spans="14:14">
      <c r="N290932" s="10"/>
    </row>
    <row r="290933" spans="14:14">
      <c r="N290933" s="10"/>
    </row>
    <row r="290934" spans="14:14">
      <c r="N290934" s="10"/>
    </row>
    <row r="290935" spans="14:14">
      <c r="N290935" s="10"/>
    </row>
    <row r="290936" spans="14:14">
      <c r="N290936" s="10"/>
    </row>
    <row r="290937" spans="14:14">
      <c r="N290937" s="10"/>
    </row>
    <row r="290938" spans="14:14">
      <c r="N290938" s="10"/>
    </row>
    <row r="290939" spans="14:14">
      <c r="N290939" s="10"/>
    </row>
    <row r="290940" spans="14:14">
      <c r="N290940" s="10"/>
    </row>
    <row r="290941" spans="14:14">
      <c r="N290941" s="10"/>
    </row>
    <row r="290942" spans="14:14">
      <c r="N290942" s="10"/>
    </row>
    <row r="290943" spans="14:14">
      <c r="N290943" s="10"/>
    </row>
    <row r="290944" spans="14:14">
      <c r="N290944" s="10"/>
    </row>
    <row r="290945" spans="14:14">
      <c r="N290945" s="10"/>
    </row>
    <row r="290946" spans="14:14">
      <c r="N290946" s="10"/>
    </row>
    <row r="290947" spans="14:14">
      <c r="N290947" s="10"/>
    </row>
    <row r="290948" spans="14:14">
      <c r="N290948" s="10"/>
    </row>
    <row r="290949" spans="14:14">
      <c r="N290949" s="10"/>
    </row>
    <row r="290950" spans="14:14">
      <c r="N290950" s="10"/>
    </row>
    <row r="290951" spans="14:14">
      <c r="N290951" s="10"/>
    </row>
    <row r="290952" spans="14:14">
      <c r="N290952" s="10"/>
    </row>
    <row r="290953" spans="14:14">
      <c r="N290953" s="10"/>
    </row>
    <row r="290954" spans="14:14">
      <c r="N290954" s="10"/>
    </row>
    <row r="290955" spans="14:14">
      <c r="N290955" s="10"/>
    </row>
    <row r="290956" spans="14:14">
      <c r="N290956" s="10"/>
    </row>
    <row r="290957" spans="14:14">
      <c r="N290957" s="10"/>
    </row>
    <row r="290958" spans="14:14">
      <c r="N290958" s="10"/>
    </row>
    <row r="290959" spans="14:14">
      <c r="N290959" s="10"/>
    </row>
    <row r="290960" spans="14:14">
      <c r="N290960" s="10"/>
    </row>
    <row r="290961" spans="14:14">
      <c r="N290961" s="10"/>
    </row>
    <row r="290962" spans="14:14">
      <c r="N290962" s="10"/>
    </row>
    <row r="290963" spans="14:14">
      <c r="N290963" s="10"/>
    </row>
    <row r="290964" spans="14:14">
      <c r="N290964" s="10"/>
    </row>
    <row r="290965" spans="14:14">
      <c r="N290965" s="10"/>
    </row>
    <row r="290966" spans="14:14">
      <c r="N290966" s="10"/>
    </row>
    <row r="290967" spans="14:14">
      <c r="N290967" s="10"/>
    </row>
    <row r="290968" spans="14:14">
      <c r="N290968" s="10"/>
    </row>
    <row r="290969" spans="14:14">
      <c r="N290969" s="10"/>
    </row>
    <row r="290970" spans="14:14">
      <c r="N290970" s="10"/>
    </row>
    <row r="290971" spans="14:14">
      <c r="N290971" s="10"/>
    </row>
    <row r="290972" spans="14:14">
      <c r="N290972" s="10"/>
    </row>
    <row r="290973" spans="14:14">
      <c r="N290973" s="10"/>
    </row>
    <row r="290974" spans="14:14">
      <c r="N290974" s="10"/>
    </row>
    <row r="290975" spans="14:14">
      <c r="N290975" s="10"/>
    </row>
    <row r="290976" spans="14:14">
      <c r="N290976" s="10"/>
    </row>
    <row r="290977" spans="14:14">
      <c r="N290977" s="10"/>
    </row>
    <row r="290978" spans="14:14">
      <c r="N290978" s="10"/>
    </row>
    <row r="290979" spans="14:14">
      <c r="N290979" s="10"/>
    </row>
    <row r="290980" spans="14:14">
      <c r="N290980" s="10"/>
    </row>
    <row r="290981" spans="14:14">
      <c r="N290981" s="10"/>
    </row>
    <row r="290982" spans="14:14">
      <c r="N290982" s="10"/>
    </row>
    <row r="290983" spans="14:14">
      <c r="N290983" s="10"/>
    </row>
    <row r="290984" spans="14:14">
      <c r="N290984" s="10"/>
    </row>
    <row r="290985" spans="14:14">
      <c r="N290985" s="10"/>
    </row>
    <row r="290986" spans="14:14">
      <c r="N290986" s="10"/>
    </row>
    <row r="290987" spans="14:14">
      <c r="N290987" s="10"/>
    </row>
    <row r="290988" spans="14:14">
      <c r="N290988" s="10"/>
    </row>
    <row r="290989" spans="14:14">
      <c r="N290989" s="10"/>
    </row>
    <row r="290990" spans="14:14">
      <c r="N290990" s="10"/>
    </row>
    <row r="290991" spans="14:14">
      <c r="N290991" s="10"/>
    </row>
    <row r="290992" spans="14:14">
      <c r="N290992" s="10"/>
    </row>
    <row r="290993" spans="14:14">
      <c r="N290993" s="10"/>
    </row>
    <row r="290994" spans="14:14">
      <c r="N290994" s="10"/>
    </row>
    <row r="290995" spans="14:14">
      <c r="N290995" s="10"/>
    </row>
    <row r="290996" spans="14:14">
      <c r="N290996" s="10"/>
    </row>
    <row r="290997" spans="14:14">
      <c r="N290997" s="10"/>
    </row>
    <row r="290998" spans="14:14">
      <c r="N290998" s="10"/>
    </row>
    <row r="290999" spans="14:14">
      <c r="N290999" s="10"/>
    </row>
    <row r="291000" spans="14:14">
      <c r="N291000" s="10"/>
    </row>
    <row r="291001" spans="14:14">
      <c r="N291001" s="10"/>
    </row>
    <row r="291002" spans="14:14">
      <c r="N291002" s="10"/>
    </row>
    <row r="291003" spans="14:14">
      <c r="N291003" s="10"/>
    </row>
    <row r="291004" spans="14:14">
      <c r="N291004" s="10"/>
    </row>
    <row r="291005" spans="14:14">
      <c r="N291005" s="10"/>
    </row>
    <row r="291006" spans="14:14">
      <c r="N291006" s="10"/>
    </row>
    <row r="291007" spans="14:14">
      <c r="N291007" s="10"/>
    </row>
    <row r="291008" spans="14:14">
      <c r="N291008" s="10"/>
    </row>
    <row r="291009" spans="14:14">
      <c r="N291009" s="10"/>
    </row>
    <row r="291010" spans="14:14">
      <c r="N291010" s="10"/>
    </row>
    <row r="291011" spans="14:14">
      <c r="N291011" s="10"/>
    </row>
    <row r="291012" spans="14:14">
      <c r="N291012" s="10"/>
    </row>
    <row r="291013" spans="14:14">
      <c r="N291013" s="10"/>
    </row>
    <row r="291014" spans="14:14">
      <c r="N291014" s="10"/>
    </row>
    <row r="291015" spans="14:14">
      <c r="N291015" s="10"/>
    </row>
    <row r="291016" spans="14:14">
      <c r="N291016" s="10"/>
    </row>
    <row r="291017" spans="14:14">
      <c r="N291017" s="10"/>
    </row>
    <row r="291018" spans="14:14">
      <c r="N291018" s="10"/>
    </row>
    <row r="291019" spans="14:14">
      <c r="N291019" s="10"/>
    </row>
    <row r="291020" spans="14:14">
      <c r="N291020" s="10"/>
    </row>
    <row r="291021" spans="14:14">
      <c r="N291021" s="10"/>
    </row>
    <row r="291022" spans="14:14">
      <c r="N291022" s="10"/>
    </row>
    <row r="291023" spans="14:14">
      <c r="N291023" s="10"/>
    </row>
    <row r="291024" spans="14:14">
      <c r="N291024" s="10"/>
    </row>
    <row r="291025" spans="14:14">
      <c r="N291025" s="10"/>
    </row>
    <row r="291026" spans="14:14">
      <c r="N291026" s="10"/>
    </row>
    <row r="291027" spans="14:14">
      <c r="N291027" s="10"/>
    </row>
    <row r="291028" spans="14:14">
      <c r="N291028" s="10"/>
    </row>
    <row r="291029" spans="14:14">
      <c r="N291029" s="10"/>
    </row>
    <row r="291030" spans="14:14">
      <c r="N291030" s="10"/>
    </row>
    <row r="291031" spans="14:14">
      <c r="N291031" s="10"/>
    </row>
    <row r="291032" spans="14:14">
      <c r="N291032" s="10"/>
    </row>
    <row r="291033" spans="14:14">
      <c r="N291033" s="10"/>
    </row>
    <row r="291034" spans="14:14">
      <c r="N291034" s="10"/>
    </row>
    <row r="291035" spans="14:14">
      <c r="N291035" s="10"/>
    </row>
    <row r="291036" spans="14:14">
      <c r="N291036" s="10"/>
    </row>
    <row r="291037" spans="14:14">
      <c r="N291037" s="10"/>
    </row>
    <row r="291038" spans="14:14">
      <c r="N291038" s="10"/>
    </row>
    <row r="291039" spans="14:14">
      <c r="N291039" s="10"/>
    </row>
    <row r="291040" spans="14:14">
      <c r="N291040" s="10"/>
    </row>
    <row r="291041" spans="14:14">
      <c r="N291041" s="10"/>
    </row>
    <row r="291042" spans="14:14">
      <c r="N291042" s="10"/>
    </row>
    <row r="291043" spans="14:14">
      <c r="N291043" s="10"/>
    </row>
    <row r="291044" spans="14:14">
      <c r="N291044" s="10"/>
    </row>
    <row r="291045" spans="14:14">
      <c r="N291045" s="10"/>
    </row>
    <row r="291046" spans="14:14">
      <c r="N291046" s="10"/>
    </row>
    <row r="291047" spans="14:14">
      <c r="N291047" s="10"/>
    </row>
    <row r="291048" spans="14:14">
      <c r="N291048" s="10"/>
    </row>
    <row r="291049" spans="14:14">
      <c r="N291049" s="10"/>
    </row>
    <row r="291050" spans="14:14">
      <c r="N291050" s="10"/>
    </row>
    <row r="291051" spans="14:14">
      <c r="N291051" s="10"/>
    </row>
    <row r="291052" spans="14:14">
      <c r="N291052" s="10"/>
    </row>
    <row r="291053" spans="14:14">
      <c r="N291053" s="10"/>
    </row>
    <row r="291054" spans="14:14">
      <c r="N291054" s="10"/>
    </row>
    <row r="291055" spans="14:14">
      <c r="N291055" s="10"/>
    </row>
    <row r="291056" spans="14:14">
      <c r="N291056" s="10"/>
    </row>
    <row r="291057" spans="14:14">
      <c r="N291057" s="10"/>
    </row>
    <row r="291058" spans="14:14">
      <c r="N291058" s="10"/>
    </row>
    <row r="291059" spans="14:14">
      <c r="N291059" s="10"/>
    </row>
    <row r="291060" spans="14:14">
      <c r="N291060" s="10"/>
    </row>
    <row r="291061" spans="14:14">
      <c r="N291061" s="10"/>
    </row>
    <row r="291062" spans="14:14">
      <c r="N291062" s="10"/>
    </row>
    <row r="291063" spans="14:14">
      <c r="N291063" s="10"/>
    </row>
    <row r="291064" spans="14:14">
      <c r="N291064" s="10"/>
    </row>
    <row r="291065" spans="14:14">
      <c r="N291065" s="10"/>
    </row>
    <row r="291066" spans="14:14">
      <c r="N291066" s="10"/>
    </row>
    <row r="291067" spans="14:14">
      <c r="N291067" s="10"/>
    </row>
    <row r="291068" spans="14:14">
      <c r="N291068" s="10"/>
    </row>
    <row r="291069" spans="14:14">
      <c r="N291069" s="10"/>
    </row>
    <row r="291070" spans="14:14">
      <c r="N291070" s="10"/>
    </row>
    <row r="291071" spans="14:14">
      <c r="N291071" s="10"/>
    </row>
    <row r="291072" spans="14:14">
      <c r="N291072" s="10"/>
    </row>
    <row r="291073" spans="14:14">
      <c r="N291073" s="10"/>
    </row>
    <row r="291074" spans="14:14">
      <c r="N291074" s="10"/>
    </row>
    <row r="291075" spans="14:14">
      <c r="N291075" s="10"/>
    </row>
    <row r="291076" spans="14:14">
      <c r="N291076" s="10"/>
    </row>
    <row r="291077" spans="14:14">
      <c r="N291077" s="10"/>
    </row>
    <row r="291078" spans="14:14">
      <c r="N291078" s="10"/>
    </row>
    <row r="291079" spans="14:14">
      <c r="N291079" s="10"/>
    </row>
    <row r="291080" spans="14:14">
      <c r="N291080" s="10"/>
    </row>
    <row r="291081" spans="14:14">
      <c r="N291081" s="10"/>
    </row>
    <row r="291082" spans="14:14">
      <c r="N291082" s="10"/>
    </row>
    <row r="291083" spans="14:14">
      <c r="N291083" s="10"/>
    </row>
    <row r="291084" spans="14:14">
      <c r="N291084" s="10"/>
    </row>
    <row r="291085" spans="14:14">
      <c r="N291085" s="10"/>
    </row>
    <row r="291086" spans="14:14">
      <c r="N291086" s="10"/>
    </row>
    <row r="291087" spans="14:14">
      <c r="N291087" s="10"/>
    </row>
    <row r="291088" spans="14:14">
      <c r="N291088" s="10"/>
    </row>
    <row r="291089" spans="14:14">
      <c r="N291089" s="10"/>
    </row>
    <row r="291090" spans="14:14">
      <c r="N291090" s="10"/>
    </row>
    <row r="291091" spans="14:14">
      <c r="N291091" s="10"/>
    </row>
    <row r="291092" spans="14:14">
      <c r="N291092" s="10"/>
    </row>
    <row r="291093" spans="14:14">
      <c r="N291093" s="10"/>
    </row>
    <row r="291094" spans="14:14">
      <c r="N291094" s="10"/>
    </row>
    <row r="291095" spans="14:14">
      <c r="N291095" s="10"/>
    </row>
    <row r="291096" spans="14:14">
      <c r="N291096" s="10"/>
    </row>
    <row r="291097" spans="14:14">
      <c r="N291097" s="10"/>
    </row>
    <row r="291098" spans="14:14">
      <c r="N291098" s="10"/>
    </row>
    <row r="291099" spans="14:14">
      <c r="N291099" s="10"/>
    </row>
    <row r="291100" spans="14:14">
      <c r="N291100" s="10"/>
    </row>
    <row r="291101" spans="14:14">
      <c r="N291101" s="10"/>
    </row>
    <row r="291102" spans="14:14">
      <c r="N291102" s="10"/>
    </row>
    <row r="291103" spans="14:14">
      <c r="N291103" s="10"/>
    </row>
    <row r="291104" spans="14:14">
      <c r="N291104" s="10"/>
    </row>
    <row r="291105" spans="14:14">
      <c r="N291105" s="10"/>
    </row>
    <row r="291106" spans="14:14">
      <c r="N291106" s="10"/>
    </row>
    <row r="291107" spans="14:14">
      <c r="N291107" s="10"/>
    </row>
    <row r="291108" spans="14:14">
      <c r="N291108" s="10"/>
    </row>
    <row r="291109" spans="14:14">
      <c r="N291109" s="10"/>
    </row>
    <row r="291110" spans="14:14">
      <c r="N291110" s="10"/>
    </row>
    <row r="291111" spans="14:14">
      <c r="N291111" s="10"/>
    </row>
    <row r="291112" spans="14:14">
      <c r="N291112" s="10"/>
    </row>
    <row r="291113" spans="14:14">
      <c r="N291113" s="10"/>
    </row>
    <row r="291114" spans="14:14">
      <c r="N291114" s="10"/>
    </row>
    <row r="291115" spans="14:14">
      <c r="N291115" s="10"/>
    </row>
    <row r="291116" spans="14:14">
      <c r="N291116" s="10"/>
    </row>
    <row r="291117" spans="14:14">
      <c r="N291117" s="10"/>
    </row>
    <row r="291118" spans="14:14">
      <c r="N291118" s="10"/>
    </row>
    <row r="291119" spans="14:14">
      <c r="N291119" s="10"/>
    </row>
    <row r="291120" spans="14:14">
      <c r="N291120" s="10"/>
    </row>
    <row r="291121" spans="14:14">
      <c r="N291121" s="10"/>
    </row>
    <row r="291122" spans="14:14">
      <c r="N291122" s="10"/>
    </row>
    <row r="291123" spans="14:14">
      <c r="N291123" s="10"/>
    </row>
    <row r="291124" spans="14:14">
      <c r="N291124" s="10"/>
    </row>
    <row r="291125" spans="14:14">
      <c r="N291125" s="10"/>
    </row>
    <row r="291126" spans="14:14">
      <c r="N291126" s="10"/>
    </row>
    <row r="291127" spans="14:14">
      <c r="N291127" s="10"/>
    </row>
    <row r="291128" spans="14:14">
      <c r="N291128" s="10"/>
    </row>
    <row r="291129" spans="14:14">
      <c r="N291129" s="10"/>
    </row>
    <row r="291130" spans="14:14">
      <c r="N291130" s="10"/>
    </row>
    <row r="291131" spans="14:14">
      <c r="N291131" s="10"/>
    </row>
    <row r="291132" spans="14:14">
      <c r="N291132" s="10"/>
    </row>
    <row r="291133" spans="14:14">
      <c r="N291133" s="10"/>
    </row>
    <row r="291134" spans="14:14">
      <c r="N291134" s="10"/>
    </row>
    <row r="291135" spans="14:14">
      <c r="N291135" s="10"/>
    </row>
    <row r="291136" spans="14:14">
      <c r="N291136" s="10"/>
    </row>
    <row r="291137" spans="14:14">
      <c r="N291137" s="10"/>
    </row>
    <row r="291138" spans="14:14">
      <c r="N291138" s="10"/>
    </row>
    <row r="291139" spans="14:14">
      <c r="N291139" s="10"/>
    </row>
    <row r="291140" spans="14:14">
      <c r="N291140" s="10"/>
    </row>
    <row r="291141" spans="14:14">
      <c r="N291141" s="10"/>
    </row>
    <row r="291142" spans="14:14">
      <c r="N291142" s="10"/>
    </row>
    <row r="291143" spans="14:14">
      <c r="N291143" s="10"/>
    </row>
    <row r="291144" spans="14:14">
      <c r="N291144" s="10"/>
    </row>
    <row r="291145" spans="14:14">
      <c r="N291145" s="10"/>
    </row>
    <row r="291146" spans="14:14">
      <c r="N291146" s="10"/>
    </row>
    <row r="291147" spans="14:14">
      <c r="N291147" s="10"/>
    </row>
    <row r="291148" spans="14:14">
      <c r="N291148" s="10"/>
    </row>
    <row r="291149" spans="14:14">
      <c r="N291149" s="10"/>
    </row>
    <row r="291150" spans="14:14">
      <c r="N291150" s="10"/>
    </row>
    <row r="291151" spans="14:14">
      <c r="N291151" s="10"/>
    </row>
    <row r="291152" spans="14:14">
      <c r="N291152" s="10"/>
    </row>
    <row r="291153" spans="14:14">
      <c r="N291153" s="10"/>
    </row>
    <row r="291154" spans="14:14">
      <c r="N291154" s="10"/>
    </row>
    <row r="291155" spans="14:14">
      <c r="N291155" s="10"/>
    </row>
    <row r="291156" spans="14:14">
      <c r="N291156" s="10"/>
    </row>
    <row r="291157" spans="14:14">
      <c r="N291157" s="10"/>
    </row>
    <row r="291158" spans="14:14">
      <c r="N291158" s="10"/>
    </row>
    <row r="291159" spans="14:14">
      <c r="N291159" s="10"/>
    </row>
    <row r="291160" spans="14:14">
      <c r="N291160" s="10"/>
    </row>
    <row r="291161" spans="14:14">
      <c r="N291161" s="10"/>
    </row>
    <row r="291162" spans="14:14">
      <c r="N291162" s="10"/>
    </row>
    <row r="291163" spans="14:14">
      <c r="N291163" s="10"/>
    </row>
    <row r="291164" spans="14:14">
      <c r="N291164" s="10"/>
    </row>
    <row r="291165" spans="14:14">
      <c r="N291165" s="10"/>
    </row>
    <row r="291166" spans="14:14">
      <c r="N291166" s="10"/>
    </row>
    <row r="291167" spans="14:14">
      <c r="N291167" s="10"/>
    </row>
    <row r="291168" spans="14:14">
      <c r="N291168" s="10"/>
    </row>
    <row r="291169" spans="14:14">
      <c r="N291169" s="10"/>
    </row>
    <row r="291170" spans="14:14">
      <c r="N291170" s="10"/>
    </row>
    <row r="291171" spans="14:14">
      <c r="N291171" s="10"/>
    </row>
    <row r="291172" spans="14:14">
      <c r="N291172" s="10"/>
    </row>
    <row r="291173" spans="14:14">
      <c r="N291173" s="10"/>
    </row>
    <row r="291174" spans="14:14">
      <c r="N291174" s="10"/>
    </row>
    <row r="291175" spans="14:14">
      <c r="N291175" s="10"/>
    </row>
    <row r="291176" spans="14:14">
      <c r="N291176" s="10"/>
    </row>
    <row r="291177" spans="14:14">
      <c r="N291177" s="10"/>
    </row>
    <row r="291178" spans="14:14">
      <c r="N291178" s="10"/>
    </row>
    <row r="291179" spans="14:14">
      <c r="N291179" s="10"/>
    </row>
    <row r="291180" spans="14:14">
      <c r="N291180" s="10"/>
    </row>
    <row r="291181" spans="14:14">
      <c r="N291181" s="10"/>
    </row>
    <row r="291182" spans="14:14">
      <c r="N291182" s="10"/>
    </row>
    <row r="291183" spans="14:14">
      <c r="N291183" s="10"/>
    </row>
    <row r="291184" spans="14:14">
      <c r="N291184" s="10"/>
    </row>
    <row r="291185" spans="14:14">
      <c r="N291185" s="10"/>
    </row>
    <row r="291186" spans="14:14">
      <c r="N291186" s="10"/>
    </row>
    <row r="291187" spans="14:14">
      <c r="N291187" s="10"/>
    </row>
    <row r="291188" spans="14:14">
      <c r="N291188" s="10"/>
    </row>
    <row r="291189" spans="14:14">
      <c r="N291189" s="10"/>
    </row>
    <row r="291190" spans="14:14">
      <c r="N291190" s="10"/>
    </row>
    <row r="291191" spans="14:14">
      <c r="N291191" s="10"/>
    </row>
    <row r="291192" spans="14:14">
      <c r="N291192" s="10"/>
    </row>
    <row r="291193" spans="14:14">
      <c r="N291193" s="10"/>
    </row>
    <row r="291194" spans="14:14">
      <c r="N291194" s="10"/>
    </row>
    <row r="291195" spans="14:14">
      <c r="N291195" s="10"/>
    </row>
    <row r="291196" spans="14:14">
      <c r="N291196" s="10"/>
    </row>
    <row r="291197" spans="14:14">
      <c r="N291197" s="10"/>
    </row>
    <row r="291198" spans="14:14">
      <c r="N291198" s="10"/>
    </row>
    <row r="291199" spans="14:14">
      <c r="N291199" s="10"/>
    </row>
    <row r="291200" spans="14:14">
      <c r="N291200" s="10"/>
    </row>
    <row r="291201" spans="14:14">
      <c r="N291201" s="10"/>
    </row>
    <row r="291202" spans="14:14">
      <c r="N291202" s="10"/>
    </row>
    <row r="291203" spans="14:14">
      <c r="N291203" s="10"/>
    </row>
    <row r="291204" spans="14:14">
      <c r="N291204" s="10"/>
    </row>
    <row r="291205" spans="14:14">
      <c r="N291205" s="10"/>
    </row>
    <row r="291206" spans="14:14">
      <c r="N291206" s="10"/>
    </row>
    <row r="291207" spans="14:14">
      <c r="N291207" s="10"/>
    </row>
    <row r="291208" spans="14:14">
      <c r="N291208" s="10"/>
    </row>
    <row r="291209" spans="14:14">
      <c r="N291209" s="10"/>
    </row>
    <row r="291210" spans="14:14">
      <c r="N291210" s="10"/>
    </row>
    <row r="291211" spans="14:14">
      <c r="N291211" s="10"/>
    </row>
    <row r="291212" spans="14:14">
      <c r="N291212" s="10"/>
    </row>
    <row r="291213" spans="14:14">
      <c r="N291213" s="10"/>
    </row>
    <row r="291214" spans="14:14">
      <c r="N291214" s="10"/>
    </row>
    <row r="291215" spans="14:14">
      <c r="N291215" s="10"/>
    </row>
    <row r="291216" spans="14:14">
      <c r="N291216" s="10"/>
    </row>
    <row r="291217" spans="14:14">
      <c r="N291217" s="10"/>
    </row>
    <row r="291218" spans="14:14">
      <c r="N291218" s="10"/>
    </row>
    <row r="291219" spans="14:14">
      <c r="N291219" s="10"/>
    </row>
    <row r="291220" spans="14:14">
      <c r="N291220" s="10"/>
    </row>
    <row r="291221" spans="14:14">
      <c r="N291221" s="10"/>
    </row>
    <row r="291222" spans="14:14">
      <c r="N291222" s="10"/>
    </row>
    <row r="291223" spans="14:14">
      <c r="N291223" s="10"/>
    </row>
    <row r="291224" spans="14:14">
      <c r="N291224" s="10"/>
    </row>
    <row r="291225" spans="14:14">
      <c r="N291225" s="10"/>
    </row>
    <row r="291226" spans="14:14">
      <c r="N291226" s="10"/>
    </row>
    <row r="291227" spans="14:14">
      <c r="N291227" s="10"/>
    </row>
    <row r="291228" spans="14:14">
      <c r="N291228" s="10"/>
    </row>
    <row r="291229" spans="14:14">
      <c r="N291229" s="10"/>
    </row>
    <row r="291230" spans="14:14">
      <c r="N291230" s="10"/>
    </row>
    <row r="291231" spans="14:14">
      <c r="N291231" s="10"/>
    </row>
    <row r="291232" spans="14:14">
      <c r="N291232" s="10"/>
    </row>
    <row r="291233" spans="14:14">
      <c r="N291233" s="10"/>
    </row>
    <row r="291234" spans="14:14">
      <c r="N291234" s="10"/>
    </row>
    <row r="291235" spans="14:14">
      <c r="N291235" s="10"/>
    </row>
    <row r="291236" spans="14:14">
      <c r="N291236" s="10"/>
    </row>
    <row r="291237" spans="14:14">
      <c r="N291237" s="10"/>
    </row>
    <row r="291238" spans="14:14">
      <c r="N291238" s="10"/>
    </row>
    <row r="291239" spans="14:14">
      <c r="N291239" s="10"/>
    </row>
    <row r="291240" spans="14:14">
      <c r="N291240" s="10"/>
    </row>
    <row r="291241" spans="14:14">
      <c r="N291241" s="10"/>
    </row>
    <row r="291242" spans="14:14">
      <c r="N291242" s="10"/>
    </row>
    <row r="291243" spans="14:14">
      <c r="N291243" s="10"/>
    </row>
    <row r="291244" spans="14:14">
      <c r="N291244" s="10"/>
    </row>
    <row r="291245" spans="14:14">
      <c r="N291245" s="10"/>
    </row>
    <row r="291246" spans="14:14">
      <c r="N291246" s="10"/>
    </row>
    <row r="291247" spans="14:14">
      <c r="N291247" s="10"/>
    </row>
    <row r="291248" spans="14:14">
      <c r="N291248" s="10"/>
    </row>
    <row r="291249" spans="14:14">
      <c r="N291249" s="10"/>
    </row>
    <row r="291250" spans="14:14">
      <c r="N291250" s="10"/>
    </row>
    <row r="291251" spans="14:14">
      <c r="N291251" s="10"/>
    </row>
    <row r="291252" spans="14:14">
      <c r="N291252" s="10"/>
    </row>
    <row r="291253" spans="14:14">
      <c r="N291253" s="10"/>
    </row>
    <row r="291254" spans="14:14">
      <c r="N291254" s="10"/>
    </row>
    <row r="291255" spans="14:14">
      <c r="N291255" s="10"/>
    </row>
    <row r="291256" spans="14:14">
      <c r="N291256" s="10"/>
    </row>
    <row r="291257" spans="14:14">
      <c r="N291257" s="10"/>
    </row>
    <row r="291258" spans="14:14">
      <c r="N291258" s="10"/>
    </row>
    <row r="291259" spans="14:14">
      <c r="N291259" s="10"/>
    </row>
    <row r="291260" spans="14:14">
      <c r="N291260" s="10"/>
    </row>
    <row r="291261" spans="14:14">
      <c r="N291261" s="10"/>
    </row>
    <row r="291262" spans="14:14">
      <c r="N291262" s="10"/>
    </row>
    <row r="291263" spans="14:14">
      <c r="N291263" s="10"/>
    </row>
    <row r="291264" spans="14:14">
      <c r="N291264" s="10"/>
    </row>
    <row r="291265" spans="14:14">
      <c r="N291265" s="10"/>
    </row>
    <row r="291266" spans="14:14">
      <c r="N291266" s="10"/>
    </row>
    <row r="291267" spans="14:14">
      <c r="N291267" s="10"/>
    </row>
    <row r="291268" spans="14:14">
      <c r="N291268" s="10"/>
    </row>
    <row r="291269" spans="14:14">
      <c r="N291269" s="10"/>
    </row>
    <row r="291270" spans="14:14">
      <c r="N291270" s="10"/>
    </row>
    <row r="291271" spans="14:14">
      <c r="N291271" s="10"/>
    </row>
    <row r="291272" spans="14:14">
      <c r="N291272" s="10"/>
    </row>
    <row r="291273" spans="14:14">
      <c r="N291273" s="10"/>
    </row>
    <row r="291274" spans="14:14">
      <c r="N291274" s="10"/>
    </row>
    <row r="291275" spans="14:14">
      <c r="N291275" s="10"/>
    </row>
    <row r="291276" spans="14:14">
      <c r="N291276" s="10"/>
    </row>
    <row r="291277" spans="14:14">
      <c r="N291277" s="10"/>
    </row>
    <row r="291278" spans="14:14">
      <c r="N291278" s="10"/>
    </row>
    <row r="291279" spans="14:14">
      <c r="N291279" s="10"/>
    </row>
    <row r="291280" spans="14:14">
      <c r="N291280" s="10"/>
    </row>
    <row r="291281" spans="14:14">
      <c r="N291281" s="10"/>
    </row>
    <row r="291282" spans="14:14">
      <c r="N291282" s="10"/>
    </row>
    <row r="291283" spans="14:14">
      <c r="N291283" s="10"/>
    </row>
    <row r="291284" spans="14:14">
      <c r="N291284" s="10"/>
    </row>
    <row r="291285" spans="14:14">
      <c r="N291285" s="10"/>
    </row>
    <row r="291286" spans="14:14">
      <c r="N291286" s="10"/>
    </row>
    <row r="291287" spans="14:14">
      <c r="N291287" s="10"/>
    </row>
    <row r="291288" spans="14:14">
      <c r="N291288" s="10"/>
    </row>
    <row r="291289" spans="14:14">
      <c r="N291289" s="10"/>
    </row>
    <row r="291290" spans="14:14">
      <c r="N291290" s="10"/>
    </row>
    <row r="291291" spans="14:14">
      <c r="N291291" s="10"/>
    </row>
    <row r="291292" spans="14:14">
      <c r="N291292" s="10"/>
    </row>
    <row r="291293" spans="14:14">
      <c r="N291293" s="10"/>
    </row>
    <row r="291294" spans="14:14">
      <c r="N291294" s="10"/>
    </row>
    <row r="291295" spans="14:14">
      <c r="N291295" s="10"/>
    </row>
    <row r="291296" spans="14:14">
      <c r="N291296" s="10"/>
    </row>
    <row r="291297" spans="14:14">
      <c r="N291297" s="10"/>
    </row>
    <row r="291298" spans="14:14">
      <c r="N291298" s="10"/>
    </row>
    <row r="291299" spans="14:14">
      <c r="N291299" s="10"/>
    </row>
    <row r="291300" spans="14:14">
      <c r="N291300" s="10"/>
    </row>
    <row r="291301" spans="14:14">
      <c r="N291301" s="10"/>
    </row>
    <row r="291302" spans="14:14">
      <c r="N291302" s="10"/>
    </row>
    <row r="291303" spans="14:14">
      <c r="N291303" s="10"/>
    </row>
    <row r="291304" spans="14:14">
      <c r="N291304" s="10"/>
    </row>
    <row r="291305" spans="14:14">
      <c r="N291305" s="10"/>
    </row>
    <row r="291306" spans="14:14">
      <c r="N291306" s="10"/>
    </row>
    <row r="291307" spans="14:14">
      <c r="N291307" s="10"/>
    </row>
    <row r="291308" spans="14:14">
      <c r="N291308" s="10"/>
    </row>
    <row r="291309" spans="14:14">
      <c r="N291309" s="10"/>
    </row>
    <row r="291310" spans="14:14">
      <c r="N291310" s="10"/>
    </row>
    <row r="291311" spans="14:14">
      <c r="N291311" s="10"/>
    </row>
    <row r="291312" spans="14:14">
      <c r="N291312" s="10"/>
    </row>
    <row r="291313" spans="14:14">
      <c r="N291313" s="10"/>
    </row>
    <row r="291314" spans="14:14">
      <c r="N291314" s="10"/>
    </row>
    <row r="291315" spans="14:14">
      <c r="N291315" s="10"/>
    </row>
    <row r="291316" spans="14:14">
      <c r="N291316" s="10"/>
    </row>
    <row r="291317" spans="14:14">
      <c r="N291317" s="10"/>
    </row>
    <row r="291318" spans="14:14">
      <c r="N291318" s="10"/>
    </row>
    <row r="291319" spans="14:14">
      <c r="N291319" s="10"/>
    </row>
    <row r="291320" spans="14:14">
      <c r="N291320" s="10"/>
    </row>
    <row r="291321" spans="14:14">
      <c r="N291321" s="10"/>
    </row>
    <row r="291322" spans="14:14">
      <c r="N291322" s="10"/>
    </row>
    <row r="291323" spans="14:14">
      <c r="N291323" s="10"/>
    </row>
    <row r="291324" spans="14:14">
      <c r="N291324" s="10"/>
    </row>
    <row r="291325" spans="14:14">
      <c r="N291325" s="10"/>
    </row>
    <row r="291326" spans="14:14">
      <c r="N291326" s="10"/>
    </row>
    <row r="291327" spans="14:14">
      <c r="N291327" s="10"/>
    </row>
    <row r="291328" spans="14:14">
      <c r="N291328" s="10"/>
    </row>
    <row r="291329" spans="14:14">
      <c r="N291329" s="10"/>
    </row>
    <row r="291330" spans="14:14">
      <c r="N291330" s="10"/>
    </row>
    <row r="291331" spans="14:14">
      <c r="N291331" s="10"/>
    </row>
    <row r="291332" spans="14:14">
      <c r="N291332" s="10"/>
    </row>
    <row r="291333" spans="14:14">
      <c r="N291333" s="10"/>
    </row>
    <row r="291334" spans="14:14">
      <c r="N291334" s="10"/>
    </row>
    <row r="291335" spans="14:14">
      <c r="N291335" s="10"/>
    </row>
    <row r="291336" spans="14:14">
      <c r="N291336" s="10"/>
    </row>
    <row r="291337" spans="14:14">
      <c r="N291337" s="10"/>
    </row>
    <row r="291338" spans="14:14">
      <c r="N291338" s="10"/>
    </row>
    <row r="291339" spans="14:14">
      <c r="N291339" s="10"/>
    </row>
    <row r="291340" spans="14:14">
      <c r="N291340" s="10"/>
    </row>
    <row r="291341" spans="14:14">
      <c r="N291341" s="10"/>
    </row>
    <row r="291342" spans="14:14">
      <c r="N291342" s="10"/>
    </row>
    <row r="291343" spans="14:14">
      <c r="N291343" s="10"/>
    </row>
    <row r="291344" spans="14:14">
      <c r="N291344" s="10"/>
    </row>
    <row r="291345" spans="14:14">
      <c r="N291345" s="10"/>
    </row>
    <row r="291346" spans="14:14">
      <c r="N291346" s="10"/>
    </row>
    <row r="291347" spans="14:14">
      <c r="N291347" s="10"/>
    </row>
    <row r="291348" spans="14:14">
      <c r="N291348" s="10"/>
    </row>
    <row r="291349" spans="14:14">
      <c r="N291349" s="10"/>
    </row>
    <row r="291350" spans="14:14">
      <c r="N291350" s="10"/>
    </row>
    <row r="291351" spans="14:14">
      <c r="N291351" s="10"/>
    </row>
    <row r="291352" spans="14:14">
      <c r="N291352" s="10"/>
    </row>
    <row r="291353" spans="14:14">
      <c r="N291353" s="10"/>
    </row>
    <row r="291354" spans="14:14">
      <c r="N291354" s="10"/>
    </row>
    <row r="291355" spans="14:14">
      <c r="N291355" s="10"/>
    </row>
    <row r="291356" spans="14:14">
      <c r="N291356" s="10"/>
    </row>
    <row r="291357" spans="14:14">
      <c r="N291357" s="10"/>
    </row>
    <row r="291358" spans="14:14">
      <c r="N291358" s="10"/>
    </row>
    <row r="291359" spans="14:14">
      <c r="N291359" s="10"/>
    </row>
    <row r="291360" spans="14:14">
      <c r="N291360" s="10"/>
    </row>
    <row r="291361" spans="14:14">
      <c r="N291361" s="10"/>
    </row>
    <row r="291362" spans="14:14">
      <c r="N291362" s="10"/>
    </row>
    <row r="291363" spans="14:14">
      <c r="N291363" s="10"/>
    </row>
    <row r="291364" spans="14:14">
      <c r="N291364" s="10"/>
    </row>
    <row r="291365" spans="14:14">
      <c r="N291365" s="10"/>
    </row>
    <row r="291366" spans="14:14">
      <c r="N291366" s="10"/>
    </row>
    <row r="291367" spans="14:14">
      <c r="N291367" s="10"/>
    </row>
    <row r="291368" spans="14:14">
      <c r="N291368" s="10"/>
    </row>
    <row r="291369" spans="14:14">
      <c r="N291369" s="10"/>
    </row>
    <row r="291370" spans="14:14">
      <c r="N291370" s="10"/>
    </row>
    <row r="291371" spans="14:14">
      <c r="N291371" s="10"/>
    </row>
    <row r="291372" spans="14:14">
      <c r="N291372" s="10"/>
    </row>
    <row r="291373" spans="14:14">
      <c r="N291373" s="10"/>
    </row>
    <row r="291374" spans="14:14">
      <c r="N291374" s="10"/>
    </row>
    <row r="291375" spans="14:14">
      <c r="N291375" s="10"/>
    </row>
    <row r="291376" spans="14:14">
      <c r="N291376" s="10"/>
    </row>
    <row r="291377" spans="14:14">
      <c r="N291377" s="10"/>
    </row>
    <row r="291378" spans="14:14">
      <c r="N291378" s="10"/>
    </row>
    <row r="291379" spans="14:14">
      <c r="N291379" s="10"/>
    </row>
    <row r="291380" spans="14:14">
      <c r="N291380" s="10"/>
    </row>
    <row r="291381" spans="14:14">
      <c r="N291381" s="10"/>
    </row>
    <row r="291382" spans="14:14">
      <c r="N291382" s="10"/>
    </row>
    <row r="291383" spans="14:14">
      <c r="N291383" s="10"/>
    </row>
    <row r="291384" spans="14:14">
      <c r="N291384" s="10"/>
    </row>
    <row r="291385" spans="14:14">
      <c r="N291385" s="10"/>
    </row>
    <row r="291386" spans="14:14">
      <c r="N291386" s="10"/>
    </row>
    <row r="291387" spans="14:14">
      <c r="N291387" s="10"/>
    </row>
    <row r="291388" spans="14:14">
      <c r="N291388" s="10"/>
    </row>
    <row r="291389" spans="14:14">
      <c r="N291389" s="10"/>
    </row>
    <row r="291390" spans="14:14">
      <c r="N291390" s="10"/>
    </row>
    <row r="291391" spans="14:14">
      <c r="N291391" s="10"/>
    </row>
    <row r="291392" spans="14:14">
      <c r="N291392" s="10"/>
    </row>
    <row r="291393" spans="14:14">
      <c r="N291393" s="10"/>
    </row>
    <row r="291394" spans="14:14">
      <c r="N291394" s="10"/>
    </row>
    <row r="291395" spans="14:14">
      <c r="N291395" s="10"/>
    </row>
    <row r="291396" spans="14:14">
      <c r="N291396" s="10"/>
    </row>
    <row r="291397" spans="14:14">
      <c r="N291397" s="10"/>
    </row>
    <row r="291398" spans="14:14">
      <c r="N291398" s="10"/>
    </row>
    <row r="291399" spans="14:14">
      <c r="N291399" s="10"/>
    </row>
    <row r="291400" spans="14:14">
      <c r="N291400" s="10"/>
    </row>
    <row r="291401" spans="14:14">
      <c r="N291401" s="10"/>
    </row>
    <row r="291402" spans="14:14">
      <c r="N291402" s="10"/>
    </row>
    <row r="291403" spans="14:14">
      <c r="N291403" s="10"/>
    </row>
    <row r="291404" spans="14:14">
      <c r="N291404" s="10"/>
    </row>
    <row r="291405" spans="14:14">
      <c r="N291405" s="10"/>
    </row>
    <row r="291406" spans="14:14">
      <c r="N291406" s="10"/>
    </row>
    <row r="291407" spans="14:14">
      <c r="N291407" s="10"/>
    </row>
    <row r="291408" spans="14:14">
      <c r="N291408" s="10"/>
    </row>
    <row r="291409" spans="14:14">
      <c r="N291409" s="10"/>
    </row>
    <row r="291410" spans="14:14">
      <c r="N291410" s="10"/>
    </row>
    <row r="291411" spans="14:14">
      <c r="N291411" s="10"/>
    </row>
    <row r="291412" spans="14:14">
      <c r="N291412" s="10"/>
    </row>
    <row r="291413" spans="14:14">
      <c r="N291413" s="10"/>
    </row>
    <row r="291414" spans="14:14">
      <c r="N291414" s="10"/>
    </row>
    <row r="291415" spans="14:14">
      <c r="N291415" s="10"/>
    </row>
    <row r="291416" spans="14:14">
      <c r="N291416" s="10"/>
    </row>
    <row r="291417" spans="14:14">
      <c r="N291417" s="10"/>
    </row>
    <row r="291418" spans="14:14">
      <c r="N291418" s="10"/>
    </row>
    <row r="291419" spans="14:14">
      <c r="N291419" s="10"/>
    </row>
    <row r="291420" spans="14:14">
      <c r="N291420" s="10"/>
    </row>
    <row r="291421" spans="14:14">
      <c r="N291421" s="10"/>
    </row>
    <row r="291422" spans="14:14">
      <c r="N291422" s="10"/>
    </row>
    <row r="291423" spans="14:14">
      <c r="N291423" s="10"/>
    </row>
    <row r="291424" spans="14:14">
      <c r="N291424" s="10"/>
    </row>
    <row r="291425" spans="14:14">
      <c r="N291425" s="10"/>
    </row>
    <row r="291426" spans="14:14">
      <c r="N291426" s="10"/>
    </row>
    <row r="291427" spans="14:14">
      <c r="N291427" s="10"/>
    </row>
    <row r="291428" spans="14:14">
      <c r="N291428" s="10"/>
    </row>
    <row r="291429" spans="14:14">
      <c r="N291429" s="10"/>
    </row>
    <row r="291430" spans="14:14">
      <c r="N291430" s="10"/>
    </row>
    <row r="291431" spans="14:14">
      <c r="N291431" s="10"/>
    </row>
    <row r="291432" spans="14:14">
      <c r="N291432" s="10"/>
    </row>
    <row r="291433" spans="14:14">
      <c r="N291433" s="10"/>
    </row>
    <row r="291434" spans="14:14">
      <c r="N291434" s="10"/>
    </row>
    <row r="291435" spans="14:14">
      <c r="N291435" s="10"/>
    </row>
    <row r="291436" spans="14:14">
      <c r="N291436" s="10"/>
    </row>
    <row r="291437" spans="14:14">
      <c r="N291437" s="10"/>
    </row>
    <row r="291438" spans="14:14">
      <c r="N291438" s="10"/>
    </row>
    <row r="291439" spans="14:14">
      <c r="N291439" s="10"/>
    </row>
    <row r="291440" spans="14:14">
      <c r="N291440" s="10"/>
    </row>
    <row r="291441" spans="14:14">
      <c r="N291441" s="10"/>
    </row>
    <row r="291442" spans="14:14">
      <c r="N291442" s="10"/>
    </row>
    <row r="291443" spans="14:14">
      <c r="N291443" s="10"/>
    </row>
    <row r="291444" spans="14:14">
      <c r="N291444" s="10"/>
    </row>
    <row r="291445" spans="14:14">
      <c r="N291445" s="10"/>
    </row>
    <row r="291446" spans="14:14">
      <c r="N291446" s="10"/>
    </row>
    <row r="291447" spans="14:14">
      <c r="N291447" s="10"/>
    </row>
    <row r="291448" spans="14:14">
      <c r="N291448" s="10"/>
    </row>
    <row r="291449" spans="14:14">
      <c r="N291449" s="10"/>
    </row>
    <row r="291450" spans="14:14">
      <c r="N291450" s="10"/>
    </row>
    <row r="291451" spans="14:14">
      <c r="N291451" s="10"/>
    </row>
    <row r="291452" spans="14:14">
      <c r="N291452" s="10"/>
    </row>
    <row r="291453" spans="14:14">
      <c r="N291453" s="10"/>
    </row>
    <row r="291454" spans="14:14">
      <c r="N291454" s="10"/>
    </row>
    <row r="291455" spans="14:14">
      <c r="N291455" s="10"/>
    </row>
    <row r="291456" spans="14:14">
      <c r="N291456" s="10"/>
    </row>
    <row r="291457" spans="14:14">
      <c r="N291457" s="10"/>
    </row>
    <row r="291458" spans="14:14">
      <c r="N291458" s="10"/>
    </row>
    <row r="291459" spans="14:14">
      <c r="N291459" s="10"/>
    </row>
    <row r="291460" spans="14:14">
      <c r="N291460" s="10"/>
    </row>
    <row r="291461" spans="14:14">
      <c r="N291461" s="10"/>
    </row>
    <row r="291462" spans="14:14">
      <c r="N291462" s="10"/>
    </row>
    <row r="291463" spans="14:14">
      <c r="N291463" s="10"/>
    </row>
    <row r="291464" spans="14:14">
      <c r="N291464" s="10"/>
    </row>
    <row r="291465" spans="14:14">
      <c r="N291465" s="10"/>
    </row>
    <row r="291466" spans="14:14">
      <c r="N291466" s="10"/>
    </row>
    <row r="291467" spans="14:14">
      <c r="N291467" s="10"/>
    </row>
    <row r="291468" spans="14:14">
      <c r="N291468" s="10"/>
    </row>
    <row r="291469" spans="14:14">
      <c r="N291469" s="10"/>
    </row>
    <row r="291470" spans="14:14">
      <c r="N291470" s="10"/>
    </row>
    <row r="291471" spans="14:14">
      <c r="N291471" s="10"/>
    </row>
    <row r="291472" spans="14:14">
      <c r="N291472" s="10"/>
    </row>
    <row r="291473" spans="14:14">
      <c r="N291473" s="10"/>
    </row>
    <row r="291474" spans="14:14">
      <c r="N291474" s="10"/>
    </row>
    <row r="291475" spans="14:14">
      <c r="N291475" s="10"/>
    </row>
    <row r="291476" spans="14:14">
      <c r="N291476" s="10"/>
    </row>
    <row r="291477" spans="14:14">
      <c r="N291477" s="10"/>
    </row>
    <row r="291478" spans="14:14">
      <c r="N291478" s="10"/>
    </row>
    <row r="291479" spans="14:14">
      <c r="N291479" s="10"/>
    </row>
    <row r="291480" spans="14:14">
      <c r="N291480" s="10"/>
    </row>
    <row r="291481" spans="14:14">
      <c r="N291481" s="10"/>
    </row>
    <row r="291482" spans="14:14">
      <c r="N291482" s="10"/>
    </row>
    <row r="291483" spans="14:14">
      <c r="N291483" s="10"/>
    </row>
    <row r="291484" spans="14:14">
      <c r="N291484" s="10"/>
    </row>
    <row r="291485" spans="14:14">
      <c r="N291485" s="10"/>
    </row>
    <row r="291486" spans="14:14">
      <c r="N291486" s="10"/>
    </row>
    <row r="291487" spans="14:14">
      <c r="N291487" s="10"/>
    </row>
    <row r="291488" spans="14:14">
      <c r="N291488" s="10"/>
    </row>
    <row r="291489" spans="14:14">
      <c r="N291489" s="10"/>
    </row>
    <row r="291490" spans="14:14">
      <c r="N291490" s="10"/>
    </row>
    <row r="291491" spans="14:14">
      <c r="N291491" s="10"/>
    </row>
    <row r="291492" spans="14:14">
      <c r="N291492" s="10"/>
    </row>
    <row r="291493" spans="14:14">
      <c r="N291493" s="10"/>
    </row>
    <row r="291494" spans="14:14">
      <c r="N291494" s="10"/>
    </row>
    <row r="291495" spans="14:14">
      <c r="N291495" s="10"/>
    </row>
    <row r="291496" spans="14:14">
      <c r="N291496" s="10"/>
    </row>
    <row r="291497" spans="14:14">
      <c r="N291497" s="10"/>
    </row>
    <row r="291498" spans="14:14">
      <c r="N291498" s="10"/>
    </row>
    <row r="291499" spans="14:14">
      <c r="N291499" s="10"/>
    </row>
    <row r="291500" spans="14:14">
      <c r="N291500" s="10"/>
    </row>
    <row r="291501" spans="14:14">
      <c r="N291501" s="10"/>
    </row>
    <row r="291502" spans="14:14">
      <c r="N291502" s="10"/>
    </row>
    <row r="291503" spans="14:14">
      <c r="N291503" s="10"/>
    </row>
    <row r="291504" spans="14:14">
      <c r="N291504" s="10"/>
    </row>
    <row r="291505" spans="14:14">
      <c r="N291505" s="10"/>
    </row>
    <row r="291506" spans="14:14">
      <c r="N291506" s="10"/>
    </row>
    <row r="291507" spans="14:14">
      <c r="N291507" s="10"/>
    </row>
    <row r="291508" spans="14:14">
      <c r="N291508" s="10"/>
    </row>
    <row r="291509" spans="14:14">
      <c r="N291509" s="10"/>
    </row>
    <row r="291510" spans="14:14">
      <c r="N291510" s="10"/>
    </row>
    <row r="291511" spans="14:14">
      <c r="N291511" s="10"/>
    </row>
    <row r="291512" spans="14:14">
      <c r="N291512" s="10"/>
    </row>
    <row r="291513" spans="14:14">
      <c r="N291513" s="10"/>
    </row>
    <row r="291514" spans="14:14">
      <c r="N291514" s="10"/>
    </row>
    <row r="291515" spans="14:14">
      <c r="N291515" s="10"/>
    </row>
    <row r="291516" spans="14:14">
      <c r="N291516" s="10"/>
    </row>
    <row r="291517" spans="14:14">
      <c r="N291517" s="10"/>
    </row>
    <row r="291518" spans="14:14">
      <c r="N291518" s="10"/>
    </row>
    <row r="291519" spans="14:14">
      <c r="N291519" s="10"/>
    </row>
    <row r="291520" spans="14:14">
      <c r="N291520" s="10"/>
    </row>
    <row r="291521" spans="14:14">
      <c r="N291521" s="10"/>
    </row>
    <row r="291522" spans="14:14">
      <c r="N291522" s="10"/>
    </row>
    <row r="291523" spans="14:14">
      <c r="N291523" s="10"/>
    </row>
    <row r="291524" spans="14:14">
      <c r="N291524" s="10"/>
    </row>
    <row r="291525" spans="14:14">
      <c r="N291525" s="10"/>
    </row>
    <row r="291526" spans="14:14">
      <c r="N291526" s="10"/>
    </row>
    <row r="291527" spans="14:14">
      <c r="N291527" s="10"/>
    </row>
    <row r="291528" spans="14:14">
      <c r="N291528" s="10"/>
    </row>
    <row r="291529" spans="14:14">
      <c r="N291529" s="10"/>
    </row>
    <row r="291530" spans="14:14">
      <c r="N291530" s="10"/>
    </row>
    <row r="291531" spans="14:14">
      <c r="N291531" s="10"/>
    </row>
    <row r="291532" spans="14:14">
      <c r="N291532" s="10"/>
    </row>
    <row r="291533" spans="14:14">
      <c r="N291533" s="10"/>
    </row>
    <row r="291534" spans="14:14">
      <c r="N291534" s="10"/>
    </row>
    <row r="291535" spans="14:14">
      <c r="N291535" s="10"/>
    </row>
    <row r="291536" spans="14:14">
      <c r="N291536" s="10"/>
    </row>
    <row r="291537" spans="14:14">
      <c r="N291537" s="10"/>
    </row>
    <row r="291538" spans="14:14">
      <c r="N291538" s="10"/>
    </row>
    <row r="291539" spans="14:14">
      <c r="N291539" s="10"/>
    </row>
    <row r="291540" spans="14:14">
      <c r="N291540" s="10"/>
    </row>
    <row r="291541" spans="14:14">
      <c r="N291541" s="10"/>
    </row>
    <row r="291542" spans="14:14">
      <c r="N291542" s="10"/>
    </row>
    <row r="291543" spans="14:14">
      <c r="N291543" s="10"/>
    </row>
    <row r="291544" spans="14:14">
      <c r="N291544" s="10"/>
    </row>
    <row r="291545" spans="14:14">
      <c r="N291545" s="10"/>
    </row>
    <row r="291546" spans="14:14">
      <c r="N291546" s="10"/>
    </row>
    <row r="291547" spans="14:14">
      <c r="N291547" s="10"/>
    </row>
    <row r="291548" spans="14:14">
      <c r="N291548" s="10"/>
    </row>
    <row r="291549" spans="14:14">
      <c r="N291549" s="10"/>
    </row>
    <row r="291550" spans="14:14">
      <c r="N291550" s="10"/>
    </row>
    <row r="291551" spans="14:14">
      <c r="N291551" s="10"/>
    </row>
    <row r="291552" spans="14:14">
      <c r="N291552" s="10"/>
    </row>
    <row r="291553" spans="14:14">
      <c r="N291553" s="10"/>
    </row>
    <row r="291554" spans="14:14">
      <c r="N291554" s="10"/>
    </row>
    <row r="291555" spans="14:14">
      <c r="N291555" s="10"/>
    </row>
    <row r="291556" spans="14:14">
      <c r="N291556" s="10"/>
    </row>
    <row r="291557" spans="14:14">
      <c r="N291557" s="10"/>
    </row>
    <row r="291558" spans="14:14">
      <c r="N291558" s="10"/>
    </row>
    <row r="291559" spans="14:14">
      <c r="N291559" s="10"/>
    </row>
    <row r="291560" spans="14:14">
      <c r="N291560" s="10"/>
    </row>
    <row r="291561" spans="14:14">
      <c r="N291561" s="10"/>
    </row>
    <row r="291562" spans="14:14">
      <c r="N291562" s="10"/>
    </row>
    <row r="291563" spans="14:14">
      <c r="N291563" s="10"/>
    </row>
    <row r="291564" spans="14:14">
      <c r="N291564" s="10"/>
    </row>
    <row r="291565" spans="14:14">
      <c r="N291565" s="10"/>
    </row>
    <row r="291566" spans="14:14">
      <c r="N291566" s="10"/>
    </row>
    <row r="291567" spans="14:14">
      <c r="N291567" s="10"/>
    </row>
    <row r="291568" spans="14:14">
      <c r="N291568" s="10"/>
    </row>
    <row r="291569" spans="14:14">
      <c r="N291569" s="10"/>
    </row>
    <row r="291570" spans="14:14">
      <c r="N291570" s="10"/>
    </row>
    <row r="291571" spans="14:14">
      <c r="N291571" s="10"/>
    </row>
    <row r="291572" spans="14:14">
      <c r="N291572" s="10"/>
    </row>
    <row r="291573" spans="14:14">
      <c r="N291573" s="10"/>
    </row>
    <row r="291574" spans="14:14">
      <c r="N291574" s="10"/>
    </row>
    <row r="291575" spans="14:14">
      <c r="N291575" s="10"/>
    </row>
    <row r="291576" spans="14:14">
      <c r="N291576" s="10"/>
    </row>
    <row r="291577" spans="14:14">
      <c r="N291577" s="10"/>
    </row>
    <row r="291578" spans="14:14">
      <c r="N291578" s="10"/>
    </row>
    <row r="291579" spans="14:14">
      <c r="N291579" s="10"/>
    </row>
    <row r="291580" spans="14:14">
      <c r="N291580" s="10"/>
    </row>
    <row r="291581" spans="14:14">
      <c r="N291581" s="10"/>
    </row>
    <row r="291582" spans="14:14">
      <c r="N291582" s="10"/>
    </row>
    <row r="291583" spans="14:14">
      <c r="N291583" s="10"/>
    </row>
    <row r="291584" spans="14:14">
      <c r="N291584" s="10"/>
    </row>
    <row r="291585" spans="14:14">
      <c r="N291585" s="10"/>
    </row>
    <row r="291586" spans="14:14">
      <c r="N291586" s="10"/>
    </row>
    <row r="291587" spans="14:14">
      <c r="N291587" s="10"/>
    </row>
    <row r="291588" spans="14:14">
      <c r="N291588" s="10"/>
    </row>
    <row r="291589" spans="14:14">
      <c r="N291589" s="10"/>
    </row>
    <row r="291590" spans="14:14">
      <c r="N291590" s="10"/>
    </row>
    <row r="291591" spans="14:14">
      <c r="N291591" s="10"/>
    </row>
    <row r="291592" spans="14:14">
      <c r="N291592" s="10"/>
    </row>
    <row r="291593" spans="14:14">
      <c r="N291593" s="10"/>
    </row>
    <row r="291594" spans="14:14">
      <c r="N291594" s="10"/>
    </row>
    <row r="291595" spans="14:14">
      <c r="N291595" s="10"/>
    </row>
    <row r="291596" spans="14:14">
      <c r="N291596" s="10"/>
    </row>
    <row r="291597" spans="14:14">
      <c r="N291597" s="10"/>
    </row>
    <row r="291598" spans="14:14">
      <c r="N291598" s="10"/>
    </row>
    <row r="291599" spans="14:14">
      <c r="N291599" s="10"/>
    </row>
    <row r="291600" spans="14:14">
      <c r="N291600" s="10"/>
    </row>
    <row r="291601" spans="14:14">
      <c r="N291601" s="10"/>
    </row>
    <row r="291602" spans="14:14">
      <c r="N291602" s="10"/>
    </row>
    <row r="291603" spans="14:14">
      <c r="N291603" s="10"/>
    </row>
    <row r="291604" spans="14:14">
      <c r="N291604" s="10"/>
    </row>
    <row r="291605" spans="14:14">
      <c r="N291605" s="10"/>
    </row>
    <row r="291606" spans="14:14">
      <c r="N291606" s="10"/>
    </row>
    <row r="291607" spans="14:14">
      <c r="N291607" s="10"/>
    </row>
    <row r="291608" spans="14:14">
      <c r="N291608" s="10"/>
    </row>
    <row r="291609" spans="14:14">
      <c r="N291609" s="10"/>
    </row>
    <row r="291610" spans="14:14">
      <c r="N291610" s="10"/>
    </row>
    <row r="291611" spans="14:14">
      <c r="N291611" s="10"/>
    </row>
    <row r="291612" spans="14:14">
      <c r="N291612" s="10"/>
    </row>
    <row r="291613" spans="14:14">
      <c r="N291613" s="10"/>
    </row>
    <row r="291614" spans="14:14">
      <c r="N291614" s="10"/>
    </row>
    <row r="291615" spans="14:14">
      <c r="N291615" s="10"/>
    </row>
    <row r="291616" spans="14:14">
      <c r="N291616" s="10"/>
    </row>
    <row r="291617" spans="14:14">
      <c r="N291617" s="10"/>
    </row>
    <row r="291618" spans="14:14">
      <c r="N291618" s="10"/>
    </row>
    <row r="291619" spans="14:14">
      <c r="N291619" s="10"/>
    </row>
    <row r="291620" spans="14:14">
      <c r="N291620" s="10"/>
    </row>
    <row r="291621" spans="14:14">
      <c r="N291621" s="10"/>
    </row>
    <row r="291622" spans="14:14">
      <c r="N291622" s="10"/>
    </row>
    <row r="291623" spans="14:14">
      <c r="N291623" s="10"/>
    </row>
    <row r="291624" spans="14:14">
      <c r="N291624" s="10"/>
    </row>
    <row r="291625" spans="14:14">
      <c r="N291625" s="10"/>
    </row>
    <row r="291626" spans="14:14">
      <c r="N291626" s="10"/>
    </row>
    <row r="291627" spans="14:14">
      <c r="N291627" s="10"/>
    </row>
    <row r="291628" spans="14:14">
      <c r="N291628" s="10"/>
    </row>
    <row r="291629" spans="14:14">
      <c r="N291629" s="10"/>
    </row>
    <row r="291630" spans="14:14">
      <c r="N291630" s="10"/>
    </row>
    <row r="291631" spans="14:14">
      <c r="N291631" s="10"/>
    </row>
    <row r="291632" spans="14:14">
      <c r="N291632" s="10"/>
    </row>
    <row r="291633" spans="14:14">
      <c r="N291633" s="10"/>
    </row>
    <row r="291634" spans="14:14">
      <c r="N291634" s="10"/>
    </row>
    <row r="291635" spans="14:14">
      <c r="N291635" s="10"/>
    </row>
    <row r="291636" spans="14:14">
      <c r="N291636" s="10"/>
    </row>
    <row r="291637" spans="14:14">
      <c r="N291637" s="10"/>
    </row>
    <row r="291638" spans="14:14">
      <c r="N291638" s="10"/>
    </row>
    <row r="291639" spans="14:14">
      <c r="N291639" s="10"/>
    </row>
    <row r="291640" spans="14:14">
      <c r="N291640" s="10"/>
    </row>
    <row r="291641" spans="14:14">
      <c r="N291641" s="10"/>
    </row>
    <row r="291642" spans="14:14">
      <c r="N291642" s="10"/>
    </row>
    <row r="291643" spans="14:14">
      <c r="N291643" s="10"/>
    </row>
    <row r="291644" spans="14:14">
      <c r="N291644" s="10"/>
    </row>
    <row r="291645" spans="14:14">
      <c r="N291645" s="10"/>
    </row>
    <row r="291646" spans="14:14">
      <c r="N291646" s="10"/>
    </row>
    <row r="291647" spans="14:14">
      <c r="N291647" s="10"/>
    </row>
    <row r="291648" spans="14:14">
      <c r="N291648" s="10"/>
    </row>
    <row r="291649" spans="14:14">
      <c r="N291649" s="10"/>
    </row>
    <row r="291650" spans="14:14">
      <c r="N291650" s="10"/>
    </row>
    <row r="291651" spans="14:14">
      <c r="N291651" s="10"/>
    </row>
    <row r="291652" spans="14:14">
      <c r="N291652" s="10"/>
    </row>
    <row r="291653" spans="14:14">
      <c r="N291653" s="10"/>
    </row>
    <row r="291654" spans="14:14">
      <c r="N291654" s="10"/>
    </row>
    <row r="291655" spans="14:14">
      <c r="N291655" s="10"/>
    </row>
    <row r="291656" spans="14:14">
      <c r="N291656" s="10"/>
    </row>
    <row r="291657" spans="14:14">
      <c r="N291657" s="10"/>
    </row>
    <row r="291658" spans="14:14">
      <c r="N291658" s="10"/>
    </row>
    <row r="291659" spans="14:14">
      <c r="N291659" s="10"/>
    </row>
    <row r="291660" spans="14:14">
      <c r="N291660" s="10"/>
    </row>
    <row r="291661" spans="14:14">
      <c r="N291661" s="10"/>
    </row>
    <row r="291662" spans="14:14">
      <c r="N291662" s="10"/>
    </row>
    <row r="291663" spans="14:14">
      <c r="N291663" s="10"/>
    </row>
    <row r="291664" spans="14:14">
      <c r="N291664" s="10"/>
    </row>
    <row r="291665" spans="14:14">
      <c r="N291665" s="10"/>
    </row>
    <row r="291666" spans="14:14">
      <c r="N291666" s="10"/>
    </row>
    <row r="291667" spans="14:14">
      <c r="N291667" s="10"/>
    </row>
    <row r="291668" spans="14:14">
      <c r="N291668" s="10"/>
    </row>
    <row r="291669" spans="14:14">
      <c r="N291669" s="10"/>
    </row>
    <row r="291670" spans="14:14">
      <c r="N291670" s="10"/>
    </row>
    <row r="291671" spans="14:14">
      <c r="N291671" s="10"/>
    </row>
    <row r="291672" spans="14:14">
      <c r="N291672" s="10"/>
    </row>
    <row r="291673" spans="14:14">
      <c r="N291673" s="10"/>
    </row>
    <row r="291674" spans="14:14">
      <c r="N291674" s="10"/>
    </row>
    <row r="291675" spans="14:14">
      <c r="N291675" s="10"/>
    </row>
    <row r="291676" spans="14:14">
      <c r="N291676" s="10"/>
    </row>
    <row r="291677" spans="14:14">
      <c r="N291677" s="10"/>
    </row>
    <row r="291678" spans="14:14">
      <c r="N291678" s="10"/>
    </row>
    <row r="291679" spans="14:14">
      <c r="N291679" s="10"/>
    </row>
    <row r="291680" spans="14:14">
      <c r="N291680" s="10"/>
    </row>
    <row r="291681" spans="14:14">
      <c r="N291681" s="10"/>
    </row>
    <row r="291682" spans="14:14">
      <c r="N291682" s="10"/>
    </row>
    <row r="291683" spans="14:14">
      <c r="N291683" s="10"/>
    </row>
    <row r="291684" spans="14:14">
      <c r="N291684" s="10"/>
    </row>
    <row r="291685" spans="14:14">
      <c r="N291685" s="10"/>
    </row>
    <row r="291686" spans="14:14">
      <c r="N291686" s="10"/>
    </row>
    <row r="291687" spans="14:14">
      <c r="N291687" s="10"/>
    </row>
    <row r="291688" spans="14:14">
      <c r="N291688" s="10"/>
    </row>
    <row r="291689" spans="14:14">
      <c r="N291689" s="10"/>
    </row>
    <row r="291690" spans="14:14">
      <c r="N291690" s="10"/>
    </row>
    <row r="291691" spans="14:14">
      <c r="N291691" s="10"/>
    </row>
    <row r="291692" spans="14:14">
      <c r="N291692" s="10"/>
    </row>
    <row r="291693" spans="14:14">
      <c r="N291693" s="10"/>
    </row>
    <row r="291694" spans="14:14">
      <c r="N291694" s="10"/>
    </row>
    <row r="291695" spans="14:14">
      <c r="N291695" s="10"/>
    </row>
    <row r="291696" spans="14:14">
      <c r="N291696" s="10"/>
    </row>
    <row r="291697" spans="14:14">
      <c r="N291697" s="10"/>
    </row>
    <row r="291698" spans="14:14">
      <c r="N291698" s="10"/>
    </row>
    <row r="291699" spans="14:14">
      <c r="N291699" s="10"/>
    </row>
    <row r="291700" spans="14:14">
      <c r="N291700" s="10"/>
    </row>
    <row r="291701" spans="14:14">
      <c r="N291701" s="10"/>
    </row>
    <row r="291702" spans="14:14">
      <c r="N291702" s="10"/>
    </row>
    <row r="291703" spans="14:14">
      <c r="N291703" s="10"/>
    </row>
    <row r="291704" spans="14:14">
      <c r="N291704" s="10"/>
    </row>
    <row r="291705" spans="14:14">
      <c r="N291705" s="10"/>
    </row>
    <row r="291706" spans="14:14">
      <c r="N291706" s="10"/>
    </row>
    <row r="291707" spans="14:14">
      <c r="N291707" s="10"/>
    </row>
    <row r="291708" spans="14:14">
      <c r="N291708" s="10"/>
    </row>
    <row r="291709" spans="14:14">
      <c r="N291709" s="10"/>
    </row>
    <row r="291710" spans="14:14">
      <c r="N291710" s="10"/>
    </row>
    <row r="291711" spans="14:14">
      <c r="N291711" s="10"/>
    </row>
    <row r="291712" spans="14:14">
      <c r="N291712" s="10"/>
    </row>
    <row r="291713" spans="14:14">
      <c r="N291713" s="10"/>
    </row>
    <row r="291714" spans="14:14">
      <c r="N291714" s="10"/>
    </row>
    <row r="291715" spans="14:14">
      <c r="N291715" s="10"/>
    </row>
    <row r="291716" spans="14:14">
      <c r="N291716" s="10"/>
    </row>
    <row r="291717" spans="14:14">
      <c r="N291717" s="10"/>
    </row>
    <row r="291718" spans="14:14">
      <c r="N291718" s="10"/>
    </row>
    <row r="291719" spans="14:14">
      <c r="N291719" s="10"/>
    </row>
    <row r="291720" spans="14:14">
      <c r="N291720" s="10"/>
    </row>
    <row r="291721" spans="14:14">
      <c r="N291721" s="10"/>
    </row>
    <row r="291722" spans="14:14">
      <c r="N291722" s="10"/>
    </row>
    <row r="291723" spans="14:14">
      <c r="N291723" s="10"/>
    </row>
    <row r="291724" spans="14:14">
      <c r="N291724" s="10"/>
    </row>
    <row r="291725" spans="14:14">
      <c r="N291725" s="10"/>
    </row>
    <row r="291726" spans="14:14">
      <c r="N291726" s="10"/>
    </row>
    <row r="291727" spans="14:14">
      <c r="N291727" s="10"/>
    </row>
    <row r="291728" spans="14:14">
      <c r="N291728" s="10"/>
    </row>
    <row r="291729" spans="14:14">
      <c r="N291729" s="10"/>
    </row>
    <row r="291730" spans="14:14">
      <c r="N291730" s="10"/>
    </row>
    <row r="291731" spans="14:14">
      <c r="N291731" s="10"/>
    </row>
    <row r="291732" spans="14:14">
      <c r="N291732" s="10"/>
    </row>
    <row r="291733" spans="14:14">
      <c r="N291733" s="10"/>
    </row>
    <row r="291734" spans="14:14">
      <c r="N291734" s="10"/>
    </row>
    <row r="291735" spans="14:14">
      <c r="N291735" s="10"/>
    </row>
    <row r="291736" spans="14:14">
      <c r="N291736" s="10"/>
    </row>
    <row r="291737" spans="14:14">
      <c r="N291737" s="10"/>
    </row>
    <row r="291738" spans="14:14">
      <c r="N291738" s="10"/>
    </row>
    <row r="291739" spans="14:14">
      <c r="N291739" s="10"/>
    </row>
    <row r="291740" spans="14:14">
      <c r="N291740" s="10"/>
    </row>
    <row r="291741" spans="14:14">
      <c r="N291741" s="10"/>
    </row>
    <row r="291742" spans="14:14">
      <c r="N291742" s="10"/>
    </row>
    <row r="291743" spans="14:14">
      <c r="N291743" s="10"/>
    </row>
    <row r="291744" spans="14:14">
      <c r="N291744" s="10"/>
    </row>
    <row r="291745" spans="14:14">
      <c r="N291745" s="10"/>
    </row>
    <row r="291746" spans="14:14">
      <c r="N291746" s="10"/>
    </row>
    <row r="291747" spans="14:14">
      <c r="N291747" s="10"/>
    </row>
    <row r="291748" spans="14:14">
      <c r="N291748" s="10"/>
    </row>
    <row r="291749" spans="14:14">
      <c r="N291749" s="10"/>
    </row>
    <row r="291750" spans="14:14">
      <c r="N291750" s="10"/>
    </row>
    <row r="291751" spans="14:14">
      <c r="N291751" s="10"/>
    </row>
    <row r="291752" spans="14:14">
      <c r="N291752" s="10"/>
    </row>
    <row r="291753" spans="14:14">
      <c r="N291753" s="10"/>
    </row>
    <row r="291754" spans="14:14">
      <c r="N291754" s="10"/>
    </row>
    <row r="291755" spans="14:14">
      <c r="N291755" s="10"/>
    </row>
    <row r="291756" spans="14:14">
      <c r="N291756" s="10"/>
    </row>
    <row r="291757" spans="14:14">
      <c r="N291757" s="10"/>
    </row>
    <row r="291758" spans="14:14">
      <c r="N291758" s="10"/>
    </row>
    <row r="291759" spans="14:14">
      <c r="N291759" s="10"/>
    </row>
    <row r="291760" spans="14:14">
      <c r="N291760" s="10"/>
    </row>
    <row r="291761" spans="14:14">
      <c r="N291761" s="10"/>
    </row>
    <row r="291762" spans="14:14">
      <c r="N291762" s="10"/>
    </row>
    <row r="291763" spans="14:14">
      <c r="N291763" s="10"/>
    </row>
    <row r="291764" spans="14:14">
      <c r="N291764" s="10"/>
    </row>
    <row r="291765" spans="14:14">
      <c r="N291765" s="10"/>
    </row>
    <row r="291766" spans="14:14">
      <c r="N291766" s="10"/>
    </row>
    <row r="291767" spans="14:14">
      <c r="N291767" s="10"/>
    </row>
    <row r="291768" spans="14:14">
      <c r="N291768" s="10"/>
    </row>
    <row r="291769" spans="14:14">
      <c r="N291769" s="10"/>
    </row>
    <row r="291770" spans="14:14">
      <c r="N291770" s="10"/>
    </row>
    <row r="291771" spans="14:14">
      <c r="N291771" s="10"/>
    </row>
    <row r="291772" spans="14:14">
      <c r="N291772" s="10"/>
    </row>
    <row r="291773" spans="14:14">
      <c r="N291773" s="10"/>
    </row>
    <row r="291774" spans="14:14">
      <c r="N291774" s="10"/>
    </row>
    <row r="291775" spans="14:14">
      <c r="N291775" s="10"/>
    </row>
    <row r="291776" spans="14:14">
      <c r="N291776" s="10"/>
    </row>
    <row r="291777" spans="14:14">
      <c r="N291777" s="10"/>
    </row>
    <row r="291778" spans="14:14">
      <c r="N291778" s="10"/>
    </row>
    <row r="291779" spans="14:14">
      <c r="N291779" s="10"/>
    </row>
    <row r="291780" spans="14:14">
      <c r="N291780" s="10"/>
    </row>
    <row r="291781" spans="14:14">
      <c r="N291781" s="10"/>
    </row>
    <row r="291782" spans="14:14">
      <c r="N291782" s="10"/>
    </row>
    <row r="291783" spans="14:14">
      <c r="N291783" s="10"/>
    </row>
    <row r="291784" spans="14:14">
      <c r="N291784" s="10"/>
    </row>
    <row r="291785" spans="14:14">
      <c r="N291785" s="10"/>
    </row>
    <row r="291786" spans="14:14">
      <c r="N291786" s="10"/>
    </row>
    <row r="291787" spans="14:14">
      <c r="N291787" s="10"/>
    </row>
    <row r="291788" spans="14:14">
      <c r="N291788" s="10"/>
    </row>
    <row r="291789" spans="14:14">
      <c r="N291789" s="10"/>
    </row>
    <row r="291790" spans="14:14">
      <c r="N291790" s="10"/>
    </row>
    <row r="291791" spans="14:14">
      <c r="N291791" s="10"/>
    </row>
    <row r="291792" spans="14:14">
      <c r="N291792" s="10"/>
    </row>
    <row r="291793" spans="14:14">
      <c r="N291793" s="10"/>
    </row>
    <row r="291794" spans="14:14">
      <c r="N291794" s="10"/>
    </row>
    <row r="291795" spans="14:14">
      <c r="N291795" s="10"/>
    </row>
    <row r="291796" spans="14:14">
      <c r="N291796" s="10"/>
    </row>
    <row r="291797" spans="14:14">
      <c r="N291797" s="10"/>
    </row>
    <row r="291798" spans="14:14">
      <c r="N291798" s="10"/>
    </row>
    <row r="291799" spans="14:14">
      <c r="N291799" s="10"/>
    </row>
    <row r="291800" spans="14:14">
      <c r="N291800" s="10"/>
    </row>
    <row r="291801" spans="14:14">
      <c r="N291801" s="10"/>
    </row>
    <row r="291802" spans="14:14">
      <c r="N291802" s="10"/>
    </row>
    <row r="291803" spans="14:14">
      <c r="N291803" s="10"/>
    </row>
    <row r="291804" spans="14:14">
      <c r="N291804" s="10"/>
    </row>
    <row r="291805" spans="14:14">
      <c r="N291805" s="10"/>
    </row>
    <row r="291806" spans="14:14">
      <c r="N291806" s="10"/>
    </row>
    <row r="291807" spans="14:14">
      <c r="N291807" s="10"/>
    </row>
    <row r="291808" spans="14:14">
      <c r="N291808" s="10"/>
    </row>
    <row r="291809" spans="14:14">
      <c r="N291809" s="10"/>
    </row>
    <row r="291810" spans="14:14">
      <c r="N291810" s="10"/>
    </row>
    <row r="291811" spans="14:14">
      <c r="N291811" s="10"/>
    </row>
    <row r="291812" spans="14:14">
      <c r="N291812" s="10"/>
    </row>
    <row r="291813" spans="14:14">
      <c r="N291813" s="10"/>
    </row>
    <row r="291814" spans="14:14">
      <c r="N291814" s="10"/>
    </row>
    <row r="291815" spans="14:14">
      <c r="N291815" s="10"/>
    </row>
    <row r="291816" spans="14:14">
      <c r="N291816" s="10"/>
    </row>
    <row r="291817" spans="14:14">
      <c r="N291817" s="10"/>
    </row>
    <row r="291818" spans="14:14">
      <c r="N291818" s="10"/>
    </row>
    <row r="291819" spans="14:14">
      <c r="N291819" s="10"/>
    </row>
    <row r="291820" spans="14:14">
      <c r="N291820" s="10"/>
    </row>
    <row r="291821" spans="14:14">
      <c r="N291821" s="10"/>
    </row>
    <row r="291822" spans="14:14">
      <c r="N291822" s="10"/>
    </row>
    <row r="291823" spans="14:14">
      <c r="N291823" s="10"/>
    </row>
    <row r="291824" spans="14:14">
      <c r="N291824" s="10"/>
    </row>
    <row r="291825" spans="14:14">
      <c r="N291825" s="10"/>
    </row>
    <row r="291826" spans="14:14">
      <c r="N291826" s="10"/>
    </row>
    <row r="291827" spans="14:14">
      <c r="N291827" s="10"/>
    </row>
    <row r="291828" spans="14:14">
      <c r="N291828" s="10"/>
    </row>
    <row r="291829" spans="14:14">
      <c r="N291829" s="10"/>
    </row>
    <row r="291830" spans="14:14">
      <c r="N291830" s="10"/>
    </row>
    <row r="291831" spans="14:14">
      <c r="N291831" s="10"/>
    </row>
    <row r="291832" spans="14:14">
      <c r="N291832" s="10"/>
    </row>
    <row r="291833" spans="14:14">
      <c r="N291833" s="10"/>
    </row>
    <row r="291834" spans="14:14">
      <c r="N291834" s="10"/>
    </row>
    <row r="291835" spans="14:14">
      <c r="N291835" s="10"/>
    </row>
    <row r="291836" spans="14:14">
      <c r="N291836" s="10"/>
    </row>
    <row r="291837" spans="14:14">
      <c r="N291837" s="10"/>
    </row>
    <row r="291838" spans="14:14">
      <c r="N291838" s="10"/>
    </row>
    <row r="291839" spans="14:14">
      <c r="N291839" s="10"/>
    </row>
    <row r="291840" spans="14:14">
      <c r="N291840" s="10"/>
    </row>
    <row r="291841" spans="14:14">
      <c r="N291841" s="10"/>
    </row>
    <row r="291842" spans="14:14">
      <c r="N291842" s="10"/>
    </row>
    <row r="291843" spans="14:14">
      <c r="N291843" s="10"/>
    </row>
    <row r="291844" spans="14:14">
      <c r="N291844" s="10"/>
    </row>
    <row r="291845" spans="14:14">
      <c r="N291845" s="10"/>
    </row>
    <row r="291846" spans="14:14">
      <c r="N291846" s="10"/>
    </row>
    <row r="291847" spans="14:14">
      <c r="N291847" s="10"/>
    </row>
    <row r="291848" spans="14:14">
      <c r="N291848" s="10"/>
    </row>
    <row r="291849" spans="14:14">
      <c r="N291849" s="10"/>
    </row>
    <row r="291850" spans="14:14">
      <c r="N291850" s="10"/>
    </row>
    <row r="291851" spans="14:14">
      <c r="N291851" s="10"/>
    </row>
    <row r="291852" spans="14:14">
      <c r="N291852" s="10"/>
    </row>
    <row r="291853" spans="14:14">
      <c r="N291853" s="10"/>
    </row>
    <row r="291854" spans="14:14">
      <c r="N291854" s="10"/>
    </row>
    <row r="291855" spans="14:14">
      <c r="N291855" s="10"/>
    </row>
    <row r="291856" spans="14:14">
      <c r="N291856" s="10"/>
    </row>
    <row r="291857" spans="14:14">
      <c r="N291857" s="10"/>
    </row>
    <row r="291858" spans="14:14">
      <c r="N291858" s="10"/>
    </row>
    <row r="291859" spans="14:14">
      <c r="N291859" s="10"/>
    </row>
    <row r="291860" spans="14:14">
      <c r="N291860" s="10"/>
    </row>
    <row r="291861" spans="14:14">
      <c r="N291861" s="10"/>
    </row>
    <row r="291862" spans="14:14">
      <c r="N291862" s="10"/>
    </row>
    <row r="291863" spans="14:14">
      <c r="N291863" s="10"/>
    </row>
    <row r="291864" spans="14:14">
      <c r="N291864" s="10"/>
    </row>
    <row r="291865" spans="14:14">
      <c r="N291865" s="10"/>
    </row>
    <row r="291866" spans="14:14">
      <c r="N291866" s="10"/>
    </row>
    <row r="291867" spans="14:14">
      <c r="N291867" s="10"/>
    </row>
    <row r="291868" spans="14:14">
      <c r="N291868" s="10"/>
    </row>
    <row r="291869" spans="14:14">
      <c r="N291869" s="10"/>
    </row>
    <row r="291870" spans="14:14">
      <c r="N291870" s="10"/>
    </row>
    <row r="291871" spans="14:14">
      <c r="N291871" s="10"/>
    </row>
    <row r="291872" spans="14:14">
      <c r="N291872" s="10"/>
    </row>
    <row r="291873" spans="14:14">
      <c r="N291873" s="10"/>
    </row>
    <row r="291874" spans="14:14">
      <c r="N291874" s="10"/>
    </row>
    <row r="291875" spans="14:14">
      <c r="N291875" s="10"/>
    </row>
    <row r="291876" spans="14:14">
      <c r="N291876" s="10"/>
    </row>
    <row r="291877" spans="14:14">
      <c r="N291877" s="10"/>
    </row>
    <row r="291878" spans="14:14">
      <c r="N291878" s="10"/>
    </row>
    <row r="291879" spans="14:14">
      <c r="N291879" s="10"/>
    </row>
    <row r="291880" spans="14:14">
      <c r="N291880" s="10"/>
    </row>
    <row r="291881" spans="14:14">
      <c r="N291881" s="10"/>
    </row>
    <row r="291882" spans="14:14">
      <c r="N291882" s="10"/>
    </row>
    <row r="291883" spans="14:14">
      <c r="N291883" s="10"/>
    </row>
    <row r="291884" spans="14:14">
      <c r="N291884" s="10"/>
    </row>
    <row r="291885" spans="14:14">
      <c r="N291885" s="10"/>
    </row>
    <row r="291886" spans="14:14">
      <c r="N291886" s="10"/>
    </row>
    <row r="291887" spans="14:14">
      <c r="N291887" s="10"/>
    </row>
    <row r="291888" spans="14:14">
      <c r="N291888" s="10"/>
    </row>
    <row r="291889" spans="14:14">
      <c r="N291889" s="10"/>
    </row>
    <row r="291890" spans="14:14">
      <c r="N291890" s="10"/>
    </row>
    <row r="291891" spans="14:14">
      <c r="N291891" s="10"/>
    </row>
    <row r="291892" spans="14:14">
      <c r="N291892" s="10"/>
    </row>
    <row r="291893" spans="14:14">
      <c r="N291893" s="10"/>
    </row>
    <row r="291894" spans="14:14">
      <c r="N291894" s="10"/>
    </row>
    <row r="291895" spans="14:14">
      <c r="N291895" s="10"/>
    </row>
    <row r="291896" spans="14:14">
      <c r="N291896" s="10"/>
    </row>
    <row r="291897" spans="14:14">
      <c r="N291897" s="10"/>
    </row>
    <row r="291898" spans="14:14">
      <c r="N291898" s="10"/>
    </row>
    <row r="291899" spans="14:14">
      <c r="N291899" s="10"/>
    </row>
    <row r="291900" spans="14:14">
      <c r="N291900" s="10"/>
    </row>
    <row r="291901" spans="14:14">
      <c r="N291901" s="10"/>
    </row>
    <row r="291902" spans="14:14">
      <c r="N291902" s="10"/>
    </row>
    <row r="291903" spans="14:14">
      <c r="N291903" s="10"/>
    </row>
    <row r="291904" spans="14:14">
      <c r="N291904" s="10"/>
    </row>
    <row r="291905" spans="14:14">
      <c r="N291905" s="10"/>
    </row>
    <row r="291906" spans="14:14">
      <c r="N291906" s="10"/>
    </row>
    <row r="291907" spans="14:14">
      <c r="N291907" s="10"/>
    </row>
    <row r="291908" spans="14:14">
      <c r="N291908" s="10"/>
    </row>
    <row r="291909" spans="14:14">
      <c r="N291909" s="10"/>
    </row>
    <row r="291910" spans="14:14">
      <c r="N291910" s="10"/>
    </row>
    <row r="291911" spans="14:14">
      <c r="N291911" s="10"/>
    </row>
    <row r="291912" spans="14:14">
      <c r="N291912" s="10"/>
    </row>
    <row r="291913" spans="14:14">
      <c r="N291913" s="10"/>
    </row>
    <row r="291914" spans="14:14">
      <c r="N291914" s="10"/>
    </row>
    <row r="291915" spans="14:14">
      <c r="N291915" s="10"/>
    </row>
    <row r="291916" spans="14:14">
      <c r="N291916" s="10"/>
    </row>
    <row r="291917" spans="14:14">
      <c r="N291917" s="10"/>
    </row>
    <row r="291918" spans="14:14">
      <c r="N291918" s="10"/>
    </row>
    <row r="291919" spans="14:14">
      <c r="N291919" s="10"/>
    </row>
    <row r="291920" spans="14:14">
      <c r="N291920" s="10"/>
    </row>
    <row r="291921" spans="14:14">
      <c r="N291921" s="10"/>
    </row>
    <row r="291922" spans="14:14">
      <c r="N291922" s="10"/>
    </row>
    <row r="291923" spans="14:14">
      <c r="N291923" s="10"/>
    </row>
    <row r="291924" spans="14:14">
      <c r="N291924" s="10"/>
    </row>
    <row r="291925" spans="14:14">
      <c r="N291925" s="10"/>
    </row>
    <row r="291926" spans="14:14">
      <c r="N291926" s="10"/>
    </row>
    <row r="291927" spans="14:14">
      <c r="N291927" s="10"/>
    </row>
    <row r="291928" spans="14:14">
      <c r="N291928" s="10"/>
    </row>
    <row r="291929" spans="14:14">
      <c r="N291929" s="10"/>
    </row>
    <row r="291930" spans="14:14">
      <c r="N291930" s="10"/>
    </row>
    <row r="291931" spans="14:14">
      <c r="N291931" s="10"/>
    </row>
    <row r="291932" spans="14:14">
      <c r="N291932" s="10"/>
    </row>
    <row r="291933" spans="14:14">
      <c r="N291933" s="10"/>
    </row>
    <row r="291934" spans="14:14">
      <c r="N291934" s="10"/>
    </row>
    <row r="291935" spans="14:14">
      <c r="N291935" s="10"/>
    </row>
    <row r="291936" spans="14:14">
      <c r="N291936" s="10"/>
    </row>
    <row r="291937" spans="14:14">
      <c r="N291937" s="10"/>
    </row>
    <row r="291938" spans="14:14">
      <c r="N291938" s="10"/>
    </row>
    <row r="291939" spans="14:14">
      <c r="N291939" s="10"/>
    </row>
    <row r="291940" spans="14:14">
      <c r="N291940" s="10"/>
    </row>
    <row r="291941" spans="14:14">
      <c r="N291941" s="10"/>
    </row>
    <row r="291942" spans="14:14">
      <c r="N291942" s="10"/>
    </row>
    <row r="291943" spans="14:14">
      <c r="N291943" s="10"/>
    </row>
    <row r="291944" spans="14:14">
      <c r="N291944" s="10"/>
    </row>
    <row r="291945" spans="14:14">
      <c r="N291945" s="10"/>
    </row>
    <row r="291946" spans="14:14">
      <c r="N291946" s="10"/>
    </row>
    <row r="291947" spans="14:14">
      <c r="N291947" s="10"/>
    </row>
    <row r="291948" spans="14:14">
      <c r="N291948" s="10"/>
    </row>
    <row r="291949" spans="14:14">
      <c r="N291949" s="10"/>
    </row>
    <row r="291950" spans="14:14">
      <c r="N291950" s="10"/>
    </row>
    <row r="291951" spans="14:14">
      <c r="N291951" s="10"/>
    </row>
    <row r="291952" spans="14:14">
      <c r="N291952" s="10"/>
    </row>
    <row r="291953" spans="14:14">
      <c r="N291953" s="10"/>
    </row>
    <row r="291954" spans="14:14">
      <c r="N291954" s="10"/>
    </row>
    <row r="291955" spans="14:14">
      <c r="N291955" s="10"/>
    </row>
    <row r="291956" spans="14:14">
      <c r="N291956" s="10"/>
    </row>
    <row r="291957" spans="14:14">
      <c r="N291957" s="10"/>
    </row>
    <row r="291958" spans="14:14">
      <c r="N291958" s="10"/>
    </row>
    <row r="291959" spans="14:14">
      <c r="N291959" s="10"/>
    </row>
    <row r="291960" spans="14:14">
      <c r="N291960" s="10"/>
    </row>
    <row r="291961" spans="14:14">
      <c r="N291961" s="10"/>
    </row>
    <row r="291962" spans="14:14">
      <c r="N291962" s="10"/>
    </row>
    <row r="291963" spans="14:14">
      <c r="N291963" s="10"/>
    </row>
    <row r="291964" spans="14:14">
      <c r="N291964" s="10"/>
    </row>
    <row r="291965" spans="14:14">
      <c r="N291965" s="10"/>
    </row>
    <row r="291966" spans="14:14">
      <c r="N291966" s="10"/>
    </row>
    <row r="291967" spans="14:14">
      <c r="N291967" s="10"/>
    </row>
    <row r="291968" spans="14:14">
      <c r="N291968" s="10"/>
    </row>
    <row r="291969" spans="14:14">
      <c r="N291969" s="10"/>
    </row>
    <row r="291970" spans="14:14">
      <c r="N291970" s="10"/>
    </row>
    <row r="291971" spans="14:14">
      <c r="N291971" s="10"/>
    </row>
    <row r="291972" spans="14:14">
      <c r="N291972" s="10"/>
    </row>
    <row r="291973" spans="14:14">
      <c r="N291973" s="10"/>
    </row>
    <row r="291974" spans="14:14">
      <c r="N291974" s="10"/>
    </row>
    <row r="291975" spans="14:14">
      <c r="N291975" s="10"/>
    </row>
    <row r="291976" spans="14:14">
      <c r="N291976" s="10"/>
    </row>
    <row r="291977" spans="14:14">
      <c r="N291977" s="10"/>
    </row>
    <row r="291978" spans="14:14">
      <c r="N291978" s="10"/>
    </row>
    <row r="291979" spans="14:14">
      <c r="N291979" s="10"/>
    </row>
    <row r="291980" spans="14:14">
      <c r="N291980" s="10"/>
    </row>
    <row r="291981" spans="14:14">
      <c r="N291981" s="10"/>
    </row>
    <row r="291982" spans="14:14">
      <c r="N291982" s="10"/>
    </row>
    <row r="291983" spans="14:14">
      <c r="N291983" s="10"/>
    </row>
    <row r="291984" spans="14:14">
      <c r="N291984" s="10"/>
    </row>
    <row r="291985" spans="14:14">
      <c r="N291985" s="10"/>
    </row>
    <row r="291986" spans="14:14">
      <c r="N291986" s="10"/>
    </row>
    <row r="291987" spans="14:14">
      <c r="N291987" s="10"/>
    </row>
    <row r="291988" spans="14:14">
      <c r="N291988" s="10"/>
    </row>
    <row r="291989" spans="14:14">
      <c r="N291989" s="10"/>
    </row>
    <row r="291990" spans="14:14">
      <c r="N291990" s="10"/>
    </row>
    <row r="291991" spans="14:14">
      <c r="N291991" s="10"/>
    </row>
    <row r="291992" spans="14:14">
      <c r="N291992" s="10"/>
    </row>
    <row r="291993" spans="14:14">
      <c r="N291993" s="10"/>
    </row>
    <row r="291994" spans="14:14">
      <c r="N291994" s="10"/>
    </row>
    <row r="291995" spans="14:14">
      <c r="N291995" s="10"/>
    </row>
    <row r="291996" spans="14:14">
      <c r="N291996" s="10"/>
    </row>
    <row r="291997" spans="14:14">
      <c r="N291997" s="10"/>
    </row>
    <row r="291998" spans="14:14">
      <c r="N291998" s="10"/>
    </row>
    <row r="291999" spans="14:14">
      <c r="N291999" s="10"/>
    </row>
    <row r="292000" spans="14:14">
      <c r="N292000" s="10"/>
    </row>
    <row r="292001" spans="14:14">
      <c r="N292001" s="10"/>
    </row>
    <row r="292002" spans="14:14">
      <c r="N292002" s="10"/>
    </row>
    <row r="292003" spans="14:14">
      <c r="N292003" s="10"/>
    </row>
    <row r="292004" spans="14:14">
      <c r="N292004" s="10"/>
    </row>
    <row r="292005" spans="14:14">
      <c r="N292005" s="10"/>
    </row>
    <row r="292006" spans="14:14">
      <c r="N292006" s="10"/>
    </row>
    <row r="292007" spans="14:14">
      <c r="N292007" s="10"/>
    </row>
    <row r="292008" spans="14:14">
      <c r="N292008" s="10"/>
    </row>
    <row r="292009" spans="14:14">
      <c r="N292009" s="10"/>
    </row>
    <row r="292010" spans="14:14">
      <c r="N292010" s="10"/>
    </row>
    <row r="292011" spans="14:14">
      <c r="N292011" s="10"/>
    </row>
    <row r="292012" spans="14:14">
      <c r="N292012" s="10"/>
    </row>
    <row r="292013" spans="14:14">
      <c r="N292013" s="10"/>
    </row>
    <row r="292014" spans="14:14">
      <c r="N292014" s="10"/>
    </row>
    <row r="292015" spans="14:14">
      <c r="N292015" s="10"/>
    </row>
    <row r="292016" spans="14:14">
      <c r="N292016" s="10"/>
    </row>
    <row r="292017" spans="14:14">
      <c r="N292017" s="10"/>
    </row>
    <row r="292018" spans="14:14">
      <c r="N292018" s="10"/>
    </row>
    <row r="292019" spans="14:14">
      <c r="N292019" s="10"/>
    </row>
    <row r="292020" spans="14:14">
      <c r="N292020" s="10"/>
    </row>
    <row r="292021" spans="14:14">
      <c r="N292021" s="10"/>
    </row>
    <row r="292022" spans="14:14">
      <c r="N292022" s="10"/>
    </row>
    <row r="292023" spans="14:14">
      <c r="N292023" s="10"/>
    </row>
    <row r="292024" spans="14:14">
      <c r="N292024" s="10"/>
    </row>
    <row r="292025" spans="14:14">
      <c r="N292025" s="10"/>
    </row>
    <row r="292026" spans="14:14">
      <c r="N292026" s="10"/>
    </row>
    <row r="292027" spans="14:14">
      <c r="N292027" s="10"/>
    </row>
    <row r="292028" spans="14:14">
      <c r="N292028" s="10"/>
    </row>
    <row r="292029" spans="14:14">
      <c r="N292029" s="10"/>
    </row>
    <row r="292030" spans="14:14">
      <c r="N292030" s="10"/>
    </row>
    <row r="292031" spans="14:14">
      <c r="N292031" s="10"/>
    </row>
    <row r="292032" spans="14:14">
      <c r="N292032" s="10"/>
    </row>
    <row r="292033" spans="14:14">
      <c r="N292033" s="10"/>
    </row>
    <row r="292034" spans="14:14">
      <c r="N292034" s="10"/>
    </row>
    <row r="292035" spans="14:14">
      <c r="N292035" s="10"/>
    </row>
    <row r="292036" spans="14:14">
      <c r="N292036" s="10"/>
    </row>
    <row r="292037" spans="14:14">
      <c r="N292037" s="10"/>
    </row>
    <row r="292038" spans="14:14">
      <c r="N292038" s="10"/>
    </row>
    <row r="292039" spans="14:14">
      <c r="N292039" s="10"/>
    </row>
    <row r="292040" spans="14:14">
      <c r="N292040" s="10"/>
    </row>
    <row r="292041" spans="14:14">
      <c r="N292041" s="10"/>
    </row>
    <row r="292042" spans="14:14">
      <c r="N292042" s="10"/>
    </row>
    <row r="292043" spans="14:14">
      <c r="N292043" s="10"/>
    </row>
    <row r="292044" spans="14:14">
      <c r="N292044" s="10"/>
    </row>
    <row r="292045" spans="14:14">
      <c r="N292045" s="10"/>
    </row>
    <row r="292046" spans="14:14">
      <c r="N292046" s="10"/>
    </row>
    <row r="292047" spans="14:14">
      <c r="N292047" s="10"/>
    </row>
    <row r="292048" spans="14:14">
      <c r="N292048" s="10"/>
    </row>
    <row r="292049" spans="14:14">
      <c r="N292049" s="10"/>
    </row>
    <row r="292050" spans="14:14">
      <c r="N292050" s="10"/>
    </row>
    <row r="292051" spans="14:14">
      <c r="N292051" s="10"/>
    </row>
    <row r="292052" spans="14:14">
      <c r="N292052" s="10"/>
    </row>
    <row r="292053" spans="14:14">
      <c r="N292053" s="10"/>
    </row>
    <row r="292054" spans="14:14">
      <c r="N292054" s="10"/>
    </row>
    <row r="292055" spans="14:14">
      <c r="N292055" s="10"/>
    </row>
    <row r="292056" spans="14:14">
      <c r="N292056" s="10"/>
    </row>
    <row r="292057" spans="14:14">
      <c r="N292057" s="10"/>
    </row>
    <row r="292058" spans="14:14">
      <c r="N292058" s="10"/>
    </row>
    <row r="292059" spans="14:14">
      <c r="N292059" s="10"/>
    </row>
    <row r="292060" spans="14:14">
      <c r="N292060" s="10"/>
    </row>
    <row r="292061" spans="14:14">
      <c r="N292061" s="10"/>
    </row>
    <row r="292062" spans="14:14">
      <c r="N292062" s="10"/>
    </row>
    <row r="292063" spans="14:14">
      <c r="N292063" s="10"/>
    </row>
    <row r="292064" spans="14:14">
      <c r="N292064" s="10"/>
    </row>
    <row r="292065" spans="14:14">
      <c r="N292065" s="10"/>
    </row>
    <row r="292066" spans="14:14">
      <c r="N292066" s="10"/>
    </row>
    <row r="292067" spans="14:14">
      <c r="N292067" s="10"/>
    </row>
    <row r="292068" spans="14:14">
      <c r="N292068" s="10"/>
    </row>
    <row r="292069" spans="14:14">
      <c r="N292069" s="10"/>
    </row>
    <row r="292070" spans="14:14">
      <c r="N292070" s="10"/>
    </row>
    <row r="292071" spans="14:14">
      <c r="N292071" s="10"/>
    </row>
    <row r="292072" spans="14:14">
      <c r="N292072" s="10"/>
    </row>
    <row r="292073" spans="14:14">
      <c r="N292073" s="10"/>
    </row>
    <row r="292074" spans="14:14">
      <c r="N292074" s="10"/>
    </row>
    <row r="292075" spans="14:14">
      <c r="N292075" s="10"/>
    </row>
    <row r="292076" spans="14:14">
      <c r="N292076" s="10"/>
    </row>
    <row r="292077" spans="14:14">
      <c r="N292077" s="10"/>
    </row>
    <row r="292078" spans="14:14">
      <c r="N292078" s="10"/>
    </row>
    <row r="292079" spans="14:14">
      <c r="N292079" s="10"/>
    </row>
    <row r="292080" spans="14:14">
      <c r="N292080" s="10"/>
    </row>
    <row r="292081" spans="14:14">
      <c r="N292081" s="10"/>
    </row>
    <row r="292082" spans="14:14">
      <c r="N292082" s="10"/>
    </row>
    <row r="292083" spans="14:14">
      <c r="N292083" s="10"/>
    </row>
    <row r="292084" spans="14:14">
      <c r="N292084" s="10"/>
    </row>
    <row r="292085" spans="14:14">
      <c r="N292085" s="10"/>
    </row>
    <row r="292086" spans="14:14">
      <c r="N292086" s="10"/>
    </row>
    <row r="292087" spans="14:14">
      <c r="N292087" s="10"/>
    </row>
    <row r="292088" spans="14:14">
      <c r="N292088" s="10"/>
    </row>
    <row r="292089" spans="14:14">
      <c r="N292089" s="10"/>
    </row>
    <row r="292090" spans="14:14">
      <c r="N292090" s="10"/>
    </row>
    <row r="292091" spans="14:14">
      <c r="N292091" s="10"/>
    </row>
    <row r="292092" spans="14:14">
      <c r="N292092" s="10"/>
    </row>
    <row r="292093" spans="14:14">
      <c r="N292093" s="10"/>
    </row>
    <row r="292094" spans="14:14">
      <c r="N292094" s="10"/>
    </row>
    <row r="292095" spans="14:14">
      <c r="N292095" s="10"/>
    </row>
    <row r="292096" spans="14:14">
      <c r="N292096" s="10"/>
    </row>
    <row r="292097" spans="14:14">
      <c r="N292097" s="10"/>
    </row>
    <row r="292098" spans="14:14">
      <c r="N292098" s="10"/>
    </row>
    <row r="292099" spans="14:14">
      <c r="N292099" s="10"/>
    </row>
    <row r="292100" spans="14:14">
      <c r="N292100" s="10"/>
    </row>
    <row r="292101" spans="14:14">
      <c r="N292101" s="10"/>
    </row>
    <row r="292102" spans="14:14">
      <c r="N292102" s="10"/>
    </row>
    <row r="292103" spans="14:14">
      <c r="N292103" s="10"/>
    </row>
    <row r="292104" spans="14:14">
      <c r="N292104" s="10"/>
    </row>
    <row r="292105" spans="14:14">
      <c r="N292105" s="10"/>
    </row>
    <row r="292106" spans="14:14">
      <c r="N292106" s="10"/>
    </row>
    <row r="292107" spans="14:14">
      <c r="N292107" s="10"/>
    </row>
    <row r="292108" spans="14:14">
      <c r="N292108" s="10"/>
    </row>
    <row r="292109" spans="14:14">
      <c r="N292109" s="10"/>
    </row>
    <row r="292110" spans="14:14">
      <c r="N292110" s="10"/>
    </row>
    <row r="292111" spans="14:14">
      <c r="N292111" s="10"/>
    </row>
    <row r="292112" spans="14:14">
      <c r="N292112" s="10"/>
    </row>
    <row r="292113" spans="14:14">
      <c r="N292113" s="10"/>
    </row>
    <row r="292114" spans="14:14">
      <c r="N292114" s="10"/>
    </row>
    <row r="292115" spans="14:14">
      <c r="N292115" s="10"/>
    </row>
    <row r="292116" spans="14:14">
      <c r="N292116" s="10"/>
    </row>
    <row r="292117" spans="14:14">
      <c r="N292117" s="10"/>
    </row>
    <row r="292118" spans="14:14">
      <c r="N292118" s="10"/>
    </row>
    <row r="292119" spans="14:14">
      <c r="N292119" s="10"/>
    </row>
    <row r="292120" spans="14:14">
      <c r="N292120" s="10"/>
    </row>
    <row r="292121" spans="14:14">
      <c r="N292121" s="10"/>
    </row>
    <row r="292122" spans="14:14">
      <c r="N292122" s="10"/>
    </row>
    <row r="292123" spans="14:14">
      <c r="N292123" s="10"/>
    </row>
    <row r="292124" spans="14:14">
      <c r="N292124" s="10"/>
    </row>
    <row r="292125" spans="14:14">
      <c r="N292125" s="10"/>
    </row>
    <row r="292126" spans="14:14">
      <c r="N292126" s="10"/>
    </row>
    <row r="292127" spans="14:14">
      <c r="N292127" s="10"/>
    </row>
    <row r="292128" spans="14:14">
      <c r="N292128" s="10"/>
    </row>
    <row r="292129" spans="14:14">
      <c r="N292129" s="10"/>
    </row>
    <row r="292130" spans="14:14">
      <c r="N292130" s="10"/>
    </row>
    <row r="292131" spans="14:14">
      <c r="N292131" s="10"/>
    </row>
    <row r="292132" spans="14:14">
      <c r="N292132" s="10"/>
    </row>
    <row r="292133" spans="14:14">
      <c r="N292133" s="10"/>
    </row>
    <row r="292134" spans="14:14">
      <c r="N292134" s="10"/>
    </row>
    <row r="292135" spans="14:14">
      <c r="N292135" s="10"/>
    </row>
    <row r="292136" spans="14:14">
      <c r="N292136" s="10"/>
    </row>
    <row r="292137" spans="14:14">
      <c r="N292137" s="10"/>
    </row>
    <row r="292138" spans="14:14">
      <c r="N292138" s="10"/>
    </row>
    <row r="292139" spans="14:14">
      <c r="N292139" s="10"/>
    </row>
    <row r="292140" spans="14:14">
      <c r="N292140" s="10"/>
    </row>
    <row r="292141" spans="14:14">
      <c r="N292141" s="10"/>
    </row>
    <row r="292142" spans="14:14">
      <c r="N292142" s="10"/>
    </row>
    <row r="292143" spans="14:14">
      <c r="N292143" s="10"/>
    </row>
    <row r="292144" spans="14:14">
      <c r="N292144" s="10"/>
    </row>
    <row r="292145" spans="14:14">
      <c r="N292145" s="10"/>
    </row>
    <row r="292146" spans="14:14">
      <c r="N292146" s="10"/>
    </row>
    <row r="292147" spans="14:14">
      <c r="N292147" s="10"/>
    </row>
    <row r="292148" spans="14:14">
      <c r="N292148" s="10"/>
    </row>
    <row r="292149" spans="14:14">
      <c r="N292149" s="10"/>
    </row>
    <row r="292150" spans="14:14">
      <c r="N292150" s="10"/>
    </row>
    <row r="292151" spans="14:14">
      <c r="N292151" s="10"/>
    </row>
    <row r="292152" spans="14:14">
      <c r="N292152" s="10"/>
    </row>
    <row r="292153" spans="14:14">
      <c r="N292153" s="10"/>
    </row>
    <row r="292154" spans="14:14">
      <c r="N292154" s="10"/>
    </row>
    <row r="292155" spans="14:14">
      <c r="N292155" s="10"/>
    </row>
    <row r="292156" spans="14:14">
      <c r="N292156" s="10"/>
    </row>
    <row r="292157" spans="14:14">
      <c r="N292157" s="10"/>
    </row>
    <row r="292158" spans="14:14">
      <c r="N292158" s="10"/>
    </row>
    <row r="292159" spans="14:14">
      <c r="N292159" s="10"/>
    </row>
    <row r="292160" spans="14:14">
      <c r="N292160" s="10"/>
    </row>
    <row r="292161" spans="14:14">
      <c r="N292161" s="10"/>
    </row>
    <row r="292162" spans="14:14">
      <c r="N292162" s="10"/>
    </row>
    <row r="292163" spans="14:14">
      <c r="N292163" s="10"/>
    </row>
    <row r="292164" spans="14:14">
      <c r="N292164" s="10"/>
    </row>
    <row r="292165" spans="14:14">
      <c r="N292165" s="10"/>
    </row>
    <row r="292166" spans="14:14">
      <c r="N292166" s="10"/>
    </row>
    <row r="292167" spans="14:14">
      <c r="N292167" s="10"/>
    </row>
    <row r="292168" spans="14:14">
      <c r="N292168" s="10"/>
    </row>
    <row r="292169" spans="14:14">
      <c r="N292169" s="10"/>
    </row>
    <row r="292170" spans="14:14">
      <c r="N292170" s="10"/>
    </row>
    <row r="292171" spans="14:14">
      <c r="N292171" s="10"/>
    </row>
    <row r="292172" spans="14:14">
      <c r="N292172" s="10"/>
    </row>
    <row r="292173" spans="14:14">
      <c r="N292173" s="10"/>
    </row>
    <row r="292174" spans="14:14">
      <c r="N292174" s="10"/>
    </row>
    <row r="292175" spans="14:14">
      <c r="N292175" s="10"/>
    </row>
    <row r="292176" spans="14:14">
      <c r="N292176" s="10"/>
    </row>
    <row r="292177" spans="14:14">
      <c r="N292177" s="10"/>
    </row>
    <row r="292178" spans="14:14">
      <c r="N292178" s="10"/>
    </row>
    <row r="292179" spans="14:14">
      <c r="N292179" s="10"/>
    </row>
    <row r="292180" spans="14:14">
      <c r="N292180" s="10"/>
    </row>
    <row r="292181" spans="14:14">
      <c r="N292181" s="10"/>
    </row>
    <row r="292182" spans="14:14">
      <c r="N292182" s="10"/>
    </row>
    <row r="292183" spans="14:14">
      <c r="N292183" s="10"/>
    </row>
    <row r="292184" spans="14:14">
      <c r="N292184" s="10"/>
    </row>
    <row r="292185" spans="14:14">
      <c r="N292185" s="10"/>
    </row>
    <row r="292186" spans="14:14">
      <c r="N292186" s="10"/>
    </row>
    <row r="292187" spans="14:14">
      <c r="N292187" s="10"/>
    </row>
    <row r="292188" spans="14:14">
      <c r="N292188" s="10"/>
    </row>
    <row r="292189" spans="14:14">
      <c r="N292189" s="10"/>
    </row>
    <row r="292190" spans="14:14">
      <c r="N292190" s="10"/>
    </row>
    <row r="292191" spans="14:14">
      <c r="N292191" s="10"/>
    </row>
    <row r="292192" spans="14:14">
      <c r="N292192" s="10"/>
    </row>
    <row r="292193" spans="14:14">
      <c r="N292193" s="10"/>
    </row>
    <row r="292194" spans="14:14">
      <c r="N292194" s="10"/>
    </row>
    <row r="292195" spans="14:14">
      <c r="N292195" s="10"/>
    </row>
    <row r="292196" spans="14:14">
      <c r="N292196" s="10"/>
    </row>
    <row r="292197" spans="14:14">
      <c r="N292197" s="10"/>
    </row>
    <row r="292198" spans="14:14">
      <c r="N292198" s="10"/>
    </row>
    <row r="292199" spans="14:14">
      <c r="N292199" s="10"/>
    </row>
    <row r="292200" spans="14:14">
      <c r="N292200" s="10"/>
    </row>
    <row r="292201" spans="14:14">
      <c r="N292201" s="10"/>
    </row>
    <row r="292202" spans="14:14">
      <c r="N292202" s="10"/>
    </row>
    <row r="292203" spans="14:14">
      <c r="N292203" s="10"/>
    </row>
    <row r="292204" spans="14:14">
      <c r="N292204" s="10"/>
    </row>
    <row r="292205" spans="14:14">
      <c r="N292205" s="10"/>
    </row>
    <row r="292206" spans="14:14">
      <c r="N292206" s="10"/>
    </row>
    <row r="292207" spans="14:14">
      <c r="N292207" s="10"/>
    </row>
    <row r="292208" spans="14:14">
      <c r="N292208" s="10"/>
    </row>
    <row r="292209" spans="14:14">
      <c r="N292209" s="10"/>
    </row>
    <row r="292210" spans="14:14">
      <c r="N292210" s="10"/>
    </row>
    <row r="292211" spans="14:14">
      <c r="N292211" s="10"/>
    </row>
    <row r="292212" spans="14:14">
      <c r="N292212" s="10"/>
    </row>
    <row r="292213" spans="14:14">
      <c r="N292213" s="10"/>
    </row>
    <row r="292214" spans="14:14">
      <c r="N292214" s="10"/>
    </row>
    <row r="292215" spans="14:14">
      <c r="N292215" s="10"/>
    </row>
    <row r="292216" spans="14:14">
      <c r="N292216" s="10"/>
    </row>
    <row r="292217" spans="14:14">
      <c r="N292217" s="10"/>
    </row>
    <row r="292218" spans="14:14">
      <c r="N292218" s="10"/>
    </row>
    <row r="292219" spans="14:14">
      <c r="N292219" s="10"/>
    </row>
    <row r="292220" spans="14:14">
      <c r="N292220" s="10"/>
    </row>
    <row r="292221" spans="14:14">
      <c r="N292221" s="10"/>
    </row>
    <row r="292222" spans="14:14">
      <c r="N292222" s="10"/>
    </row>
    <row r="292223" spans="14:14">
      <c r="N292223" s="10"/>
    </row>
    <row r="292224" spans="14:14">
      <c r="N292224" s="10"/>
    </row>
    <row r="292225" spans="14:14">
      <c r="N292225" s="10"/>
    </row>
    <row r="292226" spans="14:14">
      <c r="N292226" s="10"/>
    </row>
    <row r="292227" spans="14:14">
      <c r="N292227" s="10"/>
    </row>
    <row r="292228" spans="14:14">
      <c r="N292228" s="10"/>
    </row>
    <row r="292229" spans="14:14">
      <c r="N292229" s="10"/>
    </row>
    <row r="292230" spans="14:14">
      <c r="N292230" s="10"/>
    </row>
    <row r="292231" spans="14:14">
      <c r="N292231" s="10"/>
    </row>
    <row r="292232" spans="14:14">
      <c r="N292232" s="10"/>
    </row>
    <row r="292233" spans="14:14">
      <c r="N292233" s="10"/>
    </row>
    <row r="292234" spans="14:14">
      <c r="N292234" s="10"/>
    </row>
    <row r="292235" spans="14:14">
      <c r="N292235" s="10"/>
    </row>
    <row r="292236" spans="14:14">
      <c r="N292236" s="10"/>
    </row>
    <row r="292237" spans="14:14">
      <c r="N292237" s="10"/>
    </row>
    <row r="292238" spans="14:14">
      <c r="N292238" s="10"/>
    </row>
    <row r="292239" spans="14:14">
      <c r="N292239" s="10"/>
    </row>
    <row r="292240" spans="14:14">
      <c r="N292240" s="10"/>
    </row>
    <row r="292241" spans="14:14">
      <c r="N292241" s="10"/>
    </row>
    <row r="292242" spans="14:14">
      <c r="N292242" s="10"/>
    </row>
    <row r="292243" spans="14:14">
      <c r="N292243" s="10"/>
    </row>
    <row r="292244" spans="14:14">
      <c r="N292244" s="10"/>
    </row>
    <row r="292245" spans="14:14">
      <c r="N292245" s="10"/>
    </row>
    <row r="292246" spans="14:14">
      <c r="N292246" s="10"/>
    </row>
    <row r="292247" spans="14:14">
      <c r="N292247" s="10"/>
    </row>
    <row r="292248" spans="14:14">
      <c r="N292248" s="10"/>
    </row>
    <row r="292249" spans="14:14">
      <c r="N292249" s="10"/>
    </row>
    <row r="292250" spans="14:14">
      <c r="N292250" s="10"/>
    </row>
    <row r="292251" spans="14:14">
      <c r="N292251" s="10"/>
    </row>
    <row r="292252" spans="14:14">
      <c r="N292252" s="10"/>
    </row>
    <row r="292253" spans="14:14">
      <c r="N292253" s="10"/>
    </row>
    <row r="292254" spans="14:14">
      <c r="N292254" s="10"/>
    </row>
    <row r="292255" spans="14:14">
      <c r="N292255" s="10"/>
    </row>
    <row r="292256" spans="14:14">
      <c r="N292256" s="10"/>
    </row>
    <row r="292257" spans="14:14">
      <c r="N292257" s="10"/>
    </row>
    <row r="292258" spans="14:14">
      <c r="N292258" s="10"/>
    </row>
    <row r="292259" spans="14:14">
      <c r="N292259" s="10"/>
    </row>
    <row r="292260" spans="14:14">
      <c r="N292260" s="10"/>
    </row>
    <row r="292261" spans="14:14">
      <c r="N292261" s="10"/>
    </row>
    <row r="292262" spans="14:14">
      <c r="N292262" s="10"/>
    </row>
    <row r="292263" spans="14:14">
      <c r="N292263" s="10"/>
    </row>
    <row r="292264" spans="14:14">
      <c r="N292264" s="10"/>
    </row>
    <row r="292265" spans="14:14">
      <c r="N292265" s="10"/>
    </row>
    <row r="292266" spans="14:14">
      <c r="N292266" s="10"/>
    </row>
    <row r="292267" spans="14:14">
      <c r="N292267" s="10"/>
    </row>
    <row r="292268" spans="14:14">
      <c r="N292268" s="10"/>
    </row>
    <row r="292269" spans="14:14">
      <c r="N292269" s="10"/>
    </row>
    <row r="292270" spans="14:14">
      <c r="N292270" s="10"/>
    </row>
    <row r="292271" spans="14:14">
      <c r="N292271" s="10"/>
    </row>
    <row r="292272" spans="14:14">
      <c r="N292272" s="10"/>
    </row>
    <row r="292273" spans="14:14">
      <c r="N292273" s="10"/>
    </row>
    <row r="292274" spans="14:14">
      <c r="N292274" s="10"/>
    </row>
    <row r="292275" spans="14:14">
      <c r="N292275" s="10"/>
    </row>
    <row r="292276" spans="14:14">
      <c r="N292276" s="10"/>
    </row>
    <row r="292277" spans="14:14">
      <c r="N292277" s="10"/>
    </row>
    <row r="292278" spans="14:14">
      <c r="N292278" s="10"/>
    </row>
    <row r="292279" spans="14:14">
      <c r="N292279" s="10"/>
    </row>
    <row r="292280" spans="14:14">
      <c r="N292280" s="10"/>
    </row>
    <row r="292281" spans="14:14">
      <c r="N292281" s="10"/>
    </row>
    <row r="292282" spans="14:14">
      <c r="N292282" s="10"/>
    </row>
    <row r="292283" spans="14:14">
      <c r="N292283" s="10"/>
    </row>
    <row r="292284" spans="14:14">
      <c r="N292284" s="10"/>
    </row>
    <row r="292285" spans="14:14">
      <c r="N292285" s="10"/>
    </row>
    <row r="292286" spans="14:14">
      <c r="N292286" s="10"/>
    </row>
    <row r="292287" spans="14:14">
      <c r="N292287" s="10"/>
    </row>
    <row r="292288" spans="14:14">
      <c r="N292288" s="10"/>
    </row>
    <row r="292289" spans="14:14">
      <c r="N292289" s="10"/>
    </row>
    <row r="292290" spans="14:14">
      <c r="N292290" s="10"/>
    </row>
    <row r="292291" spans="14:14">
      <c r="N292291" s="10"/>
    </row>
    <row r="292292" spans="14:14">
      <c r="N292292" s="10"/>
    </row>
    <row r="292293" spans="14:14">
      <c r="N292293" s="10"/>
    </row>
    <row r="292294" spans="14:14">
      <c r="N292294" s="10"/>
    </row>
    <row r="292295" spans="14:14">
      <c r="N292295" s="10"/>
    </row>
    <row r="292296" spans="14:14">
      <c r="N292296" s="10"/>
    </row>
    <row r="292297" spans="14:14">
      <c r="N292297" s="10"/>
    </row>
    <row r="292298" spans="14:14">
      <c r="N292298" s="10"/>
    </row>
    <row r="292299" spans="14:14">
      <c r="N292299" s="10"/>
    </row>
    <row r="292300" spans="14:14">
      <c r="N292300" s="10"/>
    </row>
    <row r="292301" spans="14:14">
      <c r="N292301" s="10"/>
    </row>
    <row r="292302" spans="14:14">
      <c r="N292302" s="10"/>
    </row>
    <row r="292303" spans="14:14">
      <c r="N292303" s="10"/>
    </row>
    <row r="292304" spans="14:14">
      <c r="N292304" s="10"/>
    </row>
    <row r="292305" spans="14:14">
      <c r="N292305" s="10"/>
    </row>
    <row r="292306" spans="14:14">
      <c r="N292306" s="10"/>
    </row>
    <row r="292307" spans="14:14">
      <c r="N292307" s="10"/>
    </row>
    <row r="292308" spans="14:14">
      <c r="N292308" s="10"/>
    </row>
    <row r="292309" spans="14:14">
      <c r="N292309" s="10"/>
    </row>
    <row r="292310" spans="14:14">
      <c r="N292310" s="10"/>
    </row>
    <row r="292311" spans="14:14">
      <c r="N292311" s="10"/>
    </row>
    <row r="292312" spans="14:14">
      <c r="N292312" s="10"/>
    </row>
    <row r="292313" spans="14:14">
      <c r="N292313" s="10"/>
    </row>
    <row r="292314" spans="14:14">
      <c r="N292314" s="10"/>
    </row>
    <row r="292315" spans="14:14">
      <c r="N292315" s="10"/>
    </row>
    <row r="292316" spans="14:14">
      <c r="N292316" s="10"/>
    </row>
    <row r="292317" spans="14:14">
      <c r="N292317" s="10"/>
    </row>
    <row r="292318" spans="14:14">
      <c r="N292318" s="10"/>
    </row>
    <row r="292319" spans="14:14">
      <c r="N292319" s="10"/>
    </row>
    <row r="292320" spans="14:14">
      <c r="N292320" s="10"/>
    </row>
    <row r="292321" spans="14:14">
      <c r="N292321" s="10"/>
    </row>
    <row r="292322" spans="14:14">
      <c r="N292322" s="10"/>
    </row>
    <row r="292323" spans="14:14">
      <c r="N292323" s="10"/>
    </row>
    <row r="292324" spans="14:14">
      <c r="N292324" s="10"/>
    </row>
    <row r="292325" spans="14:14">
      <c r="N292325" s="10"/>
    </row>
    <row r="292326" spans="14:14">
      <c r="N292326" s="10"/>
    </row>
    <row r="292327" spans="14:14">
      <c r="N292327" s="10"/>
    </row>
    <row r="292328" spans="14:14">
      <c r="N292328" s="10"/>
    </row>
    <row r="292329" spans="14:14">
      <c r="N292329" s="10"/>
    </row>
    <row r="292330" spans="14:14">
      <c r="N292330" s="10"/>
    </row>
    <row r="292331" spans="14:14">
      <c r="N292331" s="10"/>
    </row>
    <row r="292332" spans="14:14">
      <c r="N292332" s="10"/>
    </row>
    <row r="292333" spans="14:14">
      <c r="N292333" s="10"/>
    </row>
    <row r="292334" spans="14:14">
      <c r="N292334" s="10"/>
    </row>
    <row r="292335" spans="14:14">
      <c r="N292335" s="10"/>
    </row>
    <row r="292336" spans="14:14">
      <c r="N292336" s="10"/>
    </row>
    <row r="292337" spans="14:14">
      <c r="N292337" s="10"/>
    </row>
    <row r="292338" spans="14:14">
      <c r="N292338" s="10"/>
    </row>
    <row r="292339" spans="14:14">
      <c r="N292339" s="10"/>
    </row>
    <row r="292340" spans="14:14">
      <c r="N292340" s="10"/>
    </row>
    <row r="292341" spans="14:14">
      <c r="N292341" s="10"/>
    </row>
    <row r="292342" spans="14:14">
      <c r="N292342" s="10"/>
    </row>
    <row r="292343" spans="14:14">
      <c r="N292343" s="10"/>
    </row>
    <row r="292344" spans="14:14">
      <c r="N292344" s="10"/>
    </row>
    <row r="292345" spans="14:14">
      <c r="N292345" s="10"/>
    </row>
    <row r="292346" spans="14:14">
      <c r="N292346" s="10"/>
    </row>
    <row r="292347" spans="14:14">
      <c r="N292347" s="10"/>
    </row>
    <row r="292348" spans="14:14">
      <c r="N292348" s="10"/>
    </row>
    <row r="292349" spans="14:14">
      <c r="N292349" s="10"/>
    </row>
    <row r="292350" spans="14:14">
      <c r="N292350" s="10"/>
    </row>
    <row r="292351" spans="14:14">
      <c r="N292351" s="10"/>
    </row>
    <row r="292352" spans="14:14">
      <c r="N292352" s="10"/>
    </row>
    <row r="292353" spans="14:14">
      <c r="N292353" s="10"/>
    </row>
    <row r="292354" spans="14:14">
      <c r="N292354" s="10"/>
    </row>
    <row r="292355" spans="14:14">
      <c r="N292355" s="10"/>
    </row>
    <row r="292356" spans="14:14">
      <c r="N292356" s="10"/>
    </row>
    <row r="292357" spans="14:14">
      <c r="N292357" s="10"/>
    </row>
    <row r="292358" spans="14:14">
      <c r="N292358" s="10"/>
    </row>
    <row r="292359" spans="14:14">
      <c r="N292359" s="10"/>
    </row>
    <row r="292360" spans="14:14">
      <c r="N292360" s="10"/>
    </row>
    <row r="292361" spans="14:14">
      <c r="N292361" s="10"/>
    </row>
    <row r="292362" spans="14:14">
      <c r="N292362" s="10"/>
    </row>
    <row r="292363" spans="14:14">
      <c r="N292363" s="10"/>
    </row>
    <row r="292364" spans="14:14">
      <c r="N292364" s="10"/>
    </row>
    <row r="292365" spans="14:14">
      <c r="N292365" s="10"/>
    </row>
    <row r="292366" spans="14:14">
      <c r="N292366" s="10"/>
    </row>
    <row r="292367" spans="14:14">
      <c r="N292367" s="10"/>
    </row>
    <row r="292368" spans="14:14">
      <c r="N292368" s="10"/>
    </row>
    <row r="292369" spans="14:14">
      <c r="N292369" s="10"/>
    </row>
    <row r="292370" spans="14:14">
      <c r="N292370" s="10"/>
    </row>
    <row r="292371" spans="14:14">
      <c r="N292371" s="10"/>
    </row>
    <row r="292372" spans="14:14">
      <c r="N292372" s="10"/>
    </row>
    <row r="292373" spans="14:14">
      <c r="N292373" s="10"/>
    </row>
    <row r="292374" spans="14:14">
      <c r="N292374" s="10"/>
    </row>
    <row r="292375" spans="14:14">
      <c r="N292375" s="10"/>
    </row>
    <row r="292376" spans="14:14">
      <c r="N292376" s="10"/>
    </row>
    <row r="292377" spans="14:14">
      <c r="N292377" s="10"/>
    </row>
    <row r="292378" spans="14:14">
      <c r="N292378" s="10"/>
    </row>
    <row r="292379" spans="14:14">
      <c r="N292379" s="10"/>
    </row>
    <row r="292380" spans="14:14">
      <c r="N292380" s="10"/>
    </row>
    <row r="292381" spans="14:14">
      <c r="N292381" s="10"/>
    </row>
    <row r="292382" spans="14:14">
      <c r="N292382" s="10"/>
    </row>
    <row r="292383" spans="14:14">
      <c r="N292383" s="10"/>
    </row>
    <row r="292384" spans="14:14">
      <c r="N292384" s="10"/>
    </row>
    <row r="292385" spans="14:14">
      <c r="N292385" s="10"/>
    </row>
    <row r="292386" spans="14:14">
      <c r="N292386" s="10"/>
    </row>
    <row r="292387" spans="14:14">
      <c r="N292387" s="10"/>
    </row>
    <row r="292388" spans="14:14">
      <c r="N292388" s="10"/>
    </row>
    <row r="292389" spans="14:14">
      <c r="N292389" s="10"/>
    </row>
    <row r="292390" spans="14:14">
      <c r="N292390" s="10"/>
    </row>
    <row r="292391" spans="14:14">
      <c r="N292391" s="10"/>
    </row>
    <row r="292392" spans="14:14">
      <c r="N292392" s="10"/>
    </row>
    <row r="292393" spans="14:14">
      <c r="N292393" s="10"/>
    </row>
    <row r="292394" spans="14:14">
      <c r="N292394" s="10"/>
    </row>
    <row r="292395" spans="14:14">
      <c r="N292395" s="10"/>
    </row>
    <row r="292396" spans="14:14">
      <c r="N292396" s="10"/>
    </row>
    <row r="292397" spans="14:14">
      <c r="N292397" s="10"/>
    </row>
    <row r="292398" spans="14:14">
      <c r="N292398" s="10"/>
    </row>
    <row r="292399" spans="14:14">
      <c r="N292399" s="10"/>
    </row>
    <row r="292400" spans="14:14">
      <c r="N292400" s="10"/>
    </row>
    <row r="292401" spans="14:14">
      <c r="N292401" s="10"/>
    </row>
    <row r="292402" spans="14:14">
      <c r="N292402" s="10"/>
    </row>
    <row r="292403" spans="14:14">
      <c r="N292403" s="10"/>
    </row>
    <row r="292404" spans="14:14">
      <c r="N292404" s="10"/>
    </row>
    <row r="292405" spans="14:14">
      <c r="N292405" s="10"/>
    </row>
    <row r="292406" spans="14:14">
      <c r="N292406" s="10"/>
    </row>
    <row r="292407" spans="14:14">
      <c r="N292407" s="10"/>
    </row>
    <row r="292408" spans="14:14">
      <c r="N292408" s="10"/>
    </row>
    <row r="292409" spans="14:14">
      <c r="N292409" s="10"/>
    </row>
    <row r="292410" spans="14:14">
      <c r="N292410" s="10"/>
    </row>
    <row r="292411" spans="14:14">
      <c r="N292411" s="10"/>
    </row>
    <row r="292412" spans="14:14">
      <c r="N292412" s="10"/>
    </row>
    <row r="292413" spans="14:14">
      <c r="N292413" s="10"/>
    </row>
    <row r="292414" spans="14:14">
      <c r="N292414" s="10"/>
    </row>
    <row r="292415" spans="14:14">
      <c r="N292415" s="10"/>
    </row>
    <row r="292416" spans="14:14">
      <c r="N292416" s="10"/>
    </row>
    <row r="292417" spans="14:14">
      <c r="N292417" s="10"/>
    </row>
    <row r="292418" spans="14:14">
      <c r="N292418" s="10"/>
    </row>
    <row r="292419" spans="14:14">
      <c r="N292419" s="10"/>
    </row>
    <row r="292420" spans="14:14">
      <c r="N292420" s="10"/>
    </row>
    <row r="292421" spans="14:14">
      <c r="N292421" s="10"/>
    </row>
    <row r="292422" spans="14:14">
      <c r="N292422" s="10"/>
    </row>
    <row r="292423" spans="14:14">
      <c r="N292423" s="10"/>
    </row>
    <row r="292424" spans="14:14">
      <c r="N292424" s="10"/>
    </row>
    <row r="292425" spans="14:14">
      <c r="N292425" s="10"/>
    </row>
    <row r="292426" spans="14:14">
      <c r="N292426" s="10"/>
    </row>
    <row r="292427" spans="14:14">
      <c r="N292427" s="10"/>
    </row>
    <row r="292428" spans="14:14">
      <c r="N292428" s="10"/>
    </row>
    <row r="292429" spans="14:14">
      <c r="N292429" s="10"/>
    </row>
    <row r="292430" spans="14:14">
      <c r="N292430" s="10"/>
    </row>
    <row r="292431" spans="14:14">
      <c r="N292431" s="10"/>
    </row>
    <row r="292432" spans="14:14">
      <c r="N292432" s="10"/>
    </row>
    <row r="292433" spans="14:14">
      <c r="N292433" s="10"/>
    </row>
    <row r="292434" spans="14:14">
      <c r="N292434" s="10"/>
    </row>
    <row r="292435" spans="14:14">
      <c r="N292435" s="10"/>
    </row>
    <row r="292436" spans="14:14">
      <c r="N292436" s="10"/>
    </row>
    <row r="292437" spans="14:14">
      <c r="N292437" s="10"/>
    </row>
    <row r="292438" spans="14:14">
      <c r="N292438" s="10"/>
    </row>
    <row r="292439" spans="14:14">
      <c r="N292439" s="10"/>
    </row>
    <row r="292440" spans="14:14">
      <c r="N292440" s="10"/>
    </row>
    <row r="292441" spans="14:14">
      <c r="N292441" s="10"/>
    </row>
    <row r="292442" spans="14:14">
      <c r="N292442" s="10"/>
    </row>
    <row r="292443" spans="14:14">
      <c r="N292443" s="10"/>
    </row>
    <row r="292444" spans="14:14">
      <c r="N292444" s="10"/>
    </row>
    <row r="292445" spans="14:14">
      <c r="N292445" s="10"/>
    </row>
    <row r="292446" spans="14:14">
      <c r="N292446" s="10"/>
    </row>
    <row r="292447" spans="14:14">
      <c r="N292447" s="10"/>
    </row>
    <row r="292448" spans="14:14">
      <c r="N292448" s="10"/>
    </row>
    <row r="292449" spans="14:14">
      <c r="N292449" s="10"/>
    </row>
    <row r="292450" spans="14:14">
      <c r="N292450" s="10"/>
    </row>
    <row r="292451" spans="14:14">
      <c r="N292451" s="10"/>
    </row>
    <row r="292452" spans="14:14">
      <c r="N292452" s="10"/>
    </row>
    <row r="292453" spans="14:14">
      <c r="N292453" s="10"/>
    </row>
    <row r="292454" spans="14:14">
      <c r="N292454" s="10"/>
    </row>
    <row r="292455" spans="14:14">
      <c r="N292455" s="10"/>
    </row>
    <row r="292456" spans="14:14">
      <c r="N292456" s="10"/>
    </row>
    <row r="292457" spans="14:14">
      <c r="N292457" s="10"/>
    </row>
    <row r="292458" spans="14:14">
      <c r="N292458" s="10"/>
    </row>
    <row r="292459" spans="14:14">
      <c r="N292459" s="10"/>
    </row>
    <row r="292460" spans="14:14">
      <c r="N292460" s="10"/>
    </row>
    <row r="292461" spans="14:14">
      <c r="N292461" s="10"/>
    </row>
    <row r="292462" spans="14:14">
      <c r="N292462" s="10"/>
    </row>
    <row r="292463" spans="14:14">
      <c r="N292463" s="10"/>
    </row>
    <row r="292464" spans="14:14">
      <c r="N292464" s="10"/>
    </row>
    <row r="292465" spans="14:14">
      <c r="N292465" s="10"/>
    </row>
    <row r="292466" spans="14:14">
      <c r="N292466" s="10"/>
    </row>
    <row r="292467" spans="14:14">
      <c r="N292467" s="10"/>
    </row>
    <row r="292468" spans="14:14">
      <c r="N292468" s="10"/>
    </row>
    <row r="292469" spans="14:14">
      <c r="N292469" s="10"/>
    </row>
    <row r="292470" spans="14:14">
      <c r="N292470" s="10"/>
    </row>
    <row r="292471" spans="14:14">
      <c r="N292471" s="10"/>
    </row>
    <row r="292472" spans="14:14">
      <c r="N292472" s="10"/>
    </row>
    <row r="292473" spans="14:14">
      <c r="N292473" s="10"/>
    </row>
    <row r="292474" spans="14:14">
      <c r="N292474" s="10"/>
    </row>
    <row r="292475" spans="14:14">
      <c r="N292475" s="10"/>
    </row>
    <row r="292476" spans="14:14">
      <c r="N292476" s="10"/>
    </row>
    <row r="292477" spans="14:14">
      <c r="N292477" s="10"/>
    </row>
    <row r="292478" spans="14:14">
      <c r="N292478" s="10"/>
    </row>
    <row r="292479" spans="14:14">
      <c r="N292479" s="10"/>
    </row>
    <row r="292480" spans="14:14">
      <c r="N292480" s="10"/>
    </row>
    <row r="292481" spans="14:14">
      <c r="N292481" s="10"/>
    </row>
    <row r="292482" spans="14:14">
      <c r="N292482" s="10"/>
    </row>
    <row r="292483" spans="14:14">
      <c r="N292483" s="10"/>
    </row>
    <row r="292484" spans="14:14">
      <c r="N292484" s="10"/>
    </row>
    <row r="292485" spans="14:14">
      <c r="N292485" s="10"/>
    </row>
    <row r="292486" spans="14:14">
      <c r="N292486" s="10"/>
    </row>
    <row r="292487" spans="14:14">
      <c r="N292487" s="10"/>
    </row>
    <row r="292488" spans="14:14">
      <c r="N292488" s="10"/>
    </row>
    <row r="292489" spans="14:14">
      <c r="N292489" s="10"/>
    </row>
    <row r="292490" spans="14:14">
      <c r="N292490" s="10"/>
    </row>
    <row r="292491" spans="14:14">
      <c r="N292491" s="10"/>
    </row>
    <row r="292492" spans="14:14">
      <c r="N292492" s="10"/>
    </row>
    <row r="292493" spans="14:14">
      <c r="N292493" s="10"/>
    </row>
    <row r="292494" spans="14:14">
      <c r="N292494" s="10"/>
    </row>
    <row r="292495" spans="14:14">
      <c r="N292495" s="10"/>
    </row>
    <row r="292496" spans="14:14">
      <c r="N292496" s="10"/>
    </row>
    <row r="292497" spans="14:14">
      <c r="N292497" s="10"/>
    </row>
    <row r="292498" spans="14:14">
      <c r="N292498" s="10"/>
    </row>
    <row r="292499" spans="14:14">
      <c r="N292499" s="10"/>
    </row>
    <row r="292500" spans="14:14">
      <c r="N292500" s="10"/>
    </row>
    <row r="292501" spans="14:14">
      <c r="N292501" s="10"/>
    </row>
    <row r="292502" spans="14:14">
      <c r="N292502" s="10"/>
    </row>
    <row r="292503" spans="14:14">
      <c r="N292503" s="10"/>
    </row>
    <row r="292504" spans="14:14">
      <c r="N292504" s="10"/>
    </row>
    <row r="292505" spans="14:14">
      <c r="N292505" s="10"/>
    </row>
    <row r="292506" spans="14:14">
      <c r="N292506" s="10"/>
    </row>
    <row r="292507" spans="14:14">
      <c r="N292507" s="10"/>
    </row>
    <row r="292508" spans="14:14">
      <c r="N292508" s="10"/>
    </row>
    <row r="292509" spans="14:14">
      <c r="N292509" s="10"/>
    </row>
    <row r="292510" spans="14:14">
      <c r="N292510" s="10"/>
    </row>
    <row r="292511" spans="14:14">
      <c r="N292511" s="10"/>
    </row>
    <row r="292512" spans="14:14">
      <c r="N292512" s="10"/>
    </row>
    <row r="292513" spans="14:14">
      <c r="N292513" s="10"/>
    </row>
    <row r="292514" spans="14:14">
      <c r="N292514" s="10"/>
    </row>
    <row r="292515" spans="14:14">
      <c r="N292515" s="10"/>
    </row>
    <row r="292516" spans="14:14">
      <c r="N292516" s="10"/>
    </row>
    <row r="292517" spans="14:14">
      <c r="N292517" s="10"/>
    </row>
    <row r="292518" spans="14:14">
      <c r="N292518" s="10"/>
    </row>
    <row r="292519" spans="14:14">
      <c r="N292519" s="10"/>
    </row>
    <row r="292520" spans="14:14">
      <c r="N292520" s="10"/>
    </row>
    <row r="292521" spans="14:14">
      <c r="N292521" s="10"/>
    </row>
    <row r="292522" spans="14:14">
      <c r="N292522" s="10"/>
    </row>
    <row r="292523" spans="14:14">
      <c r="N292523" s="10"/>
    </row>
    <row r="292524" spans="14:14">
      <c r="N292524" s="10"/>
    </row>
    <row r="292525" spans="14:14">
      <c r="N292525" s="10"/>
    </row>
    <row r="292526" spans="14:14">
      <c r="N292526" s="10"/>
    </row>
    <row r="292527" spans="14:14">
      <c r="N292527" s="10"/>
    </row>
    <row r="292528" spans="14:14">
      <c r="N292528" s="10"/>
    </row>
    <row r="292529" spans="14:14">
      <c r="N292529" s="10"/>
    </row>
    <row r="292530" spans="14:14">
      <c r="N292530" s="10"/>
    </row>
    <row r="292531" spans="14:14">
      <c r="N292531" s="10"/>
    </row>
    <row r="292532" spans="14:14">
      <c r="N292532" s="10"/>
    </row>
    <row r="292533" spans="14:14">
      <c r="N292533" s="10"/>
    </row>
    <row r="292534" spans="14:14">
      <c r="N292534" s="10"/>
    </row>
    <row r="292535" spans="14:14">
      <c r="N292535" s="10"/>
    </row>
    <row r="292536" spans="14:14">
      <c r="N292536" s="10"/>
    </row>
    <row r="292537" spans="14:14">
      <c r="N292537" s="10"/>
    </row>
    <row r="292538" spans="14:14">
      <c r="N292538" s="10"/>
    </row>
    <row r="292539" spans="14:14">
      <c r="N292539" s="10"/>
    </row>
    <row r="292540" spans="14:14">
      <c r="N292540" s="10"/>
    </row>
    <row r="292541" spans="14:14">
      <c r="N292541" s="10"/>
    </row>
    <row r="292542" spans="14:14">
      <c r="N292542" s="10"/>
    </row>
    <row r="292543" spans="14:14">
      <c r="N292543" s="10"/>
    </row>
    <row r="292544" spans="14:14">
      <c r="N292544" s="10"/>
    </row>
    <row r="292545" spans="14:14">
      <c r="N292545" s="10"/>
    </row>
    <row r="292546" spans="14:14">
      <c r="N292546" s="10"/>
    </row>
    <row r="292547" spans="14:14">
      <c r="N292547" s="10"/>
    </row>
    <row r="292548" spans="14:14">
      <c r="N292548" s="10"/>
    </row>
    <row r="292549" spans="14:14">
      <c r="N292549" s="10"/>
    </row>
    <row r="292550" spans="14:14">
      <c r="N292550" s="10"/>
    </row>
    <row r="292551" spans="14:14">
      <c r="N292551" s="10"/>
    </row>
    <row r="292552" spans="14:14">
      <c r="N292552" s="10"/>
    </row>
    <row r="292553" spans="14:14">
      <c r="N292553" s="10"/>
    </row>
    <row r="292554" spans="14:14">
      <c r="N292554" s="10"/>
    </row>
    <row r="292555" spans="14:14">
      <c r="N292555" s="10"/>
    </row>
    <row r="292556" spans="14:14">
      <c r="N292556" s="10"/>
    </row>
    <row r="292557" spans="14:14">
      <c r="N292557" s="10"/>
    </row>
    <row r="292558" spans="14:14">
      <c r="N292558" s="10"/>
    </row>
    <row r="292559" spans="14:14">
      <c r="N292559" s="10"/>
    </row>
    <row r="292560" spans="14:14">
      <c r="N292560" s="10"/>
    </row>
    <row r="292561" spans="14:14">
      <c r="N292561" s="10"/>
    </row>
    <row r="292562" spans="14:14">
      <c r="N292562" s="10"/>
    </row>
    <row r="292563" spans="14:14">
      <c r="N292563" s="10"/>
    </row>
    <row r="292564" spans="14:14">
      <c r="N292564" s="10"/>
    </row>
    <row r="292565" spans="14:14">
      <c r="N292565" s="10"/>
    </row>
    <row r="292566" spans="14:14">
      <c r="N292566" s="10"/>
    </row>
    <row r="292567" spans="14:14">
      <c r="N292567" s="10"/>
    </row>
    <row r="292568" spans="14:14">
      <c r="N292568" s="10"/>
    </row>
    <row r="292569" spans="14:14">
      <c r="N292569" s="10"/>
    </row>
    <row r="292570" spans="14:14">
      <c r="N292570" s="10"/>
    </row>
    <row r="292571" spans="14:14">
      <c r="N292571" s="10"/>
    </row>
    <row r="292572" spans="14:14">
      <c r="N292572" s="10"/>
    </row>
    <row r="292573" spans="14:14">
      <c r="N292573" s="10"/>
    </row>
    <row r="292574" spans="14:14">
      <c r="N292574" s="10"/>
    </row>
    <row r="292575" spans="14:14">
      <c r="N292575" s="10"/>
    </row>
    <row r="292576" spans="14:14">
      <c r="N292576" s="10"/>
    </row>
    <row r="292577" spans="14:14">
      <c r="N292577" s="10"/>
    </row>
    <row r="292578" spans="14:14">
      <c r="N292578" s="10"/>
    </row>
    <row r="292579" spans="14:14">
      <c r="N292579" s="10"/>
    </row>
    <row r="292580" spans="14:14">
      <c r="N292580" s="10"/>
    </row>
    <row r="292581" spans="14:14">
      <c r="N292581" s="10"/>
    </row>
    <row r="292582" spans="14:14">
      <c r="N292582" s="10"/>
    </row>
    <row r="292583" spans="14:14">
      <c r="N292583" s="10"/>
    </row>
    <row r="292584" spans="14:14">
      <c r="N292584" s="10"/>
    </row>
    <row r="292585" spans="14:14">
      <c r="N292585" s="10"/>
    </row>
    <row r="292586" spans="14:14">
      <c r="N292586" s="10"/>
    </row>
    <row r="292587" spans="14:14">
      <c r="N292587" s="10"/>
    </row>
    <row r="292588" spans="14:14">
      <c r="N292588" s="10"/>
    </row>
    <row r="292589" spans="14:14">
      <c r="N292589" s="10"/>
    </row>
    <row r="292590" spans="14:14">
      <c r="N292590" s="10"/>
    </row>
    <row r="292591" spans="14:14">
      <c r="N292591" s="10"/>
    </row>
    <row r="292592" spans="14:14">
      <c r="N292592" s="10"/>
    </row>
    <row r="292593" spans="14:14">
      <c r="N292593" s="10"/>
    </row>
    <row r="292594" spans="14:14">
      <c r="N292594" s="10"/>
    </row>
    <row r="292595" spans="14:14">
      <c r="N292595" s="10"/>
    </row>
    <row r="292596" spans="14:14">
      <c r="N292596" s="10"/>
    </row>
    <row r="292597" spans="14:14">
      <c r="N292597" s="10"/>
    </row>
    <row r="292598" spans="14:14">
      <c r="N292598" s="10"/>
    </row>
    <row r="292599" spans="14:14">
      <c r="N292599" s="10"/>
    </row>
    <row r="292600" spans="14:14">
      <c r="N292600" s="10"/>
    </row>
    <row r="292601" spans="14:14">
      <c r="N292601" s="10"/>
    </row>
    <row r="292602" spans="14:14">
      <c r="N292602" s="10"/>
    </row>
    <row r="292603" spans="14:14">
      <c r="N292603" s="10"/>
    </row>
    <row r="292604" spans="14:14">
      <c r="N292604" s="10"/>
    </row>
    <row r="292605" spans="14:14">
      <c r="N292605" s="10"/>
    </row>
    <row r="292606" spans="14:14">
      <c r="N292606" s="10"/>
    </row>
    <row r="292607" spans="14:14">
      <c r="N292607" s="10"/>
    </row>
    <row r="292608" spans="14:14">
      <c r="N292608" s="10"/>
    </row>
    <row r="292609" spans="14:14">
      <c r="N292609" s="10"/>
    </row>
    <row r="292610" spans="14:14">
      <c r="N292610" s="10"/>
    </row>
    <row r="292611" spans="14:14">
      <c r="N292611" s="10"/>
    </row>
    <row r="292612" spans="14:14">
      <c r="N292612" s="10"/>
    </row>
    <row r="292613" spans="14:14">
      <c r="N292613" s="10"/>
    </row>
    <row r="292614" spans="14:14">
      <c r="N292614" s="10"/>
    </row>
    <row r="292615" spans="14:14">
      <c r="N292615" s="10"/>
    </row>
    <row r="292616" spans="14:14">
      <c r="N292616" s="10"/>
    </row>
    <row r="292617" spans="14:14">
      <c r="N292617" s="10"/>
    </row>
    <row r="292618" spans="14:14">
      <c r="N292618" s="10"/>
    </row>
    <row r="292619" spans="14:14">
      <c r="N292619" s="10"/>
    </row>
    <row r="292620" spans="14:14">
      <c r="N292620" s="10"/>
    </row>
    <row r="292621" spans="14:14">
      <c r="N292621" s="10"/>
    </row>
    <row r="292622" spans="14:14">
      <c r="N292622" s="10"/>
    </row>
    <row r="292623" spans="14:14">
      <c r="N292623" s="10"/>
    </row>
    <row r="292624" spans="14:14">
      <c r="N292624" s="10"/>
    </row>
    <row r="292625" spans="14:14">
      <c r="N292625" s="10"/>
    </row>
    <row r="292626" spans="14:14">
      <c r="N292626" s="10"/>
    </row>
    <row r="292627" spans="14:14">
      <c r="N292627" s="10"/>
    </row>
    <row r="292628" spans="14:14">
      <c r="N292628" s="10"/>
    </row>
    <row r="292629" spans="14:14">
      <c r="N292629" s="10"/>
    </row>
    <row r="292630" spans="14:14">
      <c r="N292630" s="10"/>
    </row>
    <row r="292631" spans="14:14">
      <c r="N292631" s="10"/>
    </row>
    <row r="292632" spans="14:14">
      <c r="N292632" s="10"/>
    </row>
    <row r="292633" spans="14:14">
      <c r="N292633" s="10"/>
    </row>
    <row r="292634" spans="14:14">
      <c r="N292634" s="10"/>
    </row>
    <row r="292635" spans="14:14">
      <c r="N292635" s="10"/>
    </row>
    <row r="292636" spans="14:14">
      <c r="N292636" s="10"/>
    </row>
    <row r="292637" spans="14:14">
      <c r="N292637" s="10"/>
    </row>
    <row r="292638" spans="14:14">
      <c r="N292638" s="10"/>
    </row>
    <row r="292639" spans="14:14">
      <c r="N292639" s="10"/>
    </row>
    <row r="292640" spans="14:14">
      <c r="N292640" s="10"/>
    </row>
    <row r="292641" spans="14:14">
      <c r="N292641" s="10"/>
    </row>
    <row r="292642" spans="14:14">
      <c r="N292642" s="10"/>
    </row>
    <row r="292643" spans="14:14">
      <c r="N292643" s="10"/>
    </row>
    <row r="292644" spans="14:14">
      <c r="N292644" s="10"/>
    </row>
    <row r="292645" spans="14:14">
      <c r="N292645" s="10"/>
    </row>
    <row r="292646" spans="14:14">
      <c r="N292646" s="10"/>
    </row>
    <row r="292647" spans="14:14">
      <c r="N292647" s="10"/>
    </row>
    <row r="292648" spans="14:14">
      <c r="N292648" s="10"/>
    </row>
    <row r="292649" spans="14:14">
      <c r="N292649" s="10"/>
    </row>
    <row r="292650" spans="14:14">
      <c r="N292650" s="10"/>
    </row>
    <row r="292651" spans="14:14">
      <c r="N292651" s="10"/>
    </row>
    <row r="292652" spans="14:14">
      <c r="N292652" s="10"/>
    </row>
    <row r="292653" spans="14:14">
      <c r="N292653" s="10"/>
    </row>
    <row r="292654" spans="14:14">
      <c r="N292654" s="10"/>
    </row>
    <row r="292655" spans="14:14">
      <c r="N292655" s="10"/>
    </row>
    <row r="292656" spans="14:14">
      <c r="N292656" s="10"/>
    </row>
    <row r="292657" spans="14:14">
      <c r="N292657" s="10"/>
    </row>
    <row r="292658" spans="14:14">
      <c r="N292658" s="10"/>
    </row>
    <row r="292659" spans="14:14">
      <c r="N292659" s="10"/>
    </row>
    <row r="292660" spans="14:14">
      <c r="N292660" s="10"/>
    </row>
    <row r="292661" spans="14:14">
      <c r="N292661" s="10"/>
    </row>
    <row r="292662" spans="14:14">
      <c r="N292662" s="10"/>
    </row>
    <row r="292663" spans="14:14">
      <c r="N292663" s="10"/>
    </row>
    <row r="292664" spans="14:14">
      <c r="N292664" s="10"/>
    </row>
    <row r="292665" spans="14:14">
      <c r="N292665" s="10"/>
    </row>
    <row r="292666" spans="14:14">
      <c r="N292666" s="10"/>
    </row>
    <row r="292667" spans="14:14">
      <c r="N292667" s="10"/>
    </row>
    <row r="292668" spans="14:14">
      <c r="N292668" s="10"/>
    </row>
    <row r="292669" spans="14:14">
      <c r="N292669" s="10"/>
    </row>
    <row r="292670" spans="14:14">
      <c r="N292670" s="10"/>
    </row>
    <row r="292671" spans="14:14">
      <c r="N292671" s="10"/>
    </row>
    <row r="292672" spans="14:14">
      <c r="N292672" s="10"/>
    </row>
    <row r="292673" spans="14:14">
      <c r="N292673" s="10"/>
    </row>
    <row r="292674" spans="14:14">
      <c r="N292674" s="10"/>
    </row>
    <row r="292675" spans="14:14">
      <c r="N292675" s="10"/>
    </row>
    <row r="292676" spans="14:14">
      <c r="N292676" s="10"/>
    </row>
    <row r="292677" spans="14:14">
      <c r="N292677" s="10"/>
    </row>
    <row r="292678" spans="14:14">
      <c r="N292678" s="10"/>
    </row>
    <row r="292679" spans="14:14">
      <c r="N292679" s="10"/>
    </row>
    <row r="292680" spans="14:14">
      <c r="N292680" s="10"/>
    </row>
    <row r="292681" spans="14:14">
      <c r="N292681" s="10"/>
    </row>
    <row r="292682" spans="14:14">
      <c r="N292682" s="10"/>
    </row>
    <row r="292683" spans="14:14">
      <c r="N292683" s="10"/>
    </row>
    <row r="292684" spans="14:14">
      <c r="N292684" s="10"/>
    </row>
    <row r="292685" spans="14:14">
      <c r="N292685" s="10"/>
    </row>
    <row r="292686" spans="14:14">
      <c r="N292686" s="10"/>
    </row>
    <row r="292687" spans="14:14">
      <c r="N292687" s="10"/>
    </row>
    <row r="292688" spans="14:14">
      <c r="N292688" s="10"/>
    </row>
    <row r="292689" spans="14:14">
      <c r="N292689" s="10"/>
    </row>
    <row r="292690" spans="14:14">
      <c r="N292690" s="10"/>
    </row>
    <row r="292691" spans="14:14">
      <c r="N292691" s="10"/>
    </row>
    <row r="292692" spans="14:14">
      <c r="N292692" s="10"/>
    </row>
    <row r="292693" spans="14:14">
      <c r="N292693" s="10"/>
    </row>
    <row r="292694" spans="14:14">
      <c r="N292694" s="10"/>
    </row>
    <row r="292695" spans="14:14">
      <c r="N292695" s="10"/>
    </row>
    <row r="292696" spans="14:14">
      <c r="N292696" s="10"/>
    </row>
    <row r="292697" spans="14:14">
      <c r="N292697" s="10"/>
    </row>
    <row r="292698" spans="14:14">
      <c r="N292698" s="10"/>
    </row>
    <row r="292699" spans="14:14">
      <c r="N292699" s="10"/>
    </row>
    <row r="292700" spans="14:14">
      <c r="N292700" s="10"/>
    </row>
    <row r="292701" spans="14:14">
      <c r="N292701" s="10"/>
    </row>
    <row r="292702" spans="14:14">
      <c r="N292702" s="10"/>
    </row>
    <row r="292703" spans="14:14">
      <c r="N292703" s="10"/>
    </row>
    <row r="292704" spans="14:14">
      <c r="N292704" s="10"/>
    </row>
    <row r="292705" spans="14:14">
      <c r="N292705" s="10"/>
    </row>
    <row r="292706" spans="14:14">
      <c r="N292706" s="10"/>
    </row>
    <row r="292707" spans="14:14">
      <c r="N292707" s="10"/>
    </row>
    <row r="292708" spans="14:14">
      <c r="N292708" s="10"/>
    </row>
    <row r="292709" spans="14:14">
      <c r="N292709" s="10"/>
    </row>
    <row r="292710" spans="14:14">
      <c r="N292710" s="10"/>
    </row>
    <row r="292711" spans="14:14">
      <c r="N292711" s="10"/>
    </row>
    <row r="292712" spans="14:14">
      <c r="N292712" s="10"/>
    </row>
    <row r="292713" spans="14:14">
      <c r="N292713" s="10"/>
    </row>
    <row r="292714" spans="14:14">
      <c r="N292714" s="10"/>
    </row>
    <row r="292715" spans="14:14">
      <c r="N292715" s="10"/>
    </row>
    <row r="292716" spans="14:14">
      <c r="N292716" s="10"/>
    </row>
    <row r="292717" spans="14:14">
      <c r="N292717" s="10"/>
    </row>
    <row r="292718" spans="14:14">
      <c r="N292718" s="10"/>
    </row>
    <row r="292719" spans="14:14">
      <c r="N292719" s="10"/>
    </row>
    <row r="292720" spans="14:14">
      <c r="N292720" s="10"/>
    </row>
    <row r="292721" spans="14:14">
      <c r="N292721" s="10"/>
    </row>
    <row r="292722" spans="14:14">
      <c r="N292722" s="10"/>
    </row>
    <row r="292723" spans="14:14">
      <c r="N292723" s="10"/>
    </row>
    <row r="292724" spans="14:14">
      <c r="N292724" s="10"/>
    </row>
    <row r="292725" spans="14:14">
      <c r="N292725" s="10"/>
    </row>
    <row r="292726" spans="14:14">
      <c r="N292726" s="10"/>
    </row>
    <row r="292727" spans="14:14">
      <c r="N292727" s="10"/>
    </row>
    <row r="292728" spans="14:14">
      <c r="N292728" s="10"/>
    </row>
    <row r="292729" spans="14:14">
      <c r="N292729" s="10"/>
    </row>
    <row r="292730" spans="14:14">
      <c r="N292730" s="10"/>
    </row>
    <row r="292731" spans="14:14">
      <c r="N292731" s="10"/>
    </row>
    <row r="292732" spans="14:14">
      <c r="N292732" s="10"/>
    </row>
    <row r="292733" spans="14:14">
      <c r="N292733" s="10"/>
    </row>
    <row r="292734" spans="14:14">
      <c r="N292734" s="10"/>
    </row>
    <row r="292735" spans="14:14">
      <c r="N292735" s="10"/>
    </row>
    <row r="292736" spans="14:14">
      <c r="N292736" s="10"/>
    </row>
    <row r="292737" spans="14:14">
      <c r="N292737" s="10"/>
    </row>
    <row r="292738" spans="14:14">
      <c r="N292738" s="10"/>
    </row>
    <row r="292739" spans="14:14">
      <c r="N292739" s="10"/>
    </row>
    <row r="292740" spans="14:14">
      <c r="N292740" s="10"/>
    </row>
    <row r="292741" spans="14:14">
      <c r="N292741" s="10"/>
    </row>
    <row r="292742" spans="14:14">
      <c r="N292742" s="10"/>
    </row>
    <row r="292743" spans="14:14">
      <c r="N292743" s="10"/>
    </row>
    <row r="292744" spans="14:14">
      <c r="N292744" s="10"/>
    </row>
    <row r="292745" spans="14:14">
      <c r="N292745" s="10"/>
    </row>
    <row r="292746" spans="14:14">
      <c r="N292746" s="10"/>
    </row>
    <row r="292747" spans="14:14">
      <c r="N292747" s="10"/>
    </row>
    <row r="292748" spans="14:14">
      <c r="N292748" s="10"/>
    </row>
    <row r="292749" spans="14:14">
      <c r="N292749" s="10"/>
    </row>
    <row r="292750" spans="14:14">
      <c r="N292750" s="10"/>
    </row>
    <row r="292751" spans="14:14">
      <c r="N292751" s="10"/>
    </row>
    <row r="292752" spans="14:14">
      <c r="N292752" s="10"/>
    </row>
    <row r="292753" spans="14:14">
      <c r="N292753" s="10"/>
    </row>
    <row r="292754" spans="14:14">
      <c r="N292754" s="10"/>
    </row>
    <row r="292755" spans="14:14">
      <c r="N292755" s="10"/>
    </row>
    <row r="292756" spans="14:14">
      <c r="N292756" s="10"/>
    </row>
    <row r="292757" spans="14:14">
      <c r="N292757" s="10"/>
    </row>
    <row r="292758" spans="14:14">
      <c r="N292758" s="10"/>
    </row>
    <row r="292759" spans="14:14">
      <c r="N292759" s="10"/>
    </row>
    <row r="292760" spans="14:14">
      <c r="N292760" s="10"/>
    </row>
    <row r="292761" spans="14:14">
      <c r="N292761" s="10"/>
    </row>
    <row r="292762" spans="14:14">
      <c r="N292762" s="10"/>
    </row>
    <row r="292763" spans="14:14">
      <c r="N292763" s="10"/>
    </row>
    <row r="292764" spans="14:14">
      <c r="N292764" s="10"/>
    </row>
    <row r="292765" spans="14:14">
      <c r="N292765" s="10"/>
    </row>
    <row r="292766" spans="14:14">
      <c r="N292766" s="10"/>
    </row>
    <row r="292767" spans="14:14">
      <c r="N292767" s="10"/>
    </row>
    <row r="292768" spans="14:14">
      <c r="N292768" s="10"/>
    </row>
    <row r="292769" spans="14:14">
      <c r="N292769" s="10"/>
    </row>
    <row r="292770" spans="14:14">
      <c r="N292770" s="10"/>
    </row>
    <row r="292771" spans="14:14">
      <c r="N292771" s="10"/>
    </row>
    <row r="292772" spans="14:14">
      <c r="N292772" s="10"/>
    </row>
    <row r="292773" spans="14:14">
      <c r="N292773" s="10"/>
    </row>
    <row r="292774" spans="14:14">
      <c r="N292774" s="10"/>
    </row>
    <row r="292775" spans="14:14">
      <c r="N292775" s="10"/>
    </row>
    <row r="292776" spans="14:14">
      <c r="N292776" s="10"/>
    </row>
    <row r="292777" spans="14:14">
      <c r="N292777" s="10"/>
    </row>
    <row r="292778" spans="14:14">
      <c r="N292778" s="10"/>
    </row>
    <row r="292779" spans="14:14">
      <c r="N292779" s="10"/>
    </row>
    <row r="292780" spans="14:14">
      <c r="N292780" s="10"/>
    </row>
    <row r="292781" spans="14:14">
      <c r="N292781" s="10"/>
    </row>
    <row r="292782" spans="14:14">
      <c r="N292782" s="10"/>
    </row>
    <row r="292783" spans="14:14">
      <c r="N292783" s="10"/>
    </row>
    <row r="292784" spans="14:14">
      <c r="N292784" s="10"/>
    </row>
    <row r="292785" spans="14:14">
      <c r="N292785" s="10"/>
    </row>
    <row r="292786" spans="14:14">
      <c r="N292786" s="10"/>
    </row>
    <row r="292787" spans="14:14">
      <c r="N292787" s="10"/>
    </row>
    <row r="292788" spans="14:14">
      <c r="N292788" s="10"/>
    </row>
    <row r="292789" spans="14:14">
      <c r="N292789" s="10"/>
    </row>
    <row r="292790" spans="14:14">
      <c r="N292790" s="10"/>
    </row>
    <row r="292791" spans="14:14">
      <c r="N292791" s="10"/>
    </row>
    <row r="292792" spans="14:14">
      <c r="N292792" s="10"/>
    </row>
    <row r="292793" spans="14:14">
      <c r="N292793" s="10"/>
    </row>
    <row r="292794" spans="14:14">
      <c r="N292794" s="10"/>
    </row>
    <row r="292795" spans="14:14">
      <c r="N292795" s="10"/>
    </row>
    <row r="292796" spans="14:14">
      <c r="N292796" s="10"/>
    </row>
    <row r="292797" spans="14:14">
      <c r="N292797" s="10"/>
    </row>
    <row r="292798" spans="14:14">
      <c r="N292798" s="10"/>
    </row>
    <row r="292799" spans="14:14">
      <c r="N292799" s="10"/>
    </row>
    <row r="292800" spans="14:14">
      <c r="N292800" s="10"/>
    </row>
    <row r="292801" spans="14:14">
      <c r="N292801" s="10"/>
    </row>
    <row r="292802" spans="14:14">
      <c r="N292802" s="10"/>
    </row>
    <row r="292803" spans="14:14">
      <c r="N292803" s="10"/>
    </row>
    <row r="292804" spans="14:14">
      <c r="N292804" s="10"/>
    </row>
    <row r="292805" spans="14:14">
      <c r="N292805" s="10"/>
    </row>
    <row r="292806" spans="14:14">
      <c r="N292806" s="10"/>
    </row>
    <row r="292807" spans="14:14">
      <c r="N292807" s="10"/>
    </row>
    <row r="292808" spans="14:14">
      <c r="N292808" s="10"/>
    </row>
    <row r="292809" spans="14:14">
      <c r="N292809" s="10"/>
    </row>
    <row r="292810" spans="14:14">
      <c r="N292810" s="10"/>
    </row>
    <row r="292811" spans="14:14">
      <c r="N292811" s="10"/>
    </row>
    <row r="292812" spans="14:14">
      <c r="N292812" s="10"/>
    </row>
    <row r="292813" spans="14:14">
      <c r="N292813" s="10"/>
    </row>
    <row r="292814" spans="14:14">
      <c r="N292814" s="10"/>
    </row>
    <row r="292815" spans="14:14">
      <c r="N292815" s="10"/>
    </row>
    <row r="292816" spans="14:14">
      <c r="N292816" s="10"/>
    </row>
    <row r="292817" spans="14:14">
      <c r="N292817" s="10"/>
    </row>
    <row r="292818" spans="14:14">
      <c r="N292818" s="10"/>
    </row>
    <row r="292819" spans="14:14">
      <c r="N292819" s="10"/>
    </row>
    <row r="292820" spans="14:14">
      <c r="N292820" s="10"/>
    </row>
    <row r="292821" spans="14:14">
      <c r="N292821" s="10"/>
    </row>
    <row r="292822" spans="14:14">
      <c r="N292822" s="10"/>
    </row>
    <row r="292823" spans="14:14">
      <c r="N292823" s="10"/>
    </row>
    <row r="292824" spans="14:14">
      <c r="N292824" s="10"/>
    </row>
    <row r="292825" spans="14:14">
      <c r="N292825" s="10"/>
    </row>
    <row r="292826" spans="14:14">
      <c r="N292826" s="10"/>
    </row>
    <row r="292827" spans="14:14">
      <c r="N292827" s="10"/>
    </row>
    <row r="292828" spans="14:14">
      <c r="N292828" s="10"/>
    </row>
    <row r="292829" spans="14:14">
      <c r="N292829" s="10"/>
    </row>
    <row r="292830" spans="14:14">
      <c r="N292830" s="10"/>
    </row>
    <row r="292831" spans="14:14">
      <c r="N292831" s="10"/>
    </row>
    <row r="292832" spans="14:14">
      <c r="N292832" s="10"/>
    </row>
    <row r="292833" spans="14:14">
      <c r="N292833" s="10"/>
    </row>
    <row r="292834" spans="14:14">
      <c r="N292834" s="10"/>
    </row>
    <row r="292835" spans="14:14">
      <c r="N292835" s="10"/>
    </row>
    <row r="292836" spans="14:14">
      <c r="N292836" s="10"/>
    </row>
    <row r="292837" spans="14:14">
      <c r="N292837" s="10"/>
    </row>
    <row r="292838" spans="14:14">
      <c r="N292838" s="10"/>
    </row>
    <row r="292839" spans="14:14">
      <c r="N292839" s="10"/>
    </row>
    <row r="292840" spans="14:14">
      <c r="N292840" s="10"/>
    </row>
    <row r="292841" spans="14:14">
      <c r="N292841" s="10"/>
    </row>
    <row r="292842" spans="14:14">
      <c r="N292842" s="10"/>
    </row>
    <row r="292843" spans="14:14">
      <c r="N292843" s="10"/>
    </row>
    <row r="292844" spans="14:14">
      <c r="N292844" s="10"/>
    </row>
    <row r="292845" spans="14:14">
      <c r="N292845" s="10"/>
    </row>
    <row r="292846" spans="14:14">
      <c r="N292846" s="10"/>
    </row>
    <row r="292847" spans="14:14">
      <c r="N292847" s="10"/>
    </row>
    <row r="292848" spans="14:14">
      <c r="N292848" s="10"/>
    </row>
    <row r="292849" spans="14:14">
      <c r="N292849" s="10"/>
    </row>
    <row r="292850" spans="14:14">
      <c r="N292850" s="10"/>
    </row>
    <row r="292851" spans="14:14">
      <c r="N292851" s="10"/>
    </row>
    <row r="292852" spans="14:14">
      <c r="N292852" s="10"/>
    </row>
    <row r="292853" spans="14:14">
      <c r="N292853" s="10"/>
    </row>
    <row r="292854" spans="14:14">
      <c r="N292854" s="10"/>
    </row>
    <row r="292855" spans="14:14">
      <c r="N292855" s="10"/>
    </row>
    <row r="292856" spans="14:14">
      <c r="N292856" s="10"/>
    </row>
    <row r="292857" spans="14:14">
      <c r="N292857" s="10"/>
    </row>
    <row r="292858" spans="14:14">
      <c r="N292858" s="10"/>
    </row>
    <row r="292859" spans="14:14">
      <c r="N292859" s="10"/>
    </row>
    <row r="292860" spans="14:14">
      <c r="N292860" s="10"/>
    </row>
    <row r="292861" spans="14:14">
      <c r="N292861" s="10"/>
    </row>
    <row r="292862" spans="14:14">
      <c r="N292862" s="10"/>
    </row>
    <row r="292863" spans="14:14">
      <c r="N292863" s="10"/>
    </row>
    <row r="292864" spans="14:14">
      <c r="N292864" s="10"/>
    </row>
    <row r="292865" spans="14:14">
      <c r="N292865" s="10"/>
    </row>
    <row r="292866" spans="14:14">
      <c r="N292866" s="10"/>
    </row>
    <row r="292867" spans="14:14">
      <c r="N292867" s="10"/>
    </row>
    <row r="292868" spans="14:14">
      <c r="N292868" s="10"/>
    </row>
    <row r="292869" spans="14:14">
      <c r="N292869" s="10"/>
    </row>
    <row r="292870" spans="14:14">
      <c r="N292870" s="10"/>
    </row>
    <row r="292871" spans="14:14">
      <c r="N292871" s="10"/>
    </row>
    <row r="292872" spans="14:14">
      <c r="N292872" s="10"/>
    </row>
    <row r="292873" spans="14:14">
      <c r="N292873" s="10"/>
    </row>
    <row r="292874" spans="14:14">
      <c r="N292874" s="10"/>
    </row>
    <row r="292875" spans="14:14">
      <c r="N292875" s="10"/>
    </row>
    <row r="292876" spans="14:14">
      <c r="N292876" s="10"/>
    </row>
    <row r="292877" spans="14:14">
      <c r="N292877" s="10"/>
    </row>
    <row r="292878" spans="14:14">
      <c r="N292878" s="10"/>
    </row>
    <row r="292879" spans="14:14">
      <c r="N292879" s="10"/>
    </row>
    <row r="292880" spans="14:14">
      <c r="N292880" s="10"/>
    </row>
    <row r="292881" spans="14:14">
      <c r="N292881" s="10"/>
    </row>
    <row r="292882" spans="14:14">
      <c r="N292882" s="10"/>
    </row>
    <row r="292883" spans="14:14">
      <c r="N292883" s="10"/>
    </row>
    <row r="292884" spans="14:14">
      <c r="N292884" s="10"/>
    </row>
    <row r="292885" spans="14:14">
      <c r="N292885" s="10"/>
    </row>
    <row r="292886" spans="14:14">
      <c r="N292886" s="10"/>
    </row>
    <row r="292887" spans="14:14">
      <c r="N292887" s="10"/>
    </row>
    <row r="292888" spans="14:14">
      <c r="N292888" s="10"/>
    </row>
    <row r="292889" spans="14:14">
      <c r="N292889" s="10"/>
    </row>
    <row r="292890" spans="14:14">
      <c r="N292890" s="10"/>
    </row>
    <row r="292891" spans="14:14">
      <c r="N292891" s="10"/>
    </row>
    <row r="292892" spans="14:14">
      <c r="N292892" s="10"/>
    </row>
    <row r="292893" spans="14:14">
      <c r="N292893" s="10"/>
    </row>
    <row r="292894" spans="14:14">
      <c r="N292894" s="10"/>
    </row>
    <row r="292895" spans="14:14">
      <c r="N292895" s="10"/>
    </row>
    <row r="292896" spans="14:14">
      <c r="N292896" s="10"/>
    </row>
    <row r="292897" spans="14:14">
      <c r="N292897" s="10"/>
    </row>
    <row r="292898" spans="14:14">
      <c r="N292898" s="10"/>
    </row>
    <row r="292899" spans="14:14">
      <c r="N292899" s="10"/>
    </row>
    <row r="292900" spans="14:14">
      <c r="N292900" s="10"/>
    </row>
    <row r="292901" spans="14:14">
      <c r="N292901" s="10"/>
    </row>
    <row r="292902" spans="14:14">
      <c r="N292902" s="10"/>
    </row>
    <row r="292903" spans="14:14">
      <c r="N292903" s="10"/>
    </row>
    <row r="292904" spans="14:14">
      <c r="N292904" s="10"/>
    </row>
    <row r="292905" spans="14:14">
      <c r="N292905" s="10"/>
    </row>
    <row r="292906" spans="14:14">
      <c r="N292906" s="10"/>
    </row>
    <row r="292907" spans="14:14">
      <c r="N292907" s="10"/>
    </row>
    <row r="292908" spans="14:14">
      <c r="N292908" s="10"/>
    </row>
    <row r="292909" spans="14:14">
      <c r="N292909" s="10"/>
    </row>
    <row r="292910" spans="14:14">
      <c r="N292910" s="10"/>
    </row>
    <row r="292911" spans="14:14">
      <c r="N292911" s="10"/>
    </row>
    <row r="292912" spans="14:14">
      <c r="N292912" s="10"/>
    </row>
    <row r="292913" spans="14:14">
      <c r="N292913" s="10"/>
    </row>
    <row r="292914" spans="14:14">
      <c r="N292914" s="10"/>
    </row>
    <row r="292915" spans="14:14">
      <c r="N292915" s="10"/>
    </row>
    <row r="292916" spans="14:14">
      <c r="N292916" s="10"/>
    </row>
    <row r="292917" spans="14:14">
      <c r="N292917" s="10"/>
    </row>
    <row r="292918" spans="14:14">
      <c r="N292918" s="10"/>
    </row>
    <row r="292919" spans="14:14">
      <c r="N292919" s="10"/>
    </row>
    <row r="292920" spans="14:14">
      <c r="N292920" s="10"/>
    </row>
    <row r="292921" spans="14:14">
      <c r="N292921" s="10"/>
    </row>
    <row r="292922" spans="14:14">
      <c r="N292922" s="10"/>
    </row>
    <row r="292923" spans="14:14">
      <c r="N292923" s="10"/>
    </row>
    <row r="292924" spans="14:14">
      <c r="N292924" s="10"/>
    </row>
    <row r="292925" spans="14:14">
      <c r="N292925" s="10"/>
    </row>
    <row r="292926" spans="14:14">
      <c r="N292926" s="10"/>
    </row>
    <row r="292927" spans="14:14">
      <c r="N292927" s="10"/>
    </row>
    <row r="292928" spans="14:14">
      <c r="N292928" s="10"/>
    </row>
    <row r="292929" spans="14:14">
      <c r="N292929" s="10"/>
    </row>
    <row r="292930" spans="14:14">
      <c r="N292930" s="10"/>
    </row>
    <row r="292931" spans="14:14">
      <c r="N292931" s="10"/>
    </row>
    <row r="292932" spans="14:14">
      <c r="N292932" s="10"/>
    </row>
    <row r="292933" spans="14:14">
      <c r="N292933" s="10"/>
    </row>
    <row r="292934" spans="14:14">
      <c r="N292934" s="10"/>
    </row>
    <row r="292935" spans="14:14">
      <c r="N292935" s="10"/>
    </row>
    <row r="292936" spans="14:14">
      <c r="N292936" s="10"/>
    </row>
    <row r="292937" spans="14:14">
      <c r="N292937" s="10"/>
    </row>
    <row r="292938" spans="14:14">
      <c r="N292938" s="10"/>
    </row>
    <row r="292939" spans="14:14">
      <c r="N292939" s="10"/>
    </row>
    <row r="292940" spans="14:14">
      <c r="N292940" s="10"/>
    </row>
    <row r="292941" spans="14:14">
      <c r="N292941" s="10"/>
    </row>
    <row r="292942" spans="14:14">
      <c r="N292942" s="10"/>
    </row>
    <row r="292943" spans="14:14">
      <c r="N292943" s="10"/>
    </row>
    <row r="292944" spans="14:14">
      <c r="N292944" s="10"/>
    </row>
    <row r="292945" spans="14:14">
      <c r="N292945" s="10"/>
    </row>
    <row r="292946" spans="14:14">
      <c r="N292946" s="10"/>
    </row>
    <row r="292947" spans="14:14">
      <c r="N292947" s="10"/>
    </row>
    <row r="292948" spans="14:14">
      <c r="N292948" s="10"/>
    </row>
    <row r="292949" spans="14:14">
      <c r="N292949" s="10"/>
    </row>
    <row r="292950" spans="14:14">
      <c r="N292950" s="10"/>
    </row>
    <row r="292951" spans="14:14">
      <c r="N292951" s="10"/>
    </row>
    <row r="292952" spans="14:14">
      <c r="N292952" s="10"/>
    </row>
    <row r="292953" spans="14:14">
      <c r="N292953" s="10"/>
    </row>
    <row r="292954" spans="14:14">
      <c r="N292954" s="10"/>
    </row>
    <row r="292955" spans="14:14">
      <c r="N292955" s="10"/>
    </row>
    <row r="292956" spans="14:14">
      <c r="N292956" s="10"/>
    </row>
    <row r="292957" spans="14:14">
      <c r="N292957" s="10"/>
    </row>
    <row r="292958" spans="14:14">
      <c r="N292958" s="10"/>
    </row>
    <row r="292959" spans="14:14">
      <c r="N292959" s="10"/>
    </row>
    <row r="292960" spans="14:14">
      <c r="N292960" s="10"/>
    </row>
    <row r="292961" spans="14:14">
      <c r="N292961" s="10"/>
    </row>
    <row r="292962" spans="14:14">
      <c r="N292962" s="10"/>
    </row>
    <row r="292963" spans="14:14">
      <c r="N292963" s="10"/>
    </row>
    <row r="292964" spans="14:14">
      <c r="N292964" s="10"/>
    </row>
    <row r="292965" spans="14:14">
      <c r="N292965" s="10"/>
    </row>
    <row r="292966" spans="14:14">
      <c r="N292966" s="10"/>
    </row>
    <row r="292967" spans="14:14">
      <c r="N292967" s="10"/>
    </row>
    <row r="292968" spans="14:14">
      <c r="N292968" s="10"/>
    </row>
    <row r="292969" spans="14:14">
      <c r="N292969" s="10"/>
    </row>
    <row r="292970" spans="14:14">
      <c r="N292970" s="10"/>
    </row>
    <row r="292971" spans="14:14">
      <c r="N292971" s="10"/>
    </row>
    <row r="292972" spans="14:14">
      <c r="N292972" s="10"/>
    </row>
    <row r="292973" spans="14:14">
      <c r="N292973" s="10"/>
    </row>
    <row r="292974" spans="14:14">
      <c r="N292974" s="10"/>
    </row>
    <row r="292975" spans="14:14">
      <c r="N292975" s="10"/>
    </row>
    <row r="292976" spans="14:14">
      <c r="N292976" s="10"/>
    </row>
    <row r="292977" spans="14:14">
      <c r="N292977" s="10"/>
    </row>
    <row r="292978" spans="14:14">
      <c r="N292978" s="10"/>
    </row>
    <row r="292979" spans="14:14">
      <c r="N292979" s="10"/>
    </row>
    <row r="292980" spans="14:14">
      <c r="N292980" s="10"/>
    </row>
    <row r="292981" spans="14:14">
      <c r="N292981" s="10"/>
    </row>
    <row r="292982" spans="14:14">
      <c r="N292982" s="10"/>
    </row>
    <row r="292983" spans="14:14">
      <c r="N292983" s="10"/>
    </row>
    <row r="292984" spans="14:14">
      <c r="N292984" s="10"/>
    </row>
    <row r="292985" spans="14:14">
      <c r="N292985" s="10"/>
    </row>
    <row r="292986" spans="14:14">
      <c r="N292986" s="10"/>
    </row>
    <row r="292987" spans="14:14">
      <c r="N292987" s="10"/>
    </row>
    <row r="292988" spans="14:14">
      <c r="N292988" s="10"/>
    </row>
    <row r="292989" spans="14:14">
      <c r="N292989" s="10"/>
    </row>
    <row r="292990" spans="14:14">
      <c r="N292990" s="10"/>
    </row>
    <row r="292991" spans="14:14">
      <c r="N292991" s="10"/>
    </row>
    <row r="292992" spans="14:14">
      <c r="N292992" s="10"/>
    </row>
    <row r="292993" spans="14:14">
      <c r="N292993" s="10"/>
    </row>
    <row r="292994" spans="14:14">
      <c r="N292994" s="10"/>
    </row>
    <row r="292995" spans="14:14">
      <c r="N292995" s="10"/>
    </row>
    <row r="292996" spans="14:14">
      <c r="N292996" s="10"/>
    </row>
    <row r="292997" spans="14:14">
      <c r="N292997" s="10"/>
    </row>
    <row r="292998" spans="14:14">
      <c r="N292998" s="10"/>
    </row>
    <row r="292999" spans="14:14">
      <c r="N292999" s="10"/>
    </row>
    <row r="293000" spans="14:14">
      <c r="N293000" s="10"/>
    </row>
    <row r="293001" spans="14:14">
      <c r="N293001" s="10"/>
    </row>
    <row r="293002" spans="14:14">
      <c r="N293002" s="10"/>
    </row>
    <row r="293003" spans="14:14">
      <c r="N293003" s="10"/>
    </row>
    <row r="293004" spans="14:14">
      <c r="N293004" s="10"/>
    </row>
    <row r="293005" spans="14:14">
      <c r="N293005" s="10"/>
    </row>
    <row r="293006" spans="14:14">
      <c r="N293006" s="10"/>
    </row>
    <row r="293007" spans="14:14">
      <c r="N293007" s="10"/>
    </row>
    <row r="293008" spans="14:14">
      <c r="N293008" s="10"/>
    </row>
    <row r="293009" spans="14:14">
      <c r="N293009" s="10"/>
    </row>
    <row r="293010" spans="14:14">
      <c r="N293010" s="10"/>
    </row>
    <row r="293011" spans="14:14">
      <c r="N293011" s="10"/>
    </row>
    <row r="293012" spans="14:14">
      <c r="N293012" s="10"/>
    </row>
    <row r="293013" spans="14:14">
      <c r="N293013" s="10"/>
    </row>
    <row r="293014" spans="14:14">
      <c r="N293014" s="10"/>
    </row>
    <row r="293015" spans="14:14">
      <c r="N293015" s="10"/>
    </row>
    <row r="293016" spans="14:14">
      <c r="N293016" s="10"/>
    </row>
    <row r="293017" spans="14:14">
      <c r="N293017" s="10"/>
    </row>
    <row r="293018" spans="14:14">
      <c r="N293018" s="10"/>
    </row>
    <row r="293019" spans="14:14">
      <c r="N293019" s="10"/>
    </row>
    <row r="293020" spans="14:14">
      <c r="N293020" s="10"/>
    </row>
    <row r="293021" spans="14:14">
      <c r="N293021" s="10"/>
    </row>
    <row r="293022" spans="14:14">
      <c r="N293022" s="10"/>
    </row>
    <row r="293023" spans="14:14">
      <c r="N293023" s="10"/>
    </row>
    <row r="293024" spans="14:14">
      <c r="N293024" s="10"/>
    </row>
    <row r="293025" spans="14:14">
      <c r="N293025" s="10"/>
    </row>
    <row r="293026" spans="14:14">
      <c r="N293026" s="10"/>
    </row>
    <row r="293027" spans="14:14">
      <c r="N293027" s="10"/>
    </row>
    <row r="293028" spans="14:14">
      <c r="N293028" s="10"/>
    </row>
    <row r="293029" spans="14:14">
      <c r="N293029" s="10"/>
    </row>
    <row r="293030" spans="14:14">
      <c r="N293030" s="10"/>
    </row>
    <row r="293031" spans="14:14">
      <c r="N293031" s="10"/>
    </row>
    <row r="293032" spans="14:14">
      <c r="N293032" s="10"/>
    </row>
    <row r="293033" spans="14:14">
      <c r="N293033" s="10"/>
    </row>
    <row r="293034" spans="14:14">
      <c r="N293034" s="10"/>
    </row>
    <row r="293035" spans="14:14">
      <c r="N293035" s="10"/>
    </row>
    <row r="293036" spans="14:14">
      <c r="N293036" s="10"/>
    </row>
    <row r="293037" spans="14:14">
      <c r="N293037" s="10"/>
    </row>
    <row r="293038" spans="14:14">
      <c r="N293038" s="10"/>
    </row>
    <row r="293039" spans="14:14">
      <c r="N293039" s="10"/>
    </row>
    <row r="293040" spans="14:14">
      <c r="N293040" s="10"/>
    </row>
    <row r="293041" spans="14:14">
      <c r="N293041" s="10"/>
    </row>
    <row r="293042" spans="14:14">
      <c r="N293042" s="10"/>
    </row>
    <row r="293043" spans="14:14">
      <c r="N293043" s="10"/>
    </row>
    <row r="293044" spans="14:14">
      <c r="N293044" s="10"/>
    </row>
    <row r="293045" spans="14:14">
      <c r="N293045" s="10"/>
    </row>
    <row r="293046" spans="14:14">
      <c r="N293046" s="10"/>
    </row>
    <row r="293047" spans="14:14">
      <c r="N293047" s="10"/>
    </row>
    <row r="293048" spans="14:14">
      <c r="N293048" s="10"/>
    </row>
    <row r="293049" spans="14:14">
      <c r="N293049" s="10"/>
    </row>
    <row r="293050" spans="14:14">
      <c r="N293050" s="10"/>
    </row>
    <row r="293051" spans="14:14">
      <c r="N293051" s="10"/>
    </row>
    <row r="293052" spans="14:14">
      <c r="N293052" s="10"/>
    </row>
    <row r="293053" spans="14:14">
      <c r="N293053" s="10"/>
    </row>
    <row r="293054" spans="14:14">
      <c r="N293054" s="10"/>
    </row>
    <row r="293055" spans="14:14">
      <c r="N293055" s="10"/>
    </row>
    <row r="293056" spans="14:14">
      <c r="N293056" s="10"/>
    </row>
    <row r="293057" spans="14:14">
      <c r="N293057" s="10"/>
    </row>
    <row r="293058" spans="14:14">
      <c r="N293058" s="10"/>
    </row>
    <row r="293059" spans="14:14">
      <c r="N293059" s="10"/>
    </row>
    <row r="293060" spans="14:14">
      <c r="N293060" s="10"/>
    </row>
    <row r="293061" spans="14:14">
      <c r="N293061" s="10"/>
    </row>
    <row r="293062" spans="14:14">
      <c r="N293062" s="10"/>
    </row>
    <row r="293063" spans="14:14">
      <c r="N293063" s="10"/>
    </row>
    <row r="293064" spans="14:14">
      <c r="N293064" s="10"/>
    </row>
    <row r="293065" spans="14:14">
      <c r="N293065" s="10"/>
    </row>
    <row r="293066" spans="14:14">
      <c r="N293066" s="10"/>
    </row>
    <row r="293067" spans="14:14">
      <c r="N293067" s="10"/>
    </row>
    <row r="293068" spans="14:14">
      <c r="N293068" s="10"/>
    </row>
    <row r="293069" spans="14:14">
      <c r="N293069" s="10"/>
    </row>
    <row r="293070" spans="14:14">
      <c r="N293070" s="10"/>
    </row>
    <row r="293071" spans="14:14">
      <c r="N293071" s="10"/>
    </row>
    <row r="293072" spans="14:14">
      <c r="N293072" s="10"/>
    </row>
    <row r="293073" spans="14:14">
      <c r="N293073" s="10"/>
    </row>
    <row r="293074" spans="14:14">
      <c r="N293074" s="10"/>
    </row>
    <row r="293075" spans="14:14">
      <c r="N293075" s="10"/>
    </row>
    <row r="293076" spans="14:14">
      <c r="N293076" s="10"/>
    </row>
    <row r="293077" spans="14:14">
      <c r="N293077" s="10"/>
    </row>
    <row r="293078" spans="14:14">
      <c r="N293078" s="10"/>
    </row>
    <row r="293079" spans="14:14">
      <c r="N293079" s="10"/>
    </row>
    <row r="293080" spans="14:14">
      <c r="N293080" s="10"/>
    </row>
    <row r="293081" spans="14:14">
      <c r="N293081" s="10"/>
    </row>
    <row r="293082" spans="14:14">
      <c r="N293082" s="10"/>
    </row>
    <row r="293083" spans="14:14">
      <c r="N293083" s="10"/>
    </row>
    <row r="293084" spans="14:14">
      <c r="N293084" s="10"/>
    </row>
    <row r="293085" spans="14:14">
      <c r="N293085" s="10"/>
    </row>
    <row r="293086" spans="14:14">
      <c r="N293086" s="10"/>
    </row>
    <row r="293087" spans="14:14">
      <c r="N293087" s="10"/>
    </row>
    <row r="293088" spans="14:14">
      <c r="N293088" s="10"/>
    </row>
    <row r="293089" spans="14:14">
      <c r="N293089" s="10"/>
    </row>
    <row r="293090" spans="14:14">
      <c r="N293090" s="10"/>
    </row>
    <row r="293091" spans="14:14">
      <c r="N293091" s="10"/>
    </row>
    <row r="293092" spans="14:14">
      <c r="N293092" s="10"/>
    </row>
    <row r="293093" spans="14:14">
      <c r="N293093" s="10"/>
    </row>
    <row r="293094" spans="14:14">
      <c r="N293094" s="10"/>
    </row>
    <row r="293095" spans="14:14">
      <c r="N293095" s="10"/>
    </row>
    <row r="293096" spans="14:14">
      <c r="N293096" s="10"/>
    </row>
    <row r="293097" spans="14:14">
      <c r="N293097" s="10"/>
    </row>
    <row r="293098" spans="14:14">
      <c r="N293098" s="10"/>
    </row>
    <row r="293099" spans="14:14">
      <c r="N293099" s="10"/>
    </row>
    <row r="293100" spans="14:14">
      <c r="N293100" s="10"/>
    </row>
    <row r="293101" spans="14:14">
      <c r="N293101" s="10"/>
    </row>
    <row r="293102" spans="14:14">
      <c r="N293102" s="10"/>
    </row>
    <row r="293103" spans="14:14">
      <c r="N293103" s="10"/>
    </row>
    <row r="293104" spans="14:14">
      <c r="N293104" s="10"/>
    </row>
    <row r="293105" spans="14:14">
      <c r="N293105" s="10"/>
    </row>
    <row r="293106" spans="14:14">
      <c r="N293106" s="10"/>
    </row>
    <row r="293107" spans="14:14">
      <c r="N293107" s="10"/>
    </row>
    <row r="293108" spans="14:14">
      <c r="N293108" s="10"/>
    </row>
    <row r="293109" spans="14:14">
      <c r="N293109" s="10"/>
    </row>
    <row r="293110" spans="14:14">
      <c r="N293110" s="10"/>
    </row>
    <row r="293111" spans="14:14">
      <c r="N293111" s="10"/>
    </row>
    <row r="293112" spans="14:14">
      <c r="N293112" s="10"/>
    </row>
    <row r="293113" spans="14:14">
      <c r="N293113" s="10"/>
    </row>
    <row r="293114" spans="14:14">
      <c r="N293114" s="10"/>
    </row>
    <row r="293115" spans="14:14">
      <c r="N293115" s="10"/>
    </row>
    <row r="293116" spans="14:14">
      <c r="N293116" s="10"/>
    </row>
    <row r="293117" spans="14:14">
      <c r="N293117" s="10"/>
    </row>
    <row r="293118" spans="14:14">
      <c r="N293118" s="10"/>
    </row>
    <row r="293119" spans="14:14">
      <c r="N293119" s="10"/>
    </row>
    <row r="293120" spans="14:14">
      <c r="N293120" s="10"/>
    </row>
    <row r="293121" spans="14:14">
      <c r="N293121" s="10"/>
    </row>
    <row r="293122" spans="14:14">
      <c r="N293122" s="10"/>
    </row>
    <row r="293123" spans="14:14">
      <c r="N293123" s="10"/>
    </row>
    <row r="293124" spans="14:14">
      <c r="N293124" s="10"/>
    </row>
    <row r="293125" spans="14:14">
      <c r="N293125" s="10"/>
    </row>
    <row r="293126" spans="14:14">
      <c r="N293126" s="10"/>
    </row>
    <row r="293127" spans="14:14">
      <c r="N293127" s="10"/>
    </row>
    <row r="293128" spans="14:14">
      <c r="N293128" s="10"/>
    </row>
    <row r="293129" spans="14:14">
      <c r="N293129" s="10"/>
    </row>
    <row r="293130" spans="14:14">
      <c r="N293130" s="10"/>
    </row>
    <row r="293131" spans="14:14">
      <c r="N293131" s="10"/>
    </row>
    <row r="293132" spans="14:14">
      <c r="N293132" s="10"/>
    </row>
    <row r="293133" spans="14:14">
      <c r="N293133" s="10"/>
    </row>
    <row r="293134" spans="14:14">
      <c r="N293134" s="10"/>
    </row>
    <row r="293135" spans="14:14">
      <c r="N293135" s="10"/>
    </row>
    <row r="293136" spans="14:14">
      <c r="N293136" s="10"/>
    </row>
    <row r="293137" spans="14:14">
      <c r="N293137" s="10"/>
    </row>
    <row r="293138" spans="14:14">
      <c r="N293138" s="10"/>
    </row>
    <row r="293139" spans="14:14">
      <c r="N293139" s="10"/>
    </row>
    <row r="293140" spans="14:14">
      <c r="N293140" s="10"/>
    </row>
    <row r="293141" spans="14:14">
      <c r="N293141" s="10"/>
    </row>
    <row r="293142" spans="14:14">
      <c r="N293142" s="10"/>
    </row>
    <row r="293143" spans="14:14">
      <c r="N293143" s="10"/>
    </row>
    <row r="293144" spans="14:14">
      <c r="N293144" s="10"/>
    </row>
    <row r="293145" spans="14:14">
      <c r="N293145" s="10"/>
    </row>
    <row r="293146" spans="14:14">
      <c r="N293146" s="10"/>
    </row>
    <row r="293147" spans="14:14">
      <c r="N293147" s="10"/>
    </row>
    <row r="293148" spans="14:14">
      <c r="N293148" s="10"/>
    </row>
    <row r="293149" spans="14:14">
      <c r="N293149" s="10"/>
    </row>
    <row r="293150" spans="14:14">
      <c r="N293150" s="10"/>
    </row>
    <row r="293151" spans="14:14">
      <c r="N293151" s="10"/>
    </row>
    <row r="293152" spans="14:14">
      <c r="N293152" s="10"/>
    </row>
    <row r="293153" spans="14:14">
      <c r="N293153" s="10"/>
    </row>
    <row r="293154" spans="14:14">
      <c r="N293154" s="10"/>
    </row>
    <row r="293155" spans="14:14">
      <c r="N293155" s="10"/>
    </row>
    <row r="293156" spans="14:14">
      <c r="N293156" s="10"/>
    </row>
    <row r="293157" spans="14:14">
      <c r="N293157" s="10"/>
    </row>
    <row r="293158" spans="14:14">
      <c r="N293158" s="10"/>
    </row>
    <row r="293159" spans="14:14">
      <c r="N293159" s="10"/>
    </row>
    <row r="293160" spans="14:14">
      <c r="N293160" s="10"/>
    </row>
    <row r="293161" spans="14:14">
      <c r="N293161" s="10"/>
    </row>
    <row r="293162" spans="14:14">
      <c r="N293162" s="10"/>
    </row>
    <row r="293163" spans="14:14">
      <c r="N293163" s="10"/>
    </row>
    <row r="293164" spans="14:14">
      <c r="N293164" s="10"/>
    </row>
    <row r="293165" spans="14:14">
      <c r="N293165" s="10"/>
    </row>
    <row r="293166" spans="14:14">
      <c r="N293166" s="10"/>
    </row>
    <row r="293167" spans="14:14">
      <c r="N293167" s="10"/>
    </row>
    <row r="293168" spans="14:14">
      <c r="N293168" s="10"/>
    </row>
    <row r="293169" spans="14:14">
      <c r="N293169" s="10"/>
    </row>
    <row r="293170" spans="14:14">
      <c r="N293170" s="10"/>
    </row>
    <row r="293171" spans="14:14">
      <c r="N293171" s="10"/>
    </row>
    <row r="293172" spans="14:14">
      <c r="N293172" s="10"/>
    </row>
    <row r="293173" spans="14:14">
      <c r="N293173" s="10"/>
    </row>
    <row r="293174" spans="14:14">
      <c r="N293174" s="10"/>
    </row>
    <row r="293175" spans="14:14">
      <c r="N293175" s="10"/>
    </row>
    <row r="293176" spans="14:14">
      <c r="N293176" s="10"/>
    </row>
    <row r="293177" spans="14:14">
      <c r="N293177" s="10"/>
    </row>
    <row r="293178" spans="14:14">
      <c r="N293178" s="10"/>
    </row>
    <row r="293179" spans="14:14">
      <c r="N293179" s="10"/>
    </row>
    <row r="293180" spans="14:14">
      <c r="N293180" s="10"/>
    </row>
    <row r="293181" spans="14:14">
      <c r="N293181" s="10"/>
    </row>
    <row r="293182" spans="14:14">
      <c r="N293182" s="10"/>
    </row>
    <row r="293183" spans="14:14">
      <c r="N293183" s="10"/>
    </row>
    <row r="293184" spans="14:14">
      <c r="N293184" s="10"/>
    </row>
    <row r="293185" spans="14:14">
      <c r="N293185" s="10"/>
    </row>
    <row r="293186" spans="14:14">
      <c r="N293186" s="10"/>
    </row>
    <row r="293187" spans="14:14">
      <c r="N293187" s="10"/>
    </row>
    <row r="293188" spans="14:14">
      <c r="N293188" s="10"/>
    </row>
    <row r="293189" spans="14:14">
      <c r="N293189" s="10"/>
    </row>
    <row r="293190" spans="14:14">
      <c r="N293190" s="10"/>
    </row>
    <row r="293191" spans="14:14">
      <c r="N293191" s="10"/>
    </row>
    <row r="293192" spans="14:14">
      <c r="N293192" s="10"/>
    </row>
    <row r="293193" spans="14:14">
      <c r="N293193" s="10"/>
    </row>
    <row r="293194" spans="14:14">
      <c r="N293194" s="10"/>
    </row>
    <row r="293195" spans="14:14">
      <c r="N293195" s="10"/>
    </row>
    <row r="293196" spans="14:14">
      <c r="N293196" s="10"/>
    </row>
    <row r="293197" spans="14:14">
      <c r="N293197" s="10"/>
    </row>
    <row r="293198" spans="14:14">
      <c r="N293198" s="10"/>
    </row>
    <row r="293199" spans="14:14">
      <c r="N293199" s="10"/>
    </row>
    <row r="293200" spans="14:14">
      <c r="N293200" s="10"/>
    </row>
    <row r="293201" spans="14:14">
      <c r="N293201" s="10"/>
    </row>
    <row r="293202" spans="14:14">
      <c r="N293202" s="10"/>
    </row>
    <row r="293203" spans="14:14">
      <c r="N293203" s="10"/>
    </row>
    <row r="293204" spans="14:14">
      <c r="N293204" s="10"/>
    </row>
    <row r="293205" spans="14:14">
      <c r="N293205" s="10"/>
    </row>
    <row r="293206" spans="14:14">
      <c r="N293206" s="10"/>
    </row>
    <row r="293207" spans="14:14">
      <c r="N293207" s="10"/>
    </row>
    <row r="293208" spans="14:14">
      <c r="N293208" s="10"/>
    </row>
    <row r="293209" spans="14:14">
      <c r="N293209" s="10"/>
    </row>
    <row r="293210" spans="14:14">
      <c r="N293210" s="10"/>
    </row>
    <row r="293211" spans="14:14">
      <c r="N293211" s="10"/>
    </row>
    <row r="293212" spans="14:14">
      <c r="N293212" s="10"/>
    </row>
    <row r="293213" spans="14:14">
      <c r="N293213" s="10"/>
    </row>
    <row r="293214" spans="14:14">
      <c r="N293214" s="10"/>
    </row>
    <row r="293215" spans="14:14">
      <c r="N293215" s="10"/>
    </row>
    <row r="293216" spans="14:14">
      <c r="N293216" s="10"/>
    </row>
    <row r="293217" spans="14:14">
      <c r="N293217" s="10"/>
    </row>
    <row r="293218" spans="14:14">
      <c r="N293218" s="10"/>
    </row>
    <row r="293219" spans="14:14">
      <c r="N293219" s="10"/>
    </row>
    <row r="293220" spans="14:14">
      <c r="N293220" s="10"/>
    </row>
    <row r="293221" spans="14:14">
      <c r="N293221" s="10"/>
    </row>
    <row r="293222" spans="14:14">
      <c r="N293222" s="10"/>
    </row>
    <row r="293223" spans="14:14">
      <c r="N293223" s="10"/>
    </row>
    <row r="293224" spans="14:14">
      <c r="N293224" s="10"/>
    </row>
    <row r="293225" spans="14:14">
      <c r="N293225" s="10"/>
    </row>
    <row r="293226" spans="14:14">
      <c r="N293226" s="10"/>
    </row>
    <row r="293227" spans="14:14">
      <c r="N293227" s="10"/>
    </row>
    <row r="293228" spans="14:14">
      <c r="N293228" s="10"/>
    </row>
    <row r="293229" spans="14:14">
      <c r="N293229" s="10"/>
    </row>
    <row r="293230" spans="14:14">
      <c r="N293230" s="10"/>
    </row>
    <row r="293231" spans="14:14">
      <c r="N293231" s="10"/>
    </row>
    <row r="293232" spans="14:14">
      <c r="N293232" s="10"/>
    </row>
    <row r="293233" spans="14:14">
      <c r="N293233" s="10"/>
    </row>
    <row r="293234" spans="14:14">
      <c r="N293234" s="10"/>
    </row>
    <row r="293235" spans="14:14">
      <c r="N293235" s="10"/>
    </row>
    <row r="293236" spans="14:14">
      <c r="N293236" s="10"/>
    </row>
    <row r="293237" spans="14:14">
      <c r="N293237" s="10"/>
    </row>
    <row r="293238" spans="14:14">
      <c r="N293238" s="10"/>
    </row>
    <row r="293239" spans="14:14">
      <c r="N293239" s="10"/>
    </row>
    <row r="293240" spans="14:14">
      <c r="N293240" s="10"/>
    </row>
    <row r="293241" spans="14:14">
      <c r="N293241" s="10"/>
    </row>
    <row r="293242" spans="14:14">
      <c r="N293242" s="10"/>
    </row>
    <row r="293243" spans="14:14">
      <c r="N293243" s="10"/>
    </row>
    <row r="293244" spans="14:14">
      <c r="N293244" s="10"/>
    </row>
    <row r="293245" spans="14:14">
      <c r="N293245" s="10"/>
    </row>
    <row r="293246" spans="14:14">
      <c r="N293246" s="10"/>
    </row>
    <row r="293247" spans="14:14">
      <c r="N293247" s="10"/>
    </row>
    <row r="293248" spans="14:14">
      <c r="N293248" s="10"/>
    </row>
    <row r="293249" spans="14:14">
      <c r="N293249" s="10"/>
    </row>
    <row r="293250" spans="14:14">
      <c r="N293250" s="10"/>
    </row>
    <row r="293251" spans="14:14">
      <c r="N293251" s="10"/>
    </row>
    <row r="293252" spans="14:14">
      <c r="N293252" s="10"/>
    </row>
    <row r="293253" spans="14:14">
      <c r="N293253" s="10"/>
    </row>
    <row r="293254" spans="14:14">
      <c r="N293254" s="10"/>
    </row>
    <row r="293255" spans="14:14">
      <c r="N293255" s="10"/>
    </row>
    <row r="293256" spans="14:14">
      <c r="N293256" s="10"/>
    </row>
    <row r="293257" spans="14:14">
      <c r="N293257" s="10"/>
    </row>
    <row r="293258" spans="14:14">
      <c r="N293258" s="10"/>
    </row>
    <row r="293259" spans="14:14">
      <c r="N293259" s="10"/>
    </row>
    <row r="293260" spans="14:14">
      <c r="N293260" s="10"/>
    </row>
    <row r="293261" spans="14:14">
      <c r="N293261" s="10"/>
    </row>
    <row r="293262" spans="14:14">
      <c r="N293262" s="10"/>
    </row>
    <row r="293263" spans="14:14">
      <c r="N293263" s="10"/>
    </row>
    <row r="293264" spans="14:14">
      <c r="N293264" s="10"/>
    </row>
    <row r="293265" spans="14:14">
      <c r="N293265" s="10"/>
    </row>
    <row r="293266" spans="14:14">
      <c r="N293266" s="10"/>
    </row>
    <row r="293267" spans="14:14">
      <c r="N293267" s="10"/>
    </row>
    <row r="293268" spans="14:14">
      <c r="N293268" s="10"/>
    </row>
    <row r="293269" spans="14:14">
      <c r="N293269" s="10"/>
    </row>
    <row r="293270" spans="14:14">
      <c r="N293270" s="10"/>
    </row>
    <row r="293271" spans="14:14">
      <c r="N293271" s="10"/>
    </row>
    <row r="293272" spans="14:14">
      <c r="N293272" s="10"/>
    </row>
    <row r="293273" spans="14:14">
      <c r="N293273" s="10"/>
    </row>
    <row r="293274" spans="14:14">
      <c r="N293274" s="10"/>
    </row>
    <row r="293275" spans="14:14">
      <c r="N293275" s="10"/>
    </row>
    <row r="293276" spans="14:14">
      <c r="N293276" s="10"/>
    </row>
    <row r="293277" spans="14:14">
      <c r="N293277" s="10"/>
    </row>
    <row r="293278" spans="14:14">
      <c r="N293278" s="10"/>
    </row>
    <row r="293279" spans="14:14">
      <c r="N293279" s="10"/>
    </row>
    <row r="293280" spans="14:14">
      <c r="N293280" s="10"/>
    </row>
    <row r="293281" spans="14:14">
      <c r="N293281" s="10"/>
    </row>
    <row r="293282" spans="14:14">
      <c r="N293282" s="10"/>
    </row>
    <row r="293283" spans="14:14">
      <c r="N293283" s="10"/>
    </row>
    <row r="293284" spans="14:14">
      <c r="N293284" s="10"/>
    </row>
    <row r="293285" spans="14:14">
      <c r="N293285" s="10"/>
    </row>
    <row r="293286" spans="14:14">
      <c r="N293286" s="10"/>
    </row>
    <row r="293287" spans="14:14">
      <c r="N293287" s="10"/>
    </row>
    <row r="293288" spans="14:14">
      <c r="N293288" s="10"/>
    </row>
    <row r="293289" spans="14:14">
      <c r="N293289" s="10"/>
    </row>
    <row r="293290" spans="14:14">
      <c r="N293290" s="10"/>
    </row>
    <row r="293291" spans="14:14">
      <c r="N293291" s="10"/>
    </row>
    <row r="293292" spans="14:14">
      <c r="N293292" s="10"/>
    </row>
    <row r="293293" spans="14:14">
      <c r="N293293" s="10"/>
    </row>
    <row r="293294" spans="14:14">
      <c r="N293294" s="10"/>
    </row>
    <row r="293295" spans="14:14">
      <c r="N293295" s="10"/>
    </row>
    <row r="293296" spans="14:14">
      <c r="N293296" s="10"/>
    </row>
    <row r="293297" spans="14:14">
      <c r="N293297" s="10"/>
    </row>
    <row r="293298" spans="14:14">
      <c r="N293298" s="10"/>
    </row>
    <row r="293299" spans="14:14">
      <c r="N293299" s="10"/>
    </row>
    <row r="293300" spans="14:14">
      <c r="N293300" s="10"/>
    </row>
    <row r="293301" spans="14:14">
      <c r="N293301" s="10"/>
    </row>
    <row r="293302" spans="14:14">
      <c r="N293302" s="10"/>
    </row>
    <row r="293303" spans="14:14">
      <c r="N293303" s="10"/>
    </row>
    <row r="293304" spans="14:14">
      <c r="N293304" s="10"/>
    </row>
    <row r="293305" spans="14:14">
      <c r="N293305" s="10"/>
    </row>
    <row r="293306" spans="14:14">
      <c r="N293306" s="10"/>
    </row>
    <row r="293307" spans="14:14">
      <c r="N293307" s="10"/>
    </row>
    <row r="293308" spans="14:14">
      <c r="N293308" s="10"/>
    </row>
    <row r="293309" spans="14:14">
      <c r="N293309" s="10"/>
    </row>
    <row r="293310" spans="14:14">
      <c r="N293310" s="10"/>
    </row>
    <row r="293311" spans="14:14">
      <c r="N293311" s="10"/>
    </row>
    <row r="293312" spans="14:14">
      <c r="N293312" s="10"/>
    </row>
    <row r="293313" spans="14:14">
      <c r="N293313" s="10"/>
    </row>
    <row r="293314" spans="14:14">
      <c r="N293314" s="10"/>
    </row>
    <row r="293315" spans="14:14">
      <c r="N293315" s="10"/>
    </row>
    <row r="293316" spans="14:14">
      <c r="N293316" s="10"/>
    </row>
    <row r="293317" spans="14:14">
      <c r="N293317" s="10"/>
    </row>
    <row r="293318" spans="14:14">
      <c r="N293318" s="10"/>
    </row>
    <row r="293319" spans="14:14">
      <c r="N293319" s="10"/>
    </row>
    <row r="293320" spans="14:14">
      <c r="N293320" s="10"/>
    </row>
    <row r="293321" spans="14:14">
      <c r="N293321" s="10"/>
    </row>
    <row r="293322" spans="14:14">
      <c r="N293322" s="10"/>
    </row>
    <row r="293323" spans="14:14">
      <c r="N293323" s="10"/>
    </row>
    <row r="293324" spans="14:14">
      <c r="N293324" s="10"/>
    </row>
    <row r="293325" spans="14:14">
      <c r="N293325" s="10"/>
    </row>
    <row r="293326" spans="14:14">
      <c r="N293326" s="10"/>
    </row>
    <row r="293327" spans="14:14">
      <c r="N293327" s="10"/>
    </row>
    <row r="293328" spans="14:14">
      <c r="N293328" s="10"/>
    </row>
    <row r="293329" spans="14:14">
      <c r="N293329" s="10"/>
    </row>
    <row r="293330" spans="14:14">
      <c r="N293330" s="10"/>
    </row>
    <row r="293331" spans="14:14">
      <c r="N293331" s="10"/>
    </row>
    <row r="293332" spans="14:14">
      <c r="N293332" s="10"/>
    </row>
    <row r="293333" spans="14:14">
      <c r="N293333" s="10"/>
    </row>
    <row r="293334" spans="14:14">
      <c r="N293334" s="10"/>
    </row>
    <row r="293335" spans="14:14">
      <c r="N293335" s="10"/>
    </row>
    <row r="293336" spans="14:14">
      <c r="N293336" s="10"/>
    </row>
    <row r="293337" spans="14:14">
      <c r="N293337" s="10"/>
    </row>
    <row r="293338" spans="14:14">
      <c r="N293338" s="10"/>
    </row>
    <row r="293339" spans="14:14">
      <c r="N293339" s="10"/>
    </row>
    <row r="293340" spans="14:14">
      <c r="N293340" s="10"/>
    </row>
    <row r="293341" spans="14:14">
      <c r="N293341" s="10"/>
    </row>
    <row r="293342" spans="14:14">
      <c r="N293342" s="10"/>
    </row>
    <row r="293343" spans="14:14">
      <c r="N293343" s="10"/>
    </row>
    <row r="293344" spans="14:14">
      <c r="N293344" s="10"/>
    </row>
    <row r="293345" spans="14:14">
      <c r="N293345" s="10"/>
    </row>
    <row r="293346" spans="14:14">
      <c r="N293346" s="10"/>
    </row>
    <row r="293347" spans="14:14">
      <c r="N293347" s="10"/>
    </row>
    <row r="293348" spans="14:14">
      <c r="N293348" s="10"/>
    </row>
    <row r="293349" spans="14:14">
      <c r="N293349" s="10"/>
    </row>
    <row r="293350" spans="14:14">
      <c r="N293350" s="10"/>
    </row>
    <row r="293351" spans="14:14">
      <c r="N293351" s="10"/>
    </row>
    <row r="293352" spans="14:14">
      <c r="N293352" s="10"/>
    </row>
    <row r="293353" spans="14:14">
      <c r="N293353" s="10"/>
    </row>
    <row r="293354" spans="14:14">
      <c r="N293354" s="10"/>
    </row>
    <row r="293355" spans="14:14">
      <c r="N293355" s="10"/>
    </row>
    <row r="293356" spans="14:14">
      <c r="N293356" s="10"/>
    </row>
    <row r="293357" spans="14:14">
      <c r="N293357" s="10"/>
    </row>
    <row r="293358" spans="14:14">
      <c r="N293358" s="10"/>
    </row>
    <row r="293359" spans="14:14">
      <c r="N293359" s="10"/>
    </row>
    <row r="293360" spans="14:14">
      <c r="N293360" s="10"/>
    </row>
    <row r="293361" spans="14:14">
      <c r="N293361" s="10"/>
    </row>
    <row r="293362" spans="14:14">
      <c r="N293362" s="10"/>
    </row>
    <row r="293363" spans="14:14">
      <c r="N293363" s="10"/>
    </row>
    <row r="293364" spans="14:14">
      <c r="N293364" s="10"/>
    </row>
    <row r="293365" spans="14:14">
      <c r="N293365" s="10"/>
    </row>
    <row r="293366" spans="14:14">
      <c r="N293366" s="10"/>
    </row>
    <row r="293367" spans="14:14">
      <c r="N293367" s="10"/>
    </row>
    <row r="293368" spans="14:14">
      <c r="N293368" s="10"/>
    </row>
    <row r="293369" spans="14:14">
      <c r="N293369" s="10"/>
    </row>
    <row r="293370" spans="14:14">
      <c r="N293370" s="10"/>
    </row>
    <row r="293371" spans="14:14">
      <c r="N293371" s="10"/>
    </row>
    <row r="293372" spans="14:14">
      <c r="N293372" s="10"/>
    </row>
    <row r="293373" spans="14:14">
      <c r="N293373" s="10"/>
    </row>
    <row r="293374" spans="14:14">
      <c r="N293374" s="10"/>
    </row>
    <row r="293375" spans="14:14">
      <c r="N293375" s="10"/>
    </row>
    <row r="293376" spans="14:14">
      <c r="N293376" s="10"/>
    </row>
    <row r="293377" spans="14:14">
      <c r="N293377" s="10"/>
    </row>
    <row r="293378" spans="14:14">
      <c r="N293378" s="10"/>
    </row>
    <row r="293379" spans="14:14">
      <c r="N293379" s="10"/>
    </row>
    <row r="293380" spans="14:14">
      <c r="N293380" s="10"/>
    </row>
    <row r="293381" spans="14:14">
      <c r="N293381" s="10"/>
    </row>
    <row r="293382" spans="14:14">
      <c r="N293382" s="10"/>
    </row>
    <row r="293383" spans="14:14">
      <c r="N293383" s="10"/>
    </row>
    <row r="293384" spans="14:14">
      <c r="N293384" s="10"/>
    </row>
    <row r="293385" spans="14:14">
      <c r="N293385" s="10"/>
    </row>
    <row r="293386" spans="14:14">
      <c r="N293386" s="10"/>
    </row>
    <row r="293387" spans="14:14">
      <c r="N293387" s="10"/>
    </row>
    <row r="293388" spans="14:14">
      <c r="N293388" s="10"/>
    </row>
    <row r="293389" spans="14:14">
      <c r="N293389" s="10"/>
    </row>
    <row r="293390" spans="14:14">
      <c r="N293390" s="10"/>
    </row>
    <row r="293391" spans="14:14">
      <c r="N293391" s="10"/>
    </row>
    <row r="293392" spans="14:14">
      <c r="N293392" s="10"/>
    </row>
    <row r="293393" spans="14:14">
      <c r="N293393" s="10"/>
    </row>
    <row r="293394" spans="14:14">
      <c r="N293394" s="10"/>
    </row>
    <row r="293395" spans="14:14">
      <c r="N293395" s="10"/>
    </row>
    <row r="293396" spans="14:14">
      <c r="N293396" s="10"/>
    </row>
    <row r="293397" spans="14:14">
      <c r="N293397" s="10"/>
    </row>
    <row r="293398" spans="14:14">
      <c r="N293398" s="10"/>
    </row>
    <row r="293399" spans="14:14">
      <c r="N293399" s="10"/>
    </row>
    <row r="293400" spans="14:14">
      <c r="N293400" s="10"/>
    </row>
    <row r="293401" spans="14:14">
      <c r="N293401" s="10"/>
    </row>
    <row r="293402" spans="14:14">
      <c r="N293402" s="10"/>
    </row>
    <row r="293403" spans="14:14">
      <c r="N293403" s="10"/>
    </row>
    <row r="293404" spans="14:14">
      <c r="N293404" s="10"/>
    </row>
    <row r="293405" spans="14:14">
      <c r="N293405" s="10"/>
    </row>
    <row r="293406" spans="14:14">
      <c r="N293406" s="10"/>
    </row>
    <row r="293407" spans="14:14">
      <c r="N293407" s="10"/>
    </row>
    <row r="293408" spans="14:14">
      <c r="N293408" s="10"/>
    </row>
    <row r="293409" spans="14:14">
      <c r="N293409" s="10"/>
    </row>
    <row r="293410" spans="14:14">
      <c r="N293410" s="10"/>
    </row>
    <row r="293411" spans="14:14">
      <c r="N293411" s="10"/>
    </row>
    <row r="293412" spans="14:14">
      <c r="N293412" s="10"/>
    </row>
    <row r="293413" spans="14:14">
      <c r="N293413" s="10"/>
    </row>
    <row r="293414" spans="14:14">
      <c r="N293414" s="10"/>
    </row>
    <row r="293415" spans="14:14">
      <c r="N293415" s="10"/>
    </row>
    <row r="293416" spans="14:14">
      <c r="N293416" s="10"/>
    </row>
    <row r="293417" spans="14:14">
      <c r="N293417" s="10"/>
    </row>
    <row r="293418" spans="14:14">
      <c r="N293418" s="10"/>
    </row>
    <row r="293419" spans="14:14">
      <c r="N293419" s="10"/>
    </row>
    <row r="293420" spans="14:14">
      <c r="N293420" s="10"/>
    </row>
    <row r="293421" spans="14:14">
      <c r="N293421" s="10"/>
    </row>
    <row r="293422" spans="14:14">
      <c r="N293422" s="10"/>
    </row>
    <row r="293423" spans="14:14">
      <c r="N293423" s="10"/>
    </row>
    <row r="293424" spans="14:14">
      <c r="N293424" s="10"/>
    </row>
    <row r="293425" spans="14:14">
      <c r="N293425" s="10"/>
    </row>
    <row r="293426" spans="14:14">
      <c r="N293426" s="10"/>
    </row>
    <row r="293427" spans="14:14">
      <c r="N293427" s="10"/>
    </row>
    <row r="293428" spans="14:14">
      <c r="N293428" s="10"/>
    </row>
    <row r="293429" spans="14:14">
      <c r="N293429" s="10"/>
    </row>
    <row r="293430" spans="14:14">
      <c r="N293430" s="10"/>
    </row>
    <row r="293431" spans="14:14">
      <c r="N293431" s="10"/>
    </row>
    <row r="293432" spans="14:14">
      <c r="N293432" s="10"/>
    </row>
    <row r="293433" spans="14:14">
      <c r="N293433" s="10"/>
    </row>
    <row r="293434" spans="14:14">
      <c r="N293434" s="10"/>
    </row>
    <row r="293435" spans="14:14">
      <c r="N293435" s="10"/>
    </row>
    <row r="293436" spans="14:14">
      <c r="N293436" s="10"/>
    </row>
    <row r="293437" spans="14:14">
      <c r="N293437" s="10"/>
    </row>
    <row r="293438" spans="14:14">
      <c r="N293438" s="10"/>
    </row>
    <row r="293439" spans="14:14">
      <c r="N293439" s="10"/>
    </row>
    <row r="293440" spans="14:14">
      <c r="N293440" s="10"/>
    </row>
    <row r="293441" spans="14:14">
      <c r="N293441" s="10"/>
    </row>
    <row r="293442" spans="14:14">
      <c r="N293442" s="10"/>
    </row>
    <row r="293443" spans="14:14">
      <c r="N293443" s="10"/>
    </row>
    <row r="293444" spans="14:14">
      <c r="N293444" s="10"/>
    </row>
    <row r="293445" spans="14:14">
      <c r="N293445" s="10"/>
    </row>
    <row r="293446" spans="14:14">
      <c r="N293446" s="10"/>
    </row>
    <row r="293447" spans="14:14">
      <c r="N293447" s="10"/>
    </row>
    <row r="293448" spans="14:14">
      <c r="N293448" s="10"/>
    </row>
    <row r="293449" spans="14:14">
      <c r="N293449" s="10"/>
    </row>
    <row r="293450" spans="14:14">
      <c r="N293450" s="10"/>
    </row>
    <row r="293451" spans="14:14">
      <c r="N293451" s="10"/>
    </row>
    <row r="293452" spans="14:14">
      <c r="N293452" s="10"/>
    </row>
    <row r="293453" spans="14:14">
      <c r="N293453" s="10"/>
    </row>
    <row r="293454" spans="14:14">
      <c r="N293454" s="10"/>
    </row>
    <row r="293455" spans="14:14">
      <c r="N293455" s="10"/>
    </row>
    <row r="293456" spans="14:14">
      <c r="N293456" s="10"/>
    </row>
    <row r="293457" spans="14:14">
      <c r="N293457" s="10"/>
    </row>
    <row r="293458" spans="14:14">
      <c r="N293458" s="10"/>
    </row>
    <row r="293459" spans="14:14">
      <c r="N293459" s="10"/>
    </row>
    <row r="293460" spans="14:14">
      <c r="N293460" s="10"/>
    </row>
    <row r="293461" spans="14:14">
      <c r="N293461" s="10"/>
    </row>
    <row r="293462" spans="14:14">
      <c r="N293462" s="10"/>
    </row>
    <row r="293463" spans="14:14">
      <c r="N293463" s="10"/>
    </row>
    <row r="293464" spans="14:14">
      <c r="N293464" s="10"/>
    </row>
    <row r="293465" spans="14:14">
      <c r="N293465" s="10"/>
    </row>
    <row r="293466" spans="14:14">
      <c r="N293466" s="10"/>
    </row>
    <row r="293467" spans="14:14">
      <c r="N293467" s="10"/>
    </row>
    <row r="293468" spans="14:14">
      <c r="N293468" s="10"/>
    </row>
    <row r="293469" spans="14:14">
      <c r="N293469" s="10"/>
    </row>
    <row r="293470" spans="14:14">
      <c r="N293470" s="10"/>
    </row>
    <row r="293471" spans="14:14">
      <c r="N293471" s="10"/>
    </row>
    <row r="293472" spans="14:14">
      <c r="N293472" s="10"/>
    </row>
    <row r="293473" spans="14:14">
      <c r="N293473" s="10"/>
    </row>
    <row r="293474" spans="14:14">
      <c r="N293474" s="10"/>
    </row>
    <row r="293475" spans="14:14">
      <c r="N293475" s="10"/>
    </row>
    <row r="293476" spans="14:14">
      <c r="N293476" s="10"/>
    </row>
    <row r="293477" spans="14:14">
      <c r="N293477" s="10"/>
    </row>
    <row r="293478" spans="14:14">
      <c r="N293478" s="10"/>
    </row>
    <row r="293479" spans="14:14">
      <c r="N293479" s="10"/>
    </row>
    <row r="293480" spans="14:14">
      <c r="N293480" s="10"/>
    </row>
    <row r="293481" spans="14:14">
      <c r="N293481" s="10"/>
    </row>
    <row r="293482" spans="14:14">
      <c r="N293482" s="10"/>
    </row>
    <row r="293483" spans="14:14">
      <c r="N293483" s="10"/>
    </row>
    <row r="293484" spans="14:14">
      <c r="N293484" s="10"/>
    </row>
    <row r="293485" spans="14:14">
      <c r="N293485" s="10"/>
    </row>
    <row r="293486" spans="14:14">
      <c r="N293486" s="10"/>
    </row>
    <row r="293487" spans="14:14">
      <c r="N293487" s="10"/>
    </row>
    <row r="293488" spans="14:14">
      <c r="N293488" s="10"/>
    </row>
    <row r="293489" spans="14:14">
      <c r="N293489" s="10"/>
    </row>
    <row r="293490" spans="14:14">
      <c r="N293490" s="10"/>
    </row>
    <row r="293491" spans="14:14">
      <c r="N293491" s="10"/>
    </row>
    <row r="293492" spans="14:14">
      <c r="N293492" s="10"/>
    </row>
    <row r="293493" spans="14:14">
      <c r="N293493" s="10"/>
    </row>
    <row r="293494" spans="14:14">
      <c r="N293494" s="10"/>
    </row>
    <row r="293495" spans="14:14">
      <c r="N293495" s="10"/>
    </row>
    <row r="293496" spans="14:14">
      <c r="N293496" s="10"/>
    </row>
    <row r="293497" spans="14:14">
      <c r="N293497" s="10"/>
    </row>
    <row r="293498" spans="14:14">
      <c r="N293498" s="10"/>
    </row>
    <row r="293499" spans="14:14">
      <c r="N293499" s="10"/>
    </row>
    <row r="293500" spans="14:14">
      <c r="N293500" s="10"/>
    </row>
    <row r="293501" spans="14:14">
      <c r="N293501" s="10"/>
    </row>
    <row r="293502" spans="14:14">
      <c r="N293502" s="10"/>
    </row>
    <row r="293503" spans="14:14">
      <c r="N293503" s="10"/>
    </row>
    <row r="293504" spans="14:14">
      <c r="N293504" s="10"/>
    </row>
    <row r="293505" spans="14:14">
      <c r="N293505" s="10"/>
    </row>
    <row r="293506" spans="14:14">
      <c r="N293506" s="10"/>
    </row>
    <row r="293507" spans="14:14">
      <c r="N293507" s="10"/>
    </row>
    <row r="293508" spans="14:14">
      <c r="N293508" s="10"/>
    </row>
    <row r="293509" spans="14:14">
      <c r="N293509" s="10"/>
    </row>
    <row r="293510" spans="14:14">
      <c r="N293510" s="10"/>
    </row>
    <row r="293511" spans="14:14">
      <c r="N293511" s="10"/>
    </row>
    <row r="293512" spans="14:14">
      <c r="N293512" s="10"/>
    </row>
    <row r="293513" spans="14:14">
      <c r="N293513" s="10"/>
    </row>
    <row r="293514" spans="14:14">
      <c r="N293514" s="10"/>
    </row>
    <row r="293515" spans="14:14">
      <c r="N293515" s="10"/>
    </row>
    <row r="293516" spans="14:14">
      <c r="N293516" s="10"/>
    </row>
    <row r="293517" spans="14:14">
      <c r="N293517" s="10"/>
    </row>
    <row r="293518" spans="14:14">
      <c r="N293518" s="10"/>
    </row>
    <row r="293519" spans="14:14">
      <c r="N293519" s="10"/>
    </row>
    <row r="293520" spans="14:14">
      <c r="N293520" s="10"/>
    </row>
    <row r="293521" spans="14:14">
      <c r="N293521" s="10"/>
    </row>
    <row r="293522" spans="14:14">
      <c r="N293522" s="10"/>
    </row>
    <row r="293523" spans="14:14">
      <c r="N293523" s="10"/>
    </row>
    <row r="293524" spans="14:14">
      <c r="N293524" s="10"/>
    </row>
    <row r="293525" spans="14:14">
      <c r="N293525" s="10"/>
    </row>
    <row r="293526" spans="14:14">
      <c r="N293526" s="10"/>
    </row>
    <row r="293527" spans="14:14">
      <c r="N293527" s="10"/>
    </row>
    <row r="293528" spans="14:14">
      <c r="N293528" s="10"/>
    </row>
    <row r="293529" spans="14:14">
      <c r="N293529" s="10"/>
    </row>
    <row r="293530" spans="14:14">
      <c r="N293530" s="10"/>
    </row>
    <row r="293531" spans="14:14">
      <c r="N293531" s="10"/>
    </row>
    <row r="293532" spans="14:14">
      <c r="N293532" s="10"/>
    </row>
    <row r="293533" spans="14:14">
      <c r="N293533" s="10"/>
    </row>
    <row r="293534" spans="14:14">
      <c r="N293534" s="10"/>
    </row>
    <row r="293535" spans="14:14">
      <c r="N293535" s="10"/>
    </row>
    <row r="293536" spans="14:14">
      <c r="N293536" s="10"/>
    </row>
    <row r="293537" spans="14:14">
      <c r="N293537" s="10"/>
    </row>
    <row r="293538" spans="14:14">
      <c r="N293538" s="10"/>
    </row>
    <row r="293539" spans="14:14">
      <c r="N293539" s="10"/>
    </row>
    <row r="293540" spans="14:14">
      <c r="N293540" s="10"/>
    </row>
    <row r="293541" spans="14:14">
      <c r="N293541" s="10"/>
    </row>
    <row r="293542" spans="14:14">
      <c r="N293542" s="10"/>
    </row>
    <row r="293543" spans="14:14">
      <c r="N293543" s="10"/>
    </row>
    <row r="293544" spans="14:14">
      <c r="N293544" s="10"/>
    </row>
    <row r="293545" spans="14:14">
      <c r="N293545" s="10"/>
    </row>
    <row r="293546" spans="14:14">
      <c r="N293546" s="10"/>
    </row>
    <row r="293547" spans="14:14">
      <c r="N293547" s="10"/>
    </row>
    <row r="293548" spans="14:14">
      <c r="N293548" s="10"/>
    </row>
    <row r="293549" spans="14:14">
      <c r="N293549" s="10"/>
    </row>
    <row r="293550" spans="14:14">
      <c r="N293550" s="10"/>
    </row>
    <row r="293551" spans="14:14">
      <c r="N293551" s="10"/>
    </row>
    <row r="293552" spans="14:14">
      <c r="N293552" s="10"/>
    </row>
    <row r="293553" spans="14:14">
      <c r="N293553" s="10"/>
    </row>
    <row r="293554" spans="14:14">
      <c r="N293554" s="10"/>
    </row>
    <row r="293555" spans="14:14">
      <c r="N293555" s="10"/>
    </row>
    <row r="293556" spans="14:14">
      <c r="N293556" s="10"/>
    </row>
    <row r="293557" spans="14:14">
      <c r="N293557" s="10"/>
    </row>
    <row r="293558" spans="14:14">
      <c r="N293558" s="10"/>
    </row>
    <row r="293559" spans="14:14">
      <c r="N293559" s="10"/>
    </row>
    <row r="293560" spans="14:14">
      <c r="N293560" s="10"/>
    </row>
    <row r="293561" spans="14:14">
      <c r="N293561" s="10"/>
    </row>
    <row r="293562" spans="14:14">
      <c r="N293562" s="10"/>
    </row>
    <row r="293563" spans="14:14">
      <c r="N293563" s="10"/>
    </row>
    <row r="293564" spans="14:14">
      <c r="N293564" s="10"/>
    </row>
    <row r="293565" spans="14:14">
      <c r="N293565" s="10"/>
    </row>
    <row r="293566" spans="14:14">
      <c r="N293566" s="10"/>
    </row>
    <row r="293567" spans="14:14">
      <c r="N293567" s="10"/>
    </row>
    <row r="293568" spans="14:14">
      <c r="N293568" s="10"/>
    </row>
    <row r="293569" spans="14:14">
      <c r="N293569" s="10"/>
    </row>
    <row r="293570" spans="14:14">
      <c r="N293570" s="10"/>
    </row>
    <row r="293571" spans="14:14">
      <c r="N293571" s="10"/>
    </row>
    <row r="293572" spans="14:14">
      <c r="N293572" s="10"/>
    </row>
    <row r="293573" spans="14:14">
      <c r="N293573" s="10"/>
    </row>
    <row r="293574" spans="14:14">
      <c r="N293574" s="10"/>
    </row>
    <row r="293575" spans="14:14">
      <c r="N293575" s="10"/>
    </row>
    <row r="293576" spans="14:14">
      <c r="N293576" s="10"/>
    </row>
    <row r="293577" spans="14:14">
      <c r="N293577" s="10"/>
    </row>
    <row r="293578" spans="14:14">
      <c r="N293578" s="10"/>
    </row>
    <row r="293579" spans="14:14">
      <c r="N293579" s="10"/>
    </row>
    <row r="293580" spans="14:14">
      <c r="N293580" s="10"/>
    </row>
    <row r="293581" spans="14:14">
      <c r="N293581" s="10"/>
    </row>
    <row r="293582" spans="14:14">
      <c r="N293582" s="10"/>
    </row>
    <row r="293583" spans="14:14">
      <c r="N293583" s="10"/>
    </row>
    <row r="293584" spans="14:14">
      <c r="N293584" s="10"/>
    </row>
    <row r="293585" spans="14:14">
      <c r="N293585" s="10"/>
    </row>
    <row r="293586" spans="14:14">
      <c r="N293586" s="10"/>
    </row>
    <row r="293587" spans="14:14">
      <c r="N293587" s="10"/>
    </row>
    <row r="293588" spans="14:14">
      <c r="N293588" s="10"/>
    </row>
    <row r="293589" spans="14:14">
      <c r="N293589" s="10"/>
    </row>
    <row r="293590" spans="14:14">
      <c r="N293590" s="10"/>
    </row>
    <row r="293591" spans="14:14">
      <c r="N293591" s="10"/>
    </row>
    <row r="293592" spans="14:14">
      <c r="N293592" s="10"/>
    </row>
    <row r="293593" spans="14:14">
      <c r="N293593" s="10"/>
    </row>
    <row r="293594" spans="14:14">
      <c r="N293594" s="10"/>
    </row>
    <row r="293595" spans="14:14">
      <c r="N293595" s="10"/>
    </row>
    <row r="293596" spans="14:14">
      <c r="N293596" s="10"/>
    </row>
    <row r="293597" spans="14:14">
      <c r="N293597" s="10"/>
    </row>
    <row r="293598" spans="14:14">
      <c r="N293598" s="10"/>
    </row>
    <row r="293599" spans="14:14">
      <c r="N293599" s="10"/>
    </row>
    <row r="293600" spans="14:14">
      <c r="N293600" s="10"/>
    </row>
    <row r="293601" spans="14:14">
      <c r="N293601" s="10"/>
    </row>
    <row r="293602" spans="14:14">
      <c r="N293602" s="10"/>
    </row>
    <row r="293603" spans="14:14">
      <c r="N293603" s="10"/>
    </row>
    <row r="293604" spans="14:14">
      <c r="N293604" s="10"/>
    </row>
    <row r="293605" spans="14:14">
      <c r="N293605" s="10"/>
    </row>
    <row r="293606" spans="14:14">
      <c r="N293606" s="10"/>
    </row>
    <row r="293607" spans="14:14">
      <c r="N293607" s="10"/>
    </row>
    <row r="293608" spans="14:14">
      <c r="N293608" s="10"/>
    </row>
    <row r="293609" spans="14:14">
      <c r="N293609" s="10"/>
    </row>
    <row r="293610" spans="14:14">
      <c r="N293610" s="10"/>
    </row>
    <row r="293611" spans="14:14">
      <c r="N293611" s="10"/>
    </row>
    <row r="293612" spans="14:14">
      <c r="N293612" s="10"/>
    </row>
    <row r="293613" spans="14:14">
      <c r="N293613" s="10"/>
    </row>
    <row r="293614" spans="14:14">
      <c r="N293614" s="10"/>
    </row>
    <row r="293615" spans="14:14">
      <c r="N293615" s="10"/>
    </row>
    <row r="293616" spans="14:14">
      <c r="N293616" s="10"/>
    </row>
    <row r="293617" spans="14:14">
      <c r="N293617" s="10"/>
    </row>
    <row r="293618" spans="14:14">
      <c r="N293618" s="10"/>
    </row>
    <row r="293619" spans="14:14">
      <c r="N293619" s="10"/>
    </row>
    <row r="293620" spans="14:14">
      <c r="N293620" s="10"/>
    </row>
    <row r="293621" spans="14:14">
      <c r="N293621" s="10"/>
    </row>
    <row r="293622" spans="14:14">
      <c r="N293622" s="10"/>
    </row>
    <row r="293623" spans="14:14">
      <c r="N293623" s="10"/>
    </row>
    <row r="293624" spans="14:14">
      <c r="N293624" s="10"/>
    </row>
    <row r="293625" spans="14:14">
      <c r="N293625" s="10"/>
    </row>
    <row r="293626" spans="14:14">
      <c r="N293626" s="10"/>
    </row>
    <row r="293627" spans="14:14">
      <c r="N293627" s="10"/>
    </row>
    <row r="293628" spans="14:14">
      <c r="N293628" s="10"/>
    </row>
    <row r="293629" spans="14:14">
      <c r="N293629" s="10"/>
    </row>
    <row r="293630" spans="14:14">
      <c r="N293630" s="10"/>
    </row>
    <row r="293631" spans="14:14">
      <c r="N293631" s="10"/>
    </row>
    <row r="293632" spans="14:14">
      <c r="N293632" s="10"/>
    </row>
    <row r="293633" spans="14:14">
      <c r="N293633" s="10"/>
    </row>
    <row r="293634" spans="14:14">
      <c r="N293634" s="10"/>
    </row>
    <row r="293635" spans="14:14">
      <c r="N293635" s="10"/>
    </row>
    <row r="293636" spans="14:14">
      <c r="N293636" s="10"/>
    </row>
    <row r="293637" spans="14:14">
      <c r="N293637" s="10"/>
    </row>
    <row r="293638" spans="14:14">
      <c r="N293638" s="10"/>
    </row>
    <row r="293639" spans="14:14">
      <c r="N293639" s="10"/>
    </row>
    <row r="293640" spans="14:14">
      <c r="N293640" s="10"/>
    </row>
    <row r="293641" spans="14:14">
      <c r="N293641" s="10"/>
    </row>
    <row r="293642" spans="14:14">
      <c r="N293642" s="10"/>
    </row>
    <row r="293643" spans="14:14">
      <c r="N293643" s="10"/>
    </row>
    <row r="293644" spans="14:14">
      <c r="N293644" s="10"/>
    </row>
    <row r="293645" spans="14:14">
      <c r="N293645" s="10"/>
    </row>
    <row r="293646" spans="14:14">
      <c r="N293646" s="10"/>
    </row>
    <row r="293647" spans="14:14">
      <c r="N293647" s="10"/>
    </row>
    <row r="293648" spans="14:14">
      <c r="N293648" s="10"/>
    </row>
    <row r="293649" spans="14:14">
      <c r="N293649" s="10"/>
    </row>
    <row r="293650" spans="14:14">
      <c r="N293650" s="10"/>
    </row>
    <row r="293651" spans="14:14">
      <c r="N293651" s="10"/>
    </row>
    <row r="293652" spans="14:14">
      <c r="N293652" s="10"/>
    </row>
    <row r="293653" spans="14:14">
      <c r="N293653" s="10"/>
    </row>
    <row r="293654" spans="14:14">
      <c r="N293654" s="10"/>
    </row>
    <row r="293655" spans="14:14">
      <c r="N293655" s="10"/>
    </row>
    <row r="293656" spans="14:14">
      <c r="N293656" s="10"/>
    </row>
    <row r="293657" spans="14:14">
      <c r="N293657" s="10"/>
    </row>
    <row r="293658" spans="14:14">
      <c r="N293658" s="10"/>
    </row>
    <row r="293659" spans="14:14">
      <c r="N293659" s="10"/>
    </row>
    <row r="293660" spans="14:14">
      <c r="N293660" s="10"/>
    </row>
    <row r="293661" spans="14:14">
      <c r="N293661" s="10"/>
    </row>
    <row r="293662" spans="14:14">
      <c r="N293662" s="10"/>
    </row>
    <row r="293663" spans="14:14">
      <c r="N293663" s="10"/>
    </row>
    <row r="293664" spans="14:14">
      <c r="N293664" s="10"/>
    </row>
    <row r="293665" spans="14:14">
      <c r="N293665" s="10"/>
    </row>
    <row r="293666" spans="14:14">
      <c r="N293666" s="10"/>
    </row>
    <row r="293667" spans="14:14">
      <c r="N293667" s="10"/>
    </row>
    <row r="293668" spans="14:14">
      <c r="N293668" s="10"/>
    </row>
    <row r="293669" spans="14:14">
      <c r="N293669" s="10"/>
    </row>
    <row r="293670" spans="14:14">
      <c r="N293670" s="10"/>
    </row>
    <row r="293671" spans="14:14">
      <c r="N293671" s="10"/>
    </row>
    <row r="293672" spans="14:14">
      <c r="N293672" s="10"/>
    </row>
    <row r="293673" spans="14:14">
      <c r="N293673" s="10"/>
    </row>
    <row r="293674" spans="14:14">
      <c r="N293674" s="10"/>
    </row>
    <row r="293675" spans="14:14">
      <c r="N293675" s="10"/>
    </row>
    <row r="293676" spans="14:14">
      <c r="N293676" s="10"/>
    </row>
    <row r="293677" spans="14:14">
      <c r="N293677" s="10"/>
    </row>
    <row r="293678" spans="14:14">
      <c r="N293678" s="10"/>
    </row>
    <row r="293679" spans="14:14">
      <c r="N293679" s="10"/>
    </row>
    <row r="293680" spans="14:14">
      <c r="N293680" s="10"/>
    </row>
    <row r="293681" spans="14:14">
      <c r="N293681" s="10"/>
    </row>
    <row r="293682" spans="14:14">
      <c r="N293682" s="10"/>
    </row>
    <row r="293683" spans="14:14">
      <c r="N293683" s="10"/>
    </row>
    <row r="293684" spans="14:14">
      <c r="N293684" s="10"/>
    </row>
    <row r="293685" spans="14:14">
      <c r="N293685" s="10"/>
    </row>
    <row r="293686" spans="14:14">
      <c r="N293686" s="10"/>
    </row>
    <row r="293687" spans="14:14">
      <c r="N293687" s="10"/>
    </row>
    <row r="293688" spans="14:14">
      <c r="N293688" s="10"/>
    </row>
    <row r="293689" spans="14:14">
      <c r="N293689" s="10"/>
    </row>
    <row r="293690" spans="14:14">
      <c r="N293690" s="10"/>
    </row>
    <row r="293691" spans="14:14">
      <c r="N293691" s="10"/>
    </row>
    <row r="293692" spans="14:14">
      <c r="N293692" s="10"/>
    </row>
    <row r="293693" spans="14:14">
      <c r="N293693" s="10"/>
    </row>
    <row r="293694" spans="14:14">
      <c r="N293694" s="10"/>
    </row>
    <row r="293695" spans="14:14">
      <c r="N293695" s="10"/>
    </row>
    <row r="293696" spans="14:14">
      <c r="N293696" s="10"/>
    </row>
    <row r="293697" spans="14:14">
      <c r="N293697" s="10"/>
    </row>
    <row r="293698" spans="14:14">
      <c r="N293698" s="10"/>
    </row>
    <row r="293699" spans="14:14">
      <c r="N293699" s="10"/>
    </row>
    <row r="293700" spans="14:14">
      <c r="N293700" s="10"/>
    </row>
    <row r="293701" spans="14:14">
      <c r="N293701" s="10"/>
    </row>
    <row r="293702" spans="14:14">
      <c r="N293702" s="10"/>
    </row>
    <row r="293703" spans="14:14">
      <c r="N293703" s="10"/>
    </row>
    <row r="293704" spans="14:14">
      <c r="N293704" s="10"/>
    </row>
    <row r="293705" spans="14:14">
      <c r="N293705" s="10"/>
    </row>
    <row r="293706" spans="14:14">
      <c r="N293706" s="10"/>
    </row>
    <row r="293707" spans="14:14">
      <c r="N293707" s="10"/>
    </row>
    <row r="293708" spans="14:14">
      <c r="N293708" s="10"/>
    </row>
    <row r="293709" spans="14:14">
      <c r="N293709" s="10"/>
    </row>
    <row r="293710" spans="14:14">
      <c r="N293710" s="10"/>
    </row>
    <row r="293711" spans="14:14">
      <c r="N293711" s="10"/>
    </row>
    <row r="293712" spans="14:14">
      <c r="N293712" s="10"/>
    </row>
    <row r="293713" spans="14:14">
      <c r="N293713" s="10"/>
    </row>
    <row r="293714" spans="14:14">
      <c r="N293714" s="10"/>
    </row>
    <row r="293715" spans="14:14">
      <c r="N293715" s="10"/>
    </row>
    <row r="293716" spans="14:14">
      <c r="N293716" s="10"/>
    </row>
    <row r="293717" spans="14:14">
      <c r="N293717" s="10"/>
    </row>
    <row r="293718" spans="14:14">
      <c r="N293718" s="10"/>
    </row>
    <row r="293719" spans="14:14">
      <c r="N293719" s="10"/>
    </row>
    <row r="293720" spans="14:14">
      <c r="N293720" s="10"/>
    </row>
    <row r="293721" spans="14:14">
      <c r="N293721" s="10"/>
    </row>
    <row r="293722" spans="14:14">
      <c r="N293722" s="10"/>
    </row>
    <row r="293723" spans="14:14">
      <c r="N293723" s="10"/>
    </row>
    <row r="293724" spans="14:14">
      <c r="N293724" s="10"/>
    </row>
    <row r="293725" spans="14:14">
      <c r="N293725" s="10"/>
    </row>
    <row r="293726" spans="14:14">
      <c r="N293726" s="10"/>
    </row>
    <row r="293727" spans="14:14">
      <c r="N293727" s="10"/>
    </row>
    <row r="293728" spans="14:14">
      <c r="N293728" s="10"/>
    </row>
    <row r="293729" spans="14:14">
      <c r="N293729" s="10"/>
    </row>
    <row r="293730" spans="14:14">
      <c r="N293730" s="10"/>
    </row>
    <row r="293731" spans="14:14">
      <c r="N293731" s="10"/>
    </row>
    <row r="293732" spans="14:14">
      <c r="N293732" s="10"/>
    </row>
    <row r="293733" spans="14:14">
      <c r="N293733" s="10"/>
    </row>
    <row r="293734" spans="14:14">
      <c r="N293734" s="10"/>
    </row>
    <row r="293735" spans="14:14">
      <c r="N293735" s="10"/>
    </row>
    <row r="293736" spans="14:14">
      <c r="N293736" s="10"/>
    </row>
    <row r="293737" spans="14:14">
      <c r="N293737" s="10"/>
    </row>
    <row r="293738" spans="14:14">
      <c r="N293738" s="10"/>
    </row>
    <row r="293739" spans="14:14">
      <c r="N293739" s="10"/>
    </row>
    <row r="293740" spans="14:14">
      <c r="N293740" s="10"/>
    </row>
    <row r="293741" spans="14:14">
      <c r="N293741" s="10"/>
    </row>
    <row r="293742" spans="14:14">
      <c r="N293742" s="10"/>
    </row>
    <row r="293743" spans="14:14">
      <c r="N293743" s="10"/>
    </row>
    <row r="293744" spans="14:14">
      <c r="N293744" s="10"/>
    </row>
    <row r="293745" spans="14:14">
      <c r="N293745" s="10"/>
    </row>
    <row r="293746" spans="14:14">
      <c r="N293746" s="10"/>
    </row>
    <row r="293747" spans="14:14">
      <c r="N293747" s="10"/>
    </row>
    <row r="293748" spans="14:14">
      <c r="N293748" s="10"/>
    </row>
    <row r="293749" spans="14:14">
      <c r="N293749" s="10"/>
    </row>
    <row r="293750" spans="14:14">
      <c r="N293750" s="10"/>
    </row>
    <row r="293751" spans="14:14">
      <c r="N293751" s="10"/>
    </row>
    <row r="293752" spans="14:14">
      <c r="N293752" s="10"/>
    </row>
    <row r="293753" spans="14:14">
      <c r="N293753" s="10"/>
    </row>
    <row r="293754" spans="14:14">
      <c r="N293754" s="10"/>
    </row>
    <row r="293755" spans="14:14">
      <c r="N293755" s="10"/>
    </row>
    <row r="293756" spans="14:14">
      <c r="N293756" s="10"/>
    </row>
    <row r="293757" spans="14:14">
      <c r="N293757" s="10"/>
    </row>
    <row r="293758" spans="14:14">
      <c r="N293758" s="10"/>
    </row>
    <row r="293759" spans="14:14">
      <c r="N293759" s="10"/>
    </row>
    <row r="293760" spans="14:14">
      <c r="N293760" s="10"/>
    </row>
    <row r="293761" spans="14:14">
      <c r="N293761" s="10"/>
    </row>
    <row r="293762" spans="14:14">
      <c r="N293762" s="10"/>
    </row>
    <row r="293763" spans="14:14">
      <c r="N293763" s="10"/>
    </row>
    <row r="293764" spans="14:14">
      <c r="N293764" s="10"/>
    </row>
    <row r="293765" spans="14:14">
      <c r="N293765" s="10"/>
    </row>
    <row r="293766" spans="14:14">
      <c r="N293766" s="10"/>
    </row>
    <row r="293767" spans="14:14">
      <c r="N293767" s="10"/>
    </row>
    <row r="293768" spans="14:14">
      <c r="N293768" s="10"/>
    </row>
    <row r="293769" spans="14:14">
      <c r="N293769" s="10"/>
    </row>
    <row r="293770" spans="14:14">
      <c r="N293770" s="10"/>
    </row>
    <row r="293771" spans="14:14">
      <c r="N293771" s="10"/>
    </row>
    <row r="293772" spans="14:14">
      <c r="N293772" s="10"/>
    </row>
    <row r="293773" spans="14:14">
      <c r="N293773" s="10"/>
    </row>
    <row r="293774" spans="14:14">
      <c r="N293774" s="10"/>
    </row>
    <row r="293775" spans="14:14">
      <c r="N293775" s="10"/>
    </row>
    <row r="293776" spans="14:14">
      <c r="N293776" s="10"/>
    </row>
    <row r="293777" spans="14:14">
      <c r="N293777" s="10"/>
    </row>
    <row r="293778" spans="14:14">
      <c r="N293778" s="10"/>
    </row>
    <row r="293779" spans="14:14">
      <c r="N293779" s="10"/>
    </row>
    <row r="293780" spans="14:14">
      <c r="N293780" s="10"/>
    </row>
    <row r="293781" spans="14:14">
      <c r="N293781" s="10"/>
    </row>
    <row r="293782" spans="14:14">
      <c r="N293782" s="10"/>
    </row>
    <row r="293783" spans="14:14">
      <c r="N293783" s="10"/>
    </row>
    <row r="293784" spans="14:14">
      <c r="N293784" s="10"/>
    </row>
    <row r="293785" spans="14:14">
      <c r="N293785" s="10"/>
    </row>
    <row r="293786" spans="14:14">
      <c r="N293786" s="10"/>
    </row>
    <row r="293787" spans="14:14">
      <c r="N293787" s="10"/>
    </row>
    <row r="293788" spans="14:14">
      <c r="N293788" s="10"/>
    </row>
    <row r="293789" spans="14:14">
      <c r="N293789" s="10"/>
    </row>
    <row r="293790" spans="14:14">
      <c r="N293790" s="10"/>
    </row>
    <row r="293791" spans="14:14">
      <c r="N293791" s="10"/>
    </row>
    <row r="293792" spans="14:14">
      <c r="N293792" s="10"/>
    </row>
    <row r="293793" spans="14:14">
      <c r="N293793" s="10"/>
    </row>
    <row r="293794" spans="14:14">
      <c r="N293794" s="10"/>
    </row>
    <row r="293795" spans="14:14">
      <c r="N293795" s="10"/>
    </row>
    <row r="293796" spans="14:14">
      <c r="N293796" s="10"/>
    </row>
    <row r="293797" spans="14:14">
      <c r="N293797" s="10"/>
    </row>
    <row r="293798" spans="14:14">
      <c r="N293798" s="10"/>
    </row>
    <row r="293799" spans="14:14">
      <c r="N293799" s="10"/>
    </row>
    <row r="293800" spans="14:14">
      <c r="N293800" s="10"/>
    </row>
    <row r="293801" spans="14:14">
      <c r="N293801" s="10"/>
    </row>
    <row r="293802" spans="14:14">
      <c r="N293802" s="10"/>
    </row>
    <row r="293803" spans="14:14">
      <c r="N293803" s="10"/>
    </row>
    <row r="293804" spans="14:14">
      <c r="N293804" s="10"/>
    </row>
    <row r="293805" spans="14:14">
      <c r="N293805" s="10"/>
    </row>
    <row r="293806" spans="14:14">
      <c r="N293806" s="10"/>
    </row>
    <row r="293807" spans="14:14">
      <c r="N293807" s="10"/>
    </row>
    <row r="293808" spans="14:14">
      <c r="N293808" s="10"/>
    </row>
    <row r="293809" spans="14:14">
      <c r="N293809" s="10"/>
    </row>
    <row r="293810" spans="14:14">
      <c r="N293810" s="10"/>
    </row>
    <row r="293811" spans="14:14">
      <c r="N293811" s="10"/>
    </row>
    <row r="293812" spans="14:14">
      <c r="N293812" s="10"/>
    </row>
    <row r="293813" spans="14:14">
      <c r="N293813" s="10"/>
    </row>
    <row r="293814" spans="14:14">
      <c r="N293814" s="10"/>
    </row>
    <row r="293815" spans="14:14">
      <c r="N293815" s="10"/>
    </row>
    <row r="293816" spans="14:14">
      <c r="N293816" s="10"/>
    </row>
    <row r="293817" spans="14:14">
      <c r="N293817" s="10"/>
    </row>
    <row r="293818" spans="14:14">
      <c r="N293818" s="10"/>
    </row>
    <row r="293819" spans="14:14">
      <c r="N293819" s="10"/>
    </row>
    <row r="293820" spans="14:14">
      <c r="N293820" s="10"/>
    </row>
    <row r="293821" spans="14:14">
      <c r="N293821" s="10"/>
    </row>
    <row r="293822" spans="14:14">
      <c r="N293822" s="10"/>
    </row>
    <row r="293823" spans="14:14">
      <c r="N293823" s="10"/>
    </row>
    <row r="293824" spans="14:14">
      <c r="N293824" s="10"/>
    </row>
    <row r="293825" spans="14:14">
      <c r="N293825" s="10"/>
    </row>
    <row r="293826" spans="14:14">
      <c r="N293826" s="10"/>
    </row>
    <row r="293827" spans="14:14">
      <c r="N293827" s="10"/>
    </row>
    <row r="293828" spans="14:14">
      <c r="N293828" s="10"/>
    </row>
    <row r="293829" spans="14:14">
      <c r="N293829" s="10"/>
    </row>
    <row r="293830" spans="14:14">
      <c r="N293830" s="10"/>
    </row>
    <row r="293831" spans="14:14">
      <c r="N293831" s="10"/>
    </row>
    <row r="293832" spans="14:14">
      <c r="N293832" s="10"/>
    </row>
    <row r="293833" spans="14:14">
      <c r="N293833" s="10"/>
    </row>
    <row r="293834" spans="14:14">
      <c r="N293834" s="10"/>
    </row>
    <row r="293835" spans="14:14">
      <c r="N293835" s="10"/>
    </row>
    <row r="293836" spans="14:14">
      <c r="N293836" s="10"/>
    </row>
    <row r="293837" spans="14:14">
      <c r="N293837" s="10"/>
    </row>
    <row r="293838" spans="14:14">
      <c r="N293838" s="10"/>
    </row>
    <row r="293839" spans="14:14">
      <c r="N293839" s="10"/>
    </row>
    <row r="293840" spans="14:14">
      <c r="N293840" s="10"/>
    </row>
    <row r="293841" spans="14:14">
      <c r="N293841" s="10"/>
    </row>
    <row r="293842" spans="14:14">
      <c r="N293842" s="10"/>
    </row>
    <row r="293843" spans="14:14">
      <c r="N293843" s="10"/>
    </row>
    <row r="293844" spans="14:14">
      <c r="N293844" s="10"/>
    </row>
    <row r="293845" spans="14:14">
      <c r="N293845" s="10"/>
    </row>
    <row r="293846" spans="14:14">
      <c r="N293846" s="10"/>
    </row>
    <row r="293847" spans="14:14">
      <c r="N293847" s="10"/>
    </row>
    <row r="293848" spans="14:14">
      <c r="N293848" s="10"/>
    </row>
    <row r="293849" spans="14:14">
      <c r="N293849" s="10"/>
    </row>
    <row r="293850" spans="14:14">
      <c r="N293850" s="10"/>
    </row>
    <row r="293851" spans="14:14">
      <c r="N293851" s="10"/>
    </row>
    <row r="293852" spans="14:14">
      <c r="N293852" s="10"/>
    </row>
    <row r="293853" spans="14:14">
      <c r="N293853" s="10"/>
    </row>
    <row r="293854" spans="14:14">
      <c r="N293854" s="10"/>
    </row>
    <row r="293855" spans="14:14">
      <c r="N293855" s="10"/>
    </row>
    <row r="293856" spans="14:14">
      <c r="N293856" s="10"/>
    </row>
    <row r="293857" spans="14:14">
      <c r="N293857" s="10"/>
    </row>
    <row r="293858" spans="14:14">
      <c r="N293858" s="10"/>
    </row>
    <row r="293859" spans="14:14">
      <c r="N293859" s="10"/>
    </row>
    <row r="293860" spans="14:14">
      <c r="N293860" s="10"/>
    </row>
    <row r="293861" spans="14:14">
      <c r="N293861" s="10"/>
    </row>
    <row r="293862" spans="14:14">
      <c r="N293862" s="10"/>
    </row>
    <row r="293863" spans="14:14">
      <c r="N293863" s="10"/>
    </row>
    <row r="293864" spans="14:14">
      <c r="N293864" s="10"/>
    </row>
    <row r="293865" spans="14:14">
      <c r="N293865" s="10"/>
    </row>
    <row r="293866" spans="14:14">
      <c r="N293866" s="10"/>
    </row>
    <row r="293867" spans="14:14">
      <c r="N293867" s="10"/>
    </row>
    <row r="293868" spans="14:14">
      <c r="N293868" s="10"/>
    </row>
    <row r="293869" spans="14:14">
      <c r="N293869" s="10"/>
    </row>
    <row r="293870" spans="14:14">
      <c r="N293870" s="10"/>
    </row>
    <row r="293871" spans="14:14">
      <c r="N293871" s="10"/>
    </row>
    <row r="293872" spans="14:14">
      <c r="N293872" s="10"/>
    </row>
    <row r="293873" spans="14:14">
      <c r="N293873" s="10"/>
    </row>
    <row r="293874" spans="14:14">
      <c r="N293874" s="10"/>
    </row>
    <row r="293875" spans="14:14">
      <c r="N293875" s="10"/>
    </row>
    <row r="293876" spans="14:14">
      <c r="N293876" s="10"/>
    </row>
    <row r="293877" spans="14:14">
      <c r="N293877" s="10"/>
    </row>
    <row r="293878" spans="14:14">
      <c r="N293878" s="10"/>
    </row>
    <row r="293879" spans="14:14">
      <c r="N293879" s="10"/>
    </row>
    <row r="293880" spans="14:14">
      <c r="N293880" s="10"/>
    </row>
    <row r="293881" spans="14:14">
      <c r="N293881" s="10"/>
    </row>
    <row r="293882" spans="14:14">
      <c r="N293882" s="10"/>
    </row>
    <row r="293883" spans="14:14">
      <c r="N293883" s="10"/>
    </row>
    <row r="293884" spans="14:14">
      <c r="N293884" s="10"/>
    </row>
    <row r="293885" spans="14:14">
      <c r="N293885" s="10"/>
    </row>
    <row r="293886" spans="14:14">
      <c r="N293886" s="10"/>
    </row>
    <row r="293887" spans="14:14">
      <c r="N293887" s="10"/>
    </row>
    <row r="293888" spans="14:14">
      <c r="N293888" s="10"/>
    </row>
    <row r="293889" spans="14:14">
      <c r="N293889" s="10"/>
    </row>
    <row r="293890" spans="14:14">
      <c r="N293890" s="10"/>
    </row>
    <row r="293891" spans="14:14">
      <c r="N293891" s="10"/>
    </row>
    <row r="293892" spans="14:14">
      <c r="N293892" s="10"/>
    </row>
    <row r="293893" spans="14:14">
      <c r="N293893" s="10"/>
    </row>
    <row r="293894" spans="14:14">
      <c r="N293894" s="10"/>
    </row>
    <row r="293895" spans="14:14">
      <c r="N293895" s="10"/>
    </row>
    <row r="293896" spans="14:14">
      <c r="N293896" s="10"/>
    </row>
    <row r="293897" spans="14:14">
      <c r="N293897" s="10"/>
    </row>
    <row r="293898" spans="14:14">
      <c r="N293898" s="10"/>
    </row>
    <row r="293899" spans="14:14">
      <c r="N293899" s="10"/>
    </row>
    <row r="293900" spans="14:14">
      <c r="N293900" s="10"/>
    </row>
    <row r="293901" spans="14:14">
      <c r="N293901" s="10"/>
    </row>
    <row r="293902" spans="14:14">
      <c r="N293902" s="10"/>
    </row>
    <row r="293903" spans="14:14">
      <c r="N293903" s="10"/>
    </row>
    <row r="293904" spans="14:14">
      <c r="N293904" s="10"/>
    </row>
    <row r="293905" spans="14:14">
      <c r="N293905" s="10"/>
    </row>
    <row r="293906" spans="14:14">
      <c r="N293906" s="10"/>
    </row>
    <row r="293907" spans="14:14">
      <c r="N293907" s="10"/>
    </row>
    <row r="293908" spans="14:14">
      <c r="N293908" s="10"/>
    </row>
    <row r="293909" spans="14:14">
      <c r="N293909" s="10"/>
    </row>
    <row r="293910" spans="14:14">
      <c r="N293910" s="10"/>
    </row>
    <row r="293911" spans="14:14">
      <c r="N293911" s="10"/>
    </row>
    <row r="293912" spans="14:14">
      <c r="N293912" s="10"/>
    </row>
    <row r="293913" spans="14:14">
      <c r="N293913" s="10"/>
    </row>
    <row r="293914" spans="14:14">
      <c r="N293914" s="10"/>
    </row>
    <row r="293915" spans="14:14">
      <c r="N293915" s="10"/>
    </row>
    <row r="293916" spans="14:14">
      <c r="N293916" s="10"/>
    </row>
    <row r="293917" spans="14:14">
      <c r="N293917" s="10"/>
    </row>
    <row r="293918" spans="14:14">
      <c r="N293918" s="10"/>
    </row>
    <row r="293919" spans="14:14">
      <c r="N293919" s="10"/>
    </row>
    <row r="293920" spans="14:14">
      <c r="N293920" s="10"/>
    </row>
    <row r="293921" spans="14:14">
      <c r="N293921" s="10"/>
    </row>
    <row r="293922" spans="14:14">
      <c r="N293922" s="10"/>
    </row>
    <row r="293923" spans="14:14">
      <c r="N293923" s="10"/>
    </row>
    <row r="293924" spans="14:14">
      <c r="N293924" s="10"/>
    </row>
    <row r="293925" spans="14:14">
      <c r="N293925" s="10"/>
    </row>
    <row r="293926" spans="14:14">
      <c r="N293926" s="10"/>
    </row>
    <row r="293927" spans="14:14">
      <c r="N293927" s="10"/>
    </row>
    <row r="293928" spans="14:14">
      <c r="N293928" s="10"/>
    </row>
    <row r="293929" spans="14:14">
      <c r="N293929" s="10"/>
    </row>
    <row r="293930" spans="14:14">
      <c r="N293930" s="10"/>
    </row>
    <row r="293931" spans="14:14">
      <c r="N293931" s="10"/>
    </row>
    <row r="293932" spans="14:14">
      <c r="N293932" s="10"/>
    </row>
    <row r="293933" spans="14:14">
      <c r="N293933" s="10"/>
    </row>
    <row r="293934" spans="14:14">
      <c r="N293934" s="10"/>
    </row>
    <row r="293935" spans="14:14">
      <c r="N293935" s="10"/>
    </row>
    <row r="293936" spans="14:14">
      <c r="N293936" s="10"/>
    </row>
    <row r="293937" spans="14:14">
      <c r="N293937" s="10"/>
    </row>
    <row r="293938" spans="14:14">
      <c r="N293938" s="10"/>
    </row>
    <row r="293939" spans="14:14">
      <c r="N293939" s="10"/>
    </row>
    <row r="293940" spans="14:14">
      <c r="N293940" s="10"/>
    </row>
    <row r="293941" spans="14:14">
      <c r="N293941" s="10"/>
    </row>
    <row r="293942" spans="14:14">
      <c r="N293942" s="10"/>
    </row>
    <row r="293943" spans="14:14">
      <c r="N293943" s="10"/>
    </row>
    <row r="293944" spans="14:14">
      <c r="N293944" s="10"/>
    </row>
    <row r="293945" spans="14:14">
      <c r="N293945" s="10"/>
    </row>
    <row r="293946" spans="14:14">
      <c r="N293946" s="10"/>
    </row>
    <row r="293947" spans="14:14">
      <c r="N293947" s="10"/>
    </row>
    <row r="293948" spans="14:14">
      <c r="N293948" s="10"/>
    </row>
    <row r="293949" spans="14:14">
      <c r="N293949" s="10"/>
    </row>
    <row r="293950" spans="14:14">
      <c r="N293950" s="10"/>
    </row>
    <row r="293951" spans="14:14">
      <c r="N293951" s="10"/>
    </row>
    <row r="293952" spans="14:14">
      <c r="N293952" s="10"/>
    </row>
    <row r="293953" spans="14:14">
      <c r="N293953" s="10"/>
    </row>
    <row r="293954" spans="14:14">
      <c r="N293954" s="10"/>
    </row>
    <row r="293955" spans="14:14">
      <c r="N293955" s="10"/>
    </row>
    <row r="293956" spans="14:14">
      <c r="N293956" s="10"/>
    </row>
    <row r="293957" spans="14:14">
      <c r="N293957" s="10"/>
    </row>
    <row r="293958" spans="14:14">
      <c r="N293958" s="10"/>
    </row>
    <row r="293959" spans="14:14">
      <c r="N293959" s="10"/>
    </row>
    <row r="293960" spans="14:14">
      <c r="N293960" s="10"/>
    </row>
    <row r="293961" spans="14:14">
      <c r="N293961" s="10"/>
    </row>
    <row r="293962" spans="14:14">
      <c r="N293962" s="10"/>
    </row>
    <row r="293963" spans="14:14">
      <c r="N293963" s="10"/>
    </row>
    <row r="293964" spans="14:14">
      <c r="N293964" s="10"/>
    </row>
    <row r="293965" spans="14:14">
      <c r="N293965" s="10"/>
    </row>
    <row r="293966" spans="14:14">
      <c r="N293966" s="10"/>
    </row>
    <row r="293967" spans="14:14">
      <c r="N293967" s="10"/>
    </row>
    <row r="293968" spans="14:14">
      <c r="N293968" s="10"/>
    </row>
    <row r="293969" spans="14:14">
      <c r="N293969" s="10"/>
    </row>
    <row r="293970" spans="14:14">
      <c r="N293970" s="10"/>
    </row>
    <row r="293971" spans="14:14">
      <c r="N293971" s="10"/>
    </row>
    <row r="293972" spans="14:14">
      <c r="N293972" s="10"/>
    </row>
    <row r="293973" spans="14:14">
      <c r="N293973" s="10"/>
    </row>
    <row r="293974" spans="14:14">
      <c r="N293974" s="10"/>
    </row>
    <row r="293975" spans="14:14">
      <c r="N293975" s="10"/>
    </row>
    <row r="293976" spans="14:14">
      <c r="N293976" s="10"/>
    </row>
    <row r="293977" spans="14:14">
      <c r="N293977" s="10"/>
    </row>
    <row r="293978" spans="14:14">
      <c r="N293978" s="10"/>
    </row>
    <row r="293979" spans="14:14">
      <c r="N293979" s="10"/>
    </row>
    <row r="293980" spans="14:14">
      <c r="N293980" s="10"/>
    </row>
    <row r="293981" spans="14:14">
      <c r="N293981" s="10"/>
    </row>
    <row r="293982" spans="14:14">
      <c r="N293982" s="10"/>
    </row>
    <row r="293983" spans="14:14">
      <c r="N293983" s="10"/>
    </row>
    <row r="293984" spans="14:14">
      <c r="N293984" s="10"/>
    </row>
    <row r="293985" spans="14:14">
      <c r="N293985" s="10"/>
    </row>
    <row r="293986" spans="14:14">
      <c r="N293986" s="10"/>
    </row>
    <row r="293987" spans="14:14">
      <c r="N293987" s="10"/>
    </row>
    <row r="293988" spans="14:14">
      <c r="N293988" s="10"/>
    </row>
    <row r="293989" spans="14:14">
      <c r="N293989" s="10"/>
    </row>
    <row r="293990" spans="14:14">
      <c r="N293990" s="10"/>
    </row>
    <row r="293991" spans="14:14">
      <c r="N293991" s="10"/>
    </row>
    <row r="293992" spans="14:14">
      <c r="N293992" s="10"/>
    </row>
    <row r="293993" spans="14:14">
      <c r="N293993" s="10"/>
    </row>
    <row r="293994" spans="14:14">
      <c r="N293994" s="10"/>
    </row>
    <row r="293995" spans="14:14">
      <c r="N293995" s="10"/>
    </row>
    <row r="293996" spans="14:14">
      <c r="N293996" s="10"/>
    </row>
    <row r="293997" spans="14:14">
      <c r="N293997" s="10"/>
    </row>
    <row r="293998" spans="14:14">
      <c r="N293998" s="10"/>
    </row>
    <row r="293999" spans="14:14">
      <c r="N293999" s="10"/>
    </row>
    <row r="294000" spans="14:14">
      <c r="N294000" s="10"/>
    </row>
    <row r="294001" spans="14:14">
      <c r="N294001" s="10"/>
    </row>
    <row r="294002" spans="14:14">
      <c r="N294002" s="10"/>
    </row>
    <row r="294003" spans="14:14">
      <c r="N294003" s="10"/>
    </row>
    <row r="294004" spans="14:14">
      <c r="N294004" s="10"/>
    </row>
    <row r="294005" spans="14:14">
      <c r="N294005" s="10"/>
    </row>
    <row r="294006" spans="14:14">
      <c r="N294006" s="10"/>
    </row>
    <row r="294007" spans="14:14">
      <c r="N294007" s="10"/>
    </row>
    <row r="294008" spans="14:14">
      <c r="N294008" s="10"/>
    </row>
    <row r="294009" spans="14:14">
      <c r="N294009" s="10"/>
    </row>
    <row r="294010" spans="14:14">
      <c r="N294010" s="10"/>
    </row>
    <row r="294011" spans="14:14">
      <c r="N294011" s="10"/>
    </row>
    <row r="294012" spans="14:14">
      <c r="N294012" s="10"/>
    </row>
    <row r="294013" spans="14:14">
      <c r="N294013" s="10"/>
    </row>
    <row r="294014" spans="14:14">
      <c r="N294014" s="10"/>
    </row>
    <row r="294015" spans="14:14">
      <c r="N294015" s="10"/>
    </row>
    <row r="294016" spans="14:14">
      <c r="N294016" s="10"/>
    </row>
    <row r="294017" spans="14:14">
      <c r="N294017" s="10"/>
    </row>
    <row r="294018" spans="14:14">
      <c r="N294018" s="10"/>
    </row>
    <row r="294019" spans="14:14">
      <c r="N294019" s="10"/>
    </row>
    <row r="294020" spans="14:14">
      <c r="N294020" s="10"/>
    </row>
    <row r="294021" spans="14:14">
      <c r="N294021" s="10"/>
    </row>
    <row r="294022" spans="14:14">
      <c r="N294022" s="10"/>
    </row>
    <row r="294023" spans="14:14">
      <c r="N294023" s="10"/>
    </row>
    <row r="294024" spans="14:14">
      <c r="N294024" s="10"/>
    </row>
    <row r="294025" spans="14:14">
      <c r="N294025" s="10"/>
    </row>
    <row r="294026" spans="14:14">
      <c r="N294026" s="10"/>
    </row>
    <row r="294027" spans="14:14">
      <c r="N294027" s="10"/>
    </row>
    <row r="294028" spans="14:14">
      <c r="N294028" s="10"/>
    </row>
    <row r="294029" spans="14:14">
      <c r="N294029" s="10"/>
    </row>
    <row r="294030" spans="14:14">
      <c r="N294030" s="10"/>
    </row>
    <row r="294031" spans="14:14">
      <c r="N294031" s="10"/>
    </row>
    <row r="294032" spans="14:14">
      <c r="N294032" s="10"/>
    </row>
    <row r="294033" spans="14:14">
      <c r="N294033" s="10"/>
    </row>
    <row r="294034" spans="14:14">
      <c r="N294034" s="10"/>
    </row>
    <row r="294035" spans="14:14">
      <c r="N294035" s="10"/>
    </row>
    <row r="294036" spans="14:14">
      <c r="N294036" s="10"/>
    </row>
    <row r="294037" spans="14:14">
      <c r="N294037" s="10"/>
    </row>
    <row r="294038" spans="14:14">
      <c r="N294038" s="10"/>
    </row>
    <row r="294039" spans="14:14">
      <c r="N294039" s="10"/>
    </row>
    <row r="294040" spans="14:14">
      <c r="N294040" s="10"/>
    </row>
    <row r="294041" spans="14:14">
      <c r="N294041" s="10"/>
    </row>
    <row r="294042" spans="14:14">
      <c r="N294042" s="10"/>
    </row>
    <row r="294043" spans="14:14">
      <c r="N294043" s="10"/>
    </row>
    <row r="294044" spans="14:14">
      <c r="N294044" s="10"/>
    </row>
    <row r="294045" spans="14:14">
      <c r="N294045" s="10"/>
    </row>
    <row r="294046" spans="14:14">
      <c r="N294046" s="10"/>
    </row>
    <row r="294047" spans="14:14">
      <c r="N294047" s="10"/>
    </row>
    <row r="294048" spans="14:14">
      <c r="N294048" s="10"/>
    </row>
    <row r="294049" spans="14:14">
      <c r="N294049" s="10"/>
    </row>
    <row r="294050" spans="14:14">
      <c r="N294050" s="10"/>
    </row>
    <row r="294051" spans="14:14">
      <c r="N294051" s="10"/>
    </row>
    <row r="294052" spans="14:14">
      <c r="N294052" s="10"/>
    </row>
    <row r="294053" spans="14:14">
      <c r="N294053" s="10"/>
    </row>
    <row r="294054" spans="14:14">
      <c r="N294054" s="10"/>
    </row>
    <row r="294055" spans="14:14">
      <c r="N294055" s="10"/>
    </row>
    <row r="294056" spans="14:14">
      <c r="N294056" s="10"/>
    </row>
    <row r="294057" spans="14:14">
      <c r="N294057" s="10"/>
    </row>
    <row r="294058" spans="14:14">
      <c r="N294058" s="10"/>
    </row>
    <row r="294059" spans="14:14">
      <c r="N294059" s="10"/>
    </row>
    <row r="294060" spans="14:14">
      <c r="N294060" s="10"/>
    </row>
    <row r="294061" spans="14:14">
      <c r="N294061" s="10"/>
    </row>
    <row r="294062" spans="14:14">
      <c r="N294062" s="10"/>
    </row>
    <row r="294063" spans="14:14">
      <c r="N294063" s="10"/>
    </row>
    <row r="294064" spans="14:14">
      <c r="N294064" s="10"/>
    </row>
    <row r="294065" spans="14:14">
      <c r="N294065" s="10"/>
    </row>
    <row r="294066" spans="14:14">
      <c r="N294066" s="10"/>
    </row>
    <row r="294067" spans="14:14">
      <c r="N294067" s="10"/>
    </row>
    <row r="294068" spans="14:14">
      <c r="N294068" s="10"/>
    </row>
    <row r="294069" spans="14:14">
      <c r="N294069" s="10"/>
    </row>
    <row r="294070" spans="14:14">
      <c r="N294070" s="10"/>
    </row>
    <row r="294071" spans="14:14">
      <c r="N294071" s="10"/>
    </row>
    <row r="294072" spans="14:14">
      <c r="N294072" s="10"/>
    </row>
    <row r="294073" spans="14:14">
      <c r="N294073" s="10"/>
    </row>
    <row r="294074" spans="14:14">
      <c r="N294074" s="10"/>
    </row>
    <row r="294075" spans="14:14">
      <c r="N294075" s="10"/>
    </row>
    <row r="294076" spans="14:14">
      <c r="N294076" s="10"/>
    </row>
    <row r="294077" spans="14:14">
      <c r="N294077" s="10"/>
    </row>
    <row r="294078" spans="14:14">
      <c r="N294078" s="10"/>
    </row>
    <row r="294079" spans="14:14">
      <c r="N294079" s="10"/>
    </row>
    <row r="294080" spans="14:14">
      <c r="N294080" s="10"/>
    </row>
    <row r="294081" spans="14:14">
      <c r="N294081" s="10"/>
    </row>
    <row r="294082" spans="14:14">
      <c r="N294082" s="10"/>
    </row>
    <row r="294083" spans="14:14">
      <c r="N294083" s="10"/>
    </row>
    <row r="294084" spans="14:14">
      <c r="N294084" s="10"/>
    </row>
    <row r="294085" spans="14:14">
      <c r="N294085" s="10"/>
    </row>
    <row r="294086" spans="14:14">
      <c r="N294086" s="10"/>
    </row>
    <row r="294087" spans="14:14">
      <c r="N294087" s="10"/>
    </row>
    <row r="294088" spans="14:14">
      <c r="N294088" s="10"/>
    </row>
    <row r="294089" spans="14:14">
      <c r="N294089" s="10"/>
    </row>
    <row r="294090" spans="14:14">
      <c r="N294090" s="10"/>
    </row>
    <row r="294091" spans="14:14">
      <c r="N294091" s="10"/>
    </row>
    <row r="294092" spans="14:14">
      <c r="N294092" s="10"/>
    </row>
    <row r="294093" spans="14:14">
      <c r="N294093" s="10"/>
    </row>
    <row r="294094" spans="14:14">
      <c r="N294094" s="10"/>
    </row>
    <row r="294095" spans="14:14">
      <c r="N294095" s="10"/>
    </row>
    <row r="294096" spans="14:14">
      <c r="N294096" s="10"/>
    </row>
    <row r="294097" spans="14:14">
      <c r="N294097" s="10"/>
    </row>
    <row r="294098" spans="14:14">
      <c r="N294098" s="10"/>
    </row>
    <row r="294099" spans="14:14">
      <c r="N294099" s="10"/>
    </row>
    <row r="294100" spans="14:14">
      <c r="N294100" s="10"/>
    </row>
    <row r="294101" spans="14:14">
      <c r="N294101" s="10"/>
    </row>
    <row r="294102" spans="14:14">
      <c r="N294102" s="10"/>
    </row>
    <row r="294103" spans="14:14">
      <c r="N294103" s="10"/>
    </row>
    <row r="294104" spans="14:14">
      <c r="N294104" s="10"/>
    </row>
    <row r="294105" spans="14:14">
      <c r="N294105" s="10"/>
    </row>
    <row r="294106" spans="14:14">
      <c r="N294106" s="10"/>
    </row>
    <row r="294107" spans="14:14">
      <c r="N294107" s="10"/>
    </row>
    <row r="294108" spans="14:14">
      <c r="N294108" s="10"/>
    </row>
    <row r="294109" spans="14:14">
      <c r="N294109" s="10"/>
    </row>
    <row r="294110" spans="14:14">
      <c r="N294110" s="10"/>
    </row>
    <row r="294111" spans="14:14">
      <c r="N294111" s="10"/>
    </row>
    <row r="294112" spans="14:14">
      <c r="N294112" s="10"/>
    </row>
    <row r="294113" spans="14:14">
      <c r="N294113" s="10"/>
    </row>
    <row r="294114" spans="14:14">
      <c r="N294114" s="10"/>
    </row>
    <row r="294115" spans="14:14">
      <c r="N294115" s="10"/>
    </row>
    <row r="294116" spans="14:14">
      <c r="N294116" s="10"/>
    </row>
    <row r="294117" spans="14:14">
      <c r="N294117" s="10"/>
    </row>
    <row r="294118" spans="14:14">
      <c r="N294118" s="10"/>
    </row>
    <row r="294119" spans="14:14">
      <c r="N294119" s="10"/>
    </row>
    <row r="294120" spans="14:14">
      <c r="N294120" s="10"/>
    </row>
    <row r="294121" spans="14:14">
      <c r="N294121" s="10"/>
    </row>
    <row r="294122" spans="14:14">
      <c r="N294122" s="10"/>
    </row>
    <row r="294123" spans="14:14">
      <c r="N294123" s="10"/>
    </row>
    <row r="294124" spans="14:14">
      <c r="N294124" s="10"/>
    </row>
    <row r="294125" spans="14:14">
      <c r="N294125" s="10"/>
    </row>
    <row r="294126" spans="14:14">
      <c r="N294126" s="10"/>
    </row>
    <row r="294127" spans="14:14">
      <c r="N294127" s="10"/>
    </row>
    <row r="294128" spans="14:14">
      <c r="N294128" s="10"/>
    </row>
    <row r="294129" spans="14:14">
      <c r="N294129" s="10"/>
    </row>
    <row r="294130" spans="14:14">
      <c r="N294130" s="10"/>
    </row>
    <row r="294131" spans="14:14">
      <c r="N294131" s="10"/>
    </row>
    <row r="294132" spans="14:14">
      <c r="N294132" s="10"/>
    </row>
    <row r="294133" spans="14:14">
      <c r="N294133" s="10"/>
    </row>
    <row r="294134" spans="14:14">
      <c r="N294134" s="10"/>
    </row>
    <row r="294135" spans="14:14">
      <c r="N294135" s="10"/>
    </row>
    <row r="294136" spans="14:14">
      <c r="N294136" s="10"/>
    </row>
    <row r="294137" spans="14:14">
      <c r="N294137" s="10"/>
    </row>
    <row r="294138" spans="14:14">
      <c r="N294138" s="10"/>
    </row>
    <row r="294139" spans="14:14">
      <c r="N294139" s="10"/>
    </row>
    <row r="294140" spans="14:14">
      <c r="N294140" s="10"/>
    </row>
    <row r="294141" spans="14:14">
      <c r="N294141" s="10"/>
    </row>
    <row r="294142" spans="14:14">
      <c r="N294142" s="10"/>
    </row>
    <row r="294143" spans="14:14">
      <c r="N294143" s="10"/>
    </row>
    <row r="294144" spans="14:14">
      <c r="N294144" s="10"/>
    </row>
    <row r="294145" spans="14:14">
      <c r="N294145" s="10"/>
    </row>
    <row r="294146" spans="14:14">
      <c r="N294146" s="10"/>
    </row>
    <row r="294147" spans="14:14">
      <c r="N294147" s="10"/>
    </row>
    <row r="294148" spans="14:14">
      <c r="N294148" s="10"/>
    </row>
    <row r="294149" spans="14:14">
      <c r="N294149" s="10"/>
    </row>
    <row r="294150" spans="14:14">
      <c r="N294150" s="10"/>
    </row>
    <row r="294151" spans="14:14">
      <c r="N294151" s="10"/>
    </row>
    <row r="294152" spans="14:14">
      <c r="N294152" s="10"/>
    </row>
    <row r="294153" spans="14:14">
      <c r="N294153" s="10"/>
    </row>
    <row r="294154" spans="14:14">
      <c r="N294154" s="10"/>
    </row>
    <row r="294155" spans="14:14">
      <c r="N294155" s="10"/>
    </row>
    <row r="294156" spans="14:14">
      <c r="N294156" s="10"/>
    </row>
    <row r="294157" spans="14:14">
      <c r="N294157" s="10"/>
    </row>
    <row r="294158" spans="14:14">
      <c r="N294158" s="10"/>
    </row>
    <row r="294159" spans="14:14">
      <c r="N294159" s="10"/>
    </row>
    <row r="294160" spans="14:14">
      <c r="N294160" s="10"/>
    </row>
    <row r="294161" spans="14:14">
      <c r="N294161" s="10"/>
    </row>
    <row r="294162" spans="14:14">
      <c r="N294162" s="10"/>
    </row>
    <row r="294163" spans="14:14">
      <c r="N294163" s="10"/>
    </row>
    <row r="294164" spans="14:14">
      <c r="N294164" s="10"/>
    </row>
    <row r="294165" spans="14:14">
      <c r="N294165" s="10"/>
    </row>
    <row r="294166" spans="14:14">
      <c r="N294166" s="10"/>
    </row>
    <row r="294167" spans="14:14">
      <c r="N294167" s="10"/>
    </row>
    <row r="294168" spans="14:14">
      <c r="N294168" s="10"/>
    </row>
    <row r="294169" spans="14:14">
      <c r="N294169" s="10"/>
    </row>
    <row r="294170" spans="14:14">
      <c r="N294170" s="10"/>
    </row>
    <row r="294171" spans="14:14">
      <c r="N294171" s="10"/>
    </row>
    <row r="294172" spans="14:14">
      <c r="N294172" s="10"/>
    </row>
    <row r="294173" spans="14:14">
      <c r="N294173" s="10"/>
    </row>
    <row r="294174" spans="14:14">
      <c r="N294174" s="10"/>
    </row>
    <row r="294175" spans="14:14">
      <c r="N294175" s="10"/>
    </row>
    <row r="294176" spans="14:14">
      <c r="N294176" s="10"/>
    </row>
    <row r="294177" spans="14:14">
      <c r="N294177" s="10"/>
    </row>
    <row r="294178" spans="14:14">
      <c r="N294178" s="10"/>
    </row>
    <row r="294179" spans="14:14">
      <c r="N294179" s="10"/>
    </row>
    <row r="294180" spans="14:14">
      <c r="N294180" s="10"/>
    </row>
    <row r="294181" spans="14:14">
      <c r="N294181" s="10"/>
    </row>
    <row r="294182" spans="14:14">
      <c r="N294182" s="10"/>
    </row>
    <row r="294183" spans="14:14">
      <c r="N294183" s="10"/>
    </row>
    <row r="294184" spans="14:14">
      <c r="N294184" s="10"/>
    </row>
    <row r="294185" spans="14:14">
      <c r="N294185" s="10"/>
    </row>
    <row r="294186" spans="14:14">
      <c r="N294186" s="10"/>
    </row>
    <row r="294187" spans="14:14">
      <c r="N294187" s="10"/>
    </row>
    <row r="294188" spans="14:14">
      <c r="N294188" s="10"/>
    </row>
    <row r="294189" spans="14:14">
      <c r="N294189" s="10"/>
    </row>
    <row r="294190" spans="14:14">
      <c r="N294190" s="10"/>
    </row>
    <row r="294191" spans="14:14">
      <c r="N294191" s="10"/>
    </row>
    <row r="294192" spans="14:14">
      <c r="N294192" s="10"/>
    </row>
    <row r="294193" spans="14:14">
      <c r="N294193" s="10"/>
    </row>
    <row r="294194" spans="14:14">
      <c r="N294194" s="10"/>
    </row>
    <row r="294195" spans="14:14">
      <c r="N294195" s="10"/>
    </row>
    <row r="294196" spans="14:14">
      <c r="N294196" s="10"/>
    </row>
    <row r="294197" spans="14:14">
      <c r="N294197" s="10"/>
    </row>
    <row r="294198" spans="14:14">
      <c r="N294198" s="10"/>
    </row>
    <row r="294199" spans="14:14">
      <c r="N294199" s="10"/>
    </row>
    <row r="294200" spans="14:14">
      <c r="N294200" s="10"/>
    </row>
    <row r="294201" spans="14:14">
      <c r="N294201" s="10"/>
    </row>
    <row r="294202" spans="14:14">
      <c r="N294202" s="10"/>
    </row>
    <row r="294203" spans="14:14">
      <c r="N294203" s="10"/>
    </row>
    <row r="294204" spans="14:14">
      <c r="N294204" s="10"/>
    </row>
    <row r="294205" spans="14:14">
      <c r="N294205" s="10"/>
    </row>
    <row r="294206" spans="14:14">
      <c r="N294206" s="10"/>
    </row>
    <row r="294207" spans="14:14">
      <c r="N294207" s="10"/>
    </row>
    <row r="294208" spans="14:14">
      <c r="N294208" s="10"/>
    </row>
    <row r="294209" spans="14:14">
      <c r="N294209" s="10"/>
    </row>
    <row r="294210" spans="14:14">
      <c r="N294210" s="10"/>
    </row>
    <row r="294211" spans="14:14">
      <c r="N294211" s="10"/>
    </row>
    <row r="294212" spans="14:14">
      <c r="N294212" s="10"/>
    </row>
    <row r="294213" spans="14:14">
      <c r="N294213" s="10"/>
    </row>
    <row r="294214" spans="14:14">
      <c r="N294214" s="10"/>
    </row>
    <row r="294215" spans="14:14">
      <c r="N294215" s="10"/>
    </row>
    <row r="294216" spans="14:14">
      <c r="N294216" s="10"/>
    </row>
    <row r="294217" spans="14:14">
      <c r="N294217" s="10"/>
    </row>
    <row r="294218" spans="14:14">
      <c r="N294218" s="10"/>
    </row>
    <row r="294219" spans="14:14">
      <c r="N294219" s="10"/>
    </row>
    <row r="294220" spans="14:14">
      <c r="N294220" s="10"/>
    </row>
    <row r="294221" spans="14:14">
      <c r="N294221" s="10"/>
    </row>
    <row r="294222" spans="14:14">
      <c r="N294222" s="10"/>
    </row>
    <row r="294223" spans="14:14">
      <c r="N294223" s="10"/>
    </row>
    <row r="294224" spans="14:14">
      <c r="N294224" s="10"/>
    </row>
    <row r="294225" spans="14:14">
      <c r="N294225" s="10"/>
    </row>
    <row r="294226" spans="14:14">
      <c r="N294226" s="10"/>
    </row>
    <row r="294227" spans="14:14">
      <c r="N294227" s="10"/>
    </row>
    <row r="294228" spans="14:14">
      <c r="N294228" s="10"/>
    </row>
    <row r="294229" spans="14:14">
      <c r="N294229" s="10"/>
    </row>
    <row r="294230" spans="14:14">
      <c r="N294230" s="10"/>
    </row>
    <row r="294231" spans="14:14">
      <c r="N294231" s="10"/>
    </row>
    <row r="294232" spans="14:14">
      <c r="N294232" s="10"/>
    </row>
    <row r="294233" spans="14:14">
      <c r="N294233" s="10"/>
    </row>
    <row r="294234" spans="14:14">
      <c r="N294234" s="10"/>
    </row>
    <row r="294235" spans="14:14">
      <c r="N294235" s="10"/>
    </row>
    <row r="294236" spans="14:14">
      <c r="N294236" s="10"/>
    </row>
    <row r="294237" spans="14:14">
      <c r="N294237" s="10"/>
    </row>
    <row r="294238" spans="14:14">
      <c r="N294238" s="10"/>
    </row>
    <row r="294239" spans="14:14">
      <c r="N294239" s="10"/>
    </row>
    <row r="294240" spans="14:14">
      <c r="N294240" s="10"/>
    </row>
    <row r="294241" spans="14:14">
      <c r="N294241" s="10"/>
    </row>
    <row r="294242" spans="14:14">
      <c r="N294242" s="10"/>
    </row>
    <row r="294243" spans="14:14">
      <c r="N294243" s="10"/>
    </row>
    <row r="294244" spans="14:14">
      <c r="N294244" s="10"/>
    </row>
    <row r="294245" spans="14:14">
      <c r="N294245" s="10"/>
    </row>
    <row r="294246" spans="14:14">
      <c r="N294246" s="10"/>
    </row>
    <row r="294247" spans="14:14">
      <c r="N294247" s="10"/>
    </row>
    <row r="294248" spans="14:14">
      <c r="N294248" s="10"/>
    </row>
    <row r="294249" spans="14:14">
      <c r="N294249" s="10"/>
    </row>
    <row r="294250" spans="14:14">
      <c r="N294250" s="10"/>
    </row>
    <row r="294251" spans="14:14">
      <c r="N294251" s="10"/>
    </row>
    <row r="294252" spans="14:14">
      <c r="N294252" s="10"/>
    </row>
    <row r="294253" spans="14:14">
      <c r="N294253" s="10"/>
    </row>
    <row r="294254" spans="14:14">
      <c r="N294254" s="10"/>
    </row>
    <row r="294255" spans="14:14">
      <c r="N294255" s="10"/>
    </row>
    <row r="294256" spans="14:14">
      <c r="N294256" s="10"/>
    </row>
    <row r="294257" spans="14:14">
      <c r="N294257" s="10"/>
    </row>
    <row r="294258" spans="14:14">
      <c r="N294258" s="10"/>
    </row>
    <row r="294259" spans="14:14">
      <c r="N294259" s="10"/>
    </row>
    <row r="294260" spans="14:14">
      <c r="N294260" s="10"/>
    </row>
    <row r="294261" spans="14:14">
      <c r="N294261" s="10"/>
    </row>
    <row r="294262" spans="14:14">
      <c r="N294262" s="10"/>
    </row>
    <row r="294263" spans="14:14">
      <c r="N294263" s="10"/>
    </row>
    <row r="294264" spans="14:14">
      <c r="N294264" s="10"/>
    </row>
    <row r="294265" spans="14:14">
      <c r="N294265" s="10"/>
    </row>
    <row r="294266" spans="14:14">
      <c r="N294266" s="10"/>
    </row>
    <row r="294267" spans="14:14">
      <c r="N294267" s="10"/>
    </row>
    <row r="294268" spans="14:14">
      <c r="N294268" s="10"/>
    </row>
    <row r="294269" spans="14:14">
      <c r="N294269" s="10"/>
    </row>
    <row r="294270" spans="14:14">
      <c r="N294270" s="10"/>
    </row>
    <row r="294271" spans="14:14">
      <c r="N294271" s="10"/>
    </row>
    <row r="294272" spans="14:14">
      <c r="N294272" s="10"/>
    </row>
    <row r="294273" spans="14:14">
      <c r="N294273" s="10"/>
    </row>
    <row r="294274" spans="14:14">
      <c r="N294274" s="10"/>
    </row>
    <row r="294275" spans="14:14">
      <c r="N294275" s="10"/>
    </row>
    <row r="294276" spans="14:14">
      <c r="N294276" s="10"/>
    </row>
    <row r="294277" spans="14:14">
      <c r="N294277" s="10"/>
    </row>
    <row r="294278" spans="14:14">
      <c r="N294278" s="10"/>
    </row>
    <row r="294279" spans="14:14">
      <c r="N294279" s="10"/>
    </row>
    <row r="294280" spans="14:14">
      <c r="N294280" s="10"/>
    </row>
    <row r="294281" spans="14:14">
      <c r="N294281" s="10"/>
    </row>
    <row r="294282" spans="14:14">
      <c r="N294282" s="10"/>
    </row>
    <row r="294283" spans="14:14">
      <c r="N294283" s="10"/>
    </row>
    <row r="294284" spans="14:14">
      <c r="N294284" s="10"/>
    </row>
    <row r="294285" spans="14:14">
      <c r="N294285" s="10"/>
    </row>
    <row r="294286" spans="14:14">
      <c r="N294286" s="10"/>
    </row>
    <row r="294287" spans="14:14">
      <c r="N294287" s="10"/>
    </row>
    <row r="294288" spans="14:14">
      <c r="N294288" s="10"/>
    </row>
    <row r="294289" spans="14:14">
      <c r="N294289" s="10"/>
    </row>
    <row r="294290" spans="14:14">
      <c r="N294290" s="10"/>
    </row>
    <row r="294291" spans="14:14">
      <c r="N294291" s="10"/>
    </row>
    <row r="294292" spans="14:14">
      <c r="N294292" s="10"/>
    </row>
    <row r="294293" spans="14:14">
      <c r="N294293" s="10"/>
    </row>
    <row r="294294" spans="14:14">
      <c r="N294294" s="10"/>
    </row>
    <row r="294295" spans="14:14">
      <c r="N294295" s="10"/>
    </row>
    <row r="294296" spans="14:14">
      <c r="N294296" s="10"/>
    </row>
    <row r="294297" spans="14:14">
      <c r="N294297" s="10"/>
    </row>
    <row r="294298" spans="14:14">
      <c r="N294298" s="10"/>
    </row>
    <row r="294299" spans="14:14">
      <c r="N294299" s="10"/>
    </row>
    <row r="294300" spans="14:14">
      <c r="N294300" s="10"/>
    </row>
    <row r="294301" spans="14:14">
      <c r="N294301" s="10"/>
    </row>
    <row r="294302" spans="14:14">
      <c r="N294302" s="10"/>
    </row>
    <row r="294303" spans="14:14">
      <c r="N294303" s="10"/>
    </row>
    <row r="294304" spans="14:14">
      <c r="N294304" s="10"/>
    </row>
    <row r="294305" spans="14:14">
      <c r="N294305" s="10"/>
    </row>
    <row r="294306" spans="14:14">
      <c r="N294306" s="10"/>
    </row>
    <row r="294307" spans="14:14">
      <c r="N294307" s="10"/>
    </row>
    <row r="294308" spans="14:14">
      <c r="N294308" s="10"/>
    </row>
    <row r="294309" spans="14:14">
      <c r="N294309" s="10"/>
    </row>
    <row r="294310" spans="14:14">
      <c r="N294310" s="10"/>
    </row>
    <row r="294311" spans="14:14">
      <c r="N294311" s="10"/>
    </row>
    <row r="294312" spans="14:14">
      <c r="N294312" s="10"/>
    </row>
    <row r="294313" spans="14:14">
      <c r="N294313" s="10"/>
    </row>
    <row r="294314" spans="14:14">
      <c r="N294314" s="10"/>
    </row>
    <row r="294315" spans="14:14">
      <c r="N294315" s="10"/>
    </row>
    <row r="294316" spans="14:14">
      <c r="N294316" s="10"/>
    </row>
    <row r="294317" spans="14:14">
      <c r="N294317" s="10"/>
    </row>
    <row r="294318" spans="14:14">
      <c r="N294318" s="10"/>
    </row>
    <row r="294319" spans="14:14">
      <c r="N294319" s="10"/>
    </row>
    <row r="294320" spans="14:14">
      <c r="N294320" s="10"/>
    </row>
    <row r="294321" spans="14:14">
      <c r="N294321" s="10"/>
    </row>
    <row r="294322" spans="14:14">
      <c r="N294322" s="10"/>
    </row>
    <row r="294323" spans="14:14">
      <c r="N294323" s="10"/>
    </row>
    <row r="294324" spans="14:14">
      <c r="N294324" s="10"/>
    </row>
    <row r="294325" spans="14:14">
      <c r="N294325" s="10"/>
    </row>
    <row r="294326" spans="14:14">
      <c r="N294326" s="10"/>
    </row>
    <row r="294327" spans="14:14">
      <c r="N294327" s="10"/>
    </row>
    <row r="294328" spans="14:14">
      <c r="N294328" s="10"/>
    </row>
    <row r="294329" spans="14:14">
      <c r="N294329" s="10"/>
    </row>
    <row r="294330" spans="14:14">
      <c r="N294330" s="10"/>
    </row>
    <row r="294331" spans="14:14">
      <c r="N294331" s="10"/>
    </row>
    <row r="294332" spans="14:14">
      <c r="N294332" s="10"/>
    </row>
    <row r="294333" spans="14:14">
      <c r="N294333" s="10"/>
    </row>
    <row r="294334" spans="14:14">
      <c r="N294334" s="10"/>
    </row>
    <row r="294335" spans="14:14">
      <c r="N294335" s="10"/>
    </row>
    <row r="294336" spans="14:14">
      <c r="N294336" s="10"/>
    </row>
    <row r="294337" spans="14:14">
      <c r="N294337" s="10"/>
    </row>
    <row r="294338" spans="14:14">
      <c r="N294338" s="10"/>
    </row>
    <row r="294339" spans="14:14">
      <c r="N294339" s="10"/>
    </row>
    <row r="294340" spans="14:14">
      <c r="N294340" s="10"/>
    </row>
    <row r="294341" spans="14:14">
      <c r="N294341" s="10"/>
    </row>
    <row r="294342" spans="14:14">
      <c r="N294342" s="10"/>
    </row>
    <row r="294343" spans="14:14">
      <c r="N294343" s="10"/>
    </row>
    <row r="294344" spans="14:14">
      <c r="N294344" s="10"/>
    </row>
    <row r="294345" spans="14:14">
      <c r="N294345" s="10"/>
    </row>
    <row r="294346" spans="14:14">
      <c r="N294346" s="10"/>
    </row>
    <row r="294347" spans="14:14">
      <c r="N294347" s="10"/>
    </row>
    <row r="294348" spans="14:14">
      <c r="N294348" s="10"/>
    </row>
    <row r="294349" spans="14:14">
      <c r="N294349" s="10"/>
    </row>
    <row r="294350" spans="14:14">
      <c r="N294350" s="10"/>
    </row>
    <row r="294351" spans="14:14">
      <c r="N294351" s="10"/>
    </row>
    <row r="294352" spans="14:14">
      <c r="N294352" s="10"/>
    </row>
    <row r="294353" spans="14:14">
      <c r="N294353" s="10"/>
    </row>
    <row r="294354" spans="14:14">
      <c r="N294354" s="10"/>
    </row>
    <row r="294355" spans="14:14">
      <c r="N294355" s="10"/>
    </row>
    <row r="294356" spans="14:14">
      <c r="N294356" s="10"/>
    </row>
    <row r="294357" spans="14:14">
      <c r="N294357" s="10"/>
    </row>
    <row r="294358" spans="14:14">
      <c r="N294358" s="10"/>
    </row>
    <row r="294359" spans="14:14">
      <c r="N294359" s="10"/>
    </row>
    <row r="294360" spans="14:14">
      <c r="N294360" s="10"/>
    </row>
    <row r="294361" spans="14:14">
      <c r="N294361" s="10"/>
    </row>
    <row r="294362" spans="14:14">
      <c r="N294362" s="10"/>
    </row>
    <row r="294363" spans="14:14">
      <c r="N294363" s="10"/>
    </row>
    <row r="294364" spans="14:14">
      <c r="N294364" s="10"/>
    </row>
    <row r="294365" spans="14:14">
      <c r="N294365" s="10"/>
    </row>
    <row r="294366" spans="14:14">
      <c r="N294366" s="10"/>
    </row>
    <row r="294367" spans="14:14">
      <c r="N294367" s="10"/>
    </row>
    <row r="294368" spans="14:14">
      <c r="N294368" s="10"/>
    </row>
    <row r="294369" spans="14:14">
      <c r="N294369" s="10"/>
    </row>
    <row r="294370" spans="14:14">
      <c r="N294370" s="10"/>
    </row>
    <row r="294371" spans="14:14">
      <c r="N294371" s="10"/>
    </row>
    <row r="294372" spans="14:14">
      <c r="N294372" s="10"/>
    </row>
    <row r="294373" spans="14:14">
      <c r="N294373" s="10"/>
    </row>
    <row r="294374" spans="14:14">
      <c r="N294374" s="10"/>
    </row>
    <row r="294375" spans="14:14">
      <c r="N294375" s="10"/>
    </row>
    <row r="294376" spans="14:14">
      <c r="N294376" s="10"/>
    </row>
    <row r="294377" spans="14:14">
      <c r="N294377" s="10"/>
    </row>
    <row r="294378" spans="14:14">
      <c r="N294378" s="10"/>
    </row>
    <row r="294379" spans="14:14">
      <c r="N294379" s="10"/>
    </row>
    <row r="294380" spans="14:14">
      <c r="N294380" s="10"/>
    </row>
    <row r="294381" spans="14:14">
      <c r="N294381" s="10"/>
    </row>
    <row r="294382" spans="14:14">
      <c r="N294382" s="10"/>
    </row>
    <row r="294383" spans="14:14">
      <c r="N294383" s="10"/>
    </row>
    <row r="294384" spans="14:14">
      <c r="N294384" s="10"/>
    </row>
    <row r="294385" spans="14:14">
      <c r="N294385" s="10"/>
    </row>
    <row r="294386" spans="14:14">
      <c r="N294386" s="10"/>
    </row>
    <row r="294387" spans="14:14">
      <c r="N294387" s="10"/>
    </row>
    <row r="294388" spans="14:14">
      <c r="N294388" s="10"/>
    </row>
    <row r="294389" spans="14:14">
      <c r="N294389" s="10"/>
    </row>
    <row r="294390" spans="14:14">
      <c r="N294390" s="10"/>
    </row>
    <row r="294391" spans="14:14">
      <c r="N294391" s="10"/>
    </row>
    <row r="294392" spans="14:14">
      <c r="N294392" s="10"/>
    </row>
    <row r="294393" spans="14:14">
      <c r="N294393" s="10"/>
    </row>
    <row r="294394" spans="14:14">
      <c r="N294394" s="10"/>
    </row>
    <row r="294395" spans="14:14">
      <c r="N294395" s="10"/>
    </row>
    <row r="294396" spans="14:14">
      <c r="N294396" s="10"/>
    </row>
    <row r="294397" spans="14:14">
      <c r="N294397" s="10"/>
    </row>
    <row r="294398" spans="14:14">
      <c r="N294398" s="10"/>
    </row>
    <row r="294399" spans="14:14">
      <c r="N294399" s="10"/>
    </row>
    <row r="294400" spans="14:14">
      <c r="N294400" s="10"/>
    </row>
    <row r="294401" spans="14:14">
      <c r="N294401" s="10"/>
    </row>
    <row r="294402" spans="14:14">
      <c r="N294402" s="10"/>
    </row>
    <row r="294403" spans="14:14">
      <c r="N294403" s="10"/>
    </row>
    <row r="294404" spans="14:14">
      <c r="N294404" s="10"/>
    </row>
    <row r="294405" spans="14:14">
      <c r="N294405" s="10"/>
    </row>
    <row r="294406" spans="14:14">
      <c r="N294406" s="10"/>
    </row>
    <row r="294407" spans="14:14">
      <c r="N294407" s="10"/>
    </row>
    <row r="294408" spans="14:14">
      <c r="N294408" s="10"/>
    </row>
    <row r="294409" spans="14:14">
      <c r="N294409" s="10"/>
    </row>
    <row r="294410" spans="14:14">
      <c r="N294410" s="10"/>
    </row>
    <row r="294411" spans="14:14">
      <c r="N294411" s="10"/>
    </row>
    <row r="294412" spans="14:14">
      <c r="N294412" s="10"/>
    </row>
    <row r="294413" spans="14:14">
      <c r="N294413" s="10"/>
    </row>
    <row r="294414" spans="14:14">
      <c r="N294414" s="10"/>
    </row>
    <row r="294415" spans="14:14">
      <c r="N294415" s="10"/>
    </row>
    <row r="294416" spans="14:14">
      <c r="N294416" s="10"/>
    </row>
    <row r="294417" spans="14:14">
      <c r="N294417" s="10"/>
    </row>
    <row r="294418" spans="14:14">
      <c r="N294418" s="10"/>
    </row>
    <row r="294419" spans="14:14">
      <c r="N294419" s="10"/>
    </row>
    <row r="294420" spans="14:14">
      <c r="N294420" s="10"/>
    </row>
    <row r="294421" spans="14:14">
      <c r="N294421" s="10"/>
    </row>
    <row r="294422" spans="14:14">
      <c r="N294422" s="10"/>
    </row>
    <row r="294423" spans="14:14">
      <c r="N294423" s="10"/>
    </row>
    <row r="294424" spans="14:14">
      <c r="N294424" s="10"/>
    </row>
    <row r="294425" spans="14:14">
      <c r="N294425" s="10"/>
    </row>
    <row r="294426" spans="14:14">
      <c r="N294426" s="10"/>
    </row>
    <row r="294427" spans="14:14">
      <c r="N294427" s="10"/>
    </row>
    <row r="294428" spans="14:14">
      <c r="N294428" s="10"/>
    </row>
    <row r="294429" spans="14:14">
      <c r="N294429" s="10"/>
    </row>
    <row r="294430" spans="14:14">
      <c r="N294430" s="10"/>
    </row>
    <row r="294431" spans="14:14">
      <c r="N294431" s="10"/>
    </row>
    <row r="294432" spans="14:14">
      <c r="N294432" s="10"/>
    </row>
    <row r="294433" spans="14:14">
      <c r="N294433" s="10"/>
    </row>
    <row r="294434" spans="14:14">
      <c r="N294434" s="10"/>
    </row>
    <row r="294435" spans="14:14">
      <c r="N294435" s="10"/>
    </row>
    <row r="294436" spans="14:14">
      <c r="N294436" s="10"/>
    </row>
    <row r="294437" spans="14:14">
      <c r="N294437" s="10"/>
    </row>
    <row r="294438" spans="14:14">
      <c r="N294438" s="10"/>
    </row>
    <row r="294439" spans="14:14">
      <c r="N294439" s="10"/>
    </row>
    <row r="294440" spans="14:14">
      <c r="N294440" s="10"/>
    </row>
    <row r="294441" spans="14:14">
      <c r="N294441" s="10"/>
    </row>
    <row r="294442" spans="14:14">
      <c r="N294442" s="10"/>
    </row>
    <row r="294443" spans="14:14">
      <c r="N294443" s="10"/>
    </row>
    <row r="294444" spans="14:14">
      <c r="N294444" s="10"/>
    </row>
    <row r="294445" spans="14:14">
      <c r="N294445" s="10"/>
    </row>
    <row r="294446" spans="14:14">
      <c r="N294446" s="10"/>
    </row>
    <row r="294447" spans="14:14">
      <c r="N294447" s="10"/>
    </row>
    <row r="294448" spans="14:14">
      <c r="N294448" s="10"/>
    </row>
    <row r="294449" spans="14:14">
      <c r="N294449" s="10"/>
    </row>
    <row r="294450" spans="14:14">
      <c r="N294450" s="10"/>
    </row>
    <row r="294451" spans="14:14">
      <c r="N294451" s="10"/>
    </row>
    <row r="294452" spans="14:14">
      <c r="N294452" s="10"/>
    </row>
    <row r="294453" spans="14:14">
      <c r="N294453" s="10"/>
    </row>
    <row r="294454" spans="14:14">
      <c r="N294454" s="10"/>
    </row>
    <row r="294455" spans="14:14">
      <c r="N294455" s="10"/>
    </row>
    <row r="294456" spans="14:14">
      <c r="N294456" s="10"/>
    </row>
    <row r="294457" spans="14:14">
      <c r="N294457" s="10"/>
    </row>
    <row r="294458" spans="14:14">
      <c r="N294458" s="10"/>
    </row>
    <row r="294459" spans="14:14">
      <c r="N294459" s="10"/>
    </row>
    <row r="294460" spans="14:14">
      <c r="N294460" s="10"/>
    </row>
    <row r="294461" spans="14:14">
      <c r="N294461" s="10"/>
    </row>
    <row r="294462" spans="14:14">
      <c r="N294462" s="10"/>
    </row>
    <row r="294463" spans="14:14">
      <c r="N294463" s="10"/>
    </row>
    <row r="294464" spans="14:14">
      <c r="N294464" s="10"/>
    </row>
    <row r="294465" spans="14:14">
      <c r="N294465" s="10"/>
    </row>
    <row r="294466" spans="14:14">
      <c r="N294466" s="10"/>
    </row>
    <row r="294467" spans="14:14">
      <c r="N294467" s="10"/>
    </row>
    <row r="294468" spans="14:14">
      <c r="N294468" s="10"/>
    </row>
    <row r="294469" spans="14:14">
      <c r="N294469" s="10"/>
    </row>
    <row r="294470" spans="14:14">
      <c r="N294470" s="10"/>
    </row>
    <row r="294471" spans="14:14">
      <c r="N294471" s="10"/>
    </row>
    <row r="294472" spans="14:14">
      <c r="N294472" s="10"/>
    </row>
    <row r="294473" spans="14:14">
      <c r="N294473" s="10"/>
    </row>
    <row r="294474" spans="14:14">
      <c r="N294474" s="10"/>
    </row>
    <row r="294475" spans="14:14">
      <c r="N294475" s="10"/>
    </row>
    <row r="294476" spans="14:14">
      <c r="N294476" s="10"/>
    </row>
    <row r="294477" spans="14:14">
      <c r="N294477" s="10"/>
    </row>
    <row r="294478" spans="14:14">
      <c r="N294478" s="10"/>
    </row>
    <row r="294479" spans="14:14">
      <c r="N294479" s="10"/>
    </row>
    <row r="294480" spans="14:14">
      <c r="N294480" s="10"/>
    </row>
    <row r="294481" spans="14:14">
      <c r="N294481" s="10"/>
    </row>
    <row r="294482" spans="14:14">
      <c r="N294482" s="10"/>
    </row>
    <row r="294483" spans="14:14">
      <c r="N294483" s="10"/>
    </row>
    <row r="294484" spans="14:14">
      <c r="N294484" s="10"/>
    </row>
    <row r="294485" spans="14:14">
      <c r="N294485" s="10"/>
    </row>
    <row r="294486" spans="14:14">
      <c r="N294486" s="10"/>
    </row>
    <row r="294487" spans="14:14">
      <c r="N294487" s="10"/>
    </row>
    <row r="294488" spans="14:14">
      <c r="N294488" s="10"/>
    </row>
    <row r="294489" spans="14:14">
      <c r="N294489" s="10"/>
    </row>
    <row r="294490" spans="14:14">
      <c r="N294490" s="10"/>
    </row>
    <row r="294491" spans="14:14">
      <c r="N294491" s="10"/>
    </row>
    <row r="294492" spans="14:14">
      <c r="N294492" s="10"/>
    </row>
    <row r="294493" spans="14:14">
      <c r="N294493" s="10"/>
    </row>
    <row r="294494" spans="14:14">
      <c r="N294494" s="10"/>
    </row>
    <row r="294495" spans="14:14">
      <c r="N294495" s="10"/>
    </row>
    <row r="294496" spans="14:14">
      <c r="N294496" s="10"/>
    </row>
    <row r="294497" spans="14:14">
      <c r="N294497" s="10"/>
    </row>
    <row r="294498" spans="14:14">
      <c r="N294498" s="10"/>
    </row>
    <row r="294499" spans="14:14">
      <c r="N294499" s="10"/>
    </row>
    <row r="294500" spans="14:14">
      <c r="N294500" s="10"/>
    </row>
    <row r="294501" spans="14:14">
      <c r="N294501" s="10"/>
    </row>
    <row r="294502" spans="14:14">
      <c r="N294502" s="10"/>
    </row>
    <row r="294503" spans="14:14">
      <c r="N294503" s="10"/>
    </row>
    <row r="294504" spans="14:14">
      <c r="N294504" s="10"/>
    </row>
    <row r="294505" spans="14:14">
      <c r="N294505" s="10"/>
    </row>
    <row r="294506" spans="14:14">
      <c r="N294506" s="10"/>
    </row>
    <row r="294507" spans="14:14">
      <c r="N294507" s="10"/>
    </row>
    <row r="294508" spans="14:14">
      <c r="N294508" s="10"/>
    </row>
    <row r="294509" spans="14:14">
      <c r="N294509" s="10"/>
    </row>
    <row r="294510" spans="14:14">
      <c r="N294510" s="10"/>
    </row>
    <row r="294511" spans="14:14">
      <c r="N294511" s="10"/>
    </row>
    <row r="294512" spans="14:14">
      <c r="N294512" s="10"/>
    </row>
    <row r="294513" spans="14:14">
      <c r="N294513" s="10"/>
    </row>
    <row r="294514" spans="14:14">
      <c r="N294514" s="10"/>
    </row>
    <row r="294515" spans="14:14">
      <c r="N294515" s="10"/>
    </row>
    <row r="294516" spans="14:14">
      <c r="N294516" s="10"/>
    </row>
    <row r="294517" spans="14:14">
      <c r="N294517" s="10"/>
    </row>
    <row r="294518" spans="14:14">
      <c r="N294518" s="10"/>
    </row>
    <row r="294519" spans="14:14">
      <c r="N294519" s="10"/>
    </row>
    <row r="294520" spans="14:14">
      <c r="N294520" s="10"/>
    </row>
    <row r="294521" spans="14:14">
      <c r="N294521" s="10"/>
    </row>
    <row r="294522" spans="14:14">
      <c r="N294522" s="10"/>
    </row>
    <row r="294523" spans="14:14">
      <c r="N294523" s="10"/>
    </row>
    <row r="294524" spans="14:14">
      <c r="N294524" s="10"/>
    </row>
    <row r="294525" spans="14:14">
      <c r="N294525" s="10"/>
    </row>
    <row r="294526" spans="14:14">
      <c r="N294526" s="10"/>
    </row>
    <row r="294527" spans="14:14">
      <c r="N294527" s="10"/>
    </row>
    <row r="294528" spans="14:14">
      <c r="N294528" s="10"/>
    </row>
    <row r="294529" spans="14:14">
      <c r="N294529" s="10"/>
    </row>
    <row r="294530" spans="14:14">
      <c r="N294530" s="10"/>
    </row>
    <row r="294531" spans="14:14">
      <c r="N294531" s="10"/>
    </row>
    <row r="294532" spans="14:14">
      <c r="N294532" s="10"/>
    </row>
    <row r="294533" spans="14:14">
      <c r="N294533" s="10"/>
    </row>
    <row r="294534" spans="14:14">
      <c r="N294534" s="10"/>
    </row>
    <row r="294535" spans="14:14">
      <c r="N294535" s="10"/>
    </row>
    <row r="294536" spans="14:14">
      <c r="N294536" s="10"/>
    </row>
    <row r="294537" spans="14:14">
      <c r="N294537" s="10"/>
    </row>
    <row r="294538" spans="14:14">
      <c r="N294538" s="10"/>
    </row>
    <row r="294539" spans="14:14">
      <c r="N294539" s="10"/>
    </row>
    <row r="294540" spans="14:14">
      <c r="N294540" s="10"/>
    </row>
    <row r="294541" spans="14:14">
      <c r="N294541" s="10"/>
    </row>
    <row r="294542" spans="14:14">
      <c r="N294542" s="10"/>
    </row>
    <row r="294543" spans="14:14">
      <c r="N294543" s="10"/>
    </row>
    <row r="294544" spans="14:14">
      <c r="N294544" s="10"/>
    </row>
    <row r="294545" spans="14:14">
      <c r="N294545" s="10"/>
    </row>
    <row r="294546" spans="14:14">
      <c r="N294546" s="10"/>
    </row>
    <row r="294547" spans="14:14">
      <c r="N294547" s="10"/>
    </row>
    <row r="294548" spans="14:14">
      <c r="N294548" s="10"/>
    </row>
    <row r="294549" spans="14:14">
      <c r="N294549" s="10"/>
    </row>
    <row r="294550" spans="14:14">
      <c r="N294550" s="10"/>
    </row>
    <row r="294551" spans="14:14">
      <c r="N294551" s="10"/>
    </row>
    <row r="294552" spans="14:14">
      <c r="N294552" s="10"/>
    </row>
    <row r="294553" spans="14:14">
      <c r="N294553" s="10"/>
    </row>
    <row r="294554" spans="14:14">
      <c r="N294554" s="10"/>
    </row>
    <row r="294555" spans="14:14">
      <c r="N294555" s="10"/>
    </row>
    <row r="294556" spans="14:14">
      <c r="N294556" s="10"/>
    </row>
    <row r="294557" spans="14:14">
      <c r="N294557" s="10"/>
    </row>
    <row r="294558" spans="14:14">
      <c r="N294558" s="10"/>
    </row>
    <row r="294559" spans="14:14">
      <c r="N294559" s="10"/>
    </row>
    <row r="294560" spans="14:14">
      <c r="N294560" s="10"/>
    </row>
    <row r="294561" spans="14:14">
      <c r="N294561" s="10"/>
    </row>
    <row r="294562" spans="14:14">
      <c r="N294562" s="10"/>
    </row>
    <row r="294563" spans="14:14">
      <c r="N294563" s="10"/>
    </row>
    <row r="294564" spans="14:14">
      <c r="N294564" s="10"/>
    </row>
    <row r="294565" spans="14:14">
      <c r="N294565" s="10"/>
    </row>
    <row r="294566" spans="14:14">
      <c r="N294566" s="10"/>
    </row>
    <row r="294567" spans="14:14">
      <c r="N294567" s="10"/>
    </row>
    <row r="294568" spans="14:14">
      <c r="N294568" s="10"/>
    </row>
    <row r="294569" spans="14:14">
      <c r="N294569" s="10"/>
    </row>
    <row r="294570" spans="14:14">
      <c r="N294570" s="10"/>
    </row>
    <row r="294571" spans="14:14">
      <c r="N294571" s="10"/>
    </row>
    <row r="294572" spans="14:14">
      <c r="N294572" s="10"/>
    </row>
    <row r="294573" spans="14:14">
      <c r="N294573" s="10"/>
    </row>
    <row r="294574" spans="14:14">
      <c r="N294574" s="10"/>
    </row>
    <row r="294575" spans="14:14">
      <c r="N294575" s="10"/>
    </row>
    <row r="294576" spans="14:14">
      <c r="N294576" s="10"/>
    </row>
    <row r="294577" spans="14:14">
      <c r="N294577" s="10"/>
    </row>
    <row r="294578" spans="14:14">
      <c r="N294578" s="10"/>
    </row>
    <row r="294579" spans="14:14">
      <c r="N294579" s="10"/>
    </row>
    <row r="294580" spans="14:14">
      <c r="N294580" s="10"/>
    </row>
    <row r="294581" spans="14:14">
      <c r="N294581" s="10"/>
    </row>
    <row r="294582" spans="14:14">
      <c r="N294582" s="10"/>
    </row>
    <row r="294583" spans="14:14">
      <c r="N294583" s="10"/>
    </row>
    <row r="294584" spans="14:14">
      <c r="N294584" s="10"/>
    </row>
    <row r="294585" spans="14:14">
      <c r="N294585" s="10"/>
    </row>
    <row r="294586" spans="14:14">
      <c r="N294586" s="10"/>
    </row>
    <row r="294587" spans="14:14">
      <c r="N294587" s="10"/>
    </row>
    <row r="294588" spans="14:14">
      <c r="N294588" s="10"/>
    </row>
    <row r="294589" spans="14:14">
      <c r="N294589" s="10"/>
    </row>
    <row r="294590" spans="14:14">
      <c r="N294590" s="10"/>
    </row>
    <row r="294591" spans="14:14">
      <c r="N294591" s="10"/>
    </row>
    <row r="294592" spans="14:14">
      <c r="N294592" s="10"/>
    </row>
    <row r="294593" spans="14:14">
      <c r="N294593" s="10"/>
    </row>
    <row r="294594" spans="14:14">
      <c r="N294594" s="10"/>
    </row>
    <row r="294595" spans="14:14">
      <c r="N294595" s="10"/>
    </row>
    <row r="294596" spans="14:14">
      <c r="N294596" s="10"/>
    </row>
    <row r="294597" spans="14:14">
      <c r="N294597" s="10"/>
    </row>
    <row r="294598" spans="14:14">
      <c r="N294598" s="10"/>
    </row>
    <row r="294599" spans="14:14">
      <c r="N294599" s="10"/>
    </row>
    <row r="294600" spans="14:14">
      <c r="N294600" s="10"/>
    </row>
    <row r="294601" spans="14:14">
      <c r="N294601" s="10"/>
    </row>
    <row r="294602" spans="14:14">
      <c r="N294602" s="10"/>
    </row>
    <row r="294603" spans="14:14">
      <c r="N294603" s="10"/>
    </row>
    <row r="294604" spans="14:14">
      <c r="N294604" s="10"/>
    </row>
    <row r="294605" spans="14:14">
      <c r="N294605" s="10"/>
    </row>
    <row r="294606" spans="14:14">
      <c r="N294606" s="10"/>
    </row>
    <row r="294607" spans="14:14">
      <c r="N294607" s="10"/>
    </row>
    <row r="294608" spans="14:14">
      <c r="N294608" s="10"/>
    </row>
    <row r="294609" spans="14:14">
      <c r="N294609" s="10"/>
    </row>
    <row r="294610" spans="14:14">
      <c r="N294610" s="10"/>
    </row>
    <row r="294611" spans="14:14">
      <c r="N294611" s="10"/>
    </row>
    <row r="294612" spans="14:14">
      <c r="N294612" s="10"/>
    </row>
    <row r="294613" spans="14:14">
      <c r="N294613" s="10"/>
    </row>
    <row r="294614" spans="14:14">
      <c r="N294614" s="10"/>
    </row>
    <row r="294615" spans="14:14">
      <c r="N294615" s="10"/>
    </row>
    <row r="294616" spans="14:14">
      <c r="N294616" s="10"/>
    </row>
    <row r="294617" spans="14:14">
      <c r="N294617" s="10"/>
    </row>
    <row r="294618" spans="14:14">
      <c r="N294618" s="10"/>
    </row>
    <row r="294619" spans="14:14">
      <c r="N294619" s="10"/>
    </row>
    <row r="294620" spans="14:14">
      <c r="N294620" s="10"/>
    </row>
    <row r="294621" spans="14:14">
      <c r="N294621" s="10"/>
    </row>
    <row r="294622" spans="14:14">
      <c r="N294622" s="10"/>
    </row>
    <row r="294623" spans="14:14">
      <c r="N294623" s="10"/>
    </row>
    <row r="294624" spans="14:14">
      <c r="N294624" s="10"/>
    </row>
    <row r="294625" spans="14:14">
      <c r="N294625" s="10"/>
    </row>
    <row r="294626" spans="14:14">
      <c r="N294626" s="10"/>
    </row>
    <row r="294627" spans="14:14">
      <c r="N294627" s="10"/>
    </row>
    <row r="294628" spans="14:14">
      <c r="N294628" s="10"/>
    </row>
    <row r="294629" spans="14:14">
      <c r="N294629" s="10"/>
    </row>
    <row r="294630" spans="14:14">
      <c r="N294630" s="10"/>
    </row>
    <row r="294631" spans="14:14">
      <c r="N294631" s="10"/>
    </row>
    <row r="294632" spans="14:14">
      <c r="N294632" s="10"/>
    </row>
    <row r="294633" spans="14:14">
      <c r="N294633" s="10"/>
    </row>
    <row r="294634" spans="14:14">
      <c r="N294634" s="10"/>
    </row>
    <row r="294635" spans="14:14">
      <c r="N294635" s="10"/>
    </row>
    <row r="294636" spans="14:14">
      <c r="N294636" s="10"/>
    </row>
    <row r="294637" spans="14:14">
      <c r="N294637" s="10"/>
    </row>
    <row r="294638" spans="14:14">
      <c r="N294638" s="10"/>
    </row>
    <row r="294639" spans="14:14">
      <c r="N294639" s="10"/>
    </row>
    <row r="294640" spans="14:14">
      <c r="N294640" s="10"/>
    </row>
    <row r="294641" spans="14:14">
      <c r="N294641" s="10"/>
    </row>
    <row r="294642" spans="14:14">
      <c r="N294642" s="10"/>
    </row>
    <row r="294643" spans="14:14">
      <c r="N294643" s="10"/>
    </row>
    <row r="294644" spans="14:14">
      <c r="N294644" s="10"/>
    </row>
    <row r="294645" spans="14:14">
      <c r="N294645" s="10"/>
    </row>
    <row r="294646" spans="14:14">
      <c r="N294646" s="10"/>
    </row>
    <row r="294647" spans="14:14">
      <c r="N294647" s="10"/>
    </row>
    <row r="294648" spans="14:14">
      <c r="N294648" s="10"/>
    </row>
    <row r="294649" spans="14:14">
      <c r="N294649" s="10"/>
    </row>
    <row r="294650" spans="14:14">
      <c r="N294650" s="10"/>
    </row>
    <row r="294651" spans="14:14">
      <c r="N294651" s="10"/>
    </row>
    <row r="294652" spans="14:14">
      <c r="N294652" s="10"/>
    </row>
    <row r="294653" spans="14:14">
      <c r="N294653" s="10"/>
    </row>
    <row r="294654" spans="14:14">
      <c r="N294654" s="10"/>
    </row>
    <row r="294655" spans="14:14">
      <c r="N294655" s="10"/>
    </row>
    <row r="294656" spans="14:14">
      <c r="N294656" s="10"/>
    </row>
    <row r="294657" spans="14:14">
      <c r="N294657" s="10"/>
    </row>
    <row r="294658" spans="14:14">
      <c r="N294658" s="10"/>
    </row>
    <row r="294659" spans="14:14">
      <c r="N294659" s="10"/>
    </row>
    <row r="294660" spans="14:14">
      <c r="N294660" s="10"/>
    </row>
    <row r="294661" spans="14:14">
      <c r="N294661" s="10"/>
    </row>
    <row r="294662" spans="14:14">
      <c r="N294662" s="10"/>
    </row>
    <row r="294663" spans="14:14">
      <c r="N294663" s="10"/>
    </row>
    <row r="294664" spans="14:14">
      <c r="N294664" s="10"/>
    </row>
    <row r="294665" spans="14:14">
      <c r="N294665" s="10"/>
    </row>
    <row r="294666" spans="14:14">
      <c r="N294666" s="10"/>
    </row>
    <row r="294667" spans="14:14">
      <c r="N294667" s="10"/>
    </row>
    <row r="294668" spans="14:14">
      <c r="N294668" s="10"/>
    </row>
    <row r="294669" spans="14:14">
      <c r="N294669" s="10"/>
    </row>
    <row r="294670" spans="14:14">
      <c r="N294670" s="10"/>
    </row>
    <row r="294671" spans="14:14">
      <c r="N294671" s="10"/>
    </row>
    <row r="294672" spans="14:14">
      <c r="N294672" s="10"/>
    </row>
    <row r="294673" spans="14:14">
      <c r="N294673" s="10"/>
    </row>
    <row r="294674" spans="14:14">
      <c r="N294674" s="10"/>
    </row>
    <row r="294675" spans="14:14">
      <c r="N294675" s="10"/>
    </row>
    <row r="294676" spans="14:14">
      <c r="N294676" s="10"/>
    </row>
    <row r="294677" spans="14:14">
      <c r="N294677" s="10"/>
    </row>
    <row r="294678" spans="14:14">
      <c r="N294678" s="10"/>
    </row>
    <row r="294679" spans="14:14">
      <c r="N294679" s="10"/>
    </row>
    <row r="294680" spans="14:14">
      <c r="N294680" s="10"/>
    </row>
    <row r="294681" spans="14:14">
      <c r="N294681" s="10"/>
    </row>
    <row r="294682" spans="14:14">
      <c r="N294682" s="10"/>
    </row>
    <row r="294683" spans="14:14">
      <c r="N294683" s="10"/>
    </row>
    <row r="294684" spans="14:14">
      <c r="N294684" s="10"/>
    </row>
    <row r="294685" spans="14:14">
      <c r="N294685" s="10"/>
    </row>
    <row r="294686" spans="14:14">
      <c r="N294686" s="10"/>
    </row>
    <row r="294687" spans="14:14">
      <c r="N294687" s="10"/>
    </row>
    <row r="294688" spans="14:14">
      <c r="N294688" s="10"/>
    </row>
    <row r="294689" spans="14:14">
      <c r="N294689" s="10"/>
    </row>
    <row r="294690" spans="14:14">
      <c r="N294690" s="10"/>
    </row>
    <row r="294691" spans="14:14">
      <c r="N294691" s="10"/>
    </row>
    <row r="294692" spans="14:14">
      <c r="N294692" s="10"/>
    </row>
    <row r="294693" spans="14:14">
      <c r="N294693" s="10"/>
    </row>
    <row r="294694" spans="14:14">
      <c r="N294694" s="10"/>
    </row>
    <row r="294695" spans="14:14">
      <c r="N294695" s="10"/>
    </row>
    <row r="294696" spans="14:14">
      <c r="N294696" s="10"/>
    </row>
    <row r="294697" spans="14:14">
      <c r="N294697" s="10"/>
    </row>
    <row r="294698" spans="14:14">
      <c r="N294698" s="10"/>
    </row>
    <row r="294699" spans="14:14">
      <c r="N294699" s="10"/>
    </row>
    <row r="294700" spans="14:14">
      <c r="N294700" s="10"/>
    </row>
    <row r="294701" spans="14:14">
      <c r="N294701" s="10"/>
    </row>
    <row r="294702" spans="14:14">
      <c r="N294702" s="10"/>
    </row>
    <row r="294703" spans="14:14">
      <c r="N294703" s="10"/>
    </row>
    <row r="294704" spans="14:14">
      <c r="N294704" s="10"/>
    </row>
    <row r="294705" spans="14:14">
      <c r="N294705" s="10"/>
    </row>
    <row r="294706" spans="14:14">
      <c r="N294706" s="10"/>
    </row>
    <row r="294707" spans="14:14">
      <c r="N294707" s="10"/>
    </row>
    <row r="294708" spans="14:14">
      <c r="N294708" s="10"/>
    </row>
    <row r="294709" spans="14:14">
      <c r="N294709" s="10"/>
    </row>
    <row r="294710" spans="14:14">
      <c r="N294710" s="10"/>
    </row>
    <row r="294711" spans="14:14">
      <c r="N294711" s="10"/>
    </row>
    <row r="294712" spans="14:14">
      <c r="N294712" s="10"/>
    </row>
    <row r="294713" spans="14:14">
      <c r="N294713" s="10"/>
    </row>
    <row r="294714" spans="14:14">
      <c r="N294714" s="10"/>
    </row>
    <row r="294715" spans="14:14">
      <c r="N294715" s="10"/>
    </row>
    <row r="294716" spans="14:14">
      <c r="N294716" s="10"/>
    </row>
    <row r="294717" spans="14:14">
      <c r="N294717" s="10"/>
    </row>
    <row r="294718" spans="14:14">
      <c r="N294718" s="10"/>
    </row>
    <row r="294719" spans="14:14">
      <c r="N294719" s="10"/>
    </row>
    <row r="294720" spans="14:14">
      <c r="N294720" s="10"/>
    </row>
    <row r="294721" spans="14:14">
      <c r="N294721" s="10"/>
    </row>
    <row r="294722" spans="14:14">
      <c r="N294722" s="10"/>
    </row>
    <row r="294723" spans="14:14">
      <c r="N294723" s="10"/>
    </row>
    <row r="294724" spans="14:14">
      <c r="N294724" s="10"/>
    </row>
    <row r="294725" spans="14:14">
      <c r="N294725" s="10"/>
    </row>
    <row r="294726" spans="14:14">
      <c r="N294726" s="10"/>
    </row>
    <row r="294727" spans="14:14">
      <c r="N294727" s="10"/>
    </row>
    <row r="294728" spans="14:14">
      <c r="N294728" s="10"/>
    </row>
    <row r="294729" spans="14:14">
      <c r="N294729" s="10"/>
    </row>
    <row r="294730" spans="14:14">
      <c r="N294730" s="10"/>
    </row>
    <row r="294731" spans="14:14">
      <c r="N294731" s="10"/>
    </row>
    <row r="294732" spans="14:14">
      <c r="N294732" s="10"/>
    </row>
    <row r="294733" spans="14:14">
      <c r="N294733" s="10"/>
    </row>
    <row r="294734" spans="14:14">
      <c r="N294734" s="10"/>
    </row>
    <row r="294735" spans="14:14">
      <c r="N294735" s="10"/>
    </row>
    <row r="294736" spans="14:14">
      <c r="N294736" s="10"/>
    </row>
    <row r="294737" spans="14:14">
      <c r="N294737" s="10"/>
    </row>
    <row r="294738" spans="14:14">
      <c r="N294738" s="10"/>
    </row>
    <row r="294739" spans="14:14">
      <c r="N294739" s="10"/>
    </row>
    <row r="294740" spans="14:14">
      <c r="N294740" s="10"/>
    </row>
    <row r="294741" spans="14:14">
      <c r="N294741" s="10"/>
    </row>
    <row r="294742" spans="14:14">
      <c r="N294742" s="10"/>
    </row>
    <row r="294743" spans="14:14">
      <c r="N294743" s="10"/>
    </row>
    <row r="294744" spans="14:14">
      <c r="N294744" s="10"/>
    </row>
    <row r="294745" spans="14:14">
      <c r="N294745" s="10"/>
    </row>
    <row r="294746" spans="14:14">
      <c r="N294746" s="10"/>
    </row>
    <row r="294747" spans="14:14">
      <c r="N294747" s="10"/>
    </row>
    <row r="294748" spans="14:14">
      <c r="N294748" s="10"/>
    </row>
    <row r="294749" spans="14:14">
      <c r="N294749" s="10"/>
    </row>
    <row r="294750" spans="14:14">
      <c r="N294750" s="10"/>
    </row>
    <row r="294751" spans="14:14">
      <c r="N294751" s="10"/>
    </row>
    <row r="294752" spans="14:14">
      <c r="N294752" s="10"/>
    </row>
    <row r="294753" spans="14:14">
      <c r="N294753" s="10"/>
    </row>
    <row r="294754" spans="14:14">
      <c r="N294754" s="10"/>
    </row>
    <row r="294755" spans="14:14">
      <c r="N294755" s="10"/>
    </row>
    <row r="294756" spans="14:14">
      <c r="N294756" s="10"/>
    </row>
    <row r="294757" spans="14:14">
      <c r="N294757" s="10"/>
    </row>
    <row r="294758" spans="14:14">
      <c r="N294758" s="10"/>
    </row>
    <row r="294759" spans="14:14">
      <c r="N294759" s="10"/>
    </row>
    <row r="294760" spans="14:14">
      <c r="N294760" s="10"/>
    </row>
    <row r="294761" spans="14:14">
      <c r="N294761" s="10"/>
    </row>
    <row r="294762" spans="14:14">
      <c r="N294762" s="10"/>
    </row>
    <row r="294763" spans="14:14">
      <c r="N294763" s="10"/>
    </row>
    <row r="294764" spans="14:14">
      <c r="N294764" s="10"/>
    </row>
    <row r="294765" spans="14:14">
      <c r="N294765" s="10"/>
    </row>
    <row r="294766" spans="14:14">
      <c r="N294766" s="10"/>
    </row>
    <row r="294767" spans="14:14">
      <c r="N294767" s="10"/>
    </row>
    <row r="294768" spans="14:14">
      <c r="N294768" s="10"/>
    </row>
    <row r="294769" spans="14:14">
      <c r="N294769" s="10"/>
    </row>
    <row r="294770" spans="14:14">
      <c r="N294770" s="10"/>
    </row>
    <row r="294771" spans="14:14">
      <c r="N294771" s="10"/>
    </row>
    <row r="294772" spans="14:14">
      <c r="N294772" s="10"/>
    </row>
    <row r="294773" spans="14:14">
      <c r="N294773" s="10"/>
    </row>
    <row r="294774" spans="14:14">
      <c r="N294774" s="10"/>
    </row>
    <row r="294775" spans="14:14">
      <c r="N294775" s="10"/>
    </row>
    <row r="294776" spans="14:14">
      <c r="N294776" s="10"/>
    </row>
    <row r="294777" spans="14:14">
      <c r="N294777" s="10"/>
    </row>
    <row r="294778" spans="14:14">
      <c r="N294778" s="10"/>
    </row>
    <row r="294779" spans="14:14">
      <c r="N294779" s="10"/>
    </row>
    <row r="294780" spans="14:14">
      <c r="N294780" s="10"/>
    </row>
    <row r="294781" spans="14:14">
      <c r="N294781" s="10"/>
    </row>
    <row r="294782" spans="14:14">
      <c r="N294782" s="10"/>
    </row>
    <row r="294783" spans="14:14">
      <c r="N294783" s="10"/>
    </row>
    <row r="294784" spans="14:14">
      <c r="N294784" s="10"/>
    </row>
    <row r="294785" spans="14:14">
      <c r="N294785" s="10"/>
    </row>
    <row r="294786" spans="14:14">
      <c r="N294786" s="10"/>
    </row>
    <row r="294787" spans="14:14">
      <c r="N294787" s="10"/>
    </row>
    <row r="294788" spans="14:14">
      <c r="N294788" s="10"/>
    </row>
    <row r="294789" spans="14:14">
      <c r="N294789" s="10"/>
    </row>
    <row r="294790" spans="14:14">
      <c r="N294790" s="10"/>
    </row>
    <row r="294791" spans="14:14">
      <c r="N294791" s="10"/>
    </row>
    <row r="294792" spans="14:14">
      <c r="N294792" s="10"/>
    </row>
    <row r="294793" spans="14:14">
      <c r="N294793" s="10"/>
    </row>
    <row r="294794" spans="14:14">
      <c r="N294794" s="10"/>
    </row>
    <row r="294795" spans="14:14">
      <c r="N294795" s="10"/>
    </row>
    <row r="294796" spans="14:14">
      <c r="N294796" s="10"/>
    </row>
    <row r="294797" spans="14:14">
      <c r="N294797" s="10"/>
    </row>
    <row r="294798" spans="14:14">
      <c r="N294798" s="10"/>
    </row>
    <row r="294799" spans="14:14">
      <c r="N294799" s="10"/>
    </row>
    <row r="294800" spans="14:14">
      <c r="N294800" s="10"/>
    </row>
    <row r="294801" spans="14:14">
      <c r="N294801" s="10"/>
    </row>
    <row r="294802" spans="14:14">
      <c r="N294802" s="10"/>
    </row>
    <row r="294803" spans="14:14">
      <c r="N294803" s="10"/>
    </row>
    <row r="294804" spans="14:14">
      <c r="N294804" s="10"/>
    </row>
    <row r="294805" spans="14:14">
      <c r="N294805" s="10"/>
    </row>
    <row r="294806" spans="14:14">
      <c r="N294806" s="10"/>
    </row>
    <row r="294807" spans="14:14">
      <c r="N294807" s="10"/>
    </row>
    <row r="294808" spans="14:14">
      <c r="N294808" s="10"/>
    </row>
    <row r="294809" spans="14:14">
      <c r="N294809" s="10"/>
    </row>
    <row r="294810" spans="14:14">
      <c r="N294810" s="10"/>
    </row>
    <row r="294811" spans="14:14">
      <c r="N294811" s="10"/>
    </row>
    <row r="294812" spans="14:14">
      <c r="N294812" s="10"/>
    </row>
    <row r="294813" spans="14:14">
      <c r="N294813" s="10"/>
    </row>
    <row r="294814" spans="14:14">
      <c r="N294814" s="10"/>
    </row>
    <row r="294815" spans="14:14">
      <c r="N294815" s="10"/>
    </row>
    <row r="294816" spans="14:14">
      <c r="N294816" s="10"/>
    </row>
    <row r="294817" spans="14:14">
      <c r="N294817" s="10"/>
    </row>
    <row r="294818" spans="14:14">
      <c r="N294818" s="10"/>
    </row>
    <row r="294819" spans="14:14">
      <c r="N294819" s="10"/>
    </row>
    <row r="294820" spans="14:14">
      <c r="N294820" s="10"/>
    </row>
    <row r="294821" spans="14:14">
      <c r="N294821" s="10"/>
    </row>
    <row r="294822" spans="14:14">
      <c r="N294822" s="10"/>
    </row>
    <row r="294823" spans="14:14">
      <c r="N294823" s="10"/>
    </row>
    <row r="294824" spans="14:14">
      <c r="N294824" s="10"/>
    </row>
    <row r="294825" spans="14:14">
      <c r="N294825" s="10"/>
    </row>
    <row r="294826" spans="14:14">
      <c r="N294826" s="10"/>
    </row>
    <row r="294827" spans="14:14">
      <c r="N294827" s="10"/>
    </row>
    <row r="294828" spans="14:14">
      <c r="N294828" s="10"/>
    </row>
    <row r="294829" spans="14:14">
      <c r="N294829" s="10"/>
    </row>
    <row r="294830" spans="14:14">
      <c r="N294830" s="10"/>
    </row>
    <row r="294831" spans="14:14">
      <c r="N294831" s="10"/>
    </row>
    <row r="294832" spans="14:14">
      <c r="N294832" s="10"/>
    </row>
    <row r="294833" spans="14:14">
      <c r="N294833" s="10"/>
    </row>
    <row r="294834" spans="14:14">
      <c r="N294834" s="10"/>
    </row>
    <row r="294835" spans="14:14">
      <c r="N294835" s="10"/>
    </row>
    <row r="294836" spans="14:14">
      <c r="N294836" s="10"/>
    </row>
    <row r="294837" spans="14:14">
      <c r="N294837" s="10"/>
    </row>
    <row r="294838" spans="14:14">
      <c r="N294838" s="10"/>
    </row>
    <row r="294839" spans="14:14">
      <c r="N294839" s="10"/>
    </row>
    <row r="294840" spans="14:14">
      <c r="N294840" s="10"/>
    </row>
    <row r="294841" spans="14:14">
      <c r="N294841" s="10"/>
    </row>
    <row r="294842" spans="14:14">
      <c r="N294842" s="10"/>
    </row>
    <row r="294843" spans="14:14">
      <c r="N294843" s="10"/>
    </row>
    <row r="294844" spans="14:14">
      <c r="N294844" s="10"/>
    </row>
    <row r="294845" spans="14:14">
      <c r="N294845" s="10"/>
    </row>
    <row r="294846" spans="14:14">
      <c r="N294846" s="10"/>
    </row>
    <row r="294847" spans="14:14">
      <c r="N294847" s="10"/>
    </row>
    <row r="294848" spans="14:14">
      <c r="N294848" s="10"/>
    </row>
    <row r="294849" spans="14:14">
      <c r="N294849" s="10"/>
    </row>
    <row r="294850" spans="14:14">
      <c r="N294850" s="10"/>
    </row>
    <row r="294851" spans="14:14">
      <c r="N294851" s="10"/>
    </row>
    <row r="294852" spans="14:14">
      <c r="N294852" s="10"/>
    </row>
    <row r="294853" spans="14:14">
      <c r="N294853" s="10"/>
    </row>
    <row r="294854" spans="14:14">
      <c r="N294854" s="10"/>
    </row>
    <row r="294855" spans="14:14">
      <c r="N294855" s="10"/>
    </row>
    <row r="294856" spans="14:14">
      <c r="N294856" s="10"/>
    </row>
    <row r="294857" spans="14:14">
      <c r="N294857" s="10"/>
    </row>
    <row r="294858" spans="14:14">
      <c r="N294858" s="10"/>
    </row>
    <row r="294859" spans="14:14">
      <c r="N294859" s="10"/>
    </row>
    <row r="294860" spans="14:14">
      <c r="N294860" s="10"/>
    </row>
    <row r="294861" spans="14:14">
      <c r="N294861" s="10"/>
    </row>
    <row r="294862" spans="14:14">
      <c r="N294862" s="10"/>
    </row>
    <row r="294863" spans="14:14">
      <c r="N294863" s="10"/>
    </row>
    <row r="294864" spans="14:14">
      <c r="N294864" s="10"/>
    </row>
    <row r="294865" spans="14:14">
      <c r="N294865" s="10"/>
    </row>
    <row r="294866" spans="14:14">
      <c r="N294866" s="10"/>
    </row>
    <row r="294867" spans="14:14">
      <c r="N294867" s="10"/>
    </row>
    <row r="294868" spans="14:14">
      <c r="N294868" s="10"/>
    </row>
    <row r="294869" spans="14:14">
      <c r="N294869" s="10"/>
    </row>
    <row r="294870" spans="14:14">
      <c r="N294870" s="10"/>
    </row>
    <row r="294871" spans="14:14">
      <c r="N294871" s="10"/>
    </row>
    <row r="294872" spans="14:14">
      <c r="N294872" s="10"/>
    </row>
    <row r="294873" spans="14:14">
      <c r="N294873" s="10"/>
    </row>
    <row r="294874" spans="14:14">
      <c r="N294874" s="10"/>
    </row>
    <row r="294875" spans="14:14">
      <c r="N294875" s="10"/>
    </row>
    <row r="294876" spans="14:14">
      <c r="N294876" s="10"/>
    </row>
    <row r="294877" spans="14:14">
      <c r="N294877" s="10"/>
    </row>
    <row r="294878" spans="14:14">
      <c r="N294878" s="10"/>
    </row>
    <row r="294879" spans="14:14">
      <c r="N294879" s="10"/>
    </row>
    <row r="294880" spans="14:14">
      <c r="N294880" s="10"/>
    </row>
    <row r="294881" spans="14:14">
      <c r="N294881" s="10"/>
    </row>
    <row r="294882" spans="14:14">
      <c r="N294882" s="10"/>
    </row>
    <row r="294883" spans="14:14">
      <c r="N294883" s="10"/>
    </row>
    <row r="294884" spans="14:14">
      <c r="N294884" s="10"/>
    </row>
    <row r="294885" spans="14:14">
      <c r="N294885" s="10"/>
    </row>
    <row r="294886" spans="14:14">
      <c r="N294886" s="10"/>
    </row>
    <row r="294887" spans="14:14">
      <c r="N294887" s="10"/>
    </row>
    <row r="294888" spans="14:14">
      <c r="N294888" s="10"/>
    </row>
    <row r="294889" spans="14:14">
      <c r="N294889" s="10"/>
    </row>
    <row r="294890" spans="14:14">
      <c r="N294890" s="10"/>
    </row>
    <row r="294891" spans="14:14">
      <c r="N294891" s="10"/>
    </row>
    <row r="294892" spans="14:14">
      <c r="N294892" s="10"/>
    </row>
    <row r="294893" spans="14:14">
      <c r="N294893" s="10"/>
    </row>
    <row r="294894" spans="14:14">
      <c r="N294894" s="10"/>
    </row>
    <row r="294895" spans="14:14">
      <c r="N294895" s="10"/>
    </row>
    <row r="294896" spans="14:14">
      <c r="N294896" s="10"/>
    </row>
    <row r="294897" spans="14:14">
      <c r="N294897" s="10"/>
    </row>
    <row r="294898" spans="14:14">
      <c r="N294898" s="10"/>
    </row>
    <row r="294899" spans="14:14">
      <c r="N294899" s="10"/>
    </row>
    <row r="294900" spans="14:14">
      <c r="N294900" s="10"/>
    </row>
    <row r="294901" spans="14:14">
      <c r="N294901" s="10"/>
    </row>
    <row r="294902" spans="14:14">
      <c r="N294902" s="10"/>
    </row>
    <row r="294903" spans="14:14">
      <c r="N294903" s="10"/>
    </row>
    <row r="294904" spans="14:14">
      <c r="N294904" s="10"/>
    </row>
    <row r="294905" spans="14:14">
      <c r="N294905" s="10"/>
    </row>
    <row r="294906" spans="14:14">
      <c r="N294906" s="10"/>
    </row>
    <row r="294907" spans="14:14">
      <c r="N294907" s="10"/>
    </row>
    <row r="294908" spans="14:14">
      <c r="N294908" s="10"/>
    </row>
    <row r="294909" spans="14:14">
      <c r="N294909" s="10"/>
    </row>
    <row r="294910" spans="14:14">
      <c r="N294910" s="10"/>
    </row>
    <row r="294911" spans="14:14">
      <c r="N294911" s="10"/>
    </row>
    <row r="294912" spans="14:14">
      <c r="N294912" s="10"/>
    </row>
    <row r="294913" spans="14:14">
      <c r="N294913" s="10"/>
    </row>
    <row r="294914" spans="14:14">
      <c r="N294914" s="10"/>
    </row>
    <row r="294915" spans="14:14">
      <c r="N294915" s="10"/>
    </row>
    <row r="294916" spans="14:14">
      <c r="N294916" s="10"/>
    </row>
    <row r="294917" spans="14:14">
      <c r="N294917" s="10"/>
    </row>
    <row r="294918" spans="14:14">
      <c r="N294918" s="10"/>
    </row>
    <row r="294919" spans="14:14">
      <c r="N294919" s="10"/>
    </row>
    <row r="294920" spans="14:14">
      <c r="N294920" s="10"/>
    </row>
    <row r="294921" spans="14:14">
      <c r="N294921" s="10"/>
    </row>
    <row r="294922" spans="14:14">
      <c r="N294922" s="10"/>
    </row>
    <row r="294923" spans="14:14">
      <c r="N294923" s="10"/>
    </row>
    <row r="294924" spans="14:14">
      <c r="N294924" s="10"/>
    </row>
    <row r="294925" spans="14:14">
      <c r="N294925" s="10"/>
    </row>
    <row r="294926" spans="14:14">
      <c r="N294926" s="10"/>
    </row>
    <row r="294927" spans="14:14">
      <c r="N294927" s="10"/>
    </row>
    <row r="294928" spans="14:14">
      <c r="N294928" s="10"/>
    </row>
    <row r="294929" spans="14:14">
      <c r="N294929" s="10"/>
    </row>
    <row r="294930" spans="14:14">
      <c r="N294930" s="10"/>
    </row>
    <row r="294931" spans="14:14">
      <c r="N294931" s="10"/>
    </row>
    <row r="294932" spans="14:14">
      <c r="N294932" s="10"/>
    </row>
    <row r="294933" spans="14:14">
      <c r="N294933" s="10"/>
    </row>
    <row r="294934" spans="14:14">
      <c r="N294934" s="10"/>
    </row>
    <row r="294935" spans="14:14">
      <c r="N294935" s="10"/>
    </row>
    <row r="294936" spans="14:14">
      <c r="N294936" s="10"/>
    </row>
    <row r="294937" spans="14:14">
      <c r="N294937" s="10"/>
    </row>
    <row r="294938" spans="14:14">
      <c r="N294938" s="10"/>
    </row>
    <row r="294939" spans="14:14">
      <c r="N294939" s="10"/>
    </row>
    <row r="294940" spans="14:14">
      <c r="N294940" s="10"/>
    </row>
    <row r="294941" spans="14:14">
      <c r="N294941" s="10"/>
    </row>
    <row r="294942" spans="14:14">
      <c r="N294942" s="10"/>
    </row>
    <row r="294943" spans="14:14">
      <c r="N294943" s="10"/>
    </row>
    <row r="294944" spans="14:14">
      <c r="N294944" s="10"/>
    </row>
    <row r="294945" spans="14:14">
      <c r="N294945" s="10"/>
    </row>
    <row r="294946" spans="14:14">
      <c r="N294946" s="10"/>
    </row>
    <row r="294947" spans="14:14">
      <c r="N294947" s="10"/>
    </row>
    <row r="294948" spans="14:14">
      <c r="N294948" s="10"/>
    </row>
    <row r="294949" spans="14:14">
      <c r="N294949" s="10"/>
    </row>
    <row r="294950" spans="14:14">
      <c r="N294950" s="10"/>
    </row>
    <row r="294951" spans="14:14">
      <c r="N294951" s="10"/>
    </row>
    <row r="294952" spans="14:14">
      <c r="N294952" s="10"/>
    </row>
    <row r="294953" spans="14:14">
      <c r="N294953" s="10"/>
    </row>
    <row r="294954" spans="14:14">
      <c r="N294954" s="10"/>
    </row>
    <row r="294955" spans="14:14">
      <c r="N294955" s="10"/>
    </row>
    <row r="294956" spans="14:14">
      <c r="N294956" s="10"/>
    </row>
    <row r="294957" spans="14:14">
      <c r="N294957" s="10"/>
    </row>
    <row r="294958" spans="14:14">
      <c r="N294958" s="10"/>
    </row>
    <row r="294959" spans="14:14">
      <c r="N294959" s="10"/>
    </row>
    <row r="294960" spans="14:14">
      <c r="N294960" s="10"/>
    </row>
    <row r="294961" spans="14:14">
      <c r="N294961" s="10"/>
    </row>
    <row r="294962" spans="14:14">
      <c r="N294962" s="10"/>
    </row>
    <row r="294963" spans="14:14">
      <c r="N294963" s="10"/>
    </row>
    <row r="294964" spans="14:14">
      <c r="N294964" s="10"/>
    </row>
    <row r="294965" spans="14:14">
      <c r="N294965" s="10"/>
    </row>
    <row r="294966" spans="14:14">
      <c r="N294966" s="10"/>
    </row>
    <row r="294967" spans="14:14">
      <c r="N294967" s="10"/>
    </row>
    <row r="294968" spans="14:14">
      <c r="N294968" s="10"/>
    </row>
    <row r="294969" spans="14:14">
      <c r="N294969" s="10"/>
    </row>
    <row r="294970" spans="14:14">
      <c r="N294970" s="10"/>
    </row>
    <row r="294971" spans="14:14">
      <c r="N294971" s="10"/>
    </row>
    <row r="294972" spans="14:14">
      <c r="N294972" s="10"/>
    </row>
    <row r="294973" spans="14:14">
      <c r="N294973" s="10"/>
    </row>
    <row r="294974" spans="14:14">
      <c r="N294974" s="10"/>
    </row>
    <row r="294975" spans="14:14">
      <c r="N294975" s="10"/>
    </row>
    <row r="294976" spans="14:14">
      <c r="N294976" s="10"/>
    </row>
    <row r="294977" spans="14:14">
      <c r="N294977" s="10"/>
    </row>
    <row r="294978" spans="14:14">
      <c r="N294978" s="10"/>
    </row>
    <row r="294979" spans="14:14">
      <c r="N294979" s="10"/>
    </row>
    <row r="294980" spans="14:14">
      <c r="N294980" s="10"/>
    </row>
    <row r="294981" spans="14:14">
      <c r="N294981" s="10"/>
    </row>
    <row r="294982" spans="14:14">
      <c r="N294982" s="10"/>
    </row>
    <row r="294983" spans="14:14">
      <c r="N294983" s="10"/>
    </row>
    <row r="294984" spans="14:14">
      <c r="N294984" s="10"/>
    </row>
    <row r="294985" spans="14:14">
      <c r="N294985" s="10"/>
    </row>
    <row r="294986" spans="14:14">
      <c r="N294986" s="10"/>
    </row>
    <row r="294987" spans="14:14">
      <c r="N294987" s="10"/>
    </row>
    <row r="294988" spans="14:14">
      <c r="N294988" s="10"/>
    </row>
    <row r="294989" spans="14:14">
      <c r="N294989" s="10"/>
    </row>
    <row r="294990" spans="14:14">
      <c r="N294990" s="10"/>
    </row>
    <row r="294991" spans="14:14">
      <c r="N294991" s="10"/>
    </row>
    <row r="294992" spans="14:14">
      <c r="N294992" s="10"/>
    </row>
    <row r="294993" spans="14:14">
      <c r="N294993" s="10"/>
    </row>
    <row r="294994" spans="14:14">
      <c r="N294994" s="10"/>
    </row>
    <row r="294995" spans="14:14">
      <c r="N294995" s="10"/>
    </row>
    <row r="294996" spans="14:14">
      <c r="N294996" s="10"/>
    </row>
    <row r="294997" spans="14:14">
      <c r="N294997" s="10"/>
    </row>
    <row r="294998" spans="14:14">
      <c r="N294998" s="10"/>
    </row>
    <row r="294999" spans="14:14">
      <c r="N294999" s="10"/>
    </row>
    <row r="295000" spans="14:14">
      <c r="N295000" s="10"/>
    </row>
    <row r="295001" spans="14:14">
      <c r="N295001" s="10"/>
    </row>
    <row r="295002" spans="14:14">
      <c r="N295002" s="10"/>
    </row>
    <row r="295003" spans="14:14">
      <c r="N295003" s="10"/>
    </row>
    <row r="295004" spans="14:14">
      <c r="N295004" s="10"/>
    </row>
    <row r="295005" spans="14:14">
      <c r="N295005" s="10"/>
    </row>
    <row r="295006" spans="14:14">
      <c r="N295006" s="10"/>
    </row>
    <row r="295007" spans="14:14">
      <c r="N295007" s="10"/>
    </row>
    <row r="295008" spans="14:14">
      <c r="N295008" s="10"/>
    </row>
    <row r="295009" spans="14:14">
      <c r="N295009" s="10"/>
    </row>
    <row r="295010" spans="14:14">
      <c r="N295010" s="10"/>
    </row>
    <row r="295011" spans="14:14">
      <c r="N295011" s="10"/>
    </row>
    <row r="295012" spans="14:14">
      <c r="N295012" s="10"/>
    </row>
    <row r="295013" spans="14:14">
      <c r="N295013" s="10"/>
    </row>
    <row r="295014" spans="14:14">
      <c r="N295014" s="10"/>
    </row>
    <row r="295015" spans="14:14">
      <c r="N295015" s="10"/>
    </row>
    <row r="295016" spans="14:14">
      <c r="N295016" s="10"/>
    </row>
    <row r="295017" spans="14:14">
      <c r="N295017" s="10"/>
    </row>
    <row r="295018" spans="14:14">
      <c r="N295018" s="10"/>
    </row>
    <row r="295019" spans="14:14">
      <c r="N295019" s="10"/>
    </row>
    <row r="295020" spans="14:14">
      <c r="N295020" s="10"/>
    </row>
    <row r="295021" spans="14:14">
      <c r="N295021" s="10"/>
    </row>
    <row r="295022" spans="14:14">
      <c r="N295022" s="10"/>
    </row>
    <row r="295023" spans="14:14">
      <c r="N295023" s="10"/>
    </row>
    <row r="295024" spans="14:14">
      <c r="N295024" s="10"/>
    </row>
    <row r="295025" spans="14:14">
      <c r="N295025" s="10"/>
    </row>
    <row r="295026" spans="14:14">
      <c r="N295026" s="10"/>
    </row>
    <row r="295027" spans="14:14">
      <c r="N295027" s="10"/>
    </row>
    <row r="295028" spans="14:14">
      <c r="N295028" s="10"/>
    </row>
    <row r="295029" spans="14:14">
      <c r="N295029" s="10"/>
    </row>
    <row r="295030" spans="14:14">
      <c r="N295030" s="10"/>
    </row>
    <row r="295031" spans="14:14">
      <c r="N295031" s="10"/>
    </row>
    <row r="295032" spans="14:14">
      <c r="N295032" s="10"/>
    </row>
    <row r="295033" spans="14:14">
      <c r="N295033" s="10"/>
    </row>
    <row r="295034" spans="14:14">
      <c r="N295034" s="10"/>
    </row>
    <row r="295035" spans="14:14">
      <c r="N295035" s="10"/>
    </row>
    <row r="295036" spans="14:14">
      <c r="N295036" s="10"/>
    </row>
    <row r="295037" spans="14:14">
      <c r="N295037" s="10"/>
    </row>
    <row r="295038" spans="14:14">
      <c r="N295038" s="10"/>
    </row>
    <row r="295039" spans="14:14">
      <c r="N295039" s="10"/>
    </row>
    <row r="295040" spans="14:14">
      <c r="N295040" s="10"/>
    </row>
    <row r="295041" spans="14:14">
      <c r="N295041" s="10"/>
    </row>
    <row r="295042" spans="14:14">
      <c r="N295042" s="10"/>
    </row>
    <row r="295043" spans="14:14">
      <c r="N295043" s="10"/>
    </row>
    <row r="295044" spans="14:14">
      <c r="N295044" s="10"/>
    </row>
    <row r="295045" spans="14:14">
      <c r="N295045" s="10"/>
    </row>
    <row r="295046" spans="14:14">
      <c r="N295046" s="10"/>
    </row>
    <row r="295047" spans="14:14">
      <c r="N295047" s="10"/>
    </row>
    <row r="295048" spans="14:14">
      <c r="N295048" s="10"/>
    </row>
    <row r="295049" spans="14:14">
      <c r="N295049" s="10"/>
    </row>
    <row r="295050" spans="14:14">
      <c r="N295050" s="10"/>
    </row>
    <row r="295051" spans="14:14">
      <c r="N295051" s="10"/>
    </row>
    <row r="295052" spans="14:14">
      <c r="N295052" s="10"/>
    </row>
    <row r="295053" spans="14:14">
      <c r="N295053" s="10"/>
    </row>
    <row r="295054" spans="14:14">
      <c r="N295054" s="10"/>
    </row>
    <row r="295055" spans="14:14">
      <c r="N295055" s="10"/>
    </row>
    <row r="295056" spans="14:14">
      <c r="N295056" s="10"/>
    </row>
    <row r="295057" spans="14:14">
      <c r="N295057" s="10"/>
    </row>
    <row r="295058" spans="14:14">
      <c r="N295058" s="10"/>
    </row>
    <row r="295059" spans="14:14">
      <c r="N295059" s="10"/>
    </row>
    <row r="295060" spans="14:14">
      <c r="N295060" s="10"/>
    </row>
    <row r="295061" spans="14:14">
      <c r="N295061" s="10"/>
    </row>
    <row r="295062" spans="14:14">
      <c r="N295062" s="10"/>
    </row>
    <row r="295063" spans="14:14">
      <c r="N295063" s="10"/>
    </row>
    <row r="295064" spans="14:14">
      <c r="N295064" s="10"/>
    </row>
    <row r="295065" spans="14:14">
      <c r="N295065" s="10"/>
    </row>
    <row r="295066" spans="14:14">
      <c r="N295066" s="10"/>
    </row>
    <row r="295067" spans="14:14">
      <c r="N295067" s="10"/>
    </row>
    <row r="295068" spans="14:14">
      <c r="N295068" s="10"/>
    </row>
    <row r="295069" spans="14:14">
      <c r="N295069" s="10"/>
    </row>
    <row r="295070" spans="14:14">
      <c r="N295070" s="10"/>
    </row>
    <row r="295071" spans="14:14">
      <c r="N295071" s="10"/>
    </row>
    <row r="295072" spans="14:14">
      <c r="N295072" s="10"/>
    </row>
    <row r="295073" spans="14:14">
      <c r="N295073" s="10"/>
    </row>
    <row r="295074" spans="14:14">
      <c r="N295074" s="10"/>
    </row>
    <row r="295075" spans="14:14">
      <c r="N295075" s="10"/>
    </row>
    <row r="295076" spans="14:14">
      <c r="N295076" s="10"/>
    </row>
    <row r="295077" spans="14:14">
      <c r="N295077" s="10"/>
    </row>
    <row r="295078" spans="14:14">
      <c r="N295078" s="10"/>
    </row>
    <row r="295079" spans="14:14">
      <c r="N295079" s="10"/>
    </row>
    <row r="295080" spans="14:14">
      <c r="N295080" s="10"/>
    </row>
    <row r="295081" spans="14:14">
      <c r="N295081" s="10"/>
    </row>
    <row r="295082" spans="14:14">
      <c r="N295082" s="10"/>
    </row>
    <row r="295083" spans="14:14">
      <c r="N295083" s="10"/>
    </row>
    <row r="295084" spans="14:14">
      <c r="N295084" s="10"/>
    </row>
    <row r="295085" spans="14:14">
      <c r="N295085" s="10"/>
    </row>
    <row r="295086" spans="14:14">
      <c r="N295086" s="10"/>
    </row>
    <row r="295087" spans="14:14">
      <c r="N295087" s="10"/>
    </row>
    <row r="295088" spans="14:14">
      <c r="N295088" s="10"/>
    </row>
    <row r="295089" spans="14:14">
      <c r="N295089" s="10"/>
    </row>
    <row r="295090" spans="14:14">
      <c r="N295090" s="10"/>
    </row>
    <row r="295091" spans="14:14">
      <c r="N295091" s="10"/>
    </row>
    <row r="295092" spans="14:14">
      <c r="N295092" s="10"/>
    </row>
    <row r="295093" spans="14:14">
      <c r="N295093" s="10"/>
    </row>
    <row r="295094" spans="14:14">
      <c r="N295094" s="10"/>
    </row>
    <row r="295095" spans="14:14">
      <c r="N295095" s="10"/>
    </row>
    <row r="295096" spans="14:14">
      <c r="N295096" s="10"/>
    </row>
    <row r="295097" spans="14:14">
      <c r="N295097" s="10"/>
    </row>
    <row r="295098" spans="14:14">
      <c r="N295098" s="10"/>
    </row>
    <row r="295099" spans="14:14">
      <c r="N295099" s="10"/>
    </row>
    <row r="295100" spans="14:14">
      <c r="N295100" s="10"/>
    </row>
    <row r="295101" spans="14:14">
      <c r="N295101" s="10"/>
    </row>
    <row r="295102" spans="14:14">
      <c r="N295102" s="10"/>
    </row>
    <row r="295103" spans="14:14">
      <c r="N295103" s="10"/>
    </row>
    <row r="295104" spans="14:14">
      <c r="N295104" s="10"/>
    </row>
    <row r="295105" spans="14:14">
      <c r="N295105" s="10"/>
    </row>
    <row r="295106" spans="14:14">
      <c r="N295106" s="10"/>
    </row>
    <row r="295107" spans="14:14">
      <c r="N295107" s="10"/>
    </row>
    <row r="295108" spans="14:14">
      <c r="N295108" s="10"/>
    </row>
    <row r="295109" spans="14:14">
      <c r="N295109" s="10"/>
    </row>
    <row r="295110" spans="14:14">
      <c r="N295110" s="10"/>
    </row>
    <row r="295111" spans="14:14">
      <c r="N295111" s="10"/>
    </row>
    <row r="295112" spans="14:14">
      <c r="N295112" s="10"/>
    </row>
    <row r="295113" spans="14:14">
      <c r="N295113" s="10"/>
    </row>
    <row r="295114" spans="14:14">
      <c r="N295114" s="10"/>
    </row>
    <row r="295115" spans="14:14">
      <c r="N295115" s="10"/>
    </row>
    <row r="295116" spans="14:14">
      <c r="N295116" s="10"/>
    </row>
    <row r="295117" spans="14:14">
      <c r="N295117" s="10"/>
    </row>
    <row r="295118" spans="14:14">
      <c r="N295118" s="10"/>
    </row>
    <row r="295119" spans="14:14">
      <c r="N295119" s="10"/>
    </row>
    <row r="295120" spans="14:14">
      <c r="N295120" s="10"/>
    </row>
    <row r="295121" spans="14:14">
      <c r="N295121" s="10"/>
    </row>
    <row r="295122" spans="14:14">
      <c r="N295122" s="10"/>
    </row>
    <row r="295123" spans="14:14">
      <c r="N295123" s="10"/>
    </row>
    <row r="295124" spans="14:14">
      <c r="N295124" s="10"/>
    </row>
    <row r="295125" spans="14:14">
      <c r="N295125" s="10"/>
    </row>
    <row r="295126" spans="14:14">
      <c r="N295126" s="10"/>
    </row>
    <row r="295127" spans="14:14">
      <c r="N295127" s="10"/>
    </row>
    <row r="295128" spans="14:14">
      <c r="N295128" s="10"/>
    </row>
    <row r="295129" spans="14:14">
      <c r="N295129" s="10"/>
    </row>
    <row r="295130" spans="14:14">
      <c r="N295130" s="10"/>
    </row>
    <row r="295131" spans="14:14">
      <c r="N295131" s="10"/>
    </row>
    <row r="295132" spans="14:14">
      <c r="N295132" s="10"/>
    </row>
    <row r="295133" spans="14:14">
      <c r="N295133" s="10"/>
    </row>
    <row r="295134" spans="14:14">
      <c r="N295134" s="10"/>
    </row>
    <row r="295135" spans="14:14">
      <c r="N295135" s="10"/>
    </row>
    <row r="295136" spans="14:14">
      <c r="N295136" s="10"/>
    </row>
    <row r="295137" spans="14:14">
      <c r="N295137" s="10"/>
    </row>
    <row r="295138" spans="14:14">
      <c r="N295138" s="10"/>
    </row>
    <row r="295139" spans="14:14">
      <c r="N295139" s="10"/>
    </row>
    <row r="295140" spans="14:14">
      <c r="N295140" s="10"/>
    </row>
    <row r="295141" spans="14:14">
      <c r="N295141" s="10"/>
    </row>
    <row r="295142" spans="14:14">
      <c r="N295142" s="10"/>
    </row>
    <row r="295143" spans="14:14">
      <c r="N295143" s="10"/>
    </row>
    <row r="295144" spans="14:14">
      <c r="N295144" s="10"/>
    </row>
    <row r="295145" spans="14:14">
      <c r="N295145" s="10"/>
    </row>
    <row r="295146" spans="14:14">
      <c r="N295146" s="10"/>
    </row>
    <row r="295147" spans="14:14">
      <c r="N295147" s="10"/>
    </row>
    <row r="295148" spans="14:14">
      <c r="N295148" s="10"/>
    </row>
    <row r="295149" spans="14:14">
      <c r="N295149" s="10"/>
    </row>
    <row r="295150" spans="14:14">
      <c r="N295150" s="10"/>
    </row>
    <row r="295151" spans="14:14">
      <c r="N295151" s="10"/>
    </row>
    <row r="295152" spans="14:14">
      <c r="N295152" s="10"/>
    </row>
    <row r="295153" spans="14:14">
      <c r="N295153" s="10"/>
    </row>
    <row r="295154" spans="14:14">
      <c r="N295154" s="10"/>
    </row>
    <row r="295155" spans="14:14">
      <c r="N295155" s="10"/>
    </row>
    <row r="295156" spans="14:14">
      <c r="N295156" s="10"/>
    </row>
    <row r="295157" spans="14:14">
      <c r="N295157" s="10"/>
    </row>
    <row r="295158" spans="14:14">
      <c r="N295158" s="10"/>
    </row>
    <row r="295159" spans="14:14">
      <c r="N295159" s="10"/>
    </row>
    <row r="295160" spans="14:14">
      <c r="N295160" s="10"/>
    </row>
    <row r="295161" spans="14:14">
      <c r="N295161" s="10"/>
    </row>
    <row r="295162" spans="14:14">
      <c r="N295162" s="10"/>
    </row>
    <row r="295163" spans="14:14">
      <c r="N295163" s="10"/>
    </row>
    <row r="295164" spans="14:14">
      <c r="N295164" s="10"/>
    </row>
    <row r="295165" spans="14:14">
      <c r="N295165" s="10"/>
    </row>
    <row r="295166" spans="14:14">
      <c r="N295166" s="10"/>
    </row>
    <row r="295167" spans="14:14">
      <c r="N295167" s="10"/>
    </row>
    <row r="295168" spans="14:14">
      <c r="N295168" s="10"/>
    </row>
    <row r="295169" spans="14:14">
      <c r="N295169" s="10"/>
    </row>
    <row r="295170" spans="14:14">
      <c r="N295170" s="10"/>
    </row>
    <row r="295171" spans="14:14">
      <c r="N295171" s="10"/>
    </row>
    <row r="295172" spans="14:14">
      <c r="N295172" s="10"/>
    </row>
    <row r="295173" spans="14:14">
      <c r="N295173" s="10"/>
    </row>
    <row r="295174" spans="14:14">
      <c r="N295174" s="10"/>
    </row>
    <row r="295175" spans="14:14">
      <c r="N295175" s="10"/>
    </row>
    <row r="295176" spans="14:14">
      <c r="N295176" s="10"/>
    </row>
    <row r="295177" spans="14:14">
      <c r="N295177" s="10"/>
    </row>
    <row r="295178" spans="14:14">
      <c r="N295178" s="10"/>
    </row>
    <row r="295179" spans="14:14">
      <c r="N295179" s="10"/>
    </row>
    <row r="295180" spans="14:14">
      <c r="N295180" s="10"/>
    </row>
    <row r="295181" spans="14:14">
      <c r="N295181" s="10"/>
    </row>
    <row r="295182" spans="14:14">
      <c r="N295182" s="10"/>
    </row>
    <row r="295183" spans="14:14">
      <c r="N295183" s="10"/>
    </row>
    <row r="295184" spans="14:14">
      <c r="N295184" s="10"/>
    </row>
    <row r="295185" spans="14:14">
      <c r="N295185" s="10"/>
    </row>
    <row r="295186" spans="14:14">
      <c r="N295186" s="10"/>
    </row>
    <row r="295187" spans="14:14">
      <c r="N295187" s="10"/>
    </row>
    <row r="295188" spans="14:14">
      <c r="N295188" s="10"/>
    </row>
    <row r="295189" spans="14:14">
      <c r="N295189" s="10"/>
    </row>
    <row r="295190" spans="14:14">
      <c r="N295190" s="10"/>
    </row>
    <row r="295191" spans="14:14">
      <c r="N295191" s="10"/>
    </row>
    <row r="295192" spans="14:14">
      <c r="N295192" s="10"/>
    </row>
    <row r="295193" spans="14:14">
      <c r="N295193" s="10"/>
    </row>
    <row r="295194" spans="14:14">
      <c r="N295194" s="10"/>
    </row>
    <row r="295195" spans="14:14">
      <c r="N295195" s="10"/>
    </row>
    <row r="295196" spans="14:14">
      <c r="N295196" s="10"/>
    </row>
    <row r="295197" spans="14:14">
      <c r="N295197" s="10"/>
    </row>
    <row r="295198" spans="14:14">
      <c r="N295198" s="10"/>
    </row>
    <row r="295199" spans="14:14">
      <c r="N295199" s="10"/>
    </row>
    <row r="295200" spans="14:14">
      <c r="N295200" s="10"/>
    </row>
    <row r="295201" spans="14:14">
      <c r="N295201" s="10"/>
    </row>
    <row r="295202" spans="14:14">
      <c r="N295202" s="10"/>
    </row>
    <row r="295203" spans="14:14">
      <c r="N295203" s="10"/>
    </row>
    <row r="295204" spans="14:14">
      <c r="N295204" s="10"/>
    </row>
    <row r="295205" spans="14:14">
      <c r="N295205" s="10"/>
    </row>
    <row r="295206" spans="14:14">
      <c r="N295206" s="10"/>
    </row>
    <row r="295207" spans="14:14">
      <c r="N295207" s="10"/>
    </row>
    <row r="295208" spans="14:14">
      <c r="N295208" s="10"/>
    </row>
    <row r="295209" spans="14:14">
      <c r="N295209" s="10"/>
    </row>
    <row r="295210" spans="14:14">
      <c r="N295210" s="10"/>
    </row>
    <row r="295211" spans="14:14">
      <c r="N295211" s="10"/>
    </row>
    <row r="295212" spans="14:14">
      <c r="N295212" s="10"/>
    </row>
    <row r="295213" spans="14:14">
      <c r="N295213" s="10"/>
    </row>
    <row r="295214" spans="14:14">
      <c r="N295214" s="10"/>
    </row>
    <row r="295215" spans="14:14">
      <c r="N295215" s="10"/>
    </row>
    <row r="295216" spans="14:14">
      <c r="N295216" s="10"/>
    </row>
    <row r="295217" spans="14:14">
      <c r="N295217" s="10"/>
    </row>
    <row r="295218" spans="14:14">
      <c r="N295218" s="10"/>
    </row>
    <row r="295219" spans="14:14">
      <c r="N295219" s="10"/>
    </row>
    <row r="295220" spans="14:14">
      <c r="N295220" s="10"/>
    </row>
    <row r="295221" spans="14:14">
      <c r="N295221" s="10"/>
    </row>
    <row r="295222" spans="14:14">
      <c r="N295222" s="10"/>
    </row>
    <row r="295223" spans="14:14">
      <c r="N295223" s="10"/>
    </row>
    <row r="295224" spans="14:14">
      <c r="N295224" s="10"/>
    </row>
    <row r="295225" spans="14:14">
      <c r="N295225" s="10"/>
    </row>
    <row r="295226" spans="14:14">
      <c r="N295226" s="10"/>
    </row>
    <row r="295227" spans="14:14">
      <c r="N295227" s="10"/>
    </row>
    <row r="295228" spans="14:14">
      <c r="N295228" s="10"/>
    </row>
    <row r="295229" spans="14:14">
      <c r="N295229" s="10"/>
    </row>
    <row r="295230" spans="14:14">
      <c r="N295230" s="10"/>
    </row>
    <row r="295231" spans="14:14">
      <c r="N295231" s="10"/>
    </row>
    <row r="295232" spans="14:14">
      <c r="N295232" s="10"/>
    </row>
    <row r="295233" spans="14:14">
      <c r="N295233" s="10"/>
    </row>
    <row r="295234" spans="14:14">
      <c r="N295234" s="10"/>
    </row>
    <row r="295235" spans="14:14">
      <c r="N295235" s="10"/>
    </row>
    <row r="295236" spans="14:14">
      <c r="N295236" s="10"/>
    </row>
    <row r="295237" spans="14:14">
      <c r="N295237" s="10"/>
    </row>
    <row r="295238" spans="14:14">
      <c r="N295238" s="10"/>
    </row>
    <row r="295239" spans="14:14">
      <c r="N295239" s="10"/>
    </row>
    <row r="295240" spans="14:14">
      <c r="N295240" s="10"/>
    </row>
    <row r="295241" spans="14:14">
      <c r="N295241" s="10"/>
    </row>
    <row r="295242" spans="14:14">
      <c r="N295242" s="10"/>
    </row>
    <row r="295243" spans="14:14">
      <c r="N295243" s="10"/>
    </row>
    <row r="295244" spans="14:14">
      <c r="N295244" s="10"/>
    </row>
    <row r="295245" spans="14:14">
      <c r="N295245" s="10"/>
    </row>
    <row r="295246" spans="14:14">
      <c r="N295246" s="10"/>
    </row>
    <row r="295247" spans="14:14">
      <c r="N295247" s="10"/>
    </row>
    <row r="295248" spans="14:14">
      <c r="N295248" s="10"/>
    </row>
    <row r="295249" spans="14:14">
      <c r="N295249" s="10"/>
    </row>
    <row r="295250" spans="14:14">
      <c r="N295250" s="10"/>
    </row>
    <row r="295251" spans="14:14">
      <c r="N295251" s="10"/>
    </row>
    <row r="295252" spans="14:14">
      <c r="N295252" s="10"/>
    </row>
    <row r="295253" spans="14:14">
      <c r="N295253" s="10"/>
    </row>
    <row r="295254" spans="14:14">
      <c r="N295254" s="10"/>
    </row>
    <row r="295255" spans="14:14">
      <c r="N295255" s="10"/>
    </row>
    <row r="295256" spans="14:14">
      <c r="N295256" s="10"/>
    </row>
    <row r="295257" spans="14:14">
      <c r="N295257" s="10"/>
    </row>
    <row r="295258" spans="14:14">
      <c r="N295258" s="10"/>
    </row>
    <row r="295259" spans="14:14">
      <c r="N295259" s="10"/>
    </row>
    <row r="295260" spans="14:14">
      <c r="N295260" s="10"/>
    </row>
    <row r="295261" spans="14:14">
      <c r="N295261" s="10"/>
    </row>
    <row r="295262" spans="14:14">
      <c r="N295262" s="10"/>
    </row>
    <row r="295263" spans="14:14">
      <c r="N295263" s="10"/>
    </row>
    <row r="295264" spans="14:14">
      <c r="N295264" s="10"/>
    </row>
    <row r="295265" spans="14:14">
      <c r="N295265" s="10"/>
    </row>
    <row r="295266" spans="14:14">
      <c r="N295266" s="10"/>
    </row>
    <row r="295267" spans="14:14">
      <c r="N295267" s="10"/>
    </row>
    <row r="295268" spans="14:14">
      <c r="N295268" s="10"/>
    </row>
    <row r="295269" spans="14:14">
      <c r="N295269" s="10"/>
    </row>
    <row r="295270" spans="14:14">
      <c r="N295270" s="10"/>
    </row>
    <row r="295271" spans="14:14">
      <c r="N295271" s="10"/>
    </row>
    <row r="295272" spans="14:14">
      <c r="N295272" s="10"/>
    </row>
    <row r="295273" spans="14:14">
      <c r="N295273" s="10"/>
    </row>
    <row r="295274" spans="14:14">
      <c r="N295274" s="10"/>
    </row>
    <row r="295275" spans="14:14">
      <c r="N295275" s="10"/>
    </row>
    <row r="295276" spans="14:14">
      <c r="N295276" s="10"/>
    </row>
    <row r="295277" spans="14:14">
      <c r="N295277" s="10"/>
    </row>
    <row r="295278" spans="14:14">
      <c r="N295278" s="10"/>
    </row>
    <row r="295279" spans="14:14">
      <c r="N295279" s="10"/>
    </row>
    <row r="295280" spans="14:14">
      <c r="N295280" s="10"/>
    </row>
    <row r="295281" spans="14:14">
      <c r="N295281" s="10"/>
    </row>
    <row r="295282" spans="14:14">
      <c r="N295282" s="10"/>
    </row>
    <row r="295283" spans="14:14">
      <c r="N295283" s="10"/>
    </row>
    <row r="295284" spans="14:14">
      <c r="N295284" s="10"/>
    </row>
    <row r="295285" spans="14:14">
      <c r="N295285" s="10"/>
    </row>
    <row r="295286" spans="14:14">
      <c r="N295286" s="10"/>
    </row>
    <row r="295287" spans="14:14">
      <c r="N295287" s="10"/>
    </row>
    <row r="295288" spans="14:14">
      <c r="N295288" s="10"/>
    </row>
    <row r="295289" spans="14:14">
      <c r="N295289" s="10"/>
    </row>
    <row r="295290" spans="14:14">
      <c r="N295290" s="10"/>
    </row>
    <row r="295291" spans="14:14">
      <c r="N295291" s="10"/>
    </row>
    <row r="295292" spans="14:14">
      <c r="N295292" s="10"/>
    </row>
    <row r="295293" spans="14:14">
      <c r="N295293" s="10"/>
    </row>
    <row r="295294" spans="14:14">
      <c r="N295294" s="10"/>
    </row>
    <row r="295295" spans="14:14">
      <c r="N295295" s="10"/>
    </row>
    <row r="295296" spans="14:14">
      <c r="N295296" s="10"/>
    </row>
    <row r="295297" spans="14:14">
      <c r="N295297" s="10"/>
    </row>
    <row r="295298" spans="14:14">
      <c r="N295298" s="10"/>
    </row>
    <row r="295299" spans="14:14">
      <c r="N295299" s="10"/>
    </row>
    <row r="295300" spans="14:14">
      <c r="N295300" s="10"/>
    </row>
    <row r="295301" spans="14:14">
      <c r="N295301" s="10"/>
    </row>
    <row r="295302" spans="14:14">
      <c r="N295302" s="10"/>
    </row>
    <row r="295303" spans="14:14">
      <c r="N295303" s="10"/>
    </row>
    <row r="295304" spans="14:14">
      <c r="N295304" s="10"/>
    </row>
    <row r="295305" spans="14:14">
      <c r="N295305" s="10"/>
    </row>
    <row r="295306" spans="14:14">
      <c r="N295306" s="10"/>
    </row>
    <row r="295307" spans="14:14">
      <c r="N295307" s="10"/>
    </row>
    <row r="295308" spans="14:14">
      <c r="N295308" s="10"/>
    </row>
    <row r="295309" spans="14:14">
      <c r="N295309" s="10"/>
    </row>
    <row r="295310" spans="14:14">
      <c r="N295310" s="10"/>
    </row>
    <row r="295311" spans="14:14">
      <c r="N295311" s="10"/>
    </row>
    <row r="295312" spans="14:14">
      <c r="N295312" s="10"/>
    </row>
    <row r="295313" spans="14:14">
      <c r="N295313" s="10"/>
    </row>
    <row r="295314" spans="14:14">
      <c r="N295314" s="10"/>
    </row>
    <row r="295315" spans="14:14">
      <c r="N295315" s="10"/>
    </row>
    <row r="295316" spans="14:14">
      <c r="N295316" s="10"/>
    </row>
    <row r="295317" spans="14:14">
      <c r="N295317" s="10"/>
    </row>
    <row r="295318" spans="14:14">
      <c r="N295318" s="10"/>
    </row>
    <row r="295319" spans="14:14">
      <c r="N295319" s="10"/>
    </row>
    <row r="295320" spans="14:14">
      <c r="N295320" s="10"/>
    </row>
    <row r="295321" spans="14:14">
      <c r="N295321" s="10"/>
    </row>
    <row r="295322" spans="14:14">
      <c r="N295322" s="10"/>
    </row>
    <row r="295323" spans="14:14">
      <c r="N295323" s="10"/>
    </row>
    <row r="295324" spans="14:14">
      <c r="N295324" s="10"/>
    </row>
    <row r="295325" spans="14:14">
      <c r="N295325" s="10"/>
    </row>
    <row r="295326" spans="14:14">
      <c r="N295326" s="10"/>
    </row>
    <row r="295327" spans="14:14">
      <c r="N295327" s="10"/>
    </row>
    <row r="295328" spans="14:14">
      <c r="N295328" s="10"/>
    </row>
    <row r="295329" spans="14:14">
      <c r="N295329" s="10"/>
    </row>
    <row r="295330" spans="14:14">
      <c r="N295330" s="10"/>
    </row>
    <row r="295331" spans="14:14">
      <c r="N295331" s="10"/>
    </row>
    <row r="295332" spans="14:14">
      <c r="N295332" s="10"/>
    </row>
    <row r="295333" spans="14:14">
      <c r="N295333" s="10"/>
    </row>
    <row r="295334" spans="14:14">
      <c r="N295334" s="10"/>
    </row>
    <row r="295335" spans="14:14">
      <c r="N295335" s="10"/>
    </row>
    <row r="295336" spans="14:14">
      <c r="N295336" s="10"/>
    </row>
    <row r="295337" spans="14:14">
      <c r="N295337" s="10"/>
    </row>
    <row r="295338" spans="14:14">
      <c r="N295338" s="10"/>
    </row>
    <row r="295339" spans="14:14">
      <c r="N295339" s="10"/>
    </row>
    <row r="295340" spans="14:14">
      <c r="N295340" s="10"/>
    </row>
    <row r="295341" spans="14:14">
      <c r="N295341" s="10"/>
    </row>
    <row r="295342" spans="14:14">
      <c r="N295342" s="10"/>
    </row>
    <row r="295343" spans="14:14">
      <c r="N295343" s="10"/>
    </row>
    <row r="295344" spans="14:14">
      <c r="N295344" s="10"/>
    </row>
    <row r="295345" spans="14:14">
      <c r="N295345" s="10"/>
    </row>
    <row r="295346" spans="14:14">
      <c r="N295346" s="10"/>
    </row>
    <row r="295347" spans="14:14">
      <c r="N295347" s="10"/>
    </row>
    <row r="295348" spans="14:14">
      <c r="N295348" s="10"/>
    </row>
    <row r="295349" spans="14:14">
      <c r="N295349" s="10"/>
    </row>
    <row r="295350" spans="14:14">
      <c r="N295350" s="10"/>
    </row>
    <row r="295351" spans="14:14">
      <c r="N295351" s="10"/>
    </row>
    <row r="295352" spans="14:14">
      <c r="N295352" s="10"/>
    </row>
    <row r="295353" spans="14:14">
      <c r="N295353" s="10"/>
    </row>
    <row r="295354" spans="14:14">
      <c r="N295354" s="10"/>
    </row>
    <row r="295355" spans="14:14">
      <c r="N295355" s="10"/>
    </row>
    <row r="295356" spans="14:14">
      <c r="N295356" s="10"/>
    </row>
    <row r="295357" spans="14:14">
      <c r="N295357" s="10"/>
    </row>
    <row r="295358" spans="14:14">
      <c r="N295358" s="10"/>
    </row>
    <row r="295359" spans="14:14">
      <c r="N295359" s="10"/>
    </row>
    <row r="295360" spans="14:14">
      <c r="N295360" s="10"/>
    </row>
    <row r="295361" spans="14:14">
      <c r="N295361" s="10"/>
    </row>
    <row r="295362" spans="14:14">
      <c r="N295362" s="10"/>
    </row>
    <row r="295363" spans="14:14">
      <c r="N295363" s="10"/>
    </row>
    <row r="295364" spans="14:14">
      <c r="N295364" s="10"/>
    </row>
    <row r="295365" spans="14:14">
      <c r="N295365" s="10"/>
    </row>
    <row r="295366" spans="14:14">
      <c r="N295366" s="10"/>
    </row>
    <row r="295367" spans="14:14">
      <c r="N295367" s="10"/>
    </row>
    <row r="295368" spans="14:14">
      <c r="N295368" s="10"/>
    </row>
    <row r="295369" spans="14:14">
      <c r="N295369" s="10"/>
    </row>
    <row r="295370" spans="14:14">
      <c r="N295370" s="10"/>
    </row>
    <row r="295371" spans="14:14">
      <c r="N295371" s="10"/>
    </row>
    <row r="295372" spans="14:14">
      <c r="N295372" s="10"/>
    </row>
    <row r="295373" spans="14:14">
      <c r="N295373" s="10"/>
    </row>
    <row r="295374" spans="14:14">
      <c r="N295374" s="10"/>
    </row>
    <row r="295375" spans="14:14">
      <c r="N295375" s="10"/>
    </row>
    <row r="295376" spans="14:14">
      <c r="N295376" s="10"/>
    </row>
    <row r="295377" spans="14:14">
      <c r="N295377" s="10"/>
    </row>
    <row r="295378" spans="14:14">
      <c r="N295378" s="10"/>
    </row>
    <row r="295379" spans="14:14">
      <c r="N295379" s="10"/>
    </row>
    <row r="295380" spans="14:14">
      <c r="N295380" s="10"/>
    </row>
    <row r="295381" spans="14:14">
      <c r="N295381" s="10"/>
    </row>
    <row r="295382" spans="14:14">
      <c r="N295382" s="10"/>
    </row>
    <row r="295383" spans="14:14">
      <c r="N295383" s="10"/>
    </row>
    <row r="295384" spans="14:14">
      <c r="N295384" s="10"/>
    </row>
    <row r="295385" spans="14:14">
      <c r="N295385" s="10"/>
    </row>
    <row r="295386" spans="14:14">
      <c r="N295386" s="10"/>
    </row>
    <row r="295387" spans="14:14">
      <c r="N295387" s="10"/>
    </row>
    <row r="295388" spans="14:14">
      <c r="N295388" s="10"/>
    </row>
    <row r="295389" spans="14:14">
      <c r="N295389" s="10"/>
    </row>
    <row r="295390" spans="14:14">
      <c r="N295390" s="10"/>
    </row>
    <row r="295391" spans="14:14">
      <c r="N295391" s="10"/>
    </row>
    <row r="295392" spans="14:14">
      <c r="N295392" s="10"/>
    </row>
    <row r="295393" spans="14:14">
      <c r="N295393" s="10"/>
    </row>
    <row r="295394" spans="14:14">
      <c r="N295394" s="10"/>
    </row>
    <row r="295395" spans="14:14">
      <c r="N295395" s="10"/>
    </row>
    <row r="295396" spans="14:14">
      <c r="N295396" s="10"/>
    </row>
    <row r="295397" spans="14:14">
      <c r="N295397" s="10"/>
    </row>
    <row r="295398" spans="14:14">
      <c r="N295398" s="10"/>
    </row>
    <row r="295399" spans="14:14">
      <c r="N295399" s="10"/>
    </row>
    <row r="295400" spans="14:14">
      <c r="N295400" s="10"/>
    </row>
    <row r="295401" spans="14:14">
      <c r="N295401" s="10"/>
    </row>
    <row r="295402" spans="14:14">
      <c r="N295402" s="10"/>
    </row>
    <row r="295403" spans="14:14">
      <c r="N295403" s="10"/>
    </row>
    <row r="295404" spans="14:14">
      <c r="N295404" s="10"/>
    </row>
    <row r="295405" spans="14:14">
      <c r="N295405" s="10"/>
    </row>
    <row r="295406" spans="14:14">
      <c r="N295406" s="10"/>
    </row>
    <row r="295407" spans="14:14">
      <c r="N295407" s="10"/>
    </row>
    <row r="295408" spans="14:14">
      <c r="N295408" s="10"/>
    </row>
    <row r="295409" spans="14:14">
      <c r="N295409" s="10"/>
    </row>
    <row r="295410" spans="14:14">
      <c r="N295410" s="10"/>
    </row>
    <row r="295411" spans="14:14">
      <c r="N295411" s="10"/>
    </row>
    <row r="295412" spans="14:14">
      <c r="N295412" s="10"/>
    </row>
    <row r="295413" spans="14:14">
      <c r="N295413" s="10"/>
    </row>
    <row r="295414" spans="14:14">
      <c r="N295414" s="10"/>
    </row>
    <row r="295415" spans="14:14">
      <c r="N295415" s="10"/>
    </row>
    <row r="295416" spans="14:14">
      <c r="N295416" s="10"/>
    </row>
    <row r="295417" spans="14:14">
      <c r="N295417" s="10"/>
    </row>
    <row r="295418" spans="14:14">
      <c r="N295418" s="10"/>
    </row>
    <row r="295419" spans="14:14">
      <c r="N295419" s="10"/>
    </row>
    <row r="295420" spans="14:14">
      <c r="N295420" s="10"/>
    </row>
    <row r="295421" spans="14:14">
      <c r="N295421" s="10"/>
    </row>
    <row r="295422" spans="14:14">
      <c r="N295422" s="10"/>
    </row>
    <row r="295423" spans="14:14">
      <c r="N295423" s="10"/>
    </row>
    <row r="295424" spans="14:14">
      <c r="N295424" s="10"/>
    </row>
    <row r="295425" spans="14:14">
      <c r="N295425" s="10"/>
    </row>
    <row r="295426" spans="14:14">
      <c r="N295426" s="10"/>
    </row>
    <row r="295427" spans="14:14">
      <c r="N295427" s="10"/>
    </row>
    <row r="295428" spans="14:14">
      <c r="N295428" s="10"/>
    </row>
    <row r="295429" spans="14:14">
      <c r="N295429" s="10"/>
    </row>
    <row r="295430" spans="14:14">
      <c r="N295430" s="10"/>
    </row>
    <row r="295431" spans="14:14">
      <c r="N295431" s="10"/>
    </row>
    <row r="295432" spans="14:14">
      <c r="N295432" s="10"/>
    </row>
    <row r="295433" spans="14:14">
      <c r="N295433" s="10"/>
    </row>
    <row r="295434" spans="14:14">
      <c r="N295434" s="10"/>
    </row>
    <row r="295435" spans="14:14">
      <c r="N295435" s="10"/>
    </row>
    <row r="295436" spans="14:14">
      <c r="N295436" s="10"/>
    </row>
    <row r="295437" spans="14:14">
      <c r="N295437" s="10"/>
    </row>
    <row r="295438" spans="14:14">
      <c r="N295438" s="10"/>
    </row>
    <row r="295439" spans="14:14">
      <c r="N295439" s="10"/>
    </row>
    <row r="295440" spans="14:14">
      <c r="N295440" s="10"/>
    </row>
    <row r="295441" spans="14:14">
      <c r="N295441" s="10"/>
    </row>
    <row r="295442" spans="14:14">
      <c r="N295442" s="10"/>
    </row>
    <row r="295443" spans="14:14">
      <c r="N295443" s="10"/>
    </row>
    <row r="295444" spans="14:14">
      <c r="N295444" s="10"/>
    </row>
    <row r="295445" spans="14:14">
      <c r="N295445" s="10"/>
    </row>
    <row r="295446" spans="14:14">
      <c r="N295446" s="10"/>
    </row>
    <row r="295447" spans="14:14">
      <c r="N295447" s="10"/>
    </row>
    <row r="295448" spans="14:14">
      <c r="N295448" s="10"/>
    </row>
    <row r="295449" spans="14:14">
      <c r="N295449" s="10"/>
    </row>
    <row r="295450" spans="14:14">
      <c r="N295450" s="10"/>
    </row>
    <row r="295451" spans="14:14">
      <c r="N295451" s="10"/>
    </row>
    <row r="295452" spans="14:14">
      <c r="N295452" s="10"/>
    </row>
    <row r="295453" spans="14:14">
      <c r="N295453" s="10"/>
    </row>
    <row r="295454" spans="14:14">
      <c r="N295454" s="10"/>
    </row>
    <row r="295455" spans="14:14">
      <c r="N295455" s="10"/>
    </row>
    <row r="295456" spans="14:14">
      <c r="N295456" s="10"/>
    </row>
    <row r="295457" spans="14:14">
      <c r="N295457" s="10"/>
    </row>
    <row r="295458" spans="14:14">
      <c r="N295458" s="10"/>
    </row>
    <row r="295459" spans="14:14">
      <c r="N295459" s="10"/>
    </row>
    <row r="295460" spans="14:14">
      <c r="N295460" s="10"/>
    </row>
    <row r="295461" spans="14:14">
      <c r="N295461" s="10"/>
    </row>
    <row r="295462" spans="14:14">
      <c r="N295462" s="10"/>
    </row>
    <row r="295463" spans="14:14">
      <c r="N295463" s="10"/>
    </row>
    <row r="295464" spans="14:14">
      <c r="N295464" s="10"/>
    </row>
    <row r="295465" spans="14:14">
      <c r="N295465" s="10"/>
    </row>
    <row r="295466" spans="14:14">
      <c r="N295466" s="10"/>
    </row>
    <row r="295467" spans="14:14">
      <c r="N295467" s="10"/>
    </row>
    <row r="295468" spans="14:14">
      <c r="N295468" s="10"/>
    </row>
    <row r="295469" spans="14:14">
      <c r="N295469" s="10"/>
    </row>
    <row r="295470" spans="14:14">
      <c r="N295470" s="10"/>
    </row>
    <row r="295471" spans="14:14">
      <c r="N295471" s="10"/>
    </row>
    <row r="295472" spans="14:14">
      <c r="N295472" s="10"/>
    </row>
    <row r="295473" spans="14:14">
      <c r="N295473" s="10"/>
    </row>
    <row r="295474" spans="14:14">
      <c r="N295474" s="10"/>
    </row>
    <row r="295475" spans="14:14">
      <c r="N295475" s="10"/>
    </row>
    <row r="295476" spans="14:14">
      <c r="N295476" s="10"/>
    </row>
    <row r="295477" spans="14:14">
      <c r="N295477" s="10"/>
    </row>
    <row r="295478" spans="14:14">
      <c r="N295478" s="10"/>
    </row>
    <row r="295479" spans="14:14">
      <c r="N295479" s="10"/>
    </row>
    <row r="295480" spans="14:14">
      <c r="N295480" s="10"/>
    </row>
    <row r="295481" spans="14:14">
      <c r="N295481" s="10"/>
    </row>
    <row r="295482" spans="14:14">
      <c r="N295482" s="10"/>
    </row>
    <row r="295483" spans="14:14">
      <c r="N295483" s="10"/>
    </row>
    <row r="295484" spans="14:14">
      <c r="N295484" s="10"/>
    </row>
    <row r="295485" spans="14:14">
      <c r="N295485" s="10"/>
    </row>
    <row r="295486" spans="14:14">
      <c r="N295486" s="10"/>
    </row>
    <row r="295487" spans="14:14">
      <c r="N295487" s="10"/>
    </row>
    <row r="295488" spans="14:14">
      <c r="N295488" s="10"/>
    </row>
    <row r="295489" spans="14:14">
      <c r="N295489" s="10"/>
    </row>
    <row r="295490" spans="14:14">
      <c r="N295490" s="10"/>
    </row>
    <row r="295491" spans="14:14">
      <c r="N295491" s="10"/>
    </row>
    <row r="295492" spans="14:14">
      <c r="N295492" s="10"/>
    </row>
    <row r="295493" spans="14:14">
      <c r="N295493" s="10"/>
    </row>
    <row r="295494" spans="14:14">
      <c r="N295494" s="10"/>
    </row>
    <row r="295495" spans="14:14">
      <c r="N295495" s="10"/>
    </row>
    <row r="295496" spans="14:14">
      <c r="N295496" s="10"/>
    </row>
    <row r="295497" spans="14:14">
      <c r="N295497" s="10"/>
    </row>
    <row r="295498" spans="14:14">
      <c r="N295498" s="10"/>
    </row>
    <row r="295499" spans="14:14">
      <c r="N295499" s="10"/>
    </row>
    <row r="295500" spans="14:14">
      <c r="N295500" s="10"/>
    </row>
    <row r="295501" spans="14:14">
      <c r="N295501" s="10"/>
    </row>
    <row r="295502" spans="14:14">
      <c r="N295502" s="10"/>
    </row>
    <row r="295503" spans="14:14">
      <c r="N295503" s="10"/>
    </row>
    <row r="295504" spans="14:14">
      <c r="N295504" s="10"/>
    </row>
    <row r="295505" spans="14:14">
      <c r="N295505" s="10"/>
    </row>
    <row r="295506" spans="14:14">
      <c r="N295506" s="10"/>
    </row>
    <row r="295507" spans="14:14">
      <c r="N295507" s="10"/>
    </row>
    <row r="295508" spans="14:14">
      <c r="N295508" s="10"/>
    </row>
    <row r="295509" spans="14:14">
      <c r="N295509" s="10"/>
    </row>
    <row r="295510" spans="14:14">
      <c r="N295510" s="10"/>
    </row>
    <row r="295511" spans="14:14">
      <c r="N295511" s="10"/>
    </row>
    <row r="295512" spans="14:14">
      <c r="N295512" s="10"/>
    </row>
    <row r="295513" spans="14:14">
      <c r="N295513" s="10"/>
    </row>
    <row r="295514" spans="14:14">
      <c r="N295514" s="10"/>
    </row>
    <row r="295515" spans="14:14">
      <c r="N295515" s="10"/>
    </row>
    <row r="295516" spans="14:14">
      <c r="N295516" s="10"/>
    </row>
    <row r="295517" spans="14:14">
      <c r="N295517" s="10"/>
    </row>
    <row r="295518" spans="14:14">
      <c r="N295518" s="10"/>
    </row>
    <row r="295519" spans="14:14">
      <c r="N295519" s="10"/>
    </row>
    <row r="295520" spans="14:14">
      <c r="N295520" s="10"/>
    </row>
    <row r="295521" spans="14:14">
      <c r="N295521" s="10"/>
    </row>
    <row r="295522" spans="14:14">
      <c r="N295522" s="10"/>
    </row>
    <row r="295523" spans="14:14">
      <c r="N295523" s="10"/>
    </row>
    <row r="295524" spans="14:14">
      <c r="N295524" s="10"/>
    </row>
    <row r="295525" spans="14:14">
      <c r="N295525" s="10"/>
    </row>
    <row r="295526" spans="14:14">
      <c r="N295526" s="10"/>
    </row>
    <row r="295527" spans="14:14">
      <c r="N295527" s="10"/>
    </row>
    <row r="295528" spans="14:14">
      <c r="N295528" s="10"/>
    </row>
    <row r="295529" spans="14:14">
      <c r="N295529" s="10"/>
    </row>
    <row r="295530" spans="14:14">
      <c r="N295530" s="10"/>
    </row>
    <row r="295531" spans="14:14">
      <c r="N295531" s="10"/>
    </row>
    <row r="295532" spans="14:14">
      <c r="N295532" s="10"/>
    </row>
    <row r="295533" spans="14:14">
      <c r="N295533" s="10"/>
    </row>
    <row r="295534" spans="14:14">
      <c r="N295534" s="10"/>
    </row>
    <row r="295535" spans="14:14">
      <c r="N295535" s="10"/>
    </row>
    <row r="295536" spans="14:14">
      <c r="N295536" s="10"/>
    </row>
    <row r="295537" spans="14:14">
      <c r="N295537" s="10"/>
    </row>
    <row r="295538" spans="14:14">
      <c r="N295538" s="10"/>
    </row>
    <row r="295539" spans="14:14">
      <c r="N295539" s="10"/>
    </row>
    <row r="295540" spans="14:14">
      <c r="N295540" s="10"/>
    </row>
    <row r="295541" spans="14:14">
      <c r="N295541" s="10"/>
    </row>
    <row r="295542" spans="14:14">
      <c r="N295542" s="10"/>
    </row>
    <row r="295543" spans="14:14">
      <c r="N295543" s="10"/>
    </row>
    <row r="295544" spans="14:14">
      <c r="N295544" s="10"/>
    </row>
    <row r="295545" spans="14:14">
      <c r="N295545" s="10"/>
    </row>
    <row r="295546" spans="14:14">
      <c r="N295546" s="10"/>
    </row>
    <row r="295547" spans="14:14">
      <c r="N295547" s="10"/>
    </row>
    <row r="295548" spans="14:14">
      <c r="N295548" s="10"/>
    </row>
    <row r="295549" spans="14:14">
      <c r="N295549" s="10"/>
    </row>
    <row r="295550" spans="14:14">
      <c r="N295550" s="10"/>
    </row>
    <row r="295551" spans="14:14">
      <c r="N295551" s="10"/>
    </row>
    <row r="295552" spans="14:14">
      <c r="N295552" s="10"/>
    </row>
    <row r="295553" spans="14:14">
      <c r="N295553" s="10"/>
    </row>
    <row r="295554" spans="14:14">
      <c r="N295554" s="10"/>
    </row>
    <row r="295555" spans="14:14">
      <c r="N295555" s="10"/>
    </row>
    <row r="295556" spans="14:14">
      <c r="N295556" s="10"/>
    </row>
    <row r="295557" spans="14:14">
      <c r="N295557" s="10"/>
    </row>
    <row r="295558" spans="14:14">
      <c r="N295558" s="10"/>
    </row>
    <row r="295559" spans="14:14">
      <c r="N295559" s="10"/>
    </row>
    <row r="295560" spans="14:14">
      <c r="N295560" s="10"/>
    </row>
    <row r="295561" spans="14:14">
      <c r="N295561" s="10"/>
    </row>
    <row r="295562" spans="14:14">
      <c r="N295562" s="10"/>
    </row>
    <row r="295563" spans="14:14">
      <c r="N295563" s="10"/>
    </row>
    <row r="295564" spans="14:14">
      <c r="N295564" s="10"/>
    </row>
    <row r="295565" spans="14:14">
      <c r="N295565" s="10"/>
    </row>
    <row r="295566" spans="14:14">
      <c r="N295566" s="10"/>
    </row>
    <row r="295567" spans="14:14">
      <c r="N295567" s="10"/>
    </row>
    <row r="295568" spans="14:14">
      <c r="N295568" s="10"/>
    </row>
    <row r="295569" spans="14:14">
      <c r="N295569" s="10"/>
    </row>
    <row r="295570" spans="14:14">
      <c r="N295570" s="10"/>
    </row>
    <row r="295571" spans="14:14">
      <c r="N295571" s="10"/>
    </row>
    <row r="295572" spans="14:14">
      <c r="N295572" s="10"/>
    </row>
    <row r="295573" spans="14:14">
      <c r="N295573" s="10"/>
    </row>
    <row r="295574" spans="14:14">
      <c r="N295574" s="10"/>
    </row>
    <row r="295575" spans="14:14">
      <c r="N295575" s="10"/>
    </row>
    <row r="295576" spans="14:14">
      <c r="N295576" s="10"/>
    </row>
    <row r="295577" spans="14:14">
      <c r="N295577" s="10"/>
    </row>
    <row r="295578" spans="14:14">
      <c r="N295578" s="10"/>
    </row>
    <row r="295579" spans="14:14">
      <c r="N295579" s="10"/>
    </row>
    <row r="295580" spans="14:14">
      <c r="N295580" s="10"/>
    </row>
    <row r="295581" spans="14:14">
      <c r="N295581" s="10"/>
    </row>
    <row r="295582" spans="14:14">
      <c r="N295582" s="10"/>
    </row>
    <row r="295583" spans="14:14">
      <c r="N295583" s="10"/>
    </row>
    <row r="295584" spans="14:14">
      <c r="N295584" s="10"/>
    </row>
    <row r="295585" spans="14:14">
      <c r="N295585" s="10"/>
    </row>
    <row r="295586" spans="14:14">
      <c r="N295586" s="10"/>
    </row>
    <row r="295587" spans="14:14">
      <c r="N295587" s="10"/>
    </row>
    <row r="295588" spans="14:14">
      <c r="N295588" s="10"/>
    </row>
    <row r="295589" spans="14:14">
      <c r="N295589" s="10"/>
    </row>
    <row r="295590" spans="14:14">
      <c r="N295590" s="10"/>
    </row>
    <row r="295591" spans="14:14">
      <c r="N295591" s="10"/>
    </row>
    <row r="295592" spans="14:14">
      <c r="N295592" s="10"/>
    </row>
    <row r="295593" spans="14:14">
      <c r="N295593" s="10"/>
    </row>
    <row r="295594" spans="14:14">
      <c r="N295594" s="10"/>
    </row>
    <row r="295595" spans="14:14">
      <c r="N295595" s="10"/>
    </row>
    <row r="295596" spans="14:14">
      <c r="N295596" s="10"/>
    </row>
    <row r="295597" spans="14:14">
      <c r="N295597" s="10"/>
    </row>
    <row r="295598" spans="14:14">
      <c r="N295598" s="10"/>
    </row>
    <row r="295599" spans="14:14">
      <c r="N295599" s="10"/>
    </row>
    <row r="295600" spans="14:14">
      <c r="N295600" s="10"/>
    </row>
    <row r="295601" spans="14:14">
      <c r="N295601" s="10"/>
    </row>
    <row r="295602" spans="14:14">
      <c r="N295602" s="10"/>
    </row>
    <row r="295603" spans="14:14">
      <c r="N295603" s="10"/>
    </row>
    <row r="295604" spans="14:14">
      <c r="N295604" s="10"/>
    </row>
    <row r="295605" spans="14:14">
      <c r="N295605" s="10"/>
    </row>
    <row r="295606" spans="14:14">
      <c r="N295606" s="10"/>
    </row>
    <row r="295607" spans="14:14">
      <c r="N295607" s="10"/>
    </row>
    <row r="295608" spans="14:14">
      <c r="N295608" s="10"/>
    </row>
    <row r="295609" spans="14:14">
      <c r="N295609" s="10"/>
    </row>
    <row r="295610" spans="14:14">
      <c r="N295610" s="10"/>
    </row>
    <row r="295611" spans="14:14">
      <c r="N295611" s="10"/>
    </row>
    <row r="295612" spans="14:14">
      <c r="N295612" s="10"/>
    </row>
    <row r="295613" spans="14:14">
      <c r="N295613" s="10"/>
    </row>
    <row r="295614" spans="14:14">
      <c r="N295614" s="10"/>
    </row>
    <row r="295615" spans="14:14">
      <c r="N295615" s="10"/>
    </row>
    <row r="295616" spans="14:14">
      <c r="N295616" s="10"/>
    </row>
    <row r="295617" spans="14:14">
      <c r="N295617" s="10"/>
    </row>
    <row r="295618" spans="14:14">
      <c r="N295618" s="10"/>
    </row>
    <row r="295619" spans="14:14">
      <c r="N295619" s="10"/>
    </row>
    <row r="295620" spans="14:14">
      <c r="N295620" s="10"/>
    </row>
    <row r="295621" spans="14:14">
      <c r="N295621" s="10"/>
    </row>
    <row r="295622" spans="14:14">
      <c r="N295622" s="10"/>
    </row>
    <row r="295623" spans="14:14">
      <c r="N295623" s="10"/>
    </row>
    <row r="295624" spans="14:14">
      <c r="N295624" s="10"/>
    </row>
    <row r="295625" spans="14:14">
      <c r="N295625" s="10"/>
    </row>
    <row r="295626" spans="14:14">
      <c r="N295626" s="10"/>
    </row>
    <row r="295627" spans="14:14">
      <c r="N295627" s="10"/>
    </row>
    <row r="295628" spans="14:14">
      <c r="N295628" s="10"/>
    </row>
    <row r="295629" spans="14:14">
      <c r="N295629" s="10"/>
    </row>
    <row r="295630" spans="14:14">
      <c r="N295630" s="10"/>
    </row>
    <row r="295631" spans="14:14">
      <c r="N295631" s="10"/>
    </row>
    <row r="295632" spans="14:14">
      <c r="N295632" s="10"/>
    </row>
    <row r="295633" spans="14:14">
      <c r="N295633" s="10"/>
    </row>
    <row r="295634" spans="14:14">
      <c r="N295634" s="10"/>
    </row>
    <row r="295635" spans="14:14">
      <c r="N295635" s="10"/>
    </row>
    <row r="295636" spans="14:14">
      <c r="N295636" s="10"/>
    </row>
    <row r="295637" spans="14:14">
      <c r="N295637" s="10"/>
    </row>
    <row r="295638" spans="14:14">
      <c r="N295638" s="10"/>
    </row>
    <row r="295639" spans="14:14">
      <c r="N295639" s="10"/>
    </row>
    <row r="295640" spans="14:14">
      <c r="N295640" s="10"/>
    </row>
    <row r="295641" spans="14:14">
      <c r="N295641" s="10"/>
    </row>
    <row r="295642" spans="14:14">
      <c r="N295642" s="10"/>
    </row>
    <row r="295643" spans="14:14">
      <c r="N295643" s="10"/>
    </row>
    <row r="295644" spans="14:14">
      <c r="N295644" s="10"/>
    </row>
    <row r="295645" spans="14:14">
      <c r="N295645" s="10"/>
    </row>
    <row r="295646" spans="14:14">
      <c r="N295646" s="10"/>
    </row>
    <row r="295647" spans="14:14">
      <c r="N295647" s="10"/>
    </row>
    <row r="295648" spans="14:14">
      <c r="N295648" s="10"/>
    </row>
    <row r="295649" spans="14:14">
      <c r="N295649" s="10"/>
    </row>
    <row r="295650" spans="14:14">
      <c r="N295650" s="10"/>
    </row>
    <row r="295651" spans="14:14">
      <c r="N295651" s="10"/>
    </row>
    <row r="295652" spans="14:14">
      <c r="N295652" s="10"/>
    </row>
    <row r="295653" spans="14:14">
      <c r="N295653" s="10"/>
    </row>
    <row r="295654" spans="14:14">
      <c r="N295654" s="10"/>
    </row>
    <row r="295655" spans="14:14">
      <c r="N295655" s="10"/>
    </row>
    <row r="295656" spans="14:14">
      <c r="N295656" s="10"/>
    </row>
    <row r="295657" spans="14:14">
      <c r="N295657" s="10"/>
    </row>
    <row r="295658" spans="14:14">
      <c r="N295658" s="10"/>
    </row>
    <row r="295659" spans="14:14">
      <c r="N295659" s="10"/>
    </row>
    <row r="295660" spans="14:14">
      <c r="N295660" s="10"/>
    </row>
    <row r="295661" spans="14:14">
      <c r="N295661" s="10"/>
    </row>
    <row r="295662" spans="14:14">
      <c r="N295662" s="10"/>
    </row>
    <row r="295663" spans="14:14">
      <c r="N295663" s="10"/>
    </row>
    <row r="295664" spans="14:14">
      <c r="N295664" s="10"/>
    </row>
    <row r="295665" spans="14:14">
      <c r="N295665" s="10"/>
    </row>
    <row r="295666" spans="14:14">
      <c r="N295666" s="10"/>
    </row>
    <row r="295667" spans="14:14">
      <c r="N295667" s="10"/>
    </row>
    <row r="295668" spans="14:14">
      <c r="N295668" s="10"/>
    </row>
    <row r="295669" spans="14:14">
      <c r="N295669" s="10"/>
    </row>
    <row r="295670" spans="14:14">
      <c r="N295670" s="10"/>
    </row>
    <row r="295671" spans="14:14">
      <c r="N295671" s="10"/>
    </row>
    <row r="295672" spans="14:14">
      <c r="N295672" s="10"/>
    </row>
    <row r="295673" spans="14:14">
      <c r="N295673" s="10"/>
    </row>
    <row r="295674" spans="14:14">
      <c r="N295674" s="10"/>
    </row>
    <row r="295675" spans="14:14">
      <c r="N295675" s="10"/>
    </row>
    <row r="295676" spans="14:14">
      <c r="N295676" s="10"/>
    </row>
    <row r="295677" spans="14:14">
      <c r="N295677" s="10"/>
    </row>
    <row r="295678" spans="14:14">
      <c r="N295678" s="10"/>
    </row>
    <row r="295679" spans="14:14">
      <c r="N295679" s="10"/>
    </row>
    <row r="295680" spans="14:14">
      <c r="N295680" s="10"/>
    </row>
    <row r="295681" spans="14:14">
      <c r="N295681" s="10"/>
    </row>
    <row r="295682" spans="14:14">
      <c r="N295682" s="10"/>
    </row>
    <row r="295683" spans="14:14">
      <c r="N295683" s="10"/>
    </row>
    <row r="295684" spans="14:14">
      <c r="N295684" s="10"/>
    </row>
    <row r="295685" spans="14:14">
      <c r="N295685" s="10"/>
    </row>
    <row r="295686" spans="14:14">
      <c r="N295686" s="10"/>
    </row>
    <row r="295687" spans="14:14">
      <c r="N295687" s="10"/>
    </row>
    <row r="295688" spans="14:14">
      <c r="N295688" s="10"/>
    </row>
    <row r="295689" spans="14:14">
      <c r="N295689" s="10"/>
    </row>
    <row r="295690" spans="14:14">
      <c r="N295690" s="10"/>
    </row>
    <row r="295691" spans="14:14">
      <c r="N295691" s="10"/>
    </row>
    <row r="295692" spans="14:14">
      <c r="N295692" s="10"/>
    </row>
    <row r="295693" spans="14:14">
      <c r="N295693" s="10"/>
    </row>
    <row r="295694" spans="14:14">
      <c r="N295694" s="10"/>
    </row>
    <row r="295695" spans="14:14">
      <c r="N295695" s="10"/>
    </row>
    <row r="295696" spans="14:14">
      <c r="N295696" s="10"/>
    </row>
    <row r="295697" spans="14:14">
      <c r="N295697" s="10"/>
    </row>
    <row r="295698" spans="14:14">
      <c r="N295698" s="10"/>
    </row>
    <row r="295699" spans="14:14">
      <c r="N295699" s="10"/>
    </row>
    <row r="295700" spans="14:14">
      <c r="N295700" s="10"/>
    </row>
    <row r="295701" spans="14:14">
      <c r="N295701" s="10"/>
    </row>
    <row r="295702" spans="14:14">
      <c r="N295702" s="10"/>
    </row>
    <row r="295703" spans="14:14">
      <c r="N295703" s="10"/>
    </row>
    <row r="295704" spans="14:14">
      <c r="N295704" s="10"/>
    </row>
    <row r="295705" spans="14:14">
      <c r="N295705" s="10"/>
    </row>
    <row r="295706" spans="14:14">
      <c r="N295706" s="10"/>
    </row>
    <row r="295707" spans="14:14">
      <c r="N295707" s="10"/>
    </row>
    <row r="295708" spans="14:14">
      <c r="N295708" s="10"/>
    </row>
    <row r="295709" spans="14:14">
      <c r="N295709" s="10"/>
    </row>
    <row r="295710" spans="14:14">
      <c r="N295710" s="10"/>
    </row>
    <row r="295711" spans="14:14">
      <c r="N295711" s="10"/>
    </row>
    <row r="295712" spans="14:14">
      <c r="N295712" s="10"/>
    </row>
    <row r="295713" spans="14:14">
      <c r="N295713" s="10"/>
    </row>
    <row r="295714" spans="14:14">
      <c r="N295714" s="10"/>
    </row>
    <row r="295715" spans="14:14">
      <c r="N295715" s="10"/>
    </row>
    <row r="295716" spans="14:14">
      <c r="N295716" s="10"/>
    </row>
    <row r="295717" spans="14:14">
      <c r="N295717" s="10"/>
    </row>
    <row r="295718" spans="14:14">
      <c r="N295718" s="10"/>
    </row>
    <row r="295719" spans="14:14">
      <c r="N295719" s="10"/>
    </row>
    <row r="295720" spans="14:14">
      <c r="N295720" s="10"/>
    </row>
    <row r="295721" spans="14:14">
      <c r="N295721" s="10"/>
    </row>
    <row r="295722" spans="14:14">
      <c r="N295722" s="10"/>
    </row>
    <row r="295723" spans="14:14">
      <c r="N295723" s="10"/>
    </row>
    <row r="295724" spans="14:14">
      <c r="N295724" s="10"/>
    </row>
    <row r="295725" spans="14:14">
      <c r="N295725" s="10"/>
    </row>
    <row r="295726" spans="14:14">
      <c r="N295726" s="10"/>
    </row>
    <row r="295727" spans="14:14">
      <c r="N295727" s="10"/>
    </row>
    <row r="295728" spans="14:14">
      <c r="N295728" s="10"/>
    </row>
    <row r="295729" spans="14:14">
      <c r="N295729" s="10"/>
    </row>
    <row r="295730" spans="14:14">
      <c r="N295730" s="10"/>
    </row>
    <row r="295731" spans="14:14">
      <c r="N295731" s="10"/>
    </row>
    <row r="295732" spans="14:14">
      <c r="N295732" s="10"/>
    </row>
    <row r="295733" spans="14:14">
      <c r="N295733" s="10"/>
    </row>
    <row r="295734" spans="14:14">
      <c r="N295734" s="10"/>
    </row>
    <row r="295735" spans="14:14">
      <c r="N295735" s="10"/>
    </row>
    <row r="295736" spans="14:14">
      <c r="N295736" s="10"/>
    </row>
    <row r="295737" spans="14:14">
      <c r="N295737" s="10"/>
    </row>
    <row r="295738" spans="14:14">
      <c r="N295738" s="10"/>
    </row>
    <row r="295739" spans="14:14">
      <c r="N295739" s="10"/>
    </row>
    <row r="295740" spans="14:14">
      <c r="N295740" s="10"/>
    </row>
    <row r="295741" spans="14:14">
      <c r="N295741" s="10"/>
    </row>
    <row r="295742" spans="14:14">
      <c r="N295742" s="10"/>
    </row>
    <row r="295743" spans="14:14">
      <c r="N295743" s="10"/>
    </row>
    <row r="295744" spans="14:14">
      <c r="N295744" s="10"/>
    </row>
    <row r="295745" spans="14:14">
      <c r="N295745" s="10"/>
    </row>
    <row r="295746" spans="14:14">
      <c r="N295746" s="10"/>
    </row>
    <row r="295747" spans="14:14">
      <c r="N295747" s="10"/>
    </row>
    <row r="295748" spans="14:14">
      <c r="N295748" s="10"/>
    </row>
    <row r="295749" spans="14:14">
      <c r="N295749" s="10"/>
    </row>
    <row r="295750" spans="14:14">
      <c r="N295750" s="10"/>
    </row>
    <row r="295751" spans="14:14">
      <c r="N295751" s="10"/>
    </row>
    <row r="295752" spans="14:14">
      <c r="N295752" s="10"/>
    </row>
    <row r="295753" spans="14:14">
      <c r="N295753" s="10"/>
    </row>
    <row r="295754" spans="14:14">
      <c r="N295754" s="10"/>
    </row>
    <row r="295755" spans="14:14">
      <c r="N295755" s="10"/>
    </row>
    <row r="295756" spans="14:14">
      <c r="N295756" s="10"/>
    </row>
    <row r="295757" spans="14:14">
      <c r="N295757" s="10"/>
    </row>
    <row r="295758" spans="14:14">
      <c r="N295758" s="10"/>
    </row>
    <row r="295759" spans="14:14">
      <c r="N295759" s="10"/>
    </row>
    <row r="295760" spans="14:14">
      <c r="N295760" s="10"/>
    </row>
    <row r="295761" spans="14:14">
      <c r="N295761" s="10"/>
    </row>
    <row r="295762" spans="14:14">
      <c r="N295762" s="10"/>
    </row>
    <row r="295763" spans="14:14">
      <c r="N295763" s="10"/>
    </row>
    <row r="295764" spans="14:14">
      <c r="N295764" s="10"/>
    </row>
    <row r="295765" spans="14:14">
      <c r="N295765" s="10"/>
    </row>
    <row r="295766" spans="14:14">
      <c r="N295766" s="10"/>
    </row>
    <row r="295767" spans="14:14">
      <c r="N295767" s="10"/>
    </row>
    <row r="295768" spans="14:14">
      <c r="N295768" s="10"/>
    </row>
    <row r="295769" spans="14:14">
      <c r="N295769" s="10"/>
    </row>
    <row r="295770" spans="14:14">
      <c r="N295770" s="10"/>
    </row>
    <row r="295771" spans="14:14">
      <c r="N295771" s="10"/>
    </row>
    <row r="295772" spans="14:14">
      <c r="N295772" s="10"/>
    </row>
    <row r="295773" spans="14:14">
      <c r="N295773" s="10"/>
    </row>
    <row r="295774" spans="14:14">
      <c r="N295774" s="10"/>
    </row>
    <row r="295775" spans="14:14">
      <c r="N295775" s="10"/>
    </row>
    <row r="295776" spans="14:14">
      <c r="N295776" s="10"/>
    </row>
    <row r="295777" spans="14:14">
      <c r="N295777" s="10"/>
    </row>
    <row r="295778" spans="14:14">
      <c r="N295778" s="10"/>
    </row>
    <row r="295779" spans="14:14">
      <c r="N295779" s="10"/>
    </row>
    <row r="295780" spans="14:14">
      <c r="N295780" s="10"/>
    </row>
    <row r="295781" spans="14:14">
      <c r="N295781" s="10"/>
    </row>
    <row r="295782" spans="14:14">
      <c r="N295782" s="10"/>
    </row>
    <row r="295783" spans="14:14">
      <c r="N295783" s="10"/>
    </row>
    <row r="295784" spans="14:14">
      <c r="N295784" s="10"/>
    </row>
    <row r="295785" spans="14:14">
      <c r="N295785" s="10"/>
    </row>
    <row r="295786" spans="14:14">
      <c r="N295786" s="10"/>
    </row>
    <row r="295787" spans="14:14">
      <c r="N295787" s="10"/>
    </row>
    <row r="295788" spans="14:14">
      <c r="N295788" s="10"/>
    </row>
    <row r="295789" spans="14:14">
      <c r="N295789" s="10"/>
    </row>
    <row r="295790" spans="14:14">
      <c r="N295790" s="10"/>
    </row>
    <row r="295791" spans="14:14">
      <c r="N295791" s="10"/>
    </row>
    <row r="295792" spans="14:14">
      <c r="N295792" s="10"/>
    </row>
    <row r="295793" spans="14:14">
      <c r="N295793" s="10"/>
    </row>
    <row r="295794" spans="14:14">
      <c r="N295794" s="10"/>
    </row>
    <row r="295795" spans="14:14">
      <c r="N295795" s="10"/>
    </row>
    <row r="295796" spans="14:14">
      <c r="N295796" s="10"/>
    </row>
    <row r="295797" spans="14:14">
      <c r="N295797" s="10"/>
    </row>
    <row r="295798" spans="14:14">
      <c r="N295798" s="10"/>
    </row>
    <row r="295799" spans="14:14">
      <c r="N295799" s="10"/>
    </row>
    <row r="295800" spans="14:14">
      <c r="N295800" s="10"/>
    </row>
    <row r="295801" spans="14:14">
      <c r="N295801" s="10"/>
    </row>
    <row r="295802" spans="14:14">
      <c r="N295802" s="10"/>
    </row>
    <row r="295803" spans="14:14">
      <c r="N295803" s="10"/>
    </row>
    <row r="295804" spans="14:14">
      <c r="N295804" s="10"/>
    </row>
    <row r="295805" spans="14:14">
      <c r="N295805" s="10"/>
    </row>
    <row r="295806" spans="14:14">
      <c r="N295806" s="10"/>
    </row>
    <row r="295807" spans="14:14">
      <c r="N295807" s="10"/>
    </row>
    <row r="295808" spans="14:14">
      <c r="N295808" s="10"/>
    </row>
    <row r="295809" spans="14:14">
      <c r="N295809" s="10"/>
    </row>
    <row r="295810" spans="14:14">
      <c r="N295810" s="10"/>
    </row>
    <row r="295811" spans="14:14">
      <c r="N295811" s="10"/>
    </row>
    <row r="295812" spans="14:14">
      <c r="N295812" s="10"/>
    </row>
    <row r="295813" spans="14:14">
      <c r="N295813" s="10"/>
    </row>
    <row r="295814" spans="14:14">
      <c r="N295814" s="10"/>
    </row>
    <row r="295815" spans="14:14">
      <c r="N295815" s="10"/>
    </row>
    <row r="295816" spans="14:14">
      <c r="N295816" s="10"/>
    </row>
    <row r="295817" spans="14:14">
      <c r="N295817" s="10"/>
    </row>
    <row r="295818" spans="14:14">
      <c r="N295818" s="10"/>
    </row>
    <row r="295819" spans="14:14">
      <c r="N295819" s="10"/>
    </row>
    <row r="295820" spans="14:14">
      <c r="N295820" s="10"/>
    </row>
    <row r="295821" spans="14:14">
      <c r="N295821" s="10"/>
    </row>
    <row r="295822" spans="14:14">
      <c r="N295822" s="10"/>
    </row>
    <row r="295823" spans="14:14">
      <c r="N295823" s="10"/>
    </row>
    <row r="295824" spans="14:14">
      <c r="N295824" s="10"/>
    </row>
    <row r="295825" spans="14:14">
      <c r="N295825" s="10"/>
    </row>
    <row r="295826" spans="14:14">
      <c r="N295826" s="10"/>
    </row>
    <row r="295827" spans="14:14">
      <c r="N295827" s="10"/>
    </row>
    <row r="295828" spans="14:14">
      <c r="N295828" s="10"/>
    </row>
    <row r="295829" spans="14:14">
      <c r="N295829" s="10"/>
    </row>
    <row r="295830" spans="14:14">
      <c r="N295830" s="10"/>
    </row>
    <row r="295831" spans="14:14">
      <c r="N295831" s="10"/>
    </row>
    <row r="295832" spans="14:14">
      <c r="N295832" s="10"/>
    </row>
    <row r="295833" spans="14:14">
      <c r="N295833" s="10"/>
    </row>
    <row r="295834" spans="14:14">
      <c r="N295834" s="10"/>
    </row>
    <row r="295835" spans="14:14">
      <c r="N295835" s="10"/>
    </row>
    <row r="295836" spans="14:14">
      <c r="N295836" s="10"/>
    </row>
    <row r="295837" spans="14:14">
      <c r="N295837" s="10"/>
    </row>
    <row r="295838" spans="14:14">
      <c r="N295838" s="10"/>
    </row>
    <row r="295839" spans="14:14">
      <c r="N295839" s="10"/>
    </row>
    <row r="295840" spans="14:14">
      <c r="N295840" s="10"/>
    </row>
    <row r="295841" spans="14:14">
      <c r="N295841" s="10"/>
    </row>
    <row r="295842" spans="14:14">
      <c r="N295842" s="10"/>
    </row>
    <row r="295843" spans="14:14">
      <c r="N295843" s="10"/>
    </row>
    <row r="295844" spans="14:14">
      <c r="N295844" s="10"/>
    </row>
    <row r="295845" spans="14:14">
      <c r="N295845" s="10"/>
    </row>
    <row r="295846" spans="14:14">
      <c r="N295846" s="10"/>
    </row>
    <row r="295847" spans="14:14">
      <c r="N295847" s="10"/>
    </row>
    <row r="295848" spans="14:14">
      <c r="N295848" s="10"/>
    </row>
    <row r="295849" spans="14:14">
      <c r="N295849" s="10"/>
    </row>
    <row r="295850" spans="14:14">
      <c r="N295850" s="10"/>
    </row>
    <row r="295851" spans="14:14">
      <c r="N295851" s="10"/>
    </row>
    <row r="295852" spans="14:14">
      <c r="N295852" s="10"/>
    </row>
    <row r="295853" spans="14:14">
      <c r="N295853" s="10"/>
    </row>
    <row r="295854" spans="14:14">
      <c r="N295854" s="10"/>
    </row>
    <row r="295855" spans="14:14">
      <c r="N295855" s="10"/>
    </row>
    <row r="295856" spans="14:14">
      <c r="N295856" s="10"/>
    </row>
    <row r="295857" spans="14:14">
      <c r="N295857" s="10"/>
    </row>
    <row r="295858" spans="14:14">
      <c r="N295858" s="10"/>
    </row>
    <row r="295859" spans="14:14">
      <c r="N295859" s="10"/>
    </row>
    <row r="295860" spans="14:14">
      <c r="N295860" s="10"/>
    </row>
    <row r="295861" spans="14:14">
      <c r="N295861" s="10"/>
    </row>
    <row r="295862" spans="14:14">
      <c r="N295862" s="10"/>
    </row>
    <row r="295863" spans="14:14">
      <c r="N295863" s="10"/>
    </row>
    <row r="295864" spans="14:14">
      <c r="N295864" s="10"/>
    </row>
    <row r="295865" spans="14:14">
      <c r="N295865" s="10"/>
    </row>
    <row r="295866" spans="14:14">
      <c r="N295866" s="10"/>
    </row>
    <row r="295867" spans="14:14">
      <c r="N295867" s="10"/>
    </row>
    <row r="295868" spans="14:14">
      <c r="N295868" s="10"/>
    </row>
    <row r="295869" spans="14:14">
      <c r="N295869" s="10"/>
    </row>
    <row r="295870" spans="14:14">
      <c r="N295870" s="10"/>
    </row>
    <row r="295871" spans="14:14">
      <c r="N295871" s="10"/>
    </row>
    <row r="295872" spans="14:14">
      <c r="N295872" s="10"/>
    </row>
    <row r="295873" spans="14:14">
      <c r="N295873" s="10"/>
    </row>
    <row r="295874" spans="14:14">
      <c r="N295874" s="10"/>
    </row>
    <row r="295875" spans="14:14">
      <c r="N295875" s="10"/>
    </row>
    <row r="295876" spans="14:14">
      <c r="N295876" s="10"/>
    </row>
    <row r="295877" spans="14:14">
      <c r="N295877" s="10"/>
    </row>
    <row r="295878" spans="14:14">
      <c r="N295878" s="10"/>
    </row>
    <row r="295879" spans="14:14">
      <c r="N295879" s="10"/>
    </row>
    <row r="295880" spans="14:14">
      <c r="N295880" s="10"/>
    </row>
    <row r="295881" spans="14:14">
      <c r="N295881" s="10"/>
    </row>
    <row r="295882" spans="14:14">
      <c r="N295882" s="10"/>
    </row>
    <row r="295883" spans="14:14">
      <c r="N295883" s="10"/>
    </row>
    <row r="295884" spans="14:14">
      <c r="N295884" s="10"/>
    </row>
    <row r="295885" spans="14:14">
      <c r="N295885" s="10"/>
    </row>
    <row r="295886" spans="14:14">
      <c r="N295886" s="10"/>
    </row>
    <row r="295887" spans="14:14">
      <c r="N295887" s="10"/>
    </row>
    <row r="295888" spans="14:14">
      <c r="N295888" s="10"/>
    </row>
    <row r="295889" spans="14:14">
      <c r="N295889" s="10"/>
    </row>
    <row r="295890" spans="14:14">
      <c r="N295890" s="10"/>
    </row>
    <row r="295891" spans="14:14">
      <c r="N295891" s="10"/>
    </row>
    <row r="295892" spans="14:14">
      <c r="N295892" s="10"/>
    </row>
    <row r="295893" spans="14:14">
      <c r="N295893" s="10"/>
    </row>
    <row r="295894" spans="14:14">
      <c r="N295894" s="10"/>
    </row>
    <row r="295895" spans="14:14">
      <c r="N295895" s="10"/>
    </row>
    <row r="295896" spans="14:14">
      <c r="N295896" s="10"/>
    </row>
    <row r="295897" spans="14:14">
      <c r="N295897" s="10"/>
    </row>
    <row r="295898" spans="14:14">
      <c r="N295898" s="10"/>
    </row>
    <row r="295899" spans="14:14">
      <c r="N295899" s="10"/>
    </row>
    <row r="295900" spans="14:14">
      <c r="N295900" s="10"/>
    </row>
    <row r="295901" spans="14:14">
      <c r="N295901" s="10"/>
    </row>
    <row r="295902" spans="14:14">
      <c r="N295902" s="10"/>
    </row>
    <row r="295903" spans="14:14">
      <c r="N295903" s="10"/>
    </row>
    <row r="295904" spans="14:14">
      <c r="N295904" s="10"/>
    </row>
    <row r="295905" spans="14:14">
      <c r="N295905" s="10"/>
    </row>
    <row r="295906" spans="14:14">
      <c r="N295906" s="10"/>
    </row>
    <row r="295907" spans="14:14">
      <c r="N295907" s="10"/>
    </row>
    <row r="295908" spans="14:14">
      <c r="N295908" s="10"/>
    </row>
    <row r="295909" spans="14:14">
      <c r="N295909" s="10"/>
    </row>
    <row r="295910" spans="14:14">
      <c r="N295910" s="10"/>
    </row>
    <row r="295911" spans="14:14">
      <c r="N295911" s="10"/>
    </row>
    <row r="295912" spans="14:14">
      <c r="N295912" s="10"/>
    </row>
    <row r="295913" spans="14:14">
      <c r="N295913" s="10"/>
    </row>
    <row r="295914" spans="14:14">
      <c r="N295914" s="10"/>
    </row>
    <row r="295915" spans="14:14">
      <c r="N295915" s="10"/>
    </row>
    <row r="295916" spans="14:14">
      <c r="N295916" s="10"/>
    </row>
    <row r="295917" spans="14:14">
      <c r="N295917" s="10"/>
    </row>
    <row r="295918" spans="14:14">
      <c r="N295918" s="10"/>
    </row>
    <row r="295919" spans="14:14">
      <c r="N295919" s="10"/>
    </row>
    <row r="295920" spans="14:14">
      <c r="N295920" s="10"/>
    </row>
    <row r="295921" spans="14:14">
      <c r="N295921" s="10"/>
    </row>
    <row r="295922" spans="14:14">
      <c r="N295922" s="10"/>
    </row>
    <row r="295923" spans="14:14">
      <c r="N295923" s="10"/>
    </row>
    <row r="295924" spans="14:14">
      <c r="N295924" s="10"/>
    </row>
    <row r="295925" spans="14:14">
      <c r="N295925" s="10"/>
    </row>
    <row r="295926" spans="14:14">
      <c r="N295926" s="10"/>
    </row>
    <row r="295927" spans="14:14">
      <c r="N295927" s="10"/>
    </row>
    <row r="295928" spans="14:14">
      <c r="N295928" s="10"/>
    </row>
    <row r="295929" spans="14:14">
      <c r="N295929" s="10"/>
    </row>
    <row r="295930" spans="14:14">
      <c r="N295930" s="10"/>
    </row>
    <row r="295931" spans="14:14">
      <c r="N295931" s="10"/>
    </row>
    <row r="295932" spans="14:14">
      <c r="N295932" s="10"/>
    </row>
    <row r="295933" spans="14:14">
      <c r="N295933" s="10"/>
    </row>
    <row r="295934" spans="14:14">
      <c r="N295934" s="10"/>
    </row>
    <row r="295935" spans="14:14">
      <c r="N295935" s="10"/>
    </row>
    <row r="295936" spans="14:14">
      <c r="N295936" s="10"/>
    </row>
    <row r="295937" spans="14:14">
      <c r="N295937" s="10"/>
    </row>
    <row r="295938" spans="14:14">
      <c r="N295938" s="10"/>
    </row>
    <row r="295939" spans="14:14">
      <c r="N295939" s="10"/>
    </row>
    <row r="295940" spans="14:14">
      <c r="N295940" s="10"/>
    </row>
    <row r="295941" spans="14:14">
      <c r="N295941" s="10"/>
    </row>
    <row r="295942" spans="14:14">
      <c r="N295942" s="10"/>
    </row>
    <row r="295943" spans="14:14">
      <c r="N295943" s="10"/>
    </row>
    <row r="295944" spans="14:14">
      <c r="N295944" s="10"/>
    </row>
    <row r="295945" spans="14:14">
      <c r="N295945" s="10"/>
    </row>
    <row r="295946" spans="14:14">
      <c r="N295946" s="10"/>
    </row>
    <row r="295947" spans="14:14">
      <c r="N295947" s="10"/>
    </row>
    <row r="295948" spans="14:14">
      <c r="N295948" s="10"/>
    </row>
    <row r="295949" spans="14:14">
      <c r="N295949" s="10"/>
    </row>
    <row r="295950" spans="14:14">
      <c r="N295950" s="10"/>
    </row>
    <row r="295951" spans="14:14">
      <c r="N295951" s="10"/>
    </row>
    <row r="295952" spans="14:14">
      <c r="N295952" s="10"/>
    </row>
    <row r="295953" spans="14:14">
      <c r="N295953" s="10"/>
    </row>
    <row r="295954" spans="14:14">
      <c r="N295954" s="10"/>
    </row>
    <row r="295955" spans="14:14">
      <c r="N295955" s="10"/>
    </row>
    <row r="295956" spans="14:14">
      <c r="N295956" s="10"/>
    </row>
    <row r="295957" spans="14:14">
      <c r="N295957" s="10"/>
    </row>
    <row r="295958" spans="14:14">
      <c r="N295958" s="10"/>
    </row>
    <row r="295959" spans="14:14">
      <c r="N295959" s="10"/>
    </row>
    <row r="295960" spans="14:14">
      <c r="N295960" s="10"/>
    </row>
    <row r="295961" spans="14:14">
      <c r="N295961" s="10"/>
    </row>
    <row r="295962" spans="14:14">
      <c r="N295962" s="10"/>
    </row>
    <row r="295963" spans="14:14">
      <c r="N295963" s="10"/>
    </row>
    <row r="295964" spans="14:14">
      <c r="N295964" s="10"/>
    </row>
    <row r="295965" spans="14:14">
      <c r="N295965" s="10"/>
    </row>
    <row r="295966" spans="14:14">
      <c r="N295966" s="10"/>
    </row>
    <row r="295967" spans="14:14">
      <c r="N295967" s="10"/>
    </row>
    <row r="295968" spans="14:14">
      <c r="N295968" s="10"/>
    </row>
    <row r="295969" spans="14:14">
      <c r="N295969" s="10"/>
    </row>
    <row r="295970" spans="14:14">
      <c r="N295970" s="10"/>
    </row>
    <row r="295971" spans="14:14">
      <c r="N295971" s="10"/>
    </row>
    <row r="295972" spans="14:14">
      <c r="N295972" s="10"/>
    </row>
    <row r="295973" spans="14:14">
      <c r="N295973" s="10"/>
    </row>
    <row r="295974" spans="14:14">
      <c r="N295974" s="10"/>
    </row>
    <row r="295975" spans="14:14">
      <c r="N295975" s="10"/>
    </row>
    <row r="295976" spans="14:14">
      <c r="N295976" s="10"/>
    </row>
    <row r="295977" spans="14:14">
      <c r="N295977" s="10"/>
    </row>
    <row r="295978" spans="14:14">
      <c r="N295978" s="10"/>
    </row>
    <row r="295979" spans="14:14">
      <c r="N295979" s="10"/>
    </row>
    <row r="295980" spans="14:14">
      <c r="N295980" s="10"/>
    </row>
    <row r="295981" spans="14:14">
      <c r="N295981" s="10"/>
    </row>
    <row r="295982" spans="14:14">
      <c r="N295982" s="10"/>
    </row>
    <row r="295983" spans="14:14">
      <c r="N295983" s="10"/>
    </row>
    <row r="295984" spans="14:14">
      <c r="N295984" s="10"/>
    </row>
    <row r="295985" spans="14:14">
      <c r="N295985" s="10"/>
    </row>
    <row r="295986" spans="14:14">
      <c r="N295986" s="10"/>
    </row>
    <row r="295987" spans="14:14">
      <c r="N295987" s="10"/>
    </row>
    <row r="295988" spans="14:14">
      <c r="N295988" s="10"/>
    </row>
    <row r="295989" spans="14:14">
      <c r="N295989" s="10"/>
    </row>
    <row r="295990" spans="14:14">
      <c r="N295990" s="10"/>
    </row>
    <row r="295991" spans="14:14">
      <c r="N295991" s="10"/>
    </row>
    <row r="295992" spans="14:14">
      <c r="N295992" s="10"/>
    </row>
    <row r="295993" spans="14:14">
      <c r="N295993" s="10"/>
    </row>
    <row r="295994" spans="14:14">
      <c r="N295994" s="10"/>
    </row>
    <row r="295995" spans="14:14">
      <c r="N295995" s="10"/>
    </row>
    <row r="295996" spans="14:14">
      <c r="N295996" s="10"/>
    </row>
    <row r="295997" spans="14:14">
      <c r="N295997" s="10"/>
    </row>
    <row r="295998" spans="14:14">
      <c r="N295998" s="10"/>
    </row>
    <row r="295999" spans="14:14">
      <c r="N295999" s="10"/>
    </row>
    <row r="296000" spans="14:14">
      <c r="N296000" s="10"/>
    </row>
    <row r="296001" spans="14:14">
      <c r="N296001" s="10"/>
    </row>
    <row r="296002" spans="14:14">
      <c r="N296002" s="10"/>
    </row>
    <row r="296003" spans="14:14">
      <c r="N296003" s="10"/>
    </row>
    <row r="296004" spans="14:14">
      <c r="N296004" s="10"/>
    </row>
    <row r="296005" spans="14:14">
      <c r="N296005" s="10"/>
    </row>
    <row r="296006" spans="14:14">
      <c r="N296006" s="10"/>
    </row>
    <row r="296007" spans="14:14">
      <c r="N296007" s="10"/>
    </row>
    <row r="296008" spans="14:14">
      <c r="N296008" s="10"/>
    </row>
    <row r="296009" spans="14:14">
      <c r="N296009" s="10"/>
    </row>
    <row r="296010" spans="14:14">
      <c r="N296010" s="10"/>
    </row>
    <row r="296011" spans="14:14">
      <c r="N296011" s="10"/>
    </row>
    <row r="296012" spans="14:14">
      <c r="N296012" s="10"/>
    </row>
    <row r="296013" spans="14:14">
      <c r="N296013" s="10"/>
    </row>
    <row r="296014" spans="14:14">
      <c r="N296014" s="10"/>
    </row>
    <row r="296015" spans="14:14">
      <c r="N296015" s="10"/>
    </row>
    <row r="296016" spans="14:14">
      <c r="N296016" s="10"/>
    </row>
    <row r="296017" spans="14:14">
      <c r="N296017" s="10"/>
    </row>
    <row r="296018" spans="14:14">
      <c r="N296018" s="10"/>
    </row>
    <row r="296019" spans="14:14">
      <c r="N296019" s="10"/>
    </row>
    <row r="296020" spans="14:14">
      <c r="N296020" s="10"/>
    </row>
    <row r="296021" spans="14:14">
      <c r="N296021" s="10"/>
    </row>
    <row r="296022" spans="14:14">
      <c r="N296022" s="10"/>
    </row>
    <row r="296023" spans="14:14">
      <c r="N296023" s="10"/>
    </row>
    <row r="296024" spans="14:14">
      <c r="N296024" s="10"/>
    </row>
    <row r="296025" spans="14:14">
      <c r="N296025" s="10"/>
    </row>
    <row r="296026" spans="14:14">
      <c r="N296026" s="10"/>
    </row>
    <row r="296027" spans="14:14">
      <c r="N296027" s="10"/>
    </row>
    <row r="296028" spans="14:14">
      <c r="N296028" s="10"/>
    </row>
    <row r="296029" spans="14:14">
      <c r="N296029" s="10"/>
    </row>
    <row r="296030" spans="14:14">
      <c r="N296030" s="10"/>
    </row>
    <row r="296031" spans="14:14">
      <c r="N296031" s="10"/>
    </row>
    <row r="296032" spans="14:14">
      <c r="N296032" s="10"/>
    </row>
    <row r="296033" spans="14:14">
      <c r="N296033" s="10"/>
    </row>
    <row r="296034" spans="14:14">
      <c r="N296034" s="10"/>
    </row>
    <row r="296035" spans="14:14">
      <c r="N296035" s="10"/>
    </row>
    <row r="296036" spans="14:14">
      <c r="N296036" s="10"/>
    </row>
    <row r="296037" spans="14:14">
      <c r="N296037" s="10"/>
    </row>
    <row r="296038" spans="14:14">
      <c r="N296038" s="10"/>
    </row>
    <row r="296039" spans="14:14">
      <c r="N296039" s="10"/>
    </row>
    <row r="296040" spans="14:14">
      <c r="N296040" s="10"/>
    </row>
    <row r="296041" spans="14:14">
      <c r="N296041" s="10"/>
    </row>
    <row r="296042" spans="14:14">
      <c r="N296042" s="10"/>
    </row>
    <row r="296043" spans="14:14">
      <c r="N296043" s="10"/>
    </row>
    <row r="296044" spans="14:14">
      <c r="N296044" s="10"/>
    </row>
    <row r="296045" spans="14:14">
      <c r="N296045" s="10"/>
    </row>
    <row r="296046" spans="14:14">
      <c r="N296046" s="10"/>
    </row>
    <row r="296047" spans="14:14">
      <c r="N296047" s="10"/>
    </row>
    <row r="296048" spans="14:14">
      <c r="N296048" s="10"/>
    </row>
    <row r="296049" spans="14:14">
      <c r="N296049" s="10"/>
    </row>
    <row r="296050" spans="14:14">
      <c r="N296050" s="10"/>
    </row>
    <row r="296051" spans="14:14">
      <c r="N296051" s="10"/>
    </row>
    <row r="296052" spans="14:14">
      <c r="N296052" s="10"/>
    </row>
    <row r="296053" spans="14:14">
      <c r="N296053" s="10"/>
    </row>
    <row r="296054" spans="14:14">
      <c r="N296054" s="10"/>
    </row>
    <row r="296055" spans="14:14">
      <c r="N296055" s="10"/>
    </row>
    <row r="296056" spans="14:14">
      <c r="N296056" s="10"/>
    </row>
    <row r="296057" spans="14:14">
      <c r="N296057" s="10"/>
    </row>
    <row r="296058" spans="14:14">
      <c r="N296058" s="10"/>
    </row>
    <row r="296059" spans="14:14">
      <c r="N296059" s="10"/>
    </row>
    <row r="296060" spans="14:14">
      <c r="N296060" s="10"/>
    </row>
    <row r="296061" spans="14:14">
      <c r="N296061" s="10"/>
    </row>
    <row r="296062" spans="14:14">
      <c r="N296062" s="10"/>
    </row>
    <row r="296063" spans="14:14">
      <c r="N296063" s="10"/>
    </row>
    <row r="296064" spans="14:14">
      <c r="N296064" s="10"/>
    </row>
    <row r="296065" spans="14:14">
      <c r="N296065" s="10"/>
    </row>
    <row r="296066" spans="14:14">
      <c r="N296066" s="10"/>
    </row>
    <row r="296067" spans="14:14">
      <c r="N296067" s="10"/>
    </row>
    <row r="296068" spans="14:14">
      <c r="N296068" s="10"/>
    </row>
    <row r="296069" spans="14:14">
      <c r="N296069" s="10"/>
    </row>
    <row r="296070" spans="14:14">
      <c r="N296070" s="10"/>
    </row>
    <row r="296071" spans="14:14">
      <c r="N296071" s="10"/>
    </row>
    <row r="296072" spans="14:14">
      <c r="N296072" s="10"/>
    </row>
    <row r="296073" spans="14:14">
      <c r="N296073" s="10"/>
    </row>
    <row r="296074" spans="14:14">
      <c r="N296074" s="10"/>
    </row>
    <row r="296075" spans="14:14">
      <c r="N296075" s="10"/>
    </row>
    <row r="296076" spans="14:14">
      <c r="N296076" s="10"/>
    </row>
    <row r="296077" spans="14:14">
      <c r="N296077" s="10"/>
    </row>
    <row r="296078" spans="14:14">
      <c r="N296078" s="10"/>
    </row>
    <row r="296079" spans="14:14">
      <c r="N296079" s="10"/>
    </row>
    <row r="296080" spans="14:14">
      <c r="N296080" s="10"/>
    </row>
    <row r="296081" spans="14:14">
      <c r="N296081" s="10"/>
    </row>
    <row r="296082" spans="14:14">
      <c r="N296082" s="10"/>
    </row>
    <row r="296083" spans="14:14">
      <c r="N296083" s="10"/>
    </row>
    <row r="296084" spans="14:14">
      <c r="N296084" s="10"/>
    </row>
    <row r="296085" spans="14:14">
      <c r="N296085" s="10"/>
    </row>
    <row r="296086" spans="14:14">
      <c r="N296086" s="10"/>
    </row>
    <row r="296087" spans="14:14">
      <c r="N296087" s="10"/>
    </row>
    <row r="296088" spans="14:14">
      <c r="N296088" s="10"/>
    </row>
    <row r="296089" spans="14:14">
      <c r="N296089" s="10"/>
    </row>
    <row r="296090" spans="14:14">
      <c r="N296090" s="10"/>
    </row>
    <row r="296091" spans="14:14">
      <c r="N296091" s="10"/>
    </row>
    <row r="296092" spans="14:14">
      <c r="N296092" s="10"/>
    </row>
    <row r="296093" spans="14:14">
      <c r="N296093" s="10"/>
    </row>
    <row r="296094" spans="14:14">
      <c r="N296094" s="10"/>
    </row>
    <row r="296095" spans="14:14">
      <c r="N296095" s="10"/>
    </row>
    <row r="296096" spans="14:14">
      <c r="N296096" s="10"/>
    </row>
    <row r="296097" spans="14:14">
      <c r="N296097" s="10"/>
    </row>
    <row r="296098" spans="14:14">
      <c r="N296098" s="10"/>
    </row>
    <row r="296099" spans="14:14">
      <c r="N296099" s="10"/>
    </row>
    <row r="296100" spans="14:14">
      <c r="N296100" s="10"/>
    </row>
    <row r="296101" spans="14:14">
      <c r="N296101" s="10"/>
    </row>
    <row r="296102" spans="14:14">
      <c r="N296102" s="10"/>
    </row>
    <row r="296103" spans="14:14">
      <c r="N296103" s="10"/>
    </row>
    <row r="296104" spans="14:14">
      <c r="N296104" s="10"/>
    </row>
    <row r="296105" spans="14:14">
      <c r="N296105" s="10"/>
    </row>
    <row r="296106" spans="14:14">
      <c r="N296106" s="10"/>
    </row>
    <row r="296107" spans="14:14">
      <c r="N296107" s="10"/>
    </row>
    <row r="296108" spans="14:14">
      <c r="N296108" s="10"/>
    </row>
    <row r="296109" spans="14:14">
      <c r="N296109" s="10"/>
    </row>
    <row r="296110" spans="14:14">
      <c r="N296110" s="10"/>
    </row>
    <row r="296111" spans="14:14">
      <c r="N296111" s="10"/>
    </row>
    <row r="296112" spans="14:14">
      <c r="N296112" s="10"/>
    </row>
    <row r="296113" spans="14:14">
      <c r="N296113" s="10"/>
    </row>
    <row r="296114" spans="14:14">
      <c r="N296114" s="10"/>
    </row>
    <row r="296115" spans="14:14">
      <c r="N296115" s="10"/>
    </row>
    <row r="296116" spans="14:14">
      <c r="N296116" s="10"/>
    </row>
    <row r="296117" spans="14:14">
      <c r="N296117" s="10"/>
    </row>
    <row r="296118" spans="14:14">
      <c r="N296118" s="10"/>
    </row>
    <row r="296119" spans="14:14">
      <c r="N296119" s="10"/>
    </row>
    <row r="296120" spans="14:14">
      <c r="N296120" s="10"/>
    </row>
    <row r="296121" spans="14:14">
      <c r="N296121" s="10"/>
    </row>
    <row r="296122" spans="14:14">
      <c r="N296122" s="10"/>
    </row>
    <row r="296123" spans="14:14">
      <c r="N296123" s="10"/>
    </row>
    <row r="296124" spans="14:14">
      <c r="N296124" s="10"/>
    </row>
    <row r="296125" spans="14:14">
      <c r="N296125" s="10"/>
    </row>
    <row r="296126" spans="14:14">
      <c r="N296126" s="10"/>
    </row>
    <row r="296127" spans="14:14">
      <c r="N296127" s="10"/>
    </row>
    <row r="296128" spans="14:14">
      <c r="N296128" s="10"/>
    </row>
    <row r="296129" spans="14:14">
      <c r="N296129" s="10"/>
    </row>
    <row r="296130" spans="14:14">
      <c r="N296130" s="10"/>
    </row>
    <row r="296131" spans="14:14">
      <c r="N296131" s="10"/>
    </row>
    <row r="296132" spans="14:14">
      <c r="N296132" s="10"/>
    </row>
    <row r="296133" spans="14:14">
      <c r="N296133" s="10"/>
    </row>
    <row r="296134" spans="14:14">
      <c r="N296134" s="10"/>
    </row>
    <row r="296135" spans="14:14">
      <c r="N296135" s="10"/>
    </row>
    <row r="296136" spans="14:14">
      <c r="N296136" s="10"/>
    </row>
    <row r="296137" spans="14:14">
      <c r="N296137" s="10"/>
    </row>
    <row r="296138" spans="14:14">
      <c r="N296138" s="10"/>
    </row>
    <row r="296139" spans="14:14">
      <c r="N296139" s="10"/>
    </row>
    <row r="296140" spans="14:14">
      <c r="N296140" s="10"/>
    </row>
    <row r="296141" spans="14:14">
      <c r="N296141" s="10"/>
    </row>
    <row r="296142" spans="14:14">
      <c r="N296142" s="10"/>
    </row>
    <row r="296143" spans="14:14">
      <c r="N296143" s="10"/>
    </row>
    <row r="296144" spans="14:14">
      <c r="N296144" s="10"/>
    </row>
    <row r="296145" spans="14:14">
      <c r="N296145" s="10"/>
    </row>
    <row r="296146" spans="14:14">
      <c r="N296146" s="10"/>
    </row>
    <row r="296147" spans="14:14">
      <c r="N296147" s="10"/>
    </row>
    <row r="296148" spans="14:14">
      <c r="N296148" s="10"/>
    </row>
    <row r="296149" spans="14:14">
      <c r="N296149" s="10"/>
    </row>
    <row r="296150" spans="14:14">
      <c r="N296150" s="10"/>
    </row>
    <row r="296151" spans="14:14">
      <c r="N296151" s="10"/>
    </row>
    <row r="296152" spans="14:14">
      <c r="N296152" s="10"/>
    </row>
    <row r="296153" spans="14:14">
      <c r="N296153" s="10"/>
    </row>
    <row r="296154" spans="14:14">
      <c r="N296154" s="10"/>
    </row>
    <row r="296155" spans="14:14">
      <c r="N296155" s="10"/>
    </row>
    <row r="296156" spans="14:14">
      <c r="N296156" s="10"/>
    </row>
    <row r="296157" spans="14:14">
      <c r="N296157" s="10"/>
    </row>
    <row r="296158" spans="14:14">
      <c r="N296158" s="10"/>
    </row>
    <row r="296159" spans="14:14">
      <c r="N296159" s="10"/>
    </row>
    <row r="296160" spans="14:14">
      <c r="N296160" s="10"/>
    </row>
    <row r="296161" spans="14:14">
      <c r="N296161" s="10"/>
    </row>
    <row r="296162" spans="14:14">
      <c r="N296162" s="10"/>
    </row>
    <row r="296163" spans="14:14">
      <c r="N296163" s="10"/>
    </row>
    <row r="296164" spans="14:14">
      <c r="N296164" s="10"/>
    </row>
    <row r="296165" spans="14:14">
      <c r="N296165" s="10"/>
    </row>
    <row r="296166" spans="14:14">
      <c r="N296166" s="10"/>
    </row>
    <row r="296167" spans="14:14">
      <c r="N296167" s="10"/>
    </row>
    <row r="296168" spans="14:14">
      <c r="N296168" s="10"/>
    </row>
    <row r="296169" spans="14:14">
      <c r="N296169" s="10"/>
    </row>
    <row r="296170" spans="14:14">
      <c r="N296170" s="10"/>
    </row>
    <row r="296171" spans="14:14">
      <c r="N296171" s="10"/>
    </row>
    <row r="296172" spans="14:14">
      <c r="N296172" s="10"/>
    </row>
    <row r="296173" spans="14:14">
      <c r="N296173" s="10"/>
    </row>
    <row r="296174" spans="14:14">
      <c r="N296174" s="10"/>
    </row>
    <row r="296175" spans="14:14">
      <c r="N296175" s="10"/>
    </row>
    <row r="296176" spans="14:14">
      <c r="N296176" s="10"/>
    </row>
    <row r="296177" spans="14:14">
      <c r="N296177" s="10"/>
    </row>
    <row r="296178" spans="14:14">
      <c r="N296178" s="10"/>
    </row>
    <row r="296179" spans="14:14">
      <c r="N296179" s="10"/>
    </row>
    <row r="296180" spans="14:14">
      <c r="N296180" s="10"/>
    </row>
    <row r="296181" spans="14:14">
      <c r="N296181" s="10"/>
    </row>
    <row r="296182" spans="14:14">
      <c r="N296182" s="10"/>
    </row>
    <row r="296183" spans="14:14">
      <c r="N296183" s="10"/>
    </row>
    <row r="296184" spans="14:14">
      <c r="N296184" s="10"/>
    </row>
    <row r="296185" spans="14:14">
      <c r="N296185" s="10"/>
    </row>
    <row r="296186" spans="14:14">
      <c r="N296186" s="10"/>
    </row>
    <row r="296187" spans="14:14">
      <c r="N296187" s="10"/>
    </row>
    <row r="296188" spans="14:14">
      <c r="N296188" s="10"/>
    </row>
    <row r="296189" spans="14:14">
      <c r="N296189" s="10"/>
    </row>
    <row r="296190" spans="14:14">
      <c r="N296190" s="10"/>
    </row>
    <row r="296191" spans="14:14">
      <c r="N296191" s="10"/>
    </row>
    <row r="296192" spans="14:14">
      <c r="N296192" s="10"/>
    </row>
    <row r="296193" spans="14:14">
      <c r="N296193" s="10"/>
    </row>
    <row r="296194" spans="14:14">
      <c r="N296194" s="10"/>
    </row>
    <row r="296195" spans="14:14">
      <c r="N296195" s="10"/>
    </row>
    <row r="296196" spans="14:14">
      <c r="N296196" s="10"/>
    </row>
    <row r="296197" spans="14:14">
      <c r="N296197" s="10"/>
    </row>
    <row r="296198" spans="14:14">
      <c r="N296198" s="10"/>
    </row>
    <row r="296199" spans="14:14">
      <c r="N296199" s="10"/>
    </row>
    <row r="296200" spans="14:14">
      <c r="N296200" s="10"/>
    </row>
    <row r="296201" spans="14:14">
      <c r="N296201" s="10"/>
    </row>
    <row r="296202" spans="14:14">
      <c r="N296202" s="10"/>
    </row>
    <row r="296203" spans="14:14">
      <c r="N296203" s="10"/>
    </row>
    <row r="296204" spans="14:14">
      <c r="N296204" s="10"/>
    </row>
    <row r="296205" spans="14:14">
      <c r="N296205" s="10"/>
    </row>
    <row r="296206" spans="14:14">
      <c r="N296206" s="10"/>
    </row>
    <row r="296207" spans="14:14">
      <c r="N296207" s="10"/>
    </row>
    <row r="296208" spans="14:14">
      <c r="N296208" s="10"/>
    </row>
    <row r="296209" spans="14:14">
      <c r="N296209" s="10"/>
    </row>
    <row r="296210" spans="14:14">
      <c r="N296210" s="10"/>
    </row>
    <row r="296211" spans="14:14">
      <c r="N296211" s="10"/>
    </row>
    <row r="296212" spans="14:14">
      <c r="N296212" s="10"/>
    </row>
    <row r="296213" spans="14:14">
      <c r="N296213" s="10"/>
    </row>
    <row r="296214" spans="14:14">
      <c r="N296214" s="10"/>
    </row>
    <row r="296215" spans="14:14">
      <c r="N296215" s="10"/>
    </row>
    <row r="296216" spans="14:14">
      <c r="N296216" s="10"/>
    </row>
    <row r="296217" spans="14:14">
      <c r="N296217" s="10"/>
    </row>
    <row r="296218" spans="14:14">
      <c r="N296218" s="10"/>
    </row>
    <row r="296219" spans="14:14">
      <c r="N296219" s="10"/>
    </row>
    <row r="296220" spans="14:14">
      <c r="N296220" s="10"/>
    </row>
    <row r="296221" spans="14:14">
      <c r="N296221" s="10"/>
    </row>
    <row r="296222" spans="14:14">
      <c r="N296222" s="10"/>
    </row>
    <row r="296223" spans="14:14">
      <c r="N296223" s="10"/>
    </row>
    <row r="296224" spans="14:14">
      <c r="N296224" s="10"/>
    </row>
    <row r="296225" spans="14:14">
      <c r="N296225" s="10"/>
    </row>
    <row r="296226" spans="14:14">
      <c r="N296226" s="10"/>
    </row>
    <row r="296227" spans="14:14">
      <c r="N296227" s="10"/>
    </row>
    <row r="296228" spans="14:14">
      <c r="N296228" s="10"/>
    </row>
    <row r="296229" spans="14:14">
      <c r="N296229" s="10"/>
    </row>
    <row r="296230" spans="14:14">
      <c r="N296230" s="10"/>
    </row>
    <row r="296231" spans="14:14">
      <c r="N296231" s="10"/>
    </row>
    <row r="296232" spans="14:14">
      <c r="N296232" s="10"/>
    </row>
    <row r="296233" spans="14:14">
      <c r="N296233" s="10"/>
    </row>
    <row r="296234" spans="14:14">
      <c r="N296234" s="10"/>
    </row>
    <row r="296235" spans="14:14">
      <c r="N296235" s="10"/>
    </row>
    <row r="296236" spans="14:14">
      <c r="N296236" s="10"/>
    </row>
    <row r="296237" spans="14:14">
      <c r="N296237" s="10"/>
    </row>
    <row r="296238" spans="14:14">
      <c r="N296238" s="10"/>
    </row>
    <row r="296239" spans="14:14">
      <c r="N296239" s="10"/>
    </row>
    <row r="296240" spans="14:14">
      <c r="N296240" s="10"/>
    </row>
    <row r="296241" spans="14:14">
      <c r="N296241" s="10"/>
    </row>
    <row r="296242" spans="14:14">
      <c r="N296242" s="10"/>
    </row>
    <row r="296243" spans="14:14">
      <c r="N296243" s="10"/>
    </row>
    <row r="296244" spans="14:14">
      <c r="N296244" s="10"/>
    </row>
    <row r="296245" spans="14:14">
      <c r="N296245" s="10"/>
    </row>
    <row r="296246" spans="14:14">
      <c r="N296246" s="10"/>
    </row>
    <row r="296247" spans="14:14">
      <c r="N296247" s="10"/>
    </row>
    <row r="296248" spans="14:14">
      <c r="N296248" s="10"/>
    </row>
    <row r="296249" spans="14:14">
      <c r="N296249" s="10"/>
    </row>
    <row r="296250" spans="14:14">
      <c r="N296250" s="10"/>
    </row>
    <row r="296251" spans="14:14">
      <c r="N296251" s="10"/>
    </row>
    <row r="296252" spans="14:14">
      <c r="N296252" s="10"/>
    </row>
    <row r="296253" spans="14:14">
      <c r="N296253" s="10"/>
    </row>
    <row r="296254" spans="14:14">
      <c r="N296254" s="10"/>
    </row>
    <row r="296255" spans="14:14">
      <c r="N296255" s="10"/>
    </row>
    <row r="296256" spans="14:14">
      <c r="N296256" s="10"/>
    </row>
    <row r="296257" spans="14:14">
      <c r="N296257" s="10"/>
    </row>
    <row r="296258" spans="14:14">
      <c r="N296258" s="10"/>
    </row>
    <row r="296259" spans="14:14">
      <c r="N296259" s="10"/>
    </row>
    <row r="296260" spans="14:14">
      <c r="N296260" s="10"/>
    </row>
    <row r="296261" spans="14:14">
      <c r="N296261" s="10"/>
    </row>
    <row r="296262" spans="14:14">
      <c r="N296262" s="10"/>
    </row>
    <row r="296263" spans="14:14">
      <c r="N296263" s="10"/>
    </row>
    <row r="296264" spans="14:14">
      <c r="N296264" s="10"/>
    </row>
    <row r="296265" spans="14:14">
      <c r="N296265" s="10"/>
    </row>
    <row r="296266" spans="14:14">
      <c r="N296266" s="10"/>
    </row>
    <row r="296267" spans="14:14">
      <c r="N296267" s="10"/>
    </row>
    <row r="296268" spans="14:14">
      <c r="N296268" s="10"/>
    </row>
    <row r="296269" spans="14:14">
      <c r="N296269" s="10"/>
    </row>
    <row r="296270" spans="14:14">
      <c r="N296270" s="10"/>
    </row>
    <row r="296271" spans="14:14">
      <c r="N296271" s="10"/>
    </row>
    <row r="296272" spans="14:14">
      <c r="N296272" s="10"/>
    </row>
    <row r="296273" spans="14:14">
      <c r="N296273" s="10"/>
    </row>
    <row r="296274" spans="14:14">
      <c r="N296274" s="10"/>
    </row>
    <row r="296275" spans="14:14">
      <c r="N296275" s="10"/>
    </row>
    <row r="296276" spans="14:14">
      <c r="N296276" s="10"/>
    </row>
    <row r="296277" spans="14:14">
      <c r="N296277" s="10"/>
    </row>
    <row r="296278" spans="14:14">
      <c r="N296278" s="10"/>
    </row>
    <row r="296279" spans="14:14">
      <c r="N296279" s="10"/>
    </row>
    <row r="296280" spans="14:14">
      <c r="N296280" s="10"/>
    </row>
    <row r="296281" spans="14:14">
      <c r="N296281" s="10"/>
    </row>
    <row r="296282" spans="14:14">
      <c r="N296282" s="10"/>
    </row>
    <row r="296283" spans="14:14">
      <c r="N296283" s="10"/>
    </row>
    <row r="296284" spans="14:14">
      <c r="N296284" s="10"/>
    </row>
    <row r="296285" spans="14:14">
      <c r="N296285" s="10"/>
    </row>
    <row r="296286" spans="14:14">
      <c r="N296286" s="10"/>
    </row>
    <row r="296287" spans="14:14">
      <c r="N296287" s="10"/>
    </row>
    <row r="296288" spans="14:14">
      <c r="N296288" s="10"/>
    </row>
    <row r="296289" spans="14:14">
      <c r="N296289" s="10"/>
    </row>
    <row r="296290" spans="14:14">
      <c r="N296290" s="10"/>
    </row>
    <row r="296291" spans="14:14">
      <c r="N296291" s="10"/>
    </row>
    <row r="296292" spans="14:14">
      <c r="N296292" s="10"/>
    </row>
    <row r="296293" spans="14:14">
      <c r="N296293" s="10"/>
    </row>
    <row r="296294" spans="14:14">
      <c r="N296294" s="10"/>
    </row>
    <row r="296295" spans="14:14">
      <c r="N296295" s="10"/>
    </row>
    <row r="296296" spans="14:14">
      <c r="N296296" s="10"/>
    </row>
    <row r="296297" spans="14:14">
      <c r="N296297" s="10"/>
    </row>
    <row r="296298" spans="14:14">
      <c r="N296298" s="10"/>
    </row>
    <row r="296299" spans="14:14">
      <c r="N296299" s="10"/>
    </row>
    <row r="296300" spans="14:14">
      <c r="N296300" s="10"/>
    </row>
    <row r="296301" spans="14:14">
      <c r="N296301" s="10"/>
    </row>
    <row r="296302" spans="14:14">
      <c r="N296302" s="10"/>
    </row>
    <row r="296303" spans="14:14">
      <c r="N296303" s="10"/>
    </row>
    <row r="296304" spans="14:14">
      <c r="N296304" s="10"/>
    </row>
    <row r="296305" spans="14:14">
      <c r="N296305" s="10"/>
    </row>
    <row r="296306" spans="14:14">
      <c r="N296306" s="10"/>
    </row>
    <row r="296307" spans="14:14">
      <c r="N296307" s="10"/>
    </row>
    <row r="296308" spans="14:14">
      <c r="N296308" s="10"/>
    </row>
    <row r="296309" spans="14:14">
      <c r="N296309" s="10"/>
    </row>
    <row r="296310" spans="14:14">
      <c r="N296310" s="10"/>
    </row>
    <row r="296311" spans="14:14">
      <c r="N296311" s="10"/>
    </row>
    <row r="296312" spans="14:14">
      <c r="N296312" s="10"/>
    </row>
    <row r="296313" spans="14:14">
      <c r="N296313" s="10"/>
    </row>
    <row r="296314" spans="14:14">
      <c r="N296314" s="10"/>
    </row>
    <row r="296315" spans="14:14">
      <c r="N296315" s="10"/>
    </row>
    <row r="296316" spans="14:14">
      <c r="N296316" s="10"/>
    </row>
    <row r="296317" spans="14:14">
      <c r="N296317" s="10"/>
    </row>
    <row r="296318" spans="14:14">
      <c r="N296318" s="10"/>
    </row>
    <row r="296319" spans="14:14">
      <c r="N296319" s="10"/>
    </row>
    <row r="296320" spans="14:14">
      <c r="N296320" s="10"/>
    </row>
    <row r="296321" spans="14:14">
      <c r="N296321" s="10"/>
    </row>
    <row r="296322" spans="14:14">
      <c r="N296322" s="10"/>
    </row>
    <row r="296323" spans="14:14">
      <c r="N296323" s="10"/>
    </row>
    <row r="296324" spans="14:14">
      <c r="N296324" s="10"/>
    </row>
    <row r="296325" spans="14:14">
      <c r="N296325" s="10"/>
    </row>
    <row r="296326" spans="14:14">
      <c r="N296326" s="10"/>
    </row>
    <row r="296327" spans="14:14">
      <c r="N296327" s="10"/>
    </row>
    <row r="296328" spans="14:14">
      <c r="N296328" s="10"/>
    </row>
    <row r="296329" spans="14:14">
      <c r="N296329" s="10"/>
    </row>
    <row r="296330" spans="14:14">
      <c r="N296330" s="10"/>
    </row>
    <row r="296331" spans="14:14">
      <c r="N296331" s="10"/>
    </row>
    <row r="296332" spans="14:14">
      <c r="N296332" s="10"/>
    </row>
    <row r="296333" spans="14:14">
      <c r="N296333" s="10"/>
    </row>
    <row r="296334" spans="14:14">
      <c r="N296334" s="10"/>
    </row>
    <row r="296335" spans="14:14">
      <c r="N296335" s="10"/>
    </row>
    <row r="296336" spans="14:14">
      <c r="N296336" s="10"/>
    </row>
    <row r="296337" spans="14:14">
      <c r="N296337" s="10"/>
    </row>
    <row r="296338" spans="14:14">
      <c r="N296338" s="10"/>
    </row>
    <row r="296339" spans="14:14">
      <c r="N296339" s="10"/>
    </row>
    <row r="296340" spans="14:14">
      <c r="N296340" s="10"/>
    </row>
    <row r="296341" spans="14:14">
      <c r="N296341" s="10"/>
    </row>
    <row r="296342" spans="14:14">
      <c r="N296342" s="10"/>
    </row>
    <row r="296343" spans="14:14">
      <c r="N296343" s="10"/>
    </row>
    <row r="296344" spans="14:14">
      <c r="N296344" s="10"/>
    </row>
    <row r="296345" spans="14:14">
      <c r="N296345" s="10"/>
    </row>
    <row r="296346" spans="14:14">
      <c r="N296346" s="10"/>
    </row>
    <row r="296347" spans="14:14">
      <c r="N296347" s="10"/>
    </row>
    <row r="296348" spans="14:14">
      <c r="N296348" s="10"/>
    </row>
    <row r="296349" spans="14:14">
      <c r="N296349" s="10"/>
    </row>
    <row r="296350" spans="14:14">
      <c r="N296350" s="10"/>
    </row>
    <row r="296351" spans="14:14">
      <c r="N296351" s="10"/>
    </row>
    <row r="296352" spans="14:14">
      <c r="N296352" s="10"/>
    </row>
    <row r="296353" spans="14:14">
      <c r="N296353" s="10"/>
    </row>
    <row r="296354" spans="14:14">
      <c r="N296354" s="10"/>
    </row>
    <row r="296355" spans="14:14">
      <c r="N296355" s="10"/>
    </row>
    <row r="296356" spans="14:14">
      <c r="N296356" s="10"/>
    </row>
    <row r="296357" spans="14:14">
      <c r="N296357" s="10"/>
    </row>
    <row r="296358" spans="14:14">
      <c r="N296358" s="10"/>
    </row>
    <row r="296359" spans="14:14">
      <c r="N296359" s="10"/>
    </row>
    <row r="296360" spans="14:14">
      <c r="N296360" s="10"/>
    </row>
    <row r="296361" spans="14:14">
      <c r="N296361" s="10"/>
    </row>
    <row r="296362" spans="14:14">
      <c r="N296362" s="10"/>
    </row>
    <row r="296363" spans="14:14">
      <c r="N296363" s="10"/>
    </row>
    <row r="296364" spans="14:14">
      <c r="N296364" s="10"/>
    </row>
    <row r="296365" spans="14:14">
      <c r="N296365" s="10"/>
    </row>
    <row r="296366" spans="14:14">
      <c r="N296366" s="10"/>
    </row>
    <row r="296367" spans="14:14">
      <c r="N296367" s="10"/>
    </row>
    <row r="296368" spans="14:14">
      <c r="N296368" s="10"/>
    </row>
    <row r="296369" spans="14:14">
      <c r="N296369" s="10"/>
    </row>
    <row r="296370" spans="14:14">
      <c r="N296370" s="10"/>
    </row>
    <row r="296371" spans="14:14">
      <c r="N296371" s="10"/>
    </row>
    <row r="296372" spans="14:14">
      <c r="N296372" s="10"/>
    </row>
    <row r="296373" spans="14:14">
      <c r="N296373" s="10"/>
    </row>
    <row r="296374" spans="14:14">
      <c r="N296374" s="10"/>
    </row>
    <row r="296375" spans="14:14">
      <c r="N296375" s="10"/>
    </row>
    <row r="296376" spans="14:14">
      <c r="N296376" s="10"/>
    </row>
    <row r="296377" spans="14:14">
      <c r="N296377" s="10"/>
    </row>
    <row r="296378" spans="14:14">
      <c r="N296378" s="10"/>
    </row>
    <row r="296379" spans="14:14">
      <c r="N296379" s="10"/>
    </row>
    <row r="296380" spans="14:14">
      <c r="N296380" s="10"/>
    </row>
    <row r="296381" spans="14:14">
      <c r="N296381" s="10"/>
    </row>
    <row r="296382" spans="14:14">
      <c r="N296382" s="10"/>
    </row>
    <row r="296383" spans="14:14">
      <c r="N296383" s="10"/>
    </row>
    <row r="296384" spans="14:14">
      <c r="N296384" s="10"/>
    </row>
    <row r="296385" spans="14:14">
      <c r="N296385" s="10"/>
    </row>
    <row r="296386" spans="14:14">
      <c r="N296386" s="10"/>
    </row>
    <row r="296387" spans="14:14">
      <c r="N296387" s="10"/>
    </row>
    <row r="296388" spans="14:14">
      <c r="N296388" s="10"/>
    </row>
    <row r="296389" spans="14:14">
      <c r="N296389" s="10"/>
    </row>
    <row r="296390" spans="14:14">
      <c r="N296390" s="10"/>
    </row>
    <row r="296391" spans="14:14">
      <c r="N296391" s="10"/>
    </row>
    <row r="296392" spans="14:14">
      <c r="N296392" s="10"/>
    </row>
    <row r="296393" spans="14:14">
      <c r="N296393" s="10"/>
    </row>
    <row r="296394" spans="14:14">
      <c r="N296394" s="10"/>
    </row>
    <row r="296395" spans="14:14">
      <c r="N296395" s="10"/>
    </row>
    <row r="296396" spans="14:14">
      <c r="N296396" s="10"/>
    </row>
    <row r="296397" spans="14:14">
      <c r="N296397" s="10"/>
    </row>
    <row r="296398" spans="14:14">
      <c r="N296398" s="10"/>
    </row>
    <row r="296399" spans="14:14">
      <c r="N296399" s="10"/>
    </row>
    <row r="296400" spans="14:14">
      <c r="N296400" s="10"/>
    </row>
    <row r="296401" spans="14:14">
      <c r="N296401" s="10"/>
    </row>
    <row r="296402" spans="14:14">
      <c r="N296402" s="10"/>
    </row>
    <row r="296403" spans="14:14">
      <c r="N296403" s="10"/>
    </row>
    <row r="296404" spans="14:14">
      <c r="N296404" s="10"/>
    </row>
    <row r="296405" spans="14:14">
      <c r="N296405" s="10"/>
    </row>
    <row r="296406" spans="14:14">
      <c r="N296406" s="10"/>
    </row>
    <row r="296407" spans="14:14">
      <c r="N296407" s="10"/>
    </row>
    <row r="296408" spans="14:14">
      <c r="N296408" s="10"/>
    </row>
    <row r="296409" spans="14:14">
      <c r="N296409" s="10"/>
    </row>
    <row r="296410" spans="14:14">
      <c r="N296410" s="10"/>
    </row>
    <row r="296411" spans="14:14">
      <c r="N296411" s="10"/>
    </row>
    <row r="296412" spans="14:14">
      <c r="N296412" s="10"/>
    </row>
    <row r="296413" spans="14:14">
      <c r="N296413" s="10"/>
    </row>
    <row r="296414" spans="14:14">
      <c r="N296414" s="10"/>
    </row>
    <row r="296415" spans="14:14">
      <c r="N296415" s="10"/>
    </row>
    <row r="296416" spans="14:14">
      <c r="N296416" s="10"/>
    </row>
    <row r="296417" spans="14:14">
      <c r="N296417" s="10"/>
    </row>
    <row r="296418" spans="14:14">
      <c r="N296418" s="10"/>
    </row>
    <row r="296419" spans="14:14">
      <c r="N296419" s="10"/>
    </row>
    <row r="296420" spans="14:14">
      <c r="N296420" s="10"/>
    </row>
    <row r="296421" spans="14:14">
      <c r="N296421" s="10"/>
    </row>
    <row r="296422" spans="14:14">
      <c r="N296422" s="10"/>
    </row>
    <row r="296423" spans="14:14">
      <c r="N296423" s="10"/>
    </row>
    <row r="296424" spans="14:14">
      <c r="N296424" s="10"/>
    </row>
    <row r="296425" spans="14:14">
      <c r="N296425" s="10"/>
    </row>
    <row r="296426" spans="14:14">
      <c r="N296426" s="10"/>
    </row>
    <row r="296427" spans="14:14">
      <c r="N296427" s="10"/>
    </row>
    <row r="296428" spans="14:14">
      <c r="N296428" s="10"/>
    </row>
    <row r="296429" spans="14:14">
      <c r="N296429" s="10"/>
    </row>
    <row r="296430" spans="14:14">
      <c r="N296430" s="10"/>
    </row>
    <row r="296431" spans="14:14">
      <c r="N296431" s="10"/>
    </row>
    <row r="296432" spans="14:14">
      <c r="N296432" s="10"/>
    </row>
    <row r="296433" spans="14:14">
      <c r="N296433" s="10"/>
    </row>
    <row r="296434" spans="14:14">
      <c r="N296434" s="10"/>
    </row>
    <row r="296435" spans="14:14">
      <c r="N296435" s="10"/>
    </row>
    <row r="296436" spans="14:14">
      <c r="N296436" s="10"/>
    </row>
    <row r="296437" spans="14:14">
      <c r="N296437" s="10"/>
    </row>
    <row r="296438" spans="14:14">
      <c r="N296438" s="10"/>
    </row>
    <row r="296439" spans="14:14">
      <c r="N296439" s="10"/>
    </row>
    <row r="296440" spans="14:14">
      <c r="N296440" s="10"/>
    </row>
    <row r="296441" spans="14:14">
      <c r="N296441" s="10"/>
    </row>
    <row r="296442" spans="14:14">
      <c r="N296442" s="10"/>
    </row>
    <row r="296443" spans="14:14">
      <c r="N296443" s="10"/>
    </row>
    <row r="296444" spans="14:14">
      <c r="N296444" s="10"/>
    </row>
    <row r="296445" spans="14:14">
      <c r="N296445" s="10"/>
    </row>
    <row r="296446" spans="14:14">
      <c r="N296446" s="10"/>
    </row>
    <row r="296447" spans="14:14">
      <c r="N296447" s="10"/>
    </row>
    <row r="296448" spans="14:14">
      <c r="N296448" s="10"/>
    </row>
    <row r="296449" spans="14:14">
      <c r="N296449" s="10"/>
    </row>
    <row r="296450" spans="14:14">
      <c r="N296450" s="10"/>
    </row>
    <row r="296451" spans="14:14">
      <c r="N296451" s="10"/>
    </row>
    <row r="296452" spans="14:14">
      <c r="N296452" s="10"/>
    </row>
    <row r="296453" spans="14:14">
      <c r="N296453" s="10"/>
    </row>
    <row r="296454" spans="14:14">
      <c r="N296454" s="10"/>
    </row>
    <row r="296455" spans="14:14">
      <c r="N296455" s="10"/>
    </row>
    <row r="296456" spans="14:14">
      <c r="N296456" s="10"/>
    </row>
    <row r="296457" spans="14:14">
      <c r="N296457" s="10"/>
    </row>
    <row r="296458" spans="14:14">
      <c r="N296458" s="10"/>
    </row>
    <row r="296459" spans="14:14">
      <c r="N296459" s="10"/>
    </row>
    <row r="296460" spans="14:14">
      <c r="N296460" s="10"/>
    </row>
    <row r="296461" spans="14:14">
      <c r="N296461" s="10"/>
    </row>
    <row r="296462" spans="14:14">
      <c r="N296462" s="10"/>
    </row>
    <row r="296463" spans="14:14">
      <c r="N296463" s="10"/>
    </row>
    <row r="296464" spans="14:14">
      <c r="N296464" s="10"/>
    </row>
    <row r="296465" spans="14:14">
      <c r="N296465" s="10"/>
    </row>
    <row r="296466" spans="14:14">
      <c r="N296466" s="10"/>
    </row>
    <row r="296467" spans="14:14">
      <c r="N296467" s="10"/>
    </row>
    <row r="296468" spans="14:14">
      <c r="N296468" s="10"/>
    </row>
    <row r="296469" spans="14:14">
      <c r="N296469" s="10"/>
    </row>
    <row r="296470" spans="14:14">
      <c r="N296470" s="10"/>
    </row>
    <row r="296471" spans="14:14">
      <c r="N296471" s="10"/>
    </row>
    <row r="296472" spans="14:14">
      <c r="N296472" s="10"/>
    </row>
    <row r="296473" spans="14:14">
      <c r="N296473" s="10"/>
    </row>
    <row r="296474" spans="14:14">
      <c r="N296474" s="10"/>
    </row>
    <row r="296475" spans="14:14">
      <c r="N296475" s="10"/>
    </row>
    <row r="296476" spans="14:14">
      <c r="N296476" s="10"/>
    </row>
    <row r="296477" spans="14:14">
      <c r="N296477" s="10"/>
    </row>
    <row r="296478" spans="14:14">
      <c r="N296478" s="10"/>
    </row>
    <row r="296479" spans="14:14">
      <c r="N296479" s="10"/>
    </row>
    <row r="296480" spans="14:14">
      <c r="N296480" s="10"/>
    </row>
    <row r="296481" spans="14:14">
      <c r="N296481" s="10"/>
    </row>
    <row r="296482" spans="14:14">
      <c r="N296482" s="10"/>
    </row>
    <row r="296483" spans="14:14">
      <c r="N296483" s="10"/>
    </row>
    <row r="296484" spans="14:14">
      <c r="N296484" s="10"/>
    </row>
    <row r="296485" spans="14:14">
      <c r="N296485" s="10"/>
    </row>
    <row r="296486" spans="14:14">
      <c r="N296486" s="10"/>
    </row>
    <row r="296487" spans="14:14">
      <c r="N296487" s="10"/>
    </row>
    <row r="296488" spans="14:14">
      <c r="N296488" s="10"/>
    </row>
    <row r="296489" spans="14:14">
      <c r="N296489" s="10"/>
    </row>
    <row r="296490" spans="14:14">
      <c r="N296490" s="10"/>
    </row>
    <row r="296491" spans="14:14">
      <c r="N296491" s="10"/>
    </row>
    <row r="296492" spans="14:14">
      <c r="N296492" s="10"/>
    </row>
    <row r="296493" spans="14:14">
      <c r="N296493" s="10"/>
    </row>
    <row r="296494" spans="14:14">
      <c r="N296494" s="10"/>
    </row>
    <row r="296495" spans="14:14">
      <c r="N296495" s="10"/>
    </row>
    <row r="296496" spans="14:14">
      <c r="N296496" s="10"/>
    </row>
    <row r="296497" spans="14:14">
      <c r="N296497" s="10"/>
    </row>
    <row r="296498" spans="14:14">
      <c r="N296498" s="10"/>
    </row>
    <row r="296499" spans="14:14">
      <c r="N296499" s="10"/>
    </row>
    <row r="296500" spans="14:14">
      <c r="N296500" s="10"/>
    </row>
    <row r="296501" spans="14:14">
      <c r="N296501" s="10"/>
    </row>
    <row r="296502" spans="14:14">
      <c r="N296502" s="10"/>
    </row>
    <row r="296503" spans="14:14">
      <c r="N296503" s="10"/>
    </row>
    <row r="296504" spans="14:14">
      <c r="N296504" s="10"/>
    </row>
    <row r="296505" spans="14:14">
      <c r="N296505" s="10"/>
    </row>
    <row r="296506" spans="14:14">
      <c r="N296506" s="10"/>
    </row>
    <row r="296507" spans="14:14">
      <c r="N296507" s="10"/>
    </row>
    <row r="296508" spans="14:14">
      <c r="N296508" s="10"/>
    </row>
    <row r="296509" spans="14:14">
      <c r="N296509" s="10"/>
    </row>
    <row r="296510" spans="14:14">
      <c r="N296510" s="10"/>
    </row>
    <row r="296511" spans="14:14">
      <c r="N296511" s="10"/>
    </row>
    <row r="296512" spans="14:14">
      <c r="N296512" s="10"/>
    </row>
    <row r="296513" spans="14:14">
      <c r="N296513" s="10"/>
    </row>
    <row r="296514" spans="14:14">
      <c r="N296514" s="10"/>
    </row>
    <row r="296515" spans="14:14">
      <c r="N296515" s="10"/>
    </row>
    <row r="296516" spans="14:14">
      <c r="N296516" s="10"/>
    </row>
    <row r="296517" spans="14:14">
      <c r="N296517" s="10"/>
    </row>
    <row r="296518" spans="14:14">
      <c r="N296518" s="10"/>
    </row>
    <row r="296519" spans="14:14">
      <c r="N296519" s="10"/>
    </row>
    <row r="296520" spans="14:14">
      <c r="N296520" s="10"/>
    </row>
    <row r="296521" spans="14:14">
      <c r="N296521" s="10"/>
    </row>
    <row r="296522" spans="14:14">
      <c r="N296522" s="10"/>
    </row>
    <row r="296523" spans="14:14">
      <c r="N296523" s="10"/>
    </row>
    <row r="296524" spans="14:14">
      <c r="N296524" s="10"/>
    </row>
    <row r="296525" spans="14:14">
      <c r="N296525" s="10"/>
    </row>
    <row r="296526" spans="14:14">
      <c r="N296526" s="10"/>
    </row>
    <row r="296527" spans="14:14">
      <c r="N296527" s="10"/>
    </row>
    <row r="296528" spans="14:14">
      <c r="N296528" s="10"/>
    </row>
    <row r="296529" spans="14:14">
      <c r="N296529" s="10"/>
    </row>
    <row r="296530" spans="14:14">
      <c r="N296530" s="10"/>
    </row>
    <row r="296531" spans="14:14">
      <c r="N296531" s="10"/>
    </row>
    <row r="296532" spans="14:14">
      <c r="N296532" s="10"/>
    </row>
    <row r="296533" spans="14:14">
      <c r="N296533" s="10"/>
    </row>
    <row r="296534" spans="14:14">
      <c r="N296534" s="10"/>
    </row>
    <row r="296535" spans="14:14">
      <c r="N296535" s="10"/>
    </row>
    <row r="296536" spans="14:14">
      <c r="N296536" s="10"/>
    </row>
    <row r="296537" spans="14:14">
      <c r="N296537" s="10"/>
    </row>
    <row r="296538" spans="14:14">
      <c r="N296538" s="10"/>
    </row>
    <row r="296539" spans="14:14">
      <c r="N296539" s="10"/>
    </row>
    <row r="296540" spans="14:14">
      <c r="N296540" s="10"/>
    </row>
    <row r="296541" spans="14:14">
      <c r="N296541" s="10"/>
    </row>
    <row r="296542" spans="14:14">
      <c r="N296542" s="10"/>
    </row>
    <row r="296543" spans="14:14">
      <c r="N296543" s="10"/>
    </row>
    <row r="296544" spans="14:14">
      <c r="N296544" s="10"/>
    </row>
    <row r="296545" spans="14:14">
      <c r="N296545" s="10"/>
    </row>
    <row r="296546" spans="14:14">
      <c r="N296546" s="10"/>
    </row>
    <row r="296547" spans="14:14">
      <c r="N296547" s="10"/>
    </row>
    <row r="296548" spans="14:14">
      <c r="N296548" s="10"/>
    </row>
    <row r="296549" spans="14:14">
      <c r="N296549" s="10"/>
    </row>
    <row r="296550" spans="14:14">
      <c r="N296550" s="10"/>
    </row>
    <row r="296551" spans="14:14">
      <c r="N296551" s="10"/>
    </row>
    <row r="296552" spans="14:14">
      <c r="N296552" s="10"/>
    </row>
    <row r="296553" spans="14:14">
      <c r="N296553" s="10"/>
    </row>
    <row r="296554" spans="14:14">
      <c r="N296554" s="10"/>
    </row>
    <row r="296555" spans="14:14">
      <c r="N296555" s="10"/>
    </row>
    <row r="296556" spans="14:14">
      <c r="N296556" s="10"/>
    </row>
    <row r="296557" spans="14:14">
      <c r="N296557" s="10"/>
    </row>
    <row r="296558" spans="14:14">
      <c r="N296558" s="10"/>
    </row>
    <row r="296559" spans="14:14">
      <c r="N296559" s="10"/>
    </row>
    <row r="296560" spans="14:14">
      <c r="N296560" s="10"/>
    </row>
    <row r="296561" spans="14:14">
      <c r="N296561" s="10"/>
    </row>
    <row r="296562" spans="14:14">
      <c r="N296562" s="10"/>
    </row>
    <row r="296563" spans="14:14">
      <c r="N296563" s="10"/>
    </row>
    <row r="296564" spans="14:14">
      <c r="N296564" s="10"/>
    </row>
    <row r="296565" spans="14:14">
      <c r="N296565" s="10"/>
    </row>
    <row r="296566" spans="14:14">
      <c r="N296566" s="10"/>
    </row>
    <row r="296567" spans="14:14">
      <c r="N296567" s="10"/>
    </row>
    <row r="296568" spans="14:14">
      <c r="N296568" s="10"/>
    </row>
    <row r="296569" spans="14:14">
      <c r="N296569" s="10"/>
    </row>
    <row r="296570" spans="14:14">
      <c r="N296570" s="10"/>
    </row>
    <row r="296571" spans="14:14">
      <c r="N296571" s="10"/>
    </row>
    <row r="296572" spans="14:14">
      <c r="N296572" s="10"/>
    </row>
    <row r="296573" spans="14:14">
      <c r="N296573" s="10"/>
    </row>
    <row r="296574" spans="14:14">
      <c r="N296574" s="10"/>
    </row>
    <row r="296575" spans="14:14">
      <c r="N296575" s="10"/>
    </row>
    <row r="296576" spans="14:14">
      <c r="N296576" s="10"/>
    </row>
    <row r="296577" spans="14:14">
      <c r="N296577" s="10"/>
    </row>
    <row r="296578" spans="14:14">
      <c r="N296578" s="10"/>
    </row>
    <row r="296579" spans="14:14">
      <c r="N296579" s="10"/>
    </row>
    <row r="296580" spans="14:14">
      <c r="N296580" s="10"/>
    </row>
    <row r="296581" spans="14:14">
      <c r="N296581" s="10"/>
    </row>
    <row r="296582" spans="14:14">
      <c r="N296582" s="10"/>
    </row>
    <row r="296583" spans="14:14">
      <c r="N296583" s="10"/>
    </row>
    <row r="296584" spans="14:14">
      <c r="N296584" s="10"/>
    </row>
    <row r="296585" spans="14:14">
      <c r="N296585" s="10"/>
    </row>
    <row r="296586" spans="14:14">
      <c r="N296586" s="10"/>
    </row>
    <row r="296587" spans="14:14">
      <c r="N296587" s="10"/>
    </row>
    <row r="296588" spans="14:14">
      <c r="N296588" s="10"/>
    </row>
    <row r="296589" spans="14:14">
      <c r="N296589" s="10"/>
    </row>
    <row r="296590" spans="14:14">
      <c r="N296590" s="10"/>
    </row>
    <row r="296591" spans="14:14">
      <c r="N296591" s="10"/>
    </row>
    <row r="296592" spans="14:14">
      <c r="N296592" s="10"/>
    </row>
    <row r="296593" spans="14:14">
      <c r="N296593" s="10"/>
    </row>
    <row r="296594" spans="14:14">
      <c r="N296594" s="10"/>
    </row>
    <row r="296595" spans="14:14">
      <c r="N296595" s="10"/>
    </row>
    <row r="296596" spans="14:14">
      <c r="N296596" s="10"/>
    </row>
    <row r="296597" spans="14:14">
      <c r="N296597" s="10"/>
    </row>
    <row r="296598" spans="14:14">
      <c r="N296598" s="10"/>
    </row>
    <row r="296599" spans="14:14">
      <c r="N296599" s="10"/>
    </row>
    <row r="296600" spans="14:14">
      <c r="N296600" s="10"/>
    </row>
    <row r="296601" spans="14:14">
      <c r="N296601" s="10"/>
    </row>
    <row r="296602" spans="14:14">
      <c r="N296602" s="10"/>
    </row>
    <row r="296603" spans="14:14">
      <c r="N296603" s="10"/>
    </row>
    <row r="296604" spans="14:14">
      <c r="N296604" s="10"/>
    </row>
    <row r="296605" spans="14:14">
      <c r="N296605" s="10"/>
    </row>
    <row r="296606" spans="14:14">
      <c r="N296606" s="10"/>
    </row>
    <row r="296607" spans="14:14">
      <c r="N296607" s="10"/>
    </row>
    <row r="296608" spans="14:14">
      <c r="N296608" s="10"/>
    </row>
    <row r="296609" spans="14:14">
      <c r="N296609" s="10"/>
    </row>
    <row r="296610" spans="14:14">
      <c r="N296610" s="10"/>
    </row>
    <row r="296611" spans="14:14">
      <c r="N296611" s="10"/>
    </row>
    <row r="296612" spans="14:14">
      <c r="N296612" s="10"/>
    </row>
    <row r="296613" spans="14:14">
      <c r="N296613" s="10"/>
    </row>
    <row r="296614" spans="14:14">
      <c r="N296614" s="10"/>
    </row>
    <row r="296615" spans="14:14">
      <c r="N296615" s="10"/>
    </row>
    <row r="296616" spans="14:14">
      <c r="N296616" s="10"/>
    </row>
    <row r="296617" spans="14:14">
      <c r="N296617" s="10"/>
    </row>
    <row r="296618" spans="14:14">
      <c r="N296618" s="10"/>
    </row>
    <row r="296619" spans="14:14">
      <c r="N296619" s="10"/>
    </row>
    <row r="296620" spans="14:14">
      <c r="N296620" s="10"/>
    </row>
    <row r="296621" spans="14:14">
      <c r="N296621" s="10"/>
    </row>
    <row r="296622" spans="14:14">
      <c r="N296622" s="10"/>
    </row>
    <row r="296623" spans="14:14">
      <c r="N296623" s="10"/>
    </row>
    <row r="296624" spans="14:14">
      <c r="N296624" s="10"/>
    </row>
    <row r="296625" spans="14:14">
      <c r="N296625" s="10"/>
    </row>
    <row r="296626" spans="14:14">
      <c r="N296626" s="10"/>
    </row>
    <row r="296627" spans="14:14">
      <c r="N296627" s="10"/>
    </row>
    <row r="296628" spans="14:14">
      <c r="N296628" s="10"/>
    </row>
    <row r="296629" spans="14:14">
      <c r="N296629" s="10"/>
    </row>
    <row r="296630" spans="14:14">
      <c r="N296630" s="10"/>
    </row>
    <row r="296631" spans="14:14">
      <c r="N296631" s="10"/>
    </row>
    <row r="296632" spans="14:14">
      <c r="N296632" s="10"/>
    </row>
    <row r="296633" spans="14:14">
      <c r="N296633" s="10"/>
    </row>
    <row r="296634" spans="14:14">
      <c r="N296634" s="10"/>
    </row>
    <row r="296635" spans="14:14">
      <c r="N296635" s="10"/>
    </row>
    <row r="296636" spans="14:14">
      <c r="N296636" s="10"/>
    </row>
    <row r="296637" spans="14:14">
      <c r="N296637" s="10"/>
    </row>
    <row r="296638" spans="14:14">
      <c r="N296638" s="10"/>
    </row>
    <row r="296639" spans="14:14">
      <c r="N296639" s="10"/>
    </row>
    <row r="296640" spans="14:14">
      <c r="N296640" s="10"/>
    </row>
    <row r="296641" spans="14:14">
      <c r="N296641" s="10"/>
    </row>
    <row r="296642" spans="14:14">
      <c r="N296642" s="10"/>
    </row>
    <row r="296643" spans="14:14">
      <c r="N296643" s="10"/>
    </row>
    <row r="296644" spans="14:14">
      <c r="N296644" s="10"/>
    </row>
    <row r="296645" spans="14:14">
      <c r="N296645" s="10"/>
    </row>
    <row r="296646" spans="14:14">
      <c r="N296646" s="10"/>
    </row>
    <row r="296647" spans="14:14">
      <c r="N296647" s="10"/>
    </row>
    <row r="296648" spans="14:14">
      <c r="N296648" s="10"/>
    </row>
    <row r="296649" spans="14:14">
      <c r="N296649" s="10"/>
    </row>
    <row r="296650" spans="14:14">
      <c r="N296650" s="10"/>
    </row>
    <row r="296651" spans="14:14">
      <c r="N296651" s="10"/>
    </row>
    <row r="296652" spans="14:14">
      <c r="N296652" s="10"/>
    </row>
    <row r="296653" spans="14:14">
      <c r="N296653" s="10"/>
    </row>
    <row r="296654" spans="14:14">
      <c r="N296654" s="10"/>
    </row>
    <row r="296655" spans="14:14">
      <c r="N296655" s="10"/>
    </row>
    <row r="296656" spans="14:14">
      <c r="N296656" s="10"/>
    </row>
    <row r="296657" spans="14:14">
      <c r="N296657" s="10"/>
    </row>
    <row r="296658" spans="14:14">
      <c r="N296658" s="10"/>
    </row>
    <row r="296659" spans="14:14">
      <c r="N296659" s="10"/>
    </row>
    <row r="296660" spans="14:14">
      <c r="N296660" s="10"/>
    </row>
    <row r="296661" spans="14:14">
      <c r="N296661" s="10"/>
    </row>
    <row r="296662" spans="14:14">
      <c r="N296662" s="10"/>
    </row>
    <row r="296663" spans="14:14">
      <c r="N296663" s="10"/>
    </row>
    <row r="296664" spans="14:14">
      <c r="N296664" s="10"/>
    </row>
    <row r="296665" spans="14:14">
      <c r="N296665" s="10"/>
    </row>
    <row r="296666" spans="14:14">
      <c r="N296666" s="10"/>
    </row>
    <row r="296667" spans="14:14">
      <c r="N296667" s="10"/>
    </row>
    <row r="296668" spans="14:14">
      <c r="N296668" s="10"/>
    </row>
    <row r="296669" spans="14:14">
      <c r="N296669" s="10"/>
    </row>
    <row r="296670" spans="14:14">
      <c r="N296670" s="10"/>
    </row>
    <row r="296671" spans="14:14">
      <c r="N296671" s="10"/>
    </row>
    <row r="296672" spans="14:14">
      <c r="N296672" s="10"/>
    </row>
    <row r="296673" spans="14:14">
      <c r="N296673" s="10"/>
    </row>
    <row r="296674" spans="14:14">
      <c r="N296674" s="10"/>
    </row>
    <row r="296675" spans="14:14">
      <c r="N296675" s="10"/>
    </row>
    <row r="296676" spans="14:14">
      <c r="N296676" s="10"/>
    </row>
    <row r="296677" spans="14:14">
      <c r="N296677" s="10"/>
    </row>
    <row r="296678" spans="14:14">
      <c r="N296678" s="10"/>
    </row>
    <row r="296679" spans="14:14">
      <c r="N296679" s="10"/>
    </row>
    <row r="296680" spans="14:14">
      <c r="N296680" s="10"/>
    </row>
    <row r="296681" spans="14:14">
      <c r="N296681" s="10"/>
    </row>
    <row r="296682" spans="14:14">
      <c r="N296682" s="10"/>
    </row>
    <row r="296683" spans="14:14">
      <c r="N296683" s="10"/>
    </row>
    <row r="296684" spans="14:14">
      <c r="N296684" s="10"/>
    </row>
    <row r="296685" spans="14:14">
      <c r="N296685" s="10"/>
    </row>
    <row r="296686" spans="14:14">
      <c r="N296686" s="10"/>
    </row>
    <row r="296687" spans="14:14">
      <c r="N296687" s="10"/>
    </row>
    <row r="296688" spans="14:14">
      <c r="N296688" s="10"/>
    </row>
    <row r="296689" spans="14:14">
      <c r="N296689" s="10"/>
    </row>
    <row r="296690" spans="14:14">
      <c r="N296690" s="10"/>
    </row>
    <row r="296691" spans="14:14">
      <c r="N296691" s="10"/>
    </row>
    <row r="296692" spans="14:14">
      <c r="N296692" s="10"/>
    </row>
    <row r="296693" spans="14:14">
      <c r="N296693" s="10"/>
    </row>
    <row r="296694" spans="14:14">
      <c r="N296694" s="10"/>
    </row>
    <row r="296695" spans="14:14">
      <c r="N296695" s="10"/>
    </row>
    <row r="296696" spans="14:14">
      <c r="N296696" s="10"/>
    </row>
    <row r="296697" spans="14:14">
      <c r="N296697" s="10"/>
    </row>
    <row r="296698" spans="14:14">
      <c r="N296698" s="10"/>
    </row>
    <row r="296699" spans="14:14">
      <c r="N296699" s="10"/>
    </row>
    <row r="296700" spans="14:14">
      <c r="N296700" s="10"/>
    </row>
    <row r="296701" spans="14:14">
      <c r="N296701" s="10"/>
    </row>
    <row r="296702" spans="14:14">
      <c r="N296702" s="10"/>
    </row>
    <row r="296703" spans="14:14">
      <c r="N296703" s="10"/>
    </row>
    <row r="296704" spans="14:14">
      <c r="N296704" s="10"/>
    </row>
    <row r="296705" spans="14:14">
      <c r="N296705" s="10"/>
    </row>
    <row r="296706" spans="14:14">
      <c r="N296706" s="10"/>
    </row>
    <row r="296707" spans="14:14">
      <c r="N296707" s="10"/>
    </row>
    <row r="296708" spans="14:14">
      <c r="N296708" s="10"/>
    </row>
    <row r="296709" spans="14:14">
      <c r="N296709" s="10"/>
    </row>
    <row r="296710" spans="14:14">
      <c r="N296710" s="10"/>
    </row>
    <row r="296711" spans="14:14">
      <c r="N296711" s="10"/>
    </row>
    <row r="296712" spans="14:14">
      <c r="N296712" s="10"/>
    </row>
    <row r="296713" spans="14:14">
      <c r="N296713" s="10"/>
    </row>
    <row r="296714" spans="14:14">
      <c r="N296714" s="10"/>
    </row>
    <row r="296715" spans="14:14">
      <c r="N296715" s="10"/>
    </row>
    <row r="296716" spans="14:14">
      <c r="N296716" s="10"/>
    </row>
    <row r="296717" spans="14:14">
      <c r="N296717" s="10"/>
    </row>
    <row r="296718" spans="14:14">
      <c r="N296718" s="10"/>
    </row>
    <row r="296719" spans="14:14">
      <c r="N296719" s="10"/>
    </row>
    <row r="296720" spans="14:14">
      <c r="N296720" s="10"/>
    </row>
    <row r="296721" spans="14:14">
      <c r="N296721" s="10"/>
    </row>
    <row r="296722" spans="14:14">
      <c r="N296722" s="10"/>
    </row>
    <row r="296723" spans="14:14">
      <c r="N296723" s="10"/>
    </row>
    <row r="296724" spans="14:14">
      <c r="N296724" s="10"/>
    </row>
    <row r="296725" spans="14:14">
      <c r="N296725" s="10"/>
    </row>
    <row r="296726" spans="14:14">
      <c r="N296726" s="10"/>
    </row>
    <row r="296727" spans="14:14">
      <c r="N296727" s="10"/>
    </row>
    <row r="296728" spans="14:14">
      <c r="N296728" s="10"/>
    </row>
    <row r="296729" spans="14:14">
      <c r="N296729" s="10"/>
    </row>
    <row r="296730" spans="14:14">
      <c r="N296730" s="10"/>
    </row>
    <row r="296731" spans="14:14">
      <c r="N296731" s="10"/>
    </row>
    <row r="296732" spans="14:14">
      <c r="N296732" s="10"/>
    </row>
    <row r="296733" spans="14:14">
      <c r="N296733" s="10"/>
    </row>
    <row r="296734" spans="14:14">
      <c r="N296734" s="10"/>
    </row>
    <row r="296735" spans="14:14">
      <c r="N296735" s="10"/>
    </row>
    <row r="296736" spans="14:14">
      <c r="N296736" s="10"/>
    </row>
    <row r="296737" spans="14:14">
      <c r="N296737" s="10"/>
    </row>
    <row r="296738" spans="14:14">
      <c r="N296738" s="10"/>
    </row>
    <row r="296739" spans="14:14">
      <c r="N296739" s="10"/>
    </row>
    <row r="296740" spans="14:14">
      <c r="N296740" s="10"/>
    </row>
    <row r="296741" spans="14:14">
      <c r="N296741" s="10"/>
    </row>
    <row r="296742" spans="14:14">
      <c r="N296742" s="10"/>
    </row>
    <row r="296743" spans="14:14">
      <c r="N296743" s="10"/>
    </row>
    <row r="296744" spans="14:14">
      <c r="N296744" s="10"/>
    </row>
    <row r="296745" spans="14:14">
      <c r="N296745" s="10"/>
    </row>
    <row r="296746" spans="14:14">
      <c r="N296746" s="10"/>
    </row>
    <row r="296747" spans="14:14">
      <c r="N296747" s="10"/>
    </row>
    <row r="296748" spans="14:14">
      <c r="N296748" s="10"/>
    </row>
    <row r="296749" spans="14:14">
      <c r="N296749" s="10"/>
    </row>
    <row r="296750" spans="14:14">
      <c r="N296750" s="10"/>
    </row>
    <row r="296751" spans="14:14">
      <c r="N296751" s="10"/>
    </row>
    <row r="296752" spans="14:14">
      <c r="N296752" s="10"/>
    </row>
    <row r="296753" spans="14:14">
      <c r="N296753" s="10"/>
    </row>
    <row r="296754" spans="14:14">
      <c r="N296754" s="10"/>
    </row>
    <row r="296755" spans="14:14">
      <c r="N296755" s="10"/>
    </row>
    <row r="296756" spans="14:14">
      <c r="N296756" s="10"/>
    </row>
    <row r="296757" spans="14:14">
      <c r="N296757" s="10"/>
    </row>
    <row r="296758" spans="14:14">
      <c r="N296758" s="10"/>
    </row>
    <row r="296759" spans="14:14">
      <c r="N296759" s="10"/>
    </row>
    <row r="296760" spans="14:14">
      <c r="N296760" s="10"/>
    </row>
    <row r="296761" spans="14:14">
      <c r="N296761" s="10"/>
    </row>
    <row r="296762" spans="14:14">
      <c r="N296762" s="10"/>
    </row>
    <row r="296763" spans="14:14">
      <c r="N296763" s="10"/>
    </row>
    <row r="296764" spans="14:14">
      <c r="N296764" s="10"/>
    </row>
    <row r="296765" spans="14:14">
      <c r="N296765" s="10"/>
    </row>
    <row r="296766" spans="14:14">
      <c r="N296766" s="10"/>
    </row>
    <row r="296767" spans="14:14">
      <c r="N296767" s="10"/>
    </row>
    <row r="296768" spans="14:14">
      <c r="N296768" s="10"/>
    </row>
    <row r="296769" spans="14:14">
      <c r="N296769" s="10"/>
    </row>
    <row r="296770" spans="14:14">
      <c r="N296770" s="10"/>
    </row>
    <row r="296771" spans="14:14">
      <c r="N296771" s="10"/>
    </row>
    <row r="296772" spans="14:14">
      <c r="N296772" s="10"/>
    </row>
    <row r="296773" spans="14:14">
      <c r="N296773" s="10"/>
    </row>
    <row r="296774" spans="14:14">
      <c r="N296774" s="10"/>
    </row>
    <row r="296775" spans="14:14">
      <c r="N296775" s="10"/>
    </row>
    <row r="296776" spans="14:14">
      <c r="N296776" s="10"/>
    </row>
    <row r="296777" spans="14:14">
      <c r="N296777" s="10"/>
    </row>
    <row r="296778" spans="14:14">
      <c r="N296778" s="10"/>
    </row>
    <row r="296779" spans="14:14">
      <c r="N296779" s="10"/>
    </row>
    <row r="296780" spans="14:14">
      <c r="N296780" s="10"/>
    </row>
    <row r="296781" spans="14:14">
      <c r="N296781" s="10"/>
    </row>
    <row r="296782" spans="14:14">
      <c r="N296782" s="10"/>
    </row>
    <row r="296783" spans="14:14">
      <c r="N296783" s="10"/>
    </row>
    <row r="296784" spans="14:14">
      <c r="N296784" s="10"/>
    </row>
    <row r="296785" spans="14:14">
      <c r="N296785" s="10"/>
    </row>
    <row r="296786" spans="14:14">
      <c r="N296786" s="10"/>
    </row>
    <row r="296787" spans="14:14">
      <c r="N296787" s="10"/>
    </row>
    <row r="296788" spans="14:14">
      <c r="N296788" s="10"/>
    </row>
    <row r="296789" spans="14:14">
      <c r="N296789" s="10"/>
    </row>
    <row r="296790" spans="14:14">
      <c r="N296790" s="10"/>
    </row>
    <row r="296791" spans="14:14">
      <c r="N296791" s="10"/>
    </row>
    <row r="296792" spans="14:14">
      <c r="N296792" s="10"/>
    </row>
    <row r="296793" spans="14:14">
      <c r="N296793" s="10"/>
    </row>
    <row r="296794" spans="14:14">
      <c r="N296794" s="10"/>
    </row>
    <row r="296795" spans="14:14">
      <c r="N296795" s="10"/>
    </row>
    <row r="296796" spans="14:14">
      <c r="N296796" s="10"/>
    </row>
    <row r="296797" spans="14:14">
      <c r="N296797" s="10"/>
    </row>
    <row r="296798" spans="14:14">
      <c r="N296798" s="10"/>
    </row>
    <row r="296799" spans="14:14">
      <c r="N296799" s="10"/>
    </row>
    <row r="296800" spans="14:14">
      <c r="N296800" s="10"/>
    </row>
    <row r="296801" spans="14:14">
      <c r="N296801" s="10"/>
    </row>
    <row r="296802" spans="14:14">
      <c r="N296802" s="10"/>
    </row>
    <row r="296803" spans="14:14">
      <c r="N296803" s="10"/>
    </row>
    <row r="296804" spans="14:14">
      <c r="N296804" s="10"/>
    </row>
    <row r="296805" spans="14:14">
      <c r="N296805" s="10"/>
    </row>
    <row r="296806" spans="14:14">
      <c r="N296806" s="10"/>
    </row>
    <row r="296807" spans="14:14">
      <c r="N296807" s="10"/>
    </row>
    <row r="296808" spans="14:14">
      <c r="N296808" s="10"/>
    </row>
    <row r="296809" spans="14:14">
      <c r="N296809" s="10"/>
    </row>
    <row r="296810" spans="14:14">
      <c r="N296810" s="10"/>
    </row>
    <row r="296811" spans="14:14">
      <c r="N296811" s="10"/>
    </row>
    <row r="296812" spans="14:14">
      <c r="N296812" s="10"/>
    </row>
    <row r="296813" spans="14:14">
      <c r="N296813" s="10"/>
    </row>
    <row r="296814" spans="14:14">
      <c r="N296814" s="10"/>
    </row>
    <row r="296815" spans="14:14">
      <c r="N296815" s="10"/>
    </row>
    <row r="296816" spans="14:14">
      <c r="N296816" s="10"/>
    </row>
    <row r="296817" spans="14:14">
      <c r="N296817" s="10"/>
    </row>
    <row r="296818" spans="14:14">
      <c r="N296818" s="10"/>
    </row>
    <row r="296819" spans="14:14">
      <c r="N296819" s="10"/>
    </row>
    <row r="296820" spans="14:14">
      <c r="N296820" s="10"/>
    </row>
    <row r="296821" spans="14:14">
      <c r="N296821" s="10"/>
    </row>
    <row r="296822" spans="14:14">
      <c r="N296822" s="10"/>
    </row>
    <row r="296823" spans="14:14">
      <c r="N296823" s="10"/>
    </row>
    <row r="296824" spans="14:14">
      <c r="N296824" s="10"/>
    </row>
    <row r="296825" spans="14:14">
      <c r="N296825" s="10"/>
    </row>
    <row r="296826" spans="14:14">
      <c r="N296826" s="10"/>
    </row>
    <row r="296827" spans="14:14">
      <c r="N296827" s="10"/>
    </row>
    <row r="296828" spans="14:14">
      <c r="N296828" s="10"/>
    </row>
    <row r="296829" spans="14:14">
      <c r="N296829" s="10"/>
    </row>
    <row r="296830" spans="14:14">
      <c r="N296830" s="10"/>
    </row>
    <row r="296831" spans="14:14">
      <c r="N296831" s="10"/>
    </row>
    <row r="296832" spans="14:14">
      <c r="N296832" s="10"/>
    </row>
    <row r="296833" spans="14:14">
      <c r="N296833" s="10"/>
    </row>
    <row r="296834" spans="14:14">
      <c r="N296834" s="10"/>
    </row>
    <row r="296835" spans="14:14">
      <c r="N296835" s="10"/>
    </row>
    <row r="296836" spans="14:14">
      <c r="N296836" s="10"/>
    </row>
    <row r="296837" spans="14:14">
      <c r="N296837" s="10"/>
    </row>
    <row r="296838" spans="14:14">
      <c r="N296838" s="10"/>
    </row>
    <row r="296839" spans="14:14">
      <c r="N296839" s="10"/>
    </row>
    <row r="296840" spans="14:14">
      <c r="N296840" s="10"/>
    </row>
    <row r="296841" spans="14:14">
      <c r="N296841" s="10"/>
    </row>
    <row r="296842" spans="14:14">
      <c r="N296842" s="10"/>
    </row>
    <row r="296843" spans="14:14">
      <c r="N296843" s="10"/>
    </row>
    <row r="296844" spans="14:14">
      <c r="N296844" s="10"/>
    </row>
    <row r="296845" spans="14:14">
      <c r="N296845" s="10"/>
    </row>
    <row r="296846" spans="14:14">
      <c r="N296846" s="10"/>
    </row>
    <row r="296847" spans="14:14">
      <c r="N296847" s="10"/>
    </row>
    <row r="296848" spans="14:14">
      <c r="N296848" s="10"/>
    </row>
    <row r="296849" spans="14:14">
      <c r="N296849" s="10"/>
    </row>
    <row r="296850" spans="14:14">
      <c r="N296850" s="10"/>
    </row>
    <row r="296851" spans="14:14">
      <c r="N296851" s="10"/>
    </row>
    <row r="296852" spans="14:14">
      <c r="N296852" s="10"/>
    </row>
    <row r="296853" spans="14:14">
      <c r="N296853" s="10"/>
    </row>
    <row r="296854" spans="14:14">
      <c r="N296854" s="10"/>
    </row>
    <row r="296855" spans="14:14">
      <c r="N296855" s="10"/>
    </row>
    <row r="296856" spans="14:14">
      <c r="N296856" s="10"/>
    </row>
    <row r="296857" spans="14:14">
      <c r="N296857" s="10"/>
    </row>
    <row r="296858" spans="14:14">
      <c r="N296858" s="10"/>
    </row>
    <row r="296859" spans="14:14">
      <c r="N296859" s="10"/>
    </row>
    <row r="296860" spans="14:14">
      <c r="N296860" s="10"/>
    </row>
    <row r="296861" spans="14:14">
      <c r="N296861" s="10"/>
    </row>
    <row r="296862" spans="14:14">
      <c r="N296862" s="10"/>
    </row>
    <row r="296863" spans="14:14">
      <c r="N296863" s="10"/>
    </row>
    <row r="296864" spans="14:14">
      <c r="N296864" s="10"/>
    </row>
    <row r="296865" spans="14:14">
      <c r="N296865" s="10"/>
    </row>
    <row r="296866" spans="14:14">
      <c r="N296866" s="10"/>
    </row>
    <row r="296867" spans="14:14">
      <c r="N296867" s="10"/>
    </row>
    <row r="296868" spans="14:14">
      <c r="N296868" s="10"/>
    </row>
    <row r="296869" spans="14:14">
      <c r="N296869" s="10"/>
    </row>
    <row r="296870" spans="14:14">
      <c r="N296870" s="10"/>
    </row>
    <row r="296871" spans="14:14">
      <c r="N296871" s="10"/>
    </row>
    <row r="296872" spans="14:14">
      <c r="N296872" s="10"/>
    </row>
    <row r="296873" spans="14:14">
      <c r="N296873" s="10"/>
    </row>
    <row r="296874" spans="14:14">
      <c r="N296874" s="10"/>
    </row>
    <row r="296875" spans="14:14">
      <c r="N296875" s="10"/>
    </row>
    <row r="296876" spans="14:14">
      <c r="N296876" s="10"/>
    </row>
    <row r="296877" spans="14:14">
      <c r="N296877" s="10"/>
    </row>
    <row r="296878" spans="14:14">
      <c r="N296878" s="10"/>
    </row>
    <row r="296879" spans="14:14">
      <c r="N296879" s="10"/>
    </row>
    <row r="296880" spans="14:14">
      <c r="N296880" s="10"/>
    </row>
    <row r="296881" spans="14:14">
      <c r="N296881" s="10"/>
    </row>
    <row r="296882" spans="14:14">
      <c r="N296882" s="10"/>
    </row>
    <row r="296883" spans="14:14">
      <c r="N296883" s="10"/>
    </row>
    <row r="296884" spans="14:14">
      <c r="N296884" s="10"/>
    </row>
    <row r="296885" spans="14:14">
      <c r="N296885" s="10"/>
    </row>
    <row r="296886" spans="14:14">
      <c r="N296886" s="10"/>
    </row>
    <row r="296887" spans="14:14">
      <c r="N296887" s="10"/>
    </row>
    <row r="296888" spans="14:14">
      <c r="N296888" s="10"/>
    </row>
    <row r="296889" spans="14:14">
      <c r="N296889" s="10"/>
    </row>
    <row r="296890" spans="14:14">
      <c r="N296890" s="10"/>
    </row>
    <row r="296891" spans="14:14">
      <c r="N296891" s="10"/>
    </row>
    <row r="296892" spans="14:14">
      <c r="N296892" s="10"/>
    </row>
    <row r="296893" spans="14:14">
      <c r="N296893" s="10"/>
    </row>
    <row r="296894" spans="14:14">
      <c r="N296894" s="10"/>
    </row>
    <row r="296895" spans="14:14">
      <c r="N296895" s="10"/>
    </row>
    <row r="296896" spans="14:14">
      <c r="N296896" s="10"/>
    </row>
    <row r="296897" spans="14:14">
      <c r="N296897" s="10"/>
    </row>
    <row r="296898" spans="14:14">
      <c r="N296898" s="10"/>
    </row>
    <row r="296899" spans="14:14">
      <c r="N296899" s="10"/>
    </row>
    <row r="296900" spans="14:14">
      <c r="N296900" s="10"/>
    </row>
    <row r="296901" spans="14:14">
      <c r="N296901" s="10"/>
    </row>
    <row r="296902" spans="14:14">
      <c r="N296902" s="10"/>
    </row>
    <row r="296903" spans="14:14">
      <c r="N296903" s="10"/>
    </row>
    <row r="296904" spans="14:14">
      <c r="N296904" s="10"/>
    </row>
    <row r="296905" spans="14:14">
      <c r="N296905" s="10"/>
    </row>
    <row r="296906" spans="14:14">
      <c r="N296906" s="10"/>
    </row>
    <row r="296907" spans="14:14">
      <c r="N296907" s="10"/>
    </row>
    <row r="296908" spans="14:14">
      <c r="N296908" s="10"/>
    </row>
    <row r="296909" spans="14:14">
      <c r="N296909" s="10"/>
    </row>
    <row r="296910" spans="14:14">
      <c r="N296910" s="10"/>
    </row>
    <row r="296911" spans="14:14">
      <c r="N296911" s="10"/>
    </row>
    <row r="296912" spans="14:14">
      <c r="N296912" s="10"/>
    </row>
    <row r="296913" spans="14:14">
      <c r="N296913" s="10"/>
    </row>
    <row r="296914" spans="14:14">
      <c r="N296914" s="10"/>
    </row>
    <row r="296915" spans="14:14">
      <c r="N296915" s="10"/>
    </row>
    <row r="296916" spans="14:14">
      <c r="N296916" s="10"/>
    </row>
    <row r="296917" spans="14:14">
      <c r="N296917" s="10"/>
    </row>
    <row r="296918" spans="14:14">
      <c r="N296918" s="10"/>
    </row>
    <row r="296919" spans="14:14">
      <c r="N296919" s="10"/>
    </row>
    <row r="296920" spans="14:14">
      <c r="N296920" s="10"/>
    </row>
    <row r="296921" spans="14:14">
      <c r="N296921" s="10"/>
    </row>
    <row r="296922" spans="14:14">
      <c r="N296922" s="10"/>
    </row>
    <row r="296923" spans="14:14">
      <c r="N296923" s="10"/>
    </row>
    <row r="296924" spans="14:14">
      <c r="N296924" s="10"/>
    </row>
    <row r="296925" spans="14:14">
      <c r="N296925" s="10"/>
    </row>
    <row r="296926" spans="14:14">
      <c r="N296926" s="10"/>
    </row>
    <row r="296927" spans="14:14">
      <c r="N296927" s="10"/>
    </row>
    <row r="296928" spans="14:14">
      <c r="N296928" s="10"/>
    </row>
    <row r="296929" spans="14:14">
      <c r="N296929" s="10"/>
    </row>
    <row r="296930" spans="14:14">
      <c r="N296930" s="10"/>
    </row>
    <row r="296931" spans="14:14">
      <c r="N296931" s="10"/>
    </row>
    <row r="296932" spans="14:14">
      <c r="N296932" s="10"/>
    </row>
    <row r="296933" spans="14:14">
      <c r="N296933" s="10"/>
    </row>
    <row r="296934" spans="14:14">
      <c r="N296934" s="10"/>
    </row>
    <row r="296935" spans="14:14">
      <c r="N296935" s="10"/>
    </row>
    <row r="296936" spans="14:14">
      <c r="N296936" s="10"/>
    </row>
    <row r="296937" spans="14:14">
      <c r="N296937" s="10"/>
    </row>
    <row r="296938" spans="14:14">
      <c r="N296938" s="10"/>
    </row>
    <row r="296939" spans="14:14">
      <c r="N296939" s="10"/>
    </row>
    <row r="296940" spans="14:14">
      <c r="N296940" s="10"/>
    </row>
    <row r="296941" spans="14:14">
      <c r="N296941" s="10"/>
    </row>
    <row r="296942" spans="14:14">
      <c r="N296942" s="10"/>
    </row>
    <row r="296943" spans="14:14">
      <c r="N296943" s="10"/>
    </row>
    <row r="296944" spans="14:14">
      <c r="N296944" s="10"/>
    </row>
    <row r="296945" spans="14:14">
      <c r="N296945" s="10"/>
    </row>
    <row r="296946" spans="14:14">
      <c r="N296946" s="10"/>
    </row>
    <row r="296947" spans="14:14">
      <c r="N296947" s="10"/>
    </row>
    <row r="296948" spans="14:14">
      <c r="N296948" s="10"/>
    </row>
    <row r="296949" spans="14:14">
      <c r="N296949" s="10"/>
    </row>
    <row r="296950" spans="14:14">
      <c r="N296950" s="10"/>
    </row>
    <row r="296951" spans="14:14">
      <c r="N296951" s="10"/>
    </row>
    <row r="296952" spans="14:14">
      <c r="N296952" s="10"/>
    </row>
    <row r="296953" spans="14:14">
      <c r="N296953" s="10"/>
    </row>
    <row r="296954" spans="14:14">
      <c r="N296954" s="10"/>
    </row>
    <row r="296955" spans="14:14">
      <c r="N296955" s="10"/>
    </row>
    <row r="296956" spans="14:14">
      <c r="N296956" s="10"/>
    </row>
    <row r="296957" spans="14:14">
      <c r="N296957" s="10"/>
    </row>
    <row r="296958" spans="14:14">
      <c r="N296958" s="10"/>
    </row>
    <row r="296959" spans="14:14">
      <c r="N296959" s="10"/>
    </row>
    <row r="296960" spans="14:14">
      <c r="N296960" s="10"/>
    </row>
    <row r="296961" spans="14:14">
      <c r="N296961" s="10"/>
    </row>
    <row r="296962" spans="14:14">
      <c r="N296962" s="10"/>
    </row>
    <row r="296963" spans="14:14">
      <c r="N296963" s="10"/>
    </row>
    <row r="296964" spans="14:14">
      <c r="N296964" s="10"/>
    </row>
    <row r="296965" spans="14:14">
      <c r="N296965" s="10"/>
    </row>
    <row r="296966" spans="14:14">
      <c r="N296966" s="10"/>
    </row>
    <row r="296967" spans="14:14">
      <c r="N296967" s="10"/>
    </row>
    <row r="296968" spans="14:14">
      <c r="N296968" s="10"/>
    </row>
    <row r="296969" spans="14:14">
      <c r="N296969" s="10"/>
    </row>
    <row r="296970" spans="14:14">
      <c r="N296970" s="10"/>
    </row>
    <row r="296971" spans="14:14">
      <c r="N296971" s="10"/>
    </row>
    <row r="296972" spans="14:14">
      <c r="N296972" s="10"/>
    </row>
    <row r="296973" spans="14:14">
      <c r="N296973" s="10"/>
    </row>
    <row r="296974" spans="14:14">
      <c r="N296974" s="10"/>
    </row>
    <row r="296975" spans="14:14">
      <c r="N296975" s="10"/>
    </row>
    <row r="296976" spans="14:14">
      <c r="N296976" s="10"/>
    </row>
    <row r="296977" spans="14:14">
      <c r="N296977" s="10"/>
    </row>
    <row r="296978" spans="14:14">
      <c r="N296978" s="10"/>
    </row>
    <row r="296979" spans="14:14">
      <c r="N296979" s="10"/>
    </row>
    <row r="296980" spans="14:14">
      <c r="N296980" s="10"/>
    </row>
    <row r="296981" spans="14:14">
      <c r="N296981" s="10"/>
    </row>
    <row r="296982" spans="14:14">
      <c r="N296982" s="10"/>
    </row>
    <row r="296983" spans="14:14">
      <c r="N296983" s="10"/>
    </row>
    <row r="296984" spans="14:14">
      <c r="N296984" s="10"/>
    </row>
    <row r="296985" spans="14:14">
      <c r="N296985" s="10"/>
    </row>
    <row r="296986" spans="14:14">
      <c r="N296986" s="10"/>
    </row>
    <row r="296987" spans="14:14">
      <c r="N296987" s="10"/>
    </row>
    <row r="296988" spans="14:14">
      <c r="N296988" s="10"/>
    </row>
    <row r="296989" spans="14:14">
      <c r="N296989" s="10"/>
    </row>
    <row r="296990" spans="14:14">
      <c r="N296990" s="10"/>
    </row>
    <row r="296991" spans="14:14">
      <c r="N296991" s="10"/>
    </row>
    <row r="296992" spans="14:14">
      <c r="N296992" s="10"/>
    </row>
    <row r="296993" spans="14:14">
      <c r="N296993" s="10"/>
    </row>
    <row r="296994" spans="14:14">
      <c r="N296994" s="10"/>
    </row>
    <row r="296995" spans="14:14">
      <c r="N296995" s="10"/>
    </row>
    <row r="296996" spans="14:14">
      <c r="N296996" s="10"/>
    </row>
    <row r="296997" spans="14:14">
      <c r="N296997" s="10"/>
    </row>
    <row r="296998" spans="14:14">
      <c r="N296998" s="10"/>
    </row>
    <row r="296999" spans="14:14">
      <c r="N296999" s="10"/>
    </row>
    <row r="297000" spans="14:14">
      <c r="N297000" s="10"/>
    </row>
    <row r="297001" spans="14:14">
      <c r="N297001" s="10"/>
    </row>
    <row r="297002" spans="14:14">
      <c r="N297002" s="10"/>
    </row>
    <row r="297003" spans="14:14">
      <c r="N297003" s="10"/>
    </row>
    <row r="297004" spans="14:14">
      <c r="N297004" s="10"/>
    </row>
    <row r="297005" spans="14:14">
      <c r="N297005" s="10"/>
    </row>
    <row r="297006" spans="14:14">
      <c r="N297006" s="10"/>
    </row>
    <row r="297007" spans="14:14">
      <c r="N297007" s="10"/>
    </row>
    <row r="297008" spans="14:14">
      <c r="N297008" s="10"/>
    </row>
    <row r="297009" spans="14:14">
      <c r="N297009" s="10"/>
    </row>
    <row r="297010" spans="14:14">
      <c r="N297010" s="10"/>
    </row>
    <row r="297011" spans="14:14">
      <c r="N297011" s="10"/>
    </row>
    <row r="297012" spans="14:14">
      <c r="N297012" s="10"/>
    </row>
    <row r="297013" spans="14:14">
      <c r="N297013" s="10"/>
    </row>
    <row r="297014" spans="14:14">
      <c r="N297014" s="10"/>
    </row>
    <row r="297015" spans="14:14">
      <c r="N297015" s="10"/>
    </row>
    <row r="297016" spans="14:14">
      <c r="N297016" s="10"/>
    </row>
    <row r="297017" spans="14:14">
      <c r="N297017" s="10"/>
    </row>
    <row r="297018" spans="14:14">
      <c r="N297018" s="10"/>
    </row>
    <row r="297019" spans="14:14">
      <c r="N297019" s="10"/>
    </row>
    <row r="297020" spans="14:14">
      <c r="N297020" s="10"/>
    </row>
    <row r="297021" spans="14:14">
      <c r="N297021" s="10"/>
    </row>
    <row r="297022" spans="14:14">
      <c r="N297022" s="10"/>
    </row>
    <row r="297023" spans="14:14">
      <c r="N297023" s="10"/>
    </row>
    <row r="297024" spans="14:14">
      <c r="N297024" s="10"/>
    </row>
    <row r="297025" spans="14:14">
      <c r="N297025" s="10"/>
    </row>
    <row r="297026" spans="14:14">
      <c r="N297026" s="10"/>
    </row>
    <row r="297027" spans="14:14">
      <c r="N297027" s="10"/>
    </row>
    <row r="297028" spans="14:14">
      <c r="N297028" s="10"/>
    </row>
    <row r="297029" spans="14:14">
      <c r="N297029" s="10"/>
    </row>
    <row r="297030" spans="14:14">
      <c r="N297030" s="10"/>
    </row>
    <row r="297031" spans="14:14">
      <c r="N297031" s="10"/>
    </row>
    <row r="297032" spans="14:14">
      <c r="N297032" s="10"/>
    </row>
    <row r="297033" spans="14:14">
      <c r="N297033" s="10"/>
    </row>
    <row r="297034" spans="14:14">
      <c r="N297034" s="10"/>
    </row>
    <row r="297035" spans="14:14">
      <c r="N297035" s="10"/>
    </row>
    <row r="297036" spans="14:14">
      <c r="N297036" s="10"/>
    </row>
    <row r="297037" spans="14:14">
      <c r="N297037" s="10"/>
    </row>
    <row r="297038" spans="14:14">
      <c r="N297038" s="10"/>
    </row>
    <row r="297039" spans="14:14">
      <c r="N297039" s="10"/>
    </row>
    <row r="297040" spans="14:14">
      <c r="N297040" s="10"/>
    </row>
    <row r="297041" spans="14:14">
      <c r="N297041" s="10"/>
    </row>
    <row r="297042" spans="14:14">
      <c r="N297042" s="10"/>
    </row>
    <row r="297043" spans="14:14">
      <c r="N297043" s="10"/>
    </row>
    <row r="297044" spans="14:14">
      <c r="N297044" s="10"/>
    </row>
    <row r="297045" spans="14:14">
      <c r="N297045" s="10"/>
    </row>
    <row r="297046" spans="14:14">
      <c r="N297046" s="10"/>
    </row>
    <row r="297047" spans="14:14">
      <c r="N297047" s="10"/>
    </row>
    <row r="297048" spans="14:14">
      <c r="N297048" s="10"/>
    </row>
    <row r="297049" spans="14:14">
      <c r="N297049" s="10"/>
    </row>
    <row r="297050" spans="14:14">
      <c r="N297050" s="10"/>
    </row>
    <row r="297051" spans="14:14">
      <c r="N297051" s="10"/>
    </row>
    <row r="297052" spans="14:14">
      <c r="N297052" s="10"/>
    </row>
    <row r="297053" spans="14:14">
      <c r="N297053" s="10"/>
    </row>
    <row r="297054" spans="14:14">
      <c r="N297054" s="10"/>
    </row>
    <row r="297055" spans="14:14">
      <c r="N297055" s="10"/>
    </row>
    <row r="297056" spans="14:14">
      <c r="N297056" s="10"/>
    </row>
    <row r="297057" spans="14:14">
      <c r="N297057" s="10"/>
    </row>
    <row r="297058" spans="14:14">
      <c r="N297058" s="10"/>
    </row>
    <row r="297059" spans="14:14">
      <c r="N297059" s="10"/>
    </row>
    <row r="297060" spans="14:14">
      <c r="N297060" s="10"/>
    </row>
    <row r="297061" spans="14:14">
      <c r="N297061" s="10"/>
    </row>
    <row r="297062" spans="14:14">
      <c r="N297062" s="10"/>
    </row>
    <row r="297063" spans="14:14">
      <c r="N297063" s="10"/>
    </row>
    <row r="297064" spans="14:14">
      <c r="N297064" s="10"/>
    </row>
    <row r="297065" spans="14:14">
      <c r="N297065" s="10"/>
    </row>
    <row r="297066" spans="14:14">
      <c r="N297066" s="10"/>
    </row>
    <row r="297067" spans="14:14">
      <c r="N297067" s="10"/>
    </row>
    <row r="297068" spans="14:14">
      <c r="N297068" s="10"/>
    </row>
    <row r="297069" spans="14:14">
      <c r="N297069" s="10"/>
    </row>
    <row r="297070" spans="14:14">
      <c r="N297070" s="10"/>
    </row>
    <row r="297071" spans="14:14">
      <c r="N297071" s="10"/>
    </row>
    <row r="297072" spans="14:14">
      <c r="N297072" s="10"/>
    </row>
    <row r="297073" spans="14:14">
      <c r="N297073" s="10"/>
    </row>
    <row r="297074" spans="14:14">
      <c r="N297074" s="10"/>
    </row>
    <row r="297075" spans="14:14">
      <c r="N297075" s="10"/>
    </row>
    <row r="297076" spans="14:14">
      <c r="N297076" s="10"/>
    </row>
    <row r="297077" spans="14:14">
      <c r="N297077" s="10"/>
    </row>
    <row r="297078" spans="14:14">
      <c r="N297078" s="10"/>
    </row>
    <row r="297079" spans="14:14">
      <c r="N297079" s="10"/>
    </row>
    <row r="297080" spans="14:14">
      <c r="N297080" s="10"/>
    </row>
    <row r="297081" spans="14:14">
      <c r="N297081" s="10"/>
    </row>
    <row r="297082" spans="14:14">
      <c r="N297082" s="10"/>
    </row>
    <row r="297083" spans="14:14">
      <c r="N297083" s="10"/>
    </row>
    <row r="297084" spans="14:14">
      <c r="N297084" s="10"/>
    </row>
    <row r="297085" spans="14:14">
      <c r="N297085" s="10"/>
    </row>
    <row r="297086" spans="14:14">
      <c r="N297086" s="10"/>
    </row>
    <row r="297087" spans="14:14">
      <c r="N297087" s="10"/>
    </row>
    <row r="297088" spans="14:14">
      <c r="N297088" s="10"/>
    </row>
    <row r="297089" spans="14:14">
      <c r="N297089" s="10"/>
    </row>
    <row r="297090" spans="14:14">
      <c r="N297090" s="10"/>
    </row>
    <row r="297091" spans="14:14">
      <c r="N297091" s="10"/>
    </row>
    <row r="297092" spans="14:14">
      <c r="N297092" s="10"/>
    </row>
    <row r="297093" spans="14:14">
      <c r="N297093" s="10"/>
    </row>
    <row r="297094" spans="14:14">
      <c r="N297094" s="10"/>
    </row>
    <row r="297095" spans="14:14">
      <c r="N297095" s="10"/>
    </row>
    <row r="297096" spans="14:14">
      <c r="N297096" s="10"/>
    </row>
    <row r="297097" spans="14:14">
      <c r="N297097" s="10"/>
    </row>
    <row r="297098" spans="14:14">
      <c r="N297098" s="10"/>
    </row>
    <row r="297099" spans="14:14">
      <c r="N297099" s="10"/>
    </row>
    <row r="297100" spans="14:14">
      <c r="N297100" s="10"/>
    </row>
    <row r="297101" spans="14:14">
      <c r="N297101" s="10"/>
    </row>
    <row r="297102" spans="14:14">
      <c r="N297102" s="10"/>
    </row>
    <row r="297103" spans="14:14">
      <c r="N297103" s="10"/>
    </row>
    <row r="297104" spans="14:14">
      <c r="N297104" s="10"/>
    </row>
    <row r="297105" spans="14:14">
      <c r="N297105" s="10"/>
    </row>
    <row r="297106" spans="14:14">
      <c r="N297106" s="10"/>
    </row>
    <row r="297107" spans="14:14">
      <c r="N297107" s="10"/>
    </row>
    <row r="297108" spans="14:14">
      <c r="N297108" s="10"/>
    </row>
    <row r="297109" spans="14:14">
      <c r="N297109" s="10"/>
    </row>
    <row r="297110" spans="14:14">
      <c r="N297110" s="10"/>
    </row>
    <row r="297111" spans="14:14">
      <c r="N297111" s="10"/>
    </row>
    <row r="297112" spans="14:14">
      <c r="N297112" s="10"/>
    </row>
    <row r="297113" spans="14:14">
      <c r="N297113" s="10"/>
    </row>
    <row r="297114" spans="14:14">
      <c r="N297114" s="10"/>
    </row>
    <row r="297115" spans="14:14">
      <c r="N297115" s="10"/>
    </row>
    <row r="297116" spans="14:14">
      <c r="N297116" s="10"/>
    </row>
    <row r="297117" spans="14:14">
      <c r="N297117" s="10"/>
    </row>
    <row r="297118" spans="14:14">
      <c r="N297118" s="10"/>
    </row>
    <row r="297119" spans="14:14">
      <c r="N297119" s="10"/>
    </row>
    <row r="297120" spans="14:14">
      <c r="N297120" s="10"/>
    </row>
    <row r="297121" spans="14:14">
      <c r="N297121" s="10"/>
    </row>
    <row r="297122" spans="14:14">
      <c r="N297122" s="10"/>
    </row>
    <row r="297123" spans="14:14">
      <c r="N297123" s="10"/>
    </row>
    <row r="297124" spans="14:14">
      <c r="N297124" s="10"/>
    </row>
    <row r="297125" spans="14:14">
      <c r="N297125" s="10"/>
    </row>
    <row r="297126" spans="14:14">
      <c r="N297126" s="10"/>
    </row>
    <row r="297127" spans="14:14">
      <c r="N297127" s="10"/>
    </row>
    <row r="297128" spans="14:14">
      <c r="N297128" s="10"/>
    </row>
    <row r="297129" spans="14:14">
      <c r="N297129" s="10"/>
    </row>
    <row r="297130" spans="14:14">
      <c r="N297130" s="10"/>
    </row>
    <row r="297131" spans="14:14">
      <c r="N297131" s="10"/>
    </row>
    <row r="297132" spans="14:14">
      <c r="N297132" s="10"/>
    </row>
    <row r="297133" spans="14:14">
      <c r="N297133" s="10"/>
    </row>
    <row r="297134" spans="14:14">
      <c r="N297134" s="10"/>
    </row>
    <row r="297135" spans="14:14">
      <c r="N297135" s="10"/>
    </row>
    <row r="297136" spans="14:14">
      <c r="N297136" s="10"/>
    </row>
    <row r="297137" spans="14:14">
      <c r="N297137" s="10"/>
    </row>
    <row r="297138" spans="14:14">
      <c r="N297138" s="10"/>
    </row>
    <row r="297139" spans="14:14">
      <c r="N297139" s="10"/>
    </row>
    <row r="297140" spans="14:14">
      <c r="N297140" s="10"/>
    </row>
    <row r="297141" spans="14:14">
      <c r="N297141" s="10"/>
    </row>
    <row r="297142" spans="14:14">
      <c r="N297142" s="10"/>
    </row>
    <row r="297143" spans="14:14">
      <c r="N297143" s="10"/>
    </row>
    <row r="297144" spans="14:14">
      <c r="N297144" s="10"/>
    </row>
    <row r="297145" spans="14:14">
      <c r="N297145" s="10"/>
    </row>
    <row r="297146" spans="14:14">
      <c r="N297146" s="10"/>
    </row>
    <row r="297147" spans="14:14">
      <c r="N297147" s="10"/>
    </row>
    <row r="297148" spans="14:14">
      <c r="N297148" s="10"/>
    </row>
    <row r="297149" spans="14:14">
      <c r="N297149" s="10"/>
    </row>
    <row r="297150" spans="14:14">
      <c r="N297150" s="10"/>
    </row>
    <row r="297151" spans="14:14">
      <c r="N297151" s="10"/>
    </row>
    <row r="297152" spans="14:14">
      <c r="N297152" s="10"/>
    </row>
    <row r="297153" spans="14:14">
      <c r="N297153" s="10"/>
    </row>
    <row r="297154" spans="14:14">
      <c r="N297154" s="10"/>
    </row>
    <row r="297155" spans="14:14">
      <c r="N297155" s="10"/>
    </row>
    <row r="297156" spans="14:14">
      <c r="N297156" s="10"/>
    </row>
    <row r="297157" spans="14:14">
      <c r="N297157" s="10"/>
    </row>
    <row r="297158" spans="14:14">
      <c r="N297158" s="10"/>
    </row>
    <row r="297159" spans="14:14">
      <c r="N297159" s="10"/>
    </row>
    <row r="297160" spans="14:14">
      <c r="N297160" s="10"/>
    </row>
    <row r="297161" spans="14:14">
      <c r="N297161" s="10"/>
    </row>
    <row r="297162" spans="14:14">
      <c r="N297162" s="10"/>
    </row>
    <row r="297163" spans="14:14">
      <c r="N297163" s="10"/>
    </row>
    <row r="297164" spans="14:14">
      <c r="N297164" s="10"/>
    </row>
    <row r="297165" spans="14:14">
      <c r="N297165" s="10"/>
    </row>
    <row r="297166" spans="14:14">
      <c r="N297166" s="10"/>
    </row>
    <row r="297167" spans="14:14">
      <c r="N297167" s="10"/>
    </row>
    <row r="297168" spans="14:14">
      <c r="N297168" s="10"/>
    </row>
    <row r="297169" spans="14:14">
      <c r="N297169" s="10"/>
    </row>
    <row r="297170" spans="14:14">
      <c r="N297170" s="10"/>
    </row>
    <row r="297171" spans="14:14">
      <c r="N297171" s="10"/>
    </row>
    <row r="297172" spans="14:14">
      <c r="N297172" s="10"/>
    </row>
    <row r="297173" spans="14:14">
      <c r="N297173" s="10"/>
    </row>
    <row r="297174" spans="14:14">
      <c r="N297174" s="10"/>
    </row>
    <row r="297175" spans="14:14">
      <c r="N297175" s="10"/>
    </row>
    <row r="297176" spans="14:14">
      <c r="N297176" s="10"/>
    </row>
    <row r="297177" spans="14:14">
      <c r="N297177" s="10"/>
    </row>
    <row r="297178" spans="14:14">
      <c r="N297178" s="10"/>
    </row>
    <row r="297179" spans="14:14">
      <c r="N297179" s="10"/>
    </row>
    <row r="297180" spans="14:14">
      <c r="N297180" s="10"/>
    </row>
    <row r="297181" spans="14:14">
      <c r="N297181" s="10"/>
    </row>
    <row r="297182" spans="14:14">
      <c r="N297182" s="10"/>
    </row>
    <row r="297183" spans="14:14">
      <c r="N297183" s="10"/>
    </row>
    <row r="297184" spans="14:14">
      <c r="N297184" s="10"/>
    </row>
    <row r="297185" spans="14:14">
      <c r="N297185" s="10"/>
    </row>
    <row r="297186" spans="14:14">
      <c r="N297186" s="10"/>
    </row>
    <row r="297187" spans="14:14">
      <c r="N297187" s="10"/>
    </row>
    <row r="297188" spans="14:14">
      <c r="N297188" s="10"/>
    </row>
    <row r="297189" spans="14:14">
      <c r="N297189" s="10"/>
    </row>
    <row r="297190" spans="14:14">
      <c r="N297190" s="10"/>
    </row>
    <row r="297191" spans="14:14">
      <c r="N297191" s="10"/>
    </row>
    <row r="297192" spans="14:14">
      <c r="N297192" s="10"/>
    </row>
    <row r="297193" spans="14:14">
      <c r="N297193" s="10"/>
    </row>
    <row r="297194" spans="14:14">
      <c r="N297194" s="10"/>
    </row>
    <row r="297195" spans="14:14">
      <c r="N297195" s="10"/>
    </row>
    <row r="297196" spans="14:14">
      <c r="N297196" s="10"/>
    </row>
    <row r="297197" spans="14:14">
      <c r="N297197" s="10"/>
    </row>
    <row r="297198" spans="14:14">
      <c r="N297198" s="10"/>
    </row>
    <row r="297199" spans="14:14">
      <c r="N297199" s="10"/>
    </row>
    <row r="297200" spans="14:14">
      <c r="N297200" s="10"/>
    </row>
    <row r="297201" spans="14:14">
      <c r="N297201" s="10"/>
    </row>
    <row r="297202" spans="14:14">
      <c r="N297202" s="10"/>
    </row>
    <row r="297203" spans="14:14">
      <c r="N297203" s="10"/>
    </row>
    <row r="297204" spans="14:14">
      <c r="N297204" s="10"/>
    </row>
    <row r="297205" spans="14:14">
      <c r="N297205" s="10"/>
    </row>
    <row r="297206" spans="14:14">
      <c r="N297206" s="10"/>
    </row>
    <row r="297207" spans="14:14">
      <c r="N297207" s="10"/>
    </row>
    <row r="297208" spans="14:14">
      <c r="N297208" s="10"/>
    </row>
    <row r="297209" spans="14:14">
      <c r="N297209" s="10"/>
    </row>
    <row r="297210" spans="14:14">
      <c r="N297210" s="10"/>
    </row>
    <row r="297211" spans="14:14">
      <c r="N297211" s="10"/>
    </row>
    <row r="297212" spans="14:14">
      <c r="N297212" s="10"/>
    </row>
    <row r="297213" spans="14:14">
      <c r="N297213" s="10"/>
    </row>
    <row r="297214" spans="14:14">
      <c r="N297214" s="10"/>
    </row>
    <row r="297215" spans="14:14">
      <c r="N297215" s="10"/>
    </row>
    <row r="297216" spans="14:14">
      <c r="N297216" s="10"/>
    </row>
    <row r="297217" spans="14:14">
      <c r="N297217" s="10"/>
    </row>
    <row r="297218" spans="14:14">
      <c r="N297218" s="10"/>
    </row>
    <row r="297219" spans="14:14">
      <c r="N297219" s="10"/>
    </row>
    <row r="297220" spans="14:14">
      <c r="N297220" s="10"/>
    </row>
    <row r="297221" spans="14:14">
      <c r="N297221" s="10"/>
    </row>
    <row r="297222" spans="14:14">
      <c r="N297222" s="10"/>
    </row>
    <row r="297223" spans="14:14">
      <c r="N297223" s="10"/>
    </row>
    <row r="297224" spans="14:14">
      <c r="N297224" s="10"/>
    </row>
    <row r="297225" spans="14:14">
      <c r="N297225" s="10"/>
    </row>
    <row r="297226" spans="14:14">
      <c r="N297226" s="10"/>
    </row>
    <row r="297227" spans="14:14">
      <c r="N297227" s="10"/>
    </row>
    <row r="297228" spans="14:14">
      <c r="N297228" s="10"/>
    </row>
    <row r="297229" spans="14:14">
      <c r="N297229" s="10"/>
    </row>
    <row r="297230" spans="14:14">
      <c r="N297230" s="10"/>
    </row>
    <row r="297231" spans="14:14">
      <c r="N297231" s="10"/>
    </row>
    <row r="297232" spans="14:14">
      <c r="N297232" s="10"/>
    </row>
    <row r="297233" spans="14:14">
      <c r="N297233" s="10"/>
    </row>
    <row r="297234" spans="14:14">
      <c r="N297234" s="10"/>
    </row>
    <row r="297235" spans="14:14">
      <c r="N297235" s="10"/>
    </row>
    <row r="297236" spans="14:14">
      <c r="N297236" s="10"/>
    </row>
    <row r="297237" spans="14:14">
      <c r="N297237" s="10"/>
    </row>
    <row r="297238" spans="14:14">
      <c r="N297238" s="10"/>
    </row>
    <row r="297239" spans="14:14">
      <c r="N297239" s="10"/>
    </row>
    <row r="297240" spans="14:14">
      <c r="N297240" s="10"/>
    </row>
    <row r="297241" spans="14:14">
      <c r="N297241" s="10"/>
    </row>
    <row r="297242" spans="14:14">
      <c r="N297242" s="10"/>
    </row>
    <row r="297243" spans="14:14">
      <c r="N297243" s="10"/>
    </row>
    <row r="297244" spans="14:14">
      <c r="N297244" s="10"/>
    </row>
    <row r="297245" spans="14:14">
      <c r="N297245" s="10"/>
    </row>
    <row r="297246" spans="14:14">
      <c r="N297246" s="10"/>
    </row>
    <row r="297247" spans="14:14">
      <c r="N297247" s="10"/>
    </row>
    <row r="297248" spans="14:14">
      <c r="N297248" s="10"/>
    </row>
    <row r="297249" spans="14:14">
      <c r="N297249" s="10"/>
    </row>
    <row r="297250" spans="14:14">
      <c r="N297250" s="10"/>
    </row>
    <row r="297251" spans="14:14">
      <c r="N297251" s="10"/>
    </row>
    <row r="297252" spans="14:14">
      <c r="N297252" s="10"/>
    </row>
    <row r="297253" spans="14:14">
      <c r="N297253" s="10"/>
    </row>
    <row r="297254" spans="14:14">
      <c r="N297254" s="10"/>
    </row>
    <row r="297255" spans="14:14">
      <c r="N297255" s="10"/>
    </row>
    <row r="297256" spans="14:14">
      <c r="N297256" s="10"/>
    </row>
    <row r="297257" spans="14:14">
      <c r="N297257" s="10"/>
    </row>
    <row r="297258" spans="14:14">
      <c r="N297258" s="10"/>
    </row>
    <row r="297259" spans="14:14">
      <c r="N297259" s="10"/>
    </row>
    <row r="297260" spans="14:14">
      <c r="N297260" s="10"/>
    </row>
    <row r="297261" spans="14:14">
      <c r="N297261" s="10"/>
    </row>
    <row r="297262" spans="14:14">
      <c r="N297262" s="10"/>
    </row>
    <row r="297263" spans="14:14">
      <c r="N297263" s="10"/>
    </row>
    <row r="297264" spans="14:14">
      <c r="N297264" s="10"/>
    </row>
    <row r="297265" spans="14:14">
      <c r="N297265" s="10"/>
    </row>
    <row r="297266" spans="14:14">
      <c r="N297266" s="10"/>
    </row>
    <row r="297267" spans="14:14">
      <c r="N297267" s="10"/>
    </row>
    <row r="297268" spans="14:14">
      <c r="N297268" s="10"/>
    </row>
    <row r="297269" spans="14:14">
      <c r="N297269" s="10"/>
    </row>
    <row r="297270" spans="14:14">
      <c r="N297270" s="10"/>
    </row>
    <row r="297271" spans="14:14">
      <c r="N297271" s="10"/>
    </row>
    <row r="297272" spans="14:14">
      <c r="N297272" s="10"/>
    </row>
    <row r="297273" spans="14:14">
      <c r="N297273" s="10"/>
    </row>
    <row r="297274" spans="14:14">
      <c r="N297274" s="10"/>
    </row>
    <row r="297275" spans="14:14">
      <c r="N297275" s="10"/>
    </row>
    <row r="297276" spans="14:14">
      <c r="N297276" s="10"/>
    </row>
    <row r="297277" spans="14:14">
      <c r="N297277" s="10"/>
    </row>
    <row r="297278" spans="14:14">
      <c r="N297278" s="10"/>
    </row>
    <row r="297279" spans="14:14">
      <c r="N297279" s="10"/>
    </row>
    <row r="297280" spans="14:14">
      <c r="N297280" s="10"/>
    </row>
    <row r="297281" spans="14:14">
      <c r="N297281" s="10"/>
    </row>
    <row r="297282" spans="14:14">
      <c r="N297282" s="10"/>
    </row>
    <row r="297283" spans="14:14">
      <c r="N297283" s="10"/>
    </row>
    <row r="297284" spans="14:14">
      <c r="N297284" s="10"/>
    </row>
    <row r="297285" spans="14:14">
      <c r="N297285" s="10"/>
    </row>
    <row r="297286" spans="14:14">
      <c r="N297286" s="10"/>
    </row>
    <row r="297287" spans="14:14">
      <c r="N297287" s="10"/>
    </row>
    <row r="297288" spans="14:14">
      <c r="N297288" s="10"/>
    </row>
    <row r="297289" spans="14:14">
      <c r="N297289" s="10"/>
    </row>
    <row r="297290" spans="14:14">
      <c r="N297290" s="10"/>
    </row>
    <row r="297291" spans="14:14">
      <c r="N297291" s="10"/>
    </row>
    <row r="297292" spans="14:14">
      <c r="N297292" s="10"/>
    </row>
    <row r="297293" spans="14:14">
      <c r="N297293" s="10"/>
    </row>
    <row r="297294" spans="14:14">
      <c r="N297294" s="10"/>
    </row>
    <row r="297295" spans="14:14">
      <c r="N297295" s="10"/>
    </row>
    <row r="297296" spans="14:14">
      <c r="N297296" s="10"/>
    </row>
    <row r="297297" spans="14:14">
      <c r="N297297" s="10"/>
    </row>
    <row r="297298" spans="14:14">
      <c r="N297298" s="10"/>
    </row>
    <row r="297299" spans="14:14">
      <c r="N297299" s="10"/>
    </row>
    <row r="297300" spans="14:14">
      <c r="N297300" s="10"/>
    </row>
    <row r="297301" spans="14:14">
      <c r="N297301" s="10"/>
    </row>
    <row r="297302" spans="14:14">
      <c r="N297302" s="10"/>
    </row>
    <row r="297303" spans="14:14">
      <c r="N297303" s="10"/>
    </row>
    <row r="297304" spans="14:14">
      <c r="N297304" s="10"/>
    </row>
    <row r="297305" spans="14:14">
      <c r="N297305" s="10"/>
    </row>
    <row r="297306" spans="14:14">
      <c r="N297306" s="10"/>
    </row>
    <row r="297307" spans="14:14">
      <c r="N297307" s="10"/>
    </row>
    <row r="297308" spans="14:14">
      <c r="N297308" s="10"/>
    </row>
    <row r="297309" spans="14:14">
      <c r="N297309" s="10"/>
    </row>
    <row r="297310" spans="14:14">
      <c r="N297310" s="10"/>
    </row>
    <row r="297311" spans="14:14">
      <c r="N297311" s="10"/>
    </row>
    <row r="297312" spans="14:14">
      <c r="N297312" s="10"/>
    </row>
    <row r="297313" spans="14:14">
      <c r="N297313" s="10"/>
    </row>
    <row r="297314" spans="14:14">
      <c r="N297314" s="10"/>
    </row>
    <row r="297315" spans="14:14">
      <c r="N297315" s="10"/>
    </row>
    <row r="297316" spans="14:14">
      <c r="N297316" s="10"/>
    </row>
    <row r="297317" spans="14:14">
      <c r="N297317" s="10"/>
    </row>
    <row r="297318" spans="14:14">
      <c r="N297318" s="10"/>
    </row>
    <row r="297319" spans="14:14">
      <c r="N297319" s="10"/>
    </row>
    <row r="297320" spans="14:14">
      <c r="N297320" s="10"/>
    </row>
    <row r="297321" spans="14:14">
      <c r="N297321" s="10"/>
    </row>
    <row r="297322" spans="14:14">
      <c r="N297322" s="10"/>
    </row>
    <row r="297323" spans="14:14">
      <c r="N297323" s="10"/>
    </row>
    <row r="297324" spans="14:14">
      <c r="N297324" s="10"/>
    </row>
    <row r="297325" spans="14:14">
      <c r="N297325" s="10"/>
    </row>
    <row r="297326" spans="14:14">
      <c r="N297326" s="10"/>
    </row>
    <row r="297327" spans="14:14">
      <c r="N297327" s="10"/>
    </row>
    <row r="297328" spans="14:14">
      <c r="N297328" s="10"/>
    </row>
    <row r="297329" spans="14:14">
      <c r="N297329" s="10"/>
    </row>
    <row r="297330" spans="14:14">
      <c r="N297330" s="10"/>
    </row>
    <row r="297331" spans="14:14">
      <c r="N297331" s="10"/>
    </row>
    <row r="297332" spans="14:14">
      <c r="N297332" s="10"/>
    </row>
    <row r="297333" spans="14:14">
      <c r="N297333" s="10"/>
    </row>
    <row r="297334" spans="14:14">
      <c r="N297334" s="10"/>
    </row>
    <row r="297335" spans="14:14">
      <c r="N297335" s="10"/>
    </row>
    <row r="297336" spans="14:14">
      <c r="N297336" s="10"/>
    </row>
    <row r="297337" spans="14:14">
      <c r="N297337" s="10"/>
    </row>
    <row r="297338" spans="14:14">
      <c r="N297338" s="10"/>
    </row>
    <row r="297339" spans="14:14">
      <c r="N297339" s="10"/>
    </row>
    <row r="297340" spans="14:14">
      <c r="N297340" s="10"/>
    </row>
    <row r="297341" spans="14:14">
      <c r="N297341" s="10"/>
    </row>
    <row r="297342" spans="14:14">
      <c r="N297342" s="10"/>
    </row>
    <row r="297343" spans="14:14">
      <c r="N297343" s="10"/>
    </row>
    <row r="297344" spans="14:14">
      <c r="N297344" s="10"/>
    </row>
    <row r="297345" spans="14:14">
      <c r="N297345" s="10"/>
    </row>
    <row r="297346" spans="14:14">
      <c r="N297346" s="10"/>
    </row>
    <row r="297347" spans="14:14">
      <c r="N297347" s="10"/>
    </row>
    <row r="297348" spans="14:14">
      <c r="N297348" s="10"/>
    </row>
    <row r="297349" spans="14:14">
      <c r="N297349" s="10"/>
    </row>
    <row r="297350" spans="14:14">
      <c r="N297350" s="10"/>
    </row>
    <row r="297351" spans="14:14">
      <c r="N297351" s="10"/>
    </row>
    <row r="297352" spans="14:14">
      <c r="N297352" s="10"/>
    </row>
    <row r="297353" spans="14:14">
      <c r="N297353" s="10"/>
    </row>
    <row r="297354" spans="14:14">
      <c r="N297354" s="10"/>
    </row>
    <row r="297355" spans="14:14">
      <c r="N297355" s="10"/>
    </row>
    <row r="297356" spans="14:14">
      <c r="N297356" s="10"/>
    </row>
    <row r="297357" spans="14:14">
      <c r="N297357" s="10"/>
    </row>
    <row r="297358" spans="14:14">
      <c r="N297358" s="10"/>
    </row>
    <row r="297359" spans="14:14">
      <c r="N297359" s="10"/>
    </row>
    <row r="297360" spans="14:14">
      <c r="N297360" s="10"/>
    </row>
    <row r="297361" spans="14:14">
      <c r="N297361" s="10"/>
    </row>
    <row r="297362" spans="14:14">
      <c r="N297362" s="10"/>
    </row>
    <row r="297363" spans="14:14">
      <c r="N297363" s="10"/>
    </row>
    <row r="297364" spans="14:14">
      <c r="N297364" s="10"/>
    </row>
    <row r="297365" spans="14:14">
      <c r="N297365" s="10"/>
    </row>
    <row r="297366" spans="14:14">
      <c r="N297366" s="10"/>
    </row>
    <row r="297367" spans="14:14">
      <c r="N297367" s="10"/>
    </row>
    <row r="297368" spans="14:14">
      <c r="N297368" s="10"/>
    </row>
    <row r="297369" spans="14:14">
      <c r="N297369" s="10"/>
    </row>
    <row r="297370" spans="14:14">
      <c r="N297370" s="10"/>
    </row>
    <row r="297371" spans="14:14">
      <c r="N297371" s="10"/>
    </row>
    <row r="297372" spans="14:14">
      <c r="N297372" s="10"/>
    </row>
    <row r="297373" spans="14:14">
      <c r="N297373" s="10"/>
    </row>
    <row r="297374" spans="14:14">
      <c r="N297374" s="10"/>
    </row>
    <row r="297375" spans="14:14">
      <c r="N297375" s="10"/>
    </row>
    <row r="297376" spans="14:14">
      <c r="N297376" s="10"/>
    </row>
    <row r="297377" spans="14:14">
      <c r="N297377" s="10"/>
    </row>
    <row r="297378" spans="14:14">
      <c r="N297378" s="10"/>
    </row>
    <row r="297379" spans="14:14">
      <c r="N297379" s="10"/>
    </row>
    <row r="297380" spans="14:14">
      <c r="N297380" s="10"/>
    </row>
    <row r="297381" spans="14:14">
      <c r="N297381" s="10"/>
    </row>
    <row r="297382" spans="14:14">
      <c r="N297382" s="10"/>
    </row>
    <row r="297383" spans="14:14">
      <c r="N297383" s="10"/>
    </row>
    <row r="297384" spans="14:14">
      <c r="N297384" s="10"/>
    </row>
    <row r="297385" spans="14:14">
      <c r="N297385" s="10"/>
    </row>
    <row r="297386" spans="14:14">
      <c r="N297386" s="10"/>
    </row>
    <row r="297387" spans="14:14">
      <c r="N297387" s="10"/>
    </row>
    <row r="297388" spans="14:14">
      <c r="N297388" s="10"/>
    </row>
    <row r="297389" spans="14:14">
      <c r="N297389" s="10"/>
    </row>
    <row r="297390" spans="14:14">
      <c r="N297390" s="10"/>
    </row>
    <row r="297391" spans="14:14">
      <c r="N297391" s="10"/>
    </row>
    <row r="297392" spans="14:14">
      <c r="N297392" s="10"/>
    </row>
    <row r="297393" spans="14:14">
      <c r="N297393" s="10"/>
    </row>
    <row r="297394" spans="14:14">
      <c r="N297394" s="10"/>
    </row>
    <row r="297395" spans="14:14">
      <c r="N297395" s="10"/>
    </row>
    <row r="297396" spans="14:14">
      <c r="N297396" s="10"/>
    </row>
    <row r="297397" spans="14:14">
      <c r="N297397" s="10"/>
    </row>
    <row r="297398" spans="14:14">
      <c r="N297398" s="10"/>
    </row>
    <row r="297399" spans="14:14">
      <c r="N297399" s="10"/>
    </row>
    <row r="297400" spans="14:14">
      <c r="N297400" s="10"/>
    </row>
    <row r="297401" spans="14:14">
      <c r="N297401" s="10"/>
    </row>
    <row r="297402" spans="14:14">
      <c r="N297402" s="10"/>
    </row>
    <row r="297403" spans="14:14">
      <c r="N297403" s="10"/>
    </row>
    <row r="297404" spans="14:14">
      <c r="N297404" s="10"/>
    </row>
    <row r="297405" spans="14:14">
      <c r="N297405" s="10"/>
    </row>
    <row r="297406" spans="14:14">
      <c r="N297406" s="10"/>
    </row>
    <row r="297407" spans="14:14">
      <c r="N297407" s="10"/>
    </row>
    <row r="297408" spans="14:14">
      <c r="N297408" s="10"/>
    </row>
    <row r="297409" spans="14:14">
      <c r="N297409" s="10"/>
    </row>
    <row r="297410" spans="14:14">
      <c r="N297410" s="10"/>
    </row>
    <row r="297411" spans="14:14">
      <c r="N297411" s="10"/>
    </row>
    <row r="297412" spans="14:14">
      <c r="N297412" s="10"/>
    </row>
    <row r="297413" spans="14:14">
      <c r="N297413" s="10"/>
    </row>
    <row r="297414" spans="14:14">
      <c r="N297414" s="10"/>
    </row>
    <row r="297415" spans="14:14">
      <c r="N297415" s="10"/>
    </row>
    <row r="297416" spans="14:14">
      <c r="N297416" s="10"/>
    </row>
    <row r="297417" spans="14:14">
      <c r="N297417" s="10"/>
    </row>
    <row r="297418" spans="14:14">
      <c r="N297418" s="10"/>
    </row>
    <row r="297419" spans="14:14">
      <c r="N297419" s="10"/>
    </row>
    <row r="297420" spans="14:14">
      <c r="N297420" s="10"/>
    </row>
    <row r="297421" spans="14:14">
      <c r="N297421" s="10"/>
    </row>
    <row r="297422" spans="14:14">
      <c r="N297422" s="10"/>
    </row>
    <row r="297423" spans="14:14">
      <c r="N297423" s="10"/>
    </row>
    <row r="297424" spans="14:14">
      <c r="N297424" s="10"/>
    </row>
    <row r="297425" spans="14:14">
      <c r="N297425" s="10"/>
    </row>
    <row r="297426" spans="14:14">
      <c r="N297426" s="10"/>
    </row>
    <row r="297427" spans="14:14">
      <c r="N297427" s="10"/>
    </row>
    <row r="297428" spans="14:14">
      <c r="N297428" s="10"/>
    </row>
    <row r="297429" spans="14:14">
      <c r="N297429" s="10"/>
    </row>
    <row r="297430" spans="14:14">
      <c r="N297430" s="10"/>
    </row>
    <row r="297431" spans="14:14">
      <c r="N297431" s="10"/>
    </row>
    <row r="297432" spans="14:14">
      <c r="N297432" s="10"/>
    </row>
    <row r="297433" spans="14:14">
      <c r="N297433" s="10"/>
    </row>
    <row r="297434" spans="14:14">
      <c r="N297434" s="10"/>
    </row>
    <row r="297435" spans="14:14">
      <c r="N297435" s="10"/>
    </row>
    <row r="297436" spans="14:14">
      <c r="N297436" s="10"/>
    </row>
    <row r="297437" spans="14:14">
      <c r="N297437" s="10"/>
    </row>
    <row r="297438" spans="14:14">
      <c r="N297438" s="10"/>
    </row>
    <row r="297439" spans="14:14">
      <c r="N297439" s="10"/>
    </row>
    <row r="297440" spans="14:14">
      <c r="N297440" s="10"/>
    </row>
    <row r="297441" spans="14:14">
      <c r="N297441" s="10"/>
    </row>
    <row r="297442" spans="14:14">
      <c r="N297442" s="10"/>
    </row>
    <row r="297443" spans="14:14">
      <c r="N297443" s="10"/>
    </row>
    <row r="297444" spans="14:14">
      <c r="N297444" s="10"/>
    </row>
    <row r="297445" spans="14:14">
      <c r="N297445" s="10"/>
    </row>
    <row r="297446" spans="14:14">
      <c r="N297446" s="10"/>
    </row>
    <row r="297447" spans="14:14">
      <c r="N297447" s="10"/>
    </row>
    <row r="297448" spans="14:14">
      <c r="N297448" s="10"/>
    </row>
    <row r="297449" spans="14:14">
      <c r="N297449" s="10"/>
    </row>
    <row r="297450" spans="14:14">
      <c r="N297450" s="10"/>
    </row>
    <row r="297451" spans="14:14">
      <c r="N297451" s="10"/>
    </row>
    <row r="297452" spans="14:14">
      <c r="N297452" s="10"/>
    </row>
    <row r="297453" spans="14:14">
      <c r="N297453" s="10"/>
    </row>
    <row r="297454" spans="14:14">
      <c r="N297454" s="10"/>
    </row>
    <row r="297455" spans="14:14">
      <c r="N297455" s="10"/>
    </row>
    <row r="297456" spans="14:14">
      <c r="N297456" s="10"/>
    </row>
    <row r="297457" spans="14:14">
      <c r="N297457" s="10"/>
    </row>
    <row r="297458" spans="14:14">
      <c r="N297458" s="10"/>
    </row>
    <row r="297459" spans="14:14">
      <c r="N297459" s="10"/>
    </row>
    <row r="297460" spans="14:14">
      <c r="N297460" s="10"/>
    </row>
    <row r="297461" spans="14:14">
      <c r="N297461" s="10"/>
    </row>
    <row r="297462" spans="14:14">
      <c r="N297462" s="10"/>
    </row>
    <row r="297463" spans="14:14">
      <c r="N297463" s="10"/>
    </row>
    <row r="297464" spans="14:14">
      <c r="N297464" s="10"/>
    </row>
    <row r="297465" spans="14:14">
      <c r="N297465" s="10"/>
    </row>
    <row r="297466" spans="14:14">
      <c r="N297466" s="10"/>
    </row>
    <row r="297467" spans="14:14">
      <c r="N297467" s="10"/>
    </row>
    <row r="297468" spans="14:14">
      <c r="N297468" s="10"/>
    </row>
    <row r="297469" spans="14:14">
      <c r="N297469" s="10"/>
    </row>
    <row r="297470" spans="14:14">
      <c r="N297470" s="10"/>
    </row>
    <row r="297471" spans="14:14">
      <c r="N297471" s="10"/>
    </row>
    <row r="297472" spans="14:14">
      <c r="N297472" s="10"/>
    </row>
    <row r="297473" spans="14:14">
      <c r="N297473" s="10"/>
    </row>
    <row r="297474" spans="14:14">
      <c r="N297474" s="10"/>
    </row>
    <row r="297475" spans="14:14">
      <c r="N297475" s="10"/>
    </row>
    <row r="297476" spans="14:14">
      <c r="N297476" s="10"/>
    </row>
    <row r="297477" spans="14:14">
      <c r="N297477" s="10"/>
    </row>
    <row r="297478" spans="14:14">
      <c r="N297478" s="10"/>
    </row>
    <row r="297479" spans="14:14">
      <c r="N297479" s="10"/>
    </row>
    <row r="297480" spans="14:14">
      <c r="N297480" s="10"/>
    </row>
    <row r="297481" spans="14:14">
      <c r="N297481" s="10"/>
    </row>
    <row r="297482" spans="14:14">
      <c r="N297482" s="10"/>
    </row>
    <row r="297483" spans="14:14">
      <c r="N297483" s="10"/>
    </row>
    <row r="297484" spans="14:14">
      <c r="N297484" s="10"/>
    </row>
    <row r="297485" spans="14:14">
      <c r="N297485" s="10"/>
    </row>
    <row r="297486" spans="14:14">
      <c r="N297486" s="10"/>
    </row>
    <row r="297487" spans="14:14">
      <c r="N297487" s="10"/>
    </row>
    <row r="297488" spans="14:14">
      <c r="N297488" s="10"/>
    </row>
    <row r="297489" spans="14:14">
      <c r="N297489" s="10"/>
    </row>
    <row r="297490" spans="14:14">
      <c r="N297490" s="10"/>
    </row>
    <row r="297491" spans="14:14">
      <c r="N297491" s="10"/>
    </row>
    <row r="297492" spans="14:14">
      <c r="N297492" s="10"/>
    </row>
    <row r="297493" spans="14:14">
      <c r="N297493" s="10"/>
    </row>
    <row r="297494" spans="14:14">
      <c r="N297494" s="10"/>
    </row>
    <row r="297495" spans="14:14">
      <c r="N297495" s="10"/>
    </row>
    <row r="297496" spans="14:14">
      <c r="N297496" s="10"/>
    </row>
    <row r="297497" spans="14:14">
      <c r="N297497" s="10"/>
    </row>
    <row r="297498" spans="14:14">
      <c r="N297498" s="10"/>
    </row>
    <row r="297499" spans="14:14">
      <c r="N297499" s="10"/>
    </row>
    <row r="297500" spans="14:14">
      <c r="N297500" s="10"/>
    </row>
    <row r="297501" spans="14:14">
      <c r="N297501" s="10"/>
    </row>
    <row r="297502" spans="14:14">
      <c r="N297502" s="10"/>
    </row>
    <row r="297503" spans="14:14">
      <c r="N297503" s="10"/>
    </row>
    <row r="297504" spans="14:14">
      <c r="N297504" s="10"/>
    </row>
    <row r="297505" spans="14:14">
      <c r="N297505" s="10"/>
    </row>
    <row r="297506" spans="14:14">
      <c r="N297506" s="10"/>
    </row>
    <row r="297507" spans="14:14">
      <c r="N297507" s="10"/>
    </row>
    <row r="297508" spans="14:14">
      <c r="N297508" s="10"/>
    </row>
    <row r="297509" spans="14:14">
      <c r="N297509" s="10"/>
    </row>
    <row r="297510" spans="14:14">
      <c r="N297510" s="10"/>
    </row>
    <row r="297511" spans="14:14">
      <c r="N297511" s="10"/>
    </row>
    <row r="297512" spans="14:14">
      <c r="N297512" s="10"/>
    </row>
    <row r="297513" spans="14:14">
      <c r="N297513" s="10"/>
    </row>
    <row r="297514" spans="14:14">
      <c r="N297514" s="10"/>
    </row>
    <row r="297515" spans="14:14">
      <c r="N297515" s="10"/>
    </row>
    <row r="297516" spans="14:14">
      <c r="N297516" s="10"/>
    </row>
    <row r="297517" spans="14:14">
      <c r="N297517" s="10"/>
    </row>
    <row r="297518" spans="14:14">
      <c r="N297518" s="10"/>
    </row>
    <row r="297519" spans="14:14">
      <c r="N297519" s="10"/>
    </row>
    <row r="297520" spans="14:14">
      <c r="N297520" s="10"/>
    </row>
    <row r="297521" spans="14:14">
      <c r="N297521" s="10"/>
    </row>
    <row r="297522" spans="14:14">
      <c r="N297522" s="10"/>
    </row>
    <row r="297523" spans="14:14">
      <c r="N297523" s="10"/>
    </row>
    <row r="297524" spans="14:14">
      <c r="N297524" s="10"/>
    </row>
    <row r="297525" spans="14:14">
      <c r="N297525" s="10"/>
    </row>
    <row r="297526" spans="14:14">
      <c r="N297526" s="10"/>
    </row>
    <row r="297527" spans="14:14">
      <c r="N297527" s="10"/>
    </row>
    <row r="297528" spans="14:14">
      <c r="N297528" s="10"/>
    </row>
    <row r="297529" spans="14:14">
      <c r="N297529" s="10"/>
    </row>
    <row r="297530" spans="14:14">
      <c r="N297530" s="10"/>
    </row>
    <row r="297531" spans="14:14">
      <c r="N297531" s="10"/>
    </row>
    <row r="297532" spans="14:14">
      <c r="N297532" s="10"/>
    </row>
    <row r="297533" spans="14:14">
      <c r="N297533" s="10"/>
    </row>
    <row r="297534" spans="14:14">
      <c r="N297534" s="10"/>
    </row>
    <row r="297535" spans="14:14">
      <c r="N297535" s="10"/>
    </row>
    <row r="297536" spans="14:14">
      <c r="N297536" s="10"/>
    </row>
    <row r="297537" spans="14:14">
      <c r="N297537" s="10"/>
    </row>
    <row r="297538" spans="14:14">
      <c r="N297538" s="10"/>
    </row>
    <row r="297539" spans="14:14">
      <c r="N297539" s="10"/>
    </row>
    <row r="297540" spans="14:14">
      <c r="N297540" s="10"/>
    </row>
    <row r="297541" spans="14:14">
      <c r="N297541" s="10"/>
    </row>
    <row r="297542" spans="14:14">
      <c r="N297542" s="10"/>
    </row>
    <row r="297543" spans="14:14">
      <c r="N297543" s="10"/>
    </row>
    <row r="297544" spans="14:14">
      <c r="N297544" s="10"/>
    </row>
    <row r="297545" spans="14:14">
      <c r="N297545" s="10"/>
    </row>
    <row r="297546" spans="14:14">
      <c r="N297546" s="10"/>
    </row>
    <row r="297547" spans="14:14">
      <c r="N297547" s="10"/>
    </row>
    <row r="297548" spans="14:14">
      <c r="N297548" s="10"/>
    </row>
    <row r="297549" spans="14:14">
      <c r="N297549" s="10"/>
    </row>
    <row r="297550" spans="14:14">
      <c r="N297550" s="10"/>
    </row>
    <row r="297551" spans="14:14">
      <c r="N297551" s="10"/>
    </row>
    <row r="297552" spans="14:14">
      <c r="N297552" s="10"/>
    </row>
    <row r="297553" spans="14:14">
      <c r="N297553" s="10"/>
    </row>
    <row r="297554" spans="14:14">
      <c r="N297554" s="10"/>
    </row>
    <row r="297555" spans="14:14">
      <c r="N297555" s="10"/>
    </row>
    <row r="297556" spans="14:14">
      <c r="N297556" s="10"/>
    </row>
    <row r="297557" spans="14:14">
      <c r="N297557" s="10"/>
    </row>
    <row r="297558" spans="14:14">
      <c r="N297558" s="10"/>
    </row>
    <row r="297559" spans="14:14">
      <c r="N297559" s="10"/>
    </row>
    <row r="297560" spans="14:14">
      <c r="N297560" s="10"/>
    </row>
    <row r="297561" spans="14:14">
      <c r="N297561" s="10"/>
    </row>
    <row r="297562" spans="14:14">
      <c r="N297562" s="10"/>
    </row>
    <row r="297563" spans="14:14">
      <c r="N297563" s="10"/>
    </row>
    <row r="297564" spans="14:14">
      <c r="N297564" s="10"/>
    </row>
    <row r="297565" spans="14:14">
      <c r="N297565" s="10"/>
    </row>
    <row r="297566" spans="14:14">
      <c r="N297566" s="10"/>
    </row>
    <row r="297567" spans="14:14">
      <c r="N297567" s="10"/>
    </row>
    <row r="297568" spans="14:14">
      <c r="N297568" s="10"/>
    </row>
    <row r="297569" spans="14:14">
      <c r="N297569" s="10"/>
    </row>
    <row r="297570" spans="14:14">
      <c r="N297570" s="10"/>
    </row>
    <row r="297571" spans="14:14">
      <c r="N297571" s="10"/>
    </row>
    <row r="297572" spans="14:14">
      <c r="N297572" s="10"/>
    </row>
    <row r="297573" spans="14:14">
      <c r="N297573" s="10"/>
    </row>
    <row r="297574" spans="14:14">
      <c r="N297574" s="10"/>
    </row>
    <row r="297575" spans="14:14">
      <c r="N297575" s="10"/>
    </row>
    <row r="297576" spans="14:14">
      <c r="N297576" s="10"/>
    </row>
    <row r="297577" spans="14:14">
      <c r="N297577" s="10"/>
    </row>
    <row r="297578" spans="14:14">
      <c r="N297578" s="10"/>
    </row>
    <row r="297579" spans="14:14">
      <c r="N297579" s="10"/>
    </row>
    <row r="297580" spans="14:14">
      <c r="N297580" s="10"/>
    </row>
    <row r="297581" spans="14:14">
      <c r="N297581" s="10"/>
    </row>
    <row r="297582" spans="14:14">
      <c r="N297582" s="10"/>
    </row>
    <row r="297583" spans="14:14">
      <c r="N297583" s="10"/>
    </row>
    <row r="297584" spans="14:14">
      <c r="N297584" s="10"/>
    </row>
    <row r="297585" spans="14:14">
      <c r="N297585" s="10"/>
    </row>
    <row r="297586" spans="14:14">
      <c r="N297586" s="10"/>
    </row>
    <row r="297587" spans="14:14">
      <c r="N297587" s="10"/>
    </row>
    <row r="297588" spans="14:14">
      <c r="N297588" s="10"/>
    </row>
    <row r="297589" spans="14:14">
      <c r="N297589" s="10"/>
    </row>
    <row r="297590" spans="14:14">
      <c r="N297590" s="10"/>
    </row>
    <row r="297591" spans="14:14">
      <c r="N297591" s="10"/>
    </row>
    <row r="297592" spans="14:14">
      <c r="N297592" s="10"/>
    </row>
    <row r="297593" spans="14:14">
      <c r="N297593" s="10"/>
    </row>
    <row r="297594" spans="14:14">
      <c r="N297594" s="10"/>
    </row>
    <row r="297595" spans="14:14">
      <c r="N297595" s="10"/>
    </row>
    <row r="297596" spans="14:14">
      <c r="N297596" s="10"/>
    </row>
    <row r="297597" spans="14:14">
      <c r="N297597" s="10"/>
    </row>
    <row r="297598" spans="14:14">
      <c r="N297598" s="10"/>
    </row>
    <row r="297599" spans="14:14">
      <c r="N297599" s="10"/>
    </row>
    <row r="297600" spans="14:14">
      <c r="N297600" s="10"/>
    </row>
    <row r="297601" spans="14:14">
      <c r="N297601" s="10"/>
    </row>
    <row r="297602" spans="14:14">
      <c r="N297602" s="10"/>
    </row>
    <row r="297603" spans="14:14">
      <c r="N297603" s="10"/>
    </row>
    <row r="297604" spans="14:14">
      <c r="N297604" s="10"/>
    </row>
    <row r="297605" spans="14:14">
      <c r="N297605" s="10"/>
    </row>
    <row r="297606" spans="14:14">
      <c r="N297606" s="10"/>
    </row>
    <row r="297607" spans="14:14">
      <c r="N297607" s="10"/>
    </row>
    <row r="297608" spans="14:14">
      <c r="N297608" s="10"/>
    </row>
    <row r="297609" spans="14:14">
      <c r="N297609" s="10"/>
    </row>
    <row r="297610" spans="14:14">
      <c r="N297610" s="10"/>
    </row>
    <row r="297611" spans="14:14">
      <c r="N297611" s="10"/>
    </row>
    <row r="297612" spans="14:14">
      <c r="N297612" s="10"/>
    </row>
    <row r="297613" spans="14:14">
      <c r="N297613" s="10"/>
    </row>
    <row r="297614" spans="14:14">
      <c r="N297614" s="10"/>
    </row>
    <row r="297615" spans="14:14">
      <c r="N297615" s="10"/>
    </row>
    <row r="297616" spans="14:14">
      <c r="N297616" s="10"/>
    </row>
    <row r="297617" spans="14:14">
      <c r="N297617" s="10"/>
    </row>
    <row r="297618" spans="14:14">
      <c r="N297618" s="10"/>
    </row>
    <row r="297619" spans="14:14">
      <c r="N297619" s="10"/>
    </row>
    <row r="297620" spans="14:14">
      <c r="N297620" s="10"/>
    </row>
    <row r="297621" spans="14:14">
      <c r="N297621" s="10"/>
    </row>
    <row r="297622" spans="14:14">
      <c r="N297622" s="10"/>
    </row>
    <row r="297623" spans="14:14">
      <c r="N297623" s="10"/>
    </row>
    <row r="297624" spans="14:14">
      <c r="N297624" s="10"/>
    </row>
    <row r="297625" spans="14:14">
      <c r="N297625" s="10"/>
    </row>
    <row r="297626" spans="14:14">
      <c r="N297626" s="10"/>
    </row>
    <row r="297627" spans="14:14">
      <c r="N297627" s="10"/>
    </row>
    <row r="297628" spans="14:14">
      <c r="N297628" s="10"/>
    </row>
    <row r="297629" spans="14:14">
      <c r="N297629" s="10"/>
    </row>
    <row r="297630" spans="14:14">
      <c r="N297630" s="10"/>
    </row>
    <row r="297631" spans="14:14">
      <c r="N297631" s="10"/>
    </row>
    <row r="297632" spans="14:14">
      <c r="N297632" s="10"/>
    </row>
    <row r="297633" spans="14:14">
      <c r="N297633" s="10"/>
    </row>
    <row r="297634" spans="14:14">
      <c r="N297634" s="10"/>
    </row>
    <row r="297635" spans="14:14">
      <c r="N297635" s="10"/>
    </row>
    <row r="297636" spans="14:14">
      <c r="N297636" s="10"/>
    </row>
    <row r="297637" spans="14:14">
      <c r="N297637" s="10"/>
    </row>
    <row r="297638" spans="14:14">
      <c r="N297638" s="10"/>
    </row>
    <row r="297639" spans="14:14">
      <c r="N297639" s="10"/>
    </row>
    <row r="297640" spans="14:14">
      <c r="N297640" s="10"/>
    </row>
    <row r="297641" spans="14:14">
      <c r="N297641" s="10"/>
    </row>
    <row r="297642" spans="14:14">
      <c r="N297642" s="10"/>
    </row>
    <row r="297643" spans="14:14">
      <c r="N297643" s="10"/>
    </row>
    <row r="297644" spans="14:14">
      <c r="N297644" s="10"/>
    </row>
    <row r="297645" spans="14:14">
      <c r="N297645" s="10"/>
    </row>
    <row r="297646" spans="14:14">
      <c r="N297646" s="10"/>
    </row>
    <row r="297647" spans="14:14">
      <c r="N297647" s="10"/>
    </row>
    <row r="297648" spans="14:14">
      <c r="N297648" s="10"/>
    </row>
    <row r="297649" spans="14:14">
      <c r="N297649" s="10"/>
    </row>
    <row r="297650" spans="14:14">
      <c r="N297650" s="10"/>
    </row>
    <row r="297651" spans="14:14">
      <c r="N297651" s="10"/>
    </row>
    <row r="297652" spans="14:14">
      <c r="N297652" s="10"/>
    </row>
    <row r="297653" spans="14:14">
      <c r="N297653" s="10"/>
    </row>
    <row r="297654" spans="14:14">
      <c r="N297654" s="10"/>
    </row>
    <row r="297655" spans="14:14">
      <c r="N297655" s="10"/>
    </row>
    <row r="297656" spans="14:14">
      <c r="N297656" s="10"/>
    </row>
    <row r="297657" spans="14:14">
      <c r="N297657" s="10"/>
    </row>
    <row r="297658" spans="14:14">
      <c r="N297658" s="10"/>
    </row>
    <row r="297659" spans="14:14">
      <c r="N297659" s="10"/>
    </row>
    <row r="297660" spans="14:14">
      <c r="N297660" s="10"/>
    </row>
    <row r="297661" spans="14:14">
      <c r="N297661" s="10"/>
    </row>
    <row r="297662" spans="14:14">
      <c r="N297662" s="10"/>
    </row>
    <row r="297663" spans="14:14">
      <c r="N297663" s="10"/>
    </row>
    <row r="297664" spans="14:14">
      <c r="N297664" s="10"/>
    </row>
    <row r="297665" spans="14:14">
      <c r="N297665" s="10"/>
    </row>
    <row r="297666" spans="14:14">
      <c r="N297666" s="10"/>
    </row>
    <row r="297667" spans="14:14">
      <c r="N297667" s="10"/>
    </row>
    <row r="297668" spans="14:14">
      <c r="N297668" s="10"/>
    </row>
    <row r="297669" spans="14:14">
      <c r="N297669" s="10"/>
    </row>
    <row r="297670" spans="14:14">
      <c r="N297670" s="10"/>
    </row>
    <row r="297671" spans="14:14">
      <c r="N297671" s="10"/>
    </row>
    <row r="297672" spans="14:14">
      <c r="N297672" s="10"/>
    </row>
    <row r="297673" spans="14:14">
      <c r="N297673" s="10"/>
    </row>
    <row r="297674" spans="14:14">
      <c r="N297674" s="10"/>
    </row>
    <row r="297675" spans="14:14">
      <c r="N297675" s="10"/>
    </row>
    <row r="297676" spans="14:14">
      <c r="N297676" s="10"/>
    </row>
    <row r="297677" spans="14:14">
      <c r="N297677" s="10"/>
    </row>
    <row r="297678" spans="14:14">
      <c r="N297678" s="10"/>
    </row>
    <row r="297679" spans="14:14">
      <c r="N297679" s="10"/>
    </row>
    <row r="297680" spans="14:14">
      <c r="N297680" s="10"/>
    </row>
    <row r="297681" spans="14:14">
      <c r="N297681" s="10"/>
    </row>
    <row r="297682" spans="14:14">
      <c r="N297682" s="10"/>
    </row>
    <row r="297683" spans="14:14">
      <c r="N297683" s="10"/>
    </row>
    <row r="297684" spans="14:14">
      <c r="N297684" s="10"/>
    </row>
    <row r="297685" spans="14:14">
      <c r="N297685" s="10"/>
    </row>
    <row r="297686" spans="14:14">
      <c r="N297686" s="10"/>
    </row>
    <row r="297687" spans="14:14">
      <c r="N297687" s="10"/>
    </row>
    <row r="297688" spans="14:14">
      <c r="N297688" s="10"/>
    </row>
    <row r="297689" spans="14:14">
      <c r="N297689" s="10"/>
    </row>
    <row r="297690" spans="14:14">
      <c r="N297690" s="10"/>
    </row>
    <row r="297691" spans="14:14">
      <c r="N297691" s="10"/>
    </row>
    <row r="297692" spans="14:14">
      <c r="N297692" s="10"/>
    </row>
    <row r="297693" spans="14:14">
      <c r="N297693" s="10"/>
    </row>
    <row r="297694" spans="14:14">
      <c r="N297694" s="10"/>
    </row>
    <row r="297695" spans="14:14">
      <c r="N297695" s="10"/>
    </row>
    <row r="297696" spans="14:14">
      <c r="N297696" s="10"/>
    </row>
    <row r="297697" spans="14:14">
      <c r="N297697" s="10"/>
    </row>
    <row r="297698" spans="14:14">
      <c r="N297698" s="10"/>
    </row>
    <row r="297699" spans="14:14">
      <c r="N297699" s="10"/>
    </row>
    <row r="297700" spans="14:14">
      <c r="N297700" s="10"/>
    </row>
    <row r="297701" spans="14:14">
      <c r="N297701" s="10"/>
    </row>
    <row r="297702" spans="14:14">
      <c r="N297702" s="10"/>
    </row>
    <row r="297703" spans="14:14">
      <c r="N297703" s="10"/>
    </row>
    <row r="297704" spans="14:14">
      <c r="N297704" s="10"/>
    </row>
    <row r="297705" spans="14:14">
      <c r="N297705" s="10"/>
    </row>
    <row r="297706" spans="14:14">
      <c r="N297706" s="10"/>
    </row>
    <row r="297707" spans="14:14">
      <c r="N297707" s="10"/>
    </row>
    <row r="297708" spans="14:14">
      <c r="N297708" s="10"/>
    </row>
    <row r="297709" spans="14:14">
      <c r="N297709" s="10"/>
    </row>
    <row r="297710" spans="14:14">
      <c r="N297710" s="10"/>
    </row>
    <row r="297711" spans="14:14">
      <c r="N297711" s="10"/>
    </row>
    <row r="297712" spans="14:14">
      <c r="N297712" s="10"/>
    </row>
    <row r="297713" spans="14:14">
      <c r="N297713" s="10"/>
    </row>
    <row r="297714" spans="14:14">
      <c r="N297714" s="10"/>
    </row>
    <row r="297715" spans="14:14">
      <c r="N297715" s="10"/>
    </row>
    <row r="297716" spans="14:14">
      <c r="N297716" s="10"/>
    </row>
    <row r="297717" spans="14:14">
      <c r="N297717" s="10"/>
    </row>
    <row r="297718" spans="14:14">
      <c r="N297718" s="10"/>
    </row>
    <row r="297719" spans="14:14">
      <c r="N297719" s="10"/>
    </row>
    <row r="297720" spans="14:14">
      <c r="N297720" s="10"/>
    </row>
    <row r="297721" spans="14:14">
      <c r="N297721" s="10"/>
    </row>
    <row r="297722" spans="14:14">
      <c r="N297722" s="10"/>
    </row>
    <row r="297723" spans="14:14">
      <c r="N297723" s="10"/>
    </row>
    <row r="297724" spans="14:14">
      <c r="N297724" s="10"/>
    </row>
    <row r="297725" spans="14:14">
      <c r="N297725" s="10"/>
    </row>
    <row r="297726" spans="14:14">
      <c r="N297726" s="10"/>
    </row>
    <row r="297727" spans="14:14">
      <c r="N297727" s="10"/>
    </row>
    <row r="297728" spans="14:14">
      <c r="N297728" s="10"/>
    </row>
    <row r="297729" spans="14:14">
      <c r="N297729" s="10"/>
    </row>
    <row r="297730" spans="14:14">
      <c r="N297730" s="10"/>
    </row>
    <row r="297731" spans="14:14">
      <c r="N297731" s="10"/>
    </row>
    <row r="297732" spans="14:14">
      <c r="N297732" s="10"/>
    </row>
    <row r="297733" spans="14:14">
      <c r="N297733" s="10"/>
    </row>
    <row r="297734" spans="14:14">
      <c r="N297734" s="10"/>
    </row>
    <row r="297735" spans="14:14">
      <c r="N297735" s="10"/>
    </row>
    <row r="297736" spans="14:14">
      <c r="N297736" s="10"/>
    </row>
    <row r="297737" spans="14:14">
      <c r="N297737" s="10"/>
    </row>
    <row r="297738" spans="14:14">
      <c r="N297738" s="10"/>
    </row>
    <row r="297739" spans="14:14">
      <c r="N297739" s="10"/>
    </row>
    <row r="297740" spans="14:14">
      <c r="N297740" s="10"/>
    </row>
    <row r="297741" spans="14:14">
      <c r="N297741" s="10"/>
    </row>
    <row r="297742" spans="14:14">
      <c r="N297742" s="10"/>
    </row>
    <row r="297743" spans="14:14">
      <c r="N297743" s="10"/>
    </row>
    <row r="297744" spans="14:14">
      <c r="N297744" s="10"/>
    </row>
    <row r="297745" spans="14:14">
      <c r="N297745" s="10"/>
    </row>
    <row r="297746" spans="14:14">
      <c r="N297746" s="10"/>
    </row>
    <row r="297747" spans="14:14">
      <c r="N297747" s="10"/>
    </row>
    <row r="297748" spans="14:14">
      <c r="N297748" s="10"/>
    </row>
    <row r="297749" spans="14:14">
      <c r="N297749" s="10"/>
    </row>
    <row r="297750" spans="14:14">
      <c r="N297750" s="10"/>
    </row>
    <row r="297751" spans="14:14">
      <c r="N297751" s="10"/>
    </row>
    <row r="297752" spans="14:14">
      <c r="N297752" s="10"/>
    </row>
    <row r="297753" spans="14:14">
      <c r="N297753" s="10"/>
    </row>
    <row r="297754" spans="14:14">
      <c r="N297754" s="10"/>
    </row>
    <row r="297755" spans="14:14">
      <c r="N297755" s="10"/>
    </row>
    <row r="297756" spans="14:14">
      <c r="N297756" s="10"/>
    </row>
    <row r="297757" spans="14:14">
      <c r="N297757" s="10"/>
    </row>
    <row r="297758" spans="14:14">
      <c r="N297758" s="10"/>
    </row>
    <row r="297759" spans="14:14">
      <c r="N297759" s="10"/>
    </row>
    <row r="297760" spans="14:14">
      <c r="N297760" s="10"/>
    </row>
    <row r="297761" spans="14:14">
      <c r="N297761" s="10"/>
    </row>
    <row r="297762" spans="14:14">
      <c r="N297762" s="10"/>
    </row>
    <row r="297763" spans="14:14">
      <c r="N297763" s="10"/>
    </row>
    <row r="297764" spans="14:14">
      <c r="N297764" s="10"/>
    </row>
    <row r="297765" spans="14:14">
      <c r="N297765" s="10"/>
    </row>
    <row r="297766" spans="14:14">
      <c r="N297766" s="10"/>
    </row>
    <row r="297767" spans="14:14">
      <c r="N297767" s="10"/>
    </row>
    <row r="297768" spans="14:14">
      <c r="N297768" s="10"/>
    </row>
    <row r="297769" spans="14:14">
      <c r="N297769" s="10"/>
    </row>
    <row r="297770" spans="14:14">
      <c r="N297770" s="10"/>
    </row>
    <row r="297771" spans="14:14">
      <c r="N297771" s="10"/>
    </row>
    <row r="297772" spans="14:14">
      <c r="N297772" s="10"/>
    </row>
    <row r="297773" spans="14:14">
      <c r="N297773" s="10"/>
    </row>
    <row r="297774" spans="14:14">
      <c r="N297774" s="10"/>
    </row>
    <row r="297775" spans="14:14">
      <c r="N297775" s="10"/>
    </row>
    <row r="297776" spans="14:14">
      <c r="N297776" s="10"/>
    </row>
    <row r="297777" spans="14:14">
      <c r="N297777" s="10"/>
    </row>
    <row r="297778" spans="14:14">
      <c r="N297778" s="10"/>
    </row>
    <row r="297779" spans="14:14">
      <c r="N297779" s="10"/>
    </row>
    <row r="297780" spans="14:14">
      <c r="N297780" s="10"/>
    </row>
    <row r="297781" spans="14:14">
      <c r="N297781" s="10"/>
    </row>
    <row r="297782" spans="14:14">
      <c r="N297782" s="10"/>
    </row>
    <row r="297783" spans="14:14">
      <c r="N297783" s="10"/>
    </row>
    <row r="297784" spans="14:14">
      <c r="N297784" s="10"/>
    </row>
    <row r="297785" spans="14:14">
      <c r="N297785" s="10"/>
    </row>
    <row r="297786" spans="14:14">
      <c r="N297786" s="10"/>
    </row>
    <row r="297787" spans="14:14">
      <c r="N297787" s="10"/>
    </row>
    <row r="297788" spans="14:14">
      <c r="N297788" s="10"/>
    </row>
    <row r="297789" spans="14:14">
      <c r="N297789" s="10"/>
    </row>
    <row r="297790" spans="14:14">
      <c r="N297790" s="10"/>
    </row>
    <row r="297791" spans="14:14">
      <c r="N297791" s="10"/>
    </row>
    <row r="297792" spans="14:14">
      <c r="N297792" s="10"/>
    </row>
    <row r="297793" spans="14:14">
      <c r="N297793" s="10"/>
    </row>
    <row r="297794" spans="14:14">
      <c r="N297794" s="10"/>
    </row>
    <row r="297795" spans="14:14">
      <c r="N297795" s="10"/>
    </row>
    <row r="297796" spans="14:14">
      <c r="N297796" s="10"/>
    </row>
    <row r="297797" spans="14:14">
      <c r="N297797" s="10"/>
    </row>
    <row r="297798" spans="14:14">
      <c r="N297798" s="10"/>
    </row>
    <row r="297799" spans="14:14">
      <c r="N297799" s="10"/>
    </row>
    <row r="297800" spans="14:14">
      <c r="N297800" s="10"/>
    </row>
    <row r="297801" spans="14:14">
      <c r="N297801" s="10"/>
    </row>
    <row r="297802" spans="14:14">
      <c r="N297802" s="10"/>
    </row>
    <row r="297803" spans="14:14">
      <c r="N297803" s="10"/>
    </row>
    <row r="297804" spans="14:14">
      <c r="N297804" s="10"/>
    </row>
    <row r="297805" spans="14:14">
      <c r="N297805" s="10"/>
    </row>
    <row r="297806" spans="14:14">
      <c r="N297806" s="10"/>
    </row>
    <row r="297807" spans="14:14">
      <c r="N297807" s="10"/>
    </row>
    <row r="297808" spans="14:14">
      <c r="N297808" s="10"/>
    </row>
    <row r="297809" spans="14:14">
      <c r="N297809" s="10"/>
    </row>
    <row r="297810" spans="14:14">
      <c r="N297810" s="10"/>
    </row>
    <row r="297811" spans="14:14">
      <c r="N297811" s="10"/>
    </row>
    <row r="297812" spans="14:14">
      <c r="N297812" s="10"/>
    </row>
    <row r="297813" spans="14:14">
      <c r="N297813" s="10"/>
    </row>
    <row r="297814" spans="14:14">
      <c r="N297814" s="10"/>
    </row>
    <row r="297815" spans="14:14">
      <c r="N297815" s="10"/>
    </row>
    <row r="297816" spans="14:14">
      <c r="N297816" s="10"/>
    </row>
    <row r="297817" spans="14:14">
      <c r="N297817" s="10"/>
    </row>
    <row r="297818" spans="14:14">
      <c r="N297818" s="10"/>
    </row>
    <row r="297819" spans="14:14">
      <c r="N297819" s="10"/>
    </row>
    <row r="297820" spans="14:14">
      <c r="N297820" s="10"/>
    </row>
    <row r="297821" spans="14:14">
      <c r="N297821" s="10"/>
    </row>
    <row r="297822" spans="14:14">
      <c r="N297822" s="10"/>
    </row>
    <row r="297823" spans="14:14">
      <c r="N297823" s="10"/>
    </row>
    <row r="297824" spans="14:14">
      <c r="N297824" s="10"/>
    </row>
    <row r="297825" spans="14:14">
      <c r="N297825" s="10"/>
    </row>
    <row r="297826" spans="14:14">
      <c r="N297826" s="10"/>
    </row>
    <row r="297827" spans="14:14">
      <c r="N297827" s="10"/>
    </row>
    <row r="297828" spans="14:14">
      <c r="N297828" s="10"/>
    </row>
    <row r="297829" spans="14:14">
      <c r="N297829" s="10"/>
    </row>
    <row r="297830" spans="14:14">
      <c r="N297830" s="10"/>
    </row>
    <row r="297831" spans="14:14">
      <c r="N297831" s="10"/>
    </row>
    <row r="297832" spans="14:14">
      <c r="N297832" s="10"/>
    </row>
    <row r="297833" spans="14:14">
      <c r="N297833" s="10"/>
    </row>
    <row r="297834" spans="14:14">
      <c r="N297834" s="10"/>
    </row>
    <row r="297835" spans="14:14">
      <c r="N297835" s="10"/>
    </row>
    <row r="297836" spans="14:14">
      <c r="N297836" s="10"/>
    </row>
    <row r="297837" spans="14:14">
      <c r="N297837" s="10"/>
    </row>
    <row r="297838" spans="14:14">
      <c r="N297838" s="10"/>
    </row>
    <row r="297839" spans="14:14">
      <c r="N297839" s="10"/>
    </row>
    <row r="297840" spans="14:14">
      <c r="N297840" s="10"/>
    </row>
    <row r="297841" spans="14:14">
      <c r="N297841" s="10"/>
    </row>
    <row r="297842" spans="14:14">
      <c r="N297842" s="10"/>
    </row>
    <row r="297843" spans="14:14">
      <c r="N297843" s="10"/>
    </row>
    <row r="297844" spans="14:14">
      <c r="N297844" s="10"/>
    </row>
    <row r="297845" spans="14:14">
      <c r="N297845" s="10"/>
    </row>
    <row r="297846" spans="14:14">
      <c r="N297846" s="10"/>
    </row>
    <row r="297847" spans="14:14">
      <c r="N297847" s="10"/>
    </row>
    <row r="297848" spans="14:14">
      <c r="N297848" s="10"/>
    </row>
    <row r="297849" spans="14:14">
      <c r="N297849" s="10"/>
    </row>
    <row r="297850" spans="14:14">
      <c r="N297850" s="10"/>
    </row>
    <row r="297851" spans="14:14">
      <c r="N297851" s="10"/>
    </row>
    <row r="297852" spans="14:14">
      <c r="N297852" s="10"/>
    </row>
    <row r="297853" spans="14:14">
      <c r="N297853" s="10"/>
    </row>
    <row r="297854" spans="14:14">
      <c r="N297854" s="10"/>
    </row>
    <row r="297855" spans="14:14">
      <c r="N297855" s="10"/>
    </row>
    <row r="297856" spans="14:14">
      <c r="N297856" s="10"/>
    </row>
    <row r="297857" spans="14:14">
      <c r="N297857" s="10"/>
    </row>
    <row r="297858" spans="14:14">
      <c r="N297858" s="10"/>
    </row>
    <row r="297859" spans="14:14">
      <c r="N297859" s="10"/>
    </row>
    <row r="297860" spans="14:14">
      <c r="N297860" s="10"/>
    </row>
    <row r="297861" spans="14:14">
      <c r="N297861" s="10"/>
    </row>
    <row r="297862" spans="14:14">
      <c r="N297862" s="10"/>
    </row>
    <row r="297863" spans="14:14">
      <c r="N297863" s="10"/>
    </row>
    <row r="297864" spans="14:14">
      <c r="N297864" s="10"/>
    </row>
    <row r="297865" spans="14:14">
      <c r="N297865" s="10"/>
    </row>
    <row r="297866" spans="14:14">
      <c r="N297866" s="10"/>
    </row>
    <row r="297867" spans="14:14">
      <c r="N297867" s="10"/>
    </row>
    <row r="297868" spans="14:14">
      <c r="N297868" s="10"/>
    </row>
    <row r="297869" spans="14:14">
      <c r="N297869" s="10"/>
    </row>
    <row r="297870" spans="14:14">
      <c r="N297870" s="10"/>
    </row>
    <row r="297871" spans="14:14">
      <c r="N297871" s="10"/>
    </row>
    <row r="297872" spans="14:14">
      <c r="N297872" s="10"/>
    </row>
    <row r="297873" spans="14:14">
      <c r="N297873" s="10"/>
    </row>
    <row r="297874" spans="14:14">
      <c r="N297874" s="10"/>
    </row>
    <row r="297875" spans="14:14">
      <c r="N297875" s="10"/>
    </row>
    <row r="297876" spans="14:14">
      <c r="N297876" s="10"/>
    </row>
    <row r="297877" spans="14:14">
      <c r="N297877" s="10"/>
    </row>
    <row r="297878" spans="14:14">
      <c r="N297878" s="10"/>
    </row>
    <row r="297879" spans="14:14">
      <c r="N297879" s="10"/>
    </row>
    <row r="297880" spans="14:14">
      <c r="N297880" s="10"/>
    </row>
    <row r="297881" spans="14:14">
      <c r="N297881" s="10"/>
    </row>
    <row r="297882" spans="14:14">
      <c r="N297882" s="10"/>
    </row>
    <row r="297883" spans="14:14">
      <c r="N297883" s="10"/>
    </row>
    <row r="297884" spans="14:14">
      <c r="N297884" s="10"/>
    </row>
    <row r="297885" spans="14:14">
      <c r="N297885" s="10"/>
    </row>
    <row r="297886" spans="14:14">
      <c r="N297886" s="10"/>
    </row>
    <row r="297887" spans="14:14">
      <c r="N297887" s="10"/>
    </row>
    <row r="297888" spans="14:14">
      <c r="N297888" s="10"/>
    </row>
    <row r="297889" spans="14:14">
      <c r="N297889" s="10"/>
    </row>
    <row r="297890" spans="14:14">
      <c r="N297890" s="10"/>
    </row>
    <row r="297891" spans="14:14">
      <c r="N297891" s="10"/>
    </row>
    <row r="297892" spans="14:14">
      <c r="N297892" s="10"/>
    </row>
    <row r="297893" spans="14:14">
      <c r="N297893" s="10"/>
    </row>
    <row r="297894" spans="14:14">
      <c r="N297894" s="10"/>
    </row>
    <row r="297895" spans="14:14">
      <c r="N297895" s="10"/>
    </row>
    <row r="297896" spans="14:14">
      <c r="N297896" s="10"/>
    </row>
    <row r="297897" spans="14:14">
      <c r="N297897" s="10"/>
    </row>
    <row r="297898" spans="14:14">
      <c r="N297898" s="10"/>
    </row>
    <row r="297899" spans="14:14">
      <c r="N297899" s="10"/>
    </row>
    <row r="297900" spans="14:14">
      <c r="N297900" s="10"/>
    </row>
    <row r="297901" spans="14:14">
      <c r="N297901" s="10"/>
    </row>
    <row r="297902" spans="14:14">
      <c r="N297902" s="10"/>
    </row>
    <row r="297903" spans="14:14">
      <c r="N297903" s="10"/>
    </row>
    <row r="297904" spans="14:14">
      <c r="N297904" s="10"/>
    </row>
    <row r="297905" spans="14:14">
      <c r="N297905" s="10"/>
    </row>
    <row r="297906" spans="14:14">
      <c r="N297906" s="10"/>
    </row>
    <row r="297907" spans="14:14">
      <c r="N297907" s="10"/>
    </row>
    <row r="297908" spans="14:14">
      <c r="N297908" s="10"/>
    </row>
    <row r="297909" spans="14:14">
      <c r="N297909" s="10"/>
    </row>
    <row r="297910" spans="14:14">
      <c r="N297910" s="10"/>
    </row>
    <row r="297911" spans="14:14">
      <c r="N297911" s="10"/>
    </row>
    <row r="297912" spans="14:14">
      <c r="N297912" s="10"/>
    </row>
    <row r="297913" spans="14:14">
      <c r="N297913" s="10"/>
    </row>
    <row r="297914" spans="14:14">
      <c r="N297914" s="10"/>
    </row>
    <row r="297915" spans="14:14">
      <c r="N297915" s="10"/>
    </row>
    <row r="297916" spans="14:14">
      <c r="N297916" s="10"/>
    </row>
    <row r="297917" spans="14:14">
      <c r="N297917" s="10"/>
    </row>
    <row r="297918" spans="14:14">
      <c r="N297918" s="10"/>
    </row>
    <row r="297919" spans="14:14">
      <c r="N297919" s="10"/>
    </row>
    <row r="297920" spans="14:14">
      <c r="N297920" s="10"/>
    </row>
    <row r="297921" spans="14:14">
      <c r="N297921" s="10"/>
    </row>
    <row r="297922" spans="14:14">
      <c r="N297922" s="10"/>
    </row>
    <row r="297923" spans="14:14">
      <c r="N297923" s="10"/>
    </row>
    <row r="297924" spans="14:14">
      <c r="N297924" s="10"/>
    </row>
    <row r="297925" spans="14:14">
      <c r="N297925" s="10"/>
    </row>
    <row r="297926" spans="14:14">
      <c r="N297926" s="10"/>
    </row>
    <row r="297927" spans="14:14">
      <c r="N297927" s="10"/>
    </row>
    <row r="297928" spans="14:14">
      <c r="N297928" s="10"/>
    </row>
    <row r="297929" spans="14:14">
      <c r="N297929" s="10"/>
    </row>
    <row r="297930" spans="14:14">
      <c r="N297930" s="10"/>
    </row>
    <row r="297931" spans="14:14">
      <c r="N297931" s="10"/>
    </row>
    <row r="297932" spans="14:14">
      <c r="N297932" s="10"/>
    </row>
    <row r="297933" spans="14:14">
      <c r="N297933" s="10"/>
    </row>
    <row r="297934" spans="14:14">
      <c r="N297934" s="10"/>
    </row>
    <row r="297935" spans="14:14">
      <c r="N297935" s="10"/>
    </row>
    <row r="297936" spans="14:14">
      <c r="N297936" s="10"/>
    </row>
    <row r="297937" spans="14:14">
      <c r="N297937" s="10"/>
    </row>
    <row r="297938" spans="14:14">
      <c r="N297938" s="10"/>
    </row>
    <row r="297939" spans="14:14">
      <c r="N297939" s="10"/>
    </row>
    <row r="297940" spans="14:14">
      <c r="N297940" s="10"/>
    </row>
    <row r="297941" spans="14:14">
      <c r="N297941" s="10"/>
    </row>
    <row r="297942" spans="14:14">
      <c r="N297942" s="10"/>
    </row>
    <row r="297943" spans="14:14">
      <c r="N297943" s="10"/>
    </row>
    <row r="297944" spans="14:14">
      <c r="N297944" s="10"/>
    </row>
    <row r="297945" spans="14:14">
      <c r="N297945" s="10"/>
    </row>
    <row r="297946" spans="14:14">
      <c r="N297946" s="10"/>
    </row>
    <row r="297947" spans="14:14">
      <c r="N297947" s="10"/>
    </row>
    <row r="297948" spans="14:14">
      <c r="N297948" s="10"/>
    </row>
    <row r="297949" spans="14:14">
      <c r="N297949" s="10"/>
    </row>
    <row r="297950" spans="14:14">
      <c r="N297950" s="10"/>
    </row>
    <row r="297951" spans="14:14">
      <c r="N297951" s="10"/>
    </row>
    <row r="297952" spans="14:14">
      <c r="N297952" s="10"/>
    </row>
    <row r="297953" spans="14:14">
      <c r="N297953" s="10"/>
    </row>
    <row r="297954" spans="14:14">
      <c r="N297954" s="10"/>
    </row>
    <row r="297955" spans="14:14">
      <c r="N297955" s="10"/>
    </row>
    <row r="297956" spans="14:14">
      <c r="N297956" s="10"/>
    </row>
    <row r="297957" spans="14:14">
      <c r="N297957" s="10"/>
    </row>
    <row r="297958" spans="14:14">
      <c r="N297958" s="10"/>
    </row>
    <row r="297959" spans="14:14">
      <c r="N297959" s="10"/>
    </row>
    <row r="297960" spans="14:14">
      <c r="N297960" s="10"/>
    </row>
    <row r="297961" spans="14:14">
      <c r="N297961" s="10"/>
    </row>
    <row r="297962" spans="14:14">
      <c r="N297962" s="10"/>
    </row>
    <row r="297963" spans="14:14">
      <c r="N297963" s="10"/>
    </row>
    <row r="297964" spans="14:14">
      <c r="N297964" s="10"/>
    </row>
    <row r="297965" spans="14:14">
      <c r="N297965" s="10"/>
    </row>
    <row r="297966" spans="14:14">
      <c r="N297966" s="10"/>
    </row>
    <row r="297967" spans="14:14">
      <c r="N297967" s="10"/>
    </row>
    <row r="297968" spans="14:14">
      <c r="N297968" s="10"/>
    </row>
    <row r="297969" spans="14:14">
      <c r="N297969" s="10"/>
    </row>
    <row r="297970" spans="14:14">
      <c r="N297970" s="10"/>
    </row>
    <row r="297971" spans="14:14">
      <c r="N297971" s="10"/>
    </row>
    <row r="297972" spans="14:14">
      <c r="N297972" s="10"/>
    </row>
    <row r="297973" spans="14:14">
      <c r="N297973" s="10"/>
    </row>
    <row r="297974" spans="14:14">
      <c r="N297974" s="10"/>
    </row>
    <row r="297975" spans="14:14">
      <c r="N297975" s="10"/>
    </row>
    <row r="297976" spans="14:14">
      <c r="N297976" s="10"/>
    </row>
    <row r="297977" spans="14:14">
      <c r="N297977" s="10"/>
    </row>
    <row r="297978" spans="14:14">
      <c r="N297978" s="10"/>
    </row>
    <row r="297979" spans="14:14">
      <c r="N297979" s="10"/>
    </row>
    <row r="297980" spans="14:14">
      <c r="N297980" s="10"/>
    </row>
    <row r="297981" spans="14:14">
      <c r="N297981" s="10"/>
    </row>
    <row r="297982" spans="14:14">
      <c r="N297982" s="10"/>
    </row>
    <row r="297983" spans="14:14">
      <c r="N297983" s="10"/>
    </row>
    <row r="297984" spans="14:14">
      <c r="N297984" s="10"/>
    </row>
    <row r="297985" spans="14:14">
      <c r="N297985" s="10"/>
    </row>
    <row r="297986" spans="14:14">
      <c r="N297986" s="10"/>
    </row>
    <row r="297987" spans="14:14">
      <c r="N297987" s="10"/>
    </row>
    <row r="297988" spans="14:14">
      <c r="N297988" s="10"/>
    </row>
    <row r="297989" spans="14:14">
      <c r="N297989" s="10"/>
    </row>
    <row r="297990" spans="14:14">
      <c r="N297990" s="10"/>
    </row>
    <row r="297991" spans="14:14">
      <c r="N297991" s="10"/>
    </row>
    <row r="297992" spans="14:14">
      <c r="N297992" s="10"/>
    </row>
    <row r="297993" spans="14:14">
      <c r="N297993" s="10"/>
    </row>
    <row r="297994" spans="14:14">
      <c r="N297994" s="10"/>
    </row>
    <row r="297995" spans="14:14">
      <c r="N297995" s="10"/>
    </row>
    <row r="297996" spans="14:14">
      <c r="N297996" s="10"/>
    </row>
    <row r="297997" spans="14:14">
      <c r="N297997" s="10"/>
    </row>
    <row r="297998" spans="14:14">
      <c r="N297998" s="10"/>
    </row>
    <row r="297999" spans="14:14">
      <c r="N297999" s="10"/>
    </row>
    <row r="298000" spans="14:14">
      <c r="N298000" s="10"/>
    </row>
    <row r="298001" spans="14:14">
      <c r="N298001" s="10"/>
    </row>
    <row r="298002" spans="14:14">
      <c r="N298002" s="10"/>
    </row>
    <row r="298003" spans="14:14">
      <c r="N298003" s="10"/>
    </row>
    <row r="298004" spans="14:14">
      <c r="N298004" s="10"/>
    </row>
    <row r="298005" spans="14:14">
      <c r="N298005" s="10"/>
    </row>
    <row r="298006" spans="14:14">
      <c r="N298006" s="10"/>
    </row>
    <row r="298007" spans="14:14">
      <c r="N298007" s="10"/>
    </row>
    <row r="298008" spans="14:14">
      <c r="N298008" s="10"/>
    </row>
    <row r="298009" spans="14:14">
      <c r="N298009" s="10"/>
    </row>
    <row r="298010" spans="14:14">
      <c r="N298010" s="10"/>
    </row>
    <row r="298011" spans="14:14">
      <c r="N298011" s="10"/>
    </row>
    <row r="298012" spans="14:14">
      <c r="N298012" s="10"/>
    </row>
    <row r="298013" spans="14:14">
      <c r="N298013" s="10"/>
    </row>
    <row r="298014" spans="14:14">
      <c r="N298014" s="10"/>
    </row>
    <row r="298015" spans="14:14">
      <c r="N298015" s="10"/>
    </row>
    <row r="298016" spans="14:14">
      <c r="N298016" s="10"/>
    </row>
    <row r="298017" spans="14:14">
      <c r="N298017" s="10"/>
    </row>
    <row r="298018" spans="14:14">
      <c r="N298018" s="10"/>
    </row>
    <row r="298019" spans="14:14">
      <c r="N298019" s="10"/>
    </row>
    <row r="298020" spans="14:14">
      <c r="N298020" s="10"/>
    </row>
    <row r="298021" spans="14:14">
      <c r="N298021" s="10"/>
    </row>
    <row r="298022" spans="14:14">
      <c r="N298022" s="10"/>
    </row>
    <row r="298023" spans="14:14">
      <c r="N298023" s="10"/>
    </row>
    <row r="298024" spans="14:14">
      <c r="N298024" s="10"/>
    </row>
    <row r="298025" spans="14:14">
      <c r="N298025" s="10"/>
    </row>
    <row r="298026" spans="14:14">
      <c r="N298026" s="10"/>
    </row>
    <row r="298027" spans="14:14">
      <c r="N298027" s="10"/>
    </row>
    <row r="298028" spans="14:14">
      <c r="N298028" s="10"/>
    </row>
    <row r="298029" spans="14:14">
      <c r="N298029" s="10"/>
    </row>
    <row r="298030" spans="14:14">
      <c r="N298030" s="10"/>
    </row>
    <row r="298031" spans="14:14">
      <c r="N298031" s="10"/>
    </row>
    <row r="298032" spans="14:14">
      <c r="N298032" s="10"/>
    </row>
    <row r="298033" spans="14:14">
      <c r="N298033" s="10"/>
    </row>
    <row r="298034" spans="14:14">
      <c r="N298034" s="10"/>
    </row>
    <row r="298035" spans="14:14">
      <c r="N298035" s="10"/>
    </row>
    <row r="298036" spans="14:14">
      <c r="N298036" s="10"/>
    </row>
    <row r="298037" spans="14:14">
      <c r="N298037" s="10"/>
    </row>
    <row r="298038" spans="14:14">
      <c r="N298038" s="10"/>
    </row>
    <row r="298039" spans="14:14">
      <c r="N298039" s="10"/>
    </row>
    <row r="298040" spans="14:14">
      <c r="N298040" s="10"/>
    </row>
    <row r="298041" spans="14:14">
      <c r="N298041" s="10"/>
    </row>
    <row r="298042" spans="14:14">
      <c r="N298042" s="10"/>
    </row>
    <row r="298043" spans="14:14">
      <c r="N298043" s="10"/>
    </row>
    <row r="298044" spans="14:14">
      <c r="N298044" s="10"/>
    </row>
    <row r="298045" spans="14:14">
      <c r="N298045" s="10"/>
    </row>
    <row r="298046" spans="14:14">
      <c r="N298046" s="10"/>
    </row>
    <row r="298047" spans="14:14">
      <c r="N298047" s="10"/>
    </row>
    <row r="298048" spans="14:14">
      <c r="N298048" s="10"/>
    </row>
    <row r="298049" spans="14:14">
      <c r="N298049" s="10"/>
    </row>
    <row r="298050" spans="14:14">
      <c r="N298050" s="10"/>
    </row>
    <row r="298051" spans="14:14">
      <c r="N298051" s="10"/>
    </row>
    <row r="298052" spans="14:14">
      <c r="N298052" s="10"/>
    </row>
    <row r="298053" spans="14:14">
      <c r="N298053" s="10"/>
    </row>
    <row r="298054" spans="14:14">
      <c r="N298054" s="10"/>
    </row>
    <row r="298055" spans="14:14">
      <c r="N298055" s="10"/>
    </row>
    <row r="298056" spans="14:14">
      <c r="N298056" s="10"/>
    </row>
    <row r="298057" spans="14:14">
      <c r="N298057" s="10"/>
    </row>
    <row r="298058" spans="14:14">
      <c r="N298058" s="10"/>
    </row>
    <row r="298059" spans="14:14">
      <c r="N298059" s="10"/>
    </row>
    <row r="298060" spans="14:14">
      <c r="N298060" s="10"/>
    </row>
    <row r="298061" spans="14:14">
      <c r="N298061" s="10"/>
    </row>
    <row r="298062" spans="14:14">
      <c r="N298062" s="10"/>
    </row>
    <row r="298063" spans="14:14">
      <c r="N298063" s="10"/>
    </row>
    <row r="298064" spans="14:14">
      <c r="N298064" s="10"/>
    </row>
    <row r="298065" spans="14:14">
      <c r="N298065" s="10"/>
    </row>
    <row r="298066" spans="14:14">
      <c r="N298066" s="10"/>
    </row>
    <row r="298067" spans="14:14">
      <c r="N298067" s="10"/>
    </row>
    <row r="298068" spans="14:14">
      <c r="N298068" s="10"/>
    </row>
    <row r="298069" spans="14:14">
      <c r="N298069" s="10"/>
    </row>
    <row r="298070" spans="14:14">
      <c r="N298070" s="10"/>
    </row>
    <row r="298071" spans="14:14">
      <c r="N298071" s="10"/>
    </row>
    <row r="298072" spans="14:14">
      <c r="N298072" s="10"/>
    </row>
    <row r="298073" spans="14:14">
      <c r="N298073" s="10"/>
    </row>
    <row r="298074" spans="14:14">
      <c r="N298074" s="10"/>
    </row>
    <row r="298075" spans="14:14">
      <c r="N298075" s="10"/>
    </row>
    <row r="298076" spans="14:14">
      <c r="N298076" s="10"/>
    </row>
    <row r="298077" spans="14:14">
      <c r="N298077" s="10"/>
    </row>
    <row r="298078" spans="14:14">
      <c r="N298078" s="10"/>
    </row>
    <row r="298079" spans="14:14">
      <c r="N298079" s="10"/>
    </row>
    <row r="298080" spans="14:14">
      <c r="N298080" s="10"/>
    </row>
    <row r="298081" spans="14:14">
      <c r="N298081" s="10"/>
    </row>
    <row r="298082" spans="14:14">
      <c r="N298082" s="10"/>
    </row>
    <row r="298083" spans="14:14">
      <c r="N298083" s="10"/>
    </row>
    <row r="298084" spans="14:14">
      <c r="N298084" s="10"/>
    </row>
    <row r="298085" spans="14:14">
      <c r="N298085" s="10"/>
    </row>
    <row r="298086" spans="14:14">
      <c r="N298086" s="10"/>
    </row>
    <row r="298087" spans="14:14">
      <c r="N298087" s="10"/>
    </row>
    <row r="298088" spans="14:14">
      <c r="N298088" s="10"/>
    </row>
    <row r="298089" spans="14:14">
      <c r="N298089" s="10"/>
    </row>
    <row r="298090" spans="14:14">
      <c r="N298090" s="10"/>
    </row>
    <row r="298091" spans="14:14">
      <c r="N298091" s="10"/>
    </row>
    <row r="298092" spans="14:14">
      <c r="N298092" s="10"/>
    </row>
    <row r="298093" spans="14:14">
      <c r="N298093" s="10"/>
    </row>
    <row r="298094" spans="14:14">
      <c r="N298094" s="10"/>
    </row>
    <row r="298095" spans="14:14">
      <c r="N298095" s="10"/>
    </row>
    <row r="298096" spans="14:14">
      <c r="N298096" s="10"/>
    </row>
    <row r="298097" spans="14:14">
      <c r="N298097" s="10"/>
    </row>
    <row r="298098" spans="14:14">
      <c r="N298098" s="10"/>
    </row>
    <row r="298099" spans="14:14">
      <c r="N298099" s="10"/>
    </row>
    <row r="298100" spans="14:14">
      <c r="N298100" s="10"/>
    </row>
    <row r="298101" spans="14:14">
      <c r="N298101" s="10"/>
    </row>
    <row r="298102" spans="14:14">
      <c r="N298102" s="10"/>
    </row>
    <row r="298103" spans="14:14">
      <c r="N298103" s="10"/>
    </row>
    <row r="298104" spans="14:14">
      <c r="N298104" s="10"/>
    </row>
    <row r="298105" spans="14:14">
      <c r="N298105" s="10"/>
    </row>
    <row r="298106" spans="14:14">
      <c r="N298106" s="10"/>
    </row>
    <row r="298107" spans="14:14">
      <c r="N298107" s="10"/>
    </row>
    <row r="298108" spans="14:14">
      <c r="N298108" s="10"/>
    </row>
    <row r="298109" spans="14:14">
      <c r="N298109" s="10"/>
    </row>
    <row r="298110" spans="14:14">
      <c r="N298110" s="10"/>
    </row>
    <row r="298111" spans="14:14">
      <c r="N298111" s="10"/>
    </row>
    <row r="298112" spans="14:14">
      <c r="N298112" s="10"/>
    </row>
    <row r="298113" spans="14:14">
      <c r="N298113" s="10"/>
    </row>
    <row r="298114" spans="14:14">
      <c r="N298114" s="10"/>
    </row>
    <row r="298115" spans="14:14">
      <c r="N298115" s="10"/>
    </row>
    <row r="298116" spans="14:14">
      <c r="N298116" s="10"/>
    </row>
    <row r="298117" spans="14:14">
      <c r="N298117" s="10"/>
    </row>
    <row r="298118" spans="14:14">
      <c r="N298118" s="10"/>
    </row>
    <row r="298119" spans="14:14">
      <c r="N298119" s="10"/>
    </row>
    <row r="298120" spans="14:14">
      <c r="N298120" s="10"/>
    </row>
    <row r="298121" spans="14:14">
      <c r="N298121" s="10"/>
    </row>
    <row r="298122" spans="14:14">
      <c r="N298122" s="10"/>
    </row>
    <row r="298123" spans="14:14">
      <c r="N298123" s="10"/>
    </row>
    <row r="298124" spans="14:14">
      <c r="N298124" s="10"/>
    </row>
    <row r="298125" spans="14:14">
      <c r="N298125" s="10"/>
    </row>
    <row r="298126" spans="14:14">
      <c r="N298126" s="10"/>
    </row>
    <row r="298127" spans="14:14">
      <c r="N298127" s="10"/>
    </row>
    <row r="298128" spans="14:14">
      <c r="N298128" s="10"/>
    </row>
    <row r="298129" spans="14:14">
      <c r="N298129" s="10"/>
    </row>
    <row r="298130" spans="14:14">
      <c r="N298130" s="10"/>
    </row>
    <row r="298131" spans="14:14">
      <c r="N298131" s="10"/>
    </row>
    <row r="298132" spans="14:14">
      <c r="N298132" s="10"/>
    </row>
    <row r="298133" spans="14:14">
      <c r="N298133" s="10"/>
    </row>
    <row r="298134" spans="14:14">
      <c r="N298134" s="10"/>
    </row>
    <row r="298135" spans="14:14">
      <c r="N298135" s="10"/>
    </row>
    <row r="298136" spans="14:14">
      <c r="N298136" s="10"/>
    </row>
    <row r="298137" spans="14:14">
      <c r="N298137" s="10"/>
    </row>
    <row r="298138" spans="14:14">
      <c r="N298138" s="10"/>
    </row>
    <row r="298139" spans="14:14">
      <c r="N298139" s="10"/>
    </row>
    <row r="298140" spans="14:14">
      <c r="N298140" s="10"/>
    </row>
    <row r="298141" spans="14:14">
      <c r="N298141" s="10"/>
    </row>
    <row r="298142" spans="14:14">
      <c r="N298142" s="10"/>
    </row>
    <row r="298143" spans="14:14">
      <c r="N298143" s="10"/>
    </row>
    <row r="298144" spans="14:14">
      <c r="N298144" s="10"/>
    </row>
    <row r="298145" spans="14:14">
      <c r="N298145" s="10"/>
    </row>
    <row r="298146" spans="14:14">
      <c r="N298146" s="10"/>
    </row>
    <row r="298147" spans="14:14">
      <c r="N298147" s="10"/>
    </row>
    <row r="298148" spans="14:14">
      <c r="N298148" s="10"/>
    </row>
    <row r="298149" spans="14:14">
      <c r="N298149" s="10"/>
    </row>
    <row r="298150" spans="14:14">
      <c r="N298150" s="10"/>
    </row>
    <row r="298151" spans="14:14">
      <c r="N298151" s="10"/>
    </row>
    <row r="298152" spans="14:14">
      <c r="N298152" s="10"/>
    </row>
    <row r="298153" spans="14:14">
      <c r="N298153" s="10"/>
    </row>
    <row r="298154" spans="14:14">
      <c r="N298154" s="10"/>
    </row>
    <row r="298155" spans="14:14">
      <c r="N298155" s="10"/>
    </row>
    <row r="298156" spans="14:14">
      <c r="N298156" s="10"/>
    </row>
    <row r="298157" spans="14:14">
      <c r="N298157" s="10"/>
    </row>
    <row r="298158" spans="14:14">
      <c r="N298158" s="10"/>
    </row>
    <row r="298159" spans="14:14">
      <c r="N298159" s="10"/>
    </row>
    <row r="298160" spans="14:14">
      <c r="N298160" s="10"/>
    </row>
    <row r="298161" spans="14:14">
      <c r="N298161" s="10"/>
    </row>
    <row r="298162" spans="14:14">
      <c r="N298162" s="10"/>
    </row>
    <row r="298163" spans="14:14">
      <c r="N298163" s="10"/>
    </row>
    <row r="298164" spans="14:14">
      <c r="N298164" s="10"/>
    </row>
    <row r="298165" spans="14:14">
      <c r="N298165" s="10"/>
    </row>
    <row r="298166" spans="14:14">
      <c r="N298166" s="10"/>
    </row>
    <row r="298167" spans="14:14">
      <c r="N298167" s="10"/>
    </row>
    <row r="298168" spans="14:14">
      <c r="N298168" s="10"/>
    </row>
    <row r="298169" spans="14:14">
      <c r="N298169" s="10"/>
    </row>
    <row r="298170" spans="14:14">
      <c r="N298170" s="10"/>
    </row>
    <row r="298171" spans="14:14">
      <c r="N298171" s="10"/>
    </row>
    <row r="298172" spans="14:14">
      <c r="N298172" s="10"/>
    </row>
    <row r="298173" spans="14:14">
      <c r="N298173" s="10"/>
    </row>
    <row r="298174" spans="14:14">
      <c r="N298174" s="10"/>
    </row>
    <row r="298175" spans="14:14">
      <c r="N298175" s="10"/>
    </row>
    <row r="298176" spans="14:14">
      <c r="N298176" s="10"/>
    </row>
    <row r="298177" spans="14:14">
      <c r="N298177" s="10"/>
    </row>
    <row r="298178" spans="14:14">
      <c r="N298178" s="10"/>
    </row>
    <row r="298179" spans="14:14">
      <c r="N298179" s="10"/>
    </row>
    <row r="298180" spans="14:14">
      <c r="N298180" s="10"/>
    </row>
    <row r="298181" spans="14:14">
      <c r="N298181" s="10"/>
    </row>
    <row r="298182" spans="14:14">
      <c r="N298182" s="10"/>
    </row>
    <row r="298183" spans="14:14">
      <c r="N298183" s="10"/>
    </row>
    <row r="298184" spans="14:14">
      <c r="N298184" s="10"/>
    </row>
    <row r="298185" spans="14:14">
      <c r="N298185" s="10"/>
    </row>
    <row r="298186" spans="14:14">
      <c r="N298186" s="10"/>
    </row>
    <row r="298187" spans="14:14">
      <c r="N298187" s="10"/>
    </row>
    <row r="298188" spans="14:14">
      <c r="N298188" s="10"/>
    </row>
    <row r="298189" spans="14:14">
      <c r="N298189" s="10"/>
    </row>
    <row r="298190" spans="14:14">
      <c r="N298190" s="10"/>
    </row>
    <row r="298191" spans="14:14">
      <c r="N298191" s="10"/>
    </row>
    <row r="298192" spans="14:14">
      <c r="N298192" s="10"/>
    </row>
    <row r="298193" spans="14:14">
      <c r="N298193" s="10"/>
    </row>
    <row r="298194" spans="14:14">
      <c r="N298194" s="10"/>
    </row>
    <row r="298195" spans="14:14">
      <c r="N298195" s="10"/>
    </row>
    <row r="298196" spans="14:14">
      <c r="N298196" s="10"/>
    </row>
    <row r="298197" spans="14:14">
      <c r="N298197" s="10"/>
    </row>
    <row r="298198" spans="14:14">
      <c r="N298198" s="10"/>
    </row>
    <row r="298199" spans="14:14">
      <c r="N298199" s="10"/>
    </row>
    <row r="298200" spans="14:14">
      <c r="N298200" s="10"/>
    </row>
    <row r="298201" spans="14:14">
      <c r="N298201" s="10"/>
    </row>
    <row r="298202" spans="14:14">
      <c r="N298202" s="10"/>
    </row>
    <row r="298203" spans="14:14">
      <c r="N298203" s="10"/>
    </row>
    <row r="298204" spans="14:14">
      <c r="N298204" s="10"/>
    </row>
    <row r="298205" spans="14:14">
      <c r="N298205" s="10"/>
    </row>
    <row r="298206" spans="14:14">
      <c r="N298206" s="10"/>
    </row>
    <row r="298207" spans="14:14">
      <c r="N298207" s="10"/>
    </row>
    <row r="298208" spans="14:14">
      <c r="N298208" s="10"/>
    </row>
    <row r="298209" spans="14:14">
      <c r="N298209" s="10"/>
    </row>
    <row r="298210" spans="14:14">
      <c r="N298210" s="10"/>
    </row>
    <row r="298211" spans="14:14">
      <c r="N298211" s="10"/>
    </row>
    <row r="298212" spans="14:14">
      <c r="N298212" s="10"/>
    </row>
    <row r="298213" spans="14:14">
      <c r="N298213" s="10"/>
    </row>
    <row r="298214" spans="14:14">
      <c r="N298214" s="10"/>
    </row>
    <row r="298215" spans="14:14">
      <c r="N298215" s="10"/>
    </row>
    <row r="298216" spans="14:14">
      <c r="N298216" s="10"/>
    </row>
    <row r="298217" spans="14:14">
      <c r="N298217" s="10"/>
    </row>
    <row r="298218" spans="14:14">
      <c r="N298218" s="10"/>
    </row>
    <row r="298219" spans="14:14">
      <c r="N298219" s="10"/>
    </row>
    <row r="298220" spans="14:14">
      <c r="N298220" s="10"/>
    </row>
    <row r="298221" spans="14:14">
      <c r="N298221" s="10"/>
    </row>
    <row r="298222" spans="14:14">
      <c r="N298222" s="10"/>
    </row>
    <row r="298223" spans="14:14">
      <c r="N298223" s="10"/>
    </row>
    <row r="298224" spans="14:14">
      <c r="N298224" s="10"/>
    </row>
    <row r="298225" spans="14:14">
      <c r="N298225" s="10"/>
    </row>
    <row r="298226" spans="14:14">
      <c r="N298226" s="10"/>
    </row>
    <row r="298227" spans="14:14">
      <c r="N298227" s="10"/>
    </row>
    <row r="298228" spans="14:14">
      <c r="N298228" s="10"/>
    </row>
    <row r="298229" spans="14:14">
      <c r="N298229" s="10"/>
    </row>
    <row r="298230" spans="14:14">
      <c r="N298230" s="10"/>
    </row>
    <row r="298231" spans="14:14">
      <c r="N298231" s="10"/>
    </row>
    <row r="298232" spans="14:14">
      <c r="N298232" s="10"/>
    </row>
    <row r="298233" spans="14:14">
      <c r="N298233" s="10"/>
    </row>
    <row r="298234" spans="14:14">
      <c r="N298234" s="10"/>
    </row>
    <row r="298235" spans="14:14">
      <c r="N298235" s="10"/>
    </row>
    <row r="298236" spans="14:14">
      <c r="N298236" s="10"/>
    </row>
    <row r="298237" spans="14:14">
      <c r="N298237" s="10"/>
    </row>
    <row r="298238" spans="14:14">
      <c r="N298238" s="10"/>
    </row>
    <row r="298239" spans="14:14">
      <c r="N298239" s="10"/>
    </row>
    <row r="298240" spans="14:14">
      <c r="N298240" s="10"/>
    </row>
    <row r="298241" spans="14:14">
      <c r="N298241" s="10"/>
    </row>
    <row r="298242" spans="14:14">
      <c r="N298242" s="10"/>
    </row>
    <row r="298243" spans="14:14">
      <c r="N298243" s="10"/>
    </row>
    <row r="298244" spans="14:14">
      <c r="N298244" s="10"/>
    </row>
    <row r="298245" spans="14:14">
      <c r="N298245" s="10"/>
    </row>
    <row r="298246" spans="14:14">
      <c r="N298246" s="10"/>
    </row>
    <row r="298247" spans="14:14">
      <c r="N298247" s="10"/>
    </row>
    <row r="298248" spans="14:14">
      <c r="N298248" s="10"/>
    </row>
    <row r="298249" spans="14:14">
      <c r="N298249" s="10"/>
    </row>
    <row r="298250" spans="14:14">
      <c r="N298250" s="10"/>
    </row>
    <row r="298251" spans="14:14">
      <c r="N298251" s="10"/>
    </row>
    <row r="298252" spans="14:14">
      <c r="N298252" s="10"/>
    </row>
    <row r="298253" spans="14:14">
      <c r="N298253" s="10"/>
    </row>
    <row r="298254" spans="14:14">
      <c r="N298254" s="10"/>
    </row>
    <row r="298255" spans="14:14">
      <c r="N298255" s="10"/>
    </row>
    <row r="298256" spans="14:14">
      <c r="N298256" s="10"/>
    </row>
    <row r="298257" spans="14:14">
      <c r="N298257" s="10"/>
    </row>
    <row r="298258" spans="14:14">
      <c r="N298258" s="10"/>
    </row>
    <row r="298259" spans="14:14">
      <c r="N298259" s="10"/>
    </row>
    <row r="298260" spans="14:14">
      <c r="N298260" s="10"/>
    </row>
    <row r="298261" spans="14:14">
      <c r="N298261" s="10"/>
    </row>
    <row r="298262" spans="14:14">
      <c r="N298262" s="10"/>
    </row>
    <row r="298263" spans="14:14">
      <c r="N298263" s="10"/>
    </row>
    <row r="298264" spans="14:14">
      <c r="N298264" s="10"/>
    </row>
    <row r="298265" spans="14:14">
      <c r="N298265" s="10"/>
    </row>
    <row r="298266" spans="14:14">
      <c r="N298266" s="10"/>
    </row>
    <row r="298267" spans="14:14">
      <c r="N298267" s="10"/>
    </row>
    <row r="298268" spans="14:14">
      <c r="N298268" s="10"/>
    </row>
    <row r="298269" spans="14:14">
      <c r="N298269" s="10"/>
    </row>
    <row r="298270" spans="14:14">
      <c r="N298270" s="10"/>
    </row>
    <row r="298271" spans="14:14">
      <c r="N298271" s="10"/>
    </row>
    <row r="298272" spans="14:14">
      <c r="N298272" s="10"/>
    </row>
    <row r="298273" spans="14:14">
      <c r="N298273" s="10"/>
    </row>
    <row r="298274" spans="14:14">
      <c r="N298274" s="10"/>
    </row>
    <row r="298275" spans="14:14">
      <c r="N298275" s="10"/>
    </row>
    <row r="298276" spans="14:14">
      <c r="N298276" s="10"/>
    </row>
    <row r="298277" spans="14:14">
      <c r="N298277" s="10"/>
    </row>
    <row r="298278" spans="14:14">
      <c r="N298278" s="10"/>
    </row>
    <row r="298279" spans="14:14">
      <c r="N298279" s="10"/>
    </row>
    <row r="298280" spans="14:14">
      <c r="N298280" s="10"/>
    </row>
    <row r="298281" spans="14:14">
      <c r="N298281" s="10"/>
    </row>
    <row r="298282" spans="14:14">
      <c r="N298282" s="10"/>
    </row>
    <row r="298283" spans="14:14">
      <c r="N298283" s="10"/>
    </row>
    <row r="298284" spans="14:14">
      <c r="N298284" s="10"/>
    </row>
    <row r="298285" spans="14:14">
      <c r="N298285" s="10"/>
    </row>
    <row r="298286" spans="14:14">
      <c r="N298286" s="10"/>
    </row>
    <row r="298287" spans="14:14">
      <c r="N298287" s="10"/>
    </row>
    <row r="298288" spans="14:14">
      <c r="N298288" s="10"/>
    </row>
    <row r="298289" spans="14:14">
      <c r="N298289" s="10"/>
    </row>
    <row r="298290" spans="14:14">
      <c r="N298290" s="10"/>
    </row>
    <row r="298291" spans="14:14">
      <c r="N298291" s="10"/>
    </row>
    <row r="298292" spans="14:14">
      <c r="N298292" s="10"/>
    </row>
    <row r="298293" spans="14:14">
      <c r="N298293" s="10"/>
    </row>
    <row r="298294" spans="14:14">
      <c r="N298294" s="10"/>
    </row>
    <row r="298295" spans="14:14">
      <c r="N298295" s="10"/>
    </row>
    <row r="298296" spans="14:14">
      <c r="N298296" s="10"/>
    </row>
    <row r="298297" spans="14:14">
      <c r="N298297" s="10"/>
    </row>
    <row r="298298" spans="14:14">
      <c r="N298298" s="10"/>
    </row>
    <row r="298299" spans="14:14">
      <c r="N298299" s="10"/>
    </row>
    <row r="298300" spans="14:14">
      <c r="N298300" s="10"/>
    </row>
    <row r="298301" spans="14:14">
      <c r="N298301" s="10"/>
    </row>
    <row r="298302" spans="14:14">
      <c r="N298302" s="10"/>
    </row>
    <row r="298303" spans="14:14">
      <c r="N298303" s="10"/>
    </row>
    <row r="298304" spans="14:14">
      <c r="N298304" s="10"/>
    </row>
    <row r="298305" spans="14:14">
      <c r="N298305" s="10"/>
    </row>
    <row r="298306" spans="14:14">
      <c r="N298306" s="10"/>
    </row>
    <row r="298307" spans="14:14">
      <c r="N298307" s="10"/>
    </row>
    <row r="298308" spans="14:14">
      <c r="N298308" s="10"/>
    </row>
    <row r="298309" spans="14:14">
      <c r="N298309" s="10"/>
    </row>
    <row r="298310" spans="14:14">
      <c r="N298310" s="10"/>
    </row>
    <row r="298311" spans="14:14">
      <c r="N298311" s="10"/>
    </row>
    <row r="298312" spans="14:14">
      <c r="N298312" s="10"/>
    </row>
    <row r="298313" spans="14:14">
      <c r="N298313" s="10"/>
    </row>
    <row r="298314" spans="14:14">
      <c r="N298314" s="10"/>
    </row>
    <row r="298315" spans="14:14">
      <c r="N298315" s="10"/>
    </row>
    <row r="298316" spans="14:14">
      <c r="N298316" s="10"/>
    </row>
    <row r="298317" spans="14:14">
      <c r="N298317" s="10"/>
    </row>
    <row r="298318" spans="14:14">
      <c r="N298318" s="10"/>
    </row>
    <row r="298319" spans="14:14">
      <c r="N298319" s="10"/>
    </row>
    <row r="298320" spans="14:14">
      <c r="N298320" s="10"/>
    </row>
    <row r="298321" spans="14:14">
      <c r="N298321" s="10"/>
    </row>
    <row r="298322" spans="14:14">
      <c r="N298322" s="10"/>
    </row>
    <row r="298323" spans="14:14">
      <c r="N298323" s="10"/>
    </row>
    <row r="298324" spans="14:14">
      <c r="N298324" s="10"/>
    </row>
    <row r="298325" spans="14:14">
      <c r="N298325" s="10"/>
    </row>
    <row r="298326" spans="14:14">
      <c r="N298326" s="10"/>
    </row>
    <row r="298327" spans="14:14">
      <c r="N298327" s="10"/>
    </row>
    <row r="298328" spans="14:14">
      <c r="N298328" s="10"/>
    </row>
    <row r="298329" spans="14:14">
      <c r="N298329" s="10"/>
    </row>
    <row r="298330" spans="14:14">
      <c r="N298330" s="10"/>
    </row>
    <row r="298331" spans="14:14">
      <c r="N298331" s="10"/>
    </row>
    <row r="298332" spans="14:14">
      <c r="N298332" s="10"/>
    </row>
    <row r="298333" spans="14:14">
      <c r="N298333" s="10"/>
    </row>
    <row r="298334" spans="14:14">
      <c r="N298334" s="10"/>
    </row>
    <row r="298335" spans="14:14">
      <c r="N298335" s="10"/>
    </row>
    <row r="298336" spans="14:14">
      <c r="N298336" s="10"/>
    </row>
    <row r="298337" spans="14:14">
      <c r="N298337" s="10"/>
    </row>
    <row r="298338" spans="14:14">
      <c r="N298338" s="10"/>
    </row>
    <row r="298339" spans="14:14">
      <c r="N298339" s="10"/>
    </row>
    <row r="298340" spans="14:14">
      <c r="N298340" s="10"/>
    </row>
    <row r="298341" spans="14:14">
      <c r="N298341" s="10"/>
    </row>
    <row r="298342" spans="14:14">
      <c r="N298342" s="10"/>
    </row>
    <row r="298343" spans="14:14">
      <c r="N298343" s="10"/>
    </row>
    <row r="298344" spans="14:14">
      <c r="N298344" s="10"/>
    </row>
    <row r="298345" spans="14:14">
      <c r="N298345" s="10"/>
    </row>
    <row r="298346" spans="14:14">
      <c r="N298346" s="10"/>
    </row>
    <row r="298347" spans="14:14">
      <c r="N298347" s="10"/>
    </row>
    <row r="298348" spans="14:14">
      <c r="N298348" s="10"/>
    </row>
    <row r="298349" spans="14:14">
      <c r="N298349" s="10"/>
    </row>
    <row r="298350" spans="14:14">
      <c r="N298350" s="10"/>
    </row>
    <row r="298351" spans="14:14">
      <c r="N298351" s="10"/>
    </row>
    <row r="298352" spans="14:14">
      <c r="N298352" s="10"/>
    </row>
    <row r="298353" spans="14:14">
      <c r="N298353" s="10"/>
    </row>
    <row r="298354" spans="14:14">
      <c r="N298354" s="10"/>
    </row>
    <row r="298355" spans="14:14">
      <c r="N298355" s="10"/>
    </row>
    <row r="298356" spans="14:14">
      <c r="N298356" s="10"/>
    </row>
    <row r="298357" spans="14:14">
      <c r="N298357" s="10"/>
    </row>
    <row r="298358" spans="14:14">
      <c r="N298358" s="10"/>
    </row>
    <row r="298359" spans="14:14">
      <c r="N298359" s="10"/>
    </row>
    <row r="298360" spans="14:14">
      <c r="N298360" s="10"/>
    </row>
    <row r="298361" spans="14:14">
      <c r="N298361" s="10"/>
    </row>
    <row r="298362" spans="14:14">
      <c r="N298362" s="10"/>
    </row>
    <row r="298363" spans="14:14">
      <c r="N298363" s="10"/>
    </row>
    <row r="298364" spans="14:14">
      <c r="N298364" s="10"/>
    </row>
    <row r="298365" spans="14:14">
      <c r="N298365" s="10"/>
    </row>
    <row r="298366" spans="14:14">
      <c r="N298366" s="10"/>
    </row>
    <row r="298367" spans="14:14">
      <c r="N298367" s="10"/>
    </row>
    <row r="298368" spans="14:14">
      <c r="N298368" s="10"/>
    </row>
    <row r="298369" spans="14:14">
      <c r="N298369" s="10"/>
    </row>
    <row r="298370" spans="14:14">
      <c r="N298370" s="10"/>
    </row>
    <row r="298371" spans="14:14">
      <c r="N298371" s="10"/>
    </row>
    <row r="298372" spans="14:14">
      <c r="N298372" s="10"/>
    </row>
    <row r="298373" spans="14:14">
      <c r="N298373" s="10"/>
    </row>
    <row r="298374" spans="14:14">
      <c r="N298374" s="10"/>
    </row>
    <row r="298375" spans="14:14">
      <c r="N298375" s="10"/>
    </row>
    <row r="298376" spans="14:14">
      <c r="N298376" s="10"/>
    </row>
    <row r="298377" spans="14:14">
      <c r="N298377" s="10"/>
    </row>
    <row r="298378" spans="14:14">
      <c r="N298378" s="10"/>
    </row>
    <row r="298379" spans="14:14">
      <c r="N298379" s="10"/>
    </row>
    <row r="298380" spans="14:14">
      <c r="N298380" s="10"/>
    </row>
    <row r="298381" spans="14:14">
      <c r="N298381" s="10"/>
    </row>
    <row r="298382" spans="14:14">
      <c r="N298382" s="10"/>
    </row>
    <row r="298383" spans="14:14">
      <c r="N298383" s="10"/>
    </row>
    <row r="298384" spans="14:14">
      <c r="N298384" s="10"/>
    </row>
    <row r="298385" spans="14:14">
      <c r="N298385" s="10"/>
    </row>
    <row r="298386" spans="14:14">
      <c r="N298386" s="10"/>
    </row>
    <row r="298387" spans="14:14">
      <c r="N298387" s="10"/>
    </row>
    <row r="298388" spans="14:14">
      <c r="N298388" s="10"/>
    </row>
    <row r="298389" spans="14:14">
      <c r="N298389" s="10"/>
    </row>
    <row r="298390" spans="14:14">
      <c r="N298390" s="10"/>
    </row>
    <row r="298391" spans="14:14">
      <c r="N298391" s="10"/>
    </row>
    <row r="298392" spans="14:14">
      <c r="N298392" s="10"/>
    </row>
    <row r="298393" spans="14:14">
      <c r="N298393" s="10"/>
    </row>
    <row r="298394" spans="14:14">
      <c r="N298394" s="10"/>
    </row>
    <row r="298395" spans="14:14">
      <c r="N298395" s="10"/>
    </row>
    <row r="298396" spans="14:14">
      <c r="N298396" s="10"/>
    </row>
    <row r="298397" spans="14:14">
      <c r="N298397" s="10"/>
    </row>
    <row r="298398" spans="14:14">
      <c r="N298398" s="10"/>
    </row>
    <row r="298399" spans="14:14">
      <c r="N298399" s="10"/>
    </row>
    <row r="298400" spans="14:14">
      <c r="N298400" s="10"/>
    </row>
    <row r="298401" spans="14:14">
      <c r="N298401" s="10"/>
    </row>
    <row r="298402" spans="14:14">
      <c r="N298402" s="10"/>
    </row>
    <row r="298403" spans="14:14">
      <c r="N298403" s="10"/>
    </row>
    <row r="298404" spans="14:14">
      <c r="N298404" s="10"/>
    </row>
    <row r="298405" spans="14:14">
      <c r="N298405" s="10"/>
    </row>
    <row r="298406" spans="14:14">
      <c r="N298406" s="10"/>
    </row>
    <row r="298407" spans="14:14">
      <c r="N298407" s="10"/>
    </row>
    <row r="298408" spans="14:14">
      <c r="N298408" s="10"/>
    </row>
    <row r="298409" spans="14:14">
      <c r="N298409" s="10"/>
    </row>
    <row r="298410" spans="14:14">
      <c r="N298410" s="10"/>
    </row>
    <row r="298411" spans="14:14">
      <c r="N298411" s="10"/>
    </row>
    <row r="298412" spans="14:14">
      <c r="N298412" s="10"/>
    </row>
    <row r="298413" spans="14:14">
      <c r="N298413" s="10"/>
    </row>
    <row r="298414" spans="14:14">
      <c r="N298414" s="10"/>
    </row>
    <row r="298415" spans="14:14">
      <c r="N298415" s="10"/>
    </row>
    <row r="298416" spans="14:14">
      <c r="N298416" s="10"/>
    </row>
    <row r="298417" spans="14:14">
      <c r="N298417" s="10"/>
    </row>
    <row r="298418" spans="14:14">
      <c r="N298418" s="10"/>
    </row>
    <row r="298419" spans="14:14">
      <c r="N298419" s="10"/>
    </row>
    <row r="298420" spans="14:14">
      <c r="N298420" s="10"/>
    </row>
    <row r="298421" spans="14:14">
      <c r="N298421" s="10"/>
    </row>
    <row r="298422" spans="14:14">
      <c r="N298422" s="10"/>
    </row>
    <row r="298423" spans="14:14">
      <c r="N298423" s="10"/>
    </row>
    <row r="298424" spans="14:14">
      <c r="N298424" s="10"/>
    </row>
    <row r="298425" spans="14:14">
      <c r="N298425" s="10"/>
    </row>
    <row r="298426" spans="14:14">
      <c r="N298426" s="10"/>
    </row>
    <row r="298427" spans="14:14">
      <c r="N298427" s="10"/>
    </row>
    <row r="298428" spans="14:14">
      <c r="N298428" s="10"/>
    </row>
    <row r="298429" spans="14:14">
      <c r="N298429" s="10"/>
    </row>
    <row r="298430" spans="14:14">
      <c r="N298430" s="10"/>
    </row>
    <row r="298431" spans="14:14">
      <c r="N298431" s="10"/>
    </row>
    <row r="298432" spans="14:14">
      <c r="N298432" s="10"/>
    </row>
    <row r="298433" spans="14:14">
      <c r="N298433" s="10"/>
    </row>
    <row r="298434" spans="14:14">
      <c r="N298434" s="10"/>
    </row>
    <row r="298435" spans="14:14">
      <c r="N298435" s="10"/>
    </row>
    <row r="298436" spans="14:14">
      <c r="N298436" s="10"/>
    </row>
    <row r="298437" spans="14:14">
      <c r="N298437" s="10"/>
    </row>
    <row r="298438" spans="14:14">
      <c r="N298438" s="10"/>
    </row>
    <row r="298439" spans="14:14">
      <c r="N298439" s="10"/>
    </row>
    <row r="298440" spans="14:14">
      <c r="N298440" s="10"/>
    </row>
    <row r="298441" spans="14:14">
      <c r="N298441" s="10"/>
    </row>
    <row r="298442" spans="14:14">
      <c r="N298442" s="10"/>
    </row>
    <row r="298443" spans="14:14">
      <c r="N298443" s="10"/>
    </row>
    <row r="298444" spans="14:14">
      <c r="N298444" s="10"/>
    </row>
    <row r="298445" spans="14:14">
      <c r="N298445" s="10"/>
    </row>
    <row r="298446" spans="14:14">
      <c r="N298446" s="10"/>
    </row>
    <row r="298447" spans="14:14">
      <c r="N298447" s="10"/>
    </row>
    <row r="298448" spans="14:14">
      <c r="N298448" s="10"/>
    </row>
    <row r="298449" spans="14:14">
      <c r="N298449" s="10"/>
    </row>
    <row r="298450" spans="14:14">
      <c r="N298450" s="10"/>
    </row>
    <row r="298451" spans="14:14">
      <c r="N298451" s="10"/>
    </row>
    <row r="298452" spans="14:14">
      <c r="N298452" s="10"/>
    </row>
    <row r="298453" spans="14:14">
      <c r="N298453" s="10"/>
    </row>
    <row r="298454" spans="14:14">
      <c r="N298454" s="10"/>
    </row>
    <row r="298455" spans="14:14">
      <c r="N298455" s="10"/>
    </row>
    <row r="298456" spans="14:14">
      <c r="N298456" s="10"/>
    </row>
    <row r="298457" spans="14:14">
      <c r="N298457" s="10"/>
    </row>
    <row r="298458" spans="14:14">
      <c r="N298458" s="10"/>
    </row>
    <row r="298459" spans="14:14">
      <c r="N298459" s="10"/>
    </row>
    <row r="298460" spans="14:14">
      <c r="N298460" s="10"/>
    </row>
    <row r="298461" spans="14:14">
      <c r="N298461" s="10"/>
    </row>
    <row r="298462" spans="14:14">
      <c r="N298462" s="10"/>
    </row>
    <row r="298463" spans="14:14">
      <c r="N298463" s="10"/>
    </row>
    <row r="298464" spans="14:14">
      <c r="N298464" s="10"/>
    </row>
    <row r="298465" spans="14:14">
      <c r="N298465" s="10"/>
    </row>
    <row r="298466" spans="14:14">
      <c r="N298466" s="10"/>
    </row>
    <row r="298467" spans="14:14">
      <c r="N298467" s="10"/>
    </row>
    <row r="298468" spans="14:14">
      <c r="N298468" s="10"/>
    </row>
    <row r="298469" spans="14:14">
      <c r="N298469" s="10"/>
    </row>
    <row r="298470" spans="14:14">
      <c r="N298470" s="10"/>
    </row>
    <row r="298471" spans="14:14">
      <c r="N298471" s="10"/>
    </row>
    <row r="298472" spans="14:14">
      <c r="N298472" s="10"/>
    </row>
    <row r="298473" spans="14:14">
      <c r="N298473" s="10"/>
    </row>
    <row r="298474" spans="14:14">
      <c r="N298474" s="10"/>
    </row>
    <row r="298475" spans="14:14">
      <c r="N298475" s="10"/>
    </row>
    <row r="298476" spans="14:14">
      <c r="N298476" s="10"/>
    </row>
    <row r="298477" spans="14:14">
      <c r="N298477" s="10"/>
    </row>
    <row r="298478" spans="14:14">
      <c r="N298478" s="10"/>
    </row>
    <row r="298479" spans="14:14">
      <c r="N298479" s="10"/>
    </row>
    <row r="298480" spans="14:14">
      <c r="N298480" s="10"/>
    </row>
    <row r="298481" spans="14:14">
      <c r="N298481" s="10"/>
    </row>
    <row r="298482" spans="14:14">
      <c r="N298482" s="10"/>
    </row>
    <row r="298483" spans="14:14">
      <c r="N298483" s="10"/>
    </row>
    <row r="298484" spans="14:14">
      <c r="N298484" s="10"/>
    </row>
    <row r="298485" spans="14:14">
      <c r="N298485" s="10"/>
    </row>
    <row r="298486" spans="14:14">
      <c r="N298486" s="10"/>
    </row>
    <row r="298487" spans="14:14">
      <c r="N298487" s="10"/>
    </row>
    <row r="298488" spans="14:14">
      <c r="N298488" s="10"/>
    </row>
    <row r="298489" spans="14:14">
      <c r="N298489" s="10"/>
    </row>
    <row r="298490" spans="14:14">
      <c r="N298490" s="10"/>
    </row>
    <row r="298491" spans="14:14">
      <c r="N298491" s="10"/>
    </row>
    <row r="298492" spans="14:14">
      <c r="N298492" s="10"/>
    </row>
    <row r="298493" spans="14:14">
      <c r="N298493" s="10"/>
    </row>
    <row r="298494" spans="14:14">
      <c r="N298494" s="10"/>
    </row>
    <row r="298495" spans="14:14">
      <c r="N298495" s="10"/>
    </row>
    <row r="298496" spans="14:14">
      <c r="N298496" s="10"/>
    </row>
    <row r="298497" spans="14:14">
      <c r="N298497" s="10"/>
    </row>
    <row r="298498" spans="14:14">
      <c r="N298498" s="10"/>
    </row>
    <row r="298499" spans="14:14">
      <c r="N298499" s="10"/>
    </row>
    <row r="298500" spans="14:14">
      <c r="N298500" s="10"/>
    </row>
    <row r="298501" spans="14:14">
      <c r="N298501" s="10"/>
    </row>
    <row r="298502" spans="14:14">
      <c r="N298502" s="10"/>
    </row>
    <row r="298503" spans="14:14">
      <c r="N298503" s="10"/>
    </row>
    <row r="298504" spans="14:14">
      <c r="N298504" s="10"/>
    </row>
    <row r="298505" spans="14:14">
      <c r="N298505" s="10"/>
    </row>
    <row r="298506" spans="14:14">
      <c r="N298506" s="10"/>
    </row>
    <row r="298507" spans="14:14">
      <c r="N298507" s="10"/>
    </row>
    <row r="298508" spans="14:14">
      <c r="N298508" s="10"/>
    </row>
    <row r="298509" spans="14:14">
      <c r="N298509" s="10"/>
    </row>
    <row r="298510" spans="14:14">
      <c r="N298510" s="10"/>
    </row>
    <row r="298511" spans="14:14">
      <c r="N298511" s="10"/>
    </row>
    <row r="298512" spans="14:14">
      <c r="N298512" s="10"/>
    </row>
    <row r="298513" spans="14:14">
      <c r="N298513" s="10"/>
    </row>
    <row r="298514" spans="14:14">
      <c r="N298514" s="10"/>
    </row>
    <row r="298515" spans="14:14">
      <c r="N298515" s="10"/>
    </row>
    <row r="298516" spans="14:14">
      <c r="N298516" s="10"/>
    </row>
    <row r="298517" spans="14:14">
      <c r="N298517" s="10"/>
    </row>
    <row r="298518" spans="14:14">
      <c r="N298518" s="10"/>
    </row>
    <row r="298519" spans="14:14">
      <c r="N298519" s="10"/>
    </row>
    <row r="298520" spans="14:14">
      <c r="N298520" s="10"/>
    </row>
    <row r="298521" spans="14:14">
      <c r="N298521" s="10"/>
    </row>
    <row r="298522" spans="14:14">
      <c r="N298522" s="10"/>
    </row>
    <row r="298523" spans="14:14">
      <c r="N298523" s="10"/>
    </row>
    <row r="298524" spans="14:14">
      <c r="N298524" s="10"/>
    </row>
    <row r="298525" spans="14:14">
      <c r="N298525" s="10"/>
    </row>
    <row r="298526" spans="14:14">
      <c r="N298526" s="10"/>
    </row>
    <row r="298527" spans="14:14">
      <c r="N298527" s="10"/>
    </row>
    <row r="298528" spans="14:14">
      <c r="N298528" s="10"/>
    </row>
    <row r="298529" spans="14:14">
      <c r="N298529" s="10"/>
    </row>
    <row r="298530" spans="14:14">
      <c r="N298530" s="10"/>
    </row>
    <row r="298531" spans="14:14">
      <c r="N298531" s="10"/>
    </row>
    <row r="298532" spans="14:14">
      <c r="N298532" s="10"/>
    </row>
    <row r="298533" spans="14:14">
      <c r="N298533" s="10"/>
    </row>
    <row r="298534" spans="14:14">
      <c r="N298534" s="10"/>
    </row>
    <row r="298535" spans="14:14">
      <c r="N298535" s="10"/>
    </row>
    <row r="298536" spans="14:14">
      <c r="N298536" s="10"/>
    </row>
    <row r="298537" spans="14:14">
      <c r="N298537" s="10"/>
    </row>
    <row r="298538" spans="14:14">
      <c r="N298538" s="10"/>
    </row>
    <row r="298539" spans="14:14">
      <c r="N298539" s="10"/>
    </row>
    <row r="298540" spans="14:14">
      <c r="N298540" s="10"/>
    </row>
    <row r="298541" spans="14:14">
      <c r="N298541" s="10"/>
    </row>
    <row r="298542" spans="14:14">
      <c r="N298542" s="10"/>
    </row>
    <row r="298543" spans="14:14">
      <c r="N298543" s="10"/>
    </row>
    <row r="298544" spans="14:14">
      <c r="N298544" s="10"/>
    </row>
    <row r="298545" spans="14:14">
      <c r="N298545" s="10"/>
    </row>
    <row r="298546" spans="14:14">
      <c r="N298546" s="10"/>
    </row>
    <row r="298547" spans="14:14">
      <c r="N298547" s="10"/>
    </row>
    <row r="298548" spans="14:14">
      <c r="N298548" s="10"/>
    </row>
    <row r="298549" spans="14:14">
      <c r="N298549" s="10"/>
    </row>
    <row r="298550" spans="14:14">
      <c r="N298550" s="10"/>
    </row>
    <row r="298551" spans="14:14">
      <c r="N298551" s="10"/>
    </row>
    <row r="298552" spans="14:14">
      <c r="N298552" s="10"/>
    </row>
    <row r="298553" spans="14:14">
      <c r="N298553" s="10"/>
    </row>
    <row r="298554" spans="14:14">
      <c r="N298554" s="10"/>
    </row>
    <row r="298555" spans="14:14">
      <c r="N298555" s="10"/>
    </row>
    <row r="298556" spans="14:14">
      <c r="N298556" s="10"/>
    </row>
    <row r="298557" spans="14:14">
      <c r="N298557" s="10"/>
    </row>
    <row r="298558" spans="14:14">
      <c r="N298558" s="10"/>
    </row>
    <row r="298559" spans="14:14">
      <c r="N298559" s="10"/>
    </row>
    <row r="298560" spans="14:14">
      <c r="N298560" s="10"/>
    </row>
    <row r="298561" spans="14:14">
      <c r="N298561" s="10"/>
    </row>
    <row r="298562" spans="14:14">
      <c r="N298562" s="10"/>
    </row>
    <row r="298563" spans="14:14">
      <c r="N298563" s="10"/>
    </row>
    <row r="298564" spans="14:14">
      <c r="N298564" s="10"/>
    </row>
    <row r="298565" spans="14:14">
      <c r="N298565" s="10"/>
    </row>
    <row r="298566" spans="14:14">
      <c r="N298566" s="10"/>
    </row>
    <row r="298567" spans="14:14">
      <c r="N298567" s="10"/>
    </row>
    <row r="298568" spans="14:14">
      <c r="N298568" s="10"/>
    </row>
    <row r="298569" spans="14:14">
      <c r="N298569" s="10"/>
    </row>
    <row r="298570" spans="14:14">
      <c r="N298570" s="10"/>
    </row>
    <row r="298571" spans="14:14">
      <c r="N298571" s="10"/>
    </row>
    <row r="298572" spans="14:14">
      <c r="N298572" s="10"/>
    </row>
    <row r="298573" spans="14:14">
      <c r="N298573" s="10"/>
    </row>
    <row r="298574" spans="14:14">
      <c r="N298574" s="10"/>
    </row>
    <row r="298575" spans="14:14">
      <c r="N298575" s="10"/>
    </row>
    <row r="298576" spans="14:14">
      <c r="N298576" s="10"/>
    </row>
    <row r="298577" spans="14:14">
      <c r="N298577" s="10"/>
    </row>
    <row r="298578" spans="14:14">
      <c r="N298578" s="10"/>
    </row>
    <row r="298579" spans="14:14">
      <c r="N298579" s="10"/>
    </row>
    <row r="298580" spans="14:14">
      <c r="N298580" s="10"/>
    </row>
    <row r="298581" spans="14:14">
      <c r="N298581" s="10"/>
    </row>
    <row r="298582" spans="14:14">
      <c r="N298582" s="10"/>
    </row>
    <row r="298583" spans="14:14">
      <c r="N298583" s="10"/>
    </row>
    <row r="298584" spans="14:14">
      <c r="N298584" s="10"/>
    </row>
    <row r="298585" spans="14:14">
      <c r="N298585" s="10"/>
    </row>
    <row r="298586" spans="14:14">
      <c r="N298586" s="10"/>
    </row>
    <row r="298587" spans="14:14">
      <c r="N298587" s="10"/>
    </row>
    <row r="298588" spans="14:14">
      <c r="N298588" s="10"/>
    </row>
    <row r="298589" spans="14:14">
      <c r="N298589" s="10"/>
    </row>
    <row r="298590" spans="14:14">
      <c r="N298590" s="10"/>
    </row>
    <row r="298591" spans="14:14">
      <c r="N298591" s="10"/>
    </row>
    <row r="298592" spans="14:14">
      <c r="N298592" s="10"/>
    </row>
    <row r="298593" spans="14:14">
      <c r="N298593" s="10"/>
    </row>
    <row r="298594" spans="14:14">
      <c r="N298594" s="10"/>
    </row>
    <row r="298595" spans="14:14">
      <c r="N298595" s="10"/>
    </row>
    <row r="298596" spans="14:14">
      <c r="N298596" s="10"/>
    </row>
    <row r="298597" spans="14:14">
      <c r="N298597" s="10"/>
    </row>
    <row r="298598" spans="14:14">
      <c r="N298598" s="10"/>
    </row>
    <row r="298599" spans="14:14">
      <c r="N298599" s="10"/>
    </row>
    <row r="298600" spans="14:14">
      <c r="N298600" s="10"/>
    </row>
    <row r="298601" spans="14:14">
      <c r="N298601" s="10"/>
    </row>
    <row r="298602" spans="14:14">
      <c r="N298602" s="10"/>
    </row>
    <row r="298603" spans="14:14">
      <c r="N298603" s="10"/>
    </row>
    <row r="298604" spans="14:14">
      <c r="N298604" s="10"/>
    </row>
    <row r="298605" spans="14:14">
      <c r="N298605" s="10"/>
    </row>
    <row r="298606" spans="14:14">
      <c r="N298606" s="10"/>
    </row>
    <row r="298607" spans="14:14">
      <c r="N298607" s="10"/>
    </row>
    <row r="298608" spans="14:14">
      <c r="N298608" s="10"/>
    </row>
    <row r="298609" spans="14:14">
      <c r="N298609" s="10"/>
    </row>
    <row r="298610" spans="14:14">
      <c r="N298610" s="10"/>
    </row>
    <row r="298611" spans="14:14">
      <c r="N298611" s="10"/>
    </row>
    <row r="298612" spans="14:14">
      <c r="N298612" s="10"/>
    </row>
    <row r="298613" spans="14:14">
      <c r="N298613" s="10"/>
    </row>
    <row r="298614" spans="14:14">
      <c r="N298614" s="10"/>
    </row>
    <row r="298615" spans="14:14">
      <c r="N298615" s="10"/>
    </row>
    <row r="298616" spans="14:14">
      <c r="N298616" s="10"/>
    </row>
    <row r="298617" spans="14:14">
      <c r="N298617" s="10"/>
    </row>
    <row r="298618" spans="14:14">
      <c r="N298618" s="10"/>
    </row>
    <row r="298619" spans="14:14">
      <c r="N298619" s="10"/>
    </row>
    <row r="298620" spans="14:14">
      <c r="N298620" s="10"/>
    </row>
    <row r="298621" spans="14:14">
      <c r="N298621" s="10"/>
    </row>
    <row r="298622" spans="14:14">
      <c r="N298622" s="10"/>
    </row>
    <row r="298623" spans="14:14">
      <c r="N298623" s="10"/>
    </row>
    <row r="298624" spans="14:14">
      <c r="N298624" s="10"/>
    </row>
    <row r="298625" spans="14:14">
      <c r="N298625" s="10"/>
    </row>
    <row r="298626" spans="14:14">
      <c r="N298626" s="10"/>
    </row>
    <row r="298627" spans="14:14">
      <c r="N298627" s="10"/>
    </row>
    <row r="298628" spans="14:14">
      <c r="N298628" s="10"/>
    </row>
    <row r="298629" spans="14:14">
      <c r="N298629" s="10"/>
    </row>
    <row r="298630" spans="14:14">
      <c r="N298630" s="10"/>
    </row>
    <row r="298631" spans="14:14">
      <c r="N298631" s="10"/>
    </row>
    <row r="298632" spans="14:14">
      <c r="N298632" s="10"/>
    </row>
    <row r="298633" spans="14:14">
      <c r="N298633" s="10"/>
    </row>
    <row r="298634" spans="14:14">
      <c r="N298634" s="10"/>
    </row>
    <row r="298635" spans="14:14">
      <c r="N298635" s="10"/>
    </row>
    <row r="298636" spans="14:14">
      <c r="N298636" s="10"/>
    </row>
    <row r="298637" spans="14:14">
      <c r="N298637" s="10"/>
    </row>
    <row r="298638" spans="14:14">
      <c r="N298638" s="10"/>
    </row>
    <row r="298639" spans="14:14">
      <c r="N298639" s="10"/>
    </row>
    <row r="298640" spans="14:14">
      <c r="N298640" s="10"/>
    </row>
    <row r="298641" spans="14:14">
      <c r="N298641" s="10"/>
    </row>
    <row r="298642" spans="14:14">
      <c r="N298642" s="10"/>
    </row>
    <row r="298643" spans="14:14">
      <c r="N298643" s="10"/>
    </row>
    <row r="298644" spans="14:14">
      <c r="N298644" s="10"/>
    </row>
    <row r="298645" spans="14:14">
      <c r="N298645" s="10"/>
    </row>
    <row r="298646" spans="14:14">
      <c r="N298646" s="10"/>
    </row>
    <row r="298647" spans="14:14">
      <c r="N298647" s="10"/>
    </row>
    <row r="298648" spans="14:14">
      <c r="N298648" s="10"/>
    </row>
    <row r="298649" spans="14:14">
      <c r="N298649" s="10"/>
    </row>
    <row r="298650" spans="14:14">
      <c r="N298650" s="10"/>
    </row>
    <row r="298651" spans="14:14">
      <c r="N298651" s="10"/>
    </row>
    <row r="298652" spans="14:14">
      <c r="N298652" s="10"/>
    </row>
    <row r="298653" spans="14:14">
      <c r="N298653" s="10"/>
    </row>
    <row r="298654" spans="14:14">
      <c r="N298654" s="10"/>
    </row>
    <row r="298655" spans="14:14">
      <c r="N298655" s="10"/>
    </row>
    <row r="298656" spans="14:14">
      <c r="N298656" s="10"/>
    </row>
    <row r="298657" spans="14:14">
      <c r="N298657" s="10"/>
    </row>
    <row r="298658" spans="14:14">
      <c r="N298658" s="10"/>
    </row>
    <row r="298659" spans="14:14">
      <c r="N298659" s="10"/>
    </row>
    <row r="298660" spans="14:14">
      <c r="N298660" s="10"/>
    </row>
    <row r="298661" spans="14:14">
      <c r="N298661" s="10"/>
    </row>
    <row r="298662" spans="14:14">
      <c r="N298662" s="10"/>
    </row>
    <row r="298663" spans="14:14">
      <c r="N298663" s="10"/>
    </row>
    <row r="298664" spans="14:14">
      <c r="N298664" s="10"/>
    </row>
    <row r="298665" spans="14:14">
      <c r="N298665" s="10"/>
    </row>
    <row r="298666" spans="14:14">
      <c r="N298666" s="10"/>
    </row>
    <row r="298667" spans="14:14">
      <c r="N298667" s="10"/>
    </row>
    <row r="298668" spans="14:14">
      <c r="N298668" s="10"/>
    </row>
    <row r="298669" spans="14:14">
      <c r="N298669" s="10"/>
    </row>
    <row r="298670" spans="14:14">
      <c r="N298670" s="10"/>
    </row>
    <row r="298671" spans="14:14">
      <c r="N298671" s="10"/>
    </row>
    <row r="298672" spans="14:14">
      <c r="N298672" s="10"/>
    </row>
    <row r="298673" spans="14:14">
      <c r="N298673" s="10"/>
    </row>
    <row r="298674" spans="14:14">
      <c r="N298674" s="10"/>
    </row>
    <row r="298675" spans="14:14">
      <c r="N298675" s="10"/>
    </row>
    <row r="298676" spans="14:14">
      <c r="N298676" s="10"/>
    </row>
    <row r="298677" spans="14:14">
      <c r="N298677" s="10"/>
    </row>
    <row r="298678" spans="14:14">
      <c r="N298678" s="10"/>
    </row>
    <row r="298679" spans="14:14">
      <c r="N298679" s="10"/>
    </row>
    <row r="298680" spans="14:14">
      <c r="N298680" s="10"/>
    </row>
    <row r="298681" spans="14:14">
      <c r="N298681" s="10"/>
    </row>
    <row r="298682" spans="14:14">
      <c r="N298682" s="10"/>
    </row>
    <row r="298683" spans="14:14">
      <c r="N298683" s="10"/>
    </row>
    <row r="298684" spans="14:14">
      <c r="N298684" s="10"/>
    </row>
    <row r="298685" spans="14:14">
      <c r="N298685" s="10"/>
    </row>
    <row r="298686" spans="14:14">
      <c r="N298686" s="10"/>
    </row>
    <row r="298687" spans="14:14">
      <c r="N298687" s="10"/>
    </row>
    <row r="298688" spans="14:14">
      <c r="N298688" s="10"/>
    </row>
    <row r="298689" spans="14:14">
      <c r="N298689" s="10"/>
    </row>
    <row r="298690" spans="14:14">
      <c r="N298690" s="10"/>
    </row>
    <row r="298691" spans="14:14">
      <c r="N298691" s="10"/>
    </row>
    <row r="298692" spans="14:14">
      <c r="N298692" s="10"/>
    </row>
    <row r="298693" spans="14:14">
      <c r="N298693" s="10"/>
    </row>
    <row r="298694" spans="14:14">
      <c r="N298694" s="10"/>
    </row>
    <row r="298695" spans="14:14">
      <c r="N298695" s="10"/>
    </row>
    <row r="298696" spans="14:14">
      <c r="N298696" s="10"/>
    </row>
    <row r="298697" spans="14:14">
      <c r="N298697" s="10"/>
    </row>
    <row r="298698" spans="14:14">
      <c r="N298698" s="10"/>
    </row>
    <row r="298699" spans="14:14">
      <c r="N298699" s="10"/>
    </row>
    <row r="298700" spans="14:14">
      <c r="N298700" s="10"/>
    </row>
    <row r="298701" spans="14:14">
      <c r="N298701" s="10"/>
    </row>
    <row r="298702" spans="14:14">
      <c r="N298702" s="10"/>
    </row>
    <row r="298703" spans="14:14">
      <c r="N298703" s="10"/>
    </row>
    <row r="298704" spans="14:14">
      <c r="N298704" s="10"/>
    </row>
    <row r="298705" spans="14:14">
      <c r="N298705" s="10"/>
    </row>
    <row r="298706" spans="14:14">
      <c r="N298706" s="10"/>
    </row>
    <row r="298707" spans="14:14">
      <c r="N298707" s="10"/>
    </row>
    <row r="298708" spans="14:14">
      <c r="N298708" s="10"/>
    </row>
    <row r="298709" spans="14:14">
      <c r="N298709" s="10"/>
    </row>
    <row r="298710" spans="14:14">
      <c r="N298710" s="10"/>
    </row>
    <row r="298711" spans="14:14">
      <c r="N298711" s="10"/>
    </row>
    <row r="298712" spans="14:14">
      <c r="N298712" s="10"/>
    </row>
    <row r="298713" spans="14:14">
      <c r="N298713" s="10"/>
    </row>
    <row r="298714" spans="14:14">
      <c r="N298714" s="10"/>
    </row>
    <row r="298715" spans="14:14">
      <c r="N298715" s="10"/>
    </row>
    <row r="298716" spans="14:14">
      <c r="N298716" s="10"/>
    </row>
    <row r="298717" spans="14:14">
      <c r="N298717" s="10"/>
    </row>
    <row r="298718" spans="14:14">
      <c r="N298718" s="10"/>
    </row>
    <row r="298719" spans="14:14">
      <c r="N298719" s="10"/>
    </row>
    <row r="298720" spans="14:14">
      <c r="N298720" s="10"/>
    </row>
    <row r="298721" spans="14:14">
      <c r="N298721" s="10"/>
    </row>
    <row r="298722" spans="14:14">
      <c r="N298722" s="10"/>
    </row>
    <row r="298723" spans="14:14">
      <c r="N298723" s="10"/>
    </row>
    <row r="298724" spans="14:14">
      <c r="N298724" s="10"/>
    </row>
    <row r="298725" spans="14:14">
      <c r="N298725" s="10"/>
    </row>
    <row r="298726" spans="14:14">
      <c r="N298726" s="10"/>
    </row>
    <row r="298727" spans="14:14">
      <c r="N298727" s="10"/>
    </row>
    <row r="298728" spans="14:14">
      <c r="N298728" s="10"/>
    </row>
    <row r="298729" spans="14:14">
      <c r="N298729" s="10"/>
    </row>
    <row r="298730" spans="14:14">
      <c r="N298730" s="10"/>
    </row>
    <row r="298731" spans="14:14">
      <c r="N298731" s="10"/>
    </row>
    <row r="298732" spans="14:14">
      <c r="N298732" s="10"/>
    </row>
    <row r="298733" spans="14:14">
      <c r="N298733" s="10"/>
    </row>
    <row r="298734" spans="14:14">
      <c r="N298734" s="10"/>
    </row>
    <row r="298735" spans="14:14">
      <c r="N298735" s="10"/>
    </row>
    <row r="298736" spans="14:14">
      <c r="N298736" s="10"/>
    </row>
    <row r="298737" spans="14:14">
      <c r="N298737" s="10"/>
    </row>
    <row r="298738" spans="14:14">
      <c r="N298738" s="10"/>
    </row>
    <row r="298739" spans="14:14">
      <c r="N298739" s="10"/>
    </row>
    <row r="298740" spans="14:14">
      <c r="N298740" s="10"/>
    </row>
    <row r="298741" spans="14:14">
      <c r="N298741" s="10"/>
    </row>
    <row r="298742" spans="14:14">
      <c r="N298742" s="10"/>
    </row>
    <row r="298743" spans="14:14">
      <c r="N298743" s="10"/>
    </row>
    <row r="298744" spans="14:14">
      <c r="N298744" s="10"/>
    </row>
    <row r="298745" spans="14:14">
      <c r="N298745" s="10"/>
    </row>
    <row r="298746" spans="14:14">
      <c r="N298746" s="10"/>
    </row>
    <row r="298747" spans="14:14">
      <c r="N298747" s="10"/>
    </row>
    <row r="298748" spans="14:14">
      <c r="N298748" s="10"/>
    </row>
    <row r="298749" spans="14:14">
      <c r="N298749" s="10"/>
    </row>
    <row r="298750" spans="14:14">
      <c r="N298750" s="10"/>
    </row>
    <row r="298751" spans="14:14">
      <c r="N298751" s="10"/>
    </row>
    <row r="298752" spans="14:14">
      <c r="N298752" s="10"/>
    </row>
    <row r="298753" spans="14:14">
      <c r="N298753" s="10"/>
    </row>
    <row r="298754" spans="14:14">
      <c r="N298754" s="10"/>
    </row>
    <row r="298755" spans="14:14">
      <c r="N298755" s="10"/>
    </row>
    <row r="298756" spans="14:14">
      <c r="N298756" s="10"/>
    </row>
    <row r="298757" spans="14:14">
      <c r="N298757" s="10"/>
    </row>
    <row r="298758" spans="14:14">
      <c r="N298758" s="10"/>
    </row>
    <row r="298759" spans="14:14">
      <c r="N298759" s="10"/>
    </row>
    <row r="298760" spans="14:14">
      <c r="N298760" s="10"/>
    </row>
    <row r="298761" spans="14:14">
      <c r="N298761" s="10"/>
    </row>
    <row r="298762" spans="14:14">
      <c r="N298762" s="10"/>
    </row>
    <row r="298763" spans="14:14">
      <c r="N298763" s="10"/>
    </row>
    <row r="298764" spans="14:14">
      <c r="N298764" s="10"/>
    </row>
    <row r="298765" spans="14:14">
      <c r="N298765" s="10"/>
    </row>
    <row r="298766" spans="14:14">
      <c r="N298766" s="10"/>
    </row>
    <row r="298767" spans="14:14">
      <c r="N298767" s="10"/>
    </row>
    <row r="298768" spans="14:14">
      <c r="N298768" s="10"/>
    </row>
    <row r="298769" spans="14:14">
      <c r="N298769" s="10"/>
    </row>
    <row r="298770" spans="14:14">
      <c r="N298770" s="10"/>
    </row>
    <row r="298771" spans="14:14">
      <c r="N298771" s="10"/>
    </row>
    <row r="298772" spans="14:14">
      <c r="N298772" s="10"/>
    </row>
    <row r="298773" spans="14:14">
      <c r="N298773" s="10"/>
    </row>
    <row r="298774" spans="14:14">
      <c r="N298774" s="10"/>
    </row>
    <row r="298775" spans="14:14">
      <c r="N298775" s="10"/>
    </row>
    <row r="298776" spans="14:14">
      <c r="N298776" s="10"/>
    </row>
    <row r="298777" spans="14:14">
      <c r="N298777" s="10"/>
    </row>
    <row r="298778" spans="14:14">
      <c r="N298778" s="10"/>
    </row>
    <row r="298779" spans="14:14">
      <c r="N298779" s="10"/>
    </row>
    <row r="298780" spans="14:14">
      <c r="N298780" s="10"/>
    </row>
    <row r="298781" spans="14:14">
      <c r="N298781" s="10"/>
    </row>
    <row r="298782" spans="14:14">
      <c r="N298782" s="10"/>
    </row>
    <row r="298783" spans="14:14">
      <c r="N298783" s="10"/>
    </row>
    <row r="298784" spans="14:14">
      <c r="N298784" s="10"/>
    </row>
    <row r="298785" spans="14:14">
      <c r="N298785" s="10"/>
    </row>
    <row r="298786" spans="14:14">
      <c r="N298786" s="10"/>
    </row>
    <row r="298787" spans="14:14">
      <c r="N298787" s="10"/>
    </row>
    <row r="298788" spans="14:14">
      <c r="N298788" s="10"/>
    </row>
    <row r="298789" spans="14:14">
      <c r="N298789" s="10"/>
    </row>
    <row r="298790" spans="14:14">
      <c r="N298790" s="10"/>
    </row>
    <row r="298791" spans="14:14">
      <c r="N298791" s="10"/>
    </row>
    <row r="298792" spans="14:14">
      <c r="N298792" s="10"/>
    </row>
    <row r="298793" spans="14:14">
      <c r="N298793" s="10"/>
    </row>
    <row r="298794" spans="14:14">
      <c r="N298794" s="10"/>
    </row>
    <row r="298795" spans="14:14">
      <c r="N298795" s="10"/>
    </row>
    <row r="298796" spans="14:14">
      <c r="N298796" s="10"/>
    </row>
    <row r="298797" spans="14:14">
      <c r="N298797" s="10"/>
    </row>
    <row r="298798" spans="14:14">
      <c r="N298798" s="10"/>
    </row>
    <row r="298799" spans="14:14">
      <c r="N298799" s="10"/>
    </row>
    <row r="298800" spans="14:14">
      <c r="N298800" s="10"/>
    </row>
    <row r="298801" spans="14:14">
      <c r="N298801" s="10"/>
    </row>
    <row r="298802" spans="14:14">
      <c r="N298802" s="10"/>
    </row>
    <row r="298803" spans="14:14">
      <c r="N298803" s="10"/>
    </row>
    <row r="298804" spans="14:14">
      <c r="N298804" s="10"/>
    </row>
    <row r="298805" spans="14:14">
      <c r="N298805" s="10"/>
    </row>
    <row r="298806" spans="14:14">
      <c r="N298806" s="10"/>
    </row>
    <row r="298807" spans="14:14">
      <c r="N298807" s="10"/>
    </row>
    <row r="298808" spans="14:14">
      <c r="N298808" s="10"/>
    </row>
    <row r="298809" spans="14:14">
      <c r="N298809" s="10"/>
    </row>
    <row r="298810" spans="14:14">
      <c r="N298810" s="10"/>
    </row>
    <row r="298811" spans="14:14">
      <c r="N298811" s="10"/>
    </row>
    <row r="298812" spans="14:14">
      <c r="N298812" s="10"/>
    </row>
    <row r="298813" spans="14:14">
      <c r="N298813" s="10"/>
    </row>
    <row r="298814" spans="14:14">
      <c r="N298814" s="10"/>
    </row>
    <row r="298815" spans="14:14">
      <c r="N298815" s="10"/>
    </row>
    <row r="298816" spans="14:14">
      <c r="N298816" s="10"/>
    </row>
    <row r="298817" spans="14:14">
      <c r="N298817" s="10"/>
    </row>
    <row r="298818" spans="14:14">
      <c r="N298818" s="10"/>
    </row>
    <row r="298819" spans="14:14">
      <c r="N298819" s="10"/>
    </row>
    <row r="298820" spans="14:14">
      <c r="N298820" s="10"/>
    </row>
    <row r="298821" spans="14:14">
      <c r="N298821" s="10"/>
    </row>
    <row r="298822" spans="14:14">
      <c r="N298822" s="10"/>
    </row>
    <row r="298823" spans="14:14">
      <c r="N298823" s="10"/>
    </row>
    <row r="298824" spans="14:14">
      <c r="N298824" s="10"/>
    </row>
    <row r="298825" spans="14:14">
      <c r="N298825" s="10"/>
    </row>
    <row r="298826" spans="14:14">
      <c r="N298826" s="10"/>
    </row>
    <row r="298827" spans="14:14">
      <c r="N298827" s="10"/>
    </row>
    <row r="298828" spans="14:14">
      <c r="N298828" s="10"/>
    </row>
    <row r="298829" spans="14:14">
      <c r="N298829" s="10"/>
    </row>
    <row r="298830" spans="14:14">
      <c r="N298830" s="10"/>
    </row>
    <row r="298831" spans="14:14">
      <c r="N298831" s="10"/>
    </row>
    <row r="298832" spans="14:14">
      <c r="N298832" s="10"/>
    </row>
    <row r="298833" spans="14:14">
      <c r="N298833" s="10"/>
    </row>
    <row r="298834" spans="14:14">
      <c r="N298834" s="10"/>
    </row>
    <row r="298835" spans="14:14">
      <c r="N298835" s="10"/>
    </row>
    <row r="298836" spans="14:14">
      <c r="N298836" s="10"/>
    </row>
    <row r="298837" spans="14:14">
      <c r="N298837" s="10"/>
    </row>
    <row r="298838" spans="14:14">
      <c r="N298838" s="10"/>
    </row>
    <row r="298839" spans="14:14">
      <c r="N298839" s="10"/>
    </row>
    <row r="298840" spans="14:14">
      <c r="N298840" s="10"/>
    </row>
    <row r="298841" spans="14:14">
      <c r="N298841" s="10"/>
    </row>
    <row r="298842" spans="14:14">
      <c r="N298842" s="10"/>
    </row>
    <row r="298843" spans="14:14">
      <c r="N298843" s="10"/>
    </row>
    <row r="298844" spans="14:14">
      <c r="N298844" s="10"/>
    </row>
    <row r="298845" spans="14:14">
      <c r="N298845" s="10"/>
    </row>
    <row r="298846" spans="14:14">
      <c r="N298846" s="10"/>
    </row>
    <row r="298847" spans="14:14">
      <c r="N298847" s="10"/>
    </row>
    <row r="298848" spans="14:14">
      <c r="N298848" s="10"/>
    </row>
    <row r="298849" spans="14:14">
      <c r="N298849" s="10"/>
    </row>
    <row r="298850" spans="14:14">
      <c r="N298850" s="10"/>
    </row>
    <row r="298851" spans="14:14">
      <c r="N298851" s="10"/>
    </row>
    <row r="298852" spans="14:14">
      <c r="N298852" s="10"/>
    </row>
    <row r="298853" spans="14:14">
      <c r="N298853" s="10"/>
    </row>
    <row r="298854" spans="14:14">
      <c r="N298854" s="10"/>
    </row>
    <row r="298855" spans="14:14">
      <c r="N298855" s="10"/>
    </row>
    <row r="298856" spans="14:14">
      <c r="N298856" s="10"/>
    </row>
    <row r="298857" spans="14:14">
      <c r="N298857" s="10"/>
    </row>
    <row r="298858" spans="14:14">
      <c r="N298858" s="10"/>
    </row>
    <row r="298859" spans="14:14">
      <c r="N298859" s="10"/>
    </row>
    <row r="298860" spans="14:14">
      <c r="N298860" s="10"/>
    </row>
    <row r="298861" spans="14:14">
      <c r="N298861" s="10"/>
    </row>
    <row r="298862" spans="14:14">
      <c r="N298862" s="10"/>
    </row>
    <row r="298863" spans="14:14">
      <c r="N298863" s="10"/>
    </row>
    <row r="298864" spans="14:14">
      <c r="N298864" s="10"/>
    </row>
    <row r="298865" spans="14:14">
      <c r="N298865" s="10"/>
    </row>
    <row r="298866" spans="14:14">
      <c r="N298866" s="10"/>
    </row>
    <row r="298867" spans="14:14">
      <c r="N298867" s="10"/>
    </row>
    <row r="298868" spans="14:14">
      <c r="N298868" s="10"/>
    </row>
    <row r="298869" spans="14:14">
      <c r="N298869" s="10"/>
    </row>
    <row r="298870" spans="14:14">
      <c r="N298870" s="10"/>
    </row>
    <row r="298871" spans="14:14">
      <c r="N298871" s="10"/>
    </row>
    <row r="298872" spans="14:14">
      <c r="N298872" s="10"/>
    </row>
    <row r="298873" spans="14:14">
      <c r="N298873" s="10"/>
    </row>
    <row r="298874" spans="14:14">
      <c r="N298874" s="10"/>
    </row>
    <row r="298875" spans="14:14">
      <c r="N298875" s="10"/>
    </row>
    <row r="298876" spans="14:14">
      <c r="N298876" s="10"/>
    </row>
    <row r="298877" spans="14:14">
      <c r="N298877" s="10"/>
    </row>
    <row r="298878" spans="14:14">
      <c r="N298878" s="10"/>
    </row>
    <row r="298879" spans="14:14">
      <c r="N298879" s="10"/>
    </row>
    <row r="298880" spans="14:14">
      <c r="N298880" s="10"/>
    </row>
    <row r="298881" spans="14:14">
      <c r="N298881" s="10"/>
    </row>
    <row r="298882" spans="14:14">
      <c r="N298882" s="10"/>
    </row>
    <row r="298883" spans="14:14">
      <c r="N298883" s="10"/>
    </row>
    <row r="298884" spans="14:14">
      <c r="N298884" s="10"/>
    </row>
    <row r="298885" spans="14:14">
      <c r="N298885" s="10"/>
    </row>
    <row r="298886" spans="14:14">
      <c r="N298886" s="10"/>
    </row>
    <row r="298887" spans="14:14">
      <c r="N298887" s="10"/>
    </row>
    <row r="298888" spans="14:14">
      <c r="N298888" s="10"/>
    </row>
    <row r="298889" spans="14:14">
      <c r="N298889" s="10"/>
    </row>
    <row r="298890" spans="14:14">
      <c r="N298890" s="10"/>
    </row>
    <row r="298891" spans="14:14">
      <c r="N298891" s="10"/>
    </row>
    <row r="298892" spans="14:14">
      <c r="N298892" s="10"/>
    </row>
    <row r="298893" spans="14:14">
      <c r="N298893" s="10"/>
    </row>
    <row r="298894" spans="14:14">
      <c r="N298894" s="10"/>
    </row>
    <row r="298895" spans="14:14">
      <c r="N298895" s="10"/>
    </row>
    <row r="298896" spans="14:14">
      <c r="N298896" s="10"/>
    </row>
    <row r="298897" spans="14:14">
      <c r="N298897" s="10"/>
    </row>
    <row r="298898" spans="14:14">
      <c r="N298898" s="10"/>
    </row>
    <row r="298899" spans="14:14">
      <c r="N298899" s="10"/>
    </row>
    <row r="298900" spans="14:14">
      <c r="N298900" s="10"/>
    </row>
    <row r="298901" spans="14:14">
      <c r="N298901" s="10"/>
    </row>
    <row r="298902" spans="14:14">
      <c r="N298902" s="10"/>
    </row>
    <row r="298903" spans="14:14">
      <c r="N298903" s="10"/>
    </row>
    <row r="298904" spans="14:14">
      <c r="N298904" s="10"/>
    </row>
    <row r="298905" spans="14:14">
      <c r="N298905" s="10"/>
    </row>
    <row r="298906" spans="14:14">
      <c r="N298906" s="10"/>
    </row>
    <row r="298907" spans="14:14">
      <c r="N298907" s="10"/>
    </row>
    <row r="298908" spans="14:14">
      <c r="N298908" s="10"/>
    </row>
    <row r="298909" spans="14:14">
      <c r="N298909" s="10"/>
    </row>
    <row r="298910" spans="14:14">
      <c r="N298910" s="10"/>
    </row>
    <row r="298911" spans="14:14">
      <c r="N298911" s="10"/>
    </row>
    <row r="298912" spans="14:14">
      <c r="N298912" s="10"/>
    </row>
    <row r="298913" spans="14:14">
      <c r="N298913" s="10"/>
    </row>
    <row r="298914" spans="14:14">
      <c r="N298914" s="10"/>
    </row>
    <row r="298915" spans="14:14">
      <c r="N298915" s="10"/>
    </row>
    <row r="298916" spans="14:14">
      <c r="N298916" s="10"/>
    </row>
    <row r="298917" spans="14:14">
      <c r="N298917" s="10"/>
    </row>
    <row r="298918" spans="14:14">
      <c r="N298918" s="10"/>
    </row>
    <row r="298919" spans="14:14">
      <c r="N298919" s="10"/>
    </row>
    <row r="298920" spans="14:14">
      <c r="N298920" s="10"/>
    </row>
    <row r="298921" spans="14:14">
      <c r="N298921" s="10"/>
    </row>
    <row r="298922" spans="14:14">
      <c r="N298922" s="10"/>
    </row>
    <row r="298923" spans="14:14">
      <c r="N298923" s="10"/>
    </row>
    <row r="298924" spans="14:14">
      <c r="N298924" s="10"/>
    </row>
    <row r="298925" spans="14:14">
      <c r="N298925" s="10"/>
    </row>
    <row r="298926" spans="14:14">
      <c r="N298926" s="10"/>
    </row>
    <row r="298927" spans="14:14">
      <c r="N298927" s="10"/>
    </row>
    <row r="298928" spans="14:14">
      <c r="N298928" s="10"/>
    </row>
    <row r="298929" spans="14:14">
      <c r="N298929" s="10"/>
    </row>
    <row r="298930" spans="14:14">
      <c r="N298930" s="10"/>
    </row>
    <row r="298931" spans="14:14">
      <c r="N298931" s="10"/>
    </row>
    <row r="298932" spans="14:14">
      <c r="N298932" s="10"/>
    </row>
    <row r="298933" spans="14:14">
      <c r="N298933" s="10"/>
    </row>
    <row r="298934" spans="14:14">
      <c r="N298934" s="10"/>
    </row>
    <row r="298935" spans="14:14">
      <c r="N298935" s="10"/>
    </row>
    <row r="298936" spans="14:14">
      <c r="N298936" s="10"/>
    </row>
    <row r="298937" spans="14:14">
      <c r="N298937" s="10"/>
    </row>
    <row r="298938" spans="14:14">
      <c r="N298938" s="10"/>
    </row>
    <row r="298939" spans="14:14">
      <c r="N298939" s="10"/>
    </row>
    <row r="298940" spans="14:14">
      <c r="N298940" s="10"/>
    </row>
    <row r="298941" spans="14:14">
      <c r="N298941" s="10"/>
    </row>
    <row r="298942" spans="14:14">
      <c r="N298942" s="10"/>
    </row>
    <row r="298943" spans="14:14">
      <c r="N298943" s="10"/>
    </row>
    <row r="298944" spans="14:14">
      <c r="N298944" s="10"/>
    </row>
    <row r="298945" spans="14:14">
      <c r="N298945" s="10"/>
    </row>
    <row r="298946" spans="14:14">
      <c r="N298946" s="10"/>
    </row>
    <row r="298947" spans="14:14">
      <c r="N298947" s="10"/>
    </row>
    <row r="298948" spans="14:14">
      <c r="N298948" s="10"/>
    </row>
    <row r="298949" spans="14:14">
      <c r="N298949" s="10"/>
    </row>
    <row r="298950" spans="14:14">
      <c r="N298950" s="10"/>
    </row>
    <row r="298951" spans="14:14">
      <c r="N298951" s="10"/>
    </row>
    <row r="298952" spans="14:14">
      <c r="N298952" s="10"/>
    </row>
    <row r="298953" spans="14:14">
      <c r="N298953" s="10"/>
    </row>
    <row r="298954" spans="14:14">
      <c r="N298954" s="10"/>
    </row>
    <row r="298955" spans="14:14">
      <c r="N298955" s="10"/>
    </row>
    <row r="298956" spans="14:14">
      <c r="N298956" s="10"/>
    </row>
    <row r="298957" spans="14:14">
      <c r="N298957" s="10"/>
    </row>
    <row r="298958" spans="14:14">
      <c r="N298958" s="10"/>
    </row>
    <row r="298959" spans="14:14">
      <c r="N298959" s="10"/>
    </row>
    <row r="298960" spans="14:14">
      <c r="N298960" s="10"/>
    </row>
    <row r="298961" spans="14:14">
      <c r="N298961" s="10"/>
    </row>
    <row r="298962" spans="14:14">
      <c r="N298962" s="10"/>
    </row>
    <row r="298963" spans="14:14">
      <c r="N298963" s="10"/>
    </row>
    <row r="298964" spans="14:14">
      <c r="N298964" s="10"/>
    </row>
    <row r="298965" spans="14:14">
      <c r="N298965" s="10"/>
    </row>
    <row r="298966" spans="14:14">
      <c r="N298966" s="10"/>
    </row>
    <row r="298967" spans="14:14">
      <c r="N298967" s="10"/>
    </row>
    <row r="298968" spans="14:14">
      <c r="N298968" s="10"/>
    </row>
    <row r="298969" spans="14:14">
      <c r="N298969" s="10"/>
    </row>
    <row r="298970" spans="14:14">
      <c r="N298970" s="10"/>
    </row>
    <row r="298971" spans="14:14">
      <c r="N298971" s="10"/>
    </row>
    <row r="298972" spans="14:14">
      <c r="N298972" s="10"/>
    </row>
    <row r="298973" spans="14:14">
      <c r="N298973" s="10"/>
    </row>
    <row r="298974" spans="14:14">
      <c r="N298974" s="10"/>
    </row>
    <row r="298975" spans="14:14">
      <c r="N298975" s="10"/>
    </row>
    <row r="298976" spans="14:14">
      <c r="N298976" s="10"/>
    </row>
    <row r="298977" spans="14:14">
      <c r="N298977" s="10"/>
    </row>
    <row r="298978" spans="14:14">
      <c r="N298978" s="10"/>
    </row>
    <row r="298979" spans="14:14">
      <c r="N298979" s="10"/>
    </row>
    <row r="298980" spans="14:14">
      <c r="N298980" s="10"/>
    </row>
    <row r="298981" spans="14:14">
      <c r="N298981" s="10"/>
    </row>
    <row r="298982" spans="14:14">
      <c r="N298982" s="10"/>
    </row>
    <row r="298983" spans="14:14">
      <c r="N298983" s="10"/>
    </row>
    <row r="298984" spans="14:14">
      <c r="N298984" s="10"/>
    </row>
    <row r="298985" spans="14:14">
      <c r="N298985" s="10"/>
    </row>
    <row r="298986" spans="14:14">
      <c r="N298986" s="10"/>
    </row>
    <row r="298987" spans="14:14">
      <c r="N298987" s="10"/>
    </row>
    <row r="298988" spans="14:14">
      <c r="N298988" s="10"/>
    </row>
    <row r="298989" spans="14:14">
      <c r="N298989" s="10"/>
    </row>
    <row r="298990" spans="14:14">
      <c r="N298990" s="10"/>
    </row>
    <row r="298991" spans="14:14">
      <c r="N298991" s="10"/>
    </row>
    <row r="298992" spans="14:14">
      <c r="N298992" s="10"/>
    </row>
    <row r="298993" spans="14:14">
      <c r="N298993" s="10"/>
    </row>
    <row r="298994" spans="14:14">
      <c r="N298994" s="10"/>
    </row>
    <row r="298995" spans="14:14">
      <c r="N298995" s="10"/>
    </row>
    <row r="298996" spans="14:14">
      <c r="N298996" s="10"/>
    </row>
    <row r="298997" spans="14:14">
      <c r="N298997" s="10"/>
    </row>
    <row r="298998" spans="14:14">
      <c r="N298998" s="10"/>
    </row>
    <row r="298999" spans="14:14">
      <c r="N298999" s="10"/>
    </row>
    <row r="299000" spans="14:14">
      <c r="N299000" s="10"/>
    </row>
    <row r="299001" spans="14:14">
      <c r="N299001" s="10"/>
    </row>
    <row r="299002" spans="14:14">
      <c r="N299002" s="10"/>
    </row>
    <row r="299003" spans="14:14">
      <c r="N299003" s="10"/>
    </row>
    <row r="299004" spans="14:14">
      <c r="N299004" s="10"/>
    </row>
    <row r="299005" spans="14:14">
      <c r="N299005" s="10"/>
    </row>
    <row r="299006" spans="14:14">
      <c r="N299006" s="10"/>
    </row>
    <row r="299007" spans="14:14">
      <c r="N299007" s="10"/>
    </row>
    <row r="299008" spans="14:14">
      <c r="N299008" s="10"/>
    </row>
    <row r="299009" spans="14:14">
      <c r="N299009" s="10"/>
    </row>
    <row r="299010" spans="14:14">
      <c r="N299010" s="10"/>
    </row>
    <row r="299011" spans="14:14">
      <c r="N299011" s="10"/>
    </row>
    <row r="299012" spans="14:14">
      <c r="N299012" s="10"/>
    </row>
    <row r="299013" spans="14:14">
      <c r="N299013" s="10"/>
    </row>
    <row r="299014" spans="14:14">
      <c r="N299014" s="10"/>
    </row>
    <row r="299015" spans="14:14">
      <c r="N299015" s="10"/>
    </row>
    <row r="299016" spans="14:14">
      <c r="N299016" s="10"/>
    </row>
    <row r="299017" spans="14:14">
      <c r="N299017" s="10"/>
    </row>
    <row r="299018" spans="14:14">
      <c r="N299018" s="10"/>
    </row>
    <row r="299019" spans="14:14">
      <c r="N299019" s="10"/>
    </row>
    <row r="299020" spans="14:14">
      <c r="N299020" s="10"/>
    </row>
    <row r="299021" spans="14:14">
      <c r="N299021" s="10"/>
    </row>
    <row r="299022" spans="14:14">
      <c r="N299022" s="10"/>
    </row>
    <row r="299023" spans="14:14">
      <c r="N299023" s="10"/>
    </row>
    <row r="299024" spans="14:14">
      <c r="N299024" s="10"/>
    </row>
    <row r="299025" spans="14:14">
      <c r="N299025" s="10"/>
    </row>
    <row r="299026" spans="14:14">
      <c r="N299026" s="10"/>
    </row>
    <row r="299027" spans="14:14">
      <c r="N299027" s="10"/>
    </row>
    <row r="299028" spans="14:14">
      <c r="N299028" s="10"/>
    </row>
    <row r="299029" spans="14:14">
      <c r="N299029" s="10"/>
    </row>
    <row r="299030" spans="14:14">
      <c r="N299030" s="10"/>
    </row>
    <row r="299031" spans="14:14">
      <c r="N299031" s="10"/>
    </row>
    <row r="299032" spans="14:14">
      <c r="N299032" s="10"/>
    </row>
    <row r="299033" spans="14:14">
      <c r="N299033" s="10"/>
    </row>
    <row r="299034" spans="14:14">
      <c r="N299034" s="10"/>
    </row>
    <row r="299035" spans="14:14">
      <c r="N299035" s="10"/>
    </row>
    <row r="299036" spans="14:14">
      <c r="N299036" s="10"/>
    </row>
    <row r="299037" spans="14:14">
      <c r="N299037" s="10"/>
    </row>
    <row r="299038" spans="14:14">
      <c r="N299038" s="10"/>
    </row>
    <row r="299039" spans="14:14">
      <c r="N299039" s="10"/>
    </row>
    <row r="299040" spans="14:14">
      <c r="N299040" s="10"/>
    </row>
    <row r="299041" spans="14:14">
      <c r="N299041" s="10"/>
    </row>
    <row r="299042" spans="14:14">
      <c r="N299042" s="10"/>
    </row>
    <row r="299043" spans="14:14">
      <c r="N299043" s="10"/>
    </row>
    <row r="299044" spans="14:14">
      <c r="N299044" s="10"/>
    </row>
    <row r="299045" spans="14:14">
      <c r="N299045" s="10"/>
    </row>
    <row r="299046" spans="14:14">
      <c r="N299046" s="10"/>
    </row>
    <row r="299047" spans="14:14">
      <c r="N299047" s="10"/>
    </row>
    <row r="299048" spans="14:14">
      <c r="N299048" s="10"/>
    </row>
    <row r="299049" spans="14:14">
      <c r="N299049" s="10"/>
    </row>
    <row r="299050" spans="14:14">
      <c r="N299050" s="10"/>
    </row>
    <row r="299051" spans="14:14">
      <c r="N299051" s="10"/>
    </row>
    <row r="299052" spans="14:14">
      <c r="N299052" s="10"/>
    </row>
    <row r="299053" spans="14:14">
      <c r="N299053" s="10"/>
    </row>
    <row r="299054" spans="14:14">
      <c r="N299054" s="10"/>
    </row>
    <row r="299055" spans="14:14">
      <c r="N299055" s="10"/>
    </row>
    <row r="299056" spans="14:14">
      <c r="N299056" s="10"/>
    </row>
    <row r="299057" spans="14:14">
      <c r="N299057" s="10"/>
    </row>
    <row r="299058" spans="14:14">
      <c r="N299058" s="10"/>
    </row>
    <row r="299059" spans="14:14">
      <c r="N299059" s="10"/>
    </row>
    <row r="299060" spans="14:14">
      <c r="N299060" s="10"/>
    </row>
    <row r="299061" spans="14:14">
      <c r="N299061" s="10"/>
    </row>
    <row r="299062" spans="14:14">
      <c r="N299062" s="10"/>
    </row>
    <row r="299063" spans="14:14">
      <c r="N299063" s="10"/>
    </row>
    <row r="299064" spans="14:14">
      <c r="N299064" s="10"/>
    </row>
    <row r="299065" spans="14:14">
      <c r="N299065" s="10"/>
    </row>
    <row r="299066" spans="14:14">
      <c r="N299066" s="10"/>
    </row>
    <row r="299067" spans="14:14">
      <c r="N299067" s="10"/>
    </row>
    <row r="299068" spans="14:14">
      <c r="N299068" s="10"/>
    </row>
    <row r="299069" spans="14:14">
      <c r="N299069" s="10"/>
    </row>
    <row r="299070" spans="14:14">
      <c r="N299070" s="10"/>
    </row>
    <row r="299071" spans="14:14">
      <c r="N299071" s="10"/>
    </row>
    <row r="299072" spans="14:14">
      <c r="N299072" s="10"/>
    </row>
    <row r="299073" spans="14:14">
      <c r="N299073" s="10"/>
    </row>
    <row r="299074" spans="14:14">
      <c r="N299074" s="10"/>
    </row>
    <row r="299075" spans="14:14">
      <c r="N299075" s="10"/>
    </row>
    <row r="299076" spans="14:14">
      <c r="N299076" s="10"/>
    </row>
    <row r="299077" spans="14:14">
      <c r="N299077" s="10"/>
    </row>
    <row r="299078" spans="14:14">
      <c r="N299078" s="10"/>
    </row>
    <row r="299079" spans="14:14">
      <c r="N299079" s="10"/>
    </row>
    <row r="299080" spans="14:14">
      <c r="N299080" s="10"/>
    </row>
    <row r="299081" spans="14:14">
      <c r="N299081" s="10"/>
    </row>
    <row r="299082" spans="14:14">
      <c r="N299082" s="10"/>
    </row>
    <row r="299083" spans="14:14">
      <c r="N299083" s="10"/>
    </row>
    <row r="299084" spans="14:14">
      <c r="N299084" s="10"/>
    </row>
    <row r="299085" spans="14:14">
      <c r="N299085" s="10"/>
    </row>
    <row r="299086" spans="14:14">
      <c r="N299086" s="10"/>
    </row>
    <row r="299087" spans="14:14">
      <c r="N299087" s="10"/>
    </row>
    <row r="299088" spans="14:14">
      <c r="N299088" s="10"/>
    </row>
    <row r="299089" spans="14:14">
      <c r="N299089" s="10"/>
    </row>
    <row r="299090" spans="14:14">
      <c r="N299090" s="10"/>
    </row>
    <row r="299091" spans="14:14">
      <c r="N299091" s="10"/>
    </row>
    <row r="299092" spans="14:14">
      <c r="N299092" s="10"/>
    </row>
    <row r="299093" spans="14:14">
      <c r="N299093" s="10"/>
    </row>
    <row r="299094" spans="14:14">
      <c r="N299094" s="10"/>
    </row>
    <row r="299095" spans="14:14">
      <c r="N299095" s="10"/>
    </row>
    <row r="299096" spans="14:14">
      <c r="N299096" s="10"/>
    </row>
    <row r="299097" spans="14:14">
      <c r="N299097" s="10"/>
    </row>
    <row r="299098" spans="14:14">
      <c r="N299098" s="10"/>
    </row>
    <row r="299099" spans="14:14">
      <c r="N299099" s="10"/>
    </row>
    <row r="299100" spans="14:14">
      <c r="N299100" s="10"/>
    </row>
    <row r="299101" spans="14:14">
      <c r="N299101" s="10"/>
    </row>
    <row r="299102" spans="14:14">
      <c r="N299102" s="10"/>
    </row>
    <row r="299103" spans="14:14">
      <c r="N299103" s="10"/>
    </row>
    <row r="299104" spans="14:14">
      <c r="N299104" s="10"/>
    </row>
    <row r="299105" spans="14:14">
      <c r="N299105" s="10"/>
    </row>
    <row r="299106" spans="14:14">
      <c r="N299106" s="10"/>
    </row>
    <row r="299107" spans="14:14">
      <c r="N299107" s="10"/>
    </row>
    <row r="299108" spans="14:14">
      <c r="N299108" s="10"/>
    </row>
    <row r="299109" spans="14:14">
      <c r="N299109" s="10"/>
    </row>
    <row r="299110" spans="14:14">
      <c r="N299110" s="10"/>
    </row>
    <row r="299111" spans="14:14">
      <c r="N299111" s="10"/>
    </row>
    <row r="299112" spans="14:14">
      <c r="N299112" s="10"/>
    </row>
    <row r="299113" spans="14:14">
      <c r="N299113" s="10"/>
    </row>
    <row r="299114" spans="14:14">
      <c r="N299114" s="10"/>
    </row>
    <row r="299115" spans="14:14">
      <c r="N299115" s="10"/>
    </row>
    <row r="299116" spans="14:14">
      <c r="N299116" s="10"/>
    </row>
    <row r="299117" spans="14:14">
      <c r="N299117" s="10"/>
    </row>
    <row r="299118" spans="14:14">
      <c r="N299118" s="10"/>
    </row>
    <row r="299119" spans="14:14">
      <c r="N299119" s="10"/>
    </row>
    <row r="299120" spans="14:14">
      <c r="N299120" s="10"/>
    </row>
    <row r="299121" spans="14:14">
      <c r="N299121" s="10"/>
    </row>
    <row r="299122" spans="14:14">
      <c r="N299122" s="10"/>
    </row>
    <row r="299123" spans="14:14">
      <c r="N299123" s="10"/>
    </row>
    <row r="299124" spans="14:14">
      <c r="N299124" s="10"/>
    </row>
    <row r="299125" spans="14:14">
      <c r="N299125" s="10"/>
    </row>
    <row r="299126" spans="14:14">
      <c r="N299126" s="10"/>
    </row>
    <row r="299127" spans="14:14">
      <c r="N299127" s="10"/>
    </row>
    <row r="299128" spans="14:14">
      <c r="N299128" s="10"/>
    </row>
    <row r="299129" spans="14:14">
      <c r="N299129" s="10"/>
    </row>
    <row r="299130" spans="14:14">
      <c r="N299130" s="10"/>
    </row>
    <row r="299131" spans="14:14">
      <c r="N299131" s="10"/>
    </row>
    <row r="299132" spans="14:14">
      <c r="N299132" s="10"/>
    </row>
    <row r="299133" spans="14:14">
      <c r="N299133" s="10"/>
    </row>
    <row r="299134" spans="14:14">
      <c r="N299134" s="10"/>
    </row>
    <row r="299135" spans="14:14">
      <c r="N299135" s="10"/>
    </row>
    <row r="299136" spans="14:14">
      <c r="N299136" s="10"/>
    </row>
    <row r="299137" spans="14:14">
      <c r="N299137" s="10"/>
    </row>
    <row r="299138" spans="14:14">
      <c r="N299138" s="10"/>
    </row>
    <row r="299139" spans="14:14">
      <c r="N299139" s="10"/>
    </row>
    <row r="299140" spans="14:14">
      <c r="N299140" s="10"/>
    </row>
    <row r="299141" spans="14:14">
      <c r="N299141" s="10"/>
    </row>
    <row r="299142" spans="14:14">
      <c r="N299142" s="10"/>
    </row>
    <row r="299143" spans="14:14">
      <c r="N299143" s="10"/>
    </row>
    <row r="299144" spans="14:14">
      <c r="N299144" s="10"/>
    </row>
    <row r="299145" spans="14:14">
      <c r="N299145" s="10"/>
    </row>
    <row r="299146" spans="14:14">
      <c r="N299146" s="10"/>
    </row>
    <row r="299147" spans="14:14">
      <c r="N299147" s="10"/>
    </row>
    <row r="299148" spans="14:14">
      <c r="N299148" s="10"/>
    </row>
    <row r="299149" spans="14:14">
      <c r="N299149" s="10"/>
    </row>
    <row r="299150" spans="14:14">
      <c r="N299150" s="10"/>
    </row>
    <row r="299151" spans="14:14">
      <c r="N299151" s="10"/>
    </row>
    <row r="299152" spans="14:14">
      <c r="N299152" s="10"/>
    </row>
    <row r="299153" spans="14:14">
      <c r="N299153" s="10"/>
    </row>
    <row r="299154" spans="14:14">
      <c r="N299154" s="10"/>
    </row>
    <row r="299155" spans="14:14">
      <c r="N299155" s="10"/>
    </row>
    <row r="299156" spans="14:14">
      <c r="N299156" s="10"/>
    </row>
    <row r="299157" spans="14:14">
      <c r="N299157" s="10"/>
    </row>
    <row r="299158" spans="14:14">
      <c r="N299158" s="10"/>
    </row>
    <row r="299159" spans="14:14">
      <c r="N299159" s="10"/>
    </row>
    <row r="299160" spans="14:14">
      <c r="N299160" s="10"/>
    </row>
    <row r="299161" spans="14:14">
      <c r="N299161" s="10"/>
    </row>
    <row r="299162" spans="14:14">
      <c r="N299162" s="10"/>
    </row>
    <row r="299163" spans="14:14">
      <c r="N299163" s="10"/>
    </row>
    <row r="299164" spans="14:14">
      <c r="N299164" s="10"/>
    </row>
    <row r="299165" spans="14:14">
      <c r="N299165" s="10"/>
    </row>
    <row r="299166" spans="14:14">
      <c r="N299166" s="10"/>
    </row>
    <row r="299167" spans="14:14">
      <c r="N299167" s="10"/>
    </row>
    <row r="299168" spans="14:14">
      <c r="N299168" s="10"/>
    </row>
    <row r="299169" spans="14:14">
      <c r="N299169" s="10"/>
    </row>
    <row r="299170" spans="14:14">
      <c r="N299170" s="10"/>
    </row>
    <row r="299171" spans="14:14">
      <c r="N299171" s="10"/>
    </row>
    <row r="299172" spans="14:14">
      <c r="N299172" s="10"/>
    </row>
    <row r="299173" spans="14:14">
      <c r="N299173" s="10"/>
    </row>
    <row r="299174" spans="14:14">
      <c r="N299174" s="10"/>
    </row>
    <row r="299175" spans="14:14">
      <c r="N299175" s="10"/>
    </row>
    <row r="299176" spans="14:14">
      <c r="N299176" s="10"/>
    </row>
    <row r="299177" spans="14:14">
      <c r="N299177" s="10"/>
    </row>
    <row r="299178" spans="14:14">
      <c r="N299178" s="10"/>
    </row>
    <row r="299179" spans="14:14">
      <c r="N299179" s="10"/>
    </row>
    <row r="299180" spans="14:14">
      <c r="N299180" s="10"/>
    </row>
    <row r="299181" spans="14:14">
      <c r="N299181" s="10"/>
    </row>
    <row r="299182" spans="14:14">
      <c r="N299182" s="10"/>
    </row>
    <row r="299183" spans="14:14">
      <c r="N299183" s="10"/>
    </row>
    <row r="299184" spans="14:14">
      <c r="N299184" s="10"/>
    </row>
    <row r="299185" spans="14:14">
      <c r="N299185" s="10"/>
    </row>
    <row r="299186" spans="14:14">
      <c r="N299186" s="10"/>
    </row>
    <row r="299187" spans="14:14">
      <c r="N299187" s="10"/>
    </row>
    <row r="299188" spans="14:14">
      <c r="N299188" s="10"/>
    </row>
    <row r="299189" spans="14:14">
      <c r="N299189" s="10"/>
    </row>
    <row r="299190" spans="14:14">
      <c r="N299190" s="10"/>
    </row>
    <row r="299191" spans="14:14">
      <c r="N299191" s="10"/>
    </row>
    <row r="299192" spans="14:14">
      <c r="N299192" s="10"/>
    </row>
    <row r="299193" spans="14:14">
      <c r="N299193" s="10"/>
    </row>
    <row r="299194" spans="14:14">
      <c r="N299194" s="10"/>
    </row>
    <row r="299195" spans="14:14">
      <c r="N299195" s="10"/>
    </row>
    <row r="299196" spans="14:14">
      <c r="N299196" s="10"/>
    </row>
    <row r="299197" spans="14:14">
      <c r="N299197" s="10"/>
    </row>
    <row r="299198" spans="14:14">
      <c r="N299198" s="10"/>
    </row>
    <row r="299199" spans="14:14">
      <c r="N299199" s="10"/>
    </row>
    <row r="299200" spans="14:14">
      <c r="N299200" s="10"/>
    </row>
    <row r="299201" spans="14:14">
      <c r="N299201" s="10"/>
    </row>
    <row r="299202" spans="14:14">
      <c r="N299202" s="10"/>
    </row>
    <row r="299203" spans="14:14">
      <c r="N299203" s="10"/>
    </row>
    <row r="299204" spans="14:14">
      <c r="N299204" s="10"/>
    </row>
    <row r="299205" spans="14:14">
      <c r="N299205" s="10"/>
    </row>
    <row r="299206" spans="14:14">
      <c r="N299206" s="10"/>
    </row>
    <row r="299207" spans="14:14">
      <c r="N299207" s="10"/>
    </row>
    <row r="299208" spans="14:14">
      <c r="N299208" s="10"/>
    </row>
    <row r="299209" spans="14:14">
      <c r="N299209" s="10"/>
    </row>
    <row r="299210" spans="14:14">
      <c r="N299210" s="10"/>
    </row>
    <row r="299211" spans="14:14">
      <c r="N299211" s="10"/>
    </row>
    <row r="299212" spans="14:14">
      <c r="N299212" s="10"/>
    </row>
    <row r="299213" spans="14:14">
      <c r="N299213" s="10"/>
    </row>
    <row r="299214" spans="14:14">
      <c r="N299214" s="10"/>
    </row>
    <row r="299215" spans="14:14">
      <c r="N299215" s="10"/>
    </row>
    <row r="299216" spans="14:14">
      <c r="N299216" s="10"/>
    </row>
    <row r="299217" spans="14:14">
      <c r="N299217" s="10"/>
    </row>
    <row r="299218" spans="14:14">
      <c r="N299218" s="10"/>
    </row>
    <row r="299219" spans="14:14">
      <c r="N299219" s="10"/>
    </row>
    <row r="299220" spans="14:14">
      <c r="N299220" s="10"/>
    </row>
    <row r="299221" spans="14:14">
      <c r="N299221" s="10"/>
    </row>
    <row r="299222" spans="14:14">
      <c r="N299222" s="10"/>
    </row>
    <row r="299223" spans="14:14">
      <c r="N299223" s="10"/>
    </row>
    <row r="299224" spans="14:14">
      <c r="N299224" s="10"/>
    </row>
    <row r="299225" spans="14:14">
      <c r="N299225" s="10"/>
    </row>
    <row r="299226" spans="14:14">
      <c r="N299226" s="10"/>
    </row>
    <row r="299227" spans="14:14">
      <c r="N299227" s="10"/>
    </row>
    <row r="299228" spans="14:14">
      <c r="N299228" s="10"/>
    </row>
    <row r="299229" spans="14:14">
      <c r="N299229" s="10"/>
    </row>
    <row r="299230" spans="14:14">
      <c r="N299230" s="10"/>
    </row>
    <row r="299231" spans="14:14">
      <c r="N299231" s="10"/>
    </row>
    <row r="299232" spans="14:14">
      <c r="N299232" s="10"/>
    </row>
    <row r="299233" spans="14:14">
      <c r="N299233" s="10"/>
    </row>
    <row r="299234" spans="14:14">
      <c r="N299234" s="10"/>
    </row>
    <row r="299235" spans="14:14">
      <c r="N299235" s="10"/>
    </row>
    <row r="299236" spans="14:14">
      <c r="N299236" s="10"/>
    </row>
    <row r="299237" spans="14:14">
      <c r="N299237" s="10"/>
    </row>
    <row r="299238" spans="14:14">
      <c r="N299238" s="10"/>
    </row>
    <row r="299239" spans="14:14">
      <c r="N299239" s="10"/>
    </row>
    <row r="299240" spans="14:14">
      <c r="N299240" s="10"/>
    </row>
    <row r="299241" spans="14:14">
      <c r="N299241" s="10"/>
    </row>
    <row r="299242" spans="14:14">
      <c r="N299242" s="10"/>
    </row>
    <row r="299243" spans="14:14">
      <c r="N299243" s="10"/>
    </row>
    <row r="299244" spans="14:14">
      <c r="N299244" s="10"/>
    </row>
    <row r="299245" spans="14:14">
      <c r="N299245" s="10"/>
    </row>
    <row r="299246" spans="14:14">
      <c r="N299246" s="10"/>
    </row>
    <row r="299247" spans="14:14">
      <c r="N299247" s="10"/>
    </row>
    <row r="299248" spans="14:14">
      <c r="N299248" s="10"/>
    </row>
    <row r="299249" spans="14:14">
      <c r="N299249" s="10"/>
    </row>
    <row r="299250" spans="14:14">
      <c r="N299250" s="10"/>
    </row>
    <row r="299251" spans="14:14">
      <c r="N299251" s="10"/>
    </row>
    <row r="299252" spans="14:14">
      <c r="N299252" s="10"/>
    </row>
    <row r="299253" spans="14:14">
      <c r="N299253" s="10"/>
    </row>
    <row r="299254" spans="14:14">
      <c r="N299254" s="10"/>
    </row>
    <row r="299255" spans="14:14">
      <c r="N299255" s="10"/>
    </row>
    <row r="299256" spans="14:14">
      <c r="N299256" s="10"/>
    </row>
    <row r="299257" spans="14:14">
      <c r="N299257" s="10"/>
    </row>
    <row r="299258" spans="14:14">
      <c r="N299258" s="10"/>
    </row>
    <row r="299259" spans="14:14">
      <c r="N299259" s="10"/>
    </row>
    <row r="299260" spans="14:14">
      <c r="N299260" s="10"/>
    </row>
    <row r="299261" spans="14:14">
      <c r="N299261" s="10"/>
    </row>
    <row r="299262" spans="14:14">
      <c r="N299262" s="10"/>
    </row>
    <row r="299263" spans="14:14">
      <c r="N299263" s="10"/>
    </row>
    <row r="299264" spans="14:14">
      <c r="N299264" s="10"/>
    </row>
    <row r="299265" spans="14:14">
      <c r="N299265" s="10"/>
    </row>
    <row r="299266" spans="14:14">
      <c r="N299266" s="10"/>
    </row>
    <row r="299267" spans="14:14">
      <c r="N299267" s="10"/>
    </row>
    <row r="299268" spans="14:14">
      <c r="N299268" s="10"/>
    </row>
    <row r="299269" spans="14:14">
      <c r="N299269" s="10"/>
    </row>
    <row r="299270" spans="14:14">
      <c r="N299270" s="10"/>
    </row>
    <row r="299271" spans="14:14">
      <c r="N299271" s="10"/>
    </row>
    <row r="299272" spans="14:14">
      <c r="N299272" s="10"/>
    </row>
    <row r="299273" spans="14:14">
      <c r="N299273" s="10"/>
    </row>
    <row r="299274" spans="14:14">
      <c r="N299274" s="10"/>
    </row>
    <row r="299275" spans="14:14">
      <c r="N299275" s="10"/>
    </row>
    <row r="299276" spans="14:14">
      <c r="N299276" s="10"/>
    </row>
    <row r="299277" spans="14:14">
      <c r="N299277" s="10"/>
    </row>
    <row r="299278" spans="14:14">
      <c r="N299278" s="10"/>
    </row>
    <row r="299279" spans="14:14">
      <c r="N299279" s="10"/>
    </row>
    <row r="299280" spans="14:14">
      <c r="N299280" s="10"/>
    </row>
    <row r="299281" spans="14:14">
      <c r="N299281" s="10"/>
    </row>
    <row r="299282" spans="14:14">
      <c r="N299282" s="10"/>
    </row>
    <row r="299283" spans="14:14">
      <c r="N299283" s="10"/>
    </row>
    <row r="299284" spans="14:14">
      <c r="N299284" s="10"/>
    </row>
    <row r="299285" spans="14:14">
      <c r="N299285" s="10"/>
    </row>
    <row r="299286" spans="14:14">
      <c r="N299286" s="10"/>
    </row>
    <row r="299287" spans="14:14">
      <c r="N299287" s="10"/>
    </row>
    <row r="299288" spans="14:14">
      <c r="N299288" s="10"/>
    </row>
    <row r="299289" spans="14:14">
      <c r="N299289" s="10"/>
    </row>
    <row r="299290" spans="14:14">
      <c r="N299290" s="10"/>
    </row>
    <row r="299291" spans="14:14">
      <c r="N299291" s="10"/>
    </row>
    <row r="299292" spans="14:14">
      <c r="N299292" s="10"/>
    </row>
    <row r="299293" spans="14:14">
      <c r="N299293" s="10"/>
    </row>
    <row r="299294" spans="14:14">
      <c r="N299294" s="10"/>
    </row>
    <row r="299295" spans="14:14">
      <c r="N299295" s="10"/>
    </row>
    <row r="299296" spans="14:14">
      <c r="N299296" s="10"/>
    </row>
    <row r="299297" spans="14:14">
      <c r="N299297" s="10"/>
    </row>
    <row r="299298" spans="14:14">
      <c r="N299298" s="10"/>
    </row>
    <row r="299299" spans="14:14">
      <c r="N299299" s="10"/>
    </row>
    <row r="299300" spans="14:14">
      <c r="N299300" s="10"/>
    </row>
    <row r="299301" spans="14:14">
      <c r="N299301" s="10"/>
    </row>
    <row r="299302" spans="14:14">
      <c r="N299302" s="10"/>
    </row>
    <row r="299303" spans="14:14">
      <c r="N299303" s="10"/>
    </row>
    <row r="299304" spans="14:14">
      <c r="N299304" s="10"/>
    </row>
    <row r="299305" spans="14:14">
      <c r="N299305" s="10"/>
    </row>
    <row r="299306" spans="14:14">
      <c r="N299306" s="10"/>
    </row>
    <row r="299307" spans="14:14">
      <c r="N299307" s="10"/>
    </row>
    <row r="299308" spans="14:14">
      <c r="N299308" s="10"/>
    </row>
    <row r="299309" spans="14:14">
      <c r="N299309" s="10"/>
    </row>
    <row r="299310" spans="14:14">
      <c r="N299310" s="10"/>
    </row>
    <row r="299311" spans="14:14">
      <c r="N299311" s="10"/>
    </row>
    <row r="299312" spans="14:14">
      <c r="N299312" s="10"/>
    </row>
    <row r="299313" spans="14:14">
      <c r="N299313" s="10"/>
    </row>
    <row r="299314" spans="14:14">
      <c r="N299314" s="10"/>
    </row>
    <row r="299315" spans="14:14">
      <c r="N299315" s="10"/>
    </row>
    <row r="299316" spans="14:14">
      <c r="N299316" s="10"/>
    </row>
    <row r="299317" spans="14:14">
      <c r="N299317" s="10"/>
    </row>
    <row r="299318" spans="14:14">
      <c r="N299318" s="10"/>
    </row>
    <row r="299319" spans="14:14">
      <c r="N299319" s="10"/>
    </row>
    <row r="299320" spans="14:14">
      <c r="N299320" s="10"/>
    </row>
    <row r="299321" spans="14:14">
      <c r="N299321" s="10"/>
    </row>
    <row r="299322" spans="14:14">
      <c r="N299322" s="10"/>
    </row>
    <row r="299323" spans="14:14">
      <c r="N299323" s="10"/>
    </row>
    <row r="299324" spans="14:14">
      <c r="N299324" s="10"/>
    </row>
    <row r="299325" spans="14:14">
      <c r="N299325" s="10"/>
    </row>
    <row r="299326" spans="14:14">
      <c r="N299326" s="10"/>
    </row>
    <row r="299327" spans="14:14">
      <c r="N299327" s="10"/>
    </row>
    <row r="299328" spans="14:14">
      <c r="N299328" s="10"/>
    </row>
    <row r="299329" spans="14:14">
      <c r="N299329" s="10"/>
    </row>
    <row r="299330" spans="14:14">
      <c r="N299330" s="10"/>
    </row>
    <row r="299331" spans="14:14">
      <c r="N299331" s="10"/>
    </row>
    <row r="299332" spans="14:14">
      <c r="N299332" s="10"/>
    </row>
    <row r="299333" spans="14:14">
      <c r="N299333" s="10"/>
    </row>
    <row r="299334" spans="14:14">
      <c r="N299334" s="10"/>
    </row>
    <row r="299335" spans="14:14">
      <c r="N299335" s="10"/>
    </row>
    <row r="299336" spans="14:14">
      <c r="N299336" s="10"/>
    </row>
    <row r="299337" spans="14:14">
      <c r="N299337" s="10"/>
    </row>
    <row r="299338" spans="14:14">
      <c r="N299338" s="10"/>
    </row>
    <row r="299339" spans="14:14">
      <c r="N299339" s="10"/>
    </row>
    <row r="299340" spans="14:14">
      <c r="N299340" s="10"/>
    </row>
    <row r="299341" spans="14:14">
      <c r="N299341" s="10"/>
    </row>
    <row r="299342" spans="14:14">
      <c r="N299342" s="10"/>
    </row>
    <row r="299343" spans="14:14">
      <c r="N299343" s="10"/>
    </row>
    <row r="299344" spans="14:14">
      <c r="N299344" s="10"/>
    </row>
    <row r="299345" spans="14:14">
      <c r="N299345" s="10"/>
    </row>
    <row r="299346" spans="14:14">
      <c r="N299346" s="10"/>
    </row>
    <row r="299347" spans="14:14">
      <c r="N299347" s="10"/>
    </row>
    <row r="299348" spans="14:14">
      <c r="N299348" s="10"/>
    </row>
    <row r="299349" spans="14:14">
      <c r="N299349" s="10"/>
    </row>
    <row r="299350" spans="14:14">
      <c r="N299350" s="10"/>
    </row>
    <row r="299351" spans="14:14">
      <c r="N299351" s="10"/>
    </row>
    <row r="299352" spans="14:14">
      <c r="N299352" s="10"/>
    </row>
    <row r="299353" spans="14:14">
      <c r="N299353" s="10"/>
    </row>
    <row r="299354" spans="14:14">
      <c r="N299354" s="10"/>
    </row>
    <row r="299355" spans="14:14">
      <c r="N299355" s="10"/>
    </row>
    <row r="299356" spans="14:14">
      <c r="N299356" s="10"/>
    </row>
    <row r="299357" spans="14:14">
      <c r="N299357" s="10"/>
    </row>
    <row r="299358" spans="14:14">
      <c r="N299358" s="10"/>
    </row>
    <row r="299359" spans="14:14">
      <c r="N299359" s="10"/>
    </row>
    <row r="299360" spans="14:14">
      <c r="N299360" s="10"/>
    </row>
    <row r="299361" spans="14:14">
      <c r="N299361" s="10"/>
    </row>
    <row r="299362" spans="14:14">
      <c r="N299362" s="10"/>
    </row>
    <row r="299363" spans="14:14">
      <c r="N299363" s="10"/>
    </row>
    <row r="299364" spans="14:14">
      <c r="N299364" s="10"/>
    </row>
    <row r="299365" spans="14:14">
      <c r="N299365" s="10"/>
    </row>
    <row r="299366" spans="14:14">
      <c r="N299366" s="10"/>
    </row>
    <row r="299367" spans="14:14">
      <c r="N299367" s="10"/>
    </row>
    <row r="299368" spans="14:14">
      <c r="N299368" s="10"/>
    </row>
    <row r="299369" spans="14:14">
      <c r="N299369" s="10"/>
    </row>
    <row r="299370" spans="14:14">
      <c r="N299370" s="10"/>
    </row>
    <row r="299371" spans="14:14">
      <c r="N299371" s="10"/>
    </row>
    <row r="299372" spans="14:14">
      <c r="N299372" s="10"/>
    </row>
    <row r="299373" spans="14:14">
      <c r="N299373" s="10"/>
    </row>
    <row r="299374" spans="14:14">
      <c r="N299374" s="10"/>
    </row>
    <row r="299375" spans="14:14">
      <c r="N299375" s="10"/>
    </row>
    <row r="299376" spans="14:14">
      <c r="N299376" s="10"/>
    </row>
    <row r="299377" spans="14:14">
      <c r="N299377" s="10"/>
    </row>
    <row r="299378" spans="14:14">
      <c r="N299378" s="10"/>
    </row>
    <row r="299379" spans="14:14">
      <c r="N299379" s="10"/>
    </row>
    <row r="299380" spans="14:14">
      <c r="N299380" s="10"/>
    </row>
    <row r="299381" spans="14:14">
      <c r="N299381" s="10"/>
    </row>
    <row r="299382" spans="14:14">
      <c r="N299382" s="10"/>
    </row>
    <row r="299383" spans="14:14">
      <c r="N299383" s="10"/>
    </row>
    <row r="299384" spans="14:14">
      <c r="N299384" s="10"/>
    </row>
    <row r="299385" spans="14:14">
      <c r="N299385" s="10"/>
    </row>
    <row r="299386" spans="14:14">
      <c r="N299386" s="10"/>
    </row>
    <row r="299387" spans="14:14">
      <c r="N299387" s="10"/>
    </row>
    <row r="299388" spans="14:14">
      <c r="N299388" s="10"/>
    </row>
    <row r="299389" spans="14:14">
      <c r="N299389" s="10"/>
    </row>
    <row r="299390" spans="14:14">
      <c r="N299390" s="10"/>
    </row>
    <row r="299391" spans="14:14">
      <c r="N299391" s="10"/>
    </row>
    <row r="299392" spans="14:14">
      <c r="N299392" s="10"/>
    </row>
    <row r="299393" spans="14:14">
      <c r="N299393" s="10"/>
    </row>
    <row r="299394" spans="14:14">
      <c r="N299394" s="10"/>
    </row>
    <row r="299395" spans="14:14">
      <c r="N299395" s="10"/>
    </row>
    <row r="299396" spans="14:14">
      <c r="N299396" s="10"/>
    </row>
    <row r="299397" spans="14:14">
      <c r="N299397" s="10"/>
    </row>
    <row r="299398" spans="14:14">
      <c r="N299398" s="10"/>
    </row>
    <row r="299399" spans="14:14">
      <c r="N299399" s="10"/>
    </row>
    <row r="299400" spans="14:14">
      <c r="N299400" s="10"/>
    </row>
    <row r="299401" spans="14:14">
      <c r="N299401" s="10"/>
    </row>
    <row r="299402" spans="14:14">
      <c r="N299402" s="10"/>
    </row>
    <row r="299403" spans="14:14">
      <c r="N299403" s="10"/>
    </row>
    <row r="299404" spans="14:14">
      <c r="N299404" s="10"/>
    </row>
    <row r="299405" spans="14:14">
      <c r="N299405" s="10"/>
    </row>
    <row r="299406" spans="14:14">
      <c r="N299406" s="10"/>
    </row>
    <row r="299407" spans="14:14">
      <c r="N299407" s="10"/>
    </row>
    <row r="299408" spans="14:14">
      <c r="N299408" s="10"/>
    </row>
    <row r="299409" spans="14:14">
      <c r="N299409" s="10"/>
    </row>
    <row r="299410" spans="14:14">
      <c r="N299410" s="10"/>
    </row>
    <row r="299411" spans="14:14">
      <c r="N299411" s="10"/>
    </row>
    <row r="299412" spans="14:14">
      <c r="N299412" s="10"/>
    </row>
    <row r="299413" spans="14:14">
      <c r="N299413" s="10"/>
    </row>
    <row r="299414" spans="14:14">
      <c r="N299414" s="10"/>
    </row>
    <row r="299415" spans="14:14">
      <c r="N299415" s="10"/>
    </row>
    <row r="299416" spans="14:14">
      <c r="N299416" s="10"/>
    </row>
    <row r="299417" spans="14:14">
      <c r="N299417" s="10"/>
    </row>
    <row r="299418" spans="14:14">
      <c r="N299418" s="10"/>
    </row>
    <row r="299419" spans="14:14">
      <c r="N299419" s="10"/>
    </row>
    <row r="299420" spans="14:14">
      <c r="N299420" s="10"/>
    </row>
    <row r="299421" spans="14:14">
      <c r="N299421" s="10"/>
    </row>
    <row r="299422" spans="14:14">
      <c r="N299422" s="10"/>
    </row>
    <row r="299423" spans="14:14">
      <c r="N299423" s="10"/>
    </row>
    <row r="299424" spans="14:14">
      <c r="N299424" s="10"/>
    </row>
    <row r="299425" spans="14:14">
      <c r="N299425" s="10"/>
    </row>
    <row r="299426" spans="14:14">
      <c r="N299426" s="10"/>
    </row>
    <row r="299427" spans="14:14">
      <c r="N299427" s="10"/>
    </row>
    <row r="299428" spans="14:14">
      <c r="N299428" s="10"/>
    </row>
    <row r="299429" spans="14:14">
      <c r="N299429" s="10"/>
    </row>
    <row r="299430" spans="14:14">
      <c r="N299430" s="10"/>
    </row>
    <row r="299431" spans="14:14">
      <c r="N299431" s="10"/>
    </row>
    <row r="299432" spans="14:14">
      <c r="N299432" s="10"/>
    </row>
    <row r="299433" spans="14:14">
      <c r="N299433" s="10"/>
    </row>
    <row r="299434" spans="14:14">
      <c r="N299434" s="10"/>
    </row>
    <row r="299435" spans="14:14">
      <c r="N299435" s="10"/>
    </row>
    <row r="299436" spans="14:14">
      <c r="N299436" s="10"/>
    </row>
    <row r="299437" spans="14:14">
      <c r="N299437" s="10"/>
    </row>
    <row r="299438" spans="14:14">
      <c r="N299438" s="10"/>
    </row>
    <row r="299439" spans="14:14">
      <c r="N299439" s="10"/>
    </row>
    <row r="299440" spans="14:14">
      <c r="N299440" s="10"/>
    </row>
    <row r="299441" spans="14:14">
      <c r="N299441" s="10"/>
    </row>
    <row r="299442" spans="14:14">
      <c r="N299442" s="10"/>
    </row>
    <row r="299443" spans="14:14">
      <c r="N299443" s="10"/>
    </row>
    <row r="299444" spans="14:14">
      <c r="N299444" s="10"/>
    </row>
    <row r="299445" spans="14:14">
      <c r="N299445" s="10"/>
    </row>
    <row r="299446" spans="14:14">
      <c r="N299446" s="10"/>
    </row>
    <row r="299447" spans="14:14">
      <c r="N299447" s="10"/>
    </row>
    <row r="299448" spans="14:14">
      <c r="N299448" s="10"/>
    </row>
    <row r="299449" spans="14:14">
      <c r="N299449" s="10"/>
    </row>
    <row r="299450" spans="14:14">
      <c r="N299450" s="10"/>
    </row>
    <row r="299451" spans="14:14">
      <c r="N299451" s="10"/>
    </row>
    <row r="299452" spans="14:14">
      <c r="N299452" s="10"/>
    </row>
    <row r="299453" spans="14:14">
      <c r="N299453" s="10"/>
    </row>
    <row r="299454" spans="14:14">
      <c r="N299454" s="10"/>
    </row>
    <row r="299455" spans="14:14">
      <c r="N299455" s="10"/>
    </row>
    <row r="299456" spans="14:14">
      <c r="N299456" s="10"/>
    </row>
    <row r="299457" spans="14:14">
      <c r="N299457" s="10"/>
    </row>
    <row r="299458" spans="14:14">
      <c r="N299458" s="10"/>
    </row>
    <row r="299459" spans="14:14">
      <c r="N299459" s="10"/>
    </row>
    <row r="299460" spans="14:14">
      <c r="N299460" s="10"/>
    </row>
    <row r="299461" spans="14:14">
      <c r="N299461" s="10"/>
    </row>
    <row r="299462" spans="14:14">
      <c r="N299462" s="10"/>
    </row>
    <row r="299463" spans="14:14">
      <c r="N299463" s="10"/>
    </row>
    <row r="299464" spans="14:14">
      <c r="N299464" s="10"/>
    </row>
    <row r="299465" spans="14:14">
      <c r="N299465" s="10"/>
    </row>
    <row r="299466" spans="14:14">
      <c r="N299466" s="10"/>
    </row>
    <row r="299467" spans="14:14">
      <c r="N299467" s="10"/>
    </row>
    <row r="299468" spans="14:14">
      <c r="N299468" s="10"/>
    </row>
    <row r="299469" spans="14:14">
      <c r="N299469" s="10"/>
    </row>
    <row r="299470" spans="14:14">
      <c r="N299470" s="10"/>
    </row>
    <row r="299471" spans="14:14">
      <c r="N299471" s="10"/>
    </row>
    <row r="299472" spans="14:14">
      <c r="N299472" s="10"/>
    </row>
    <row r="299473" spans="14:14">
      <c r="N299473" s="10"/>
    </row>
    <row r="299474" spans="14:14">
      <c r="N299474" s="10"/>
    </row>
    <row r="299475" spans="14:14">
      <c r="N299475" s="10"/>
    </row>
    <row r="299476" spans="14:14">
      <c r="N299476" s="10"/>
    </row>
    <row r="299477" spans="14:14">
      <c r="N299477" s="10"/>
    </row>
    <row r="299478" spans="14:14">
      <c r="N299478" s="10"/>
    </row>
    <row r="299479" spans="14:14">
      <c r="N299479" s="10"/>
    </row>
    <row r="299480" spans="14:14">
      <c r="N299480" s="10"/>
    </row>
    <row r="299481" spans="14:14">
      <c r="N299481" s="10"/>
    </row>
    <row r="299482" spans="14:14">
      <c r="N299482" s="10"/>
    </row>
    <row r="299483" spans="14:14">
      <c r="N299483" s="10"/>
    </row>
    <row r="299484" spans="14:14">
      <c r="N299484" s="10"/>
    </row>
    <row r="299485" spans="14:14">
      <c r="N299485" s="10"/>
    </row>
    <row r="299486" spans="14:14">
      <c r="N299486" s="10"/>
    </row>
    <row r="299487" spans="14:14">
      <c r="N299487" s="10"/>
    </row>
    <row r="299488" spans="14:14">
      <c r="N299488" s="10"/>
    </row>
    <row r="299489" spans="14:14">
      <c r="N299489" s="10"/>
    </row>
    <row r="299490" spans="14:14">
      <c r="N299490" s="10"/>
    </row>
    <row r="299491" spans="14:14">
      <c r="N299491" s="10"/>
    </row>
    <row r="299492" spans="14:14">
      <c r="N299492" s="10"/>
    </row>
    <row r="299493" spans="14:14">
      <c r="N299493" s="10"/>
    </row>
    <row r="299494" spans="14:14">
      <c r="N299494" s="10"/>
    </row>
    <row r="299495" spans="14:14">
      <c r="N299495" s="10"/>
    </row>
    <row r="299496" spans="14:14">
      <c r="N299496" s="10"/>
    </row>
    <row r="299497" spans="14:14">
      <c r="N299497" s="10"/>
    </row>
    <row r="299498" spans="14:14">
      <c r="N299498" s="10"/>
    </row>
    <row r="299499" spans="14:14">
      <c r="N299499" s="10"/>
    </row>
    <row r="299500" spans="14:14">
      <c r="N299500" s="10"/>
    </row>
    <row r="299501" spans="14:14">
      <c r="N299501" s="10"/>
    </row>
    <row r="299502" spans="14:14">
      <c r="N299502" s="10"/>
    </row>
    <row r="299503" spans="14:14">
      <c r="N299503" s="10"/>
    </row>
    <row r="299504" spans="14:14">
      <c r="N299504" s="10"/>
    </row>
    <row r="299505" spans="14:14">
      <c r="N299505" s="10"/>
    </row>
    <row r="299506" spans="14:14">
      <c r="N299506" s="10"/>
    </row>
    <row r="299507" spans="14:14">
      <c r="N299507" s="10"/>
    </row>
    <row r="299508" spans="14:14">
      <c r="N299508" s="10"/>
    </row>
    <row r="299509" spans="14:14">
      <c r="N299509" s="10"/>
    </row>
    <row r="299510" spans="14:14">
      <c r="N299510" s="10"/>
    </row>
    <row r="299511" spans="14:14">
      <c r="N299511" s="10"/>
    </row>
    <row r="299512" spans="14:14">
      <c r="N299512" s="10"/>
    </row>
    <row r="299513" spans="14:14">
      <c r="N299513" s="10"/>
    </row>
    <row r="299514" spans="14:14">
      <c r="N299514" s="10"/>
    </row>
    <row r="299515" spans="14:14">
      <c r="N299515" s="10"/>
    </row>
    <row r="299516" spans="14:14">
      <c r="N299516" s="10"/>
    </row>
    <row r="299517" spans="14:14">
      <c r="N299517" s="10"/>
    </row>
    <row r="299518" spans="14:14">
      <c r="N299518" s="10"/>
    </row>
    <row r="299519" spans="14:14">
      <c r="N299519" s="10"/>
    </row>
    <row r="299520" spans="14:14">
      <c r="N299520" s="10"/>
    </row>
    <row r="299521" spans="14:14">
      <c r="N299521" s="10"/>
    </row>
    <row r="299522" spans="14:14">
      <c r="N299522" s="10"/>
    </row>
    <row r="299523" spans="14:14">
      <c r="N299523" s="10"/>
    </row>
    <row r="299524" spans="14:14">
      <c r="N299524" s="10"/>
    </row>
    <row r="299525" spans="14:14">
      <c r="N299525" s="10"/>
    </row>
    <row r="299526" spans="14:14">
      <c r="N299526" s="10"/>
    </row>
    <row r="299527" spans="14:14">
      <c r="N299527" s="10"/>
    </row>
    <row r="299528" spans="14:14">
      <c r="N299528" s="10"/>
    </row>
    <row r="299529" spans="14:14">
      <c r="N299529" s="10"/>
    </row>
    <row r="299530" spans="14:14">
      <c r="N299530" s="10"/>
    </row>
    <row r="299531" spans="14:14">
      <c r="N299531" s="10"/>
    </row>
    <row r="299532" spans="14:14">
      <c r="N299532" s="10"/>
    </row>
    <row r="299533" spans="14:14">
      <c r="N299533" s="10"/>
    </row>
    <row r="299534" spans="14:14">
      <c r="N299534" s="10"/>
    </row>
    <row r="299535" spans="14:14">
      <c r="N299535" s="10"/>
    </row>
    <row r="299536" spans="14:14">
      <c r="N299536" s="10"/>
    </row>
    <row r="299537" spans="14:14">
      <c r="N299537" s="10"/>
    </row>
    <row r="299538" spans="14:14">
      <c r="N299538" s="10"/>
    </row>
    <row r="299539" spans="14:14">
      <c r="N299539" s="10"/>
    </row>
    <row r="299540" spans="14:14">
      <c r="N299540" s="10"/>
    </row>
    <row r="299541" spans="14:14">
      <c r="N299541" s="10"/>
    </row>
    <row r="299542" spans="14:14">
      <c r="N299542" s="10"/>
    </row>
    <row r="299543" spans="14:14">
      <c r="N299543" s="10"/>
    </row>
    <row r="299544" spans="14:14">
      <c r="N299544" s="10"/>
    </row>
    <row r="299545" spans="14:14">
      <c r="N299545" s="10"/>
    </row>
    <row r="299546" spans="14:14">
      <c r="N299546" s="10"/>
    </row>
    <row r="299547" spans="14:14">
      <c r="N299547" s="10"/>
    </row>
    <row r="299548" spans="14:14">
      <c r="N299548" s="10"/>
    </row>
    <row r="299549" spans="14:14">
      <c r="N299549" s="10"/>
    </row>
    <row r="299550" spans="14:14">
      <c r="N299550" s="10"/>
    </row>
    <row r="299551" spans="14:14">
      <c r="N299551" s="10"/>
    </row>
    <row r="299552" spans="14:14">
      <c r="N299552" s="10"/>
    </row>
    <row r="299553" spans="14:14">
      <c r="N299553" s="10"/>
    </row>
    <row r="299554" spans="14:14">
      <c r="N299554" s="10"/>
    </row>
    <row r="299555" spans="14:14">
      <c r="N299555" s="10"/>
    </row>
    <row r="299556" spans="14:14">
      <c r="N299556" s="10"/>
    </row>
    <row r="299557" spans="14:14">
      <c r="N299557" s="10"/>
    </row>
    <row r="299558" spans="14:14">
      <c r="N299558" s="10"/>
    </row>
    <row r="299559" spans="14:14">
      <c r="N299559" s="10"/>
    </row>
    <row r="299560" spans="14:14">
      <c r="N299560" s="10"/>
    </row>
    <row r="299561" spans="14:14">
      <c r="N299561" s="10"/>
    </row>
    <row r="299562" spans="14:14">
      <c r="N299562" s="10"/>
    </row>
    <row r="299563" spans="14:14">
      <c r="N299563" s="10"/>
    </row>
    <row r="299564" spans="14:14">
      <c r="N299564" s="10"/>
    </row>
    <row r="299565" spans="14:14">
      <c r="N299565" s="10"/>
    </row>
    <row r="299566" spans="14:14">
      <c r="N299566" s="10"/>
    </row>
    <row r="299567" spans="14:14">
      <c r="N299567" s="10"/>
    </row>
    <row r="299568" spans="14:14">
      <c r="N299568" s="10"/>
    </row>
    <row r="299569" spans="14:14">
      <c r="N299569" s="10"/>
    </row>
    <row r="299570" spans="14:14">
      <c r="N299570" s="10"/>
    </row>
    <row r="299571" spans="14:14">
      <c r="N299571" s="10"/>
    </row>
    <row r="299572" spans="14:14">
      <c r="N299572" s="10"/>
    </row>
    <row r="299573" spans="14:14">
      <c r="N299573" s="10"/>
    </row>
    <row r="299574" spans="14:14">
      <c r="N299574" s="10"/>
    </row>
    <row r="299575" spans="14:14">
      <c r="N299575" s="10"/>
    </row>
    <row r="299576" spans="14:14">
      <c r="N299576" s="10"/>
    </row>
    <row r="299577" spans="14:14">
      <c r="N299577" s="10"/>
    </row>
    <row r="299578" spans="14:14">
      <c r="N299578" s="10"/>
    </row>
    <row r="299579" spans="14:14">
      <c r="N299579" s="10"/>
    </row>
    <row r="299580" spans="14:14">
      <c r="N299580" s="10"/>
    </row>
    <row r="299581" spans="14:14">
      <c r="N299581" s="10"/>
    </row>
    <row r="299582" spans="14:14">
      <c r="N299582" s="10"/>
    </row>
    <row r="299583" spans="14:14">
      <c r="N299583" s="10"/>
    </row>
    <row r="299584" spans="14:14">
      <c r="N299584" s="10"/>
    </row>
    <row r="299585" spans="14:14">
      <c r="N299585" s="10"/>
    </row>
    <row r="299586" spans="14:14">
      <c r="N299586" s="10"/>
    </row>
    <row r="299587" spans="14:14">
      <c r="N299587" s="10"/>
    </row>
    <row r="299588" spans="14:14">
      <c r="N299588" s="10"/>
    </row>
    <row r="299589" spans="14:14">
      <c r="N299589" s="10"/>
    </row>
    <row r="299590" spans="14:14">
      <c r="N299590" s="10"/>
    </row>
    <row r="299591" spans="14:14">
      <c r="N299591" s="10"/>
    </row>
    <row r="299592" spans="14:14">
      <c r="N299592" s="10"/>
    </row>
    <row r="299593" spans="14:14">
      <c r="N299593" s="10"/>
    </row>
    <row r="299594" spans="14:14">
      <c r="N299594" s="10"/>
    </row>
    <row r="299595" spans="14:14">
      <c r="N299595" s="10"/>
    </row>
    <row r="299596" spans="14:14">
      <c r="N299596" s="10"/>
    </row>
    <row r="299597" spans="14:14">
      <c r="N299597" s="10"/>
    </row>
    <row r="299598" spans="14:14">
      <c r="N299598" s="10"/>
    </row>
    <row r="299599" spans="14:14">
      <c r="N299599" s="10"/>
    </row>
    <row r="299600" spans="14:14">
      <c r="N299600" s="10"/>
    </row>
    <row r="299601" spans="14:14">
      <c r="N299601" s="10"/>
    </row>
    <row r="299602" spans="14:14">
      <c r="N299602" s="10"/>
    </row>
    <row r="299603" spans="14:14">
      <c r="N299603" s="10"/>
    </row>
    <row r="299604" spans="14:14">
      <c r="N299604" s="10"/>
    </row>
    <row r="299605" spans="14:14">
      <c r="N299605" s="10"/>
    </row>
    <row r="299606" spans="14:14">
      <c r="N299606" s="10"/>
    </row>
    <row r="299607" spans="14:14">
      <c r="N299607" s="10"/>
    </row>
    <row r="299608" spans="14:14">
      <c r="N299608" s="10"/>
    </row>
    <row r="299609" spans="14:14">
      <c r="N299609" s="10"/>
    </row>
    <row r="299610" spans="14:14">
      <c r="N299610" s="10"/>
    </row>
    <row r="299611" spans="14:14">
      <c r="N299611" s="10"/>
    </row>
    <row r="299612" spans="14:14">
      <c r="N299612" s="10"/>
    </row>
    <row r="299613" spans="14:14">
      <c r="N299613" s="10"/>
    </row>
    <row r="299614" spans="14:14">
      <c r="N299614" s="10"/>
    </row>
    <row r="299615" spans="14:14">
      <c r="N299615" s="10"/>
    </row>
    <row r="299616" spans="14:14">
      <c r="N299616" s="10"/>
    </row>
    <row r="299617" spans="14:14">
      <c r="N299617" s="10"/>
    </row>
    <row r="299618" spans="14:14">
      <c r="N299618" s="10"/>
    </row>
    <row r="299619" spans="14:14">
      <c r="N299619" s="10"/>
    </row>
    <row r="299620" spans="14:14">
      <c r="N299620" s="10"/>
    </row>
    <row r="299621" spans="14:14">
      <c r="N299621" s="10"/>
    </row>
    <row r="299622" spans="14:14">
      <c r="N299622" s="10"/>
    </row>
    <row r="299623" spans="14:14">
      <c r="N299623" s="10"/>
    </row>
    <row r="299624" spans="14:14">
      <c r="N299624" s="10"/>
    </row>
    <row r="299625" spans="14:14">
      <c r="N299625" s="10"/>
    </row>
    <row r="299626" spans="14:14">
      <c r="N299626" s="10"/>
    </row>
    <row r="299627" spans="14:14">
      <c r="N299627" s="10"/>
    </row>
    <row r="299628" spans="14:14">
      <c r="N299628" s="10"/>
    </row>
    <row r="299629" spans="14:14">
      <c r="N299629" s="10"/>
    </row>
    <row r="299630" spans="14:14">
      <c r="N299630" s="10"/>
    </row>
    <row r="299631" spans="14:14">
      <c r="N299631" s="10"/>
    </row>
    <row r="299632" spans="14:14">
      <c r="N299632" s="10"/>
    </row>
    <row r="299633" spans="14:14">
      <c r="N299633" s="10"/>
    </row>
    <row r="299634" spans="14:14">
      <c r="N299634" s="10"/>
    </row>
    <row r="299635" spans="14:14">
      <c r="N299635" s="10"/>
    </row>
    <row r="299636" spans="14:14">
      <c r="N299636" s="10"/>
    </row>
    <row r="299637" spans="14:14">
      <c r="N299637" s="10"/>
    </row>
    <row r="299638" spans="14:14">
      <c r="N299638" s="10"/>
    </row>
    <row r="299639" spans="14:14">
      <c r="N299639" s="10"/>
    </row>
    <row r="299640" spans="14:14">
      <c r="N299640" s="10"/>
    </row>
    <row r="299641" spans="14:14">
      <c r="N299641" s="10"/>
    </row>
    <row r="299642" spans="14:14">
      <c r="N299642" s="10"/>
    </row>
    <row r="299643" spans="14:14">
      <c r="N299643" s="10"/>
    </row>
    <row r="299644" spans="14:14">
      <c r="N299644" s="10"/>
    </row>
    <row r="299645" spans="14:14">
      <c r="N299645" s="10"/>
    </row>
    <row r="299646" spans="14:14">
      <c r="N299646" s="10"/>
    </row>
    <row r="299647" spans="14:14">
      <c r="N299647" s="10"/>
    </row>
    <row r="299648" spans="14:14">
      <c r="N299648" s="10"/>
    </row>
    <row r="299649" spans="14:14">
      <c r="N299649" s="10"/>
    </row>
    <row r="299650" spans="14:14">
      <c r="N299650" s="10"/>
    </row>
    <row r="299651" spans="14:14">
      <c r="N299651" s="10"/>
    </row>
    <row r="299652" spans="14:14">
      <c r="N299652" s="10"/>
    </row>
    <row r="299653" spans="14:14">
      <c r="N299653" s="10"/>
    </row>
    <row r="299654" spans="14:14">
      <c r="N299654" s="10"/>
    </row>
    <row r="299655" spans="14:14">
      <c r="N299655" s="10"/>
    </row>
    <row r="299656" spans="14:14">
      <c r="N299656" s="10"/>
    </row>
    <row r="299657" spans="14:14">
      <c r="N299657" s="10"/>
    </row>
    <row r="299658" spans="14:14">
      <c r="N299658" s="10"/>
    </row>
    <row r="299659" spans="14:14">
      <c r="N299659" s="10"/>
    </row>
    <row r="299660" spans="14:14">
      <c r="N299660" s="10"/>
    </row>
    <row r="299661" spans="14:14">
      <c r="N299661" s="10"/>
    </row>
    <row r="299662" spans="14:14">
      <c r="N299662" s="10"/>
    </row>
    <row r="299663" spans="14:14">
      <c r="N299663" s="10"/>
    </row>
    <row r="299664" spans="14:14">
      <c r="N299664" s="10"/>
    </row>
    <row r="299665" spans="14:14">
      <c r="N299665" s="10"/>
    </row>
    <row r="299666" spans="14:14">
      <c r="N299666" s="10"/>
    </row>
    <row r="299667" spans="14:14">
      <c r="N299667" s="10"/>
    </row>
    <row r="299668" spans="14:14">
      <c r="N299668" s="10"/>
    </row>
    <row r="299669" spans="14:14">
      <c r="N299669" s="10"/>
    </row>
    <row r="299670" spans="14:14">
      <c r="N299670" s="10"/>
    </row>
    <row r="299671" spans="14:14">
      <c r="N299671" s="10"/>
    </row>
    <row r="299672" spans="14:14">
      <c r="N299672" s="10"/>
    </row>
    <row r="299673" spans="14:14">
      <c r="N299673" s="10"/>
    </row>
    <row r="299674" spans="14:14">
      <c r="N299674" s="10"/>
    </row>
    <row r="299675" spans="14:14">
      <c r="N299675" s="10"/>
    </row>
    <row r="299676" spans="14:14">
      <c r="N299676" s="10"/>
    </row>
    <row r="299677" spans="14:14">
      <c r="N299677" s="10"/>
    </row>
    <row r="299678" spans="14:14">
      <c r="N299678" s="10"/>
    </row>
    <row r="299679" spans="14:14">
      <c r="N299679" s="10"/>
    </row>
    <row r="299680" spans="14:14">
      <c r="N299680" s="10"/>
    </row>
    <row r="299681" spans="14:14">
      <c r="N299681" s="10"/>
    </row>
    <row r="299682" spans="14:14">
      <c r="N299682" s="10"/>
    </row>
    <row r="299683" spans="14:14">
      <c r="N299683" s="10"/>
    </row>
    <row r="299684" spans="14:14">
      <c r="N299684" s="10"/>
    </row>
    <row r="299685" spans="14:14">
      <c r="N299685" s="10"/>
    </row>
    <row r="299686" spans="14:14">
      <c r="N299686" s="10"/>
    </row>
    <row r="299687" spans="14:14">
      <c r="N299687" s="10"/>
    </row>
    <row r="299688" spans="14:14">
      <c r="N299688" s="10"/>
    </row>
    <row r="299689" spans="14:14">
      <c r="N299689" s="10"/>
    </row>
    <row r="299690" spans="14:14">
      <c r="N299690" s="10"/>
    </row>
    <row r="299691" spans="14:14">
      <c r="N299691" s="10"/>
    </row>
    <row r="299692" spans="14:14">
      <c r="N299692" s="10"/>
    </row>
    <row r="299693" spans="14:14">
      <c r="N299693" s="10"/>
    </row>
    <row r="299694" spans="14:14">
      <c r="N299694" s="10"/>
    </row>
    <row r="299695" spans="14:14">
      <c r="N299695" s="10"/>
    </row>
    <row r="299696" spans="14:14">
      <c r="N299696" s="10"/>
    </row>
    <row r="299697" spans="14:14">
      <c r="N299697" s="10"/>
    </row>
    <row r="299698" spans="14:14">
      <c r="N299698" s="10"/>
    </row>
    <row r="299699" spans="14:14">
      <c r="N299699" s="10"/>
    </row>
    <row r="299700" spans="14:14">
      <c r="N299700" s="10"/>
    </row>
    <row r="299701" spans="14:14">
      <c r="N299701" s="10"/>
    </row>
    <row r="299702" spans="14:14">
      <c r="N299702" s="10"/>
    </row>
    <row r="299703" spans="14:14">
      <c r="N299703" s="10"/>
    </row>
    <row r="299704" spans="14:14">
      <c r="N299704" s="10"/>
    </row>
    <row r="299705" spans="14:14">
      <c r="N299705" s="10"/>
    </row>
    <row r="299706" spans="14:14">
      <c r="N299706" s="10"/>
    </row>
    <row r="299707" spans="14:14">
      <c r="N299707" s="10"/>
    </row>
    <row r="299708" spans="14:14">
      <c r="N299708" s="10"/>
    </row>
    <row r="299709" spans="14:14">
      <c r="N299709" s="10"/>
    </row>
    <row r="299710" spans="14:14">
      <c r="N299710" s="10"/>
    </row>
    <row r="299711" spans="14:14">
      <c r="N299711" s="10"/>
    </row>
    <row r="299712" spans="14:14">
      <c r="N299712" s="10"/>
    </row>
    <row r="299713" spans="14:14">
      <c r="N299713" s="10"/>
    </row>
    <row r="299714" spans="14:14">
      <c r="N299714" s="10"/>
    </row>
    <row r="299715" spans="14:14">
      <c r="N299715" s="10"/>
    </row>
    <row r="299716" spans="14:14">
      <c r="N299716" s="10"/>
    </row>
    <row r="299717" spans="14:14">
      <c r="N299717" s="10"/>
    </row>
    <row r="299718" spans="14:14">
      <c r="N299718" s="10"/>
    </row>
    <row r="299719" spans="14:14">
      <c r="N299719" s="10"/>
    </row>
    <row r="299720" spans="14:14">
      <c r="N299720" s="10"/>
    </row>
    <row r="299721" spans="14:14">
      <c r="N299721" s="10"/>
    </row>
    <row r="299722" spans="14:14">
      <c r="N299722" s="10"/>
    </row>
    <row r="299723" spans="14:14">
      <c r="N299723" s="10"/>
    </row>
    <row r="299724" spans="14:14">
      <c r="N299724" s="10"/>
    </row>
    <row r="299725" spans="14:14">
      <c r="N299725" s="10"/>
    </row>
    <row r="299726" spans="14:14">
      <c r="N299726" s="10"/>
    </row>
    <row r="299727" spans="14:14">
      <c r="N299727" s="10"/>
    </row>
    <row r="299728" spans="14:14">
      <c r="N299728" s="10"/>
    </row>
    <row r="299729" spans="14:14">
      <c r="N299729" s="10"/>
    </row>
    <row r="299730" spans="14:14">
      <c r="N299730" s="10"/>
    </row>
    <row r="299731" spans="14:14">
      <c r="N299731" s="10"/>
    </row>
    <row r="299732" spans="14:14">
      <c r="N299732" s="10"/>
    </row>
    <row r="299733" spans="14:14">
      <c r="N299733" s="10"/>
    </row>
    <row r="299734" spans="14:14">
      <c r="N299734" s="10"/>
    </row>
    <row r="299735" spans="14:14">
      <c r="N299735" s="10"/>
    </row>
    <row r="299736" spans="14:14">
      <c r="N299736" s="10"/>
    </row>
    <row r="299737" spans="14:14">
      <c r="N299737" s="10"/>
    </row>
    <row r="299738" spans="14:14">
      <c r="N299738" s="10"/>
    </row>
    <row r="299739" spans="14:14">
      <c r="N299739" s="10"/>
    </row>
    <row r="299740" spans="14:14">
      <c r="N299740" s="10"/>
    </row>
    <row r="299741" spans="14:14">
      <c r="N299741" s="10"/>
    </row>
    <row r="299742" spans="14:14">
      <c r="N299742" s="10"/>
    </row>
    <row r="299743" spans="14:14">
      <c r="N299743" s="10"/>
    </row>
    <row r="299744" spans="14:14">
      <c r="N299744" s="10"/>
    </row>
    <row r="299745" spans="14:14">
      <c r="N299745" s="10"/>
    </row>
    <row r="299746" spans="14:14">
      <c r="N299746" s="10"/>
    </row>
    <row r="299747" spans="14:14">
      <c r="N299747" s="10"/>
    </row>
    <row r="299748" spans="14:14">
      <c r="N299748" s="10"/>
    </row>
    <row r="299749" spans="14:14">
      <c r="N299749" s="10"/>
    </row>
    <row r="299750" spans="14:14">
      <c r="N299750" s="10"/>
    </row>
    <row r="299751" spans="14:14">
      <c r="N299751" s="10"/>
    </row>
    <row r="299752" spans="14:14">
      <c r="N299752" s="10"/>
    </row>
    <row r="299753" spans="14:14">
      <c r="N299753" s="10"/>
    </row>
    <row r="299754" spans="14:14">
      <c r="N299754" s="10"/>
    </row>
    <row r="299755" spans="14:14">
      <c r="N299755" s="10"/>
    </row>
    <row r="299756" spans="14:14">
      <c r="N299756" s="10"/>
    </row>
    <row r="299757" spans="14:14">
      <c r="N299757" s="10"/>
    </row>
    <row r="299758" spans="14:14">
      <c r="N299758" s="10"/>
    </row>
    <row r="299759" spans="14:14">
      <c r="N299759" s="10"/>
    </row>
    <row r="299760" spans="14:14">
      <c r="N299760" s="10"/>
    </row>
    <row r="299761" spans="14:14">
      <c r="N299761" s="10"/>
    </row>
    <row r="299762" spans="14:14">
      <c r="N299762" s="10"/>
    </row>
    <row r="299763" spans="14:14">
      <c r="N299763" s="10"/>
    </row>
    <row r="299764" spans="14:14">
      <c r="N299764" s="10"/>
    </row>
    <row r="299765" spans="14:14">
      <c r="N299765" s="10"/>
    </row>
    <row r="299766" spans="14:14">
      <c r="N299766" s="10"/>
    </row>
    <row r="299767" spans="14:14">
      <c r="N299767" s="10"/>
    </row>
    <row r="299768" spans="14:14">
      <c r="N299768" s="10"/>
    </row>
    <row r="299769" spans="14:14">
      <c r="N299769" s="10"/>
    </row>
    <row r="299770" spans="14:14">
      <c r="N299770" s="10"/>
    </row>
    <row r="299771" spans="14:14">
      <c r="N299771" s="10"/>
    </row>
    <row r="299772" spans="14:14">
      <c r="N299772" s="10"/>
    </row>
    <row r="299773" spans="14:14">
      <c r="N299773" s="10"/>
    </row>
    <row r="299774" spans="14:14">
      <c r="N299774" s="10"/>
    </row>
    <row r="299775" spans="14:14">
      <c r="N299775" s="10"/>
    </row>
    <row r="299776" spans="14:14">
      <c r="N299776" s="10"/>
    </row>
    <row r="299777" spans="14:14">
      <c r="N299777" s="10"/>
    </row>
    <row r="299778" spans="14:14">
      <c r="N299778" s="10"/>
    </row>
    <row r="299779" spans="14:14">
      <c r="N299779" s="10"/>
    </row>
    <row r="299780" spans="14:14">
      <c r="N299780" s="10"/>
    </row>
    <row r="299781" spans="14:14">
      <c r="N299781" s="10"/>
    </row>
    <row r="299782" spans="14:14">
      <c r="N299782" s="10"/>
    </row>
    <row r="299783" spans="14:14">
      <c r="N299783" s="10"/>
    </row>
    <row r="299784" spans="14:14">
      <c r="N299784" s="10"/>
    </row>
    <row r="299785" spans="14:14">
      <c r="N299785" s="10"/>
    </row>
    <row r="299786" spans="14:14">
      <c r="N299786" s="10"/>
    </row>
    <row r="299787" spans="14:14">
      <c r="N299787" s="10"/>
    </row>
    <row r="299788" spans="14:14">
      <c r="N299788" s="10"/>
    </row>
    <row r="299789" spans="14:14">
      <c r="N299789" s="10"/>
    </row>
    <row r="299790" spans="14:14">
      <c r="N299790" s="10"/>
    </row>
    <row r="299791" spans="14:14">
      <c r="N299791" s="10"/>
    </row>
    <row r="299792" spans="14:14">
      <c r="N299792" s="10"/>
    </row>
    <row r="299793" spans="14:14">
      <c r="N299793" s="10"/>
    </row>
    <row r="299794" spans="14:14">
      <c r="N299794" s="10"/>
    </row>
    <row r="299795" spans="14:14">
      <c r="N299795" s="10"/>
    </row>
    <row r="299796" spans="14:14">
      <c r="N299796" s="10"/>
    </row>
    <row r="299797" spans="14:14">
      <c r="N299797" s="10"/>
    </row>
    <row r="299798" spans="14:14">
      <c r="N299798" s="10"/>
    </row>
    <row r="299799" spans="14:14">
      <c r="N299799" s="10"/>
    </row>
    <row r="299800" spans="14:14">
      <c r="N299800" s="10"/>
    </row>
    <row r="299801" spans="14:14">
      <c r="N299801" s="10"/>
    </row>
    <row r="299802" spans="14:14">
      <c r="N299802" s="10"/>
    </row>
    <row r="299803" spans="14:14">
      <c r="N299803" s="10"/>
    </row>
    <row r="299804" spans="14:14">
      <c r="N299804" s="10"/>
    </row>
    <row r="299805" spans="14:14">
      <c r="N299805" s="10"/>
    </row>
    <row r="299806" spans="14:14">
      <c r="N299806" s="10"/>
    </row>
    <row r="299807" spans="14:14">
      <c r="N299807" s="10"/>
    </row>
    <row r="299808" spans="14:14">
      <c r="N299808" s="10"/>
    </row>
    <row r="299809" spans="14:14">
      <c r="N299809" s="10"/>
    </row>
    <row r="299810" spans="14:14">
      <c r="N299810" s="10"/>
    </row>
    <row r="299811" spans="14:14">
      <c r="N299811" s="10"/>
    </row>
    <row r="299812" spans="14:14">
      <c r="N299812" s="10"/>
    </row>
    <row r="299813" spans="14:14">
      <c r="N299813" s="10"/>
    </row>
    <row r="299814" spans="14:14">
      <c r="N299814" s="10"/>
    </row>
    <row r="299815" spans="14:14">
      <c r="N299815" s="10"/>
    </row>
    <row r="299816" spans="14:14">
      <c r="N299816" s="10"/>
    </row>
    <row r="299817" spans="14:14">
      <c r="N299817" s="10"/>
    </row>
    <row r="299818" spans="14:14">
      <c r="N299818" s="10"/>
    </row>
    <row r="299819" spans="14:14">
      <c r="N299819" s="10"/>
    </row>
    <row r="299820" spans="14:14">
      <c r="N299820" s="10"/>
    </row>
    <row r="299821" spans="14:14">
      <c r="N299821" s="10"/>
    </row>
    <row r="299822" spans="14:14">
      <c r="N299822" s="10"/>
    </row>
    <row r="299823" spans="14:14">
      <c r="N299823" s="10"/>
    </row>
    <row r="299824" spans="14:14">
      <c r="N299824" s="10"/>
    </row>
    <row r="299825" spans="14:14">
      <c r="N299825" s="10"/>
    </row>
    <row r="299826" spans="14:14">
      <c r="N299826" s="10"/>
    </row>
    <row r="299827" spans="14:14">
      <c r="N299827" s="10"/>
    </row>
    <row r="299828" spans="14:14">
      <c r="N299828" s="10"/>
    </row>
    <row r="299829" spans="14:14">
      <c r="N299829" s="10"/>
    </row>
    <row r="299830" spans="14:14">
      <c r="N299830" s="10"/>
    </row>
    <row r="299831" spans="14:14">
      <c r="N299831" s="10"/>
    </row>
    <row r="299832" spans="14:14">
      <c r="N299832" s="10"/>
    </row>
    <row r="299833" spans="14:14">
      <c r="N299833" s="10"/>
    </row>
    <row r="299834" spans="14:14">
      <c r="N299834" s="10"/>
    </row>
    <row r="299835" spans="14:14">
      <c r="N299835" s="10"/>
    </row>
    <row r="299836" spans="14:14">
      <c r="N299836" s="10"/>
    </row>
    <row r="299837" spans="14:14">
      <c r="N299837" s="10"/>
    </row>
    <row r="299838" spans="14:14">
      <c r="N299838" s="10"/>
    </row>
    <row r="299839" spans="14:14">
      <c r="N299839" s="10"/>
    </row>
    <row r="299840" spans="14:14">
      <c r="N299840" s="10"/>
    </row>
    <row r="299841" spans="14:14">
      <c r="N299841" s="10"/>
    </row>
    <row r="299842" spans="14:14">
      <c r="N299842" s="10"/>
    </row>
    <row r="299843" spans="14:14">
      <c r="N299843" s="10"/>
    </row>
    <row r="299844" spans="14:14">
      <c r="N299844" s="10"/>
    </row>
    <row r="299845" spans="14:14">
      <c r="N299845" s="10"/>
    </row>
    <row r="299846" spans="14:14">
      <c r="N299846" s="10"/>
    </row>
    <row r="299847" spans="14:14">
      <c r="N299847" s="10"/>
    </row>
    <row r="299848" spans="14:14">
      <c r="N299848" s="10"/>
    </row>
    <row r="299849" spans="14:14">
      <c r="N299849" s="10"/>
    </row>
    <row r="299850" spans="14:14">
      <c r="N299850" s="10"/>
    </row>
    <row r="299851" spans="14:14">
      <c r="N299851" s="10"/>
    </row>
    <row r="299852" spans="14:14">
      <c r="N299852" s="10"/>
    </row>
    <row r="299853" spans="14:14">
      <c r="N299853" s="10"/>
    </row>
    <row r="299854" spans="14:14">
      <c r="N299854" s="10"/>
    </row>
    <row r="299855" spans="14:14">
      <c r="N299855" s="10"/>
    </row>
    <row r="299856" spans="14:14">
      <c r="N299856" s="10"/>
    </row>
    <row r="299857" spans="14:14">
      <c r="N299857" s="10"/>
    </row>
    <row r="299858" spans="14:14">
      <c r="N299858" s="10"/>
    </row>
    <row r="299859" spans="14:14">
      <c r="N299859" s="10"/>
    </row>
    <row r="299860" spans="14:14">
      <c r="N299860" s="10"/>
    </row>
    <row r="299861" spans="14:14">
      <c r="N299861" s="10"/>
    </row>
    <row r="299862" spans="14:14">
      <c r="N299862" s="10"/>
    </row>
    <row r="299863" spans="14:14">
      <c r="N299863" s="10"/>
    </row>
    <row r="299864" spans="14:14">
      <c r="N299864" s="10"/>
    </row>
    <row r="299865" spans="14:14">
      <c r="N299865" s="10"/>
    </row>
    <row r="299866" spans="14:14">
      <c r="N299866" s="10"/>
    </row>
    <row r="299867" spans="14:14">
      <c r="N299867" s="10"/>
    </row>
    <row r="299868" spans="14:14">
      <c r="N299868" s="10"/>
    </row>
    <row r="299869" spans="14:14">
      <c r="N299869" s="10"/>
    </row>
    <row r="299870" spans="14:14">
      <c r="N299870" s="10"/>
    </row>
    <row r="299871" spans="14:14">
      <c r="N299871" s="10"/>
    </row>
    <row r="299872" spans="14:14">
      <c r="N299872" s="10"/>
    </row>
    <row r="299873" spans="14:14">
      <c r="N299873" s="10"/>
    </row>
    <row r="299874" spans="14:14">
      <c r="N299874" s="10"/>
    </row>
    <row r="299875" spans="14:14">
      <c r="N299875" s="10"/>
    </row>
    <row r="299876" spans="14:14">
      <c r="N299876" s="10"/>
    </row>
    <row r="299877" spans="14:14">
      <c r="N299877" s="10"/>
    </row>
    <row r="299878" spans="14:14">
      <c r="N299878" s="10"/>
    </row>
    <row r="299879" spans="14:14">
      <c r="N299879" s="10"/>
    </row>
    <row r="299880" spans="14:14">
      <c r="N299880" s="10"/>
    </row>
    <row r="299881" spans="14:14">
      <c r="N299881" s="10"/>
    </row>
    <row r="299882" spans="14:14">
      <c r="N299882" s="10"/>
    </row>
    <row r="299883" spans="14:14">
      <c r="N299883" s="10"/>
    </row>
    <row r="299884" spans="14:14">
      <c r="N299884" s="10"/>
    </row>
    <row r="299885" spans="14:14">
      <c r="N299885" s="10"/>
    </row>
    <row r="299886" spans="14:14">
      <c r="N299886" s="10"/>
    </row>
    <row r="299887" spans="14:14">
      <c r="N299887" s="10"/>
    </row>
    <row r="299888" spans="14:14">
      <c r="N299888" s="10"/>
    </row>
    <row r="299889" spans="14:14">
      <c r="N299889" s="10"/>
    </row>
    <row r="299890" spans="14:14">
      <c r="N299890" s="10"/>
    </row>
    <row r="299891" spans="14:14">
      <c r="N299891" s="10"/>
    </row>
    <row r="299892" spans="14:14">
      <c r="N299892" s="10"/>
    </row>
    <row r="299893" spans="14:14">
      <c r="N299893" s="10"/>
    </row>
    <row r="299894" spans="14:14">
      <c r="N299894" s="10"/>
    </row>
    <row r="299895" spans="14:14">
      <c r="N299895" s="10"/>
    </row>
    <row r="299896" spans="14:14">
      <c r="N299896" s="10"/>
    </row>
    <row r="299897" spans="14:14">
      <c r="N299897" s="10"/>
    </row>
    <row r="299898" spans="14:14">
      <c r="N299898" s="10"/>
    </row>
    <row r="299899" spans="14:14">
      <c r="N299899" s="10"/>
    </row>
    <row r="299900" spans="14:14">
      <c r="N299900" s="10"/>
    </row>
    <row r="299901" spans="14:14">
      <c r="N299901" s="10"/>
    </row>
    <row r="299902" spans="14:14">
      <c r="N299902" s="10"/>
    </row>
    <row r="299903" spans="14:14">
      <c r="N299903" s="10"/>
    </row>
    <row r="299904" spans="14:14">
      <c r="N299904" s="10"/>
    </row>
    <row r="299905" spans="14:14">
      <c r="N299905" s="10"/>
    </row>
    <row r="299906" spans="14:14">
      <c r="N299906" s="10"/>
    </row>
    <row r="299907" spans="14:14">
      <c r="N299907" s="10"/>
    </row>
    <row r="299908" spans="14:14">
      <c r="N299908" s="10"/>
    </row>
    <row r="299909" spans="14:14">
      <c r="N299909" s="10"/>
    </row>
    <row r="299910" spans="14:14">
      <c r="N299910" s="10"/>
    </row>
    <row r="299911" spans="14:14">
      <c r="N299911" s="10"/>
    </row>
    <row r="299912" spans="14:14">
      <c r="N299912" s="10"/>
    </row>
    <row r="299913" spans="14:14">
      <c r="N299913" s="10"/>
    </row>
    <row r="299914" spans="14:14">
      <c r="N299914" s="10"/>
    </row>
    <row r="299915" spans="14:14">
      <c r="N299915" s="10"/>
    </row>
    <row r="299916" spans="14:14">
      <c r="N299916" s="10"/>
    </row>
    <row r="299917" spans="14:14">
      <c r="N299917" s="10"/>
    </row>
    <row r="299918" spans="14:14">
      <c r="N299918" s="10"/>
    </row>
    <row r="299919" spans="14:14">
      <c r="N299919" s="10"/>
    </row>
    <row r="299920" spans="14:14">
      <c r="N299920" s="10"/>
    </row>
    <row r="299921" spans="14:14">
      <c r="N299921" s="10"/>
    </row>
    <row r="299922" spans="14:14">
      <c r="N299922" s="10"/>
    </row>
    <row r="299923" spans="14:14">
      <c r="N299923" s="10"/>
    </row>
    <row r="299924" spans="14:14">
      <c r="N299924" s="10"/>
    </row>
    <row r="299925" spans="14:14">
      <c r="N299925" s="10"/>
    </row>
    <row r="299926" spans="14:14">
      <c r="N299926" s="10"/>
    </row>
    <row r="299927" spans="14:14">
      <c r="N299927" s="10"/>
    </row>
    <row r="299928" spans="14:14">
      <c r="N299928" s="10"/>
    </row>
    <row r="299929" spans="14:14">
      <c r="N299929" s="10"/>
    </row>
    <row r="299930" spans="14:14">
      <c r="N299930" s="10"/>
    </row>
    <row r="299931" spans="14:14">
      <c r="N299931" s="10"/>
    </row>
    <row r="299932" spans="14:14">
      <c r="N299932" s="10"/>
    </row>
    <row r="299933" spans="14:14">
      <c r="N299933" s="10"/>
    </row>
    <row r="299934" spans="14:14">
      <c r="N299934" s="10"/>
    </row>
    <row r="299935" spans="14:14">
      <c r="N299935" s="10"/>
    </row>
    <row r="299936" spans="14:14">
      <c r="N299936" s="10"/>
    </row>
    <row r="299937" spans="14:14">
      <c r="N299937" s="10"/>
    </row>
    <row r="299938" spans="14:14">
      <c r="N299938" s="10"/>
    </row>
    <row r="299939" spans="14:14">
      <c r="N299939" s="10"/>
    </row>
    <row r="299940" spans="14:14">
      <c r="N299940" s="10"/>
    </row>
    <row r="299941" spans="14:14">
      <c r="N299941" s="10"/>
    </row>
    <row r="299942" spans="14:14">
      <c r="N299942" s="10"/>
    </row>
    <row r="299943" spans="14:14">
      <c r="N299943" s="10"/>
    </row>
    <row r="299944" spans="14:14">
      <c r="N299944" s="10"/>
    </row>
    <row r="299945" spans="14:14">
      <c r="N299945" s="10"/>
    </row>
    <row r="299946" spans="14:14">
      <c r="N299946" s="10"/>
    </row>
    <row r="299947" spans="14:14">
      <c r="N299947" s="10"/>
    </row>
    <row r="299948" spans="14:14">
      <c r="N299948" s="10"/>
    </row>
    <row r="299949" spans="14:14">
      <c r="N299949" s="10"/>
    </row>
    <row r="299950" spans="14:14">
      <c r="N299950" s="10"/>
    </row>
    <row r="299951" spans="14:14">
      <c r="N299951" s="10"/>
    </row>
    <row r="299952" spans="14:14">
      <c r="N299952" s="10"/>
    </row>
    <row r="299953" spans="14:14">
      <c r="N299953" s="10"/>
    </row>
    <row r="299954" spans="14:14">
      <c r="N299954" s="10"/>
    </row>
    <row r="299955" spans="14:14">
      <c r="N299955" s="10"/>
    </row>
    <row r="299956" spans="14:14">
      <c r="N299956" s="10"/>
    </row>
    <row r="299957" spans="14:14">
      <c r="N299957" s="10"/>
    </row>
    <row r="299958" spans="14:14">
      <c r="N299958" s="10"/>
    </row>
    <row r="299959" spans="14:14">
      <c r="N299959" s="10"/>
    </row>
    <row r="299960" spans="14:14">
      <c r="N299960" s="10"/>
    </row>
    <row r="299961" spans="14:14">
      <c r="N299961" s="10"/>
    </row>
    <row r="299962" spans="14:14">
      <c r="N299962" s="10"/>
    </row>
    <row r="299963" spans="14:14">
      <c r="N299963" s="10"/>
    </row>
    <row r="299964" spans="14:14">
      <c r="N299964" s="10"/>
    </row>
    <row r="299965" spans="14:14">
      <c r="N299965" s="10"/>
    </row>
    <row r="299966" spans="14:14">
      <c r="N299966" s="10"/>
    </row>
    <row r="299967" spans="14:14">
      <c r="N299967" s="10"/>
    </row>
    <row r="299968" spans="14:14">
      <c r="N299968" s="10"/>
    </row>
    <row r="299969" spans="14:14">
      <c r="N299969" s="10"/>
    </row>
    <row r="299970" spans="14:14">
      <c r="N299970" s="10"/>
    </row>
    <row r="299971" spans="14:14">
      <c r="N299971" s="10"/>
    </row>
    <row r="299972" spans="14:14">
      <c r="N299972" s="10"/>
    </row>
    <row r="299973" spans="14:14">
      <c r="N299973" s="10"/>
    </row>
    <row r="299974" spans="14:14">
      <c r="N299974" s="10"/>
    </row>
    <row r="299975" spans="14:14">
      <c r="N299975" s="10"/>
    </row>
    <row r="299976" spans="14:14">
      <c r="N299976" s="10"/>
    </row>
    <row r="299977" spans="14:14">
      <c r="N299977" s="10"/>
    </row>
    <row r="299978" spans="14:14">
      <c r="N299978" s="10"/>
    </row>
    <row r="299979" spans="14:14">
      <c r="N299979" s="10"/>
    </row>
    <row r="299980" spans="14:14">
      <c r="N299980" s="10"/>
    </row>
    <row r="299981" spans="14:14">
      <c r="N299981" s="10"/>
    </row>
    <row r="299982" spans="14:14">
      <c r="N299982" s="10"/>
    </row>
    <row r="299983" spans="14:14">
      <c r="N299983" s="10"/>
    </row>
    <row r="299984" spans="14:14">
      <c r="N299984" s="10"/>
    </row>
    <row r="299985" spans="14:14">
      <c r="N299985" s="10"/>
    </row>
    <row r="299986" spans="14:14">
      <c r="N299986" s="10"/>
    </row>
    <row r="299987" spans="14:14">
      <c r="N299987" s="10"/>
    </row>
    <row r="299988" spans="14:14">
      <c r="N299988" s="10"/>
    </row>
    <row r="299989" spans="14:14">
      <c r="N299989" s="10"/>
    </row>
    <row r="299990" spans="14:14">
      <c r="N299990" s="10"/>
    </row>
    <row r="299991" spans="14:14">
      <c r="N299991" s="10"/>
    </row>
    <row r="299992" spans="14:14">
      <c r="N299992" s="10"/>
    </row>
    <row r="299993" spans="14:14">
      <c r="N299993" s="10"/>
    </row>
    <row r="299994" spans="14:14">
      <c r="N299994" s="10"/>
    </row>
    <row r="299995" spans="14:14">
      <c r="N299995" s="10"/>
    </row>
    <row r="299996" spans="14:14">
      <c r="N299996" s="10"/>
    </row>
    <row r="299997" spans="14:14">
      <c r="N299997" s="10"/>
    </row>
    <row r="299998" spans="14:14">
      <c r="N299998" s="10"/>
    </row>
    <row r="299999" spans="14:14">
      <c r="N299999" s="10"/>
    </row>
    <row r="300000" spans="14:14">
      <c r="N300000" s="10"/>
    </row>
    <row r="300001" spans="14:14">
      <c r="N300001" s="10"/>
    </row>
    <row r="300002" spans="14:14">
      <c r="N300002" s="10"/>
    </row>
    <row r="300003" spans="14:14">
      <c r="N300003" s="10"/>
    </row>
    <row r="300004" spans="14:14">
      <c r="N300004" s="10"/>
    </row>
    <row r="300005" spans="14:14">
      <c r="N300005" s="10"/>
    </row>
    <row r="300006" spans="14:14">
      <c r="N300006" s="10"/>
    </row>
    <row r="300007" spans="14:14">
      <c r="N300007" s="10"/>
    </row>
    <row r="300008" spans="14:14">
      <c r="N300008" s="10"/>
    </row>
    <row r="300009" spans="14:14">
      <c r="N300009" s="10"/>
    </row>
    <row r="300010" spans="14:14">
      <c r="N300010" s="10"/>
    </row>
    <row r="300011" spans="14:14">
      <c r="N300011" s="10"/>
    </row>
    <row r="300012" spans="14:14">
      <c r="N300012" s="10"/>
    </row>
    <row r="300013" spans="14:14">
      <c r="N300013" s="10"/>
    </row>
    <row r="300014" spans="14:14">
      <c r="N300014" s="10"/>
    </row>
    <row r="300015" spans="14:14">
      <c r="N300015" s="10"/>
    </row>
    <row r="300016" spans="14:14">
      <c r="N300016" s="10"/>
    </row>
    <row r="300017" spans="14:14">
      <c r="N300017" s="10"/>
    </row>
    <row r="300018" spans="14:14">
      <c r="N300018" s="10"/>
    </row>
    <row r="300019" spans="14:14">
      <c r="N300019" s="10"/>
    </row>
    <row r="300020" spans="14:14">
      <c r="N300020" s="10"/>
    </row>
    <row r="300021" spans="14:14">
      <c r="N300021" s="10"/>
    </row>
    <row r="300022" spans="14:14">
      <c r="N300022" s="10"/>
    </row>
    <row r="300023" spans="14:14">
      <c r="N300023" s="10"/>
    </row>
    <row r="300024" spans="14:14">
      <c r="N300024" s="10"/>
    </row>
    <row r="300025" spans="14:14">
      <c r="N300025" s="10"/>
    </row>
    <row r="300026" spans="14:14">
      <c r="N300026" s="10"/>
    </row>
    <row r="300027" spans="14:14">
      <c r="N300027" s="10"/>
    </row>
    <row r="300028" spans="14:14">
      <c r="N300028" s="10"/>
    </row>
    <row r="300029" spans="14:14">
      <c r="N300029" s="10"/>
    </row>
    <row r="300030" spans="14:14">
      <c r="N300030" s="10"/>
    </row>
    <row r="300031" spans="14:14">
      <c r="N300031" s="10"/>
    </row>
    <row r="300032" spans="14:14">
      <c r="N300032" s="10"/>
    </row>
    <row r="300033" spans="14:14">
      <c r="N300033" s="10"/>
    </row>
    <row r="300034" spans="14:14">
      <c r="N300034" s="10"/>
    </row>
    <row r="300035" spans="14:14">
      <c r="N300035" s="10"/>
    </row>
    <row r="300036" spans="14:14">
      <c r="N300036" s="10"/>
    </row>
    <row r="300037" spans="14:14">
      <c r="N300037" s="10"/>
    </row>
    <row r="300038" spans="14:14">
      <c r="N300038" s="10"/>
    </row>
    <row r="300039" spans="14:14">
      <c r="N300039" s="10"/>
    </row>
    <row r="300040" spans="14:14">
      <c r="N300040" s="10"/>
    </row>
    <row r="300041" spans="14:14">
      <c r="N300041" s="10"/>
    </row>
    <row r="300042" spans="14:14">
      <c r="N300042" s="10"/>
    </row>
    <row r="300043" spans="14:14">
      <c r="N300043" s="10"/>
    </row>
    <row r="300044" spans="14:14">
      <c r="N300044" s="10"/>
    </row>
    <row r="300045" spans="14:14">
      <c r="N300045" s="10"/>
    </row>
    <row r="300046" spans="14:14">
      <c r="N300046" s="10"/>
    </row>
    <row r="300047" spans="14:14">
      <c r="N300047" s="10"/>
    </row>
    <row r="300048" spans="14:14">
      <c r="N300048" s="10"/>
    </row>
    <row r="300049" spans="14:14">
      <c r="N300049" s="10"/>
    </row>
    <row r="300050" spans="14:14">
      <c r="N300050" s="10"/>
    </row>
    <row r="300051" spans="14:14">
      <c r="N300051" s="10"/>
    </row>
    <row r="300052" spans="14:14">
      <c r="N300052" s="10"/>
    </row>
    <row r="300053" spans="14:14">
      <c r="N300053" s="10"/>
    </row>
    <row r="300054" spans="14:14">
      <c r="N300054" s="10"/>
    </row>
    <row r="300055" spans="14:14">
      <c r="N300055" s="10"/>
    </row>
    <row r="300056" spans="14:14">
      <c r="N300056" s="10"/>
    </row>
    <row r="300057" spans="14:14">
      <c r="N300057" s="10"/>
    </row>
    <row r="300058" spans="14:14">
      <c r="N300058" s="10"/>
    </row>
    <row r="300059" spans="14:14">
      <c r="N300059" s="10"/>
    </row>
    <row r="300060" spans="14:14">
      <c r="N300060" s="10"/>
    </row>
    <row r="300061" spans="14:14">
      <c r="N300061" s="10"/>
    </row>
    <row r="300062" spans="14:14">
      <c r="N300062" s="10"/>
    </row>
    <row r="300063" spans="14:14">
      <c r="N300063" s="10"/>
    </row>
    <row r="300064" spans="14:14">
      <c r="N300064" s="10"/>
    </row>
    <row r="300065" spans="14:14">
      <c r="N300065" s="10"/>
    </row>
    <row r="300066" spans="14:14">
      <c r="N300066" s="10"/>
    </row>
    <row r="300067" spans="14:14">
      <c r="N300067" s="10"/>
    </row>
    <row r="300068" spans="14:14">
      <c r="N300068" s="10"/>
    </row>
    <row r="300069" spans="14:14">
      <c r="N300069" s="10"/>
    </row>
    <row r="300070" spans="14:14">
      <c r="N300070" s="10"/>
    </row>
    <row r="300071" spans="14:14">
      <c r="N300071" s="10"/>
    </row>
    <row r="300072" spans="14:14">
      <c r="N300072" s="10"/>
    </row>
    <row r="300073" spans="14:14">
      <c r="N300073" s="10"/>
    </row>
    <row r="300074" spans="14:14">
      <c r="N300074" s="10"/>
    </row>
    <row r="300075" spans="14:14">
      <c r="N300075" s="10"/>
    </row>
    <row r="300076" spans="14:14">
      <c r="N300076" s="10"/>
    </row>
    <row r="300077" spans="14:14">
      <c r="N300077" s="10"/>
    </row>
    <row r="300078" spans="14:14">
      <c r="N300078" s="10"/>
    </row>
    <row r="300079" spans="14:14">
      <c r="N300079" s="10"/>
    </row>
    <row r="300080" spans="14:14">
      <c r="N300080" s="10"/>
    </row>
    <row r="300081" spans="14:14">
      <c r="N300081" s="10"/>
    </row>
    <row r="300082" spans="14:14">
      <c r="N300082" s="10"/>
    </row>
    <row r="300083" spans="14:14">
      <c r="N300083" s="10"/>
    </row>
    <row r="300084" spans="14:14">
      <c r="N300084" s="10"/>
    </row>
    <row r="300085" spans="14:14">
      <c r="N300085" s="10"/>
    </row>
    <row r="300086" spans="14:14">
      <c r="N300086" s="10"/>
    </row>
    <row r="300087" spans="14:14">
      <c r="N300087" s="10"/>
    </row>
    <row r="300088" spans="14:14">
      <c r="N300088" s="10"/>
    </row>
    <row r="300089" spans="14:14">
      <c r="N300089" s="10"/>
    </row>
    <row r="300090" spans="14:14">
      <c r="N300090" s="10"/>
    </row>
    <row r="300091" spans="14:14">
      <c r="N300091" s="10"/>
    </row>
    <row r="300092" spans="14:14">
      <c r="N300092" s="10"/>
    </row>
    <row r="300093" spans="14:14">
      <c r="N300093" s="10"/>
    </row>
    <row r="300094" spans="14:14">
      <c r="N300094" s="10"/>
    </row>
    <row r="300095" spans="14:14">
      <c r="N300095" s="10"/>
    </row>
    <row r="300096" spans="14:14">
      <c r="N300096" s="10"/>
    </row>
    <row r="300097" spans="14:14">
      <c r="N300097" s="10"/>
    </row>
    <row r="300098" spans="14:14">
      <c r="N300098" s="10"/>
    </row>
    <row r="300099" spans="14:14">
      <c r="N300099" s="10"/>
    </row>
    <row r="300100" spans="14:14">
      <c r="N300100" s="10"/>
    </row>
    <row r="300101" spans="14:14">
      <c r="N300101" s="10"/>
    </row>
    <row r="300102" spans="14:14">
      <c r="N300102" s="10"/>
    </row>
    <row r="300103" spans="14:14">
      <c r="N300103" s="10"/>
    </row>
    <row r="300104" spans="14:14">
      <c r="N300104" s="10"/>
    </row>
    <row r="300105" spans="14:14">
      <c r="N300105" s="10"/>
    </row>
    <row r="300106" spans="14:14">
      <c r="N300106" s="10"/>
    </row>
    <row r="300107" spans="14:14">
      <c r="N300107" s="10"/>
    </row>
    <row r="300108" spans="14:14">
      <c r="N300108" s="10"/>
    </row>
    <row r="300109" spans="14:14">
      <c r="N300109" s="10"/>
    </row>
    <row r="300110" spans="14:14">
      <c r="N300110" s="10"/>
    </row>
    <row r="300111" spans="14:14">
      <c r="N300111" s="10"/>
    </row>
    <row r="300112" spans="14:14">
      <c r="N300112" s="10"/>
    </row>
    <row r="300113" spans="14:14">
      <c r="N300113" s="10"/>
    </row>
    <row r="300114" spans="14:14">
      <c r="N300114" s="10"/>
    </row>
    <row r="300115" spans="14:14">
      <c r="N300115" s="10"/>
    </row>
    <row r="300116" spans="14:14">
      <c r="N300116" s="10"/>
    </row>
    <row r="300117" spans="14:14">
      <c r="N300117" s="10"/>
    </row>
    <row r="300118" spans="14:14">
      <c r="N300118" s="10"/>
    </row>
    <row r="300119" spans="14:14">
      <c r="N300119" s="10"/>
    </row>
    <row r="300120" spans="14:14">
      <c r="N300120" s="10"/>
    </row>
    <row r="300121" spans="14:14">
      <c r="N300121" s="10"/>
    </row>
    <row r="300122" spans="14:14">
      <c r="N300122" s="10"/>
    </row>
    <row r="300123" spans="14:14">
      <c r="N300123" s="10"/>
    </row>
    <row r="300124" spans="14:14">
      <c r="N300124" s="10"/>
    </row>
    <row r="300125" spans="14:14">
      <c r="N300125" s="10"/>
    </row>
    <row r="300126" spans="14:14">
      <c r="N300126" s="10"/>
    </row>
    <row r="300127" spans="14:14">
      <c r="N300127" s="10"/>
    </row>
    <row r="300128" spans="14:14">
      <c r="N300128" s="10"/>
    </row>
    <row r="300129" spans="14:14">
      <c r="N300129" s="10"/>
    </row>
    <row r="300130" spans="14:14">
      <c r="N300130" s="10"/>
    </row>
    <row r="300131" spans="14:14">
      <c r="N300131" s="10"/>
    </row>
    <row r="300132" spans="14:14">
      <c r="N300132" s="10"/>
    </row>
    <row r="300133" spans="14:14">
      <c r="N300133" s="10"/>
    </row>
    <row r="300134" spans="14:14">
      <c r="N300134" s="10"/>
    </row>
    <row r="300135" spans="14:14">
      <c r="N300135" s="10"/>
    </row>
    <row r="300136" spans="14:14">
      <c r="N300136" s="10"/>
    </row>
    <row r="300137" spans="14:14">
      <c r="N300137" s="10"/>
    </row>
    <row r="300138" spans="14:14">
      <c r="N300138" s="10"/>
    </row>
    <row r="300139" spans="14:14">
      <c r="N300139" s="10"/>
    </row>
    <row r="300140" spans="14:14">
      <c r="N300140" s="10"/>
    </row>
    <row r="300141" spans="14:14">
      <c r="N300141" s="10"/>
    </row>
    <row r="300142" spans="14:14">
      <c r="N300142" s="10"/>
    </row>
    <row r="300143" spans="14:14">
      <c r="N300143" s="10"/>
    </row>
    <row r="300144" spans="14:14">
      <c r="N300144" s="10"/>
    </row>
    <row r="300145" spans="14:14">
      <c r="N300145" s="10"/>
    </row>
    <row r="300146" spans="14:14">
      <c r="N300146" s="10"/>
    </row>
    <row r="300147" spans="14:14">
      <c r="N300147" s="10"/>
    </row>
    <row r="300148" spans="14:14">
      <c r="N300148" s="10"/>
    </row>
    <row r="300149" spans="14:14">
      <c r="N300149" s="10"/>
    </row>
    <row r="300150" spans="14:14">
      <c r="N300150" s="10"/>
    </row>
    <row r="300151" spans="14:14">
      <c r="N300151" s="10"/>
    </row>
    <row r="300152" spans="14:14">
      <c r="N300152" s="10"/>
    </row>
    <row r="300153" spans="14:14">
      <c r="N300153" s="10"/>
    </row>
    <row r="300154" spans="14:14">
      <c r="N300154" s="10"/>
    </row>
    <row r="300155" spans="14:14">
      <c r="N300155" s="10"/>
    </row>
    <row r="300156" spans="14:14">
      <c r="N300156" s="10"/>
    </row>
    <row r="300157" spans="14:14">
      <c r="N300157" s="10"/>
    </row>
    <row r="300158" spans="14:14">
      <c r="N300158" s="10"/>
    </row>
    <row r="300159" spans="14:14">
      <c r="N300159" s="10"/>
    </row>
    <row r="300160" spans="14:14">
      <c r="N300160" s="10"/>
    </row>
    <row r="300161" spans="14:14">
      <c r="N300161" s="10"/>
    </row>
    <row r="300162" spans="14:14">
      <c r="N300162" s="10"/>
    </row>
    <row r="300163" spans="14:14">
      <c r="N300163" s="10"/>
    </row>
    <row r="300164" spans="14:14">
      <c r="N300164" s="10"/>
    </row>
    <row r="300165" spans="14:14">
      <c r="N300165" s="10"/>
    </row>
    <row r="300166" spans="14:14">
      <c r="N300166" s="10"/>
    </row>
    <row r="300167" spans="14:14">
      <c r="N300167" s="10"/>
    </row>
    <row r="300168" spans="14:14">
      <c r="N300168" s="10"/>
    </row>
    <row r="300169" spans="14:14">
      <c r="N300169" s="10"/>
    </row>
    <row r="300170" spans="14:14">
      <c r="N300170" s="10"/>
    </row>
    <row r="300171" spans="14:14">
      <c r="N300171" s="10"/>
    </row>
    <row r="300172" spans="14:14">
      <c r="N300172" s="10"/>
    </row>
    <row r="300173" spans="14:14">
      <c r="N300173" s="10"/>
    </row>
    <row r="300174" spans="14:14">
      <c r="N300174" s="10"/>
    </row>
    <row r="300175" spans="14:14">
      <c r="N300175" s="10"/>
    </row>
    <row r="300176" spans="14:14">
      <c r="N300176" s="10"/>
    </row>
    <row r="300177" spans="14:14">
      <c r="N300177" s="10"/>
    </row>
    <row r="300178" spans="14:14">
      <c r="N300178" s="10"/>
    </row>
    <row r="300179" spans="14:14">
      <c r="N300179" s="10"/>
    </row>
    <row r="300180" spans="14:14">
      <c r="N300180" s="10"/>
    </row>
    <row r="300181" spans="14:14">
      <c r="N300181" s="10"/>
    </row>
    <row r="300182" spans="14:14">
      <c r="N300182" s="10"/>
    </row>
    <row r="300183" spans="14:14">
      <c r="N300183" s="10"/>
    </row>
    <row r="300184" spans="14:14">
      <c r="N300184" s="10"/>
    </row>
    <row r="300185" spans="14:14">
      <c r="N300185" s="10"/>
    </row>
    <row r="300186" spans="14:14">
      <c r="N300186" s="10"/>
    </row>
    <row r="300187" spans="14:14">
      <c r="N300187" s="10"/>
    </row>
    <row r="300188" spans="14:14">
      <c r="N300188" s="10"/>
    </row>
    <row r="300189" spans="14:14">
      <c r="N300189" s="10"/>
    </row>
    <row r="300190" spans="14:14">
      <c r="N300190" s="10"/>
    </row>
    <row r="300191" spans="14:14">
      <c r="N300191" s="10"/>
    </row>
    <row r="300192" spans="14:14">
      <c r="N300192" s="10"/>
    </row>
    <row r="300193" spans="14:14">
      <c r="N300193" s="10"/>
    </row>
    <row r="300194" spans="14:14">
      <c r="N300194" s="10"/>
    </row>
    <row r="300195" spans="14:14">
      <c r="N300195" s="10"/>
    </row>
    <row r="300196" spans="14:14">
      <c r="N300196" s="10"/>
    </row>
    <row r="300197" spans="14:14">
      <c r="N300197" s="10"/>
    </row>
    <row r="300198" spans="14:14">
      <c r="N300198" s="10"/>
    </row>
    <row r="300199" spans="14:14">
      <c r="N300199" s="10"/>
    </row>
    <row r="300200" spans="14:14">
      <c r="N300200" s="10"/>
    </row>
    <row r="300201" spans="14:14">
      <c r="N300201" s="10"/>
    </row>
    <row r="300202" spans="14:14">
      <c r="N300202" s="10"/>
    </row>
    <row r="300203" spans="14:14">
      <c r="N300203" s="10"/>
    </row>
    <row r="300204" spans="14:14">
      <c r="N300204" s="10"/>
    </row>
    <row r="300205" spans="14:14">
      <c r="N300205" s="10"/>
    </row>
    <row r="300206" spans="14:14">
      <c r="N300206" s="10"/>
    </row>
    <row r="300207" spans="14:14">
      <c r="N300207" s="10"/>
    </row>
    <row r="300208" spans="14:14">
      <c r="N300208" s="10"/>
    </row>
    <row r="300209" spans="14:14">
      <c r="N300209" s="10"/>
    </row>
    <row r="300210" spans="14:14">
      <c r="N300210" s="10"/>
    </row>
    <row r="300211" spans="14:14">
      <c r="N300211" s="10"/>
    </row>
    <row r="300212" spans="14:14">
      <c r="N300212" s="10"/>
    </row>
    <row r="300213" spans="14:14">
      <c r="N300213" s="10"/>
    </row>
    <row r="300214" spans="14:14">
      <c r="N300214" s="10"/>
    </row>
    <row r="300215" spans="14:14">
      <c r="N300215" s="10"/>
    </row>
    <row r="300216" spans="14:14">
      <c r="N300216" s="10"/>
    </row>
    <row r="300217" spans="14:14">
      <c r="N300217" s="10"/>
    </row>
    <row r="300218" spans="14:14">
      <c r="N300218" s="10"/>
    </row>
    <row r="300219" spans="14:14">
      <c r="N300219" s="10"/>
    </row>
    <row r="300220" spans="14:14">
      <c r="N300220" s="10"/>
    </row>
    <row r="300221" spans="14:14">
      <c r="N300221" s="10"/>
    </row>
    <row r="300222" spans="14:14">
      <c r="N300222" s="10"/>
    </row>
    <row r="300223" spans="14:14">
      <c r="N300223" s="10"/>
    </row>
    <row r="300224" spans="14:14">
      <c r="N300224" s="10"/>
    </row>
    <row r="300225" spans="14:14">
      <c r="N300225" s="10"/>
    </row>
    <row r="300226" spans="14:14">
      <c r="N300226" s="10"/>
    </row>
    <row r="300227" spans="14:14">
      <c r="N300227" s="10"/>
    </row>
    <row r="300228" spans="14:14">
      <c r="N300228" s="10"/>
    </row>
    <row r="300229" spans="14:14">
      <c r="N300229" s="10"/>
    </row>
    <row r="300230" spans="14:14">
      <c r="N300230" s="10"/>
    </row>
    <row r="300231" spans="14:14">
      <c r="N300231" s="10"/>
    </row>
    <row r="300232" spans="14:14">
      <c r="N300232" s="10"/>
    </row>
    <row r="300233" spans="14:14">
      <c r="N300233" s="10"/>
    </row>
    <row r="300234" spans="14:14">
      <c r="N300234" s="10"/>
    </row>
    <row r="300235" spans="14:14">
      <c r="N300235" s="10"/>
    </row>
    <row r="300236" spans="14:14">
      <c r="N300236" s="10"/>
    </row>
    <row r="300237" spans="14:14">
      <c r="N300237" s="10"/>
    </row>
    <row r="300238" spans="14:14">
      <c r="N300238" s="10"/>
    </row>
    <row r="300239" spans="14:14">
      <c r="N300239" s="10"/>
    </row>
    <row r="300240" spans="14:14">
      <c r="N300240" s="10"/>
    </row>
    <row r="300241" spans="14:14">
      <c r="N300241" s="10"/>
    </row>
    <row r="300242" spans="14:14">
      <c r="N300242" s="10"/>
    </row>
    <row r="300243" spans="14:14">
      <c r="N300243" s="10"/>
    </row>
    <row r="300244" spans="14:14">
      <c r="N300244" s="10"/>
    </row>
    <row r="300245" spans="14:14">
      <c r="N300245" s="10"/>
    </row>
    <row r="300246" spans="14:14">
      <c r="N300246" s="10"/>
    </row>
    <row r="300247" spans="14:14">
      <c r="N300247" s="10"/>
    </row>
    <row r="300248" spans="14:14">
      <c r="N300248" s="10"/>
    </row>
    <row r="300249" spans="14:14">
      <c r="N300249" s="10"/>
    </row>
    <row r="300250" spans="14:14">
      <c r="N300250" s="10"/>
    </row>
    <row r="300251" spans="14:14">
      <c r="N300251" s="10"/>
    </row>
    <row r="300252" spans="14:14">
      <c r="N300252" s="10"/>
    </row>
    <row r="300253" spans="14:14">
      <c r="N300253" s="10"/>
    </row>
    <row r="300254" spans="14:14">
      <c r="N300254" s="10"/>
    </row>
    <row r="300255" spans="14:14">
      <c r="N300255" s="10"/>
    </row>
    <row r="300256" spans="14:14">
      <c r="N300256" s="10"/>
    </row>
    <row r="300257" spans="14:14">
      <c r="N300257" s="10"/>
    </row>
    <row r="300258" spans="14:14">
      <c r="N300258" s="10"/>
    </row>
    <row r="300259" spans="14:14">
      <c r="N300259" s="10"/>
    </row>
    <row r="300260" spans="14:14">
      <c r="N300260" s="10"/>
    </row>
    <row r="300261" spans="14:14">
      <c r="N300261" s="10"/>
    </row>
    <row r="300262" spans="14:14">
      <c r="N300262" s="10"/>
    </row>
    <row r="300263" spans="14:14">
      <c r="N300263" s="10"/>
    </row>
    <row r="300264" spans="14:14">
      <c r="N300264" s="10"/>
    </row>
    <row r="300265" spans="14:14">
      <c r="N300265" s="10"/>
    </row>
    <row r="300266" spans="14:14">
      <c r="N300266" s="10"/>
    </row>
    <row r="300267" spans="14:14">
      <c r="N300267" s="10"/>
    </row>
    <row r="300268" spans="14:14">
      <c r="N300268" s="10"/>
    </row>
    <row r="300269" spans="14:14">
      <c r="N300269" s="10"/>
    </row>
    <row r="300270" spans="14:14">
      <c r="N300270" s="10"/>
    </row>
    <row r="300271" spans="14:14">
      <c r="N300271" s="10"/>
    </row>
    <row r="300272" spans="14:14">
      <c r="N300272" s="10"/>
    </row>
    <row r="300273" spans="14:14">
      <c r="N300273" s="10"/>
    </row>
    <row r="300274" spans="14:14">
      <c r="N300274" s="10"/>
    </row>
    <row r="300275" spans="14:14">
      <c r="N300275" s="10"/>
    </row>
    <row r="300276" spans="14:14">
      <c r="N300276" s="10"/>
    </row>
    <row r="300277" spans="14:14">
      <c r="N300277" s="10"/>
    </row>
    <row r="300278" spans="14:14">
      <c r="N300278" s="10"/>
    </row>
    <row r="300279" spans="14:14">
      <c r="N300279" s="10"/>
    </row>
    <row r="300280" spans="14:14">
      <c r="N300280" s="10"/>
    </row>
    <row r="300281" spans="14:14">
      <c r="N300281" s="10"/>
    </row>
    <row r="300282" spans="14:14">
      <c r="N300282" s="10"/>
    </row>
    <row r="300283" spans="14:14">
      <c r="N300283" s="10"/>
    </row>
    <row r="300284" spans="14:14">
      <c r="N300284" s="10"/>
    </row>
    <row r="300285" spans="14:14">
      <c r="N300285" s="10"/>
    </row>
    <row r="300286" spans="14:14">
      <c r="N300286" s="10"/>
    </row>
    <row r="300287" spans="14:14">
      <c r="N300287" s="10"/>
    </row>
    <row r="300288" spans="14:14">
      <c r="N300288" s="10"/>
    </row>
    <row r="300289" spans="14:14">
      <c r="N300289" s="10"/>
    </row>
    <row r="300290" spans="14:14">
      <c r="N300290" s="10"/>
    </row>
    <row r="300291" spans="14:14">
      <c r="N300291" s="10"/>
    </row>
    <row r="300292" spans="14:14">
      <c r="N300292" s="10"/>
    </row>
    <row r="300293" spans="14:14">
      <c r="N300293" s="10"/>
    </row>
    <row r="300294" spans="14:14">
      <c r="N300294" s="10"/>
    </row>
    <row r="300295" spans="14:14">
      <c r="N300295" s="10"/>
    </row>
    <row r="300296" spans="14:14">
      <c r="N300296" s="10"/>
    </row>
    <row r="300297" spans="14:14">
      <c r="N300297" s="10"/>
    </row>
    <row r="300298" spans="14:14">
      <c r="N300298" s="10"/>
    </row>
    <row r="300299" spans="14:14">
      <c r="N300299" s="10"/>
    </row>
    <row r="300300" spans="14:14">
      <c r="N300300" s="10"/>
    </row>
    <row r="300301" spans="14:14">
      <c r="N300301" s="10"/>
    </row>
    <row r="300302" spans="14:14">
      <c r="N300302" s="10"/>
    </row>
    <row r="300303" spans="14:14">
      <c r="N300303" s="10"/>
    </row>
    <row r="300304" spans="14:14">
      <c r="N300304" s="10"/>
    </row>
    <row r="300305" spans="14:14">
      <c r="N300305" s="10"/>
    </row>
    <row r="300306" spans="14:14">
      <c r="N300306" s="10"/>
    </row>
    <row r="300307" spans="14:14">
      <c r="N300307" s="10"/>
    </row>
    <row r="300308" spans="14:14">
      <c r="N300308" s="10"/>
    </row>
    <row r="300309" spans="14:14">
      <c r="N300309" s="10"/>
    </row>
    <row r="300310" spans="14:14">
      <c r="N300310" s="10"/>
    </row>
    <row r="300311" spans="14:14">
      <c r="N300311" s="10"/>
    </row>
    <row r="300312" spans="14:14">
      <c r="N300312" s="10"/>
    </row>
    <row r="300313" spans="14:14">
      <c r="N300313" s="10"/>
    </row>
    <row r="300314" spans="14:14">
      <c r="N300314" s="10"/>
    </row>
    <row r="300315" spans="14:14">
      <c r="N300315" s="10"/>
    </row>
    <row r="300316" spans="14:14">
      <c r="N300316" s="10"/>
    </row>
    <row r="300317" spans="14:14">
      <c r="N300317" s="10"/>
    </row>
    <row r="300318" spans="14:14">
      <c r="N300318" s="10"/>
    </row>
    <row r="300319" spans="14:14">
      <c r="N300319" s="10"/>
    </row>
    <row r="300320" spans="14:14">
      <c r="N300320" s="10"/>
    </row>
    <row r="300321" spans="14:14">
      <c r="N300321" s="10"/>
    </row>
    <row r="300322" spans="14:14">
      <c r="N300322" s="10"/>
    </row>
    <row r="300323" spans="14:14">
      <c r="N300323" s="10"/>
    </row>
    <row r="300324" spans="14:14">
      <c r="N300324" s="10"/>
    </row>
    <row r="300325" spans="14:14">
      <c r="N300325" s="10"/>
    </row>
    <row r="300326" spans="14:14">
      <c r="N300326" s="10"/>
    </row>
    <row r="300327" spans="14:14">
      <c r="N300327" s="10"/>
    </row>
    <row r="300328" spans="14:14">
      <c r="N300328" s="10"/>
    </row>
    <row r="300329" spans="14:14">
      <c r="N300329" s="10"/>
    </row>
    <row r="300330" spans="14:14">
      <c r="N300330" s="10"/>
    </row>
    <row r="300331" spans="14:14">
      <c r="N300331" s="10"/>
    </row>
    <row r="300332" spans="14:14">
      <c r="N300332" s="10"/>
    </row>
    <row r="300333" spans="14:14">
      <c r="N300333" s="10"/>
    </row>
    <row r="300334" spans="14:14">
      <c r="N300334" s="10"/>
    </row>
    <row r="300335" spans="14:14">
      <c r="N300335" s="10"/>
    </row>
    <row r="300336" spans="14:14">
      <c r="N300336" s="10"/>
    </row>
    <row r="300337" spans="14:14">
      <c r="N300337" s="10"/>
    </row>
    <row r="300338" spans="14:14">
      <c r="N300338" s="10"/>
    </row>
    <row r="300339" spans="14:14">
      <c r="N300339" s="10"/>
    </row>
    <row r="300340" spans="14:14">
      <c r="N300340" s="10"/>
    </row>
    <row r="300341" spans="14:14">
      <c r="N300341" s="10"/>
    </row>
    <row r="300342" spans="14:14">
      <c r="N300342" s="10"/>
    </row>
    <row r="300343" spans="14:14">
      <c r="N300343" s="10"/>
    </row>
    <row r="300344" spans="14:14">
      <c r="N300344" s="10"/>
    </row>
    <row r="300345" spans="14:14">
      <c r="N300345" s="10"/>
    </row>
    <row r="300346" spans="14:14">
      <c r="N300346" s="10"/>
    </row>
    <row r="300347" spans="14:14">
      <c r="N300347" s="10"/>
    </row>
    <row r="300348" spans="14:14">
      <c r="N300348" s="10"/>
    </row>
    <row r="300349" spans="14:14">
      <c r="N300349" s="10"/>
    </row>
    <row r="300350" spans="14:14">
      <c r="N300350" s="10"/>
    </row>
    <row r="300351" spans="14:14">
      <c r="N300351" s="10"/>
    </row>
    <row r="300352" spans="14:14">
      <c r="N300352" s="10"/>
    </row>
    <row r="300353" spans="14:14">
      <c r="N300353" s="10"/>
    </row>
    <row r="300354" spans="14:14">
      <c r="N300354" s="10"/>
    </row>
    <row r="300355" spans="14:14">
      <c r="N300355" s="10"/>
    </row>
    <row r="300356" spans="14:14">
      <c r="N300356" s="10"/>
    </row>
    <row r="300357" spans="14:14">
      <c r="N300357" s="10"/>
    </row>
    <row r="300358" spans="14:14">
      <c r="N300358" s="10"/>
    </row>
    <row r="300359" spans="14:14">
      <c r="N300359" s="10"/>
    </row>
    <row r="300360" spans="14:14">
      <c r="N300360" s="10"/>
    </row>
    <row r="300361" spans="14:14">
      <c r="N300361" s="10"/>
    </row>
    <row r="300362" spans="14:14">
      <c r="N300362" s="10"/>
    </row>
    <row r="300363" spans="14:14">
      <c r="N300363" s="10"/>
    </row>
    <row r="300364" spans="14:14">
      <c r="N300364" s="10"/>
    </row>
    <row r="300365" spans="14:14">
      <c r="N300365" s="10"/>
    </row>
    <row r="300366" spans="14:14">
      <c r="N300366" s="10"/>
    </row>
    <row r="300367" spans="14:14">
      <c r="N300367" s="10"/>
    </row>
    <row r="300368" spans="14:14">
      <c r="N300368" s="10"/>
    </row>
    <row r="300369" spans="14:14">
      <c r="N300369" s="10"/>
    </row>
    <row r="300370" spans="14:14">
      <c r="N300370" s="10"/>
    </row>
    <row r="300371" spans="14:14">
      <c r="N300371" s="10"/>
    </row>
    <row r="300372" spans="14:14">
      <c r="N300372" s="10"/>
    </row>
    <row r="300373" spans="14:14">
      <c r="N300373" s="10"/>
    </row>
    <row r="300374" spans="14:14">
      <c r="N300374" s="10"/>
    </row>
    <row r="300375" spans="14:14">
      <c r="N300375" s="10"/>
    </row>
    <row r="300376" spans="14:14">
      <c r="N300376" s="10"/>
    </row>
    <row r="300377" spans="14:14">
      <c r="N300377" s="10"/>
    </row>
    <row r="300378" spans="14:14">
      <c r="N300378" s="10"/>
    </row>
    <row r="300379" spans="14:14">
      <c r="N300379" s="10"/>
    </row>
    <row r="300380" spans="14:14">
      <c r="N300380" s="10"/>
    </row>
    <row r="300381" spans="14:14">
      <c r="N300381" s="10"/>
    </row>
    <row r="300382" spans="14:14">
      <c r="N300382" s="10"/>
    </row>
    <row r="300383" spans="14:14">
      <c r="N300383" s="10"/>
    </row>
    <row r="300384" spans="14:14">
      <c r="N300384" s="10"/>
    </row>
    <row r="300385" spans="14:14">
      <c r="N300385" s="10"/>
    </row>
    <row r="300386" spans="14:14">
      <c r="N300386" s="10"/>
    </row>
    <row r="300387" spans="14:14">
      <c r="N300387" s="10"/>
    </row>
    <row r="300388" spans="14:14">
      <c r="N300388" s="10"/>
    </row>
    <row r="300389" spans="14:14">
      <c r="N300389" s="10"/>
    </row>
    <row r="300390" spans="14:14">
      <c r="N300390" s="10"/>
    </row>
    <row r="300391" spans="14:14">
      <c r="N300391" s="10"/>
    </row>
    <row r="300392" spans="14:14">
      <c r="N300392" s="10"/>
    </row>
    <row r="300393" spans="14:14">
      <c r="N300393" s="10"/>
    </row>
    <row r="300394" spans="14:14">
      <c r="N300394" s="10"/>
    </row>
    <row r="300395" spans="14:14">
      <c r="N300395" s="10"/>
    </row>
    <row r="300396" spans="14:14">
      <c r="N300396" s="10"/>
    </row>
    <row r="300397" spans="14:14">
      <c r="N300397" s="10"/>
    </row>
    <row r="300398" spans="14:14">
      <c r="N300398" s="10"/>
    </row>
    <row r="300399" spans="14:14">
      <c r="N300399" s="10"/>
    </row>
    <row r="300400" spans="14:14">
      <c r="N300400" s="10"/>
    </row>
    <row r="300401" spans="14:14">
      <c r="N300401" s="10"/>
    </row>
    <row r="300402" spans="14:14">
      <c r="N300402" s="10"/>
    </row>
    <row r="300403" spans="14:14">
      <c r="N300403" s="10"/>
    </row>
    <row r="300404" spans="14:14">
      <c r="N300404" s="10"/>
    </row>
    <row r="300405" spans="14:14">
      <c r="N300405" s="10"/>
    </row>
    <row r="300406" spans="14:14">
      <c r="N300406" s="10"/>
    </row>
    <row r="300407" spans="14:14">
      <c r="N300407" s="10"/>
    </row>
    <row r="300408" spans="14:14">
      <c r="N300408" s="10"/>
    </row>
    <row r="300409" spans="14:14">
      <c r="N300409" s="10"/>
    </row>
    <row r="300410" spans="14:14">
      <c r="N300410" s="10"/>
    </row>
    <row r="300411" spans="14:14">
      <c r="N300411" s="10"/>
    </row>
    <row r="300412" spans="14:14">
      <c r="N300412" s="10"/>
    </row>
    <row r="300413" spans="14:14">
      <c r="N300413" s="10"/>
    </row>
    <row r="300414" spans="14:14">
      <c r="N300414" s="10"/>
    </row>
    <row r="300415" spans="14:14">
      <c r="N300415" s="10"/>
    </row>
    <row r="300416" spans="14:14">
      <c r="N300416" s="10"/>
    </row>
    <row r="300417" spans="14:14">
      <c r="N300417" s="10"/>
    </row>
    <row r="300418" spans="14:14">
      <c r="N300418" s="10"/>
    </row>
    <row r="300419" spans="14:14">
      <c r="N300419" s="10"/>
    </row>
    <row r="300420" spans="14:14">
      <c r="N300420" s="10"/>
    </row>
    <row r="300421" spans="14:14">
      <c r="N300421" s="10"/>
    </row>
    <row r="300422" spans="14:14">
      <c r="N300422" s="10"/>
    </row>
    <row r="300423" spans="14:14">
      <c r="N300423" s="10"/>
    </row>
    <row r="300424" spans="14:14">
      <c r="N300424" s="10"/>
    </row>
    <row r="300425" spans="14:14">
      <c r="N300425" s="10"/>
    </row>
    <row r="300426" spans="14:14">
      <c r="N300426" s="10"/>
    </row>
    <row r="300427" spans="14:14">
      <c r="N300427" s="10"/>
    </row>
    <row r="300428" spans="14:14">
      <c r="N300428" s="10"/>
    </row>
    <row r="300429" spans="14:14">
      <c r="N300429" s="10"/>
    </row>
    <row r="300430" spans="14:14">
      <c r="N300430" s="10"/>
    </row>
    <row r="300431" spans="14:14">
      <c r="N300431" s="10"/>
    </row>
    <row r="300432" spans="14:14">
      <c r="N300432" s="10"/>
    </row>
    <row r="300433" spans="14:14">
      <c r="N300433" s="10"/>
    </row>
    <row r="300434" spans="14:14">
      <c r="N300434" s="10"/>
    </row>
    <row r="300435" spans="14:14">
      <c r="N300435" s="10"/>
    </row>
    <row r="300436" spans="14:14">
      <c r="N300436" s="10"/>
    </row>
    <row r="300437" spans="14:14">
      <c r="N300437" s="10"/>
    </row>
    <row r="300438" spans="14:14">
      <c r="N300438" s="10"/>
    </row>
    <row r="300439" spans="14:14">
      <c r="N300439" s="10"/>
    </row>
    <row r="300440" spans="14:14">
      <c r="N300440" s="10"/>
    </row>
    <row r="300441" spans="14:14">
      <c r="N300441" s="10"/>
    </row>
    <row r="300442" spans="14:14">
      <c r="N300442" s="10"/>
    </row>
    <row r="300443" spans="14:14">
      <c r="N300443" s="10"/>
    </row>
    <row r="300444" spans="14:14">
      <c r="N300444" s="10"/>
    </row>
    <row r="300445" spans="14:14">
      <c r="N300445" s="10"/>
    </row>
    <row r="300446" spans="14:14">
      <c r="N300446" s="10"/>
    </row>
    <row r="300447" spans="14:14">
      <c r="N300447" s="10"/>
    </row>
    <row r="300448" spans="14:14">
      <c r="N300448" s="10"/>
    </row>
    <row r="300449" spans="14:14">
      <c r="N300449" s="10"/>
    </row>
    <row r="300450" spans="14:14">
      <c r="N300450" s="10"/>
    </row>
    <row r="300451" spans="14:14">
      <c r="N300451" s="10"/>
    </row>
    <row r="300452" spans="14:14">
      <c r="N300452" s="10"/>
    </row>
    <row r="300453" spans="14:14">
      <c r="N300453" s="10"/>
    </row>
    <row r="300454" spans="14:14">
      <c r="N300454" s="10"/>
    </row>
    <row r="300455" spans="14:14">
      <c r="N300455" s="10"/>
    </row>
    <row r="300456" spans="14:14">
      <c r="N300456" s="10"/>
    </row>
    <row r="300457" spans="14:14">
      <c r="N300457" s="10"/>
    </row>
    <row r="300458" spans="14:14">
      <c r="N300458" s="10"/>
    </row>
    <row r="300459" spans="14:14">
      <c r="N300459" s="10"/>
    </row>
    <row r="300460" spans="14:14">
      <c r="N300460" s="10"/>
    </row>
    <row r="300461" spans="14:14">
      <c r="N300461" s="10"/>
    </row>
    <row r="300462" spans="14:14">
      <c r="N300462" s="10"/>
    </row>
    <row r="300463" spans="14:14">
      <c r="N300463" s="10"/>
    </row>
    <row r="300464" spans="14:14">
      <c r="N300464" s="10"/>
    </row>
    <row r="300465" spans="14:14">
      <c r="N300465" s="10"/>
    </row>
    <row r="300466" spans="14:14">
      <c r="N300466" s="10"/>
    </row>
    <row r="300467" spans="14:14">
      <c r="N300467" s="10"/>
    </row>
    <row r="300468" spans="14:14">
      <c r="N300468" s="10"/>
    </row>
    <row r="300469" spans="14:14">
      <c r="N300469" s="10"/>
    </row>
    <row r="300470" spans="14:14">
      <c r="N300470" s="10"/>
    </row>
    <row r="300471" spans="14:14">
      <c r="N300471" s="10"/>
    </row>
    <row r="300472" spans="14:14">
      <c r="N300472" s="10"/>
    </row>
    <row r="300473" spans="14:14">
      <c r="N300473" s="10"/>
    </row>
    <row r="300474" spans="14:14">
      <c r="N300474" s="10"/>
    </row>
    <row r="300475" spans="14:14">
      <c r="N300475" s="10"/>
    </row>
    <row r="300476" spans="14:14">
      <c r="N300476" s="10"/>
    </row>
    <row r="300477" spans="14:14">
      <c r="N300477" s="10"/>
    </row>
    <row r="300478" spans="14:14">
      <c r="N300478" s="10"/>
    </row>
    <row r="300479" spans="14:14">
      <c r="N300479" s="10"/>
    </row>
    <row r="300480" spans="14:14">
      <c r="N300480" s="10"/>
    </row>
    <row r="300481" spans="14:14">
      <c r="N300481" s="10"/>
    </row>
    <row r="300482" spans="14:14">
      <c r="N300482" s="10"/>
    </row>
    <row r="300483" spans="14:14">
      <c r="N300483" s="10"/>
    </row>
    <row r="300484" spans="14:14">
      <c r="N300484" s="10"/>
    </row>
    <row r="300485" spans="14:14">
      <c r="N300485" s="10"/>
    </row>
    <row r="300486" spans="14:14">
      <c r="N300486" s="10"/>
    </row>
    <row r="300487" spans="14:14">
      <c r="N300487" s="10"/>
    </row>
    <row r="300488" spans="14:14">
      <c r="N300488" s="10"/>
    </row>
    <row r="300489" spans="14:14">
      <c r="N300489" s="10"/>
    </row>
    <row r="300490" spans="14:14">
      <c r="N300490" s="10"/>
    </row>
    <row r="300491" spans="14:14">
      <c r="N300491" s="10"/>
    </row>
    <row r="300492" spans="14:14">
      <c r="N300492" s="10"/>
    </row>
    <row r="300493" spans="14:14">
      <c r="N300493" s="10"/>
    </row>
    <row r="300494" spans="14:14">
      <c r="N300494" s="10"/>
    </row>
    <row r="300495" spans="14:14">
      <c r="N300495" s="10"/>
    </row>
    <row r="300496" spans="14:14">
      <c r="N300496" s="10"/>
    </row>
    <row r="300497" spans="14:14">
      <c r="N300497" s="10"/>
    </row>
    <row r="300498" spans="14:14">
      <c r="N300498" s="10"/>
    </row>
    <row r="300499" spans="14:14">
      <c r="N300499" s="10"/>
    </row>
    <row r="300500" spans="14:14">
      <c r="N300500" s="10"/>
    </row>
    <row r="300501" spans="14:14">
      <c r="N300501" s="10"/>
    </row>
    <row r="300502" spans="14:14">
      <c r="N300502" s="10"/>
    </row>
    <row r="300503" spans="14:14">
      <c r="N300503" s="10"/>
    </row>
    <row r="300504" spans="14:14">
      <c r="N300504" s="10"/>
    </row>
    <row r="300505" spans="14:14">
      <c r="N300505" s="10"/>
    </row>
    <row r="300506" spans="14:14">
      <c r="N300506" s="10"/>
    </row>
    <row r="300507" spans="14:14">
      <c r="N300507" s="10"/>
    </row>
    <row r="300508" spans="14:14">
      <c r="N300508" s="10"/>
    </row>
    <row r="300509" spans="14:14">
      <c r="N300509" s="10"/>
    </row>
    <row r="300510" spans="14:14">
      <c r="N300510" s="10"/>
    </row>
    <row r="300511" spans="14:14">
      <c r="N300511" s="10"/>
    </row>
    <row r="300512" spans="14:14">
      <c r="N300512" s="10"/>
    </row>
    <row r="300513" spans="14:14">
      <c r="N300513" s="10"/>
    </row>
    <row r="300514" spans="14:14">
      <c r="N300514" s="10"/>
    </row>
    <row r="300515" spans="14:14">
      <c r="N300515" s="10"/>
    </row>
    <row r="300516" spans="14:14">
      <c r="N300516" s="10"/>
    </row>
    <row r="300517" spans="14:14">
      <c r="N300517" s="10"/>
    </row>
    <row r="300518" spans="14:14">
      <c r="N300518" s="10"/>
    </row>
    <row r="300519" spans="14:14">
      <c r="N300519" s="10"/>
    </row>
    <row r="300520" spans="14:14">
      <c r="N300520" s="10"/>
    </row>
    <row r="300521" spans="14:14">
      <c r="N300521" s="10"/>
    </row>
    <row r="300522" spans="14:14">
      <c r="N300522" s="10"/>
    </row>
    <row r="300523" spans="14:14">
      <c r="N300523" s="10"/>
    </row>
    <row r="300524" spans="14:14">
      <c r="N300524" s="10"/>
    </row>
    <row r="300525" spans="14:14">
      <c r="N300525" s="10"/>
    </row>
    <row r="300526" spans="14:14">
      <c r="N300526" s="10"/>
    </row>
    <row r="300527" spans="14:14">
      <c r="N300527" s="10"/>
    </row>
    <row r="300528" spans="14:14">
      <c r="N300528" s="10"/>
    </row>
    <row r="300529" spans="14:14">
      <c r="N300529" s="10"/>
    </row>
    <row r="300530" spans="14:14">
      <c r="N300530" s="10"/>
    </row>
    <row r="300531" spans="14:14">
      <c r="N300531" s="10"/>
    </row>
    <row r="300532" spans="14:14">
      <c r="N300532" s="10"/>
    </row>
    <row r="300533" spans="14:14">
      <c r="N300533" s="10"/>
    </row>
    <row r="300534" spans="14:14">
      <c r="N300534" s="10"/>
    </row>
    <row r="300535" spans="14:14">
      <c r="N300535" s="10"/>
    </row>
    <row r="300536" spans="14:14">
      <c r="N300536" s="10"/>
    </row>
    <row r="300537" spans="14:14">
      <c r="N300537" s="10"/>
    </row>
    <row r="300538" spans="14:14">
      <c r="N300538" s="10"/>
    </row>
    <row r="300539" spans="14:14">
      <c r="N300539" s="10"/>
    </row>
    <row r="300540" spans="14:14">
      <c r="N300540" s="10"/>
    </row>
    <row r="300541" spans="14:14">
      <c r="N300541" s="10"/>
    </row>
    <row r="300542" spans="14:14">
      <c r="N300542" s="10"/>
    </row>
    <row r="300543" spans="14:14">
      <c r="N300543" s="10"/>
    </row>
    <row r="300544" spans="14:14">
      <c r="N300544" s="10"/>
    </row>
    <row r="300545" spans="14:14">
      <c r="N300545" s="10"/>
    </row>
    <row r="300546" spans="14:14">
      <c r="N300546" s="10"/>
    </row>
    <row r="300547" spans="14:14">
      <c r="N300547" s="10"/>
    </row>
    <row r="300548" spans="14:14">
      <c r="N300548" s="10"/>
    </row>
    <row r="300549" spans="14:14">
      <c r="N300549" s="10"/>
    </row>
    <row r="300550" spans="14:14">
      <c r="N300550" s="10"/>
    </row>
    <row r="300551" spans="14:14">
      <c r="N300551" s="10"/>
    </row>
    <row r="300552" spans="14:14">
      <c r="N300552" s="10"/>
    </row>
    <row r="300553" spans="14:14">
      <c r="N300553" s="10"/>
    </row>
    <row r="300554" spans="14:14">
      <c r="N300554" s="10"/>
    </row>
    <row r="300555" spans="14:14">
      <c r="N300555" s="10"/>
    </row>
    <row r="300556" spans="14:14">
      <c r="N300556" s="10"/>
    </row>
    <row r="300557" spans="14:14">
      <c r="N300557" s="10"/>
    </row>
    <row r="300558" spans="14:14">
      <c r="N300558" s="10"/>
    </row>
    <row r="300559" spans="14:14">
      <c r="N300559" s="10"/>
    </row>
    <row r="300560" spans="14:14">
      <c r="N300560" s="10"/>
    </row>
    <row r="300561" spans="14:14">
      <c r="N300561" s="10"/>
    </row>
    <row r="300562" spans="14:14">
      <c r="N300562" s="10"/>
    </row>
    <row r="300563" spans="14:14">
      <c r="N300563" s="10"/>
    </row>
    <row r="300564" spans="14:14">
      <c r="N300564" s="10"/>
    </row>
    <row r="300565" spans="14:14">
      <c r="N300565" s="10"/>
    </row>
    <row r="300566" spans="14:14">
      <c r="N300566" s="10"/>
    </row>
    <row r="300567" spans="14:14">
      <c r="N300567" s="10"/>
    </row>
    <row r="300568" spans="14:14">
      <c r="N300568" s="10"/>
    </row>
    <row r="300569" spans="14:14">
      <c r="N300569" s="10"/>
    </row>
    <row r="300570" spans="14:14">
      <c r="N300570" s="10"/>
    </row>
    <row r="300571" spans="14:14">
      <c r="N300571" s="10"/>
    </row>
    <row r="300572" spans="14:14">
      <c r="N300572" s="10"/>
    </row>
    <row r="300573" spans="14:14">
      <c r="N300573" s="10"/>
    </row>
    <row r="300574" spans="14:14">
      <c r="N300574" s="10"/>
    </row>
    <row r="300575" spans="14:14">
      <c r="N300575" s="10"/>
    </row>
    <row r="300576" spans="14:14">
      <c r="N300576" s="10"/>
    </row>
    <row r="300577" spans="14:14">
      <c r="N300577" s="10"/>
    </row>
    <row r="300578" spans="14:14">
      <c r="N300578" s="10"/>
    </row>
    <row r="300579" spans="14:14">
      <c r="N300579" s="10"/>
    </row>
    <row r="300580" spans="14:14">
      <c r="N300580" s="10"/>
    </row>
    <row r="300581" spans="14:14">
      <c r="N300581" s="10"/>
    </row>
    <row r="300582" spans="14:14">
      <c r="N300582" s="10"/>
    </row>
    <row r="300583" spans="14:14">
      <c r="N300583" s="10"/>
    </row>
    <row r="300584" spans="14:14">
      <c r="N300584" s="10"/>
    </row>
    <row r="300585" spans="14:14">
      <c r="N300585" s="10"/>
    </row>
    <row r="300586" spans="14:14">
      <c r="N300586" s="10"/>
    </row>
    <row r="300587" spans="14:14">
      <c r="N300587" s="10"/>
    </row>
    <row r="300588" spans="14:14">
      <c r="N300588" s="10"/>
    </row>
    <row r="300589" spans="14:14">
      <c r="N300589" s="10"/>
    </row>
    <row r="300590" spans="14:14">
      <c r="N300590" s="10"/>
    </row>
    <row r="300591" spans="14:14">
      <c r="N300591" s="10"/>
    </row>
    <row r="300592" spans="14:14">
      <c r="N300592" s="10"/>
    </row>
    <row r="300593" spans="14:14">
      <c r="N300593" s="10"/>
    </row>
    <row r="300594" spans="14:14">
      <c r="N300594" s="10"/>
    </row>
    <row r="300595" spans="14:14">
      <c r="N300595" s="10"/>
    </row>
    <row r="300596" spans="14:14">
      <c r="N300596" s="10"/>
    </row>
    <row r="300597" spans="14:14">
      <c r="N300597" s="10"/>
    </row>
    <row r="300598" spans="14:14">
      <c r="N300598" s="10"/>
    </row>
    <row r="300599" spans="14:14">
      <c r="N300599" s="10"/>
    </row>
    <row r="300600" spans="14:14">
      <c r="N300600" s="10"/>
    </row>
    <row r="300601" spans="14:14">
      <c r="N300601" s="10"/>
    </row>
    <row r="300602" spans="14:14">
      <c r="N300602" s="10"/>
    </row>
    <row r="300603" spans="14:14">
      <c r="N300603" s="10"/>
    </row>
    <row r="300604" spans="14:14">
      <c r="N300604" s="10"/>
    </row>
    <row r="300605" spans="14:14">
      <c r="N300605" s="10"/>
    </row>
    <row r="300606" spans="14:14">
      <c r="N300606" s="10"/>
    </row>
    <row r="300607" spans="14:14">
      <c r="N300607" s="10"/>
    </row>
    <row r="300608" spans="14:14">
      <c r="N300608" s="10"/>
    </row>
    <row r="300609" spans="14:14">
      <c r="N300609" s="10"/>
    </row>
    <row r="300610" spans="14:14">
      <c r="N300610" s="10"/>
    </row>
    <row r="300611" spans="14:14">
      <c r="N300611" s="10"/>
    </row>
    <row r="300612" spans="14:14">
      <c r="N300612" s="10"/>
    </row>
    <row r="300613" spans="14:14">
      <c r="N300613" s="10"/>
    </row>
    <row r="300614" spans="14:14">
      <c r="N300614" s="10"/>
    </row>
    <row r="300615" spans="14:14">
      <c r="N300615" s="10"/>
    </row>
    <row r="300616" spans="14:14">
      <c r="N300616" s="10"/>
    </row>
    <row r="300617" spans="14:14">
      <c r="N300617" s="10"/>
    </row>
    <row r="300618" spans="14:14">
      <c r="N300618" s="10"/>
    </row>
    <row r="300619" spans="14:14">
      <c r="N300619" s="10"/>
    </row>
    <row r="300620" spans="14:14">
      <c r="N300620" s="10"/>
    </row>
    <row r="300621" spans="14:14">
      <c r="N300621" s="10"/>
    </row>
    <row r="300622" spans="14:14">
      <c r="N300622" s="10"/>
    </row>
    <row r="300623" spans="14:14">
      <c r="N300623" s="10"/>
    </row>
    <row r="300624" spans="14:14">
      <c r="N300624" s="10"/>
    </row>
    <row r="300625" spans="14:14">
      <c r="N300625" s="10"/>
    </row>
    <row r="300626" spans="14:14">
      <c r="N300626" s="10"/>
    </row>
    <row r="300627" spans="14:14">
      <c r="N300627" s="10"/>
    </row>
    <row r="300628" spans="14:14">
      <c r="N300628" s="10"/>
    </row>
    <row r="300629" spans="14:14">
      <c r="N300629" s="10"/>
    </row>
    <row r="300630" spans="14:14">
      <c r="N300630" s="10"/>
    </row>
    <row r="300631" spans="14:14">
      <c r="N300631" s="10"/>
    </row>
    <row r="300632" spans="14:14">
      <c r="N300632" s="10"/>
    </row>
    <row r="300633" spans="14:14">
      <c r="N300633" s="10"/>
    </row>
    <row r="300634" spans="14:14">
      <c r="N300634" s="10"/>
    </row>
    <row r="300635" spans="14:14">
      <c r="N300635" s="10"/>
    </row>
    <row r="300636" spans="14:14">
      <c r="N300636" s="10"/>
    </row>
    <row r="300637" spans="14:14">
      <c r="N300637" s="10"/>
    </row>
    <row r="300638" spans="14:14">
      <c r="N300638" s="10"/>
    </row>
    <row r="300639" spans="14:14">
      <c r="N300639" s="10"/>
    </row>
    <row r="300640" spans="14:14">
      <c r="N300640" s="10"/>
    </row>
    <row r="300641" spans="14:14">
      <c r="N300641" s="10"/>
    </row>
    <row r="300642" spans="14:14">
      <c r="N300642" s="10"/>
    </row>
    <row r="300643" spans="14:14">
      <c r="N300643" s="10"/>
    </row>
    <row r="300644" spans="14:14">
      <c r="N300644" s="10"/>
    </row>
    <row r="300645" spans="14:14">
      <c r="N300645" s="10"/>
    </row>
    <row r="300646" spans="14:14">
      <c r="N300646" s="10"/>
    </row>
    <row r="300647" spans="14:14">
      <c r="N300647" s="10"/>
    </row>
    <row r="300648" spans="14:14">
      <c r="N300648" s="10"/>
    </row>
    <row r="300649" spans="14:14">
      <c r="N300649" s="10"/>
    </row>
    <row r="300650" spans="14:14">
      <c r="N300650" s="10"/>
    </row>
    <row r="300651" spans="14:14">
      <c r="N300651" s="10"/>
    </row>
    <row r="300652" spans="14:14">
      <c r="N300652" s="10"/>
    </row>
    <row r="300653" spans="14:14">
      <c r="N300653" s="10"/>
    </row>
    <row r="300654" spans="14:14">
      <c r="N300654" s="10"/>
    </row>
    <row r="300655" spans="14:14">
      <c r="N300655" s="10"/>
    </row>
    <row r="300656" spans="14:14">
      <c r="N300656" s="10"/>
    </row>
    <row r="300657" spans="14:14">
      <c r="N300657" s="10"/>
    </row>
    <row r="300658" spans="14:14">
      <c r="N300658" s="10"/>
    </row>
    <row r="300659" spans="14:14">
      <c r="N300659" s="10"/>
    </row>
    <row r="300660" spans="14:14">
      <c r="N300660" s="10"/>
    </row>
    <row r="300661" spans="14:14">
      <c r="N300661" s="10"/>
    </row>
    <row r="300662" spans="14:14">
      <c r="N300662" s="10"/>
    </row>
    <row r="300663" spans="14:14">
      <c r="N300663" s="10"/>
    </row>
    <row r="300664" spans="14:14">
      <c r="N300664" s="10"/>
    </row>
    <row r="300665" spans="14:14">
      <c r="N300665" s="10"/>
    </row>
    <row r="300666" spans="14:14">
      <c r="N300666" s="10"/>
    </row>
    <row r="300667" spans="14:14">
      <c r="N300667" s="10"/>
    </row>
    <row r="300668" spans="14:14">
      <c r="N300668" s="10"/>
    </row>
    <row r="300669" spans="14:14">
      <c r="N300669" s="10"/>
    </row>
    <row r="300670" spans="14:14">
      <c r="N300670" s="10"/>
    </row>
    <row r="300671" spans="14:14">
      <c r="N300671" s="10"/>
    </row>
    <row r="300672" spans="14:14">
      <c r="N300672" s="10"/>
    </row>
    <row r="300673" spans="14:14">
      <c r="N300673" s="10"/>
    </row>
    <row r="300674" spans="14:14">
      <c r="N300674" s="10"/>
    </row>
    <row r="300675" spans="14:14">
      <c r="N300675" s="10"/>
    </row>
    <row r="300676" spans="14:14">
      <c r="N300676" s="10"/>
    </row>
    <row r="300677" spans="14:14">
      <c r="N300677" s="10"/>
    </row>
    <row r="300678" spans="14:14">
      <c r="N300678" s="10"/>
    </row>
    <row r="300679" spans="14:14">
      <c r="N300679" s="10"/>
    </row>
    <row r="300680" spans="14:14">
      <c r="N300680" s="10"/>
    </row>
    <row r="300681" spans="14:14">
      <c r="N300681" s="10"/>
    </row>
    <row r="300682" spans="14:14">
      <c r="N300682" s="10"/>
    </row>
    <row r="300683" spans="14:14">
      <c r="N300683" s="10"/>
    </row>
    <row r="300684" spans="14:14">
      <c r="N300684" s="10"/>
    </row>
    <row r="300685" spans="14:14">
      <c r="N300685" s="10"/>
    </row>
    <row r="300686" spans="14:14">
      <c r="N300686" s="10"/>
    </row>
    <row r="300687" spans="14:14">
      <c r="N300687" s="10"/>
    </row>
    <row r="300688" spans="14:14">
      <c r="N300688" s="10"/>
    </row>
    <row r="300689" spans="14:14">
      <c r="N300689" s="10"/>
    </row>
    <row r="300690" spans="14:14">
      <c r="N300690" s="10"/>
    </row>
    <row r="300691" spans="14:14">
      <c r="N300691" s="10"/>
    </row>
    <row r="300692" spans="14:14">
      <c r="N300692" s="10"/>
    </row>
    <row r="300693" spans="14:14">
      <c r="N300693" s="10"/>
    </row>
    <row r="300694" spans="14:14">
      <c r="N300694" s="10"/>
    </row>
    <row r="300695" spans="14:14">
      <c r="N300695" s="10"/>
    </row>
    <row r="300696" spans="14:14">
      <c r="N300696" s="10"/>
    </row>
    <row r="300697" spans="14:14">
      <c r="N300697" s="10"/>
    </row>
    <row r="300698" spans="14:14">
      <c r="N300698" s="10"/>
    </row>
    <row r="300699" spans="14:14">
      <c r="N300699" s="10"/>
    </row>
    <row r="300700" spans="14:14">
      <c r="N300700" s="10"/>
    </row>
    <row r="300701" spans="14:14">
      <c r="N300701" s="10"/>
    </row>
    <row r="300702" spans="14:14">
      <c r="N300702" s="10"/>
    </row>
    <row r="300703" spans="14:14">
      <c r="N300703" s="10"/>
    </row>
    <row r="300704" spans="14:14">
      <c r="N300704" s="10"/>
    </row>
    <row r="300705" spans="14:14">
      <c r="N300705" s="10"/>
    </row>
    <row r="300706" spans="14:14">
      <c r="N300706" s="10"/>
    </row>
    <row r="300707" spans="14:14">
      <c r="N300707" s="10"/>
    </row>
    <row r="300708" spans="14:14">
      <c r="N300708" s="10"/>
    </row>
    <row r="300709" spans="14:14">
      <c r="N300709" s="10"/>
    </row>
    <row r="300710" spans="14:14">
      <c r="N300710" s="10"/>
    </row>
    <row r="300711" spans="14:14">
      <c r="N300711" s="10"/>
    </row>
    <row r="300712" spans="14:14">
      <c r="N300712" s="10"/>
    </row>
    <row r="300713" spans="14:14">
      <c r="N300713" s="10"/>
    </row>
    <row r="300714" spans="14:14">
      <c r="N300714" s="10"/>
    </row>
    <row r="300715" spans="14:14">
      <c r="N300715" s="10"/>
    </row>
    <row r="300716" spans="14:14">
      <c r="N300716" s="10"/>
    </row>
    <row r="300717" spans="14:14">
      <c r="N300717" s="10"/>
    </row>
    <row r="300718" spans="14:14">
      <c r="N300718" s="10"/>
    </row>
    <row r="300719" spans="14:14">
      <c r="N300719" s="10"/>
    </row>
    <row r="300720" spans="14:14">
      <c r="N300720" s="10"/>
    </row>
    <row r="300721" spans="14:14">
      <c r="N300721" s="10"/>
    </row>
    <row r="300722" spans="14:14">
      <c r="N300722" s="10"/>
    </row>
    <row r="300723" spans="14:14">
      <c r="N300723" s="10"/>
    </row>
    <row r="300724" spans="14:14">
      <c r="N300724" s="10"/>
    </row>
    <row r="300725" spans="14:14">
      <c r="N300725" s="10"/>
    </row>
    <row r="300726" spans="14:14">
      <c r="N300726" s="10"/>
    </row>
    <row r="300727" spans="14:14">
      <c r="N300727" s="10"/>
    </row>
    <row r="300728" spans="14:14">
      <c r="N300728" s="10"/>
    </row>
    <row r="300729" spans="14:14">
      <c r="N300729" s="10"/>
    </row>
    <row r="300730" spans="14:14">
      <c r="N300730" s="10"/>
    </row>
    <row r="300731" spans="14:14">
      <c r="N300731" s="10"/>
    </row>
    <row r="300732" spans="14:14">
      <c r="N300732" s="10"/>
    </row>
    <row r="300733" spans="14:14">
      <c r="N300733" s="10"/>
    </row>
    <row r="300734" spans="14:14">
      <c r="N300734" s="10"/>
    </row>
    <row r="300735" spans="14:14">
      <c r="N300735" s="10"/>
    </row>
    <row r="300736" spans="14:14">
      <c r="N300736" s="10"/>
    </row>
    <row r="300737" spans="14:14">
      <c r="N300737" s="10"/>
    </row>
    <row r="300738" spans="14:14">
      <c r="N300738" s="10"/>
    </row>
    <row r="300739" spans="14:14">
      <c r="N300739" s="10"/>
    </row>
    <row r="300740" spans="14:14">
      <c r="N300740" s="10"/>
    </row>
    <row r="300741" spans="14:14">
      <c r="N300741" s="10"/>
    </row>
    <row r="300742" spans="14:14">
      <c r="N300742" s="10"/>
    </row>
    <row r="300743" spans="14:14">
      <c r="N300743" s="10"/>
    </row>
    <row r="300744" spans="14:14">
      <c r="N300744" s="10"/>
    </row>
    <row r="300745" spans="14:14">
      <c r="N300745" s="10"/>
    </row>
    <row r="300746" spans="14:14">
      <c r="N300746" s="10"/>
    </row>
    <row r="300747" spans="14:14">
      <c r="N300747" s="10"/>
    </row>
    <row r="300748" spans="14:14">
      <c r="N300748" s="10"/>
    </row>
    <row r="300749" spans="14:14">
      <c r="N300749" s="10"/>
    </row>
    <row r="300750" spans="14:14">
      <c r="N300750" s="10"/>
    </row>
    <row r="300751" spans="14:14">
      <c r="N300751" s="10"/>
    </row>
    <row r="300752" spans="14:14">
      <c r="N300752" s="10"/>
    </row>
    <row r="300753" spans="14:14">
      <c r="N300753" s="10"/>
    </row>
    <row r="300754" spans="14:14">
      <c r="N300754" s="10"/>
    </row>
    <row r="300755" spans="14:14">
      <c r="N300755" s="10"/>
    </row>
    <row r="300756" spans="14:14">
      <c r="N300756" s="10"/>
    </row>
    <row r="300757" spans="14:14">
      <c r="N300757" s="10"/>
    </row>
    <row r="300758" spans="14:14">
      <c r="N300758" s="10"/>
    </row>
    <row r="300759" spans="14:14">
      <c r="N300759" s="10"/>
    </row>
    <row r="300760" spans="14:14">
      <c r="N300760" s="10"/>
    </row>
    <row r="300761" spans="14:14">
      <c r="N300761" s="10"/>
    </row>
    <row r="300762" spans="14:14">
      <c r="N300762" s="10"/>
    </row>
    <row r="300763" spans="14:14">
      <c r="N300763" s="10"/>
    </row>
    <row r="300764" spans="14:14">
      <c r="N300764" s="10"/>
    </row>
    <row r="300765" spans="14:14">
      <c r="N300765" s="10"/>
    </row>
    <row r="300766" spans="14:14">
      <c r="N300766" s="10"/>
    </row>
    <row r="300767" spans="14:14">
      <c r="N300767" s="10"/>
    </row>
    <row r="300768" spans="14:14">
      <c r="N300768" s="10"/>
    </row>
    <row r="300769" spans="14:14">
      <c r="N300769" s="10"/>
    </row>
    <row r="300770" spans="14:14">
      <c r="N300770" s="10"/>
    </row>
    <row r="300771" spans="14:14">
      <c r="N300771" s="10"/>
    </row>
    <row r="300772" spans="14:14">
      <c r="N300772" s="10"/>
    </row>
    <row r="300773" spans="14:14">
      <c r="N300773" s="10"/>
    </row>
    <row r="300774" spans="14:14">
      <c r="N300774" s="10"/>
    </row>
    <row r="300775" spans="14:14">
      <c r="N300775" s="10"/>
    </row>
    <row r="300776" spans="14:14">
      <c r="N300776" s="10"/>
    </row>
    <row r="300777" spans="14:14">
      <c r="N300777" s="10"/>
    </row>
    <row r="300778" spans="14:14">
      <c r="N300778" s="10"/>
    </row>
    <row r="300779" spans="14:14">
      <c r="N300779" s="10"/>
    </row>
    <row r="300780" spans="14:14">
      <c r="N300780" s="10"/>
    </row>
    <row r="300781" spans="14:14">
      <c r="N300781" s="10"/>
    </row>
    <row r="300782" spans="14:14">
      <c r="N300782" s="10"/>
    </row>
    <row r="300783" spans="14:14">
      <c r="N300783" s="10"/>
    </row>
    <row r="300784" spans="14:14">
      <c r="N300784" s="10"/>
    </row>
    <row r="300785" spans="14:14">
      <c r="N300785" s="10"/>
    </row>
    <row r="300786" spans="14:14">
      <c r="N300786" s="10"/>
    </row>
    <row r="300787" spans="14:14">
      <c r="N300787" s="10"/>
    </row>
    <row r="300788" spans="14:14">
      <c r="N300788" s="10"/>
    </row>
    <row r="300789" spans="14:14">
      <c r="N300789" s="10"/>
    </row>
    <row r="300790" spans="14:14">
      <c r="N300790" s="10"/>
    </row>
    <row r="300791" spans="14:14">
      <c r="N300791" s="10"/>
    </row>
    <row r="300792" spans="14:14">
      <c r="N300792" s="10"/>
    </row>
    <row r="300793" spans="14:14">
      <c r="N300793" s="10"/>
    </row>
    <row r="300794" spans="14:14">
      <c r="N300794" s="10"/>
    </row>
    <row r="300795" spans="14:14">
      <c r="N300795" s="10"/>
    </row>
    <row r="300796" spans="14:14">
      <c r="N300796" s="10"/>
    </row>
    <row r="300797" spans="14:14">
      <c r="N300797" s="10"/>
    </row>
    <row r="300798" spans="14:14">
      <c r="N300798" s="10"/>
    </row>
    <row r="300799" spans="14:14">
      <c r="N300799" s="10"/>
    </row>
    <row r="300800" spans="14:14">
      <c r="N300800" s="10"/>
    </row>
    <row r="300801" spans="14:14">
      <c r="N300801" s="10"/>
    </row>
    <row r="300802" spans="14:14">
      <c r="N300802" s="10"/>
    </row>
    <row r="300803" spans="14:14">
      <c r="N300803" s="10"/>
    </row>
    <row r="300804" spans="14:14">
      <c r="N300804" s="10"/>
    </row>
    <row r="300805" spans="14:14">
      <c r="N300805" s="10"/>
    </row>
    <row r="300806" spans="14:14">
      <c r="N300806" s="10"/>
    </row>
    <row r="300807" spans="14:14">
      <c r="N300807" s="10"/>
    </row>
    <row r="300808" spans="14:14">
      <c r="N300808" s="10"/>
    </row>
    <row r="300809" spans="14:14">
      <c r="N300809" s="10"/>
    </row>
    <row r="300810" spans="14:14">
      <c r="N300810" s="10"/>
    </row>
    <row r="300811" spans="14:14">
      <c r="N300811" s="10"/>
    </row>
    <row r="300812" spans="14:14">
      <c r="N300812" s="10"/>
    </row>
    <row r="300813" spans="14:14">
      <c r="N300813" s="10"/>
    </row>
    <row r="300814" spans="14:14">
      <c r="N300814" s="10"/>
    </row>
    <row r="300815" spans="14:14">
      <c r="N300815" s="10"/>
    </row>
    <row r="300816" spans="14:14">
      <c r="N300816" s="10"/>
    </row>
    <row r="300817" spans="14:14">
      <c r="N300817" s="10"/>
    </row>
    <row r="300818" spans="14:14">
      <c r="N300818" s="10"/>
    </row>
    <row r="300819" spans="14:14">
      <c r="N300819" s="10"/>
    </row>
    <row r="300820" spans="14:14">
      <c r="N300820" s="10"/>
    </row>
    <row r="300821" spans="14:14">
      <c r="N300821" s="10"/>
    </row>
    <row r="300822" spans="14:14">
      <c r="N300822" s="10"/>
    </row>
    <row r="300823" spans="14:14">
      <c r="N300823" s="10"/>
    </row>
    <row r="300824" spans="14:14">
      <c r="N300824" s="10"/>
    </row>
    <row r="300825" spans="14:14">
      <c r="N300825" s="10"/>
    </row>
    <row r="300826" spans="14:14">
      <c r="N300826" s="10"/>
    </row>
    <row r="300827" spans="14:14">
      <c r="N300827" s="10"/>
    </row>
    <row r="300828" spans="14:14">
      <c r="N300828" s="10"/>
    </row>
    <row r="300829" spans="14:14">
      <c r="N300829" s="10"/>
    </row>
    <row r="300830" spans="14:14">
      <c r="N300830" s="10"/>
    </row>
    <row r="300831" spans="14:14">
      <c r="N300831" s="10"/>
    </row>
    <row r="300832" spans="14:14">
      <c r="N300832" s="10"/>
    </row>
    <row r="300833" spans="14:14">
      <c r="N300833" s="10"/>
    </row>
    <row r="300834" spans="14:14">
      <c r="N300834" s="10"/>
    </row>
    <row r="300835" spans="14:14">
      <c r="N300835" s="10"/>
    </row>
    <row r="300836" spans="14:14">
      <c r="N300836" s="10"/>
    </row>
    <row r="300837" spans="14:14">
      <c r="N300837" s="10"/>
    </row>
    <row r="300838" spans="14:14">
      <c r="N300838" s="10"/>
    </row>
    <row r="300839" spans="14:14">
      <c r="N300839" s="10"/>
    </row>
    <row r="300840" spans="14:14">
      <c r="N300840" s="10"/>
    </row>
    <row r="300841" spans="14:14">
      <c r="N300841" s="10"/>
    </row>
    <row r="300842" spans="14:14">
      <c r="N300842" s="10"/>
    </row>
    <row r="300843" spans="14:14">
      <c r="N300843" s="10"/>
    </row>
    <row r="300844" spans="14:14">
      <c r="N300844" s="10"/>
    </row>
    <row r="300845" spans="14:14">
      <c r="N300845" s="10"/>
    </row>
    <row r="300846" spans="14:14">
      <c r="N300846" s="10"/>
    </row>
    <row r="300847" spans="14:14">
      <c r="N300847" s="10"/>
    </row>
    <row r="300848" spans="14:14">
      <c r="N300848" s="10"/>
    </row>
    <row r="300849" spans="14:14">
      <c r="N300849" s="10"/>
    </row>
    <row r="300850" spans="14:14">
      <c r="N300850" s="10"/>
    </row>
    <row r="300851" spans="14:14">
      <c r="N300851" s="10"/>
    </row>
    <row r="300852" spans="14:14">
      <c r="N300852" s="10"/>
    </row>
    <row r="300853" spans="14:14">
      <c r="N300853" s="10"/>
    </row>
    <row r="300854" spans="14:14">
      <c r="N300854" s="10"/>
    </row>
    <row r="300855" spans="14:14">
      <c r="N300855" s="10"/>
    </row>
    <row r="300856" spans="14:14">
      <c r="N300856" s="10"/>
    </row>
    <row r="300857" spans="14:14">
      <c r="N300857" s="10"/>
    </row>
    <row r="300858" spans="14:14">
      <c r="N300858" s="10"/>
    </row>
    <row r="300859" spans="14:14">
      <c r="N300859" s="10"/>
    </row>
    <row r="300860" spans="14:14">
      <c r="N300860" s="10"/>
    </row>
    <row r="300861" spans="14:14">
      <c r="N300861" s="10"/>
    </row>
    <row r="300862" spans="14:14">
      <c r="N300862" s="10"/>
    </row>
    <row r="300863" spans="14:14">
      <c r="N300863" s="10"/>
    </row>
    <row r="300864" spans="14:14">
      <c r="N300864" s="10"/>
    </row>
    <row r="300865" spans="14:14">
      <c r="N300865" s="10"/>
    </row>
    <row r="300866" spans="14:14">
      <c r="N300866" s="10"/>
    </row>
    <row r="300867" spans="14:14">
      <c r="N300867" s="10"/>
    </row>
    <row r="300868" spans="14:14">
      <c r="N300868" s="10"/>
    </row>
    <row r="300869" spans="14:14">
      <c r="N300869" s="10"/>
    </row>
    <row r="300870" spans="14:14">
      <c r="N300870" s="10"/>
    </row>
    <row r="300871" spans="14:14">
      <c r="N300871" s="10"/>
    </row>
    <row r="300872" spans="14:14">
      <c r="N300872" s="10"/>
    </row>
    <row r="300873" spans="14:14">
      <c r="N300873" s="10"/>
    </row>
    <row r="300874" spans="14:14">
      <c r="N300874" s="10"/>
    </row>
    <row r="300875" spans="14:14">
      <c r="N300875" s="10"/>
    </row>
    <row r="300876" spans="14:14">
      <c r="N300876" s="10"/>
    </row>
    <row r="300877" spans="14:14">
      <c r="N300877" s="10"/>
    </row>
    <row r="300878" spans="14:14">
      <c r="N300878" s="10"/>
    </row>
    <row r="300879" spans="14:14">
      <c r="N300879" s="10"/>
    </row>
    <row r="300880" spans="14:14">
      <c r="N300880" s="10"/>
    </row>
    <row r="300881" spans="14:14">
      <c r="N300881" s="10"/>
    </row>
    <row r="300882" spans="14:14">
      <c r="N300882" s="10"/>
    </row>
    <row r="300883" spans="14:14">
      <c r="N300883" s="10"/>
    </row>
    <row r="300884" spans="14:14">
      <c r="N300884" s="10"/>
    </row>
    <row r="300885" spans="14:14">
      <c r="N300885" s="10"/>
    </row>
    <row r="300886" spans="14:14">
      <c r="N300886" s="10"/>
    </row>
    <row r="300887" spans="14:14">
      <c r="N300887" s="10"/>
    </row>
    <row r="300888" spans="14:14">
      <c r="N300888" s="10"/>
    </row>
    <row r="300889" spans="14:14">
      <c r="N300889" s="10"/>
    </row>
    <row r="300890" spans="14:14">
      <c r="N300890" s="10"/>
    </row>
    <row r="300891" spans="14:14">
      <c r="N300891" s="10"/>
    </row>
    <row r="300892" spans="14:14">
      <c r="N300892" s="10"/>
    </row>
    <row r="300893" spans="14:14">
      <c r="N300893" s="10"/>
    </row>
    <row r="300894" spans="14:14">
      <c r="N300894" s="10"/>
    </row>
    <row r="300895" spans="14:14">
      <c r="N300895" s="10"/>
    </row>
    <row r="300896" spans="14:14">
      <c r="N300896" s="10"/>
    </row>
    <row r="300897" spans="14:14">
      <c r="N300897" s="10"/>
    </row>
    <row r="300898" spans="14:14">
      <c r="N300898" s="10"/>
    </row>
    <row r="300899" spans="14:14">
      <c r="N300899" s="10"/>
    </row>
    <row r="300900" spans="14:14">
      <c r="N300900" s="10"/>
    </row>
    <row r="300901" spans="14:14">
      <c r="N300901" s="10"/>
    </row>
    <row r="300902" spans="14:14">
      <c r="N300902" s="10"/>
    </row>
    <row r="300903" spans="14:14">
      <c r="N300903" s="10"/>
    </row>
    <row r="300904" spans="14:14">
      <c r="N300904" s="10"/>
    </row>
    <row r="300905" spans="14:14">
      <c r="N300905" s="10"/>
    </row>
    <row r="300906" spans="14:14">
      <c r="N300906" s="10"/>
    </row>
    <row r="300907" spans="14:14">
      <c r="N300907" s="10"/>
    </row>
    <row r="300908" spans="14:14">
      <c r="N300908" s="10"/>
    </row>
    <row r="300909" spans="14:14">
      <c r="N300909" s="10"/>
    </row>
    <row r="300910" spans="14:14">
      <c r="N300910" s="10"/>
    </row>
    <row r="300911" spans="14:14">
      <c r="N300911" s="10"/>
    </row>
    <row r="300912" spans="14:14">
      <c r="N300912" s="10"/>
    </row>
    <row r="300913" spans="14:14">
      <c r="N300913" s="10"/>
    </row>
    <row r="300914" spans="14:14">
      <c r="N300914" s="10"/>
    </row>
    <row r="300915" spans="14:14">
      <c r="N300915" s="10"/>
    </row>
    <row r="300916" spans="14:14">
      <c r="N300916" s="10"/>
    </row>
    <row r="300917" spans="14:14">
      <c r="N300917" s="10"/>
    </row>
    <row r="300918" spans="14:14">
      <c r="N300918" s="10"/>
    </row>
    <row r="300919" spans="14:14">
      <c r="N300919" s="10"/>
    </row>
    <row r="300920" spans="14:14">
      <c r="N300920" s="10"/>
    </row>
    <row r="300921" spans="14:14">
      <c r="N300921" s="10"/>
    </row>
    <row r="300922" spans="14:14">
      <c r="N300922" s="10"/>
    </row>
    <row r="300923" spans="14:14">
      <c r="N300923" s="10"/>
    </row>
    <row r="300924" spans="14:14">
      <c r="N300924" s="10"/>
    </row>
    <row r="300925" spans="14:14">
      <c r="N300925" s="10"/>
    </row>
    <row r="300926" spans="14:14">
      <c r="N300926" s="10"/>
    </row>
    <row r="300927" spans="14:14">
      <c r="N300927" s="10"/>
    </row>
    <row r="300928" spans="14:14">
      <c r="N300928" s="10"/>
    </row>
    <row r="300929" spans="14:14">
      <c r="N300929" s="10"/>
    </row>
    <row r="300930" spans="14:14">
      <c r="N300930" s="10"/>
    </row>
    <row r="300931" spans="14:14">
      <c r="N300931" s="10"/>
    </row>
    <row r="300932" spans="14:14">
      <c r="N300932" s="10"/>
    </row>
    <row r="300933" spans="14:14">
      <c r="N300933" s="10"/>
    </row>
    <row r="300934" spans="14:14">
      <c r="N300934" s="10"/>
    </row>
    <row r="300935" spans="14:14">
      <c r="N300935" s="10"/>
    </row>
    <row r="300936" spans="14:14">
      <c r="N300936" s="10"/>
    </row>
    <row r="300937" spans="14:14">
      <c r="N300937" s="10"/>
    </row>
    <row r="300938" spans="14:14">
      <c r="N300938" s="10"/>
    </row>
    <row r="300939" spans="14:14">
      <c r="N300939" s="10"/>
    </row>
    <row r="300940" spans="14:14">
      <c r="N300940" s="10"/>
    </row>
    <row r="300941" spans="14:14">
      <c r="N300941" s="10"/>
    </row>
    <row r="300942" spans="14:14">
      <c r="N300942" s="10"/>
    </row>
    <row r="300943" spans="14:14">
      <c r="N300943" s="10"/>
    </row>
    <row r="300944" spans="14:14">
      <c r="N300944" s="10"/>
    </row>
    <row r="300945" spans="14:14">
      <c r="N300945" s="10"/>
    </row>
    <row r="300946" spans="14:14">
      <c r="N300946" s="10"/>
    </row>
    <row r="300947" spans="14:14">
      <c r="N300947" s="10"/>
    </row>
    <row r="300948" spans="14:14">
      <c r="N300948" s="10"/>
    </row>
    <row r="300949" spans="14:14">
      <c r="N300949" s="10"/>
    </row>
    <row r="300950" spans="14:14">
      <c r="N300950" s="10"/>
    </row>
    <row r="300951" spans="14:14">
      <c r="N300951" s="10"/>
    </row>
    <row r="300952" spans="14:14">
      <c r="N300952" s="10"/>
    </row>
    <row r="300953" spans="14:14">
      <c r="N300953" s="10"/>
    </row>
    <row r="300954" spans="14:14">
      <c r="N300954" s="10"/>
    </row>
    <row r="300955" spans="14:14">
      <c r="N300955" s="10"/>
    </row>
    <row r="300956" spans="14:14">
      <c r="N300956" s="10"/>
    </row>
    <row r="300957" spans="14:14">
      <c r="N300957" s="10"/>
    </row>
    <row r="300958" spans="14:14">
      <c r="N300958" s="10"/>
    </row>
    <row r="300959" spans="14:14">
      <c r="N300959" s="10"/>
    </row>
    <row r="300960" spans="14:14">
      <c r="N300960" s="10"/>
    </row>
    <row r="300961" spans="14:14">
      <c r="N300961" s="10"/>
    </row>
    <row r="300962" spans="14:14">
      <c r="N300962" s="10"/>
    </row>
    <row r="300963" spans="14:14">
      <c r="N300963" s="10"/>
    </row>
    <row r="300964" spans="14:14">
      <c r="N300964" s="10"/>
    </row>
    <row r="300965" spans="14:14">
      <c r="N300965" s="10"/>
    </row>
    <row r="300966" spans="14:14">
      <c r="N300966" s="10"/>
    </row>
    <row r="300967" spans="14:14">
      <c r="N300967" s="10"/>
    </row>
    <row r="300968" spans="14:14">
      <c r="N300968" s="10"/>
    </row>
    <row r="300969" spans="14:14">
      <c r="N300969" s="10"/>
    </row>
    <row r="300970" spans="14:14">
      <c r="N300970" s="10"/>
    </row>
    <row r="300971" spans="14:14">
      <c r="N300971" s="10"/>
    </row>
    <row r="300972" spans="14:14">
      <c r="N300972" s="10"/>
    </row>
    <row r="300973" spans="14:14">
      <c r="N300973" s="10"/>
    </row>
    <row r="300974" spans="14:14">
      <c r="N300974" s="10"/>
    </row>
    <row r="300975" spans="14:14">
      <c r="N300975" s="10"/>
    </row>
    <row r="300976" spans="14:14">
      <c r="N300976" s="10"/>
    </row>
    <row r="300977" spans="14:14">
      <c r="N300977" s="10"/>
    </row>
    <row r="300978" spans="14:14">
      <c r="N300978" s="10"/>
    </row>
    <row r="300979" spans="14:14">
      <c r="N300979" s="10"/>
    </row>
    <row r="300980" spans="14:14">
      <c r="N300980" s="10"/>
    </row>
    <row r="300981" spans="14:14">
      <c r="N300981" s="10"/>
    </row>
    <row r="300982" spans="14:14">
      <c r="N300982" s="10"/>
    </row>
    <row r="300983" spans="14:14">
      <c r="N300983" s="10"/>
    </row>
    <row r="300984" spans="14:14">
      <c r="N300984" s="10"/>
    </row>
    <row r="300985" spans="14:14">
      <c r="N300985" s="10"/>
    </row>
    <row r="300986" spans="14:14">
      <c r="N300986" s="10"/>
    </row>
    <row r="300987" spans="14:14">
      <c r="N300987" s="10"/>
    </row>
    <row r="300988" spans="14:14">
      <c r="N300988" s="10"/>
    </row>
    <row r="300989" spans="14:14">
      <c r="N300989" s="10"/>
    </row>
    <row r="300990" spans="14:14">
      <c r="N300990" s="10"/>
    </row>
    <row r="300991" spans="14:14">
      <c r="N300991" s="10"/>
    </row>
    <row r="300992" spans="14:14">
      <c r="N300992" s="10"/>
    </row>
    <row r="300993" spans="14:14">
      <c r="N300993" s="10"/>
    </row>
    <row r="300994" spans="14:14">
      <c r="N300994" s="10"/>
    </row>
    <row r="300995" spans="14:14">
      <c r="N300995" s="10"/>
    </row>
    <row r="300996" spans="14:14">
      <c r="N300996" s="10"/>
    </row>
    <row r="300997" spans="14:14">
      <c r="N300997" s="10"/>
    </row>
    <row r="300998" spans="14:14">
      <c r="N300998" s="10"/>
    </row>
    <row r="300999" spans="14:14">
      <c r="N300999" s="10"/>
    </row>
    <row r="301000" spans="14:14">
      <c r="N301000" s="10"/>
    </row>
    <row r="301001" spans="14:14">
      <c r="N301001" s="10"/>
    </row>
    <row r="301002" spans="14:14">
      <c r="N301002" s="10"/>
    </row>
    <row r="301003" spans="14:14">
      <c r="N301003" s="10"/>
    </row>
    <row r="301004" spans="14:14">
      <c r="N301004" s="10"/>
    </row>
    <row r="301005" spans="14:14">
      <c r="N301005" s="10"/>
    </row>
    <row r="301006" spans="14:14">
      <c r="N301006" s="10"/>
    </row>
    <row r="301007" spans="14:14">
      <c r="N301007" s="10"/>
    </row>
    <row r="301008" spans="14:14">
      <c r="N301008" s="10"/>
    </row>
    <row r="301009" spans="14:14">
      <c r="N301009" s="10"/>
    </row>
    <row r="301010" spans="14:14">
      <c r="N301010" s="10"/>
    </row>
    <row r="301011" spans="14:14">
      <c r="N301011" s="10"/>
    </row>
    <row r="301012" spans="14:14">
      <c r="N301012" s="10"/>
    </row>
    <row r="301013" spans="14:14">
      <c r="N301013" s="10"/>
    </row>
    <row r="301014" spans="14:14">
      <c r="N301014" s="10"/>
    </row>
    <row r="301015" spans="14:14">
      <c r="N301015" s="10"/>
    </row>
    <row r="301016" spans="14:14">
      <c r="N301016" s="10"/>
    </row>
    <row r="301017" spans="14:14">
      <c r="N301017" s="10"/>
    </row>
    <row r="301018" spans="14:14">
      <c r="N301018" s="10"/>
    </row>
    <row r="301019" spans="14:14">
      <c r="N301019" s="10"/>
    </row>
    <row r="301020" spans="14:14">
      <c r="N301020" s="10"/>
    </row>
    <row r="301021" spans="14:14">
      <c r="N301021" s="10"/>
    </row>
    <row r="301022" spans="14:14">
      <c r="N301022" s="10"/>
    </row>
    <row r="301023" spans="14:14">
      <c r="N301023" s="10"/>
    </row>
    <row r="301024" spans="14:14">
      <c r="N301024" s="10"/>
    </row>
    <row r="301025" spans="14:14">
      <c r="N301025" s="10"/>
    </row>
    <row r="301026" spans="14:14">
      <c r="N301026" s="10"/>
    </row>
    <row r="301027" spans="14:14">
      <c r="N301027" s="10"/>
    </row>
    <row r="301028" spans="14:14">
      <c r="N301028" s="10"/>
    </row>
    <row r="301029" spans="14:14">
      <c r="N301029" s="10"/>
    </row>
    <row r="301030" spans="14:14">
      <c r="N301030" s="10"/>
    </row>
    <row r="301031" spans="14:14">
      <c r="N301031" s="10"/>
    </row>
    <row r="301032" spans="14:14">
      <c r="N301032" s="10"/>
    </row>
    <row r="301033" spans="14:14">
      <c r="N301033" s="10"/>
    </row>
    <row r="301034" spans="14:14">
      <c r="N301034" s="10"/>
    </row>
    <row r="301035" spans="14:14">
      <c r="N301035" s="10"/>
    </row>
    <row r="301036" spans="14:14">
      <c r="N301036" s="10"/>
    </row>
    <row r="301037" spans="14:14">
      <c r="N301037" s="10"/>
    </row>
    <row r="301038" spans="14:14">
      <c r="N301038" s="10"/>
    </row>
    <row r="301039" spans="14:14">
      <c r="N301039" s="10"/>
    </row>
    <row r="301040" spans="14:14">
      <c r="N301040" s="10"/>
    </row>
    <row r="301041" spans="14:14">
      <c r="N301041" s="10"/>
    </row>
    <row r="301042" spans="14:14">
      <c r="N301042" s="10"/>
    </row>
    <row r="301043" spans="14:14">
      <c r="N301043" s="10"/>
    </row>
    <row r="301044" spans="14:14">
      <c r="N301044" s="10"/>
    </row>
    <row r="301045" spans="14:14">
      <c r="N301045" s="10"/>
    </row>
    <row r="301046" spans="14:14">
      <c r="N301046" s="10"/>
    </row>
    <row r="301047" spans="14:14">
      <c r="N301047" s="10"/>
    </row>
    <row r="301048" spans="14:14">
      <c r="N301048" s="10"/>
    </row>
    <row r="301049" spans="14:14">
      <c r="N301049" s="10"/>
    </row>
    <row r="301050" spans="14:14">
      <c r="N301050" s="10"/>
    </row>
    <row r="301051" spans="14:14">
      <c r="N301051" s="10"/>
    </row>
    <row r="301052" spans="14:14">
      <c r="N301052" s="10"/>
    </row>
    <row r="301053" spans="14:14">
      <c r="N301053" s="10"/>
    </row>
    <row r="301054" spans="14:14">
      <c r="N301054" s="10"/>
    </row>
    <row r="301055" spans="14:14">
      <c r="N301055" s="10"/>
    </row>
    <row r="301056" spans="14:14">
      <c r="N301056" s="10"/>
    </row>
    <row r="301057" spans="14:14">
      <c r="N301057" s="10"/>
    </row>
    <row r="301058" spans="14:14">
      <c r="N301058" s="10"/>
    </row>
    <row r="301059" spans="14:14">
      <c r="N301059" s="10"/>
    </row>
    <row r="301060" spans="14:14">
      <c r="N301060" s="10"/>
    </row>
    <row r="301061" spans="14:14">
      <c r="N301061" s="10"/>
    </row>
    <row r="301062" spans="14:14">
      <c r="N301062" s="10"/>
    </row>
    <row r="301063" spans="14:14">
      <c r="N301063" s="10"/>
    </row>
    <row r="301064" spans="14:14">
      <c r="N301064" s="10"/>
    </row>
    <row r="301065" spans="14:14">
      <c r="N301065" s="10"/>
    </row>
    <row r="301066" spans="14:14">
      <c r="N301066" s="10"/>
    </row>
    <row r="301067" spans="14:14">
      <c r="N301067" s="10"/>
    </row>
    <row r="301068" spans="14:14">
      <c r="N301068" s="10"/>
    </row>
    <row r="301069" spans="14:14">
      <c r="N301069" s="10"/>
    </row>
    <row r="301070" spans="14:14">
      <c r="N301070" s="10"/>
    </row>
    <row r="301071" spans="14:14">
      <c r="N301071" s="10"/>
    </row>
    <row r="301072" spans="14:14">
      <c r="N301072" s="10"/>
    </row>
    <row r="301073" spans="14:14">
      <c r="N301073" s="10"/>
    </row>
    <row r="301074" spans="14:14">
      <c r="N301074" s="10"/>
    </row>
    <row r="301075" spans="14:14">
      <c r="N301075" s="10"/>
    </row>
    <row r="301076" spans="14:14">
      <c r="N301076" s="10"/>
    </row>
    <row r="301077" spans="14:14">
      <c r="N301077" s="10"/>
    </row>
    <row r="301078" spans="14:14">
      <c r="N301078" s="10"/>
    </row>
    <row r="301079" spans="14:14">
      <c r="N301079" s="10"/>
    </row>
    <row r="301080" spans="14:14">
      <c r="N301080" s="10"/>
    </row>
    <row r="301081" spans="14:14">
      <c r="N301081" s="10"/>
    </row>
    <row r="301082" spans="14:14">
      <c r="N301082" s="10"/>
    </row>
    <row r="301083" spans="14:14">
      <c r="N301083" s="10"/>
    </row>
    <row r="301084" spans="14:14">
      <c r="N301084" s="10"/>
    </row>
    <row r="301085" spans="14:14">
      <c r="N301085" s="10"/>
    </row>
    <row r="301086" spans="14:14">
      <c r="N301086" s="10"/>
    </row>
    <row r="301087" spans="14:14">
      <c r="N301087" s="10"/>
    </row>
    <row r="301088" spans="14:14">
      <c r="N301088" s="10"/>
    </row>
    <row r="301089" spans="14:14">
      <c r="N301089" s="10"/>
    </row>
    <row r="301090" spans="14:14">
      <c r="N301090" s="10"/>
    </row>
    <row r="301091" spans="14:14">
      <c r="N301091" s="10"/>
    </row>
    <row r="301092" spans="14:14">
      <c r="N301092" s="10"/>
    </row>
    <row r="301093" spans="14:14">
      <c r="N301093" s="10"/>
    </row>
    <row r="301094" spans="14:14">
      <c r="N301094" s="10"/>
    </row>
    <row r="301095" spans="14:14">
      <c r="N301095" s="10"/>
    </row>
    <row r="301096" spans="14:14">
      <c r="N301096" s="10"/>
    </row>
    <row r="301097" spans="14:14">
      <c r="N301097" s="10"/>
    </row>
    <row r="301098" spans="14:14">
      <c r="N301098" s="10"/>
    </row>
    <row r="301099" spans="14:14">
      <c r="N301099" s="10"/>
    </row>
    <row r="301100" spans="14:14">
      <c r="N301100" s="10"/>
    </row>
    <row r="301101" spans="14:14">
      <c r="N301101" s="10"/>
    </row>
    <row r="301102" spans="14:14">
      <c r="N301102" s="10"/>
    </row>
    <row r="301103" spans="14:14">
      <c r="N301103" s="10"/>
    </row>
    <row r="301104" spans="14:14">
      <c r="N301104" s="10"/>
    </row>
    <row r="301105" spans="14:14">
      <c r="N301105" s="10"/>
    </row>
    <row r="301106" spans="14:14">
      <c r="N301106" s="10"/>
    </row>
    <row r="301107" spans="14:14">
      <c r="N301107" s="10"/>
    </row>
    <row r="301108" spans="14:14">
      <c r="N301108" s="10"/>
    </row>
    <row r="301109" spans="14:14">
      <c r="N301109" s="10"/>
    </row>
    <row r="301110" spans="14:14">
      <c r="N301110" s="10"/>
    </row>
    <row r="301111" spans="14:14">
      <c r="N301111" s="10"/>
    </row>
    <row r="301112" spans="14:14">
      <c r="N301112" s="10"/>
    </row>
    <row r="301113" spans="14:14">
      <c r="N301113" s="10"/>
    </row>
    <row r="301114" spans="14:14">
      <c r="N301114" s="10"/>
    </row>
    <row r="301115" spans="14:14">
      <c r="N301115" s="10"/>
    </row>
    <row r="301116" spans="14:14">
      <c r="N301116" s="10"/>
    </row>
    <row r="301117" spans="14:14">
      <c r="N301117" s="10"/>
    </row>
    <row r="301118" spans="14:14">
      <c r="N301118" s="10"/>
    </row>
    <row r="301119" spans="14:14">
      <c r="N301119" s="10"/>
    </row>
    <row r="301120" spans="14:14">
      <c r="N301120" s="10"/>
    </row>
    <row r="301121" spans="14:14">
      <c r="N301121" s="10"/>
    </row>
    <row r="301122" spans="14:14">
      <c r="N301122" s="10"/>
    </row>
    <row r="301123" spans="14:14">
      <c r="N301123" s="10"/>
    </row>
    <row r="301124" spans="14:14">
      <c r="N301124" s="10"/>
    </row>
    <row r="301125" spans="14:14">
      <c r="N301125" s="10"/>
    </row>
    <row r="301126" spans="14:14">
      <c r="N301126" s="10"/>
    </row>
    <row r="301127" spans="14:14">
      <c r="N301127" s="10"/>
    </row>
    <row r="301128" spans="14:14">
      <c r="N301128" s="10"/>
    </row>
    <row r="301129" spans="14:14">
      <c r="N301129" s="10"/>
    </row>
    <row r="301130" spans="14:14">
      <c r="N301130" s="10"/>
    </row>
    <row r="301131" spans="14:14">
      <c r="N301131" s="10"/>
    </row>
    <row r="301132" spans="14:14">
      <c r="N301132" s="10"/>
    </row>
    <row r="301133" spans="14:14">
      <c r="N301133" s="10"/>
    </row>
    <row r="301134" spans="14:14">
      <c r="N301134" s="10"/>
    </row>
    <row r="301135" spans="14:14">
      <c r="N301135" s="10"/>
    </row>
    <row r="301136" spans="14:14">
      <c r="N301136" s="10"/>
    </row>
    <row r="301137" spans="14:14">
      <c r="N301137" s="10"/>
    </row>
    <row r="301138" spans="14:14">
      <c r="N301138" s="10"/>
    </row>
    <row r="301139" spans="14:14">
      <c r="N301139" s="10"/>
    </row>
    <row r="301140" spans="14:14">
      <c r="N301140" s="10"/>
    </row>
    <row r="301141" spans="14:14">
      <c r="N301141" s="10"/>
    </row>
    <row r="301142" spans="14:14">
      <c r="N301142" s="10"/>
    </row>
    <row r="301143" spans="14:14">
      <c r="N301143" s="10"/>
    </row>
    <row r="301144" spans="14:14">
      <c r="N301144" s="10"/>
    </row>
    <row r="301145" spans="14:14">
      <c r="N301145" s="10"/>
    </row>
    <row r="301146" spans="14:14">
      <c r="N301146" s="10"/>
    </row>
    <row r="301147" spans="14:14">
      <c r="N301147" s="10"/>
    </row>
    <row r="301148" spans="14:14">
      <c r="N301148" s="10"/>
    </row>
    <row r="301149" spans="14:14">
      <c r="N301149" s="10"/>
    </row>
    <row r="301150" spans="14:14">
      <c r="N301150" s="10"/>
    </row>
    <row r="301151" spans="14:14">
      <c r="N301151" s="10"/>
    </row>
    <row r="301152" spans="14:14">
      <c r="N301152" s="10"/>
    </row>
    <row r="301153" spans="14:14">
      <c r="N301153" s="10"/>
    </row>
    <row r="301154" spans="14:14">
      <c r="N301154" s="10"/>
    </row>
    <row r="301155" spans="14:14">
      <c r="N301155" s="10"/>
    </row>
    <row r="301156" spans="14:14">
      <c r="N301156" s="10"/>
    </row>
    <row r="301157" spans="14:14">
      <c r="N301157" s="10"/>
    </row>
    <row r="301158" spans="14:14">
      <c r="N301158" s="10"/>
    </row>
    <row r="301159" spans="14:14">
      <c r="N301159" s="10"/>
    </row>
    <row r="301160" spans="14:14">
      <c r="N301160" s="10"/>
    </row>
    <row r="301161" spans="14:14">
      <c r="N301161" s="10"/>
    </row>
    <row r="301162" spans="14:14">
      <c r="N301162" s="10"/>
    </row>
    <row r="301163" spans="14:14">
      <c r="N301163" s="10"/>
    </row>
    <row r="301164" spans="14:14">
      <c r="N301164" s="10"/>
    </row>
    <row r="301165" spans="14:14">
      <c r="N301165" s="10"/>
    </row>
    <row r="301166" spans="14:14">
      <c r="N301166" s="10"/>
    </row>
    <row r="301167" spans="14:14">
      <c r="N301167" s="10"/>
    </row>
    <row r="301168" spans="14:14">
      <c r="N301168" s="10"/>
    </row>
    <row r="301169" spans="14:14">
      <c r="N301169" s="10"/>
    </row>
    <row r="301170" spans="14:14">
      <c r="N301170" s="10"/>
    </row>
    <row r="301171" spans="14:14">
      <c r="N301171" s="10"/>
    </row>
    <row r="301172" spans="14:14">
      <c r="N301172" s="10"/>
    </row>
    <row r="301173" spans="14:14">
      <c r="N301173" s="10"/>
    </row>
    <row r="301174" spans="14:14">
      <c r="N301174" s="10"/>
    </row>
    <row r="301175" spans="14:14">
      <c r="N301175" s="10"/>
    </row>
    <row r="301176" spans="14:14">
      <c r="N301176" s="10"/>
    </row>
    <row r="301177" spans="14:14">
      <c r="N301177" s="10"/>
    </row>
    <row r="301178" spans="14:14">
      <c r="N301178" s="10"/>
    </row>
    <row r="301179" spans="14:14">
      <c r="N301179" s="10"/>
    </row>
    <row r="301180" spans="14:14">
      <c r="N301180" s="10"/>
    </row>
    <row r="301181" spans="14:14">
      <c r="N301181" s="10"/>
    </row>
    <row r="301182" spans="14:14">
      <c r="N301182" s="10"/>
    </row>
    <row r="301183" spans="14:14">
      <c r="N301183" s="10"/>
    </row>
    <row r="301184" spans="14:14">
      <c r="N301184" s="10"/>
    </row>
    <row r="301185" spans="14:14">
      <c r="N301185" s="10"/>
    </row>
    <row r="301186" spans="14:14">
      <c r="N301186" s="10"/>
    </row>
    <row r="301187" spans="14:14">
      <c r="N301187" s="10"/>
    </row>
    <row r="301188" spans="14:14">
      <c r="N301188" s="10"/>
    </row>
    <row r="301189" spans="14:14">
      <c r="N301189" s="10"/>
    </row>
    <row r="301190" spans="14:14">
      <c r="N301190" s="10"/>
    </row>
    <row r="301191" spans="14:14">
      <c r="N301191" s="10"/>
    </row>
    <row r="301192" spans="14:14">
      <c r="N301192" s="10"/>
    </row>
    <row r="301193" spans="14:14">
      <c r="N301193" s="10"/>
    </row>
    <row r="301194" spans="14:14">
      <c r="N301194" s="10"/>
    </row>
    <row r="301195" spans="14:14">
      <c r="N301195" s="10"/>
    </row>
    <row r="301196" spans="14:14">
      <c r="N301196" s="10"/>
    </row>
    <row r="301197" spans="14:14">
      <c r="N301197" s="10"/>
    </row>
    <row r="301198" spans="14:14">
      <c r="N301198" s="10"/>
    </row>
    <row r="301199" spans="14:14">
      <c r="N301199" s="10"/>
    </row>
    <row r="301200" spans="14:14">
      <c r="N301200" s="10"/>
    </row>
    <row r="301201" spans="14:14">
      <c r="N301201" s="10"/>
    </row>
    <row r="301202" spans="14:14">
      <c r="N301202" s="10"/>
    </row>
    <row r="301203" spans="14:14">
      <c r="N301203" s="10"/>
    </row>
    <row r="301204" spans="14:14">
      <c r="N301204" s="10"/>
    </row>
    <row r="301205" spans="14:14">
      <c r="N301205" s="10"/>
    </row>
    <row r="301206" spans="14:14">
      <c r="N301206" s="10"/>
    </row>
    <row r="301207" spans="14:14">
      <c r="N301207" s="10"/>
    </row>
    <row r="301208" spans="14:14">
      <c r="N301208" s="10"/>
    </row>
    <row r="301209" spans="14:14">
      <c r="N301209" s="10"/>
    </row>
    <row r="301210" spans="14:14">
      <c r="N301210" s="10"/>
    </row>
    <row r="301211" spans="14:14">
      <c r="N301211" s="10"/>
    </row>
    <row r="301212" spans="14:14">
      <c r="N301212" s="10"/>
    </row>
    <row r="301213" spans="14:14">
      <c r="N301213" s="10"/>
    </row>
    <row r="301214" spans="14:14">
      <c r="N301214" s="10"/>
    </row>
    <row r="301215" spans="14:14">
      <c r="N301215" s="10"/>
    </row>
    <row r="301216" spans="14:14">
      <c r="N301216" s="10"/>
    </row>
    <row r="301217" spans="14:14">
      <c r="N301217" s="10"/>
    </row>
    <row r="301218" spans="14:14">
      <c r="N301218" s="10"/>
    </row>
    <row r="301219" spans="14:14">
      <c r="N301219" s="10"/>
    </row>
    <row r="301220" spans="14:14">
      <c r="N301220" s="10"/>
    </row>
    <row r="301221" spans="14:14">
      <c r="N301221" s="10"/>
    </row>
    <row r="301222" spans="14:14">
      <c r="N301222" s="10"/>
    </row>
    <row r="301223" spans="14:14">
      <c r="N301223" s="10"/>
    </row>
    <row r="301224" spans="14:14">
      <c r="N301224" s="10"/>
    </row>
    <row r="301225" spans="14:14">
      <c r="N301225" s="10"/>
    </row>
    <row r="301226" spans="14:14">
      <c r="N301226" s="10"/>
    </row>
    <row r="301227" spans="14:14">
      <c r="N301227" s="10"/>
    </row>
    <row r="301228" spans="14:14">
      <c r="N301228" s="10"/>
    </row>
    <row r="301229" spans="14:14">
      <c r="N301229" s="10"/>
    </row>
    <row r="301230" spans="14:14">
      <c r="N301230" s="10"/>
    </row>
    <row r="301231" spans="14:14">
      <c r="N301231" s="10"/>
    </row>
    <row r="301232" spans="14:14">
      <c r="N301232" s="10"/>
    </row>
    <row r="301233" spans="14:14">
      <c r="N301233" s="10"/>
    </row>
    <row r="301234" spans="14:14">
      <c r="N301234" s="10"/>
    </row>
    <row r="301235" spans="14:14">
      <c r="N301235" s="10"/>
    </row>
    <row r="301236" spans="14:14">
      <c r="N301236" s="10"/>
    </row>
    <row r="301237" spans="14:14">
      <c r="N301237" s="10"/>
    </row>
    <row r="301238" spans="14:14">
      <c r="N301238" s="10"/>
    </row>
    <row r="301239" spans="14:14">
      <c r="N301239" s="10"/>
    </row>
    <row r="301240" spans="14:14">
      <c r="N301240" s="10"/>
    </row>
    <row r="301241" spans="14:14">
      <c r="N301241" s="10"/>
    </row>
    <row r="301242" spans="14:14">
      <c r="N301242" s="10"/>
    </row>
    <row r="301243" spans="14:14">
      <c r="N301243" s="10"/>
    </row>
    <row r="301244" spans="14:14">
      <c r="N301244" s="10"/>
    </row>
    <row r="301245" spans="14:14">
      <c r="N301245" s="10"/>
    </row>
    <row r="301246" spans="14:14">
      <c r="N301246" s="10"/>
    </row>
    <row r="301247" spans="14:14">
      <c r="N301247" s="10"/>
    </row>
    <row r="301248" spans="14:14">
      <c r="N301248" s="10"/>
    </row>
    <row r="301249" spans="14:14">
      <c r="N301249" s="10"/>
    </row>
    <row r="301250" spans="14:14">
      <c r="N301250" s="10"/>
    </row>
    <row r="301251" spans="14:14">
      <c r="N301251" s="10"/>
    </row>
    <row r="301252" spans="14:14">
      <c r="N301252" s="10"/>
    </row>
    <row r="301253" spans="14:14">
      <c r="N301253" s="10"/>
    </row>
    <row r="301254" spans="14:14">
      <c r="N301254" s="10"/>
    </row>
    <row r="301255" spans="14:14">
      <c r="N301255" s="10"/>
    </row>
    <row r="301256" spans="14:14">
      <c r="N301256" s="10"/>
    </row>
    <row r="301257" spans="14:14">
      <c r="N301257" s="10"/>
    </row>
    <row r="301258" spans="14:14">
      <c r="N301258" s="10"/>
    </row>
    <row r="301259" spans="14:14">
      <c r="N301259" s="10"/>
    </row>
    <row r="301260" spans="14:14">
      <c r="N301260" s="10"/>
    </row>
    <row r="301261" spans="14:14">
      <c r="N301261" s="10"/>
    </row>
    <row r="301262" spans="14:14">
      <c r="N301262" s="10"/>
    </row>
    <row r="301263" spans="14:14">
      <c r="N301263" s="10"/>
    </row>
    <row r="301264" spans="14:14">
      <c r="N301264" s="10"/>
    </row>
    <row r="301265" spans="14:14">
      <c r="N301265" s="10"/>
    </row>
    <row r="301266" spans="14:14">
      <c r="N301266" s="10"/>
    </row>
    <row r="301267" spans="14:14">
      <c r="N301267" s="10"/>
    </row>
    <row r="301268" spans="14:14">
      <c r="N301268" s="10"/>
    </row>
    <row r="301269" spans="14:14">
      <c r="N301269" s="10"/>
    </row>
    <row r="301270" spans="14:14">
      <c r="N301270" s="10"/>
    </row>
    <row r="301271" spans="14:14">
      <c r="N301271" s="10"/>
    </row>
    <row r="301272" spans="14:14">
      <c r="N301272" s="10"/>
    </row>
    <row r="301273" spans="14:14">
      <c r="N301273" s="10"/>
    </row>
    <row r="301274" spans="14:14">
      <c r="N301274" s="10"/>
    </row>
    <row r="301275" spans="14:14">
      <c r="N301275" s="10"/>
    </row>
    <row r="301276" spans="14:14">
      <c r="N301276" s="10"/>
    </row>
    <row r="301277" spans="14:14">
      <c r="N301277" s="10"/>
    </row>
    <row r="301278" spans="14:14">
      <c r="N301278" s="10"/>
    </row>
    <row r="301279" spans="14:14">
      <c r="N301279" s="10"/>
    </row>
    <row r="301280" spans="14:14">
      <c r="N301280" s="10"/>
    </row>
    <row r="301281" spans="14:14">
      <c r="N301281" s="10"/>
    </row>
    <row r="301282" spans="14:14">
      <c r="N301282" s="10"/>
    </row>
    <row r="301283" spans="14:14">
      <c r="N301283" s="10"/>
    </row>
    <row r="301284" spans="14:14">
      <c r="N301284" s="10"/>
    </row>
    <row r="301285" spans="14:14">
      <c r="N301285" s="10"/>
    </row>
    <row r="301286" spans="14:14">
      <c r="N301286" s="10"/>
    </row>
    <row r="301287" spans="14:14">
      <c r="N301287" s="10"/>
    </row>
    <row r="301288" spans="14:14">
      <c r="N301288" s="10"/>
    </row>
    <row r="301289" spans="14:14">
      <c r="N301289" s="10"/>
    </row>
    <row r="301290" spans="14:14">
      <c r="N301290" s="10"/>
    </row>
    <row r="301291" spans="14:14">
      <c r="N301291" s="10"/>
    </row>
    <row r="301292" spans="14:14">
      <c r="N301292" s="10"/>
    </row>
    <row r="301293" spans="14:14">
      <c r="N301293" s="10"/>
    </row>
    <row r="301294" spans="14:14">
      <c r="N301294" s="10"/>
    </row>
    <row r="301295" spans="14:14">
      <c r="N301295" s="10"/>
    </row>
    <row r="301296" spans="14:14">
      <c r="N301296" s="10"/>
    </row>
    <row r="301297" spans="14:14">
      <c r="N301297" s="10"/>
    </row>
    <row r="301298" spans="14:14">
      <c r="N301298" s="10"/>
    </row>
    <row r="301299" spans="14:14">
      <c r="N301299" s="10"/>
    </row>
    <row r="301300" spans="14:14">
      <c r="N301300" s="10"/>
    </row>
    <row r="301301" spans="14:14">
      <c r="N301301" s="10"/>
    </row>
    <row r="301302" spans="14:14">
      <c r="N301302" s="10"/>
    </row>
    <row r="301303" spans="14:14">
      <c r="N301303" s="10"/>
    </row>
    <row r="301304" spans="14:14">
      <c r="N301304" s="10"/>
    </row>
    <row r="301305" spans="14:14">
      <c r="N301305" s="10"/>
    </row>
    <row r="301306" spans="14:14">
      <c r="N301306" s="10"/>
    </row>
    <row r="301307" spans="14:14">
      <c r="N301307" s="10"/>
    </row>
    <row r="301308" spans="14:14">
      <c r="N301308" s="10"/>
    </row>
    <row r="301309" spans="14:14">
      <c r="N301309" s="10"/>
    </row>
    <row r="301310" spans="14:14">
      <c r="N301310" s="10"/>
    </row>
    <row r="301311" spans="14:14">
      <c r="N301311" s="10"/>
    </row>
    <row r="301312" spans="14:14">
      <c r="N301312" s="10"/>
    </row>
    <row r="301313" spans="14:14">
      <c r="N301313" s="10"/>
    </row>
    <row r="301314" spans="14:14">
      <c r="N301314" s="10"/>
    </row>
    <row r="301315" spans="14:14">
      <c r="N301315" s="10"/>
    </row>
    <row r="301316" spans="14:14">
      <c r="N301316" s="10"/>
    </row>
    <row r="301317" spans="14:14">
      <c r="N301317" s="10"/>
    </row>
    <row r="301318" spans="14:14">
      <c r="N301318" s="10"/>
    </row>
    <row r="301319" spans="14:14">
      <c r="N301319" s="10"/>
    </row>
    <row r="301320" spans="14:14">
      <c r="N301320" s="10"/>
    </row>
    <row r="301321" spans="14:14">
      <c r="N301321" s="10"/>
    </row>
    <row r="301322" spans="14:14">
      <c r="N301322" s="10"/>
    </row>
    <row r="301323" spans="14:14">
      <c r="N301323" s="10"/>
    </row>
    <row r="301324" spans="14:14">
      <c r="N301324" s="10"/>
    </row>
    <row r="301325" spans="14:14">
      <c r="N301325" s="10"/>
    </row>
    <row r="301326" spans="14:14">
      <c r="N301326" s="10"/>
    </row>
    <row r="301327" spans="14:14">
      <c r="N301327" s="10"/>
    </row>
    <row r="301328" spans="14:14">
      <c r="N301328" s="10"/>
    </row>
    <row r="301329" spans="14:14">
      <c r="N301329" s="10"/>
    </row>
    <row r="301330" spans="14:14">
      <c r="N301330" s="10"/>
    </row>
    <row r="301331" spans="14:14">
      <c r="N301331" s="10"/>
    </row>
    <row r="301332" spans="14:14">
      <c r="N301332" s="10"/>
    </row>
    <row r="301333" spans="14:14">
      <c r="N301333" s="10"/>
    </row>
    <row r="301334" spans="14:14">
      <c r="N301334" s="10"/>
    </row>
    <row r="301335" spans="14:14">
      <c r="N301335" s="10"/>
    </row>
    <row r="301336" spans="14:14">
      <c r="N301336" s="10"/>
    </row>
    <row r="301337" spans="14:14">
      <c r="N301337" s="10"/>
    </row>
    <row r="301338" spans="14:14">
      <c r="N301338" s="10"/>
    </row>
    <row r="301339" spans="14:14">
      <c r="N301339" s="10"/>
    </row>
    <row r="301340" spans="14:14">
      <c r="N301340" s="10"/>
    </row>
    <row r="301341" spans="14:14">
      <c r="N301341" s="10"/>
    </row>
    <row r="301342" spans="14:14">
      <c r="N301342" s="10"/>
    </row>
    <row r="301343" spans="14:14">
      <c r="N301343" s="10"/>
    </row>
    <row r="301344" spans="14:14">
      <c r="N301344" s="10"/>
    </row>
    <row r="301345" spans="14:14">
      <c r="N301345" s="10"/>
    </row>
    <row r="301346" spans="14:14">
      <c r="N301346" s="10"/>
    </row>
    <row r="301347" spans="14:14">
      <c r="N301347" s="10"/>
    </row>
    <row r="301348" spans="14:14">
      <c r="N301348" s="10"/>
    </row>
    <row r="301349" spans="14:14">
      <c r="N301349" s="10"/>
    </row>
    <row r="301350" spans="14:14">
      <c r="N301350" s="10"/>
    </row>
    <row r="301351" spans="14:14">
      <c r="N301351" s="10"/>
    </row>
    <row r="301352" spans="14:14">
      <c r="N301352" s="10"/>
    </row>
    <row r="301353" spans="14:14">
      <c r="N301353" s="10"/>
    </row>
    <row r="301354" spans="14:14">
      <c r="N301354" s="10"/>
    </row>
    <row r="301355" spans="14:14">
      <c r="N301355" s="10"/>
    </row>
    <row r="301356" spans="14:14">
      <c r="N301356" s="10"/>
    </row>
    <row r="301357" spans="14:14">
      <c r="N301357" s="10"/>
    </row>
    <row r="301358" spans="14:14">
      <c r="N301358" s="10"/>
    </row>
    <row r="301359" spans="14:14">
      <c r="N301359" s="10"/>
    </row>
    <row r="301360" spans="14:14">
      <c r="N301360" s="10"/>
    </row>
    <row r="301361" spans="14:14">
      <c r="N301361" s="10"/>
    </row>
    <row r="301362" spans="14:14">
      <c r="N301362" s="10"/>
    </row>
    <row r="301363" spans="14:14">
      <c r="N301363" s="10"/>
    </row>
    <row r="301364" spans="14:14">
      <c r="N301364" s="10"/>
    </row>
    <row r="301365" spans="14:14">
      <c r="N301365" s="10"/>
    </row>
    <row r="301366" spans="14:14">
      <c r="N301366" s="10"/>
    </row>
    <row r="301367" spans="14:14">
      <c r="N301367" s="10"/>
    </row>
    <row r="301368" spans="14:14">
      <c r="N301368" s="10"/>
    </row>
    <row r="301369" spans="14:14">
      <c r="N301369" s="10"/>
    </row>
    <row r="301370" spans="14:14">
      <c r="N301370" s="10"/>
    </row>
    <row r="301371" spans="14:14">
      <c r="N301371" s="10"/>
    </row>
    <row r="301372" spans="14:14">
      <c r="N301372" s="10"/>
    </row>
    <row r="301373" spans="14:14">
      <c r="N301373" s="10"/>
    </row>
    <row r="301374" spans="14:14">
      <c r="N301374" s="10"/>
    </row>
    <row r="301375" spans="14:14">
      <c r="N301375" s="10"/>
    </row>
    <row r="301376" spans="14:14">
      <c r="N301376" s="10"/>
    </row>
    <row r="301377" spans="14:14">
      <c r="N301377" s="10"/>
    </row>
    <row r="301378" spans="14:14">
      <c r="N301378" s="10"/>
    </row>
    <row r="301379" spans="14:14">
      <c r="N301379" s="10"/>
    </row>
    <row r="301380" spans="14:14">
      <c r="N301380" s="10"/>
    </row>
    <row r="301381" spans="14:14">
      <c r="N301381" s="10"/>
    </row>
    <row r="301382" spans="14:14">
      <c r="N301382" s="10"/>
    </row>
    <row r="301383" spans="14:14">
      <c r="N301383" s="10"/>
    </row>
    <row r="301384" spans="14:14">
      <c r="N301384" s="10"/>
    </row>
    <row r="301385" spans="14:14">
      <c r="N301385" s="10"/>
    </row>
    <row r="301386" spans="14:14">
      <c r="N301386" s="10"/>
    </row>
    <row r="301387" spans="14:14">
      <c r="N301387" s="10"/>
    </row>
    <row r="301388" spans="14:14">
      <c r="N301388" s="10"/>
    </row>
    <row r="301389" spans="14:14">
      <c r="N301389" s="10"/>
    </row>
    <row r="301390" spans="14:14">
      <c r="N301390" s="10"/>
    </row>
    <row r="301391" spans="14:14">
      <c r="N301391" s="10"/>
    </row>
    <row r="301392" spans="14:14">
      <c r="N301392" s="10"/>
    </row>
    <row r="301393" spans="14:14">
      <c r="N301393" s="10"/>
    </row>
    <row r="301394" spans="14:14">
      <c r="N301394" s="10"/>
    </row>
    <row r="301395" spans="14:14">
      <c r="N301395" s="10"/>
    </row>
    <row r="301396" spans="14:14">
      <c r="N301396" s="10"/>
    </row>
    <row r="301397" spans="14:14">
      <c r="N301397" s="10"/>
    </row>
    <row r="301398" spans="14:14">
      <c r="N301398" s="10"/>
    </row>
    <row r="301399" spans="14:14">
      <c r="N301399" s="10"/>
    </row>
    <row r="301400" spans="14:14">
      <c r="N301400" s="10"/>
    </row>
    <row r="301401" spans="14:14">
      <c r="N301401" s="10"/>
    </row>
    <row r="301402" spans="14:14">
      <c r="N301402" s="10"/>
    </row>
    <row r="301403" spans="14:14">
      <c r="N301403" s="10"/>
    </row>
    <row r="301404" spans="14:14">
      <c r="N301404" s="10"/>
    </row>
    <row r="301405" spans="14:14">
      <c r="N301405" s="10"/>
    </row>
    <row r="301406" spans="14:14">
      <c r="N301406" s="10"/>
    </row>
    <row r="301407" spans="14:14">
      <c r="N301407" s="10"/>
    </row>
    <row r="301408" spans="14:14">
      <c r="N301408" s="10"/>
    </row>
    <row r="301409" spans="14:14">
      <c r="N301409" s="10"/>
    </row>
    <row r="301410" spans="14:14">
      <c r="N301410" s="10"/>
    </row>
    <row r="301411" spans="14:14">
      <c r="N301411" s="10"/>
    </row>
    <row r="301412" spans="14:14">
      <c r="N301412" s="10"/>
    </row>
    <row r="301413" spans="14:14">
      <c r="N301413" s="10"/>
    </row>
    <row r="301414" spans="14:14">
      <c r="N301414" s="10"/>
    </row>
    <row r="301415" spans="14:14">
      <c r="N301415" s="10"/>
    </row>
    <row r="301416" spans="14:14">
      <c r="N301416" s="10"/>
    </row>
    <row r="301417" spans="14:14">
      <c r="N301417" s="10"/>
    </row>
    <row r="301418" spans="14:14">
      <c r="N301418" s="10"/>
    </row>
    <row r="301419" spans="14:14">
      <c r="N301419" s="10"/>
    </row>
    <row r="301420" spans="14:14">
      <c r="N301420" s="10"/>
    </row>
    <row r="301421" spans="14:14">
      <c r="N301421" s="10"/>
    </row>
    <row r="301422" spans="14:14">
      <c r="N301422" s="10"/>
    </row>
    <row r="301423" spans="14:14">
      <c r="N301423" s="10"/>
    </row>
    <row r="301424" spans="14:14">
      <c r="N301424" s="10"/>
    </row>
    <row r="301425" spans="14:14">
      <c r="N301425" s="10"/>
    </row>
    <row r="301426" spans="14:14">
      <c r="N301426" s="10"/>
    </row>
    <row r="301427" spans="14:14">
      <c r="N301427" s="10"/>
    </row>
    <row r="301428" spans="14:14">
      <c r="N301428" s="10"/>
    </row>
    <row r="301429" spans="14:14">
      <c r="N301429" s="10"/>
    </row>
    <row r="301430" spans="14:14">
      <c r="N301430" s="10"/>
    </row>
    <row r="301431" spans="14:14">
      <c r="N301431" s="10"/>
    </row>
    <row r="301432" spans="14:14">
      <c r="N301432" s="10"/>
    </row>
    <row r="301433" spans="14:14">
      <c r="N301433" s="10"/>
    </row>
    <row r="301434" spans="14:14">
      <c r="N301434" s="10"/>
    </row>
    <row r="301435" spans="14:14">
      <c r="N301435" s="10"/>
    </row>
    <row r="301436" spans="14:14">
      <c r="N301436" s="10"/>
    </row>
    <row r="301437" spans="14:14">
      <c r="N301437" s="10"/>
    </row>
    <row r="301438" spans="14:14">
      <c r="N301438" s="10"/>
    </row>
    <row r="301439" spans="14:14">
      <c r="N301439" s="10"/>
    </row>
    <row r="301440" spans="14:14">
      <c r="N301440" s="10"/>
    </row>
    <row r="301441" spans="14:14">
      <c r="N301441" s="10"/>
    </row>
    <row r="301442" spans="14:14">
      <c r="N301442" s="10"/>
    </row>
    <row r="301443" spans="14:14">
      <c r="N301443" s="10"/>
    </row>
    <row r="301444" spans="14:14">
      <c r="N301444" s="10"/>
    </row>
    <row r="301445" spans="14:14">
      <c r="N301445" s="10"/>
    </row>
    <row r="301446" spans="14:14">
      <c r="N301446" s="10"/>
    </row>
    <row r="301447" spans="14:14">
      <c r="N301447" s="10"/>
    </row>
    <row r="301448" spans="14:14">
      <c r="N301448" s="10"/>
    </row>
    <row r="301449" spans="14:14">
      <c r="N301449" s="10"/>
    </row>
    <row r="301450" spans="14:14">
      <c r="N301450" s="10"/>
    </row>
    <row r="301451" spans="14:14">
      <c r="N301451" s="10"/>
    </row>
    <row r="301452" spans="14:14">
      <c r="N301452" s="10"/>
    </row>
    <row r="301453" spans="14:14">
      <c r="N301453" s="10"/>
    </row>
    <row r="301454" spans="14:14">
      <c r="N301454" s="10"/>
    </row>
    <row r="301455" spans="14:14">
      <c r="N301455" s="10"/>
    </row>
    <row r="301456" spans="14:14">
      <c r="N301456" s="10"/>
    </row>
    <row r="301457" spans="14:14">
      <c r="N301457" s="10"/>
    </row>
    <row r="301458" spans="14:14">
      <c r="N301458" s="10"/>
    </row>
    <row r="301459" spans="14:14">
      <c r="N301459" s="10"/>
    </row>
    <row r="301460" spans="14:14">
      <c r="N301460" s="10"/>
    </row>
    <row r="301461" spans="14:14">
      <c r="N301461" s="10"/>
    </row>
    <row r="301462" spans="14:14">
      <c r="N301462" s="10"/>
    </row>
    <row r="301463" spans="14:14">
      <c r="N301463" s="10"/>
    </row>
    <row r="301464" spans="14:14">
      <c r="N301464" s="10"/>
    </row>
    <row r="301465" spans="14:14">
      <c r="N301465" s="10"/>
    </row>
    <row r="301466" spans="14:14">
      <c r="N301466" s="10"/>
    </row>
    <row r="301467" spans="14:14">
      <c r="N301467" s="10"/>
    </row>
    <row r="301468" spans="14:14">
      <c r="N301468" s="10"/>
    </row>
    <row r="301469" spans="14:14">
      <c r="N301469" s="10"/>
    </row>
    <row r="301470" spans="14:14">
      <c r="N301470" s="10"/>
    </row>
    <row r="301471" spans="14:14">
      <c r="N301471" s="10"/>
    </row>
    <row r="301472" spans="14:14">
      <c r="N301472" s="10"/>
    </row>
    <row r="301473" spans="14:14">
      <c r="N301473" s="10"/>
    </row>
    <row r="301474" spans="14:14">
      <c r="N301474" s="10"/>
    </row>
    <row r="301475" spans="14:14">
      <c r="N301475" s="10"/>
    </row>
    <row r="301476" spans="14:14">
      <c r="N301476" s="10"/>
    </row>
    <row r="301477" spans="14:14">
      <c r="N301477" s="10"/>
    </row>
    <row r="301478" spans="14:14">
      <c r="N301478" s="10"/>
    </row>
    <row r="301479" spans="14:14">
      <c r="N301479" s="10"/>
    </row>
    <row r="301480" spans="14:14">
      <c r="N301480" s="10"/>
    </row>
    <row r="301481" spans="14:14">
      <c r="N301481" s="10"/>
    </row>
    <row r="301482" spans="14:14">
      <c r="N301482" s="10"/>
    </row>
    <row r="301483" spans="14:14">
      <c r="N301483" s="10"/>
    </row>
    <row r="301484" spans="14:14">
      <c r="N301484" s="10"/>
    </row>
    <row r="301485" spans="14:14">
      <c r="N301485" s="10"/>
    </row>
    <row r="301486" spans="14:14">
      <c r="N301486" s="10"/>
    </row>
    <row r="301487" spans="14:14">
      <c r="N301487" s="10"/>
    </row>
    <row r="301488" spans="14:14">
      <c r="N301488" s="10"/>
    </row>
    <row r="301489" spans="14:14">
      <c r="N301489" s="10"/>
    </row>
    <row r="301490" spans="14:14">
      <c r="N301490" s="10"/>
    </row>
    <row r="301491" spans="14:14">
      <c r="N301491" s="10"/>
    </row>
    <row r="301492" spans="14:14">
      <c r="N301492" s="10"/>
    </row>
    <row r="301493" spans="14:14">
      <c r="N301493" s="10"/>
    </row>
    <row r="301494" spans="14:14">
      <c r="N301494" s="10"/>
    </row>
    <row r="301495" spans="14:14">
      <c r="N301495" s="10"/>
    </row>
    <row r="301496" spans="14:14">
      <c r="N301496" s="10"/>
    </row>
    <row r="301497" spans="14:14">
      <c r="N301497" s="10"/>
    </row>
    <row r="301498" spans="14:14">
      <c r="N301498" s="10"/>
    </row>
    <row r="301499" spans="14:14">
      <c r="N301499" s="10"/>
    </row>
    <row r="301500" spans="14:14">
      <c r="N301500" s="10"/>
    </row>
    <row r="301501" spans="14:14">
      <c r="N301501" s="10"/>
    </row>
    <row r="301502" spans="14:14">
      <c r="N301502" s="10"/>
    </row>
    <row r="301503" spans="14:14">
      <c r="N301503" s="10"/>
    </row>
    <row r="301504" spans="14:14">
      <c r="N301504" s="10"/>
    </row>
    <row r="301505" spans="14:14">
      <c r="N301505" s="10"/>
    </row>
    <row r="301506" spans="14:14">
      <c r="N301506" s="10"/>
    </row>
    <row r="301507" spans="14:14">
      <c r="N301507" s="10"/>
    </row>
    <row r="301508" spans="14:14">
      <c r="N301508" s="10"/>
    </row>
    <row r="301509" spans="14:14">
      <c r="N301509" s="10"/>
    </row>
    <row r="301510" spans="14:14">
      <c r="N301510" s="10"/>
    </row>
    <row r="301511" spans="14:14">
      <c r="N301511" s="10"/>
    </row>
    <row r="301512" spans="14:14">
      <c r="N301512" s="10"/>
    </row>
    <row r="301513" spans="14:14">
      <c r="N301513" s="10"/>
    </row>
    <row r="301514" spans="14:14">
      <c r="N301514" s="10"/>
    </row>
    <row r="301515" spans="14:14">
      <c r="N301515" s="10"/>
    </row>
    <row r="301516" spans="14:14">
      <c r="N301516" s="10"/>
    </row>
    <row r="301517" spans="14:14">
      <c r="N301517" s="10"/>
    </row>
    <row r="301518" spans="14:14">
      <c r="N301518" s="10"/>
    </row>
    <row r="301519" spans="14:14">
      <c r="N301519" s="10"/>
    </row>
    <row r="301520" spans="14:14">
      <c r="N301520" s="10"/>
    </row>
    <row r="301521" spans="14:14">
      <c r="N301521" s="10"/>
    </row>
    <row r="301522" spans="14:14">
      <c r="N301522" s="10"/>
    </row>
    <row r="301523" spans="14:14">
      <c r="N301523" s="10"/>
    </row>
    <row r="301524" spans="14:14">
      <c r="N301524" s="10"/>
    </row>
    <row r="301525" spans="14:14">
      <c r="N301525" s="10"/>
    </row>
    <row r="301526" spans="14:14">
      <c r="N301526" s="10"/>
    </row>
    <row r="301527" spans="14:14">
      <c r="N301527" s="10"/>
    </row>
    <row r="301528" spans="14:14">
      <c r="N301528" s="10"/>
    </row>
    <row r="301529" spans="14:14">
      <c r="N301529" s="10"/>
    </row>
    <row r="301530" spans="14:14">
      <c r="N301530" s="10"/>
    </row>
    <row r="301531" spans="14:14">
      <c r="N301531" s="10"/>
    </row>
    <row r="301532" spans="14:14">
      <c r="N301532" s="10"/>
    </row>
    <row r="301533" spans="14:14">
      <c r="N301533" s="10"/>
    </row>
    <row r="301534" spans="14:14">
      <c r="N301534" s="10"/>
    </row>
    <row r="301535" spans="14:14">
      <c r="N301535" s="10"/>
    </row>
    <row r="301536" spans="14:14">
      <c r="N301536" s="10"/>
    </row>
    <row r="301537" spans="14:14">
      <c r="N301537" s="10"/>
    </row>
    <row r="301538" spans="14:14">
      <c r="N301538" s="10"/>
    </row>
    <row r="301539" spans="14:14">
      <c r="N301539" s="10"/>
    </row>
    <row r="301540" spans="14:14">
      <c r="N301540" s="10"/>
    </row>
    <row r="301541" spans="14:14">
      <c r="N301541" s="10"/>
    </row>
    <row r="301542" spans="14:14">
      <c r="N301542" s="10"/>
    </row>
    <row r="301543" spans="14:14">
      <c r="N301543" s="10"/>
    </row>
    <row r="301544" spans="14:14">
      <c r="N301544" s="10"/>
    </row>
    <row r="301545" spans="14:14">
      <c r="N301545" s="10"/>
    </row>
    <row r="301546" spans="14:14">
      <c r="N301546" s="10"/>
    </row>
    <row r="301547" spans="14:14">
      <c r="N301547" s="10"/>
    </row>
    <row r="301548" spans="14:14">
      <c r="N301548" s="10"/>
    </row>
    <row r="301549" spans="14:14">
      <c r="N301549" s="10"/>
    </row>
    <row r="301550" spans="14:14">
      <c r="N301550" s="10"/>
    </row>
    <row r="301551" spans="14:14">
      <c r="N301551" s="10"/>
    </row>
    <row r="301552" spans="14:14">
      <c r="N301552" s="10"/>
    </row>
    <row r="301553" spans="14:14">
      <c r="N301553" s="10"/>
    </row>
    <row r="301554" spans="14:14">
      <c r="N301554" s="10"/>
    </row>
    <row r="301555" spans="14:14">
      <c r="N301555" s="10"/>
    </row>
    <row r="301556" spans="14:14">
      <c r="N301556" s="10"/>
    </row>
    <row r="301557" spans="14:14">
      <c r="N301557" s="10"/>
    </row>
    <row r="301558" spans="14:14">
      <c r="N301558" s="10"/>
    </row>
    <row r="301559" spans="14:14">
      <c r="N301559" s="10"/>
    </row>
    <row r="301560" spans="14:14">
      <c r="N301560" s="10"/>
    </row>
    <row r="301561" spans="14:14">
      <c r="N301561" s="10"/>
    </row>
    <row r="301562" spans="14:14">
      <c r="N301562" s="10"/>
    </row>
    <row r="301563" spans="14:14">
      <c r="N301563" s="10"/>
    </row>
    <row r="301564" spans="14:14">
      <c r="N301564" s="10"/>
    </row>
    <row r="301565" spans="14:14">
      <c r="N301565" s="10"/>
    </row>
    <row r="301566" spans="14:14">
      <c r="N301566" s="10"/>
    </row>
    <row r="301567" spans="14:14">
      <c r="N301567" s="10"/>
    </row>
    <row r="301568" spans="14:14">
      <c r="N301568" s="10"/>
    </row>
    <row r="301569" spans="14:14">
      <c r="N301569" s="10"/>
    </row>
    <row r="301570" spans="14:14">
      <c r="N301570" s="10"/>
    </row>
    <row r="301571" spans="14:14">
      <c r="N301571" s="10"/>
    </row>
    <row r="301572" spans="14:14">
      <c r="N301572" s="10"/>
    </row>
    <row r="301573" spans="14:14">
      <c r="N301573" s="10"/>
    </row>
    <row r="301574" spans="14:14">
      <c r="N301574" s="10"/>
    </row>
    <row r="301575" spans="14:14">
      <c r="N301575" s="10"/>
    </row>
    <row r="301576" spans="14:14">
      <c r="N301576" s="10"/>
    </row>
    <row r="301577" spans="14:14">
      <c r="N301577" s="10"/>
    </row>
    <row r="301578" spans="14:14">
      <c r="N301578" s="10"/>
    </row>
    <row r="301579" spans="14:14">
      <c r="N301579" s="10"/>
    </row>
    <row r="301580" spans="14:14">
      <c r="N301580" s="10"/>
    </row>
    <row r="301581" spans="14:14">
      <c r="N301581" s="10"/>
    </row>
    <row r="301582" spans="14:14">
      <c r="N301582" s="10"/>
    </row>
    <row r="301583" spans="14:14">
      <c r="N301583" s="10"/>
    </row>
    <row r="301584" spans="14:14">
      <c r="N301584" s="10"/>
    </row>
    <row r="301585" spans="14:14">
      <c r="N301585" s="10"/>
    </row>
    <row r="301586" spans="14:14">
      <c r="N301586" s="10"/>
    </row>
    <row r="301587" spans="14:14">
      <c r="N301587" s="10"/>
    </row>
    <row r="301588" spans="14:14">
      <c r="N301588" s="10"/>
    </row>
    <row r="301589" spans="14:14">
      <c r="N301589" s="10"/>
    </row>
    <row r="301590" spans="14:14">
      <c r="N301590" s="10"/>
    </row>
    <row r="301591" spans="14:14">
      <c r="N301591" s="10"/>
    </row>
    <row r="301592" spans="14:14">
      <c r="N301592" s="10"/>
    </row>
    <row r="301593" spans="14:14">
      <c r="N301593" s="10"/>
    </row>
    <row r="301594" spans="14:14">
      <c r="N301594" s="10"/>
    </row>
    <row r="301595" spans="14:14">
      <c r="N301595" s="10"/>
    </row>
    <row r="301596" spans="14:14">
      <c r="N301596" s="10"/>
    </row>
    <row r="301597" spans="14:14">
      <c r="N301597" s="10"/>
    </row>
    <row r="301598" spans="14:14">
      <c r="N301598" s="10"/>
    </row>
    <row r="301599" spans="14:14">
      <c r="N301599" s="10"/>
    </row>
    <row r="301600" spans="14:14">
      <c r="N301600" s="10"/>
    </row>
    <row r="301601" spans="14:14">
      <c r="N301601" s="10"/>
    </row>
    <row r="301602" spans="14:14">
      <c r="N301602" s="10"/>
    </row>
    <row r="301603" spans="14:14">
      <c r="N301603" s="10"/>
    </row>
    <row r="301604" spans="14:14">
      <c r="N301604" s="10"/>
    </row>
    <row r="301605" spans="14:14">
      <c r="N301605" s="10"/>
    </row>
    <row r="301606" spans="14:14">
      <c r="N301606" s="10"/>
    </row>
    <row r="301607" spans="14:14">
      <c r="N301607" s="10"/>
    </row>
    <row r="301608" spans="14:14">
      <c r="N301608" s="10"/>
    </row>
    <row r="301609" spans="14:14">
      <c r="N301609" s="10"/>
    </row>
    <row r="301610" spans="14:14">
      <c r="N301610" s="10"/>
    </row>
    <row r="301611" spans="14:14">
      <c r="N301611" s="10"/>
    </row>
    <row r="301612" spans="14:14">
      <c r="N301612" s="10"/>
    </row>
    <row r="301613" spans="14:14">
      <c r="N301613" s="10"/>
    </row>
    <row r="301614" spans="14:14">
      <c r="N301614" s="10"/>
    </row>
    <row r="301615" spans="14:14">
      <c r="N301615" s="10"/>
    </row>
    <row r="301616" spans="14:14">
      <c r="N301616" s="10"/>
    </row>
    <row r="301617" spans="14:14">
      <c r="N301617" s="10"/>
    </row>
    <row r="301618" spans="14:14">
      <c r="N301618" s="10"/>
    </row>
    <row r="301619" spans="14:14">
      <c r="N301619" s="10"/>
    </row>
    <row r="301620" spans="14:14">
      <c r="N301620" s="10"/>
    </row>
    <row r="301621" spans="14:14">
      <c r="N301621" s="10"/>
    </row>
    <row r="301622" spans="14:14">
      <c r="N301622" s="10"/>
    </row>
    <row r="301623" spans="14:14">
      <c r="N301623" s="10"/>
    </row>
    <row r="301624" spans="14:14">
      <c r="N301624" s="10"/>
    </row>
    <row r="301625" spans="14:14">
      <c r="N301625" s="10"/>
    </row>
    <row r="301626" spans="14:14">
      <c r="N301626" s="10"/>
    </row>
    <row r="301627" spans="14:14">
      <c r="N301627" s="10"/>
    </row>
    <row r="301628" spans="14:14">
      <c r="N301628" s="10"/>
    </row>
    <row r="301629" spans="14:14">
      <c r="N301629" s="10"/>
    </row>
    <row r="301630" spans="14:14">
      <c r="N301630" s="10"/>
    </row>
    <row r="301631" spans="14:14">
      <c r="N301631" s="10"/>
    </row>
    <row r="301632" spans="14:14">
      <c r="N301632" s="10"/>
    </row>
    <row r="301633" spans="14:14">
      <c r="N301633" s="10"/>
    </row>
    <row r="301634" spans="14:14">
      <c r="N301634" s="10"/>
    </row>
    <row r="301635" spans="14:14">
      <c r="N301635" s="10"/>
    </row>
    <row r="301636" spans="14:14">
      <c r="N301636" s="10"/>
    </row>
    <row r="301637" spans="14:14">
      <c r="N301637" s="10"/>
    </row>
    <row r="301638" spans="14:14">
      <c r="N301638" s="10"/>
    </row>
    <row r="301639" spans="14:14">
      <c r="N301639" s="10"/>
    </row>
    <row r="301640" spans="14:14">
      <c r="N301640" s="10"/>
    </row>
    <row r="301641" spans="14:14">
      <c r="N301641" s="10"/>
    </row>
    <row r="301642" spans="14:14">
      <c r="N301642" s="10"/>
    </row>
    <row r="301643" spans="14:14">
      <c r="N301643" s="10"/>
    </row>
    <row r="301644" spans="14:14">
      <c r="N301644" s="10"/>
    </row>
    <row r="301645" spans="14:14">
      <c r="N301645" s="10"/>
    </row>
    <row r="301646" spans="14:14">
      <c r="N301646" s="10"/>
    </row>
    <row r="301647" spans="14:14">
      <c r="N301647" s="10"/>
    </row>
    <row r="301648" spans="14:14">
      <c r="N301648" s="10"/>
    </row>
    <row r="301649" spans="14:14">
      <c r="N301649" s="10"/>
    </row>
    <row r="301650" spans="14:14">
      <c r="N301650" s="10"/>
    </row>
    <row r="301651" spans="14:14">
      <c r="N301651" s="10"/>
    </row>
    <row r="301652" spans="14:14">
      <c r="N301652" s="10"/>
    </row>
    <row r="301653" spans="14:14">
      <c r="N301653" s="10"/>
    </row>
    <row r="301654" spans="14:14">
      <c r="N301654" s="10"/>
    </row>
    <row r="301655" spans="14:14">
      <c r="N301655" s="10"/>
    </row>
    <row r="301656" spans="14:14">
      <c r="N301656" s="10"/>
    </row>
    <row r="301657" spans="14:14">
      <c r="N301657" s="10"/>
    </row>
    <row r="301658" spans="14:14">
      <c r="N301658" s="10"/>
    </row>
    <row r="301659" spans="14:14">
      <c r="N301659" s="10"/>
    </row>
    <row r="301660" spans="14:14">
      <c r="N301660" s="10"/>
    </row>
    <row r="301661" spans="14:14">
      <c r="N301661" s="10"/>
    </row>
    <row r="301662" spans="14:14">
      <c r="N301662" s="10"/>
    </row>
    <row r="301663" spans="14:14">
      <c r="N301663" s="10"/>
    </row>
    <row r="301664" spans="14:14">
      <c r="N301664" s="10"/>
    </row>
    <row r="301665" spans="14:14">
      <c r="N301665" s="10"/>
    </row>
    <row r="301666" spans="14:14">
      <c r="N301666" s="10"/>
    </row>
    <row r="301667" spans="14:14">
      <c r="N301667" s="10"/>
    </row>
    <row r="301668" spans="14:14">
      <c r="N301668" s="10"/>
    </row>
    <row r="301669" spans="14:14">
      <c r="N301669" s="10"/>
    </row>
    <row r="301670" spans="14:14">
      <c r="N301670" s="10"/>
    </row>
    <row r="301671" spans="14:14">
      <c r="N301671" s="10"/>
    </row>
    <row r="301672" spans="14:14">
      <c r="N301672" s="10"/>
    </row>
    <row r="301673" spans="14:14">
      <c r="N301673" s="10"/>
    </row>
    <row r="301674" spans="14:14">
      <c r="N301674" s="10"/>
    </row>
    <row r="301675" spans="14:14">
      <c r="N301675" s="10"/>
    </row>
    <row r="301676" spans="14:14">
      <c r="N301676" s="10"/>
    </row>
    <row r="301677" spans="14:14">
      <c r="N301677" s="10"/>
    </row>
    <row r="301678" spans="14:14">
      <c r="N301678" s="10"/>
    </row>
    <row r="301679" spans="14:14">
      <c r="N301679" s="10"/>
    </row>
    <row r="301680" spans="14:14">
      <c r="N301680" s="10"/>
    </row>
    <row r="301681" spans="14:14">
      <c r="N301681" s="10"/>
    </row>
    <row r="301682" spans="14:14">
      <c r="N301682" s="10"/>
    </row>
    <row r="301683" spans="14:14">
      <c r="N301683" s="10"/>
    </row>
    <row r="301684" spans="14:14">
      <c r="N301684" s="10"/>
    </row>
    <row r="301685" spans="14:14">
      <c r="N301685" s="10"/>
    </row>
    <row r="301686" spans="14:14">
      <c r="N301686" s="10"/>
    </row>
    <row r="301687" spans="14:14">
      <c r="N301687" s="10"/>
    </row>
    <row r="301688" spans="14:14">
      <c r="N301688" s="10"/>
    </row>
    <row r="301689" spans="14:14">
      <c r="N301689" s="10"/>
    </row>
    <row r="301690" spans="14:14">
      <c r="N301690" s="10"/>
    </row>
    <row r="301691" spans="14:14">
      <c r="N301691" s="10"/>
    </row>
    <row r="301692" spans="14:14">
      <c r="N301692" s="10"/>
    </row>
    <row r="301693" spans="14:14">
      <c r="N301693" s="10"/>
    </row>
    <row r="301694" spans="14:14">
      <c r="N301694" s="10"/>
    </row>
    <row r="301695" spans="14:14">
      <c r="N301695" s="10"/>
    </row>
    <row r="301696" spans="14:14">
      <c r="N301696" s="10"/>
    </row>
    <row r="301697" spans="14:14">
      <c r="N301697" s="10"/>
    </row>
    <row r="301698" spans="14:14">
      <c r="N301698" s="10"/>
    </row>
    <row r="301699" spans="14:14">
      <c r="N301699" s="10"/>
    </row>
    <row r="301700" spans="14:14">
      <c r="N301700" s="10"/>
    </row>
    <row r="301701" spans="14:14">
      <c r="N301701" s="10"/>
    </row>
    <row r="301702" spans="14:14">
      <c r="N301702" s="10"/>
    </row>
    <row r="301703" spans="14:14">
      <c r="N301703" s="10"/>
    </row>
    <row r="301704" spans="14:14">
      <c r="N301704" s="10"/>
    </row>
    <row r="301705" spans="14:14">
      <c r="N301705" s="10"/>
    </row>
    <row r="301706" spans="14:14">
      <c r="N301706" s="10"/>
    </row>
    <row r="301707" spans="14:14">
      <c r="N301707" s="10"/>
    </row>
    <row r="301708" spans="14:14">
      <c r="N301708" s="10"/>
    </row>
    <row r="301709" spans="14:14">
      <c r="N301709" s="10"/>
    </row>
    <row r="301710" spans="14:14">
      <c r="N301710" s="10"/>
    </row>
    <row r="301711" spans="14:14">
      <c r="N301711" s="10"/>
    </row>
    <row r="301712" spans="14:14">
      <c r="N301712" s="10"/>
    </row>
    <row r="301713" spans="14:14">
      <c r="N301713" s="10"/>
    </row>
    <row r="301714" spans="14:14">
      <c r="N301714" s="10"/>
    </row>
    <row r="301715" spans="14:14">
      <c r="N301715" s="10"/>
    </row>
    <row r="301716" spans="14:14">
      <c r="N301716" s="10"/>
    </row>
    <row r="301717" spans="14:14">
      <c r="N301717" s="10"/>
    </row>
    <row r="301718" spans="14:14">
      <c r="N301718" s="10"/>
    </row>
    <row r="301719" spans="14:14">
      <c r="N301719" s="10"/>
    </row>
    <row r="301720" spans="14:14">
      <c r="N301720" s="10"/>
    </row>
    <row r="301721" spans="14:14">
      <c r="N301721" s="10"/>
    </row>
    <row r="301722" spans="14:14">
      <c r="N301722" s="10"/>
    </row>
    <row r="301723" spans="14:14">
      <c r="N301723" s="10"/>
    </row>
    <row r="301724" spans="14:14">
      <c r="N301724" s="10"/>
    </row>
    <row r="301725" spans="14:14">
      <c r="N301725" s="10"/>
    </row>
    <row r="301726" spans="14:14">
      <c r="N301726" s="10"/>
    </row>
    <row r="301727" spans="14:14">
      <c r="N301727" s="10"/>
    </row>
    <row r="301728" spans="14:14">
      <c r="N301728" s="10"/>
    </row>
    <row r="301729" spans="14:14">
      <c r="N301729" s="10"/>
    </row>
    <row r="301730" spans="14:14">
      <c r="N301730" s="10"/>
    </row>
    <row r="301731" spans="14:14">
      <c r="N301731" s="10"/>
    </row>
    <row r="301732" spans="14:14">
      <c r="N301732" s="10"/>
    </row>
    <row r="301733" spans="14:14">
      <c r="N301733" s="10"/>
    </row>
    <row r="301734" spans="14:14">
      <c r="N301734" s="10"/>
    </row>
    <row r="301735" spans="14:14">
      <c r="N301735" s="10"/>
    </row>
    <row r="301736" spans="14:14">
      <c r="N301736" s="10"/>
    </row>
    <row r="301737" spans="14:14">
      <c r="N301737" s="10"/>
    </row>
    <row r="301738" spans="14:14">
      <c r="N301738" s="10"/>
    </row>
    <row r="301739" spans="14:14">
      <c r="N301739" s="10"/>
    </row>
    <row r="301740" spans="14:14">
      <c r="N301740" s="10"/>
    </row>
    <row r="301741" spans="14:14">
      <c r="N301741" s="10"/>
    </row>
    <row r="301742" spans="14:14">
      <c r="N301742" s="10"/>
    </row>
    <row r="301743" spans="14:14">
      <c r="N301743" s="10"/>
    </row>
    <row r="301744" spans="14:14">
      <c r="N301744" s="10"/>
    </row>
    <row r="301745" spans="14:14">
      <c r="N301745" s="10"/>
    </row>
    <row r="301746" spans="14:14">
      <c r="N301746" s="10"/>
    </row>
    <row r="301747" spans="14:14">
      <c r="N301747" s="10"/>
    </row>
    <row r="301748" spans="14:14">
      <c r="N301748" s="10"/>
    </row>
    <row r="301749" spans="14:14">
      <c r="N301749" s="10"/>
    </row>
    <row r="301750" spans="14:14">
      <c r="N301750" s="10"/>
    </row>
    <row r="301751" spans="14:14">
      <c r="N301751" s="10"/>
    </row>
    <row r="301752" spans="14:14">
      <c r="N301752" s="10"/>
    </row>
    <row r="301753" spans="14:14">
      <c r="N301753" s="10"/>
    </row>
    <row r="301754" spans="14:14">
      <c r="N301754" s="10"/>
    </row>
    <row r="301755" spans="14:14">
      <c r="N301755" s="10"/>
    </row>
    <row r="301756" spans="14:14">
      <c r="N301756" s="10"/>
    </row>
    <row r="301757" spans="14:14">
      <c r="N301757" s="10"/>
    </row>
    <row r="301758" spans="14:14">
      <c r="N301758" s="10"/>
    </row>
    <row r="301759" spans="14:14">
      <c r="N301759" s="10"/>
    </row>
    <row r="301760" spans="14:14">
      <c r="N301760" s="10"/>
    </row>
    <row r="301761" spans="14:14">
      <c r="N301761" s="10"/>
    </row>
    <row r="301762" spans="14:14">
      <c r="N301762" s="10"/>
    </row>
    <row r="301763" spans="14:14">
      <c r="N301763" s="10"/>
    </row>
    <row r="301764" spans="14:14">
      <c r="N301764" s="10"/>
    </row>
    <row r="301765" spans="14:14">
      <c r="N301765" s="10"/>
    </row>
    <row r="301766" spans="14:14">
      <c r="N301766" s="10"/>
    </row>
    <row r="301767" spans="14:14">
      <c r="N301767" s="10"/>
    </row>
    <row r="301768" spans="14:14">
      <c r="N301768" s="10"/>
    </row>
    <row r="301769" spans="14:14">
      <c r="N301769" s="10"/>
    </row>
    <row r="301770" spans="14:14">
      <c r="N301770" s="10"/>
    </row>
    <row r="301771" spans="14:14">
      <c r="N301771" s="10"/>
    </row>
    <row r="301772" spans="14:14">
      <c r="N301772" s="10"/>
    </row>
    <row r="301773" spans="14:14">
      <c r="N301773" s="10"/>
    </row>
    <row r="301774" spans="14:14">
      <c r="N301774" s="10"/>
    </row>
    <row r="301775" spans="14:14">
      <c r="N301775" s="10"/>
    </row>
    <row r="301776" spans="14:14">
      <c r="N301776" s="10"/>
    </row>
    <row r="301777" spans="14:14">
      <c r="N301777" s="10"/>
    </row>
    <row r="301778" spans="14:14">
      <c r="N301778" s="10"/>
    </row>
    <row r="301779" spans="14:14">
      <c r="N301779" s="10"/>
    </row>
    <row r="301780" spans="14:14">
      <c r="N301780" s="10"/>
    </row>
    <row r="301781" spans="14:14">
      <c r="N301781" s="10"/>
    </row>
    <row r="301782" spans="14:14">
      <c r="N301782" s="10"/>
    </row>
    <row r="301783" spans="14:14">
      <c r="N301783" s="10"/>
    </row>
    <row r="301784" spans="14:14">
      <c r="N301784" s="10"/>
    </row>
    <row r="301785" spans="14:14">
      <c r="N301785" s="10"/>
    </row>
    <row r="301786" spans="14:14">
      <c r="N301786" s="10"/>
    </row>
    <row r="301787" spans="14:14">
      <c r="N301787" s="10"/>
    </row>
    <row r="301788" spans="14:14">
      <c r="N301788" s="10"/>
    </row>
    <row r="301789" spans="14:14">
      <c r="N301789" s="10"/>
    </row>
    <row r="301790" spans="14:14">
      <c r="N301790" s="10"/>
    </row>
    <row r="301791" spans="14:14">
      <c r="N301791" s="10"/>
    </row>
    <row r="301792" spans="14:14">
      <c r="N301792" s="10"/>
    </row>
    <row r="301793" spans="14:14">
      <c r="N301793" s="10"/>
    </row>
    <row r="301794" spans="14:14">
      <c r="N301794" s="10"/>
    </row>
    <row r="301795" spans="14:14">
      <c r="N301795" s="10"/>
    </row>
    <row r="301796" spans="14:14">
      <c r="N301796" s="10"/>
    </row>
    <row r="301797" spans="14:14">
      <c r="N301797" s="10"/>
    </row>
    <row r="301798" spans="14:14">
      <c r="N301798" s="10"/>
    </row>
    <row r="301799" spans="14:14">
      <c r="N301799" s="10"/>
    </row>
    <row r="301800" spans="14:14">
      <c r="N301800" s="10"/>
    </row>
    <row r="301801" spans="14:14">
      <c r="N301801" s="10"/>
    </row>
    <row r="301802" spans="14:14">
      <c r="N301802" s="10"/>
    </row>
    <row r="301803" spans="14:14">
      <c r="N301803" s="10"/>
    </row>
    <row r="301804" spans="14:14">
      <c r="N301804" s="10"/>
    </row>
    <row r="301805" spans="14:14">
      <c r="N301805" s="10"/>
    </row>
    <row r="301806" spans="14:14">
      <c r="N301806" s="10"/>
    </row>
    <row r="301807" spans="14:14">
      <c r="N301807" s="10"/>
    </row>
    <row r="301808" spans="14:14">
      <c r="N301808" s="10"/>
    </row>
    <row r="301809" spans="14:14">
      <c r="N301809" s="10"/>
    </row>
    <row r="301810" spans="14:14">
      <c r="N301810" s="10"/>
    </row>
    <row r="301811" spans="14:14">
      <c r="N301811" s="10"/>
    </row>
    <row r="301812" spans="14:14">
      <c r="N301812" s="10"/>
    </row>
    <row r="301813" spans="14:14">
      <c r="N301813" s="10"/>
    </row>
    <row r="301814" spans="14:14">
      <c r="N301814" s="10"/>
    </row>
    <row r="301815" spans="14:14">
      <c r="N301815" s="10"/>
    </row>
    <row r="301816" spans="14:14">
      <c r="N301816" s="10"/>
    </row>
    <row r="301817" spans="14:14">
      <c r="N301817" s="10"/>
    </row>
    <row r="301818" spans="14:14">
      <c r="N301818" s="10"/>
    </row>
    <row r="301819" spans="14:14">
      <c r="N301819" s="10"/>
    </row>
    <row r="301820" spans="14:14">
      <c r="N301820" s="10"/>
    </row>
    <row r="301821" spans="14:14">
      <c r="N301821" s="10"/>
    </row>
    <row r="301822" spans="14:14">
      <c r="N301822" s="10"/>
    </row>
    <row r="301823" spans="14:14">
      <c r="N301823" s="10"/>
    </row>
    <row r="301824" spans="14:14">
      <c r="N301824" s="10"/>
    </row>
    <row r="301825" spans="14:14">
      <c r="N301825" s="10"/>
    </row>
    <row r="301826" spans="14:14">
      <c r="N301826" s="10"/>
    </row>
    <row r="301827" spans="14:14">
      <c r="N301827" s="10"/>
    </row>
    <row r="301828" spans="14:14">
      <c r="N301828" s="10"/>
    </row>
    <row r="301829" spans="14:14">
      <c r="N301829" s="10"/>
    </row>
    <row r="301830" spans="14:14">
      <c r="N301830" s="10"/>
    </row>
    <row r="301831" spans="14:14">
      <c r="N301831" s="10"/>
    </row>
    <row r="301832" spans="14:14">
      <c r="N301832" s="10"/>
    </row>
    <row r="301833" spans="14:14">
      <c r="N301833" s="10"/>
    </row>
    <row r="301834" spans="14:14">
      <c r="N301834" s="10"/>
    </row>
    <row r="301835" spans="14:14">
      <c r="N301835" s="10"/>
    </row>
    <row r="301836" spans="14:14">
      <c r="N301836" s="10"/>
    </row>
    <row r="301837" spans="14:14">
      <c r="N301837" s="10"/>
    </row>
    <row r="301838" spans="14:14">
      <c r="N301838" s="10"/>
    </row>
    <row r="301839" spans="14:14">
      <c r="N301839" s="10"/>
    </row>
    <row r="301840" spans="14:14">
      <c r="N301840" s="10"/>
    </row>
    <row r="301841" spans="14:14">
      <c r="N301841" s="10"/>
    </row>
    <row r="301842" spans="14:14">
      <c r="N301842" s="10"/>
    </row>
    <row r="301843" spans="14:14">
      <c r="N301843" s="10"/>
    </row>
    <row r="301844" spans="14:14">
      <c r="N301844" s="10"/>
    </row>
    <row r="301845" spans="14:14">
      <c r="N301845" s="10"/>
    </row>
    <row r="301846" spans="14:14">
      <c r="N301846" s="10"/>
    </row>
    <row r="301847" spans="14:14">
      <c r="N301847" s="10"/>
    </row>
    <row r="301848" spans="14:14">
      <c r="N301848" s="10"/>
    </row>
    <row r="301849" spans="14:14">
      <c r="N301849" s="10"/>
    </row>
    <row r="301850" spans="14:14">
      <c r="N301850" s="10"/>
    </row>
    <row r="301851" spans="14:14">
      <c r="N301851" s="10"/>
    </row>
    <row r="301852" spans="14:14">
      <c r="N301852" s="10"/>
    </row>
    <row r="301853" spans="14:14">
      <c r="N301853" s="10"/>
    </row>
    <row r="301854" spans="14:14">
      <c r="N301854" s="10"/>
    </row>
    <row r="301855" spans="14:14">
      <c r="N301855" s="10"/>
    </row>
    <row r="301856" spans="14:14">
      <c r="N301856" s="10"/>
    </row>
    <row r="301857" spans="14:14">
      <c r="N301857" s="10"/>
    </row>
    <row r="301858" spans="14:14">
      <c r="N301858" s="10"/>
    </row>
    <row r="301859" spans="14:14">
      <c r="N301859" s="10"/>
    </row>
    <row r="301860" spans="14:14">
      <c r="N301860" s="10"/>
    </row>
    <row r="301861" spans="14:14">
      <c r="N301861" s="10"/>
    </row>
    <row r="301862" spans="14:14">
      <c r="N301862" s="10"/>
    </row>
    <row r="301863" spans="14:14">
      <c r="N301863" s="10"/>
    </row>
    <row r="301864" spans="14:14">
      <c r="N301864" s="10"/>
    </row>
    <row r="301865" spans="14:14">
      <c r="N301865" s="10"/>
    </row>
    <row r="301866" spans="14:14">
      <c r="N301866" s="10"/>
    </row>
    <row r="301867" spans="14:14">
      <c r="N301867" s="10"/>
    </row>
    <row r="301868" spans="14:14">
      <c r="N301868" s="10"/>
    </row>
    <row r="301869" spans="14:14">
      <c r="N301869" s="10"/>
    </row>
    <row r="301870" spans="14:14">
      <c r="N301870" s="10"/>
    </row>
    <row r="301871" spans="14:14">
      <c r="N301871" s="10"/>
    </row>
    <row r="301872" spans="14:14">
      <c r="N301872" s="10"/>
    </row>
    <row r="301873" spans="14:14">
      <c r="N301873" s="10"/>
    </row>
    <row r="301874" spans="14:14">
      <c r="N301874" s="10"/>
    </row>
    <row r="301875" spans="14:14">
      <c r="N301875" s="10"/>
    </row>
    <row r="301876" spans="14:14">
      <c r="N301876" s="10"/>
    </row>
    <row r="301877" spans="14:14">
      <c r="N301877" s="10"/>
    </row>
    <row r="301878" spans="14:14">
      <c r="N301878" s="10"/>
    </row>
    <row r="301879" spans="14:14">
      <c r="N301879" s="10"/>
    </row>
    <row r="301880" spans="14:14">
      <c r="N301880" s="10"/>
    </row>
    <row r="301881" spans="14:14">
      <c r="N301881" s="10"/>
    </row>
    <row r="301882" spans="14:14">
      <c r="N301882" s="10"/>
    </row>
    <row r="301883" spans="14:14">
      <c r="N301883" s="10"/>
    </row>
    <row r="301884" spans="14:14">
      <c r="N301884" s="10"/>
    </row>
    <row r="301885" spans="14:14">
      <c r="N301885" s="10"/>
    </row>
    <row r="301886" spans="14:14">
      <c r="N301886" s="10"/>
    </row>
    <row r="301887" spans="14:14">
      <c r="N301887" s="10"/>
    </row>
    <row r="301888" spans="14:14">
      <c r="N301888" s="10"/>
    </row>
    <row r="301889" spans="14:14">
      <c r="N301889" s="10"/>
    </row>
    <row r="301890" spans="14:14">
      <c r="N301890" s="10"/>
    </row>
    <row r="301891" spans="14:14">
      <c r="N301891" s="10"/>
    </row>
    <row r="301892" spans="14:14">
      <c r="N301892" s="10"/>
    </row>
    <row r="301893" spans="14:14">
      <c r="N301893" s="10"/>
    </row>
    <row r="301894" spans="14:14">
      <c r="N301894" s="10"/>
    </row>
    <row r="301895" spans="14:14">
      <c r="N301895" s="10"/>
    </row>
    <row r="301896" spans="14:14">
      <c r="N301896" s="10"/>
    </row>
    <row r="301897" spans="14:14">
      <c r="N301897" s="10"/>
    </row>
    <row r="301898" spans="14:14">
      <c r="N301898" s="10"/>
    </row>
    <row r="301899" spans="14:14">
      <c r="N301899" s="10"/>
    </row>
    <row r="301900" spans="14:14">
      <c r="N301900" s="10"/>
    </row>
    <row r="301901" spans="14:14">
      <c r="N301901" s="10"/>
    </row>
    <row r="301902" spans="14:14">
      <c r="N301902" s="10"/>
    </row>
    <row r="301903" spans="14:14">
      <c r="N301903" s="10"/>
    </row>
    <row r="301904" spans="14:14">
      <c r="N301904" s="10"/>
    </row>
    <row r="301905" spans="14:14">
      <c r="N301905" s="10"/>
    </row>
    <row r="301906" spans="14:14">
      <c r="N301906" s="10"/>
    </row>
    <row r="301907" spans="14:14">
      <c r="N301907" s="10"/>
    </row>
    <row r="301908" spans="14:14">
      <c r="N301908" s="10"/>
    </row>
    <row r="301909" spans="14:14">
      <c r="N301909" s="10"/>
    </row>
    <row r="301910" spans="14:14">
      <c r="N301910" s="10"/>
    </row>
    <row r="301911" spans="14:14">
      <c r="N301911" s="10"/>
    </row>
    <row r="301912" spans="14:14">
      <c r="N301912" s="10"/>
    </row>
    <row r="301913" spans="14:14">
      <c r="N301913" s="10"/>
    </row>
    <row r="301914" spans="14:14">
      <c r="N301914" s="10"/>
    </row>
    <row r="301915" spans="14:14">
      <c r="N301915" s="10"/>
    </row>
    <row r="301916" spans="14:14">
      <c r="N301916" s="10"/>
    </row>
    <row r="301917" spans="14:14">
      <c r="N301917" s="10"/>
    </row>
    <row r="301918" spans="14:14">
      <c r="N301918" s="10"/>
    </row>
    <row r="301919" spans="14:14">
      <c r="N301919" s="10"/>
    </row>
    <row r="301920" spans="14:14">
      <c r="N301920" s="10"/>
    </row>
    <row r="301921" spans="14:14">
      <c r="N301921" s="10"/>
    </row>
    <row r="301922" spans="14:14">
      <c r="N301922" s="10"/>
    </row>
    <row r="301923" spans="14:14">
      <c r="N301923" s="10"/>
    </row>
    <row r="301924" spans="14:14">
      <c r="N301924" s="10"/>
    </row>
    <row r="301925" spans="14:14">
      <c r="N301925" s="10"/>
    </row>
    <row r="301926" spans="14:14">
      <c r="N301926" s="10"/>
    </row>
    <row r="301927" spans="14:14">
      <c r="N301927" s="10"/>
    </row>
    <row r="301928" spans="14:14">
      <c r="N301928" s="10"/>
    </row>
    <row r="301929" spans="14:14">
      <c r="N301929" s="10"/>
    </row>
    <row r="301930" spans="14:14">
      <c r="N301930" s="10"/>
    </row>
    <row r="301931" spans="14:14">
      <c r="N301931" s="10"/>
    </row>
    <row r="301932" spans="14:14">
      <c r="N301932" s="10"/>
    </row>
    <row r="301933" spans="14:14">
      <c r="N301933" s="10"/>
    </row>
    <row r="301934" spans="14:14">
      <c r="N301934" s="10"/>
    </row>
    <row r="301935" spans="14:14">
      <c r="N301935" s="10"/>
    </row>
    <row r="301936" spans="14:14">
      <c r="N301936" s="10"/>
    </row>
    <row r="301937" spans="14:14">
      <c r="N301937" s="10"/>
    </row>
    <row r="301938" spans="14:14">
      <c r="N301938" s="10"/>
    </row>
    <row r="301939" spans="14:14">
      <c r="N301939" s="10"/>
    </row>
    <row r="301940" spans="14:14">
      <c r="N301940" s="10"/>
    </row>
    <row r="301941" spans="14:14">
      <c r="N301941" s="10"/>
    </row>
    <row r="301942" spans="14:14">
      <c r="N301942" s="10"/>
    </row>
    <row r="301943" spans="14:14">
      <c r="N301943" s="10"/>
    </row>
    <row r="301944" spans="14:14">
      <c r="N301944" s="10"/>
    </row>
    <row r="301945" spans="14:14">
      <c r="N301945" s="10"/>
    </row>
    <row r="301946" spans="14:14">
      <c r="N301946" s="10"/>
    </row>
    <row r="301947" spans="14:14">
      <c r="N301947" s="10"/>
    </row>
    <row r="301948" spans="14:14">
      <c r="N301948" s="10"/>
    </row>
    <row r="301949" spans="14:14">
      <c r="N301949" s="10"/>
    </row>
    <row r="301950" spans="14:14">
      <c r="N301950" s="10"/>
    </row>
    <row r="301951" spans="14:14">
      <c r="N301951" s="10"/>
    </row>
    <row r="301952" spans="14:14">
      <c r="N301952" s="10"/>
    </row>
    <row r="301953" spans="14:14">
      <c r="N301953" s="10"/>
    </row>
    <row r="301954" spans="14:14">
      <c r="N301954" s="10"/>
    </row>
    <row r="301955" spans="14:14">
      <c r="N301955" s="10"/>
    </row>
    <row r="301956" spans="14:14">
      <c r="N301956" s="10"/>
    </row>
    <row r="301957" spans="14:14">
      <c r="N301957" s="10"/>
    </row>
    <row r="301958" spans="14:14">
      <c r="N301958" s="10"/>
    </row>
    <row r="301959" spans="14:14">
      <c r="N301959" s="10"/>
    </row>
    <row r="301960" spans="14:14">
      <c r="N301960" s="10"/>
    </row>
    <row r="301961" spans="14:14">
      <c r="N301961" s="10"/>
    </row>
    <row r="301962" spans="14:14">
      <c r="N301962" s="10"/>
    </row>
    <row r="301963" spans="14:14">
      <c r="N301963" s="10"/>
    </row>
    <row r="301964" spans="14:14">
      <c r="N301964" s="10"/>
    </row>
    <row r="301965" spans="14:14">
      <c r="N301965" s="10"/>
    </row>
    <row r="301966" spans="14:14">
      <c r="N301966" s="10"/>
    </row>
    <row r="301967" spans="14:14">
      <c r="N301967" s="10"/>
    </row>
    <row r="301968" spans="14:14">
      <c r="N301968" s="10"/>
    </row>
    <row r="301969" spans="14:14">
      <c r="N301969" s="10"/>
    </row>
    <row r="301970" spans="14:14">
      <c r="N301970" s="10"/>
    </row>
    <row r="301971" spans="14:14">
      <c r="N301971" s="10"/>
    </row>
    <row r="301972" spans="14:14">
      <c r="N301972" s="10"/>
    </row>
    <row r="301973" spans="14:14">
      <c r="N301973" s="10"/>
    </row>
    <row r="301974" spans="14:14">
      <c r="N301974" s="10"/>
    </row>
    <row r="301975" spans="14:14">
      <c r="N301975" s="10"/>
    </row>
    <row r="301976" spans="14:14">
      <c r="N301976" s="10"/>
    </row>
    <row r="301977" spans="14:14">
      <c r="N301977" s="10"/>
    </row>
    <row r="301978" spans="14:14">
      <c r="N301978" s="10"/>
    </row>
    <row r="301979" spans="14:14">
      <c r="N301979" s="10"/>
    </row>
    <row r="301980" spans="14:14">
      <c r="N301980" s="10"/>
    </row>
    <row r="301981" spans="14:14">
      <c r="N301981" s="10"/>
    </row>
    <row r="301982" spans="14:14">
      <c r="N301982" s="10"/>
    </row>
    <row r="301983" spans="14:14">
      <c r="N301983" s="10"/>
    </row>
    <row r="301984" spans="14:14">
      <c r="N301984" s="10"/>
    </row>
    <row r="301985" spans="14:14">
      <c r="N301985" s="10"/>
    </row>
    <row r="301986" spans="14:14">
      <c r="N301986" s="10"/>
    </row>
    <row r="301987" spans="14:14">
      <c r="N301987" s="10"/>
    </row>
    <row r="301988" spans="14:14">
      <c r="N301988" s="10"/>
    </row>
    <row r="301989" spans="14:14">
      <c r="N301989" s="10"/>
    </row>
    <row r="301990" spans="14:14">
      <c r="N301990" s="10"/>
    </row>
    <row r="301991" spans="14:14">
      <c r="N301991" s="10"/>
    </row>
    <row r="301992" spans="14:14">
      <c r="N301992" s="10"/>
    </row>
    <row r="301993" spans="14:14">
      <c r="N301993" s="10"/>
    </row>
    <row r="301994" spans="14:14">
      <c r="N301994" s="10"/>
    </row>
    <row r="301995" spans="14:14">
      <c r="N301995" s="10"/>
    </row>
    <row r="301996" spans="14:14">
      <c r="N301996" s="10"/>
    </row>
    <row r="301997" spans="14:14">
      <c r="N301997" s="10"/>
    </row>
    <row r="301998" spans="14:14">
      <c r="N301998" s="10"/>
    </row>
    <row r="301999" spans="14:14">
      <c r="N301999" s="10"/>
    </row>
    <row r="302000" spans="14:14">
      <c r="N302000" s="10"/>
    </row>
    <row r="302001" spans="14:14">
      <c r="N302001" s="10"/>
    </row>
    <row r="302002" spans="14:14">
      <c r="N302002" s="10"/>
    </row>
    <row r="302003" spans="14:14">
      <c r="N302003" s="10"/>
    </row>
    <row r="302004" spans="14:14">
      <c r="N302004" s="10"/>
    </row>
    <row r="302005" spans="14:14">
      <c r="N302005" s="10"/>
    </row>
    <row r="302006" spans="14:14">
      <c r="N302006" s="10"/>
    </row>
    <row r="302007" spans="14:14">
      <c r="N302007" s="10"/>
    </row>
    <row r="302008" spans="14:14">
      <c r="N302008" s="10"/>
    </row>
    <row r="302009" spans="14:14">
      <c r="N302009" s="10"/>
    </row>
    <row r="302010" spans="14:14">
      <c r="N302010" s="10"/>
    </row>
    <row r="302011" spans="14:14">
      <c r="N302011" s="10"/>
    </row>
    <row r="302012" spans="14:14">
      <c r="N302012" s="10"/>
    </row>
    <row r="302013" spans="14:14">
      <c r="N302013" s="10"/>
    </row>
    <row r="302014" spans="14:14">
      <c r="N302014" s="10"/>
    </row>
    <row r="302015" spans="14:14">
      <c r="N302015" s="10"/>
    </row>
    <row r="302016" spans="14:14">
      <c r="N302016" s="10"/>
    </row>
    <row r="302017" spans="14:14">
      <c r="N302017" s="10"/>
    </row>
    <row r="302018" spans="14:14">
      <c r="N302018" s="10"/>
    </row>
    <row r="302019" spans="14:14">
      <c r="N302019" s="10"/>
    </row>
    <row r="302020" spans="14:14">
      <c r="N302020" s="10"/>
    </row>
    <row r="302021" spans="14:14">
      <c r="N302021" s="10"/>
    </row>
    <row r="302022" spans="14:14">
      <c r="N302022" s="10"/>
    </row>
    <row r="302023" spans="14:14">
      <c r="N302023" s="10"/>
    </row>
    <row r="302024" spans="14:14">
      <c r="N302024" s="10"/>
    </row>
    <row r="302025" spans="14:14">
      <c r="N302025" s="10"/>
    </row>
    <row r="302026" spans="14:14">
      <c r="N302026" s="10"/>
    </row>
    <row r="302027" spans="14:14">
      <c r="N302027" s="10"/>
    </row>
    <row r="302028" spans="14:14">
      <c r="N302028" s="10"/>
    </row>
    <row r="302029" spans="14:14">
      <c r="N302029" s="10"/>
    </row>
    <row r="302030" spans="14:14">
      <c r="N302030" s="10"/>
    </row>
    <row r="302031" spans="14:14">
      <c r="N302031" s="10"/>
    </row>
    <row r="302032" spans="14:14">
      <c r="N302032" s="10"/>
    </row>
    <row r="302033" spans="14:14">
      <c r="N302033" s="10"/>
    </row>
    <row r="302034" spans="14:14">
      <c r="N302034" s="10"/>
    </row>
    <row r="302035" spans="14:14">
      <c r="N302035" s="10"/>
    </row>
    <row r="302036" spans="14:14">
      <c r="N302036" s="10"/>
    </row>
    <row r="302037" spans="14:14">
      <c r="N302037" s="10"/>
    </row>
    <row r="302038" spans="14:14">
      <c r="N302038" s="10"/>
    </row>
    <row r="302039" spans="14:14">
      <c r="N302039" s="10"/>
    </row>
    <row r="302040" spans="14:14">
      <c r="N302040" s="10"/>
    </row>
    <row r="302041" spans="14:14">
      <c r="N302041" s="10"/>
    </row>
    <row r="302042" spans="14:14">
      <c r="N302042" s="10"/>
    </row>
    <row r="302043" spans="14:14">
      <c r="N302043" s="10"/>
    </row>
    <row r="302044" spans="14:14">
      <c r="N302044" s="10"/>
    </row>
    <row r="302045" spans="14:14">
      <c r="N302045" s="10"/>
    </row>
    <row r="302046" spans="14:14">
      <c r="N302046" s="10"/>
    </row>
    <row r="302047" spans="14:14">
      <c r="N302047" s="10"/>
    </row>
    <row r="302048" spans="14:14">
      <c r="N302048" s="10"/>
    </row>
    <row r="302049" spans="14:14">
      <c r="N302049" s="10"/>
    </row>
    <row r="302050" spans="14:14">
      <c r="N302050" s="10"/>
    </row>
    <row r="302051" spans="14:14">
      <c r="N302051" s="10"/>
    </row>
    <row r="302052" spans="14:14">
      <c r="N302052" s="10"/>
    </row>
    <row r="302053" spans="14:14">
      <c r="N302053" s="10"/>
    </row>
    <row r="302054" spans="14:14">
      <c r="N302054" s="10"/>
    </row>
    <row r="302055" spans="14:14">
      <c r="N302055" s="10"/>
    </row>
    <row r="302056" spans="14:14">
      <c r="N302056" s="10"/>
    </row>
    <row r="302057" spans="14:14">
      <c r="N302057" s="10"/>
    </row>
    <row r="302058" spans="14:14">
      <c r="N302058" s="10"/>
    </row>
    <row r="302059" spans="14:14">
      <c r="N302059" s="10"/>
    </row>
    <row r="302060" spans="14:14">
      <c r="N302060" s="10"/>
    </row>
    <row r="302061" spans="14:14">
      <c r="N302061" s="10"/>
    </row>
    <row r="302062" spans="14:14">
      <c r="N302062" s="10"/>
    </row>
    <row r="302063" spans="14:14">
      <c r="N302063" s="10"/>
    </row>
    <row r="302064" spans="14:14">
      <c r="N302064" s="10"/>
    </row>
    <row r="302065" spans="14:14">
      <c r="N302065" s="10"/>
    </row>
    <row r="302066" spans="14:14">
      <c r="N302066" s="10"/>
    </row>
    <row r="302067" spans="14:14">
      <c r="N302067" s="10"/>
    </row>
    <row r="302068" spans="14:14">
      <c r="N302068" s="10"/>
    </row>
    <row r="302069" spans="14:14">
      <c r="N302069" s="10"/>
    </row>
    <row r="302070" spans="14:14">
      <c r="N302070" s="10"/>
    </row>
    <row r="302071" spans="14:14">
      <c r="N302071" s="10"/>
    </row>
    <row r="302072" spans="14:14">
      <c r="N302072" s="10"/>
    </row>
    <row r="302073" spans="14:14">
      <c r="N302073" s="10"/>
    </row>
    <row r="302074" spans="14:14">
      <c r="N302074" s="10"/>
    </row>
    <row r="302075" spans="14:14">
      <c r="N302075" s="10"/>
    </row>
    <row r="302076" spans="14:14">
      <c r="N302076" s="10"/>
    </row>
    <row r="302077" spans="14:14">
      <c r="N302077" s="10"/>
    </row>
    <row r="302078" spans="14:14">
      <c r="N302078" s="10"/>
    </row>
    <row r="302079" spans="14:14">
      <c r="N302079" s="10"/>
    </row>
    <row r="302080" spans="14:14">
      <c r="N302080" s="10"/>
    </row>
    <row r="302081" spans="14:14">
      <c r="N302081" s="10"/>
    </row>
    <row r="302082" spans="14:14">
      <c r="N302082" s="10"/>
    </row>
    <row r="302083" spans="14:14">
      <c r="N302083" s="10"/>
    </row>
    <row r="302084" spans="14:14">
      <c r="N302084" s="10"/>
    </row>
    <row r="302085" spans="14:14">
      <c r="N302085" s="10"/>
    </row>
    <row r="302086" spans="14:14">
      <c r="N302086" s="10"/>
    </row>
    <row r="302087" spans="14:14">
      <c r="N302087" s="10"/>
    </row>
    <row r="302088" spans="14:14">
      <c r="N302088" s="10"/>
    </row>
    <row r="302089" spans="14:14">
      <c r="N302089" s="10"/>
    </row>
    <row r="302090" spans="14:14">
      <c r="N302090" s="10"/>
    </row>
    <row r="302091" spans="14:14">
      <c r="N302091" s="10"/>
    </row>
    <row r="302092" spans="14:14">
      <c r="N302092" s="10"/>
    </row>
    <row r="302093" spans="14:14">
      <c r="N302093" s="10"/>
    </row>
    <row r="302094" spans="14:14">
      <c r="N302094" s="10"/>
    </row>
    <row r="302095" spans="14:14">
      <c r="N302095" s="10"/>
    </row>
    <row r="302096" spans="14:14">
      <c r="N302096" s="10"/>
    </row>
    <row r="302097" spans="14:14">
      <c r="N302097" s="10"/>
    </row>
    <row r="302098" spans="14:14">
      <c r="N302098" s="10"/>
    </row>
    <row r="302099" spans="14:14">
      <c r="N302099" s="10"/>
    </row>
    <row r="302100" spans="14:14">
      <c r="N302100" s="10"/>
    </row>
    <row r="302101" spans="14:14">
      <c r="N302101" s="10"/>
    </row>
    <row r="302102" spans="14:14">
      <c r="N302102" s="10"/>
    </row>
    <row r="302103" spans="14:14">
      <c r="N302103" s="10"/>
    </row>
    <row r="302104" spans="14:14">
      <c r="N302104" s="10"/>
    </row>
    <row r="302105" spans="14:14">
      <c r="N302105" s="10"/>
    </row>
    <row r="302106" spans="14:14">
      <c r="N302106" s="10"/>
    </row>
    <row r="302107" spans="14:14">
      <c r="N302107" s="10"/>
    </row>
    <row r="302108" spans="14:14">
      <c r="N302108" s="10"/>
    </row>
    <row r="302109" spans="14:14">
      <c r="N302109" s="10"/>
    </row>
    <row r="302110" spans="14:14">
      <c r="N302110" s="10"/>
    </row>
    <row r="302111" spans="14:14">
      <c r="N302111" s="10"/>
    </row>
    <row r="302112" spans="14:14">
      <c r="N302112" s="10"/>
    </row>
    <row r="302113" spans="14:14">
      <c r="N302113" s="10"/>
    </row>
    <row r="302114" spans="14:14">
      <c r="N302114" s="10"/>
    </row>
    <row r="302115" spans="14:14">
      <c r="N302115" s="10"/>
    </row>
    <row r="302116" spans="14:14">
      <c r="N302116" s="10"/>
    </row>
    <row r="302117" spans="14:14">
      <c r="N302117" s="10"/>
    </row>
    <row r="302118" spans="14:14">
      <c r="N302118" s="10"/>
    </row>
    <row r="302119" spans="14:14">
      <c r="N302119" s="10"/>
    </row>
    <row r="302120" spans="14:14">
      <c r="N302120" s="10"/>
    </row>
    <row r="302121" spans="14:14">
      <c r="N302121" s="10"/>
    </row>
    <row r="302122" spans="14:14">
      <c r="N302122" s="10"/>
    </row>
    <row r="302123" spans="14:14">
      <c r="N302123" s="10"/>
    </row>
    <row r="302124" spans="14:14">
      <c r="N302124" s="10"/>
    </row>
    <row r="302125" spans="14:14">
      <c r="N302125" s="10"/>
    </row>
    <row r="302126" spans="14:14">
      <c r="N302126" s="10"/>
    </row>
    <row r="302127" spans="14:14">
      <c r="N302127" s="10"/>
    </row>
    <row r="302128" spans="14:14">
      <c r="N302128" s="10"/>
    </row>
    <row r="302129" spans="14:14">
      <c r="N302129" s="10"/>
    </row>
    <row r="302130" spans="14:14">
      <c r="N302130" s="10"/>
    </row>
    <row r="302131" spans="14:14">
      <c r="N302131" s="10"/>
    </row>
    <row r="302132" spans="14:14">
      <c r="N302132" s="10"/>
    </row>
    <row r="302133" spans="14:14">
      <c r="N302133" s="10"/>
    </row>
    <row r="302134" spans="14:14">
      <c r="N302134" s="10"/>
    </row>
    <row r="302135" spans="14:14">
      <c r="N302135" s="10"/>
    </row>
    <row r="302136" spans="14:14">
      <c r="N302136" s="10"/>
    </row>
    <row r="302137" spans="14:14">
      <c r="N302137" s="10"/>
    </row>
    <row r="302138" spans="14:14">
      <c r="N302138" s="10"/>
    </row>
    <row r="302139" spans="14:14">
      <c r="N302139" s="10"/>
    </row>
    <row r="302140" spans="14:14">
      <c r="N302140" s="10"/>
    </row>
    <row r="302141" spans="14:14">
      <c r="N302141" s="10"/>
    </row>
    <row r="302142" spans="14:14">
      <c r="N302142" s="10"/>
    </row>
    <row r="302143" spans="14:14">
      <c r="N302143" s="10"/>
    </row>
    <row r="302144" spans="14:14">
      <c r="N302144" s="10"/>
    </row>
    <row r="302145" spans="14:14">
      <c r="N302145" s="10"/>
    </row>
    <row r="302146" spans="14:14">
      <c r="N302146" s="10"/>
    </row>
    <row r="302147" spans="14:14">
      <c r="N302147" s="10"/>
    </row>
    <row r="302148" spans="14:14">
      <c r="N302148" s="10"/>
    </row>
    <row r="302149" spans="14:14">
      <c r="N302149" s="10"/>
    </row>
    <row r="302150" spans="14:14">
      <c r="N302150" s="10"/>
    </row>
    <row r="302151" spans="14:14">
      <c r="N302151" s="10"/>
    </row>
    <row r="302152" spans="14:14">
      <c r="N302152" s="10"/>
    </row>
    <row r="302153" spans="14:14">
      <c r="N302153" s="10"/>
    </row>
    <row r="302154" spans="14:14">
      <c r="N302154" s="10"/>
    </row>
    <row r="302155" spans="14:14">
      <c r="N302155" s="10"/>
    </row>
    <row r="302156" spans="14:14">
      <c r="N302156" s="10"/>
    </row>
    <row r="302157" spans="14:14">
      <c r="N302157" s="10"/>
    </row>
    <row r="302158" spans="14:14">
      <c r="N302158" s="10"/>
    </row>
    <row r="302159" spans="14:14">
      <c r="N302159" s="10"/>
    </row>
    <row r="302160" spans="14:14">
      <c r="N302160" s="10"/>
    </row>
    <row r="302161" spans="14:14">
      <c r="N302161" s="10"/>
    </row>
    <row r="302162" spans="14:14">
      <c r="N302162" s="10"/>
    </row>
    <row r="302163" spans="14:14">
      <c r="N302163" s="10"/>
    </row>
    <row r="302164" spans="14:14">
      <c r="N302164" s="10"/>
    </row>
    <row r="302165" spans="14:14">
      <c r="N302165" s="10"/>
    </row>
    <row r="302166" spans="14:14">
      <c r="N302166" s="10"/>
    </row>
    <row r="302167" spans="14:14">
      <c r="N302167" s="10"/>
    </row>
    <row r="302168" spans="14:14">
      <c r="N302168" s="10"/>
    </row>
    <row r="302169" spans="14:14">
      <c r="N302169" s="10"/>
    </row>
    <row r="302170" spans="14:14">
      <c r="N302170" s="10"/>
    </row>
    <row r="302171" spans="14:14">
      <c r="N302171" s="10"/>
    </row>
    <row r="302172" spans="14:14">
      <c r="N302172" s="10"/>
    </row>
    <row r="302173" spans="14:14">
      <c r="N302173" s="10"/>
    </row>
    <row r="302174" spans="14:14">
      <c r="N302174" s="10"/>
    </row>
    <row r="302175" spans="14:14">
      <c r="N302175" s="10"/>
    </row>
    <row r="302176" spans="14:14">
      <c r="N302176" s="10"/>
    </row>
    <row r="302177" spans="14:14">
      <c r="N302177" s="10"/>
    </row>
    <row r="302178" spans="14:14">
      <c r="N302178" s="10"/>
    </row>
    <row r="302179" spans="14:14">
      <c r="N302179" s="10"/>
    </row>
    <row r="302180" spans="14:14">
      <c r="N302180" s="10"/>
    </row>
    <row r="302181" spans="14:14">
      <c r="N302181" s="10"/>
    </row>
    <row r="302182" spans="14:14">
      <c r="N302182" s="10"/>
    </row>
    <row r="302183" spans="14:14">
      <c r="N302183" s="10"/>
    </row>
    <row r="302184" spans="14:14">
      <c r="N302184" s="10"/>
    </row>
    <row r="302185" spans="14:14">
      <c r="N302185" s="10"/>
    </row>
    <row r="302186" spans="14:14">
      <c r="N302186" s="10"/>
    </row>
    <row r="302187" spans="14:14">
      <c r="N302187" s="10"/>
    </row>
    <row r="302188" spans="14:14">
      <c r="N302188" s="10"/>
    </row>
    <row r="302189" spans="14:14">
      <c r="N302189" s="10"/>
    </row>
    <row r="302190" spans="14:14">
      <c r="N302190" s="10"/>
    </row>
    <row r="302191" spans="14:14">
      <c r="N302191" s="10"/>
    </row>
    <row r="302192" spans="14:14">
      <c r="N302192" s="10"/>
    </row>
    <row r="302193" spans="14:14">
      <c r="N302193" s="10"/>
    </row>
    <row r="302194" spans="14:14">
      <c r="N302194" s="10"/>
    </row>
    <row r="302195" spans="14:14">
      <c r="N302195" s="10"/>
    </row>
    <row r="302196" spans="14:14">
      <c r="N302196" s="10"/>
    </row>
    <row r="302197" spans="14:14">
      <c r="N302197" s="10"/>
    </row>
    <row r="302198" spans="14:14">
      <c r="N302198" s="10"/>
    </row>
    <row r="302199" spans="14:14">
      <c r="N302199" s="10"/>
    </row>
    <row r="302200" spans="14:14">
      <c r="N302200" s="10"/>
    </row>
    <row r="302201" spans="14:14">
      <c r="N302201" s="10"/>
    </row>
    <row r="302202" spans="14:14">
      <c r="N302202" s="10"/>
    </row>
    <row r="302203" spans="14:14">
      <c r="N302203" s="10"/>
    </row>
    <row r="302204" spans="14:14">
      <c r="N302204" s="10"/>
    </row>
    <row r="302205" spans="14:14">
      <c r="N302205" s="10"/>
    </row>
    <row r="302206" spans="14:14">
      <c r="N302206" s="10"/>
    </row>
    <row r="302207" spans="14:14">
      <c r="N302207" s="10"/>
    </row>
    <row r="302208" spans="14:14">
      <c r="N302208" s="10"/>
    </row>
    <row r="302209" spans="14:14">
      <c r="N302209" s="10"/>
    </row>
    <row r="302210" spans="14:14">
      <c r="N302210" s="10"/>
    </row>
    <row r="302211" spans="14:14">
      <c r="N302211" s="10"/>
    </row>
    <row r="302212" spans="14:14">
      <c r="N302212" s="10"/>
    </row>
    <row r="302213" spans="14:14">
      <c r="N302213" s="10"/>
    </row>
    <row r="302214" spans="14:14">
      <c r="N302214" s="10"/>
    </row>
    <row r="302215" spans="14:14">
      <c r="N302215" s="10"/>
    </row>
    <row r="302216" spans="14:14">
      <c r="N302216" s="10"/>
    </row>
    <row r="302217" spans="14:14">
      <c r="N302217" s="10"/>
    </row>
    <row r="302218" spans="14:14">
      <c r="N302218" s="10"/>
    </row>
    <row r="302219" spans="14:14">
      <c r="N302219" s="10"/>
    </row>
    <row r="302220" spans="14:14">
      <c r="N302220" s="10"/>
    </row>
    <row r="302221" spans="14:14">
      <c r="N302221" s="10"/>
    </row>
    <row r="302222" spans="14:14">
      <c r="N302222" s="10"/>
    </row>
    <row r="302223" spans="14:14">
      <c r="N302223" s="10"/>
    </row>
    <row r="302224" spans="14:14">
      <c r="N302224" s="10"/>
    </row>
    <row r="302225" spans="14:14">
      <c r="N302225" s="10"/>
    </row>
    <row r="302226" spans="14:14">
      <c r="N302226" s="10"/>
    </row>
    <row r="302227" spans="14:14">
      <c r="N302227" s="10"/>
    </row>
    <row r="302228" spans="14:14">
      <c r="N302228" s="10"/>
    </row>
    <row r="302229" spans="14:14">
      <c r="N302229" s="10"/>
    </row>
    <row r="302230" spans="14:14">
      <c r="N302230" s="10"/>
    </row>
    <row r="302231" spans="14:14">
      <c r="N302231" s="10"/>
    </row>
    <row r="302232" spans="14:14">
      <c r="N302232" s="10"/>
    </row>
    <row r="302233" spans="14:14">
      <c r="N302233" s="10"/>
    </row>
    <row r="302234" spans="14:14">
      <c r="N302234" s="10"/>
    </row>
    <row r="302235" spans="14:14">
      <c r="N302235" s="10"/>
    </row>
    <row r="302236" spans="14:14">
      <c r="N302236" s="10"/>
    </row>
    <row r="302237" spans="14:14">
      <c r="N302237" s="10"/>
    </row>
    <row r="302238" spans="14:14">
      <c r="N302238" s="10"/>
    </row>
    <row r="302239" spans="14:14">
      <c r="N302239" s="10"/>
    </row>
    <row r="302240" spans="14:14">
      <c r="N302240" s="10"/>
    </row>
    <row r="302241" spans="14:14">
      <c r="N302241" s="10"/>
    </row>
    <row r="302242" spans="14:14">
      <c r="N302242" s="10"/>
    </row>
    <row r="302243" spans="14:14">
      <c r="N302243" s="10"/>
    </row>
    <row r="302244" spans="14:14">
      <c r="N302244" s="10"/>
    </row>
    <row r="302245" spans="14:14">
      <c r="N302245" s="10"/>
    </row>
    <row r="302246" spans="14:14">
      <c r="N302246" s="10"/>
    </row>
    <row r="302247" spans="14:14">
      <c r="N302247" s="10"/>
    </row>
    <row r="302248" spans="14:14">
      <c r="N302248" s="10"/>
    </row>
    <row r="302249" spans="14:14">
      <c r="N302249" s="10"/>
    </row>
    <row r="302250" spans="14:14">
      <c r="N302250" s="10"/>
    </row>
    <row r="302251" spans="14:14">
      <c r="N302251" s="10"/>
    </row>
    <row r="302252" spans="14:14">
      <c r="N302252" s="10"/>
    </row>
    <row r="302253" spans="14:14">
      <c r="N302253" s="10"/>
    </row>
    <row r="302254" spans="14:14">
      <c r="N302254" s="10"/>
    </row>
    <row r="302255" spans="14:14">
      <c r="N302255" s="10"/>
    </row>
    <row r="302256" spans="14:14">
      <c r="N302256" s="10"/>
    </row>
    <row r="302257" spans="14:14">
      <c r="N302257" s="10"/>
    </row>
    <row r="302258" spans="14:14">
      <c r="N302258" s="10"/>
    </row>
    <row r="302259" spans="14:14">
      <c r="N302259" s="10"/>
    </row>
    <row r="302260" spans="14:14">
      <c r="N302260" s="10"/>
    </row>
    <row r="302261" spans="14:14">
      <c r="N302261" s="10"/>
    </row>
    <row r="302262" spans="14:14">
      <c r="N302262" s="10"/>
    </row>
    <row r="302263" spans="14:14">
      <c r="N302263" s="10"/>
    </row>
    <row r="302264" spans="14:14">
      <c r="N302264" s="10"/>
    </row>
    <row r="302265" spans="14:14">
      <c r="N302265" s="10"/>
    </row>
    <row r="302266" spans="14:14">
      <c r="N302266" s="10"/>
    </row>
    <row r="302267" spans="14:14">
      <c r="N302267" s="10"/>
    </row>
    <row r="302268" spans="14:14">
      <c r="N302268" s="10"/>
    </row>
    <row r="302269" spans="14:14">
      <c r="N302269" s="10"/>
    </row>
    <row r="302270" spans="14:14">
      <c r="N302270" s="10"/>
    </row>
    <row r="302271" spans="14:14">
      <c r="N302271" s="10"/>
    </row>
    <row r="302272" spans="14:14">
      <c r="N302272" s="10"/>
    </row>
    <row r="302273" spans="14:14">
      <c r="N302273" s="10"/>
    </row>
    <row r="302274" spans="14:14">
      <c r="N302274" s="10"/>
    </row>
    <row r="302275" spans="14:14">
      <c r="N302275" s="10"/>
    </row>
    <row r="302276" spans="14:14">
      <c r="N302276" s="10"/>
    </row>
    <row r="302277" spans="14:14">
      <c r="N302277" s="10"/>
    </row>
    <row r="302278" spans="14:14">
      <c r="N302278" s="10"/>
    </row>
    <row r="302279" spans="14:14">
      <c r="N302279" s="10"/>
    </row>
    <row r="302280" spans="14:14">
      <c r="N302280" s="10"/>
    </row>
    <row r="302281" spans="14:14">
      <c r="N302281" s="10"/>
    </row>
    <row r="302282" spans="14:14">
      <c r="N302282" s="10"/>
    </row>
    <row r="302283" spans="14:14">
      <c r="N302283" s="10"/>
    </row>
    <row r="302284" spans="14:14">
      <c r="N302284" s="10"/>
    </row>
    <row r="302285" spans="14:14">
      <c r="N302285" s="10"/>
    </row>
    <row r="302286" spans="14:14">
      <c r="N302286" s="10"/>
    </row>
    <row r="302287" spans="14:14">
      <c r="N302287" s="10"/>
    </row>
    <row r="302288" spans="14:14">
      <c r="N302288" s="10"/>
    </row>
    <row r="302289" spans="14:14">
      <c r="N302289" s="10"/>
    </row>
    <row r="302290" spans="14:14">
      <c r="N302290" s="10"/>
    </row>
    <row r="302291" spans="14:14">
      <c r="N302291" s="10"/>
    </row>
    <row r="302292" spans="14:14">
      <c r="N302292" s="10"/>
    </row>
    <row r="302293" spans="14:14">
      <c r="N302293" s="10"/>
    </row>
    <row r="302294" spans="14:14">
      <c r="N302294" s="10"/>
    </row>
    <row r="302295" spans="14:14">
      <c r="N302295" s="10"/>
    </row>
    <row r="302296" spans="14:14">
      <c r="N302296" s="10"/>
    </row>
    <row r="302297" spans="14:14">
      <c r="N302297" s="10"/>
    </row>
    <row r="302298" spans="14:14">
      <c r="N302298" s="10"/>
    </row>
    <row r="302299" spans="14:14">
      <c r="N302299" s="10"/>
    </row>
    <row r="302300" spans="14:14">
      <c r="N302300" s="10"/>
    </row>
    <row r="302301" spans="14:14">
      <c r="N302301" s="10"/>
    </row>
    <row r="302302" spans="14:14">
      <c r="N302302" s="10"/>
    </row>
    <row r="302303" spans="14:14">
      <c r="N302303" s="10"/>
    </row>
    <row r="302304" spans="14:14">
      <c r="N302304" s="10"/>
    </row>
    <row r="302305" spans="14:14">
      <c r="N302305" s="10"/>
    </row>
    <row r="302306" spans="14:14">
      <c r="N302306" s="10"/>
    </row>
    <row r="302307" spans="14:14">
      <c r="N302307" s="10"/>
    </row>
    <row r="302308" spans="14:14">
      <c r="N302308" s="10"/>
    </row>
    <row r="302309" spans="14:14">
      <c r="N302309" s="10"/>
    </row>
    <row r="302310" spans="14:14">
      <c r="N302310" s="10"/>
    </row>
    <row r="302311" spans="14:14">
      <c r="N302311" s="10"/>
    </row>
    <row r="302312" spans="14:14">
      <c r="N302312" s="10"/>
    </row>
    <row r="302313" spans="14:14">
      <c r="N302313" s="10"/>
    </row>
    <row r="302314" spans="14:14">
      <c r="N302314" s="10"/>
    </row>
    <row r="302315" spans="14:14">
      <c r="N302315" s="10"/>
    </row>
    <row r="302316" spans="14:14">
      <c r="N302316" s="10"/>
    </row>
    <row r="302317" spans="14:14">
      <c r="N302317" s="10"/>
    </row>
    <row r="302318" spans="14:14">
      <c r="N302318" s="10"/>
    </row>
    <row r="302319" spans="14:14">
      <c r="N302319" s="10"/>
    </row>
    <row r="302320" spans="14:14">
      <c r="N302320" s="10"/>
    </row>
    <row r="302321" spans="14:14">
      <c r="N302321" s="10"/>
    </row>
    <row r="302322" spans="14:14">
      <c r="N302322" s="10"/>
    </row>
    <row r="302323" spans="14:14">
      <c r="N302323" s="10"/>
    </row>
    <row r="302324" spans="14:14">
      <c r="N302324" s="10"/>
    </row>
    <row r="302325" spans="14:14">
      <c r="N302325" s="10"/>
    </row>
    <row r="302326" spans="14:14">
      <c r="N302326" s="10"/>
    </row>
    <row r="302327" spans="14:14">
      <c r="N302327" s="10"/>
    </row>
    <row r="302328" spans="14:14">
      <c r="N302328" s="10"/>
    </row>
    <row r="302329" spans="14:14">
      <c r="N302329" s="10"/>
    </row>
    <row r="302330" spans="14:14">
      <c r="N302330" s="10"/>
    </row>
    <row r="302331" spans="14:14">
      <c r="N302331" s="10"/>
    </row>
    <row r="302332" spans="14:14">
      <c r="N302332" s="10"/>
    </row>
    <row r="302333" spans="14:14">
      <c r="N302333" s="10"/>
    </row>
    <row r="302334" spans="14:14">
      <c r="N302334" s="10"/>
    </row>
    <row r="302335" spans="14:14">
      <c r="N302335" s="10"/>
    </row>
    <row r="302336" spans="14:14">
      <c r="N302336" s="10"/>
    </row>
    <row r="302337" spans="14:14">
      <c r="N302337" s="10"/>
    </row>
    <row r="302338" spans="14:14">
      <c r="N302338" s="10"/>
    </row>
    <row r="302339" spans="14:14">
      <c r="N302339" s="10"/>
    </row>
    <row r="302340" spans="14:14">
      <c r="N302340" s="10"/>
    </row>
    <row r="302341" spans="14:14">
      <c r="N302341" s="10"/>
    </row>
    <row r="302342" spans="14:14">
      <c r="N302342" s="10"/>
    </row>
    <row r="302343" spans="14:14">
      <c r="N302343" s="10"/>
    </row>
    <row r="302344" spans="14:14">
      <c r="N302344" s="10"/>
    </row>
    <row r="302345" spans="14:14">
      <c r="N302345" s="10"/>
    </row>
    <row r="302346" spans="14:14">
      <c r="N302346" s="10"/>
    </row>
    <row r="302347" spans="14:14">
      <c r="N302347" s="10"/>
    </row>
    <row r="302348" spans="14:14">
      <c r="N302348" s="10"/>
    </row>
    <row r="302349" spans="14:14">
      <c r="N302349" s="10"/>
    </row>
    <row r="302350" spans="14:14">
      <c r="N302350" s="10"/>
    </row>
    <row r="302351" spans="14:14">
      <c r="N302351" s="10"/>
    </row>
    <row r="302352" spans="14:14">
      <c r="N302352" s="10"/>
    </row>
    <row r="302353" spans="14:14">
      <c r="N302353" s="10"/>
    </row>
    <row r="302354" spans="14:14">
      <c r="N302354" s="10"/>
    </row>
    <row r="302355" spans="14:14">
      <c r="N302355" s="10"/>
    </row>
    <row r="302356" spans="14:14">
      <c r="N302356" s="10"/>
    </row>
    <row r="302357" spans="14:14">
      <c r="N302357" s="10"/>
    </row>
    <row r="302358" spans="14:14">
      <c r="N302358" s="10"/>
    </row>
    <row r="302359" spans="14:14">
      <c r="N302359" s="10"/>
    </row>
    <row r="302360" spans="14:14">
      <c r="N302360" s="10"/>
    </row>
    <row r="302361" spans="14:14">
      <c r="N302361" s="10"/>
    </row>
    <row r="302362" spans="14:14">
      <c r="N302362" s="10"/>
    </row>
    <row r="302363" spans="14:14">
      <c r="N302363" s="10"/>
    </row>
    <row r="302364" spans="14:14">
      <c r="N302364" s="10"/>
    </row>
    <row r="302365" spans="14:14">
      <c r="N302365" s="10"/>
    </row>
    <row r="302366" spans="14:14">
      <c r="N302366" s="10"/>
    </row>
    <row r="302367" spans="14:14">
      <c r="N302367" s="10"/>
    </row>
    <row r="302368" spans="14:14">
      <c r="N302368" s="10"/>
    </row>
    <row r="302369" spans="14:14">
      <c r="N302369" s="10"/>
    </row>
    <row r="302370" spans="14:14">
      <c r="N302370" s="10"/>
    </row>
    <row r="302371" spans="14:14">
      <c r="N302371" s="10"/>
    </row>
    <row r="302372" spans="14:14">
      <c r="N302372" s="10"/>
    </row>
    <row r="302373" spans="14:14">
      <c r="N302373" s="10"/>
    </row>
    <row r="302374" spans="14:14">
      <c r="N302374" s="10"/>
    </row>
    <row r="302375" spans="14:14">
      <c r="N302375" s="10"/>
    </row>
    <row r="302376" spans="14:14">
      <c r="N302376" s="10"/>
    </row>
    <row r="302377" spans="14:14">
      <c r="N302377" s="10"/>
    </row>
    <row r="302378" spans="14:14">
      <c r="N302378" s="10"/>
    </row>
    <row r="302379" spans="14:14">
      <c r="N302379" s="10"/>
    </row>
    <row r="302380" spans="14:14">
      <c r="N302380" s="10"/>
    </row>
    <row r="302381" spans="14:14">
      <c r="N302381" s="10"/>
    </row>
    <row r="302382" spans="14:14">
      <c r="N302382" s="10"/>
    </row>
    <row r="302383" spans="14:14">
      <c r="N302383" s="10"/>
    </row>
    <row r="302384" spans="14:14">
      <c r="N302384" s="10"/>
    </row>
    <row r="302385" spans="14:14">
      <c r="N302385" s="10"/>
    </row>
    <row r="302386" spans="14:14">
      <c r="N302386" s="10"/>
    </row>
    <row r="302387" spans="14:14">
      <c r="N302387" s="10"/>
    </row>
    <row r="302388" spans="14:14">
      <c r="N302388" s="10"/>
    </row>
    <row r="302389" spans="14:14">
      <c r="N302389" s="10"/>
    </row>
    <row r="302390" spans="14:14">
      <c r="N302390" s="10"/>
    </row>
    <row r="302391" spans="14:14">
      <c r="N302391" s="10"/>
    </row>
    <row r="302392" spans="14:14">
      <c r="N302392" s="10"/>
    </row>
    <row r="302393" spans="14:14">
      <c r="N302393" s="10"/>
    </row>
    <row r="302394" spans="14:14">
      <c r="N302394" s="10"/>
    </row>
    <row r="302395" spans="14:14">
      <c r="N302395" s="10"/>
    </row>
    <row r="302396" spans="14:14">
      <c r="N302396" s="10"/>
    </row>
    <row r="302397" spans="14:14">
      <c r="N302397" s="10"/>
    </row>
    <row r="302398" spans="14:14">
      <c r="N302398" s="10"/>
    </row>
    <row r="302399" spans="14:14">
      <c r="N302399" s="10"/>
    </row>
    <row r="302400" spans="14:14">
      <c r="N302400" s="10"/>
    </row>
    <row r="302401" spans="14:14">
      <c r="N302401" s="10"/>
    </row>
    <row r="302402" spans="14:14">
      <c r="N302402" s="10"/>
    </row>
    <row r="302403" spans="14:14">
      <c r="N302403" s="10"/>
    </row>
    <row r="302404" spans="14:14">
      <c r="N302404" s="10"/>
    </row>
    <row r="302405" spans="14:14">
      <c r="N302405" s="10"/>
    </row>
    <row r="302406" spans="14:14">
      <c r="N302406" s="10"/>
    </row>
    <row r="302407" spans="14:14">
      <c r="N302407" s="10"/>
    </row>
    <row r="302408" spans="14:14">
      <c r="N302408" s="10"/>
    </row>
    <row r="302409" spans="14:14">
      <c r="N302409" s="10"/>
    </row>
    <row r="302410" spans="14:14">
      <c r="N302410" s="10"/>
    </row>
    <row r="302411" spans="14:14">
      <c r="N302411" s="10"/>
    </row>
    <row r="302412" spans="14:14">
      <c r="N302412" s="10"/>
    </row>
    <row r="302413" spans="14:14">
      <c r="N302413" s="10"/>
    </row>
    <row r="302414" spans="14:14">
      <c r="N302414" s="10"/>
    </row>
    <row r="302415" spans="14:14">
      <c r="N302415" s="10"/>
    </row>
    <row r="302416" spans="14:14">
      <c r="N302416" s="10"/>
    </row>
    <row r="302417" spans="14:14">
      <c r="N302417" s="10"/>
    </row>
    <row r="302418" spans="14:14">
      <c r="N302418" s="10"/>
    </row>
    <row r="302419" spans="14:14">
      <c r="N302419" s="10"/>
    </row>
    <row r="302420" spans="14:14">
      <c r="N302420" s="10"/>
    </row>
    <row r="302421" spans="14:14">
      <c r="N302421" s="10"/>
    </row>
    <row r="302422" spans="14:14">
      <c r="N302422" s="10"/>
    </row>
    <row r="302423" spans="14:14">
      <c r="N302423" s="10"/>
    </row>
    <row r="302424" spans="14:14">
      <c r="N302424" s="10"/>
    </row>
    <row r="302425" spans="14:14">
      <c r="N302425" s="10"/>
    </row>
    <row r="302426" spans="14:14">
      <c r="N302426" s="10"/>
    </row>
    <row r="302427" spans="14:14">
      <c r="N302427" s="10"/>
    </row>
    <row r="302428" spans="14:14">
      <c r="N302428" s="10"/>
    </row>
    <row r="302429" spans="14:14">
      <c r="N302429" s="10"/>
    </row>
    <row r="302430" spans="14:14">
      <c r="N302430" s="10"/>
    </row>
    <row r="302431" spans="14:14">
      <c r="N302431" s="10"/>
    </row>
    <row r="302432" spans="14:14">
      <c r="N302432" s="10"/>
    </row>
    <row r="302433" spans="14:14">
      <c r="N302433" s="10"/>
    </row>
    <row r="302434" spans="14:14">
      <c r="N302434" s="10"/>
    </row>
    <row r="302435" spans="14:14">
      <c r="N302435" s="10"/>
    </row>
    <row r="302436" spans="14:14">
      <c r="N302436" s="10"/>
    </row>
    <row r="302437" spans="14:14">
      <c r="N302437" s="10"/>
    </row>
    <row r="302438" spans="14:14">
      <c r="N302438" s="10"/>
    </row>
    <row r="302439" spans="14:14">
      <c r="N302439" s="10"/>
    </row>
    <row r="302440" spans="14:14">
      <c r="N302440" s="10"/>
    </row>
    <row r="302441" spans="14:14">
      <c r="N302441" s="10"/>
    </row>
    <row r="302442" spans="14:14">
      <c r="N302442" s="10"/>
    </row>
    <row r="302443" spans="14:14">
      <c r="N302443" s="10"/>
    </row>
    <row r="302444" spans="14:14">
      <c r="N302444" s="10"/>
    </row>
    <row r="302445" spans="14:14">
      <c r="N302445" s="10"/>
    </row>
    <row r="302446" spans="14:14">
      <c r="N302446" s="10"/>
    </row>
    <row r="302447" spans="14:14">
      <c r="N302447" s="10"/>
    </row>
    <row r="302448" spans="14:14">
      <c r="N302448" s="10"/>
    </row>
    <row r="302449" spans="14:14">
      <c r="N302449" s="10"/>
    </row>
    <row r="302450" spans="14:14">
      <c r="N302450" s="10"/>
    </row>
    <row r="302451" spans="14:14">
      <c r="N302451" s="10"/>
    </row>
    <row r="302452" spans="14:14">
      <c r="N302452" s="10"/>
    </row>
    <row r="302453" spans="14:14">
      <c r="N302453" s="10"/>
    </row>
    <row r="302454" spans="14:14">
      <c r="N302454" s="10"/>
    </row>
    <row r="302455" spans="14:14">
      <c r="N302455" s="10"/>
    </row>
    <row r="302456" spans="14:14">
      <c r="N302456" s="10"/>
    </row>
    <row r="302457" spans="14:14">
      <c r="N302457" s="10"/>
    </row>
    <row r="302458" spans="14:14">
      <c r="N302458" s="10"/>
    </row>
    <row r="302459" spans="14:14">
      <c r="N302459" s="10"/>
    </row>
    <row r="302460" spans="14:14">
      <c r="N302460" s="10"/>
    </row>
    <row r="302461" spans="14:14">
      <c r="N302461" s="10"/>
    </row>
    <row r="302462" spans="14:14">
      <c r="N302462" s="10"/>
    </row>
    <row r="302463" spans="14:14">
      <c r="N302463" s="10"/>
    </row>
    <row r="302464" spans="14:14">
      <c r="N302464" s="10"/>
    </row>
    <row r="302465" spans="14:14">
      <c r="N302465" s="10"/>
    </row>
    <row r="302466" spans="14:14">
      <c r="N302466" s="10"/>
    </row>
    <row r="302467" spans="14:14">
      <c r="N302467" s="10"/>
    </row>
    <row r="302468" spans="14:14">
      <c r="N302468" s="10"/>
    </row>
    <row r="302469" spans="14:14">
      <c r="N302469" s="10"/>
    </row>
    <row r="302470" spans="14:14">
      <c r="N302470" s="10"/>
    </row>
    <row r="302471" spans="14:14">
      <c r="N302471" s="10"/>
    </row>
    <row r="302472" spans="14:14">
      <c r="N302472" s="10"/>
    </row>
    <row r="302473" spans="14:14">
      <c r="N302473" s="10"/>
    </row>
    <row r="302474" spans="14:14">
      <c r="N302474" s="10"/>
    </row>
    <row r="302475" spans="14:14">
      <c r="N302475" s="10"/>
    </row>
    <row r="302476" spans="14:14">
      <c r="N302476" s="10"/>
    </row>
    <row r="302477" spans="14:14">
      <c r="N302477" s="10"/>
    </row>
    <row r="302478" spans="14:14">
      <c r="N302478" s="10"/>
    </row>
    <row r="302479" spans="14:14">
      <c r="N302479" s="10"/>
    </row>
    <row r="302480" spans="14:14">
      <c r="N302480" s="10"/>
    </row>
    <row r="302481" spans="14:14">
      <c r="N302481" s="10"/>
    </row>
    <row r="302482" spans="14:14">
      <c r="N302482" s="10"/>
    </row>
    <row r="302483" spans="14:14">
      <c r="N302483" s="10"/>
    </row>
    <row r="302484" spans="14:14">
      <c r="N302484" s="10"/>
    </row>
    <row r="302485" spans="14:14">
      <c r="N302485" s="10"/>
    </row>
    <row r="302486" spans="14:14">
      <c r="N302486" s="10"/>
    </row>
    <row r="302487" spans="14:14">
      <c r="N302487" s="10"/>
    </row>
    <row r="302488" spans="14:14">
      <c r="N302488" s="10"/>
    </row>
    <row r="302489" spans="14:14">
      <c r="N302489" s="10"/>
    </row>
    <row r="302490" spans="14:14">
      <c r="N302490" s="10"/>
    </row>
    <row r="302491" spans="14:14">
      <c r="N302491" s="10"/>
    </row>
    <row r="302492" spans="14:14">
      <c r="N302492" s="10"/>
    </row>
    <row r="302493" spans="14:14">
      <c r="N302493" s="10"/>
    </row>
    <row r="302494" spans="14:14">
      <c r="N302494" s="10"/>
    </row>
    <row r="302495" spans="14:14">
      <c r="N302495" s="10"/>
    </row>
    <row r="302496" spans="14:14">
      <c r="N302496" s="10"/>
    </row>
    <row r="302497" spans="14:14">
      <c r="N302497" s="10"/>
    </row>
    <row r="302498" spans="14:14">
      <c r="N302498" s="10"/>
    </row>
    <row r="302499" spans="14:14">
      <c r="N302499" s="10"/>
    </row>
    <row r="302500" spans="14:14">
      <c r="N302500" s="10"/>
    </row>
    <row r="302501" spans="14:14">
      <c r="N302501" s="10"/>
    </row>
    <row r="302502" spans="14:14">
      <c r="N302502" s="10"/>
    </row>
    <row r="302503" spans="14:14">
      <c r="N302503" s="10"/>
    </row>
    <row r="302504" spans="14:14">
      <c r="N302504" s="10"/>
    </row>
    <row r="302505" spans="14:14">
      <c r="N302505" s="10"/>
    </row>
    <row r="302506" spans="14:14">
      <c r="N302506" s="10"/>
    </row>
    <row r="302507" spans="14:14">
      <c r="N302507" s="10"/>
    </row>
    <row r="302508" spans="14:14">
      <c r="N302508" s="10"/>
    </row>
    <row r="302509" spans="14:14">
      <c r="N302509" s="10"/>
    </row>
    <row r="302510" spans="14:14">
      <c r="N302510" s="10"/>
    </row>
    <row r="302511" spans="14:14">
      <c r="N302511" s="10"/>
    </row>
    <row r="302512" spans="14:14">
      <c r="N302512" s="10"/>
    </row>
    <row r="302513" spans="14:14">
      <c r="N302513" s="10"/>
    </row>
    <row r="302514" spans="14:14">
      <c r="N302514" s="10"/>
    </row>
    <row r="302515" spans="14:14">
      <c r="N302515" s="10"/>
    </row>
    <row r="302516" spans="14:14">
      <c r="N302516" s="10"/>
    </row>
    <row r="302517" spans="14:14">
      <c r="N302517" s="10"/>
    </row>
    <row r="302518" spans="14:14">
      <c r="N302518" s="10"/>
    </row>
    <row r="302519" spans="14:14">
      <c r="N302519" s="10"/>
    </row>
    <row r="302520" spans="14:14">
      <c r="N302520" s="10"/>
    </row>
    <row r="302521" spans="14:14">
      <c r="N302521" s="10"/>
    </row>
    <row r="302522" spans="14:14">
      <c r="N302522" s="10"/>
    </row>
    <row r="302523" spans="14:14">
      <c r="N302523" s="10"/>
    </row>
    <row r="302524" spans="14:14">
      <c r="N302524" s="10"/>
    </row>
    <row r="302525" spans="14:14">
      <c r="N302525" s="10"/>
    </row>
    <row r="302526" spans="14:14">
      <c r="N302526" s="10"/>
    </row>
    <row r="302527" spans="14:14">
      <c r="N302527" s="10"/>
    </row>
    <row r="302528" spans="14:14">
      <c r="N302528" s="10"/>
    </row>
    <row r="302529" spans="14:14">
      <c r="N302529" s="10"/>
    </row>
    <row r="302530" spans="14:14">
      <c r="N302530" s="10"/>
    </row>
    <row r="302531" spans="14:14">
      <c r="N302531" s="10"/>
    </row>
    <row r="302532" spans="14:14">
      <c r="N302532" s="10"/>
    </row>
    <row r="302533" spans="14:14">
      <c r="N302533" s="10"/>
    </row>
    <row r="302534" spans="14:14">
      <c r="N302534" s="10"/>
    </row>
    <row r="302535" spans="14:14">
      <c r="N302535" s="10"/>
    </row>
    <row r="302536" spans="14:14">
      <c r="N302536" s="10"/>
    </row>
    <row r="302537" spans="14:14">
      <c r="N302537" s="10"/>
    </row>
    <row r="302538" spans="14:14">
      <c r="N302538" s="10"/>
    </row>
    <row r="302539" spans="14:14">
      <c r="N302539" s="10"/>
    </row>
    <row r="302540" spans="14:14">
      <c r="N302540" s="10"/>
    </row>
    <row r="302541" spans="14:14">
      <c r="N302541" s="10"/>
    </row>
    <row r="302542" spans="14:14">
      <c r="N302542" s="10"/>
    </row>
    <row r="302543" spans="14:14">
      <c r="N302543" s="10"/>
    </row>
    <row r="302544" spans="14:14">
      <c r="N302544" s="10"/>
    </row>
    <row r="302545" spans="14:14">
      <c r="N302545" s="10"/>
    </row>
    <row r="302546" spans="14:14">
      <c r="N302546" s="10"/>
    </row>
    <row r="302547" spans="14:14">
      <c r="N302547" s="10"/>
    </row>
    <row r="302548" spans="14:14">
      <c r="N302548" s="10"/>
    </row>
    <row r="302549" spans="14:14">
      <c r="N302549" s="10"/>
    </row>
    <row r="302550" spans="14:14">
      <c r="N302550" s="10"/>
    </row>
    <row r="302551" spans="14:14">
      <c r="N302551" s="10"/>
    </row>
    <row r="302552" spans="14:14">
      <c r="N302552" s="10"/>
    </row>
    <row r="302553" spans="14:14">
      <c r="N302553" s="10"/>
    </row>
    <row r="302554" spans="14:14">
      <c r="N302554" s="10"/>
    </row>
    <row r="302555" spans="14:14">
      <c r="N302555" s="10"/>
    </row>
    <row r="302556" spans="14:14">
      <c r="N302556" s="10"/>
    </row>
    <row r="302557" spans="14:14">
      <c r="N302557" s="10"/>
    </row>
    <row r="302558" spans="14:14">
      <c r="N302558" s="10"/>
    </row>
    <row r="302559" spans="14:14">
      <c r="N302559" s="10"/>
    </row>
    <row r="302560" spans="14:14">
      <c r="N302560" s="10"/>
    </row>
    <row r="302561" spans="14:14">
      <c r="N302561" s="10"/>
    </row>
    <row r="302562" spans="14:14">
      <c r="N302562" s="10"/>
    </row>
    <row r="302563" spans="14:14">
      <c r="N302563" s="10"/>
    </row>
    <row r="302564" spans="14:14">
      <c r="N302564" s="10"/>
    </row>
    <row r="302565" spans="14:14">
      <c r="N302565" s="10"/>
    </row>
    <row r="302566" spans="14:14">
      <c r="N302566" s="10"/>
    </row>
    <row r="302567" spans="14:14">
      <c r="N302567" s="10"/>
    </row>
    <row r="302568" spans="14:14">
      <c r="N302568" s="10"/>
    </row>
    <row r="302569" spans="14:14">
      <c r="N302569" s="10"/>
    </row>
    <row r="302570" spans="14:14">
      <c r="N302570" s="10"/>
    </row>
    <row r="302571" spans="14:14">
      <c r="N302571" s="10"/>
    </row>
    <row r="302572" spans="14:14">
      <c r="N302572" s="10"/>
    </row>
    <row r="302573" spans="14:14">
      <c r="N302573" s="10"/>
    </row>
    <row r="302574" spans="14:14">
      <c r="N302574" s="10"/>
    </row>
    <row r="302575" spans="14:14">
      <c r="N302575" s="10"/>
    </row>
    <row r="302576" spans="14:14">
      <c r="N302576" s="10"/>
    </row>
    <row r="302577" spans="14:14">
      <c r="N302577" s="10"/>
    </row>
    <row r="302578" spans="14:14">
      <c r="N302578" s="10"/>
    </row>
    <row r="302579" spans="14:14">
      <c r="N302579" s="10"/>
    </row>
    <row r="302580" spans="14:14">
      <c r="N302580" s="10"/>
    </row>
    <row r="302581" spans="14:14">
      <c r="N302581" s="10"/>
    </row>
    <row r="302582" spans="14:14">
      <c r="N302582" s="10"/>
    </row>
    <row r="302583" spans="14:14">
      <c r="N302583" s="10"/>
    </row>
    <row r="302584" spans="14:14">
      <c r="N302584" s="10"/>
    </row>
    <row r="302585" spans="14:14">
      <c r="N302585" s="10"/>
    </row>
    <row r="302586" spans="14:14">
      <c r="N302586" s="10"/>
    </row>
    <row r="302587" spans="14:14">
      <c r="N302587" s="10"/>
    </row>
    <row r="302588" spans="14:14">
      <c r="N302588" s="10"/>
    </row>
    <row r="302589" spans="14:14">
      <c r="N302589" s="10"/>
    </row>
    <row r="302590" spans="14:14">
      <c r="N302590" s="10"/>
    </row>
    <row r="302591" spans="14:14">
      <c r="N302591" s="10"/>
    </row>
    <row r="302592" spans="14:14">
      <c r="N302592" s="10"/>
    </row>
    <row r="302593" spans="14:14">
      <c r="N302593" s="10"/>
    </row>
    <row r="302594" spans="14:14">
      <c r="N302594" s="10"/>
    </row>
    <row r="302595" spans="14:14">
      <c r="N302595" s="10"/>
    </row>
    <row r="302596" spans="14:14">
      <c r="N302596" s="10"/>
    </row>
    <row r="302597" spans="14:14">
      <c r="N302597" s="10"/>
    </row>
    <row r="302598" spans="14:14">
      <c r="N302598" s="10"/>
    </row>
    <row r="302599" spans="14:14">
      <c r="N302599" s="10"/>
    </row>
    <row r="302600" spans="14:14">
      <c r="N302600" s="10"/>
    </row>
    <row r="302601" spans="14:14">
      <c r="N302601" s="10"/>
    </row>
    <row r="302602" spans="14:14">
      <c r="N302602" s="10"/>
    </row>
    <row r="302603" spans="14:14">
      <c r="N302603" s="10"/>
    </row>
    <row r="302604" spans="14:14">
      <c r="N302604" s="10"/>
    </row>
    <row r="302605" spans="14:14">
      <c r="N302605" s="10"/>
    </row>
    <row r="302606" spans="14:14">
      <c r="N302606" s="10"/>
    </row>
    <row r="302607" spans="14:14">
      <c r="N302607" s="10"/>
    </row>
    <row r="302608" spans="14:14">
      <c r="N302608" s="10"/>
    </row>
    <row r="302609" spans="14:14">
      <c r="N302609" s="10"/>
    </row>
    <row r="302610" spans="14:14">
      <c r="N302610" s="10"/>
    </row>
    <row r="302611" spans="14:14">
      <c r="N302611" s="10"/>
    </row>
    <row r="302612" spans="14:14">
      <c r="N302612" s="10"/>
    </row>
    <row r="302613" spans="14:14">
      <c r="N302613" s="10"/>
    </row>
    <row r="302614" spans="14:14">
      <c r="N302614" s="10"/>
    </row>
    <row r="302615" spans="14:14">
      <c r="N302615" s="10"/>
    </row>
    <row r="302616" spans="14:14">
      <c r="N302616" s="10"/>
    </row>
    <row r="302617" spans="14:14">
      <c r="N302617" s="10"/>
    </row>
    <row r="302618" spans="14:14">
      <c r="N302618" s="10"/>
    </row>
    <row r="302619" spans="14:14">
      <c r="N302619" s="10"/>
    </row>
    <row r="302620" spans="14:14">
      <c r="N302620" s="10"/>
    </row>
    <row r="302621" spans="14:14">
      <c r="N302621" s="10"/>
    </row>
    <row r="302622" spans="14:14">
      <c r="N302622" s="10"/>
    </row>
    <row r="302623" spans="14:14">
      <c r="N302623" s="10"/>
    </row>
    <row r="302624" spans="14:14">
      <c r="N302624" s="10"/>
    </row>
    <row r="302625" spans="14:14">
      <c r="N302625" s="10"/>
    </row>
    <row r="302626" spans="14:14">
      <c r="N302626" s="10"/>
    </row>
    <row r="302627" spans="14:14">
      <c r="N302627" s="10"/>
    </row>
    <row r="302628" spans="14:14">
      <c r="N302628" s="10"/>
    </row>
    <row r="302629" spans="14:14">
      <c r="N302629" s="10"/>
    </row>
    <row r="302630" spans="14:14">
      <c r="N302630" s="10"/>
    </row>
    <row r="302631" spans="14:14">
      <c r="N302631" s="10"/>
    </row>
    <row r="302632" spans="14:14">
      <c r="N302632" s="10"/>
    </row>
    <row r="302633" spans="14:14">
      <c r="N302633" s="10"/>
    </row>
    <row r="302634" spans="14:14">
      <c r="N302634" s="10"/>
    </row>
    <row r="302635" spans="14:14">
      <c r="N302635" s="10"/>
    </row>
    <row r="302636" spans="14:14">
      <c r="N302636" s="10"/>
    </row>
    <row r="302637" spans="14:14">
      <c r="N302637" s="10"/>
    </row>
    <row r="302638" spans="14:14">
      <c r="N302638" s="10"/>
    </row>
    <row r="302639" spans="14:14">
      <c r="N302639" s="10"/>
    </row>
    <row r="302640" spans="14:14">
      <c r="N302640" s="10"/>
    </row>
    <row r="302641" spans="14:14">
      <c r="N302641" s="10"/>
    </row>
    <row r="302642" spans="14:14">
      <c r="N302642" s="10"/>
    </row>
    <row r="302643" spans="14:14">
      <c r="N302643" s="10"/>
    </row>
    <row r="302644" spans="14:14">
      <c r="N302644" s="10"/>
    </row>
    <row r="302645" spans="14:14">
      <c r="N302645" s="10"/>
    </row>
    <row r="302646" spans="14:14">
      <c r="N302646" s="10"/>
    </row>
    <row r="302647" spans="14:14">
      <c r="N302647" s="10"/>
    </row>
    <row r="302648" spans="14:14">
      <c r="N302648" s="10"/>
    </row>
    <row r="302649" spans="14:14">
      <c r="N302649" s="10"/>
    </row>
    <row r="302650" spans="14:14">
      <c r="N302650" s="10"/>
    </row>
    <row r="302651" spans="14:14">
      <c r="N302651" s="10"/>
    </row>
    <row r="302652" spans="14:14">
      <c r="N302652" s="10"/>
    </row>
    <row r="302653" spans="14:14">
      <c r="N302653" s="10"/>
    </row>
    <row r="302654" spans="14:14">
      <c r="N302654" s="10"/>
    </row>
    <row r="302655" spans="14:14">
      <c r="N302655" s="10"/>
    </row>
    <row r="302656" spans="14:14">
      <c r="N302656" s="10"/>
    </row>
    <row r="302657" spans="14:14">
      <c r="N302657" s="10"/>
    </row>
    <row r="302658" spans="14:14">
      <c r="N302658" s="10"/>
    </row>
    <row r="302659" spans="14:14">
      <c r="N302659" s="10"/>
    </row>
    <row r="302660" spans="14:14">
      <c r="N302660" s="10"/>
    </row>
    <row r="302661" spans="14:14">
      <c r="N302661" s="10"/>
    </row>
    <row r="302662" spans="14:14">
      <c r="N302662" s="10"/>
    </row>
    <row r="302663" spans="14:14">
      <c r="N302663" s="10"/>
    </row>
    <row r="302664" spans="14:14">
      <c r="N302664" s="10"/>
    </row>
    <row r="302665" spans="14:14">
      <c r="N302665" s="10"/>
    </row>
    <row r="302666" spans="14:14">
      <c r="N302666" s="10"/>
    </row>
    <row r="302667" spans="14:14">
      <c r="N302667" s="10"/>
    </row>
    <row r="302668" spans="14:14">
      <c r="N302668" s="10"/>
    </row>
    <row r="302669" spans="14:14">
      <c r="N302669" s="10"/>
    </row>
    <row r="302670" spans="14:14">
      <c r="N302670" s="10"/>
    </row>
    <row r="302671" spans="14:14">
      <c r="N302671" s="10"/>
    </row>
    <row r="302672" spans="14:14">
      <c r="N302672" s="10"/>
    </row>
    <row r="302673" spans="14:14">
      <c r="N302673" s="10"/>
    </row>
    <row r="302674" spans="14:14">
      <c r="N302674" s="10"/>
    </row>
    <row r="302675" spans="14:14">
      <c r="N302675" s="10"/>
    </row>
    <row r="302676" spans="14:14">
      <c r="N302676" s="10"/>
    </row>
    <row r="302677" spans="14:14">
      <c r="N302677" s="10"/>
    </row>
    <row r="302678" spans="14:14">
      <c r="N302678" s="10"/>
    </row>
    <row r="302679" spans="14:14">
      <c r="N302679" s="10"/>
    </row>
    <row r="302680" spans="14:14">
      <c r="N302680" s="10"/>
    </row>
    <row r="302681" spans="14:14">
      <c r="N302681" s="10"/>
    </row>
    <row r="302682" spans="14:14">
      <c r="N302682" s="10"/>
    </row>
    <row r="302683" spans="14:14">
      <c r="N302683" s="10"/>
    </row>
    <row r="302684" spans="14:14">
      <c r="N302684" s="10"/>
    </row>
    <row r="302685" spans="14:14">
      <c r="N302685" s="10"/>
    </row>
    <row r="302686" spans="14:14">
      <c r="N302686" s="10"/>
    </row>
    <row r="302687" spans="14:14">
      <c r="N302687" s="10"/>
    </row>
    <row r="302688" spans="14:14">
      <c r="N302688" s="10"/>
    </row>
    <row r="302689" spans="14:14">
      <c r="N302689" s="10"/>
    </row>
    <row r="302690" spans="14:14">
      <c r="N302690" s="10"/>
    </row>
    <row r="302691" spans="14:14">
      <c r="N302691" s="10"/>
    </row>
    <row r="302692" spans="14:14">
      <c r="N302692" s="10"/>
    </row>
    <row r="302693" spans="14:14">
      <c r="N302693" s="10"/>
    </row>
    <row r="302694" spans="14:14">
      <c r="N302694" s="10"/>
    </row>
    <row r="302695" spans="14:14">
      <c r="N302695" s="10"/>
    </row>
    <row r="302696" spans="14:14">
      <c r="N302696" s="10"/>
    </row>
    <row r="302697" spans="14:14">
      <c r="N302697" s="10"/>
    </row>
    <row r="302698" spans="14:14">
      <c r="N302698" s="10"/>
    </row>
    <row r="302699" spans="14:14">
      <c r="N302699" s="10"/>
    </row>
    <row r="302700" spans="14:14">
      <c r="N302700" s="10"/>
    </row>
    <row r="302701" spans="14:14">
      <c r="N302701" s="10"/>
    </row>
    <row r="302702" spans="14:14">
      <c r="N302702" s="10"/>
    </row>
    <row r="302703" spans="14:14">
      <c r="N302703" s="10"/>
    </row>
    <row r="302704" spans="14:14">
      <c r="N302704" s="10"/>
    </row>
    <row r="302705" spans="14:14">
      <c r="N302705" s="10"/>
    </row>
    <row r="302706" spans="14:14">
      <c r="N302706" s="10"/>
    </row>
    <row r="302707" spans="14:14">
      <c r="N302707" s="10"/>
    </row>
    <row r="302708" spans="14:14">
      <c r="N302708" s="10"/>
    </row>
    <row r="302709" spans="14:14">
      <c r="N302709" s="10"/>
    </row>
    <row r="302710" spans="14:14">
      <c r="N302710" s="10"/>
    </row>
    <row r="302711" spans="14:14">
      <c r="N302711" s="10"/>
    </row>
    <row r="302712" spans="14:14">
      <c r="N302712" s="10"/>
    </row>
    <row r="302713" spans="14:14">
      <c r="N302713" s="10"/>
    </row>
    <row r="302714" spans="14:14">
      <c r="N302714" s="10"/>
    </row>
    <row r="302715" spans="14:14">
      <c r="N302715" s="10"/>
    </row>
    <row r="302716" spans="14:14">
      <c r="N302716" s="10"/>
    </row>
    <row r="302717" spans="14:14">
      <c r="N302717" s="10"/>
    </row>
    <row r="302718" spans="14:14">
      <c r="N302718" s="10"/>
    </row>
    <row r="302719" spans="14:14">
      <c r="N302719" s="10"/>
    </row>
    <row r="302720" spans="14:14">
      <c r="N302720" s="10"/>
    </row>
    <row r="302721" spans="14:14">
      <c r="N302721" s="10"/>
    </row>
    <row r="302722" spans="14:14">
      <c r="N302722" s="10"/>
    </row>
    <row r="302723" spans="14:14">
      <c r="N302723" s="10"/>
    </row>
    <row r="302724" spans="14:14">
      <c r="N302724" s="10"/>
    </row>
    <row r="302725" spans="14:14">
      <c r="N302725" s="10"/>
    </row>
    <row r="302726" spans="14:14">
      <c r="N302726" s="10"/>
    </row>
    <row r="302727" spans="14:14">
      <c r="N302727" s="10"/>
    </row>
    <row r="302728" spans="14:14">
      <c r="N302728" s="10"/>
    </row>
    <row r="302729" spans="14:14">
      <c r="N302729" s="10"/>
    </row>
    <row r="302730" spans="14:14">
      <c r="N302730" s="10"/>
    </row>
    <row r="302731" spans="14:14">
      <c r="N302731" s="10"/>
    </row>
    <row r="302732" spans="14:14">
      <c r="N302732" s="10"/>
    </row>
    <row r="302733" spans="14:14">
      <c r="N302733" s="10"/>
    </row>
    <row r="302734" spans="14:14">
      <c r="N302734" s="10"/>
    </row>
    <row r="302735" spans="14:14">
      <c r="N302735" s="10"/>
    </row>
    <row r="302736" spans="14:14">
      <c r="N302736" s="10"/>
    </row>
    <row r="302737" spans="14:14">
      <c r="N302737" s="10"/>
    </row>
    <row r="302738" spans="14:14">
      <c r="N302738" s="10"/>
    </row>
    <row r="302739" spans="14:14">
      <c r="N302739" s="10"/>
    </row>
    <row r="302740" spans="14:14">
      <c r="N302740" s="10"/>
    </row>
    <row r="302741" spans="14:14">
      <c r="N302741" s="10"/>
    </row>
    <row r="302742" spans="14:14">
      <c r="N302742" s="10"/>
    </row>
    <row r="302743" spans="14:14">
      <c r="N302743" s="10"/>
    </row>
    <row r="302744" spans="14:14">
      <c r="N302744" s="10"/>
    </row>
    <row r="302745" spans="14:14">
      <c r="N302745" s="10"/>
    </row>
    <row r="302746" spans="14:14">
      <c r="N302746" s="10"/>
    </row>
    <row r="302747" spans="14:14">
      <c r="N302747" s="10"/>
    </row>
    <row r="302748" spans="14:14">
      <c r="N302748" s="10"/>
    </row>
    <row r="302749" spans="14:14">
      <c r="N302749" s="10"/>
    </row>
    <row r="302750" spans="14:14">
      <c r="N302750" s="10"/>
    </row>
    <row r="302751" spans="14:14">
      <c r="N302751" s="10"/>
    </row>
    <row r="302752" spans="14:14">
      <c r="N302752" s="10"/>
    </row>
    <row r="302753" spans="14:14">
      <c r="N302753" s="10"/>
    </row>
    <row r="302754" spans="14:14">
      <c r="N302754" s="10"/>
    </row>
    <row r="302755" spans="14:14">
      <c r="N302755" s="10"/>
    </row>
    <row r="302756" spans="14:14">
      <c r="N302756" s="10"/>
    </row>
    <row r="302757" spans="14:14">
      <c r="N302757" s="10"/>
    </row>
    <row r="302758" spans="14:14">
      <c r="N302758" s="10"/>
    </row>
    <row r="302759" spans="14:14">
      <c r="N302759" s="10"/>
    </row>
    <row r="302760" spans="14:14">
      <c r="N302760" s="10"/>
    </row>
    <row r="302761" spans="14:14">
      <c r="N302761" s="10"/>
    </row>
    <row r="302762" spans="14:14">
      <c r="N302762" s="10"/>
    </row>
    <row r="302763" spans="14:14">
      <c r="N302763" s="10"/>
    </row>
    <row r="302764" spans="14:14">
      <c r="N302764" s="10"/>
    </row>
    <row r="302765" spans="14:14">
      <c r="N302765" s="10"/>
    </row>
    <row r="302766" spans="14:14">
      <c r="N302766" s="10"/>
    </row>
    <row r="302767" spans="14:14">
      <c r="N302767" s="10"/>
    </row>
    <row r="302768" spans="14:14">
      <c r="N302768" s="10"/>
    </row>
    <row r="302769" spans="14:14">
      <c r="N302769" s="10"/>
    </row>
    <row r="302770" spans="14:14">
      <c r="N302770" s="10"/>
    </row>
    <row r="302771" spans="14:14">
      <c r="N302771" s="10"/>
    </row>
    <row r="302772" spans="14:14">
      <c r="N302772" s="10"/>
    </row>
    <row r="302773" spans="14:14">
      <c r="N302773" s="10"/>
    </row>
    <row r="302774" spans="14:14">
      <c r="N302774" s="10"/>
    </row>
    <row r="302775" spans="14:14">
      <c r="N302775" s="10"/>
    </row>
    <row r="302776" spans="14:14">
      <c r="N302776" s="10"/>
    </row>
    <row r="302777" spans="14:14">
      <c r="N302777" s="10"/>
    </row>
    <row r="302778" spans="14:14">
      <c r="N302778" s="10"/>
    </row>
    <row r="302779" spans="14:14">
      <c r="N302779" s="10"/>
    </row>
    <row r="302780" spans="14:14">
      <c r="N302780" s="10"/>
    </row>
    <row r="302781" spans="14:14">
      <c r="N302781" s="10"/>
    </row>
    <row r="302782" spans="14:14">
      <c r="N302782" s="10"/>
    </row>
    <row r="302783" spans="14:14">
      <c r="N302783" s="10"/>
    </row>
    <row r="302784" spans="14:14">
      <c r="N302784" s="10"/>
    </row>
    <row r="302785" spans="14:14">
      <c r="N302785" s="10"/>
    </row>
    <row r="302786" spans="14:14">
      <c r="N302786" s="10"/>
    </row>
    <row r="302787" spans="14:14">
      <c r="N302787" s="10"/>
    </row>
    <row r="302788" spans="14:14">
      <c r="N302788" s="10"/>
    </row>
    <row r="302789" spans="14:14">
      <c r="N302789" s="10"/>
    </row>
    <row r="302790" spans="14:14">
      <c r="N302790" s="10"/>
    </row>
    <row r="302791" spans="14:14">
      <c r="N302791" s="10"/>
    </row>
    <row r="302792" spans="14:14">
      <c r="N302792" s="10"/>
    </row>
    <row r="302793" spans="14:14">
      <c r="N302793" s="10"/>
    </row>
    <row r="302794" spans="14:14">
      <c r="N302794" s="10"/>
    </row>
    <row r="302795" spans="14:14">
      <c r="N302795" s="10"/>
    </row>
    <row r="302796" spans="14:14">
      <c r="N302796" s="10"/>
    </row>
    <row r="302797" spans="14:14">
      <c r="N302797" s="10"/>
    </row>
    <row r="302798" spans="14:14">
      <c r="N302798" s="10"/>
    </row>
    <row r="302799" spans="14:14">
      <c r="N302799" s="10"/>
    </row>
    <row r="302800" spans="14:14">
      <c r="N302800" s="10"/>
    </row>
    <row r="302801" spans="14:14">
      <c r="N302801" s="10"/>
    </row>
    <row r="302802" spans="14:14">
      <c r="N302802" s="10"/>
    </row>
    <row r="302803" spans="14:14">
      <c r="N302803" s="10"/>
    </row>
    <row r="302804" spans="14:14">
      <c r="N302804" s="10"/>
    </row>
    <row r="302805" spans="14:14">
      <c r="N302805" s="10"/>
    </row>
    <row r="302806" spans="14:14">
      <c r="N302806" s="10"/>
    </row>
    <row r="302807" spans="14:14">
      <c r="N302807" s="10"/>
    </row>
    <row r="302808" spans="14:14">
      <c r="N302808" s="10"/>
    </row>
    <row r="302809" spans="14:14">
      <c r="N302809" s="10"/>
    </row>
    <row r="302810" spans="14:14">
      <c r="N302810" s="10"/>
    </row>
    <row r="302811" spans="14:14">
      <c r="N302811" s="10"/>
    </row>
    <row r="302812" spans="14:14">
      <c r="N302812" s="10"/>
    </row>
    <row r="302813" spans="14:14">
      <c r="N302813" s="10"/>
    </row>
    <row r="302814" spans="14:14">
      <c r="N302814" s="10"/>
    </row>
    <row r="302815" spans="14:14">
      <c r="N302815" s="10"/>
    </row>
    <row r="302816" spans="14:14">
      <c r="N302816" s="10"/>
    </row>
    <row r="302817" spans="14:14">
      <c r="N302817" s="10"/>
    </row>
    <row r="302818" spans="14:14">
      <c r="N302818" s="10"/>
    </row>
    <row r="302819" spans="14:14">
      <c r="N302819" s="10"/>
    </row>
    <row r="302820" spans="14:14">
      <c r="N302820" s="10"/>
    </row>
    <row r="302821" spans="14:14">
      <c r="N302821" s="10"/>
    </row>
    <row r="302822" spans="14:14">
      <c r="N302822" s="10"/>
    </row>
    <row r="302823" spans="14:14">
      <c r="N302823" s="10"/>
    </row>
    <row r="302824" spans="14:14">
      <c r="N302824" s="10"/>
    </row>
    <row r="302825" spans="14:14">
      <c r="N302825" s="10"/>
    </row>
    <row r="302826" spans="14:14">
      <c r="N302826" s="10"/>
    </row>
    <row r="302827" spans="14:14">
      <c r="N302827" s="10"/>
    </row>
    <row r="302828" spans="14:14">
      <c r="N302828" s="10"/>
    </row>
    <row r="302829" spans="14:14">
      <c r="N302829" s="10"/>
    </row>
    <row r="302830" spans="14:14">
      <c r="N302830" s="10"/>
    </row>
    <row r="302831" spans="14:14">
      <c r="N302831" s="10"/>
    </row>
    <row r="302832" spans="14:14">
      <c r="N302832" s="10"/>
    </row>
    <row r="302833" spans="14:14">
      <c r="N302833" s="10"/>
    </row>
    <row r="302834" spans="14:14">
      <c r="N302834" s="10"/>
    </row>
    <row r="302835" spans="14:14">
      <c r="N302835" s="10"/>
    </row>
    <row r="302836" spans="14:14">
      <c r="N302836" s="10"/>
    </row>
    <row r="302837" spans="14:14">
      <c r="N302837" s="10"/>
    </row>
    <row r="302838" spans="14:14">
      <c r="N302838" s="10"/>
    </row>
    <row r="302839" spans="14:14">
      <c r="N302839" s="10"/>
    </row>
    <row r="302840" spans="14:14">
      <c r="N302840" s="10"/>
    </row>
    <row r="302841" spans="14:14">
      <c r="N302841" s="10"/>
    </row>
    <row r="302842" spans="14:14">
      <c r="N302842" s="10"/>
    </row>
    <row r="302843" spans="14:14">
      <c r="N302843" s="10"/>
    </row>
    <row r="302844" spans="14:14">
      <c r="N302844" s="10"/>
    </row>
    <row r="302845" spans="14:14">
      <c r="N302845" s="10"/>
    </row>
    <row r="302846" spans="14:14">
      <c r="N302846" s="10"/>
    </row>
    <row r="302847" spans="14:14">
      <c r="N302847" s="10"/>
    </row>
    <row r="302848" spans="14:14">
      <c r="N302848" s="10"/>
    </row>
    <row r="302849" spans="14:14">
      <c r="N302849" s="10"/>
    </row>
    <row r="302850" spans="14:14">
      <c r="N302850" s="10"/>
    </row>
    <row r="302851" spans="14:14">
      <c r="N302851" s="10"/>
    </row>
    <row r="302852" spans="14:14">
      <c r="N302852" s="10"/>
    </row>
    <row r="302853" spans="14:14">
      <c r="N302853" s="10"/>
    </row>
    <row r="302854" spans="14:14">
      <c r="N302854" s="10"/>
    </row>
    <row r="302855" spans="14:14">
      <c r="N302855" s="10"/>
    </row>
    <row r="302856" spans="14:14">
      <c r="N302856" s="10"/>
    </row>
    <row r="302857" spans="14:14">
      <c r="N302857" s="10"/>
    </row>
    <row r="302858" spans="14:14">
      <c r="N302858" s="10"/>
    </row>
    <row r="302859" spans="14:14">
      <c r="N302859" s="10"/>
    </row>
    <row r="302860" spans="14:14">
      <c r="N302860" s="10"/>
    </row>
    <row r="302861" spans="14:14">
      <c r="N302861" s="10"/>
    </row>
    <row r="302862" spans="14:14">
      <c r="N302862" s="10"/>
    </row>
    <row r="302863" spans="14:14">
      <c r="N302863" s="10"/>
    </row>
    <row r="302864" spans="14:14">
      <c r="N302864" s="10"/>
    </row>
    <row r="302865" spans="14:14">
      <c r="N302865" s="10"/>
    </row>
    <row r="302866" spans="14:14">
      <c r="N302866" s="10"/>
    </row>
    <row r="302867" spans="14:14">
      <c r="N302867" s="10"/>
    </row>
    <row r="302868" spans="14:14">
      <c r="N302868" s="10"/>
    </row>
    <row r="302869" spans="14:14">
      <c r="N302869" s="10"/>
    </row>
    <row r="302870" spans="14:14">
      <c r="N302870" s="10"/>
    </row>
    <row r="302871" spans="14:14">
      <c r="N302871" s="10"/>
    </row>
    <row r="302872" spans="14:14">
      <c r="N302872" s="10"/>
    </row>
    <row r="302873" spans="14:14">
      <c r="N302873" s="10"/>
    </row>
    <row r="302874" spans="14:14">
      <c r="N302874" s="10"/>
    </row>
    <row r="302875" spans="14:14">
      <c r="N302875" s="10"/>
    </row>
    <row r="302876" spans="14:14">
      <c r="N302876" s="10"/>
    </row>
    <row r="302877" spans="14:14">
      <c r="N302877" s="10"/>
    </row>
    <row r="302878" spans="14:14">
      <c r="N302878" s="10"/>
    </row>
    <row r="302879" spans="14:14">
      <c r="N302879" s="10"/>
    </row>
    <row r="302880" spans="14:14">
      <c r="N302880" s="10"/>
    </row>
    <row r="302881" spans="14:14">
      <c r="N302881" s="10"/>
    </row>
    <row r="302882" spans="14:14">
      <c r="N302882" s="10"/>
    </row>
    <row r="302883" spans="14:14">
      <c r="N302883" s="10"/>
    </row>
    <row r="302884" spans="14:14">
      <c r="N302884" s="10"/>
    </row>
    <row r="302885" spans="14:14">
      <c r="N302885" s="10"/>
    </row>
    <row r="302886" spans="14:14">
      <c r="N302886" s="10"/>
    </row>
    <row r="302887" spans="14:14">
      <c r="N302887" s="10"/>
    </row>
    <row r="302888" spans="14:14">
      <c r="N302888" s="10"/>
    </row>
    <row r="302889" spans="14:14">
      <c r="N302889" s="10"/>
    </row>
    <row r="302890" spans="14:14">
      <c r="N302890" s="10"/>
    </row>
    <row r="302891" spans="14:14">
      <c r="N302891" s="10"/>
    </row>
    <row r="302892" spans="14:14">
      <c r="N302892" s="10"/>
    </row>
    <row r="302893" spans="14:14">
      <c r="N302893" s="10"/>
    </row>
    <row r="302894" spans="14:14">
      <c r="N302894" s="10"/>
    </row>
    <row r="302895" spans="14:14">
      <c r="N302895" s="10"/>
    </row>
    <row r="302896" spans="14:14">
      <c r="N302896" s="10"/>
    </row>
    <row r="302897" spans="14:14">
      <c r="N302897" s="10"/>
    </row>
    <row r="302898" spans="14:14">
      <c r="N302898" s="10"/>
    </row>
    <row r="302899" spans="14:14">
      <c r="N302899" s="10"/>
    </row>
    <row r="302900" spans="14:14">
      <c r="N302900" s="10"/>
    </row>
    <row r="302901" spans="14:14">
      <c r="N302901" s="10"/>
    </row>
    <row r="302902" spans="14:14">
      <c r="N302902" s="10"/>
    </row>
    <row r="302903" spans="14:14">
      <c r="N302903" s="10"/>
    </row>
    <row r="302904" spans="14:14">
      <c r="N302904" s="10"/>
    </row>
    <row r="302905" spans="14:14">
      <c r="N302905" s="10"/>
    </row>
    <row r="302906" spans="14:14">
      <c r="N302906" s="10"/>
    </row>
    <row r="302907" spans="14:14">
      <c r="N302907" s="10"/>
    </row>
    <row r="302908" spans="14:14">
      <c r="N302908" s="10"/>
    </row>
    <row r="302909" spans="14:14">
      <c r="N302909" s="10"/>
    </row>
    <row r="302910" spans="14:14">
      <c r="N302910" s="10"/>
    </row>
    <row r="302911" spans="14:14">
      <c r="N302911" s="10"/>
    </row>
    <row r="302912" spans="14:14">
      <c r="N302912" s="10"/>
    </row>
    <row r="302913" spans="14:14">
      <c r="N302913" s="10"/>
    </row>
    <row r="302914" spans="14:14">
      <c r="N302914" s="10"/>
    </row>
    <row r="302915" spans="14:14">
      <c r="N302915" s="10"/>
    </row>
    <row r="302916" spans="14:14">
      <c r="N302916" s="10"/>
    </row>
    <row r="302917" spans="14:14">
      <c r="N302917" s="10"/>
    </row>
    <row r="302918" spans="14:14">
      <c r="N302918" s="10"/>
    </row>
    <row r="302919" spans="14:14">
      <c r="N302919" s="10"/>
    </row>
    <row r="302920" spans="14:14">
      <c r="N302920" s="10"/>
    </row>
    <row r="302921" spans="14:14">
      <c r="N302921" s="10"/>
    </row>
    <row r="302922" spans="14:14">
      <c r="N302922" s="10"/>
    </row>
    <row r="302923" spans="14:14">
      <c r="N302923" s="10"/>
    </row>
    <row r="302924" spans="14:14">
      <c r="N302924" s="10"/>
    </row>
    <row r="302925" spans="14:14">
      <c r="N302925" s="10"/>
    </row>
    <row r="302926" spans="14:14">
      <c r="N302926" s="10"/>
    </row>
    <row r="302927" spans="14:14">
      <c r="N302927" s="10"/>
    </row>
    <row r="302928" spans="14:14">
      <c r="N302928" s="10"/>
    </row>
    <row r="302929" spans="14:14">
      <c r="N302929" s="10"/>
    </row>
    <row r="302930" spans="14:14">
      <c r="N302930" s="10"/>
    </row>
    <row r="302931" spans="14:14">
      <c r="N302931" s="10"/>
    </row>
    <row r="302932" spans="14:14">
      <c r="N302932" s="10"/>
    </row>
    <row r="302933" spans="14:14">
      <c r="N302933" s="10"/>
    </row>
    <row r="302934" spans="14:14">
      <c r="N302934" s="10"/>
    </row>
    <row r="302935" spans="14:14">
      <c r="N302935" s="10"/>
    </row>
    <row r="302936" spans="14:14">
      <c r="N302936" s="10"/>
    </row>
    <row r="302937" spans="14:14">
      <c r="N302937" s="10"/>
    </row>
    <row r="302938" spans="14:14">
      <c r="N302938" s="10"/>
    </row>
    <row r="302939" spans="14:14">
      <c r="N302939" s="10"/>
    </row>
    <row r="302940" spans="14:14">
      <c r="N302940" s="10"/>
    </row>
    <row r="302941" spans="14:14">
      <c r="N302941" s="10"/>
    </row>
    <row r="302942" spans="14:14">
      <c r="N302942" s="10"/>
    </row>
    <row r="302943" spans="14:14">
      <c r="N302943" s="10"/>
    </row>
    <row r="302944" spans="14:14">
      <c r="N302944" s="10"/>
    </row>
    <row r="302945" spans="14:14">
      <c r="N302945" s="10"/>
    </row>
    <row r="302946" spans="14:14">
      <c r="N302946" s="10"/>
    </row>
    <row r="302947" spans="14:14">
      <c r="N302947" s="10"/>
    </row>
    <row r="302948" spans="14:14">
      <c r="N302948" s="10"/>
    </row>
    <row r="302949" spans="14:14">
      <c r="N302949" s="10"/>
    </row>
    <row r="302950" spans="14:14">
      <c r="N302950" s="10"/>
    </row>
    <row r="302951" spans="14:14">
      <c r="N302951" s="10"/>
    </row>
    <row r="302952" spans="14:14">
      <c r="N302952" s="10"/>
    </row>
    <row r="302953" spans="14:14">
      <c r="N302953" s="10"/>
    </row>
    <row r="302954" spans="14:14">
      <c r="N302954" s="10"/>
    </row>
    <row r="302955" spans="14:14">
      <c r="N302955" s="10"/>
    </row>
    <row r="302956" spans="14:14">
      <c r="N302956" s="10"/>
    </row>
    <row r="302957" spans="14:14">
      <c r="N302957" s="10"/>
    </row>
    <row r="302958" spans="14:14">
      <c r="N302958" s="10"/>
    </row>
    <row r="302959" spans="14:14">
      <c r="N302959" s="10"/>
    </row>
    <row r="302960" spans="14:14">
      <c r="N302960" s="10"/>
    </row>
    <row r="302961" spans="14:14">
      <c r="N302961" s="10"/>
    </row>
    <row r="302962" spans="14:14">
      <c r="N302962" s="10"/>
    </row>
    <row r="302963" spans="14:14">
      <c r="N302963" s="10"/>
    </row>
    <row r="302964" spans="14:14">
      <c r="N302964" s="10"/>
    </row>
    <row r="302965" spans="14:14">
      <c r="N302965" s="10"/>
    </row>
    <row r="302966" spans="14:14">
      <c r="N302966" s="10"/>
    </row>
    <row r="302967" spans="14:14">
      <c r="N302967" s="10"/>
    </row>
    <row r="302968" spans="14:14">
      <c r="N302968" s="10"/>
    </row>
    <row r="302969" spans="14:14">
      <c r="N302969" s="10"/>
    </row>
    <row r="302970" spans="14:14">
      <c r="N302970" s="10"/>
    </row>
    <row r="302971" spans="14:14">
      <c r="N302971" s="10"/>
    </row>
    <row r="302972" spans="14:14">
      <c r="N302972" s="10"/>
    </row>
    <row r="302973" spans="14:14">
      <c r="N302973" s="10"/>
    </row>
    <row r="302974" spans="14:14">
      <c r="N302974" s="10"/>
    </row>
    <row r="302975" spans="14:14">
      <c r="N302975" s="10"/>
    </row>
    <row r="302976" spans="14:14">
      <c r="N302976" s="10"/>
    </row>
    <row r="302977" spans="14:14">
      <c r="N302977" s="10"/>
    </row>
    <row r="302978" spans="14:14">
      <c r="N302978" s="10"/>
    </row>
    <row r="302979" spans="14:14">
      <c r="N302979" s="10"/>
    </row>
    <row r="302980" spans="14:14">
      <c r="N302980" s="10"/>
    </row>
    <row r="302981" spans="14:14">
      <c r="N302981" s="10"/>
    </row>
    <row r="302982" spans="14:14">
      <c r="N302982" s="10"/>
    </row>
    <row r="302983" spans="14:14">
      <c r="N302983" s="10"/>
    </row>
    <row r="302984" spans="14:14">
      <c r="N302984" s="10"/>
    </row>
    <row r="302985" spans="14:14">
      <c r="N302985" s="10"/>
    </row>
    <row r="302986" spans="14:14">
      <c r="N302986" s="10"/>
    </row>
    <row r="302987" spans="14:14">
      <c r="N302987" s="10"/>
    </row>
    <row r="302988" spans="14:14">
      <c r="N302988" s="10"/>
    </row>
    <row r="302989" spans="14:14">
      <c r="N302989" s="10"/>
    </row>
    <row r="302990" spans="14:14">
      <c r="N302990" s="10"/>
    </row>
    <row r="302991" spans="14:14">
      <c r="N302991" s="10"/>
    </row>
    <row r="302992" spans="14:14">
      <c r="N302992" s="10"/>
    </row>
    <row r="302993" spans="14:14">
      <c r="N302993" s="10"/>
    </row>
    <row r="302994" spans="14:14">
      <c r="N302994" s="10"/>
    </row>
    <row r="302995" spans="14:14">
      <c r="N302995" s="10"/>
    </row>
    <row r="302996" spans="14:14">
      <c r="N302996" s="10"/>
    </row>
    <row r="302997" spans="14:14">
      <c r="N302997" s="10"/>
    </row>
    <row r="302998" spans="14:14">
      <c r="N302998" s="10"/>
    </row>
    <row r="302999" spans="14:14">
      <c r="N302999" s="10"/>
    </row>
    <row r="303000" spans="14:14">
      <c r="N303000" s="10"/>
    </row>
    <row r="303001" spans="14:14">
      <c r="N303001" s="10"/>
    </row>
    <row r="303002" spans="14:14">
      <c r="N303002" s="10"/>
    </row>
    <row r="303003" spans="14:14">
      <c r="N303003" s="10"/>
    </row>
    <row r="303004" spans="14:14">
      <c r="N303004" s="10"/>
    </row>
    <row r="303005" spans="14:14">
      <c r="N303005" s="10"/>
    </row>
    <row r="303006" spans="14:14">
      <c r="N303006" s="10"/>
    </row>
    <row r="303007" spans="14:14">
      <c r="N303007" s="10"/>
    </row>
    <row r="303008" spans="14:14">
      <c r="N303008" s="10"/>
    </row>
    <row r="303009" spans="14:14">
      <c r="N303009" s="10"/>
    </row>
    <row r="303010" spans="14:14">
      <c r="N303010" s="10"/>
    </row>
    <row r="303011" spans="14:14">
      <c r="N303011" s="10"/>
    </row>
    <row r="303012" spans="14:14">
      <c r="N303012" s="10"/>
    </row>
    <row r="303013" spans="14:14">
      <c r="N303013" s="10"/>
    </row>
    <row r="303014" spans="14:14">
      <c r="N303014" s="10"/>
    </row>
    <row r="303015" spans="14:14">
      <c r="N303015" s="10"/>
    </row>
    <row r="303016" spans="14:14">
      <c r="N303016" s="10"/>
    </row>
    <row r="303017" spans="14:14">
      <c r="N303017" s="10"/>
    </row>
    <row r="303018" spans="14:14">
      <c r="N303018" s="10"/>
    </row>
    <row r="303019" spans="14:14">
      <c r="N303019" s="10"/>
    </row>
    <row r="303020" spans="14:14">
      <c r="N303020" s="10"/>
    </row>
    <row r="303021" spans="14:14">
      <c r="N303021" s="10"/>
    </row>
    <row r="303022" spans="14:14">
      <c r="N303022" s="10"/>
    </row>
    <row r="303023" spans="14:14">
      <c r="N303023" s="10"/>
    </row>
    <row r="303024" spans="14:14">
      <c r="N303024" s="10"/>
    </row>
    <row r="303025" spans="14:14">
      <c r="N303025" s="10"/>
    </row>
    <row r="303026" spans="14:14">
      <c r="N303026" s="10"/>
    </row>
    <row r="303027" spans="14:14">
      <c r="N303027" s="10"/>
    </row>
    <row r="303028" spans="14:14">
      <c r="N303028" s="10"/>
    </row>
    <row r="303029" spans="14:14">
      <c r="N303029" s="10"/>
    </row>
    <row r="303030" spans="14:14">
      <c r="N303030" s="10"/>
    </row>
    <row r="303031" spans="14:14">
      <c r="N303031" s="10"/>
    </row>
    <row r="303032" spans="14:14">
      <c r="N303032" s="10"/>
    </row>
    <row r="303033" spans="14:14">
      <c r="N303033" s="10"/>
    </row>
    <row r="303034" spans="14:14">
      <c r="N303034" s="10"/>
    </row>
    <row r="303035" spans="14:14">
      <c r="N303035" s="10"/>
    </row>
    <row r="303036" spans="14:14">
      <c r="N303036" s="10"/>
    </row>
    <row r="303037" spans="14:14">
      <c r="N303037" s="10"/>
    </row>
    <row r="303038" spans="14:14">
      <c r="N303038" s="10"/>
    </row>
    <row r="303039" spans="14:14">
      <c r="N303039" s="10"/>
    </row>
    <row r="303040" spans="14:14">
      <c r="N303040" s="10"/>
    </row>
    <row r="303041" spans="14:14">
      <c r="N303041" s="10"/>
    </row>
    <row r="303042" spans="14:14">
      <c r="N303042" s="10"/>
    </row>
    <row r="303043" spans="14:14">
      <c r="N303043" s="10"/>
    </row>
    <row r="303044" spans="14:14">
      <c r="N303044" s="10"/>
    </row>
    <row r="303045" spans="14:14">
      <c r="N303045" s="10"/>
    </row>
    <row r="303046" spans="14:14">
      <c r="N303046" s="10"/>
    </row>
    <row r="303047" spans="14:14">
      <c r="N303047" s="10"/>
    </row>
    <row r="303048" spans="14:14">
      <c r="N303048" s="10"/>
    </row>
    <row r="303049" spans="14:14">
      <c r="N303049" s="10"/>
    </row>
    <row r="303050" spans="14:14">
      <c r="N303050" s="10"/>
    </row>
    <row r="303051" spans="14:14">
      <c r="N303051" s="10"/>
    </row>
    <row r="303052" spans="14:14">
      <c r="N303052" s="10"/>
    </row>
    <row r="303053" spans="14:14">
      <c r="N303053" s="10"/>
    </row>
    <row r="303054" spans="14:14">
      <c r="N303054" s="10"/>
    </row>
    <row r="303055" spans="14:14">
      <c r="N303055" s="10"/>
    </row>
    <row r="303056" spans="14:14">
      <c r="N303056" s="10"/>
    </row>
    <row r="303057" spans="14:14">
      <c r="N303057" s="10"/>
    </row>
    <row r="303058" spans="14:14">
      <c r="N303058" s="10"/>
    </row>
    <row r="303059" spans="14:14">
      <c r="N303059" s="10"/>
    </row>
    <row r="303060" spans="14:14">
      <c r="N303060" s="10"/>
    </row>
    <row r="303061" spans="14:14">
      <c r="N303061" s="10"/>
    </row>
    <row r="303062" spans="14:14">
      <c r="N303062" s="10"/>
    </row>
    <row r="303063" spans="14:14">
      <c r="N303063" s="10"/>
    </row>
    <row r="303064" spans="14:14">
      <c r="N303064" s="10"/>
    </row>
    <row r="303065" spans="14:14">
      <c r="N303065" s="10"/>
    </row>
    <row r="303066" spans="14:14">
      <c r="N303066" s="10"/>
    </row>
    <row r="303067" spans="14:14">
      <c r="N303067" s="10"/>
    </row>
    <row r="303068" spans="14:14">
      <c r="N303068" s="10"/>
    </row>
    <row r="303069" spans="14:14">
      <c r="N303069" s="10"/>
    </row>
    <row r="303070" spans="14:14">
      <c r="N303070" s="10"/>
    </row>
    <row r="303071" spans="14:14">
      <c r="N303071" s="10"/>
    </row>
    <row r="303072" spans="14:14">
      <c r="N303072" s="10"/>
    </row>
    <row r="303073" spans="14:14">
      <c r="N303073" s="10"/>
    </row>
    <row r="303074" spans="14:14">
      <c r="N303074" s="10"/>
    </row>
    <row r="303075" spans="14:14">
      <c r="N303075" s="10"/>
    </row>
    <row r="303076" spans="14:14">
      <c r="N303076" s="10"/>
    </row>
    <row r="303077" spans="14:14">
      <c r="N303077" s="10"/>
    </row>
    <row r="303078" spans="14:14">
      <c r="N303078" s="10"/>
    </row>
    <row r="303079" spans="14:14">
      <c r="N303079" s="10"/>
    </row>
    <row r="303080" spans="14:14">
      <c r="N303080" s="10"/>
    </row>
    <row r="303081" spans="14:14">
      <c r="N303081" s="10"/>
    </row>
    <row r="303082" spans="14:14">
      <c r="N303082" s="10"/>
    </row>
    <row r="303083" spans="14:14">
      <c r="N303083" s="10"/>
    </row>
    <row r="303084" spans="14:14">
      <c r="N303084" s="10"/>
    </row>
    <row r="303085" spans="14:14">
      <c r="N303085" s="10"/>
    </row>
    <row r="303086" spans="14:14">
      <c r="N303086" s="10"/>
    </row>
    <row r="303087" spans="14:14">
      <c r="N303087" s="10"/>
    </row>
    <row r="303088" spans="14:14">
      <c r="N303088" s="10"/>
    </row>
    <row r="303089" spans="14:14">
      <c r="N303089" s="10"/>
    </row>
    <row r="303090" spans="14:14">
      <c r="N303090" s="10"/>
    </row>
    <row r="303091" spans="14:14">
      <c r="N303091" s="10"/>
    </row>
    <row r="303092" spans="14:14">
      <c r="N303092" s="10"/>
    </row>
    <row r="303093" spans="14:14">
      <c r="N303093" s="10"/>
    </row>
    <row r="303094" spans="14:14">
      <c r="N303094" s="10"/>
    </row>
    <row r="303095" spans="14:14">
      <c r="N303095" s="10"/>
    </row>
    <row r="303096" spans="14:14">
      <c r="N303096" s="10"/>
    </row>
    <row r="303097" spans="14:14">
      <c r="N303097" s="10"/>
    </row>
    <row r="303098" spans="14:14">
      <c r="N303098" s="10"/>
    </row>
    <row r="303099" spans="14:14">
      <c r="N303099" s="10"/>
    </row>
    <row r="303100" spans="14:14">
      <c r="N303100" s="10"/>
    </row>
    <row r="303101" spans="14:14">
      <c r="N303101" s="10"/>
    </row>
    <row r="303102" spans="14:14">
      <c r="N303102" s="10"/>
    </row>
    <row r="303103" spans="14:14">
      <c r="N303103" s="10"/>
    </row>
    <row r="303104" spans="14:14">
      <c r="N303104" s="10"/>
    </row>
    <row r="303105" spans="14:14">
      <c r="N303105" s="10"/>
    </row>
    <row r="303106" spans="14:14">
      <c r="N303106" s="10"/>
    </row>
    <row r="303107" spans="14:14">
      <c r="N303107" s="10"/>
    </row>
    <row r="303108" spans="14:14">
      <c r="N303108" s="10"/>
    </row>
    <row r="303109" spans="14:14">
      <c r="N303109" s="10"/>
    </row>
    <row r="303110" spans="14:14">
      <c r="N303110" s="10"/>
    </row>
    <row r="303111" spans="14:14">
      <c r="N303111" s="10"/>
    </row>
    <row r="303112" spans="14:14">
      <c r="N303112" s="10"/>
    </row>
    <row r="303113" spans="14:14">
      <c r="N303113" s="10"/>
    </row>
    <row r="303114" spans="14:14">
      <c r="N303114" s="10"/>
    </row>
    <row r="303115" spans="14:14">
      <c r="N303115" s="10"/>
    </row>
    <row r="303116" spans="14:14">
      <c r="N303116" s="10"/>
    </row>
    <row r="303117" spans="14:14">
      <c r="N303117" s="10"/>
    </row>
    <row r="303118" spans="14:14">
      <c r="N303118" s="10"/>
    </row>
    <row r="303119" spans="14:14">
      <c r="N303119" s="10"/>
    </row>
    <row r="303120" spans="14:14">
      <c r="N303120" s="10"/>
    </row>
    <row r="303121" spans="14:14">
      <c r="N303121" s="10"/>
    </row>
    <row r="303122" spans="14:14">
      <c r="N303122" s="10"/>
    </row>
    <row r="303123" spans="14:14">
      <c r="N303123" s="10"/>
    </row>
    <row r="303124" spans="14:14">
      <c r="N303124" s="10"/>
    </row>
    <row r="303125" spans="14:14">
      <c r="N303125" s="10"/>
    </row>
    <row r="303126" spans="14:14">
      <c r="N303126" s="10"/>
    </row>
    <row r="303127" spans="14:14">
      <c r="N303127" s="10"/>
    </row>
    <row r="303128" spans="14:14">
      <c r="N303128" s="10"/>
    </row>
    <row r="303129" spans="14:14">
      <c r="N303129" s="10"/>
    </row>
    <row r="303130" spans="14:14">
      <c r="N303130" s="10"/>
    </row>
    <row r="303131" spans="14:14">
      <c r="N303131" s="10"/>
    </row>
    <row r="303132" spans="14:14">
      <c r="N303132" s="10"/>
    </row>
    <row r="303133" spans="14:14">
      <c r="N303133" s="10"/>
    </row>
    <row r="303134" spans="14:14">
      <c r="N303134" s="10"/>
    </row>
    <row r="303135" spans="14:14">
      <c r="N303135" s="10"/>
    </row>
    <row r="303136" spans="14:14">
      <c r="N303136" s="10"/>
    </row>
    <row r="303137" spans="14:14">
      <c r="N303137" s="10"/>
    </row>
    <row r="303138" spans="14:14">
      <c r="N303138" s="10"/>
    </row>
    <row r="303139" spans="14:14">
      <c r="N303139" s="10"/>
    </row>
    <row r="303140" spans="14:14">
      <c r="N303140" s="10"/>
    </row>
    <row r="303141" spans="14:14">
      <c r="N303141" s="10"/>
    </row>
    <row r="303142" spans="14:14">
      <c r="N303142" s="10"/>
    </row>
    <row r="303143" spans="14:14">
      <c r="N303143" s="10"/>
    </row>
    <row r="303144" spans="14:14">
      <c r="N303144" s="10"/>
    </row>
    <row r="303145" spans="14:14">
      <c r="N303145" s="10"/>
    </row>
    <row r="303146" spans="14:14">
      <c r="N303146" s="10"/>
    </row>
    <row r="303147" spans="14:14">
      <c r="N303147" s="10"/>
    </row>
    <row r="303148" spans="14:14">
      <c r="N303148" s="10"/>
    </row>
    <row r="303149" spans="14:14">
      <c r="N303149" s="10"/>
    </row>
    <row r="303150" spans="14:14">
      <c r="N303150" s="10"/>
    </row>
    <row r="303151" spans="14:14">
      <c r="N303151" s="10"/>
    </row>
    <row r="303152" spans="14:14">
      <c r="N303152" s="10"/>
    </row>
    <row r="303153" spans="14:14">
      <c r="N303153" s="10"/>
    </row>
    <row r="303154" spans="14:14">
      <c r="N303154" s="10"/>
    </row>
    <row r="303155" spans="14:14">
      <c r="N303155" s="10"/>
    </row>
    <row r="303156" spans="14:14">
      <c r="N303156" s="10"/>
    </row>
    <row r="303157" spans="14:14">
      <c r="N303157" s="10"/>
    </row>
    <row r="303158" spans="14:14">
      <c r="N303158" s="10"/>
    </row>
    <row r="303159" spans="14:14">
      <c r="N303159" s="10"/>
    </row>
    <row r="303160" spans="14:14">
      <c r="N303160" s="10"/>
    </row>
    <row r="303161" spans="14:14">
      <c r="N303161" s="10"/>
    </row>
    <row r="303162" spans="14:14">
      <c r="N303162" s="10"/>
    </row>
    <row r="303163" spans="14:14">
      <c r="N303163" s="10"/>
    </row>
    <row r="303164" spans="14:14">
      <c r="N303164" s="10"/>
    </row>
    <row r="303165" spans="14:14">
      <c r="N303165" s="10"/>
    </row>
    <row r="303166" spans="14:14">
      <c r="N303166" s="10"/>
    </row>
    <row r="303167" spans="14:14">
      <c r="N303167" s="10"/>
    </row>
    <row r="303168" spans="14:14">
      <c r="N303168" s="10"/>
    </row>
    <row r="303169" spans="14:14">
      <c r="N303169" s="10"/>
    </row>
    <row r="303170" spans="14:14">
      <c r="N303170" s="10"/>
    </row>
    <row r="303171" spans="14:14">
      <c r="N303171" s="10"/>
    </row>
    <row r="303172" spans="14:14">
      <c r="N303172" s="10"/>
    </row>
    <row r="303173" spans="14:14">
      <c r="N303173" s="10"/>
    </row>
    <row r="303174" spans="14:14">
      <c r="N303174" s="10"/>
    </row>
    <row r="303175" spans="14:14">
      <c r="N303175" s="10"/>
    </row>
    <row r="303176" spans="14:14">
      <c r="N303176" s="10"/>
    </row>
    <row r="303177" spans="14:14">
      <c r="N303177" s="10"/>
    </row>
    <row r="303178" spans="14:14">
      <c r="N303178" s="10"/>
    </row>
    <row r="303179" spans="14:14">
      <c r="N303179" s="10"/>
    </row>
    <row r="303180" spans="14:14">
      <c r="N303180" s="10"/>
    </row>
    <row r="303181" spans="14:14">
      <c r="N303181" s="10"/>
    </row>
    <row r="303182" spans="14:14">
      <c r="N303182" s="10"/>
    </row>
    <row r="303183" spans="14:14">
      <c r="N303183" s="10"/>
    </row>
    <row r="303184" spans="14:14">
      <c r="N303184" s="10"/>
    </row>
    <row r="303185" spans="14:14">
      <c r="N303185" s="10"/>
    </row>
    <row r="303186" spans="14:14">
      <c r="N303186" s="10"/>
    </row>
    <row r="303187" spans="14:14">
      <c r="N303187" s="10"/>
    </row>
    <row r="303188" spans="14:14">
      <c r="N303188" s="10"/>
    </row>
    <row r="303189" spans="14:14">
      <c r="N303189" s="10"/>
    </row>
    <row r="303190" spans="14:14">
      <c r="N303190" s="10"/>
    </row>
    <row r="303191" spans="14:14">
      <c r="N303191" s="10"/>
    </row>
    <row r="303192" spans="14:14">
      <c r="N303192" s="10"/>
    </row>
    <row r="303193" spans="14:14">
      <c r="N303193" s="10"/>
    </row>
    <row r="303194" spans="14:14">
      <c r="N303194" s="10"/>
    </row>
    <row r="303195" spans="14:14">
      <c r="N303195" s="10"/>
    </row>
    <row r="303196" spans="14:14">
      <c r="N303196" s="10"/>
    </row>
    <row r="303197" spans="14:14">
      <c r="N303197" s="10"/>
    </row>
    <row r="303198" spans="14:14">
      <c r="N303198" s="10"/>
    </row>
    <row r="303199" spans="14:14">
      <c r="N303199" s="10"/>
    </row>
    <row r="303200" spans="14:14">
      <c r="N303200" s="10"/>
    </row>
    <row r="303201" spans="14:14">
      <c r="N303201" s="10"/>
    </row>
    <row r="303202" spans="14:14">
      <c r="N303202" s="10"/>
    </row>
    <row r="303203" spans="14:14">
      <c r="N303203" s="10"/>
    </row>
    <row r="303204" spans="14:14">
      <c r="N303204" s="10"/>
    </row>
    <row r="303205" spans="14:14">
      <c r="N303205" s="10"/>
    </row>
    <row r="303206" spans="14:14">
      <c r="N303206" s="10"/>
    </row>
    <row r="303207" spans="14:14">
      <c r="N303207" s="10"/>
    </row>
    <row r="303208" spans="14:14">
      <c r="N303208" s="10"/>
    </row>
    <row r="303209" spans="14:14">
      <c r="N303209" s="10"/>
    </row>
    <row r="303210" spans="14:14">
      <c r="N303210" s="10"/>
    </row>
    <row r="303211" spans="14:14">
      <c r="N303211" s="10"/>
    </row>
    <row r="303212" spans="14:14">
      <c r="N303212" s="10"/>
    </row>
    <row r="303213" spans="14:14">
      <c r="N303213" s="10"/>
    </row>
    <row r="303214" spans="14:14">
      <c r="N303214" s="10"/>
    </row>
    <row r="303215" spans="14:14">
      <c r="N303215" s="10"/>
    </row>
    <row r="303216" spans="14:14">
      <c r="N303216" s="10"/>
    </row>
    <row r="303217" spans="14:14">
      <c r="N303217" s="10"/>
    </row>
    <row r="303218" spans="14:14">
      <c r="N303218" s="10"/>
    </row>
    <row r="303219" spans="14:14">
      <c r="N303219" s="10"/>
    </row>
    <row r="303220" spans="14:14">
      <c r="N303220" s="10"/>
    </row>
    <row r="303221" spans="14:14">
      <c r="N303221" s="10"/>
    </row>
    <row r="303222" spans="14:14">
      <c r="N303222" s="10"/>
    </row>
    <row r="303223" spans="14:14">
      <c r="N303223" s="10"/>
    </row>
    <row r="303224" spans="14:14">
      <c r="N303224" s="10"/>
    </row>
    <row r="303225" spans="14:14">
      <c r="N303225" s="10"/>
    </row>
    <row r="303226" spans="14:14">
      <c r="N303226" s="10"/>
    </row>
    <row r="303227" spans="14:14">
      <c r="N303227" s="10"/>
    </row>
    <row r="303228" spans="14:14">
      <c r="N303228" s="10"/>
    </row>
    <row r="303229" spans="14:14">
      <c r="N303229" s="10"/>
    </row>
    <row r="303230" spans="14:14">
      <c r="N303230" s="10"/>
    </row>
    <row r="303231" spans="14:14">
      <c r="N303231" s="10"/>
    </row>
    <row r="303232" spans="14:14">
      <c r="N303232" s="10"/>
    </row>
    <row r="303233" spans="14:14">
      <c r="N303233" s="10"/>
    </row>
    <row r="303234" spans="14:14">
      <c r="N303234" s="10"/>
    </row>
    <row r="303235" spans="14:14">
      <c r="N303235" s="10"/>
    </row>
    <row r="303236" spans="14:14">
      <c r="N303236" s="10"/>
    </row>
    <row r="303237" spans="14:14">
      <c r="N303237" s="10"/>
    </row>
    <row r="303238" spans="14:14">
      <c r="N303238" s="10"/>
    </row>
    <row r="303239" spans="14:14">
      <c r="N303239" s="10"/>
    </row>
    <row r="303240" spans="14:14">
      <c r="N303240" s="10"/>
    </row>
    <row r="303241" spans="14:14">
      <c r="N303241" s="10"/>
    </row>
    <row r="303242" spans="14:14">
      <c r="N303242" s="10"/>
    </row>
    <row r="303243" spans="14:14">
      <c r="N303243" s="10"/>
    </row>
    <row r="303244" spans="14:14">
      <c r="N303244" s="10"/>
    </row>
    <row r="303245" spans="14:14">
      <c r="N303245" s="10"/>
    </row>
    <row r="303246" spans="14:14">
      <c r="N303246" s="10"/>
    </row>
    <row r="303247" spans="14:14">
      <c r="N303247" s="10"/>
    </row>
    <row r="303248" spans="14:14">
      <c r="N303248" s="10"/>
    </row>
    <row r="303249" spans="14:14">
      <c r="N303249" s="10"/>
    </row>
    <row r="303250" spans="14:14">
      <c r="N303250" s="10"/>
    </row>
    <row r="303251" spans="14:14">
      <c r="N303251" s="10"/>
    </row>
    <row r="303252" spans="14:14">
      <c r="N303252" s="10"/>
    </row>
    <row r="303253" spans="14:14">
      <c r="N303253" s="10"/>
    </row>
    <row r="303254" spans="14:14">
      <c r="N303254" s="10"/>
    </row>
    <row r="303255" spans="14:14">
      <c r="N303255" s="10"/>
    </row>
    <row r="303256" spans="14:14">
      <c r="N303256" s="10"/>
    </row>
    <row r="303257" spans="14:14">
      <c r="N303257" s="10"/>
    </row>
    <row r="303258" spans="14:14">
      <c r="N303258" s="10"/>
    </row>
    <row r="303259" spans="14:14">
      <c r="N303259" s="10"/>
    </row>
    <row r="303260" spans="14:14">
      <c r="N303260" s="10"/>
    </row>
    <row r="303261" spans="14:14">
      <c r="N303261" s="10"/>
    </row>
    <row r="303262" spans="14:14">
      <c r="N303262" s="10"/>
    </row>
    <row r="303263" spans="14:14">
      <c r="N303263" s="10"/>
    </row>
    <row r="303264" spans="14:14">
      <c r="N303264" s="10"/>
    </row>
    <row r="303265" spans="14:14">
      <c r="N303265" s="10"/>
    </row>
    <row r="303266" spans="14:14">
      <c r="N303266" s="10"/>
    </row>
    <row r="303267" spans="14:14">
      <c r="N303267" s="10"/>
    </row>
    <row r="303268" spans="14:14">
      <c r="N303268" s="10"/>
    </row>
    <row r="303269" spans="14:14">
      <c r="N303269" s="10"/>
    </row>
    <row r="303270" spans="14:14">
      <c r="N303270" s="10"/>
    </row>
    <row r="303271" spans="14:14">
      <c r="N303271" s="10"/>
    </row>
    <row r="303272" spans="14:14">
      <c r="N303272" s="10"/>
    </row>
    <row r="303273" spans="14:14">
      <c r="N303273" s="10"/>
    </row>
    <row r="303274" spans="14:14">
      <c r="N303274" s="10"/>
    </row>
    <row r="303275" spans="14:14">
      <c r="N303275" s="10"/>
    </row>
    <row r="303276" spans="14:14">
      <c r="N303276" s="10"/>
    </row>
    <row r="303277" spans="14:14">
      <c r="N303277" s="10"/>
    </row>
    <row r="303278" spans="14:14">
      <c r="N303278" s="10"/>
    </row>
    <row r="303279" spans="14:14">
      <c r="N303279" s="10"/>
    </row>
    <row r="303280" spans="14:14">
      <c r="N303280" s="10"/>
    </row>
    <row r="303281" spans="14:14">
      <c r="N303281" s="10"/>
    </row>
    <row r="303282" spans="14:14">
      <c r="N303282" s="10"/>
    </row>
    <row r="303283" spans="14:14">
      <c r="N303283" s="10"/>
    </row>
    <row r="303284" spans="14:14">
      <c r="N303284" s="10"/>
    </row>
    <row r="303285" spans="14:14">
      <c r="N303285" s="10"/>
    </row>
    <row r="303286" spans="14:14">
      <c r="N303286" s="10"/>
    </row>
    <row r="303287" spans="14:14">
      <c r="N303287" s="10"/>
    </row>
    <row r="303288" spans="14:14">
      <c r="N303288" s="10"/>
    </row>
    <row r="303289" spans="14:14">
      <c r="N303289" s="10"/>
    </row>
    <row r="303290" spans="14:14">
      <c r="N303290" s="10"/>
    </row>
    <row r="303291" spans="14:14">
      <c r="N303291" s="10"/>
    </row>
    <row r="303292" spans="14:14">
      <c r="N303292" s="10"/>
    </row>
    <row r="303293" spans="14:14">
      <c r="N303293" s="10"/>
    </row>
    <row r="303294" spans="14:14">
      <c r="N303294" s="10"/>
    </row>
    <row r="303295" spans="14:14">
      <c r="N303295" s="10"/>
    </row>
    <row r="303296" spans="14:14">
      <c r="N303296" s="10"/>
    </row>
    <row r="303297" spans="14:14">
      <c r="N303297" s="10"/>
    </row>
    <row r="303298" spans="14:14">
      <c r="N303298" s="10"/>
    </row>
    <row r="303299" spans="14:14">
      <c r="N303299" s="10"/>
    </row>
    <row r="303300" spans="14:14">
      <c r="N303300" s="10"/>
    </row>
    <row r="303301" spans="14:14">
      <c r="N303301" s="10"/>
    </row>
    <row r="303302" spans="14:14">
      <c r="N303302" s="10"/>
    </row>
    <row r="303303" spans="14:14">
      <c r="N303303" s="10"/>
    </row>
    <row r="303304" spans="14:14">
      <c r="N303304" s="10"/>
    </row>
    <row r="303305" spans="14:14">
      <c r="N303305" s="10"/>
    </row>
    <row r="303306" spans="14:14">
      <c r="N303306" s="10"/>
    </row>
    <row r="303307" spans="14:14">
      <c r="N303307" s="10"/>
    </row>
    <row r="303308" spans="14:14">
      <c r="N303308" s="10"/>
    </row>
    <row r="303309" spans="14:14">
      <c r="N303309" s="10"/>
    </row>
    <row r="303310" spans="14:14">
      <c r="N303310" s="10"/>
    </row>
    <row r="303311" spans="14:14">
      <c r="N303311" s="10"/>
    </row>
    <row r="303312" spans="14:14">
      <c r="N303312" s="10"/>
    </row>
    <row r="303313" spans="14:14">
      <c r="N303313" s="10"/>
    </row>
    <row r="303314" spans="14:14">
      <c r="N303314" s="10"/>
    </row>
    <row r="303315" spans="14:14">
      <c r="N303315" s="10"/>
    </row>
    <row r="303316" spans="14:14">
      <c r="N303316" s="10"/>
    </row>
    <row r="303317" spans="14:14">
      <c r="N303317" s="10"/>
    </row>
    <row r="303318" spans="14:14">
      <c r="N303318" s="10"/>
    </row>
    <row r="303319" spans="14:14">
      <c r="N303319" s="10"/>
    </row>
    <row r="303320" spans="14:14">
      <c r="N303320" s="10"/>
    </row>
    <row r="303321" spans="14:14">
      <c r="N303321" s="10"/>
    </row>
    <row r="303322" spans="14:14">
      <c r="N303322" s="10"/>
    </row>
    <row r="303323" spans="14:14">
      <c r="N303323" s="10"/>
    </row>
    <row r="303324" spans="14:14">
      <c r="N303324" s="10"/>
    </row>
    <row r="303325" spans="14:14">
      <c r="N303325" s="10"/>
    </row>
    <row r="303326" spans="14:14">
      <c r="N303326" s="10"/>
    </row>
    <row r="303327" spans="14:14">
      <c r="N303327" s="10"/>
    </row>
    <row r="303328" spans="14:14">
      <c r="N303328" s="10"/>
    </row>
    <row r="303329" spans="14:14">
      <c r="N303329" s="10"/>
    </row>
    <row r="303330" spans="14:14">
      <c r="N303330" s="10"/>
    </row>
    <row r="303331" spans="14:14">
      <c r="N303331" s="10"/>
    </row>
    <row r="303332" spans="14:14">
      <c r="N303332" s="10"/>
    </row>
    <row r="303333" spans="14:14">
      <c r="N303333" s="10"/>
    </row>
    <row r="303334" spans="14:14">
      <c r="N303334" s="10"/>
    </row>
    <row r="303335" spans="14:14">
      <c r="N303335" s="10"/>
    </row>
    <row r="303336" spans="14:14">
      <c r="N303336" s="10"/>
    </row>
    <row r="303337" spans="14:14">
      <c r="N303337" s="10"/>
    </row>
    <row r="303338" spans="14:14">
      <c r="N303338" s="10"/>
    </row>
    <row r="303339" spans="14:14">
      <c r="N303339" s="10"/>
    </row>
    <row r="303340" spans="14:14">
      <c r="N303340" s="10"/>
    </row>
    <row r="303341" spans="14:14">
      <c r="N303341" s="10"/>
    </row>
    <row r="303342" spans="14:14">
      <c r="N303342" s="10"/>
    </row>
    <row r="303343" spans="14:14">
      <c r="N303343" s="10"/>
    </row>
    <row r="303344" spans="14:14">
      <c r="N303344" s="10"/>
    </row>
    <row r="303345" spans="14:14">
      <c r="N303345" s="10"/>
    </row>
    <row r="303346" spans="14:14">
      <c r="N303346" s="10"/>
    </row>
    <row r="303347" spans="14:14">
      <c r="N303347" s="10"/>
    </row>
    <row r="303348" spans="14:14">
      <c r="N303348" s="10"/>
    </row>
    <row r="303349" spans="14:14">
      <c r="N303349" s="10"/>
    </row>
    <row r="303350" spans="14:14">
      <c r="N303350" s="10"/>
    </row>
    <row r="303351" spans="14:14">
      <c r="N303351" s="10"/>
    </row>
    <row r="303352" spans="14:14">
      <c r="N303352" s="10"/>
    </row>
    <row r="303353" spans="14:14">
      <c r="N303353" s="10"/>
    </row>
    <row r="303354" spans="14:14">
      <c r="N303354" s="10"/>
    </row>
    <row r="303355" spans="14:14">
      <c r="N303355" s="10"/>
    </row>
    <row r="303356" spans="14:14">
      <c r="N303356" s="10"/>
    </row>
    <row r="303357" spans="14:14">
      <c r="N303357" s="10"/>
    </row>
    <row r="303358" spans="14:14">
      <c r="N303358" s="10"/>
    </row>
    <row r="303359" spans="14:14">
      <c r="N303359" s="10"/>
    </row>
    <row r="303360" spans="14:14">
      <c r="N303360" s="10"/>
    </row>
    <row r="303361" spans="14:14">
      <c r="N303361" s="10"/>
    </row>
    <row r="303362" spans="14:14">
      <c r="N303362" s="10"/>
    </row>
    <row r="303363" spans="14:14">
      <c r="N303363" s="10"/>
    </row>
    <row r="303364" spans="14:14">
      <c r="N303364" s="10"/>
    </row>
    <row r="303365" spans="14:14">
      <c r="N303365" s="10"/>
    </row>
    <row r="303366" spans="14:14">
      <c r="N303366" s="10"/>
    </row>
    <row r="303367" spans="14:14">
      <c r="N303367" s="10"/>
    </row>
    <row r="303368" spans="14:14">
      <c r="N303368" s="10"/>
    </row>
    <row r="303369" spans="14:14">
      <c r="N303369" s="10"/>
    </row>
    <row r="303370" spans="14:14">
      <c r="N303370" s="10"/>
    </row>
    <row r="303371" spans="14:14">
      <c r="N303371" s="10"/>
    </row>
    <row r="303372" spans="14:14">
      <c r="N303372" s="10"/>
    </row>
    <row r="303373" spans="14:14">
      <c r="N303373" s="10"/>
    </row>
    <row r="303374" spans="14:14">
      <c r="N303374" s="10"/>
    </row>
    <row r="303375" spans="14:14">
      <c r="N303375" s="10"/>
    </row>
    <row r="303376" spans="14:14">
      <c r="N303376" s="10"/>
    </row>
    <row r="303377" spans="14:14">
      <c r="N303377" s="10"/>
    </row>
    <row r="303378" spans="14:14">
      <c r="N303378" s="10"/>
    </row>
    <row r="303379" spans="14:14">
      <c r="N303379" s="10"/>
    </row>
    <row r="303380" spans="14:14">
      <c r="N303380" s="10"/>
    </row>
    <row r="303381" spans="14:14">
      <c r="N303381" s="10"/>
    </row>
    <row r="303382" spans="14:14">
      <c r="N303382" s="10"/>
    </row>
    <row r="303383" spans="14:14">
      <c r="N303383" s="10"/>
    </row>
    <row r="303384" spans="14:14">
      <c r="N303384" s="10"/>
    </row>
    <row r="303385" spans="14:14">
      <c r="N303385" s="10"/>
    </row>
    <row r="303386" spans="14:14">
      <c r="N303386" s="10"/>
    </row>
    <row r="303387" spans="14:14">
      <c r="N303387" s="10"/>
    </row>
    <row r="303388" spans="14:14">
      <c r="N303388" s="10"/>
    </row>
    <row r="303389" spans="14:14">
      <c r="N303389" s="10"/>
    </row>
    <row r="303390" spans="14:14">
      <c r="N303390" s="10"/>
    </row>
    <row r="303391" spans="14:14">
      <c r="N303391" s="10"/>
    </row>
    <row r="303392" spans="14:14">
      <c r="N303392" s="10"/>
    </row>
    <row r="303393" spans="14:14">
      <c r="N303393" s="10"/>
    </row>
    <row r="303394" spans="14:14">
      <c r="N303394" s="10"/>
    </row>
    <row r="303395" spans="14:14">
      <c r="N303395" s="10"/>
    </row>
    <row r="303396" spans="14:14">
      <c r="N303396" s="10"/>
    </row>
    <row r="303397" spans="14:14">
      <c r="N303397" s="10"/>
    </row>
    <row r="303398" spans="14:14">
      <c r="N303398" s="10"/>
    </row>
    <row r="303399" spans="14:14">
      <c r="N303399" s="10"/>
    </row>
    <row r="303400" spans="14:14">
      <c r="N303400" s="10"/>
    </row>
    <row r="303401" spans="14:14">
      <c r="N303401" s="10"/>
    </row>
    <row r="303402" spans="14:14">
      <c r="N303402" s="10"/>
    </row>
    <row r="303403" spans="14:14">
      <c r="N303403" s="10"/>
    </row>
    <row r="303404" spans="14:14">
      <c r="N303404" s="10"/>
    </row>
    <row r="303405" spans="14:14">
      <c r="N303405" s="10"/>
    </row>
    <row r="303406" spans="14:14">
      <c r="N303406" s="10"/>
    </row>
    <row r="303407" spans="14:14">
      <c r="N303407" s="10"/>
    </row>
    <row r="303408" spans="14:14">
      <c r="N303408" s="10"/>
    </row>
    <row r="303409" spans="14:14">
      <c r="N303409" s="10"/>
    </row>
    <row r="303410" spans="14:14">
      <c r="N303410" s="10"/>
    </row>
    <row r="303411" spans="14:14">
      <c r="N303411" s="10"/>
    </row>
    <row r="303412" spans="14:14">
      <c r="N303412" s="10"/>
    </row>
    <row r="303413" spans="14:14">
      <c r="N303413" s="10"/>
    </row>
    <row r="303414" spans="14:14">
      <c r="N303414" s="10"/>
    </row>
    <row r="303415" spans="14:14">
      <c r="N303415" s="10"/>
    </row>
    <row r="303416" spans="14:14">
      <c r="N303416" s="10"/>
    </row>
    <row r="303417" spans="14:14">
      <c r="N303417" s="10"/>
    </row>
    <row r="303418" spans="14:14">
      <c r="N303418" s="10"/>
    </row>
    <row r="303419" spans="14:14">
      <c r="N303419" s="10"/>
    </row>
    <row r="303420" spans="14:14">
      <c r="N303420" s="10"/>
    </row>
    <row r="303421" spans="14:14">
      <c r="N303421" s="10"/>
    </row>
    <row r="303422" spans="14:14">
      <c r="N303422" s="10"/>
    </row>
    <row r="303423" spans="14:14">
      <c r="N303423" s="10"/>
    </row>
    <row r="303424" spans="14:14">
      <c r="N303424" s="10"/>
    </row>
    <row r="303425" spans="14:14">
      <c r="N303425" s="10"/>
    </row>
    <row r="303426" spans="14:14">
      <c r="N303426" s="10"/>
    </row>
    <row r="303427" spans="14:14">
      <c r="N303427" s="10"/>
    </row>
    <row r="303428" spans="14:14">
      <c r="N303428" s="10"/>
    </row>
    <row r="303429" spans="14:14">
      <c r="N303429" s="10"/>
    </row>
    <row r="303430" spans="14:14">
      <c r="N303430" s="10"/>
    </row>
    <row r="303431" spans="14:14">
      <c r="N303431" s="10"/>
    </row>
    <row r="303432" spans="14:14">
      <c r="N303432" s="10"/>
    </row>
    <row r="303433" spans="14:14">
      <c r="N303433" s="10"/>
    </row>
    <row r="303434" spans="14:14">
      <c r="N303434" s="10"/>
    </row>
    <row r="303435" spans="14:14">
      <c r="N303435" s="10"/>
    </row>
    <row r="303436" spans="14:14">
      <c r="N303436" s="10"/>
    </row>
    <row r="303437" spans="14:14">
      <c r="N303437" s="10"/>
    </row>
    <row r="303438" spans="14:14">
      <c r="N303438" s="10"/>
    </row>
    <row r="303439" spans="14:14">
      <c r="N303439" s="10"/>
    </row>
    <row r="303440" spans="14:14">
      <c r="N303440" s="10"/>
    </row>
    <row r="303441" spans="14:14">
      <c r="N303441" s="10"/>
    </row>
    <row r="303442" spans="14:14">
      <c r="N303442" s="10"/>
    </row>
    <row r="303443" spans="14:14">
      <c r="N303443" s="10"/>
    </row>
    <row r="303444" spans="14:14">
      <c r="N303444" s="10"/>
    </row>
    <row r="303445" spans="14:14">
      <c r="N303445" s="10"/>
    </row>
    <row r="303446" spans="14:14">
      <c r="N303446" s="10"/>
    </row>
    <row r="303447" spans="14:14">
      <c r="N303447" s="10"/>
    </row>
    <row r="303448" spans="14:14">
      <c r="N303448" s="10"/>
    </row>
    <row r="303449" spans="14:14">
      <c r="N303449" s="10"/>
    </row>
    <row r="303450" spans="14:14">
      <c r="N303450" s="10"/>
    </row>
    <row r="303451" spans="14:14">
      <c r="N303451" s="10"/>
    </row>
    <row r="303452" spans="14:14">
      <c r="N303452" s="10"/>
    </row>
    <row r="303453" spans="14:14">
      <c r="N303453" s="10"/>
    </row>
    <row r="303454" spans="14:14">
      <c r="N303454" s="10"/>
    </row>
    <row r="303455" spans="14:14">
      <c r="N303455" s="10"/>
    </row>
    <row r="303456" spans="14:14">
      <c r="N303456" s="10"/>
    </row>
    <row r="303457" spans="14:14">
      <c r="N303457" s="10"/>
    </row>
    <row r="303458" spans="14:14">
      <c r="N303458" s="10"/>
    </row>
    <row r="303459" spans="14:14">
      <c r="N303459" s="10"/>
    </row>
    <row r="303460" spans="14:14">
      <c r="N303460" s="10"/>
    </row>
    <row r="303461" spans="14:14">
      <c r="N303461" s="10"/>
    </row>
    <row r="303462" spans="14:14">
      <c r="N303462" s="10"/>
    </row>
    <row r="303463" spans="14:14">
      <c r="N303463" s="10"/>
    </row>
    <row r="303464" spans="14:14">
      <c r="N303464" s="10"/>
    </row>
    <row r="303465" spans="14:14">
      <c r="N303465" s="10"/>
    </row>
    <row r="303466" spans="14:14">
      <c r="N303466" s="10"/>
    </row>
    <row r="303467" spans="14:14">
      <c r="N303467" s="10"/>
    </row>
    <row r="303468" spans="14:14">
      <c r="N303468" s="10"/>
    </row>
    <row r="303469" spans="14:14">
      <c r="N303469" s="10"/>
    </row>
    <row r="303470" spans="14:14">
      <c r="N303470" s="10"/>
    </row>
    <row r="303471" spans="14:14">
      <c r="N303471" s="10"/>
    </row>
    <row r="303472" spans="14:14">
      <c r="N303472" s="10"/>
    </row>
    <row r="303473" spans="14:14">
      <c r="N303473" s="10"/>
    </row>
    <row r="303474" spans="14:14">
      <c r="N303474" s="10"/>
    </row>
    <row r="303475" spans="14:14">
      <c r="N303475" s="10"/>
    </row>
    <row r="303476" spans="14:14">
      <c r="N303476" s="10"/>
    </row>
    <row r="303477" spans="14:14">
      <c r="N303477" s="10"/>
    </row>
    <row r="303478" spans="14:14">
      <c r="N303478" s="10"/>
    </row>
    <row r="303479" spans="14:14">
      <c r="N303479" s="10"/>
    </row>
    <row r="303480" spans="14:14">
      <c r="N303480" s="10"/>
    </row>
    <row r="303481" spans="14:14">
      <c r="N303481" s="10"/>
    </row>
    <row r="303482" spans="14:14">
      <c r="N303482" s="10"/>
    </row>
    <row r="303483" spans="14:14">
      <c r="N303483" s="10"/>
    </row>
    <row r="303484" spans="14:14">
      <c r="N303484" s="10"/>
    </row>
    <row r="303485" spans="14:14">
      <c r="N303485" s="10"/>
    </row>
    <row r="303486" spans="14:14">
      <c r="N303486" s="10"/>
    </row>
    <row r="303487" spans="14:14">
      <c r="N303487" s="10"/>
    </row>
    <row r="303488" spans="14:14">
      <c r="N303488" s="10"/>
    </row>
    <row r="303489" spans="14:14">
      <c r="N303489" s="10"/>
    </row>
    <row r="303490" spans="14:14">
      <c r="N303490" s="10"/>
    </row>
    <row r="303491" spans="14:14">
      <c r="N303491" s="10"/>
    </row>
    <row r="303492" spans="14:14">
      <c r="N303492" s="10"/>
    </row>
    <row r="303493" spans="14:14">
      <c r="N303493" s="10"/>
    </row>
    <row r="303494" spans="14:14">
      <c r="N303494" s="10"/>
    </row>
    <row r="303495" spans="14:14">
      <c r="N303495" s="10"/>
    </row>
    <row r="303496" spans="14:14">
      <c r="N303496" s="10"/>
    </row>
    <row r="303497" spans="14:14">
      <c r="N303497" s="10"/>
    </row>
    <row r="303498" spans="14:14">
      <c r="N303498" s="10"/>
    </row>
    <row r="303499" spans="14:14">
      <c r="N303499" s="10"/>
    </row>
    <row r="303500" spans="14:14">
      <c r="N303500" s="10"/>
    </row>
    <row r="303501" spans="14:14">
      <c r="N303501" s="10"/>
    </row>
    <row r="303502" spans="14:14">
      <c r="N303502" s="10"/>
    </row>
    <row r="303503" spans="14:14">
      <c r="N303503" s="10"/>
    </row>
    <row r="303504" spans="14:14">
      <c r="N303504" s="10"/>
    </row>
    <row r="303505" spans="14:14">
      <c r="N303505" s="10"/>
    </row>
    <row r="303506" spans="14:14">
      <c r="N303506" s="10"/>
    </row>
    <row r="303507" spans="14:14">
      <c r="N303507" s="10"/>
    </row>
    <row r="303508" spans="14:14">
      <c r="N303508" s="10"/>
    </row>
    <row r="303509" spans="14:14">
      <c r="N303509" s="10"/>
    </row>
    <row r="303510" spans="14:14">
      <c r="N303510" s="10"/>
    </row>
    <row r="303511" spans="14:14">
      <c r="N303511" s="10"/>
    </row>
    <row r="303512" spans="14:14">
      <c r="N303512" s="10"/>
    </row>
    <row r="303513" spans="14:14">
      <c r="N303513" s="10"/>
    </row>
    <row r="303514" spans="14:14">
      <c r="N303514" s="10"/>
    </row>
    <row r="303515" spans="14:14">
      <c r="N303515" s="10"/>
    </row>
    <row r="303516" spans="14:14">
      <c r="N303516" s="10"/>
    </row>
    <row r="303517" spans="14:14">
      <c r="N303517" s="10"/>
    </row>
    <row r="303518" spans="14:14">
      <c r="N303518" s="10"/>
    </row>
    <row r="303519" spans="14:14">
      <c r="N303519" s="10"/>
    </row>
    <row r="303520" spans="14:14">
      <c r="N303520" s="10"/>
    </row>
    <row r="303521" spans="14:14">
      <c r="N303521" s="10"/>
    </row>
    <row r="303522" spans="14:14">
      <c r="N303522" s="10"/>
    </row>
    <row r="303523" spans="14:14">
      <c r="N303523" s="10"/>
    </row>
    <row r="303524" spans="14:14">
      <c r="N303524" s="10"/>
    </row>
    <row r="303525" spans="14:14">
      <c r="N303525" s="10"/>
    </row>
    <row r="303526" spans="14:14">
      <c r="N303526" s="10"/>
    </row>
    <row r="303527" spans="14:14">
      <c r="N303527" s="10"/>
    </row>
    <row r="303528" spans="14:14">
      <c r="N303528" s="10"/>
    </row>
    <row r="303529" spans="14:14">
      <c r="N303529" s="10"/>
    </row>
    <row r="303530" spans="14:14">
      <c r="N303530" s="10"/>
    </row>
    <row r="303531" spans="14:14">
      <c r="N303531" s="10"/>
    </row>
    <row r="303532" spans="14:14">
      <c r="N303532" s="10"/>
    </row>
    <row r="303533" spans="14:14">
      <c r="N303533" s="10"/>
    </row>
    <row r="303534" spans="14:14">
      <c r="N303534" s="10"/>
    </row>
    <row r="303535" spans="14:14">
      <c r="N303535" s="10"/>
    </row>
    <row r="303536" spans="14:14">
      <c r="N303536" s="10"/>
    </row>
    <row r="303537" spans="14:14">
      <c r="N303537" s="10"/>
    </row>
    <row r="303538" spans="14:14">
      <c r="N303538" s="10"/>
    </row>
    <row r="303539" spans="14:14">
      <c r="N303539" s="10"/>
    </row>
    <row r="303540" spans="14:14">
      <c r="N303540" s="10"/>
    </row>
    <row r="303541" spans="14:14">
      <c r="N303541" s="10"/>
    </row>
    <row r="303542" spans="14:14">
      <c r="N303542" s="10"/>
    </row>
    <row r="303543" spans="14:14">
      <c r="N303543" s="10"/>
    </row>
    <row r="303544" spans="14:14">
      <c r="N303544" s="10"/>
    </row>
    <row r="303545" spans="14:14">
      <c r="N303545" s="10"/>
    </row>
    <row r="303546" spans="14:14">
      <c r="N303546" s="10"/>
    </row>
    <row r="303547" spans="14:14">
      <c r="N303547" s="10"/>
    </row>
    <row r="303548" spans="14:14">
      <c r="N303548" s="10"/>
    </row>
    <row r="303549" spans="14:14">
      <c r="N303549" s="10"/>
    </row>
    <row r="303550" spans="14:14">
      <c r="N303550" s="10"/>
    </row>
    <row r="303551" spans="14:14">
      <c r="N303551" s="10"/>
    </row>
    <row r="303552" spans="14:14">
      <c r="N303552" s="10"/>
    </row>
    <row r="303553" spans="14:14">
      <c r="N303553" s="10"/>
    </row>
    <row r="303554" spans="14:14">
      <c r="N303554" s="10"/>
    </row>
    <row r="303555" spans="14:14">
      <c r="N303555" s="10"/>
    </row>
    <row r="303556" spans="14:14">
      <c r="N303556" s="10"/>
    </row>
    <row r="303557" spans="14:14">
      <c r="N303557" s="10"/>
    </row>
    <row r="303558" spans="14:14">
      <c r="N303558" s="10"/>
    </row>
    <row r="303559" spans="14:14">
      <c r="N303559" s="10"/>
    </row>
    <row r="303560" spans="14:14">
      <c r="N303560" s="10"/>
    </row>
    <row r="303561" spans="14:14">
      <c r="N303561" s="10"/>
    </row>
    <row r="303562" spans="14:14">
      <c r="N303562" s="10"/>
    </row>
    <row r="303563" spans="14:14">
      <c r="N303563" s="10"/>
    </row>
    <row r="303564" spans="14:14">
      <c r="N303564" s="10"/>
    </row>
    <row r="303565" spans="14:14">
      <c r="N303565" s="10"/>
    </row>
    <row r="303566" spans="14:14">
      <c r="N303566" s="10"/>
    </row>
    <row r="303567" spans="14:14">
      <c r="N303567" s="10"/>
    </row>
    <row r="303568" spans="14:14">
      <c r="N303568" s="10"/>
    </row>
    <row r="303569" spans="14:14">
      <c r="N303569" s="10"/>
    </row>
    <row r="303570" spans="14:14">
      <c r="N303570" s="10"/>
    </row>
    <row r="303571" spans="14:14">
      <c r="N303571" s="10"/>
    </row>
    <row r="303572" spans="14:14">
      <c r="N303572" s="10"/>
    </row>
    <row r="303573" spans="14:14">
      <c r="N303573" s="10"/>
    </row>
    <row r="303574" spans="14:14">
      <c r="N303574" s="10"/>
    </row>
    <row r="303575" spans="14:14">
      <c r="N303575" s="10"/>
    </row>
    <row r="303576" spans="14:14">
      <c r="N303576" s="10"/>
    </row>
    <row r="303577" spans="14:14">
      <c r="N303577" s="10"/>
    </row>
    <row r="303578" spans="14:14">
      <c r="N303578" s="10"/>
    </row>
    <row r="303579" spans="14:14">
      <c r="N303579" s="10"/>
    </row>
    <row r="303580" spans="14:14">
      <c r="N303580" s="10"/>
    </row>
    <row r="303581" spans="14:14">
      <c r="N303581" s="10"/>
    </row>
    <row r="303582" spans="14:14">
      <c r="N303582" s="10"/>
    </row>
    <row r="303583" spans="14:14">
      <c r="N303583" s="10"/>
    </row>
    <row r="303584" spans="14:14">
      <c r="N303584" s="10"/>
    </row>
    <row r="303585" spans="14:14">
      <c r="N303585" s="10"/>
    </row>
    <row r="303586" spans="14:14">
      <c r="N303586" s="10"/>
    </row>
    <row r="303587" spans="14:14">
      <c r="N303587" s="10"/>
    </row>
    <row r="303588" spans="14:14">
      <c r="N303588" s="10"/>
    </row>
    <row r="303589" spans="14:14">
      <c r="N303589" s="10"/>
    </row>
    <row r="303590" spans="14:14">
      <c r="N303590" s="10"/>
    </row>
    <row r="303591" spans="14:14">
      <c r="N303591" s="10"/>
    </row>
    <row r="303592" spans="14:14">
      <c r="N303592" s="10"/>
    </row>
    <row r="303593" spans="14:14">
      <c r="N303593" s="10"/>
    </row>
    <row r="303594" spans="14:14">
      <c r="N303594" s="10"/>
    </row>
    <row r="303595" spans="14:14">
      <c r="N303595" s="10"/>
    </row>
    <row r="303596" spans="14:14">
      <c r="N303596" s="10"/>
    </row>
    <row r="303597" spans="14:14">
      <c r="N303597" s="10"/>
    </row>
    <row r="303598" spans="14:14">
      <c r="N303598" s="10"/>
    </row>
    <row r="303599" spans="14:14">
      <c r="N303599" s="10"/>
    </row>
    <row r="303600" spans="14:14">
      <c r="N303600" s="10"/>
    </row>
    <row r="303601" spans="14:14">
      <c r="N303601" s="10"/>
    </row>
    <row r="303602" spans="14:14">
      <c r="N303602" s="10"/>
    </row>
    <row r="303603" spans="14:14">
      <c r="N303603" s="10"/>
    </row>
    <row r="303604" spans="14:14">
      <c r="N303604" s="10"/>
    </row>
    <row r="303605" spans="14:14">
      <c r="N303605" s="10"/>
    </row>
    <row r="303606" spans="14:14">
      <c r="N303606" s="10"/>
    </row>
    <row r="303607" spans="14:14">
      <c r="N303607" s="10"/>
    </row>
    <row r="303608" spans="14:14">
      <c r="N303608" s="10"/>
    </row>
    <row r="303609" spans="14:14">
      <c r="N303609" s="10"/>
    </row>
    <row r="303610" spans="14:14">
      <c r="N303610" s="10"/>
    </row>
    <row r="303611" spans="14:14">
      <c r="N303611" s="10"/>
    </row>
    <row r="303612" spans="14:14">
      <c r="N303612" s="10"/>
    </row>
    <row r="303613" spans="14:14">
      <c r="N303613" s="10"/>
    </row>
    <row r="303614" spans="14:14">
      <c r="N303614" s="10"/>
    </row>
    <row r="303615" spans="14:14">
      <c r="N303615" s="10"/>
    </row>
    <row r="303616" spans="14:14">
      <c r="N303616" s="10"/>
    </row>
    <row r="303617" spans="14:14">
      <c r="N303617" s="10"/>
    </row>
    <row r="303618" spans="14:14">
      <c r="N303618" s="10"/>
    </row>
    <row r="303619" spans="14:14">
      <c r="N303619" s="10"/>
    </row>
    <row r="303620" spans="14:14">
      <c r="N303620" s="10"/>
    </row>
    <row r="303621" spans="14:14">
      <c r="N303621" s="10"/>
    </row>
    <row r="303622" spans="14:14">
      <c r="N303622" s="10"/>
    </row>
    <row r="303623" spans="14:14">
      <c r="N303623" s="10"/>
    </row>
    <row r="303624" spans="14:14">
      <c r="N303624" s="10"/>
    </row>
    <row r="303625" spans="14:14">
      <c r="N303625" s="10"/>
    </row>
    <row r="303626" spans="14:14">
      <c r="N303626" s="10"/>
    </row>
    <row r="303627" spans="14:14">
      <c r="N303627" s="10"/>
    </row>
    <row r="303628" spans="14:14">
      <c r="N303628" s="10"/>
    </row>
    <row r="303629" spans="14:14">
      <c r="N303629" s="10"/>
    </row>
    <row r="303630" spans="14:14">
      <c r="N303630" s="10"/>
    </row>
    <row r="303631" spans="14:14">
      <c r="N303631" s="10"/>
    </row>
    <row r="303632" spans="14:14">
      <c r="N303632" s="10"/>
    </row>
    <row r="303633" spans="14:14">
      <c r="N303633" s="10"/>
    </row>
    <row r="303634" spans="14:14">
      <c r="N303634" s="10"/>
    </row>
    <row r="303635" spans="14:14">
      <c r="N303635" s="10"/>
    </row>
    <row r="303636" spans="14:14">
      <c r="N303636" s="10"/>
    </row>
    <row r="303637" spans="14:14">
      <c r="N303637" s="10"/>
    </row>
    <row r="303638" spans="14:14">
      <c r="N303638" s="10"/>
    </row>
    <row r="303639" spans="14:14">
      <c r="N303639" s="10"/>
    </row>
    <row r="303640" spans="14:14">
      <c r="N303640" s="10"/>
    </row>
    <row r="303641" spans="14:14">
      <c r="N303641" s="10"/>
    </row>
    <row r="303642" spans="14:14">
      <c r="N303642" s="10"/>
    </row>
    <row r="303643" spans="14:14">
      <c r="N303643" s="10"/>
    </row>
    <row r="303644" spans="14:14">
      <c r="N303644" s="10"/>
    </row>
    <row r="303645" spans="14:14">
      <c r="N303645" s="10"/>
    </row>
    <row r="303646" spans="14:14">
      <c r="N303646" s="10"/>
    </row>
    <row r="303647" spans="14:14">
      <c r="N303647" s="10"/>
    </row>
    <row r="303648" spans="14:14">
      <c r="N303648" s="10"/>
    </row>
    <row r="303649" spans="14:14">
      <c r="N303649" s="10"/>
    </row>
    <row r="303650" spans="14:14">
      <c r="N303650" s="10"/>
    </row>
    <row r="303651" spans="14:14">
      <c r="N303651" s="10"/>
    </row>
    <row r="303652" spans="14:14">
      <c r="N303652" s="10"/>
    </row>
    <row r="303653" spans="14:14">
      <c r="N303653" s="10"/>
    </row>
    <row r="303654" spans="14:14">
      <c r="N303654" s="10"/>
    </row>
    <row r="303655" spans="14:14">
      <c r="N303655" s="10"/>
    </row>
    <row r="303656" spans="14:14">
      <c r="N303656" s="10"/>
    </row>
    <row r="303657" spans="14:14">
      <c r="N303657" s="10"/>
    </row>
    <row r="303658" spans="14:14">
      <c r="N303658" s="10"/>
    </row>
    <row r="303659" spans="14:14">
      <c r="N303659" s="10"/>
    </row>
    <row r="303660" spans="14:14">
      <c r="N303660" s="10"/>
    </row>
    <row r="303661" spans="14:14">
      <c r="N303661" s="10"/>
    </row>
    <row r="303662" spans="14:14">
      <c r="N303662" s="10"/>
    </row>
    <row r="303663" spans="14:14">
      <c r="N303663" s="10"/>
    </row>
    <row r="303664" spans="14:14">
      <c r="N303664" s="10"/>
    </row>
    <row r="303665" spans="14:14">
      <c r="N303665" s="10"/>
    </row>
    <row r="303666" spans="14:14">
      <c r="N303666" s="10"/>
    </row>
    <row r="303667" spans="14:14">
      <c r="N303667" s="10"/>
    </row>
    <row r="303668" spans="14:14">
      <c r="N303668" s="10"/>
    </row>
    <row r="303669" spans="14:14">
      <c r="N303669" s="10"/>
    </row>
    <row r="303670" spans="14:14">
      <c r="N303670" s="10"/>
    </row>
    <row r="303671" spans="14:14">
      <c r="N303671" s="10"/>
    </row>
    <row r="303672" spans="14:14">
      <c r="N303672" s="10"/>
    </row>
    <row r="303673" spans="14:14">
      <c r="N303673" s="10"/>
    </row>
    <row r="303674" spans="14:14">
      <c r="N303674" s="10"/>
    </row>
    <row r="303675" spans="14:14">
      <c r="N303675" s="10"/>
    </row>
    <row r="303676" spans="14:14">
      <c r="N303676" s="10"/>
    </row>
    <row r="303677" spans="14:14">
      <c r="N303677" s="10"/>
    </row>
    <row r="303678" spans="14:14">
      <c r="N303678" s="10"/>
    </row>
    <row r="303679" spans="14:14">
      <c r="N303679" s="10"/>
    </row>
    <row r="303680" spans="14:14">
      <c r="N303680" s="10"/>
    </row>
    <row r="303681" spans="14:14">
      <c r="N303681" s="10"/>
    </row>
    <row r="303682" spans="14:14">
      <c r="N303682" s="10"/>
    </row>
    <row r="303683" spans="14:14">
      <c r="N303683" s="10"/>
    </row>
    <row r="303684" spans="14:14">
      <c r="N303684" s="10"/>
    </row>
    <row r="303685" spans="14:14">
      <c r="N303685" s="10"/>
    </row>
    <row r="303686" spans="14:14">
      <c r="N303686" s="10"/>
    </row>
    <row r="303687" spans="14:14">
      <c r="N303687" s="10"/>
    </row>
    <row r="303688" spans="14:14">
      <c r="N303688" s="10"/>
    </row>
    <row r="303689" spans="14:14">
      <c r="N303689" s="10"/>
    </row>
    <row r="303690" spans="14:14">
      <c r="N303690" s="10"/>
    </row>
    <row r="303691" spans="14:14">
      <c r="N303691" s="10"/>
    </row>
    <row r="303692" spans="14:14">
      <c r="N303692" s="10"/>
    </row>
    <row r="303693" spans="14:14">
      <c r="N303693" s="10"/>
    </row>
    <row r="303694" spans="14:14">
      <c r="N303694" s="10"/>
    </row>
    <row r="303695" spans="14:14">
      <c r="N303695" s="10"/>
    </row>
    <row r="303696" spans="14:14">
      <c r="N303696" s="10"/>
    </row>
    <row r="303697" spans="14:14">
      <c r="N303697" s="10"/>
    </row>
    <row r="303698" spans="14:14">
      <c r="N303698" s="10"/>
    </row>
    <row r="303699" spans="14:14">
      <c r="N303699" s="10"/>
    </row>
    <row r="303700" spans="14:14">
      <c r="N303700" s="10"/>
    </row>
    <row r="303701" spans="14:14">
      <c r="N303701" s="10"/>
    </row>
    <row r="303702" spans="14:14">
      <c r="N303702" s="10"/>
    </row>
    <row r="303703" spans="14:14">
      <c r="N303703" s="10"/>
    </row>
    <row r="303704" spans="14:14">
      <c r="N303704" s="10"/>
    </row>
    <row r="303705" spans="14:14">
      <c r="N303705" s="10"/>
    </row>
    <row r="303706" spans="14:14">
      <c r="N303706" s="10"/>
    </row>
    <row r="303707" spans="14:14">
      <c r="N303707" s="10"/>
    </row>
    <row r="303708" spans="14:14">
      <c r="N303708" s="10"/>
    </row>
    <row r="303709" spans="14:14">
      <c r="N303709" s="10"/>
    </row>
    <row r="303710" spans="14:14">
      <c r="N303710" s="10"/>
    </row>
    <row r="303711" spans="14:14">
      <c r="N303711" s="10"/>
    </row>
    <row r="303712" spans="14:14">
      <c r="N303712" s="10"/>
    </row>
    <row r="303713" spans="14:14">
      <c r="N303713" s="10"/>
    </row>
    <row r="303714" spans="14:14">
      <c r="N303714" s="10"/>
    </row>
    <row r="303715" spans="14:14">
      <c r="N303715" s="10"/>
    </row>
    <row r="303716" spans="14:14">
      <c r="N303716" s="10"/>
    </row>
    <row r="303717" spans="14:14">
      <c r="N303717" s="10"/>
    </row>
    <row r="303718" spans="14:14">
      <c r="N303718" s="10"/>
    </row>
    <row r="303719" spans="14:14">
      <c r="N303719" s="10"/>
    </row>
    <row r="303720" spans="14:14">
      <c r="N303720" s="10"/>
    </row>
    <row r="303721" spans="14:14">
      <c r="N303721" s="10"/>
    </row>
    <row r="303722" spans="14:14">
      <c r="N303722" s="10"/>
    </row>
    <row r="303723" spans="14:14">
      <c r="N303723" s="10"/>
    </row>
    <row r="303724" spans="14:14">
      <c r="N303724" s="10"/>
    </row>
    <row r="303725" spans="14:14">
      <c r="N303725" s="10"/>
    </row>
    <row r="303726" spans="14:14">
      <c r="N303726" s="10"/>
    </row>
    <row r="303727" spans="14:14">
      <c r="N303727" s="10"/>
    </row>
    <row r="303728" spans="14:14">
      <c r="N303728" s="10"/>
    </row>
    <row r="303729" spans="14:14">
      <c r="N303729" s="10"/>
    </row>
    <row r="303730" spans="14:14">
      <c r="N303730" s="10"/>
    </row>
    <row r="303731" spans="14:14">
      <c r="N303731" s="10"/>
    </row>
    <row r="303732" spans="14:14">
      <c r="N303732" s="10"/>
    </row>
    <row r="303733" spans="14:14">
      <c r="N303733" s="10"/>
    </row>
    <row r="303734" spans="14:14">
      <c r="N303734" s="10"/>
    </row>
    <row r="303735" spans="14:14">
      <c r="N303735" s="10"/>
    </row>
    <row r="303736" spans="14:14">
      <c r="N303736" s="10"/>
    </row>
    <row r="303737" spans="14:14">
      <c r="N303737" s="10"/>
    </row>
    <row r="303738" spans="14:14">
      <c r="N303738" s="10"/>
    </row>
    <row r="303739" spans="14:14">
      <c r="N303739" s="10"/>
    </row>
    <row r="303740" spans="14:14">
      <c r="N303740" s="10"/>
    </row>
    <row r="303741" spans="14:14">
      <c r="N303741" s="10"/>
    </row>
    <row r="303742" spans="14:14">
      <c r="N303742" s="10"/>
    </row>
    <row r="303743" spans="14:14">
      <c r="N303743" s="10"/>
    </row>
    <row r="303744" spans="14:14">
      <c r="N303744" s="10"/>
    </row>
    <row r="303745" spans="14:14">
      <c r="N303745" s="10"/>
    </row>
    <row r="303746" spans="14:14">
      <c r="N303746" s="10"/>
    </row>
    <row r="303747" spans="14:14">
      <c r="N303747" s="10"/>
    </row>
    <row r="303748" spans="14:14">
      <c r="N303748" s="10"/>
    </row>
    <row r="303749" spans="14:14">
      <c r="N303749" s="10"/>
    </row>
    <row r="303750" spans="14:14">
      <c r="N303750" s="10"/>
    </row>
    <row r="303751" spans="14:14">
      <c r="N303751" s="10"/>
    </row>
    <row r="303752" spans="14:14">
      <c r="N303752" s="10"/>
    </row>
    <row r="303753" spans="14:14">
      <c r="N303753" s="10"/>
    </row>
    <row r="303754" spans="14:14">
      <c r="N303754" s="10"/>
    </row>
    <row r="303755" spans="14:14">
      <c r="N303755" s="10"/>
    </row>
    <row r="303756" spans="14:14">
      <c r="N303756" s="10"/>
    </row>
    <row r="303757" spans="14:14">
      <c r="N303757" s="10"/>
    </row>
    <row r="303758" spans="14:14">
      <c r="N303758" s="10"/>
    </row>
    <row r="303759" spans="14:14">
      <c r="N303759" s="10"/>
    </row>
    <row r="303760" spans="14:14">
      <c r="N303760" s="10"/>
    </row>
    <row r="303761" spans="14:14">
      <c r="N303761" s="10"/>
    </row>
    <row r="303762" spans="14:14">
      <c r="N303762" s="10"/>
    </row>
    <row r="303763" spans="14:14">
      <c r="N303763" s="10"/>
    </row>
    <row r="303764" spans="14:14">
      <c r="N303764" s="10"/>
    </row>
    <row r="303765" spans="14:14">
      <c r="N303765" s="10"/>
    </row>
    <row r="303766" spans="14:14">
      <c r="N303766" s="10"/>
    </row>
    <row r="303767" spans="14:14">
      <c r="N303767" s="10"/>
    </row>
    <row r="303768" spans="14:14">
      <c r="N303768" s="10"/>
    </row>
    <row r="303769" spans="14:14">
      <c r="N303769" s="10"/>
    </row>
    <row r="303770" spans="14:14">
      <c r="N303770" s="10"/>
    </row>
    <row r="303771" spans="14:14">
      <c r="N303771" s="10"/>
    </row>
    <row r="303772" spans="14:14">
      <c r="N303772" s="10"/>
    </row>
    <row r="303773" spans="14:14">
      <c r="N303773" s="10"/>
    </row>
    <row r="303774" spans="14:14">
      <c r="N303774" s="10"/>
    </row>
    <row r="303775" spans="14:14">
      <c r="N303775" s="10"/>
    </row>
    <row r="303776" spans="14:14">
      <c r="N303776" s="10"/>
    </row>
    <row r="303777" spans="14:14">
      <c r="N303777" s="10"/>
    </row>
    <row r="303778" spans="14:14">
      <c r="N303778" s="10"/>
    </row>
    <row r="303779" spans="14:14">
      <c r="N303779" s="10"/>
    </row>
    <row r="303780" spans="14:14">
      <c r="N303780" s="10"/>
    </row>
    <row r="303781" spans="14:14">
      <c r="N303781" s="10"/>
    </row>
    <row r="303782" spans="14:14">
      <c r="N303782" s="10"/>
    </row>
    <row r="303783" spans="14:14">
      <c r="N303783" s="10"/>
    </row>
    <row r="303784" spans="14:14">
      <c r="N303784" s="10"/>
    </row>
    <row r="303785" spans="14:14">
      <c r="N303785" s="10"/>
    </row>
    <row r="303786" spans="14:14">
      <c r="N303786" s="10"/>
    </row>
    <row r="303787" spans="14:14">
      <c r="N303787" s="10"/>
    </row>
    <row r="303788" spans="14:14">
      <c r="N303788" s="10"/>
    </row>
    <row r="303789" spans="14:14">
      <c r="N303789" s="10"/>
    </row>
    <row r="303790" spans="14:14">
      <c r="N303790" s="10"/>
    </row>
    <row r="303791" spans="14:14">
      <c r="N303791" s="10"/>
    </row>
    <row r="303792" spans="14:14">
      <c r="N303792" s="10"/>
    </row>
    <row r="303793" spans="14:14">
      <c r="N303793" s="10"/>
    </row>
    <row r="303794" spans="14:14">
      <c r="N303794" s="10"/>
    </row>
    <row r="303795" spans="14:14">
      <c r="N303795" s="10"/>
    </row>
    <row r="303796" spans="14:14">
      <c r="N303796" s="10"/>
    </row>
    <row r="303797" spans="14:14">
      <c r="N303797" s="10"/>
    </row>
    <row r="303798" spans="14:14">
      <c r="N303798" s="10"/>
    </row>
    <row r="303799" spans="14:14">
      <c r="N303799" s="10"/>
    </row>
    <row r="303800" spans="14:14">
      <c r="N303800" s="10"/>
    </row>
    <row r="303801" spans="14:14">
      <c r="N303801" s="10"/>
    </row>
    <row r="303802" spans="14:14">
      <c r="N303802" s="10"/>
    </row>
    <row r="303803" spans="14:14">
      <c r="N303803" s="10"/>
    </row>
    <row r="303804" spans="14:14">
      <c r="N303804" s="10"/>
    </row>
    <row r="303805" spans="14:14">
      <c r="N303805" s="10"/>
    </row>
    <row r="303806" spans="14:14">
      <c r="N303806" s="10"/>
    </row>
    <row r="303807" spans="14:14">
      <c r="N303807" s="10"/>
    </row>
    <row r="303808" spans="14:14">
      <c r="N303808" s="10"/>
    </row>
    <row r="303809" spans="14:14">
      <c r="N303809" s="10"/>
    </row>
    <row r="303810" spans="14:14">
      <c r="N303810" s="10"/>
    </row>
    <row r="303811" spans="14:14">
      <c r="N303811" s="10"/>
    </row>
    <row r="303812" spans="14:14">
      <c r="N303812" s="10"/>
    </row>
    <row r="303813" spans="14:14">
      <c r="N303813" s="10"/>
    </row>
    <row r="303814" spans="14:14">
      <c r="N303814" s="10"/>
    </row>
    <row r="303815" spans="14:14">
      <c r="N303815" s="10"/>
    </row>
    <row r="303816" spans="14:14">
      <c r="N303816" s="10"/>
    </row>
    <row r="303817" spans="14:14">
      <c r="N303817" s="10"/>
    </row>
    <row r="303818" spans="14:14">
      <c r="N303818" s="10"/>
    </row>
    <row r="303819" spans="14:14">
      <c r="N303819" s="10"/>
    </row>
    <row r="303820" spans="14:14">
      <c r="N303820" s="10"/>
    </row>
    <row r="303821" spans="14:14">
      <c r="N303821" s="10"/>
    </row>
    <row r="303822" spans="14:14">
      <c r="N303822" s="10"/>
    </row>
    <row r="303823" spans="14:14">
      <c r="N303823" s="10"/>
    </row>
    <row r="303824" spans="14:14">
      <c r="N303824" s="10"/>
    </row>
    <row r="303825" spans="14:14">
      <c r="N303825" s="10"/>
    </row>
    <row r="303826" spans="14:14">
      <c r="N303826" s="10"/>
    </row>
    <row r="303827" spans="14:14">
      <c r="N303827" s="10"/>
    </row>
    <row r="303828" spans="14:14">
      <c r="N303828" s="10"/>
    </row>
    <row r="303829" spans="14:14">
      <c r="N303829" s="10"/>
    </row>
    <row r="303830" spans="14:14">
      <c r="N303830" s="10"/>
    </row>
    <row r="303831" spans="14:14">
      <c r="N303831" s="10"/>
    </row>
    <row r="303832" spans="14:14">
      <c r="N303832" s="10"/>
    </row>
    <row r="303833" spans="14:14">
      <c r="N303833" s="10"/>
    </row>
    <row r="303834" spans="14:14">
      <c r="N303834" s="10"/>
    </row>
    <row r="303835" spans="14:14">
      <c r="N303835" s="10"/>
    </row>
    <row r="303836" spans="14:14">
      <c r="N303836" s="10"/>
    </row>
    <row r="303837" spans="14:14">
      <c r="N303837" s="10"/>
    </row>
    <row r="303838" spans="14:14">
      <c r="N303838" s="10"/>
    </row>
    <row r="303839" spans="14:14">
      <c r="N303839" s="10"/>
    </row>
    <row r="303840" spans="14:14">
      <c r="N303840" s="10"/>
    </row>
    <row r="303841" spans="14:14">
      <c r="N303841" s="10"/>
    </row>
    <row r="303842" spans="14:14">
      <c r="N303842" s="10"/>
    </row>
    <row r="303843" spans="14:14">
      <c r="N303843" s="10"/>
    </row>
    <row r="303844" spans="14:14">
      <c r="N303844" s="10"/>
    </row>
    <row r="303845" spans="14:14">
      <c r="N303845" s="10"/>
    </row>
    <row r="303846" spans="14:14">
      <c r="N303846" s="10"/>
    </row>
    <row r="303847" spans="14:14">
      <c r="N303847" s="10"/>
    </row>
    <row r="303848" spans="14:14">
      <c r="N303848" s="10"/>
    </row>
    <row r="303849" spans="14:14">
      <c r="N303849" s="10"/>
    </row>
    <row r="303850" spans="14:14">
      <c r="N303850" s="10"/>
    </row>
    <row r="303851" spans="14:14">
      <c r="N303851" s="10"/>
    </row>
    <row r="303852" spans="14:14">
      <c r="N303852" s="10"/>
    </row>
    <row r="303853" spans="14:14">
      <c r="N303853" s="10"/>
    </row>
    <row r="303854" spans="14:14">
      <c r="N303854" s="10"/>
    </row>
    <row r="303855" spans="14:14">
      <c r="N303855" s="10"/>
    </row>
    <row r="303856" spans="14:14">
      <c r="N303856" s="10"/>
    </row>
    <row r="303857" spans="14:14">
      <c r="N303857" s="10"/>
    </row>
    <row r="303858" spans="14:14">
      <c r="N303858" s="10"/>
    </row>
    <row r="303859" spans="14:14">
      <c r="N303859" s="10"/>
    </row>
    <row r="303860" spans="14:14">
      <c r="N303860" s="10"/>
    </row>
    <row r="303861" spans="14:14">
      <c r="N303861" s="10"/>
    </row>
    <row r="303862" spans="14:14">
      <c r="N303862" s="10"/>
    </row>
    <row r="303863" spans="14:14">
      <c r="N303863" s="10"/>
    </row>
    <row r="303864" spans="14:14">
      <c r="N303864" s="10"/>
    </row>
    <row r="303865" spans="14:14">
      <c r="N303865" s="10"/>
    </row>
    <row r="303866" spans="14:14">
      <c r="N303866" s="10"/>
    </row>
    <row r="303867" spans="14:14">
      <c r="N303867" s="10"/>
    </row>
    <row r="303868" spans="14:14">
      <c r="N303868" s="10"/>
    </row>
    <row r="303869" spans="14:14">
      <c r="N303869" s="10"/>
    </row>
    <row r="303870" spans="14:14">
      <c r="N303870" s="10"/>
    </row>
    <row r="303871" spans="14:14">
      <c r="N303871" s="10"/>
    </row>
    <row r="303872" spans="14:14">
      <c r="N303872" s="10"/>
    </row>
    <row r="303873" spans="14:14">
      <c r="N303873" s="10"/>
    </row>
    <row r="303874" spans="14:14">
      <c r="N303874" s="10"/>
    </row>
    <row r="303875" spans="14:14">
      <c r="N303875" s="10"/>
    </row>
    <row r="303876" spans="14:14">
      <c r="N303876" s="10"/>
    </row>
    <row r="303877" spans="14:14">
      <c r="N303877" s="10"/>
    </row>
    <row r="303878" spans="14:14">
      <c r="N303878" s="10"/>
    </row>
    <row r="303879" spans="14:14">
      <c r="N303879" s="10"/>
    </row>
    <row r="303880" spans="14:14">
      <c r="N303880" s="10"/>
    </row>
    <row r="303881" spans="14:14">
      <c r="N303881" s="10"/>
    </row>
    <row r="303882" spans="14:14">
      <c r="N303882" s="10"/>
    </row>
    <row r="303883" spans="14:14">
      <c r="N303883" s="10"/>
    </row>
    <row r="303884" spans="14:14">
      <c r="N303884" s="10"/>
    </row>
    <row r="303885" spans="14:14">
      <c r="N303885" s="10"/>
    </row>
    <row r="303886" spans="14:14">
      <c r="N303886" s="10"/>
    </row>
    <row r="303887" spans="14:14">
      <c r="N303887" s="10"/>
    </row>
    <row r="303888" spans="14:14">
      <c r="N303888" s="10"/>
    </row>
    <row r="303889" spans="14:14">
      <c r="N303889" s="10"/>
    </row>
    <row r="303890" spans="14:14">
      <c r="N303890" s="10"/>
    </row>
    <row r="303891" spans="14:14">
      <c r="N303891" s="10"/>
    </row>
    <row r="303892" spans="14:14">
      <c r="N303892" s="10"/>
    </row>
    <row r="303893" spans="14:14">
      <c r="N303893" s="10"/>
    </row>
    <row r="303894" spans="14:14">
      <c r="N303894" s="10"/>
    </row>
    <row r="303895" spans="14:14">
      <c r="N303895" s="10"/>
    </row>
    <row r="303896" spans="14:14">
      <c r="N303896" s="10"/>
    </row>
    <row r="303897" spans="14:14">
      <c r="N303897" s="10"/>
    </row>
    <row r="303898" spans="14:14">
      <c r="N303898" s="10"/>
    </row>
    <row r="303899" spans="14:14">
      <c r="N303899" s="10"/>
    </row>
    <row r="303900" spans="14:14">
      <c r="N303900" s="10"/>
    </row>
    <row r="303901" spans="14:14">
      <c r="N303901" s="10"/>
    </row>
    <row r="303902" spans="14:14">
      <c r="N303902" s="10"/>
    </row>
    <row r="303903" spans="14:14">
      <c r="N303903" s="10"/>
    </row>
    <row r="303904" spans="14:14">
      <c r="N303904" s="10"/>
    </row>
    <row r="303905" spans="14:14">
      <c r="N303905" s="10"/>
    </row>
    <row r="303906" spans="14:14">
      <c r="N303906" s="10"/>
    </row>
    <row r="303907" spans="14:14">
      <c r="N303907" s="10"/>
    </row>
    <row r="303908" spans="14:14">
      <c r="N303908" s="10"/>
    </row>
    <row r="303909" spans="14:14">
      <c r="N303909" s="10"/>
    </row>
    <row r="303910" spans="14:14">
      <c r="N303910" s="10"/>
    </row>
    <row r="303911" spans="14:14">
      <c r="N303911" s="10"/>
    </row>
    <row r="303912" spans="14:14">
      <c r="N303912" s="10"/>
    </row>
    <row r="303913" spans="14:14">
      <c r="N303913" s="10"/>
    </row>
    <row r="303914" spans="14:14">
      <c r="N303914" s="10"/>
    </row>
    <row r="303915" spans="14:14">
      <c r="N303915" s="10"/>
    </row>
    <row r="303916" spans="14:14">
      <c r="N303916" s="10"/>
    </row>
    <row r="303917" spans="14:14">
      <c r="N303917" s="10"/>
    </row>
    <row r="303918" spans="14:14">
      <c r="N303918" s="10"/>
    </row>
    <row r="303919" spans="14:14">
      <c r="N303919" s="10"/>
    </row>
    <row r="303920" spans="14:14">
      <c r="N303920" s="10"/>
    </row>
    <row r="303921" spans="14:14">
      <c r="N303921" s="10"/>
    </row>
    <row r="303922" spans="14:14">
      <c r="N303922" s="10"/>
    </row>
    <row r="303923" spans="14:14">
      <c r="N303923" s="10"/>
    </row>
    <row r="303924" spans="14:14">
      <c r="N303924" s="10"/>
    </row>
    <row r="303925" spans="14:14">
      <c r="N303925" s="10"/>
    </row>
    <row r="303926" spans="14:14">
      <c r="N303926" s="10"/>
    </row>
    <row r="303927" spans="14:14">
      <c r="N303927" s="10"/>
    </row>
    <row r="303928" spans="14:14">
      <c r="N303928" s="10"/>
    </row>
    <row r="303929" spans="14:14">
      <c r="N303929" s="10"/>
    </row>
    <row r="303930" spans="14:14">
      <c r="N303930" s="10"/>
    </row>
    <row r="303931" spans="14:14">
      <c r="N303931" s="10"/>
    </row>
    <row r="303932" spans="14:14">
      <c r="N303932" s="10"/>
    </row>
    <row r="303933" spans="14:14">
      <c r="N303933" s="10"/>
    </row>
    <row r="303934" spans="14:14">
      <c r="N303934" s="10"/>
    </row>
    <row r="303935" spans="14:14">
      <c r="N303935" s="10"/>
    </row>
    <row r="303936" spans="14:14">
      <c r="N303936" s="10"/>
    </row>
    <row r="303937" spans="14:14">
      <c r="N303937" s="10"/>
    </row>
    <row r="303938" spans="14:14">
      <c r="N303938" s="10"/>
    </row>
    <row r="303939" spans="14:14">
      <c r="N303939" s="10"/>
    </row>
    <row r="303940" spans="14:14">
      <c r="N303940" s="10"/>
    </row>
    <row r="303941" spans="14:14">
      <c r="N303941" s="10"/>
    </row>
    <row r="303942" spans="14:14">
      <c r="N303942" s="10"/>
    </row>
    <row r="303943" spans="14:14">
      <c r="N303943" s="10"/>
    </row>
    <row r="303944" spans="14:14">
      <c r="N303944" s="10"/>
    </row>
    <row r="303945" spans="14:14">
      <c r="N303945" s="10"/>
    </row>
    <row r="303946" spans="14:14">
      <c r="N303946" s="10"/>
    </row>
    <row r="303947" spans="14:14">
      <c r="N303947" s="10"/>
    </row>
    <row r="303948" spans="14:14">
      <c r="N303948" s="10"/>
    </row>
    <row r="303949" spans="14:14">
      <c r="N303949" s="10"/>
    </row>
    <row r="303950" spans="14:14">
      <c r="N303950" s="10"/>
    </row>
    <row r="303951" spans="14:14">
      <c r="N303951" s="10"/>
    </row>
    <row r="303952" spans="14:14">
      <c r="N303952" s="10"/>
    </row>
    <row r="303953" spans="14:14">
      <c r="N303953" s="10"/>
    </row>
    <row r="303954" spans="14:14">
      <c r="N303954" s="10"/>
    </row>
    <row r="303955" spans="14:14">
      <c r="N303955" s="10"/>
    </row>
    <row r="303956" spans="14:14">
      <c r="N303956" s="10"/>
    </row>
    <row r="303957" spans="14:14">
      <c r="N303957" s="10"/>
    </row>
    <row r="303958" spans="14:14">
      <c r="N303958" s="10"/>
    </row>
    <row r="303959" spans="14:14">
      <c r="N303959" s="10"/>
    </row>
    <row r="303960" spans="14:14">
      <c r="N303960" s="10"/>
    </row>
    <row r="303961" spans="14:14">
      <c r="N303961" s="10"/>
    </row>
    <row r="303962" spans="14:14">
      <c r="N303962" s="10"/>
    </row>
    <row r="303963" spans="14:14">
      <c r="N303963" s="10"/>
    </row>
    <row r="303964" spans="14:14">
      <c r="N303964" s="10"/>
    </row>
    <row r="303965" spans="14:14">
      <c r="N303965" s="10"/>
    </row>
    <row r="303966" spans="14:14">
      <c r="N303966" s="10"/>
    </row>
    <row r="303967" spans="14:14">
      <c r="N303967" s="10"/>
    </row>
    <row r="303968" spans="14:14">
      <c r="N303968" s="10"/>
    </row>
    <row r="303969" spans="14:14">
      <c r="N303969" s="10"/>
    </row>
    <row r="303970" spans="14:14">
      <c r="N303970" s="10"/>
    </row>
    <row r="303971" spans="14:14">
      <c r="N303971" s="10"/>
    </row>
    <row r="303972" spans="14:14">
      <c r="N303972" s="10"/>
    </row>
    <row r="303973" spans="14:14">
      <c r="N303973" s="10"/>
    </row>
    <row r="303974" spans="14:14">
      <c r="N303974" s="10"/>
    </row>
    <row r="303975" spans="14:14">
      <c r="N303975" s="10"/>
    </row>
    <row r="303976" spans="14:14">
      <c r="N303976" s="10"/>
    </row>
    <row r="303977" spans="14:14">
      <c r="N303977" s="10"/>
    </row>
    <row r="303978" spans="14:14">
      <c r="N303978" s="10"/>
    </row>
    <row r="303979" spans="14:14">
      <c r="N303979" s="10"/>
    </row>
    <row r="303980" spans="14:14">
      <c r="N303980" s="10"/>
    </row>
    <row r="303981" spans="14:14">
      <c r="N303981" s="10"/>
    </row>
    <row r="303982" spans="14:14">
      <c r="N303982" s="10"/>
    </row>
    <row r="303983" spans="14:14">
      <c r="N303983" s="10"/>
    </row>
    <row r="303984" spans="14:14">
      <c r="N303984" s="10"/>
    </row>
    <row r="303985" spans="14:14">
      <c r="N303985" s="10"/>
    </row>
    <row r="303986" spans="14:14">
      <c r="N303986" s="10"/>
    </row>
    <row r="303987" spans="14:14">
      <c r="N303987" s="10"/>
    </row>
    <row r="303988" spans="14:14">
      <c r="N303988" s="10"/>
    </row>
    <row r="303989" spans="14:14">
      <c r="N303989" s="10"/>
    </row>
    <row r="303990" spans="14:14">
      <c r="N303990" s="10"/>
    </row>
    <row r="303991" spans="14:14">
      <c r="N303991" s="10"/>
    </row>
    <row r="303992" spans="14:14">
      <c r="N303992" s="10"/>
    </row>
    <row r="303993" spans="14:14">
      <c r="N303993" s="10"/>
    </row>
    <row r="303994" spans="14:14">
      <c r="N303994" s="10"/>
    </row>
    <row r="303995" spans="14:14">
      <c r="N303995" s="10"/>
    </row>
    <row r="303996" spans="14:14">
      <c r="N303996" s="10"/>
    </row>
    <row r="303997" spans="14:14">
      <c r="N303997" s="10"/>
    </row>
    <row r="303998" spans="14:14">
      <c r="N303998" s="10"/>
    </row>
    <row r="303999" spans="14:14">
      <c r="N303999" s="10"/>
    </row>
    <row r="304000" spans="14:14">
      <c r="N304000" s="10"/>
    </row>
    <row r="304001" spans="14:14">
      <c r="N304001" s="10"/>
    </row>
    <row r="304002" spans="14:14">
      <c r="N304002" s="10"/>
    </row>
    <row r="304003" spans="14:14">
      <c r="N304003" s="10"/>
    </row>
    <row r="304004" spans="14:14">
      <c r="N304004" s="10"/>
    </row>
    <row r="304005" spans="14:14">
      <c r="N304005" s="10"/>
    </row>
    <row r="304006" spans="14:14">
      <c r="N304006" s="10"/>
    </row>
    <row r="304007" spans="14:14">
      <c r="N304007" s="10"/>
    </row>
    <row r="304008" spans="14:14">
      <c r="N304008" s="10"/>
    </row>
    <row r="304009" spans="14:14">
      <c r="N304009" s="10"/>
    </row>
    <row r="304010" spans="14:14">
      <c r="N304010" s="10"/>
    </row>
    <row r="304011" spans="14:14">
      <c r="N304011" s="10"/>
    </row>
    <row r="304012" spans="14:14">
      <c r="N304012" s="10"/>
    </row>
    <row r="304013" spans="14:14">
      <c r="N304013" s="10"/>
    </row>
    <row r="304014" spans="14:14">
      <c r="N304014" s="10"/>
    </row>
    <row r="304015" spans="14:14">
      <c r="N304015" s="10"/>
    </row>
    <row r="304016" spans="14:14">
      <c r="N304016" s="10"/>
    </row>
    <row r="304017" spans="14:14">
      <c r="N304017" s="10"/>
    </row>
    <row r="304018" spans="14:14">
      <c r="N304018" s="10"/>
    </row>
    <row r="304019" spans="14:14">
      <c r="N304019" s="10"/>
    </row>
    <row r="304020" spans="14:14">
      <c r="N304020" s="10"/>
    </row>
    <row r="304021" spans="14:14">
      <c r="N304021" s="10"/>
    </row>
    <row r="304022" spans="14:14">
      <c r="N304022" s="10"/>
    </row>
    <row r="304023" spans="14:14">
      <c r="N304023" s="10"/>
    </row>
    <row r="304024" spans="14:14">
      <c r="N304024" s="10"/>
    </row>
    <row r="304025" spans="14:14">
      <c r="N304025" s="10"/>
    </row>
    <row r="304026" spans="14:14">
      <c r="N304026" s="10"/>
    </row>
    <row r="304027" spans="14:14">
      <c r="N304027" s="10"/>
    </row>
    <row r="304028" spans="14:14">
      <c r="N304028" s="10"/>
    </row>
    <row r="304029" spans="14:14">
      <c r="N304029" s="10"/>
    </row>
    <row r="304030" spans="14:14">
      <c r="N304030" s="10"/>
    </row>
    <row r="304031" spans="14:14">
      <c r="N304031" s="10"/>
    </row>
    <row r="304032" spans="14:14">
      <c r="N304032" s="10"/>
    </row>
    <row r="304033" spans="14:14">
      <c r="N304033" s="10"/>
    </row>
    <row r="304034" spans="14:14">
      <c r="N304034" s="10"/>
    </row>
    <row r="304035" spans="14:14">
      <c r="N304035" s="10"/>
    </row>
    <row r="304036" spans="14:14">
      <c r="N304036" s="10"/>
    </row>
    <row r="304037" spans="14:14">
      <c r="N304037" s="10"/>
    </row>
    <row r="304038" spans="14:14">
      <c r="N304038" s="10"/>
    </row>
    <row r="304039" spans="14:14">
      <c r="N304039" s="10"/>
    </row>
    <row r="304040" spans="14:14">
      <c r="N304040" s="10"/>
    </row>
    <row r="304041" spans="14:14">
      <c r="N304041" s="10"/>
    </row>
    <row r="304042" spans="14:14">
      <c r="N304042" s="10"/>
    </row>
    <row r="304043" spans="14:14">
      <c r="N304043" s="10"/>
    </row>
    <row r="304044" spans="14:14">
      <c r="N304044" s="10"/>
    </row>
    <row r="304045" spans="14:14">
      <c r="N304045" s="10"/>
    </row>
    <row r="304046" spans="14:14">
      <c r="N304046" s="10"/>
    </row>
    <row r="304047" spans="14:14">
      <c r="N304047" s="10"/>
    </row>
    <row r="304048" spans="14:14">
      <c r="N304048" s="10"/>
    </row>
    <row r="304049" spans="14:14">
      <c r="N304049" s="10"/>
    </row>
    <row r="304050" spans="14:14">
      <c r="N304050" s="10"/>
    </row>
    <row r="304051" spans="14:14">
      <c r="N304051" s="10"/>
    </row>
    <row r="304052" spans="14:14">
      <c r="N304052" s="10"/>
    </row>
    <row r="304053" spans="14:14">
      <c r="N304053" s="10"/>
    </row>
    <row r="304054" spans="14:14">
      <c r="N304054" s="10"/>
    </row>
    <row r="304055" spans="14:14">
      <c r="N304055" s="10"/>
    </row>
    <row r="304056" spans="14:14">
      <c r="N304056" s="10"/>
    </row>
    <row r="304057" spans="14:14">
      <c r="N304057" s="10"/>
    </row>
    <row r="304058" spans="14:14">
      <c r="N304058" s="10"/>
    </row>
    <row r="304059" spans="14:14">
      <c r="N304059" s="10"/>
    </row>
    <row r="304060" spans="14:14">
      <c r="N304060" s="10"/>
    </row>
    <row r="304061" spans="14:14">
      <c r="N304061" s="10"/>
    </row>
    <row r="304062" spans="14:14">
      <c r="N304062" s="10"/>
    </row>
    <row r="304063" spans="14:14">
      <c r="N304063" s="10"/>
    </row>
    <row r="304064" spans="14:14">
      <c r="N304064" s="10"/>
    </row>
    <row r="304065" spans="14:14">
      <c r="N304065" s="10"/>
    </row>
    <row r="304066" spans="14:14">
      <c r="N304066" s="10"/>
    </row>
    <row r="304067" spans="14:14">
      <c r="N304067" s="10"/>
    </row>
    <row r="304068" spans="14:14">
      <c r="N304068" s="10"/>
    </row>
    <row r="304069" spans="14:14">
      <c r="N304069" s="10"/>
    </row>
    <row r="304070" spans="14:14">
      <c r="N304070" s="10"/>
    </row>
    <row r="304071" spans="14:14">
      <c r="N304071" s="10"/>
    </row>
    <row r="304072" spans="14:14">
      <c r="N304072" s="10"/>
    </row>
    <row r="304073" spans="14:14">
      <c r="N304073" s="10"/>
    </row>
    <row r="304074" spans="14:14">
      <c r="N304074" s="10"/>
    </row>
    <row r="304075" spans="14:14">
      <c r="N304075" s="10"/>
    </row>
    <row r="304076" spans="14:14">
      <c r="N304076" s="10"/>
    </row>
    <row r="304077" spans="14:14">
      <c r="N304077" s="10"/>
    </row>
    <row r="304078" spans="14:14">
      <c r="N304078" s="10"/>
    </row>
    <row r="304079" spans="14:14">
      <c r="N304079" s="10"/>
    </row>
    <row r="304080" spans="14:14">
      <c r="N304080" s="10"/>
    </row>
    <row r="304081" spans="14:14">
      <c r="N304081" s="10"/>
    </row>
    <row r="304082" spans="14:14">
      <c r="N304082" s="10"/>
    </row>
    <row r="304083" spans="14:14">
      <c r="N304083" s="10"/>
    </row>
    <row r="304084" spans="14:14">
      <c r="N304084" s="10"/>
    </row>
    <row r="304085" spans="14:14">
      <c r="N304085" s="10"/>
    </row>
    <row r="304086" spans="14:14">
      <c r="N304086" s="10"/>
    </row>
    <row r="304087" spans="14:14">
      <c r="N304087" s="10"/>
    </row>
    <row r="304088" spans="14:14">
      <c r="N304088" s="10"/>
    </row>
    <row r="304089" spans="14:14">
      <c r="N304089" s="10"/>
    </row>
    <row r="304090" spans="14:14">
      <c r="N304090" s="10"/>
    </row>
    <row r="304091" spans="14:14">
      <c r="N304091" s="10"/>
    </row>
    <row r="304092" spans="14:14">
      <c r="N304092" s="10"/>
    </row>
    <row r="304093" spans="14:14">
      <c r="N304093" s="10"/>
    </row>
    <row r="304094" spans="14:14">
      <c r="N304094" s="10"/>
    </row>
    <row r="304095" spans="14:14">
      <c r="N304095" s="10"/>
    </row>
    <row r="304096" spans="14:14">
      <c r="N304096" s="10"/>
    </row>
    <row r="304097" spans="14:14">
      <c r="N304097" s="10"/>
    </row>
    <row r="304098" spans="14:14">
      <c r="N304098" s="10"/>
    </row>
    <row r="304099" spans="14:14">
      <c r="N304099" s="10"/>
    </row>
    <row r="304100" spans="14:14">
      <c r="N304100" s="10"/>
    </row>
    <row r="304101" spans="14:14">
      <c r="N304101" s="10"/>
    </row>
    <row r="304102" spans="14:14">
      <c r="N304102" s="10"/>
    </row>
    <row r="304103" spans="14:14">
      <c r="N304103" s="10"/>
    </row>
    <row r="304104" spans="14:14">
      <c r="N304104" s="10"/>
    </row>
    <row r="304105" spans="14:14">
      <c r="N304105" s="10"/>
    </row>
    <row r="304106" spans="14:14">
      <c r="N304106" s="10"/>
    </row>
    <row r="304107" spans="14:14">
      <c r="N304107" s="10"/>
    </row>
    <row r="304108" spans="14:14">
      <c r="N304108" s="10"/>
    </row>
    <row r="304109" spans="14:14">
      <c r="N304109" s="10"/>
    </row>
    <row r="304110" spans="14:14">
      <c r="N304110" s="10"/>
    </row>
    <row r="304111" spans="14:14">
      <c r="N304111" s="10"/>
    </row>
    <row r="304112" spans="14:14">
      <c r="N304112" s="10"/>
    </row>
    <row r="304113" spans="14:14">
      <c r="N304113" s="10"/>
    </row>
    <row r="304114" spans="14:14">
      <c r="N304114" s="10"/>
    </row>
    <row r="304115" spans="14:14">
      <c r="N304115" s="10"/>
    </row>
    <row r="304116" spans="14:14">
      <c r="N304116" s="10"/>
    </row>
    <row r="304117" spans="14:14">
      <c r="N304117" s="10"/>
    </row>
    <row r="304118" spans="14:14">
      <c r="N304118" s="10"/>
    </row>
    <row r="304119" spans="14:14">
      <c r="N304119" s="10"/>
    </row>
    <row r="304120" spans="14:14">
      <c r="N304120" s="10"/>
    </row>
    <row r="304121" spans="14:14">
      <c r="N304121" s="10"/>
    </row>
    <row r="304122" spans="14:14">
      <c r="N304122" s="10"/>
    </row>
    <row r="304123" spans="14:14">
      <c r="N304123" s="10"/>
    </row>
    <row r="304124" spans="14:14">
      <c r="N304124" s="10"/>
    </row>
    <row r="304125" spans="14:14">
      <c r="N304125" s="10"/>
    </row>
    <row r="304126" spans="14:14">
      <c r="N304126" s="10"/>
    </row>
    <row r="304127" spans="14:14">
      <c r="N304127" s="10"/>
    </row>
    <row r="304128" spans="14:14">
      <c r="N304128" s="10"/>
    </row>
    <row r="304129" spans="14:14">
      <c r="N304129" s="10"/>
    </row>
    <row r="304130" spans="14:14">
      <c r="N304130" s="10"/>
    </row>
    <row r="304131" spans="14:14">
      <c r="N304131" s="10"/>
    </row>
    <row r="304132" spans="14:14">
      <c r="N304132" s="10"/>
    </row>
    <row r="304133" spans="14:14">
      <c r="N304133" s="10"/>
    </row>
    <row r="304134" spans="14:14">
      <c r="N304134" s="10"/>
    </row>
    <row r="304135" spans="14:14">
      <c r="N304135" s="10"/>
    </row>
    <row r="304136" spans="14:14">
      <c r="N304136" s="10"/>
    </row>
    <row r="304137" spans="14:14">
      <c r="N304137" s="10"/>
    </row>
    <row r="304138" spans="14:14">
      <c r="N304138" s="10"/>
    </row>
    <row r="304139" spans="14:14">
      <c r="N304139" s="10"/>
    </row>
    <row r="304140" spans="14:14">
      <c r="N304140" s="10"/>
    </row>
    <row r="304141" spans="14:14">
      <c r="N304141" s="10"/>
    </row>
    <row r="304142" spans="14:14">
      <c r="N304142" s="10"/>
    </row>
    <row r="304143" spans="14:14">
      <c r="N304143" s="10"/>
    </row>
    <row r="304144" spans="14:14">
      <c r="N304144" s="10"/>
    </row>
    <row r="304145" spans="14:14">
      <c r="N304145" s="10"/>
    </row>
    <row r="304146" spans="14:14">
      <c r="N304146" s="10"/>
    </row>
    <row r="304147" spans="14:14">
      <c r="N304147" s="10"/>
    </row>
    <row r="304148" spans="14:14">
      <c r="N304148" s="10"/>
    </row>
    <row r="304149" spans="14:14">
      <c r="N304149" s="10"/>
    </row>
    <row r="304150" spans="14:14">
      <c r="N304150" s="10"/>
    </row>
    <row r="304151" spans="14:14">
      <c r="N304151" s="10"/>
    </row>
    <row r="304152" spans="14:14">
      <c r="N304152" s="10"/>
    </row>
    <row r="304153" spans="14:14">
      <c r="N304153" s="10"/>
    </row>
    <row r="304154" spans="14:14">
      <c r="N304154" s="10"/>
    </row>
    <row r="304155" spans="14:14">
      <c r="N304155" s="10"/>
    </row>
    <row r="304156" spans="14:14">
      <c r="N304156" s="10"/>
    </row>
    <row r="304157" spans="14:14">
      <c r="N304157" s="10"/>
    </row>
    <row r="304158" spans="14:14">
      <c r="N304158" s="10"/>
    </row>
    <row r="304159" spans="14:14">
      <c r="N304159" s="10"/>
    </row>
    <row r="304160" spans="14:14">
      <c r="N304160" s="10"/>
    </row>
    <row r="304161" spans="14:14">
      <c r="N304161" s="10"/>
    </row>
    <row r="304162" spans="14:14">
      <c r="N304162" s="10"/>
    </row>
    <row r="304163" spans="14:14">
      <c r="N304163" s="10"/>
    </row>
    <row r="304164" spans="14:14">
      <c r="N304164" s="10"/>
    </row>
    <row r="304165" spans="14:14">
      <c r="N304165" s="10"/>
    </row>
    <row r="304166" spans="14:14">
      <c r="N304166" s="10"/>
    </row>
    <row r="304167" spans="14:14">
      <c r="N304167" s="10"/>
    </row>
    <row r="304168" spans="14:14">
      <c r="N304168" s="10"/>
    </row>
    <row r="304169" spans="14:14">
      <c r="N304169" s="10"/>
    </row>
    <row r="304170" spans="14:14">
      <c r="N304170" s="10"/>
    </row>
    <row r="304171" spans="14:14">
      <c r="N304171" s="10"/>
    </row>
    <row r="304172" spans="14:14">
      <c r="N304172" s="10"/>
    </row>
    <row r="304173" spans="14:14">
      <c r="N304173" s="10"/>
    </row>
    <row r="304174" spans="14:14">
      <c r="N304174" s="10"/>
    </row>
    <row r="304175" spans="14:14">
      <c r="N304175" s="10"/>
    </row>
    <row r="304176" spans="14:14">
      <c r="N304176" s="10"/>
    </row>
    <row r="304177" spans="14:14">
      <c r="N304177" s="10"/>
    </row>
    <row r="304178" spans="14:14">
      <c r="N304178" s="10"/>
    </row>
    <row r="304179" spans="14:14">
      <c r="N304179" s="10"/>
    </row>
    <row r="304180" spans="14:14">
      <c r="N304180" s="10"/>
    </row>
    <row r="304181" spans="14:14">
      <c r="N304181" s="10"/>
    </row>
    <row r="304182" spans="14:14">
      <c r="N304182" s="10"/>
    </row>
    <row r="304183" spans="14:14">
      <c r="N304183" s="10"/>
    </row>
    <row r="304184" spans="14:14">
      <c r="N304184" s="10"/>
    </row>
    <row r="304185" spans="14:14">
      <c r="N304185" s="10"/>
    </row>
    <row r="304186" spans="14:14">
      <c r="N304186" s="10"/>
    </row>
    <row r="304187" spans="14:14">
      <c r="N304187" s="10"/>
    </row>
    <row r="304188" spans="14:14">
      <c r="N304188" s="10"/>
    </row>
    <row r="304189" spans="14:14">
      <c r="N304189" s="10"/>
    </row>
    <row r="304190" spans="14:14">
      <c r="N304190" s="10"/>
    </row>
    <row r="304191" spans="14:14">
      <c r="N304191" s="10"/>
    </row>
    <row r="304192" spans="14:14">
      <c r="N304192" s="10"/>
    </row>
    <row r="304193" spans="14:14">
      <c r="N304193" s="10"/>
    </row>
    <row r="304194" spans="14:14">
      <c r="N304194" s="10"/>
    </row>
    <row r="304195" spans="14:14">
      <c r="N304195" s="10"/>
    </row>
    <row r="304196" spans="14:14">
      <c r="N304196" s="10"/>
    </row>
    <row r="304197" spans="14:14">
      <c r="N304197" s="10"/>
    </row>
    <row r="304198" spans="14:14">
      <c r="N304198" s="10"/>
    </row>
    <row r="304199" spans="14:14">
      <c r="N304199" s="10"/>
    </row>
    <row r="304200" spans="14:14">
      <c r="N304200" s="10"/>
    </row>
    <row r="304201" spans="14:14">
      <c r="N304201" s="10"/>
    </row>
    <row r="304202" spans="14:14">
      <c r="N304202" s="10"/>
    </row>
    <row r="304203" spans="14:14">
      <c r="N304203" s="10"/>
    </row>
    <row r="304204" spans="14:14">
      <c r="N304204" s="10"/>
    </row>
    <row r="304205" spans="14:14">
      <c r="N304205" s="10"/>
    </row>
    <row r="304206" spans="14:14">
      <c r="N304206" s="10"/>
    </row>
    <row r="304207" spans="14:14">
      <c r="N304207" s="10"/>
    </row>
    <row r="304208" spans="14:14">
      <c r="N304208" s="10"/>
    </row>
    <row r="304209" spans="14:14">
      <c r="N304209" s="10"/>
    </row>
    <row r="304210" spans="14:14">
      <c r="N304210" s="10"/>
    </row>
    <row r="304211" spans="14:14">
      <c r="N304211" s="10"/>
    </row>
    <row r="304212" spans="14:14">
      <c r="N304212" s="10"/>
    </row>
    <row r="304213" spans="14:14">
      <c r="N304213" s="10"/>
    </row>
    <row r="304214" spans="14:14">
      <c r="N304214" s="10"/>
    </row>
    <row r="304215" spans="14:14">
      <c r="N304215" s="10"/>
    </row>
    <row r="304216" spans="14:14">
      <c r="N304216" s="10"/>
    </row>
    <row r="304217" spans="14:14">
      <c r="N304217" s="10"/>
    </row>
    <row r="304218" spans="14:14">
      <c r="N304218" s="10"/>
    </row>
    <row r="304219" spans="14:14">
      <c r="N304219" s="10"/>
    </row>
    <row r="304220" spans="14:14">
      <c r="N304220" s="10"/>
    </row>
    <row r="304221" spans="14:14">
      <c r="N304221" s="10"/>
    </row>
    <row r="304222" spans="14:14">
      <c r="N304222" s="10"/>
    </row>
    <row r="304223" spans="14:14">
      <c r="N304223" s="10"/>
    </row>
    <row r="304224" spans="14:14">
      <c r="N304224" s="10"/>
    </row>
    <row r="304225" spans="14:14">
      <c r="N304225" s="10"/>
    </row>
    <row r="304226" spans="14:14">
      <c r="N304226" s="10"/>
    </row>
    <row r="304227" spans="14:14">
      <c r="N304227" s="10"/>
    </row>
    <row r="304228" spans="14:14">
      <c r="N304228" s="10"/>
    </row>
    <row r="304229" spans="14:14">
      <c r="N304229" s="10"/>
    </row>
    <row r="304230" spans="14:14">
      <c r="N304230" s="10"/>
    </row>
    <row r="304231" spans="14:14">
      <c r="N304231" s="10"/>
    </row>
    <row r="304232" spans="14:14">
      <c r="N304232" s="10"/>
    </row>
    <row r="304233" spans="14:14">
      <c r="N304233" s="10"/>
    </row>
    <row r="304234" spans="14:14">
      <c r="N304234" s="10"/>
    </row>
    <row r="304235" spans="14:14">
      <c r="N304235" s="10"/>
    </row>
    <row r="304236" spans="14:14">
      <c r="N304236" s="10"/>
    </row>
    <row r="304237" spans="14:14">
      <c r="N304237" s="10"/>
    </row>
    <row r="304238" spans="14:14">
      <c r="N304238" s="10"/>
    </row>
    <row r="304239" spans="14:14">
      <c r="N304239" s="10"/>
    </row>
    <row r="304240" spans="14:14">
      <c r="N304240" s="10"/>
    </row>
    <row r="304241" spans="14:14">
      <c r="N304241" s="10"/>
    </row>
    <row r="304242" spans="14:14">
      <c r="N304242" s="10"/>
    </row>
    <row r="304243" spans="14:14">
      <c r="N304243" s="10"/>
    </row>
    <row r="304244" spans="14:14">
      <c r="N304244" s="10"/>
    </row>
    <row r="304245" spans="14:14">
      <c r="N304245" s="10"/>
    </row>
    <row r="304246" spans="14:14">
      <c r="N304246" s="10"/>
    </row>
    <row r="304247" spans="14:14">
      <c r="N304247" s="10"/>
    </row>
    <row r="304248" spans="14:14">
      <c r="N304248" s="10"/>
    </row>
    <row r="304249" spans="14:14">
      <c r="N304249" s="10"/>
    </row>
    <row r="304250" spans="14:14">
      <c r="N304250" s="10"/>
    </row>
    <row r="304251" spans="14:14">
      <c r="N304251" s="10"/>
    </row>
    <row r="304252" spans="14:14">
      <c r="N304252" s="10"/>
    </row>
    <row r="304253" spans="14:14">
      <c r="N304253" s="10"/>
    </row>
    <row r="304254" spans="14:14">
      <c r="N304254" s="10"/>
    </row>
    <row r="304255" spans="14:14">
      <c r="N304255" s="10"/>
    </row>
    <row r="304256" spans="14:14">
      <c r="N304256" s="10"/>
    </row>
    <row r="304257" spans="14:14">
      <c r="N304257" s="10"/>
    </row>
    <row r="304258" spans="14:14">
      <c r="N304258" s="10"/>
    </row>
    <row r="304259" spans="14:14">
      <c r="N304259" s="10"/>
    </row>
    <row r="304260" spans="14:14">
      <c r="N304260" s="10"/>
    </row>
    <row r="304261" spans="14:14">
      <c r="N304261" s="10"/>
    </row>
    <row r="304262" spans="14:14">
      <c r="N304262" s="10"/>
    </row>
    <row r="304263" spans="14:14">
      <c r="N304263" s="10"/>
    </row>
    <row r="304264" spans="14:14">
      <c r="N304264" s="10"/>
    </row>
    <row r="304265" spans="14:14">
      <c r="N304265" s="10"/>
    </row>
    <row r="304266" spans="14:14">
      <c r="N304266" s="10"/>
    </row>
    <row r="304267" spans="14:14">
      <c r="N304267" s="10"/>
    </row>
    <row r="304268" spans="14:14">
      <c r="N304268" s="10"/>
    </row>
    <row r="304269" spans="14:14">
      <c r="N304269" s="10"/>
    </row>
    <row r="304270" spans="14:14">
      <c r="N304270" s="10"/>
    </row>
    <row r="304271" spans="14:14">
      <c r="N304271" s="10"/>
    </row>
    <row r="304272" spans="14:14">
      <c r="N304272" s="10"/>
    </row>
    <row r="304273" spans="14:14">
      <c r="N304273" s="10"/>
    </row>
    <row r="304274" spans="14:14">
      <c r="N304274" s="10"/>
    </row>
    <row r="304275" spans="14:14">
      <c r="N304275" s="10"/>
    </row>
    <row r="304276" spans="14:14">
      <c r="N304276" s="10"/>
    </row>
    <row r="304277" spans="14:14">
      <c r="N304277" s="10"/>
    </row>
    <row r="304278" spans="14:14">
      <c r="N304278" s="10"/>
    </row>
    <row r="304279" spans="14:14">
      <c r="N304279" s="10"/>
    </row>
    <row r="304280" spans="14:14">
      <c r="N304280" s="10"/>
    </row>
    <row r="304281" spans="14:14">
      <c r="N304281" s="10"/>
    </row>
    <row r="304282" spans="14:14">
      <c r="N304282" s="10"/>
    </row>
    <row r="304283" spans="14:14">
      <c r="N304283" s="10"/>
    </row>
    <row r="304284" spans="14:14">
      <c r="N304284" s="10"/>
    </row>
    <row r="304285" spans="14:14">
      <c r="N304285" s="10"/>
    </row>
    <row r="304286" spans="14:14">
      <c r="N304286" s="10"/>
    </row>
    <row r="304287" spans="14:14">
      <c r="N304287" s="10"/>
    </row>
    <row r="304288" spans="14:14">
      <c r="N304288" s="10"/>
    </row>
    <row r="304289" spans="14:14">
      <c r="N304289" s="10"/>
    </row>
    <row r="304290" spans="14:14">
      <c r="N304290" s="10"/>
    </row>
    <row r="304291" spans="14:14">
      <c r="N304291" s="10"/>
    </row>
    <row r="304292" spans="14:14">
      <c r="N304292" s="10"/>
    </row>
    <row r="304293" spans="14:14">
      <c r="N304293" s="10"/>
    </row>
    <row r="304294" spans="14:14">
      <c r="N304294" s="10"/>
    </row>
    <row r="304295" spans="14:14">
      <c r="N304295" s="10"/>
    </row>
    <row r="304296" spans="14:14">
      <c r="N304296" s="10"/>
    </row>
    <row r="304297" spans="14:14">
      <c r="N304297" s="10"/>
    </row>
    <row r="304298" spans="14:14">
      <c r="N304298" s="10"/>
    </row>
    <row r="304299" spans="14:14">
      <c r="N304299" s="10"/>
    </row>
    <row r="304300" spans="14:14">
      <c r="N304300" s="10"/>
    </row>
    <row r="304301" spans="14:14">
      <c r="N304301" s="10"/>
    </row>
    <row r="304302" spans="14:14">
      <c r="N304302" s="10"/>
    </row>
    <row r="304303" spans="14:14">
      <c r="N304303" s="10"/>
    </row>
    <row r="304304" spans="14:14">
      <c r="N304304" s="10"/>
    </row>
    <row r="304305" spans="14:14">
      <c r="N304305" s="10"/>
    </row>
    <row r="304306" spans="14:14">
      <c r="N304306" s="10"/>
    </row>
    <row r="304307" spans="14:14">
      <c r="N304307" s="10"/>
    </row>
    <row r="304308" spans="14:14">
      <c r="N304308" s="10"/>
    </row>
    <row r="304309" spans="14:14">
      <c r="N304309" s="10"/>
    </row>
    <row r="304310" spans="14:14">
      <c r="N304310" s="10"/>
    </row>
    <row r="304311" spans="14:14">
      <c r="N304311" s="10"/>
    </row>
    <row r="304312" spans="14:14">
      <c r="N304312" s="10"/>
    </row>
    <row r="304313" spans="14:14">
      <c r="N304313" s="10"/>
    </row>
    <row r="304314" spans="14:14">
      <c r="N304314" s="10"/>
    </row>
    <row r="304315" spans="14:14">
      <c r="N304315" s="10"/>
    </row>
    <row r="304316" spans="14:14">
      <c r="N304316" s="10"/>
    </row>
    <row r="304317" spans="14:14">
      <c r="N304317" s="10"/>
    </row>
    <row r="304318" spans="14:14">
      <c r="N304318" s="10"/>
    </row>
    <row r="304319" spans="14:14">
      <c r="N304319" s="10"/>
    </row>
    <row r="304320" spans="14:14">
      <c r="N304320" s="10"/>
    </row>
    <row r="304321" spans="14:14">
      <c r="N304321" s="10"/>
    </row>
    <row r="304322" spans="14:14">
      <c r="N304322" s="10"/>
    </row>
    <row r="304323" spans="14:14">
      <c r="N304323" s="10"/>
    </row>
    <row r="304324" spans="14:14">
      <c r="N304324" s="10"/>
    </row>
    <row r="304325" spans="14:14">
      <c r="N304325" s="10"/>
    </row>
    <row r="304326" spans="14:14">
      <c r="N304326" s="10"/>
    </row>
    <row r="304327" spans="14:14">
      <c r="N304327" s="10"/>
    </row>
    <row r="304328" spans="14:14">
      <c r="N304328" s="10"/>
    </row>
    <row r="304329" spans="14:14">
      <c r="N304329" s="10"/>
    </row>
    <row r="304330" spans="14:14">
      <c r="N304330" s="10"/>
    </row>
    <row r="304331" spans="14:14">
      <c r="N304331" s="10"/>
    </row>
    <row r="304332" spans="14:14">
      <c r="N304332" s="10"/>
    </row>
    <row r="304333" spans="14:14">
      <c r="N304333" s="10"/>
    </row>
    <row r="304334" spans="14:14">
      <c r="N304334" s="10"/>
    </row>
    <row r="304335" spans="14:14">
      <c r="N304335" s="10"/>
    </row>
    <row r="304336" spans="14:14">
      <c r="N304336" s="10"/>
    </row>
    <row r="304337" spans="14:14">
      <c r="N304337" s="10"/>
    </row>
    <row r="304338" spans="14:14">
      <c r="N304338" s="10"/>
    </row>
    <row r="304339" spans="14:14">
      <c r="N304339" s="10"/>
    </row>
    <row r="304340" spans="14:14">
      <c r="N304340" s="10"/>
    </row>
    <row r="304341" spans="14:14">
      <c r="N304341" s="10"/>
    </row>
    <row r="304342" spans="14:14">
      <c r="N304342" s="10"/>
    </row>
    <row r="304343" spans="14:14">
      <c r="N304343" s="10"/>
    </row>
    <row r="304344" spans="14:14">
      <c r="N304344" s="10"/>
    </row>
    <row r="304345" spans="14:14">
      <c r="N304345" s="10"/>
    </row>
    <row r="304346" spans="14:14">
      <c r="N304346" s="10"/>
    </row>
    <row r="304347" spans="14:14">
      <c r="N304347" s="10"/>
    </row>
    <row r="304348" spans="14:14">
      <c r="N304348" s="10"/>
    </row>
    <row r="304349" spans="14:14">
      <c r="N304349" s="10"/>
    </row>
    <row r="304350" spans="14:14">
      <c r="N304350" s="10"/>
    </row>
    <row r="304351" spans="14:14">
      <c r="N304351" s="10"/>
    </row>
    <row r="304352" spans="14:14">
      <c r="N304352" s="10"/>
    </row>
    <row r="304353" spans="14:14">
      <c r="N304353" s="10"/>
    </row>
    <row r="304354" spans="14:14">
      <c r="N304354" s="10"/>
    </row>
    <row r="304355" spans="14:14">
      <c r="N304355" s="10"/>
    </row>
    <row r="304356" spans="14:14">
      <c r="N304356" s="10"/>
    </row>
    <row r="304357" spans="14:14">
      <c r="N304357" s="10"/>
    </row>
    <row r="304358" spans="14:14">
      <c r="N304358" s="10"/>
    </row>
    <row r="304359" spans="14:14">
      <c r="N304359" s="10"/>
    </row>
    <row r="304360" spans="14:14">
      <c r="N304360" s="10"/>
    </row>
    <row r="304361" spans="14:14">
      <c r="N304361" s="10"/>
    </row>
    <row r="304362" spans="14:14">
      <c r="N304362" s="10"/>
    </row>
    <row r="304363" spans="14:14">
      <c r="N304363" s="10"/>
    </row>
    <row r="304364" spans="14:14">
      <c r="N304364" s="10"/>
    </row>
    <row r="304365" spans="14:14">
      <c r="N304365" s="10"/>
    </row>
    <row r="304366" spans="14:14">
      <c r="N304366" s="10"/>
    </row>
    <row r="304367" spans="14:14">
      <c r="N304367" s="10"/>
    </row>
    <row r="304368" spans="14:14">
      <c r="N304368" s="10"/>
    </row>
    <row r="304369" spans="14:14">
      <c r="N304369" s="10"/>
    </row>
    <row r="304370" spans="14:14">
      <c r="N304370" s="10"/>
    </row>
    <row r="304371" spans="14:14">
      <c r="N304371" s="10"/>
    </row>
    <row r="304372" spans="14:14">
      <c r="N304372" s="10"/>
    </row>
    <row r="304373" spans="14:14">
      <c r="N304373" s="10"/>
    </row>
    <row r="304374" spans="14:14">
      <c r="N304374" s="10"/>
    </row>
    <row r="304375" spans="14:14">
      <c r="N304375" s="10"/>
    </row>
    <row r="304376" spans="14:14">
      <c r="N304376" s="10"/>
    </row>
    <row r="304377" spans="14:14">
      <c r="N304377" s="10"/>
    </row>
    <row r="304378" spans="14:14">
      <c r="N304378" s="10"/>
    </row>
    <row r="304379" spans="14:14">
      <c r="N304379" s="10"/>
    </row>
    <row r="304380" spans="14:14">
      <c r="N304380" s="10"/>
    </row>
    <row r="304381" spans="14:14">
      <c r="N304381" s="10"/>
    </row>
    <row r="304382" spans="14:14">
      <c r="N304382" s="10"/>
    </row>
    <row r="304383" spans="14:14">
      <c r="N304383" s="10"/>
    </row>
    <row r="304384" spans="14:14">
      <c r="N304384" s="10"/>
    </row>
    <row r="304385" spans="14:14">
      <c r="N304385" s="10"/>
    </row>
    <row r="304386" spans="14:14">
      <c r="N304386" s="10"/>
    </row>
    <row r="304387" spans="14:14">
      <c r="N304387" s="10"/>
    </row>
    <row r="304388" spans="14:14">
      <c r="N304388" s="10"/>
    </row>
    <row r="304389" spans="14:14">
      <c r="N304389" s="10"/>
    </row>
    <row r="304390" spans="14:14">
      <c r="N304390" s="10"/>
    </row>
    <row r="304391" spans="14:14">
      <c r="N304391" s="10"/>
    </row>
    <row r="304392" spans="14:14">
      <c r="N304392" s="10"/>
    </row>
    <row r="304393" spans="14:14">
      <c r="N304393" s="10"/>
    </row>
    <row r="304394" spans="14:14">
      <c r="N304394" s="10"/>
    </row>
    <row r="304395" spans="14:14">
      <c r="N304395" s="10"/>
    </row>
    <row r="304396" spans="14:14">
      <c r="N304396" s="10"/>
    </row>
    <row r="304397" spans="14:14">
      <c r="N304397" s="10"/>
    </row>
    <row r="304398" spans="14:14">
      <c r="N304398" s="10"/>
    </row>
    <row r="304399" spans="14:14">
      <c r="N304399" s="10"/>
    </row>
    <row r="304400" spans="14:14">
      <c r="N304400" s="10"/>
    </row>
    <row r="304401" spans="14:14">
      <c r="N304401" s="10"/>
    </row>
    <row r="304402" spans="14:14">
      <c r="N304402" s="10"/>
    </row>
    <row r="304403" spans="14:14">
      <c r="N304403" s="10"/>
    </row>
    <row r="304404" spans="14:14">
      <c r="N304404" s="10"/>
    </row>
    <row r="304405" spans="14:14">
      <c r="N304405" s="10"/>
    </row>
    <row r="304406" spans="14:14">
      <c r="N304406" s="10"/>
    </row>
    <row r="304407" spans="14:14">
      <c r="N304407" s="10"/>
    </row>
    <row r="304408" spans="14:14">
      <c r="N304408" s="10"/>
    </row>
    <row r="304409" spans="14:14">
      <c r="N304409" s="10"/>
    </row>
    <row r="304410" spans="14:14">
      <c r="N304410" s="10"/>
    </row>
    <row r="304411" spans="14:14">
      <c r="N304411" s="10"/>
    </row>
    <row r="304412" spans="14:14">
      <c r="N304412" s="10"/>
    </row>
    <row r="304413" spans="14:14">
      <c r="N304413" s="10"/>
    </row>
    <row r="304414" spans="14:14">
      <c r="N304414" s="10"/>
    </row>
    <row r="304415" spans="14:14">
      <c r="N304415" s="10"/>
    </row>
    <row r="304416" spans="14:14">
      <c r="N304416" s="10"/>
    </row>
    <row r="304417" spans="14:14">
      <c r="N304417" s="10"/>
    </row>
    <row r="304418" spans="14:14">
      <c r="N304418" s="10"/>
    </row>
    <row r="304419" spans="14:14">
      <c r="N304419" s="10"/>
    </row>
    <row r="304420" spans="14:14">
      <c r="N304420" s="10"/>
    </row>
    <row r="304421" spans="14:14">
      <c r="N304421" s="10"/>
    </row>
    <row r="304422" spans="14:14">
      <c r="N304422" s="10"/>
    </row>
    <row r="304423" spans="14:14">
      <c r="N304423" s="10"/>
    </row>
    <row r="304424" spans="14:14">
      <c r="N304424" s="10"/>
    </row>
    <row r="304425" spans="14:14">
      <c r="N304425" s="10"/>
    </row>
    <row r="304426" spans="14:14">
      <c r="N304426" s="10"/>
    </row>
    <row r="304427" spans="14:14">
      <c r="N304427" s="10"/>
    </row>
    <row r="304428" spans="14:14">
      <c r="N304428" s="10"/>
    </row>
    <row r="304429" spans="14:14">
      <c r="N304429" s="10"/>
    </row>
    <row r="304430" spans="14:14">
      <c r="N304430" s="10"/>
    </row>
    <row r="304431" spans="14:14">
      <c r="N304431" s="10"/>
    </row>
    <row r="304432" spans="14:14">
      <c r="N304432" s="10"/>
    </row>
    <row r="304433" spans="14:14">
      <c r="N304433" s="10"/>
    </row>
    <row r="304434" spans="14:14">
      <c r="N304434" s="10"/>
    </row>
    <row r="304435" spans="14:14">
      <c r="N304435" s="10"/>
    </row>
    <row r="304436" spans="14:14">
      <c r="N304436" s="10"/>
    </row>
    <row r="304437" spans="14:14">
      <c r="N304437" s="10"/>
    </row>
    <row r="304438" spans="14:14">
      <c r="N304438" s="10"/>
    </row>
    <row r="304439" spans="14:14">
      <c r="N304439" s="10"/>
    </row>
    <row r="304440" spans="14:14">
      <c r="N304440" s="10"/>
    </row>
    <row r="304441" spans="14:14">
      <c r="N304441" s="10"/>
    </row>
    <row r="304442" spans="14:14">
      <c r="N304442" s="10"/>
    </row>
    <row r="304443" spans="14:14">
      <c r="N304443" s="10"/>
    </row>
    <row r="304444" spans="14:14">
      <c r="N304444" s="10"/>
    </row>
    <row r="304445" spans="14:14">
      <c r="N304445" s="10"/>
    </row>
    <row r="304446" spans="14:14">
      <c r="N304446" s="10"/>
    </row>
    <row r="304447" spans="14:14">
      <c r="N304447" s="10"/>
    </row>
    <row r="304448" spans="14:14">
      <c r="N304448" s="10"/>
    </row>
    <row r="304449" spans="14:14">
      <c r="N304449" s="10"/>
    </row>
    <row r="304450" spans="14:14">
      <c r="N304450" s="10"/>
    </row>
    <row r="304451" spans="14:14">
      <c r="N304451" s="10"/>
    </row>
    <row r="304452" spans="14:14">
      <c r="N304452" s="10"/>
    </row>
    <row r="304453" spans="14:14">
      <c r="N304453" s="10"/>
    </row>
    <row r="304454" spans="14:14">
      <c r="N304454" s="10"/>
    </row>
    <row r="304455" spans="14:14">
      <c r="N304455" s="10"/>
    </row>
    <row r="304456" spans="14:14">
      <c r="N304456" s="10"/>
    </row>
    <row r="304457" spans="14:14">
      <c r="N304457" s="10"/>
    </row>
    <row r="304458" spans="14:14">
      <c r="N304458" s="10"/>
    </row>
    <row r="304459" spans="14:14">
      <c r="N304459" s="10"/>
    </row>
    <row r="304460" spans="14:14">
      <c r="N304460" s="10"/>
    </row>
    <row r="304461" spans="14:14">
      <c r="N304461" s="10"/>
    </row>
    <row r="304462" spans="14:14">
      <c r="N304462" s="10"/>
    </row>
    <row r="304463" spans="14:14">
      <c r="N304463" s="10"/>
    </row>
    <row r="304464" spans="14:14">
      <c r="N304464" s="10"/>
    </row>
    <row r="304465" spans="14:14">
      <c r="N304465" s="10"/>
    </row>
    <row r="304466" spans="14:14">
      <c r="N304466" s="10"/>
    </row>
    <row r="304467" spans="14:14">
      <c r="N304467" s="10"/>
    </row>
    <row r="304468" spans="14:14">
      <c r="N304468" s="10"/>
    </row>
    <row r="304469" spans="14:14">
      <c r="N304469" s="10"/>
    </row>
    <row r="304470" spans="14:14">
      <c r="N304470" s="10"/>
    </row>
    <row r="304471" spans="14:14">
      <c r="N304471" s="10"/>
    </row>
    <row r="304472" spans="14:14">
      <c r="N304472" s="10"/>
    </row>
    <row r="304473" spans="14:14">
      <c r="N304473" s="10"/>
    </row>
    <row r="304474" spans="14:14">
      <c r="N304474" s="10"/>
    </row>
    <row r="304475" spans="14:14">
      <c r="N304475" s="10"/>
    </row>
    <row r="304476" spans="14:14">
      <c r="N304476" s="10"/>
    </row>
    <row r="304477" spans="14:14">
      <c r="N304477" s="10"/>
    </row>
    <row r="304478" spans="14:14">
      <c r="N304478" s="10"/>
    </row>
    <row r="304479" spans="14:14">
      <c r="N304479" s="10"/>
    </row>
    <row r="304480" spans="14:14">
      <c r="N304480" s="10"/>
    </row>
    <row r="304481" spans="14:14">
      <c r="N304481" s="10"/>
    </row>
    <row r="304482" spans="14:14">
      <c r="N304482" s="10"/>
    </row>
    <row r="304483" spans="14:14">
      <c r="N304483" s="10"/>
    </row>
    <row r="304484" spans="14:14">
      <c r="N304484" s="10"/>
    </row>
    <row r="304485" spans="14:14">
      <c r="N304485" s="10"/>
    </row>
    <row r="304486" spans="14:14">
      <c r="N304486" s="10"/>
    </row>
    <row r="304487" spans="14:14">
      <c r="N304487" s="10"/>
    </row>
    <row r="304488" spans="14:14">
      <c r="N304488" s="10"/>
    </row>
    <row r="304489" spans="14:14">
      <c r="N304489" s="10"/>
    </row>
    <row r="304490" spans="14:14">
      <c r="N304490" s="10"/>
    </row>
    <row r="304491" spans="14:14">
      <c r="N304491" s="10"/>
    </row>
    <row r="304492" spans="14:14">
      <c r="N304492" s="10"/>
    </row>
    <row r="304493" spans="14:14">
      <c r="N304493" s="10"/>
    </row>
    <row r="304494" spans="14:14">
      <c r="N304494" s="10"/>
    </row>
    <row r="304495" spans="14:14">
      <c r="N304495" s="10"/>
    </row>
    <row r="304496" spans="14:14">
      <c r="N304496" s="10"/>
    </row>
    <row r="304497" spans="14:14">
      <c r="N304497" s="10"/>
    </row>
    <row r="304498" spans="14:14">
      <c r="N304498" s="10"/>
    </row>
    <row r="304499" spans="14:14">
      <c r="N304499" s="10"/>
    </row>
    <row r="304500" spans="14:14">
      <c r="N304500" s="10"/>
    </row>
    <row r="304501" spans="14:14">
      <c r="N304501" s="10"/>
    </row>
    <row r="304502" spans="14:14">
      <c r="N304502" s="10"/>
    </row>
    <row r="304503" spans="14:14">
      <c r="N304503" s="10"/>
    </row>
    <row r="304504" spans="14:14">
      <c r="N304504" s="10"/>
    </row>
    <row r="304505" spans="14:14">
      <c r="N304505" s="10"/>
    </row>
    <row r="304506" spans="14:14">
      <c r="N304506" s="10"/>
    </row>
    <row r="304507" spans="14:14">
      <c r="N304507" s="10"/>
    </row>
    <row r="304508" spans="14:14">
      <c r="N304508" s="10"/>
    </row>
    <row r="304509" spans="14:14">
      <c r="N304509" s="10"/>
    </row>
    <row r="304510" spans="14:14">
      <c r="N304510" s="10"/>
    </row>
    <row r="304511" spans="14:14">
      <c r="N304511" s="10"/>
    </row>
    <row r="304512" spans="14:14">
      <c r="N304512" s="10"/>
    </row>
    <row r="304513" spans="14:14">
      <c r="N304513" s="10"/>
    </row>
    <row r="304514" spans="14:14">
      <c r="N304514" s="10"/>
    </row>
    <row r="304515" spans="14:14">
      <c r="N304515" s="10"/>
    </row>
    <row r="304516" spans="14:14">
      <c r="N304516" s="10"/>
    </row>
    <row r="304517" spans="14:14">
      <c r="N304517" s="10"/>
    </row>
    <row r="304518" spans="14:14">
      <c r="N304518" s="10"/>
    </row>
    <row r="304519" spans="14:14">
      <c r="N304519" s="10"/>
    </row>
    <row r="304520" spans="14:14">
      <c r="N304520" s="10"/>
    </row>
    <row r="304521" spans="14:14">
      <c r="N304521" s="10"/>
    </row>
    <row r="304522" spans="14:14">
      <c r="N304522" s="10"/>
    </row>
    <row r="304523" spans="14:14">
      <c r="N304523" s="10"/>
    </row>
    <row r="304524" spans="14:14">
      <c r="N304524" s="10"/>
    </row>
    <row r="304525" spans="14:14">
      <c r="N304525" s="10"/>
    </row>
    <row r="304526" spans="14:14">
      <c r="N304526" s="10"/>
    </row>
    <row r="304527" spans="14:14">
      <c r="N304527" s="10"/>
    </row>
    <row r="304528" spans="14:14">
      <c r="N304528" s="10"/>
    </row>
    <row r="304529" spans="14:14">
      <c r="N304529" s="10"/>
    </row>
    <row r="304530" spans="14:14">
      <c r="N304530" s="10"/>
    </row>
    <row r="304531" spans="14:14">
      <c r="N304531" s="10"/>
    </row>
    <row r="304532" spans="14:14">
      <c r="N304532" s="10"/>
    </row>
    <row r="304533" spans="14:14">
      <c r="N304533" s="10"/>
    </row>
    <row r="304534" spans="14:14">
      <c r="N304534" s="10"/>
    </row>
    <row r="304535" spans="14:14">
      <c r="N304535" s="10"/>
    </row>
    <row r="304536" spans="14:14">
      <c r="N304536" s="10"/>
    </row>
    <row r="304537" spans="14:14">
      <c r="N304537" s="10"/>
    </row>
    <row r="304538" spans="14:14">
      <c r="N304538" s="10"/>
    </row>
    <row r="304539" spans="14:14">
      <c r="N304539" s="10"/>
    </row>
    <row r="304540" spans="14:14">
      <c r="N304540" s="10"/>
    </row>
    <row r="304541" spans="14:14">
      <c r="N304541" s="10"/>
    </row>
    <row r="304542" spans="14:14">
      <c r="N304542" s="10"/>
    </row>
    <row r="304543" spans="14:14">
      <c r="N304543" s="10"/>
    </row>
    <row r="304544" spans="14:14">
      <c r="N304544" s="10"/>
    </row>
    <row r="304545" spans="14:14">
      <c r="N304545" s="10"/>
    </row>
    <row r="304546" spans="14:14">
      <c r="N304546" s="10"/>
    </row>
    <row r="304547" spans="14:14">
      <c r="N304547" s="10"/>
    </row>
    <row r="304548" spans="14:14">
      <c r="N304548" s="10"/>
    </row>
    <row r="304549" spans="14:14">
      <c r="N304549" s="10"/>
    </row>
    <row r="304550" spans="14:14">
      <c r="N304550" s="10"/>
    </row>
    <row r="304551" spans="14:14">
      <c r="N304551" s="10"/>
    </row>
    <row r="304552" spans="14:14">
      <c r="N304552" s="10"/>
    </row>
    <row r="304553" spans="14:14">
      <c r="N304553" s="10"/>
    </row>
    <row r="304554" spans="14:14">
      <c r="N304554" s="10"/>
    </row>
    <row r="304555" spans="14:14">
      <c r="N304555" s="10"/>
    </row>
    <row r="304556" spans="14:14">
      <c r="N304556" s="10"/>
    </row>
    <row r="304557" spans="14:14">
      <c r="N304557" s="10"/>
    </row>
    <row r="304558" spans="14:14">
      <c r="N304558" s="10"/>
    </row>
    <row r="304559" spans="14:14">
      <c r="N304559" s="10"/>
    </row>
    <row r="304560" spans="14:14">
      <c r="N304560" s="10"/>
    </row>
    <row r="304561" spans="14:14">
      <c r="N304561" s="10"/>
    </row>
    <row r="304562" spans="14:14">
      <c r="N304562" s="10"/>
    </row>
    <row r="304563" spans="14:14">
      <c r="N304563" s="10"/>
    </row>
    <row r="304564" spans="14:14">
      <c r="N304564" s="10"/>
    </row>
    <row r="304565" spans="14:14">
      <c r="N304565" s="10"/>
    </row>
    <row r="304566" spans="14:14">
      <c r="N304566" s="10"/>
    </row>
    <row r="304567" spans="14:14">
      <c r="N304567" s="10"/>
    </row>
    <row r="304568" spans="14:14">
      <c r="N304568" s="10"/>
    </row>
    <row r="304569" spans="14:14">
      <c r="N304569" s="10"/>
    </row>
    <row r="304570" spans="14:14">
      <c r="N304570" s="10"/>
    </row>
    <row r="304571" spans="14:14">
      <c r="N304571" s="10"/>
    </row>
    <row r="304572" spans="14:14">
      <c r="N304572" s="10"/>
    </row>
    <row r="304573" spans="14:14">
      <c r="N304573" s="10"/>
    </row>
    <row r="304574" spans="14:14">
      <c r="N304574" s="10"/>
    </row>
    <row r="304575" spans="14:14">
      <c r="N304575" s="10"/>
    </row>
    <row r="304576" spans="14:14">
      <c r="N304576" s="10"/>
    </row>
    <row r="304577" spans="14:14">
      <c r="N304577" s="10"/>
    </row>
    <row r="304578" spans="14:14">
      <c r="N304578" s="10"/>
    </row>
    <row r="304579" spans="14:14">
      <c r="N304579" s="10"/>
    </row>
    <row r="304580" spans="14:14">
      <c r="N304580" s="10"/>
    </row>
    <row r="304581" spans="14:14">
      <c r="N304581" s="10"/>
    </row>
    <row r="304582" spans="14:14">
      <c r="N304582" s="10"/>
    </row>
    <row r="304583" spans="14:14">
      <c r="N304583" s="10"/>
    </row>
    <row r="304584" spans="14:14">
      <c r="N304584" s="10"/>
    </row>
    <row r="304585" spans="14:14">
      <c r="N304585" s="10"/>
    </row>
    <row r="304586" spans="14:14">
      <c r="N304586" s="10"/>
    </row>
    <row r="304587" spans="14:14">
      <c r="N304587" s="10"/>
    </row>
    <row r="304588" spans="14:14">
      <c r="N304588" s="10"/>
    </row>
    <row r="304589" spans="14:14">
      <c r="N304589" s="10"/>
    </row>
    <row r="304590" spans="14:14">
      <c r="N304590" s="10"/>
    </row>
    <row r="304591" spans="14:14">
      <c r="N304591" s="10"/>
    </row>
    <row r="304592" spans="14:14">
      <c r="N304592" s="10"/>
    </row>
    <row r="304593" spans="14:14">
      <c r="N304593" s="10"/>
    </row>
    <row r="304594" spans="14:14">
      <c r="N304594" s="10"/>
    </row>
    <row r="304595" spans="14:14">
      <c r="N304595" s="10"/>
    </row>
    <row r="304596" spans="14:14">
      <c r="N304596" s="10"/>
    </row>
    <row r="304597" spans="14:14">
      <c r="N304597" s="10"/>
    </row>
    <row r="304598" spans="14:14">
      <c r="N304598" s="10"/>
    </row>
    <row r="304599" spans="14:14">
      <c r="N304599" s="10"/>
    </row>
    <row r="304600" spans="14:14">
      <c r="N304600" s="10"/>
    </row>
    <row r="304601" spans="14:14">
      <c r="N304601" s="10"/>
    </row>
    <row r="304602" spans="14:14">
      <c r="N304602" s="10"/>
    </row>
    <row r="304603" spans="14:14">
      <c r="N304603" s="10"/>
    </row>
    <row r="304604" spans="14:14">
      <c r="N304604" s="10"/>
    </row>
    <row r="304605" spans="14:14">
      <c r="N304605" s="10"/>
    </row>
    <row r="304606" spans="14:14">
      <c r="N304606" s="10"/>
    </row>
    <row r="304607" spans="14:14">
      <c r="N304607" s="10"/>
    </row>
    <row r="304608" spans="14:14">
      <c r="N304608" s="10"/>
    </row>
    <row r="304609" spans="14:14">
      <c r="N304609" s="10"/>
    </row>
    <row r="304610" spans="14:14">
      <c r="N304610" s="10"/>
    </row>
    <row r="304611" spans="14:14">
      <c r="N304611" s="10"/>
    </row>
    <row r="304612" spans="14:14">
      <c r="N304612" s="10"/>
    </row>
    <row r="304613" spans="14:14">
      <c r="N304613" s="10"/>
    </row>
    <row r="304614" spans="14:14">
      <c r="N304614" s="10"/>
    </row>
    <row r="304615" spans="14:14">
      <c r="N304615" s="10"/>
    </row>
    <row r="304616" spans="14:14">
      <c r="N304616" s="10"/>
    </row>
    <row r="304617" spans="14:14">
      <c r="N304617" s="10"/>
    </row>
    <row r="304618" spans="14:14">
      <c r="N304618" s="10"/>
    </row>
    <row r="304619" spans="14:14">
      <c r="N304619" s="10"/>
    </row>
    <row r="304620" spans="14:14">
      <c r="N304620" s="10"/>
    </row>
    <row r="304621" spans="14:14">
      <c r="N304621" s="10"/>
    </row>
    <row r="304622" spans="14:14">
      <c r="N304622" s="10"/>
    </row>
    <row r="304623" spans="14:14">
      <c r="N304623" s="10"/>
    </row>
    <row r="304624" spans="14:14">
      <c r="N304624" s="10"/>
    </row>
    <row r="304625" spans="14:14">
      <c r="N304625" s="10"/>
    </row>
    <row r="304626" spans="14:14">
      <c r="N304626" s="10"/>
    </row>
    <row r="304627" spans="14:14">
      <c r="N304627" s="10"/>
    </row>
    <row r="304628" spans="14:14">
      <c r="N304628" s="10"/>
    </row>
    <row r="304629" spans="14:14">
      <c r="N304629" s="10"/>
    </row>
    <row r="304630" spans="14:14">
      <c r="N304630" s="10"/>
    </row>
    <row r="304631" spans="14:14">
      <c r="N304631" s="10"/>
    </row>
    <row r="304632" spans="14:14">
      <c r="N304632" s="10"/>
    </row>
    <row r="304633" spans="14:14">
      <c r="N304633" s="10"/>
    </row>
    <row r="304634" spans="14:14">
      <c r="N304634" s="10"/>
    </row>
    <row r="304635" spans="14:14">
      <c r="N304635" s="10"/>
    </row>
    <row r="304636" spans="14:14">
      <c r="N304636" s="10"/>
    </row>
    <row r="304637" spans="14:14">
      <c r="N304637" s="10"/>
    </row>
    <row r="304638" spans="14:14">
      <c r="N304638" s="10"/>
    </row>
    <row r="304639" spans="14:14">
      <c r="N304639" s="10"/>
    </row>
    <row r="304640" spans="14:14">
      <c r="N304640" s="10"/>
    </row>
    <row r="304641" spans="14:14">
      <c r="N304641" s="10"/>
    </row>
    <row r="304642" spans="14:14">
      <c r="N304642" s="10"/>
    </row>
    <row r="304643" spans="14:14">
      <c r="N304643" s="10"/>
    </row>
    <row r="304644" spans="14:14">
      <c r="N304644" s="10"/>
    </row>
    <row r="304645" spans="14:14">
      <c r="N304645" s="10"/>
    </row>
    <row r="304646" spans="14:14">
      <c r="N304646" s="10"/>
    </row>
    <row r="304647" spans="14:14">
      <c r="N304647" s="10"/>
    </row>
    <row r="304648" spans="14:14">
      <c r="N304648" s="10"/>
    </row>
    <row r="304649" spans="14:14">
      <c r="N304649" s="10"/>
    </row>
    <row r="304650" spans="14:14">
      <c r="N304650" s="10"/>
    </row>
    <row r="304651" spans="14:14">
      <c r="N304651" s="10"/>
    </row>
    <row r="304652" spans="14:14">
      <c r="N304652" s="10"/>
    </row>
    <row r="304653" spans="14:14">
      <c r="N304653" s="10"/>
    </row>
    <row r="304654" spans="14:14">
      <c r="N304654" s="10"/>
    </row>
    <row r="304655" spans="14:14">
      <c r="N304655" s="10"/>
    </row>
    <row r="304656" spans="14:14">
      <c r="N304656" s="10"/>
    </row>
    <row r="304657" spans="14:14">
      <c r="N304657" s="10"/>
    </row>
    <row r="304658" spans="14:14">
      <c r="N304658" s="10"/>
    </row>
    <row r="304659" spans="14:14">
      <c r="N304659" s="10"/>
    </row>
    <row r="304660" spans="14:14">
      <c r="N304660" s="10"/>
    </row>
    <row r="304661" spans="14:14">
      <c r="N304661" s="10"/>
    </row>
    <row r="304662" spans="14:14">
      <c r="N304662" s="10"/>
    </row>
    <row r="304663" spans="14:14">
      <c r="N304663" s="10"/>
    </row>
    <row r="304664" spans="14:14">
      <c r="N304664" s="10"/>
    </row>
    <row r="304665" spans="14:14">
      <c r="N304665" s="10"/>
    </row>
    <row r="304666" spans="14:14">
      <c r="N304666" s="10"/>
    </row>
    <row r="304667" spans="14:14">
      <c r="N304667" s="10"/>
    </row>
    <row r="304668" spans="14:14">
      <c r="N304668" s="10"/>
    </row>
    <row r="304669" spans="14:14">
      <c r="N304669" s="10"/>
    </row>
    <row r="304670" spans="14:14">
      <c r="N304670" s="10"/>
    </row>
    <row r="304671" spans="14:14">
      <c r="N304671" s="10"/>
    </row>
    <row r="304672" spans="14:14">
      <c r="N304672" s="10"/>
    </row>
    <row r="304673" spans="14:14">
      <c r="N304673" s="10"/>
    </row>
    <row r="304674" spans="14:14">
      <c r="N304674" s="10"/>
    </row>
    <row r="304675" spans="14:14">
      <c r="N304675" s="10"/>
    </row>
    <row r="304676" spans="14:14">
      <c r="N304676" s="10"/>
    </row>
    <row r="304677" spans="14:14">
      <c r="N304677" s="10"/>
    </row>
    <row r="304678" spans="14:14">
      <c r="N304678" s="10"/>
    </row>
    <row r="304679" spans="14:14">
      <c r="N304679" s="10"/>
    </row>
    <row r="304680" spans="14:14">
      <c r="N304680" s="10"/>
    </row>
    <row r="304681" spans="14:14">
      <c r="N304681" s="10"/>
    </row>
    <row r="304682" spans="14:14">
      <c r="N304682" s="10"/>
    </row>
    <row r="304683" spans="14:14">
      <c r="N304683" s="10"/>
    </row>
    <row r="304684" spans="14:14">
      <c r="N304684" s="10"/>
    </row>
    <row r="304685" spans="14:14">
      <c r="N304685" s="10"/>
    </row>
    <row r="304686" spans="14:14">
      <c r="N304686" s="10"/>
    </row>
    <row r="304687" spans="14:14">
      <c r="N304687" s="10"/>
    </row>
    <row r="304688" spans="14:14">
      <c r="N304688" s="10"/>
    </row>
    <row r="304689" spans="14:14">
      <c r="N304689" s="10"/>
    </row>
    <row r="304690" spans="14:14">
      <c r="N304690" s="10"/>
    </row>
    <row r="304691" spans="14:14">
      <c r="N304691" s="10"/>
    </row>
    <row r="304692" spans="14:14">
      <c r="N304692" s="10"/>
    </row>
    <row r="304693" spans="14:14">
      <c r="N304693" s="10"/>
    </row>
    <row r="304694" spans="14:14">
      <c r="N304694" s="10"/>
    </row>
    <row r="304695" spans="14:14">
      <c r="N304695" s="10"/>
    </row>
    <row r="304696" spans="14:14">
      <c r="N304696" s="10"/>
    </row>
    <row r="304697" spans="14:14">
      <c r="N304697" s="10"/>
    </row>
    <row r="304698" spans="14:14">
      <c r="N304698" s="10"/>
    </row>
    <row r="304699" spans="14:14">
      <c r="N304699" s="10"/>
    </row>
    <row r="304700" spans="14:14">
      <c r="N304700" s="10"/>
    </row>
    <row r="304701" spans="14:14">
      <c r="N304701" s="10"/>
    </row>
    <row r="304702" spans="14:14">
      <c r="N304702" s="10"/>
    </row>
    <row r="304703" spans="14:14">
      <c r="N304703" s="10"/>
    </row>
    <row r="304704" spans="14:14">
      <c r="N304704" s="10"/>
    </row>
    <row r="304705" spans="14:14">
      <c r="N304705" s="10"/>
    </row>
    <row r="304706" spans="14:14">
      <c r="N304706" s="10"/>
    </row>
    <row r="304707" spans="14:14">
      <c r="N304707" s="10"/>
    </row>
    <row r="304708" spans="14:14">
      <c r="N304708" s="10"/>
    </row>
    <row r="304709" spans="14:14">
      <c r="N304709" s="10"/>
    </row>
    <row r="304710" spans="14:14">
      <c r="N304710" s="10"/>
    </row>
    <row r="304711" spans="14:14">
      <c r="N304711" s="10"/>
    </row>
    <row r="304712" spans="14:14">
      <c r="N304712" s="10"/>
    </row>
    <row r="304713" spans="14:14">
      <c r="N304713" s="10"/>
    </row>
    <row r="304714" spans="14:14">
      <c r="N304714" s="10"/>
    </row>
    <row r="304715" spans="14:14">
      <c r="N304715" s="10"/>
    </row>
    <row r="304716" spans="14:14">
      <c r="N304716" s="10"/>
    </row>
    <row r="304717" spans="14:14">
      <c r="N304717" s="10"/>
    </row>
    <row r="304718" spans="14:14">
      <c r="N304718" s="10"/>
    </row>
    <row r="304719" spans="14:14">
      <c r="N304719" s="10"/>
    </row>
    <row r="304720" spans="14:14">
      <c r="N304720" s="10"/>
    </row>
    <row r="304721" spans="14:14">
      <c r="N304721" s="10"/>
    </row>
    <row r="304722" spans="14:14">
      <c r="N304722" s="10"/>
    </row>
    <row r="304723" spans="14:14">
      <c r="N304723" s="10"/>
    </row>
    <row r="304724" spans="14:14">
      <c r="N304724" s="10"/>
    </row>
    <row r="304725" spans="14:14">
      <c r="N304725" s="10"/>
    </row>
    <row r="304726" spans="14:14">
      <c r="N304726" s="10"/>
    </row>
    <row r="304727" spans="14:14">
      <c r="N304727" s="10"/>
    </row>
    <row r="304728" spans="14:14">
      <c r="N304728" s="10"/>
    </row>
    <row r="304729" spans="14:14">
      <c r="N304729" s="10"/>
    </row>
    <row r="304730" spans="14:14">
      <c r="N304730" s="10"/>
    </row>
    <row r="304731" spans="14:14">
      <c r="N304731" s="10"/>
    </row>
    <row r="304732" spans="14:14">
      <c r="N304732" s="10"/>
    </row>
    <row r="304733" spans="14:14">
      <c r="N304733" s="10"/>
    </row>
    <row r="304734" spans="14:14">
      <c r="N304734" s="10"/>
    </row>
    <row r="304735" spans="14:14">
      <c r="N304735" s="10"/>
    </row>
    <row r="304736" spans="14:14">
      <c r="N304736" s="10"/>
    </row>
    <row r="304737" spans="14:14">
      <c r="N304737" s="10"/>
    </row>
    <row r="304738" spans="14:14">
      <c r="N304738" s="10"/>
    </row>
    <row r="304739" spans="14:14">
      <c r="N304739" s="10"/>
    </row>
    <row r="304740" spans="14:14">
      <c r="N304740" s="10"/>
    </row>
    <row r="304741" spans="14:14">
      <c r="N304741" s="10"/>
    </row>
    <row r="304742" spans="14:14">
      <c r="N304742" s="10"/>
    </row>
    <row r="304743" spans="14:14">
      <c r="N304743" s="10"/>
    </row>
    <row r="304744" spans="14:14">
      <c r="N304744" s="10"/>
    </row>
    <row r="304745" spans="14:14">
      <c r="N304745" s="10"/>
    </row>
    <row r="304746" spans="14:14">
      <c r="N304746" s="10"/>
    </row>
    <row r="304747" spans="14:14">
      <c r="N304747" s="10"/>
    </row>
    <row r="304748" spans="14:14">
      <c r="N304748" s="10"/>
    </row>
    <row r="304749" spans="14:14">
      <c r="N304749" s="10"/>
    </row>
    <row r="304750" spans="14:14">
      <c r="N304750" s="10"/>
    </row>
    <row r="304751" spans="14:14">
      <c r="N304751" s="10"/>
    </row>
    <row r="304752" spans="14:14">
      <c r="N304752" s="10"/>
    </row>
    <row r="304753" spans="14:14">
      <c r="N304753" s="10"/>
    </row>
    <row r="304754" spans="14:14">
      <c r="N304754" s="10"/>
    </row>
    <row r="304755" spans="14:14">
      <c r="N304755" s="10"/>
    </row>
    <row r="304756" spans="14:14">
      <c r="N304756" s="10"/>
    </row>
    <row r="304757" spans="14:14">
      <c r="N304757" s="10"/>
    </row>
    <row r="304758" spans="14:14">
      <c r="N304758" s="10"/>
    </row>
    <row r="304759" spans="14:14">
      <c r="N304759" s="10"/>
    </row>
    <row r="304760" spans="14:14">
      <c r="N304760" s="10"/>
    </row>
    <row r="304761" spans="14:14">
      <c r="N304761" s="10"/>
    </row>
    <row r="304762" spans="14:14">
      <c r="N304762" s="10"/>
    </row>
    <row r="304763" spans="14:14">
      <c r="N304763" s="10"/>
    </row>
    <row r="304764" spans="14:14">
      <c r="N304764" s="10"/>
    </row>
    <row r="304765" spans="14:14">
      <c r="N304765" s="10"/>
    </row>
    <row r="304766" spans="14:14">
      <c r="N304766" s="10"/>
    </row>
    <row r="304767" spans="14:14">
      <c r="N304767" s="10"/>
    </row>
    <row r="304768" spans="14:14">
      <c r="N304768" s="10"/>
    </row>
    <row r="304769" spans="14:14">
      <c r="N304769" s="10"/>
    </row>
    <row r="304770" spans="14:14">
      <c r="N304770" s="10"/>
    </row>
    <row r="304771" spans="14:14">
      <c r="N304771" s="10"/>
    </row>
    <row r="304772" spans="14:14">
      <c r="N304772" s="10"/>
    </row>
    <row r="304773" spans="14:14">
      <c r="N304773" s="10"/>
    </row>
    <row r="304774" spans="14:14">
      <c r="N304774" s="10"/>
    </row>
    <row r="304775" spans="14:14">
      <c r="N304775" s="10"/>
    </row>
    <row r="304776" spans="14:14">
      <c r="N304776" s="10"/>
    </row>
    <row r="304777" spans="14:14">
      <c r="N304777" s="10"/>
    </row>
    <row r="304778" spans="14:14">
      <c r="N304778" s="10"/>
    </row>
    <row r="304779" spans="14:14">
      <c r="N304779" s="10"/>
    </row>
    <row r="304780" spans="14:14">
      <c r="N304780" s="10"/>
    </row>
    <row r="304781" spans="14:14">
      <c r="N304781" s="10"/>
    </row>
    <row r="304782" spans="14:14">
      <c r="N304782" s="10"/>
    </row>
    <row r="304783" spans="14:14">
      <c r="N304783" s="10"/>
    </row>
    <row r="304784" spans="14:14">
      <c r="N304784" s="10"/>
    </row>
    <row r="304785" spans="14:14">
      <c r="N304785" s="10"/>
    </row>
    <row r="304786" spans="14:14">
      <c r="N304786" s="10"/>
    </row>
    <row r="304787" spans="14:14">
      <c r="N304787" s="10"/>
    </row>
    <row r="304788" spans="14:14">
      <c r="N304788" s="10"/>
    </row>
    <row r="304789" spans="14:14">
      <c r="N304789" s="10"/>
    </row>
    <row r="304790" spans="14:14">
      <c r="N304790" s="10"/>
    </row>
    <row r="304791" spans="14:14">
      <c r="N304791" s="10"/>
    </row>
    <row r="304792" spans="14:14">
      <c r="N304792" s="10"/>
    </row>
    <row r="304793" spans="14:14">
      <c r="N304793" s="10"/>
    </row>
    <row r="304794" spans="14:14">
      <c r="N304794" s="10"/>
    </row>
    <row r="304795" spans="14:14">
      <c r="N304795" s="10"/>
    </row>
    <row r="304796" spans="14:14">
      <c r="N304796" s="10"/>
    </row>
    <row r="304797" spans="14:14">
      <c r="N304797" s="10"/>
    </row>
    <row r="304798" spans="14:14">
      <c r="N304798" s="10"/>
    </row>
    <row r="304799" spans="14:14">
      <c r="N304799" s="10"/>
    </row>
    <row r="304800" spans="14:14">
      <c r="N304800" s="10"/>
    </row>
    <row r="304801" spans="14:14">
      <c r="N304801" s="10"/>
    </row>
    <row r="304802" spans="14:14">
      <c r="N304802" s="10"/>
    </row>
    <row r="304803" spans="14:14">
      <c r="N304803" s="10"/>
    </row>
    <row r="304804" spans="14:14">
      <c r="N304804" s="10"/>
    </row>
    <row r="304805" spans="14:14">
      <c r="N304805" s="10"/>
    </row>
    <row r="304806" spans="14:14">
      <c r="N304806" s="10"/>
    </row>
    <row r="304807" spans="14:14">
      <c r="N304807" s="10"/>
    </row>
    <row r="304808" spans="14:14">
      <c r="N304808" s="10"/>
    </row>
    <row r="304809" spans="14:14">
      <c r="N304809" s="10"/>
    </row>
    <row r="304810" spans="14:14">
      <c r="N304810" s="10"/>
    </row>
    <row r="304811" spans="14:14">
      <c r="N304811" s="10"/>
    </row>
    <row r="304812" spans="14:14">
      <c r="N304812" s="10"/>
    </row>
    <row r="304813" spans="14:14">
      <c r="N304813" s="10"/>
    </row>
    <row r="304814" spans="14:14">
      <c r="N304814" s="10"/>
    </row>
    <row r="304815" spans="14:14">
      <c r="N304815" s="10"/>
    </row>
    <row r="304816" spans="14:14">
      <c r="N304816" s="10"/>
    </row>
    <row r="304817" spans="14:14">
      <c r="N304817" s="10"/>
    </row>
    <row r="304818" spans="14:14">
      <c r="N304818" s="10"/>
    </row>
    <row r="304819" spans="14:14">
      <c r="N304819" s="10"/>
    </row>
    <row r="304820" spans="14:14">
      <c r="N304820" s="10"/>
    </row>
    <row r="304821" spans="14:14">
      <c r="N304821" s="10"/>
    </row>
    <row r="304822" spans="14:14">
      <c r="N304822" s="10"/>
    </row>
    <row r="304823" spans="14:14">
      <c r="N304823" s="10"/>
    </row>
    <row r="304824" spans="14:14">
      <c r="N304824" s="10"/>
    </row>
    <row r="304825" spans="14:14">
      <c r="N304825" s="10"/>
    </row>
    <row r="304826" spans="14:14">
      <c r="N304826" s="10"/>
    </row>
    <row r="304827" spans="14:14">
      <c r="N304827" s="10"/>
    </row>
    <row r="304828" spans="14:14">
      <c r="N304828" s="10"/>
    </row>
    <row r="304829" spans="14:14">
      <c r="N304829" s="10"/>
    </row>
    <row r="304830" spans="14:14">
      <c r="N304830" s="10"/>
    </row>
    <row r="304831" spans="14:14">
      <c r="N304831" s="10"/>
    </row>
    <row r="304832" spans="14:14">
      <c r="N304832" s="10"/>
    </row>
    <row r="304833" spans="14:14">
      <c r="N304833" s="10"/>
    </row>
    <row r="304834" spans="14:14">
      <c r="N304834" s="10"/>
    </row>
    <row r="304835" spans="14:14">
      <c r="N304835" s="10"/>
    </row>
    <row r="304836" spans="14:14">
      <c r="N304836" s="10"/>
    </row>
    <row r="304837" spans="14:14">
      <c r="N304837" s="10"/>
    </row>
    <row r="304838" spans="14:14">
      <c r="N304838" s="10"/>
    </row>
    <row r="304839" spans="14:14">
      <c r="N304839" s="10"/>
    </row>
    <row r="304840" spans="14:14">
      <c r="N304840" s="10"/>
    </row>
    <row r="304841" spans="14:14">
      <c r="N304841" s="10"/>
    </row>
    <row r="304842" spans="14:14">
      <c r="N304842" s="10"/>
    </row>
    <row r="304843" spans="14:14">
      <c r="N304843" s="10"/>
    </row>
    <row r="304844" spans="14:14">
      <c r="N304844" s="10"/>
    </row>
    <row r="304845" spans="14:14">
      <c r="N304845" s="10"/>
    </row>
    <row r="304846" spans="14:14">
      <c r="N304846" s="10"/>
    </row>
    <row r="304847" spans="14:14">
      <c r="N304847" s="10"/>
    </row>
    <row r="304848" spans="14:14">
      <c r="N304848" s="10"/>
    </row>
    <row r="304849" spans="14:14">
      <c r="N304849" s="10"/>
    </row>
    <row r="304850" spans="14:14">
      <c r="N304850" s="10"/>
    </row>
    <row r="304851" spans="14:14">
      <c r="N304851" s="10"/>
    </row>
    <row r="304852" spans="14:14">
      <c r="N304852" s="10"/>
    </row>
    <row r="304853" spans="14:14">
      <c r="N304853" s="10"/>
    </row>
    <row r="304854" spans="14:14">
      <c r="N304854" s="10"/>
    </row>
    <row r="304855" spans="14:14">
      <c r="N304855" s="10"/>
    </row>
    <row r="304856" spans="14:14">
      <c r="N304856" s="10"/>
    </row>
    <row r="304857" spans="14:14">
      <c r="N304857" s="10"/>
    </row>
    <row r="304858" spans="14:14">
      <c r="N304858" s="10"/>
    </row>
    <row r="304859" spans="14:14">
      <c r="N304859" s="10"/>
    </row>
    <row r="304860" spans="14:14">
      <c r="N304860" s="10"/>
    </row>
    <row r="304861" spans="14:14">
      <c r="N304861" s="10"/>
    </row>
    <row r="304862" spans="14:14">
      <c r="N304862" s="10"/>
    </row>
    <row r="304863" spans="14:14">
      <c r="N304863" s="10"/>
    </row>
    <row r="304864" spans="14:14">
      <c r="N304864" s="10"/>
    </row>
    <row r="304865" spans="14:14">
      <c r="N304865" s="10"/>
    </row>
    <row r="304866" spans="14:14">
      <c r="N304866" s="10"/>
    </row>
    <row r="304867" spans="14:14">
      <c r="N304867" s="10"/>
    </row>
    <row r="304868" spans="14:14">
      <c r="N304868" s="10"/>
    </row>
    <row r="304869" spans="14:14">
      <c r="N304869" s="10"/>
    </row>
    <row r="304870" spans="14:14">
      <c r="N304870" s="10"/>
    </row>
    <row r="304871" spans="14:14">
      <c r="N304871" s="10"/>
    </row>
    <row r="304872" spans="14:14">
      <c r="N304872" s="10"/>
    </row>
    <row r="304873" spans="14:14">
      <c r="N304873" s="10"/>
    </row>
    <row r="304874" spans="14:14">
      <c r="N304874" s="10"/>
    </row>
    <row r="304875" spans="14:14">
      <c r="N304875" s="10"/>
    </row>
    <row r="304876" spans="14:14">
      <c r="N304876" s="10"/>
    </row>
    <row r="304877" spans="14:14">
      <c r="N304877" s="10"/>
    </row>
    <row r="304878" spans="14:14">
      <c r="N304878" s="10"/>
    </row>
    <row r="304879" spans="14:14">
      <c r="N304879" s="10"/>
    </row>
    <row r="304880" spans="14:14">
      <c r="N304880" s="10"/>
    </row>
    <row r="304881" spans="14:14">
      <c r="N304881" s="10"/>
    </row>
    <row r="304882" spans="14:14">
      <c r="N304882" s="10"/>
    </row>
    <row r="304883" spans="14:14">
      <c r="N304883" s="10"/>
    </row>
    <row r="304884" spans="14:14">
      <c r="N304884" s="10"/>
    </row>
    <row r="304885" spans="14:14">
      <c r="N304885" s="10"/>
    </row>
    <row r="304886" spans="14:14">
      <c r="N304886" s="10"/>
    </row>
    <row r="304887" spans="14:14">
      <c r="N304887" s="10"/>
    </row>
    <row r="304888" spans="14:14">
      <c r="N304888" s="10"/>
    </row>
    <row r="304889" spans="14:14">
      <c r="N304889" s="10"/>
    </row>
    <row r="304890" spans="14:14">
      <c r="N304890" s="10"/>
    </row>
    <row r="304891" spans="14:14">
      <c r="N304891" s="10"/>
    </row>
    <row r="304892" spans="14:14">
      <c r="N304892" s="10"/>
    </row>
    <row r="304893" spans="14:14">
      <c r="N304893" s="10"/>
    </row>
    <row r="304894" spans="14:14">
      <c r="N304894" s="10"/>
    </row>
    <row r="304895" spans="14:14">
      <c r="N304895" s="10"/>
    </row>
    <row r="304896" spans="14:14">
      <c r="N304896" s="10"/>
    </row>
    <row r="304897" spans="14:14">
      <c r="N304897" s="10"/>
    </row>
    <row r="304898" spans="14:14">
      <c r="N304898" s="10"/>
    </row>
    <row r="304899" spans="14:14">
      <c r="N304899" s="10"/>
    </row>
    <row r="304900" spans="14:14">
      <c r="N304900" s="10"/>
    </row>
    <row r="304901" spans="14:14">
      <c r="N304901" s="10"/>
    </row>
    <row r="304902" spans="14:14">
      <c r="N304902" s="10"/>
    </row>
    <row r="304903" spans="14:14">
      <c r="N304903" s="10"/>
    </row>
    <row r="304904" spans="14:14">
      <c r="N304904" s="10"/>
    </row>
    <row r="304905" spans="14:14">
      <c r="N304905" s="10"/>
    </row>
    <row r="304906" spans="14:14">
      <c r="N304906" s="10"/>
    </row>
    <row r="304907" spans="14:14">
      <c r="N304907" s="10"/>
    </row>
    <row r="304908" spans="14:14">
      <c r="N304908" s="10"/>
    </row>
    <row r="304909" spans="14:14">
      <c r="N304909" s="10"/>
    </row>
    <row r="304910" spans="14:14">
      <c r="N304910" s="10"/>
    </row>
    <row r="304911" spans="14:14">
      <c r="N304911" s="10"/>
    </row>
    <row r="304912" spans="14:14">
      <c r="N304912" s="10"/>
    </row>
    <row r="304913" spans="14:14">
      <c r="N304913" s="10"/>
    </row>
    <row r="304914" spans="14:14">
      <c r="N304914" s="10"/>
    </row>
    <row r="304915" spans="14:14">
      <c r="N304915" s="10"/>
    </row>
    <row r="304916" spans="14:14">
      <c r="N304916" s="10"/>
    </row>
    <row r="304917" spans="14:14">
      <c r="N304917" s="10"/>
    </row>
    <row r="304918" spans="14:14">
      <c r="N304918" s="10"/>
    </row>
    <row r="304919" spans="14:14">
      <c r="N304919" s="10"/>
    </row>
    <row r="304920" spans="14:14">
      <c r="N304920" s="10"/>
    </row>
    <row r="304921" spans="14:14">
      <c r="N304921" s="10"/>
    </row>
    <row r="304922" spans="14:14">
      <c r="N304922" s="10"/>
    </row>
    <row r="304923" spans="14:14">
      <c r="N304923" s="10"/>
    </row>
    <row r="304924" spans="14:14">
      <c r="N304924" s="10"/>
    </row>
    <row r="304925" spans="14:14">
      <c r="N304925" s="10"/>
    </row>
    <row r="304926" spans="14:14">
      <c r="N304926" s="10"/>
    </row>
    <row r="304927" spans="14:14">
      <c r="N304927" s="10"/>
    </row>
    <row r="304928" spans="14:14">
      <c r="N304928" s="10"/>
    </row>
    <row r="304929" spans="14:14">
      <c r="N304929" s="10"/>
    </row>
    <row r="304930" spans="14:14">
      <c r="N304930" s="10"/>
    </row>
    <row r="304931" spans="14:14">
      <c r="N304931" s="10"/>
    </row>
    <row r="304932" spans="14:14">
      <c r="N304932" s="10"/>
    </row>
    <row r="304933" spans="14:14">
      <c r="N304933" s="10"/>
    </row>
    <row r="304934" spans="14:14">
      <c r="N304934" s="10"/>
    </row>
    <row r="304935" spans="14:14">
      <c r="N304935" s="10"/>
    </row>
    <row r="304936" spans="14:14">
      <c r="N304936" s="10"/>
    </row>
    <row r="304937" spans="14:14">
      <c r="N304937" s="10"/>
    </row>
    <row r="304938" spans="14:14">
      <c r="N304938" s="10"/>
    </row>
    <row r="304939" spans="14:14">
      <c r="N304939" s="10"/>
    </row>
    <row r="304940" spans="14:14">
      <c r="N304940" s="10"/>
    </row>
    <row r="304941" spans="14:14">
      <c r="N304941" s="10"/>
    </row>
    <row r="304942" spans="14:14">
      <c r="N304942" s="10"/>
    </row>
    <row r="304943" spans="14:14">
      <c r="N304943" s="10"/>
    </row>
    <row r="304944" spans="14:14">
      <c r="N304944" s="10"/>
    </row>
    <row r="304945" spans="14:14">
      <c r="N304945" s="10"/>
    </row>
    <row r="304946" spans="14:14">
      <c r="N304946" s="10"/>
    </row>
    <row r="304947" spans="14:14">
      <c r="N304947" s="10"/>
    </row>
    <row r="304948" spans="14:14">
      <c r="N304948" s="10"/>
    </row>
    <row r="304949" spans="14:14">
      <c r="N304949" s="10"/>
    </row>
    <row r="304950" spans="14:14">
      <c r="N304950" s="10"/>
    </row>
    <row r="304951" spans="14:14">
      <c r="N304951" s="10"/>
    </row>
    <row r="304952" spans="14:14">
      <c r="N304952" s="10"/>
    </row>
    <row r="304953" spans="14:14">
      <c r="N304953" s="10"/>
    </row>
    <row r="304954" spans="14:14">
      <c r="N304954" s="10"/>
    </row>
    <row r="304955" spans="14:14">
      <c r="N304955" s="10"/>
    </row>
    <row r="304956" spans="14:14">
      <c r="N304956" s="10"/>
    </row>
    <row r="304957" spans="14:14">
      <c r="N304957" s="10"/>
    </row>
    <row r="304958" spans="14:14">
      <c r="N304958" s="10"/>
    </row>
    <row r="304959" spans="14:14">
      <c r="N304959" s="10"/>
    </row>
    <row r="304960" spans="14:14">
      <c r="N304960" s="10"/>
    </row>
    <row r="304961" spans="14:14">
      <c r="N304961" s="10"/>
    </row>
    <row r="304962" spans="14:14">
      <c r="N304962" s="10"/>
    </row>
    <row r="304963" spans="14:14">
      <c r="N304963" s="10"/>
    </row>
    <row r="304964" spans="14:14">
      <c r="N304964" s="10"/>
    </row>
    <row r="304965" spans="14:14">
      <c r="N304965" s="10"/>
    </row>
    <row r="304966" spans="14:14">
      <c r="N304966" s="10"/>
    </row>
    <row r="304967" spans="14:14">
      <c r="N304967" s="10"/>
    </row>
    <row r="304968" spans="14:14">
      <c r="N304968" s="10"/>
    </row>
    <row r="304969" spans="14:14">
      <c r="N304969" s="10"/>
    </row>
    <row r="304970" spans="14:14">
      <c r="N304970" s="10"/>
    </row>
    <row r="304971" spans="14:14">
      <c r="N304971" s="10"/>
    </row>
    <row r="304972" spans="14:14">
      <c r="N304972" s="10"/>
    </row>
    <row r="304973" spans="14:14">
      <c r="N304973" s="10"/>
    </row>
    <row r="304974" spans="14:14">
      <c r="N304974" s="10"/>
    </row>
    <row r="304975" spans="14:14">
      <c r="N304975" s="10"/>
    </row>
    <row r="304976" spans="14:14">
      <c r="N304976" s="10"/>
    </row>
    <row r="304977" spans="14:14">
      <c r="N304977" s="10"/>
    </row>
    <row r="304978" spans="14:14">
      <c r="N304978" s="10"/>
    </row>
    <row r="304979" spans="14:14">
      <c r="N304979" s="10"/>
    </row>
    <row r="304980" spans="14:14">
      <c r="N304980" s="10"/>
    </row>
    <row r="304981" spans="14:14">
      <c r="N304981" s="10"/>
    </row>
    <row r="304982" spans="14:14">
      <c r="N304982" s="10"/>
    </row>
    <row r="304983" spans="14:14">
      <c r="N304983" s="10"/>
    </row>
    <row r="304984" spans="14:14">
      <c r="N304984" s="10"/>
    </row>
    <row r="304985" spans="14:14">
      <c r="N304985" s="10"/>
    </row>
    <row r="304986" spans="14:14">
      <c r="N304986" s="10"/>
    </row>
    <row r="304987" spans="14:14">
      <c r="N304987" s="10"/>
    </row>
    <row r="304988" spans="14:14">
      <c r="N304988" s="10"/>
    </row>
    <row r="304989" spans="14:14">
      <c r="N304989" s="10"/>
    </row>
    <row r="304990" spans="14:14">
      <c r="N304990" s="10"/>
    </row>
    <row r="304991" spans="14:14">
      <c r="N304991" s="10"/>
    </row>
    <row r="304992" spans="14:14">
      <c r="N304992" s="10"/>
    </row>
    <row r="304993" spans="14:14">
      <c r="N304993" s="10"/>
    </row>
    <row r="304994" spans="14:14">
      <c r="N304994" s="10"/>
    </row>
    <row r="304995" spans="14:14">
      <c r="N304995" s="10"/>
    </row>
    <row r="304996" spans="14:14">
      <c r="N304996" s="10"/>
    </row>
    <row r="304997" spans="14:14">
      <c r="N304997" s="10"/>
    </row>
    <row r="304998" spans="14:14">
      <c r="N304998" s="10"/>
    </row>
    <row r="304999" spans="14:14">
      <c r="N304999" s="10"/>
    </row>
    <row r="305000" spans="14:14">
      <c r="N305000" s="10"/>
    </row>
    <row r="305001" spans="14:14">
      <c r="N305001" s="10"/>
    </row>
    <row r="305002" spans="14:14">
      <c r="N305002" s="10"/>
    </row>
    <row r="305003" spans="14:14">
      <c r="N305003" s="10"/>
    </row>
    <row r="305004" spans="14:14">
      <c r="N305004" s="10"/>
    </row>
    <row r="305005" spans="14:14">
      <c r="N305005" s="10"/>
    </row>
    <row r="305006" spans="14:14">
      <c r="N305006" s="10"/>
    </row>
    <row r="305007" spans="14:14">
      <c r="N305007" s="10"/>
    </row>
    <row r="305008" spans="14:14">
      <c r="N305008" s="10"/>
    </row>
    <row r="305009" spans="14:14">
      <c r="N305009" s="10"/>
    </row>
    <row r="305010" spans="14:14">
      <c r="N305010" s="10"/>
    </row>
    <row r="305011" spans="14:14">
      <c r="N305011" s="10"/>
    </row>
    <row r="305012" spans="14:14">
      <c r="N305012" s="10"/>
    </row>
    <row r="305013" spans="14:14">
      <c r="N305013" s="10"/>
    </row>
    <row r="305014" spans="14:14">
      <c r="N305014" s="10"/>
    </row>
    <row r="305015" spans="14:14">
      <c r="N305015" s="10"/>
    </row>
    <row r="305016" spans="14:14">
      <c r="N305016" s="10"/>
    </row>
    <row r="305017" spans="14:14">
      <c r="N305017" s="10"/>
    </row>
    <row r="305018" spans="14:14">
      <c r="N305018" s="10"/>
    </row>
    <row r="305019" spans="14:14">
      <c r="N305019" s="10"/>
    </row>
    <row r="305020" spans="14:14">
      <c r="N305020" s="10"/>
    </row>
    <row r="305021" spans="14:14">
      <c r="N305021" s="10"/>
    </row>
    <row r="305022" spans="14:14">
      <c r="N305022" s="10"/>
    </row>
    <row r="305023" spans="14:14">
      <c r="N305023" s="10"/>
    </row>
    <row r="305024" spans="14:14">
      <c r="N305024" s="10"/>
    </row>
    <row r="305025" spans="14:14">
      <c r="N305025" s="10"/>
    </row>
    <row r="305026" spans="14:14">
      <c r="N305026" s="10"/>
    </row>
    <row r="305027" spans="14:14">
      <c r="N305027" s="10"/>
    </row>
    <row r="305028" spans="14:14">
      <c r="N305028" s="10"/>
    </row>
    <row r="305029" spans="14:14">
      <c r="N305029" s="10"/>
    </row>
    <row r="305030" spans="14:14">
      <c r="N305030" s="10"/>
    </row>
    <row r="305031" spans="14:14">
      <c r="N305031" s="10"/>
    </row>
    <row r="305032" spans="14:14">
      <c r="N305032" s="10"/>
    </row>
    <row r="305033" spans="14:14">
      <c r="N305033" s="10"/>
    </row>
    <row r="305034" spans="14:14">
      <c r="N305034" s="10"/>
    </row>
    <row r="305035" spans="14:14">
      <c r="N305035" s="10"/>
    </row>
    <row r="305036" spans="14:14">
      <c r="N305036" s="10"/>
    </row>
    <row r="305037" spans="14:14">
      <c r="N305037" s="10"/>
    </row>
    <row r="305038" spans="14:14">
      <c r="N305038" s="10"/>
    </row>
    <row r="305039" spans="14:14">
      <c r="N305039" s="10"/>
    </row>
    <row r="305040" spans="14:14">
      <c r="N305040" s="10"/>
    </row>
    <row r="305041" spans="14:14">
      <c r="N305041" s="10"/>
    </row>
    <row r="305042" spans="14:14">
      <c r="N305042" s="10"/>
    </row>
    <row r="305043" spans="14:14">
      <c r="N305043" s="10"/>
    </row>
    <row r="305044" spans="14:14">
      <c r="N305044" s="10"/>
    </row>
    <row r="305045" spans="14:14">
      <c r="N305045" s="10"/>
    </row>
    <row r="305046" spans="14:14">
      <c r="N305046" s="10"/>
    </row>
    <row r="305047" spans="14:14">
      <c r="N305047" s="10"/>
    </row>
    <row r="305048" spans="14:14">
      <c r="N305048" s="10"/>
    </row>
    <row r="305049" spans="14:14">
      <c r="N305049" s="10"/>
    </row>
    <row r="305050" spans="14:14">
      <c r="N305050" s="10"/>
    </row>
    <row r="305051" spans="14:14">
      <c r="N305051" s="10"/>
    </row>
    <row r="305052" spans="14:14">
      <c r="N305052" s="10"/>
    </row>
    <row r="305053" spans="14:14">
      <c r="N305053" s="10"/>
    </row>
    <row r="305054" spans="14:14">
      <c r="N305054" s="10"/>
    </row>
    <row r="305055" spans="14:14">
      <c r="N305055" s="10"/>
    </row>
    <row r="305056" spans="14:14">
      <c r="N305056" s="10"/>
    </row>
    <row r="305057" spans="14:14">
      <c r="N305057" s="10"/>
    </row>
    <row r="305058" spans="14:14">
      <c r="N305058" s="10"/>
    </row>
    <row r="305059" spans="14:14">
      <c r="N305059" s="10"/>
    </row>
    <row r="305060" spans="14:14">
      <c r="N305060" s="10"/>
    </row>
    <row r="305061" spans="14:14">
      <c r="N305061" s="10"/>
    </row>
    <row r="305062" spans="14:14">
      <c r="N305062" s="10"/>
    </row>
    <row r="305063" spans="14:14">
      <c r="N305063" s="10"/>
    </row>
    <row r="305064" spans="14:14">
      <c r="N305064" s="10"/>
    </row>
    <row r="305065" spans="14:14">
      <c r="N305065" s="10"/>
    </row>
    <row r="305066" spans="14:14">
      <c r="N305066" s="10"/>
    </row>
    <row r="305067" spans="14:14">
      <c r="N305067" s="10"/>
    </row>
    <row r="305068" spans="14:14">
      <c r="N305068" s="10"/>
    </row>
    <row r="305069" spans="14:14">
      <c r="N305069" s="10"/>
    </row>
    <row r="305070" spans="14:14">
      <c r="N305070" s="10"/>
    </row>
    <row r="305071" spans="14:14">
      <c r="N305071" s="10"/>
    </row>
    <row r="305072" spans="14:14">
      <c r="N305072" s="10"/>
    </row>
    <row r="305073" spans="14:14">
      <c r="N305073" s="10"/>
    </row>
    <row r="305074" spans="14:14">
      <c r="N305074" s="10"/>
    </row>
    <row r="305075" spans="14:14">
      <c r="N305075" s="10"/>
    </row>
    <row r="305076" spans="14:14">
      <c r="N305076" s="10"/>
    </row>
    <row r="305077" spans="14:14">
      <c r="N305077" s="10"/>
    </row>
    <row r="305078" spans="14:14">
      <c r="N305078" s="10"/>
    </row>
    <row r="305079" spans="14:14">
      <c r="N305079" s="10"/>
    </row>
    <row r="305080" spans="14:14">
      <c r="N305080" s="10"/>
    </row>
    <row r="305081" spans="14:14">
      <c r="N305081" s="10"/>
    </row>
    <row r="305082" spans="14:14">
      <c r="N305082" s="10"/>
    </row>
    <row r="305083" spans="14:14">
      <c r="N305083" s="10"/>
    </row>
    <row r="305084" spans="14:14">
      <c r="N305084" s="10"/>
    </row>
    <row r="305085" spans="14:14">
      <c r="N305085" s="10"/>
    </row>
    <row r="305086" spans="14:14">
      <c r="N305086" s="10"/>
    </row>
    <row r="305087" spans="14:14">
      <c r="N305087" s="10"/>
    </row>
    <row r="305088" spans="14:14">
      <c r="N305088" s="10"/>
    </row>
    <row r="305089" spans="14:14">
      <c r="N305089" s="10"/>
    </row>
    <row r="305090" spans="14:14">
      <c r="N305090" s="10"/>
    </row>
    <row r="305091" spans="14:14">
      <c r="N305091" s="10"/>
    </row>
    <row r="305092" spans="14:14">
      <c r="N305092" s="10"/>
    </row>
    <row r="305093" spans="14:14">
      <c r="N305093" s="10"/>
    </row>
    <row r="305094" spans="14:14">
      <c r="N305094" s="10"/>
    </row>
    <row r="305095" spans="14:14">
      <c r="N305095" s="10"/>
    </row>
    <row r="305096" spans="14:14">
      <c r="N305096" s="10"/>
    </row>
    <row r="305097" spans="14:14">
      <c r="N305097" s="10"/>
    </row>
    <row r="305098" spans="14:14">
      <c r="N305098" s="10"/>
    </row>
    <row r="305099" spans="14:14">
      <c r="N305099" s="10"/>
    </row>
    <row r="305100" spans="14:14">
      <c r="N305100" s="10"/>
    </row>
    <row r="305101" spans="14:14">
      <c r="N305101" s="10"/>
    </row>
    <row r="305102" spans="14:14">
      <c r="N305102" s="10"/>
    </row>
    <row r="305103" spans="14:14">
      <c r="N305103" s="10"/>
    </row>
    <row r="305104" spans="14:14">
      <c r="N305104" s="10"/>
    </row>
    <row r="305105" spans="14:14">
      <c r="N305105" s="10"/>
    </row>
    <row r="305106" spans="14:14">
      <c r="N305106" s="10"/>
    </row>
    <row r="305107" spans="14:14">
      <c r="N305107" s="10"/>
    </row>
    <row r="305108" spans="14:14">
      <c r="N305108" s="10"/>
    </row>
    <row r="305109" spans="14:14">
      <c r="N305109" s="10"/>
    </row>
    <row r="305110" spans="14:14">
      <c r="N305110" s="10"/>
    </row>
    <row r="305111" spans="14:14">
      <c r="N305111" s="10"/>
    </row>
    <row r="305112" spans="14:14">
      <c r="N305112" s="10"/>
    </row>
    <row r="305113" spans="14:14">
      <c r="N305113" s="10"/>
    </row>
    <row r="305114" spans="14:14">
      <c r="N305114" s="10"/>
    </row>
    <row r="305115" spans="14:14">
      <c r="N305115" s="10"/>
    </row>
    <row r="305116" spans="14:14">
      <c r="N305116" s="10"/>
    </row>
    <row r="305117" spans="14:14">
      <c r="N305117" s="10"/>
    </row>
    <row r="305118" spans="14:14">
      <c r="N305118" s="10"/>
    </row>
    <row r="305119" spans="14:14">
      <c r="N305119" s="10"/>
    </row>
    <row r="305120" spans="14:14">
      <c r="N305120" s="10"/>
    </row>
    <row r="305121" spans="14:14">
      <c r="N305121" s="10"/>
    </row>
    <row r="305122" spans="14:14">
      <c r="N305122" s="10"/>
    </row>
    <row r="305123" spans="14:14">
      <c r="N305123" s="10"/>
    </row>
    <row r="305124" spans="14:14">
      <c r="N305124" s="10"/>
    </row>
    <row r="305125" spans="14:14">
      <c r="N305125" s="10"/>
    </row>
    <row r="305126" spans="14:14">
      <c r="N305126" s="10"/>
    </row>
    <row r="305127" spans="14:14">
      <c r="N305127" s="10"/>
    </row>
    <row r="305128" spans="14:14">
      <c r="N305128" s="10"/>
    </row>
    <row r="305129" spans="14:14">
      <c r="N305129" s="10"/>
    </row>
    <row r="305130" spans="14:14">
      <c r="N305130" s="10"/>
    </row>
    <row r="305131" spans="14:14">
      <c r="N305131" s="10"/>
    </row>
    <row r="305132" spans="14:14">
      <c r="N305132" s="10"/>
    </row>
    <row r="305133" spans="14:14">
      <c r="N305133" s="10"/>
    </row>
    <row r="305134" spans="14:14">
      <c r="N305134" s="10"/>
    </row>
    <row r="305135" spans="14:14">
      <c r="N305135" s="10"/>
    </row>
    <row r="305136" spans="14:14">
      <c r="N305136" s="10"/>
    </row>
    <row r="305137" spans="14:14">
      <c r="N305137" s="10"/>
    </row>
    <row r="305138" spans="14:14">
      <c r="N305138" s="10"/>
    </row>
    <row r="305139" spans="14:14">
      <c r="N305139" s="10"/>
    </row>
    <row r="305140" spans="14:14">
      <c r="N305140" s="10"/>
    </row>
    <row r="305141" spans="14:14">
      <c r="N305141" s="10"/>
    </row>
    <row r="305142" spans="14:14">
      <c r="N305142" s="10"/>
    </row>
    <row r="305143" spans="14:14">
      <c r="N305143" s="10"/>
    </row>
    <row r="305144" spans="14:14">
      <c r="N305144" s="10"/>
    </row>
    <row r="305145" spans="14:14">
      <c r="N305145" s="10"/>
    </row>
    <row r="305146" spans="14:14">
      <c r="N305146" s="10"/>
    </row>
    <row r="305147" spans="14:14">
      <c r="N305147" s="10"/>
    </row>
    <row r="305148" spans="14:14">
      <c r="N305148" s="10"/>
    </row>
    <row r="305149" spans="14:14">
      <c r="N305149" s="10"/>
    </row>
    <row r="305150" spans="14:14">
      <c r="N305150" s="10"/>
    </row>
    <row r="305151" spans="14:14">
      <c r="N305151" s="10"/>
    </row>
    <row r="305152" spans="14:14">
      <c r="N305152" s="10"/>
    </row>
    <row r="305153" spans="14:14">
      <c r="N305153" s="10"/>
    </row>
    <row r="305154" spans="14:14">
      <c r="N305154" s="10"/>
    </row>
    <row r="305155" spans="14:14">
      <c r="N305155" s="10"/>
    </row>
    <row r="305156" spans="14:14">
      <c r="N305156" s="10"/>
    </row>
    <row r="305157" spans="14:14">
      <c r="N305157" s="10"/>
    </row>
    <row r="305158" spans="14:14">
      <c r="N305158" s="10"/>
    </row>
    <row r="305159" spans="14:14">
      <c r="N305159" s="10"/>
    </row>
    <row r="305160" spans="14:14">
      <c r="N305160" s="10"/>
    </row>
    <row r="305161" spans="14:14">
      <c r="N305161" s="10"/>
    </row>
    <row r="305162" spans="14:14">
      <c r="N305162" s="10"/>
    </row>
    <row r="305163" spans="14:14">
      <c r="N305163" s="10"/>
    </row>
    <row r="305164" spans="14:14">
      <c r="N305164" s="10"/>
    </row>
    <row r="305165" spans="14:14">
      <c r="N305165" s="10"/>
    </row>
    <row r="305166" spans="14:14">
      <c r="N305166" s="10"/>
    </row>
    <row r="305167" spans="14:14">
      <c r="N305167" s="10"/>
    </row>
    <row r="305168" spans="14:14">
      <c r="N305168" s="10"/>
    </row>
    <row r="305169" spans="14:14">
      <c r="N305169" s="10"/>
    </row>
    <row r="305170" spans="14:14">
      <c r="N305170" s="10"/>
    </row>
    <row r="305171" spans="14:14">
      <c r="N305171" s="10"/>
    </row>
    <row r="305172" spans="14:14">
      <c r="N305172" s="10"/>
    </row>
    <row r="305173" spans="14:14">
      <c r="N305173" s="10"/>
    </row>
    <row r="305174" spans="14:14">
      <c r="N305174" s="10"/>
    </row>
    <row r="305175" spans="14:14">
      <c r="N305175" s="10"/>
    </row>
    <row r="305176" spans="14:14">
      <c r="N305176" s="10"/>
    </row>
    <row r="305177" spans="14:14">
      <c r="N305177" s="10"/>
    </row>
    <row r="305178" spans="14:14">
      <c r="N305178" s="10"/>
    </row>
    <row r="305179" spans="14:14">
      <c r="N305179" s="10"/>
    </row>
    <row r="305180" spans="14:14">
      <c r="N305180" s="10"/>
    </row>
    <row r="305181" spans="14:14">
      <c r="N305181" s="10"/>
    </row>
    <row r="305182" spans="14:14">
      <c r="N305182" s="10"/>
    </row>
    <row r="305183" spans="14:14">
      <c r="N305183" s="10"/>
    </row>
    <row r="305184" spans="14:14">
      <c r="N305184" s="10"/>
    </row>
    <row r="305185" spans="14:14">
      <c r="N305185" s="10"/>
    </row>
    <row r="305186" spans="14:14">
      <c r="N305186" s="10"/>
    </row>
    <row r="305187" spans="14:14">
      <c r="N305187" s="10"/>
    </row>
    <row r="305188" spans="14:14">
      <c r="N305188" s="10"/>
    </row>
    <row r="305189" spans="14:14">
      <c r="N305189" s="10"/>
    </row>
    <row r="305190" spans="14:14">
      <c r="N305190" s="10"/>
    </row>
    <row r="305191" spans="14:14">
      <c r="N305191" s="10"/>
    </row>
    <row r="305192" spans="14:14">
      <c r="N305192" s="10"/>
    </row>
    <row r="305193" spans="14:14">
      <c r="N305193" s="10"/>
    </row>
    <row r="305194" spans="14:14">
      <c r="N305194" s="10"/>
    </row>
    <row r="305195" spans="14:14">
      <c r="N305195" s="10"/>
    </row>
    <row r="305196" spans="14:14">
      <c r="N305196" s="10"/>
    </row>
    <row r="305197" spans="14:14">
      <c r="N305197" s="10"/>
    </row>
    <row r="305198" spans="14:14">
      <c r="N305198" s="10"/>
    </row>
    <row r="305199" spans="14:14">
      <c r="N305199" s="10"/>
    </row>
    <row r="305200" spans="14:14">
      <c r="N305200" s="10"/>
    </row>
    <row r="305201" spans="14:14">
      <c r="N305201" s="10"/>
    </row>
    <row r="305202" spans="14:14">
      <c r="N305202" s="10"/>
    </row>
    <row r="305203" spans="14:14">
      <c r="N305203" s="10"/>
    </row>
    <row r="305204" spans="14:14">
      <c r="N305204" s="10"/>
    </row>
    <row r="305205" spans="14:14">
      <c r="N305205" s="10"/>
    </row>
    <row r="305206" spans="14:14">
      <c r="N305206" s="10"/>
    </row>
    <row r="305207" spans="14:14">
      <c r="N305207" s="10"/>
    </row>
    <row r="305208" spans="14:14">
      <c r="N305208" s="10"/>
    </row>
    <row r="305209" spans="14:14">
      <c r="N305209" s="10"/>
    </row>
    <row r="305210" spans="14:14">
      <c r="N305210" s="10"/>
    </row>
    <row r="305211" spans="14:14">
      <c r="N305211" s="10"/>
    </row>
    <row r="305212" spans="14:14">
      <c r="N305212" s="10"/>
    </row>
    <row r="305213" spans="14:14">
      <c r="N305213" s="10"/>
    </row>
    <row r="305214" spans="14:14">
      <c r="N305214" s="10"/>
    </row>
    <row r="305215" spans="14:14">
      <c r="N305215" s="10"/>
    </row>
    <row r="305216" spans="14:14">
      <c r="N305216" s="10"/>
    </row>
    <row r="305217" spans="14:14">
      <c r="N305217" s="10"/>
    </row>
    <row r="305218" spans="14:14">
      <c r="N305218" s="10"/>
    </row>
    <row r="305219" spans="14:14">
      <c r="N305219" s="10"/>
    </row>
    <row r="305220" spans="14:14">
      <c r="N305220" s="10"/>
    </row>
    <row r="305221" spans="14:14">
      <c r="N305221" s="10"/>
    </row>
    <row r="305222" spans="14:14">
      <c r="N305222" s="10"/>
    </row>
    <row r="305223" spans="14:14">
      <c r="N305223" s="10"/>
    </row>
    <row r="305224" spans="14:14">
      <c r="N305224" s="10"/>
    </row>
    <row r="305225" spans="14:14">
      <c r="N305225" s="10"/>
    </row>
    <row r="305226" spans="14:14">
      <c r="N305226" s="10"/>
    </row>
    <row r="305227" spans="14:14">
      <c r="N305227" s="10"/>
    </row>
    <row r="305228" spans="14:14">
      <c r="N305228" s="10"/>
    </row>
    <row r="305229" spans="14:14">
      <c r="N305229" s="10"/>
    </row>
    <row r="305230" spans="14:14">
      <c r="N305230" s="10"/>
    </row>
    <row r="305231" spans="14:14">
      <c r="N305231" s="10"/>
    </row>
    <row r="305232" spans="14:14">
      <c r="N305232" s="10"/>
    </row>
    <row r="305233" spans="14:14">
      <c r="N305233" s="10"/>
    </row>
    <row r="305234" spans="14:14">
      <c r="N305234" s="10"/>
    </row>
    <row r="305235" spans="14:14">
      <c r="N305235" s="10"/>
    </row>
    <row r="305236" spans="14:14">
      <c r="N305236" s="10"/>
    </row>
    <row r="305237" spans="14:14">
      <c r="N305237" s="10"/>
    </row>
    <row r="305238" spans="14:14">
      <c r="N305238" s="10"/>
    </row>
    <row r="305239" spans="14:14">
      <c r="N305239" s="10"/>
    </row>
    <row r="305240" spans="14:14">
      <c r="N305240" s="10"/>
    </row>
    <row r="305241" spans="14:14">
      <c r="N305241" s="10"/>
    </row>
    <row r="305242" spans="14:14">
      <c r="N305242" s="10"/>
    </row>
    <row r="305243" spans="14:14">
      <c r="N305243" s="10"/>
    </row>
    <row r="305244" spans="14:14">
      <c r="N305244" s="10"/>
    </row>
    <row r="305245" spans="14:14">
      <c r="N305245" s="10"/>
    </row>
    <row r="305246" spans="14:14">
      <c r="N305246" s="10"/>
    </row>
    <row r="305247" spans="14:14">
      <c r="N305247" s="10"/>
    </row>
    <row r="305248" spans="14:14">
      <c r="N305248" s="10"/>
    </row>
    <row r="305249" spans="14:14">
      <c r="N305249" s="10"/>
    </row>
    <row r="305250" spans="14:14">
      <c r="N305250" s="10"/>
    </row>
    <row r="305251" spans="14:14">
      <c r="N305251" s="10"/>
    </row>
    <row r="305252" spans="14:14">
      <c r="N305252" s="10"/>
    </row>
    <row r="305253" spans="14:14">
      <c r="N305253" s="10"/>
    </row>
    <row r="305254" spans="14:14">
      <c r="N305254" s="10"/>
    </row>
    <row r="305255" spans="14:14">
      <c r="N305255" s="10"/>
    </row>
    <row r="305256" spans="14:14">
      <c r="N305256" s="10"/>
    </row>
    <row r="305257" spans="14:14">
      <c r="N305257" s="10"/>
    </row>
    <row r="305258" spans="14:14">
      <c r="N305258" s="10"/>
    </row>
    <row r="305259" spans="14:14">
      <c r="N305259" s="10"/>
    </row>
    <row r="305260" spans="14:14">
      <c r="N305260" s="10"/>
    </row>
    <row r="305261" spans="14:14">
      <c r="N305261" s="10"/>
    </row>
    <row r="305262" spans="14:14">
      <c r="N305262" s="10"/>
    </row>
    <row r="305263" spans="14:14">
      <c r="N305263" s="10"/>
    </row>
    <row r="305264" spans="14:14">
      <c r="N305264" s="10"/>
    </row>
    <row r="305265" spans="14:14">
      <c r="N305265" s="10"/>
    </row>
    <row r="305266" spans="14:14">
      <c r="N305266" s="10"/>
    </row>
    <row r="305267" spans="14:14">
      <c r="N305267" s="10"/>
    </row>
    <row r="305268" spans="14:14">
      <c r="N305268" s="10"/>
    </row>
    <row r="305269" spans="14:14">
      <c r="N305269" s="10"/>
    </row>
    <row r="305270" spans="14:14">
      <c r="N305270" s="10"/>
    </row>
    <row r="305271" spans="14:14">
      <c r="N305271" s="10"/>
    </row>
    <row r="305272" spans="14:14">
      <c r="N305272" s="10"/>
    </row>
    <row r="305273" spans="14:14">
      <c r="N305273" s="10"/>
    </row>
    <row r="305274" spans="14:14">
      <c r="N305274" s="10"/>
    </row>
    <row r="305275" spans="14:14">
      <c r="N305275" s="10"/>
    </row>
    <row r="305276" spans="14:14">
      <c r="N305276" s="10"/>
    </row>
    <row r="305277" spans="14:14">
      <c r="N305277" s="10"/>
    </row>
    <row r="305278" spans="14:14">
      <c r="N305278" s="10"/>
    </row>
    <row r="305279" spans="14:14">
      <c r="N305279" s="10"/>
    </row>
    <row r="305280" spans="14:14">
      <c r="N305280" s="10"/>
    </row>
    <row r="305281" spans="14:14">
      <c r="N305281" s="10"/>
    </row>
    <row r="305282" spans="14:14">
      <c r="N305282" s="10"/>
    </row>
    <row r="305283" spans="14:14">
      <c r="N305283" s="10"/>
    </row>
    <row r="305284" spans="14:14">
      <c r="N305284" s="10"/>
    </row>
    <row r="305285" spans="14:14">
      <c r="N305285" s="10"/>
    </row>
    <row r="305286" spans="14:14">
      <c r="N305286" s="10"/>
    </row>
    <row r="305287" spans="14:14">
      <c r="N305287" s="10"/>
    </row>
    <row r="305288" spans="14:14">
      <c r="N305288" s="10"/>
    </row>
    <row r="305289" spans="14:14">
      <c r="N305289" s="10"/>
    </row>
    <row r="305290" spans="14:14">
      <c r="N305290" s="10"/>
    </row>
    <row r="305291" spans="14:14">
      <c r="N305291" s="10"/>
    </row>
    <row r="305292" spans="14:14">
      <c r="N305292" s="10"/>
    </row>
    <row r="305293" spans="14:14">
      <c r="N305293" s="10"/>
    </row>
    <row r="305294" spans="14:14">
      <c r="N305294" s="10"/>
    </row>
    <row r="305295" spans="14:14">
      <c r="N305295" s="10"/>
    </row>
    <row r="305296" spans="14:14">
      <c r="N305296" s="10"/>
    </row>
    <row r="305297" spans="14:14">
      <c r="N305297" s="10"/>
    </row>
    <row r="305298" spans="14:14">
      <c r="N305298" s="10"/>
    </row>
    <row r="305299" spans="14:14">
      <c r="N305299" s="10"/>
    </row>
    <row r="305300" spans="14:14">
      <c r="N305300" s="10"/>
    </row>
    <row r="305301" spans="14:14">
      <c r="N305301" s="10"/>
    </row>
    <row r="305302" spans="14:14">
      <c r="N305302" s="10"/>
    </row>
    <row r="305303" spans="14:14">
      <c r="N305303" s="10"/>
    </row>
    <row r="305304" spans="14:14">
      <c r="N305304" s="10"/>
    </row>
    <row r="305305" spans="14:14">
      <c r="N305305" s="10"/>
    </row>
    <row r="305306" spans="14:14">
      <c r="N305306" s="10"/>
    </row>
    <row r="305307" spans="14:14">
      <c r="N305307" s="10"/>
    </row>
    <row r="305308" spans="14:14">
      <c r="N305308" s="10"/>
    </row>
    <row r="305309" spans="14:14">
      <c r="N305309" s="10"/>
    </row>
    <row r="305310" spans="14:14">
      <c r="N305310" s="10"/>
    </row>
    <row r="305311" spans="14:14">
      <c r="N305311" s="10"/>
    </row>
    <row r="305312" spans="14:14">
      <c r="N305312" s="10"/>
    </row>
    <row r="305313" spans="14:14">
      <c r="N305313" s="10"/>
    </row>
    <row r="305314" spans="14:14">
      <c r="N305314" s="10"/>
    </row>
    <row r="305315" spans="14:14">
      <c r="N305315" s="10"/>
    </row>
    <row r="305316" spans="14:14">
      <c r="N305316" s="10"/>
    </row>
    <row r="305317" spans="14:14">
      <c r="N305317" s="10"/>
    </row>
    <row r="305318" spans="14:14">
      <c r="N305318" s="10"/>
    </row>
    <row r="305319" spans="14:14">
      <c r="N305319" s="10"/>
    </row>
    <row r="305320" spans="14:14">
      <c r="N305320" s="10"/>
    </row>
    <row r="305321" spans="14:14">
      <c r="N305321" s="10"/>
    </row>
    <row r="305322" spans="14:14">
      <c r="N305322" s="10"/>
    </row>
    <row r="305323" spans="14:14">
      <c r="N305323" s="10"/>
    </row>
    <row r="305324" spans="14:14">
      <c r="N305324" s="10"/>
    </row>
    <row r="305325" spans="14:14">
      <c r="N305325" s="10"/>
    </row>
    <row r="305326" spans="14:14">
      <c r="N305326" s="10"/>
    </row>
    <row r="305327" spans="14:14">
      <c r="N305327" s="10"/>
    </row>
    <row r="305328" spans="14:14">
      <c r="N305328" s="10"/>
    </row>
    <row r="305329" spans="14:14">
      <c r="N305329" s="10"/>
    </row>
    <row r="305330" spans="14:14">
      <c r="N305330" s="10"/>
    </row>
    <row r="305331" spans="14:14">
      <c r="N305331" s="10"/>
    </row>
    <row r="305332" spans="14:14">
      <c r="N305332" s="10"/>
    </row>
    <row r="305333" spans="14:14">
      <c r="N305333" s="10"/>
    </row>
    <row r="305334" spans="14:14">
      <c r="N305334" s="10"/>
    </row>
    <row r="305335" spans="14:14">
      <c r="N305335" s="10"/>
    </row>
    <row r="305336" spans="14:14">
      <c r="N305336" s="10"/>
    </row>
    <row r="305337" spans="14:14">
      <c r="N305337" s="10"/>
    </row>
    <row r="305338" spans="14:14">
      <c r="N305338" s="10"/>
    </row>
    <row r="305339" spans="14:14">
      <c r="N305339" s="10"/>
    </row>
    <row r="305340" spans="14:14">
      <c r="N305340" s="10"/>
    </row>
    <row r="305341" spans="14:14">
      <c r="N305341" s="10"/>
    </row>
    <row r="305342" spans="14:14">
      <c r="N305342" s="10"/>
    </row>
    <row r="305343" spans="14:14">
      <c r="N305343" s="10"/>
    </row>
    <row r="305344" spans="14:14">
      <c r="N305344" s="10"/>
    </row>
    <row r="305345" spans="14:14">
      <c r="N305345" s="10"/>
    </row>
    <row r="305346" spans="14:14">
      <c r="N305346" s="10"/>
    </row>
    <row r="305347" spans="14:14">
      <c r="N305347" s="10"/>
    </row>
    <row r="305348" spans="14:14">
      <c r="N305348" s="10"/>
    </row>
    <row r="305349" spans="14:14">
      <c r="N305349" s="10"/>
    </row>
    <row r="305350" spans="14:14">
      <c r="N305350" s="10"/>
    </row>
    <row r="305351" spans="14:14">
      <c r="N305351" s="10"/>
    </row>
    <row r="305352" spans="14:14">
      <c r="N305352" s="10"/>
    </row>
    <row r="305353" spans="14:14">
      <c r="N305353" s="10"/>
    </row>
    <row r="305354" spans="14:14">
      <c r="N305354" s="10"/>
    </row>
    <row r="305355" spans="14:14">
      <c r="N305355" s="10"/>
    </row>
    <row r="305356" spans="14:14">
      <c r="N305356" s="10"/>
    </row>
    <row r="305357" spans="14:14">
      <c r="N305357" s="10"/>
    </row>
    <row r="305358" spans="14:14">
      <c r="N305358" s="10"/>
    </row>
    <row r="305359" spans="14:14">
      <c r="N305359" s="10"/>
    </row>
    <row r="305360" spans="14:14">
      <c r="N305360" s="10"/>
    </row>
    <row r="305361" spans="14:14">
      <c r="N305361" s="10"/>
    </row>
    <row r="305362" spans="14:14">
      <c r="N305362" s="10"/>
    </row>
    <row r="305363" spans="14:14">
      <c r="N305363" s="10"/>
    </row>
    <row r="305364" spans="14:14">
      <c r="N305364" s="10"/>
    </row>
    <row r="305365" spans="14:14">
      <c r="N305365" s="10"/>
    </row>
    <row r="305366" spans="14:14">
      <c r="N305366" s="10"/>
    </row>
    <row r="305367" spans="14:14">
      <c r="N305367" s="10"/>
    </row>
    <row r="305368" spans="14:14">
      <c r="N305368" s="10"/>
    </row>
    <row r="305369" spans="14:14">
      <c r="N305369" s="10"/>
    </row>
    <row r="305370" spans="14:14">
      <c r="N305370" s="10"/>
    </row>
    <row r="305371" spans="14:14">
      <c r="N305371" s="10"/>
    </row>
    <row r="305372" spans="14:14">
      <c r="N305372" s="10"/>
    </row>
    <row r="305373" spans="14:14">
      <c r="N305373" s="10"/>
    </row>
    <row r="305374" spans="14:14">
      <c r="N305374" s="10"/>
    </row>
    <row r="305375" spans="14:14">
      <c r="N305375" s="10"/>
    </row>
    <row r="305376" spans="14:14">
      <c r="N305376" s="10"/>
    </row>
    <row r="305377" spans="14:14">
      <c r="N305377" s="10"/>
    </row>
    <row r="305378" spans="14:14">
      <c r="N305378" s="10"/>
    </row>
    <row r="305379" spans="14:14">
      <c r="N305379" s="10"/>
    </row>
    <row r="305380" spans="14:14">
      <c r="N305380" s="10"/>
    </row>
    <row r="305381" spans="14:14">
      <c r="N305381" s="10"/>
    </row>
    <row r="305382" spans="14:14">
      <c r="N305382" s="10"/>
    </row>
    <row r="305383" spans="14:14">
      <c r="N305383" s="10"/>
    </row>
    <row r="305384" spans="14:14">
      <c r="N305384" s="10"/>
    </row>
    <row r="305385" spans="14:14">
      <c r="N305385" s="10"/>
    </row>
    <row r="305386" spans="14:14">
      <c r="N305386" s="10"/>
    </row>
    <row r="305387" spans="14:14">
      <c r="N305387" s="10"/>
    </row>
    <row r="305388" spans="14:14">
      <c r="N305388" s="10"/>
    </row>
    <row r="305389" spans="14:14">
      <c r="N305389" s="10"/>
    </row>
    <row r="305390" spans="14:14">
      <c r="N305390" s="10"/>
    </row>
    <row r="305391" spans="14:14">
      <c r="N305391" s="10"/>
    </row>
    <row r="305392" spans="14:14">
      <c r="N305392" s="10"/>
    </row>
    <row r="305393" spans="14:14">
      <c r="N305393" s="10"/>
    </row>
    <row r="305394" spans="14:14">
      <c r="N305394" s="10"/>
    </row>
    <row r="305395" spans="14:14">
      <c r="N305395" s="10"/>
    </row>
    <row r="305396" spans="14:14">
      <c r="N305396" s="10"/>
    </row>
    <row r="305397" spans="14:14">
      <c r="N305397" s="10"/>
    </row>
    <row r="305398" spans="14:14">
      <c r="N305398" s="10"/>
    </row>
    <row r="305399" spans="14:14">
      <c r="N305399" s="10"/>
    </row>
    <row r="305400" spans="14:14">
      <c r="N305400" s="10"/>
    </row>
    <row r="305401" spans="14:14">
      <c r="N305401" s="10"/>
    </row>
    <row r="305402" spans="14:14">
      <c r="N305402" s="10"/>
    </row>
    <row r="305403" spans="14:14">
      <c r="N305403" s="10"/>
    </row>
    <row r="305404" spans="14:14">
      <c r="N305404" s="10"/>
    </row>
    <row r="305405" spans="14:14">
      <c r="N305405" s="10"/>
    </row>
    <row r="305406" spans="14:14">
      <c r="N305406" s="10"/>
    </row>
    <row r="305407" spans="14:14">
      <c r="N305407" s="10"/>
    </row>
    <row r="305408" spans="14:14">
      <c r="N305408" s="10"/>
    </row>
    <row r="305409" spans="14:14">
      <c r="N305409" s="10"/>
    </row>
    <row r="305410" spans="14:14">
      <c r="N305410" s="10"/>
    </row>
    <row r="305411" spans="14:14">
      <c r="N305411" s="10"/>
    </row>
    <row r="305412" spans="14:14">
      <c r="N305412" s="10"/>
    </row>
    <row r="305413" spans="14:14">
      <c r="N305413" s="10"/>
    </row>
    <row r="305414" spans="14:14">
      <c r="N305414" s="10"/>
    </row>
    <row r="305415" spans="14:14">
      <c r="N305415" s="10"/>
    </row>
    <row r="305416" spans="14:14">
      <c r="N305416" s="10"/>
    </row>
    <row r="305417" spans="14:14">
      <c r="N305417" s="10"/>
    </row>
    <row r="305418" spans="14:14">
      <c r="N305418" s="10"/>
    </row>
    <row r="305419" spans="14:14">
      <c r="N305419" s="10"/>
    </row>
    <row r="305420" spans="14:14">
      <c r="N305420" s="10"/>
    </row>
    <row r="305421" spans="14:14">
      <c r="N305421" s="10"/>
    </row>
    <row r="305422" spans="14:14">
      <c r="N305422" s="10"/>
    </row>
    <row r="305423" spans="14:14">
      <c r="N305423" s="10"/>
    </row>
    <row r="305424" spans="14:14">
      <c r="N305424" s="10"/>
    </row>
    <row r="305425" spans="14:14">
      <c r="N305425" s="10"/>
    </row>
    <row r="305426" spans="14:14">
      <c r="N305426" s="10"/>
    </row>
    <row r="305427" spans="14:14">
      <c r="N305427" s="10"/>
    </row>
    <row r="305428" spans="14:14">
      <c r="N305428" s="10"/>
    </row>
    <row r="305429" spans="14:14">
      <c r="N305429" s="10"/>
    </row>
    <row r="305430" spans="14:14">
      <c r="N305430" s="10"/>
    </row>
    <row r="305431" spans="14:14">
      <c r="N305431" s="10"/>
    </row>
    <row r="305432" spans="14:14">
      <c r="N305432" s="10"/>
    </row>
    <row r="305433" spans="14:14">
      <c r="N305433" s="10"/>
    </row>
    <row r="305434" spans="14:14">
      <c r="N305434" s="10"/>
    </row>
    <row r="305435" spans="14:14">
      <c r="N305435" s="10"/>
    </row>
    <row r="305436" spans="14:14">
      <c r="N305436" s="10"/>
    </row>
    <row r="305437" spans="14:14">
      <c r="N305437" s="10"/>
    </row>
    <row r="305438" spans="14:14">
      <c r="N305438" s="10"/>
    </row>
    <row r="305439" spans="14:14">
      <c r="N305439" s="10"/>
    </row>
    <row r="305440" spans="14:14">
      <c r="N305440" s="10"/>
    </row>
    <row r="305441" spans="14:14">
      <c r="N305441" s="10"/>
    </row>
    <row r="305442" spans="14:14">
      <c r="N305442" s="10"/>
    </row>
    <row r="305443" spans="14:14">
      <c r="N305443" s="10"/>
    </row>
    <row r="305444" spans="14:14">
      <c r="N305444" s="10"/>
    </row>
    <row r="305445" spans="14:14">
      <c r="N305445" s="10"/>
    </row>
    <row r="305446" spans="14:14">
      <c r="N305446" s="10"/>
    </row>
    <row r="305447" spans="14:14">
      <c r="N305447" s="10"/>
    </row>
    <row r="305448" spans="14:14">
      <c r="N305448" s="10"/>
    </row>
    <row r="305449" spans="14:14">
      <c r="N305449" s="10"/>
    </row>
    <row r="305450" spans="14:14">
      <c r="N305450" s="10"/>
    </row>
    <row r="305451" spans="14:14">
      <c r="N305451" s="10"/>
    </row>
    <row r="305452" spans="14:14">
      <c r="N305452" s="10"/>
    </row>
    <row r="305453" spans="14:14">
      <c r="N305453" s="10"/>
    </row>
    <row r="305454" spans="14:14">
      <c r="N305454" s="10"/>
    </row>
    <row r="305455" spans="14:14">
      <c r="N305455" s="10"/>
    </row>
    <row r="305456" spans="14:14">
      <c r="N305456" s="10"/>
    </row>
    <row r="305457" spans="14:14">
      <c r="N305457" s="10"/>
    </row>
    <row r="305458" spans="14:14">
      <c r="N305458" s="10"/>
    </row>
    <row r="305459" spans="14:14">
      <c r="N305459" s="10"/>
    </row>
    <row r="305460" spans="14:14">
      <c r="N305460" s="10"/>
    </row>
    <row r="305461" spans="14:14">
      <c r="N305461" s="10"/>
    </row>
    <row r="305462" spans="14:14">
      <c r="N305462" s="10"/>
    </row>
    <row r="305463" spans="14:14">
      <c r="N305463" s="10"/>
    </row>
    <row r="305464" spans="14:14">
      <c r="N305464" s="10"/>
    </row>
    <row r="305465" spans="14:14">
      <c r="N305465" s="10"/>
    </row>
    <row r="305466" spans="14:14">
      <c r="N305466" s="10"/>
    </row>
    <row r="305467" spans="14:14">
      <c r="N305467" s="10"/>
    </row>
    <row r="305468" spans="14:14">
      <c r="N305468" s="10"/>
    </row>
    <row r="305469" spans="14:14">
      <c r="N305469" s="10"/>
    </row>
    <row r="305470" spans="14:14">
      <c r="N305470" s="10"/>
    </row>
    <row r="305471" spans="14:14">
      <c r="N305471" s="10"/>
    </row>
    <row r="305472" spans="14:14">
      <c r="N305472" s="10"/>
    </row>
    <row r="305473" spans="14:14">
      <c r="N305473" s="10"/>
    </row>
    <row r="305474" spans="14:14">
      <c r="N305474" s="10"/>
    </row>
    <row r="305475" spans="14:14">
      <c r="N305475" s="10"/>
    </row>
    <row r="305476" spans="14:14">
      <c r="N305476" s="10"/>
    </row>
    <row r="305477" spans="14:14">
      <c r="N305477" s="10"/>
    </row>
    <row r="305478" spans="14:14">
      <c r="N305478" s="10"/>
    </row>
    <row r="305479" spans="14:14">
      <c r="N305479" s="10"/>
    </row>
    <row r="305480" spans="14:14">
      <c r="N305480" s="10"/>
    </row>
    <row r="305481" spans="14:14">
      <c r="N305481" s="10"/>
    </row>
    <row r="305482" spans="14:14">
      <c r="N305482" s="10"/>
    </row>
    <row r="305483" spans="14:14">
      <c r="N305483" s="10"/>
    </row>
    <row r="305484" spans="14:14">
      <c r="N305484" s="10"/>
    </row>
    <row r="305485" spans="14:14">
      <c r="N305485" s="10"/>
    </row>
    <row r="305486" spans="14:14">
      <c r="N305486" s="10"/>
    </row>
    <row r="305487" spans="14:14">
      <c r="N305487" s="10"/>
    </row>
    <row r="305488" spans="14:14">
      <c r="N305488" s="10"/>
    </row>
    <row r="305489" spans="14:14">
      <c r="N305489" s="10"/>
    </row>
    <row r="305490" spans="14:14">
      <c r="N305490" s="10"/>
    </row>
    <row r="305491" spans="14:14">
      <c r="N305491" s="10"/>
    </row>
    <row r="305492" spans="14:14">
      <c r="N305492" s="10"/>
    </row>
    <row r="305493" spans="14:14">
      <c r="N305493" s="10"/>
    </row>
    <row r="305494" spans="14:14">
      <c r="N305494" s="10"/>
    </row>
    <row r="305495" spans="14:14">
      <c r="N305495" s="10"/>
    </row>
    <row r="305496" spans="14:14">
      <c r="N305496" s="10"/>
    </row>
    <row r="305497" spans="14:14">
      <c r="N305497" s="10"/>
    </row>
    <row r="305498" spans="14:14">
      <c r="N305498" s="10"/>
    </row>
    <row r="305499" spans="14:14">
      <c r="N305499" s="10"/>
    </row>
    <row r="305500" spans="14:14">
      <c r="N305500" s="10"/>
    </row>
    <row r="305501" spans="14:14">
      <c r="N305501" s="10"/>
    </row>
    <row r="305502" spans="14:14">
      <c r="N305502" s="10"/>
    </row>
    <row r="305503" spans="14:14">
      <c r="N305503" s="10"/>
    </row>
    <row r="305504" spans="14:14">
      <c r="N305504" s="10"/>
    </row>
    <row r="305505" spans="14:14">
      <c r="N305505" s="10"/>
    </row>
    <row r="305506" spans="14:14">
      <c r="N305506" s="10"/>
    </row>
    <row r="305507" spans="14:14">
      <c r="N305507" s="10"/>
    </row>
    <row r="305508" spans="14:14">
      <c r="N305508" s="10"/>
    </row>
    <row r="305509" spans="14:14">
      <c r="N305509" s="10"/>
    </row>
    <row r="305510" spans="14:14">
      <c r="N305510" s="10"/>
    </row>
    <row r="305511" spans="14:14">
      <c r="N305511" s="10"/>
    </row>
    <row r="305512" spans="14:14">
      <c r="N305512" s="10"/>
    </row>
    <row r="305513" spans="14:14">
      <c r="N305513" s="10"/>
    </row>
    <row r="305514" spans="14:14">
      <c r="N305514" s="10"/>
    </row>
    <row r="305515" spans="14:14">
      <c r="N305515" s="10"/>
    </row>
    <row r="305516" spans="14:14">
      <c r="N305516" s="10"/>
    </row>
    <row r="305517" spans="14:14">
      <c r="N305517" s="10"/>
    </row>
    <row r="305518" spans="14:14">
      <c r="N305518" s="10"/>
    </row>
    <row r="305519" spans="14:14">
      <c r="N305519" s="10"/>
    </row>
    <row r="305520" spans="14:14">
      <c r="N305520" s="10"/>
    </row>
    <row r="305521" spans="14:14">
      <c r="N305521" s="10"/>
    </row>
    <row r="305522" spans="14:14">
      <c r="N305522" s="10"/>
    </row>
    <row r="305523" spans="14:14">
      <c r="N305523" s="10"/>
    </row>
    <row r="305524" spans="14:14">
      <c r="N305524" s="10"/>
    </row>
    <row r="305525" spans="14:14">
      <c r="N305525" s="10"/>
    </row>
    <row r="305526" spans="14:14">
      <c r="N305526" s="10"/>
    </row>
    <row r="305527" spans="14:14">
      <c r="N305527" s="10"/>
    </row>
    <row r="305528" spans="14:14">
      <c r="N305528" s="10"/>
    </row>
    <row r="305529" spans="14:14">
      <c r="N305529" s="10"/>
    </row>
    <row r="305530" spans="14:14">
      <c r="N305530" s="10"/>
    </row>
    <row r="305531" spans="14:14">
      <c r="N305531" s="10"/>
    </row>
    <row r="305532" spans="14:14">
      <c r="N305532" s="10"/>
    </row>
    <row r="305533" spans="14:14">
      <c r="N305533" s="10"/>
    </row>
    <row r="305534" spans="14:14">
      <c r="N305534" s="10"/>
    </row>
    <row r="305535" spans="14:14">
      <c r="N305535" s="10"/>
    </row>
    <row r="305536" spans="14:14">
      <c r="N305536" s="10"/>
    </row>
    <row r="305537" spans="14:14">
      <c r="N305537" s="10"/>
    </row>
    <row r="305538" spans="14:14">
      <c r="N305538" s="10"/>
    </row>
    <row r="305539" spans="14:14">
      <c r="N305539" s="10"/>
    </row>
    <row r="305540" spans="14:14">
      <c r="N305540" s="10"/>
    </row>
    <row r="305541" spans="14:14">
      <c r="N305541" s="10"/>
    </row>
    <row r="305542" spans="14:14">
      <c r="N305542" s="10"/>
    </row>
    <row r="305543" spans="14:14">
      <c r="N305543" s="10"/>
    </row>
    <row r="305544" spans="14:14">
      <c r="N305544" s="10"/>
    </row>
    <row r="305545" spans="14:14">
      <c r="N305545" s="10"/>
    </row>
    <row r="305546" spans="14:14">
      <c r="N305546" s="10"/>
    </row>
    <row r="305547" spans="14:14">
      <c r="N305547" s="10"/>
    </row>
    <row r="305548" spans="14:14">
      <c r="N305548" s="10"/>
    </row>
    <row r="305549" spans="14:14">
      <c r="N305549" s="10"/>
    </row>
    <row r="305550" spans="14:14">
      <c r="N305550" s="10"/>
    </row>
    <row r="305551" spans="14:14">
      <c r="N305551" s="10"/>
    </row>
    <row r="305552" spans="14:14">
      <c r="N305552" s="10"/>
    </row>
    <row r="305553" spans="14:14">
      <c r="N305553" s="10"/>
    </row>
    <row r="305554" spans="14:14">
      <c r="N305554" s="10"/>
    </row>
    <row r="305555" spans="14:14">
      <c r="N305555" s="10"/>
    </row>
    <row r="305556" spans="14:14">
      <c r="N305556" s="10"/>
    </row>
    <row r="305557" spans="14:14">
      <c r="N305557" s="10"/>
    </row>
    <row r="305558" spans="14:14">
      <c r="N305558" s="10"/>
    </row>
    <row r="305559" spans="14:14">
      <c r="N305559" s="10"/>
    </row>
    <row r="305560" spans="14:14">
      <c r="N305560" s="10"/>
    </row>
    <row r="305561" spans="14:14">
      <c r="N305561" s="10"/>
    </row>
    <row r="305562" spans="14:14">
      <c r="N305562" s="10"/>
    </row>
    <row r="305563" spans="14:14">
      <c r="N305563" s="10"/>
    </row>
    <row r="305564" spans="14:14">
      <c r="N305564" s="10"/>
    </row>
    <row r="305565" spans="14:14">
      <c r="N305565" s="10"/>
    </row>
    <row r="305566" spans="14:14">
      <c r="N305566" s="10"/>
    </row>
    <row r="305567" spans="14:14">
      <c r="N305567" s="10"/>
    </row>
    <row r="305568" spans="14:14">
      <c r="N305568" s="10"/>
    </row>
    <row r="305569" spans="14:14">
      <c r="N305569" s="10"/>
    </row>
    <row r="305570" spans="14:14">
      <c r="N305570" s="10"/>
    </row>
    <row r="305571" spans="14:14">
      <c r="N305571" s="10"/>
    </row>
    <row r="305572" spans="14:14">
      <c r="N305572" s="10"/>
    </row>
    <row r="305573" spans="14:14">
      <c r="N305573" s="10"/>
    </row>
    <row r="305574" spans="14:14">
      <c r="N305574" s="10"/>
    </row>
    <row r="305575" spans="14:14">
      <c r="N305575" s="10"/>
    </row>
    <row r="305576" spans="14:14">
      <c r="N305576" s="10"/>
    </row>
    <row r="305577" spans="14:14">
      <c r="N305577" s="10"/>
    </row>
    <row r="305578" spans="14:14">
      <c r="N305578" s="10"/>
    </row>
    <row r="305579" spans="14:14">
      <c r="N305579" s="10"/>
    </row>
    <row r="305580" spans="14:14">
      <c r="N305580" s="10"/>
    </row>
    <row r="305581" spans="14:14">
      <c r="N305581" s="10"/>
    </row>
    <row r="305582" spans="14:14">
      <c r="N305582" s="10"/>
    </row>
    <row r="305583" spans="14:14">
      <c r="N305583" s="10"/>
    </row>
    <row r="305584" spans="14:14">
      <c r="N305584" s="10"/>
    </row>
    <row r="305585" spans="14:14">
      <c r="N305585" s="10"/>
    </row>
    <row r="305586" spans="14:14">
      <c r="N305586" s="10"/>
    </row>
    <row r="305587" spans="14:14">
      <c r="N305587" s="10"/>
    </row>
    <row r="305588" spans="14:14">
      <c r="N305588" s="10"/>
    </row>
    <row r="305589" spans="14:14">
      <c r="N305589" s="10"/>
    </row>
    <row r="305590" spans="14:14">
      <c r="N305590" s="10"/>
    </row>
    <row r="305591" spans="14:14">
      <c r="N305591" s="10"/>
    </row>
    <row r="305592" spans="14:14">
      <c r="N305592" s="10"/>
    </row>
    <row r="305593" spans="14:14">
      <c r="N305593" s="10"/>
    </row>
    <row r="305594" spans="14:14">
      <c r="N305594" s="10"/>
    </row>
    <row r="305595" spans="14:14">
      <c r="N305595" s="10"/>
    </row>
    <row r="305596" spans="14:14">
      <c r="N305596" s="10"/>
    </row>
    <row r="305597" spans="14:14">
      <c r="N305597" s="10"/>
    </row>
    <row r="305598" spans="14:14">
      <c r="N305598" s="10"/>
    </row>
    <row r="305599" spans="14:14">
      <c r="N305599" s="10"/>
    </row>
    <row r="305600" spans="14:14">
      <c r="N305600" s="10"/>
    </row>
    <row r="305601" spans="14:14">
      <c r="N305601" s="10"/>
    </row>
    <row r="305602" spans="14:14">
      <c r="N305602" s="10"/>
    </row>
    <row r="305603" spans="14:14">
      <c r="N305603" s="10"/>
    </row>
    <row r="305604" spans="14:14">
      <c r="N305604" s="10"/>
    </row>
    <row r="305605" spans="14:14">
      <c r="N305605" s="10"/>
    </row>
    <row r="305606" spans="14:14">
      <c r="N305606" s="10"/>
    </row>
    <row r="305607" spans="14:14">
      <c r="N305607" s="10"/>
    </row>
    <row r="305608" spans="14:14">
      <c r="N305608" s="10"/>
    </row>
    <row r="305609" spans="14:14">
      <c r="N305609" s="10"/>
    </row>
    <row r="305610" spans="14:14">
      <c r="N305610" s="10"/>
    </row>
    <row r="305611" spans="14:14">
      <c r="N305611" s="10"/>
    </row>
    <row r="305612" spans="14:14">
      <c r="N305612" s="10"/>
    </row>
    <row r="305613" spans="14:14">
      <c r="N305613" s="10"/>
    </row>
    <row r="305614" spans="14:14">
      <c r="N305614" s="10"/>
    </row>
    <row r="305615" spans="14:14">
      <c r="N305615" s="10"/>
    </row>
    <row r="305616" spans="14:14">
      <c r="N305616" s="10"/>
    </row>
    <row r="305617" spans="14:14">
      <c r="N305617" s="10"/>
    </row>
    <row r="305618" spans="14:14">
      <c r="N305618" s="10"/>
    </row>
    <row r="305619" spans="14:14">
      <c r="N305619" s="10"/>
    </row>
    <row r="305620" spans="14:14">
      <c r="N305620" s="10"/>
    </row>
    <row r="305621" spans="14:14">
      <c r="N305621" s="10"/>
    </row>
    <row r="305622" spans="14:14">
      <c r="N305622" s="10"/>
    </row>
    <row r="305623" spans="14:14">
      <c r="N305623" s="10"/>
    </row>
    <row r="305624" spans="14:14">
      <c r="N305624" s="10"/>
    </row>
    <row r="305625" spans="14:14">
      <c r="N305625" s="10"/>
    </row>
    <row r="305626" spans="14:14">
      <c r="N305626" s="10"/>
    </row>
    <row r="305627" spans="14:14">
      <c r="N305627" s="10"/>
    </row>
    <row r="305628" spans="14:14">
      <c r="N305628" s="10"/>
    </row>
    <row r="305629" spans="14:14">
      <c r="N305629" s="10"/>
    </row>
    <row r="305630" spans="14:14">
      <c r="N305630" s="10"/>
    </row>
    <row r="305631" spans="14:14">
      <c r="N305631" s="10"/>
    </row>
    <row r="305632" spans="14:14">
      <c r="N305632" s="10"/>
    </row>
    <row r="305633" spans="14:14">
      <c r="N305633" s="10"/>
    </row>
    <row r="305634" spans="14:14">
      <c r="N305634" s="10"/>
    </row>
    <row r="305635" spans="14:14">
      <c r="N305635" s="10"/>
    </row>
    <row r="305636" spans="14:14">
      <c r="N305636" s="10"/>
    </row>
    <row r="305637" spans="14:14">
      <c r="N305637" s="10"/>
    </row>
    <row r="305638" spans="14:14">
      <c r="N305638" s="10"/>
    </row>
    <row r="305639" spans="14:14">
      <c r="N305639" s="10"/>
    </row>
    <row r="305640" spans="14:14">
      <c r="N305640" s="10"/>
    </row>
    <row r="305641" spans="14:14">
      <c r="N305641" s="10"/>
    </row>
    <row r="305642" spans="14:14">
      <c r="N305642" s="10"/>
    </row>
    <row r="305643" spans="14:14">
      <c r="N305643" s="10"/>
    </row>
    <row r="305644" spans="14:14">
      <c r="N305644" s="10"/>
    </row>
    <row r="305645" spans="14:14">
      <c r="N305645" s="10"/>
    </row>
    <row r="305646" spans="14:14">
      <c r="N305646" s="10"/>
    </row>
    <row r="305647" spans="14:14">
      <c r="N305647" s="10"/>
    </row>
    <row r="305648" spans="14:14">
      <c r="N305648" s="10"/>
    </row>
    <row r="305649" spans="14:14">
      <c r="N305649" s="10"/>
    </row>
    <row r="305650" spans="14:14">
      <c r="N305650" s="10"/>
    </row>
    <row r="305651" spans="14:14">
      <c r="N305651" s="10"/>
    </row>
    <row r="305652" spans="14:14">
      <c r="N305652" s="10"/>
    </row>
    <row r="305653" spans="14:14">
      <c r="N305653" s="10"/>
    </row>
    <row r="305654" spans="14:14">
      <c r="N305654" s="10"/>
    </row>
    <row r="305655" spans="14:14">
      <c r="N305655" s="10"/>
    </row>
    <row r="305656" spans="14:14">
      <c r="N305656" s="10"/>
    </row>
    <row r="305657" spans="14:14">
      <c r="N305657" s="10"/>
    </row>
    <row r="305658" spans="14:14">
      <c r="N305658" s="10"/>
    </row>
    <row r="305659" spans="14:14">
      <c r="N305659" s="10"/>
    </row>
    <row r="305660" spans="14:14">
      <c r="N305660" s="10"/>
    </row>
    <row r="305661" spans="14:14">
      <c r="N305661" s="10"/>
    </row>
    <row r="305662" spans="14:14">
      <c r="N305662" s="10"/>
    </row>
    <row r="305663" spans="14:14">
      <c r="N305663" s="10"/>
    </row>
    <row r="305664" spans="14:14">
      <c r="N305664" s="10"/>
    </row>
    <row r="305665" spans="14:14">
      <c r="N305665" s="10"/>
    </row>
    <row r="305666" spans="14:14">
      <c r="N305666" s="10"/>
    </row>
    <row r="305667" spans="14:14">
      <c r="N305667" s="10"/>
    </row>
    <row r="305668" spans="14:14">
      <c r="N305668" s="10"/>
    </row>
    <row r="305669" spans="14:14">
      <c r="N305669" s="10"/>
    </row>
    <row r="305670" spans="14:14">
      <c r="N305670" s="10"/>
    </row>
    <row r="305671" spans="14:14">
      <c r="N305671" s="10"/>
    </row>
    <row r="305672" spans="14:14">
      <c r="N305672" s="10"/>
    </row>
    <row r="305673" spans="14:14">
      <c r="N305673" s="10"/>
    </row>
    <row r="305674" spans="14:14">
      <c r="N305674" s="10"/>
    </row>
    <row r="305675" spans="14:14">
      <c r="N305675" s="10"/>
    </row>
    <row r="305676" spans="14:14">
      <c r="N305676" s="10"/>
    </row>
    <row r="305677" spans="14:14">
      <c r="N305677" s="10"/>
    </row>
    <row r="305678" spans="14:14">
      <c r="N305678" s="10"/>
    </row>
    <row r="305679" spans="14:14">
      <c r="N305679" s="10"/>
    </row>
    <row r="305680" spans="14:14">
      <c r="N305680" s="10"/>
    </row>
    <row r="305681" spans="14:14">
      <c r="N305681" s="10"/>
    </row>
    <row r="305682" spans="14:14">
      <c r="N305682" s="10"/>
    </row>
    <row r="305683" spans="14:14">
      <c r="N305683" s="10"/>
    </row>
    <row r="305684" spans="14:14">
      <c r="N305684" s="10"/>
    </row>
    <row r="305685" spans="14:14">
      <c r="N305685" s="10"/>
    </row>
    <row r="305686" spans="14:14">
      <c r="N305686" s="10"/>
    </row>
    <row r="305687" spans="14:14">
      <c r="N305687" s="10"/>
    </row>
    <row r="305688" spans="14:14">
      <c r="N305688" s="10"/>
    </row>
    <row r="305689" spans="14:14">
      <c r="N305689" s="10"/>
    </row>
    <row r="305690" spans="14:14">
      <c r="N305690" s="10"/>
    </row>
    <row r="305691" spans="14:14">
      <c r="N305691" s="10"/>
    </row>
    <row r="305692" spans="14:14">
      <c r="N305692" s="10"/>
    </row>
    <row r="305693" spans="14:14">
      <c r="N305693" s="10"/>
    </row>
    <row r="305694" spans="14:14">
      <c r="N305694" s="10"/>
    </row>
    <row r="305695" spans="14:14">
      <c r="N305695" s="10"/>
    </row>
    <row r="305696" spans="14:14">
      <c r="N305696" s="10"/>
    </row>
    <row r="305697" spans="14:14">
      <c r="N305697" s="10"/>
    </row>
    <row r="305698" spans="14:14">
      <c r="N305698" s="10"/>
    </row>
    <row r="305699" spans="14:14">
      <c r="N305699" s="10"/>
    </row>
    <row r="305700" spans="14:14">
      <c r="N305700" s="10"/>
    </row>
    <row r="305701" spans="14:14">
      <c r="N305701" s="10"/>
    </row>
    <row r="305702" spans="14:14">
      <c r="N305702" s="10"/>
    </row>
    <row r="305703" spans="14:14">
      <c r="N305703" s="10"/>
    </row>
    <row r="305704" spans="14:14">
      <c r="N305704" s="10"/>
    </row>
    <row r="305705" spans="14:14">
      <c r="N305705" s="10"/>
    </row>
    <row r="305706" spans="14:14">
      <c r="N305706" s="10"/>
    </row>
    <row r="305707" spans="14:14">
      <c r="N305707" s="10"/>
    </row>
    <row r="305708" spans="14:14">
      <c r="N305708" s="10"/>
    </row>
    <row r="305709" spans="14:14">
      <c r="N305709" s="10"/>
    </row>
    <row r="305710" spans="14:14">
      <c r="N305710" s="10"/>
    </row>
    <row r="305711" spans="14:14">
      <c r="N305711" s="10"/>
    </row>
    <row r="305712" spans="14:14">
      <c r="N305712" s="10"/>
    </row>
    <row r="305713" spans="14:14">
      <c r="N305713" s="10"/>
    </row>
    <row r="305714" spans="14:14">
      <c r="N305714" s="10"/>
    </row>
    <row r="305715" spans="14:14">
      <c r="N305715" s="10"/>
    </row>
    <row r="305716" spans="14:14">
      <c r="N305716" s="10"/>
    </row>
    <row r="305717" spans="14:14">
      <c r="N305717" s="10"/>
    </row>
    <row r="305718" spans="14:14">
      <c r="N305718" s="10"/>
    </row>
    <row r="305719" spans="14:14">
      <c r="N305719" s="10"/>
    </row>
    <row r="305720" spans="14:14">
      <c r="N305720" s="10"/>
    </row>
    <row r="305721" spans="14:14">
      <c r="N305721" s="10"/>
    </row>
    <row r="305722" spans="14:14">
      <c r="N305722" s="10"/>
    </row>
    <row r="305723" spans="14:14">
      <c r="N305723" s="10"/>
    </row>
    <row r="305724" spans="14:14">
      <c r="N305724" s="10"/>
    </row>
    <row r="305725" spans="14:14">
      <c r="N305725" s="10"/>
    </row>
    <row r="305726" spans="14:14">
      <c r="N305726" s="10"/>
    </row>
    <row r="305727" spans="14:14">
      <c r="N305727" s="10"/>
    </row>
    <row r="305728" spans="14:14">
      <c r="N305728" s="10"/>
    </row>
    <row r="305729" spans="14:14">
      <c r="N305729" s="10"/>
    </row>
    <row r="305730" spans="14:14">
      <c r="N305730" s="10"/>
    </row>
    <row r="305731" spans="14:14">
      <c r="N305731" s="10"/>
    </row>
    <row r="305732" spans="14:14">
      <c r="N305732" s="10"/>
    </row>
    <row r="305733" spans="14:14">
      <c r="N305733" s="10"/>
    </row>
    <row r="305734" spans="14:14">
      <c r="N305734" s="10"/>
    </row>
    <row r="305735" spans="14:14">
      <c r="N305735" s="10"/>
    </row>
    <row r="305736" spans="14:14">
      <c r="N305736" s="10"/>
    </row>
    <row r="305737" spans="14:14">
      <c r="N305737" s="10"/>
    </row>
    <row r="305738" spans="14:14">
      <c r="N305738" s="10"/>
    </row>
    <row r="305739" spans="14:14">
      <c r="N305739" s="10"/>
    </row>
    <row r="305740" spans="14:14">
      <c r="N305740" s="10"/>
    </row>
    <row r="305741" spans="14:14">
      <c r="N305741" s="10"/>
    </row>
    <row r="305742" spans="14:14">
      <c r="N305742" s="10"/>
    </row>
    <row r="305743" spans="14:14">
      <c r="N305743" s="10"/>
    </row>
    <row r="305744" spans="14:14">
      <c r="N305744" s="10"/>
    </row>
    <row r="305745" spans="14:14">
      <c r="N305745" s="10"/>
    </row>
    <row r="305746" spans="14:14">
      <c r="N305746" s="10"/>
    </row>
    <row r="305747" spans="14:14">
      <c r="N305747" s="10"/>
    </row>
    <row r="305748" spans="14:14">
      <c r="N305748" s="10"/>
    </row>
    <row r="305749" spans="14:14">
      <c r="N305749" s="10"/>
    </row>
    <row r="305750" spans="14:14">
      <c r="N305750" s="10"/>
    </row>
    <row r="305751" spans="14:14">
      <c r="N305751" s="10"/>
    </row>
    <row r="305752" spans="14:14">
      <c r="N305752" s="10"/>
    </row>
    <row r="305753" spans="14:14">
      <c r="N305753" s="10"/>
    </row>
    <row r="305754" spans="14:14">
      <c r="N305754" s="10"/>
    </row>
    <row r="305755" spans="14:14">
      <c r="N305755" s="10"/>
    </row>
    <row r="305756" spans="14:14">
      <c r="N305756" s="10"/>
    </row>
    <row r="305757" spans="14:14">
      <c r="N305757" s="10"/>
    </row>
    <row r="305758" spans="14:14">
      <c r="N305758" s="10"/>
    </row>
    <row r="305759" spans="14:14">
      <c r="N305759" s="10"/>
    </row>
    <row r="305760" spans="14:14">
      <c r="N305760" s="10"/>
    </row>
    <row r="305761" spans="14:14">
      <c r="N305761" s="10"/>
    </row>
    <row r="305762" spans="14:14">
      <c r="N305762" s="10"/>
    </row>
    <row r="305763" spans="14:14">
      <c r="N305763" s="10"/>
    </row>
    <row r="305764" spans="14:14">
      <c r="N305764" s="10"/>
    </row>
    <row r="305765" spans="14:14">
      <c r="N305765" s="10"/>
    </row>
    <row r="305766" spans="14:14">
      <c r="N305766" s="10"/>
    </row>
    <row r="305767" spans="14:14">
      <c r="N305767" s="10"/>
    </row>
    <row r="305768" spans="14:14">
      <c r="N305768" s="10"/>
    </row>
    <row r="305769" spans="14:14">
      <c r="N305769" s="10"/>
    </row>
    <row r="305770" spans="14:14">
      <c r="N305770" s="10"/>
    </row>
    <row r="305771" spans="14:14">
      <c r="N305771" s="10"/>
    </row>
    <row r="305772" spans="14:14">
      <c r="N305772" s="10"/>
    </row>
    <row r="305773" spans="14:14">
      <c r="N305773" s="10"/>
    </row>
    <row r="305774" spans="14:14">
      <c r="N305774" s="10"/>
    </row>
    <row r="305775" spans="14:14">
      <c r="N305775" s="10"/>
    </row>
    <row r="305776" spans="14:14">
      <c r="N305776" s="10"/>
    </row>
    <row r="305777" spans="14:14">
      <c r="N305777" s="10"/>
    </row>
    <row r="305778" spans="14:14">
      <c r="N305778" s="10"/>
    </row>
    <row r="305779" spans="14:14">
      <c r="N305779" s="10"/>
    </row>
    <row r="305780" spans="14:14">
      <c r="N305780" s="10"/>
    </row>
    <row r="305781" spans="14:14">
      <c r="N305781" s="10"/>
    </row>
    <row r="305782" spans="14:14">
      <c r="N305782" s="10"/>
    </row>
    <row r="305783" spans="14:14">
      <c r="N305783" s="10"/>
    </row>
    <row r="305784" spans="14:14">
      <c r="N305784" s="10"/>
    </row>
    <row r="305785" spans="14:14">
      <c r="N305785" s="10"/>
    </row>
    <row r="305786" spans="14:14">
      <c r="N305786" s="10"/>
    </row>
    <row r="305787" spans="14:14">
      <c r="N305787" s="10"/>
    </row>
    <row r="305788" spans="14:14">
      <c r="N305788" s="10"/>
    </row>
    <row r="305789" spans="14:14">
      <c r="N305789" s="10"/>
    </row>
    <row r="305790" spans="14:14">
      <c r="N305790" s="10"/>
    </row>
    <row r="305791" spans="14:14">
      <c r="N305791" s="10"/>
    </row>
    <row r="305792" spans="14:14">
      <c r="N305792" s="10"/>
    </row>
    <row r="305793" spans="14:14">
      <c r="N305793" s="10"/>
    </row>
    <row r="305794" spans="14:14">
      <c r="N305794" s="10"/>
    </row>
    <row r="305795" spans="14:14">
      <c r="N305795" s="10"/>
    </row>
    <row r="305796" spans="14:14">
      <c r="N305796" s="10"/>
    </row>
    <row r="305797" spans="14:14">
      <c r="N305797" s="10"/>
    </row>
    <row r="305798" spans="14:14">
      <c r="N305798" s="10"/>
    </row>
    <row r="305799" spans="14:14">
      <c r="N305799" s="10"/>
    </row>
    <row r="305800" spans="14:14">
      <c r="N305800" s="10"/>
    </row>
    <row r="305801" spans="14:14">
      <c r="N305801" s="10"/>
    </row>
    <row r="305802" spans="14:14">
      <c r="N305802" s="10"/>
    </row>
    <row r="305803" spans="14:14">
      <c r="N305803" s="10"/>
    </row>
    <row r="305804" spans="14:14">
      <c r="N305804" s="10"/>
    </row>
    <row r="305805" spans="14:14">
      <c r="N305805" s="10"/>
    </row>
    <row r="305806" spans="14:14">
      <c r="N305806" s="10"/>
    </row>
    <row r="305807" spans="14:14">
      <c r="N305807" s="10"/>
    </row>
    <row r="305808" spans="14:14">
      <c r="N305808" s="10"/>
    </row>
    <row r="305809" spans="14:14">
      <c r="N305809" s="10"/>
    </row>
    <row r="305810" spans="14:14">
      <c r="N305810" s="10"/>
    </row>
    <row r="305811" spans="14:14">
      <c r="N305811" s="10"/>
    </row>
    <row r="305812" spans="14:14">
      <c r="N305812" s="10"/>
    </row>
    <row r="305813" spans="14:14">
      <c r="N305813" s="10"/>
    </row>
    <row r="305814" spans="14:14">
      <c r="N305814" s="10"/>
    </row>
    <row r="305815" spans="14:14">
      <c r="N305815" s="10"/>
    </row>
    <row r="305816" spans="14:14">
      <c r="N305816" s="10"/>
    </row>
    <row r="305817" spans="14:14">
      <c r="N305817" s="10"/>
    </row>
    <row r="305818" spans="14:14">
      <c r="N305818" s="10"/>
    </row>
    <row r="305819" spans="14:14">
      <c r="N305819" s="10"/>
    </row>
    <row r="305820" spans="14:14">
      <c r="N305820" s="10"/>
    </row>
    <row r="305821" spans="14:14">
      <c r="N305821" s="10"/>
    </row>
    <row r="305822" spans="14:14">
      <c r="N305822" s="10"/>
    </row>
    <row r="305823" spans="14:14">
      <c r="N305823" s="10"/>
    </row>
    <row r="305824" spans="14:14">
      <c r="N305824" s="10"/>
    </row>
    <row r="305825" spans="14:14">
      <c r="N305825" s="10"/>
    </row>
    <row r="305826" spans="14:14">
      <c r="N305826" s="10"/>
    </row>
    <row r="305827" spans="14:14">
      <c r="N305827" s="10"/>
    </row>
    <row r="305828" spans="14:14">
      <c r="N305828" s="10"/>
    </row>
    <row r="305829" spans="14:14">
      <c r="N305829" s="10"/>
    </row>
    <row r="305830" spans="14:14">
      <c r="N305830" s="10"/>
    </row>
    <row r="305831" spans="14:14">
      <c r="N305831" s="10"/>
    </row>
    <row r="305832" spans="14:14">
      <c r="N305832" s="10"/>
    </row>
    <row r="305833" spans="14:14">
      <c r="N305833" s="10"/>
    </row>
    <row r="305834" spans="14:14">
      <c r="N305834" s="10"/>
    </row>
    <row r="305835" spans="14:14">
      <c r="N305835" s="10"/>
    </row>
    <row r="305836" spans="14:14">
      <c r="N305836" s="10"/>
    </row>
    <row r="305837" spans="14:14">
      <c r="N305837" s="10"/>
    </row>
    <row r="305838" spans="14:14">
      <c r="N305838" s="10"/>
    </row>
    <row r="305839" spans="14:14">
      <c r="N305839" s="10"/>
    </row>
    <row r="305840" spans="14:14">
      <c r="N305840" s="10"/>
    </row>
    <row r="305841" spans="14:14">
      <c r="N305841" s="10"/>
    </row>
    <row r="305842" spans="14:14">
      <c r="N305842" s="10"/>
    </row>
    <row r="305843" spans="14:14">
      <c r="N305843" s="10"/>
    </row>
    <row r="305844" spans="14:14">
      <c r="N305844" s="10"/>
    </row>
    <row r="305845" spans="14:14">
      <c r="N305845" s="10"/>
    </row>
    <row r="305846" spans="14:14">
      <c r="N305846" s="10"/>
    </row>
    <row r="305847" spans="14:14">
      <c r="N305847" s="10"/>
    </row>
    <row r="305848" spans="14:14">
      <c r="N305848" s="10"/>
    </row>
    <row r="305849" spans="14:14">
      <c r="N305849" s="10"/>
    </row>
    <row r="305850" spans="14:14">
      <c r="N305850" s="10"/>
    </row>
    <row r="305851" spans="14:14">
      <c r="N305851" s="10"/>
    </row>
    <row r="305852" spans="14:14">
      <c r="N305852" s="10"/>
    </row>
    <row r="305853" spans="14:14">
      <c r="N305853" s="10"/>
    </row>
    <row r="305854" spans="14:14">
      <c r="N305854" s="10"/>
    </row>
    <row r="305855" spans="14:14">
      <c r="N305855" s="10"/>
    </row>
    <row r="305856" spans="14:14">
      <c r="N305856" s="10"/>
    </row>
    <row r="305857" spans="14:14">
      <c r="N305857" s="10"/>
    </row>
    <row r="305858" spans="14:14">
      <c r="N305858" s="10"/>
    </row>
    <row r="305859" spans="14:14">
      <c r="N305859" s="10"/>
    </row>
    <row r="305860" spans="14:14">
      <c r="N305860" s="10"/>
    </row>
    <row r="305861" spans="14:14">
      <c r="N305861" s="10"/>
    </row>
    <row r="305862" spans="14:14">
      <c r="N305862" s="10"/>
    </row>
    <row r="305863" spans="14:14">
      <c r="N305863" s="10"/>
    </row>
    <row r="305864" spans="14:14">
      <c r="N305864" s="10"/>
    </row>
    <row r="305865" spans="14:14">
      <c r="N305865" s="10"/>
    </row>
    <row r="305866" spans="14:14">
      <c r="N305866" s="10"/>
    </row>
    <row r="305867" spans="14:14">
      <c r="N305867" s="10"/>
    </row>
    <row r="305868" spans="14:14">
      <c r="N305868" s="10"/>
    </row>
    <row r="305869" spans="14:14">
      <c r="N305869" s="10"/>
    </row>
    <row r="305870" spans="14:14">
      <c r="N305870" s="10"/>
    </row>
    <row r="305871" spans="14:14">
      <c r="N305871" s="10"/>
    </row>
    <row r="305872" spans="14:14">
      <c r="N305872" s="10"/>
    </row>
    <row r="305873" spans="14:14">
      <c r="N305873" s="10"/>
    </row>
    <row r="305874" spans="14:14">
      <c r="N305874" s="10"/>
    </row>
    <row r="305875" spans="14:14">
      <c r="N305875" s="10"/>
    </row>
    <row r="305876" spans="14:14">
      <c r="N305876" s="10"/>
    </row>
    <row r="305877" spans="14:14">
      <c r="N305877" s="10"/>
    </row>
    <row r="305878" spans="14:14">
      <c r="N305878" s="10"/>
    </row>
    <row r="305879" spans="14:14">
      <c r="N305879" s="10"/>
    </row>
    <row r="305880" spans="14:14">
      <c r="N305880" s="10"/>
    </row>
    <row r="305881" spans="14:14">
      <c r="N305881" s="10"/>
    </row>
    <row r="305882" spans="14:14">
      <c r="N305882" s="10"/>
    </row>
    <row r="305883" spans="14:14">
      <c r="N305883" s="10"/>
    </row>
    <row r="305884" spans="14:14">
      <c r="N305884" s="10"/>
    </row>
    <row r="305885" spans="14:14">
      <c r="N305885" s="10"/>
    </row>
    <row r="305886" spans="14:14">
      <c r="N305886" s="10"/>
    </row>
    <row r="305887" spans="14:14">
      <c r="N305887" s="10"/>
    </row>
    <row r="305888" spans="14:14">
      <c r="N305888" s="10"/>
    </row>
    <row r="305889" spans="14:14">
      <c r="N305889" s="10"/>
    </row>
    <row r="305890" spans="14:14">
      <c r="N305890" s="10"/>
    </row>
    <row r="305891" spans="14:14">
      <c r="N305891" s="10"/>
    </row>
    <row r="305892" spans="14:14">
      <c r="N305892" s="10"/>
    </row>
    <row r="305893" spans="14:14">
      <c r="N305893" s="10"/>
    </row>
    <row r="305894" spans="14:14">
      <c r="N305894" s="10"/>
    </row>
    <row r="305895" spans="14:14">
      <c r="N305895" s="10"/>
    </row>
    <row r="305896" spans="14:14">
      <c r="N305896" s="10"/>
    </row>
    <row r="305897" spans="14:14">
      <c r="N305897" s="10"/>
    </row>
    <row r="305898" spans="14:14">
      <c r="N305898" s="10"/>
    </row>
    <row r="305899" spans="14:14">
      <c r="N305899" s="10"/>
    </row>
    <row r="305900" spans="14:14">
      <c r="N305900" s="10"/>
    </row>
    <row r="305901" spans="14:14">
      <c r="N305901" s="10"/>
    </row>
    <row r="305902" spans="14:14">
      <c r="N305902" s="10"/>
    </row>
    <row r="305903" spans="14:14">
      <c r="N305903" s="10"/>
    </row>
    <row r="305904" spans="14:14">
      <c r="N305904" s="10"/>
    </row>
    <row r="305905" spans="14:14">
      <c r="N305905" s="10"/>
    </row>
    <row r="305906" spans="14:14">
      <c r="N305906" s="10"/>
    </row>
    <row r="305907" spans="14:14">
      <c r="N305907" s="10"/>
    </row>
    <row r="305908" spans="14:14">
      <c r="N305908" s="10"/>
    </row>
    <row r="305909" spans="14:14">
      <c r="N305909" s="10"/>
    </row>
    <row r="305910" spans="14:14">
      <c r="N305910" s="10"/>
    </row>
    <row r="305911" spans="14:14">
      <c r="N305911" s="10"/>
    </row>
    <row r="305912" spans="14:14">
      <c r="N305912" s="10"/>
    </row>
    <row r="305913" spans="14:14">
      <c r="N305913" s="10"/>
    </row>
    <row r="305914" spans="14:14">
      <c r="N305914" s="10"/>
    </row>
    <row r="305915" spans="14:14">
      <c r="N305915" s="10"/>
    </row>
    <row r="305916" spans="14:14">
      <c r="N305916" s="10"/>
    </row>
    <row r="305917" spans="14:14">
      <c r="N305917" s="10"/>
    </row>
    <row r="305918" spans="14:14">
      <c r="N305918" s="10"/>
    </row>
    <row r="305919" spans="14:14">
      <c r="N305919" s="10"/>
    </row>
    <row r="305920" spans="14:14">
      <c r="N305920" s="10"/>
    </row>
    <row r="305921" spans="14:14">
      <c r="N305921" s="10"/>
    </row>
    <row r="305922" spans="14:14">
      <c r="N305922" s="10"/>
    </row>
    <row r="305923" spans="14:14">
      <c r="N305923" s="10"/>
    </row>
    <row r="305924" spans="14:14">
      <c r="N305924" s="10"/>
    </row>
    <row r="305925" spans="14:14">
      <c r="N305925" s="10"/>
    </row>
    <row r="305926" spans="14:14">
      <c r="N305926" s="10"/>
    </row>
    <row r="305927" spans="14:14">
      <c r="N305927" s="10"/>
    </row>
    <row r="305928" spans="14:14">
      <c r="N305928" s="10"/>
    </row>
    <row r="305929" spans="14:14">
      <c r="N305929" s="10"/>
    </row>
    <row r="305930" spans="14:14">
      <c r="N305930" s="10"/>
    </row>
    <row r="305931" spans="14:14">
      <c r="N305931" s="10"/>
    </row>
    <row r="305932" spans="14:14">
      <c r="N305932" s="10"/>
    </row>
    <row r="305933" spans="14:14">
      <c r="N305933" s="10"/>
    </row>
    <row r="305934" spans="14:14">
      <c r="N305934" s="10"/>
    </row>
    <row r="305935" spans="14:14">
      <c r="N305935" s="10"/>
    </row>
    <row r="305936" spans="14:14">
      <c r="N305936" s="10"/>
    </row>
    <row r="305937" spans="14:14">
      <c r="N305937" s="10"/>
    </row>
    <row r="305938" spans="14:14">
      <c r="N305938" s="10"/>
    </row>
    <row r="305939" spans="14:14">
      <c r="N305939" s="10"/>
    </row>
    <row r="305940" spans="14:14">
      <c r="N305940" s="10"/>
    </row>
    <row r="305941" spans="14:14">
      <c r="N305941" s="10"/>
    </row>
    <row r="305942" spans="14:14">
      <c r="N305942" s="10"/>
    </row>
    <row r="305943" spans="14:14">
      <c r="N305943" s="10"/>
    </row>
    <row r="305944" spans="14:14">
      <c r="N305944" s="10"/>
    </row>
    <row r="305945" spans="14:14">
      <c r="N305945" s="10"/>
    </row>
    <row r="305946" spans="14:14">
      <c r="N305946" s="10"/>
    </row>
    <row r="305947" spans="14:14">
      <c r="N305947" s="10"/>
    </row>
    <row r="305948" spans="14:14">
      <c r="N305948" s="10"/>
    </row>
    <row r="305949" spans="14:14">
      <c r="N305949" s="10"/>
    </row>
    <row r="305950" spans="14:14">
      <c r="N305950" s="10"/>
    </row>
    <row r="305951" spans="14:14">
      <c r="N305951" s="10"/>
    </row>
    <row r="305952" spans="14:14">
      <c r="N305952" s="10"/>
    </row>
    <row r="305953" spans="14:14">
      <c r="N305953" s="10"/>
    </row>
    <row r="305954" spans="14:14">
      <c r="N305954" s="10"/>
    </row>
    <row r="305955" spans="14:14">
      <c r="N305955" s="10"/>
    </row>
    <row r="305956" spans="14:14">
      <c r="N305956" s="10"/>
    </row>
    <row r="305957" spans="14:14">
      <c r="N305957" s="10"/>
    </row>
    <row r="305958" spans="14:14">
      <c r="N305958" s="10"/>
    </row>
    <row r="305959" spans="14:14">
      <c r="N305959" s="10"/>
    </row>
    <row r="305960" spans="14:14">
      <c r="N305960" s="10"/>
    </row>
    <row r="305961" spans="14:14">
      <c r="N305961" s="10"/>
    </row>
    <row r="305962" spans="14:14">
      <c r="N305962" s="10"/>
    </row>
    <row r="305963" spans="14:14">
      <c r="N305963" s="10"/>
    </row>
    <row r="305964" spans="14:14">
      <c r="N305964" s="10"/>
    </row>
    <row r="305965" spans="14:14">
      <c r="N305965" s="10"/>
    </row>
    <row r="305966" spans="14:14">
      <c r="N305966" s="10"/>
    </row>
    <row r="305967" spans="14:14">
      <c r="N305967" s="10"/>
    </row>
    <row r="305968" spans="14:14">
      <c r="N305968" s="10"/>
    </row>
    <row r="305969" spans="14:14">
      <c r="N305969" s="10"/>
    </row>
    <row r="305970" spans="14:14">
      <c r="N305970" s="10"/>
    </row>
    <row r="305971" spans="14:14">
      <c r="N305971" s="10"/>
    </row>
    <row r="305972" spans="14:14">
      <c r="N305972" s="10"/>
    </row>
    <row r="305973" spans="14:14">
      <c r="N305973" s="10"/>
    </row>
    <row r="305974" spans="14:14">
      <c r="N305974" s="10"/>
    </row>
    <row r="305975" spans="14:14">
      <c r="N305975" s="10"/>
    </row>
    <row r="305976" spans="14:14">
      <c r="N305976" s="10"/>
    </row>
    <row r="305977" spans="14:14">
      <c r="N305977" s="10"/>
    </row>
    <row r="305978" spans="14:14">
      <c r="N305978" s="10"/>
    </row>
    <row r="305979" spans="14:14">
      <c r="N305979" s="10"/>
    </row>
    <row r="305980" spans="14:14">
      <c r="N305980" s="10"/>
    </row>
    <row r="305981" spans="14:14">
      <c r="N305981" s="10"/>
    </row>
    <row r="305982" spans="14:14">
      <c r="N305982" s="10"/>
    </row>
    <row r="305983" spans="14:14">
      <c r="N305983" s="10"/>
    </row>
    <row r="305984" spans="14:14">
      <c r="N305984" s="10"/>
    </row>
    <row r="305985" spans="14:14">
      <c r="N305985" s="10"/>
    </row>
    <row r="305986" spans="14:14">
      <c r="N305986" s="10"/>
    </row>
    <row r="305987" spans="14:14">
      <c r="N305987" s="10"/>
    </row>
    <row r="305988" spans="14:14">
      <c r="N305988" s="10"/>
    </row>
    <row r="305989" spans="14:14">
      <c r="N305989" s="10"/>
    </row>
    <row r="305990" spans="14:14">
      <c r="N305990" s="10"/>
    </row>
    <row r="305991" spans="14:14">
      <c r="N305991" s="10"/>
    </row>
    <row r="305992" spans="14:14">
      <c r="N305992" s="10"/>
    </row>
    <row r="305993" spans="14:14">
      <c r="N305993" s="10"/>
    </row>
    <row r="305994" spans="14:14">
      <c r="N305994" s="10"/>
    </row>
    <row r="305995" spans="14:14">
      <c r="N305995" s="10"/>
    </row>
    <row r="305996" spans="14:14">
      <c r="N305996" s="10"/>
    </row>
    <row r="305997" spans="14:14">
      <c r="N305997" s="10"/>
    </row>
    <row r="305998" spans="14:14">
      <c r="N305998" s="10"/>
    </row>
    <row r="305999" spans="14:14">
      <c r="N305999" s="10"/>
    </row>
    <row r="306000" spans="14:14">
      <c r="N306000" s="10"/>
    </row>
    <row r="306001" spans="14:14">
      <c r="N306001" s="10"/>
    </row>
    <row r="306002" spans="14:14">
      <c r="N306002" s="10"/>
    </row>
    <row r="306003" spans="14:14">
      <c r="N306003" s="10"/>
    </row>
    <row r="306004" spans="14:14">
      <c r="N306004" s="10"/>
    </row>
    <row r="306005" spans="14:14">
      <c r="N306005" s="10"/>
    </row>
    <row r="306006" spans="14:14">
      <c r="N306006" s="10"/>
    </row>
    <row r="306007" spans="14:14">
      <c r="N306007" s="10"/>
    </row>
    <row r="306008" spans="14:14">
      <c r="N306008" s="10"/>
    </row>
    <row r="306009" spans="14:14">
      <c r="N306009" s="10"/>
    </row>
    <row r="306010" spans="14:14">
      <c r="N306010" s="10"/>
    </row>
    <row r="306011" spans="14:14">
      <c r="N306011" s="10"/>
    </row>
    <row r="306012" spans="14:14">
      <c r="N306012" s="10"/>
    </row>
    <row r="306013" spans="14:14">
      <c r="N306013" s="10"/>
    </row>
    <row r="306014" spans="14:14">
      <c r="N306014" s="10"/>
    </row>
    <row r="306015" spans="14:14">
      <c r="N306015" s="10"/>
    </row>
    <row r="306016" spans="14:14">
      <c r="N306016" s="10"/>
    </row>
    <row r="306017" spans="14:14">
      <c r="N306017" s="10"/>
    </row>
    <row r="306018" spans="14:14">
      <c r="N306018" s="10"/>
    </row>
    <row r="306019" spans="14:14">
      <c r="N306019" s="10"/>
    </row>
    <row r="306020" spans="14:14">
      <c r="N306020" s="10"/>
    </row>
    <row r="306021" spans="14:14">
      <c r="N306021" s="10"/>
    </row>
    <row r="306022" spans="14:14">
      <c r="N306022" s="10"/>
    </row>
    <row r="306023" spans="14:14">
      <c r="N306023" s="10"/>
    </row>
    <row r="306024" spans="14:14">
      <c r="N306024" s="10"/>
    </row>
    <row r="306025" spans="14:14">
      <c r="N306025" s="10"/>
    </row>
    <row r="306026" spans="14:14">
      <c r="N306026" s="10"/>
    </row>
    <row r="306027" spans="14:14">
      <c r="N306027" s="10"/>
    </row>
    <row r="306028" spans="14:14">
      <c r="N306028" s="10"/>
    </row>
    <row r="306029" spans="14:14">
      <c r="N306029" s="10"/>
    </row>
    <row r="306030" spans="14:14">
      <c r="N306030" s="10"/>
    </row>
    <row r="306031" spans="14:14">
      <c r="N306031" s="10"/>
    </row>
    <row r="306032" spans="14:14">
      <c r="N306032" s="10"/>
    </row>
    <row r="306033" spans="14:14">
      <c r="N306033" s="10"/>
    </row>
    <row r="306034" spans="14:14">
      <c r="N306034" s="10"/>
    </row>
    <row r="306035" spans="14:14">
      <c r="N306035" s="10"/>
    </row>
    <row r="306036" spans="14:14">
      <c r="N306036" s="10"/>
    </row>
    <row r="306037" spans="14:14">
      <c r="N306037" s="10"/>
    </row>
    <row r="306038" spans="14:14">
      <c r="N306038" s="10"/>
    </row>
    <row r="306039" spans="14:14">
      <c r="N306039" s="10"/>
    </row>
    <row r="306040" spans="14:14">
      <c r="N306040" s="10"/>
    </row>
    <row r="306041" spans="14:14">
      <c r="N306041" s="10"/>
    </row>
    <row r="306042" spans="14:14">
      <c r="N306042" s="10"/>
    </row>
    <row r="306043" spans="14:14">
      <c r="N306043" s="10"/>
    </row>
    <row r="306044" spans="14:14">
      <c r="N306044" s="10"/>
    </row>
    <row r="306045" spans="14:14">
      <c r="N306045" s="10"/>
    </row>
    <row r="306046" spans="14:14">
      <c r="N306046" s="10"/>
    </row>
    <row r="306047" spans="14:14">
      <c r="N306047" s="10"/>
    </row>
    <row r="306048" spans="14:14">
      <c r="N306048" s="10"/>
    </row>
    <row r="306049" spans="14:14">
      <c r="N306049" s="10"/>
    </row>
    <row r="306050" spans="14:14">
      <c r="N306050" s="10"/>
    </row>
    <row r="306051" spans="14:14">
      <c r="N306051" s="10"/>
    </row>
    <row r="306052" spans="14:14">
      <c r="N306052" s="10"/>
    </row>
    <row r="306053" spans="14:14">
      <c r="N306053" s="10"/>
    </row>
    <row r="306054" spans="14:14">
      <c r="N306054" s="10"/>
    </row>
    <row r="306055" spans="14:14">
      <c r="N306055" s="10"/>
    </row>
    <row r="306056" spans="14:14">
      <c r="N306056" s="10"/>
    </row>
    <row r="306057" spans="14:14">
      <c r="N306057" s="10"/>
    </row>
    <row r="306058" spans="14:14">
      <c r="N306058" s="10"/>
    </row>
    <row r="306059" spans="14:14">
      <c r="N306059" s="10"/>
    </row>
    <row r="306060" spans="14:14">
      <c r="N306060" s="10"/>
    </row>
    <row r="306061" spans="14:14">
      <c r="N306061" s="10"/>
    </row>
    <row r="306062" spans="14:14">
      <c r="N306062" s="10"/>
    </row>
    <row r="306063" spans="14:14">
      <c r="N306063" s="10"/>
    </row>
    <row r="306064" spans="14:14">
      <c r="N306064" s="10"/>
    </row>
    <row r="306065" spans="14:14">
      <c r="N306065" s="10"/>
    </row>
    <row r="306066" spans="14:14">
      <c r="N306066" s="10"/>
    </row>
    <row r="306067" spans="14:14">
      <c r="N306067" s="10"/>
    </row>
    <row r="306068" spans="14:14">
      <c r="N306068" s="10"/>
    </row>
    <row r="306069" spans="14:14">
      <c r="N306069" s="10"/>
    </row>
    <row r="306070" spans="14:14">
      <c r="N306070" s="10"/>
    </row>
    <row r="306071" spans="14:14">
      <c r="N306071" s="10"/>
    </row>
    <row r="306072" spans="14:14">
      <c r="N306072" s="10"/>
    </row>
    <row r="306073" spans="14:14">
      <c r="N306073" s="10"/>
    </row>
    <row r="306074" spans="14:14">
      <c r="N306074" s="10"/>
    </row>
    <row r="306075" spans="14:14">
      <c r="N306075" s="10"/>
    </row>
    <row r="306076" spans="14:14">
      <c r="N306076" s="10"/>
    </row>
    <row r="306077" spans="14:14">
      <c r="N306077" s="10"/>
    </row>
    <row r="306078" spans="14:14">
      <c r="N306078" s="10"/>
    </row>
    <row r="306079" spans="14:14">
      <c r="N306079" s="10"/>
    </row>
    <row r="306080" spans="14:14">
      <c r="N306080" s="10"/>
    </row>
    <row r="306081" spans="14:14">
      <c r="N306081" s="10"/>
    </row>
    <row r="306082" spans="14:14">
      <c r="N306082" s="10"/>
    </row>
    <row r="306083" spans="14:14">
      <c r="N306083" s="10"/>
    </row>
    <row r="306084" spans="14:14">
      <c r="N306084" s="10"/>
    </row>
    <row r="306085" spans="14:14">
      <c r="N306085" s="10"/>
    </row>
    <row r="306086" spans="14:14">
      <c r="N306086" s="10"/>
    </row>
    <row r="306087" spans="14:14">
      <c r="N306087" s="10"/>
    </row>
    <row r="306088" spans="14:14">
      <c r="N306088" s="10"/>
    </row>
    <row r="306089" spans="14:14">
      <c r="N306089" s="10"/>
    </row>
    <row r="306090" spans="14:14">
      <c r="N306090" s="10"/>
    </row>
    <row r="306091" spans="14:14">
      <c r="N306091" s="10"/>
    </row>
    <row r="306092" spans="14:14">
      <c r="N306092" s="10"/>
    </row>
    <row r="306093" spans="14:14">
      <c r="N306093" s="10"/>
    </row>
    <row r="306094" spans="14:14">
      <c r="N306094" s="10"/>
    </row>
    <row r="306095" spans="14:14">
      <c r="N306095" s="10"/>
    </row>
    <row r="306096" spans="14:14">
      <c r="N306096" s="10"/>
    </row>
    <row r="306097" spans="14:14">
      <c r="N306097" s="10"/>
    </row>
    <row r="306098" spans="14:14">
      <c r="N306098" s="10"/>
    </row>
    <row r="306099" spans="14:14">
      <c r="N306099" s="10"/>
    </row>
    <row r="306100" spans="14:14">
      <c r="N306100" s="10"/>
    </row>
    <row r="306101" spans="14:14">
      <c r="N306101" s="10"/>
    </row>
    <row r="306102" spans="14:14">
      <c r="N306102" s="10"/>
    </row>
    <row r="306103" spans="14:14">
      <c r="N306103" s="10"/>
    </row>
    <row r="306104" spans="14:14">
      <c r="N306104" s="10"/>
    </row>
    <row r="306105" spans="14:14">
      <c r="N306105" s="10"/>
    </row>
    <row r="306106" spans="14:14">
      <c r="N306106" s="10"/>
    </row>
    <row r="306107" spans="14:14">
      <c r="N306107" s="10"/>
    </row>
    <row r="306108" spans="14:14">
      <c r="N306108" s="10"/>
    </row>
    <row r="306109" spans="14:14">
      <c r="N306109" s="10"/>
    </row>
    <row r="306110" spans="14:14">
      <c r="N306110" s="10"/>
    </row>
    <row r="306111" spans="14:14">
      <c r="N306111" s="10"/>
    </row>
    <row r="306112" spans="14:14">
      <c r="N306112" s="10"/>
    </row>
    <row r="306113" spans="14:14">
      <c r="N306113" s="10"/>
    </row>
    <row r="306114" spans="14:14">
      <c r="N306114" s="10"/>
    </row>
    <row r="306115" spans="14:14">
      <c r="N306115" s="10"/>
    </row>
    <row r="306116" spans="14:14">
      <c r="N306116" s="10"/>
    </row>
    <row r="306117" spans="14:14">
      <c r="N306117" s="10"/>
    </row>
    <row r="306118" spans="14:14">
      <c r="N306118" s="10"/>
    </row>
    <row r="306119" spans="14:14">
      <c r="N306119" s="10"/>
    </row>
    <row r="306120" spans="14:14">
      <c r="N306120" s="10"/>
    </row>
    <row r="306121" spans="14:14">
      <c r="N306121" s="10"/>
    </row>
    <row r="306122" spans="14:14">
      <c r="N306122" s="10"/>
    </row>
    <row r="306123" spans="14:14">
      <c r="N306123" s="10"/>
    </row>
    <row r="306124" spans="14:14">
      <c r="N306124" s="10"/>
    </row>
    <row r="306125" spans="14:14">
      <c r="N306125" s="10"/>
    </row>
    <row r="306126" spans="14:14">
      <c r="N306126" s="10"/>
    </row>
    <row r="306127" spans="14:14">
      <c r="N306127" s="10"/>
    </row>
    <row r="306128" spans="14:14">
      <c r="N306128" s="10"/>
    </row>
    <row r="306129" spans="14:14">
      <c r="N306129" s="10"/>
    </row>
    <row r="306130" spans="14:14">
      <c r="N306130" s="10"/>
    </row>
    <row r="306131" spans="14:14">
      <c r="N306131" s="10"/>
    </row>
    <row r="306132" spans="14:14">
      <c r="N306132" s="10"/>
    </row>
    <row r="306133" spans="14:14">
      <c r="N306133" s="10"/>
    </row>
    <row r="306134" spans="14:14">
      <c r="N306134" s="10"/>
    </row>
    <row r="306135" spans="14:14">
      <c r="N306135" s="10"/>
    </row>
    <row r="306136" spans="14:14">
      <c r="N306136" s="10"/>
    </row>
    <row r="306137" spans="14:14">
      <c r="N306137" s="10"/>
    </row>
    <row r="306138" spans="14:14">
      <c r="N306138" s="10"/>
    </row>
    <row r="306139" spans="14:14">
      <c r="N306139" s="10"/>
    </row>
    <row r="306140" spans="14:14">
      <c r="N306140" s="10"/>
    </row>
    <row r="306141" spans="14:14">
      <c r="N306141" s="10"/>
    </row>
    <row r="306142" spans="14:14">
      <c r="N306142" s="10"/>
    </row>
    <row r="306143" spans="14:14">
      <c r="N306143" s="10"/>
    </row>
    <row r="306144" spans="14:14">
      <c r="N306144" s="10"/>
    </row>
    <row r="306145" spans="14:14">
      <c r="N306145" s="10"/>
    </row>
    <row r="306146" spans="14:14">
      <c r="N306146" s="10"/>
    </row>
    <row r="306147" spans="14:14">
      <c r="N306147" s="10"/>
    </row>
    <row r="306148" spans="14:14">
      <c r="N306148" s="10"/>
    </row>
    <row r="306149" spans="14:14">
      <c r="N306149" s="10"/>
    </row>
    <row r="306150" spans="14:14">
      <c r="N306150" s="10"/>
    </row>
    <row r="306151" spans="14:14">
      <c r="N306151" s="10"/>
    </row>
    <row r="306152" spans="14:14">
      <c r="N306152" s="10"/>
    </row>
    <row r="306153" spans="14:14">
      <c r="N306153" s="10"/>
    </row>
    <row r="306154" spans="14:14">
      <c r="N306154" s="10"/>
    </row>
    <row r="306155" spans="14:14">
      <c r="N306155" s="10"/>
    </row>
    <row r="306156" spans="14:14">
      <c r="N306156" s="10"/>
    </row>
    <row r="306157" spans="14:14">
      <c r="N306157" s="10"/>
    </row>
    <row r="306158" spans="14:14">
      <c r="N306158" s="10"/>
    </row>
    <row r="306159" spans="14:14">
      <c r="N306159" s="10"/>
    </row>
    <row r="306160" spans="14:14">
      <c r="N306160" s="10"/>
    </row>
    <row r="306161" spans="14:14">
      <c r="N306161" s="10"/>
    </row>
    <row r="306162" spans="14:14">
      <c r="N306162" s="10"/>
    </row>
    <row r="306163" spans="14:14">
      <c r="N306163" s="10"/>
    </row>
    <row r="306164" spans="14:14">
      <c r="N306164" s="10"/>
    </row>
    <row r="306165" spans="14:14">
      <c r="N306165" s="10"/>
    </row>
    <row r="306166" spans="14:14">
      <c r="N306166" s="10"/>
    </row>
    <row r="306167" spans="14:14">
      <c r="N306167" s="10"/>
    </row>
    <row r="306168" spans="14:14">
      <c r="N306168" s="10"/>
    </row>
    <row r="306169" spans="14:14">
      <c r="N306169" s="10"/>
    </row>
    <row r="306170" spans="14:14">
      <c r="N306170" s="10"/>
    </row>
    <row r="306171" spans="14:14">
      <c r="N306171" s="10"/>
    </row>
    <row r="306172" spans="14:14">
      <c r="N306172" s="10"/>
    </row>
    <row r="306173" spans="14:14">
      <c r="N306173" s="10"/>
    </row>
    <row r="306174" spans="14:14">
      <c r="N306174" s="10"/>
    </row>
    <row r="306175" spans="14:14">
      <c r="N306175" s="10"/>
    </row>
    <row r="306176" spans="14:14">
      <c r="N306176" s="10"/>
    </row>
    <row r="306177" spans="14:14">
      <c r="N306177" s="10"/>
    </row>
    <row r="306178" spans="14:14">
      <c r="N306178" s="10"/>
    </row>
    <row r="306179" spans="14:14">
      <c r="N306179" s="10"/>
    </row>
    <row r="306180" spans="14:14">
      <c r="N306180" s="10"/>
    </row>
    <row r="306181" spans="14:14">
      <c r="N306181" s="10"/>
    </row>
    <row r="306182" spans="14:14">
      <c r="N306182" s="10"/>
    </row>
    <row r="306183" spans="14:14">
      <c r="N306183" s="10"/>
    </row>
    <row r="306184" spans="14:14">
      <c r="N306184" s="10"/>
    </row>
    <row r="306185" spans="14:14">
      <c r="N306185" s="10"/>
    </row>
    <row r="306186" spans="14:14">
      <c r="N306186" s="10"/>
    </row>
    <row r="306187" spans="14:14">
      <c r="N306187" s="10"/>
    </row>
    <row r="306188" spans="14:14">
      <c r="N306188" s="10"/>
    </row>
    <row r="306189" spans="14:14">
      <c r="N306189" s="10"/>
    </row>
    <row r="306190" spans="14:14">
      <c r="N306190" s="10"/>
    </row>
    <row r="306191" spans="14:14">
      <c r="N306191" s="10"/>
    </row>
    <row r="306192" spans="14:14">
      <c r="N306192" s="10"/>
    </row>
    <row r="306193" spans="14:14">
      <c r="N306193" s="10"/>
    </row>
    <row r="306194" spans="14:14">
      <c r="N306194" s="10"/>
    </row>
    <row r="306195" spans="14:14">
      <c r="N306195" s="10"/>
    </row>
    <row r="306196" spans="14:14">
      <c r="N306196" s="10"/>
    </row>
    <row r="306197" spans="14:14">
      <c r="N306197" s="10"/>
    </row>
    <row r="306198" spans="14:14">
      <c r="N306198" s="10"/>
    </row>
    <row r="306199" spans="14:14">
      <c r="N306199" s="10"/>
    </row>
    <row r="306200" spans="14:14">
      <c r="N306200" s="10"/>
    </row>
    <row r="306201" spans="14:14">
      <c r="N306201" s="10"/>
    </row>
    <row r="306202" spans="14:14">
      <c r="N306202" s="10"/>
    </row>
    <row r="306203" spans="14:14">
      <c r="N306203" s="10"/>
    </row>
    <row r="306204" spans="14:14">
      <c r="N306204" s="10"/>
    </row>
    <row r="306205" spans="14:14">
      <c r="N306205" s="10"/>
    </row>
    <row r="306206" spans="14:14">
      <c r="N306206" s="10"/>
    </row>
    <row r="306207" spans="14:14">
      <c r="N306207" s="10"/>
    </row>
    <row r="306208" spans="14:14">
      <c r="N306208" s="10"/>
    </row>
    <row r="306209" spans="14:14">
      <c r="N306209" s="10"/>
    </row>
    <row r="306210" spans="14:14">
      <c r="N306210" s="10"/>
    </row>
    <row r="306211" spans="14:14">
      <c r="N306211" s="10"/>
    </row>
    <row r="306212" spans="14:14">
      <c r="N306212" s="10"/>
    </row>
    <row r="306213" spans="14:14">
      <c r="N306213" s="10"/>
    </row>
    <row r="306214" spans="14:14">
      <c r="N306214" s="10"/>
    </row>
    <row r="306215" spans="14:14">
      <c r="N306215" s="10"/>
    </row>
    <row r="306216" spans="14:14">
      <c r="N306216" s="10"/>
    </row>
    <row r="306217" spans="14:14">
      <c r="N306217" s="10"/>
    </row>
    <row r="306218" spans="14:14">
      <c r="N306218" s="10"/>
    </row>
    <row r="306219" spans="14:14">
      <c r="N306219" s="10"/>
    </row>
    <row r="306220" spans="14:14">
      <c r="N306220" s="10"/>
    </row>
    <row r="306221" spans="14:14">
      <c r="N306221" s="10"/>
    </row>
    <row r="306222" spans="14:14">
      <c r="N306222" s="10"/>
    </row>
    <row r="306223" spans="14:14">
      <c r="N306223" s="10"/>
    </row>
    <row r="306224" spans="14:14">
      <c r="N306224" s="10"/>
    </row>
    <row r="306225" spans="14:14">
      <c r="N306225" s="10"/>
    </row>
    <row r="306226" spans="14:14">
      <c r="N306226" s="10"/>
    </row>
    <row r="306227" spans="14:14">
      <c r="N306227" s="10"/>
    </row>
    <row r="306228" spans="14:14">
      <c r="N306228" s="10"/>
    </row>
    <row r="306229" spans="14:14">
      <c r="N306229" s="10"/>
    </row>
    <row r="306230" spans="14:14">
      <c r="N306230" s="10"/>
    </row>
    <row r="306231" spans="14:14">
      <c r="N306231" s="10"/>
    </row>
    <row r="306232" spans="14:14">
      <c r="N306232" s="10"/>
    </row>
    <row r="306233" spans="14:14">
      <c r="N306233" s="10"/>
    </row>
    <row r="306234" spans="14:14">
      <c r="N306234" s="10"/>
    </row>
    <row r="306235" spans="14:14">
      <c r="N306235" s="10"/>
    </row>
    <row r="306236" spans="14:14">
      <c r="N306236" s="10"/>
    </row>
    <row r="306237" spans="14:14">
      <c r="N306237" s="10"/>
    </row>
    <row r="306238" spans="14:14">
      <c r="N306238" s="10"/>
    </row>
    <row r="306239" spans="14:14">
      <c r="N306239" s="10"/>
    </row>
    <row r="306240" spans="14:14">
      <c r="N306240" s="10"/>
    </row>
    <row r="306241" spans="14:14">
      <c r="N306241" s="10"/>
    </row>
    <row r="306242" spans="14:14">
      <c r="N306242" s="10"/>
    </row>
    <row r="306243" spans="14:14">
      <c r="N306243" s="10"/>
    </row>
    <row r="306244" spans="14:14">
      <c r="N306244" s="10"/>
    </row>
    <row r="306245" spans="14:14">
      <c r="N306245" s="10"/>
    </row>
    <row r="306246" spans="14:14">
      <c r="N306246" s="10"/>
    </row>
    <row r="306247" spans="14:14">
      <c r="N306247" s="10"/>
    </row>
    <row r="306248" spans="14:14">
      <c r="N306248" s="10"/>
    </row>
    <row r="306249" spans="14:14">
      <c r="N306249" s="10"/>
    </row>
    <row r="306250" spans="14:14">
      <c r="N306250" s="10"/>
    </row>
    <row r="306251" spans="14:14">
      <c r="N306251" s="10"/>
    </row>
    <row r="306252" spans="14:14">
      <c r="N306252" s="10"/>
    </row>
    <row r="306253" spans="14:14">
      <c r="N306253" s="10"/>
    </row>
    <row r="306254" spans="14:14">
      <c r="N306254" s="10"/>
    </row>
    <row r="306255" spans="14:14">
      <c r="N306255" s="10"/>
    </row>
    <row r="306256" spans="14:14">
      <c r="N306256" s="10"/>
    </row>
    <row r="306257" spans="14:14">
      <c r="N306257" s="10"/>
    </row>
    <row r="306258" spans="14:14">
      <c r="N306258" s="10"/>
    </row>
    <row r="306259" spans="14:14">
      <c r="N306259" s="10"/>
    </row>
    <row r="306260" spans="14:14">
      <c r="N306260" s="10"/>
    </row>
    <row r="306261" spans="14:14">
      <c r="N306261" s="10"/>
    </row>
    <row r="306262" spans="14:14">
      <c r="N306262" s="10"/>
    </row>
    <row r="306263" spans="14:14">
      <c r="N306263" s="10"/>
    </row>
    <row r="306264" spans="14:14">
      <c r="N306264" s="10"/>
    </row>
    <row r="306265" spans="14:14">
      <c r="N306265" s="10"/>
    </row>
    <row r="306266" spans="14:14">
      <c r="N306266" s="10"/>
    </row>
    <row r="306267" spans="14:14">
      <c r="N306267" s="10"/>
    </row>
    <row r="306268" spans="14:14">
      <c r="N306268" s="10"/>
    </row>
    <row r="306269" spans="14:14">
      <c r="N306269" s="10"/>
    </row>
    <row r="306270" spans="14:14">
      <c r="N306270" s="10"/>
    </row>
    <row r="306271" spans="14:14">
      <c r="N306271" s="10"/>
    </row>
    <row r="306272" spans="14:14">
      <c r="N306272" s="10"/>
    </row>
    <row r="306273" spans="14:14">
      <c r="N306273" s="10"/>
    </row>
    <row r="306274" spans="14:14">
      <c r="N306274" s="10"/>
    </row>
    <row r="306275" spans="14:14">
      <c r="N306275" s="10"/>
    </row>
    <row r="306276" spans="14:14">
      <c r="N306276" s="10"/>
    </row>
    <row r="306277" spans="14:14">
      <c r="N306277" s="10"/>
    </row>
    <row r="306278" spans="14:14">
      <c r="N306278" s="10"/>
    </row>
    <row r="306279" spans="14:14">
      <c r="N306279" s="10"/>
    </row>
    <row r="306280" spans="14:14">
      <c r="N306280" s="10"/>
    </row>
    <row r="306281" spans="14:14">
      <c r="N306281" s="10"/>
    </row>
    <row r="306282" spans="14:14">
      <c r="N306282" s="10"/>
    </row>
    <row r="306283" spans="14:14">
      <c r="N306283" s="10"/>
    </row>
    <row r="306284" spans="14:14">
      <c r="N306284" s="10"/>
    </row>
    <row r="306285" spans="14:14">
      <c r="N306285" s="10"/>
    </row>
    <row r="306286" spans="14:14">
      <c r="N306286" s="10"/>
    </row>
    <row r="306287" spans="14:14">
      <c r="N306287" s="10"/>
    </row>
    <row r="306288" spans="14:14">
      <c r="N306288" s="10"/>
    </row>
    <row r="306289" spans="14:14">
      <c r="N306289" s="10"/>
    </row>
    <row r="306290" spans="14:14">
      <c r="N306290" s="10"/>
    </row>
    <row r="306291" spans="14:14">
      <c r="N306291" s="10"/>
    </row>
    <row r="306292" spans="14:14">
      <c r="N306292" s="10"/>
    </row>
    <row r="306293" spans="14:14">
      <c r="N306293" s="10"/>
    </row>
    <row r="306294" spans="14:14">
      <c r="N306294" s="10"/>
    </row>
    <row r="306295" spans="14:14">
      <c r="N306295" s="10"/>
    </row>
    <row r="306296" spans="14:14">
      <c r="N306296" s="10"/>
    </row>
    <row r="306297" spans="14:14">
      <c r="N306297" s="10"/>
    </row>
    <row r="306298" spans="14:14">
      <c r="N306298" s="10"/>
    </row>
    <row r="306299" spans="14:14">
      <c r="N306299" s="10"/>
    </row>
    <row r="306300" spans="14:14">
      <c r="N306300" s="10"/>
    </row>
    <row r="306301" spans="14:14">
      <c r="N306301" s="10"/>
    </row>
    <row r="306302" spans="14:14">
      <c r="N306302" s="10"/>
    </row>
    <row r="306303" spans="14:14">
      <c r="N306303" s="10"/>
    </row>
    <row r="306304" spans="14:14">
      <c r="N306304" s="10"/>
    </row>
    <row r="306305" spans="14:14">
      <c r="N306305" s="10"/>
    </row>
    <row r="306306" spans="14:14">
      <c r="N306306" s="10"/>
    </row>
    <row r="306307" spans="14:14">
      <c r="N306307" s="10"/>
    </row>
    <row r="306308" spans="14:14">
      <c r="N306308" s="10"/>
    </row>
    <row r="306309" spans="14:14">
      <c r="N306309" s="10"/>
    </row>
    <row r="306310" spans="14:14">
      <c r="N306310" s="10"/>
    </row>
    <row r="306311" spans="14:14">
      <c r="N306311" s="10"/>
    </row>
    <row r="306312" spans="14:14">
      <c r="N306312" s="10"/>
    </row>
    <row r="306313" spans="14:14">
      <c r="N306313" s="10"/>
    </row>
    <row r="306314" spans="14:14">
      <c r="N306314" s="10"/>
    </row>
    <row r="306315" spans="14:14">
      <c r="N306315" s="10"/>
    </row>
    <row r="306316" spans="14:14">
      <c r="N306316" s="10"/>
    </row>
    <row r="306317" spans="14:14">
      <c r="N306317" s="10"/>
    </row>
    <row r="306318" spans="14:14">
      <c r="N306318" s="10"/>
    </row>
    <row r="306319" spans="14:14">
      <c r="N306319" s="10"/>
    </row>
    <row r="306320" spans="14:14">
      <c r="N306320" s="10"/>
    </row>
    <row r="306321" spans="14:14">
      <c r="N306321" s="10"/>
    </row>
    <row r="306322" spans="14:14">
      <c r="N306322" s="10"/>
    </row>
    <row r="306323" spans="14:14">
      <c r="N306323" s="10"/>
    </row>
    <row r="306324" spans="14:14">
      <c r="N306324" s="10"/>
    </row>
    <row r="306325" spans="14:14">
      <c r="N306325" s="10"/>
    </row>
    <row r="306326" spans="14:14">
      <c r="N306326" s="10"/>
    </row>
    <row r="306327" spans="14:14">
      <c r="N306327" s="10"/>
    </row>
    <row r="306328" spans="14:14">
      <c r="N306328" s="10"/>
    </row>
    <row r="306329" spans="14:14">
      <c r="N306329" s="10"/>
    </row>
    <row r="306330" spans="14:14">
      <c r="N306330" s="10"/>
    </row>
    <row r="306331" spans="14:14">
      <c r="N306331" s="10"/>
    </row>
    <row r="306332" spans="14:14">
      <c r="N306332" s="10"/>
    </row>
    <row r="306333" spans="14:14">
      <c r="N306333" s="10"/>
    </row>
    <row r="306334" spans="14:14">
      <c r="N306334" s="10"/>
    </row>
    <row r="306335" spans="14:14">
      <c r="N306335" s="10"/>
    </row>
    <row r="306336" spans="14:14">
      <c r="N306336" s="10"/>
    </row>
    <row r="306337" spans="14:14">
      <c r="N306337" s="10"/>
    </row>
    <row r="306338" spans="14:14">
      <c r="N306338" s="10"/>
    </row>
    <row r="306339" spans="14:14">
      <c r="N306339" s="10"/>
    </row>
    <row r="306340" spans="14:14">
      <c r="N306340" s="10"/>
    </row>
    <row r="306341" spans="14:14">
      <c r="N306341" s="10"/>
    </row>
    <row r="306342" spans="14:14">
      <c r="N306342" s="10"/>
    </row>
    <row r="306343" spans="14:14">
      <c r="N306343" s="10"/>
    </row>
    <row r="306344" spans="14:14">
      <c r="N306344" s="10"/>
    </row>
    <row r="306345" spans="14:14">
      <c r="N306345" s="10"/>
    </row>
    <row r="306346" spans="14:14">
      <c r="N306346" s="10"/>
    </row>
    <row r="306347" spans="14:14">
      <c r="N306347" s="10"/>
    </row>
    <row r="306348" spans="14:14">
      <c r="N306348" s="10"/>
    </row>
    <row r="306349" spans="14:14">
      <c r="N306349" s="10"/>
    </row>
    <row r="306350" spans="14:14">
      <c r="N306350" s="10"/>
    </row>
    <row r="306351" spans="14:14">
      <c r="N306351" s="10"/>
    </row>
    <row r="306352" spans="14:14">
      <c r="N306352" s="10"/>
    </row>
    <row r="306353" spans="14:14">
      <c r="N306353" s="10"/>
    </row>
    <row r="306354" spans="14:14">
      <c r="N306354" s="10"/>
    </row>
    <row r="306355" spans="14:14">
      <c r="N306355" s="10"/>
    </row>
    <row r="306356" spans="14:14">
      <c r="N306356" s="10"/>
    </row>
    <row r="306357" spans="14:14">
      <c r="N306357" s="10"/>
    </row>
    <row r="306358" spans="14:14">
      <c r="N306358" s="10"/>
    </row>
    <row r="306359" spans="14:14">
      <c r="N306359" s="10"/>
    </row>
    <row r="306360" spans="14:14">
      <c r="N306360" s="10"/>
    </row>
    <row r="306361" spans="14:14">
      <c r="N306361" s="10"/>
    </row>
    <row r="306362" spans="14:14">
      <c r="N306362" s="10"/>
    </row>
    <row r="306363" spans="14:14">
      <c r="N306363" s="10"/>
    </row>
    <row r="306364" spans="14:14">
      <c r="N306364" s="10"/>
    </row>
    <row r="306365" spans="14:14">
      <c r="N306365" s="10"/>
    </row>
    <row r="306366" spans="14:14">
      <c r="N306366" s="10"/>
    </row>
    <row r="306367" spans="14:14">
      <c r="N306367" s="10"/>
    </row>
    <row r="306368" spans="14:14">
      <c r="N306368" s="10"/>
    </row>
    <row r="306369" spans="14:14">
      <c r="N306369" s="10"/>
    </row>
    <row r="306370" spans="14:14">
      <c r="N306370" s="10"/>
    </row>
    <row r="306371" spans="14:14">
      <c r="N306371" s="10"/>
    </row>
    <row r="306372" spans="14:14">
      <c r="N306372" s="10"/>
    </row>
    <row r="306373" spans="14:14">
      <c r="N306373" s="10"/>
    </row>
    <row r="306374" spans="14:14">
      <c r="N306374" s="10"/>
    </row>
    <row r="306375" spans="14:14">
      <c r="N306375" s="10"/>
    </row>
    <row r="306376" spans="14:14">
      <c r="N306376" s="10"/>
    </row>
    <row r="306377" spans="14:14">
      <c r="N306377" s="10"/>
    </row>
    <row r="306378" spans="14:14">
      <c r="N306378" s="10"/>
    </row>
    <row r="306379" spans="14:14">
      <c r="N306379" s="10"/>
    </row>
    <row r="306380" spans="14:14">
      <c r="N306380" s="10"/>
    </row>
    <row r="306381" spans="14:14">
      <c r="N306381" s="10"/>
    </row>
    <row r="306382" spans="14:14">
      <c r="N306382" s="10"/>
    </row>
    <row r="306383" spans="14:14">
      <c r="N306383" s="10"/>
    </row>
    <row r="306384" spans="14:14">
      <c r="N306384" s="10"/>
    </row>
    <row r="306385" spans="14:14">
      <c r="N306385" s="10"/>
    </row>
    <row r="306386" spans="14:14">
      <c r="N306386" s="10"/>
    </row>
    <row r="306387" spans="14:14">
      <c r="N306387" s="10"/>
    </row>
    <row r="306388" spans="14:14">
      <c r="N306388" s="10"/>
    </row>
    <row r="306389" spans="14:14">
      <c r="N306389" s="10"/>
    </row>
    <row r="306390" spans="14:14">
      <c r="N306390" s="10"/>
    </row>
    <row r="306391" spans="14:14">
      <c r="N306391" s="10"/>
    </row>
    <row r="306392" spans="14:14">
      <c r="N306392" s="10"/>
    </row>
    <row r="306393" spans="14:14">
      <c r="N306393" s="10"/>
    </row>
    <row r="306394" spans="14:14">
      <c r="N306394" s="10"/>
    </row>
    <row r="306395" spans="14:14">
      <c r="N306395" s="10"/>
    </row>
    <row r="306396" spans="14:14">
      <c r="N306396" s="10"/>
    </row>
    <row r="306397" spans="14:14">
      <c r="N306397" s="10"/>
    </row>
    <row r="306398" spans="14:14">
      <c r="N306398" s="10"/>
    </row>
    <row r="306399" spans="14:14">
      <c r="N306399" s="10"/>
    </row>
    <row r="306400" spans="14:14">
      <c r="N306400" s="10"/>
    </row>
    <row r="306401" spans="14:14">
      <c r="N306401" s="10"/>
    </row>
    <row r="306402" spans="14:14">
      <c r="N306402" s="10"/>
    </row>
    <row r="306403" spans="14:14">
      <c r="N306403" s="10"/>
    </row>
    <row r="306404" spans="14:14">
      <c r="N306404" s="10"/>
    </row>
    <row r="306405" spans="14:14">
      <c r="N306405" s="10"/>
    </row>
    <row r="306406" spans="14:14">
      <c r="N306406" s="10"/>
    </row>
    <row r="306407" spans="14:14">
      <c r="N306407" s="10"/>
    </row>
    <row r="306408" spans="14:14">
      <c r="N306408" s="10"/>
    </row>
    <row r="306409" spans="14:14">
      <c r="N306409" s="10"/>
    </row>
    <row r="306410" spans="14:14">
      <c r="N306410" s="10"/>
    </row>
    <row r="306411" spans="14:14">
      <c r="N306411" s="10"/>
    </row>
    <row r="306412" spans="14:14">
      <c r="N306412" s="10"/>
    </row>
    <row r="306413" spans="14:14">
      <c r="N306413" s="10"/>
    </row>
    <row r="306414" spans="14:14">
      <c r="N306414" s="10"/>
    </row>
    <row r="306415" spans="14:14">
      <c r="N306415" s="10"/>
    </row>
    <row r="306416" spans="14:14">
      <c r="N306416" s="10"/>
    </row>
    <row r="306417" spans="14:14">
      <c r="N306417" s="10"/>
    </row>
    <row r="306418" spans="14:14">
      <c r="N306418" s="10"/>
    </row>
    <row r="306419" spans="14:14">
      <c r="N306419" s="10"/>
    </row>
    <row r="306420" spans="14:14">
      <c r="N306420" s="10"/>
    </row>
    <row r="306421" spans="14:14">
      <c r="N306421" s="10"/>
    </row>
    <row r="306422" spans="14:14">
      <c r="N306422" s="10"/>
    </row>
    <row r="306423" spans="14:14">
      <c r="N306423" s="10"/>
    </row>
    <row r="306424" spans="14:14">
      <c r="N306424" s="10"/>
    </row>
    <row r="306425" spans="14:14">
      <c r="N306425" s="10"/>
    </row>
    <row r="306426" spans="14:14">
      <c r="N306426" s="10"/>
    </row>
    <row r="306427" spans="14:14">
      <c r="N306427" s="10"/>
    </row>
    <row r="306428" spans="14:14">
      <c r="N306428" s="10"/>
    </row>
    <row r="306429" spans="14:14">
      <c r="N306429" s="10"/>
    </row>
    <row r="306430" spans="14:14">
      <c r="N306430" s="10"/>
    </row>
    <row r="306431" spans="14:14">
      <c r="N306431" s="10"/>
    </row>
    <row r="306432" spans="14:14">
      <c r="N306432" s="10"/>
    </row>
    <row r="306433" spans="14:14">
      <c r="N306433" s="10"/>
    </row>
    <row r="306434" spans="14:14">
      <c r="N306434" s="10"/>
    </row>
    <row r="306435" spans="14:14">
      <c r="N306435" s="10"/>
    </row>
    <row r="306436" spans="14:14">
      <c r="N306436" s="10"/>
    </row>
    <row r="306437" spans="14:14">
      <c r="N306437" s="10"/>
    </row>
    <row r="306438" spans="14:14">
      <c r="N306438" s="10"/>
    </row>
    <row r="306439" spans="14:14">
      <c r="N306439" s="10"/>
    </row>
    <row r="306440" spans="14:14">
      <c r="N306440" s="10"/>
    </row>
    <row r="306441" spans="14:14">
      <c r="N306441" s="10"/>
    </row>
    <row r="306442" spans="14:14">
      <c r="N306442" s="10"/>
    </row>
    <row r="306443" spans="14:14">
      <c r="N306443" s="10"/>
    </row>
    <row r="306444" spans="14:14">
      <c r="N306444" s="10"/>
    </row>
    <row r="306445" spans="14:14">
      <c r="N306445" s="10"/>
    </row>
    <row r="306446" spans="14:14">
      <c r="N306446" s="10"/>
    </row>
    <row r="306447" spans="14:14">
      <c r="N306447" s="10"/>
    </row>
    <row r="306448" spans="14:14">
      <c r="N306448" s="10"/>
    </row>
    <row r="306449" spans="14:14">
      <c r="N306449" s="10"/>
    </row>
    <row r="306450" spans="14:14">
      <c r="N306450" s="10"/>
    </row>
    <row r="306451" spans="14:14">
      <c r="N306451" s="10"/>
    </row>
    <row r="306452" spans="14:14">
      <c r="N306452" s="10"/>
    </row>
    <row r="306453" spans="14:14">
      <c r="N306453" s="10"/>
    </row>
    <row r="306454" spans="14:14">
      <c r="N306454" s="10"/>
    </row>
    <row r="306455" spans="14:14">
      <c r="N306455" s="10"/>
    </row>
    <row r="306456" spans="14:14">
      <c r="N306456" s="10"/>
    </row>
    <row r="306457" spans="14:14">
      <c r="N306457" s="10"/>
    </row>
    <row r="306458" spans="14:14">
      <c r="N306458" s="10"/>
    </row>
    <row r="306459" spans="14:14">
      <c r="N306459" s="10"/>
    </row>
    <row r="306460" spans="14:14">
      <c r="N306460" s="10"/>
    </row>
    <row r="306461" spans="14:14">
      <c r="N306461" s="10"/>
    </row>
    <row r="306462" spans="14:14">
      <c r="N306462" s="10"/>
    </row>
    <row r="306463" spans="14:14">
      <c r="N306463" s="10"/>
    </row>
    <row r="306464" spans="14:14">
      <c r="N306464" s="10"/>
    </row>
    <row r="306465" spans="14:14">
      <c r="N306465" s="10"/>
    </row>
    <row r="306466" spans="14:14">
      <c r="N306466" s="10"/>
    </row>
    <row r="306467" spans="14:14">
      <c r="N306467" s="10"/>
    </row>
    <row r="306468" spans="14:14">
      <c r="N306468" s="10"/>
    </row>
    <row r="306469" spans="14:14">
      <c r="N306469" s="10"/>
    </row>
    <row r="306470" spans="14:14">
      <c r="N306470" s="10"/>
    </row>
    <row r="306471" spans="14:14">
      <c r="N306471" s="10"/>
    </row>
    <row r="306472" spans="14:14">
      <c r="N306472" s="10"/>
    </row>
    <row r="306473" spans="14:14">
      <c r="N306473" s="10"/>
    </row>
    <row r="306474" spans="14:14">
      <c r="N306474" s="10"/>
    </row>
    <row r="306475" spans="14:14">
      <c r="N306475" s="10"/>
    </row>
    <row r="306476" spans="14:14">
      <c r="N306476" s="10"/>
    </row>
    <row r="306477" spans="14:14">
      <c r="N306477" s="10"/>
    </row>
    <row r="306478" spans="14:14">
      <c r="N306478" s="10"/>
    </row>
    <row r="306479" spans="14:14">
      <c r="N306479" s="10"/>
    </row>
    <row r="306480" spans="14:14">
      <c r="N306480" s="10"/>
    </row>
    <row r="306481" spans="14:14">
      <c r="N306481" s="10"/>
    </row>
    <row r="306482" spans="14:14">
      <c r="N306482" s="10"/>
    </row>
    <row r="306483" spans="14:14">
      <c r="N306483" s="10"/>
    </row>
    <row r="306484" spans="14:14">
      <c r="N306484" s="10"/>
    </row>
    <row r="306485" spans="14:14">
      <c r="N306485" s="10"/>
    </row>
    <row r="306486" spans="14:14">
      <c r="N306486" s="10"/>
    </row>
    <row r="306487" spans="14:14">
      <c r="N306487" s="10"/>
    </row>
    <row r="306488" spans="14:14">
      <c r="N306488" s="10"/>
    </row>
    <row r="306489" spans="14:14">
      <c r="N306489" s="10"/>
    </row>
    <row r="306490" spans="14:14">
      <c r="N306490" s="10"/>
    </row>
    <row r="306491" spans="14:14">
      <c r="N306491" s="10"/>
    </row>
    <row r="306492" spans="14:14">
      <c r="N306492" s="10"/>
    </row>
    <row r="306493" spans="14:14">
      <c r="N306493" s="10"/>
    </row>
    <row r="306494" spans="14:14">
      <c r="N306494" s="10"/>
    </row>
    <row r="306495" spans="14:14">
      <c r="N306495" s="10"/>
    </row>
    <row r="306496" spans="14:14">
      <c r="N306496" s="10"/>
    </row>
    <row r="306497" spans="14:14">
      <c r="N306497" s="10"/>
    </row>
    <row r="306498" spans="14:14">
      <c r="N306498" s="10"/>
    </row>
    <row r="306499" spans="14:14">
      <c r="N306499" s="10"/>
    </row>
    <row r="306500" spans="14:14">
      <c r="N306500" s="10"/>
    </row>
    <row r="306501" spans="14:14">
      <c r="N306501" s="10"/>
    </row>
    <row r="306502" spans="14:14">
      <c r="N306502" s="10"/>
    </row>
    <row r="306503" spans="14:14">
      <c r="N306503" s="10"/>
    </row>
    <row r="306504" spans="14:14">
      <c r="N306504" s="10"/>
    </row>
    <row r="306505" spans="14:14">
      <c r="N306505" s="10"/>
    </row>
    <row r="306506" spans="14:14">
      <c r="N306506" s="10"/>
    </row>
    <row r="306507" spans="14:14">
      <c r="N306507" s="10"/>
    </row>
    <row r="306508" spans="14:14">
      <c r="N306508" s="10"/>
    </row>
    <row r="306509" spans="14:14">
      <c r="N306509" s="10"/>
    </row>
    <row r="306510" spans="14:14">
      <c r="N306510" s="10"/>
    </row>
    <row r="306511" spans="14:14">
      <c r="N306511" s="10"/>
    </row>
    <row r="306512" spans="14:14">
      <c r="N306512" s="10"/>
    </row>
    <row r="306513" spans="14:14">
      <c r="N306513" s="10"/>
    </row>
    <row r="306514" spans="14:14">
      <c r="N306514" s="10"/>
    </row>
    <row r="306515" spans="14:14">
      <c r="N306515" s="10"/>
    </row>
    <row r="306516" spans="14:14">
      <c r="N306516" s="10"/>
    </row>
    <row r="306517" spans="14:14">
      <c r="N306517" s="10"/>
    </row>
    <row r="306518" spans="14:14">
      <c r="N306518" s="10"/>
    </row>
    <row r="306519" spans="14:14">
      <c r="N306519" s="10"/>
    </row>
    <row r="306520" spans="14:14">
      <c r="N306520" s="10"/>
    </row>
    <row r="306521" spans="14:14">
      <c r="N306521" s="10"/>
    </row>
    <row r="306522" spans="14:14">
      <c r="N306522" s="10"/>
    </row>
    <row r="306523" spans="14:14">
      <c r="N306523" s="10"/>
    </row>
    <row r="306524" spans="14:14">
      <c r="N306524" s="10"/>
    </row>
    <row r="306525" spans="14:14">
      <c r="N306525" s="10"/>
    </row>
    <row r="306526" spans="14:14">
      <c r="N306526" s="10"/>
    </row>
    <row r="306527" spans="14:14">
      <c r="N306527" s="10"/>
    </row>
    <row r="306528" spans="14:14">
      <c r="N306528" s="10"/>
    </row>
    <row r="306529" spans="14:14">
      <c r="N306529" s="10"/>
    </row>
    <row r="306530" spans="14:14">
      <c r="N306530" s="10"/>
    </row>
    <row r="306531" spans="14:14">
      <c r="N306531" s="10"/>
    </row>
    <row r="306532" spans="14:14">
      <c r="N306532" s="10"/>
    </row>
    <row r="306533" spans="14:14">
      <c r="N306533" s="10"/>
    </row>
    <row r="306534" spans="14:14">
      <c r="N306534" s="10"/>
    </row>
    <row r="306535" spans="14:14">
      <c r="N306535" s="10"/>
    </row>
    <row r="306536" spans="14:14">
      <c r="N306536" s="10"/>
    </row>
    <row r="306537" spans="14:14">
      <c r="N306537" s="10"/>
    </row>
    <row r="306538" spans="14:14">
      <c r="N306538" s="10"/>
    </row>
    <row r="306539" spans="14:14">
      <c r="N306539" s="10"/>
    </row>
    <row r="306540" spans="14:14">
      <c r="N306540" s="10"/>
    </row>
    <row r="306541" spans="14:14">
      <c r="N306541" s="10"/>
    </row>
    <row r="306542" spans="14:14">
      <c r="N306542" s="10"/>
    </row>
    <row r="306543" spans="14:14">
      <c r="N306543" s="10"/>
    </row>
    <row r="306544" spans="14:14">
      <c r="N306544" s="10"/>
    </row>
    <row r="306545" spans="14:14">
      <c r="N306545" s="10"/>
    </row>
    <row r="306546" spans="14:14">
      <c r="N306546" s="10"/>
    </row>
    <row r="306547" spans="14:14">
      <c r="N306547" s="10"/>
    </row>
    <row r="306548" spans="14:14">
      <c r="N306548" s="10"/>
    </row>
    <row r="306549" spans="14:14">
      <c r="N306549" s="10"/>
    </row>
    <row r="306550" spans="14:14">
      <c r="N306550" s="10"/>
    </row>
    <row r="306551" spans="14:14">
      <c r="N306551" s="10"/>
    </row>
    <row r="306552" spans="14:14">
      <c r="N306552" s="10"/>
    </row>
    <row r="306553" spans="14:14">
      <c r="N306553" s="10"/>
    </row>
    <row r="306554" spans="14:14">
      <c r="N306554" s="10"/>
    </row>
    <row r="306555" spans="14:14">
      <c r="N306555" s="10"/>
    </row>
    <row r="306556" spans="14:14">
      <c r="N306556" s="10"/>
    </row>
    <row r="306557" spans="14:14">
      <c r="N306557" s="10"/>
    </row>
    <row r="306558" spans="14:14">
      <c r="N306558" s="10"/>
    </row>
    <row r="306559" spans="14:14">
      <c r="N306559" s="10"/>
    </row>
    <row r="306560" spans="14:14">
      <c r="N306560" s="10"/>
    </row>
    <row r="306561" spans="14:14">
      <c r="N306561" s="10"/>
    </row>
    <row r="306562" spans="14:14">
      <c r="N306562" s="10"/>
    </row>
    <row r="306563" spans="14:14">
      <c r="N306563" s="10"/>
    </row>
    <row r="306564" spans="14:14">
      <c r="N306564" s="10"/>
    </row>
    <row r="306565" spans="14:14">
      <c r="N306565" s="10"/>
    </row>
    <row r="306566" spans="14:14">
      <c r="N306566" s="10"/>
    </row>
    <row r="306567" spans="14:14">
      <c r="N306567" s="10"/>
    </row>
    <row r="306568" spans="14:14">
      <c r="N306568" s="10"/>
    </row>
    <row r="306569" spans="14:14">
      <c r="N306569" s="10"/>
    </row>
    <row r="306570" spans="14:14">
      <c r="N306570" s="10"/>
    </row>
    <row r="306571" spans="14:14">
      <c r="N306571" s="10"/>
    </row>
    <row r="306572" spans="14:14">
      <c r="N306572" s="10"/>
    </row>
    <row r="306573" spans="14:14">
      <c r="N306573" s="10"/>
    </row>
    <row r="306574" spans="14:14">
      <c r="N306574" s="10"/>
    </row>
    <row r="306575" spans="14:14">
      <c r="N306575" s="10"/>
    </row>
    <row r="306576" spans="14:14">
      <c r="N306576" s="10"/>
    </row>
    <row r="306577" spans="14:14">
      <c r="N306577" s="10"/>
    </row>
    <row r="306578" spans="14:14">
      <c r="N306578" s="10"/>
    </row>
    <row r="306579" spans="14:14">
      <c r="N306579" s="10"/>
    </row>
    <row r="306580" spans="14:14">
      <c r="N306580" s="10"/>
    </row>
    <row r="306581" spans="14:14">
      <c r="N306581" s="10"/>
    </row>
    <row r="306582" spans="14:14">
      <c r="N306582" s="10"/>
    </row>
    <row r="306583" spans="14:14">
      <c r="N306583" s="10"/>
    </row>
    <row r="306584" spans="14:14">
      <c r="N306584" s="10"/>
    </row>
    <row r="306585" spans="14:14">
      <c r="N306585" s="10"/>
    </row>
    <row r="306586" spans="14:14">
      <c r="N306586" s="10"/>
    </row>
    <row r="306587" spans="14:14">
      <c r="N306587" s="10"/>
    </row>
    <row r="306588" spans="14:14">
      <c r="N306588" s="10"/>
    </row>
    <row r="306589" spans="14:14">
      <c r="N306589" s="10"/>
    </row>
    <row r="306590" spans="14:14">
      <c r="N306590" s="10"/>
    </row>
    <row r="306591" spans="14:14">
      <c r="N306591" s="10"/>
    </row>
    <row r="306592" spans="14:14">
      <c r="N306592" s="10"/>
    </row>
    <row r="306593" spans="14:14">
      <c r="N306593" s="10"/>
    </row>
    <row r="306594" spans="14:14">
      <c r="N306594" s="10"/>
    </row>
    <row r="306595" spans="14:14">
      <c r="N306595" s="10"/>
    </row>
    <row r="306596" spans="14:14">
      <c r="N306596" s="10"/>
    </row>
    <row r="306597" spans="14:14">
      <c r="N306597" s="10"/>
    </row>
    <row r="306598" spans="14:14">
      <c r="N306598" s="10"/>
    </row>
    <row r="306599" spans="14:14">
      <c r="N306599" s="10"/>
    </row>
    <row r="306600" spans="14:14">
      <c r="N306600" s="10"/>
    </row>
    <row r="306601" spans="14:14">
      <c r="N306601" s="10"/>
    </row>
    <row r="306602" spans="14:14">
      <c r="N306602" s="10"/>
    </row>
    <row r="306603" spans="14:14">
      <c r="N306603" s="10"/>
    </row>
    <row r="306604" spans="14:14">
      <c r="N306604" s="10"/>
    </row>
    <row r="306605" spans="14:14">
      <c r="N306605" s="10"/>
    </row>
    <row r="306606" spans="14:14">
      <c r="N306606" s="10"/>
    </row>
    <row r="306607" spans="14:14">
      <c r="N306607" s="10"/>
    </row>
    <row r="306608" spans="14:14">
      <c r="N306608" s="10"/>
    </row>
    <row r="306609" spans="14:14">
      <c r="N306609" s="10"/>
    </row>
    <row r="306610" spans="14:14">
      <c r="N306610" s="10"/>
    </row>
    <row r="306611" spans="14:14">
      <c r="N306611" s="10"/>
    </row>
    <row r="306612" spans="14:14">
      <c r="N306612" s="10"/>
    </row>
    <row r="306613" spans="14:14">
      <c r="N306613" s="10"/>
    </row>
    <row r="306614" spans="14:14">
      <c r="N306614" s="10"/>
    </row>
    <row r="306615" spans="14:14">
      <c r="N306615" s="10"/>
    </row>
    <row r="306616" spans="14:14">
      <c r="N306616" s="10"/>
    </row>
    <row r="306617" spans="14:14">
      <c r="N306617" s="10"/>
    </row>
    <row r="306618" spans="14:14">
      <c r="N306618" s="10"/>
    </row>
    <row r="306619" spans="14:14">
      <c r="N306619" s="10"/>
    </row>
    <row r="306620" spans="14:14">
      <c r="N306620" s="10"/>
    </row>
    <row r="306621" spans="14:14">
      <c r="N306621" s="10"/>
    </row>
    <row r="306622" spans="14:14">
      <c r="N306622" s="10"/>
    </row>
    <row r="306623" spans="14:14">
      <c r="N306623" s="10"/>
    </row>
    <row r="306624" spans="14:14">
      <c r="N306624" s="10"/>
    </row>
    <row r="306625" spans="14:14">
      <c r="N306625" s="10"/>
    </row>
    <row r="306626" spans="14:14">
      <c r="N306626" s="10"/>
    </row>
    <row r="306627" spans="14:14">
      <c r="N306627" s="10"/>
    </row>
    <row r="306628" spans="14:14">
      <c r="N306628" s="10"/>
    </row>
    <row r="306629" spans="14:14">
      <c r="N306629" s="10"/>
    </row>
    <row r="306630" spans="14:14">
      <c r="N306630" s="10"/>
    </row>
    <row r="306631" spans="14:14">
      <c r="N306631" s="10"/>
    </row>
    <row r="306632" spans="14:14">
      <c r="N306632" s="10"/>
    </row>
    <row r="306633" spans="14:14">
      <c r="N306633" s="10"/>
    </row>
    <row r="306634" spans="14:14">
      <c r="N306634" s="10"/>
    </row>
    <row r="306635" spans="14:14">
      <c r="N306635" s="10"/>
    </row>
    <row r="306636" spans="14:14">
      <c r="N306636" s="10"/>
    </row>
    <row r="306637" spans="14:14">
      <c r="N306637" s="10"/>
    </row>
    <row r="306638" spans="14:14">
      <c r="N306638" s="10"/>
    </row>
    <row r="306639" spans="14:14">
      <c r="N306639" s="10"/>
    </row>
    <row r="306640" spans="14:14">
      <c r="N306640" s="10"/>
    </row>
    <row r="306641" spans="14:14">
      <c r="N306641" s="10"/>
    </row>
    <row r="306642" spans="14:14">
      <c r="N306642" s="10"/>
    </row>
    <row r="306643" spans="14:14">
      <c r="N306643" s="10"/>
    </row>
    <row r="306644" spans="14:14">
      <c r="N306644" s="10"/>
    </row>
    <row r="306645" spans="14:14">
      <c r="N306645" s="10"/>
    </row>
    <row r="306646" spans="14:14">
      <c r="N306646" s="10"/>
    </row>
    <row r="306647" spans="14:14">
      <c r="N306647" s="10"/>
    </row>
    <row r="306648" spans="14:14">
      <c r="N306648" s="10"/>
    </row>
    <row r="306649" spans="14:14">
      <c r="N306649" s="10"/>
    </row>
    <row r="306650" spans="14:14">
      <c r="N306650" s="10"/>
    </row>
    <row r="306651" spans="14:14">
      <c r="N306651" s="10"/>
    </row>
    <row r="306652" spans="14:14">
      <c r="N306652" s="10"/>
    </row>
    <row r="306653" spans="14:14">
      <c r="N306653" s="10"/>
    </row>
    <row r="306654" spans="14:14">
      <c r="N306654" s="10"/>
    </row>
    <row r="306655" spans="14:14">
      <c r="N306655" s="10"/>
    </row>
    <row r="306656" spans="14:14">
      <c r="N306656" s="10"/>
    </row>
    <row r="306657" spans="14:14">
      <c r="N306657" s="10"/>
    </row>
    <row r="306658" spans="14:14">
      <c r="N306658" s="10"/>
    </row>
    <row r="306659" spans="14:14">
      <c r="N306659" s="10"/>
    </row>
    <row r="306660" spans="14:14">
      <c r="N306660" s="10"/>
    </row>
    <row r="306661" spans="14:14">
      <c r="N306661" s="10"/>
    </row>
    <row r="306662" spans="14:14">
      <c r="N306662" s="10"/>
    </row>
    <row r="306663" spans="14:14">
      <c r="N306663" s="10"/>
    </row>
    <row r="306664" spans="14:14">
      <c r="N306664" s="10"/>
    </row>
    <row r="306665" spans="14:14">
      <c r="N306665" s="10"/>
    </row>
    <row r="306666" spans="14:14">
      <c r="N306666" s="10"/>
    </row>
    <row r="306667" spans="14:14">
      <c r="N306667" s="10"/>
    </row>
    <row r="306668" spans="14:14">
      <c r="N306668" s="10"/>
    </row>
    <row r="306669" spans="14:14">
      <c r="N306669" s="10"/>
    </row>
    <row r="306670" spans="14:14">
      <c r="N306670" s="10"/>
    </row>
    <row r="306671" spans="14:14">
      <c r="N306671" s="10"/>
    </row>
    <row r="306672" spans="14:14">
      <c r="N306672" s="10"/>
    </row>
    <row r="306673" spans="14:14">
      <c r="N306673" s="10"/>
    </row>
    <row r="306674" spans="14:14">
      <c r="N306674" s="10"/>
    </row>
    <row r="306675" spans="14:14">
      <c r="N306675" s="10"/>
    </row>
    <row r="306676" spans="14:14">
      <c r="N306676" s="10"/>
    </row>
    <row r="306677" spans="14:14">
      <c r="N306677" s="10"/>
    </row>
    <row r="306678" spans="14:14">
      <c r="N306678" s="10"/>
    </row>
    <row r="306679" spans="14:14">
      <c r="N306679" s="10"/>
    </row>
    <row r="306680" spans="14:14">
      <c r="N306680" s="10"/>
    </row>
    <row r="306681" spans="14:14">
      <c r="N306681" s="10"/>
    </row>
    <row r="306682" spans="14:14">
      <c r="N306682" s="10"/>
    </row>
    <row r="306683" spans="14:14">
      <c r="N306683" s="10"/>
    </row>
    <row r="306684" spans="14:14">
      <c r="N306684" s="10"/>
    </row>
    <row r="306685" spans="14:14">
      <c r="N306685" s="10"/>
    </row>
    <row r="306686" spans="14:14">
      <c r="N306686" s="10"/>
    </row>
    <row r="306687" spans="14:14">
      <c r="N306687" s="10"/>
    </row>
    <row r="306688" spans="14:14">
      <c r="N306688" s="10"/>
    </row>
    <row r="306689" spans="14:14">
      <c r="N306689" s="10"/>
    </row>
    <row r="306690" spans="14:14">
      <c r="N306690" s="10"/>
    </row>
    <row r="306691" spans="14:14">
      <c r="N306691" s="10"/>
    </row>
    <row r="306692" spans="14:14">
      <c r="N306692" s="10"/>
    </row>
    <row r="306693" spans="14:14">
      <c r="N306693" s="10"/>
    </row>
    <row r="306694" spans="14:14">
      <c r="N306694" s="10"/>
    </row>
    <row r="306695" spans="14:14">
      <c r="N306695" s="10"/>
    </row>
    <row r="306696" spans="14:14">
      <c r="N306696" s="10"/>
    </row>
    <row r="306697" spans="14:14">
      <c r="N306697" s="10"/>
    </row>
    <row r="306698" spans="14:14">
      <c r="N306698" s="10"/>
    </row>
    <row r="306699" spans="14:14">
      <c r="N306699" s="10"/>
    </row>
    <row r="306700" spans="14:14">
      <c r="N306700" s="10"/>
    </row>
    <row r="306701" spans="14:14">
      <c r="N306701" s="10"/>
    </row>
    <row r="306702" spans="14:14">
      <c r="N306702" s="10"/>
    </row>
    <row r="306703" spans="14:14">
      <c r="N306703" s="10"/>
    </row>
    <row r="306704" spans="14:14">
      <c r="N306704" s="10"/>
    </row>
    <row r="306705" spans="14:14">
      <c r="N306705" s="10"/>
    </row>
    <row r="306706" spans="14:14">
      <c r="N306706" s="10"/>
    </row>
    <row r="306707" spans="14:14">
      <c r="N306707" s="10"/>
    </row>
    <row r="306708" spans="14:14">
      <c r="N306708" s="10"/>
    </row>
    <row r="306709" spans="14:14">
      <c r="N306709" s="10"/>
    </row>
    <row r="306710" spans="14:14">
      <c r="N306710" s="10"/>
    </row>
    <row r="306711" spans="14:14">
      <c r="N306711" s="10"/>
    </row>
    <row r="306712" spans="14:14">
      <c r="N306712" s="10"/>
    </row>
    <row r="306713" spans="14:14">
      <c r="N306713" s="10"/>
    </row>
    <row r="306714" spans="14:14">
      <c r="N306714" s="10"/>
    </row>
    <row r="306715" spans="14:14">
      <c r="N306715" s="10"/>
    </row>
    <row r="306716" spans="14:14">
      <c r="N306716" s="10"/>
    </row>
    <row r="306717" spans="14:14">
      <c r="N306717" s="10"/>
    </row>
    <row r="306718" spans="14:14">
      <c r="N306718" s="10"/>
    </row>
    <row r="306719" spans="14:14">
      <c r="N306719" s="10"/>
    </row>
    <row r="306720" spans="14:14">
      <c r="N306720" s="10"/>
    </row>
    <row r="306721" spans="14:14">
      <c r="N306721" s="10"/>
    </row>
    <row r="306722" spans="14:14">
      <c r="N306722" s="10"/>
    </row>
    <row r="306723" spans="14:14">
      <c r="N306723" s="10"/>
    </row>
    <row r="306724" spans="14:14">
      <c r="N306724" s="10"/>
    </row>
    <row r="306725" spans="14:14">
      <c r="N306725" s="10"/>
    </row>
    <row r="306726" spans="14:14">
      <c r="N306726" s="10"/>
    </row>
    <row r="306727" spans="14:14">
      <c r="N306727" s="10"/>
    </row>
    <row r="306728" spans="14:14">
      <c r="N306728" s="10"/>
    </row>
    <row r="306729" spans="14:14">
      <c r="N306729" s="10"/>
    </row>
    <row r="306730" spans="14:14">
      <c r="N306730" s="10"/>
    </row>
    <row r="306731" spans="14:14">
      <c r="N306731" s="10"/>
    </row>
    <row r="306732" spans="14:14">
      <c r="N306732" s="10"/>
    </row>
    <row r="306733" spans="14:14">
      <c r="N306733" s="10"/>
    </row>
    <row r="306734" spans="14:14">
      <c r="N306734" s="10"/>
    </row>
    <row r="306735" spans="14:14">
      <c r="N306735" s="10"/>
    </row>
    <row r="306736" spans="14:14">
      <c r="N306736" s="10"/>
    </row>
    <row r="306737" spans="14:14">
      <c r="N306737" s="10"/>
    </row>
    <row r="306738" spans="14:14">
      <c r="N306738" s="10"/>
    </row>
    <row r="306739" spans="14:14">
      <c r="N306739" s="10"/>
    </row>
    <row r="306740" spans="14:14">
      <c r="N306740" s="10"/>
    </row>
    <row r="306741" spans="14:14">
      <c r="N306741" s="10"/>
    </row>
    <row r="306742" spans="14:14">
      <c r="N306742" s="10"/>
    </row>
    <row r="306743" spans="14:14">
      <c r="N306743" s="10"/>
    </row>
    <row r="306744" spans="14:14">
      <c r="N306744" s="10"/>
    </row>
    <row r="306745" spans="14:14">
      <c r="N306745" s="10"/>
    </row>
    <row r="306746" spans="14:14">
      <c r="N306746" s="10"/>
    </row>
    <row r="306747" spans="14:14">
      <c r="N306747" s="10"/>
    </row>
    <row r="306748" spans="14:14">
      <c r="N306748" s="10"/>
    </row>
    <row r="306749" spans="14:14">
      <c r="N306749" s="10"/>
    </row>
    <row r="306750" spans="14:14">
      <c r="N306750" s="10"/>
    </row>
    <row r="306751" spans="14:14">
      <c r="N306751" s="10"/>
    </row>
    <row r="306752" spans="14:14">
      <c r="N306752" s="10"/>
    </row>
    <row r="306753" spans="14:14">
      <c r="N306753" s="10"/>
    </row>
    <row r="306754" spans="14:14">
      <c r="N306754" s="10"/>
    </row>
    <row r="306755" spans="14:14">
      <c r="N306755" s="10"/>
    </row>
    <row r="306756" spans="14:14">
      <c r="N306756" s="10"/>
    </row>
    <row r="306757" spans="14:14">
      <c r="N306757" s="10"/>
    </row>
    <row r="306758" spans="14:14">
      <c r="N306758" s="10"/>
    </row>
    <row r="306759" spans="14:14">
      <c r="N306759" s="10"/>
    </row>
    <row r="306760" spans="14:14">
      <c r="N306760" s="10"/>
    </row>
    <row r="306761" spans="14:14">
      <c r="N306761" s="10"/>
    </row>
    <row r="306762" spans="14:14">
      <c r="N306762" s="10"/>
    </row>
    <row r="306763" spans="14:14">
      <c r="N306763" s="10"/>
    </row>
    <row r="306764" spans="14:14">
      <c r="N306764" s="10"/>
    </row>
    <row r="306765" spans="14:14">
      <c r="N306765" s="10"/>
    </row>
    <row r="306766" spans="14:14">
      <c r="N306766" s="10"/>
    </row>
    <row r="306767" spans="14:14">
      <c r="N306767" s="10"/>
    </row>
    <row r="306768" spans="14:14">
      <c r="N306768" s="10"/>
    </row>
    <row r="306769" spans="14:14">
      <c r="N306769" s="10"/>
    </row>
    <row r="306770" spans="14:14">
      <c r="N306770" s="10"/>
    </row>
    <row r="306771" spans="14:14">
      <c r="N306771" s="10"/>
    </row>
    <row r="306772" spans="14:14">
      <c r="N306772" s="10"/>
    </row>
    <row r="306773" spans="14:14">
      <c r="N306773" s="10"/>
    </row>
    <row r="306774" spans="14:14">
      <c r="N306774" s="10"/>
    </row>
    <row r="306775" spans="14:14">
      <c r="N306775" s="10"/>
    </row>
    <row r="306776" spans="14:14">
      <c r="N306776" s="10"/>
    </row>
    <row r="306777" spans="14:14">
      <c r="N306777" s="10"/>
    </row>
    <row r="306778" spans="14:14">
      <c r="N306778" s="10"/>
    </row>
    <row r="306779" spans="14:14">
      <c r="N306779" s="10"/>
    </row>
    <row r="306780" spans="14:14">
      <c r="N306780" s="10"/>
    </row>
    <row r="306781" spans="14:14">
      <c r="N306781" s="10"/>
    </row>
    <row r="306782" spans="14:14">
      <c r="N306782" s="10"/>
    </row>
    <row r="306783" spans="14:14">
      <c r="N306783" s="10"/>
    </row>
    <row r="306784" spans="14:14">
      <c r="N306784" s="10"/>
    </row>
    <row r="306785" spans="14:14">
      <c r="N306785" s="10"/>
    </row>
    <row r="306786" spans="14:14">
      <c r="N306786" s="10"/>
    </row>
    <row r="306787" spans="14:14">
      <c r="N306787" s="10"/>
    </row>
    <row r="306788" spans="14:14">
      <c r="N306788" s="10"/>
    </row>
    <row r="306789" spans="14:14">
      <c r="N306789" s="10"/>
    </row>
    <row r="306790" spans="14:14">
      <c r="N306790" s="10"/>
    </row>
    <row r="306791" spans="14:14">
      <c r="N306791" s="10"/>
    </row>
    <row r="306792" spans="14:14">
      <c r="N306792" s="10"/>
    </row>
    <row r="306793" spans="14:14">
      <c r="N306793" s="10"/>
    </row>
    <row r="306794" spans="14:14">
      <c r="N306794" s="10"/>
    </row>
    <row r="306795" spans="14:14">
      <c r="N306795" s="10"/>
    </row>
    <row r="306796" spans="14:14">
      <c r="N306796" s="10"/>
    </row>
    <row r="306797" spans="14:14">
      <c r="N306797" s="10"/>
    </row>
    <row r="306798" spans="14:14">
      <c r="N306798" s="10"/>
    </row>
    <row r="306799" spans="14:14">
      <c r="N306799" s="10"/>
    </row>
    <row r="306800" spans="14:14">
      <c r="N306800" s="10"/>
    </row>
    <row r="306801" spans="14:14">
      <c r="N306801" s="10"/>
    </row>
    <row r="306802" spans="14:14">
      <c r="N306802" s="10"/>
    </row>
    <row r="306803" spans="14:14">
      <c r="N306803" s="10"/>
    </row>
    <row r="306804" spans="14:14">
      <c r="N306804" s="10"/>
    </row>
    <row r="306805" spans="14:14">
      <c r="N306805" s="10"/>
    </row>
    <row r="306806" spans="14:14">
      <c r="N306806" s="10"/>
    </row>
    <row r="306807" spans="14:14">
      <c r="N306807" s="10"/>
    </row>
    <row r="306808" spans="14:14">
      <c r="N306808" s="10"/>
    </row>
    <row r="306809" spans="14:14">
      <c r="N306809" s="10"/>
    </row>
    <row r="306810" spans="14:14">
      <c r="N306810" s="10"/>
    </row>
    <row r="306811" spans="14:14">
      <c r="N306811" s="10"/>
    </row>
    <row r="306812" spans="14:14">
      <c r="N306812" s="10"/>
    </row>
    <row r="306813" spans="14:14">
      <c r="N306813" s="10"/>
    </row>
    <row r="306814" spans="14:14">
      <c r="N306814" s="10"/>
    </row>
    <row r="306815" spans="14:14">
      <c r="N306815" s="10"/>
    </row>
    <row r="306816" spans="14:14">
      <c r="N306816" s="10"/>
    </row>
    <row r="306817" spans="14:14">
      <c r="N306817" s="10"/>
    </row>
    <row r="306818" spans="14:14">
      <c r="N306818" s="10"/>
    </row>
    <row r="306819" spans="14:14">
      <c r="N306819" s="10"/>
    </row>
    <row r="306820" spans="14:14">
      <c r="N306820" s="10"/>
    </row>
    <row r="306821" spans="14:14">
      <c r="N306821" s="10"/>
    </row>
    <row r="306822" spans="14:14">
      <c r="N306822" s="10"/>
    </row>
    <row r="306823" spans="14:14">
      <c r="N306823" s="10"/>
    </row>
    <row r="306824" spans="14:14">
      <c r="N306824" s="10"/>
    </row>
    <row r="306825" spans="14:14">
      <c r="N306825" s="10"/>
    </row>
    <row r="306826" spans="14:14">
      <c r="N306826" s="10"/>
    </row>
    <row r="306827" spans="14:14">
      <c r="N306827" s="10"/>
    </row>
    <row r="306828" spans="14:14">
      <c r="N306828" s="10"/>
    </row>
    <row r="306829" spans="14:14">
      <c r="N306829" s="10"/>
    </row>
    <row r="306830" spans="14:14">
      <c r="N306830" s="10"/>
    </row>
    <row r="306831" spans="14:14">
      <c r="N306831" s="10"/>
    </row>
    <row r="306832" spans="14:14">
      <c r="N306832" s="10"/>
    </row>
    <row r="306833" spans="14:14">
      <c r="N306833" s="10"/>
    </row>
    <row r="306834" spans="14:14">
      <c r="N306834" s="10"/>
    </row>
    <row r="306835" spans="14:14">
      <c r="N306835" s="10"/>
    </row>
    <row r="306836" spans="14:14">
      <c r="N306836" s="10"/>
    </row>
    <row r="306837" spans="14:14">
      <c r="N306837" s="10"/>
    </row>
    <row r="306838" spans="14:14">
      <c r="N306838" s="10"/>
    </row>
    <row r="306839" spans="14:14">
      <c r="N306839" s="10"/>
    </row>
    <row r="306840" spans="14:14">
      <c r="N306840" s="10"/>
    </row>
    <row r="306841" spans="14:14">
      <c r="N306841" s="10"/>
    </row>
    <row r="306842" spans="14:14">
      <c r="N306842" s="10"/>
    </row>
    <row r="306843" spans="14:14">
      <c r="N306843" s="10"/>
    </row>
    <row r="306844" spans="14:14">
      <c r="N306844" s="10"/>
    </row>
    <row r="306845" spans="14:14">
      <c r="N306845" s="10"/>
    </row>
    <row r="306846" spans="14:14">
      <c r="N306846" s="10"/>
    </row>
    <row r="306847" spans="14:14">
      <c r="N306847" s="10"/>
    </row>
    <row r="306848" spans="14:14">
      <c r="N306848" s="10"/>
    </row>
    <row r="306849" spans="14:14">
      <c r="N306849" s="10"/>
    </row>
    <row r="306850" spans="14:14">
      <c r="N306850" s="10"/>
    </row>
    <row r="306851" spans="14:14">
      <c r="N306851" s="10"/>
    </row>
    <row r="306852" spans="14:14">
      <c r="N306852" s="10"/>
    </row>
    <row r="306853" spans="14:14">
      <c r="N306853" s="10"/>
    </row>
    <row r="306854" spans="14:14">
      <c r="N306854" s="10"/>
    </row>
    <row r="306855" spans="14:14">
      <c r="N306855" s="10"/>
    </row>
    <row r="306856" spans="14:14">
      <c r="N306856" s="10"/>
    </row>
    <row r="306857" spans="14:14">
      <c r="N306857" s="10"/>
    </row>
    <row r="306858" spans="14:14">
      <c r="N306858" s="10"/>
    </row>
    <row r="306859" spans="14:14">
      <c r="N306859" s="10"/>
    </row>
    <row r="306860" spans="14:14">
      <c r="N306860" s="10"/>
    </row>
    <row r="306861" spans="14:14">
      <c r="N306861" s="10"/>
    </row>
    <row r="306862" spans="14:14">
      <c r="N306862" s="10"/>
    </row>
    <row r="306863" spans="14:14">
      <c r="N306863" s="10"/>
    </row>
    <row r="306864" spans="14:14">
      <c r="N306864" s="10"/>
    </row>
    <row r="306865" spans="14:14">
      <c r="N306865" s="10"/>
    </row>
    <row r="306866" spans="14:14">
      <c r="N306866" s="10"/>
    </row>
    <row r="306867" spans="14:14">
      <c r="N306867" s="10"/>
    </row>
    <row r="306868" spans="14:14">
      <c r="N306868" s="10"/>
    </row>
    <row r="306869" spans="14:14">
      <c r="N306869" s="10"/>
    </row>
    <row r="306870" spans="14:14">
      <c r="N306870" s="10"/>
    </row>
    <row r="306871" spans="14:14">
      <c r="N306871" s="10"/>
    </row>
    <row r="306872" spans="14:14">
      <c r="N306872" s="10"/>
    </row>
    <row r="306873" spans="14:14">
      <c r="N306873" s="10"/>
    </row>
    <row r="306874" spans="14:14">
      <c r="N306874" s="10"/>
    </row>
    <row r="306875" spans="14:14">
      <c r="N306875" s="10"/>
    </row>
    <row r="306876" spans="14:14">
      <c r="N306876" s="10"/>
    </row>
    <row r="306877" spans="14:14">
      <c r="N306877" s="10"/>
    </row>
    <row r="306878" spans="14:14">
      <c r="N306878" s="10"/>
    </row>
    <row r="306879" spans="14:14">
      <c r="N306879" s="10"/>
    </row>
    <row r="306880" spans="14:14">
      <c r="N306880" s="10"/>
    </row>
    <row r="306881" spans="14:14">
      <c r="N306881" s="10"/>
    </row>
    <row r="306882" spans="14:14">
      <c r="N306882" s="10"/>
    </row>
    <row r="306883" spans="14:14">
      <c r="N306883" s="10"/>
    </row>
    <row r="306884" spans="14:14">
      <c r="N306884" s="10"/>
    </row>
    <row r="306885" spans="14:14">
      <c r="N306885" s="10"/>
    </row>
    <row r="306886" spans="14:14">
      <c r="N306886" s="10"/>
    </row>
    <row r="306887" spans="14:14">
      <c r="N306887" s="10"/>
    </row>
    <row r="306888" spans="14:14">
      <c r="N306888" s="10"/>
    </row>
    <row r="306889" spans="14:14">
      <c r="N306889" s="10"/>
    </row>
    <row r="306890" spans="14:14">
      <c r="N306890" s="10"/>
    </row>
    <row r="306891" spans="14:14">
      <c r="N306891" s="10"/>
    </row>
    <row r="306892" spans="14:14">
      <c r="N306892" s="10"/>
    </row>
    <row r="306893" spans="14:14">
      <c r="N306893" s="10"/>
    </row>
    <row r="306894" spans="14:14">
      <c r="N306894" s="10"/>
    </row>
    <row r="306895" spans="14:14">
      <c r="N306895" s="10"/>
    </row>
    <row r="306896" spans="14:14">
      <c r="N306896" s="10"/>
    </row>
    <row r="306897" spans="14:14">
      <c r="N306897" s="10"/>
    </row>
    <row r="306898" spans="14:14">
      <c r="N306898" s="10"/>
    </row>
    <row r="306899" spans="14:14">
      <c r="N306899" s="10"/>
    </row>
    <row r="306900" spans="14:14">
      <c r="N306900" s="10"/>
    </row>
    <row r="306901" spans="14:14">
      <c r="N306901" s="10"/>
    </row>
    <row r="306902" spans="14:14">
      <c r="N306902" s="10"/>
    </row>
    <row r="306903" spans="14:14">
      <c r="N306903" s="10"/>
    </row>
    <row r="306904" spans="14:14">
      <c r="N306904" s="10"/>
    </row>
    <row r="306905" spans="14:14">
      <c r="N306905" s="10"/>
    </row>
    <row r="306906" spans="14:14">
      <c r="N306906" s="10"/>
    </row>
    <row r="306907" spans="14:14">
      <c r="N306907" s="10"/>
    </row>
    <row r="306908" spans="14:14">
      <c r="N306908" s="10"/>
    </row>
    <row r="306909" spans="14:14">
      <c r="N306909" s="10"/>
    </row>
    <row r="306910" spans="14:14">
      <c r="N306910" s="10"/>
    </row>
    <row r="306911" spans="14:14">
      <c r="N306911" s="10"/>
    </row>
    <row r="306912" spans="14:14">
      <c r="N306912" s="10"/>
    </row>
    <row r="306913" spans="14:14">
      <c r="N306913" s="10"/>
    </row>
    <row r="306914" spans="14:14">
      <c r="N306914" s="10"/>
    </row>
    <row r="306915" spans="14:14">
      <c r="N306915" s="10"/>
    </row>
    <row r="306916" spans="14:14">
      <c r="N306916" s="10"/>
    </row>
    <row r="306917" spans="14:14">
      <c r="N306917" s="10"/>
    </row>
    <row r="306918" spans="14:14">
      <c r="N306918" s="10"/>
    </row>
    <row r="306919" spans="14:14">
      <c r="N306919" s="10"/>
    </row>
    <row r="306920" spans="14:14">
      <c r="N306920" s="10"/>
    </row>
    <row r="306921" spans="14:14">
      <c r="N306921" s="10"/>
    </row>
    <row r="306922" spans="14:14">
      <c r="N306922" s="10"/>
    </row>
    <row r="306923" spans="14:14">
      <c r="N306923" s="10"/>
    </row>
    <row r="306924" spans="14:14">
      <c r="N306924" s="10"/>
    </row>
    <row r="306925" spans="14:14">
      <c r="N306925" s="10"/>
    </row>
    <row r="306926" spans="14:14">
      <c r="N306926" s="10"/>
    </row>
    <row r="306927" spans="14:14">
      <c r="N306927" s="10"/>
    </row>
    <row r="306928" spans="14:14">
      <c r="N306928" s="10"/>
    </row>
    <row r="306929" spans="14:14">
      <c r="N306929" s="10"/>
    </row>
    <row r="306930" spans="14:14">
      <c r="N306930" s="10"/>
    </row>
    <row r="306931" spans="14:14">
      <c r="N306931" s="10"/>
    </row>
    <row r="306932" spans="14:14">
      <c r="N306932" s="10"/>
    </row>
    <row r="306933" spans="14:14">
      <c r="N306933" s="10"/>
    </row>
    <row r="306934" spans="14:14">
      <c r="N306934" s="10"/>
    </row>
    <row r="306935" spans="14:14">
      <c r="N306935" s="10"/>
    </row>
    <row r="306936" spans="14:14">
      <c r="N306936" s="10"/>
    </row>
    <row r="306937" spans="14:14">
      <c r="N306937" s="10"/>
    </row>
    <row r="306938" spans="14:14">
      <c r="N306938" s="10"/>
    </row>
    <row r="306939" spans="14:14">
      <c r="N306939" s="10"/>
    </row>
    <row r="306940" spans="14:14">
      <c r="N306940" s="10"/>
    </row>
    <row r="306941" spans="14:14">
      <c r="N306941" s="10"/>
    </row>
    <row r="306942" spans="14:14">
      <c r="N306942" s="10"/>
    </row>
    <row r="306943" spans="14:14">
      <c r="N306943" s="10"/>
    </row>
    <row r="306944" spans="14:14">
      <c r="N306944" s="10"/>
    </row>
    <row r="306945" spans="14:14">
      <c r="N306945" s="10"/>
    </row>
    <row r="306946" spans="14:14">
      <c r="N306946" s="10"/>
    </row>
    <row r="306947" spans="14:14">
      <c r="N306947" s="10"/>
    </row>
    <row r="306948" spans="14:14">
      <c r="N306948" s="10"/>
    </row>
    <row r="306949" spans="14:14">
      <c r="N306949" s="10"/>
    </row>
    <row r="306950" spans="14:14">
      <c r="N306950" s="10"/>
    </row>
    <row r="306951" spans="14:14">
      <c r="N306951" s="10"/>
    </row>
    <row r="306952" spans="14:14">
      <c r="N306952" s="10"/>
    </row>
    <row r="306953" spans="14:14">
      <c r="N306953" s="10"/>
    </row>
    <row r="306954" spans="14:14">
      <c r="N306954" s="10"/>
    </row>
    <row r="306955" spans="14:14">
      <c r="N306955" s="10"/>
    </row>
    <row r="306956" spans="14:14">
      <c r="N306956" s="10"/>
    </row>
    <row r="306957" spans="14:14">
      <c r="N306957" s="10"/>
    </row>
    <row r="306958" spans="14:14">
      <c r="N306958" s="10"/>
    </row>
    <row r="306959" spans="14:14">
      <c r="N306959" s="10"/>
    </row>
    <row r="306960" spans="14:14">
      <c r="N306960" s="10"/>
    </row>
    <row r="306961" spans="14:14">
      <c r="N306961" s="10"/>
    </row>
    <row r="306962" spans="14:14">
      <c r="N306962" s="10"/>
    </row>
    <row r="306963" spans="14:14">
      <c r="N306963" s="10"/>
    </row>
    <row r="306964" spans="14:14">
      <c r="N306964" s="10"/>
    </row>
    <row r="306965" spans="14:14">
      <c r="N306965" s="10"/>
    </row>
    <row r="306966" spans="14:14">
      <c r="N306966" s="10"/>
    </row>
    <row r="306967" spans="14:14">
      <c r="N306967" s="10"/>
    </row>
    <row r="306968" spans="14:14">
      <c r="N306968" s="10"/>
    </row>
    <row r="306969" spans="14:14">
      <c r="N306969" s="10"/>
    </row>
    <row r="306970" spans="14:14">
      <c r="N306970" s="10"/>
    </row>
    <row r="306971" spans="14:14">
      <c r="N306971" s="10"/>
    </row>
    <row r="306972" spans="14:14">
      <c r="N306972" s="10"/>
    </row>
    <row r="306973" spans="14:14">
      <c r="N306973" s="10"/>
    </row>
    <row r="306974" spans="14:14">
      <c r="N306974" s="10"/>
    </row>
    <row r="306975" spans="14:14">
      <c r="N306975" s="10"/>
    </row>
    <row r="306976" spans="14:14">
      <c r="N306976" s="10"/>
    </row>
    <row r="306977" spans="14:14">
      <c r="N306977" s="10"/>
    </row>
    <row r="306978" spans="14:14">
      <c r="N306978" s="10"/>
    </row>
    <row r="306979" spans="14:14">
      <c r="N306979" s="10"/>
    </row>
    <row r="306980" spans="14:14">
      <c r="N306980" s="10"/>
    </row>
    <row r="306981" spans="14:14">
      <c r="N306981" s="10"/>
    </row>
    <row r="306982" spans="14:14">
      <c r="N306982" s="10"/>
    </row>
    <row r="306983" spans="14:14">
      <c r="N306983" s="10"/>
    </row>
    <row r="306984" spans="14:14">
      <c r="N306984" s="10"/>
    </row>
    <row r="306985" spans="14:14">
      <c r="N306985" s="10"/>
    </row>
    <row r="306986" spans="14:14">
      <c r="N306986" s="10"/>
    </row>
    <row r="306987" spans="14:14">
      <c r="N306987" s="10"/>
    </row>
    <row r="306988" spans="14:14">
      <c r="N306988" s="10"/>
    </row>
    <row r="306989" spans="14:14">
      <c r="N306989" s="10"/>
    </row>
    <row r="306990" spans="14:14">
      <c r="N306990" s="10"/>
    </row>
    <row r="306991" spans="14:14">
      <c r="N306991" s="10"/>
    </row>
    <row r="306992" spans="14:14">
      <c r="N306992" s="10"/>
    </row>
    <row r="306993" spans="14:14">
      <c r="N306993" s="10"/>
    </row>
    <row r="306994" spans="14:14">
      <c r="N306994" s="10"/>
    </row>
    <row r="306995" spans="14:14">
      <c r="N306995" s="10"/>
    </row>
    <row r="306996" spans="14:14">
      <c r="N306996" s="10"/>
    </row>
    <row r="306997" spans="14:14">
      <c r="N306997" s="10"/>
    </row>
    <row r="306998" spans="14:14">
      <c r="N306998" s="10"/>
    </row>
    <row r="306999" spans="14:14">
      <c r="N306999" s="10"/>
    </row>
    <row r="307000" spans="14:14">
      <c r="N307000" s="10"/>
    </row>
    <row r="307001" spans="14:14">
      <c r="N307001" s="10"/>
    </row>
    <row r="307002" spans="14:14">
      <c r="N307002" s="10"/>
    </row>
    <row r="307003" spans="14:14">
      <c r="N307003" s="10"/>
    </row>
    <row r="307004" spans="14:14">
      <c r="N307004" s="10"/>
    </row>
    <row r="307005" spans="14:14">
      <c r="N307005" s="10"/>
    </row>
    <row r="307006" spans="14:14">
      <c r="N307006" s="10"/>
    </row>
    <row r="307007" spans="14:14">
      <c r="N307007" s="10"/>
    </row>
    <row r="307008" spans="14:14">
      <c r="N307008" s="10"/>
    </row>
    <row r="307009" spans="14:14">
      <c r="N307009" s="10"/>
    </row>
    <row r="307010" spans="14:14">
      <c r="N307010" s="10"/>
    </row>
    <row r="307011" spans="14:14">
      <c r="N307011" s="10"/>
    </row>
    <row r="307012" spans="14:14">
      <c r="N307012" s="10"/>
    </row>
    <row r="307013" spans="14:14">
      <c r="N307013" s="10"/>
    </row>
    <row r="307014" spans="14:14">
      <c r="N307014" s="10"/>
    </row>
    <row r="307015" spans="14:14">
      <c r="N307015" s="10"/>
    </row>
    <row r="307016" spans="14:14">
      <c r="N307016" s="10"/>
    </row>
    <row r="307017" spans="14:14">
      <c r="N307017" s="10"/>
    </row>
    <row r="307018" spans="14:14">
      <c r="N307018" s="10"/>
    </row>
    <row r="307019" spans="14:14">
      <c r="N307019" s="10"/>
    </row>
    <row r="307020" spans="14:14">
      <c r="N307020" s="10"/>
    </row>
    <row r="307021" spans="14:14">
      <c r="N307021" s="10"/>
    </row>
    <row r="307022" spans="14:14">
      <c r="N307022" s="10"/>
    </row>
    <row r="307023" spans="14:14">
      <c r="N307023" s="10"/>
    </row>
    <row r="307024" spans="14:14">
      <c r="N307024" s="10"/>
    </row>
    <row r="307025" spans="14:14">
      <c r="N307025" s="10"/>
    </row>
    <row r="307026" spans="14:14">
      <c r="N307026" s="10"/>
    </row>
    <row r="307027" spans="14:14">
      <c r="N307027" s="10"/>
    </row>
    <row r="307028" spans="14:14">
      <c r="N307028" s="10"/>
    </row>
    <row r="307029" spans="14:14">
      <c r="N307029" s="10"/>
    </row>
    <row r="307030" spans="14:14">
      <c r="N307030" s="10"/>
    </row>
    <row r="307031" spans="14:14">
      <c r="N307031" s="10"/>
    </row>
    <row r="307032" spans="14:14">
      <c r="N307032" s="10"/>
    </row>
    <row r="307033" spans="14:14">
      <c r="N307033" s="10"/>
    </row>
    <row r="307034" spans="14:14">
      <c r="N307034" s="10"/>
    </row>
    <row r="307035" spans="14:14">
      <c r="N307035" s="10"/>
    </row>
    <row r="307036" spans="14:14">
      <c r="N307036" s="10"/>
    </row>
    <row r="307037" spans="14:14">
      <c r="N307037" s="10"/>
    </row>
    <row r="307038" spans="14:14">
      <c r="N307038" s="10"/>
    </row>
    <row r="307039" spans="14:14">
      <c r="N307039" s="10"/>
    </row>
    <row r="307040" spans="14:14">
      <c r="N307040" s="10"/>
    </row>
    <row r="307041" spans="14:14">
      <c r="N307041" s="10"/>
    </row>
    <row r="307042" spans="14:14">
      <c r="N307042" s="10"/>
    </row>
    <row r="307043" spans="14:14">
      <c r="N307043" s="10"/>
    </row>
    <row r="307044" spans="14:14">
      <c r="N307044" s="10"/>
    </row>
    <row r="307045" spans="14:14">
      <c r="N307045" s="10"/>
    </row>
    <row r="307046" spans="14:14">
      <c r="N307046" s="10"/>
    </row>
    <row r="307047" spans="14:14">
      <c r="N307047" s="10"/>
    </row>
    <row r="307048" spans="14:14">
      <c r="N307048" s="10"/>
    </row>
    <row r="307049" spans="14:14">
      <c r="N307049" s="10"/>
    </row>
    <row r="307050" spans="14:14">
      <c r="N307050" s="10"/>
    </row>
    <row r="307051" spans="14:14">
      <c r="N307051" s="10"/>
    </row>
    <row r="307052" spans="14:14">
      <c r="N307052" s="10"/>
    </row>
    <row r="307053" spans="14:14">
      <c r="N307053" s="10"/>
    </row>
    <row r="307054" spans="14:14">
      <c r="N307054" s="10"/>
    </row>
    <row r="307055" spans="14:14">
      <c r="N307055" s="10"/>
    </row>
    <row r="307056" spans="14:14">
      <c r="N307056" s="10"/>
    </row>
    <row r="307057" spans="14:14">
      <c r="N307057" s="10"/>
    </row>
    <row r="307058" spans="14:14">
      <c r="N307058" s="10"/>
    </row>
    <row r="307059" spans="14:14">
      <c r="N307059" s="10"/>
    </row>
    <row r="307060" spans="14:14">
      <c r="N307060" s="10"/>
    </row>
    <row r="307061" spans="14:14">
      <c r="N307061" s="10"/>
    </row>
    <row r="307062" spans="14:14">
      <c r="N307062" s="10"/>
    </row>
    <row r="307063" spans="14:14">
      <c r="N307063" s="10"/>
    </row>
    <row r="307064" spans="14:14">
      <c r="N307064" s="10"/>
    </row>
    <row r="307065" spans="14:14">
      <c r="N307065" s="10"/>
    </row>
    <row r="307066" spans="14:14">
      <c r="N307066" s="10"/>
    </row>
    <row r="307067" spans="14:14">
      <c r="N307067" s="10"/>
    </row>
    <row r="307068" spans="14:14">
      <c r="N307068" s="10"/>
    </row>
    <row r="307069" spans="14:14">
      <c r="N307069" s="10"/>
    </row>
    <row r="307070" spans="14:14">
      <c r="N307070" s="10"/>
    </row>
    <row r="307071" spans="14:14">
      <c r="N307071" s="10"/>
    </row>
    <row r="307072" spans="14:14">
      <c r="N307072" s="10"/>
    </row>
    <row r="307073" spans="14:14">
      <c r="N307073" s="10"/>
    </row>
    <row r="307074" spans="14:14">
      <c r="N307074" s="10"/>
    </row>
    <row r="307075" spans="14:14">
      <c r="N307075" s="10"/>
    </row>
    <row r="307076" spans="14:14">
      <c r="N307076" s="10"/>
    </row>
    <row r="307077" spans="14:14">
      <c r="N307077" s="10"/>
    </row>
    <row r="307078" spans="14:14">
      <c r="N307078" s="10"/>
    </row>
    <row r="307079" spans="14:14">
      <c r="N307079" s="10"/>
    </row>
    <row r="307080" spans="14:14">
      <c r="N307080" s="10"/>
    </row>
    <row r="307081" spans="14:14">
      <c r="N307081" s="10"/>
    </row>
    <row r="307082" spans="14:14">
      <c r="N307082" s="10"/>
    </row>
    <row r="307083" spans="14:14">
      <c r="N307083" s="10"/>
    </row>
    <row r="307084" spans="14:14">
      <c r="N307084" s="10"/>
    </row>
    <row r="307085" spans="14:14">
      <c r="N307085" s="10"/>
    </row>
    <row r="307086" spans="14:14">
      <c r="N307086" s="10"/>
    </row>
    <row r="307087" spans="14:14">
      <c r="N307087" s="10"/>
    </row>
    <row r="307088" spans="14:14">
      <c r="N307088" s="10"/>
    </row>
    <row r="307089" spans="14:14">
      <c r="N307089" s="10"/>
    </row>
    <row r="307090" spans="14:14">
      <c r="N307090" s="10"/>
    </row>
    <row r="307091" spans="14:14">
      <c r="N307091" s="10"/>
    </row>
    <row r="307092" spans="14:14">
      <c r="N307092" s="10"/>
    </row>
    <row r="307093" spans="14:14">
      <c r="N307093" s="10"/>
    </row>
    <row r="307094" spans="14:14">
      <c r="N307094" s="10"/>
    </row>
    <row r="307095" spans="14:14">
      <c r="N307095" s="10"/>
    </row>
    <row r="307096" spans="14:14">
      <c r="N307096" s="10"/>
    </row>
    <row r="307097" spans="14:14">
      <c r="N307097" s="10"/>
    </row>
    <row r="307098" spans="14:14">
      <c r="N307098" s="10"/>
    </row>
    <row r="307099" spans="14:14">
      <c r="N307099" s="10"/>
    </row>
    <row r="307100" spans="14:14">
      <c r="N307100" s="10"/>
    </row>
    <row r="307101" spans="14:14">
      <c r="N307101" s="10"/>
    </row>
    <row r="307102" spans="14:14">
      <c r="N307102" s="10"/>
    </row>
    <row r="307103" spans="14:14">
      <c r="N307103" s="10"/>
    </row>
    <row r="307104" spans="14:14">
      <c r="N307104" s="10"/>
    </row>
    <row r="307105" spans="14:14">
      <c r="N307105" s="10"/>
    </row>
    <row r="307106" spans="14:14">
      <c r="N307106" s="10"/>
    </row>
    <row r="307107" spans="14:14">
      <c r="N307107" s="10"/>
    </row>
    <row r="307108" spans="14:14">
      <c r="N307108" s="10"/>
    </row>
    <row r="307109" spans="14:14">
      <c r="N307109" s="10"/>
    </row>
    <row r="307110" spans="14:14">
      <c r="N307110" s="10"/>
    </row>
    <row r="307111" spans="14:14">
      <c r="N307111" s="10"/>
    </row>
    <row r="307112" spans="14:14">
      <c r="N307112" s="10"/>
    </row>
    <row r="307113" spans="14:14">
      <c r="N307113" s="10"/>
    </row>
    <row r="307114" spans="14:14">
      <c r="N307114" s="10"/>
    </row>
    <row r="307115" spans="14:14">
      <c r="N307115" s="10"/>
    </row>
    <row r="307116" spans="14:14">
      <c r="N307116" s="10"/>
    </row>
    <row r="307117" spans="14:14">
      <c r="N307117" s="10"/>
    </row>
    <row r="307118" spans="14:14">
      <c r="N307118" s="10"/>
    </row>
    <row r="307119" spans="14:14">
      <c r="N307119" s="10"/>
    </row>
    <row r="307120" spans="14:14">
      <c r="N307120" s="10"/>
    </row>
    <row r="307121" spans="14:14">
      <c r="N307121" s="10"/>
    </row>
    <row r="307122" spans="14:14">
      <c r="N307122" s="10"/>
    </row>
    <row r="307123" spans="14:14">
      <c r="N307123" s="10"/>
    </row>
    <row r="307124" spans="14:14">
      <c r="N307124" s="10"/>
    </row>
    <row r="307125" spans="14:14">
      <c r="N307125" s="10"/>
    </row>
    <row r="307126" spans="14:14">
      <c r="N307126" s="10"/>
    </row>
    <row r="307127" spans="14:14">
      <c r="N307127" s="10"/>
    </row>
    <row r="307128" spans="14:14">
      <c r="N307128" s="10"/>
    </row>
    <row r="307129" spans="14:14">
      <c r="N307129" s="10"/>
    </row>
    <row r="307130" spans="14:14">
      <c r="N307130" s="10"/>
    </row>
    <row r="307131" spans="14:14">
      <c r="N307131" s="10"/>
    </row>
    <row r="307132" spans="14:14">
      <c r="N307132" s="10"/>
    </row>
    <row r="307133" spans="14:14">
      <c r="N307133" s="10"/>
    </row>
    <row r="307134" spans="14:14">
      <c r="N307134" s="10"/>
    </row>
    <row r="307135" spans="14:14">
      <c r="N307135" s="10"/>
    </row>
    <row r="307136" spans="14:14">
      <c r="N307136" s="10"/>
    </row>
    <row r="307137" spans="14:14">
      <c r="N307137" s="10"/>
    </row>
    <row r="307138" spans="14:14">
      <c r="N307138" s="10"/>
    </row>
    <row r="307139" spans="14:14">
      <c r="N307139" s="10"/>
    </row>
    <row r="307140" spans="14:14">
      <c r="N307140" s="10"/>
    </row>
    <row r="307141" spans="14:14">
      <c r="N307141" s="10"/>
    </row>
    <row r="307142" spans="14:14">
      <c r="N307142" s="10"/>
    </row>
    <row r="307143" spans="14:14">
      <c r="N307143" s="10"/>
    </row>
    <row r="307144" spans="14:14">
      <c r="N307144" s="10"/>
    </row>
    <row r="307145" spans="14:14">
      <c r="N307145" s="10"/>
    </row>
    <row r="307146" spans="14:14">
      <c r="N307146" s="10"/>
    </row>
    <row r="307147" spans="14:14">
      <c r="N307147" s="10"/>
    </row>
    <row r="307148" spans="14:14">
      <c r="N307148" s="10"/>
    </row>
    <row r="307149" spans="14:14">
      <c r="N307149" s="10"/>
    </row>
    <row r="307150" spans="14:14">
      <c r="N307150" s="10"/>
    </row>
    <row r="307151" spans="14:14">
      <c r="N307151" s="10"/>
    </row>
    <row r="307152" spans="14:14">
      <c r="N307152" s="10"/>
    </row>
    <row r="307153" spans="14:14">
      <c r="N307153" s="10"/>
    </row>
    <row r="307154" spans="14:14">
      <c r="N307154" s="10"/>
    </row>
    <row r="307155" spans="14:14">
      <c r="N307155" s="10"/>
    </row>
    <row r="307156" spans="14:14">
      <c r="N307156" s="10"/>
    </row>
    <row r="307157" spans="14:14">
      <c r="N307157" s="10"/>
    </row>
    <row r="307158" spans="14:14">
      <c r="N307158" s="10"/>
    </row>
    <row r="307159" spans="14:14">
      <c r="N307159" s="10"/>
    </row>
    <row r="307160" spans="14:14">
      <c r="N307160" s="10"/>
    </row>
    <row r="307161" spans="14:14">
      <c r="N307161" s="10"/>
    </row>
    <row r="307162" spans="14:14">
      <c r="N307162" s="10"/>
    </row>
    <row r="307163" spans="14:14">
      <c r="N307163" s="10"/>
    </row>
    <row r="307164" spans="14:14">
      <c r="N307164" s="10"/>
    </row>
    <row r="307165" spans="14:14">
      <c r="N307165" s="10"/>
    </row>
    <row r="307166" spans="14:14">
      <c r="N307166" s="10"/>
    </row>
    <row r="307167" spans="14:14">
      <c r="N307167" s="10"/>
    </row>
    <row r="307168" spans="14:14">
      <c r="N307168" s="10"/>
    </row>
    <row r="307169" spans="14:14">
      <c r="N307169" s="10"/>
    </row>
    <row r="307170" spans="14:14">
      <c r="N307170" s="10"/>
    </row>
    <row r="307171" spans="14:14">
      <c r="N307171" s="10"/>
    </row>
    <row r="307172" spans="14:14">
      <c r="N307172" s="10"/>
    </row>
    <row r="307173" spans="14:14">
      <c r="N307173" s="10"/>
    </row>
    <row r="307174" spans="14:14">
      <c r="N307174" s="10"/>
    </row>
    <row r="307175" spans="14:14">
      <c r="N307175" s="10"/>
    </row>
    <row r="307176" spans="14:14">
      <c r="N307176" s="10"/>
    </row>
    <row r="307177" spans="14:14">
      <c r="N307177" s="10"/>
    </row>
    <row r="307178" spans="14:14">
      <c r="N307178" s="10"/>
    </row>
    <row r="307179" spans="14:14">
      <c r="N307179" s="10"/>
    </row>
    <row r="307180" spans="14:14">
      <c r="N307180" s="10"/>
    </row>
    <row r="307181" spans="14:14">
      <c r="N307181" s="10"/>
    </row>
    <row r="307182" spans="14:14">
      <c r="N307182" s="10"/>
    </row>
    <row r="307183" spans="14:14">
      <c r="N307183" s="10"/>
    </row>
    <row r="307184" spans="14:14">
      <c r="N307184" s="10"/>
    </row>
    <row r="307185" spans="14:14">
      <c r="N307185" s="10"/>
    </row>
    <row r="307186" spans="14:14">
      <c r="N307186" s="10"/>
    </row>
    <row r="307187" spans="14:14">
      <c r="N307187" s="10"/>
    </row>
    <row r="307188" spans="14:14">
      <c r="N307188" s="10"/>
    </row>
    <row r="307189" spans="14:14">
      <c r="N307189" s="10"/>
    </row>
    <row r="307190" spans="14:14">
      <c r="N307190" s="10"/>
    </row>
    <row r="307191" spans="14:14">
      <c r="N307191" s="10"/>
    </row>
    <row r="307192" spans="14:14">
      <c r="N307192" s="10"/>
    </row>
    <row r="307193" spans="14:14">
      <c r="N307193" s="10"/>
    </row>
    <row r="307194" spans="14:14">
      <c r="N307194" s="10"/>
    </row>
    <row r="307195" spans="14:14">
      <c r="N307195" s="10"/>
    </row>
    <row r="307196" spans="14:14">
      <c r="N307196" s="10"/>
    </row>
    <row r="307197" spans="14:14">
      <c r="N307197" s="10"/>
    </row>
    <row r="307198" spans="14:14">
      <c r="N307198" s="10"/>
    </row>
    <row r="307199" spans="14:14">
      <c r="N307199" s="10"/>
    </row>
    <row r="307200" spans="14:14">
      <c r="N307200" s="10"/>
    </row>
    <row r="307201" spans="14:14">
      <c r="N307201" s="10"/>
    </row>
    <row r="307202" spans="14:14">
      <c r="N307202" s="10"/>
    </row>
    <row r="307203" spans="14:14">
      <c r="N307203" s="10"/>
    </row>
    <row r="307204" spans="14:14">
      <c r="N307204" s="10"/>
    </row>
    <row r="307205" spans="14:14">
      <c r="N307205" s="10"/>
    </row>
    <row r="307206" spans="14:14">
      <c r="N307206" s="10"/>
    </row>
    <row r="307207" spans="14:14">
      <c r="N307207" s="10"/>
    </row>
    <row r="307208" spans="14:14">
      <c r="N307208" s="10"/>
    </row>
    <row r="307209" spans="14:14">
      <c r="N307209" s="10"/>
    </row>
    <row r="307210" spans="14:14">
      <c r="N307210" s="10"/>
    </row>
    <row r="307211" spans="14:14">
      <c r="N307211" s="10"/>
    </row>
    <row r="307212" spans="14:14">
      <c r="N307212" s="10"/>
    </row>
    <row r="307213" spans="14:14">
      <c r="N307213" s="10"/>
    </row>
    <row r="307214" spans="14:14">
      <c r="N307214" s="10"/>
    </row>
    <row r="307215" spans="14:14">
      <c r="N307215" s="10"/>
    </row>
    <row r="307216" spans="14:14">
      <c r="N307216" s="10"/>
    </row>
    <row r="307217" spans="14:14">
      <c r="N307217" s="10"/>
    </row>
    <row r="307218" spans="14:14">
      <c r="N307218" s="10"/>
    </row>
    <row r="307219" spans="14:14">
      <c r="N307219" s="10"/>
    </row>
    <row r="307220" spans="14:14">
      <c r="N307220" s="10"/>
    </row>
    <row r="307221" spans="14:14">
      <c r="N307221" s="10"/>
    </row>
    <row r="307222" spans="14:14">
      <c r="N307222" s="10"/>
    </row>
    <row r="307223" spans="14:14">
      <c r="N307223" s="10"/>
    </row>
    <row r="307224" spans="14:14">
      <c r="N307224" s="10"/>
    </row>
    <row r="307225" spans="14:14">
      <c r="N307225" s="10"/>
    </row>
    <row r="307226" spans="14:14">
      <c r="N307226" s="10"/>
    </row>
    <row r="307227" spans="14:14">
      <c r="N307227" s="10"/>
    </row>
    <row r="307228" spans="14:14">
      <c r="N307228" s="10"/>
    </row>
    <row r="307229" spans="14:14">
      <c r="N307229" s="10"/>
    </row>
    <row r="307230" spans="14:14">
      <c r="N307230" s="10"/>
    </row>
    <row r="307231" spans="14:14">
      <c r="N307231" s="10"/>
    </row>
    <row r="307232" spans="14:14">
      <c r="N307232" s="10"/>
    </row>
    <row r="307233" spans="14:14">
      <c r="N307233" s="10"/>
    </row>
    <row r="307234" spans="14:14">
      <c r="N307234" s="10"/>
    </row>
    <row r="307235" spans="14:14">
      <c r="N307235" s="10"/>
    </row>
    <row r="307236" spans="14:14">
      <c r="N307236" s="10"/>
    </row>
    <row r="307237" spans="14:14">
      <c r="N307237" s="10"/>
    </row>
    <row r="307238" spans="14:14">
      <c r="N307238" s="10"/>
    </row>
    <row r="307239" spans="14:14">
      <c r="N307239" s="10"/>
    </row>
    <row r="307240" spans="14:14">
      <c r="N307240" s="10"/>
    </row>
    <row r="307241" spans="14:14">
      <c r="N307241" s="10"/>
    </row>
    <row r="307242" spans="14:14">
      <c r="N307242" s="10"/>
    </row>
    <row r="307243" spans="14:14">
      <c r="N307243" s="10"/>
    </row>
    <row r="307244" spans="14:14">
      <c r="N307244" s="10"/>
    </row>
    <row r="307245" spans="14:14">
      <c r="N307245" s="10"/>
    </row>
    <row r="307246" spans="14:14">
      <c r="N307246" s="10"/>
    </row>
    <row r="307247" spans="14:14">
      <c r="N307247" s="10"/>
    </row>
    <row r="307248" spans="14:14">
      <c r="N307248" s="10"/>
    </row>
    <row r="307249" spans="14:14">
      <c r="N307249" s="10"/>
    </row>
    <row r="307250" spans="14:14">
      <c r="N307250" s="10"/>
    </row>
    <row r="307251" spans="14:14">
      <c r="N307251" s="10"/>
    </row>
    <row r="307252" spans="14:14">
      <c r="N307252" s="10"/>
    </row>
    <row r="307253" spans="14:14">
      <c r="N307253" s="10"/>
    </row>
    <row r="307254" spans="14:14">
      <c r="N307254" s="10"/>
    </row>
    <row r="307255" spans="14:14">
      <c r="N307255" s="10"/>
    </row>
    <row r="307256" spans="14:14">
      <c r="N307256" s="10"/>
    </row>
    <row r="307257" spans="14:14">
      <c r="N307257" s="10"/>
    </row>
    <row r="307258" spans="14:14">
      <c r="N307258" s="10"/>
    </row>
    <row r="307259" spans="14:14">
      <c r="N307259" s="10"/>
    </row>
    <row r="307260" spans="14:14">
      <c r="N307260" s="10"/>
    </row>
    <row r="307261" spans="14:14">
      <c r="N307261" s="10"/>
    </row>
    <row r="307262" spans="14:14">
      <c r="N307262" s="10"/>
    </row>
    <row r="307263" spans="14:14">
      <c r="N307263" s="10"/>
    </row>
    <row r="307264" spans="14:14">
      <c r="N307264" s="10"/>
    </row>
    <row r="307265" spans="14:14">
      <c r="N307265" s="10"/>
    </row>
    <row r="307266" spans="14:14">
      <c r="N307266" s="10"/>
    </row>
    <row r="307267" spans="14:14">
      <c r="N307267" s="10"/>
    </row>
    <row r="307268" spans="14:14">
      <c r="N307268" s="10"/>
    </row>
    <row r="307269" spans="14:14">
      <c r="N307269" s="10"/>
    </row>
    <row r="307270" spans="14:14">
      <c r="N307270" s="10"/>
    </row>
    <row r="307271" spans="14:14">
      <c r="N307271" s="10"/>
    </row>
    <row r="307272" spans="14:14">
      <c r="N307272" s="10"/>
    </row>
    <row r="307273" spans="14:14">
      <c r="N307273" s="10"/>
    </row>
    <row r="307274" spans="14:14">
      <c r="N307274" s="10"/>
    </row>
    <row r="307275" spans="14:14">
      <c r="N307275" s="10"/>
    </row>
    <row r="307276" spans="14:14">
      <c r="N307276" s="10"/>
    </row>
    <row r="307277" spans="14:14">
      <c r="N307277" s="10"/>
    </row>
    <row r="307278" spans="14:14">
      <c r="N307278" s="10"/>
    </row>
    <row r="307279" spans="14:14">
      <c r="N307279" s="10"/>
    </row>
    <row r="307280" spans="14:14">
      <c r="N307280" s="10"/>
    </row>
    <row r="307281" spans="14:14">
      <c r="N307281" s="10"/>
    </row>
    <row r="307282" spans="14:14">
      <c r="N307282" s="10"/>
    </row>
    <row r="307283" spans="14:14">
      <c r="N307283" s="10"/>
    </row>
    <row r="307284" spans="14:14">
      <c r="N307284" s="10"/>
    </row>
    <row r="307285" spans="14:14">
      <c r="N307285" s="10"/>
    </row>
    <row r="307286" spans="14:14">
      <c r="N307286" s="10"/>
    </row>
    <row r="307287" spans="14:14">
      <c r="N307287" s="10"/>
    </row>
    <row r="307288" spans="14:14">
      <c r="N307288" s="10"/>
    </row>
    <row r="307289" spans="14:14">
      <c r="N307289" s="10"/>
    </row>
    <row r="307290" spans="14:14">
      <c r="N307290" s="10"/>
    </row>
    <row r="307291" spans="14:14">
      <c r="N307291" s="10"/>
    </row>
    <row r="307292" spans="14:14">
      <c r="N307292" s="10"/>
    </row>
    <row r="307293" spans="14:14">
      <c r="N307293" s="10"/>
    </row>
    <row r="307294" spans="14:14">
      <c r="N307294" s="10"/>
    </row>
    <row r="307295" spans="14:14">
      <c r="N307295" s="10"/>
    </row>
    <row r="307296" spans="14:14">
      <c r="N307296" s="10"/>
    </row>
    <row r="307297" spans="14:14">
      <c r="N307297" s="10"/>
    </row>
    <row r="307298" spans="14:14">
      <c r="N307298" s="10"/>
    </row>
    <row r="307299" spans="14:14">
      <c r="N307299" s="10"/>
    </row>
    <row r="307300" spans="14:14">
      <c r="N307300" s="10"/>
    </row>
    <row r="307301" spans="14:14">
      <c r="N307301" s="10"/>
    </row>
    <row r="307302" spans="14:14">
      <c r="N307302" s="10"/>
    </row>
    <row r="307303" spans="14:14">
      <c r="N307303" s="10"/>
    </row>
    <row r="307304" spans="14:14">
      <c r="N307304" s="10"/>
    </row>
    <row r="307305" spans="14:14">
      <c r="N307305" s="10"/>
    </row>
    <row r="307306" spans="14:14">
      <c r="N307306" s="10"/>
    </row>
    <row r="307307" spans="14:14">
      <c r="N307307" s="10"/>
    </row>
    <row r="307308" spans="14:14">
      <c r="N307308" s="10"/>
    </row>
    <row r="307309" spans="14:14">
      <c r="N307309" s="10"/>
    </row>
    <row r="307310" spans="14:14">
      <c r="N307310" s="10"/>
    </row>
    <row r="307311" spans="14:14">
      <c r="N307311" s="10"/>
    </row>
    <row r="307312" spans="14:14">
      <c r="N307312" s="10"/>
    </row>
    <row r="307313" spans="14:14">
      <c r="N307313" s="10"/>
    </row>
    <row r="307314" spans="14:14">
      <c r="N307314" s="10"/>
    </row>
    <row r="307315" spans="14:14">
      <c r="N307315" s="10"/>
    </row>
    <row r="307316" spans="14:14">
      <c r="N307316" s="10"/>
    </row>
    <row r="307317" spans="14:14">
      <c r="N307317" s="10"/>
    </row>
    <row r="307318" spans="14:14">
      <c r="N307318" s="10"/>
    </row>
    <row r="307319" spans="14:14">
      <c r="N307319" s="10"/>
    </row>
    <row r="307320" spans="14:14">
      <c r="N307320" s="10"/>
    </row>
    <row r="307321" spans="14:14">
      <c r="N307321" s="10"/>
    </row>
    <row r="307322" spans="14:14">
      <c r="N307322" s="10"/>
    </row>
    <row r="307323" spans="14:14">
      <c r="N307323" s="10"/>
    </row>
    <row r="307324" spans="14:14">
      <c r="N307324" s="10"/>
    </row>
    <row r="307325" spans="14:14">
      <c r="N307325" s="10"/>
    </row>
    <row r="307326" spans="14:14">
      <c r="N307326" s="10"/>
    </row>
    <row r="307327" spans="14:14">
      <c r="N307327" s="10"/>
    </row>
    <row r="307328" spans="14:14">
      <c r="N307328" s="10"/>
    </row>
    <row r="307329" spans="14:14">
      <c r="N307329" s="10"/>
    </row>
    <row r="307330" spans="14:14">
      <c r="N307330" s="10"/>
    </row>
    <row r="307331" spans="14:14">
      <c r="N307331" s="10"/>
    </row>
    <row r="307332" spans="14:14">
      <c r="N307332" s="10"/>
    </row>
    <row r="307333" spans="14:14">
      <c r="N307333" s="10"/>
    </row>
    <row r="307334" spans="14:14">
      <c r="N307334" s="10"/>
    </row>
    <row r="307335" spans="14:14">
      <c r="N307335" s="10"/>
    </row>
    <row r="307336" spans="14:14">
      <c r="N307336" s="10"/>
    </row>
    <row r="307337" spans="14:14">
      <c r="N307337" s="10"/>
    </row>
    <row r="307338" spans="14:14">
      <c r="N307338" s="10"/>
    </row>
    <row r="307339" spans="14:14">
      <c r="N307339" s="10"/>
    </row>
    <row r="307340" spans="14:14">
      <c r="N307340" s="10"/>
    </row>
    <row r="307341" spans="14:14">
      <c r="N307341" s="10"/>
    </row>
    <row r="307342" spans="14:14">
      <c r="N307342" s="10"/>
    </row>
    <row r="307343" spans="14:14">
      <c r="N307343" s="10"/>
    </row>
    <row r="307344" spans="14:14">
      <c r="N307344" s="10"/>
    </row>
    <row r="307345" spans="14:14">
      <c r="N307345" s="10"/>
    </row>
    <row r="307346" spans="14:14">
      <c r="N307346" s="10"/>
    </row>
    <row r="307347" spans="14:14">
      <c r="N307347" s="10"/>
    </row>
    <row r="307348" spans="14:14">
      <c r="N307348" s="10"/>
    </row>
    <row r="307349" spans="14:14">
      <c r="N307349" s="10"/>
    </row>
    <row r="307350" spans="14:14">
      <c r="N307350" s="10"/>
    </row>
    <row r="307351" spans="14:14">
      <c r="N307351" s="10"/>
    </row>
    <row r="307352" spans="14:14">
      <c r="N307352" s="10"/>
    </row>
    <row r="307353" spans="14:14">
      <c r="N307353" s="10"/>
    </row>
    <row r="307354" spans="14:14">
      <c r="N307354" s="10"/>
    </row>
    <row r="307355" spans="14:14">
      <c r="N307355" s="10"/>
    </row>
    <row r="307356" spans="14:14">
      <c r="N307356" s="10"/>
    </row>
    <row r="307357" spans="14:14">
      <c r="N307357" s="10"/>
    </row>
    <row r="307358" spans="14:14">
      <c r="N307358" s="10"/>
    </row>
    <row r="307359" spans="14:14">
      <c r="N307359" s="10"/>
    </row>
    <row r="307360" spans="14:14">
      <c r="N307360" s="10"/>
    </row>
    <row r="307361" spans="14:14">
      <c r="N307361" s="10"/>
    </row>
    <row r="307362" spans="14:14">
      <c r="N307362" s="10"/>
    </row>
    <row r="307363" spans="14:14">
      <c r="N307363" s="10"/>
    </row>
    <row r="307364" spans="14:14">
      <c r="N307364" s="10"/>
    </row>
    <row r="307365" spans="14:14">
      <c r="N307365" s="10"/>
    </row>
    <row r="307366" spans="14:14">
      <c r="N307366" s="10"/>
    </row>
    <row r="307367" spans="14:14">
      <c r="N307367" s="10"/>
    </row>
    <row r="307368" spans="14:14">
      <c r="N307368" s="10"/>
    </row>
    <row r="307369" spans="14:14">
      <c r="N307369" s="10"/>
    </row>
    <row r="307370" spans="14:14">
      <c r="N307370" s="10"/>
    </row>
    <row r="307371" spans="14:14">
      <c r="N307371" s="10"/>
    </row>
    <row r="307372" spans="14:14">
      <c r="N307372" s="10"/>
    </row>
    <row r="307373" spans="14:14">
      <c r="N307373" s="10"/>
    </row>
    <row r="307374" spans="14:14">
      <c r="N307374" s="10"/>
    </row>
    <row r="307375" spans="14:14">
      <c r="N307375" s="10"/>
    </row>
    <row r="307376" spans="14:14">
      <c r="N307376" s="10"/>
    </row>
    <row r="307377" spans="14:14">
      <c r="N307377" s="10"/>
    </row>
    <row r="307378" spans="14:14">
      <c r="N307378" s="10"/>
    </row>
    <row r="307379" spans="14:14">
      <c r="N307379" s="10"/>
    </row>
    <row r="307380" spans="14:14">
      <c r="N307380" s="10"/>
    </row>
    <row r="307381" spans="14:14">
      <c r="N307381" s="10"/>
    </row>
    <row r="307382" spans="14:14">
      <c r="N307382" s="10"/>
    </row>
    <row r="307383" spans="14:14">
      <c r="N307383" s="10"/>
    </row>
    <row r="307384" spans="14:14">
      <c r="N307384" s="10"/>
    </row>
    <row r="307385" spans="14:14">
      <c r="N307385" s="10"/>
    </row>
    <row r="307386" spans="14:14">
      <c r="N307386" s="10"/>
    </row>
    <row r="307387" spans="14:14">
      <c r="N307387" s="10"/>
    </row>
    <row r="307388" spans="14:14">
      <c r="N307388" s="10"/>
    </row>
    <row r="307389" spans="14:14">
      <c r="N307389" s="10"/>
    </row>
    <row r="307390" spans="14:14">
      <c r="N307390" s="10"/>
    </row>
    <row r="307391" spans="14:14">
      <c r="N307391" s="10"/>
    </row>
    <row r="307392" spans="14:14">
      <c r="N307392" s="10"/>
    </row>
    <row r="307393" spans="14:14">
      <c r="N307393" s="10"/>
    </row>
    <row r="307394" spans="14:14">
      <c r="N307394" s="10"/>
    </row>
    <row r="307395" spans="14:14">
      <c r="N307395" s="10"/>
    </row>
    <row r="307396" spans="14:14">
      <c r="N307396" s="10"/>
    </row>
    <row r="307397" spans="14:14">
      <c r="N307397" s="10"/>
    </row>
    <row r="307398" spans="14:14">
      <c r="N307398" s="10"/>
    </row>
    <row r="307399" spans="14:14">
      <c r="N307399" s="10"/>
    </row>
    <row r="307400" spans="14:14">
      <c r="N307400" s="10"/>
    </row>
    <row r="307401" spans="14:14">
      <c r="N307401" s="10"/>
    </row>
    <row r="307402" spans="14:14">
      <c r="N307402" s="10"/>
    </row>
    <row r="307403" spans="14:14">
      <c r="N307403" s="10"/>
    </row>
    <row r="307404" spans="14:14">
      <c r="N307404" s="10"/>
    </row>
    <row r="307405" spans="14:14">
      <c r="N307405" s="10"/>
    </row>
    <row r="307406" spans="14:14">
      <c r="N307406" s="10"/>
    </row>
    <row r="307407" spans="14:14">
      <c r="N307407" s="10"/>
    </row>
    <row r="307408" spans="14:14">
      <c r="N307408" s="10"/>
    </row>
    <row r="307409" spans="14:14">
      <c r="N307409" s="10"/>
    </row>
    <row r="307410" spans="14:14">
      <c r="N307410" s="10"/>
    </row>
    <row r="307411" spans="14:14">
      <c r="N307411" s="10"/>
    </row>
    <row r="307412" spans="14:14">
      <c r="N307412" s="10"/>
    </row>
    <row r="307413" spans="14:14">
      <c r="N307413" s="10"/>
    </row>
    <row r="307414" spans="14:14">
      <c r="N307414" s="10"/>
    </row>
    <row r="307415" spans="14:14">
      <c r="N307415" s="10"/>
    </row>
    <row r="307416" spans="14:14">
      <c r="N307416" s="10"/>
    </row>
    <row r="307417" spans="14:14">
      <c r="N307417" s="10"/>
    </row>
    <row r="307418" spans="14:14">
      <c r="N307418" s="10"/>
    </row>
    <row r="307419" spans="14:14">
      <c r="N307419" s="10"/>
    </row>
    <row r="307420" spans="14:14">
      <c r="N307420" s="10"/>
    </row>
    <row r="307421" spans="14:14">
      <c r="N307421" s="10"/>
    </row>
    <row r="307422" spans="14:14">
      <c r="N307422" s="10"/>
    </row>
    <row r="307423" spans="14:14">
      <c r="N307423" s="10"/>
    </row>
    <row r="307424" spans="14:14">
      <c r="N307424" s="10"/>
    </row>
    <row r="307425" spans="14:14">
      <c r="N307425" s="10"/>
    </row>
    <row r="307426" spans="14:14">
      <c r="N307426" s="10"/>
    </row>
    <row r="307427" spans="14:14">
      <c r="N307427" s="10"/>
    </row>
    <row r="307428" spans="14:14">
      <c r="N307428" s="10"/>
    </row>
    <row r="307429" spans="14:14">
      <c r="N307429" s="10"/>
    </row>
    <row r="307430" spans="14:14">
      <c r="N307430" s="10"/>
    </row>
    <row r="307431" spans="14:14">
      <c r="N307431" s="10"/>
    </row>
    <row r="307432" spans="14:14">
      <c r="N307432" s="10"/>
    </row>
    <row r="307433" spans="14:14">
      <c r="N307433" s="10"/>
    </row>
    <row r="307434" spans="14:14">
      <c r="N307434" s="10"/>
    </row>
    <row r="307435" spans="14:14">
      <c r="N307435" s="10"/>
    </row>
    <row r="307436" spans="14:14">
      <c r="N307436" s="10"/>
    </row>
    <row r="307437" spans="14:14">
      <c r="N307437" s="10"/>
    </row>
    <row r="307438" spans="14:14">
      <c r="N307438" s="10"/>
    </row>
    <row r="307439" spans="14:14">
      <c r="N307439" s="10"/>
    </row>
    <row r="307440" spans="14:14">
      <c r="N307440" s="10"/>
    </row>
    <row r="307441" spans="14:14">
      <c r="N307441" s="10"/>
    </row>
    <row r="307442" spans="14:14">
      <c r="N307442" s="10"/>
    </row>
    <row r="307443" spans="14:14">
      <c r="N307443" s="10"/>
    </row>
    <row r="307444" spans="14:14">
      <c r="N307444" s="10"/>
    </row>
    <row r="307445" spans="14:14">
      <c r="N307445" s="10"/>
    </row>
    <row r="307446" spans="14:14">
      <c r="N307446" s="10"/>
    </row>
    <row r="307447" spans="14:14">
      <c r="N307447" s="10"/>
    </row>
    <row r="307448" spans="14:14">
      <c r="N307448" s="10"/>
    </row>
    <row r="307449" spans="14:14">
      <c r="N307449" s="10"/>
    </row>
    <row r="307450" spans="14:14">
      <c r="N307450" s="10"/>
    </row>
    <row r="307451" spans="14:14">
      <c r="N307451" s="10"/>
    </row>
    <row r="307452" spans="14:14">
      <c r="N307452" s="10"/>
    </row>
    <row r="307453" spans="14:14">
      <c r="N307453" s="10"/>
    </row>
    <row r="307454" spans="14:14">
      <c r="N307454" s="10"/>
    </row>
    <row r="307455" spans="14:14">
      <c r="N307455" s="10"/>
    </row>
    <row r="307456" spans="14:14">
      <c r="N307456" s="10"/>
    </row>
    <row r="307457" spans="14:14">
      <c r="N307457" s="10"/>
    </row>
    <row r="307458" spans="14:14">
      <c r="N307458" s="10"/>
    </row>
    <row r="307459" spans="14:14">
      <c r="N307459" s="10"/>
    </row>
    <row r="307460" spans="14:14">
      <c r="N307460" s="10"/>
    </row>
    <row r="307461" spans="14:14">
      <c r="N307461" s="10"/>
    </row>
    <row r="307462" spans="14:14">
      <c r="N307462" s="10"/>
    </row>
    <row r="307463" spans="14:14">
      <c r="N307463" s="10"/>
    </row>
    <row r="307464" spans="14:14">
      <c r="N307464" s="10"/>
    </row>
    <row r="307465" spans="14:14">
      <c r="N307465" s="10"/>
    </row>
    <row r="307466" spans="14:14">
      <c r="N307466" s="10"/>
    </row>
    <row r="307467" spans="14:14">
      <c r="N307467" s="10"/>
    </row>
    <row r="307468" spans="14:14">
      <c r="N307468" s="10"/>
    </row>
    <row r="307469" spans="14:14">
      <c r="N307469" s="10"/>
    </row>
    <row r="307470" spans="14:14">
      <c r="N307470" s="10"/>
    </row>
    <row r="307471" spans="14:14">
      <c r="N307471" s="10"/>
    </row>
    <row r="307472" spans="14:14">
      <c r="N307472" s="10"/>
    </row>
    <row r="307473" spans="14:14">
      <c r="N307473" s="10"/>
    </row>
    <row r="307474" spans="14:14">
      <c r="N307474" s="10"/>
    </row>
    <row r="307475" spans="14:14">
      <c r="N307475" s="10"/>
    </row>
    <row r="307476" spans="14:14">
      <c r="N307476" s="10"/>
    </row>
    <row r="307477" spans="14:14">
      <c r="N307477" s="10"/>
    </row>
    <row r="307478" spans="14:14">
      <c r="N307478" s="10"/>
    </row>
    <row r="307479" spans="14:14">
      <c r="N307479" s="10"/>
    </row>
    <row r="307480" spans="14:14">
      <c r="N307480" s="10"/>
    </row>
    <row r="307481" spans="14:14">
      <c r="N307481" s="10"/>
    </row>
    <row r="307482" spans="14:14">
      <c r="N307482" s="10"/>
    </row>
    <row r="307483" spans="14:14">
      <c r="N307483" s="10"/>
    </row>
    <row r="307484" spans="14:14">
      <c r="N307484" s="10"/>
    </row>
    <row r="307485" spans="14:14">
      <c r="N307485" s="10"/>
    </row>
    <row r="307486" spans="14:14">
      <c r="N307486" s="10"/>
    </row>
    <row r="307487" spans="14:14">
      <c r="N307487" s="10"/>
    </row>
    <row r="307488" spans="14:14">
      <c r="N307488" s="10"/>
    </row>
    <row r="307489" spans="14:14">
      <c r="N307489" s="10"/>
    </row>
    <row r="307490" spans="14:14">
      <c r="N307490" s="10"/>
    </row>
    <row r="307491" spans="14:14">
      <c r="N307491" s="10"/>
    </row>
    <row r="307492" spans="14:14">
      <c r="N307492" s="10"/>
    </row>
    <row r="307493" spans="14:14">
      <c r="N307493" s="10"/>
    </row>
    <row r="307494" spans="14:14">
      <c r="N307494" s="10"/>
    </row>
    <row r="307495" spans="14:14">
      <c r="N307495" s="10"/>
    </row>
    <row r="307496" spans="14:14">
      <c r="N307496" s="10"/>
    </row>
    <row r="307497" spans="14:14">
      <c r="N307497" s="10"/>
    </row>
    <row r="307498" spans="14:14">
      <c r="N307498" s="10"/>
    </row>
    <row r="307499" spans="14:14">
      <c r="N307499" s="10"/>
    </row>
    <row r="307500" spans="14:14">
      <c r="N307500" s="10"/>
    </row>
    <row r="307501" spans="14:14">
      <c r="N307501" s="10"/>
    </row>
    <row r="307502" spans="14:14">
      <c r="N307502" s="10"/>
    </row>
    <row r="307503" spans="14:14">
      <c r="N307503" s="10"/>
    </row>
    <row r="307504" spans="14:14">
      <c r="N307504" s="10"/>
    </row>
    <row r="307505" spans="14:14">
      <c r="N307505" s="10"/>
    </row>
    <row r="307506" spans="14:14">
      <c r="N307506" s="10"/>
    </row>
    <row r="307507" spans="14:14">
      <c r="N307507" s="10"/>
    </row>
    <row r="307508" spans="14:14">
      <c r="N307508" s="10"/>
    </row>
    <row r="307509" spans="14:14">
      <c r="N307509" s="10"/>
    </row>
    <row r="307510" spans="14:14">
      <c r="N307510" s="10"/>
    </row>
    <row r="307511" spans="14:14">
      <c r="N307511" s="10"/>
    </row>
    <row r="307512" spans="14:14">
      <c r="N307512" s="10"/>
    </row>
    <row r="307513" spans="14:14">
      <c r="N307513" s="10"/>
    </row>
    <row r="307514" spans="14:14">
      <c r="N307514" s="10"/>
    </row>
    <row r="307515" spans="14:14">
      <c r="N307515" s="10"/>
    </row>
    <row r="307516" spans="14:14">
      <c r="N307516" s="10"/>
    </row>
    <row r="307517" spans="14:14">
      <c r="N307517" s="10"/>
    </row>
    <row r="307518" spans="14:14">
      <c r="N307518" s="10"/>
    </row>
    <row r="307519" spans="14:14">
      <c r="N307519" s="10"/>
    </row>
    <row r="307520" spans="14:14">
      <c r="N307520" s="10"/>
    </row>
    <row r="307521" spans="14:14">
      <c r="N307521" s="10"/>
    </row>
    <row r="307522" spans="14:14">
      <c r="N307522" s="10"/>
    </row>
    <row r="307523" spans="14:14">
      <c r="N307523" s="10"/>
    </row>
    <row r="307524" spans="14:14">
      <c r="N307524" s="10"/>
    </row>
    <row r="307525" spans="14:14">
      <c r="N307525" s="10"/>
    </row>
    <row r="307526" spans="14:14">
      <c r="N307526" s="10"/>
    </row>
    <row r="307527" spans="14:14">
      <c r="N307527" s="10"/>
    </row>
    <row r="307528" spans="14:14">
      <c r="N307528" s="10"/>
    </row>
    <row r="307529" spans="14:14">
      <c r="N307529" s="10"/>
    </row>
    <row r="307530" spans="14:14">
      <c r="N307530" s="10"/>
    </row>
    <row r="307531" spans="14:14">
      <c r="N307531" s="10"/>
    </row>
    <row r="307532" spans="14:14">
      <c r="N307532" s="10"/>
    </row>
    <row r="307533" spans="14:14">
      <c r="N307533" s="10"/>
    </row>
    <row r="307534" spans="14:14">
      <c r="N307534" s="10"/>
    </row>
    <row r="307535" spans="14:14">
      <c r="N307535" s="10"/>
    </row>
    <row r="307536" spans="14:14">
      <c r="N307536" s="10"/>
    </row>
    <row r="307537" spans="14:14">
      <c r="N307537" s="10"/>
    </row>
    <row r="307538" spans="14:14">
      <c r="N307538" s="10"/>
    </row>
    <row r="307539" spans="14:14">
      <c r="N307539" s="10"/>
    </row>
    <row r="307540" spans="14:14">
      <c r="N307540" s="10"/>
    </row>
    <row r="307541" spans="14:14">
      <c r="N307541" s="10"/>
    </row>
    <row r="307542" spans="14:14">
      <c r="N307542" s="10"/>
    </row>
    <row r="307543" spans="14:14">
      <c r="N307543" s="10"/>
    </row>
    <row r="307544" spans="14:14">
      <c r="N307544" s="10"/>
    </row>
    <row r="307545" spans="14:14">
      <c r="N307545" s="10"/>
    </row>
    <row r="307546" spans="14:14">
      <c r="N307546" s="10"/>
    </row>
    <row r="307547" spans="14:14">
      <c r="N307547" s="10"/>
    </row>
    <row r="307548" spans="14:14">
      <c r="N307548" s="10"/>
    </row>
    <row r="307549" spans="14:14">
      <c r="N307549" s="10"/>
    </row>
    <row r="307550" spans="14:14">
      <c r="N307550" s="10"/>
    </row>
    <row r="307551" spans="14:14">
      <c r="N307551" s="10"/>
    </row>
    <row r="307552" spans="14:14">
      <c r="N307552" s="10"/>
    </row>
    <row r="307553" spans="14:14">
      <c r="N307553" s="10"/>
    </row>
    <row r="307554" spans="14:14">
      <c r="N307554" s="10"/>
    </row>
    <row r="307555" spans="14:14">
      <c r="N307555" s="10"/>
    </row>
    <row r="307556" spans="14:14">
      <c r="N307556" s="10"/>
    </row>
    <row r="307557" spans="14:14">
      <c r="N307557" s="10"/>
    </row>
    <row r="307558" spans="14:14">
      <c r="N307558" s="10"/>
    </row>
    <row r="307559" spans="14:14">
      <c r="N307559" s="10"/>
    </row>
    <row r="307560" spans="14:14">
      <c r="N307560" s="10"/>
    </row>
    <row r="307561" spans="14:14">
      <c r="N307561" s="10"/>
    </row>
    <row r="307562" spans="14:14">
      <c r="N307562" s="10"/>
    </row>
    <row r="307563" spans="14:14">
      <c r="N307563" s="10"/>
    </row>
    <row r="307564" spans="14:14">
      <c r="N307564" s="10"/>
    </row>
    <row r="307565" spans="14:14">
      <c r="N307565" s="10"/>
    </row>
    <row r="307566" spans="14:14">
      <c r="N307566" s="10"/>
    </row>
    <row r="307567" spans="14:14">
      <c r="N307567" s="10"/>
    </row>
    <row r="307568" spans="14:14">
      <c r="N307568" s="10"/>
    </row>
    <row r="307569" spans="14:14">
      <c r="N307569" s="10"/>
    </row>
    <row r="307570" spans="14:14">
      <c r="N307570" s="10"/>
    </row>
    <row r="307571" spans="14:14">
      <c r="N307571" s="10"/>
    </row>
    <row r="307572" spans="14:14">
      <c r="N307572" s="10"/>
    </row>
    <row r="307573" spans="14:14">
      <c r="N307573" s="10"/>
    </row>
    <row r="307574" spans="14:14">
      <c r="N307574" s="10"/>
    </row>
    <row r="307575" spans="14:14">
      <c r="N307575" s="10"/>
    </row>
    <row r="307576" spans="14:14">
      <c r="N307576" s="10"/>
    </row>
    <row r="307577" spans="14:14">
      <c r="N307577" s="10"/>
    </row>
    <row r="307578" spans="14:14">
      <c r="N307578" s="10"/>
    </row>
    <row r="307579" spans="14:14">
      <c r="N307579" s="10"/>
    </row>
    <row r="307580" spans="14:14">
      <c r="N307580" s="10"/>
    </row>
    <row r="307581" spans="14:14">
      <c r="N307581" s="10"/>
    </row>
    <row r="307582" spans="14:14">
      <c r="N307582" s="10"/>
    </row>
    <row r="307583" spans="14:14">
      <c r="N307583" s="10"/>
    </row>
    <row r="307584" spans="14:14">
      <c r="N307584" s="10"/>
    </row>
    <row r="307585" spans="14:14">
      <c r="N307585" s="10"/>
    </row>
    <row r="307586" spans="14:14">
      <c r="N307586" s="10"/>
    </row>
    <row r="307587" spans="14:14">
      <c r="N307587" s="10"/>
    </row>
    <row r="307588" spans="14:14">
      <c r="N307588" s="10"/>
    </row>
    <row r="307589" spans="14:14">
      <c r="N307589" s="10"/>
    </row>
    <row r="307590" spans="14:14">
      <c r="N307590" s="10"/>
    </row>
    <row r="307591" spans="14:14">
      <c r="N307591" s="10"/>
    </row>
    <row r="307592" spans="14:14">
      <c r="N307592" s="10"/>
    </row>
    <row r="307593" spans="14:14">
      <c r="N307593" s="10"/>
    </row>
    <row r="307594" spans="14:14">
      <c r="N307594" s="10"/>
    </row>
    <row r="307595" spans="14:14">
      <c r="N307595" s="10"/>
    </row>
    <row r="307596" spans="14:14">
      <c r="N307596" s="10"/>
    </row>
    <row r="307597" spans="14:14">
      <c r="N307597" s="10"/>
    </row>
    <row r="307598" spans="14:14">
      <c r="N307598" s="10"/>
    </row>
    <row r="307599" spans="14:14">
      <c r="N307599" s="10"/>
    </row>
    <row r="307600" spans="14:14">
      <c r="N307600" s="10"/>
    </row>
    <row r="307601" spans="14:14">
      <c r="N307601" s="10"/>
    </row>
    <row r="307602" spans="14:14">
      <c r="N307602" s="10"/>
    </row>
    <row r="307603" spans="14:14">
      <c r="N307603" s="10"/>
    </row>
    <row r="307604" spans="14:14">
      <c r="N307604" s="10"/>
    </row>
    <row r="307605" spans="14:14">
      <c r="N307605" s="10"/>
    </row>
    <row r="307606" spans="14:14">
      <c r="N307606" s="10"/>
    </row>
    <row r="307607" spans="14:14">
      <c r="N307607" s="10"/>
    </row>
    <row r="307608" spans="14:14">
      <c r="N307608" s="10"/>
    </row>
    <row r="307609" spans="14:14">
      <c r="N307609" s="10"/>
    </row>
    <row r="307610" spans="14:14">
      <c r="N307610" s="10"/>
    </row>
    <row r="307611" spans="14:14">
      <c r="N307611" s="10"/>
    </row>
    <row r="307612" spans="14:14">
      <c r="N307612" s="10"/>
    </row>
    <row r="307613" spans="14:14">
      <c r="N307613" s="10"/>
    </row>
    <row r="307614" spans="14:14">
      <c r="N307614" s="10"/>
    </row>
    <row r="307615" spans="14:14">
      <c r="N307615" s="10"/>
    </row>
    <row r="307616" spans="14:14">
      <c r="N307616" s="10"/>
    </row>
    <row r="307617" spans="14:14">
      <c r="N307617" s="10"/>
    </row>
    <row r="307618" spans="14:14">
      <c r="N307618" s="10"/>
    </row>
    <row r="307619" spans="14:14">
      <c r="N307619" s="10"/>
    </row>
    <row r="307620" spans="14:14">
      <c r="N307620" s="10"/>
    </row>
    <row r="307621" spans="14:14">
      <c r="N307621" s="10"/>
    </row>
    <row r="307622" spans="14:14">
      <c r="N307622" s="10"/>
    </row>
    <row r="307623" spans="14:14">
      <c r="N307623" s="10"/>
    </row>
    <row r="307624" spans="14:14">
      <c r="N307624" s="10"/>
    </row>
    <row r="307625" spans="14:14">
      <c r="N307625" s="10"/>
    </row>
    <row r="307626" spans="14:14">
      <c r="N307626" s="10"/>
    </row>
    <row r="307627" spans="14:14">
      <c r="N307627" s="10"/>
    </row>
    <row r="307628" spans="14:14">
      <c r="N307628" s="10"/>
    </row>
    <row r="307629" spans="14:14">
      <c r="N307629" s="10"/>
    </row>
    <row r="307630" spans="14:14">
      <c r="N307630" s="10"/>
    </row>
    <row r="307631" spans="14:14">
      <c r="N307631" s="10"/>
    </row>
    <row r="307632" spans="14:14">
      <c r="N307632" s="10"/>
    </row>
    <row r="307633" spans="14:14">
      <c r="N307633" s="10"/>
    </row>
    <row r="307634" spans="14:14">
      <c r="N307634" s="10"/>
    </row>
    <row r="307635" spans="14:14">
      <c r="N307635" s="10"/>
    </row>
    <row r="307636" spans="14:14">
      <c r="N307636" s="10"/>
    </row>
    <row r="307637" spans="14:14">
      <c r="N307637" s="10"/>
    </row>
    <row r="307638" spans="14:14">
      <c r="N307638" s="10"/>
    </row>
    <row r="307639" spans="14:14">
      <c r="N307639" s="10"/>
    </row>
    <row r="307640" spans="14:14">
      <c r="N307640" s="10"/>
    </row>
    <row r="307641" spans="14:14">
      <c r="N307641" s="10"/>
    </row>
    <row r="307642" spans="14:14">
      <c r="N307642" s="10"/>
    </row>
    <row r="307643" spans="14:14">
      <c r="N307643" s="10"/>
    </row>
    <row r="307644" spans="14:14">
      <c r="N307644" s="10"/>
    </row>
    <row r="307645" spans="14:14">
      <c r="N307645" s="10"/>
    </row>
    <row r="307646" spans="14:14">
      <c r="N307646" s="10"/>
    </row>
    <row r="307647" spans="14:14">
      <c r="N307647" s="10"/>
    </row>
    <row r="307648" spans="14:14">
      <c r="N307648" s="10"/>
    </row>
    <row r="307649" spans="14:14">
      <c r="N307649" s="10"/>
    </row>
    <row r="307650" spans="14:14">
      <c r="N307650" s="10"/>
    </row>
    <row r="307651" spans="14:14">
      <c r="N307651" s="10"/>
    </row>
    <row r="307652" spans="14:14">
      <c r="N307652" s="10"/>
    </row>
    <row r="307653" spans="14:14">
      <c r="N307653" s="10"/>
    </row>
    <row r="307654" spans="14:14">
      <c r="N307654" s="10"/>
    </row>
    <row r="307655" spans="14:14">
      <c r="N307655" s="10"/>
    </row>
    <row r="307656" spans="14:14">
      <c r="N307656" s="10"/>
    </row>
    <row r="307657" spans="14:14">
      <c r="N307657" s="10"/>
    </row>
    <row r="307658" spans="14:14">
      <c r="N307658" s="10"/>
    </row>
    <row r="307659" spans="14:14">
      <c r="N307659" s="10"/>
    </row>
    <row r="307660" spans="14:14">
      <c r="N307660" s="10"/>
    </row>
    <row r="307661" spans="14:14">
      <c r="N307661" s="10"/>
    </row>
    <row r="307662" spans="14:14">
      <c r="N307662" s="10"/>
    </row>
    <row r="307663" spans="14:14">
      <c r="N307663" s="10"/>
    </row>
    <row r="307664" spans="14:14">
      <c r="N307664" s="10"/>
    </row>
    <row r="307665" spans="14:14">
      <c r="N307665" s="10"/>
    </row>
    <row r="307666" spans="14:14">
      <c r="N307666" s="10"/>
    </row>
    <row r="307667" spans="14:14">
      <c r="N307667" s="10"/>
    </row>
    <row r="307668" spans="14:14">
      <c r="N307668" s="10"/>
    </row>
    <row r="307669" spans="14:14">
      <c r="N307669" s="10"/>
    </row>
    <row r="307670" spans="14:14">
      <c r="N307670" s="10"/>
    </row>
    <row r="307671" spans="14:14">
      <c r="N307671" s="10"/>
    </row>
    <row r="307672" spans="14:14">
      <c r="N307672" s="10"/>
    </row>
    <row r="307673" spans="14:14">
      <c r="N307673" s="10"/>
    </row>
    <row r="307674" spans="14:14">
      <c r="N307674" s="10"/>
    </row>
    <row r="307675" spans="14:14">
      <c r="N307675" s="10"/>
    </row>
    <row r="307676" spans="14:14">
      <c r="N307676" s="10"/>
    </row>
    <row r="307677" spans="14:14">
      <c r="N307677" s="10"/>
    </row>
    <row r="307678" spans="14:14">
      <c r="N307678" s="10"/>
    </row>
    <row r="307679" spans="14:14">
      <c r="N307679" s="10"/>
    </row>
    <row r="307680" spans="14:14">
      <c r="N307680" s="10"/>
    </row>
    <row r="307681" spans="14:14">
      <c r="N307681" s="10"/>
    </row>
    <row r="307682" spans="14:14">
      <c r="N307682" s="10"/>
    </row>
    <row r="307683" spans="14:14">
      <c r="N307683" s="10"/>
    </row>
    <row r="307684" spans="14:14">
      <c r="N307684" s="10"/>
    </row>
    <row r="307685" spans="14:14">
      <c r="N307685" s="10"/>
    </row>
    <row r="307686" spans="14:14">
      <c r="N307686" s="10"/>
    </row>
    <row r="307687" spans="14:14">
      <c r="N307687" s="10"/>
    </row>
    <row r="307688" spans="14:14">
      <c r="N307688" s="10"/>
    </row>
    <row r="307689" spans="14:14">
      <c r="N307689" s="10"/>
    </row>
    <row r="307690" spans="14:14">
      <c r="N307690" s="10"/>
    </row>
    <row r="307691" spans="14:14">
      <c r="N307691" s="10"/>
    </row>
    <row r="307692" spans="14:14">
      <c r="N307692" s="10"/>
    </row>
    <row r="307693" spans="14:14">
      <c r="N307693" s="10"/>
    </row>
    <row r="307694" spans="14:14">
      <c r="N307694" s="10"/>
    </row>
    <row r="307695" spans="14:14">
      <c r="N307695" s="10"/>
    </row>
    <row r="307696" spans="14:14">
      <c r="N307696" s="10"/>
    </row>
    <row r="307697" spans="14:14">
      <c r="N307697" s="10"/>
    </row>
    <row r="307698" spans="14:14">
      <c r="N307698" s="10"/>
    </row>
    <row r="307699" spans="14:14">
      <c r="N307699" s="10"/>
    </row>
    <row r="307700" spans="14:14">
      <c r="N307700" s="10"/>
    </row>
    <row r="307701" spans="14:14">
      <c r="N307701" s="10"/>
    </row>
    <row r="307702" spans="14:14">
      <c r="N307702" s="10"/>
    </row>
    <row r="307703" spans="14:14">
      <c r="N307703" s="10"/>
    </row>
    <row r="307704" spans="14:14">
      <c r="N307704" s="10"/>
    </row>
    <row r="307705" spans="14:14">
      <c r="N307705" s="10"/>
    </row>
    <row r="307706" spans="14:14">
      <c r="N307706" s="10"/>
    </row>
    <row r="307707" spans="14:14">
      <c r="N307707" s="10"/>
    </row>
    <row r="307708" spans="14:14">
      <c r="N307708" s="10"/>
    </row>
    <row r="307709" spans="14:14">
      <c r="N307709" s="10"/>
    </row>
    <row r="307710" spans="14:14">
      <c r="N307710" s="10"/>
    </row>
    <row r="307711" spans="14:14">
      <c r="N307711" s="10"/>
    </row>
    <row r="307712" spans="14:14">
      <c r="N307712" s="10"/>
    </row>
    <row r="307713" spans="14:14">
      <c r="N307713" s="10"/>
    </row>
    <row r="307714" spans="14:14">
      <c r="N307714" s="10"/>
    </row>
    <row r="307715" spans="14:14">
      <c r="N307715" s="10"/>
    </row>
    <row r="307716" spans="14:14">
      <c r="N307716" s="10"/>
    </row>
    <row r="307717" spans="14:14">
      <c r="N307717" s="10"/>
    </row>
    <row r="307718" spans="14:14">
      <c r="N307718" s="10"/>
    </row>
    <row r="307719" spans="14:14">
      <c r="N307719" s="10"/>
    </row>
    <row r="307720" spans="14:14">
      <c r="N307720" s="10"/>
    </row>
    <row r="307721" spans="14:14">
      <c r="N307721" s="10"/>
    </row>
    <row r="307722" spans="14:14">
      <c r="N307722" s="10"/>
    </row>
    <row r="307723" spans="14:14">
      <c r="N307723" s="10"/>
    </row>
    <row r="307724" spans="14:14">
      <c r="N307724" s="10"/>
    </row>
    <row r="307725" spans="14:14">
      <c r="N307725" s="10"/>
    </row>
    <row r="307726" spans="14:14">
      <c r="N307726" s="10"/>
    </row>
    <row r="307727" spans="14:14">
      <c r="N307727" s="10"/>
    </row>
    <row r="307728" spans="14:14">
      <c r="N307728" s="10"/>
    </row>
    <row r="307729" spans="14:14">
      <c r="N307729" s="10"/>
    </row>
    <row r="307730" spans="14:14">
      <c r="N307730" s="10"/>
    </row>
    <row r="307731" spans="14:14">
      <c r="N307731" s="10"/>
    </row>
    <row r="307732" spans="14:14">
      <c r="N307732" s="10"/>
    </row>
    <row r="307733" spans="14:14">
      <c r="N307733" s="10"/>
    </row>
    <row r="307734" spans="14:14">
      <c r="N307734" s="10"/>
    </row>
    <row r="307735" spans="14:14">
      <c r="N307735" s="10"/>
    </row>
    <row r="307736" spans="14:14">
      <c r="N307736" s="10"/>
    </row>
    <row r="307737" spans="14:14">
      <c r="N307737" s="10"/>
    </row>
    <row r="307738" spans="14:14">
      <c r="N307738" s="10"/>
    </row>
    <row r="307739" spans="14:14">
      <c r="N307739" s="10"/>
    </row>
    <row r="307740" spans="14:14">
      <c r="N307740" s="10"/>
    </row>
    <row r="307741" spans="14:14">
      <c r="N307741" s="10"/>
    </row>
    <row r="307742" spans="14:14">
      <c r="N307742" s="10"/>
    </row>
    <row r="307743" spans="14:14">
      <c r="N307743" s="10"/>
    </row>
    <row r="307744" spans="14:14">
      <c r="N307744" s="10"/>
    </row>
    <row r="307745" spans="14:14">
      <c r="N307745" s="10"/>
    </row>
    <row r="307746" spans="14:14">
      <c r="N307746" s="10"/>
    </row>
    <row r="307747" spans="14:14">
      <c r="N307747" s="10"/>
    </row>
    <row r="307748" spans="14:14">
      <c r="N307748" s="10"/>
    </row>
    <row r="307749" spans="14:14">
      <c r="N307749" s="10"/>
    </row>
    <row r="307750" spans="14:14">
      <c r="N307750" s="10"/>
    </row>
    <row r="307751" spans="14:14">
      <c r="N307751" s="10"/>
    </row>
    <row r="307752" spans="14:14">
      <c r="N307752" s="10"/>
    </row>
    <row r="307753" spans="14:14">
      <c r="N307753" s="10"/>
    </row>
    <row r="307754" spans="14:14">
      <c r="N307754" s="10"/>
    </row>
    <row r="307755" spans="14:14">
      <c r="N307755" s="10"/>
    </row>
    <row r="307756" spans="14:14">
      <c r="N307756" s="10"/>
    </row>
    <row r="307757" spans="14:14">
      <c r="N307757" s="10"/>
    </row>
    <row r="307758" spans="14:14">
      <c r="N307758" s="10"/>
    </row>
    <row r="307759" spans="14:14">
      <c r="N307759" s="10"/>
    </row>
    <row r="307760" spans="14:14">
      <c r="N307760" s="10"/>
    </row>
    <row r="307761" spans="14:14">
      <c r="N307761" s="10"/>
    </row>
    <row r="307762" spans="14:14">
      <c r="N307762" s="10"/>
    </row>
    <row r="307763" spans="14:14">
      <c r="N307763" s="10"/>
    </row>
    <row r="307764" spans="14:14">
      <c r="N307764" s="10"/>
    </row>
    <row r="307765" spans="14:14">
      <c r="N307765" s="10"/>
    </row>
    <row r="307766" spans="14:14">
      <c r="N307766" s="10"/>
    </row>
    <row r="307767" spans="14:14">
      <c r="N307767" s="10"/>
    </row>
    <row r="307768" spans="14:14">
      <c r="N307768" s="10"/>
    </row>
    <row r="307769" spans="14:14">
      <c r="N307769" s="10"/>
    </row>
    <row r="307770" spans="14:14">
      <c r="N307770" s="10"/>
    </row>
    <row r="307771" spans="14:14">
      <c r="N307771" s="10"/>
    </row>
    <row r="307772" spans="14:14">
      <c r="N307772" s="10"/>
    </row>
    <row r="307773" spans="14:14">
      <c r="N307773" s="10"/>
    </row>
    <row r="307774" spans="14:14">
      <c r="N307774" s="10"/>
    </row>
    <row r="307775" spans="14:14">
      <c r="N307775" s="10"/>
    </row>
    <row r="307776" spans="14:14">
      <c r="N307776" s="10"/>
    </row>
    <row r="307777" spans="14:14">
      <c r="N307777" s="10"/>
    </row>
    <row r="307778" spans="14:14">
      <c r="N307778" s="10"/>
    </row>
    <row r="307779" spans="14:14">
      <c r="N307779" s="10"/>
    </row>
    <row r="307780" spans="14:14">
      <c r="N307780" s="10"/>
    </row>
    <row r="307781" spans="14:14">
      <c r="N307781" s="10"/>
    </row>
    <row r="307782" spans="14:14">
      <c r="N307782" s="10"/>
    </row>
    <row r="307783" spans="14:14">
      <c r="N307783" s="10"/>
    </row>
    <row r="307784" spans="14:14">
      <c r="N307784" s="10"/>
    </row>
    <row r="307785" spans="14:14">
      <c r="N307785" s="10"/>
    </row>
    <row r="307786" spans="14:14">
      <c r="N307786" s="10"/>
    </row>
    <row r="307787" spans="14:14">
      <c r="N307787" s="10"/>
    </row>
    <row r="307788" spans="14:14">
      <c r="N307788" s="10"/>
    </row>
    <row r="307789" spans="14:14">
      <c r="N307789" s="10"/>
    </row>
    <row r="307790" spans="14:14">
      <c r="N307790" s="10"/>
    </row>
    <row r="307791" spans="14:14">
      <c r="N307791" s="10"/>
    </row>
    <row r="307792" spans="14:14">
      <c r="N307792" s="10"/>
    </row>
    <row r="307793" spans="14:14">
      <c r="N307793" s="10"/>
    </row>
    <row r="307794" spans="14:14">
      <c r="N307794" s="10"/>
    </row>
    <row r="307795" spans="14:14">
      <c r="N307795" s="10"/>
    </row>
    <row r="307796" spans="14:14">
      <c r="N307796" s="10"/>
    </row>
    <row r="307797" spans="14:14">
      <c r="N307797" s="10"/>
    </row>
    <row r="307798" spans="14:14">
      <c r="N307798" s="10"/>
    </row>
    <row r="307799" spans="14:14">
      <c r="N307799" s="10"/>
    </row>
    <row r="307800" spans="14:14">
      <c r="N307800" s="10"/>
    </row>
    <row r="307801" spans="14:14">
      <c r="N307801" s="10"/>
    </row>
    <row r="307802" spans="14:14">
      <c r="N307802" s="10"/>
    </row>
    <row r="307803" spans="14:14">
      <c r="N307803" s="10"/>
    </row>
    <row r="307804" spans="14:14">
      <c r="N307804" s="10"/>
    </row>
    <row r="307805" spans="14:14">
      <c r="N307805" s="10"/>
    </row>
    <row r="307806" spans="14:14">
      <c r="N307806" s="10"/>
    </row>
    <row r="307807" spans="14:14">
      <c r="N307807" s="10"/>
    </row>
    <row r="307808" spans="14:14">
      <c r="N307808" s="10"/>
    </row>
    <row r="307809" spans="14:14">
      <c r="N307809" s="10"/>
    </row>
    <row r="307810" spans="14:14">
      <c r="N307810" s="10"/>
    </row>
    <row r="307811" spans="14:14">
      <c r="N307811" s="10"/>
    </row>
    <row r="307812" spans="14:14">
      <c r="N307812" s="10"/>
    </row>
    <row r="307813" spans="14:14">
      <c r="N307813" s="10"/>
    </row>
    <row r="307814" spans="14:14">
      <c r="N307814" s="10"/>
    </row>
    <row r="307815" spans="14:14">
      <c r="N307815" s="10"/>
    </row>
    <row r="307816" spans="14:14">
      <c r="N307816" s="10"/>
    </row>
    <row r="307817" spans="14:14">
      <c r="N307817" s="10"/>
    </row>
    <row r="307818" spans="14:14">
      <c r="N307818" s="10"/>
    </row>
    <row r="307819" spans="14:14">
      <c r="N307819" s="10"/>
    </row>
    <row r="307820" spans="14:14">
      <c r="N307820" s="10"/>
    </row>
    <row r="307821" spans="14:14">
      <c r="N307821" s="10"/>
    </row>
    <row r="307822" spans="14:14">
      <c r="N307822" s="10"/>
    </row>
    <row r="307823" spans="14:14">
      <c r="N307823" s="10"/>
    </row>
    <row r="307824" spans="14:14">
      <c r="N307824" s="10"/>
    </row>
    <row r="307825" spans="14:14">
      <c r="N307825" s="10"/>
    </row>
    <row r="307826" spans="14:14">
      <c r="N307826" s="10"/>
    </row>
    <row r="307827" spans="14:14">
      <c r="N307827" s="10"/>
    </row>
    <row r="307828" spans="14:14">
      <c r="N307828" s="10"/>
    </row>
    <row r="307829" spans="14:14">
      <c r="N307829" s="10"/>
    </row>
    <row r="307830" spans="14:14">
      <c r="N307830" s="10"/>
    </row>
    <row r="307831" spans="14:14">
      <c r="N307831" s="10"/>
    </row>
    <row r="307832" spans="14:14">
      <c r="N307832" s="10"/>
    </row>
    <row r="307833" spans="14:14">
      <c r="N307833" s="10"/>
    </row>
    <row r="307834" spans="14:14">
      <c r="N307834" s="10"/>
    </row>
    <row r="307835" spans="14:14">
      <c r="N307835" s="10"/>
    </row>
    <row r="307836" spans="14:14">
      <c r="N307836" s="10"/>
    </row>
    <row r="307837" spans="14:14">
      <c r="N307837" s="10"/>
    </row>
    <row r="307838" spans="14:14">
      <c r="N307838" s="10"/>
    </row>
    <row r="307839" spans="14:14">
      <c r="N307839" s="10"/>
    </row>
    <row r="307840" spans="14:14">
      <c r="N307840" s="10"/>
    </row>
    <row r="307841" spans="14:14">
      <c r="N307841" s="10"/>
    </row>
    <row r="307842" spans="14:14">
      <c r="N307842" s="10"/>
    </row>
    <row r="307843" spans="14:14">
      <c r="N307843" s="10"/>
    </row>
    <row r="307844" spans="14:14">
      <c r="N307844" s="10"/>
    </row>
    <row r="307845" spans="14:14">
      <c r="N307845" s="10"/>
    </row>
    <row r="307846" spans="14:14">
      <c r="N307846" s="10"/>
    </row>
    <row r="307847" spans="14:14">
      <c r="N307847" s="10"/>
    </row>
    <row r="307848" spans="14:14">
      <c r="N307848" s="10"/>
    </row>
    <row r="307849" spans="14:14">
      <c r="N307849" s="10"/>
    </row>
    <row r="307850" spans="14:14">
      <c r="N307850" s="10"/>
    </row>
    <row r="307851" spans="14:14">
      <c r="N307851" s="10"/>
    </row>
    <row r="307852" spans="14:14">
      <c r="N307852" s="10"/>
    </row>
    <row r="307853" spans="14:14">
      <c r="N307853" s="10"/>
    </row>
    <row r="307854" spans="14:14">
      <c r="N307854" s="10"/>
    </row>
    <row r="307855" spans="14:14">
      <c r="N307855" s="10"/>
    </row>
    <row r="307856" spans="14:14">
      <c r="N307856" s="10"/>
    </row>
    <row r="307857" spans="14:14">
      <c r="N307857" s="10"/>
    </row>
    <row r="307858" spans="14:14">
      <c r="N307858" s="10"/>
    </row>
    <row r="307859" spans="14:14">
      <c r="N307859" s="10"/>
    </row>
    <row r="307860" spans="14:14">
      <c r="N307860" s="10"/>
    </row>
    <row r="307861" spans="14:14">
      <c r="N307861" s="10"/>
    </row>
    <row r="307862" spans="14:14">
      <c r="N307862" s="10"/>
    </row>
    <row r="307863" spans="14:14">
      <c r="N307863" s="10"/>
    </row>
    <row r="307864" spans="14:14">
      <c r="N307864" s="10"/>
    </row>
    <row r="307865" spans="14:14">
      <c r="N307865" s="10"/>
    </row>
    <row r="307866" spans="14:14">
      <c r="N307866" s="10"/>
    </row>
    <row r="307867" spans="14:14">
      <c r="N307867" s="10"/>
    </row>
    <row r="307868" spans="14:14">
      <c r="N307868" s="10"/>
    </row>
    <row r="307869" spans="14:14">
      <c r="N307869" s="10"/>
    </row>
    <row r="307870" spans="14:14">
      <c r="N307870" s="10"/>
    </row>
    <row r="307871" spans="14:14">
      <c r="N307871" s="10"/>
    </row>
    <row r="307872" spans="14:14">
      <c r="N307872" s="10"/>
    </row>
    <row r="307873" spans="14:14">
      <c r="N307873" s="10"/>
    </row>
    <row r="307874" spans="14:14">
      <c r="N307874" s="10"/>
    </row>
    <row r="307875" spans="14:14">
      <c r="N307875" s="10"/>
    </row>
    <row r="307876" spans="14:14">
      <c r="N307876" s="10"/>
    </row>
    <row r="307877" spans="14:14">
      <c r="N307877" s="10"/>
    </row>
    <row r="307878" spans="14:14">
      <c r="N307878" s="10"/>
    </row>
    <row r="307879" spans="14:14">
      <c r="N307879" s="10"/>
    </row>
    <row r="307880" spans="14:14">
      <c r="N307880" s="10"/>
    </row>
    <row r="307881" spans="14:14">
      <c r="N307881" s="10"/>
    </row>
    <row r="307882" spans="14:14">
      <c r="N307882" s="10"/>
    </row>
    <row r="307883" spans="14:14">
      <c r="N307883" s="10"/>
    </row>
    <row r="307884" spans="14:14">
      <c r="N307884" s="10"/>
    </row>
    <row r="307885" spans="14:14">
      <c r="N307885" s="10"/>
    </row>
    <row r="307886" spans="14:14">
      <c r="N307886" s="10"/>
    </row>
    <row r="307887" spans="14:14">
      <c r="N307887" s="10"/>
    </row>
    <row r="307888" spans="14:14">
      <c r="N307888" s="10"/>
    </row>
    <row r="307889" spans="14:14">
      <c r="N307889" s="10"/>
    </row>
    <row r="307890" spans="14:14">
      <c r="N307890" s="10"/>
    </row>
    <row r="307891" spans="14:14">
      <c r="N307891" s="10"/>
    </row>
    <row r="307892" spans="14:14">
      <c r="N307892" s="10"/>
    </row>
    <row r="307893" spans="14:14">
      <c r="N307893" s="10"/>
    </row>
    <row r="307894" spans="14:14">
      <c r="N307894" s="10"/>
    </row>
    <row r="307895" spans="14:14">
      <c r="N307895" s="10"/>
    </row>
    <row r="307896" spans="14:14">
      <c r="N307896" s="10"/>
    </row>
    <row r="307897" spans="14:14">
      <c r="N307897" s="10"/>
    </row>
    <row r="307898" spans="14:14">
      <c r="N307898" s="10"/>
    </row>
    <row r="307899" spans="14:14">
      <c r="N307899" s="10"/>
    </row>
    <row r="307900" spans="14:14">
      <c r="N307900" s="10"/>
    </row>
    <row r="307901" spans="14:14">
      <c r="N307901" s="10"/>
    </row>
    <row r="307902" spans="14:14">
      <c r="N307902" s="10"/>
    </row>
    <row r="307903" spans="14:14">
      <c r="N307903" s="10"/>
    </row>
    <row r="307904" spans="14:14">
      <c r="N307904" s="10"/>
    </row>
    <row r="307905" spans="14:14">
      <c r="N307905" s="10"/>
    </row>
    <row r="307906" spans="14:14">
      <c r="N307906" s="10"/>
    </row>
    <row r="307907" spans="14:14">
      <c r="N307907" s="10"/>
    </row>
    <row r="307908" spans="14:14">
      <c r="N307908" s="10"/>
    </row>
    <row r="307909" spans="14:14">
      <c r="N307909" s="10"/>
    </row>
    <row r="307910" spans="14:14">
      <c r="N307910" s="10"/>
    </row>
    <row r="307911" spans="14:14">
      <c r="N307911" s="10"/>
    </row>
    <row r="307912" spans="14:14">
      <c r="N307912" s="10"/>
    </row>
    <row r="307913" spans="14:14">
      <c r="N307913" s="10"/>
    </row>
    <row r="307914" spans="14:14">
      <c r="N307914" s="10"/>
    </row>
    <row r="307915" spans="14:14">
      <c r="N307915" s="10"/>
    </row>
    <row r="307916" spans="14:14">
      <c r="N307916" s="10"/>
    </row>
    <row r="307917" spans="14:14">
      <c r="N307917" s="10"/>
    </row>
    <row r="307918" spans="14:14">
      <c r="N307918" s="10"/>
    </row>
    <row r="307919" spans="14:14">
      <c r="N307919" s="10"/>
    </row>
    <row r="307920" spans="14:14">
      <c r="N307920" s="10"/>
    </row>
    <row r="307921" spans="14:14">
      <c r="N307921" s="10"/>
    </row>
    <row r="307922" spans="14:14">
      <c r="N307922" s="10"/>
    </row>
    <row r="307923" spans="14:14">
      <c r="N307923" s="10"/>
    </row>
    <row r="307924" spans="14:14">
      <c r="N307924" s="10"/>
    </row>
    <row r="307925" spans="14:14">
      <c r="N307925" s="10"/>
    </row>
    <row r="307926" spans="14:14">
      <c r="N307926" s="10"/>
    </row>
    <row r="307927" spans="14:14">
      <c r="N307927" s="10"/>
    </row>
    <row r="307928" spans="14:14">
      <c r="N307928" s="10"/>
    </row>
    <row r="307929" spans="14:14">
      <c r="N307929" s="10"/>
    </row>
    <row r="307930" spans="14:14">
      <c r="N307930" s="10"/>
    </row>
    <row r="307931" spans="14:14">
      <c r="N307931" s="10"/>
    </row>
    <row r="307932" spans="14:14">
      <c r="N307932" s="10"/>
    </row>
    <row r="307933" spans="14:14">
      <c r="N307933" s="10"/>
    </row>
    <row r="307934" spans="14:14">
      <c r="N307934" s="10"/>
    </row>
    <row r="307935" spans="14:14">
      <c r="N307935" s="10"/>
    </row>
    <row r="307936" spans="14:14">
      <c r="N307936" s="10"/>
    </row>
    <row r="307937" spans="14:14">
      <c r="N307937" s="10"/>
    </row>
    <row r="307938" spans="14:14">
      <c r="N307938" s="10"/>
    </row>
    <row r="307939" spans="14:14">
      <c r="N307939" s="10"/>
    </row>
    <row r="307940" spans="14:14">
      <c r="N307940" s="10"/>
    </row>
    <row r="307941" spans="14:14">
      <c r="N307941" s="10"/>
    </row>
    <row r="307942" spans="14:14">
      <c r="N307942" s="10"/>
    </row>
    <row r="307943" spans="14:14">
      <c r="N307943" s="10"/>
    </row>
    <row r="307944" spans="14:14">
      <c r="N307944" s="10"/>
    </row>
    <row r="307945" spans="14:14">
      <c r="N307945" s="10"/>
    </row>
    <row r="307946" spans="14:14">
      <c r="N307946" s="10"/>
    </row>
    <row r="307947" spans="14:14">
      <c r="N307947" s="10"/>
    </row>
    <row r="307948" spans="14:14">
      <c r="N307948" s="10"/>
    </row>
    <row r="307949" spans="14:14">
      <c r="N307949" s="10"/>
    </row>
    <row r="307950" spans="14:14">
      <c r="N307950" s="10"/>
    </row>
    <row r="307951" spans="14:14">
      <c r="N307951" s="10"/>
    </row>
    <row r="307952" spans="14:14">
      <c r="N307952" s="10"/>
    </row>
    <row r="307953" spans="14:14">
      <c r="N307953" s="10"/>
    </row>
    <row r="307954" spans="14:14">
      <c r="N307954" s="10"/>
    </row>
    <row r="307955" spans="14:14">
      <c r="N307955" s="10"/>
    </row>
    <row r="307956" spans="14:14">
      <c r="N307956" s="10"/>
    </row>
    <row r="307957" spans="14:14">
      <c r="N307957" s="10"/>
    </row>
    <row r="307958" spans="14:14">
      <c r="N307958" s="10"/>
    </row>
    <row r="307959" spans="14:14">
      <c r="N307959" s="10"/>
    </row>
    <row r="307960" spans="14:14">
      <c r="N307960" s="10"/>
    </row>
    <row r="307961" spans="14:14">
      <c r="N307961" s="10"/>
    </row>
    <row r="307962" spans="14:14">
      <c r="N307962" s="10"/>
    </row>
    <row r="307963" spans="14:14">
      <c r="N307963" s="10"/>
    </row>
    <row r="307964" spans="14:14">
      <c r="N307964" s="10"/>
    </row>
    <row r="307965" spans="14:14">
      <c r="N307965" s="10"/>
    </row>
    <row r="307966" spans="14:14">
      <c r="N307966" s="10"/>
    </row>
    <row r="307967" spans="14:14">
      <c r="N307967" s="10"/>
    </row>
    <row r="307968" spans="14:14">
      <c r="N307968" s="10"/>
    </row>
    <row r="307969" spans="14:14">
      <c r="N307969" s="10"/>
    </row>
    <row r="307970" spans="14:14">
      <c r="N307970" s="10"/>
    </row>
    <row r="307971" spans="14:14">
      <c r="N307971" s="10"/>
    </row>
    <row r="307972" spans="14:14">
      <c r="N307972" s="10"/>
    </row>
    <row r="307973" spans="14:14">
      <c r="N307973" s="10"/>
    </row>
    <row r="307974" spans="14:14">
      <c r="N307974" s="10"/>
    </row>
    <row r="307975" spans="14:14">
      <c r="N307975" s="10"/>
    </row>
    <row r="307976" spans="14:14">
      <c r="N307976" s="10"/>
    </row>
    <row r="307977" spans="14:14">
      <c r="N307977" s="10"/>
    </row>
    <row r="307978" spans="14:14">
      <c r="N307978" s="10"/>
    </row>
    <row r="307979" spans="14:14">
      <c r="N307979" s="10"/>
    </row>
    <row r="307980" spans="14:14">
      <c r="N307980" s="10"/>
    </row>
    <row r="307981" spans="14:14">
      <c r="N307981" s="10"/>
    </row>
    <row r="307982" spans="14:14">
      <c r="N307982" s="10"/>
    </row>
    <row r="307983" spans="14:14">
      <c r="N307983" s="10"/>
    </row>
    <row r="307984" spans="14:14">
      <c r="N307984" s="10"/>
    </row>
    <row r="307985" spans="14:14">
      <c r="N307985" s="10"/>
    </row>
    <row r="307986" spans="14:14">
      <c r="N307986" s="10"/>
    </row>
    <row r="307987" spans="14:14">
      <c r="N307987" s="10"/>
    </row>
    <row r="307988" spans="14:14">
      <c r="N307988" s="10"/>
    </row>
    <row r="307989" spans="14:14">
      <c r="N307989" s="10"/>
    </row>
    <row r="307990" spans="14:14">
      <c r="N307990" s="10"/>
    </row>
    <row r="307991" spans="14:14">
      <c r="N307991" s="10"/>
    </row>
    <row r="307992" spans="14:14">
      <c r="N307992" s="10"/>
    </row>
    <row r="307993" spans="14:14">
      <c r="N307993" s="10"/>
    </row>
    <row r="307994" spans="14:14">
      <c r="N307994" s="10"/>
    </row>
    <row r="307995" spans="14:14">
      <c r="N307995" s="10"/>
    </row>
    <row r="307996" spans="14:14">
      <c r="N307996" s="10"/>
    </row>
    <row r="307997" spans="14:14">
      <c r="N307997" s="10"/>
    </row>
    <row r="307998" spans="14:14">
      <c r="N307998" s="10"/>
    </row>
    <row r="307999" spans="14:14">
      <c r="N307999" s="10"/>
    </row>
    <row r="308000" spans="14:14">
      <c r="N308000" s="10"/>
    </row>
    <row r="308001" spans="14:14">
      <c r="N308001" s="10"/>
    </row>
    <row r="308002" spans="14:14">
      <c r="N308002" s="10"/>
    </row>
    <row r="308003" spans="14:14">
      <c r="N308003" s="10"/>
    </row>
    <row r="308004" spans="14:14">
      <c r="N308004" s="10"/>
    </row>
    <row r="308005" spans="14:14">
      <c r="N308005" s="10"/>
    </row>
    <row r="308006" spans="14:14">
      <c r="N308006" s="10"/>
    </row>
    <row r="308007" spans="14:14">
      <c r="N308007" s="10"/>
    </row>
    <row r="308008" spans="14:14">
      <c r="N308008" s="10"/>
    </row>
    <row r="308009" spans="14:14">
      <c r="N308009" s="10"/>
    </row>
    <row r="308010" spans="14:14">
      <c r="N308010" s="10"/>
    </row>
    <row r="308011" spans="14:14">
      <c r="N308011" s="10"/>
    </row>
    <row r="308012" spans="14:14">
      <c r="N308012" s="10"/>
    </row>
    <row r="308013" spans="14:14">
      <c r="N308013" s="10"/>
    </row>
    <row r="308014" spans="14:14">
      <c r="N308014" s="10"/>
    </row>
    <row r="308015" spans="14:14">
      <c r="N308015" s="10"/>
    </row>
    <row r="308016" spans="14:14">
      <c r="N308016" s="10"/>
    </row>
    <row r="308017" spans="14:14">
      <c r="N308017" s="10"/>
    </row>
    <row r="308018" spans="14:14">
      <c r="N308018" s="10"/>
    </row>
    <row r="308019" spans="14:14">
      <c r="N308019" s="10"/>
    </row>
    <row r="308020" spans="14:14">
      <c r="N308020" s="10"/>
    </row>
    <row r="308021" spans="14:14">
      <c r="N308021" s="10"/>
    </row>
    <row r="308022" spans="14:14">
      <c r="N308022" s="10"/>
    </row>
    <row r="308023" spans="14:14">
      <c r="N308023" s="10"/>
    </row>
    <row r="308024" spans="14:14">
      <c r="N308024" s="10"/>
    </row>
    <row r="308025" spans="14:14">
      <c r="N308025" s="10"/>
    </row>
    <row r="308026" spans="14:14">
      <c r="N308026" s="10"/>
    </row>
    <row r="308027" spans="14:14">
      <c r="N308027" s="10"/>
    </row>
    <row r="308028" spans="14:14">
      <c r="N308028" s="10"/>
    </row>
    <row r="308029" spans="14:14">
      <c r="N308029" s="10"/>
    </row>
    <row r="308030" spans="14:14">
      <c r="N308030" s="10"/>
    </row>
    <row r="308031" spans="14:14">
      <c r="N308031" s="10"/>
    </row>
    <row r="308032" spans="14:14">
      <c r="N308032" s="10"/>
    </row>
    <row r="308033" spans="14:14">
      <c r="N308033" s="10"/>
    </row>
    <row r="308034" spans="14:14">
      <c r="N308034" s="10"/>
    </row>
    <row r="308035" spans="14:14">
      <c r="N308035" s="10"/>
    </row>
    <row r="308036" spans="14:14">
      <c r="N308036" s="10"/>
    </row>
    <row r="308037" spans="14:14">
      <c r="N308037" s="10"/>
    </row>
    <row r="308038" spans="14:14">
      <c r="N308038" s="10"/>
    </row>
    <row r="308039" spans="14:14">
      <c r="N308039" s="10"/>
    </row>
    <row r="308040" spans="14:14">
      <c r="N308040" s="10"/>
    </row>
    <row r="308041" spans="14:14">
      <c r="N308041" s="10"/>
    </row>
    <row r="308042" spans="14:14">
      <c r="N308042" s="10"/>
    </row>
    <row r="308043" spans="14:14">
      <c r="N308043" s="10"/>
    </row>
    <row r="308044" spans="14:14">
      <c r="N308044" s="10"/>
    </row>
    <row r="308045" spans="14:14">
      <c r="N308045" s="10"/>
    </row>
    <row r="308046" spans="14:14">
      <c r="N308046" s="10"/>
    </row>
    <row r="308047" spans="14:14">
      <c r="N308047" s="10"/>
    </row>
    <row r="308048" spans="14:14">
      <c r="N308048" s="10"/>
    </row>
    <row r="308049" spans="14:14">
      <c r="N308049" s="10"/>
    </row>
    <row r="308050" spans="14:14">
      <c r="N308050" s="10"/>
    </row>
    <row r="308051" spans="14:14">
      <c r="N308051" s="10"/>
    </row>
    <row r="308052" spans="14:14">
      <c r="N308052" s="10"/>
    </row>
    <row r="308053" spans="14:14">
      <c r="N308053" s="10"/>
    </row>
    <row r="308054" spans="14:14">
      <c r="N308054" s="10"/>
    </row>
    <row r="308055" spans="14:14">
      <c r="N308055" s="10"/>
    </row>
    <row r="308056" spans="14:14">
      <c r="N308056" s="10"/>
    </row>
    <row r="308057" spans="14:14">
      <c r="N308057" s="10"/>
    </row>
    <row r="308058" spans="14:14">
      <c r="N308058" s="10"/>
    </row>
    <row r="308059" spans="14:14">
      <c r="N308059" s="10"/>
    </row>
    <row r="308060" spans="14:14">
      <c r="N308060" s="10"/>
    </row>
    <row r="308061" spans="14:14">
      <c r="N308061" s="10"/>
    </row>
    <row r="308062" spans="14:14">
      <c r="N308062" s="10"/>
    </row>
    <row r="308063" spans="14:14">
      <c r="N308063" s="10"/>
    </row>
    <row r="308064" spans="14:14">
      <c r="N308064" s="10"/>
    </row>
    <row r="308065" spans="14:14">
      <c r="N308065" s="10"/>
    </row>
    <row r="308066" spans="14:14">
      <c r="N308066" s="10"/>
    </row>
    <row r="308067" spans="14:14">
      <c r="N308067" s="10"/>
    </row>
    <row r="308068" spans="14:14">
      <c r="N308068" s="10"/>
    </row>
    <row r="308069" spans="14:14">
      <c r="N308069" s="10"/>
    </row>
    <row r="308070" spans="14:14">
      <c r="N308070" s="10"/>
    </row>
    <row r="308071" spans="14:14">
      <c r="N308071" s="10"/>
    </row>
    <row r="308072" spans="14:14">
      <c r="N308072" s="10"/>
    </row>
    <row r="308073" spans="14:14">
      <c r="N308073" s="10"/>
    </row>
    <row r="308074" spans="14:14">
      <c r="N308074" s="10"/>
    </row>
    <row r="308075" spans="14:14">
      <c r="N308075" s="10"/>
    </row>
    <row r="308076" spans="14:14">
      <c r="N308076" s="10"/>
    </row>
    <row r="308077" spans="14:14">
      <c r="N308077" s="10"/>
    </row>
    <row r="308078" spans="14:14">
      <c r="N308078" s="10"/>
    </row>
    <row r="308079" spans="14:14">
      <c r="N308079" s="10"/>
    </row>
    <row r="308080" spans="14:14">
      <c r="N308080" s="10"/>
    </row>
    <row r="308081" spans="14:14">
      <c r="N308081" s="10"/>
    </row>
    <row r="308082" spans="14:14">
      <c r="N308082" s="10"/>
    </row>
    <row r="308083" spans="14:14">
      <c r="N308083" s="10"/>
    </row>
    <row r="308084" spans="14:14">
      <c r="N308084" s="10"/>
    </row>
    <row r="308085" spans="14:14">
      <c r="N308085" s="10"/>
    </row>
    <row r="308086" spans="14:14">
      <c r="N308086" s="10"/>
    </row>
    <row r="308087" spans="14:14">
      <c r="N308087" s="10"/>
    </row>
    <row r="308088" spans="14:14">
      <c r="N308088" s="10"/>
    </row>
    <row r="308089" spans="14:14">
      <c r="N308089" s="10"/>
    </row>
    <row r="308090" spans="14:14">
      <c r="N308090" s="10"/>
    </row>
    <row r="308091" spans="14:14">
      <c r="N308091" s="10"/>
    </row>
    <row r="308092" spans="14:14">
      <c r="N308092" s="10"/>
    </row>
    <row r="308093" spans="14:14">
      <c r="N308093" s="10"/>
    </row>
    <row r="308094" spans="14:14">
      <c r="N308094" s="10"/>
    </row>
    <row r="308095" spans="14:14">
      <c r="N308095" s="10"/>
    </row>
    <row r="308096" spans="14:14">
      <c r="N308096" s="10"/>
    </row>
    <row r="308097" spans="14:14">
      <c r="N308097" s="10"/>
    </row>
    <row r="308098" spans="14:14">
      <c r="N308098" s="10"/>
    </row>
    <row r="308099" spans="14:14">
      <c r="N308099" s="10"/>
    </row>
    <row r="308100" spans="14:14">
      <c r="N308100" s="10"/>
    </row>
    <row r="308101" spans="14:14">
      <c r="N308101" s="10"/>
    </row>
    <row r="308102" spans="14:14">
      <c r="N308102" s="10"/>
    </row>
    <row r="308103" spans="14:14">
      <c r="N308103" s="10"/>
    </row>
    <row r="308104" spans="14:14">
      <c r="N308104" s="10"/>
    </row>
    <row r="308105" spans="14:14">
      <c r="N308105" s="10"/>
    </row>
    <row r="308106" spans="14:14">
      <c r="N308106" s="10"/>
    </row>
    <row r="308107" spans="14:14">
      <c r="N308107" s="10"/>
    </row>
    <row r="308108" spans="14:14">
      <c r="N308108" s="10"/>
    </row>
    <row r="308109" spans="14:14">
      <c r="N308109" s="10"/>
    </row>
    <row r="308110" spans="14:14">
      <c r="N308110" s="10"/>
    </row>
    <row r="308111" spans="14:14">
      <c r="N308111" s="10"/>
    </row>
    <row r="308112" spans="14:14">
      <c r="N308112" s="10"/>
    </row>
    <row r="308113" spans="14:14">
      <c r="N308113" s="10"/>
    </row>
    <row r="308114" spans="14:14">
      <c r="N308114" s="10"/>
    </row>
    <row r="308115" spans="14:14">
      <c r="N308115" s="10"/>
    </row>
    <row r="308116" spans="14:14">
      <c r="N308116" s="10"/>
    </row>
    <row r="308117" spans="14:14">
      <c r="N308117" s="10"/>
    </row>
    <row r="308118" spans="14:14">
      <c r="N308118" s="10"/>
    </row>
    <row r="308119" spans="14:14">
      <c r="N308119" s="10"/>
    </row>
    <row r="308120" spans="14:14">
      <c r="N308120" s="10"/>
    </row>
    <row r="308121" spans="14:14">
      <c r="N308121" s="10"/>
    </row>
    <row r="308122" spans="14:14">
      <c r="N308122" s="10"/>
    </row>
    <row r="308123" spans="14:14">
      <c r="N308123" s="10"/>
    </row>
    <row r="308124" spans="14:14">
      <c r="N308124" s="10"/>
    </row>
    <row r="308125" spans="14:14">
      <c r="N308125" s="10"/>
    </row>
    <row r="308126" spans="14:14">
      <c r="N308126" s="10"/>
    </row>
    <row r="308127" spans="14:14">
      <c r="N308127" s="10"/>
    </row>
    <row r="308128" spans="14:14">
      <c r="N308128" s="10"/>
    </row>
    <row r="308129" spans="14:14">
      <c r="N308129" s="10"/>
    </row>
    <row r="308130" spans="14:14">
      <c r="N308130" s="10"/>
    </row>
    <row r="308131" spans="14:14">
      <c r="N308131" s="10"/>
    </row>
    <row r="308132" spans="14:14">
      <c r="N308132" s="10"/>
    </row>
    <row r="308133" spans="14:14">
      <c r="N308133" s="10"/>
    </row>
    <row r="308134" spans="14:14">
      <c r="N308134" s="10"/>
    </row>
    <row r="308135" spans="14:14">
      <c r="N308135" s="10"/>
    </row>
    <row r="308136" spans="14:14">
      <c r="N308136" s="10"/>
    </row>
    <row r="308137" spans="14:14">
      <c r="N308137" s="10"/>
    </row>
    <row r="308138" spans="14:14">
      <c r="N308138" s="10"/>
    </row>
    <row r="308139" spans="14:14">
      <c r="N308139" s="10"/>
    </row>
    <row r="308140" spans="14:14">
      <c r="N308140" s="10"/>
    </row>
    <row r="308141" spans="14:14">
      <c r="N308141" s="10"/>
    </row>
    <row r="308142" spans="14:14">
      <c r="N308142" s="10"/>
    </row>
    <row r="308143" spans="14:14">
      <c r="N308143" s="10"/>
    </row>
    <row r="308144" spans="14:14">
      <c r="N308144" s="10"/>
    </row>
    <row r="308145" spans="14:14">
      <c r="N308145" s="10"/>
    </row>
    <row r="308146" spans="14:14">
      <c r="N308146" s="10"/>
    </row>
    <row r="308147" spans="14:14">
      <c r="N308147" s="10"/>
    </row>
    <row r="308148" spans="14:14">
      <c r="N308148" s="10"/>
    </row>
    <row r="308149" spans="14:14">
      <c r="N308149" s="10"/>
    </row>
    <row r="308150" spans="14:14">
      <c r="N308150" s="10"/>
    </row>
    <row r="308151" spans="14:14">
      <c r="N308151" s="10"/>
    </row>
    <row r="308152" spans="14:14">
      <c r="N308152" s="10"/>
    </row>
    <row r="308153" spans="14:14">
      <c r="N308153" s="10"/>
    </row>
    <row r="308154" spans="14:14">
      <c r="N308154" s="10"/>
    </row>
    <row r="308155" spans="14:14">
      <c r="N308155" s="10"/>
    </row>
    <row r="308156" spans="14:14">
      <c r="N308156" s="10"/>
    </row>
    <row r="308157" spans="14:14">
      <c r="N308157" s="10"/>
    </row>
    <row r="308158" spans="14:14">
      <c r="N308158" s="10"/>
    </row>
    <row r="308159" spans="14:14">
      <c r="N308159" s="10"/>
    </row>
    <row r="308160" spans="14:14">
      <c r="N308160" s="10"/>
    </row>
    <row r="308161" spans="14:14">
      <c r="N308161" s="10"/>
    </row>
    <row r="308162" spans="14:14">
      <c r="N308162" s="10"/>
    </row>
    <row r="308163" spans="14:14">
      <c r="N308163" s="10"/>
    </row>
    <row r="308164" spans="14:14">
      <c r="N308164" s="10"/>
    </row>
    <row r="308165" spans="14:14">
      <c r="N308165" s="10"/>
    </row>
    <row r="308166" spans="14:14">
      <c r="N308166" s="10"/>
    </row>
    <row r="308167" spans="14:14">
      <c r="N308167" s="10"/>
    </row>
    <row r="308168" spans="14:14">
      <c r="N308168" s="10"/>
    </row>
    <row r="308169" spans="14:14">
      <c r="N308169" s="10"/>
    </row>
    <row r="308170" spans="14:14">
      <c r="N308170" s="10"/>
    </row>
    <row r="308171" spans="14:14">
      <c r="N308171" s="10"/>
    </row>
    <row r="308172" spans="14:14">
      <c r="N308172" s="10"/>
    </row>
    <row r="308173" spans="14:14">
      <c r="N308173" s="10"/>
    </row>
    <row r="308174" spans="14:14">
      <c r="N308174" s="10"/>
    </row>
    <row r="308175" spans="14:14">
      <c r="N308175" s="10"/>
    </row>
    <row r="308176" spans="14:14">
      <c r="N308176" s="10"/>
    </row>
    <row r="308177" spans="14:14">
      <c r="N308177" s="10"/>
    </row>
    <row r="308178" spans="14:14">
      <c r="N308178" s="10"/>
    </row>
    <row r="308179" spans="14:14">
      <c r="N308179" s="10"/>
    </row>
    <row r="308180" spans="14:14">
      <c r="N308180" s="10"/>
    </row>
    <row r="308181" spans="14:14">
      <c r="N308181" s="10"/>
    </row>
    <row r="308182" spans="14:14">
      <c r="N308182" s="10"/>
    </row>
    <row r="308183" spans="14:14">
      <c r="N308183" s="10"/>
    </row>
    <row r="308184" spans="14:14">
      <c r="N308184" s="10"/>
    </row>
    <row r="308185" spans="14:14">
      <c r="N308185" s="10"/>
    </row>
    <row r="308186" spans="14:14">
      <c r="N308186" s="10"/>
    </row>
    <row r="308187" spans="14:14">
      <c r="N308187" s="10"/>
    </row>
    <row r="308188" spans="14:14">
      <c r="N308188" s="10"/>
    </row>
    <row r="308189" spans="14:14">
      <c r="N308189" s="10"/>
    </row>
    <row r="308190" spans="14:14">
      <c r="N308190" s="10"/>
    </row>
    <row r="308191" spans="14:14">
      <c r="N308191" s="10"/>
    </row>
    <row r="308192" spans="14:14">
      <c r="N308192" s="10"/>
    </row>
    <row r="308193" spans="14:14">
      <c r="N308193" s="10"/>
    </row>
    <row r="308194" spans="14:14">
      <c r="N308194" s="10"/>
    </row>
    <row r="308195" spans="14:14">
      <c r="N308195" s="10"/>
    </row>
    <row r="308196" spans="14:14">
      <c r="N308196" s="10"/>
    </row>
    <row r="308197" spans="14:14">
      <c r="N308197" s="10"/>
    </row>
    <row r="308198" spans="14:14">
      <c r="N308198" s="10"/>
    </row>
    <row r="308199" spans="14:14">
      <c r="N308199" s="10"/>
    </row>
    <row r="308200" spans="14:14">
      <c r="N308200" s="10"/>
    </row>
    <row r="308201" spans="14:14">
      <c r="N308201" s="10"/>
    </row>
    <row r="308202" spans="14:14">
      <c r="N308202" s="10"/>
    </row>
    <row r="308203" spans="14:14">
      <c r="N308203" s="10"/>
    </row>
    <row r="308204" spans="14:14">
      <c r="N308204" s="10"/>
    </row>
    <row r="308205" spans="14:14">
      <c r="N308205" s="10"/>
    </row>
    <row r="308206" spans="14:14">
      <c r="N308206" s="10"/>
    </row>
    <row r="308207" spans="14:14">
      <c r="N308207" s="10"/>
    </row>
    <row r="308208" spans="14:14">
      <c r="N308208" s="10"/>
    </row>
    <row r="308209" spans="14:14">
      <c r="N308209" s="10"/>
    </row>
    <row r="308210" spans="14:14">
      <c r="N308210" s="10"/>
    </row>
    <row r="308211" spans="14:14">
      <c r="N308211" s="10"/>
    </row>
    <row r="308212" spans="14:14">
      <c r="N308212" s="10"/>
    </row>
    <row r="308213" spans="14:14">
      <c r="N308213" s="10"/>
    </row>
    <row r="308214" spans="14:14">
      <c r="N308214" s="10"/>
    </row>
    <row r="308215" spans="14:14">
      <c r="N308215" s="10"/>
    </row>
    <row r="308216" spans="14:14">
      <c r="N308216" s="10"/>
    </row>
    <row r="308217" spans="14:14">
      <c r="N308217" s="10"/>
    </row>
    <row r="308218" spans="14:14">
      <c r="N308218" s="10"/>
    </row>
    <row r="308219" spans="14:14">
      <c r="N308219" s="10"/>
    </row>
    <row r="308220" spans="14:14">
      <c r="N308220" s="10"/>
    </row>
    <row r="308221" spans="14:14">
      <c r="N308221" s="10"/>
    </row>
    <row r="308222" spans="14:14">
      <c r="N308222" s="10"/>
    </row>
    <row r="308223" spans="14:14">
      <c r="N308223" s="10"/>
    </row>
    <row r="308224" spans="14:14">
      <c r="N308224" s="10"/>
    </row>
    <row r="308225" spans="14:14">
      <c r="N308225" s="10"/>
    </row>
    <row r="308226" spans="14:14">
      <c r="N308226" s="10"/>
    </row>
    <row r="308227" spans="14:14">
      <c r="N308227" s="10"/>
    </row>
    <row r="308228" spans="14:14">
      <c r="N308228" s="10"/>
    </row>
    <row r="308229" spans="14:14">
      <c r="N308229" s="10"/>
    </row>
    <row r="308230" spans="14:14">
      <c r="N308230" s="10"/>
    </row>
    <row r="308231" spans="14:14">
      <c r="N308231" s="10"/>
    </row>
    <row r="308232" spans="14:14">
      <c r="N308232" s="10"/>
    </row>
    <row r="308233" spans="14:14">
      <c r="N308233" s="10"/>
    </row>
    <row r="308234" spans="14:14">
      <c r="N308234" s="10"/>
    </row>
    <row r="308235" spans="14:14">
      <c r="N308235" s="10"/>
    </row>
    <row r="308236" spans="14:14">
      <c r="N308236" s="10"/>
    </row>
    <row r="308237" spans="14:14">
      <c r="N308237" s="10"/>
    </row>
    <row r="308238" spans="14:14">
      <c r="N308238" s="10"/>
    </row>
    <row r="308239" spans="14:14">
      <c r="N308239" s="10"/>
    </row>
    <row r="308240" spans="14:14">
      <c r="N308240" s="10"/>
    </row>
    <row r="308241" spans="14:14">
      <c r="N308241" s="10"/>
    </row>
    <row r="308242" spans="14:14">
      <c r="N308242" s="10"/>
    </row>
    <row r="308243" spans="14:14">
      <c r="N308243" s="10"/>
    </row>
    <row r="308244" spans="14:14">
      <c r="N308244" s="10"/>
    </row>
    <row r="308245" spans="14:14">
      <c r="N308245" s="10"/>
    </row>
    <row r="308246" spans="14:14">
      <c r="N308246" s="10"/>
    </row>
    <row r="308247" spans="14:14">
      <c r="N308247" s="10"/>
    </row>
    <row r="308248" spans="14:14">
      <c r="N308248" s="10"/>
    </row>
    <row r="308249" spans="14:14">
      <c r="N308249" s="10"/>
    </row>
    <row r="308250" spans="14:14">
      <c r="N308250" s="10"/>
    </row>
    <row r="308251" spans="14:14">
      <c r="N308251" s="10"/>
    </row>
    <row r="308252" spans="14:14">
      <c r="N308252" s="10"/>
    </row>
    <row r="308253" spans="14:14">
      <c r="N308253" s="10"/>
    </row>
    <row r="308254" spans="14:14">
      <c r="N308254" s="10"/>
    </row>
    <row r="308255" spans="14:14">
      <c r="N308255" s="10"/>
    </row>
    <row r="308256" spans="14:14">
      <c r="N308256" s="10"/>
    </row>
    <row r="308257" spans="14:14">
      <c r="N308257" s="10"/>
    </row>
    <row r="308258" spans="14:14">
      <c r="N308258" s="10"/>
    </row>
    <row r="308259" spans="14:14">
      <c r="N308259" s="10"/>
    </row>
    <row r="308260" spans="14:14">
      <c r="N308260" s="10"/>
    </row>
    <row r="308261" spans="14:14">
      <c r="N308261" s="10"/>
    </row>
    <row r="308262" spans="14:14">
      <c r="N308262" s="10"/>
    </row>
    <row r="308263" spans="14:14">
      <c r="N308263" s="10"/>
    </row>
    <row r="308264" spans="14:14">
      <c r="N308264" s="10"/>
    </row>
    <row r="308265" spans="14:14">
      <c r="N308265" s="10"/>
    </row>
    <row r="308266" spans="14:14">
      <c r="N308266" s="10"/>
    </row>
    <row r="308267" spans="14:14">
      <c r="N308267" s="10"/>
    </row>
    <row r="308268" spans="14:14">
      <c r="N308268" s="10"/>
    </row>
    <row r="308269" spans="14:14">
      <c r="N308269" s="10"/>
    </row>
    <row r="308270" spans="14:14">
      <c r="N308270" s="10"/>
    </row>
    <row r="308271" spans="14:14">
      <c r="N308271" s="10"/>
    </row>
    <row r="308272" spans="14:14">
      <c r="N308272" s="10"/>
    </row>
    <row r="308273" spans="14:14">
      <c r="N308273" s="10"/>
    </row>
    <row r="308274" spans="14:14">
      <c r="N308274" s="10"/>
    </row>
    <row r="308275" spans="14:14">
      <c r="N308275" s="10"/>
    </row>
    <row r="308276" spans="14:14">
      <c r="N308276" s="10"/>
    </row>
    <row r="308277" spans="14:14">
      <c r="N308277" s="10"/>
    </row>
    <row r="308278" spans="14:14">
      <c r="N308278" s="10"/>
    </row>
    <row r="308279" spans="14:14">
      <c r="N308279" s="10"/>
    </row>
    <row r="308280" spans="14:14">
      <c r="N308280" s="10"/>
    </row>
    <row r="308281" spans="14:14">
      <c r="N308281" s="10"/>
    </row>
    <row r="308282" spans="14:14">
      <c r="N308282" s="10"/>
    </row>
    <row r="308283" spans="14:14">
      <c r="N308283" s="10"/>
    </row>
    <row r="308284" spans="14:14">
      <c r="N308284" s="10"/>
    </row>
    <row r="308285" spans="14:14">
      <c r="N308285" s="10"/>
    </row>
    <row r="308286" spans="14:14">
      <c r="N308286" s="10"/>
    </row>
    <row r="308287" spans="14:14">
      <c r="N308287" s="10"/>
    </row>
    <row r="308288" spans="14:14">
      <c r="N308288" s="10"/>
    </row>
    <row r="308289" spans="14:14">
      <c r="N308289" s="10"/>
    </row>
    <row r="308290" spans="14:14">
      <c r="N308290" s="10"/>
    </row>
    <row r="308291" spans="14:14">
      <c r="N308291" s="10"/>
    </row>
    <row r="308292" spans="14:14">
      <c r="N308292" s="10"/>
    </row>
    <row r="308293" spans="14:14">
      <c r="N308293" s="10"/>
    </row>
    <row r="308294" spans="14:14">
      <c r="N308294" s="10"/>
    </row>
    <row r="308295" spans="14:14">
      <c r="N308295" s="10"/>
    </row>
    <row r="308296" spans="14:14">
      <c r="N308296" s="10"/>
    </row>
    <row r="308297" spans="14:14">
      <c r="N308297" s="10"/>
    </row>
    <row r="308298" spans="14:14">
      <c r="N308298" s="10"/>
    </row>
    <row r="308299" spans="14:14">
      <c r="N308299" s="10"/>
    </row>
    <row r="308300" spans="14:14">
      <c r="N308300" s="10"/>
    </row>
    <row r="308301" spans="14:14">
      <c r="N308301" s="10"/>
    </row>
    <row r="308302" spans="14:14">
      <c r="N308302" s="10"/>
    </row>
    <row r="308303" spans="14:14">
      <c r="N308303" s="10"/>
    </row>
    <row r="308304" spans="14:14">
      <c r="N308304" s="10"/>
    </row>
    <row r="308305" spans="14:14">
      <c r="N308305" s="10"/>
    </row>
    <row r="308306" spans="14:14">
      <c r="N308306" s="10"/>
    </row>
    <row r="308307" spans="14:14">
      <c r="N308307" s="10"/>
    </row>
    <row r="308308" spans="14:14">
      <c r="N308308" s="10"/>
    </row>
    <row r="308309" spans="14:14">
      <c r="N308309" s="10"/>
    </row>
    <row r="308310" spans="14:14">
      <c r="N308310" s="10"/>
    </row>
    <row r="308311" spans="14:14">
      <c r="N308311" s="10"/>
    </row>
    <row r="308312" spans="14:14">
      <c r="N308312" s="10"/>
    </row>
    <row r="308313" spans="14:14">
      <c r="N308313" s="10"/>
    </row>
    <row r="308314" spans="14:14">
      <c r="N308314" s="10"/>
    </row>
    <row r="308315" spans="14:14">
      <c r="N308315" s="10"/>
    </row>
    <row r="308316" spans="14:14">
      <c r="N308316" s="10"/>
    </row>
    <row r="308317" spans="14:14">
      <c r="N308317" s="10"/>
    </row>
    <row r="308318" spans="14:14">
      <c r="N308318" s="10"/>
    </row>
    <row r="308319" spans="14:14">
      <c r="N308319" s="10"/>
    </row>
    <row r="308320" spans="14:14">
      <c r="N308320" s="10"/>
    </row>
    <row r="308321" spans="14:14">
      <c r="N308321" s="10"/>
    </row>
    <row r="308322" spans="14:14">
      <c r="N308322" s="10"/>
    </row>
    <row r="308323" spans="14:14">
      <c r="N308323" s="10"/>
    </row>
    <row r="308324" spans="14:14">
      <c r="N308324" s="10"/>
    </row>
    <row r="308325" spans="14:14">
      <c r="N308325" s="10"/>
    </row>
    <row r="308326" spans="14:14">
      <c r="N308326" s="10"/>
    </row>
    <row r="308327" spans="14:14">
      <c r="N308327" s="10"/>
    </row>
    <row r="308328" spans="14:14">
      <c r="N308328" s="10"/>
    </row>
    <row r="308329" spans="14:14">
      <c r="N308329" s="10"/>
    </row>
    <row r="308330" spans="14:14">
      <c r="N308330" s="10"/>
    </row>
    <row r="308331" spans="14:14">
      <c r="N308331" s="10"/>
    </row>
    <row r="308332" spans="14:14">
      <c r="N308332" s="10"/>
    </row>
    <row r="308333" spans="14:14">
      <c r="N308333" s="10"/>
    </row>
    <row r="308334" spans="14:14">
      <c r="N308334" s="10"/>
    </row>
    <row r="308335" spans="14:14">
      <c r="N308335" s="10"/>
    </row>
    <row r="308336" spans="14:14">
      <c r="N308336" s="10"/>
    </row>
    <row r="308337" spans="14:14">
      <c r="N308337" s="10"/>
    </row>
    <row r="308338" spans="14:14">
      <c r="N308338" s="10"/>
    </row>
    <row r="308339" spans="14:14">
      <c r="N308339" s="10"/>
    </row>
    <row r="308340" spans="14:14">
      <c r="N308340" s="10"/>
    </row>
    <row r="308341" spans="14:14">
      <c r="N308341" s="10"/>
    </row>
    <row r="308342" spans="14:14">
      <c r="N308342" s="10"/>
    </row>
    <row r="308343" spans="14:14">
      <c r="N308343" s="10"/>
    </row>
    <row r="308344" spans="14:14">
      <c r="N308344" s="10"/>
    </row>
    <row r="308345" spans="14:14">
      <c r="N308345" s="10"/>
    </row>
    <row r="308346" spans="14:14">
      <c r="N308346" s="10"/>
    </row>
    <row r="308347" spans="14:14">
      <c r="N308347" s="10"/>
    </row>
    <row r="308348" spans="14:14">
      <c r="N308348" s="10"/>
    </row>
    <row r="308349" spans="14:14">
      <c r="N308349" s="10"/>
    </row>
    <row r="308350" spans="14:14">
      <c r="N308350" s="10"/>
    </row>
    <row r="308351" spans="14:14">
      <c r="N308351" s="10"/>
    </row>
    <row r="308352" spans="14:14">
      <c r="N308352" s="10"/>
    </row>
    <row r="308353" spans="14:14">
      <c r="N308353" s="10"/>
    </row>
    <row r="308354" spans="14:14">
      <c r="N308354" s="10"/>
    </row>
    <row r="308355" spans="14:14">
      <c r="N308355" s="10"/>
    </row>
    <row r="308356" spans="14:14">
      <c r="N308356" s="10"/>
    </row>
    <row r="308357" spans="14:14">
      <c r="N308357" s="10"/>
    </row>
    <row r="308358" spans="14:14">
      <c r="N308358" s="10"/>
    </row>
    <row r="308359" spans="14:14">
      <c r="N308359" s="10"/>
    </row>
    <row r="308360" spans="14:14">
      <c r="N308360" s="10"/>
    </row>
    <row r="308361" spans="14:14">
      <c r="N308361" s="10"/>
    </row>
    <row r="308362" spans="14:14">
      <c r="N308362" s="10"/>
    </row>
    <row r="308363" spans="14:14">
      <c r="N308363" s="10"/>
    </row>
    <row r="308364" spans="14:14">
      <c r="N308364" s="10"/>
    </row>
    <row r="308365" spans="14:14">
      <c r="N308365" s="10"/>
    </row>
    <row r="308366" spans="14:14">
      <c r="N308366" s="10"/>
    </row>
    <row r="308367" spans="14:14">
      <c r="N308367" s="10"/>
    </row>
    <row r="308368" spans="14:14">
      <c r="N308368" s="10"/>
    </row>
    <row r="308369" spans="14:14">
      <c r="N308369" s="10"/>
    </row>
    <row r="308370" spans="14:14">
      <c r="N308370" s="10"/>
    </row>
    <row r="308371" spans="14:14">
      <c r="N308371" s="10"/>
    </row>
    <row r="308372" spans="14:14">
      <c r="N308372" s="10"/>
    </row>
    <row r="308373" spans="14:14">
      <c r="N308373" s="10"/>
    </row>
    <row r="308374" spans="14:14">
      <c r="N308374" s="10"/>
    </row>
    <row r="308375" spans="14:14">
      <c r="N308375" s="10"/>
    </row>
    <row r="308376" spans="14:14">
      <c r="N308376" s="10"/>
    </row>
    <row r="308377" spans="14:14">
      <c r="N308377" s="10"/>
    </row>
    <row r="308378" spans="14:14">
      <c r="N308378" s="10"/>
    </row>
    <row r="308379" spans="14:14">
      <c r="N308379" s="10"/>
    </row>
    <row r="308380" spans="14:14">
      <c r="N308380" s="10"/>
    </row>
    <row r="308381" spans="14:14">
      <c r="N308381" s="10"/>
    </row>
    <row r="308382" spans="14:14">
      <c r="N308382" s="10"/>
    </row>
    <row r="308383" spans="14:14">
      <c r="N308383" s="10"/>
    </row>
    <row r="308384" spans="14:14">
      <c r="N308384" s="10"/>
    </row>
    <row r="308385" spans="14:14">
      <c r="N308385" s="10"/>
    </row>
    <row r="308386" spans="14:14">
      <c r="N308386" s="10"/>
    </row>
    <row r="308387" spans="14:14">
      <c r="N308387" s="10"/>
    </row>
    <row r="308388" spans="14:14">
      <c r="N308388" s="10"/>
    </row>
    <row r="308389" spans="14:14">
      <c r="N308389" s="10"/>
    </row>
    <row r="308390" spans="14:14">
      <c r="N308390" s="10"/>
    </row>
    <row r="308391" spans="14:14">
      <c r="N308391" s="10"/>
    </row>
    <row r="308392" spans="14:14">
      <c r="N308392" s="10"/>
    </row>
    <row r="308393" spans="14:14">
      <c r="N308393" s="10"/>
    </row>
    <row r="308394" spans="14:14">
      <c r="N308394" s="10"/>
    </row>
    <row r="308395" spans="14:14">
      <c r="N308395" s="10"/>
    </row>
    <row r="308396" spans="14:14">
      <c r="N308396" s="10"/>
    </row>
    <row r="308397" spans="14:14">
      <c r="N308397" s="10"/>
    </row>
    <row r="308398" spans="14:14">
      <c r="N308398" s="10"/>
    </row>
    <row r="308399" spans="14:14">
      <c r="N308399" s="10"/>
    </row>
    <row r="308400" spans="14:14">
      <c r="N308400" s="10"/>
    </row>
    <row r="308401" spans="14:14">
      <c r="N308401" s="10"/>
    </row>
    <row r="308402" spans="14:14">
      <c r="N308402" s="10"/>
    </row>
    <row r="308403" spans="14:14">
      <c r="N308403" s="10"/>
    </row>
    <row r="308404" spans="14:14">
      <c r="N308404" s="10"/>
    </row>
    <row r="308405" spans="14:14">
      <c r="N308405" s="10"/>
    </row>
    <row r="308406" spans="14:14">
      <c r="N308406" s="10"/>
    </row>
    <row r="308407" spans="14:14">
      <c r="N308407" s="10"/>
    </row>
    <row r="308408" spans="14:14">
      <c r="N308408" s="10"/>
    </row>
    <row r="308409" spans="14:14">
      <c r="N308409" s="10"/>
    </row>
    <row r="308410" spans="14:14">
      <c r="N308410" s="10"/>
    </row>
    <row r="308411" spans="14:14">
      <c r="N308411" s="10"/>
    </row>
    <row r="308412" spans="14:14">
      <c r="N308412" s="10"/>
    </row>
    <row r="308413" spans="14:14">
      <c r="N308413" s="10"/>
    </row>
    <row r="308414" spans="14:14">
      <c r="N308414" s="10"/>
    </row>
    <row r="308415" spans="14:14">
      <c r="N308415" s="10"/>
    </row>
    <row r="308416" spans="14:14">
      <c r="N308416" s="10"/>
    </row>
    <row r="308417" spans="14:14">
      <c r="N308417" s="10"/>
    </row>
    <row r="308418" spans="14:14">
      <c r="N308418" s="10"/>
    </row>
    <row r="308419" spans="14:14">
      <c r="N308419" s="10"/>
    </row>
    <row r="308420" spans="14:14">
      <c r="N308420" s="10"/>
    </row>
    <row r="308421" spans="14:14">
      <c r="N308421" s="10"/>
    </row>
    <row r="308422" spans="14:14">
      <c r="N308422" s="10"/>
    </row>
    <row r="308423" spans="14:14">
      <c r="N308423" s="10"/>
    </row>
    <row r="308424" spans="14:14">
      <c r="N308424" s="10"/>
    </row>
    <row r="308425" spans="14:14">
      <c r="N308425" s="10"/>
    </row>
    <row r="308426" spans="14:14">
      <c r="N308426" s="10"/>
    </row>
    <row r="308427" spans="14:14">
      <c r="N308427" s="10"/>
    </row>
    <row r="308428" spans="14:14">
      <c r="N308428" s="10"/>
    </row>
    <row r="308429" spans="14:14">
      <c r="N308429" s="10"/>
    </row>
    <row r="308430" spans="14:14">
      <c r="N308430" s="10"/>
    </row>
    <row r="308431" spans="14:14">
      <c r="N308431" s="10"/>
    </row>
    <row r="308432" spans="14:14">
      <c r="N308432" s="10"/>
    </row>
    <row r="308433" spans="14:14">
      <c r="N308433" s="10"/>
    </row>
    <row r="308434" spans="14:14">
      <c r="N308434" s="10"/>
    </row>
    <row r="308435" spans="14:14">
      <c r="N308435" s="10"/>
    </row>
    <row r="308436" spans="14:14">
      <c r="N308436" s="10"/>
    </row>
    <row r="308437" spans="14:14">
      <c r="N308437" s="10"/>
    </row>
    <row r="308438" spans="14:14">
      <c r="N308438" s="10"/>
    </row>
    <row r="308439" spans="14:14">
      <c r="N308439" s="10"/>
    </row>
    <row r="308440" spans="14:14">
      <c r="N308440" s="10"/>
    </row>
    <row r="308441" spans="14:14">
      <c r="N308441" s="10"/>
    </row>
    <row r="308442" spans="14:14">
      <c r="N308442" s="10"/>
    </row>
    <row r="308443" spans="14:14">
      <c r="N308443" s="10"/>
    </row>
    <row r="308444" spans="14:14">
      <c r="N308444" s="10"/>
    </row>
    <row r="308445" spans="14:14">
      <c r="N308445" s="10"/>
    </row>
    <row r="308446" spans="14:14">
      <c r="N308446" s="10"/>
    </row>
    <row r="308447" spans="14:14">
      <c r="N308447" s="10"/>
    </row>
    <row r="308448" spans="14:14">
      <c r="N308448" s="10"/>
    </row>
    <row r="308449" spans="14:14">
      <c r="N308449" s="10"/>
    </row>
    <row r="308450" spans="14:14">
      <c r="N308450" s="10"/>
    </row>
    <row r="308451" spans="14:14">
      <c r="N308451" s="10"/>
    </row>
    <row r="308452" spans="14:14">
      <c r="N308452" s="10"/>
    </row>
    <row r="308453" spans="14:14">
      <c r="N308453" s="10"/>
    </row>
    <row r="308454" spans="14:14">
      <c r="N308454" s="10"/>
    </row>
    <row r="308455" spans="14:14">
      <c r="N308455" s="10"/>
    </row>
    <row r="308456" spans="14:14">
      <c r="N308456" s="10"/>
    </row>
    <row r="308457" spans="14:14">
      <c r="N308457" s="10"/>
    </row>
    <row r="308458" spans="14:14">
      <c r="N308458" s="10"/>
    </row>
    <row r="308459" spans="14:14">
      <c r="N308459" s="10"/>
    </row>
    <row r="308460" spans="14:14">
      <c r="N308460" s="10"/>
    </row>
    <row r="308461" spans="14:14">
      <c r="N308461" s="10"/>
    </row>
    <row r="308462" spans="14:14">
      <c r="N308462" s="10"/>
    </row>
    <row r="308463" spans="14:14">
      <c r="N308463" s="10"/>
    </row>
    <row r="308464" spans="14:14">
      <c r="N308464" s="10"/>
    </row>
    <row r="308465" spans="14:14">
      <c r="N308465" s="10"/>
    </row>
    <row r="308466" spans="14:14">
      <c r="N308466" s="10"/>
    </row>
    <row r="308467" spans="14:14">
      <c r="N308467" s="10"/>
    </row>
    <row r="308468" spans="14:14">
      <c r="N308468" s="10"/>
    </row>
    <row r="308469" spans="14:14">
      <c r="N308469" s="10"/>
    </row>
    <row r="308470" spans="14:14">
      <c r="N308470" s="10"/>
    </row>
    <row r="308471" spans="14:14">
      <c r="N308471" s="10"/>
    </row>
    <row r="308472" spans="14:14">
      <c r="N308472" s="10"/>
    </row>
    <row r="308473" spans="14:14">
      <c r="N308473" s="10"/>
    </row>
    <row r="308474" spans="14:14">
      <c r="N308474" s="10"/>
    </row>
    <row r="308475" spans="14:14">
      <c r="N308475" s="10"/>
    </row>
    <row r="308476" spans="14:14">
      <c r="N308476" s="10"/>
    </row>
    <row r="308477" spans="14:14">
      <c r="N308477" s="10"/>
    </row>
    <row r="308478" spans="14:14">
      <c r="N308478" s="10"/>
    </row>
    <row r="308479" spans="14:14">
      <c r="N308479" s="10"/>
    </row>
    <row r="308480" spans="14:14">
      <c r="N308480" s="10"/>
    </row>
    <row r="308481" spans="14:14">
      <c r="N308481" s="10"/>
    </row>
    <row r="308482" spans="14:14">
      <c r="N308482" s="10"/>
    </row>
    <row r="308483" spans="14:14">
      <c r="N308483" s="10"/>
    </row>
    <row r="308484" spans="14:14">
      <c r="N308484" s="10"/>
    </row>
    <row r="308485" spans="14:14">
      <c r="N308485" s="10"/>
    </row>
    <row r="308486" spans="14:14">
      <c r="N308486" s="10"/>
    </row>
    <row r="308487" spans="14:14">
      <c r="N308487" s="10"/>
    </row>
    <row r="308488" spans="14:14">
      <c r="N308488" s="10"/>
    </row>
    <row r="308489" spans="14:14">
      <c r="N308489" s="10"/>
    </row>
    <row r="308490" spans="14:14">
      <c r="N308490" s="10"/>
    </row>
    <row r="308491" spans="14:14">
      <c r="N308491" s="10"/>
    </row>
    <row r="308492" spans="14:14">
      <c r="N308492" s="10"/>
    </row>
    <row r="308493" spans="14:14">
      <c r="N308493" s="10"/>
    </row>
    <row r="308494" spans="14:14">
      <c r="N308494" s="10"/>
    </row>
    <row r="308495" spans="14:14">
      <c r="N308495" s="10"/>
    </row>
    <row r="308496" spans="14:14">
      <c r="N308496" s="10"/>
    </row>
    <row r="308497" spans="14:14">
      <c r="N308497" s="10"/>
    </row>
    <row r="308498" spans="14:14">
      <c r="N308498" s="10"/>
    </row>
    <row r="308499" spans="14:14">
      <c r="N308499" s="10"/>
    </row>
    <row r="308500" spans="14:14">
      <c r="N308500" s="10"/>
    </row>
    <row r="308501" spans="14:14">
      <c r="N308501" s="10"/>
    </row>
    <row r="308502" spans="14:14">
      <c r="N308502" s="10"/>
    </row>
    <row r="308503" spans="14:14">
      <c r="N308503" s="10"/>
    </row>
    <row r="308504" spans="14:14">
      <c r="N308504" s="10"/>
    </row>
    <row r="308505" spans="14:14">
      <c r="N308505" s="10"/>
    </row>
    <row r="308506" spans="14:14">
      <c r="N308506" s="10"/>
    </row>
    <row r="308507" spans="14:14">
      <c r="N308507" s="10"/>
    </row>
    <row r="308508" spans="14:14">
      <c r="N308508" s="10"/>
    </row>
    <row r="308509" spans="14:14">
      <c r="N308509" s="10"/>
    </row>
    <row r="308510" spans="14:14">
      <c r="N308510" s="10"/>
    </row>
    <row r="308511" spans="14:14">
      <c r="N308511" s="10"/>
    </row>
    <row r="308512" spans="14:14">
      <c r="N308512" s="10"/>
    </row>
    <row r="308513" spans="14:14">
      <c r="N308513" s="10"/>
    </row>
    <row r="308514" spans="14:14">
      <c r="N308514" s="10"/>
    </row>
    <row r="308515" spans="14:14">
      <c r="N308515" s="10"/>
    </row>
    <row r="308516" spans="14:14">
      <c r="N308516" s="10"/>
    </row>
    <row r="308517" spans="14:14">
      <c r="N308517" s="10"/>
    </row>
    <row r="308518" spans="14:14">
      <c r="N308518" s="10"/>
    </row>
    <row r="308519" spans="14:14">
      <c r="N308519" s="10"/>
    </row>
    <row r="308520" spans="14:14">
      <c r="N308520" s="10"/>
    </row>
    <row r="308521" spans="14:14">
      <c r="N308521" s="10"/>
    </row>
    <row r="308522" spans="14:14">
      <c r="N308522" s="10"/>
    </row>
    <row r="308523" spans="14:14">
      <c r="N308523" s="10"/>
    </row>
    <row r="308524" spans="14:14">
      <c r="N308524" s="10"/>
    </row>
    <row r="308525" spans="14:14">
      <c r="N308525" s="10"/>
    </row>
    <row r="308526" spans="14:14">
      <c r="N308526" s="10"/>
    </row>
    <row r="308527" spans="14:14">
      <c r="N308527" s="10"/>
    </row>
    <row r="308528" spans="14:14">
      <c r="N308528" s="10"/>
    </row>
    <row r="308529" spans="14:14">
      <c r="N308529" s="10"/>
    </row>
    <row r="308530" spans="14:14">
      <c r="N308530" s="10"/>
    </row>
    <row r="308531" spans="14:14">
      <c r="N308531" s="10"/>
    </row>
    <row r="308532" spans="14:14">
      <c r="N308532" s="10"/>
    </row>
    <row r="308533" spans="14:14">
      <c r="N308533" s="10"/>
    </row>
    <row r="308534" spans="14:14">
      <c r="N308534" s="10"/>
    </row>
    <row r="308535" spans="14:14">
      <c r="N308535" s="10"/>
    </row>
    <row r="308536" spans="14:14">
      <c r="N308536" s="10"/>
    </row>
    <row r="308537" spans="14:14">
      <c r="N308537" s="10"/>
    </row>
    <row r="308538" spans="14:14">
      <c r="N308538" s="10"/>
    </row>
    <row r="308539" spans="14:14">
      <c r="N308539" s="10"/>
    </row>
    <row r="308540" spans="14:14">
      <c r="N308540" s="10"/>
    </row>
    <row r="308541" spans="14:14">
      <c r="N308541" s="10"/>
    </row>
    <row r="308542" spans="14:14">
      <c r="N308542" s="10"/>
    </row>
    <row r="308543" spans="14:14">
      <c r="N308543" s="10"/>
    </row>
    <row r="308544" spans="14:14">
      <c r="N308544" s="10"/>
    </row>
    <row r="308545" spans="14:14">
      <c r="N308545" s="10"/>
    </row>
    <row r="308546" spans="14:14">
      <c r="N308546" s="10"/>
    </row>
    <row r="308547" spans="14:14">
      <c r="N308547" s="10"/>
    </row>
    <row r="308548" spans="14:14">
      <c r="N308548" s="10"/>
    </row>
    <row r="308549" spans="14:14">
      <c r="N308549" s="10"/>
    </row>
    <row r="308550" spans="14:14">
      <c r="N308550" s="10"/>
    </row>
    <row r="308551" spans="14:14">
      <c r="N308551" s="10"/>
    </row>
    <row r="308552" spans="14:14">
      <c r="N308552" s="10"/>
    </row>
    <row r="308553" spans="14:14">
      <c r="N308553" s="10"/>
    </row>
    <row r="308554" spans="14:14">
      <c r="N308554" s="10"/>
    </row>
    <row r="308555" spans="14:14">
      <c r="N308555" s="10"/>
    </row>
    <row r="308556" spans="14:14">
      <c r="N308556" s="10"/>
    </row>
    <row r="308557" spans="14:14">
      <c r="N308557" s="10"/>
    </row>
    <row r="308558" spans="14:14">
      <c r="N308558" s="10"/>
    </row>
    <row r="308559" spans="14:14">
      <c r="N308559" s="10"/>
    </row>
    <row r="308560" spans="14:14">
      <c r="N308560" s="10"/>
    </row>
    <row r="308561" spans="14:14">
      <c r="N308561" s="10"/>
    </row>
    <row r="308562" spans="14:14">
      <c r="N308562" s="10"/>
    </row>
    <row r="308563" spans="14:14">
      <c r="N308563" s="10"/>
    </row>
    <row r="308564" spans="14:14">
      <c r="N308564" s="10"/>
    </row>
    <row r="308565" spans="14:14">
      <c r="N308565" s="10"/>
    </row>
    <row r="308566" spans="14:14">
      <c r="N308566" s="10"/>
    </row>
    <row r="308567" spans="14:14">
      <c r="N308567" s="10"/>
    </row>
    <row r="308568" spans="14:14">
      <c r="N308568" s="10"/>
    </row>
    <row r="308569" spans="14:14">
      <c r="N308569" s="10"/>
    </row>
    <row r="308570" spans="14:14">
      <c r="N308570" s="10"/>
    </row>
    <row r="308571" spans="14:14">
      <c r="N308571" s="10"/>
    </row>
    <row r="308572" spans="14:14">
      <c r="N308572" s="10"/>
    </row>
    <row r="308573" spans="14:14">
      <c r="N308573" s="10"/>
    </row>
    <row r="308574" spans="14:14">
      <c r="N308574" s="10"/>
    </row>
    <row r="308575" spans="14:14">
      <c r="N308575" s="10"/>
    </row>
    <row r="308576" spans="14:14">
      <c r="N308576" s="10"/>
    </row>
    <row r="308577" spans="14:14">
      <c r="N308577" s="10"/>
    </row>
    <row r="308578" spans="14:14">
      <c r="N308578" s="10"/>
    </row>
    <row r="308579" spans="14:14">
      <c r="N308579" s="10"/>
    </row>
    <row r="308580" spans="14:14">
      <c r="N308580" s="10"/>
    </row>
    <row r="308581" spans="14:14">
      <c r="N308581" s="10"/>
    </row>
    <row r="308582" spans="14:14">
      <c r="N308582" s="10"/>
    </row>
    <row r="308583" spans="14:14">
      <c r="N308583" s="10"/>
    </row>
    <row r="308584" spans="14:14">
      <c r="N308584" s="10"/>
    </row>
    <row r="308585" spans="14:14">
      <c r="N308585" s="10"/>
    </row>
    <row r="308586" spans="14:14">
      <c r="N308586" s="10"/>
    </row>
    <row r="308587" spans="14:14">
      <c r="N308587" s="10"/>
    </row>
    <row r="308588" spans="14:14">
      <c r="N308588" s="10"/>
    </row>
    <row r="308589" spans="14:14">
      <c r="N308589" s="10"/>
    </row>
    <row r="308590" spans="14:14">
      <c r="N308590" s="10"/>
    </row>
    <row r="308591" spans="14:14">
      <c r="N308591" s="10"/>
    </row>
    <row r="308592" spans="14:14">
      <c r="N308592" s="10"/>
    </row>
    <row r="308593" spans="14:14">
      <c r="N308593" s="10"/>
    </row>
    <row r="308594" spans="14:14">
      <c r="N308594" s="10"/>
    </row>
    <row r="308595" spans="14:14">
      <c r="N308595" s="10"/>
    </row>
    <row r="308596" spans="14:14">
      <c r="N308596" s="10"/>
    </row>
    <row r="308597" spans="14:14">
      <c r="N308597" s="10"/>
    </row>
    <row r="308598" spans="14:14">
      <c r="N308598" s="10"/>
    </row>
    <row r="308599" spans="14:14">
      <c r="N308599" s="10"/>
    </row>
    <row r="308600" spans="14:14">
      <c r="N308600" s="10"/>
    </row>
    <row r="308601" spans="14:14">
      <c r="N308601" s="10"/>
    </row>
    <row r="308602" spans="14:14">
      <c r="N308602" s="10"/>
    </row>
    <row r="308603" spans="14:14">
      <c r="N308603" s="10"/>
    </row>
    <row r="308604" spans="14:14">
      <c r="N308604" s="10"/>
    </row>
    <row r="308605" spans="14:14">
      <c r="N308605" s="10"/>
    </row>
    <row r="308606" spans="14:14">
      <c r="N308606" s="10"/>
    </row>
    <row r="308607" spans="14:14">
      <c r="N308607" s="10"/>
    </row>
    <row r="308608" spans="14:14">
      <c r="N308608" s="10"/>
    </row>
    <row r="308609" spans="14:14">
      <c r="N308609" s="10"/>
    </row>
    <row r="308610" spans="14:14">
      <c r="N308610" s="10"/>
    </row>
    <row r="308611" spans="14:14">
      <c r="N308611" s="10"/>
    </row>
    <row r="308612" spans="14:14">
      <c r="N308612" s="10"/>
    </row>
    <row r="308613" spans="14:14">
      <c r="N308613" s="10"/>
    </row>
    <row r="308614" spans="14:14">
      <c r="N308614" s="10"/>
    </row>
    <row r="308615" spans="14:14">
      <c r="N308615" s="10"/>
    </row>
    <row r="308616" spans="14:14">
      <c r="N308616" s="10"/>
    </row>
    <row r="308617" spans="14:14">
      <c r="N308617" s="10"/>
    </row>
    <row r="308618" spans="14:14">
      <c r="N308618" s="10"/>
    </row>
    <row r="308619" spans="14:14">
      <c r="N308619" s="10"/>
    </row>
    <row r="308620" spans="14:14">
      <c r="N308620" s="10"/>
    </row>
    <row r="308621" spans="14:14">
      <c r="N308621" s="10"/>
    </row>
    <row r="308622" spans="14:14">
      <c r="N308622" s="10"/>
    </row>
    <row r="308623" spans="14:14">
      <c r="N308623" s="10"/>
    </row>
    <row r="308624" spans="14:14">
      <c r="N308624" s="10"/>
    </row>
    <row r="308625" spans="14:14">
      <c r="N308625" s="10"/>
    </row>
    <row r="308626" spans="14:14">
      <c r="N308626" s="10"/>
    </row>
    <row r="308627" spans="14:14">
      <c r="N308627" s="10"/>
    </row>
    <row r="308628" spans="14:14">
      <c r="N308628" s="10"/>
    </row>
    <row r="308629" spans="14:14">
      <c r="N308629" s="10"/>
    </row>
    <row r="308630" spans="14:14">
      <c r="N308630" s="10"/>
    </row>
    <row r="308631" spans="14:14">
      <c r="N308631" s="10"/>
    </row>
    <row r="308632" spans="14:14">
      <c r="N308632" s="10"/>
    </row>
    <row r="308633" spans="14:14">
      <c r="N308633" s="10"/>
    </row>
    <row r="308634" spans="14:14">
      <c r="N308634" s="10"/>
    </row>
    <row r="308635" spans="14:14">
      <c r="N308635" s="10"/>
    </row>
    <row r="308636" spans="14:14">
      <c r="N308636" s="10"/>
    </row>
    <row r="308637" spans="14:14">
      <c r="N308637" s="10"/>
    </row>
    <row r="308638" spans="14:14">
      <c r="N308638" s="10"/>
    </row>
    <row r="308639" spans="14:14">
      <c r="N308639" s="10"/>
    </row>
    <row r="308640" spans="14:14">
      <c r="N308640" s="10"/>
    </row>
    <row r="308641" spans="14:14">
      <c r="N308641" s="10"/>
    </row>
    <row r="308642" spans="14:14">
      <c r="N308642" s="10"/>
    </row>
    <row r="308643" spans="14:14">
      <c r="N308643" s="10"/>
    </row>
    <row r="308644" spans="14:14">
      <c r="N308644" s="10"/>
    </row>
    <row r="308645" spans="14:14">
      <c r="N308645" s="10"/>
    </row>
    <row r="308646" spans="14:14">
      <c r="N308646" s="10"/>
    </row>
    <row r="308647" spans="14:14">
      <c r="N308647" s="10"/>
    </row>
    <row r="308648" spans="14:14">
      <c r="N308648" s="10"/>
    </row>
    <row r="308649" spans="14:14">
      <c r="N308649" s="10"/>
    </row>
    <row r="308650" spans="14:14">
      <c r="N308650" s="10"/>
    </row>
    <row r="308651" spans="14:14">
      <c r="N308651" s="10"/>
    </row>
    <row r="308652" spans="14:14">
      <c r="N308652" s="10"/>
    </row>
    <row r="308653" spans="14:14">
      <c r="N308653" s="10"/>
    </row>
    <row r="308654" spans="14:14">
      <c r="N308654" s="10"/>
    </row>
    <row r="308655" spans="14:14">
      <c r="N308655" s="10"/>
    </row>
    <row r="308656" spans="14:14">
      <c r="N308656" s="10"/>
    </row>
    <row r="308657" spans="14:14">
      <c r="N308657" s="10"/>
    </row>
    <row r="308658" spans="14:14">
      <c r="N308658" s="10"/>
    </row>
    <row r="308659" spans="14:14">
      <c r="N308659" s="10"/>
    </row>
    <row r="308660" spans="14:14">
      <c r="N308660" s="10"/>
    </row>
    <row r="308661" spans="14:14">
      <c r="N308661" s="10"/>
    </row>
    <row r="308662" spans="14:14">
      <c r="N308662" s="10"/>
    </row>
    <row r="308663" spans="14:14">
      <c r="N308663" s="10"/>
    </row>
    <row r="308664" spans="14:14">
      <c r="N308664" s="10"/>
    </row>
    <row r="308665" spans="14:14">
      <c r="N308665" s="10"/>
    </row>
    <row r="308666" spans="14:14">
      <c r="N308666" s="10"/>
    </row>
    <row r="308667" spans="14:14">
      <c r="N308667" s="10"/>
    </row>
    <row r="308668" spans="14:14">
      <c r="N308668" s="10"/>
    </row>
    <row r="308669" spans="14:14">
      <c r="N308669" s="10"/>
    </row>
    <row r="308670" spans="14:14">
      <c r="N308670" s="10"/>
    </row>
    <row r="308671" spans="14:14">
      <c r="N308671" s="10"/>
    </row>
    <row r="308672" spans="14:14">
      <c r="N308672" s="10"/>
    </row>
    <row r="308673" spans="14:14">
      <c r="N308673" s="10"/>
    </row>
    <row r="308674" spans="14:14">
      <c r="N308674" s="10"/>
    </row>
    <row r="308675" spans="14:14">
      <c r="N308675" s="10"/>
    </row>
    <row r="308676" spans="14:14">
      <c r="N308676" s="10"/>
    </row>
    <row r="308677" spans="14:14">
      <c r="N308677" s="10"/>
    </row>
    <row r="308678" spans="14:14">
      <c r="N308678" s="10"/>
    </row>
    <row r="308679" spans="14:14">
      <c r="N308679" s="10"/>
    </row>
    <row r="308680" spans="14:14">
      <c r="N308680" s="10"/>
    </row>
    <row r="308681" spans="14:14">
      <c r="N308681" s="10"/>
    </row>
    <row r="308682" spans="14:14">
      <c r="N308682" s="10"/>
    </row>
    <row r="308683" spans="14:14">
      <c r="N308683" s="10"/>
    </row>
    <row r="308684" spans="14:14">
      <c r="N308684" s="10"/>
    </row>
    <row r="308685" spans="14:14">
      <c r="N308685" s="10"/>
    </row>
    <row r="308686" spans="14:14">
      <c r="N308686" s="10"/>
    </row>
    <row r="308687" spans="14:14">
      <c r="N308687" s="10"/>
    </row>
    <row r="308688" spans="14:14">
      <c r="N308688" s="10"/>
    </row>
    <row r="308689" spans="14:14">
      <c r="N308689" s="10"/>
    </row>
    <row r="308690" spans="14:14">
      <c r="N308690" s="10"/>
    </row>
    <row r="308691" spans="14:14">
      <c r="N308691" s="10"/>
    </row>
    <row r="308692" spans="14:14">
      <c r="N308692" s="10"/>
    </row>
    <row r="308693" spans="14:14">
      <c r="N308693" s="10"/>
    </row>
    <row r="308694" spans="14:14">
      <c r="N308694" s="10"/>
    </row>
    <row r="308695" spans="14:14">
      <c r="N308695" s="10"/>
    </row>
    <row r="308696" spans="14:14">
      <c r="N308696" s="10"/>
    </row>
    <row r="308697" spans="14:14">
      <c r="N308697" s="10"/>
    </row>
    <row r="308698" spans="14:14">
      <c r="N308698" s="10"/>
    </row>
    <row r="308699" spans="14:14">
      <c r="N308699" s="10"/>
    </row>
    <row r="308700" spans="14:14">
      <c r="N308700" s="10"/>
    </row>
    <row r="308701" spans="14:14">
      <c r="N308701" s="10"/>
    </row>
    <row r="308702" spans="14:14">
      <c r="N308702" s="10"/>
    </row>
    <row r="308703" spans="14:14">
      <c r="N308703" s="10"/>
    </row>
    <row r="308704" spans="14:14">
      <c r="N308704" s="10"/>
    </row>
    <row r="308705" spans="14:14">
      <c r="N308705" s="10"/>
    </row>
    <row r="308706" spans="14:14">
      <c r="N308706" s="10"/>
    </row>
    <row r="308707" spans="14:14">
      <c r="N308707" s="10"/>
    </row>
    <row r="308708" spans="14:14">
      <c r="N308708" s="10"/>
    </row>
    <row r="308709" spans="14:14">
      <c r="N308709" s="10"/>
    </row>
    <row r="308710" spans="14:14">
      <c r="N308710" s="10"/>
    </row>
    <row r="308711" spans="14:14">
      <c r="N308711" s="10"/>
    </row>
    <row r="308712" spans="14:14">
      <c r="N308712" s="10"/>
    </row>
    <row r="308713" spans="14:14">
      <c r="N308713" s="10"/>
    </row>
    <row r="308714" spans="14:14">
      <c r="N308714" s="10"/>
    </row>
    <row r="308715" spans="14:14">
      <c r="N308715" s="10"/>
    </row>
    <row r="308716" spans="14:14">
      <c r="N308716" s="10"/>
    </row>
    <row r="308717" spans="14:14">
      <c r="N308717" s="10"/>
    </row>
    <row r="308718" spans="14:14">
      <c r="N308718" s="10"/>
    </row>
    <row r="308719" spans="14:14">
      <c r="N308719" s="10"/>
    </row>
    <row r="308720" spans="14:14">
      <c r="N308720" s="10"/>
    </row>
    <row r="308721" spans="14:14">
      <c r="N308721" s="10"/>
    </row>
    <row r="308722" spans="14:14">
      <c r="N308722" s="10"/>
    </row>
    <row r="308723" spans="14:14">
      <c r="N308723" s="10"/>
    </row>
    <row r="308724" spans="14:14">
      <c r="N308724" s="10"/>
    </row>
    <row r="308725" spans="14:14">
      <c r="N308725" s="10"/>
    </row>
    <row r="308726" spans="14:14">
      <c r="N308726" s="10"/>
    </row>
    <row r="308727" spans="14:14">
      <c r="N308727" s="10"/>
    </row>
    <row r="308728" spans="14:14">
      <c r="N308728" s="10"/>
    </row>
    <row r="308729" spans="14:14">
      <c r="N308729" s="10"/>
    </row>
    <row r="308730" spans="14:14">
      <c r="N308730" s="10"/>
    </row>
    <row r="308731" spans="14:14">
      <c r="N308731" s="10"/>
    </row>
    <row r="308732" spans="14:14">
      <c r="N308732" s="10"/>
    </row>
    <row r="308733" spans="14:14">
      <c r="N308733" s="10"/>
    </row>
    <row r="308734" spans="14:14">
      <c r="N308734" s="10"/>
    </row>
    <row r="308735" spans="14:14">
      <c r="N308735" s="10"/>
    </row>
    <row r="308736" spans="14:14">
      <c r="N308736" s="10"/>
    </row>
    <row r="308737" spans="14:14">
      <c r="N308737" s="10"/>
    </row>
    <row r="308738" spans="14:14">
      <c r="N308738" s="10"/>
    </row>
    <row r="308739" spans="14:14">
      <c r="N308739" s="10"/>
    </row>
    <row r="308740" spans="14:14">
      <c r="N308740" s="10"/>
    </row>
    <row r="308741" spans="14:14">
      <c r="N308741" s="10"/>
    </row>
    <row r="308742" spans="14:14">
      <c r="N308742" s="10"/>
    </row>
    <row r="308743" spans="14:14">
      <c r="N308743" s="10"/>
    </row>
    <row r="308744" spans="14:14">
      <c r="N308744" s="10"/>
    </row>
    <row r="308745" spans="14:14">
      <c r="N308745" s="10"/>
    </row>
    <row r="308746" spans="14:14">
      <c r="N308746" s="10"/>
    </row>
    <row r="308747" spans="14:14">
      <c r="N308747" s="10"/>
    </row>
    <row r="308748" spans="14:14">
      <c r="N308748" s="10"/>
    </row>
    <row r="308749" spans="14:14">
      <c r="N308749" s="10"/>
    </row>
    <row r="308750" spans="14:14">
      <c r="N308750" s="10"/>
    </row>
    <row r="308751" spans="14:14">
      <c r="N308751" s="10"/>
    </row>
    <row r="308752" spans="14:14">
      <c r="N308752" s="10"/>
    </row>
    <row r="308753" spans="14:14">
      <c r="N308753" s="10"/>
    </row>
    <row r="308754" spans="14:14">
      <c r="N308754" s="10"/>
    </row>
    <row r="308755" spans="14:14">
      <c r="N308755" s="10"/>
    </row>
    <row r="308756" spans="14:14">
      <c r="N308756" s="10"/>
    </row>
    <row r="308757" spans="14:14">
      <c r="N308757" s="10"/>
    </row>
    <row r="308758" spans="14:14">
      <c r="N308758" s="10"/>
    </row>
    <row r="308759" spans="14:14">
      <c r="N308759" s="10"/>
    </row>
    <row r="308760" spans="14:14">
      <c r="N308760" s="10"/>
    </row>
    <row r="308761" spans="14:14">
      <c r="N308761" s="10"/>
    </row>
    <row r="308762" spans="14:14">
      <c r="N308762" s="10"/>
    </row>
    <row r="308763" spans="14:14">
      <c r="N308763" s="10"/>
    </row>
    <row r="308764" spans="14:14">
      <c r="N308764" s="10"/>
    </row>
    <row r="308765" spans="14:14">
      <c r="N308765" s="10"/>
    </row>
    <row r="308766" spans="14:14">
      <c r="N308766" s="10"/>
    </row>
    <row r="308767" spans="14:14">
      <c r="N308767" s="10"/>
    </row>
    <row r="308768" spans="14:14">
      <c r="N308768" s="10"/>
    </row>
    <row r="308769" spans="14:14">
      <c r="N308769" s="10"/>
    </row>
    <row r="308770" spans="14:14">
      <c r="N308770" s="10"/>
    </row>
    <row r="308771" spans="14:14">
      <c r="N308771" s="10"/>
    </row>
    <row r="308772" spans="14:14">
      <c r="N308772" s="10"/>
    </row>
    <row r="308773" spans="14:14">
      <c r="N308773" s="10"/>
    </row>
    <row r="308774" spans="14:14">
      <c r="N308774" s="10"/>
    </row>
    <row r="308775" spans="14:14">
      <c r="N308775" s="10"/>
    </row>
    <row r="308776" spans="14:14">
      <c r="N308776" s="10"/>
    </row>
    <row r="308777" spans="14:14">
      <c r="N308777" s="10"/>
    </row>
    <row r="308778" spans="14:14">
      <c r="N308778" s="10"/>
    </row>
    <row r="308779" spans="14:14">
      <c r="N308779" s="10"/>
    </row>
    <row r="308780" spans="14:14">
      <c r="N308780" s="10"/>
    </row>
    <row r="308781" spans="14:14">
      <c r="N308781" s="10"/>
    </row>
    <row r="308782" spans="14:14">
      <c r="N308782" s="10"/>
    </row>
    <row r="308783" spans="14:14">
      <c r="N308783" s="10"/>
    </row>
    <row r="308784" spans="14:14">
      <c r="N308784" s="10"/>
    </row>
    <row r="308785" spans="14:14">
      <c r="N308785" s="10"/>
    </row>
    <row r="308786" spans="14:14">
      <c r="N308786" s="10"/>
    </row>
    <row r="308787" spans="14:14">
      <c r="N308787" s="10"/>
    </row>
    <row r="308788" spans="14:14">
      <c r="N308788" s="10"/>
    </row>
    <row r="308789" spans="14:14">
      <c r="N308789" s="10"/>
    </row>
    <row r="308790" spans="14:14">
      <c r="N308790" s="10"/>
    </row>
    <row r="308791" spans="14:14">
      <c r="N308791" s="10"/>
    </row>
    <row r="308792" spans="14:14">
      <c r="N308792" s="10"/>
    </row>
    <row r="308793" spans="14:14">
      <c r="N308793" s="10"/>
    </row>
    <row r="308794" spans="14:14">
      <c r="N308794" s="10"/>
    </row>
    <row r="308795" spans="14:14">
      <c r="N308795" s="10"/>
    </row>
    <row r="308796" spans="14:14">
      <c r="N308796" s="10"/>
    </row>
    <row r="308797" spans="14:14">
      <c r="N308797" s="10"/>
    </row>
    <row r="308798" spans="14:14">
      <c r="N308798" s="10"/>
    </row>
    <row r="308799" spans="14:14">
      <c r="N308799" s="10"/>
    </row>
    <row r="308800" spans="14:14">
      <c r="N308800" s="10"/>
    </row>
    <row r="308801" spans="14:14">
      <c r="N308801" s="10"/>
    </row>
    <row r="308802" spans="14:14">
      <c r="N308802" s="10"/>
    </row>
    <row r="308803" spans="14:14">
      <c r="N308803" s="10"/>
    </row>
    <row r="308804" spans="14:14">
      <c r="N308804" s="10"/>
    </row>
    <row r="308805" spans="14:14">
      <c r="N308805" s="10"/>
    </row>
    <row r="308806" spans="14:14">
      <c r="N308806" s="10"/>
    </row>
    <row r="308807" spans="14:14">
      <c r="N308807" s="10"/>
    </row>
    <row r="308808" spans="14:14">
      <c r="N308808" s="10"/>
    </row>
    <row r="308809" spans="14:14">
      <c r="N308809" s="10"/>
    </row>
    <row r="308810" spans="14:14">
      <c r="N308810" s="10"/>
    </row>
    <row r="308811" spans="14:14">
      <c r="N308811" s="10"/>
    </row>
    <row r="308812" spans="14:14">
      <c r="N308812" s="10"/>
    </row>
    <row r="308813" spans="14:14">
      <c r="N308813" s="10"/>
    </row>
    <row r="308814" spans="14:14">
      <c r="N308814" s="10"/>
    </row>
    <row r="308815" spans="14:14">
      <c r="N308815" s="10"/>
    </row>
    <row r="308816" spans="14:14">
      <c r="N308816" s="10"/>
    </row>
    <row r="308817" spans="14:14">
      <c r="N308817" s="10"/>
    </row>
    <row r="308818" spans="14:14">
      <c r="N308818" s="10"/>
    </row>
    <row r="308819" spans="14:14">
      <c r="N308819" s="10"/>
    </row>
    <row r="308820" spans="14:14">
      <c r="N308820" s="10"/>
    </row>
    <row r="308821" spans="14:14">
      <c r="N308821" s="10"/>
    </row>
    <row r="308822" spans="14:14">
      <c r="N308822" s="10"/>
    </row>
    <row r="308823" spans="14:14">
      <c r="N308823" s="10"/>
    </row>
    <row r="308824" spans="14:14">
      <c r="N308824" s="10"/>
    </row>
    <row r="308825" spans="14:14">
      <c r="N308825" s="10"/>
    </row>
    <row r="308826" spans="14:14">
      <c r="N308826" s="10"/>
    </row>
    <row r="308827" spans="14:14">
      <c r="N308827" s="10"/>
    </row>
    <row r="308828" spans="14:14">
      <c r="N308828" s="10"/>
    </row>
    <row r="308829" spans="14:14">
      <c r="N308829" s="10"/>
    </row>
    <row r="308830" spans="14:14">
      <c r="N308830" s="10"/>
    </row>
    <row r="308831" spans="14:14">
      <c r="N308831" s="10"/>
    </row>
    <row r="308832" spans="14:14">
      <c r="N308832" s="10"/>
    </row>
    <row r="308833" spans="14:14">
      <c r="N308833" s="10"/>
    </row>
    <row r="308834" spans="14:14">
      <c r="N308834" s="10"/>
    </row>
    <row r="308835" spans="14:14">
      <c r="N308835" s="10"/>
    </row>
    <row r="308836" spans="14:14">
      <c r="N308836" s="10"/>
    </row>
    <row r="308837" spans="14:14">
      <c r="N308837" s="10"/>
    </row>
    <row r="308838" spans="14:14">
      <c r="N308838" s="10"/>
    </row>
    <row r="308839" spans="14:14">
      <c r="N308839" s="10"/>
    </row>
    <row r="308840" spans="14:14">
      <c r="N308840" s="10"/>
    </row>
    <row r="308841" spans="14:14">
      <c r="N308841" s="10"/>
    </row>
    <row r="308842" spans="14:14">
      <c r="N308842" s="10"/>
    </row>
    <row r="308843" spans="14:14">
      <c r="N308843" s="10"/>
    </row>
    <row r="308844" spans="14:14">
      <c r="N308844" s="10"/>
    </row>
    <row r="308845" spans="14:14">
      <c r="N308845" s="10"/>
    </row>
    <row r="308846" spans="14:14">
      <c r="N308846" s="10"/>
    </row>
    <row r="308847" spans="14:14">
      <c r="N308847" s="10"/>
    </row>
    <row r="308848" spans="14:14">
      <c r="N308848" s="10"/>
    </row>
    <row r="308849" spans="14:14">
      <c r="N308849" s="10"/>
    </row>
    <row r="308850" spans="14:14">
      <c r="N308850" s="10"/>
    </row>
    <row r="308851" spans="14:14">
      <c r="N308851" s="10"/>
    </row>
    <row r="308852" spans="14:14">
      <c r="N308852" s="10"/>
    </row>
    <row r="308853" spans="14:14">
      <c r="N308853" s="10"/>
    </row>
    <row r="308854" spans="14:14">
      <c r="N308854" s="10"/>
    </row>
    <row r="308855" spans="14:14">
      <c r="N308855" s="10"/>
    </row>
    <row r="308856" spans="14:14">
      <c r="N308856" s="10"/>
    </row>
    <row r="308857" spans="14:14">
      <c r="N308857" s="10"/>
    </row>
    <row r="308858" spans="14:14">
      <c r="N308858" s="10"/>
    </row>
    <row r="308859" spans="14:14">
      <c r="N308859" s="10"/>
    </row>
    <row r="308860" spans="14:14">
      <c r="N308860" s="10"/>
    </row>
    <row r="308861" spans="14:14">
      <c r="N308861" s="10"/>
    </row>
    <row r="308862" spans="14:14">
      <c r="N308862" s="10"/>
    </row>
    <row r="308863" spans="14:14">
      <c r="N308863" s="10"/>
    </row>
    <row r="308864" spans="14:14">
      <c r="N308864" s="10"/>
    </row>
    <row r="308865" spans="14:14">
      <c r="N308865" s="10"/>
    </row>
    <row r="308866" spans="14:14">
      <c r="N308866" s="10"/>
    </row>
    <row r="308867" spans="14:14">
      <c r="N308867" s="10"/>
    </row>
    <row r="308868" spans="14:14">
      <c r="N308868" s="10"/>
    </row>
    <row r="308869" spans="14:14">
      <c r="N308869" s="10"/>
    </row>
    <row r="308870" spans="14:14">
      <c r="N308870" s="10"/>
    </row>
    <row r="308871" spans="14:14">
      <c r="N308871" s="10"/>
    </row>
    <row r="308872" spans="14:14">
      <c r="N308872" s="10"/>
    </row>
    <row r="308873" spans="14:14">
      <c r="N308873" s="10"/>
    </row>
    <row r="308874" spans="14:14">
      <c r="N308874" s="10"/>
    </row>
    <row r="308875" spans="14:14">
      <c r="N308875" s="10"/>
    </row>
    <row r="308876" spans="14:14">
      <c r="N308876" s="10"/>
    </row>
    <row r="308877" spans="14:14">
      <c r="N308877" s="10"/>
    </row>
    <row r="308878" spans="14:14">
      <c r="N308878" s="10"/>
    </row>
    <row r="308879" spans="14:14">
      <c r="N308879" s="10"/>
    </row>
    <row r="308880" spans="14:14">
      <c r="N308880" s="10"/>
    </row>
    <row r="308881" spans="14:14">
      <c r="N308881" s="10"/>
    </row>
    <row r="308882" spans="14:14">
      <c r="N308882" s="10"/>
    </row>
    <row r="308883" spans="14:14">
      <c r="N308883" s="10"/>
    </row>
    <row r="308884" spans="14:14">
      <c r="N308884" s="10"/>
    </row>
    <row r="308885" spans="14:14">
      <c r="N308885" s="10"/>
    </row>
    <row r="308886" spans="14:14">
      <c r="N308886" s="10"/>
    </row>
    <row r="308887" spans="14:14">
      <c r="N308887" s="10"/>
    </row>
    <row r="308888" spans="14:14">
      <c r="N308888" s="10"/>
    </row>
    <row r="308889" spans="14:14">
      <c r="N308889" s="10"/>
    </row>
    <row r="308890" spans="14:14">
      <c r="N308890" s="10"/>
    </row>
    <row r="308891" spans="14:14">
      <c r="N308891" s="10"/>
    </row>
    <row r="308892" spans="14:14">
      <c r="N308892" s="10"/>
    </row>
    <row r="308893" spans="14:14">
      <c r="N308893" s="10"/>
    </row>
    <row r="308894" spans="14:14">
      <c r="N308894" s="10"/>
    </row>
    <row r="308895" spans="14:14">
      <c r="N308895" s="10"/>
    </row>
    <row r="308896" spans="14:14">
      <c r="N308896" s="10"/>
    </row>
    <row r="308897" spans="14:14">
      <c r="N308897" s="10"/>
    </row>
    <row r="308898" spans="14:14">
      <c r="N308898" s="10"/>
    </row>
    <row r="308899" spans="14:14">
      <c r="N308899" s="10"/>
    </row>
    <row r="308900" spans="14:14">
      <c r="N308900" s="10"/>
    </row>
    <row r="308901" spans="14:14">
      <c r="N308901" s="10"/>
    </row>
    <row r="308902" spans="14:14">
      <c r="N308902" s="10"/>
    </row>
    <row r="308903" spans="14:14">
      <c r="N308903" s="10"/>
    </row>
    <row r="308904" spans="14:14">
      <c r="N308904" s="10"/>
    </row>
    <row r="308905" spans="14:14">
      <c r="N308905" s="10"/>
    </row>
    <row r="308906" spans="14:14">
      <c r="N308906" s="10"/>
    </row>
    <row r="308907" spans="14:14">
      <c r="N308907" s="10"/>
    </row>
    <row r="308908" spans="14:14">
      <c r="N308908" s="10"/>
    </row>
    <row r="308909" spans="14:14">
      <c r="N308909" s="10"/>
    </row>
    <row r="308910" spans="14:14">
      <c r="N308910" s="10"/>
    </row>
    <row r="308911" spans="14:14">
      <c r="N308911" s="10"/>
    </row>
    <row r="308912" spans="14:14">
      <c r="N308912" s="10"/>
    </row>
    <row r="308913" spans="14:14">
      <c r="N308913" s="10"/>
    </row>
    <row r="308914" spans="14:14">
      <c r="N308914" s="10"/>
    </row>
    <row r="308915" spans="14:14">
      <c r="N308915" s="10"/>
    </row>
    <row r="308916" spans="14:14">
      <c r="N308916" s="10"/>
    </row>
    <row r="308917" spans="14:14">
      <c r="N308917" s="10"/>
    </row>
    <row r="308918" spans="14:14">
      <c r="N308918" s="10"/>
    </row>
    <row r="308919" spans="14:14">
      <c r="N308919" s="10"/>
    </row>
    <row r="308920" spans="14:14">
      <c r="N308920" s="10"/>
    </row>
    <row r="308921" spans="14:14">
      <c r="N308921" s="10"/>
    </row>
    <row r="308922" spans="14:14">
      <c r="N308922" s="10"/>
    </row>
    <row r="308923" spans="14:14">
      <c r="N308923" s="10"/>
    </row>
    <row r="308924" spans="14:14">
      <c r="N308924" s="10"/>
    </row>
    <row r="308925" spans="14:14">
      <c r="N308925" s="10"/>
    </row>
    <row r="308926" spans="14:14">
      <c r="N308926" s="10"/>
    </row>
    <row r="308927" spans="14:14">
      <c r="N308927" s="10"/>
    </row>
    <row r="308928" spans="14:14">
      <c r="N308928" s="10"/>
    </row>
    <row r="308929" spans="14:14">
      <c r="N308929" s="10"/>
    </row>
    <row r="308930" spans="14:14">
      <c r="N308930" s="10"/>
    </row>
    <row r="308931" spans="14:14">
      <c r="N308931" s="10"/>
    </row>
    <row r="308932" spans="14:14">
      <c r="N308932" s="10"/>
    </row>
    <row r="308933" spans="14:14">
      <c r="N308933" s="10"/>
    </row>
    <row r="308934" spans="14:14">
      <c r="N308934" s="10"/>
    </row>
    <row r="308935" spans="14:14">
      <c r="N308935" s="10"/>
    </row>
    <row r="308936" spans="14:14">
      <c r="N308936" s="10"/>
    </row>
    <row r="308937" spans="14:14">
      <c r="N308937" s="10"/>
    </row>
    <row r="308938" spans="14:14">
      <c r="N308938" s="10"/>
    </row>
    <row r="308939" spans="14:14">
      <c r="N308939" s="10"/>
    </row>
    <row r="308940" spans="14:14">
      <c r="N308940" s="10"/>
    </row>
    <row r="308941" spans="14:14">
      <c r="N308941" s="10"/>
    </row>
    <row r="308942" spans="14:14">
      <c r="N308942" s="10"/>
    </row>
    <row r="308943" spans="14:14">
      <c r="N308943" s="10"/>
    </row>
    <row r="308944" spans="14:14">
      <c r="N308944" s="10"/>
    </row>
    <row r="308945" spans="14:14">
      <c r="N308945" s="10"/>
    </row>
    <row r="308946" spans="14:14">
      <c r="N308946" s="10"/>
    </row>
    <row r="308947" spans="14:14">
      <c r="N308947" s="10"/>
    </row>
    <row r="308948" spans="14:14">
      <c r="N308948" s="10"/>
    </row>
    <row r="308949" spans="14:14">
      <c r="N308949" s="10"/>
    </row>
    <row r="308950" spans="14:14">
      <c r="N308950" s="10"/>
    </row>
    <row r="308951" spans="14:14">
      <c r="N308951" s="10"/>
    </row>
    <row r="308952" spans="14:14">
      <c r="N308952" s="10"/>
    </row>
    <row r="308953" spans="14:14">
      <c r="N308953" s="10"/>
    </row>
    <row r="308954" spans="14:14">
      <c r="N308954" s="10"/>
    </row>
    <row r="308955" spans="14:14">
      <c r="N308955" s="10"/>
    </row>
    <row r="308956" spans="14:14">
      <c r="N308956" s="10"/>
    </row>
    <row r="308957" spans="14:14">
      <c r="N308957" s="10"/>
    </row>
    <row r="308958" spans="14:14">
      <c r="N308958" s="10"/>
    </row>
    <row r="308959" spans="14:14">
      <c r="N308959" s="10"/>
    </row>
    <row r="308960" spans="14:14">
      <c r="N308960" s="10"/>
    </row>
    <row r="308961" spans="14:14">
      <c r="N308961" s="10"/>
    </row>
    <row r="308962" spans="14:14">
      <c r="N308962" s="10"/>
    </row>
    <row r="308963" spans="14:14">
      <c r="N308963" s="10"/>
    </row>
    <row r="308964" spans="14:14">
      <c r="N308964" s="10"/>
    </row>
    <row r="308965" spans="14:14">
      <c r="N308965" s="10"/>
    </row>
    <row r="308966" spans="14:14">
      <c r="N308966" s="10"/>
    </row>
    <row r="308967" spans="14:14">
      <c r="N308967" s="10"/>
    </row>
    <row r="308968" spans="14:14">
      <c r="N308968" s="10"/>
    </row>
    <row r="308969" spans="14:14">
      <c r="N308969" s="10"/>
    </row>
    <row r="308970" spans="14:14">
      <c r="N308970" s="10"/>
    </row>
    <row r="308971" spans="14:14">
      <c r="N308971" s="10"/>
    </row>
    <row r="308972" spans="14:14">
      <c r="N308972" s="10"/>
    </row>
    <row r="308973" spans="14:14">
      <c r="N308973" s="10"/>
    </row>
    <row r="308974" spans="14:14">
      <c r="N308974" s="10"/>
    </row>
    <row r="308975" spans="14:14">
      <c r="N308975" s="10"/>
    </row>
    <row r="308976" spans="14:14">
      <c r="N308976" s="10"/>
    </row>
    <row r="308977" spans="14:14">
      <c r="N308977" s="10"/>
    </row>
    <row r="308978" spans="14:14">
      <c r="N308978" s="10"/>
    </row>
    <row r="308979" spans="14:14">
      <c r="N308979" s="10"/>
    </row>
    <row r="308980" spans="14:14">
      <c r="N308980" s="10"/>
    </row>
    <row r="308981" spans="14:14">
      <c r="N308981" s="10"/>
    </row>
    <row r="308982" spans="14:14">
      <c r="N308982" s="10"/>
    </row>
    <row r="308983" spans="14:14">
      <c r="N308983" s="10"/>
    </row>
    <row r="308984" spans="14:14">
      <c r="N308984" s="10"/>
    </row>
    <row r="308985" spans="14:14">
      <c r="N308985" s="10"/>
    </row>
    <row r="308986" spans="14:14">
      <c r="N308986" s="10"/>
    </row>
    <row r="308987" spans="14:14">
      <c r="N308987" s="10"/>
    </row>
    <row r="308988" spans="14:14">
      <c r="N308988" s="10"/>
    </row>
    <row r="308989" spans="14:14">
      <c r="N308989" s="10"/>
    </row>
    <row r="308990" spans="14:14">
      <c r="N308990" s="10"/>
    </row>
    <row r="308991" spans="14:14">
      <c r="N308991" s="10"/>
    </row>
    <row r="308992" spans="14:14">
      <c r="N308992" s="10"/>
    </row>
    <row r="308993" spans="14:14">
      <c r="N308993" s="10"/>
    </row>
    <row r="308994" spans="14:14">
      <c r="N308994" s="10"/>
    </row>
    <row r="308995" spans="14:14">
      <c r="N308995" s="10"/>
    </row>
    <row r="308996" spans="14:14">
      <c r="N308996" s="10"/>
    </row>
    <row r="308997" spans="14:14">
      <c r="N308997" s="10"/>
    </row>
    <row r="308998" spans="14:14">
      <c r="N308998" s="10"/>
    </row>
    <row r="308999" spans="14:14">
      <c r="N308999" s="10"/>
    </row>
    <row r="309000" spans="14:14">
      <c r="N309000" s="10"/>
    </row>
    <row r="309001" spans="14:14">
      <c r="N309001" s="10"/>
    </row>
    <row r="309002" spans="14:14">
      <c r="N309002" s="10"/>
    </row>
    <row r="309003" spans="14:14">
      <c r="N309003" s="10"/>
    </row>
    <row r="309004" spans="14:14">
      <c r="N309004" s="10"/>
    </row>
    <row r="309005" spans="14:14">
      <c r="N309005" s="10"/>
    </row>
    <row r="309006" spans="14:14">
      <c r="N309006" s="10"/>
    </row>
    <row r="309007" spans="14:14">
      <c r="N309007" s="10"/>
    </row>
    <row r="309008" spans="14:14">
      <c r="N309008" s="10"/>
    </row>
    <row r="309009" spans="14:14">
      <c r="N309009" s="10"/>
    </row>
    <row r="309010" spans="14:14">
      <c r="N309010" s="10"/>
    </row>
    <row r="309011" spans="14:14">
      <c r="N309011" s="10"/>
    </row>
    <row r="309012" spans="14:14">
      <c r="N309012" s="10"/>
    </row>
    <row r="309013" spans="14:14">
      <c r="N309013" s="10"/>
    </row>
    <row r="309014" spans="14:14">
      <c r="N309014" s="10"/>
    </row>
    <row r="309015" spans="14:14">
      <c r="N309015" s="10"/>
    </row>
    <row r="309016" spans="14:14">
      <c r="N309016" s="10"/>
    </row>
    <row r="309017" spans="14:14">
      <c r="N309017" s="10"/>
    </row>
    <row r="309018" spans="14:14">
      <c r="N309018" s="10"/>
    </row>
    <row r="309019" spans="14:14">
      <c r="N309019" s="10"/>
    </row>
    <row r="309020" spans="14:14">
      <c r="N309020" s="10"/>
    </row>
    <row r="309021" spans="14:14">
      <c r="N309021" s="10"/>
    </row>
    <row r="309022" spans="14:14">
      <c r="N309022" s="10"/>
    </row>
    <row r="309023" spans="14:14">
      <c r="N309023" s="10"/>
    </row>
    <row r="309024" spans="14:14">
      <c r="N309024" s="10"/>
    </row>
    <row r="309025" spans="14:14">
      <c r="N309025" s="10"/>
    </row>
    <row r="309026" spans="14:14">
      <c r="N309026" s="10"/>
    </row>
    <row r="309027" spans="14:14">
      <c r="N309027" s="10"/>
    </row>
    <row r="309028" spans="14:14">
      <c r="N309028" s="10"/>
    </row>
    <row r="309029" spans="14:14">
      <c r="N309029" s="10"/>
    </row>
    <row r="309030" spans="14:14">
      <c r="N309030" s="10"/>
    </row>
    <row r="309031" spans="14:14">
      <c r="N309031" s="10"/>
    </row>
    <row r="309032" spans="14:14">
      <c r="N309032" s="10"/>
    </row>
    <row r="309033" spans="14:14">
      <c r="N309033" s="10"/>
    </row>
    <row r="309034" spans="14:14">
      <c r="N309034" s="10"/>
    </row>
    <row r="309035" spans="14:14">
      <c r="N309035" s="10"/>
    </row>
    <row r="309036" spans="14:14">
      <c r="N309036" s="10"/>
    </row>
    <row r="309037" spans="14:14">
      <c r="N309037" s="10"/>
    </row>
    <row r="309038" spans="14:14">
      <c r="N309038" s="10"/>
    </row>
    <row r="309039" spans="14:14">
      <c r="N309039" s="10"/>
    </row>
    <row r="309040" spans="14:14">
      <c r="N309040" s="10"/>
    </row>
    <row r="309041" spans="14:14">
      <c r="N309041" s="10"/>
    </row>
    <row r="309042" spans="14:14">
      <c r="N309042" s="10"/>
    </row>
    <row r="309043" spans="14:14">
      <c r="N309043" s="10"/>
    </row>
    <row r="309044" spans="14:14">
      <c r="N309044" s="10"/>
    </row>
    <row r="309045" spans="14:14">
      <c r="N309045" s="10"/>
    </row>
    <row r="309046" spans="14:14">
      <c r="N309046" s="10"/>
    </row>
    <row r="309047" spans="14:14">
      <c r="N309047" s="10"/>
    </row>
    <row r="309048" spans="14:14">
      <c r="N309048" s="10"/>
    </row>
    <row r="309049" spans="14:14">
      <c r="N309049" s="10"/>
    </row>
    <row r="309050" spans="14:14">
      <c r="N309050" s="10"/>
    </row>
    <row r="309051" spans="14:14">
      <c r="N309051" s="10"/>
    </row>
    <row r="309052" spans="14:14">
      <c r="N309052" s="10"/>
    </row>
    <row r="309053" spans="14:14">
      <c r="N309053" s="10"/>
    </row>
    <row r="309054" spans="14:14">
      <c r="N309054" s="10"/>
    </row>
    <row r="309055" spans="14:14">
      <c r="N309055" s="10"/>
    </row>
    <row r="309056" spans="14:14">
      <c r="N309056" s="10"/>
    </row>
    <row r="309057" spans="14:14">
      <c r="N309057" s="10"/>
    </row>
    <row r="309058" spans="14:14">
      <c r="N309058" s="10"/>
    </row>
    <row r="309059" spans="14:14">
      <c r="N309059" s="10"/>
    </row>
    <row r="309060" spans="14:14">
      <c r="N309060" s="10"/>
    </row>
    <row r="309061" spans="14:14">
      <c r="N309061" s="10"/>
    </row>
    <row r="309062" spans="14:14">
      <c r="N309062" s="10"/>
    </row>
    <row r="309063" spans="14:14">
      <c r="N309063" s="10"/>
    </row>
    <row r="309064" spans="14:14">
      <c r="N309064" s="10"/>
    </row>
    <row r="309065" spans="14:14">
      <c r="N309065" s="10"/>
    </row>
    <row r="309066" spans="14:14">
      <c r="N309066" s="10"/>
    </row>
    <row r="309067" spans="14:14">
      <c r="N309067" s="10"/>
    </row>
    <row r="309068" spans="14:14">
      <c r="N309068" s="10"/>
    </row>
    <row r="309069" spans="14:14">
      <c r="N309069" s="10"/>
    </row>
    <row r="309070" spans="14:14">
      <c r="N309070" s="10"/>
    </row>
    <row r="309071" spans="14:14">
      <c r="N309071" s="10"/>
    </row>
    <row r="309072" spans="14:14">
      <c r="N309072" s="10"/>
    </row>
    <row r="309073" spans="14:14">
      <c r="N309073" s="10"/>
    </row>
    <row r="309074" spans="14:14">
      <c r="N309074" s="10"/>
    </row>
    <row r="309075" spans="14:14">
      <c r="N309075" s="10"/>
    </row>
    <row r="309076" spans="14:14">
      <c r="N309076" s="10"/>
    </row>
    <row r="309077" spans="14:14">
      <c r="N309077" s="10"/>
    </row>
    <row r="309078" spans="14:14">
      <c r="N309078" s="10"/>
    </row>
    <row r="309079" spans="14:14">
      <c r="N309079" s="10"/>
    </row>
    <row r="309080" spans="14:14">
      <c r="N309080" s="10"/>
    </row>
    <row r="309081" spans="14:14">
      <c r="N309081" s="10"/>
    </row>
    <row r="309082" spans="14:14">
      <c r="N309082" s="10"/>
    </row>
    <row r="309083" spans="14:14">
      <c r="N309083" s="10"/>
    </row>
    <row r="309084" spans="14:14">
      <c r="N309084" s="10"/>
    </row>
    <row r="309085" spans="14:14">
      <c r="N309085" s="10"/>
    </row>
    <row r="309086" spans="14:14">
      <c r="N309086" s="10"/>
    </row>
    <row r="309087" spans="14:14">
      <c r="N309087" s="10"/>
    </row>
    <row r="309088" spans="14:14">
      <c r="N309088" s="10"/>
    </row>
    <row r="309089" spans="14:14">
      <c r="N309089" s="10"/>
    </row>
    <row r="309090" spans="14:14">
      <c r="N309090" s="10"/>
    </row>
    <row r="309091" spans="14:14">
      <c r="N309091" s="10"/>
    </row>
    <row r="309092" spans="14:14">
      <c r="N309092" s="10"/>
    </row>
    <row r="309093" spans="14:14">
      <c r="N309093" s="10"/>
    </row>
    <row r="309094" spans="14:14">
      <c r="N309094" s="10"/>
    </row>
    <row r="309095" spans="14:14">
      <c r="N309095" s="10"/>
    </row>
    <row r="309096" spans="14:14">
      <c r="N309096" s="10"/>
    </row>
    <row r="309097" spans="14:14">
      <c r="N309097" s="10"/>
    </row>
    <row r="309098" spans="14:14">
      <c r="N309098" s="10"/>
    </row>
    <row r="309099" spans="14:14">
      <c r="N309099" s="10"/>
    </row>
    <row r="309100" spans="14:14">
      <c r="N309100" s="10"/>
    </row>
    <row r="309101" spans="14:14">
      <c r="N309101" s="10"/>
    </row>
    <row r="309102" spans="14:14">
      <c r="N309102" s="10"/>
    </row>
    <row r="309103" spans="14:14">
      <c r="N309103" s="10"/>
    </row>
    <row r="309104" spans="14:14">
      <c r="N309104" s="10"/>
    </row>
    <row r="309105" spans="14:14">
      <c r="N309105" s="10"/>
    </row>
    <row r="309106" spans="14:14">
      <c r="N309106" s="10"/>
    </row>
    <row r="309107" spans="14:14">
      <c r="N309107" s="10"/>
    </row>
    <row r="309108" spans="14:14">
      <c r="N309108" s="10"/>
    </row>
    <row r="309109" spans="14:14">
      <c r="N309109" s="10"/>
    </row>
    <row r="309110" spans="14:14">
      <c r="N309110" s="10"/>
    </row>
    <row r="309111" spans="14:14">
      <c r="N309111" s="10"/>
    </row>
    <row r="309112" spans="14:14">
      <c r="N309112" s="10"/>
    </row>
    <row r="309113" spans="14:14">
      <c r="N309113" s="10"/>
    </row>
    <row r="309114" spans="14:14">
      <c r="N309114" s="10"/>
    </row>
    <row r="309115" spans="14:14">
      <c r="N309115" s="10"/>
    </row>
    <row r="309116" spans="14:14">
      <c r="N309116" s="10"/>
    </row>
    <row r="309117" spans="14:14">
      <c r="N309117" s="10"/>
    </row>
    <row r="309118" spans="14:14">
      <c r="N309118" s="10"/>
    </row>
    <row r="309119" spans="14:14">
      <c r="N309119" s="10"/>
    </row>
    <row r="309120" spans="14:14">
      <c r="N309120" s="10"/>
    </row>
    <row r="309121" spans="14:14">
      <c r="N309121" s="10"/>
    </row>
    <row r="309122" spans="14:14">
      <c r="N309122" s="10"/>
    </row>
    <row r="309123" spans="14:14">
      <c r="N309123" s="10"/>
    </row>
    <row r="309124" spans="14:14">
      <c r="N309124" s="10"/>
    </row>
    <row r="309125" spans="14:14">
      <c r="N309125" s="10"/>
    </row>
    <row r="309126" spans="14:14">
      <c r="N309126" s="10"/>
    </row>
    <row r="309127" spans="14:14">
      <c r="N309127" s="10"/>
    </row>
    <row r="309128" spans="14:14">
      <c r="N309128" s="10"/>
    </row>
    <row r="309129" spans="14:14">
      <c r="N309129" s="10"/>
    </row>
    <row r="309130" spans="14:14">
      <c r="N309130" s="10"/>
    </row>
    <row r="309131" spans="14:14">
      <c r="N309131" s="10"/>
    </row>
    <row r="309132" spans="14:14">
      <c r="N309132" s="10"/>
    </row>
    <row r="309133" spans="14:14">
      <c r="N309133" s="10"/>
    </row>
    <row r="309134" spans="14:14">
      <c r="N309134" s="10"/>
    </row>
    <row r="309135" spans="14:14">
      <c r="N309135" s="10"/>
    </row>
    <row r="309136" spans="14:14">
      <c r="N309136" s="10"/>
    </row>
    <row r="309137" spans="14:14">
      <c r="N309137" s="10"/>
    </row>
    <row r="309138" spans="14:14">
      <c r="N309138" s="10"/>
    </row>
    <row r="309139" spans="14:14">
      <c r="N309139" s="10"/>
    </row>
    <row r="309140" spans="14:14">
      <c r="N309140" s="10"/>
    </row>
    <row r="309141" spans="14:14">
      <c r="N309141" s="10"/>
    </row>
    <row r="309142" spans="14:14">
      <c r="N309142" s="10"/>
    </row>
    <row r="309143" spans="14:14">
      <c r="N309143" s="10"/>
    </row>
    <row r="309144" spans="14:14">
      <c r="N309144" s="10"/>
    </row>
    <row r="309145" spans="14:14">
      <c r="N309145" s="10"/>
    </row>
    <row r="309146" spans="14:14">
      <c r="N309146" s="10"/>
    </row>
    <row r="309147" spans="14:14">
      <c r="N309147" s="10"/>
    </row>
    <row r="309148" spans="14:14">
      <c r="N309148" s="10"/>
    </row>
    <row r="309149" spans="14:14">
      <c r="N309149" s="10"/>
    </row>
    <row r="309150" spans="14:14">
      <c r="N309150" s="10"/>
    </row>
    <row r="309151" spans="14:14">
      <c r="N309151" s="10"/>
    </row>
    <row r="309152" spans="14:14">
      <c r="N309152" s="10"/>
    </row>
    <row r="309153" spans="14:14">
      <c r="N309153" s="10"/>
    </row>
    <row r="309154" spans="14:14">
      <c r="N309154" s="10"/>
    </row>
    <row r="309155" spans="14:14">
      <c r="N309155" s="10"/>
    </row>
    <row r="309156" spans="14:14">
      <c r="N309156" s="10"/>
    </row>
    <row r="309157" spans="14:14">
      <c r="N309157" s="10"/>
    </row>
    <row r="309158" spans="14:14">
      <c r="N309158" s="10"/>
    </row>
    <row r="309159" spans="14:14">
      <c r="N309159" s="10"/>
    </row>
    <row r="309160" spans="14:14">
      <c r="N309160" s="10"/>
    </row>
    <row r="309161" spans="14:14">
      <c r="N309161" s="10"/>
    </row>
    <row r="309162" spans="14:14">
      <c r="N309162" s="10"/>
    </row>
    <row r="309163" spans="14:14">
      <c r="N309163" s="10"/>
    </row>
    <row r="309164" spans="14:14">
      <c r="N309164" s="10"/>
    </row>
    <row r="309165" spans="14:14">
      <c r="N309165" s="10"/>
    </row>
    <row r="309166" spans="14:14">
      <c r="N309166" s="10"/>
    </row>
    <row r="309167" spans="14:14">
      <c r="N309167" s="10"/>
    </row>
    <row r="309168" spans="14:14">
      <c r="N309168" s="10"/>
    </row>
    <row r="309169" spans="14:14">
      <c r="N309169" s="10"/>
    </row>
    <row r="309170" spans="14:14">
      <c r="N309170" s="10"/>
    </row>
    <row r="309171" spans="14:14">
      <c r="N309171" s="10"/>
    </row>
    <row r="309172" spans="14:14">
      <c r="N309172" s="10"/>
    </row>
    <row r="309173" spans="14:14">
      <c r="N309173" s="10"/>
    </row>
    <row r="309174" spans="14:14">
      <c r="N309174" s="10"/>
    </row>
    <row r="309175" spans="14:14">
      <c r="N309175" s="10"/>
    </row>
    <row r="309176" spans="14:14">
      <c r="N309176" s="10"/>
    </row>
    <row r="309177" spans="14:14">
      <c r="N309177" s="10"/>
    </row>
    <row r="309178" spans="14:14">
      <c r="N309178" s="10"/>
    </row>
    <row r="309179" spans="14:14">
      <c r="N309179" s="10"/>
    </row>
    <row r="309180" spans="14:14">
      <c r="N309180" s="10"/>
    </row>
    <row r="309181" spans="14:14">
      <c r="N309181" s="10"/>
    </row>
    <row r="309182" spans="14:14">
      <c r="N309182" s="10"/>
    </row>
    <row r="309183" spans="14:14">
      <c r="N309183" s="10"/>
    </row>
    <row r="309184" spans="14:14">
      <c r="N309184" s="10"/>
    </row>
    <row r="309185" spans="14:14">
      <c r="N309185" s="10"/>
    </row>
    <row r="309186" spans="14:14">
      <c r="N309186" s="10"/>
    </row>
    <row r="309187" spans="14:14">
      <c r="N309187" s="10"/>
    </row>
    <row r="309188" spans="14:14">
      <c r="N309188" s="10"/>
    </row>
    <row r="309189" spans="14:14">
      <c r="N309189" s="10"/>
    </row>
    <row r="309190" spans="14:14">
      <c r="N309190" s="10"/>
    </row>
    <row r="309191" spans="14:14">
      <c r="N309191" s="10"/>
    </row>
    <row r="309192" spans="14:14">
      <c r="N309192" s="10"/>
    </row>
    <row r="309193" spans="14:14">
      <c r="N309193" s="10"/>
    </row>
    <row r="309194" spans="14:14">
      <c r="N309194" s="10"/>
    </row>
    <row r="309195" spans="14:14">
      <c r="N309195" s="10"/>
    </row>
    <row r="309196" spans="14:14">
      <c r="N309196" s="10"/>
    </row>
    <row r="309197" spans="14:14">
      <c r="N309197" s="10"/>
    </row>
    <row r="309198" spans="14:14">
      <c r="N309198" s="10"/>
    </row>
    <row r="309199" spans="14:14">
      <c r="N309199" s="10"/>
    </row>
    <row r="309200" spans="14:14">
      <c r="N309200" s="10"/>
    </row>
    <row r="309201" spans="14:14">
      <c r="N309201" s="10"/>
    </row>
    <row r="309202" spans="14:14">
      <c r="N309202" s="10"/>
    </row>
    <row r="309203" spans="14:14">
      <c r="N309203" s="10"/>
    </row>
    <row r="309204" spans="14:14">
      <c r="N309204" s="10"/>
    </row>
    <row r="309205" spans="14:14">
      <c r="N309205" s="10"/>
    </row>
    <row r="309206" spans="14:14">
      <c r="N309206" s="10"/>
    </row>
    <row r="309207" spans="14:14">
      <c r="N309207" s="10"/>
    </row>
    <row r="309208" spans="14:14">
      <c r="N309208" s="10"/>
    </row>
    <row r="309209" spans="14:14">
      <c r="N309209" s="10"/>
    </row>
    <row r="309210" spans="14:14">
      <c r="N309210" s="10"/>
    </row>
    <row r="309211" spans="14:14">
      <c r="N309211" s="10"/>
    </row>
    <row r="309212" spans="14:14">
      <c r="N309212" s="10"/>
    </row>
    <row r="309213" spans="14:14">
      <c r="N309213" s="10"/>
    </row>
    <row r="309214" spans="14:14">
      <c r="N309214" s="10"/>
    </row>
    <row r="309215" spans="14:14">
      <c r="N309215" s="10"/>
    </row>
    <row r="309216" spans="14:14">
      <c r="N309216" s="10"/>
    </row>
    <row r="309217" spans="14:14">
      <c r="N309217" s="10"/>
    </row>
    <row r="309218" spans="14:14">
      <c r="N309218" s="10"/>
    </row>
    <row r="309219" spans="14:14">
      <c r="N309219" s="10"/>
    </row>
    <row r="309220" spans="14:14">
      <c r="N309220" s="10"/>
    </row>
    <row r="309221" spans="14:14">
      <c r="N309221" s="10"/>
    </row>
    <row r="309222" spans="14:14">
      <c r="N309222" s="10"/>
    </row>
    <row r="309223" spans="14:14">
      <c r="N309223" s="10"/>
    </row>
    <row r="309224" spans="14:14">
      <c r="N309224" s="10"/>
    </row>
    <row r="309225" spans="14:14">
      <c r="N309225" s="10"/>
    </row>
    <row r="309226" spans="14:14">
      <c r="N309226" s="10"/>
    </row>
    <row r="309227" spans="14:14">
      <c r="N309227" s="10"/>
    </row>
    <row r="309228" spans="14:14">
      <c r="N309228" s="10"/>
    </row>
    <row r="309229" spans="14:14">
      <c r="N309229" s="10"/>
    </row>
    <row r="309230" spans="14:14">
      <c r="N309230" s="10"/>
    </row>
    <row r="309231" spans="14:14">
      <c r="N309231" s="10"/>
    </row>
    <row r="309232" spans="14:14">
      <c r="N309232" s="10"/>
    </row>
    <row r="309233" spans="14:14">
      <c r="N309233" s="10"/>
    </row>
    <row r="309234" spans="14:14">
      <c r="N309234" s="10"/>
    </row>
    <row r="309235" spans="14:14">
      <c r="N309235" s="10"/>
    </row>
    <row r="309236" spans="14:14">
      <c r="N309236" s="10"/>
    </row>
    <row r="309237" spans="14:14">
      <c r="N309237" s="10"/>
    </row>
    <row r="309238" spans="14:14">
      <c r="N309238" s="10"/>
    </row>
    <row r="309239" spans="14:14">
      <c r="N309239" s="10"/>
    </row>
    <row r="309240" spans="14:14">
      <c r="N309240" s="10"/>
    </row>
    <row r="309241" spans="14:14">
      <c r="N309241" s="10"/>
    </row>
    <row r="309242" spans="14:14">
      <c r="N309242" s="10"/>
    </row>
    <row r="309243" spans="14:14">
      <c r="N309243" s="10"/>
    </row>
    <row r="309244" spans="14:14">
      <c r="N309244" s="10"/>
    </row>
    <row r="309245" spans="14:14">
      <c r="N309245" s="10"/>
    </row>
    <row r="309246" spans="14:14">
      <c r="N309246" s="10"/>
    </row>
    <row r="309247" spans="14:14">
      <c r="N309247" s="10"/>
    </row>
    <row r="309248" spans="14:14">
      <c r="N309248" s="10"/>
    </row>
    <row r="309249" spans="14:14">
      <c r="N309249" s="10"/>
    </row>
    <row r="309250" spans="14:14">
      <c r="N309250" s="10"/>
    </row>
    <row r="309251" spans="14:14">
      <c r="N309251" s="10"/>
    </row>
    <row r="309252" spans="14:14">
      <c r="N309252" s="10"/>
    </row>
    <row r="309253" spans="14:14">
      <c r="N309253" s="10"/>
    </row>
    <row r="309254" spans="14:14">
      <c r="N309254" s="10"/>
    </row>
    <row r="309255" spans="14:14">
      <c r="N309255" s="10"/>
    </row>
    <row r="309256" spans="14:14">
      <c r="N309256" s="10"/>
    </row>
    <row r="309257" spans="14:14">
      <c r="N309257" s="10"/>
    </row>
    <row r="309258" spans="14:14">
      <c r="N309258" s="10"/>
    </row>
    <row r="309259" spans="14:14">
      <c r="N309259" s="10"/>
    </row>
    <row r="309260" spans="14:14">
      <c r="N309260" s="10"/>
    </row>
    <row r="309261" spans="14:14">
      <c r="N309261" s="10"/>
    </row>
    <row r="309262" spans="14:14">
      <c r="N309262" s="10"/>
    </row>
    <row r="309263" spans="14:14">
      <c r="N309263" s="10"/>
    </row>
    <row r="309264" spans="14:14">
      <c r="N309264" s="10"/>
    </row>
    <row r="309265" spans="14:14">
      <c r="N309265" s="10"/>
    </row>
    <row r="309266" spans="14:14">
      <c r="N309266" s="10"/>
    </row>
    <row r="309267" spans="14:14">
      <c r="N309267" s="10"/>
    </row>
    <row r="309268" spans="14:14">
      <c r="N309268" s="10"/>
    </row>
    <row r="309269" spans="14:14">
      <c r="N309269" s="10"/>
    </row>
    <row r="309270" spans="14:14">
      <c r="N309270" s="10"/>
    </row>
    <row r="309271" spans="14:14">
      <c r="N309271" s="10"/>
    </row>
    <row r="309272" spans="14:14">
      <c r="N309272" s="10"/>
    </row>
    <row r="309273" spans="14:14">
      <c r="N309273" s="10"/>
    </row>
    <row r="309274" spans="14:14">
      <c r="N309274" s="10"/>
    </row>
    <row r="309275" spans="14:14">
      <c r="N309275" s="10"/>
    </row>
    <row r="309276" spans="14:14">
      <c r="N309276" s="10"/>
    </row>
    <row r="309277" spans="14:14">
      <c r="N309277" s="10"/>
    </row>
    <row r="309278" spans="14:14">
      <c r="N309278" s="10"/>
    </row>
    <row r="309279" spans="14:14">
      <c r="N309279" s="10"/>
    </row>
    <row r="309280" spans="14:14">
      <c r="N309280" s="10"/>
    </row>
    <row r="309281" spans="14:14">
      <c r="N309281" s="10"/>
    </row>
    <row r="309282" spans="14:14">
      <c r="N309282" s="10"/>
    </row>
    <row r="309283" spans="14:14">
      <c r="N309283" s="10"/>
    </row>
    <row r="309284" spans="14:14">
      <c r="N309284" s="10"/>
    </row>
    <row r="309285" spans="14:14">
      <c r="N309285" s="10"/>
    </row>
    <row r="309286" spans="14:14">
      <c r="N309286" s="10"/>
    </row>
    <row r="309287" spans="14:14">
      <c r="N309287" s="10"/>
    </row>
    <row r="309288" spans="14:14">
      <c r="N309288" s="10"/>
    </row>
    <row r="309289" spans="14:14">
      <c r="N309289" s="10"/>
    </row>
    <row r="309290" spans="14:14">
      <c r="N309290" s="10"/>
    </row>
    <row r="309291" spans="14:14">
      <c r="N309291" s="10"/>
    </row>
    <row r="309292" spans="14:14">
      <c r="N309292" s="10"/>
    </row>
    <row r="309293" spans="14:14">
      <c r="N309293" s="10"/>
    </row>
    <row r="309294" spans="14:14">
      <c r="N309294" s="10"/>
    </row>
    <row r="309295" spans="14:14">
      <c r="N309295" s="10"/>
    </row>
    <row r="309296" spans="14:14">
      <c r="N309296" s="10"/>
    </row>
    <row r="309297" spans="14:14">
      <c r="N309297" s="10"/>
    </row>
    <row r="309298" spans="14:14">
      <c r="N309298" s="10"/>
    </row>
    <row r="309299" spans="14:14">
      <c r="N309299" s="10"/>
    </row>
    <row r="309300" spans="14:14">
      <c r="N309300" s="10"/>
    </row>
    <row r="309301" spans="14:14">
      <c r="N309301" s="10"/>
    </row>
    <row r="309302" spans="14:14">
      <c r="N309302" s="10"/>
    </row>
    <row r="309303" spans="14:14">
      <c r="N309303" s="10"/>
    </row>
    <row r="309304" spans="14:14">
      <c r="N309304" s="10"/>
    </row>
    <row r="309305" spans="14:14">
      <c r="N309305" s="10"/>
    </row>
    <row r="309306" spans="14:14">
      <c r="N309306" s="10"/>
    </row>
    <row r="309307" spans="14:14">
      <c r="N309307" s="10"/>
    </row>
    <row r="309308" spans="14:14">
      <c r="N309308" s="10"/>
    </row>
    <row r="309309" spans="14:14">
      <c r="N309309" s="10"/>
    </row>
    <row r="309310" spans="14:14">
      <c r="N309310" s="10"/>
    </row>
    <row r="309311" spans="14:14">
      <c r="N309311" s="10"/>
    </row>
    <row r="309312" spans="14:14">
      <c r="N309312" s="10"/>
    </row>
    <row r="309313" spans="14:14">
      <c r="N309313" s="10"/>
    </row>
    <row r="309314" spans="14:14">
      <c r="N309314" s="10"/>
    </row>
    <row r="309315" spans="14:14">
      <c r="N309315" s="10"/>
    </row>
    <row r="309316" spans="14:14">
      <c r="N309316" s="10"/>
    </row>
    <row r="309317" spans="14:14">
      <c r="N309317" s="10"/>
    </row>
    <row r="309318" spans="14:14">
      <c r="N309318" s="10"/>
    </row>
    <row r="309319" spans="14:14">
      <c r="N309319" s="10"/>
    </row>
    <row r="309320" spans="14:14">
      <c r="N309320" s="10"/>
    </row>
    <row r="309321" spans="14:14">
      <c r="N309321" s="10"/>
    </row>
    <row r="309322" spans="14:14">
      <c r="N309322" s="10"/>
    </row>
    <row r="309323" spans="14:14">
      <c r="N309323" s="10"/>
    </row>
    <row r="309324" spans="14:14">
      <c r="N309324" s="10"/>
    </row>
    <row r="309325" spans="14:14">
      <c r="N309325" s="10"/>
    </row>
    <row r="309326" spans="14:14">
      <c r="N309326" s="10"/>
    </row>
    <row r="309327" spans="14:14">
      <c r="N309327" s="10"/>
    </row>
    <row r="309328" spans="14:14">
      <c r="N309328" s="10"/>
    </row>
    <row r="309329" spans="14:14">
      <c r="N309329" s="10"/>
    </row>
    <row r="309330" spans="14:14">
      <c r="N309330" s="10"/>
    </row>
    <row r="309331" spans="14:14">
      <c r="N309331" s="10"/>
    </row>
    <row r="309332" spans="14:14">
      <c r="N309332" s="10"/>
    </row>
    <row r="309333" spans="14:14">
      <c r="N309333" s="10"/>
    </row>
    <row r="309334" spans="14:14">
      <c r="N309334" s="10"/>
    </row>
    <row r="309335" spans="14:14">
      <c r="N309335" s="10"/>
    </row>
    <row r="309336" spans="14:14">
      <c r="N309336" s="10"/>
    </row>
    <row r="309337" spans="14:14">
      <c r="N309337" s="10"/>
    </row>
    <row r="309338" spans="14:14">
      <c r="N309338" s="10"/>
    </row>
    <row r="309339" spans="14:14">
      <c r="N309339" s="10"/>
    </row>
    <row r="309340" spans="14:14">
      <c r="N309340" s="10"/>
    </row>
    <row r="309341" spans="14:14">
      <c r="N309341" s="10"/>
    </row>
    <row r="309342" spans="14:14">
      <c r="N309342" s="10"/>
    </row>
    <row r="309343" spans="14:14">
      <c r="N309343" s="10"/>
    </row>
    <row r="309344" spans="14:14">
      <c r="N309344" s="10"/>
    </row>
    <row r="309345" spans="14:14">
      <c r="N309345" s="10"/>
    </row>
    <row r="309346" spans="14:14">
      <c r="N309346" s="10"/>
    </row>
    <row r="309347" spans="14:14">
      <c r="N309347" s="10"/>
    </row>
    <row r="309348" spans="14:14">
      <c r="N309348" s="10"/>
    </row>
    <row r="309349" spans="14:14">
      <c r="N309349" s="10"/>
    </row>
    <row r="309350" spans="14:14">
      <c r="N309350" s="10"/>
    </row>
    <row r="309351" spans="14:14">
      <c r="N309351" s="10"/>
    </row>
    <row r="309352" spans="14:14">
      <c r="N309352" s="10"/>
    </row>
    <row r="309353" spans="14:14">
      <c r="N309353" s="10"/>
    </row>
    <row r="309354" spans="14:14">
      <c r="N309354" s="10"/>
    </row>
    <row r="309355" spans="14:14">
      <c r="N309355" s="10"/>
    </row>
    <row r="309356" spans="14:14">
      <c r="N309356" s="10"/>
    </row>
    <row r="309357" spans="14:14">
      <c r="N309357" s="10"/>
    </row>
    <row r="309358" spans="14:14">
      <c r="N309358" s="10"/>
    </row>
    <row r="309359" spans="14:14">
      <c r="N309359" s="10"/>
    </row>
    <row r="309360" spans="14:14">
      <c r="N309360" s="10"/>
    </row>
    <row r="309361" spans="14:14">
      <c r="N309361" s="10"/>
    </row>
    <row r="309362" spans="14:14">
      <c r="N309362" s="10"/>
    </row>
    <row r="309363" spans="14:14">
      <c r="N309363" s="10"/>
    </row>
    <row r="309364" spans="14:14">
      <c r="N309364" s="10"/>
    </row>
    <row r="309365" spans="14:14">
      <c r="N309365" s="10"/>
    </row>
    <row r="309366" spans="14:14">
      <c r="N309366" s="10"/>
    </row>
    <row r="309367" spans="14:14">
      <c r="N309367" s="10"/>
    </row>
    <row r="309368" spans="14:14">
      <c r="N309368" s="10"/>
    </row>
    <row r="309369" spans="14:14">
      <c r="N309369" s="10"/>
    </row>
    <row r="309370" spans="14:14">
      <c r="N309370" s="10"/>
    </row>
    <row r="309371" spans="14:14">
      <c r="N309371" s="10"/>
    </row>
    <row r="309372" spans="14:14">
      <c r="N309372" s="10"/>
    </row>
    <row r="309373" spans="14:14">
      <c r="N309373" s="10"/>
    </row>
    <row r="309374" spans="14:14">
      <c r="N309374" s="10"/>
    </row>
    <row r="309375" spans="14:14">
      <c r="N309375" s="10"/>
    </row>
    <row r="309376" spans="14:14">
      <c r="N309376" s="10"/>
    </row>
    <row r="309377" spans="14:14">
      <c r="N309377" s="10"/>
    </row>
    <row r="309378" spans="14:14">
      <c r="N309378" s="10"/>
    </row>
    <row r="309379" spans="14:14">
      <c r="N309379" s="10"/>
    </row>
    <row r="309380" spans="14:14">
      <c r="N309380" s="10"/>
    </row>
    <row r="309381" spans="14:14">
      <c r="N309381" s="10"/>
    </row>
    <row r="309382" spans="14:14">
      <c r="N309382" s="10"/>
    </row>
    <row r="309383" spans="14:14">
      <c r="N309383" s="10"/>
    </row>
    <row r="309384" spans="14:14">
      <c r="N309384" s="10"/>
    </row>
    <row r="309385" spans="14:14">
      <c r="N309385" s="10"/>
    </row>
    <row r="309386" spans="14:14">
      <c r="N309386" s="10"/>
    </row>
    <row r="309387" spans="14:14">
      <c r="N309387" s="10"/>
    </row>
    <row r="309388" spans="14:14">
      <c r="N309388" s="10"/>
    </row>
    <row r="309389" spans="14:14">
      <c r="N309389" s="10"/>
    </row>
    <row r="309390" spans="14:14">
      <c r="N309390" s="10"/>
    </row>
    <row r="309391" spans="14:14">
      <c r="N309391" s="10"/>
    </row>
    <row r="309392" spans="14:14">
      <c r="N309392" s="10"/>
    </row>
    <row r="309393" spans="14:14">
      <c r="N309393" s="10"/>
    </row>
    <row r="309394" spans="14:14">
      <c r="N309394" s="10"/>
    </row>
    <row r="309395" spans="14:14">
      <c r="N309395" s="10"/>
    </row>
    <row r="309396" spans="14:14">
      <c r="N309396" s="10"/>
    </row>
    <row r="309397" spans="14:14">
      <c r="N309397" s="10"/>
    </row>
    <row r="309398" spans="14:14">
      <c r="N309398" s="10"/>
    </row>
    <row r="309399" spans="14:14">
      <c r="N309399" s="10"/>
    </row>
    <row r="309400" spans="14:14">
      <c r="N309400" s="10"/>
    </row>
    <row r="309401" spans="14:14">
      <c r="N309401" s="10"/>
    </row>
    <row r="309402" spans="14:14">
      <c r="N309402" s="10"/>
    </row>
    <row r="309403" spans="14:14">
      <c r="N309403" s="10"/>
    </row>
    <row r="309404" spans="14:14">
      <c r="N309404" s="10"/>
    </row>
    <row r="309405" spans="14:14">
      <c r="N309405" s="10"/>
    </row>
    <row r="309406" spans="14:14">
      <c r="N309406" s="10"/>
    </row>
    <row r="309407" spans="14:14">
      <c r="N309407" s="10"/>
    </row>
    <row r="309408" spans="14:14">
      <c r="N309408" s="10"/>
    </row>
    <row r="309409" spans="14:14">
      <c r="N309409" s="10"/>
    </row>
    <row r="309410" spans="14:14">
      <c r="N309410" s="10"/>
    </row>
    <row r="309411" spans="14:14">
      <c r="N309411" s="10"/>
    </row>
    <row r="309412" spans="14:14">
      <c r="N309412" s="10"/>
    </row>
    <row r="309413" spans="14:14">
      <c r="N309413" s="10"/>
    </row>
    <row r="309414" spans="14:14">
      <c r="N309414" s="10"/>
    </row>
    <row r="309415" spans="14:14">
      <c r="N309415" s="10"/>
    </row>
    <row r="309416" spans="14:14">
      <c r="N309416" s="10"/>
    </row>
    <row r="309417" spans="14:14">
      <c r="N309417" s="10"/>
    </row>
    <row r="309418" spans="14:14">
      <c r="N309418" s="10"/>
    </row>
    <row r="309419" spans="14:14">
      <c r="N309419" s="10"/>
    </row>
    <row r="309420" spans="14:14">
      <c r="N309420" s="10"/>
    </row>
    <row r="309421" spans="14:14">
      <c r="N309421" s="10"/>
    </row>
    <row r="309422" spans="14:14">
      <c r="N309422" s="10"/>
    </row>
    <row r="309423" spans="14:14">
      <c r="N309423" s="10"/>
    </row>
    <row r="309424" spans="14:14">
      <c r="N309424" s="10"/>
    </row>
    <row r="309425" spans="14:14">
      <c r="N309425" s="10"/>
    </row>
    <row r="309426" spans="14:14">
      <c r="N309426" s="10"/>
    </row>
    <row r="309427" spans="14:14">
      <c r="N309427" s="10"/>
    </row>
    <row r="309428" spans="14:14">
      <c r="N309428" s="10"/>
    </row>
    <row r="309429" spans="14:14">
      <c r="N309429" s="10"/>
    </row>
    <row r="309430" spans="14:14">
      <c r="N309430" s="10"/>
    </row>
    <row r="309431" spans="14:14">
      <c r="N309431" s="10"/>
    </row>
    <row r="309432" spans="14:14">
      <c r="N309432" s="10"/>
    </row>
    <row r="309433" spans="14:14">
      <c r="N309433" s="10"/>
    </row>
    <row r="309434" spans="14:14">
      <c r="N309434" s="10"/>
    </row>
    <row r="309435" spans="14:14">
      <c r="N309435" s="10"/>
    </row>
    <row r="309436" spans="14:14">
      <c r="N309436" s="10"/>
    </row>
    <row r="309437" spans="14:14">
      <c r="N309437" s="10"/>
    </row>
    <row r="309438" spans="14:14">
      <c r="N309438" s="10"/>
    </row>
    <row r="309439" spans="14:14">
      <c r="N309439" s="10"/>
    </row>
    <row r="309440" spans="14:14">
      <c r="N309440" s="10"/>
    </row>
    <row r="309441" spans="14:14">
      <c r="N309441" s="10"/>
    </row>
    <row r="309442" spans="14:14">
      <c r="N309442" s="10"/>
    </row>
    <row r="309443" spans="14:14">
      <c r="N309443" s="10"/>
    </row>
    <row r="309444" spans="14:14">
      <c r="N309444" s="10"/>
    </row>
    <row r="309445" spans="14:14">
      <c r="N309445" s="10"/>
    </row>
    <row r="309446" spans="14:14">
      <c r="N309446" s="10"/>
    </row>
    <row r="309447" spans="14:14">
      <c r="N309447" s="10"/>
    </row>
    <row r="309448" spans="14:14">
      <c r="N309448" s="10"/>
    </row>
    <row r="309449" spans="14:14">
      <c r="N309449" s="10"/>
    </row>
    <row r="309450" spans="14:14">
      <c r="N309450" s="10"/>
    </row>
    <row r="309451" spans="14:14">
      <c r="N309451" s="10"/>
    </row>
    <row r="309452" spans="14:14">
      <c r="N309452" s="10"/>
    </row>
    <row r="309453" spans="14:14">
      <c r="N309453" s="10"/>
    </row>
    <row r="309454" spans="14:14">
      <c r="N309454" s="10"/>
    </row>
    <row r="309455" spans="14:14">
      <c r="N309455" s="10"/>
    </row>
    <row r="309456" spans="14:14">
      <c r="N309456" s="10"/>
    </row>
    <row r="309457" spans="14:14">
      <c r="N309457" s="10"/>
    </row>
    <row r="309458" spans="14:14">
      <c r="N309458" s="10"/>
    </row>
    <row r="309459" spans="14:14">
      <c r="N309459" s="10"/>
    </row>
    <row r="309460" spans="14:14">
      <c r="N309460" s="10"/>
    </row>
    <row r="309461" spans="14:14">
      <c r="N309461" s="10"/>
    </row>
    <row r="309462" spans="14:14">
      <c r="N309462" s="10"/>
    </row>
    <row r="309463" spans="14:14">
      <c r="N309463" s="10"/>
    </row>
    <row r="309464" spans="14:14">
      <c r="N309464" s="10"/>
    </row>
    <row r="309465" spans="14:14">
      <c r="N309465" s="10"/>
    </row>
    <row r="309466" spans="14:14">
      <c r="N309466" s="10"/>
    </row>
    <row r="309467" spans="14:14">
      <c r="N309467" s="10"/>
    </row>
    <row r="309468" spans="14:14">
      <c r="N309468" s="10"/>
    </row>
    <row r="309469" spans="14:14">
      <c r="N309469" s="10"/>
    </row>
    <row r="309470" spans="14:14">
      <c r="N309470" s="10"/>
    </row>
    <row r="309471" spans="14:14">
      <c r="N309471" s="10"/>
    </row>
    <row r="309472" spans="14:14">
      <c r="N309472" s="10"/>
    </row>
    <row r="309473" spans="14:14">
      <c r="N309473" s="10"/>
    </row>
    <row r="309474" spans="14:14">
      <c r="N309474" s="10"/>
    </row>
    <row r="309475" spans="14:14">
      <c r="N309475" s="10"/>
    </row>
    <row r="309476" spans="14:14">
      <c r="N309476" s="10"/>
    </row>
    <row r="309477" spans="14:14">
      <c r="N309477" s="10"/>
    </row>
    <row r="309478" spans="14:14">
      <c r="N309478" s="10"/>
    </row>
    <row r="309479" spans="14:14">
      <c r="N309479" s="10"/>
    </row>
    <row r="309480" spans="14:14">
      <c r="N309480" s="10"/>
    </row>
    <row r="309481" spans="14:14">
      <c r="N309481" s="10"/>
    </row>
    <row r="309482" spans="14:14">
      <c r="N309482" s="10"/>
    </row>
    <row r="309483" spans="14:14">
      <c r="N309483" s="10"/>
    </row>
    <row r="309484" spans="14:14">
      <c r="N309484" s="10"/>
    </row>
    <row r="309485" spans="14:14">
      <c r="N309485" s="10"/>
    </row>
    <row r="309486" spans="14:14">
      <c r="N309486" s="10"/>
    </row>
    <row r="309487" spans="14:14">
      <c r="N309487" s="10"/>
    </row>
    <row r="309488" spans="14:14">
      <c r="N309488" s="10"/>
    </row>
    <row r="309489" spans="14:14">
      <c r="N309489" s="10"/>
    </row>
    <row r="309490" spans="14:14">
      <c r="N309490" s="10"/>
    </row>
    <row r="309491" spans="14:14">
      <c r="N309491" s="10"/>
    </row>
    <row r="309492" spans="14:14">
      <c r="N309492" s="10"/>
    </row>
    <row r="309493" spans="14:14">
      <c r="N309493" s="10"/>
    </row>
    <row r="309494" spans="14:14">
      <c r="N309494" s="10"/>
    </row>
    <row r="309495" spans="14:14">
      <c r="N309495" s="10"/>
    </row>
    <row r="309496" spans="14:14">
      <c r="N309496" s="10"/>
    </row>
    <row r="309497" spans="14:14">
      <c r="N309497" s="10"/>
    </row>
    <row r="309498" spans="14:14">
      <c r="N309498" s="10"/>
    </row>
    <row r="309499" spans="14:14">
      <c r="N309499" s="10"/>
    </row>
    <row r="309500" spans="14:14">
      <c r="N309500" s="10"/>
    </row>
    <row r="309501" spans="14:14">
      <c r="N309501" s="10"/>
    </row>
    <row r="309502" spans="14:14">
      <c r="N309502" s="10"/>
    </row>
    <row r="309503" spans="14:14">
      <c r="N309503" s="10"/>
    </row>
    <row r="309504" spans="14:14">
      <c r="N309504" s="10"/>
    </row>
    <row r="309505" spans="14:14">
      <c r="N309505" s="10"/>
    </row>
    <row r="309506" spans="14:14">
      <c r="N309506" s="10"/>
    </row>
    <row r="309507" spans="14:14">
      <c r="N309507" s="10"/>
    </row>
    <row r="309508" spans="14:14">
      <c r="N309508" s="10"/>
    </row>
    <row r="309509" spans="14:14">
      <c r="N309509" s="10"/>
    </row>
    <row r="309510" spans="14:14">
      <c r="N309510" s="10"/>
    </row>
    <row r="309511" spans="14:14">
      <c r="N309511" s="10"/>
    </row>
    <row r="309512" spans="14:14">
      <c r="N309512" s="10"/>
    </row>
    <row r="309513" spans="14:14">
      <c r="N309513" s="10"/>
    </row>
    <row r="309514" spans="14:14">
      <c r="N309514" s="10"/>
    </row>
    <row r="309515" spans="14:14">
      <c r="N309515" s="10"/>
    </row>
    <row r="309516" spans="14:14">
      <c r="N309516" s="10"/>
    </row>
    <row r="309517" spans="14:14">
      <c r="N309517" s="10"/>
    </row>
    <row r="309518" spans="14:14">
      <c r="N309518" s="10"/>
    </row>
    <row r="309519" spans="14:14">
      <c r="N309519" s="10"/>
    </row>
    <row r="309520" spans="14:14">
      <c r="N309520" s="10"/>
    </row>
    <row r="309521" spans="14:14">
      <c r="N309521" s="10"/>
    </row>
    <row r="309522" spans="14:14">
      <c r="N309522" s="10"/>
    </row>
    <row r="309523" spans="14:14">
      <c r="N309523" s="10"/>
    </row>
    <row r="309524" spans="14:14">
      <c r="N309524" s="10"/>
    </row>
    <row r="309525" spans="14:14">
      <c r="N309525" s="10"/>
    </row>
    <row r="309526" spans="14:14">
      <c r="N309526" s="10"/>
    </row>
    <row r="309527" spans="14:14">
      <c r="N309527" s="10"/>
    </row>
    <row r="309528" spans="14:14">
      <c r="N309528" s="10"/>
    </row>
    <row r="309529" spans="14:14">
      <c r="N309529" s="10"/>
    </row>
    <row r="309530" spans="14:14">
      <c r="N309530" s="10"/>
    </row>
    <row r="309531" spans="14:14">
      <c r="N309531" s="10"/>
    </row>
    <row r="309532" spans="14:14">
      <c r="N309532" s="10"/>
    </row>
    <row r="309533" spans="14:14">
      <c r="N309533" s="10"/>
    </row>
    <row r="309534" spans="14:14">
      <c r="N309534" s="10"/>
    </row>
    <row r="309535" spans="14:14">
      <c r="N309535" s="10"/>
    </row>
    <row r="309536" spans="14:14">
      <c r="N309536" s="10"/>
    </row>
    <row r="309537" spans="14:14">
      <c r="N309537" s="10"/>
    </row>
    <row r="309538" spans="14:14">
      <c r="N309538" s="10"/>
    </row>
    <row r="309539" spans="14:14">
      <c r="N309539" s="10"/>
    </row>
    <row r="309540" spans="14:14">
      <c r="N309540" s="10"/>
    </row>
    <row r="309541" spans="14:14">
      <c r="N309541" s="10"/>
    </row>
    <row r="309542" spans="14:14">
      <c r="N309542" s="10"/>
    </row>
    <row r="309543" spans="14:14">
      <c r="N309543" s="10"/>
    </row>
    <row r="309544" spans="14:14">
      <c r="N309544" s="10"/>
    </row>
    <row r="309545" spans="14:14">
      <c r="N309545" s="10"/>
    </row>
    <row r="309546" spans="14:14">
      <c r="N309546" s="10"/>
    </row>
    <row r="309547" spans="14:14">
      <c r="N309547" s="10"/>
    </row>
    <row r="309548" spans="14:14">
      <c r="N309548" s="10"/>
    </row>
    <row r="309549" spans="14:14">
      <c r="N309549" s="10"/>
    </row>
    <row r="309550" spans="14:14">
      <c r="N309550" s="10"/>
    </row>
    <row r="309551" spans="14:14">
      <c r="N309551" s="10"/>
    </row>
    <row r="309552" spans="14:14">
      <c r="N309552" s="10"/>
    </row>
    <row r="309553" spans="14:14">
      <c r="N309553" s="10"/>
    </row>
    <row r="309554" spans="14:14">
      <c r="N309554" s="10"/>
    </row>
    <row r="309555" spans="14:14">
      <c r="N309555" s="10"/>
    </row>
    <row r="309556" spans="14:14">
      <c r="N309556" s="10"/>
    </row>
    <row r="309557" spans="14:14">
      <c r="N309557" s="10"/>
    </row>
    <row r="309558" spans="14:14">
      <c r="N309558" s="10"/>
    </row>
    <row r="309559" spans="14:14">
      <c r="N309559" s="10"/>
    </row>
    <row r="309560" spans="14:14">
      <c r="N309560" s="10"/>
    </row>
    <row r="309561" spans="14:14">
      <c r="N309561" s="10"/>
    </row>
    <row r="309562" spans="14:14">
      <c r="N309562" s="10"/>
    </row>
    <row r="309563" spans="14:14">
      <c r="N309563" s="10"/>
    </row>
    <row r="309564" spans="14:14">
      <c r="N309564" s="10"/>
    </row>
    <row r="309565" spans="14:14">
      <c r="N309565" s="10"/>
    </row>
    <row r="309566" spans="14:14">
      <c r="N309566" s="10"/>
    </row>
    <row r="309567" spans="14:14">
      <c r="N309567" s="10"/>
    </row>
    <row r="309568" spans="14:14">
      <c r="N309568" s="10"/>
    </row>
    <row r="309569" spans="14:14">
      <c r="N309569" s="10"/>
    </row>
    <row r="309570" spans="14:14">
      <c r="N309570" s="10"/>
    </row>
    <row r="309571" spans="14:14">
      <c r="N309571" s="10"/>
    </row>
    <row r="309572" spans="14:14">
      <c r="N309572" s="10"/>
    </row>
    <row r="309573" spans="14:14">
      <c r="N309573" s="10"/>
    </row>
    <row r="309574" spans="14:14">
      <c r="N309574" s="10"/>
    </row>
    <row r="309575" spans="14:14">
      <c r="N309575" s="10"/>
    </row>
    <row r="309576" spans="14:14">
      <c r="N309576" s="10"/>
    </row>
    <row r="309577" spans="14:14">
      <c r="N309577" s="10"/>
    </row>
    <row r="309578" spans="14:14">
      <c r="N309578" s="10"/>
    </row>
    <row r="309579" spans="14:14">
      <c r="N309579" s="10"/>
    </row>
    <row r="309580" spans="14:14">
      <c r="N309580" s="10"/>
    </row>
    <row r="309581" spans="14:14">
      <c r="N309581" s="10"/>
    </row>
    <row r="309582" spans="14:14">
      <c r="N309582" s="10"/>
    </row>
    <row r="309583" spans="14:14">
      <c r="N309583" s="10"/>
    </row>
    <row r="309584" spans="14:14">
      <c r="N309584" s="10"/>
    </row>
    <row r="309585" spans="14:14">
      <c r="N309585" s="10"/>
    </row>
    <row r="309586" spans="14:14">
      <c r="N309586" s="10"/>
    </row>
    <row r="309587" spans="14:14">
      <c r="N309587" s="10"/>
    </row>
    <row r="309588" spans="14:14">
      <c r="N309588" s="10"/>
    </row>
    <row r="309589" spans="14:14">
      <c r="N309589" s="10"/>
    </row>
    <row r="309590" spans="14:14">
      <c r="N309590" s="10"/>
    </row>
    <row r="309591" spans="14:14">
      <c r="N309591" s="10"/>
    </row>
    <row r="309592" spans="14:14">
      <c r="N309592" s="10"/>
    </row>
    <row r="309593" spans="14:14">
      <c r="N309593" s="10"/>
    </row>
    <row r="309594" spans="14:14">
      <c r="N309594" s="10"/>
    </row>
    <row r="309595" spans="14:14">
      <c r="N309595" s="10"/>
    </row>
    <row r="309596" spans="14:14">
      <c r="N309596" s="10"/>
    </row>
    <row r="309597" spans="14:14">
      <c r="N309597" s="10"/>
    </row>
    <row r="309598" spans="14:14">
      <c r="N309598" s="10"/>
    </row>
    <row r="309599" spans="14:14">
      <c r="N309599" s="10"/>
    </row>
    <row r="309600" spans="14:14">
      <c r="N309600" s="10"/>
    </row>
    <row r="309601" spans="14:14">
      <c r="N309601" s="10"/>
    </row>
    <row r="309602" spans="14:14">
      <c r="N309602" s="10"/>
    </row>
    <row r="309603" spans="14:14">
      <c r="N309603" s="10"/>
    </row>
    <row r="309604" spans="14:14">
      <c r="N309604" s="10"/>
    </row>
    <row r="309605" spans="14:14">
      <c r="N309605" s="10"/>
    </row>
    <row r="309606" spans="14:14">
      <c r="N309606" s="10"/>
    </row>
    <row r="309607" spans="14:14">
      <c r="N309607" s="10"/>
    </row>
    <row r="309608" spans="14:14">
      <c r="N309608" s="10"/>
    </row>
    <row r="309609" spans="14:14">
      <c r="N309609" s="10"/>
    </row>
    <row r="309610" spans="14:14">
      <c r="N309610" s="10"/>
    </row>
    <row r="309611" spans="14:14">
      <c r="N309611" s="10"/>
    </row>
    <row r="309612" spans="14:14">
      <c r="N309612" s="10"/>
    </row>
    <row r="309613" spans="14:14">
      <c r="N309613" s="10"/>
    </row>
    <row r="309614" spans="14:14">
      <c r="N309614" s="10"/>
    </row>
    <row r="309615" spans="14:14">
      <c r="N309615" s="10"/>
    </row>
    <row r="309616" spans="14:14">
      <c r="N309616" s="10"/>
    </row>
    <row r="309617" spans="14:14">
      <c r="N309617" s="10"/>
    </row>
    <row r="309618" spans="14:14">
      <c r="N309618" s="10"/>
    </row>
    <row r="309619" spans="14:14">
      <c r="N309619" s="10"/>
    </row>
    <row r="309620" spans="14:14">
      <c r="N309620" s="10"/>
    </row>
    <row r="309621" spans="14:14">
      <c r="N309621" s="10"/>
    </row>
    <row r="309622" spans="14:14">
      <c r="N309622" s="10"/>
    </row>
    <row r="309623" spans="14:14">
      <c r="N309623" s="10"/>
    </row>
    <row r="309624" spans="14:14">
      <c r="N309624" s="10"/>
    </row>
    <row r="309625" spans="14:14">
      <c r="N309625" s="10"/>
    </row>
    <row r="309626" spans="14:14">
      <c r="N309626" s="10"/>
    </row>
    <row r="309627" spans="14:14">
      <c r="N309627" s="10"/>
    </row>
    <row r="309628" spans="14:14">
      <c r="N309628" s="10"/>
    </row>
    <row r="309629" spans="14:14">
      <c r="N309629" s="10"/>
    </row>
    <row r="309630" spans="14:14">
      <c r="N309630" s="10"/>
    </row>
    <row r="309631" spans="14:14">
      <c r="N309631" s="10"/>
    </row>
    <row r="309632" spans="14:14">
      <c r="N309632" s="10"/>
    </row>
    <row r="309633" spans="14:14">
      <c r="N309633" s="10"/>
    </row>
    <row r="309634" spans="14:14">
      <c r="N309634" s="10"/>
    </row>
    <row r="309635" spans="14:14">
      <c r="N309635" s="10"/>
    </row>
    <row r="309636" spans="14:14">
      <c r="N309636" s="10"/>
    </row>
    <row r="309637" spans="14:14">
      <c r="N309637" s="10"/>
    </row>
    <row r="309638" spans="14:14">
      <c r="N309638" s="10"/>
    </row>
    <row r="309639" spans="14:14">
      <c r="N309639" s="10"/>
    </row>
    <row r="309640" spans="14:14">
      <c r="N309640" s="10"/>
    </row>
    <row r="309641" spans="14:14">
      <c r="N309641" s="10"/>
    </row>
    <row r="309642" spans="14:14">
      <c r="N309642" s="10"/>
    </row>
    <row r="309643" spans="14:14">
      <c r="N309643" s="10"/>
    </row>
    <row r="309644" spans="14:14">
      <c r="N309644" s="10"/>
    </row>
    <row r="309645" spans="14:14">
      <c r="N309645" s="10"/>
    </row>
    <row r="309646" spans="14:14">
      <c r="N309646" s="10"/>
    </row>
    <row r="309647" spans="14:14">
      <c r="N309647" s="10"/>
    </row>
    <row r="309648" spans="14:14">
      <c r="N309648" s="10"/>
    </row>
    <row r="309649" spans="14:14">
      <c r="N309649" s="10"/>
    </row>
    <row r="309650" spans="14:14">
      <c r="N309650" s="10"/>
    </row>
    <row r="309651" spans="14:14">
      <c r="N309651" s="10"/>
    </row>
    <row r="309652" spans="14:14">
      <c r="N309652" s="10"/>
    </row>
    <row r="309653" spans="14:14">
      <c r="N309653" s="10"/>
    </row>
    <row r="309654" spans="14:14">
      <c r="N309654" s="10"/>
    </row>
    <row r="309655" spans="14:14">
      <c r="N309655" s="10"/>
    </row>
    <row r="309656" spans="14:14">
      <c r="N309656" s="10"/>
    </row>
    <row r="309657" spans="14:14">
      <c r="N309657" s="10"/>
    </row>
    <row r="309658" spans="14:14">
      <c r="N309658" s="10"/>
    </row>
    <row r="309659" spans="14:14">
      <c r="N309659" s="10"/>
    </row>
    <row r="309660" spans="14:14">
      <c r="N309660" s="10"/>
    </row>
    <row r="309661" spans="14:14">
      <c r="N309661" s="10"/>
    </row>
    <row r="309662" spans="14:14">
      <c r="N309662" s="10"/>
    </row>
    <row r="309663" spans="14:14">
      <c r="N309663" s="10"/>
    </row>
    <row r="309664" spans="14:14">
      <c r="N309664" s="10"/>
    </row>
    <row r="309665" spans="14:14">
      <c r="N309665" s="10"/>
    </row>
    <row r="309666" spans="14:14">
      <c r="N309666" s="10"/>
    </row>
    <row r="309667" spans="14:14">
      <c r="N309667" s="10"/>
    </row>
    <row r="309668" spans="14:14">
      <c r="N309668" s="10"/>
    </row>
    <row r="309669" spans="14:14">
      <c r="N309669" s="10"/>
    </row>
    <row r="309670" spans="14:14">
      <c r="N309670" s="10"/>
    </row>
    <row r="309671" spans="14:14">
      <c r="N309671" s="10"/>
    </row>
    <row r="309672" spans="14:14">
      <c r="N309672" s="10"/>
    </row>
    <row r="309673" spans="14:14">
      <c r="N309673" s="10"/>
    </row>
    <row r="309674" spans="14:14">
      <c r="N309674" s="10"/>
    </row>
    <row r="309675" spans="14:14">
      <c r="N309675" s="10"/>
    </row>
    <row r="309676" spans="14:14">
      <c r="N309676" s="10"/>
    </row>
    <row r="309677" spans="14:14">
      <c r="N309677" s="10"/>
    </row>
    <row r="309678" spans="14:14">
      <c r="N309678" s="10"/>
    </row>
    <row r="309679" spans="14:14">
      <c r="N309679" s="10"/>
    </row>
    <row r="309680" spans="14:14">
      <c r="N309680" s="10"/>
    </row>
    <row r="309681" spans="14:14">
      <c r="N309681" s="10"/>
    </row>
    <row r="309682" spans="14:14">
      <c r="N309682" s="10"/>
    </row>
    <row r="309683" spans="14:14">
      <c r="N309683" s="10"/>
    </row>
    <row r="309684" spans="14:14">
      <c r="N309684" s="10"/>
    </row>
    <row r="309685" spans="14:14">
      <c r="N309685" s="10"/>
    </row>
    <row r="309686" spans="14:14">
      <c r="N309686" s="10"/>
    </row>
    <row r="309687" spans="14:14">
      <c r="N309687" s="10"/>
    </row>
    <row r="309688" spans="14:14">
      <c r="N309688" s="10"/>
    </row>
    <row r="309689" spans="14:14">
      <c r="N309689" s="10"/>
    </row>
    <row r="309690" spans="14:14">
      <c r="N309690" s="10"/>
    </row>
    <row r="309691" spans="14:14">
      <c r="N309691" s="10"/>
    </row>
    <row r="309692" spans="14:14">
      <c r="N309692" s="10"/>
    </row>
    <row r="309693" spans="14:14">
      <c r="N309693" s="10"/>
    </row>
    <row r="309694" spans="14:14">
      <c r="N309694" s="10"/>
    </row>
    <row r="309695" spans="14:14">
      <c r="N309695" s="10"/>
    </row>
    <row r="309696" spans="14:14">
      <c r="N309696" s="10"/>
    </row>
    <row r="309697" spans="14:14">
      <c r="N309697" s="10"/>
    </row>
    <row r="309698" spans="14:14">
      <c r="N309698" s="10"/>
    </row>
    <row r="309699" spans="14:14">
      <c r="N309699" s="10"/>
    </row>
    <row r="309700" spans="14:14">
      <c r="N309700" s="10"/>
    </row>
    <row r="309701" spans="14:14">
      <c r="N309701" s="10"/>
    </row>
    <row r="309702" spans="14:14">
      <c r="N309702" s="10"/>
    </row>
    <row r="309703" spans="14:14">
      <c r="N309703" s="10"/>
    </row>
    <row r="309704" spans="14:14">
      <c r="N309704" s="10"/>
    </row>
    <row r="309705" spans="14:14">
      <c r="N309705" s="10"/>
    </row>
    <row r="309706" spans="14:14">
      <c r="N309706" s="10"/>
    </row>
    <row r="309707" spans="14:14">
      <c r="N309707" s="10"/>
    </row>
    <row r="309708" spans="14:14">
      <c r="N309708" s="10"/>
    </row>
    <row r="309709" spans="14:14">
      <c r="N309709" s="10"/>
    </row>
    <row r="309710" spans="14:14">
      <c r="N309710" s="10"/>
    </row>
    <row r="309711" spans="14:14">
      <c r="N309711" s="10"/>
    </row>
    <row r="309712" spans="14:14">
      <c r="N309712" s="10"/>
    </row>
    <row r="309713" spans="14:14">
      <c r="N309713" s="10"/>
    </row>
    <row r="309714" spans="14:14">
      <c r="N309714" s="10"/>
    </row>
    <row r="309715" spans="14:14">
      <c r="N309715" s="10"/>
    </row>
    <row r="309716" spans="14:14">
      <c r="N309716" s="10"/>
    </row>
    <row r="309717" spans="14:14">
      <c r="N309717" s="10"/>
    </row>
    <row r="309718" spans="14:14">
      <c r="N309718" s="10"/>
    </row>
    <row r="309719" spans="14:14">
      <c r="N309719" s="10"/>
    </row>
    <row r="309720" spans="14:14">
      <c r="N309720" s="10"/>
    </row>
    <row r="309721" spans="14:14">
      <c r="N309721" s="10"/>
    </row>
    <row r="309722" spans="14:14">
      <c r="N309722" s="10"/>
    </row>
    <row r="309723" spans="14:14">
      <c r="N309723" s="10"/>
    </row>
    <row r="309724" spans="14:14">
      <c r="N309724" s="10"/>
    </row>
    <row r="309725" spans="14:14">
      <c r="N309725" s="10"/>
    </row>
    <row r="309726" spans="14:14">
      <c r="N309726" s="10"/>
    </row>
    <row r="309727" spans="14:14">
      <c r="N309727" s="10"/>
    </row>
    <row r="309728" spans="14:14">
      <c r="N309728" s="10"/>
    </row>
    <row r="309729" spans="14:14">
      <c r="N309729" s="10"/>
    </row>
    <row r="309730" spans="14:14">
      <c r="N309730" s="10"/>
    </row>
    <row r="309731" spans="14:14">
      <c r="N309731" s="10"/>
    </row>
    <row r="309732" spans="14:14">
      <c r="N309732" s="10"/>
    </row>
    <row r="309733" spans="14:14">
      <c r="N309733" s="10"/>
    </row>
    <row r="309734" spans="14:14">
      <c r="N309734" s="10"/>
    </row>
    <row r="309735" spans="14:14">
      <c r="N309735" s="10"/>
    </row>
    <row r="309736" spans="14:14">
      <c r="N309736" s="10"/>
    </row>
    <row r="309737" spans="14:14">
      <c r="N309737" s="10"/>
    </row>
    <row r="309738" spans="14:14">
      <c r="N309738" s="10"/>
    </row>
    <row r="309739" spans="14:14">
      <c r="N309739" s="10"/>
    </row>
    <row r="309740" spans="14:14">
      <c r="N309740" s="10"/>
    </row>
    <row r="309741" spans="14:14">
      <c r="N309741" s="10"/>
    </row>
    <row r="309742" spans="14:14">
      <c r="N309742" s="10"/>
    </row>
    <row r="309743" spans="14:14">
      <c r="N309743" s="10"/>
    </row>
    <row r="309744" spans="14:14">
      <c r="N309744" s="10"/>
    </row>
    <row r="309745" spans="14:14">
      <c r="N309745" s="10"/>
    </row>
    <row r="309746" spans="14:14">
      <c r="N309746" s="10"/>
    </row>
    <row r="309747" spans="14:14">
      <c r="N309747" s="10"/>
    </row>
    <row r="309748" spans="14:14">
      <c r="N309748" s="10"/>
    </row>
    <row r="309749" spans="14:14">
      <c r="N309749" s="10"/>
    </row>
    <row r="309750" spans="14:14">
      <c r="N309750" s="10"/>
    </row>
    <row r="309751" spans="14:14">
      <c r="N309751" s="10"/>
    </row>
    <row r="309752" spans="14:14">
      <c r="N309752" s="10"/>
    </row>
    <row r="309753" spans="14:14">
      <c r="N309753" s="10"/>
    </row>
    <row r="309754" spans="14:14">
      <c r="N309754" s="10"/>
    </row>
    <row r="309755" spans="14:14">
      <c r="N309755" s="10"/>
    </row>
    <row r="309756" spans="14:14">
      <c r="N309756" s="10"/>
    </row>
    <row r="309757" spans="14:14">
      <c r="N309757" s="10"/>
    </row>
    <row r="309758" spans="14:14">
      <c r="N309758" s="10"/>
    </row>
    <row r="309759" spans="14:14">
      <c r="N309759" s="10"/>
    </row>
    <row r="309760" spans="14:14">
      <c r="N309760" s="10"/>
    </row>
    <row r="309761" spans="14:14">
      <c r="N309761" s="10"/>
    </row>
    <row r="309762" spans="14:14">
      <c r="N309762" s="10"/>
    </row>
    <row r="309763" spans="14:14">
      <c r="N309763" s="10"/>
    </row>
    <row r="309764" spans="14:14">
      <c r="N309764" s="10"/>
    </row>
    <row r="309765" spans="14:14">
      <c r="N309765" s="10"/>
    </row>
    <row r="309766" spans="14:14">
      <c r="N309766" s="10"/>
    </row>
    <row r="309767" spans="14:14">
      <c r="N309767" s="10"/>
    </row>
    <row r="309768" spans="14:14">
      <c r="N309768" s="10"/>
    </row>
    <row r="309769" spans="14:14">
      <c r="N309769" s="10"/>
    </row>
    <row r="309770" spans="14:14">
      <c r="N309770" s="10"/>
    </row>
    <row r="309771" spans="14:14">
      <c r="N309771" s="10"/>
    </row>
    <row r="309772" spans="14:14">
      <c r="N309772" s="10"/>
    </row>
    <row r="309773" spans="14:14">
      <c r="N309773" s="10"/>
    </row>
    <row r="309774" spans="14:14">
      <c r="N309774" s="10"/>
    </row>
    <row r="309775" spans="14:14">
      <c r="N309775" s="10"/>
    </row>
    <row r="309776" spans="14:14">
      <c r="N309776" s="10"/>
    </row>
    <row r="309777" spans="14:14">
      <c r="N309777" s="10"/>
    </row>
    <row r="309778" spans="14:14">
      <c r="N309778" s="10"/>
    </row>
    <row r="309779" spans="14:14">
      <c r="N309779" s="10"/>
    </row>
    <row r="309780" spans="14:14">
      <c r="N309780" s="10"/>
    </row>
    <row r="309781" spans="14:14">
      <c r="N309781" s="10"/>
    </row>
    <row r="309782" spans="14:14">
      <c r="N309782" s="10"/>
    </row>
    <row r="309783" spans="14:14">
      <c r="N309783" s="10"/>
    </row>
    <row r="309784" spans="14:14">
      <c r="N309784" s="10"/>
    </row>
    <row r="309785" spans="14:14">
      <c r="N309785" s="10"/>
    </row>
    <row r="309786" spans="14:14">
      <c r="N309786" s="10"/>
    </row>
    <row r="309787" spans="14:14">
      <c r="N309787" s="10"/>
    </row>
    <row r="309788" spans="14:14">
      <c r="N309788" s="10"/>
    </row>
    <row r="309789" spans="14:14">
      <c r="N309789" s="10"/>
    </row>
    <row r="309790" spans="14:14">
      <c r="N309790" s="10"/>
    </row>
    <row r="309791" spans="14:14">
      <c r="N309791" s="10"/>
    </row>
    <row r="309792" spans="14:14">
      <c r="N309792" s="10"/>
    </row>
    <row r="309793" spans="14:14">
      <c r="N309793" s="10"/>
    </row>
    <row r="309794" spans="14:14">
      <c r="N309794" s="10"/>
    </row>
    <row r="309795" spans="14:14">
      <c r="N309795" s="10"/>
    </row>
    <row r="309796" spans="14:14">
      <c r="N309796" s="10"/>
    </row>
    <row r="309797" spans="14:14">
      <c r="N309797" s="10"/>
    </row>
    <row r="309798" spans="14:14">
      <c r="N309798" s="10"/>
    </row>
    <row r="309799" spans="14:14">
      <c r="N309799" s="10"/>
    </row>
    <row r="309800" spans="14:14">
      <c r="N309800" s="10"/>
    </row>
    <row r="309801" spans="14:14">
      <c r="N309801" s="10"/>
    </row>
    <row r="309802" spans="14:14">
      <c r="N309802" s="10"/>
    </row>
    <row r="309803" spans="14:14">
      <c r="N309803" s="10"/>
    </row>
    <row r="309804" spans="14:14">
      <c r="N309804" s="10"/>
    </row>
    <row r="309805" spans="14:14">
      <c r="N309805" s="10"/>
    </row>
    <row r="309806" spans="14:14">
      <c r="N309806" s="10"/>
    </row>
    <row r="309807" spans="14:14">
      <c r="N309807" s="10"/>
    </row>
    <row r="309808" spans="14:14">
      <c r="N309808" s="10"/>
    </row>
    <row r="309809" spans="14:14">
      <c r="N309809" s="10"/>
    </row>
    <row r="309810" spans="14:14">
      <c r="N309810" s="10"/>
    </row>
    <row r="309811" spans="14:14">
      <c r="N309811" s="10"/>
    </row>
    <row r="309812" spans="14:14">
      <c r="N309812" s="10"/>
    </row>
    <row r="309813" spans="14:14">
      <c r="N309813" s="10"/>
    </row>
    <row r="309814" spans="14:14">
      <c r="N309814" s="10"/>
    </row>
    <row r="309815" spans="14:14">
      <c r="N309815" s="10"/>
    </row>
    <row r="309816" spans="14:14">
      <c r="N309816" s="10"/>
    </row>
    <row r="309817" spans="14:14">
      <c r="N309817" s="10"/>
    </row>
    <row r="309818" spans="14:14">
      <c r="N309818" s="10"/>
    </row>
    <row r="309819" spans="14:14">
      <c r="N309819" s="10"/>
    </row>
    <row r="309820" spans="14:14">
      <c r="N309820" s="10"/>
    </row>
    <row r="309821" spans="14:14">
      <c r="N309821" s="10"/>
    </row>
    <row r="309822" spans="14:14">
      <c r="N309822" s="10"/>
    </row>
    <row r="309823" spans="14:14">
      <c r="N309823" s="10"/>
    </row>
    <row r="309824" spans="14:14">
      <c r="N309824" s="10"/>
    </row>
    <row r="309825" spans="14:14">
      <c r="N309825" s="10"/>
    </row>
    <row r="309826" spans="14:14">
      <c r="N309826" s="10"/>
    </row>
    <row r="309827" spans="14:14">
      <c r="N309827" s="10"/>
    </row>
    <row r="309828" spans="14:14">
      <c r="N309828" s="10"/>
    </row>
    <row r="309829" spans="14:14">
      <c r="N309829" s="10"/>
    </row>
    <row r="309830" spans="14:14">
      <c r="N309830" s="10"/>
    </row>
    <row r="309831" spans="14:14">
      <c r="N309831" s="10"/>
    </row>
    <row r="309832" spans="14:14">
      <c r="N309832" s="10"/>
    </row>
    <row r="309833" spans="14:14">
      <c r="N309833" s="10"/>
    </row>
    <row r="309834" spans="14:14">
      <c r="N309834" s="10"/>
    </row>
    <row r="309835" spans="14:14">
      <c r="N309835" s="10"/>
    </row>
    <row r="309836" spans="14:14">
      <c r="N309836" s="10"/>
    </row>
    <row r="309837" spans="14:14">
      <c r="N309837" s="10"/>
    </row>
    <row r="309838" spans="14:14">
      <c r="N309838" s="10"/>
    </row>
    <row r="309839" spans="14:14">
      <c r="N309839" s="10"/>
    </row>
    <row r="309840" spans="14:14">
      <c r="N309840" s="10"/>
    </row>
    <row r="309841" spans="14:14">
      <c r="N309841" s="10"/>
    </row>
    <row r="309842" spans="14:14">
      <c r="N309842" s="10"/>
    </row>
    <row r="309843" spans="14:14">
      <c r="N309843" s="10"/>
    </row>
    <row r="309844" spans="14:14">
      <c r="N309844" s="10"/>
    </row>
    <row r="309845" spans="14:14">
      <c r="N309845" s="10"/>
    </row>
    <row r="309846" spans="14:14">
      <c r="N309846" s="10"/>
    </row>
    <row r="309847" spans="14:14">
      <c r="N309847" s="10"/>
    </row>
    <row r="309848" spans="14:14">
      <c r="N309848" s="10"/>
    </row>
    <row r="309849" spans="14:14">
      <c r="N309849" s="10"/>
    </row>
    <row r="309850" spans="14:14">
      <c r="N309850" s="10"/>
    </row>
    <row r="309851" spans="14:14">
      <c r="N309851" s="10"/>
    </row>
    <row r="309852" spans="14:14">
      <c r="N309852" s="10"/>
    </row>
    <row r="309853" spans="14:14">
      <c r="N309853" s="10"/>
    </row>
    <row r="309854" spans="14:14">
      <c r="N309854" s="10"/>
    </row>
    <row r="309855" spans="14:14">
      <c r="N309855" s="10"/>
    </row>
    <row r="309856" spans="14:14">
      <c r="N309856" s="10"/>
    </row>
    <row r="309857" spans="14:14">
      <c r="N309857" s="10"/>
    </row>
    <row r="309858" spans="14:14">
      <c r="N309858" s="10"/>
    </row>
    <row r="309859" spans="14:14">
      <c r="N309859" s="10"/>
    </row>
    <row r="309860" spans="14:14">
      <c r="N309860" s="10"/>
    </row>
    <row r="309861" spans="14:14">
      <c r="N309861" s="10"/>
    </row>
    <row r="309862" spans="14:14">
      <c r="N309862" s="10"/>
    </row>
    <row r="309863" spans="14:14">
      <c r="N309863" s="10"/>
    </row>
    <row r="309864" spans="14:14">
      <c r="N309864" s="10"/>
    </row>
    <row r="309865" spans="14:14">
      <c r="N309865" s="10"/>
    </row>
    <row r="309866" spans="14:14">
      <c r="N309866" s="10"/>
    </row>
    <row r="309867" spans="14:14">
      <c r="N309867" s="10"/>
    </row>
    <row r="309868" spans="14:14">
      <c r="N309868" s="10"/>
    </row>
    <row r="309869" spans="14:14">
      <c r="N309869" s="10"/>
    </row>
    <row r="309870" spans="14:14">
      <c r="N309870" s="10"/>
    </row>
    <row r="309871" spans="14:14">
      <c r="N309871" s="10"/>
    </row>
    <row r="309872" spans="14:14">
      <c r="N309872" s="10"/>
    </row>
    <row r="309873" spans="14:14">
      <c r="N309873" s="10"/>
    </row>
    <row r="309874" spans="14:14">
      <c r="N309874" s="10"/>
    </row>
    <row r="309875" spans="14:14">
      <c r="N309875" s="10"/>
    </row>
    <row r="309876" spans="14:14">
      <c r="N309876" s="10"/>
    </row>
    <row r="309877" spans="14:14">
      <c r="N309877" s="10"/>
    </row>
    <row r="309878" spans="14:14">
      <c r="N309878" s="10"/>
    </row>
    <row r="309879" spans="14:14">
      <c r="N309879" s="10"/>
    </row>
    <row r="309880" spans="14:14">
      <c r="N309880" s="10"/>
    </row>
    <row r="309881" spans="14:14">
      <c r="N309881" s="10"/>
    </row>
    <row r="309882" spans="14:14">
      <c r="N309882" s="10"/>
    </row>
    <row r="309883" spans="14:14">
      <c r="N309883" s="10"/>
    </row>
    <row r="309884" spans="14:14">
      <c r="N309884" s="10"/>
    </row>
    <row r="309885" spans="14:14">
      <c r="N309885" s="10"/>
    </row>
    <row r="309886" spans="14:14">
      <c r="N309886" s="10"/>
    </row>
    <row r="309887" spans="14:14">
      <c r="N309887" s="10"/>
    </row>
    <row r="309888" spans="14:14">
      <c r="N309888" s="10"/>
    </row>
    <row r="309889" spans="14:14">
      <c r="N309889" s="10"/>
    </row>
    <row r="309890" spans="14:14">
      <c r="N309890" s="10"/>
    </row>
    <row r="309891" spans="14:14">
      <c r="N309891" s="10"/>
    </row>
    <row r="309892" spans="14:14">
      <c r="N309892" s="10"/>
    </row>
    <row r="309893" spans="14:14">
      <c r="N309893" s="10"/>
    </row>
    <row r="309894" spans="14:14">
      <c r="N309894" s="10"/>
    </row>
    <row r="309895" spans="14:14">
      <c r="N309895" s="10"/>
    </row>
    <row r="309896" spans="14:14">
      <c r="N309896" s="10"/>
    </row>
    <row r="309897" spans="14:14">
      <c r="N309897" s="10"/>
    </row>
    <row r="309898" spans="14:14">
      <c r="N309898" s="10"/>
    </row>
    <row r="309899" spans="14:14">
      <c r="N309899" s="10"/>
    </row>
    <row r="309900" spans="14:14">
      <c r="N309900" s="10"/>
    </row>
    <row r="309901" spans="14:14">
      <c r="N309901" s="10"/>
    </row>
    <row r="309902" spans="14:14">
      <c r="N309902" s="10"/>
    </row>
    <row r="309903" spans="14:14">
      <c r="N309903" s="10"/>
    </row>
    <row r="309904" spans="14:14">
      <c r="N309904" s="10"/>
    </row>
    <row r="309905" spans="14:14">
      <c r="N309905" s="10"/>
    </row>
    <row r="309906" spans="14:14">
      <c r="N309906" s="10"/>
    </row>
    <row r="309907" spans="14:14">
      <c r="N309907" s="10"/>
    </row>
    <row r="309908" spans="14:14">
      <c r="N309908" s="10"/>
    </row>
    <row r="309909" spans="14:14">
      <c r="N309909" s="10"/>
    </row>
    <row r="309910" spans="14:14">
      <c r="N309910" s="10"/>
    </row>
    <row r="309911" spans="14:14">
      <c r="N309911" s="10"/>
    </row>
    <row r="309912" spans="14:14">
      <c r="N309912" s="10"/>
    </row>
    <row r="309913" spans="14:14">
      <c r="N309913" s="10"/>
    </row>
    <row r="309914" spans="14:14">
      <c r="N309914" s="10"/>
    </row>
    <row r="309915" spans="14:14">
      <c r="N309915" s="10"/>
    </row>
    <row r="309916" spans="14:14">
      <c r="N309916" s="10"/>
    </row>
    <row r="309917" spans="14:14">
      <c r="N309917" s="10"/>
    </row>
    <row r="309918" spans="14:14">
      <c r="N309918" s="10"/>
    </row>
    <row r="309919" spans="14:14">
      <c r="N309919" s="10"/>
    </row>
    <row r="309920" spans="14:14">
      <c r="N309920" s="10"/>
    </row>
    <row r="309921" spans="14:14">
      <c r="N309921" s="10"/>
    </row>
    <row r="309922" spans="14:14">
      <c r="N309922" s="10"/>
    </row>
    <row r="309923" spans="14:14">
      <c r="N309923" s="10"/>
    </row>
    <row r="309924" spans="14:14">
      <c r="N309924" s="10"/>
    </row>
    <row r="309925" spans="14:14">
      <c r="N309925" s="10"/>
    </row>
    <row r="309926" spans="14:14">
      <c r="N309926" s="10"/>
    </row>
    <row r="309927" spans="14:14">
      <c r="N309927" s="10"/>
    </row>
    <row r="309928" spans="14:14">
      <c r="N309928" s="10"/>
    </row>
    <row r="309929" spans="14:14">
      <c r="N309929" s="10"/>
    </row>
    <row r="309930" spans="14:14">
      <c r="N309930" s="10"/>
    </row>
    <row r="309931" spans="14:14">
      <c r="N309931" s="10"/>
    </row>
    <row r="309932" spans="14:14">
      <c r="N309932" s="10"/>
    </row>
    <row r="309933" spans="14:14">
      <c r="N309933" s="10"/>
    </row>
    <row r="309934" spans="14:14">
      <c r="N309934" s="10"/>
    </row>
    <row r="309935" spans="14:14">
      <c r="N309935" s="10"/>
    </row>
    <row r="309936" spans="14:14">
      <c r="N309936" s="10"/>
    </row>
    <row r="309937" spans="14:14">
      <c r="N309937" s="10"/>
    </row>
    <row r="309938" spans="14:14">
      <c r="N309938" s="10"/>
    </row>
    <row r="309939" spans="14:14">
      <c r="N309939" s="10"/>
    </row>
    <row r="309940" spans="14:14">
      <c r="N309940" s="10"/>
    </row>
    <row r="309941" spans="14:14">
      <c r="N309941" s="10"/>
    </row>
    <row r="309942" spans="14:14">
      <c r="N309942" s="10"/>
    </row>
    <row r="309943" spans="14:14">
      <c r="N309943" s="10"/>
    </row>
    <row r="309944" spans="14:14">
      <c r="N309944" s="10"/>
    </row>
    <row r="309945" spans="14:14">
      <c r="N309945" s="10"/>
    </row>
    <row r="309946" spans="14:14">
      <c r="N309946" s="10"/>
    </row>
    <row r="309947" spans="14:14">
      <c r="N309947" s="10"/>
    </row>
    <row r="309948" spans="14:14">
      <c r="N309948" s="10"/>
    </row>
    <row r="309949" spans="14:14">
      <c r="N309949" s="10"/>
    </row>
    <row r="309950" spans="14:14">
      <c r="N309950" s="10"/>
    </row>
    <row r="309951" spans="14:14">
      <c r="N309951" s="10"/>
    </row>
    <row r="309952" spans="14:14">
      <c r="N309952" s="10"/>
    </row>
    <row r="309953" spans="14:14">
      <c r="N309953" s="10"/>
    </row>
    <row r="309954" spans="14:14">
      <c r="N309954" s="10"/>
    </row>
    <row r="309955" spans="14:14">
      <c r="N309955" s="10"/>
    </row>
    <row r="309956" spans="14:14">
      <c r="N309956" s="10"/>
    </row>
    <row r="309957" spans="14:14">
      <c r="N309957" s="10"/>
    </row>
    <row r="309958" spans="14:14">
      <c r="N309958" s="10"/>
    </row>
    <row r="309959" spans="14:14">
      <c r="N309959" s="10"/>
    </row>
    <row r="309960" spans="14:14">
      <c r="N309960" s="10"/>
    </row>
    <row r="309961" spans="14:14">
      <c r="N309961" s="10"/>
    </row>
    <row r="309962" spans="14:14">
      <c r="N309962" s="10"/>
    </row>
    <row r="309963" spans="14:14">
      <c r="N309963" s="10"/>
    </row>
    <row r="309964" spans="14:14">
      <c r="N309964" s="10"/>
    </row>
    <row r="309965" spans="14:14">
      <c r="N309965" s="10"/>
    </row>
    <row r="309966" spans="14:14">
      <c r="N309966" s="10"/>
    </row>
    <row r="309967" spans="14:14">
      <c r="N309967" s="10"/>
    </row>
    <row r="309968" spans="14:14">
      <c r="N309968" s="10"/>
    </row>
    <row r="309969" spans="14:14">
      <c r="N309969" s="10"/>
    </row>
    <row r="309970" spans="14:14">
      <c r="N309970" s="10"/>
    </row>
    <row r="309971" spans="14:14">
      <c r="N309971" s="10"/>
    </row>
    <row r="309972" spans="14:14">
      <c r="N309972" s="10"/>
    </row>
    <row r="309973" spans="14:14">
      <c r="N309973" s="10"/>
    </row>
    <row r="309974" spans="14:14">
      <c r="N309974" s="10"/>
    </row>
    <row r="309975" spans="14:14">
      <c r="N309975" s="10"/>
    </row>
    <row r="309976" spans="14:14">
      <c r="N309976" s="10"/>
    </row>
    <row r="309977" spans="14:14">
      <c r="N309977" s="10"/>
    </row>
    <row r="309978" spans="14:14">
      <c r="N309978" s="10"/>
    </row>
    <row r="309979" spans="14:14">
      <c r="N309979" s="10"/>
    </row>
    <row r="309980" spans="14:14">
      <c r="N309980" s="10"/>
    </row>
    <row r="309981" spans="14:14">
      <c r="N309981" s="10"/>
    </row>
    <row r="309982" spans="14:14">
      <c r="N309982" s="10"/>
    </row>
    <row r="309983" spans="14:14">
      <c r="N309983" s="10"/>
    </row>
    <row r="309984" spans="14:14">
      <c r="N309984" s="10"/>
    </row>
    <row r="309985" spans="14:14">
      <c r="N309985" s="10"/>
    </row>
    <row r="309986" spans="14:14">
      <c r="N309986" s="10"/>
    </row>
    <row r="309987" spans="14:14">
      <c r="N309987" s="10"/>
    </row>
    <row r="309988" spans="14:14">
      <c r="N309988" s="10"/>
    </row>
    <row r="309989" spans="14:14">
      <c r="N309989" s="10"/>
    </row>
    <row r="309990" spans="14:14">
      <c r="N309990" s="10"/>
    </row>
    <row r="309991" spans="14:14">
      <c r="N309991" s="10"/>
    </row>
    <row r="309992" spans="14:14">
      <c r="N309992" s="10"/>
    </row>
    <row r="309993" spans="14:14">
      <c r="N309993" s="10"/>
    </row>
    <row r="309994" spans="14:14">
      <c r="N309994" s="10"/>
    </row>
    <row r="309995" spans="14:14">
      <c r="N309995" s="10"/>
    </row>
    <row r="309996" spans="14:14">
      <c r="N309996" s="10"/>
    </row>
    <row r="309997" spans="14:14">
      <c r="N309997" s="10"/>
    </row>
    <row r="309998" spans="14:14">
      <c r="N309998" s="10"/>
    </row>
    <row r="309999" spans="14:14">
      <c r="N309999" s="10"/>
    </row>
    <row r="310000" spans="14:14">
      <c r="N310000" s="10"/>
    </row>
    <row r="310001" spans="14:14">
      <c r="N310001" s="10"/>
    </row>
    <row r="310002" spans="14:14">
      <c r="N310002" s="10"/>
    </row>
    <row r="310003" spans="14:14">
      <c r="N310003" s="10"/>
    </row>
    <row r="310004" spans="14:14">
      <c r="N310004" s="10"/>
    </row>
    <row r="310005" spans="14:14">
      <c r="N310005" s="10"/>
    </row>
    <row r="310006" spans="14:14">
      <c r="N310006" s="10"/>
    </row>
    <row r="310007" spans="14:14">
      <c r="N310007" s="10"/>
    </row>
    <row r="310008" spans="14:14">
      <c r="N310008" s="10"/>
    </row>
    <row r="310009" spans="14:14">
      <c r="N310009" s="10"/>
    </row>
    <row r="310010" spans="14:14">
      <c r="N310010" s="10"/>
    </row>
    <row r="310011" spans="14:14">
      <c r="N310011" s="10"/>
    </row>
    <row r="310012" spans="14:14">
      <c r="N310012" s="10"/>
    </row>
    <row r="310013" spans="14:14">
      <c r="N310013" s="10"/>
    </row>
    <row r="310014" spans="14:14">
      <c r="N310014" s="10"/>
    </row>
    <row r="310015" spans="14:14">
      <c r="N310015" s="10"/>
    </row>
    <row r="310016" spans="14:14">
      <c r="N310016" s="10"/>
    </row>
    <row r="310017" spans="14:14">
      <c r="N310017" s="10"/>
    </row>
    <row r="310018" spans="14:14">
      <c r="N310018" s="10"/>
    </row>
    <row r="310019" spans="14:14">
      <c r="N310019" s="10"/>
    </row>
    <row r="310020" spans="14:14">
      <c r="N310020" s="10"/>
    </row>
    <row r="310021" spans="14:14">
      <c r="N310021" s="10"/>
    </row>
    <row r="310022" spans="14:14">
      <c r="N310022" s="10"/>
    </row>
    <row r="310023" spans="14:14">
      <c r="N310023" s="10"/>
    </row>
    <row r="310024" spans="14:14">
      <c r="N310024" s="10"/>
    </row>
    <row r="310025" spans="14:14">
      <c r="N310025" s="10"/>
    </row>
    <row r="310026" spans="14:14">
      <c r="N310026" s="10"/>
    </row>
    <row r="310027" spans="14:14">
      <c r="N310027" s="10"/>
    </row>
    <row r="310028" spans="14:14">
      <c r="N310028" s="10"/>
    </row>
    <row r="310029" spans="14:14">
      <c r="N310029" s="10"/>
    </row>
    <row r="310030" spans="14:14">
      <c r="N310030" s="10"/>
    </row>
    <row r="310031" spans="14:14">
      <c r="N310031" s="10"/>
    </row>
    <row r="310032" spans="14:14">
      <c r="N310032" s="10"/>
    </row>
    <row r="310033" spans="14:14">
      <c r="N310033" s="10"/>
    </row>
    <row r="310034" spans="14:14">
      <c r="N310034" s="10"/>
    </row>
    <row r="310035" spans="14:14">
      <c r="N310035" s="10"/>
    </row>
    <row r="310036" spans="14:14">
      <c r="N310036" s="10"/>
    </row>
    <row r="310037" spans="14:14">
      <c r="N310037" s="10"/>
    </row>
    <row r="310038" spans="14:14">
      <c r="N310038" s="10"/>
    </row>
    <row r="310039" spans="14:14">
      <c r="N310039" s="10"/>
    </row>
    <row r="310040" spans="14:14">
      <c r="N310040" s="10"/>
    </row>
    <row r="310041" spans="14:14">
      <c r="N310041" s="10"/>
    </row>
    <row r="310042" spans="14:14">
      <c r="N310042" s="10"/>
    </row>
    <row r="310043" spans="14:14">
      <c r="N310043" s="10"/>
    </row>
    <row r="310044" spans="14:14">
      <c r="N310044" s="10"/>
    </row>
    <row r="310045" spans="14:14">
      <c r="N310045" s="10"/>
    </row>
    <row r="310046" spans="14:14">
      <c r="N310046" s="10"/>
    </row>
    <row r="310047" spans="14:14">
      <c r="N310047" s="10"/>
    </row>
    <row r="310048" spans="14:14">
      <c r="N310048" s="10"/>
    </row>
    <row r="310049" spans="14:14">
      <c r="N310049" s="10"/>
    </row>
    <row r="310050" spans="14:14">
      <c r="N310050" s="10"/>
    </row>
    <row r="310051" spans="14:14">
      <c r="N310051" s="10"/>
    </row>
    <row r="310052" spans="14:14">
      <c r="N310052" s="10"/>
    </row>
    <row r="310053" spans="14:14">
      <c r="N310053" s="10"/>
    </row>
    <row r="310054" spans="14:14">
      <c r="N310054" s="10"/>
    </row>
    <row r="310055" spans="14:14">
      <c r="N310055" s="10"/>
    </row>
    <row r="310056" spans="14:14">
      <c r="N310056" s="10"/>
    </row>
    <row r="310057" spans="14:14">
      <c r="N310057" s="10"/>
    </row>
    <row r="310058" spans="14:14">
      <c r="N310058" s="10"/>
    </row>
    <row r="310059" spans="14:14">
      <c r="N310059" s="10"/>
    </row>
    <row r="310060" spans="14:14">
      <c r="N310060" s="10"/>
    </row>
    <row r="310061" spans="14:14">
      <c r="N310061" s="10"/>
    </row>
    <row r="310062" spans="14:14">
      <c r="N310062" s="10"/>
    </row>
    <row r="310063" spans="14:14">
      <c r="N310063" s="10"/>
    </row>
    <row r="310064" spans="14:14">
      <c r="N310064" s="10"/>
    </row>
    <row r="310065" spans="14:14">
      <c r="N310065" s="10"/>
    </row>
    <row r="310066" spans="14:14">
      <c r="N310066" s="10"/>
    </row>
    <row r="310067" spans="14:14">
      <c r="N310067" s="10"/>
    </row>
    <row r="310068" spans="14:14">
      <c r="N310068" s="10"/>
    </row>
    <row r="310069" spans="14:14">
      <c r="N310069" s="10"/>
    </row>
    <row r="310070" spans="14:14">
      <c r="N310070" s="10"/>
    </row>
    <row r="310071" spans="14:14">
      <c r="N310071" s="10"/>
    </row>
    <row r="310072" spans="14:14">
      <c r="N310072" s="10"/>
    </row>
    <row r="310073" spans="14:14">
      <c r="N310073" s="10"/>
    </row>
    <row r="310074" spans="14:14">
      <c r="N310074" s="10"/>
    </row>
    <row r="310075" spans="14:14">
      <c r="N310075" s="10"/>
    </row>
    <row r="310076" spans="14:14">
      <c r="N310076" s="10"/>
    </row>
    <row r="310077" spans="14:14">
      <c r="N310077" s="10"/>
    </row>
    <row r="310078" spans="14:14">
      <c r="N310078" s="10"/>
    </row>
    <row r="310079" spans="14:14">
      <c r="N310079" s="10"/>
    </row>
    <row r="310080" spans="14:14">
      <c r="N310080" s="10"/>
    </row>
    <row r="310081" spans="14:14">
      <c r="N310081" s="10"/>
    </row>
    <row r="310082" spans="14:14">
      <c r="N310082" s="10"/>
    </row>
    <row r="310083" spans="14:14">
      <c r="N310083" s="10"/>
    </row>
    <row r="310084" spans="14:14">
      <c r="N310084" s="10"/>
    </row>
    <row r="310085" spans="14:14">
      <c r="N310085" s="10"/>
    </row>
    <row r="310086" spans="14:14">
      <c r="N310086" s="10"/>
    </row>
    <row r="310087" spans="14:14">
      <c r="N310087" s="10"/>
    </row>
    <row r="310088" spans="14:14">
      <c r="N310088" s="10"/>
    </row>
    <row r="310089" spans="14:14">
      <c r="N310089" s="10"/>
    </row>
    <row r="310090" spans="14:14">
      <c r="N310090" s="10"/>
    </row>
    <row r="310091" spans="14:14">
      <c r="N310091" s="10"/>
    </row>
    <row r="310092" spans="14:14">
      <c r="N310092" s="10"/>
    </row>
    <row r="310093" spans="14:14">
      <c r="N310093" s="10"/>
    </row>
    <row r="310094" spans="14:14">
      <c r="N310094" s="10"/>
    </row>
    <row r="310095" spans="14:14">
      <c r="N310095" s="10"/>
    </row>
    <row r="310096" spans="14:14">
      <c r="N310096" s="10"/>
    </row>
    <row r="310097" spans="14:14">
      <c r="N310097" s="10"/>
    </row>
    <row r="310098" spans="14:14">
      <c r="N310098" s="10"/>
    </row>
    <row r="310099" spans="14:14">
      <c r="N310099" s="10"/>
    </row>
    <row r="310100" spans="14:14">
      <c r="N310100" s="10"/>
    </row>
    <row r="310101" spans="14:14">
      <c r="N310101" s="10"/>
    </row>
    <row r="310102" spans="14:14">
      <c r="N310102" s="10"/>
    </row>
    <row r="310103" spans="14:14">
      <c r="N310103" s="10"/>
    </row>
    <row r="310104" spans="14:14">
      <c r="N310104" s="10"/>
    </row>
    <row r="310105" spans="14:14">
      <c r="N310105" s="10"/>
    </row>
    <row r="310106" spans="14:14">
      <c r="N310106" s="10"/>
    </row>
    <row r="310107" spans="14:14">
      <c r="N310107" s="10"/>
    </row>
    <row r="310108" spans="14:14">
      <c r="N310108" s="10"/>
    </row>
    <row r="310109" spans="14:14">
      <c r="N310109" s="10"/>
    </row>
    <row r="310110" spans="14:14">
      <c r="N310110" s="10"/>
    </row>
    <row r="310111" spans="14:14">
      <c r="N310111" s="10"/>
    </row>
    <row r="310112" spans="14:14">
      <c r="N310112" s="10"/>
    </row>
    <row r="310113" spans="14:14">
      <c r="N310113" s="10"/>
    </row>
    <row r="310114" spans="14:14">
      <c r="N310114" s="10"/>
    </row>
    <row r="310115" spans="14:14">
      <c r="N310115" s="10"/>
    </row>
    <row r="310116" spans="14:14">
      <c r="N310116" s="10"/>
    </row>
    <row r="310117" spans="14:14">
      <c r="N310117" s="10"/>
    </row>
    <row r="310118" spans="14:14">
      <c r="N310118" s="10"/>
    </row>
    <row r="310119" spans="14:14">
      <c r="N310119" s="10"/>
    </row>
    <row r="310120" spans="14:14">
      <c r="N310120" s="10"/>
    </row>
    <row r="310121" spans="14:14">
      <c r="N310121" s="10"/>
    </row>
    <row r="310122" spans="14:14">
      <c r="N310122" s="10"/>
    </row>
    <row r="310123" spans="14:14">
      <c r="N310123" s="10"/>
    </row>
    <row r="310124" spans="14:14">
      <c r="N310124" s="10"/>
    </row>
    <row r="310125" spans="14:14">
      <c r="N310125" s="10"/>
    </row>
    <row r="310126" spans="14:14">
      <c r="N310126" s="10"/>
    </row>
    <row r="310127" spans="14:14">
      <c r="N310127" s="10"/>
    </row>
    <row r="310128" spans="14:14">
      <c r="N310128" s="10"/>
    </row>
    <row r="310129" spans="14:14">
      <c r="N310129" s="10"/>
    </row>
    <row r="310130" spans="14:14">
      <c r="N310130" s="10"/>
    </row>
    <row r="310131" spans="14:14">
      <c r="N310131" s="10"/>
    </row>
    <row r="310132" spans="14:14">
      <c r="N310132" s="10"/>
    </row>
    <row r="310133" spans="14:14">
      <c r="N310133" s="10"/>
    </row>
    <row r="310134" spans="14:14">
      <c r="N310134" s="10"/>
    </row>
    <row r="310135" spans="14:14">
      <c r="N310135" s="10"/>
    </row>
    <row r="310136" spans="14:14">
      <c r="N310136" s="10"/>
    </row>
    <row r="310137" spans="14:14">
      <c r="N310137" s="10"/>
    </row>
    <row r="310138" spans="14:14">
      <c r="N310138" s="10"/>
    </row>
    <row r="310139" spans="14:14">
      <c r="N310139" s="10"/>
    </row>
    <row r="310140" spans="14:14">
      <c r="N310140" s="10"/>
    </row>
    <row r="310141" spans="14:14">
      <c r="N310141" s="10"/>
    </row>
    <row r="310142" spans="14:14">
      <c r="N310142" s="10"/>
    </row>
    <row r="310143" spans="14:14">
      <c r="N310143" s="10"/>
    </row>
    <row r="310144" spans="14:14">
      <c r="N310144" s="10"/>
    </row>
    <row r="310145" spans="14:14">
      <c r="N310145" s="10"/>
    </row>
    <row r="310146" spans="14:14">
      <c r="N310146" s="10"/>
    </row>
    <row r="310147" spans="14:14">
      <c r="N310147" s="10"/>
    </row>
    <row r="310148" spans="14:14">
      <c r="N310148" s="10"/>
    </row>
    <row r="310149" spans="14:14">
      <c r="N310149" s="10"/>
    </row>
    <row r="310150" spans="14:14">
      <c r="N310150" s="10"/>
    </row>
    <row r="310151" spans="14:14">
      <c r="N310151" s="10"/>
    </row>
    <row r="310152" spans="14:14">
      <c r="N310152" s="10"/>
    </row>
    <row r="310153" spans="14:14">
      <c r="N310153" s="10"/>
    </row>
    <row r="310154" spans="14:14">
      <c r="N310154" s="10"/>
    </row>
    <row r="310155" spans="14:14">
      <c r="N310155" s="10"/>
    </row>
    <row r="310156" spans="14:14">
      <c r="N310156" s="10"/>
    </row>
    <row r="310157" spans="14:14">
      <c r="N310157" s="10"/>
    </row>
    <row r="310158" spans="14:14">
      <c r="N310158" s="10"/>
    </row>
    <row r="310159" spans="14:14">
      <c r="N310159" s="10"/>
    </row>
    <row r="310160" spans="14:14">
      <c r="N310160" s="10"/>
    </row>
    <row r="310161" spans="14:14">
      <c r="N310161" s="10"/>
    </row>
    <row r="310162" spans="14:14">
      <c r="N310162" s="10"/>
    </row>
    <row r="310163" spans="14:14">
      <c r="N310163" s="10"/>
    </row>
    <row r="310164" spans="14:14">
      <c r="N310164" s="10"/>
    </row>
    <row r="310165" spans="14:14">
      <c r="N310165" s="10"/>
    </row>
    <row r="310166" spans="14:14">
      <c r="N310166" s="10"/>
    </row>
    <row r="310167" spans="14:14">
      <c r="N310167" s="10"/>
    </row>
    <row r="310168" spans="14:14">
      <c r="N310168" s="10"/>
    </row>
    <row r="310169" spans="14:14">
      <c r="N310169" s="10"/>
    </row>
    <row r="310170" spans="14:14">
      <c r="N310170" s="10"/>
    </row>
    <row r="310171" spans="14:14">
      <c r="N310171" s="10"/>
    </row>
    <row r="310172" spans="14:14">
      <c r="N310172" s="10"/>
    </row>
    <row r="310173" spans="14:14">
      <c r="N310173" s="10"/>
    </row>
    <row r="310174" spans="14:14">
      <c r="N310174" s="10"/>
    </row>
    <row r="310175" spans="14:14">
      <c r="N310175" s="10"/>
    </row>
    <row r="310176" spans="14:14">
      <c r="N310176" s="10"/>
    </row>
    <row r="310177" spans="14:14">
      <c r="N310177" s="10"/>
    </row>
    <row r="310178" spans="14:14">
      <c r="N310178" s="10"/>
    </row>
    <row r="310179" spans="14:14">
      <c r="N310179" s="10"/>
    </row>
    <row r="310180" spans="14:14">
      <c r="N310180" s="10"/>
    </row>
    <row r="310181" spans="14:14">
      <c r="N310181" s="10"/>
    </row>
    <row r="310182" spans="14:14">
      <c r="N310182" s="10"/>
    </row>
    <row r="310183" spans="14:14">
      <c r="N310183" s="10"/>
    </row>
    <row r="310184" spans="14:14">
      <c r="N310184" s="10"/>
    </row>
    <row r="310185" spans="14:14">
      <c r="N310185" s="10"/>
    </row>
    <row r="310186" spans="14:14">
      <c r="N310186" s="10"/>
    </row>
    <row r="310187" spans="14:14">
      <c r="N310187" s="10"/>
    </row>
    <row r="310188" spans="14:14">
      <c r="N310188" s="10"/>
    </row>
    <row r="310189" spans="14:14">
      <c r="N310189" s="10"/>
    </row>
    <row r="310190" spans="14:14">
      <c r="N310190" s="10"/>
    </row>
    <row r="310191" spans="14:14">
      <c r="N310191" s="10"/>
    </row>
    <row r="310192" spans="14:14">
      <c r="N310192" s="10"/>
    </row>
    <row r="310193" spans="14:14">
      <c r="N310193" s="10"/>
    </row>
    <row r="310194" spans="14:14">
      <c r="N310194" s="10"/>
    </row>
    <row r="310195" spans="14:14">
      <c r="N310195" s="10"/>
    </row>
    <row r="310196" spans="14:14">
      <c r="N310196" s="10"/>
    </row>
    <row r="310197" spans="14:14">
      <c r="N310197" s="10"/>
    </row>
    <row r="310198" spans="14:14">
      <c r="N310198" s="10"/>
    </row>
    <row r="310199" spans="14:14">
      <c r="N310199" s="10"/>
    </row>
    <row r="310200" spans="14:14">
      <c r="N310200" s="10"/>
    </row>
    <row r="310201" spans="14:14">
      <c r="N310201" s="10"/>
    </row>
    <row r="310202" spans="14:14">
      <c r="N310202" s="10"/>
    </row>
    <row r="310203" spans="14:14">
      <c r="N310203" s="10"/>
    </row>
    <row r="310204" spans="14:14">
      <c r="N310204" s="10"/>
    </row>
    <row r="310205" spans="14:14">
      <c r="N310205" s="10"/>
    </row>
    <row r="310206" spans="14:14">
      <c r="N310206" s="10"/>
    </row>
    <row r="310207" spans="14:14">
      <c r="N310207" s="10"/>
    </row>
    <row r="310208" spans="14:14">
      <c r="N310208" s="10"/>
    </row>
    <row r="310209" spans="14:14">
      <c r="N310209" s="10"/>
    </row>
    <row r="310210" spans="14:14">
      <c r="N310210" s="10"/>
    </row>
    <row r="310211" spans="14:14">
      <c r="N310211" s="10"/>
    </row>
    <row r="310212" spans="14:14">
      <c r="N310212" s="10"/>
    </row>
    <row r="310213" spans="14:14">
      <c r="N310213" s="10"/>
    </row>
    <row r="310214" spans="14:14">
      <c r="N310214" s="10"/>
    </row>
    <row r="310215" spans="14:14">
      <c r="N310215" s="10"/>
    </row>
    <row r="310216" spans="14:14">
      <c r="N310216" s="10"/>
    </row>
    <row r="310217" spans="14:14">
      <c r="N310217" s="10"/>
    </row>
    <row r="310218" spans="14:14">
      <c r="N310218" s="10"/>
    </row>
    <row r="310219" spans="14:14">
      <c r="N310219" s="10"/>
    </row>
    <row r="310220" spans="14:14">
      <c r="N310220" s="10"/>
    </row>
    <row r="310221" spans="14:14">
      <c r="N310221" s="10"/>
    </row>
    <row r="310222" spans="14:14">
      <c r="N310222" s="10"/>
    </row>
    <row r="310223" spans="14:14">
      <c r="N310223" s="10"/>
    </row>
    <row r="310224" spans="14:14">
      <c r="N310224" s="10"/>
    </row>
    <row r="310225" spans="14:14">
      <c r="N310225" s="10"/>
    </row>
    <row r="310226" spans="14:14">
      <c r="N310226" s="10"/>
    </row>
    <row r="310227" spans="14:14">
      <c r="N310227" s="10"/>
    </row>
    <row r="310228" spans="14:14">
      <c r="N310228" s="10"/>
    </row>
    <row r="310229" spans="14:14">
      <c r="N310229" s="10"/>
    </row>
    <row r="310230" spans="14:14">
      <c r="N310230" s="10"/>
    </row>
    <row r="310231" spans="14:14">
      <c r="N310231" s="10"/>
    </row>
    <row r="310232" spans="14:14">
      <c r="N310232" s="10"/>
    </row>
    <row r="310233" spans="14:14">
      <c r="N310233" s="10"/>
    </row>
    <row r="310234" spans="14:14">
      <c r="N310234" s="10"/>
    </row>
    <row r="310235" spans="14:14">
      <c r="N310235" s="10"/>
    </row>
    <row r="310236" spans="14:14">
      <c r="N310236" s="10"/>
    </row>
    <row r="310237" spans="14:14">
      <c r="N310237" s="10"/>
    </row>
    <row r="310238" spans="14:14">
      <c r="N310238" s="10"/>
    </row>
    <row r="310239" spans="14:14">
      <c r="N310239" s="10"/>
    </row>
    <row r="310240" spans="14:14">
      <c r="N310240" s="10"/>
    </row>
    <row r="310241" spans="14:14">
      <c r="N310241" s="10"/>
    </row>
    <row r="310242" spans="14:14">
      <c r="N310242" s="10"/>
    </row>
    <row r="310243" spans="14:14">
      <c r="N310243" s="10"/>
    </row>
    <row r="310244" spans="14:14">
      <c r="N310244" s="10"/>
    </row>
    <row r="310245" spans="14:14">
      <c r="N310245" s="10"/>
    </row>
    <row r="310246" spans="14:14">
      <c r="N310246" s="10"/>
    </row>
    <row r="310247" spans="14:14">
      <c r="N310247" s="10"/>
    </row>
    <row r="310248" spans="14:14">
      <c r="N310248" s="10"/>
    </row>
    <row r="310249" spans="14:14">
      <c r="N310249" s="10"/>
    </row>
    <row r="310250" spans="14:14">
      <c r="N310250" s="10"/>
    </row>
    <row r="310251" spans="14:14">
      <c r="N310251" s="10"/>
    </row>
    <row r="310252" spans="14:14">
      <c r="N310252" s="10"/>
    </row>
    <row r="310253" spans="14:14">
      <c r="N310253" s="10"/>
    </row>
    <row r="310254" spans="14:14">
      <c r="N310254" s="10"/>
    </row>
    <row r="310255" spans="14:14">
      <c r="N310255" s="10"/>
    </row>
    <row r="310256" spans="14:14">
      <c r="N310256" s="10"/>
    </row>
    <row r="310257" spans="14:14">
      <c r="N310257" s="10"/>
    </row>
    <row r="310258" spans="14:14">
      <c r="N310258" s="10"/>
    </row>
    <row r="310259" spans="14:14">
      <c r="N310259" s="10"/>
    </row>
    <row r="310260" spans="14:14">
      <c r="N310260" s="10"/>
    </row>
    <row r="310261" spans="14:14">
      <c r="N310261" s="10"/>
    </row>
    <row r="310262" spans="14:14">
      <c r="N310262" s="10"/>
    </row>
    <row r="310263" spans="14:14">
      <c r="N310263" s="10"/>
    </row>
    <row r="310264" spans="14:14">
      <c r="N310264" s="10"/>
    </row>
    <row r="310265" spans="14:14">
      <c r="N310265" s="10"/>
    </row>
    <row r="310266" spans="14:14">
      <c r="N310266" s="10"/>
    </row>
    <row r="310267" spans="14:14">
      <c r="N310267" s="10"/>
    </row>
    <row r="310268" spans="14:14">
      <c r="N310268" s="10"/>
    </row>
    <row r="310269" spans="14:14">
      <c r="N310269" s="10"/>
    </row>
    <row r="310270" spans="14:14">
      <c r="N310270" s="10"/>
    </row>
    <row r="310271" spans="14:14">
      <c r="N310271" s="10"/>
    </row>
    <row r="310272" spans="14:14">
      <c r="N310272" s="10"/>
    </row>
    <row r="310273" spans="14:14">
      <c r="N310273" s="10"/>
    </row>
    <row r="310274" spans="14:14">
      <c r="N310274" s="10"/>
    </row>
    <row r="310275" spans="14:14">
      <c r="N310275" s="10"/>
    </row>
    <row r="310276" spans="14:14">
      <c r="N310276" s="10"/>
    </row>
    <row r="310277" spans="14:14">
      <c r="N310277" s="10"/>
    </row>
    <row r="310278" spans="14:14">
      <c r="N310278" s="10"/>
    </row>
    <row r="310279" spans="14:14">
      <c r="N310279" s="10"/>
    </row>
    <row r="310280" spans="14:14">
      <c r="N310280" s="10"/>
    </row>
    <row r="310281" spans="14:14">
      <c r="N310281" s="10"/>
    </row>
    <row r="310282" spans="14:14">
      <c r="N310282" s="10"/>
    </row>
    <row r="310283" spans="14:14">
      <c r="N310283" s="10"/>
    </row>
    <row r="310284" spans="14:14">
      <c r="N310284" s="10"/>
    </row>
    <row r="310285" spans="14:14">
      <c r="N310285" s="10"/>
    </row>
    <row r="310286" spans="14:14">
      <c r="N310286" s="10"/>
    </row>
    <row r="310287" spans="14:14">
      <c r="N310287" s="10"/>
    </row>
    <row r="310288" spans="14:14">
      <c r="N310288" s="10"/>
    </row>
    <row r="310289" spans="14:14">
      <c r="N310289" s="10"/>
    </row>
    <row r="310290" spans="14:14">
      <c r="N310290" s="10"/>
    </row>
    <row r="310291" spans="14:14">
      <c r="N310291" s="10"/>
    </row>
    <row r="310292" spans="14:14">
      <c r="N310292" s="10"/>
    </row>
    <row r="310293" spans="14:14">
      <c r="N310293" s="10"/>
    </row>
    <row r="310294" spans="14:14">
      <c r="N310294" s="10"/>
    </row>
    <row r="310295" spans="14:14">
      <c r="N310295" s="10"/>
    </row>
    <row r="310296" spans="14:14">
      <c r="N310296" s="10"/>
    </row>
    <row r="310297" spans="14:14">
      <c r="N310297" s="10"/>
    </row>
    <row r="310298" spans="14:14">
      <c r="N310298" s="10"/>
    </row>
    <row r="310299" spans="14:14">
      <c r="N310299" s="10"/>
    </row>
    <row r="310300" spans="14:14">
      <c r="N310300" s="10"/>
    </row>
    <row r="310301" spans="14:14">
      <c r="N310301" s="10"/>
    </row>
    <row r="310302" spans="14:14">
      <c r="N310302" s="10"/>
    </row>
    <row r="310303" spans="14:14">
      <c r="N310303" s="10"/>
    </row>
    <row r="310304" spans="14:14">
      <c r="N310304" s="10"/>
    </row>
    <row r="310305" spans="14:14">
      <c r="N310305" s="10"/>
    </row>
    <row r="310306" spans="14:14">
      <c r="N310306" s="10"/>
    </row>
    <row r="310307" spans="14:14">
      <c r="N310307" s="10"/>
    </row>
    <row r="310308" spans="14:14">
      <c r="N310308" s="10"/>
    </row>
    <row r="310309" spans="14:14">
      <c r="N310309" s="10"/>
    </row>
    <row r="310310" spans="14:14">
      <c r="N310310" s="10"/>
    </row>
    <row r="310311" spans="14:14">
      <c r="N310311" s="10"/>
    </row>
    <row r="310312" spans="14:14">
      <c r="N310312" s="10"/>
    </row>
    <row r="310313" spans="14:14">
      <c r="N310313" s="10"/>
    </row>
    <row r="310314" spans="14:14">
      <c r="N310314" s="10"/>
    </row>
    <row r="310315" spans="14:14">
      <c r="N310315" s="10"/>
    </row>
    <row r="310316" spans="14:14">
      <c r="N310316" s="10"/>
    </row>
    <row r="310317" spans="14:14">
      <c r="N310317" s="10"/>
    </row>
    <row r="310318" spans="14:14">
      <c r="N310318" s="10"/>
    </row>
    <row r="310319" spans="14:14">
      <c r="N310319" s="10"/>
    </row>
    <row r="310320" spans="14:14">
      <c r="N310320" s="10"/>
    </row>
    <row r="310321" spans="14:14">
      <c r="N310321" s="10"/>
    </row>
    <row r="310322" spans="14:14">
      <c r="N310322" s="10"/>
    </row>
    <row r="310323" spans="14:14">
      <c r="N310323" s="10"/>
    </row>
    <row r="310324" spans="14:14">
      <c r="N310324" s="10"/>
    </row>
    <row r="310325" spans="14:14">
      <c r="N310325" s="10"/>
    </row>
    <row r="310326" spans="14:14">
      <c r="N310326" s="10"/>
    </row>
    <row r="310327" spans="14:14">
      <c r="N310327" s="10"/>
    </row>
    <row r="310328" spans="14:14">
      <c r="N310328" s="10"/>
    </row>
    <row r="310329" spans="14:14">
      <c r="N310329" s="10"/>
    </row>
    <row r="310330" spans="14:14">
      <c r="N310330" s="10"/>
    </row>
    <row r="310331" spans="14:14">
      <c r="N310331" s="10"/>
    </row>
    <row r="310332" spans="14:14">
      <c r="N310332" s="10"/>
    </row>
    <row r="310333" spans="14:14">
      <c r="N310333" s="10"/>
    </row>
    <row r="310334" spans="14:14">
      <c r="N310334" s="10"/>
    </row>
    <row r="310335" spans="14:14">
      <c r="N310335" s="10"/>
    </row>
    <row r="310336" spans="14:14">
      <c r="N310336" s="10"/>
    </row>
    <row r="310337" spans="14:14">
      <c r="N310337" s="10"/>
    </row>
    <row r="310338" spans="14:14">
      <c r="N310338" s="10"/>
    </row>
    <row r="310339" spans="14:14">
      <c r="N310339" s="10"/>
    </row>
    <row r="310340" spans="14:14">
      <c r="N310340" s="10"/>
    </row>
    <row r="310341" spans="14:14">
      <c r="N310341" s="10"/>
    </row>
    <row r="310342" spans="14:14">
      <c r="N310342" s="10"/>
    </row>
    <row r="310343" spans="14:14">
      <c r="N310343" s="10"/>
    </row>
    <row r="310344" spans="14:14">
      <c r="N310344" s="10"/>
    </row>
    <row r="310345" spans="14:14">
      <c r="N310345" s="10"/>
    </row>
    <row r="310346" spans="14:14">
      <c r="N310346" s="10"/>
    </row>
    <row r="310347" spans="14:14">
      <c r="N310347" s="10"/>
    </row>
    <row r="310348" spans="14:14">
      <c r="N310348" s="10"/>
    </row>
    <row r="310349" spans="14:14">
      <c r="N310349" s="10"/>
    </row>
    <row r="310350" spans="14:14">
      <c r="N310350" s="10"/>
    </row>
    <row r="310351" spans="14:14">
      <c r="N310351" s="10"/>
    </row>
    <row r="310352" spans="14:14">
      <c r="N310352" s="10"/>
    </row>
    <row r="310353" spans="14:14">
      <c r="N310353" s="10"/>
    </row>
    <row r="310354" spans="14:14">
      <c r="N310354" s="10"/>
    </row>
    <row r="310355" spans="14:14">
      <c r="N310355" s="10"/>
    </row>
    <row r="310356" spans="14:14">
      <c r="N310356" s="10"/>
    </row>
    <row r="310357" spans="14:14">
      <c r="N310357" s="10"/>
    </row>
    <row r="310358" spans="14:14">
      <c r="N310358" s="10"/>
    </row>
    <row r="310359" spans="14:14">
      <c r="N310359" s="10"/>
    </row>
    <row r="310360" spans="14:14">
      <c r="N310360" s="10"/>
    </row>
    <row r="310361" spans="14:14">
      <c r="N310361" s="10"/>
    </row>
    <row r="310362" spans="14:14">
      <c r="N310362" s="10"/>
    </row>
    <row r="310363" spans="14:14">
      <c r="N310363" s="10"/>
    </row>
    <row r="310364" spans="14:14">
      <c r="N310364" s="10"/>
    </row>
    <row r="310365" spans="14:14">
      <c r="N310365" s="10"/>
    </row>
    <row r="310366" spans="14:14">
      <c r="N310366" s="10"/>
    </row>
    <row r="310367" spans="14:14">
      <c r="N310367" s="10"/>
    </row>
    <row r="310368" spans="14:14">
      <c r="N310368" s="10"/>
    </row>
    <row r="310369" spans="14:14">
      <c r="N310369" s="10"/>
    </row>
    <row r="310370" spans="14:14">
      <c r="N310370" s="10"/>
    </row>
    <row r="310371" spans="14:14">
      <c r="N310371" s="10"/>
    </row>
    <row r="310372" spans="14:14">
      <c r="N310372" s="10"/>
    </row>
    <row r="310373" spans="14:14">
      <c r="N310373" s="10"/>
    </row>
    <row r="310374" spans="14:14">
      <c r="N310374" s="10"/>
    </row>
    <row r="310375" spans="14:14">
      <c r="N310375" s="10"/>
    </row>
    <row r="310376" spans="14:14">
      <c r="N310376" s="10"/>
    </row>
    <row r="310377" spans="14:14">
      <c r="N310377" s="10"/>
    </row>
    <row r="310378" spans="14:14">
      <c r="N310378" s="10"/>
    </row>
    <row r="310379" spans="14:14">
      <c r="N310379" s="10"/>
    </row>
    <row r="310380" spans="14:14">
      <c r="N310380" s="10"/>
    </row>
    <row r="310381" spans="14:14">
      <c r="N310381" s="10"/>
    </row>
    <row r="310382" spans="14:14">
      <c r="N310382" s="10"/>
    </row>
    <row r="310383" spans="14:14">
      <c r="N310383" s="10"/>
    </row>
    <row r="310384" spans="14:14">
      <c r="N310384" s="10"/>
    </row>
    <row r="310385" spans="14:14">
      <c r="N310385" s="10"/>
    </row>
    <row r="310386" spans="14:14">
      <c r="N310386" s="10"/>
    </row>
    <row r="310387" spans="14:14">
      <c r="N310387" s="10"/>
    </row>
    <row r="310388" spans="14:14">
      <c r="N310388" s="10"/>
    </row>
    <row r="310389" spans="14:14">
      <c r="N310389" s="10"/>
    </row>
    <row r="310390" spans="14:14">
      <c r="N310390" s="10"/>
    </row>
    <row r="310391" spans="14:14">
      <c r="N310391" s="10"/>
    </row>
    <row r="310392" spans="14:14">
      <c r="N310392" s="10"/>
    </row>
    <row r="310393" spans="14:14">
      <c r="N310393" s="10"/>
    </row>
    <row r="310394" spans="14:14">
      <c r="N310394" s="10"/>
    </row>
    <row r="310395" spans="14:14">
      <c r="N310395" s="10"/>
    </row>
    <row r="310396" spans="14:14">
      <c r="N310396" s="10"/>
    </row>
    <row r="310397" spans="14:14">
      <c r="N310397" s="10"/>
    </row>
    <row r="310398" spans="14:14">
      <c r="N310398" s="10"/>
    </row>
    <row r="310399" spans="14:14">
      <c r="N310399" s="10"/>
    </row>
    <row r="310400" spans="14:14">
      <c r="N310400" s="10"/>
    </row>
    <row r="310401" spans="14:14">
      <c r="N310401" s="10"/>
    </row>
    <row r="310402" spans="14:14">
      <c r="N310402" s="10"/>
    </row>
    <row r="310403" spans="14:14">
      <c r="N310403" s="10"/>
    </row>
    <row r="310404" spans="14:14">
      <c r="N310404" s="10"/>
    </row>
    <row r="310405" spans="14:14">
      <c r="N310405" s="10"/>
    </row>
    <row r="310406" spans="14:14">
      <c r="N310406" s="10"/>
    </row>
    <row r="310407" spans="14:14">
      <c r="N310407" s="10"/>
    </row>
    <row r="310408" spans="14:14">
      <c r="N310408" s="10"/>
    </row>
    <row r="310409" spans="14:14">
      <c r="N310409" s="10"/>
    </row>
    <row r="310410" spans="14:14">
      <c r="N310410" s="10"/>
    </row>
    <row r="310411" spans="14:14">
      <c r="N310411" s="10"/>
    </row>
    <row r="310412" spans="14:14">
      <c r="N310412" s="10"/>
    </row>
    <row r="310413" spans="14:14">
      <c r="N310413" s="10"/>
    </row>
    <row r="310414" spans="14:14">
      <c r="N310414" s="10"/>
    </row>
    <row r="310415" spans="14:14">
      <c r="N310415" s="10"/>
    </row>
    <row r="310416" spans="14:14">
      <c r="N310416" s="10"/>
    </row>
    <row r="310417" spans="14:14">
      <c r="N310417" s="10"/>
    </row>
    <row r="310418" spans="14:14">
      <c r="N310418" s="10"/>
    </row>
    <row r="310419" spans="14:14">
      <c r="N310419" s="10"/>
    </row>
    <row r="310420" spans="14:14">
      <c r="N310420" s="10"/>
    </row>
    <row r="310421" spans="14:14">
      <c r="N310421" s="10"/>
    </row>
    <row r="310422" spans="14:14">
      <c r="N310422" s="10"/>
    </row>
    <row r="310423" spans="14:14">
      <c r="N310423" s="10"/>
    </row>
    <row r="310424" spans="14:14">
      <c r="N310424" s="10"/>
    </row>
    <row r="310425" spans="14:14">
      <c r="N310425" s="10"/>
    </row>
    <row r="310426" spans="14:14">
      <c r="N310426" s="10"/>
    </row>
    <row r="310427" spans="14:14">
      <c r="N310427" s="10"/>
    </row>
    <row r="310428" spans="14:14">
      <c r="N310428" s="10"/>
    </row>
    <row r="310429" spans="14:14">
      <c r="N310429" s="10"/>
    </row>
    <row r="310430" spans="14:14">
      <c r="N310430" s="10"/>
    </row>
    <row r="310431" spans="14:14">
      <c r="N310431" s="10"/>
    </row>
    <row r="310432" spans="14:14">
      <c r="N310432" s="10"/>
    </row>
    <row r="310433" spans="14:14">
      <c r="N310433" s="10"/>
    </row>
    <row r="310434" spans="14:14">
      <c r="N310434" s="10"/>
    </row>
    <row r="310435" spans="14:14">
      <c r="N310435" s="10"/>
    </row>
    <row r="310436" spans="14:14">
      <c r="N310436" s="10"/>
    </row>
    <row r="310437" spans="14:14">
      <c r="N310437" s="10"/>
    </row>
    <row r="310438" spans="14:14">
      <c r="N310438" s="10"/>
    </row>
    <row r="310439" spans="14:14">
      <c r="N310439" s="10"/>
    </row>
    <row r="310440" spans="14:14">
      <c r="N310440" s="10"/>
    </row>
    <row r="310441" spans="14:14">
      <c r="N310441" s="10"/>
    </row>
    <row r="310442" spans="14:14">
      <c r="N310442" s="10"/>
    </row>
    <row r="310443" spans="14:14">
      <c r="N310443" s="10"/>
    </row>
    <row r="310444" spans="14:14">
      <c r="N310444" s="10"/>
    </row>
    <row r="310445" spans="14:14">
      <c r="N310445" s="10"/>
    </row>
    <row r="310446" spans="14:14">
      <c r="N310446" s="10"/>
    </row>
    <row r="310447" spans="14:14">
      <c r="N310447" s="10"/>
    </row>
    <row r="310448" spans="14:14">
      <c r="N310448" s="10"/>
    </row>
    <row r="310449" spans="14:14">
      <c r="N310449" s="10"/>
    </row>
    <row r="310450" spans="14:14">
      <c r="N310450" s="10"/>
    </row>
    <row r="310451" spans="14:14">
      <c r="N310451" s="10"/>
    </row>
    <row r="310452" spans="14:14">
      <c r="N310452" s="10"/>
    </row>
    <row r="310453" spans="14:14">
      <c r="N310453" s="10"/>
    </row>
    <row r="310454" spans="14:14">
      <c r="N310454" s="10"/>
    </row>
    <row r="310455" spans="14:14">
      <c r="N310455" s="10"/>
    </row>
    <row r="310456" spans="14:14">
      <c r="N310456" s="10"/>
    </row>
    <row r="310457" spans="14:14">
      <c r="N310457" s="10"/>
    </row>
    <row r="310458" spans="14:14">
      <c r="N310458" s="10"/>
    </row>
    <row r="310459" spans="14:14">
      <c r="N310459" s="10"/>
    </row>
    <row r="310460" spans="14:14">
      <c r="N310460" s="10"/>
    </row>
    <row r="310461" spans="14:14">
      <c r="N310461" s="10"/>
    </row>
    <row r="310462" spans="14:14">
      <c r="N310462" s="10"/>
    </row>
    <row r="310463" spans="14:14">
      <c r="N310463" s="10"/>
    </row>
    <row r="310464" spans="14:14">
      <c r="N310464" s="10"/>
    </row>
    <row r="310465" spans="14:14">
      <c r="N310465" s="10"/>
    </row>
    <row r="310466" spans="14:14">
      <c r="N310466" s="10"/>
    </row>
    <row r="310467" spans="14:14">
      <c r="N310467" s="10"/>
    </row>
    <row r="310468" spans="14:14">
      <c r="N310468" s="10"/>
    </row>
    <row r="310469" spans="14:14">
      <c r="N310469" s="10"/>
    </row>
    <row r="310470" spans="14:14">
      <c r="N310470" s="10"/>
    </row>
    <row r="310471" spans="14:14">
      <c r="N310471" s="10"/>
    </row>
    <row r="310472" spans="14:14">
      <c r="N310472" s="10"/>
    </row>
    <row r="310473" spans="14:14">
      <c r="N310473" s="10"/>
    </row>
    <row r="310474" spans="14:14">
      <c r="N310474" s="10"/>
    </row>
    <row r="310475" spans="14:14">
      <c r="N310475" s="10"/>
    </row>
    <row r="310476" spans="14:14">
      <c r="N310476" s="10"/>
    </row>
    <row r="310477" spans="14:14">
      <c r="N310477" s="10"/>
    </row>
    <row r="310478" spans="14:14">
      <c r="N310478" s="10"/>
    </row>
    <row r="310479" spans="14:14">
      <c r="N310479" s="10"/>
    </row>
    <row r="310480" spans="14:14">
      <c r="N310480" s="10"/>
    </row>
    <row r="310481" spans="14:14">
      <c r="N310481" s="10"/>
    </row>
    <row r="310482" spans="14:14">
      <c r="N310482" s="10"/>
    </row>
    <row r="310483" spans="14:14">
      <c r="N310483" s="10"/>
    </row>
    <row r="310484" spans="14:14">
      <c r="N310484" s="10"/>
    </row>
    <row r="310485" spans="14:14">
      <c r="N310485" s="10"/>
    </row>
    <row r="310486" spans="14:14">
      <c r="N310486" s="10"/>
    </row>
    <row r="310487" spans="14:14">
      <c r="N310487" s="10"/>
    </row>
    <row r="310488" spans="14:14">
      <c r="N310488" s="10"/>
    </row>
    <row r="310489" spans="14:14">
      <c r="N310489" s="10"/>
    </row>
    <row r="310490" spans="14:14">
      <c r="N310490" s="10"/>
    </row>
    <row r="310491" spans="14:14">
      <c r="N310491" s="10"/>
    </row>
    <row r="310492" spans="14:14">
      <c r="N310492" s="10"/>
    </row>
    <row r="310493" spans="14:14">
      <c r="N310493" s="10"/>
    </row>
    <row r="310494" spans="14:14">
      <c r="N310494" s="10"/>
    </row>
    <row r="310495" spans="14:14">
      <c r="N310495" s="10"/>
    </row>
    <row r="310496" spans="14:14">
      <c r="N310496" s="10"/>
    </row>
    <row r="310497" spans="14:14">
      <c r="N310497" s="10"/>
    </row>
    <row r="310498" spans="14:14">
      <c r="N310498" s="10"/>
    </row>
    <row r="310499" spans="14:14">
      <c r="N310499" s="10"/>
    </row>
    <row r="310500" spans="14:14">
      <c r="N310500" s="10"/>
    </row>
    <row r="310501" spans="14:14">
      <c r="N310501" s="10"/>
    </row>
    <row r="310502" spans="14:14">
      <c r="N310502" s="10"/>
    </row>
    <row r="310503" spans="14:14">
      <c r="N310503" s="10"/>
    </row>
    <row r="310504" spans="14:14">
      <c r="N310504" s="10"/>
    </row>
    <row r="310505" spans="14:14">
      <c r="N310505" s="10"/>
    </row>
    <row r="310506" spans="14:14">
      <c r="N310506" s="10"/>
    </row>
    <row r="310507" spans="14:14">
      <c r="N310507" s="10"/>
    </row>
    <row r="310508" spans="14:14">
      <c r="N310508" s="10"/>
    </row>
    <row r="310509" spans="14:14">
      <c r="N310509" s="10"/>
    </row>
    <row r="310510" spans="14:14">
      <c r="N310510" s="10"/>
    </row>
    <row r="310511" spans="14:14">
      <c r="N310511" s="10"/>
    </row>
    <row r="310512" spans="14:14">
      <c r="N310512" s="10"/>
    </row>
    <row r="310513" spans="14:14">
      <c r="N310513" s="10"/>
    </row>
    <row r="310514" spans="14:14">
      <c r="N310514" s="10"/>
    </row>
    <row r="310515" spans="14:14">
      <c r="N310515" s="10"/>
    </row>
    <row r="310516" spans="14:14">
      <c r="N310516" s="10"/>
    </row>
    <row r="310517" spans="14:14">
      <c r="N310517" s="10"/>
    </row>
    <row r="310518" spans="14:14">
      <c r="N310518" s="10"/>
    </row>
    <row r="310519" spans="14:14">
      <c r="N310519" s="10"/>
    </row>
    <row r="310520" spans="14:14">
      <c r="N310520" s="10"/>
    </row>
    <row r="310521" spans="14:14">
      <c r="N310521" s="10"/>
    </row>
    <row r="310522" spans="14:14">
      <c r="N310522" s="10"/>
    </row>
    <row r="310523" spans="14:14">
      <c r="N310523" s="10"/>
    </row>
    <row r="310524" spans="14:14">
      <c r="N310524" s="10"/>
    </row>
    <row r="310525" spans="14:14">
      <c r="N310525" s="10"/>
    </row>
    <row r="310526" spans="14:14">
      <c r="N310526" s="10"/>
    </row>
    <row r="310527" spans="14:14">
      <c r="N310527" s="10"/>
    </row>
    <row r="310528" spans="14:14">
      <c r="N310528" s="10"/>
    </row>
    <row r="310529" spans="14:14">
      <c r="N310529" s="10"/>
    </row>
    <row r="310530" spans="14:14">
      <c r="N310530" s="10"/>
    </row>
    <row r="310531" spans="14:14">
      <c r="N310531" s="10"/>
    </row>
    <row r="310532" spans="14:14">
      <c r="N310532" s="10"/>
    </row>
    <row r="310533" spans="14:14">
      <c r="N310533" s="10"/>
    </row>
    <row r="310534" spans="14:14">
      <c r="N310534" s="10"/>
    </row>
    <row r="310535" spans="14:14">
      <c r="N310535" s="10"/>
    </row>
    <row r="310536" spans="14:14">
      <c r="N310536" s="10"/>
    </row>
    <row r="310537" spans="14:14">
      <c r="N310537" s="10"/>
    </row>
    <row r="310538" spans="14:14">
      <c r="N310538" s="10"/>
    </row>
    <row r="310539" spans="14:14">
      <c r="N310539" s="10"/>
    </row>
    <row r="310540" spans="14:14">
      <c r="N310540" s="10"/>
    </row>
    <row r="310541" spans="14:14">
      <c r="N310541" s="10"/>
    </row>
    <row r="310542" spans="14:14">
      <c r="N310542" s="10"/>
    </row>
    <row r="310543" spans="14:14">
      <c r="N310543" s="10"/>
    </row>
    <row r="310544" spans="14:14">
      <c r="N310544" s="10"/>
    </row>
    <row r="310545" spans="14:14">
      <c r="N310545" s="10"/>
    </row>
    <row r="310546" spans="14:14">
      <c r="N310546" s="10"/>
    </row>
    <row r="310547" spans="14:14">
      <c r="N310547" s="10"/>
    </row>
    <row r="310548" spans="14:14">
      <c r="N310548" s="10"/>
    </row>
    <row r="310549" spans="14:14">
      <c r="N310549" s="10"/>
    </row>
    <row r="310550" spans="14:14">
      <c r="N310550" s="10"/>
    </row>
    <row r="310551" spans="14:14">
      <c r="N310551" s="10"/>
    </row>
    <row r="310552" spans="14:14">
      <c r="N310552" s="10"/>
    </row>
    <row r="310553" spans="14:14">
      <c r="N310553" s="10"/>
    </row>
    <row r="310554" spans="14:14">
      <c r="N310554" s="10"/>
    </row>
    <row r="310555" spans="14:14">
      <c r="N310555" s="10"/>
    </row>
    <row r="310556" spans="14:14">
      <c r="N310556" s="10"/>
    </row>
    <row r="310557" spans="14:14">
      <c r="N310557" s="10"/>
    </row>
    <row r="310558" spans="14:14">
      <c r="N310558" s="10"/>
    </row>
    <row r="310559" spans="14:14">
      <c r="N310559" s="10"/>
    </row>
    <row r="310560" spans="14:14">
      <c r="N310560" s="10"/>
    </row>
    <row r="310561" spans="14:14">
      <c r="N310561" s="10"/>
    </row>
    <row r="310562" spans="14:14">
      <c r="N310562" s="10"/>
    </row>
    <row r="310563" spans="14:14">
      <c r="N310563" s="10"/>
    </row>
    <row r="310564" spans="14:14">
      <c r="N310564" s="10"/>
    </row>
    <row r="310565" spans="14:14">
      <c r="N310565" s="10"/>
    </row>
    <row r="310566" spans="14:14">
      <c r="N310566" s="10"/>
    </row>
    <row r="310567" spans="14:14">
      <c r="N310567" s="10"/>
    </row>
    <row r="310568" spans="14:14">
      <c r="N310568" s="10"/>
    </row>
    <row r="310569" spans="14:14">
      <c r="N310569" s="10"/>
    </row>
    <row r="310570" spans="14:14">
      <c r="N310570" s="10"/>
    </row>
    <row r="310571" spans="14:14">
      <c r="N310571" s="10"/>
    </row>
    <row r="310572" spans="14:14">
      <c r="N310572" s="10"/>
    </row>
    <row r="310573" spans="14:14">
      <c r="N310573" s="10"/>
    </row>
    <row r="310574" spans="14:14">
      <c r="N310574" s="10"/>
    </row>
    <row r="310575" spans="14:14">
      <c r="N310575" s="10"/>
    </row>
    <row r="310576" spans="14:14">
      <c r="N310576" s="10"/>
    </row>
    <row r="310577" spans="14:14">
      <c r="N310577" s="10"/>
    </row>
    <row r="310578" spans="14:14">
      <c r="N310578" s="10"/>
    </row>
    <row r="310579" spans="14:14">
      <c r="N310579" s="10"/>
    </row>
    <row r="310580" spans="14:14">
      <c r="N310580" s="10"/>
    </row>
    <row r="310581" spans="14:14">
      <c r="N310581" s="10"/>
    </row>
    <row r="310582" spans="14:14">
      <c r="N310582" s="10"/>
    </row>
    <row r="310583" spans="14:14">
      <c r="N310583" s="10"/>
    </row>
    <row r="310584" spans="14:14">
      <c r="N310584" s="10"/>
    </row>
    <row r="310585" spans="14:14">
      <c r="N310585" s="10"/>
    </row>
    <row r="310586" spans="14:14">
      <c r="N310586" s="10"/>
    </row>
    <row r="310587" spans="14:14">
      <c r="N310587" s="10"/>
    </row>
    <row r="310588" spans="14:14">
      <c r="N310588" s="10"/>
    </row>
    <row r="310589" spans="14:14">
      <c r="N310589" s="10"/>
    </row>
    <row r="310590" spans="14:14">
      <c r="N310590" s="10"/>
    </row>
    <row r="310591" spans="14:14">
      <c r="N310591" s="10"/>
    </row>
    <row r="310592" spans="14:14">
      <c r="N310592" s="10"/>
    </row>
    <row r="310593" spans="14:14">
      <c r="N310593" s="10"/>
    </row>
    <row r="310594" spans="14:14">
      <c r="N310594" s="10"/>
    </row>
    <row r="310595" spans="14:14">
      <c r="N310595" s="10"/>
    </row>
    <row r="310596" spans="14:14">
      <c r="N310596" s="10"/>
    </row>
    <row r="310597" spans="14:14">
      <c r="N310597" s="10"/>
    </row>
    <row r="310598" spans="14:14">
      <c r="N310598" s="10"/>
    </row>
    <row r="310599" spans="14:14">
      <c r="N310599" s="10"/>
    </row>
    <row r="310600" spans="14:14">
      <c r="N310600" s="10"/>
    </row>
    <row r="310601" spans="14:14">
      <c r="N310601" s="10"/>
    </row>
    <row r="310602" spans="14:14">
      <c r="N310602" s="10"/>
    </row>
    <row r="310603" spans="14:14">
      <c r="N310603" s="10"/>
    </row>
    <row r="310604" spans="14:14">
      <c r="N310604" s="10"/>
    </row>
    <row r="310605" spans="14:14">
      <c r="N310605" s="10"/>
    </row>
    <row r="310606" spans="14:14">
      <c r="N310606" s="10"/>
    </row>
    <row r="310607" spans="14:14">
      <c r="N310607" s="10"/>
    </row>
    <row r="310608" spans="14:14">
      <c r="N310608" s="10"/>
    </row>
    <row r="310609" spans="14:14">
      <c r="N310609" s="10"/>
    </row>
    <row r="310610" spans="14:14">
      <c r="N310610" s="10"/>
    </row>
    <row r="310611" spans="14:14">
      <c r="N310611" s="10"/>
    </row>
    <row r="310612" spans="14:14">
      <c r="N310612" s="10"/>
    </row>
    <row r="310613" spans="14:14">
      <c r="N310613" s="10"/>
    </row>
    <row r="310614" spans="14:14">
      <c r="N310614" s="10"/>
    </row>
    <row r="310615" spans="14:14">
      <c r="N310615" s="10"/>
    </row>
    <row r="310616" spans="14:14">
      <c r="N310616" s="10"/>
    </row>
    <row r="310617" spans="14:14">
      <c r="N310617" s="10"/>
    </row>
    <row r="310618" spans="14:14">
      <c r="N310618" s="10"/>
    </row>
    <row r="310619" spans="14:14">
      <c r="N310619" s="10"/>
    </row>
    <row r="310620" spans="14:14">
      <c r="N310620" s="10"/>
    </row>
    <row r="310621" spans="14:14">
      <c r="N310621" s="10"/>
    </row>
    <row r="310622" spans="14:14">
      <c r="N310622" s="10"/>
    </row>
    <row r="310623" spans="14:14">
      <c r="N310623" s="10"/>
    </row>
    <row r="310624" spans="14:14">
      <c r="N310624" s="10"/>
    </row>
    <row r="310625" spans="14:14">
      <c r="N310625" s="10"/>
    </row>
    <row r="310626" spans="14:14">
      <c r="N310626" s="10"/>
    </row>
    <row r="310627" spans="14:14">
      <c r="N310627" s="10"/>
    </row>
    <row r="310628" spans="14:14">
      <c r="N310628" s="10"/>
    </row>
    <row r="310629" spans="14:14">
      <c r="N310629" s="10"/>
    </row>
    <row r="310630" spans="14:14">
      <c r="N310630" s="10"/>
    </row>
    <row r="310631" spans="14:14">
      <c r="N310631" s="10"/>
    </row>
    <row r="310632" spans="14:14">
      <c r="N310632" s="10"/>
    </row>
    <row r="310633" spans="14:14">
      <c r="N310633" s="10"/>
    </row>
    <row r="310634" spans="14:14">
      <c r="N310634" s="10"/>
    </row>
    <row r="310635" spans="14:14">
      <c r="N310635" s="10"/>
    </row>
    <row r="310636" spans="14:14">
      <c r="N310636" s="10"/>
    </row>
    <row r="310637" spans="14:14">
      <c r="N310637" s="10"/>
    </row>
    <row r="310638" spans="14:14">
      <c r="N310638" s="10"/>
    </row>
    <row r="310639" spans="14:14">
      <c r="N310639" s="10"/>
    </row>
    <row r="310640" spans="14:14">
      <c r="N310640" s="10"/>
    </row>
    <row r="310641" spans="14:14">
      <c r="N310641" s="10"/>
    </row>
    <row r="310642" spans="14:14">
      <c r="N310642" s="10"/>
    </row>
    <row r="310643" spans="14:14">
      <c r="N310643" s="10"/>
    </row>
    <row r="310644" spans="14:14">
      <c r="N310644" s="10"/>
    </row>
    <row r="310645" spans="14:14">
      <c r="N310645" s="10"/>
    </row>
    <row r="310646" spans="14:14">
      <c r="N310646" s="10"/>
    </row>
    <row r="310647" spans="14:14">
      <c r="N310647" s="10"/>
    </row>
    <row r="310648" spans="14:14">
      <c r="N310648" s="10"/>
    </row>
    <row r="310649" spans="14:14">
      <c r="N310649" s="10"/>
    </row>
    <row r="310650" spans="14:14">
      <c r="N310650" s="10"/>
    </row>
    <row r="310651" spans="14:14">
      <c r="N310651" s="10"/>
    </row>
    <row r="310652" spans="14:14">
      <c r="N310652" s="10"/>
    </row>
    <row r="310653" spans="14:14">
      <c r="N310653" s="10"/>
    </row>
    <row r="310654" spans="14:14">
      <c r="N310654" s="10"/>
    </row>
    <row r="310655" spans="14:14">
      <c r="N310655" s="10"/>
    </row>
    <row r="310656" spans="14:14">
      <c r="N310656" s="10"/>
    </row>
    <row r="310657" spans="14:14">
      <c r="N310657" s="10"/>
    </row>
    <row r="310658" spans="14:14">
      <c r="N310658" s="10"/>
    </row>
    <row r="310659" spans="14:14">
      <c r="N310659" s="10"/>
    </row>
    <row r="310660" spans="14:14">
      <c r="N310660" s="10"/>
    </row>
    <row r="310661" spans="14:14">
      <c r="N310661" s="10"/>
    </row>
    <row r="310662" spans="14:14">
      <c r="N310662" s="10"/>
    </row>
    <row r="310663" spans="14:14">
      <c r="N310663" s="10"/>
    </row>
    <row r="310664" spans="14:14">
      <c r="N310664" s="10"/>
    </row>
    <row r="310665" spans="14:14">
      <c r="N310665" s="10"/>
    </row>
    <row r="310666" spans="14:14">
      <c r="N310666" s="10"/>
    </row>
    <row r="310667" spans="14:14">
      <c r="N310667" s="10"/>
    </row>
    <row r="310668" spans="14:14">
      <c r="N310668" s="10"/>
    </row>
    <row r="310669" spans="14:14">
      <c r="N310669" s="10"/>
    </row>
    <row r="310670" spans="14:14">
      <c r="N310670" s="10"/>
    </row>
    <row r="310671" spans="14:14">
      <c r="N310671" s="10"/>
    </row>
    <row r="310672" spans="14:14">
      <c r="N310672" s="10"/>
    </row>
    <row r="310673" spans="14:14">
      <c r="N310673" s="10"/>
    </row>
    <row r="310674" spans="14:14">
      <c r="N310674" s="10"/>
    </row>
    <row r="310675" spans="14:14">
      <c r="N310675" s="10"/>
    </row>
    <row r="310676" spans="14:14">
      <c r="N310676" s="10"/>
    </row>
    <row r="310677" spans="14:14">
      <c r="N310677" s="10"/>
    </row>
    <row r="310678" spans="14:14">
      <c r="N310678" s="10"/>
    </row>
    <row r="310679" spans="14:14">
      <c r="N310679" s="10"/>
    </row>
    <row r="310680" spans="14:14">
      <c r="N310680" s="10"/>
    </row>
    <row r="310681" spans="14:14">
      <c r="N310681" s="10"/>
    </row>
    <row r="310682" spans="14:14">
      <c r="N310682" s="10"/>
    </row>
    <row r="310683" spans="14:14">
      <c r="N310683" s="10"/>
    </row>
    <row r="310684" spans="14:14">
      <c r="N310684" s="10"/>
    </row>
    <row r="310685" spans="14:14">
      <c r="N310685" s="10"/>
    </row>
    <row r="310686" spans="14:14">
      <c r="N310686" s="10"/>
    </row>
    <row r="310687" spans="14:14">
      <c r="N310687" s="10"/>
    </row>
    <row r="310688" spans="14:14">
      <c r="N310688" s="10"/>
    </row>
    <row r="310689" spans="14:14">
      <c r="N310689" s="10"/>
    </row>
    <row r="310690" spans="14:14">
      <c r="N310690" s="10"/>
    </row>
    <row r="310691" spans="14:14">
      <c r="N310691" s="10"/>
    </row>
    <row r="310692" spans="14:14">
      <c r="N310692" s="10"/>
    </row>
    <row r="310693" spans="14:14">
      <c r="N310693" s="10"/>
    </row>
    <row r="310694" spans="14:14">
      <c r="N310694" s="10"/>
    </row>
    <row r="310695" spans="14:14">
      <c r="N310695" s="10"/>
    </row>
    <row r="310696" spans="14:14">
      <c r="N310696" s="10"/>
    </row>
    <row r="310697" spans="14:14">
      <c r="N310697" s="10"/>
    </row>
    <row r="310698" spans="14:14">
      <c r="N310698" s="10"/>
    </row>
    <row r="310699" spans="14:14">
      <c r="N310699" s="10"/>
    </row>
    <row r="310700" spans="14:14">
      <c r="N310700" s="10"/>
    </row>
    <row r="310701" spans="14:14">
      <c r="N310701" s="10"/>
    </row>
    <row r="310702" spans="14:14">
      <c r="N310702" s="10"/>
    </row>
    <row r="310703" spans="14:14">
      <c r="N310703" s="10"/>
    </row>
    <row r="310704" spans="14:14">
      <c r="N310704" s="10"/>
    </row>
    <row r="310705" spans="14:14">
      <c r="N310705" s="10"/>
    </row>
    <row r="310706" spans="14:14">
      <c r="N310706" s="10"/>
    </row>
    <row r="310707" spans="14:14">
      <c r="N310707" s="10"/>
    </row>
    <row r="310708" spans="14:14">
      <c r="N310708" s="10"/>
    </row>
    <row r="310709" spans="14:14">
      <c r="N310709" s="10"/>
    </row>
    <row r="310710" spans="14:14">
      <c r="N310710" s="10"/>
    </row>
    <row r="310711" spans="14:14">
      <c r="N310711" s="10"/>
    </row>
    <row r="310712" spans="14:14">
      <c r="N310712" s="10"/>
    </row>
    <row r="310713" spans="14:14">
      <c r="N310713" s="10"/>
    </row>
    <row r="310714" spans="14:14">
      <c r="N310714" s="10"/>
    </row>
    <row r="310715" spans="14:14">
      <c r="N310715" s="10"/>
    </row>
    <row r="310716" spans="14:14">
      <c r="N310716" s="10"/>
    </row>
    <row r="310717" spans="14:14">
      <c r="N310717" s="10"/>
    </row>
    <row r="310718" spans="14:14">
      <c r="N310718" s="10"/>
    </row>
    <row r="310719" spans="14:14">
      <c r="N310719" s="10"/>
    </row>
    <row r="310720" spans="14:14">
      <c r="N310720" s="10"/>
    </row>
    <row r="310721" spans="14:14">
      <c r="N310721" s="10"/>
    </row>
    <row r="310722" spans="14:14">
      <c r="N310722" s="10"/>
    </row>
    <row r="310723" spans="14:14">
      <c r="N310723" s="10"/>
    </row>
    <row r="310724" spans="14:14">
      <c r="N310724" s="10"/>
    </row>
    <row r="310725" spans="14:14">
      <c r="N310725" s="10"/>
    </row>
    <row r="310726" spans="14:14">
      <c r="N310726" s="10"/>
    </row>
    <row r="310727" spans="14:14">
      <c r="N310727" s="10"/>
    </row>
    <row r="310728" spans="14:14">
      <c r="N310728" s="10"/>
    </row>
    <row r="310729" spans="14:14">
      <c r="N310729" s="10"/>
    </row>
    <row r="310730" spans="14:14">
      <c r="N310730" s="10"/>
    </row>
    <row r="310731" spans="14:14">
      <c r="N310731" s="10"/>
    </row>
    <row r="310732" spans="14:14">
      <c r="N310732" s="10"/>
    </row>
    <row r="310733" spans="14:14">
      <c r="N310733" s="10"/>
    </row>
    <row r="310734" spans="14:14">
      <c r="N310734" s="10"/>
    </row>
    <row r="310735" spans="14:14">
      <c r="N310735" s="10"/>
    </row>
    <row r="310736" spans="14:14">
      <c r="N310736" s="10"/>
    </row>
    <row r="310737" spans="14:14">
      <c r="N310737" s="10"/>
    </row>
    <row r="310738" spans="14:14">
      <c r="N310738" s="10"/>
    </row>
    <row r="310739" spans="14:14">
      <c r="N310739" s="10"/>
    </row>
    <row r="310740" spans="14:14">
      <c r="N310740" s="10"/>
    </row>
    <row r="310741" spans="14:14">
      <c r="N310741" s="10"/>
    </row>
    <row r="310742" spans="14:14">
      <c r="N310742" s="10"/>
    </row>
    <row r="310743" spans="14:14">
      <c r="N310743" s="10"/>
    </row>
    <row r="310744" spans="14:14">
      <c r="N310744" s="10"/>
    </row>
    <row r="310745" spans="14:14">
      <c r="N310745" s="10"/>
    </row>
    <row r="310746" spans="14:14">
      <c r="N310746" s="10"/>
    </row>
    <row r="310747" spans="14:14">
      <c r="N310747" s="10"/>
    </row>
    <row r="310748" spans="14:14">
      <c r="N310748" s="10"/>
    </row>
    <row r="310749" spans="14:14">
      <c r="N310749" s="10"/>
    </row>
    <row r="310750" spans="14:14">
      <c r="N310750" s="10"/>
    </row>
    <row r="310751" spans="14:14">
      <c r="N310751" s="10"/>
    </row>
    <row r="310752" spans="14:14">
      <c r="N310752" s="10"/>
    </row>
    <row r="310753" spans="14:14">
      <c r="N310753" s="10"/>
    </row>
    <row r="310754" spans="14:14">
      <c r="N310754" s="10"/>
    </row>
    <row r="310755" spans="14:14">
      <c r="N310755" s="10"/>
    </row>
    <row r="310756" spans="14:14">
      <c r="N310756" s="10"/>
    </row>
    <row r="310757" spans="14:14">
      <c r="N310757" s="10"/>
    </row>
    <row r="310758" spans="14:14">
      <c r="N310758" s="10"/>
    </row>
    <row r="310759" spans="14:14">
      <c r="N310759" s="10"/>
    </row>
    <row r="310760" spans="14:14">
      <c r="N310760" s="10"/>
    </row>
    <row r="310761" spans="14:14">
      <c r="N310761" s="10"/>
    </row>
    <row r="310762" spans="14:14">
      <c r="N310762" s="10"/>
    </row>
    <row r="310763" spans="14:14">
      <c r="N310763" s="10"/>
    </row>
    <row r="310764" spans="14:14">
      <c r="N310764" s="10"/>
    </row>
    <row r="310765" spans="14:14">
      <c r="N310765" s="10"/>
    </row>
    <row r="310766" spans="14:14">
      <c r="N310766" s="10"/>
    </row>
    <row r="310767" spans="14:14">
      <c r="N310767" s="10"/>
    </row>
    <row r="310768" spans="14:14">
      <c r="N310768" s="10"/>
    </row>
    <row r="310769" spans="14:14">
      <c r="N310769" s="10"/>
    </row>
    <row r="310770" spans="14:14">
      <c r="N310770" s="10"/>
    </row>
    <row r="310771" spans="14:14">
      <c r="N310771" s="10"/>
    </row>
    <row r="310772" spans="14:14">
      <c r="N310772" s="10"/>
    </row>
    <row r="310773" spans="14:14">
      <c r="N310773" s="10"/>
    </row>
    <row r="310774" spans="14:14">
      <c r="N310774" s="10"/>
    </row>
    <row r="310775" spans="14:14">
      <c r="N310775" s="10"/>
    </row>
    <row r="310776" spans="14:14">
      <c r="N310776" s="10"/>
    </row>
    <row r="310777" spans="14:14">
      <c r="N310777" s="10"/>
    </row>
    <row r="310778" spans="14:14">
      <c r="N310778" s="10"/>
    </row>
    <row r="310779" spans="14:14">
      <c r="N310779" s="10"/>
    </row>
    <row r="310780" spans="14:14">
      <c r="N310780" s="10"/>
    </row>
    <row r="310781" spans="14:14">
      <c r="N310781" s="10"/>
    </row>
    <row r="310782" spans="14:14">
      <c r="N310782" s="10"/>
    </row>
    <row r="310783" spans="14:14">
      <c r="N310783" s="10"/>
    </row>
    <row r="310784" spans="14:14">
      <c r="N310784" s="10"/>
    </row>
    <row r="310785" spans="14:14">
      <c r="N310785" s="10"/>
    </row>
    <row r="310786" spans="14:14">
      <c r="N310786" s="10"/>
    </row>
    <row r="310787" spans="14:14">
      <c r="N310787" s="10"/>
    </row>
    <row r="310788" spans="14:14">
      <c r="N310788" s="10"/>
    </row>
    <row r="310789" spans="14:14">
      <c r="N310789" s="10"/>
    </row>
    <row r="310790" spans="14:14">
      <c r="N310790" s="10"/>
    </row>
    <row r="310791" spans="14:14">
      <c r="N310791" s="10"/>
    </row>
    <row r="310792" spans="14:14">
      <c r="N310792" s="10"/>
    </row>
    <row r="310793" spans="14:14">
      <c r="N310793" s="10"/>
    </row>
    <row r="310794" spans="14:14">
      <c r="N310794" s="10"/>
    </row>
    <row r="310795" spans="14:14">
      <c r="N310795" s="10"/>
    </row>
    <row r="310796" spans="14:14">
      <c r="N310796" s="10"/>
    </row>
    <row r="310797" spans="14:14">
      <c r="N310797" s="10"/>
    </row>
    <row r="310798" spans="14:14">
      <c r="N310798" s="10"/>
    </row>
    <row r="310799" spans="14:14">
      <c r="N310799" s="10"/>
    </row>
    <row r="310800" spans="14:14">
      <c r="N310800" s="10"/>
    </row>
    <row r="310801" spans="14:14">
      <c r="N310801" s="10"/>
    </row>
    <row r="310802" spans="14:14">
      <c r="N310802" s="10"/>
    </row>
    <row r="310803" spans="14:14">
      <c r="N310803" s="10"/>
    </row>
    <row r="310804" spans="14:14">
      <c r="N310804" s="10"/>
    </row>
    <row r="310805" spans="14:14">
      <c r="N310805" s="10"/>
    </row>
    <row r="310806" spans="14:14">
      <c r="N310806" s="10"/>
    </row>
    <row r="310807" spans="14:14">
      <c r="N310807" s="10"/>
    </row>
    <row r="310808" spans="14:14">
      <c r="N310808" s="10"/>
    </row>
    <row r="310809" spans="14:14">
      <c r="N310809" s="10"/>
    </row>
    <row r="310810" spans="14:14">
      <c r="N310810" s="10"/>
    </row>
    <row r="310811" spans="14:14">
      <c r="N310811" s="10"/>
    </row>
    <row r="310812" spans="14:14">
      <c r="N310812" s="10"/>
    </row>
    <row r="310813" spans="14:14">
      <c r="N310813" s="10"/>
    </row>
    <row r="310814" spans="14:14">
      <c r="N310814" s="10"/>
    </row>
    <row r="310815" spans="14:14">
      <c r="N310815" s="10"/>
    </row>
    <row r="310816" spans="14:14">
      <c r="N310816" s="10"/>
    </row>
    <row r="310817" spans="14:14">
      <c r="N310817" s="10"/>
    </row>
    <row r="310818" spans="14:14">
      <c r="N310818" s="10"/>
    </row>
    <row r="310819" spans="14:14">
      <c r="N310819" s="10"/>
    </row>
    <row r="310820" spans="14:14">
      <c r="N310820" s="10"/>
    </row>
    <row r="310821" spans="14:14">
      <c r="N310821" s="10"/>
    </row>
    <row r="310822" spans="14:14">
      <c r="N310822" s="10"/>
    </row>
    <row r="310823" spans="14:14">
      <c r="N310823" s="10"/>
    </row>
    <row r="310824" spans="14:14">
      <c r="N310824" s="10"/>
    </row>
    <row r="310825" spans="14:14">
      <c r="N310825" s="10"/>
    </row>
    <row r="310826" spans="14:14">
      <c r="N310826" s="10"/>
    </row>
    <row r="310827" spans="14:14">
      <c r="N310827" s="10"/>
    </row>
    <row r="310828" spans="14:14">
      <c r="N310828" s="10"/>
    </row>
    <row r="310829" spans="14:14">
      <c r="N310829" s="10"/>
    </row>
    <row r="310830" spans="14:14">
      <c r="N310830" s="10"/>
    </row>
    <row r="310831" spans="14:14">
      <c r="N310831" s="10"/>
    </row>
    <row r="310832" spans="14:14">
      <c r="N310832" s="10"/>
    </row>
    <row r="310833" spans="14:14">
      <c r="N310833" s="10"/>
    </row>
    <row r="310834" spans="14:14">
      <c r="N310834" s="10"/>
    </row>
    <row r="310835" spans="14:14">
      <c r="N310835" s="10"/>
    </row>
    <row r="310836" spans="14:14">
      <c r="N310836" s="10"/>
    </row>
    <row r="310837" spans="14:14">
      <c r="N310837" s="10"/>
    </row>
    <row r="310838" spans="14:14">
      <c r="N310838" s="10"/>
    </row>
    <row r="310839" spans="14:14">
      <c r="N310839" s="10"/>
    </row>
    <row r="310840" spans="14:14">
      <c r="N310840" s="10"/>
    </row>
    <row r="310841" spans="14:14">
      <c r="N310841" s="10"/>
    </row>
    <row r="310842" spans="14:14">
      <c r="N310842" s="10"/>
    </row>
    <row r="310843" spans="14:14">
      <c r="N310843" s="10"/>
    </row>
    <row r="310844" spans="14:14">
      <c r="N310844" s="10"/>
    </row>
    <row r="310845" spans="14:14">
      <c r="N310845" s="10"/>
    </row>
    <row r="310846" spans="14:14">
      <c r="N310846" s="10"/>
    </row>
    <row r="310847" spans="14:14">
      <c r="N310847" s="10"/>
    </row>
    <row r="310848" spans="14:14">
      <c r="N310848" s="10"/>
    </row>
    <row r="310849" spans="14:14">
      <c r="N310849" s="10"/>
    </row>
    <row r="310850" spans="14:14">
      <c r="N310850" s="10"/>
    </row>
    <row r="310851" spans="14:14">
      <c r="N310851" s="10"/>
    </row>
    <row r="310852" spans="14:14">
      <c r="N310852" s="10"/>
    </row>
    <row r="310853" spans="14:14">
      <c r="N310853" s="10"/>
    </row>
    <row r="310854" spans="14:14">
      <c r="N310854" s="10"/>
    </row>
    <row r="310855" spans="14:14">
      <c r="N310855" s="10"/>
    </row>
    <row r="310856" spans="14:14">
      <c r="N310856" s="10"/>
    </row>
    <row r="310857" spans="14:14">
      <c r="N310857" s="10"/>
    </row>
    <row r="310858" spans="14:14">
      <c r="N310858" s="10"/>
    </row>
    <row r="310859" spans="14:14">
      <c r="N310859" s="10"/>
    </row>
    <row r="310860" spans="14:14">
      <c r="N310860" s="10"/>
    </row>
    <row r="310861" spans="14:14">
      <c r="N310861" s="10"/>
    </row>
    <row r="310862" spans="14:14">
      <c r="N310862" s="10"/>
    </row>
    <row r="310863" spans="14:14">
      <c r="N310863" s="10"/>
    </row>
    <row r="310864" spans="14:14">
      <c r="N310864" s="10"/>
    </row>
    <row r="310865" spans="14:14">
      <c r="N310865" s="10"/>
    </row>
    <row r="310866" spans="14:14">
      <c r="N310866" s="10"/>
    </row>
    <row r="310867" spans="14:14">
      <c r="N310867" s="10"/>
    </row>
    <row r="310868" spans="14:14">
      <c r="N310868" s="10"/>
    </row>
    <row r="310869" spans="14:14">
      <c r="N310869" s="10"/>
    </row>
    <row r="310870" spans="14:14">
      <c r="N310870" s="10"/>
    </row>
    <row r="310871" spans="14:14">
      <c r="N310871" s="10"/>
    </row>
    <row r="310872" spans="14:14">
      <c r="N310872" s="10"/>
    </row>
    <row r="310873" spans="14:14">
      <c r="N310873" s="10"/>
    </row>
    <row r="310874" spans="14:14">
      <c r="N310874" s="10"/>
    </row>
    <row r="310875" spans="14:14">
      <c r="N310875" s="10"/>
    </row>
    <row r="310876" spans="14:14">
      <c r="N310876" s="10"/>
    </row>
    <row r="310877" spans="14:14">
      <c r="N310877" s="10"/>
    </row>
    <row r="310878" spans="14:14">
      <c r="N310878" s="10"/>
    </row>
    <row r="310879" spans="14:14">
      <c r="N310879" s="10"/>
    </row>
    <row r="310880" spans="14:14">
      <c r="N310880" s="10"/>
    </row>
    <row r="310881" spans="14:14">
      <c r="N310881" s="10"/>
    </row>
    <row r="310882" spans="14:14">
      <c r="N310882" s="10"/>
    </row>
    <row r="310883" spans="14:14">
      <c r="N310883" s="10"/>
    </row>
    <row r="310884" spans="14:14">
      <c r="N310884" s="10"/>
    </row>
    <row r="310885" spans="14:14">
      <c r="N310885" s="10"/>
    </row>
    <row r="310886" spans="14:14">
      <c r="N310886" s="10"/>
    </row>
    <row r="310887" spans="14:14">
      <c r="N310887" s="10"/>
    </row>
    <row r="310888" spans="14:14">
      <c r="N310888" s="10"/>
    </row>
    <row r="310889" spans="14:14">
      <c r="N310889" s="10"/>
    </row>
    <row r="310890" spans="14:14">
      <c r="N310890" s="10"/>
    </row>
    <row r="310891" spans="14:14">
      <c r="N310891" s="10"/>
    </row>
    <row r="310892" spans="14:14">
      <c r="N310892" s="10"/>
    </row>
    <row r="310893" spans="14:14">
      <c r="N310893" s="10"/>
    </row>
    <row r="310894" spans="14:14">
      <c r="N310894" s="10"/>
    </row>
    <row r="310895" spans="14:14">
      <c r="N310895" s="10"/>
    </row>
    <row r="310896" spans="14:14">
      <c r="N310896" s="10"/>
    </row>
    <row r="310897" spans="14:14">
      <c r="N310897" s="10"/>
    </row>
    <row r="310898" spans="14:14">
      <c r="N310898" s="10"/>
    </row>
    <row r="310899" spans="14:14">
      <c r="N310899" s="10"/>
    </row>
    <row r="310900" spans="14:14">
      <c r="N310900" s="10"/>
    </row>
    <row r="310901" spans="14:14">
      <c r="N310901" s="10"/>
    </row>
    <row r="310902" spans="14:14">
      <c r="N310902" s="10"/>
    </row>
    <row r="310903" spans="14:14">
      <c r="N310903" s="10"/>
    </row>
    <row r="310904" spans="14:14">
      <c r="N310904" s="10"/>
    </row>
    <row r="310905" spans="14:14">
      <c r="N310905" s="10"/>
    </row>
    <row r="310906" spans="14:14">
      <c r="N310906" s="10"/>
    </row>
    <row r="310907" spans="14:14">
      <c r="N310907" s="10"/>
    </row>
    <row r="310908" spans="14:14">
      <c r="N310908" s="10"/>
    </row>
    <row r="310909" spans="14:14">
      <c r="N310909" s="10"/>
    </row>
    <row r="310910" spans="14:14">
      <c r="N310910" s="10"/>
    </row>
    <row r="310911" spans="14:14">
      <c r="N310911" s="10"/>
    </row>
    <row r="310912" spans="14:14">
      <c r="N310912" s="10"/>
    </row>
    <row r="310913" spans="14:14">
      <c r="N310913" s="10"/>
    </row>
    <row r="310914" spans="14:14">
      <c r="N310914" s="10"/>
    </row>
    <row r="310915" spans="14:14">
      <c r="N310915" s="10"/>
    </row>
    <row r="310916" spans="14:14">
      <c r="N310916" s="10"/>
    </row>
    <row r="310917" spans="14:14">
      <c r="N310917" s="10"/>
    </row>
    <row r="310918" spans="14:14">
      <c r="N310918" s="10"/>
    </row>
    <row r="310919" spans="14:14">
      <c r="N310919" s="10"/>
    </row>
    <row r="310920" spans="14:14">
      <c r="N310920" s="10"/>
    </row>
    <row r="310921" spans="14:14">
      <c r="N310921" s="10"/>
    </row>
    <row r="310922" spans="14:14">
      <c r="N310922" s="10"/>
    </row>
    <row r="310923" spans="14:14">
      <c r="N310923" s="10"/>
    </row>
    <row r="310924" spans="14:14">
      <c r="N310924" s="10"/>
    </row>
    <row r="310925" spans="14:14">
      <c r="N310925" s="10"/>
    </row>
    <row r="310926" spans="14:14">
      <c r="N310926" s="10"/>
    </row>
    <row r="310927" spans="14:14">
      <c r="N310927" s="10"/>
    </row>
    <row r="310928" spans="14:14">
      <c r="N310928" s="10"/>
    </row>
    <row r="310929" spans="14:14">
      <c r="N310929" s="10"/>
    </row>
    <row r="310930" spans="14:14">
      <c r="N310930" s="10"/>
    </row>
    <row r="310931" spans="14:14">
      <c r="N310931" s="10"/>
    </row>
    <row r="310932" spans="14:14">
      <c r="N310932" s="10"/>
    </row>
    <row r="310933" spans="14:14">
      <c r="N310933" s="10"/>
    </row>
    <row r="310934" spans="14:14">
      <c r="N310934" s="10"/>
    </row>
    <row r="310935" spans="14:14">
      <c r="N310935" s="10"/>
    </row>
    <row r="310936" spans="14:14">
      <c r="N310936" s="10"/>
    </row>
    <row r="310937" spans="14:14">
      <c r="N310937" s="10"/>
    </row>
    <row r="310938" spans="14:14">
      <c r="N310938" s="10"/>
    </row>
    <row r="310939" spans="14:14">
      <c r="N310939" s="10"/>
    </row>
    <row r="310940" spans="14:14">
      <c r="N310940" s="10"/>
    </row>
    <row r="310941" spans="14:14">
      <c r="N310941" s="10"/>
    </row>
    <row r="310942" spans="14:14">
      <c r="N310942" s="10"/>
    </row>
    <row r="310943" spans="14:14">
      <c r="N310943" s="10"/>
    </row>
    <row r="310944" spans="14:14">
      <c r="N310944" s="10"/>
    </row>
    <row r="310945" spans="14:14">
      <c r="N310945" s="10"/>
    </row>
    <row r="310946" spans="14:14">
      <c r="N310946" s="10"/>
    </row>
    <row r="310947" spans="14:14">
      <c r="N310947" s="10"/>
    </row>
    <row r="310948" spans="14:14">
      <c r="N310948" s="10"/>
    </row>
    <row r="310949" spans="14:14">
      <c r="N310949" s="10"/>
    </row>
    <row r="310950" spans="14:14">
      <c r="N310950" s="10"/>
    </row>
    <row r="310951" spans="14:14">
      <c r="N310951" s="10"/>
    </row>
    <row r="310952" spans="14:14">
      <c r="N310952" s="10"/>
    </row>
    <row r="310953" spans="14:14">
      <c r="N310953" s="10"/>
    </row>
    <row r="310954" spans="14:14">
      <c r="N310954" s="10"/>
    </row>
    <row r="310955" spans="14:14">
      <c r="N310955" s="10"/>
    </row>
    <row r="310956" spans="14:14">
      <c r="N310956" s="10"/>
    </row>
    <row r="310957" spans="14:14">
      <c r="N310957" s="10"/>
    </row>
    <row r="310958" spans="14:14">
      <c r="N310958" s="10"/>
    </row>
    <row r="310959" spans="14:14">
      <c r="N310959" s="10"/>
    </row>
    <row r="310960" spans="14:14">
      <c r="N310960" s="10"/>
    </row>
    <row r="310961" spans="14:14">
      <c r="N310961" s="10"/>
    </row>
    <row r="310962" spans="14:14">
      <c r="N310962" s="10"/>
    </row>
    <row r="310963" spans="14:14">
      <c r="N310963" s="10"/>
    </row>
    <row r="310964" spans="14:14">
      <c r="N310964" s="10"/>
    </row>
    <row r="310965" spans="14:14">
      <c r="N310965" s="10"/>
    </row>
    <row r="310966" spans="14:14">
      <c r="N310966" s="10"/>
    </row>
    <row r="310967" spans="14:14">
      <c r="N310967" s="10"/>
    </row>
    <row r="310968" spans="14:14">
      <c r="N310968" s="10"/>
    </row>
    <row r="310969" spans="14:14">
      <c r="N310969" s="10"/>
    </row>
    <row r="310970" spans="14:14">
      <c r="N310970" s="10"/>
    </row>
    <row r="310971" spans="14:14">
      <c r="N310971" s="10"/>
    </row>
    <row r="310972" spans="14:14">
      <c r="N310972" s="10"/>
    </row>
    <row r="310973" spans="14:14">
      <c r="N310973" s="10"/>
    </row>
    <row r="310974" spans="14:14">
      <c r="N310974" s="10"/>
    </row>
    <row r="310975" spans="14:14">
      <c r="N310975" s="10"/>
    </row>
    <row r="310976" spans="14:14">
      <c r="N310976" s="10"/>
    </row>
    <row r="310977" spans="14:14">
      <c r="N310977" s="10"/>
    </row>
    <row r="310978" spans="14:14">
      <c r="N310978" s="10"/>
    </row>
    <row r="310979" spans="14:14">
      <c r="N310979" s="10"/>
    </row>
    <row r="310980" spans="14:14">
      <c r="N310980" s="10"/>
    </row>
    <row r="310981" spans="14:14">
      <c r="N310981" s="10"/>
    </row>
    <row r="310982" spans="14:14">
      <c r="N310982" s="10"/>
    </row>
    <row r="310983" spans="14:14">
      <c r="N310983" s="10"/>
    </row>
    <row r="310984" spans="14:14">
      <c r="N310984" s="10"/>
    </row>
    <row r="310985" spans="14:14">
      <c r="N310985" s="10"/>
    </row>
    <row r="310986" spans="14:14">
      <c r="N310986" s="10"/>
    </row>
    <row r="310987" spans="14:14">
      <c r="N310987" s="10"/>
    </row>
    <row r="310988" spans="14:14">
      <c r="N310988" s="10"/>
    </row>
    <row r="310989" spans="14:14">
      <c r="N310989" s="10"/>
    </row>
    <row r="310990" spans="14:14">
      <c r="N310990" s="10"/>
    </row>
    <row r="310991" spans="14:14">
      <c r="N310991" s="10"/>
    </row>
    <row r="310992" spans="14:14">
      <c r="N310992" s="10"/>
    </row>
    <row r="310993" spans="14:14">
      <c r="N310993" s="10"/>
    </row>
    <row r="310994" spans="14:14">
      <c r="N310994" s="10"/>
    </row>
    <row r="310995" spans="14:14">
      <c r="N310995" s="10"/>
    </row>
    <row r="310996" spans="14:14">
      <c r="N310996" s="10"/>
    </row>
    <row r="310997" spans="14:14">
      <c r="N310997" s="10"/>
    </row>
    <row r="310998" spans="14:14">
      <c r="N310998" s="10"/>
    </row>
    <row r="310999" spans="14:14">
      <c r="N310999" s="10"/>
    </row>
    <row r="311000" spans="14:14">
      <c r="N311000" s="10"/>
    </row>
    <row r="311001" spans="14:14">
      <c r="N311001" s="10"/>
    </row>
    <row r="311002" spans="14:14">
      <c r="N311002" s="10"/>
    </row>
    <row r="311003" spans="14:14">
      <c r="N311003" s="10"/>
    </row>
    <row r="311004" spans="14:14">
      <c r="N311004" s="10"/>
    </row>
    <row r="311005" spans="14:14">
      <c r="N311005" s="10"/>
    </row>
    <row r="311006" spans="14:14">
      <c r="N311006" s="10"/>
    </row>
    <row r="311007" spans="14:14">
      <c r="N311007" s="10"/>
    </row>
    <row r="311008" spans="14:14">
      <c r="N311008" s="10"/>
    </row>
    <row r="311009" spans="14:14">
      <c r="N311009" s="10"/>
    </row>
    <row r="311010" spans="14:14">
      <c r="N311010" s="10"/>
    </row>
    <row r="311011" spans="14:14">
      <c r="N311011" s="10"/>
    </row>
    <row r="311012" spans="14:14">
      <c r="N311012" s="10"/>
    </row>
    <row r="311013" spans="14:14">
      <c r="N311013" s="10"/>
    </row>
    <row r="311014" spans="14:14">
      <c r="N311014" s="10"/>
    </row>
    <row r="311015" spans="14:14">
      <c r="N311015" s="10"/>
    </row>
    <row r="311016" spans="14:14">
      <c r="N311016" s="10"/>
    </row>
    <row r="311017" spans="14:14">
      <c r="N311017" s="10"/>
    </row>
    <row r="311018" spans="14:14">
      <c r="N311018" s="10"/>
    </row>
    <row r="311019" spans="14:14">
      <c r="N311019" s="10"/>
    </row>
    <row r="311020" spans="14:14">
      <c r="N311020" s="10"/>
    </row>
    <row r="311021" spans="14:14">
      <c r="N311021" s="10"/>
    </row>
    <row r="311022" spans="14:14">
      <c r="N311022" s="10"/>
    </row>
    <row r="311023" spans="14:14">
      <c r="N311023" s="10"/>
    </row>
    <row r="311024" spans="14:14">
      <c r="N311024" s="10"/>
    </row>
    <row r="311025" spans="14:14">
      <c r="N311025" s="10"/>
    </row>
    <row r="311026" spans="14:14">
      <c r="N311026" s="10"/>
    </row>
    <row r="311027" spans="14:14">
      <c r="N311027" s="10"/>
    </row>
    <row r="311028" spans="14:14">
      <c r="N311028" s="10"/>
    </row>
    <row r="311029" spans="14:14">
      <c r="N311029" s="10"/>
    </row>
    <row r="311030" spans="14:14">
      <c r="N311030" s="10"/>
    </row>
    <row r="311031" spans="14:14">
      <c r="N311031" s="10"/>
    </row>
    <row r="311032" spans="14:14">
      <c r="N311032" s="10"/>
    </row>
    <row r="311033" spans="14:14">
      <c r="N311033" s="10"/>
    </row>
    <row r="311034" spans="14:14">
      <c r="N311034" s="10"/>
    </row>
    <row r="311035" spans="14:14">
      <c r="N311035" s="10"/>
    </row>
    <row r="311036" spans="14:14">
      <c r="N311036" s="10"/>
    </row>
    <row r="311037" spans="14:14">
      <c r="N311037" s="10"/>
    </row>
    <row r="311038" spans="14:14">
      <c r="N311038" s="10"/>
    </row>
    <row r="311039" spans="14:14">
      <c r="N311039" s="10"/>
    </row>
    <row r="311040" spans="14:14">
      <c r="N311040" s="10"/>
    </row>
    <row r="311041" spans="14:14">
      <c r="N311041" s="10"/>
    </row>
    <row r="311042" spans="14:14">
      <c r="N311042" s="10"/>
    </row>
    <row r="311043" spans="14:14">
      <c r="N311043" s="10"/>
    </row>
    <row r="311044" spans="14:14">
      <c r="N311044" s="10"/>
    </row>
    <row r="311045" spans="14:14">
      <c r="N311045" s="10"/>
    </row>
    <row r="311046" spans="14:14">
      <c r="N311046" s="10"/>
    </row>
    <row r="311047" spans="14:14">
      <c r="N311047" s="10"/>
    </row>
    <row r="311048" spans="14:14">
      <c r="N311048" s="10"/>
    </row>
    <row r="311049" spans="14:14">
      <c r="N311049" s="10"/>
    </row>
    <row r="311050" spans="14:14">
      <c r="N311050" s="10"/>
    </row>
    <row r="311051" spans="14:14">
      <c r="N311051" s="10"/>
    </row>
    <row r="311052" spans="14:14">
      <c r="N311052" s="10"/>
    </row>
    <row r="311053" spans="14:14">
      <c r="N311053" s="10"/>
    </row>
    <row r="311054" spans="14:14">
      <c r="N311054" s="10"/>
    </row>
    <row r="311055" spans="14:14">
      <c r="N311055" s="10"/>
    </row>
    <row r="311056" spans="14:14">
      <c r="N311056" s="10"/>
    </row>
    <row r="311057" spans="14:14">
      <c r="N311057" s="10"/>
    </row>
    <row r="311058" spans="14:14">
      <c r="N311058" s="10"/>
    </row>
    <row r="311059" spans="14:14">
      <c r="N311059" s="10"/>
    </row>
    <row r="311060" spans="14:14">
      <c r="N311060" s="10"/>
    </row>
    <row r="311061" spans="14:14">
      <c r="N311061" s="10"/>
    </row>
    <row r="311062" spans="14:14">
      <c r="N311062" s="10"/>
    </row>
    <row r="311063" spans="14:14">
      <c r="N311063" s="10"/>
    </row>
    <row r="311064" spans="14:14">
      <c r="N311064" s="10"/>
    </row>
    <row r="311065" spans="14:14">
      <c r="N311065" s="10"/>
    </row>
    <row r="311066" spans="14:14">
      <c r="N311066" s="10"/>
    </row>
    <row r="311067" spans="14:14">
      <c r="N311067" s="10"/>
    </row>
    <row r="311068" spans="14:14">
      <c r="N311068" s="10"/>
    </row>
    <row r="311069" spans="14:14">
      <c r="N311069" s="10"/>
    </row>
    <row r="311070" spans="14:14">
      <c r="N311070" s="10"/>
    </row>
    <row r="311071" spans="14:14">
      <c r="N311071" s="10"/>
    </row>
    <row r="311072" spans="14:14">
      <c r="N311072" s="10"/>
    </row>
    <row r="311073" spans="14:14">
      <c r="N311073" s="10"/>
    </row>
    <row r="311074" spans="14:14">
      <c r="N311074" s="10"/>
    </row>
    <row r="311075" spans="14:14">
      <c r="N311075" s="10"/>
    </row>
    <row r="311076" spans="14:14">
      <c r="N311076" s="10"/>
    </row>
    <row r="311077" spans="14:14">
      <c r="N311077" s="10"/>
    </row>
    <row r="311078" spans="14:14">
      <c r="N311078" s="10"/>
    </row>
    <row r="311079" spans="14:14">
      <c r="N311079" s="10"/>
    </row>
    <row r="311080" spans="14:14">
      <c r="N311080" s="10"/>
    </row>
    <row r="311081" spans="14:14">
      <c r="N311081" s="10"/>
    </row>
    <row r="311082" spans="14:14">
      <c r="N311082" s="10"/>
    </row>
    <row r="311083" spans="14:14">
      <c r="N311083" s="10"/>
    </row>
    <row r="311084" spans="14:14">
      <c r="N311084" s="10"/>
    </row>
    <row r="311085" spans="14:14">
      <c r="N311085" s="10"/>
    </row>
    <row r="311086" spans="14:14">
      <c r="N311086" s="10"/>
    </row>
    <row r="311087" spans="14:14">
      <c r="N311087" s="10"/>
    </row>
    <row r="311088" spans="14:14">
      <c r="N311088" s="10"/>
    </row>
    <row r="311089" spans="14:14">
      <c r="N311089" s="10"/>
    </row>
    <row r="311090" spans="14:14">
      <c r="N311090" s="10"/>
    </row>
    <row r="311091" spans="14:14">
      <c r="N311091" s="10"/>
    </row>
    <row r="311092" spans="14:14">
      <c r="N311092" s="10"/>
    </row>
    <row r="311093" spans="14:14">
      <c r="N311093" s="10"/>
    </row>
    <row r="311094" spans="14:14">
      <c r="N311094" s="10"/>
    </row>
    <row r="311095" spans="14:14">
      <c r="N311095" s="10"/>
    </row>
    <row r="311096" spans="14:14">
      <c r="N311096" s="10"/>
    </row>
    <row r="311097" spans="14:14">
      <c r="N311097" s="10"/>
    </row>
    <row r="311098" spans="14:14">
      <c r="N311098" s="10"/>
    </row>
    <row r="311099" spans="14:14">
      <c r="N311099" s="10"/>
    </row>
    <row r="311100" spans="14:14">
      <c r="N311100" s="10"/>
    </row>
    <row r="311101" spans="14:14">
      <c r="N311101" s="10"/>
    </row>
    <row r="311102" spans="14:14">
      <c r="N311102" s="10"/>
    </row>
    <row r="311103" spans="14:14">
      <c r="N311103" s="10"/>
    </row>
    <row r="311104" spans="14:14">
      <c r="N311104" s="10"/>
    </row>
    <row r="311105" spans="14:14">
      <c r="N311105" s="10"/>
    </row>
    <row r="311106" spans="14:14">
      <c r="N311106" s="10"/>
    </row>
    <row r="311107" spans="14:14">
      <c r="N311107" s="10"/>
    </row>
    <row r="311108" spans="14:14">
      <c r="N311108" s="10"/>
    </row>
    <row r="311109" spans="14:14">
      <c r="N311109" s="10"/>
    </row>
    <row r="311110" spans="14:14">
      <c r="N311110" s="10"/>
    </row>
    <row r="311111" spans="14:14">
      <c r="N311111" s="10"/>
    </row>
    <row r="311112" spans="14:14">
      <c r="N311112" s="10"/>
    </row>
    <row r="311113" spans="14:14">
      <c r="N311113" s="10"/>
    </row>
    <row r="311114" spans="14:14">
      <c r="N311114" s="10"/>
    </row>
    <row r="311115" spans="14:14">
      <c r="N311115" s="10"/>
    </row>
    <row r="311116" spans="14:14">
      <c r="N311116" s="10"/>
    </row>
    <row r="311117" spans="14:14">
      <c r="N311117" s="10"/>
    </row>
    <row r="311118" spans="14:14">
      <c r="N311118" s="10"/>
    </row>
    <row r="311119" spans="14:14">
      <c r="N311119" s="10"/>
    </row>
    <row r="311120" spans="14:14">
      <c r="N311120" s="10"/>
    </row>
    <row r="311121" spans="14:14">
      <c r="N311121" s="10"/>
    </row>
    <row r="311122" spans="14:14">
      <c r="N311122" s="10"/>
    </row>
    <row r="311123" spans="14:14">
      <c r="N311123" s="10"/>
    </row>
    <row r="311124" spans="14:14">
      <c r="N311124" s="10"/>
    </row>
    <row r="311125" spans="14:14">
      <c r="N311125" s="10"/>
    </row>
    <row r="311126" spans="14:14">
      <c r="N311126" s="10"/>
    </row>
    <row r="311127" spans="14:14">
      <c r="N311127" s="10"/>
    </row>
    <row r="311128" spans="14:14">
      <c r="N311128" s="10"/>
    </row>
    <row r="311129" spans="14:14">
      <c r="N311129" s="10"/>
    </row>
    <row r="311130" spans="14:14">
      <c r="N311130" s="10"/>
    </row>
    <row r="311131" spans="14:14">
      <c r="N311131" s="10"/>
    </row>
    <row r="311132" spans="14:14">
      <c r="N311132" s="10"/>
    </row>
    <row r="311133" spans="14:14">
      <c r="N311133" s="10"/>
    </row>
    <row r="311134" spans="14:14">
      <c r="N311134" s="10"/>
    </row>
    <row r="311135" spans="14:14">
      <c r="N311135" s="10"/>
    </row>
    <row r="311136" spans="14:14">
      <c r="N311136" s="10"/>
    </row>
    <row r="311137" spans="14:14">
      <c r="N311137" s="10"/>
    </row>
    <row r="311138" spans="14:14">
      <c r="N311138" s="10"/>
    </row>
    <row r="311139" spans="14:14">
      <c r="N311139" s="10"/>
    </row>
    <row r="311140" spans="14:14">
      <c r="N311140" s="10"/>
    </row>
    <row r="311141" spans="14:14">
      <c r="N311141" s="10"/>
    </row>
    <row r="311142" spans="14:14">
      <c r="N311142" s="10"/>
    </row>
    <row r="311143" spans="14:14">
      <c r="N311143" s="10"/>
    </row>
    <row r="311144" spans="14:14">
      <c r="N311144" s="10"/>
    </row>
    <row r="311145" spans="14:14">
      <c r="N311145" s="10"/>
    </row>
    <row r="311146" spans="14:14">
      <c r="N311146" s="10"/>
    </row>
    <row r="311147" spans="14:14">
      <c r="N311147" s="10"/>
    </row>
    <row r="311148" spans="14:14">
      <c r="N311148" s="10"/>
    </row>
    <row r="311149" spans="14:14">
      <c r="N311149" s="10"/>
    </row>
    <row r="311150" spans="14:14">
      <c r="N311150" s="10"/>
    </row>
    <row r="311151" spans="14:14">
      <c r="N311151" s="10"/>
    </row>
    <row r="311152" spans="14:14">
      <c r="N311152" s="10"/>
    </row>
    <row r="311153" spans="14:14">
      <c r="N311153" s="10"/>
    </row>
    <row r="311154" spans="14:14">
      <c r="N311154" s="10"/>
    </row>
    <row r="311155" spans="14:14">
      <c r="N311155" s="10"/>
    </row>
    <row r="311156" spans="14:14">
      <c r="N311156" s="10"/>
    </row>
    <row r="311157" spans="14:14">
      <c r="N311157" s="10"/>
    </row>
    <row r="311158" spans="14:14">
      <c r="N311158" s="10"/>
    </row>
    <row r="311159" spans="14:14">
      <c r="N311159" s="10"/>
    </row>
    <row r="311160" spans="14:14">
      <c r="N311160" s="10"/>
    </row>
    <row r="311161" spans="14:14">
      <c r="N311161" s="10"/>
    </row>
    <row r="311162" spans="14:14">
      <c r="N311162" s="10"/>
    </row>
    <row r="311163" spans="14:14">
      <c r="N311163" s="10"/>
    </row>
    <row r="311164" spans="14:14">
      <c r="N311164" s="10"/>
    </row>
    <row r="311165" spans="14:14">
      <c r="N311165" s="10"/>
    </row>
    <row r="311166" spans="14:14">
      <c r="N311166" s="10"/>
    </row>
    <row r="311167" spans="14:14">
      <c r="N311167" s="10"/>
    </row>
    <row r="311168" spans="14:14">
      <c r="N311168" s="10"/>
    </row>
    <row r="311169" spans="14:14">
      <c r="N311169" s="10"/>
    </row>
    <row r="311170" spans="14:14">
      <c r="N311170" s="10"/>
    </row>
    <row r="311171" spans="14:14">
      <c r="N311171" s="10"/>
    </row>
    <row r="311172" spans="14:14">
      <c r="N311172" s="10"/>
    </row>
    <row r="311173" spans="14:14">
      <c r="N311173" s="10"/>
    </row>
    <row r="311174" spans="14:14">
      <c r="N311174" s="10"/>
    </row>
    <row r="311175" spans="14:14">
      <c r="N311175" s="10"/>
    </row>
    <row r="311176" spans="14:14">
      <c r="N311176" s="10"/>
    </row>
    <row r="311177" spans="14:14">
      <c r="N311177" s="10"/>
    </row>
    <row r="311178" spans="14:14">
      <c r="N311178" s="10"/>
    </row>
    <row r="311179" spans="14:14">
      <c r="N311179" s="10"/>
    </row>
    <row r="311180" spans="14:14">
      <c r="N311180" s="10"/>
    </row>
    <row r="311181" spans="14:14">
      <c r="N311181" s="10"/>
    </row>
    <row r="311182" spans="14:14">
      <c r="N311182" s="10"/>
    </row>
    <row r="311183" spans="14:14">
      <c r="N311183" s="10"/>
    </row>
    <row r="311184" spans="14:14">
      <c r="N311184" s="10"/>
    </row>
    <row r="311185" spans="14:14">
      <c r="N311185" s="10"/>
    </row>
    <row r="311186" spans="14:14">
      <c r="N311186" s="10"/>
    </row>
    <row r="311187" spans="14:14">
      <c r="N311187" s="10"/>
    </row>
    <row r="311188" spans="14:14">
      <c r="N311188" s="10"/>
    </row>
    <row r="311189" spans="14:14">
      <c r="N311189" s="10"/>
    </row>
    <row r="311190" spans="14:14">
      <c r="N311190" s="10"/>
    </row>
    <row r="311191" spans="14:14">
      <c r="N311191" s="10"/>
    </row>
    <row r="311192" spans="14:14">
      <c r="N311192" s="10"/>
    </row>
    <row r="311193" spans="14:14">
      <c r="N311193" s="10"/>
    </row>
    <row r="311194" spans="14:14">
      <c r="N311194" s="10"/>
    </row>
    <row r="311195" spans="14:14">
      <c r="N311195" s="10"/>
    </row>
    <row r="311196" spans="14:14">
      <c r="N311196" s="10"/>
    </row>
    <row r="311197" spans="14:14">
      <c r="N311197" s="10"/>
    </row>
    <row r="311198" spans="14:14">
      <c r="N311198" s="10"/>
    </row>
    <row r="311199" spans="14:14">
      <c r="N311199" s="10"/>
    </row>
    <row r="311200" spans="14:14">
      <c r="N311200" s="10"/>
    </row>
    <row r="311201" spans="14:14">
      <c r="N311201" s="10"/>
    </row>
    <row r="311202" spans="14:14">
      <c r="N311202" s="10"/>
    </row>
    <row r="311203" spans="14:14">
      <c r="N311203" s="10"/>
    </row>
    <row r="311204" spans="14:14">
      <c r="N311204" s="10"/>
    </row>
    <row r="311205" spans="14:14">
      <c r="N311205" s="10"/>
    </row>
    <row r="311206" spans="14:14">
      <c r="N311206" s="10"/>
    </row>
    <row r="311207" spans="14:14">
      <c r="N311207" s="10"/>
    </row>
    <row r="311208" spans="14:14">
      <c r="N311208" s="10"/>
    </row>
    <row r="311209" spans="14:14">
      <c r="N311209" s="10"/>
    </row>
    <row r="311210" spans="14:14">
      <c r="N311210" s="10"/>
    </row>
    <row r="311211" spans="14:14">
      <c r="N311211" s="10"/>
    </row>
    <row r="311212" spans="14:14">
      <c r="N311212" s="10"/>
    </row>
    <row r="311213" spans="14:14">
      <c r="N311213" s="10"/>
    </row>
    <row r="311214" spans="14:14">
      <c r="N311214" s="10"/>
    </row>
    <row r="311215" spans="14:14">
      <c r="N311215" s="10"/>
    </row>
    <row r="311216" spans="14:14">
      <c r="N311216" s="10"/>
    </row>
    <row r="311217" spans="14:14">
      <c r="N311217" s="10"/>
    </row>
    <row r="311218" spans="14:14">
      <c r="N311218" s="10"/>
    </row>
    <row r="311219" spans="14:14">
      <c r="N311219" s="10"/>
    </row>
    <row r="311220" spans="14:14">
      <c r="N311220" s="10"/>
    </row>
    <row r="311221" spans="14:14">
      <c r="N311221" s="10"/>
    </row>
    <row r="311222" spans="14:14">
      <c r="N311222" s="10"/>
    </row>
    <row r="311223" spans="14:14">
      <c r="N311223" s="10"/>
    </row>
    <row r="311224" spans="14:14">
      <c r="N311224" s="10"/>
    </row>
    <row r="311225" spans="14:14">
      <c r="N311225" s="10"/>
    </row>
    <row r="311226" spans="14:14">
      <c r="N311226" s="10"/>
    </row>
    <row r="311227" spans="14:14">
      <c r="N311227" s="10"/>
    </row>
    <row r="311228" spans="14:14">
      <c r="N311228" s="10"/>
    </row>
    <row r="311229" spans="14:14">
      <c r="N311229" s="10"/>
    </row>
    <row r="311230" spans="14:14">
      <c r="N311230" s="10"/>
    </row>
    <row r="311231" spans="14:14">
      <c r="N311231" s="10"/>
    </row>
    <row r="311232" spans="14:14">
      <c r="N311232" s="10"/>
    </row>
    <row r="311233" spans="14:14">
      <c r="N311233" s="10"/>
    </row>
    <row r="311234" spans="14:14">
      <c r="N311234" s="10"/>
    </row>
    <row r="311235" spans="14:14">
      <c r="N311235" s="10"/>
    </row>
    <row r="311236" spans="14:14">
      <c r="N311236" s="10"/>
    </row>
    <row r="311237" spans="14:14">
      <c r="N311237" s="10"/>
    </row>
    <row r="311238" spans="14:14">
      <c r="N311238" s="10"/>
    </row>
    <row r="311239" spans="14:14">
      <c r="N311239" s="10"/>
    </row>
    <row r="311240" spans="14:14">
      <c r="N311240" s="10"/>
    </row>
    <row r="311241" spans="14:14">
      <c r="N311241" s="10"/>
    </row>
    <row r="311242" spans="14:14">
      <c r="N311242" s="10"/>
    </row>
    <row r="311243" spans="14:14">
      <c r="N311243" s="10"/>
    </row>
    <row r="311244" spans="14:14">
      <c r="N311244" s="10"/>
    </row>
    <row r="311245" spans="14:14">
      <c r="N311245" s="10"/>
    </row>
    <row r="311246" spans="14:14">
      <c r="N311246" s="10"/>
    </row>
    <row r="311247" spans="14:14">
      <c r="N311247" s="10"/>
    </row>
    <row r="311248" spans="14:14">
      <c r="N311248" s="10"/>
    </row>
    <row r="311249" spans="14:14">
      <c r="N311249" s="10"/>
    </row>
    <row r="311250" spans="14:14">
      <c r="N311250" s="10"/>
    </row>
    <row r="311251" spans="14:14">
      <c r="N311251" s="10"/>
    </row>
    <row r="311252" spans="14:14">
      <c r="N311252" s="10"/>
    </row>
    <row r="311253" spans="14:14">
      <c r="N311253" s="10"/>
    </row>
    <row r="311254" spans="14:14">
      <c r="N311254" s="10"/>
    </row>
    <row r="311255" spans="14:14">
      <c r="N311255" s="10"/>
    </row>
    <row r="311256" spans="14:14">
      <c r="N311256" s="10"/>
    </row>
    <row r="311257" spans="14:14">
      <c r="N311257" s="10"/>
    </row>
    <row r="311258" spans="14:14">
      <c r="N311258" s="10"/>
    </row>
    <row r="311259" spans="14:14">
      <c r="N311259" s="10"/>
    </row>
    <row r="311260" spans="14:14">
      <c r="N311260" s="10"/>
    </row>
    <row r="311261" spans="14:14">
      <c r="N311261" s="10"/>
    </row>
    <row r="311262" spans="14:14">
      <c r="N311262" s="10"/>
    </row>
    <row r="311263" spans="14:14">
      <c r="N311263" s="10"/>
    </row>
    <row r="311264" spans="14:14">
      <c r="N311264" s="10"/>
    </row>
    <row r="311265" spans="14:14">
      <c r="N311265" s="10"/>
    </row>
    <row r="311266" spans="14:14">
      <c r="N311266" s="10"/>
    </row>
    <row r="311267" spans="14:14">
      <c r="N311267" s="10"/>
    </row>
    <row r="311268" spans="14:14">
      <c r="N311268" s="10"/>
    </row>
    <row r="311269" spans="14:14">
      <c r="N311269" s="10"/>
    </row>
    <row r="311270" spans="14:14">
      <c r="N311270" s="10"/>
    </row>
    <row r="311271" spans="14:14">
      <c r="N311271" s="10"/>
    </row>
    <row r="311272" spans="14:14">
      <c r="N311272" s="10"/>
    </row>
    <row r="311273" spans="14:14">
      <c r="N311273" s="10"/>
    </row>
    <row r="311274" spans="14:14">
      <c r="N311274" s="10"/>
    </row>
    <row r="311275" spans="14:14">
      <c r="N311275" s="10"/>
    </row>
    <row r="311276" spans="14:14">
      <c r="N311276" s="10"/>
    </row>
    <row r="311277" spans="14:14">
      <c r="N311277" s="10"/>
    </row>
    <row r="311278" spans="14:14">
      <c r="N311278" s="10"/>
    </row>
    <row r="311279" spans="14:14">
      <c r="N311279" s="10"/>
    </row>
    <row r="311280" spans="14:14">
      <c r="N311280" s="10"/>
    </row>
    <row r="311281" spans="14:14">
      <c r="N311281" s="10"/>
    </row>
    <row r="311282" spans="14:14">
      <c r="N311282" s="10"/>
    </row>
    <row r="311283" spans="14:14">
      <c r="N311283" s="10"/>
    </row>
    <row r="311284" spans="14:14">
      <c r="N311284" s="10"/>
    </row>
    <row r="311285" spans="14:14">
      <c r="N311285" s="10"/>
    </row>
    <row r="311286" spans="14:14">
      <c r="N311286" s="10"/>
    </row>
    <row r="311287" spans="14:14">
      <c r="N311287" s="10"/>
    </row>
    <row r="311288" spans="14:14">
      <c r="N311288" s="10"/>
    </row>
    <row r="311289" spans="14:14">
      <c r="N311289" s="10"/>
    </row>
    <row r="311290" spans="14:14">
      <c r="N311290" s="10"/>
    </row>
    <row r="311291" spans="14:14">
      <c r="N311291" s="10"/>
    </row>
    <row r="311292" spans="14:14">
      <c r="N311292" s="10"/>
    </row>
    <row r="311293" spans="14:14">
      <c r="N311293" s="10"/>
    </row>
    <row r="311294" spans="14:14">
      <c r="N311294" s="10"/>
    </row>
    <row r="311295" spans="14:14">
      <c r="N311295" s="10"/>
    </row>
    <row r="311296" spans="14:14">
      <c r="N311296" s="10"/>
    </row>
    <row r="311297" spans="14:14">
      <c r="N311297" s="10"/>
    </row>
    <row r="311298" spans="14:14">
      <c r="N311298" s="10"/>
    </row>
    <row r="311299" spans="14:14">
      <c r="N311299" s="10"/>
    </row>
    <row r="311300" spans="14:14">
      <c r="N311300" s="10"/>
    </row>
    <row r="311301" spans="14:14">
      <c r="N311301" s="10"/>
    </row>
    <row r="311302" spans="14:14">
      <c r="N311302" s="10"/>
    </row>
    <row r="311303" spans="14:14">
      <c r="N311303" s="10"/>
    </row>
    <row r="311304" spans="14:14">
      <c r="N311304" s="10"/>
    </row>
    <row r="311305" spans="14:14">
      <c r="N311305" s="10"/>
    </row>
    <row r="311306" spans="14:14">
      <c r="N311306" s="10"/>
    </row>
    <row r="311307" spans="14:14">
      <c r="N311307" s="10"/>
    </row>
    <row r="311308" spans="14:14">
      <c r="N311308" s="10"/>
    </row>
    <row r="311309" spans="14:14">
      <c r="N311309" s="10"/>
    </row>
    <row r="311310" spans="14:14">
      <c r="N311310" s="10"/>
    </row>
    <row r="311311" spans="14:14">
      <c r="N311311" s="10"/>
    </row>
    <row r="311312" spans="14:14">
      <c r="N311312" s="10"/>
    </row>
    <row r="311313" spans="14:14">
      <c r="N311313" s="10"/>
    </row>
    <row r="311314" spans="14:14">
      <c r="N311314" s="10"/>
    </row>
    <row r="311315" spans="14:14">
      <c r="N311315" s="10"/>
    </row>
    <row r="311316" spans="14:14">
      <c r="N311316" s="10"/>
    </row>
    <row r="311317" spans="14:14">
      <c r="N311317" s="10"/>
    </row>
    <row r="311318" spans="14:14">
      <c r="N311318" s="10"/>
    </row>
    <row r="311319" spans="14:14">
      <c r="N311319" s="10"/>
    </row>
    <row r="311320" spans="14:14">
      <c r="N311320" s="10"/>
    </row>
    <row r="311321" spans="14:14">
      <c r="N311321" s="10"/>
    </row>
    <row r="311322" spans="14:14">
      <c r="N311322" s="10"/>
    </row>
    <row r="311323" spans="14:14">
      <c r="N311323" s="10"/>
    </row>
    <row r="311324" spans="14:14">
      <c r="N311324" s="10"/>
    </row>
    <row r="311325" spans="14:14">
      <c r="N311325" s="10"/>
    </row>
    <row r="311326" spans="14:14">
      <c r="N311326" s="10"/>
    </row>
    <row r="311327" spans="14:14">
      <c r="N311327" s="10"/>
    </row>
    <row r="311328" spans="14:14">
      <c r="N311328" s="10"/>
    </row>
    <row r="311329" spans="14:14">
      <c r="N311329" s="10"/>
    </row>
    <row r="311330" spans="14:14">
      <c r="N311330" s="10"/>
    </row>
    <row r="311331" spans="14:14">
      <c r="N311331" s="10"/>
    </row>
    <row r="311332" spans="14:14">
      <c r="N311332" s="10"/>
    </row>
    <row r="311333" spans="14:14">
      <c r="N311333" s="10"/>
    </row>
    <row r="311334" spans="14:14">
      <c r="N311334" s="10"/>
    </row>
    <row r="311335" spans="14:14">
      <c r="N311335" s="10"/>
    </row>
    <row r="311336" spans="14:14">
      <c r="N311336" s="10"/>
    </row>
    <row r="311337" spans="14:14">
      <c r="N311337" s="10"/>
    </row>
    <row r="311338" spans="14:14">
      <c r="N311338" s="10"/>
    </row>
    <row r="311339" spans="14:14">
      <c r="N311339" s="10"/>
    </row>
    <row r="311340" spans="14:14">
      <c r="N311340" s="10"/>
    </row>
    <row r="311341" spans="14:14">
      <c r="N311341" s="10"/>
    </row>
    <row r="311342" spans="14:14">
      <c r="N311342" s="10"/>
    </row>
    <row r="311343" spans="14:14">
      <c r="N311343" s="10"/>
    </row>
    <row r="311344" spans="14:14">
      <c r="N311344" s="10"/>
    </row>
    <row r="311345" spans="14:14">
      <c r="N311345" s="10"/>
    </row>
    <row r="311346" spans="14:14">
      <c r="N311346" s="10"/>
    </row>
    <row r="311347" spans="14:14">
      <c r="N311347" s="10"/>
    </row>
    <row r="311348" spans="14:14">
      <c r="N311348" s="10"/>
    </row>
    <row r="311349" spans="14:14">
      <c r="N311349" s="10"/>
    </row>
    <row r="311350" spans="14:14">
      <c r="N311350" s="10"/>
    </row>
    <row r="311351" spans="14:14">
      <c r="N311351" s="10"/>
    </row>
    <row r="311352" spans="14:14">
      <c r="N311352" s="10"/>
    </row>
    <row r="311353" spans="14:14">
      <c r="N311353" s="10"/>
    </row>
    <row r="311354" spans="14:14">
      <c r="N311354" s="10"/>
    </row>
    <row r="311355" spans="14:14">
      <c r="N311355" s="10"/>
    </row>
    <row r="311356" spans="14:14">
      <c r="N311356" s="10"/>
    </row>
    <row r="311357" spans="14:14">
      <c r="N311357" s="10"/>
    </row>
    <row r="311358" spans="14:14">
      <c r="N311358" s="10"/>
    </row>
    <row r="311359" spans="14:14">
      <c r="N311359" s="10"/>
    </row>
    <row r="311360" spans="14:14">
      <c r="N311360" s="10"/>
    </row>
    <row r="311361" spans="14:14">
      <c r="N311361" s="10"/>
    </row>
    <row r="311362" spans="14:14">
      <c r="N311362" s="10"/>
    </row>
    <row r="311363" spans="14:14">
      <c r="N311363" s="10"/>
    </row>
    <row r="311364" spans="14:14">
      <c r="N311364" s="10"/>
    </row>
    <row r="311365" spans="14:14">
      <c r="N311365" s="10"/>
    </row>
    <row r="311366" spans="14:14">
      <c r="N311366" s="10"/>
    </row>
    <row r="311367" spans="14:14">
      <c r="N311367" s="10"/>
    </row>
    <row r="311368" spans="14:14">
      <c r="N311368" s="10"/>
    </row>
    <row r="311369" spans="14:14">
      <c r="N311369" s="10"/>
    </row>
    <row r="311370" spans="14:14">
      <c r="N311370" s="10"/>
    </row>
    <row r="311371" spans="14:14">
      <c r="N311371" s="10"/>
    </row>
    <row r="311372" spans="14:14">
      <c r="N311372" s="10"/>
    </row>
    <row r="311373" spans="14:14">
      <c r="N311373" s="10"/>
    </row>
    <row r="311374" spans="14:14">
      <c r="N311374" s="10"/>
    </row>
    <row r="311375" spans="14:14">
      <c r="N311375" s="10"/>
    </row>
    <row r="311376" spans="14:14">
      <c r="N311376" s="10"/>
    </row>
    <row r="311377" spans="14:14">
      <c r="N311377" s="10"/>
    </row>
    <row r="311378" spans="14:14">
      <c r="N311378" s="10"/>
    </row>
    <row r="311379" spans="14:14">
      <c r="N311379" s="10"/>
    </row>
    <row r="311380" spans="14:14">
      <c r="N311380" s="10"/>
    </row>
    <row r="311381" spans="14:14">
      <c r="N311381" s="10"/>
    </row>
    <row r="311382" spans="14:14">
      <c r="N311382" s="10"/>
    </row>
    <row r="311383" spans="14:14">
      <c r="N311383" s="10"/>
    </row>
    <row r="311384" spans="14:14">
      <c r="N311384" s="10"/>
    </row>
    <row r="311385" spans="14:14">
      <c r="N311385" s="10"/>
    </row>
    <row r="311386" spans="14:14">
      <c r="N311386" s="10"/>
    </row>
    <row r="311387" spans="14:14">
      <c r="N311387" s="10"/>
    </row>
    <row r="311388" spans="14:14">
      <c r="N311388" s="10"/>
    </row>
    <row r="311389" spans="14:14">
      <c r="N311389" s="10"/>
    </row>
    <row r="311390" spans="14:14">
      <c r="N311390" s="10"/>
    </row>
    <row r="311391" spans="14:14">
      <c r="N311391" s="10"/>
    </row>
    <row r="311392" spans="14:14">
      <c r="N311392" s="10"/>
    </row>
    <row r="311393" spans="14:14">
      <c r="N311393" s="10"/>
    </row>
    <row r="311394" spans="14:14">
      <c r="N311394" s="10"/>
    </row>
    <row r="311395" spans="14:14">
      <c r="N311395" s="10"/>
    </row>
    <row r="311396" spans="14:14">
      <c r="N311396" s="10"/>
    </row>
    <row r="311397" spans="14:14">
      <c r="N311397" s="10"/>
    </row>
    <row r="311398" spans="14:14">
      <c r="N311398" s="10"/>
    </row>
    <row r="311399" spans="14:14">
      <c r="N311399" s="10"/>
    </row>
    <row r="311400" spans="14:14">
      <c r="N311400" s="10"/>
    </row>
    <row r="311401" spans="14:14">
      <c r="N311401" s="10"/>
    </row>
    <row r="311402" spans="14:14">
      <c r="N311402" s="10"/>
    </row>
    <row r="311403" spans="14:14">
      <c r="N311403" s="10"/>
    </row>
    <row r="311404" spans="14:14">
      <c r="N311404" s="10"/>
    </row>
    <row r="311405" spans="14:14">
      <c r="N311405" s="10"/>
    </row>
    <row r="311406" spans="14:14">
      <c r="N311406" s="10"/>
    </row>
    <row r="311407" spans="14:14">
      <c r="N311407" s="10"/>
    </row>
    <row r="311408" spans="14:14">
      <c r="N311408" s="10"/>
    </row>
    <row r="311409" spans="14:14">
      <c r="N311409" s="10"/>
    </row>
    <row r="311410" spans="14:14">
      <c r="N311410" s="10"/>
    </row>
    <row r="311411" spans="14:14">
      <c r="N311411" s="10"/>
    </row>
    <row r="311412" spans="14:14">
      <c r="N311412" s="10"/>
    </row>
    <row r="311413" spans="14:14">
      <c r="N311413" s="10"/>
    </row>
    <row r="311414" spans="14:14">
      <c r="N311414" s="10"/>
    </row>
    <row r="311415" spans="14:14">
      <c r="N311415" s="10"/>
    </row>
    <row r="311416" spans="14:14">
      <c r="N311416" s="10"/>
    </row>
    <row r="311417" spans="14:14">
      <c r="N311417" s="10"/>
    </row>
    <row r="311418" spans="14:14">
      <c r="N311418" s="10"/>
    </row>
    <row r="311419" spans="14:14">
      <c r="N311419" s="10"/>
    </row>
    <row r="311420" spans="14:14">
      <c r="N311420" s="10"/>
    </row>
    <row r="311421" spans="14:14">
      <c r="N311421" s="10"/>
    </row>
    <row r="311422" spans="14:14">
      <c r="N311422" s="10"/>
    </row>
    <row r="311423" spans="14:14">
      <c r="N311423" s="10"/>
    </row>
    <row r="311424" spans="14:14">
      <c r="N311424" s="10"/>
    </row>
    <row r="311425" spans="14:14">
      <c r="N311425" s="10"/>
    </row>
    <row r="311426" spans="14:14">
      <c r="N311426" s="10"/>
    </row>
    <row r="311427" spans="14:14">
      <c r="N311427" s="10"/>
    </row>
    <row r="311428" spans="14:14">
      <c r="N311428" s="10"/>
    </row>
    <row r="311429" spans="14:14">
      <c r="N311429" s="10"/>
    </row>
    <row r="311430" spans="14:14">
      <c r="N311430" s="10"/>
    </row>
    <row r="311431" spans="14:14">
      <c r="N311431" s="10"/>
    </row>
    <row r="311432" spans="14:14">
      <c r="N311432" s="10"/>
    </row>
    <row r="311433" spans="14:14">
      <c r="N311433" s="10"/>
    </row>
    <row r="311434" spans="14:14">
      <c r="N311434" s="10"/>
    </row>
    <row r="311435" spans="14:14">
      <c r="N311435" s="10"/>
    </row>
    <row r="311436" spans="14:14">
      <c r="N311436" s="10"/>
    </row>
    <row r="311437" spans="14:14">
      <c r="N311437" s="10"/>
    </row>
    <row r="311438" spans="14:14">
      <c r="N311438" s="10"/>
    </row>
    <row r="311439" spans="14:14">
      <c r="N311439" s="10"/>
    </row>
    <row r="311440" spans="14:14">
      <c r="N311440" s="10"/>
    </row>
    <row r="311441" spans="14:14">
      <c r="N311441" s="10"/>
    </row>
    <row r="311442" spans="14:14">
      <c r="N311442" s="10"/>
    </row>
    <row r="311443" spans="14:14">
      <c r="N311443" s="10"/>
    </row>
    <row r="311444" spans="14:14">
      <c r="N311444" s="10"/>
    </row>
    <row r="311445" spans="14:14">
      <c r="N311445" s="10"/>
    </row>
    <row r="311446" spans="14:14">
      <c r="N311446" s="10"/>
    </row>
    <row r="311447" spans="14:14">
      <c r="N311447" s="10"/>
    </row>
    <row r="311448" spans="14:14">
      <c r="N311448" s="10"/>
    </row>
    <row r="311449" spans="14:14">
      <c r="N311449" s="10"/>
    </row>
    <row r="311450" spans="14:14">
      <c r="N311450" s="10"/>
    </row>
    <row r="311451" spans="14:14">
      <c r="N311451" s="10"/>
    </row>
    <row r="311452" spans="14:14">
      <c r="N311452" s="10"/>
    </row>
    <row r="311453" spans="14:14">
      <c r="N311453" s="10"/>
    </row>
    <row r="311454" spans="14:14">
      <c r="N311454" s="10"/>
    </row>
    <row r="311455" spans="14:14">
      <c r="N311455" s="10"/>
    </row>
    <row r="311456" spans="14:14">
      <c r="N311456" s="10"/>
    </row>
    <row r="311457" spans="14:14">
      <c r="N311457" s="10"/>
    </row>
    <row r="311458" spans="14:14">
      <c r="N311458" s="10"/>
    </row>
    <row r="311459" spans="14:14">
      <c r="N311459" s="10"/>
    </row>
    <row r="311460" spans="14:14">
      <c r="N311460" s="10"/>
    </row>
    <row r="311461" spans="14:14">
      <c r="N311461" s="10"/>
    </row>
    <row r="311462" spans="14:14">
      <c r="N311462" s="10"/>
    </row>
    <row r="311463" spans="14:14">
      <c r="N311463" s="10"/>
    </row>
    <row r="311464" spans="14:14">
      <c r="N311464" s="10"/>
    </row>
    <row r="311465" spans="14:14">
      <c r="N311465" s="10"/>
    </row>
    <row r="311466" spans="14:14">
      <c r="N311466" s="10"/>
    </row>
    <row r="311467" spans="14:14">
      <c r="N311467" s="10"/>
    </row>
    <row r="311468" spans="14:14">
      <c r="N311468" s="10"/>
    </row>
    <row r="311469" spans="14:14">
      <c r="N311469" s="10"/>
    </row>
    <row r="311470" spans="14:14">
      <c r="N311470" s="10"/>
    </row>
    <row r="311471" spans="14:14">
      <c r="N311471" s="10"/>
    </row>
    <row r="311472" spans="14:14">
      <c r="N311472" s="10"/>
    </row>
    <row r="311473" spans="14:14">
      <c r="N311473" s="10"/>
    </row>
    <row r="311474" spans="14:14">
      <c r="N311474" s="10"/>
    </row>
    <row r="311475" spans="14:14">
      <c r="N311475" s="10"/>
    </row>
    <row r="311476" spans="14:14">
      <c r="N311476" s="10"/>
    </row>
    <row r="311477" spans="14:14">
      <c r="N311477" s="10"/>
    </row>
    <row r="311478" spans="14:14">
      <c r="N311478" s="10"/>
    </row>
    <row r="311479" spans="14:14">
      <c r="N311479" s="10"/>
    </row>
    <row r="311480" spans="14:14">
      <c r="N311480" s="10"/>
    </row>
    <row r="311481" spans="14:14">
      <c r="N311481" s="10"/>
    </row>
    <row r="311482" spans="14:14">
      <c r="N311482" s="10"/>
    </row>
    <row r="311483" spans="14:14">
      <c r="N311483" s="10"/>
    </row>
    <row r="311484" spans="14:14">
      <c r="N311484" s="10"/>
    </row>
    <row r="311485" spans="14:14">
      <c r="N311485" s="10"/>
    </row>
    <row r="311486" spans="14:14">
      <c r="N311486" s="10"/>
    </row>
    <row r="311487" spans="14:14">
      <c r="N311487" s="10"/>
    </row>
    <row r="311488" spans="14:14">
      <c r="N311488" s="10"/>
    </row>
    <row r="311489" spans="14:14">
      <c r="N311489" s="10"/>
    </row>
    <row r="311490" spans="14:14">
      <c r="N311490" s="10"/>
    </row>
    <row r="311491" spans="14:14">
      <c r="N311491" s="10"/>
    </row>
    <row r="311492" spans="14:14">
      <c r="N311492" s="10"/>
    </row>
    <row r="311493" spans="14:14">
      <c r="N311493" s="10"/>
    </row>
    <row r="311494" spans="14:14">
      <c r="N311494" s="10"/>
    </row>
    <row r="311495" spans="14:14">
      <c r="N311495" s="10"/>
    </row>
    <row r="311496" spans="14:14">
      <c r="N311496" s="10"/>
    </row>
    <row r="311497" spans="14:14">
      <c r="N311497" s="10"/>
    </row>
    <row r="311498" spans="14:14">
      <c r="N311498" s="10"/>
    </row>
    <row r="311499" spans="14:14">
      <c r="N311499" s="10"/>
    </row>
    <row r="311500" spans="14:14">
      <c r="N311500" s="10"/>
    </row>
    <row r="311501" spans="14:14">
      <c r="N311501" s="10"/>
    </row>
    <row r="311502" spans="14:14">
      <c r="N311502" s="10"/>
    </row>
    <row r="311503" spans="14:14">
      <c r="N311503" s="10"/>
    </row>
    <row r="311504" spans="14:14">
      <c r="N311504" s="10"/>
    </row>
    <row r="311505" spans="14:14">
      <c r="N311505" s="10"/>
    </row>
    <row r="311506" spans="14:14">
      <c r="N311506" s="10"/>
    </row>
    <row r="311507" spans="14:14">
      <c r="N311507" s="10"/>
    </row>
    <row r="311508" spans="14:14">
      <c r="N311508" s="10"/>
    </row>
    <row r="311509" spans="14:14">
      <c r="N311509" s="10"/>
    </row>
    <row r="311510" spans="14:14">
      <c r="N311510" s="10"/>
    </row>
    <row r="311511" spans="14:14">
      <c r="N311511" s="10"/>
    </row>
    <row r="311512" spans="14:14">
      <c r="N311512" s="10"/>
    </row>
    <row r="311513" spans="14:14">
      <c r="N311513" s="10"/>
    </row>
    <row r="311514" spans="14:14">
      <c r="N311514" s="10"/>
    </row>
    <row r="311515" spans="14:14">
      <c r="N311515" s="10"/>
    </row>
    <row r="311516" spans="14:14">
      <c r="N311516" s="10"/>
    </row>
    <row r="311517" spans="14:14">
      <c r="N311517" s="10"/>
    </row>
    <row r="311518" spans="14:14">
      <c r="N311518" s="10"/>
    </row>
    <row r="311519" spans="14:14">
      <c r="N311519" s="10"/>
    </row>
    <row r="311520" spans="14:14">
      <c r="N311520" s="10"/>
    </row>
    <row r="311521" spans="14:14">
      <c r="N311521" s="10"/>
    </row>
    <row r="311522" spans="14:14">
      <c r="N311522" s="10"/>
    </row>
    <row r="311523" spans="14:14">
      <c r="N311523" s="10"/>
    </row>
    <row r="311524" spans="14:14">
      <c r="N311524" s="10"/>
    </row>
    <row r="311525" spans="14:14">
      <c r="N311525" s="10"/>
    </row>
    <row r="311526" spans="14:14">
      <c r="N311526" s="10"/>
    </row>
    <row r="311527" spans="14:14">
      <c r="N311527" s="10"/>
    </row>
    <row r="311528" spans="14:14">
      <c r="N311528" s="10"/>
    </row>
    <row r="311529" spans="14:14">
      <c r="N311529" s="10"/>
    </row>
    <row r="311530" spans="14:14">
      <c r="N311530" s="10"/>
    </row>
    <row r="311531" spans="14:14">
      <c r="N311531" s="10"/>
    </row>
    <row r="311532" spans="14:14">
      <c r="N311532" s="10"/>
    </row>
    <row r="311533" spans="14:14">
      <c r="N311533" s="10"/>
    </row>
    <row r="311534" spans="14:14">
      <c r="N311534" s="10"/>
    </row>
    <row r="311535" spans="14:14">
      <c r="N311535" s="10"/>
    </row>
    <row r="311536" spans="14:14">
      <c r="N311536" s="10"/>
    </row>
    <row r="311537" spans="14:14">
      <c r="N311537" s="10"/>
    </row>
    <row r="311538" spans="14:14">
      <c r="N311538" s="10"/>
    </row>
    <row r="311539" spans="14:14">
      <c r="N311539" s="10"/>
    </row>
    <row r="311540" spans="14:14">
      <c r="N311540" s="10"/>
    </row>
    <row r="311541" spans="14:14">
      <c r="N311541" s="10"/>
    </row>
    <row r="311542" spans="14:14">
      <c r="N311542" s="10"/>
    </row>
    <row r="311543" spans="14:14">
      <c r="N311543" s="10"/>
    </row>
    <row r="311544" spans="14:14">
      <c r="N311544" s="10"/>
    </row>
    <row r="311545" spans="14:14">
      <c r="N311545" s="10"/>
    </row>
    <row r="311546" spans="14:14">
      <c r="N311546" s="10"/>
    </row>
    <row r="311547" spans="14:14">
      <c r="N311547" s="10"/>
    </row>
    <row r="311548" spans="14:14">
      <c r="N311548" s="10"/>
    </row>
    <row r="311549" spans="14:14">
      <c r="N311549" s="10"/>
    </row>
    <row r="311550" spans="14:14">
      <c r="N311550" s="10"/>
    </row>
    <row r="311551" spans="14:14">
      <c r="N311551" s="10"/>
    </row>
    <row r="311552" spans="14:14">
      <c r="N311552" s="10"/>
    </row>
    <row r="311553" spans="14:14">
      <c r="N311553" s="10"/>
    </row>
    <row r="311554" spans="14:14">
      <c r="N311554" s="10"/>
    </row>
    <row r="311555" spans="14:14">
      <c r="N311555" s="10"/>
    </row>
    <row r="311556" spans="14:14">
      <c r="N311556" s="10"/>
    </row>
    <row r="311557" spans="14:14">
      <c r="N311557" s="10"/>
    </row>
    <row r="311558" spans="14:14">
      <c r="N311558" s="10"/>
    </row>
    <row r="311559" spans="14:14">
      <c r="N311559" s="10"/>
    </row>
    <row r="311560" spans="14:14">
      <c r="N311560" s="10"/>
    </row>
    <row r="311561" spans="14:14">
      <c r="N311561" s="10"/>
    </row>
    <row r="311562" spans="14:14">
      <c r="N311562" s="10"/>
    </row>
    <row r="311563" spans="14:14">
      <c r="N311563" s="10"/>
    </row>
    <row r="311564" spans="14:14">
      <c r="N311564" s="10"/>
    </row>
    <row r="311565" spans="14:14">
      <c r="N311565" s="10"/>
    </row>
    <row r="311566" spans="14:14">
      <c r="N311566" s="10"/>
    </row>
    <row r="311567" spans="14:14">
      <c r="N311567" s="10"/>
    </row>
    <row r="311568" spans="14:14">
      <c r="N311568" s="10"/>
    </row>
    <row r="311569" spans="14:14">
      <c r="N311569" s="10"/>
    </row>
    <row r="311570" spans="14:14">
      <c r="N311570" s="10"/>
    </row>
    <row r="311571" spans="14:14">
      <c r="N311571" s="10"/>
    </row>
    <row r="311572" spans="14:14">
      <c r="N311572" s="10"/>
    </row>
    <row r="311573" spans="14:14">
      <c r="N311573" s="10"/>
    </row>
    <row r="311574" spans="14:14">
      <c r="N311574" s="10"/>
    </row>
    <row r="311575" spans="14:14">
      <c r="N311575" s="10"/>
    </row>
    <row r="311576" spans="14:14">
      <c r="N311576" s="10"/>
    </row>
    <row r="311577" spans="14:14">
      <c r="N311577" s="10"/>
    </row>
    <row r="311578" spans="14:14">
      <c r="N311578" s="10"/>
    </row>
    <row r="311579" spans="14:14">
      <c r="N311579" s="10"/>
    </row>
    <row r="311580" spans="14:14">
      <c r="N311580" s="10"/>
    </row>
    <row r="311581" spans="14:14">
      <c r="N311581" s="10"/>
    </row>
    <row r="311582" spans="14:14">
      <c r="N311582" s="10"/>
    </row>
    <row r="311583" spans="14:14">
      <c r="N311583" s="10"/>
    </row>
    <row r="311584" spans="14:14">
      <c r="N311584" s="10"/>
    </row>
    <row r="311585" spans="14:14">
      <c r="N311585" s="10"/>
    </row>
    <row r="311586" spans="14:14">
      <c r="N311586" s="10"/>
    </row>
    <row r="311587" spans="14:14">
      <c r="N311587" s="10"/>
    </row>
    <row r="311588" spans="14:14">
      <c r="N311588" s="10"/>
    </row>
    <row r="311589" spans="14:14">
      <c r="N311589" s="10"/>
    </row>
    <row r="311590" spans="14:14">
      <c r="N311590" s="10"/>
    </row>
    <row r="311591" spans="14:14">
      <c r="N311591" s="10"/>
    </row>
    <row r="311592" spans="14:14">
      <c r="N311592" s="10"/>
    </row>
    <row r="311593" spans="14:14">
      <c r="N311593" s="10"/>
    </row>
    <row r="311594" spans="14:14">
      <c r="N311594" s="10"/>
    </row>
    <row r="311595" spans="14:14">
      <c r="N311595" s="10"/>
    </row>
    <row r="311596" spans="14:14">
      <c r="N311596" s="10"/>
    </row>
    <row r="311597" spans="14:14">
      <c r="N311597" s="10"/>
    </row>
    <row r="311598" spans="14:14">
      <c r="N311598" s="10"/>
    </row>
    <row r="311599" spans="14:14">
      <c r="N311599" s="10"/>
    </row>
    <row r="311600" spans="14:14">
      <c r="N311600" s="10"/>
    </row>
    <row r="311601" spans="14:14">
      <c r="N311601" s="10"/>
    </row>
    <row r="311602" spans="14:14">
      <c r="N311602" s="10"/>
    </row>
    <row r="311603" spans="14:14">
      <c r="N311603" s="10"/>
    </row>
    <row r="311604" spans="14:14">
      <c r="N311604" s="10"/>
    </row>
    <row r="311605" spans="14:14">
      <c r="N311605" s="10"/>
    </row>
    <row r="311606" spans="14:14">
      <c r="N311606" s="10"/>
    </row>
    <row r="311607" spans="14:14">
      <c r="N311607" s="10"/>
    </row>
    <row r="311608" spans="14:14">
      <c r="N311608" s="10"/>
    </row>
    <row r="311609" spans="14:14">
      <c r="N311609" s="10"/>
    </row>
    <row r="311610" spans="14:14">
      <c r="N311610" s="10"/>
    </row>
    <row r="311611" spans="14:14">
      <c r="N311611" s="10"/>
    </row>
    <row r="311612" spans="14:14">
      <c r="N311612" s="10"/>
    </row>
    <row r="311613" spans="14:14">
      <c r="N311613" s="10"/>
    </row>
    <row r="311614" spans="14:14">
      <c r="N311614" s="10"/>
    </row>
    <row r="311615" spans="14:14">
      <c r="N311615" s="10"/>
    </row>
    <row r="311616" spans="14:14">
      <c r="N311616" s="10"/>
    </row>
    <row r="311617" spans="14:14">
      <c r="N311617" s="10"/>
    </row>
    <row r="311618" spans="14:14">
      <c r="N311618" s="10"/>
    </row>
    <row r="311619" spans="14:14">
      <c r="N311619" s="10"/>
    </row>
    <row r="311620" spans="14:14">
      <c r="N311620" s="10"/>
    </row>
    <row r="311621" spans="14:14">
      <c r="N311621" s="10"/>
    </row>
    <row r="311622" spans="14:14">
      <c r="N311622" s="10"/>
    </row>
    <row r="311623" spans="14:14">
      <c r="N311623" s="10"/>
    </row>
    <row r="311624" spans="14:14">
      <c r="N311624" s="10"/>
    </row>
    <row r="311625" spans="14:14">
      <c r="N311625" s="10"/>
    </row>
    <row r="311626" spans="14:14">
      <c r="N311626" s="10"/>
    </row>
    <row r="311627" spans="14:14">
      <c r="N311627" s="10"/>
    </row>
    <row r="311628" spans="14:14">
      <c r="N311628" s="10"/>
    </row>
    <row r="311629" spans="14:14">
      <c r="N311629" s="10"/>
    </row>
    <row r="311630" spans="14:14">
      <c r="N311630" s="10"/>
    </row>
    <row r="311631" spans="14:14">
      <c r="N311631" s="10"/>
    </row>
    <row r="311632" spans="14:14">
      <c r="N311632" s="10"/>
    </row>
    <row r="311633" spans="14:14">
      <c r="N311633" s="10"/>
    </row>
    <row r="311634" spans="14:14">
      <c r="N311634" s="10"/>
    </row>
    <row r="311635" spans="14:14">
      <c r="N311635" s="10"/>
    </row>
    <row r="311636" spans="14:14">
      <c r="N311636" s="10"/>
    </row>
    <row r="311637" spans="14:14">
      <c r="N311637" s="10"/>
    </row>
    <row r="311638" spans="14:14">
      <c r="N311638" s="10"/>
    </row>
    <row r="311639" spans="14:14">
      <c r="N311639" s="10"/>
    </row>
    <row r="311640" spans="14:14">
      <c r="N311640" s="10"/>
    </row>
    <row r="311641" spans="14:14">
      <c r="N311641" s="10"/>
    </row>
    <row r="311642" spans="14:14">
      <c r="N311642" s="10"/>
    </row>
    <row r="311643" spans="14:14">
      <c r="N311643" s="10"/>
    </row>
    <row r="311644" spans="14:14">
      <c r="N311644" s="10"/>
    </row>
    <row r="311645" spans="14:14">
      <c r="N311645" s="10"/>
    </row>
    <row r="311646" spans="14:14">
      <c r="N311646" s="10"/>
    </row>
    <row r="311647" spans="14:14">
      <c r="N311647" s="10"/>
    </row>
    <row r="311648" spans="14:14">
      <c r="N311648" s="10"/>
    </row>
    <row r="311649" spans="14:14">
      <c r="N311649" s="10"/>
    </row>
    <row r="311650" spans="14:14">
      <c r="N311650" s="10"/>
    </row>
    <row r="311651" spans="14:14">
      <c r="N311651" s="10"/>
    </row>
    <row r="311652" spans="14:14">
      <c r="N311652" s="10"/>
    </row>
    <row r="311653" spans="14:14">
      <c r="N311653" s="10"/>
    </row>
    <row r="311654" spans="14:14">
      <c r="N311654" s="10"/>
    </row>
    <row r="311655" spans="14:14">
      <c r="N311655" s="10"/>
    </row>
    <row r="311656" spans="14:14">
      <c r="N311656" s="10"/>
    </row>
    <row r="311657" spans="14:14">
      <c r="N311657" s="10"/>
    </row>
    <row r="311658" spans="14:14">
      <c r="N311658" s="10"/>
    </row>
    <row r="311659" spans="14:14">
      <c r="N311659" s="10"/>
    </row>
    <row r="311660" spans="14:14">
      <c r="N311660" s="10"/>
    </row>
    <row r="311661" spans="14:14">
      <c r="N311661" s="10"/>
    </row>
    <row r="311662" spans="14:14">
      <c r="N311662" s="10"/>
    </row>
    <row r="311663" spans="14:14">
      <c r="N311663" s="10"/>
    </row>
    <row r="311664" spans="14:14">
      <c r="N311664" s="10"/>
    </row>
    <row r="311665" spans="14:14">
      <c r="N311665" s="10"/>
    </row>
    <row r="311666" spans="14:14">
      <c r="N311666" s="10"/>
    </row>
    <row r="311667" spans="14:14">
      <c r="N311667" s="10"/>
    </row>
    <row r="311668" spans="14:14">
      <c r="N311668" s="10"/>
    </row>
    <row r="311669" spans="14:14">
      <c r="N311669" s="10"/>
    </row>
    <row r="311670" spans="14:14">
      <c r="N311670" s="10"/>
    </row>
    <row r="311671" spans="14:14">
      <c r="N311671" s="10"/>
    </row>
    <row r="311672" spans="14:14">
      <c r="N311672" s="10"/>
    </row>
    <row r="311673" spans="14:14">
      <c r="N311673" s="10"/>
    </row>
    <row r="311674" spans="14:14">
      <c r="N311674" s="10"/>
    </row>
    <row r="311675" spans="14:14">
      <c r="N311675" s="10"/>
    </row>
    <row r="311676" spans="14:14">
      <c r="N311676" s="10"/>
    </row>
    <row r="311677" spans="14:14">
      <c r="N311677" s="10"/>
    </row>
    <row r="311678" spans="14:14">
      <c r="N311678" s="10"/>
    </row>
    <row r="311679" spans="14:14">
      <c r="N311679" s="10"/>
    </row>
    <row r="311680" spans="14:14">
      <c r="N311680" s="10"/>
    </row>
    <row r="311681" spans="14:14">
      <c r="N311681" s="10"/>
    </row>
    <row r="311682" spans="14:14">
      <c r="N311682" s="10"/>
    </row>
    <row r="311683" spans="14:14">
      <c r="N311683" s="10"/>
    </row>
    <row r="311684" spans="14:14">
      <c r="N311684" s="10"/>
    </row>
    <row r="311685" spans="14:14">
      <c r="N311685" s="10"/>
    </row>
    <row r="311686" spans="14:14">
      <c r="N311686" s="10"/>
    </row>
    <row r="311687" spans="14:14">
      <c r="N311687" s="10"/>
    </row>
    <row r="311688" spans="14:14">
      <c r="N311688" s="10"/>
    </row>
    <row r="311689" spans="14:14">
      <c r="N311689" s="10"/>
    </row>
    <row r="311690" spans="14:14">
      <c r="N311690" s="10"/>
    </row>
    <row r="311691" spans="14:14">
      <c r="N311691" s="10"/>
    </row>
    <row r="311692" spans="14:14">
      <c r="N311692" s="10"/>
    </row>
    <row r="311693" spans="14:14">
      <c r="N311693" s="10"/>
    </row>
    <row r="311694" spans="14:14">
      <c r="N311694" s="10"/>
    </row>
    <row r="311695" spans="14:14">
      <c r="N311695" s="10"/>
    </row>
    <row r="311696" spans="14:14">
      <c r="N311696" s="10"/>
    </row>
    <row r="311697" spans="14:14">
      <c r="N311697" s="10"/>
    </row>
    <row r="311698" spans="14:14">
      <c r="N311698" s="10"/>
    </row>
    <row r="311699" spans="14:14">
      <c r="N311699" s="10"/>
    </row>
    <row r="311700" spans="14:14">
      <c r="N311700" s="10"/>
    </row>
    <row r="311701" spans="14:14">
      <c r="N311701" s="10"/>
    </row>
    <row r="311702" spans="14:14">
      <c r="N311702" s="10"/>
    </row>
    <row r="311703" spans="14:14">
      <c r="N311703" s="10"/>
    </row>
    <row r="311704" spans="14:14">
      <c r="N311704" s="10"/>
    </row>
    <row r="311705" spans="14:14">
      <c r="N311705" s="10"/>
    </row>
    <row r="311706" spans="14:14">
      <c r="N311706" s="10"/>
    </row>
    <row r="311707" spans="14:14">
      <c r="N311707" s="10"/>
    </row>
    <row r="311708" spans="14:14">
      <c r="N311708" s="10"/>
    </row>
    <row r="311709" spans="14:14">
      <c r="N311709" s="10"/>
    </row>
    <row r="311710" spans="14:14">
      <c r="N311710" s="10"/>
    </row>
    <row r="311711" spans="14:14">
      <c r="N311711" s="10"/>
    </row>
    <row r="311712" spans="14:14">
      <c r="N311712" s="10"/>
    </row>
    <row r="311713" spans="14:14">
      <c r="N311713" s="10"/>
    </row>
    <row r="311714" spans="14:14">
      <c r="N311714" s="10"/>
    </row>
    <row r="311715" spans="14:14">
      <c r="N311715" s="10"/>
    </row>
    <row r="311716" spans="14:14">
      <c r="N311716" s="10"/>
    </row>
    <row r="311717" spans="14:14">
      <c r="N311717" s="10"/>
    </row>
    <row r="311718" spans="14:14">
      <c r="N311718" s="10"/>
    </row>
    <row r="311719" spans="14:14">
      <c r="N311719" s="10"/>
    </row>
    <row r="311720" spans="14:14">
      <c r="N311720" s="10"/>
    </row>
    <row r="311721" spans="14:14">
      <c r="N311721" s="10"/>
    </row>
    <row r="311722" spans="14:14">
      <c r="N311722" s="10"/>
    </row>
    <row r="311723" spans="14:14">
      <c r="N311723" s="10"/>
    </row>
    <row r="311724" spans="14:14">
      <c r="N311724" s="10"/>
    </row>
    <row r="311725" spans="14:14">
      <c r="N311725" s="10"/>
    </row>
    <row r="311726" spans="14:14">
      <c r="N311726" s="10"/>
    </row>
    <row r="311727" spans="14:14">
      <c r="N311727" s="10"/>
    </row>
    <row r="311728" spans="14:14">
      <c r="N311728" s="10"/>
    </row>
    <row r="311729" spans="14:14">
      <c r="N311729" s="10"/>
    </row>
    <row r="311730" spans="14:14">
      <c r="N311730" s="10"/>
    </row>
    <row r="311731" spans="14:14">
      <c r="N311731" s="10"/>
    </row>
    <row r="311732" spans="14:14">
      <c r="N311732" s="10"/>
    </row>
    <row r="311733" spans="14:14">
      <c r="N311733" s="10"/>
    </row>
    <row r="311734" spans="14:14">
      <c r="N311734" s="10"/>
    </row>
    <row r="311735" spans="14:14">
      <c r="N311735" s="10"/>
    </row>
    <row r="311736" spans="14:14">
      <c r="N311736" s="10"/>
    </row>
    <row r="311737" spans="14:14">
      <c r="N311737" s="10"/>
    </row>
    <row r="311738" spans="14:14">
      <c r="N311738" s="10"/>
    </row>
    <row r="311739" spans="14:14">
      <c r="N311739" s="10"/>
    </row>
    <row r="311740" spans="14:14">
      <c r="N311740" s="10"/>
    </row>
    <row r="311741" spans="14:14">
      <c r="N311741" s="10"/>
    </row>
    <row r="311742" spans="14:14">
      <c r="N311742" s="10"/>
    </row>
    <row r="311743" spans="14:14">
      <c r="N311743" s="10"/>
    </row>
    <row r="311744" spans="14:14">
      <c r="N311744" s="10"/>
    </row>
    <row r="311745" spans="14:14">
      <c r="N311745" s="10"/>
    </row>
    <row r="311746" spans="14:14">
      <c r="N311746" s="10"/>
    </row>
    <row r="311747" spans="14:14">
      <c r="N311747" s="10"/>
    </row>
    <row r="311748" spans="14:14">
      <c r="N311748" s="10"/>
    </row>
    <row r="311749" spans="14:14">
      <c r="N311749" s="10"/>
    </row>
    <row r="311750" spans="14:14">
      <c r="N311750" s="10"/>
    </row>
    <row r="311751" spans="14:14">
      <c r="N311751" s="10"/>
    </row>
    <row r="311752" spans="14:14">
      <c r="N311752" s="10"/>
    </row>
    <row r="311753" spans="14:14">
      <c r="N311753" s="10"/>
    </row>
    <row r="311754" spans="14:14">
      <c r="N311754" s="10"/>
    </row>
    <row r="311755" spans="14:14">
      <c r="N311755" s="10"/>
    </row>
    <row r="311756" spans="14:14">
      <c r="N311756" s="10"/>
    </row>
    <row r="311757" spans="14:14">
      <c r="N311757" s="10"/>
    </row>
    <row r="311758" spans="14:14">
      <c r="N311758" s="10"/>
    </row>
    <row r="311759" spans="14:14">
      <c r="N311759" s="10"/>
    </row>
    <row r="311760" spans="14:14">
      <c r="N311760" s="10"/>
    </row>
    <row r="311761" spans="14:14">
      <c r="N311761" s="10"/>
    </row>
    <row r="311762" spans="14:14">
      <c r="N311762" s="10"/>
    </row>
    <row r="311763" spans="14:14">
      <c r="N311763" s="10"/>
    </row>
    <row r="311764" spans="14:14">
      <c r="N311764" s="10"/>
    </row>
    <row r="311765" spans="14:14">
      <c r="N311765" s="10"/>
    </row>
    <row r="311766" spans="14:14">
      <c r="N311766" s="10"/>
    </row>
    <row r="311767" spans="14:14">
      <c r="N311767" s="10"/>
    </row>
    <row r="311768" spans="14:14">
      <c r="N311768" s="10"/>
    </row>
    <row r="311769" spans="14:14">
      <c r="N311769" s="10"/>
    </row>
    <row r="311770" spans="14:14">
      <c r="N311770" s="10"/>
    </row>
    <row r="311771" spans="14:14">
      <c r="N311771" s="10"/>
    </row>
    <row r="311772" spans="14:14">
      <c r="N311772" s="10"/>
    </row>
    <row r="311773" spans="14:14">
      <c r="N311773" s="10"/>
    </row>
    <row r="311774" spans="14:14">
      <c r="N311774" s="10"/>
    </row>
    <row r="311775" spans="14:14">
      <c r="N311775" s="10"/>
    </row>
    <row r="311776" spans="14:14">
      <c r="N311776" s="10"/>
    </row>
    <row r="311777" spans="14:14">
      <c r="N311777" s="10"/>
    </row>
    <row r="311778" spans="14:14">
      <c r="N311778" s="10"/>
    </row>
    <row r="311779" spans="14:14">
      <c r="N311779" s="10"/>
    </row>
    <row r="311780" spans="14:14">
      <c r="N311780" s="10"/>
    </row>
    <row r="311781" spans="14:14">
      <c r="N311781" s="10"/>
    </row>
    <row r="311782" spans="14:14">
      <c r="N311782" s="10"/>
    </row>
    <row r="311783" spans="14:14">
      <c r="N311783" s="10"/>
    </row>
    <row r="311784" spans="14:14">
      <c r="N311784" s="10"/>
    </row>
    <row r="311785" spans="14:14">
      <c r="N311785" s="10"/>
    </row>
    <row r="311786" spans="14:14">
      <c r="N311786" s="10"/>
    </row>
    <row r="311787" spans="14:14">
      <c r="N311787" s="10"/>
    </row>
    <row r="311788" spans="14:14">
      <c r="N311788" s="10"/>
    </row>
    <row r="311789" spans="14:14">
      <c r="N311789" s="10"/>
    </row>
    <row r="311790" spans="14:14">
      <c r="N311790" s="10"/>
    </row>
    <row r="311791" spans="14:14">
      <c r="N311791" s="10"/>
    </row>
    <row r="311792" spans="14:14">
      <c r="N311792" s="10"/>
    </row>
    <row r="311793" spans="14:14">
      <c r="N311793" s="10"/>
    </row>
    <row r="311794" spans="14:14">
      <c r="N311794" s="10"/>
    </row>
    <row r="311795" spans="14:14">
      <c r="N311795" s="10"/>
    </row>
    <row r="311796" spans="14:14">
      <c r="N311796" s="10"/>
    </row>
    <row r="311797" spans="14:14">
      <c r="N311797" s="10"/>
    </row>
    <row r="311798" spans="14:14">
      <c r="N311798" s="10"/>
    </row>
    <row r="311799" spans="14:14">
      <c r="N311799" s="10"/>
    </row>
    <row r="311800" spans="14:14">
      <c r="N311800" s="10"/>
    </row>
    <row r="311801" spans="14:14">
      <c r="N311801" s="10"/>
    </row>
    <row r="311802" spans="14:14">
      <c r="N311802" s="10"/>
    </row>
    <row r="311803" spans="14:14">
      <c r="N311803" s="10"/>
    </row>
    <row r="311804" spans="14:14">
      <c r="N311804" s="10"/>
    </row>
    <row r="311805" spans="14:14">
      <c r="N311805" s="10"/>
    </row>
    <row r="311806" spans="14:14">
      <c r="N311806" s="10"/>
    </row>
    <row r="311807" spans="14:14">
      <c r="N311807" s="10"/>
    </row>
    <row r="311808" spans="14:14">
      <c r="N311808" s="10"/>
    </row>
    <row r="311809" spans="14:14">
      <c r="N311809" s="10"/>
    </row>
    <row r="311810" spans="14:14">
      <c r="N311810" s="10"/>
    </row>
    <row r="311811" spans="14:14">
      <c r="N311811" s="10"/>
    </row>
    <row r="311812" spans="14:14">
      <c r="N311812" s="10"/>
    </row>
    <row r="311813" spans="14:14">
      <c r="N311813" s="10"/>
    </row>
    <row r="311814" spans="14:14">
      <c r="N311814" s="10"/>
    </row>
    <row r="311815" spans="14:14">
      <c r="N311815" s="10"/>
    </row>
    <row r="311816" spans="14:14">
      <c r="N311816" s="10"/>
    </row>
    <row r="311817" spans="14:14">
      <c r="N311817" s="10"/>
    </row>
    <row r="311818" spans="14:14">
      <c r="N311818" s="10"/>
    </row>
    <row r="311819" spans="14:14">
      <c r="N311819" s="10"/>
    </row>
    <row r="311820" spans="14:14">
      <c r="N311820" s="10"/>
    </row>
    <row r="311821" spans="14:14">
      <c r="N311821" s="10"/>
    </row>
    <row r="311822" spans="14:14">
      <c r="N311822" s="10"/>
    </row>
    <row r="311823" spans="14:14">
      <c r="N311823" s="10"/>
    </row>
    <row r="311824" spans="14:14">
      <c r="N311824" s="10"/>
    </row>
    <row r="311825" spans="14:14">
      <c r="N311825" s="10"/>
    </row>
    <row r="311826" spans="14:14">
      <c r="N311826" s="10"/>
    </row>
    <row r="311827" spans="14:14">
      <c r="N311827" s="10"/>
    </row>
    <row r="311828" spans="14:14">
      <c r="N311828" s="10"/>
    </row>
    <row r="311829" spans="14:14">
      <c r="N311829" s="10"/>
    </row>
    <row r="311830" spans="14:14">
      <c r="N311830" s="10"/>
    </row>
    <row r="311831" spans="14:14">
      <c r="N311831" s="10"/>
    </row>
    <row r="311832" spans="14:14">
      <c r="N311832" s="10"/>
    </row>
    <row r="311833" spans="14:14">
      <c r="N311833" s="10"/>
    </row>
    <row r="311834" spans="14:14">
      <c r="N311834" s="10"/>
    </row>
    <row r="311835" spans="14:14">
      <c r="N311835" s="10"/>
    </row>
    <row r="311836" spans="14:14">
      <c r="N311836" s="10"/>
    </row>
    <row r="311837" spans="14:14">
      <c r="N311837" s="10"/>
    </row>
    <row r="311838" spans="14:14">
      <c r="N311838" s="10"/>
    </row>
    <row r="311839" spans="14:14">
      <c r="N311839" s="10"/>
    </row>
    <row r="311840" spans="14:14">
      <c r="N311840" s="10"/>
    </row>
    <row r="311841" spans="14:14">
      <c r="N311841" s="10"/>
    </row>
    <row r="311842" spans="14:14">
      <c r="N311842" s="10"/>
    </row>
    <row r="311843" spans="14:14">
      <c r="N311843" s="10"/>
    </row>
    <row r="311844" spans="14:14">
      <c r="N311844" s="10"/>
    </row>
    <row r="311845" spans="14:14">
      <c r="N311845" s="10"/>
    </row>
    <row r="311846" spans="14:14">
      <c r="N311846" s="10"/>
    </row>
    <row r="311847" spans="14:14">
      <c r="N311847" s="10"/>
    </row>
    <row r="311848" spans="14:14">
      <c r="N311848" s="10"/>
    </row>
    <row r="311849" spans="14:14">
      <c r="N311849" s="10"/>
    </row>
    <row r="311850" spans="14:14">
      <c r="N311850" s="10"/>
    </row>
    <row r="311851" spans="14:14">
      <c r="N311851" s="10"/>
    </row>
    <row r="311852" spans="14:14">
      <c r="N311852" s="10"/>
    </row>
    <row r="311853" spans="14:14">
      <c r="N311853" s="10"/>
    </row>
    <row r="311854" spans="14:14">
      <c r="N311854" s="10"/>
    </row>
    <row r="311855" spans="14:14">
      <c r="N311855" s="10"/>
    </row>
    <row r="311856" spans="14:14">
      <c r="N311856" s="10"/>
    </row>
    <row r="311857" spans="14:14">
      <c r="N311857" s="10"/>
    </row>
    <row r="311858" spans="14:14">
      <c r="N311858" s="10"/>
    </row>
    <row r="311859" spans="14:14">
      <c r="N311859" s="10"/>
    </row>
    <row r="311860" spans="14:14">
      <c r="N311860" s="10"/>
    </row>
    <row r="311861" spans="14:14">
      <c r="N311861" s="10"/>
    </row>
    <row r="311862" spans="14:14">
      <c r="N311862" s="10"/>
    </row>
    <row r="311863" spans="14:14">
      <c r="N311863" s="10"/>
    </row>
    <row r="311864" spans="14:14">
      <c r="N311864" s="10"/>
    </row>
    <row r="311865" spans="14:14">
      <c r="N311865" s="10"/>
    </row>
    <row r="311866" spans="14:14">
      <c r="N311866" s="10"/>
    </row>
    <row r="311867" spans="14:14">
      <c r="N311867" s="10"/>
    </row>
    <row r="311868" spans="14:14">
      <c r="N311868" s="10"/>
    </row>
    <row r="311869" spans="14:14">
      <c r="N311869" s="10"/>
    </row>
    <row r="311870" spans="14:14">
      <c r="N311870" s="10"/>
    </row>
    <row r="311871" spans="14:14">
      <c r="N311871" s="10"/>
    </row>
    <row r="311872" spans="14:14">
      <c r="N311872" s="10"/>
    </row>
    <row r="311873" spans="14:14">
      <c r="N311873" s="10"/>
    </row>
    <row r="311874" spans="14:14">
      <c r="N311874" s="10"/>
    </row>
    <row r="311875" spans="14:14">
      <c r="N311875" s="10"/>
    </row>
    <row r="311876" spans="14:14">
      <c r="N311876" s="10"/>
    </row>
    <row r="311877" spans="14:14">
      <c r="N311877" s="10"/>
    </row>
    <row r="311878" spans="14:14">
      <c r="N311878" s="10"/>
    </row>
    <row r="311879" spans="14:14">
      <c r="N311879" s="10"/>
    </row>
    <row r="311880" spans="14:14">
      <c r="N311880" s="10"/>
    </row>
    <row r="311881" spans="14:14">
      <c r="N311881" s="10"/>
    </row>
    <row r="311882" spans="14:14">
      <c r="N311882" s="10"/>
    </row>
    <row r="311883" spans="14:14">
      <c r="N311883" s="10"/>
    </row>
    <row r="311884" spans="14:14">
      <c r="N311884" s="10"/>
    </row>
    <row r="311885" spans="14:14">
      <c r="N311885" s="10"/>
    </row>
    <row r="311886" spans="14:14">
      <c r="N311886" s="10"/>
    </row>
    <row r="311887" spans="14:14">
      <c r="N311887" s="10"/>
    </row>
    <row r="311888" spans="14:14">
      <c r="N311888" s="10"/>
    </row>
    <row r="311889" spans="14:14">
      <c r="N311889" s="10"/>
    </row>
    <row r="311890" spans="14:14">
      <c r="N311890" s="10"/>
    </row>
    <row r="311891" spans="14:14">
      <c r="N311891" s="10"/>
    </row>
    <row r="311892" spans="14:14">
      <c r="N311892" s="10"/>
    </row>
    <row r="311893" spans="14:14">
      <c r="N311893" s="10"/>
    </row>
    <row r="311894" spans="14:14">
      <c r="N311894" s="10"/>
    </row>
    <row r="311895" spans="14:14">
      <c r="N311895" s="10"/>
    </row>
    <row r="311896" spans="14:14">
      <c r="N311896" s="10"/>
    </row>
    <row r="311897" spans="14:14">
      <c r="N311897" s="10"/>
    </row>
    <row r="311898" spans="14:14">
      <c r="N311898" s="10"/>
    </row>
    <row r="311899" spans="14:14">
      <c r="N311899" s="10"/>
    </row>
    <row r="311900" spans="14:14">
      <c r="N311900" s="10"/>
    </row>
    <row r="311901" spans="14:14">
      <c r="N311901" s="10"/>
    </row>
    <row r="311902" spans="14:14">
      <c r="N311902" s="10"/>
    </row>
    <row r="311903" spans="14:14">
      <c r="N311903" s="10"/>
    </row>
    <row r="311904" spans="14:14">
      <c r="N311904" s="10"/>
    </row>
    <row r="311905" spans="14:14">
      <c r="N311905" s="10"/>
    </row>
    <row r="311906" spans="14:14">
      <c r="N311906" s="10"/>
    </row>
    <row r="311907" spans="14:14">
      <c r="N311907" s="10"/>
    </row>
    <row r="311908" spans="14:14">
      <c r="N311908" s="10"/>
    </row>
    <row r="311909" spans="14:14">
      <c r="N311909" s="10"/>
    </row>
    <row r="311910" spans="14:14">
      <c r="N311910" s="10"/>
    </row>
    <row r="311911" spans="14:14">
      <c r="N311911" s="10"/>
    </row>
    <row r="311912" spans="14:14">
      <c r="N311912" s="10"/>
    </row>
    <row r="311913" spans="14:14">
      <c r="N311913" s="10"/>
    </row>
    <row r="311914" spans="14:14">
      <c r="N311914" s="10"/>
    </row>
    <row r="311915" spans="14:14">
      <c r="N311915" s="10"/>
    </row>
    <row r="311916" spans="14:14">
      <c r="N311916" s="10"/>
    </row>
    <row r="311917" spans="14:14">
      <c r="N311917" s="10"/>
    </row>
    <row r="311918" spans="14:14">
      <c r="N311918" s="10"/>
    </row>
    <row r="311919" spans="14:14">
      <c r="N311919" s="10"/>
    </row>
    <row r="311920" spans="14:14">
      <c r="N311920" s="10"/>
    </row>
    <row r="311921" spans="14:14">
      <c r="N311921" s="10"/>
    </row>
    <row r="311922" spans="14:14">
      <c r="N311922" s="10"/>
    </row>
    <row r="311923" spans="14:14">
      <c r="N311923" s="10"/>
    </row>
    <row r="311924" spans="14:14">
      <c r="N311924" s="10"/>
    </row>
    <row r="311925" spans="14:14">
      <c r="N311925" s="10"/>
    </row>
    <row r="311926" spans="14:14">
      <c r="N311926" s="10"/>
    </row>
    <row r="311927" spans="14:14">
      <c r="N311927" s="10"/>
    </row>
    <row r="311928" spans="14:14">
      <c r="N311928" s="10"/>
    </row>
    <row r="311929" spans="14:14">
      <c r="N311929" s="10"/>
    </row>
    <row r="311930" spans="14:14">
      <c r="N311930" s="10"/>
    </row>
    <row r="311931" spans="14:14">
      <c r="N311931" s="10"/>
    </row>
    <row r="311932" spans="14:14">
      <c r="N311932" s="10"/>
    </row>
    <row r="311933" spans="14:14">
      <c r="N311933" s="10"/>
    </row>
    <row r="311934" spans="14:14">
      <c r="N311934" s="10"/>
    </row>
    <row r="311935" spans="14:14">
      <c r="N311935" s="10"/>
    </row>
    <row r="311936" spans="14:14">
      <c r="N311936" s="10"/>
    </row>
    <row r="311937" spans="14:14">
      <c r="N311937" s="10"/>
    </row>
    <row r="311938" spans="14:14">
      <c r="N311938" s="10"/>
    </row>
    <row r="311939" spans="14:14">
      <c r="N311939" s="10"/>
    </row>
    <row r="311940" spans="14:14">
      <c r="N311940" s="10"/>
    </row>
    <row r="311941" spans="14:14">
      <c r="N311941" s="10"/>
    </row>
    <row r="311942" spans="14:14">
      <c r="N311942" s="10"/>
    </row>
    <row r="311943" spans="14:14">
      <c r="N311943" s="10"/>
    </row>
    <row r="311944" spans="14:14">
      <c r="N311944" s="10"/>
    </row>
    <row r="311945" spans="14:14">
      <c r="N311945" s="10"/>
    </row>
    <row r="311946" spans="14:14">
      <c r="N311946" s="10"/>
    </row>
    <row r="311947" spans="14:14">
      <c r="N311947" s="10"/>
    </row>
    <row r="311948" spans="14:14">
      <c r="N311948" s="10"/>
    </row>
    <row r="311949" spans="14:14">
      <c r="N311949" s="10"/>
    </row>
    <row r="311950" spans="14:14">
      <c r="N311950" s="10"/>
    </row>
    <row r="311951" spans="14:14">
      <c r="N311951" s="10"/>
    </row>
    <row r="311952" spans="14:14">
      <c r="N311952" s="10"/>
    </row>
    <row r="311953" spans="14:14">
      <c r="N311953" s="10"/>
    </row>
    <row r="311954" spans="14:14">
      <c r="N311954" s="10"/>
    </row>
    <row r="311955" spans="14:14">
      <c r="N311955" s="10"/>
    </row>
    <row r="311956" spans="14:14">
      <c r="N311956" s="10"/>
    </row>
    <row r="311957" spans="14:14">
      <c r="N311957" s="10"/>
    </row>
    <row r="311958" spans="14:14">
      <c r="N311958" s="10"/>
    </row>
    <row r="311959" spans="14:14">
      <c r="N311959" s="10"/>
    </row>
    <row r="311960" spans="14:14">
      <c r="N311960" s="10"/>
    </row>
    <row r="311961" spans="14:14">
      <c r="N311961" s="10"/>
    </row>
    <row r="311962" spans="14:14">
      <c r="N311962" s="10"/>
    </row>
    <row r="311963" spans="14:14">
      <c r="N311963" s="10"/>
    </row>
    <row r="311964" spans="14:14">
      <c r="N311964" s="10"/>
    </row>
    <row r="311965" spans="14:14">
      <c r="N311965" s="10"/>
    </row>
    <row r="311966" spans="14:14">
      <c r="N311966" s="10"/>
    </row>
    <row r="311967" spans="14:14">
      <c r="N311967" s="10"/>
    </row>
    <row r="311968" spans="14:14">
      <c r="N311968" s="10"/>
    </row>
    <row r="311969" spans="14:14">
      <c r="N311969" s="10"/>
    </row>
    <row r="311970" spans="14:14">
      <c r="N311970" s="10"/>
    </row>
    <row r="311971" spans="14:14">
      <c r="N311971" s="10"/>
    </row>
    <row r="311972" spans="14:14">
      <c r="N311972" s="10"/>
    </row>
    <row r="311973" spans="14:14">
      <c r="N311973" s="10"/>
    </row>
    <row r="311974" spans="14:14">
      <c r="N311974" s="10"/>
    </row>
    <row r="311975" spans="14:14">
      <c r="N311975" s="10"/>
    </row>
    <row r="311976" spans="14:14">
      <c r="N311976" s="10"/>
    </row>
    <row r="311977" spans="14:14">
      <c r="N311977" s="10"/>
    </row>
    <row r="311978" spans="14:14">
      <c r="N311978" s="10"/>
    </row>
    <row r="311979" spans="14:14">
      <c r="N311979" s="10"/>
    </row>
    <row r="311980" spans="14:14">
      <c r="N311980" s="10"/>
    </row>
    <row r="311981" spans="14:14">
      <c r="N311981" s="10"/>
    </row>
    <row r="311982" spans="14:14">
      <c r="N311982" s="10"/>
    </row>
    <row r="311983" spans="14:14">
      <c r="N311983" s="10"/>
    </row>
    <row r="311984" spans="14:14">
      <c r="N311984" s="10"/>
    </row>
    <row r="311985" spans="14:14">
      <c r="N311985" s="10"/>
    </row>
    <row r="311986" spans="14:14">
      <c r="N311986" s="10"/>
    </row>
    <row r="311987" spans="14:14">
      <c r="N311987" s="10"/>
    </row>
    <row r="311988" spans="14:14">
      <c r="N311988" s="10"/>
    </row>
    <row r="311989" spans="14:14">
      <c r="N311989" s="10"/>
    </row>
    <row r="311990" spans="14:14">
      <c r="N311990" s="10"/>
    </row>
    <row r="311991" spans="14:14">
      <c r="N311991" s="10"/>
    </row>
    <row r="311992" spans="14:14">
      <c r="N311992" s="10"/>
    </row>
    <row r="311993" spans="14:14">
      <c r="N311993" s="10"/>
    </row>
    <row r="311994" spans="14:14">
      <c r="N311994" s="10"/>
    </row>
    <row r="311995" spans="14:14">
      <c r="N311995" s="10"/>
    </row>
    <row r="311996" spans="14:14">
      <c r="N311996" s="10"/>
    </row>
    <row r="311997" spans="14:14">
      <c r="N311997" s="10"/>
    </row>
    <row r="311998" spans="14:14">
      <c r="N311998" s="10"/>
    </row>
    <row r="311999" spans="14:14">
      <c r="N311999" s="10"/>
    </row>
    <row r="312000" spans="14:14">
      <c r="N312000" s="10"/>
    </row>
    <row r="312001" spans="14:14">
      <c r="N312001" s="10"/>
    </row>
    <row r="312002" spans="14:14">
      <c r="N312002" s="10"/>
    </row>
    <row r="312003" spans="14:14">
      <c r="N312003" s="10"/>
    </row>
    <row r="312004" spans="14:14">
      <c r="N312004" s="10"/>
    </row>
    <row r="312005" spans="14:14">
      <c r="N312005" s="10"/>
    </row>
    <row r="312006" spans="14:14">
      <c r="N312006" s="10"/>
    </row>
    <row r="312007" spans="14:14">
      <c r="N312007" s="10"/>
    </row>
    <row r="312008" spans="14:14">
      <c r="N312008" s="10"/>
    </row>
    <row r="312009" spans="14:14">
      <c r="N312009" s="10"/>
    </row>
    <row r="312010" spans="14:14">
      <c r="N312010" s="10"/>
    </row>
    <row r="312011" spans="14:14">
      <c r="N312011" s="10"/>
    </row>
    <row r="312012" spans="14:14">
      <c r="N312012" s="10"/>
    </row>
    <row r="312013" spans="14:14">
      <c r="N312013" s="10"/>
    </row>
    <row r="312014" spans="14:14">
      <c r="N312014" s="10"/>
    </row>
    <row r="312015" spans="14:14">
      <c r="N312015" s="10"/>
    </row>
    <row r="312016" spans="14:14">
      <c r="N312016" s="10"/>
    </row>
    <row r="312017" spans="14:14">
      <c r="N312017" s="10"/>
    </row>
    <row r="312018" spans="14:14">
      <c r="N312018" s="10"/>
    </row>
    <row r="312019" spans="14:14">
      <c r="N312019" s="10"/>
    </row>
    <row r="312020" spans="14:14">
      <c r="N312020" s="10"/>
    </row>
    <row r="312021" spans="14:14">
      <c r="N312021" s="10"/>
    </row>
    <row r="312022" spans="14:14">
      <c r="N312022" s="10"/>
    </row>
    <row r="312023" spans="14:14">
      <c r="N312023" s="10"/>
    </row>
    <row r="312024" spans="14:14">
      <c r="N312024" s="10"/>
    </row>
    <row r="312025" spans="14:14">
      <c r="N312025" s="10"/>
    </row>
    <row r="312026" spans="14:14">
      <c r="N312026" s="10"/>
    </row>
    <row r="312027" spans="14:14">
      <c r="N312027" s="10"/>
    </row>
    <row r="312028" spans="14:14">
      <c r="N312028" s="10"/>
    </row>
    <row r="312029" spans="14:14">
      <c r="N312029" s="10"/>
    </row>
    <row r="312030" spans="14:14">
      <c r="N312030" s="10"/>
    </row>
    <row r="312031" spans="14:14">
      <c r="N312031" s="10"/>
    </row>
    <row r="312032" spans="14:14">
      <c r="N312032" s="10"/>
    </row>
    <row r="312033" spans="14:14">
      <c r="N312033" s="10"/>
    </row>
    <row r="312034" spans="14:14">
      <c r="N312034" s="10"/>
    </row>
    <row r="312035" spans="14:14">
      <c r="N312035" s="10"/>
    </row>
    <row r="312036" spans="14:14">
      <c r="N312036" s="10"/>
    </row>
    <row r="312037" spans="14:14">
      <c r="N312037" s="10"/>
    </row>
    <row r="312038" spans="14:14">
      <c r="N312038" s="10"/>
    </row>
    <row r="312039" spans="14:14">
      <c r="N312039" s="10"/>
    </row>
    <row r="312040" spans="14:14">
      <c r="N312040" s="10"/>
    </row>
    <row r="312041" spans="14:14">
      <c r="N312041" s="10"/>
    </row>
    <row r="312042" spans="14:14">
      <c r="N312042" s="10"/>
    </row>
    <row r="312043" spans="14:14">
      <c r="N312043" s="10"/>
    </row>
    <row r="312044" spans="14:14">
      <c r="N312044" s="10"/>
    </row>
    <row r="312045" spans="14:14">
      <c r="N312045" s="10"/>
    </row>
    <row r="312046" spans="14:14">
      <c r="N312046" s="10"/>
    </row>
    <row r="312047" spans="14:14">
      <c r="N312047" s="10"/>
    </row>
    <row r="312048" spans="14:14">
      <c r="N312048" s="10"/>
    </row>
    <row r="312049" spans="14:14">
      <c r="N312049" s="10"/>
    </row>
    <row r="312050" spans="14:14">
      <c r="N312050" s="10"/>
    </row>
    <row r="312051" spans="14:14">
      <c r="N312051" s="10"/>
    </row>
    <row r="312052" spans="14:14">
      <c r="N312052" s="10"/>
    </row>
    <row r="312053" spans="14:14">
      <c r="N312053" s="10"/>
    </row>
    <row r="312054" spans="14:14">
      <c r="N312054" s="10"/>
    </row>
    <row r="312055" spans="14:14">
      <c r="N312055" s="10"/>
    </row>
    <row r="312056" spans="14:14">
      <c r="N312056" s="10"/>
    </row>
    <row r="312057" spans="14:14">
      <c r="N312057" s="10"/>
    </row>
    <row r="312058" spans="14:14">
      <c r="N312058" s="10"/>
    </row>
    <row r="312059" spans="14:14">
      <c r="N312059" s="10"/>
    </row>
    <row r="312060" spans="14:14">
      <c r="N312060" s="10"/>
    </row>
    <row r="312061" spans="14:14">
      <c r="N312061" s="10"/>
    </row>
    <row r="312062" spans="14:14">
      <c r="N312062" s="10"/>
    </row>
    <row r="312063" spans="14:14">
      <c r="N312063" s="10"/>
    </row>
    <row r="312064" spans="14:14">
      <c r="N312064" s="10"/>
    </row>
    <row r="312065" spans="14:14">
      <c r="N312065" s="10"/>
    </row>
    <row r="312066" spans="14:14">
      <c r="N312066" s="10"/>
    </row>
    <row r="312067" spans="14:14">
      <c r="N312067" s="10"/>
    </row>
    <row r="312068" spans="14:14">
      <c r="N312068" s="10"/>
    </row>
    <row r="312069" spans="14:14">
      <c r="N312069" s="10"/>
    </row>
    <row r="312070" spans="14:14">
      <c r="N312070" s="10"/>
    </row>
    <row r="312071" spans="14:14">
      <c r="N312071" s="10"/>
    </row>
    <row r="312072" spans="14:14">
      <c r="N312072" s="10"/>
    </row>
    <row r="312073" spans="14:14">
      <c r="N312073" s="10"/>
    </row>
    <row r="312074" spans="14:14">
      <c r="N312074" s="10"/>
    </row>
    <row r="312075" spans="14:14">
      <c r="N312075" s="10"/>
    </row>
    <row r="312076" spans="14:14">
      <c r="N312076" s="10"/>
    </row>
    <row r="312077" spans="14:14">
      <c r="N312077" s="10"/>
    </row>
    <row r="312078" spans="14:14">
      <c r="N312078" s="10"/>
    </row>
    <row r="312079" spans="14:14">
      <c r="N312079" s="10"/>
    </row>
    <row r="312080" spans="14:14">
      <c r="N312080" s="10"/>
    </row>
    <row r="312081" spans="14:14">
      <c r="N312081" s="10"/>
    </row>
    <row r="312082" spans="14:14">
      <c r="N312082" s="10"/>
    </row>
    <row r="312083" spans="14:14">
      <c r="N312083" s="10"/>
    </row>
    <row r="312084" spans="14:14">
      <c r="N312084" s="10"/>
    </row>
    <row r="312085" spans="14:14">
      <c r="N312085" s="10"/>
    </row>
    <row r="312086" spans="14:14">
      <c r="N312086" s="10"/>
    </row>
    <row r="312087" spans="14:14">
      <c r="N312087" s="10"/>
    </row>
    <row r="312088" spans="14:14">
      <c r="N312088" s="10"/>
    </row>
    <row r="312089" spans="14:14">
      <c r="N312089" s="10"/>
    </row>
    <row r="312090" spans="14:14">
      <c r="N312090" s="10"/>
    </row>
    <row r="312091" spans="14:14">
      <c r="N312091" s="10"/>
    </row>
    <row r="312092" spans="14:14">
      <c r="N312092" s="10"/>
    </row>
    <row r="312093" spans="14:14">
      <c r="N312093" s="10"/>
    </row>
    <row r="312094" spans="14:14">
      <c r="N312094" s="10"/>
    </row>
    <row r="312095" spans="14:14">
      <c r="N312095" s="10"/>
    </row>
    <row r="312096" spans="14:14">
      <c r="N312096" s="10"/>
    </row>
    <row r="312097" spans="14:14">
      <c r="N312097" s="10"/>
    </row>
    <row r="312098" spans="14:14">
      <c r="N312098" s="10"/>
    </row>
    <row r="312099" spans="14:14">
      <c r="N312099" s="10"/>
    </row>
    <row r="312100" spans="14:14">
      <c r="N312100" s="10"/>
    </row>
    <row r="312101" spans="14:14">
      <c r="N312101" s="10"/>
    </row>
    <row r="312102" spans="14:14">
      <c r="N312102" s="10"/>
    </row>
    <row r="312103" spans="14:14">
      <c r="N312103" s="10"/>
    </row>
    <row r="312104" spans="14:14">
      <c r="N312104" s="10"/>
    </row>
    <row r="312105" spans="14:14">
      <c r="N312105" s="10"/>
    </row>
    <row r="312106" spans="14:14">
      <c r="N312106" s="10"/>
    </row>
    <row r="312107" spans="14:14">
      <c r="N312107" s="10"/>
    </row>
    <row r="312108" spans="14:14">
      <c r="N312108" s="10"/>
    </row>
    <row r="312109" spans="14:14">
      <c r="N312109" s="10"/>
    </row>
    <row r="312110" spans="14:14">
      <c r="N312110" s="10"/>
    </row>
    <row r="312111" spans="14:14">
      <c r="N312111" s="10"/>
    </row>
    <row r="312112" spans="14:14">
      <c r="N312112" s="10"/>
    </row>
    <row r="312113" spans="14:14">
      <c r="N312113" s="10"/>
    </row>
    <row r="312114" spans="14:14">
      <c r="N312114" s="10"/>
    </row>
    <row r="312115" spans="14:14">
      <c r="N312115" s="10"/>
    </row>
    <row r="312116" spans="14:14">
      <c r="N312116" s="10"/>
    </row>
    <row r="312117" spans="14:14">
      <c r="N312117" s="10"/>
    </row>
    <row r="312118" spans="14:14">
      <c r="N312118" s="10"/>
    </row>
    <row r="312119" spans="14:14">
      <c r="N312119" s="10"/>
    </row>
    <row r="312120" spans="14:14">
      <c r="N312120" s="10"/>
    </row>
    <row r="312121" spans="14:14">
      <c r="N312121" s="10"/>
    </row>
    <row r="312122" spans="14:14">
      <c r="N312122" s="10"/>
    </row>
    <row r="312123" spans="14:14">
      <c r="N312123" s="10"/>
    </row>
    <row r="312124" spans="14:14">
      <c r="N312124" s="10"/>
    </row>
    <row r="312125" spans="14:14">
      <c r="N312125" s="10"/>
    </row>
    <row r="312126" spans="14:14">
      <c r="N312126" s="10"/>
    </row>
    <row r="312127" spans="14:14">
      <c r="N312127" s="10"/>
    </row>
    <row r="312128" spans="14:14">
      <c r="N312128" s="10"/>
    </row>
    <row r="312129" spans="14:14">
      <c r="N312129" s="10"/>
    </row>
    <row r="312130" spans="14:14">
      <c r="N312130" s="10"/>
    </row>
    <row r="312131" spans="14:14">
      <c r="N312131" s="10"/>
    </row>
    <row r="312132" spans="14:14">
      <c r="N312132" s="10"/>
    </row>
    <row r="312133" spans="14:14">
      <c r="N312133" s="10"/>
    </row>
    <row r="312134" spans="14:14">
      <c r="N312134" s="10"/>
    </row>
    <row r="312135" spans="14:14">
      <c r="N312135" s="10"/>
    </row>
    <row r="312136" spans="14:14">
      <c r="N312136" s="10"/>
    </row>
    <row r="312137" spans="14:14">
      <c r="N312137" s="10"/>
    </row>
    <row r="312138" spans="14:14">
      <c r="N312138" s="10"/>
    </row>
    <row r="312139" spans="14:14">
      <c r="N312139" s="10"/>
    </row>
    <row r="312140" spans="14:14">
      <c r="N312140" s="10"/>
    </row>
    <row r="312141" spans="14:14">
      <c r="N312141" s="10"/>
    </row>
    <row r="312142" spans="14:14">
      <c r="N312142" s="10"/>
    </row>
    <row r="312143" spans="14:14">
      <c r="N312143" s="10"/>
    </row>
    <row r="312144" spans="14:14">
      <c r="N312144" s="10"/>
    </row>
    <row r="312145" spans="14:14">
      <c r="N312145" s="10"/>
    </row>
    <row r="312146" spans="14:14">
      <c r="N312146" s="10"/>
    </row>
    <row r="312147" spans="14:14">
      <c r="N312147" s="10"/>
    </row>
    <row r="312148" spans="14:14">
      <c r="N312148" s="10"/>
    </row>
    <row r="312149" spans="14:14">
      <c r="N312149" s="10"/>
    </row>
    <row r="312150" spans="14:14">
      <c r="N312150" s="10"/>
    </row>
    <row r="312151" spans="14:14">
      <c r="N312151" s="10"/>
    </row>
    <row r="312152" spans="14:14">
      <c r="N312152" s="10"/>
    </row>
    <row r="312153" spans="14:14">
      <c r="N312153" s="10"/>
    </row>
    <row r="312154" spans="14:14">
      <c r="N312154" s="10"/>
    </row>
    <row r="312155" spans="14:14">
      <c r="N312155" s="10"/>
    </row>
    <row r="312156" spans="14:14">
      <c r="N312156" s="10"/>
    </row>
    <row r="312157" spans="14:14">
      <c r="N312157" s="10"/>
    </row>
    <row r="312158" spans="14:14">
      <c r="N312158" s="10"/>
    </row>
    <row r="312159" spans="14:14">
      <c r="N312159" s="10"/>
    </row>
    <row r="312160" spans="14:14">
      <c r="N312160" s="10"/>
    </row>
    <row r="312161" spans="14:14">
      <c r="N312161" s="10"/>
    </row>
    <row r="312162" spans="14:14">
      <c r="N312162" s="10"/>
    </row>
    <row r="312163" spans="14:14">
      <c r="N312163" s="10"/>
    </row>
    <row r="312164" spans="14:14">
      <c r="N312164" s="10"/>
    </row>
    <row r="312165" spans="14:14">
      <c r="N312165" s="10"/>
    </row>
    <row r="312166" spans="14:14">
      <c r="N312166" s="10"/>
    </row>
    <row r="312167" spans="14:14">
      <c r="N312167" s="10"/>
    </row>
    <row r="312168" spans="14:14">
      <c r="N312168" s="10"/>
    </row>
    <row r="312169" spans="14:14">
      <c r="N312169" s="10"/>
    </row>
    <row r="312170" spans="14:14">
      <c r="N312170" s="10"/>
    </row>
    <row r="312171" spans="14:14">
      <c r="N312171" s="10"/>
    </row>
    <row r="312172" spans="14:14">
      <c r="N312172" s="10"/>
    </row>
    <row r="312173" spans="14:14">
      <c r="N312173" s="10"/>
    </row>
    <row r="312174" spans="14:14">
      <c r="N312174" s="10"/>
    </row>
    <row r="312175" spans="14:14">
      <c r="N312175" s="10"/>
    </row>
    <row r="312176" spans="14:14">
      <c r="N312176" s="10"/>
    </row>
    <row r="312177" spans="14:14">
      <c r="N312177" s="10"/>
    </row>
    <row r="312178" spans="14:14">
      <c r="N312178" s="10"/>
    </row>
    <row r="312179" spans="14:14">
      <c r="N312179" s="10"/>
    </row>
    <row r="312180" spans="14:14">
      <c r="N312180" s="10"/>
    </row>
    <row r="312181" spans="14:14">
      <c r="N312181" s="10"/>
    </row>
    <row r="312182" spans="14:14">
      <c r="N312182" s="10"/>
    </row>
    <row r="312183" spans="14:14">
      <c r="N312183" s="10"/>
    </row>
    <row r="312184" spans="14:14">
      <c r="N312184" s="10"/>
    </row>
    <row r="312185" spans="14:14">
      <c r="N312185" s="10"/>
    </row>
    <row r="312186" spans="14:14">
      <c r="N312186" s="10"/>
    </row>
    <row r="312187" spans="14:14">
      <c r="N312187" s="10"/>
    </row>
    <row r="312188" spans="14:14">
      <c r="N312188" s="10"/>
    </row>
    <row r="312189" spans="14:14">
      <c r="N312189" s="10"/>
    </row>
    <row r="312190" spans="14:14">
      <c r="N312190" s="10"/>
    </row>
    <row r="312191" spans="14:14">
      <c r="N312191" s="10"/>
    </row>
    <row r="312192" spans="14:14">
      <c r="N312192" s="10"/>
    </row>
    <row r="312193" spans="14:14">
      <c r="N312193" s="10"/>
    </row>
    <row r="312194" spans="14:14">
      <c r="N312194" s="10"/>
    </row>
    <row r="312195" spans="14:14">
      <c r="N312195" s="10"/>
    </row>
    <row r="312196" spans="14:14">
      <c r="N312196" s="10"/>
    </row>
    <row r="312197" spans="14:14">
      <c r="N312197" s="10"/>
    </row>
    <row r="312198" spans="14:14">
      <c r="N312198" s="10"/>
    </row>
    <row r="312199" spans="14:14">
      <c r="N312199" s="10"/>
    </row>
    <row r="312200" spans="14:14">
      <c r="N312200" s="10"/>
    </row>
    <row r="312201" spans="14:14">
      <c r="N312201" s="10"/>
    </row>
    <row r="312202" spans="14:14">
      <c r="N312202" s="10"/>
    </row>
    <row r="312203" spans="14:14">
      <c r="N312203" s="10"/>
    </row>
    <row r="312204" spans="14:14">
      <c r="N312204" s="10"/>
    </row>
    <row r="312205" spans="14:14">
      <c r="N312205" s="10"/>
    </row>
    <row r="312206" spans="14:14">
      <c r="N312206" s="10"/>
    </row>
    <row r="312207" spans="14:14">
      <c r="N312207" s="10"/>
    </row>
    <row r="312208" spans="14:14">
      <c r="N312208" s="10"/>
    </row>
    <row r="312209" spans="14:14">
      <c r="N312209" s="10"/>
    </row>
    <row r="312210" spans="14:14">
      <c r="N312210" s="10"/>
    </row>
    <row r="312211" spans="14:14">
      <c r="N312211" s="10"/>
    </row>
    <row r="312212" spans="14:14">
      <c r="N312212" s="10"/>
    </row>
    <row r="312213" spans="14:14">
      <c r="N312213" s="10"/>
    </row>
    <row r="312214" spans="14:14">
      <c r="N312214" s="10"/>
    </row>
    <row r="312215" spans="14:14">
      <c r="N312215" s="10"/>
    </row>
    <row r="312216" spans="14:14">
      <c r="N312216" s="10"/>
    </row>
    <row r="312217" spans="14:14">
      <c r="N312217" s="10"/>
    </row>
    <row r="312218" spans="14:14">
      <c r="N312218" s="10"/>
    </row>
    <row r="312219" spans="14:14">
      <c r="N312219" s="10"/>
    </row>
    <row r="312220" spans="14:14">
      <c r="N312220" s="10"/>
    </row>
    <row r="312221" spans="14:14">
      <c r="N312221" s="10"/>
    </row>
    <row r="312222" spans="14:14">
      <c r="N312222" s="10"/>
    </row>
    <row r="312223" spans="14:14">
      <c r="N312223" s="10"/>
    </row>
    <row r="312224" spans="14:14">
      <c r="N312224" s="10"/>
    </row>
    <row r="312225" spans="14:14">
      <c r="N312225" s="10"/>
    </row>
    <row r="312226" spans="14:14">
      <c r="N312226" s="10"/>
    </row>
    <row r="312227" spans="14:14">
      <c r="N312227" s="10"/>
    </row>
    <row r="312228" spans="14:14">
      <c r="N312228" s="10"/>
    </row>
    <row r="312229" spans="14:14">
      <c r="N312229" s="10"/>
    </row>
    <row r="312230" spans="14:14">
      <c r="N312230" s="10"/>
    </row>
    <row r="312231" spans="14:14">
      <c r="N312231" s="10"/>
    </row>
    <row r="312232" spans="14:14">
      <c r="N312232" s="10"/>
    </row>
    <row r="312233" spans="14:14">
      <c r="N312233" s="10"/>
    </row>
    <row r="312234" spans="14:14">
      <c r="N312234" s="10"/>
    </row>
    <row r="312235" spans="14:14">
      <c r="N312235" s="10"/>
    </row>
    <row r="312236" spans="14:14">
      <c r="N312236" s="10"/>
    </row>
    <row r="312237" spans="14:14">
      <c r="N312237" s="10"/>
    </row>
    <row r="312238" spans="14:14">
      <c r="N312238" s="10"/>
    </row>
    <row r="312239" spans="14:14">
      <c r="N312239" s="10"/>
    </row>
    <row r="312240" spans="14:14">
      <c r="N312240" s="10"/>
    </row>
    <row r="312241" spans="14:14">
      <c r="N312241" s="10"/>
    </row>
    <row r="312242" spans="14:14">
      <c r="N312242" s="10"/>
    </row>
    <row r="312243" spans="14:14">
      <c r="N312243" s="10"/>
    </row>
    <row r="312244" spans="14:14">
      <c r="N312244" s="10"/>
    </row>
    <row r="312245" spans="14:14">
      <c r="N312245" s="10"/>
    </row>
    <row r="312246" spans="14:14">
      <c r="N312246" s="10"/>
    </row>
    <row r="312247" spans="14:14">
      <c r="N312247" s="10"/>
    </row>
    <row r="312248" spans="14:14">
      <c r="N312248" s="10"/>
    </row>
    <row r="312249" spans="14:14">
      <c r="N312249" s="10"/>
    </row>
    <row r="312250" spans="14:14">
      <c r="N312250" s="10"/>
    </row>
    <row r="312251" spans="14:14">
      <c r="N312251" s="10"/>
    </row>
    <row r="312252" spans="14:14">
      <c r="N312252" s="10"/>
    </row>
    <row r="312253" spans="14:14">
      <c r="N312253" s="10"/>
    </row>
    <row r="312254" spans="14:14">
      <c r="N312254" s="10"/>
    </row>
    <row r="312255" spans="14:14">
      <c r="N312255" s="10"/>
    </row>
    <row r="312256" spans="14:14">
      <c r="N312256" s="10"/>
    </row>
    <row r="312257" spans="14:14">
      <c r="N312257" s="10"/>
    </row>
    <row r="312258" spans="14:14">
      <c r="N312258" s="10"/>
    </row>
    <row r="312259" spans="14:14">
      <c r="N312259" s="10"/>
    </row>
    <row r="312260" spans="14:14">
      <c r="N312260" s="10"/>
    </row>
    <row r="312261" spans="14:14">
      <c r="N312261" s="10"/>
    </row>
    <row r="312262" spans="14:14">
      <c r="N312262" s="10"/>
    </row>
    <row r="312263" spans="14:14">
      <c r="N312263" s="10"/>
    </row>
    <row r="312264" spans="14:14">
      <c r="N312264" s="10"/>
    </row>
    <row r="312265" spans="14:14">
      <c r="N312265" s="10"/>
    </row>
    <row r="312266" spans="14:14">
      <c r="N312266" s="10"/>
    </row>
    <row r="312267" spans="14:14">
      <c r="N312267" s="10"/>
    </row>
    <row r="312268" spans="14:14">
      <c r="N312268" s="10"/>
    </row>
    <row r="312269" spans="14:14">
      <c r="N312269" s="10"/>
    </row>
    <row r="312270" spans="14:14">
      <c r="N312270" s="10"/>
    </row>
    <row r="312271" spans="14:14">
      <c r="N312271" s="10"/>
    </row>
    <row r="312272" spans="14:14">
      <c r="N312272" s="10"/>
    </row>
    <row r="312273" spans="14:14">
      <c r="N312273" s="10"/>
    </row>
    <row r="312274" spans="14:14">
      <c r="N312274" s="10"/>
    </row>
    <row r="312275" spans="14:14">
      <c r="N312275" s="10"/>
    </row>
    <row r="312276" spans="14:14">
      <c r="N312276" s="10"/>
    </row>
    <row r="312277" spans="14:14">
      <c r="N312277" s="10"/>
    </row>
    <row r="312278" spans="14:14">
      <c r="N312278" s="10"/>
    </row>
    <row r="312279" spans="14:14">
      <c r="N312279" s="10"/>
    </row>
    <row r="312280" spans="14:14">
      <c r="N312280" s="10"/>
    </row>
    <row r="312281" spans="14:14">
      <c r="N312281" s="10"/>
    </row>
    <row r="312282" spans="14:14">
      <c r="N312282" s="10"/>
    </row>
    <row r="312283" spans="14:14">
      <c r="N312283" s="10"/>
    </row>
    <row r="312284" spans="14:14">
      <c r="N312284" s="10"/>
    </row>
    <row r="312285" spans="14:14">
      <c r="N312285" s="10"/>
    </row>
    <row r="312286" spans="14:14">
      <c r="N312286" s="10"/>
    </row>
    <row r="312287" spans="14:14">
      <c r="N312287" s="10"/>
    </row>
    <row r="312288" spans="14:14">
      <c r="N312288" s="10"/>
    </row>
    <row r="312289" spans="14:14">
      <c r="N312289" s="10"/>
    </row>
    <row r="312290" spans="14:14">
      <c r="N312290" s="10"/>
    </row>
    <row r="312291" spans="14:14">
      <c r="N312291" s="10"/>
    </row>
    <row r="312292" spans="14:14">
      <c r="N312292" s="10"/>
    </row>
    <row r="312293" spans="14:14">
      <c r="N312293" s="10"/>
    </row>
    <row r="312294" spans="14:14">
      <c r="N312294" s="10"/>
    </row>
    <row r="312295" spans="14:14">
      <c r="N312295" s="10"/>
    </row>
    <row r="312296" spans="14:14">
      <c r="N312296" s="10"/>
    </row>
    <row r="312297" spans="14:14">
      <c r="N312297" s="10"/>
    </row>
    <row r="312298" spans="14:14">
      <c r="N312298" s="10"/>
    </row>
    <row r="312299" spans="14:14">
      <c r="N312299" s="10"/>
    </row>
    <row r="312300" spans="14:14">
      <c r="N312300" s="10"/>
    </row>
    <row r="312301" spans="14:14">
      <c r="N312301" s="10"/>
    </row>
    <row r="312302" spans="14:14">
      <c r="N312302" s="10"/>
    </row>
    <row r="312303" spans="14:14">
      <c r="N312303" s="10"/>
    </row>
    <row r="312304" spans="14:14">
      <c r="N312304" s="10"/>
    </row>
    <row r="312305" spans="14:14">
      <c r="N312305" s="10"/>
    </row>
    <row r="312306" spans="14:14">
      <c r="N312306" s="10"/>
    </row>
    <row r="312307" spans="14:14">
      <c r="N312307" s="10"/>
    </row>
    <row r="312308" spans="14:14">
      <c r="N312308" s="10"/>
    </row>
    <row r="312309" spans="14:14">
      <c r="N312309" s="10"/>
    </row>
    <row r="312310" spans="14:14">
      <c r="N312310" s="10"/>
    </row>
    <row r="312311" spans="14:14">
      <c r="N312311" s="10"/>
    </row>
    <row r="312312" spans="14:14">
      <c r="N312312" s="10"/>
    </row>
    <row r="312313" spans="14:14">
      <c r="N312313" s="10"/>
    </row>
    <row r="312314" spans="14:14">
      <c r="N312314" s="10"/>
    </row>
    <row r="312315" spans="14:14">
      <c r="N312315" s="10"/>
    </row>
    <row r="312316" spans="14:14">
      <c r="N312316" s="10"/>
    </row>
    <row r="312317" spans="14:14">
      <c r="N312317" s="10"/>
    </row>
    <row r="312318" spans="14:14">
      <c r="N312318" s="10"/>
    </row>
    <row r="312319" spans="14:14">
      <c r="N312319" s="10"/>
    </row>
    <row r="312320" spans="14:14">
      <c r="N312320" s="10"/>
    </row>
    <row r="312321" spans="14:14">
      <c r="N312321" s="10"/>
    </row>
    <row r="312322" spans="14:14">
      <c r="N312322" s="10"/>
    </row>
    <row r="312323" spans="14:14">
      <c r="N312323" s="10"/>
    </row>
    <row r="312324" spans="14:14">
      <c r="N312324" s="10"/>
    </row>
    <row r="312325" spans="14:14">
      <c r="N312325" s="10"/>
    </row>
    <row r="312326" spans="14:14">
      <c r="N312326" s="10"/>
    </row>
    <row r="312327" spans="14:14">
      <c r="N312327" s="10"/>
    </row>
    <row r="312328" spans="14:14">
      <c r="N312328" s="10"/>
    </row>
    <row r="312329" spans="14:14">
      <c r="N312329" s="10"/>
    </row>
    <row r="312330" spans="14:14">
      <c r="N312330" s="10"/>
    </row>
    <row r="312331" spans="14:14">
      <c r="N312331" s="10"/>
    </row>
    <row r="312332" spans="14:14">
      <c r="N312332" s="10"/>
    </row>
    <row r="312333" spans="14:14">
      <c r="N312333" s="10"/>
    </row>
    <row r="312334" spans="14:14">
      <c r="N312334" s="10"/>
    </row>
    <row r="312335" spans="14:14">
      <c r="N312335" s="10"/>
    </row>
    <row r="312336" spans="14:14">
      <c r="N312336" s="10"/>
    </row>
    <row r="312337" spans="14:14">
      <c r="N312337" s="10"/>
    </row>
    <row r="312338" spans="14:14">
      <c r="N312338" s="10"/>
    </row>
    <row r="312339" spans="14:14">
      <c r="N312339" s="10"/>
    </row>
    <row r="312340" spans="14:14">
      <c r="N312340" s="10"/>
    </row>
    <row r="312341" spans="14:14">
      <c r="N312341" s="10"/>
    </row>
    <row r="312342" spans="14:14">
      <c r="N312342" s="10"/>
    </row>
    <row r="312343" spans="14:14">
      <c r="N312343" s="10"/>
    </row>
    <row r="312344" spans="14:14">
      <c r="N312344" s="10"/>
    </row>
    <row r="312345" spans="14:14">
      <c r="N312345" s="10"/>
    </row>
    <row r="312346" spans="14:14">
      <c r="N312346" s="10"/>
    </row>
    <row r="312347" spans="14:14">
      <c r="N312347" s="10"/>
    </row>
    <row r="312348" spans="14:14">
      <c r="N312348" s="10"/>
    </row>
    <row r="312349" spans="14:14">
      <c r="N312349" s="10"/>
    </row>
    <row r="312350" spans="14:14">
      <c r="N312350" s="10"/>
    </row>
    <row r="312351" spans="14:14">
      <c r="N312351" s="10"/>
    </row>
    <row r="312352" spans="14:14">
      <c r="N312352" s="10"/>
    </row>
    <row r="312353" spans="14:14">
      <c r="N312353" s="10"/>
    </row>
    <row r="312354" spans="14:14">
      <c r="N312354" s="10"/>
    </row>
    <row r="312355" spans="14:14">
      <c r="N312355" s="10"/>
    </row>
    <row r="312356" spans="14:14">
      <c r="N312356" s="10"/>
    </row>
    <row r="312357" spans="14:14">
      <c r="N312357" s="10"/>
    </row>
    <row r="312358" spans="14:14">
      <c r="N312358" s="10"/>
    </row>
    <row r="312359" spans="14:14">
      <c r="N312359" s="10"/>
    </row>
    <row r="312360" spans="14:14">
      <c r="N312360" s="10"/>
    </row>
    <row r="312361" spans="14:14">
      <c r="N312361" s="10"/>
    </row>
    <row r="312362" spans="14:14">
      <c r="N312362" s="10"/>
    </row>
    <row r="312363" spans="14:14">
      <c r="N312363" s="10"/>
    </row>
    <row r="312364" spans="14:14">
      <c r="N312364" s="10"/>
    </row>
    <row r="312365" spans="14:14">
      <c r="N312365" s="10"/>
    </row>
    <row r="312366" spans="14:14">
      <c r="N312366" s="10"/>
    </row>
    <row r="312367" spans="14:14">
      <c r="N312367" s="10"/>
    </row>
    <row r="312368" spans="14:14">
      <c r="N312368" s="10"/>
    </row>
    <row r="312369" spans="14:14">
      <c r="N312369" s="10"/>
    </row>
    <row r="312370" spans="14:14">
      <c r="N312370" s="10"/>
    </row>
    <row r="312371" spans="14:14">
      <c r="N312371" s="10"/>
    </row>
    <row r="312372" spans="14:14">
      <c r="N312372" s="10"/>
    </row>
    <row r="312373" spans="14:14">
      <c r="N312373" s="10"/>
    </row>
    <row r="312374" spans="14:14">
      <c r="N312374" s="10"/>
    </row>
    <row r="312375" spans="14:14">
      <c r="N312375" s="10"/>
    </row>
    <row r="312376" spans="14:14">
      <c r="N312376" s="10"/>
    </row>
    <row r="312377" spans="14:14">
      <c r="N312377" s="10"/>
    </row>
    <row r="312378" spans="14:14">
      <c r="N312378" s="10"/>
    </row>
    <row r="312379" spans="14:14">
      <c r="N312379" s="10"/>
    </row>
    <row r="312380" spans="14:14">
      <c r="N312380" s="10"/>
    </row>
    <row r="312381" spans="14:14">
      <c r="N312381" s="10"/>
    </row>
    <row r="312382" spans="14:14">
      <c r="N312382" s="10"/>
    </row>
    <row r="312383" spans="14:14">
      <c r="N312383" s="10"/>
    </row>
    <row r="312384" spans="14:14">
      <c r="N312384" s="10"/>
    </row>
    <row r="312385" spans="14:14">
      <c r="N312385" s="10"/>
    </row>
    <row r="312386" spans="14:14">
      <c r="N312386" s="10"/>
    </row>
    <row r="312387" spans="14:14">
      <c r="N312387" s="10"/>
    </row>
    <row r="312388" spans="14:14">
      <c r="N312388" s="10"/>
    </row>
    <row r="312389" spans="14:14">
      <c r="N312389" s="10"/>
    </row>
    <row r="312390" spans="14:14">
      <c r="N312390" s="10"/>
    </row>
    <row r="312391" spans="14:14">
      <c r="N312391" s="10"/>
    </row>
    <row r="312392" spans="14:14">
      <c r="N312392" s="10"/>
    </row>
    <row r="312393" spans="14:14">
      <c r="N312393" s="10"/>
    </row>
    <row r="312394" spans="14:14">
      <c r="N312394" s="10"/>
    </row>
    <row r="312395" spans="14:14">
      <c r="N312395" s="10"/>
    </row>
    <row r="312396" spans="14:14">
      <c r="N312396" s="10"/>
    </row>
    <row r="312397" spans="14:14">
      <c r="N312397" s="10"/>
    </row>
    <row r="312398" spans="14:14">
      <c r="N312398" s="10"/>
    </row>
    <row r="312399" spans="14:14">
      <c r="N312399" s="10"/>
    </row>
    <row r="312400" spans="14:14">
      <c r="N312400" s="10"/>
    </row>
    <row r="312401" spans="14:14">
      <c r="N312401" s="10"/>
    </row>
    <row r="312402" spans="14:14">
      <c r="N312402" s="10"/>
    </row>
    <row r="312403" spans="14:14">
      <c r="N312403" s="10"/>
    </row>
    <row r="312404" spans="14:14">
      <c r="N312404" s="10"/>
    </row>
    <row r="312405" spans="14:14">
      <c r="N312405" s="10"/>
    </row>
    <row r="312406" spans="14:14">
      <c r="N312406" s="10"/>
    </row>
    <row r="312407" spans="14:14">
      <c r="N312407" s="10"/>
    </row>
    <row r="312408" spans="14:14">
      <c r="N312408" s="10"/>
    </row>
    <row r="312409" spans="14:14">
      <c r="N312409" s="10"/>
    </row>
    <row r="312410" spans="14:14">
      <c r="N312410" s="10"/>
    </row>
    <row r="312411" spans="14:14">
      <c r="N312411" s="10"/>
    </row>
    <row r="312412" spans="14:14">
      <c r="N312412" s="10"/>
    </row>
    <row r="312413" spans="14:14">
      <c r="N312413" s="10"/>
    </row>
    <row r="312414" spans="14:14">
      <c r="N312414" s="10"/>
    </row>
    <row r="312415" spans="14:14">
      <c r="N312415" s="10"/>
    </row>
    <row r="312416" spans="14:14">
      <c r="N312416" s="10"/>
    </row>
    <row r="312417" spans="14:14">
      <c r="N312417" s="10"/>
    </row>
    <row r="312418" spans="14:14">
      <c r="N312418" s="10"/>
    </row>
    <row r="312419" spans="14:14">
      <c r="N312419" s="10"/>
    </row>
    <row r="312420" spans="14:14">
      <c r="N312420" s="10"/>
    </row>
    <row r="312421" spans="14:14">
      <c r="N312421" s="10"/>
    </row>
    <row r="312422" spans="14:14">
      <c r="N312422" s="10"/>
    </row>
    <row r="312423" spans="14:14">
      <c r="N312423" s="10"/>
    </row>
    <row r="312424" spans="14:14">
      <c r="N312424" s="10"/>
    </row>
    <row r="312425" spans="14:14">
      <c r="N312425" s="10"/>
    </row>
    <row r="312426" spans="14:14">
      <c r="N312426" s="10"/>
    </row>
    <row r="312427" spans="14:14">
      <c r="N312427" s="10"/>
    </row>
    <row r="312428" spans="14:14">
      <c r="N312428" s="10"/>
    </row>
    <row r="312429" spans="14:14">
      <c r="N312429" s="10"/>
    </row>
    <row r="312430" spans="14:14">
      <c r="N312430" s="10"/>
    </row>
    <row r="312431" spans="14:14">
      <c r="N312431" s="10"/>
    </row>
    <row r="312432" spans="14:14">
      <c r="N312432" s="10"/>
    </row>
    <row r="312433" spans="14:14">
      <c r="N312433" s="10"/>
    </row>
    <row r="312434" spans="14:14">
      <c r="N312434" s="10"/>
    </row>
    <row r="312435" spans="14:14">
      <c r="N312435" s="10"/>
    </row>
    <row r="312436" spans="14:14">
      <c r="N312436" s="10"/>
    </row>
    <row r="312437" spans="14:14">
      <c r="N312437" s="10"/>
    </row>
    <row r="312438" spans="14:14">
      <c r="N312438" s="10"/>
    </row>
    <row r="312439" spans="14:14">
      <c r="N312439" s="10"/>
    </row>
    <row r="312440" spans="14:14">
      <c r="N312440" s="10"/>
    </row>
    <row r="312441" spans="14:14">
      <c r="N312441" s="10"/>
    </row>
    <row r="312442" spans="14:14">
      <c r="N312442" s="10"/>
    </row>
    <row r="312443" spans="14:14">
      <c r="N312443" s="10"/>
    </row>
    <row r="312444" spans="14:14">
      <c r="N312444" s="10"/>
    </row>
    <row r="312445" spans="14:14">
      <c r="N312445" s="10"/>
    </row>
    <row r="312446" spans="14:14">
      <c r="N312446" s="10"/>
    </row>
    <row r="312447" spans="14:14">
      <c r="N312447" s="10"/>
    </row>
    <row r="312448" spans="14:14">
      <c r="N312448" s="10"/>
    </row>
    <row r="312449" spans="14:14">
      <c r="N312449" s="10"/>
    </row>
    <row r="312450" spans="14:14">
      <c r="N312450" s="10"/>
    </row>
    <row r="312451" spans="14:14">
      <c r="N312451" s="10"/>
    </row>
    <row r="312452" spans="14:14">
      <c r="N312452" s="10"/>
    </row>
    <row r="312453" spans="14:14">
      <c r="N312453" s="10"/>
    </row>
    <row r="312454" spans="14:14">
      <c r="N312454" s="10"/>
    </row>
    <row r="312455" spans="14:14">
      <c r="N312455" s="10"/>
    </row>
    <row r="312456" spans="14:14">
      <c r="N312456" s="10"/>
    </row>
    <row r="312457" spans="14:14">
      <c r="N312457" s="10"/>
    </row>
    <row r="312458" spans="14:14">
      <c r="N312458" s="10"/>
    </row>
    <row r="312459" spans="14:14">
      <c r="N312459" s="10"/>
    </row>
    <row r="312460" spans="14:14">
      <c r="N312460" s="10"/>
    </row>
    <row r="312461" spans="14:14">
      <c r="N312461" s="10"/>
    </row>
    <row r="312462" spans="14:14">
      <c r="N312462" s="10"/>
    </row>
    <row r="312463" spans="14:14">
      <c r="N312463" s="10"/>
    </row>
    <row r="312464" spans="14:14">
      <c r="N312464" s="10"/>
    </row>
    <row r="312465" spans="14:14">
      <c r="N312465" s="10"/>
    </row>
    <row r="312466" spans="14:14">
      <c r="N312466" s="10"/>
    </row>
    <row r="312467" spans="14:14">
      <c r="N312467" s="10"/>
    </row>
    <row r="312468" spans="14:14">
      <c r="N312468" s="10"/>
    </row>
    <row r="312469" spans="14:14">
      <c r="N312469" s="10"/>
    </row>
    <row r="312470" spans="14:14">
      <c r="N312470" s="10"/>
    </row>
    <row r="312471" spans="14:14">
      <c r="N312471" s="10"/>
    </row>
    <row r="312472" spans="14:14">
      <c r="N312472" s="10"/>
    </row>
    <row r="312473" spans="14:14">
      <c r="N312473" s="10"/>
    </row>
    <row r="312474" spans="14:14">
      <c r="N312474" s="10"/>
    </row>
    <row r="312475" spans="14:14">
      <c r="N312475" s="10"/>
    </row>
    <row r="312476" spans="14:14">
      <c r="N312476" s="10"/>
    </row>
    <row r="312477" spans="14:14">
      <c r="N312477" s="10"/>
    </row>
    <row r="312478" spans="14:14">
      <c r="N312478" s="10"/>
    </row>
    <row r="312479" spans="14:14">
      <c r="N312479" s="10"/>
    </row>
    <row r="312480" spans="14:14">
      <c r="N312480" s="10"/>
    </row>
    <row r="312481" spans="14:14">
      <c r="N312481" s="10"/>
    </row>
    <row r="312482" spans="14:14">
      <c r="N312482" s="10"/>
    </row>
    <row r="312483" spans="14:14">
      <c r="N312483" s="10"/>
    </row>
    <row r="312484" spans="14:14">
      <c r="N312484" s="10"/>
    </row>
    <row r="312485" spans="14:14">
      <c r="N312485" s="10"/>
    </row>
    <row r="312486" spans="14:14">
      <c r="N312486" s="10"/>
    </row>
    <row r="312487" spans="14:14">
      <c r="N312487" s="10"/>
    </row>
    <row r="312488" spans="14:14">
      <c r="N312488" s="10"/>
    </row>
    <row r="312489" spans="14:14">
      <c r="N312489" s="10"/>
    </row>
    <row r="312490" spans="14:14">
      <c r="N312490" s="10"/>
    </row>
    <row r="312491" spans="14:14">
      <c r="N312491" s="10"/>
    </row>
    <row r="312492" spans="14:14">
      <c r="N312492" s="10"/>
    </row>
    <row r="312493" spans="14:14">
      <c r="N312493" s="10"/>
    </row>
    <row r="312494" spans="14:14">
      <c r="N312494" s="10"/>
    </row>
    <row r="312495" spans="14:14">
      <c r="N312495" s="10"/>
    </row>
    <row r="312496" spans="14:14">
      <c r="N312496" s="10"/>
    </row>
    <row r="312497" spans="14:14">
      <c r="N312497" s="10"/>
    </row>
    <row r="312498" spans="14:14">
      <c r="N312498" s="10"/>
    </row>
    <row r="312499" spans="14:14">
      <c r="N312499" s="10"/>
    </row>
    <row r="312500" spans="14:14">
      <c r="N312500" s="10"/>
    </row>
    <row r="312501" spans="14:14">
      <c r="N312501" s="10"/>
    </row>
    <row r="312502" spans="14:14">
      <c r="N312502" s="10"/>
    </row>
    <row r="312503" spans="14:14">
      <c r="N312503" s="10"/>
    </row>
    <row r="312504" spans="14:14">
      <c r="N312504" s="10"/>
    </row>
    <row r="312505" spans="14:14">
      <c r="N312505" s="10"/>
    </row>
    <row r="312506" spans="14:14">
      <c r="N312506" s="10"/>
    </row>
    <row r="312507" spans="14:14">
      <c r="N312507" s="10"/>
    </row>
    <row r="312508" spans="14:14">
      <c r="N312508" s="10"/>
    </row>
    <row r="312509" spans="14:14">
      <c r="N312509" s="10"/>
    </row>
    <row r="312510" spans="14:14">
      <c r="N312510" s="10"/>
    </row>
    <row r="312511" spans="14:14">
      <c r="N312511" s="10"/>
    </row>
    <row r="312512" spans="14:14">
      <c r="N312512" s="10"/>
    </row>
    <row r="312513" spans="14:14">
      <c r="N312513" s="10"/>
    </row>
    <row r="312514" spans="14:14">
      <c r="N312514" s="10"/>
    </row>
    <row r="312515" spans="14:14">
      <c r="N312515" s="10"/>
    </row>
    <row r="312516" spans="14:14">
      <c r="N312516" s="10"/>
    </row>
    <row r="312517" spans="14:14">
      <c r="N312517" s="10"/>
    </row>
    <row r="312518" spans="14:14">
      <c r="N312518" s="10"/>
    </row>
    <row r="312519" spans="14:14">
      <c r="N312519" s="10"/>
    </row>
    <row r="312520" spans="14:14">
      <c r="N312520" s="10"/>
    </row>
    <row r="312521" spans="14:14">
      <c r="N312521" s="10"/>
    </row>
    <row r="312522" spans="14:14">
      <c r="N312522" s="10"/>
    </row>
    <row r="312523" spans="14:14">
      <c r="N312523" s="10"/>
    </row>
    <row r="312524" spans="14:14">
      <c r="N312524" s="10"/>
    </row>
    <row r="312525" spans="14:14">
      <c r="N312525" s="10"/>
    </row>
    <row r="312526" spans="14:14">
      <c r="N312526" s="10"/>
    </row>
    <row r="312527" spans="14:14">
      <c r="N312527" s="10"/>
    </row>
    <row r="312528" spans="14:14">
      <c r="N312528" s="10"/>
    </row>
    <row r="312529" spans="14:14">
      <c r="N312529" s="10"/>
    </row>
    <row r="312530" spans="14:14">
      <c r="N312530" s="10"/>
    </row>
    <row r="312531" spans="14:14">
      <c r="N312531" s="10"/>
    </row>
    <row r="312532" spans="14:14">
      <c r="N312532" s="10"/>
    </row>
    <row r="312533" spans="14:14">
      <c r="N312533" s="10"/>
    </row>
    <row r="312534" spans="14:14">
      <c r="N312534" s="10"/>
    </row>
    <row r="312535" spans="14:14">
      <c r="N312535" s="10"/>
    </row>
    <row r="312536" spans="14:14">
      <c r="N312536" s="10"/>
    </row>
    <row r="312537" spans="14:14">
      <c r="N312537" s="10"/>
    </row>
    <row r="312538" spans="14:14">
      <c r="N312538" s="10"/>
    </row>
    <row r="312539" spans="14:14">
      <c r="N312539" s="10"/>
    </row>
    <row r="312540" spans="14:14">
      <c r="N312540" s="10"/>
    </row>
    <row r="312541" spans="14:14">
      <c r="N312541" s="10"/>
    </row>
    <row r="312542" spans="14:14">
      <c r="N312542" s="10"/>
    </row>
    <row r="312543" spans="14:14">
      <c r="N312543" s="10"/>
    </row>
    <row r="312544" spans="14:14">
      <c r="N312544" s="10"/>
    </row>
    <row r="312545" spans="14:14">
      <c r="N312545" s="10"/>
    </row>
    <row r="312546" spans="14:14">
      <c r="N312546" s="10"/>
    </row>
    <row r="312547" spans="14:14">
      <c r="N312547" s="10"/>
    </row>
    <row r="312548" spans="14:14">
      <c r="N312548" s="10"/>
    </row>
    <row r="312549" spans="14:14">
      <c r="N312549" s="10"/>
    </row>
    <row r="312550" spans="14:14">
      <c r="N312550" s="10"/>
    </row>
    <row r="312551" spans="14:14">
      <c r="N312551" s="10"/>
    </row>
    <row r="312552" spans="14:14">
      <c r="N312552" s="10"/>
    </row>
    <row r="312553" spans="14:14">
      <c r="N312553" s="10"/>
    </row>
    <row r="312554" spans="14:14">
      <c r="N312554" s="10"/>
    </row>
    <row r="312555" spans="14:14">
      <c r="N312555" s="10"/>
    </row>
    <row r="312556" spans="14:14">
      <c r="N312556" s="10"/>
    </row>
    <row r="312557" spans="14:14">
      <c r="N312557" s="10"/>
    </row>
    <row r="312558" spans="14:14">
      <c r="N312558" s="10"/>
    </row>
    <row r="312559" spans="14:14">
      <c r="N312559" s="10"/>
    </row>
    <row r="312560" spans="14:14">
      <c r="N312560" s="10"/>
    </row>
    <row r="312561" spans="14:14">
      <c r="N312561" s="10"/>
    </row>
    <row r="312562" spans="14:14">
      <c r="N312562" s="10"/>
    </row>
    <row r="312563" spans="14:14">
      <c r="N312563" s="10"/>
    </row>
    <row r="312564" spans="14:14">
      <c r="N312564" s="10"/>
    </row>
    <row r="312565" spans="14:14">
      <c r="N312565" s="10"/>
    </row>
    <row r="312566" spans="14:14">
      <c r="N312566" s="10"/>
    </row>
    <row r="312567" spans="14:14">
      <c r="N312567" s="10"/>
    </row>
    <row r="312568" spans="14:14">
      <c r="N312568" s="10"/>
    </row>
    <row r="312569" spans="14:14">
      <c r="N312569" s="10"/>
    </row>
    <row r="312570" spans="14:14">
      <c r="N312570" s="10"/>
    </row>
    <row r="312571" spans="14:14">
      <c r="N312571" s="10"/>
    </row>
    <row r="312572" spans="14:14">
      <c r="N312572" s="10"/>
    </row>
    <row r="312573" spans="14:14">
      <c r="N312573" s="10"/>
    </row>
    <row r="312574" spans="14:14">
      <c r="N312574" s="10"/>
    </row>
    <row r="312575" spans="14:14">
      <c r="N312575" s="10"/>
    </row>
    <row r="312576" spans="14:14">
      <c r="N312576" s="10"/>
    </row>
    <row r="312577" spans="14:14">
      <c r="N312577" s="10"/>
    </row>
    <row r="312578" spans="14:14">
      <c r="N312578" s="10"/>
    </row>
    <row r="312579" spans="14:14">
      <c r="N312579" s="10"/>
    </row>
    <row r="312580" spans="14:14">
      <c r="N312580" s="10"/>
    </row>
    <row r="312581" spans="14:14">
      <c r="N312581" s="10"/>
    </row>
    <row r="312582" spans="14:14">
      <c r="N312582" s="10"/>
    </row>
    <row r="312583" spans="14:14">
      <c r="N312583" s="10"/>
    </row>
    <row r="312584" spans="14:14">
      <c r="N312584" s="10"/>
    </row>
    <row r="312585" spans="14:14">
      <c r="N312585" s="10"/>
    </row>
    <row r="312586" spans="14:14">
      <c r="N312586" s="10"/>
    </row>
    <row r="312587" spans="14:14">
      <c r="N312587" s="10"/>
    </row>
    <row r="312588" spans="14:14">
      <c r="N312588" s="10"/>
    </row>
    <row r="312589" spans="14:14">
      <c r="N312589" s="10"/>
    </row>
    <row r="312590" spans="14:14">
      <c r="N312590" s="10"/>
    </row>
    <row r="312591" spans="14:14">
      <c r="N312591" s="10"/>
    </row>
    <row r="312592" spans="14:14">
      <c r="N312592" s="10"/>
    </row>
    <row r="312593" spans="14:14">
      <c r="N312593" s="10"/>
    </row>
    <row r="312594" spans="14:14">
      <c r="N312594" s="10"/>
    </row>
    <row r="312595" spans="14:14">
      <c r="N312595" s="10"/>
    </row>
    <row r="312596" spans="14:14">
      <c r="N312596" s="10"/>
    </row>
    <row r="312597" spans="14:14">
      <c r="N312597" s="10"/>
    </row>
    <row r="312598" spans="14:14">
      <c r="N312598" s="10"/>
    </row>
    <row r="312599" spans="14:14">
      <c r="N312599" s="10"/>
    </row>
    <row r="312600" spans="14:14">
      <c r="N312600" s="10"/>
    </row>
    <row r="312601" spans="14:14">
      <c r="N312601" s="10"/>
    </row>
    <row r="312602" spans="14:14">
      <c r="N312602" s="10"/>
    </row>
    <row r="312603" spans="14:14">
      <c r="N312603" s="10"/>
    </row>
    <row r="312604" spans="14:14">
      <c r="N312604" s="10"/>
    </row>
    <row r="312605" spans="14:14">
      <c r="N312605" s="10"/>
    </row>
    <row r="312606" spans="14:14">
      <c r="N312606" s="10"/>
    </row>
    <row r="312607" spans="14:14">
      <c r="N312607" s="10"/>
    </row>
    <row r="312608" spans="14:14">
      <c r="N312608" s="10"/>
    </row>
    <row r="312609" spans="14:14">
      <c r="N312609" s="10"/>
    </row>
    <row r="312610" spans="14:14">
      <c r="N312610" s="10"/>
    </row>
    <row r="312611" spans="14:14">
      <c r="N312611" s="10"/>
    </row>
    <row r="312612" spans="14:14">
      <c r="N312612" s="10"/>
    </row>
    <row r="312613" spans="14:14">
      <c r="N312613" s="10"/>
    </row>
    <row r="312614" spans="14:14">
      <c r="N312614" s="10"/>
    </row>
    <row r="312615" spans="14:14">
      <c r="N312615" s="10"/>
    </row>
    <row r="312616" spans="14:14">
      <c r="N312616" s="10"/>
    </row>
    <row r="312617" spans="14:14">
      <c r="N312617" s="10"/>
    </row>
    <row r="312618" spans="14:14">
      <c r="N312618" s="10"/>
    </row>
    <row r="312619" spans="14:14">
      <c r="N312619" s="10"/>
    </row>
    <row r="312620" spans="14:14">
      <c r="N312620" s="10"/>
    </row>
    <row r="312621" spans="14:14">
      <c r="N312621" s="10"/>
    </row>
    <row r="312622" spans="14:14">
      <c r="N312622" s="10"/>
    </row>
    <row r="312623" spans="14:14">
      <c r="N312623" s="10"/>
    </row>
    <row r="312624" spans="14:14">
      <c r="N312624" s="10"/>
    </row>
    <row r="312625" spans="14:14">
      <c r="N312625" s="10"/>
    </row>
    <row r="312626" spans="14:14">
      <c r="N312626" s="10"/>
    </row>
    <row r="312627" spans="14:14">
      <c r="N312627" s="10"/>
    </row>
    <row r="312628" spans="14:14">
      <c r="N312628" s="10"/>
    </row>
    <row r="312629" spans="14:14">
      <c r="N312629" s="10"/>
    </row>
    <row r="312630" spans="14:14">
      <c r="N312630" s="10"/>
    </row>
    <row r="312631" spans="14:14">
      <c r="N312631" s="10"/>
    </row>
    <row r="312632" spans="14:14">
      <c r="N312632" s="10"/>
    </row>
    <row r="312633" spans="14:14">
      <c r="N312633" s="10"/>
    </row>
    <row r="312634" spans="14:14">
      <c r="N312634" s="10"/>
    </row>
    <row r="312635" spans="14:14">
      <c r="N312635" s="10"/>
    </row>
    <row r="312636" spans="14:14">
      <c r="N312636" s="10"/>
    </row>
    <row r="312637" spans="14:14">
      <c r="N312637" s="10"/>
    </row>
    <row r="312638" spans="14:14">
      <c r="N312638" s="10"/>
    </row>
    <row r="312639" spans="14:14">
      <c r="N312639" s="10"/>
    </row>
    <row r="312640" spans="14:14">
      <c r="N312640" s="10"/>
    </row>
    <row r="312641" spans="14:14">
      <c r="N312641" s="10"/>
    </row>
    <row r="312642" spans="14:14">
      <c r="N312642" s="10"/>
    </row>
    <row r="312643" spans="14:14">
      <c r="N312643" s="10"/>
    </row>
    <row r="312644" spans="14:14">
      <c r="N312644" s="10"/>
    </row>
    <row r="312645" spans="14:14">
      <c r="N312645" s="10"/>
    </row>
    <row r="312646" spans="14:14">
      <c r="N312646" s="10"/>
    </row>
    <row r="312647" spans="14:14">
      <c r="N312647" s="10"/>
    </row>
    <row r="312648" spans="14:14">
      <c r="N312648" s="10"/>
    </row>
    <row r="312649" spans="14:14">
      <c r="N312649" s="10"/>
    </row>
    <row r="312650" spans="14:14">
      <c r="N312650" s="10"/>
    </row>
    <row r="312651" spans="14:14">
      <c r="N312651" s="10"/>
    </row>
    <row r="312652" spans="14:14">
      <c r="N312652" s="10"/>
    </row>
    <row r="312653" spans="14:14">
      <c r="N312653" s="10"/>
    </row>
    <row r="312654" spans="14:14">
      <c r="N312654" s="10"/>
    </row>
    <row r="312655" spans="14:14">
      <c r="N312655" s="10"/>
    </row>
    <row r="312656" spans="14:14">
      <c r="N312656" s="10"/>
    </row>
    <row r="312657" spans="14:14">
      <c r="N312657" s="10"/>
    </row>
    <row r="312658" spans="14:14">
      <c r="N312658" s="10"/>
    </row>
    <row r="312659" spans="14:14">
      <c r="N312659" s="10"/>
    </row>
    <row r="312660" spans="14:14">
      <c r="N312660" s="10"/>
    </row>
    <row r="312661" spans="14:14">
      <c r="N312661" s="10"/>
    </row>
    <row r="312662" spans="14:14">
      <c r="N312662" s="10"/>
    </row>
    <row r="312663" spans="14:14">
      <c r="N312663" s="10"/>
    </row>
    <row r="312664" spans="14:14">
      <c r="N312664" s="10"/>
    </row>
    <row r="312665" spans="14:14">
      <c r="N312665" s="10"/>
    </row>
    <row r="312666" spans="14:14">
      <c r="N312666" s="10"/>
    </row>
    <row r="312667" spans="14:14">
      <c r="N312667" s="10"/>
    </row>
    <row r="312668" spans="14:14">
      <c r="N312668" s="10"/>
    </row>
    <row r="312669" spans="14:14">
      <c r="N312669" s="10"/>
    </row>
    <row r="312670" spans="14:14">
      <c r="N312670" s="10"/>
    </row>
    <row r="312671" spans="14:14">
      <c r="N312671" s="10"/>
    </row>
    <row r="312672" spans="14:14">
      <c r="N312672" s="10"/>
    </row>
    <row r="312673" spans="14:14">
      <c r="N312673" s="10"/>
    </row>
    <row r="312674" spans="14:14">
      <c r="N312674" s="10"/>
    </row>
    <row r="312675" spans="14:14">
      <c r="N312675" s="10"/>
    </row>
    <row r="312676" spans="14:14">
      <c r="N312676" s="10"/>
    </row>
    <row r="312677" spans="14:14">
      <c r="N312677" s="10"/>
    </row>
    <row r="312678" spans="14:14">
      <c r="N312678" s="10"/>
    </row>
    <row r="312679" spans="14:14">
      <c r="N312679" s="10"/>
    </row>
    <row r="312680" spans="14:14">
      <c r="N312680" s="10"/>
    </row>
    <row r="312681" spans="14:14">
      <c r="N312681" s="10"/>
    </row>
    <row r="312682" spans="14:14">
      <c r="N312682" s="10"/>
    </row>
    <row r="312683" spans="14:14">
      <c r="N312683" s="10"/>
    </row>
    <row r="312684" spans="14:14">
      <c r="N312684" s="10"/>
    </row>
    <row r="312685" spans="14:14">
      <c r="N312685" s="10"/>
    </row>
    <row r="312686" spans="14:14">
      <c r="N312686" s="10"/>
    </row>
    <row r="312687" spans="14:14">
      <c r="N312687" s="10"/>
    </row>
    <row r="312688" spans="14:14">
      <c r="N312688" s="10"/>
    </row>
    <row r="312689" spans="14:14">
      <c r="N312689" s="10"/>
    </row>
    <row r="312690" spans="14:14">
      <c r="N312690" s="10"/>
    </row>
    <row r="312691" spans="14:14">
      <c r="N312691" s="10"/>
    </row>
    <row r="312692" spans="14:14">
      <c r="N312692" s="10"/>
    </row>
    <row r="312693" spans="14:14">
      <c r="N312693" s="10"/>
    </row>
    <row r="312694" spans="14:14">
      <c r="N312694" s="10"/>
    </row>
    <row r="312695" spans="14:14">
      <c r="N312695" s="10"/>
    </row>
    <row r="312696" spans="14:14">
      <c r="N312696" s="10"/>
    </row>
    <row r="312697" spans="14:14">
      <c r="N312697" s="10"/>
    </row>
    <row r="312698" spans="14:14">
      <c r="N312698" s="10"/>
    </row>
    <row r="312699" spans="14:14">
      <c r="N312699" s="10"/>
    </row>
    <row r="312700" spans="14:14">
      <c r="N312700" s="10"/>
    </row>
    <row r="312701" spans="14:14">
      <c r="N312701" s="10"/>
    </row>
    <row r="312702" spans="14:14">
      <c r="N312702" s="10"/>
    </row>
    <row r="312703" spans="14:14">
      <c r="N312703" s="10"/>
    </row>
    <row r="312704" spans="14:14">
      <c r="N312704" s="10"/>
    </row>
    <row r="312705" spans="14:14">
      <c r="N312705" s="10"/>
    </row>
    <row r="312706" spans="14:14">
      <c r="N312706" s="10"/>
    </row>
    <row r="312707" spans="14:14">
      <c r="N312707" s="10"/>
    </row>
    <row r="312708" spans="14:14">
      <c r="N312708" s="10"/>
    </row>
    <row r="312709" spans="14:14">
      <c r="N312709" s="10"/>
    </row>
    <row r="312710" spans="14:14">
      <c r="N312710" s="10"/>
    </row>
    <row r="312711" spans="14:14">
      <c r="N312711" s="10"/>
    </row>
    <row r="312712" spans="14:14">
      <c r="N312712" s="10"/>
    </row>
    <row r="312713" spans="14:14">
      <c r="N312713" s="10"/>
    </row>
    <row r="312714" spans="14:14">
      <c r="N312714" s="10"/>
    </row>
    <row r="312715" spans="14:14">
      <c r="N312715" s="10"/>
    </row>
    <row r="312716" spans="14:14">
      <c r="N312716" s="10"/>
    </row>
    <row r="312717" spans="14:14">
      <c r="N312717" s="10"/>
    </row>
    <row r="312718" spans="14:14">
      <c r="N312718" s="10"/>
    </row>
    <row r="312719" spans="14:14">
      <c r="N312719" s="10"/>
    </row>
    <row r="312720" spans="14:14">
      <c r="N312720" s="10"/>
    </row>
    <row r="312721" spans="14:14">
      <c r="N312721" s="10"/>
    </row>
    <row r="312722" spans="14:14">
      <c r="N312722" s="10"/>
    </row>
    <row r="312723" spans="14:14">
      <c r="N312723" s="10"/>
    </row>
    <row r="312724" spans="14:14">
      <c r="N312724" s="10"/>
    </row>
    <row r="312725" spans="14:14">
      <c r="N312725" s="10"/>
    </row>
    <row r="312726" spans="14:14">
      <c r="N312726" s="10"/>
    </row>
    <row r="312727" spans="14:14">
      <c r="N312727" s="10"/>
    </row>
    <row r="312728" spans="14:14">
      <c r="N312728" s="10"/>
    </row>
    <row r="312729" spans="14:14">
      <c r="N312729" s="10"/>
    </row>
    <row r="312730" spans="14:14">
      <c r="N312730" s="10"/>
    </row>
    <row r="312731" spans="14:14">
      <c r="N312731" s="10"/>
    </row>
    <row r="312732" spans="14:14">
      <c r="N312732" s="10"/>
    </row>
    <row r="312733" spans="14:14">
      <c r="N312733" s="10"/>
    </row>
    <row r="312734" spans="14:14">
      <c r="N312734" s="10"/>
    </row>
    <row r="312735" spans="14:14">
      <c r="N312735" s="10"/>
    </row>
    <row r="312736" spans="14:14">
      <c r="N312736" s="10"/>
    </row>
    <row r="312737" spans="14:14">
      <c r="N312737" s="10"/>
    </row>
    <row r="312738" spans="14:14">
      <c r="N312738" s="10"/>
    </row>
    <row r="312739" spans="14:14">
      <c r="N312739" s="10"/>
    </row>
    <row r="312740" spans="14:14">
      <c r="N312740" s="10"/>
    </row>
    <row r="312741" spans="14:14">
      <c r="N312741" s="10"/>
    </row>
    <row r="312742" spans="14:14">
      <c r="N312742" s="10"/>
    </row>
    <row r="312743" spans="14:14">
      <c r="N312743" s="10"/>
    </row>
    <row r="312744" spans="14:14">
      <c r="N312744" s="10"/>
    </row>
    <row r="312745" spans="14:14">
      <c r="N312745" s="10"/>
    </row>
    <row r="312746" spans="14:14">
      <c r="N312746" s="10"/>
    </row>
    <row r="312747" spans="14:14">
      <c r="N312747" s="10"/>
    </row>
    <row r="312748" spans="14:14">
      <c r="N312748" s="10"/>
    </row>
    <row r="312749" spans="14:14">
      <c r="N312749" s="10"/>
    </row>
    <row r="312750" spans="14:14">
      <c r="N312750" s="10"/>
    </row>
    <row r="312751" spans="14:14">
      <c r="N312751" s="10"/>
    </row>
    <row r="312752" spans="14:14">
      <c r="N312752" s="10"/>
    </row>
    <row r="312753" spans="14:14">
      <c r="N312753" s="10"/>
    </row>
    <row r="312754" spans="14:14">
      <c r="N312754" s="10"/>
    </row>
    <row r="312755" spans="14:14">
      <c r="N312755" s="10"/>
    </row>
    <row r="312756" spans="14:14">
      <c r="N312756" s="10"/>
    </row>
    <row r="312757" spans="14:14">
      <c r="N312757" s="10"/>
    </row>
    <row r="312758" spans="14:14">
      <c r="N312758" s="10"/>
    </row>
    <row r="312759" spans="14:14">
      <c r="N312759" s="10"/>
    </row>
    <row r="312760" spans="14:14">
      <c r="N312760" s="10"/>
    </row>
    <row r="312761" spans="14:14">
      <c r="N312761" s="10"/>
    </row>
    <row r="312762" spans="14:14">
      <c r="N312762" s="10"/>
    </row>
    <row r="312763" spans="14:14">
      <c r="N312763" s="10"/>
    </row>
    <row r="312764" spans="14:14">
      <c r="N312764" s="10"/>
    </row>
    <row r="312765" spans="14:14">
      <c r="N312765" s="10"/>
    </row>
    <row r="312766" spans="14:14">
      <c r="N312766" s="10"/>
    </row>
    <row r="312767" spans="14:14">
      <c r="N312767" s="10"/>
    </row>
    <row r="312768" spans="14:14">
      <c r="N312768" s="10"/>
    </row>
    <row r="312769" spans="14:14">
      <c r="N312769" s="10"/>
    </row>
    <row r="312770" spans="14:14">
      <c r="N312770" s="10"/>
    </row>
    <row r="312771" spans="14:14">
      <c r="N312771" s="10"/>
    </row>
    <row r="312772" spans="14:14">
      <c r="N312772" s="10"/>
    </row>
    <row r="312773" spans="14:14">
      <c r="N312773" s="10"/>
    </row>
    <row r="312774" spans="14:14">
      <c r="N312774" s="10"/>
    </row>
    <row r="312775" spans="14:14">
      <c r="N312775" s="10"/>
    </row>
    <row r="312776" spans="14:14">
      <c r="N312776" s="10"/>
    </row>
    <row r="312777" spans="14:14">
      <c r="N312777" s="10"/>
    </row>
    <row r="312778" spans="14:14">
      <c r="N312778" s="10"/>
    </row>
    <row r="312779" spans="14:14">
      <c r="N312779" s="10"/>
    </row>
    <row r="312780" spans="14:14">
      <c r="N312780" s="10"/>
    </row>
    <row r="312781" spans="14:14">
      <c r="N312781" s="10"/>
    </row>
    <row r="312782" spans="14:14">
      <c r="N312782" s="10"/>
    </row>
    <row r="312783" spans="14:14">
      <c r="N312783" s="10"/>
    </row>
    <row r="312784" spans="14:14">
      <c r="N312784" s="10"/>
    </row>
    <row r="312785" spans="14:14">
      <c r="N312785" s="10"/>
    </row>
    <row r="312786" spans="14:14">
      <c r="N312786" s="10"/>
    </row>
    <row r="312787" spans="14:14">
      <c r="N312787" s="10"/>
    </row>
    <row r="312788" spans="14:14">
      <c r="N312788" s="10"/>
    </row>
    <row r="312789" spans="14:14">
      <c r="N312789" s="10"/>
    </row>
    <row r="312790" spans="14:14">
      <c r="N312790" s="10"/>
    </row>
    <row r="312791" spans="14:14">
      <c r="N312791" s="10"/>
    </row>
    <row r="312792" spans="14:14">
      <c r="N312792" s="10"/>
    </row>
    <row r="312793" spans="14:14">
      <c r="N312793" s="10"/>
    </row>
    <row r="312794" spans="14:14">
      <c r="N312794" s="10"/>
    </row>
    <row r="312795" spans="14:14">
      <c r="N312795" s="10"/>
    </row>
    <row r="312796" spans="14:14">
      <c r="N312796" s="10"/>
    </row>
    <row r="312797" spans="14:14">
      <c r="N312797" s="10"/>
    </row>
    <row r="312798" spans="14:14">
      <c r="N312798" s="10"/>
    </row>
    <row r="312799" spans="14:14">
      <c r="N312799" s="10"/>
    </row>
    <row r="312800" spans="14:14">
      <c r="N312800" s="10"/>
    </row>
    <row r="312801" spans="14:14">
      <c r="N312801" s="10"/>
    </row>
    <row r="312802" spans="14:14">
      <c r="N312802" s="10"/>
    </row>
    <row r="312803" spans="14:14">
      <c r="N312803" s="10"/>
    </row>
    <row r="312804" spans="14:14">
      <c r="N312804" s="10"/>
    </row>
    <row r="312805" spans="14:14">
      <c r="N312805" s="10"/>
    </row>
    <row r="312806" spans="14:14">
      <c r="N312806" s="10"/>
    </row>
    <row r="312807" spans="14:14">
      <c r="N312807" s="10"/>
    </row>
    <row r="312808" spans="14:14">
      <c r="N312808" s="10"/>
    </row>
    <row r="312809" spans="14:14">
      <c r="N312809" s="10"/>
    </row>
    <row r="312810" spans="14:14">
      <c r="N312810" s="10"/>
    </row>
    <row r="312811" spans="14:14">
      <c r="N312811" s="10"/>
    </row>
    <row r="312812" spans="14:14">
      <c r="N312812" s="10"/>
    </row>
    <row r="312813" spans="14:14">
      <c r="N312813" s="10"/>
    </row>
    <row r="312814" spans="14:14">
      <c r="N312814" s="10"/>
    </row>
    <row r="312815" spans="14:14">
      <c r="N312815" s="10"/>
    </row>
    <row r="312816" spans="14:14">
      <c r="N312816" s="10"/>
    </row>
    <row r="312817" spans="14:14">
      <c r="N312817" s="10"/>
    </row>
    <row r="312818" spans="14:14">
      <c r="N312818" s="10"/>
    </row>
    <row r="312819" spans="14:14">
      <c r="N312819" s="10"/>
    </row>
    <row r="312820" spans="14:14">
      <c r="N312820" s="10"/>
    </row>
    <row r="312821" spans="14:14">
      <c r="N312821" s="10"/>
    </row>
    <row r="312822" spans="14:14">
      <c r="N312822" s="10"/>
    </row>
    <row r="312823" spans="14:14">
      <c r="N312823" s="10"/>
    </row>
    <row r="312824" spans="14:14">
      <c r="N312824" s="10"/>
    </row>
    <row r="312825" spans="14:14">
      <c r="N312825" s="10"/>
    </row>
    <row r="312826" spans="14:14">
      <c r="N312826" s="10"/>
    </row>
    <row r="312827" spans="14:14">
      <c r="N312827" s="10"/>
    </row>
    <row r="312828" spans="14:14">
      <c r="N312828" s="10"/>
    </row>
    <row r="312829" spans="14:14">
      <c r="N312829" s="10"/>
    </row>
    <row r="312830" spans="14:14">
      <c r="N312830" s="10"/>
    </row>
    <row r="312831" spans="14:14">
      <c r="N312831" s="10"/>
    </row>
    <row r="312832" spans="14:14">
      <c r="N312832" s="10"/>
    </row>
    <row r="312833" spans="14:14">
      <c r="N312833" s="10"/>
    </row>
    <row r="312834" spans="14:14">
      <c r="N312834" s="10"/>
    </row>
    <row r="312835" spans="14:14">
      <c r="N312835" s="10"/>
    </row>
    <row r="312836" spans="14:14">
      <c r="N312836" s="10"/>
    </row>
    <row r="312837" spans="14:14">
      <c r="N312837" s="10"/>
    </row>
    <row r="312838" spans="14:14">
      <c r="N312838" s="10"/>
    </row>
    <row r="312839" spans="14:14">
      <c r="N312839" s="10"/>
    </row>
    <row r="312840" spans="14:14">
      <c r="N312840" s="10"/>
    </row>
    <row r="312841" spans="14:14">
      <c r="N312841" s="10"/>
    </row>
    <row r="312842" spans="14:14">
      <c r="N312842" s="10"/>
    </row>
    <row r="312843" spans="14:14">
      <c r="N312843" s="10"/>
    </row>
    <row r="312844" spans="14:14">
      <c r="N312844" s="10"/>
    </row>
    <row r="312845" spans="14:14">
      <c r="N312845" s="10"/>
    </row>
    <row r="312846" spans="14:14">
      <c r="N312846" s="10"/>
    </row>
    <row r="312847" spans="14:14">
      <c r="N312847" s="10"/>
    </row>
    <row r="312848" spans="14:14">
      <c r="N312848" s="10"/>
    </row>
    <row r="312849" spans="14:14">
      <c r="N312849" s="10"/>
    </row>
    <row r="312850" spans="14:14">
      <c r="N312850" s="10"/>
    </row>
    <row r="312851" spans="14:14">
      <c r="N312851" s="10"/>
    </row>
    <row r="312852" spans="14:14">
      <c r="N312852" s="10"/>
    </row>
    <row r="312853" spans="14:14">
      <c r="N312853" s="10"/>
    </row>
    <row r="312854" spans="14:14">
      <c r="N312854" s="10"/>
    </row>
    <row r="312855" spans="14:14">
      <c r="N312855" s="10"/>
    </row>
    <row r="312856" spans="14:14">
      <c r="N312856" s="10"/>
    </row>
    <row r="312857" spans="14:14">
      <c r="N312857" s="10"/>
    </row>
    <row r="312858" spans="14:14">
      <c r="N312858" s="10"/>
    </row>
    <row r="312859" spans="14:14">
      <c r="N312859" s="10"/>
    </row>
    <row r="312860" spans="14:14">
      <c r="N312860" s="10"/>
    </row>
    <row r="312861" spans="14:14">
      <c r="N312861" s="10"/>
    </row>
    <row r="312862" spans="14:14">
      <c r="N312862" s="10"/>
    </row>
    <row r="312863" spans="14:14">
      <c r="N312863" s="10"/>
    </row>
    <row r="312864" spans="14:14">
      <c r="N312864" s="10"/>
    </row>
    <row r="312865" spans="14:14">
      <c r="N312865" s="10"/>
    </row>
    <row r="312866" spans="14:14">
      <c r="N312866" s="10"/>
    </row>
    <row r="312867" spans="14:14">
      <c r="N312867" s="10"/>
    </row>
    <row r="312868" spans="14:14">
      <c r="N312868" s="10"/>
    </row>
    <row r="312869" spans="14:14">
      <c r="N312869" s="10"/>
    </row>
    <row r="312870" spans="14:14">
      <c r="N312870" s="10"/>
    </row>
    <row r="312871" spans="14:14">
      <c r="N312871" s="10"/>
    </row>
    <row r="312872" spans="14:14">
      <c r="N312872" s="10"/>
    </row>
    <row r="312873" spans="14:14">
      <c r="N312873" s="10"/>
    </row>
    <row r="312874" spans="14:14">
      <c r="N312874" s="10"/>
    </row>
    <row r="312875" spans="14:14">
      <c r="N312875" s="10"/>
    </row>
    <row r="312876" spans="14:14">
      <c r="N312876" s="10"/>
    </row>
    <row r="312877" spans="14:14">
      <c r="N312877" s="10"/>
    </row>
    <row r="312878" spans="14:14">
      <c r="N312878" s="10"/>
    </row>
    <row r="312879" spans="14:14">
      <c r="N312879" s="10"/>
    </row>
    <row r="312880" spans="14:14">
      <c r="N312880" s="10"/>
    </row>
    <row r="312881" spans="14:14">
      <c r="N312881" s="10"/>
    </row>
    <row r="312882" spans="14:14">
      <c r="N312882" s="10"/>
    </row>
    <row r="312883" spans="14:14">
      <c r="N312883" s="10"/>
    </row>
    <row r="312884" spans="14:14">
      <c r="N312884" s="10"/>
    </row>
    <row r="312885" spans="14:14">
      <c r="N312885" s="10"/>
    </row>
    <row r="312886" spans="14:14">
      <c r="N312886" s="10"/>
    </row>
    <row r="312887" spans="14:14">
      <c r="N312887" s="10"/>
    </row>
    <row r="312888" spans="14:14">
      <c r="N312888" s="10"/>
    </row>
    <row r="312889" spans="14:14">
      <c r="N312889" s="10"/>
    </row>
    <row r="312890" spans="14:14">
      <c r="N312890" s="10"/>
    </row>
    <row r="312891" spans="14:14">
      <c r="N312891" s="10"/>
    </row>
    <row r="312892" spans="14:14">
      <c r="N312892" s="10"/>
    </row>
    <row r="312893" spans="14:14">
      <c r="N312893" s="10"/>
    </row>
    <row r="312894" spans="14:14">
      <c r="N312894" s="10"/>
    </row>
    <row r="312895" spans="14:14">
      <c r="N312895" s="10"/>
    </row>
    <row r="312896" spans="14:14">
      <c r="N312896" s="10"/>
    </row>
    <row r="312897" spans="14:14">
      <c r="N312897" s="10"/>
    </row>
    <row r="312898" spans="14:14">
      <c r="N312898" s="10"/>
    </row>
    <row r="312899" spans="14:14">
      <c r="N312899" s="10"/>
    </row>
    <row r="312900" spans="14:14">
      <c r="N312900" s="10"/>
    </row>
    <row r="312901" spans="14:14">
      <c r="N312901" s="10"/>
    </row>
    <row r="312902" spans="14:14">
      <c r="N312902" s="10"/>
    </row>
    <row r="312903" spans="14:14">
      <c r="N312903" s="10"/>
    </row>
    <row r="312904" spans="14:14">
      <c r="N312904" s="10"/>
    </row>
    <row r="312905" spans="14:14">
      <c r="N312905" s="10"/>
    </row>
    <row r="312906" spans="14:14">
      <c r="N312906" s="10"/>
    </row>
    <row r="312907" spans="14:14">
      <c r="N312907" s="10"/>
    </row>
    <row r="312908" spans="14:14">
      <c r="N312908" s="10"/>
    </row>
    <row r="312909" spans="14:14">
      <c r="N312909" s="10"/>
    </row>
    <row r="312910" spans="14:14">
      <c r="N312910" s="10"/>
    </row>
    <row r="312911" spans="14:14">
      <c r="N312911" s="10"/>
    </row>
    <row r="312912" spans="14:14">
      <c r="N312912" s="10"/>
    </row>
    <row r="312913" spans="14:14">
      <c r="N312913" s="10"/>
    </row>
    <row r="312914" spans="14:14">
      <c r="N312914" s="10"/>
    </row>
    <row r="312915" spans="14:14">
      <c r="N312915" s="10"/>
    </row>
    <row r="312916" spans="14:14">
      <c r="N312916" s="10"/>
    </row>
    <row r="312917" spans="14:14">
      <c r="N312917" s="10"/>
    </row>
    <row r="312918" spans="14:14">
      <c r="N312918" s="10"/>
    </row>
    <row r="312919" spans="14:14">
      <c r="N312919" s="10"/>
    </row>
    <row r="312920" spans="14:14">
      <c r="N312920" s="10"/>
    </row>
    <row r="312921" spans="14:14">
      <c r="N312921" s="10"/>
    </row>
    <row r="312922" spans="14:14">
      <c r="N312922" s="10"/>
    </row>
    <row r="312923" spans="14:14">
      <c r="N312923" s="10"/>
    </row>
    <row r="312924" spans="14:14">
      <c r="N312924" s="10"/>
    </row>
    <row r="312925" spans="14:14">
      <c r="N312925" s="10"/>
    </row>
    <row r="312926" spans="14:14">
      <c r="N312926" s="10"/>
    </row>
    <row r="312927" spans="14:14">
      <c r="N312927" s="10"/>
    </row>
    <row r="312928" spans="14:14">
      <c r="N312928" s="10"/>
    </row>
    <row r="312929" spans="14:14">
      <c r="N312929" s="10"/>
    </row>
    <row r="312930" spans="14:14">
      <c r="N312930" s="10"/>
    </row>
    <row r="312931" spans="14:14">
      <c r="N312931" s="10"/>
    </row>
    <row r="312932" spans="14:14">
      <c r="N312932" s="10"/>
    </row>
    <row r="312933" spans="14:14">
      <c r="N312933" s="10"/>
    </row>
    <row r="312934" spans="14:14">
      <c r="N312934" s="10"/>
    </row>
    <row r="312935" spans="14:14">
      <c r="N312935" s="10"/>
    </row>
    <row r="312936" spans="14:14">
      <c r="N312936" s="10"/>
    </row>
    <row r="312937" spans="14:14">
      <c r="N312937" s="10"/>
    </row>
    <row r="312938" spans="14:14">
      <c r="N312938" s="10"/>
    </row>
    <row r="312939" spans="14:14">
      <c r="N312939" s="10"/>
    </row>
    <row r="312940" spans="14:14">
      <c r="N312940" s="10"/>
    </row>
    <row r="312941" spans="14:14">
      <c r="N312941" s="10"/>
    </row>
    <row r="312942" spans="14:14">
      <c r="N312942" s="10"/>
    </row>
    <row r="312943" spans="14:14">
      <c r="N312943" s="10"/>
    </row>
    <row r="312944" spans="14:14">
      <c r="N312944" s="10"/>
    </row>
    <row r="312945" spans="14:14">
      <c r="N312945" s="10"/>
    </row>
    <row r="312946" spans="14:14">
      <c r="N312946" s="10"/>
    </row>
    <row r="312947" spans="14:14">
      <c r="N312947" s="10"/>
    </row>
    <row r="312948" spans="14:14">
      <c r="N312948" s="10"/>
    </row>
    <row r="312949" spans="14:14">
      <c r="N312949" s="10"/>
    </row>
    <row r="312950" spans="14:14">
      <c r="N312950" s="10"/>
    </row>
    <row r="312951" spans="14:14">
      <c r="N312951" s="10"/>
    </row>
    <row r="312952" spans="14:14">
      <c r="N312952" s="10"/>
    </row>
    <row r="312953" spans="14:14">
      <c r="N312953" s="10"/>
    </row>
    <row r="312954" spans="14:14">
      <c r="N312954" s="10"/>
    </row>
    <row r="312955" spans="14:14">
      <c r="N312955" s="10"/>
    </row>
    <row r="312956" spans="14:14">
      <c r="N312956" s="10"/>
    </row>
    <row r="312957" spans="14:14">
      <c r="N312957" s="10"/>
    </row>
    <row r="312958" spans="14:14">
      <c r="N312958" s="10"/>
    </row>
    <row r="312959" spans="14:14">
      <c r="N312959" s="10"/>
    </row>
    <row r="312960" spans="14:14">
      <c r="N312960" s="10"/>
    </row>
    <row r="312961" spans="14:14">
      <c r="N312961" s="10"/>
    </row>
    <row r="312962" spans="14:14">
      <c r="N312962" s="10"/>
    </row>
    <row r="312963" spans="14:14">
      <c r="N312963" s="10"/>
    </row>
    <row r="312964" spans="14:14">
      <c r="N312964" s="10"/>
    </row>
    <row r="312965" spans="14:14">
      <c r="N312965" s="10"/>
    </row>
    <row r="312966" spans="14:14">
      <c r="N312966" s="10"/>
    </row>
    <row r="312967" spans="14:14">
      <c r="N312967" s="10"/>
    </row>
    <row r="312968" spans="14:14">
      <c r="N312968" s="10"/>
    </row>
    <row r="312969" spans="14:14">
      <c r="N312969" s="10"/>
    </row>
    <row r="312970" spans="14:14">
      <c r="N312970" s="10"/>
    </row>
    <row r="312971" spans="14:14">
      <c r="N312971" s="10"/>
    </row>
    <row r="312972" spans="14:14">
      <c r="N312972" s="10"/>
    </row>
    <row r="312973" spans="14:14">
      <c r="N312973" s="10"/>
    </row>
    <row r="312974" spans="14:14">
      <c r="N312974" s="10"/>
    </row>
    <row r="312975" spans="14:14">
      <c r="N312975" s="10"/>
    </row>
    <row r="312976" spans="14:14">
      <c r="N312976" s="10"/>
    </row>
    <row r="312977" spans="14:14">
      <c r="N312977" s="10"/>
    </row>
    <row r="312978" spans="14:14">
      <c r="N312978" s="10"/>
    </row>
    <row r="312979" spans="14:14">
      <c r="N312979" s="10"/>
    </row>
    <row r="312980" spans="14:14">
      <c r="N312980" s="10"/>
    </row>
    <row r="312981" spans="14:14">
      <c r="N312981" s="10"/>
    </row>
    <row r="312982" spans="14:14">
      <c r="N312982" s="10"/>
    </row>
    <row r="312983" spans="14:14">
      <c r="N312983" s="10"/>
    </row>
    <row r="312984" spans="14:14">
      <c r="N312984" s="10"/>
    </row>
    <row r="312985" spans="14:14">
      <c r="N312985" s="10"/>
    </row>
    <row r="312986" spans="14:14">
      <c r="N312986" s="10"/>
    </row>
    <row r="312987" spans="14:14">
      <c r="N312987" s="10"/>
    </row>
    <row r="312988" spans="14:14">
      <c r="N312988" s="10"/>
    </row>
    <row r="312989" spans="14:14">
      <c r="N312989" s="10"/>
    </row>
    <row r="312990" spans="14:14">
      <c r="N312990" s="10"/>
    </row>
    <row r="312991" spans="14:14">
      <c r="N312991" s="10"/>
    </row>
    <row r="312992" spans="14:14">
      <c r="N312992" s="10"/>
    </row>
    <row r="312993" spans="14:14">
      <c r="N312993" s="10"/>
    </row>
    <row r="312994" spans="14:14">
      <c r="N312994" s="10"/>
    </row>
    <row r="312995" spans="14:14">
      <c r="N312995" s="10"/>
    </row>
    <row r="312996" spans="14:14">
      <c r="N312996" s="10"/>
    </row>
    <row r="312997" spans="14:14">
      <c r="N312997" s="10"/>
    </row>
    <row r="312998" spans="14:14">
      <c r="N312998" s="10"/>
    </row>
    <row r="312999" spans="14:14">
      <c r="N312999" s="10"/>
    </row>
    <row r="313000" spans="14:14">
      <c r="N313000" s="10"/>
    </row>
    <row r="313001" spans="14:14">
      <c r="N313001" s="10"/>
    </row>
    <row r="313002" spans="14:14">
      <c r="N313002" s="10"/>
    </row>
    <row r="313003" spans="14:14">
      <c r="N313003" s="10"/>
    </row>
    <row r="313004" spans="14:14">
      <c r="N313004" s="10"/>
    </row>
    <row r="313005" spans="14:14">
      <c r="N313005" s="10"/>
    </row>
    <row r="313006" spans="14:14">
      <c r="N313006" s="10"/>
    </row>
    <row r="313007" spans="14:14">
      <c r="N313007" s="10"/>
    </row>
    <row r="313008" spans="14:14">
      <c r="N313008" s="10"/>
    </row>
    <row r="313009" spans="14:14">
      <c r="N313009" s="10"/>
    </row>
    <row r="313010" spans="14:14">
      <c r="N313010" s="10"/>
    </row>
    <row r="313011" spans="14:14">
      <c r="N313011" s="10"/>
    </row>
    <row r="313012" spans="14:14">
      <c r="N313012" s="10"/>
    </row>
    <row r="313013" spans="14:14">
      <c r="N313013" s="10"/>
    </row>
    <row r="313014" spans="14:14">
      <c r="N313014" s="10"/>
    </row>
    <row r="313015" spans="14:14">
      <c r="N313015" s="10"/>
    </row>
    <row r="313016" spans="14:14">
      <c r="N313016" s="10"/>
    </row>
    <row r="313017" spans="14:14">
      <c r="N313017" s="10"/>
    </row>
    <row r="313018" spans="14:14">
      <c r="N313018" s="10"/>
    </row>
    <row r="313019" spans="14:14">
      <c r="N313019" s="10"/>
    </row>
    <row r="313020" spans="14:14">
      <c r="N313020" s="10"/>
    </row>
    <row r="313021" spans="14:14">
      <c r="N313021" s="10"/>
    </row>
    <row r="313022" spans="14:14">
      <c r="N313022" s="10"/>
    </row>
    <row r="313023" spans="14:14">
      <c r="N313023" s="10"/>
    </row>
    <row r="313024" spans="14:14">
      <c r="N313024" s="10"/>
    </row>
    <row r="313025" spans="14:14">
      <c r="N313025" s="10"/>
    </row>
    <row r="313026" spans="14:14">
      <c r="N313026" s="10"/>
    </row>
    <row r="313027" spans="14:14">
      <c r="N313027" s="10"/>
    </row>
    <row r="313028" spans="14:14">
      <c r="N313028" s="10"/>
    </row>
    <row r="313029" spans="14:14">
      <c r="N313029" s="10"/>
    </row>
    <row r="313030" spans="14:14">
      <c r="N313030" s="10"/>
    </row>
    <row r="313031" spans="14:14">
      <c r="N313031" s="10"/>
    </row>
    <row r="313032" spans="14:14">
      <c r="N313032" s="10"/>
    </row>
    <row r="313033" spans="14:14">
      <c r="N313033" s="10"/>
    </row>
    <row r="313034" spans="14:14">
      <c r="N313034" s="10"/>
    </row>
    <row r="313035" spans="14:14">
      <c r="N313035" s="10"/>
    </row>
    <row r="313036" spans="14:14">
      <c r="N313036" s="10"/>
    </row>
    <row r="313037" spans="14:14">
      <c r="N313037" s="10"/>
    </row>
    <row r="313038" spans="14:14">
      <c r="N313038" s="10"/>
    </row>
    <row r="313039" spans="14:14">
      <c r="N313039" s="10"/>
    </row>
    <row r="313040" spans="14:14">
      <c r="N313040" s="10"/>
    </row>
    <row r="313041" spans="14:14">
      <c r="N313041" s="10"/>
    </row>
    <row r="313042" spans="14:14">
      <c r="N313042" s="10"/>
    </row>
    <row r="313043" spans="14:14">
      <c r="N313043" s="10"/>
    </row>
    <row r="313044" spans="14:14">
      <c r="N313044" s="10"/>
    </row>
    <row r="313045" spans="14:14">
      <c r="N313045" s="10"/>
    </row>
    <row r="313046" spans="14:14">
      <c r="N313046" s="10"/>
    </row>
    <row r="313047" spans="14:14">
      <c r="N313047" s="10"/>
    </row>
    <row r="313048" spans="14:14">
      <c r="N313048" s="10"/>
    </row>
    <row r="313049" spans="14:14">
      <c r="N313049" s="10"/>
    </row>
    <row r="313050" spans="14:14">
      <c r="N313050" s="10"/>
    </row>
    <row r="313051" spans="14:14">
      <c r="N313051" s="10"/>
    </row>
    <row r="313052" spans="14:14">
      <c r="N313052" s="10"/>
    </row>
    <row r="313053" spans="14:14">
      <c r="N313053" s="10"/>
    </row>
    <row r="313054" spans="14:14">
      <c r="N313054" s="10"/>
    </row>
    <row r="313055" spans="14:14">
      <c r="N313055" s="10"/>
    </row>
    <row r="313056" spans="14:14">
      <c r="N313056" s="10"/>
    </row>
    <row r="313057" spans="14:14">
      <c r="N313057" s="10"/>
    </row>
    <row r="313058" spans="14:14">
      <c r="N313058" s="10"/>
    </row>
    <row r="313059" spans="14:14">
      <c r="N313059" s="10"/>
    </row>
    <row r="313060" spans="14:14">
      <c r="N313060" s="10"/>
    </row>
    <row r="313061" spans="14:14">
      <c r="N313061" s="10"/>
    </row>
    <row r="313062" spans="14:14">
      <c r="N313062" s="10"/>
    </row>
    <row r="313063" spans="14:14">
      <c r="N313063" s="10"/>
    </row>
    <row r="313064" spans="14:14">
      <c r="N313064" s="10"/>
    </row>
    <row r="313065" spans="14:14">
      <c r="N313065" s="10"/>
    </row>
    <row r="313066" spans="14:14">
      <c r="N313066" s="10"/>
    </row>
    <row r="313067" spans="14:14">
      <c r="N313067" s="10"/>
    </row>
    <row r="313068" spans="14:14">
      <c r="N313068" s="10"/>
    </row>
    <row r="313069" spans="14:14">
      <c r="N313069" s="10"/>
    </row>
    <row r="313070" spans="14:14">
      <c r="N313070" s="10"/>
    </row>
    <row r="313071" spans="14:14">
      <c r="N313071" s="10"/>
    </row>
    <row r="313072" spans="14:14">
      <c r="N313072" s="10"/>
    </row>
    <row r="313073" spans="14:14">
      <c r="N313073" s="10"/>
    </row>
    <row r="313074" spans="14:14">
      <c r="N313074" s="10"/>
    </row>
    <row r="313075" spans="14:14">
      <c r="N313075" s="10"/>
    </row>
    <row r="313076" spans="14:14">
      <c r="N313076" s="10"/>
    </row>
    <row r="313077" spans="14:14">
      <c r="N313077" s="10"/>
    </row>
    <row r="313078" spans="14:14">
      <c r="N313078" s="10"/>
    </row>
    <row r="313079" spans="14:14">
      <c r="N313079" s="10"/>
    </row>
    <row r="313080" spans="14:14">
      <c r="N313080" s="10"/>
    </row>
    <row r="313081" spans="14:14">
      <c r="N313081" s="10"/>
    </row>
    <row r="313082" spans="14:14">
      <c r="N313082" s="10"/>
    </row>
    <row r="313083" spans="14:14">
      <c r="N313083" s="10"/>
    </row>
    <row r="313084" spans="14:14">
      <c r="N313084" s="10"/>
    </row>
    <row r="313085" spans="14:14">
      <c r="N313085" s="10"/>
    </row>
    <row r="313086" spans="14:14">
      <c r="N313086" s="10"/>
    </row>
    <row r="313087" spans="14:14">
      <c r="N313087" s="10"/>
    </row>
    <row r="313088" spans="14:14">
      <c r="N313088" s="10"/>
    </row>
    <row r="313089" spans="14:14">
      <c r="N313089" s="10"/>
    </row>
    <row r="313090" spans="14:14">
      <c r="N313090" s="10"/>
    </row>
    <row r="313091" spans="14:14">
      <c r="N313091" s="10"/>
    </row>
    <row r="313092" spans="14:14">
      <c r="N313092" s="10"/>
    </row>
    <row r="313093" spans="14:14">
      <c r="N313093" s="10"/>
    </row>
    <row r="313094" spans="14:14">
      <c r="N313094" s="10"/>
    </row>
    <row r="313095" spans="14:14">
      <c r="N313095" s="10"/>
    </row>
    <row r="313096" spans="14:14">
      <c r="N313096" s="10"/>
    </row>
    <row r="313097" spans="14:14">
      <c r="N313097" s="10"/>
    </row>
    <row r="313098" spans="14:14">
      <c r="N313098" s="10"/>
    </row>
    <row r="313099" spans="14:14">
      <c r="N313099" s="10"/>
    </row>
    <row r="313100" spans="14:14">
      <c r="N313100" s="10"/>
    </row>
    <row r="313101" spans="14:14">
      <c r="N313101" s="10"/>
    </row>
    <row r="313102" spans="14:14">
      <c r="N313102" s="10"/>
    </row>
    <row r="313103" spans="14:14">
      <c r="N313103" s="10"/>
    </row>
    <row r="313104" spans="14:14">
      <c r="N313104" s="10"/>
    </row>
    <row r="313105" spans="14:14">
      <c r="N313105" s="10"/>
    </row>
    <row r="313106" spans="14:14">
      <c r="N313106" s="10"/>
    </row>
    <row r="313107" spans="14:14">
      <c r="N313107" s="10"/>
    </row>
    <row r="313108" spans="14:14">
      <c r="N313108" s="10"/>
    </row>
    <row r="313109" spans="14:14">
      <c r="N313109" s="10"/>
    </row>
    <row r="313110" spans="14:14">
      <c r="N313110" s="10"/>
    </row>
    <row r="313111" spans="14:14">
      <c r="N313111" s="10"/>
    </row>
    <row r="313112" spans="14:14">
      <c r="N313112" s="10"/>
    </row>
    <row r="313113" spans="14:14">
      <c r="N313113" s="10"/>
    </row>
    <row r="313114" spans="14:14">
      <c r="N313114" s="10"/>
    </row>
    <row r="313115" spans="14:14">
      <c r="N313115" s="10"/>
    </row>
    <row r="313116" spans="14:14">
      <c r="N313116" s="10"/>
    </row>
    <row r="313117" spans="14:14">
      <c r="N313117" s="10"/>
    </row>
    <row r="313118" spans="14:14">
      <c r="N313118" s="10"/>
    </row>
    <row r="313119" spans="14:14">
      <c r="N313119" s="10"/>
    </row>
    <row r="313120" spans="14:14">
      <c r="N313120" s="10"/>
    </row>
    <row r="313121" spans="14:14">
      <c r="N313121" s="10"/>
    </row>
    <row r="313122" spans="14:14">
      <c r="N313122" s="10"/>
    </row>
    <row r="313123" spans="14:14">
      <c r="N313123" s="10"/>
    </row>
    <row r="313124" spans="14:14">
      <c r="N313124" s="10"/>
    </row>
    <row r="313125" spans="14:14">
      <c r="N313125" s="10"/>
    </row>
    <row r="313126" spans="14:14">
      <c r="N313126" s="10"/>
    </row>
    <row r="313127" spans="14:14">
      <c r="N313127" s="10"/>
    </row>
    <row r="313128" spans="14:14">
      <c r="N313128" s="10"/>
    </row>
    <row r="313129" spans="14:14">
      <c r="N313129" s="10"/>
    </row>
    <row r="313130" spans="14:14">
      <c r="N313130" s="10"/>
    </row>
    <row r="313131" spans="14:14">
      <c r="N313131" s="10"/>
    </row>
    <row r="313132" spans="14:14">
      <c r="N313132" s="10"/>
    </row>
    <row r="313133" spans="14:14">
      <c r="N313133" s="10"/>
    </row>
    <row r="313134" spans="14:14">
      <c r="N313134" s="10"/>
    </row>
    <row r="313135" spans="14:14">
      <c r="N313135" s="10"/>
    </row>
    <row r="313136" spans="14:14">
      <c r="N313136" s="10"/>
    </row>
    <row r="313137" spans="14:14">
      <c r="N313137" s="10"/>
    </row>
    <row r="313138" spans="14:14">
      <c r="N313138" s="10"/>
    </row>
    <row r="313139" spans="14:14">
      <c r="N313139" s="10"/>
    </row>
    <row r="313140" spans="14:14">
      <c r="N313140" s="10"/>
    </row>
    <row r="313141" spans="14:14">
      <c r="N313141" s="10"/>
    </row>
    <row r="313142" spans="14:14">
      <c r="N313142" s="10"/>
    </row>
    <row r="313143" spans="14:14">
      <c r="N313143" s="10"/>
    </row>
    <row r="313144" spans="14:14">
      <c r="N313144" s="10"/>
    </row>
    <row r="313145" spans="14:14">
      <c r="N313145" s="10"/>
    </row>
    <row r="313146" spans="14:14">
      <c r="N313146" s="10"/>
    </row>
    <row r="313147" spans="14:14">
      <c r="N313147" s="10"/>
    </row>
    <row r="313148" spans="14:14">
      <c r="N313148" s="10"/>
    </row>
    <row r="313149" spans="14:14">
      <c r="N313149" s="10"/>
    </row>
    <row r="313150" spans="14:14">
      <c r="N313150" s="10"/>
    </row>
    <row r="313151" spans="14:14">
      <c r="N313151" s="10"/>
    </row>
    <row r="313152" spans="14:14">
      <c r="N313152" s="10"/>
    </row>
    <row r="313153" spans="14:14">
      <c r="N313153" s="10"/>
    </row>
    <row r="313154" spans="14:14">
      <c r="N313154" s="10"/>
    </row>
    <row r="313155" spans="14:14">
      <c r="N313155" s="10"/>
    </row>
    <row r="313156" spans="14:14">
      <c r="N313156" s="10"/>
    </row>
    <row r="313157" spans="14:14">
      <c r="N313157" s="10"/>
    </row>
    <row r="313158" spans="14:14">
      <c r="N313158" s="10"/>
    </row>
    <row r="313159" spans="14:14">
      <c r="N313159" s="10"/>
    </row>
    <row r="313160" spans="14:14">
      <c r="N313160" s="10"/>
    </row>
    <row r="313161" spans="14:14">
      <c r="N313161" s="10"/>
    </row>
    <row r="313162" spans="14:14">
      <c r="N313162" s="10"/>
    </row>
    <row r="313163" spans="14:14">
      <c r="N313163" s="10"/>
    </row>
    <row r="313164" spans="14:14">
      <c r="N313164" s="10"/>
    </row>
    <row r="313165" spans="14:14">
      <c r="N313165" s="10"/>
    </row>
    <row r="313166" spans="14:14">
      <c r="N313166" s="10"/>
    </row>
    <row r="313167" spans="14:14">
      <c r="N313167" s="10"/>
    </row>
    <row r="313168" spans="14:14">
      <c r="N313168" s="10"/>
    </row>
    <row r="313169" spans="14:14">
      <c r="N313169" s="10"/>
    </row>
    <row r="313170" spans="14:14">
      <c r="N313170" s="10"/>
    </row>
    <row r="313171" spans="14:14">
      <c r="N313171" s="10"/>
    </row>
    <row r="313172" spans="14:14">
      <c r="N313172" s="10"/>
    </row>
    <row r="313173" spans="14:14">
      <c r="N313173" s="10"/>
    </row>
    <row r="313174" spans="14:14">
      <c r="N313174" s="10"/>
    </row>
    <row r="313175" spans="14:14">
      <c r="N313175" s="10"/>
    </row>
    <row r="313176" spans="14:14">
      <c r="N313176" s="10"/>
    </row>
    <row r="313177" spans="14:14">
      <c r="N313177" s="10"/>
    </row>
    <row r="313178" spans="14:14">
      <c r="N313178" s="10"/>
    </row>
    <row r="313179" spans="14:14">
      <c r="N313179" s="10"/>
    </row>
    <row r="313180" spans="14:14">
      <c r="N313180" s="10"/>
    </row>
    <row r="313181" spans="14:14">
      <c r="N313181" s="10"/>
    </row>
    <row r="313182" spans="14:14">
      <c r="N313182" s="10"/>
    </row>
    <row r="313183" spans="14:14">
      <c r="N313183" s="10"/>
    </row>
    <row r="313184" spans="14:14">
      <c r="N313184" s="10"/>
    </row>
    <row r="313185" spans="14:14">
      <c r="N313185" s="10"/>
    </row>
    <row r="313186" spans="14:14">
      <c r="N313186" s="10"/>
    </row>
    <row r="313187" spans="14:14">
      <c r="N313187" s="10"/>
    </row>
    <row r="313188" spans="14:14">
      <c r="N313188" s="10"/>
    </row>
    <row r="313189" spans="14:14">
      <c r="N313189" s="10"/>
    </row>
    <row r="313190" spans="14:14">
      <c r="N313190" s="10"/>
    </row>
    <row r="313191" spans="14:14">
      <c r="N313191" s="10"/>
    </row>
    <row r="313192" spans="14:14">
      <c r="N313192" s="10"/>
    </row>
    <row r="313193" spans="14:14">
      <c r="N313193" s="10"/>
    </row>
    <row r="313194" spans="14:14">
      <c r="N313194" s="10"/>
    </row>
    <row r="313195" spans="14:14">
      <c r="N313195" s="10"/>
    </row>
    <row r="313196" spans="14:14">
      <c r="N313196" s="10"/>
    </row>
    <row r="313197" spans="14:14">
      <c r="N313197" s="10"/>
    </row>
    <row r="313198" spans="14:14">
      <c r="N313198" s="10"/>
    </row>
    <row r="313199" spans="14:14">
      <c r="N313199" s="10"/>
    </row>
    <row r="313200" spans="14:14">
      <c r="N313200" s="10"/>
    </row>
    <row r="313201" spans="14:14">
      <c r="N313201" s="10"/>
    </row>
    <row r="313202" spans="14:14">
      <c r="N313202" s="10"/>
    </row>
    <row r="313203" spans="14:14">
      <c r="N313203" s="10"/>
    </row>
    <row r="313204" spans="14:14">
      <c r="N313204" s="10"/>
    </row>
    <row r="313205" spans="14:14">
      <c r="N313205" s="10"/>
    </row>
    <row r="313206" spans="14:14">
      <c r="N313206" s="10"/>
    </row>
    <row r="313207" spans="14:14">
      <c r="N313207" s="10"/>
    </row>
    <row r="313208" spans="14:14">
      <c r="N313208" s="10"/>
    </row>
    <row r="313209" spans="14:14">
      <c r="N313209" s="10"/>
    </row>
    <row r="313210" spans="14:14">
      <c r="N313210" s="10"/>
    </row>
    <row r="313211" spans="14:14">
      <c r="N313211" s="10"/>
    </row>
    <row r="313212" spans="14:14">
      <c r="N313212" s="10"/>
    </row>
    <row r="313213" spans="14:14">
      <c r="N313213" s="10"/>
    </row>
    <row r="313214" spans="14:14">
      <c r="N313214" s="10"/>
    </row>
    <row r="313215" spans="14:14">
      <c r="N313215" s="10"/>
    </row>
    <row r="313216" spans="14:14">
      <c r="N313216" s="10"/>
    </row>
    <row r="313217" spans="14:14">
      <c r="N313217" s="10"/>
    </row>
    <row r="313218" spans="14:14">
      <c r="N313218" s="10"/>
    </row>
    <row r="313219" spans="14:14">
      <c r="N313219" s="10"/>
    </row>
    <row r="313220" spans="14:14">
      <c r="N313220" s="10"/>
    </row>
    <row r="313221" spans="14:14">
      <c r="N313221" s="10"/>
    </row>
    <row r="313222" spans="14:14">
      <c r="N313222" s="10"/>
    </row>
    <row r="313223" spans="14:14">
      <c r="N313223" s="10"/>
    </row>
    <row r="313224" spans="14:14">
      <c r="N313224" s="10"/>
    </row>
    <row r="313225" spans="14:14">
      <c r="N313225" s="10"/>
    </row>
    <row r="313226" spans="14:14">
      <c r="N313226" s="10"/>
    </row>
    <row r="313227" spans="14:14">
      <c r="N313227" s="10"/>
    </row>
    <row r="313228" spans="14:14">
      <c r="N313228" s="10"/>
    </row>
    <row r="313229" spans="14:14">
      <c r="N313229" s="10"/>
    </row>
    <row r="313230" spans="14:14">
      <c r="N313230" s="10"/>
    </row>
    <row r="313231" spans="14:14">
      <c r="N313231" s="10"/>
    </row>
    <row r="313232" spans="14:14">
      <c r="N313232" s="10"/>
    </row>
    <row r="313233" spans="14:14">
      <c r="N313233" s="10"/>
    </row>
    <row r="313234" spans="14:14">
      <c r="N313234" s="10"/>
    </row>
    <row r="313235" spans="14:14">
      <c r="N313235" s="10"/>
    </row>
    <row r="313236" spans="14:14">
      <c r="N313236" s="10"/>
    </row>
    <row r="313237" spans="14:14">
      <c r="N313237" s="10"/>
    </row>
    <row r="313238" spans="14:14">
      <c r="N313238" s="10"/>
    </row>
    <row r="313239" spans="14:14">
      <c r="N313239" s="10"/>
    </row>
    <row r="313240" spans="14:14">
      <c r="N313240" s="10"/>
    </row>
    <row r="313241" spans="14:14">
      <c r="N313241" s="10"/>
    </row>
    <row r="313242" spans="14:14">
      <c r="N313242" s="10"/>
    </row>
    <row r="313243" spans="14:14">
      <c r="N313243" s="10"/>
    </row>
    <row r="313244" spans="14:14">
      <c r="N313244" s="10"/>
    </row>
    <row r="313245" spans="14:14">
      <c r="N313245" s="10"/>
    </row>
    <row r="313246" spans="14:14">
      <c r="N313246" s="10"/>
    </row>
    <row r="313247" spans="14:14">
      <c r="N313247" s="10"/>
    </row>
    <row r="313248" spans="14:14">
      <c r="N313248" s="10"/>
    </row>
    <row r="313249" spans="14:14">
      <c r="N313249" s="10"/>
    </row>
    <row r="313250" spans="14:14">
      <c r="N313250" s="10"/>
    </row>
    <row r="313251" spans="14:14">
      <c r="N313251" s="10"/>
    </row>
    <row r="313252" spans="14:14">
      <c r="N313252" s="10"/>
    </row>
    <row r="313253" spans="14:14">
      <c r="N313253" s="10"/>
    </row>
    <row r="313254" spans="14:14">
      <c r="N313254" s="10"/>
    </row>
    <row r="313255" spans="14:14">
      <c r="N313255" s="10"/>
    </row>
    <row r="313256" spans="14:14">
      <c r="N313256" s="10"/>
    </row>
    <row r="313257" spans="14:14">
      <c r="N313257" s="10"/>
    </row>
    <row r="313258" spans="14:14">
      <c r="N313258" s="10"/>
    </row>
    <row r="313259" spans="14:14">
      <c r="N313259" s="10"/>
    </row>
    <row r="313260" spans="14:14">
      <c r="N313260" s="10"/>
    </row>
    <row r="313261" spans="14:14">
      <c r="N313261" s="10"/>
    </row>
    <row r="313262" spans="14:14">
      <c r="N313262" s="10"/>
    </row>
    <row r="313263" spans="14:14">
      <c r="N313263" s="10"/>
    </row>
    <row r="313264" spans="14:14">
      <c r="N313264" s="10"/>
    </row>
    <row r="313265" spans="14:14">
      <c r="N313265" s="10"/>
    </row>
    <row r="313266" spans="14:14">
      <c r="N313266" s="10"/>
    </row>
    <row r="313267" spans="14:14">
      <c r="N313267" s="10"/>
    </row>
    <row r="313268" spans="14:14">
      <c r="N313268" s="10"/>
    </row>
    <row r="313269" spans="14:14">
      <c r="N313269" s="10"/>
    </row>
    <row r="313270" spans="14:14">
      <c r="N313270" s="10"/>
    </row>
    <row r="313271" spans="14:14">
      <c r="N313271" s="10"/>
    </row>
    <row r="313272" spans="14:14">
      <c r="N313272" s="10"/>
    </row>
    <row r="313273" spans="14:14">
      <c r="N313273" s="10"/>
    </row>
    <row r="313274" spans="14:14">
      <c r="N313274" s="10"/>
    </row>
    <row r="313275" spans="14:14">
      <c r="N313275" s="10"/>
    </row>
    <row r="313276" spans="14:14">
      <c r="N313276" s="10"/>
    </row>
    <row r="313277" spans="14:14">
      <c r="N313277" s="10"/>
    </row>
    <row r="313278" spans="14:14">
      <c r="N313278" s="10"/>
    </row>
    <row r="313279" spans="14:14">
      <c r="N313279" s="10"/>
    </row>
    <row r="313280" spans="14:14">
      <c r="N313280" s="10"/>
    </row>
    <row r="313281" spans="14:14">
      <c r="N313281" s="10"/>
    </row>
    <row r="313282" spans="14:14">
      <c r="N313282" s="10"/>
    </row>
    <row r="313283" spans="14:14">
      <c r="N313283" s="10"/>
    </row>
    <row r="313284" spans="14:14">
      <c r="N313284" s="10"/>
    </row>
    <row r="313285" spans="14:14">
      <c r="N313285" s="10"/>
    </row>
    <row r="313286" spans="14:14">
      <c r="N313286" s="10"/>
    </row>
    <row r="313287" spans="14:14">
      <c r="N313287" s="10"/>
    </row>
    <row r="313288" spans="14:14">
      <c r="N313288" s="10"/>
    </row>
    <row r="313289" spans="14:14">
      <c r="N313289" s="10"/>
    </row>
    <row r="313290" spans="14:14">
      <c r="N313290" s="10"/>
    </row>
    <row r="313291" spans="14:14">
      <c r="N313291" s="10"/>
    </row>
    <row r="313292" spans="14:14">
      <c r="N313292" s="10"/>
    </row>
    <row r="313293" spans="14:14">
      <c r="N313293" s="10"/>
    </row>
    <row r="313294" spans="14:14">
      <c r="N313294" s="10"/>
    </row>
    <row r="313295" spans="14:14">
      <c r="N313295" s="10"/>
    </row>
    <row r="313296" spans="14:14">
      <c r="N313296" s="10"/>
    </row>
    <row r="313297" spans="14:14">
      <c r="N313297" s="10"/>
    </row>
    <row r="313298" spans="14:14">
      <c r="N313298" s="10"/>
    </row>
    <row r="313299" spans="14:14">
      <c r="N313299" s="10"/>
    </row>
    <row r="313300" spans="14:14">
      <c r="N313300" s="10"/>
    </row>
    <row r="313301" spans="14:14">
      <c r="N313301" s="10"/>
    </row>
    <row r="313302" spans="14:14">
      <c r="N313302" s="10"/>
    </row>
    <row r="313303" spans="14:14">
      <c r="N313303" s="10"/>
    </row>
    <row r="313304" spans="14:14">
      <c r="N313304" s="10"/>
    </row>
    <row r="313305" spans="14:14">
      <c r="N313305" s="10"/>
    </row>
    <row r="313306" spans="14:14">
      <c r="N313306" s="10"/>
    </row>
    <row r="313307" spans="14:14">
      <c r="N313307" s="10"/>
    </row>
    <row r="313308" spans="14:14">
      <c r="N313308" s="10"/>
    </row>
    <row r="313309" spans="14:14">
      <c r="N313309" s="10"/>
    </row>
    <row r="313310" spans="14:14">
      <c r="N313310" s="10"/>
    </row>
    <row r="313311" spans="14:14">
      <c r="N313311" s="10"/>
    </row>
    <row r="313312" spans="14:14">
      <c r="N313312" s="10"/>
    </row>
    <row r="313313" spans="14:14">
      <c r="N313313" s="10"/>
    </row>
    <row r="313314" spans="14:14">
      <c r="N313314" s="10"/>
    </row>
    <row r="313315" spans="14:14">
      <c r="N313315" s="10"/>
    </row>
    <row r="313316" spans="14:14">
      <c r="N313316" s="10"/>
    </row>
    <row r="313317" spans="14:14">
      <c r="N313317" s="10"/>
    </row>
    <row r="313318" spans="14:14">
      <c r="N313318" s="10"/>
    </row>
    <row r="313319" spans="14:14">
      <c r="N313319" s="10"/>
    </row>
    <row r="313320" spans="14:14">
      <c r="N313320" s="10"/>
    </row>
    <row r="313321" spans="14:14">
      <c r="N313321" s="10"/>
    </row>
    <row r="313322" spans="14:14">
      <c r="N313322" s="10"/>
    </row>
    <row r="313323" spans="14:14">
      <c r="N313323" s="10"/>
    </row>
    <row r="313324" spans="14:14">
      <c r="N313324" s="10"/>
    </row>
    <row r="313325" spans="14:14">
      <c r="N313325" s="10"/>
    </row>
    <row r="313326" spans="14:14">
      <c r="N313326" s="10"/>
    </row>
    <row r="313327" spans="14:14">
      <c r="N313327" s="10"/>
    </row>
    <row r="313328" spans="14:14">
      <c r="N313328" s="10"/>
    </row>
    <row r="313329" spans="14:14">
      <c r="N313329" s="10"/>
    </row>
    <row r="313330" spans="14:14">
      <c r="N313330" s="10"/>
    </row>
    <row r="313331" spans="14:14">
      <c r="N313331" s="10"/>
    </row>
    <row r="313332" spans="14:14">
      <c r="N313332" s="10"/>
    </row>
    <row r="313333" spans="14:14">
      <c r="N313333" s="10"/>
    </row>
    <row r="313334" spans="14:14">
      <c r="N313334" s="10"/>
    </row>
    <row r="313335" spans="14:14">
      <c r="N313335" s="10"/>
    </row>
    <row r="313336" spans="14:14">
      <c r="N313336" s="10"/>
    </row>
    <row r="313337" spans="14:14">
      <c r="N313337" s="10"/>
    </row>
    <row r="313338" spans="14:14">
      <c r="N313338" s="10"/>
    </row>
    <row r="313339" spans="14:14">
      <c r="N313339" s="10"/>
    </row>
    <row r="313340" spans="14:14">
      <c r="N313340" s="10"/>
    </row>
    <row r="313341" spans="14:14">
      <c r="N313341" s="10"/>
    </row>
    <row r="313342" spans="14:14">
      <c r="N313342" s="10"/>
    </row>
    <row r="313343" spans="14:14">
      <c r="N313343" s="10"/>
    </row>
    <row r="313344" spans="14:14">
      <c r="N313344" s="10"/>
    </row>
    <row r="313345" spans="14:14">
      <c r="N313345" s="10"/>
    </row>
    <row r="313346" spans="14:14">
      <c r="N313346" s="10"/>
    </row>
    <row r="313347" spans="14:14">
      <c r="N313347" s="10"/>
    </row>
    <row r="313348" spans="14:14">
      <c r="N313348" s="10"/>
    </row>
    <row r="313349" spans="14:14">
      <c r="N313349" s="10"/>
    </row>
    <row r="313350" spans="14:14">
      <c r="N313350" s="10"/>
    </row>
    <row r="313351" spans="14:14">
      <c r="N313351" s="10"/>
    </row>
    <row r="313352" spans="14:14">
      <c r="N313352" s="10"/>
    </row>
    <row r="313353" spans="14:14">
      <c r="N313353" s="10"/>
    </row>
    <row r="313354" spans="14:14">
      <c r="N313354" s="10"/>
    </row>
    <row r="313355" spans="14:14">
      <c r="N313355" s="10"/>
    </row>
    <row r="313356" spans="14:14">
      <c r="N313356" s="10"/>
    </row>
    <row r="313357" spans="14:14">
      <c r="N313357" s="10"/>
    </row>
    <row r="313358" spans="14:14">
      <c r="N313358" s="10"/>
    </row>
    <row r="313359" spans="14:14">
      <c r="N313359" s="10"/>
    </row>
    <row r="313360" spans="14:14">
      <c r="N313360" s="10"/>
    </row>
    <row r="313361" spans="14:14">
      <c r="N313361" s="10"/>
    </row>
    <row r="313362" spans="14:14">
      <c r="N313362" s="10"/>
    </row>
    <row r="313363" spans="14:14">
      <c r="N313363" s="10"/>
    </row>
    <row r="313364" spans="14:14">
      <c r="N313364" s="10"/>
    </row>
    <row r="313365" spans="14:14">
      <c r="N313365" s="10"/>
    </row>
    <row r="313366" spans="14:14">
      <c r="N313366" s="10"/>
    </row>
    <row r="313367" spans="14:14">
      <c r="N313367" s="10"/>
    </row>
    <row r="313368" spans="14:14">
      <c r="N313368" s="10"/>
    </row>
    <row r="313369" spans="14:14">
      <c r="N313369" s="10"/>
    </row>
    <row r="313370" spans="14:14">
      <c r="N313370" s="10"/>
    </row>
    <row r="313371" spans="14:14">
      <c r="N313371" s="10"/>
    </row>
    <row r="313372" spans="14:14">
      <c r="N313372" s="10"/>
    </row>
    <row r="313373" spans="14:14">
      <c r="N313373" s="10"/>
    </row>
    <row r="313374" spans="14:14">
      <c r="N313374" s="10"/>
    </row>
    <row r="313375" spans="14:14">
      <c r="N313375" s="10"/>
    </row>
    <row r="313376" spans="14:14">
      <c r="N313376" s="10"/>
    </row>
    <row r="313377" spans="14:14">
      <c r="N313377" s="10"/>
    </row>
    <row r="313378" spans="14:14">
      <c r="N313378" s="10"/>
    </row>
    <row r="313379" spans="14:14">
      <c r="N313379" s="10"/>
    </row>
    <row r="313380" spans="14:14">
      <c r="N313380" s="10"/>
    </row>
    <row r="313381" spans="14:14">
      <c r="N313381" s="10"/>
    </row>
    <row r="313382" spans="14:14">
      <c r="N313382" s="10"/>
    </row>
    <row r="313383" spans="14:14">
      <c r="N313383" s="10"/>
    </row>
    <row r="313384" spans="14:14">
      <c r="N313384" s="10"/>
    </row>
    <row r="313385" spans="14:14">
      <c r="N313385" s="10"/>
    </row>
    <row r="313386" spans="14:14">
      <c r="N313386" s="10"/>
    </row>
    <row r="313387" spans="14:14">
      <c r="N313387" s="10"/>
    </row>
    <row r="313388" spans="14:14">
      <c r="N313388" s="10"/>
    </row>
    <row r="313389" spans="14:14">
      <c r="N313389" s="10"/>
    </row>
    <row r="313390" spans="14:14">
      <c r="N313390" s="10"/>
    </row>
    <row r="313391" spans="14:14">
      <c r="N313391" s="10"/>
    </row>
    <row r="313392" spans="14:14">
      <c r="N313392" s="10"/>
    </row>
    <row r="313393" spans="14:14">
      <c r="N313393" s="10"/>
    </row>
    <row r="313394" spans="14:14">
      <c r="N313394" s="10"/>
    </row>
    <row r="313395" spans="14:14">
      <c r="N313395" s="10"/>
    </row>
    <row r="313396" spans="14:14">
      <c r="N313396" s="10"/>
    </row>
    <row r="313397" spans="14:14">
      <c r="N313397" s="10"/>
    </row>
    <row r="313398" spans="14:14">
      <c r="N313398" s="10"/>
    </row>
    <row r="313399" spans="14:14">
      <c r="N313399" s="10"/>
    </row>
    <row r="313400" spans="14:14">
      <c r="N313400" s="10"/>
    </row>
    <row r="313401" spans="14:14">
      <c r="N313401" s="10"/>
    </row>
    <row r="313402" spans="14:14">
      <c r="N313402" s="10"/>
    </row>
    <row r="313403" spans="14:14">
      <c r="N313403" s="10"/>
    </row>
    <row r="313404" spans="14:14">
      <c r="N313404" s="10"/>
    </row>
    <row r="313405" spans="14:14">
      <c r="N313405" s="10"/>
    </row>
    <row r="313406" spans="14:14">
      <c r="N313406" s="10"/>
    </row>
    <row r="313407" spans="14:14">
      <c r="N313407" s="10"/>
    </row>
    <row r="313408" spans="14:14">
      <c r="N313408" s="10"/>
    </row>
    <row r="313409" spans="14:14">
      <c r="N313409" s="10"/>
    </row>
    <row r="313410" spans="14:14">
      <c r="N313410" s="10"/>
    </row>
    <row r="313411" spans="14:14">
      <c r="N313411" s="10"/>
    </row>
    <row r="313412" spans="14:14">
      <c r="N313412" s="10"/>
    </row>
    <row r="313413" spans="14:14">
      <c r="N313413" s="10"/>
    </row>
    <row r="313414" spans="14:14">
      <c r="N313414" s="10"/>
    </row>
    <row r="313415" spans="14:14">
      <c r="N313415" s="10"/>
    </row>
    <row r="313416" spans="14:14">
      <c r="N313416" s="10"/>
    </row>
    <row r="313417" spans="14:14">
      <c r="N313417" s="10"/>
    </row>
    <row r="313418" spans="14:14">
      <c r="N313418" s="10"/>
    </row>
    <row r="313419" spans="14:14">
      <c r="N313419" s="10"/>
    </row>
    <row r="313420" spans="14:14">
      <c r="N313420" s="10"/>
    </row>
    <row r="313421" spans="14:14">
      <c r="N313421" s="10"/>
    </row>
    <row r="313422" spans="14:14">
      <c r="N313422" s="10"/>
    </row>
    <row r="313423" spans="14:14">
      <c r="N313423" s="10"/>
    </row>
    <row r="313424" spans="14:14">
      <c r="N313424" s="10"/>
    </row>
    <row r="313425" spans="14:14">
      <c r="N313425" s="10"/>
    </row>
    <row r="313426" spans="14:14">
      <c r="N313426" s="10"/>
    </row>
    <row r="313427" spans="14:14">
      <c r="N313427" s="10"/>
    </row>
    <row r="313428" spans="14:14">
      <c r="N313428" s="10"/>
    </row>
    <row r="313429" spans="14:14">
      <c r="N313429" s="10"/>
    </row>
    <row r="313430" spans="14:14">
      <c r="N313430" s="10"/>
    </row>
    <row r="313431" spans="14:14">
      <c r="N313431" s="10"/>
    </row>
    <row r="313432" spans="14:14">
      <c r="N313432" s="10"/>
    </row>
    <row r="313433" spans="14:14">
      <c r="N313433" s="10"/>
    </row>
    <row r="313434" spans="14:14">
      <c r="N313434" s="10"/>
    </row>
    <row r="313435" spans="14:14">
      <c r="N313435" s="10"/>
    </row>
    <row r="313436" spans="14:14">
      <c r="N313436" s="10"/>
    </row>
    <row r="313437" spans="14:14">
      <c r="N313437" s="10"/>
    </row>
    <row r="313438" spans="14:14">
      <c r="N313438" s="10"/>
    </row>
    <row r="313439" spans="14:14">
      <c r="N313439" s="10"/>
    </row>
    <row r="313440" spans="14:14">
      <c r="N313440" s="10"/>
    </row>
    <row r="313441" spans="14:14">
      <c r="N313441" s="10"/>
    </row>
    <row r="313442" spans="14:14">
      <c r="N313442" s="10"/>
    </row>
    <row r="313443" spans="14:14">
      <c r="N313443" s="10"/>
    </row>
    <row r="313444" spans="14:14">
      <c r="N313444" s="10"/>
    </row>
    <row r="313445" spans="14:14">
      <c r="N313445" s="10"/>
    </row>
    <row r="313446" spans="14:14">
      <c r="N313446" s="10"/>
    </row>
    <row r="313447" spans="14:14">
      <c r="N313447" s="10"/>
    </row>
    <row r="313448" spans="14:14">
      <c r="N313448" s="10"/>
    </row>
    <row r="313449" spans="14:14">
      <c r="N313449" s="10"/>
    </row>
    <row r="313450" spans="14:14">
      <c r="N313450" s="10"/>
    </row>
    <row r="313451" spans="14:14">
      <c r="N313451" s="10"/>
    </row>
    <row r="313452" spans="14:14">
      <c r="N313452" s="10"/>
    </row>
    <row r="313453" spans="14:14">
      <c r="N313453" s="10"/>
    </row>
    <row r="313454" spans="14:14">
      <c r="N313454" s="10"/>
    </row>
    <row r="313455" spans="14:14">
      <c r="N313455" s="10"/>
    </row>
    <row r="313456" spans="14:14">
      <c r="N313456" s="10"/>
    </row>
    <row r="313457" spans="14:14">
      <c r="N313457" s="10"/>
    </row>
    <row r="313458" spans="14:14">
      <c r="N313458" s="10"/>
    </row>
    <row r="313459" spans="14:14">
      <c r="N313459" s="10"/>
    </row>
    <row r="313460" spans="14:14">
      <c r="N313460" s="10"/>
    </row>
    <row r="313461" spans="14:14">
      <c r="N313461" s="10"/>
    </row>
    <row r="313462" spans="14:14">
      <c r="N313462" s="10"/>
    </row>
    <row r="313463" spans="14:14">
      <c r="N313463" s="10"/>
    </row>
    <row r="313464" spans="14:14">
      <c r="N313464" s="10"/>
    </row>
    <row r="313465" spans="14:14">
      <c r="N313465" s="10"/>
    </row>
    <row r="313466" spans="14:14">
      <c r="N313466" s="10"/>
    </row>
    <row r="313467" spans="14:14">
      <c r="N313467" s="10"/>
    </row>
    <row r="313468" spans="14:14">
      <c r="N313468" s="10"/>
    </row>
    <row r="313469" spans="14:14">
      <c r="N313469" s="10"/>
    </row>
    <row r="313470" spans="14:14">
      <c r="N313470" s="10"/>
    </row>
    <row r="313471" spans="14:14">
      <c r="N313471" s="10"/>
    </row>
    <row r="313472" spans="14:14">
      <c r="N313472" s="10"/>
    </row>
    <row r="313473" spans="14:14">
      <c r="N313473" s="10"/>
    </row>
    <row r="313474" spans="14:14">
      <c r="N313474" s="10"/>
    </row>
    <row r="313475" spans="14:14">
      <c r="N313475" s="10"/>
    </row>
    <row r="313476" spans="14:14">
      <c r="N313476" s="10"/>
    </row>
    <row r="313477" spans="14:14">
      <c r="N313477" s="10"/>
    </row>
    <row r="313478" spans="14:14">
      <c r="N313478" s="10"/>
    </row>
    <row r="313479" spans="14:14">
      <c r="N313479" s="10"/>
    </row>
    <row r="313480" spans="14:14">
      <c r="N313480" s="10"/>
    </row>
    <row r="313481" spans="14:14">
      <c r="N313481" s="10"/>
    </row>
    <row r="313482" spans="14:14">
      <c r="N313482" s="10"/>
    </row>
    <row r="313483" spans="14:14">
      <c r="N313483" s="10"/>
    </row>
    <row r="313484" spans="14:14">
      <c r="N313484" s="10"/>
    </row>
    <row r="313485" spans="14:14">
      <c r="N313485" s="10"/>
    </row>
    <row r="313486" spans="14:14">
      <c r="N313486" s="10"/>
    </row>
    <row r="313487" spans="14:14">
      <c r="N313487" s="10"/>
    </row>
    <row r="313488" spans="14:14">
      <c r="N313488" s="10"/>
    </row>
    <row r="313489" spans="14:14">
      <c r="N313489" s="10"/>
    </row>
    <row r="313490" spans="14:14">
      <c r="N313490" s="10"/>
    </row>
    <row r="313491" spans="14:14">
      <c r="N313491" s="10"/>
    </row>
    <row r="313492" spans="14:14">
      <c r="N313492" s="10"/>
    </row>
    <row r="313493" spans="14:14">
      <c r="N313493" s="10"/>
    </row>
    <row r="313494" spans="14:14">
      <c r="N313494" s="10"/>
    </row>
    <row r="313495" spans="14:14">
      <c r="N313495" s="10"/>
    </row>
    <row r="313496" spans="14:14">
      <c r="N313496" s="10"/>
    </row>
    <row r="313497" spans="14:14">
      <c r="N313497" s="10"/>
    </row>
    <row r="313498" spans="14:14">
      <c r="N313498" s="10"/>
    </row>
    <row r="313499" spans="14:14">
      <c r="N313499" s="10"/>
    </row>
    <row r="313500" spans="14:14">
      <c r="N313500" s="10"/>
    </row>
    <row r="313501" spans="14:14">
      <c r="N313501" s="10"/>
    </row>
    <row r="313502" spans="14:14">
      <c r="N313502" s="10"/>
    </row>
    <row r="313503" spans="14:14">
      <c r="N313503" s="10"/>
    </row>
    <row r="313504" spans="14:14">
      <c r="N313504" s="10"/>
    </row>
    <row r="313505" spans="14:14">
      <c r="N313505" s="10"/>
    </row>
    <row r="313506" spans="14:14">
      <c r="N313506" s="10"/>
    </row>
    <row r="313507" spans="14:14">
      <c r="N313507" s="10"/>
    </row>
    <row r="313508" spans="14:14">
      <c r="N313508" s="10"/>
    </row>
    <row r="313509" spans="14:14">
      <c r="N313509" s="10"/>
    </row>
    <row r="313510" spans="14:14">
      <c r="N313510" s="10"/>
    </row>
    <row r="313511" spans="14:14">
      <c r="N313511" s="10"/>
    </row>
    <row r="313512" spans="14:14">
      <c r="N313512" s="10"/>
    </row>
    <row r="313513" spans="14:14">
      <c r="N313513" s="10"/>
    </row>
    <row r="313514" spans="14:14">
      <c r="N313514" s="10"/>
    </row>
    <row r="313515" spans="14:14">
      <c r="N313515" s="10"/>
    </row>
    <row r="313516" spans="14:14">
      <c r="N313516" s="10"/>
    </row>
    <row r="313517" spans="14:14">
      <c r="N313517" s="10"/>
    </row>
    <row r="313518" spans="14:14">
      <c r="N313518" s="10"/>
    </row>
    <row r="313519" spans="14:14">
      <c r="N313519" s="10"/>
    </row>
    <row r="313520" spans="14:14">
      <c r="N313520" s="10"/>
    </row>
    <row r="313521" spans="14:14">
      <c r="N313521" s="10"/>
    </row>
    <row r="313522" spans="14:14">
      <c r="N313522" s="10"/>
    </row>
    <row r="313523" spans="14:14">
      <c r="N313523" s="10"/>
    </row>
    <row r="313524" spans="14:14">
      <c r="N313524" s="10"/>
    </row>
    <row r="313525" spans="14:14">
      <c r="N313525" s="10"/>
    </row>
    <row r="313526" spans="14:14">
      <c r="N313526" s="10"/>
    </row>
    <row r="313527" spans="14:14">
      <c r="N313527" s="10"/>
    </row>
    <row r="313528" spans="14:14">
      <c r="N313528" s="10"/>
    </row>
    <row r="313529" spans="14:14">
      <c r="N313529" s="10"/>
    </row>
    <row r="313530" spans="14:14">
      <c r="N313530" s="10"/>
    </row>
    <row r="313531" spans="14:14">
      <c r="N313531" s="10"/>
    </row>
    <row r="313532" spans="14:14">
      <c r="N313532" s="10"/>
    </row>
    <row r="313533" spans="14:14">
      <c r="N313533" s="10"/>
    </row>
    <row r="313534" spans="14:14">
      <c r="N313534" s="10"/>
    </row>
    <row r="313535" spans="14:14">
      <c r="N313535" s="10"/>
    </row>
    <row r="313536" spans="14:14">
      <c r="N313536" s="10"/>
    </row>
    <row r="313537" spans="14:14">
      <c r="N313537" s="10"/>
    </row>
    <row r="313538" spans="14:14">
      <c r="N313538" s="10"/>
    </row>
    <row r="313539" spans="14:14">
      <c r="N313539" s="10"/>
    </row>
    <row r="313540" spans="14:14">
      <c r="N313540" s="10"/>
    </row>
    <row r="313541" spans="14:14">
      <c r="N313541" s="10"/>
    </row>
    <row r="313542" spans="14:14">
      <c r="N313542" s="10"/>
    </row>
    <row r="313543" spans="14:14">
      <c r="N313543" s="10"/>
    </row>
    <row r="313544" spans="14:14">
      <c r="N313544" s="10"/>
    </row>
    <row r="313545" spans="14:14">
      <c r="N313545" s="10"/>
    </row>
    <row r="313546" spans="14:14">
      <c r="N313546" s="10"/>
    </row>
    <row r="313547" spans="14:14">
      <c r="N313547" s="10"/>
    </row>
    <row r="313548" spans="14:14">
      <c r="N313548" s="10"/>
    </row>
    <row r="313549" spans="14:14">
      <c r="N313549" s="10"/>
    </row>
    <row r="313550" spans="14:14">
      <c r="N313550" s="10"/>
    </row>
    <row r="313551" spans="14:14">
      <c r="N313551" s="10"/>
    </row>
    <row r="313552" spans="14:14">
      <c r="N313552" s="10"/>
    </row>
    <row r="313553" spans="14:14">
      <c r="N313553" s="10"/>
    </row>
    <row r="313554" spans="14:14">
      <c r="N313554" s="10"/>
    </row>
    <row r="313555" spans="14:14">
      <c r="N313555" s="10"/>
    </row>
    <row r="313556" spans="14:14">
      <c r="N313556" s="10"/>
    </row>
    <row r="313557" spans="14:14">
      <c r="N313557" s="10"/>
    </row>
    <row r="313558" spans="14:14">
      <c r="N313558" s="10"/>
    </row>
    <row r="313559" spans="14:14">
      <c r="N313559" s="10"/>
    </row>
    <row r="313560" spans="14:14">
      <c r="N313560" s="10"/>
    </row>
    <row r="313561" spans="14:14">
      <c r="N313561" s="10"/>
    </row>
    <row r="313562" spans="14:14">
      <c r="N313562" s="10"/>
    </row>
    <row r="313563" spans="14:14">
      <c r="N313563" s="10"/>
    </row>
    <row r="313564" spans="14:14">
      <c r="N313564" s="10"/>
    </row>
    <row r="313565" spans="14:14">
      <c r="N313565" s="10"/>
    </row>
    <row r="313566" spans="14:14">
      <c r="N313566" s="10"/>
    </row>
    <row r="313567" spans="14:14">
      <c r="N313567" s="10"/>
    </row>
    <row r="313568" spans="14:14">
      <c r="N313568" s="10"/>
    </row>
    <row r="313569" spans="14:14">
      <c r="N313569" s="10"/>
    </row>
    <row r="313570" spans="14:14">
      <c r="N313570" s="10"/>
    </row>
    <row r="313571" spans="14:14">
      <c r="N313571" s="10"/>
    </row>
    <row r="313572" spans="14:14">
      <c r="N313572" s="10"/>
    </row>
    <row r="313573" spans="14:14">
      <c r="N313573" s="10"/>
    </row>
    <row r="313574" spans="14:14">
      <c r="N313574" s="10"/>
    </row>
    <row r="313575" spans="14:14">
      <c r="N313575" s="10"/>
    </row>
    <row r="313576" spans="14:14">
      <c r="N313576" s="10"/>
    </row>
    <row r="313577" spans="14:14">
      <c r="N313577" s="10"/>
    </row>
    <row r="313578" spans="14:14">
      <c r="N313578" s="10"/>
    </row>
    <row r="313579" spans="14:14">
      <c r="N313579" s="10"/>
    </row>
    <row r="313580" spans="14:14">
      <c r="N313580" s="10"/>
    </row>
    <row r="313581" spans="14:14">
      <c r="N313581" s="10"/>
    </row>
    <row r="313582" spans="14:14">
      <c r="N313582" s="10"/>
    </row>
    <row r="313583" spans="14:14">
      <c r="N313583" s="10"/>
    </row>
    <row r="313584" spans="14:14">
      <c r="N313584" s="10"/>
    </row>
    <row r="313585" spans="14:14">
      <c r="N313585" s="10"/>
    </row>
    <row r="313586" spans="14:14">
      <c r="N313586" s="10"/>
    </row>
    <row r="313587" spans="14:14">
      <c r="N313587" s="10"/>
    </row>
    <row r="313588" spans="14:14">
      <c r="N313588" s="10"/>
    </row>
    <row r="313589" spans="14:14">
      <c r="N313589" s="10"/>
    </row>
    <row r="313590" spans="14:14">
      <c r="N313590" s="10"/>
    </row>
    <row r="313591" spans="14:14">
      <c r="N313591" s="10"/>
    </row>
    <row r="313592" spans="14:14">
      <c r="N313592" s="10"/>
    </row>
    <row r="313593" spans="14:14">
      <c r="N313593" s="10"/>
    </row>
    <row r="313594" spans="14:14">
      <c r="N313594" s="10"/>
    </row>
    <row r="313595" spans="14:14">
      <c r="N313595" s="10"/>
    </row>
    <row r="313596" spans="14:14">
      <c r="N313596" s="10"/>
    </row>
    <row r="313597" spans="14:14">
      <c r="N313597" s="10"/>
    </row>
    <row r="313598" spans="14:14">
      <c r="N313598" s="10"/>
    </row>
    <row r="313599" spans="14:14">
      <c r="N313599" s="10"/>
    </row>
    <row r="313600" spans="14:14">
      <c r="N313600" s="10"/>
    </row>
    <row r="313601" spans="14:14">
      <c r="N313601" s="10"/>
    </row>
    <row r="313602" spans="14:14">
      <c r="N313602" s="10"/>
    </row>
    <row r="313603" spans="14:14">
      <c r="N313603" s="10"/>
    </row>
    <row r="313604" spans="14:14">
      <c r="N313604" s="10"/>
    </row>
    <row r="313605" spans="14:14">
      <c r="N313605" s="10"/>
    </row>
    <row r="313606" spans="14:14">
      <c r="N313606" s="10"/>
    </row>
    <row r="313607" spans="14:14">
      <c r="N313607" s="10"/>
    </row>
    <row r="313608" spans="14:14">
      <c r="N313608" s="10"/>
    </row>
    <row r="313609" spans="14:14">
      <c r="N313609" s="10"/>
    </row>
    <row r="313610" spans="14:14">
      <c r="N313610" s="10"/>
    </row>
    <row r="313611" spans="14:14">
      <c r="N313611" s="10"/>
    </row>
    <row r="313612" spans="14:14">
      <c r="N313612" s="10"/>
    </row>
    <row r="313613" spans="14:14">
      <c r="N313613" s="10"/>
    </row>
    <row r="313614" spans="14:14">
      <c r="N313614" s="10"/>
    </row>
    <row r="313615" spans="14:14">
      <c r="N313615" s="10"/>
    </row>
    <row r="313616" spans="14:14">
      <c r="N313616" s="10"/>
    </row>
    <row r="313617" spans="14:14">
      <c r="N313617" s="10"/>
    </row>
    <row r="313618" spans="14:14">
      <c r="N313618" s="10"/>
    </row>
    <row r="313619" spans="14:14">
      <c r="N313619" s="10"/>
    </row>
    <row r="313620" spans="14:14">
      <c r="N313620" s="10"/>
    </row>
    <row r="313621" spans="14:14">
      <c r="N313621" s="10"/>
    </row>
    <row r="313622" spans="14:14">
      <c r="N313622" s="10"/>
    </row>
    <row r="313623" spans="14:14">
      <c r="N313623" s="10"/>
    </row>
    <row r="313624" spans="14:14">
      <c r="N313624" s="10"/>
    </row>
    <row r="313625" spans="14:14">
      <c r="N313625" s="10"/>
    </row>
    <row r="313626" spans="14:14">
      <c r="N313626" s="10"/>
    </row>
    <row r="313627" spans="14:14">
      <c r="N313627" s="10"/>
    </row>
    <row r="313628" spans="14:14">
      <c r="N313628" s="10"/>
    </row>
    <row r="313629" spans="14:14">
      <c r="N313629" s="10"/>
    </row>
    <row r="313630" spans="14:14">
      <c r="N313630" s="10"/>
    </row>
    <row r="313631" spans="14:14">
      <c r="N313631" s="10"/>
    </row>
    <row r="313632" spans="14:14">
      <c r="N313632" s="10"/>
    </row>
    <row r="313633" spans="14:14">
      <c r="N313633" s="10"/>
    </row>
    <row r="313634" spans="14:14">
      <c r="N313634" s="10"/>
    </row>
    <row r="313635" spans="14:14">
      <c r="N313635" s="10"/>
    </row>
    <row r="313636" spans="14:14">
      <c r="N313636" s="10"/>
    </row>
    <row r="313637" spans="14:14">
      <c r="N313637" s="10"/>
    </row>
    <row r="313638" spans="14:14">
      <c r="N313638" s="10"/>
    </row>
    <row r="313639" spans="14:14">
      <c r="N313639" s="10"/>
    </row>
    <row r="313640" spans="14:14">
      <c r="N313640" s="10"/>
    </row>
    <row r="313641" spans="14:14">
      <c r="N313641" s="10"/>
    </row>
    <row r="313642" spans="14:14">
      <c r="N313642" s="10"/>
    </row>
    <row r="313643" spans="14:14">
      <c r="N313643" s="10"/>
    </row>
    <row r="313644" spans="14:14">
      <c r="N313644" s="10"/>
    </row>
    <row r="313645" spans="14:14">
      <c r="N313645" s="10"/>
    </row>
    <row r="313646" spans="14:14">
      <c r="N313646" s="10"/>
    </row>
    <row r="313647" spans="14:14">
      <c r="N313647" s="10"/>
    </row>
    <row r="313648" spans="14:14">
      <c r="N313648" s="10"/>
    </row>
    <row r="313649" spans="14:14">
      <c r="N313649" s="10"/>
    </row>
    <row r="313650" spans="14:14">
      <c r="N313650" s="10"/>
    </row>
    <row r="313651" spans="14:14">
      <c r="N313651" s="10"/>
    </row>
    <row r="313652" spans="14:14">
      <c r="N313652" s="10"/>
    </row>
    <row r="313653" spans="14:14">
      <c r="N313653" s="10"/>
    </row>
    <row r="313654" spans="14:14">
      <c r="N313654" s="10"/>
    </row>
    <row r="313655" spans="14:14">
      <c r="N313655" s="10"/>
    </row>
    <row r="313656" spans="14:14">
      <c r="N313656" s="10"/>
    </row>
    <row r="313657" spans="14:14">
      <c r="N313657" s="10"/>
    </row>
    <row r="313658" spans="14:14">
      <c r="N313658" s="10"/>
    </row>
    <row r="313659" spans="14:14">
      <c r="N313659" s="10"/>
    </row>
    <row r="313660" spans="14:14">
      <c r="N313660" s="10"/>
    </row>
    <row r="313661" spans="14:14">
      <c r="N313661" s="10"/>
    </row>
    <row r="313662" spans="14:14">
      <c r="N313662" s="10"/>
    </row>
    <row r="313663" spans="14:14">
      <c r="N313663" s="10"/>
    </row>
    <row r="313664" spans="14:14">
      <c r="N313664" s="10"/>
    </row>
    <row r="313665" spans="14:14">
      <c r="N313665" s="10"/>
    </row>
    <row r="313666" spans="14:14">
      <c r="N313666" s="10"/>
    </row>
    <row r="313667" spans="14:14">
      <c r="N313667" s="10"/>
    </row>
    <row r="313668" spans="14:14">
      <c r="N313668" s="10"/>
    </row>
    <row r="313669" spans="14:14">
      <c r="N313669" s="10"/>
    </row>
    <row r="313670" spans="14:14">
      <c r="N313670" s="10"/>
    </row>
    <row r="313671" spans="14:14">
      <c r="N313671" s="10"/>
    </row>
    <row r="313672" spans="14:14">
      <c r="N313672" s="10"/>
    </row>
    <row r="313673" spans="14:14">
      <c r="N313673" s="10"/>
    </row>
    <row r="313674" spans="14:14">
      <c r="N313674" s="10"/>
    </row>
    <row r="313675" spans="14:14">
      <c r="N313675" s="10"/>
    </row>
    <row r="313676" spans="14:14">
      <c r="N313676" s="10"/>
    </row>
    <row r="313677" spans="14:14">
      <c r="N313677" s="10"/>
    </row>
    <row r="313678" spans="14:14">
      <c r="N313678" s="10"/>
    </row>
    <row r="313679" spans="14:14">
      <c r="N313679" s="10"/>
    </row>
    <row r="313680" spans="14:14">
      <c r="N313680" s="10"/>
    </row>
    <row r="313681" spans="14:14">
      <c r="N313681" s="10"/>
    </row>
    <row r="313682" spans="14:14">
      <c r="N313682" s="10"/>
    </row>
    <row r="313683" spans="14:14">
      <c r="N313683" s="10"/>
    </row>
    <row r="313684" spans="14:14">
      <c r="N313684" s="10"/>
    </row>
    <row r="313685" spans="14:14">
      <c r="N313685" s="10"/>
    </row>
    <row r="313686" spans="14:14">
      <c r="N313686" s="10"/>
    </row>
    <row r="313687" spans="14:14">
      <c r="N313687" s="10"/>
    </row>
    <row r="313688" spans="14:14">
      <c r="N313688" s="10"/>
    </row>
    <row r="313689" spans="14:14">
      <c r="N313689" s="10"/>
    </row>
    <row r="313690" spans="14:14">
      <c r="N313690" s="10"/>
    </row>
    <row r="313691" spans="14:14">
      <c r="N313691" s="10"/>
    </row>
    <row r="313692" spans="14:14">
      <c r="N313692" s="10"/>
    </row>
    <row r="313693" spans="14:14">
      <c r="N313693" s="10"/>
    </row>
    <row r="313694" spans="14:14">
      <c r="N313694" s="10"/>
    </row>
    <row r="313695" spans="14:14">
      <c r="N313695" s="10"/>
    </row>
    <row r="313696" spans="14:14">
      <c r="N313696" s="10"/>
    </row>
    <row r="313697" spans="14:14">
      <c r="N313697" s="10"/>
    </row>
    <row r="313698" spans="14:14">
      <c r="N313698" s="10"/>
    </row>
    <row r="313699" spans="14:14">
      <c r="N313699" s="10"/>
    </row>
    <row r="313700" spans="14:14">
      <c r="N313700" s="10"/>
    </row>
    <row r="313701" spans="14:14">
      <c r="N313701" s="10"/>
    </row>
    <row r="313702" spans="14:14">
      <c r="N313702" s="10"/>
    </row>
    <row r="313703" spans="14:14">
      <c r="N313703" s="10"/>
    </row>
    <row r="313704" spans="14:14">
      <c r="N313704" s="10"/>
    </row>
    <row r="313705" spans="14:14">
      <c r="N313705" s="10"/>
    </row>
    <row r="313706" spans="14:14">
      <c r="N313706" s="10"/>
    </row>
    <row r="313707" spans="14:14">
      <c r="N313707" s="10"/>
    </row>
    <row r="313708" spans="14:14">
      <c r="N313708" s="10"/>
    </row>
    <row r="313709" spans="14:14">
      <c r="N313709" s="10"/>
    </row>
    <row r="313710" spans="14:14">
      <c r="N313710" s="10"/>
    </row>
    <row r="313711" spans="14:14">
      <c r="N313711" s="10"/>
    </row>
    <row r="313712" spans="14:14">
      <c r="N313712" s="10"/>
    </row>
    <row r="313713" spans="14:14">
      <c r="N313713" s="10"/>
    </row>
    <row r="313714" spans="14:14">
      <c r="N313714" s="10"/>
    </row>
    <row r="313715" spans="14:14">
      <c r="N313715" s="10"/>
    </row>
    <row r="313716" spans="14:14">
      <c r="N313716" s="10"/>
    </row>
    <row r="313717" spans="14:14">
      <c r="N313717" s="10"/>
    </row>
    <row r="313718" spans="14:14">
      <c r="N313718" s="10"/>
    </row>
    <row r="313719" spans="14:14">
      <c r="N313719" s="10"/>
    </row>
    <row r="313720" spans="14:14">
      <c r="N313720" s="10"/>
    </row>
    <row r="313721" spans="14:14">
      <c r="N313721" s="10"/>
    </row>
    <row r="313722" spans="14:14">
      <c r="N313722" s="10"/>
    </row>
    <row r="313723" spans="14:14">
      <c r="N313723" s="10"/>
    </row>
    <row r="313724" spans="14:14">
      <c r="N313724" s="10"/>
    </row>
    <row r="313725" spans="14:14">
      <c r="N313725" s="10"/>
    </row>
    <row r="313726" spans="14:14">
      <c r="N313726" s="10"/>
    </row>
    <row r="313727" spans="14:14">
      <c r="N313727" s="10"/>
    </row>
    <row r="313728" spans="14:14">
      <c r="N313728" s="10"/>
    </row>
    <row r="313729" spans="14:14">
      <c r="N313729" s="10"/>
    </row>
    <row r="313730" spans="14:14">
      <c r="N313730" s="10"/>
    </row>
    <row r="313731" spans="14:14">
      <c r="N313731" s="10"/>
    </row>
    <row r="313732" spans="14:14">
      <c r="N313732" s="10"/>
    </row>
    <row r="313733" spans="14:14">
      <c r="N313733" s="10"/>
    </row>
    <row r="313734" spans="14:14">
      <c r="N313734" s="10"/>
    </row>
    <row r="313735" spans="14:14">
      <c r="N313735" s="10"/>
    </row>
    <row r="313736" spans="14:14">
      <c r="N313736" s="10"/>
    </row>
    <row r="313737" spans="14:14">
      <c r="N313737" s="10"/>
    </row>
    <row r="313738" spans="14:14">
      <c r="N313738" s="10"/>
    </row>
    <row r="313739" spans="14:14">
      <c r="N313739" s="10"/>
    </row>
    <row r="313740" spans="14:14">
      <c r="N313740" s="10"/>
    </row>
    <row r="313741" spans="14:14">
      <c r="N313741" s="10"/>
    </row>
    <row r="313742" spans="14:14">
      <c r="N313742" s="10"/>
    </row>
    <row r="313743" spans="14:14">
      <c r="N313743" s="10"/>
    </row>
    <row r="313744" spans="14:14">
      <c r="N313744" s="10"/>
    </row>
    <row r="313745" spans="14:14">
      <c r="N313745" s="10"/>
    </row>
    <row r="313746" spans="14:14">
      <c r="N313746" s="10"/>
    </row>
    <row r="313747" spans="14:14">
      <c r="N313747" s="10"/>
    </row>
    <row r="313748" spans="14:14">
      <c r="N313748" s="10"/>
    </row>
    <row r="313749" spans="14:14">
      <c r="N313749" s="10"/>
    </row>
    <row r="313750" spans="14:14">
      <c r="N313750" s="10"/>
    </row>
    <row r="313751" spans="14:14">
      <c r="N313751" s="10"/>
    </row>
    <row r="313752" spans="14:14">
      <c r="N313752" s="10"/>
    </row>
    <row r="313753" spans="14:14">
      <c r="N313753" s="10"/>
    </row>
    <row r="313754" spans="14:14">
      <c r="N313754" s="10"/>
    </row>
    <row r="313755" spans="14:14">
      <c r="N313755" s="10"/>
    </row>
    <row r="313756" spans="14:14">
      <c r="N313756" s="10"/>
    </row>
    <row r="313757" spans="14:14">
      <c r="N313757" s="10"/>
    </row>
    <row r="313758" spans="14:14">
      <c r="N313758" s="10"/>
    </row>
    <row r="313759" spans="14:14">
      <c r="N313759" s="10"/>
    </row>
    <row r="313760" spans="14:14">
      <c r="N313760" s="10"/>
    </row>
    <row r="313761" spans="14:14">
      <c r="N313761" s="10"/>
    </row>
    <row r="313762" spans="14:14">
      <c r="N313762" s="10"/>
    </row>
    <row r="313763" spans="14:14">
      <c r="N313763" s="10"/>
    </row>
    <row r="313764" spans="14:14">
      <c r="N313764" s="10"/>
    </row>
    <row r="313765" spans="14:14">
      <c r="N313765" s="10"/>
    </row>
    <row r="313766" spans="14:14">
      <c r="N313766" s="10"/>
    </row>
    <row r="313767" spans="14:14">
      <c r="N313767" s="10"/>
    </row>
    <row r="313768" spans="14:14">
      <c r="N313768" s="10"/>
    </row>
    <row r="313769" spans="14:14">
      <c r="N313769" s="10"/>
    </row>
    <row r="313770" spans="14:14">
      <c r="N313770" s="10"/>
    </row>
    <row r="313771" spans="14:14">
      <c r="N313771" s="10"/>
    </row>
    <row r="313772" spans="14:14">
      <c r="N313772" s="10"/>
    </row>
    <row r="313773" spans="14:14">
      <c r="N313773" s="10"/>
    </row>
    <row r="313774" spans="14:14">
      <c r="N313774" s="10"/>
    </row>
    <row r="313775" spans="14:14">
      <c r="N313775" s="10"/>
    </row>
    <row r="313776" spans="14:14">
      <c r="N313776" s="10"/>
    </row>
    <row r="313777" spans="14:14">
      <c r="N313777" s="10"/>
    </row>
    <row r="313778" spans="14:14">
      <c r="N313778" s="10"/>
    </row>
    <row r="313779" spans="14:14">
      <c r="N313779" s="10"/>
    </row>
    <row r="313780" spans="14:14">
      <c r="N313780" s="10"/>
    </row>
    <row r="313781" spans="14:14">
      <c r="N313781" s="10"/>
    </row>
    <row r="313782" spans="14:14">
      <c r="N313782" s="10"/>
    </row>
    <row r="313783" spans="14:14">
      <c r="N313783" s="10"/>
    </row>
    <row r="313784" spans="14:14">
      <c r="N313784" s="10"/>
    </row>
    <row r="313785" spans="14:14">
      <c r="N313785" s="10"/>
    </row>
    <row r="313786" spans="14:14">
      <c r="N313786" s="10"/>
    </row>
    <row r="313787" spans="14:14">
      <c r="N313787" s="10"/>
    </row>
    <row r="313788" spans="14:14">
      <c r="N313788" s="10"/>
    </row>
    <row r="313789" spans="14:14">
      <c r="N313789" s="10"/>
    </row>
    <row r="313790" spans="14:14">
      <c r="N313790" s="10"/>
    </row>
    <row r="313791" spans="14:14">
      <c r="N313791" s="10"/>
    </row>
    <row r="313792" spans="14:14">
      <c r="N313792" s="10"/>
    </row>
    <row r="313793" spans="14:14">
      <c r="N313793" s="10"/>
    </row>
    <row r="313794" spans="14:14">
      <c r="N313794" s="10"/>
    </row>
    <row r="313795" spans="14:14">
      <c r="N313795" s="10"/>
    </row>
    <row r="313796" spans="14:14">
      <c r="N313796" s="10"/>
    </row>
    <row r="313797" spans="14:14">
      <c r="N313797" s="10"/>
    </row>
    <row r="313798" spans="14:14">
      <c r="N313798" s="10"/>
    </row>
    <row r="313799" spans="14:14">
      <c r="N313799" s="10"/>
    </row>
    <row r="313800" spans="14:14">
      <c r="N313800" s="10"/>
    </row>
    <row r="313801" spans="14:14">
      <c r="N313801" s="10"/>
    </row>
    <row r="313802" spans="14:14">
      <c r="N313802" s="10"/>
    </row>
    <row r="313803" spans="14:14">
      <c r="N313803" s="10"/>
    </row>
    <row r="313804" spans="14:14">
      <c r="N313804" s="10"/>
    </row>
    <row r="313805" spans="14:14">
      <c r="N313805" s="10"/>
    </row>
    <row r="313806" spans="14:14">
      <c r="N313806" s="10"/>
    </row>
    <row r="313807" spans="14:14">
      <c r="N313807" s="10"/>
    </row>
    <row r="313808" spans="14:14">
      <c r="N313808" s="10"/>
    </row>
    <row r="313809" spans="14:14">
      <c r="N313809" s="10"/>
    </row>
    <row r="313810" spans="14:14">
      <c r="N313810" s="10"/>
    </row>
    <row r="313811" spans="14:14">
      <c r="N313811" s="10"/>
    </row>
    <row r="313812" spans="14:14">
      <c r="N313812" s="10"/>
    </row>
    <row r="313813" spans="14:14">
      <c r="N313813" s="10"/>
    </row>
    <row r="313814" spans="14:14">
      <c r="N313814" s="10"/>
    </row>
    <row r="313815" spans="14:14">
      <c r="N313815" s="10"/>
    </row>
    <row r="313816" spans="14:14">
      <c r="N313816" s="10"/>
    </row>
    <row r="313817" spans="14:14">
      <c r="N313817" s="10"/>
    </row>
    <row r="313818" spans="14:14">
      <c r="N313818" s="10"/>
    </row>
    <row r="313819" spans="14:14">
      <c r="N313819" s="10"/>
    </row>
    <row r="313820" spans="14:14">
      <c r="N313820" s="10"/>
    </row>
    <row r="313821" spans="14:14">
      <c r="N313821" s="10"/>
    </row>
    <row r="313822" spans="14:14">
      <c r="N313822" s="10"/>
    </row>
    <row r="313823" spans="14:14">
      <c r="N313823" s="10"/>
    </row>
    <row r="313824" spans="14:14">
      <c r="N313824" s="10"/>
    </row>
    <row r="313825" spans="14:14">
      <c r="N313825" s="10"/>
    </row>
    <row r="313826" spans="14:14">
      <c r="N313826" s="10"/>
    </row>
    <row r="313827" spans="14:14">
      <c r="N313827" s="10"/>
    </row>
    <row r="313828" spans="14:14">
      <c r="N313828" s="10"/>
    </row>
    <row r="313829" spans="14:14">
      <c r="N313829" s="10"/>
    </row>
    <row r="313830" spans="14:14">
      <c r="N313830" s="10"/>
    </row>
    <row r="313831" spans="14:14">
      <c r="N313831" s="10"/>
    </row>
    <row r="313832" spans="14:14">
      <c r="N313832" s="10"/>
    </row>
    <row r="313833" spans="14:14">
      <c r="N313833" s="10"/>
    </row>
    <row r="313834" spans="14:14">
      <c r="N313834" s="10"/>
    </row>
    <row r="313835" spans="14:14">
      <c r="N313835" s="10"/>
    </row>
    <row r="313836" spans="14:14">
      <c r="N313836" s="10"/>
    </row>
    <row r="313837" spans="14:14">
      <c r="N313837" s="10"/>
    </row>
    <row r="313838" spans="14:14">
      <c r="N313838" s="10"/>
    </row>
    <row r="313839" spans="14:14">
      <c r="N313839" s="10"/>
    </row>
    <row r="313840" spans="14:14">
      <c r="N313840" s="10"/>
    </row>
    <row r="313841" spans="14:14">
      <c r="N313841" s="10"/>
    </row>
    <row r="313842" spans="14:14">
      <c r="N313842" s="10"/>
    </row>
    <row r="313843" spans="14:14">
      <c r="N313843" s="10"/>
    </row>
    <row r="313844" spans="14:14">
      <c r="N313844" s="10"/>
    </row>
    <row r="313845" spans="14:14">
      <c r="N313845" s="10"/>
    </row>
    <row r="313846" spans="14:14">
      <c r="N313846" s="10"/>
    </row>
    <row r="313847" spans="14:14">
      <c r="N313847" s="10"/>
    </row>
    <row r="313848" spans="14:14">
      <c r="N313848" s="10"/>
    </row>
    <row r="313849" spans="14:14">
      <c r="N313849" s="10"/>
    </row>
    <row r="313850" spans="14:14">
      <c r="N313850" s="10"/>
    </row>
    <row r="313851" spans="14:14">
      <c r="N313851" s="10"/>
    </row>
    <row r="313852" spans="14:14">
      <c r="N313852" s="10"/>
    </row>
    <row r="313853" spans="14:14">
      <c r="N313853" s="10"/>
    </row>
    <row r="313854" spans="14:14">
      <c r="N313854" s="10"/>
    </row>
    <row r="313855" spans="14:14">
      <c r="N313855" s="10"/>
    </row>
    <row r="313856" spans="14:14">
      <c r="N313856" s="10"/>
    </row>
    <row r="313857" spans="14:14">
      <c r="N313857" s="10"/>
    </row>
    <row r="313858" spans="14:14">
      <c r="N313858" s="10"/>
    </row>
    <row r="313859" spans="14:14">
      <c r="N313859" s="10"/>
    </row>
    <row r="313860" spans="14:14">
      <c r="N313860" s="10"/>
    </row>
    <row r="313861" spans="14:14">
      <c r="N313861" s="10"/>
    </row>
    <row r="313862" spans="14:14">
      <c r="N313862" s="10"/>
    </row>
    <row r="313863" spans="14:14">
      <c r="N313863" s="10"/>
    </row>
    <row r="313864" spans="14:14">
      <c r="N313864" s="10"/>
    </row>
    <row r="313865" spans="14:14">
      <c r="N313865" s="10"/>
    </row>
    <row r="313866" spans="14:14">
      <c r="N313866" s="10"/>
    </row>
    <row r="313867" spans="14:14">
      <c r="N313867" s="10"/>
    </row>
    <row r="313868" spans="14:14">
      <c r="N313868" s="10"/>
    </row>
    <row r="313869" spans="14:14">
      <c r="N313869" s="10"/>
    </row>
    <row r="313870" spans="14:14">
      <c r="N313870" s="10"/>
    </row>
    <row r="313871" spans="14:14">
      <c r="N313871" s="10"/>
    </row>
    <row r="313872" spans="14:14">
      <c r="N313872" s="10"/>
    </row>
    <row r="313873" spans="14:14">
      <c r="N313873" s="10"/>
    </row>
    <row r="313874" spans="14:14">
      <c r="N313874" s="10"/>
    </row>
    <row r="313875" spans="14:14">
      <c r="N313875" s="10"/>
    </row>
    <row r="313876" spans="14:14">
      <c r="N313876" s="10"/>
    </row>
    <row r="313877" spans="14:14">
      <c r="N313877" s="10"/>
    </row>
    <row r="313878" spans="14:14">
      <c r="N313878" s="10"/>
    </row>
    <row r="313879" spans="14:14">
      <c r="N313879" s="10"/>
    </row>
    <row r="313880" spans="14:14">
      <c r="N313880" s="10"/>
    </row>
    <row r="313881" spans="14:14">
      <c r="N313881" s="10"/>
    </row>
    <row r="313882" spans="14:14">
      <c r="N313882" s="10"/>
    </row>
    <row r="313883" spans="14:14">
      <c r="N313883" s="10"/>
    </row>
    <row r="313884" spans="14:14">
      <c r="N313884" s="10"/>
    </row>
    <row r="313885" spans="14:14">
      <c r="N313885" s="10"/>
    </row>
    <row r="313886" spans="14:14">
      <c r="N313886" s="10"/>
    </row>
    <row r="313887" spans="14:14">
      <c r="N313887" s="10"/>
    </row>
    <row r="313888" spans="14:14">
      <c r="N313888" s="10"/>
    </row>
    <row r="313889" spans="14:14">
      <c r="N313889" s="10"/>
    </row>
    <row r="313890" spans="14:14">
      <c r="N313890" s="10"/>
    </row>
    <row r="313891" spans="14:14">
      <c r="N313891" s="10"/>
    </row>
    <row r="313892" spans="14:14">
      <c r="N313892" s="10"/>
    </row>
    <row r="313893" spans="14:14">
      <c r="N313893" s="10"/>
    </row>
    <row r="313894" spans="14:14">
      <c r="N313894" s="10"/>
    </row>
    <row r="313895" spans="14:14">
      <c r="N313895" s="10"/>
    </row>
    <row r="313896" spans="14:14">
      <c r="N313896" s="10"/>
    </row>
    <row r="313897" spans="14:14">
      <c r="N313897" s="10"/>
    </row>
    <row r="313898" spans="14:14">
      <c r="N313898" s="10"/>
    </row>
    <row r="313899" spans="14:14">
      <c r="N313899" s="10"/>
    </row>
    <row r="313900" spans="14:14">
      <c r="N313900" s="10"/>
    </row>
    <row r="313901" spans="14:14">
      <c r="N313901" s="10"/>
    </row>
    <row r="313902" spans="14:14">
      <c r="N313902" s="10"/>
    </row>
    <row r="313903" spans="14:14">
      <c r="N313903" s="10"/>
    </row>
    <row r="313904" spans="14:14">
      <c r="N313904" s="10"/>
    </row>
    <row r="313905" spans="14:14">
      <c r="N313905" s="10"/>
    </row>
    <row r="313906" spans="14:14">
      <c r="N313906" s="10"/>
    </row>
    <row r="313907" spans="14:14">
      <c r="N313907" s="10"/>
    </row>
    <row r="313908" spans="14:14">
      <c r="N313908" s="10"/>
    </row>
    <row r="313909" spans="14:14">
      <c r="N313909" s="10"/>
    </row>
    <row r="313910" spans="14:14">
      <c r="N313910" s="10"/>
    </row>
    <row r="313911" spans="14:14">
      <c r="N313911" s="10"/>
    </row>
    <row r="313912" spans="14:14">
      <c r="N313912" s="10"/>
    </row>
    <row r="313913" spans="14:14">
      <c r="N313913" s="10"/>
    </row>
    <row r="313914" spans="14:14">
      <c r="N313914" s="10"/>
    </row>
    <row r="313915" spans="14:14">
      <c r="N313915" s="10"/>
    </row>
    <row r="313916" spans="14:14">
      <c r="N313916" s="10"/>
    </row>
    <row r="313917" spans="14:14">
      <c r="N313917" s="10"/>
    </row>
    <row r="313918" spans="14:14">
      <c r="N313918" s="10"/>
    </row>
    <row r="313919" spans="14:14">
      <c r="N313919" s="10"/>
    </row>
    <row r="313920" spans="14:14">
      <c r="N313920" s="10"/>
    </row>
    <row r="313921" spans="14:14">
      <c r="N313921" s="10"/>
    </row>
    <row r="313922" spans="14:14">
      <c r="N313922" s="10"/>
    </row>
    <row r="313923" spans="14:14">
      <c r="N313923" s="10"/>
    </row>
    <row r="313924" spans="14:14">
      <c r="N313924" s="10"/>
    </row>
    <row r="313925" spans="14:14">
      <c r="N313925" s="10"/>
    </row>
    <row r="313926" spans="14:14">
      <c r="N313926" s="10"/>
    </row>
    <row r="313927" spans="14:14">
      <c r="N313927" s="10"/>
    </row>
    <row r="313928" spans="14:14">
      <c r="N313928" s="10"/>
    </row>
    <row r="313929" spans="14:14">
      <c r="N313929" s="10"/>
    </row>
    <row r="313930" spans="14:14">
      <c r="N313930" s="10"/>
    </row>
    <row r="313931" spans="14:14">
      <c r="N313931" s="10"/>
    </row>
    <row r="313932" spans="14:14">
      <c r="N313932" s="10"/>
    </row>
    <row r="313933" spans="14:14">
      <c r="N313933" s="10"/>
    </row>
    <row r="313934" spans="14:14">
      <c r="N313934" s="10"/>
    </row>
    <row r="313935" spans="14:14">
      <c r="N313935" s="10"/>
    </row>
    <row r="313936" spans="14:14">
      <c r="N313936" s="10"/>
    </row>
    <row r="313937" spans="14:14">
      <c r="N313937" s="10"/>
    </row>
    <row r="313938" spans="14:14">
      <c r="N313938" s="10"/>
    </row>
    <row r="313939" spans="14:14">
      <c r="N313939" s="10"/>
    </row>
    <row r="313940" spans="14:14">
      <c r="N313940" s="10"/>
    </row>
    <row r="313941" spans="14:14">
      <c r="N313941" s="10"/>
    </row>
    <row r="313942" spans="14:14">
      <c r="N313942" s="10"/>
    </row>
    <row r="313943" spans="14:14">
      <c r="N313943" s="10"/>
    </row>
    <row r="313944" spans="14:14">
      <c r="N313944" s="10"/>
    </row>
    <row r="313945" spans="14:14">
      <c r="N313945" s="10"/>
    </row>
    <row r="313946" spans="14:14">
      <c r="N313946" s="10"/>
    </row>
    <row r="313947" spans="14:14">
      <c r="N313947" s="10"/>
    </row>
    <row r="313948" spans="14:14">
      <c r="N313948" s="10"/>
    </row>
    <row r="313949" spans="14:14">
      <c r="N313949" s="10"/>
    </row>
    <row r="313950" spans="14:14">
      <c r="N313950" s="10"/>
    </row>
    <row r="313951" spans="14:14">
      <c r="N313951" s="10"/>
    </row>
    <row r="313952" spans="14:14">
      <c r="N313952" s="10"/>
    </row>
    <row r="313953" spans="14:14">
      <c r="N313953" s="10"/>
    </row>
    <row r="313954" spans="14:14">
      <c r="N313954" s="10"/>
    </row>
    <row r="313955" spans="14:14">
      <c r="N313955" s="10"/>
    </row>
    <row r="313956" spans="14:14">
      <c r="N313956" s="10"/>
    </row>
    <row r="313957" spans="14:14">
      <c r="N313957" s="10"/>
    </row>
    <row r="313958" spans="14:14">
      <c r="N313958" s="10"/>
    </row>
    <row r="313959" spans="14:14">
      <c r="N313959" s="10"/>
    </row>
    <row r="313960" spans="14:14">
      <c r="N313960" s="10"/>
    </row>
    <row r="313961" spans="14:14">
      <c r="N313961" s="10"/>
    </row>
    <row r="313962" spans="14:14">
      <c r="N313962" s="10"/>
    </row>
    <row r="313963" spans="14:14">
      <c r="N313963" s="10"/>
    </row>
    <row r="313964" spans="14:14">
      <c r="N313964" s="10"/>
    </row>
    <row r="313965" spans="14:14">
      <c r="N313965" s="10"/>
    </row>
    <row r="313966" spans="14:14">
      <c r="N313966" s="10"/>
    </row>
    <row r="313967" spans="14:14">
      <c r="N313967" s="10"/>
    </row>
    <row r="313968" spans="14:14">
      <c r="N313968" s="10"/>
    </row>
    <row r="313969" spans="14:14">
      <c r="N313969" s="10"/>
    </row>
    <row r="313970" spans="14:14">
      <c r="N313970" s="10"/>
    </row>
    <row r="313971" spans="14:14">
      <c r="N313971" s="10"/>
    </row>
    <row r="313972" spans="14:14">
      <c r="N313972" s="10"/>
    </row>
    <row r="313973" spans="14:14">
      <c r="N313973" s="10"/>
    </row>
    <row r="313974" spans="14:14">
      <c r="N313974" s="10"/>
    </row>
    <row r="313975" spans="14:14">
      <c r="N313975" s="10"/>
    </row>
    <row r="313976" spans="14:14">
      <c r="N313976" s="10"/>
    </row>
    <row r="313977" spans="14:14">
      <c r="N313977" s="10"/>
    </row>
    <row r="313978" spans="14:14">
      <c r="N313978" s="10"/>
    </row>
    <row r="313979" spans="14:14">
      <c r="N313979" s="10"/>
    </row>
    <row r="313980" spans="14:14">
      <c r="N313980" s="10"/>
    </row>
    <row r="313981" spans="14:14">
      <c r="N313981" s="10"/>
    </row>
    <row r="313982" spans="14:14">
      <c r="N313982" s="10"/>
    </row>
    <row r="313983" spans="14:14">
      <c r="N313983" s="10"/>
    </row>
    <row r="313984" spans="14:14">
      <c r="N313984" s="10"/>
    </row>
    <row r="313985" spans="14:14">
      <c r="N313985" s="10"/>
    </row>
    <row r="313986" spans="14:14">
      <c r="N313986" s="10"/>
    </row>
    <row r="313987" spans="14:14">
      <c r="N313987" s="10"/>
    </row>
    <row r="313988" spans="14:14">
      <c r="N313988" s="10"/>
    </row>
    <row r="313989" spans="14:14">
      <c r="N313989" s="10"/>
    </row>
    <row r="313990" spans="14:14">
      <c r="N313990" s="10"/>
    </row>
    <row r="313991" spans="14:14">
      <c r="N313991" s="10"/>
    </row>
    <row r="313992" spans="14:14">
      <c r="N313992" s="10"/>
    </row>
    <row r="313993" spans="14:14">
      <c r="N313993" s="10"/>
    </row>
    <row r="313994" spans="14:14">
      <c r="N313994" s="10"/>
    </row>
    <row r="313995" spans="14:14">
      <c r="N313995" s="10"/>
    </row>
    <row r="313996" spans="14:14">
      <c r="N313996" s="10"/>
    </row>
    <row r="313997" spans="14:14">
      <c r="N313997" s="10"/>
    </row>
    <row r="313998" spans="14:14">
      <c r="N313998" s="10"/>
    </row>
    <row r="313999" spans="14:14">
      <c r="N313999" s="10"/>
    </row>
    <row r="314000" spans="14:14">
      <c r="N314000" s="10"/>
    </row>
    <row r="314001" spans="14:14">
      <c r="N314001" s="10"/>
    </row>
    <row r="314002" spans="14:14">
      <c r="N314002" s="10"/>
    </row>
    <row r="314003" spans="14:14">
      <c r="N314003" s="10"/>
    </row>
    <row r="314004" spans="14:14">
      <c r="N314004" s="10"/>
    </row>
    <row r="314005" spans="14:14">
      <c r="N314005" s="10"/>
    </row>
    <row r="314006" spans="14:14">
      <c r="N314006" s="10"/>
    </row>
    <row r="314007" spans="14:14">
      <c r="N314007" s="10"/>
    </row>
    <row r="314008" spans="14:14">
      <c r="N314008" s="10"/>
    </row>
    <row r="314009" spans="14:14">
      <c r="N314009" s="10"/>
    </row>
    <row r="314010" spans="14:14">
      <c r="N314010" s="10"/>
    </row>
    <row r="314011" spans="14:14">
      <c r="N314011" s="10"/>
    </row>
    <row r="314012" spans="14:14">
      <c r="N314012" s="10"/>
    </row>
    <row r="314013" spans="14:14">
      <c r="N314013" s="10"/>
    </row>
    <row r="314014" spans="14:14">
      <c r="N314014" s="10"/>
    </row>
    <row r="314015" spans="14:14">
      <c r="N314015" s="10"/>
    </row>
    <row r="314016" spans="14:14">
      <c r="N314016" s="10"/>
    </row>
    <row r="314017" spans="14:14">
      <c r="N314017" s="10"/>
    </row>
    <row r="314018" spans="14:14">
      <c r="N314018" s="10"/>
    </row>
    <row r="314019" spans="14:14">
      <c r="N314019" s="10"/>
    </row>
    <row r="314020" spans="14:14">
      <c r="N314020" s="10"/>
    </row>
    <row r="314021" spans="14:14">
      <c r="N314021" s="10"/>
    </row>
    <row r="314022" spans="14:14">
      <c r="N314022" s="10"/>
    </row>
    <row r="314023" spans="14:14">
      <c r="N314023" s="10"/>
    </row>
    <row r="314024" spans="14:14">
      <c r="N314024" s="10"/>
    </row>
    <row r="314025" spans="14:14">
      <c r="N314025" s="10"/>
    </row>
    <row r="314026" spans="14:14">
      <c r="N314026" s="10"/>
    </row>
    <row r="314027" spans="14:14">
      <c r="N314027" s="10"/>
    </row>
    <row r="314028" spans="14:14">
      <c r="N314028" s="10"/>
    </row>
    <row r="314029" spans="14:14">
      <c r="N314029" s="10"/>
    </row>
    <row r="314030" spans="14:14">
      <c r="N314030" s="10"/>
    </row>
    <row r="314031" spans="14:14">
      <c r="N314031" s="10"/>
    </row>
    <row r="314032" spans="14:14">
      <c r="N314032" s="10"/>
    </row>
    <row r="314033" spans="14:14">
      <c r="N314033" s="10"/>
    </row>
    <row r="314034" spans="14:14">
      <c r="N314034" s="10"/>
    </row>
    <row r="314035" spans="14:14">
      <c r="N314035" s="10"/>
    </row>
    <row r="314036" spans="14:14">
      <c r="N314036" s="10"/>
    </row>
    <row r="314037" spans="14:14">
      <c r="N314037" s="10"/>
    </row>
    <row r="314038" spans="14:14">
      <c r="N314038" s="10"/>
    </row>
    <row r="314039" spans="14:14">
      <c r="N314039" s="10"/>
    </row>
    <row r="314040" spans="14:14">
      <c r="N314040" s="10"/>
    </row>
    <row r="314041" spans="14:14">
      <c r="N314041" s="10"/>
    </row>
    <row r="314042" spans="14:14">
      <c r="N314042" s="10"/>
    </row>
    <row r="314043" spans="14:14">
      <c r="N314043" s="10"/>
    </row>
    <row r="314044" spans="14:14">
      <c r="N314044" s="10"/>
    </row>
    <row r="314045" spans="14:14">
      <c r="N314045" s="10"/>
    </row>
    <row r="314046" spans="14:14">
      <c r="N314046" s="10"/>
    </row>
    <row r="314047" spans="14:14">
      <c r="N314047" s="10"/>
    </row>
    <row r="314048" spans="14:14">
      <c r="N314048" s="10"/>
    </row>
    <row r="314049" spans="14:14">
      <c r="N314049" s="10"/>
    </row>
    <row r="314050" spans="14:14">
      <c r="N314050" s="10"/>
    </row>
    <row r="314051" spans="14:14">
      <c r="N314051" s="10"/>
    </row>
    <row r="314052" spans="14:14">
      <c r="N314052" s="10"/>
    </row>
    <row r="314053" spans="14:14">
      <c r="N314053" s="10"/>
    </row>
    <row r="314054" spans="14:14">
      <c r="N314054" s="10"/>
    </row>
    <row r="314055" spans="14:14">
      <c r="N314055" s="10"/>
    </row>
    <row r="314056" spans="14:14">
      <c r="N314056" s="10"/>
    </row>
    <row r="314057" spans="14:14">
      <c r="N314057" s="10"/>
    </row>
    <row r="314058" spans="14:14">
      <c r="N314058" s="10"/>
    </row>
    <row r="314059" spans="14:14">
      <c r="N314059" s="10"/>
    </row>
    <row r="314060" spans="14:14">
      <c r="N314060" s="10"/>
    </row>
    <row r="314061" spans="14:14">
      <c r="N314061" s="10"/>
    </row>
    <row r="314062" spans="14:14">
      <c r="N314062" s="10"/>
    </row>
    <row r="314063" spans="14:14">
      <c r="N314063" s="10"/>
    </row>
    <row r="314064" spans="14:14">
      <c r="N314064" s="10"/>
    </row>
    <row r="314065" spans="14:14">
      <c r="N314065" s="10"/>
    </row>
    <row r="314066" spans="14:14">
      <c r="N314066" s="10"/>
    </row>
    <row r="314067" spans="14:14">
      <c r="N314067" s="10"/>
    </row>
    <row r="314068" spans="14:14">
      <c r="N314068" s="10"/>
    </row>
    <row r="314069" spans="14:14">
      <c r="N314069" s="10"/>
    </row>
    <row r="314070" spans="14:14">
      <c r="N314070" s="10"/>
    </row>
    <row r="314071" spans="14:14">
      <c r="N314071" s="10"/>
    </row>
    <row r="314072" spans="14:14">
      <c r="N314072" s="10"/>
    </row>
    <row r="314073" spans="14:14">
      <c r="N314073" s="10"/>
    </row>
    <row r="314074" spans="14:14">
      <c r="N314074" s="10"/>
    </row>
    <row r="314075" spans="14:14">
      <c r="N314075" s="10"/>
    </row>
    <row r="314076" spans="14:14">
      <c r="N314076" s="10"/>
    </row>
    <row r="314077" spans="14:14">
      <c r="N314077" s="10"/>
    </row>
    <row r="314078" spans="14:14">
      <c r="N314078" s="10"/>
    </row>
    <row r="314079" spans="14:14">
      <c r="N314079" s="10"/>
    </row>
    <row r="314080" spans="14:14">
      <c r="N314080" s="10"/>
    </row>
    <row r="314081" spans="14:14">
      <c r="N314081" s="10"/>
    </row>
    <row r="314082" spans="14:14">
      <c r="N314082" s="10"/>
    </row>
    <row r="314083" spans="14:14">
      <c r="N314083" s="10"/>
    </row>
    <row r="314084" spans="14:14">
      <c r="N314084" s="10"/>
    </row>
    <row r="314085" spans="14:14">
      <c r="N314085" s="10"/>
    </row>
    <row r="314086" spans="14:14">
      <c r="N314086" s="10"/>
    </row>
    <row r="314087" spans="14:14">
      <c r="N314087" s="10"/>
    </row>
    <row r="314088" spans="14:14">
      <c r="N314088" s="10"/>
    </row>
    <row r="314089" spans="14:14">
      <c r="N314089" s="10"/>
    </row>
    <row r="314090" spans="14:14">
      <c r="N314090" s="10"/>
    </row>
    <row r="314091" spans="14:14">
      <c r="N314091" s="10"/>
    </row>
    <row r="314092" spans="14:14">
      <c r="N314092" s="10"/>
    </row>
    <row r="314093" spans="14:14">
      <c r="N314093" s="10"/>
    </row>
    <row r="314094" spans="14:14">
      <c r="N314094" s="10"/>
    </row>
    <row r="314095" spans="14:14">
      <c r="N314095" s="10"/>
    </row>
    <row r="314096" spans="14:14">
      <c r="N314096" s="10"/>
    </row>
    <row r="314097" spans="14:14">
      <c r="N314097" s="10"/>
    </row>
    <row r="314098" spans="14:14">
      <c r="N314098" s="10"/>
    </row>
    <row r="314099" spans="14:14">
      <c r="N314099" s="10"/>
    </row>
    <row r="314100" spans="14:14">
      <c r="N314100" s="10"/>
    </row>
    <row r="314101" spans="14:14">
      <c r="N314101" s="10"/>
    </row>
    <row r="314102" spans="14:14">
      <c r="N314102" s="10"/>
    </row>
    <row r="314103" spans="14:14">
      <c r="N314103" s="10"/>
    </row>
    <row r="314104" spans="14:14">
      <c r="N314104" s="10"/>
    </row>
    <row r="314105" spans="14:14">
      <c r="N314105" s="10"/>
    </row>
    <row r="314106" spans="14:14">
      <c r="N314106" s="10"/>
    </row>
    <row r="314107" spans="14:14">
      <c r="N314107" s="10"/>
    </row>
    <row r="314108" spans="14:14">
      <c r="N314108" s="10"/>
    </row>
    <row r="314109" spans="14:14">
      <c r="N314109" s="10"/>
    </row>
    <row r="314110" spans="14:14">
      <c r="N314110" s="10"/>
    </row>
    <row r="314111" spans="14:14">
      <c r="N314111" s="10"/>
    </row>
    <row r="314112" spans="14:14">
      <c r="N314112" s="10"/>
    </row>
    <row r="314113" spans="14:14">
      <c r="N314113" s="10"/>
    </row>
    <row r="314114" spans="14:14">
      <c r="N314114" s="10"/>
    </row>
    <row r="314115" spans="14:14">
      <c r="N314115" s="10"/>
    </row>
    <row r="314116" spans="14:14">
      <c r="N314116" s="10"/>
    </row>
    <row r="314117" spans="14:14">
      <c r="N314117" s="10"/>
    </row>
    <row r="314118" spans="14:14">
      <c r="N314118" s="10"/>
    </row>
    <row r="314119" spans="14:14">
      <c r="N314119" s="10"/>
    </row>
    <row r="314120" spans="14:14">
      <c r="N314120" s="10"/>
    </row>
    <row r="314121" spans="14:14">
      <c r="N314121" s="10"/>
    </row>
    <row r="314122" spans="14:14">
      <c r="N314122" s="10"/>
    </row>
    <row r="314123" spans="14:14">
      <c r="N314123" s="10"/>
    </row>
    <row r="314124" spans="14:14">
      <c r="N314124" s="10"/>
    </row>
    <row r="314125" spans="14:14">
      <c r="N314125" s="10"/>
    </row>
    <row r="314126" spans="14:14">
      <c r="N314126" s="10"/>
    </row>
    <row r="314127" spans="14:14">
      <c r="N314127" s="10"/>
    </row>
    <row r="314128" spans="14:14">
      <c r="N314128" s="10"/>
    </row>
    <row r="314129" spans="14:14">
      <c r="N314129" s="10"/>
    </row>
    <row r="314130" spans="14:14">
      <c r="N314130" s="10"/>
    </row>
    <row r="314131" spans="14:14">
      <c r="N314131" s="10"/>
    </row>
    <row r="314132" spans="14:14">
      <c r="N314132" s="10"/>
    </row>
    <row r="314133" spans="14:14">
      <c r="N314133" s="10"/>
    </row>
    <row r="314134" spans="14:14">
      <c r="N314134" s="10"/>
    </row>
    <row r="314135" spans="14:14">
      <c r="N314135" s="10"/>
    </row>
    <row r="314136" spans="14:14">
      <c r="N314136" s="10"/>
    </row>
    <row r="314137" spans="14:14">
      <c r="N314137" s="10"/>
    </row>
    <row r="314138" spans="14:14">
      <c r="N314138" s="10"/>
    </row>
    <row r="314139" spans="14:14">
      <c r="N314139" s="10"/>
    </row>
    <row r="314140" spans="14:14">
      <c r="N314140" s="10"/>
    </row>
    <row r="314141" spans="14:14">
      <c r="N314141" s="10"/>
    </row>
    <row r="314142" spans="14:14">
      <c r="N314142" s="10"/>
    </row>
    <row r="314143" spans="14:14">
      <c r="N314143" s="10"/>
    </row>
    <row r="314144" spans="14:14">
      <c r="N314144" s="10"/>
    </row>
    <row r="314145" spans="14:14">
      <c r="N314145" s="10"/>
    </row>
    <row r="314146" spans="14:14">
      <c r="N314146" s="10"/>
    </row>
    <row r="314147" spans="14:14">
      <c r="N314147" s="10"/>
    </row>
    <row r="314148" spans="14:14">
      <c r="N314148" s="10"/>
    </row>
    <row r="314149" spans="14:14">
      <c r="N314149" s="10"/>
    </row>
    <row r="314150" spans="14:14">
      <c r="N314150" s="10"/>
    </row>
    <row r="314151" spans="14:14">
      <c r="N314151" s="10"/>
    </row>
    <row r="314152" spans="14:14">
      <c r="N314152" s="10"/>
    </row>
    <row r="314153" spans="14:14">
      <c r="N314153" s="10"/>
    </row>
    <row r="314154" spans="14:14">
      <c r="N314154" s="10"/>
    </row>
    <row r="314155" spans="14:14">
      <c r="N314155" s="10"/>
    </row>
    <row r="314156" spans="14:14">
      <c r="N314156" s="10"/>
    </row>
    <row r="314157" spans="14:14">
      <c r="N314157" s="10"/>
    </row>
    <row r="314158" spans="14:14">
      <c r="N314158" s="10"/>
    </row>
    <row r="314159" spans="14:14">
      <c r="N314159" s="10"/>
    </row>
    <row r="314160" spans="14:14">
      <c r="N314160" s="10"/>
    </row>
    <row r="314161" spans="14:14">
      <c r="N314161" s="10"/>
    </row>
    <row r="314162" spans="14:14">
      <c r="N314162" s="10"/>
    </row>
    <row r="314163" spans="14:14">
      <c r="N314163" s="10"/>
    </row>
    <row r="314164" spans="14:14">
      <c r="N314164" s="10"/>
    </row>
    <row r="314165" spans="14:14">
      <c r="N314165" s="10"/>
    </row>
    <row r="314166" spans="14:14">
      <c r="N314166" s="10"/>
    </row>
    <row r="314167" spans="14:14">
      <c r="N314167" s="10"/>
    </row>
    <row r="314168" spans="14:14">
      <c r="N314168" s="10"/>
    </row>
    <row r="314169" spans="14:14">
      <c r="N314169" s="10"/>
    </row>
    <row r="314170" spans="14:14">
      <c r="N314170" s="10"/>
    </row>
    <row r="314171" spans="14:14">
      <c r="N314171" s="10"/>
    </row>
    <row r="314172" spans="14:14">
      <c r="N314172" s="10"/>
    </row>
    <row r="314173" spans="14:14">
      <c r="N314173" s="10"/>
    </row>
    <row r="314174" spans="14:14">
      <c r="N314174" s="10"/>
    </row>
    <row r="314175" spans="14:14">
      <c r="N314175" s="10"/>
    </row>
    <row r="314176" spans="14:14">
      <c r="N314176" s="10"/>
    </row>
    <row r="314177" spans="14:14">
      <c r="N314177" s="10"/>
    </row>
    <row r="314178" spans="14:14">
      <c r="N314178" s="10"/>
    </row>
    <row r="314179" spans="14:14">
      <c r="N314179" s="10"/>
    </row>
    <row r="314180" spans="14:14">
      <c r="N314180" s="10"/>
    </row>
    <row r="314181" spans="14:14">
      <c r="N314181" s="10"/>
    </row>
    <row r="314182" spans="14:14">
      <c r="N314182" s="10"/>
    </row>
    <row r="314183" spans="14:14">
      <c r="N314183" s="10"/>
    </row>
    <row r="314184" spans="14:14">
      <c r="N314184" s="10"/>
    </row>
    <row r="314185" spans="14:14">
      <c r="N314185" s="10"/>
    </row>
    <row r="314186" spans="14:14">
      <c r="N314186" s="10"/>
    </row>
    <row r="314187" spans="14:14">
      <c r="N314187" s="10"/>
    </row>
    <row r="314188" spans="14:14">
      <c r="N314188" s="10"/>
    </row>
    <row r="314189" spans="14:14">
      <c r="N314189" s="10"/>
    </row>
    <row r="314190" spans="14:14">
      <c r="N314190" s="10"/>
    </row>
    <row r="314191" spans="14:14">
      <c r="N314191" s="10"/>
    </row>
    <row r="314192" spans="14:14">
      <c r="N314192" s="10"/>
    </row>
    <row r="314193" spans="14:14">
      <c r="N314193" s="10"/>
    </row>
    <row r="314194" spans="14:14">
      <c r="N314194" s="10"/>
    </row>
    <row r="314195" spans="14:14">
      <c r="N314195" s="10"/>
    </row>
    <row r="314196" spans="14:14">
      <c r="N314196" s="10"/>
    </row>
    <row r="314197" spans="14:14">
      <c r="N314197" s="10"/>
    </row>
    <row r="314198" spans="14:14">
      <c r="N314198" s="10"/>
    </row>
    <row r="314199" spans="14:14">
      <c r="N314199" s="10"/>
    </row>
    <row r="314200" spans="14:14">
      <c r="N314200" s="10"/>
    </row>
    <row r="314201" spans="14:14">
      <c r="N314201" s="10"/>
    </row>
    <row r="314202" spans="14:14">
      <c r="N314202" s="10"/>
    </row>
    <row r="314203" spans="14:14">
      <c r="N314203" s="10"/>
    </row>
    <row r="314204" spans="14:14">
      <c r="N314204" s="10"/>
    </row>
    <row r="314205" spans="14:14">
      <c r="N314205" s="10"/>
    </row>
    <row r="314206" spans="14:14">
      <c r="N314206" s="10"/>
    </row>
    <row r="314207" spans="14:14">
      <c r="N314207" s="10"/>
    </row>
    <row r="314208" spans="14:14">
      <c r="N314208" s="10"/>
    </row>
    <row r="314209" spans="14:14">
      <c r="N314209" s="10"/>
    </row>
    <row r="314210" spans="14:14">
      <c r="N314210" s="10"/>
    </row>
    <row r="314211" spans="14:14">
      <c r="N314211" s="10"/>
    </row>
    <row r="314212" spans="14:14">
      <c r="N314212" s="10"/>
    </row>
    <row r="314213" spans="14:14">
      <c r="N314213" s="10"/>
    </row>
    <row r="314214" spans="14:14">
      <c r="N314214" s="10"/>
    </row>
    <row r="314215" spans="14:14">
      <c r="N314215" s="10"/>
    </row>
    <row r="314216" spans="14:14">
      <c r="N314216" s="10"/>
    </row>
    <row r="314217" spans="14:14">
      <c r="N314217" s="10"/>
    </row>
    <row r="314218" spans="14:14">
      <c r="N314218" s="10"/>
    </row>
    <row r="314219" spans="14:14">
      <c r="N314219" s="10"/>
    </row>
    <row r="314220" spans="14:14">
      <c r="N314220" s="10"/>
    </row>
    <row r="314221" spans="14:14">
      <c r="N314221" s="10"/>
    </row>
    <row r="314222" spans="14:14">
      <c r="N314222" s="10"/>
    </row>
    <row r="314223" spans="14:14">
      <c r="N314223" s="10"/>
    </row>
    <row r="314224" spans="14:14">
      <c r="N314224" s="10"/>
    </row>
    <row r="314225" spans="14:14">
      <c r="N314225" s="10"/>
    </row>
    <row r="314226" spans="14:14">
      <c r="N314226" s="10"/>
    </row>
    <row r="314227" spans="14:14">
      <c r="N314227" s="10"/>
    </row>
    <row r="314228" spans="14:14">
      <c r="N314228" s="10"/>
    </row>
    <row r="314229" spans="14:14">
      <c r="N314229" s="10"/>
    </row>
    <row r="314230" spans="14:14">
      <c r="N314230" s="10"/>
    </row>
    <row r="314231" spans="14:14">
      <c r="N314231" s="10"/>
    </row>
    <row r="314232" spans="14:14">
      <c r="N314232" s="10"/>
    </row>
    <row r="314233" spans="14:14">
      <c r="N314233" s="10"/>
    </row>
    <row r="314234" spans="14:14">
      <c r="N314234" s="10"/>
    </row>
    <row r="314235" spans="14:14">
      <c r="N314235" s="10"/>
    </row>
    <row r="314236" spans="14:14">
      <c r="N314236" s="10"/>
    </row>
    <row r="314237" spans="14:14">
      <c r="N314237" s="10"/>
    </row>
    <row r="314238" spans="14:14">
      <c r="N314238" s="10"/>
    </row>
    <row r="314239" spans="14:14">
      <c r="N314239" s="10"/>
    </row>
    <row r="314240" spans="14:14">
      <c r="N314240" s="10"/>
    </row>
    <row r="314241" spans="14:14">
      <c r="N314241" s="10"/>
    </row>
    <row r="314242" spans="14:14">
      <c r="N314242" s="10"/>
    </row>
    <row r="314243" spans="14:14">
      <c r="N314243" s="10"/>
    </row>
    <row r="314244" spans="14:14">
      <c r="N314244" s="10"/>
    </row>
    <row r="314245" spans="14:14">
      <c r="N314245" s="10"/>
    </row>
    <row r="314246" spans="14:14">
      <c r="N314246" s="10"/>
    </row>
    <row r="314247" spans="14:14">
      <c r="N314247" s="10"/>
    </row>
    <row r="314248" spans="14:14">
      <c r="N314248" s="10"/>
    </row>
    <row r="314249" spans="14:14">
      <c r="N314249" s="10"/>
    </row>
    <row r="314250" spans="14:14">
      <c r="N314250" s="10"/>
    </row>
    <row r="314251" spans="14:14">
      <c r="N314251" s="10"/>
    </row>
    <row r="314252" spans="14:14">
      <c r="N314252" s="10"/>
    </row>
    <row r="314253" spans="14:14">
      <c r="N314253" s="10"/>
    </row>
    <row r="314254" spans="14:14">
      <c r="N314254" s="10"/>
    </row>
    <row r="314255" spans="14:14">
      <c r="N314255" s="10"/>
    </row>
    <row r="314256" spans="14:14">
      <c r="N314256" s="10"/>
    </row>
    <row r="314257" spans="14:14">
      <c r="N314257" s="10"/>
    </row>
    <row r="314258" spans="14:14">
      <c r="N314258" s="10"/>
    </row>
    <row r="314259" spans="14:14">
      <c r="N314259" s="10"/>
    </row>
    <row r="314260" spans="14:14">
      <c r="N314260" s="10"/>
    </row>
    <row r="314261" spans="14:14">
      <c r="N314261" s="10"/>
    </row>
    <row r="314262" spans="14:14">
      <c r="N314262" s="10"/>
    </row>
    <row r="314263" spans="14:14">
      <c r="N314263" s="10"/>
    </row>
    <row r="314264" spans="14:14">
      <c r="N314264" s="10"/>
    </row>
    <row r="314265" spans="14:14">
      <c r="N314265" s="10"/>
    </row>
    <row r="314266" spans="14:14">
      <c r="N314266" s="10"/>
    </row>
    <row r="314267" spans="14:14">
      <c r="N314267" s="10"/>
    </row>
    <row r="314268" spans="14:14">
      <c r="N314268" s="10"/>
    </row>
    <row r="314269" spans="14:14">
      <c r="N314269" s="10"/>
    </row>
    <row r="314270" spans="14:14">
      <c r="N314270" s="10"/>
    </row>
    <row r="314271" spans="14:14">
      <c r="N314271" s="10"/>
    </row>
    <row r="314272" spans="14:14">
      <c r="N314272" s="10"/>
    </row>
    <row r="314273" spans="14:14">
      <c r="N314273" s="10"/>
    </row>
    <row r="314274" spans="14:14">
      <c r="N314274" s="10"/>
    </row>
    <row r="314275" spans="14:14">
      <c r="N314275" s="10"/>
    </row>
    <row r="314276" spans="14:14">
      <c r="N314276" s="10"/>
    </row>
    <row r="314277" spans="14:14">
      <c r="N314277" s="10"/>
    </row>
    <row r="314278" spans="14:14">
      <c r="N314278" s="10"/>
    </row>
    <row r="314279" spans="14:14">
      <c r="N314279" s="10"/>
    </row>
    <row r="314280" spans="14:14">
      <c r="N314280" s="10"/>
    </row>
    <row r="314281" spans="14:14">
      <c r="N314281" s="10"/>
    </row>
    <row r="314282" spans="14:14">
      <c r="N314282" s="10"/>
    </row>
    <row r="314283" spans="14:14">
      <c r="N314283" s="10"/>
    </row>
    <row r="314284" spans="14:14">
      <c r="N314284" s="10"/>
    </row>
    <row r="314285" spans="14:14">
      <c r="N314285" s="10"/>
    </row>
    <row r="314286" spans="14:14">
      <c r="N314286" s="10"/>
    </row>
    <row r="314287" spans="14:14">
      <c r="N314287" s="10"/>
    </row>
    <row r="314288" spans="14:14">
      <c r="N314288" s="10"/>
    </row>
    <row r="314289" spans="14:14">
      <c r="N314289" s="10"/>
    </row>
    <row r="314290" spans="14:14">
      <c r="N314290" s="10"/>
    </row>
    <row r="314291" spans="14:14">
      <c r="N314291" s="10"/>
    </row>
    <row r="314292" spans="14:14">
      <c r="N314292" s="10"/>
    </row>
    <row r="314293" spans="14:14">
      <c r="N314293" s="10"/>
    </row>
    <row r="314294" spans="14:14">
      <c r="N314294" s="10"/>
    </row>
    <row r="314295" spans="14:14">
      <c r="N314295" s="10"/>
    </row>
    <row r="314296" spans="14:14">
      <c r="N314296" s="10"/>
    </row>
    <row r="314297" spans="14:14">
      <c r="N314297" s="10"/>
    </row>
    <row r="314298" spans="14:14">
      <c r="N314298" s="10"/>
    </row>
    <row r="314299" spans="14:14">
      <c r="N314299" s="10"/>
    </row>
    <row r="314300" spans="14:14">
      <c r="N314300" s="10"/>
    </row>
    <row r="314301" spans="14:14">
      <c r="N314301" s="10"/>
    </row>
    <row r="314302" spans="14:14">
      <c r="N314302" s="10"/>
    </row>
    <row r="314303" spans="14:14">
      <c r="N314303" s="10"/>
    </row>
    <row r="314304" spans="14:14">
      <c r="N314304" s="10"/>
    </row>
    <row r="314305" spans="14:14">
      <c r="N314305" s="10"/>
    </row>
    <row r="314306" spans="14:14">
      <c r="N314306" s="10"/>
    </row>
    <row r="314307" spans="14:14">
      <c r="N314307" s="10"/>
    </row>
    <row r="314308" spans="14:14">
      <c r="N314308" s="10"/>
    </row>
    <row r="314309" spans="14:14">
      <c r="N314309" s="10"/>
    </row>
    <row r="314310" spans="14:14">
      <c r="N314310" s="10"/>
    </row>
    <row r="314311" spans="14:14">
      <c r="N314311" s="10"/>
    </row>
    <row r="314312" spans="14:14">
      <c r="N314312" s="10"/>
    </row>
    <row r="314313" spans="14:14">
      <c r="N314313" s="10"/>
    </row>
    <row r="314314" spans="14:14">
      <c r="N314314" s="10"/>
    </row>
    <row r="314315" spans="14:14">
      <c r="N314315" s="10"/>
    </row>
    <row r="314316" spans="14:14">
      <c r="N314316" s="10"/>
    </row>
    <row r="314317" spans="14:14">
      <c r="N314317" s="10"/>
    </row>
    <row r="314318" spans="14:14">
      <c r="N314318" s="10"/>
    </row>
    <row r="314319" spans="14:14">
      <c r="N314319" s="10"/>
    </row>
    <row r="314320" spans="14:14">
      <c r="N314320" s="10"/>
    </row>
    <row r="314321" spans="14:14">
      <c r="N314321" s="10"/>
    </row>
    <row r="314322" spans="14:14">
      <c r="N314322" s="10"/>
    </row>
    <row r="314323" spans="14:14">
      <c r="N314323" s="10"/>
    </row>
    <row r="314324" spans="14:14">
      <c r="N314324" s="10"/>
    </row>
    <row r="314325" spans="14:14">
      <c r="N314325" s="10"/>
    </row>
    <row r="314326" spans="14:14">
      <c r="N314326" s="10"/>
    </row>
    <row r="314327" spans="14:14">
      <c r="N314327" s="10"/>
    </row>
    <row r="314328" spans="14:14">
      <c r="N314328" s="10"/>
    </row>
    <row r="314329" spans="14:14">
      <c r="N314329" s="10"/>
    </row>
    <row r="314330" spans="14:14">
      <c r="N314330" s="10"/>
    </row>
    <row r="314331" spans="14:14">
      <c r="N314331" s="10"/>
    </row>
    <row r="314332" spans="14:14">
      <c r="N314332" s="10"/>
    </row>
    <row r="314333" spans="14:14">
      <c r="N314333" s="10"/>
    </row>
    <row r="314334" spans="14:14">
      <c r="N314334" s="10"/>
    </row>
    <row r="314335" spans="14:14">
      <c r="N314335" s="10"/>
    </row>
    <row r="314336" spans="14:14">
      <c r="N314336" s="10"/>
    </row>
    <row r="314337" spans="14:14">
      <c r="N314337" s="10"/>
    </row>
    <row r="314338" spans="14:14">
      <c r="N314338" s="10"/>
    </row>
    <row r="314339" spans="14:14">
      <c r="N314339" s="10"/>
    </row>
    <row r="314340" spans="14:14">
      <c r="N314340" s="10"/>
    </row>
    <row r="314341" spans="14:14">
      <c r="N314341" s="10"/>
    </row>
    <row r="314342" spans="14:14">
      <c r="N314342" s="10"/>
    </row>
    <row r="314343" spans="14:14">
      <c r="N314343" s="10"/>
    </row>
    <row r="314344" spans="14:14">
      <c r="N314344" s="10"/>
    </row>
    <row r="314345" spans="14:14">
      <c r="N314345" s="10"/>
    </row>
    <row r="314346" spans="14:14">
      <c r="N314346" s="10"/>
    </row>
    <row r="314347" spans="14:14">
      <c r="N314347" s="10"/>
    </row>
    <row r="314348" spans="14:14">
      <c r="N314348" s="10"/>
    </row>
    <row r="314349" spans="14:14">
      <c r="N314349" s="10"/>
    </row>
    <row r="314350" spans="14:14">
      <c r="N314350" s="10"/>
    </row>
    <row r="314351" spans="14:14">
      <c r="N314351" s="10"/>
    </row>
    <row r="314352" spans="14:14">
      <c r="N314352" s="10"/>
    </row>
    <row r="314353" spans="14:14">
      <c r="N314353" s="10"/>
    </row>
    <row r="314354" spans="14:14">
      <c r="N314354" s="10"/>
    </row>
    <row r="314355" spans="14:14">
      <c r="N314355" s="10"/>
    </row>
    <row r="314356" spans="14:14">
      <c r="N314356" s="10"/>
    </row>
    <row r="314357" spans="14:14">
      <c r="N314357" s="10"/>
    </row>
    <row r="314358" spans="14:14">
      <c r="N314358" s="10"/>
    </row>
    <row r="314359" spans="14:14">
      <c r="N314359" s="10"/>
    </row>
    <row r="314360" spans="14:14">
      <c r="N314360" s="10"/>
    </row>
    <row r="314361" spans="14:14">
      <c r="N314361" s="10"/>
    </row>
    <row r="314362" spans="14:14">
      <c r="N314362" s="10"/>
    </row>
    <row r="314363" spans="14:14">
      <c r="N314363" s="10"/>
    </row>
    <row r="314364" spans="14:14">
      <c r="N314364" s="10"/>
    </row>
    <row r="314365" spans="14:14">
      <c r="N314365" s="10"/>
    </row>
    <row r="314366" spans="14:14">
      <c r="N314366" s="10"/>
    </row>
    <row r="314367" spans="14:14">
      <c r="N314367" s="10"/>
    </row>
    <row r="314368" spans="14:14">
      <c r="N314368" s="10"/>
    </row>
    <row r="314369" spans="14:14">
      <c r="N314369" s="10"/>
    </row>
    <row r="314370" spans="14:14">
      <c r="N314370" s="10"/>
    </row>
    <row r="314371" spans="14:14">
      <c r="N314371" s="10"/>
    </row>
    <row r="314372" spans="14:14">
      <c r="N314372" s="10"/>
    </row>
    <row r="314373" spans="14:14">
      <c r="N314373" s="10"/>
    </row>
    <row r="314374" spans="14:14">
      <c r="N314374" s="10"/>
    </row>
    <row r="314375" spans="14:14">
      <c r="N314375" s="10"/>
    </row>
    <row r="314376" spans="14:14">
      <c r="N314376" s="10"/>
    </row>
    <row r="314377" spans="14:14">
      <c r="N314377" s="10"/>
    </row>
    <row r="314378" spans="14:14">
      <c r="N314378" s="10"/>
    </row>
    <row r="314379" spans="14:14">
      <c r="N314379" s="10"/>
    </row>
    <row r="314380" spans="14:14">
      <c r="N314380" s="10"/>
    </row>
    <row r="314381" spans="14:14">
      <c r="N314381" s="10"/>
    </row>
    <row r="314382" spans="14:14">
      <c r="N314382" s="10"/>
    </row>
    <row r="314383" spans="14:14">
      <c r="N314383" s="10"/>
    </row>
    <row r="314384" spans="14:14">
      <c r="N314384" s="10"/>
    </row>
    <row r="314385" spans="14:14">
      <c r="N314385" s="10"/>
    </row>
    <row r="314386" spans="14:14">
      <c r="N314386" s="10"/>
    </row>
    <row r="314387" spans="14:14">
      <c r="N314387" s="10"/>
    </row>
    <row r="314388" spans="14:14">
      <c r="N314388" s="10"/>
    </row>
    <row r="314389" spans="14:14">
      <c r="N314389" s="10"/>
    </row>
    <row r="314390" spans="14:14">
      <c r="N314390" s="10"/>
    </row>
    <row r="314391" spans="14:14">
      <c r="N314391" s="10"/>
    </row>
    <row r="314392" spans="14:14">
      <c r="N314392" s="10"/>
    </row>
    <row r="314393" spans="14:14">
      <c r="N314393" s="10"/>
    </row>
    <row r="314394" spans="14:14">
      <c r="N314394" s="10"/>
    </row>
    <row r="314395" spans="14:14">
      <c r="N314395" s="10"/>
    </row>
    <row r="314396" spans="14:14">
      <c r="N314396" s="10"/>
    </row>
    <row r="314397" spans="14:14">
      <c r="N314397" s="10"/>
    </row>
    <row r="314398" spans="14:14">
      <c r="N314398" s="10"/>
    </row>
    <row r="314399" spans="14:14">
      <c r="N314399" s="10"/>
    </row>
    <row r="314400" spans="14:14">
      <c r="N314400" s="10"/>
    </row>
    <row r="314401" spans="14:14">
      <c r="N314401" s="10"/>
    </row>
    <row r="314402" spans="14:14">
      <c r="N314402" s="10"/>
    </row>
    <row r="314403" spans="14:14">
      <c r="N314403" s="10"/>
    </row>
    <row r="314404" spans="14:14">
      <c r="N314404" s="10"/>
    </row>
    <row r="314405" spans="14:14">
      <c r="N314405" s="10"/>
    </row>
    <row r="314406" spans="14:14">
      <c r="N314406" s="10"/>
    </row>
    <row r="314407" spans="14:14">
      <c r="N314407" s="10"/>
    </row>
    <row r="314408" spans="14:14">
      <c r="N314408" s="10"/>
    </row>
    <row r="314409" spans="14:14">
      <c r="N314409" s="10"/>
    </row>
    <row r="314410" spans="14:14">
      <c r="N314410" s="10"/>
    </row>
    <row r="314411" spans="14:14">
      <c r="N314411" s="10"/>
    </row>
    <row r="314412" spans="14:14">
      <c r="N314412" s="10"/>
    </row>
    <row r="314413" spans="14:14">
      <c r="N314413" s="10"/>
    </row>
    <row r="314414" spans="14:14">
      <c r="N314414" s="10"/>
    </row>
    <row r="314415" spans="14:14">
      <c r="N314415" s="10"/>
    </row>
    <row r="314416" spans="14:14">
      <c r="N314416" s="10"/>
    </row>
    <row r="314417" spans="14:14">
      <c r="N314417" s="10"/>
    </row>
    <row r="314418" spans="14:14">
      <c r="N314418" s="10"/>
    </row>
    <row r="314419" spans="14:14">
      <c r="N314419" s="10"/>
    </row>
    <row r="314420" spans="14:14">
      <c r="N314420" s="10"/>
    </row>
    <row r="314421" spans="14:14">
      <c r="N314421" s="10"/>
    </row>
    <row r="314422" spans="14:14">
      <c r="N314422" s="10"/>
    </row>
    <row r="314423" spans="14:14">
      <c r="N314423" s="10"/>
    </row>
    <row r="314424" spans="14:14">
      <c r="N314424" s="10"/>
    </row>
    <row r="314425" spans="14:14">
      <c r="N314425" s="10"/>
    </row>
    <row r="314426" spans="14:14">
      <c r="N314426" s="10"/>
    </row>
    <row r="314427" spans="14:14">
      <c r="N314427" s="10"/>
    </row>
    <row r="314428" spans="14:14">
      <c r="N314428" s="10"/>
    </row>
    <row r="314429" spans="14:14">
      <c r="N314429" s="10"/>
    </row>
    <row r="314430" spans="14:14">
      <c r="N314430" s="10"/>
    </row>
    <row r="314431" spans="14:14">
      <c r="N314431" s="10"/>
    </row>
    <row r="314432" spans="14:14">
      <c r="N314432" s="10"/>
    </row>
    <row r="314433" spans="14:14">
      <c r="N314433" s="10"/>
    </row>
    <row r="314434" spans="14:14">
      <c r="N314434" s="10"/>
    </row>
    <row r="314435" spans="14:14">
      <c r="N314435" s="10"/>
    </row>
    <row r="314436" spans="14:14">
      <c r="N314436" s="10"/>
    </row>
    <row r="314437" spans="14:14">
      <c r="N314437" s="10"/>
    </row>
    <row r="314438" spans="14:14">
      <c r="N314438" s="10"/>
    </row>
    <row r="314439" spans="14:14">
      <c r="N314439" s="10"/>
    </row>
    <row r="314440" spans="14:14">
      <c r="N314440" s="10"/>
    </row>
    <row r="314441" spans="14:14">
      <c r="N314441" s="10"/>
    </row>
    <row r="314442" spans="14:14">
      <c r="N314442" s="10"/>
    </row>
    <row r="314443" spans="14:14">
      <c r="N314443" s="10"/>
    </row>
    <row r="314444" spans="14:14">
      <c r="N314444" s="10"/>
    </row>
    <row r="314445" spans="14:14">
      <c r="N314445" s="10"/>
    </row>
    <row r="314446" spans="14:14">
      <c r="N314446" s="10"/>
    </row>
    <row r="314447" spans="14:14">
      <c r="N314447" s="10"/>
    </row>
    <row r="314448" spans="14:14">
      <c r="N314448" s="10"/>
    </row>
    <row r="314449" spans="14:14">
      <c r="N314449" s="10"/>
    </row>
    <row r="314450" spans="14:14">
      <c r="N314450" s="10"/>
    </row>
    <row r="314451" spans="14:14">
      <c r="N314451" s="10"/>
    </row>
    <row r="314452" spans="14:14">
      <c r="N314452" s="10"/>
    </row>
    <row r="314453" spans="14:14">
      <c r="N314453" s="10"/>
    </row>
    <row r="314454" spans="14:14">
      <c r="N314454" s="10"/>
    </row>
    <row r="314455" spans="14:14">
      <c r="N314455" s="10"/>
    </row>
    <row r="314456" spans="14:14">
      <c r="N314456" s="10"/>
    </row>
    <row r="314457" spans="14:14">
      <c r="N314457" s="10"/>
    </row>
    <row r="314458" spans="14:14">
      <c r="N314458" s="10"/>
    </row>
    <row r="314459" spans="14:14">
      <c r="N314459" s="10"/>
    </row>
    <row r="314460" spans="14:14">
      <c r="N314460" s="10"/>
    </row>
    <row r="314461" spans="14:14">
      <c r="N314461" s="10"/>
    </row>
    <row r="314462" spans="14:14">
      <c r="N314462" s="10"/>
    </row>
    <row r="314463" spans="14:14">
      <c r="N314463" s="10"/>
    </row>
    <row r="314464" spans="14:14">
      <c r="N314464" s="10"/>
    </row>
    <row r="314465" spans="14:14">
      <c r="N314465" s="10"/>
    </row>
    <row r="314466" spans="14:14">
      <c r="N314466" s="10"/>
    </row>
    <row r="314467" spans="14:14">
      <c r="N314467" s="10"/>
    </row>
    <row r="314468" spans="14:14">
      <c r="N314468" s="10"/>
    </row>
    <row r="314469" spans="14:14">
      <c r="N314469" s="10"/>
    </row>
    <row r="314470" spans="14:14">
      <c r="N314470" s="10"/>
    </row>
    <row r="314471" spans="14:14">
      <c r="N314471" s="10"/>
    </row>
    <row r="314472" spans="14:14">
      <c r="N314472" s="10"/>
    </row>
    <row r="314473" spans="14:14">
      <c r="N314473" s="10"/>
    </row>
    <row r="314474" spans="14:14">
      <c r="N314474" s="10"/>
    </row>
    <row r="314475" spans="14:14">
      <c r="N314475" s="10"/>
    </row>
    <row r="314476" spans="14:14">
      <c r="N314476" s="10"/>
    </row>
    <row r="314477" spans="14:14">
      <c r="N314477" s="10"/>
    </row>
    <row r="314478" spans="14:14">
      <c r="N314478" s="10"/>
    </row>
    <row r="314479" spans="14:14">
      <c r="N314479" s="10"/>
    </row>
    <row r="314480" spans="14:14">
      <c r="N314480" s="10"/>
    </row>
    <row r="314481" spans="14:14">
      <c r="N314481" s="10"/>
    </row>
    <row r="314482" spans="14:14">
      <c r="N314482" s="10"/>
    </row>
    <row r="314483" spans="14:14">
      <c r="N314483" s="10"/>
    </row>
    <row r="314484" spans="14:14">
      <c r="N314484" s="10"/>
    </row>
    <row r="314485" spans="14:14">
      <c r="N314485" s="10"/>
    </row>
    <row r="314486" spans="14:14">
      <c r="N314486" s="10"/>
    </row>
    <row r="314487" spans="14:14">
      <c r="N314487" s="10"/>
    </row>
    <row r="314488" spans="14:14">
      <c r="N314488" s="10"/>
    </row>
    <row r="314489" spans="14:14">
      <c r="N314489" s="10"/>
    </row>
    <row r="314490" spans="14:14">
      <c r="N314490" s="10"/>
    </row>
    <row r="314491" spans="14:14">
      <c r="N314491" s="10"/>
    </row>
    <row r="314492" spans="14:14">
      <c r="N314492" s="10"/>
    </row>
    <row r="314493" spans="14:14">
      <c r="N314493" s="10"/>
    </row>
    <row r="314494" spans="14:14">
      <c r="N314494" s="10"/>
    </row>
    <row r="314495" spans="14:14">
      <c r="N314495" s="10"/>
    </row>
    <row r="314496" spans="14:14">
      <c r="N314496" s="10"/>
    </row>
    <row r="314497" spans="14:14">
      <c r="N314497" s="10"/>
    </row>
    <row r="314498" spans="14:14">
      <c r="N314498" s="10"/>
    </row>
    <row r="314499" spans="14:14">
      <c r="N314499" s="10"/>
    </row>
    <row r="314500" spans="14:14">
      <c r="N314500" s="10"/>
    </row>
    <row r="314501" spans="14:14">
      <c r="N314501" s="10"/>
    </row>
    <row r="314502" spans="14:14">
      <c r="N314502" s="10"/>
    </row>
    <row r="314503" spans="14:14">
      <c r="N314503" s="10"/>
    </row>
    <row r="314504" spans="14:14">
      <c r="N314504" s="10"/>
    </row>
    <row r="314505" spans="14:14">
      <c r="N314505" s="10"/>
    </row>
    <row r="314506" spans="14:14">
      <c r="N314506" s="10"/>
    </row>
    <row r="314507" spans="14:14">
      <c r="N314507" s="10"/>
    </row>
    <row r="314508" spans="14:14">
      <c r="N314508" s="10"/>
    </row>
    <row r="314509" spans="14:14">
      <c r="N314509" s="10"/>
    </row>
    <row r="314510" spans="14:14">
      <c r="N314510" s="10"/>
    </row>
    <row r="314511" spans="14:14">
      <c r="N314511" s="10"/>
    </row>
    <row r="314512" spans="14:14">
      <c r="N314512" s="10"/>
    </row>
    <row r="314513" spans="14:14">
      <c r="N314513" s="10"/>
    </row>
    <row r="314514" spans="14:14">
      <c r="N314514" s="10"/>
    </row>
    <row r="314515" spans="14:14">
      <c r="N314515" s="10"/>
    </row>
    <row r="314516" spans="14:14">
      <c r="N314516" s="10"/>
    </row>
    <row r="314517" spans="14:14">
      <c r="N314517" s="10"/>
    </row>
    <row r="314518" spans="14:14">
      <c r="N314518" s="10"/>
    </row>
    <row r="314519" spans="14:14">
      <c r="N314519" s="10"/>
    </row>
    <row r="314520" spans="14:14">
      <c r="N314520" s="10"/>
    </row>
    <row r="314521" spans="14:14">
      <c r="N314521" s="10"/>
    </row>
    <row r="314522" spans="14:14">
      <c r="N314522" s="10"/>
    </row>
    <row r="314523" spans="14:14">
      <c r="N314523" s="10"/>
    </row>
    <row r="314524" spans="14:14">
      <c r="N314524" s="10"/>
    </row>
    <row r="314525" spans="14:14">
      <c r="N314525" s="10"/>
    </row>
    <row r="314526" spans="14:14">
      <c r="N314526" s="10"/>
    </row>
    <row r="314527" spans="14:14">
      <c r="N314527" s="10"/>
    </row>
    <row r="314528" spans="14:14">
      <c r="N314528" s="10"/>
    </row>
    <row r="314529" spans="14:14">
      <c r="N314529" s="10"/>
    </row>
    <row r="314530" spans="14:14">
      <c r="N314530" s="10"/>
    </row>
    <row r="314531" spans="14:14">
      <c r="N314531" s="10"/>
    </row>
    <row r="314532" spans="14:14">
      <c r="N314532" s="10"/>
    </row>
    <row r="314533" spans="14:14">
      <c r="N314533" s="10"/>
    </row>
    <row r="314534" spans="14:14">
      <c r="N314534" s="10"/>
    </row>
    <row r="314535" spans="14:14">
      <c r="N314535" s="10"/>
    </row>
    <row r="314536" spans="14:14">
      <c r="N314536" s="10"/>
    </row>
    <row r="314537" spans="14:14">
      <c r="N314537" s="10"/>
    </row>
    <row r="314538" spans="14:14">
      <c r="N314538" s="10"/>
    </row>
    <row r="314539" spans="14:14">
      <c r="N314539" s="10"/>
    </row>
    <row r="314540" spans="14:14">
      <c r="N314540" s="10"/>
    </row>
    <row r="314541" spans="14:14">
      <c r="N314541" s="10"/>
    </row>
    <row r="314542" spans="14:14">
      <c r="N314542" s="10"/>
    </row>
    <row r="314543" spans="14:14">
      <c r="N314543" s="10"/>
    </row>
    <row r="314544" spans="14:14">
      <c r="N314544" s="10"/>
    </row>
    <row r="314545" spans="14:14">
      <c r="N314545" s="10"/>
    </row>
    <row r="314546" spans="14:14">
      <c r="N314546" s="10"/>
    </row>
    <row r="314547" spans="14:14">
      <c r="N314547" s="10"/>
    </row>
    <row r="314548" spans="14:14">
      <c r="N314548" s="10"/>
    </row>
    <row r="314549" spans="14:14">
      <c r="N314549" s="10"/>
    </row>
    <row r="314550" spans="14:14">
      <c r="N314550" s="10"/>
    </row>
    <row r="314551" spans="14:14">
      <c r="N314551" s="10"/>
    </row>
    <row r="314552" spans="14:14">
      <c r="N314552" s="10"/>
    </row>
    <row r="314553" spans="14:14">
      <c r="N314553" s="10"/>
    </row>
    <row r="314554" spans="14:14">
      <c r="N314554" s="10"/>
    </row>
    <row r="314555" spans="14:14">
      <c r="N314555" s="10"/>
    </row>
    <row r="314556" spans="14:14">
      <c r="N314556" s="10"/>
    </row>
    <row r="314557" spans="14:14">
      <c r="N314557" s="10"/>
    </row>
    <row r="314558" spans="14:14">
      <c r="N314558" s="10"/>
    </row>
    <row r="314559" spans="14:14">
      <c r="N314559" s="10"/>
    </row>
    <row r="314560" spans="14:14">
      <c r="N314560" s="10"/>
    </row>
    <row r="314561" spans="14:14">
      <c r="N314561" s="10"/>
    </row>
    <row r="314562" spans="14:14">
      <c r="N314562" s="10"/>
    </row>
    <row r="314563" spans="14:14">
      <c r="N314563" s="10"/>
    </row>
    <row r="314564" spans="14:14">
      <c r="N314564" s="10"/>
    </row>
    <row r="314565" spans="14:14">
      <c r="N314565" s="10"/>
    </row>
    <row r="314566" spans="14:14">
      <c r="N314566" s="10"/>
    </row>
    <row r="314567" spans="14:14">
      <c r="N314567" s="10"/>
    </row>
    <row r="314568" spans="14:14">
      <c r="N314568" s="10"/>
    </row>
    <row r="314569" spans="14:14">
      <c r="N314569" s="10"/>
    </row>
    <row r="314570" spans="14:14">
      <c r="N314570" s="10"/>
    </row>
    <row r="314571" spans="14:14">
      <c r="N314571" s="10"/>
    </row>
    <row r="314572" spans="14:14">
      <c r="N314572" s="10"/>
    </row>
    <row r="314573" spans="14:14">
      <c r="N314573" s="10"/>
    </row>
    <row r="314574" spans="14:14">
      <c r="N314574" s="10"/>
    </row>
    <row r="314575" spans="14:14">
      <c r="N314575" s="10"/>
    </row>
    <row r="314576" spans="14:14">
      <c r="N314576" s="10"/>
    </row>
    <row r="314577" spans="14:14">
      <c r="N314577" s="10"/>
    </row>
    <row r="314578" spans="14:14">
      <c r="N314578" s="10"/>
    </row>
    <row r="314579" spans="14:14">
      <c r="N314579" s="10"/>
    </row>
    <row r="314580" spans="14:14">
      <c r="N314580" s="10"/>
    </row>
    <row r="314581" spans="14:14">
      <c r="N314581" s="10"/>
    </row>
    <row r="314582" spans="14:14">
      <c r="N314582" s="10"/>
    </row>
    <row r="314583" spans="14:14">
      <c r="N314583" s="10"/>
    </row>
    <row r="314584" spans="14:14">
      <c r="N314584" s="10"/>
    </row>
    <row r="314585" spans="14:14">
      <c r="N314585" s="10"/>
    </row>
    <row r="314586" spans="14:14">
      <c r="N314586" s="10"/>
    </row>
    <row r="314587" spans="14:14">
      <c r="N314587" s="10"/>
    </row>
    <row r="314588" spans="14:14">
      <c r="N314588" s="10"/>
    </row>
    <row r="314589" spans="14:14">
      <c r="N314589" s="10"/>
    </row>
    <row r="314590" spans="14:14">
      <c r="N314590" s="10"/>
    </row>
    <row r="314591" spans="14:14">
      <c r="N314591" s="10"/>
    </row>
    <row r="314592" spans="14:14">
      <c r="N314592" s="10"/>
    </row>
    <row r="314593" spans="14:14">
      <c r="N314593" s="10"/>
    </row>
    <row r="314594" spans="14:14">
      <c r="N314594" s="10"/>
    </row>
    <row r="314595" spans="14:14">
      <c r="N314595" s="10"/>
    </row>
    <row r="314596" spans="14:14">
      <c r="N314596" s="10"/>
    </row>
    <row r="314597" spans="14:14">
      <c r="N314597" s="10"/>
    </row>
    <row r="314598" spans="14:14">
      <c r="N314598" s="10"/>
    </row>
    <row r="314599" spans="14:14">
      <c r="N314599" s="10"/>
    </row>
    <row r="314600" spans="14:14">
      <c r="N314600" s="10"/>
    </row>
    <row r="314601" spans="14:14">
      <c r="N314601" s="10"/>
    </row>
    <row r="314602" spans="14:14">
      <c r="N314602" s="10"/>
    </row>
    <row r="314603" spans="14:14">
      <c r="N314603" s="10"/>
    </row>
    <row r="314604" spans="14:14">
      <c r="N314604" s="10"/>
    </row>
    <row r="314605" spans="14:14">
      <c r="N314605" s="10"/>
    </row>
    <row r="314606" spans="14:14">
      <c r="N314606" s="10"/>
    </row>
    <row r="314607" spans="14:14">
      <c r="N314607" s="10"/>
    </row>
    <row r="314608" spans="14:14">
      <c r="N314608" s="10"/>
    </row>
    <row r="314609" spans="14:14">
      <c r="N314609" s="10"/>
    </row>
    <row r="314610" spans="14:14">
      <c r="N314610" s="10"/>
    </row>
    <row r="314611" spans="14:14">
      <c r="N314611" s="10"/>
    </row>
    <row r="314612" spans="14:14">
      <c r="N314612" s="10"/>
    </row>
    <row r="314613" spans="14:14">
      <c r="N314613" s="10"/>
    </row>
    <row r="314614" spans="14:14">
      <c r="N314614" s="10"/>
    </row>
    <row r="314615" spans="14:14">
      <c r="N314615" s="10"/>
    </row>
    <row r="314616" spans="14:14">
      <c r="N314616" s="10"/>
    </row>
    <row r="314617" spans="14:14">
      <c r="N314617" s="10"/>
    </row>
    <row r="314618" spans="14:14">
      <c r="N314618" s="10"/>
    </row>
    <row r="314619" spans="14:14">
      <c r="N314619" s="10"/>
    </row>
    <row r="314620" spans="14:14">
      <c r="N314620" s="10"/>
    </row>
    <row r="314621" spans="14:14">
      <c r="N314621" s="10"/>
    </row>
    <row r="314622" spans="14:14">
      <c r="N314622" s="10"/>
    </row>
    <row r="314623" spans="14:14">
      <c r="N314623" s="10"/>
    </row>
    <row r="314624" spans="14:14">
      <c r="N314624" s="10"/>
    </row>
    <row r="314625" spans="14:14">
      <c r="N314625" s="10"/>
    </row>
    <row r="314626" spans="14:14">
      <c r="N314626" s="10"/>
    </row>
    <row r="314627" spans="14:14">
      <c r="N314627" s="10"/>
    </row>
    <row r="314628" spans="14:14">
      <c r="N314628" s="10"/>
    </row>
    <row r="314629" spans="14:14">
      <c r="N314629" s="10"/>
    </row>
    <row r="314630" spans="14:14">
      <c r="N314630" s="10"/>
    </row>
    <row r="314631" spans="14:14">
      <c r="N314631" s="10"/>
    </row>
    <row r="314632" spans="14:14">
      <c r="N314632" s="10"/>
    </row>
    <row r="314633" spans="14:14">
      <c r="N314633" s="10"/>
    </row>
    <row r="314634" spans="14:14">
      <c r="N314634" s="10"/>
    </row>
    <row r="314635" spans="14:14">
      <c r="N314635" s="10"/>
    </row>
    <row r="314636" spans="14:14">
      <c r="N314636" s="10"/>
    </row>
    <row r="314637" spans="14:14">
      <c r="N314637" s="10"/>
    </row>
    <row r="314638" spans="14:14">
      <c r="N314638" s="10"/>
    </row>
    <row r="314639" spans="14:14">
      <c r="N314639" s="10"/>
    </row>
    <row r="314640" spans="14:14">
      <c r="N314640" s="10"/>
    </row>
    <row r="314641" spans="14:14">
      <c r="N314641" s="10"/>
    </row>
    <row r="314642" spans="14:14">
      <c r="N314642" s="10"/>
    </row>
    <row r="314643" spans="14:14">
      <c r="N314643" s="10"/>
    </row>
    <row r="314644" spans="14:14">
      <c r="N314644" s="10"/>
    </row>
    <row r="314645" spans="14:14">
      <c r="N314645" s="10"/>
    </row>
    <row r="314646" spans="14:14">
      <c r="N314646" s="10"/>
    </row>
    <row r="314647" spans="14:14">
      <c r="N314647" s="10"/>
    </row>
    <row r="314648" spans="14:14">
      <c r="N314648" s="10"/>
    </row>
    <row r="314649" spans="14:14">
      <c r="N314649" s="10"/>
    </row>
    <row r="314650" spans="14:14">
      <c r="N314650" s="10"/>
    </row>
    <row r="314651" spans="14:14">
      <c r="N314651" s="10"/>
    </row>
    <row r="314652" spans="14:14">
      <c r="N314652" s="10"/>
    </row>
    <row r="314653" spans="14:14">
      <c r="N314653" s="10"/>
    </row>
    <row r="314654" spans="14:14">
      <c r="N314654" s="10"/>
    </row>
    <row r="314655" spans="14:14">
      <c r="N314655" s="10"/>
    </row>
    <row r="314656" spans="14:14">
      <c r="N314656" s="10"/>
    </row>
    <row r="314657" spans="14:14">
      <c r="N314657" s="10"/>
    </row>
    <row r="314658" spans="14:14">
      <c r="N314658" s="10"/>
    </row>
    <row r="314659" spans="14:14">
      <c r="N314659" s="10"/>
    </row>
    <row r="314660" spans="14:14">
      <c r="N314660" s="10"/>
    </row>
    <row r="314661" spans="14:14">
      <c r="N314661" s="10"/>
    </row>
    <row r="314662" spans="14:14">
      <c r="N314662" s="10"/>
    </row>
    <row r="314663" spans="14:14">
      <c r="N314663" s="10"/>
    </row>
    <row r="314664" spans="14:14">
      <c r="N314664" s="10"/>
    </row>
    <row r="314665" spans="14:14">
      <c r="N314665" s="10"/>
    </row>
    <row r="314666" spans="14:14">
      <c r="N314666" s="10"/>
    </row>
    <row r="314667" spans="14:14">
      <c r="N314667" s="10"/>
    </row>
    <row r="314668" spans="14:14">
      <c r="N314668" s="10"/>
    </row>
    <row r="314669" spans="14:14">
      <c r="N314669" s="10"/>
    </row>
    <row r="314670" spans="14:14">
      <c r="N314670" s="10"/>
    </row>
    <row r="314671" spans="14:14">
      <c r="N314671" s="10"/>
    </row>
    <row r="314672" spans="14:14">
      <c r="N314672" s="10"/>
    </row>
    <row r="314673" spans="14:14">
      <c r="N314673" s="10"/>
    </row>
    <row r="314674" spans="14:14">
      <c r="N314674" s="10"/>
    </row>
    <row r="314675" spans="14:14">
      <c r="N314675" s="10"/>
    </row>
    <row r="314676" spans="14:14">
      <c r="N314676" s="10"/>
    </row>
    <row r="314677" spans="14:14">
      <c r="N314677" s="10"/>
    </row>
    <row r="314678" spans="14:14">
      <c r="N314678" s="10"/>
    </row>
    <row r="314679" spans="14:14">
      <c r="N314679" s="10"/>
    </row>
    <row r="314680" spans="14:14">
      <c r="N314680" s="10"/>
    </row>
    <row r="314681" spans="14:14">
      <c r="N314681" s="10"/>
    </row>
    <row r="314682" spans="14:14">
      <c r="N314682" s="10"/>
    </row>
    <row r="314683" spans="14:14">
      <c r="N314683" s="10"/>
    </row>
    <row r="314684" spans="14:14">
      <c r="N314684" s="10"/>
    </row>
    <row r="314685" spans="14:14">
      <c r="N314685" s="10"/>
    </row>
    <row r="314686" spans="14:14">
      <c r="N314686" s="10"/>
    </row>
    <row r="314687" spans="14:14">
      <c r="N314687" s="10"/>
    </row>
    <row r="314688" spans="14:14">
      <c r="N314688" s="10"/>
    </row>
    <row r="314689" spans="14:14">
      <c r="N314689" s="10"/>
    </row>
    <row r="314690" spans="14:14">
      <c r="N314690" s="10"/>
    </row>
    <row r="314691" spans="14:14">
      <c r="N314691" s="10"/>
    </row>
    <row r="314692" spans="14:14">
      <c r="N314692" s="10"/>
    </row>
    <row r="314693" spans="14:14">
      <c r="N314693" s="10"/>
    </row>
    <row r="314694" spans="14:14">
      <c r="N314694" s="10"/>
    </row>
    <row r="314695" spans="14:14">
      <c r="N314695" s="10"/>
    </row>
    <row r="314696" spans="14:14">
      <c r="N314696" s="10"/>
    </row>
    <row r="314697" spans="14:14">
      <c r="N314697" s="10"/>
    </row>
    <row r="314698" spans="14:14">
      <c r="N314698" s="10"/>
    </row>
    <row r="314699" spans="14:14">
      <c r="N314699" s="10"/>
    </row>
    <row r="314700" spans="14:14">
      <c r="N314700" s="10"/>
    </row>
    <row r="314701" spans="14:14">
      <c r="N314701" s="10"/>
    </row>
    <row r="314702" spans="14:14">
      <c r="N314702" s="10"/>
    </row>
    <row r="314703" spans="14:14">
      <c r="N314703" s="10"/>
    </row>
    <row r="314704" spans="14:14">
      <c r="N314704" s="10"/>
    </row>
    <row r="314705" spans="14:14">
      <c r="N314705" s="10"/>
    </row>
    <row r="314706" spans="14:14">
      <c r="N314706" s="10"/>
    </row>
    <row r="314707" spans="14:14">
      <c r="N314707" s="10"/>
    </row>
    <row r="314708" spans="14:14">
      <c r="N314708" s="10"/>
    </row>
    <row r="314709" spans="14:14">
      <c r="N314709" s="10"/>
    </row>
    <row r="314710" spans="14:14">
      <c r="N314710" s="10"/>
    </row>
    <row r="314711" spans="14:14">
      <c r="N314711" s="10"/>
    </row>
    <row r="314712" spans="14:14">
      <c r="N314712" s="10"/>
    </row>
    <row r="314713" spans="14:14">
      <c r="N314713" s="10"/>
    </row>
    <row r="314714" spans="14:14">
      <c r="N314714" s="10"/>
    </row>
    <row r="314715" spans="14:14">
      <c r="N314715" s="10"/>
    </row>
    <row r="314716" spans="14:14">
      <c r="N314716" s="10"/>
    </row>
    <row r="314717" spans="14:14">
      <c r="N314717" s="10"/>
    </row>
    <row r="314718" spans="14:14">
      <c r="N314718" s="10"/>
    </row>
    <row r="314719" spans="14:14">
      <c r="N314719" s="10"/>
    </row>
    <row r="314720" spans="14:14">
      <c r="N314720" s="10"/>
    </row>
    <row r="314721" spans="14:14">
      <c r="N314721" s="10"/>
    </row>
    <row r="314722" spans="14:14">
      <c r="N314722" s="10"/>
    </row>
    <row r="314723" spans="14:14">
      <c r="N314723" s="10"/>
    </row>
    <row r="314724" spans="14:14">
      <c r="N314724" s="10"/>
    </row>
    <row r="314725" spans="14:14">
      <c r="N314725" s="10"/>
    </row>
    <row r="314726" spans="14:14">
      <c r="N314726" s="10"/>
    </row>
    <row r="314727" spans="14:14">
      <c r="N314727" s="10"/>
    </row>
    <row r="314728" spans="14:14">
      <c r="N314728" s="10"/>
    </row>
    <row r="314729" spans="14:14">
      <c r="N314729" s="10"/>
    </row>
    <row r="314730" spans="14:14">
      <c r="N314730" s="10"/>
    </row>
    <row r="314731" spans="14:14">
      <c r="N314731" s="10"/>
    </row>
    <row r="314732" spans="14:14">
      <c r="N314732" s="10"/>
    </row>
    <row r="314733" spans="14:14">
      <c r="N314733" s="10"/>
    </row>
    <row r="314734" spans="14:14">
      <c r="N314734" s="10"/>
    </row>
    <row r="314735" spans="14:14">
      <c r="N314735" s="10"/>
    </row>
    <row r="314736" spans="14:14">
      <c r="N314736" s="10"/>
    </row>
    <row r="314737" spans="14:14">
      <c r="N314737" s="10"/>
    </row>
    <row r="314738" spans="14:14">
      <c r="N314738" s="10"/>
    </row>
    <row r="314739" spans="14:14">
      <c r="N314739" s="10"/>
    </row>
    <row r="314740" spans="14:14">
      <c r="N314740" s="10"/>
    </row>
    <row r="314741" spans="14:14">
      <c r="N314741" s="10"/>
    </row>
    <row r="314742" spans="14:14">
      <c r="N314742" s="10"/>
    </row>
    <row r="314743" spans="14:14">
      <c r="N314743" s="10"/>
    </row>
    <row r="314744" spans="14:14">
      <c r="N314744" s="10"/>
    </row>
    <row r="314745" spans="14:14">
      <c r="N314745" s="10"/>
    </row>
    <row r="314746" spans="14:14">
      <c r="N314746" s="10"/>
    </row>
    <row r="314747" spans="14:14">
      <c r="N314747" s="10"/>
    </row>
    <row r="314748" spans="14:14">
      <c r="N314748" s="10"/>
    </row>
    <row r="314749" spans="14:14">
      <c r="N314749" s="10"/>
    </row>
    <row r="314750" spans="14:14">
      <c r="N314750" s="10"/>
    </row>
    <row r="314751" spans="14:14">
      <c r="N314751" s="10"/>
    </row>
    <row r="314752" spans="14:14">
      <c r="N314752" s="10"/>
    </row>
    <row r="314753" spans="14:14">
      <c r="N314753" s="10"/>
    </row>
    <row r="314754" spans="14:14">
      <c r="N314754" s="10"/>
    </row>
    <row r="314755" spans="14:14">
      <c r="N314755" s="10"/>
    </row>
    <row r="314756" spans="14:14">
      <c r="N314756" s="10"/>
    </row>
    <row r="314757" spans="14:14">
      <c r="N314757" s="10"/>
    </row>
    <row r="314758" spans="14:14">
      <c r="N314758" s="10"/>
    </row>
    <row r="314759" spans="14:14">
      <c r="N314759" s="10"/>
    </row>
    <row r="314760" spans="14:14">
      <c r="N314760" s="10"/>
    </row>
    <row r="314761" spans="14:14">
      <c r="N314761" s="10"/>
    </row>
    <row r="314762" spans="14:14">
      <c r="N314762" s="10"/>
    </row>
    <row r="314763" spans="14:14">
      <c r="N314763" s="10"/>
    </row>
    <row r="314764" spans="14:14">
      <c r="N314764" s="10"/>
    </row>
    <row r="314765" spans="14:14">
      <c r="N314765" s="10"/>
    </row>
    <row r="314766" spans="14:14">
      <c r="N314766" s="10"/>
    </row>
    <row r="314767" spans="14:14">
      <c r="N314767" s="10"/>
    </row>
    <row r="314768" spans="14:14">
      <c r="N314768" s="10"/>
    </row>
    <row r="314769" spans="14:14">
      <c r="N314769" s="10"/>
    </row>
    <row r="314770" spans="14:14">
      <c r="N314770" s="10"/>
    </row>
    <row r="314771" spans="14:14">
      <c r="N314771" s="10"/>
    </row>
    <row r="314772" spans="14:14">
      <c r="N314772" s="10"/>
    </row>
    <row r="314773" spans="14:14">
      <c r="N314773" s="10"/>
    </row>
    <row r="314774" spans="14:14">
      <c r="N314774" s="10"/>
    </row>
    <row r="314775" spans="14:14">
      <c r="N314775" s="10"/>
    </row>
    <row r="314776" spans="14:14">
      <c r="N314776" s="10"/>
    </row>
    <row r="314777" spans="14:14">
      <c r="N314777" s="10"/>
    </row>
    <row r="314778" spans="14:14">
      <c r="N314778" s="10"/>
    </row>
    <row r="314779" spans="14:14">
      <c r="N314779" s="10"/>
    </row>
    <row r="314780" spans="14:14">
      <c r="N314780" s="10"/>
    </row>
    <row r="314781" spans="14:14">
      <c r="N314781" s="10"/>
    </row>
    <row r="314782" spans="14:14">
      <c r="N314782" s="10"/>
    </row>
    <row r="314783" spans="14:14">
      <c r="N314783" s="10"/>
    </row>
    <row r="314784" spans="14:14">
      <c r="N314784" s="10"/>
    </row>
    <row r="314785" spans="14:14">
      <c r="N314785" s="10"/>
    </row>
    <row r="314786" spans="14:14">
      <c r="N314786" s="10"/>
    </row>
    <row r="314787" spans="14:14">
      <c r="N314787" s="10"/>
    </row>
    <row r="314788" spans="14:14">
      <c r="N314788" s="10"/>
    </row>
    <row r="314789" spans="14:14">
      <c r="N314789" s="10"/>
    </row>
    <row r="314790" spans="14:14">
      <c r="N314790" s="10"/>
    </row>
    <row r="314791" spans="14:14">
      <c r="N314791" s="10"/>
    </row>
    <row r="314792" spans="14:14">
      <c r="N314792" s="10"/>
    </row>
    <row r="314793" spans="14:14">
      <c r="N314793" s="10"/>
    </row>
    <row r="314794" spans="14:14">
      <c r="N314794" s="10"/>
    </row>
    <row r="314795" spans="14:14">
      <c r="N314795" s="10"/>
    </row>
    <row r="314796" spans="14:14">
      <c r="N314796" s="10"/>
    </row>
    <row r="314797" spans="14:14">
      <c r="N314797" s="10"/>
    </row>
    <row r="314798" spans="14:14">
      <c r="N314798" s="10"/>
    </row>
    <row r="314799" spans="14:14">
      <c r="N314799" s="10"/>
    </row>
    <row r="314800" spans="14:14">
      <c r="N314800" s="10"/>
    </row>
    <row r="314801" spans="14:14">
      <c r="N314801" s="10"/>
    </row>
    <row r="314802" spans="14:14">
      <c r="N314802" s="10"/>
    </row>
    <row r="314803" spans="14:14">
      <c r="N314803" s="10"/>
    </row>
    <row r="314804" spans="14:14">
      <c r="N314804" s="10"/>
    </row>
    <row r="314805" spans="14:14">
      <c r="N314805" s="10"/>
    </row>
    <row r="314806" spans="14:14">
      <c r="N314806" s="10"/>
    </row>
    <row r="314807" spans="14:14">
      <c r="N314807" s="10"/>
    </row>
    <row r="314808" spans="14:14">
      <c r="N314808" s="10"/>
    </row>
    <row r="314809" spans="14:14">
      <c r="N314809" s="10"/>
    </row>
    <row r="314810" spans="14:14">
      <c r="N314810" s="10"/>
    </row>
    <row r="314811" spans="14:14">
      <c r="N314811" s="10"/>
    </row>
    <row r="314812" spans="14:14">
      <c r="N314812" s="10"/>
    </row>
    <row r="314813" spans="14:14">
      <c r="N314813" s="10"/>
    </row>
    <row r="314814" spans="14:14">
      <c r="N314814" s="10"/>
    </row>
    <row r="314815" spans="14:14">
      <c r="N314815" s="10"/>
    </row>
    <row r="314816" spans="14:14">
      <c r="N314816" s="10"/>
    </row>
    <row r="314817" spans="14:14">
      <c r="N314817" s="10"/>
    </row>
    <row r="314818" spans="14:14">
      <c r="N314818" s="10"/>
    </row>
    <row r="314819" spans="14:14">
      <c r="N314819" s="10"/>
    </row>
    <row r="314820" spans="14:14">
      <c r="N314820" s="10"/>
    </row>
    <row r="314821" spans="14:14">
      <c r="N314821" s="10"/>
    </row>
    <row r="314822" spans="14:14">
      <c r="N314822" s="10"/>
    </row>
    <row r="314823" spans="14:14">
      <c r="N314823" s="10"/>
    </row>
    <row r="314824" spans="14:14">
      <c r="N314824" s="10"/>
    </row>
    <row r="314825" spans="14:14">
      <c r="N314825" s="10"/>
    </row>
    <row r="314826" spans="14:14">
      <c r="N314826" s="10"/>
    </row>
    <row r="314827" spans="14:14">
      <c r="N314827" s="10"/>
    </row>
    <row r="314828" spans="14:14">
      <c r="N314828" s="10"/>
    </row>
    <row r="314829" spans="14:14">
      <c r="N314829" s="10"/>
    </row>
    <row r="314830" spans="14:14">
      <c r="N314830" s="10"/>
    </row>
    <row r="314831" spans="14:14">
      <c r="N314831" s="10"/>
    </row>
    <row r="314832" spans="14:14">
      <c r="N314832" s="10"/>
    </row>
    <row r="314833" spans="14:14">
      <c r="N314833" s="10"/>
    </row>
    <row r="314834" spans="14:14">
      <c r="N314834" s="10"/>
    </row>
    <row r="314835" spans="14:14">
      <c r="N314835" s="10"/>
    </row>
    <row r="314836" spans="14:14">
      <c r="N314836" s="10"/>
    </row>
    <row r="314837" spans="14:14">
      <c r="N314837" s="10"/>
    </row>
    <row r="314838" spans="14:14">
      <c r="N314838" s="10"/>
    </row>
    <row r="314839" spans="14:14">
      <c r="N314839" s="10"/>
    </row>
    <row r="314840" spans="14:14">
      <c r="N314840" s="10"/>
    </row>
    <row r="314841" spans="14:14">
      <c r="N314841" s="10"/>
    </row>
    <row r="314842" spans="14:14">
      <c r="N314842" s="10"/>
    </row>
    <row r="314843" spans="14:14">
      <c r="N314843" s="10"/>
    </row>
    <row r="314844" spans="14:14">
      <c r="N314844" s="10"/>
    </row>
    <row r="314845" spans="14:14">
      <c r="N314845" s="10"/>
    </row>
    <row r="314846" spans="14:14">
      <c r="N314846" s="10"/>
    </row>
    <row r="314847" spans="14:14">
      <c r="N314847" s="10"/>
    </row>
    <row r="314848" spans="14:14">
      <c r="N314848" s="10"/>
    </row>
    <row r="314849" spans="14:14">
      <c r="N314849" s="10"/>
    </row>
    <row r="314850" spans="14:14">
      <c r="N314850" s="10"/>
    </row>
    <row r="314851" spans="14:14">
      <c r="N314851" s="10"/>
    </row>
    <row r="314852" spans="14:14">
      <c r="N314852" s="10"/>
    </row>
    <row r="314853" spans="14:14">
      <c r="N314853" s="10"/>
    </row>
    <row r="314854" spans="14:14">
      <c r="N314854" s="10"/>
    </row>
    <row r="314855" spans="14:14">
      <c r="N314855" s="10"/>
    </row>
    <row r="314856" spans="14:14">
      <c r="N314856" s="10"/>
    </row>
    <row r="314857" spans="14:14">
      <c r="N314857" s="10"/>
    </row>
    <row r="314858" spans="14:14">
      <c r="N314858" s="10"/>
    </row>
    <row r="314859" spans="14:14">
      <c r="N314859" s="10"/>
    </row>
    <row r="314860" spans="14:14">
      <c r="N314860" s="10"/>
    </row>
    <row r="314861" spans="14:14">
      <c r="N314861" s="10"/>
    </row>
    <row r="314862" spans="14:14">
      <c r="N314862" s="10"/>
    </row>
    <row r="314863" spans="14:14">
      <c r="N314863" s="10"/>
    </row>
    <row r="314864" spans="14:14">
      <c r="N314864" s="10"/>
    </row>
    <row r="314865" spans="14:14">
      <c r="N314865" s="10"/>
    </row>
    <row r="314866" spans="14:14">
      <c r="N314866" s="10"/>
    </row>
    <row r="314867" spans="14:14">
      <c r="N314867" s="10"/>
    </row>
    <row r="314868" spans="14:14">
      <c r="N314868" s="10"/>
    </row>
    <row r="314869" spans="14:14">
      <c r="N314869" s="10"/>
    </row>
    <row r="314870" spans="14:14">
      <c r="N314870" s="10"/>
    </row>
    <row r="314871" spans="14:14">
      <c r="N314871" s="10"/>
    </row>
    <row r="314872" spans="14:14">
      <c r="N314872" s="10"/>
    </row>
    <row r="314873" spans="14:14">
      <c r="N314873" s="10"/>
    </row>
    <row r="314874" spans="14:14">
      <c r="N314874" s="10"/>
    </row>
    <row r="314875" spans="14:14">
      <c r="N314875" s="10"/>
    </row>
    <row r="314876" spans="14:14">
      <c r="N314876" s="10"/>
    </row>
    <row r="314877" spans="14:14">
      <c r="N314877" s="10"/>
    </row>
    <row r="314878" spans="14:14">
      <c r="N314878" s="10"/>
    </row>
    <row r="314879" spans="14:14">
      <c r="N314879" s="10"/>
    </row>
    <row r="314880" spans="14:14">
      <c r="N314880" s="10"/>
    </row>
    <row r="314881" spans="14:14">
      <c r="N314881" s="10"/>
    </row>
    <row r="314882" spans="14:14">
      <c r="N314882" s="10"/>
    </row>
    <row r="314883" spans="14:14">
      <c r="N314883" s="10"/>
    </row>
    <row r="314884" spans="14:14">
      <c r="N314884" s="10"/>
    </row>
    <row r="314885" spans="14:14">
      <c r="N314885" s="10"/>
    </row>
    <row r="314886" spans="14:14">
      <c r="N314886" s="10"/>
    </row>
    <row r="314887" spans="14:14">
      <c r="N314887" s="10"/>
    </row>
    <row r="314888" spans="14:14">
      <c r="N314888" s="10"/>
    </row>
    <row r="314889" spans="14:14">
      <c r="N314889" s="10"/>
    </row>
    <row r="314890" spans="14:14">
      <c r="N314890" s="10"/>
    </row>
    <row r="314891" spans="14:14">
      <c r="N314891" s="10"/>
    </row>
    <row r="314892" spans="14:14">
      <c r="N314892" s="10"/>
    </row>
    <row r="314893" spans="14:14">
      <c r="N314893" s="10"/>
    </row>
    <row r="314894" spans="14:14">
      <c r="N314894" s="10"/>
    </row>
    <row r="314895" spans="14:14">
      <c r="N314895" s="10"/>
    </row>
    <row r="314896" spans="14:14">
      <c r="N314896" s="10"/>
    </row>
    <row r="314897" spans="14:14">
      <c r="N314897" s="10"/>
    </row>
    <row r="314898" spans="14:14">
      <c r="N314898" s="10"/>
    </row>
    <row r="314899" spans="14:14">
      <c r="N314899" s="10"/>
    </row>
    <row r="314900" spans="14:14">
      <c r="N314900" s="10"/>
    </row>
    <row r="314901" spans="14:14">
      <c r="N314901" s="10"/>
    </row>
    <row r="314902" spans="14:14">
      <c r="N314902" s="10"/>
    </row>
    <row r="314903" spans="14:14">
      <c r="N314903" s="10"/>
    </row>
    <row r="314904" spans="14:14">
      <c r="N314904" s="10"/>
    </row>
    <row r="314905" spans="14:14">
      <c r="N314905" s="10"/>
    </row>
    <row r="314906" spans="14:14">
      <c r="N314906" s="10"/>
    </row>
    <row r="314907" spans="14:14">
      <c r="N314907" s="10"/>
    </row>
    <row r="314908" spans="14:14">
      <c r="N314908" s="10"/>
    </row>
    <row r="314909" spans="14:14">
      <c r="N314909" s="10"/>
    </row>
    <row r="314910" spans="14:14">
      <c r="N314910" s="10"/>
    </row>
    <row r="314911" spans="14:14">
      <c r="N314911" s="10"/>
    </row>
    <row r="314912" spans="14:14">
      <c r="N314912" s="10"/>
    </row>
    <row r="314913" spans="14:14">
      <c r="N314913" s="10"/>
    </row>
    <row r="314914" spans="14:14">
      <c r="N314914" s="10"/>
    </row>
    <row r="314915" spans="14:14">
      <c r="N314915" s="10"/>
    </row>
    <row r="314916" spans="14:14">
      <c r="N314916" s="10"/>
    </row>
    <row r="314917" spans="14:14">
      <c r="N314917" s="10"/>
    </row>
    <row r="314918" spans="14:14">
      <c r="N314918" s="10"/>
    </row>
    <row r="314919" spans="14:14">
      <c r="N314919" s="10"/>
    </row>
    <row r="314920" spans="14:14">
      <c r="N314920" s="10"/>
    </row>
    <row r="314921" spans="14:14">
      <c r="N314921" s="10"/>
    </row>
    <row r="314922" spans="14:14">
      <c r="N314922" s="10"/>
    </row>
    <row r="314923" spans="14:14">
      <c r="N314923" s="10"/>
    </row>
    <row r="314924" spans="14:14">
      <c r="N314924" s="10"/>
    </row>
    <row r="314925" spans="14:14">
      <c r="N314925" s="10"/>
    </row>
    <row r="314926" spans="14:14">
      <c r="N314926" s="10"/>
    </row>
    <row r="314927" spans="14:14">
      <c r="N314927" s="10"/>
    </row>
    <row r="314928" spans="14:14">
      <c r="N314928" s="10"/>
    </row>
    <row r="314929" spans="14:14">
      <c r="N314929" s="10"/>
    </row>
    <row r="314930" spans="14:14">
      <c r="N314930" s="10"/>
    </row>
    <row r="314931" spans="14:14">
      <c r="N314931" s="10"/>
    </row>
    <row r="314932" spans="14:14">
      <c r="N314932" s="10"/>
    </row>
    <row r="314933" spans="14:14">
      <c r="N314933" s="10"/>
    </row>
    <row r="314934" spans="14:14">
      <c r="N314934" s="10"/>
    </row>
    <row r="314935" spans="14:14">
      <c r="N314935" s="10"/>
    </row>
    <row r="314936" spans="14:14">
      <c r="N314936" s="10"/>
    </row>
    <row r="314937" spans="14:14">
      <c r="N314937" s="10"/>
    </row>
    <row r="314938" spans="14:14">
      <c r="N314938" s="10"/>
    </row>
    <row r="314939" spans="14:14">
      <c r="N314939" s="10"/>
    </row>
    <row r="314940" spans="14:14">
      <c r="N314940" s="10"/>
    </row>
    <row r="314941" spans="14:14">
      <c r="N314941" s="10"/>
    </row>
    <row r="314942" spans="14:14">
      <c r="N314942" s="10"/>
    </row>
    <row r="314943" spans="14:14">
      <c r="N314943" s="10"/>
    </row>
    <row r="314944" spans="14:14">
      <c r="N314944" s="10"/>
    </row>
    <row r="314945" spans="14:14">
      <c r="N314945" s="10"/>
    </row>
    <row r="314946" spans="14:14">
      <c r="N314946" s="10"/>
    </row>
    <row r="314947" spans="14:14">
      <c r="N314947" s="10"/>
    </row>
    <row r="314948" spans="14:14">
      <c r="N314948" s="10"/>
    </row>
    <row r="314949" spans="14:14">
      <c r="N314949" s="10"/>
    </row>
    <row r="314950" spans="14:14">
      <c r="N314950" s="10"/>
    </row>
    <row r="314951" spans="14:14">
      <c r="N314951" s="10"/>
    </row>
    <row r="314952" spans="14:14">
      <c r="N314952" s="10"/>
    </row>
    <row r="314953" spans="14:14">
      <c r="N314953" s="10"/>
    </row>
    <row r="314954" spans="14:14">
      <c r="N314954" s="10"/>
    </row>
    <row r="314955" spans="14:14">
      <c r="N314955" s="10"/>
    </row>
    <row r="314956" spans="14:14">
      <c r="N314956" s="10"/>
    </row>
    <row r="314957" spans="14:14">
      <c r="N314957" s="10"/>
    </row>
    <row r="314958" spans="14:14">
      <c r="N314958" s="10"/>
    </row>
    <row r="314959" spans="14:14">
      <c r="N314959" s="10"/>
    </row>
    <row r="314960" spans="14:14">
      <c r="N314960" s="10"/>
    </row>
    <row r="314961" spans="14:14">
      <c r="N314961" s="10"/>
    </row>
    <row r="314962" spans="14:14">
      <c r="N314962" s="10"/>
    </row>
    <row r="314963" spans="14:14">
      <c r="N314963" s="10"/>
    </row>
    <row r="314964" spans="14:14">
      <c r="N314964" s="10"/>
    </row>
    <row r="314965" spans="14:14">
      <c r="N314965" s="10"/>
    </row>
    <row r="314966" spans="14:14">
      <c r="N314966" s="10"/>
    </row>
    <row r="314967" spans="14:14">
      <c r="N314967" s="10"/>
    </row>
    <row r="314968" spans="14:14">
      <c r="N314968" s="10"/>
    </row>
    <row r="314969" spans="14:14">
      <c r="N314969" s="10"/>
    </row>
    <row r="314970" spans="14:14">
      <c r="N314970" s="10"/>
    </row>
    <row r="314971" spans="14:14">
      <c r="N314971" s="10"/>
    </row>
    <row r="314972" spans="14:14">
      <c r="N314972" s="10"/>
    </row>
    <row r="314973" spans="14:14">
      <c r="N314973" s="10"/>
    </row>
    <row r="314974" spans="14:14">
      <c r="N314974" s="10"/>
    </row>
    <row r="314975" spans="14:14">
      <c r="N314975" s="10"/>
    </row>
    <row r="314976" spans="14:14">
      <c r="N314976" s="10"/>
    </row>
    <row r="314977" spans="14:14">
      <c r="N314977" s="10"/>
    </row>
    <row r="314978" spans="14:14">
      <c r="N314978" s="10"/>
    </row>
    <row r="314979" spans="14:14">
      <c r="N314979" s="10"/>
    </row>
    <row r="314980" spans="14:14">
      <c r="N314980" s="10"/>
    </row>
    <row r="314981" spans="14:14">
      <c r="N314981" s="10"/>
    </row>
    <row r="314982" spans="14:14">
      <c r="N314982" s="10"/>
    </row>
    <row r="314983" spans="14:14">
      <c r="N314983" s="10"/>
    </row>
    <row r="314984" spans="14:14">
      <c r="N314984" s="10"/>
    </row>
    <row r="314985" spans="14:14">
      <c r="N314985" s="10"/>
    </row>
    <row r="314986" spans="14:14">
      <c r="N314986" s="10"/>
    </row>
    <row r="314987" spans="14:14">
      <c r="N314987" s="10"/>
    </row>
    <row r="314988" spans="14:14">
      <c r="N314988" s="10"/>
    </row>
    <row r="314989" spans="14:14">
      <c r="N314989" s="10"/>
    </row>
    <row r="314990" spans="14:14">
      <c r="N314990" s="10"/>
    </row>
    <row r="314991" spans="14:14">
      <c r="N314991" s="10"/>
    </row>
    <row r="314992" spans="14:14">
      <c r="N314992" s="10"/>
    </row>
    <row r="314993" spans="14:14">
      <c r="N314993" s="10"/>
    </row>
    <row r="314994" spans="14:14">
      <c r="N314994" s="10"/>
    </row>
    <row r="314995" spans="14:14">
      <c r="N314995" s="10"/>
    </row>
    <row r="314996" spans="14:14">
      <c r="N314996" s="10"/>
    </row>
    <row r="314997" spans="14:14">
      <c r="N314997" s="10"/>
    </row>
    <row r="314998" spans="14:14">
      <c r="N314998" s="10"/>
    </row>
    <row r="314999" spans="14:14">
      <c r="N314999" s="10"/>
    </row>
    <row r="315000" spans="14:14">
      <c r="N315000" s="10"/>
    </row>
    <row r="315001" spans="14:14">
      <c r="N315001" s="10"/>
    </row>
    <row r="315002" spans="14:14">
      <c r="N315002" s="10"/>
    </row>
    <row r="315003" spans="14:14">
      <c r="N315003" s="10"/>
    </row>
    <row r="315004" spans="14:14">
      <c r="N315004" s="10"/>
    </row>
    <row r="315005" spans="14:14">
      <c r="N315005" s="10"/>
    </row>
    <row r="315006" spans="14:14">
      <c r="N315006" s="10"/>
    </row>
    <row r="315007" spans="14:14">
      <c r="N315007" s="10"/>
    </row>
    <row r="315008" spans="14:14">
      <c r="N315008" s="10"/>
    </row>
    <row r="315009" spans="14:14">
      <c r="N315009" s="10"/>
    </row>
    <row r="315010" spans="14:14">
      <c r="N315010" s="10"/>
    </row>
    <row r="315011" spans="14:14">
      <c r="N315011" s="10"/>
    </row>
    <row r="315012" spans="14:14">
      <c r="N315012" s="10"/>
    </row>
    <row r="315013" spans="14:14">
      <c r="N315013" s="10"/>
    </row>
    <row r="315014" spans="14:14">
      <c r="N315014" s="10"/>
    </row>
    <row r="315015" spans="14:14">
      <c r="N315015" s="10"/>
    </row>
    <row r="315016" spans="14:14">
      <c r="N315016" s="10"/>
    </row>
    <row r="315017" spans="14:14">
      <c r="N315017" s="10"/>
    </row>
    <row r="315018" spans="14:14">
      <c r="N315018" s="10"/>
    </row>
    <row r="315019" spans="14:14">
      <c r="N315019" s="10"/>
    </row>
    <row r="315020" spans="14:14">
      <c r="N315020" s="10"/>
    </row>
    <row r="315021" spans="14:14">
      <c r="N315021" s="10"/>
    </row>
    <row r="315022" spans="14:14">
      <c r="N315022" s="10"/>
    </row>
    <row r="315023" spans="14:14">
      <c r="N315023" s="10"/>
    </row>
    <row r="315024" spans="14:14">
      <c r="N315024" s="10"/>
    </row>
    <row r="315025" spans="14:14">
      <c r="N315025" s="10"/>
    </row>
    <row r="315026" spans="14:14">
      <c r="N315026" s="10"/>
    </row>
    <row r="315027" spans="14:14">
      <c r="N315027" s="10"/>
    </row>
    <row r="315028" spans="14:14">
      <c r="N315028" s="10"/>
    </row>
    <row r="315029" spans="14:14">
      <c r="N315029" s="10"/>
    </row>
    <row r="315030" spans="14:14">
      <c r="N315030" s="10"/>
    </row>
    <row r="315031" spans="14:14">
      <c r="N315031" s="10"/>
    </row>
    <row r="315032" spans="14:14">
      <c r="N315032" s="10"/>
    </row>
    <row r="315033" spans="14:14">
      <c r="N315033" s="10"/>
    </row>
    <row r="315034" spans="14:14">
      <c r="N315034" s="10"/>
    </row>
    <row r="315035" spans="14:14">
      <c r="N315035" s="10"/>
    </row>
    <row r="315036" spans="14:14">
      <c r="N315036" s="10"/>
    </row>
    <row r="315037" spans="14:14">
      <c r="N315037" s="10"/>
    </row>
    <row r="315038" spans="14:14">
      <c r="N315038" s="10"/>
    </row>
    <row r="315039" spans="14:14">
      <c r="N315039" s="10"/>
    </row>
    <row r="315040" spans="14:14">
      <c r="N315040" s="10"/>
    </row>
    <row r="315041" spans="14:14">
      <c r="N315041" s="10"/>
    </row>
    <row r="315042" spans="14:14">
      <c r="N315042" s="10"/>
    </row>
    <row r="315043" spans="14:14">
      <c r="N315043" s="10"/>
    </row>
    <row r="315044" spans="14:14">
      <c r="N315044" s="10"/>
    </row>
    <row r="315045" spans="14:14">
      <c r="N315045" s="10"/>
    </row>
    <row r="315046" spans="14:14">
      <c r="N315046" s="10"/>
    </row>
    <row r="315047" spans="14:14">
      <c r="N315047" s="10"/>
    </row>
    <row r="315048" spans="14:14">
      <c r="N315048" s="10"/>
    </row>
    <row r="315049" spans="14:14">
      <c r="N315049" s="10"/>
    </row>
    <row r="315050" spans="14:14">
      <c r="N315050" s="10"/>
    </row>
    <row r="315051" spans="14:14">
      <c r="N315051" s="10"/>
    </row>
    <row r="315052" spans="14:14">
      <c r="N315052" s="10"/>
    </row>
    <row r="315053" spans="14:14">
      <c r="N315053" s="10"/>
    </row>
    <row r="315054" spans="14:14">
      <c r="N315054" s="10"/>
    </row>
    <row r="315055" spans="14:14">
      <c r="N315055" s="10"/>
    </row>
    <row r="315056" spans="14:14">
      <c r="N315056" s="10"/>
    </row>
    <row r="315057" spans="14:14">
      <c r="N315057" s="10"/>
    </row>
    <row r="315058" spans="14:14">
      <c r="N315058" s="10"/>
    </row>
    <row r="315059" spans="14:14">
      <c r="N315059" s="10"/>
    </row>
    <row r="315060" spans="14:14">
      <c r="N315060" s="10"/>
    </row>
    <row r="315061" spans="14:14">
      <c r="N315061" s="10"/>
    </row>
    <row r="315062" spans="14:14">
      <c r="N315062" s="10"/>
    </row>
    <row r="315063" spans="14:14">
      <c r="N315063" s="10"/>
    </row>
    <row r="315064" spans="14:14">
      <c r="N315064" s="10"/>
    </row>
    <row r="315065" spans="14:14">
      <c r="N315065" s="10"/>
    </row>
    <row r="315066" spans="14:14">
      <c r="N315066" s="10"/>
    </row>
    <row r="315067" spans="14:14">
      <c r="N315067" s="10"/>
    </row>
    <row r="315068" spans="14:14">
      <c r="N315068" s="10"/>
    </row>
    <row r="315069" spans="14:14">
      <c r="N315069" s="10"/>
    </row>
    <row r="315070" spans="14:14">
      <c r="N315070" s="10"/>
    </row>
    <row r="315071" spans="14:14">
      <c r="N315071" s="10"/>
    </row>
    <row r="315072" spans="14:14">
      <c r="N315072" s="10"/>
    </row>
    <row r="315073" spans="14:14">
      <c r="N315073" s="10"/>
    </row>
    <row r="315074" spans="14:14">
      <c r="N315074" s="10"/>
    </row>
    <row r="315075" spans="14:14">
      <c r="N315075" s="10"/>
    </row>
    <row r="315076" spans="14:14">
      <c r="N315076" s="10"/>
    </row>
    <row r="315077" spans="14:14">
      <c r="N315077" s="10"/>
    </row>
    <row r="315078" spans="14:14">
      <c r="N315078" s="10"/>
    </row>
    <row r="315079" spans="14:14">
      <c r="N315079" s="10"/>
    </row>
    <row r="315080" spans="14:14">
      <c r="N315080" s="10"/>
    </row>
    <row r="315081" spans="14:14">
      <c r="N315081" s="10"/>
    </row>
    <row r="315082" spans="14:14">
      <c r="N315082" s="10"/>
    </row>
    <row r="315083" spans="14:14">
      <c r="N315083" s="10"/>
    </row>
    <row r="315084" spans="14:14">
      <c r="N315084" s="10"/>
    </row>
    <row r="315085" spans="14:14">
      <c r="N315085" s="10"/>
    </row>
    <row r="315086" spans="14:14">
      <c r="N315086" s="10"/>
    </row>
    <row r="315087" spans="14:14">
      <c r="N315087" s="10"/>
    </row>
    <row r="315088" spans="14:14">
      <c r="N315088" s="10"/>
    </row>
    <row r="315089" spans="14:14">
      <c r="N315089" s="10"/>
    </row>
    <row r="315090" spans="14:14">
      <c r="N315090" s="10"/>
    </row>
    <row r="315091" spans="14:14">
      <c r="N315091" s="10"/>
    </row>
    <row r="315092" spans="14:14">
      <c r="N315092" s="10"/>
    </row>
    <row r="315093" spans="14:14">
      <c r="N315093" s="10"/>
    </row>
    <row r="315094" spans="14:14">
      <c r="N315094" s="10"/>
    </row>
    <row r="315095" spans="14:14">
      <c r="N315095" s="10"/>
    </row>
    <row r="315096" spans="14:14">
      <c r="N315096" s="10"/>
    </row>
    <row r="315097" spans="14:14">
      <c r="N315097" s="10"/>
    </row>
    <row r="315098" spans="14:14">
      <c r="N315098" s="10"/>
    </row>
    <row r="315099" spans="14:14">
      <c r="N315099" s="10"/>
    </row>
    <row r="315100" spans="14:14">
      <c r="N315100" s="10"/>
    </row>
    <row r="315101" spans="14:14">
      <c r="N315101" s="10"/>
    </row>
    <row r="315102" spans="14:14">
      <c r="N315102" s="10"/>
    </row>
    <row r="315103" spans="14:14">
      <c r="N315103" s="10"/>
    </row>
    <row r="315104" spans="14:14">
      <c r="N315104" s="10"/>
    </row>
    <row r="315105" spans="14:14">
      <c r="N315105" s="10"/>
    </row>
    <row r="315106" spans="14:14">
      <c r="N315106" s="10"/>
    </row>
    <row r="315107" spans="14:14">
      <c r="N315107" s="10"/>
    </row>
    <row r="315108" spans="14:14">
      <c r="N315108" s="10"/>
    </row>
    <row r="315109" spans="14:14">
      <c r="N315109" s="10"/>
    </row>
    <row r="315110" spans="14:14">
      <c r="N315110" s="10"/>
    </row>
    <row r="315111" spans="14:14">
      <c r="N315111" s="10"/>
    </row>
    <row r="315112" spans="14:14">
      <c r="N315112" s="10"/>
    </row>
    <row r="315113" spans="14:14">
      <c r="N315113" s="10"/>
    </row>
    <row r="315114" spans="14:14">
      <c r="N315114" s="10"/>
    </row>
    <row r="315115" spans="14:14">
      <c r="N315115" s="10"/>
    </row>
    <row r="315116" spans="14:14">
      <c r="N315116" s="10"/>
    </row>
    <row r="315117" spans="14:14">
      <c r="N315117" s="10"/>
    </row>
    <row r="315118" spans="14:14">
      <c r="N315118" s="10"/>
    </row>
    <row r="315119" spans="14:14">
      <c r="N315119" s="10"/>
    </row>
    <row r="315120" spans="14:14">
      <c r="N315120" s="10"/>
    </row>
    <row r="315121" spans="14:14">
      <c r="N315121" s="10"/>
    </row>
    <row r="315122" spans="14:14">
      <c r="N315122" s="10"/>
    </row>
    <row r="315123" spans="14:14">
      <c r="N315123" s="10"/>
    </row>
    <row r="315124" spans="14:14">
      <c r="N315124" s="10"/>
    </row>
    <row r="315125" spans="14:14">
      <c r="N315125" s="10"/>
    </row>
    <row r="315126" spans="14:14">
      <c r="N315126" s="10"/>
    </row>
    <row r="315127" spans="14:14">
      <c r="N315127" s="10"/>
    </row>
    <row r="315128" spans="14:14">
      <c r="N315128" s="10"/>
    </row>
    <row r="315129" spans="14:14">
      <c r="N315129" s="10"/>
    </row>
    <row r="315130" spans="14:14">
      <c r="N315130" s="10"/>
    </row>
    <row r="315131" spans="14:14">
      <c r="N315131" s="10"/>
    </row>
    <row r="315132" spans="14:14">
      <c r="N315132" s="10"/>
    </row>
    <row r="315133" spans="14:14">
      <c r="N315133" s="10"/>
    </row>
    <row r="315134" spans="14:14">
      <c r="N315134" s="10"/>
    </row>
    <row r="315135" spans="14:14">
      <c r="N315135" s="10"/>
    </row>
    <row r="315136" spans="14:14">
      <c r="N315136" s="10"/>
    </row>
    <row r="315137" spans="14:14">
      <c r="N315137" s="10"/>
    </row>
    <row r="315138" spans="14:14">
      <c r="N315138" s="10"/>
    </row>
    <row r="315139" spans="14:14">
      <c r="N315139" s="10"/>
    </row>
    <row r="315140" spans="14:14">
      <c r="N315140" s="10"/>
    </row>
    <row r="315141" spans="14:14">
      <c r="N315141" s="10"/>
    </row>
    <row r="315142" spans="14:14">
      <c r="N315142" s="10"/>
    </row>
    <row r="315143" spans="14:14">
      <c r="N315143" s="10"/>
    </row>
    <row r="315144" spans="14:14">
      <c r="N315144" s="10"/>
    </row>
    <row r="315145" spans="14:14">
      <c r="N315145" s="10"/>
    </row>
    <row r="315146" spans="14:14">
      <c r="N315146" s="10"/>
    </row>
    <row r="315147" spans="14:14">
      <c r="N315147" s="10"/>
    </row>
    <row r="315148" spans="14:14">
      <c r="N315148" s="10"/>
    </row>
    <row r="315149" spans="14:14">
      <c r="N315149" s="10"/>
    </row>
    <row r="315150" spans="14:14">
      <c r="N315150" s="10"/>
    </row>
    <row r="315151" spans="14:14">
      <c r="N315151" s="10"/>
    </row>
    <row r="315152" spans="14:14">
      <c r="N315152" s="10"/>
    </row>
    <row r="315153" spans="14:14">
      <c r="N315153" s="10"/>
    </row>
    <row r="315154" spans="14:14">
      <c r="N315154" s="10"/>
    </row>
    <row r="315155" spans="14:14">
      <c r="N315155" s="10"/>
    </row>
    <row r="315156" spans="14:14">
      <c r="N315156" s="10"/>
    </row>
    <row r="315157" spans="14:14">
      <c r="N315157" s="10"/>
    </row>
    <row r="315158" spans="14:14">
      <c r="N315158" s="10"/>
    </row>
    <row r="315159" spans="14:14">
      <c r="N315159" s="10"/>
    </row>
    <row r="315160" spans="14:14">
      <c r="N315160" s="10"/>
    </row>
    <row r="315161" spans="14:14">
      <c r="N315161" s="10"/>
    </row>
    <row r="315162" spans="14:14">
      <c r="N315162" s="10"/>
    </row>
    <row r="315163" spans="14:14">
      <c r="N315163" s="10"/>
    </row>
    <row r="315164" spans="14:14">
      <c r="N315164" s="10"/>
    </row>
    <row r="315165" spans="14:14">
      <c r="N315165" s="10"/>
    </row>
    <row r="315166" spans="14:14">
      <c r="N315166" s="10"/>
    </row>
    <row r="315167" spans="14:14">
      <c r="N315167" s="10"/>
    </row>
    <row r="315168" spans="14:14">
      <c r="N315168" s="10"/>
    </row>
    <row r="315169" spans="14:14">
      <c r="N315169" s="10"/>
    </row>
    <row r="315170" spans="14:14">
      <c r="N315170" s="10"/>
    </row>
    <row r="315171" spans="14:14">
      <c r="N315171" s="10"/>
    </row>
    <row r="315172" spans="14:14">
      <c r="N315172" s="10"/>
    </row>
    <row r="315173" spans="14:14">
      <c r="N315173" s="10"/>
    </row>
    <row r="315174" spans="14:14">
      <c r="N315174" s="10"/>
    </row>
    <row r="315175" spans="14:14">
      <c r="N315175" s="10"/>
    </row>
    <row r="315176" spans="14:14">
      <c r="N315176" s="10"/>
    </row>
    <row r="315177" spans="14:14">
      <c r="N315177" s="10"/>
    </row>
    <row r="315178" spans="14:14">
      <c r="N315178" s="10"/>
    </row>
    <row r="315179" spans="14:14">
      <c r="N315179" s="10"/>
    </row>
    <row r="315180" spans="14:14">
      <c r="N315180" s="10"/>
    </row>
    <row r="315181" spans="14:14">
      <c r="N315181" s="10"/>
    </row>
    <row r="315182" spans="14:14">
      <c r="N315182" s="10"/>
    </row>
    <row r="315183" spans="14:14">
      <c r="N315183" s="10"/>
    </row>
    <row r="315184" spans="14:14">
      <c r="N315184" s="10"/>
    </row>
    <row r="315185" spans="14:14">
      <c r="N315185" s="10"/>
    </row>
    <row r="315186" spans="14:14">
      <c r="N315186" s="10"/>
    </row>
    <row r="315187" spans="14:14">
      <c r="N315187" s="10"/>
    </row>
    <row r="315188" spans="14:14">
      <c r="N315188" s="10"/>
    </row>
    <row r="315189" spans="14:14">
      <c r="N315189" s="10"/>
    </row>
    <row r="315190" spans="14:14">
      <c r="N315190" s="10"/>
    </row>
    <row r="315191" spans="14:14">
      <c r="N315191" s="10"/>
    </row>
    <row r="315192" spans="14:14">
      <c r="N315192" s="10"/>
    </row>
    <row r="315193" spans="14:14">
      <c r="N315193" s="10"/>
    </row>
    <row r="315194" spans="14:14">
      <c r="N315194" s="10"/>
    </row>
    <row r="315195" spans="14:14">
      <c r="N315195" s="10"/>
    </row>
    <row r="315196" spans="14:14">
      <c r="N315196" s="10"/>
    </row>
    <row r="315197" spans="14:14">
      <c r="N315197" s="10"/>
    </row>
    <row r="315198" spans="14:14">
      <c r="N315198" s="10"/>
    </row>
    <row r="315199" spans="14:14">
      <c r="N315199" s="10"/>
    </row>
    <row r="315200" spans="14:14">
      <c r="N315200" s="10"/>
    </row>
    <row r="315201" spans="14:14">
      <c r="N315201" s="10"/>
    </row>
    <row r="315202" spans="14:14">
      <c r="N315202" s="10"/>
    </row>
    <row r="315203" spans="14:14">
      <c r="N315203" s="10"/>
    </row>
    <row r="315204" spans="14:14">
      <c r="N315204" s="10"/>
    </row>
    <row r="315205" spans="14:14">
      <c r="N315205" s="10"/>
    </row>
    <row r="315206" spans="14:14">
      <c r="N315206" s="10"/>
    </row>
    <row r="315207" spans="14:14">
      <c r="N315207" s="10"/>
    </row>
    <row r="315208" spans="14:14">
      <c r="N315208" s="10"/>
    </row>
    <row r="315209" spans="14:14">
      <c r="N315209" s="10"/>
    </row>
    <row r="315210" spans="14:14">
      <c r="N315210" s="10"/>
    </row>
    <row r="315211" spans="14:14">
      <c r="N315211" s="10"/>
    </row>
    <row r="315212" spans="14:14">
      <c r="N315212" s="10"/>
    </row>
    <row r="315213" spans="14:14">
      <c r="N315213" s="10"/>
    </row>
    <row r="315214" spans="14:14">
      <c r="N315214" s="10"/>
    </row>
    <row r="315215" spans="14:14">
      <c r="N315215" s="10"/>
    </row>
    <row r="315216" spans="14:14">
      <c r="N315216" s="10"/>
    </row>
    <row r="315217" spans="14:14">
      <c r="N315217" s="10"/>
    </row>
    <row r="315218" spans="14:14">
      <c r="N315218" s="10"/>
    </row>
    <row r="315219" spans="14:14">
      <c r="N315219" s="10"/>
    </row>
    <row r="315220" spans="14:14">
      <c r="N315220" s="10"/>
    </row>
    <row r="315221" spans="14:14">
      <c r="N315221" s="10"/>
    </row>
    <row r="315222" spans="14:14">
      <c r="N315222" s="10"/>
    </row>
    <row r="315223" spans="14:14">
      <c r="N315223" s="10"/>
    </row>
    <row r="315224" spans="14:14">
      <c r="N315224" s="10"/>
    </row>
    <row r="315225" spans="14:14">
      <c r="N315225" s="10"/>
    </row>
    <row r="315226" spans="14:14">
      <c r="N315226" s="10"/>
    </row>
    <row r="315227" spans="14:14">
      <c r="N315227" s="10"/>
    </row>
    <row r="315228" spans="14:14">
      <c r="N315228" s="10"/>
    </row>
    <row r="315229" spans="14:14">
      <c r="N315229" s="10"/>
    </row>
    <row r="315230" spans="14:14">
      <c r="N315230" s="10"/>
    </row>
    <row r="315231" spans="14:14">
      <c r="N315231" s="10"/>
    </row>
    <row r="315232" spans="14:14">
      <c r="N315232" s="10"/>
    </row>
    <row r="315233" spans="14:14">
      <c r="N315233" s="10"/>
    </row>
    <row r="315234" spans="14:14">
      <c r="N315234" s="10"/>
    </row>
    <row r="315235" spans="14:14">
      <c r="N315235" s="10"/>
    </row>
    <row r="315236" spans="14:14">
      <c r="N315236" s="10"/>
    </row>
    <row r="315237" spans="14:14">
      <c r="N315237" s="10"/>
    </row>
    <row r="315238" spans="14:14">
      <c r="N315238" s="10"/>
    </row>
    <row r="315239" spans="14:14">
      <c r="N315239" s="10"/>
    </row>
    <row r="315240" spans="14:14">
      <c r="N315240" s="10"/>
    </row>
    <row r="315241" spans="14:14">
      <c r="N315241" s="10"/>
    </row>
    <row r="315242" spans="14:14">
      <c r="N315242" s="10"/>
    </row>
    <row r="315243" spans="14:14">
      <c r="N315243" s="10"/>
    </row>
    <row r="315244" spans="14:14">
      <c r="N315244" s="10"/>
    </row>
    <row r="315245" spans="14:14">
      <c r="N315245" s="10"/>
    </row>
    <row r="315246" spans="14:14">
      <c r="N315246" s="10"/>
    </row>
    <row r="315247" spans="14:14">
      <c r="N315247" s="10"/>
    </row>
    <row r="315248" spans="14:14">
      <c r="N315248" s="10"/>
    </row>
    <row r="315249" spans="14:14">
      <c r="N315249" s="10"/>
    </row>
    <row r="315250" spans="14:14">
      <c r="N315250" s="10"/>
    </row>
    <row r="315251" spans="14:14">
      <c r="N315251" s="10"/>
    </row>
    <row r="315252" spans="14:14">
      <c r="N315252" s="10"/>
    </row>
    <row r="315253" spans="14:14">
      <c r="N315253" s="10"/>
    </row>
    <row r="315254" spans="14:14">
      <c r="N315254" s="10"/>
    </row>
    <row r="315255" spans="14:14">
      <c r="N315255" s="10"/>
    </row>
    <row r="315256" spans="14:14">
      <c r="N315256" s="10"/>
    </row>
    <row r="315257" spans="14:14">
      <c r="N315257" s="10"/>
    </row>
    <row r="315258" spans="14:14">
      <c r="N315258" s="10"/>
    </row>
    <row r="315259" spans="14:14">
      <c r="N315259" s="10"/>
    </row>
    <row r="315260" spans="14:14">
      <c r="N315260" s="10"/>
    </row>
    <row r="315261" spans="14:14">
      <c r="N315261" s="10"/>
    </row>
    <row r="315262" spans="14:14">
      <c r="N315262" s="10"/>
    </row>
    <row r="315263" spans="14:14">
      <c r="N315263" s="10"/>
    </row>
    <row r="315264" spans="14:14">
      <c r="N315264" s="10"/>
    </row>
    <row r="315265" spans="14:14">
      <c r="N315265" s="10"/>
    </row>
    <row r="315266" spans="14:14">
      <c r="N315266" s="10"/>
    </row>
    <row r="315267" spans="14:14">
      <c r="N315267" s="10"/>
    </row>
    <row r="315268" spans="14:14">
      <c r="N315268" s="10"/>
    </row>
    <row r="315269" spans="14:14">
      <c r="N315269" s="10"/>
    </row>
    <row r="315270" spans="14:14">
      <c r="N315270" s="10"/>
    </row>
    <row r="315271" spans="14:14">
      <c r="N315271" s="10"/>
    </row>
    <row r="315272" spans="14:14">
      <c r="N315272" s="10"/>
    </row>
    <row r="315273" spans="14:14">
      <c r="N315273" s="10"/>
    </row>
    <row r="315274" spans="14:14">
      <c r="N315274" s="10"/>
    </row>
    <row r="315275" spans="14:14">
      <c r="N315275" s="10"/>
    </row>
    <row r="315276" spans="14:14">
      <c r="N315276" s="10"/>
    </row>
    <row r="315277" spans="14:14">
      <c r="N315277" s="10"/>
    </row>
    <row r="315278" spans="14:14">
      <c r="N315278" s="10"/>
    </row>
    <row r="315279" spans="14:14">
      <c r="N315279" s="10"/>
    </row>
    <row r="315280" spans="14:14">
      <c r="N315280" s="10"/>
    </row>
    <row r="315281" spans="14:14">
      <c r="N315281" s="10"/>
    </row>
    <row r="315282" spans="14:14">
      <c r="N315282" s="10"/>
    </row>
    <row r="315283" spans="14:14">
      <c r="N315283" s="10"/>
    </row>
    <row r="315284" spans="14:14">
      <c r="N315284" s="10"/>
    </row>
    <row r="315285" spans="14:14">
      <c r="N315285" s="10"/>
    </row>
    <row r="315286" spans="14:14">
      <c r="N315286" s="10"/>
    </row>
    <row r="315287" spans="14:14">
      <c r="N315287" s="10"/>
    </row>
    <row r="315288" spans="14:14">
      <c r="N315288" s="10"/>
    </row>
    <row r="315289" spans="14:14">
      <c r="N315289" s="10"/>
    </row>
    <row r="315290" spans="14:14">
      <c r="N315290" s="10"/>
    </row>
    <row r="315291" spans="14:14">
      <c r="N315291" s="10"/>
    </row>
    <row r="315292" spans="14:14">
      <c r="N315292" s="10"/>
    </row>
    <row r="315293" spans="14:14">
      <c r="N315293" s="10"/>
    </row>
    <row r="315294" spans="14:14">
      <c r="N315294" s="10"/>
    </row>
    <row r="315295" spans="14:14">
      <c r="N315295" s="10"/>
    </row>
    <row r="315296" spans="14:14">
      <c r="N315296" s="10"/>
    </row>
    <row r="315297" spans="14:14">
      <c r="N315297" s="10"/>
    </row>
    <row r="315298" spans="14:14">
      <c r="N315298" s="10"/>
    </row>
    <row r="315299" spans="14:14">
      <c r="N315299" s="10"/>
    </row>
    <row r="315300" spans="14:14">
      <c r="N315300" s="10"/>
    </row>
    <row r="315301" spans="14:14">
      <c r="N315301" s="10"/>
    </row>
    <row r="315302" spans="14:14">
      <c r="N315302" s="10"/>
    </row>
    <row r="315303" spans="14:14">
      <c r="N315303" s="10"/>
    </row>
    <row r="315304" spans="14:14">
      <c r="N315304" s="10"/>
    </row>
    <row r="315305" spans="14:14">
      <c r="N315305" s="10"/>
    </row>
    <row r="315306" spans="14:14">
      <c r="N315306" s="10"/>
    </row>
    <row r="315307" spans="14:14">
      <c r="N315307" s="10"/>
    </row>
    <row r="315308" spans="14:14">
      <c r="N315308" s="10"/>
    </row>
    <row r="315309" spans="14:14">
      <c r="N315309" s="10"/>
    </row>
    <row r="315310" spans="14:14">
      <c r="N315310" s="10"/>
    </row>
    <row r="315311" spans="14:14">
      <c r="N315311" s="10"/>
    </row>
    <row r="315312" spans="14:14">
      <c r="N315312" s="10"/>
    </row>
    <row r="315313" spans="14:14">
      <c r="N315313" s="10"/>
    </row>
    <row r="315314" spans="14:14">
      <c r="N315314" s="10"/>
    </row>
    <row r="315315" spans="14:14">
      <c r="N315315" s="10"/>
    </row>
    <row r="315316" spans="14:14">
      <c r="N315316" s="10"/>
    </row>
    <row r="315317" spans="14:14">
      <c r="N315317" s="10"/>
    </row>
    <row r="315318" spans="14:14">
      <c r="N315318" s="10"/>
    </row>
    <row r="315319" spans="14:14">
      <c r="N315319" s="10"/>
    </row>
    <row r="315320" spans="14:14">
      <c r="N315320" s="10"/>
    </row>
    <row r="315321" spans="14:14">
      <c r="N315321" s="10"/>
    </row>
    <row r="315322" spans="14:14">
      <c r="N315322" s="10"/>
    </row>
    <row r="315323" spans="14:14">
      <c r="N315323" s="10"/>
    </row>
    <row r="315324" spans="14:14">
      <c r="N315324" s="10"/>
    </row>
    <row r="315325" spans="14:14">
      <c r="N315325" s="10"/>
    </row>
    <row r="315326" spans="14:14">
      <c r="N315326" s="10"/>
    </row>
    <row r="315327" spans="14:14">
      <c r="N315327" s="10"/>
    </row>
    <row r="315328" spans="14:14">
      <c r="N315328" s="10"/>
    </row>
    <row r="315329" spans="14:14">
      <c r="N315329" s="10"/>
    </row>
    <row r="315330" spans="14:14">
      <c r="N315330" s="10"/>
    </row>
    <row r="315331" spans="14:14">
      <c r="N315331" s="10"/>
    </row>
    <row r="315332" spans="14:14">
      <c r="N315332" s="10"/>
    </row>
    <row r="315333" spans="14:14">
      <c r="N315333" s="10"/>
    </row>
    <row r="315334" spans="14:14">
      <c r="N315334" s="10"/>
    </row>
    <row r="315335" spans="14:14">
      <c r="N315335" s="10"/>
    </row>
    <row r="315336" spans="14:14">
      <c r="N315336" s="10"/>
    </row>
    <row r="315337" spans="14:14">
      <c r="N315337" s="10"/>
    </row>
    <row r="315338" spans="14:14">
      <c r="N315338" s="10"/>
    </row>
    <row r="315339" spans="14:14">
      <c r="N315339" s="10"/>
    </row>
    <row r="315340" spans="14:14">
      <c r="N315340" s="10"/>
    </row>
    <row r="315341" spans="14:14">
      <c r="N315341" s="10"/>
    </row>
    <row r="315342" spans="14:14">
      <c r="N315342" s="10"/>
    </row>
    <row r="315343" spans="14:14">
      <c r="N315343" s="10"/>
    </row>
    <row r="315344" spans="14:14">
      <c r="N315344" s="10"/>
    </row>
    <row r="315345" spans="14:14">
      <c r="N315345" s="10"/>
    </row>
    <row r="315346" spans="14:14">
      <c r="N315346" s="10"/>
    </row>
    <row r="315347" spans="14:14">
      <c r="N315347" s="10"/>
    </row>
    <row r="315348" spans="14:14">
      <c r="N315348" s="10"/>
    </row>
    <row r="315349" spans="14:14">
      <c r="N315349" s="10"/>
    </row>
    <row r="315350" spans="14:14">
      <c r="N315350" s="10"/>
    </row>
    <row r="315351" spans="14:14">
      <c r="N315351" s="10"/>
    </row>
    <row r="315352" spans="14:14">
      <c r="N315352" s="10"/>
    </row>
    <row r="315353" spans="14:14">
      <c r="N315353" s="10"/>
    </row>
    <row r="315354" spans="14:14">
      <c r="N315354" s="10"/>
    </row>
    <row r="315355" spans="14:14">
      <c r="N315355" s="10"/>
    </row>
    <row r="315356" spans="14:14">
      <c r="N315356" s="10"/>
    </row>
    <row r="315357" spans="14:14">
      <c r="N315357" s="10"/>
    </row>
    <row r="315358" spans="14:14">
      <c r="N315358" s="10"/>
    </row>
    <row r="315359" spans="14:14">
      <c r="N315359" s="10"/>
    </row>
    <row r="315360" spans="14:14">
      <c r="N315360" s="10"/>
    </row>
    <row r="315361" spans="14:14">
      <c r="N315361" s="10"/>
    </row>
    <row r="315362" spans="14:14">
      <c r="N315362" s="10"/>
    </row>
    <row r="315363" spans="14:14">
      <c r="N315363" s="10"/>
    </row>
    <row r="315364" spans="14:14">
      <c r="N315364" s="10"/>
    </row>
    <row r="315365" spans="14:14">
      <c r="N315365" s="10"/>
    </row>
    <row r="315366" spans="14:14">
      <c r="N315366" s="10"/>
    </row>
    <row r="315367" spans="14:14">
      <c r="N315367" s="10"/>
    </row>
    <row r="315368" spans="14:14">
      <c r="N315368" s="10"/>
    </row>
    <row r="315369" spans="14:14">
      <c r="N315369" s="10"/>
    </row>
    <row r="315370" spans="14:14">
      <c r="N315370" s="10"/>
    </row>
    <row r="315371" spans="14:14">
      <c r="N315371" s="10"/>
    </row>
    <row r="315372" spans="14:14">
      <c r="N315372" s="10"/>
    </row>
    <row r="315373" spans="14:14">
      <c r="N315373" s="10"/>
    </row>
    <row r="315374" spans="14:14">
      <c r="N315374" s="10"/>
    </row>
    <row r="315375" spans="14:14">
      <c r="N315375" s="10"/>
    </row>
    <row r="315376" spans="14:14">
      <c r="N315376" s="10"/>
    </row>
    <row r="315377" spans="14:14">
      <c r="N315377" s="10"/>
    </row>
    <row r="315378" spans="14:14">
      <c r="N315378" s="10"/>
    </row>
    <row r="315379" spans="14:14">
      <c r="N315379" s="10"/>
    </row>
    <row r="315380" spans="14:14">
      <c r="N315380" s="10"/>
    </row>
    <row r="315381" spans="14:14">
      <c r="N315381" s="10"/>
    </row>
    <row r="315382" spans="14:14">
      <c r="N315382" s="10"/>
    </row>
    <row r="315383" spans="14:14">
      <c r="N315383" s="10"/>
    </row>
    <row r="315384" spans="14:14">
      <c r="N315384" s="10"/>
    </row>
    <row r="315385" spans="14:14">
      <c r="N315385" s="10"/>
    </row>
    <row r="315386" spans="14:14">
      <c r="N315386" s="10"/>
    </row>
    <row r="315387" spans="14:14">
      <c r="N315387" s="10"/>
    </row>
    <row r="315388" spans="14:14">
      <c r="N315388" s="10"/>
    </row>
    <row r="315389" spans="14:14">
      <c r="N315389" s="10"/>
    </row>
    <row r="315390" spans="14:14">
      <c r="N315390" s="10"/>
    </row>
    <row r="315391" spans="14:14">
      <c r="N315391" s="10"/>
    </row>
    <row r="315392" spans="14:14">
      <c r="N315392" s="10"/>
    </row>
    <row r="315393" spans="14:14">
      <c r="N315393" s="10"/>
    </row>
    <row r="315394" spans="14:14">
      <c r="N315394" s="10"/>
    </row>
    <row r="315395" spans="14:14">
      <c r="N315395" s="10"/>
    </row>
    <row r="315396" spans="14:14">
      <c r="N315396" s="10"/>
    </row>
    <row r="315397" spans="14:14">
      <c r="N315397" s="10"/>
    </row>
    <row r="315398" spans="14:14">
      <c r="N315398" s="10"/>
    </row>
    <row r="315399" spans="14:14">
      <c r="N315399" s="10"/>
    </row>
    <row r="315400" spans="14:14">
      <c r="N315400" s="10"/>
    </row>
    <row r="315401" spans="14:14">
      <c r="N315401" s="10"/>
    </row>
    <row r="315402" spans="14:14">
      <c r="N315402" s="10"/>
    </row>
    <row r="315403" spans="14:14">
      <c r="N315403" s="10"/>
    </row>
    <row r="315404" spans="14:14">
      <c r="N315404" s="10"/>
    </row>
    <row r="315405" spans="14:14">
      <c r="N315405" s="10"/>
    </row>
    <row r="315406" spans="14:14">
      <c r="N315406" s="10"/>
    </row>
    <row r="315407" spans="14:14">
      <c r="N315407" s="10"/>
    </row>
    <row r="315408" spans="14:14">
      <c r="N315408" s="10"/>
    </row>
    <row r="315409" spans="14:14">
      <c r="N315409" s="10"/>
    </row>
    <row r="315410" spans="14:14">
      <c r="N315410" s="10"/>
    </row>
    <row r="315411" spans="14:14">
      <c r="N315411" s="10"/>
    </row>
    <row r="315412" spans="14:14">
      <c r="N315412" s="10"/>
    </row>
    <row r="315413" spans="14:14">
      <c r="N315413" s="10"/>
    </row>
    <row r="315414" spans="14:14">
      <c r="N315414" s="10"/>
    </row>
    <row r="315415" spans="14:14">
      <c r="N315415" s="10"/>
    </row>
    <row r="315416" spans="14:14">
      <c r="N315416" s="10"/>
    </row>
    <row r="315417" spans="14:14">
      <c r="N315417" s="10"/>
    </row>
    <row r="315418" spans="14:14">
      <c r="N315418" s="10"/>
    </row>
    <row r="315419" spans="14:14">
      <c r="N315419" s="10"/>
    </row>
    <row r="315420" spans="14:14">
      <c r="N315420" s="10"/>
    </row>
    <row r="315421" spans="14:14">
      <c r="N315421" s="10"/>
    </row>
    <row r="315422" spans="14:14">
      <c r="N315422" s="10"/>
    </row>
    <row r="315423" spans="14:14">
      <c r="N315423" s="10"/>
    </row>
    <row r="315424" spans="14:14">
      <c r="N315424" s="10"/>
    </row>
    <row r="315425" spans="14:14">
      <c r="N315425" s="10"/>
    </row>
    <row r="315426" spans="14:14">
      <c r="N315426" s="10"/>
    </row>
    <row r="315427" spans="14:14">
      <c r="N315427" s="10"/>
    </row>
    <row r="315428" spans="14:14">
      <c r="N315428" s="10"/>
    </row>
    <row r="315429" spans="14:14">
      <c r="N315429" s="10"/>
    </row>
    <row r="315430" spans="14:14">
      <c r="N315430" s="10"/>
    </row>
    <row r="315431" spans="14:14">
      <c r="N315431" s="10"/>
    </row>
    <row r="315432" spans="14:14">
      <c r="N315432" s="10"/>
    </row>
    <row r="315433" spans="14:14">
      <c r="N315433" s="10"/>
    </row>
    <row r="315434" spans="14:14">
      <c r="N315434" s="10"/>
    </row>
    <row r="315435" spans="14:14">
      <c r="N315435" s="10"/>
    </row>
    <row r="315436" spans="14:14">
      <c r="N315436" s="10"/>
    </row>
    <row r="315437" spans="14:14">
      <c r="N315437" s="10"/>
    </row>
    <row r="315438" spans="14:14">
      <c r="N315438" s="10"/>
    </row>
    <row r="315439" spans="14:14">
      <c r="N315439" s="10"/>
    </row>
    <row r="315440" spans="14:14">
      <c r="N315440" s="10"/>
    </row>
    <row r="315441" spans="14:14">
      <c r="N315441" s="10"/>
    </row>
    <row r="315442" spans="14:14">
      <c r="N315442" s="10"/>
    </row>
    <row r="315443" spans="14:14">
      <c r="N315443" s="10"/>
    </row>
    <row r="315444" spans="14:14">
      <c r="N315444" s="10"/>
    </row>
    <row r="315445" spans="14:14">
      <c r="N315445" s="10"/>
    </row>
    <row r="315446" spans="14:14">
      <c r="N315446" s="10"/>
    </row>
    <row r="315447" spans="14:14">
      <c r="N315447" s="10"/>
    </row>
    <row r="315448" spans="14:14">
      <c r="N315448" s="10"/>
    </row>
    <row r="315449" spans="14:14">
      <c r="N315449" s="10"/>
    </row>
    <row r="315450" spans="14:14">
      <c r="N315450" s="10"/>
    </row>
    <row r="315451" spans="14:14">
      <c r="N315451" s="10"/>
    </row>
    <row r="315452" spans="14:14">
      <c r="N315452" s="10"/>
    </row>
    <row r="315453" spans="14:14">
      <c r="N315453" s="10"/>
    </row>
    <row r="315454" spans="14:14">
      <c r="N315454" s="10"/>
    </row>
    <row r="315455" spans="14:14">
      <c r="N315455" s="10"/>
    </row>
    <row r="315456" spans="14:14">
      <c r="N315456" s="10"/>
    </row>
    <row r="315457" spans="14:14">
      <c r="N315457" s="10"/>
    </row>
    <row r="315458" spans="14:14">
      <c r="N315458" s="10"/>
    </row>
    <row r="315459" spans="14:14">
      <c r="N315459" s="10"/>
    </row>
    <row r="315460" spans="14:14">
      <c r="N315460" s="10"/>
    </row>
    <row r="315461" spans="14:14">
      <c r="N315461" s="10"/>
    </row>
    <row r="315462" spans="14:14">
      <c r="N315462" s="10"/>
    </row>
    <row r="315463" spans="14:14">
      <c r="N315463" s="10"/>
    </row>
    <row r="315464" spans="14:14">
      <c r="N315464" s="10"/>
    </row>
    <row r="315465" spans="14:14">
      <c r="N315465" s="10"/>
    </row>
    <row r="315466" spans="14:14">
      <c r="N315466" s="10"/>
    </row>
    <row r="315467" spans="14:14">
      <c r="N315467" s="10"/>
    </row>
    <row r="315468" spans="14:14">
      <c r="N315468" s="10"/>
    </row>
    <row r="315469" spans="14:14">
      <c r="N315469" s="10"/>
    </row>
    <row r="315470" spans="14:14">
      <c r="N315470" s="10"/>
    </row>
    <row r="315471" spans="14:14">
      <c r="N315471" s="10"/>
    </row>
    <row r="315472" spans="14:14">
      <c r="N315472" s="10"/>
    </row>
    <row r="315473" spans="14:14">
      <c r="N315473" s="10"/>
    </row>
    <row r="315474" spans="14:14">
      <c r="N315474" s="10"/>
    </row>
    <row r="315475" spans="14:14">
      <c r="N315475" s="10"/>
    </row>
    <row r="315476" spans="14:14">
      <c r="N315476" s="10"/>
    </row>
    <row r="315477" spans="14:14">
      <c r="N315477" s="10"/>
    </row>
    <row r="315478" spans="14:14">
      <c r="N315478" s="10"/>
    </row>
    <row r="315479" spans="14:14">
      <c r="N315479" s="10"/>
    </row>
    <row r="315480" spans="14:14">
      <c r="N315480" s="10"/>
    </row>
    <row r="315481" spans="14:14">
      <c r="N315481" s="10"/>
    </row>
    <row r="315482" spans="14:14">
      <c r="N315482" s="10"/>
    </row>
    <row r="315483" spans="14:14">
      <c r="N315483" s="10"/>
    </row>
    <row r="315484" spans="14:14">
      <c r="N315484" s="10"/>
    </row>
    <row r="315485" spans="14:14">
      <c r="N315485" s="10"/>
    </row>
    <row r="315486" spans="14:14">
      <c r="N315486" s="10"/>
    </row>
    <row r="315487" spans="14:14">
      <c r="N315487" s="10"/>
    </row>
    <row r="315488" spans="14:14">
      <c r="N315488" s="10"/>
    </row>
    <row r="315489" spans="14:14">
      <c r="N315489" s="10"/>
    </row>
    <row r="315490" spans="14:14">
      <c r="N315490" s="10"/>
    </row>
    <row r="315491" spans="14:14">
      <c r="N315491" s="10"/>
    </row>
    <row r="315492" spans="14:14">
      <c r="N315492" s="10"/>
    </row>
    <row r="315493" spans="14:14">
      <c r="N315493" s="10"/>
    </row>
    <row r="315494" spans="14:14">
      <c r="N315494" s="10"/>
    </row>
    <row r="315495" spans="14:14">
      <c r="N315495" s="10"/>
    </row>
    <row r="315496" spans="14:14">
      <c r="N315496" s="10"/>
    </row>
    <row r="315497" spans="14:14">
      <c r="N315497" s="10"/>
    </row>
    <row r="315498" spans="14:14">
      <c r="N315498" s="10"/>
    </row>
    <row r="315499" spans="14:14">
      <c r="N315499" s="10"/>
    </row>
    <row r="315500" spans="14:14">
      <c r="N315500" s="10"/>
    </row>
    <row r="315501" spans="14:14">
      <c r="N315501" s="10"/>
    </row>
    <row r="315502" spans="14:14">
      <c r="N315502" s="10"/>
    </row>
    <row r="315503" spans="14:14">
      <c r="N315503" s="10"/>
    </row>
    <row r="315504" spans="14:14">
      <c r="N315504" s="10"/>
    </row>
    <row r="315505" spans="14:14">
      <c r="N315505" s="10"/>
    </row>
    <row r="315506" spans="14:14">
      <c r="N315506" s="10"/>
    </row>
    <row r="315507" spans="14:14">
      <c r="N315507" s="10"/>
    </row>
    <row r="315508" spans="14:14">
      <c r="N315508" s="10"/>
    </row>
    <row r="315509" spans="14:14">
      <c r="N315509" s="10"/>
    </row>
    <row r="315510" spans="14:14">
      <c r="N315510" s="10"/>
    </row>
    <row r="315511" spans="14:14">
      <c r="N315511" s="10"/>
    </row>
    <row r="315512" spans="14:14">
      <c r="N315512" s="10"/>
    </row>
    <row r="315513" spans="14:14">
      <c r="N315513" s="10"/>
    </row>
    <row r="315514" spans="14:14">
      <c r="N315514" s="10"/>
    </row>
    <row r="315515" spans="14:14">
      <c r="N315515" s="10"/>
    </row>
    <row r="315516" spans="14:14">
      <c r="N315516" s="10"/>
    </row>
    <row r="315517" spans="14:14">
      <c r="N315517" s="10"/>
    </row>
    <row r="315518" spans="14:14">
      <c r="N315518" s="10"/>
    </row>
    <row r="315519" spans="14:14">
      <c r="N315519" s="10"/>
    </row>
    <row r="315520" spans="14:14">
      <c r="N315520" s="10"/>
    </row>
    <row r="315521" spans="14:14">
      <c r="N315521" s="10"/>
    </row>
    <row r="315522" spans="14:14">
      <c r="N315522" s="10"/>
    </row>
    <row r="315523" spans="14:14">
      <c r="N315523" s="10"/>
    </row>
    <row r="315524" spans="14:14">
      <c r="N315524" s="10"/>
    </row>
    <row r="315525" spans="14:14">
      <c r="N315525" s="10"/>
    </row>
    <row r="315526" spans="14:14">
      <c r="N315526" s="10"/>
    </row>
    <row r="315527" spans="14:14">
      <c r="N315527" s="10"/>
    </row>
    <row r="315528" spans="14:14">
      <c r="N315528" s="10"/>
    </row>
    <row r="315529" spans="14:14">
      <c r="N315529" s="10"/>
    </row>
    <row r="315530" spans="14:14">
      <c r="N315530" s="10"/>
    </row>
    <row r="315531" spans="14:14">
      <c r="N315531" s="10"/>
    </row>
    <row r="315532" spans="14:14">
      <c r="N315532" s="10"/>
    </row>
    <row r="315533" spans="14:14">
      <c r="N315533" s="10"/>
    </row>
    <row r="315534" spans="14:14">
      <c r="N315534" s="10"/>
    </row>
    <row r="315535" spans="14:14">
      <c r="N315535" s="10"/>
    </row>
    <row r="315536" spans="14:14">
      <c r="N315536" s="10"/>
    </row>
    <row r="315537" spans="14:14">
      <c r="N315537" s="10"/>
    </row>
    <row r="315538" spans="14:14">
      <c r="N315538" s="10"/>
    </row>
    <row r="315539" spans="14:14">
      <c r="N315539" s="10"/>
    </row>
    <row r="315540" spans="14:14">
      <c r="N315540" s="10"/>
    </row>
    <row r="315541" spans="14:14">
      <c r="N315541" s="10"/>
    </row>
    <row r="315542" spans="14:14">
      <c r="N315542" s="10"/>
    </row>
    <row r="315543" spans="14:14">
      <c r="N315543" s="10"/>
    </row>
    <row r="315544" spans="14:14">
      <c r="N315544" s="10"/>
    </row>
    <row r="315545" spans="14:14">
      <c r="N315545" s="10"/>
    </row>
    <row r="315546" spans="14:14">
      <c r="N315546" s="10"/>
    </row>
    <row r="315547" spans="14:14">
      <c r="N315547" s="10"/>
    </row>
    <row r="315548" spans="14:14">
      <c r="N315548" s="10"/>
    </row>
    <row r="315549" spans="14:14">
      <c r="N315549" s="10"/>
    </row>
    <row r="315550" spans="14:14">
      <c r="N315550" s="10"/>
    </row>
    <row r="315551" spans="14:14">
      <c r="N315551" s="10"/>
    </row>
    <row r="315552" spans="14:14">
      <c r="N315552" s="10"/>
    </row>
    <row r="315553" spans="14:14">
      <c r="N315553" s="10"/>
    </row>
    <row r="315554" spans="14:14">
      <c r="N315554" s="10"/>
    </row>
    <row r="315555" spans="14:14">
      <c r="N315555" s="10"/>
    </row>
    <row r="315556" spans="14:14">
      <c r="N315556" s="10"/>
    </row>
    <row r="315557" spans="14:14">
      <c r="N315557" s="10"/>
    </row>
    <row r="315558" spans="14:14">
      <c r="N315558" s="10"/>
    </row>
    <row r="315559" spans="14:14">
      <c r="N315559" s="10"/>
    </row>
    <row r="315560" spans="14:14">
      <c r="N315560" s="10"/>
    </row>
    <row r="315561" spans="14:14">
      <c r="N315561" s="10"/>
    </row>
    <row r="315562" spans="14:14">
      <c r="N315562" s="10"/>
    </row>
    <row r="315563" spans="14:14">
      <c r="N315563" s="10"/>
    </row>
    <row r="315564" spans="14:14">
      <c r="N315564" s="10"/>
    </row>
    <row r="315565" spans="14:14">
      <c r="N315565" s="10"/>
    </row>
    <row r="315566" spans="14:14">
      <c r="N315566" s="10"/>
    </row>
    <row r="315567" spans="14:14">
      <c r="N315567" s="10"/>
    </row>
    <row r="315568" spans="14:14">
      <c r="N315568" s="10"/>
    </row>
    <row r="315569" spans="14:14">
      <c r="N315569" s="10"/>
    </row>
    <row r="315570" spans="14:14">
      <c r="N315570" s="10"/>
    </row>
    <row r="315571" spans="14:14">
      <c r="N315571" s="10"/>
    </row>
    <row r="315572" spans="14:14">
      <c r="N315572" s="10"/>
    </row>
    <row r="315573" spans="14:14">
      <c r="N315573" s="10"/>
    </row>
    <row r="315574" spans="14:14">
      <c r="N315574" s="10"/>
    </row>
    <row r="315575" spans="14:14">
      <c r="N315575" s="10"/>
    </row>
    <row r="315576" spans="14:14">
      <c r="N315576" s="10"/>
    </row>
    <row r="315577" spans="14:14">
      <c r="N315577" s="10"/>
    </row>
    <row r="315578" spans="14:14">
      <c r="N315578" s="10"/>
    </row>
    <row r="315579" spans="14:14">
      <c r="N315579" s="10"/>
    </row>
    <row r="315580" spans="14:14">
      <c r="N315580" s="10"/>
    </row>
    <row r="315581" spans="14:14">
      <c r="N315581" s="10"/>
    </row>
    <row r="315582" spans="14:14">
      <c r="N315582" s="10"/>
    </row>
    <row r="315583" spans="14:14">
      <c r="N315583" s="10"/>
    </row>
    <row r="315584" spans="14:14">
      <c r="N315584" s="10"/>
    </row>
    <row r="315585" spans="14:14">
      <c r="N315585" s="10"/>
    </row>
    <row r="315586" spans="14:14">
      <c r="N315586" s="10"/>
    </row>
    <row r="315587" spans="14:14">
      <c r="N315587" s="10"/>
    </row>
    <row r="315588" spans="14:14">
      <c r="N315588" s="10"/>
    </row>
    <row r="315589" spans="14:14">
      <c r="N315589" s="10"/>
    </row>
    <row r="315590" spans="14:14">
      <c r="N315590" s="10"/>
    </row>
    <row r="315591" spans="14:14">
      <c r="N315591" s="10"/>
    </row>
    <row r="315592" spans="14:14">
      <c r="N315592" s="10"/>
    </row>
    <row r="315593" spans="14:14">
      <c r="N315593" s="10"/>
    </row>
    <row r="315594" spans="14:14">
      <c r="N315594" s="10"/>
    </row>
    <row r="315595" spans="14:14">
      <c r="N315595" s="10"/>
    </row>
    <row r="315596" spans="14:14">
      <c r="N315596" s="10"/>
    </row>
    <row r="315597" spans="14:14">
      <c r="N315597" s="10"/>
    </row>
    <row r="315598" spans="14:14">
      <c r="N315598" s="10"/>
    </row>
    <row r="315599" spans="14:14">
      <c r="N315599" s="10"/>
    </row>
    <row r="315600" spans="14:14">
      <c r="N315600" s="10"/>
    </row>
    <row r="315601" spans="14:14">
      <c r="N315601" s="10"/>
    </row>
    <row r="315602" spans="14:14">
      <c r="N315602" s="10"/>
    </row>
    <row r="315603" spans="14:14">
      <c r="N315603" s="10"/>
    </row>
    <row r="315604" spans="14:14">
      <c r="N315604" s="10"/>
    </row>
    <row r="315605" spans="14:14">
      <c r="N315605" s="10"/>
    </row>
    <row r="315606" spans="14:14">
      <c r="N315606" s="10"/>
    </row>
    <row r="315607" spans="14:14">
      <c r="N315607" s="10"/>
    </row>
    <row r="315608" spans="14:14">
      <c r="N315608" s="10"/>
    </row>
    <row r="315609" spans="14:14">
      <c r="N315609" s="10"/>
    </row>
    <row r="315610" spans="14:14">
      <c r="N315610" s="10"/>
    </row>
    <row r="315611" spans="14:14">
      <c r="N315611" s="10"/>
    </row>
    <row r="315612" spans="14:14">
      <c r="N315612" s="10"/>
    </row>
    <row r="315613" spans="14:14">
      <c r="N315613" s="10"/>
    </row>
    <row r="315614" spans="14:14">
      <c r="N315614" s="10"/>
    </row>
    <row r="315615" spans="14:14">
      <c r="N315615" s="10"/>
    </row>
    <row r="315616" spans="14:14">
      <c r="N315616" s="10"/>
    </row>
    <row r="315617" spans="14:14">
      <c r="N315617" s="10"/>
    </row>
    <row r="315618" spans="14:14">
      <c r="N315618" s="10"/>
    </row>
    <row r="315619" spans="14:14">
      <c r="N315619" s="10"/>
    </row>
    <row r="315620" spans="14:14">
      <c r="N315620" s="10"/>
    </row>
    <row r="315621" spans="14:14">
      <c r="N315621" s="10"/>
    </row>
    <row r="315622" spans="14:14">
      <c r="N315622" s="10"/>
    </row>
    <row r="315623" spans="14:14">
      <c r="N315623" s="10"/>
    </row>
    <row r="315624" spans="14:14">
      <c r="N315624" s="10"/>
    </row>
    <row r="315625" spans="14:14">
      <c r="N315625" s="10"/>
    </row>
    <row r="315626" spans="14:14">
      <c r="N315626" s="10"/>
    </row>
    <row r="315627" spans="14:14">
      <c r="N315627" s="10"/>
    </row>
    <row r="315628" spans="14:14">
      <c r="N315628" s="10"/>
    </row>
    <row r="315629" spans="14:14">
      <c r="N315629" s="10"/>
    </row>
    <row r="315630" spans="14:14">
      <c r="N315630" s="10"/>
    </row>
    <row r="315631" spans="14:14">
      <c r="N315631" s="10"/>
    </row>
    <row r="315632" spans="14:14">
      <c r="N315632" s="10"/>
    </row>
    <row r="315633" spans="14:14">
      <c r="N315633" s="10"/>
    </row>
    <row r="315634" spans="14:14">
      <c r="N315634" s="10"/>
    </row>
    <row r="315635" spans="14:14">
      <c r="N315635" s="10"/>
    </row>
    <row r="315636" spans="14:14">
      <c r="N315636" s="10"/>
    </row>
    <row r="315637" spans="14:14">
      <c r="N315637" s="10"/>
    </row>
    <row r="315638" spans="14:14">
      <c r="N315638" s="10"/>
    </row>
    <row r="315639" spans="14:14">
      <c r="N315639" s="10"/>
    </row>
    <row r="315640" spans="14:14">
      <c r="N315640" s="10"/>
    </row>
    <row r="315641" spans="14:14">
      <c r="N315641" s="10"/>
    </row>
    <row r="315642" spans="14:14">
      <c r="N315642" s="10"/>
    </row>
    <row r="315643" spans="14:14">
      <c r="N315643" s="10"/>
    </row>
    <row r="315644" spans="14:14">
      <c r="N315644" s="10"/>
    </row>
    <row r="315645" spans="14:14">
      <c r="N315645" s="10"/>
    </row>
    <row r="315646" spans="14:14">
      <c r="N315646" s="10"/>
    </row>
    <row r="315647" spans="14:14">
      <c r="N315647" s="10"/>
    </row>
    <row r="315648" spans="14:14">
      <c r="N315648" s="10"/>
    </row>
    <row r="315649" spans="14:14">
      <c r="N315649" s="10"/>
    </row>
    <row r="315650" spans="14:14">
      <c r="N315650" s="10"/>
    </row>
    <row r="315651" spans="14:14">
      <c r="N315651" s="10"/>
    </row>
    <row r="315652" spans="14:14">
      <c r="N315652" s="10"/>
    </row>
    <row r="315653" spans="14:14">
      <c r="N315653" s="10"/>
    </row>
    <row r="315654" spans="14:14">
      <c r="N315654" s="10"/>
    </row>
    <row r="315655" spans="14:14">
      <c r="N315655" s="10"/>
    </row>
    <row r="315656" spans="14:14">
      <c r="N315656" s="10"/>
    </row>
    <row r="315657" spans="14:14">
      <c r="N315657" s="10"/>
    </row>
    <row r="315658" spans="14:14">
      <c r="N315658" s="10"/>
    </row>
    <row r="315659" spans="14:14">
      <c r="N315659" s="10"/>
    </row>
    <row r="315660" spans="14:14">
      <c r="N315660" s="10"/>
    </row>
    <row r="315661" spans="14:14">
      <c r="N315661" s="10"/>
    </row>
    <row r="315662" spans="14:14">
      <c r="N315662" s="10"/>
    </row>
    <row r="315663" spans="14:14">
      <c r="N315663" s="10"/>
    </row>
    <row r="315664" spans="14:14">
      <c r="N315664" s="10"/>
    </row>
    <row r="315665" spans="14:14">
      <c r="N315665" s="10"/>
    </row>
    <row r="315666" spans="14:14">
      <c r="N315666" s="10"/>
    </row>
    <row r="315667" spans="14:14">
      <c r="N315667" s="10"/>
    </row>
    <row r="315668" spans="14:14">
      <c r="N315668" s="10"/>
    </row>
    <row r="315669" spans="14:14">
      <c r="N315669" s="10"/>
    </row>
    <row r="315670" spans="14:14">
      <c r="N315670" s="10"/>
    </row>
    <row r="315671" spans="14:14">
      <c r="N315671" s="10"/>
    </row>
    <row r="315672" spans="14:14">
      <c r="N315672" s="10"/>
    </row>
    <row r="315673" spans="14:14">
      <c r="N315673" s="10"/>
    </row>
    <row r="315674" spans="14:14">
      <c r="N315674" s="10"/>
    </row>
    <row r="315675" spans="14:14">
      <c r="N315675" s="10"/>
    </row>
    <row r="315676" spans="14:14">
      <c r="N315676" s="10"/>
    </row>
    <row r="315677" spans="14:14">
      <c r="N315677" s="10"/>
    </row>
    <row r="315678" spans="14:14">
      <c r="N315678" s="10"/>
    </row>
    <row r="315679" spans="14:14">
      <c r="N315679" s="10"/>
    </row>
    <row r="315680" spans="14:14">
      <c r="N315680" s="10"/>
    </row>
    <row r="315681" spans="14:14">
      <c r="N315681" s="10"/>
    </row>
    <row r="315682" spans="14:14">
      <c r="N315682" s="10"/>
    </row>
    <row r="315683" spans="14:14">
      <c r="N315683" s="10"/>
    </row>
    <row r="315684" spans="14:14">
      <c r="N315684" s="10"/>
    </row>
    <row r="315685" spans="14:14">
      <c r="N315685" s="10"/>
    </row>
    <row r="315686" spans="14:14">
      <c r="N315686" s="10"/>
    </row>
    <row r="315687" spans="14:14">
      <c r="N315687" s="10"/>
    </row>
    <row r="315688" spans="14:14">
      <c r="N315688" s="10"/>
    </row>
    <row r="315689" spans="14:14">
      <c r="N315689" s="10"/>
    </row>
    <row r="315690" spans="14:14">
      <c r="N315690" s="10"/>
    </row>
    <row r="315691" spans="14:14">
      <c r="N315691" s="10"/>
    </row>
    <row r="315692" spans="14:14">
      <c r="N315692" s="10"/>
    </row>
    <row r="315693" spans="14:14">
      <c r="N315693" s="10"/>
    </row>
    <row r="315694" spans="14:14">
      <c r="N315694" s="10"/>
    </row>
    <row r="315695" spans="14:14">
      <c r="N315695" s="10"/>
    </row>
    <row r="315696" spans="14:14">
      <c r="N315696" s="10"/>
    </row>
    <row r="315697" spans="14:14">
      <c r="N315697" s="10"/>
    </row>
    <row r="315698" spans="14:14">
      <c r="N315698" s="10"/>
    </row>
    <row r="315699" spans="14:14">
      <c r="N315699" s="10"/>
    </row>
    <row r="315700" spans="14:14">
      <c r="N315700" s="10"/>
    </row>
    <row r="315701" spans="14:14">
      <c r="N315701" s="10"/>
    </row>
    <row r="315702" spans="14:14">
      <c r="N315702" s="10"/>
    </row>
    <row r="315703" spans="14:14">
      <c r="N315703" s="10"/>
    </row>
    <row r="315704" spans="14:14">
      <c r="N315704" s="10"/>
    </row>
    <row r="315705" spans="14:14">
      <c r="N315705" s="10"/>
    </row>
    <row r="315706" spans="14:14">
      <c r="N315706" s="10"/>
    </row>
    <row r="315707" spans="14:14">
      <c r="N315707" s="10"/>
    </row>
    <row r="315708" spans="14:14">
      <c r="N315708" s="10"/>
    </row>
    <row r="315709" spans="14:14">
      <c r="N315709" s="10"/>
    </row>
    <row r="315710" spans="14:14">
      <c r="N315710" s="10"/>
    </row>
    <row r="315711" spans="14:14">
      <c r="N315711" s="10"/>
    </row>
    <row r="315712" spans="14:14">
      <c r="N315712" s="10"/>
    </row>
    <row r="315713" spans="14:14">
      <c r="N315713" s="10"/>
    </row>
    <row r="315714" spans="14:14">
      <c r="N315714" s="10"/>
    </row>
    <row r="315715" spans="14:14">
      <c r="N315715" s="10"/>
    </row>
    <row r="315716" spans="14:14">
      <c r="N315716" s="10"/>
    </row>
    <row r="315717" spans="14:14">
      <c r="N315717" s="10"/>
    </row>
    <row r="315718" spans="14:14">
      <c r="N315718" s="10"/>
    </row>
    <row r="315719" spans="14:14">
      <c r="N315719" s="10"/>
    </row>
    <row r="315720" spans="14:14">
      <c r="N315720" s="10"/>
    </row>
    <row r="315721" spans="14:14">
      <c r="N315721" s="10"/>
    </row>
    <row r="315722" spans="14:14">
      <c r="N315722" s="10"/>
    </row>
    <row r="315723" spans="14:14">
      <c r="N315723" s="10"/>
    </row>
    <row r="315724" spans="14:14">
      <c r="N315724" s="10"/>
    </row>
    <row r="315725" spans="14:14">
      <c r="N315725" s="10"/>
    </row>
    <row r="315726" spans="14:14">
      <c r="N315726" s="10"/>
    </row>
    <row r="315727" spans="14:14">
      <c r="N315727" s="10"/>
    </row>
    <row r="315728" spans="14:14">
      <c r="N315728" s="10"/>
    </row>
    <row r="315729" spans="14:14">
      <c r="N315729" s="10"/>
    </row>
    <row r="315730" spans="14:14">
      <c r="N315730" s="10"/>
    </row>
    <row r="315731" spans="14:14">
      <c r="N315731" s="10"/>
    </row>
    <row r="315732" spans="14:14">
      <c r="N315732" s="10"/>
    </row>
    <row r="315733" spans="14:14">
      <c r="N315733" s="10"/>
    </row>
    <row r="315734" spans="14:14">
      <c r="N315734" s="10"/>
    </row>
    <row r="315735" spans="14:14">
      <c r="N315735" s="10"/>
    </row>
    <row r="315736" spans="14:14">
      <c r="N315736" s="10"/>
    </row>
    <row r="315737" spans="14:14">
      <c r="N315737" s="10"/>
    </row>
    <row r="315738" spans="14:14">
      <c r="N315738" s="10"/>
    </row>
    <row r="315739" spans="14:14">
      <c r="N315739" s="10"/>
    </row>
    <row r="315740" spans="14:14">
      <c r="N315740" s="10"/>
    </row>
    <row r="315741" spans="14:14">
      <c r="N315741" s="10"/>
    </row>
    <row r="315742" spans="14:14">
      <c r="N315742" s="10"/>
    </row>
    <row r="315743" spans="14:14">
      <c r="N315743" s="10"/>
    </row>
    <row r="315744" spans="14:14">
      <c r="N315744" s="10"/>
    </row>
    <row r="315745" spans="14:14">
      <c r="N315745" s="10"/>
    </row>
    <row r="315746" spans="14:14">
      <c r="N315746" s="10"/>
    </row>
    <row r="315747" spans="14:14">
      <c r="N315747" s="10"/>
    </row>
    <row r="315748" spans="14:14">
      <c r="N315748" s="10"/>
    </row>
    <row r="315749" spans="14:14">
      <c r="N315749" s="10"/>
    </row>
    <row r="315750" spans="14:14">
      <c r="N315750" s="10"/>
    </row>
    <row r="315751" spans="14:14">
      <c r="N315751" s="10"/>
    </row>
    <row r="315752" spans="14:14">
      <c r="N315752" s="10"/>
    </row>
    <row r="315753" spans="14:14">
      <c r="N315753" s="10"/>
    </row>
    <row r="315754" spans="14:14">
      <c r="N315754" s="10"/>
    </row>
    <row r="315755" spans="14:14">
      <c r="N315755" s="10"/>
    </row>
    <row r="315756" spans="14:14">
      <c r="N315756" s="10"/>
    </row>
    <row r="315757" spans="14:14">
      <c r="N315757" s="10"/>
    </row>
    <row r="315758" spans="14:14">
      <c r="N315758" s="10"/>
    </row>
    <row r="315759" spans="14:14">
      <c r="N315759" s="10"/>
    </row>
    <row r="315760" spans="14:14">
      <c r="N315760" s="10"/>
    </row>
    <row r="315761" spans="14:14">
      <c r="N315761" s="10"/>
    </row>
    <row r="315762" spans="14:14">
      <c r="N315762" s="10"/>
    </row>
    <row r="315763" spans="14:14">
      <c r="N315763" s="10"/>
    </row>
    <row r="315764" spans="14:14">
      <c r="N315764" s="10"/>
    </row>
    <row r="315765" spans="14:14">
      <c r="N315765" s="10"/>
    </row>
    <row r="315766" spans="14:14">
      <c r="N315766" s="10"/>
    </row>
    <row r="315767" spans="14:14">
      <c r="N315767" s="10"/>
    </row>
    <row r="315768" spans="14:14">
      <c r="N315768" s="10"/>
    </row>
    <row r="315769" spans="14:14">
      <c r="N315769" s="10"/>
    </row>
    <row r="315770" spans="14:14">
      <c r="N315770" s="10"/>
    </row>
    <row r="315771" spans="14:14">
      <c r="N315771" s="10"/>
    </row>
    <row r="315772" spans="14:14">
      <c r="N315772" s="10"/>
    </row>
    <row r="315773" spans="14:14">
      <c r="N315773" s="10"/>
    </row>
    <row r="315774" spans="14:14">
      <c r="N315774" s="10"/>
    </row>
    <row r="315775" spans="14:14">
      <c r="N315775" s="10"/>
    </row>
    <row r="315776" spans="14:14">
      <c r="N315776" s="10"/>
    </row>
    <row r="315777" spans="14:14">
      <c r="N315777" s="10"/>
    </row>
    <row r="315778" spans="14:14">
      <c r="N315778" s="10"/>
    </row>
    <row r="315779" spans="14:14">
      <c r="N315779" s="10"/>
    </row>
    <row r="315780" spans="14:14">
      <c r="N315780" s="10"/>
    </row>
    <row r="315781" spans="14:14">
      <c r="N315781" s="10"/>
    </row>
    <row r="315782" spans="14:14">
      <c r="N315782" s="10"/>
    </row>
    <row r="315783" spans="14:14">
      <c r="N315783" s="10"/>
    </row>
    <row r="315784" spans="14:14">
      <c r="N315784" s="10"/>
    </row>
    <row r="315785" spans="14:14">
      <c r="N315785" s="10"/>
    </row>
    <row r="315786" spans="14:14">
      <c r="N315786" s="10"/>
    </row>
    <row r="315787" spans="14:14">
      <c r="N315787" s="10"/>
    </row>
    <row r="315788" spans="14:14">
      <c r="N315788" s="10"/>
    </row>
    <row r="315789" spans="14:14">
      <c r="N315789" s="10"/>
    </row>
    <row r="315790" spans="14:14">
      <c r="N315790" s="10"/>
    </row>
    <row r="315791" spans="14:14">
      <c r="N315791" s="10"/>
    </row>
    <row r="315792" spans="14:14">
      <c r="N315792" s="10"/>
    </row>
    <row r="315793" spans="14:14">
      <c r="N315793" s="10"/>
    </row>
    <row r="315794" spans="14:14">
      <c r="N315794" s="10"/>
    </row>
    <row r="315795" spans="14:14">
      <c r="N315795" s="10"/>
    </row>
    <row r="315796" spans="14:14">
      <c r="N315796" s="10"/>
    </row>
    <row r="315797" spans="14:14">
      <c r="N315797" s="10"/>
    </row>
    <row r="315798" spans="14:14">
      <c r="N315798" s="10"/>
    </row>
    <row r="315799" spans="14:14">
      <c r="N315799" s="10"/>
    </row>
    <row r="315800" spans="14:14">
      <c r="N315800" s="10"/>
    </row>
    <row r="315801" spans="14:14">
      <c r="N315801" s="10"/>
    </row>
    <row r="315802" spans="14:14">
      <c r="N315802" s="10"/>
    </row>
    <row r="315803" spans="14:14">
      <c r="N315803" s="10"/>
    </row>
    <row r="315804" spans="14:14">
      <c r="N315804" s="10"/>
    </row>
    <row r="315805" spans="14:14">
      <c r="N315805" s="10"/>
    </row>
    <row r="315806" spans="14:14">
      <c r="N315806" s="10"/>
    </row>
    <row r="315807" spans="14:14">
      <c r="N315807" s="10"/>
    </row>
    <row r="315808" spans="14:14">
      <c r="N315808" s="10"/>
    </row>
    <row r="315809" spans="14:14">
      <c r="N315809" s="10"/>
    </row>
    <row r="315810" spans="14:14">
      <c r="N315810" s="10"/>
    </row>
    <row r="315811" spans="14:14">
      <c r="N315811" s="10"/>
    </row>
    <row r="315812" spans="14:14">
      <c r="N315812" s="10"/>
    </row>
    <row r="315813" spans="14:14">
      <c r="N315813" s="10"/>
    </row>
    <row r="315814" spans="14:14">
      <c r="N315814" s="10"/>
    </row>
    <row r="315815" spans="14:14">
      <c r="N315815" s="10"/>
    </row>
    <row r="315816" spans="14:14">
      <c r="N315816" s="10"/>
    </row>
    <row r="315817" spans="14:14">
      <c r="N315817" s="10"/>
    </row>
    <row r="315818" spans="14:14">
      <c r="N315818" s="10"/>
    </row>
    <row r="315819" spans="14:14">
      <c r="N315819" s="10"/>
    </row>
    <row r="315820" spans="14:14">
      <c r="N315820" s="10"/>
    </row>
    <row r="315821" spans="14:14">
      <c r="N315821" s="10"/>
    </row>
    <row r="315822" spans="14:14">
      <c r="N315822" s="10"/>
    </row>
    <row r="315823" spans="14:14">
      <c r="N315823" s="10"/>
    </row>
    <row r="315824" spans="14:14">
      <c r="N315824" s="10"/>
    </row>
    <row r="315825" spans="14:14">
      <c r="N315825" s="10"/>
    </row>
    <row r="315826" spans="14:14">
      <c r="N315826" s="10"/>
    </row>
    <row r="315827" spans="14:14">
      <c r="N315827" s="10"/>
    </row>
    <row r="315828" spans="14:14">
      <c r="N315828" s="10"/>
    </row>
    <row r="315829" spans="14:14">
      <c r="N315829" s="10"/>
    </row>
    <row r="315830" spans="14:14">
      <c r="N315830" s="10"/>
    </row>
    <row r="315831" spans="14:14">
      <c r="N315831" s="10"/>
    </row>
    <row r="315832" spans="14:14">
      <c r="N315832" s="10"/>
    </row>
    <row r="315833" spans="14:14">
      <c r="N315833" s="10"/>
    </row>
    <row r="315834" spans="14:14">
      <c r="N315834" s="10"/>
    </row>
    <row r="315835" spans="14:14">
      <c r="N315835" s="10"/>
    </row>
    <row r="315836" spans="14:14">
      <c r="N315836" s="10"/>
    </row>
    <row r="315837" spans="14:14">
      <c r="N315837" s="10"/>
    </row>
    <row r="315838" spans="14:14">
      <c r="N315838" s="10"/>
    </row>
    <row r="315839" spans="14:14">
      <c r="N315839" s="10"/>
    </row>
    <row r="315840" spans="14:14">
      <c r="N315840" s="10"/>
    </row>
    <row r="315841" spans="14:14">
      <c r="N315841" s="10"/>
    </row>
    <row r="315842" spans="14:14">
      <c r="N315842" s="10"/>
    </row>
    <row r="315843" spans="14:14">
      <c r="N315843" s="10"/>
    </row>
    <row r="315844" spans="14:14">
      <c r="N315844" s="10"/>
    </row>
    <row r="315845" spans="14:14">
      <c r="N315845" s="10"/>
    </row>
    <row r="315846" spans="14:14">
      <c r="N315846" s="10"/>
    </row>
    <row r="315847" spans="14:14">
      <c r="N315847" s="10"/>
    </row>
    <row r="315848" spans="14:14">
      <c r="N315848" s="10"/>
    </row>
    <row r="315849" spans="14:14">
      <c r="N315849" s="10"/>
    </row>
    <row r="315850" spans="14:14">
      <c r="N315850" s="10"/>
    </row>
    <row r="315851" spans="14:14">
      <c r="N315851" s="10"/>
    </row>
    <row r="315852" spans="14:14">
      <c r="N315852" s="10"/>
    </row>
    <row r="315853" spans="14:14">
      <c r="N315853" s="10"/>
    </row>
    <row r="315854" spans="14:14">
      <c r="N315854" s="10"/>
    </row>
    <row r="315855" spans="14:14">
      <c r="N315855" s="10"/>
    </row>
    <row r="315856" spans="14:14">
      <c r="N315856" s="10"/>
    </row>
    <row r="315857" spans="14:14">
      <c r="N315857" s="10"/>
    </row>
    <row r="315858" spans="14:14">
      <c r="N315858" s="10"/>
    </row>
    <row r="315859" spans="14:14">
      <c r="N315859" s="10"/>
    </row>
    <row r="315860" spans="14:14">
      <c r="N315860" s="10"/>
    </row>
    <row r="315861" spans="14:14">
      <c r="N315861" s="10"/>
    </row>
    <row r="315862" spans="14:14">
      <c r="N315862" s="10"/>
    </row>
    <row r="315863" spans="14:14">
      <c r="N315863" s="10"/>
    </row>
    <row r="315864" spans="14:14">
      <c r="N315864" s="10"/>
    </row>
    <row r="315865" spans="14:14">
      <c r="N315865" s="10"/>
    </row>
    <row r="315866" spans="14:14">
      <c r="N315866" s="10"/>
    </row>
    <row r="315867" spans="14:14">
      <c r="N315867" s="10"/>
    </row>
    <row r="315868" spans="14:14">
      <c r="N315868" s="10"/>
    </row>
    <row r="315869" spans="14:14">
      <c r="N315869" s="10"/>
    </row>
    <row r="315870" spans="14:14">
      <c r="N315870" s="10"/>
    </row>
    <row r="315871" spans="14:14">
      <c r="N315871" s="10"/>
    </row>
    <row r="315872" spans="14:14">
      <c r="N315872" s="10"/>
    </row>
    <row r="315873" spans="14:14">
      <c r="N315873" s="10"/>
    </row>
    <row r="315874" spans="14:14">
      <c r="N315874" s="10"/>
    </row>
    <row r="315875" spans="14:14">
      <c r="N315875" s="10"/>
    </row>
    <row r="315876" spans="14:14">
      <c r="N315876" s="10"/>
    </row>
    <row r="315877" spans="14:14">
      <c r="N315877" s="10"/>
    </row>
    <row r="315878" spans="14:14">
      <c r="N315878" s="10"/>
    </row>
    <row r="315879" spans="14:14">
      <c r="N315879" s="10"/>
    </row>
    <row r="315880" spans="14:14">
      <c r="N315880" s="10"/>
    </row>
    <row r="315881" spans="14:14">
      <c r="N315881" s="10"/>
    </row>
    <row r="315882" spans="14:14">
      <c r="N315882" s="10"/>
    </row>
    <row r="315883" spans="14:14">
      <c r="N315883" s="10"/>
    </row>
    <row r="315884" spans="14:14">
      <c r="N315884" s="10"/>
    </row>
    <row r="315885" spans="14:14">
      <c r="N315885" s="10"/>
    </row>
    <row r="315886" spans="14:14">
      <c r="N315886" s="10"/>
    </row>
    <row r="315887" spans="14:14">
      <c r="N315887" s="10"/>
    </row>
    <row r="315888" spans="14:14">
      <c r="N315888" s="10"/>
    </row>
    <row r="315889" spans="14:14">
      <c r="N315889" s="10"/>
    </row>
    <row r="315890" spans="14:14">
      <c r="N315890" s="10"/>
    </row>
    <row r="315891" spans="14:14">
      <c r="N315891" s="10"/>
    </row>
    <row r="315892" spans="14:14">
      <c r="N315892" s="10"/>
    </row>
    <row r="315893" spans="14:14">
      <c r="N315893" s="10"/>
    </row>
    <row r="315894" spans="14:14">
      <c r="N315894" s="10"/>
    </row>
    <row r="315895" spans="14:14">
      <c r="N315895" s="10"/>
    </row>
    <row r="315896" spans="14:14">
      <c r="N315896" s="10"/>
    </row>
    <row r="315897" spans="14:14">
      <c r="N315897" s="10"/>
    </row>
    <row r="315898" spans="14:14">
      <c r="N315898" s="10"/>
    </row>
    <row r="315899" spans="14:14">
      <c r="N315899" s="10"/>
    </row>
    <row r="315900" spans="14:14">
      <c r="N315900" s="10"/>
    </row>
    <row r="315901" spans="14:14">
      <c r="N315901" s="10"/>
    </row>
    <row r="315902" spans="14:14">
      <c r="N315902" s="10"/>
    </row>
    <row r="315903" spans="14:14">
      <c r="N315903" s="10"/>
    </row>
    <row r="315904" spans="14:14">
      <c r="N315904" s="10"/>
    </row>
    <row r="315905" spans="14:14">
      <c r="N315905" s="10"/>
    </row>
    <row r="315906" spans="14:14">
      <c r="N315906" s="10"/>
    </row>
    <row r="315907" spans="14:14">
      <c r="N315907" s="10"/>
    </row>
    <row r="315908" spans="14:14">
      <c r="N315908" s="10"/>
    </row>
    <row r="315909" spans="14:14">
      <c r="N315909" s="10"/>
    </row>
    <row r="315910" spans="14:14">
      <c r="N315910" s="10"/>
    </row>
    <row r="315911" spans="14:14">
      <c r="N315911" s="10"/>
    </row>
    <row r="315912" spans="14:14">
      <c r="N315912" s="10"/>
    </row>
    <row r="315913" spans="14:14">
      <c r="N315913" s="10"/>
    </row>
    <row r="315914" spans="14:14">
      <c r="N315914" s="10"/>
    </row>
    <row r="315915" spans="14:14">
      <c r="N315915" s="10"/>
    </row>
    <row r="315916" spans="14:14">
      <c r="N315916" s="10"/>
    </row>
    <row r="315917" spans="14:14">
      <c r="N315917" s="10"/>
    </row>
    <row r="315918" spans="14:14">
      <c r="N315918" s="10"/>
    </row>
    <row r="315919" spans="14:14">
      <c r="N315919" s="10"/>
    </row>
    <row r="315920" spans="14:14">
      <c r="N315920" s="10"/>
    </row>
    <row r="315921" spans="14:14">
      <c r="N315921" s="10"/>
    </row>
    <row r="315922" spans="14:14">
      <c r="N315922" s="10"/>
    </row>
    <row r="315923" spans="14:14">
      <c r="N315923" s="10"/>
    </row>
    <row r="315924" spans="14:14">
      <c r="N315924" s="10"/>
    </row>
    <row r="315925" spans="14:14">
      <c r="N315925" s="10"/>
    </row>
    <row r="315926" spans="14:14">
      <c r="N315926" s="10"/>
    </row>
    <row r="315927" spans="14:14">
      <c r="N315927" s="10"/>
    </row>
    <row r="315928" spans="14:14">
      <c r="N315928" s="10"/>
    </row>
    <row r="315929" spans="14:14">
      <c r="N315929" s="10"/>
    </row>
    <row r="315930" spans="14:14">
      <c r="N315930" s="10"/>
    </row>
    <row r="315931" spans="14:14">
      <c r="N315931" s="10"/>
    </row>
    <row r="315932" spans="14:14">
      <c r="N315932" s="10"/>
    </row>
    <row r="315933" spans="14:14">
      <c r="N315933" s="10"/>
    </row>
    <row r="315934" spans="14:14">
      <c r="N315934" s="10"/>
    </row>
    <row r="315935" spans="14:14">
      <c r="N315935" s="10"/>
    </row>
    <row r="315936" spans="14:14">
      <c r="N315936" s="10"/>
    </row>
    <row r="315937" spans="14:14">
      <c r="N315937" s="10"/>
    </row>
    <row r="315938" spans="14:14">
      <c r="N315938" s="10"/>
    </row>
    <row r="315939" spans="14:14">
      <c r="N315939" s="10"/>
    </row>
    <row r="315940" spans="14:14">
      <c r="N315940" s="10"/>
    </row>
    <row r="315941" spans="14:14">
      <c r="N315941" s="10"/>
    </row>
    <row r="315942" spans="14:14">
      <c r="N315942" s="10"/>
    </row>
    <row r="315943" spans="14:14">
      <c r="N315943" s="10"/>
    </row>
    <row r="315944" spans="14:14">
      <c r="N315944" s="10"/>
    </row>
    <row r="315945" spans="14:14">
      <c r="N315945" s="10"/>
    </row>
    <row r="315946" spans="14:14">
      <c r="N315946" s="10"/>
    </row>
    <row r="315947" spans="14:14">
      <c r="N315947" s="10"/>
    </row>
    <row r="315948" spans="14:14">
      <c r="N315948" s="10"/>
    </row>
    <row r="315949" spans="14:14">
      <c r="N315949" s="10"/>
    </row>
    <row r="315950" spans="14:14">
      <c r="N315950" s="10"/>
    </row>
    <row r="315951" spans="14:14">
      <c r="N315951" s="10"/>
    </row>
    <row r="315952" spans="14:14">
      <c r="N315952" s="10"/>
    </row>
    <row r="315953" spans="14:14">
      <c r="N315953" s="10"/>
    </row>
    <row r="315954" spans="14:14">
      <c r="N315954" s="10"/>
    </row>
    <row r="315955" spans="14:14">
      <c r="N315955" s="10"/>
    </row>
    <row r="315956" spans="14:14">
      <c r="N315956" s="10"/>
    </row>
    <row r="315957" spans="14:14">
      <c r="N315957" s="10"/>
    </row>
    <row r="315958" spans="14:14">
      <c r="N315958" s="10"/>
    </row>
    <row r="315959" spans="14:14">
      <c r="N315959" s="10"/>
    </row>
    <row r="315960" spans="14:14">
      <c r="N315960" s="10"/>
    </row>
    <row r="315961" spans="14:14">
      <c r="N315961" s="10"/>
    </row>
    <row r="315962" spans="14:14">
      <c r="N315962" s="10"/>
    </row>
    <row r="315963" spans="14:14">
      <c r="N315963" s="10"/>
    </row>
    <row r="315964" spans="14:14">
      <c r="N315964" s="10"/>
    </row>
    <row r="315965" spans="14:14">
      <c r="N315965" s="10"/>
    </row>
    <row r="315966" spans="14:14">
      <c r="N315966" s="10"/>
    </row>
    <row r="315967" spans="14:14">
      <c r="N315967" s="10"/>
    </row>
    <row r="315968" spans="14:14">
      <c r="N315968" s="10"/>
    </row>
    <row r="315969" spans="14:14">
      <c r="N315969" s="10"/>
    </row>
    <row r="315970" spans="14:14">
      <c r="N315970" s="10"/>
    </row>
    <row r="315971" spans="14:14">
      <c r="N315971" s="10"/>
    </row>
    <row r="315972" spans="14:14">
      <c r="N315972" s="10"/>
    </row>
    <row r="315973" spans="14:14">
      <c r="N315973" s="10"/>
    </row>
    <row r="315974" spans="14:14">
      <c r="N315974" s="10"/>
    </row>
    <row r="315975" spans="14:14">
      <c r="N315975" s="10"/>
    </row>
    <row r="315976" spans="14:14">
      <c r="N315976" s="10"/>
    </row>
    <row r="315977" spans="14:14">
      <c r="N315977" s="10"/>
    </row>
    <row r="315978" spans="14:14">
      <c r="N315978" s="10"/>
    </row>
    <row r="315979" spans="14:14">
      <c r="N315979" s="10"/>
    </row>
    <row r="315980" spans="14:14">
      <c r="N315980" s="10"/>
    </row>
    <row r="315981" spans="14:14">
      <c r="N315981" s="10"/>
    </row>
    <row r="315982" spans="14:14">
      <c r="N315982" s="10"/>
    </row>
    <row r="315983" spans="14:14">
      <c r="N315983" s="10"/>
    </row>
    <row r="315984" spans="14:14">
      <c r="N315984" s="10"/>
    </row>
    <row r="315985" spans="14:14">
      <c r="N315985" s="10"/>
    </row>
    <row r="315986" spans="14:14">
      <c r="N315986" s="10"/>
    </row>
    <row r="315987" spans="14:14">
      <c r="N315987" s="10"/>
    </row>
    <row r="315988" spans="14:14">
      <c r="N315988" s="10"/>
    </row>
    <row r="315989" spans="14:14">
      <c r="N315989" s="10"/>
    </row>
    <row r="315990" spans="14:14">
      <c r="N315990" s="10"/>
    </row>
    <row r="315991" spans="14:14">
      <c r="N315991" s="10"/>
    </row>
    <row r="315992" spans="14:14">
      <c r="N315992" s="10"/>
    </row>
    <row r="315993" spans="14:14">
      <c r="N315993" s="10"/>
    </row>
    <row r="315994" spans="14:14">
      <c r="N315994" s="10"/>
    </row>
    <row r="315995" spans="14:14">
      <c r="N315995" s="10"/>
    </row>
    <row r="315996" spans="14:14">
      <c r="N315996" s="10"/>
    </row>
    <row r="315997" spans="14:14">
      <c r="N315997" s="10"/>
    </row>
    <row r="315998" spans="14:14">
      <c r="N315998" s="10"/>
    </row>
    <row r="315999" spans="14:14">
      <c r="N315999" s="10"/>
    </row>
    <row r="316000" spans="14:14">
      <c r="N316000" s="10"/>
    </row>
    <row r="316001" spans="14:14">
      <c r="N316001" s="10"/>
    </row>
    <row r="316002" spans="14:14">
      <c r="N316002" s="10"/>
    </row>
    <row r="316003" spans="14:14">
      <c r="N316003" s="10"/>
    </row>
    <row r="316004" spans="14:14">
      <c r="N316004" s="10"/>
    </row>
    <row r="316005" spans="14:14">
      <c r="N316005" s="10"/>
    </row>
    <row r="316006" spans="14:14">
      <c r="N316006" s="10"/>
    </row>
    <row r="316007" spans="14:14">
      <c r="N316007" s="10"/>
    </row>
    <row r="316008" spans="14:14">
      <c r="N316008" s="10"/>
    </row>
    <row r="316009" spans="14:14">
      <c r="N316009" s="10"/>
    </row>
    <row r="316010" spans="14:14">
      <c r="N316010" s="10"/>
    </row>
    <row r="316011" spans="14:14">
      <c r="N316011" s="10"/>
    </row>
    <row r="316012" spans="14:14">
      <c r="N316012" s="10"/>
    </row>
    <row r="316013" spans="14:14">
      <c r="N316013" s="10"/>
    </row>
    <row r="316014" spans="14:14">
      <c r="N316014" s="10"/>
    </row>
    <row r="316015" spans="14:14">
      <c r="N316015" s="10"/>
    </row>
    <row r="316016" spans="14:14">
      <c r="N316016" s="10"/>
    </row>
    <row r="316017" spans="14:14">
      <c r="N316017" s="10"/>
    </row>
    <row r="316018" spans="14:14">
      <c r="N316018" s="10"/>
    </row>
    <row r="316019" spans="14:14">
      <c r="N316019" s="10"/>
    </row>
    <row r="316020" spans="14:14">
      <c r="N316020" s="10"/>
    </row>
    <row r="316021" spans="14:14">
      <c r="N316021" s="10"/>
    </row>
    <row r="316022" spans="14:14">
      <c r="N316022" s="10"/>
    </row>
    <row r="316023" spans="14:14">
      <c r="N316023" s="10"/>
    </row>
    <row r="316024" spans="14:14">
      <c r="N316024" s="10"/>
    </row>
    <row r="316025" spans="14:14">
      <c r="N316025" s="10"/>
    </row>
    <row r="316026" spans="14:14">
      <c r="N316026" s="10"/>
    </row>
    <row r="316027" spans="14:14">
      <c r="N316027" s="10"/>
    </row>
    <row r="316028" spans="14:14">
      <c r="N316028" s="10"/>
    </row>
    <row r="316029" spans="14:14">
      <c r="N316029" s="10"/>
    </row>
    <row r="316030" spans="14:14">
      <c r="N316030" s="10"/>
    </row>
    <row r="316031" spans="14:14">
      <c r="N316031" s="10"/>
    </row>
    <row r="316032" spans="14:14">
      <c r="N316032" s="10"/>
    </row>
    <row r="316033" spans="14:14">
      <c r="N316033" s="10"/>
    </row>
    <row r="316034" spans="14:14">
      <c r="N316034" s="10"/>
    </row>
    <row r="316035" spans="14:14">
      <c r="N316035" s="10"/>
    </row>
    <row r="316036" spans="14:14">
      <c r="N316036" s="10"/>
    </row>
    <row r="316037" spans="14:14">
      <c r="N316037" s="10"/>
    </row>
    <row r="316038" spans="14:14">
      <c r="N316038" s="10"/>
    </row>
    <row r="316039" spans="14:14">
      <c r="N316039" s="10"/>
    </row>
    <row r="316040" spans="14:14">
      <c r="N316040" s="10"/>
    </row>
    <row r="316041" spans="14:14">
      <c r="N316041" s="10"/>
    </row>
    <row r="316042" spans="14:14">
      <c r="N316042" s="10"/>
    </row>
    <row r="316043" spans="14:14">
      <c r="N316043" s="10"/>
    </row>
    <row r="316044" spans="14:14">
      <c r="N316044" s="10"/>
    </row>
    <row r="316045" spans="14:14">
      <c r="N316045" s="10"/>
    </row>
    <row r="316046" spans="14:14">
      <c r="N316046" s="10"/>
    </row>
    <row r="316047" spans="14:14">
      <c r="N316047" s="10"/>
    </row>
    <row r="316048" spans="14:14">
      <c r="N316048" s="10"/>
    </row>
    <row r="316049" spans="14:14">
      <c r="N316049" s="10"/>
    </row>
    <row r="316050" spans="14:14">
      <c r="N316050" s="10"/>
    </row>
    <row r="316051" spans="14:14">
      <c r="N316051" s="10"/>
    </row>
    <row r="316052" spans="14:14">
      <c r="N316052" s="10"/>
    </row>
    <row r="316053" spans="14:14">
      <c r="N316053" s="10"/>
    </row>
    <row r="316054" spans="14:14">
      <c r="N316054" s="10"/>
    </row>
    <row r="316055" spans="14:14">
      <c r="N316055" s="10"/>
    </row>
    <row r="316056" spans="14:14">
      <c r="N316056" s="10"/>
    </row>
    <row r="316057" spans="14:14">
      <c r="N316057" s="10"/>
    </row>
    <row r="316058" spans="14:14">
      <c r="N316058" s="10"/>
    </row>
    <row r="316059" spans="14:14">
      <c r="N316059" s="10"/>
    </row>
    <row r="316060" spans="14:14">
      <c r="N316060" s="10"/>
    </row>
    <row r="316061" spans="14:14">
      <c r="N316061" s="10"/>
    </row>
    <row r="316062" spans="14:14">
      <c r="N316062" s="10"/>
    </row>
    <row r="316063" spans="14:14">
      <c r="N316063" s="10"/>
    </row>
    <row r="316064" spans="14:14">
      <c r="N316064" s="10"/>
    </row>
    <row r="316065" spans="14:14">
      <c r="N316065" s="10"/>
    </row>
    <row r="316066" spans="14:14">
      <c r="N316066" s="10"/>
    </row>
    <row r="316067" spans="14:14">
      <c r="N316067" s="10"/>
    </row>
    <row r="316068" spans="14:14">
      <c r="N316068" s="10"/>
    </row>
    <row r="316069" spans="14:14">
      <c r="N316069" s="10"/>
    </row>
    <row r="316070" spans="14:14">
      <c r="N316070" s="10"/>
    </row>
    <row r="316071" spans="14:14">
      <c r="N316071" s="10"/>
    </row>
    <row r="316072" spans="14:14">
      <c r="N316072" s="10"/>
    </row>
    <row r="316073" spans="14:14">
      <c r="N316073" s="10"/>
    </row>
    <row r="316074" spans="14:14">
      <c r="N316074" s="10"/>
    </row>
    <row r="316075" spans="14:14">
      <c r="N316075" s="10"/>
    </row>
    <row r="316076" spans="14:14">
      <c r="N316076" s="10"/>
    </row>
    <row r="316077" spans="14:14">
      <c r="N316077" s="10"/>
    </row>
    <row r="316078" spans="14:14">
      <c r="N316078" s="10"/>
    </row>
    <row r="316079" spans="14:14">
      <c r="N316079" s="10"/>
    </row>
    <row r="316080" spans="14:14">
      <c r="N316080" s="10"/>
    </row>
    <row r="316081" spans="14:14">
      <c r="N316081" s="10"/>
    </row>
    <row r="316082" spans="14:14">
      <c r="N316082" s="10"/>
    </row>
    <row r="316083" spans="14:14">
      <c r="N316083" s="10"/>
    </row>
    <row r="316084" spans="14:14">
      <c r="N316084" s="10"/>
    </row>
    <row r="316085" spans="14:14">
      <c r="N316085" s="10"/>
    </row>
    <row r="316086" spans="14:14">
      <c r="N316086" s="10"/>
    </row>
    <row r="316087" spans="14:14">
      <c r="N316087" s="10"/>
    </row>
    <row r="316088" spans="14:14">
      <c r="N316088" s="10"/>
    </row>
    <row r="316089" spans="14:14">
      <c r="N316089" s="10"/>
    </row>
    <row r="316090" spans="14:14">
      <c r="N316090" s="10"/>
    </row>
    <row r="316091" spans="14:14">
      <c r="N316091" s="10"/>
    </row>
    <row r="316092" spans="14:14">
      <c r="N316092" s="10"/>
    </row>
    <row r="316093" spans="14:14">
      <c r="N316093" s="10"/>
    </row>
    <row r="316094" spans="14:14">
      <c r="N316094" s="10"/>
    </row>
    <row r="316095" spans="14:14">
      <c r="N316095" s="10"/>
    </row>
    <row r="316096" spans="14:14">
      <c r="N316096" s="10"/>
    </row>
    <row r="316097" spans="14:14">
      <c r="N316097" s="10"/>
    </row>
    <row r="316098" spans="14:14">
      <c r="N316098" s="10"/>
    </row>
    <row r="316099" spans="14:14">
      <c r="N316099" s="10"/>
    </row>
    <row r="316100" spans="14:14">
      <c r="N316100" s="10"/>
    </row>
    <row r="316101" spans="14:14">
      <c r="N316101" s="10"/>
    </row>
    <row r="316102" spans="14:14">
      <c r="N316102" s="10"/>
    </row>
    <row r="316103" spans="14:14">
      <c r="N316103" s="10"/>
    </row>
    <row r="316104" spans="14:14">
      <c r="N316104" s="10"/>
    </row>
    <row r="316105" spans="14:14">
      <c r="N316105" s="10"/>
    </row>
    <row r="316106" spans="14:14">
      <c r="N316106" s="10"/>
    </row>
    <row r="316107" spans="14:14">
      <c r="N316107" s="10"/>
    </row>
    <row r="316108" spans="14:14">
      <c r="N316108" s="10"/>
    </row>
    <row r="316109" spans="14:14">
      <c r="N316109" s="10"/>
    </row>
    <row r="316110" spans="14:14">
      <c r="N316110" s="10"/>
    </row>
    <row r="316111" spans="14:14">
      <c r="N316111" s="10"/>
    </row>
    <row r="316112" spans="14:14">
      <c r="N316112" s="10"/>
    </row>
    <row r="316113" spans="14:14">
      <c r="N316113" s="10"/>
    </row>
    <row r="316114" spans="14:14">
      <c r="N316114" s="10"/>
    </row>
    <row r="316115" spans="14:14">
      <c r="N316115" s="10"/>
    </row>
    <row r="316116" spans="14:14">
      <c r="N316116" s="10"/>
    </row>
    <row r="316117" spans="14:14">
      <c r="N316117" s="10"/>
    </row>
    <row r="316118" spans="14:14">
      <c r="N316118" s="10"/>
    </row>
    <row r="316119" spans="14:14">
      <c r="N316119" s="10"/>
    </row>
    <row r="316120" spans="14:14">
      <c r="N316120" s="10"/>
    </row>
    <row r="316121" spans="14:14">
      <c r="N316121" s="10"/>
    </row>
    <row r="316122" spans="14:14">
      <c r="N316122" s="10"/>
    </row>
    <row r="316123" spans="14:14">
      <c r="N316123" s="10"/>
    </row>
    <row r="316124" spans="14:14">
      <c r="N316124" s="10"/>
    </row>
    <row r="316125" spans="14:14">
      <c r="N316125" s="10"/>
    </row>
    <row r="316126" spans="14:14">
      <c r="N316126" s="10"/>
    </row>
    <row r="316127" spans="14:14">
      <c r="N316127" s="10"/>
    </row>
    <row r="316128" spans="14:14">
      <c r="N316128" s="10"/>
    </row>
    <row r="316129" spans="14:14">
      <c r="N316129" s="10"/>
    </row>
    <row r="316130" spans="14:14">
      <c r="N316130" s="10"/>
    </row>
    <row r="316131" spans="14:14">
      <c r="N316131" s="10"/>
    </row>
    <row r="316132" spans="14:14">
      <c r="N316132" s="10"/>
    </row>
    <row r="316133" spans="14:14">
      <c r="N316133" s="10"/>
    </row>
    <row r="316134" spans="14:14">
      <c r="N316134" s="10"/>
    </row>
    <row r="316135" spans="14:14">
      <c r="N316135" s="10"/>
    </row>
    <row r="316136" spans="14:14">
      <c r="N316136" s="10"/>
    </row>
    <row r="316137" spans="14:14">
      <c r="N316137" s="10"/>
    </row>
    <row r="316138" spans="14:14">
      <c r="N316138" s="10"/>
    </row>
    <row r="316139" spans="14:14">
      <c r="N316139" s="10"/>
    </row>
    <row r="316140" spans="14:14">
      <c r="N316140" s="10"/>
    </row>
    <row r="316141" spans="14:14">
      <c r="N316141" s="10"/>
    </row>
    <row r="316142" spans="14:14">
      <c r="N316142" s="10"/>
    </row>
    <row r="316143" spans="14:14">
      <c r="N316143" s="10"/>
    </row>
    <row r="316144" spans="14:14">
      <c r="N316144" s="10"/>
    </row>
    <row r="316145" spans="14:14">
      <c r="N316145" s="10"/>
    </row>
    <row r="316146" spans="14:14">
      <c r="N316146" s="10"/>
    </row>
    <row r="316147" spans="14:14">
      <c r="N316147" s="10"/>
    </row>
    <row r="316148" spans="14:14">
      <c r="N316148" s="10"/>
    </row>
    <row r="316149" spans="14:14">
      <c r="N316149" s="10"/>
    </row>
    <row r="316150" spans="14:14">
      <c r="N316150" s="10"/>
    </row>
    <row r="316151" spans="14:14">
      <c r="N316151" s="10"/>
    </row>
    <row r="316152" spans="14:14">
      <c r="N316152" s="10"/>
    </row>
    <row r="316153" spans="14:14">
      <c r="N316153" s="10"/>
    </row>
    <row r="316154" spans="14:14">
      <c r="N316154" s="10"/>
    </row>
    <row r="316155" spans="14:14">
      <c r="N316155" s="10"/>
    </row>
    <row r="316156" spans="14:14">
      <c r="N316156" s="10"/>
    </row>
    <row r="316157" spans="14:14">
      <c r="N316157" s="10"/>
    </row>
    <row r="316158" spans="14:14">
      <c r="N316158" s="10"/>
    </row>
    <row r="316159" spans="14:14">
      <c r="N316159" s="10"/>
    </row>
    <row r="316160" spans="14:14">
      <c r="N316160" s="10"/>
    </row>
    <row r="316161" spans="14:14">
      <c r="N316161" s="10"/>
    </row>
    <row r="316162" spans="14:14">
      <c r="N316162" s="10"/>
    </row>
    <row r="316163" spans="14:14">
      <c r="N316163" s="10"/>
    </row>
    <row r="316164" spans="14:14">
      <c r="N316164" s="10"/>
    </row>
    <row r="316165" spans="14:14">
      <c r="N316165" s="10"/>
    </row>
    <row r="316166" spans="14:14">
      <c r="N316166" s="10"/>
    </row>
    <row r="316167" spans="14:14">
      <c r="N316167" s="10"/>
    </row>
    <row r="316168" spans="14:14">
      <c r="N316168" s="10"/>
    </row>
    <row r="316169" spans="14:14">
      <c r="N316169" s="10"/>
    </row>
    <row r="316170" spans="14:14">
      <c r="N316170" s="10"/>
    </row>
    <row r="316171" spans="14:14">
      <c r="N316171" s="10"/>
    </row>
    <row r="316172" spans="14:14">
      <c r="N316172" s="10"/>
    </row>
    <row r="316173" spans="14:14">
      <c r="N316173" s="10"/>
    </row>
    <row r="316174" spans="14:14">
      <c r="N316174" s="10"/>
    </row>
    <row r="316175" spans="14:14">
      <c r="N316175" s="10"/>
    </row>
    <row r="316176" spans="14:14">
      <c r="N316176" s="10"/>
    </row>
    <row r="316177" spans="14:14">
      <c r="N316177" s="10"/>
    </row>
    <row r="316178" spans="14:14">
      <c r="N316178" s="10"/>
    </row>
    <row r="316179" spans="14:14">
      <c r="N316179" s="10"/>
    </row>
    <row r="316180" spans="14:14">
      <c r="N316180" s="10"/>
    </row>
    <row r="316181" spans="14:14">
      <c r="N316181" s="10"/>
    </row>
    <row r="316182" spans="14:14">
      <c r="N316182" s="10"/>
    </row>
    <row r="316183" spans="14:14">
      <c r="N316183" s="10"/>
    </row>
    <row r="316184" spans="14:14">
      <c r="N316184" s="10"/>
    </row>
    <row r="316185" spans="14:14">
      <c r="N316185" s="10"/>
    </row>
    <row r="316186" spans="14:14">
      <c r="N316186" s="10"/>
    </row>
    <row r="316187" spans="14:14">
      <c r="N316187" s="10"/>
    </row>
    <row r="316188" spans="14:14">
      <c r="N316188" s="10"/>
    </row>
    <row r="316189" spans="14:14">
      <c r="N316189" s="10"/>
    </row>
    <row r="316190" spans="14:14">
      <c r="N316190" s="10"/>
    </row>
    <row r="316191" spans="14:14">
      <c r="N316191" s="10"/>
    </row>
    <row r="316192" spans="14:14">
      <c r="N316192" s="10"/>
    </row>
    <row r="316193" spans="14:14">
      <c r="N316193" s="10"/>
    </row>
    <row r="316194" spans="14:14">
      <c r="N316194" s="10"/>
    </row>
    <row r="316195" spans="14:14">
      <c r="N316195" s="10"/>
    </row>
    <row r="316196" spans="14:14">
      <c r="N316196" s="10"/>
    </row>
    <row r="316197" spans="14:14">
      <c r="N316197" s="10"/>
    </row>
    <row r="316198" spans="14:14">
      <c r="N316198" s="10"/>
    </row>
    <row r="316199" spans="14:14">
      <c r="N316199" s="10"/>
    </row>
    <row r="316200" spans="14:14">
      <c r="N316200" s="10"/>
    </row>
    <row r="316201" spans="14:14">
      <c r="N316201" s="10"/>
    </row>
    <row r="316202" spans="14:14">
      <c r="N316202" s="10"/>
    </row>
    <row r="316203" spans="14:14">
      <c r="N316203" s="10"/>
    </row>
    <row r="316204" spans="14:14">
      <c r="N316204" s="10"/>
    </row>
    <row r="316205" spans="14:14">
      <c r="N316205" s="10"/>
    </row>
    <row r="316206" spans="14:14">
      <c r="N316206" s="10"/>
    </row>
    <row r="316207" spans="14:14">
      <c r="N316207" s="10"/>
    </row>
    <row r="316208" spans="14:14">
      <c r="N316208" s="10"/>
    </row>
    <row r="316209" spans="14:14">
      <c r="N316209" s="10"/>
    </row>
    <row r="316210" spans="14:14">
      <c r="N316210" s="10"/>
    </row>
    <row r="316211" spans="14:14">
      <c r="N316211" s="10"/>
    </row>
    <row r="316212" spans="14:14">
      <c r="N316212" s="10"/>
    </row>
    <row r="316213" spans="14:14">
      <c r="N316213" s="10"/>
    </row>
    <row r="316214" spans="14:14">
      <c r="N316214" s="10"/>
    </row>
    <row r="316215" spans="14:14">
      <c r="N316215" s="10"/>
    </row>
    <row r="316216" spans="14:14">
      <c r="N316216" s="10"/>
    </row>
    <row r="316217" spans="14:14">
      <c r="N316217" s="10"/>
    </row>
    <row r="316218" spans="14:14">
      <c r="N316218" s="10"/>
    </row>
    <row r="316219" spans="14:14">
      <c r="N316219" s="10"/>
    </row>
    <row r="316220" spans="14:14">
      <c r="N316220" s="10"/>
    </row>
    <row r="316221" spans="14:14">
      <c r="N316221" s="10"/>
    </row>
    <row r="316222" spans="14:14">
      <c r="N316222" s="10"/>
    </row>
    <row r="316223" spans="14:14">
      <c r="N316223" s="10"/>
    </row>
    <row r="316224" spans="14:14">
      <c r="N316224" s="10"/>
    </row>
    <row r="316225" spans="14:14">
      <c r="N316225" s="10"/>
    </row>
    <row r="316226" spans="14:14">
      <c r="N316226" s="10"/>
    </row>
    <row r="316227" spans="14:14">
      <c r="N316227" s="10"/>
    </row>
    <row r="316228" spans="14:14">
      <c r="N316228" s="10"/>
    </row>
    <row r="316229" spans="14:14">
      <c r="N316229" s="10"/>
    </row>
    <row r="316230" spans="14:14">
      <c r="N316230" s="10"/>
    </row>
    <row r="316231" spans="14:14">
      <c r="N316231" s="10"/>
    </row>
    <row r="316232" spans="14:14">
      <c r="N316232" s="10"/>
    </row>
    <row r="316233" spans="14:14">
      <c r="N316233" s="10"/>
    </row>
    <row r="316234" spans="14:14">
      <c r="N316234" s="10"/>
    </row>
    <row r="316235" spans="14:14">
      <c r="N316235" s="10"/>
    </row>
    <row r="316236" spans="14:14">
      <c r="N316236" s="10"/>
    </row>
    <row r="316237" spans="14:14">
      <c r="N316237" s="10"/>
    </row>
    <row r="316238" spans="14:14">
      <c r="N316238" s="10"/>
    </row>
    <row r="316239" spans="14:14">
      <c r="N316239" s="10"/>
    </row>
    <row r="316240" spans="14:14">
      <c r="N316240" s="10"/>
    </row>
    <row r="316241" spans="14:14">
      <c r="N316241" s="10"/>
    </row>
    <row r="316242" spans="14:14">
      <c r="N316242" s="10"/>
    </row>
    <row r="316243" spans="14:14">
      <c r="N316243" s="10"/>
    </row>
    <row r="316244" spans="14:14">
      <c r="N316244" s="10"/>
    </row>
    <row r="316245" spans="14:14">
      <c r="N316245" s="10"/>
    </row>
    <row r="316246" spans="14:14">
      <c r="N316246" s="10"/>
    </row>
    <row r="316247" spans="14:14">
      <c r="N316247" s="10"/>
    </row>
    <row r="316248" spans="14:14">
      <c r="N316248" s="10"/>
    </row>
    <row r="316249" spans="14:14">
      <c r="N316249" s="10"/>
    </row>
    <row r="316250" spans="14:14">
      <c r="N316250" s="10"/>
    </row>
    <row r="316251" spans="14:14">
      <c r="N316251" s="10"/>
    </row>
    <row r="316252" spans="14:14">
      <c r="N316252" s="10"/>
    </row>
    <row r="316253" spans="14:14">
      <c r="N316253" s="10"/>
    </row>
    <row r="316254" spans="14:14">
      <c r="N316254" s="10"/>
    </row>
    <row r="316255" spans="14:14">
      <c r="N316255" s="10"/>
    </row>
    <row r="316256" spans="14:14">
      <c r="N316256" s="10"/>
    </row>
    <row r="316257" spans="14:14">
      <c r="N316257" s="10"/>
    </row>
    <row r="316258" spans="14:14">
      <c r="N316258" s="10"/>
    </row>
    <row r="316259" spans="14:14">
      <c r="N316259" s="10"/>
    </row>
    <row r="316260" spans="14:14">
      <c r="N316260" s="10"/>
    </row>
    <row r="316261" spans="14:14">
      <c r="N316261" s="10"/>
    </row>
    <row r="316262" spans="14:14">
      <c r="N316262" s="10"/>
    </row>
    <row r="316263" spans="14:14">
      <c r="N316263" s="10"/>
    </row>
    <row r="316264" spans="14:14">
      <c r="N316264" s="10"/>
    </row>
    <row r="316265" spans="14:14">
      <c r="N316265" s="10"/>
    </row>
    <row r="316266" spans="14:14">
      <c r="N316266" s="10"/>
    </row>
    <row r="316267" spans="14:14">
      <c r="N316267" s="10"/>
    </row>
    <row r="316268" spans="14:14">
      <c r="N316268" s="10"/>
    </row>
    <row r="316269" spans="14:14">
      <c r="N316269" s="10"/>
    </row>
    <row r="316270" spans="14:14">
      <c r="N316270" s="10"/>
    </row>
    <row r="316271" spans="14:14">
      <c r="N316271" s="10"/>
    </row>
    <row r="316272" spans="14:14">
      <c r="N316272" s="10"/>
    </row>
    <row r="316273" spans="14:14">
      <c r="N316273" s="10"/>
    </row>
    <row r="316274" spans="14:14">
      <c r="N316274" s="10"/>
    </row>
    <row r="316275" spans="14:14">
      <c r="N316275" s="10"/>
    </row>
    <row r="316276" spans="14:14">
      <c r="N316276" s="10"/>
    </row>
    <row r="316277" spans="14:14">
      <c r="N316277" s="10"/>
    </row>
    <row r="316278" spans="14:14">
      <c r="N316278" s="10"/>
    </row>
    <row r="316279" spans="14:14">
      <c r="N316279" s="10"/>
    </row>
    <row r="316280" spans="14:14">
      <c r="N316280" s="10"/>
    </row>
    <row r="316281" spans="14:14">
      <c r="N316281" s="10"/>
    </row>
    <row r="316282" spans="14:14">
      <c r="N316282" s="10"/>
    </row>
    <row r="316283" spans="14:14">
      <c r="N316283" s="10"/>
    </row>
    <row r="316284" spans="14:14">
      <c r="N316284" s="10"/>
    </row>
    <row r="316285" spans="14:14">
      <c r="N316285" s="10"/>
    </row>
    <row r="316286" spans="14:14">
      <c r="N316286" s="10"/>
    </row>
    <row r="316287" spans="14:14">
      <c r="N316287" s="10"/>
    </row>
    <row r="316288" spans="14:14">
      <c r="N316288" s="10"/>
    </row>
    <row r="316289" spans="14:14">
      <c r="N316289" s="10"/>
    </row>
    <row r="316290" spans="14:14">
      <c r="N316290" s="10"/>
    </row>
    <row r="316291" spans="14:14">
      <c r="N316291" s="10"/>
    </row>
    <row r="316292" spans="14:14">
      <c r="N316292" s="10"/>
    </row>
    <row r="316293" spans="14:14">
      <c r="N316293" s="10"/>
    </row>
    <row r="316294" spans="14:14">
      <c r="N316294" s="10"/>
    </row>
    <row r="316295" spans="14:14">
      <c r="N316295" s="10"/>
    </row>
    <row r="316296" spans="14:14">
      <c r="N316296" s="10"/>
    </row>
    <row r="316297" spans="14:14">
      <c r="N316297" s="10"/>
    </row>
    <row r="316298" spans="14:14">
      <c r="N316298" s="10"/>
    </row>
    <row r="316299" spans="14:14">
      <c r="N316299" s="10"/>
    </row>
    <row r="316300" spans="14:14">
      <c r="N316300" s="10"/>
    </row>
    <row r="316301" spans="14:14">
      <c r="N316301" s="10"/>
    </row>
    <row r="316302" spans="14:14">
      <c r="N316302" s="10"/>
    </row>
    <row r="316303" spans="14:14">
      <c r="N316303" s="10"/>
    </row>
    <row r="316304" spans="14:14">
      <c r="N316304" s="10"/>
    </row>
    <row r="316305" spans="14:14">
      <c r="N316305" s="10"/>
    </row>
    <row r="316306" spans="14:14">
      <c r="N316306" s="10"/>
    </row>
    <row r="316307" spans="14:14">
      <c r="N316307" s="10"/>
    </row>
    <row r="316308" spans="14:14">
      <c r="N316308" s="10"/>
    </row>
    <row r="316309" spans="14:14">
      <c r="N316309" s="10"/>
    </row>
    <row r="316310" spans="14:14">
      <c r="N316310" s="10"/>
    </row>
    <row r="316311" spans="14:14">
      <c r="N316311" s="10"/>
    </row>
    <row r="316312" spans="14:14">
      <c r="N316312" s="10"/>
    </row>
    <row r="316313" spans="14:14">
      <c r="N316313" s="10"/>
    </row>
    <row r="316314" spans="14:14">
      <c r="N316314" s="10"/>
    </row>
    <row r="316315" spans="14:14">
      <c r="N316315" s="10"/>
    </row>
    <row r="316316" spans="14:14">
      <c r="N316316" s="10"/>
    </row>
    <row r="316317" spans="14:14">
      <c r="N316317" s="10"/>
    </row>
    <row r="316318" spans="14:14">
      <c r="N316318" s="10"/>
    </row>
    <row r="316319" spans="14:14">
      <c r="N316319" s="10"/>
    </row>
    <row r="316320" spans="14:14">
      <c r="N316320" s="10"/>
    </row>
    <row r="316321" spans="14:14">
      <c r="N316321" s="10"/>
    </row>
    <row r="316322" spans="14:14">
      <c r="N316322" s="10"/>
    </row>
    <row r="316323" spans="14:14">
      <c r="N316323" s="10"/>
    </row>
    <row r="316324" spans="14:14">
      <c r="N316324" s="10"/>
    </row>
    <row r="316325" spans="14:14">
      <c r="N316325" s="10"/>
    </row>
    <row r="316326" spans="14:14">
      <c r="N316326" s="10"/>
    </row>
    <row r="316327" spans="14:14">
      <c r="N316327" s="10"/>
    </row>
    <row r="316328" spans="14:14">
      <c r="N316328" s="10"/>
    </row>
    <row r="316329" spans="14:14">
      <c r="N316329" s="10"/>
    </row>
    <row r="316330" spans="14:14">
      <c r="N316330" s="10"/>
    </row>
    <row r="316331" spans="14:14">
      <c r="N316331" s="10"/>
    </row>
    <row r="316332" spans="14:14">
      <c r="N316332" s="10"/>
    </row>
    <row r="316333" spans="14:14">
      <c r="N316333" s="10"/>
    </row>
    <row r="316334" spans="14:14">
      <c r="N316334" s="10"/>
    </row>
    <row r="316335" spans="14:14">
      <c r="N316335" s="10"/>
    </row>
    <row r="316336" spans="14:14">
      <c r="N316336" s="10"/>
    </row>
    <row r="316337" spans="14:14">
      <c r="N316337" s="10"/>
    </row>
    <row r="316338" spans="14:14">
      <c r="N316338" s="10"/>
    </row>
    <row r="316339" spans="14:14">
      <c r="N316339" s="10"/>
    </row>
    <row r="316340" spans="14:14">
      <c r="N316340" s="10"/>
    </row>
    <row r="316341" spans="14:14">
      <c r="N316341" s="10"/>
    </row>
    <row r="316342" spans="14:14">
      <c r="N316342" s="10"/>
    </row>
    <row r="316343" spans="14:14">
      <c r="N316343" s="10"/>
    </row>
    <row r="316344" spans="14:14">
      <c r="N316344" s="10"/>
    </row>
    <row r="316345" spans="14:14">
      <c r="N316345" s="10"/>
    </row>
    <row r="316346" spans="14:14">
      <c r="N316346" s="10"/>
    </row>
    <row r="316347" spans="14:14">
      <c r="N316347" s="10"/>
    </row>
    <row r="316348" spans="14:14">
      <c r="N316348" s="10"/>
    </row>
    <row r="316349" spans="14:14">
      <c r="N316349" s="10"/>
    </row>
    <row r="316350" spans="14:14">
      <c r="N316350" s="10"/>
    </row>
    <row r="316351" spans="14:14">
      <c r="N316351" s="10"/>
    </row>
    <row r="316352" spans="14:14">
      <c r="N316352" s="10"/>
    </row>
    <row r="316353" spans="14:14">
      <c r="N316353" s="10"/>
    </row>
    <row r="316354" spans="14:14">
      <c r="N316354" s="10"/>
    </row>
    <row r="316355" spans="14:14">
      <c r="N316355" s="10"/>
    </row>
    <row r="316356" spans="14:14">
      <c r="N316356" s="10"/>
    </row>
    <row r="316357" spans="14:14">
      <c r="N316357" s="10"/>
    </row>
    <row r="316358" spans="14:14">
      <c r="N316358" s="10"/>
    </row>
    <row r="316359" spans="14:14">
      <c r="N316359" s="10"/>
    </row>
    <row r="316360" spans="14:14">
      <c r="N316360" s="10"/>
    </row>
    <row r="316361" spans="14:14">
      <c r="N316361" s="10"/>
    </row>
    <row r="316362" spans="14:14">
      <c r="N316362" s="10"/>
    </row>
    <row r="316363" spans="14:14">
      <c r="N316363" s="10"/>
    </row>
    <row r="316364" spans="14:14">
      <c r="N316364" s="10"/>
    </row>
    <row r="316365" spans="14:14">
      <c r="N316365" s="10"/>
    </row>
    <row r="316366" spans="14:14">
      <c r="N316366" s="10"/>
    </row>
    <row r="316367" spans="14:14">
      <c r="N316367" s="10"/>
    </row>
    <row r="316368" spans="14:14">
      <c r="N316368" s="10"/>
    </row>
    <row r="316369" spans="14:14">
      <c r="N316369" s="10"/>
    </row>
    <row r="316370" spans="14:14">
      <c r="N316370" s="10"/>
    </row>
    <row r="316371" spans="14:14">
      <c r="N316371" s="10"/>
    </row>
    <row r="316372" spans="14:14">
      <c r="N316372" s="10"/>
    </row>
    <row r="316373" spans="14:14">
      <c r="N316373" s="10"/>
    </row>
    <row r="316374" spans="14:14">
      <c r="N316374" s="10"/>
    </row>
    <row r="316375" spans="14:14">
      <c r="N316375" s="10"/>
    </row>
    <row r="316376" spans="14:14">
      <c r="N316376" s="10"/>
    </row>
    <row r="316377" spans="14:14">
      <c r="N316377" s="10"/>
    </row>
    <row r="316378" spans="14:14">
      <c r="N316378" s="10"/>
    </row>
    <row r="316379" spans="14:14">
      <c r="N316379" s="10"/>
    </row>
    <row r="316380" spans="14:14">
      <c r="N316380" s="10"/>
    </row>
    <row r="316381" spans="14:14">
      <c r="N316381" s="10"/>
    </row>
    <row r="316382" spans="14:14">
      <c r="N316382" s="10"/>
    </row>
    <row r="316383" spans="14:14">
      <c r="N316383" s="10"/>
    </row>
    <row r="316384" spans="14:14">
      <c r="N316384" s="10"/>
    </row>
    <row r="316385" spans="14:14">
      <c r="N316385" s="10"/>
    </row>
    <row r="316386" spans="14:14">
      <c r="N316386" s="10"/>
    </row>
    <row r="316387" spans="14:14">
      <c r="N316387" s="10"/>
    </row>
    <row r="316388" spans="14:14">
      <c r="N316388" s="10"/>
    </row>
    <row r="316389" spans="14:14">
      <c r="N316389" s="10"/>
    </row>
    <row r="316390" spans="14:14">
      <c r="N316390" s="10"/>
    </row>
    <row r="316391" spans="14:14">
      <c r="N316391" s="10"/>
    </row>
    <row r="316392" spans="14:14">
      <c r="N316392" s="10"/>
    </row>
    <row r="316393" spans="14:14">
      <c r="N316393" s="10"/>
    </row>
    <row r="316394" spans="14:14">
      <c r="N316394" s="10"/>
    </row>
    <row r="316395" spans="14:14">
      <c r="N316395" s="10"/>
    </row>
    <row r="316396" spans="14:14">
      <c r="N316396" s="10"/>
    </row>
    <row r="316397" spans="14:14">
      <c r="N316397" s="10"/>
    </row>
    <row r="316398" spans="14:14">
      <c r="N316398" s="10"/>
    </row>
    <row r="316399" spans="14:14">
      <c r="N316399" s="10"/>
    </row>
    <row r="316400" spans="14:14">
      <c r="N316400" s="10"/>
    </row>
    <row r="316401" spans="14:14">
      <c r="N316401" s="10"/>
    </row>
    <row r="316402" spans="14:14">
      <c r="N316402" s="10"/>
    </row>
    <row r="316403" spans="14:14">
      <c r="N316403" s="10"/>
    </row>
    <row r="316404" spans="14:14">
      <c r="N316404" s="10"/>
    </row>
    <row r="316405" spans="14:14">
      <c r="N316405" s="10"/>
    </row>
    <row r="316406" spans="14:14">
      <c r="N316406" s="10"/>
    </row>
    <row r="316407" spans="14:14">
      <c r="N316407" s="10"/>
    </row>
    <row r="316408" spans="14:14">
      <c r="N316408" s="10"/>
    </row>
    <row r="316409" spans="14:14">
      <c r="N316409" s="10"/>
    </row>
    <row r="316410" spans="14:14">
      <c r="N316410" s="10"/>
    </row>
    <row r="316411" spans="14:14">
      <c r="N316411" s="10"/>
    </row>
    <row r="316412" spans="14:14">
      <c r="N316412" s="10"/>
    </row>
    <row r="316413" spans="14:14">
      <c r="N316413" s="10"/>
    </row>
    <row r="316414" spans="14:14">
      <c r="N316414" s="10"/>
    </row>
    <row r="316415" spans="14:14">
      <c r="N316415" s="10"/>
    </row>
    <row r="316416" spans="14:14">
      <c r="N316416" s="10"/>
    </row>
    <row r="316417" spans="14:14">
      <c r="N316417" s="10"/>
    </row>
    <row r="316418" spans="14:14">
      <c r="N316418" s="10"/>
    </row>
    <row r="316419" spans="14:14">
      <c r="N316419" s="10"/>
    </row>
    <row r="316420" spans="14:14">
      <c r="N316420" s="10"/>
    </row>
    <row r="316421" spans="14:14">
      <c r="N316421" s="10"/>
    </row>
    <row r="316422" spans="14:14">
      <c r="N316422" s="10"/>
    </row>
    <row r="316423" spans="14:14">
      <c r="N316423" s="10"/>
    </row>
    <row r="316424" spans="14:14">
      <c r="N316424" s="10"/>
    </row>
    <row r="316425" spans="14:14">
      <c r="N316425" s="10"/>
    </row>
    <row r="316426" spans="14:14">
      <c r="N316426" s="10"/>
    </row>
    <row r="316427" spans="14:14">
      <c r="N316427" s="10"/>
    </row>
    <row r="316428" spans="14:14">
      <c r="N316428" s="10"/>
    </row>
    <row r="316429" spans="14:14">
      <c r="N316429" s="10"/>
    </row>
    <row r="316430" spans="14:14">
      <c r="N316430" s="10"/>
    </row>
    <row r="316431" spans="14:14">
      <c r="N316431" s="10"/>
    </row>
    <row r="316432" spans="14:14">
      <c r="N316432" s="10"/>
    </row>
    <row r="316433" spans="14:14">
      <c r="N316433" s="10"/>
    </row>
    <row r="316434" spans="14:14">
      <c r="N316434" s="10"/>
    </row>
    <row r="316435" spans="14:14">
      <c r="N316435" s="10"/>
    </row>
    <row r="316436" spans="14:14">
      <c r="N316436" s="10"/>
    </row>
    <row r="316437" spans="14:14">
      <c r="N316437" s="10"/>
    </row>
    <row r="316438" spans="14:14">
      <c r="N316438" s="10"/>
    </row>
    <row r="316439" spans="14:14">
      <c r="N316439" s="10"/>
    </row>
    <row r="316440" spans="14:14">
      <c r="N316440" s="10"/>
    </row>
    <row r="316441" spans="14:14">
      <c r="N316441" s="10"/>
    </row>
    <row r="316442" spans="14:14">
      <c r="N316442" s="10"/>
    </row>
    <row r="316443" spans="14:14">
      <c r="N316443" s="10"/>
    </row>
    <row r="316444" spans="14:14">
      <c r="N316444" s="10"/>
    </row>
    <row r="316445" spans="14:14">
      <c r="N316445" s="10"/>
    </row>
    <row r="316446" spans="14:14">
      <c r="N316446" s="10"/>
    </row>
    <row r="316447" spans="14:14">
      <c r="N316447" s="10"/>
    </row>
    <row r="316448" spans="14:14">
      <c r="N316448" s="10"/>
    </row>
    <row r="316449" spans="14:14">
      <c r="N316449" s="10"/>
    </row>
    <row r="316450" spans="14:14">
      <c r="N316450" s="10"/>
    </row>
    <row r="316451" spans="14:14">
      <c r="N316451" s="10"/>
    </row>
    <row r="316452" spans="14:14">
      <c r="N316452" s="10"/>
    </row>
    <row r="316453" spans="14:14">
      <c r="N316453" s="10"/>
    </row>
    <row r="316454" spans="14:14">
      <c r="N316454" s="10"/>
    </row>
    <row r="316455" spans="14:14">
      <c r="N316455" s="10"/>
    </row>
    <row r="316456" spans="14:14">
      <c r="N316456" s="10"/>
    </row>
    <row r="316457" spans="14:14">
      <c r="N316457" s="10"/>
    </row>
    <row r="316458" spans="14:14">
      <c r="N316458" s="10"/>
    </row>
    <row r="316459" spans="14:14">
      <c r="N316459" s="10"/>
    </row>
    <row r="316460" spans="14:14">
      <c r="N316460" s="10"/>
    </row>
    <row r="316461" spans="14:14">
      <c r="N316461" s="10"/>
    </row>
    <row r="316462" spans="14:14">
      <c r="N316462" s="10"/>
    </row>
    <row r="316463" spans="14:14">
      <c r="N316463" s="10"/>
    </row>
    <row r="316464" spans="14:14">
      <c r="N316464" s="10"/>
    </row>
    <row r="316465" spans="14:14">
      <c r="N316465" s="10"/>
    </row>
    <row r="316466" spans="14:14">
      <c r="N316466" s="10"/>
    </row>
    <row r="316467" spans="14:14">
      <c r="N316467" s="10"/>
    </row>
    <row r="316468" spans="14:14">
      <c r="N316468" s="10"/>
    </row>
    <row r="316469" spans="14:14">
      <c r="N316469" s="10"/>
    </row>
    <row r="316470" spans="14:14">
      <c r="N316470" s="10"/>
    </row>
    <row r="316471" spans="14:14">
      <c r="N316471" s="10"/>
    </row>
    <row r="316472" spans="14:14">
      <c r="N316472" s="10"/>
    </row>
    <row r="316473" spans="14:14">
      <c r="N316473" s="10"/>
    </row>
    <row r="316474" spans="14:14">
      <c r="N316474" s="10"/>
    </row>
    <row r="316475" spans="14:14">
      <c r="N316475" s="10"/>
    </row>
    <row r="316476" spans="14:14">
      <c r="N316476" s="10"/>
    </row>
    <row r="316477" spans="14:14">
      <c r="N316477" s="10"/>
    </row>
    <row r="316478" spans="14:14">
      <c r="N316478" s="10"/>
    </row>
    <row r="316479" spans="14:14">
      <c r="N316479" s="10"/>
    </row>
    <row r="316480" spans="14:14">
      <c r="N316480" s="10"/>
    </row>
    <row r="316481" spans="14:14">
      <c r="N316481" s="10"/>
    </row>
    <row r="316482" spans="14:14">
      <c r="N316482" s="10"/>
    </row>
    <row r="316483" spans="14:14">
      <c r="N316483" s="10"/>
    </row>
    <row r="316484" spans="14:14">
      <c r="N316484" s="10"/>
    </row>
    <row r="316485" spans="14:14">
      <c r="N316485" s="10"/>
    </row>
    <row r="316486" spans="14:14">
      <c r="N316486" s="10"/>
    </row>
    <row r="316487" spans="14:14">
      <c r="N316487" s="10"/>
    </row>
    <row r="316488" spans="14:14">
      <c r="N316488" s="10"/>
    </row>
    <row r="316489" spans="14:14">
      <c r="N316489" s="10"/>
    </row>
    <row r="316490" spans="14:14">
      <c r="N316490" s="10"/>
    </row>
    <row r="316491" spans="14:14">
      <c r="N316491" s="10"/>
    </row>
    <row r="316492" spans="14:14">
      <c r="N316492" s="10"/>
    </row>
    <row r="316493" spans="14:14">
      <c r="N316493" s="10"/>
    </row>
    <row r="316494" spans="14:14">
      <c r="N316494" s="10"/>
    </row>
    <row r="316495" spans="14:14">
      <c r="N316495" s="10"/>
    </row>
    <row r="316496" spans="14:14">
      <c r="N316496" s="10"/>
    </row>
    <row r="316497" spans="14:14">
      <c r="N316497" s="10"/>
    </row>
    <row r="316498" spans="14:14">
      <c r="N316498" s="10"/>
    </row>
    <row r="316499" spans="14:14">
      <c r="N316499" s="10"/>
    </row>
    <row r="316500" spans="14:14">
      <c r="N316500" s="10"/>
    </row>
    <row r="316501" spans="14:14">
      <c r="N316501" s="10"/>
    </row>
    <row r="316502" spans="14:14">
      <c r="N316502" s="10"/>
    </row>
    <row r="316503" spans="14:14">
      <c r="N316503" s="10"/>
    </row>
    <row r="316504" spans="14:14">
      <c r="N316504" s="10"/>
    </row>
    <row r="316505" spans="14:14">
      <c r="N316505" s="10"/>
    </row>
    <row r="316506" spans="14:14">
      <c r="N316506" s="10"/>
    </row>
    <row r="316507" spans="14:14">
      <c r="N316507" s="10"/>
    </row>
    <row r="316508" spans="14:14">
      <c r="N316508" s="10"/>
    </row>
    <row r="316509" spans="14:14">
      <c r="N316509" s="10"/>
    </row>
    <row r="316510" spans="14:14">
      <c r="N316510" s="10"/>
    </row>
    <row r="316511" spans="14:14">
      <c r="N316511" s="10"/>
    </row>
    <row r="316512" spans="14:14">
      <c r="N316512" s="10"/>
    </row>
    <row r="316513" spans="14:14">
      <c r="N316513" s="10"/>
    </row>
    <row r="316514" spans="14:14">
      <c r="N316514" s="10"/>
    </row>
    <row r="316515" spans="14:14">
      <c r="N316515" s="10"/>
    </row>
    <row r="316516" spans="14:14">
      <c r="N316516" s="10"/>
    </row>
    <row r="316517" spans="14:14">
      <c r="N316517" s="10"/>
    </row>
    <row r="316518" spans="14:14">
      <c r="N316518" s="10"/>
    </row>
    <row r="316519" spans="14:14">
      <c r="N316519" s="10"/>
    </row>
    <row r="316520" spans="14:14">
      <c r="N316520" s="10"/>
    </row>
    <row r="316521" spans="14:14">
      <c r="N316521" s="10"/>
    </row>
    <row r="316522" spans="14:14">
      <c r="N316522" s="10"/>
    </row>
    <row r="316523" spans="14:14">
      <c r="N316523" s="10"/>
    </row>
    <row r="316524" spans="14:14">
      <c r="N316524" s="10"/>
    </row>
    <row r="316525" spans="14:14">
      <c r="N316525" s="10"/>
    </row>
    <row r="316526" spans="14:14">
      <c r="N316526" s="10"/>
    </row>
    <row r="316527" spans="14:14">
      <c r="N316527" s="10"/>
    </row>
    <row r="316528" spans="14:14">
      <c r="N316528" s="10"/>
    </row>
    <row r="316529" spans="14:14">
      <c r="N316529" s="10"/>
    </row>
    <row r="316530" spans="14:14">
      <c r="N316530" s="10"/>
    </row>
    <row r="316531" spans="14:14">
      <c r="N316531" s="10"/>
    </row>
    <row r="316532" spans="14:14">
      <c r="N316532" s="10"/>
    </row>
    <row r="316533" spans="14:14">
      <c r="N316533" s="10"/>
    </row>
    <row r="316534" spans="14:14">
      <c r="N316534" s="10"/>
    </row>
    <row r="316535" spans="14:14">
      <c r="N316535" s="10"/>
    </row>
    <row r="316536" spans="14:14">
      <c r="N316536" s="10"/>
    </row>
    <row r="316537" spans="14:14">
      <c r="N316537" s="10"/>
    </row>
    <row r="316538" spans="14:14">
      <c r="N316538" s="10"/>
    </row>
    <row r="316539" spans="14:14">
      <c r="N316539" s="10"/>
    </row>
    <row r="316540" spans="14:14">
      <c r="N316540" s="10"/>
    </row>
    <row r="316541" spans="14:14">
      <c r="N316541" s="10"/>
    </row>
    <row r="316542" spans="14:14">
      <c r="N316542" s="10"/>
    </row>
    <row r="316543" spans="14:14">
      <c r="N316543" s="10"/>
    </row>
    <row r="316544" spans="14:14">
      <c r="N316544" s="10"/>
    </row>
    <row r="316545" spans="14:14">
      <c r="N316545" s="10"/>
    </row>
    <row r="316546" spans="14:14">
      <c r="N316546" s="10"/>
    </row>
    <row r="316547" spans="14:14">
      <c r="N316547" s="10"/>
    </row>
    <row r="316548" spans="14:14">
      <c r="N316548" s="10"/>
    </row>
    <row r="316549" spans="14:14">
      <c r="N316549" s="10"/>
    </row>
    <row r="316550" spans="14:14">
      <c r="N316550" s="10"/>
    </row>
    <row r="316551" spans="14:14">
      <c r="N316551" s="10"/>
    </row>
    <row r="316552" spans="14:14">
      <c r="N316552" s="10"/>
    </row>
    <row r="316553" spans="14:14">
      <c r="N316553" s="10"/>
    </row>
    <row r="316554" spans="14:14">
      <c r="N316554" s="10"/>
    </row>
    <row r="316555" spans="14:14">
      <c r="N316555" s="10"/>
    </row>
    <row r="316556" spans="14:14">
      <c r="N316556" s="10"/>
    </row>
    <row r="316557" spans="14:14">
      <c r="N316557" s="10"/>
    </row>
    <row r="316558" spans="14:14">
      <c r="N316558" s="10"/>
    </row>
    <row r="316559" spans="14:14">
      <c r="N316559" s="10"/>
    </row>
    <row r="316560" spans="14:14">
      <c r="N316560" s="10"/>
    </row>
    <row r="316561" spans="14:14">
      <c r="N316561" s="10"/>
    </row>
    <row r="316562" spans="14:14">
      <c r="N316562" s="10"/>
    </row>
    <row r="316563" spans="14:14">
      <c r="N316563" s="10"/>
    </row>
    <row r="316564" spans="14:14">
      <c r="N316564" s="10"/>
    </row>
    <row r="316565" spans="14:14">
      <c r="N316565" s="10"/>
    </row>
    <row r="316566" spans="14:14">
      <c r="N316566" s="10"/>
    </row>
    <row r="316567" spans="14:14">
      <c r="N316567" s="10"/>
    </row>
    <row r="316568" spans="14:14">
      <c r="N316568" s="10"/>
    </row>
    <row r="316569" spans="14:14">
      <c r="N316569" s="10"/>
    </row>
    <row r="316570" spans="14:14">
      <c r="N316570" s="10"/>
    </row>
    <row r="316571" spans="14:14">
      <c r="N316571" s="10"/>
    </row>
    <row r="316572" spans="14:14">
      <c r="N316572" s="10"/>
    </row>
    <row r="316573" spans="14:14">
      <c r="N316573" s="10"/>
    </row>
    <row r="316574" spans="14:14">
      <c r="N316574" s="10"/>
    </row>
    <row r="316575" spans="14:14">
      <c r="N316575" s="10"/>
    </row>
    <row r="316576" spans="14:14">
      <c r="N316576" s="10"/>
    </row>
    <row r="316577" spans="14:14">
      <c r="N316577" s="10"/>
    </row>
    <row r="316578" spans="14:14">
      <c r="N316578" s="10"/>
    </row>
    <row r="316579" spans="14:14">
      <c r="N316579" s="10"/>
    </row>
    <row r="316580" spans="14:14">
      <c r="N316580" s="10"/>
    </row>
    <row r="316581" spans="14:14">
      <c r="N316581" s="10"/>
    </row>
    <row r="316582" spans="14:14">
      <c r="N316582" s="10"/>
    </row>
    <row r="316583" spans="14:14">
      <c r="N316583" s="10"/>
    </row>
    <row r="316584" spans="14:14">
      <c r="N316584" s="10"/>
    </row>
    <row r="316585" spans="14:14">
      <c r="N316585" s="10"/>
    </row>
    <row r="316586" spans="14:14">
      <c r="N316586" s="10"/>
    </row>
    <row r="316587" spans="14:14">
      <c r="N316587" s="10"/>
    </row>
    <row r="316588" spans="14:14">
      <c r="N316588" s="10"/>
    </row>
    <row r="316589" spans="14:14">
      <c r="N316589" s="10"/>
    </row>
    <row r="316590" spans="14:14">
      <c r="N316590" s="10"/>
    </row>
    <row r="316591" spans="14:14">
      <c r="N316591" s="10"/>
    </row>
    <row r="316592" spans="14:14">
      <c r="N316592" s="10"/>
    </row>
    <row r="316593" spans="14:14">
      <c r="N316593" s="10"/>
    </row>
    <row r="316594" spans="14:14">
      <c r="N316594" s="10"/>
    </row>
    <row r="316595" spans="14:14">
      <c r="N316595" s="10"/>
    </row>
    <row r="316596" spans="14:14">
      <c r="N316596" s="10"/>
    </row>
    <row r="316597" spans="14:14">
      <c r="N316597" s="10"/>
    </row>
    <row r="316598" spans="14:14">
      <c r="N316598" s="10"/>
    </row>
    <row r="316599" spans="14:14">
      <c r="N316599" s="10"/>
    </row>
    <row r="316600" spans="14:14">
      <c r="N316600" s="10"/>
    </row>
    <row r="316601" spans="14:14">
      <c r="N316601" s="10"/>
    </row>
    <row r="316602" spans="14:14">
      <c r="N316602" s="10"/>
    </row>
    <row r="316603" spans="14:14">
      <c r="N316603" s="10"/>
    </row>
    <row r="316604" spans="14:14">
      <c r="N316604" s="10"/>
    </row>
    <row r="316605" spans="14:14">
      <c r="N316605" s="10"/>
    </row>
    <row r="316606" spans="14:14">
      <c r="N316606" s="10"/>
    </row>
    <row r="316607" spans="14:14">
      <c r="N316607" s="10"/>
    </row>
    <row r="316608" spans="14:14">
      <c r="N316608" s="10"/>
    </row>
    <row r="316609" spans="14:14">
      <c r="N316609" s="10"/>
    </row>
    <row r="316610" spans="14:14">
      <c r="N316610" s="10"/>
    </row>
    <row r="316611" spans="14:14">
      <c r="N316611" s="10"/>
    </row>
    <row r="316612" spans="14:14">
      <c r="N316612" s="10"/>
    </row>
    <row r="316613" spans="14:14">
      <c r="N316613" s="10"/>
    </row>
    <row r="316614" spans="14:14">
      <c r="N316614" s="10"/>
    </row>
    <row r="316615" spans="14:14">
      <c r="N316615" s="10"/>
    </row>
    <row r="316616" spans="14:14">
      <c r="N316616" s="10"/>
    </row>
    <row r="316617" spans="14:14">
      <c r="N316617" s="10"/>
    </row>
    <row r="316618" spans="14:14">
      <c r="N316618" s="10"/>
    </row>
    <row r="316619" spans="14:14">
      <c r="N316619" s="10"/>
    </row>
    <row r="316620" spans="14:14">
      <c r="N316620" s="10"/>
    </row>
    <row r="316621" spans="14:14">
      <c r="N316621" s="10"/>
    </row>
    <row r="316622" spans="14:14">
      <c r="N316622" s="10"/>
    </row>
    <row r="316623" spans="14:14">
      <c r="N316623" s="10"/>
    </row>
    <row r="316624" spans="14:14">
      <c r="N316624" s="10"/>
    </row>
    <row r="316625" spans="14:14">
      <c r="N316625" s="10"/>
    </row>
    <row r="316626" spans="14:14">
      <c r="N316626" s="10"/>
    </row>
    <row r="316627" spans="14:14">
      <c r="N316627" s="10"/>
    </row>
    <row r="316628" spans="14:14">
      <c r="N316628" s="10"/>
    </row>
    <row r="316629" spans="14:14">
      <c r="N316629" s="10"/>
    </row>
    <row r="316630" spans="14:14">
      <c r="N316630" s="10"/>
    </row>
    <row r="316631" spans="14:14">
      <c r="N316631" s="10"/>
    </row>
    <row r="316632" spans="14:14">
      <c r="N316632" s="10"/>
    </row>
    <row r="316633" spans="14:14">
      <c r="N316633" s="10"/>
    </row>
    <row r="316634" spans="14:14">
      <c r="N316634" s="10"/>
    </row>
    <row r="316635" spans="14:14">
      <c r="N316635" s="10"/>
    </row>
    <row r="316636" spans="14:14">
      <c r="N316636" s="10"/>
    </row>
    <row r="316637" spans="14:14">
      <c r="N316637" s="10"/>
    </row>
    <row r="316638" spans="14:14">
      <c r="N316638" s="10"/>
    </row>
    <row r="316639" spans="14:14">
      <c r="N316639" s="10"/>
    </row>
    <row r="316640" spans="14:14">
      <c r="N316640" s="10"/>
    </row>
    <row r="316641" spans="14:14">
      <c r="N316641" s="10"/>
    </row>
    <row r="316642" spans="14:14">
      <c r="N316642" s="10"/>
    </row>
    <row r="316643" spans="14:14">
      <c r="N316643" s="10"/>
    </row>
    <row r="316644" spans="14:14">
      <c r="N316644" s="10"/>
    </row>
    <row r="316645" spans="14:14">
      <c r="N316645" s="10"/>
    </row>
    <row r="316646" spans="14:14">
      <c r="N316646" s="10"/>
    </row>
    <row r="316647" spans="14:14">
      <c r="N316647" s="10"/>
    </row>
    <row r="316648" spans="14:14">
      <c r="N316648" s="10"/>
    </row>
    <row r="316649" spans="14:14">
      <c r="N316649" s="10"/>
    </row>
    <row r="316650" spans="14:14">
      <c r="N316650" s="10"/>
    </row>
    <row r="316651" spans="14:14">
      <c r="N316651" s="10"/>
    </row>
    <row r="316652" spans="14:14">
      <c r="N316652" s="10"/>
    </row>
    <row r="316653" spans="14:14">
      <c r="N316653" s="10"/>
    </row>
    <row r="316654" spans="14:14">
      <c r="N316654" s="10"/>
    </row>
    <row r="316655" spans="14:14">
      <c r="N316655" s="10"/>
    </row>
    <row r="316656" spans="14:14">
      <c r="N316656" s="10"/>
    </row>
    <row r="316657" spans="14:14">
      <c r="N316657" s="10"/>
    </row>
    <row r="316658" spans="14:14">
      <c r="N316658" s="10"/>
    </row>
    <row r="316659" spans="14:14">
      <c r="N316659" s="10"/>
    </row>
    <row r="316660" spans="14:14">
      <c r="N316660" s="10"/>
    </row>
    <row r="316661" spans="14:14">
      <c r="N316661" s="10"/>
    </row>
    <row r="316662" spans="14:14">
      <c r="N316662" s="10"/>
    </row>
    <row r="316663" spans="14:14">
      <c r="N316663" s="10"/>
    </row>
    <row r="316664" spans="14:14">
      <c r="N316664" s="10"/>
    </row>
    <row r="316665" spans="14:14">
      <c r="N316665" s="10"/>
    </row>
    <row r="316666" spans="14:14">
      <c r="N316666" s="10"/>
    </row>
    <row r="316667" spans="14:14">
      <c r="N316667" s="10"/>
    </row>
    <row r="316668" spans="14:14">
      <c r="N316668" s="10"/>
    </row>
    <row r="316669" spans="14:14">
      <c r="N316669" s="10"/>
    </row>
    <row r="316670" spans="14:14">
      <c r="N316670" s="10"/>
    </row>
    <row r="316671" spans="14:14">
      <c r="N316671" s="10"/>
    </row>
    <row r="316672" spans="14:14">
      <c r="N316672" s="10"/>
    </row>
    <row r="316673" spans="14:14">
      <c r="N316673" s="10"/>
    </row>
    <row r="316674" spans="14:14">
      <c r="N316674" s="10"/>
    </row>
    <row r="316675" spans="14:14">
      <c r="N316675" s="10"/>
    </row>
    <row r="316676" spans="14:14">
      <c r="N316676" s="10"/>
    </row>
    <row r="316677" spans="14:14">
      <c r="N316677" s="10"/>
    </row>
    <row r="316678" spans="14:14">
      <c r="N316678" s="10"/>
    </row>
    <row r="316679" spans="14:14">
      <c r="N316679" s="10"/>
    </row>
    <row r="316680" spans="14:14">
      <c r="N316680" s="10"/>
    </row>
    <row r="316681" spans="14:14">
      <c r="N316681" s="10"/>
    </row>
    <row r="316682" spans="14:14">
      <c r="N316682" s="10"/>
    </row>
    <row r="316683" spans="14:14">
      <c r="N316683" s="10"/>
    </row>
    <row r="316684" spans="14:14">
      <c r="N316684" s="10"/>
    </row>
    <row r="316685" spans="14:14">
      <c r="N316685" s="10"/>
    </row>
    <row r="316686" spans="14:14">
      <c r="N316686" s="10"/>
    </row>
    <row r="316687" spans="14:14">
      <c r="N316687" s="10"/>
    </row>
    <row r="316688" spans="14:14">
      <c r="N316688" s="10"/>
    </row>
    <row r="316689" spans="14:14">
      <c r="N316689" s="10"/>
    </row>
    <row r="316690" spans="14:14">
      <c r="N316690" s="10"/>
    </row>
    <row r="316691" spans="14:14">
      <c r="N316691" s="10"/>
    </row>
    <row r="316692" spans="14:14">
      <c r="N316692" s="10"/>
    </row>
    <row r="316693" spans="14:14">
      <c r="N316693" s="10"/>
    </row>
    <row r="316694" spans="14:14">
      <c r="N316694" s="10"/>
    </row>
    <row r="316695" spans="14:14">
      <c r="N316695" s="10"/>
    </row>
    <row r="316696" spans="14:14">
      <c r="N316696" s="10"/>
    </row>
    <row r="316697" spans="14:14">
      <c r="N316697" s="10"/>
    </row>
    <row r="316698" spans="14:14">
      <c r="N316698" s="10"/>
    </row>
    <row r="316699" spans="14:14">
      <c r="N316699" s="10"/>
    </row>
    <row r="316700" spans="14:14">
      <c r="N316700" s="10"/>
    </row>
    <row r="316701" spans="14:14">
      <c r="N316701" s="10"/>
    </row>
    <row r="316702" spans="14:14">
      <c r="N316702" s="10"/>
    </row>
    <row r="316703" spans="14:14">
      <c r="N316703" s="10"/>
    </row>
    <row r="316704" spans="14:14">
      <c r="N316704" s="10"/>
    </row>
    <row r="316705" spans="14:14">
      <c r="N316705" s="10"/>
    </row>
    <row r="316706" spans="14:14">
      <c r="N316706" s="10"/>
    </row>
    <row r="316707" spans="14:14">
      <c r="N316707" s="10"/>
    </row>
    <row r="316708" spans="14:14">
      <c r="N316708" s="10"/>
    </row>
    <row r="316709" spans="14:14">
      <c r="N316709" s="10"/>
    </row>
    <row r="316710" spans="14:14">
      <c r="N316710" s="10"/>
    </row>
    <row r="316711" spans="14:14">
      <c r="N316711" s="10"/>
    </row>
    <row r="316712" spans="14:14">
      <c r="N316712" s="10"/>
    </row>
    <row r="316713" spans="14:14">
      <c r="N316713" s="10"/>
    </row>
    <row r="316714" spans="14:14">
      <c r="N316714" s="10"/>
    </row>
    <row r="316715" spans="14:14">
      <c r="N316715" s="10"/>
    </row>
    <row r="316716" spans="14:14">
      <c r="N316716" s="10"/>
    </row>
    <row r="316717" spans="14:14">
      <c r="N316717" s="10"/>
    </row>
    <row r="316718" spans="14:14">
      <c r="N316718" s="10"/>
    </row>
    <row r="316719" spans="14:14">
      <c r="N316719" s="10"/>
    </row>
    <row r="316720" spans="14:14">
      <c r="N316720" s="10"/>
    </row>
    <row r="316721" spans="14:14">
      <c r="N316721" s="10"/>
    </row>
    <row r="316722" spans="14:14">
      <c r="N316722" s="10"/>
    </row>
    <row r="316723" spans="14:14">
      <c r="N316723" s="10"/>
    </row>
    <row r="316724" spans="14:14">
      <c r="N316724" s="10"/>
    </row>
    <row r="316725" spans="14:14">
      <c r="N316725" s="10"/>
    </row>
    <row r="316726" spans="14:14">
      <c r="N316726" s="10"/>
    </row>
    <row r="316727" spans="14:14">
      <c r="N316727" s="10"/>
    </row>
    <row r="316728" spans="14:14">
      <c r="N316728" s="10"/>
    </row>
    <row r="316729" spans="14:14">
      <c r="N316729" s="10"/>
    </row>
    <row r="316730" spans="14:14">
      <c r="N316730" s="10"/>
    </row>
    <row r="316731" spans="14:14">
      <c r="N316731" s="10"/>
    </row>
    <row r="316732" spans="14:14">
      <c r="N316732" s="10"/>
    </row>
    <row r="316733" spans="14:14">
      <c r="N316733" s="10"/>
    </row>
    <row r="316734" spans="14:14">
      <c r="N316734" s="10"/>
    </row>
    <row r="316735" spans="14:14">
      <c r="N316735" s="10"/>
    </row>
    <row r="316736" spans="14:14">
      <c r="N316736" s="10"/>
    </row>
    <row r="316737" spans="14:14">
      <c r="N316737" s="10"/>
    </row>
    <row r="316738" spans="14:14">
      <c r="N316738" s="10"/>
    </row>
    <row r="316739" spans="14:14">
      <c r="N316739" s="10"/>
    </row>
    <row r="316740" spans="14:14">
      <c r="N316740" s="10"/>
    </row>
    <row r="316741" spans="14:14">
      <c r="N316741" s="10"/>
    </row>
    <row r="316742" spans="14:14">
      <c r="N316742" s="10"/>
    </row>
    <row r="316743" spans="14:14">
      <c r="N316743" s="10"/>
    </row>
    <row r="316744" spans="14:14">
      <c r="N316744" s="10"/>
    </row>
    <row r="316745" spans="14:14">
      <c r="N316745" s="10"/>
    </row>
    <row r="316746" spans="14:14">
      <c r="N316746" s="10"/>
    </row>
    <row r="316747" spans="14:14">
      <c r="N316747" s="10"/>
    </row>
    <row r="316748" spans="14:14">
      <c r="N316748" s="10"/>
    </row>
    <row r="316749" spans="14:14">
      <c r="N316749" s="10"/>
    </row>
    <row r="316750" spans="14:14">
      <c r="N316750" s="10"/>
    </row>
    <row r="316751" spans="14:14">
      <c r="N316751" s="10"/>
    </row>
    <row r="316752" spans="14:14">
      <c r="N316752" s="10"/>
    </row>
    <row r="316753" spans="14:14">
      <c r="N316753" s="10"/>
    </row>
    <row r="316754" spans="14:14">
      <c r="N316754" s="10"/>
    </row>
    <row r="316755" spans="14:14">
      <c r="N316755" s="10"/>
    </row>
    <row r="316756" spans="14:14">
      <c r="N316756" s="10"/>
    </row>
    <row r="316757" spans="14:14">
      <c r="N316757" s="10"/>
    </row>
    <row r="316758" spans="14:14">
      <c r="N316758" s="10"/>
    </row>
    <row r="316759" spans="14:14">
      <c r="N316759" s="10"/>
    </row>
    <row r="316760" spans="14:14">
      <c r="N316760" s="10"/>
    </row>
    <row r="316761" spans="14:14">
      <c r="N316761" s="10"/>
    </row>
    <row r="316762" spans="14:14">
      <c r="N316762" s="10"/>
    </row>
    <row r="316763" spans="14:14">
      <c r="N316763" s="10"/>
    </row>
    <row r="316764" spans="14:14">
      <c r="N316764" s="10"/>
    </row>
    <row r="316765" spans="14:14">
      <c r="N316765" s="10"/>
    </row>
    <row r="316766" spans="14:14">
      <c r="N316766" s="10"/>
    </row>
    <row r="316767" spans="14:14">
      <c r="N316767" s="10"/>
    </row>
    <row r="316768" spans="14:14">
      <c r="N316768" s="10"/>
    </row>
    <row r="316769" spans="14:14">
      <c r="N316769" s="10"/>
    </row>
    <row r="316770" spans="14:14">
      <c r="N316770" s="10"/>
    </row>
    <row r="316771" spans="14:14">
      <c r="N316771" s="10"/>
    </row>
    <row r="316772" spans="14:14">
      <c r="N316772" s="10"/>
    </row>
    <row r="316773" spans="14:14">
      <c r="N316773" s="10"/>
    </row>
    <row r="316774" spans="14:14">
      <c r="N316774" s="10"/>
    </row>
    <row r="316775" spans="14:14">
      <c r="N316775" s="10"/>
    </row>
    <row r="316776" spans="14:14">
      <c r="N316776" s="10"/>
    </row>
    <row r="316777" spans="14:14">
      <c r="N316777" s="10"/>
    </row>
    <row r="316778" spans="14:14">
      <c r="N316778" s="10"/>
    </row>
    <row r="316779" spans="14:14">
      <c r="N316779" s="10"/>
    </row>
    <row r="316780" spans="14:14">
      <c r="N316780" s="10"/>
    </row>
    <row r="316781" spans="14:14">
      <c r="N316781" s="10"/>
    </row>
    <row r="316782" spans="14:14">
      <c r="N316782" s="10"/>
    </row>
    <row r="316783" spans="14:14">
      <c r="N316783" s="10"/>
    </row>
    <row r="316784" spans="14:14">
      <c r="N316784" s="10"/>
    </row>
    <row r="316785" spans="14:14">
      <c r="N316785" s="10"/>
    </row>
    <row r="316786" spans="14:14">
      <c r="N316786" s="10"/>
    </row>
    <row r="316787" spans="14:14">
      <c r="N316787" s="10"/>
    </row>
    <row r="316788" spans="14:14">
      <c r="N316788" s="10"/>
    </row>
    <row r="316789" spans="14:14">
      <c r="N316789" s="10"/>
    </row>
    <row r="316790" spans="14:14">
      <c r="N316790" s="10"/>
    </row>
    <row r="316791" spans="14:14">
      <c r="N316791" s="10"/>
    </row>
    <row r="316792" spans="14:14">
      <c r="N316792" s="10"/>
    </row>
    <row r="316793" spans="14:14">
      <c r="N316793" s="10"/>
    </row>
    <row r="316794" spans="14:14">
      <c r="N316794" s="10"/>
    </row>
    <row r="316795" spans="14:14">
      <c r="N316795" s="10"/>
    </row>
    <row r="316796" spans="14:14">
      <c r="N316796" s="10"/>
    </row>
    <row r="316797" spans="14:14">
      <c r="N316797" s="10"/>
    </row>
    <row r="316798" spans="14:14">
      <c r="N316798" s="10"/>
    </row>
    <row r="316799" spans="14:14">
      <c r="N316799" s="10"/>
    </row>
    <row r="316800" spans="14:14">
      <c r="N316800" s="10"/>
    </row>
    <row r="316801" spans="14:14">
      <c r="N316801" s="10"/>
    </row>
    <row r="316802" spans="14:14">
      <c r="N316802" s="10"/>
    </row>
    <row r="316803" spans="14:14">
      <c r="N316803" s="10"/>
    </row>
    <row r="316804" spans="14:14">
      <c r="N316804" s="10"/>
    </row>
    <row r="316805" spans="14:14">
      <c r="N316805" s="10"/>
    </row>
    <row r="316806" spans="14:14">
      <c r="N316806" s="10"/>
    </row>
    <row r="316807" spans="14:14">
      <c r="N316807" s="10"/>
    </row>
    <row r="316808" spans="14:14">
      <c r="N316808" s="10"/>
    </row>
    <row r="316809" spans="14:14">
      <c r="N316809" s="10"/>
    </row>
    <row r="316810" spans="14:14">
      <c r="N316810" s="10"/>
    </row>
    <row r="316811" spans="14:14">
      <c r="N316811" s="10"/>
    </row>
    <row r="316812" spans="14:14">
      <c r="N316812" s="10"/>
    </row>
    <row r="316813" spans="14:14">
      <c r="N316813" s="10"/>
    </row>
    <row r="316814" spans="14:14">
      <c r="N316814" s="10"/>
    </row>
    <row r="316815" spans="14:14">
      <c r="N316815" s="10"/>
    </row>
    <row r="316816" spans="14:14">
      <c r="N316816" s="10"/>
    </row>
    <row r="316817" spans="14:14">
      <c r="N316817" s="10"/>
    </row>
    <row r="316818" spans="14:14">
      <c r="N316818" s="10"/>
    </row>
    <row r="316819" spans="14:14">
      <c r="N316819" s="10"/>
    </row>
    <row r="316820" spans="14:14">
      <c r="N316820" s="10"/>
    </row>
    <row r="316821" spans="14:14">
      <c r="N316821" s="10"/>
    </row>
    <row r="316822" spans="14:14">
      <c r="N316822" s="10"/>
    </row>
    <row r="316823" spans="14:14">
      <c r="N316823" s="10"/>
    </row>
    <row r="316824" spans="14:14">
      <c r="N316824" s="10"/>
    </row>
    <row r="316825" spans="14:14">
      <c r="N316825" s="10"/>
    </row>
    <row r="316826" spans="14:14">
      <c r="N316826" s="10"/>
    </row>
    <row r="316827" spans="14:14">
      <c r="N316827" s="10"/>
    </row>
    <row r="316828" spans="14:14">
      <c r="N316828" s="10"/>
    </row>
    <row r="316829" spans="14:14">
      <c r="N316829" s="10"/>
    </row>
    <row r="316830" spans="14:14">
      <c r="N316830" s="10"/>
    </row>
    <row r="316831" spans="14:14">
      <c r="N316831" s="10"/>
    </row>
    <row r="316832" spans="14:14">
      <c r="N316832" s="10"/>
    </row>
    <row r="316833" spans="14:14">
      <c r="N316833" s="10"/>
    </row>
    <row r="316834" spans="14:14">
      <c r="N316834" s="10"/>
    </row>
    <row r="316835" spans="14:14">
      <c r="N316835" s="10"/>
    </row>
    <row r="316836" spans="14:14">
      <c r="N316836" s="10"/>
    </row>
    <row r="316837" spans="14:14">
      <c r="N316837" s="10"/>
    </row>
    <row r="316838" spans="14:14">
      <c r="N316838" s="10"/>
    </row>
    <row r="316839" spans="14:14">
      <c r="N316839" s="10"/>
    </row>
    <row r="316840" spans="14:14">
      <c r="N316840" s="10"/>
    </row>
    <row r="316841" spans="14:14">
      <c r="N316841" s="10"/>
    </row>
    <row r="316842" spans="14:14">
      <c r="N316842" s="10"/>
    </row>
    <row r="316843" spans="14:14">
      <c r="N316843" s="10"/>
    </row>
    <row r="316844" spans="14:14">
      <c r="N316844" s="10"/>
    </row>
    <row r="316845" spans="14:14">
      <c r="N316845" s="10"/>
    </row>
    <row r="316846" spans="14:14">
      <c r="N316846" s="10"/>
    </row>
    <row r="316847" spans="14:14">
      <c r="N316847" s="10"/>
    </row>
    <row r="316848" spans="14:14">
      <c r="N316848" s="10"/>
    </row>
    <row r="316849" spans="14:14">
      <c r="N316849" s="10"/>
    </row>
    <row r="316850" spans="14:14">
      <c r="N316850" s="10"/>
    </row>
    <row r="316851" spans="14:14">
      <c r="N316851" s="10"/>
    </row>
    <row r="316852" spans="14:14">
      <c r="N316852" s="10"/>
    </row>
    <row r="316853" spans="14:14">
      <c r="N316853" s="10"/>
    </row>
    <row r="316854" spans="14:14">
      <c r="N316854" s="10"/>
    </row>
    <row r="316855" spans="14:14">
      <c r="N316855" s="10"/>
    </row>
    <row r="316856" spans="14:14">
      <c r="N316856" s="10"/>
    </row>
    <row r="316857" spans="14:14">
      <c r="N316857" s="10"/>
    </row>
    <row r="316858" spans="14:14">
      <c r="N316858" s="10"/>
    </row>
    <row r="316859" spans="14:14">
      <c r="N316859" s="10"/>
    </row>
    <row r="316860" spans="14:14">
      <c r="N316860" s="10"/>
    </row>
    <row r="316861" spans="14:14">
      <c r="N316861" s="10"/>
    </row>
    <row r="316862" spans="14:14">
      <c r="N316862" s="10"/>
    </row>
    <row r="316863" spans="14:14">
      <c r="N316863" s="10"/>
    </row>
    <row r="316864" spans="14:14">
      <c r="N316864" s="10"/>
    </row>
    <row r="316865" spans="14:14">
      <c r="N316865" s="10"/>
    </row>
    <row r="316866" spans="14:14">
      <c r="N316866" s="10"/>
    </row>
    <row r="316867" spans="14:14">
      <c r="N316867" s="10"/>
    </row>
    <row r="316868" spans="14:14">
      <c r="N316868" s="10"/>
    </row>
    <row r="316869" spans="14:14">
      <c r="N316869" s="10"/>
    </row>
    <row r="316870" spans="14:14">
      <c r="N316870" s="10"/>
    </row>
    <row r="316871" spans="14:14">
      <c r="N316871" s="10"/>
    </row>
    <row r="316872" spans="14:14">
      <c r="N316872" s="10"/>
    </row>
    <row r="316873" spans="14:14">
      <c r="N316873" s="10"/>
    </row>
    <row r="316874" spans="14:14">
      <c r="N316874" s="10"/>
    </row>
    <row r="316875" spans="14:14">
      <c r="N316875" s="10"/>
    </row>
    <row r="316876" spans="14:14">
      <c r="N316876" s="10"/>
    </row>
    <row r="316877" spans="14:14">
      <c r="N316877" s="10"/>
    </row>
    <row r="316878" spans="14:14">
      <c r="N316878" s="10"/>
    </row>
    <row r="316879" spans="14:14">
      <c r="N316879" s="10"/>
    </row>
    <row r="316880" spans="14:14">
      <c r="N316880" s="10"/>
    </row>
    <row r="316881" spans="14:14">
      <c r="N316881" s="10"/>
    </row>
    <row r="316882" spans="14:14">
      <c r="N316882" s="10"/>
    </row>
    <row r="316883" spans="14:14">
      <c r="N316883" s="10"/>
    </row>
    <row r="316884" spans="14:14">
      <c r="N316884" s="10"/>
    </row>
    <row r="316885" spans="14:14">
      <c r="N316885" s="10"/>
    </row>
    <row r="316886" spans="14:14">
      <c r="N316886" s="10"/>
    </row>
    <row r="316887" spans="14:14">
      <c r="N316887" s="10"/>
    </row>
    <row r="316888" spans="14:14">
      <c r="N316888" s="10"/>
    </row>
    <row r="316889" spans="14:14">
      <c r="N316889" s="10"/>
    </row>
    <row r="316890" spans="14:14">
      <c r="N316890" s="10"/>
    </row>
    <row r="316891" spans="14:14">
      <c r="N316891" s="10"/>
    </row>
    <row r="316892" spans="14:14">
      <c r="N316892" s="10"/>
    </row>
    <row r="316893" spans="14:14">
      <c r="N316893" s="10"/>
    </row>
    <row r="316894" spans="14:14">
      <c r="N316894" s="10"/>
    </row>
    <row r="316895" spans="14:14">
      <c r="N316895" s="10"/>
    </row>
    <row r="316896" spans="14:14">
      <c r="N316896" s="10"/>
    </row>
    <row r="316897" spans="14:14">
      <c r="N316897" s="10"/>
    </row>
    <row r="316898" spans="14:14">
      <c r="N316898" s="10"/>
    </row>
    <row r="316899" spans="14:14">
      <c r="N316899" s="10"/>
    </row>
    <row r="316900" spans="14:14">
      <c r="N316900" s="10"/>
    </row>
    <row r="316901" spans="14:14">
      <c r="N316901" s="10"/>
    </row>
    <row r="316902" spans="14:14">
      <c r="N316902" s="10"/>
    </row>
    <row r="316903" spans="14:14">
      <c r="N316903" s="10"/>
    </row>
    <row r="316904" spans="14:14">
      <c r="N316904" s="10"/>
    </row>
    <row r="316905" spans="14:14">
      <c r="N316905" s="10"/>
    </row>
    <row r="316906" spans="14:14">
      <c r="N316906" s="10"/>
    </row>
    <row r="316907" spans="14:14">
      <c r="N316907" s="10"/>
    </row>
    <row r="316908" spans="14:14">
      <c r="N316908" s="10"/>
    </row>
    <row r="316909" spans="14:14">
      <c r="N316909" s="10"/>
    </row>
    <row r="316910" spans="14:14">
      <c r="N316910" s="10"/>
    </row>
    <row r="316911" spans="14:14">
      <c r="N316911" s="10"/>
    </row>
    <row r="316912" spans="14:14">
      <c r="N316912" s="10"/>
    </row>
    <row r="316913" spans="14:14">
      <c r="N316913" s="10"/>
    </row>
    <row r="316914" spans="14:14">
      <c r="N316914" s="10"/>
    </row>
    <row r="316915" spans="14:14">
      <c r="N316915" s="10"/>
    </row>
    <row r="316916" spans="14:14">
      <c r="N316916" s="10"/>
    </row>
    <row r="316917" spans="14:14">
      <c r="N316917" s="10"/>
    </row>
    <row r="316918" spans="14:14">
      <c r="N316918" s="10"/>
    </row>
    <row r="316919" spans="14:14">
      <c r="N316919" s="10"/>
    </row>
    <row r="316920" spans="14:14">
      <c r="N316920" s="10"/>
    </row>
    <row r="316921" spans="14:14">
      <c r="N316921" s="10"/>
    </row>
    <row r="316922" spans="14:14">
      <c r="N316922" s="10"/>
    </row>
    <row r="316923" spans="14:14">
      <c r="N316923" s="10"/>
    </row>
    <row r="316924" spans="14:14">
      <c r="N316924" s="10"/>
    </row>
    <row r="316925" spans="14:14">
      <c r="N316925" s="10"/>
    </row>
    <row r="316926" spans="14:14">
      <c r="N316926" s="10"/>
    </row>
    <row r="316927" spans="14:14">
      <c r="N316927" s="10"/>
    </row>
    <row r="316928" spans="14:14">
      <c r="N316928" s="10"/>
    </row>
    <row r="316929" spans="14:14">
      <c r="N316929" s="10"/>
    </row>
    <row r="316930" spans="14:14">
      <c r="N316930" s="10"/>
    </row>
    <row r="316931" spans="14:14">
      <c r="N316931" s="10"/>
    </row>
    <row r="316932" spans="14:14">
      <c r="N316932" s="10"/>
    </row>
    <row r="316933" spans="14:14">
      <c r="N316933" s="10"/>
    </row>
    <row r="316934" spans="14:14">
      <c r="N316934" s="10"/>
    </row>
    <row r="316935" spans="14:14">
      <c r="N316935" s="10"/>
    </row>
    <row r="316936" spans="14:14">
      <c r="N316936" s="10"/>
    </row>
    <row r="316937" spans="14:14">
      <c r="N316937" s="10"/>
    </row>
    <row r="316938" spans="14:14">
      <c r="N316938" s="10"/>
    </row>
    <row r="316939" spans="14:14">
      <c r="N316939" s="10"/>
    </row>
    <row r="316940" spans="14:14">
      <c r="N316940" s="10"/>
    </row>
    <row r="316941" spans="14:14">
      <c r="N316941" s="10"/>
    </row>
    <row r="316942" spans="14:14">
      <c r="N316942" s="10"/>
    </row>
    <row r="316943" spans="14:14">
      <c r="N316943" s="10"/>
    </row>
    <row r="316944" spans="14:14">
      <c r="N316944" s="10"/>
    </row>
    <row r="316945" spans="14:14">
      <c r="N316945" s="10"/>
    </row>
    <row r="316946" spans="14:14">
      <c r="N316946" s="10"/>
    </row>
    <row r="316947" spans="14:14">
      <c r="N316947" s="10"/>
    </row>
    <row r="316948" spans="14:14">
      <c r="N316948" s="10"/>
    </row>
    <row r="316949" spans="14:14">
      <c r="N316949" s="10"/>
    </row>
    <row r="316950" spans="14:14">
      <c r="N316950" s="10"/>
    </row>
    <row r="316951" spans="14:14">
      <c r="N316951" s="10"/>
    </row>
    <row r="316952" spans="14:14">
      <c r="N316952" s="10"/>
    </row>
    <row r="316953" spans="14:14">
      <c r="N316953" s="10"/>
    </row>
    <row r="316954" spans="14:14">
      <c r="N316954" s="10"/>
    </row>
    <row r="316955" spans="14:14">
      <c r="N316955" s="10"/>
    </row>
    <row r="316956" spans="14:14">
      <c r="N316956" s="10"/>
    </row>
    <row r="316957" spans="14:14">
      <c r="N316957" s="10"/>
    </row>
    <row r="316958" spans="14:14">
      <c r="N316958" s="10"/>
    </row>
    <row r="316959" spans="14:14">
      <c r="N316959" s="10"/>
    </row>
    <row r="316960" spans="14:14">
      <c r="N316960" s="10"/>
    </row>
    <row r="316961" spans="14:14">
      <c r="N316961" s="10"/>
    </row>
    <row r="316962" spans="14:14">
      <c r="N316962" s="10"/>
    </row>
    <row r="316963" spans="14:14">
      <c r="N316963" s="10"/>
    </row>
    <row r="316964" spans="14:14">
      <c r="N316964" s="10"/>
    </row>
    <row r="316965" spans="14:14">
      <c r="N316965" s="10"/>
    </row>
    <row r="316966" spans="14:14">
      <c r="N316966" s="10"/>
    </row>
    <row r="316967" spans="14:14">
      <c r="N316967" s="10"/>
    </row>
    <row r="316968" spans="14:14">
      <c r="N316968" s="10"/>
    </row>
    <row r="316969" spans="14:14">
      <c r="N316969" s="10"/>
    </row>
    <row r="316970" spans="14:14">
      <c r="N316970" s="10"/>
    </row>
    <row r="316971" spans="14:14">
      <c r="N316971" s="10"/>
    </row>
    <row r="316972" spans="14:14">
      <c r="N316972" s="10"/>
    </row>
    <row r="316973" spans="14:14">
      <c r="N316973" s="10"/>
    </row>
    <row r="316974" spans="14:14">
      <c r="N316974" s="10"/>
    </row>
    <row r="316975" spans="14:14">
      <c r="N316975" s="10"/>
    </row>
    <row r="316976" spans="14:14">
      <c r="N316976" s="10"/>
    </row>
    <row r="316977" spans="14:14">
      <c r="N316977" s="10"/>
    </row>
    <row r="316978" spans="14:14">
      <c r="N316978" s="10"/>
    </row>
    <row r="316979" spans="14:14">
      <c r="N316979" s="10"/>
    </row>
    <row r="316980" spans="14:14">
      <c r="N316980" s="10"/>
    </row>
    <row r="316981" spans="14:14">
      <c r="N316981" s="10"/>
    </row>
    <row r="316982" spans="14:14">
      <c r="N316982" s="10"/>
    </row>
    <row r="316983" spans="14:14">
      <c r="N316983" s="10"/>
    </row>
    <row r="316984" spans="14:14">
      <c r="N316984" s="10"/>
    </row>
    <row r="316985" spans="14:14">
      <c r="N316985" s="10"/>
    </row>
    <row r="316986" spans="14:14">
      <c r="N316986" s="10"/>
    </row>
    <row r="316987" spans="14:14">
      <c r="N316987" s="10"/>
    </row>
    <row r="316988" spans="14:14">
      <c r="N316988" s="10"/>
    </row>
    <row r="316989" spans="14:14">
      <c r="N316989" s="10"/>
    </row>
    <row r="316990" spans="14:14">
      <c r="N316990" s="10"/>
    </row>
    <row r="316991" spans="14:14">
      <c r="N316991" s="10"/>
    </row>
    <row r="316992" spans="14:14">
      <c r="N316992" s="10"/>
    </row>
    <row r="316993" spans="14:14">
      <c r="N316993" s="10"/>
    </row>
    <row r="316994" spans="14:14">
      <c r="N316994" s="10"/>
    </row>
    <row r="316995" spans="14:14">
      <c r="N316995" s="10"/>
    </row>
    <row r="316996" spans="14:14">
      <c r="N316996" s="10"/>
    </row>
    <row r="316997" spans="14:14">
      <c r="N316997" s="10"/>
    </row>
    <row r="316998" spans="14:14">
      <c r="N316998" s="10"/>
    </row>
    <row r="316999" spans="14:14">
      <c r="N316999" s="10"/>
    </row>
    <row r="317000" spans="14:14">
      <c r="N317000" s="10"/>
    </row>
    <row r="317001" spans="14:14">
      <c r="N317001" s="10"/>
    </row>
    <row r="317002" spans="14:14">
      <c r="N317002" s="10"/>
    </row>
    <row r="317003" spans="14:14">
      <c r="N317003" s="10"/>
    </row>
    <row r="317004" spans="14:14">
      <c r="N317004" s="10"/>
    </row>
    <row r="317005" spans="14:14">
      <c r="N317005" s="10"/>
    </row>
    <row r="317006" spans="14:14">
      <c r="N317006" s="10"/>
    </row>
    <row r="317007" spans="14:14">
      <c r="N317007" s="10"/>
    </row>
    <row r="317008" spans="14:14">
      <c r="N317008" s="10"/>
    </row>
    <row r="317009" spans="14:14">
      <c r="N317009" s="10"/>
    </row>
    <row r="317010" spans="14:14">
      <c r="N317010" s="10"/>
    </row>
    <row r="317011" spans="14:14">
      <c r="N317011" s="10"/>
    </row>
    <row r="317012" spans="14:14">
      <c r="N317012" s="10"/>
    </row>
    <row r="317013" spans="14:14">
      <c r="N317013" s="10"/>
    </row>
    <row r="317014" spans="14:14">
      <c r="N317014" s="10"/>
    </row>
    <row r="317015" spans="14:14">
      <c r="N317015" s="10"/>
    </row>
    <row r="317016" spans="14:14">
      <c r="N317016" s="10"/>
    </row>
    <row r="317017" spans="14:14">
      <c r="N317017" s="10"/>
    </row>
    <row r="317018" spans="14:14">
      <c r="N317018" s="10"/>
    </row>
    <row r="317019" spans="14:14">
      <c r="N317019" s="10"/>
    </row>
    <row r="317020" spans="14:14">
      <c r="N317020" s="10"/>
    </row>
    <row r="317021" spans="14:14">
      <c r="N317021" s="10"/>
    </row>
    <row r="317022" spans="14:14">
      <c r="N317022" s="10"/>
    </row>
    <row r="317023" spans="14:14">
      <c r="N317023" s="10"/>
    </row>
    <row r="317024" spans="14:14">
      <c r="N317024" s="10"/>
    </row>
    <row r="317025" spans="14:14">
      <c r="N317025" s="10"/>
    </row>
    <row r="317026" spans="14:14">
      <c r="N317026" s="10"/>
    </row>
    <row r="317027" spans="14:14">
      <c r="N317027" s="10"/>
    </row>
    <row r="317028" spans="14:14">
      <c r="N317028" s="10"/>
    </row>
    <row r="317029" spans="14:14">
      <c r="N317029" s="10"/>
    </row>
    <row r="317030" spans="14:14">
      <c r="N317030" s="10"/>
    </row>
    <row r="317031" spans="14:14">
      <c r="N317031" s="10"/>
    </row>
    <row r="317032" spans="14:14">
      <c r="N317032" s="10"/>
    </row>
    <row r="317033" spans="14:14">
      <c r="N317033" s="10"/>
    </row>
    <row r="317034" spans="14:14">
      <c r="N317034" s="10"/>
    </row>
    <row r="317035" spans="14:14">
      <c r="N317035" s="10"/>
    </row>
    <row r="317036" spans="14:14">
      <c r="N317036" s="10"/>
    </row>
    <row r="317037" spans="14:14">
      <c r="N317037" s="10"/>
    </row>
    <row r="317038" spans="14:14">
      <c r="N317038" s="10"/>
    </row>
    <row r="317039" spans="14:14">
      <c r="N317039" s="10"/>
    </row>
    <row r="317040" spans="14:14">
      <c r="N317040" s="10"/>
    </row>
    <row r="317041" spans="14:14">
      <c r="N317041" s="10"/>
    </row>
    <row r="317042" spans="14:14">
      <c r="N317042" s="10"/>
    </row>
    <row r="317043" spans="14:14">
      <c r="N317043" s="10"/>
    </row>
    <row r="317044" spans="14:14">
      <c r="N317044" s="10"/>
    </row>
    <row r="317045" spans="14:14">
      <c r="N317045" s="10"/>
    </row>
    <row r="317046" spans="14:14">
      <c r="N317046" s="10"/>
    </row>
    <row r="317047" spans="14:14">
      <c r="N317047" s="10"/>
    </row>
    <row r="317048" spans="14:14">
      <c r="N317048" s="10"/>
    </row>
    <row r="317049" spans="14:14">
      <c r="N317049" s="10"/>
    </row>
    <row r="317050" spans="14:14">
      <c r="N317050" s="10"/>
    </row>
    <row r="317051" spans="14:14">
      <c r="N317051" s="10"/>
    </row>
    <row r="317052" spans="14:14">
      <c r="N317052" s="10"/>
    </row>
    <row r="317053" spans="14:14">
      <c r="N317053" s="10"/>
    </row>
    <row r="317054" spans="14:14">
      <c r="N317054" s="10"/>
    </row>
    <row r="317055" spans="14:14">
      <c r="N317055" s="10"/>
    </row>
    <row r="317056" spans="14:14">
      <c r="N317056" s="10"/>
    </row>
    <row r="317057" spans="14:14">
      <c r="N317057" s="10"/>
    </row>
    <row r="317058" spans="14:14">
      <c r="N317058" s="10"/>
    </row>
    <row r="317059" spans="14:14">
      <c r="N317059" s="10"/>
    </row>
    <row r="317060" spans="14:14">
      <c r="N317060" s="10"/>
    </row>
    <row r="317061" spans="14:14">
      <c r="N317061" s="10"/>
    </row>
    <row r="317062" spans="14:14">
      <c r="N317062" s="10"/>
    </row>
    <row r="317063" spans="14:14">
      <c r="N317063" s="10"/>
    </row>
    <row r="317064" spans="14:14">
      <c r="N317064" s="10"/>
    </row>
    <row r="317065" spans="14:14">
      <c r="N317065" s="10"/>
    </row>
    <row r="317066" spans="14:14">
      <c r="N317066" s="10"/>
    </row>
    <row r="317067" spans="14:14">
      <c r="N317067" s="10"/>
    </row>
    <row r="317068" spans="14:14">
      <c r="N317068" s="10"/>
    </row>
    <row r="317069" spans="14:14">
      <c r="N317069" s="10"/>
    </row>
    <row r="317070" spans="14:14">
      <c r="N317070" s="10"/>
    </row>
    <row r="317071" spans="14:14">
      <c r="N317071" s="10"/>
    </row>
    <row r="317072" spans="14:14">
      <c r="N317072" s="10"/>
    </row>
    <row r="317073" spans="14:14">
      <c r="N317073" s="10"/>
    </row>
    <row r="317074" spans="14:14">
      <c r="N317074" s="10"/>
    </row>
    <row r="317075" spans="14:14">
      <c r="N317075" s="10"/>
    </row>
    <row r="317076" spans="14:14">
      <c r="N317076" s="10"/>
    </row>
    <row r="317077" spans="14:14">
      <c r="N317077" s="10"/>
    </row>
    <row r="317078" spans="14:14">
      <c r="N317078" s="10"/>
    </row>
    <row r="317079" spans="14:14">
      <c r="N317079" s="10"/>
    </row>
    <row r="317080" spans="14:14">
      <c r="N317080" s="10"/>
    </row>
    <row r="317081" spans="14:14">
      <c r="N317081" s="10"/>
    </row>
    <row r="317082" spans="14:14">
      <c r="N317082" s="10"/>
    </row>
    <row r="317083" spans="14:14">
      <c r="N317083" s="10"/>
    </row>
    <row r="317084" spans="14:14">
      <c r="N317084" s="10"/>
    </row>
    <row r="317085" spans="14:14">
      <c r="N317085" s="10"/>
    </row>
    <row r="317086" spans="14:14">
      <c r="N317086" s="10"/>
    </row>
    <row r="317087" spans="14:14">
      <c r="N317087" s="10"/>
    </row>
    <row r="317088" spans="14:14">
      <c r="N317088" s="10"/>
    </row>
    <row r="317089" spans="14:14">
      <c r="N317089" s="10"/>
    </row>
    <row r="317090" spans="14:14">
      <c r="N317090" s="10"/>
    </row>
    <row r="317091" spans="14:14">
      <c r="N317091" s="10"/>
    </row>
    <row r="317092" spans="14:14">
      <c r="N317092" s="10"/>
    </row>
    <row r="317093" spans="14:14">
      <c r="N317093" s="10"/>
    </row>
    <row r="317094" spans="14:14">
      <c r="N317094" s="10"/>
    </row>
    <row r="317095" spans="14:14">
      <c r="N317095" s="10"/>
    </row>
    <row r="317096" spans="14:14">
      <c r="N317096" s="10"/>
    </row>
    <row r="317097" spans="14:14">
      <c r="N317097" s="10"/>
    </row>
    <row r="317098" spans="14:14">
      <c r="N317098" s="10"/>
    </row>
    <row r="317099" spans="14:14">
      <c r="N317099" s="10"/>
    </row>
    <row r="317100" spans="14:14">
      <c r="N317100" s="10"/>
    </row>
    <row r="317101" spans="14:14">
      <c r="N317101" s="10"/>
    </row>
    <row r="317102" spans="14:14">
      <c r="N317102" s="10"/>
    </row>
    <row r="317103" spans="14:14">
      <c r="N317103" s="10"/>
    </row>
    <row r="317104" spans="14:14">
      <c r="N317104" s="10"/>
    </row>
    <row r="317105" spans="14:14">
      <c r="N317105" s="10"/>
    </row>
    <row r="317106" spans="14:14">
      <c r="N317106" s="10"/>
    </row>
    <row r="317107" spans="14:14">
      <c r="N317107" s="10"/>
    </row>
    <row r="317108" spans="14:14">
      <c r="N317108" s="10"/>
    </row>
    <row r="317109" spans="14:14">
      <c r="N317109" s="10"/>
    </row>
    <row r="317110" spans="14:14">
      <c r="N317110" s="10"/>
    </row>
    <row r="317111" spans="14:14">
      <c r="N317111" s="10"/>
    </row>
    <row r="317112" spans="14:14">
      <c r="N317112" s="10"/>
    </row>
    <row r="317113" spans="14:14">
      <c r="N317113" s="10"/>
    </row>
    <row r="317114" spans="14:14">
      <c r="N317114" s="10"/>
    </row>
    <row r="317115" spans="14:14">
      <c r="N317115" s="10"/>
    </row>
    <row r="317116" spans="14:14">
      <c r="N317116" s="10"/>
    </row>
    <row r="317117" spans="14:14">
      <c r="N317117" s="10"/>
    </row>
    <row r="317118" spans="14:14">
      <c r="N317118" s="10"/>
    </row>
    <row r="317119" spans="14:14">
      <c r="N317119" s="10"/>
    </row>
    <row r="317120" spans="14:14">
      <c r="N317120" s="10"/>
    </row>
    <row r="317121" spans="14:14">
      <c r="N317121" s="10"/>
    </row>
    <row r="317122" spans="14:14">
      <c r="N317122" s="10"/>
    </row>
    <row r="317123" spans="14:14">
      <c r="N317123" s="10"/>
    </row>
    <row r="317124" spans="14:14">
      <c r="N317124" s="10"/>
    </row>
    <row r="317125" spans="14:14">
      <c r="N317125" s="10"/>
    </row>
    <row r="317126" spans="14:14">
      <c r="N317126" s="10"/>
    </row>
    <row r="317127" spans="14:14">
      <c r="N317127" s="10"/>
    </row>
    <row r="317128" spans="14:14">
      <c r="N317128" s="10"/>
    </row>
    <row r="317129" spans="14:14">
      <c r="N317129" s="10"/>
    </row>
    <row r="317130" spans="14:14">
      <c r="N317130" s="10"/>
    </row>
    <row r="317131" spans="14:14">
      <c r="N317131" s="10"/>
    </row>
    <row r="317132" spans="14:14">
      <c r="N317132" s="10"/>
    </row>
    <row r="317133" spans="14:14">
      <c r="N317133" s="10"/>
    </row>
    <row r="317134" spans="14:14">
      <c r="N317134" s="10"/>
    </row>
    <row r="317135" spans="14:14">
      <c r="N317135" s="10"/>
    </row>
    <row r="317136" spans="14:14">
      <c r="N317136" s="10"/>
    </row>
    <row r="317137" spans="14:14">
      <c r="N317137" s="10"/>
    </row>
    <row r="317138" spans="14:14">
      <c r="N317138" s="10"/>
    </row>
    <row r="317139" spans="14:14">
      <c r="N317139" s="10"/>
    </row>
    <row r="317140" spans="14:14">
      <c r="N317140" s="10"/>
    </row>
    <row r="317141" spans="14:14">
      <c r="N317141" s="10"/>
    </row>
    <row r="317142" spans="14:14">
      <c r="N317142" s="10"/>
    </row>
    <row r="317143" spans="14:14">
      <c r="N317143" s="10"/>
    </row>
    <row r="317144" spans="14:14">
      <c r="N317144" s="10"/>
    </row>
    <row r="317145" spans="14:14">
      <c r="N317145" s="10"/>
    </row>
    <row r="317146" spans="14:14">
      <c r="N317146" s="10"/>
    </row>
    <row r="317147" spans="14:14">
      <c r="N317147" s="10"/>
    </row>
    <row r="317148" spans="14:14">
      <c r="N317148" s="10"/>
    </row>
    <row r="317149" spans="14:14">
      <c r="N317149" s="10"/>
    </row>
    <row r="317150" spans="14:14">
      <c r="N317150" s="10"/>
    </row>
    <row r="317151" spans="14:14">
      <c r="N317151" s="10"/>
    </row>
    <row r="317152" spans="14:14">
      <c r="N317152" s="10"/>
    </row>
    <row r="317153" spans="14:14">
      <c r="N317153" s="10"/>
    </row>
    <row r="317154" spans="14:14">
      <c r="N317154" s="10"/>
    </row>
    <row r="317155" spans="14:14">
      <c r="N317155" s="10"/>
    </row>
    <row r="317156" spans="14:14">
      <c r="N317156" s="10"/>
    </row>
    <row r="317157" spans="14:14">
      <c r="N317157" s="10"/>
    </row>
    <row r="317158" spans="14:14">
      <c r="N317158" s="10"/>
    </row>
    <row r="317159" spans="14:14">
      <c r="N317159" s="10"/>
    </row>
    <row r="317160" spans="14:14">
      <c r="N317160" s="10"/>
    </row>
    <row r="317161" spans="14:14">
      <c r="N317161" s="10"/>
    </row>
    <row r="317162" spans="14:14">
      <c r="N317162" s="10"/>
    </row>
    <row r="317163" spans="14:14">
      <c r="N317163" s="10"/>
    </row>
    <row r="317164" spans="14:14">
      <c r="N317164" s="10"/>
    </row>
    <row r="317165" spans="14:14">
      <c r="N317165" s="10"/>
    </row>
    <row r="317166" spans="14:14">
      <c r="N317166" s="10"/>
    </row>
    <row r="317167" spans="14:14">
      <c r="N317167" s="10"/>
    </row>
    <row r="317168" spans="14:14">
      <c r="N317168" s="10"/>
    </row>
    <row r="317169" spans="14:14">
      <c r="N317169" s="10"/>
    </row>
    <row r="317170" spans="14:14">
      <c r="N317170" s="10"/>
    </row>
    <row r="317171" spans="14:14">
      <c r="N317171" s="10"/>
    </row>
    <row r="317172" spans="14:14">
      <c r="N317172" s="10"/>
    </row>
    <row r="317173" spans="14:14">
      <c r="N317173" s="10"/>
    </row>
    <row r="317174" spans="14:14">
      <c r="N317174" s="10"/>
    </row>
    <row r="317175" spans="14:14">
      <c r="N317175" s="10"/>
    </row>
    <row r="317176" spans="14:14">
      <c r="N317176" s="10"/>
    </row>
    <row r="317177" spans="14:14">
      <c r="N317177" s="10"/>
    </row>
    <row r="317178" spans="14:14">
      <c r="N317178" s="10"/>
    </row>
    <row r="317179" spans="14:14">
      <c r="N317179" s="10"/>
    </row>
    <row r="317180" spans="14:14">
      <c r="N317180" s="10"/>
    </row>
    <row r="317181" spans="14:14">
      <c r="N317181" s="10"/>
    </row>
    <row r="317182" spans="14:14">
      <c r="N317182" s="10"/>
    </row>
    <row r="317183" spans="14:14">
      <c r="N317183" s="10"/>
    </row>
    <row r="317184" spans="14:14">
      <c r="N317184" s="10"/>
    </row>
    <row r="317185" spans="14:14">
      <c r="N317185" s="10"/>
    </row>
    <row r="317186" spans="14:14">
      <c r="N317186" s="10"/>
    </row>
    <row r="317187" spans="14:14">
      <c r="N317187" s="10"/>
    </row>
    <row r="317188" spans="14:14">
      <c r="N317188" s="10"/>
    </row>
    <row r="317189" spans="14:14">
      <c r="N317189" s="10"/>
    </row>
    <row r="317190" spans="14:14">
      <c r="N317190" s="10"/>
    </row>
    <row r="317191" spans="14:14">
      <c r="N317191" s="10"/>
    </row>
    <row r="317192" spans="14:14">
      <c r="N317192" s="10"/>
    </row>
    <row r="317193" spans="14:14">
      <c r="N317193" s="10"/>
    </row>
    <row r="317194" spans="14:14">
      <c r="N317194" s="10"/>
    </row>
    <row r="317195" spans="14:14">
      <c r="N317195" s="10"/>
    </row>
    <row r="317196" spans="14:14">
      <c r="N317196" s="10"/>
    </row>
    <row r="317197" spans="14:14">
      <c r="N317197" s="10"/>
    </row>
    <row r="317198" spans="14:14">
      <c r="N317198" s="10"/>
    </row>
    <row r="317199" spans="14:14">
      <c r="N317199" s="10"/>
    </row>
    <row r="317200" spans="14:14">
      <c r="N317200" s="10"/>
    </row>
    <row r="317201" spans="14:14">
      <c r="N317201" s="10"/>
    </row>
    <row r="317202" spans="14:14">
      <c r="N317202" s="10"/>
    </row>
    <row r="317203" spans="14:14">
      <c r="N317203" s="10"/>
    </row>
    <row r="317204" spans="14:14">
      <c r="N317204" s="10"/>
    </row>
    <row r="317205" spans="14:14">
      <c r="N317205" s="10"/>
    </row>
    <row r="317206" spans="14:14">
      <c r="N317206" s="10"/>
    </row>
    <row r="317207" spans="14:14">
      <c r="N317207" s="10"/>
    </row>
    <row r="317208" spans="14:14">
      <c r="N317208" s="10"/>
    </row>
    <row r="317209" spans="14:14">
      <c r="N317209" s="10"/>
    </row>
    <row r="317210" spans="14:14">
      <c r="N317210" s="10"/>
    </row>
    <row r="317211" spans="14:14">
      <c r="N317211" s="10"/>
    </row>
    <row r="317212" spans="14:14">
      <c r="N317212" s="10"/>
    </row>
    <row r="317213" spans="14:14">
      <c r="N317213" s="10"/>
    </row>
    <row r="317214" spans="14:14">
      <c r="N317214" s="10"/>
    </row>
    <row r="317215" spans="14:14">
      <c r="N317215" s="10"/>
    </row>
    <row r="317216" spans="14:14">
      <c r="N317216" s="10"/>
    </row>
    <row r="317217" spans="14:14">
      <c r="N317217" s="10"/>
    </row>
    <row r="317218" spans="14:14">
      <c r="N317218" s="10"/>
    </row>
    <row r="317219" spans="14:14">
      <c r="N317219" s="10"/>
    </row>
    <row r="317220" spans="14:14">
      <c r="N317220" s="10"/>
    </row>
    <row r="317221" spans="14:14">
      <c r="N317221" s="10"/>
    </row>
    <row r="317222" spans="14:14">
      <c r="N317222" s="10"/>
    </row>
    <row r="317223" spans="14:14">
      <c r="N317223" s="10"/>
    </row>
    <row r="317224" spans="14:14">
      <c r="N317224" s="10"/>
    </row>
    <row r="317225" spans="14:14">
      <c r="N317225" s="10"/>
    </row>
    <row r="317226" spans="14:14">
      <c r="N317226" s="10"/>
    </row>
    <row r="317227" spans="14:14">
      <c r="N317227" s="10"/>
    </row>
    <row r="317228" spans="14:14">
      <c r="N317228" s="10"/>
    </row>
    <row r="317229" spans="14:14">
      <c r="N317229" s="10"/>
    </row>
    <row r="317230" spans="14:14">
      <c r="N317230" s="10"/>
    </row>
    <row r="317231" spans="14:14">
      <c r="N317231" s="10"/>
    </row>
    <row r="317232" spans="14:14">
      <c r="N317232" s="10"/>
    </row>
    <row r="317233" spans="14:14">
      <c r="N317233" s="10"/>
    </row>
    <row r="317234" spans="14:14">
      <c r="N317234" s="10"/>
    </row>
    <row r="317235" spans="14:14">
      <c r="N317235" s="10"/>
    </row>
    <row r="317236" spans="14:14">
      <c r="N317236" s="10"/>
    </row>
    <row r="317237" spans="14:14">
      <c r="N317237" s="10"/>
    </row>
    <row r="317238" spans="14:14">
      <c r="N317238" s="10"/>
    </row>
    <row r="317239" spans="14:14">
      <c r="N317239" s="10"/>
    </row>
    <row r="317240" spans="14:14">
      <c r="N317240" s="10"/>
    </row>
    <row r="317241" spans="14:14">
      <c r="N317241" s="10"/>
    </row>
    <row r="317242" spans="14:14">
      <c r="N317242" s="10"/>
    </row>
    <row r="317243" spans="14:14">
      <c r="N317243" s="10"/>
    </row>
    <row r="317244" spans="14:14">
      <c r="N317244" s="10"/>
    </row>
    <row r="317245" spans="14:14">
      <c r="N317245" s="10"/>
    </row>
    <row r="317246" spans="14:14">
      <c r="N317246" s="10"/>
    </row>
    <row r="317247" spans="14:14">
      <c r="N317247" s="10"/>
    </row>
    <row r="317248" spans="14:14">
      <c r="N317248" s="10"/>
    </row>
    <row r="317249" spans="14:14">
      <c r="N317249" s="10"/>
    </row>
    <row r="317250" spans="14:14">
      <c r="N317250" s="10"/>
    </row>
    <row r="317251" spans="14:14">
      <c r="N317251" s="10"/>
    </row>
    <row r="317252" spans="14:14">
      <c r="N317252" s="10"/>
    </row>
    <row r="317253" spans="14:14">
      <c r="N317253" s="10"/>
    </row>
    <row r="317254" spans="14:14">
      <c r="N317254" s="10"/>
    </row>
    <row r="317255" spans="14:14">
      <c r="N317255" s="10"/>
    </row>
    <row r="317256" spans="14:14">
      <c r="N317256" s="10"/>
    </row>
    <row r="317257" spans="14:14">
      <c r="N317257" s="10"/>
    </row>
    <row r="317258" spans="14:14">
      <c r="N317258" s="10"/>
    </row>
    <row r="317259" spans="14:14">
      <c r="N317259" s="10"/>
    </row>
    <row r="317260" spans="14:14">
      <c r="N317260" s="10"/>
    </row>
    <row r="317261" spans="14:14">
      <c r="N317261" s="10"/>
    </row>
    <row r="317262" spans="14:14">
      <c r="N317262" s="10"/>
    </row>
    <row r="317263" spans="14:14">
      <c r="N317263" s="10"/>
    </row>
    <row r="317264" spans="14:14">
      <c r="N317264" s="10"/>
    </row>
    <row r="317265" spans="14:14">
      <c r="N317265" s="10"/>
    </row>
    <row r="317266" spans="14:14">
      <c r="N317266" s="10"/>
    </row>
    <row r="317267" spans="14:14">
      <c r="N317267" s="10"/>
    </row>
    <row r="317268" spans="14:14">
      <c r="N317268" s="10"/>
    </row>
    <row r="317269" spans="14:14">
      <c r="N317269" s="10"/>
    </row>
    <row r="317270" spans="14:14">
      <c r="N317270" s="10"/>
    </row>
    <row r="317271" spans="14:14">
      <c r="N317271" s="10"/>
    </row>
    <row r="317272" spans="14:14">
      <c r="N317272" s="10"/>
    </row>
    <row r="317273" spans="14:14">
      <c r="N317273" s="10"/>
    </row>
    <row r="317274" spans="14:14">
      <c r="N317274" s="10"/>
    </row>
    <row r="317275" spans="14:14">
      <c r="N317275" s="10"/>
    </row>
    <row r="317276" spans="14:14">
      <c r="N317276" s="10"/>
    </row>
    <row r="317277" spans="14:14">
      <c r="N317277" s="10"/>
    </row>
    <row r="317278" spans="14:14">
      <c r="N317278" s="10"/>
    </row>
    <row r="317279" spans="14:14">
      <c r="N317279" s="10"/>
    </row>
    <row r="317280" spans="14:14">
      <c r="N317280" s="10"/>
    </row>
    <row r="317281" spans="14:14">
      <c r="N317281" s="10"/>
    </row>
    <row r="317282" spans="14:14">
      <c r="N317282" s="10"/>
    </row>
    <row r="317283" spans="14:14">
      <c r="N317283" s="10"/>
    </row>
    <row r="317284" spans="14:14">
      <c r="N317284" s="10"/>
    </row>
    <row r="317285" spans="14:14">
      <c r="N317285" s="10"/>
    </row>
    <row r="317286" spans="14:14">
      <c r="N317286" s="10"/>
    </row>
    <row r="317287" spans="14:14">
      <c r="N317287" s="10"/>
    </row>
    <row r="317288" spans="14:14">
      <c r="N317288" s="10"/>
    </row>
    <row r="317289" spans="14:14">
      <c r="N317289" s="10"/>
    </row>
    <row r="317290" spans="14:14">
      <c r="N317290" s="10"/>
    </row>
    <row r="317291" spans="14:14">
      <c r="N317291" s="10"/>
    </row>
    <row r="317292" spans="14:14">
      <c r="N317292" s="10"/>
    </row>
    <row r="317293" spans="14:14">
      <c r="N317293" s="10"/>
    </row>
    <row r="317294" spans="14:14">
      <c r="N317294" s="10"/>
    </row>
    <row r="317295" spans="14:14">
      <c r="N317295" s="10"/>
    </row>
    <row r="317296" spans="14:14">
      <c r="N317296" s="10"/>
    </row>
    <row r="317297" spans="14:14">
      <c r="N317297" s="10"/>
    </row>
    <row r="317298" spans="14:14">
      <c r="N317298" s="10"/>
    </row>
    <row r="317299" spans="14:14">
      <c r="N317299" s="10"/>
    </row>
    <row r="317300" spans="14:14">
      <c r="N317300" s="10"/>
    </row>
    <row r="317301" spans="14:14">
      <c r="N317301" s="10"/>
    </row>
    <row r="317302" spans="14:14">
      <c r="N317302" s="10"/>
    </row>
    <row r="317303" spans="14:14">
      <c r="N317303" s="10"/>
    </row>
    <row r="317304" spans="14:14">
      <c r="N317304" s="10"/>
    </row>
    <row r="317305" spans="14:14">
      <c r="N317305" s="10"/>
    </row>
    <row r="317306" spans="14:14">
      <c r="N317306" s="10"/>
    </row>
    <row r="317307" spans="14:14">
      <c r="N317307" s="10"/>
    </row>
    <row r="317308" spans="14:14">
      <c r="N317308" s="10"/>
    </row>
    <row r="317309" spans="14:14">
      <c r="N317309" s="10"/>
    </row>
    <row r="317310" spans="14:14">
      <c r="N317310" s="10"/>
    </row>
    <row r="317311" spans="14:14">
      <c r="N317311" s="10"/>
    </row>
    <row r="317312" spans="14:14">
      <c r="N317312" s="10"/>
    </row>
    <row r="317313" spans="14:14">
      <c r="N317313" s="10"/>
    </row>
    <row r="317314" spans="14:14">
      <c r="N317314" s="10"/>
    </row>
    <row r="317315" spans="14:14">
      <c r="N317315" s="10"/>
    </row>
    <row r="317316" spans="14:14">
      <c r="N317316" s="10"/>
    </row>
    <row r="317317" spans="14:14">
      <c r="N317317" s="10"/>
    </row>
    <row r="317318" spans="14:14">
      <c r="N317318" s="10"/>
    </row>
    <row r="317319" spans="14:14">
      <c r="N317319" s="10"/>
    </row>
    <row r="317320" spans="14:14">
      <c r="N317320" s="10"/>
    </row>
    <row r="317321" spans="14:14">
      <c r="N317321" s="10"/>
    </row>
    <row r="317322" spans="14:14">
      <c r="N317322" s="10"/>
    </row>
    <row r="317323" spans="14:14">
      <c r="N317323" s="10"/>
    </row>
    <row r="317324" spans="14:14">
      <c r="N317324" s="10"/>
    </row>
    <row r="317325" spans="14:14">
      <c r="N317325" s="10"/>
    </row>
    <row r="317326" spans="14:14">
      <c r="N317326" s="10"/>
    </row>
    <row r="317327" spans="14:14">
      <c r="N317327" s="10"/>
    </row>
    <row r="317328" spans="14:14">
      <c r="N317328" s="10"/>
    </row>
    <row r="317329" spans="14:14">
      <c r="N317329" s="10"/>
    </row>
    <row r="317330" spans="14:14">
      <c r="N317330" s="10"/>
    </row>
    <row r="317331" spans="14:14">
      <c r="N317331" s="10"/>
    </row>
    <row r="317332" spans="14:14">
      <c r="N317332" s="10"/>
    </row>
    <row r="317333" spans="14:14">
      <c r="N317333" s="10"/>
    </row>
    <row r="317334" spans="14:14">
      <c r="N317334" s="10"/>
    </row>
    <row r="317335" spans="14:14">
      <c r="N317335" s="10"/>
    </row>
    <row r="317336" spans="14:14">
      <c r="N317336" s="10"/>
    </row>
    <row r="317337" spans="14:14">
      <c r="N317337" s="10"/>
    </row>
    <row r="317338" spans="14:14">
      <c r="N317338" s="10"/>
    </row>
    <row r="317339" spans="14:14">
      <c r="N317339" s="10"/>
    </row>
    <row r="317340" spans="14:14">
      <c r="N317340" s="10"/>
    </row>
    <row r="317341" spans="14:14">
      <c r="N317341" s="10"/>
    </row>
    <row r="317342" spans="14:14">
      <c r="N317342" s="10"/>
    </row>
    <row r="317343" spans="14:14">
      <c r="N317343" s="10"/>
    </row>
    <row r="317344" spans="14:14">
      <c r="N317344" s="10"/>
    </row>
    <row r="317345" spans="14:14">
      <c r="N317345" s="10"/>
    </row>
    <row r="317346" spans="14:14">
      <c r="N317346" s="10"/>
    </row>
    <row r="317347" spans="14:14">
      <c r="N317347" s="10"/>
    </row>
    <row r="317348" spans="14:14">
      <c r="N317348" s="10"/>
    </row>
    <row r="317349" spans="14:14">
      <c r="N317349" s="10"/>
    </row>
    <row r="317350" spans="14:14">
      <c r="N317350" s="10"/>
    </row>
    <row r="317351" spans="14:14">
      <c r="N317351" s="10"/>
    </row>
    <row r="317352" spans="14:14">
      <c r="N317352" s="10"/>
    </row>
    <row r="317353" spans="14:14">
      <c r="N317353" s="10"/>
    </row>
    <row r="317354" spans="14:14">
      <c r="N317354" s="10"/>
    </row>
    <row r="317355" spans="14:14">
      <c r="N317355" s="10"/>
    </row>
    <row r="317356" spans="14:14">
      <c r="N317356" s="10"/>
    </row>
    <row r="317357" spans="14:14">
      <c r="N317357" s="10"/>
    </row>
    <row r="317358" spans="14:14">
      <c r="N317358" s="10"/>
    </row>
    <row r="317359" spans="14:14">
      <c r="N317359" s="10"/>
    </row>
    <row r="317360" spans="14:14">
      <c r="N317360" s="10"/>
    </row>
    <row r="317361" spans="14:14">
      <c r="N317361" s="10"/>
    </row>
    <row r="317362" spans="14:14">
      <c r="N317362" s="10"/>
    </row>
    <row r="317363" spans="14:14">
      <c r="N317363" s="10"/>
    </row>
    <row r="317364" spans="14:14">
      <c r="N317364" s="10"/>
    </row>
    <row r="317365" spans="14:14">
      <c r="N317365" s="10"/>
    </row>
    <row r="317366" spans="14:14">
      <c r="N317366" s="10"/>
    </row>
    <row r="317367" spans="14:14">
      <c r="N317367" s="10"/>
    </row>
    <row r="317368" spans="14:14">
      <c r="N317368" s="10"/>
    </row>
    <row r="317369" spans="14:14">
      <c r="N317369" s="10"/>
    </row>
    <row r="317370" spans="14:14">
      <c r="N317370" s="10"/>
    </row>
    <row r="317371" spans="14:14">
      <c r="N317371" s="10"/>
    </row>
    <row r="317372" spans="14:14">
      <c r="N317372" s="10"/>
    </row>
    <row r="317373" spans="14:14">
      <c r="N317373" s="10"/>
    </row>
    <row r="317374" spans="14:14">
      <c r="N317374" s="10"/>
    </row>
    <row r="317375" spans="14:14">
      <c r="N317375" s="10"/>
    </row>
    <row r="317376" spans="14:14">
      <c r="N317376" s="10"/>
    </row>
    <row r="317377" spans="14:14">
      <c r="N317377" s="10"/>
    </row>
    <row r="317378" spans="14:14">
      <c r="N317378" s="10"/>
    </row>
    <row r="317379" spans="14:14">
      <c r="N317379" s="10"/>
    </row>
    <row r="317380" spans="14:14">
      <c r="N317380" s="10"/>
    </row>
    <row r="317381" spans="14:14">
      <c r="N317381" s="10"/>
    </row>
    <row r="317382" spans="14:14">
      <c r="N317382" s="10"/>
    </row>
    <row r="317383" spans="14:14">
      <c r="N317383" s="10"/>
    </row>
    <row r="317384" spans="14:14">
      <c r="N317384" s="10"/>
    </row>
    <row r="317385" spans="14:14">
      <c r="N317385" s="10"/>
    </row>
    <row r="317386" spans="14:14">
      <c r="N317386" s="10"/>
    </row>
    <row r="317387" spans="14:14">
      <c r="N317387" s="10"/>
    </row>
    <row r="317388" spans="14:14">
      <c r="N317388" s="10"/>
    </row>
    <row r="317389" spans="14:14">
      <c r="N317389" s="10"/>
    </row>
    <row r="317390" spans="14:14">
      <c r="N317390" s="10"/>
    </row>
    <row r="317391" spans="14:14">
      <c r="N317391" s="10"/>
    </row>
    <row r="317392" spans="14:14">
      <c r="N317392" s="10"/>
    </row>
    <row r="317393" spans="14:14">
      <c r="N317393" s="10"/>
    </row>
    <row r="317394" spans="14:14">
      <c r="N317394" s="10"/>
    </row>
    <row r="317395" spans="14:14">
      <c r="N317395" s="10"/>
    </row>
    <row r="317396" spans="14:14">
      <c r="N317396" s="10"/>
    </row>
    <row r="317397" spans="14:14">
      <c r="N317397" s="10"/>
    </row>
    <row r="317398" spans="14:14">
      <c r="N317398" s="10"/>
    </row>
    <row r="317399" spans="14:14">
      <c r="N317399" s="10"/>
    </row>
    <row r="317400" spans="14:14">
      <c r="N317400" s="10"/>
    </row>
    <row r="317401" spans="14:14">
      <c r="N317401" s="10"/>
    </row>
    <row r="317402" spans="14:14">
      <c r="N317402" s="10"/>
    </row>
    <row r="317403" spans="14:14">
      <c r="N317403" s="10"/>
    </row>
    <row r="317404" spans="14:14">
      <c r="N317404" s="10"/>
    </row>
    <row r="317405" spans="14:14">
      <c r="N317405" s="10"/>
    </row>
    <row r="317406" spans="14:14">
      <c r="N317406" s="10"/>
    </row>
    <row r="317407" spans="14:14">
      <c r="N317407" s="10"/>
    </row>
    <row r="317408" spans="14:14">
      <c r="N317408" s="10"/>
    </row>
    <row r="317409" spans="14:14">
      <c r="N317409" s="10"/>
    </row>
    <row r="317410" spans="14:14">
      <c r="N317410" s="10"/>
    </row>
    <row r="317411" spans="14:14">
      <c r="N317411" s="10"/>
    </row>
    <row r="317412" spans="14:14">
      <c r="N317412" s="10"/>
    </row>
    <row r="317413" spans="14:14">
      <c r="N317413" s="10"/>
    </row>
    <row r="317414" spans="14:14">
      <c r="N317414" s="10"/>
    </row>
    <row r="317415" spans="14:14">
      <c r="N317415" s="10"/>
    </row>
    <row r="317416" spans="14:14">
      <c r="N317416" s="10"/>
    </row>
    <row r="317417" spans="14:14">
      <c r="N317417" s="10"/>
    </row>
    <row r="317418" spans="14:14">
      <c r="N317418" s="10"/>
    </row>
    <row r="317419" spans="14:14">
      <c r="N317419" s="10"/>
    </row>
    <row r="317420" spans="14:14">
      <c r="N317420" s="10"/>
    </row>
    <row r="317421" spans="14:14">
      <c r="N317421" s="10"/>
    </row>
    <row r="317422" spans="14:14">
      <c r="N317422" s="10"/>
    </row>
    <row r="317423" spans="14:14">
      <c r="N317423" s="10"/>
    </row>
    <row r="317424" spans="14:14">
      <c r="N317424" s="10"/>
    </row>
    <row r="317425" spans="14:14">
      <c r="N317425" s="10"/>
    </row>
    <row r="317426" spans="14:14">
      <c r="N317426" s="10"/>
    </row>
    <row r="317427" spans="14:14">
      <c r="N317427" s="10"/>
    </row>
    <row r="317428" spans="14:14">
      <c r="N317428" s="10"/>
    </row>
    <row r="317429" spans="14:14">
      <c r="N317429" s="10"/>
    </row>
    <row r="317430" spans="14:14">
      <c r="N317430" s="10"/>
    </row>
    <row r="317431" spans="14:14">
      <c r="N317431" s="10"/>
    </row>
    <row r="317432" spans="14:14">
      <c r="N317432" s="10"/>
    </row>
    <row r="317433" spans="14:14">
      <c r="N317433" s="10"/>
    </row>
    <row r="317434" spans="14:14">
      <c r="N317434" s="10"/>
    </row>
    <row r="317435" spans="14:14">
      <c r="N317435" s="10"/>
    </row>
    <row r="317436" spans="14:14">
      <c r="N317436" s="10"/>
    </row>
    <row r="317437" spans="14:14">
      <c r="N317437" s="10"/>
    </row>
    <row r="317438" spans="14:14">
      <c r="N317438" s="10"/>
    </row>
    <row r="317439" spans="14:14">
      <c r="N317439" s="10"/>
    </row>
    <row r="317440" spans="14:14">
      <c r="N317440" s="10"/>
    </row>
    <row r="317441" spans="14:14">
      <c r="N317441" s="10"/>
    </row>
    <row r="317442" spans="14:14">
      <c r="N317442" s="10"/>
    </row>
    <row r="317443" spans="14:14">
      <c r="N317443" s="10"/>
    </row>
    <row r="317444" spans="14:14">
      <c r="N317444" s="10"/>
    </row>
    <row r="317445" spans="14:14">
      <c r="N317445" s="10"/>
    </row>
    <row r="317446" spans="14:14">
      <c r="N317446" s="10"/>
    </row>
    <row r="317447" spans="14:14">
      <c r="N317447" s="10"/>
    </row>
    <row r="317448" spans="14:14">
      <c r="N317448" s="10"/>
    </row>
    <row r="317449" spans="14:14">
      <c r="N317449" s="10"/>
    </row>
    <row r="317450" spans="14:14">
      <c r="N317450" s="10"/>
    </row>
    <row r="317451" spans="14:14">
      <c r="N317451" s="10"/>
    </row>
    <row r="317452" spans="14:14">
      <c r="N317452" s="10"/>
    </row>
    <row r="317453" spans="14:14">
      <c r="N317453" s="10"/>
    </row>
    <row r="317454" spans="14:14">
      <c r="N317454" s="10"/>
    </row>
    <row r="317455" spans="14:14">
      <c r="N317455" s="10"/>
    </row>
    <row r="317456" spans="14:14">
      <c r="N317456" s="10"/>
    </row>
    <row r="317457" spans="14:14">
      <c r="N317457" s="10"/>
    </row>
    <row r="317458" spans="14:14">
      <c r="N317458" s="10"/>
    </row>
    <row r="317459" spans="14:14">
      <c r="N317459" s="10"/>
    </row>
    <row r="317460" spans="14:14">
      <c r="N317460" s="10"/>
    </row>
    <row r="317461" spans="14:14">
      <c r="N317461" s="10"/>
    </row>
    <row r="317462" spans="14:14">
      <c r="N317462" s="10"/>
    </row>
    <row r="317463" spans="14:14">
      <c r="N317463" s="10"/>
    </row>
    <row r="317464" spans="14:14">
      <c r="N317464" s="10"/>
    </row>
    <row r="317465" spans="14:14">
      <c r="N317465" s="10"/>
    </row>
    <row r="317466" spans="14:14">
      <c r="N317466" s="10"/>
    </row>
    <row r="317467" spans="14:14">
      <c r="N317467" s="10"/>
    </row>
    <row r="317468" spans="14:14">
      <c r="N317468" s="10"/>
    </row>
    <row r="317469" spans="14:14">
      <c r="N317469" s="10"/>
    </row>
    <row r="317470" spans="14:14">
      <c r="N317470" s="10"/>
    </row>
    <row r="317471" spans="14:14">
      <c r="N317471" s="10"/>
    </row>
    <row r="317472" spans="14:14">
      <c r="N317472" s="10"/>
    </row>
    <row r="317473" spans="14:14">
      <c r="N317473" s="10"/>
    </row>
    <row r="317474" spans="14:14">
      <c r="N317474" s="10"/>
    </row>
    <row r="317475" spans="14:14">
      <c r="N317475" s="10"/>
    </row>
    <row r="317476" spans="14:14">
      <c r="N317476" s="10"/>
    </row>
    <row r="317477" spans="14:14">
      <c r="N317477" s="10"/>
    </row>
    <row r="317478" spans="14:14">
      <c r="N317478" s="10"/>
    </row>
    <row r="317479" spans="14:14">
      <c r="N317479" s="10"/>
    </row>
    <row r="317480" spans="14:14">
      <c r="N317480" s="10"/>
    </row>
    <row r="317481" spans="14:14">
      <c r="N317481" s="10"/>
    </row>
    <row r="317482" spans="14:14">
      <c r="N317482" s="10"/>
    </row>
    <row r="317483" spans="14:14">
      <c r="N317483" s="10"/>
    </row>
    <row r="317484" spans="14:14">
      <c r="N317484" s="10"/>
    </row>
    <row r="317485" spans="14:14">
      <c r="N317485" s="10"/>
    </row>
    <row r="317486" spans="14:14">
      <c r="N317486" s="10"/>
    </row>
    <row r="317487" spans="14:14">
      <c r="N317487" s="10"/>
    </row>
    <row r="317488" spans="14:14">
      <c r="N317488" s="10"/>
    </row>
    <row r="317489" spans="14:14">
      <c r="N317489" s="10"/>
    </row>
    <row r="317490" spans="14:14">
      <c r="N317490" s="10"/>
    </row>
    <row r="317491" spans="14:14">
      <c r="N317491" s="10"/>
    </row>
    <row r="317492" spans="14:14">
      <c r="N317492" s="10"/>
    </row>
    <row r="317493" spans="14:14">
      <c r="N317493" s="10"/>
    </row>
    <row r="317494" spans="14:14">
      <c r="N317494" s="10"/>
    </row>
    <row r="317495" spans="14:14">
      <c r="N317495" s="10"/>
    </row>
    <row r="317496" spans="14:14">
      <c r="N317496" s="10"/>
    </row>
    <row r="317497" spans="14:14">
      <c r="N317497" s="10"/>
    </row>
    <row r="317498" spans="14:14">
      <c r="N317498" s="10"/>
    </row>
    <row r="317499" spans="14:14">
      <c r="N317499" s="10"/>
    </row>
    <row r="317500" spans="14:14">
      <c r="N317500" s="10"/>
    </row>
    <row r="317501" spans="14:14">
      <c r="N317501" s="10"/>
    </row>
    <row r="317502" spans="14:14">
      <c r="N317502" s="10"/>
    </row>
    <row r="317503" spans="14:14">
      <c r="N317503" s="10"/>
    </row>
    <row r="317504" spans="14:14">
      <c r="N317504" s="10"/>
    </row>
    <row r="317505" spans="14:14">
      <c r="N317505" s="10"/>
    </row>
    <row r="317506" spans="14:14">
      <c r="N317506" s="10"/>
    </row>
    <row r="317507" spans="14:14">
      <c r="N317507" s="10"/>
    </row>
    <row r="317508" spans="14:14">
      <c r="N317508" s="10"/>
    </row>
    <row r="317509" spans="14:14">
      <c r="N317509" s="10"/>
    </row>
    <row r="317510" spans="14:14">
      <c r="N317510" s="10"/>
    </row>
    <row r="317511" spans="14:14">
      <c r="N317511" s="10"/>
    </row>
    <row r="317512" spans="14:14">
      <c r="N317512" s="10"/>
    </row>
    <row r="317513" spans="14:14">
      <c r="N317513" s="10"/>
    </row>
    <row r="317514" spans="14:14">
      <c r="N317514" s="10"/>
    </row>
    <row r="317515" spans="14:14">
      <c r="N317515" s="10"/>
    </row>
    <row r="317516" spans="14:14">
      <c r="N317516" s="10"/>
    </row>
    <row r="317517" spans="14:14">
      <c r="N317517" s="10"/>
    </row>
    <row r="317518" spans="14:14">
      <c r="N317518" s="10"/>
    </row>
    <row r="317519" spans="14:14">
      <c r="N317519" s="10"/>
    </row>
    <row r="317520" spans="14:14">
      <c r="N317520" s="10"/>
    </row>
    <row r="317521" spans="14:14">
      <c r="N317521" s="10"/>
    </row>
    <row r="317522" spans="14:14">
      <c r="N317522" s="10"/>
    </row>
    <row r="317523" spans="14:14">
      <c r="N317523" s="10"/>
    </row>
    <row r="317524" spans="14:14">
      <c r="N317524" s="10"/>
    </row>
    <row r="317525" spans="14:14">
      <c r="N317525" s="10"/>
    </row>
    <row r="317526" spans="14:14">
      <c r="N317526" s="10"/>
    </row>
    <row r="317527" spans="14:14">
      <c r="N317527" s="10"/>
    </row>
    <row r="317528" spans="14:14">
      <c r="N317528" s="10"/>
    </row>
    <row r="317529" spans="14:14">
      <c r="N317529" s="10"/>
    </row>
    <row r="317530" spans="14:14">
      <c r="N317530" s="10"/>
    </row>
    <row r="317531" spans="14:14">
      <c r="N317531" s="10"/>
    </row>
    <row r="317532" spans="14:14">
      <c r="N317532" s="10"/>
    </row>
    <row r="317533" spans="14:14">
      <c r="N317533" s="10"/>
    </row>
    <row r="317534" spans="14:14">
      <c r="N317534" s="10"/>
    </row>
    <row r="317535" spans="14:14">
      <c r="N317535" s="10"/>
    </row>
    <row r="317536" spans="14:14">
      <c r="N317536" s="10"/>
    </row>
    <row r="317537" spans="14:14">
      <c r="N317537" s="10"/>
    </row>
    <row r="317538" spans="14:14">
      <c r="N317538" s="10"/>
    </row>
    <row r="317539" spans="14:14">
      <c r="N317539" s="10"/>
    </row>
    <row r="317540" spans="14:14">
      <c r="N317540" s="10"/>
    </row>
    <row r="317541" spans="14:14">
      <c r="N317541" s="10"/>
    </row>
    <row r="317542" spans="14:14">
      <c r="N317542" s="10"/>
    </row>
    <row r="317543" spans="14:14">
      <c r="N317543" s="10"/>
    </row>
    <row r="317544" spans="14:14">
      <c r="N317544" s="10"/>
    </row>
    <row r="317545" spans="14:14">
      <c r="N317545" s="10"/>
    </row>
    <row r="317546" spans="14:14">
      <c r="N317546" s="10"/>
    </row>
    <row r="317547" spans="14:14">
      <c r="N317547" s="10"/>
    </row>
    <row r="317548" spans="14:14">
      <c r="N317548" s="10"/>
    </row>
    <row r="317549" spans="14:14">
      <c r="N317549" s="10"/>
    </row>
    <row r="317550" spans="14:14">
      <c r="N317550" s="10"/>
    </row>
    <row r="317551" spans="14:14">
      <c r="N317551" s="10"/>
    </row>
    <row r="317552" spans="14:14">
      <c r="N317552" s="10"/>
    </row>
    <row r="317553" spans="14:14">
      <c r="N317553" s="10"/>
    </row>
    <row r="317554" spans="14:14">
      <c r="N317554" s="10"/>
    </row>
    <row r="317555" spans="14:14">
      <c r="N317555" s="10"/>
    </row>
    <row r="317556" spans="14:14">
      <c r="N317556" s="10"/>
    </row>
    <row r="317557" spans="14:14">
      <c r="N317557" s="10"/>
    </row>
    <row r="317558" spans="14:14">
      <c r="N317558" s="10"/>
    </row>
    <row r="317559" spans="14:14">
      <c r="N317559" s="10"/>
    </row>
    <row r="317560" spans="14:14">
      <c r="N317560" s="10"/>
    </row>
    <row r="317561" spans="14:14">
      <c r="N317561" s="10"/>
    </row>
    <row r="317562" spans="14:14">
      <c r="N317562" s="10"/>
    </row>
    <row r="317563" spans="14:14">
      <c r="N317563" s="10"/>
    </row>
    <row r="317564" spans="14:14">
      <c r="N317564" s="10"/>
    </row>
    <row r="317565" spans="14:14">
      <c r="N317565" s="10"/>
    </row>
    <row r="317566" spans="14:14">
      <c r="N317566" s="10"/>
    </row>
    <row r="317567" spans="14:14">
      <c r="N317567" s="10"/>
    </row>
    <row r="317568" spans="14:14">
      <c r="N317568" s="10"/>
    </row>
    <row r="317569" spans="14:14">
      <c r="N317569" s="10"/>
    </row>
    <row r="317570" spans="14:14">
      <c r="N317570" s="10"/>
    </row>
    <row r="317571" spans="14:14">
      <c r="N317571" s="10"/>
    </row>
    <row r="317572" spans="14:14">
      <c r="N317572" s="10"/>
    </row>
    <row r="317573" spans="14:14">
      <c r="N317573" s="10"/>
    </row>
    <row r="317574" spans="14:14">
      <c r="N317574" s="10"/>
    </row>
    <row r="317575" spans="14:14">
      <c r="N317575" s="10"/>
    </row>
    <row r="317576" spans="14:14">
      <c r="N317576" s="10"/>
    </row>
    <row r="317577" spans="14:14">
      <c r="N317577" s="10"/>
    </row>
    <row r="317578" spans="14:14">
      <c r="N317578" s="10"/>
    </row>
    <row r="317579" spans="14:14">
      <c r="N317579" s="10"/>
    </row>
    <row r="317580" spans="14:14">
      <c r="N317580" s="10"/>
    </row>
    <row r="317581" spans="14:14">
      <c r="N317581" s="10"/>
    </row>
    <row r="317582" spans="14:14">
      <c r="N317582" s="10"/>
    </row>
    <row r="317583" spans="14:14">
      <c r="N317583" s="10"/>
    </row>
    <row r="317584" spans="14:14">
      <c r="N317584" s="10"/>
    </row>
    <row r="317585" spans="14:14">
      <c r="N317585" s="10"/>
    </row>
    <row r="317586" spans="14:14">
      <c r="N317586" s="10"/>
    </row>
    <row r="317587" spans="14:14">
      <c r="N317587" s="10"/>
    </row>
    <row r="317588" spans="14:14">
      <c r="N317588" s="10"/>
    </row>
    <row r="317589" spans="14:14">
      <c r="N317589" s="10"/>
    </row>
    <row r="317590" spans="14:14">
      <c r="N317590" s="10"/>
    </row>
    <row r="317591" spans="14:14">
      <c r="N317591" s="10"/>
    </row>
    <row r="317592" spans="14:14">
      <c r="N317592" s="10"/>
    </row>
    <row r="317593" spans="14:14">
      <c r="N317593" s="10"/>
    </row>
    <row r="317594" spans="14:14">
      <c r="N317594" s="10"/>
    </row>
    <row r="317595" spans="14:14">
      <c r="N317595" s="10"/>
    </row>
    <row r="317596" spans="14:14">
      <c r="N317596" s="10"/>
    </row>
    <row r="317597" spans="14:14">
      <c r="N317597" s="10"/>
    </row>
    <row r="317598" spans="14:14">
      <c r="N317598" s="10"/>
    </row>
    <row r="317599" spans="14:14">
      <c r="N317599" s="10"/>
    </row>
    <row r="317600" spans="14:14">
      <c r="N317600" s="10"/>
    </row>
    <row r="317601" spans="14:14">
      <c r="N317601" s="10"/>
    </row>
    <row r="317602" spans="14:14">
      <c r="N317602" s="10"/>
    </row>
    <row r="317603" spans="14:14">
      <c r="N317603" s="10"/>
    </row>
    <row r="317604" spans="14:14">
      <c r="N317604" s="10"/>
    </row>
    <row r="317605" spans="14:14">
      <c r="N317605" s="10"/>
    </row>
    <row r="317606" spans="14:14">
      <c r="N317606" s="10"/>
    </row>
    <row r="317607" spans="14:14">
      <c r="N317607" s="10"/>
    </row>
    <row r="317608" spans="14:14">
      <c r="N317608" s="10"/>
    </row>
    <row r="317609" spans="14:14">
      <c r="N317609" s="10"/>
    </row>
    <row r="317610" spans="14:14">
      <c r="N317610" s="10"/>
    </row>
    <row r="317611" spans="14:14">
      <c r="N317611" s="10"/>
    </row>
    <row r="317612" spans="14:14">
      <c r="N317612" s="10"/>
    </row>
    <row r="317613" spans="14:14">
      <c r="N317613" s="10"/>
    </row>
    <row r="317614" spans="14:14">
      <c r="N317614" s="10"/>
    </row>
    <row r="317615" spans="14:14">
      <c r="N317615" s="10"/>
    </row>
    <row r="317616" spans="14:14">
      <c r="N317616" s="10"/>
    </row>
    <row r="317617" spans="14:14">
      <c r="N317617" s="10"/>
    </row>
    <row r="317618" spans="14:14">
      <c r="N317618" s="10"/>
    </row>
    <row r="317619" spans="14:14">
      <c r="N317619" s="10"/>
    </row>
    <row r="317620" spans="14:14">
      <c r="N317620" s="10"/>
    </row>
    <row r="317621" spans="14:14">
      <c r="N317621" s="10"/>
    </row>
    <row r="317622" spans="14:14">
      <c r="N317622" s="10"/>
    </row>
    <row r="317623" spans="14:14">
      <c r="N317623" s="10"/>
    </row>
    <row r="317624" spans="14:14">
      <c r="N317624" s="10"/>
    </row>
    <row r="317625" spans="14:14">
      <c r="N317625" s="10"/>
    </row>
    <row r="317626" spans="14:14">
      <c r="N317626" s="10"/>
    </row>
    <row r="317627" spans="14:14">
      <c r="N317627" s="10"/>
    </row>
    <row r="317628" spans="14:14">
      <c r="N317628" s="10"/>
    </row>
    <row r="317629" spans="14:14">
      <c r="N317629" s="10"/>
    </row>
    <row r="317630" spans="14:14">
      <c r="N317630" s="10"/>
    </row>
    <row r="317631" spans="14:14">
      <c r="N317631" s="10"/>
    </row>
    <row r="317632" spans="14:14">
      <c r="N317632" s="10"/>
    </row>
    <row r="317633" spans="14:14">
      <c r="N317633" s="10"/>
    </row>
    <row r="317634" spans="14:14">
      <c r="N317634" s="10"/>
    </row>
    <row r="317635" spans="14:14">
      <c r="N317635" s="10"/>
    </row>
    <row r="317636" spans="14:14">
      <c r="N317636" s="10"/>
    </row>
    <row r="317637" spans="14:14">
      <c r="N317637" s="10"/>
    </row>
    <row r="317638" spans="14:14">
      <c r="N317638" s="10"/>
    </row>
    <row r="317639" spans="14:14">
      <c r="N317639" s="10"/>
    </row>
    <row r="317640" spans="14:14">
      <c r="N317640" s="10"/>
    </row>
    <row r="317641" spans="14:14">
      <c r="N317641" s="10"/>
    </row>
    <row r="317642" spans="14:14">
      <c r="N317642" s="10"/>
    </row>
    <row r="317643" spans="14:14">
      <c r="N317643" s="10"/>
    </row>
    <row r="317644" spans="14:14">
      <c r="N317644" s="10"/>
    </row>
    <row r="317645" spans="14:14">
      <c r="N317645" s="10"/>
    </row>
    <row r="317646" spans="14:14">
      <c r="N317646" s="10"/>
    </row>
    <row r="317647" spans="14:14">
      <c r="N317647" s="10"/>
    </row>
    <row r="317648" spans="14:14">
      <c r="N317648" s="10"/>
    </row>
    <row r="317649" spans="14:14">
      <c r="N317649" s="10"/>
    </row>
    <row r="317650" spans="14:14">
      <c r="N317650" s="10"/>
    </row>
    <row r="317651" spans="14:14">
      <c r="N317651" s="10"/>
    </row>
    <row r="317652" spans="14:14">
      <c r="N317652" s="10"/>
    </row>
    <row r="317653" spans="14:14">
      <c r="N317653" s="10"/>
    </row>
    <row r="317654" spans="14:14">
      <c r="N317654" s="10"/>
    </row>
    <row r="317655" spans="14:14">
      <c r="N317655" s="10"/>
    </row>
    <row r="317656" spans="14:14">
      <c r="N317656" s="10"/>
    </row>
    <row r="317657" spans="14:14">
      <c r="N317657" s="10"/>
    </row>
    <row r="317658" spans="14:14">
      <c r="N317658" s="10"/>
    </row>
    <row r="317659" spans="14:14">
      <c r="N317659" s="10"/>
    </row>
    <row r="317660" spans="14:14">
      <c r="N317660" s="10"/>
    </row>
    <row r="317661" spans="14:14">
      <c r="N317661" s="10"/>
    </row>
    <row r="317662" spans="14:14">
      <c r="N317662" s="10"/>
    </row>
    <row r="317663" spans="14:14">
      <c r="N317663" s="10"/>
    </row>
    <row r="317664" spans="14:14">
      <c r="N317664" s="10"/>
    </row>
    <row r="317665" spans="14:14">
      <c r="N317665" s="10"/>
    </row>
    <row r="317666" spans="14:14">
      <c r="N317666" s="10"/>
    </row>
    <row r="317667" spans="14:14">
      <c r="N317667" s="10"/>
    </row>
    <row r="317668" spans="14:14">
      <c r="N317668" s="10"/>
    </row>
    <row r="317669" spans="14:14">
      <c r="N317669" s="10"/>
    </row>
    <row r="317670" spans="14:14">
      <c r="N317670" s="10"/>
    </row>
    <row r="317671" spans="14:14">
      <c r="N317671" s="10"/>
    </row>
    <row r="317672" spans="14:14">
      <c r="N317672" s="10"/>
    </row>
    <row r="317673" spans="14:14">
      <c r="N317673" s="10"/>
    </row>
    <row r="317674" spans="14:14">
      <c r="N317674" s="10"/>
    </row>
    <row r="317675" spans="14:14">
      <c r="N317675" s="10"/>
    </row>
    <row r="317676" spans="14:14">
      <c r="N317676" s="10"/>
    </row>
    <row r="317677" spans="14:14">
      <c r="N317677" s="10"/>
    </row>
    <row r="317678" spans="14:14">
      <c r="N317678" s="10"/>
    </row>
    <row r="317679" spans="14:14">
      <c r="N317679" s="10"/>
    </row>
    <row r="317680" spans="14:14">
      <c r="N317680" s="10"/>
    </row>
    <row r="317681" spans="14:14">
      <c r="N317681" s="10"/>
    </row>
    <row r="317682" spans="14:14">
      <c r="N317682" s="10"/>
    </row>
    <row r="317683" spans="14:14">
      <c r="N317683" s="10"/>
    </row>
    <row r="317684" spans="14:14">
      <c r="N317684" s="10"/>
    </row>
    <row r="317685" spans="14:14">
      <c r="N317685" s="10"/>
    </row>
    <row r="317686" spans="14:14">
      <c r="N317686" s="10"/>
    </row>
    <row r="317687" spans="14:14">
      <c r="N317687" s="10"/>
    </row>
    <row r="317688" spans="14:14">
      <c r="N317688" s="10"/>
    </row>
    <row r="317689" spans="14:14">
      <c r="N317689" s="10"/>
    </row>
    <row r="317690" spans="14:14">
      <c r="N317690" s="10"/>
    </row>
    <row r="317691" spans="14:14">
      <c r="N317691" s="10"/>
    </row>
    <row r="317692" spans="14:14">
      <c r="N317692" s="10"/>
    </row>
    <row r="317693" spans="14:14">
      <c r="N317693" s="10"/>
    </row>
    <row r="317694" spans="14:14">
      <c r="N317694" s="10"/>
    </row>
    <row r="317695" spans="14:14">
      <c r="N317695" s="10"/>
    </row>
    <row r="317696" spans="14:14">
      <c r="N317696" s="10"/>
    </row>
    <row r="317697" spans="14:14">
      <c r="N317697" s="10"/>
    </row>
    <row r="317698" spans="14:14">
      <c r="N317698" s="10"/>
    </row>
    <row r="317699" spans="14:14">
      <c r="N317699" s="10"/>
    </row>
    <row r="317700" spans="14:14">
      <c r="N317700" s="10"/>
    </row>
    <row r="317701" spans="14:14">
      <c r="N317701" s="10"/>
    </row>
    <row r="317702" spans="14:14">
      <c r="N317702" s="10"/>
    </row>
    <row r="317703" spans="14:14">
      <c r="N317703" s="10"/>
    </row>
    <row r="317704" spans="14:14">
      <c r="N317704" s="10"/>
    </row>
    <row r="317705" spans="14:14">
      <c r="N317705" s="10"/>
    </row>
    <row r="317706" spans="14:14">
      <c r="N317706" s="10"/>
    </row>
    <row r="317707" spans="14:14">
      <c r="N317707" s="10"/>
    </row>
    <row r="317708" spans="14:14">
      <c r="N317708" s="10"/>
    </row>
    <row r="317709" spans="14:14">
      <c r="N317709" s="10"/>
    </row>
    <row r="317710" spans="14:14">
      <c r="N317710" s="10"/>
    </row>
    <row r="317711" spans="14:14">
      <c r="N317711" s="10"/>
    </row>
    <row r="317712" spans="14:14">
      <c r="N317712" s="10"/>
    </row>
    <row r="317713" spans="14:14">
      <c r="N317713" s="10"/>
    </row>
    <row r="317714" spans="14:14">
      <c r="N317714" s="10"/>
    </row>
    <row r="317715" spans="14:14">
      <c r="N317715" s="10"/>
    </row>
    <row r="317716" spans="14:14">
      <c r="N317716" s="10"/>
    </row>
    <row r="317717" spans="14:14">
      <c r="N317717" s="10"/>
    </row>
    <row r="317718" spans="14:14">
      <c r="N317718" s="10"/>
    </row>
    <row r="317719" spans="14:14">
      <c r="N317719" s="10"/>
    </row>
    <row r="317720" spans="14:14">
      <c r="N317720" s="10"/>
    </row>
    <row r="317721" spans="14:14">
      <c r="N317721" s="10"/>
    </row>
    <row r="317722" spans="14:14">
      <c r="N317722" s="10"/>
    </row>
    <row r="317723" spans="14:14">
      <c r="N317723" s="10"/>
    </row>
    <row r="317724" spans="14:14">
      <c r="N317724" s="10"/>
    </row>
    <row r="317725" spans="14:14">
      <c r="N317725" s="10"/>
    </row>
    <row r="317726" spans="14:14">
      <c r="N317726" s="10"/>
    </row>
    <row r="317727" spans="14:14">
      <c r="N317727" s="10"/>
    </row>
    <row r="317728" spans="14:14">
      <c r="N317728" s="10"/>
    </row>
    <row r="317729" spans="14:14">
      <c r="N317729" s="10"/>
    </row>
    <row r="317730" spans="14:14">
      <c r="N317730" s="10"/>
    </row>
    <row r="317731" spans="14:14">
      <c r="N317731" s="10"/>
    </row>
    <row r="317732" spans="14:14">
      <c r="N317732" s="10"/>
    </row>
    <row r="317733" spans="14:14">
      <c r="N317733" s="10"/>
    </row>
    <row r="317734" spans="14:14">
      <c r="N317734" s="10"/>
    </row>
    <row r="317735" spans="14:14">
      <c r="N317735" s="10"/>
    </row>
    <row r="317736" spans="14:14">
      <c r="N317736" s="10"/>
    </row>
    <row r="317737" spans="14:14">
      <c r="N317737" s="10"/>
    </row>
    <row r="317738" spans="14:14">
      <c r="N317738" s="10"/>
    </row>
    <row r="317739" spans="14:14">
      <c r="N317739" s="10"/>
    </row>
    <row r="317740" spans="14:14">
      <c r="N317740" s="10"/>
    </row>
    <row r="317741" spans="14:14">
      <c r="N317741" s="10"/>
    </row>
    <row r="317742" spans="14:14">
      <c r="N317742" s="10"/>
    </row>
    <row r="317743" spans="14:14">
      <c r="N317743" s="10"/>
    </row>
    <row r="317744" spans="14:14">
      <c r="N317744" s="10"/>
    </row>
    <row r="317745" spans="14:14">
      <c r="N317745" s="10"/>
    </row>
    <row r="317746" spans="14:14">
      <c r="N317746" s="10"/>
    </row>
    <row r="317747" spans="14:14">
      <c r="N317747" s="10"/>
    </row>
    <row r="317748" spans="14:14">
      <c r="N317748" s="10"/>
    </row>
    <row r="317749" spans="14:14">
      <c r="N317749" s="10"/>
    </row>
    <row r="317750" spans="14:14">
      <c r="N317750" s="10"/>
    </row>
    <row r="317751" spans="14:14">
      <c r="N317751" s="10"/>
    </row>
    <row r="317752" spans="14:14">
      <c r="N317752" s="10"/>
    </row>
    <row r="317753" spans="14:14">
      <c r="N317753" s="10"/>
    </row>
    <row r="317754" spans="14:14">
      <c r="N317754" s="10"/>
    </row>
    <row r="317755" spans="14:14">
      <c r="N317755" s="10"/>
    </row>
    <row r="317756" spans="14:14">
      <c r="N317756" s="10"/>
    </row>
    <row r="317757" spans="14:14">
      <c r="N317757" s="10"/>
    </row>
    <row r="317758" spans="14:14">
      <c r="N317758" s="10"/>
    </row>
    <row r="317759" spans="14:14">
      <c r="N317759" s="10"/>
    </row>
    <row r="317760" spans="14:14">
      <c r="N317760" s="10"/>
    </row>
    <row r="317761" spans="14:14">
      <c r="N317761" s="10"/>
    </row>
    <row r="317762" spans="14:14">
      <c r="N317762" s="10"/>
    </row>
    <row r="317763" spans="14:14">
      <c r="N317763" s="10"/>
    </row>
    <row r="317764" spans="14:14">
      <c r="N317764" s="10"/>
    </row>
    <row r="317765" spans="14:14">
      <c r="N317765" s="10"/>
    </row>
    <row r="317766" spans="14:14">
      <c r="N317766" s="10"/>
    </row>
    <row r="317767" spans="14:14">
      <c r="N317767" s="10"/>
    </row>
    <row r="317768" spans="14:14">
      <c r="N317768" s="10"/>
    </row>
    <row r="317769" spans="14:14">
      <c r="N317769" s="10"/>
    </row>
    <row r="317770" spans="14:14">
      <c r="N317770" s="10"/>
    </row>
    <row r="317771" spans="14:14">
      <c r="N317771" s="10"/>
    </row>
    <row r="317772" spans="14:14">
      <c r="N317772" s="10"/>
    </row>
    <row r="317773" spans="14:14">
      <c r="N317773" s="10"/>
    </row>
    <row r="317774" spans="14:14">
      <c r="N317774" s="10"/>
    </row>
    <row r="317775" spans="14:14">
      <c r="N317775" s="10"/>
    </row>
    <row r="317776" spans="14:14">
      <c r="N317776" s="10"/>
    </row>
    <row r="317777" spans="14:14">
      <c r="N317777" s="10"/>
    </row>
    <row r="317778" spans="14:14">
      <c r="N317778" s="10"/>
    </row>
    <row r="317779" spans="14:14">
      <c r="N317779" s="10"/>
    </row>
    <row r="317780" spans="14:14">
      <c r="N317780" s="10"/>
    </row>
    <row r="317781" spans="14:14">
      <c r="N317781" s="10"/>
    </row>
    <row r="317782" spans="14:14">
      <c r="N317782" s="10"/>
    </row>
    <row r="317783" spans="14:14">
      <c r="N317783" s="10"/>
    </row>
    <row r="317784" spans="14:14">
      <c r="N317784" s="10"/>
    </row>
    <row r="317785" spans="14:14">
      <c r="N317785" s="10"/>
    </row>
    <row r="317786" spans="14:14">
      <c r="N317786" s="10"/>
    </row>
    <row r="317787" spans="14:14">
      <c r="N317787" s="10"/>
    </row>
    <row r="317788" spans="14:14">
      <c r="N317788" s="10"/>
    </row>
    <row r="317789" spans="14:14">
      <c r="N317789" s="10"/>
    </row>
    <row r="317790" spans="14:14">
      <c r="N317790" s="10"/>
    </row>
    <row r="317791" spans="14:14">
      <c r="N317791" s="10"/>
    </row>
    <row r="317792" spans="14:14">
      <c r="N317792" s="10"/>
    </row>
    <row r="317793" spans="14:14">
      <c r="N317793" s="10"/>
    </row>
    <row r="317794" spans="14:14">
      <c r="N317794" s="10"/>
    </row>
    <row r="317795" spans="14:14">
      <c r="N317795" s="10"/>
    </row>
    <row r="317796" spans="14:14">
      <c r="N317796" s="10"/>
    </row>
    <row r="317797" spans="14:14">
      <c r="N317797" s="10"/>
    </row>
    <row r="317798" spans="14:14">
      <c r="N317798" s="10"/>
    </row>
    <row r="317799" spans="14:14">
      <c r="N317799" s="10"/>
    </row>
    <row r="317800" spans="14:14">
      <c r="N317800" s="10"/>
    </row>
    <row r="317801" spans="14:14">
      <c r="N317801" s="10"/>
    </row>
    <row r="317802" spans="14:14">
      <c r="N317802" s="10"/>
    </row>
    <row r="317803" spans="14:14">
      <c r="N317803" s="10"/>
    </row>
    <row r="317804" spans="14:14">
      <c r="N317804" s="10"/>
    </row>
    <row r="317805" spans="14:14">
      <c r="N317805" s="10"/>
    </row>
    <row r="317806" spans="14:14">
      <c r="N317806" s="10"/>
    </row>
    <row r="317807" spans="14:14">
      <c r="N317807" s="10"/>
    </row>
    <row r="317808" spans="14:14">
      <c r="N317808" s="10"/>
    </row>
    <row r="317809" spans="14:14">
      <c r="N317809" s="10"/>
    </row>
    <row r="317810" spans="14:14">
      <c r="N317810" s="10"/>
    </row>
    <row r="317811" spans="14:14">
      <c r="N317811" s="10"/>
    </row>
    <row r="317812" spans="14:14">
      <c r="N317812" s="10"/>
    </row>
    <row r="317813" spans="14:14">
      <c r="N317813" s="10"/>
    </row>
    <row r="317814" spans="14:14">
      <c r="N317814" s="10"/>
    </row>
    <row r="317815" spans="14:14">
      <c r="N317815" s="10"/>
    </row>
    <row r="317816" spans="14:14">
      <c r="N317816" s="10"/>
    </row>
    <row r="317817" spans="14:14">
      <c r="N317817" s="10"/>
    </row>
    <row r="317818" spans="14:14">
      <c r="N317818" s="10"/>
    </row>
    <row r="317819" spans="14:14">
      <c r="N317819" s="10"/>
    </row>
    <row r="317820" spans="14:14">
      <c r="N317820" s="10"/>
    </row>
    <row r="317821" spans="14:14">
      <c r="N317821" s="10"/>
    </row>
    <row r="317822" spans="14:14">
      <c r="N317822" s="10"/>
    </row>
    <row r="317823" spans="14:14">
      <c r="N317823" s="10"/>
    </row>
    <row r="317824" spans="14:14">
      <c r="N317824" s="10"/>
    </row>
    <row r="317825" spans="14:14">
      <c r="N317825" s="10"/>
    </row>
    <row r="317826" spans="14:14">
      <c r="N317826" s="10"/>
    </row>
    <row r="317827" spans="14:14">
      <c r="N317827" s="10"/>
    </row>
    <row r="317828" spans="14:14">
      <c r="N317828" s="10"/>
    </row>
    <row r="317829" spans="14:14">
      <c r="N317829" s="10"/>
    </row>
    <row r="317830" spans="14:14">
      <c r="N317830" s="10"/>
    </row>
    <row r="317831" spans="14:14">
      <c r="N317831" s="10"/>
    </row>
    <row r="317832" spans="14:14">
      <c r="N317832" s="10"/>
    </row>
    <row r="317833" spans="14:14">
      <c r="N317833" s="10"/>
    </row>
    <row r="317834" spans="14:14">
      <c r="N317834" s="10"/>
    </row>
    <row r="317835" spans="14:14">
      <c r="N317835" s="10"/>
    </row>
    <row r="317836" spans="14:14">
      <c r="N317836" s="10"/>
    </row>
    <row r="317837" spans="14:14">
      <c r="N317837" s="10"/>
    </row>
    <row r="317838" spans="14:14">
      <c r="N317838" s="10"/>
    </row>
    <row r="317839" spans="14:14">
      <c r="N317839" s="10"/>
    </row>
    <row r="317840" spans="14:14">
      <c r="N317840" s="10"/>
    </row>
    <row r="317841" spans="14:14">
      <c r="N317841" s="10"/>
    </row>
    <row r="317842" spans="14:14">
      <c r="N317842" s="10"/>
    </row>
    <row r="317843" spans="14:14">
      <c r="N317843" s="10"/>
    </row>
    <row r="317844" spans="14:14">
      <c r="N317844" s="10"/>
    </row>
    <row r="317845" spans="14:14">
      <c r="N317845" s="10"/>
    </row>
    <row r="317846" spans="14:14">
      <c r="N317846" s="10"/>
    </row>
    <row r="317847" spans="14:14">
      <c r="N317847" s="10"/>
    </row>
    <row r="317848" spans="14:14">
      <c r="N317848" s="10"/>
    </row>
    <row r="317849" spans="14:14">
      <c r="N317849" s="10"/>
    </row>
    <row r="317850" spans="14:14">
      <c r="N317850" s="10"/>
    </row>
    <row r="317851" spans="14:14">
      <c r="N317851" s="10"/>
    </row>
    <row r="317852" spans="14:14">
      <c r="N317852" s="10"/>
    </row>
    <row r="317853" spans="14:14">
      <c r="N317853" s="10"/>
    </row>
    <row r="317854" spans="14:14">
      <c r="N317854" s="10"/>
    </row>
    <row r="317855" spans="14:14">
      <c r="N317855" s="10"/>
    </row>
    <row r="317856" spans="14:14">
      <c r="N317856" s="10"/>
    </row>
    <row r="317857" spans="14:14">
      <c r="N317857" s="10"/>
    </row>
    <row r="317858" spans="14:14">
      <c r="N317858" s="10"/>
    </row>
    <row r="317859" spans="14:14">
      <c r="N317859" s="10"/>
    </row>
    <row r="317860" spans="14:14">
      <c r="N317860" s="10"/>
    </row>
    <row r="317861" spans="14:14">
      <c r="N317861" s="10"/>
    </row>
    <row r="317862" spans="14:14">
      <c r="N317862" s="10"/>
    </row>
    <row r="317863" spans="14:14">
      <c r="N317863" s="10"/>
    </row>
    <row r="317864" spans="14:14">
      <c r="N317864" s="10"/>
    </row>
    <row r="317865" spans="14:14">
      <c r="N317865" s="10"/>
    </row>
    <row r="317866" spans="14:14">
      <c r="N317866" s="10"/>
    </row>
    <row r="317867" spans="14:14">
      <c r="N317867" s="10"/>
    </row>
    <row r="317868" spans="14:14">
      <c r="N317868" s="10"/>
    </row>
    <row r="317869" spans="14:14">
      <c r="N317869" s="10"/>
    </row>
    <row r="317870" spans="14:14">
      <c r="N317870" s="10"/>
    </row>
    <row r="317871" spans="14:14">
      <c r="N317871" s="10"/>
    </row>
    <row r="317872" spans="14:14">
      <c r="N317872" s="10"/>
    </row>
    <row r="317873" spans="14:14">
      <c r="N317873" s="10"/>
    </row>
    <row r="317874" spans="14:14">
      <c r="N317874" s="10"/>
    </row>
    <row r="317875" spans="14:14">
      <c r="N317875" s="10"/>
    </row>
    <row r="317876" spans="14:14">
      <c r="N317876" s="10"/>
    </row>
    <row r="317877" spans="14:14">
      <c r="N317877" s="10"/>
    </row>
    <row r="317878" spans="14:14">
      <c r="N317878" s="10"/>
    </row>
    <row r="317879" spans="14:14">
      <c r="N317879" s="10"/>
    </row>
    <row r="317880" spans="14:14">
      <c r="N317880" s="10"/>
    </row>
    <row r="317881" spans="14:14">
      <c r="N317881" s="10"/>
    </row>
    <row r="317882" spans="14:14">
      <c r="N317882" s="10"/>
    </row>
    <row r="317883" spans="14:14">
      <c r="N317883" s="10"/>
    </row>
    <row r="317884" spans="14:14">
      <c r="N317884" s="10"/>
    </row>
    <row r="317885" spans="14:14">
      <c r="N317885" s="10"/>
    </row>
    <row r="317886" spans="14:14">
      <c r="N317886" s="10"/>
    </row>
    <row r="317887" spans="14:14">
      <c r="N317887" s="10"/>
    </row>
    <row r="317888" spans="14:14">
      <c r="N317888" s="10"/>
    </row>
    <row r="317889" spans="14:14">
      <c r="N317889" s="10"/>
    </row>
    <row r="317890" spans="14:14">
      <c r="N317890" s="10"/>
    </row>
    <row r="317891" spans="14:14">
      <c r="N317891" s="10"/>
    </row>
    <row r="317892" spans="14:14">
      <c r="N317892" s="10"/>
    </row>
    <row r="317893" spans="14:14">
      <c r="N317893" s="10"/>
    </row>
    <row r="317894" spans="14:14">
      <c r="N317894" s="10"/>
    </row>
    <row r="317895" spans="14:14">
      <c r="N317895" s="10"/>
    </row>
    <row r="317896" spans="14:14">
      <c r="N317896" s="10"/>
    </row>
    <row r="317897" spans="14:14">
      <c r="N317897" s="10"/>
    </row>
    <row r="317898" spans="14:14">
      <c r="N317898" s="10"/>
    </row>
    <row r="317899" spans="14:14">
      <c r="N317899" s="10"/>
    </row>
    <row r="317900" spans="14:14">
      <c r="N317900" s="10"/>
    </row>
    <row r="317901" spans="14:14">
      <c r="N317901" s="10"/>
    </row>
    <row r="317902" spans="14:14">
      <c r="N317902" s="10"/>
    </row>
    <row r="317903" spans="14:14">
      <c r="N317903" s="10"/>
    </row>
    <row r="317904" spans="14:14">
      <c r="N317904" s="10"/>
    </row>
    <row r="317905" spans="14:14">
      <c r="N317905" s="10"/>
    </row>
    <row r="317906" spans="14:14">
      <c r="N317906" s="10"/>
    </row>
    <row r="317907" spans="14:14">
      <c r="N317907" s="10"/>
    </row>
    <row r="317908" spans="14:14">
      <c r="N317908" s="10"/>
    </row>
    <row r="317909" spans="14:14">
      <c r="N317909" s="10"/>
    </row>
    <row r="317910" spans="14:14">
      <c r="N317910" s="10"/>
    </row>
    <row r="317911" spans="14:14">
      <c r="N317911" s="10"/>
    </row>
    <row r="317912" spans="14:14">
      <c r="N317912" s="10"/>
    </row>
    <row r="317913" spans="14:14">
      <c r="N317913" s="10"/>
    </row>
    <row r="317914" spans="14:14">
      <c r="N317914" s="10"/>
    </row>
    <row r="317915" spans="14:14">
      <c r="N317915" s="10"/>
    </row>
    <row r="317916" spans="14:14">
      <c r="N317916" s="10"/>
    </row>
    <row r="317917" spans="14:14">
      <c r="N317917" s="10"/>
    </row>
    <row r="317918" spans="14:14">
      <c r="N317918" s="10"/>
    </row>
    <row r="317919" spans="14:14">
      <c r="N317919" s="10"/>
    </row>
    <row r="317920" spans="14:14">
      <c r="N317920" s="10"/>
    </row>
    <row r="317921" spans="14:14">
      <c r="N317921" s="10"/>
    </row>
    <row r="317922" spans="14:14">
      <c r="N317922" s="10"/>
    </row>
    <row r="317923" spans="14:14">
      <c r="N317923" s="10"/>
    </row>
    <row r="317924" spans="14:14">
      <c r="N317924" s="10"/>
    </row>
    <row r="317925" spans="14:14">
      <c r="N317925" s="10"/>
    </row>
    <row r="317926" spans="14:14">
      <c r="N317926" s="10"/>
    </row>
    <row r="317927" spans="14:14">
      <c r="N317927" s="10"/>
    </row>
    <row r="317928" spans="14:14">
      <c r="N317928" s="10"/>
    </row>
    <row r="317929" spans="14:14">
      <c r="N317929" s="10"/>
    </row>
    <row r="317930" spans="14:14">
      <c r="N317930" s="10"/>
    </row>
    <row r="317931" spans="14:14">
      <c r="N317931" s="10"/>
    </row>
    <row r="317932" spans="14:14">
      <c r="N317932" s="10"/>
    </row>
    <row r="317933" spans="14:14">
      <c r="N317933" s="10"/>
    </row>
    <row r="317934" spans="14:14">
      <c r="N317934" s="10"/>
    </row>
    <row r="317935" spans="14:14">
      <c r="N317935" s="10"/>
    </row>
    <row r="317936" spans="14:14">
      <c r="N317936" s="10"/>
    </row>
    <row r="317937" spans="14:14">
      <c r="N317937" s="10"/>
    </row>
    <row r="317938" spans="14:14">
      <c r="N317938" s="10"/>
    </row>
    <row r="317939" spans="14:14">
      <c r="N317939" s="10"/>
    </row>
    <row r="317940" spans="14:14">
      <c r="N317940" s="10"/>
    </row>
    <row r="317941" spans="14:14">
      <c r="N317941" s="10"/>
    </row>
    <row r="317942" spans="14:14">
      <c r="N317942" s="10"/>
    </row>
    <row r="317943" spans="14:14">
      <c r="N317943" s="10"/>
    </row>
    <row r="317944" spans="14:14">
      <c r="N317944" s="10"/>
    </row>
    <row r="317945" spans="14:14">
      <c r="N317945" s="10"/>
    </row>
    <row r="317946" spans="14:14">
      <c r="N317946" s="10"/>
    </row>
    <row r="317947" spans="14:14">
      <c r="N317947" s="10"/>
    </row>
    <row r="317948" spans="14:14">
      <c r="N317948" s="10"/>
    </row>
    <row r="317949" spans="14:14">
      <c r="N317949" s="10"/>
    </row>
    <row r="317950" spans="14:14">
      <c r="N317950" s="10"/>
    </row>
    <row r="317951" spans="14:14">
      <c r="N317951" s="10"/>
    </row>
    <row r="317952" spans="14:14">
      <c r="N317952" s="10"/>
    </row>
    <row r="317953" spans="14:14">
      <c r="N317953" s="10"/>
    </row>
    <row r="317954" spans="14:14">
      <c r="N317954" s="10"/>
    </row>
    <row r="317955" spans="14:14">
      <c r="N317955" s="10"/>
    </row>
    <row r="317956" spans="14:14">
      <c r="N317956" s="10"/>
    </row>
    <row r="317957" spans="14:14">
      <c r="N317957" s="10"/>
    </row>
    <row r="317958" spans="14:14">
      <c r="N317958" s="10"/>
    </row>
    <row r="317959" spans="14:14">
      <c r="N317959" s="10"/>
    </row>
    <row r="317960" spans="14:14">
      <c r="N317960" s="10"/>
    </row>
    <row r="317961" spans="14:14">
      <c r="N317961" s="10"/>
    </row>
    <row r="317962" spans="14:14">
      <c r="N317962" s="10"/>
    </row>
    <row r="317963" spans="14:14">
      <c r="N317963" s="10"/>
    </row>
    <row r="317964" spans="14:14">
      <c r="N317964" s="10"/>
    </row>
    <row r="317965" spans="14:14">
      <c r="N317965" s="10"/>
    </row>
    <row r="317966" spans="14:14">
      <c r="N317966" s="10"/>
    </row>
    <row r="317967" spans="14:14">
      <c r="N317967" s="10"/>
    </row>
    <row r="317968" spans="14:14">
      <c r="N317968" s="10"/>
    </row>
    <row r="317969" spans="14:14">
      <c r="N317969" s="10"/>
    </row>
    <row r="317970" spans="14:14">
      <c r="N317970" s="10"/>
    </row>
    <row r="317971" spans="14:14">
      <c r="N317971" s="10"/>
    </row>
    <row r="317972" spans="14:14">
      <c r="N317972" s="10"/>
    </row>
    <row r="317973" spans="14:14">
      <c r="N317973" s="10"/>
    </row>
    <row r="317974" spans="14:14">
      <c r="N317974" s="10"/>
    </row>
    <row r="317975" spans="14:14">
      <c r="N317975" s="10"/>
    </row>
    <row r="317976" spans="14:14">
      <c r="N317976" s="10"/>
    </row>
    <row r="317977" spans="14:14">
      <c r="N317977" s="10"/>
    </row>
    <row r="317978" spans="14:14">
      <c r="N317978" s="10"/>
    </row>
    <row r="317979" spans="14:14">
      <c r="N317979" s="10"/>
    </row>
    <row r="317980" spans="14:14">
      <c r="N317980" s="10"/>
    </row>
    <row r="317981" spans="14:14">
      <c r="N317981" s="10"/>
    </row>
    <row r="317982" spans="14:14">
      <c r="N317982" s="10"/>
    </row>
    <row r="317983" spans="14:14">
      <c r="N317983" s="10"/>
    </row>
    <row r="317984" spans="14:14">
      <c r="N317984" s="10"/>
    </row>
    <row r="317985" spans="14:14">
      <c r="N317985" s="10"/>
    </row>
    <row r="317986" spans="14:14">
      <c r="N317986" s="10"/>
    </row>
    <row r="317987" spans="14:14">
      <c r="N317987" s="10"/>
    </row>
    <row r="317988" spans="14:14">
      <c r="N317988" s="10"/>
    </row>
    <row r="317989" spans="14:14">
      <c r="N317989" s="10"/>
    </row>
    <row r="317990" spans="14:14">
      <c r="N317990" s="10"/>
    </row>
    <row r="317991" spans="14:14">
      <c r="N317991" s="10"/>
    </row>
    <row r="317992" spans="14:14">
      <c r="N317992" s="10"/>
    </row>
    <row r="317993" spans="14:14">
      <c r="N317993" s="10"/>
    </row>
    <row r="317994" spans="14:14">
      <c r="N317994" s="10"/>
    </row>
    <row r="317995" spans="14:14">
      <c r="N317995" s="10"/>
    </row>
    <row r="317996" spans="14:14">
      <c r="N317996" s="10"/>
    </row>
    <row r="317997" spans="14:14">
      <c r="N317997" s="10"/>
    </row>
    <row r="317998" spans="14:14">
      <c r="N317998" s="10"/>
    </row>
    <row r="317999" spans="14:14">
      <c r="N317999" s="10"/>
    </row>
    <row r="318000" spans="14:14">
      <c r="N318000" s="10"/>
    </row>
    <row r="318001" spans="14:14">
      <c r="N318001" s="10"/>
    </row>
    <row r="318002" spans="14:14">
      <c r="N318002" s="10"/>
    </row>
    <row r="318003" spans="14:14">
      <c r="N318003" s="10"/>
    </row>
    <row r="318004" spans="14:14">
      <c r="N318004" s="10"/>
    </row>
    <row r="318005" spans="14:14">
      <c r="N318005" s="10"/>
    </row>
    <row r="318006" spans="14:14">
      <c r="N318006" s="10"/>
    </row>
    <row r="318007" spans="14:14">
      <c r="N318007" s="10"/>
    </row>
    <row r="318008" spans="14:14">
      <c r="N318008" s="10"/>
    </row>
    <row r="318009" spans="14:14">
      <c r="N318009" s="10"/>
    </row>
    <row r="318010" spans="14:14">
      <c r="N318010" s="10"/>
    </row>
    <row r="318011" spans="14:14">
      <c r="N318011" s="10"/>
    </row>
    <row r="318012" spans="14:14">
      <c r="N318012" s="10"/>
    </row>
    <row r="318013" spans="14:14">
      <c r="N318013" s="10"/>
    </row>
    <row r="318014" spans="14:14">
      <c r="N318014" s="10"/>
    </row>
    <row r="318015" spans="14:14">
      <c r="N318015" s="10"/>
    </row>
    <row r="318016" spans="14:14">
      <c r="N318016" s="10"/>
    </row>
    <row r="318017" spans="14:14">
      <c r="N318017" s="10"/>
    </row>
    <row r="318018" spans="14:14">
      <c r="N318018" s="10"/>
    </row>
    <row r="318019" spans="14:14">
      <c r="N318019" s="10"/>
    </row>
    <row r="318020" spans="14:14">
      <c r="N318020" s="10"/>
    </row>
    <row r="318021" spans="14:14">
      <c r="N318021" s="10"/>
    </row>
    <row r="318022" spans="14:14">
      <c r="N318022" s="10"/>
    </row>
    <row r="318023" spans="14:14">
      <c r="N318023" s="10"/>
    </row>
    <row r="318024" spans="14:14">
      <c r="N318024" s="10"/>
    </row>
    <row r="318025" spans="14:14">
      <c r="N318025" s="10"/>
    </row>
    <row r="318026" spans="14:14">
      <c r="N318026" s="10"/>
    </row>
    <row r="318027" spans="14:14">
      <c r="N318027" s="10"/>
    </row>
    <row r="318028" spans="14:14">
      <c r="N318028" s="10"/>
    </row>
    <row r="318029" spans="14:14">
      <c r="N318029" s="10"/>
    </row>
    <row r="318030" spans="14:14">
      <c r="N318030" s="10"/>
    </row>
    <row r="318031" spans="14:14">
      <c r="N318031" s="10"/>
    </row>
    <row r="318032" spans="14:14">
      <c r="N318032" s="10"/>
    </row>
    <row r="318033" spans="14:14">
      <c r="N318033" s="10"/>
    </row>
    <row r="318034" spans="14:14">
      <c r="N318034" s="10"/>
    </row>
    <row r="318035" spans="14:14">
      <c r="N318035" s="10"/>
    </row>
    <row r="318036" spans="14:14">
      <c r="N318036" s="10"/>
    </row>
    <row r="318037" spans="14:14">
      <c r="N318037" s="10"/>
    </row>
    <row r="318038" spans="14:14">
      <c r="N318038" s="10"/>
    </row>
    <row r="318039" spans="14:14">
      <c r="N318039" s="10"/>
    </row>
    <row r="318040" spans="14:14">
      <c r="N318040" s="10"/>
    </row>
    <row r="318041" spans="14:14">
      <c r="N318041" s="10"/>
    </row>
    <row r="318042" spans="14:14">
      <c r="N318042" s="10"/>
    </row>
    <row r="318043" spans="14:14">
      <c r="N318043" s="10"/>
    </row>
    <row r="318044" spans="14:14">
      <c r="N318044" s="10"/>
    </row>
    <row r="318045" spans="14:14">
      <c r="N318045" s="10"/>
    </row>
    <row r="318046" spans="14:14">
      <c r="N318046" s="10"/>
    </row>
    <row r="318047" spans="14:14">
      <c r="N318047" s="10"/>
    </row>
    <row r="318048" spans="14:14">
      <c r="N318048" s="10"/>
    </row>
    <row r="318049" spans="14:14">
      <c r="N318049" s="10"/>
    </row>
    <row r="318050" spans="14:14">
      <c r="N318050" s="10"/>
    </row>
    <row r="318051" spans="14:14">
      <c r="N318051" s="10"/>
    </row>
    <row r="318052" spans="14:14">
      <c r="N318052" s="10"/>
    </row>
    <row r="318053" spans="14:14">
      <c r="N318053" s="10"/>
    </row>
    <row r="318054" spans="14:14">
      <c r="N318054" s="10"/>
    </row>
    <row r="318055" spans="14:14">
      <c r="N318055" s="10"/>
    </row>
    <row r="318056" spans="14:14">
      <c r="N318056" s="10"/>
    </row>
    <row r="318057" spans="14:14">
      <c r="N318057" s="10"/>
    </row>
    <row r="318058" spans="14:14">
      <c r="N318058" s="10"/>
    </row>
    <row r="318059" spans="14:14">
      <c r="N318059" s="10"/>
    </row>
    <row r="318060" spans="14:14">
      <c r="N318060" s="10"/>
    </row>
    <row r="318061" spans="14:14">
      <c r="N318061" s="10"/>
    </row>
    <row r="318062" spans="14:14">
      <c r="N318062" s="10"/>
    </row>
    <row r="318063" spans="14:14">
      <c r="N318063" s="10"/>
    </row>
    <row r="318064" spans="14:14">
      <c r="N318064" s="10"/>
    </row>
    <row r="318065" spans="14:14">
      <c r="N318065" s="10"/>
    </row>
    <row r="318066" spans="14:14">
      <c r="N318066" s="10"/>
    </row>
    <row r="318067" spans="14:14">
      <c r="N318067" s="10"/>
    </row>
    <row r="318068" spans="14:14">
      <c r="N318068" s="10"/>
    </row>
    <row r="318069" spans="14:14">
      <c r="N318069" s="10"/>
    </row>
    <row r="318070" spans="14:14">
      <c r="N318070" s="10"/>
    </row>
    <row r="318071" spans="14:14">
      <c r="N318071" s="10"/>
    </row>
    <row r="318072" spans="14:14">
      <c r="N318072" s="10"/>
    </row>
    <row r="318073" spans="14:14">
      <c r="N318073" s="10"/>
    </row>
    <row r="318074" spans="14:14">
      <c r="N318074" s="10"/>
    </row>
    <row r="318075" spans="14:14">
      <c r="N318075" s="10"/>
    </row>
    <row r="318076" spans="14:14">
      <c r="N318076" s="10"/>
    </row>
    <row r="318077" spans="14:14">
      <c r="N318077" s="10"/>
    </row>
    <row r="318078" spans="14:14">
      <c r="N318078" s="10"/>
    </row>
    <row r="318079" spans="14:14">
      <c r="N318079" s="10"/>
    </row>
    <row r="318080" spans="14:14">
      <c r="N318080" s="10"/>
    </row>
    <row r="318081" spans="14:14">
      <c r="N318081" s="10"/>
    </row>
    <row r="318082" spans="14:14">
      <c r="N318082" s="10"/>
    </row>
    <row r="318083" spans="14:14">
      <c r="N318083" s="10"/>
    </row>
    <row r="318084" spans="14:14">
      <c r="N318084" s="10"/>
    </row>
    <row r="318085" spans="14:14">
      <c r="N318085" s="10"/>
    </row>
    <row r="318086" spans="14:14">
      <c r="N318086" s="10"/>
    </row>
    <row r="318087" spans="14:14">
      <c r="N318087" s="10"/>
    </row>
    <row r="318088" spans="14:14">
      <c r="N318088" s="10"/>
    </row>
    <row r="318089" spans="14:14">
      <c r="N318089" s="10"/>
    </row>
    <row r="318090" spans="14:14">
      <c r="N318090" s="10"/>
    </row>
    <row r="318091" spans="14:14">
      <c r="N318091" s="10"/>
    </row>
    <row r="318092" spans="14:14">
      <c r="N318092" s="10"/>
    </row>
    <row r="318093" spans="14:14">
      <c r="N318093" s="10"/>
    </row>
    <row r="318094" spans="14:14">
      <c r="N318094" s="10"/>
    </row>
    <row r="318095" spans="14:14">
      <c r="N318095" s="10"/>
    </row>
    <row r="318096" spans="14:14">
      <c r="N318096" s="10"/>
    </row>
    <row r="318097" spans="14:14">
      <c r="N318097" s="10"/>
    </row>
    <row r="318098" spans="14:14">
      <c r="N318098" s="10"/>
    </row>
    <row r="318099" spans="14:14">
      <c r="N318099" s="10"/>
    </row>
    <row r="318100" spans="14:14">
      <c r="N318100" s="10"/>
    </row>
    <row r="318101" spans="14:14">
      <c r="N318101" s="10"/>
    </row>
    <row r="318102" spans="14:14">
      <c r="N318102" s="10"/>
    </row>
    <row r="318103" spans="14:14">
      <c r="N318103" s="10"/>
    </row>
    <row r="318104" spans="14:14">
      <c r="N318104" s="10"/>
    </row>
    <row r="318105" spans="14:14">
      <c r="N318105" s="10"/>
    </row>
    <row r="318106" spans="14:14">
      <c r="N318106" s="10"/>
    </row>
    <row r="318107" spans="14:14">
      <c r="N318107" s="10"/>
    </row>
    <row r="318108" spans="14:14">
      <c r="N318108" s="10"/>
    </row>
    <row r="318109" spans="14:14">
      <c r="N318109" s="10"/>
    </row>
    <row r="318110" spans="14:14">
      <c r="N318110" s="10"/>
    </row>
    <row r="318111" spans="14:14">
      <c r="N318111" s="10"/>
    </row>
    <row r="318112" spans="14:14">
      <c r="N318112" s="10"/>
    </row>
    <row r="318113" spans="14:14">
      <c r="N318113" s="10"/>
    </row>
    <row r="318114" spans="14:14">
      <c r="N318114" s="10"/>
    </row>
    <row r="318115" spans="14:14">
      <c r="N318115" s="10"/>
    </row>
    <row r="318116" spans="14:14">
      <c r="N318116" s="10"/>
    </row>
    <row r="318117" spans="14:14">
      <c r="N318117" s="10"/>
    </row>
    <row r="318118" spans="14:14">
      <c r="N318118" s="10"/>
    </row>
    <row r="318119" spans="14:14">
      <c r="N318119" s="10"/>
    </row>
    <row r="318120" spans="14:14">
      <c r="N318120" s="10"/>
    </row>
    <row r="318121" spans="14:14">
      <c r="N318121" s="10"/>
    </row>
    <row r="318122" spans="14:14">
      <c r="N318122" s="10"/>
    </row>
    <row r="318123" spans="14:14">
      <c r="N318123" s="10"/>
    </row>
    <row r="318124" spans="14:14">
      <c r="N318124" s="10"/>
    </row>
    <row r="318125" spans="14:14">
      <c r="N318125" s="10"/>
    </row>
    <row r="318126" spans="14:14">
      <c r="N318126" s="10"/>
    </row>
    <row r="318127" spans="14:14">
      <c r="N318127" s="10"/>
    </row>
    <row r="318128" spans="14:14">
      <c r="N318128" s="10"/>
    </row>
    <row r="318129" spans="14:14">
      <c r="N318129" s="10"/>
    </row>
    <row r="318130" spans="14:14">
      <c r="N318130" s="10"/>
    </row>
    <row r="318131" spans="14:14">
      <c r="N318131" s="10"/>
    </row>
    <row r="318132" spans="14:14">
      <c r="N318132" s="10"/>
    </row>
    <row r="318133" spans="14:14">
      <c r="N318133" s="10"/>
    </row>
    <row r="318134" spans="14:14">
      <c r="N318134" s="10"/>
    </row>
    <row r="318135" spans="14:14">
      <c r="N318135" s="10"/>
    </row>
    <row r="318136" spans="14:14">
      <c r="N318136" s="10"/>
    </row>
    <row r="318137" spans="14:14">
      <c r="N318137" s="10"/>
    </row>
    <row r="318138" spans="14:14">
      <c r="N318138" s="10"/>
    </row>
    <row r="318139" spans="14:14">
      <c r="N318139" s="10"/>
    </row>
    <row r="318140" spans="14:14">
      <c r="N318140" s="10"/>
    </row>
    <row r="318141" spans="14:14">
      <c r="N318141" s="10"/>
    </row>
    <row r="318142" spans="14:14">
      <c r="N318142" s="10"/>
    </row>
    <row r="318143" spans="14:14">
      <c r="N318143" s="10"/>
    </row>
    <row r="318144" spans="14:14">
      <c r="N318144" s="10"/>
    </row>
    <row r="318145" spans="14:14">
      <c r="N318145" s="10"/>
    </row>
    <row r="318146" spans="14:14">
      <c r="N318146" s="10"/>
    </row>
    <row r="318147" spans="14:14">
      <c r="N318147" s="10"/>
    </row>
    <row r="318148" spans="14:14">
      <c r="N318148" s="10"/>
    </row>
    <row r="318149" spans="14:14">
      <c r="N318149" s="10"/>
    </row>
    <row r="318150" spans="14:14">
      <c r="N318150" s="10"/>
    </row>
    <row r="318151" spans="14:14">
      <c r="N318151" s="10"/>
    </row>
    <row r="318152" spans="14:14">
      <c r="N318152" s="10"/>
    </row>
    <row r="318153" spans="14:14">
      <c r="N318153" s="10"/>
    </row>
    <row r="318154" spans="14:14">
      <c r="N318154" s="10"/>
    </row>
    <row r="318155" spans="14:14">
      <c r="N318155" s="10"/>
    </row>
    <row r="318156" spans="14:14">
      <c r="N318156" s="10"/>
    </row>
    <row r="318157" spans="14:14">
      <c r="N318157" s="10"/>
    </row>
    <row r="318158" spans="14:14">
      <c r="N318158" s="10"/>
    </row>
    <row r="318159" spans="14:14">
      <c r="N318159" s="10"/>
    </row>
    <row r="318160" spans="14:14">
      <c r="N318160" s="10"/>
    </row>
    <row r="318161" spans="14:14">
      <c r="N318161" s="10"/>
    </row>
    <row r="318162" spans="14:14">
      <c r="N318162" s="10"/>
    </row>
    <row r="318163" spans="14:14">
      <c r="N318163" s="10"/>
    </row>
    <row r="318164" spans="14:14">
      <c r="N318164" s="10"/>
    </row>
    <row r="318165" spans="14:14">
      <c r="N318165" s="10"/>
    </row>
    <row r="318166" spans="14:14">
      <c r="N318166" s="10"/>
    </row>
    <row r="318167" spans="14:14">
      <c r="N318167" s="10"/>
    </row>
    <row r="318168" spans="14:14">
      <c r="N318168" s="10"/>
    </row>
    <row r="318169" spans="14:14">
      <c r="N318169" s="10"/>
    </row>
    <row r="318170" spans="14:14">
      <c r="N318170" s="10"/>
    </row>
    <row r="318171" spans="14:14">
      <c r="N318171" s="10"/>
    </row>
    <row r="318172" spans="14:14">
      <c r="N318172" s="10"/>
    </row>
    <row r="318173" spans="14:14">
      <c r="N318173" s="10"/>
    </row>
    <row r="318174" spans="14:14">
      <c r="N318174" s="10"/>
    </row>
    <row r="318175" spans="14:14">
      <c r="N318175" s="10"/>
    </row>
    <row r="318176" spans="14:14">
      <c r="N318176" s="10"/>
    </row>
    <row r="318177" spans="14:14">
      <c r="N318177" s="10"/>
    </row>
    <row r="318178" spans="14:14">
      <c r="N318178" s="10"/>
    </row>
    <row r="318179" spans="14:14">
      <c r="N318179" s="10"/>
    </row>
    <row r="318180" spans="14:14">
      <c r="N318180" s="10"/>
    </row>
    <row r="318181" spans="14:14">
      <c r="N318181" s="10"/>
    </row>
    <row r="318182" spans="14:14">
      <c r="N318182" s="10"/>
    </row>
    <row r="318183" spans="14:14">
      <c r="N318183" s="10"/>
    </row>
    <row r="318184" spans="14:14">
      <c r="N318184" s="10"/>
    </row>
    <row r="318185" spans="14:14">
      <c r="N318185" s="10"/>
    </row>
    <row r="318186" spans="14:14">
      <c r="N318186" s="10"/>
    </row>
    <row r="318187" spans="14:14">
      <c r="N318187" s="10"/>
    </row>
    <row r="318188" spans="14:14">
      <c r="N318188" s="10"/>
    </row>
    <row r="318189" spans="14:14">
      <c r="N318189" s="10"/>
    </row>
    <row r="318190" spans="14:14">
      <c r="N318190" s="10"/>
    </row>
    <row r="318191" spans="14:14">
      <c r="N318191" s="10"/>
    </row>
    <row r="318192" spans="14:14">
      <c r="N318192" s="10"/>
    </row>
    <row r="318193" spans="14:14">
      <c r="N318193" s="10"/>
    </row>
    <row r="318194" spans="14:14">
      <c r="N318194" s="10"/>
    </row>
    <row r="318195" spans="14:14">
      <c r="N318195" s="10"/>
    </row>
    <row r="318196" spans="14:14">
      <c r="N318196" s="10"/>
    </row>
    <row r="318197" spans="14:14">
      <c r="N318197" s="10"/>
    </row>
    <row r="318198" spans="14:14">
      <c r="N318198" s="10"/>
    </row>
    <row r="318199" spans="14:14">
      <c r="N318199" s="10"/>
    </row>
    <row r="318200" spans="14:14">
      <c r="N318200" s="10"/>
    </row>
    <row r="318201" spans="14:14">
      <c r="N318201" s="10"/>
    </row>
    <row r="318202" spans="14:14">
      <c r="N318202" s="10"/>
    </row>
    <row r="318203" spans="14:14">
      <c r="N318203" s="10"/>
    </row>
    <row r="318204" spans="14:14">
      <c r="N318204" s="10"/>
    </row>
    <row r="318205" spans="14:14">
      <c r="N318205" s="10"/>
    </row>
    <row r="318206" spans="14:14">
      <c r="N318206" s="10"/>
    </row>
    <row r="318207" spans="14:14">
      <c r="N318207" s="10"/>
    </row>
    <row r="318208" spans="14:14">
      <c r="N318208" s="10"/>
    </row>
    <row r="318209" spans="14:14">
      <c r="N318209" s="10"/>
    </row>
    <row r="318210" spans="14:14">
      <c r="N318210" s="10"/>
    </row>
    <row r="318211" spans="14:14">
      <c r="N318211" s="10"/>
    </row>
    <row r="318212" spans="14:14">
      <c r="N318212" s="10"/>
    </row>
    <row r="318213" spans="14:14">
      <c r="N318213" s="10"/>
    </row>
    <row r="318214" spans="14:14">
      <c r="N318214" s="10"/>
    </row>
    <row r="318215" spans="14:14">
      <c r="N318215" s="10"/>
    </row>
    <row r="318216" spans="14:14">
      <c r="N318216" s="10"/>
    </row>
    <row r="318217" spans="14:14">
      <c r="N318217" s="10"/>
    </row>
    <row r="318218" spans="14:14">
      <c r="N318218" s="10"/>
    </row>
    <row r="318219" spans="14:14">
      <c r="N318219" s="10"/>
    </row>
    <row r="318220" spans="14:14">
      <c r="N318220" s="10"/>
    </row>
    <row r="318221" spans="14:14">
      <c r="N318221" s="10"/>
    </row>
    <row r="318222" spans="14:14">
      <c r="N318222" s="10"/>
    </row>
    <row r="318223" spans="14:14">
      <c r="N318223" s="10"/>
    </row>
    <row r="318224" spans="14:14">
      <c r="N318224" s="10"/>
    </row>
    <row r="318225" spans="14:14">
      <c r="N318225" s="10"/>
    </row>
    <row r="318226" spans="14:14">
      <c r="N318226" s="10"/>
    </row>
    <row r="318227" spans="14:14">
      <c r="N318227" s="10"/>
    </row>
    <row r="318228" spans="14:14">
      <c r="N318228" s="10"/>
    </row>
    <row r="318229" spans="14:14">
      <c r="N318229" s="10"/>
    </row>
    <row r="318230" spans="14:14">
      <c r="N318230" s="10"/>
    </row>
    <row r="318231" spans="14:14">
      <c r="N318231" s="10"/>
    </row>
    <row r="318232" spans="14:14">
      <c r="N318232" s="10"/>
    </row>
    <row r="318233" spans="14:14">
      <c r="N318233" s="10"/>
    </row>
    <row r="318234" spans="14:14">
      <c r="N318234" s="10"/>
    </row>
    <row r="318235" spans="14:14">
      <c r="N318235" s="10"/>
    </row>
    <row r="318236" spans="14:14">
      <c r="N318236" s="10"/>
    </row>
    <row r="318237" spans="14:14">
      <c r="N318237" s="10"/>
    </row>
    <row r="318238" spans="14:14">
      <c r="N318238" s="10"/>
    </row>
    <row r="318239" spans="14:14">
      <c r="N318239" s="10"/>
    </row>
    <row r="318240" spans="14:14">
      <c r="N318240" s="10"/>
    </row>
    <row r="318241" spans="14:14">
      <c r="N318241" s="10"/>
    </row>
    <row r="318242" spans="14:14">
      <c r="N318242" s="10"/>
    </row>
    <row r="318243" spans="14:14">
      <c r="N318243" s="10"/>
    </row>
    <row r="318244" spans="14:14">
      <c r="N318244" s="10"/>
    </row>
    <row r="318245" spans="14:14">
      <c r="N318245" s="10"/>
    </row>
    <row r="318246" spans="14:14">
      <c r="N318246" s="10"/>
    </row>
    <row r="318247" spans="14:14">
      <c r="N318247" s="10"/>
    </row>
    <row r="318248" spans="14:14">
      <c r="N318248" s="10"/>
    </row>
    <row r="318249" spans="14:14">
      <c r="N318249" s="10"/>
    </row>
    <row r="318250" spans="14:14">
      <c r="N318250" s="10"/>
    </row>
    <row r="318251" spans="14:14">
      <c r="N318251" s="10"/>
    </row>
    <row r="318252" spans="14:14">
      <c r="N318252" s="10"/>
    </row>
    <row r="318253" spans="14:14">
      <c r="N318253" s="10"/>
    </row>
    <row r="318254" spans="14:14">
      <c r="N318254" s="10"/>
    </row>
    <row r="318255" spans="14:14">
      <c r="N318255" s="10"/>
    </row>
    <row r="318256" spans="14:14">
      <c r="N318256" s="10"/>
    </row>
    <row r="318257" spans="14:14">
      <c r="N318257" s="10"/>
    </row>
    <row r="318258" spans="14:14">
      <c r="N318258" s="10"/>
    </row>
    <row r="318259" spans="14:14">
      <c r="N318259" s="10"/>
    </row>
    <row r="318260" spans="14:14">
      <c r="N318260" s="10"/>
    </row>
    <row r="318261" spans="14:14">
      <c r="N318261" s="10"/>
    </row>
    <row r="318262" spans="14:14">
      <c r="N318262" s="10"/>
    </row>
    <row r="318263" spans="14:14">
      <c r="N318263" s="10"/>
    </row>
    <row r="318264" spans="14:14">
      <c r="N318264" s="10"/>
    </row>
    <row r="318265" spans="14:14">
      <c r="N318265" s="10"/>
    </row>
    <row r="318266" spans="14:14">
      <c r="N318266" s="10"/>
    </row>
    <row r="318267" spans="14:14">
      <c r="N318267" s="10"/>
    </row>
    <row r="318268" spans="14:14">
      <c r="N318268" s="10"/>
    </row>
    <row r="318269" spans="14:14">
      <c r="N318269" s="10"/>
    </row>
    <row r="318270" spans="14:14">
      <c r="N318270" s="10"/>
    </row>
    <row r="318271" spans="14:14">
      <c r="N318271" s="10"/>
    </row>
    <row r="318272" spans="14:14">
      <c r="N318272" s="10"/>
    </row>
    <row r="318273" spans="14:14">
      <c r="N318273" s="10"/>
    </row>
    <row r="318274" spans="14:14">
      <c r="N318274" s="10"/>
    </row>
    <row r="318275" spans="14:14">
      <c r="N318275" s="10"/>
    </row>
    <row r="318276" spans="14:14">
      <c r="N318276" s="10"/>
    </row>
    <row r="318277" spans="14:14">
      <c r="N318277" s="10"/>
    </row>
    <row r="318278" spans="14:14">
      <c r="N318278" s="10"/>
    </row>
    <row r="318279" spans="14:14">
      <c r="N318279" s="10"/>
    </row>
    <row r="318280" spans="14:14">
      <c r="N318280" s="10"/>
    </row>
    <row r="318281" spans="14:14">
      <c r="N318281" s="10"/>
    </row>
    <row r="318282" spans="14:14">
      <c r="N318282" s="10"/>
    </row>
    <row r="318283" spans="14:14">
      <c r="N318283" s="10"/>
    </row>
    <row r="318284" spans="14:14">
      <c r="N318284" s="10"/>
    </row>
    <row r="318285" spans="14:14">
      <c r="N318285" s="10"/>
    </row>
    <row r="318286" spans="14:14">
      <c r="N318286" s="10"/>
    </row>
    <row r="318287" spans="14:14">
      <c r="N318287" s="10"/>
    </row>
    <row r="318288" spans="14:14">
      <c r="N318288" s="10"/>
    </row>
    <row r="318289" spans="14:14">
      <c r="N318289" s="10"/>
    </row>
    <row r="318290" spans="14:14">
      <c r="N318290" s="10"/>
    </row>
    <row r="318291" spans="14:14">
      <c r="N318291" s="10"/>
    </row>
    <row r="318292" spans="14:14">
      <c r="N318292" s="10"/>
    </row>
    <row r="318293" spans="14:14">
      <c r="N318293" s="10"/>
    </row>
    <row r="318294" spans="14:14">
      <c r="N318294" s="10"/>
    </row>
    <row r="318295" spans="14:14">
      <c r="N318295" s="10"/>
    </row>
    <row r="318296" spans="14:14">
      <c r="N318296" s="10"/>
    </row>
    <row r="318297" spans="14:14">
      <c r="N318297" s="10"/>
    </row>
    <row r="318298" spans="14:14">
      <c r="N318298" s="10"/>
    </row>
    <row r="318299" spans="14:14">
      <c r="N318299" s="10"/>
    </row>
    <row r="318300" spans="14:14">
      <c r="N318300" s="10"/>
    </row>
    <row r="318301" spans="14:14">
      <c r="N318301" s="10"/>
    </row>
    <row r="318302" spans="14:14">
      <c r="N318302" s="10"/>
    </row>
    <row r="318303" spans="14:14">
      <c r="N318303" s="10"/>
    </row>
    <row r="318304" spans="14:14">
      <c r="N318304" s="10"/>
    </row>
    <row r="318305" spans="14:14">
      <c r="N318305" s="10"/>
    </row>
    <row r="318306" spans="14:14">
      <c r="N318306" s="10"/>
    </row>
    <row r="318307" spans="14:14">
      <c r="N318307" s="10"/>
    </row>
    <row r="318308" spans="14:14">
      <c r="N318308" s="10"/>
    </row>
    <row r="318309" spans="14:14">
      <c r="N318309" s="10"/>
    </row>
    <row r="318310" spans="14:14">
      <c r="N318310" s="10"/>
    </row>
    <row r="318311" spans="14:14">
      <c r="N318311" s="10"/>
    </row>
    <row r="318312" spans="14:14">
      <c r="N318312" s="10"/>
    </row>
    <row r="318313" spans="14:14">
      <c r="N318313" s="10"/>
    </row>
    <row r="318314" spans="14:14">
      <c r="N318314" s="10"/>
    </row>
    <row r="318315" spans="14:14">
      <c r="N318315" s="10"/>
    </row>
    <row r="318316" spans="14:14">
      <c r="N318316" s="10"/>
    </row>
    <row r="318317" spans="14:14">
      <c r="N318317" s="10"/>
    </row>
    <row r="318318" spans="14:14">
      <c r="N318318" s="10"/>
    </row>
    <row r="318319" spans="14:14">
      <c r="N318319" s="10"/>
    </row>
    <row r="318320" spans="14:14">
      <c r="N318320" s="10"/>
    </row>
    <row r="318321" spans="14:14">
      <c r="N318321" s="10"/>
    </row>
    <row r="318322" spans="14:14">
      <c r="N318322" s="10"/>
    </row>
    <row r="318323" spans="14:14">
      <c r="N318323" s="10"/>
    </row>
    <row r="318324" spans="14:14">
      <c r="N318324" s="10"/>
    </row>
    <row r="318325" spans="14:14">
      <c r="N318325" s="10"/>
    </row>
    <row r="318326" spans="14:14">
      <c r="N318326" s="10"/>
    </row>
    <row r="318327" spans="14:14">
      <c r="N318327" s="10"/>
    </row>
    <row r="318328" spans="14:14">
      <c r="N318328" s="10"/>
    </row>
    <row r="318329" spans="14:14">
      <c r="N318329" s="10"/>
    </row>
    <row r="318330" spans="14:14">
      <c r="N318330" s="10"/>
    </row>
    <row r="318331" spans="14:14">
      <c r="N318331" s="10"/>
    </row>
    <row r="318332" spans="14:14">
      <c r="N318332" s="10"/>
    </row>
    <row r="318333" spans="14:14">
      <c r="N318333" s="10"/>
    </row>
    <row r="318334" spans="14:14">
      <c r="N318334" s="10"/>
    </row>
    <row r="318335" spans="14:14">
      <c r="N318335" s="10"/>
    </row>
    <row r="318336" spans="14:14">
      <c r="N318336" s="10"/>
    </row>
    <row r="318337" spans="14:14">
      <c r="N318337" s="10"/>
    </row>
    <row r="318338" spans="14:14">
      <c r="N318338" s="10"/>
    </row>
    <row r="318339" spans="14:14">
      <c r="N318339" s="10"/>
    </row>
    <row r="318340" spans="14:14">
      <c r="N318340" s="10"/>
    </row>
    <row r="318341" spans="14:14">
      <c r="N318341" s="10"/>
    </row>
    <row r="318342" spans="14:14">
      <c r="N318342" s="10"/>
    </row>
    <row r="318343" spans="14:14">
      <c r="N318343" s="10"/>
    </row>
    <row r="318344" spans="14:14">
      <c r="N318344" s="10"/>
    </row>
    <row r="318345" spans="14:14">
      <c r="N318345" s="10"/>
    </row>
    <row r="318346" spans="14:14">
      <c r="N318346" s="10"/>
    </row>
    <row r="318347" spans="14:14">
      <c r="N318347" s="10"/>
    </row>
    <row r="318348" spans="14:14">
      <c r="N318348" s="10"/>
    </row>
    <row r="318349" spans="14:14">
      <c r="N318349" s="10"/>
    </row>
    <row r="318350" spans="14:14">
      <c r="N318350" s="10"/>
    </row>
    <row r="318351" spans="14:14">
      <c r="N318351" s="10"/>
    </row>
    <row r="318352" spans="14:14">
      <c r="N318352" s="10"/>
    </row>
    <row r="318353" spans="14:14">
      <c r="N318353" s="10"/>
    </row>
    <row r="318354" spans="14:14">
      <c r="N318354" s="10"/>
    </row>
    <row r="318355" spans="14:14">
      <c r="N318355" s="10"/>
    </row>
    <row r="318356" spans="14:14">
      <c r="N318356" s="10"/>
    </row>
    <row r="318357" spans="14:14">
      <c r="N318357" s="10"/>
    </row>
    <row r="318358" spans="14:14">
      <c r="N318358" s="10"/>
    </row>
    <row r="318359" spans="14:14">
      <c r="N318359" s="10"/>
    </row>
    <row r="318360" spans="14:14">
      <c r="N318360" s="10"/>
    </row>
    <row r="318361" spans="14:14">
      <c r="N318361" s="10"/>
    </row>
    <row r="318362" spans="14:14">
      <c r="N318362" s="10"/>
    </row>
    <row r="318363" spans="14:14">
      <c r="N318363" s="10"/>
    </row>
    <row r="318364" spans="14:14">
      <c r="N318364" s="10"/>
    </row>
    <row r="318365" spans="14:14">
      <c r="N318365" s="10"/>
    </row>
    <row r="318366" spans="14:14">
      <c r="N318366" s="10"/>
    </row>
    <row r="318367" spans="14:14">
      <c r="N318367" s="10"/>
    </row>
    <row r="318368" spans="14:14">
      <c r="N318368" s="10"/>
    </row>
    <row r="318369" spans="14:14">
      <c r="N318369" s="10"/>
    </row>
    <row r="318370" spans="14:14">
      <c r="N318370" s="10"/>
    </row>
    <row r="318371" spans="14:14">
      <c r="N318371" s="10"/>
    </row>
    <row r="318372" spans="14:14">
      <c r="N318372" s="10"/>
    </row>
    <row r="318373" spans="14:14">
      <c r="N318373" s="10"/>
    </row>
    <row r="318374" spans="14:14">
      <c r="N318374" s="10"/>
    </row>
    <row r="318375" spans="14:14">
      <c r="N318375" s="10"/>
    </row>
    <row r="318376" spans="14:14">
      <c r="N318376" s="10"/>
    </row>
    <row r="318377" spans="14:14">
      <c r="N318377" s="10"/>
    </row>
    <row r="318378" spans="14:14">
      <c r="N318378" s="10"/>
    </row>
    <row r="318379" spans="14:14">
      <c r="N318379" s="10"/>
    </row>
    <row r="318380" spans="14:14">
      <c r="N318380" s="10"/>
    </row>
    <row r="318381" spans="14:14">
      <c r="N318381" s="10"/>
    </row>
    <row r="318382" spans="14:14">
      <c r="N318382" s="10"/>
    </row>
    <row r="318383" spans="14:14">
      <c r="N318383" s="10"/>
    </row>
    <row r="318384" spans="14:14">
      <c r="N318384" s="10"/>
    </row>
    <row r="318385" spans="14:14">
      <c r="N318385" s="10"/>
    </row>
    <row r="318386" spans="14:14">
      <c r="N318386" s="10"/>
    </row>
    <row r="318387" spans="14:14">
      <c r="N318387" s="10"/>
    </row>
    <row r="318388" spans="14:14">
      <c r="N318388" s="10"/>
    </row>
    <row r="318389" spans="14:14">
      <c r="N318389" s="10"/>
    </row>
    <row r="318390" spans="14:14">
      <c r="N318390" s="10"/>
    </row>
    <row r="318391" spans="14:14">
      <c r="N318391" s="10"/>
    </row>
    <row r="318392" spans="14:14">
      <c r="N318392" s="10"/>
    </row>
    <row r="318393" spans="14:14">
      <c r="N318393" s="10"/>
    </row>
    <row r="318394" spans="14:14">
      <c r="N318394" s="10"/>
    </row>
    <row r="318395" spans="14:14">
      <c r="N318395" s="10"/>
    </row>
    <row r="318396" spans="14:14">
      <c r="N318396" s="10"/>
    </row>
    <row r="318397" spans="14:14">
      <c r="N318397" s="10"/>
    </row>
    <row r="318398" spans="14:14">
      <c r="N318398" s="10"/>
    </row>
    <row r="318399" spans="14:14">
      <c r="N318399" s="10"/>
    </row>
    <row r="318400" spans="14:14">
      <c r="N318400" s="10"/>
    </row>
    <row r="318401" spans="14:14">
      <c r="N318401" s="10"/>
    </row>
    <row r="318402" spans="14:14">
      <c r="N318402" s="10"/>
    </row>
    <row r="318403" spans="14:14">
      <c r="N318403" s="10"/>
    </row>
    <row r="318404" spans="14:14">
      <c r="N318404" s="10"/>
    </row>
    <row r="318405" spans="14:14">
      <c r="N318405" s="10"/>
    </row>
    <row r="318406" spans="14:14">
      <c r="N318406" s="10"/>
    </row>
    <row r="318407" spans="14:14">
      <c r="N318407" s="10"/>
    </row>
    <row r="318408" spans="14:14">
      <c r="N318408" s="10"/>
    </row>
    <row r="318409" spans="14:14">
      <c r="N318409" s="10"/>
    </row>
    <row r="318410" spans="14:14">
      <c r="N318410" s="10"/>
    </row>
    <row r="318411" spans="14:14">
      <c r="N318411" s="10"/>
    </row>
    <row r="318412" spans="14:14">
      <c r="N318412" s="10"/>
    </row>
    <row r="318413" spans="14:14">
      <c r="N318413" s="10"/>
    </row>
    <row r="318414" spans="14:14">
      <c r="N318414" s="10"/>
    </row>
    <row r="318415" spans="14:14">
      <c r="N318415" s="10"/>
    </row>
    <row r="318416" spans="14:14">
      <c r="N318416" s="10"/>
    </row>
    <row r="318417" spans="14:14">
      <c r="N318417" s="10"/>
    </row>
    <row r="318418" spans="14:14">
      <c r="N318418" s="10"/>
    </row>
    <row r="318419" spans="14:14">
      <c r="N318419" s="10"/>
    </row>
    <row r="318420" spans="14:14">
      <c r="N318420" s="10"/>
    </row>
    <row r="318421" spans="14:14">
      <c r="N318421" s="10"/>
    </row>
    <row r="318422" spans="14:14">
      <c r="N318422" s="10"/>
    </row>
    <row r="318423" spans="14:14">
      <c r="N318423" s="10"/>
    </row>
    <row r="318424" spans="14:14">
      <c r="N318424" s="10"/>
    </row>
    <row r="318425" spans="14:14">
      <c r="N318425" s="10"/>
    </row>
    <row r="318426" spans="14:14">
      <c r="N318426" s="10"/>
    </row>
    <row r="318427" spans="14:14">
      <c r="N318427" s="10"/>
    </row>
    <row r="318428" spans="14:14">
      <c r="N318428" s="10"/>
    </row>
    <row r="318429" spans="14:14">
      <c r="N318429" s="10"/>
    </row>
    <row r="318430" spans="14:14">
      <c r="N318430" s="10"/>
    </row>
    <row r="318431" spans="14:14">
      <c r="N318431" s="10"/>
    </row>
    <row r="318432" spans="14:14">
      <c r="N318432" s="10"/>
    </row>
    <row r="318433" spans="14:14">
      <c r="N318433" s="10"/>
    </row>
    <row r="318434" spans="14:14">
      <c r="N318434" s="10"/>
    </row>
    <row r="318435" spans="14:14">
      <c r="N318435" s="10"/>
    </row>
    <row r="318436" spans="14:14">
      <c r="N318436" s="10"/>
    </row>
    <row r="318437" spans="14:14">
      <c r="N318437" s="10"/>
    </row>
    <row r="318438" spans="14:14">
      <c r="N318438" s="10"/>
    </row>
    <row r="318439" spans="14:14">
      <c r="N318439" s="10"/>
    </row>
    <row r="318440" spans="14:14">
      <c r="N318440" s="10"/>
    </row>
    <row r="318441" spans="14:14">
      <c r="N318441" s="10"/>
    </row>
    <row r="318442" spans="14:14">
      <c r="N318442" s="10"/>
    </row>
    <row r="318443" spans="14:14">
      <c r="N318443" s="10"/>
    </row>
    <row r="318444" spans="14:14">
      <c r="N318444" s="10"/>
    </row>
    <row r="318445" spans="14:14">
      <c r="N318445" s="10"/>
    </row>
    <row r="318446" spans="14:14">
      <c r="N318446" s="10"/>
    </row>
    <row r="318447" spans="14:14">
      <c r="N318447" s="10"/>
    </row>
    <row r="318448" spans="14:14">
      <c r="N318448" s="10"/>
    </row>
    <row r="318449" spans="14:14">
      <c r="N318449" s="10"/>
    </row>
    <row r="318450" spans="14:14">
      <c r="N318450" s="10"/>
    </row>
    <row r="318451" spans="14:14">
      <c r="N318451" s="10"/>
    </row>
    <row r="318452" spans="14:14">
      <c r="N318452" s="10"/>
    </row>
    <row r="318453" spans="14:14">
      <c r="N318453" s="10"/>
    </row>
    <row r="318454" spans="14:14">
      <c r="N318454" s="10"/>
    </row>
    <row r="318455" spans="14:14">
      <c r="N318455" s="10"/>
    </row>
    <row r="318456" spans="14:14">
      <c r="N318456" s="10"/>
    </row>
    <row r="318457" spans="14:14">
      <c r="N318457" s="10"/>
    </row>
    <row r="318458" spans="14:14">
      <c r="N318458" s="10"/>
    </row>
    <row r="318459" spans="14:14">
      <c r="N318459" s="10"/>
    </row>
    <row r="318460" spans="14:14">
      <c r="N318460" s="10"/>
    </row>
    <row r="318461" spans="14:14">
      <c r="N318461" s="10"/>
    </row>
    <row r="318462" spans="14:14">
      <c r="N318462" s="10"/>
    </row>
    <row r="318463" spans="14:14">
      <c r="N318463" s="10"/>
    </row>
    <row r="318464" spans="14:14">
      <c r="N318464" s="10"/>
    </row>
    <row r="318465" spans="14:14">
      <c r="N318465" s="10"/>
    </row>
    <row r="318466" spans="14:14">
      <c r="N318466" s="10"/>
    </row>
    <row r="318467" spans="14:14">
      <c r="N318467" s="10"/>
    </row>
    <row r="318468" spans="14:14">
      <c r="N318468" s="10"/>
    </row>
    <row r="318469" spans="14:14">
      <c r="N318469" s="10"/>
    </row>
    <row r="318470" spans="14:14">
      <c r="N318470" s="10"/>
    </row>
    <row r="318471" spans="14:14">
      <c r="N318471" s="10"/>
    </row>
    <row r="318472" spans="14:14">
      <c r="N318472" s="10"/>
    </row>
    <row r="318473" spans="14:14">
      <c r="N318473" s="10"/>
    </row>
    <row r="318474" spans="14:14">
      <c r="N318474" s="10"/>
    </row>
    <row r="318475" spans="14:14">
      <c r="N318475" s="10"/>
    </row>
    <row r="318476" spans="14:14">
      <c r="N318476" s="10"/>
    </row>
    <row r="318477" spans="14:14">
      <c r="N318477" s="10"/>
    </row>
    <row r="318478" spans="14:14">
      <c r="N318478" s="10"/>
    </row>
    <row r="318479" spans="14:14">
      <c r="N318479" s="10"/>
    </row>
    <row r="318480" spans="14:14">
      <c r="N318480" s="10"/>
    </row>
    <row r="318481" spans="14:14">
      <c r="N318481" s="10"/>
    </row>
    <row r="318482" spans="14:14">
      <c r="N318482" s="10"/>
    </row>
    <row r="318483" spans="14:14">
      <c r="N318483" s="10"/>
    </row>
    <row r="318484" spans="14:14">
      <c r="N318484" s="10"/>
    </row>
    <row r="318485" spans="14:14">
      <c r="N318485" s="10"/>
    </row>
    <row r="318486" spans="14:14">
      <c r="N318486" s="10"/>
    </row>
    <row r="318487" spans="14:14">
      <c r="N318487" s="10"/>
    </row>
    <row r="318488" spans="14:14">
      <c r="N318488" s="10"/>
    </row>
    <row r="318489" spans="14:14">
      <c r="N318489" s="10"/>
    </row>
    <row r="318490" spans="14:14">
      <c r="N318490" s="10"/>
    </row>
    <row r="318491" spans="14:14">
      <c r="N318491" s="10"/>
    </row>
    <row r="318492" spans="14:14">
      <c r="N318492" s="10"/>
    </row>
    <row r="318493" spans="14:14">
      <c r="N318493" s="10"/>
    </row>
    <row r="318494" spans="14:14">
      <c r="N318494" s="10"/>
    </row>
    <row r="318495" spans="14:14">
      <c r="N318495" s="10"/>
    </row>
    <row r="318496" spans="14:14">
      <c r="N318496" s="10"/>
    </row>
    <row r="318497" spans="14:14">
      <c r="N318497" s="10"/>
    </row>
    <row r="318498" spans="14:14">
      <c r="N318498" s="10"/>
    </row>
    <row r="318499" spans="14:14">
      <c r="N318499" s="10"/>
    </row>
    <row r="318500" spans="14:14">
      <c r="N318500" s="10"/>
    </row>
    <row r="318501" spans="14:14">
      <c r="N318501" s="10"/>
    </row>
    <row r="318502" spans="14:14">
      <c r="N318502" s="10"/>
    </row>
    <row r="318503" spans="14:14">
      <c r="N318503" s="10"/>
    </row>
    <row r="318504" spans="14:14">
      <c r="N318504" s="10"/>
    </row>
    <row r="318505" spans="14:14">
      <c r="N318505" s="10"/>
    </row>
    <row r="318506" spans="14:14">
      <c r="N318506" s="10"/>
    </row>
    <row r="318507" spans="14:14">
      <c r="N318507" s="10"/>
    </row>
    <row r="318508" spans="14:14">
      <c r="N318508" s="10"/>
    </row>
    <row r="318509" spans="14:14">
      <c r="N318509" s="10"/>
    </row>
    <row r="318510" spans="14:14">
      <c r="N318510" s="10"/>
    </row>
    <row r="318511" spans="14:14">
      <c r="N318511" s="10"/>
    </row>
    <row r="318512" spans="14:14">
      <c r="N318512" s="10"/>
    </row>
    <row r="318513" spans="14:14">
      <c r="N318513" s="10"/>
    </row>
    <row r="318514" spans="14:14">
      <c r="N318514" s="10"/>
    </row>
    <row r="318515" spans="14:14">
      <c r="N318515" s="10"/>
    </row>
    <row r="318516" spans="14:14">
      <c r="N318516" s="10"/>
    </row>
    <row r="318517" spans="14:14">
      <c r="N318517" s="10"/>
    </row>
    <row r="318518" spans="14:14">
      <c r="N318518" s="10"/>
    </row>
    <row r="318519" spans="14:14">
      <c r="N318519" s="10"/>
    </row>
    <row r="318520" spans="14:14">
      <c r="N318520" s="10"/>
    </row>
    <row r="318521" spans="14:14">
      <c r="N318521" s="10"/>
    </row>
    <row r="318522" spans="14:14">
      <c r="N318522" s="10"/>
    </row>
    <row r="318523" spans="14:14">
      <c r="N318523" s="10"/>
    </row>
    <row r="318524" spans="14:14">
      <c r="N318524" s="10"/>
    </row>
    <row r="318525" spans="14:14">
      <c r="N318525" s="10"/>
    </row>
    <row r="318526" spans="14:14">
      <c r="N318526" s="10"/>
    </row>
    <row r="318527" spans="14:14">
      <c r="N318527" s="10"/>
    </row>
    <row r="318528" spans="14:14">
      <c r="N318528" s="10"/>
    </row>
    <row r="318529" spans="14:14">
      <c r="N318529" s="10"/>
    </row>
    <row r="318530" spans="14:14">
      <c r="N318530" s="10"/>
    </row>
    <row r="318531" spans="14:14">
      <c r="N318531" s="10"/>
    </row>
    <row r="318532" spans="14:14">
      <c r="N318532" s="10"/>
    </row>
    <row r="318533" spans="14:14">
      <c r="N318533" s="10"/>
    </row>
    <row r="318534" spans="14:14">
      <c r="N318534" s="10"/>
    </row>
    <row r="318535" spans="14:14">
      <c r="N318535" s="10"/>
    </row>
    <row r="318536" spans="14:14">
      <c r="N318536" s="10"/>
    </row>
    <row r="318537" spans="14:14">
      <c r="N318537" s="10"/>
    </row>
    <row r="318538" spans="14:14">
      <c r="N318538" s="10"/>
    </row>
    <row r="318539" spans="14:14">
      <c r="N318539" s="10"/>
    </row>
    <row r="318540" spans="14:14">
      <c r="N318540" s="10"/>
    </row>
    <row r="318541" spans="14:14">
      <c r="N318541" s="10"/>
    </row>
    <row r="318542" spans="14:14">
      <c r="N318542" s="10"/>
    </row>
    <row r="318543" spans="14:14">
      <c r="N318543" s="10"/>
    </row>
    <row r="318544" spans="14:14">
      <c r="N318544" s="10"/>
    </row>
    <row r="318545" spans="14:14">
      <c r="N318545" s="10"/>
    </row>
    <row r="318546" spans="14:14">
      <c r="N318546" s="10"/>
    </row>
    <row r="318547" spans="14:14">
      <c r="N318547" s="10"/>
    </row>
    <row r="318548" spans="14:14">
      <c r="N318548" s="10"/>
    </row>
    <row r="318549" spans="14:14">
      <c r="N318549" s="10"/>
    </row>
    <row r="318550" spans="14:14">
      <c r="N318550" s="10"/>
    </row>
    <row r="318551" spans="14:14">
      <c r="N318551" s="10"/>
    </row>
    <row r="318552" spans="14:14">
      <c r="N318552" s="10"/>
    </row>
    <row r="318553" spans="14:14">
      <c r="N318553" s="10"/>
    </row>
    <row r="318554" spans="14:14">
      <c r="N318554" s="10"/>
    </row>
    <row r="318555" spans="14:14">
      <c r="N318555" s="10"/>
    </row>
    <row r="318556" spans="14:14">
      <c r="N318556" s="10"/>
    </row>
    <row r="318557" spans="14:14">
      <c r="N318557" s="10"/>
    </row>
    <row r="318558" spans="14:14">
      <c r="N318558" s="10"/>
    </row>
    <row r="318559" spans="14:14">
      <c r="N318559" s="10"/>
    </row>
    <row r="318560" spans="14:14">
      <c r="N318560" s="10"/>
    </row>
    <row r="318561" spans="14:14">
      <c r="N318561" s="10"/>
    </row>
    <row r="318562" spans="14:14">
      <c r="N318562" s="10"/>
    </row>
    <row r="318563" spans="14:14">
      <c r="N318563" s="10"/>
    </row>
    <row r="318564" spans="14:14">
      <c r="N318564" s="10"/>
    </row>
    <row r="318565" spans="14:14">
      <c r="N318565" s="10"/>
    </row>
    <row r="318566" spans="14:14">
      <c r="N318566" s="10"/>
    </row>
    <row r="318567" spans="14:14">
      <c r="N318567" s="10"/>
    </row>
    <row r="318568" spans="14:14">
      <c r="N318568" s="10"/>
    </row>
    <row r="318569" spans="14:14">
      <c r="N318569" s="10"/>
    </row>
    <row r="318570" spans="14:14">
      <c r="N318570" s="10"/>
    </row>
    <row r="318571" spans="14:14">
      <c r="N318571" s="10"/>
    </row>
    <row r="318572" spans="14:14">
      <c r="N318572" s="10"/>
    </row>
    <row r="318573" spans="14:14">
      <c r="N318573" s="10"/>
    </row>
    <row r="318574" spans="14:14">
      <c r="N318574" s="10"/>
    </row>
    <row r="318575" spans="14:14">
      <c r="N318575" s="10"/>
    </row>
    <row r="318576" spans="14:14">
      <c r="N318576" s="10"/>
    </row>
    <row r="318577" spans="14:14">
      <c r="N318577" s="10"/>
    </row>
    <row r="318578" spans="14:14">
      <c r="N318578" s="10"/>
    </row>
    <row r="318579" spans="14:14">
      <c r="N318579" s="10"/>
    </row>
    <row r="318580" spans="14:14">
      <c r="N318580" s="10"/>
    </row>
    <row r="318581" spans="14:14">
      <c r="N318581" s="10"/>
    </row>
    <row r="318582" spans="14:14">
      <c r="N318582" s="10"/>
    </row>
    <row r="318583" spans="14:14">
      <c r="N318583" s="10"/>
    </row>
    <row r="318584" spans="14:14">
      <c r="N318584" s="10"/>
    </row>
    <row r="318585" spans="14:14">
      <c r="N318585" s="10"/>
    </row>
    <row r="318586" spans="14:14">
      <c r="N318586" s="10"/>
    </row>
    <row r="318587" spans="14:14">
      <c r="N318587" s="10"/>
    </row>
    <row r="318588" spans="14:14">
      <c r="N318588" s="10"/>
    </row>
    <row r="318589" spans="14:14">
      <c r="N318589" s="10"/>
    </row>
    <row r="318590" spans="14:14">
      <c r="N318590" s="10"/>
    </row>
    <row r="318591" spans="14:14">
      <c r="N318591" s="10"/>
    </row>
    <row r="318592" spans="14:14">
      <c r="N318592" s="10"/>
    </row>
    <row r="318593" spans="14:14">
      <c r="N318593" s="10"/>
    </row>
    <row r="318594" spans="14:14">
      <c r="N318594" s="10"/>
    </row>
    <row r="318595" spans="14:14">
      <c r="N318595" s="10"/>
    </row>
    <row r="318596" spans="14:14">
      <c r="N318596" s="10"/>
    </row>
    <row r="318597" spans="14:14">
      <c r="N318597" s="10"/>
    </row>
    <row r="318598" spans="14:14">
      <c r="N318598" s="10"/>
    </row>
    <row r="318599" spans="14:14">
      <c r="N318599" s="10"/>
    </row>
    <row r="318600" spans="14:14">
      <c r="N318600" s="10"/>
    </row>
    <row r="318601" spans="14:14">
      <c r="N318601" s="10"/>
    </row>
    <row r="318602" spans="14:14">
      <c r="N318602" s="10"/>
    </row>
    <row r="318603" spans="14:14">
      <c r="N318603" s="10"/>
    </row>
    <row r="318604" spans="14:14">
      <c r="N318604" s="10"/>
    </row>
    <row r="318605" spans="14:14">
      <c r="N318605" s="10"/>
    </row>
    <row r="318606" spans="14:14">
      <c r="N318606" s="10"/>
    </row>
    <row r="318607" spans="14:14">
      <c r="N318607" s="10"/>
    </row>
    <row r="318608" spans="14:14">
      <c r="N318608" s="10"/>
    </row>
    <row r="318609" spans="14:14">
      <c r="N318609" s="10"/>
    </row>
    <row r="318610" spans="14:14">
      <c r="N318610" s="10"/>
    </row>
    <row r="318611" spans="14:14">
      <c r="N318611" s="10"/>
    </row>
    <row r="318612" spans="14:14">
      <c r="N318612" s="10"/>
    </row>
    <row r="318613" spans="14:14">
      <c r="N318613" s="10"/>
    </row>
    <row r="318614" spans="14:14">
      <c r="N318614" s="10"/>
    </row>
    <row r="318615" spans="14:14">
      <c r="N318615" s="10"/>
    </row>
    <row r="318616" spans="14:14">
      <c r="N318616" s="10"/>
    </row>
    <row r="318617" spans="14:14">
      <c r="N318617" s="10"/>
    </row>
    <row r="318618" spans="14:14">
      <c r="N318618" s="10"/>
    </row>
    <row r="318619" spans="14:14">
      <c r="N318619" s="10"/>
    </row>
    <row r="318620" spans="14:14">
      <c r="N318620" s="10"/>
    </row>
    <row r="318621" spans="14:14">
      <c r="N318621" s="10"/>
    </row>
    <row r="318622" spans="14:14">
      <c r="N318622" s="10"/>
    </row>
    <row r="318623" spans="14:14">
      <c r="N318623" s="10"/>
    </row>
    <row r="318624" spans="14:14">
      <c r="N318624" s="10"/>
    </row>
    <row r="318625" spans="14:14">
      <c r="N318625" s="10"/>
    </row>
    <row r="318626" spans="14:14">
      <c r="N318626" s="10"/>
    </row>
    <row r="318627" spans="14:14">
      <c r="N318627" s="10"/>
    </row>
    <row r="318628" spans="14:14">
      <c r="N318628" s="10"/>
    </row>
    <row r="318629" spans="14:14">
      <c r="N318629" s="10"/>
    </row>
    <row r="318630" spans="14:14">
      <c r="N318630" s="10"/>
    </row>
    <row r="318631" spans="14:14">
      <c r="N318631" s="10"/>
    </row>
    <row r="318632" spans="14:14">
      <c r="N318632" s="10"/>
    </row>
    <row r="318633" spans="14:14">
      <c r="N318633" s="10"/>
    </row>
    <row r="318634" spans="14:14">
      <c r="N318634" s="10"/>
    </row>
    <row r="318635" spans="14:14">
      <c r="N318635" s="10"/>
    </row>
    <row r="318636" spans="14:14">
      <c r="N318636" s="10"/>
    </row>
    <row r="318637" spans="14:14">
      <c r="N318637" s="10"/>
    </row>
    <row r="318638" spans="14:14">
      <c r="N318638" s="10"/>
    </row>
    <row r="318639" spans="14:14">
      <c r="N318639" s="10"/>
    </row>
    <row r="318640" spans="14:14">
      <c r="N318640" s="10"/>
    </row>
    <row r="318641" spans="14:14">
      <c r="N318641" s="10"/>
    </row>
    <row r="318642" spans="14:14">
      <c r="N318642" s="10"/>
    </row>
    <row r="318643" spans="14:14">
      <c r="N318643" s="10"/>
    </row>
    <row r="318644" spans="14:14">
      <c r="N318644" s="10"/>
    </row>
    <row r="318645" spans="14:14">
      <c r="N318645" s="10"/>
    </row>
    <row r="318646" spans="14:14">
      <c r="N318646" s="10"/>
    </row>
    <row r="318647" spans="14:14">
      <c r="N318647" s="10"/>
    </row>
    <row r="318648" spans="14:14">
      <c r="N318648" s="10"/>
    </row>
    <row r="318649" spans="14:14">
      <c r="N318649" s="10"/>
    </row>
    <row r="318650" spans="14:14">
      <c r="N318650" s="10"/>
    </row>
    <row r="318651" spans="14:14">
      <c r="N318651" s="10"/>
    </row>
    <row r="318652" spans="14:14">
      <c r="N318652" s="10"/>
    </row>
    <row r="318653" spans="14:14">
      <c r="N318653" s="10"/>
    </row>
    <row r="318654" spans="14:14">
      <c r="N318654" s="10"/>
    </row>
    <row r="318655" spans="14:14">
      <c r="N318655" s="10"/>
    </row>
    <row r="318656" spans="14:14">
      <c r="N318656" s="10"/>
    </row>
    <row r="318657" spans="14:14">
      <c r="N318657" s="10"/>
    </row>
    <row r="318658" spans="14:14">
      <c r="N318658" s="10"/>
    </row>
    <row r="318659" spans="14:14">
      <c r="N318659" s="10"/>
    </row>
    <row r="318660" spans="14:14">
      <c r="N318660" s="10"/>
    </row>
    <row r="318661" spans="14:14">
      <c r="N318661" s="10"/>
    </row>
    <row r="318662" spans="14:14">
      <c r="N318662" s="10"/>
    </row>
    <row r="318663" spans="14:14">
      <c r="N318663" s="10"/>
    </row>
    <row r="318664" spans="14:14">
      <c r="N318664" s="10"/>
    </row>
    <row r="318665" spans="14:14">
      <c r="N318665" s="10"/>
    </row>
    <row r="318666" spans="14:14">
      <c r="N318666" s="10"/>
    </row>
    <row r="318667" spans="14:14">
      <c r="N318667" s="10"/>
    </row>
    <row r="318668" spans="14:14">
      <c r="N318668" s="10"/>
    </row>
    <row r="318669" spans="14:14">
      <c r="N318669" s="10"/>
    </row>
    <row r="318670" spans="14:14">
      <c r="N318670" s="10"/>
    </row>
    <row r="318671" spans="14:14">
      <c r="N318671" s="10"/>
    </row>
    <row r="318672" spans="14:14">
      <c r="N318672" s="10"/>
    </row>
    <row r="318673" spans="14:14">
      <c r="N318673" s="10"/>
    </row>
    <row r="318674" spans="14:14">
      <c r="N318674" s="10"/>
    </row>
    <row r="318675" spans="14:14">
      <c r="N318675" s="10"/>
    </row>
    <row r="318676" spans="14:14">
      <c r="N318676" s="10"/>
    </row>
    <row r="318677" spans="14:14">
      <c r="N318677" s="10"/>
    </row>
    <row r="318678" spans="14:14">
      <c r="N318678" s="10"/>
    </row>
    <row r="318679" spans="14:14">
      <c r="N318679" s="10"/>
    </row>
    <row r="318680" spans="14:14">
      <c r="N318680" s="10"/>
    </row>
    <row r="318681" spans="14:14">
      <c r="N318681" s="10"/>
    </row>
    <row r="318682" spans="14:14">
      <c r="N318682" s="10"/>
    </row>
    <row r="318683" spans="14:14">
      <c r="N318683" s="10"/>
    </row>
    <row r="318684" spans="14:14">
      <c r="N318684" s="10"/>
    </row>
    <row r="318685" spans="14:14">
      <c r="N318685" s="10"/>
    </row>
    <row r="318686" spans="14:14">
      <c r="N318686" s="10"/>
    </row>
    <row r="318687" spans="14:14">
      <c r="N318687" s="10"/>
    </row>
    <row r="318688" spans="14:14">
      <c r="N318688" s="10"/>
    </row>
    <row r="318689" spans="14:14">
      <c r="N318689" s="10"/>
    </row>
    <row r="318690" spans="14:14">
      <c r="N318690" s="10"/>
    </row>
    <row r="318691" spans="14:14">
      <c r="N318691" s="10"/>
    </row>
    <row r="318692" spans="14:14">
      <c r="N318692" s="10"/>
    </row>
    <row r="318693" spans="14:14">
      <c r="N318693" s="10"/>
    </row>
    <row r="318694" spans="14:14">
      <c r="N318694" s="10"/>
    </row>
    <row r="318695" spans="14:14">
      <c r="N318695" s="10"/>
    </row>
    <row r="318696" spans="14:14">
      <c r="N318696" s="10"/>
    </row>
    <row r="318697" spans="14:14">
      <c r="N318697" s="10"/>
    </row>
    <row r="318698" spans="14:14">
      <c r="N318698" s="10"/>
    </row>
    <row r="318699" spans="14:14">
      <c r="N318699" s="10"/>
    </row>
    <row r="318700" spans="14:14">
      <c r="N318700" s="10"/>
    </row>
    <row r="318701" spans="14:14">
      <c r="N318701" s="10"/>
    </row>
    <row r="318702" spans="14:14">
      <c r="N318702" s="10"/>
    </row>
    <row r="318703" spans="14:14">
      <c r="N318703" s="10"/>
    </row>
    <row r="318704" spans="14:14">
      <c r="N318704" s="10"/>
    </row>
    <row r="318705" spans="14:14">
      <c r="N318705" s="10"/>
    </row>
    <row r="318706" spans="14:14">
      <c r="N318706" s="10"/>
    </row>
    <row r="318707" spans="14:14">
      <c r="N318707" s="10"/>
    </row>
    <row r="318708" spans="14:14">
      <c r="N318708" s="10"/>
    </row>
    <row r="318709" spans="14:14">
      <c r="N318709" s="10"/>
    </row>
    <row r="318710" spans="14:14">
      <c r="N318710" s="10"/>
    </row>
    <row r="318711" spans="14:14">
      <c r="N318711" s="10"/>
    </row>
    <row r="318712" spans="14:14">
      <c r="N318712" s="10"/>
    </row>
    <row r="318713" spans="14:14">
      <c r="N318713" s="10"/>
    </row>
    <row r="318714" spans="14:14">
      <c r="N318714" s="10"/>
    </row>
    <row r="318715" spans="14:14">
      <c r="N318715" s="10"/>
    </row>
    <row r="318716" spans="14:14">
      <c r="N318716" s="10"/>
    </row>
    <row r="318717" spans="14:14">
      <c r="N318717" s="10"/>
    </row>
    <row r="318718" spans="14:14">
      <c r="N318718" s="10"/>
    </row>
    <row r="318719" spans="14:14">
      <c r="N318719" s="10"/>
    </row>
    <row r="318720" spans="14:14">
      <c r="N318720" s="10"/>
    </row>
    <row r="318721" spans="14:14">
      <c r="N318721" s="10"/>
    </row>
    <row r="318722" spans="14:14">
      <c r="N318722" s="10"/>
    </row>
    <row r="318723" spans="14:14">
      <c r="N318723" s="10"/>
    </row>
    <row r="318724" spans="14:14">
      <c r="N318724" s="10"/>
    </row>
    <row r="318725" spans="14:14">
      <c r="N318725" s="10"/>
    </row>
    <row r="318726" spans="14:14">
      <c r="N318726" s="10"/>
    </row>
    <row r="318727" spans="14:14">
      <c r="N318727" s="10"/>
    </row>
    <row r="318728" spans="14:14">
      <c r="N318728" s="10"/>
    </row>
    <row r="318729" spans="14:14">
      <c r="N318729" s="10"/>
    </row>
    <row r="318730" spans="14:14">
      <c r="N318730" s="10"/>
    </row>
    <row r="318731" spans="14:14">
      <c r="N318731" s="10"/>
    </row>
    <row r="318732" spans="14:14">
      <c r="N318732" s="10"/>
    </row>
    <row r="318733" spans="14:14">
      <c r="N318733" s="10"/>
    </row>
    <row r="318734" spans="14:14">
      <c r="N318734" s="10"/>
    </row>
    <row r="318735" spans="14:14">
      <c r="N318735" s="10"/>
    </row>
    <row r="318736" spans="14:14">
      <c r="N318736" s="10"/>
    </row>
    <row r="318737" spans="14:14">
      <c r="N318737" s="10"/>
    </row>
    <row r="318738" spans="14:14">
      <c r="N318738" s="10"/>
    </row>
    <row r="318739" spans="14:14">
      <c r="N318739" s="10"/>
    </row>
    <row r="318740" spans="14:14">
      <c r="N318740" s="10"/>
    </row>
    <row r="318741" spans="14:14">
      <c r="N318741" s="10"/>
    </row>
    <row r="318742" spans="14:14">
      <c r="N318742" s="10"/>
    </row>
    <row r="318743" spans="14:14">
      <c r="N318743" s="10"/>
    </row>
    <row r="318744" spans="14:14">
      <c r="N318744" s="10"/>
    </row>
    <row r="318745" spans="14:14">
      <c r="N318745" s="10"/>
    </row>
    <row r="318746" spans="14:14">
      <c r="N318746" s="10"/>
    </row>
    <row r="318747" spans="14:14">
      <c r="N318747" s="10"/>
    </row>
    <row r="318748" spans="14:14">
      <c r="N318748" s="10"/>
    </row>
    <row r="318749" spans="14:14">
      <c r="N318749" s="10"/>
    </row>
    <row r="318750" spans="14:14">
      <c r="N318750" s="10"/>
    </row>
    <row r="318751" spans="14:14">
      <c r="N318751" s="10"/>
    </row>
    <row r="318752" spans="14:14">
      <c r="N318752" s="10"/>
    </row>
    <row r="318753" spans="14:14">
      <c r="N318753" s="10"/>
    </row>
    <row r="318754" spans="14:14">
      <c r="N318754" s="10"/>
    </row>
    <row r="318755" spans="14:14">
      <c r="N318755" s="10"/>
    </row>
    <row r="318756" spans="14:14">
      <c r="N318756" s="10"/>
    </row>
    <row r="318757" spans="14:14">
      <c r="N318757" s="10"/>
    </row>
    <row r="318758" spans="14:14">
      <c r="N318758" s="10"/>
    </row>
    <row r="318759" spans="14:14">
      <c r="N318759" s="10"/>
    </row>
    <row r="318760" spans="14:14">
      <c r="N318760" s="10"/>
    </row>
    <row r="318761" spans="14:14">
      <c r="N318761" s="10"/>
    </row>
    <row r="318762" spans="14:14">
      <c r="N318762" s="10"/>
    </row>
    <row r="318763" spans="14:14">
      <c r="N318763" s="10"/>
    </row>
    <row r="318764" spans="14:14">
      <c r="N318764" s="10"/>
    </row>
    <row r="318765" spans="14:14">
      <c r="N318765" s="10"/>
    </row>
    <row r="318766" spans="14:14">
      <c r="N318766" s="10"/>
    </row>
    <row r="318767" spans="14:14">
      <c r="N318767" s="10"/>
    </row>
    <row r="318768" spans="14:14">
      <c r="N318768" s="10"/>
    </row>
    <row r="318769" spans="14:14">
      <c r="N318769" s="10"/>
    </row>
    <row r="318770" spans="14:14">
      <c r="N318770" s="10"/>
    </row>
    <row r="318771" spans="14:14">
      <c r="N318771" s="10"/>
    </row>
    <row r="318772" spans="14:14">
      <c r="N318772" s="10"/>
    </row>
    <row r="318773" spans="14:14">
      <c r="N318773" s="10"/>
    </row>
    <row r="318774" spans="14:14">
      <c r="N318774" s="10"/>
    </row>
    <row r="318775" spans="14:14">
      <c r="N318775" s="10"/>
    </row>
    <row r="318776" spans="14:14">
      <c r="N318776" s="10"/>
    </row>
    <row r="318777" spans="14:14">
      <c r="N318777" s="10"/>
    </row>
    <row r="318778" spans="14:14">
      <c r="N318778" s="10"/>
    </row>
    <row r="318779" spans="14:14">
      <c r="N318779" s="10"/>
    </row>
    <row r="318780" spans="14:14">
      <c r="N318780" s="10"/>
    </row>
    <row r="318781" spans="14:14">
      <c r="N318781" s="10"/>
    </row>
    <row r="318782" spans="14:14">
      <c r="N318782" s="10"/>
    </row>
    <row r="318783" spans="14:14">
      <c r="N318783" s="10"/>
    </row>
    <row r="318784" spans="14:14">
      <c r="N318784" s="10"/>
    </row>
    <row r="318785" spans="14:14">
      <c r="N318785" s="10"/>
    </row>
    <row r="318786" spans="14:14">
      <c r="N318786" s="10"/>
    </row>
    <row r="318787" spans="14:14">
      <c r="N318787" s="10"/>
    </row>
    <row r="318788" spans="14:14">
      <c r="N318788" s="10"/>
    </row>
    <row r="318789" spans="14:14">
      <c r="N318789" s="10"/>
    </row>
    <row r="318790" spans="14:14">
      <c r="N318790" s="10"/>
    </row>
    <row r="318791" spans="14:14">
      <c r="N318791" s="10"/>
    </row>
    <row r="318792" spans="14:14">
      <c r="N318792" s="10"/>
    </row>
    <row r="318793" spans="14:14">
      <c r="N318793" s="10"/>
    </row>
    <row r="318794" spans="14:14">
      <c r="N318794" s="10"/>
    </row>
    <row r="318795" spans="14:14">
      <c r="N318795" s="10"/>
    </row>
    <row r="318796" spans="14:14">
      <c r="N318796" s="10"/>
    </row>
    <row r="318797" spans="14:14">
      <c r="N318797" s="10"/>
    </row>
    <row r="318798" spans="14:14">
      <c r="N318798" s="10"/>
    </row>
    <row r="318799" spans="14:14">
      <c r="N318799" s="10"/>
    </row>
    <row r="318800" spans="14:14">
      <c r="N318800" s="10"/>
    </row>
    <row r="318801" spans="14:14">
      <c r="N318801" s="10"/>
    </row>
    <row r="318802" spans="14:14">
      <c r="N318802" s="10"/>
    </row>
    <row r="318803" spans="14:14">
      <c r="N318803" s="10"/>
    </row>
    <row r="318804" spans="14:14">
      <c r="N318804" s="10"/>
    </row>
    <row r="318805" spans="14:14">
      <c r="N318805" s="10"/>
    </row>
    <row r="318806" spans="14:14">
      <c r="N318806" s="10"/>
    </row>
    <row r="318807" spans="14:14">
      <c r="N318807" s="10"/>
    </row>
    <row r="318808" spans="14:14">
      <c r="N318808" s="10"/>
    </row>
    <row r="318809" spans="14:14">
      <c r="N318809" s="10"/>
    </row>
    <row r="318810" spans="14:14">
      <c r="N318810" s="10"/>
    </row>
    <row r="318811" spans="14:14">
      <c r="N318811" s="10"/>
    </row>
    <row r="318812" spans="14:14">
      <c r="N318812" s="10"/>
    </row>
    <row r="318813" spans="14:14">
      <c r="N318813" s="10"/>
    </row>
    <row r="318814" spans="14:14">
      <c r="N318814" s="10"/>
    </row>
    <row r="318815" spans="14:14">
      <c r="N318815" s="10"/>
    </row>
    <row r="318816" spans="14:14">
      <c r="N318816" s="10"/>
    </row>
    <row r="318817" spans="14:14">
      <c r="N318817" s="10"/>
    </row>
    <row r="318818" spans="14:14">
      <c r="N318818" s="10"/>
    </row>
    <row r="318819" spans="14:14">
      <c r="N318819" s="10"/>
    </row>
    <row r="318820" spans="14:14">
      <c r="N318820" s="10"/>
    </row>
    <row r="318821" spans="14:14">
      <c r="N318821" s="10"/>
    </row>
    <row r="318822" spans="14:14">
      <c r="N318822" s="10"/>
    </row>
    <row r="318823" spans="14:14">
      <c r="N318823" s="10"/>
    </row>
    <row r="318824" spans="14:14">
      <c r="N318824" s="10"/>
    </row>
    <row r="318825" spans="14:14">
      <c r="N318825" s="10"/>
    </row>
    <row r="318826" spans="14:14">
      <c r="N318826" s="10"/>
    </row>
    <row r="318827" spans="14:14">
      <c r="N318827" s="10"/>
    </row>
    <row r="318828" spans="14:14">
      <c r="N318828" s="10"/>
    </row>
    <row r="318829" spans="14:14">
      <c r="N318829" s="10"/>
    </row>
    <row r="318830" spans="14:14">
      <c r="N318830" s="10"/>
    </row>
    <row r="318831" spans="14:14">
      <c r="N318831" s="10"/>
    </row>
    <row r="318832" spans="14:14">
      <c r="N318832" s="10"/>
    </row>
    <row r="318833" spans="14:14">
      <c r="N318833" s="10"/>
    </row>
    <row r="318834" spans="14:14">
      <c r="N318834" s="10"/>
    </row>
    <row r="318835" spans="14:14">
      <c r="N318835" s="10"/>
    </row>
    <row r="318836" spans="14:14">
      <c r="N318836" s="10"/>
    </row>
    <row r="318837" spans="14:14">
      <c r="N318837" s="10"/>
    </row>
    <row r="318838" spans="14:14">
      <c r="N318838" s="10"/>
    </row>
    <row r="318839" spans="14:14">
      <c r="N318839" s="10"/>
    </row>
    <row r="318840" spans="14:14">
      <c r="N318840" s="10"/>
    </row>
    <row r="318841" spans="14:14">
      <c r="N318841" s="10"/>
    </row>
    <row r="318842" spans="14:14">
      <c r="N318842" s="10"/>
    </row>
    <row r="318843" spans="14:14">
      <c r="N318843" s="10"/>
    </row>
    <row r="318844" spans="14:14">
      <c r="N318844" s="10"/>
    </row>
    <row r="318845" spans="14:14">
      <c r="N318845" s="10"/>
    </row>
    <row r="318846" spans="14:14">
      <c r="N318846" s="10"/>
    </row>
    <row r="318847" spans="14:14">
      <c r="N318847" s="10"/>
    </row>
    <row r="318848" spans="14:14">
      <c r="N318848" s="10"/>
    </row>
    <row r="318849" spans="14:14">
      <c r="N318849" s="10"/>
    </row>
    <row r="318850" spans="14:14">
      <c r="N318850" s="10"/>
    </row>
    <row r="318851" spans="14:14">
      <c r="N318851" s="10"/>
    </row>
    <row r="318852" spans="14:14">
      <c r="N318852" s="10"/>
    </row>
    <row r="318853" spans="14:14">
      <c r="N318853" s="10"/>
    </row>
    <row r="318854" spans="14:14">
      <c r="N318854" s="10"/>
    </row>
    <row r="318855" spans="14:14">
      <c r="N318855" s="10"/>
    </row>
    <row r="318856" spans="14:14">
      <c r="N318856" s="10"/>
    </row>
    <row r="318857" spans="14:14">
      <c r="N318857" s="10"/>
    </row>
    <row r="318858" spans="14:14">
      <c r="N318858" s="10"/>
    </row>
    <row r="318859" spans="14:14">
      <c r="N318859" s="10"/>
    </row>
    <row r="318860" spans="14:14">
      <c r="N318860" s="10"/>
    </row>
    <row r="318861" spans="14:14">
      <c r="N318861" s="10"/>
    </row>
    <row r="318862" spans="14:14">
      <c r="N318862" s="10"/>
    </row>
    <row r="318863" spans="14:14">
      <c r="N318863" s="10"/>
    </row>
    <row r="318864" spans="14:14">
      <c r="N318864" s="10"/>
    </row>
    <row r="318865" spans="14:14">
      <c r="N318865" s="10"/>
    </row>
    <row r="318866" spans="14:14">
      <c r="N318866" s="10"/>
    </row>
    <row r="318867" spans="14:14">
      <c r="N318867" s="10"/>
    </row>
    <row r="318868" spans="14:14">
      <c r="N318868" s="10"/>
    </row>
    <row r="318869" spans="14:14">
      <c r="N318869" s="10"/>
    </row>
    <row r="318870" spans="14:14">
      <c r="N318870" s="10"/>
    </row>
    <row r="318871" spans="14:14">
      <c r="N318871" s="10"/>
    </row>
    <row r="318872" spans="14:14">
      <c r="N318872" s="10"/>
    </row>
    <row r="318873" spans="14:14">
      <c r="N318873" s="10"/>
    </row>
    <row r="318874" spans="14:14">
      <c r="N318874" s="10"/>
    </row>
    <row r="318875" spans="14:14">
      <c r="N318875" s="10"/>
    </row>
    <row r="318876" spans="14:14">
      <c r="N318876" s="10"/>
    </row>
    <row r="318877" spans="14:14">
      <c r="N318877" s="10"/>
    </row>
    <row r="318878" spans="14:14">
      <c r="N318878" s="10"/>
    </row>
    <row r="318879" spans="14:14">
      <c r="N318879" s="10"/>
    </row>
    <row r="318880" spans="14:14">
      <c r="N318880" s="10"/>
    </row>
    <row r="318881" spans="14:14">
      <c r="N318881" s="10"/>
    </row>
    <row r="318882" spans="14:14">
      <c r="N318882" s="10"/>
    </row>
    <row r="318883" spans="14:14">
      <c r="N318883" s="10"/>
    </row>
    <row r="318884" spans="14:14">
      <c r="N318884" s="10"/>
    </row>
    <row r="318885" spans="14:14">
      <c r="N318885" s="10"/>
    </row>
    <row r="318886" spans="14:14">
      <c r="N318886" s="10"/>
    </row>
    <row r="318887" spans="14:14">
      <c r="N318887" s="10"/>
    </row>
    <row r="318888" spans="14:14">
      <c r="N318888" s="10"/>
    </row>
    <row r="318889" spans="14:14">
      <c r="N318889" s="10"/>
    </row>
    <row r="318890" spans="14:14">
      <c r="N318890" s="10"/>
    </row>
    <row r="318891" spans="14:14">
      <c r="N318891" s="10"/>
    </row>
    <row r="318892" spans="14:14">
      <c r="N318892" s="10"/>
    </row>
    <row r="318893" spans="14:14">
      <c r="N318893" s="10"/>
    </row>
    <row r="318894" spans="14:14">
      <c r="N318894" s="10"/>
    </row>
    <row r="318895" spans="14:14">
      <c r="N318895" s="10"/>
    </row>
    <row r="318896" spans="14:14">
      <c r="N318896" s="10"/>
    </row>
    <row r="318897" spans="14:14">
      <c r="N318897" s="10"/>
    </row>
    <row r="318898" spans="14:14">
      <c r="N318898" s="10"/>
    </row>
    <row r="318899" spans="14:14">
      <c r="N318899" s="10"/>
    </row>
    <row r="318900" spans="14:14">
      <c r="N318900" s="10"/>
    </row>
    <row r="318901" spans="14:14">
      <c r="N318901" s="10"/>
    </row>
    <row r="318902" spans="14:14">
      <c r="N318902" s="10"/>
    </row>
    <row r="318903" spans="14:14">
      <c r="N318903" s="10"/>
    </row>
    <row r="318904" spans="14:14">
      <c r="N318904" s="10"/>
    </row>
    <row r="318905" spans="14:14">
      <c r="N318905" s="10"/>
    </row>
    <row r="318906" spans="14:14">
      <c r="N318906" s="10"/>
    </row>
    <row r="318907" spans="14:14">
      <c r="N318907" s="10"/>
    </row>
    <row r="318908" spans="14:14">
      <c r="N318908" s="10"/>
    </row>
    <row r="318909" spans="14:14">
      <c r="N318909" s="10"/>
    </row>
    <row r="318910" spans="14:14">
      <c r="N318910" s="10"/>
    </row>
    <row r="318911" spans="14:14">
      <c r="N318911" s="10"/>
    </row>
    <row r="318912" spans="14:14">
      <c r="N318912" s="10"/>
    </row>
    <row r="318913" spans="14:14">
      <c r="N318913" s="10"/>
    </row>
    <row r="318914" spans="14:14">
      <c r="N318914" s="10"/>
    </row>
    <row r="318915" spans="14:14">
      <c r="N318915" s="10"/>
    </row>
    <row r="318916" spans="14:14">
      <c r="N318916" s="10"/>
    </row>
    <row r="318917" spans="14:14">
      <c r="N318917" s="10"/>
    </row>
    <row r="318918" spans="14:14">
      <c r="N318918" s="10"/>
    </row>
    <row r="318919" spans="14:14">
      <c r="N318919" s="10"/>
    </row>
    <row r="318920" spans="14:14">
      <c r="N318920" s="10"/>
    </row>
    <row r="318921" spans="14:14">
      <c r="N318921" s="10"/>
    </row>
    <row r="318922" spans="14:14">
      <c r="N318922" s="10"/>
    </row>
    <row r="318923" spans="14:14">
      <c r="N318923" s="10"/>
    </row>
    <row r="318924" spans="14:14">
      <c r="N318924" s="10"/>
    </row>
    <row r="318925" spans="14:14">
      <c r="N318925" s="10"/>
    </row>
    <row r="318926" spans="14:14">
      <c r="N318926" s="10"/>
    </row>
    <row r="318927" spans="14:14">
      <c r="N318927" s="10"/>
    </row>
    <row r="318928" spans="14:14">
      <c r="N318928" s="10"/>
    </row>
    <row r="318929" spans="14:14">
      <c r="N318929" s="10"/>
    </row>
    <row r="318930" spans="14:14">
      <c r="N318930" s="10"/>
    </row>
    <row r="318931" spans="14:14">
      <c r="N318931" s="10"/>
    </row>
    <row r="318932" spans="14:14">
      <c r="N318932" s="10"/>
    </row>
    <row r="318933" spans="14:14">
      <c r="N318933" s="10"/>
    </row>
    <row r="318934" spans="14:14">
      <c r="N318934" s="10"/>
    </row>
    <row r="318935" spans="14:14">
      <c r="N318935" s="10"/>
    </row>
    <row r="318936" spans="14:14">
      <c r="N318936" s="10"/>
    </row>
    <row r="318937" spans="14:14">
      <c r="N318937" s="10"/>
    </row>
    <row r="318938" spans="14:14">
      <c r="N318938" s="10"/>
    </row>
    <row r="318939" spans="14:14">
      <c r="N318939" s="10"/>
    </row>
    <row r="318940" spans="14:14">
      <c r="N318940" s="10"/>
    </row>
    <row r="318941" spans="14:14">
      <c r="N318941" s="10"/>
    </row>
    <row r="318942" spans="14:14">
      <c r="N318942" s="10"/>
    </row>
    <row r="318943" spans="14:14">
      <c r="N318943" s="10"/>
    </row>
    <row r="318944" spans="14:14">
      <c r="N318944" s="10"/>
    </row>
    <row r="318945" spans="14:14">
      <c r="N318945" s="10"/>
    </row>
    <row r="318946" spans="14:14">
      <c r="N318946" s="10"/>
    </row>
    <row r="318947" spans="14:14">
      <c r="N318947" s="10"/>
    </row>
    <row r="318948" spans="14:14">
      <c r="N318948" s="10"/>
    </row>
    <row r="318949" spans="14:14">
      <c r="N318949" s="10"/>
    </row>
    <row r="318950" spans="14:14">
      <c r="N318950" s="10"/>
    </row>
    <row r="318951" spans="14:14">
      <c r="N318951" s="10"/>
    </row>
    <row r="318952" spans="14:14">
      <c r="N318952" s="10"/>
    </row>
    <row r="318953" spans="14:14">
      <c r="N318953" s="10"/>
    </row>
    <row r="318954" spans="14:14">
      <c r="N318954" s="10"/>
    </row>
    <row r="318955" spans="14:14">
      <c r="N318955" s="10"/>
    </row>
    <row r="318956" spans="14:14">
      <c r="N318956" s="10"/>
    </row>
    <row r="318957" spans="14:14">
      <c r="N318957" s="10"/>
    </row>
    <row r="318958" spans="14:14">
      <c r="N318958" s="10"/>
    </row>
    <row r="318959" spans="14:14">
      <c r="N318959" s="10"/>
    </row>
    <row r="318960" spans="14:14">
      <c r="N318960" s="10"/>
    </row>
    <row r="318961" spans="14:14">
      <c r="N318961" s="10"/>
    </row>
    <row r="318962" spans="14:14">
      <c r="N318962" s="10"/>
    </row>
    <row r="318963" spans="14:14">
      <c r="N318963" s="10"/>
    </row>
    <row r="318964" spans="14:14">
      <c r="N318964" s="10"/>
    </row>
    <row r="318965" spans="14:14">
      <c r="N318965" s="10"/>
    </row>
    <row r="318966" spans="14:14">
      <c r="N318966" s="10"/>
    </row>
    <row r="318967" spans="14:14">
      <c r="N318967" s="10"/>
    </row>
    <row r="318968" spans="14:14">
      <c r="N318968" s="10"/>
    </row>
    <row r="318969" spans="14:14">
      <c r="N318969" s="10"/>
    </row>
    <row r="318970" spans="14:14">
      <c r="N318970" s="10"/>
    </row>
    <row r="318971" spans="14:14">
      <c r="N318971" s="10"/>
    </row>
    <row r="318972" spans="14:14">
      <c r="N318972" s="10"/>
    </row>
    <row r="318973" spans="14:14">
      <c r="N318973" s="10"/>
    </row>
    <row r="318974" spans="14:14">
      <c r="N318974" s="10"/>
    </row>
    <row r="318975" spans="14:14">
      <c r="N318975" s="10"/>
    </row>
    <row r="318976" spans="14:14">
      <c r="N318976" s="10"/>
    </row>
    <row r="318977" spans="14:14">
      <c r="N318977" s="10"/>
    </row>
    <row r="318978" spans="14:14">
      <c r="N318978" s="10"/>
    </row>
    <row r="318979" spans="14:14">
      <c r="N318979" s="10"/>
    </row>
    <row r="318980" spans="14:14">
      <c r="N318980" s="10"/>
    </row>
    <row r="318981" spans="14:14">
      <c r="N318981" s="10"/>
    </row>
    <row r="318982" spans="14:14">
      <c r="N318982" s="10"/>
    </row>
    <row r="318983" spans="14:14">
      <c r="N318983" s="10"/>
    </row>
    <row r="318984" spans="14:14">
      <c r="N318984" s="10"/>
    </row>
    <row r="318985" spans="14:14">
      <c r="N318985" s="10"/>
    </row>
    <row r="318986" spans="14:14">
      <c r="N318986" s="10"/>
    </row>
    <row r="318987" spans="14:14">
      <c r="N318987" s="10"/>
    </row>
    <row r="318988" spans="14:14">
      <c r="N318988" s="10"/>
    </row>
    <row r="318989" spans="14:14">
      <c r="N318989" s="10"/>
    </row>
    <row r="318990" spans="14:14">
      <c r="N318990" s="10"/>
    </row>
    <row r="318991" spans="14:14">
      <c r="N318991" s="10"/>
    </row>
    <row r="318992" spans="14:14">
      <c r="N318992" s="10"/>
    </row>
    <row r="318993" spans="14:14">
      <c r="N318993" s="10"/>
    </row>
    <row r="318994" spans="14:14">
      <c r="N318994" s="10"/>
    </row>
    <row r="318995" spans="14:14">
      <c r="N318995" s="10"/>
    </row>
    <row r="318996" spans="14:14">
      <c r="N318996" s="10"/>
    </row>
    <row r="318997" spans="14:14">
      <c r="N318997" s="10"/>
    </row>
    <row r="318998" spans="14:14">
      <c r="N318998" s="10"/>
    </row>
    <row r="318999" spans="14:14">
      <c r="N318999" s="10"/>
    </row>
    <row r="319000" spans="14:14">
      <c r="N319000" s="10"/>
    </row>
    <row r="319001" spans="14:14">
      <c r="N319001" s="10"/>
    </row>
    <row r="319002" spans="14:14">
      <c r="N319002" s="10"/>
    </row>
    <row r="319003" spans="14:14">
      <c r="N319003" s="10"/>
    </row>
    <row r="319004" spans="14:14">
      <c r="N319004" s="10"/>
    </row>
    <row r="319005" spans="14:14">
      <c r="N319005" s="10"/>
    </row>
    <row r="319006" spans="14:14">
      <c r="N319006" s="10"/>
    </row>
    <row r="319007" spans="14:14">
      <c r="N319007" s="10"/>
    </row>
    <row r="319008" spans="14:14">
      <c r="N319008" s="10"/>
    </row>
    <row r="319009" spans="14:14">
      <c r="N319009" s="10"/>
    </row>
    <row r="319010" spans="14:14">
      <c r="N319010" s="10"/>
    </row>
    <row r="319011" spans="14:14">
      <c r="N319011" s="10"/>
    </row>
    <row r="319012" spans="14:14">
      <c r="N319012" s="10"/>
    </row>
    <row r="319013" spans="14:14">
      <c r="N319013" s="10"/>
    </row>
    <row r="319014" spans="14:14">
      <c r="N319014" s="10"/>
    </row>
    <row r="319015" spans="14:14">
      <c r="N319015" s="10"/>
    </row>
    <row r="319016" spans="14:14">
      <c r="N319016" s="10"/>
    </row>
    <row r="319017" spans="14:14">
      <c r="N319017" s="10"/>
    </row>
    <row r="319018" spans="14:14">
      <c r="N319018" s="10"/>
    </row>
    <row r="319019" spans="14:14">
      <c r="N319019" s="10"/>
    </row>
    <row r="319020" spans="14:14">
      <c r="N319020" s="10"/>
    </row>
    <row r="319021" spans="14:14">
      <c r="N319021" s="10"/>
    </row>
    <row r="319022" spans="14:14">
      <c r="N319022" s="10"/>
    </row>
    <row r="319023" spans="14:14">
      <c r="N319023" s="10"/>
    </row>
    <row r="319024" spans="14:14">
      <c r="N319024" s="10"/>
    </row>
    <row r="319025" spans="14:14">
      <c r="N319025" s="10"/>
    </row>
    <row r="319026" spans="14:14">
      <c r="N319026" s="10"/>
    </row>
    <row r="319027" spans="14:14">
      <c r="N319027" s="10"/>
    </row>
    <row r="319028" spans="14:14">
      <c r="N319028" s="10"/>
    </row>
    <row r="319029" spans="14:14">
      <c r="N319029" s="10"/>
    </row>
    <row r="319030" spans="14:14">
      <c r="N319030" s="10"/>
    </row>
    <row r="319031" spans="14:14">
      <c r="N319031" s="10"/>
    </row>
    <row r="319032" spans="14:14">
      <c r="N319032" s="10"/>
    </row>
    <row r="319033" spans="14:14">
      <c r="N319033" s="10"/>
    </row>
    <row r="319034" spans="14:14">
      <c r="N319034" s="10"/>
    </row>
    <row r="319035" spans="14:14">
      <c r="N319035" s="10"/>
    </row>
    <row r="319036" spans="14:14">
      <c r="N319036" s="10"/>
    </row>
    <row r="319037" spans="14:14">
      <c r="N319037" s="10"/>
    </row>
    <row r="319038" spans="14:14">
      <c r="N319038" s="10"/>
    </row>
    <row r="319039" spans="14:14">
      <c r="N319039" s="10"/>
    </row>
    <row r="319040" spans="14:14">
      <c r="N319040" s="10"/>
    </row>
    <row r="319041" spans="14:14">
      <c r="N319041" s="10"/>
    </row>
    <row r="319042" spans="14:14">
      <c r="N319042" s="10"/>
    </row>
    <row r="319043" spans="14:14">
      <c r="N319043" s="10"/>
    </row>
    <row r="319044" spans="14:14">
      <c r="N319044" s="10"/>
    </row>
    <row r="319045" spans="14:14">
      <c r="N319045" s="10"/>
    </row>
    <row r="319046" spans="14:14">
      <c r="N319046" s="10"/>
    </row>
    <row r="319047" spans="14:14">
      <c r="N319047" s="10"/>
    </row>
    <row r="319048" spans="14:14">
      <c r="N319048" s="10"/>
    </row>
    <row r="319049" spans="14:14">
      <c r="N319049" s="10"/>
    </row>
    <row r="319050" spans="14:14">
      <c r="N319050" s="10"/>
    </row>
    <row r="319051" spans="14:14">
      <c r="N319051" s="10"/>
    </row>
    <row r="319052" spans="14:14">
      <c r="N319052" s="10"/>
    </row>
    <row r="319053" spans="14:14">
      <c r="N319053" s="10"/>
    </row>
    <row r="319054" spans="14:14">
      <c r="N319054" s="10"/>
    </row>
    <row r="319055" spans="14:14">
      <c r="N319055" s="10"/>
    </row>
    <row r="319056" spans="14:14">
      <c r="N319056" s="10"/>
    </row>
    <row r="319057" spans="14:14">
      <c r="N319057" s="10"/>
    </row>
    <row r="319058" spans="14:14">
      <c r="N319058" s="10"/>
    </row>
    <row r="319059" spans="14:14">
      <c r="N319059" s="10"/>
    </row>
    <row r="319060" spans="14:14">
      <c r="N319060" s="10"/>
    </row>
    <row r="319061" spans="14:14">
      <c r="N319061" s="10"/>
    </row>
    <row r="319062" spans="14:14">
      <c r="N319062" s="10"/>
    </row>
    <row r="319063" spans="14:14">
      <c r="N319063" s="10"/>
    </row>
    <row r="319064" spans="14:14">
      <c r="N319064" s="10"/>
    </row>
    <row r="319065" spans="14:14">
      <c r="N319065" s="10"/>
    </row>
    <row r="319066" spans="14:14">
      <c r="N319066" s="10"/>
    </row>
    <row r="319067" spans="14:14">
      <c r="N319067" s="10"/>
    </row>
    <row r="319068" spans="14:14">
      <c r="N319068" s="10"/>
    </row>
    <row r="319069" spans="14:14">
      <c r="N319069" s="10"/>
    </row>
    <row r="319070" spans="14:14">
      <c r="N319070" s="10"/>
    </row>
    <row r="319071" spans="14:14">
      <c r="N319071" s="10"/>
    </row>
    <row r="319072" spans="14:14">
      <c r="N319072" s="10"/>
    </row>
    <row r="319073" spans="14:14">
      <c r="N319073" s="10"/>
    </row>
    <row r="319074" spans="14:14">
      <c r="N319074" s="10"/>
    </row>
    <row r="319075" spans="14:14">
      <c r="N319075" s="10"/>
    </row>
    <row r="319076" spans="14:14">
      <c r="N319076" s="10"/>
    </row>
    <row r="319077" spans="14:14">
      <c r="N319077" s="10"/>
    </row>
    <row r="319078" spans="14:14">
      <c r="N319078" s="10"/>
    </row>
    <row r="319079" spans="14:14">
      <c r="N319079" s="10"/>
    </row>
    <row r="319080" spans="14:14">
      <c r="N319080" s="10"/>
    </row>
    <row r="319081" spans="14:14">
      <c r="N319081" s="10"/>
    </row>
    <row r="319082" spans="14:14">
      <c r="N319082" s="10"/>
    </row>
    <row r="319083" spans="14:14">
      <c r="N319083" s="10"/>
    </row>
    <row r="319084" spans="14:14">
      <c r="N319084" s="10"/>
    </row>
    <row r="319085" spans="14:14">
      <c r="N319085" s="10"/>
    </row>
    <row r="319086" spans="14:14">
      <c r="N319086" s="10"/>
    </row>
    <row r="319087" spans="14:14">
      <c r="N319087" s="10"/>
    </row>
    <row r="319088" spans="14:14">
      <c r="N319088" s="10"/>
    </row>
    <row r="319089" spans="14:14">
      <c r="N319089" s="10"/>
    </row>
    <row r="319090" spans="14:14">
      <c r="N319090" s="10"/>
    </row>
    <row r="319091" spans="14:14">
      <c r="N319091" s="10"/>
    </row>
    <row r="319092" spans="14:14">
      <c r="N319092" s="10"/>
    </row>
    <row r="319093" spans="14:14">
      <c r="N319093" s="10"/>
    </row>
    <row r="319094" spans="14:14">
      <c r="N319094" s="10"/>
    </row>
    <row r="319095" spans="14:14">
      <c r="N319095" s="10"/>
    </row>
    <row r="319096" spans="14:14">
      <c r="N319096" s="10"/>
    </row>
    <row r="319097" spans="14:14">
      <c r="N319097" s="10"/>
    </row>
    <row r="319098" spans="14:14">
      <c r="N319098" s="10"/>
    </row>
    <row r="319099" spans="14:14">
      <c r="N319099" s="10"/>
    </row>
    <row r="319100" spans="14:14">
      <c r="N319100" s="10"/>
    </row>
    <row r="319101" spans="14:14">
      <c r="N319101" s="10"/>
    </row>
    <row r="319102" spans="14:14">
      <c r="N319102" s="10"/>
    </row>
    <row r="319103" spans="14:14">
      <c r="N319103" s="10"/>
    </row>
    <row r="319104" spans="14:14">
      <c r="N319104" s="10"/>
    </row>
    <row r="319105" spans="14:14">
      <c r="N319105" s="10"/>
    </row>
    <row r="319106" spans="14:14">
      <c r="N319106" s="10"/>
    </row>
    <row r="319107" spans="14:14">
      <c r="N319107" s="10"/>
    </row>
    <row r="319108" spans="14:14">
      <c r="N319108" s="10"/>
    </row>
    <row r="319109" spans="14:14">
      <c r="N319109" s="10"/>
    </row>
    <row r="319110" spans="14:14">
      <c r="N319110" s="10"/>
    </row>
    <row r="319111" spans="14:14">
      <c r="N319111" s="10"/>
    </row>
    <row r="319112" spans="14:14">
      <c r="N319112" s="10"/>
    </row>
    <row r="319113" spans="14:14">
      <c r="N319113" s="10"/>
    </row>
    <row r="319114" spans="14:14">
      <c r="N319114" s="10"/>
    </row>
    <row r="319115" spans="14:14">
      <c r="N319115" s="10"/>
    </row>
    <row r="319116" spans="14:14">
      <c r="N319116" s="10"/>
    </row>
    <row r="319117" spans="14:14">
      <c r="N319117" s="10"/>
    </row>
    <row r="319118" spans="14:14">
      <c r="N319118" s="10"/>
    </row>
    <row r="319119" spans="14:14">
      <c r="N319119" s="10"/>
    </row>
    <row r="319120" spans="14:14">
      <c r="N319120" s="10"/>
    </row>
    <row r="319121" spans="14:14">
      <c r="N319121" s="10"/>
    </row>
    <row r="319122" spans="14:14">
      <c r="N319122" s="10"/>
    </row>
    <row r="319123" spans="14:14">
      <c r="N319123" s="10"/>
    </row>
    <row r="319124" spans="14:14">
      <c r="N319124" s="10"/>
    </row>
    <row r="319125" spans="14:14">
      <c r="N319125" s="10"/>
    </row>
    <row r="319126" spans="14:14">
      <c r="N319126" s="10"/>
    </row>
    <row r="319127" spans="14:14">
      <c r="N319127" s="10"/>
    </row>
    <row r="319128" spans="14:14">
      <c r="N319128" s="10"/>
    </row>
    <row r="319129" spans="14:14">
      <c r="N319129" s="10"/>
    </row>
    <row r="319130" spans="14:14">
      <c r="N319130" s="10"/>
    </row>
    <row r="319131" spans="14:14">
      <c r="N319131" s="10"/>
    </row>
    <row r="319132" spans="14:14">
      <c r="N319132" s="10"/>
    </row>
    <row r="319133" spans="14:14">
      <c r="N319133" s="10"/>
    </row>
    <row r="319134" spans="14:14">
      <c r="N319134" s="10"/>
    </row>
    <row r="319135" spans="14:14">
      <c r="N319135" s="10"/>
    </row>
    <row r="319136" spans="14:14">
      <c r="N319136" s="10"/>
    </row>
    <row r="319137" spans="14:14">
      <c r="N319137" s="10"/>
    </row>
    <row r="319138" spans="14:14">
      <c r="N319138" s="10"/>
    </row>
    <row r="319139" spans="14:14">
      <c r="N319139" s="10"/>
    </row>
    <row r="319140" spans="14:14">
      <c r="N319140" s="10"/>
    </row>
    <row r="319141" spans="14:14">
      <c r="N319141" s="10"/>
    </row>
    <row r="319142" spans="14:14">
      <c r="N319142" s="10"/>
    </row>
    <row r="319143" spans="14:14">
      <c r="N319143" s="10"/>
    </row>
    <row r="319144" spans="14:14">
      <c r="N319144" s="10"/>
    </row>
    <row r="319145" spans="14:14">
      <c r="N319145" s="10"/>
    </row>
    <row r="319146" spans="14:14">
      <c r="N319146" s="10"/>
    </row>
    <row r="319147" spans="14:14">
      <c r="N319147" s="10"/>
    </row>
    <row r="319148" spans="14:14">
      <c r="N319148" s="10"/>
    </row>
    <row r="319149" spans="14:14">
      <c r="N319149" s="10"/>
    </row>
    <row r="319150" spans="14:14">
      <c r="N319150" s="10"/>
    </row>
    <row r="319151" spans="14:14">
      <c r="N319151" s="10"/>
    </row>
    <row r="319152" spans="14:14">
      <c r="N319152" s="10"/>
    </row>
    <row r="319153" spans="14:14">
      <c r="N319153" s="10"/>
    </row>
    <row r="319154" spans="14:14">
      <c r="N319154" s="10"/>
    </row>
    <row r="319155" spans="14:14">
      <c r="N319155" s="10"/>
    </row>
    <row r="319156" spans="14:14">
      <c r="N319156" s="10"/>
    </row>
    <row r="319157" spans="14:14">
      <c r="N319157" s="10"/>
    </row>
    <row r="319158" spans="14:14">
      <c r="N319158" s="10"/>
    </row>
    <row r="319159" spans="14:14">
      <c r="N319159" s="10"/>
    </row>
    <row r="319160" spans="14:14">
      <c r="N319160" s="10"/>
    </row>
    <row r="319161" spans="14:14">
      <c r="N319161" s="10"/>
    </row>
    <row r="319162" spans="14:14">
      <c r="N319162" s="10"/>
    </row>
    <row r="319163" spans="14:14">
      <c r="N319163" s="10"/>
    </row>
    <row r="319164" spans="14:14">
      <c r="N319164" s="10"/>
    </row>
    <row r="319165" spans="14:14">
      <c r="N319165" s="10"/>
    </row>
    <row r="319166" spans="14:14">
      <c r="N319166" s="10"/>
    </row>
    <row r="319167" spans="14:14">
      <c r="N319167" s="10"/>
    </row>
    <row r="319168" spans="14:14">
      <c r="N319168" s="10"/>
    </row>
    <row r="319169" spans="14:14">
      <c r="N319169" s="10"/>
    </row>
    <row r="319170" spans="14:14">
      <c r="N319170" s="10"/>
    </row>
    <row r="319171" spans="14:14">
      <c r="N319171" s="10"/>
    </row>
    <row r="319172" spans="14:14">
      <c r="N319172" s="10"/>
    </row>
    <row r="319173" spans="14:14">
      <c r="N319173" s="10"/>
    </row>
    <row r="319174" spans="14:14">
      <c r="N319174" s="10"/>
    </row>
    <row r="319175" spans="14:14">
      <c r="N319175" s="10"/>
    </row>
    <row r="319176" spans="14:14">
      <c r="N319176" s="10"/>
    </row>
    <row r="319177" spans="14:14">
      <c r="N319177" s="10"/>
    </row>
    <row r="319178" spans="14:14">
      <c r="N319178" s="10"/>
    </row>
    <row r="319179" spans="14:14">
      <c r="N319179" s="10"/>
    </row>
    <row r="319180" spans="14:14">
      <c r="N319180" s="10"/>
    </row>
    <row r="319181" spans="14:14">
      <c r="N319181" s="10"/>
    </row>
    <row r="319182" spans="14:14">
      <c r="N319182" s="10"/>
    </row>
    <row r="319183" spans="14:14">
      <c r="N319183" s="10"/>
    </row>
    <row r="319184" spans="14:14">
      <c r="N319184" s="10"/>
    </row>
    <row r="319185" spans="14:14">
      <c r="N319185" s="10"/>
    </row>
    <row r="319186" spans="14:14">
      <c r="N319186" s="10"/>
    </row>
    <row r="319187" spans="14:14">
      <c r="N319187" s="10"/>
    </row>
    <row r="319188" spans="14:14">
      <c r="N319188" s="10"/>
    </row>
    <row r="319189" spans="14:14">
      <c r="N319189" s="10"/>
    </row>
    <row r="319190" spans="14:14">
      <c r="N319190" s="10"/>
    </row>
    <row r="319191" spans="14:14">
      <c r="N319191" s="10"/>
    </row>
    <row r="319192" spans="14:14">
      <c r="N319192" s="10"/>
    </row>
    <row r="319193" spans="14:14">
      <c r="N319193" s="10"/>
    </row>
    <row r="319194" spans="14:14">
      <c r="N319194" s="10"/>
    </row>
    <row r="319195" spans="14:14">
      <c r="N319195" s="10"/>
    </row>
    <row r="319196" spans="14:14">
      <c r="N319196" s="10"/>
    </row>
    <row r="319197" spans="14:14">
      <c r="N319197" s="10"/>
    </row>
    <row r="319198" spans="14:14">
      <c r="N319198" s="10"/>
    </row>
    <row r="319199" spans="14:14">
      <c r="N319199" s="10"/>
    </row>
    <row r="319200" spans="14:14">
      <c r="N319200" s="10"/>
    </row>
    <row r="319201" spans="14:14">
      <c r="N319201" s="10"/>
    </row>
    <row r="319202" spans="14:14">
      <c r="N319202" s="10"/>
    </row>
    <row r="319203" spans="14:14">
      <c r="N319203" s="10"/>
    </row>
    <row r="319204" spans="14:14">
      <c r="N319204" s="10"/>
    </row>
    <row r="319205" spans="14:14">
      <c r="N319205" s="10"/>
    </row>
    <row r="319206" spans="14:14">
      <c r="N319206" s="10"/>
    </row>
    <row r="319207" spans="14:14">
      <c r="N319207" s="10"/>
    </row>
    <row r="319208" spans="14:14">
      <c r="N319208" s="10"/>
    </row>
    <row r="319209" spans="14:14">
      <c r="N319209" s="10"/>
    </row>
    <row r="319210" spans="14:14">
      <c r="N319210" s="10"/>
    </row>
    <row r="319211" spans="14:14">
      <c r="N319211" s="10"/>
    </row>
    <row r="319212" spans="14:14">
      <c r="N319212" s="10"/>
    </row>
    <row r="319213" spans="14:14">
      <c r="N319213" s="10"/>
    </row>
    <row r="319214" spans="14:14">
      <c r="N319214" s="10"/>
    </row>
    <row r="319215" spans="14:14">
      <c r="N319215" s="10"/>
    </row>
    <row r="319216" spans="14:14">
      <c r="N319216" s="10"/>
    </row>
    <row r="319217" spans="14:14">
      <c r="N319217" s="10"/>
    </row>
    <row r="319218" spans="14:14">
      <c r="N319218" s="10"/>
    </row>
    <row r="319219" spans="14:14">
      <c r="N319219" s="10"/>
    </row>
    <row r="319220" spans="14:14">
      <c r="N319220" s="10"/>
    </row>
    <row r="319221" spans="14:14">
      <c r="N319221" s="10"/>
    </row>
    <row r="319222" spans="14:14">
      <c r="N319222" s="10"/>
    </row>
    <row r="319223" spans="14:14">
      <c r="N319223" s="10"/>
    </row>
    <row r="319224" spans="14:14">
      <c r="N319224" s="10"/>
    </row>
    <row r="319225" spans="14:14">
      <c r="N319225" s="10"/>
    </row>
    <row r="319226" spans="14:14">
      <c r="N319226" s="10"/>
    </row>
    <row r="319227" spans="14:14">
      <c r="N319227" s="10"/>
    </row>
    <row r="319228" spans="14:14">
      <c r="N319228" s="10"/>
    </row>
    <row r="319229" spans="14:14">
      <c r="N319229" s="10"/>
    </row>
    <row r="319230" spans="14:14">
      <c r="N319230" s="10"/>
    </row>
    <row r="319231" spans="14:14">
      <c r="N319231" s="10"/>
    </row>
    <row r="319232" spans="14:14">
      <c r="N319232" s="10"/>
    </row>
    <row r="319233" spans="14:14">
      <c r="N319233" s="10"/>
    </row>
    <row r="319234" spans="14:14">
      <c r="N319234" s="10"/>
    </row>
    <row r="319235" spans="14:14">
      <c r="N319235" s="10"/>
    </row>
    <row r="319236" spans="14:14">
      <c r="N319236" s="10"/>
    </row>
    <row r="319237" spans="14:14">
      <c r="N319237" s="10"/>
    </row>
    <row r="319238" spans="14:14">
      <c r="N319238" s="10"/>
    </row>
    <row r="319239" spans="14:14">
      <c r="N319239" s="10"/>
    </row>
    <row r="319240" spans="14:14">
      <c r="N319240" s="10"/>
    </row>
    <row r="319241" spans="14:14">
      <c r="N319241" s="10"/>
    </row>
    <row r="319242" spans="14:14">
      <c r="N319242" s="10"/>
    </row>
    <row r="319243" spans="14:14">
      <c r="N319243" s="10"/>
    </row>
    <row r="319244" spans="14:14">
      <c r="N319244" s="10"/>
    </row>
    <row r="319245" spans="14:14">
      <c r="N319245" s="10"/>
    </row>
    <row r="319246" spans="14:14">
      <c r="N319246" s="10"/>
    </row>
    <row r="319247" spans="14:14">
      <c r="N319247" s="10"/>
    </row>
    <row r="319248" spans="14:14">
      <c r="N319248" s="10"/>
    </row>
    <row r="319249" spans="14:14">
      <c r="N319249" s="10"/>
    </row>
    <row r="319250" spans="14:14">
      <c r="N319250" s="10"/>
    </row>
    <row r="319251" spans="14:14">
      <c r="N319251" s="10"/>
    </row>
    <row r="319252" spans="14:14">
      <c r="N319252" s="10"/>
    </row>
    <row r="319253" spans="14:14">
      <c r="N319253" s="10"/>
    </row>
    <row r="319254" spans="14:14">
      <c r="N319254" s="10"/>
    </row>
    <row r="319255" spans="14:14">
      <c r="N319255" s="10"/>
    </row>
    <row r="319256" spans="14:14">
      <c r="N319256" s="10"/>
    </row>
    <row r="319257" spans="14:14">
      <c r="N319257" s="10"/>
    </row>
    <row r="319258" spans="14:14">
      <c r="N319258" s="10"/>
    </row>
    <row r="319259" spans="14:14">
      <c r="N319259" s="10"/>
    </row>
    <row r="319260" spans="14:14">
      <c r="N319260" s="10"/>
    </row>
    <row r="319261" spans="14:14">
      <c r="N319261" s="10"/>
    </row>
    <row r="319262" spans="14:14">
      <c r="N319262" s="10"/>
    </row>
    <row r="319263" spans="14:14">
      <c r="N319263" s="10"/>
    </row>
    <row r="319264" spans="14:14">
      <c r="N319264" s="10"/>
    </row>
    <row r="319265" spans="14:14">
      <c r="N319265" s="10"/>
    </row>
    <row r="319266" spans="14:14">
      <c r="N319266" s="10"/>
    </row>
    <row r="319267" spans="14:14">
      <c r="N319267" s="10"/>
    </row>
    <row r="319268" spans="14:14">
      <c r="N319268" s="10"/>
    </row>
    <row r="319269" spans="14:14">
      <c r="N319269" s="10"/>
    </row>
    <row r="319270" spans="14:14">
      <c r="N319270" s="10"/>
    </row>
    <row r="319271" spans="14:14">
      <c r="N319271" s="10"/>
    </row>
    <row r="319272" spans="14:14">
      <c r="N319272" s="10"/>
    </row>
    <row r="319273" spans="14:14">
      <c r="N319273" s="10"/>
    </row>
    <row r="319274" spans="14:14">
      <c r="N319274" s="10"/>
    </row>
    <row r="319275" spans="14:14">
      <c r="N319275" s="10"/>
    </row>
    <row r="319276" spans="14:14">
      <c r="N319276" s="10"/>
    </row>
    <row r="319277" spans="14:14">
      <c r="N319277" s="10"/>
    </row>
    <row r="319278" spans="14:14">
      <c r="N319278" s="10"/>
    </row>
    <row r="319279" spans="14:14">
      <c r="N319279" s="10"/>
    </row>
    <row r="319280" spans="14:14">
      <c r="N319280" s="10"/>
    </row>
    <row r="319281" spans="14:14">
      <c r="N319281" s="10"/>
    </row>
    <row r="319282" spans="14:14">
      <c r="N319282" s="10"/>
    </row>
    <row r="319283" spans="14:14">
      <c r="N319283" s="10"/>
    </row>
    <row r="319284" spans="14:14">
      <c r="N319284" s="10"/>
    </row>
    <row r="319285" spans="14:14">
      <c r="N319285" s="10"/>
    </row>
    <row r="319286" spans="14:14">
      <c r="N319286" s="10"/>
    </row>
    <row r="319287" spans="14:14">
      <c r="N319287" s="10"/>
    </row>
    <row r="319288" spans="14:14">
      <c r="N319288" s="10"/>
    </row>
    <row r="319289" spans="14:14">
      <c r="N319289" s="10"/>
    </row>
    <row r="319290" spans="14:14">
      <c r="N319290" s="10"/>
    </row>
    <row r="319291" spans="14:14">
      <c r="N319291" s="10"/>
    </row>
    <row r="319292" spans="14:14">
      <c r="N319292" s="10"/>
    </row>
    <row r="319293" spans="14:14">
      <c r="N319293" s="10"/>
    </row>
    <row r="319294" spans="14:14">
      <c r="N319294" s="10"/>
    </row>
    <row r="319295" spans="14:14">
      <c r="N319295" s="10"/>
    </row>
    <row r="319296" spans="14:14">
      <c r="N319296" s="10"/>
    </row>
    <row r="319297" spans="14:14">
      <c r="N319297" s="10"/>
    </row>
    <row r="319298" spans="14:14">
      <c r="N319298" s="10"/>
    </row>
    <row r="319299" spans="14:14">
      <c r="N319299" s="10"/>
    </row>
    <row r="319300" spans="14:14">
      <c r="N319300" s="10"/>
    </row>
    <row r="319301" spans="14:14">
      <c r="N319301" s="10"/>
    </row>
    <row r="319302" spans="14:14">
      <c r="N319302" s="10"/>
    </row>
    <row r="319303" spans="14:14">
      <c r="N319303" s="10"/>
    </row>
    <row r="319304" spans="14:14">
      <c r="N319304" s="10"/>
    </row>
    <row r="319305" spans="14:14">
      <c r="N319305" s="10"/>
    </row>
    <row r="319306" spans="14:14">
      <c r="N319306" s="10"/>
    </row>
    <row r="319307" spans="14:14">
      <c r="N319307" s="10"/>
    </row>
    <row r="319308" spans="14:14">
      <c r="N319308" s="10"/>
    </row>
    <row r="319309" spans="14:14">
      <c r="N319309" s="10"/>
    </row>
    <row r="319310" spans="14:14">
      <c r="N319310" s="10"/>
    </row>
    <row r="319311" spans="14:14">
      <c r="N319311" s="10"/>
    </row>
    <row r="319312" spans="14:14">
      <c r="N319312" s="10"/>
    </row>
    <row r="319313" spans="14:14">
      <c r="N319313" s="10"/>
    </row>
    <row r="319314" spans="14:14">
      <c r="N319314" s="10"/>
    </row>
    <row r="319315" spans="14:14">
      <c r="N319315" s="10"/>
    </row>
    <row r="319316" spans="14:14">
      <c r="N319316" s="10"/>
    </row>
    <row r="319317" spans="14:14">
      <c r="N319317" s="10"/>
    </row>
    <row r="319318" spans="14:14">
      <c r="N319318" s="10"/>
    </row>
    <row r="319319" spans="14:14">
      <c r="N319319" s="10"/>
    </row>
    <row r="319320" spans="14:14">
      <c r="N319320" s="10"/>
    </row>
    <row r="319321" spans="14:14">
      <c r="N319321" s="10"/>
    </row>
    <row r="319322" spans="14:14">
      <c r="N319322" s="10"/>
    </row>
    <row r="319323" spans="14:14">
      <c r="N319323" s="10"/>
    </row>
    <row r="319324" spans="14:14">
      <c r="N319324" s="10"/>
    </row>
    <row r="319325" spans="14:14">
      <c r="N319325" s="10"/>
    </row>
    <row r="319326" spans="14:14">
      <c r="N319326" s="10"/>
    </row>
    <row r="319327" spans="14:14">
      <c r="N319327" s="10"/>
    </row>
    <row r="319328" spans="14:14">
      <c r="N319328" s="10"/>
    </row>
    <row r="319329" spans="14:14">
      <c r="N319329" s="10"/>
    </row>
    <row r="319330" spans="14:14">
      <c r="N319330" s="10"/>
    </row>
    <row r="319331" spans="14:14">
      <c r="N319331" s="10"/>
    </row>
    <row r="319332" spans="14:14">
      <c r="N319332" s="10"/>
    </row>
    <row r="319333" spans="14:14">
      <c r="N319333" s="10"/>
    </row>
    <row r="319334" spans="14:14">
      <c r="N319334" s="10"/>
    </row>
    <row r="319335" spans="14:14">
      <c r="N319335" s="10"/>
    </row>
    <row r="319336" spans="14:14">
      <c r="N319336" s="10"/>
    </row>
    <row r="319337" spans="14:14">
      <c r="N319337" s="10"/>
    </row>
    <row r="319338" spans="14:14">
      <c r="N319338" s="10"/>
    </row>
    <row r="319339" spans="14:14">
      <c r="N319339" s="10"/>
    </row>
    <row r="319340" spans="14:14">
      <c r="N319340" s="10"/>
    </row>
    <row r="319341" spans="14:14">
      <c r="N319341" s="10"/>
    </row>
    <row r="319342" spans="14:14">
      <c r="N319342" s="10"/>
    </row>
    <row r="319343" spans="14:14">
      <c r="N319343" s="10"/>
    </row>
    <row r="319344" spans="14:14">
      <c r="N319344" s="10"/>
    </row>
    <row r="319345" spans="14:14">
      <c r="N319345" s="10"/>
    </row>
    <row r="319346" spans="14:14">
      <c r="N319346" s="10"/>
    </row>
    <row r="319347" spans="14:14">
      <c r="N319347" s="10"/>
    </row>
    <row r="319348" spans="14:14">
      <c r="N319348" s="10"/>
    </row>
    <row r="319349" spans="14:14">
      <c r="N319349" s="10"/>
    </row>
    <row r="319350" spans="14:14">
      <c r="N319350" s="10"/>
    </row>
    <row r="319351" spans="14:14">
      <c r="N319351" s="10"/>
    </row>
    <row r="319352" spans="14:14">
      <c r="N319352" s="10"/>
    </row>
    <row r="319353" spans="14:14">
      <c r="N319353" s="10"/>
    </row>
    <row r="319354" spans="14:14">
      <c r="N319354" s="10"/>
    </row>
    <row r="319355" spans="14:14">
      <c r="N319355" s="10"/>
    </row>
    <row r="319356" spans="14:14">
      <c r="N319356" s="10"/>
    </row>
    <row r="319357" spans="14:14">
      <c r="N319357" s="10"/>
    </row>
    <row r="319358" spans="14:14">
      <c r="N319358" s="10"/>
    </row>
    <row r="319359" spans="14:14">
      <c r="N319359" s="10"/>
    </row>
    <row r="319360" spans="14:14">
      <c r="N319360" s="10"/>
    </row>
    <row r="319361" spans="14:14">
      <c r="N319361" s="10"/>
    </row>
    <row r="319362" spans="14:14">
      <c r="N319362" s="10"/>
    </row>
    <row r="319363" spans="14:14">
      <c r="N319363" s="10"/>
    </row>
    <row r="319364" spans="14:14">
      <c r="N319364" s="10"/>
    </row>
    <row r="319365" spans="14:14">
      <c r="N319365" s="10"/>
    </row>
    <row r="319366" spans="14:14">
      <c r="N319366" s="10"/>
    </row>
    <row r="319367" spans="14:14">
      <c r="N319367" s="10"/>
    </row>
    <row r="319368" spans="14:14">
      <c r="N319368" s="10"/>
    </row>
    <row r="319369" spans="14:14">
      <c r="N319369" s="10"/>
    </row>
    <row r="319370" spans="14:14">
      <c r="N319370" s="10"/>
    </row>
    <row r="319371" spans="14:14">
      <c r="N319371" s="10"/>
    </row>
    <row r="319372" spans="14:14">
      <c r="N319372" s="10"/>
    </row>
    <row r="319373" spans="14:14">
      <c r="N319373" s="10"/>
    </row>
    <row r="319374" spans="14:14">
      <c r="N319374" s="10"/>
    </row>
    <row r="319375" spans="14:14">
      <c r="N319375" s="10"/>
    </row>
    <row r="319376" spans="14:14">
      <c r="N319376" s="10"/>
    </row>
    <row r="319377" spans="14:14">
      <c r="N319377" s="10"/>
    </row>
    <row r="319378" spans="14:14">
      <c r="N319378" s="10"/>
    </row>
    <row r="319379" spans="14:14">
      <c r="N319379" s="10"/>
    </row>
    <row r="319380" spans="14:14">
      <c r="N319380" s="10"/>
    </row>
    <row r="319381" spans="14:14">
      <c r="N319381" s="10"/>
    </row>
    <row r="319382" spans="14:14">
      <c r="N319382" s="10"/>
    </row>
    <row r="319383" spans="14:14">
      <c r="N319383" s="10"/>
    </row>
    <row r="319384" spans="14:14">
      <c r="N319384" s="10"/>
    </row>
    <row r="319385" spans="14:14">
      <c r="N319385" s="10"/>
    </row>
    <row r="319386" spans="14:14">
      <c r="N319386" s="10"/>
    </row>
    <row r="319387" spans="14:14">
      <c r="N319387" s="10"/>
    </row>
    <row r="319388" spans="14:14">
      <c r="N319388" s="10"/>
    </row>
    <row r="319389" spans="14:14">
      <c r="N319389" s="10"/>
    </row>
    <row r="319390" spans="14:14">
      <c r="N319390" s="10"/>
    </row>
    <row r="319391" spans="14:14">
      <c r="N319391" s="10"/>
    </row>
    <row r="319392" spans="14:14">
      <c r="N319392" s="10"/>
    </row>
    <row r="319393" spans="14:14">
      <c r="N319393" s="10"/>
    </row>
    <row r="319394" spans="14:14">
      <c r="N319394" s="10"/>
    </row>
    <row r="319395" spans="14:14">
      <c r="N319395" s="10"/>
    </row>
    <row r="319396" spans="14:14">
      <c r="N319396" s="10"/>
    </row>
    <row r="319397" spans="14:14">
      <c r="N319397" s="10"/>
    </row>
    <row r="319398" spans="14:14">
      <c r="N319398" s="10"/>
    </row>
    <row r="319399" spans="14:14">
      <c r="N319399" s="10"/>
    </row>
    <row r="319400" spans="14:14">
      <c r="N319400" s="10"/>
    </row>
    <row r="319401" spans="14:14">
      <c r="N319401" s="10"/>
    </row>
    <row r="319402" spans="14:14">
      <c r="N319402" s="10"/>
    </row>
    <row r="319403" spans="14:14">
      <c r="N319403" s="10"/>
    </row>
    <row r="319404" spans="14:14">
      <c r="N319404" s="10"/>
    </row>
    <row r="319405" spans="14:14">
      <c r="N319405" s="10"/>
    </row>
    <row r="319406" spans="14:14">
      <c r="N319406" s="10"/>
    </row>
    <row r="319407" spans="14:14">
      <c r="N319407" s="10"/>
    </row>
    <row r="319408" spans="14:14">
      <c r="N319408" s="10"/>
    </row>
    <row r="319409" spans="14:14">
      <c r="N319409" s="10"/>
    </row>
    <row r="319410" spans="14:14">
      <c r="N319410" s="10"/>
    </row>
    <row r="319411" spans="14:14">
      <c r="N319411" s="10"/>
    </row>
    <row r="319412" spans="14:14">
      <c r="N319412" s="10"/>
    </row>
    <row r="319413" spans="14:14">
      <c r="N319413" s="10"/>
    </row>
    <row r="319414" spans="14:14">
      <c r="N319414" s="10"/>
    </row>
    <row r="319415" spans="14:14">
      <c r="N319415" s="10"/>
    </row>
    <row r="319416" spans="14:14">
      <c r="N319416" s="10"/>
    </row>
    <row r="319417" spans="14:14">
      <c r="N319417" s="10"/>
    </row>
    <row r="319418" spans="14:14">
      <c r="N319418" s="10"/>
    </row>
    <row r="319419" spans="14:14">
      <c r="N319419" s="10"/>
    </row>
    <row r="319420" spans="14:14">
      <c r="N319420" s="10"/>
    </row>
    <row r="319421" spans="14:14">
      <c r="N319421" s="10"/>
    </row>
    <row r="319422" spans="14:14">
      <c r="N319422" s="10"/>
    </row>
    <row r="319423" spans="14:14">
      <c r="N319423" s="10"/>
    </row>
    <row r="319424" spans="14:14">
      <c r="N319424" s="10"/>
    </row>
    <row r="319425" spans="14:14">
      <c r="N319425" s="10"/>
    </row>
    <row r="319426" spans="14:14">
      <c r="N319426" s="10"/>
    </row>
    <row r="319427" spans="14:14">
      <c r="N319427" s="10"/>
    </row>
    <row r="319428" spans="14:14">
      <c r="N319428" s="10"/>
    </row>
    <row r="319429" spans="14:14">
      <c r="N319429" s="10"/>
    </row>
    <row r="319430" spans="14:14">
      <c r="N319430" s="10"/>
    </row>
    <row r="319431" spans="14:14">
      <c r="N319431" s="10"/>
    </row>
    <row r="319432" spans="14:14">
      <c r="N319432" s="10"/>
    </row>
    <row r="319433" spans="14:14">
      <c r="N319433" s="10"/>
    </row>
    <row r="319434" spans="14:14">
      <c r="N319434" s="10"/>
    </row>
    <row r="319435" spans="14:14">
      <c r="N319435" s="10"/>
    </row>
    <row r="319436" spans="14:14">
      <c r="N319436" s="10"/>
    </row>
    <row r="319437" spans="14:14">
      <c r="N319437" s="10"/>
    </row>
    <row r="319438" spans="14:14">
      <c r="N319438" s="10"/>
    </row>
    <row r="319439" spans="14:14">
      <c r="N319439" s="10"/>
    </row>
    <row r="319440" spans="14:14">
      <c r="N319440" s="10"/>
    </row>
    <row r="319441" spans="14:14">
      <c r="N319441" s="10"/>
    </row>
    <row r="319442" spans="14:14">
      <c r="N319442" s="10"/>
    </row>
    <row r="319443" spans="14:14">
      <c r="N319443" s="10"/>
    </row>
    <row r="319444" spans="14:14">
      <c r="N319444" s="10"/>
    </row>
    <row r="319445" spans="14:14">
      <c r="N319445" s="10"/>
    </row>
    <row r="319446" spans="14:14">
      <c r="N319446" s="10"/>
    </row>
    <row r="319447" spans="14:14">
      <c r="N319447" s="10"/>
    </row>
    <row r="319448" spans="14:14">
      <c r="N319448" s="10"/>
    </row>
    <row r="319449" spans="14:14">
      <c r="N319449" s="10"/>
    </row>
    <row r="319450" spans="14:14">
      <c r="N319450" s="10"/>
    </row>
    <row r="319451" spans="14:14">
      <c r="N319451" s="10"/>
    </row>
    <row r="319452" spans="14:14">
      <c r="N319452" s="10"/>
    </row>
    <row r="319453" spans="14:14">
      <c r="N319453" s="10"/>
    </row>
    <row r="319454" spans="14:14">
      <c r="N319454" s="10"/>
    </row>
    <row r="319455" spans="14:14">
      <c r="N319455" s="10"/>
    </row>
    <row r="319456" spans="14:14">
      <c r="N319456" s="10"/>
    </row>
    <row r="319457" spans="14:14">
      <c r="N319457" s="10"/>
    </row>
    <row r="319458" spans="14:14">
      <c r="N319458" s="10"/>
    </row>
    <row r="319459" spans="14:14">
      <c r="N319459" s="10"/>
    </row>
    <row r="319460" spans="14:14">
      <c r="N319460" s="10"/>
    </row>
    <row r="319461" spans="14:14">
      <c r="N319461" s="10"/>
    </row>
    <row r="319462" spans="14:14">
      <c r="N319462" s="10"/>
    </row>
    <row r="319463" spans="14:14">
      <c r="N319463" s="10"/>
    </row>
    <row r="319464" spans="14:14">
      <c r="N319464" s="10"/>
    </row>
    <row r="319465" spans="14:14">
      <c r="N319465" s="10"/>
    </row>
    <row r="319466" spans="14:14">
      <c r="N319466" s="10"/>
    </row>
    <row r="319467" spans="14:14">
      <c r="N319467" s="10"/>
    </row>
    <row r="319468" spans="14:14">
      <c r="N319468" s="10"/>
    </row>
    <row r="319469" spans="14:14">
      <c r="N319469" s="10"/>
    </row>
    <row r="319470" spans="14:14">
      <c r="N319470" s="10"/>
    </row>
    <row r="319471" spans="14:14">
      <c r="N319471" s="10"/>
    </row>
    <row r="319472" spans="14:14">
      <c r="N319472" s="10"/>
    </row>
    <row r="319473" spans="14:14">
      <c r="N319473" s="10"/>
    </row>
    <row r="319474" spans="14:14">
      <c r="N319474" s="10"/>
    </row>
    <row r="319475" spans="14:14">
      <c r="N319475" s="10"/>
    </row>
    <row r="319476" spans="14:14">
      <c r="N319476" s="10"/>
    </row>
    <row r="319477" spans="14:14">
      <c r="N319477" s="10"/>
    </row>
    <row r="319478" spans="14:14">
      <c r="N319478" s="10"/>
    </row>
    <row r="319479" spans="14:14">
      <c r="N319479" s="10"/>
    </row>
    <row r="319480" spans="14:14">
      <c r="N319480" s="10"/>
    </row>
    <row r="319481" spans="14:14">
      <c r="N319481" s="10"/>
    </row>
    <row r="319482" spans="14:14">
      <c r="N319482" s="10"/>
    </row>
    <row r="319483" spans="14:14">
      <c r="N319483" s="10"/>
    </row>
    <row r="319484" spans="14:14">
      <c r="N319484" s="10"/>
    </row>
    <row r="319485" spans="14:14">
      <c r="N319485" s="10"/>
    </row>
    <row r="319486" spans="14:14">
      <c r="N319486" s="10"/>
    </row>
    <row r="319487" spans="14:14">
      <c r="N319487" s="10"/>
    </row>
    <row r="319488" spans="14:14">
      <c r="N319488" s="10"/>
    </row>
    <row r="319489" spans="14:14">
      <c r="N319489" s="10"/>
    </row>
    <row r="319490" spans="14:14">
      <c r="N319490" s="10"/>
    </row>
    <row r="319491" spans="14:14">
      <c r="N319491" s="10"/>
    </row>
    <row r="319492" spans="14:14">
      <c r="N319492" s="10"/>
    </row>
    <row r="319493" spans="14:14">
      <c r="N319493" s="10"/>
    </row>
    <row r="319494" spans="14:14">
      <c r="N319494" s="10"/>
    </row>
    <row r="319495" spans="14:14">
      <c r="N319495" s="10"/>
    </row>
    <row r="319496" spans="14:14">
      <c r="N319496" s="10"/>
    </row>
    <row r="319497" spans="14:14">
      <c r="N319497" s="10"/>
    </row>
    <row r="319498" spans="14:14">
      <c r="N319498" s="10"/>
    </row>
    <row r="319499" spans="14:14">
      <c r="N319499" s="10"/>
    </row>
    <row r="319500" spans="14:14">
      <c r="N319500" s="10"/>
    </row>
    <row r="319501" spans="14:14">
      <c r="N319501" s="10"/>
    </row>
    <row r="319502" spans="14:14">
      <c r="N319502" s="10"/>
    </row>
    <row r="319503" spans="14:14">
      <c r="N319503" s="10"/>
    </row>
    <row r="319504" spans="14:14">
      <c r="N319504" s="10"/>
    </row>
    <row r="319505" spans="14:14">
      <c r="N319505" s="10"/>
    </row>
    <row r="319506" spans="14:14">
      <c r="N319506" s="10"/>
    </row>
    <row r="319507" spans="14:14">
      <c r="N319507" s="10"/>
    </row>
    <row r="319508" spans="14:14">
      <c r="N319508" s="10"/>
    </row>
    <row r="319509" spans="14:14">
      <c r="N319509" s="10"/>
    </row>
    <row r="319510" spans="14:14">
      <c r="N319510" s="10"/>
    </row>
    <row r="319511" spans="14:14">
      <c r="N319511" s="10"/>
    </row>
    <row r="319512" spans="14:14">
      <c r="N319512" s="10"/>
    </row>
    <row r="319513" spans="14:14">
      <c r="N319513" s="10"/>
    </row>
    <row r="319514" spans="14:14">
      <c r="N319514" s="10"/>
    </row>
    <row r="319515" spans="14:14">
      <c r="N319515" s="10"/>
    </row>
    <row r="319516" spans="14:14">
      <c r="N319516" s="10"/>
    </row>
    <row r="319517" spans="14:14">
      <c r="N319517" s="10"/>
    </row>
    <row r="319518" spans="14:14">
      <c r="N319518" s="10"/>
    </row>
    <row r="319519" spans="14:14">
      <c r="N319519" s="10"/>
    </row>
    <row r="319520" spans="14:14">
      <c r="N319520" s="10"/>
    </row>
    <row r="319521" spans="14:14">
      <c r="N319521" s="10"/>
    </row>
    <row r="319522" spans="14:14">
      <c r="N319522" s="10"/>
    </row>
    <row r="319523" spans="14:14">
      <c r="N319523" s="10"/>
    </row>
    <row r="319524" spans="14:14">
      <c r="N319524" s="10"/>
    </row>
    <row r="319525" spans="14:14">
      <c r="N319525" s="10"/>
    </row>
    <row r="319526" spans="14:14">
      <c r="N319526" s="10"/>
    </row>
    <row r="319527" spans="14:14">
      <c r="N319527" s="10"/>
    </row>
    <row r="319528" spans="14:14">
      <c r="N319528" s="10"/>
    </row>
    <row r="319529" spans="14:14">
      <c r="N319529" s="10"/>
    </row>
    <row r="319530" spans="14:14">
      <c r="N319530" s="10"/>
    </row>
    <row r="319531" spans="14:14">
      <c r="N319531" s="10"/>
    </row>
    <row r="319532" spans="14:14">
      <c r="N319532" s="10"/>
    </row>
    <row r="319533" spans="14:14">
      <c r="N319533" s="10"/>
    </row>
    <row r="319534" spans="14:14">
      <c r="N319534" s="10"/>
    </row>
    <row r="319535" spans="14:14">
      <c r="N319535" s="10"/>
    </row>
    <row r="319536" spans="14:14">
      <c r="N319536" s="10"/>
    </row>
    <row r="319537" spans="14:14">
      <c r="N319537" s="10"/>
    </row>
    <row r="319538" spans="14:14">
      <c r="N319538" s="10"/>
    </row>
    <row r="319539" spans="14:14">
      <c r="N319539" s="10"/>
    </row>
    <row r="319540" spans="14:14">
      <c r="N319540" s="10"/>
    </row>
    <row r="319541" spans="14:14">
      <c r="N319541" s="10"/>
    </row>
    <row r="319542" spans="14:14">
      <c r="N319542" s="10"/>
    </row>
    <row r="319543" spans="14:14">
      <c r="N319543" s="10"/>
    </row>
    <row r="319544" spans="14:14">
      <c r="N319544" s="10"/>
    </row>
    <row r="319545" spans="14:14">
      <c r="N319545" s="10"/>
    </row>
    <row r="319546" spans="14:14">
      <c r="N319546" s="10"/>
    </row>
    <row r="319547" spans="14:14">
      <c r="N319547" s="10"/>
    </row>
    <row r="319548" spans="14:14">
      <c r="N319548" s="10"/>
    </row>
    <row r="319549" spans="14:14">
      <c r="N319549" s="10"/>
    </row>
    <row r="319550" spans="14:14">
      <c r="N319550" s="10"/>
    </row>
    <row r="319551" spans="14:14">
      <c r="N319551" s="10"/>
    </row>
    <row r="319552" spans="14:14">
      <c r="N319552" s="10"/>
    </row>
    <row r="319553" spans="14:14">
      <c r="N319553" s="10"/>
    </row>
    <row r="319554" spans="14:14">
      <c r="N319554" s="10"/>
    </row>
    <row r="319555" spans="14:14">
      <c r="N319555" s="10"/>
    </row>
    <row r="319556" spans="14:14">
      <c r="N319556" s="10"/>
    </row>
    <row r="319557" spans="14:14">
      <c r="N319557" s="10"/>
    </row>
    <row r="319558" spans="14:14">
      <c r="N319558" s="10"/>
    </row>
    <row r="319559" spans="14:14">
      <c r="N319559" s="10"/>
    </row>
    <row r="319560" spans="14:14">
      <c r="N319560" s="10"/>
    </row>
    <row r="319561" spans="14:14">
      <c r="N319561" s="10"/>
    </row>
    <row r="319562" spans="14:14">
      <c r="N319562" s="10"/>
    </row>
    <row r="319563" spans="14:14">
      <c r="N319563" s="10"/>
    </row>
    <row r="319564" spans="14:14">
      <c r="N319564" s="10"/>
    </row>
    <row r="319565" spans="14:14">
      <c r="N319565" s="10"/>
    </row>
    <row r="319566" spans="14:14">
      <c r="N319566" s="10"/>
    </row>
    <row r="319567" spans="14:14">
      <c r="N319567" s="10"/>
    </row>
    <row r="319568" spans="14:14">
      <c r="N319568" s="10"/>
    </row>
    <row r="319569" spans="14:14">
      <c r="N319569" s="10"/>
    </row>
    <row r="319570" spans="14:14">
      <c r="N319570" s="10"/>
    </row>
    <row r="319571" spans="14:14">
      <c r="N319571" s="10"/>
    </row>
    <row r="319572" spans="14:14">
      <c r="N319572" s="10"/>
    </row>
    <row r="319573" spans="14:14">
      <c r="N319573" s="10"/>
    </row>
    <row r="319574" spans="14:14">
      <c r="N319574" s="10"/>
    </row>
    <row r="319575" spans="14:14">
      <c r="N319575" s="10"/>
    </row>
    <row r="319576" spans="14:14">
      <c r="N319576" s="10"/>
    </row>
    <row r="319577" spans="14:14">
      <c r="N319577" s="10"/>
    </row>
    <row r="319578" spans="14:14">
      <c r="N319578" s="10"/>
    </row>
    <row r="319579" spans="14:14">
      <c r="N319579" s="10"/>
    </row>
    <row r="319580" spans="14:14">
      <c r="N319580" s="10"/>
    </row>
    <row r="319581" spans="14:14">
      <c r="N319581" s="10"/>
    </row>
    <row r="319582" spans="14:14">
      <c r="N319582" s="10"/>
    </row>
    <row r="319583" spans="14:14">
      <c r="N319583" s="10"/>
    </row>
    <row r="319584" spans="14:14">
      <c r="N319584" s="10"/>
    </row>
    <row r="319585" spans="14:14">
      <c r="N319585" s="10"/>
    </row>
    <row r="319586" spans="14:14">
      <c r="N319586" s="10"/>
    </row>
    <row r="319587" spans="14:14">
      <c r="N319587" s="10"/>
    </row>
    <row r="319588" spans="14:14">
      <c r="N319588" s="10"/>
    </row>
    <row r="319589" spans="14:14">
      <c r="N319589" s="10"/>
    </row>
    <row r="319590" spans="14:14">
      <c r="N319590" s="10"/>
    </row>
    <row r="319591" spans="14:14">
      <c r="N319591" s="10"/>
    </row>
    <row r="319592" spans="14:14">
      <c r="N319592" s="10"/>
    </row>
    <row r="319593" spans="14:14">
      <c r="N319593" s="10"/>
    </row>
    <row r="319594" spans="14:14">
      <c r="N319594" s="10"/>
    </row>
    <row r="319595" spans="14:14">
      <c r="N319595" s="10"/>
    </row>
    <row r="319596" spans="14:14">
      <c r="N319596" s="10"/>
    </row>
    <row r="319597" spans="14:14">
      <c r="N319597" s="10"/>
    </row>
    <row r="319598" spans="14:14">
      <c r="N319598" s="10"/>
    </row>
    <row r="319599" spans="14:14">
      <c r="N319599" s="10"/>
    </row>
    <row r="319600" spans="14:14">
      <c r="N319600" s="10"/>
    </row>
    <row r="319601" spans="14:14">
      <c r="N319601" s="10"/>
    </row>
    <row r="319602" spans="14:14">
      <c r="N319602" s="10"/>
    </row>
    <row r="319603" spans="14:14">
      <c r="N319603" s="10"/>
    </row>
    <row r="319604" spans="14:14">
      <c r="N319604" s="10"/>
    </row>
    <row r="319605" spans="14:14">
      <c r="N319605" s="10"/>
    </row>
    <row r="319606" spans="14:14">
      <c r="N319606" s="10"/>
    </row>
    <row r="319607" spans="14:14">
      <c r="N319607" s="10"/>
    </row>
    <row r="319608" spans="14:14">
      <c r="N319608" s="10"/>
    </row>
    <row r="319609" spans="14:14">
      <c r="N319609" s="10"/>
    </row>
    <row r="319610" spans="14:14">
      <c r="N319610" s="10"/>
    </row>
    <row r="319611" spans="14:14">
      <c r="N319611" s="10"/>
    </row>
    <row r="319612" spans="14:14">
      <c r="N319612" s="10"/>
    </row>
    <row r="319613" spans="14:14">
      <c r="N319613" s="10"/>
    </row>
    <row r="319614" spans="14:14">
      <c r="N319614" s="10"/>
    </row>
    <row r="319615" spans="14:14">
      <c r="N319615" s="10"/>
    </row>
    <row r="319616" spans="14:14">
      <c r="N319616" s="10"/>
    </row>
    <row r="319617" spans="14:14">
      <c r="N319617" s="10"/>
    </row>
    <row r="319618" spans="14:14">
      <c r="N319618" s="10"/>
    </row>
    <row r="319619" spans="14:14">
      <c r="N319619" s="10"/>
    </row>
    <row r="319620" spans="14:14">
      <c r="N319620" s="10"/>
    </row>
    <row r="319621" spans="14:14">
      <c r="N319621" s="10"/>
    </row>
    <row r="319622" spans="14:14">
      <c r="N319622" s="10"/>
    </row>
    <row r="319623" spans="14:14">
      <c r="N319623" s="10"/>
    </row>
    <row r="319624" spans="14:14">
      <c r="N319624" s="10"/>
    </row>
    <row r="319625" spans="14:14">
      <c r="N319625" s="10"/>
    </row>
    <row r="319626" spans="14:14">
      <c r="N319626" s="10"/>
    </row>
    <row r="319627" spans="14:14">
      <c r="N319627" s="10"/>
    </row>
    <row r="319628" spans="14:14">
      <c r="N319628" s="10"/>
    </row>
    <row r="319629" spans="14:14">
      <c r="N319629" s="10"/>
    </row>
    <row r="319630" spans="14:14">
      <c r="N319630" s="10"/>
    </row>
    <row r="319631" spans="14:14">
      <c r="N319631" s="10"/>
    </row>
    <row r="319632" spans="14:14">
      <c r="N319632" s="10"/>
    </row>
    <row r="319633" spans="14:14">
      <c r="N319633" s="10"/>
    </row>
    <row r="319634" spans="14:14">
      <c r="N319634" s="10"/>
    </row>
    <row r="319635" spans="14:14">
      <c r="N319635" s="10"/>
    </row>
    <row r="319636" spans="14:14">
      <c r="N319636" s="10"/>
    </row>
    <row r="319637" spans="14:14">
      <c r="N319637" s="10"/>
    </row>
    <row r="319638" spans="14:14">
      <c r="N319638" s="10"/>
    </row>
    <row r="319639" spans="14:14">
      <c r="N319639" s="10"/>
    </row>
    <row r="319640" spans="14:14">
      <c r="N319640" s="10"/>
    </row>
    <row r="319641" spans="14:14">
      <c r="N319641" s="10"/>
    </row>
    <row r="319642" spans="14:14">
      <c r="N319642" s="10"/>
    </row>
    <row r="319643" spans="14:14">
      <c r="N319643" s="10"/>
    </row>
    <row r="319644" spans="14:14">
      <c r="N319644" s="10"/>
    </row>
    <row r="319645" spans="14:14">
      <c r="N319645" s="10"/>
    </row>
    <row r="319646" spans="14:14">
      <c r="N319646" s="10"/>
    </row>
    <row r="319647" spans="14:14">
      <c r="N319647" s="10"/>
    </row>
    <row r="319648" spans="14:14">
      <c r="N319648" s="10"/>
    </row>
    <row r="319649" spans="14:14">
      <c r="N319649" s="10"/>
    </row>
    <row r="319650" spans="14:14">
      <c r="N319650" s="10"/>
    </row>
    <row r="319651" spans="14:14">
      <c r="N319651" s="10"/>
    </row>
    <row r="319652" spans="14:14">
      <c r="N319652" s="10"/>
    </row>
    <row r="319653" spans="14:14">
      <c r="N319653" s="10"/>
    </row>
    <row r="319654" spans="14:14">
      <c r="N319654" s="10"/>
    </row>
    <row r="319655" spans="14:14">
      <c r="N319655" s="10"/>
    </row>
    <row r="319656" spans="14:14">
      <c r="N319656" s="10"/>
    </row>
    <row r="319657" spans="14:14">
      <c r="N319657" s="10"/>
    </row>
    <row r="319658" spans="14:14">
      <c r="N319658" s="10"/>
    </row>
    <row r="319659" spans="14:14">
      <c r="N319659" s="10"/>
    </row>
    <row r="319660" spans="14:14">
      <c r="N319660" s="10"/>
    </row>
    <row r="319661" spans="14:14">
      <c r="N319661" s="10"/>
    </row>
    <row r="319662" spans="14:14">
      <c r="N319662" s="10"/>
    </row>
    <row r="319663" spans="14:14">
      <c r="N319663" s="10"/>
    </row>
    <row r="319664" spans="14:14">
      <c r="N319664" s="10"/>
    </row>
    <row r="319665" spans="14:14">
      <c r="N319665" s="10"/>
    </row>
    <row r="319666" spans="14:14">
      <c r="N319666" s="10"/>
    </row>
    <row r="319667" spans="14:14">
      <c r="N319667" s="10"/>
    </row>
    <row r="319668" spans="14:14">
      <c r="N319668" s="10"/>
    </row>
    <row r="319669" spans="14:14">
      <c r="N319669" s="10"/>
    </row>
    <row r="319670" spans="14:14">
      <c r="N319670" s="10"/>
    </row>
    <row r="319671" spans="14:14">
      <c r="N319671" s="10"/>
    </row>
    <row r="319672" spans="14:14">
      <c r="N319672" s="10"/>
    </row>
    <row r="319673" spans="14:14">
      <c r="N319673" s="10"/>
    </row>
    <row r="319674" spans="14:14">
      <c r="N319674" s="10"/>
    </row>
    <row r="319675" spans="14:14">
      <c r="N319675" s="10"/>
    </row>
    <row r="319676" spans="14:14">
      <c r="N319676" s="10"/>
    </row>
    <row r="319677" spans="14:14">
      <c r="N319677" s="10"/>
    </row>
    <row r="319678" spans="14:14">
      <c r="N319678" s="10"/>
    </row>
    <row r="319679" spans="14:14">
      <c r="N319679" s="10"/>
    </row>
    <row r="319680" spans="14:14">
      <c r="N319680" s="10"/>
    </row>
    <row r="319681" spans="14:14">
      <c r="N319681" s="10"/>
    </row>
    <row r="319682" spans="14:14">
      <c r="N319682" s="10"/>
    </row>
    <row r="319683" spans="14:14">
      <c r="N319683" s="10"/>
    </row>
    <row r="319684" spans="14:14">
      <c r="N319684" s="10"/>
    </row>
    <row r="319685" spans="14:14">
      <c r="N319685" s="10"/>
    </row>
    <row r="319686" spans="14:14">
      <c r="N319686" s="10"/>
    </row>
    <row r="319687" spans="14:14">
      <c r="N319687" s="10"/>
    </row>
    <row r="319688" spans="14:14">
      <c r="N319688" s="10"/>
    </row>
    <row r="319689" spans="14:14">
      <c r="N319689" s="10"/>
    </row>
    <row r="319690" spans="14:14">
      <c r="N319690" s="10"/>
    </row>
    <row r="319691" spans="14:14">
      <c r="N319691" s="10"/>
    </row>
    <row r="319692" spans="14:14">
      <c r="N319692" s="10"/>
    </row>
    <row r="319693" spans="14:14">
      <c r="N319693" s="10"/>
    </row>
    <row r="319694" spans="14:14">
      <c r="N319694" s="10"/>
    </row>
    <row r="319695" spans="14:14">
      <c r="N319695" s="10"/>
    </row>
    <row r="319696" spans="14:14">
      <c r="N319696" s="10"/>
    </row>
    <row r="319697" spans="14:14">
      <c r="N319697" s="10"/>
    </row>
    <row r="319698" spans="14:14">
      <c r="N319698" s="10"/>
    </row>
    <row r="319699" spans="14:14">
      <c r="N319699" s="10"/>
    </row>
    <row r="319700" spans="14:14">
      <c r="N319700" s="10"/>
    </row>
    <row r="319701" spans="14:14">
      <c r="N319701" s="10"/>
    </row>
    <row r="319702" spans="14:14">
      <c r="N319702" s="10"/>
    </row>
    <row r="319703" spans="14:14">
      <c r="N319703" s="10"/>
    </row>
    <row r="319704" spans="14:14">
      <c r="N319704" s="10"/>
    </row>
    <row r="319705" spans="14:14">
      <c r="N319705" s="10"/>
    </row>
    <row r="319706" spans="14:14">
      <c r="N319706" s="10"/>
    </row>
    <row r="319707" spans="14:14">
      <c r="N319707" s="10"/>
    </row>
    <row r="319708" spans="14:14">
      <c r="N319708" s="10"/>
    </row>
    <row r="319709" spans="14:14">
      <c r="N319709" s="10"/>
    </row>
    <row r="319710" spans="14:14">
      <c r="N319710" s="10"/>
    </row>
    <row r="319711" spans="14:14">
      <c r="N319711" s="10"/>
    </row>
    <row r="319712" spans="14:14">
      <c r="N319712" s="10"/>
    </row>
    <row r="319713" spans="14:14">
      <c r="N319713" s="10"/>
    </row>
    <row r="319714" spans="14:14">
      <c r="N319714" s="10"/>
    </row>
    <row r="319715" spans="14:14">
      <c r="N319715" s="10"/>
    </row>
    <row r="319716" spans="14:14">
      <c r="N319716" s="10"/>
    </row>
    <row r="319717" spans="14:14">
      <c r="N319717" s="10"/>
    </row>
    <row r="319718" spans="14:14">
      <c r="N319718" s="10"/>
    </row>
    <row r="319719" spans="14:14">
      <c r="N319719" s="10"/>
    </row>
    <row r="319720" spans="14:14">
      <c r="N319720" s="10"/>
    </row>
    <row r="319721" spans="14:14">
      <c r="N319721" s="10"/>
    </row>
    <row r="319722" spans="14:14">
      <c r="N319722" s="10"/>
    </row>
    <row r="319723" spans="14:14">
      <c r="N319723" s="10"/>
    </row>
    <row r="319724" spans="14:14">
      <c r="N319724" s="10"/>
    </row>
    <row r="319725" spans="14:14">
      <c r="N319725" s="10"/>
    </row>
    <row r="319726" spans="14:14">
      <c r="N319726" s="10"/>
    </row>
    <row r="319727" spans="14:14">
      <c r="N319727" s="10"/>
    </row>
    <row r="319728" spans="14:14">
      <c r="N319728" s="10"/>
    </row>
    <row r="319729" spans="14:14">
      <c r="N319729" s="10"/>
    </row>
    <row r="319730" spans="14:14">
      <c r="N319730" s="10"/>
    </row>
    <row r="319731" spans="14:14">
      <c r="N319731" s="10"/>
    </row>
    <row r="319732" spans="14:14">
      <c r="N319732" s="10"/>
    </row>
    <row r="319733" spans="14:14">
      <c r="N319733" s="10"/>
    </row>
    <row r="319734" spans="14:14">
      <c r="N319734" s="10"/>
    </row>
    <row r="319735" spans="14:14">
      <c r="N319735" s="10"/>
    </row>
    <row r="319736" spans="14:14">
      <c r="N319736" s="10"/>
    </row>
    <row r="319737" spans="14:14">
      <c r="N319737" s="10"/>
    </row>
    <row r="319738" spans="14:14">
      <c r="N319738" s="10"/>
    </row>
    <row r="319739" spans="14:14">
      <c r="N319739" s="10"/>
    </row>
    <row r="319740" spans="14:14">
      <c r="N319740" s="10"/>
    </row>
    <row r="319741" spans="14:14">
      <c r="N319741" s="10"/>
    </row>
    <row r="319742" spans="14:14">
      <c r="N319742" s="10"/>
    </row>
    <row r="319743" spans="14:14">
      <c r="N319743" s="10"/>
    </row>
    <row r="319744" spans="14:14">
      <c r="N319744" s="10"/>
    </row>
    <row r="319745" spans="14:14">
      <c r="N319745" s="10"/>
    </row>
    <row r="319746" spans="14:14">
      <c r="N319746" s="10"/>
    </row>
    <row r="319747" spans="14:14">
      <c r="N319747" s="10"/>
    </row>
    <row r="319748" spans="14:14">
      <c r="N319748" s="10"/>
    </row>
    <row r="319749" spans="14:14">
      <c r="N319749" s="10"/>
    </row>
    <row r="319750" spans="14:14">
      <c r="N319750" s="10"/>
    </row>
    <row r="319751" spans="14:14">
      <c r="N319751" s="10"/>
    </row>
    <row r="319752" spans="14:14">
      <c r="N319752" s="10"/>
    </row>
    <row r="319753" spans="14:14">
      <c r="N319753" s="10"/>
    </row>
    <row r="319754" spans="14:14">
      <c r="N319754" s="10"/>
    </row>
    <row r="319755" spans="14:14">
      <c r="N319755" s="10"/>
    </row>
    <row r="319756" spans="14:14">
      <c r="N319756" s="10"/>
    </row>
    <row r="319757" spans="14:14">
      <c r="N319757" s="10"/>
    </row>
    <row r="319758" spans="14:14">
      <c r="N319758" s="10"/>
    </row>
    <row r="319759" spans="14:14">
      <c r="N319759" s="10"/>
    </row>
    <row r="319760" spans="14:14">
      <c r="N319760" s="10"/>
    </row>
    <row r="319761" spans="14:14">
      <c r="N319761" s="10"/>
    </row>
    <row r="319762" spans="14:14">
      <c r="N319762" s="10"/>
    </row>
    <row r="319763" spans="14:14">
      <c r="N319763" s="10"/>
    </row>
    <row r="319764" spans="14:14">
      <c r="N319764" s="10"/>
    </row>
    <row r="319765" spans="14:14">
      <c r="N319765" s="10"/>
    </row>
    <row r="319766" spans="14:14">
      <c r="N319766" s="10"/>
    </row>
    <row r="319767" spans="14:14">
      <c r="N319767" s="10"/>
    </row>
    <row r="319768" spans="14:14">
      <c r="N319768" s="10"/>
    </row>
    <row r="319769" spans="14:14">
      <c r="N319769" s="10"/>
    </row>
    <row r="319770" spans="14:14">
      <c r="N319770" s="10"/>
    </row>
    <row r="319771" spans="14:14">
      <c r="N319771" s="10"/>
    </row>
    <row r="319772" spans="14:14">
      <c r="N319772" s="10"/>
    </row>
    <row r="319773" spans="14:14">
      <c r="N319773" s="10"/>
    </row>
    <row r="319774" spans="14:14">
      <c r="N319774" s="10"/>
    </row>
    <row r="319775" spans="14:14">
      <c r="N319775" s="10"/>
    </row>
    <row r="319776" spans="14:14">
      <c r="N319776" s="10"/>
    </row>
    <row r="319777" spans="14:14">
      <c r="N319777" s="10"/>
    </row>
    <row r="319778" spans="14:14">
      <c r="N319778" s="10"/>
    </row>
    <row r="319779" spans="14:14">
      <c r="N319779" s="10"/>
    </row>
    <row r="319780" spans="14:14">
      <c r="N319780" s="10"/>
    </row>
    <row r="319781" spans="14:14">
      <c r="N319781" s="10"/>
    </row>
    <row r="319782" spans="14:14">
      <c r="N319782" s="10"/>
    </row>
    <row r="319783" spans="14:14">
      <c r="N319783" s="10"/>
    </row>
    <row r="319784" spans="14:14">
      <c r="N319784" s="10"/>
    </row>
    <row r="319785" spans="14:14">
      <c r="N319785" s="10"/>
    </row>
    <row r="319786" spans="14:14">
      <c r="N319786" s="10"/>
    </row>
    <row r="319787" spans="14:14">
      <c r="N319787" s="10"/>
    </row>
    <row r="319788" spans="14:14">
      <c r="N319788" s="10"/>
    </row>
    <row r="319789" spans="14:14">
      <c r="N319789" s="10"/>
    </row>
    <row r="319790" spans="14:14">
      <c r="N319790" s="10"/>
    </row>
    <row r="319791" spans="14:14">
      <c r="N319791" s="10"/>
    </row>
    <row r="319792" spans="14:14">
      <c r="N319792" s="10"/>
    </row>
    <row r="319793" spans="14:14">
      <c r="N319793" s="10"/>
    </row>
    <row r="319794" spans="14:14">
      <c r="N319794" s="10"/>
    </row>
    <row r="319795" spans="14:14">
      <c r="N319795" s="10"/>
    </row>
    <row r="319796" spans="14:14">
      <c r="N319796" s="10"/>
    </row>
    <row r="319797" spans="14:14">
      <c r="N319797" s="10"/>
    </row>
    <row r="319798" spans="14:14">
      <c r="N319798" s="10"/>
    </row>
    <row r="319799" spans="14:14">
      <c r="N319799" s="10"/>
    </row>
    <row r="319800" spans="14:14">
      <c r="N319800" s="10"/>
    </row>
    <row r="319801" spans="14:14">
      <c r="N319801" s="10"/>
    </row>
    <row r="319802" spans="14:14">
      <c r="N319802" s="10"/>
    </row>
    <row r="319803" spans="14:14">
      <c r="N319803" s="10"/>
    </row>
    <row r="319804" spans="14:14">
      <c r="N319804" s="10"/>
    </row>
    <row r="319805" spans="14:14">
      <c r="N319805" s="10"/>
    </row>
    <row r="319806" spans="14:14">
      <c r="N319806" s="10"/>
    </row>
    <row r="319807" spans="14:14">
      <c r="N319807" s="10"/>
    </row>
    <row r="319808" spans="14:14">
      <c r="N319808" s="10"/>
    </row>
    <row r="319809" spans="14:14">
      <c r="N319809" s="10"/>
    </row>
    <row r="319810" spans="14:14">
      <c r="N319810" s="10"/>
    </row>
    <row r="319811" spans="14:14">
      <c r="N319811" s="10"/>
    </row>
    <row r="319812" spans="14:14">
      <c r="N319812" s="10"/>
    </row>
    <row r="319813" spans="14:14">
      <c r="N319813" s="10"/>
    </row>
    <row r="319814" spans="14:14">
      <c r="N319814" s="10"/>
    </row>
    <row r="319815" spans="14:14">
      <c r="N319815" s="10"/>
    </row>
    <row r="319816" spans="14:14">
      <c r="N319816" s="10"/>
    </row>
    <row r="319817" spans="14:14">
      <c r="N319817" s="10"/>
    </row>
    <row r="319818" spans="14:14">
      <c r="N319818" s="10"/>
    </row>
    <row r="319819" spans="14:14">
      <c r="N319819" s="10"/>
    </row>
    <row r="319820" spans="14:14">
      <c r="N319820" s="10"/>
    </row>
    <row r="319821" spans="14:14">
      <c r="N319821" s="10"/>
    </row>
    <row r="319822" spans="14:14">
      <c r="N319822" s="10"/>
    </row>
    <row r="319823" spans="14:14">
      <c r="N319823" s="10"/>
    </row>
    <row r="319824" spans="14:14">
      <c r="N319824" s="10"/>
    </row>
    <row r="319825" spans="14:14">
      <c r="N319825" s="10"/>
    </row>
    <row r="319826" spans="14:14">
      <c r="N319826" s="10"/>
    </row>
    <row r="319827" spans="14:14">
      <c r="N319827" s="10"/>
    </row>
    <row r="319828" spans="14:14">
      <c r="N319828" s="10"/>
    </row>
    <row r="319829" spans="14:14">
      <c r="N319829" s="10"/>
    </row>
    <row r="319830" spans="14:14">
      <c r="N319830" s="10"/>
    </row>
    <row r="319831" spans="14:14">
      <c r="N319831" s="10"/>
    </row>
    <row r="319832" spans="14:14">
      <c r="N319832" s="10"/>
    </row>
    <row r="319833" spans="14:14">
      <c r="N319833" s="10"/>
    </row>
    <row r="319834" spans="14:14">
      <c r="N319834" s="10"/>
    </row>
    <row r="319835" spans="14:14">
      <c r="N319835" s="10"/>
    </row>
    <row r="319836" spans="14:14">
      <c r="N319836" s="10"/>
    </row>
    <row r="319837" spans="14:14">
      <c r="N319837" s="10"/>
    </row>
    <row r="319838" spans="14:14">
      <c r="N319838" s="10"/>
    </row>
    <row r="319839" spans="14:14">
      <c r="N319839" s="10"/>
    </row>
    <row r="319840" spans="14:14">
      <c r="N319840" s="10"/>
    </row>
    <row r="319841" spans="14:14">
      <c r="N319841" s="10"/>
    </row>
    <row r="319842" spans="14:14">
      <c r="N319842" s="10"/>
    </row>
    <row r="319843" spans="14:14">
      <c r="N319843" s="10"/>
    </row>
    <row r="319844" spans="14:14">
      <c r="N319844" s="10"/>
    </row>
    <row r="319845" spans="14:14">
      <c r="N319845" s="10"/>
    </row>
    <row r="319846" spans="14:14">
      <c r="N319846" s="10"/>
    </row>
    <row r="319847" spans="14:14">
      <c r="N319847" s="10"/>
    </row>
    <row r="319848" spans="14:14">
      <c r="N319848" s="10"/>
    </row>
    <row r="319849" spans="14:14">
      <c r="N319849" s="10"/>
    </row>
    <row r="319850" spans="14:14">
      <c r="N319850" s="10"/>
    </row>
    <row r="319851" spans="14:14">
      <c r="N319851" s="10"/>
    </row>
    <row r="319852" spans="14:14">
      <c r="N319852" s="10"/>
    </row>
    <row r="319853" spans="14:14">
      <c r="N319853" s="10"/>
    </row>
    <row r="319854" spans="14:14">
      <c r="N319854" s="10"/>
    </row>
    <row r="319855" spans="14:14">
      <c r="N319855" s="10"/>
    </row>
    <row r="319856" spans="14:14">
      <c r="N319856" s="10"/>
    </row>
    <row r="319857" spans="14:14">
      <c r="N319857" s="10"/>
    </row>
    <row r="319858" spans="14:14">
      <c r="N319858" s="10"/>
    </row>
    <row r="319859" spans="14:14">
      <c r="N319859" s="10"/>
    </row>
    <row r="319860" spans="14:14">
      <c r="N319860" s="10"/>
    </row>
    <row r="319861" spans="14:14">
      <c r="N319861" s="10"/>
    </row>
    <row r="319862" spans="14:14">
      <c r="N319862" s="10"/>
    </row>
    <row r="319863" spans="14:14">
      <c r="N319863" s="10"/>
    </row>
    <row r="319864" spans="14:14">
      <c r="N319864" s="10"/>
    </row>
    <row r="319865" spans="14:14">
      <c r="N319865" s="10"/>
    </row>
    <row r="319866" spans="14:14">
      <c r="N319866" s="10"/>
    </row>
    <row r="319867" spans="14:14">
      <c r="N319867" s="10"/>
    </row>
    <row r="319868" spans="14:14">
      <c r="N319868" s="10"/>
    </row>
    <row r="319869" spans="14:14">
      <c r="N319869" s="10"/>
    </row>
    <row r="319870" spans="14:14">
      <c r="N319870" s="10"/>
    </row>
    <row r="319871" spans="14:14">
      <c r="N319871" s="10"/>
    </row>
    <row r="319872" spans="14:14">
      <c r="N319872" s="10"/>
    </row>
    <row r="319873" spans="14:14">
      <c r="N319873" s="10"/>
    </row>
    <row r="319874" spans="14:14">
      <c r="N319874" s="10"/>
    </row>
    <row r="319875" spans="14:14">
      <c r="N319875" s="10"/>
    </row>
    <row r="319876" spans="14:14">
      <c r="N319876" s="10"/>
    </row>
    <row r="319877" spans="14:14">
      <c r="N319877" s="10"/>
    </row>
    <row r="319878" spans="14:14">
      <c r="N319878" s="10"/>
    </row>
    <row r="319879" spans="14:14">
      <c r="N319879" s="10"/>
    </row>
    <row r="319880" spans="14:14">
      <c r="N319880" s="10"/>
    </row>
    <row r="319881" spans="14:14">
      <c r="N319881" s="10"/>
    </row>
    <row r="319882" spans="14:14">
      <c r="N319882" s="10"/>
    </row>
    <row r="319883" spans="14:14">
      <c r="N319883" s="10"/>
    </row>
    <row r="319884" spans="14:14">
      <c r="N319884" s="10"/>
    </row>
    <row r="319885" spans="14:14">
      <c r="N319885" s="10"/>
    </row>
    <row r="319886" spans="14:14">
      <c r="N319886" s="10"/>
    </row>
    <row r="319887" spans="14:14">
      <c r="N319887" s="10"/>
    </row>
    <row r="319888" spans="14:14">
      <c r="N319888" s="10"/>
    </row>
    <row r="319889" spans="14:14">
      <c r="N319889" s="10"/>
    </row>
    <row r="319890" spans="14:14">
      <c r="N319890" s="10"/>
    </row>
    <row r="319891" spans="14:14">
      <c r="N319891" s="10"/>
    </row>
    <row r="319892" spans="14:14">
      <c r="N319892" s="10"/>
    </row>
    <row r="319893" spans="14:14">
      <c r="N319893" s="10"/>
    </row>
    <row r="319894" spans="14:14">
      <c r="N319894" s="10"/>
    </row>
    <row r="319895" spans="14:14">
      <c r="N319895" s="10"/>
    </row>
    <row r="319896" spans="14:14">
      <c r="N319896" s="10"/>
    </row>
    <row r="319897" spans="14:14">
      <c r="N319897" s="10"/>
    </row>
    <row r="319898" spans="14:14">
      <c r="N319898" s="10"/>
    </row>
    <row r="319899" spans="14:14">
      <c r="N319899" s="10"/>
    </row>
    <row r="319900" spans="14:14">
      <c r="N319900" s="10"/>
    </row>
    <row r="319901" spans="14:14">
      <c r="N319901" s="10"/>
    </row>
    <row r="319902" spans="14:14">
      <c r="N319902" s="10"/>
    </row>
    <row r="319903" spans="14:14">
      <c r="N319903" s="10"/>
    </row>
    <row r="319904" spans="14:14">
      <c r="N319904" s="10"/>
    </row>
    <row r="319905" spans="14:14">
      <c r="N319905" s="10"/>
    </row>
    <row r="319906" spans="14:14">
      <c r="N319906" s="10"/>
    </row>
    <row r="319907" spans="14:14">
      <c r="N319907" s="10"/>
    </row>
    <row r="319908" spans="14:14">
      <c r="N319908" s="10"/>
    </row>
    <row r="319909" spans="14:14">
      <c r="N319909" s="10"/>
    </row>
    <row r="319910" spans="14:14">
      <c r="N319910" s="10"/>
    </row>
    <row r="319911" spans="14:14">
      <c r="N319911" s="10"/>
    </row>
    <row r="319912" spans="14:14">
      <c r="N319912" s="10"/>
    </row>
    <row r="319913" spans="14:14">
      <c r="N319913" s="10"/>
    </row>
    <row r="319914" spans="14:14">
      <c r="N319914" s="10"/>
    </row>
    <row r="319915" spans="14:14">
      <c r="N319915" s="10"/>
    </row>
    <row r="319916" spans="14:14">
      <c r="N319916" s="10"/>
    </row>
    <row r="319917" spans="14:14">
      <c r="N319917" s="10"/>
    </row>
    <row r="319918" spans="14:14">
      <c r="N319918" s="10"/>
    </row>
    <row r="319919" spans="14:14">
      <c r="N319919" s="10"/>
    </row>
    <row r="319920" spans="14:14">
      <c r="N319920" s="10"/>
    </row>
    <row r="319921" spans="14:14">
      <c r="N319921" s="10"/>
    </row>
    <row r="319922" spans="14:14">
      <c r="N319922" s="10"/>
    </row>
    <row r="319923" spans="14:14">
      <c r="N319923" s="10"/>
    </row>
    <row r="319924" spans="14:14">
      <c r="N319924" s="10"/>
    </row>
    <row r="319925" spans="14:14">
      <c r="N319925" s="10"/>
    </row>
    <row r="319926" spans="14:14">
      <c r="N319926" s="10"/>
    </row>
    <row r="319927" spans="14:14">
      <c r="N319927" s="10"/>
    </row>
    <row r="319928" spans="14:14">
      <c r="N319928" s="10"/>
    </row>
    <row r="319929" spans="14:14">
      <c r="N319929" s="10"/>
    </row>
    <row r="319930" spans="14:14">
      <c r="N319930" s="10"/>
    </row>
    <row r="319931" spans="14:14">
      <c r="N319931" s="10"/>
    </row>
    <row r="319932" spans="14:14">
      <c r="N319932" s="10"/>
    </row>
    <row r="319933" spans="14:14">
      <c r="N319933" s="10"/>
    </row>
    <row r="319934" spans="14:14">
      <c r="N319934" s="10"/>
    </row>
    <row r="319935" spans="14:14">
      <c r="N319935" s="10"/>
    </row>
    <row r="319936" spans="14:14">
      <c r="N319936" s="10"/>
    </row>
    <row r="319937" spans="14:14">
      <c r="N319937" s="10"/>
    </row>
    <row r="319938" spans="14:14">
      <c r="N319938" s="10"/>
    </row>
    <row r="319939" spans="14:14">
      <c r="N319939" s="10"/>
    </row>
    <row r="319940" spans="14:14">
      <c r="N319940" s="10"/>
    </row>
    <row r="319941" spans="14:14">
      <c r="N319941" s="10"/>
    </row>
    <row r="319942" spans="14:14">
      <c r="N319942" s="10"/>
    </row>
    <row r="319943" spans="14:14">
      <c r="N319943" s="10"/>
    </row>
    <row r="319944" spans="14:14">
      <c r="N319944" s="10"/>
    </row>
    <row r="319945" spans="14:14">
      <c r="N319945" s="10"/>
    </row>
    <row r="319946" spans="14:14">
      <c r="N319946" s="10"/>
    </row>
    <row r="319947" spans="14:14">
      <c r="N319947" s="10"/>
    </row>
    <row r="319948" spans="14:14">
      <c r="N319948" s="10"/>
    </row>
    <row r="319949" spans="14:14">
      <c r="N319949" s="10"/>
    </row>
    <row r="319950" spans="14:14">
      <c r="N319950" s="10"/>
    </row>
    <row r="319951" spans="14:14">
      <c r="N319951" s="10"/>
    </row>
    <row r="319952" spans="14:14">
      <c r="N319952" s="10"/>
    </row>
    <row r="319953" spans="14:14">
      <c r="N319953" s="10"/>
    </row>
    <row r="319954" spans="14:14">
      <c r="N319954" s="10"/>
    </row>
    <row r="319955" spans="14:14">
      <c r="N319955" s="10"/>
    </row>
    <row r="319956" spans="14:14">
      <c r="N319956" s="10"/>
    </row>
    <row r="319957" spans="14:14">
      <c r="N319957" s="10"/>
    </row>
    <row r="319958" spans="14:14">
      <c r="N319958" s="10"/>
    </row>
    <row r="319959" spans="14:14">
      <c r="N319959" s="10"/>
    </row>
    <row r="319960" spans="14:14">
      <c r="N319960" s="10"/>
    </row>
    <row r="319961" spans="14:14">
      <c r="N319961" s="10"/>
    </row>
    <row r="319962" spans="14:14">
      <c r="N319962" s="10"/>
    </row>
    <row r="319963" spans="14:14">
      <c r="N319963" s="10"/>
    </row>
    <row r="319964" spans="14:14">
      <c r="N319964" s="10"/>
    </row>
    <row r="319965" spans="14:14">
      <c r="N319965" s="10"/>
    </row>
    <row r="319966" spans="14:14">
      <c r="N319966" s="10"/>
    </row>
    <row r="319967" spans="14:14">
      <c r="N319967" s="10"/>
    </row>
    <row r="319968" spans="14:14">
      <c r="N319968" s="10"/>
    </row>
    <row r="319969" spans="14:14">
      <c r="N319969" s="10"/>
    </row>
    <row r="319970" spans="14:14">
      <c r="N319970" s="10"/>
    </row>
    <row r="319971" spans="14:14">
      <c r="N319971" s="10"/>
    </row>
    <row r="319972" spans="14:14">
      <c r="N319972" s="10"/>
    </row>
    <row r="319973" spans="14:14">
      <c r="N319973" s="10"/>
    </row>
    <row r="319974" spans="14:14">
      <c r="N319974" s="10"/>
    </row>
    <row r="319975" spans="14:14">
      <c r="N319975" s="10"/>
    </row>
    <row r="319976" spans="14:14">
      <c r="N319976" s="10"/>
    </row>
    <row r="319977" spans="14:14">
      <c r="N319977" s="10"/>
    </row>
    <row r="319978" spans="14:14">
      <c r="N319978" s="10"/>
    </row>
    <row r="319979" spans="14:14">
      <c r="N319979" s="10"/>
    </row>
    <row r="319980" spans="14:14">
      <c r="N319980" s="10"/>
    </row>
    <row r="319981" spans="14:14">
      <c r="N319981" s="10"/>
    </row>
    <row r="319982" spans="14:14">
      <c r="N319982" s="10"/>
    </row>
    <row r="319983" spans="14:14">
      <c r="N319983" s="10"/>
    </row>
    <row r="319984" spans="14:14">
      <c r="N319984" s="10"/>
    </row>
    <row r="319985" spans="14:14">
      <c r="N319985" s="10"/>
    </row>
    <row r="319986" spans="14:14">
      <c r="N319986" s="10"/>
    </row>
    <row r="319987" spans="14:14">
      <c r="N319987" s="10"/>
    </row>
    <row r="319988" spans="14:14">
      <c r="N319988" s="10"/>
    </row>
    <row r="319989" spans="14:14">
      <c r="N319989" s="10"/>
    </row>
    <row r="319990" spans="14:14">
      <c r="N319990" s="10"/>
    </row>
    <row r="319991" spans="14:14">
      <c r="N319991" s="10"/>
    </row>
    <row r="319992" spans="14:14">
      <c r="N319992" s="10"/>
    </row>
    <row r="319993" spans="14:14">
      <c r="N319993" s="10"/>
    </row>
    <row r="319994" spans="14:14">
      <c r="N319994" s="10"/>
    </row>
    <row r="319995" spans="14:14">
      <c r="N319995" s="10"/>
    </row>
    <row r="319996" spans="14:14">
      <c r="N319996" s="10"/>
    </row>
    <row r="319997" spans="14:14">
      <c r="N319997" s="10"/>
    </row>
    <row r="319998" spans="14:14">
      <c r="N319998" s="10"/>
    </row>
    <row r="319999" spans="14:14">
      <c r="N319999" s="10"/>
    </row>
    <row r="320000" spans="14:14">
      <c r="N320000" s="10"/>
    </row>
    <row r="320001" spans="14:14">
      <c r="N320001" s="10"/>
    </row>
    <row r="320002" spans="14:14">
      <c r="N320002" s="10"/>
    </row>
    <row r="320003" spans="14:14">
      <c r="N320003" s="10"/>
    </row>
    <row r="320004" spans="14:14">
      <c r="N320004" s="10"/>
    </row>
    <row r="320005" spans="14:14">
      <c r="N320005" s="10"/>
    </row>
    <row r="320006" spans="14:14">
      <c r="N320006" s="10"/>
    </row>
    <row r="320007" spans="14:14">
      <c r="N320007" s="10"/>
    </row>
    <row r="320008" spans="14:14">
      <c r="N320008" s="10"/>
    </row>
    <row r="320009" spans="14:14">
      <c r="N320009" s="10"/>
    </row>
    <row r="320010" spans="14:14">
      <c r="N320010" s="10"/>
    </row>
    <row r="320011" spans="14:14">
      <c r="N320011" s="10"/>
    </row>
    <row r="320012" spans="14:14">
      <c r="N320012" s="10"/>
    </row>
    <row r="320013" spans="14:14">
      <c r="N320013" s="10"/>
    </row>
    <row r="320014" spans="14:14">
      <c r="N320014" s="10"/>
    </row>
    <row r="320015" spans="14:14">
      <c r="N320015" s="10"/>
    </row>
    <row r="320016" spans="14:14">
      <c r="N320016" s="10"/>
    </row>
    <row r="320017" spans="14:14">
      <c r="N320017" s="10"/>
    </row>
    <row r="320018" spans="14:14">
      <c r="N320018" s="10"/>
    </row>
    <row r="320019" spans="14:14">
      <c r="N320019" s="10"/>
    </row>
    <row r="320020" spans="14:14">
      <c r="N320020" s="10"/>
    </row>
    <row r="320021" spans="14:14">
      <c r="N320021" s="10"/>
    </row>
    <row r="320022" spans="14:14">
      <c r="N320022" s="10"/>
    </row>
    <row r="320023" spans="14:14">
      <c r="N320023" s="10"/>
    </row>
    <row r="320024" spans="14:14">
      <c r="N320024" s="10"/>
    </row>
    <row r="320025" spans="14:14">
      <c r="N320025" s="10"/>
    </row>
    <row r="320026" spans="14:14">
      <c r="N320026" s="10"/>
    </row>
    <row r="320027" spans="14:14">
      <c r="N320027" s="10"/>
    </row>
    <row r="320028" spans="14:14">
      <c r="N320028" s="10"/>
    </row>
    <row r="320029" spans="14:14">
      <c r="N320029" s="10"/>
    </row>
    <row r="320030" spans="14:14">
      <c r="N320030" s="10"/>
    </row>
    <row r="320031" spans="14:14">
      <c r="N320031" s="10"/>
    </row>
    <row r="320032" spans="14:14">
      <c r="N320032" s="10"/>
    </row>
    <row r="320033" spans="14:14">
      <c r="N320033" s="10"/>
    </row>
    <row r="320034" spans="14:14">
      <c r="N320034" s="10"/>
    </row>
    <row r="320035" spans="14:14">
      <c r="N320035" s="10"/>
    </row>
    <row r="320036" spans="14:14">
      <c r="N320036" s="10"/>
    </row>
    <row r="320037" spans="14:14">
      <c r="N320037" s="10"/>
    </row>
    <row r="320038" spans="14:14">
      <c r="N320038" s="10"/>
    </row>
    <row r="320039" spans="14:14">
      <c r="N320039" s="10"/>
    </row>
    <row r="320040" spans="14:14">
      <c r="N320040" s="10"/>
    </row>
    <row r="320041" spans="14:14">
      <c r="N320041" s="10"/>
    </row>
    <row r="320042" spans="14:14">
      <c r="N320042" s="10"/>
    </row>
    <row r="320043" spans="14:14">
      <c r="N320043" s="10"/>
    </row>
    <row r="320044" spans="14:14">
      <c r="N320044" s="10"/>
    </row>
    <row r="320045" spans="14:14">
      <c r="N320045" s="10"/>
    </row>
    <row r="320046" spans="14:14">
      <c r="N320046" s="10"/>
    </row>
    <row r="320047" spans="14:14">
      <c r="N320047" s="10"/>
    </row>
    <row r="320048" spans="14:14">
      <c r="N320048" s="10"/>
    </row>
    <row r="320049" spans="14:14">
      <c r="N320049" s="10"/>
    </row>
    <row r="320050" spans="14:14">
      <c r="N320050" s="10"/>
    </row>
    <row r="320051" spans="14:14">
      <c r="N320051" s="10"/>
    </row>
    <row r="320052" spans="14:14">
      <c r="N320052" s="10"/>
    </row>
    <row r="320053" spans="14:14">
      <c r="N320053" s="10"/>
    </row>
    <row r="320054" spans="14:14">
      <c r="N320054" s="10"/>
    </row>
    <row r="320055" spans="14:14">
      <c r="N320055" s="10"/>
    </row>
    <row r="320056" spans="14:14">
      <c r="N320056" s="10"/>
    </row>
    <row r="320057" spans="14:14">
      <c r="N320057" s="10"/>
    </row>
    <row r="320058" spans="14:14">
      <c r="N320058" s="10"/>
    </row>
    <row r="320059" spans="14:14">
      <c r="N320059" s="10"/>
    </row>
    <row r="320060" spans="14:14">
      <c r="N320060" s="10"/>
    </row>
    <row r="320061" spans="14:14">
      <c r="N320061" s="10"/>
    </row>
    <row r="320062" spans="14:14">
      <c r="N320062" s="10"/>
    </row>
    <row r="320063" spans="14:14">
      <c r="N320063" s="10"/>
    </row>
    <row r="320064" spans="14:14">
      <c r="N320064" s="10"/>
    </row>
    <row r="320065" spans="14:14">
      <c r="N320065" s="10"/>
    </row>
    <row r="320066" spans="14:14">
      <c r="N320066" s="10"/>
    </row>
    <row r="320067" spans="14:14">
      <c r="N320067" s="10"/>
    </row>
    <row r="320068" spans="14:14">
      <c r="N320068" s="10"/>
    </row>
    <row r="320069" spans="14:14">
      <c r="N320069" s="10"/>
    </row>
    <row r="320070" spans="14:14">
      <c r="N320070" s="10"/>
    </row>
    <row r="320071" spans="14:14">
      <c r="N320071" s="10"/>
    </row>
    <row r="320072" spans="14:14">
      <c r="N320072" s="10"/>
    </row>
    <row r="320073" spans="14:14">
      <c r="N320073" s="10"/>
    </row>
    <row r="320074" spans="14:14">
      <c r="N320074" s="10"/>
    </row>
    <row r="320075" spans="14:14">
      <c r="N320075" s="10"/>
    </row>
    <row r="320076" spans="14:14">
      <c r="N320076" s="10"/>
    </row>
    <row r="320077" spans="14:14">
      <c r="N320077" s="10"/>
    </row>
    <row r="320078" spans="14:14">
      <c r="N320078" s="10"/>
    </row>
    <row r="320079" spans="14:14">
      <c r="N320079" s="10"/>
    </row>
    <row r="320080" spans="14:14">
      <c r="N320080" s="10"/>
    </row>
    <row r="320081" spans="14:14">
      <c r="N320081" s="10"/>
    </row>
    <row r="320082" spans="14:14">
      <c r="N320082" s="10"/>
    </row>
    <row r="320083" spans="14:14">
      <c r="N320083" s="10"/>
    </row>
    <row r="320084" spans="14:14">
      <c r="N320084" s="10"/>
    </row>
    <row r="320085" spans="14:14">
      <c r="N320085" s="10"/>
    </row>
    <row r="320086" spans="14:14">
      <c r="N320086" s="10"/>
    </row>
    <row r="320087" spans="14:14">
      <c r="N320087" s="10"/>
    </row>
    <row r="320088" spans="14:14">
      <c r="N320088" s="10"/>
    </row>
    <row r="320089" spans="14:14">
      <c r="N320089" s="10"/>
    </row>
    <row r="320090" spans="14:14">
      <c r="N320090" s="10"/>
    </row>
    <row r="320091" spans="14:14">
      <c r="N320091" s="10"/>
    </row>
    <row r="320092" spans="14:14">
      <c r="N320092" s="10"/>
    </row>
    <row r="320093" spans="14:14">
      <c r="N320093" s="10"/>
    </row>
    <row r="320094" spans="14:14">
      <c r="N320094" s="10"/>
    </row>
    <row r="320095" spans="14:14">
      <c r="N320095" s="10"/>
    </row>
    <row r="320096" spans="14:14">
      <c r="N320096" s="10"/>
    </row>
    <row r="320097" spans="14:14">
      <c r="N320097" s="10"/>
    </row>
    <row r="320098" spans="14:14">
      <c r="N320098" s="10"/>
    </row>
    <row r="320099" spans="14:14">
      <c r="N320099" s="10"/>
    </row>
    <row r="320100" spans="14:14">
      <c r="N320100" s="10"/>
    </row>
    <row r="320101" spans="14:14">
      <c r="N320101" s="10"/>
    </row>
    <row r="320102" spans="14:14">
      <c r="N320102" s="10"/>
    </row>
    <row r="320103" spans="14:14">
      <c r="N320103" s="10"/>
    </row>
    <row r="320104" spans="14:14">
      <c r="N320104" s="10"/>
    </row>
    <row r="320105" spans="14:14">
      <c r="N320105" s="10"/>
    </row>
    <row r="320106" spans="14:14">
      <c r="N320106" s="10"/>
    </row>
    <row r="320107" spans="14:14">
      <c r="N320107" s="10"/>
    </row>
    <row r="320108" spans="14:14">
      <c r="N320108" s="10"/>
    </row>
    <row r="320109" spans="14:14">
      <c r="N320109" s="10"/>
    </row>
    <row r="320110" spans="14:14">
      <c r="N320110" s="10"/>
    </row>
    <row r="320111" spans="14:14">
      <c r="N320111" s="10"/>
    </row>
    <row r="320112" spans="14:14">
      <c r="N320112" s="10"/>
    </row>
    <row r="320113" spans="14:14">
      <c r="N320113" s="10"/>
    </row>
    <row r="320114" spans="14:14">
      <c r="N320114" s="10"/>
    </row>
    <row r="320115" spans="14:14">
      <c r="N320115" s="10"/>
    </row>
    <row r="320116" spans="14:14">
      <c r="N320116" s="10"/>
    </row>
    <row r="320117" spans="14:14">
      <c r="N320117" s="10"/>
    </row>
    <row r="320118" spans="14:14">
      <c r="N320118" s="10"/>
    </row>
    <row r="320119" spans="14:14">
      <c r="N320119" s="10"/>
    </row>
    <row r="320120" spans="14:14">
      <c r="N320120" s="10"/>
    </row>
    <row r="320121" spans="14:14">
      <c r="N320121" s="10"/>
    </row>
    <row r="320122" spans="14:14">
      <c r="N320122" s="10"/>
    </row>
    <row r="320123" spans="14:14">
      <c r="N320123" s="10"/>
    </row>
    <row r="320124" spans="14:14">
      <c r="N320124" s="10"/>
    </row>
    <row r="320125" spans="14:14">
      <c r="N320125" s="10"/>
    </row>
    <row r="320126" spans="14:14">
      <c r="N320126" s="10"/>
    </row>
    <row r="320127" spans="14:14">
      <c r="N320127" s="10"/>
    </row>
    <row r="320128" spans="14:14">
      <c r="N320128" s="10"/>
    </row>
    <row r="320129" spans="14:14">
      <c r="N320129" s="10"/>
    </row>
    <row r="320130" spans="14:14">
      <c r="N320130" s="10"/>
    </row>
    <row r="320131" spans="14:14">
      <c r="N320131" s="10"/>
    </row>
    <row r="320132" spans="14:14">
      <c r="N320132" s="10"/>
    </row>
    <row r="320133" spans="14:14">
      <c r="N320133" s="10"/>
    </row>
    <row r="320134" spans="14:14">
      <c r="N320134" s="10"/>
    </row>
    <row r="320135" spans="14:14">
      <c r="N320135" s="10"/>
    </row>
    <row r="320136" spans="14:14">
      <c r="N320136" s="10"/>
    </row>
    <row r="320137" spans="14:14">
      <c r="N320137" s="10"/>
    </row>
    <row r="320138" spans="14:14">
      <c r="N320138" s="10"/>
    </row>
    <row r="320139" spans="14:14">
      <c r="N320139" s="10"/>
    </row>
    <row r="320140" spans="14:14">
      <c r="N320140" s="10"/>
    </row>
    <row r="320141" spans="14:14">
      <c r="N320141" s="10"/>
    </row>
    <row r="320142" spans="14:14">
      <c r="N320142" s="10"/>
    </row>
    <row r="320143" spans="14:14">
      <c r="N320143" s="10"/>
    </row>
    <row r="320144" spans="14:14">
      <c r="N320144" s="10"/>
    </row>
    <row r="320145" spans="14:14">
      <c r="N320145" s="10"/>
    </row>
    <row r="320146" spans="14:14">
      <c r="N320146" s="10"/>
    </row>
    <row r="320147" spans="14:14">
      <c r="N320147" s="10"/>
    </row>
    <row r="320148" spans="14:14">
      <c r="N320148" s="10"/>
    </row>
    <row r="320149" spans="14:14">
      <c r="N320149" s="10"/>
    </row>
    <row r="320150" spans="14:14">
      <c r="N320150" s="10"/>
    </row>
    <row r="320151" spans="14:14">
      <c r="N320151" s="10"/>
    </row>
    <row r="320152" spans="14:14">
      <c r="N320152" s="10"/>
    </row>
    <row r="320153" spans="14:14">
      <c r="N320153" s="10"/>
    </row>
    <row r="320154" spans="14:14">
      <c r="N320154" s="10"/>
    </row>
    <row r="320155" spans="14:14">
      <c r="N320155" s="10"/>
    </row>
    <row r="320156" spans="14:14">
      <c r="N320156" s="10"/>
    </row>
    <row r="320157" spans="14:14">
      <c r="N320157" s="10"/>
    </row>
    <row r="320158" spans="14:14">
      <c r="N320158" s="10"/>
    </row>
    <row r="320159" spans="14:14">
      <c r="N320159" s="10"/>
    </row>
    <row r="320160" spans="14:14">
      <c r="N320160" s="10"/>
    </row>
    <row r="320161" spans="14:14">
      <c r="N320161" s="10"/>
    </row>
    <row r="320162" spans="14:14">
      <c r="N320162" s="10"/>
    </row>
    <row r="320163" spans="14:14">
      <c r="N320163" s="10"/>
    </row>
    <row r="320164" spans="14:14">
      <c r="N320164" s="10"/>
    </row>
    <row r="320165" spans="14:14">
      <c r="N320165" s="10"/>
    </row>
    <row r="320166" spans="14:14">
      <c r="N320166" s="10"/>
    </row>
    <row r="320167" spans="14:14">
      <c r="N320167" s="10"/>
    </row>
    <row r="320168" spans="14:14">
      <c r="N320168" s="10"/>
    </row>
    <row r="320169" spans="14:14">
      <c r="N320169" s="10"/>
    </row>
    <row r="320170" spans="14:14">
      <c r="N320170" s="10"/>
    </row>
    <row r="320171" spans="14:14">
      <c r="N320171" s="10"/>
    </row>
    <row r="320172" spans="14:14">
      <c r="N320172" s="10"/>
    </row>
    <row r="320173" spans="14:14">
      <c r="N320173" s="10"/>
    </row>
    <row r="320174" spans="14:14">
      <c r="N320174" s="10"/>
    </row>
    <row r="320175" spans="14:14">
      <c r="N320175" s="10"/>
    </row>
    <row r="320176" spans="14:14">
      <c r="N320176" s="10"/>
    </row>
    <row r="320177" spans="14:14">
      <c r="N320177" s="10"/>
    </row>
    <row r="320178" spans="14:14">
      <c r="N320178" s="10"/>
    </row>
    <row r="320179" spans="14:14">
      <c r="N320179" s="10"/>
    </row>
    <row r="320180" spans="14:14">
      <c r="N320180" s="10"/>
    </row>
    <row r="320181" spans="14:14">
      <c r="N320181" s="10"/>
    </row>
    <row r="320182" spans="14:14">
      <c r="N320182" s="10"/>
    </row>
    <row r="320183" spans="14:14">
      <c r="N320183" s="10"/>
    </row>
    <row r="320184" spans="14:14">
      <c r="N320184" s="10"/>
    </row>
    <row r="320185" spans="14:14">
      <c r="N320185" s="10"/>
    </row>
    <row r="320186" spans="14:14">
      <c r="N320186" s="10"/>
    </row>
    <row r="320187" spans="14:14">
      <c r="N320187" s="10"/>
    </row>
    <row r="320188" spans="14:14">
      <c r="N320188" s="10"/>
    </row>
    <row r="320189" spans="14:14">
      <c r="N320189" s="10"/>
    </row>
    <row r="320190" spans="14:14">
      <c r="N320190" s="10"/>
    </row>
    <row r="320191" spans="14:14">
      <c r="N320191" s="10"/>
    </row>
    <row r="320192" spans="14:14">
      <c r="N320192" s="10"/>
    </row>
    <row r="320193" spans="14:14">
      <c r="N320193" s="10"/>
    </row>
    <row r="320194" spans="14:14">
      <c r="N320194" s="10"/>
    </row>
    <row r="320195" spans="14:14">
      <c r="N320195" s="10"/>
    </row>
    <row r="320196" spans="14:14">
      <c r="N320196" s="10"/>
    </row>
    <row r="320197" spans="14:14">
      <c r="N320197" s="10"/>
    </row>
    <row r="320198" spans="14:14">
      <c r="N320198" s="10"/>
    </row>
    <row r="320199" spans="14:14">
      <c r="N320199" s="10"/>
    </row>
    <row r="320200" spans="14:14">
      <c r="N320200" s="10"/>
    </row>
    <row r="320201" spans="14:14">
      <c r="N320201" s="10"/>
    </row>
    <row r="320202" spans="14:14">
      <c r="N320202" s="10"/>
    </row>
    <row r="320203" spans="14:14">
      <c r="N320203" s="10"/>
    </row>
    <row r="320204" spans="14:14">
      <c r="N320204" s="10"/>
    </row>
    <row r="320205" spans="14:14">
      <c r="N320205" s="10"/>
    </row>
    <row r="320206" spans="14:14">
      <c r="N320206" s="10"/>
    </row>
    <row r="320207" spans="14:14">
      <c r="N320207" s="10"/>
    </row>
    <row r="320208" spans="14:14">
      <c r="N320208" s="10"/>
    </row>
    <row r="320209" spans="14:14">
      <c r="N320209" s="10"/>
    </row>
    <row r="320210" spans="14:14">
      <c r="N320210" s="10"/>
    </row>
    <row r="320211" spans="14:14">
      <c r="N320211" s="10"/>
    </row>
    <row r="320212" spans="14:14">
      <c r="N320212" s="10"/>
    </row>
    <row r="320213" spans="14:14">
      <c r="N320213" s="10"/>
    </row>
    <row r="320214" spans="14:14">
      <c r="N320214" s="10"/>
    </row>
    <row r="320215" spans="14:14">
      <c r="N320215" s="10"/>
    </row>
    <row r="320216" spans="14:14">
      <c r="N320216" s="10"/>
    </row>
    <row r="320217" spans="14:14">
      <c r="N320217" s="10"/>
    </row>
    <row r="320218" spans="14:14">
      <c r="N320218" s="10"/>
    </row>
    <row r="320219" spans="14:14">
      <c r="N320219" s="10"/>
    </row>
    <row r="320220" spans="14:14">
      <c r="N320220" s="10"/>
    </row>
    <row r="320221" spans="14:14">
      <c r="N320221" s="10"/>
    </row>
    <row r="320222" spans="14:14">
      <c r="N320222" s="10"/>
    </row>
    <row r="320223" spans="14:14">
      <c r="N320223" s="10"/>
    </row>
    <row r="320224" spans="14:14">
      <c r="N320224" s="10"/>
    </row>
    <row r="320225" spans="14:14">
      <c r="N320225" s="10"/>
    </row>
    <row r="320226" spans="14:14">
      <c r="N320226" s="10"/>
    </row>
    <row r="320227" spans="14:14">
      <c r="N320227" s="10"/>
    </row>
    <row r="320228" spans="14:14">
      <c r="N320228" s="10"/>
    </row>
    <row r="320229" spans="14:14">
      <c r="N320229" s="10"/>
    </row>
    <row r="320230" spans="14:14">
      <c r="N320230" s="10"/>
    </row>
    <row r="320231" spans="14:14">
      <c r="N320231" s="10"/>
    </row>
    <row r="320232" spans="14:14">
      <c r="N320232" s="10"/>
    </row>
    <row r="320233" spans="14:14">
      <c r="N320233" s="10"/>
    </row>
    <row r="320234" spans="14:14">
      <c r="N320234" s="10"/>
    </row>
    <row r="320235" spans="14:14">
      <c r="N320235" s="10"/>
    </row>
    <row r="320236" spans="14:14">
      <c r="N320236" s="10"/>
    </row>
    <row r="320237" spans="14:14">
      <c r="N320237" s="10"/>
    </row>
    <row r="320238" spans="14:14">
      <c r="N320238" s="10"/>
    </row>
    <row r="320239" spans="14:14">
      <c r="N320239" s="10"/>
    </row>
    <row r="320240" spans="14:14">
      <c r="N320240" s="10"/>
    </row>
    <row r="320241" spans="14:14">
      <c r="N320241" s="10"/>
    </row>
    <row r="320242" spans="14:14">
      <c r="N320242" s="10"/>
    </row>
    <row r="320243" spans="14:14">
      <c r="N320243" s="10"/>
    </row>
    <row r="320244" spans="14:14">
      <c r="N320244" s="10"/>
    </row>
    <row r="320245" spans="14:14">
      <c r="N320245" s="10"/>
    </row>
    <row r="320246" spans="14:14">
      <c r="N320246" s="10"/>
    </row>
    <row r="320247" spans="14:14">
      <c r="N320247" s="10"/>
    </row>
    <row r="320248" spans="14:14">
      <c r="N320248" s="10"/>
    </row>
    <row r="320249" spans="14:14">
      <c r="N320249" s="10"/>
    </row>
    <row r="320250" spans="14:14">
      <c r="N320250" s="10"/>
    </row>
    <row r="320251" spans="14:14">
      <c r="N320251" s="10"/>
    </row>
    <row r="320252" spans="14:14">
      <c r="N320252" s="10"/>
    </row>
    <row r="320253" spans="14:14">
      <c r="N320253" s="10"/>
    </row>
    <row r="320254" spans="14:14">
      <c r="N320254" s="10"/>
    </row>
    <row r="320255" spans="14:14">
      <c r="N320255" s="10"/>
    </row>
    <row r="320256" spans="14:14">
      <c r="N320256" s="10"/>
    </row>
    <row r="320257" spans="14:14">
      <c r="N320257" s="10"/>
    </row>
    <row r="320258" spans="14:14">
      <c r="N320258" s="10"/>
    </row>
    <row r="320259" spans="14:14">
      <c r="N320259" s="10"/>
    </row>
    <row r="320260" spans="14:14">
      <c r="N320260" s="10"/>
    </row>
    <row r="320261" spans="14:14">
      <c r="N320261" s="10"/>
    </row>
    <row r="320262" spans="14:14">
      <c r="N320262" s="10"/>
    </row>
    <row r="320263" spans="14:14">
      <c r="N320263" s="10"/>
    </row>
    <row r="320264" spans="14:14">
      <c r="N320264" s="10"/>
    </row>
    <row r="320265" spans="14:14">
      <c r="N320265" s="10"/>
    </row>
    <row r="320266" spans="14:14">
      <c r="N320266" s="10"/>
    </row>
    <row r="320267" spans="14:14">
      <c r="N320267" s="10"/>
    </row>
    <row r="320268" spans="14:14">
      <c r="N320268" s="10"/>
    </row>
    <row r="320269" spans="14:14">
      <c r="N320269" s="10"/>
    </row>
    <row r="320270" spans="14:14">
      <c r="N320270" s="10"/>
    </row>
    <row r="320271" spans="14:14">
      <c r="N320271" s="10"/>
    </row>
    <row r="320272" spans="14:14">
      <c r="N320272" s="10"/>
    </row>
    <row r="320273" spans="14:14">
      <c r="N320273" s="10"/>
    </row>
    <row r="320274" spans="14:14">
      <c r="N320274" s="10"/>
    </row>
    <row r="320275" spans="14:14">
      <c r="N320275" s="10"/>
    </row>
    <row r="320276" spans="14:14">
      <c r="N320276" s="10"/>
    </row>
    <row r="320277" spans="14:14">
      <c r="N320277" s="10"/>
    </row>
    <row r="320278" spans="14:14">
      <c r="N320278" s="10"/>
    </row>
    <row r="320279" spans="14:14">
      <c r="N320279" s="10"/>
    </row>
    <row r="320280" spans="14:14">
      <c r="N320280" s="10"/>
    </row>
    <row r="320281" spans="14:14">
      <c r="N320281" s="10"/>
    </row>
    <row r="320282" spans="14:14">
      <c r="N320282" s="10"/>
    </row>
    <row r="320283" spans="14:14">
      <c r="N320283" s="10"/>
    </row>
    <row r="320284" spans="14:14">
      <c r="N320284" s="10"/>
    </row>
    <row r="320285" spans="14:14">
      <c r="N320285" s="10"/>
    </row>
    <row r="320286" spans="14:14">
      <c r="N320286" s="10"/>
    </row>
    <row r="320287" spans="14:14">
      <c r="N320287" s="10"/>
    </row>
    <row r="320288" spans="14:14">
      <c r="N320288" s="10"/>
    </row>
    <row r="320289" spans="14:14">
      <c r="N320289" s="10"/>
    </row>
    <row r="320290" spans="14:14">
      <c r="N320290" s="10"/>
    </row>
    <row r="320291" spans="14:14">
      <c r="N320291" s="10"/>
    </row>
    <row r="320292" spans="14:14">
      <c r="N320292" s="10"/>
    </row>
    <row r="320293" spans="14:14">
      <c r="N320293" s="10"/>
    </row>
    <row r="320294" spans="14:14">
      <c r="N320294" s="10"/>
    </row>
    <row r="320295" spans="14:14">
      <c r="N320295" s="10"/>
    </row>
    <row r="320296" spans="14:14">
      <c r="N320296" s="10"/>
    </row>
    <row r="320297" spans="14:14">
      <c r="N320297" s="10"/>
    </row>
    <row r="320298" spans="14:14">
      <c r="N320298" s="10"/>
    </row>
    <row r="320299" spans="14:14">
      <c r="N320299" s="10"/>
    </row>
    <row r="320300" spans="14:14">
      <c r="N320300" s="10"/>
    </row>
    <row r="320301" spans="14:14">
      <c r="N320301" s="10"/>
    </row>
    <row r="320302" spans="14:14">
      <c r="N320302" s="10"/>
    </row>
    <row r="320303" spans="14:14">
      <c r="N320303" s="10"/>
    </row>
    <row r="320304" spans="14:14">
      <c r="N320304" s="10"/>
    </row>
    <row r="320305" spans="14:14">
      <c r="N320305" s="10"/>
    </row>
    <row r="320306" spans="14:14">
      <c r="N320306" s="10"/>
    </row>
    <row r="320307" spans="14:14">
      <c r="N320307" s="10"/>
    </row>
    <row r="320308" spans="14:14">
      <c r="N320308" s="10"/>
    </row>
    <row r="320309" spans="14:14">
      <c r="N320309" s="10"/>
    </row>
    <row r="320310" spans="14:14">
      <c r="N320310" s="10"/>
    </row>
    <row r="320311" spans="14:14">
      <c r="N320311" s="10"/>
    </row>
    <row r="320312" spans="14:14">
      <c r="N320312" s="10"/>
    </row>
    <row r="320313" spans="14:14">
      <c r="N320313" s="10"/>
    </row>
    <row r="320314" spans="14:14">
      <c r="N320314" s="10"/>
    </row>
    <row r="320315" spans="14:14">
      <c r="N320315" s="10"/>
    </row>
    <row r="320316" spans="14:14">
      <c r="N320316" s="10"/>
    </row>
    <row r="320317" spans="14:14">
      <c r="N320317" s="10"/>
    </row>
    <row r="320318" spans="14:14">
      <c r="N320318" s="10"/>
    </row>
    <row r="320319" spans="14:14">
      <c r="N320319" s="10"/>
    </row>
    <row r="320320" spans="14:14">
      <c r="N320320" s="10"/>
    </row>
    <row r="320321" spans="14:14">
      <c r="N320321" s="10"/>
    </row>
    <row r="320322" spans="14:14">
      <c r="N320322" s="10"/>
    </row>
    <row r="320323" spans="14:14">
      <c r="N320323" s="10"/>
    </row>
    <row r="320324" spans="14:14">
      <c r="N320324" s="10"/>
    </row>
    <row r="320325" spans="14:14">
      <c r="N320325" s="10"/>
    </row>
    <row r="320326" spans="14:14">
      <c r="N320326" s="10"/>
    </row>
    <row r="320327" spans="14:14">
      <c r="N320327" s="10"/>
    </row>
    <row r="320328" spans="14:14">
      <c r="N320328" s="10"/>
    </row>
    <row r="320329" spans="14:14">
      <c r="N320329" s="10"/>
    </row>
    <row r="320330" spans="14:14">
      <c r="N320330" s="10"/>
    </row>
    <row r="320331" spans="14:14">
      <c r="N320331" s="10"/>
    </row>
    <row r="320332" spans="14:14">
      <c r="N320332" s="10"/>
    </row>
    <row r="320333" spans="14:14">
      <c r="N320333" s="10"/>
    </row>
    <row r="320334" spans="14:14">
      <c r="N320334" s="10"/>
    </row>
    <row r="320335" spans="14:14">
      <c r="N320335" s="10"/>
    </row>
    <row r="320336" spans="14:14">
      <c r="N320336" s="10"/>
    </row>
    <row r="320337" spans="14:14">
      <c r="N320337" s="10"/>
    </row>
    <row r="320338" spans="14:14">
      <c r="N320338" s="10"/>
    </row>
    <row r="320339" spans="14:14">
      <c r="N320339" s="10"/>
    </row>
    <row r="320340" spans="14:14">
      <c r="N320340" s="10"/>
    </row>
    <row r="320341" spans="14:14">
      <c r="N320341" s="10"/>
    </row>
    <row r="320342" spans="14:14">
      <c r="N320342" s="10"/>
    </row>
    <row r="320343" spans="14:14">
      <c r="N320343" s="10"/>
    </row>
    <row r="320344" spans="14:14">
      <c r="N320344" s="10"/>
    </row>
    <row r="320345" spans="14:14">
      <c r="N320345" s="10"/>
    </row>
    <row r="320346" spans="14:14">
      <c r="N320346" s="10"/>
    </row>
    <row r="320347" spans="14:14">
      <c r="N320347" s="10"/>
    </row>
    <row r="320348" spans="14:14">
      <c r="N320348" s="10"/>
    </row>
    <row r="320349" spans="14:14">
      <c r="N320349" s="10"/>
    </row>
    <row r="320350" spans="14:14">
      <c r="N320350" s="10"/>
    </row>
    <row r="320351" spans="14:14">
      <c r="N320351" s="10"/>
    </row>
    <row r="320352" spans="14:14">
      <c r="N320352" s="10"/>
    </row>
    <row r="320353" spans="14:14">
      <c r="N320353" s="10"/>
    </row>
    <row r="320354" spans="14:14">
      <c r="N320354" s="10"/>
    </row>
    <row r="320355" spans="14:14">
      <c r="N320355" s="10"/>
    </row>
    <row r="320356" spans="14:14">
      <c r="N320356" s="10"/>
    </row>
    <row r="320357" spans="14:14">
      <c r="N320357" s="10"/>
    </row>
    <row r="320358" spans="14:14">
      <c r="N320358" s="10"/>
    </row>
    <row r="320359" spans="14:14">
      <c r="N320359" s="10"/>
    </row>
    <row r="320360" spans="14:14">
      <c r="N320360" s="10"/>
    </row>
    <row r="320361" spans="14:14">
      <c r="N320361" s="10"/>
    </row>
    <row r="320362" spans="14:14">
      <c r="N320362" s="10"/>
    </row>
    <row r="320363" spans="14:14">
      <c r="N320363" s="10"/>
    </row>
    <row r="320364" spans="14:14">
      <c r="N320364" s="10"/>
    </row>
    <row r="320365" spans="14:14">
      <c r="N320365" s="10"/>
    </row>
    <row r="320366" spans="14:14">
      <c r="N320366" s="10"/>
    </row>
    <row r="320367" spans="14:14">
      <c r="N320367" s="10"/>
    </row>
    <row r="320368" spans="14:14">
      <c r="N320368" s="10"/>
    </row>
    <row r="320369" spans="14:14">
      <c r="N320369" s="10"/>
    </row>
    <row r="320370" spans="14:14">
      <c r="N320370" s="10"/>
    </row>
    <row r="320371" spans="14:14">
      <c r="N320371" s="10"/>
    </row>
    <row r="320372" spans="14:14">
      <c r="N320372" s="10"/>
    </row>
    <row r="320373" spans="14:14">
      <c r="N320373" s="10"/>
    </row>
    <row r="320374" spans="14:14">
      <c r="N320374" s="10"/>
    </row>
    <row r="320375" spans="14:14">
      <c r="N320375" s="10"/>
    </row>
    <row r="320376" spans="14:14">
      <c r="N320376" s="10"/>
    </row>
    <row r="320377" spans="14:14">
      <c r="N320377" s="10"/>
    </row>
    <row r="320378" spans="14:14">
      <c r="N320378" s="10"/>
    </row>
    <row r="320379" spans="14:14">
      <c r="N320379" s="10"/>
    </row>
    <row r="320380" spans="14:14">
      <c r="N320380" s="10"/>
    </row>
    <row r="320381" spans="14:14">
      <c r="N320381" s="10"/>
    </row>
    <row r="320382" spans="14:14">
      <c r="N320382" s="10"/>
    </row>
    <row r="320383" spans="14:14">
      <c r="N320383" s="10"/>
    </row>
    <row r="320384" spans="14:14">
      <c r="N320384" s="10"/>
    </row>
    <row r="320385" spans="14:14">
      <c r="N320385" s="10"/>
    </row>
    <row r="320386" spans="14:14">
      <c r="N320386" s="10"/>
    </row>
    <row r="320387" spans="14:14">
      <c r="N320387" s="10"/>
    </row>
    <row r="320388" spans="14:14">
      <c r="N320388" s="10"/>
    </row>
    <row r="320389" spans="14:14">
      <c r="N320389" s="10"/>
    </row>
    <row r="320390" spans="14:14">
      <c r="N320390" s="10"/>
    </row>
    <row r="320391" spans="14:14">
      <c r="N320391" s="10"/>
    </row>
    <row r="320392" spans="14:14">
      <c r="N320392" s="10"/>
    </row>
    <row r="320393" spans="14:14">
      <c r="N320393" s="10"/>
    </row>
    <row r="320394" spans="14:14">
      <c r="N320394" s="10"/>
    </row>
    <row r="320395" spans="14:14">
      <c r="N320395" s="10"/>
    </row>
    <row r="320396" spans="14:14">
      <c r="N320396" s="10"/>
    </row>
    <row r="320397" spans="14:14">
      <c r="N320397" s="10"/>
    </row>
    <row r="320398" spans="14:14">
      <c r="N320398" s="10"/>
    </row>
    <row r="320399" spans="14:14">
      <c r="N320399" s="10"/>
    </row>
    <row r="320400" spans="14:14">
      <c r="N320400" s="10"/>
    </row>
    <row r="320401" spans="14:14">
      <c r="N320401" s="10"/>
    </row>
    <row r="320402" spans="14:14">
      <c r="N320402" s="10"/>
    </row>
    <row r="320403" spans="14:14">
      <c r="N320403" s="10"/>
    </row>
    <row r="320404" spans="14:14">
      <c r="N320404" s="10"/>
    </row>
    <row r="320405" spans="14:14">
      <c r="N320405" s="10"/>
    </row>
    <row r="320406" spans="14:14">
      <c r="N320406" s="10"/>
    </row>
    <row r="320407" spans="14:14">
      <c r="N320407" s="10"/>
    </row>
    <row r="320408" spans="14:14">
      <c r="N320408" s="10"/>
    </row>
    <row r="320409" spans="14:14">
      <c r="N320409" s="10"/>
    </row>
    <row r="320410" spans="14:14">
      <c r="N320410" s="10"/>
    </row>
    <row r="320411" spans="14:14">
      <c r="N320411" s="10"/>
    </row>
    <row r="320412" spans="14:14">
      <c r="N320412" s="10"/>
    </row>
    <row r="320413" spans="14:14">
      <c r="N320413" s="10"/>
    </row>
    <row r="320414" spans="14:14">
      <c r="N320414" s="10"/>
    </row>
    <row r="320415" spans="14:14">
      <c r="N320415" s="10"/>
    </row>
    <row r="320416" spans="14:14">
      <c r="N320416" s="10"/>
    </row>
    <row r="320417" spans="14:14">
      <c r="N320417" s="10"/>
    </row>
    <row r="320418" spans="14:14">
      <c r="N320418" s="10"/>
    </row>
    <row r="320419" spans="14:14">
      <c r="N320419" s="10"/>
    </row>
    <row r="320420" spans="14:14">
      <c r="N320420" s="10"/>
    </row>
    <row r="320421" spans="14:14">
      <c r="N320421" s="10"/>
    </row>
    <row r="320422" spans="14:14">
      <c r="N320422" s="10"/>
    </row>
    <row r="320423" spans="14:14">
      <c r="N320423" s="10"/>
    </row>
    <row r="320424" spans="14:14">
      <c r="N320424" s="10"/>
    </row>
    <row r="320425" spans="14:14">
      <c r="N320425" s="10"/>
    </row>
    <row r="320426" spans="14:14">
      <c r="N320426" s="10"/>
    </row>
    <row r="320427" spans="14:14">
      <c r="N320427" s="10"/>
    </row>
    <row r="320428" spans="14:14">
      <c r="N320428" s="10"/>
    </row>
    <row r="320429" spans="14:14">
      <c r="N320429" s="10"/>
    </row>
    <row r="320430" spans="14:14">
      <c r="N320430" s="10"/>
    </row>
    <row r="320431" spans="14:14">
      <c r="N320431" s="10"/>
    </row>
    <row r="320432" spans="14:14">
      <c r="N320432" s="10"/>
    </row>
    <row r="320433" spans="14:14">
      <c r="N320433" s="10"/>
    </row>
    <row r="320434" spans="14:14">
      <c r="N320434" s="10"/>
    </row>
    <row r="320435" spans="14:14">
      <c r="N320435" s="10"/>
    </row>
    <row r="320436" spans="14:14">
      <c r="N320436" s="10"/>
    </row>
    <row r="320437" spans="14:14">
      <c r="N320437" s="10"/>
    </row>
    <row r="320438" spans="14:14">
      <c r="N320438" s="10"/>
    </row>
    <row r="320439" spans="14:14">
      <c r="N320439" s="10"/>
    </row>
    <row r="320440" spans="14:14">
      <c r="N320440" s="10"/>
    </row>
    <row r="320441" spans="14:14">
      <c r="N320441" s="10"/>
    </row>
    <row r="320442" spans="14:14">
      <c r="N320442" s="10"/>
    </row>
    <row r="320443" spans="14:14">
      <c r="N320443" s="10"/>
    </row>
    <row r="320444" spans="14:14">
      <c r="N320444" s="10"/>
    </row>
    <row r="320445" spans="14:14">
      <c r="N320445" s="10"/>
    </row>
    <row r="320446" spans="14:14">
      <c r="N320446" s="10"/>
    </row>
    <row r="320447" spans="14:14">
      <c r="N320447" s="10"/>
    </row>
    <row r="320448" spans="14:14">
      <c r="N320448" s="10"/>
    </row>
    <row r="320449" spans="14:14">
      <c r="N320449" s="10"/>
    </row>
    <row r="320450" spans="14:14">
      <c r="N320450" s="10"/>
    </row>
    <row r="320451" spans="14:14">
      <c r="N320451" s="10"/>
    </row>
    <row r="320452" spans="14:14">
      <c r="N320452" s="10"/>
    </row>
    <row r="320453" spans="14:14">
      <c r="N320453" s="10"/>
    </row>
    <row r="320454" spans="14:14">
      <c r="N320454" s="10"/>
    </row>
    <row r="320455" spans="14:14">
      <c r="N320455" s="10"/>
    </row>
    <row r="320456" spans="14:14">
      <c r="N320456" s="10"/>
    </row>
    <row r="320457" spans="14:14">
      <c r="N320457" s="10"/>
    </row>
    <row r="320458" spans="14:14">
      <c r="N320458" s="10"/>
    </row>
    <row r="320459" spans="14:14">
      <c r="N320459" s="10"/>
    </row>
    <row r="320460" spans="14:14">
      <c r="N320460" s="10"/>
    </row>
    <row r="320461" spans="14:14">
      <c r="N320461" s="10"/>
    </row>
    <row r="320462" spans="14:14">
      <c r="N320462" s="10"/>
    </row>
    <row r="320463" spans="14:14">
      <c r="N320463" s="10"/>
    </row>
    <row r="320464" spans="14:14">
      <c r="N320464" s="10"/>
    </row>
    <row r="320465" spans="14:14">
      <c r="N320465" s="10"/>
    </row>
    <row r="320466" spans="14:14">
      <c r="N320466" s="10"/>
    </row>
    <row r="320467" spans="14:14">
      <c r="N320467" s="10"/>
    </row>
    <row r="320468" spans="14:14">
      <c r="N320468" s="10"/>
    </row>
    <row r="320469" spans="14:14">
      <c r="N320469" s="10"/>
    </row>
    <row r="320470" spans="14:14">
      <c r="N320470" s="10"/>
    </row>
    <row r="320471" spans="14:14">
      <c r="N320471" s="10"/>
    </row>
    <row r="320472" spans="14:14">
      <c r="N320472" s="10"/>
    </row>
    <row r="320473" spans="14:14">
      <c r="N320473" s="10"/>
    </row>
    <row r="320474" spans="14:14">
      <c r="N320474" s="10"/>
    </row>
    <row r="320475" spans="14:14">
      <c r="N320475" s="10"/>
    </row>
    <row r="320476" spans="14:14">
      <c r="N320476" s="10"/>
    </row>
    <row r="320477" spans="14:14">
      <c r="N320477" s="10"/>
    </row>
    <row r="320478" spans="14:14">
      <c r="N320478" s="10"/>
    </row>
    <row r="320479" spans="14:14">
      <c r="N320479" s="10"/>
    </row>
    <row r="320480" spans="14:14">
      <c r="N320480" s="10"/>
    </row>
    <row r="320481" spans="14:14">
      <c r="N320481" s="10"/>
    </row>
    <row r="320482" spans="14:14">
      <c r="N320482" s="10"/>
    </row>
    <row r="320483" spans="14:14">
      <c r="N320483" s="10"/>
    </row>
    <row r="320484" spans="14:14">
      <c r="N320484" s="10"/>
    </row>
    <row r="320485" spans="14:14">
      <c r="N320485" s="10"/>
    </row>
    <row r="320486" spans="14:14">
      <c r="N320486" s="10"/>
    </row>
    <row r="320487" spans="14:14">
      <c r="N320487" s="10"/>
    </row>
    <row r="320488" spans="14:14">
      <c r="N320488" s="10"/>
    </row>
    <row r="320489" spans="14:14">
      <c r="N320489" s="10"/>
    </row>
    <row r="320490" spans="14:14">
      <c r="N320490" s="10"/>
    </row>
    <row r="320491" spans="14:14">
      <c r="N320491" s="10"/>
    </row>
    <row r="320492" spans="14:14">
      <c r="N320492" s="10"/>
    </row>
    <row r="320493" spans="14:14">
      <c r="N320493" s="10"/>
    </row>
    <row r="320494" spans="14:14">
      <c r="N320494" s="10"/>
    </row>
    <row r="320495" spans="14:14">
      <c r="N320495" s="10"/>
    </row>
    <row r="320496" spans="14:14">
      <c r="N320496" s="10"/>
    </row>
    <row r="320497" spans="14:14">
      <c r="N320497" s="10"/>
    </row>
    <row r="320498" spans="14:14">
      <c r="N320498" s="10"/>
    </row>
    <row r="320499" spans="14:14">
      <c r="N320499" s="10"/>
    </row>
    <row r="320500" spans="14:14">
      <c r="N320500" s="10"/>
    </row>
    <row r="320501" spans="14:14">
      <c r="N320501" s="10"/>
    </row>
    <row r="320502" spans="14:14">
      <c r="N320502" s="10"/>
    </row>
    <row r="320503" spans="14:14">
      <c r="N320503" s="10"/>
    </row>
    <row r="320504" spans="14:14">
      <c r="N320504" s="10"/>
    </row>
    <row r="320505" spans="14:14">
      <c r="N320505" s="10"/>
    </row>
    <row r="320506" spans="14:14">
      <c r="N320506" s="10"/>
    </row>
    <row r="320507" spans="14:14">
      <c r="N320507" s="10"/>
    </row>
    <row r="320508" spans="14:14">
      <c r="N320508" s="10"/>
    </row>
    <row r="320509" spans="14:14">
      <c r="N320509" s="10"/>
    </row>
    <row r="320510" spans="14:14">
      <c r="N320510" s="10"/>
    </row>
    <row r="320511" spans="14:14">
      <c r="N320511" s="10"/>
    </row>
    <row r="320512" spans="14:14">
      <c r="N320512" s="10"/>
    </row>
    <row r="320513" spans="14:14">
      <c r="N320513" s="10"/>
    </row>
    <row r="320514" spans="14:14">
      <c r="N320514" s="10"/>
    </row>
    <row r="320515" spans="14:14">
      <c r="N320515" s="10"/>
    </row>
    <row r="320516" spans="14:14">
      <c r="N320516" s="10"/>
    </row>
    <row r="320517" spans="14:14">
      <c r="N320517" s="10"/>
    </row>
    <row r="320518" spans="14:14">
      <c r="N320518" s="10"/>
    </row>
    <row r="320519" spans="14:14">
      <c r="N320519" s="10"/>
    </row>
    <row r="320520" spans="14:14">
      <c r="N320520" s="10"/>
    </row>
    <row r="320521" spans="14:14">
      <c r="N320521" s="10"/>
    </row>
    <row r="320522" spans="14:14">
      <c r="N320522" s="10"/>
    </row>
    <row r="320523" spans="14:14">
      <c r="N320523" s="10"/>
    </row>
    <row r="320524" spans="14:14">
      <c r="N320524" s="10"/>
    </row>
    <row r="320525" spans="14:14">
      <c r="N320525" s="10"/>
    </row>
    <row r="320526" spans="14:14">
      <c r="N320526" s="10"/>
    </row>
    <row r="320527" spans="14:14">
      <c r="N320527" s="10"/>
    </row>
    <row r="320528" spans="14:14">
      <c r="N320528" s="10"/>
    </row>
    <row r="320529" spans="14:14">
      <c r="N320529" s="10"/>
    </row>
    <row r="320530" spans="14:14">
      <c r="N320530" s="10"/>
    </row>
    <row r="320531" spans="14:14">
      <c r="N320531" s="10"/>
    </row>
    <row r="320532" spans="14:14">
      <c r="N320532" s="10"/>
    </row>
    <row r="320533" spans="14:14">
      <c r="N320533" s="10"/>
    </row>
    <row r="320534" spans="14:14">
      <c r="N320534" s="10"/>
    </row>
    <row r="320535" spans="14:14">
      <c r="N320535" s="10"/>
    </row>
    <row r="320536" spans="14:14">
      <c r="N320536" s="10"/>
    </row>
    <row r="320537" spans="14:14">
      <c r="N320537" s="10"/>
    </row>
    <row r="320538" spans="14:14">
      <c r="N320538" s="10"/>
    </row>
    <row r="320539" spans="14:14">
      <c r="N320539" s="10"/>
    </row>
    <row r="320540" spans="14:14">
      <c r="N320540" s="10"/>
    </row>
    <row r="320541" spans="14:14">
      <c r="N320541" s="10"/>
    </row>
    <row r="320542" spans="14:14">
      <c r="N320542" s="10"/>
    </row>
    <row r="320543" spans="14:14">
      <c r="N320543" s="10"/>
    </row>
    <row r="320544" spans="14:14">
      <c r="N320544" s="10"/>
    </row>
    <row r="320545" spans="14:14">
      <c r="N320545" s="10"/>
    </row>
    <row r="320546" spans="14:14">
      <c r="N320546" s="10"/>
    </row>
    <row r="320547" spans="14:14">
      <c r="N320547" s="10"/>
    </row>
    <row r="320548" spans="14:14">
      <c r="N320548" s="10"/>
    </row>
    <row r="320549" spans="14:14">
      <c r="N320549" s="10"/>
    </row>
    <row r="320550" spans="14:14">
      <c r="N320550" s="10"/>
    </row>
    <row r="320551" spans="14:14">
      <c r="N320551" s="10"/>
    </row>
    <row r="320552" spans="14:14">
      <c r="N320552" s="10"/>
    </row>
    <row r="320553" spans="14:14">
      <c r="N320553" s="10"/>
    </row>
    <row r="320554" spans="14:14">
      <c r="N320554" s="10"/>
    </row>
    <row r="320555" spans="14:14">
      <c r="N320555" s="10"/>
    </row>
    <row r="320556" spans="14:14">
      <c r="N320556" s="10"/>
    </row>
    <row r="320557" spans="14:14">
      <c r="N320557" s="10"/>
    </row>
    <row r="320558" spans="14:14">
      <c r="N320558" s="10"/>
    </row>
    <row r="320559" spans="14:14">
      <c r="N320559" s="10"/>
    </row>
    <row r="320560" spans="14:14">
      <c r="N320560" s="10"/>
    </row>
    <row r="320561" spans="14:14">
      <c r="N320561" s="10"/>
    </row>
    <row r="320562" spans="14:14">
      <c r="N320562" s="10"/>
    </row>
    <row r="320563" spans="14:14">
      <c r="N320563" s="10"/>
    </row>
    <row r="320564" spans="14:14">
      <c r="N320564" s="10"/>
    </row>
    <row r="320565" spans="14:14">
      <c r="N320565" s="10"/>
    </row>
    <row r="320566" spans="14:14">
      <c r="N320566" s="10"/>
    </row>
    <row r="320567" spans="14:14">
      <c r="N320567" s="10"/>
    </row>
    <row r="320568" spans="14:14">
      <c r="N320568" s="10"/>
    </row>
    <row r="320569" spans="14:14">
      <c r="N320569" s="10"/>
    </row>
    <row r="320570" spans="14:14">
      <c r="N320570" s="10"/>
    </row>
    <row r="320571" spans="14:14">
      <c r="N320571" s="10"/>
    </row>
    <row r="320572" spans="14:14">
      <c r="N320572" s="10"/>
    </row>
    <row r="320573" spans="14:14">
      <c r="N320573" s="10"/>
    </row>
    <row r="320574" spans="14:14">
      <c r="N320574" s="10"/>
    </row>
    <row r="320575" spans="14:14">
      <c r="N320575" s="10"/>
    </row>
    <row r="320576" spans="14:14">
      <c r="N320576" s="10"/>
    </row>
    <row r="320577" spans="14:14">
      <c r="N320577" s="10"/>
    </row>
    <row r="320578" spans="14:14">
      <c r="N320578" s="10"/>
    </row>
    <row r="320579" spans="14:14">
      <c r="N320579" s="10"/>
    </row>
    <row r="320580" spans="14:14">
      <c r="N320580" s="10"/>
    </row>
    <row r="320581" spans="14:14">
      <c r="N320581" s="10"/>
    </row>
    <row r="320582" spans="14:14">
      <c r="N320582" s="10"/>
    </row>
    <row r="320583" spans="14:14">
      <c r="N320583" s="10"/>
    </row>
    <row r="320584" spans="14:14">
      <c r="N320584" s="10"/>
    </row>
    <row r="320585" spans="14:14">
      <c r="N320585" s="10"/>
    </row>
    <row r="320586" spans="14:14">
      <c r="N320586" s="10"/>
    </row>
    <row r="320587" spans="14:14">
      <c r="N320587" s="10"/>
    </row>
    <row r="320588" spans="14:14">
      <c r="N320588" s="10"/>
    </row>
    <row r="320589" spans="14:14">
      <c r="N320589" s="10"/>
    </row>
    <row r="320590" spans="14:14">
      <c r="N320590" s="10"/>
    </row>
    <row r="320591" spans="14:14">
      <c r="N320591" s="10"/>
    </row>
    <row r="320592" spans="14:14">
      <c r="N320592" s="10"/>
    </row>
    <row r="320593" spans="14:14">
      <c r="N320593" s="10"/>
    </row>
    <row r="320594" spans="14:14">
      <c r="N320594" s="10"/>
    </row>
    <row r="320595" spans="14:14">
      <c r="N320595" s="10"/>
    </row>
    <row r="320596" spans="14:14">
      <c r="N320596" s="10"/>
    </row>
    <row r="320597" spans="14:14">
      <c r="N320597" s="10"/>
    </row>
    <row r="320598" spans="14:14">
      <c r="N320598" s="10"/>
    </row>
    <row r="320599" spans="14:14">
      <c r="N320599" s="10"/>
    </row>
    <row r="320600" spans="14:14">
      <c r="N320600" s="10"/>
    </row>
    <row r="320601" spans="14:14">
      <c r="N320601" s="10"/>
    </row>
    <row r="320602" spans="14:14">
      <c r="N320602" s="10"/>
    </row>
    <row r="320603" spans="14:14">
      <c r="N320603" s="10"/>
    </row>
    <row r="320604" spans="14:14">
      <c r="N320604" s="10"/>
    </row>
    <row r="320605" spans="14:14">
      <c r="N320605" s="10"/>
    </row>
    <row r="320606" spans="14:14">
      <c r="N320606" s="10"/>
    </row>
    <row r="320607" spans="14:14">
      <c r="N320607" s="10"/>
    </row>
    <row r="320608" spans="14:14">
      <c r="N320608" s="10"/>
    </row>
    <row r="320609" spans="14:14">
      <c r="N320609" s="10"/>
    </row>
    <row r="320610" spans="14:14">
      <c r="N320610" s="10"/>
    </row>
    <row r="320611" spans="14:14">
      <c r="N320611" s="10"/>
    </row>
    <row r="320612" spans="14:14">
      <c r="N320612" s="10"/>
    </row>
    <row r="320613" spans="14:14">
      <c r="N320613" s="10"/>
    </row>
    <row r="320614" spans="14:14">
      <c r="N320614" s="10"/>
    </row>
    <row r="320615" spans="14:14">
      <c r="N320615" s="10"/>
    </row>
    <row r="320616" spans="14:14">
      <c r="N320616" s="10"/>
    </row>
    <row r="320617" spans="14:14">
      <c r="N320617" s="10"/>
    </row>
    <row r="320618" spans="14:14">
      <c r="N320618" s="10"/>
    </row>
    <row r="320619" spans="14:14">
      <c r="N320619" s="10"/>
    </row>
    <row r="320620" spans="14:14">
      <c r="N320620" s="10"/>
    </row>
    <row r="320621" spans="14:14">
      <c r="N320621" s="10"/>
    </row>
    <row r="320622" spans="14:14">
      <c r="N320622" s="10"/>
    </row>
    <row r="320623" spans="14:14">
      <c r="N320623" s="10"/>
    </row>
    <row r="320624" spans="14:14">
      <c r="N320624" s="10"/>
    </row>
    <row r="320625" spans="14:14">
      <c r="N320625" s="10"/>
    </row>
    <row r="320626" spans="14:14">
      <c r="N320626" s="10"/>
    </row>
    <row r="320627" spans="14:14">
      <c r="N320627" s="10"/>
    </row>
    <row r="320628" spans="14:14">
      <c r="N320628" s="10"/>
    </row>
    <row r="320629" spans="14:14">
      <c r="N320629" s="10"/>
    </row>
    <row r="320630" spans="14:14">
      <c r="N320630" s="10"/>
    </row>
    <row r="320631" spans="14:14">
      <c r="N320631" s="10"/>
    </row>
    <row r="320632" spans="14:14">
      <c r="N320632" s="10"/>
    </row>
    <row r="320633" spans="14:14">
      <c r="N320633" s="10"/>
    </row>
    <row r="320634" spans="14:14">
      <c r="N320634" s="10"/>
    </row>
    <row r="320635" spans="14:14">
      <c r="N320635" s="10"/>
    </row>
    <row r="320636" spans="14:14">
      <c r="N320636" s="10"/>
    </row>
    <row r="320637" spans="14:14">
      <c r="N320637" s="10"/>
    </row>
    <row r="320638" spans="14:14">
      <c r="N320638" s="10"/>
    </row>
    <row r="320639" spans="14:14">
      <c r="N320639" s="10"/>
    </row>
    <row r="320640" spans="14:14">
      <c r="N320640" s="10"/>
    </row>
    <row r="320641" spans="14:14">
      <c r="N320641" s="10"/>
    </row>
    <row r="320642" spans="14:14">
      <c r="N320642" s="10"/>
    </row>
    <row r="320643" spans="14:14">
      <c r="N320643" s="10"/>
    </row>
    <row r="320644" spans="14:14">
      <c r="N320644" s="10"/>
    </row>
    <row r="320645" spans="14:14">
      <c r="N320645" s="10"/>
    </row>
    <row r="320646" spans="14:14">
      <c r="N320646" s="10"/>
    </row>
    <row r="320647" spans="14:14">
      <c r="N320647" s="10"/>
    </row>
    <row r="320648" spans="14:14">
      <c r="N320648" s="10"/>
    </row>
    <row r="320649" spans="14:14">
      <c r="N320649" s="10"/>
    </row>
    <row r="320650" spans="14:14">
      <c r="N320650" s="10"/>
    </row>
    <row r="320651" spans="14:14">
      <c r="N320651" s="10"/>
    </row>
    <row r="320652" spans="14:14">
      <c r="N320652" s="10"/>
    </row>
    <row r="320653" spans="14:14">
      <c r="N320653" s="10"/>
    </row>
    <row r="320654" spans="14:14">
      <c r="N320654" s="10"/>
    </row>
    <row r="320655" spans="14:14">
      <c r="N320655" s="10"/>
    </row>
    <row r="320656" spans="14:14">
      <c r="N320656" s="10"/>
    </row>
    <row r="320657" spans="14:14">
      <c r="N320657" s="10"/>
    </row>
    <row r="320658" spans="14:14">
      <c r="N320658" s="10"/>
    </row>
    <row r="320659" spans="14:14">
      <c r="N320659" s="10"/>
    </row>
    <row r="320660" spans="14:14">
      <c r="N320660" s="10"/>
    </row>
    <row r="320661" spans="14:14">
      <c r="N320661" s="10"/>
    </row>
    <row r="320662" spans="14:14">
      <c r="N320662" s="10"/>
    </row>
    <row r="320663" spans="14:14">
      <c r="N320663" s="10"/>
    </row>
    <row r="320664" spans="14:14">
      <c r="N320664" s="10"/>
    </row>
    <row r="320665" spans="14:14">
      <c r="N320665" s="10"/>
    </row>
    <row r="320666" spans="14:14">
      <c r="N320666" s="10"/>
    </row>
    <row r="320667" spans="14:14">
      <c r="N320667" s="10"/>
    </row>
    <row r="320668" spans="14:14">
      <c r="N320668" s="10"/>
    </row>
    <row r="320669" spans="14:14">
      <c r="N320669" s="10"/>
    </row>
    <row r="320670" spans="14:14">
      <c r="N320670" s="10"/>
    </row>
    <row r="320671" spans="14:14">
      <c r="N320671" s="10"/>
    </row>
    <row r="320672" spans="14:14">
      <c r="N320672" s="10"/>
    </row>
    <row r="320673" spans="14:14">
      <c r="N320673" s="10"/>
    </row>
    <row r="320674" spans="14:14">
      <c r="N320674" s="10"/>
    </row>
    <row r="320675" spans="14:14">
      <c r="N320675" s="10"/>
    </row>
    <row r="320676" spans="14:14">
      <c r="N320676" s="10"/>
    </row>
    <row r="320677" spans="14:14">
      <c r="N320677" s="10"/>
    </row>
    <row r="320678" spans="14:14">
      <c r="N320678" s="10"/>
    </row>
    <row r="320679" spans="14:14">
      <c r="N320679" s="10"/>
    </row>
    <row r="320680" spans="14:14">
      <c r="N320680" s="10"/>
    </row>
    <row r="320681" spans="14:14">
      <c r="N320681" s="10"/>
    </row>
    <row r="320682" spans="14:14">
      <c r="N320682" s="10"/>
    </row>
    <row r="320683" spans="14:14">
      <c r="N320683" s="10"/>
    </row>
    <row r="320684" spans="14:14">
      <c r="N320684" s="10"/>
    </row>
    <row r="320685" spans="14:14">
      <c r="N320685" s="10"/>
    </row>
    <row r="320686" spans="14:14">
      <c r="N320686" s="10"/>
    </row>
    <row r="320687" spans="14:14">
      <c r="N320687" s="10"/>
    </row>
    <row r="320688" spans="14:14">
      <c r="N320688" s="10"/>
    </row>
    <row r="320689" spans="14:14">
      <c r="N320689" s="10"/>
    </row>
    <row r="320690" spans="14:14">
      <c r="N320690" s="10"/>
    </row>
    <row r="320691" spans="14:14">
      <c r="N320691" s="10"/>
    </row>
    <row r="320692" spans="14:14">
      <c r="N320692" s="10"/>
    </row>
    <row r="320693" spans="14:14">
      <c r="N320693" s="10"/>
    </row>
    <row r="320694" spans="14:14">
      <c r="N320694" s="10"/>
    </row>
    <row r="320695" spans="14:14">
      <c r="N320695" s="10"/>
    </row>
    <row r="320696" spans="14:14">
      <c r="N320696" s="10"/>
    </row>
    <row r="320697" spans="14:14">
      <c r="N320697" s="10"/>
    </row>
    <row r="320698" spans="14:14">
      <c r="N320698" s="10"/>
    </row>
    <row r="320699" spans="14:14">
      <c r="N320699" s="10"/>
    </row>
    <row r="320700" spans="14:14">
      <c r="N320700" s="10"/>
    </row>
    <row r="320701" spans="14:14">
      <c r="N320701" s="10"/>
    </row>
    <row r="320702" spans="14:14">
      <c r="N320702" s="10"/>
    </row>
    <row r="320703" spans="14:14">
      <c r="N320703" s="10"/>
    </row>
    <row r="320704" spans="14:14">
      <c r="N320704" s="10"/>
    </row>
    <row r="320705" spans="14:14">
      <c r="N320705" s="10"/>
    </row>
    <row r="320706" spans="14:14">
      <c r="N320706" s="10"/>
    </row>
    <row r="320707" spans="14:14">
      <c r="N320707" s="10"/>
    </row>
    <row r="320708" spans="14:14">
      <c r="N320708" s="10"/>
    </row>
    <row r="320709" spans="14:14">
      <c r="N320709" s="10"/>
    </row>
    <row r="320710" spans="14:14">
      <c r="N320710" s="10"/>
    </row>
    <row r="320711" spans="14:14">
      <c r="N320711" s="10"/>
    </row>
    <row r="320712" spans="14:14">
      <c r="N320712" s="10"/>
    </row>
    <row r="320713" spans="14:14">
      <c r="N320713" s="10"/>
    </row>
    <row r="320714" spans="14:14">
      <c r="N320714" s="10"/>
    </row>
    <row r="320715" spans="14:14">
      <c r="N320715" s="10"/>
    </row>
    <row r="320716" spans="14:14">
      <c r="N320716" s="10"/>
    </row>
    <row r="320717" spans="14:14">
      <c r="N320717" s="10"/>
    </row>
    <row r="320718" spans="14:14">
      <c r="N320718" s="10"/>
    </row>
    <row r="320719" spans="14:14">
      <c r="N320719" s="10"/>
    </row>
    <row r="320720" spans="14:14">
      <c r="N320720" s="10"/>
    </row>
    <row r="320721" spans="14:14">
      <c r="N320721" s="10"/>
    </row>
    <row r="320722" spans="14:14">
      <c r="N320722" s="10"/>
    </row>
    <row r="320723" spans="14:14">
      <c r="N320723" s="10"/>
    </row>
    <row r="320724" spans="14:14">
      <c r="N320724" s="10"/>
    </row>
    <row r="320725" spans="14:14">
      <c r="N320725" s="10"/>
    </row>
    <row r="320726" spans="14:14">
      <c r="N320726" s="10"/>
    </row>
    <row r="320727" spans="14:14">
      <c r="N320727" s="10"/>
    </row>
    <row r="320728" spans="14:14">
      <c r="N320728" s="10"/>
    </row>
    <row r="320729" spans="14:14">
      <c r="N320729" s="10"/>
    </row>
    <row r="320730" spans="14:14">
      <c r="N320730" s="10"/>
    </row>
    <row r="320731" spans="14:14">
      <c r="N320731" s="10"/>
    </row>
    <row r="320732" spans="14:14">
      <c r="N320732" s="10"/>
    </row>
    <row r="320733" spans="14:14">
      <c r="N320733" s="10"/>
    </row>
    <row r="320734" spans="14:14">
      <c r="N320734" s="10"/>
    </row>
    <row r="320735" spans="14:14">
      <c r="N320735" s="10"/>
    </row>
    <row r="320736" spans="14:14">
      <c r="N320736" s="10"/>
    </row>
    <row r="320737" spans="14:14">
      <c r="N320737" s="10"/>
    </row>
    <row r="320738" spans="14:14">
      <c r="N320738" s="10"/>
    </row>
    <row r="320739" spans="14:14">
      <c r="N320739" s="10"/>
    </row>
    <row r="320740" spans="14:14">
      <c r="N320740" s="10"/>
    </row>
    <row r="320741" spans="14:14">
      <c r="N320741" s="10"/>
    </row>
    <row r="320742" spans="14:14">
      <c r="N320742" s="10"/>
    </row>
    <row r="320743" spans="14:14">
      <c r="N320743" s="10"/>
    </row>
    <row r="320744" spans="14:14">
      <c r="N320744" s="10"/>
    </row>
    <row r="320745" spans="14:14">
      <c r="N320745" s="10"/>
    </row>
    <row r="320746" spans="14:14">
      <c r="N320746" s="10"/>
    </row>
    <row r="320747" spans="14:14">
      <c r="N320747" s="10"/>
    </row>
    <row r="320748" spans="14:14">
      <c r="N320748" s="10"/>
    </row>
    <row r="320749" spans="14:14">
      <c r="N320749" s="10"/>
    </row>
    <row r="320750" spans="14:14">
      <c r="N320750" s="10"/>
    </row>
    <row r="320751" spans="14:14">
      <c r="N320751" s="10"/>
    </row>
    <row r="320752" spans="14:14">
      <c r="N320752" s="10"/>
    </row>
    <row r="320753" spans="14:14">
      <c r="N320753" s="10"/>
    </row>
    <row r="320754" spans="14:14">
      <c r="N320754" s="10"/>
    </row>
    <row r="320755" spans="14:14">
      <c r="N320755" s="10"/>
    </row>
    <row r="320756" spans="14:14">
      <c r="N320756" s="10"/>
    </row>
    <row r="320757" spans="14:14">
      <c r="N320757" s="10"/>
    </row>
    <row r="320758" spans="14:14">
      <c r="N320758" s="10"/>
    </row>
    <row r="320759" spans="14:14">
      <c r="N320759" s="10"/>
    </row>
    <row r="320760" spans="14:14">
      <c r="N320760" s="10"/>
    </row>
    <row r="320761" spans="14:14">
      <c r="N320761" s="10"/>
    </row>
    <row r="320762" spans="14:14">
      <c r="N320762" s="10"/>
    </row>
    <row r="320763" spans="14:14">
      <c r="N320763" s="10"/>
    </row>
    <row r="320764" spans="14:14">
      <c r="N320764" s="10"/>
    </row>
    <row r="320765" spans="14:14">
      <c r="N320765" s="10"/>
    </row>
    <row r="320766" spans="14:14">
      <c r="N320766" s="10"/>
    </row>
    <row r="320767" spans="14:14">
      <c r="N320767" s="10"/>
    </row>
    <row r="320768" spans="14:14">
      <c r="N320768" s="10"/>
    </row>
    <row r="320769" spans="14:14">
      <c r="N320769" s="10"/>
    </row>
    <row r="320770" spans="14:14">
      <c r="N320770" s="10"/>
    </row>
    <row r="320771" spans="14:14">
      <c r="N320771" s="10"/>
    </row>
    <row r="320772" spans="14:14">
      <c r="N320772" s="10"/>
    </row>
    <row r="320773" spans="14:14">
      <c r="N320773" s="10"/>
    </row>
    <row r="320774" spans="14:14">
      <c r="N320774" s="10"/>
    </row>
    <row r="320775" spans="14:14">
      <c r="N320775" s="10"/>
    </row>
    <row r="320776" spans="14:14">
      <c r="N320776" s="10"/>
    </row>
    <row r="320777" spans="14:14">
      <c r="N320777" s="10"/>
    </row>
    <row r="320778" spans="14:14">
      <c r="N320778" s="10"/>
    </row>
    <row r="320779" spans="14:14">
      <c r="N320779" s="10"/>
    </row>
    <row r="320780" spans="14:14">
      <c r="N320780" s="10"/>
    </row>
    <row r="320781" spans="14:14">
      <c r="N320781" s="10"/>
    </row>
    <row r="320782" spans="14:14">
      <c r="N320782" s="10"/>
    </row>
    <row r="320783" spans="14:14">
      <c r="N320783" s="10"/>
    </row>
    <row r="320784" spans="14:14">
      <c r="N320784" s="10"/>
    </row>
    <row r="320785" spans="14:14">
      <c r="N320785" s="10"/>
    </row>
    <row r="320786" spans="14:14">
      <c r="N320786" s="10"/>
    </row>
    <row r="320787" spans="14:14">
      <c r="N320787" s="10"/>
    </row>
    <row r="320788" spans="14:14">
      <c r="N320788" s="10"/>
    </row>
    <row r="320789" spans="14:14">
      <c r="N320789" s="10"/>
    </row>
    <row r="320790" spans="14:14">
      <c r="N320790" s="10"/>
    </row>
    <row r="320791" spans="14:14">
      <c r="N320791" s="10"/>
    </row>
    <row r="320792" spans="14:14">
      <c r="N320792" s="10"/>
    </row>
    <row r="320793" spans="14:14">
      <c r="N320793" s="10"/>
    </row>
    <row r="320794" spans="14:14">
      <c r="N320794" s="10"/>
    </row>
    <row r="320795" spans="14:14">
      <c r="N320795" s="10"/>
    </row>
    <row r="320796" spans="14:14">
      <c r="N320796" s="10"/>
    </row>
    <row r="320797" spans="14:14">
      <c r="N320797" s="10"/>
    </row>
    <row r="320798" spans="14:14">
      <c r="N320798" s="10"/>
    </row>
    <row r="320799" spans="14:14">
      <c r="N320799" s="10"/>
    </row>
    <row r="320800" spans="14:14">
      <c r="N320800" s="10"/>
    </row>
    <row r="320801" spans="14:14">
      <c r="N320801" s="10"/>
    </row>
    <row r="320802" spans="14:14">
      <c r="N320802" s="10"/>
    </row>
    <row r="320803" spans="14:14">
      <c r="N320803" s="10"/>
    </row>
    <row r="320804" spans="14:14">
      <c r="N320804" s="10"/>
    </row>
    <row r="320805" spans="14:14">
      <c r="N320805" s="10"/>
    </row>
    <row r="320806" spans="14:14">
      <c r="N320806" s="10"/>
    </row>
    <row r="320807" spans="14:14">
      <c r="N320807" s="10"/>
    </row>
    <row r="320808" spans="14:14">
      <c r="N320808" s="10"/>
    </row>
    <row r="320809" spans="14:14">
      <c r="N320809" s="10"/>
    </row>
    <row r="320810" spans="14:14">
      <c r="N320810" s="10"/>
    </row>
    <row r="320811" spans="14:14">
      <c r="N320811" s="10"/>
    </row>
    <row r="320812" spans="14:14">
      <c r="N320812" s="10"/>
    </row>
    <row r="320813" spans="14:14">
      <c r="N320813" s="10"/>
    </row>
    <row r="320814" spans="14:14">
      <c r="N320814" s="10"/>
    </row>
    <row r="320815" spans="14:14">
      <c r="N320815" s="10"/>
    </row>
    <row r="320816" spans="14:14">
      <c r="N320816" s="10"/>
    </row>
    <row r="320817" spans="14:14">
      <c r="N320817" s="10"/>
    </row>
    <row r="320818" spans="14:14">
      <c r="N320818" s="10"/>
    </row>
    <row r="320819" spans="14:14">
      <c r="N320819" s="10"/>
    </row>
    <row r="320820" spans="14:14">
      <c r="N320820" s="10"/>
    </row>
    <row r="320821" spans="14:14">
      <c r="N320821" s="10"/>
    </row>
    <row r="320822" spans="14:14">
      <c r="N320822" s="10"/>
    </row>
    <row r="320823" spans="14:14">
      <c r="N320823" s="10"/>
    </row>
    <row r="320824" spans="14:14">
      <c r="N320824" s="10"/>
    </row>
    <row r="320825" spans="14:14">
      <c r="N320825" s="10"/>
    </row>
    <row r="320826" spans="14:14">
      <c r="N320826" s="10"/>
    </row>
    <row r="320827" spans="14:14">
      <c r="N320827" s="10"/>
    </row>
    <row r="320828" spans="14:14">
      <c r="N320828" s="10"/>
    </row>
    <row r="320829" spans="14:14">
      <c r="N320829" s="10"/>
    </row>
    <row r="320830" spans="14:14">
      <c r="N320830" s="10"/>
    </row>
    <row r="320831" spans="14:14">
      <c r="N320831" s="10"/>
    </row>
    <row r="320832" spans="14:14">
      <c r="N320832" s="10"/>
    </row>
    <row r="320833" spans="14:14">
      <c r="N320833" s="10"/>
    </row>
    <row r="320834" spans="14:14">
      <c r="N320834" s="10"/>
    </row>
    <row r="320835" spans="14:14">
      <c r="N320835" s="10"/>
    </row>
    <row r="320836" spans="14:14">
      <c r="N320836" s="10"/>
    </row>
    <row r="320837" spans="14:14">
      <c r="N320837" s="10"/>
    </row>
    <row r="320838" spans="14:14">
      <c r="N320838" s="10"/>
    </row>
    <row r="320839" spans="14:14">
      <c r="N320839" s="10"/>
    </row>
    <row r="320840" spans="14:14">
      <c r="N320840" s="10"/>
    </row>
    <row r="320841" spans="14:14">
      <c r="N320841" s="10"/>
    </row>
    <row r="320842" spans="14:14">
      <c r="N320842" s="10"/>
    </row>
    <row r="320843" spans="14:14">
      <c r="N320843" s="10"/>
    </row>
    <row r="320844" spans="14:14">
      <c r="N320844" s="10"/>
    </row>
    <row r="320845" spans="14:14">
      <c r="N320845" s="10"/>
    </row>
    <row r="320846" spans="14:14">
      <c r="N320846" s="10"/>
    </row>
    <row r="320847" spans="14:14">
      <c r="N320847" s="10"/>
    </row>
    <row r="320848" spans="14:14">
      <c r="N320848" s="10"/>
    </row>
    <row r="320849" spans="14:14">
      <c r="N320849" s="10"/>
    </row>
    <row r="320850" spans="14:14">
      <c r="N320850" s="10"/>
    </row>
    <row r="320851" spans="14:14">
      <c r="N320851" s="10"/>
    </row>
    <row r="320852" spans="14:14">
      <c r="N320852" s="10"/>
    </row>
    <row r="320853" spans="14:14">
      <c r="N320853" s="10"/>
    </row>
    <row r="320854" spans="14:14">
      <c r="N320854" s="10"/>
    </row>
    <row r="320855" spans="14:14">
      <c r="N320855" s="10"/>
    </row>
    <row r="320856" spans="14:14">
      <c r="N320856" s="10"/>
    </row>
    <row r="320857" spans="14:14">
      <c r="N320857" s="10"/>
    </row>
    <row r="320858" spans="14:14">
      <c r="N320858" s="10"/>
    </row>
    <row r="320859" spans="14:14">
      <c r="N320859" s="10"/>
    </row>
    <row r="320860" spans="14:14">
      <c r="N320860" s="10"/>
    </row>
    <row r="320861" spans="14:14">
      <c r="N320861" s="10"/>
    </row>
    <row r="320862" spans="14:14">
      <c r="N320862" s="10"/>
    </row>
    <row r="320863" spans="14:14">
      <c r="N320863" s="10"/>
    </row>
    <row r="320864" spans="14:14">
      <c r="N320864" s="10"/>
    </row>
    <row r="320865" spans="14:14">
      <c r="N320865" s="10"/>
    </row>
    <row r="320866" spans="14:14">
      <c r="N320866" s="10"/>
    </row>
    <row r="320867" spans="14:14">
      <c r="N320867" s="10"/>
    </row>
    <row r="320868" spans="14:14">
      <c r="N320868" s="10"/>
    </row>
    <row r="320869" spans="14:14">
      <c r="N320869" s="10"/>
    </row>
    <row r="320870" spans="14:14">
      <c r="N320870" s="10"/>
    </row>
    <row r="320871" spans="14:14">
      <c r="N320871" s="10"/>
    </row>
    <row r="320872" spans="14:14">
      <c r="N320872" s="10"/>
    </row>
    <row r="320873" spans="14:14">
      <c r="N320873" s="10"/>
    </row>
    <row r="320874" spans="14:14">
      <c r="N320874" s="10"/>
    </row>
    <row r="320875" spans="14:14">
      <c r="N320875" s="10"/>
    </row>
    <row r="320876" spans="14:14">
      <c r="N320876" s="10"/>
    </row>
    <row r="320877" spans="14:14">
      <c r="N320877" s="10"/>
    </row>
    <row r="320878" spans="14:14">
      <c r="N320878" s="10"/>
    </row>
    <row r="320879" spans="14:14">
      <c r="N320879" s="10"/>
    </row>
    <row r="320880" spans="14:14">
      <c r="N320880" s="10"/>
    </row>
    <row r="320881" spans="14:14">
      <c r="N320881" s="10"/>
    </row>
    <row r="320882" spans="14:14">
      <c r="N320882" s="10"/>
    </row>
    <row r="320883" spans="14:14">
      <c r="N320883" s="10"/>
    </row>
    <row r="320884" spans="14:14">
      <c r="N320884" s="10"/>
    </row>
    <row r="320885" spans="14:14">
      <c r="N320885" s="10"/>
    </row>
    <row r="320886" spans="14:14">
      <c r="N320886" s="10"/>
    </row>
    <row r="320887" spans="14:14">
      <c r="N320887" s="10"/>
    </row>
    <row r="320888" spans="14:14">
      <c r="N320888" s="10"/>
    </row>
    <row r="320889" spans="14:14">
      <c r="N320889" s="10"/>
    </row>
    <row r="320890" spans="14:14">
      <c r="N320890" s="10"/>
    </row>
    <row r="320891" spans="14:14">
      <c r="N320891" s="10"/>
    </row>
    <row r="320892" spans="14:14">
      <c r="N320892" s="10"/>
    </row>
    <row r="320893" spans="14:14">
      <c r="N320893" s="10"/>
    </row>
    <row r="320894" spans="14:14">
      <c r="N320894" s="10"/>
    </row>
    <row r="320895" spans="14:14">
      <c r="N320895" s="10"/>
    </row>
    <row r="320896" spans="14:14">
      <c r="N320896" s="10"/>
    </row>
    <row r="320897" spans="14:14">
      <c r="N320897" s="10"/>
    </row>
    <row r="320898" spans="14:14">
      <c r="N320898" s="10"/>
    </row>
    <row r="320899" spans="14:14">
      <c r="N320899" s="10"/>
    </row>
    <row r="320900" spans="14:14">
      <c r="N320900" s="10"/>
    </row>
    <row r="320901" spans="14:14">
      <c r="N320901" s="10"/>
    </row>
    <row r="320902" spans="14:14">
      <c r="N320902" s="10"/>
    </row>
    <row r="320903" spans="14:14">
      <c r="N320903" s="10"/>
    </row>
    <row r="320904" spans="14:14">
      <c r="N320904" s="10"/>
    </row>
    <row r="320905" spans="14:14">
      <c r="N320905" s="10"/>
    </row>
    <row r="320906" spans="14:14">
      <c r="N320906" s="10"/>
    </row>
    <row r="320907" spans="14:14">
      <c r="N320907" s="10"/>
    </row>
    <row r="320908" spans="14:14">
      <c r="N320908" s="10"/>
    </row>
    <row r="320909" spans="14:14">
      <c r="N320909" s="10"/>
    </row>
    <row r="320910" spans="14:14">
      <c r="N320910" s="10"/>
    </row>
    <row r="320911" spans="14:14">
      <c r="N320911" s="10"/>
    </row>
    <row r="320912" spans="14:14">
      <c r="N320912" s="10"/>
    </row>
    <row r="320913" spans="14:14">
      <c r="N320913" s="10"/>
    </row>
    <row r="320914" spans="14:14">
      <c r="N320914" s="10"/>
    </row>
    <row r="320915" spans="14:14">
      <c r="N320915" s="10"/>
    </row>
    <row r="320916" spans="14:14">
      <c r="N320916" s="10"/>
    </row>
    <row r="320917" spans="14:14">
      <c r="N320917" s="10"/>
    </row>
    <row r="320918" spans="14:14">
      <c r="N320918" s="10"/>
    </row>
    <row r="320919" spans="14:14">
      <c r="N320919" s="10"/>
    </row>
    <row r="320920" spans="14:14">
      <c r="N320920" s="10"/>
    </row>
    <row r="320921" spans="14:14">
      <c r="N320921" s="10"/>
    </row>
    <row r="320922" spans="14:14">
      <c r="N320922" s="10"/>
    </row>
    <row r="320923" spans="14:14">
      <c r="N320923" s="10"/>
    </row>
    <row r="320924" spans="14:14">
      <c r="N320924" s="10"/>
    </row>
    <row r="320925" spans="14:14">
      <c r="N320925" s="10"/>
    </row>
    <row r="320926" spans="14:14">
      <c r="N320926" s="10"/>
    </row>
    <row r="320927" spans="14:14">
      <c r="N320927" s="10"/>
    </row>
    <row r="320928" spans="14:14">
      <c r="N320928" s="10"/>
    </row>
    <row r="320929" spans="14:14">
      <c r="N320929" s="10"/>
    </row>
    <row r="320930" spans="14:14">
      <c r="N320930" s="10"/>
    </row>
    <row r="320931" spans="14:14">
      <c r="N320931" s="10"/>
    </row>
    <row r="320932" spans="14:14">
      <c r="N320932" s="10"/>
    </row>
    <row r="320933" spans="14:14">
      <c r="N320933" s="10"/>
    </row>
    <row r="320934" spans="14:14">
      <c r="N320934" s="10"/>
    </row>
    <row r="320935" spans="14:14">
      <c r="N320935" s="10"/>
    </row>
    <row r="320936" spans="14:14">
      <c r="N320936" s="10"/>
    </row>
    <row r="320937" spans="14:14">
      <c r="N320937" s="10"/>
    </row>
    <row r="320938" spans="14:14">
      <c r="N320938" s="10"/>
    </row>
    <row r="320939" spans="14:14">
      <c r="N320939" s="10"/>
    </row>
    <row r="320940" spans="14:14">
      <c r="N320940" s="10"/>
    </row>
    <row r="320941" spans="14:14">
      <c r="N320941" s="10"/>
    </row>
    <row r="320942" spans="14:14">
      <c r="N320942" s="10"/>
    </row>
    <row r="320943" spans="14:14">
      <c r="N320943" s="10"/>
    </row>
    <row r="320944" spans="14:14">
      <c r="N320944" s="10"/>
    </row>
    <row r="320945" spans="14:14">
      <c r="N320945" s="10"/>
    </row>
    <row r="320946" spans="14:14">
      <c r="N320946" s="10"/>
    </row>
    <row r="320947" spans="14:14">
      <c r="N320947" s="10"/>
    </row>
    <row r="320948" spans="14:14">
      <c r="N320948" s="10"/>
    </row>
    <row r="320949" spans="14:14">
      <c r="N320949" s="10"/>
    </row>
    <row r="320950" spans="14:14">
      <c r="N320950" s="10"/>
    </row>
    <row r="320951" spans="14:14">
      <c r="N320951" s="10"/>
    </row>
    <row r="320952" spans="14:14">
      <c r="N320952" s="10"/>
    </row>
    <row r="320953" spans="14:14">
      <c r="N320953" s="10"/>
    </row>
    <row r="320954" spans="14:14">
      <c r="N320954" s="10"/>
    </row>
    <row r="320955" spans="14:14">
      <c r="N320955" s="10"/>
    </row>
    <row r="320956" spans="14:14">
      <c r="N320956" s="10"/>
    </row>
    <row r="320957" spans="14:14">
      <c r="N320957" s="10"/>
    </row>
    <row r="320958" spans="14:14">
      <c r="N320958" s="10"/>
    </row>
    <row r="320959" spans="14:14">
      <c r="N320959" s="10"/>
    </row>
    <row r="320960" spans="14:14">
      <c r="N320960" s="10"/>
    </row>
    <row r="320961" spans="14:14">
      <c r="N320961" s="10"/>
    </row>
    <row r="320962" spans="14:14">
      <c r="N320962" s="10"/>
    </row>
    <row r="320963" spans="14:14">
      <c r="N320963" s="10"/>
    </row>
    <row r="320964" spans="14:14">
      <c r="N320964" s="10"/>
    </row>
    <row r="320965" spans="14:14">
      <c r="N320965" s="10"/>
    </row>
    <row r="320966" spans="14:14">
      <c r="N320966" s="10"/>
    </row>
    <row r="320967" spans="14:14">
      <c r="N320967" s="10"/>
    </row>
    <row r="320968" spans="14:14">
      <c r="N320968" s="10"/>
    </row>
    <row r="320969" spans="14:14">
      <c r="N320969" s="10"/>
    </row>
    <row r="320970" spans="14:14">
      <c r="N320970" s="10"/>
    </row>
    <row r="320971" spans="14:14">
      <c r="N320971" s="10"/>
    </row>
    <row r="320972" spans="14:14">
      <c r="N320972" s="10"/>
    </row>
    <row r="320973" spans="14:14">
      <c r="N320973" s="10"/>
    </row>
    <row r="320974" spans="14:14">
      <c r="N320974" s="10"/>
    </row>
    <row r="320975" spans="14:14">
      <c r="N320975" s="10"/>
    </row>
    <row r="320976" spans="14:14">
      <c r="N320976" s="10"/>
    </row>
    <row r="320977" spans="14:14">
      <c r="N320977" s="10"/>
    </row>
    <row r="320978" spans="14:14">
      <c r="N320978" s="10"/>
    </row>
    <row r="320979" spans="14:14">
      <c r="N320979" s="10"/>
    </row>
    <row r="320980" spans="14:14">
      <c r="N320980" s="10"/>
    </row>
    <row r="320981" spans="14:14">
      <c r="N320981" s="10"/>
    </row>
    <row r="320982" spans="14:14">
      <c r="N320982" s="10"/>
    </row>
    <row r="320983" spans="14:14">
      <c r="N320983" s="10"/>
    </row>
    <row r="320984" spans="14:14">
      <c r="N320984" s="10"/>
    </row>
    <row r="320985" spans="14:14">
      <c r="N320985" s="10"/>
    </row>
    <row r="320986" spans="14:14">
      <c r="N320986" s="10"/>
    </row>
    <row r="320987" spans="14:14">
      <c r="N320987" s="10"/>
    </row>
    <row r="320988" spans="14:14">
      <c r="N320988" s="10"/>
    </row>
    <row r="320989" spans="14:14">
      <c r="N320989" s="10"/>
    </row>
    <row r="320990" spans="14:14">
      <c r="N320990" s="10"/>
    </row>
    <row r="320991" spans="14:14">
      <c r="N320991" s="10"/>
    </row>
    <row r="320992" spans="14:14">
      <c r="N320992" s="10"/>
    </row>
    <row r="320993" spans="14:14">
      <c r="N320993" s="10"/>
    </row>
    <row r="320994" spans="14:14">
      <c r="N320994" s="10"/>
    </row>
    <row r="320995" spans="14:14">
      <c r="N320995" s="10"/>
    </row>
    <row r="320996" spans="14:14">
      <c r="N320996" s="10"/>
    </row>
    <row r="320997" spans="14:14">
      <c r="N320997" s="10"/>
    </row>
    <row r="320998" spans="14:14">
      <c r="N320998" s="10"/>
    </row>
    <row r="320999" spans="14:14">
      <c r="N320999" s="10"/>
    </row>
    <row r="321000" spans="14:14">
      <c r="N321000" s="10"/>
    </row>
    <row r="321001" spans="14:14">
      <c r="N321001" s="10"/>
    </row>
    <row r="321002" spans="14:14">
      <c r="N321002" s="10"/>
    </row>
    <row r="321003" spans="14:14">
      <c r="N321003" s="10"/>
    </row>
    <row r="321004" spans="14:14">
      <c r="N321004" s="10"/>
    </row>
    <row r="321005" spans="14:14">
      <c r="N321005" s="10"/>
    </row>
    <row r="321006" spans="14:14">
      <c r="N321006" s="10"/>
    </row>
    <row r="321007" spans="14:14">
      <c r="N321007" s="10"/>
    </row>
    <row r="321008" spans="14:14">
      <c r="N321008" s="10"/>
    </row>
    <row r="321009" spans="14:14">
      <c r="N321009" s="10"/>
    </row>
    <row r="321010" spans="14:14">
      <c r="N321010" s="10"/>
    </row>
    <row r="321011" spans="14:14">
      <c r="N321011" s="10"/>
    </row>
    <row r="321012" spans="14:14">
      <c r="N321012" s="10"/>
    </row>
    <row r="321013" spans="14:14">
      <c r="N321013" s="10"/>
    </row>
    <row r="321014" spans="14:14">
      <c r="N321014" s="10"/>
    </row>
    <row r="321015" spans="14:14">
      <c r="N321015" s="10"/>
    </row>
    <row r="321016" spans="14:14">
      <c r="N321016" s="10"/>
    </row>
    <row r="321017" spans="14:14">
      <c r="N321017" s="10"/>
    </row>
    <row r="321018" spans="14:14">
      <c r="N321018" s="10"/>
    </row>
    <row r="321019" spans="14:14">
      <c r="N321019" s="10"/>
    </row>
    <row r="321020" spans="14:14">
      <c r="N321020" s="10"/>
    </row>
    <row r="321021" spans="14:14">
      <c r="N321021" s="10"/>
    </row>
    <row r="321022" spans="14:14">
      <c r="N321022" s="10"/>
    </row>
    <row r="321023" spans="14:14">
      <c r="N321023" s="10"/>
    </row>
    <row r="321024" spans="14:14">
      <c r="N321024" s="10"/>
    </row>
    <row r="321025" spans="14:14">
      <c r="N321025" s="10"/>
    </row>
    <row r="321026" spans="14:14">
      <c r="N321026" s="10"/>
    </row>
    <row r="321027" spans="14:14">
      <c r="N321027" s="10"/>
    </row>
    <row r="321028" spans="14:14">
      <c r="N321028" s="10"/>
    </row>
    <row r="321029" spans="14:14">
      <c r="N321029" s="10"/>
    </row>
    <row r="321030" spans="14:14">
      <c r="N321030" s="10"/>
    </row>
    <row r="321031" spans="14:14">
      <c r="N321031" s="10"/>
    </row>
    <row r="321032" spans="14:14">
      <c r="N321032" s="10"/>
    </row>
    <row r="321033" spans="14:14">
      <c r="N321033" s="10"/>
    </row>
    <row r="321034" spans="14:14">
      <c r="N321034" s="10"/>
    </row>
    <row r="321035" spans="14:14">
      <c r="N321035" s="10"/>
    </row>
    <row r="321036" spans="14:14">
      <c r="N321036" s="10"/>
    </row>
    <row r="321037" spans="14:14">
      <c r="N321037" s="10"/>
    </row>
    <row r="321038" spans="14:14">
      <c r="N321038" s="10"/>
    </row>
    <row r="321039" spans="14:14">
      <c r="N321039" s="10"/>
    </row>
    <row r="321040" spans="14:14">
      <c r="N321040" s="10"/>
    </row>
    <row r="321041" spans="14:14">
      <c r="N321041" s="10"/>
    </row>
    <row r="321042" spans="14:14">
      <c r="N321042" s="10"/>
    </row>
    <row r="321043" spans="14:14">
      <c r="N321043" s="10"/>
    </row>
    <row r="321044" spans="14:14">
      <c r="N321044" s="10"/>
    </row>
    <row r="321045" spans="14:14">
      <c r="N321045" s="10"/>
    </row>
    <row r="321046" spans="14:14">
      <c r="N321046" s="10"/>
    </row>
    <row r="321047" spans="14:14">
      <c r="N321047" s="10"/>
    </row>
    <row r="321048" spans="14:14">
      <c r="N321048" s="10"/>
    </row>
    <row r="321049" spans="14:14">
      <c r="N321049" s="10"/>
    </row>
    <row r="321050" spans="14:14">
      <c r="N321050" s="10"/>
    </row>
    <row r="321051" spans="14:14">
      <c r="N321051" s="10"/>
    </row>
    <row r="321052" spans="14:14">
      <c r="N321052" s="10"/>
    </row>
    <row r="321053" spans="14:14">
      <c r="N321053" s="10"/>
    </row>
    <row r="321054" spans="14:14">
      <c r="N321054" s="10"/>
    </row>
    <row r="321055" spans="14:14">
      <c r="N321055" s="10"/>
    </row>
    <row r="321056" spans="14:14">
      <c r="N321056" s="10"/>
    </row>
    <row r="321057" spans="14:14">
      <c r="N321057" s="10"/>
    </row>
    <row r="321058" spans="14:14">
      <c r="N321058" s="10"/>
    </row>
    <row r="321059" spans="14:14">
      <c r="N321059" s="10"/>
    </row>
    <row r="321060" spans="14:14">
      <c r="N321060" s="10"/>
    </row>
    <row r="321061" spans="14:14">
      <c r="N321061" s="10"/>
    </row>
    <row r="321062" spans="14:14">
      <c r="N321062" s="10"/>
    </row>
    <row r="321063" spans="14:14">
      <c r="N321063" s="10"/>
    </row>
    <row r="321064" spans="14:14">
      <c r="N321064" s="10"/>
    </row>
    <row r="321065" spans="14:14">
      <c r="N321065" s="10"/>
    </row>
    <row r="321066" spans="14:14">
      <c r="N321066" s="10"/>
    </row>
    <row r="321067" spans="14:14">
      <c r="N321067" s="10"/>
    </row>
    <row r="321068" spans="14:14">
      <c r="N321068" s="10"/>
    </row>
    <row r="321069" spans="14:14">
      <c r="N321069" s="10"/>
    </row>
    <row r="321070" spans="14:14">
      <c r="N321070" s="10"/>
    </row>
    <row r="321071" spans="14:14">
      <c r="N321071" s="10"/>
    </row>
    <row r="321072" spans="14:14">
      <c r="N321072" s="10"/>
    </row>
    <row r="321073" spans="14:14">
      <c r="N321073" s="10"/>
    </row>
    <row r="321074" spans="14:14">
      <c r="N321074" s="10"/>
    </row>
    <row r="321075" spans="14:14">
      <c r="N321075" s="10"/>
    </row>
    <row r="321076" spans="14:14">
      <c r="N321076" s="10"/>
    </row>
    <row r="321077" spans="14:14">
      <c r="N321077" s="10"/>
    </row>
    <row r="321078" spans="14:14">
      <c r="N321078" s="10"/>
    </row>
    <row r="321079" spans="14:14">
      <c r="N321079" s="10"/>
    </row>
    <row r="321080" spans="14:14">
      <c r="N321080" s="10"/>
    </row>
    <row r="321081" spans="14:14">
      <c r="N321081" s="10"/>
    </row>
    <row r="321082" spans="14:14">
      <c r="N321082" s="10"/>
    </row>
    <row r="321083" spans="14:14">
      <c r="N321083" s="10"/>
    </row>
    <row r="321084" spans="14:14">
      <c r="N321084" s="10"/>
    </row>
    <row r="321085" spans="14:14">
      <c r="N321085" s="10"/>
    </row>
    <row r="321086" spans="14:14">
      <c r="N321086" s="10"/>
    </row>
    <row r="321087" spans="14:14">
      <c r="N321087" s="10"/>
    </row>
    <row r="321088" spans="14:14">
      <c r="N321088" s="10"/>
    </row>
    <row r="321089" spans="14:14">
      <c r="N321089" s="10"/>
    </row>
    <row r="321090" spans="14:14">
      <c r="N321090" s="10"/>
    </row>
    <row r="321091" spans="14:14">
      <c r="N321091" s="10"/>
    </row>
    <row r="321092" spans="14:14">
      <c r="N321092" s="10"/>
    </row>
    <row r="321093" spans="14:14">
      <c r="N321093" s="10"/>
    </row>
    <row r="321094" spans="14:14">
      <c r="N321094" s="10"/>
    </row>
    <row r="321095" spans="14:14">
      <c r="N321095" s="10"/>
    </row>
    <row r="321096" spans="14:14">
      <c r="N321096" s="10"/>
    </row>
    <row r="321097" spans="14:14">
      <c r="N321097" s="10"/>
    </row>
    <row r="321098" spans="14:14">
      <c r="N321098" s="10"/>
    </row>
    <row r="321099" spans="14:14">
      <c r="N321099" s="10"/>
    </row>
    <row r="321100" spans="14:14">
      <c r="N321100" s="10"/>
    </row>
    <row r="321101" spans="14:14">
      <c r="N321101" s="10"/>
    </row>
    <row r="321102" spans="14:14">
      <c r="N321102" s="10"/>
    </row>
    <row r="321103" spans="14:14">
      <c r="N321103" s="10"/>
    </row>
    <row r="321104" spans="14:14">
      <c r="N321104" s="10"/>
    </row>
    <row r="321105" spans="14:14">
      <c r="N321105" s="10"/>
    </row>
    <row r="321106" spans="14:14">
      <c r="N321106" s="10"/>
    </row>
    <row r="321107" spans="14:14">
      <c r="N321107" s="10"/>
    </row>
    <row r="321108" spans="14:14">
      <c r="N321108" s="10"/>
    </row>
    <row r="321109" spans="14:14">
      <c r="N321109" s="10"/>
    </row>
    <row r="321110" spans="14:14">
      <c r="N321110" s="10"/>
    </row>
    <row r="321111" spans="14:14">
      <c r="N321111" s="10"/>
    </row>
    <row r="321112" spans="14:14">
      <c r="N321112" s="10"/>
    </row>
    <row r="321113" spans="14:14">
      <c r="N321113" s="10"/>
    </row>
    <row r="321114" spans="14:14">
      <c r="N321114" s="10"/>
    </row>
    <row r="321115" spans="14:14">
      <c r="N321115" s="10"/>
    </row>
    <row r="321116" spans="14:14">
      <c r="N321116" s="10"/>
    </row>
    <row r="321117" spans="14:14">
      <c r="N321117" s="10"/>
    </row>
    <row r="321118" spans="14:14">
      <c r="N321118" s="10"/>
    </row>
    <row r="321119" spans="14:14">
      <c r="N321119" s="10"/>
    </row>
    <row r="321120" spans="14:14">
      <c r="N321120" s="10"/>
    </row>
    <row r="321121" spans="14:14">
      <c r="N321121" s="10"/>
    </row>
    <row r="321122" spans="14:14">
      <c r="N321122" s="10"/>
    </row>
    <row r="321123" spans="14:14">
      <c r="N321123" s="10"/>
    </row>
    <row r="321124" spans="14:14">
      <c r="N321124" s="10"/>
    </row>
    <row r="321125" spans="14:14">
      <c r="N321125" s="10"/>
    </row>
    <row r="321126" spans="14:14">
      <c r="N321126" s="10"/>
    </row>
    <row r="321127" spans="14:14">
      <c r="N321127" s="10"/>
    </row>
    <row r="321128" spans="14:14">
      <c r="N321128" s="10"/>
    </row>
    <row r="321129" spans="14:14">
      <c r="N321129" s="10"/>
    </row>
    <row r="321130" spans="14:14">
      <c r="N321130" s="10"/>
    </row>
    <row r="321131" spans="14:14">
      <c r="N321131" s="10"/>
    </row>
    <row r="321132" spans="14:14">
      <c r="N321132" s="10"/>
    </row>
    <row r="321133" spans="14:14">
      <c r="N321133" s="10"/>
    </row>
    <row r="321134" spans="14:14">
      <c r="N321134" s="10"/>
    </row>
    <row r="321135" spans="14:14">
      <c r="N321135" s="10"/>
    </row>
    <row r="321136" spans="14:14">
      <c r="N321136" s="10"/>
    </row>
    <row r="321137" spans="14:14">
      <c r="N321137" s="10"/>
    </row>
    <row r="321138" spans="14:14">
      <c r="N321138" s="10"/>
    </row>
    <row r="321139" spans="14:14">
      <c r="N321139" s="10"/>
    </row>
    <row r="321140" spans="14:14">
      <c r="N321140" s="10"/>
    </row>
    <row r="321141" spans="14:14">
      <c r="N321141" s="10"/>
    </row>
    <row r="321142" spans="14:14">
      <c r="N321142" s="10"/>
    </row>
    <row r="321143" spans="14:14">
      <c r="N321143" s="10"/>
    </row>
    <row r="321144" spans="14:14">
      <c r="N321144" s="10"/>
    </row>
    <row r="321145" spans="14:14">
      <c r="N321145" s="10"/>
    </row>
    <row r="321146" spans="14:14">
      <c r="N321146" s="10"/>
    </row>
    <row r="321147" spans="14:14">
      <c r="N321147" s="10"/>
    </row>
    <row r="321148" spans="14:14">
      <c r="N321148" s="10"/>
    </row>
    <row r="321149" spans="14:14">
      <c r="N321149" s="10"/>
    </row>
    <row r="321150" spans="14:14">
      <c r="N321150" s="10"/>
    </row>
    <row r="321151" spans="14:14">
      <c r="N321151" s="10"/>
    </row>
    <row r="321152" spans="14:14">
      <c r="N321152" s="10"/>
    </row>
    <row r="321153" spans="14:14">
      <c r="N321153" s="10"/>
    </row>
    <row r="321154" spans="14:14">
      <c r="N321154" s="10"/>
    </row>
    <row r="321155" spans="14:14">
      <c r="N321155" s="10"/>
    </row>
    <row r="321156" spans="14:14">
      <c r="N321156" s="10"/>
    </row>
    <row r="321157" spans="14:14">
      <c r="N321157" s="10"/>
    </row>
    <row r="321158" spans="14:14">
      <c r="N321158" s="10"/>
    </row>
    <row r="321159" spans="14:14">
      <c r="N321159" s="10"/>
    </row>
    <row r="321160" spans="14:14">
      <c r="N321160" s="10"/>
    </row>
    <row r="321161" spans="14:14">
      <c r="N321161" s="10"/>
    </row>
    <row r="321162" spans="14:14">
      <c r="N321162" s="10"/>
    </row>
    <row r="321163" spans="14:14">
      <c r="N321163" s="10"/>
    </row>
    <row r="321164" spans="14:14">
      <c r="N321164" s="10"/>
    </row>
    <row r="321165" spans="14:14">
      <c r="N321165" s="10"/>
    </row>
    <row r="321166" spans="14:14">
      <c r="N321166" s="10"/>
    </row>
    <row r="321167" spans="14:14">
      <c r="N321167" s="10"/>
    </row>
    <row r="321168" spans="14:14">
      <c r="N321168" s="10"/>
    </row>
    <row r="321169" spans="14:14">
      <c r="N321169" s="10"/>
    </row>
    <row r="321170" spans="14:14">
      <c r="N321170" s="10"/>
    </row>
    <row r="321171" spans="14:14">
      <c r="N321171" s="10"/>
    </row>
    <row r="321172" spans="14:14">
      <c r="N321172" s="10"/>
    </row>
    <row r="321173" spans="14:14">
      <c r="N321173" s="10"/>
    </row>
    <row r="321174" spans="14:14">
      <c r="N321174" s="10"/>
    </row>
    <row r="321175" spans="14:14">
      <c r="N321175" s="10"/>
    </row>
    <row r="321176" spans="14:14">
      <c r="N321176" s="10"/>
    </row>
    <row r="321177" spans="14:14">
      <c r="N321177" s="10"/>
    </row>
    <row r="321178" spans="14:14">
      <c r="N321178" s="10"/>
    </row>
    <row r="321179" spans="14:14">
      <c r="N321179" s="10"/>
    </row>
    <row r="321180" spans="14:14">
      <c r="N321180" s="10"/>
    </row>
    <row r="321181" spans="14:14">
      <c r="N321181" s="10"/>
    </row>
    <row r="321182" spans="14:14">
      <c r="N321182" s="10"/>
    </row>
    <row r="321183" spans="14:14">
      <c r="N321183" s="10"/>
    </row>
    <row r="321184" spans="14:14">
      <c r="N321184" s="10"/>
    </row>
    <row r="321185" spans="14:14">
      <c r="N321185" s="10"/>
    </row>
    <row r="321186" spans="14:14">
      <c r="N321186" s="10"/>
    </row>
    <row r="321187" spans="14:14">
      <c r="N321187" s="10"/>
    </row>
    <row r="321188" spans="14:14">
      <c r="N321188" s="10"/>
    </row>
    <row r="321189" spans="14:14">
      <c r="N321189" s="10"/>
    </row>
    <row r="321190" spans="14:14">
      <c r="N321190" s="10"/>
    </row>
    <row r="321191" spans="14:14">
      <c r="N321191" s="10"/>
    </row>
    <row r="321192" spans="14:14">
      <c r="N321192" s="10"/>
    </row>
    <row r="321193" spans="14:14">
      <c r="N321193" s="10"/>
    </row>
    <row r="321194" spans="14:14">
      <c r="N321194" s="10"/>
    </row>
    <row r="321195" spans="14:14">
      <c r="N321195" s="10"/>
    </row>
    <row r="321196" spans="14:14">
      <c r="N321196" s="10"/>
    </row>
    <row r="321197" spans="14:14">
      <c r="N321197" s="10"/>
    </row>
    <row r="321198" spans="14:14">
      <c r="N321198" s="10"/>
    </row>
    <row r="321199" spans="14:14">
      <c r="N321199" s="10"/>
    </row>
    <row r="321200" spans="14:14">
      <c r="N321200" s="10"/>
    </row>
    <row r="321201" spans="14:14">
      <c r="N321201" s="10"/>
    </row>
    <row r="321202" spans="14:14">
      <c r="N321202" s="10"/>
    </row>
    <row r="321203" spans="14:14">
      <c r="N321203" s="10"/>
    </row>
    <row r="321204" spans="14:14">
      <c r="N321204" s="10"/>
    </row>
    <row r="321205" spans="14:14">
      <c r="N321205" s="10"/>
    </row>
    <row r="321206" spans="14:14">
      <c r="N321206" s="10"/>
    </row>
    <row r="321207" spans="14:14">
      <c r="N321207" s="10"/>
    </row>
    <row r="321208" spans="14:14">
      <c r="N321208" s="10"/>
    </row>
    <row r="321209" spans="14:14">
      <c r="N321209" s="10"/>
    </row>
    <row r="321210" spans="14:14">
      <c r="N321210" s="10"/>
    </row>
    <row r="321211" spans="14:14">
      <c r="N321211" s="10"/>
    </row>
    <row r="321212" spans="14:14">
      <c r="N321212" s="10"/>
    </row>
    <row r="321213" spans="14:14">
      <c r="N321213" s="10"/>
    </row>
    <row r="321214" spans="14:14">
      <c r="N321214" s="10"/>
    </row>
    <row r="321215" spans="14:14">
      <c r="N321215" s="10"/>
    </row>
    <row r="321216" spans="14:14">
      <c r="N321216" s="10"/>
    </row>
    <row r="321217" spans="14:14">
      <c r="N321217" s="10"/>
    </row>
    <row r="321218" spans="14:14">
      <c r="N321218" s="10"/>
    </row>
    <row r="321219" spans="14:14">
      <c r="N321219" s="10"/>
    </row>
    <row r="321220" spans="14:14">
      <c r="N321220" s="10"/>
    </row>
    <row r="321221" spans="14:14">
      <c r="N321221" s="10"/>
    </row>
    <row r="321222" spans="14:14">
      <c r="N321222" s="10"/>
    </row>
    <row r="321223" spans="14:14">
      <c r="N321223" s="10"/>
    </row>
    <row r="321224" spans="14:14">
      <c r="N321224" s="10"/>
    </row>
    <row r="321225" spans="14:14">
      <c r="N321225" s="10"/>
    </row>
    <row r="321226" spans="14:14">
      <c r="N321226" s="10"/>
    </row>
    <row r="321227" spans="14:14">
      <c r="N321227" s="10"/>
    </row>
    <row r="321228" spans="14:14">
      <c r="N321228" s="10"/>
    </row>
    <row r="321229" spans="14:14">
      <c r="N321229" s="10"/>
    </row>
    <row r="321230" spans="14:14">
      <c r="N321230" s="10"/>
    </row>
    <row r="321231" spans="14:14">
      <c r="N321231" s="10"/>
    </row>
    <row r="321232" spans="14:14">
      <c r="N321232" s="10"/>
    </row>
    <row r="321233" spans="14:14">
      <c r="N321233" s="10"/>
    </row>
    <row r="321234" spans="14:14">
      <c r="N321234" s="10"/>
    </row>
    <row r="321235" spans="14:14">
      <c r="N321235" s="10"/>
    </row>
    <row r="321236" spans="14:14">
      <c r="N321236" s="10"/>
    </row>
    <row r="321237" spans="14:14">
      <c r="N321237" s="10"/>
    </row>
    <row r="321238" spans="14:14">
      <c r="N321238" s="10"/>
    </row>
    <row r="321239" spans="14:14">
      <c r="N321239" s="10"/>
    </row>
    <row r="321240" spans="14:14">
      <c r="N321240" s="10"/>
    </row>
    <row r="321241" spans="14:14">
      <c r="N321241" s="10"/>
    </row>
    <row r="321242" spans="14:14">
      <c r="N321242" s="10"/>
    </row>
    <row r="321243" spans="14:14">
      <c r="N321243" s="10"/>
    </row>
    <row r="321244" spans="14:14">
      <c r="N321244" s="10"/>
    </row>
    <row r="321245" spans="14:14">
      <c r="N321245" s="10"/>
    </row>
    <row r="321246" spans="14:14">
      <c r="N321246" s="10"/>
    </row>
    <row r="321247" spans="14:14">
      <c r="N321247" s="10"/>
    </row>
    <row r="321248" spans="14:14">
      <c r="N321248" s="10"/>
    </row>
    <row r="321249" spans="14:14">
      <c r="N321249" s="10"/>
    </row>
    <row r="321250" spans="14:14">
      <c r="N321250" s="10"/>
    </row>
    <row r="321251" spans="14:14">
      <c r="N321251" s="10"/>
    </row>
    <row r="321252" spans="14:14">
      <c r="N321252" s="10"/>
    </row>
    <row r="321253" spans="14:14">
      <c r="N321253" s="10"/>
    </row>
    <row r="321254" spans="14:14">
      <c r="N321254" s="10"/>
    </row>
    <row r="321255" spans="14:14">
      <c r="N321255" s="10"/>
    </row>
    <row r="321256" spans="14:14">
      <c r="N321256" s="10"/>
    </row>
    <row r="321257" spans="14:14">
      <c r="N321257" s="10"/>
    </row>
    <row r="321258" spans="14:14">
      <c r="N321258" s="10"/>
    </row>
    <row r="321259" spans="14:14">
      <c r="N321259" s="10"/>
    </row>
    <row r="321260" spans="14:14">
      <c r="N321260" s="10"/>
    </row>
    <row r="321261" spans="14:14">
      <c r="N321261" s="10"/>
    </row>
    <row r="321262" spans="14:14">
      <c r="N321262" s="10"/>
    </row>
    <row r="321263" spans="14:14">
      <c r="N321263" s="10"/>
    </row>
    <row r="321264" spans="14:14">
      <c r="N321264" s="10"/>
    </row>
    <row r="321265" spans="14:14">
      <c r="N321265" s="10"/>
    </row>
    <row r="321266" spans="14:14">
      <c r="N321266" s="10"/>
    </row>
    <row r="321267" spans="14:14">
      <c r="N321267" s="10"/>
    </row>
    <row r="321268" spans="14:14">
      <c r="N321268" s="10"/>
    </row>
    <row r="321269" spans="14:14">
      <c r="N321269" s="10"/>
    </row>
    <row r="321270" spans="14:14">
      <c r="N321270" s="10"/>
    </row>
    <row r="321271" spans="14:14">
      <c r="N321271" s="10"/>
    </row>
    <row r="321272" spans="14:14">
      <c r="N321272" s="10"/>
    </row>
    <row r="321273" spans="14:14">
      <c r="N321273" s="10"/>
    </row>
    <row r="321274" spans="14:14">
      <c r="N321274" s="10"/>
    </row>
    <row r="321275" spans="14:14">
      <c r="N321275" s="10"/>
    </row>
    <row r="321276" spans="14:14">
      <c r="N321276" s="10"/>
    </row>
    <row r="321277" spans="14:14">
      <c r="N321277" s="10"/>
    </row>
    <row r="321278" spans="14:14">
      <c r="N321278" s="10"/>
    </row>
    <row r="321279" spans="14:14">
      <c r="N321279" s="10"/>
    </row>
    <row r="321280" spans="14:14">
      <c r="N321280" s="10"/>
    </row>
    <row r="321281" spans="14:14">
      <c r="N321281" s="10"/>
    </row>
    <row r="321282" spans="14:14">
      <c r="N321282" s="10"/>
    </row>
    <row r="321283" spans="14:14">
      <c r="N321283" s="10"/>
    </row>
    <row r="321284" spans="14:14">
      <c r="N321284" s="10"/>
    </row>
    <row r="321285" spans="14:14">
      <c r="N321285" s="10"/>
    </row>
    <row r="321286" spans="14:14">
      <c r="N321286" s="10"/>
    </row>
    <row r="321287" spans="14:14">
      <c r="N321287" s="10"/>
    </row>
    <row r="321288" spans="14:14">
      <c r="N321288" s="10"/>
    </row>
    <row r="321289" spans="14:14">
      <c r="N321289" s="10"/>
    </row>
    <row r="321290" spans="14:14">
      <c r="N321290" s="10"/>
    </row>
    <row r="321291" spans="14:14">
      <c r="N321291" s="10"/>
    </row>
    <row r="321292" spans="14:14">
      <c r="N321292" s="10"/>
    </row>
    <row r="321293" spans="14:14">
      <c r="N321293" s="10"/>
    </row>
    <row r="321294" spans="14:14">
      <c r="N321294" s="10"/>
    </row>
    <row r="321295" spans="14:14">
      <c r="N321295" s="10"/>
    </row>
    <row r="321296" spans="14:14">
      <c r="N321296" s="10"/>
    </row>
    <row r="321297" spans="14:14">
      <c r="N321297" s="10"/>
    </row>
    <row r="321298" spans="14:14">
      <c r="N321298" s="10"/>
    </row>
    <row r="321299" spans="14:14">
      <c r="N321299" s="10"/>
    </row>
    <row r="321300" spans="14:14">
      <c r="N321300" s="10"/>
    </row>
    <row r="321301" spans="14:14">
      <c r="N321301" s="10"/>
    </row>
    <row r="321302" spans="14:14">
      <c r="N321302" s="10"/>
    </row>
    <row r="321303" spans="14:14">
      <c r="N321303" s="10"/>
    </row>
    <row r="321304" spans="14:14">
      <c r="N321304" s="10"/>
    </row>
    <row r="321305" spans="14:14">
      <c r="N321305" s="10"/>
    </row>
    <row r="321306" spans="14:14">
      <c r="N321306" s="10"/>
    </row>
    <row r="321307" spans="14:14">
      <c r="N321307" s="10"/>
    </row>
    <row r="321308" spans="14:14">
      <c r="N321308" s="10"/>
    </row>
    <row r="321309" spans="14:14">
      <c r="N321309" s="10"/>
    </row>
    <row r="321310" spans="14:14">
      <c r="N321310" s="10"/>
    </row>
    <row r="321311" spans="14:14">
      <c r="N321311" s="10"/>
    </row>
    <row r="321312" spans="14:14">
      <c r="N321312" s="10"/>
    </row>
    <row r="321313" spans="14:14">
      <c r="N321313" s="10"/>
    </row>
    <row r="321314" spans="14:14">
      <c r="N321314" s="10"/>
    </row>
    <row r="321315" spans="14:14">
      <c r="N321315" s="10"/>
    </row>
    <row r="321316" spans="14:14">
      <c r="N321316" s="10"/>
    </row>
    <row r="321317" spans="14:14">
      <c r="N321317" s="10"/>
    </row>
    <row r="321318" spans="14:14">
      <c r="N321318" s="10"/>
    </row>
    <row r="321319" spans="14:14">
      <c r="N321319" s="10"/>
    </row>
    <row r="321320" spans="14:14">
      <c r="N321320" s="10"/>
    </row>
    <row r="321321" spans="14:14">
      <c r="N321321" s="10"/>
    </row>
    <row r="321322" spans="14:14">
      <c r="N321322" s="10"/>
    </row>
    <row r="321323" spans="14:14">
      <c r="N321323" s="10"/>
    </row>
    <row r="321324" spans="14:14">
      <c r="N321324" s="10"/>
    </row>
    <row r="321325" spans="14:14">
      <c r="N321325" s="10"/>
    </row>
    <row r="321326" spans="14:14">
      <c r="N321326" s="10"/>
    </row>
    <row r="321327" spans="14:14">
      <c r="N321327" s="10"/>
    </row>
    <row r="321328" spans="14:14">
      <c r="N321328" s="10"/>
    </row>
    <row r="321329" spans="14:14">
      <c r="N321329" s="10"/>
    </row>
    <row r="321330" spans="14:14">
      <c r="N321330" s="10"/>
    </row>
    <row r="321331" spans="14:14">
      <c r="N321331" s="10"/>
    </row>
    <row r="321332" spans="14:14">
      <c r="N321332" s="10"/>
    </row>
    <row r="321333" spans="14:14">
      <c r="N321333" s="10"/>
    </row>
    <row r="321334" spans="14:14">
      <c r="N321334" s="10"/>
    </row>
    <row r="321335" spans="14:14">
      <c r="N321335" s="10"/>
    </row>
    <row r="321336" spans="14:14">
      <c r="N321336" s="10"/>
    </row>
    <row r="321337" spans="14:14">
      <c r="N321337" s="10"/>
    </row>
    <row r="321338" spans="14:14">
      <c r="N321338" s="10"/>
    </row>
    <row r="321339" spans="14:14">
      <c r="N321339" s="10"/>
    </row>
    <row r="321340" spans="14:14">
      <c r="N321340" s="10"/>
    </row>
    <row r="321341" spans="14:14">
      <c r="N321341" s="10"/>
    </row>
    <row r="321342" spans="14:14">
      <c r="N321342" s="10"/>
    </row>
    <row r="321343" spans="14:14">
      <c r="N321343" s="10"/>
    </row>
    <row r="321344" spans="14:14">
      <c r="N321344" s="10"/>
    </row>
    <row r="321345" spans="14:14">
      <c r="N321345" s="10"/>
    </row>
    <row r="321346" spans="14:14">
      <c r="N321346" s="10"/>
    </row>
    <row r="321347" spans="14:14">
      <c r="N321347" s="10"/>
    </row>
    <row r="321348" spans="14:14">
      <c r="N321348" s="10"/>
    </row>
    <row r="321349" spans="14:14">
      <c r="N321349" s="10"/>
    </row>
    <row r="321350" spans="14:14">
      <c r="N321350" s="10"/>
    </row>
    <row r="321351" spans="14:14">
      <c r="N321351" s="10"/>
    </row>
    <row r="321352" spans="14:14">
      <c r="N321352" s="10"/>
    </row>
    <row r="321353" spans="14:14">
      <c r="N321353" s="10"/>
    </row>
    <row r="321354" spans="14:14">
      <c r="N321354" s="10"/>
    </row>
    <row r="321355" spans="14:14">
      <c r="N321355" s="10"/>
    </row>
    <row r="321356" spans="14:14">
      <c r="N321356" s="10"/>
    </row>
    <row r="321357" spans="14:14">
      <c r="N321357" s="10"/>
    </row>
    <row r="321358" spans="14:14">
      <c r="N321358" s="10"/>
    </row>
    <row r="321359" spans="14:14">
      <c r="N321359" s="10"/>
    </row>
    <row r="321360" spans="14:14">
      <c r="N321360" s="10"/>
    </row>
    <row r="321361" spans="14:14">
      <c r="N321361" s="10"/>
    </row>
    <row r="321362" spans="14:14">
      <c r="N321362" s="10"/>
    </row>
    <row r="321363" spans="14:14">
      <c r="N321363" s="10"/>
    </row>
    <row r="321364" spans="14:14">
      <c r="N321364" s="10"/>
    </row>
    <row r="321365" spans="14:14">
      <c r="N321365" s="10"/>
    </row>
    <row r="321366" spans="14:14">
      <c r="N321366" s="10"/>
    </row>
    <row r="321367" spans="14:14">
      <c r="N321367" s="10"/>
    </row>
    <row r="321368" spans="14:14">
      <c r="N321368" s="10"/>
    </row>
    <row r="321369" spans="14:14">
      <c r="N321369" s="10"/>
    </row>
    <row r="321370" spans="14:14">
      <c r="N321370" s="10"/>
    </row>
    <row r="321371" spans="14:14">
      <c r="N321371" s="10"/>
    </row>
    <row r="321372" spans="14:14">
      <c r="N321372" s="10"/>
    </row>
    <row r="321373" spans="14:14">
      <c r="N321373" s="10"/>
    </row>
    <row r="321374" spans="14:14">
      <c r="N321374" s="10"/>
    </row>
    <row r="321375" spans="14:14">
      <c r="N321375" s="10"/>
    </row>
    <row r="321376" spans="14:14">
      <c r="N321376" s="10"/>
    </row>
    <row r="321377" spans="14:14">
      <c r="N321377" s="10"/>
    </row>
    <row r="321378" spans="14:14">
      <c r="N321378" s="10"/>
    </row>
    <row r="321379" spans="14:14">
      <c r="N321379" s="10"/>
    </row>
    <row r="321380" spans="14:14">
      <c r="N321380" s="10"/>
    </row>
    <row r="321381" spans="14:14">
      <c r="N321381" s="10"/>
    </row>
    <row r="321382" spans="14:14">
      <c r="N321382" s="10"/>
    </row>
    <row r="321383" spans="14:14">
      <c r="N321383" s="10"/>
    </row>
    <row r="321384" spans="14:14">
      <c r="N321384" s="10"/>
    </row>
    <row r="321385" spans="14:14">
      <c r="N321385" s="10"/>
    </row>
    <row r="321386" spans="14:14">
      <c r="N321386" s="10"/>
    </row>
    <row r="321387" spans="14:14">
      <c r="N321387" s="10"/>
    </row>
    <row r="321388" spans="14:14">
      <c r="N321388" s="10"/>
    </row>
    <row r="321389" spans="14:14">
      <c r="N321389" s="10"/>
    </row>
    <row r="321390" spans="14:14">
      <c r="N321390" s="10"/>
    </row>
    <row r="321391" spans="14:14">
      <c r="N321391" s="10"/>
    </row>
    <row r="321392" spans="14:14">
      <c r="N321392" s="10"/>
    </row>
    <row r="321393" spans="14:14">
      <c r="N321393" s="10"/>
    </row>
    <row r="321394" spans="14:14">
      <c r="N321394" s="10"/>
    </row>
    <row r="321395" spans="14:14">
      <c r="N321395" s="10"/>
    </row>
    <row r="321396" spans="14:14">
      <c r="N321396" s="10"/>
    </row>
    <row r="321397" spans="14:14">
      <c r="N321397" s="10"/>
    </row>
    <row r="321398" spans="14:14">
      <c r="N321398" s="10"/>
    </row>
    <row r="321399" spans="14:14">
      <c r="N321399" s="10"/>
    </row>
    <row r="321400" spans="14:14">
      <c r="N321400" s="10"/>
    </row>
    <row r="321401" spans="14:14">
      <c r="N321401" s="10"/>
    </row>
    <row r="321402" spans="14:14">
      <c r="N321402" s="10"/>
    </row>
    <row r="321403" spans="14:14">
      <c r="N321403" s="10"/>
    </row>
    <row r="321404" spans="14:14">
      <c r="N321404" s="10"/>
    </row>
    <row r="321405" spans="14:14">
      <c r="N321405" s="10"/>
    </row>
    <row r="321406" spans="14:14">
      <c r="N321406" s="10"/>
    </row>
    <row r="321407" spans="14:14">
      <c r="N321407" s="10"/>
    </row>
    <row r="321408" spans="14:14">
      <c r="N321408" s="10"/>
    </row>
    <row r="321409" spans="14:14">
      <c r="N321409" s="10"/>
    </row>
    <row r="321410" spans="14:14">
      <c r="N321410" s="10"/>
    </row>
    <row r="321411" spans="14:14">
      <c r="N321411" s="10"/>
    </row>
    <row r="321412" spans="14:14">
      <c r="N321412" s="10"/>
    </row>
    <row r="321413" spans="14:14">
      <c r="N321413" s="10"/>
    </row>
    <row r="321414" spans="14:14">
      <c r="N321414" s="10"/>
    </row>
    <row r="321415" spans="14:14">
      <c r="N321415" s="10"/>
    </row>
    <row r="321416" spans="14:14">
      <c r="N321416" s="10"/>
    </row>
    <row r="321417" spans="14:14">
      <c r="N321417" s="10"/>
    </row>
    <row r="321418" spans="14:14">
      <c r="N321418" s="10"/>
    </row>
    <row r="321419" spans="14:14">
      <c r="N321419" s="10"/>
    </row>
    <row r="321420" spans="14:14">
      <c r="N321420" s="10"/>
    </row>
    <row r="321421" spans="14:14">
      <c r="N321421" s="10"/>
    </row>
    <row r="321422" spans="14:14">
      <c r="N321422" s="10"/>
    </row>
    <row r="321423" spans="14:14">
      <c r="N321423" s="10"/>
    </row>
    <row r="321424" spans="14:14">
      <c r="N321424" s="10"/>
    </row>
    <row r="321425" spans="14:14">
      <c r="N321425" s="10"/>
    </row>
    <row r="321426" spans="14:14">
      <c r="N321426" s="10"/>
    </row>
    <row r="321427" spans="14:14">
      <c r="N321427" s="10"/>
    </row>
    <row r="321428" spans="14:14">
      <c r="N321428" s="10"/>
    </row>
    <row r="321429" spans="14:14">
      <c r="N321429" s="10"/>
    </row>
    <row r="321430" spans="14:14">
      <c r="N321430" s="10"/>
    </row>
    <row r="321431" spans="14:14">
      <c r="N321431" s="10"/>
    </row>
    <row r="321432" spans="14:14">
      <c r="N321432" s="10"/>
    </row>
    <row r="321433" spans="14:14">
      <c r="N321433" s="10"/>
    </row>
    <row r="321434" spans="14:14">
      <c r="N321434" s="10"/>
    </row>
    <row r="321435" spans="14:14">
      <c r="N321435" s="10"/>
    </row>
    <row r="321436" spans="14:14">
      <c r="N321436" s="10"/>
    </row>
    <row r="321437" spans="14:14">
      <c r="N321437" s="10"/>
    </row>
    <row r="321438" spans="14:14">
      <c r="N321438" s="10"/>
    </row>
    <row r="321439" spans="14:14">
      <c r="N321439" s="10"/>
    </row>
    <row r="321440" spans="14:14">
      <c r="N321440" s="10"/>
    </row>
    <row r="321441" spans="14:14">
      <c r="N321441" s="10"/>
    </row>
    <row r="321442" spans="14:14">
      <c r="N321442" s="10"/>
    </row>
    <row r="321443" spans="14:14">
      <c r="N321443" s="10"/>
    </row>
    <row r="321444" spans="14:14">
      <c r="N321444" s="10"/>
    </row>
    <row r="321445" spans="14:14">
      <c r="N321445" s="10"/>
    </row>
    <row r="321446" spans="14:14">
      <c r="N321446" s="10"/>
    </row>
    <row r="321447" spans="14:14">
      <c r="N321447" s="10"/>
    </row>
    <row r="321448" spans="14:14">
      <c r="N321448" s="10"/>
    </row>
    <row r="321449" spans="14:14">
      <c r="N321449" s="10"/>
    </row>
    <row r="321450" spans="14:14">
      <c r="N321450" s="10"/>
    </row>
    <row r="321451" spans="14:14">
      <c r="N321451" s="10"/>
    </row>
    <row r="321452" spans="14:14">
      <c r="N321452" s="10"/>
    </row>
    <row r="321453" spans="14:14">
      <c r="N321453" s="10"/>
    </row>
    <row r="321454" spans="14:14">
      <c r="N321454" s="10"/>
    </row>
    <row r="321455" spans="14:14">
      <c r="N321455" s="10"/>
    </row>
    <row r="321456" spans="14:14">
      <c r="N321456" s="10"/>
    </row>
    <row r="321457" spans="14:14">
      <c r="N321457" s="10"/>
    </row>
    <row r="321458" spans="14:14">
      <c r="N321458" s="10"/>
    </row>
    <row r="321459" spans="14:14">
      <c r="N321459" s="10"/>
    </row>
    <row r="321460" spans="14:14">
      <c r="N321460" s="10"/>
    </row>
    <row r="321461" spans="14:14">
      <c r="N321461" s="10"/>
    </row>
    <row r="321462" spans="14:14">
      <c r="N321462" s="10"/>
    </row>
    <row r="321463" spans="14:14">
      <c r="N321463" s="10"/>
    </row>
    <row r="321464" spans="14:14">
      <c r="N321464" s="10"/>
    </row>
    <row r="321465" spans="14:14">
      <c r="N321465" s="10"/>
    </row>
    <row r="321466" spans="14:14">
      <c r="N321466" s="10"/>
    </row>
    <row r="321467" spans="14:14">
      <c r="N321467" s="10"/>
    </row>
    <row r="321468" spans="14:14">
      <c r="N321468" s="10"/>
    </row>
    <row r="321469" spans="14:14">
      <c r="N321469" s="10"/>
    </row>
    <row r="321470" spans="14:14">
      <c r="N321470" s="10"/>
    </row>
    <row r="321471" spans="14:14">
      <c r="N321471" s="10"/>
    </row>
    <row r="321472" spans="14:14">
      <c r="N321472" s="10"/>
    </row>
    <row r="321473" spans="14:14">
      <c r="N321473" s="10"/>
    </row>
    <row r="321474" spans="14:14">
      <c r="N321474" s="10"/>
    </row>
    <row r="321475" spans="14:14">
      <c r="N321475" s="10"/>
    </row>
    <row r="321476" spans="14:14">
      <c r="N321476" s="10"/>
    </row>
    <row r="321477" spans="14:14">
      <c r="N321477" s="10"/>
    </row>
    <row r="321478" spans="14:14">
      <c r="N321478" s="10"/>
    </row>
    <row r="321479" spans="14:14">
      <c r="N321479" s="10"/>
    </row>
    <row r="321480" spans="14:14">
      <c r="N321480" s="10"/>
    </row>
    <row r="321481" spans="14:14">
      <c r="N321481" s="10"/>
    </row>
    <row r="321482" spans="14:14">
      <c r="N321482" s="10"/>
    </row>
    <row r="321483" spans="14:14">
      <c r="N321483" s="10"/>
    </row>
    <row r="321484" spans="14:14">
      <c r="N321484" s="10"/>
    </row>
    <row r="321485" spans="14:14">
      <c r="N321485" s="10"/>
    </row>
    <row r="321486" spans="14:14">
      <c r="N321486" s="10"/>
    </row>
    <row r="321487" spans="14:14">
      <c r="N321487" s="10"/>
    </row>
    <row r="321488" spans="14:14">
      <c r="N321488" s="10"/>
    </row>
    <row r="321489" spans="14:14">
      <c r="N321489" s="10"/>
    </row>
    <row r="321490" spans="14:14">
      <c r="N321490" s="10"/>
    </row>
    <row r="321491" spans="14:14">
      <c r="N321491" s="10"/>
    </row>
    <row r="321492" spans="14:14">
      <c r="N321492" s="10"/>
    </row>
    <row r="321493" spans="14:14">
      <c r="N321493" s="10"/>
    </row>
    <row r="321494" spans="14:14">
      <c r="N321494" s="10"/>
    </row>
    <row r="321495" spans="14:14">
      <c r="N321495" s="10"/>
    </row>
    <row r="321496" spans="14:14">
      <c r="N321496" s="10"/>
    </row>
    <row r="321497" spans="14:14">
      <c r="N321497" s="10"/>
    </row>
    <row r="321498" spans="14:14">
      <c r="N321498" s="10"/>
    </row>
    <row r="321499" spans="14:14">
      <c r="N321499" s="10"/>
    </row>
    <row r="321500" spans="14:14">
      <c r="N321500" s="10"/>
    </row>
    <row r="321501" spans="14:14">
      <c r="N321501" s="10"/>
    </row>
    <row r="321502" spans="14:14">
      <c r="N321502" s="10"/>
    </row>
    <row r="321503" spans="14:14">
      <c r="N321503" s="10"/>
    </row>
    <row r="321504" spans="14:14">
      <c r="N321504" s="10"/>
    </row>
    <row r="321505" spans="14:14">
      <c r="N321505" s="10"/>
    </row>
    <row r="321506" spans="14:14">
      <c r="N321506" s="10"/>
    </row>
    <row r="321507" spans="14:14">
      <c r="N321507" s="10"/>
    </row>
    <row r="321508" spans="14:14">
      <c r="N321508" s="10"/>
    </row>
    <row r="321509" spans="14:14">
      <c r="N321509" s="10"/>
    </row>
    <row r="321510" spans="14:14">
      <c r="N321510" s="10"/>
    </row>
    <row r="321511" spans="14:14">
      <c r="N321511" s="10"/>
    </row>
    <row r="321512" spans="14:14">
      <c r="N321512" s="10"/>
    </row>
    <row r="321513" spans="14:14">
      <c r="N321513" s="10"/>
    </row>
    <row r="321514" spans="14:14">
      <c r="N321514" s="10"/>
    </row>
    <row r="321515" spans="14:14">
      <c r="N321515" s="10"/>
    </row>
    <row r="321516" spans="14:14">
      <c r="N321516" s="10"/>
    </row>
    <row r="321517" spans="14:14">
      <c r="N321517" s="10"/>
    </row>
    <row r="321518" spans="14:14">
      <c r="N321518" s="10"/>
    </row>
    <row r="321519" spans="14:14">
      <c r="N321519" s="10"/>
    </row>
    <row r="321520" spans="14:14">
      <c r="N321520" s="10"/>
    </row>
    <row r="321521" spans="14:14">
      <c r="N321521" s="10"/>
    </row>
    <row r="321522" spans="14:14">
      <c r="N321522" s="10"/>
    </row>
    <row r="321523" spans="14:14">
      <c r="N321523" s="10"/>
    </row>
    <row r="321524" spans="14:14">
      <c r="N321524" s="10"/>
    </row>
    <row r="321525" spans="14:14">
      <c r="N321525" s="10"/>
    </row>
    <row r="321526" spans="14:14">
      <c r="N321526" s="10"/>
    </row>
    <row r="321527" spans="14:14">
      <c r="N321527" s="10"/>
    </row>
    <row r="321528" spans="14:14">
      <c r="N321528" s="10"/>
    </row>
    <row r="321529" spans="14:14">
      <c r="N321529" s="10"/>
    </row>
    <row r="321530" spans="14:14">
      <c r="N321530" s="10"/>
    </row>
    <row r="321531" spans="14:14">
      <c r="N321531" s="10"/>
    </row>
    <row r="321532" spans="14:14">
      <c r="N321532" s="10"/>
    </row>
    <row r="321533" spans="14:14">
      <c r="N321533" s="10"/>
    </row>
    <row r="321534" spans="14:14">
      <c r="N321534" s="10"/>
    </row>
    <row r="321535" spans="14:14">
      <c r="N321535" s="10"/>
    </row>
    <row r="321536" spans="14:14">
      <c r="N321536" s="10"/>
    </row>
    <row r="321537" spans="14:14">
      <c r="N321537" s="10"/>
    </row>
    <row r="321538" spans="14:14">
      <c r="N321538" s="10"/>
    </row>
    <row r="321539" spans="14:14">
      <c r="N321539" s="10"/>
    </row>
    <row r="321540" spans="14:14">
      <c r="N321540" s="10"/>
    </row>
    <row r="321541" spans="14:14">
      <c r="N321541" s="10"/>
    </row>
    <row r="321542" spans="14:14">
      <c r="N321542" s="10"/>
    </row>
    <row r="321543" spans="14:14">
      <c r="N321543" s="10"/>
    </row>
    <row r="321544" spans="14:14">
      <c r="N321544" s="10"/>
    </row>
    <row r="321545" spans="14:14">
      <c r="N321545" s="10"/>
    </row>
    <row r="321546" spans="14:14">
      <c r="N321546" s="10"/>
    </row>
    <row r="321547" spans="14:14">
      <c r="N321547" s="10"/>
    </row>
    <row r="321548" spans="14:14">
      <c r="N321548" s="10"/>
    </row>
    <row r="321549" spans="14:14">
      <c r="N321549" s="10"/>
    </row>
    <row r="321550" spans="14:14">
      <c r="N321550" s="10"/>
    </row>
    <row r="321551" spans="14:14">
      <c r="N321551" s="10"/>
    </row>
    <row r="321552" spans="14:14">
      <c r="N321552" s="10"/>
    </row>
    <row r="321553" spans="14:14">
      <c r="N321553" s="10"/>
    </row>
    <row r="321554" spans="14:14">
      <c r="N321554" s="10"/>
    </row>
    <row r="321555" spans="14:14">
      <c r="N321555" s="10"/>
    </row>
    <row r="321556" spans="14:14">
      <c r="N321556" s="10"/>
    </row>
    <row r="321557" spans="14:14">
      <c r="N321557" s="10"/>
    </row>
    <row r="321558" spans="14:14">
      <c r="N321558" s="10"/>
    </row>
    <row r="321559" spans="14:14">
      <c r="N321559" s="10"/>
    </row>
    <row r="321560" spans="14:14">
      <c r="N321560" s="10"/>
    </row>
    <row r="321561" spans="14:14">
      <c r="N321561" s="10"/>
    </row>
    <row r="321562" spans="14:14">
      <c r="N321562" s="10"/>
    </row>
    <row r="321563" spans="14:14">
      <c r="N321563" s="10"/>
    </row>
    <row r="321564" spans="14:14">
      <c r="N321564" s="10"/>
    </row>
    <row r="321565" spans="14:14">
      <c r="N321565" s="10"/>
    </row>
    <row r="321566" spans="14:14">
      <c r="N321566" s="10"/>
    </row>
    <row r="321567" spans="14:14">
      <c r="N321567" s="10"/>
    </row>
    <row r="321568" spans="14:14">
      <c r="N321568" s="10"/>
    </row>
    <row r="321569" spans="14:14">
      <c r="N321569" s="10"/>
    </row>
    <row r="321570" spans="14:14">
      <c r="N321570" s="10"/>
    </row>
    <row r="321571" spans="14:14">
      <c r="N321571" s="10"/>
    </row>
    <row r="321572" spans="14:14">
      <c r="N321572" s="10"/>
    </row>
    <row r="321573" spans="14:14">
      <c r="N321573" s="10"/>
    </row>
    <row r="321574" spans="14:14">
      <c r="N321574" s="10"/>
    </row>
    <row r="321575" spans="14:14">
      <c r="N321575" s="10"/>
    </row>
    <row r="321576" spans="14:14">
      <c r="N321576" s="10"/>
    </row>
    <row r="321577" spans="14:14">
      <c r="N321577" s="10"/>
    </row>
    <row r="321578" spans="14:14">
      <c r="N321578" s="10"/>
    </row>
    <row r="321579" spans="14:14">
      <c r="N321579" s="10"/>
    </row>
    <row r="321580" spans="14:14">
      <c r="N321580" s="10"/>
    </row>
    <row r="321581" spans="14:14">
      <c r="N321581" s="10"/>
    </row>
    <row r="321582" spans="14:14">
      <c r="N321582" s="10"/>
    </row>
    <row r="321583" spans="14:14">
      <c r="N321583" s="10"/>
    </row>
    <row r="321584" spans="14:14">
      <c r="N321584" s="10"/>
    </row>
    <row r="321585" spans="14:14">
      <c r="N321585" s="10"/>
    </row>
    <row r="321586" spans="14:14">
      <c r="N321586" s="10"/>
    </row>
    <row r="321587" spans="14:14">
      <c r="N321587" s="10"/>
    </row>
    <row r="321588" spans="14:14">
      <c r="N321588" s="10"/>
    </row>
    <row r="321589" spans="14:14">
      <c r="N321589" s="10"/>
    </row>
    <row r="321590" spans="14:14">
      <c r="N321590" s="10"/>
    </row>
    <row r="321591" spans="14:14">
      <c r="N321591" s="10"/>
    </row>
    <row r="321592" spans="14:14">
      <c r="N321592" s="10"/>
    </row>
    <row r="321593" spans="14:14">
      <c r="N321593" s="10"/>
    </row>
    <row r="321594" spans="14:14">
      <c r="N321594" s="10"/>
    </row>
    <row r="321595" spans="14:14">
      <c r="N321595" s="10"/>
    </row>
    <row r="321596" spans="14:14">
      <c r="N321596" s="10"/>
    </row>
    <row r="321597" spans="14:14">
      <c r="N321597" s="10"/>
    </row>
    <row r="321598" spans="14:14">
      <c r="N321598" s="10"/>
    </row>
    <row r="321599" spans="14:14">
      <c r="N321599" s="10"/>
    </row>
    <row r="321600" spans="14:14">
      <c r="N321600" s="10"/>
    </row>
    <row r="321601" spans="14:14">
      <c r="N321601" s="10"/>
    </row>
    <row r="321602" spans="14:14">
      <c r="N321602" s="10"/>
    </row>
    <row r="321603" spans="14:14">
      <c r="N321603" s="10"/>
    </row>
    <row r="321604" spans="14:14">
      <c r="N321604" s="10"/>
    </row>
    <row r="321605" spans="14:14">
      <c r="N321605" s="10"/>
    </row>
    <row r="321606" spans="14:14">
      <c r="N321606" s="10"/>
    </row>
    <row r="321607" spans="14:14">
      <c r="N321607" s="10"/>
    </row>
    <row r="321608" spans="14:14">
      <c r="N321608" s="10"/>
    </row>
    <row r="321609" spans="14:14">
      <c r="N321609" s="10"/>
    </row>
    <row r="321610" spans="14:14">
      <c r="N321610" s="10"/>
    </row>
    <row r="321611" spans="14:14">
      <c r="N321611" s="10"/>
    </row>
    <row r="321612" spans="14:14">
      <c r="N321612" s="10"/>
    </row>
    <row r="321613" spans="14:14">
      <c r="N321613" s="10"/>
    </row>
    <row r="321614" spans="14:14">
      <c r="N321614" s="10"/>
    </row>
    <row r="321615" spans="14:14">
      <c r="N321615" s="10"/>
    </row>
    <row r="321616" spans="14:14">
      <c r="N321616" s="10"/>
    </row>
    <row r="321617" spans="14:14">
      <c r="N321617" s="10"/>
    </row>
    <row r="321618" spans="14:14">
      <c r="N321618" s="10"/>
    </row>
    <row r="321619" spans="14:14">
      <c r="N321619" s="10"/>
    </row>
    <row r="321620" spans="14:14">
      <c r="N321620" s="10"/>
    </row>
    <row r="321621" spans="14:14">
      <c r="N321621" s="10"/>
    </row>
    <row r="321622" spans="14:14">
      <c r="N321622" s="10"/>
    </row>
    <row r="321623" spans="14:14">
      <c r="N321623" s="10"/>
    </row>
    <row r="321624" spans="14:14">
      <c r="N321624" s="10"/>
    </row>
    <row r="321625" spans="14:14">
      <c r="N321625" s="10"/>
    </row>
    <row r="321626" spans="14:14">
      <c r="N321626" s="10"/>
    </row>
    <row r="321627" spans="14:14">
      <c r="N321627" s="10"/>
    </row>
    <row r="321628" spans="14:14">
      <c r="N321628" s="10"/>
    </row>
    <row r="321629" spans="14:14">
      <c r="N321629" s="10"/>
    </row>
    <row r="321630" spans="14:14">
      <c r="N321630" s="10"/>
    </row>
    <row r="321631" spans="14:14">
      <c r="N321631" s="10"/>
    </row>
    <row r="321632" spans="14:14">
      <c r="N321632" s="10"/>
    </row>
    <row r="321633" spans="14:14">
      <c r="N321633" s="10"/>
    </row>
    <row r="321634" spans="14:14">
      <c r="N321634" s="10"/>
    </row>
    <row r="321635" spans="14:14">
      <c r="N321635" s="10"/>
    </row>
    <row r="321636" spans="14:14">
      <c r="N321636" s="10"/>
    </row>
    <row r="321637" spans="14:14">
      <c r="N321637" s="10"/>
    </row>
    <row r="321638" spans="14:14">
      <c r="N321638" s="10"/>
    </row>
    <row r="321639" spans="14:14">
      <c r="N321639" s="10"/>
    </row>
    <row r="321640" spans="14:14">
      <c r="N321640" s="10"/>
    </row>
    <row r="321641" spans="14:14">
      <c r="N321641" s="10"/>
    </row>
    <row r="321642" spans="14:14">
      <c r="N321642" s="10"/>
    </row>
    <row r="321643" spans="14:14">
      <c r="N321643" s="10"/>
    </row>
    <row r="321644" spans="14:14">
      <c r="N321644" s="10"/>
    </row>
    <row r="321645" spans="14:14">
      <c r="N321645" s="10"/>
    </row>
    <row r="321646" spans="14:14">
      <c r="N321646" s="10"/>
    </row>
    <row r="321647" spans="14:14">
      <c r="N321647" s="10"/>
    </row>
    <row r="321648" spans="14:14">
      <c r="N321648" s="10"/>
    </row>
    <row r="321649" spans="14:14">
      <c r="N321649" s="10"/>
    </row>
    <row r="321650" spans="14:14">
      <c r="N321650" s="10"/>
    </row>
    <row r="321651" spans="14:14">
      <c r="N321651" s="10"/>
    </row>
    <row r="321652" spans="14:14">
      <c r="N321652" s="10"/>
    </row>
    <row r="321653" spans="14:14">
      <c r="N321653" s="10"/>
    </row>
    <row r="321654" spans="14:14">
      <c r="N321654" s="10"/>
    </row>
    <row r="321655" spans="14:14">
      <c r="N321655" s="10"/>
    </row>
    <row r="321656" spans="14:14">
      <c r="N321656" s="10"/>
    </row>
    <row r="321657" spans="14:14">
      <c r="N321657" s="10"/>
    </row>
    <row r="321658" spans="14:14">
      <c r="N321658" s="10"/>
    </row>
    <row r="321659" spans="14:14">
      <c r="N321659" s="10"/>
    </row>
    <row r="321660" spans="14:14">
      <c r="N321660" s="10"/>
    </row>
    <row r="321661" spans="14:14">
      <c r="N321661" s="10"/>
    </row>
    <row r="321662" spans="14:14">
      <c r="N321662" s="10"/>
    </row>
    <row r="321663" spans="14:14">
      <c r="N321663" s="10"/>
    </row>
    <row r="321664" spans="14:14">
      <c r="N321664" s="10"/>
    </row>
    <row r="321665" spans="14:14">
      <c r="N321665" s="10"/>
    </row>
    <row r="321666" spans="14:14">
      <c r="N321666" s="10"/>
    </row>
    <row r="321667" spans="14:14">
      <c r="N321667" s="10"/>
    </row>
    <row r="321668" spans="14:14">
      <c r="N321668" s="10"/>
    </row>
    <row r="321669" spans="14:14">
      <c r="N321669" s="10"/>
    </row>
    <row r="321670" spans="14:14">
      <c r="N321670" s="10"/>
    </row>
    <row r="321671" spans="14:14">
      <c r="N321671" s="10"/>
    </row>
    <row r="321672" spans="14:14">
      <c r="N321672" s="10"/>
    </row>
    <row r="321673" spans="14:14">
      <c r="N321673" s="10"/>
    </row>
    <row r="321674" spans="14:14">
      <c r="N321674" s="10"/>
    </row>
    <row r="321675" spans="14:14">
      <c r="N321675" s="10"/>
    </row>
    <row r="321676" spans="14:14">
      <c r="N321676" s="10"/>
    </row>
    <row r="321677" spans="14:14">
      <c r="N321677" s="10"/>
    </row>
    <row r="321678" spans="14:14">
      <c r="N321678" s="10"/>
    </row>
    <row r="321679" spans="14:14">
      <c r="N321679" s="10"/>
    </row>
    <row r="321680" spans="14:14">
      <c r="N321680" s="10"/>
    </row>
    <row r="321681" spans="14:14">
      <c r="N321681" s="10"/>
    </row>
    <row r="321682" spans="14:14">
      <c r="N321682" s="10"/>
    </row>
    <row r="321683" spans="14:14">
      <c r="N321683" s="10"/>
    </row>
    <row r="321684" spans="14:14">
      <c r="N321684" s="10"/>
    </row>
    <row r="321685" spans="14:14">
      <c r="N321685" s="10"/>
    </row>
    <row r="321686" spans="14:14">
      <c r="N321686" s="10"/>
    </row>
    <row r="321687" spans="14:14">
      <c r="N321687" s="10"/>
    </row>
    <row r="321688" spans="14:14">
      <c r="N321688" s="10"/>
    </row>
    <row r="321689" spans="14:14">
      <c r="N321689" s="10"/>
    </row>
    <row r="321690" spans="14:14">
      <c r="N321690" s="10"/>
    </row>
    <row r="321691" spans="14:14">
      <c r="N321691" s="10"/>
    </row>
    <row r="321692" spans="14:14">
      <c r="N321692" s="10"/>
    </row>
    <row r="321693" spans="14:14">
      <c r="N321693" s="10"/>
    </row>
    <row r="321694" spans="14:14">
      <c r="N321694" s="10"/>
    </row>
    <row r="321695" spans="14:14">
      <c r="N321695" s="10"/>
    </row>
    <row r="321696" spans="14:14">
      <c r="N321696" s="10"/>
    </row>
    <row r="321697" spans="14:14">
      <c r="N321697" s="10"/>
    </row>
    <row r="321698" spans="14:14">
      <c r="N321698" s="10"/>
    </row>
    <row r="321699" spans="14:14">
      <c r="N321699" s="10"/>
    </row>
    <row r="321700" spans="14:14">
      <c r="N321700" s="10"/>
    </row>
    <row r="321701" spans="14:14">
      <c r="N321701" s="10"/>
    </row>
    <row r="321702" spans="14:14">
      <c r="N321702" s="10"/>
    </row>
    <row r="321703" spans="14:14">
      <c r="N321703" s="10"/>
    </row>
    <row r="321704" spans="14:14">
      <c r="N321704" s="10"/>
    </row>
    <row r="321705" spans="14:14">
      <c r="N321705" s="10"/>
    </row>
    <row r="321706" spans="14:14">
      <c r="N321706" s="10"/>
    </row>
    <row r="321707" spans="14:14">
      <c r="N321707" s="10"/>
    </row>
    <row r="321708" spans="14:14">
      <c r="N321708" s="10"/>
    </row>
    <row r="321709" spans="14:14">
      <c r="N321709" s="10"/>
    </row>
    <row r="321710" spans="14:14">
      <c r="N321710" s="10"/>
    </row>
    <row r="321711" spans="14:14">
      <c r="N321711" s="10"/>
    </row>
    <row r="321712" spans="14:14">
      <c r="N321712" s="10"/>
    </row>
    <row r="321713" spans="14:14">
      <c r="N321713" s="10"/>
    </row>
    <row r="321714" spans="14:14">
      <c r="N321714" s="10"/>
    </row>
    <row r="321715" spans="14:14">
      <c r="N321715" s="10"/>
    </row>
    <row r="321716" spans="14:14">
      <c r="N321716" s="10"/>
    </row>
    <row r="321717" spans="14:14">
      <c r="N321717" s="10"/>
    </row>
    <row r="321718" spans="14:14">
      <c r="N321718" s="10"/>
    </row>
    <row r="321719" spans="14:14">
      <c r="N321719" s="10"/>
    </row>
    <row r="321720" spans="14:14">
      <c r="N321720" s="10"/>
    </row>
    <row r="321721" spans="14:14">
      <c r="N321721" s="10"/>
    </row>
    <row r="321722" spans="14:14">
      <c r="N321722" s="10"/>
    </row>
    <row r="321723" spans="14:14">
      <c r="N321723" s="10"/>
    </row>
    <row r="321724" spans="14:14">
      <c r="N321724" s="10"/>
    </row>
    <row r="321725" spans="14:14">
      <c r="N321725" s="10"/>
    </row>
    <row r="321726" spans="14:14">
      <c r="N321726" s="10"/>
    </row>
    <row r="321727" spans="14:14">
      <c r="N321727" s="10"/>
    </row>
    <row r="321728" spans="14:14">
      <c r="N321728" s="10"/>
    </row>
    <row r="321729" spans="14:14">
      <c r="N321729" s="10"/>
    </row>
    <row r="321730" spans="14:14">
      <c r="N321730" s="10"/>
    </row>
    <row r="321731" spans="14:14">
      <c r="N321731" s="10"/>
    </row>
    <row r="321732" spans="14:14">
      <c r="N321732" s="10"/>
    </row>
    <row r="321733" spans="14:14">
      <c r="N321733" s="10"/>
    </row>
    <row r="321734" spans="14:14">
      <c r="N321734" s="10"/>
    </row>
    <row r="321735" spans="14:14">
      <c r="N321735" s="10"/>
    </row>
    <row r="321736" spans="14:14">
      <c r="N321736" s="10"/>
    </row>
    <row r="321737" spans="14:14">
      <c r="N321737" s="10"/>
    </row>
    <row r="321738" spans="14:14">
      <c r="N321738" s="10"/>
    </row>
    <row r="321739" spans="14:14">
      <c r="N321739" s="10"/>
    </row>
    <row r="321740" spans="14:14">
      <c r="N321740" s="10"/>
    </row>
    <row r="321741" spans="14:14">
      <c r="N321741" s="10"/>
    </row>
    <row r="321742" spans="14:14">
      <c r="N321742" s="10"/>
    </row>
    <row r="321743" spans="14:14">
      <c r="N321743" s="10"/>
    </row>
    <row r="321744" spans="14:14">
      <c r="N321744" s="10"/>
    </row>
    <row r="321745" spans="14:14">
      <c r="N321745" s="10"/>
    </row>
    <row r="321746" spans="14:14">
      <c r="N321746" s="10"/>
    </row>
    <row r="321747" spans="14:14">
      <c r="N321747" s="10"/>
    </row>
    <row r="321748" spans="14:14">
      <c r="N321748" s="10"/>
    </row>
    <row r="321749" spans="14:14">
      <c r="N321749" s="10"/>
    </row>
    <row r="321750" spans="14:14">
      <c r="N321750" s="10"/>
    </row>
    <row r="321751" spans="14:14">
      <c r="N321751" s="10"/>
    </row>
    <row r="321752" spans="14:14">
      <c r="N321752" s="10"/>
    </row>
    <row r="321753" spans="14:14">
      <c r="N321753" s="10"/>
    </row>
    <row r="321754" spans="14:14">
      <c r="N321754" s="10"/>
    </row>
    <row r="321755" spans="14:14">
      <c r="N321755" s="10"/>
    </row>
    <row r="321756" spans="14:14">
      <c r="N321756" s="10"/>
    </row>
    <row r="321757" spans="14:14">
      <c r="N321757" s="10"/>
    </row>
    <row r="321758" spans="14:14">
      <c r="N321758" s="10"/>
    </row>
    <row r="321759" spans="14:14">
      <c r="N321759" s="10"/>
    </row>
    <row r="321760" spans="14:14">
      <c r="N321760" s="10"/>
    </row>
    <row r="321761" spans="14:14">
      <c r="N321761" s="10"/>
    </row>
    <row r="321762" spans="14:14">
      <c r="N321762" s="10"/>
    </row>
    <row r="321763" spans="14:14">
      <c r="N321763" s="10"/>
    </row>
    <row r="321764" spans="14:14">
      <c r="N321764" s="10"/>
    </row>
    <row r="321765" spans="14:14">
      <c r="N321765" s="10"/>
    </row>
    <row r="321766" spans="14:14">
      <c r="N321766" s="10"/>
    </row>
    <row r="321767" spans="14:14">
      <c r="N321767" s="10"/>
    </row>
    <row r="321768" spans="14:14">
      <c r="N321768" s="10"/>
    </row>
    <row r="321769" spans="14:14">
      <c r="N321769" s="10"/>
    </row>
    <row r="321770" spans="14:14">
      <c r="N321770" s="10"/>
    </row>
    <row r="321771" spans="14:14">
      <c r="N321771" s="10"/>
    </row>
    <row r="321772" spans="14:14">
      <c r="N321772" s="10"/>
    </row>
    <row r="321773" spans="14:14">
      <c r="N321773" s="10"/>
    </row>
    <row r="321774" spans="14:14">
      <c r="N321774" s="10"/>
    </row>
    <row r="321775" spans="14:14">
      <c r="N321775" s="10"/>
    </row>
    <row r="321776" spans="14:14">
      <c r="N321776" s="10"/>
    </row>
    <row r="321777" spans="14:14">
      <c r="N321777" s="10"/>
    </row>
    <row r="321778" spans="14:14">
      <c r="N321778" s="10"/>
    </row>
    <row r="321779" spans="14:14">
      <c r="N321779" s="10"/>
    </row>
    <row r="321780" spans="14:14">
      <c r="N321780" s="10"/>
    </row>
    <row r="321781" spans="14:14">
      <c r="N321781" s="10"/>
    </row>
    <row r="321782" spans="14:14">
      <c r="N321782" s="10"/>
    </row>
    <row r="321783" spans="14:14">
      <c r="N321783" s="10"/>
    </row>
    <row r="321784" spans="14:14">
      <c r="N321784" s="10"/>
    </row>
    <row r="321785" spans="14:14">
      <c r="N321785" s="10"/>
    </row>
    <row r="321786" spans="14:14">
      <c r="N321786" s="10"/>
    </row>
    <row r="321787" spans="14:14">
      <c r="N321787" s="10"/>
    </row>
    <row r="321788" spans="14:14">
      <c r="N321788" s="10"/>
    </row>
    <row r="321789" spans="14:14">
      <c r="N321789" s="10"/>
    </row>
    <row r="321790" spans="14:14">
      <c r="N321790" s="10"/>
    </row>
    <row r="321791" spans="14:14">
      <c r="N321791" s="10"/>
    </row>
    <row r="321792" spans="14:14">
      <c r="N321792" s="10"/>
    </row>
    <row r="321793" spans="14:14">
      <c r="N321793" s="10"/>
    </row>
    <row r="321794" spans="14:14">
      <c r="N321794" s="10"/>
    </row>
    <row r="321795" spans="14:14">
      <c r="N321795" s="10"/>
    </row>
    <row r="321796" spans="14:14">
      <c r="N321796" s="10"/>
    </row>
    <row r="321797" spans="14:14">
      <c r="N321797" s="10"/>
    </row>
    <row r="321798" spans="14:14">
      <c r="N321798" s="10"/>
    </row>
    <row r="321799" spans="14:14">
      <c r="N321799" s="10"/>
    </row>
    <row r="321800" spans="14:14">
      <c r="N321800" s="10"/>
    </row>
    <row r="321801" spans="14:14">
      <c r="N321801" s="10"/>
    </row>
    <row r="321802" spans="14:14">
      <c r="N321802" s="10"/>
    </row>
    <row r="321803" spans="14:14">
      <c r="N321803" s="10"/>
    </row>
    <row r="321804" spans="14:14">
      <c r="N321804" s="10"/>
    </row>
    <row r="321805" spans="14:14">
      <c r="N321805" s="10"/>
    </row>
    <row r="321806" spans="14:14">
      <c r="N321806" s="10"/>
    </row>
    <row r="321807" spans="14:14">
      <c r="N321807" s="10"/>
    </row>
    <row r="321808" spans="14:14">
      <c r="N321808" s="10"/>
    </row>
    <row r="321809" spans="14:14">
      <c r="N321809" s="10"/>
    </row>
    <row r="321810" spans="14:14">
      <c r="N321810" s="10"/>
    </row>
    <row r="321811" spans="14:14">
      <c r="N321811" s="10"/>
    </row>
    <row r="321812" spans="14:14">
      <c r="N321812" s="10"/>
    </row>
    <row r="321813" spans="14:14">
      <c r="N321813" s="10"/>
    </row>
    <row r="321814" spans="14:14">
      <c r="N321814" s="10"/>
    </row>
    <row r="321815" spans="14:14">
      <c r="N321815" s="10"/>
    </row>
    <row r="321816" spans="14:14">
      <c r="N321816" s="10"/>
    </row>
    <row r="321817" spans="14:14">
      <c r="N321817" s="10"/>
    </row>
    <row r="321818" spans="14:14">
      <c r="N321818" s="10"/>
    </row>
    <row r="321819" spans="14:14">
      <c r="N321819" s="10"/>
    </row>
    <row r="321820" spans="14:14">
      <c r="N321820" s="10"/>
    </row>
    <row r="321821" spans="14:14">
      <c r="N321821" s="10"/>
    </row>
    <row r="321822" spans="14:14">
      <c r="N321822" s="10"/>
    </row>
    <row r="321823" spans="14:14">
      <c r="N321823" s="10"/>
    </row>
    <row r="321824" spans="14:14">
      <c r="N321824" s="10"/>
    </row>
    <row r="321825" spans="14:14">
      <c r="N321825" s="10"/>
    </row>
    <row r="321826" spans="14:14">
      <c r="N321826" s="10"/>
    </row>
    <row r="321827" spans="14:14">
      <c r="N321827" s="10"/>
    </row>
    <row r="321828" spans="14:14">
      <c r="N321828" s="10"/>
    </row>
    <row r="321829" spans="14:14">
      <c r="N321829" s="10"/>
    </row>
    <row r="321830" spans="14:14">
      <c r="N321830" s="10"/>
    </row>
    <row r="321831" spans="14:14">
      <c r="N321831" s="10"/>
    </row>
    <row r="321832" spans="14:14">
      <c r="N321832" s="10"/>
    </row>
    <row r="321833" spans="14:14">
      <c r="N321833" s="10"/>
    </row>
    <row r="321834" spans="14:14">
      <c r="N321834" s="10"/>
    </row>
    <row r="321835" spans="14:14">
      <c r="N321835" s="10"/>
    </row>
    <row r="321836" spans="14:14">
      <c r="N321836" s="10"/>
    </row>
    <row r="321837" spans="14:14">
      <c r="N321837" s="10"/>
    </row>
    <row r="321838" spans="14:14">
      <c r="N321838" s="10"/>
    </row>
    <row r="321839" spans="14:14">
      <c r="N321839" s="10"/>
    </row>
    <row r="321840" spans="14:14">
      <c r="N321840" s="10"/>
    </row>
    <row r="321841" spans="14:14">
      <c r="N321841" s="10"/>
    </row>
    <row r="321842" spans="14:14">
      <c r="N321842" s="10"/>
    </row>
    <row r="321843" spans="14:14">
      <c r="N321843" s="10"/>
    </row>
    <row r="321844" spans="14:14">
      <c r="N321844" s="10"/>
    </row>
    <row r="321845" spans="14:14">
      <c r="N321845" s="10"/>
    </row>
    <row r="321846" spans="14:14">
      <c r="N321846" s="10"/>
    </row>
    <row r="321847" spans="14:14">
      <c r="N321847" s="10"/>
    </row>
    <row r="321848" spans="14:14">
      <c r="N321848" s="10"/>
    </row>
    <row r="321849" spans="14:14">
      <c r="N321849" s="10"/>
    </row>
    <row r="321850" spans="14:14">
      <c r="N321850" s="10"/>
    </row>
    <row r="321851" spans="14:14">
      <c r="N321851" s="10"/>
    </row>
    <row r="321852" spans="14:14">
      <c r="N321852" s="10"/>
    </row>
    <row r="321853" spans="14:14">
      <c r="N321853" s="10"/>
    </row>
    <row r="321854" spans="14:14">
      <c r="N321854" s="10"/>
    </row>
    <row r="321855" spans="14:14">
      <c r="N321855" s="10"/>
    </row>
    <row r="321856" spans="14:14">
      <c r="N321856" s="10"/>
    </row>
    <row r="321857" spans="14:14">
      <c r="N321857" s="10"/>
    </row>
    <row r="321858" spans="14:14">
      <c r="N321858" s="10"/>
    </row>
    <row r="321859" spans="14:14">
      <c r="N321859" s="10"/>
    </row>
    <row r="321860" spans="14:14">
      <c r="N321860" s="10"/>
    </row>
    <row r="321861" spans="14:14">
      <c r="N321861" s="10"/>
    </row>
    <row r="321862" spans="14:14">
      <c r="N321862" s="10"/>
    </row>
    <row r="321863" spans="14:14">
      <c r="N321863" s="10"/>
    </row>
    <row r="321864" spans="14:14">
      <c r="N321864" s="10"/>
    </row>
    <row r="321865" spans="14:14">
      <c r="N321865" s="10"/>
    </row>
    <row r="321866" spans="14:14">
      <c r="N321866" s="10"/>
    </row>
    <row r="321867" spans="14:14">
      <c r="N321867" s="10"/>
    </row>
    <row r="321868" spans="14:14">
      <c r="N321868" s="10"/>
    </row>
    <row r="321869" spans="14:14">
      <c r="N321869" s="10"/>
    </row>
    <row r="321870" spans="14:14">
      <c r="N321870" s="10"/>
    </row>
    <row r="321871" spans="14:14">
      <c r="N321871" s="10"/>
    </row>
    <row r="321872" spans="14:14">
      <c r="N321872" s="10"/>
    </row>
    <row r="321873" spans="14:14">
      <c r="N321873" s="10"/>
    </row>
    <row r="321874" spans="14:14">
      <c r="N321874" s="10"/>
    </row>
    <row r="321875" spans="14:14">
      <c r="N321875" s="10"/>
    </row>
    <row r="321876" spans="14:14">
      <c r="N321876" s="10"/>
    </row>
    <row r="321877" spans="14:14">
      <c r="N321877" s="10"/>
    </row>
    <row r="321878" spans="14:14">
      <c r="N321878" s="10"/>
    </row>
    <row r="321879" spans="14:14">
      <c r="N321879" s="10"/>
    </row>
    <row r="321880" spans="14:14">
      <c r="N321880" s="10"/>
    </row>
    <row r="321881" spans="14:14">
      <c r="N321881" s="10"/>
    </row>
    <row r="321882" spans="14:14">
      <c r="N321882" s="10"/>
    </row>
    <row r="321883" spans="14:14">
      <c r="N321883" s="10"/>
    </row>
    <row r="321884" spans="14:14">
      <c r="N321884" s="10"/>
    </row>
    <row r="321885" spans="14:14">
      <c r="N321885" s="10"/>
    </row>
    <row r="321886" spans="14:14">
      <c r="N321886" s="10"/>
    </row>
    <row r="321887" spans="14:14">
      <c r="N321887" s="10"/>
    </row>
    <row r="321888" spans="14:14">
      <c r="N321888" s="10"/>
    </row>
    <row r="321889" spans="14:14">
      <c r="N321889" s="10"/>
    </row>
    <row r="321890" spans="14:14">
      <c r="N321890" s="10"/>
    </row>
    <row r="321891" spans="14:14">
      <c r="N321891" s="10"/>
    </row>
    <row r="321892" spans="14:14">
      <c r="N321892" s="10"/>
    </row>
    <row r="321893" spans="14:14">
      <c r="N321893" s="10"/>
    </row>
    <row r="321894" spans="14:14">
      <c r="N321894" s="10"/>
    </row>
    <row r="321895" spans="14:14">
      <c r="N321895" s="10"/>
    </row>
    <row r="321896" spans="14:14">
      <c r="N321896" s="10"/>
    </row>
    <row r="321897" spans="14:14">
      <c r="N321897" s="10"/>
    </row>
    <row r="321898" spans="14:14">
      <c r="N321898" s="10"/>
    </row>
    <row r="321899" spans="14:14">
      <c r="N321899" s="10"/>
    </row>
    <row r="321900" spans="14:14">
      <c r="N321900" s="10"/>
    </row>
    <row r="321901" spans="14:14">
      <c r="N321901" s="10"/>
    </row>
    <row r="321902" spans="14:14">
      <c r="N321902" s="10"/>
    </row>
    <row r="321903" spans="14:14">
      <c r="N321903" s="10"/>
    </row>
    <row r="321904" spans="14:14">
      <c r="N321904" s="10"/>
    </row>
    <row r="321905" spans="14:14">
      <c r="N321905" s="10"/>
    </row>
    <row r="321906" spans="14:14">
      <c r="N321906" s="10"/>
    </row>
    <row r="321907" spans="14:14">
      <c r="N321907" s="10"/>
    </row>
    <row r="321908" spans="14:14">
      <c r="N321908" s="10"/>
    </row>
    <row r="321909" spans="14:14">
      <c r="N321909" s="10"/>
    </row>
    <row r="321910" spans="14:14">
      <c r="N321910" s="10"/>
    </row>
    <row r="321911" spans="14:14">
      <c r="N321911" s="10"/>
    </row>
    <row r="321912" spans="14:14">
      <c r="N321912" s="10"/>
    </row>
    <row r="321913" spans="14:14">
      <c r="N321913" s="10"/>
    </row>
    <row r="321914" spans="14:14">
      <c r="N321914" s="10"/>
    </row>
    <row r="321915" spans="14:14">
      <c r="N321915" s="10"/>
    </row>
    <row r="321916" spans="14:14">
      <c r="N321916" s="10"/>
    </row>
    <row r="321917" spans="14:14">
      <c r="N321917" s="10"/>
    </row>
    <row r="321918" spans="14:14">
      <c r="N321918" s="10"/>
    </row>
    <row r="321919" spans="14:14">
      <c r="N321919" s="10"/>
    </row>
    <row r="321920" spans="14:14">
      <c r="N321920" s="10"/>
    </row>
    <row r="321921" spans="14:14">
      <c r="N321921" s="10"/>
    </row>
    <row r="321922" spans="14:14">
      <c r="N321922" s="10"/>
    </row>
    <row r="321923" spans="14:14">
      <c r="N321923" s="10"/>
    </row>
    <row r="321924" spans="14:14">
      <c r="N321924" s="10"/>
    </row>
    <row r="321925" spans="14:14">
      <c r="N321925" s="10"/>
    </row>
    <row r="321926" spans="14:14">
      <c r="N321926" s="10"/>
    </row>
    <row r="321927" spans="14:14">
      <c r="N321927" s="10"/>
    </row>
    <row r="321928" spans="14:14">
      <c r="N321928" s="10"/>
    </row>
    <row r="321929" spans="14:14">
      <c r="N321929" s="10"/>
    </row>
    <row r="321930" spans="14:14">
      <c r="N321930" s="10"/>
    </row>
    <row r="321931" spans="14:14">
      <c r="N321931" s="10"/>
    </row>
    <row r="321932" spans="14:14">
      <c r="N321932" s="10"/>
    </row>
    <row r="321933" spans="14:14">
      <c r="N321933" s="10"/>
    </row>
    <row r="321934" spans="14:14">
      <c r="N321934" s="10"/>
    </row>
    <row r="321935" spans="14:14">
      <c r="N321935" s="10"/>
    </row>
    <row r="321936" spans="14:14">
      <c r="N321936" s="10"/>
    </row>
    <row r="321937" spans="14:14">
      <c r="N321937" s="10"/>
    </row>
    <row r="321938" spans="14:14">
      <c r="N321938" s="10"/>
    </row>
    <row r="321939" spans="14:14">
      <c r="N321939" s="10"/>
    </row>
    <row r="321940" spans="14:14">
      <c r="N321940" s="10"/>
    </row>
    <row r="321941" spans="14:14">
      <c r="N321941" s="10"/>
    </row>
    <row r="321942" spans="14:14">
      <c r="N321942" s="10"/>
    </row>
    <row r="321943" spans="14:14">
      <c r="N321943" s="10"/>
    </row>
    <row r="321944" spans="14:14">
      <c r="N321944" s="10"/>
    </row>
    <row r="321945" spans="14:14">
      <c r="N321945" s="10"/>
    </row>
    <row r="321946" spans="14:14">
      <c r="N321946" s="10"/>
    </row>
    <row r="321947" spans="14:14">
      <c r="N321947" s="10"/>
    </row>
    <row r="321948" spans="14:14">
      <c r="N321948" s="10"/>
    </row>
    <row r="321949" spans="14:14">
      <c r="N321949" s="10"/>
    </row>
    <row r="321950" spans="14:14">
      <c r="N321950" s="10"/>
    </row>
    <row r="321951" spans="14:14">
      <c r="N321951" s="10"/>
    </row>
    <row r="321952" spans="14:14">
      <c r="N321952" s="10"/>
    </row>
    <row r="321953" spans="14:14">
      <c r="N321953" s="10"/>
    </row>
    <row r="321954" spans="14:14">
      <c r="N321954" s="10"/>
    </row>
    <row r="321955" spans="14:14">
      <c r="N321955" s="10"/>
    </row>
    <row r="321956" spans="14:14">
      <c r="N321956" s="10"/>
    </row>
    <row r="321957" spans="14:14">
      <c r="N321957" s="10"/>
    </row>
    <row r="321958" spans="14:14">
      <c r="N321958" s="10"/>
    </row>
    <row r="321959" spans="14:14">
      <c r="N321959" s="10"/>
    </row>
    <row r="321960" spans="14:14">
      <c r="N321960" s="10"/>
    </row>
    <row r="321961" spans="14:14">
      <c r="N321961" s="10"/>
    </row>
    <row r="321962" spans="14:14">
      <c r="N321962" s="10"/>
    </row>
    <row r="321963" spans="14:14">
      <c r="N321963" s="10"/>
    </row>
    <row r="321964" spans="14:14">
      <c r="N321964" s="10"/>
    </row>
    <row r="321965" spans="14:14">
      <c r="N321965" s="10"/>
    </row>
    <row r="321966" spans="14:14">
      <c r="N321966" s="10"/>
    </row>
    <row r="321967" spans="14:14">
      <c r="N321967" s="10"/>
    </row>
    <row r="321968" spans="14:14">
      <c r="N321968" s="10"/>
    </row>
    <row r="321969" spans="14:14">
      <c r="N321969" s="10"/>
    </row>
    <row r="321970" spans="14:14">
      <c r="N321970" s="10"/>
    </row>
    <row r="321971" spans="14:14">
      <c r="N321971" s="10"/>
    </row>
    <row r="321972" spans="14:14">
      <c r="N321972" s="10"/>
    </row>
    <row r="321973" spans="14:14">
      <c r="N321973" s="10"/>
    </row>
    <row r="321974" spans="14:14">
      <c r="N321974" s="10"/>
    </row>
    <row r="321975" spans="14:14">
      <c r="N321975" s="10"/>
    </row>
    <row r="321976" spans="14:14">
      <c r="N321976" s="10"/>
    </row>
    <row r="321977" spans="14:14">
      <c r="N321977" s="10"/>
    </row>
    <row r="321978" spans="14:14">
      <c r="N321978" s="10"/>
    </row>
    <row r="321979" spans="14:14">
      <c r="N321979" s="10"/>
    </row>
    <row r="321980" spans="14:14">
      <c r="N321980" s="10"/>
    </row>
    <row r="321981" spans="14:14">
      <c r="N321981" s="10"/>
    </row>
    <row r="321982" spans="14:14">
      <c r="N321982" s="10"/>
    </row>
    <row r="321983" spans="14:14">
      <c r="N321983" s="10"/>
    </row>
    <row r="321984" spans="14:14">
      <c r="N321984" s="10"/>
    </row>
    <row r="321985" spans="14:14">
      <c r="N321985" s="10"/>
    </row>
    <row r="321986" spans="14:14">
      <c r="N321986" s="10"/>
    </row>
    <row r="321987" spans="14:14">
      <c r="N321987" s="10"/>
    </row>
    <row r="321988" spans="14:14">
      <c r="N321988" s="10"/>
    </row>
    <row r="321989" spans="14:14">
      <c r="N321989" s="10"/>
    </row>
    <row r="321990" spans="14:14">
      <c r="N321990" s="10"/>
    </row>
    <row r="321991" spans="14:14">
      <c r="N321991" s="10"/>
    </row>
    <row r="321992" spans="14:14">
      <c r="N321992" s="10"/>
    </row>
    <row r="321993" spans="14:14">
      <c r="N321993" s="10"/>
    </row>
    <row r="321994" spans="14:14">
      <c r="N321994" s="10"/>
    </row>
    <row r="321995" spans="14:14">
      <c r="N321995" s="10"/>
    </row>
    <row r="321996" spans="14:14">
      <c r="N321996" s="10"/>
    </row>
    <row r="321997" spans="14:14">
      <c r="N321997" s="10"/>
    </row>
    <row r="321998" spans="14:14">
      <c r="N321998" s="10"/>
    </row>
    <row r="321999" spans="14:14">
      <c r="N321999" s="10"/>
    </row>
    <row r="322000" spans="14:14">
      <c r="N322000" s="10"/>
    </row>
    <row r="322001" spans="14:14">
      <c r="N322001" s="10"/>
    </row>
    <row r="322002" spans="14:14">
      <c r="N322002" s="10"/>
    </row>
    <row r="322003" spans="14:14">
      <c r="N322003" s="10"/>
    </row>
    <row r="322004" spans="14:14">
      <c r="N322004" s="10"/>
    </row>
    <row r="322005" spans="14:14">
      <c r="N322005" s="10"/>
    </row>
    <row r="322006" spans="14:14">
      <c r="N322006" s="10"/>
    </row>
    <row r="322007" spans="14:14">
      <c r="N322007" s="10"/>
    </row>
    <row r="322008" spans="14:14">
      <c r="N322008" s="10"/>
    </row>
    <row r="322009" spans="14:14">
      <c r="N322009" s="10"/>
    </row>
    <row r="322010" spans="14:14">
      <c r="N322010" s="10"/>
    </row>
    <row r="322011" spans="14:14">
      <c r="N322011" s="10"/>
    </row>
    <row r="322012" spans="14:14">
      <c r="N322012" s="10"/>
    </row>
    <row r="322013" spans="14:14">
      <c r="N322013" s="10"/>
    </row>
    <row r="322014" spans="14:14">
      <c r="N322014" s="10"/>
    </row>
    <row r="322015" spans="14:14">
      <c r="N322015" s="10"/>
    </row>
    <row r="322016" spans="14:14">
      <c r="N322016" s="10"/>
    </row>
    <row r="322017" spans="14:14">
      <c r="N322017" s="10"/>
    </row>
    <row r="322018" spans="14:14">
      <c r="N322018" s="10"/>
    </row>
    <row r="322019" spans="14:14">
      <c r="N322019" s="10"/>
    </row>
    <row r="322020" spans="14:14">
      <c r="N322020" s="10"/>
    </row>
    <row r="322021" spans="14:14">
      <c r="N322021" s="10"/>
    </row>
    <row r="322022" spans="14:14">
      <c r="N322022" s="10"/>
    </row>
    <row r="322023" spans="14:14">
      <c r="N322023" s="10"/>
    </row>
    <row r="322024" spans="14:14">
      <c r="N322024" s="10"/>
    </row>
    <row r="322025" spans="14:14">
      <c r="N322025" s="10"/>
    </row>
    <row r="322026" spans="14:14">
      <c r="N322026" s="10"/>
    </row>
    <row r="322027" spans="14:14">
      <c r="N322027" s="10"/>
    </row>
    <row r="322028" spans="14:14">
      <c r="N322028" s="10"/>
    </row>
    <row r="322029" spans="14:14">
      <c r="N322029" s="10"/>
    </row>
    <row r="322030" spans="14:14">
      <c r="N322030" s="10"/>
    </row>
    <row r="322031" spans="14:14">
      <c r="N322031" s="10"/>
    </row>
    <row r="322032" spans="14:14">
      <c r="N322032" s="10"/>
    </row>
    <row r="322033" spans="14:14">
      <c r="N322033" s="10"/>
    </row>
    <row r="322034" spans="14:14">
      <c r="N322034" s="10"/>
    </row>
    <row r="322035" spans="14:14">
      <c r="N322035" s="10"/>
    </row>
    <row r="322036" spans="14:14">
      <c r="N322036" s="10"/>
    </row>
    <row r="322037" spans="14:14">
      <c r="N322037" s="10"/>
    </row>
    <row r="322038" spans="14:14">
      <c r="N322038" s="10"/>
    </row>
    <row r="322039" spans="14:14">
      <c r="N322039" s="10"/>
    </row>
    <row r="322040" spans="14:14">
      <c r="N322040" s="10"/>
    </row>
    <row r="322041" spans="14:14">
      <c r="N322041" s="10"/>
    </row>
    <row r="322042" spans="14:14">
      <c r="N322042" s="10"/>
    </row>
    <row r="322043" spans="14:14">
      <c r="N322043" s="10"/>
    </row>
    <row r="322044" spans="14:14">
      <c r="N322044" s="10"/>
    </row>
    <row r="322045" spans="14:14">
      <c r="N322045" s="10"/>
    </row>
    <row r="322046" spans="14:14">
      <c r="N322046" s="10"/>
    </row>
    <row r="322047" spans="14:14">
      <c r="N322047" s="10"/>
    </row>
    <row r="322048" spans="14:14">
      <c r="N322048" s="10"/>
    </row>
    <row r="322049" spans="14:14">
      <c r="N322049" s="10"/>
    </row>
    <row r="322050" spans="14:14">
      <c r="N322050" s="10"/>
    </row>
    <row r="322051" spans="14:14">
      <c r="N322051" s="10"/>
    </row>
    <row r="322052" spans="14:14">
      <c r="N322052" s="10"/>
    </row>
    <row r="322053" spans="14:14">
      <c r="N322053" s="10"/>
    </row>
    <row r="322054" spans="14:14">
      <c r="N322054" s="10"/>
    </row>
    <row r="322055" spans="14:14">
      <c r="N322055" s="10"/>
    </row>
    <row r="322056" spans="14:14">
      <c r="N322056" s="10"/>
    </row>
    <row r="322057" spans="14:14">
      <c r="N322057" s="10"/>
    </row>
    <row r="322058" spans="14:14">
      <c r="N322058" s="10"/>
    </row>
    <row r="322059" spans="14:14">
      <c r="N322059" s="10"/>
    </row>
    <row r="322060" spans="14:14">
      <c r="N322060" s="10"/>
    </row>
    <row r="322061" spans="14:14">
      <c r="N322061" s="10"/>
    </row>
    <row r="322062" spans="14:14">
      <c r="N322062" s="10"/>
    </row>
    <row r="322063" spans="14:14">
      <c r="N322063" s="10"/>
    </row>
    <row r="322064" spans="14:14">
      <c r="N322064" s="10"/>
    </row>
    <row r="322065" spans="14:14">
      <c r="N322065" s="10"/>
    </row>
    <row r="322066" spans="14:14">
      <c r="N322066" s="10"/>
    </row>
    <row r="322067" spans="14:14">
      <c r="N322067" s="10"/>
    </row>
    <row r="322068" spans="14:14">
      <c r="N322068" s="10"/>
    </row>
    <row r="322069" spans="14:14">
      <c r="N322069" s="10"/>
    </row>
    <row r="322070" spans="14:14">
      <c r="N322070" s="10"/>
    </row>
    <row r="322071" spans="14:14">
      <c r="N322071" s="10"/>
    </row>
    <row r="322072" spans="14:14">
      <c r="N322072" s="10"/>
    </row>
    <row r="322073" spans="14:14">
      <c r="N322073" s="10"/>
    </row>
    <row r="322074" spans="14:14">
      <c r="N322074" s="10"/>
    </row>
    <row r="322075" spans="14:14">
      <c r="N322075" s="10"/>
    </row>
    <row r="322076" spans="14:14">
      <c r="N322076" s="10"/>
    </row>
    <row r="322077" spans="14:14">
      <c r="N322077" s="10"/>
    </row>
    <row r="322078" spans="14:14">
      <c r="N322078" s="10"/>
    </row>
    <row r="322079" spans="14:14">
      <c r="N322079" s="10"/>
    </row>
    <row r="322080" spans="14:14">
      <c r="N322080" s="10"/>
    </row>
    <row r="322081" spans="14:14">
      <c r="N322081" s="10"/>
    </row>
    <row r="322082" spans="14:14">
      <c r="N322082" s="10"/>
    </row>
    <row r="322083" spans="14:14">
      <c r="N322083" s="10"/>
    </row>
    <row r="322084" spans="14:14">
      <c r="N322084" s="10"/>
    </row>
    <row r="322085" spans="14:14">
      <c r="N322085" s="10"/>
    </row>
    <row r="322086" spans="14:14">
      <c r="N322086" s="10"/>
    </row>
    <row r="322087" spans="14:14">
      <c r="N322087" s="10"/>
    </row>
    <row r="322088" spans="14:14">
      <c r="N322088" s="10"/>
    </row>
    <row r="322089" spans="14:14">
      <c r="N322089" s="10"/>
    </row>
    <row r="322090" spans="14:14">
      <c r="N322090" s="10"/>
    </row>
    <row r="322091" spans="14:14">
      <c r="N322091" s="10"/>
    </row>
    <row r="322092" spans="14:14">
      <c r="N322092" s="10"/>
    </row>
    <row r="322093" spans="14:14">
      <c r="N322093" s="10"/>
    </row>
    <row r="322094" spans="14:14">
      <c r="N322094" s="10"/>
    </row>
    <row r="322095" spans="14:14">
      <c r="N322095" s="10"/>
    </row>
    <row r="322096" spans="14:14">
      <c r="N322096" s="10"/>
    </row>
    <row r="322097" spans="14:14">
      <c r="N322097" s="10"/>
    </row>
    <row r="322098" spans="14:14">
      <c r="N322098" s="10"/>
    </row>
    <row r="322099" spans="14:14">
      <c r="N322099" s="10"/>
    </row>
    <row r="322100" spans="14:14">
      <c r="N322100" s="10"/>
    </row>
    <row r="322101" spans="14:14">
      <c r="N322101" s="10"/>
    </row>
    <row r="322102" spans="14:14">
      <c r="N322102" s="10"/>
    </row>
    <row r="322103" spans="14:14">
      <c r="N322103" s="10"/>
    </row>
    <row r="322104" spans="14:14">
      <c r="N322104" s="10"/>
    </row>
    <row r="322105" spans="14:14">
      <c r="N322105" s="10"/>
    </row>
    <row r="322106" spans="14:14">
      <c r="N322106" s="10"/>
    </row>
    <row r="322107" spans="14:14">
      <c r="N322107" s="10"/>
    </row>
    <row r="322108" spans="14:14">
      <c r="N322108" s="10"/>
    </row>
    <row r="322109" spans="14:14">
      <c r="N322109" s="10"/>
    </row>
    <row r="322110" spans="14:14">
      <c r="N322110" s="10"/>
    </row>
    <row r="322111" spans="14:14">
      <c r="N322111" s="10"/>
    </row>
    <row r="322112" spans="14:14">
      <c r="N322112" s="10"/>
    </row>
    <row r="322113" spans="14:14">
      <c r="N322113" s="10"/>
    </row>
    <row r="322114" spans="14:14">
      <c r="N322114" s="10"/>
    </row>
    <row r="322115" spans="14:14">
      <c r="N322115" s="10"/>
    </row>
    <row r="322116" spans="14:14">
      <c r="N322116" s="10"/>
    </row>
    <row r="322117" spans="14:14">
      <c r="N322117" s="10"/>
    </row>
    <row r="322118" spans="14:14">
      <c r="N322118" s="10"/>
    </row>
    <row r="322119" spans="14:14">
      <c r="N322119" s="10"/>
    </row>
    <row r="322120" spans="14:14">
      <c r="N322120" s="10"/>
    </row>
    <row r="322121" spans="14:14">
      <c r="N322121" s="10"/>
    </row>
    <row r="322122" spans="14:14">
      <c r="N322122" s="10"/>
    </row>
    <row r="322123" spans="14:14">
      <c r="N322123" s="10"/>
    </row>
    <row r="322124" spans="14:14">
      <c r="N322124" s="10"/>
    </row>
    <row r="322125" spans="14:14">
      <c r="N322125" s="10"/>
    </row>
    <row r="322126" spans="14:14">
      <c r="N322126" s="10"/>
    </row>
    <row r="322127" spans="14:14">
      <c r="N322127" s="10"/>
    </row>
    <row r="322128" spans="14:14">
      <c r="N322128" s="10"/>
    </row>
    <row r="322129" spans="14:14">
      <c r="N322129" s="10"/>
    </row>
    <row r="322130" spans="14:14">
      <c r="N322130" s="10"/>
    </row>
    <row r="322131" spans="14:14">
      <c r="N322131" s="10"/>
    </row>
    <row r="322132" spans="14:14">
      <c r="N322132" s="10"/>
    </row>
    <row r="322133" spans="14:14">
      <c r="N322133" s="10"/>
    </row>
    <row r="322134" spans="14:14">
      <c r="N322134" s="10"/>
    </row>
    <row r="322135" spans="14:14">
      <c r="N322135" s="10"/>
    </row>
    <row r="322136" spans="14:14">
      <c r="N322136" s="10"/>
    </row>
    <row r="322137" spans="14:14">
      <c r="N322137" s="10"/>
    </row>
    <row r="322138" spans="14:14">
      <c r="N322138" s="10"/>
    </row>
    <row r="322139" spans="14:14">
      <c r="N322139" s="10"/>
    </row>
    <row r="322140" spans="14:14">
      <c r="N322140" s="10"/>
    </row>
    <row r="322141" spans="14:14">
      <c r="N322141" s="10"/>
    </row>
    <row r="322142" spans="14:14">
      <c r="N322142" s="10"/>
    </row>
    <row r="322143" spans="14:14">
      <c r="N322143" s="10"/>
    </row>
    <row r="322144" spans="14:14">
      <c r="N322144" s="10"/>
    </row>
    <row r="322145" spans="14:14">
      <c r="N322145" s="10"/>
    </row>
    <row r="322146" spans="14:14">
      <c r="N322146" s="10"/>
    </row>
    <row r="322147" spans="14:14">
      <c r="N322147" s="10"/>
    </row>
    <row r="322148" spans="14:14">
      <c r="N322148" s="10"/>
    </row>
    <row r="322149" spans="14:14">
      <c r="N322149" s="10"/>
    </row>
    <row r="322150" spans="14:14">
      <c r="N322150" s="10"/>
    </row>
    <row r="322151" spans="14:14">
      <c r="N322151" s="10"/>
    </row>
    <row r="322152" spans="14:14">
      <c r="N322152" s="10"/>
    </row>
    <row r="322153" spans="14:14">
      <c r="N322153" s="10"/>
    </row>
    <row r="322154" spans="14:14">
      <c r="N322154" s="10"/>
    </row>
    <row r="322155" spans="14:14">
      <c r="N322155" s="10"/>
    </row>
    <row r="322156" spans="14:14">
      <c r="N322156" s="10"/>
    </row>
    <row r="322157" spans="14:14">
      <c r="N322157" s="10"/>
    </row>
    <row r="322158" spans="14:14">
      <c r="N322158" s="10"/>
    </row>
    <row r="322159" spans="14:14">
      <c r="N322159" s="10"/>
    </row>
    <row r="322160" spans="14:14">
      <c r="N322160" s="10"/>
    </row>
    <row r="322161" spans="14:14">
      <c r="N322161" s="10"/>
    </row>
    <row r="322162" spans="14:14">
      <c r="N322162" s="10"/>
    </row>
    <row r="322163" spans="14:14">
      <c r="N322163" s="10"/>
    </row>
    <row r="322164" spans="14:14">
      <c r="N322164" s="10"/>
    </row>
    <row r="322165" spans="14:14">
      <c r="N322165" s="10"/>
    </row>
    <row r="322166" spans="14:14">
      <c r="N322166" s="10"/>
    </row>
    <row r="322167" spans="14:14">
      <c r="N322167" s="10"/>
    </row>
    <row r="322168" spans="14:14">
      <c r="N322168" s="10"/>
    </row>
    <row r="322169" spans="14:14">
      <c r="N322169" s="10"/>
    </row>
    <row r="322170" spans="14:14">
      <c r="N322170" s="10"/>
    </row>
    <row r="322171" spans="14:14">
      <c r="N322171" s="10"/>
    </row>
    <row r="322172" spans="14:14">
      <c r="N322172" s="10"/>
    </row>
    <row r="322173" spans="14:14">
      <c r="N322173" s="10"/>
    </row>
    <row r="322174" spans="14:14">
      <c r="N322174" s="10"/>
    </row>
    <row r="322175" spans="14:14">
      <c r="N322175" s="10"/>
    </row>
    <row r="322176" spans="14:14">
      <c r="N322176" s="10"/>
    </row>
    <row r="322177" spans="14:14">
      <c r="N322177" s="10"/>
    </row>
    <row r="322178" spans="14:14">
      <c r="N322178" s="10"/>
    </row>
    <row r="322179" spans="14:14">
      <c r="N322179" s="10"/>
    </row>
    <row r="322180" spans="14:14">
      <c r="N322180" s="10"/>
    </row>
    <row r="322181" spans="14:14">
      <c r="N322181" s="10"/>
    </row>
    <row r="322182" spans="14:14">
      <c r="N322182" s="10"/>
    </row>
    <row r="322183" spans="14:14">
      <c r="N322183" s="10"/>
    </row>
    <row r="322184" spans="14:14">
      <c r="N322184" s="10"/>
    </row>
    <row r="322185" spans="14:14">
      <c r="N322185" s="10"/>
    </row>
    <row r="322186" spans="14:14">
      <c r="N322186" s="10"/>
    </row>
    <row r="322187" spans="14:14">
      <c r="N322187" s="10"/>
    </row>
    <row r="322188" spans="14:14">
      <c r="N322188" s="10"/>
    </row>
    <row r="322189" spans="14:14">
      <c r="N322189" s="10"/>
    </row>
    <row r="322190" spans="14:14">
      <c r="N322190" s="10"/>
    </row>
    <row r="322191" spans="14:14">
      <c r="N322191" s="10"/>
    </row>
    <row r="322192" spans="14:14">
      <c r="N322192" s="10"/>
    </row>
    <row r="322193" spans="14:14">
      <c r="N322193" s="10"/>
    </row>
    <row r="322194" spans="14:14">
      <c r="N322194" s="10"/>
    </row>
    <row r="322195" spans="14:14">
      <c r="N322195" s="10"/>
    </row>
    <row r="322196" spans="14:14">
      <c r="N322196" s="10"/>
    </row>
    <row r="322197" spans="14:14">
      <c r="N322197" s="10"/>
    </row>
    <row r="322198" spans="14:14">
      <c r="N322198" s="10"/>
    </row>
    <row r="322199" spans="14:14">
      <c r="N322199" s="10"/>
    </row>
    <row r="322200" spans="14:14">
      <c r="N322200" s="10"/>
    </row>
    <row r="322201" spans="14:14">
      <c r="N322201" s="10"/>
    </row>
    <row r="322202" spans="14:14">
      <c r="N322202" s="10"/>
    </row>
    <row r="322203" spans="14:14">
      <c r="N322203" s="10"/>
    </row>
    <row r="322204" spans="14:14">
      <c r="N322204" s="10"/>
    </row>
    <row r="322205" spans="14:14">
      <c r="N322205" s="10"/>
    </row>
    <row r="322206" spans="14:14">
      <c r="N322206" s="10"/>
    </row>
    <row r="322207" spans="14:14">
      <c r="N322207" s="10"/>
    </row>
    <row r="322208" spans="14:14">
      <c r="N322208" s="10"/>
    </row>
    <row r="322209" spans="14:14">
      <c r="N322209" s="10"/>
    </row>
    <row r="322210" spans="14:14">
      <c r="N322210" s="10"/>
    </row>
    <row r="322211" spans="14:14">
      <c r="N322211" s="10"/>
    </row>
    <row r="322212" spans="14:14">
      <c r="N322212" s="10"/>
    </row>
    <row r="322213" spans="14:14">
      <c r="N322213" s="10"/>
    </row>
    <row r="322214" spans="14:14">
      <c r="N322214" s="10"/>
    </row>
    <row r="322215" spans="14:14">
      <c r="N322215" s="10"/>
    </row>
    <row r="322216" spans="14:14">
      <c r="N322216" s="10"/>
    </row>
    <row r="322217" spans="14:14">
      <c r="N322217" s="10"/>
    </row>
    <row r="322218" spans="14:14">
      <c r="N322218" s="10"/>
    </row>
    <row r="322219" spans="14:14">
      <c r="N322219" s="10"/>
    </row>
    <row r="322220" spans="14:14">
      <c r="N322220" s="10"/>
    </row>
    <row r="322221" spans="14:14">
      <c r="N322221" s="10"/>
    </row>
    <row r="322222" spans="14:14">
      <c r="N322222" s="10"/>
    </row>
    <row r="322223" spans="14:14">
      <c r="N322223" s="10"/>
    </row>
    <row r="322224" spans="14:14">
      <c r="N322224" s="10"/>
    </row>
    <row r="322225" spans="14:14">
      <c r="N322225" s="10"/>
    </row>
    <row r="322226" spans="14:14">
      <c r="N322226" s="10"/>
    </row>
    <row r="322227" spans="14:14">
      <c r="N322227" s="10"/>
    </row>
    <row r="322228" spans="14:14">
      <c r="N322228" s="10"/>
    </row>
    <row r="322229" spans="14:14">
      <c r="N322229" s="10"/>
    </row>
    <row r="322230" spans="14:14">
      <c r="N322230" s="10"/>
    </row>
    <row r="322231" spans="14:14">
      <c r="N322231" s="10"/>
    </row>
    <row r="322232" spans="14:14">
      <c r="N322232" s="10"/>
    </row>
    <row r="322233" spans="14:14">
      <c r="N322233" s="10"/>
    </row>
    <row r="322234" spans="14:14">
      <c r="N322234" s="10"/>
    </row>
    <row r="322235" spans="14:14">
      <c r="N322235" s="10"/>
    </row>
    <row r="322236" spans="14:14">
      <c r="N322236" s="10"/>
    </row>
    <row r="322237" spans="14:14">
      <c r="N322237" s="10"/>
    </row>
    <row r="322238" spans="14:14">
      <c r="N322238" s="10"/>
    </row>
    <row r="322239" spans="14:14">
      <c r="N322239" s="10"/>
    </row>
    <row r="322240" spans="14:14">
      <c r="N322240" s="10"/>
    </row>
    <row r="322241" spans="14:14">
      <c r="N322241" s="10"/>
    </row>
    <row r="322242" spans="14:14">
      <c r="N322242" s="10"/>
    </row>
    <row r="322243" spans="14:14">
      <c r="N322243" s="10"/>
    </row>
    <row r="322244" spans="14:14">
      <c r="N322244" s="10"/>
    </row>
    <row r="322245" spans="14:14">
      <c r="N322245" s="10"/>
    </row>
    <row r="322246" spans="14:14">
      <c r="N322246" s="10"/>
    </row>
    <row r="322247" spans="14:14">
      <c r="N322247" s="10"/>
    </row>
    <row r="322248" spans="14:14">
      <c r="N322248" s="10"/>
    </row>
    <row r="322249" spans="14:14">
      <c r="N322249" s="10"/>
    </row>
    <row r="322250" spans="14:14">
      <c r="N322250" s="10"/>
    </row>
    <row r="322251" spans="14:14">
      <c r="N322251" s="10"/>
    </row>
    <row r="322252" spans="14:14">
      <c r="N322252" s="10"/>
    </row>
    <row r="322253" spans="14:14">
      <c r="N322253" s="10"/>
    </row>
    <row r="322254" spans="14:14">
      <c r="N322254" s="10"/>
    </row>
    <row r="322255" spans="14:14">
      <c r="N322255" s="10"/>
    </row>
    <row r="322256" spans="14:14">
      <c r="N322256" s="10"/>
    </row>
    <row r="322257" spans="14:14">
      <c r="N322257" s="10"/>
    </row>
    <row r="322258" spans="14:14">
      <c r="N322258" s="10"/>
    </row>
    <row r="322259" spans="14:14">
      <c r="N322259" s="10"/>
    </row>
    <row r="322260" spans="14:14">
      <c r="N322260" s="10"/>
    </row>
    <row r="322261" spans="14:14">
      <c r="N322261" s="10"/>
    </row>
    <row r="322262" spans="14:14">
      <c r="N322262" s="10"/>
    </row>
    <row r="322263" spans="14:14">
      <c r="N322263" s="10"/>
    </row>
    <row r="322264" spans="14:14">
      <c r="N322264" s="10"/>
    </row>
    <row r="322265" spans="14:14">
      <c r="N322265" s="10"/>
    </row>
    <row r="322266" spans="14:14">
      <c r="N322266" s="10"/>
    </row>
    <row r="322267" spans="14:14">
      <c r="N322267" s="10"/>
    </row>
    <row r="322268" spans="14:14">
      <c r="N322268" s="10"/>
    </row>
    <row r="322269" spans="14:14">
      <c r="N322269" s="10"/>
    </row>
    <row r="322270" spans="14:14">
      <c r="N322270" s="10"/>
    </row>
    <row r="322271" spans="14:14">
      <c r="N322271" s="10"/>
    </row>
    <row r="322272" spans="14:14">
      <c r="N322272" s="10"/>
    </row>
    <row r="322273" spans="14:14">
      <c r="N322273" s="10"/>
    </row>
    <row r="322274" spans="14:14">
      <c r="N322274" s="10"/>
    </row>
    <row r="322275" spans="14:14">
      <c r="N322275" s="10"/>
    </row>
    <row r="322276" spans="14:14">
      <c r="N322276" s="10"/>
    </row>
    <row r="322277" spans="14:14">
      <c r="N322277" s="10"/>
    </row>
    <row r="322278" spans="14:14">
      <c r="N322278" s="10"/>
    </row>
    <row r="322279" spans="14:14">
      <c r="N322279" s="10"/>
    </row>
    <row r="322280" spans="14:14">
      <c r="N322280" s="10"/>
    </row>
    <row r="322281" spans="14:14">
      <c r="N322281" s="10"/>
    </row>
    <row r="322282" spans="14:14">
      <c r="N322282" s="10"/>
    </row>
    <row r="322283" spans="14:14">
      <c r="N322283" s="10"/>
    </row>
    <row r="322284" spans="14:14">
      <c r="N322284" s="10"/>
    </row>
    <row r="322285" spans="14:14">
      <c r="N322285" s="10"/>
    </row>
    <row r="322286" spans="14:14">
      <c r="N322286" s="10"/>
    </row>
    <row r="322287" spans="14:14">
      <c r="N322287" s="10"/>
    </row>
    <row r="322288" spans="14:14">
      <c r="N322288" s="10"/>
    </row>
    <row r="322289" spans="14:14">
      <c r="N322289" s="10"/>
    </row>
    <row r="322290" spans="14:14">
      <c r="N322290" s="10"/>
    </row>
    <row r="322291" spans="14:14">
      <c r="N322291" s="10"/>
    </row>
    <row r="322292" spans="14:14">
      <c r="N322292" s="10"/>
    </row>
    <row r="322293" spans="14:14">
      <c r="N322293" s="10"/>
    </row>
    <row r="322294" spans="14:14">
      <c r="N322294" s="10"/>
    </row>
    <row r="322295" spans="14:14">
      <c r="N322295" s="10"/>
    </row>
    <row r="322296" spans="14:14">
      <c r="N322296" s="10"/>
    </row>
    <row r="322297" spans="14:14">
      <c r="N322297" s="10"/>
    </row>
    <row r="322298" spans="14:14">
      <c r="N322298" s="10"/>
    </row>
    <row r="322299" spans="14:14">
      <c r="N322299" s="10"/>
    </row>
    <row r="322300" spans="14:14">
      <c r="N322300" s="10"/>
    </row>
    <row r="322301" spans="14:14">
      <c r="N322301" s="10"/>
    </row>
    <row r="322302" spans="14:14">
      <c r="N322302" s="10"/>
    </row>
    <row r="322303" spans="14:14">
      <c r="N322303" s="10"/>
    </row>
    <row r="322304" spans="14:14">
      <c r="N322304" s="10"/>
    </row>
    <row r="322305" spans="14:14">
      <c r="N322305" s="10"/>
    </row>
    <row r="322306" spans="14:14">
      <c r="N322306" s="10"/>
    </row>
    <row r="322307" spans="14:14">
      <c r="N322307" s="10"/>
    </row>
    <row r="322308" spans="14:14">
      <c r="N322308" s="10"/>
    </row>
    <row r="322309" spans="14:14">
      <c r="N322309" s="10"/>
    </row>
    <row r="322310" spans="14:14">
      <c r="N322310" s="10"/>
    </row>
    <row r="322311" spans="14:14">
      <c r="N322311" s="10"/>
    </row>
    <row r="322312" spans="14:14">
      <c r="N322312" s="10"/>
    </row>
    <row r="322313" spans="14:14">
      <c r="N322313" s="10"/>
    </row>
    <row r="322314" spans="14:14">
      <c r="N322314" s="10"/>
    </row>
    <row r="322315" spans="14:14">
      <c r="N322315" s="10"/>
    </row>
    <row r="322316" spans="14:14">
      <c r="N322316" s="10"/>
    </row>
    <row r="322317" spans="14:14">
      <c r="N322317" s="10"/>
    </row>
    <row r="322318" spans="14:14">
      <c r="N322318" s="10"/>
    </row>
    <row r="322319" spans="14:14">
      <c r="N322319" s="10"/>
    </row>
    <row r="322320" spans="14:14">
      <c r="N322320" s="10"/>
    </row>
    <row r="322321" spans="14:14">
      <c r="N322321" s="10"/>
    </row>
    <row r="322322" spans="14:14">
      <c r="N322322" s="10"/>
    </row>
    <row r="322323" spans="14:14">
      <c r="N322323" s="10"/>
    </row>
    <row r="322324" spans="14:14">
      <c r="N322324" s="10"/>
    </row>
    <row r="322325" spans="14:14">
      <c r="N322325" s="10"/>
    </row>
    <row r="322326" spans="14:14">
      <c r="N322326" s="10"/>
    </row>
    <row r="322327" spans="14:14">
      <c r="N322327" s="10"/>
    </row>
    <row r="322328" spans="14:14">
      <c r="N322328" s="10"/>
    </row>
    <row r="322329" spans="14:14">
      <c r="N322329" s="10"/>
    </row>
    <row r="322330" spans="14:14">
      <c r="N322330" s="10"/>
    </row>
    <row r="322331" spans="14:14">
      <c r="N322331" s="10"/>
    </row>
    <row r="322332" spans="14:14">
      <c r="N322332" s="10"/>
    </row>
    <row r="322333" spans="14:14">
      <c r="N322333" s="10"/>
    </row>
    <row r="322334" spans="14:14">
      <c r="N322334" s="10"/>
    </row>
    <row r="322335" spans="14:14">
      <c r="N322335" s="10"/>
    </row>
    <row r="322336" spans="14:14">
      <c r="N322336" s="10"/>
    </row>
    <row r="322337" spans="14:14">
      <c r="N322337" s="10"/>
    </row>
    <row r="322338" spans="14:14">
      <c r="N322338" s="10"/>
    </row>
    <row r="322339" spans="14:14">
      <c r="N322339" s="10"/>
    </row>
    <row r="322340" spans="14:14">
      <c r="N322340" s="10"/>
    </row>
    <row r="322341" spans="14:14">
      <c r="N322341" s="10"/>
    </row>
    <row r="322342" spans="14:14">
      <c r="N322342" s="10"/>
    </row>
    <row r="322343" spans="14:14">
      <c r="N322343" s="10"/>
    </row>
    <row r="322344" spans="14:14">
      <c r="N322344" s="10"/>
    </row>
    <row r="322345" spans="14:14">
      <c r="N322345" s="10"/>
    </row>
    <row r="322346" spans="14:14">
      <c r="N322346" s="10"/>
    </row>
    <row r="322347" spans="14:14">
      <c r="N322347" s="10"/>
    </row>
    <row r="322348" spans="14:14">
      <c r="N322348" s="10"/>
    </row>
    <row r="322349" spans="14:14">
      <c r="N322349" s="10"/>
    </row>
    <row r="322350" spans="14:14">
      <c r="N322350" s="10"/>
    </row>
    <row r="322351" spans="14:14">
      <c r="N322351" s="10"/>
    </row>
    <row r="322352" spans="14:14">
      <c r="N322352" s="10"/>
    </row>
    <row r="322353" spans="14:14">
      <c r="N322353" s="10"/>
    </row>
    <row r="322354" spans="14:14">
      <c r="N322354" s="10"/>
    </row>
    <row r="322355" spans="14:14">
      <c r="N322355" s="10"/>
    </row>
    <row r="322356" spans="14:14">
      <c r="N322356" s="10"/>
    </row>
    <row r="322357" spans="14:14">
      <c r="N322357" s="10"/>
    </row>
    <row r="322358" spans="14:14">
      <c r="N322358" s="10"/>
    </row>
    <row r="322359" spans="14:14">
      <c r="N322359" s="10"/>
    </row>
    <row r="322360" spans="14:14">
      <c r="N322360" s="10"/>
    </row>
    <row r="322361" spans="14:14">
      <c r="N322361" s="10"/>
    </row>
    <row r="322362" spans="14:14">
      <c r="N322362" s="10"/>
    </row>
    <row r="322363" spans="14:14">
      <c r="N322363" s="10"/>
    </row>
    <row r="322364" spans="14:14">
      <c r="N322364" s="10"/>
    </row>
    <row r="322365" spans="14:14">
      <c r="N322365" s="10"/>
    </row>
    <row r="322366" spans="14:14">
      <c r="N322366" s="10"/>
    </row>
    <row r="322367" spans="14:14">
      <c r="N322367" s="10"/>
    </row>
    <row r="322368" spans="14:14">
      <c r="N322368" s="10"/>
    </row>
    <row r="322369" spans="14:14">
      <c r="N322369" s="10"/>
    </row>
    <row r="322370" spans="14:14">
      <c r="N322370" s="10"/>
    </row>
    <row r="322371" spans="14:14">
      <c r="N322371" s="10"/>
    </row>
    <row r="322372" spans="14:14">
      <c r="N322372" s="10"/>
    </row>
    <row r="322373" spans="14:14">
      <c r="N322373" s="10"/>
    </row>
    <row r="322374" spans="14:14">
      <c r="N322374" s="10"/>
    </row>
    <row r="322375" spans="14:14">
      <c r="N322375" s="10"/>
    </row>
    <row r="322376" spans="14:14">
      <c r="N322376" s="10"/>
    </row>
    <row r="322377" spans="14:14">
      <c r="N322377" s="10"/>
    </row>
    <row r="322378" spans="14:14">
      <c r="N322378" s="10"/>
    </row>
    <row r="322379" spans="14:14">
      <c r="N322379" s="10"/>
    </row>
    <row r="322380" spans="14:14">
      <c r="N322380" s="10"/>
    </row>
    <row r="322381" spans="14:14">
      <c r="N322381" s="10"/>
    </row>
    <row r="322382" spans="14:14">
      <c r="N322382" s="10"/>
    </row>
    <row r="322383" spans="14:14">
      <c r="N322383" s="10"/>
    </row>
    <row r="322384" spans="14:14">
      <c r="N322384" s="10"/>
    </row>
    <row r="322385" spans="14:14">
      <c r="N322385" s="10"/>
    </row>
    <row r="322386" spans="14:14">
      <c r="N322386" s="10"/>
    </row>
    <row r="322387" spans="14:14">
      <c r="N322387" s="10"/>
    </row>
    <row r="322388" spans="14:14">
      <c r="N322388" s="10"/>
    </row>
    <row r="322389" spans="14:14">
      <c r="N322389" s="10"/>
    </row>
    <row r="322390" spans="14:14">
      <c r="N322390" s="10"/>
    </row>
    <row r="322391" spans="14:14">
      <c r="N322391" s="10"/>
    </row>
    <row r="322392" spans="14:14">
      <c r="N322392" s="10"/>
    </row>
    <row r="322393" spans="14:14">
      <c r="N322393" s="10"/>
    </row>
    <row r="322394" spans="14:14">
      <c r="N322394" s="10"/>
    </row>
    <row r="322395" spans="14:14">
      <c r="N322395" s="10"/>
    </row>
    <row r="322396" spans="14:14">
      <c r="N322396" s="10"/>
    </row>
    <row r="322397" spans="14:14">
      <c r="N322397" s="10"/>
    </row>
    <row r="322398" spans="14:14">
      <c r="N322398" s="10"/>
    </row>
    <row r="322399" spans="14:14">
      <c r="N322399" s="10"/>
    </row>
    <row r="322400" spans="14:14">
      <c r="N322400" s="10"/>
    </row>
    <row r="322401" spans="14:14">
      <c r="N322401" s="10"/>
    </row>
    <row r="322402" spans="14:14">
      <c r="N322402" s="10"/>
    </row>
    <row r="322403" spans="14:14">
      <c r="N322403" s="10"/>
    </row>
    <row r="322404" spans="14:14">
      <c r="N322404" s="10"/>
    </row>
    <row r="322405" spans="14:14">
      <c r="N322405" s="10"/>
    </row>
    <row r="322406" spans="14:14">
      <c r="N322406" s="10"/>
    </row>
    <row r="322407" spans="14:14">
      <c r="N322407" s="10"/>
    </row>
    <row r="322408" spans="14:14">
      <c r="N322408" s="10"/>
    </row>
    <row r="322409" spans="14:14">
      <c r="N322409" s="10"/>
    </row>
    <row r="322410" spans="14:14">
      <c r="N322410" s="10"/>
    </row>
    <row r="322411" spans="14:14">
      <c r="N322411" s="10"/>
    </row>
    <row r="322412" spans="14:14">
      <c r="N322412" s="10"/>
    </row>
    <row r="322413" spans="14:14">
      <c r="N322413" s="10"/>
    </row>
    <row r="322414" spans="14:14">
      <c r="N322414" s="10"/>
    </row>
    <row r="322415" spans="14:14">
      <c r="N322415" s="10"/>
    </row>
    <row r="322416" spans="14:14">
      <c r="N322416" s="10"/>
    </row>
    <row r="322417" spans="14:14">
      <c r="N322417" s="10"/>
    </row>
    <row r="322418" spans="14:14">
      <c r="N322418" s="10"/>
    </row>
    <row r="322419" spans="14:14">
      <c r="N322419" s="10"/>
    </row>
    <row r="322420" spans="14:14">
      <c r="N322420" s="10"/>
    </row>
    <row r="322421" spans="14:14">
      <c r="N322421" s="10"/>
    </row>
    <row r="322422" spans="14:14">
      <c r="N322422" s="10"/>
    </row>
    <row r="322423" spans="14:14">
      <c r="N322423" s="10"/>
    </row>
    <row r="322424" spans="14:14">
      <c r="N322424" s="10"/>
    </row>
    <row r="322425" spans="14:14">
      <c r="N322425" s="10"/>
    </row>
    <row r="322426" spans="14:14">
      <c r="N322426" s="10"/>
    </row>
    <row r="322427" spans="14:14">
      <c r="N322427" s="10"/>
    </row>
    <row r="322428" spans="14:14">
      <c r="N322428" s="10"/>
    </row>
    <row r="322429" spans="14:14">
      <c r="N322429" s="10"/>
    </row>
    <row r="322430" spans="14:14">
      <c r="N322430" s="10"/>
    </row>
    <row r="322431" spans="14:14">
      <c r="N322431" s="10"/>
    </row>
    <row r="322432" spans="14:14">
      <c r="N322432" s="10"/>
    </row>
    <row r="322433" spans="14:14">
      <c r="N322433" s="10"/>
    </row>
    <row r="322434" spans="14:14">
      <c r="N322434" s="10"/>
    </row>
    <row r="322435" spans="14:14">
      <c r="N322435" s="10"/>
    </row>
    <row r="322436" spans="14:14">
      <c r="N322436" s="10"/>
    </row>
    <row r="322437" spans="14:14">
      <c r="N322437" s="10"/>
    </row>
    <row r="322438" spans="14:14">
      <c r="N322438" s="10"/>
    </row>
    <row r="322439" spans="14:14">
      <c r="N322439" s="10"/>
    </row>
    <row r="322440" spans="14:14">
      <c r="N322440" s="10"/>
    </row>
    <row r="322441" spans="14:14">
      <c r="N322441" s="10"/>
    </row>
    <row r="322442" spans="14:14">
      <c r="N322442" s="10"/>
    </row>
    <row r="322443" spans="14:14">
      <c r="N322443" s="10"/>
    </row>
    <row r="322444" spans="14:14">
      <c r="N322444" s="10"/>
    </row>
    <row r="322445" spans="14:14">
      <c r="N322445" s="10"/>
    </row>
    <row r="322446" spans="14:14">
      <c r="N322446" s="10"/>
    </row>
    <row r="322447" spans="14:14">
      <c r="N322447" s="10"/>
    </row>
    <row r="322448" spans="14:14">
      <c r="N322448" s="10"/>
    </row>
    <row r="322449" spans="14:14">
      <c r="N322449" s="10"/>
    </row>
    <row r="322450" spans="14:14">
      <c r="N322450" s="10"/>
    </row>
    <row r="322451" spans="14:14">
      <c r="N322451" s="10"/>
    </row>
    <row r="322452" spans="14:14">
      <c r="N322452" s="10"/>
    </row>
    <row r="322453" spans="14:14">
      <c r="N322453" s="10"/>
    </row>
    <row r="322454" spans="14:14">
      <c r="N322454" s="10"/>
    </row>
    <row r="322455" spans="14:14">
      <c r="N322455" s="10"/>
    </row>
    <row r="322456" spans="14:14">
      <c r="N322456" s="10"/>
    </row>
    <row r="322457" spans="14:14">
      <c r="N322457" s="10"/>
    </row>
    <row r="322458" spans="14:14">
      <c r="N322458" s="10"/>
    </row>
    <row r="322459" spans="14:14">
      <c r="N322459" s="10"/>
    </row>
    <row r="322460" spans="14:14">
      <c r="N322460" s="10"/>
    </row>
    <row r="322461" spans="14:14">
      <c r="N322461" s="10"/>
    </row>
    <row r="322462" spans="14:14">
      <c r="N322462" s="10"/>
    </row>
    <row r="322463" spans="14:14">
      <c r="N322463" s="10"/>
    </row>
    <row r="322464" spans="14:14">
      <c r="N322464" s="10"/>
    </row>
    <row r="322465" spans="14:14">
      <c r="N322465" s="10"/>
    </row>
    <row r="322466" spans="14:14">
      <c r="N322466" s="10"/>
    </row>
    <row r="322467" spans="14:14">
      <c r="N322467" s="10"/>
    </row>
    <row r="322468" spans="14:14">
      <c r="N322468" s="10"/>
    </row>
    <row r="322469" spans="14:14">
      <c r="N322469" s="10"/>
    </row>
    <row r="322470" spans="14:14">
      <c r="N322470" s="10"/>
    </row>
    <row r="322471" spans="14:14">
      <c r="N322471" s="10"/>
    </row>
    <row r="322472" spans="14:14">
      <c r="N322472" s="10"/>
    </row>
    <row r="322473" spans="14:14">
      <c r="N322473" s="10"/>
    </row>
    <row r="322474" spans="14:14">
      <c r="N322474" s="10"/>
    </row>
    <row r="322475" spans="14:14">
      <c r="N322475" s="10"/>
    </row>
    <row r="322476" spans="14:14">
      <c r="N322476" s="10"/>
    </row>
    <row r="322477" spans="14:14">
      <c r="N322477" s="10"/>
    </row>
    <row r="322478" spans="14:14">
      <c r="N322478" s="10"/>
    </row>
    <row r="322479" spans="14:14">
      <c r="N322479" s="10"/>
    </row>
    <row r="322480" spans="14:14">
      <c r="N322480" s="10"/>
    </row>
    <row r="322481" spans="14:14">
      <c r="N322481" s="10"/>
    </row>
    <row r="322482" spans="14:14">
      <c r="N322482" s="10"/>
    </row>
    <row r="322483" spans="14:14">
      <c r="N322483" s="10"/>
    </row>
    <row r="322484" spans="14:14">
      <c r="N322484" s="10"/>
    </row>
    <row r="322485" spans="14:14">
      <c r="N322485" s="10"/>
    </row>
    <row r="322486" spans="14:14">
      <c r="N322486" s="10"/>
    </row>
    <row r="322487" spans="14:14">
      <c r="N322487" s="10"/>
    </row>
    <row r="322488" spans="14:14">
      <c r="N322488" s="10"/>
    </row>
    <row r="322489" spans="14:14">
      <c r="N322489" s="10"/>
    </row>
    <row r="322490" spans="14:14">
      <c r="N322490" s="10"/>
    </row>
    <row r="322491" spans="14:14">
      <c r="N322491" s="10"/>
    </row>
    <row r="322492" spans="14:14">
      <c r="N322492" s="10"/>
    </row>
    <row r="322493" spans="14:14">
      <c r="N322493" s="10"/>
    </row>
    <row r="322494" spans="14:14">
      <c r="N322494" s="10"/>
    </row>
    <row r="322495" spans="14:14">
      <c r="N322495" s="10"/>
    </row>
    <row r="322496" spans="14:14">
      <c r="N322496" s="10"/>
    </row>
    <row r="322497" spans="14:14">
      <c r="N322497" s="10"/>
    </row>
    <row r="322498" spans="14:14">
      <c r="N322498" s="10"/>
    </row>
    <row r="322499" spans="14:14">
      <c r="N322499" s="10"/>
    </row>
    <row r="322500" spans="14:14">
      <c r="N322500" s="10"/>
    </row>
    <row r="322501" spans="14:14">
      <c r="N322501" s="10"/>
    </row>
    <row r="322502" spans="14:14">
      <c r="N322502" s="10"/>
    </row>
    <row r="322503" spans="14:14">
      <c r="N322503" s="10"/>
    </row>
    <row r="322504" spans="14:14">
      <c r="N322504" s="10"/>
    </row>
    <row r="322505" spans="14:14">
      <c r="N322505" s="10"/>
    </row>
    <row r="322506" spans="14:14">
      <c r="N322506" s="10"/>
    </row>
    <row r="322507" spans="14:14">
      <c r="N322507" s="10"/>
    </row>
    <row r="322508" spans="14:14">
      <c r="N322508" s="10"/>
    </row>
    <row r="322509" spans="14:14">
      <c r="N322509" s="10"/>
    </row>
    <row r="322510" spans="14:14">
      <c r="N322510" s="10"/>
    </row>
    <row r="322511" spans="14:14">
      <c r="N322511" s="10"/>
    </row>
    <row r="322512" spans="14:14">
      <c r="N322512" s="10"/>
    </row>
    <row r="322513" spans="14:14">
      <c r="N322513" s="10"/>
    </row>
    <row r="322514" spans="14:14">
      <c r="N322514" s="10"/>
    </row>
    <row r="322515" spans="14:14">
      <c r="N322515" s="10"/>
    </row>
    <row r="322516" spans="14:14">
      <c r="N322516" s="10"/>
    </row>
    <row r="322517" spans="14:14">
      <c r="N322517" s="10"/>
    </row>
    <row r="322518" spans="14:14">
      <c r="N322518" s="10"/>
    </row>
    <row r="322519" spans="14:14">
      <c r="N322519" s="10"/>
    </row>
    <row r="322520" spans="14:14">
      <c r="N322520" s="10"/>
    </row>
    <row r="322521" spans="14:14">
      <c r="N322521" s="10"/>
    </row>
    <row r="322522" spans="14:14">
      <c r="N322522" s="10"/>
    </row>
    <row r="322523" spans="14:14">
      <c r="N322523" s="10"/>
    </row>
    <row r="322524" spans="14:14">
      <c r="N322524" s="10"/>
    </row>
    <row r="322525" spans="14:14">
      <c r="N322525" s="10"/>
    </row>
    <row r="322526" spans="14:14">
      <c r="N322526" s="10"/>
    </row>
    <row r="322527" spans="14:14">
      <c r="N322527" s="10"/>
    </row>
    <row r="322528" spans="14:14">
      <c r="N322528" s="10"/>
    </row>
    <row r="322529" spans="14:14">
      <c r="N322529" s="10"/>
    </row>
    <row r="322530" spans="14:14">
      <c r="N322530" s="10"/>
    </row>
    <row r="322531" spans="14:14">
      <c r="N322531" s="10"/>
    </row>
    <row r="322532" spans="14:14">
      <c r="N322532" s="10"/>
    </row>
    <row r="322533" spans="14:14">
      <c r="N322533" s="10"/>
    </row>
    <row r="322534" spans="14:14">
      <c r="N322534" s="10"/>
    </row>
    <row r="322535" spans="14:14">
      <c r="N322535" s="10"/>
    </row>
    <row r="322536" spans="14:14">
      <c r="N322536" s="10"/>
    </row>
    <row r="322537" spans="14:14">
      <c r="N322537" s="10"/>
    </row>
    <row r="322538" spans="14:14">
      <c r="N322538" s="10"/>
    </row>
    <row r="322539" spans="14:14">
      <c r="N322539" s="10"/>
    </row>
    <row r="322540" spans="14:14">
      <c r="N322540" s="10"/>
    </row>
    <row r="322541" spans="14:14">
      <c r="N322541" s="10"/>
    </row>
    <row r="322542" spans="14:14">
      <c r="N322542" s="10"/>
    </row>
    <row r="322543" spans="14:14">
      <c r="N322543" s="10"/>
    </row>
    <row r="322544" spans="14:14">
      <c r="N322544" s="10"/>
    </row>
    <row r="322545" spans="14:14">
      <c r="N322545" s="10"/>
    </row>
    <row r="322546" spans="14:14">
      <c r="N322546" s="10"/>
    </row>
    <row r="322547" spans="14:14">
      <c r="N322547" s="10"/>
    </row>
    <row r="322548" spans="14:14">
      <c r="N322548" s="10"/>
    </row>
    <row r="322549" spans="14:14">
      <c r="N322549" s="10"/>
    </row>
    <row r="322550" spans="14:14">
      <c r="N322550" s="10"/>
    </row>
    <row r="322551" spans="14:14">
      <c r="N322551" s="10"/>
    </row>
    <row r="322552" spans="14:14">
      <c r="N322552" s="10"/>
    </row>
    <row r="322553" spans="14:14">
      <c r="N322553" s="10"/>
    </row>
    <row r="322554" spans="14:14">
      <c r="N322554" s="10"/>
    </row>
    <row r="322555" spans="14:14">
      <c r="N322555" s="10"/>
    </row>
    <row r="322556" spans="14:14">
      <c r="N322556" s="10"/>
    </row>
    <row r="322557" spans="14:14">
      <c r="N322557" s="10"/>
    </row>
    <row r="322558" spans="14:14">
      <c r="N322558" s="10"/>
    </row>
    <row r="322559" spans="14:14">
      <c r="N322559" s="10"/>
    </row>
    <row r="322560" spans="14:14">
      <c r="N322560" s="10"/>
    </row>
    <row r="322561" spans="14:14">
      <c r="N322561" s="10"/>
    </row>
    <row r="322562" spans="14:14">
      <c r="N322562" s="10"/>
    </row>
    <row r="322563" spans="14:14">
      <c r="N322563" s="10"/>
    </row>
    <row r="322564" spans="14:14">
      <c r="N322564" s="10"/>
    </row>
    <row r="322565" spans="14:14">
      <c r="N322565" s="10"/>
    </row>
    <row r="322566" spans="14:14">
      <c r="N322566" s="10"/>
    </row>
    <row r="322567" spans="14:14">
      <c r="N322567" s="10"/>
    </row>
    <row r="322568" spans="14:14">
      <c r="N322568" s="10"/>
    </row>
    <row r="322569" spans="14:14">
      <c r="N322569" s="10"/>
    </row>
    <row r="322570" spans="14:14">
      <c r="N322570" s="10"/>
    </row>
    <row r="322571" spans="14:14">
      <c r="N322571" s="10"/>
    </row>
    <row r="322572" spans="14:14">
      <c r="N322572" s="10"/>
    </row>
    <row r="322573" spans="14:14">
      <c r="N322573" s="10"/>
    </row>
    <row r="322574" spans="14:14">
      <c r="N322574" s="10"/>
    </row>
    <row r="322575" spans="14:14">
      <c r="N322575" s="10"/>
    </row>
    <row r="322576" spans="14:14">
      <c r="N322576" s="10"/>
    </row>
    <row r="322577" spans="14:14">
      <c r="N322577" s="10"/>
    </row>
    <row r="322578" spans="14:14">
      <c r="N322578" s="10"/>
    </row>
    <row r="322579" spans="14:14">
      <c r="N322579" s="10"/>
    </row>
    <row r="322580" spans="14:14">
      <c r="N322580" s="10"/>
    </row>
    <row r="322581" spans="14:14">
      <c r="N322581" s="10"/>
    </row>
    <row r="322582" spans="14:14">
      <c r="N322582" s="10"/>
    </row>
    <row r="322583" spans="14:14">
      <c r="N322583" s="10"/>
    </row>
    <row r="322584" spans="14:14">
      <c r="N322584" s="10"/>
    </row>
    <row r="322585" spans="14:14">
      <c r="N322585" s="10"/>
    </row>
    <row r="322586" spans="14:14">
      <c r="N322586" s="10"/>
    </row>
    <row r="322587" spans="14:14">
      <c r="N322587" s="10"/>
    </row>
    <row r="322588" spans="14:14">
      <c r="N322588" s="10"/>
    </row>
    <row r="322589" spans="14:14">
      <c r="N322589" s="10"/>
    </row>
    <row r="322590" spans="14:14">
      <c r="N322590" s="10"/>
    </row>
    <row r="322591" spans="14:14">
      <c r="N322591" s="10"/>
    </row>
    <row r="322592" spans="14:14">
      <c r="N322592" s="10"/>
    </row>
    <row r="322593" spans="14:14">
      <c r="N322593" s="10"/>
    </row>
    <row r="322594" spans="14:14">
      <c r="N322594" s="10"/>
    </row>
    <row r="322595" spans="14:14">
      <c r="N322595" s="10"/>
    </row>
    <row r="322596" spans="14:14">
      <c r="N322596" s="10"/>
    </row>
    <row r="322597" spans="14:14">
      <c r="N322597" s="10"/>
    </row>
    <row r="322598" spans="14:14">
      <c r="N322598" s="10"/>
    </row>
    <row r="322599" spans="14:14">
      <c r="N322599" s="10"/>
    </row>
    <row r="322600" spans="14:14">
      <c r="N322600" s="10"/>
    </row>
    <row r="322601" spans="14:14">
      <c r="N322601" s="10"/>
    </row>
    <row r="322602" spans="14:14">
      <c r="N322602" s="10"/>
    </row>
    <row r="322603" spans="14:14">
      <c r="N322603" s="10"/>
    </row>
    <row r="322604" spans="14:14">
      <c r="N322604" s="10"/>
    </row>
    <row r="322605" spans="14:14">
      <c r="N322605" s="10"/>
    </row>
    <row r="322606" spans="14:14">
      <c r="N322606" s="10"/>
    </row>
    <row r="322607" spans="14:14">
      <c r="N322607" s="10"/>
    </row>
    <row r="322608" spans="14:14">
      <c r="N322608" s="10"/>
    </row>
    <row r="322609" spans="14:14">
      <c r="N322609" s="10"/>
    </row>
    <row r="322610" spans="14:14">
      <c r="N322610" s="10"/>
    </row>
    <row r="322611" spans="14:14">
      <c r="N322611" s="10"/>
    </row>
    <row r="322612" spans="14:14">
      <c r="N322612" s="10"/>
    </row>
    <row r="322613" spans="14:14">
      <c r="N322613" s="10"/>
    </row>
    <row r="322614" spans="14:14">
      <c r="N322614" s="10"/>
    </row>
    <row r="322615" spans="14:14">
      <c r="N322615" s="10"/>
    </row>
    <row r="322616" spans="14:14">
      <c r="N322616" s="10"/>
    </row>
    <row r="322617" spans="14:14">
      <c r="N322617" s="10"/>
    </row>
    <row r="322618" spans="14:14">
      <c r="N322618" s="10"/>
    </row>
    <row r="322619" spans="14:14">
      <c r="N322619" s="10"/>
    </row>
    <row r="322620" spans="14:14">
      <c r="N322620" s="10"/>
    </row>
    <row r="322621" spans="14:14">
      <c r="N322621" s="10"/>
    </row>
    <row r="322622" spans="14:14">
      <c r="N322622" s="10"/>
    </row>
    <row r="322623" spans="14:14">
      <c r="N322623" s="10"/>
    </row>
    <row r="322624" spans="14:14">
      <c r="N322624" s="10"/>
    </row>
    <row r="322625" spans="14:14">
      <c r="N322625" s="10"/>
    </row>
    <row r="322626" spans="14:14">
      <c r="N322626" s="10"/>
    </row>
    <row r="322627" spans="14:14">
      <c r="N322627" s="10"/>
    </row>
    <row r="322628" spans="14:14">
      <c r="N322628" s="10"/>
    </row>
    <row r="322629" spans="14:14">
      <c r="N322629" s="10"/>
    </row>
    <row r="322630" spans="14:14">
      <c r="N322630" s="10"/>
    </row>
    <row r="322631" spans="14:14">
      <c r="N322631" s="10"/>
    </row>
    <row r="322632" spans="14:14">
      <c r="N322632" s="10"/>
    </row>
    <row r="322633" spans="14:14">
      <c r="N322633" s="10"/>
    </row>
    <row r="322634" spans="14:14">
      <c r="N322634" s="10"/>
    </row>
    <row r="322635" spans="14:14">
      <c r="N322635" s="10"/>
    </row>
    <row r="322636" spans="14:14">
      <c r="N322636" s="10"/>
    </row>
    <row r="322637" spans="14:14">
      <c r="N322637" s="10"/>
    </row>
    <row r="322638" spans="14:14">
      <c r="N322638" s="10"/>
    </row>
    <row r="322639" spans="14:14">
      <c r="N322639" s="10"/>
    </row>
    <row r="322640" spans="14:14">
      <c r="N322640" s="10"/>
    </row>
    <row r="322641" spans="14:14">
      <c r="N322641" s="10"/>
    </row>
    <row r="322642" spans="14:14">
      <c r="N322642" s="10"/>
    </row>
    <row r="322643" spans="14:14">
      <c r="N322643" s="10"/>
    </row>
    <row r="322644" spans="14:14">
      <c r="N322644" s="10"/>
    </row>
    <row r="322645" spans="14:14">
      <c r="N322645" s="10"/>
    </row>
    <row r="322646" spans="14:14">
      <c r="N322646" s="10"/>
    </row>
    <row r="322647" spans="14:14">
      <c r="N322647" s="10"/>
    </row>
    <row r="322648" spans="14:14">
      <c r="N322648" s="10"/>
    </row>
    <row r="322649" spans="14:14">
      <c r="N322649" s="10"/>
    </row>
    <row r="322650" spans="14:14">
      <c r="N322650" s="10"/>
    </row>
    <row r="322651" spans="14:14">
      <c r="N322651" s="10"/>
    </row>
    <row r="322652" spans="14:14">
      <c r="N322652" s="10"/>
    </row>
    <row r="322653" spans="14:14">
      <c r="N322653" s="10"/>
    </row>
    <row r="322654" spans="14:14">
      <c r="N322654" s="10"/>
    </row>
    <row r="322655" spans="14:14">
      <c r="N322655" s="10"/>
    </row>
    <row r="322656" spans="14:14">
      <c r="N322656" s="10"/>
    </row>
    <row r="322657" spans="14:14">
      <c r="N322657" s="10"/>
    </row>
    <row r="322658" spans="14:14">
      <c r="N322658" s="10"/>
    </row>
    <row r="322659" spans="14:14">
      <c r="N322659" s="10"/>
    </row>
    <row r="322660" spans="14:14">
      <c r="N322660" s="10"/>
    </row>
    <row r="322661" spans="14:14">
      <c r="N322661" s="10"/>
    </row>
    <row r="322662" spans="14:14">
      <c r="N322662" s="10"/>
    </row>
    <row r="322663" spans="14:14">
      <c r="N322663" s="10"/>
    </row>
    <row r="322664" spans="14:14">
      <c r="N322664" s="10"/>
    </row>
    <row r="322665" spans="14:14">
      <c r="N322665" s="10"/>
    </row>
    <row r="322666" spans="14:14">
      <c r="N322666" s="10"/>
    </row>
    <row r="322667" spans="14:14">
      <c r="N322667" s="10"/>
    </row>
    <row r="322668" spans="14:14">
      <c r="N322668" s="10"/>
    </row>
    <row r="322669" spans="14:14">
      <c r="N322669" s="10"/>
    </row>
    <row r="322670" spans="14:14">
      <c r="N322670" s="10"/>
    </row>
    <row r="322671" spans="14:14">
      <c r="N322671" s="10"/>
    </row>
    <row r="322672" spans="14:14">
      <c r="N322672" s="10"/>
    </row>
    <row r="322673" spans="14:14">
      <c r="N322673" s="10"/>
    </row>
    <row r="322674" spans="14:14">
      <c r="N322674" s="10"/>
    </row>
    <row r="322675" spans="14:14">
      <c r="N322675" s="10"/>
    </row>
    <row r="322676" spans="14:14">
      <c r="N322676" s="10"/>
    </row>
    <row r="322677" spans="14:14">
      <c r="N322677" s="10"/>
    </row>
    <row r="322678" spans="14:14">
      <c r="N322678" s="10"/>
    </row>
    <row r="322679" spans="14:14">
      <c r="N322679" s="10"/>
    </row>
    <row r="322680" spans="14:14">
      <c r="N322680" s="10"/>
    </row>
    <row r="322681" spans="14:14">
      <c r="N322681" s="10"/>
    </row>
    <row r="322682" spans="14:14">
      <c r="N322682" s="10"/>
    </row>
    <row r="322683" spans="14:14">
      <c r="N322683" s="10"/>
    </row>
    <row r="322684" spans="14:14">
      <c r="N322684" s="10"/>
    </row>
    <row r="322685" spans="14:14">
      <c r="N322685" s="10"/>
    </row>
    <row r="322686" spans="14:14">
      <c r="N322686" s="10"/>
    </row>
    <row r="322687" spans="14:14">
      <c r="N322687" s="10"/>
    </row>
    <row r="322688" spans="14:14">
      <c r="N322688" s="10"/>
    </row>
    <row r="322689" spans="14:14">
      <c r="N322689" s="10"/>
    </row>
    <row r="322690" spans="14:14">
      <c r="N322690" s="10"/>
    </row>
    <row r="322691" spans="14:14">
      <c r="N322691" s="10"/>
    </row>
    <row r="322692" spans="14:14">
      <c r="N322692" s="10"/>
    </row>
    <row r="322693" spans="14:14">
      <c r="N322693" s="10"/>
    </row>
    <row r="322694" spans="14:14">
      <c r="N322694" s="10"/>
    </row>
    <row r="322695" spans="14:14">
      <c r="N322695" s="10"/>
    </row>
    <row r="322696" spans="14:14">
      <c r="N322696" s="10"/>
    </row>
    <row r="322697" spans="14:14">
      <c r="N322697" s="10"/>
    </row>
    <row r="322698" spans="14:14">
      <c r="N322698" s="10"/>
    </row>
    <row r="322699" spans="14:14">
      <c r="N322699" s="10"/>
    </row>
    <row r="322700" spans="14:14">
      <c r="N322700" s="10"/>
    </row>
    <row r="322701" spans="14:14">
      <c r="N322701" s="10"/>
    </row>
    <row r="322702" spans="14:14">
      <c r="N322702" s="10"/>
    </row>
    <row r="322703" spans="14:14">
      <c r="N322703" s="10"/>
    </row>
    <row r="322704" spans="14:14">
      <c r="N322704" s="10"/>
    </row>
    <row r="322705" spans="14:14">
      <c r="N322705" s="10"/>
    </row>
    <row r="322706" spans="14:14">
      <c r="N322706" s="10"/>
    </row>
    <row r="322707" spans="14:14">
      <c r="N322707" s="10"/>
    </row>
    <row r="322708" spans="14:14">
      <c r="N322708" s="10"/>
    </row>
    <row r="322709" spans="14:14">
      <c r="N322709" s="10"/>
    </row>
    <row r="322710" spans="14:14">
      <c r="N322710" s="10"/>
    </row>
    <row r="322711" spans="14:14">
      <c r="N322711" s="10"/>
    </row>
    <row r="322712" spans="14:14">
      <c r="N322712" s="10"/>
    </row>
    <row r="322713" spans="14:14">
      <c r="N322713" s="10"/>
    </row>
    <row r="322714" spans="14:14">
      <c r="N322714" s="10"/>
    </row>
    <row r="322715" spans="14:14">
      <c r="N322715" s="10"/>
    </row>
    <row r="322716" spans="14:14">
      <c r="N322716" s="10"/>
    </row>
    <row r="322717" spans="14:14">
      <c r="N322717" s="10"/>
    </row>
    <row r="322718" spans="14:14">
      <c r="N322718" s="10"/>
    </row>
    <row r="322719" spans="14:14">
      <c r="N322719" s="10"/>
    </row>
    <row r="322720" spans="14:14">
      <c r="N322720" s="10"/>
    </row>
    <row r="322721" spans="14:14">
      <c r="N322721" s="10"/>
    </row>
    <row r="322722" spans="14:14">
      <c r="N322722" s="10"/>
    </row>
    <row r="322723" spans="14:14">
      <c r="N322723" s="10"/>
    </row>
    <row r="322724" spans="14:14">
      <c r="N322724" s="10"/>
    </row>
    <row r="322725" spans="14:14">
      <c r="N322725" s="10"/>
    </row>
    <row r="322726" spans="14:14">
      <c r="N322726" s="10"/>
    </row>
    <row r="322727" spans="14:14">
      <c r="N322727" s="10"/>
    </row>
    <row r="322728" spans="14:14">
      <c r="N322728" s="10"/>
    </row>
    <row r="322729" spans="14:14">
      <c r="N322729" s="10"/>
    </row>
    <row r="322730" spans="14:14">
      <c r="N322730" s="10"/>
    </row>
    <row r="322731" spans="14:14">
      <c r="N322731" s="10"/>
    </row>
    <row r="322732" spans="14:14">
      <c r="N322732" s="10"/>
    </row>
    <row r="322733" spans="14:14">
      <c r="N322733" s="10"/>
    </row>
    <row r="322734" spans="14:14">
      <c r="N322734" s="10"/>
    </row>
    <row r="322735" spans="14:14">
      <c r="N322735" s="10"/>
    </row>
    <row r="322736" spans="14:14">
      <c r="N322736" s="10"/>
    </row>
    <row r="322737" spans="14:14">
      <c r="N322737" s="10"/>
    </row>
    <row r="322738" spans="14:14">
      <c r="N322738" s="10"/>
    </row>
    <row r="322739" spans="14:14">
      <c r="N322739" s="10"/>
    </row>
    <row r="322740" spans="14:14">
      <c r="N322740" s="10"/>
    </row>
    <row r="322741" spans="14:14">
      <c r="N322741" s="10"/>
    </row>
    <row r="322742" spans="14:14">
      <c r="N322742" s="10"/>
    </row>
    <row r="322743" spans="14:14">
      <c r="N322743" s="10"/>
    </row>
    <row r="322744" spans="14:14">
      <c r="N322744" s="10"/>
    </row>
    <row r="322745" spans="14:14">
      <c r="N322745" s="10"/>
    </row>
    <row r="322746" spans="14:14">
      <c r="N322746" s="10"/>
    </row>
    <row r="322747" spans="14:14">
      <c r="N322747" s="10"/>
    </row>
    <row r="322748" spans="14:14">
      <c r="N322748" s="10"/>
    </row>
    <row r="322749" spans="14:14">
      <c r="N322749" s="10"/>
    </row>
    <row r="322750" spans="14:14">
      <c r="N322750" s="10"/>
    </row>
    <row r="322751" spans="14:14">
      <c r="N322751" s="10"/>
    </row>
    <row r="322752" spans="14:14">
      <c r="N322752" s="10"/>
    </row>
    <row r="322753" spans="14:14">
      <c r="N322753" s="10"/>
    </row>
    <row r="322754" spans="14:14">
      <c r="N322754" s="10"/>
    </row>
    <row r="322755" spans="14:14">
      <c r="N322755" s="10"/>
    </row>
    <row r="322756" spans="14:14">
      <c r="N322756" s="10"/>
    </row>
    <row r="322757" spans="14:14">
      <c r="N322757" s="10"/>
    </row>
    <row r="322758" spans="14:14">
      <c r="N322758" s="10"/>
    </row>
    <row r="322759" spans="14:14">
      <c r="N322759" s="10"/>
    </row>
    <row r="322760" spans="14:14">
      <c r="N322760" s="10"/>
    </row>
    <row r="322761" spans="14:14">
      <c r="N322761" s="10"/>
    </row>
    <row r="322762" spans="14:14">
      <c r="N322762" s="10"/>
    </row>
    <row r="322763" spans="14:14">
      <c r="N322763" s="10"/>
    </row>
    <row r="322764" spans="14:14">
      <c r="N322764" s="10"/>
    </row>
    <row r="322765" spans="14:14">
      <c r="N322765" s="10"/>
    </row>
    <row r="322766" spans="14:14">
      <c r="N322766" s="10"/>
    </row>
    <row r="322767" spans="14:14">
      <c r="N322767" s="10"/>
    </row>
    <row r="322768" spans="14:14">
      <c r="N322768" s="10"/>
    </row>
    <row r="322769" spans="14:14">
      <c r="N322769" s="10"/>
    </row>
    <row r="322770" spans="14:14">
      <c r="N322770" s="10"/>
    </row>
    <row r="322771" spans="14:14">
      <c r="N322771" s="10"/>
    </row>
    <row r="322772" spans="14:14">
      <c r="N322772" s="10"/>
    </row>
    <row r="322773" spans="14:14">
      <c r="N322773" s="10"/>
    </row>
    <row r="322774" spans="14:14">
      <c r="N322774" s="10"/>
    </row>
    <row r="322775" spans="14:14">
      <c r="N322775" s="10"/>
    </row>
    <row r="322776" spans="14:14">
      <c r="N322776" s="10"/>
    </row>
    <row r="322777" spans="14:14">
      <c r="N322777" s="10"/>
    </row>
    <row r="322778" spans="14:14">
      <c r="N322778" s="10"/>
    </row>
    <row r="322779" spans="14:14">
      <c r="N322779" s="10"/>
    </row>
    <row r="322780" spans="14:14">
      <c r="N322780" s="10"/>
    </row>
    <row r="322781" spans="14:14">
      <c r="N322781" s="10"/>
    </row>
    <row r="322782" spans="14:14">
      <c r="N322782" s="10"/>
    </row>
    <row r="322783" spans="14:14">
      <c r="N322783" s="10"/>
    </row>
    <row r="322784" spans="14:14">
      <c r="N322784" s="10"/>
    </row>
    <row r="322785" spans="14:14">
      <c r="N322785" s="10"/>
    </row>
    <row r="322786" spans="14:14">
      <c r="N322786" s="10"/>
    </row>
    <row r="322787" spans="14:14">
      <c r="N322787" s="10"/>
    </row>
    <row r="322788" spans="14:14">
      <c r="N322788" s="10"/>
    </row>
    <row r="322789" spans="14:14">
      <c r="N322789" s="10"/>
    </row>
    <row r="322790" spans="14:14">
      <c r="N322790" s="10"/>
    </row>
    <row r="322791" spans="14:14">
      <c r="N322791" s="10"/>
    </row>
    <row r="322792" spans="14:14">
      <c r="N322792" s="10"/>
    </row>
    <row r="322793" spans="14:14">
      <c r="N322793" s="10"/>
    </row>
    <row r="322794" spans="14:14">
      <c r="N322794" s="10"/>
    </row>
    <row r="322795" spans="14:14">
      <c r="N322795" s="10"/>
    </row>
    <row r="322796" spans="14:14">
      <c r="N322796" s="10"/>
    </row>
    <row r="322797" spans="14:14">
      <c r="N322797" s="10"/>
    </row>
    <row r="322798" spans="14:14">
      <c r="N322798" s="10"/>
    </row>
    <row r="322799" spans="14:14">
      <c r="N322799" s="10"/>
    </row>
    <row r="322800" spans="14:14">
      <c r="N322800" s="10"/>
    </row>
    <row r="322801" spans="14:14">
      <c r="N322801" s="10"/>
    </row>
    <row r="322802" spans="14:14">
      <c r="N322802" s="10"/>
    </row>
    <row r="322803" spans="14:14">
      <c r="N322803" s="10"/>
    </row>
    <row r="322804" spans="14:14">
      <c r="N322804" s="10"/>
    </row>
    <row r="322805" spans="14:14">
      <c r="N322805" s="10"/>
    </row>
    <row r="322806" spans="14:14">
      <c r="N322806" s="10"/>
    </row>
    <row r="322807" spans="14:14">
      <c r="N322807" s="10"/>
    </row>
    <row r="322808" spans="14:14">
      <c r="N322808" s="10"/>
    </row>
    <row r="322809" spans="14:14">
      <c r="N322809" s="10"/>
    </row>
    <row r="322810" spans="14:14">
      <c r="N322810" s="10"/>
    </row>
    <row r="322811" spans="14:14">
      <c r="N322811" s="10"/>
    </row>
    <row r="322812" spans="14:14">
      <c r="N322812" s="10"/>
    </row>
    <row r="322813" spans="14:14">
      <c r="N322813" s="10"/>
    </row>
    <row r="322814" spans="14:14">
      <c r="N322814" s="10"/>
    </row>
    <row r="322815" spans="14:14">
      <c r="N322815" s="10"/>
    </row>
    <row r="322816" spans="14:14">
      <c r="N322816" s="10"/>
    </row>
    <row r="322817" spans="14:14">
      <c r="N322817" s="10"/>
    </row>
    <row r="322818" spans="14:14">
      <c r="N322818" s="10"/>
    </row>
    <row r="322819" spans="14:14">
      <c r="N322819" s="10"/>
    </row>
    <row r="322820" spans="14:14">
      <c r="N322820" s="10"/>
    </row>
    <row r="322821" spans="14:14">
      <c r="N322821" s="10"/>
    </row>
    <row r="322822" spans="14:14">
      <c r="N322822" s="10"/>
    </row>
    <row r="322823" spans="14:14">
      <c r="N322823" s="10"/>
    </row>
    <row r="322824" spans="14:14">
      <c r="N322824" s="10"/>
    </row>
    <row r="322825" spans="14:14">
      <c r="N322825" s="10"/>
    </row>
    <row r="322826" spans="14:14">
      <c r="N322826" s="10"/>
    </row>
    <row r="322827" spans="14:14">
      <c r="N322827" s="10"/>
    </row>
    <row r="322828" spans="14:14">
      <c r="N322828" s="10"/>
    </row>
    <row r="322829" spans="14:14">
      <c r="N322829" s="10"/>
    </row>
    <row r="322830" spans="14:14">
      <c r="N322830" s="10"/>
    </row>
    <row r="322831" spans="14:14">
      <c r="N322831" s="10"/>
    </row>
    <row r="322832" spans="14:14">
      <c r="N322832" s="10"/>
    </row>
    <row r="322833" spans="14:14">
      <c r="N322833" s="10"/>
    </row>
    <row r="322834" spans="14:14">
      <c r="N322834" s="10"/>
    </row>
    <row r="322835" spans="14:14">
      <c r="N322835" s="10"/>
    </row>
    <row r="322836" spans="14:14">
      <c r="N322836" s="10"/>
    </row>
    <row r="322837" spans="14:14">
      <c r="N322837" s="10"/>
    </row>
    <row r="322838" spans="14:14">
      <c r="N322838" s="10"/>
    </row>
    <row r="322839" spans="14:14">
      <c r="N322839" s="10"/>
    </row>
    <row r="322840" spans="14:14">
      <c r="N322840" s="10"/>
    </row>
    <row r="322841" spans="14:14">
      <c r="N322841" s="10"/>
    </row>
    <row r="322842" spans="14:14">
      <c r="N322842" s="10"/>
    </row>
    <row r="322843" spans="14:14">
      <c r="N322843" s="10"/>
    </row>
    <row r="322844" spans="14:14">
      <c r="N322844" s="10"/>
    </row>
    <row r="322845" spans="14:14">
      <c r="N322845" s="10"/>
    </row>
    <row r="322846" spans="14:14">
      <c r="N322846" s="10"/>
    </row>
    <row r="322847" spans="14:14">
      <c r="N322847" s="10"/>
    </row>
    <row r="322848" spans="14:14">
      <c r="N322848" s="10"/>
    </row>
    <row r="322849" spans="14:14">
      <c r="N322849" s="10"/>
    </row>
    <row r="322850" spans="14:14">
      <c r="N322850" s="10"/>
    </row>
    <row r="322851" spans="14:14">
      <c r="N322851" s="10"/>
    </row>
    <row r="322852" spans="14:14">
      <c r="N322852" s="10"/>
    </row>
    <row r="322853" spans="14:14">
      <c r="N322853" s="10"/>
    </row>
    <row r="322854" spans="14:14">
      <c r="N322854" s="10"/>
    </row>
    <row r="322855" spans="14:14">
      <c r="N322855" s="10"/>
    </row>
    <row r="322856" spans="14:14">
      <c r="N322856" s="10"/>
    </row>
    <row r="322857" spans="14:14">
      <c r="N322857" s="10"/>
    </row>
    <row r="322858" spans="14:14">
      <c r="N322858" s="10"/>
    </row>
    <row r="322859" spans="14:14">
      <c r="N322859" s="10"/>
    </row>
    <row r="322860" spans="14:14">
      <c r="N322860" s="10"/>
    </row>
    <row r="322861" spans="14:14">
      <c r="N322861" s="10"/>
    </row>
    <row r="322862" spans="14:14">
      <c r="N322862" s="10"/>
    </row>
    <row r="322863" spans="14:14">
      <c r="N322863" s="10"/>
    </row>
    <row r="322864" spans="14:14">
      <c r="N322864" s="10"/>
    </row>
    <row r="322865" spans="14:14">
      <c r="N322865" s="10"/>
    </row>
    <row r="322866" spans="14:14">
      <c r="N322866" s="10"/>
    </row>
    <row r="322867" spans="14:14">
      <c r="N322867" s="10"/>
    </row>
    <row r="322868" spans="14:14">
      <c r="N322868" s="10"/>
    </row>
    <row r="322869" spans="14:14">
      <c r="N322869" s="10"/>
    </row>
    <row r="322870" spans="14:14">
      <c r="N322870" s="10"/>
    </row>
    <row r="322871" spans="14:14">
      <c r="N322871" s="10"/>
    </row>
    <row r="322872" spans="14:14">
      <c r="N322872" s="10"/>
    </row>
    <row r="322873" spans="14:14">
      <c r="N322873" s="10"/>
    </row>
    <row r="322874" spans="14:14">
      <c r="N322874" s="10"/>
    </row>
    <row r="322875" spans="14:14">
      <c r="N322875" s="10"/>
    </row>
    <row r="322876" spans="14:14">
      <c r="N322876" s="10"/>
    </row>
    <row r="322877" spans="14:14">
      <c r="N322877" s="10"/>
    </row>
    <row r="322878" spans="14:14">
      <c r="N322878" s="10"/>
    </row>
    <row r="322879" spans="14:14">
      <c r="N322879" s="10"/>
    </row>
    <row r="322880" spans="14:14">
      <c r="N322880" s="10"/>
    </row>
    <row r="322881" spans="14:14">
      <c r="N322881" s="10"/>
    </row>
    <row r="322882" spans="14:14">
      <c r="N322882" s="10"/>
    </row>
    <row r="322883" spans="14:14">
      <c r="N322883" s="10"/>
    </row>
    <row r="322884" spans="14:14">
      <c r="N322884" s="10"/>
    </row>
    <row r="322885" spans="14:14">
      <c r="N322885" s="10"/>
    </row>
    <row r="322886" spans="14:14">
      <c r="N322886" s="10"/>
    </row>
    <row r="322887" spans="14:14">
      <c r="N322887" s="10"/>
    </row>
    <row r="322888" spans="14:14">
      <c r="N322888" s="10"/>
    </row>
    <row r="322889" spans="14:14">
      <c r="N322889" s="10"/>
    </row>
    <row r="322890" spans="14:14">
      <c r="N322890" s="10"/>
    </row>
    <row r="322891" spans="14:14">
      <c r="N322891" s="10"/>
    </row>
    <row r="322892" spans="14:14">
      <c r="N322892" s="10"/>
    </row>
    <row r="322893" spans="14:14">
      <c r="N322893" s="10"/>
    </row>
    <row r="322894" spans="14:14">
      <c r="N322894" s="10"/>
    </row>
    <row r="322895" spans="14:14">
      <c r="N322895" s="10"/>
    </row>
    <row r="322896" spans="14:14">
      <c r="N322896" s="10"/>
    </row>
    <row r="322897" spans="14:14">
      <c r="N322897" s="10"/>
    </row>
    <row r="322898" spans="14:14">
      <c r="N322898" s="10"/>
    </row>
    <row r="322899" spans="14:14">
      <c r="N322899" s="10"/>
    </row>
    <row r="322900" spans="14:14">
      <c r="N322900" s="10"/>
    </row>
    <row r="322901" spans="14:14">
      <c r="N322901" s="10"/>
    </row>
    <row r="322902" spans="14:14">
      <c r="N322902" s="10"/>
    </row>
    <row r="322903" spans="14:14">
      <c r="N322903" s="10"/>
    </row>
    <row r="322904" spans="14:14">
      <c r="N322904" s="10"/>
    </row>
    <row r="322905" spans="14:14">
      <c r="N322905" s="10"/>
    </row>
    <row r="322906" spans="14:14">
      <c r="N322906" s="10"/>
    </row>
    <row r="322907" spans="14:14">
      <c r="N322907" s="10"/>
    </row>
    <row r="322908" spans="14:14">
      <c r="N322908" s="10"/>
    </row>
    <row r="322909" spans="14:14">
      <c r="N322909" s="10"/>
    </row>
    <row r="322910" spans="14:14">
      <c r="N322910" s="10"/>
    </row>
    <row r="322911" spans="14:14">
      <c r="N322911" s="10"/>
    </row>
    <row r="322912" spans="14:14">
      <c r="N322912" s="10"/>
    </row>
    <row r="322913" spans="14:14">
      <c r="N322913" s="10"/>
    </row>
    <row r="322914" spans="14:14">
      <c r="N322914" s="10"/>
    </row>
    <row r="322915" spans="14:14">
      <c r="N322915" s="10"/>
    </row>
    <row r="322916" spans="14:14">
      <c r="N322916" s="10"/>
    </row>
    <row r="322917" spans="14:14">
      <c r="N322917" s="10"/>
    </row>
    <row r="322918" spans="14:14">
      <c r="N322918" s="10"/>
    </row>
    <row r="322919" spans="14:14">
      <c r="N322919" s="10"/>
    </row>
    <row r="322920" spans="14:14">
      <c r="N322920" s="10"/>
    </row>
    <row r="322921" spans="14:14">
      <c r="N322921" s="10"/>
    </row>
    <row r="322922" spans="14:14">
      <c r="N322922" s="10"/>
    </row>
    <row r="322923" spans="14:14">
      <c r="N322923" s="10"/>
    </row>
    <row r="322924" spans="14:14">
      <c r="N322924" s="10"/>
    </row>
    <row r="322925" spans="14:14">
      <c r="N322925" s="10"/>
    </row>
    <row r="322926" spans="14:14">
      <c r="N322926" s="10"/>
    </row>
    <row r="322927" spans="14:14">
      <c r="N322927" s="10"/>
    </row>
    <row r="322928" spans="14:14">
      <c r="N322928" s="10"/>
    </row>
    <row r="322929" spans="14:14">
      <c r="N322929" s="10"/>
    </row>
    <row r="322930" spans="14:14">
      <c r="N322930" s="10"/>
    </row>
    <row r="322931" spans="14:14">
      <c r="N322931" s="10"/>
    </row>
    <row r="322932" spans="14:14">
      <c r="N322932" s="10"/>
    </row>
    <row r="322933" spans="14:14">
      <c r="N322933" s="10"/>
    </row>
    <row r="322934" spans="14:14">
      <c r="N322934" s="10"/>
    </row>
    <row r="322935" spans="14:14">
      <c r="N322935" s="10"/>
    </row>
    <row r="322936" spans="14:14">
      <c r="N322936" s="10"/>
    </row>
    <row r="322937" spans="14:14">
      <c r="N322937" s="10"/>
    </row>
    <row r="322938" spans="14:14">
      <c r="N322938" s="10"/>
    </row>
    <row r="322939" spans="14:14">
      <c r="N322939" s="10"/>
    </row>
    <row r="322940" spans="14:14">
      <c r="N322940" s="10"/>
    </row>
    <row r="322941" spans="14:14">
      <c r="N322941" s="10"/>
    </row>
    <row r="322942" spans="14:14">
      <c r="N322942" s="10"/>
    </row>
    <row r="322943" spans="14:14">
      <c r="N322943" s="10"/>
    </row>
    <row r="322944" spans="14:14">
      <c r="N322944" s="10"/>
    </row>
    <row r="322945" spans="14:14">
      <c r="N322945" s="10"/>
    </row>
    <row r="322946" spans="14:14">
      <c r="N322946" s="10"/>
    </row>
    <row r="322947" spans="14:14">
      <c r="N322947" s="10"/>
    </row>
    <row r="322948" spans="14:14">
      <c r="N322948" s="10"/>
    </row>
    <row r="322949" spans="14:14">
      <c r="N322949" s="10"/>
    </row>
    <row r="322950" spans="14:14">
      <c r="N322950" s="10"/>
    </row>
    <row r="322951" spans="14:14">
      <c r="N322951" s="10"/>
    </row>
    <row r="322952" spans="14:14">
      <c r="N322952" s="10"/>
    </row>
    <row r="322953" spans="14:14">
      <c r="N322953" s="10"/>
    </row>
    <row r="322954" spans="14:14">
      <c r="N322954" s="10"/>
    </row>
    <row r="322955" spans="14:14">
      <c r="N322955" s="10"/>
    </row>
    <row r="322956" spans="14:14">
      <c r="N322956" s="10"/>
    </row>
    <row r="322957" spans="14:14">
      <c r="N322957" s="10"/>
    </row>
    <row r="322958" spans="14:14">
      <c r="N322958" s="10"/>
    </row>
    <row r="322959" spans="14:14">
      <c r="N322959" s="10"/>
    </row>
    <row r="322960" spans="14:14">
      <c r="N322960" s="10"/>
    </row>
    <row r="322961" spans="14:14">
      <c r="N322961" s="10"/>
    </row>
    <row r="322962" spans="14:14">
      <c r="N322962" s="10"/>
    </row>
    <row r="322963" spans="14:14">
      <c r="N322963" s="10"/>
    </row>
    <row r="322964" spans="14:14">
      <c r="N322964" s="10"/>
    </row>
    <row r="322965" spans="14:14">
      <c r="N322965" s="10"/>
    </row>
    <row r="322966" spans="14:14">
      <c r="N322966" s="10"/>
    </row>
    <row r="322967" spans="14:14">
      <c r="N322967" s="10"/>
    </row>
    <row r="322968" spans="14:14">
      <c r="N322968" s="10"/>
    </row>
    <row r="322969" spans="14:14">
      <c r="N322969" s="10"/>
    </row>
    <row r="322970" spans="14:14">
      <c r="N322970" s="10"/>
    </row>
    <row r="322971" spans="14:14">
      <c r="N322971" s="10"/>
    </row>
    <row r="322972" spans="14:14">
      <c r="N322972" s="10"/>
    </row>
    <row r="322973" spans="14:14">
      <c r="N322973" s="10"/>
    </row>
    <row r="322974" spans="14:14">
      <c r="N322974" s="10"/>
    </row>
    <row r="322975" spans="14:14">
      <c r="N322975" s="10"/>
    </row>
    <row r="322976" spans="14:14">
      <c r="N322976" s="10"/>
    </row>
    <row r="322977" spans="14:14">
      <c r="N322977" s="10"/>
    </row>
    <row r="322978" spans="14:14">
      <c r="N322978" s="10"/>
    </row>
    <row r="322979" spans="14:14">
      <c r="N322979" s="10"/>
    </row>
    <row r="322980" spans="14:14">
      <c r="N322980" s="10"/>
    </row>
    <row r="322981" spans="14:14">
      <c r="N322981" s="10"/>
    </row>
    <row r="322982" spans="14:14">
      <c r="N322982" s="10"/>
    </row>
    <row r="322983" spans="14:14">
      <c r="N322983" s="10"/>
    </row>
    <row r="322984" spans="14:14">
      <c r="N322984" s="10"/>
    </row>
    <row r="322985" spans="14:14">
      <c r="N322985" s="10"/>
    </row>
    <row r="322986" spans="14:14">
      <c r="N322986" s="10"/>
    </row>
    <row r="322987" spans="14:14">
      <c r="N322987" s="10"/>
    </row>
    <row r="322988" spans="14:14">
      <c r="N322988" s="10"/>
    </row>
    <row r="322989" spans="14:14">
      <c r="N322989" s="10"/>
    </row>
    <row r="322990" spans="14:14">
      <c r="N322990" s="10"/>
    </row>
    <row r="322991" spans="14:14">
      <c r="N322991" s="10"/>
    </row>
    <row r="322992" spans="14:14">
      <c r="N322992" s="10"/>
    </row>
    <row r="322993" spans="14:14">
      <c r="N322993" s="10"/>
    </row>
    <row r="322994" spans="14:14">
      <c r="N322994" s="10"/>
    </row>
    <row r="322995" spans="14:14">
      <c r="N322995" s="10"/>
    </row>
    <row r="322996" spans="14:14">
      <c r="N322996" s="10"/>
    </row>
    <row r="322997" spans="14:14">
      <c r="N322997" s="10"/>
    </row>
    <row r="322998" spans="14:14">
      <c r="N322998" s="10"/>
    </row>
    <row r="322999" spans="14:14">
      <c r="N322999" s="10"/>
    </row>
    <row r="323000" spans="14:14">
      <c r="N323000" s="10"/>
    </row>
    <row r="323001" spans="14:14">
      <c r="N323001" s="10"/>
    </row>
    <row r="323002" spans="14:14">
      <c r="N323002" s="10"/>
    </row>
    <row r="323003" spans="14:14">
      <c r="N323003" s="10"/>
    </row>
    <row r="323004" spans="14:14">
      <c r="N323004" s="10"/>
    </row>
    <row r="323005" spans="14:14">
      <c r="N323005" s="10"/>
    </row>
    <row r="323006" spans="14:14">
      <c r="N323006" s="10"/>
    </row>
    <row r="323007" spans="14:14">
      <c r="N323007" s="10"/>
    </row>
    <row r="323008" spans="14:14">
      <c r="N323008" s="10"/>
    </row>
    <row r="323009" spans="14:14">
      <c r="N323009" s="10"/>
    </row>
    <row r="323010" spans="14:14">
      <c r="N323010" s="10"/>
    </row>
    <row r="323011" spans="14:14">
      <c r="N323011" s="10"/>
    </row>
    <row r="323012" spans="14:14">
      <c r="N323012" s="10"/>
    </row>
    <row r="323013" spans="14:14">
      <c r="N323013" s="10"/>
    </row>
    <row r="323014" spans="14:14">
      <c r="N323014" s="10"/>
    </row>
    <row r="323015" spans="14:14">
      <c r="N323015" s="10"/>
    </row>
    <row r="323016" spans="14:14">
      <c r="N323016" s="10"/>
    </row>
    <row r="323017" spans="14:14">
      <c r="N323017" s="10"/>
    </row>
    <row r="323018" spans="14:14">
      <c r="N323018" s="10"/>
    </row>
    <row r="323019" spans="14:14">
      <c r="N323019" s="10"/>
    </row>
    <row r="323020" spans="14:14">
      <c r="N323020" s="10"/>
    </row>
    <row r="323021" spans="14:14">
      <c r="N323021" s="10"/>
    </row>
    <row r="323022" spans="14:14">
      <c r="N323022" s="10"/>
    </row>
    <row r="323023" spans="14:14">
      <c r="N323023" s="10"/>
    </row>
    <row r="323024" spans="14:14">
      <c r="N323024" s="10"/>
    </row>
    <row r="323025" spans="14:14">
      <c r="N323025" s="10"/>
    </row>
    <row r="323026" spans="14:14">
      <c r="N323026" s="10"/>
    </row>
    <row r="323027" spans="14:14">
      <c r="N323027" s="10"/>
    </row>
    <row r="323028" spans="14:14">
      <c r="N323028" s="10"/>
    </row>
    <row r="323029" spans="14:14">
      <c r="N323029" s="10"/>
    </row>
    <row r="323030" spans="14:14">
      <c r="N323030" s="10"/>
    </row>
    <row r="323031" spans="14:14">
      <c r="N323031" s="10"/>
    </row>
    <row r="323032" spans="14:14">
      <c r="N323032" s="10"/>
    </row>
    <row r="323033" spans="14:14">
      <c r="N323033" s="10"/>
    </row>
    <row r="323034" spans="14:14">
      <c r="N323034" s="10"/>
    </row>
    <row r="323035" spans="14:14">
      <c r="N323035" s="10"/>
    </row>
    <row r="323036" spans="14:14">
      <c r="N323036" s="10"/>
    </row>
    <row r="323037" spans="14:14">
      <c r="N323037" s="10"/>
    </row>
    <row r="323038" spans="14:14">
      <c r="N323038" s="10"/>
    </row>
    <row r="323039" spans="14:14">
      <c r="N323039" s="10"/>
    </row>
    <row r="323040" spans="14:14">
      <c r="N323040" s="10"/>
    </row>
    <row r="323041" spans="14:14">
      <c r="N323041" s="10"/>
    </row>
    <row r="323042" spans="14:14">
      <c r="N323042" s="10"/>
    </row>
    <row r="323043" spans="14:14">
      <c r="N323043" s="10"/>
    </row>
    <row r="323044" spans="14:14">
      <c r="N323044" s="10"/>
    </row>
    <row r="323045" spans="14:14">
      <c r="N323045" s="10"/>
    </row>
    <row r="323046" spans="14:14">
      <c r="N323046" s="10"/>
    </row>
    <row r="323047" spans="14:14">
      <c r="N323047" s="10"/>
    </row>
    <row r="323048" spans="14:14">
      <c r="N323048" s="10"/>
    </row>
    <row r="323049" spans="14:14">
      <c r="N323049" s="10"/>
    </row>
    <row r="323050" spans="14:14">
      <c r="N323050" s="10"/>
    </row>
    <row r="323051" spans="14:14">
      <c r="N323051" s="10"/>
    </row>
    <row r="323052" spans="14:14">
      <c r="N323052" s="10"/>
    </row>
    <row r="323053" spans="14:14">
      <c r="N323053" s="10"/>
    </row>
    <row r="323054" spans="14:14">
      <c r="N323054" s="10"/>
    </row>
    <row r="323055" spans="14:14">
      <c r="N323055" s="10"/>
    </row>
    <row r="323056" spans="14:14">
      <c r="N323056" s="10"/>
    </row>
    <row r="323057" spans="14:14">
      <c r="N323057" s="10"/>
    </row>
    <row r="323058" spans="14:14">
      <c r="N323058" s="10"/>
    </row>
    <row r="323059" spans="14:14">
      <c r="N323059" s="10"/>
    </row>
    <row r="323060" spans="14:14">
      <c r="N323060" s="10"/>
    </row>
    <row r="323061" spans="14:14">
      <c r="N323061" s="10"/>
    </row>
    <row r="323062" spans="14:14">
      <c r="N323062" s="10"/>
    </row>
    <row r="323063" spans="14:14">
      <c r="N323063" s="10"/>
    </row>
    <row r="323064" spans="14:14">
      <c r="N323064" s="10"/>
    </row>
    <row r="323065" spans="14:14">
      <c r="N323065" s="10"/>
    </row>
    <row r="323066" spans="14:14">
      <c r="N323066" s="10"/>
    </row>
    <row r="323067" spans="14:14">
      <c r="N323067" s="10"/>
    </row>
    <row r="323068" spans="14:14">
      <c r="N323068" s="10"/>
    </row>
    <row r="323069" spans="14:14">
      <c r="N323069" s="10"/>
    </row>
    <row r="323070" spans="14:14">
      <c r="N323070" s="10"/>
    </row>
    <row r="323071" spans="14:14">
      <c r="N323071" s="10"/>
    </row>
    <row r="323072" spans="14:14">
      <c r="N323072" s="10"/>
    </row>
    <row r="323073" spans="14:14">
      <c r="N323073" s="10"/>
    </row>
    <row r="323074" spans="14:14">
      <c r="N323074" s="10"/>
    </row>
    <row r="323075" spans="14:14">
      <c r="N323075" s="10"/>
    </row>
    <row r="323076" spans="14:14">
      <c r="N323076" s="10"/>
    </row>
    <row r="323077" spans="14:14">
      <c r="N323077" s="10"/>
    </row>
    <row r="323078" spans="14:14">
      <c r="N323078" s="10"/>
    </row>
    <row r="323079" spans="14:14">
      <c r="N323079" s="10"/>
    </row>
    <row r="323080" spans="14:14">
      <c r="N323080" s="10"/>
    </row>
    <row r="323081" spans="14:14">
      <c r="N323081" s="10"/>
    </row>
    <row r="323082" spans="14:14">
      <c r="N323082" s="10"/>
    </row>
    <row r="323083" spans="14:14">
      <c r="N323083" s="10"/>
    </row>
    <row r="323084" spans="14:14">
      <c r="N323084" s="10"/>
    </row>
    <row r="323085" spans="14:14">
      <c r="N323085" s="10"/>
    </row>
    <row r="323086" spans="14:14">
      <c r="N323086" s="10"/>
    </row>
    <row r="323087" spans="14:14">
      <c r="N323087" s="10"/>
    </row>
    <row r="323088" spans="14:14">
      <c r="N323088" s="10"/>
    </row>
    <row r="323089" spans="14:14">
      <c r="N323089" s="10"/>
    </row>
    <row r="323090" spans="14:14">
      <c r="N323090" s="10"/>
    </row>
    <row r="323091" spans="14:14">
      <c r="N323091" s="10"/>
    </row>
    <row r="323092" spans="14:14">
      <c r="N323092" s="10"/>
    </row>
    <row r="323093" spans="14:14">
      <c r="N323093" s="10"/>
    </row>
    <row r="323094" spans="14:14">
      <c r="N323094" s="10"/>
    </row>
    <row r="323095" spans="14:14">
      <c r="N323095" s="10"/>
    </row>
    <row r="323096" spans="14:14">
      <c r="N323096" s="10"/>
    </row>
    <row r="323097" spans="14:14">
      <c r="N323097" s="10"/>
    </row>
    <row r="323098" spans="14:14">
      <c r="N323098" s="10"/>
    </row>
    <row r="323099" spans="14:14">
      <c r="N323099" s="10"/>
    </row>
    <row r="323100" spans="14:14">
      <c r="N323100" s="10"/>
    </row>
    <row r="323101" spans="14:14">
      <c r="N323101" s="10"/>
    </row>
    <row r="323102" spans="14:14">
      <c r="N323102" s="10"/>
    </row>
    <row r="323103" spans="14:14">
      <c r="N323103" s="10"/>
    </row>
    <row r="323104" spans="14:14">
      <c r="N323104" s="10"/>
    </row>
    <row r="323105" spans="14:14">
      <c r="N323105" s="10"/>
    </row>
    <row r="323106" spans="14:14">
      <c r="N323106" s="10"/>
    </row>
    <row r="323107" spans="14:14">
      <c r="N323107" s="10"/>
    </row>
    <row r="323108" spans="14:14">
      <c r="N323108" s="10"/>
    </row>
    <row r="323109" spans="14:14">
      <c r="N323109" s="10"/>
    </row>
    <row r="323110" spans="14:14">
      <c r="N323110" s="10"/>
    </row>
    <row r="323111" spans="14:14">
      <c r="N323111" s="10"/>
    </row>
    <row r="323112" spans="14:14">
      <c r="N323112" s="10"/>
    </row>
    <row r="323113" spans="14:14">
      <c r="N323113" s="10"/>
    </row>
    <row r="323114" spans="14:14">
      <c r="N323114" s="10"/>
    </row>
    <row r="323115" spans="14:14">
      <c r="N323115" s="10"/>
    </row>
    <row r="323116" spans="14:14">
      <c r="N323116" s="10"/>
    </row>
    <row r="323117" spans="14:14">
      <c r="N323117" s="10"/>
    </row>
    <row r="323118" spans="14:14">
      <c r="N323118" s="10"/>
    </row>
    <row r="323119" spans="14:14">
      <c r="N323119" s="10"/>
    </row>
    <row r="323120" spans="14:14">
      <c r="N323120" s="10"/>
    </row>
    <row r="323121" spans="14:14">
      <c r="N323121" s="10"/>
    </row>
    <row r="323122" spans="14:14">
      <c r="N323122" s="10"/>
    </row>
    <row r="323123" spans="14:14">
      <c r="N323123" s="10"/>
    </row>
    <row r="323124" spans="14:14">
      <c r="N323124" s="10"/>
    </row>
    <row r="323125" spans="14:14">
      <c r="N323125" s="10"/>
    </row>
    <row r="323126" spans="14:14">
      <c r="N323126" s="10"/>
    </row>
    <row r="323127" spans="14:14">
      <c r="N323127" s="10"/>
    </row>
    <row r="323128" spans="14:14">
      <c r="N323128" s="10"/>
    </row>
    <row r="323129" spans="14:14">
      <c r="N323129" s="10"/>
    </row>
    <row r="323130" spans="14:14">
      <c r="N323130" s="10"/>
    </row>
    <row r="323131" spans="14:14">
      <c r="N323131" s="10"/>
    </row>
    <row r="323132" spans="14:14">
      <c r="N323132" s="10"/>
    </row>
    <row r="323133" spans="14:14">
      <c r="N323133" s="10"/>
    </row>
    <row r="323134" spans="14:14">
      <c r="N323134" s="10"/>
    </row>
    <row r="323135" spans="14:14">
      <c r="N323135" s="10"/>
    </row>
    <row r="323136" spans="14:14">
      <c r="N323136" s="10"/>
    </row>
    <row r="323137" spans="14:14">
      <c r="N323137" s="10"/>
    </row>
    <row r="323138" spans="14:14">
      <c r="N323138" s="10"/>
    </row>
    <row r="323139" spans="14:14">
      <c r="N323139" s="10"/>
    </row>
    <row r="323140" spans="14:14">
      <c r="N323140" s="10"/>
    </row>
    <row r="323141" spans="14:14">
      <c r="N323141" s="10"/>
    </row>
    <row r="323142" spans="14:14">
      <c r="N323142" s="10"/>
    </row>
    <row r="323143" spans="14:14">
      <c r="N323143" s="10"/>
    </row>
    <row r="323144" spans="14:14">
      <c r="N323144" s="10"/>
    </row>
    <row r="323145" spans="14:14">
      <c r="N323145" s="10"/>
    </row>
    <row r="323146" spans="14:14">
      <c r="N323146" s="10"/>
    </row>
    <row r="323147" spans="14:14">
      <c r="N323147" s="10"/>
    </row>
    <row r="323148" spans="14:14">
      <c r="N323148" s="10"/>
    </row>
    <row r="323149" spans="14:14">
      <c r="N323149" s="10"/>
    </row>
    <row r="323150" spans="14:14">
      <c r="N323150" s="10"/>
    </row>
    <row r="323151" spans="14:14">
      <c r="N323151" s="10"/>
    </row>
    <row r="323152" spans="14:14">
      <c r="N323152" s="10"/>
    </row>
    <row r="323153" spans="14:14">
      <c r="N323153" s="10"/>
    </row>
    <row r="323154" spans="14:14">
      <c r="N323154" s="10"/>
    </row>
    <row r="323155" spans="14:14">
      <c r="N323155" s="10"/>
    </row>
    <row r="323156" spans="14:14">
      <c r="N323156" s="10"/>
    </row>
    <row r="323157" spans="14:14">
      <c r="N323157" s="10"/>
    </row>
    <row r="323158" spans="14:14">
      <c r="N323158" s="10"/>
    </row>
    <row r="323159" spans="14:14">
      <c r="N323159" s="10"/>
    </row>
    <row r="323160" spans="14:14">
      <c r="N323160" s="10"/>
    </row>
    <row r="323161" spans="14:14">
      <c r="N323161" s="10"/>
    </row>
    <row r="323162" spans="14:14">
      <c r="N323162" s="10"/>
    </row>
    <row r="323163" spans="14:14">
      <c r="N323163" s="10"/>
    </row>
    <row r="323164" spans="14:14">
      <c r="N323164" s="10"/>
    </row>
    <row r="323165" spans="14:14">
      <c r="N323165" s="10"/>
    </row>
    <row r="323166" spans="14:14">
      <c r="N323166" s="10"/>
    </row>
    <row r="323167" spans="14:14">
      <c r="N323167" s="10"/>
    </row>
    <row r="323168" spans="14:14">
      <c r="N323168" s="10"/>
    </row>
    <row r="323169" spans="14:14">
      <c r="N323169" s="10"/>
    </row>
    <row r="323170" spans="14:14">
      <c r="N323170" s="10"/>
    </row>
    <row r="323171" spans="14:14">
      <c r="N323171" s="10"/>
    </row>
    <row r="323172" spans="14:14">
      <c r="N323172" s="10"/>
    </row>
    <row r="323173" spans="14:14">
      <c r="N323173" s="10"/>
    </row>
    <row r="323174" spans="14:14">
      <c r="N323174" s="10"/>
    </row>
    <row r="323175" spans="14:14">
      <c r="N323175" s="10"/>
    </row>
    <row r="323176" spans="14:14">
      <c r="N323176" s="10"/>
    </row>
    <row r="323177" spans="14:14">
      <c r="N323177" s="10"/>
    </row>
    <row r="323178" spans="14:14">
      <c r="N323178" s="10"/>
    </row>
    <row r="323179" spans="14:14">
      <c r="N323179" s="10"/>
    </row>
    <row r="323180" spans="14:14">
      <c r="N323180" s="10"/>
    </row>
    <row r="323181" spans="14:14">
      <c r="N323181" s="10"/>
    </row>
    <row r="323182" spans="14:14">
      <c r="N323182" s="10"/>
    </row>
    <row r="323183" spans="14:14">
      <c r="N323183" s="10"/>
    </row>
    <row r="323184" spans="14:14">
      <c r="N323184" s="10"/>
    </row>
    <row r="323185" spans="14:14">
      <c r="N323185" s="10"/>
    </row>
    <row r="323186" spans="14:14">
      <c r="N323186" s="10"/>
    </row>
    <row r="323187" spans="14:14">
      <c r="N323187" s="10"/>
    </row>
    <row r="323188" spans="14:14">
      <c r="N323188" s="10"/>
    </row>
    <row r="323189" spans="14:14">
      <c r="N323189" s="10"/>
    </row>
    <row r="323190" spans="14:14">
      <c r="N323190" s="10"/>
    </row>
    <row r="323191" spans="14:14">
      <c r="N323191" s="10"/>
    </row>
    <row r="323192" spans="14:14">
      <c r="N323192" s="10"/>
    </row>
    <row r="323193" spans="14:14">
      <c r="N323193" s="10"/>
    </row>
    <row r="323194" spans="14:14">
      <c r="N323194" s="10"/>
    </row>
    <row r="323195" spans="14:14">
      <c r="N323195" s="10"/>
    </row>
    <row r="323196" spans="14:14">
      <c r="N323196" s="10"/>
    </row>
    <row r="323197" spans="14:14">
      <c r="N323197" s="10"/>
    </row>
    <row r="323198" spans="14:14">
      <c r="N323198" s="10"/>
    </row>
    <row r="323199" spans="14:14">
      <c r="N323199" s="10"/>
    </row>
    <row r="323200" spans="14:14">
      <c r="N323200" s="10"/>
    </row>
    <row r="323201" spans="14:14">
      <c r="N323201" s="10"/>
    </row>
    <row r="323202" spans="14:14">
      <c r="N323202" s="10"/>
    </row>
    <row r="323203" spans="14:14">
      <c r="N323203" s="10"/>
    </row>
    <row r="323204" spans="14:14">
      <c r="N323204" s="10"/>
    </row>
    <row r="323205" spans="14:14">
      <c r="N323205" s="10"/>
    </row>
    <row r="323206" spans="14:14">
      <c r="N323206" s="10"/>
    </row>
    <row r="323207" spans="14:14">
      <c r="N323207" s="10"/>
    </row>
    <row r="323208" spans="14:14">
      <c r="N323208" s="10"/>
    </row>
    <row r="323209" spans="14:14">
      <c r="N323209" s="10"/>
    </row>
    <row r="323210" spans="14:14">
      <c r="N323210" s="10"/>
    </row>
    <row r="323211" spans="14:14">
      <c r="N323211" s="10"/>
    </row>
    <row r="323212" spans="14:14">
      <c r="N323212" s="10"/>
    </row>
    <row r="323213" spans="14:14">
      <c r="N323213" s="10"/>
    </row>
    <row r="323214" spans="14:14">
      <c r="N323214" s="10"/>
    </row>
    <row r="323215" spans="14:14">
      <c r="N323215" s="10"/>
    </row>
    <row r="323216" spans="14:14">
      <c r="N323216" s="10"/>
    </row>
    <row r="323217" spans="14:14">
      <c r="N323217" s="10"/>
    </row>
    <row r="323218" spans="14:14">
      <c r="N323218" s="10"/>
    </row>
    <row r="323219" spans="14:14">
      <c r="N323219" s="10"/>
    </row>
    <row r="323220" spans="14:14">
      <c r="N323220" s="10"/>
    </row>
    <row r="323221" spans="14:14">
      <c r="N323221" s="10"/>
    </row>
    <row r="323222" spans="14:14">
      <c r="N323222" s="10"/>
    </row>
    <row r="323223" spans="14:14">
      <c r="N323223" s="10"/>
    </row>
    <row r="323224" spans="14:14">
      <c r="N323224" s="10"/>
    </row>
    <row r="323225" spans="14:14">
      <c r="N323225" s="10"/>
    </row>
    <row r="323226" spans="14:14">
      <c r="N323226" s="10"/>
    </row>
    <row r="323227" spans="14:14">
      <c r="N323227" s="10"/>
    </row>
    <row r="323228" spans="14:14">
      <c r="N323228" s="10"/>
    </row>
    <row r="323229" spans="14:14">
      <c r="N323229" s="10"/>
    </row>
    <row r="323230" spans="14:14">
      <c r="N323230" s="10"/>
    </row>
    <row r="323231" spans="14:14">
      <c r="N323231" s="10"/>
    </row>
    <row r="323232" spans="14:14">
      <c r="N323232" s="10"/>
    </row>
    <row r="323233" spans="14:14">
      <c r="N323233" s="10"/>
    </row>
    <row r="323234" spans="14:14">
      <c r="N323234" s="10"/>
    </row>
    <row r="323235" spans="14:14">
      <c r="N323235" s="10"/>
    </row>
    <row r="323236" spans="14:14">
      <c r="N323236" s="10"/>
    </row>
    <row r="323237" spans="14:14">
      <c r="N323237" s="10"/>
    </row>
    <row r="323238" spans="14:14">
      <c r="N323238" s="10"/>
    </row>
    <row r="323239" spans="14:14">
      <c r="N323239" s="10"/>
    </row>
    <row r="323240" spans="14:14">
      <c r="N323240" s="10"/>
    </row>
    <row r="323241" spans="14:14">
      <c r="N323241" s="10"/>
    </row>
    <row r="323242" spans="14:14">
      <c r="N323242" s="10"/>
    </row>
    <row r="323243" spans="14:14">
      <c r="N323243" s="10"/>
    </row>
    <row r="323244" spans="14:14">
      <c r="N323244" s="10"/>
    </row>
    <row r="323245" spans="14:14">
      <c r="N323245" s="10"/>
    </row>
    <row r="323246" spans="14:14">
      <c r="N323246" s="10"/>
    </row>
    <row r="323247" spans="14:14">
      <c r="N323247" s="10"/>
    </row>
    <row r="323248" spans="14:14">
      <c r="N323248" s="10"/>
    </row>
    <row r="323249" spans="14:14">
      <c r="N323249" s="10"/>
    </row>
    <row r="323250" spans="14:14">
      <c r="N323250" s="10"/>
    </row>
    <row r="323251" spans="14:14">
      <c r="N323251" s="10"/>
    </row>
    <row r="323252" spans="14:14">
      <c r="N323252" s="10"/>
    </row>
    <row r="323253" spans="14:14">
      <c r="N323253" s="10"/>
    </row>
    <row r="323254" spans="14:14">
      <c r="N323254" s="10"/>
    </row>
    <row r="323255" spans="14:14">
      <c r="N323255" s="10"/>
    </row>
    <row r="323256" spans="14:14">
      <c r="N323256" s="10"/>
    </row>
    <row r="323257" spans="14:14">
      <c r="N323257" s="10"/>
    </row>
    <row r="323258" spans="14:14">
      <c r="N323258" s="10"/>
    </row>
    <row r="323259" spans="14:14">
      <c r="N323259" s="10"/>
    </row>
    <row r="323260" spans="14:14">
      <c r="N323260" s="10"/>
    </row>
    <row r="323261" spans="14:14">
      <c r="N323261" s="10"/>
    </row>
    <row r="323262" spans="14:14">
      <c r="N323262" s="10"/>
    </row>
    <row r="323263" spans="14:14">
      <c r="N323263" s="10"/>
    </row>
    <row r="323264" spans="14:14">
      <c r="N323264" s="10"/>
    </row>
    <row r="323265" spans="14:14">
      <c r="N323265" s="10"/>
    </row>
    <row r="323266" spans="14:14">
      <c r="N323266" s="10"/>
    </row>
    <row r="323267" spans="14:14">
      <c r="N323267" s="10"/>
    </row>
    <row r="323268" spans="14:14">
      <c r="N323268" s="10"/>
    </row>
    <row r="323269" spans="14:14">
      <c r="N323269" s="10"/>
    </row>
    <row r="323270" spans="14:14">
      <c r="N323270" s="10"/>
    </row>
    <row r="323271" spans="14:14">
      <c r="N323271" s="10"/>
    </row>
    <row r="323272" spans="14:14">
      <c r="N323272" s="10"/>
    </row>
    <row r="323273" spans="14:14">
      <c r="N323273" s="10"/>
    </row>
    <row r="323274" spans="14:14">
      <c r="N323274" s="10"/>
    </row>
    <row r="323275" spans="14:14">
      <c r="N323275" s="10"/>
    </row>
    <row r="323276" spans="14:14">
      <c r="N323276" s="10"/>
    </row>
    <row r="323277" spans="14:14">
      <c r="N323277" s="10"/>
    </row>
    <row r="323278" spans="14:14">
      <c r="N323278" s="10"/>
    </row>
    <row r="323279" spans="14:14">
      <c r="N323279" s="10"/>
    </row>
    <row r="323280" spans="14:14">
      <c r="N323280" s="10"/>
    </row>
    <row r="323281" spans="14:14">
      <c r="N323281" s="10"/>
    </row>
    <row r="323282" spans="14:14">
      <c r="N323282" s="10"/>
    </row>
    <row r="323283" spans="14:14">
      <c r="N323283" s="10"/>
    </row>
    <row r="323284" spans="14:14">
      <c r="N323284" s="10"/>
    </row>
    <row r="323285" spans="14:14">
      <c r="N323285" s="10"/>
    </row>
    <row r="323286" spans="14:14">
      <c r="N323286" s="10"/>
    </row>
    <row r="323287" spans="14:14">
      <c r="N323287" s="10"/>
    </row>
    <row r="323288" spans="14:14">
      <c r="N323288" s="10"/>
    </row>
    <row r="323289" spans="14:14">
      <c r="N323289" s="10"/>
    </row>
    <row r="323290" spans="14:14">
      <c r="N323290" s="10"/>
    </row>
    <row r="323291" spans="14:14">
      <c r="N323291" s="10"/>
    </row>
    <row r="323292" spans="14:14">
      <c r="N323292" s="10"/>
    </row>
    <row r="323293" spans="14:14">
      <c r="N323293" s="10"/>
    </row>
    <row r="323294" spans="14:14">
      <c r="N323294" s="10"/>
    </row>
    <row r="323295" spans="14:14">
      <c r="N323295" s="10"/>
    </row>
    <row r="323296" spans="14:14">
      <c r="N323296" s="10"/>
    </row>
    <row r="323297" spans="14:14">
      <c r="N323297" s="10"/>
    </row>
    <row r="323298" spans="14:14">
      <c r="N323298" s="10"/>
    </row>
    <row r="323299" spans="14:14">
      <c r="N323299" s="10"/>
    </row>
    <row r="323300" spans="14:14">
      <c r="N323300" s="10"/>
    </row>
    <row r="323301" spans="14:14">
      <c r="N323301" s="10"/>
    </row>
    <row r="323302" spans="14:14">
      <c r="N323302" s="10"/>
    </row>
    <row r="323303" spans="14:14">
      <c r="N323303" s="10"/>
    </row>
    <row r="323304" spans="14:14">
      <c r="N323304" s="10"/>
    </row>
    <row r="323305" spans="14:14">
      <c r="N323305" s="10"/>
    </row>
    <row r="323306" spans="14:14">
      <c r="N323306" s="10"/>
    </row>
    <row r="323307" spans="14:14">
      <c r="N323307" s="10"/>
    </row>
    <row r="323308" spans="14:14">
      <c r="N323308" s="10"/>
    </row>
    <row r="323309" spans="14:14">
      <c r="N323309" s="10"/>
    </row>
    <row r="323310" spans="14:14">
      <c r="N323310" s="10"/>
    </row>
    <row r="323311" spans="14:14">
      <c r="N323311" s="10"/>
    </row>
    <row r="323312" spans="14:14">
      <c r="N323312" s="10"/>
    </row>
    <row r="323313" spans="14:14">
      <c r="N323313" s="10"/>
    </row>
    <row r="323314" spans="14:14">
      <c r="N323314" s="10"/>
    </row>
    <row r="323315" spans="14:14">
      <c r="N323315" s="10"/>
    </row>
    <row r="323316" spans="14:14">
      <c r="N323316" s="10"/>
    </row>
    <row r="323317" spans="14:14">
      <c r="N323317" s="10"/>
    </row>
    <row r="323318" spans="14:14">
      <c r="N323318" s="10"/>
    </row>
    <row r="323319" spans="14:14">
      <c r="N323319" s="10"/>
    </row>
    <row r="323320" spans="14:14">
      <c r="N323320" s="10"/>
    </row>
    <row r="323321" spans="14:14">
      <c r="N323321" s="10"/>
    </row>
    <row r="323322" spans="14:14">
      <c r="N323322" s="10"/>
    </row>
    <row r="323323" spans="14:14">
      <c r="N323323" s="10"/>
    </row>
    <row r="323324" spans="14:14">
      <c r="N323324" s="10"/>
    </row>
    <row r="323325" spans="14:14">
      <c r="N323325" s="10"/>
    </row>
    <row r="323326" spans="14:14">
      <c r="N323326" s="10"/>
    </row>
    <row r="323327" spans="14:14">
      <c r="N323327" s="10"/>
    </row>
    <row r="323328" spans="14:14">
      <c r="N323328" s="10"/>
    </row>
    <row r="323329" spans="14:14">
      <c r="N323329" s="10"/>
    </row>
    <row r="323330" spans="14:14">
      <c r="N323330" s="10"/>
    </row>
    <row r="323331" spans="14:14">
      <c r="N323331" s="10"/>
    </row>
    <row r="323332" spans="14:14">
      <c r="N323332" s="10"/>
    </row>
    <row r="323333" spans="14:14">
      <c r="N323333" s="10"/>
    </row>
    <row r="323334" spans="14:14">
      <c r="N323334" s="10"/>
    </row>
    <row r="323335" spans="14:14">
      <c r="N323335" s="10"/>
    </row>
    <row r="323336" spans="14:14">
      <c r="N323336" s="10"/>
    </row>
    <row r="323337" spans="14:14">
      <c r="N323337" s="10"/>
    </row>
    <row r="323338" spans="14:14">
      <c r="N323338" s="10"/>
    </row>
    <row r="323339" spans="14:14">
      <c r="N323339" s="10"/>
    </row>
    <row r="323340" spans="14:14">
      <c r="N323340" s="10"/>
    </row>
    <row r="323341" spans="14:14">
      <c r="N323341" s="10"/>
    </row>
    <row r="323342" spans="14:14">
      <c r="N323342" s="10"/>
    </row>
    <row r="323343" spans="14:14">
      <c r="N323343" s="10"/>
    </row>
    <row r="323344" spans="14:14">
      <c r="N323344" s="10"/>
    </row>
    <row r="323345" spans="14:14">
      <c r="N323345" s="10"/>
    </row>
    <row r="323346" spans="14:14">
      <c r="N323346" s="10"/>
    </row>
    <row r="323347" spans="14:14">
      <c r="N323347" s="10"/>
    </row>
    <row r="323348" spans="14:14">
      <c r="N323348" s="10"/>
    </row>
    <row r="323349" spans="14:14">
      <c r="N323349" s="10"/>
    </row>
    <row r="323350" spans="14:14">
      <c r="N323350" s="10"/>
    </row>
    <row r="323351" spans="14:14">
      <c r="N323351" s="10"/>
    </row>
    <row r="323352" spans="14:14">
      <c r="N323352" s="10"/>
    </row>
    <row r="323353" spans="14:14">
      <c r="N323353" s="10"/>
    </row>
    <row r="323354" spans="14:14">
      <c r="N323354" s="10"/>
    </row>
    <row r="323355" spans="14:14">
      <c r="N323355" s="10"/>
    </row>
    <row r="323356" spans="14:14">
      <c r="N323356" s="10"/>
    </row>
    <row r="323357" spans="14:14">
      <c r="N323357" s="10"/>
    </row>
    <row r="323358" spans="14:14">
      <c r="N323358" s="10"/>
    </row>
    <row r="323359" spans="14:14">
      <c r="N323359" s="10"/>
    </row>
    <row r="323360" spans="14:14">
      <c r="N323360" s="10"/>
    </row>
    <row r="323361" spans="14:14">
      <c r="N323361" s="10"/>
    </row>
    <row r="323362" spans="14:14">
      <c r="N323362" s="10"/>
    </row>
    <row r="323363" spans="14:14">
      <c r="N323363" s="10"/>
    </row>
    <row r="323364" spans="14:14">
      <c r="N323364" s="10"/>
    </row>
    <row r="323365" spans="14:14">
      <c r="N323365" s="10"/>
    </row>
    <row r="323366" spans="14:14">
      <c r="N323366" s="10"/>
    </row>
    <row r="323367" spans="14:14">
      <c r="N323367" s="10"/>
    </row>
    <row r="323368" spans="14:14">
      <c r="N323368" s="10"/>
    </row>
    <row r="323369" spans="14:14">
      <c r="N323369" s="10"/>
    </row>
    <row r="323370" spans="14:14">
      <c r="N323370" s="10"/>
    </row>
    <row r="323371" spans="14:14">
      <c r="N323371" s="10"/>
    </row>
    <row r="323372" spans="14:14">
      <c r="N323372" s="10"/>
    </row>
    <row r="323373" spans="14:14">
      <c r="N323373" s="10"/>
    </row>
    <row r="323374" spans="14:14">
      <c r="N323374" s="10"/>
    </row>
    <row r="323375" spans="14:14">
      <c r="N323375" s="10"/>
    </row>
    <row r="323376" spans="14:14">
      <c r="N323376" s="10"/>
    </row>
    <row r="323377" spans="14:14">
      <c r="N323377" s="10"/>
    </row>
    <row r="323378" spans="14:14">
      <c r="N323378" s="10"/>
    </row>
    <row r="323379" spans="14:14">
      <c r="N323379" s="10"/>
    </row>
    <row r="323380" spans="14:14">
      <c r="N323380" s="10"/>
    </row>
    <row r="323381" spans="14:14">
      <c r="N323381" s="10"/>
    </row>
    <row r="323382" spans="14:14">
      <c r="N323382" s="10"/>
    </row>
    <row r="323383" spans="14:14">
      <c r="N323383" s="10"/>
    </row>
    <row r="323384" spans="14:14">
      <c r="N323384" s="10"/>
    </row>
    <row r="323385" spans="14:14">
      <c r="N323385" s="10"/>
    </row>
    <row r="323386" spans="14:14">
      <c r="N323386" s="10"/>
    </row>
    <row r="323387" spans="14:14">
      <c r="N323387" s="10"/>
    </row>
    <row r="323388" spans="14:14">
      <c r="N323388" s="10"/>
    </row>
    <row r="323389" spans="14:14">
      <c r="N323389" s="10"/>
    </row>
    <row r="323390" spans="14:14">
      <c r="N323390" s="10"/>
    </row>
    <row r="323391" spans="14:14">
      <c r="N323391" s="10"/>
    </row>
    <row r="323392" spans="14:14">
      <c r="N323392" s="10"/>
    </row>
    <row r="323393" spans="14:14">
      <c r="N323393" s="10"/>
    </row>
    <row r="323394" spans="14:14">
      <c r="N323394" s="10"/>
    </row>
    <row r="323395" spans="14:14">
      <c r="N323395" s="10"/>
    </row>
    <row r="323396" spans="14:14">
      <c r="N323396" s="10"/>
    </row>
    <row r="323397" spans="14:14">
      <c r="N323397" s="10"/>
    </row>
    <row r="323398" spans="14:14">
      <c r="N323398" s="10"/>
    </row>
    <row r="323399" spans="14:14">
      <c r="N323399" s="10"/>
    </row>
    <row r="323400" spans="14:14">
      <c r="N323400" s="10"/>
    </row>
    <row r="323401" spans="14:14">
      <c r="N323401" s="10"/>
    </row>
    <row r="323402" spans="14:14">
      <c r="N323402" s="10"/>
    </row>
    <row r="323403" spans="14:14">
      <c r="N323403" s="10"/>
    </row>
    <row r="323404" spans="14:14">
      <c r="N323404" s="10"/>
    </row>
    <row r="323405" spans="14:14">
      <c r="N323405" s="10"/>
    </row>
    <row r="323406" spans="14:14">
      <c r="N323406" s="10"/>
    </row>
    <row r="323407" spans="14:14">
      <c r="N323407" s="10"/>
    </row>
    <row r="323408" spans="14:14">
      <c r="N323408" s="10"/>
    </row>
    <row r="323409" spans="14:14">
      <c r="N323409" s="10"/>
    </row>
    <row r="323410" spans="14:14">
      <c r="N323410" s="10"/>
    </row>
    <row r="323411" spans="14:14">
      <c r="N323411" s="10"/>
    </row>
    <row r="323412" spans="14:14">
      <c r="N323412" s="10"/>
    </row>
    <row r="323413" spans="14:14">
      <c r="N323413" s="10"/>
    </row>
    <row r="323414" spans="14:14">
      <c r="N323414" s="10"/>
    </row>
    <row r="323415" spans="14:14">
      <c r="N323415" s="10"/>
    </row>
    <row r="323416" spans="14:14">
      <c r="N323416" s="10"/>
    </row>
    <row r="323417" spans="14:14">
      <c r="N323417" s="10"/>
    </row>
    <row r="323418" spans="14:14">
      <c r="N323418" s="10"/>
    </row>
    <row r="323419" spans="14:14">
      <c r="N323419" s="10"/>
    </row>
    <row r="323420" spans="14:14">
      <c r="N323420" s="10"/>
    </row>
    <row r="323421" spans="14:14">
      <c r="N323421" s="10"/>
    </row>
    <row r="323422" spans="14:14">
      <c r="N323422" s="10"/>
    </row>
    <row r="323423" spans="14:14">
      <c r="N323423" s="10"/>
    </row>
    <row r="323424" spans="14:14">
      <c r="N323424" s="10"/>
    </row>
    <row r="323425" spans="14:14">
      <c r="N323425" s="10"/>
    </row>
    <row r="323426" spans="14:14">
      <c r="N323426" s="10"/>
    </row>
    <row r="323427" spans="14:14">
      <c r="N323427" s="10"/>
    </row>
    <row r="323428" spans="14:14">
      <c r="N323428" s="10"/>
    </row>
    <row r="323429" spans="14:14">
      <c r="N323429" s="10"/>
    </row>
    <row r="323430" spans="14:14">
      <c r="N323430" s="10"/>
    </row>
    <row r="323431" spans="14:14">
      <c r="N323431" s="10"/>
    </row>
    <row r="323432" spans="14:14">
      <c r="N323432" s="10"/>
    </row>
    <row r="323433" spans="14:14">
      <c r="N323433" s="10"/>
    </row>
    <row r="323434" spans="14:14">
      <c r="N323434" s="10"/>
    </row>
    <row r="323435" spans="14:14">
      <c r="N323435" s="10"/>
    </row>
    <row r="323436" spans="14:14">
      <c r="N323436" s="10"/>
    </row>
    <row r="323437" spans="14:14">
      <c r="N323437" s="10"/>
    </row>
    <row r="323438" spans="14:14">
      <c r="N323438" s="10"/>
    </row>
    <row r="323439" spans="14:14">
      <c r="N323439" s="10"/>
    </row>
    <row r="323440" spans="14:14">
      <c r="N323440" s="10"/>
    </row>
    <row r="323441" spans="14:14">
      <c r="N323441" s="10"/>
    </row>
    <row r="323442" spans="14:14">
      <c r="N323442" s="10"/>
    </row>
    <row r="323443" spans="14:14">
      <c r="N323443" s="10"/>
    </row>
    <row r="323444" spans="14:14">
      <c r="N323444" s="10"/>
    </row>
    <row r="323445" spans="14:14">
      <c r="N323445" s="10"/>
    </row>
    <row r="323446" spans="14:14">
      <c r="N323446" s="10"/>
    </row>
    <row r="323447" spans="14:14">
      <c r="N323447" s="10"/>
    </row>
    <row r="323448" spans="14:14">
      <c r="N323448" s="10"/>
    </row>
    <row r="323449" spans="14:14">
      <c r="N323449" s="10"/>
    </row>
    <row r="323450" spans="14:14">
      <c r="N323450" s="10"/>
    </row>
    <row r="323451" spans="14:14">
      <c r="N323451" s="10"/>
    </row>
    <row r="323452" spans="14:14">
      <c r="N323452" s="10"/>
    </row>
    <row r="323453" spans="14:14">
      <c r="N323453" s="10"/>
    </row>
    <row r="323454" spans="14:14">
      <c r="N323454" s="10"/>
    </row>
    <row r="323455" spans="14:14">
      <c r="N323455" s="10"/>
    </row>
    <row r="323456" spans="14:14">
      <c r="N323456" s="10"/>
    </row>
    <row r="323457" spans="14:14">
      <c r="N323457" s="10"/>
    </row>
    <row r="323458" spans="14:14">
      <c r="N323458" s="10"/>
    </row>
    <row r="323459" spans="14:14">
      <c r="N323459" s="10"/>
    </row>
    <row r="323460" spans="14:14">
      <c r="N323460" s="10"/>
    </row>
    <row r="323461" spans="14:14">
      <c r="N323461" s="10"/>
    </row>
    <row r="323462" spans="14:14">
      <c r="N323462" s="10"/>
    </row>
    <row r="323463" spans="14:14">
      <c r="N323463" s="10"/>
    </row>
    <row r="323464" spans="14:14">
      <c r="N323464" s="10"/>
    </row>
    <row r="323465" spans="14:14">
      <c r="N323465" s="10"/>
    </row>
    <row r="323466" spans="14:14">
      <c r="N323466" s="10"/>
    </row>
    <row r="323467" spans="14:14">
      <c r="N323467" s="10"/>
    </row>
    <row r="323468" spans="14:14">
      <c r="N323468" s="10"/>
    </row>
    <row r="323469" spans="14:14">
      <c r="N323469" s="10"/>
    </row>
    <row r="323470" spans="14:14">
      <c r="N323470" s="10"/>
    </row>
    <row r="323471" spans="14:14">
      <c r="N323471" s="10"/>
    </row>
    <row r="323472" spans="14:14">
      <c r="N323472" s="10"/>
    </row>
    <row r="323473" spans="14:14">
      <c r="N323473" s="10"/>
    </row>
    <row r="323474" spans="14:14">
      <c r="N323474" s="10"/>
    </row>
    <row r="323475" spans="14:14">
      <c r="N323475" s="10"/>
    </row>
    <row r="323476" spans="14:14">
      <c r="N323476" s="10"/>
    </row>
    <row r="323477" spans="14:14">
      <c r="N323477" s="10"/>
    </row>
    <row r="323478" spans="14:14">
      <c r="N323478" s="10"/>
    </row>
    <row r="323479" spans="14:14">
      <c r="N323479" s="10"/>
    </row>
    <row r="323480" spans="14:14">
      <c r="N323480" s="10"/>
    </row>
    <row r="323481" spans="14:14">
      <c r="N323481" s="10"/>
    </row>
    <row r="323482" spans="14:14">
      <c r="N323482" s="10"/>
    </row>
    <row r="323483" spans="14:14">
      <c r="N323483" s="10"/>
    </row>
    <row r="323484" spans="14:14">
      <c r="N323484" s="10"/>
    </row>
    <row r="323485" spans="14:14">
      <c r="N323485" s="10"/>
    </row>
    <row r="323486" spans="14:14">
      <c r="N323486" s="10"/>
    </row>
    <row r="323487" spans="14:14">
      <c r="N323487" s="10"/>
    </row>
    <row r="323488" spans="14:14">
      <c r="N323488" s="10"/>
    </row>
    <row r="323489" spans="14:14">
      <c r="N323489" s="10"/>
    </row>
    <row r="323490" spans="14:14">
      <c r="N323490" s="10"/>
    </row>
    <row r="323491" spans="14:14">
      <c r="N323491" s="10"/>
    </row>
    <row r="323492" spans="14:14">
      <c r="N323492" s="10"/>
    </row>
    <row r="323493" spans="14:14">
      <c r="N323493" s="10"/>
    </row>
    <row r="323494" spans="14:14">
      <c r="N323494" s="10"/>
    </row>
    <row r="323495" spans="14:14">
      <c r="N323495" s="10"/>
    </row>
    <row r="323496" spans="14:14">
      <c r="N323496" s="10"/>
    </row>
    <row r="323497" spans="14:14">
      <c r="N323497" s="10"/>
    </row>
    <row r="323498" spans="14:14">
      <c r="N323498" s="10"/>
    </row>
    <row r="323499" spans="14:14">
      <c r="N323499" s="10"/>
    </row>
    <row r="323500" spans="14:14">
      <c r="N323500" s="10"/>
    </row>
    <row r="323501" spans="14:14">
      <c r="N323501" s="10"/>
    </row>
    <row r="323502" spans="14:14">
      <c r="N323502" s="10"/>
    </row>
    <row r="323503" spans="14:14">
      <c r="N323503" s="10"/>
    </row>
    <row r="323504" spans="14:14">
      <c r="N323504" s="10"/>
    </row>
    <row r="323505" spans="14:14">
      <c r="N323505" s="10"/>
    </row>
    <row r="323506" spans="14:14">
      <c r="N323506" s="10"/>
    </row>
    <row r="323507" spans="14:14">
      <c r="N323507" s="10"/>
    </row>
    <row r="323508" spans="14:14">
      <c r="N323508" s="10"/>
    </row>
    <row r="323509" spans="14:14">
      <c r="N323509" s="10"/>
    </row>
    <row r="323510" spans="14:14">
      <c r="N323510" s="10"/>
    </row>
    <row r="323511" spans="14:14">
      <c r="N323511" s="10"/>
    </row>
    <row r="323512" spans="14:14">
      <c r="N323512" s="10"/>
    </row>
    <row r="323513" spans="14:14">
      <c r="N323513" s="10"/>
    </row>
    <row r="323514" spans="14:14">
      <c r="N323514" s="10"/>
    </row>
    <row r="323515" spans="14:14">
      <c r="N323515" s="10"/>
    </row>
    <row r="323516" spans="14:14">
      <c r="N323516" s="10"/>
    </row>
    <row r="323517" spans="14:14">
      <c r="N323517" s="10"/>
    </row>
    <row r="323518" spans="14:14">
      <c r="N323518" s="10"/>
    </row>
    <row r="323519" spans="14:14">
      <c r="N323519" s="10"/>
    </row>
    <row r="323520" spans="14:14">
      <c r="N323520" s="10"/>
    </row>
    <row r="323521" spans="14:14">
      <c r="N323521" s="10"/>
    </row>
    <row r="323522" spans="14:14">
      <c r="N323522" s="10"/>
    </row>
    <row r="323523" spans="14:14">
      <c r="N323523" s="10"/>
    </row>
    <row r="323524" spans="14:14">
      <c r="N323524" s="10"/>
    </row>
    <row r="323525" spans="14:14">
      <c r="N323525" s="10"/>
    </row>
    <row r="323526" spans="14:14">
      <c r="N323526" s="10"/>
    </row>
    <row r="323527" spans="14:14">
      <c r="N323527" s="10"/>
    </row>
    <row r="323528" spans="14:14">
      <c r="N323528" s="10"/>
    </row>
    <row r="323529" spans="14:14">
      <c r="N323529" s="10"/>
    </row>
    <row r="323530" spans="14:14">
      <c r="N323530" s="10"/>
    </row>
    <row r="323531" spans="14:14">
      <c r="N323531" s="10"/>
    </row>
    <row r="323532" spans="14:14">
      <c r="N323532" s="10"/>
    </row>
    <row r="323533" spans="14:14">
      <c r="N323533" s="10"/>
    </row>
    <row r="323534" spans="14:14">
      <c r="N323534" s="10"/>
    </row>
    <row r="323535" spans="14:14">
      <c r="N323535" s="10"/>
    </row>
    <row r="323536" spans="14:14">
      <c r="N323536" s="10"/>
    </row>
    <row r="323537" spans="14:14">
      <c r="N323537" s="10"/>
    </row>
    <row r="323538" spans="14:14">
      <c r="N323538" s="10"/>
    </row>
    <row r="323539" spans="14:14">
      <c r="N323539" s="10"/>
    </row>
    <row r="323540" spans="14:14">
      <c r="N323540" s="10"/>
    </row>
    <row r="323541" spans="14:14">
      <c r="N323541" s="10"/>
    </row>
    <row r="323542" spans="14:14">
      <c r="N323542" s="10"/>
    </row>
    <row r="323543" spans="14:14">
      <c r="N323543" s="10"/>
    </row>
    <row r="323544" spans="14:14">
      <c r="N323544" s="10"/>
    </row>
    <row r="323545" spans="14:14">
      <c r="N323545" s="10"/>
    </row>
    <row r="323546" spans="14:14">
      <c r="N323546" s="10"/>
    </row>
    <row r="323547" spans="14:14">
      <c r="N323547" s="10"/>
    </row>
    <row r="323548" spans="14:14">
      <c r="N323548" s="10"/>
    </row>
    <row r="323549" spans="14:14">
      <c r="N323549" s="10"/>
    </row>
    <row r="323550" spans="14:14">
      <c r="N323550" s="10"/>
    </row>
    <row r="323551" spans="14:14">
      <c r="N323551" s="10"/>
    </row>
    <row r="323552" spans="14:14">
      <c r="N323552" s="10"/>
    </row>
    <row r="323553" spans="14:14">
      <c r="N323553" s="10"/>
    </row>
    <row r="323554" spans="14:14">
      <c r="N323554" s="10"/>
    </row>
    <row r="323555" spans="14:14">
      <c r="N323555" s="10"/>
    </row>
    <row r="323556" spans="14:14">
      <c r="N323556" s="10"/>
    </row>
    <row r="323557" spans="14:14">
      <c r="N323557" s="10"/>
    </row>
    <row r="323558" spans="14:14">
      <c r="N323558" s="10"/>
    </row>
    <row r="323559" spans="14:14">
      <c r="N323559" s="10"/>
    </row>
    <row r="323560" spans="14:14">
      <c r="N323560" s="10"/>
    </row>
    <row r="323561" spans="14:14">
      <c r="N323561" s="10"/>
    </row>
    <row r="323562" spans="14:14">
      <c r="N323562" s="10"/>
    </row>
    <row r="323563" spans="14:14">
      <c r="N323563" s="10"/>
    </row>
    <row r="323564" spans="14:14">
      <c r="N323564" s="10"/>
    </row>
    <row r="323565" spans="14:14">
      <c r="N323565" s="10"/>
    </row>
    <row r="323566" spans="14:14">
      <c r="N323566" s="10"/>
    </row>
    <row r="323567" spans="14:14">
      <c r="N323567" s="10"/>
    </row>
    <row r="323568" spans="14:14">
      <c r="N323568" s="10"/>
    </row>
    <row r="323569" spans="14:14">
      <c r="N323569" s="10"/>
    </row>
    <row r="323570" spans="14:14">
      <c r="N323570" s="10"/>
    </row>
    <row r="323571" spans="14:14">
      <c r="N323571" s="10"/>
    </row>
    <row r="323572" spans="14:14">
      <c r="N323572" s="10"/>
    </row>
    <row r="323573" spans="14:14">
      <c r="N323573" s="10"/>
    </row>
    <row r="323574" spans="14:14">
      <c r="N323574" s="10"/>
    </row>
    <row r="323575" spans="14:14">
      <c r="N323575" s="10"/>
    </row>
    <row r="323576" spans="14:14">
      <c r="N323576" s="10"/>
    </row>
    <row r="323577" spans="14:14">
      <c r="N323577" s="10"/>
    </row>
    <row r="323578" spans="14:14">
      <c r="N323578" s="10"/>
    </row>
    <row r="323579" spans="14:14">
      <c r="N323579" s="10"/>
    </row>
    <row r="323580" spans="14:14">
      <c r="N323580" s="10"/>
    </row>
    <row r="323581" spans="14:14">
      <c r="N323581" s="10"/>
    </row>
    <row r="323582" spans="14:14">
      <c r="N323582" s="10"/>
    </row>
    <row r="323583" spans="14:14">
      <c r="N323583" s="10"/>
    </row>
    <row r="323584" spans="14:14">
      <c r="N323584" s="10"/>
    </row>
    <row r="323585" spans="14:14">
      <c r="N323585" s="10"/>
    </row>
    <row r="323586" spans="14:14">
      <c r="N323586" s="10"/>
    </row>
    <row r="323587" spans="14:14">
      <c r="N323587" s="10"/>
    </row>
    <row r="323588" spans="14:14">
      <c r="N323588" s="10"/>
    </row>
    <row r="323589" spans="14:14">
      <c r="N323589" s="10"/>
    </row>
    <row r="323590" spans="14:14">
      <c r="N323590" s="10"/>
    </row>
    <row r="323591" spans="14:14">
      <c r="N323591" s="10"/>
    </row>
    <row r="323592" spans="14:14">
      <c r="N323592" s="10"/>
    </row>
    <row r="323593" spans="14:14">
      <c r="N323593" s="10"/>
    </row>
    <row r="323594" spans="14:14">
      <c r="N323594" s="10"/>
    </row>
    <row r="323595" spans="14:14">
      <c r="N323595" s="10"/>
    </row>
    <row r="323596" spans="14:14">
      <c r="N323596" s="10"/>
    </row>
    <row r="323597" spans="14:14">
      <c r="N323597" s="10"/>
    </row>
    <row r="323598" spans="14:14">
      <c r="N323598" s="10"/>
    </row>
    <row r="323599" spans="14:14">
      <c r="N323599" s="10"/>
    </row>
    <row r="323600" spans="14:14">
      <c r="N323600" s="10"/>
    </row>
    <row r="323601" spans="14:14">
      <c r="N323601" s="10"/>
    </row>
    <row r="323602" spans="14:14">
      <c r="N323602" s="10"/>
    </row>
    <row r="323603" spans="14:14">
      <c r="N323603" s="10"/>
    </row>
    <row r="323604" spans="14:14">
      <c r="N323604" s="10"/>
    </row>
    <row r="323605" spans="14:14">
      <c r="N323605" s="10"/>
    </row>
    <row r="323606" spans="14:14">
      <c r="N323606" s="10"/>
    </row>
    <row r="323607" spans="14:14">
      <c r="N323607" s="10"/>
    </row>
    <row r="323608" spans="14:14">
      <c r="N323608" s="10"/>
    </row>
    <row r="323609" spans="14:14">
      <c r="N323609" s="10"/>
    </row>
    <row r="323610" spans="14:14">
      <c r="N323610" s="10"/>
    </row>
    <row r="323611" spans="14:14">
      <c r="N323611" s="10"/>
    </row>
    <row r="323612" spans="14:14">
      <c r="N323612" s="10"/>
    </row>
    <row r="323613" spans="14:14">
      <c r="N323613" s="10"/>
    </row>
    <row r="323614" spans="14:14">
      <c r="N323614" s="10"/>
    </row>
    <row r="323615" spans="14:14">
      <c r="N323615" s="10"/>
    </row>
    <row r="323616" spans="14:14">
      <c r="N323616" s="10"/>
    </row>
    <row r="323617" spans="14:14">
      <c r="N323617" s="10"/>
    </row>
    <row r="323618" spans="14:14">
      <c r="N323618" s="10"/>
    </row>
    <row r="323619" spans="14:14">
      <c r="N323619" s="10"/>
    </row>
    <row r="323620" spans="14:14">
      <c r="N323620" s="10"/>
    </row>
    <row r="323621" spans="14:14">
      <c r="N323621" s="10"/>
    </row>
    <row r="323622" spans="14:14">
      <c r="N323622" s="10"/>
    </row>
    <row r="323623" spans="14:14">
      <c r="N323623" s="10"/>
    </row>
    <row r="323624" spans="14:14">
      <c r="N323624" s="10"/>
    </row>
    <row r="323625" spans="14:14">
      <c r="N323625" s="10"/>
    </row>
    <row r="323626" spans="14:14">
      <c r="N323626" s="10"/>
    </row>
    <row r="323627" spans="14:14">
      <c r="N323627" s="10"/>
    </row>
    <row r="323628" spans="14:14">
      <c r="N323628" s="10"/>
    </row>
    <row r="323629" spans="14:14">
      <c r="N323629" s="10"/>
    </row>
    <row r="323630" spans="14:14">
      <c r="N323630" s="10"/>
    </row>
    <row r="323631" spans="14:14">
      <c r="N323631" s="10"/>
    </row>
    <row r="323632" spans="14:14">
      <c r="N323632" s="10"/>
    </row>
    <row r="323633" spans="14:14">
      <c r="N323633" s="10"/>
    </row>
    <row r="323634" spans="14:14">
      <c r="N323634" s="10"/>
    </row>
    <row r="323635" spans="14:14">
      <c r="N323635" s="10"/>
    </row>
    <row r="323636" spans="14:14">
      <c r="N323636" s="10"/>
    </row>
    <row r="323637" spans="14:14">
      <c r="N323637" s="10"/>
    </row>
    <row r="323638" spans="14:14">
      <c r="N323638" s="10"/>
    </row>
    <row r="323639" spans="14:14">
      <c r="N323639" s="10"/>
    </row>
    <row r="323640" spans="14:14">
      <c r="N323640" s="10"/>
    </row>
    <row r="323641" spans="14:14">
      <c r="N323641" s="10"/>
    </row>
    <row r="323642" spans="14:14">
      <c r="N323642" s="10"/>
    </row>
    <row r="323643" spans="14:14">
      <c r="N323643" s="10"/>
    </row>
    <row r="323644" spans="14:14">
      <c r="N323644" s="10"/>
    </row>
    <row r="323645" spans="14:14">
      <c r="N323645" s="10"/>
    </row>
    <row r="323646" spans="14:14">
      <c r="N323646" s="10"/>
    </row>
    <row r="323647" spans="14:14">
      <c r="N323647" s="10"/>
    </row>
    <row r="323648" spans="14:14">
      <c r="N323648" s="10"/>
    </row>
    <row r="323649" spans="14:14">
      <c r="N323649" s="10"/>
    </row>
    <row r="323650" spans="14:14">
      <c r="N323650" s="10"/>
    </row>
    <row r="323651" spans="14:14">
      <c r="N323651" s="10"/>
    </row>
    <row r="323652" spans="14:14">
      <c r="N323652" s="10"/>
    </row>
    <row r="323653" spans="14:14">
      <c r="N323653" s="10"/>
    </row>
    <row r="323654" spans="14:14">
      <c r="N323654" s="10"/>
    </row>
    <row r="323655" spans="14:14">
      <c r="N323655" s="10"/>
    </row>
    <row r="323656" spans="14:14">
      <c r="N323656" s="10"/>
    </row>
    <row r="323657" spans="14:14">
      <c r="N323657" s="10"/>
    </row>
    <row r="323658" spans="14:14">
      <c r="N323658" s="10"/>
    </row>
    <row r="323659" spans="14:14">
      <c r="N323659" s="10"/>
    </row>
    <row r="323660" spans="14:14">
      <c r="N323660" s="10"/>
    </row>
    <row r="323661" spans="14:14">
      <c r="N323661" s="10"/>
    </row>
    <row r="323662" spans="14:14">
      <c r="N323662" s="10"/>
    </row>
    <row r="323663" spans="14:14">
      <c r="N323663" s="10"/>
    </row>
    <row r="323664" spans="14:14">
      <c r="N323664" s="10"/>
    </row>
    <row r="323665" spans="14:14">
      <c r="N323665" s="10"/>
    </row>
    <row r="323666" spans="14:14">
      <c r="N323666" s="10"/>
    </row>
    <row r="323667" spans="14:14">
      <c r="N323667" s="10"/>
    </row>
    <row r="323668" spans="14:14">
      <c r="N323668" s="10"/>
    </row>
    <row r="323669" spans="14:14">
      <c r="N323669" s="10"/>
    </row>
    <row r="323670" spans="14:14">
      <c r="N323670" s="10"/>
    </row>
    <row r="323671" spans="14:14">
      <c r="N323671" s="10"/>
    </row>
    <row r="323672" spans="14:14">
      <c r="N323672" s="10"/>
    </row>
    <row r="323673" spans="14:14">
      <c r="N323673" s="10"/>
    </row>
    <row r="323674" spans="14:14">
      <c r="N323674" s="10"/>
    </row>
    <row r="323675" spans="14:14">
      <c r="N323675" s="10"/>
    </row>
    <row r="323676" spans="14:14">
      <c r="N323676" s="10"/>
    </row>
    <row r="323677" spans="14:14">
      <c r="N323677" s="10"/>
    </row>
    <row r="323678" spans="14:14">
      <c r="N323678" s="10"/>
    </row>
    <row r="323679" spans="14:14">
      <c r="N323679" s="10"/>
    </row>
    <row r="323680" spans="14:14">
      <c r="N323680" s="10"/>
    </row>
    <row r="323681" spans="14:14">
      <c r="N323681" s="10"/>
    </row>
    <row r="323682" spans="14:14">
      <c r="N323682" s="10"/>
    </row>
    <row r="323683" spans="14:14">
      <c r="N323683" s="10"/>
    </row>
    <row r="323684" spans="14:14">
      <c r="N323684" s="10"/>
    </row>
    <row r="323685" spans="14:14">
      <c r="N323685" s="10"/>
    </row>
    <row r="323686" spans="14:14">
      <c r="N323686" s="10"/>
    </row>
    <row r="323687" spans="14:14">
      <c r="N323687" s="10"/>
    </row>
    <row r="323688" spans="14:14">
      <c r="N323688" s="10"/>
    </row>
    <row r="323689" spans="14:14">
      <c r="N323689" s="10"/>
    </row>
    <row r="323690" spans="14:14">
      <c r="N323690" s="10"/>
    </row>
    <row r="323691" spans="14:14">
      <c r="N323691" s="10"/>
    </row>
    <row r="323692" spans="14:14">
      <c r="N323692" s="10"/>
    </row>
    <row r="323693" spans="14:14">
      <c r="N323693" s="10"/>
    </row>
    <row r="323694" spans="14:14">
      <c r="N323694" s="10"/>
    </row>
    <row r="323695" spans="14:14">
      <c r="N323695" s="10"/>
    </row>
    <row r="323696" spans="14:14">
      <c r="N323696" s="10"/>
    </row>
    <row r="323697" spans="14:14">
      <c r="N323697" s="10"/>
    </row>
    <row r="323698" spans="14:14">
      <c r="N323698" s="10"/>
    </row>
    <row r="323699" spans="14:14">
      <c r="N323699" s="10"/>
    </row>
    <row r="323700" spans="14:14">
      <c r="N323700" s="10"/>
    </row>
    <row r="323701" spans="14:14">
      <c r="N323701" s="10"/>
    </row>
    <row r="323702" spans="14:14">
      <c r="N323702" s="10"/>
    </row>
    <row r="323703" spans="14:14">
      <c r="N323703" s="10"/>
    </row>
    <row r="323704" spans="14:14">
      <c r="N323704" s="10"/>
    </row>
    <row r="323705" spans="14:14">
      <c r="N323705" s="10"/>
    </row>
    <row r="323706" spans="14:14">
      <c r="N323706" s="10"/>
    </row>
    <row r="323707" spans="14:14">
      <c r="N323707" s="10"/>
    </row>
    <row r="323708" spans="14:14">
      <c r="N323708" s="10"/>
    </row>
    <row r="323709" spans="14:14">
      <c r="N323709" s="10"/>
    </row>
    <row r="323710" spans="14:14">
      <c r="N323710" s="10"/>
    </row>
    <row r="323711" spans="14:14">
      <c r="N323711" s="10"/>
    </row>
    <row r="323712" spans="14:14">
      <c r="N323712" s="10"/>
    </row>
    <row r="323713" spans="14:14">
      <c r="N323713" s="10"/>
    </row>
    <row r="323714" spans="14:14">
      <c r="N323714" s="10"/>
    </row>
    <row r="323715" spans="14:14">
      <c r="N323715" s="10"/>
    </row>
    <row r="323716" spans="14:14">
      <c r="N323716" s="10"/>
    </row>
    <row r="323717" spans="14:14">
      <c r="N323717" s="10"/>
    </row>
    <row r="323718" spans="14:14">
      <c r="N323718" s="10"/>
    </row>
    <row r="323719" spans="14:14">
      <c r="N323719" s="10"/>
    </row>
    <row r="323720" spans="14:14">
      <c r="N323720" s="10"/>
    </row>
    <row r="323721" spans="14:14">
      <c r="N323721" s="10"/>
    </row>
    <row r="323722" spans="14:14">
      <c r="N323722" s="10"/>
    </row>
    <row r="323723" spans="14:14">
      <c r="N323723" s="10"/>
    </row>
    <row r="323724" spans="14:14">
      <c r="N323724" s="10"/>
    </row>
    <row r="323725" spans="14:14">
      <c r="N323725" s="10"/>
    </row>
    <row r="323726" spans="14:14">
      <c r="N323726" s="10"/>
    </row>
    <row r="323727" spans="14:14">
      <c r="N323727" s="10"/>
    </row>
    <row r="323728" spans="14:14">
      <c r="N323728" s="10"/>
    </row>
    <row r="323729" spans="14:14">
      <c r="N323729" s="10"/>
    </row>
    <row r="323730" spans="14:14">
      <c r="N323730" s="10"/>
    </row>
    <row r="323731" spans="14:14">
      <c r="N323731" s="10"/>
    </row>
    <row r="323732" spans="14:14">
      <c r="N323732" s="10"/>
    </row>
    <row r="323733" spans="14:14">
      <c r="N323733" s="10"/>
    </row>
    <row r="323734" spans="14:14">
      <c r="N323734" s="10"/>
    </row>
    <row r="323735" spans="14:14">
      <c r="N323735" s="10"/>
    </row>
    <row r="323736" spans="14:14">
      <c r="N323736" s="10"/>
    </row>
    <row r="323737" spans="14:14">
      <c r="N323737" s="10"/>
    </row>
    <row r="323738" spans="14:14">
      <c r="N323738" s="10"/>
    </row>
    <row r="323739" spans="14:14">
      <c r="N323739" s="10"/>
    </row>
    <row r="323740" spans="14:14">
      <c r="N323740" s="10"/>
    </row>
    <row r="323741" spans="14:14">
      <c r="N323741" s="10"/>
    </row>
    <row r="323742" spans="14:14">
      <c r="N323742" s="10"/>
    </row>
    <row r="323743" spans="14:14">
      <c r="N323743" s="10"/>
    </row>
    <row r="323744" spans="14:14">
      <c r="N323744" s="10"/>
    </row>
    <row r="323745" spans="14:14">
      <c r="N323745" s="10"/>
    </row>
    <row r="323746" spans="14:14">
      <c r="N323746" s="10"/>
    </row>
    <row r="323747" spans="14:14">
      <c r="N323747" s="10"/>
    </row>
    <row r="323748" spans="14:14">
      <c r="N323748" s="10"/>
    </row>
    <row r="323749" spans="14:14">
      <c r="N323749" s="10"/>
    </row>
    <row r="323750" spans="14:14">
      <c r="N323750" s="10"/>
    </row>
    <row r="323751" spans="14:14">
      <c r="N323751" s="10"/>
    </row>
    <row r="323752" spans="14:14">
      <c r="N323752" s="10"/>
    </row>
    <row r="323753" spans="14:14">
      <c r="N323753" s="10"/>
    </row>
    <row r="323754" spans="14:14">
      <c r="N323754" s="10"/>
    </row>
    <row r="323755" spans="14:14">
      <c r="N323755" s="10"/>
    </row>
    <row r="323756" spans="14:14">
      <c r="N323756" s="10"/>
    </row>
    <row r="323757" spans="14:14">
      <c r="N323757" s="10"/>
    </row>
    <row r="323758" spans="14:14">
      <c r="N323758" s="10"/>
    </row>
    <row r="323759" spans="14:14">
      <c r="N323759" s="10"/>
    </row>
    <row r="323760" spans="14:14">
      <c r="N323760" s="10"/>
    </row>
    <row r="323761" spans="14:14">
      <c r="N323761" s="10"/>
    </row>
    <row r="323762" spans="14:14">
      <c r="N323762" s="10"/>
    </row>
    <row r="323763" spans="14:14">
      <c r="N323763" s="10"/>
    </row>
    <row r="323764" spans="14:14">
      <c r="N323764" s="10"/>
    </row>
    <row r="323765" spans="14:14">
      <c r="N323765" s="10"/>
    </row>
    <row r="323766" spans="14:14">
      <c r="N323766" s="10"/>
    </row>
    <row r="323767" spans="14:14">
      <c r="N323767" s="10"/>
    </row>
    <row r="323768" spans="14:14">
      <c r="N323768" s="10"/>
    </row>
    <row r="323769" spans="14:14">
      <c r="N323769" s="10"/>
    </row>
    <row r="323770" spans="14:14">
      <c r="N323770" s="10"/>
    </row>
    <row r="323771" spans="14:14">
      <c r="N323771" s="10"/>
    </row>
    <row r="323772" spans="14:14">
      <c r="N323772" s="10"/>
    </row>
    <row r="323773" spans="14:14">
      <c r="N323773" s="10"/>
    </row>
    <row r="323774" spans="14:14">
      <c r="N323774" s="10"/>
    </row>
    <row r="323775" spans="14:14">
      <c r="N323775" s="10"/>
    </row>
    <row r="323776" spans="14:14">
      <c r="N323776" s="10"/>
    </row>
    <row r="323777" spans="14:14">
      <c r="N323777" s="10"/>
    </row>
    <row r="323778" spans="14:14">
      <c r="N323778" s="10"/>
    </row>
    <row r="323779" spans="14:14">
      <c r="N323779" s="10"/>
    </row>
    <row r="323780" spans="14:14">
      <c r="N323780" s="10"/>
    </row>
    <row r="323781" spans="14:14">
      <c r="N323781" s="10"/>
    </row>
    <row r="323782" spans="14:14">
      <c r="N323782" s="10"/>
    </row>
    <row r="323783" spans="14:14">
      <c r="N323783" s="10"/>
    </row>
    <row r="323784" spans="14:14">
      <c r="N323784" s="10"/>
    </row>
    <row r="323785" spans="14:14">
      <c r="N323785" s="10"/>
    </row>
    <row r="323786" spans="14:14">
      <c r="N323786" s="10"/>
    </row>
    <row r="323787" spans="14:14">
      <c r="N323787" s="10"/>
    </row>
    <row r="323788" spans="14:14">
      <c r="N323788" s="10"/>
    </row>
    <row r="323789" spans="14:14">
      <c r="N323789" s="10"/>
    </row>
    <row r="323790" spans="14:14">
      <c r="N323790" s="10"/>
    </row>
    <row r="323791" spans="14:14">
      <c r="N323791" s="10"/>
    </row>
    <row r="323792" spans="14:14">
      <c r="N323792" s="10"/>
    </row>
    <row r="323793" spans="14:14">
      <c r="N323793" s="10"/>
    </row>
    <row r="323794" spans="14:14">
      <c r="N323794" s="10"/>
    </row>
    <row r="323795" spans="14:14">
      <c r="N323795" s="10"/>
    </row>
    <row r="323796" spans="14:14">
      <c r="N323796" s="10"/>
    </row>
    <row r="323797" spans="14:14">
      <c r="N323797" s="10"/>
    </row>
    <row r="323798" spans="14:14">
      <c r="N323798" s="10"/>
    </row>
    <row r="323799" spans="14:14">
      <c r="N323799" s="10"/>
    </row>
    <row r="323800" spans="14:14">
      <c r="N323800" s="10"/>
    </row>
    <row r="323801" spans="14:14">
      <c r="N323801" s="10"/>
    </row>
    <row r="323802" spans="14:14">
      <c r="N323802" s="10"/>
    </row>
    <row r="323803" spans="14:14">
      <c r="N323803" s="10"/>
    </row>
    <row r="323804" spans="14:14">
      <c r="N323804" s="10"/>
    </row>
    <row r="323805" spans="14:14">
      <c r="N323805" s="10"/>
    </row>
    <row r="323806" spans="14:14">
      <c r="N323806" s="10"/>
    </row>
    <row r="323807" spans="14:14">
      <c r="N323807" s="10"/>
    </row>
    <row r="323808" spans="14:14">
      <c r="N323808" s="10"/>
    </row>
    <row r="323809" spans="14:14">
      <c r="N323809" s="10"/>
    </row>
    <row r="323810" spans="14:14">
      <c r="N323810" s="10"/>
    </row>
    <row r="323811" spans="14:14">
      <c r="N323811" s="10"/>
    </row>
    <row r="323812" spans="14:14">
      <c r="N323812" s="10"/>
    </row>
    <row r="323813" spans="14:14">
      <c r="N323813" s="10"/>
    </row>
    <row r="323814" spans="14:14">
      <c r="N323814" s="10"/>
    </row>
    <row r="323815" spans="14:14">
      <c r="N323815" s="10"/>
    </row>
    <row r="323816" spans="14:14">
      <c r="N323816" s="10"/>
    </row>
    <row r="323817" spans="14:14">
      <c r="N323817" s="10"/>
    </row>
    <row r="323818" spans="14:14">
      <c r="N323818" s="10"/>
    </row>
    <row r="323819" spans="14:14">
      <c r="N323819" s="10"/>
    </row>
    <row r="323820" spans="14:14">
      <c r="N323820" s="10"/>
    </row>
    <row r="323821" spans="14:14">
      <c r="N323821" s="10"/>
    </row>
    <row r="323822" spans="14:14">
      <c r="N323822" s="10"/>
    </row>
    <row r="323823" spans="14:14">
      <c r="N323823" s="10"/>
    </row>
    <row r="323824" spans="14:14">
      <c r="N323824" s="10"/>
    </row>
    <row r="323825" spans="14:14">
      <c r="N323825" s="10"/>
    </row>
    <row r="323826" spans="14:14">
      <c r="N323826" s="10"/>
    </row>
    <row r="323827" spans="14:14">
      <c r="N323827" s="10"/>
    </row>
    <row r="323828" spans="14:14">
      <c r="N323828" s="10"/>
    </row>
    <row r="323829" spans="14:14">
      <c r="N323829" s="10"/>
    </row>
    <row r="323830" spans="14:14">
      <c r="N323830" s="10"/>
    </row>
    <row r="323831" spans="14:14">
      <c r="N323831" s="10"/>
    </row>
    <row r="323832" spans="14:14">
      <c r="N323832" s="10"/>
    </row>
    <row r="323833" spans="14:14">
      <c r="N323833" s="10"/>
    </row>
    <row r="323834" spans="14:14">
      <c r="N323834" s="10"/>
    </row>
    <row r="323835" spans="14:14">
      <c r="N323835" s="10"/>
    </row>
    <row r="323836" spans="14:14">
      <c r="N323836" s="10"/>
    </row>
    <row r="323837" spans="14:14">
      <c r="N323837" s="10"/>
    </row>
    <row r="323838" spans="14:14">
      <c r="N323838" s="10"/>
    </row>
    <row r="323839" spans="14:14">
      <c r="N323839" s="10"/>
    </row>
    <row r="323840" spans="14:14">
      <c r="N323840" s="10"/>
    </row>
    <row r="323841" spans="14:14">
      <c r="N323841" s="10"/>
    </row>
    <row r="323842" spans="14:14">
      <c r="N323842" s="10"/>
    </row>
    <row r="323843" spans="14:14">
      <c r="N323843" s="10"/>
    </row>
    <row r="323844" spans="14:14">
      <c r="N323844" s="10"/>
    </row>
    <row r="323845" spans="14:14">
      <c r="N323845" s="10"/>
    </row>
    <row r="323846" spans="14:14">
      <c r="N323846" s="10"/>
    </row>
    <row r="323847" spans="14:14">
      <c r="N323847" s="10"/>
    </row>
    <row r="323848" spans="14:14">
      <c r="N323848" s="10"/>
    </row>
    <row r="323849" spans="14:14">
      <c r="N323849" s="10"/>
    </row>
    <row r="323850" spans="14:14">
      <c r="N323850" s="10"/>
    </row>
    <row r="323851" spans="14:14">
      <c r="N323851" s="10"/>
    </row>
    <row r="323852" spans="14:14">
      <c r="N323852" s="10"/>
    </row>
    <row r="323853" spans="14:14">
      <c r="N323853" s="10"/>
    </row>
    <row r="323854" spans="14:14">
      <c r="N323854" s="10"/>
    </row>
    <row r="323855" spans="14:14">
      <c r="N323855" s="10"/>
    </row>
    <row r="323856" spans="14:14">
      <c r="N323856" s="10"/>
    </row>
    <row r="323857" spans="14:14">
      <c r="N323857" s="10"/>
    </row>
    <row r="323858" spans="14:14">
      <c r="N323858" s="10"/>
    </row>
    <row r="323859" spans="14:14">
      <c r="N323859" s="10"/>
    </row>
    <row r="323860" spans="14:14">
      <c r="N323860" s="10"/>
    </row>
    <row r="323861" spans="14:14">
      <c r="N323861" s="10"/>
    </row>
    <row r="323862" spans="14:14">
      <c r="N323862" s="10"/>
    </row>
    <row r="323863" spans="14:14">
      <c r="N323863" s="10"/>
    </row>
    <row r="323864" spans="14:14">
      <c r="N323864" s="10"/>
    </row>
    <row r="323865" spans="14:14">
      <c r="N323865" s="10"/>
    </row>
    <row r="323866" spans="14:14">
      <c r="N323866" s="10"/>
    </row>
    <row r="323867" spans="14:14">
      <c r="N323867" s="10"/>
    </row>
    <row r="323868" spans="14:14">
      <c r="N323868" s="10"/>
    </row>
    <row r="323869" spans="14:14">
      <c r="N323869" s="10"/>
    </row>
    <row r="323870" spans="14:14">
      <c r="N323870" s="10"/>
    </row>
    <row r="323871" spans="14:14">
      <c r="N323871" s="10"/>
    </row>
    <row r="323872" spans="14:14">
      <c r="N323872" s="10"/>
    </row>
    <row r="323873" spans="14:14">
      <c r="N323873" s="10"/>
    </row>
    <row r="323874" spans="14:14">
      <c r="N323874" s="10"/>
    </row>
    <row r="323875" spans="14:14">
      <c r="N323875" s="10"/>
    </row>
    <row r="323876" spans="14:14">
      <c r="N323876" s="10"/>
    </row>
    <row r="323877" spans="14:14">
      <c r="N323877" s="10"/>
    </row>
    <row r="323878" spans="14:14">
      <c r="N323878" s="10"/>
    </row>
    <row r="323879" spans="14:14">
      <c r="N323879" s="10"/>
    </row>
    <row r="323880" spans="14:14">
      <c r="N323880" s="10"/>
    </row>
    <row r="323881" spans="14:14">
      <c r="N323881" s="10"/>
    </row>
    <row r="323882" spans="14:14">
      <c r="N323882" s="10"/>
    </row>
    <row r="323883" spans="14:14">
      <c r="N323883" s="10"/>
    </row>
    <row r="323884" spans="14:14">
      <c r="N323884" s="10"/>
    </row>
    <row r="323885" spans="14:14">
      <c r="N323885" s="10"/>
    </row>
    <row r="323886" spans="14:14">
      <c r="N323886" s="10"/>
    </row>
    <row r="323887" spans="14:14">
      <c r="N323887" s="10"/>
    </row>
    <row r="323888" spans="14:14">
      <c r="N323888" s="10"/>
    </row>
    <row r="323889" spans="14:14">
      <c r="N323889" s="10"/>
    </row>
    <row r="323890" spans="14:14">
      <c r="N323890" s="10"/>
    </row>
    <row r="323891" spans="14:14">
      <c r="N323891" s="10"/>
    </row>
    <row r="323892" spans="14:14">
      <c r="N323892" s="10"/>
    </row>
    <row r="323893" spans="14:14">
      <c r="N323893" s="10"/>
    </row>
    <row r="323894" spans="14:14">
      <c r="N323894" s="10"/>
    </row>
    <row r="323895" spans="14:14">
      <c r="N323895" s="10"/>
    </row>
    <row r="323896" spans="14:14">
      <c r="N323896" s="10"/>
    </row>
    <row r="323897" spans="14:14">
      <c r="N323897" s="10"/>
    </row>
    <row r="323898" spans="14:14">
      <c r="N323898" s="10"/>
    </row>
    <row r="323899" spans="14:14">
      <c r="N323899" s="10"/>
    </row>
    <row r="323900" spans="14:14">
      <c r="N323900" s="10"/>
    </row>
    <row r="323901" spans="14:14">
      <c r="N323901" s="10"/>
    </row>
    <row r="323902" spans="14:14">
      <c r="N323902" s="10"/>
    </row>
    <row r="323903" spans="14:14">
      <c r="N323903" s="10"/>
    </row>
    <row r="323904" spans="14:14">
      <c r="N323904" s="10"/>
    </row>
    <row r="323905" spans="14:14">
      <c r="N323905" s="10"/>
    </row>
    <row r="323906" spans="14:14">
      <c r="N323906" s="10"/>
    </row>
    <row r="323907" spans="14:14">
      <c r="N323907" s="10"/>
    </row>
    <row r="323908" spans="14:14">
      <c r="N323908" s="10"/>
    </row>
    <row r="323909" spans="14:14">
      <c r="N323909" s="10"/>
    </row>
    <row r="323910" spans="14:14">
      <c r="N323910" s="10"/>
    </row>
    <row r="323911" spans="14:14">
      <c r="N323911" s="10"/>
    </row>
    <row r="323912" spans="14:14">
      <c r="N323912" s="10"/>
    </row>
    <row r="323913" spans="14:14">
      <c r="N323913" s="10"/>
    </row>
    <row r="323914" spans="14:14">
      <c r="N323914" s="10"/>
    </row>
    <row r="323915" spans="14:14">
      <c r="N323915" s="10"/>
    </row>
    <row r="323916" spans="14:14">
      <c r="N323916" s="10"/>
    </row>
    <row r="323917" spans="14:14">
      <c r="N323917" s="10"/>
    </row>
    <row r="323918" spans="14:14">
      <c r="N323918" s="10"/>
    </row>
    <row r="323919" spans="14:14">
      <c r="N323919" s="10"/>
    </row>
    <row r="323920" spans="14:14">
      <c r="N323920" s="10"/>
    </row>
    <row r="323921" spans="14:14">
      <c r="N323921" s="10"/>
    </row>
    <row r="323922" spans="14:14">
      <c r="N323922" s="10"/>
    </row>
    <row r="323923" spans="14:14">
      <c r="N323923" s="10"/>
    </row>
    <row r="323924" spans="14:14">
      <c r="N323924" s="10"/>
    </row>
    <row r="323925" spans="14:14">
      <c r="N323925" s="10"/>
    </row>
    <row r="323926" spans="14:14">
      <c r="N323926" s="10"/>
    </row>
    <row r="323927" spans="14:14">
      <c r="N323927" s="10"/>
    </row>
    <row r="323928" spans="14:14">
      <c r="N323928" s="10"/>
    </row>
    <row r="323929" spans="14:14">
      <c r="N323929" s="10"/>
    </row>
    <row r="323930" spans="14:14">
      <c r="N323930" s="10"/>
    </row>
    <row r="323931" spans="14:14">
      <c r="N323931" s="10"/>
    </row>
    <row r="323932" spans="14:14">
      <c r="N323932" s="10"/>
    </row>
    <row r="323933" spans="14:14">
      <c r="N323933" s="10"/>
    </row>
    <row r="323934" spans="14:14">
      <c r="N323934" s="10"/>
    </row>
    <row r="323935" spans="14:14">
      <c r="N323935" s="10"/>
    </row>
    <row r="323936" spans="14:14">
      <c r="N323936" s="10"/>
    </row>
    <row r="323937" spans="14:14">
      <c r="N323937" s="10"/>
    </row>
    <row r="323938" spans="14:14">
      <c r="N323938" s="10"/>
    </row>
    <row r="323939" spans="14:14">
      <c r="N323939" s="10"/>
    </row>
    <row r="323940" spans="14:14">
      <c r="N323940" s="10"/>
    </row>
    <row r="323941" spans="14:14">
      <c r="N323941" s="10"/>
    </row>
    <row r="323942" spans="14:14">
      <c r="N323942" s="10"/>
    </row>
    <row r="323943" spans="14:14">
      <c r="N323943" s="10"/>
    </row>
    <row r="323944" spans="14:14">
      <c r="N323944" s="10"/>
    </row>
    <row r="323945" spans="14:14">
      <c r="N323945" s="10"/>
    </row>
    <row r="323946" spans="14:14">
      <c r="N323946" s="10"/>
    </row>
    <row r="323947" spans="14:14">
      <c r="N323947" s="10"/>
    </row>
    <row r="323948" spans="14:14">
      <c r="N323948" s="10"/>
    </row>
    <row r="323949" spans="14:14">
      <c r="N323949" s="10"/>
    </row>
    <row r="323950" spans="14:14">
      <c r="N323950" s="10"/>
    </row>
    <row r="323951" spans="14:14">
      <c r="N323951" s="10"/>
    </row>
    <row r="323952" spans="14:14">
      <c r="N323952" s="10"/>
    </row>
    <row r="323953" spans="14:14">
      <c r="N323953" s="10"/>
    </row>
    <row r="323954" spans="14:14">
      <c r="N323954" s="10"/>
    </row>
    <row r="323955" spans="14:14">
      <c r="N323955" s="10"/>
    </row>
    <row r="323956" spans="14:14">
      <c r="N323956" s="10"/>
    </row>
    <row r="323957" spans="14:14">
      <c r="N323957" s="10"/>
    </row>
    <row r="323958" spans="14:14">
      <c r="N323958" s="10"/>
    </row>
    <row r="323959" spans="14:14">
      <c r="N323959" s="10"/>
    </row>
    <row r="323960" spans="14:14">
      <c r="N323960" s="10"/>
    </row>
    <row r="323961" spans="14:14">
      <c r="N323961" s="10"/>
    </row>
    <row r="323962" spans="14:14">
      <c r="N323962" s="10"/>
    </row>
    <row r="323963" spans="14:14">
      <c r="N323963" s="10"/>
    </row>
    <row r="323964" spans="14:14">
      <c r="N323964" s="10"/>
    </row>
    <row r="323965" spans="14:14">
      <c r="N323965" s="10"/>
    </row>
    <row r="323966" spans="14:14">
      <c r="N323966" s="10"/>
    </row>
    <row r="323967" spans="14:14">
      <c r="N323967" s="10"/>
    </row>
    <row r="323968" spans="14:14">
      <c r="N323968" s="10"/>
    </row>
    <row r="323969" spans="14:14">
      <c r="N323969" s="10"/>
    </row>
    <row r="323970" spans="14:14">
      <c r="N323970" s="10"/>
    </row>
    <row r="323971" spans="14:14">
      <c r="N323971" s="10"/>
    </row>
    <row r="323972" spans="14:14">
      <c r="N323972" s="10"/>
    </row>
    <row r="323973" spans="14:14">
      <c r="N323973" s="10"/>
    </row>
    <row r="323974" spans="14:14">
      <c r="N323974" s="10"/>
    </row>
    <row r="323975" spans="14:14">
      <c r="N323975" s="10"/>
    </row>
    <row r="323976" spans="14:14">
      <c r="N323976" s="10"/>
    </row>
    <row r="323977" spans="14:14">
      <c r="N323977" s="10"/>
    </row>
    <row r="323978" spans="14:14">
      <c r="N323978" s="10"/>
    </row>
    <row r="323979" spans="14:14">
      <c r="N323979" s="10"/>
    </row>
    <row r="323980" spans="14:14">
      <c r="N323980" s="10"/>
    </row>
    <row r="323981" spans="14:14">
      <c r="N323981" s="10"/>
    </row>
    <row r="323982" spans="14:14">
      <c r="N323982" s="10"/>
    </row>
    <row r="323983" spans="14:14">
      <c r="N323983" s="10"/>
    </row>
    <row r="323984" spans="14:14">
      <c r="N323984" s="10"/>
    </row>
    <row r="323985" spans="14:14">
      <c r="N323985" s="10"/>
    </row>
    <row r="323986" spans="14:14">
      <c r="N323986" s="10"/>
    </row>
    <row r="323987" spans="14:14">
      <c r="N323987" s="10"/>
    </row>
    <row r="323988" spans="14:14">
      <c r="N323988" s="10"/>
    </row>
    <row r="323989" spans="14:14">
      <c r="N323989" s="10"/>
    </row>
    <row r="323990" spans="14:14">
      <c r="N323990" s="10"/>
    </row>
    <row r="323991" spans="14:14">
      <c r="N323991" s="10"/>
    </row>
    <row r="323992" spans="14:14">
      <c r="N323992" s="10"/>
    </row>
    <row r="323993" spans="14:14">
      <c r="N323993" s="10"/>
    </row>
    <row r="323994" spans="14:14">
      <c r="N323994" s="10"/>
    </row>
    <row r="323995" spans="14:14">
      <c r="N323995" s="10"/>
    </row>
    <row r="323996" spans="14:14">
      <c r="N323996" s="10"/>
    </row>
    <row r="323997" spans="14:14">
      <c r="N323997" s="10"/>
    </row>
    <row r="323998" spans="14:14">
      <c r="N323998" s="10"/>
    </row>
    <row r="323999" spans="14:14">
      <c r="N323999" s="10"/>
    </row>
    <row r="324000" spans="14:14">
      <c r="N324000" s="10"/>
    </row>
    <row r="324001" spans="14:14">
      <c r="N324001" s="10"/>
    </row>
    <row r="324002" spans="14:14">
      <c r="N324002" s="10"/>
    </row>
    <row r="324003" spans="14:14">
      <c r="N324003" s="10"/>
    </row>
    <row r="324004" spans="14:14">
      <c r="N324004" s="10"/>
    </row>
    <row r="324005" spans="14:14">
      <c r="N324005" s="10"/>
    </row>
    <row r="324006" spans="14:14">
      <c r="N324006" s="10"/>
    </row>
    <row r="324007" spans="14:14">
      <c r="N324007" s="10"/>
    </row>
    <row r="324008" spans="14:14">
      <c r="N324008" s="10"/>
    </row>
    <row r="324009" spans="14:14">
      <c r="N324009" s="10"/>
    </row>
    <row r="324010" spans="14:14">
      <c r="N324010" s="10"/>
    </row>
    <row r="324011" spans="14:14">
      <c r="N324011" s="10"/>
    </row>
    <row r="324012" spans="14:14">
      <c r="N324012" s="10"/>
    </row>
    <row r="324013" spans="14:14">
      <c r="N324013" s="10"/>
    </row>
    <row r="324014" spans="14:14">
      <c r="N324014" s="10"/>
    </row>
    <row r="324015" spans="14:14">
      <c r="N324015" s="10"/>
    </row>
    <row r="324016" spans="14:14">
      <c r="N324016" s="10"/>
    </row>
    <row r="324017" spans="14:14">
      <c r="N324017" s="10"/>
    </row>
    <row r="324018" spans="14:14">
      <c r="N324018" s="10"/>
    </row>
    <row r="324019" spans="14:14">
      <c r="N324019" s="10"/>
    </row>
    <row r="324020" spans="14:14">
      <c r="N324020" s="10"/>
    </row>
    <row r="324021" spans="14:14">
      <c r="N324021" s="10"/>
    </row>
    <row r="324022" spans="14:14">
      <c r="N324022" s="10"/>
    </row>
    <row r="324023" spans="14:14">
      <c r="N324023" s="10"/>
    </row>
    <row r="324024" spans="14:14">
      <c r="N324024" s="10"/>
    </row>
    <row r="324025" spans="14:14">
      <c r="N324025" s="10"/>
    </row>
    <row r="324026" spans="14:14">
      <c r="N324026" s="10"/>
    </row>
    <row r="324027" spans="14:14">
      <c r="N324027" s="10"/>
    </row>
    <row r="324028" spans="14:14">
      <c r="N324028" s="10"/>
    </row>
    <row r="324029" spans="14:14">
      <c r="N324029" s="10"/>
    </row>
    <row r="324030" spans="14:14">
      <c r="N324030" s="10"/>
    </row>
    <row r="324031" spans="14:14">
      <c r="N324031" s="10"/>
    </row>
    <row r="324032" spans="14:14">
      <c r="N324032" s="10"/>
    </row>
    <row r="324033" spans="14:14">
      <c r="N324033" s="10"/>
    </row>
    <row r="324034" spans="14:14">
      <c r="N324034" s="10"/>
    </row>
    <row r="324035" spans="14:14">
      <c r="N324035" s="10"/>
    </row>
    <row r="324036" spans="14:14">
      <c r="N324036" s="10"/>
    </row>
    <row r="324037" spans="14:14">
      <c r="N324037" s="10"/>
    </row>
    <row r="324038" spans="14:14">
      <c r="N324038" s="10"/>
    </row>
    <row r="324039" spans="14:14">
      <c r="N324039" s="10"/>
    </row>
    <row r="324040" spans="14:14">
      <c r="N324040" s="10"/>
    </row>
    <row r="324041" spans="14:14">
      <c r="N324041" s="10"/>
    </row>
    <row r="324042" spans="14:14">
      <c r="N324042" s="10"/>
    </row>
    <row r="324043" spans="14:14">
      <c r="N324043" s="10"/>
    </row>
    <row r="324044" spans="14:14">
      <c r="N324044" s="10"/>
    </row>
    <row r="324045" spans="14:14">
      <c r="N324045" s="10"/>
    </row>
    <row r="324046" spans="14:14">
      <c r="N324046" s="10"/>
    </row>
    <row r="324047" spans="14:14">
      <c r="N324047" s="10"/>
    </row>
    <row r="324048" spans="14:14">
      <c r="N324048" s="10"/>
    </row>
    <row r="324049" spans="14:14">
      <c r="N324049" s="10"/>
    </row>
    <row r="324050" spans="14:14">
      <c r="N324050" s="10"/>
    </row>
    <row r="324051" spans="14:14">
      <c r="N324051" s="10"/>
    </row>
    <row r="324052" spans="14:14">
      <c r="N324052" s="10"/>
    </row>
    <row r="324053" spans="14:14">
      <c r="N324053" s="10"/>
    </row>
    <row r="324054" spans="14:14">
      <c r="N324054" s="10"/>
    </row>
    <row r="324055" spans="14:14">
      <c r="N324055" s="10"/>
    </row>
    <row r="324056" spans="14:14">
      <c r="N324056" s="10"/>
    </row>
    <row r="324057" spans="14:14">
      <c r="N324057" s="10"/>
    </row>
    <row r="324058" spans="14:14">
      <c r="N324058" s="10"/>
    </row>
    <row r="324059" spans="14:14">
      <c r="N324059" s="10"/>
    </row>
    <row r="324060" spans="14:14">
      <c r="N324060" s="10"/>
    </row>
    <row r="324061" spans="14:14">
      <c r="N324061" s="10"/>
    </row>
    <row r="324062" spans="14:14">
      <c r="N324062" s="10"/>
    </row>
    <row r="324063" spans="14:14">
      <c r="N324063" s="10"/>
    </row>
    <row r="324064" spans="14:14">
      <c r="N324064" s="10"/>
    </row>
    <row r="324065" spans="14:14">
      <c r="N324065" s="10"/>
    </row>
    <row r="324066" spans="14:14">
      <c r="N324066" s="10"/>
    </row>
    <row r="324067" spans="14:14">
      <c r="N324067" s="10"/>
    </row>
    <row r="324068" spans="14:14">
      <c r="N324068" s="10"/>
    </row>
    <row r="324069" spans="14:14">
      <c r="N324069" s="10"/>
    </row>
    <row r="324070" spans="14:14">
      <c r="N324070" s="10"/>
    </row>
    <row r="324071" spans="14:14">
      <c r="N324071" s="10"/>
    </row>
    <row r="324072" spans="14:14">
      <c r="N324072" s="10"/>
    </row>
    <row r="324073" spans="14:14">
      <c r="N324073" s="10"/>
    </row>
    <row r="324074" spans="14:14">
      <c r="N324074" s="10"/>
    </row>
    <row r="324075" spans="14:14">
      <c r="N324075" s="10"/>
    </row>
    <row r="324076" spans="14:14">
      <c r="N324076" s="10"/>
    </row>
    <row r="324077" spans="14:14">
      <c r="N324077" s="10"/>
    </row>
    <row r="324078" spans="14:14">
      <c r="N324078" s="10"/>
    </row>
    <row r="324079" spans="14:14">
      <c r="N324079" s="10"/>
    </row>
    <row r="324080" spans="14:14">
      <c r="N324080" s="10"/>
    </row>
    <row r="324081" spans="14:14">
      <c r="N324081" s="10"/>
    </row>
    <row r="324082" spans="14:14">
      <c r="N324082" s="10"/>
    </row>
    <row r="324083" spans="14:14">
      <c r="N324083" s="10"/>
    </row>
    <row r="324084" spans="14:14">
      <c r="N324084" s="10"/>
    </row>
    <row r="324085" spans="14:14">
      <c r="N324085" s="10"/>
    </row>
    <row r="324086" spans="14:14">
      <c r="N324086" s="10"/>
    </row>
    <row r="324087" spans="14:14">
      <c r="N324087" s="10"/>
    </row>
    <row r="324088" spans="14:14">
      <c r="N324088" s="10"/>
    </row>
    <row r="324089" spans="14:14">
      <c r="N324089" s="10"/>
    </row>
    <row r="324090" spans="14:14">
      <c r="N324090" s="10"/>
    </row>
    <row r="324091" spans="14:14">
      <c r="N324091" s="10"/>
    </row>
    <row r="324092" spans="14:14">
      <c r="N324092" s="10"/>
    </row>
    <row r="324093" spans="14:14">
      <c r="N324093" s="10"/>
    </row>
    <row r="324094" spans="14:14">
      <c r="N324094" s="10"/>
    </row>
    <row r="324095" spans="14:14">
      <c r="N324095" s="10"/>
    </row>
    <row r="324096" spans="14:14">
      <c r="N324096" s="10"/>
    </row>
    <row r="324097" spans="14:14">
      <c r="N324097" s="10"/>
    </row>
    <row r="324098" spans="14:14">
      <c r="N324098" s="10"/>
    </row>
    <row r="324099" spans="14:14">
      <c r="N324099" s="10"/>
    </row>
    <row r="324100" spans="14:14">
      <c r="N324100" s="10"/>
    </row>
    <row r="324101" spans="14:14">
      <c r="N324101" s="10"/>
    </row>
    <row r="324102" spans="14:14">
      <c r="N324102" s="10"/>
    </row>
    <row r="324103" spans="14:14">
      <c r="N324103" s="10"/>
    </row>
    <row r="324104" spans="14:14">
      <c r="N324104" s="10"/>
    </row>
    <row r="324105" spans="14:14">
      <c r="N324105" s="10"/>
    </row>
    <row r="324106" spans="14:14">
      <c r="N324106" s="10"/>
    </row>
    <row r="324107" spans="14:14">
      <c r="N324107" s="10"/>
    </row>
    <row r="324108" spans="14:14">
      <c r="N324108" s="10"/>
    </row>
    <row r="324109" spans="14:14">
      <c r="N324109" s="10"/>
    </row>
    <row r="324110" spans="14:14">
      <c r="N324110" s="10"/>
    </row>
    <row r="324111" spans="14:14">
      <c r="N324111" s="10"/>
    </row>
    <row r="324112" spans="14:14">
      <c r="N324112" s="10"/>
    </row>
    <row r="324113" spans="14:14">
      <c r="N324113" s="10"/>
    </row>
    <row r="324114" spans="14:14">
      <c r="N324114" s="10"/>
    </row>
    <row r="324115" spans="14:14">
      <c r="N324115" s="10"/>
    </row>
    <row r="324116" spans="14:14">
      <c r="N324116" s="10"/>
    </row>
    <row r="324117" spans="14:14">
      <c r="N324117" s="10"/>
    </row>
    <row r="324118" spans="14:14">
      <c r="N324118" s="10"/>
    </row>
    <row r="324119" spans="14:14">
      <c r="N324119" s="10"/>
    </row>
    <row r="324120" spans="14:14">
      <c r="N324120" s="10"/>
    </row>
    <row r="324121" spans="14:14">
      <c r="N324121" s="10"/>
    </row>
    <row r="324122" spans="14:14">
      <c r="N324122" s="10"/>
    </row>
    <row r="324123" spans="14:14">
      <c r="N324123" s="10"/>
    </row>
    <row r="324124" spans="14:14">
      <c r="N324124" s="10"/>
    </row>
    <row r="324125" spans="14:14">
      <c r="N324125" s="10"/>
    </row>
    <row r="324126" spans="14:14">
      <c r="N324126" s="10"/>
    </row>
    <row r="324127" spans="14:14">
      <c r="N324127" s="10"/>
    </row>
    <row r="324128" spans="14:14">
      <c r="N324128" s="10"/>
    </row>
    <row r="324129" spans="14:14">
      <c r="N324129" s="10"/>
    </row>
    <row r="324130" spans="14:14">
      <c r="N324130" s="10"/>
    </row>
    <row r="324131" spans="14:14">
      <c r="N324131" s="10"/>
    </row>
    <row r="324132" spans="14:14">
      <c r="N324132" s="10"/>
    </row>
    <row r="324133" spans="14:14">
      <c r="N324133" s="10"/>
    </row>
    <row r="324134" spans="14:14">
      <c r="N324134" s="10"/>
    </row>
    <row r="324135" spans="14:14">
      <c r="N324135" s="10"/>
    </row>
    <row r="324136" spans="14:14">
      <c r="N324136" s="10"/>
    </row>
    <row r="324137" spans="14:14">
      <c r="N324137" s="10"/>
    </row>
    <row r="324138" spans="14:14">
      <c r="N324138" s="10"/>
    </row>
    <row r="324139" spans="14:14">
      <c r="N324139" s="10"/>
    </row>
    <row r="324140" spans="14:14">
      <c r="N324140" s="10"/>
    </row>
    <row r="324141" spans="14:14">
      <c r="N324141" s="10"/>
    </row>
    <row r="324142" spans="14:14">
      <c r="N324142" s="10"/>
    </row>
    <row r="324143" spans="14:14">
      <c r="N324143" s="10"/>
    </row>
    <row r="324144" spans="14:14">
      <c r="N324144" s="10"/>
    </row>
    <row r="324145" spans="14:14">
      <c r="N324145" s="10"/>
    </row>
    <row r="324146" spans="14:14">
      <c r="N324146" s="10"/>
    </row>
    <row r="324147" spans="14:14">
      <c r="N324147" s="10"/>
    </row>
    <row r="324148" spans="14:14">
      <c r="N324148" s="10"/>
    </row>
    <row r="324149" spans="14:14">
      <c r="N324149" s="10"/>
    </row>
    <row r="324150" spans="14:14">
      <c r="N324150" s="10"/>
    </row>
    <row r="324151" spans="14:14">
      <c r="N324151" s="10"/>
    </row>
    <row r="324152" spans="14:14">
      <c r="N324152" s="10"/>
    </row>
    <row r="324153" spans="14:14">
      <c r="N324153" s="10"/>
    </row>
    <row r="324154" spans="14:14">
      <c r="N324154" s="10"/>
    </row>
    <row r="324155" spans="14:14">
      <c r="N324155" s="10"/>
    </row>
    <row r="324156" spans="14:14">
      <c r="N324156" s="10"/>
    </row>
    <row r="324157" spans="14:14">
      <c r="N324157" s="10"/>
    </row>
    <row r="324158" spans="14:14">
      <c r="N324158" s="10"/>
    </row>
    <row r="324159" spans="14:14">
      <c r="N324159" s="10"/>
    </row>
    <row r="324160" spans="14:14">
      <c r="N324160" s="10"/>
    </row>
    <row r="324161" spans="14:14">
      <c r="N324161" s="10"/>
    </row>
    <row r="324162" spans="14:14">
      <c r="N324162" s="10"/>
    </row>
    <row r="324163" spans="14:14">
      <c r="N324163" s="10"/>
    </row>
    <row r="324164" spans="14:14">
      <c r="N324164" s="10"/>
    </row>
    <row r="324165" spans="14:14">
      <c r="N324165" s="10"/>
    </row>
    <row r="324166" spans="14:14">
      <c r="N324166" s="10"/>
    </row>
    <row r="324167" spans="14:14">
      <c r="N324167" s="10"/>
    </row>
    <row r="324168" spans="14:14">
      <c r="N324168" s="10"/>
    </row>
    <row r="324169" spans="14:14">
      <c r="N324169" s="10"/>
    </row>
    <row r="324170" spans="14:14">
      <c r="N324170" s="10"/>
    </row>
    <row r="324171" spans="14:14">
      <c r="N324171" s="10"/>
    </row>
    <row r="324172" spans="14:14">
      <c r="N324172" s="10"/>
    </row>
    <row r="324173" spans="14:14">
      <c r="N324173" s="10"/>
    </row>
    <row r="324174" spans="14:14">
      <c r="N324174" s="10"/>
    </row>
    <row r="324175" spans="14:14">
      <c r="N324175" s="10"/>
    </row>
    <row r="324176" spans="14:14">
      <c r="N324176" s="10"/>
    </row>
    <row r="324177" spans="14:14">
      <c r="N324177" s="10"/>
    </row>
    <row r="324178" spans="14:14">
      <c r="N324178" s="10"/>
    </row>
    <row r="324179" spans="14:14">
      <c r="N324179" s="10"/>
    </row>
    <row r="324180" spans="14:14">
      <c r="N324180" s="10"/>
    </row>
    <row r="324181" spans="14:14">
      <c r="N324181" s="10"/>
    </row>
    <row r="324182" spans="14:14">
      <c r="N324182" s="10"/>
    </row>
    <row r="324183" spans="14:14">
      <c r="N324183" s="10"/>
    </row>
    <row r="324184" spans="14:14">
      <c r="N324184" s="10"/>
    </row>
    <row r="324185" spans="14:14">
      <c r="N324185" s="10"/>
    </row>
    <row r="324186" spans="14:14">
      <c r="N324186" s="10"/>
    </row>
    <row r="324187" spans="14:14">
      <c r="N324187" s="10"/>
    </row>
    <row r="324188" spans="14:14">
      <c r="N324188" s="10"/>
    </row>
    <row r="324189" spans="14:14">
      <c r="N324189" s="10"/>
    </row>
    <row r="324190" spans="14:14">
      <c r="N324190" s="10"/>
    </row>
    <row r="324191" spans="14:14">
      <c r="N324191" s="10"/>
    </row>
    <row r="324192" spans="14:14">
      <c r="N324192" s="10"/>
    </row>
    <row r="324193" spans="14:14">
      <c r="N324193" s="10"/>
    </row>
    <row r="324194" spans="14:14">
      <c r="N324194" s="10"/>
    </row>
    <row r="324195" spans="14:14">
      <c r="N324195" s="10"/>
    </row>
    <row r="324196" spans="14:14">
      <c r="N324196" s="10"/>
    </row>
    <row r="324197" spans="14:14">
      <c r="N324197" s="10"/>
    </row>
    <row r="324198" spans="14:14">
      <c r="N324198" s="10"/>
    </row>
    <row r="324199" spans="14:14">
      <c r="N324199" s="10"/>
    </row>
    <row r="324200" spans="14:14">
      <c r="N324200" s="10"/>
    </row>
    <row r="324201" spans="14:14">
      <c r="N324201" s="10"/>
    </row>
    <row r="324202" spans="14:14">
      <c r="N324202" s="10"/>
    </row>
    <row r="324203" spans="14:14">
      <c r="N324203" s="10"/>
    </row>
    <row r="324204" spans="14:14">
      <c r="N324204" s="10"/>
    </row>
    <row r="324205" spans="14:14">
      <c r="N324205" s="10"/>
    </row>
    <row r="324206" spans="14:14">
      <c r="N324206" s="10"/>
    </row>
    <row r="324207" spans="14:14">
      <c r="N324207" s="10"/>
    </row>
    <row r="324208" spans="14:14">
      <c r="N324208" s="10"/>
    </row>
    <row r="324209" spans="14:14">
      <c r="N324209" s="10"/>
    </row>
    <row r="324210" spans="14:14">
      <c r="N324210" s="10"/>
    </row>
    <row r="324211" spans="14:14">
      <c r="N324211" s="10"/>
    </row>
    <row r="324212" spans="14:14">
      <c r="N324212" s="10"/>
    </row>
    <row r="324213" spans="14:14">
      <c r="N324213" s="10"/>
    </row>
    <row r="324214" spans="14:14">
      <c r="N324214" s="10"/>
    </row>
    <row r="324215" spans="14:14">
      <c r="N324215" s="10"/>
    </row>
    <row r="324216" spans="14:14">
      <c r="N324216" s="10"/>
    </row>
    <row r="324217" spans="14:14">
      <c r="N324217" s="10"/>
    </row>
    <row r="324218" spans="14:14">
      <c r="N324218" s="10"/>
    </row>
    <row r="324219" spans="14:14">
      <c r="N324219" s="10"/>
    </row>
    <row r="324220" spans="14:14">
      <c r="N324220" s="10"/>
    </row>
    <row r="324221" spans="14:14">
      <c r="N324221" s="10"/>
    </row>
    <row r="324222" spans="14:14">
      <c r="N324222" s="10"/>
    </row>
    <row r="324223" spans="14:14">
      <c r="N324223" s="10"/>
    </row>
    <row r="324224" spans="14:14">
      <c r="N324224" s="10"/>
    </row>
    <row r="324225" spans="14:14">
      <c r="N324225" s="10"/>
    </row>
    <row r="324226" spans="14:14">
      <c r="N324226" s="10"/>
    </row>
    <row r="324227" spans="14:14">
      <c r="N324227" s="10"/>
    </row>
    <row r="324228" spans="14:14">
      <c r="N324228" s="10"/>
    </row>
    <row r="324229" spans="14:14">
      <c r="N324229" s="10"/>
    </row>
    <row r="324230" spans="14:14">
      <c r="N324230" s="10"/>
    </row>
    <row r="324231" spans="14:14">
      <c r="N324231" s="10"/>
    </row>
    <row r="324232" spans="14:14">
      <c r="N324232" s="10"/>
    </row>
    <row r="324233" spans="14:14">
      <c r="N324233" s="10"/>
    </row>
    <row r="324234" spans="14:14">
      <c r="N324234" s="10"/>
    </row>
    <row r="324235" spans="14:14">
      <c r="N324235" s="10"/>
    </row>
    <row r="324236" spans="14:14">
      <c r="N324236" s="10"/>
    </row>
    <row r="324237" spans="14:14">
      <c r="N324237" s="10"/>
    </row>
    <row r="324238" spans="14:14">
      <c r="N324238" s="10"/>
    </row>
    <row r="324239" spans="14:14">
      <c r="N324239" s="10"/>
    </row>
    <row r="324240" spans="14:14">
      <c r="N324240" s="10"/>
    </row>
    <row r="324241" spans="14:14">
      <c r="N324241" s="10"/>
    </row>
    <row r="324242" spans="14:14">
      <c r="N324242" s="10"/>
    </row>
    <row r="324243" spans="14:14">
      <c r="N324243" s="10"/>
    </row>
    <row r="324244" spans="14:14">
      <c r="N324244" s="10"/>
    </row>
    <row r="324245" spans="14:14">
      <c r="N324245" s="10"/>
    </row>
    <row r="324246" spans="14:14">
      <c r="N324246" s="10"/>
    </row>
    <row r="324247" spans="14:14">
      <c r="N324247" s="10"/>
    </row>
    <row r="324248" spans="14:14">
      <c r="N324248" s="10"/>
    </row>
    <row r="324249" spans="14:14">
      <c r="N324249" s="10"/>
    </row>
    <row r="324250" spans="14:14">
      <c r="N324250" s="10"/>
    </row>
    <row r="324251" spans="14:14">
      <c r="N324251" s="10"/>
    </row>
    <row r="324252" spans="14:14">
      <c r="N324252" s="10"/>
    </row>
    <row r="324253" spans="14:14">
      <c r="N324253" s="10"/>
    </row>
    <row r="324254" spans="14:14">
      <c r="N324254" s="10"/>
    </row>
    <row r="324255" spans="14:14">
      <c r="N324255" s="10"/>
    </row>
    <row r="324256" spans="14:14">
      <c r="N324256" s="10"/>
    </row>
    <row r="324257" spans="14:14">
      <c r="N324257" s="10"/>
    </row>
    <row r="324258" spans="14:14">
      <c r="N324258" s="10"/>
    </row>
    <row r="324259" spans="14:14">
      <c r="N324259" s="10"/>
    </row>
    <row r="324260" spans="14:14">
      <c r="N324260" s="10"/>
    </row>
    <row r="324261" spans="14:14">
      <c r="N324261" s="10"/>
    </row>
    <row r="324262" spans="14:14">
      <c r="N324262" s="10"/>
    </row>
    <row r="324263" spans="14:14">
      <c r="N324263" s="10"/>
    </row>
    <row r="324264" spans="14:14">
      <c r="N324264" s="10"/>
    </row>
    <row r="324265" spans="14:14">
      <c r="N324265" s="10"/>
    </row>
    <row r="324266" spans="14:14">
      <c r="N324266" s="10"/>
    </row>
    <row r="324267" spans="14:14">
      <c r="N324267" s="10"/>
    </row>
    <row r="324268" spans="14:14">
      <c r="N324268" s="10"/>
    </row>
    <row r="324269" spans="14:14">
      <c r="N324269" s="10"/>
    </row>
    <row r="324270" spans="14:14">
      <c r="N324270" s="10"/>
    </row>
    <row r="324271" spans="14:14">
      <c r="N324271" s="10"/>
    </row>
    <row r="324272" spans="14:14">
      <c r="N324272" s="10"/>
    </row>
    <row r="324273" spans="14:14">
      <c r="N324273" s="10"/>
    </row>
    <row r="324274" spans="14:14">
      <c r="N324274" s="10"/>
    </row>
    <row r="324275" spans="14:14">
      <c r="N324275" s="10"/>
    </row>
    <row r="324276" spans="14:14">
      <c r="N324276" s="10"/>
    </row>
    <row r="324277" spans="14:14">
      <c r="N324277" s="10"/>
    </row>
    <row r="324278" spans="14:14">
      <c r="N324278" s="10"/>
    </row>
    <row r="324279" spans="14:14">
      <c r="N324279" s="10"/>
    </row>
    <row r="324280" spans="14:14">
      <c r="N324280" s="10"/>
    </row>
    <row r="324281" spans="14:14">
      <c r="N324281" s="10"/>
    </row>
    <row r="324282" spans="14:14">
      <c r="N324282" s="10"/>
    </row>
    <row r="324283" spans="14:14">
      <c r="N324283" s="10"/>
    </row>
    <row r="324284" spans="14:14">
      <c r="N324284" s="10"/>
    </row>
    <row r="324285" spans="14:14">
      <c r="N324285" s="10"/>
    </row>
    <row r="324286" spans="14:14">
      <c r="N324286" s="10"/>
    </row>
    <row r="324287" spans="14:14">
      <c r="N324287" s="10"/>
    </row>
    <row r="324288" spans="14:14">
      <c r="N324288" s="10"/>
    </row>
    <row r="324289" spans="14:14">
      <c r="N324289" s="10"/>
    </row>
    <row r="324290" spans="14:14">
      <c r="N324290" s="10"/>
    </row>
    <row r="324291" spans="14:14">
      <c r="N324291" s="10"/>
    </row>
    <row r="324292" spans="14:14">
      <c r="N324292" s="10"/>
    </row>
    <row r="324293" spans="14:14">
      <c r="N324293" s="10"/>
    </row>
    <row r="324294" spans="14:14">
      <c r="N324294" s="10"/>
    </row>
    <row r="324295" spans="14:14">
      <c r="N324295" s="10"/>
    </row>
    <row r="324296" spans="14:14">
      <c r="N324296" s="10"/>
    </row>
    <row r="324297" spans="14:14">
      <c r="N324297" s="10"/>
    </row>
    <row r="324298" spans="14:14">
      <c r="N324298" s="10"/>
    </row>
    <row r="324299" spans="14:14">
      <c r="N324299" s="10"/>
    </row>
    <row r="324300" spans="14:14">
      <c r="N324300" s="10"/>
    </row>
    <row r="324301" spans="14:14">
      <c r="N324301" s="10"/>
    </row>
    <row r="324302" spans="14:14">
      <c r="N324302" s="10"/>
    </row>
    <row r="324303" spans="14:14">
      <c r="N324303" s="10"/>
    </row>
    <row r="324304" spans="14:14">
      <c r="N324304" s="10"/>
    </row>
    <row r="324305" spans="14:14">
      <c r="N324305" s="10"/>
    </row>
    <row r="324306" spans="14:14">
      <c r="N324306" s="10"/>
    </row>
    <row r="324307" spans="14:14">
      <c r="N324307" s="10"/>
    </row>
    <row r="324308" spans="14:14">
      <c r="N324308" s="10"/>
    </row>
    <row r="324309" spans="14:14">
      <c r="N324309" s="10"/>
    </row>
    <row r="324310" spans="14:14">
      <c r="N324310" s="10"/>
    </row>
    <row r="324311" spans="14:14">
      <c r="N324311" s="10"/>
    </row>
    <row r="324312" spans="14:14">
      <c r="N324312" s="10"/>
    </row>
    <row r="324313" spans="14:14">
      <c r="N324313" s="10"/>
    </row>
    <row r="324314" spans="14:14">
      <c r="N324314" s="10"/>
    </row>
    <row r="324315" spans="14:14">
      <c r="N324315" s="10"/>
    </row>
    <row r="324316" spans="14:14">
      <c r="N324316" s="10"/>
    </row>
    <row r="324317" spans="14:14">
      <c r="N324317" s="10"/>
    </row>
    <row r="324318" spans="14:14">
      <c r="N324318" s="10"/>
    </row>
    <row r="324319" spans="14:14">
      <c r="N324319" s="10"/>
    </row>
    <row r="324320" spans="14:14">
      <c r="N324320" s="10"/>
    </row>
    <row r="324321" spans="14:14">
      <c r="N324321" s="10"/>
    </row>
    <row r="324322" spans="14:14">
      <c r="N324322" s="10"/>
    </row>
    <row r="324323" spans="14:14">
      <c r="N324323" s="10"/>
    </row>
    <row r="324324" spans="14:14">
      <c r="N324324" s="10"/>
    </row>
    <row r="324325" spans="14:14">
      <c r="N324325" s="10"/>
    </row>
    <row r="324326" spans="14:14">
      <c r="N324326" s="10"/>
    </row>
    <row r="324327" spans="14:14">
      <c r="N324327" s="10"/>
    </row>
    <row r="324328" spans="14:14">
      <c r="N324328" s="10"/>
    </row>
    <row r="324329" spans="14:14">
      <c r="N324329" s="10"/>
    </row>
    <row r="324330" spans="14:14">
      <c r="N324330" s="10"/>
    </row>
    <row r="324331" spans="14:14">
      <c r="N324331" s="10"/>
    </row>
    <row r="324332" spans="14:14">
      <c r="N324332" s="10"/>
    </row>
    <row r="324333" spans="14:14">
      <c r="N324333" s="10"/>
    </row>
    <row r="324334" spans="14:14">
      <c r="N324334" s="10"/>
    </row>
    <row r="324335" spans="14:14">
      <c r="N324335" s="10"/>
    </row>
    <row r="324336" spans="14:14">
      <c r="N324336" s="10"/>
    </row>
    <row r="324337" spans="14:14">
      <c r="N324337" s="10"/>
    </row>
    <row r="324338" spans="14:14">
      <c r="N324338" s="10"/>
    </row>
    <row r="324339" spans="14:14">
      <c r="N324339" s="10"/>
    </row>
    <row r="324340" spans="14:14">
      <c r="N324340" s="10"/>
    </row>
    <row r="324341" spans="14:14">
      <c r="N324341" s="10"/>
    </row>
    <row r="324342" spans="14:14">
      <c r="N324342" s="10"/>
    </row>
    <row r="324343" spans="14:14">
      <c r="N324343" s="10"/>
    </row>
    <row r="324344" spans="14:14">
      <c r="N324344" s="10"/>
    </row>
    <row r="324345" spans="14:14">
      <c r="N324345" s="10"/>
    </row>
    <row r="324346" spans="14:14">
      <c r="N324346" s="10"/>
    </row>
    <row r="324347" spans="14:14">
      <c r="N324347" s="10"/>
    </row>
    <row r="324348" spans="14:14">
      <c r="N324348" s="10"/>
    </row>
    <row r="324349" spans="14:14">
      <c r="N324349" s="10"/>
    </row>
    <row r="324350" spans="14:14">
      <c r="N324350" s="10"/>
    </row>
    <row r="324351" spans="14:14">
      <c r="N324351" s="10"/>
    </row>
    <row r="324352" spans="14:14">
      <c r="N324352" s="10"/>
    </row>
    <row r="324353" spans="14:14">
      <c r="N324353" s="10"/>
    </row>
    <row r="324354" spans="14:14">
      <c r="N324354" s="10"/>
    </row>
    <row r="324355" spans="14:14">
      <c r="N324355" s="10"/>
    </row>
    <row r="324356" spans="14:14">
      <c r="N324356" s="10"/>
    </row>
    <row r="324357" spans="14:14">
      <c r="N324357" s="10"/>
    </row>
    <row r="324358" spans="14:14">
      <c r="N324358" s="10"/>
    </row>
    <row r="324359" spans="14:14">
      <c r="N324359" s="10"/>
    </row>
    <row r="324360" spans="14:14">
      <c r="N324360" s="10"/>
    </row>
    <row r="324361" spans="14:14">
      <c r="N324361" s="10"/>
    </row>
    <row r="324362" spans="14:14">
      <c r="N324362" s="10"/>
    </row>
    <row r="324363" spans="14:14">
      <c r="N324363" s="10"/>
    </row>
    <row r="324364" spans="14:14">
      <c r="N324364" s="10"/>
    </row>
    <row r="324365" spans="14:14">
      <c r="N324365" s="10"/>
    </row>
    <row r="324366" spans="14:14">
      <c r="N324366" s="10"/>
    </row>
    <row r="324367" spans="14:14">
      <c r="N324367" s="10"/>
    </row>
    <row r="324368" spans="14:14">
      <c r="N324368" s="10"/>
    </row>
    <row r="324369" spans="14:14">
      <c r="N324369" s="10"/>
    </row>
    <row r="324370" spans="14:14">
      <c r="N324370" s="10"/>
    </row>
    <row r="324371" spans="14:14">
      <c r="N324371" s="10"/>
    </row>
    <row r="324372" spans="14:14">
      <c r="N324372" s="10"/>
    </row>
    <row r="324373" spans="14:14">
      <c r="N324373" s="10"/>
    </row>
    <row r="324374" spans="14:14">
      <c r="N324374" s="10"/>
    </row>
    <row r="324375" spans="14:14">
      <c r="N324375" s="10"/>
    </row>
    <row r="324376" spans="14:14">
      <c r="N324376" s="10"/>
    </row>
    <row r="324377" spans="14:14">
      <c r="N324377" s="10"/>
    </row>
    <row r="324378" spans="14:14">
      <c r="N324378" s="10"/>
    </row>
    <row r="324379" spans="14:14">
      <c r="N324379" s="10"/>
    </row>
    <row r="324380" spans="14:14">
      <c r="N324380" s="10"/>
    </row>
    <row r="324381" spans="14:14">
      <c r="N324381" s="10"/>
    </row>
    <row r="324382" spans="14:14">
      <c r="N324382" s="10"/>
    </row>
    <row r="324383" spans="14:14">
      <c r="N324383" s="10"/>
    </row>
    <row r="324384" spans="14:14">
      <c r="N324384" s="10"/>
    </row>
    <row r="324385" spans="14:14">
      <c r="N324385" s="10"/>
    </row>
    <row r="324386" spans="14:14">
      <c r="N324386" s="10"/>
    </row>
    <row r="324387" spans="14:14">
      <c r="N324387" s="10"/>
    </row>
    <row r="324388" spans="14:14">
      <c r="N324388" s="10"/>
    </row>
    <row r="324389" spans="14:14">
      <c r="N324389" s="10"/>
    </row>
    <row r="324390" spans="14:14">
      <c r="N324390" s="10"/>
    </row>
    <row r="324391" spans="14:14">
      <c r="N324391" s="10"/>
    </row>
    <row r="324392" spans="14:14">
      <c r="N324392" s="10"/>
    </row>
    <row r="324393" spans="14:14">
      <c r="N324393" s="10"/>
    </row>
    <row r="324394" spans="14:14">
      <c r="N324394" s="10"/>
    </row>
    <row r="324395" spans="14:14">
      <c r="N324395" s="10"/>
    </row>
    <row r="324396" spans="14:14">
      <c r="N324396" s="10"/>
    </row>
    <row r="324397" spans="14:14">
      <c r="N324397" s="10"/>
    </row>
    <row r="324398" spans="14:14">
      <c r="N324398" s="10"/>
    </row>
    <row r="324399" spans="14:14">
      <c r="N324399" s="10"/>
    </row>
    <row r="324400" spans="14:14">
      <c r="N324400" s="10"/>
    </row>
    <row r="324401" spans="14:14">
      <c r="N324401" s="10"/>
    </row>
    <row r="324402" spans="14:14">
      <c r="N324402" s="10"/>
    </row>
    <row r="324403" spans="14:14">
      <c r="N324403" s="10"/>
    </row>
    <row r="324404" spans="14:14">
      <c r="N324404" s="10"/>
    </row>
    <row r="324405" spans="14:14">
      <c r="N324405" s="10"/>
    </row>
    <row r="324406" spans="14:14">
      <c r="N324406" s="10"/>
    </row>
    <row r="324407" spans="14:14">
      <c r="N324407" s="10"/>
    </row>
    <row r="324408" spans="14:14">
      <c r="N324408" s="10"/>
    </row>
    <row r="324409" spans="14:14">
      <c r="N324409" s="10"/>
    </row>
    <row r="324410" spans="14:14">
      <c r="N324410" s="10"/>
    </row>
    <row r="324411" spans="14:14">
      <c r="N324411" s="10"/>
    </row>
    <row r="324412" spans="14:14">
      <c r="N324412" s="10"/>
    </row>
    <row r="324413" spans="14:14">
      <c r="N324413" s="10"/>
    </row>
    <row r="324414" spans="14:14">
      <c r="N324414" s="10"/>
    </row>
    <row r="324415" spans="14:14">
      <c r="N324415" s="10"/>
    </row>
    <row r="324416" spans="14:14">
      <c r="N324416" s="10"/>
    </row>
    <row r="324417" spans="14:14">
      <c r="N324417" s="10"/>
    </row>
    <row r="324418" spans="14:14">
      <c r="N324418" s="10"/>
    </row>
    <row r="324419" spans="14:14">
      <c r="N324419" s="10"/>
    </row>
    <row r="324420" spans="14:14">
      <c r="N324420" s="10"/>
    </row>
    <row r="324421" spans="14:14">
      <c r="N324421" s="10"/>
    </row>
    <row r="324422" spans="14:14">
      <c r="N324422" s="10"/>
    </row>
    <row r="324423" spans="14:14">
      <c r="N324423" s="10"/>
    </row>
    <row r="324424" spans="14:14">
      <c r="N324424" s="10"/>
    </row>
    <row r="324425" spans="14:14">
      <c r="N324425" s="10"/>
    </row>
    <row r="324426" spans="14:14">
      <c r="N324426" s="10"/>
    </row>
    <row r="324427" spans="14:14">
      <c r="N324427" s="10"/>
    </row>
    <row r="324428" spans="14:14">
      <c r="N324428" s="10"/>
    </row>
    <row r="324429" spans="14:14">
      <c r="N324429" s="10"/>
    </row>
    <row r="324430" spans="14:14">
      <c r="N324430" s="10"/>
    </row>
    <row r="324431" spans="14:14">
      <c r="N324431" s="10"/>
    </row>
    <row r="324432" spans="14:14">
      <c r="N324432" s="10"/>
    </row>
    <row r="324433" spans="14:14">
      <c r="N324433" s="10"/>
    </row>
    <row r="324434" spans="14:14">
      <c r="N324434" s="10"/>
    </row>
    <row r="324435" spans="14:14">
      <c r="N324435" s="10"/>
    </row>
    <row r="324436" spans="14:14">
      <c r="N324436" s="10"/>
    </row>
    <row r="324437" spans="14:14">
      <c r="N324437" s="10"/>
    </row>
    <row r="324438" spans="14:14">
      <c r="N324438" s="10"/>
    </row>
    <row r="324439" spans="14:14">
      <c r="N324439" s="10"/>
    </row>
    <row r="324440" spans="14:14">
      <c r="N324440" s="10"/>
    </row>
    <row r="324441" spans="14:14">
      <c r="N324441" s="10"/>
    </row>
    <row r="324442" spans="14:14">
      <c r="N324442" s="10"/>
    </row>
    <row r="324443" spans="14:14">
      <c r="N324443" s="10"/>
    </row>
    <row r="324444" spans="14:14">
      <c r="N324444" s="10"/>
    </row>
    <row r="324445" spans="14:14">
      <c r="N324445" s="10"/>
    </row>
    <row r="324446" spans="14:14">
      <c r="N324446" s="10"/>
    </row>
    <row r="324447" spans="14:14">
      <c r="N324447" s="10"/>
    </row>
    <row r="324448" spans="14:14">
      <c r="N324448" s="10"/>
    </row>
    <row r="324449" spans="14:14">
      <c r="N324449" s="10"/>
    </row>
    <row r="324450" spans="14:14">
      <c r="N324450" s="10"/>
    </row>
    <row r="324451" spans="14:14">
      <c r="N324451" s="10"/>
    </row>
    <row r="324452" spans="14:14">
      <c r="N324452" s="10"/>
    </row>
    <row r="324453" spans="14:14">
      <c r="N324453" s="10"/>
    </row>
    <row r="324454" spans="14:14">
      <c r="N324454" s="10"/>
    </row>
    <row r="324455" spans="14:14">
      <c r="N324455" s="10"/>
    </row>
    <row r="324456" spans="14:14">
      <c r="N324456" s="10"/>
    </row>
    <row r="324457" spans="14:14">
      <c r="N324457" s="10"/>
    </row>
    <row r="324458" spans="14:14">
      <c r="N324458" s="10"/>
    </row>
    <row r="324459" spans="14:14">
      <c r="N324459" s="10"/>
    </row>
    <row r="324460" spans="14:14">
      <c r="N324460" s="10"/>
    </row>
    <row r="324461" spans="14:14">
      <c r="N324461" s="10"/>
    </row>
    <row r="324462" spans="14:14">
      <c r="N324462" s="10"/>
    </row>
    <row r="324463" spans="14:14">
      <c r="N324463" s="10"/>
    </row>
    <row r="324464" spans="14:14">
      <c r="N324464" s="10"/>
    </row>
    <row r="324465" spans="14:14">
      <c r="N324465" s="10"/>
    </row>
    <row r="324466" spans="14:14">
      <c r="N324466" s="10"/>
    </row>
    <row r="324467" spans="14:14">
      <c r="N324467" s="10"/>
    </row>
    <row r="324468" spans="14:14">
      <c r="N324468" s="10"/>
    </row>
    <row r="324469" spans="14:14">
      <c r="N324469" s="10"/>
    </row>
    <row r="324470" spans="14:14">
      <c r="N324470" s="10"/>
    </row>
    <row r="324471" spans="14:14">
      <c r="N324471" s="10"/>
    </row>
    <row r="324472" spans="14:14">
      <c r="N324472" s="10"/>
    </row>
    <row r="324473" spans="14:14">
      <c r="N324473" s="10"/>
    </row>
    <row r="324474" spans="14:14">
      <c r="N324474" s="10"/>
    </row>
    <row r="324475" spans="14:14">
      <c r="N324475" s="10"/>
    </row>
    <row r="324476" spans="14:14">
      <c r="N324476" s="10"/>
    </row>
    <row r="324477" spans="14:14">
      <c r="N324477" s="10"/>
    </row>
    <row r="324478" spans="14:14">
      <c r="N324478" s="10"/>
    </row>
    <row r="324479" spans="14:14">
      <c r="N324479" s="10"/>
    </row>
    <row r="324480" spans="14:14">
      <c r="N324480" s="10"/>
    </row>
    <row r="324481" spans="14:14">
      <c r="N324481" s="10"/>
    </row>
    <row r="324482" spans="14:14">
      <c r="N324482" s="10"/>
    </row>
    <row r="324483" spans="14:14">
      <c r="N324483" s="10"/>
    </row>
    <row r="324484" spans="14:14">
      <c r="N324484" s="10"/>
    </row>
    <row r="324485" spans="14:14">
      <c r="N324485" s="10"/>
    </row>
    <row r="324486" spans="14:14">
      <c r="N324486" s="10"/>
    </row>
    <row r="324487" spans="14:14">
      <c r="N324487" s="10"/>
    </row>
    <row r="324488" spans="14:14">
      <c r="N324488" s="10"/>
    </row>
    <row r="324489" spans="14:14">
      <c r="N324489" s="10"/>
    </row>
    <row r="324490" spans="14:14">
      <c r="N324490" s="10"/>
    </row>
    <row r="324491" spans="14:14">
      <c r="N324491" s="10"/>
    </row>
    <row r="324492" spans="14:14">
      <c r="N324492" s="10"/>
    </row>
    <row r="324493" spans="14:14">
      <c r="N324493" s="10"/>
    </row>
    <row r="324494" spans="14:14">
      <c r="N324494" s="10"/>
    </row>
    <row r="324495" spans="14:14">
      <c r="N324495" s="10"/>
    </row>
    <row r="324496" spans="14:14">
      <c r="N324496" s="10"/>
    </row>
    <row r="324497" spans="14:14">
      <c r="N324497" s="10"/>
    </row>
    <row r="324498" spans="14:14">
      <c r="N324498" s="10"/>
    </row>
    <row r="324499" spans="14:14">
      <c r="N324499" s="10"/>
    </row>
    <row r="324500" spans="14:14">
      <c r="N324500" s="10"/>
    </row>
    <row r="324501" spans="14:14">
      <c r="N324501" s="10"/>
    </row>
    <row r="324502" spans="14:14">
      <c r="N324502" s="10"/>
    </row>
    <row r="324503" spans="14:14">
      <c r="N324503" s="10"/>
    </row>
    <row r="324504" spans="14:14">
      <c r="N324504" s="10"/>
    </row>
    <row r="324505" spans="14:14">
      <c r="N324505" s="10"/>
    </row>
    <row r="324506" spans="14:14">
      <c r="N324506" s="10"/>
    </row>
    <row r="324507" spans="14:14">
      <c r="N324507" s="10"/>
    </row>
    <row r="324508" spans="14:14">
      <c r="N324508" s="10"/>
    </row>
    <row r="324509" spans="14:14">
      <c r="N324509" s="10"/>
    </row>
    <row r="324510" spans="14:14">
      <c r="N324510" s="10"/>
    </row>
    <row r="324511" spans="14:14">
      <c r="N324511" s="10"/>
    </row>
    <row r="324512" spans="14:14">
      <c r="N324512" s="10"/>
    </row>
    <row r="324513" spans="14:14">
      <c r="N324513" s="10"/>
    </row>
    <row r="324514" spans="14:14">
      <c r="N324514" s="10"/>
    </row>
    <row r="324515" spans="14:14">
      <c r="N324515" s="10"/>
    </row>
    <row r="324516" spans="14:14">
      <c r="N324516" s="10"/>
    </row>
    <row r="324517" spans="14:14">
      <c r="N324517" s="10"/>
    </row>
    <row r="324518" spans="14:14">
      <c r="N324518" s="10"/>
    </row>
    <row r="324519" spans="14:14">
      <c r="N324519" s="10"/>
    </row>
    <row r="324520" spans="14:14">
      <c r="N324520" s="10"/>
    </row>
    <row r="324521" spans="14:14">
      <c r="N324521" s="10"/>
    </row>
    <row r="324522" spans="14:14">
      <c r="N324522" s="10"/>
    </row>
    <row r="324523" spans="14:14">
      <c r="N324523" s="10"/>
    </row>
    <row r="324524" spans="14:14">
      <c r="N324524" s="10"/>
    </row>
    <row r="324525" spans="14:14">
      <c r="N324525" s="10"/>
    </row>
    <row r="324526" spans="14:14">
      <c r="N324526" s="10"/>
    </row>
    <row r="324527" spans="14:14">
      <c r="N324527" s="10"/>
    </row>
    <row r="324528" spans="14:14">
      <c r="N324528" s="10"/>
    </row>
    <row r="324529" spans="14:14">
      <c r="N324529" s="10"/>
    </row>
    <row r="324530" spans="14:14">
      <c r="N324530" s="10"/>
    </row>
    <row r="324531" spans="14:14">
      <c r="N324531" s="10"/>
    </row>
    <row r="324532" spans="14:14">
      <c r="N324532" s="10"/>
    </row>
    <row r="324533" spans="14:14">
      <c r="N324533" s="10"/>
    </row>
    <row r="324534" spans="14:14">
      <c r="N324534" s="10"/>
    </row>
    <row r="324535" spans="14:14">
      <c r="N324535" s="10"/>
    </row>
    <row r="324536" spans="14:14">
      <c r="N324536" s="10"/>
    </row>
    <row r="324537" spans="14:14">
      <c r="N324537" s="10"/>
    </row>
    <row r="324538" spans="14:14">
      <c r="N324538" s="10"/>
    </row>
    <row r="324539" spans="14:14">
      <c r="N324539" s="10"/>
    </row>
    <row r="324540" spans="14:14">
      <c r="N324540" s="10"/>
    </row>
    <row r="324541" spans="14:14">
      <c r="N324541" s="10"/>
    </row>
    <row r="324542" spans="14:14">
      <c r="N324542" s="10"/>
    </row>
    <row r="324543" spans="14:14">
      <c r="N324543" s="10"/>
    </row>
    <row r="324544" spans="14:14">
      <c r="N324544" s="10"/>
    </row>
    <row r="324545" spans="14:14">
      <c r="N324545" s="10"/>
    </row>
    <row r="324546" spans="14:14">
      <c r="N324546" s="10"/>
    </row>
    <row r="324547" spans="14:14">
      <c r="N324547" s="10"/>
    </row>
    <row r="324548" spans="14:14">
      <c r="N324548" s="10"/>
    </row>
    <row r="324549" spans="14:14">
      <c r="N324549" s="10"/>
    </row>
    <row r="324550" spans="14:14">
      <c r="N324550" s="10"/>
    </row>
    <row r="324551" spans="14:14">
      <c r="N324551" s="10"/>
    </row>
    <row r="324552" spans="14:14">
      <c r="N324552" s="10"/>
    </row>
    <row r="324553" spans="14:14">
      <c r="N324553" s="10"/>
    </row>
    <row r="324554" spans="14:14">
      <c r="N324554" s="10"/>
    </row>
    <row r="324555" spans="14:14">
      <c r="N324555" s="10"/>
    </row>
    <row r="324556" spans="14:14">
      <c r="N324556" s="10"/>
    </row>
    <row r="324557" spans="14:14">
      <c r="N324557" s="10"/>
    </row>
    <row r="324558" spans="14:14">
      <c r="N324558" s="10"/>
    </row>
    <row r="324559" spans="14:14">
      <c r="N324559" s="10"/>
    </row>
    <row r="324560" spans="14:14">
      <c r="N324560" s="10"/>
    </row>
    <row r="324561" spans="14:14">
      <c r="N324561" s="10"/>
    </row>
    <row r="324562" spans="14:14">
      <c r="N324562" s="10"/>
    </row>
    <row r="324563" spans="14:14">
      <c r="N324563" s="10"/>
    </row>
    <row r="324564" spans="14:14">
      <c r="N324564" s="10"/>
    </row>
    <row r="324565" spans="14:14">
      <c r="N324565" s="10"/>
    </row>
    <row r="324566" spans="14:14">
      <c r="N324566" s="10"/>
    </row>
    <row r="324567" spans="14:14">
      <c r="N324567" s="10"/>
    </row>
    <row r="324568" spans="14:14">
      <c r="N324568" s="10"/>
    </row>
    <row r="324569" spans="14:14">
      <c r="N324569" s="10"/>
    </row>
    <row r="324570" spans="14:14">
      <c r="N324570" s="10"/>
    </row>
    <row r="324571" spans="14:14">
      <c r="N324571" s="10"/>
    </row>
    <row r="324572" spans="14:14">
      <c r="N324572" s="10"/>
    </row>
    <row r="324573" spans="14:14">
      <c r="N324573" s="10"/>
    </row>
    <row r="324574" spans="14:14">
      <c r="N324574" s="10"/>
    </row>
    <row r="324575" spans="14:14">
      <c r="N324575" s="10"/>
    </row>
    <row r="324576" spans="14:14">
      <c r="N324576" s="10"/>
    </row>
    <row r="324577" spans="14:14">
      <c r="N324577" s="10"/>
    </row>
    <row r="324578" spans="14:14">
      <c r="N324578" s="10"/>
    </row>
    <row r="324579" spans="14:14">
      <c r="N324579" s="10"/>
    </row>
    <row r="324580" spans="14:14">
      <c r="N324580" s="10"/>
    </row>
    <row r="324581" spans="14:14">
      <c r="N324581" s="10"/>
    </row>
    <row r="324582" spans="14:14">
      <c r="N324582" s="10"/>
    </row>
    <row r="324583" spans="14:14">
      <c r="N324583" s="10"/>
    </row>
    <row r="324584" spans="14:14">
      <c r="N324584" s="10"/>
    </row>
    <row r="324585" spans="14:14">
      <c r="N324585" s="10"/>
    </row>
    <row r="324586" spans="14:14">
      <c r="N324586" s="10"/>
    </row>
    <row r="324587" spans="14:14">
      <c r="N324587" s="10"/>
    </row>
    <row r="324588" spans="14:14">
      <c r="N324588" s="10"/>
    </row>
    <row r="324589" spans="14:14">
      <c r="N324589" s="10"/>
    </row>
    <row r="324590" spans="14:14">
      <c r="N324590" s="10"/>
    </row>
    <row r="324591" spans="14:14">
      <c r="N324591" s="10"/>
    </row>
    <row r="324592" spans="14:14">
      <c r="N324592" s="10"/>
    </row>
    <row r="324593" spans="14:14">
      <c r="N324593" s="10"/>
    </row>
    <row r="324594" spans="14:14">
      <c r="N324594" s="10"/>
    </row>
    <row r="324595" spans="14:14">
      <c r="N324595" s="10"/>
    </row>
    <row r="324596" spans="14:14">
      <c r="N324596" s="10"/>
    </row>
    <row r="324597" spans="14:14">
      <c r="N324597" s="10"/>
    </row>
    <row r="324598" spans="14:14">
      <c r="N324598" s="10"/>
    </row>
    <row r="324599" spans="14:14">
      <c r="N324599" s="10"/>
    </row>
    <row r="324600" spans="14:14">
      <c r="N324600" s="10"/>
    </row>
    <row r="324601" spans="14:14">
      <c r="N324601" s="10"/>
    </row>
    <row r="324602" spans="14:14">
      <c r="N324602" s="10"/>
    </row>
    <row r="324603" spans="14:14">
      <c r="N324603" s="10"/>
    </row>
    <row r="324604" spans="14:14">
      <c r="N324604" s="10"/>
    </row>
    <row r="324605" spans="14:14">
      <c r="N324605" s="10"/>
    </row>
    <row r="324606" spans="14:14">
      <c r="N324606" s="10"/>
    </row>
    <row r="324607" spans="14:14">
      <c r="N324607" s="10"/>
    </row>
    <row r="324608" spans="14:14">
      <c r="N324608" s="10"/>
    </row>
    <row r="324609" spans="14:14">
      <c r="N324609" s="10"/>
    </row>
    <row r="324610" spans="14:14">
      <c r="N324610" s="10"/>
    </row>
    <row r="324611" spans="14:14">
      <c r="N324611" s="10"/>
    </row>
    <row r="324612" spans="14:14">
      <c r="N324612" s="10"/>
    </row>
    <row r="324613" spans="14:14">
      <c r="N324613" s="10"/>
    </row>
    <row r="324614" spans="14:14">
      <c r="N324614" s="10"/>
    </row>
    <row r="324615" spans="14:14">
      <c r="N324615" s="10"/>
    </row>
    <row r="324616" spans="14:14">
      <c r="N324616" s="10"/>
    </row>
    <row r="324617" spans="14:14">
      <c r="N324617" s="10"/>
    </row>
    <row r="324618" spans="14:14">
      <c r="N324618" s="10"/>
    </row>
    <row r="324619" spans="14:14">
      <c r="N324619" s="10"/>
    </row>
    <row r="324620" spans="14:14">
      <c r="N324620" s="10"/>
    </row>
    <row r="324621" spans="14:14">
      <c r="N324621" s="10"/>
    </row>
    <row r="324622" spans="14:14">
      <c r="N324622" s="10"/>
    </row>
    <row r="324623" spans="14:14">
      <c r="N324623" s="10"/>
    </row>
    <row r="324624" spans="14:14">
      <c r="N324624" s="10"/>
    </row>
    <row r="324625" spans="14:14">
      <c r="N324625" s="10"/>
    </row>
    <row r="324626" spans="14:14">
      <c r="N324626" s="10"/>
    </row>
    <row r="324627" spans="14:14">
      <c r="N324627" s="10"/>
    </row>
    <row r="324628" spans="14:14">
      <c r="N324628" s="10"/>
    </row>
    <row r="324629" spans="14:14">
      <c r="N324629" s="10"/>
    </row>
    <row r="324630" spans="14:14">
      <c r="N324630" s="10"/>
    </row>
    <row r="324631" spans="14:14">
      <c r="N324631" s="10"/>
    </row>
    <row r="324632" spans="14:14">
      <c r="N324632" s="10"/>
    </row>
    <row r="324633" spans="14:14">
      <c r="N324633" s="10"/>
    </row>
    <row r="324634" spans="14:14">
      <c r="N324634" s="10"/>
    </row>
    <row r="324635" spans="14:14">
      <c r="N324635" s="10"/>
    </row>
    <row r="324636" spans="14:14">
      <c r="N324636" s="10"/>
    </row>
    <row r="324637" spans="14:14">
      <c r="N324637" s="10"/>
    </row>
    <row r="324638" spans="14:14">
      <c r="N324638" s="10"/>
    </row>
    <row r="324639" spans="14:14">
      <c r="N324639" s="10"/>
    </row>
    <row r="324640" spans="14:14">
      <c r="N324640" s="10"/>
    </row>
    <row r="324641" spans="14:14">
      <c r="N324641" s="10"/>
    </row>
    <row r="324642" spans="14:14">
      <c r="N324642" s="10"/>
    </row>
    <row r="324643" spans="14:14">
      <c r="N324643" s="10"/>
    </row>
    <row r="324644" spans="14:14">
      <c r="N324644" s="10"/>
    </row>
    <row r="324645" spans="14:14">
      <c r="N324645" s="10"/>
    </row>
    <row r="324646" spans="14:14">
      <c r="N324646" s="10"/>
    </row>
    <row r="324647" spans="14:14">
      <c r="N324647" s="10"/>
    </row>
    <row r="324648" spans="14:14">
      <c r="N324648" s="10"/>
    </row>
    <row r="324649" spans="14:14">
      <c r="N324649" s="10"/>
    </row>
    <row r="324650" spans="14:14">
      <c r="N324650" s="10"/>
    </row>
    <row r="324651" spans="14:14">
      <c r="N324651" s="10"/>
    </row>
    <row r="324652" spans="14:14">
      <c r="N324652" s="10"/>
    </row>
    <row r="324653" spans="14:14">
      <c r="N324653" s="10"/>
    </row>
    <row r="324654" spans="14:14">
      <c r="N324654" s="10"/>
    </row>
    <row r="324655" spans="14:14">
      <c r="N324655" s="10"/>
    </row>
    <row r="324656" spans="14:14">
      <c r="N324656" s="10"/>
    </row>
    <row r="324657" spans="14:14">
      <c r="N324657" s="10"/>
    </row>
    <row r="324658" spans="14:14">
      <c r="N324658" s="10"/>
    </row>
    <row r="324659" spans="14:14">
      <c r="N324659" s="10"/>
    </row>
    <row r="324660" spans="14:14">
      <c r="N324660" s="10"/>
    </row>
    <row r="324661" spans="14:14">
      <c r="N324661" s="10"/>
    </row>
    <row r="324662" spans="14:14">
      <c r="N324662" s="10"/>
    </row>
    <row r="324663" spans="14:14">
      <c r="N324663" s="10"/>
    </row>
    <row r="324664" spans="14:14">
      <c r="N324664" s="10"/>
    </row>
    <row r="324665" spans="14:14">
      <c r="N324665" s="10"/>
    </row>
    <row r="324666" spans="14:14">
      <c r="N324666" s="10"/>
    </row>
    <row r="324667" spans="14:14">
      <c r="N324667" s="10"/>
    </row>
    <row r="324668" spans="14:14">
      <c r="N324668" s="10"/>
    </row>
    <row r="324669" spans="14:14">
      <c r="N324669" s="10"/>
    </row>
    <row r="324670" spans="14:14">
      <c r="N324670" s="10"/>
    </row>
    <row r="324671" spans="14:14">
      <c r="N324671" s="10"/>
    </row>
    <row r="324672" spans="14:14">
      <c r="N324672" s="10"/>
    </row>
    <row r="324673" spans="14:14">
      <c r="N324673" s="10"/>
    </row>
    <row r="324674" spans="14:14">
      <c r="N324674" s="10"/>
    </row>
    <row r="324675" spans="14:14">
      <c r="N324675" s="10"/>
    </row>
    <row r="324676" spans="14:14">
      <c r="N324676" s="10"/>
    </row>
    <row r="324677" spans="14:14">
      <c r="N324677" s="10"/>
    </row>
    <row r="324678" spans="14:14">
      <c r="N324678" s="10"/>
    </row>
    <row r="324679" spans="14:14">
      <c r="N324679" s="10"/>
    </row>
    <row r="324680" spans="14:14">
      <c r="N324680" s="10"/>
    </row>
    <row r="324681" spans="14:14">
      <c r="N324681" s="10"/>
    </row>
    <row r="324682" spans="14:14">
      <c r="N324682" s="10"/>
    </row>
    <row r="324683" spans="14:14">
      <c r="N324683" s="10"/>
    </row>
    <row r="324684" spans="14:14">
      <c r="N324684" s="10"/>
    </row>
    <row r="324685" spans="14:14">
      <c r="N324685" s="10"/>
    </row>
    <row r="324686" spans="14:14">
      <c r="N324686" s="10"/>
    </row>
    <row r="324687" spans="14:14">
      <c r="N324687" s="10"/>
    </row>
    <row r="324688" spans="14:14">
      <c r="N324688" s="10"/>
    </row>
    <row r="324689" spans="14:14">
      <c r="N324689" s="10"/>
    </row>
    <row r="324690" spans="14:14">
      <c r="N324690" s="10"/>
    </row>
    <row r="324691" spans="14:14">
      <c r="N324691" s="10"/>
    </row>
    <row r="324692" spans="14:14">
      <c r="N324692" s="10"/>
    </row>
    <row r="324693" spans="14:14">
      <c r="N324693" s="10"/>
    </row>
    <row r="324694" spans="14:14">
      <c r="N324694" s="10"/>
    </row>
    <row r="324695" spans="14:14">
      <c r="N324695" s="10"/>
    </row>
    <row r="324696" spans="14:14">
      <c r="N324696" s="10"/>
    </row>
    <row r="324697" spans="14:14">
      <c r="N324697" s="10"/>
    </row>
    <row r="324698" spans="14:14">
      <c r="N324698" s="10"/>
    </row>
    <row r="324699" spans="14:14">
      <c r="N324699" s="10"/>
    </row>
    <row r="324700" spans="14:14">
      <c r="N324700" s="10"/>
    </row>
    <row r="324701" spans="14:14">
      <c r="N324701" s="10"/>
    </row>
    <row r="324702" spans="14:14">
      <c r="N324702" s="10"/>
    </row>
    <row r="324703" spans="14:14">
      <c r="N324703" s="10"/>
    </row>
    <row r="324704" spans="14:14">
      <c r="N324704" s="10"/>
    </row>
    <row r="324705" spans="14:14">
      <c r="N324705" s="10"/>
    </row>
    <row r="324706" spans="14:14">
      <c r="N324706" s="10"/>
    </row>
    <row r="324707" spans="14:14">
      <c r="N324707" s="10"/>
    </row>
    <row r="324708" spans="14:14">
      <c r="N324708" s="10"/>
    </row>
    <row r="324709" spans="14:14">
      <c r="N324709" s="10"/>
    </row>
    <row r="324710" spans="14:14">
      <c r="N324710" s="10"/>
    </row>
    <row r="324711" spans="14:14">
      <c r="N324711" s="10"/>
    </row>
    <row r="324712" spans="14:14">
      <c r="N324712" s="10"/>
    </row>
    <row r="324713" spans="14:14">
      <c r="N324713" s="10"/>
    </row>
    <row r="324714" spans="14:14">
      <c r="N324714" s="10"/>
    </row>
    <row r="324715" spans="14:14">
      <c r="N324715" s="10"/>
    </row>
    <row r="324716" spans="14:14">
      <c r="N324716" s="10"/>
    </row>
    <row r="324717" spans="14:14">
      <c r="N324717" s="10"/>
    </row>
    <row r="324718" spans="14:14">
      <c r="N324718" s="10"/>
    </row>
    <row r="324719" spans="14:14">
      <c r="N324719" s="10"/>
    </row>
    <row r="324720" spans="14:14">
      <c r="N324720" s="10"/>
    </row>
    <row r="324721" spans="14:14">
      <c r="N324721" s="10"/>
    </row>
    <row r="324722" spans="14:14">
      <c r="N324722" s="10"/>
    </row>
    <row r="324723" spans="14:14">
      <c r="N324723" s="10"/>
    </row>
    <row r="324724" spans="14:14">
      <c r="N324724" s="10"/>
    </row>
    <row r="324725" spans="14:14">
      <c r="N324725" s="10"/>
    </row>
    <row r="324726" spans="14:14">
      <c r="N324726" s="10"/>
    </row>
    <row r="324727" spans="14:14">
      <c r="N324727" s="10"/>
    </row>
    <row r="324728" spans="14:14">
      <c r="N324728" s="10"/>
    </row>
    <row r="324729" spans="14:14">
      <c r="N324729" s="10"/>
    </row>
    <row r="324730" spans="14:14">
      <c r="N324730" s="10"/>
    </row>
    <row r="324731" spans="14:14">
      <c r="N324731" s="10"/>
    </row>
    <row r="324732" spans="14:14">
      <c r="N324732" s="10"/>
    </row>
    <row r="324733" spans="14:14">
      <c r="N324733" s="10"/>
    </row>
    <row r="324734" spans="14:14">
      <c r="N324734" s="10"/>
    </row>
    <row r="324735" spans="14:14">
      <c r="N324735" s="10"/>
    </row>
    <row r="324736" spans="14:14">
      <c r="N324736" s="10"/>
    </row>
    <row r="324737" spans="14:14">
      <c r="N324737" s="10"/>
    </row>
    <row r="324738" spans="14:14">
      <c r="N324738" s="10"/>
    </row>
    <row r="324739" spans="14:14">
      <c r="N324739" s="10"/>
    </row>
    <row r="324740" spans="14:14">
      <c r="N324740" s="10"/>
    </row>
    <row r="324741" spans="14:14">
      <c r="N324741" s="10"/>
    </row>
    <row r="324742" spans="14:14">
      <c r="N324742" s="10"/>
    </row>
    <row r="324743" spans="14:14">
      <c r="N324743" s="10"/>
    </row>
    <row r="324744" spans="14:14">
      <c r="N324744" s="10"/>
    </row>
    <row r="324745" spans="14:14">
      <c r="N324745" s="10"/>
    </row>
    <row r="324746" spans="14:14">
      <c r="N324746" s="10"/>
    </row>
    <row r="324747" spans="14:14">
      <c r="N324747" s="10"/>
    </row>
    <row r="324748" spans="14:14">
      <c r="N324748" s="10"/>
    </row>
    <row r="324749" spans="14:14">
      <c r="N324749" s="10"/>
    </row>
    <row r="324750" spans="14:14">
      <c r="N324750" s="10"/>
    </row>
    <row r="324751" spans="14:14">
      <c r="N324751" s="10"/>
    </row>
    <row r="324752" spans="14:14">
      <c r="N324752" s="10"/>
    </row>
    <row r="324753" spans="14:14">
      <c r="N324753" s="10"/>
    </row>
    <row r="324754" spans="14:14">
      <c r="N324754" s="10"/>
    </row>
    <row r="324755" spans="14:14">
      <c r="N324755" s="10"/>
    </row>
    <row r="324756" spans="14:14">
      <c r="N324756" s="10"/>
    </row>
    <row r="324757" spans="14:14">
      <c r="N324757" s="10"/>
    </row>
    <row r="324758" spans="14:14">
      <c r="N324758" s="10"/>
    </row>
    <row r="324759" spans="14:14">
      <c r="N324759" s="10"/>
    </row>
    <row r="324760" spans="14:14">
      <c r="N324760" s="10"/>
    </row>
    <row r="324761" spans="14:14">
      <c r="N324761" s="10"/>
    </row>
    <row r="324762" spans="14:14">
      <c r="N324762" s="10"/>
    </row>
    <row r="324763" spans="14:14">
      <c r="N324763" s="10"/>
    </row>
    <row r="324764" spans="14:14">
      <c r="N324764" s="10"/>
    </row>
    <row r="324765" spans="14:14">
      <c r="N324765" s="10"/>
    </row>
    <row r="324766" spans="14:14">
      <c r="N324766" s="10"/>
    </row>
    <row r="324767" spans="14:14">
      <c r="N324767" s="10"/>
    </row>
    <row r="324768" spans="14:14">
      <c r="N324768" s="10"/>
    </row>
    <row r="324769" spans="14:14">
      <c r="N324769" s="10"/>
    </row>
    <row r="324770" spans="14:14">
      <c r="N324770" s="10"/>
    </row>
    <row r="324771" spans="14:14">
      <c r="N324771" s="10"/>
    </row>
    <row r="324772" spans="14:14">
      <c r="N324772" s="10"/>
    </row>
    <row r="324773" spans="14:14">
      <c r="N324773" s="10"/>
    </row>
    <row r="324774" spans="14:14">
      <c r="N324774" s="10"/>
    </row>
    <row r="324775" spans="14:14">
      <c r="N324775" s="10"/>
    </row>
    <row r="324776" spans="14:14">
      <c r="N324776" s="10"/>
    </row>
    <row r="324777" spans="14:14">
      <c r="N324777" s="10"/>
    </row>
    <row r="324778" spans="14:14">
      <c r="N324778" s="10"/>
    </row>
    <row r="324779" spans="14:14">
      <c r="N324779" s="10"/>
    </row>
    <row r="324780" spans="14:14">
      <c r="N324780" s="10"/>
    </row>
    <row r="324781" spans="14:14">
      <c r="N324781" s="10"/>
    </row>
    <row r="324782" spans="14:14">
      <c r="N324782" s="10"/>
    </row>
    <row r="324783" spans="14:14">
      <c r="N324783" s="10"/>
    </row>
    <row r="324784" spans="14:14">
      <c r="N324784" s="10"/>
    </row>
    <row r="324785" spans="14:14">
      <c r="N324785" s="10"/>
    </row>
    <row r="324786" spans="14:14">
      <c r="N324786" s="10"/>
    </row>
    <row r="324787" spans="14:14">
      <c r="N324787" s="10"/>
    </row>
    <row r="324788" spans="14:14">
      <c r="N324788" s="10"/>
    </row>
    <row r="324789" spans="14:14">
      <c r="N324789" s="10"/>
    </row>
    <row r="324790" spans="14:14">
      <c r="N324790" s="10"/>
    </row>
    <row r="324791" spans="14:14">
      <c r="N324791" s="10"/>
    </row>
    <row r="324792" spans="14:14">
      <c r="N324792" s="10"/>
    </row>
    <row r="324793" spans="14:14">
      <c r="N324793" s="10"/>
    </row>
    <row r="324794" spans="14:14">
      <c r="N324794" s="10"/>
    </row>
    <row r="324795" spans="14:14">
      <c r="N324795" s="10"/>
    </row>
    <row r="324796" spans="14:14">
      <c r="N324796" s="10"/>
    </row>
    <row r="324797" spans="14:14">
      <c r="N324797" s="10"/>
    </row>
    <row r="324798" spans="14:14">
      <c r="N324798" s="10"/>
    </row>
    <row r="324799" spans="14:14">
      <c r="N324799" s="10"/>
    </row>
    <row r="324800" spans="14:14">
      <c r="N324800" s="10"/>
    </row>
    <row r="324801" spans="14:14">
      <c r="N324801" s="10"/>
    </row>
    <row r="324802" spans="14:14">
      <c r="N324802" s="10"/>
    </row>
    <row r="324803" spans="14:14">
      <c r="N324803" s="10"/>
    </row>
    <row r="324804" spans="14:14">
      <c r="N324804" s="10"/>
    </row>
    <row r="324805" spans="14:14">
      <c r="N324805" s="10"/>
    </row>
    <row r="324806" spans="14:14">
      <c r="N324806" s="10"/>
    </row>
    <row r="324807" spans="14:14">
      <c r="N324807" s="10"/>
    </row>
    <row r="324808" spans="14:14">
      <c r="N324808" s="10"/>
    </row>
    <row r="324809" spans="14:14">
      <c r="N324809" s="10"/>
    </row>
    <row r="324810" spans="14:14">
      <c r="N324810" s="10"/>
    </row>
    <row r="324811" spans="14:14">
      <c r="N324811" s="10"/>
    </row>
    <row r="324812" spans="14:14">
      <c r="N324812" s="10"/>
    </row>
    <row r="324813" spans="14:14">
      <c r="N324813" s="10"/>
    </row>
    <row r="324814" spans="14:14">
      <c r="N324814" s="10"/>
    </row>
    <row r="324815" spans="14:14">
      <c r="N324815" s="10"/>
    </row>
    <row r="324816" spans="14:14">
      <c r="N324816" s="10"/>
    </row>
    <row r="324817" spans="14:14">
      <c r="N324817" s="10"/>
    </row>
    <row r="324818" spans="14:14">
      <c r="N324818" s="10"/>
    </row>
    <row r="324819" spans="14:14">
      <c r="N324819" s="10"/>
    </row>
    <row r="324820" spans="14:14">
      <c r="N324820" s="10"/>
    </row>
    <row r="324821" spans="14:14">
      <c r="N324821" s="10"/>
    </row>
    <row r="324822" spans="14:14">
      <c r="N324822" s="10"/>
    </row>
    <row r="324823" spans="14:14">
      <c r="N324823" s="10"/>
    </row>
    <row r="324824" spans="14:14">
      <c r="N324824" s="10"/>
    </row>
    <row r="324825" spans="14:14">
      <c r="N324825" s="10"/>
    </row>
    <row r="324826" spans="14:14">
      <c r="N324826" s="10"/>
    </row>
    <row r="324827" spans="14:14">
      <c r="N324827" s="10"/>
    </row>
    <row r="324828" spans="14:14">
      <c r="N324828" s="10"/>
    </row>
    <row r="324829" spans="14:14">
      <c r="N324829" s="10"/>
    </row>
    <row r="324830" spans="14:14">
      <c r="N324830" s="10"/>
    </row>
    <row r="324831" spans="14:14">
      <c r="N324831" s="10"/>
    </row>
    <row r="324832" spans="14:14">
      <c r="N324832" s="10"/>
    </row>
    <row r="324833" spans="14:14">
      <c r="N324833" s="10"/>
    </row>
    <row r="324834" spans="14:14">
      <c r="N324834" s="10"/>
    </row>
    <row r="324835" spans="14:14">
      <c r="N324835" s="10"/>
    </row>
    <row r="324836" spans="14:14">
      <c r="N324836" s="10"/>
    </row>
    <row r="324837" spans="14:14">
      <c r="N324837" s="10"/>
    </row>
    <row r="324838" spans="14:14">
      <c r="N324838" s="10"/>
    </row>
    <row r="324839" spans="14:14">
      <c r="N324839" s="10"/>
    </row>
    <row r="324840" spans="14:14">
      <c r="N324840" s="10"/>
    </row>
    <row r="324841" spans="14:14">
      <c r="N324841" s="10"/>
    </row>
    <row r="324842" spans="14:14">
      <c r="N324842" s="10"/>
    </row>
    <row r="324843" spans="14:14">
      <c r="N324843" s="10"/>
    </row>
    <row r="324844" spans="14:14">
      <c r="N324844" s="10"/>
    </row>
    <row r="324845" spans="14:14">
      <c r="N324845" s="10"/>
    </row>
    <row r="324846" spans="14:14">
      <c r="N324846" s="10"/>
    </row>
    <row r="324847" spans="14:14">
      <c r="N324847" s="10"/>
    </row>
    <row r="324848" spans="14:14">
      <c r="N324848" s="10"/>
    </row>
    <row r="324849" spans="14:14">
      <c r="N324849" s="10"/>
    </row>
    <row r="324850" spans="14:14">
      <c r="N324850" s="10"/>
    </row>
    <row r="324851" spans="14:14">
      <c r="N324851" s="10"/>
    </row>
    <row r="324852" spans="14:14">
      <c r="N324852" s="10"/>
    </row>
    <row r="324853" spans="14:14">
      <c r="N324853" s="10"/>
    </row>
    <row r="324854" spans="14:14">
      <c r="N324854" s="10"/>
    </row>
    <row r="324855" spans="14:14">
      <c r="N324855" s="10"/>
    </row>
    <row r="324856" spans="14:14">
      <c r="N324856" s="10"/>
    </row>
    <row r="324857" spans="14:14">
      <c r="N324857" s="10"/>
    </row>
    <row r="324858" spans="14:14">
      <c r="N324858" s="10"/>
    </row>
    <row r="324859" spans="14:14">
      <c r="N324859" s="10"/>
    </row>
    <row r="324860" spans="14:14">
      <c r="N324860" s="10"/>
    </row>
    <row r="324861" spans="14:14">
      <c r="N324861" s="10"/>
    </row>
    <row r="324862" spans="14:14">
      <c r="N324862" s="10"/>
    </row>
    <row r="324863" spans="14:14">
      <c r="N324863" s="10"/>
    </row>
    <row r="324864" spans="14:14">
      <c r="N324864" s="10"/>
    </row>
    <row r="324865" spans="14:14">
      <c r="N324865" s="10"/>
    </row>
    <row r="324866" spans="14:14">
      <c r="N324866" s="10"/>
    </row>
    <row r="324867" spans="14:14">
      <c r="N324867" s="10"/>
    </row>
    <row r="324868" spans="14:14">
      <c r="N324868" s="10"/>
    </row>
    <row r="324869" spans="14:14">
      <c r="N324869" s="10"/>
    </row>
    <row r="324870" spans="14:14">
      <c r="N324870" s="10"/>
    </row>
    <row r="324871" spans="14:14">
      <c r="N324871" s="10"/>
    </row>
    <row r="324872" spans="14:14">
      <c r="N324872" s="10"/>
    </row>
    <row r="324873" spans="14:14">
      <c r="N324873" s="10"/>
    </row>
    <row r="324874" spans="14:14">
      <c r="N324874" s="10"/>
    </row>
    <row r="324875" spans="14:14">
      <c r="N324875" s="10"/>
    </row>
    <row r="324876" spans="14:14">
      <c r="N324876" s="10"/>
    </row>
    <row r="324877" spans="14:14">
      <c r="N324877" s="10"/>
    </row>
    <row r="324878" spans="14:14">
      <c r="N324878" s="10"/>
    </row>
    <row r="324879" spans="14:14">
      <c r="N324879" s="10"/>
    </row>
    <row r="324880" spans="14:14">
      <c r="N324880" s="10"/>
    </row>
    <row r="324881" spans="14:14">
      <c r="N324881" s="10"/>
    </row>
    <row r="324882" spans="14:14">
      <c r="N324882" s="10"/>
    </row>
    <row r="324883" spans="14:14">
      <c r="N324883" s="10"/>
    </row>
    <row r="324884" spans="14:14">
      <c r="N324884" s="10"/>
    </row>
    <row r="324885" spans="14:14">
      <c r="N324885" s="10"/>
    </row>
    <row r="324886" spans="14:14">
      <c r="N324886" s="10"/>
    </row>
    <row r="324887" spans="14:14">
      <c r="N324887" s="10"/>
    </row>
    <row r="324888" spans="14:14">
      <c r="N324888" s="10"/>
    </row>
    <row r="324889" spans="14:14">
      <c r="N324889" s="10"/>
    </row>
    <row r="324890" spans="14:14">
      <c r="N324890" s="10"/>
    </row>
    <row r="324891" spans="14:14">
      <c r="N324891" s="10"/>
    </row>
    <row r="324892" spans="14:14">
      <c r="N324892" s="10"/>
    </row>
    <row r="324893" spans="14:14">
      <c r="N324893" s="10"/>
    </row>
    <row r="324894" spans="14:14">
      <c r="N324894" s="10"/>
    </row>
    <row r="324895" spans="14:14">
      <c r="N324895" s="10"/>
    </row>
    <row r="324896" spans="14:14">
      <c r="N324896" s="10"/>
    </row>
    <row r="324897" spans="14:14">
      <c r="N324897" s="10"/>
    </row>
    <row r="324898" spans="14:14">
      <c r="N324898" s="10"/>
    </row>
    <row r="324899" spans="14:14">
      <c r="N324899" s="10"/>
    </row>
    <row r="324900" spans="14:14">
      <c r="N324900" s="10"/>
    </row>
    <row r="324901" spans="14:14">
      <c r="N324901" s="10"/>
    </row>
    <row r="324902" spans="14:14">
      <c r="N324902" s="10"/>
    </row>
    <row r="324903" spans="14:14">
      <c r="N324903" s="10"/>
    </row>
    <row r="324904" spans="14:14">
      <c r="N324904" s="10"/>
    </row>
    <row r="324905" spans="14:14">
      <c r="N324905" s="10"/>
    </row>
    <row r="324906" spans="14:14">
      <c r="N324906" s="10"/>
    </row>
    <row r="324907" spans="14:14">
      <c r="N324907" s="10"/>
    </row>
    <row r="324908" spans="14:14">
      <c r="N324908" s="10"/>
    </row>
    <row r="324909" spans="14:14">
      <c r="N324909" s="10"/>
    </row>
    <row r="324910" spans="14:14">
      <c r="N324910" s="10"/>
    </row>
    <row r="324911" spans="14:14">
      <c r="N324911" s="10"/>
    </row>
    <row r="324912" spans="14:14">
      <c r="N324912" s="10"/>
    </row>
    <row r="324913" spans="14:14">
      <c r="N324913" s="10"/>
    </row>
    <row r="324914" spans="14:14">
      <c r="N324914" s="10"/>
    </row>
    <row r="324915" spans="14:14">
      <c r="N324915" s="10"/>
    </row>
    <row r="324916" spans="14:14">
      <c r="N324916" s="10"/>
    </row>
    <row r="324917" spans="14:14">
      <c r="N324917" s="10"/>
    </row>
    <row r="324918" spans="14:14">
      <c r="N324918" s="10"/>
    </row>
    <row r="324919" spans="14:14">
      <c r="N324919" s="10"/>
    </row>
    <row r="324920" spans="14:14">
      <c r="N324920" s="10"/>
    </row>
    <row r="324921" spans="14:14">
      <c r="N324921" s="10"/>
    </row>
    <row r="324922" spans="14:14">
      <c r="N324922" s="10"/>
    </row>
    <row r="324923" spans="14:14">
      <c r="N324923" s="10"/>
    </row>
    <row r="324924" spans="14:14">
      <c r="N324924" s="10"/>
    </row>
    <row r="324925" spans="14:14">
      <c r="N324925" s="10"/>
    </row>
    <row r="324926" spans="14:14">
      <c r="N324926" s="10"/>
    </row>
    <row r="324927" spans="14:14">
      <c r="N324927" s="10"/>
    </row>
    <row r="324928" spans="14:14">
      <c r="N324928" s="10"/>
    </row>
    <row r="324929" spans="14:14">
      <c r="N324929" s="10"/>
    </row>
    <row r="324930" spans="14:14">
      <c r="N324930" s="10"/>
    </row>
    <row r="324931" spans="14:14">
      <c r="N324931" s="10"/>
    </row>
    <row r="324932" spans="14:14">
      <c r="N324932" s="10"/>
    </row>
    <row r="324933" spans="14:14">
      <c r="N324933" s="10"/>
    </row>
    <row r="324934" spans="14:14">
      <c r="N324934" s="10"/>
    </row>
    <row r="324935" spans="14:14">
      <c r="N324935" s="10"/>
    </row>
    <row r="324936" spans="14:14">
      <c r="N324936" s="10"/>
    </row>
    <row r="324937" spans="14:14">
      <c r="N324937" s="10"/>
    </row>
    <row r="324938" spans="14:14">
      <c r="N324938" s="10"/>
    </row>
    <row r="324939" spans="14:14">
      <c r="N324939" s="10"/>
    </row>
    <row r="324940" spans="14:14">
      <c r="N324940" s="10"/>
    </row>
    <row r="324941" spans="14:14">
      <c r="N324941" s="10"/>
    </row>
    <row r="324942" spans="14:14">
      <c r="N324942" s="10"/>
    </row>
    <row r="324943" spans="14:14">
      <c r="N324943" s="10"/>
    </row>
    <row r="324944" spans="14:14">
      <c r="N324944" s="10"/>
    </row>
    <row r="324945" spans="14:14">
      <c r="N324945" s="10"/>
    </row>
    <row r="324946" spans="14:14">
      <c r="N324946" s="10"/>
    </row>
    <row r="324947" spans="14:14">
      <c r="N324947" s="10"/>
    </row>
    <row r="324948" spans="14:14">
      <c r="N324948" s="10"/>
    </row>
    <row r="324949" spans="14:14">
      <c r="N324949" s="10"/>
    </row>
    <row r="324950" spans="14:14">
      <c r="N324950" s="10"/>
    </row>
    <row r="324951" spans="14:14">
      <c r="N324951" s="10"/>
    </row>
    <row r="324952" spans="14:14">
      <c r="N324952" s="10"/>
    </row>
    <row r="324953" spans="14:14">
      <c r="N324953" s="10"/>
    </row>
    <row r="324954" spans="14:14">
      <c r="N324954" s="10"/>
    </row>
    <row r="324955" spans="14:14">
      <c r="N324955" s="10"/>
    </row>
    <row r="324956" spans="14:14">
      <c r="N324956" s="10"/>
    </row>
    <row r="324957" spans="14:14">
      <c r="N324957" s="10"/>
    </row>
    <row r="324958" spans="14:14">
      <c r="N324958" s="10"/>
    </row>
    <row r="324959" spans="14:14">
      <c r="N324959" s="10"/>
    </row>
    <row r="324960" spans="14:14">
      <c r="N324960" s="10"/>
    </row>
    <row r="324961" spans="14:14">
      <c r="N324961" s="10"/>
    </row>
    <row r="324962" spans="14:14">
      <c r="N324962" s="10"/>
    </row>
    <row r="324963" spans="14:14">
      <c r="N324963" s="10"/>
    </row>
    <row r="324964" spans="14:14">
      <c r="N324964" s="10"/>
    </row>
    <row r="324965" spans="14:14">
      <c r="N324965" s="10"/>
    </row>
    <row r="324966" spans="14:14">
      <c r="N324966" s="10"/>
    </row>
    <row r="324967" spans="14:14">
      <c r="N324967" s="10"/>
    </row>
    <row r="324968" spans="14:14">
      <c r="N324968" s="10"/>
    </row>
    <row r="324969" spans="14:14">
      <c r="N324969" s="10"/>
    </row>
    <row r="324970" spans="14:14">
      <c r="N324970" s="10"/>
    </row>
    <row r="324971" spans="14:14">
      <c r="N324971" s="10"/>
    </row>
    <row r="324972" spans="14:14">
      <c r="N324972" s="10"/>
    </row>
    <row r="324973" spans="14:14">
      <c r="N324973" s="10"/>
    </row>
    <row r="324974" spans="14:14">
      <c r="N324974" s="10"/>
    </row>
    <row r="324975" spans="14:14">
      <c r="N324975" s="10"/>
    </row>
    <row r="324976" spans="14:14">
      <c r="N324976" s="10"/>
    </row>
    <row r="324977" spans="14:14">
      <c r="N324977" s="10"/>
    </row>
    <row r="324978" spans="14:14">
      <c r="N324978" s="10"/>
    </row>
    <row r="324979" spans="14:14">
      <c r="N324979" s="10"/>
    </row>
    <row r="324980" spans="14:14">
      <c r="N324980" s="10"/>
    </row>
    <row r="324981" spans="14:14">
      <c r="N324981" s="10"/>
    </row>
    <row r="324982" spans="14:14">
      <c r="N324982" s="10"/>
    </row>
    <row r="324983" spans="14:14">
      <c r="N324983" s="10"/>
    </row>
    <row r="324984" spans="14:14">
      <c r="N324984" s="10"/>
    </row>
    <row r="324985" spans="14:14">
      <c r="N324985" s="10"/>
    </row>
    <row r="324986" spans="14:14">
      <c r="N324986" s="10"/>
    </row>
    <row r="324987" spans="14:14">
      <c r="N324987" s="10"/>
    </row>
    <row r="324988" spans="14:14">
      <c r="N324988" s="10"/>
    </row>
    <row r="324989" spans="14:14">
      <c r="N324989" s="10"/>
    </row>
    <row r="324990" spans="14:14">
      <c r="N324990" s="10"/>
    </row>
    <row r="324991" spans="14:14">
      <c r="N324991" s="10"/>
    </row>
    <row r="324992" spans="14:14">
      <c r="N324992" s="10"/>
    </row>
    <row r="324993" spans="14:14">
      <c r="N324993" s="10"/>
    </row>
    <row r="324994" spans="14:14">
      <c r="N324994" s="10"/>
    </row>
    <row r="324995" spans="14:14">
      <c r="N324995" s="10"/>
    </row>
    <row r="324996" spans="14:14">
      <c r="N324996" s="10"/>
    </row>
    <row r="324997" spans="14:14">
      <c r="N324997" s="10"/>
    </row>
    <row r="324998" spans="14:14">
      <c r="N324998" s="10"/>
    </row>
    <row r="324999" spans="14:14">
      <c r="N324999" s="10"/>
    </row>
    <row r="325000" spans="14:14">
      <c r="N325000" s="10"/>
    </row>
    <row r="325001" spans="14:14">
      <c r="N325001" s="10"/>
    </row>
    <row r="325002" spans="14:14">
      <c r="N325002" s="10"/>
    </row>
    <row r="325003" spans="14:14">
      <c r="N325003" s="10"/>
    </row>
    <row r="325004" spans="14:14">
      <c r="N325004" s="10"/>
    </row>
    <row r="325005" spans="14:14">
      <c r="N325005" s="10"/>
    </row>
    <row r="325006" spans="14:14">
      <c r="N325006" s="10"/>
    </row>
    <row r="325007" spans="14:14">
      <c r="N325007" s="10"/>
    </row>
    <row r="325008" spans="14:14">
      <c r="N325008" s="10"/>
    </row>
    <row r="325009" spans="14:14">
      <c r="N325009" s="10"/>
    </row>
    <row r="325010" spans="14:14">
      <c r="N325010" s="10"/>
    </row>
    <row r="325011" spans="14:14">
      <c r="N325011" s="10"/>
    </row>
    <row r="325012" spans="14:14">
      <c r="N325012" s="10"/>
    </row>
    <row r="325013" spans="14:14">
      <c r="N325013" s="10"/>
    </row>
    <row r="325014" spans="14:14">
      <c r="N325014" s="10"/>
    </row>
    <row r="325015" spans="14:14">
      <c r="N325015" s="10"/>
    </row>
    <row r="325016" spans="14:14">
      <c r="N325016" s="10"/>
    </row>
    <row r="325017" spans="14:14">
      <c r="N325017" s="10"/>
    </row>
    <row r="325018" spans="14:14">
      <c r="N325018" s="10"/>
    </row>
    <row r="325019" spans="14:14">
      <c r="N325019" s="10"/>
    </row>
    <row r="325020" spans="14:14">
      <c r="N325020" s="10"/>
    </row>
    <row r="325021" spans="14:14">
      <c r="N325021" s="10"/>
    </row>
    <row r="325022" spans="14:14">
      <c r="N325022" s="10"/>
    </row>
    <row r="325023" spans="14:14">
      <c r="N325023" s="10"/>
    </row>
    <row r="325024" spans="14:14">
      <c r="N325024" s="10"/>
    </row>
    <row r="325025" spans="14:14">
      <c r="N325025" s="10"/>
    </row>
    <row r="325026" spans="14:14">
      <c r="N325026" s="10"/>
    </row>
    <row r="325027" spans="14:14">
      <c r="N325027" s="10"/>
    </row>
    <row r="325028" spans="14:14">
      <c r="N325028" s="10"/>
    </row>
    <row r="325029" spans="14:14">
      <c r="N325029" s="10"/>
    </row>
    <row r="325030" spans="14:14">
      <c r="N325030" s="10"/>
    </row>
    <row r="325031" spans="14:14">
      <c r="N325031" s="10"/>
    </row>
    <row r="325032" spans="14:14">
      <c r="N325032" s="10"/>
    </row>
    <row r="325033" spans="14:14">
      <c r="N325033" s="10"/>
    </row>
    <row r="325034" spans="14:14">
      <c r="N325034" s="10"/>
    </row>
    <row r="325035" spans="14:14">
      <c r="N325035" s="10"/>
    </row>
    <row r="325036" spans="14:14">
      <c r="N325036" s="10"/>
    </row>
    <row r="325037" spans="14:14">
      <c r="N325037" s="10"/>
    </row>
    <row r="325038" spans="14:14">
      <c r="N325038" s="10"/>
    </row>
    <row r="325039" spans="14:14">
      <c r="N325039" s="10"/>
    </row>
    <row r="325040" spans="14:14">
      <c r="N325040" s="10"/>
    </row>
    <row r="325041" spans="14:14">
      <c r="N325041" s="10"/>
    </row>
    <row r="325042" spans="14:14">
      <c r="N325042" s="10"/>
    </row>
    <row r="325043" spans="14:14">
      <c r="N325043" s="10"/>
    </row>
    <row r="325044" spans="14:14">
      <c r="N325044" s="10"/>
    </row>
    <row r="325045" spans="14:14">
      <c r="N325045" s="10"/>
    </row>
    <row r="325046" spans="14:14">
      <c r="N325046" s="10"/>
    </row>
    <row r="325047" spans="14:14">
      <c r="N325047" s="10"/>
    </row>
    <row r="325048" spans="14:14">
      <c r="N325048" s="10"/>
    </row>
    <row r="325049" spans="14:14">
      <c r="N325049" s="10"/>
    </row>
    <row r="325050" spans="14:14">
      <c r="N325050" s="10"/>
    </row>
    <row r="325051" spans="14:14">
      <c r="N325051" s="10"/>
    </row>
    <row r="325052" spans="14:14">
      <c r="N325052" s="10"/>
    </row>
    <row r="325053" spans="14:14">
      <c r="N325053" s="10"/>
    </row>
    <row r="325054" spans="14:14">
      <c r="N325054" s="10"/>
    </row>
    <row r="325055" spans="14:14">
      <c r="N325055" s="10"/>
    </row>
    <row r="325056" spans="14:14">
      <c r="N325056" s="10"/>
    </row>
    <row r="325057" spans="14:14">
      <c r="N325057" s="10"/>
    </row>
    <row r="325058" spans="14:14">
      <c r="N325058" s="10"/>
    </row>
    <row r="325059" spans="14:14">
      <c r="N325059" s="10"/>
    </row>
    <row r="325060" spans="14:14">
      <c r="N325060" s="10"/>
    </row>
    <row r="325061" spans="14:14">
      <c r="N325061" s="10"/>
    </row>
    <row r="325062" spans="14:14">
      <c r="N325062" s="10"/>
    </row>
    <row r="325063" spans="14:14">
      <c r="N325063" s="10"/>
    </row>
    <row r="325064" spans="14:14">
      <c r="N325064" s="10"/>
    </row>
    <row r="325065" spans="14:14">
      <c r="N325065" s="10"/>
    </row>
    <row r="325066" spans="14:14">
      <c r="N325066" s="10"/>
    </row>
    <row r="325067" spans="14:14">
      <c r="N325067" s="10"/>
    </row>
    <row r="325068" spans="14:14">
      <c r="N325068" s="10"/>
    </row>
    <row r="325069" spans="14:14">
      <c r="N325069" s="10"/>
    </row>
    <row r="325070" spans="14:14">
      <c r="N325070" s="10"/>
    </row>
    <row r="325071" spans="14:14">
      <c r="N325071" s="10"/>
    </row>
    <row r="325072" spans="14:14">
      <c r="N325072" s="10"/>
    </row>
    <row r="325073" spans="14:14">
      <c r="N325073" s="10"/>
    </row>
    <row r="325074" spans="14:14">
      <c r="N325074" s="10"/>
    </row>
    <row r="325075" spans="14:14">
      <c r="N325075" s="10"/>
    </row>
    <row r="325076" spans="14:14">
      <c r="N325076" s="10"/>
    </row>
    <row r="325077" spans="14:14">
      <c r="N325077" s="10"/>
    </row>
    <row r="325078" spans="14:14">
      <c r="N325078" s="10"/>
    </row>
    <row r="325079" spans="14:14">
      <c r="N325079" s="10"/>
    </row>
    <row r="325080" spans="14:14">
      <c r="N325080" s="10"/>
    </row>
    <row r="325081" spans="14:14">
      <c r="N325081" s="10"/>
    </row>
    <row r="325082" spans="14:14">
      <c r="N325082" s="10"/>
    </row>
    <row r="325083" spans="14:14">
      <c r="N325083" s="10"/>
    </row>
    <row r="325084" spans="14:14">
      <c r="N325084" s="10"/>
    </row>
    <row r="325085" spans="14:14">
      <c r="N325085" s="10"/>
    </row>
    <row r="325086" spans="14:14">
      <c r="N325086" s="10"/>
    </row>
    <row r="325087" spans="14:14">
      <c r="N325087" s="10"/>
    </row>
    <row r="325088" spans="14:14">
      <c r="N325088" s="10"/>
    </row>
    <row r="325089" spans="14:14">
      <c r="N325089" s="10"/>
    </row>
    <row r="325090" spans="14:14">
      <c r="N325090" s="10"/>
    </row>
    <row r="325091" spans="14:14">
      <c r="N325091" s="10"/>
    </row>
    <row r="325092" spans="14:14">
      <c r="N325092" s="10"/>
    </row>
    <row r="325093" spans="14:14">
      <c r="N325093" s="10"/>
    </row>
    <row r="325094" spans="14:14">
      <c r="N325094" s="10"/>
    </row>
    <row r="325095" spans="14:14">
      <c r="N325095" s="10"/>
    </row>
    <row r="325096" spans="14:14">
      <c r="N325096" s="10"/>
    </row>
    <row r="325097" spans="14:14">
      <c r="N325097" s="10"/>
    </row>
    <row r="325098" spans="14:14">
      <c r="N325098" s="10"/>
    </row>
    <row r="325099" spans="14:14">
      <c r="N325099" s="10"/>
    </row>
    <row r="325100" spans="14:14">
      <c r="N325100" s="10"/>
    </row>
    <row r="325101" spans="14:14">
      <c r="N325101" s="10"/>
    </row>
    <row r="325102" spans="14:14">
      <c r="N325102" s="10"/>
    </row>
    <row r="325103" spans="14:14">
      <c r="N325103" s="10"/>
    </row>
    <row r="325104" spans="14:14">
      <c r="N325104" s="10"/>
    </row>
    <row r="325105" spans="14:14">
      <c r="N325105" s="10"/>
    </row>
    <row r="325106" spans="14:14">
      <c r="N325106" s="10"/>
    </row>
    <row r="325107" spans="14:14">
      <c r="N325107" s="10"/>
    </row>
    <row r="325108" spans="14:14">
      <c r="N325108" s="10"/>
    </row>
    <row r="325109" spans="14:14">
      <c r="N325109" s="10"/>
    </row>
    <row r="325110" spans="14:14">
      <c r="N325110" s="10"/>
    </row>
    <row r="325111" spans="14:14">
      <c r="N325111" s="10"/>
    </row>
    <row r="325112" spans="14:14">
      <c r="N325112" s="10"/>
    </row>
    <row r="325113" spans="14:14">
      <c r="N325113" s="10"/>
    </row>
    <row r="325114" spans="14:14">
      <c r="N325114" s="10"/>
    </row>
    <row r="325115" spans="14:14">
      <c r="N325115" s="10"/>
    </row>
    <row r="325116" spans="14:14">
      <c r="N325116" s="10"/>
    </row>
    <row r="325117" spans="14:14">
      <c r="N325117" s="10"/>
    </row>
    <row r="325118" spans="14:14">
      <c r="N325118" s="10"/>
    </row>
    <row r="325119" spans="14:14">
      <c r="N325119" s="10"/>
    </row>
    <row r="325120" spans="14:14">
      <c r="N325120" s="10"/>
    </row>
    <row r="325121" spans="14:14">
      <c r="N325121" s="10"/>
    </row>
    <row r="325122" spans="14:14">
      <c r="N325122" s="10"/>
    </row>
    <row r="325123" spans="14:14">
      <c r="N325123" s="10"/>
    </row>
    <row r="325124" spans="14:14">
      <c r="N325124" s="10"/>
    </row>
    <row r="325125" spans="14:14">
      <c r="N325125" s="10"/>
    </row>
    <row r="325126" spans="14:14">
      <c r="N325126" s="10"/>
    </row>
    <row r="325127" spans="14:14">
      <c r="N325127" s="10"/>
    </row>
    <row r="325128" spans="14:14">
      <c r="N325128" s="10"/>
    </row>
    <row r="325129" spans="14:14">
      <c r="N325129" s="10"/>
    </row>
    <row r="325130" spans="14:14">
      <c r="N325130" s="10"/>
    </row>
    <row r="325131" spans="14:14">
      <c r="N325131" s="10"/>
    </row>
    <row r="325132" spans="14:14">
      <c r="N325132" s="10"/>
    </row>
    <row r="325133" spans="14:14">
      <c r="N325133" s="10"/>
    </row>
    <row r="325134" spans="14:14">
      <c r="N325134" s="10"/>
    </row>
    <row r="325135" spans="14:14">
      <c r="N325135" s="10"/>
    </row>
    <row r="325136" spans="14:14">
      <c r="N325136" s="10"/>
    </row>
    <row r="325137" spans="14:14">
      <c r="N325137" s="10"/>
    </row>
    <row r="325138" spans="14:14">
      <c r="N325138" s="10"/>
    </row>
    <row r="325139" spans="14:14">
      <c r="N325139" s="10"/>
    </row>
    <row r="325140" spans="14:14">
      <c r="N325140" s="10"/>
    </row>
    <row r="325141" spans="14:14">
      <c r="N325141" s="10"/>
    </row>
    <row r="325142" spans="14:14">
      <c r="N325142" s="10"/>
    </row>
    <row r="325143" spans="14:14">
      <c r="N325143" s="10"/>
    </row>
    <row r="325144" spans="14:14">
      <c r="N325144" s="10"/>
    </row>
    <row r="325145" spans="14:14">
      <c r="N325145" s="10"/>
    </row>
    <row r="325146" spans="14:14">
      <c r="N325146" s="10"/>
    </row>
    <row r="325147" spans="14:14">
      <c r="N325147" s="10"/>
    </row>
    <row r="325148" spans="14:14">
      <c r="N325148" s="10"/>
    </row>
    <row r="325149" spans="14:14">
      <c r="N325149" s="10"/>
    </row>
    <row r="325150" spans="14:14">
      <c r="N325150" s="10"/>
    </row>
    <row r="325151" spans="14:14">
      <c r="N325151" s="10"/>
    </row>
    <row r="325152" spans="14:14">
      <c r="N325152" s="10"/>
    </row>
    <row r="325153" spans="14:14">
      <c r="N325153" s="10"/>
    </row>
    <row r="325154" spans="14:14">
      <c r="N325154" s="10"/>
    </row>
    <row r="325155" spans="14:14">
      <c r="N325155" s="10"/>
    </row>
    <row r="325156" spans="14:14">
      <c r="N325156" s="10"/>
    </row>
    <row r="325157" spans="14:14">
      <c r="N325157" s="10"/>
    </row>
    <row r="325158" spans="14:14">
      <c r="N325158" s="10"/>
    </row>
    <row r="325159" spans="14:14">
      <c r="N325159" s="10"/>
    </row>
    <row r="325160" spans="14:14">
      <c r="N325160" s="10"/>
    </row>
    <row r="325161" spans="14:14">
      <c r="N325161" s="10"/>
    </row>
    <row r="325162" spans="14:14">
      <c r="N325162" s="10"/>
    </row>
    <row r="325163" spans="14:14">
      <c r="N325163" s="10"/>
    </row>
    <row r="325164" spans="14:14">
      <c r="N325164" s="10"/>
    </row>
    <row r="325165" spans="14:14">
      <c r="N325165" s="10"/>
    </row>
    <row r="325166" spans="14:14">
      <c r="N325166" s="10"/>
    </row>
    <row r="325167" spans="14:14">
      <c r="N325167" s="10"/>
    </row>
    <row r="325168" spans="14:14">
      <c r="N325168" s="10"/>
    </row>
    <row r="325169" spans="14:14">
      <c r="N325169" s="10"/>
    </row>
    <row r="325170" spans="14:14">
      <c r="N325170" s="10"/>
    </row>
    <row r="325171" spans="14:14">
      <c r="N325171" s="10"/>
    </row>
    <row r="325172" spans="14:14">
      <c r="N325172" s="10"/>
    </row>
    <row r="325173" spans="14:14">
      <c r="N325173" s="10"/>
    </row>
    <row r="325174" spans="14:14">
      <c r="N325174" s="10"/>
    </row>
    <row r="325175" spans="14:14">
      <c r="N325175" s="10"/>
    </row>
    <row r="325176" spans="14:14">
      <c r="N325176" s="10"/>
    </row>
    <row r="325177" spans="14:14">
      <c r="N325177" s="10"/>
    </row>
    <row r="325178" spans="14:14">
      <c r="N325178" s="10"/>
    </row>
    <row r="325179" spans="14:14">
      <c r="N325179" s="10"/>
    </row>
    <row r="325180" spans="14:14">
      <c r="N325180" s="10"/>
    </row>
    <row r="325181" spans="14:14">
      <c r="N325181" s="10"/>
    </row>
    <row r="325182" spans="14:14">
      <c r="N325182" s="10"/>
    </row>
    <row r="325183" spans="14:14">
      <c r="N325183" s="10"/>
    </row>
    <row r="325184" spans="14:14">
      <c r="N325184" s="10"/>
    </row>
    <row r="325185" spans="14:14">
      <c r="N325185" s="10"/>
    </row>
    <row r="325186" spans="14:14">
      <c r="N325186" s="10"/>
    </row>
    <row r="325187" spans="14:14">
      <c r="N325187" s="10"/>
    </row>
    <row r="325188" spans="14:14">
      <c r="N325188" s="10"/>
    </row>
    <row r="325189" spans="14:14">
      <c r="N325189" s="10"/>
    </row>
    <row r="325190" spans="14:14">
      <c r="N325190" s="10"/>
    </row>
    <row r="325191" spans="14:14">
      <c r="N325191" s="10"/>
    </row>
    <row r="325192" spans="14:14">
      <c r="N325192" s="10"/>
    </row>
    <row r="325193" spans="14:14">
      <c r="N325193" s="10"/>
    </row>
    <row r="325194" spans="14:14">
      <c r="N325194" s="10"/>
    </row>
    <row r="325195" spans="14:14">
      <c r="N325195" s="10"/>
    </row>
    <row r="325196" spans="14:14">
      <c r="N325196" s="10"/>
    </row>
    <row r="325197" spans="14:14">
      <c r="N325197" s="10"/>
    </row>
    <row r="325198" spans="14:14">
      <c r="N325198" s="10"/>
    </row>
    <row r="325199" spans="14:14">
      <c r="N325199" s="10"/>
    </row>
    <row r="325200" spans="14:14">
      <c r="N325200" s="10"/>
    </row>
    <row r="325201" spans="14:14">
      <c r="N325201" s="10"/>
    </row>
    <row r="325202" spans="14:14">
      <c r="N325202" s="10"/>
    </row>
    <row r="325203" spans="14:14">
      <c r="N325203" s="10"/>
    </row>
    <row r="325204" spans="14:14">
      <c r="N325204" s="10"/>
    </row>
    <row r="325205" spans="14:14">
      <c r="N325205" s="10"/>
    </row>
    <row r="325206" spans="14:14">
      <c r="N325206" s="10"/>
    </row>
    <row r="325207" spans="14:14">
      <c r="N325207" s="10"/>
    </row>
    <row r="325208" spans="14:14">
      <c r="N325208" s="10"/>
    </row>
    <row r="325209" spans="14:14">
      <c r="N325209" s="10"/>
    </row>
    <row r="325210" spans="14:14">
      <c r="N325210" s="10"/>
    </row>
    <row r="325211" spans="14:14">
      <c r="N325211" s="10"/>
    </row>
    <row r="325212" spans="14:14">
      <c r="N325212" s="10"/>
    </row>
    <row r="325213" spans="14:14">
      <c r="N325213" s="10"/>
    </row>
    <row r="325214" spans="14:14">
      <c r="N325214" s="10"/>
    </row>
    <row r="325215" spans="14:14">
      <c r="N325215" s="10"/>
    </row>
    <row r="325216" spans="14:14">
      <c r="N325216" s="10"/>
    </row>
    <row r="325217" spans="14:14">
      <c r="N325217" s="10"/>
    </row>
    <row r="325218" spans="14:14">
      <c r="N325218" s="10"/>
    </row>
    <row r="325219" spans="14:14">
      <c r="N325219" s="10"/>
    </row>
    <row r="325220" spans="14:14">
      <c r="N325220" s="10"/>
    </row>
    <row r="325221" spans="14:14">
      <c r="N325221" s="10"/>
    </row>
    <row r="325222" spans="14:14">
      <c r="N325222" s="10"/>
    </row>
    <row r="325223" spans="14:14">
      <c r="N325223" s="10"/>
    </row>
    <row r="325224" spans="14:14">
      <c r="N325224" s="10"/>
    </row>
    <row r="325225" spans="14:14">
      <c r="N325225" s="10"/>
    </row>
    <row r="325226" spans="14:14">
      <c r="N325226" s="10"/>
    </row>
    <row r="325227" spans="14:14">
      <c r="N325227" s="10"/>
    </row>
    <row r="325228" spans="14:14">
      <c r="N325228" s="10"/>
    </row>
    <row r="325229" spans="14:14">
      <c r="N325229" s="10"/>
    </row>
    <row r="325230" spans="14:14">
      <c r="N325230" s="10"/>
    </row>
    <row r="325231" spans="14:14">
      <c r="N325231" s="10"/>
    </row>
    <row r="325232" spans="14:14">
      <c r="N325232" s="10"/>
    </row>
    <row r="325233" spans="14:14">
      <c r="N325233" s="10"/>
    </row>
    <row r="325234" spans="14:14">
      <c r="N325234" s="10"/>
    </row>
    <row r="325235" spans="14:14">
      <c r="N325235" s="10"/>
    </row>
    <row r="325236" spans="14:14">
      <c r="N325236" s="10"/>
    </row>
    <row r="325237" spans="14:14">
      <c r="N325237" s="10"/>
    </row>
    <row r="325238" spans="14:14">
      <c r="N325238" s="10"/>
    </row>
    <row r="325239" spans="14:14">
      <c r="N325239" s="10"/>
    </row>
    <row r="325240" spans="14:14">
      <c r="N325240" s="10"/>
    </row>
    <row r="325241" spans="14:14">
      <c r="N325241" s="10"/>
    </row>
    <row r="325242" spans="14:14">
      <c r="N325242" s="10"/>
    </row>
    <row r="325243" spans="14:14">
      <c r="N325243" s="10"/>
    </row>
    <row r="325244" spans="14:14">
      <c r="N325244" s="10"/>
    </row>
    <row r="325245" spans="14:14">
      <c r="N325245" s="10"/>
    </row>
    <row r="325246" spans="14:14">
      <c r="N325246" s="10"/>
    </row>
    <row r="325247" spans="14:14">
      <c r="N325247" s="10"/>
    </row>
    <row r="325248" spans="14:14">
      <c r="N325248" s="10"/>
    </row>
    <row r="325249" spans="14:14">
      <c r="N325249" s="10"/>
    </row>
    <row r="325250" spans="14:14">
      <c r="N325250" s="10"/>
    </row>
    <row r="325251" spans="14:14">
      <c r="N325251" s="10"/>
    </row>
    <row r="325252" spans="14:14">
      <c r="N325252" s="10"/>
    </row>
    <row r="325253" spans="14:14">
      <c r="N325253" s="10"/>
    </row>
    <row r="325254" spans="14:14">
      <c r="N325254" s="10"/>
    </row>
    <row r="325255" spans="14:14">
      <c r="N325255" s="10"/>
    </row>
    <row r="325256" spans="14:14">
      <c r="N325256" s="10"/>
    </row>
    <row r="325257" spans="14:14">
      <c r="N325257" s="10"/>
    </row>
    <row r="325258" spans="14:14">
      <c r="N325258" s="10"/>
    </row>
    <row r="325259" spans="14:14">
      <c r="N325259" s="10"/>
    </row>
    <row r="325260" spans="14:14">
      <c r="N325260" s="10"/>
    </row>
    <row r="325261" spans="14:14">
      <c r="N325261" s="10"/>
    </row>
    <row r="325262" spans="14:14">
      <c r="N325262" s="10"/>
    </row>
    <row r="325263" spans="14:14">
      <c r="N325263" s="10"/>
    </row>
    <row r="325264" spans="14:14">
      <c r="N325264" s="10"/>
    </row>
    <row r="325265" spans="14:14">
      <c r="N325265" s="10"/>
    </row>
    <row r="325266" spans="14:14">
      <c r="N325266" s="10"/>
    </row>
    <row r="325267" spans="14:14">
      <c r="N325267" s="10"/>
    </row>
    <row r="325268" spans="14:14">
      <c r="N325268" s="10"/>
    </row>
    <row r="325269" spans="14:14">
      <c r="N325269" s="10"/>
    </row>
    <row r="325270" spans="14:14">
      <c r="N325270" s="10"/>
    </row>
    <row r="325271" spans="14:14">
      <c r="N325271" s="10"/>
    </row>
    <row r="325272" spans="14:14">
      <c r="N325272" s="10"/>
    </row>
    <row r="325273" spans="14:14">
      <c r="N325273" s="10"/>
    </row>
    <row r="325274" spans="14:14">
      <c r="N325274" s="10"/>
    </row>
    <row r="325275" spans="14:14">
      <c r="N325275" s="10"/>
    </row>
    <row r="325276" spans="14:14">
      <c r="N325276" s="10"/>
    </row>
    <row r="325277" spans="14:14">
      <c r="N325277" s="10"/>
    </row>
    <row r="325278" spans="14:14">
      <c r="N325278" s="10"/>
    </row>
    <row r="325279" spans="14:14">
      <c r="N325279" s="10"/>
    </row>
    <row r="325280" spans="14:14">
      <c r="N325280" s="10"/>
    </row>
    <row r="325281" spans="14:14">
      <c r="N325281" s="10"/>
    </row>
    <row r="325282" spans="14:14">
      <c r="N325282" s="10"/>
    </row>
    <row r="325283" spans="14:14">
      <c r="N325283" s="10"/>
    </row>
    <row r="325284" spans="14:14">
      <c r="N325284" s="10"/>
    </row>
    <row r="325285" spans="14:14">
      <c r="N325285" s="10"/>
    </row>
    <row r="325286" spans="14:14">
      <c r="N325286" s="10"/>
    </row>
    <row r="325287" spans="14:14">
      <c r="N325287" s="10"/>
    </row>
    <row r="325288" spans="14:14">
      <c r="N325288" s="10"/>
    </row>
    <row r="325289" spans="14:14">
      <c r="N325289" s="10"/>
    </row>
    <row r="325290" spans="14:14">
      <c r="N325290" s="10"/>
    </row>
    <row r="325291" spans="14:14">
      <c r="N325291" s="10"/>
    </row>
    <row r="325292" spans="14:14">
      <c r="N325292" s="10"/>
    </row>
    <row r="325293" spans="14:14">
      <c r="N325293" s="10"/>
    </row>
    <row r="325294" spans="14:14">
      <c r="N325294" s="10"/>
    </row>
    <row r="325295" spans="14:14">
      <c r="N325295" s="10"/>
    </row>
    <row r="325296" spans="14:14">
      <c r="N325296" s="10"/>
    </row>
    <row r="325297" spans="14:14">
      <c r="N325297" s="10"/>
    </row>
    <row r="325298" spans="14:14">
      <c r="N325298" s="10"/>
    </row>
    <row r="325299" spans="14:14">
      <c r="N325299" s="10"/>
    </row>
    <row r="325300" spans="14:14">
      <c r="N325300" s="10"/>
    </row>
    <row r="325301" spans="14:14">
      <c r="N325301" s="10"/>
    </row>
    <row r="325302" spans="14:14">
      <c r="N325302" s="10"/>
    </row>
    <row r="325303" spans="14:14">
      <c r="N325303" s="10"/>
    </row>
    <row r="325304" spans="14:14">
      <c r="N325304" s="10"/>
    </row>
    <row r="325305" spans="14:14">
      <c r="N325305" s="10"/>
    </row>
    <row r="325306" spans="14:14">
      <c r="N325306" s="10"/>
    </row>
    <row r="325307" spans="14:14">
      <c r="N325307" s="10"/>
    </row>
    <row r="325308" spans="14:14">
      <c r="N325308" s="10"/>
    </row>
    <row r="325309" spans="14:14">
      <c r="N325309" s="10"/>
    </row>
    <row r="325310" spans="14:14">
      <c r="N325310" s="10"/>
    </row>
    <row r="325311" spans="14:14">
      <c r="N325311" s="10"/>
    </row>
    <row r="325312" spans="14:14">
      <c r="N325312" s="10"/>
    </row>
    <row r="325313" spans="14:14">
      <c r="N325313" s="10"/>
    </row>
    <row r="325314" spans="14:14">
      <c r="N325314" s="10"/>
    </row>
    <row r="325315" spans="14:14">
      <c r="N325315" s="10"/>
    </row>
    <row r="325316" spans="14:14">
      <c r="N325316" s="10"/>
    </row>
    <row r="325317" spans="14:14">
      <c r="N325317" s="10"/>
    </row>
    <row r="325318" spans="14:14">
      <c r="N325318" s="10"/>
    </row>
    <row r="325319" spans="14:14">
      <c r="N325319" s="10"/>
    </row>
    <row r="325320" spans="14:14">
      <c r="N325320" s="10"/>
    </row>
    <row r="325321" spans="14:14">
      <c r="N325321" s="10"/>
    </row>
    <row r="325322" spans="14:14">
      <c r="N325322" s="10"/>
    </row>
    <row r="325323" spans="14:14">
      <c r="N325323" s="10"/>
    </row>
    <row r="325324" spans="14:14">
      <c r="N325324" s="10"/>
    </row>
    <row r="325325" spans="14:14">
      <c r="N325325" s="10"/>
    </row>
    <row r="325326" spans="14:14">
      <c r="N325326" s="10"/>
    </row>
    <row r="325327" spans="14:14">
      <c r="N325327" s="10"/>
    </row>
    <row r="325328" spans="14:14">
      <c r="N325328" s="10"/>
    </row>
    <row r="325329" spans="14:14">
      <c r="N325329" s="10"/>
    </row>
    <row r="325330" spans="14:14">
      <c r="N325330" s="10"/>
    </row>
    <row r="325331" spans="14:14">
      <c r="N325331" s="10"/>
    </row>
    <row r="325332" spans="14:14">
      <c r="N325332" s="10"/>
    </row>
    <row r="325333" spans="14:14">
      <c r="N325333" s="10"/>
    </row>
    <row r="325334" spans="14:14">
      <c r="N325334" s="10"/>
    </row>
    <row r="325335" spans="14:14">
      <c r="N325335" s="10"/>
    </row>
    <row r="325336" spans="14:14">
      <c r="N325336" s="10"/>
    </row>
    <row r="325337" spans="14:14">
      <c r="N325337" s="10"/>
    </row>
    <row r="325338" spans="14:14">
      <c r="N325338" s="10"/>
    </row>
    <row r="325339" spans="14:14">
      <c r="N325339" s="10"/>
    </row>
    <row r="325340" spans="14:14">
      <c r="N325340" s="10"/>
    </row>
    <row r="325341" spans="14:14">
      <c r="N325341" s="10"/>
    </row>
    <row r="325342" spans="14:14">
      <c r="N325342" s="10"/>
    </row>
    <row r="325343" spans="14:14">
      <c r="N325343" s="10"/>
    </row>
    <row r="325344" spans="14:14">
      <c r="N325344" s="10"/>
    </row>
    <row r="325345" spans="14:14">
      <c r="N325345" s="10"/>
    </row>
    <row r="325346" spans="14:14">
      <c r="N325346" s="10"/>
    </row>
    <row r="325347" spans="14:14">
      <c r="N325347" s="10"/>
    </row>
    <row r="325348" spans="14:14">
      <c r="N325348" s="10"/>
    </row>
    <row r="325349" spans="14:14">
      <c r="N325349" s="10"/>
    </row>
    <row r="325350" spans="14:14">
      <c r="N325350" s="10"/>
    </row>
    <row r="325351" spans="14:14">
      <c r="N325351" s="10"/>
    </row>
    <row r="325352" spans="14:14">
      <c r="N325352" s="10"/>
    </row>
    <row r="325353" spans="14:14">
      <c r="N325353" s="10"/>
    </row>
    <row r="325354" spans="14:14">
      <c r="N325354" s="10"/>
    </row>
    <row r="325355" spans="14:14">
      <c r="N325355" s="10"/>
    </row>
    <row r="325356" spans="14:14">
      <c r="N325356" s="10"/>
    </row>
    <row r="325357" spans="14:14">
      <c r="N325357" s="10"/>
    </row>
    <row r="325358" spans="14:14">
      <c r="N325358" s="10"/>
    </row>
    <row r="325359" spans="14:14">
      <c r="N325359" s="10"/>
    </row>
    <row r="325360" spans="14:14">
      <c r="N325360" s="10"/>
    </row>
    <row r="325361" spans="14:14">
      <c r="N325361" s="10"/>
    </row>
    <row r="325362" spans="14:14">
      <c r="N325362" s="10"/>
    </row>
    <row r="325363" spans="14:14">
      <c r="N325363" s="10"/>
    </row>
    <row r="325364" spans="14:14">
      <c r="N325364" s="10"/>
    </row>
    <row r="325365" spans="14:14">
      <c r="N325365" s="10"/>
    </row>
    <row r="325366" spans="14:14">
      <c r="N325366" s="10"/>
    </row>
    <row r="325367" spans="14:14">
      <c r="N325367" s="10"/>
    </row>
    <row r="325368" spans="14:14">
      <c r="N325368" s="10"/>
    </row>
    <row r="325369" spans="14:14">
      <c r="N325369" s="10"/>
    </row>
    <row r="325370" spans="14:14">
      <c r="N325370" s="10"/>
    </row>
    <row r="325371" spans="14:14">
      <c r="N325371" s="10"/>
    </row>
    <row r="325372" spans="14:14">
      <c r="N325372" s="10"/>
    </row>
    <row r="325373" spans="14:14">
      <c r="N325373" s="10"/>
    </row>
    <row r="325374" spans="14:14">
      <c r="N325374" s="10"/>
    </row>
    <row r="325375" spans="14:14">
      <c r="N325375" s="10"/>
    </row>
    <row r="325376" spans="14:14">
      <c r="N325376" s="10"/>
    </row>
    <row r="325377" spans="14:14">
      <c r="N325377" s="10"/>
    </row>
    <row r="325378" spans="14:14">
      <c r="N325378" s="10"/>
    </row>
    <row r="325379" spans="14:14">
      <c r="N325379" s="10"/>
    </row>
    <row r="325380" spans="14:14">
      <c r="N325380" s="10"/>
    </row>
    <row r="325381" spans="14:14">
      <c r="N325381" s="10"/>
    </row>
    <row r="325382" spans="14:14">
      <c r="N325382" s="10"/>
    </row>
    <row r="325383" spans="14:14">
      <c r="N325383" s="10"/>
    </row>
    <row r="325384" spans="14:14">
      <c r="N325384" s="10"/>
    </row>
    <row r="325385" spans="14:14">
      <c r="N325385" s="10"/>
    </row>
    <row r="325386" spans="14:14">
      <c r="N325386" s="10"/>
    </row>
    <row r="325387" spans="14:14">
      <c r="N325387" s="10"/>
    </row>
    <row r="325388" spans="14:14">
      <c r="N325388" s="10"/>
    </row>
    <row r="325389" spans="14:14">
      <c r="N325389" s="10"/>
    </row>
    <row r="325390" spans="14:14">
      <c r="N325390" s="10"/>
    </row>
    <row r="325391" spans="14:14">
      <c r="N325391" s="10"/>
    </row>
    <row r="325392" spans="14:14">
      <c r="N325392" s="10"/>
    </row>
    <row r="325393" spans="14:14">
      <c r="N325393" s="10"/>
    </row>
    <row r="325394" spans="14:14">
      <c r="N325394" s="10"/>
    </row>
    <row r="325395" spans="14:14">
      <c r="N325395" s="10"/>
    </row>
    <row r="325396" spans="14:14">
      <c r="N325396" s="10"/>
    </row>
    <row r="325397" spans="14:14">
      <c r="N325397" s="10"/>
    </row>
    <row r="325398" spans="14:14">
      <c r="N325398" s="10"/>
    </row>
    <row r="325399" spans="14:14">
      <c r="N325399" s="10"/>
    </row>
    <row r="325400" spans="14:14">
      <c r="N325400" s="10"/>
    </row>
    <row r="325401" spans="14:14">
      <c r="N325401" s="10"/>
    </row>
    <row r="325402" spans="14:14">
      <c r="N325402" s="10"/>
    </row>
    <row r="325403" spans="14:14">
      <c r="N325403" s="10"/>
    </row>
    <row r="325404" spans="14:14">
      <c r="N325404" s="10"/>
    </row>
    <row r="325405" spans="14:14">
      <c r="N325405" s="10"/>
    </row>
    <row r="325406" spans="14:14">
      <c r="N325406" s="10"/>
    </row>
    <row r="325407" spans="14:14">
      <c r="N325407" s="10"/>
    </row>
    <row r="325408" spans="14:14">
      <c r="N325408" s="10"/>
    </row>
    <row r="325409" spans="14:14">
      <c r="N325409" s="10"/>
    </row>
    <row r="325410" spans="14:14">
      <c r="N325410" s="10"/>
    </row>
    <row r="325411" spans="14:14">
      <c r="N325411" s="10"/>
    </row>
    <row r="325412" spans="14:14">
      <c r="N325412" s="10"/>
    </row>
    <row r="325413" spans="14:14">
      <c r="N325413" s="10"/>
    </row>
    <row r="325414" spans="14:14">
      <c r="N325414" s="10"/>
    </row>
    <row r="325415" spans="14:14">
      <c r="N325415" s="10"/>
    </row>
    <row r="325416" spans="14:14">
      <c r="N325416" s="10"/>
    </row>
    <row r="325417" spans="14:14">
      <c r="N325417" s="10"/>
    </row>
    <row r="325418" spans="14:14">
      <c r="N325418" s="10"/>
    </row>
    <row r="325419" spans="14:14">
      <c r="N325419" s="10"/>
    </row>
    <row r="325420" spans="14:14">
      <c r="N325420" s="10"/>
    </row>
    <row r="325421" spans="14:14">
      <c r="N325421" s="10"/>
    </row>
    <row r="325422" spans="14:14">
      <c r="N325422" s="10"/>
    </row>
    <row r="325423" spans="14:14">
      <c r="N325423" s="10"/>
    </row>
    <row r="325424" spans="14:14">
      <c r="N325424" s="10"/>
    </row>
    <row r="325425" spans="14:14">
      <c r="N325425" s="10"/>
    </row>
    <row r="325426" spans="14:14">
      <c r="N325426" s="10"/>
    </row>
    <row r="325427" spans="14:14">
      <c r="N325427" s="10"/>
    </row>
    <row r="325428" spans="14:14">
      <c r="N325428" s="10"/>
    </row>
    <row r="325429" spans="14:14">
      <c r="N325429" s="10"/>
    </row>
    <row r="325430" spans="14:14">
      <c r="N325430" s="10"/>
    </row>
    <row r="325431" spans="14:14">
      <c r="N325431" s="10"/>
    </row>
    <row r="325432" spans="14:14">
      <c r="N325432" s="10"/>
    </row>
    <row r="325433" spans="14:14">
      <c r="N325433" s="10"/>
    </row>
    <row r="325434" spans="14:14">
      <c r="N325434" s="10"/>
    </row>
    <row r="325435" spans="14:14">
      <c r="N325435" s="10"/>
    </row>
    <row r="325436" spans="14:14">
      <c r="N325436" s="10"/>
    </row>
    <row r="325437" spans="14:14">
      <c r="N325437" s="10"/>
    </row>
    <row r="325438" spans="14:14">
      <c r="N325438" s="10"/>
    </row>
    <row r="325439" spans="14:14">
      <c r="N325439" s="10"/>
    </row>
    <row r="325440" spans="14:14">
      <c r="N325440" s="10"/>
    </row>
    <row r="325441" spans="14:14">
      <c r="N325441" s="10"/>
    </row>
    <row r="325442" spans="14:14">
      <c r="N325442" s="10"/>
    </row>
    <row r="325443" spans="14:14">
      <c r="N325443" s="10"/>
    </row>
    <row r="325444" spans="14:14">
      <c r="N325444" s="10"/>
    </row>
    <row r="325445" spans="14:14">
      <c r="N325445" s="10"/>
    </row>
    <row r="325446" spans="14:14">
      <c r="N325446" s="10"/>
    </row>
    <row r="325447" spans="14:14">
      <c r="N325447" s="10"/>
    </row>
    <row r="325448" spans="14:14">
      <c r="N325448" s="10"/>
    </row>
    <row r="325449" spans="14:14">
      <c r="N325449" s="10"/>
    </row>
    <row r="325450" spans="14:14">
      <c r="N325450" s="10"/>
    </row>
    <row r="325451" spans="14:14">
      <c r="N325451" s="10"/>
    </row>
    <row r="325452" spans="14:14">
      <c r="N325452" s="10"/>
    </row>
    <row r="325453" spans="14:14">
      <c r="N325453" s="10"/>
    </row>
    <row r="325454" spans="14:14">
      <c r="N325454" s="10"/>
    </row>
    <row r="325455" spans="14:14">
      <c r="N325455" s="10"/>
    </row>
    <row r="325456" spans="14:14">
      <c r="N325456" s="10"/>
    </row>
    <row r="325457" spans="14:14">
      <c r="N325457" s="10"/>
    </row>
    <row r="325458" spans="14:14">
      <c r="N325458" s="10"/>
    </row>
    <row r="325459" spans="14:14">
      <c r="N325459" s="10"/>
    </row>
    <row r="325460" spans="14:14">
      <c r="N325460" s="10"/>
    </row>
    <row r="325461" spans="14:14">
      <c r="N325461" s="10"/>
    </row>
    <row r="325462" spans="14:14">
      <c r="N325462" s="10"/>
    </row>
    <row r="325463" spans="14:14">
      <c r="N325463" s="10"/>
    </row>
    <row r="325464" spans="14:14">
      <c r="N325464" s="10"/>
    </row>
    <row r="325465" spans="14:14">
      <c r="N325465" s="10"/>
    </row>
    <row r="325466" spans="14:14">
      <c r="N325466" s="10"/>
    </row>
    <row r="325467" spans="14:14">
      <c r="N325467" s="10"/>
    </row>
    <row r="325468" spans="14:14">
      <c r="N325468" s="10"/>
    </row>
    <row r="325469" spans="14:14">
      <c r="N325469" s="10"/>
    </row>
    <row r="325470" spans="14:14">
      <c r="N325470" s="10"/>
    </row>
    <row r="325471" spans="14:14">
      <c r="N325471" s="10"/>
    </row>
    <row r="325472" spans="14:14">
      <c r="N325472" s="10"/>
    </row>
    <row r="325473" spans="14:14">
      <c r="N325473" s="10"/>
    </row>
    <row r="325474" spans="14:14">
      <c r="N325474" s="10"/>
    </row>
    <row r="325475" spans="14:14">
      <c r="N325475" s="10"/>
    </row>
    <row r="325476" spans="14:14">
      <c r="N325476" s="10"/>
    </row>
    <row r="325477" spans="14:14">
      <c r="N325477" s="10"/>
    </row>
    <row r="325478" spans="14:14">
      <c r="N325478" s="10"/>
    </row>
    <row r="325479" spans="14:14">
      <c r="N325479" s="10"/>
    </row>
    <row r="325480" spans="14:14">
      <c r="N325480" s="10"/>
    </row>
    <row r="325481" spans="14:14">
      <c r="N325481" s="10"/>
    </row>
    <row r="325482" spans="14:14">
      <c r="N325482" s="10"/>
    </row>
    <row r="325483" spans="14:14">
      <c r="N325483" s="10"/>
    </row>
    <row r="325484" spans="14:14">
      <c r="N325484" s="10"/>
    </row>
    <row r="325485" spans="14:14">
      <c r="N325485" s="10"/>
    </row>
    <row r="325486" spans="14:14">
      <c r="N325486" s="10"/>
    </row>
    <row r="325487" spans="14:14">
      <c r="N325487" s="10"/>
    </row>
    <row r="325488" spans="14:14">
      <c r="N325488" s="10"/>
    </row>
    <row r="325489" spans="14:14">
      <c r="N325489" s="10"/>
    </row>
    <row r="325490" spans="14:14">
      <c r="N325490" s="10"/>
    </row>
    <row r="325491" spans="14:14">
      <c r="N325491" s="10"/>
    </row>
    <row r="325492" spans="14:14">
      <c r="N325492" s="10"/>
    </row>
    <row r="325493" spans="14:14">
      <c r="N325493" s="10"/>
    </row>
    <row r="325494" spans="14:14">
      <c r="N325494" s="10"/>
    </row>
    <row r="325495" spans="14:14">
      <c r="N325495" s="10"/>
    </row>
    <row r="325496" spans="14:14">
      <c r="N325496" s="10"/>
    </row>
    <row r="325497" spans="14:14">
      <c r="N325497" s="10"/>
    </row>
    <row r="325498" spans="14:14">
      <c r="N325498" s="10"/>
    </row>
    <row r="325499" spans="14:14">
      <c r="N325499" s="10"/>
    </row>
    <row r="325500" spans="14:14">
      <c r="N325500" s="10"/>
    </row>
    <row r="325501" spans="14:14">
      <c r="N325501" s="10"/>
    </row>
    <row r="325502" spans="14:14">
      <c r="N325502" s="10"/>
    </row>
    <row r="325503" spans="14:14">
      <c r="N325503" s="10"/>
    </row>
    <row r="325504" spans="14:14">
      <c r="N325504" s="10"/>
    </row>
    <row r="325505" spans="14:14">
      <c r="N325505" s="10"/>
    </row>
    <row r="325506" spans="14:14">
      <c r="N325506" s="10"/>
    </row>
    <row r="325507" spans="14:14">
      <c r="N325507" s="10"/>
    </row>
    <row r="325508" spans="14:14">
      <c r="N325508" s="10"/>
    </row>
    <row r="325509" spans="14:14">
      <c r="N325509" s="10"/>
    </row>
    <row r="325510" spans="14:14">
      <c r="N325510" s="10"/>
    </row>
    <row r="325511" spans="14:14">
      <c r="N325511" s="10"/>
    </row>
    <row r="325512" spans="14:14">
      <c r="N325512" s="10"/>
    </row>
    <row r="325513" spans="14:14">
      <c r="N325513" s="10"/>
    </row>
    <row r="325514" spans="14:14">
      <c r="N325514" s="10"/>
    </row>
    <row r="325515" spans="14:14">
      <c r="N325515" s="10"/>
    </row>
    <row r="325516" spans="14:14">
      <c r="N325516" s="10"/>
    </row>
    <row r="325517" spans="14:14">
      <c r="N325517" s="10"/>
    </row>
    <row r="325518" spans="14:14">
      <c r="N325518" s="10"/>
    </row>
    <row r="325519" spans="14:14">
      <c r="N325519" s="10"/>
    </row>
    <row r="325520" spans="14:14">
      <c r="N325520" s="10"/>
    </row>
    <row r="325521" spans="14:14">
      <c r="N325521" s="10"/>
    </row>
    <row r="325522" spans="14:14">
      <c r="N325522" s="10"/>
    </row>
    <row r="325523" spans="14:14">
      <c r="N325523" s="10"/>
    </row>
    <row r="325524" spans="14:14">
      <c r="N325524" s="10"/>
    </row>
    <row r="325525" spans="14:14">
      <c r="N325525" s="10"/>
    </row>
    <row r="325526" spans="14:14">
      <c r="N325526" s="10"/>
    </row>
    <row r="325527" spans="14:14">
      <c r="N325527" s="10"/>
    </row>
    <row r="325528" spans="14:14">
      <c r="N325528" s="10"/>
    </row>
    <row r="325529" spans="14:14">
      <c r="N325529" s="10"/>
    </row>
    <row r="325530" spans="14:14">
      <c r="N325530" s="10"/>
    </row>
    <row r="325531" spans="14:14">
      <c r="N325531" s="10"/>
    </row>
    <row r="325532" spans="14:14">
      <c r="N325532" s="10"/>
    </row>
    <row r="325533" spans="14:14">
      <c r="N325533" s="10"/>
    </row>
    <row r="325534" spans="14:14">
      <c r="N325534" s="10"/>
    </row>
    <row r="325535" spans="14:14">
      <c r="N325535" s="10"/>
    </row>
    <row r="325536" spans="14:14">
      <c r="N325536" s="10"/>
    </row>
    <row r="325537" spans="14:14">
      <c r="N325537" s="10"/>
    </row>
    <row r="325538" spans="14:14">
      <c r="N325538" s="10"/>
    </row>
    <row r="325539" spans="14:14">
      <c r="N325539" s="10"/>
    </row>
    <row r="325540" spans="14:14">
      <c r="N325540" s="10"/>
    </row>
    <row r="325541" spans="14:14">
      <c r="N325541" s="10"/>
    </row>
    <row r="325542" spans="14:14">
      <c r="N325542" s="10"/>
    </row>
    <row r="325543" spans="14:14">
      <c r="N325543" s="10"/>
    </row>
    <row r="325544" spans="14:14">
      <c r="N325544" s="10"/>
    </row>
    <row r="325545" spans="14:14">
      <c r="N325545" s="10"/>
    </row>
    <row r="325546" spans="14:14">
      <c r="N325546" s="10"/>
    </row>
    <row r="325547" spans="14:14">
      <c r="N325547" s="10"/>
    </row>
    <row r="325548" spans="14:14">
      <c r="N325548" s="10"/>
    </row>
    <row r="325549" spans="14:14">
      <c r="N325549" s="10"/>
    </row>
    <row r="325550" spans="14:14">
      <c r="N325550" s="10"/>
    </row>
    <row r="325551" spans="14:14">
      <c r="N325551" s="10"/>
    </row>
    <row r="325552" spans="14:14">
      <c r="N325552" s="10"/>
    </row>
    <row r="325553" spans="14:14">
      <c r="N325553" s="10"/>
    </row>
    <row r="325554" spans="14:14">
      <c r="N325554" s="10"/>
    </row>
    <row r="325555" spans="14:14">
      <c r="N325555" s="10"/>
    </row>
    <row r="325556" spans="14:14">
      <c r="N325556" s="10"/>
    </row>
    <row r="325557" spans="14:14">
      <c r="N325557" s="10"/>
    </row>
    <row r="325558" spans="14:14">
      <c r="N325558" s="10"/>
    </row>
    <row r="325559" spans="14:14">
      <c r="N325559" s="10"/>
    </row>
    <row r="325560" spans="14:14">
      <c r="N325560" s="10"/>
    </row>
    <row r="325561" spans="14:14">
      <c r="N325561" s="10"/>
    </row>
    <row r="325562" spans="14:14">
      <c r="N325562" s="10"/>
    </row>
    <row r="325563" spans="14:14">
      <c r="N325563" s="10"/>
    </row>
    <row r="325564" spans="14:14">
      <c r="N325564" s="10"/>
    </row>
    <row r="325565" spans="14:14">
      <c r="N325565" s="10"/>
    </row>
    <row r="325566" spans="14:14">
      <c r="N325566" s="10"/>
    </row>
    <row r="325567" spans="14:14">
      <c r="N325567" s="10"/>
    </row>
    <row r="325568" spans="14:14">
      <c r="N325568" s="10"/>
    </row>
    <row r="325569" spans="14:14">
      <c r="N325569" s="10"/>
    </row>
    <row r="325570" spans="14:14">
      <c r="N325570" s="10"/>
    </row>
    <row r="325571" spans="14:14">
      <c r="N325571" s="10"/>
    </row>
    <row r="325572" spans="14:14">
      <c r="N325572" s="10"/>
    </row>
    <row r="325573" spans="14:14">
      <c r="N325573" s="10"/>
    </row>
    <row r="325574" spans="14:14">
      <c r="N325574" s="10"/>
    </row>
    <row r="325575" spans="14:14">
      <c r="N325575" s="10"/>
    </row>
    <row r="325576" spans="14:14">
      <c r="N325576" s="10"/>
    </row>
    <row r="325577" spans="14:14">
      <c r="N325577" s="10"/>
    </row>
    <row r="325578" spans="14:14">
      <c r="N325578" s="10"/>
    </row>
    <row r="325579" spans="14:14">
      <c r="N325579" s="10"/>
    </row>
    <row r="325580" spans="14:14">
      <c r="N325580" s="10"/>
    </row>
    <row r="325581" spans="14:14">
      <c r="N325581" s="10"/>
    </row>
    <row r="325582" spans="14:14">
      <c r="N325582" s="10"/>
    </row>
    <row r="325583" spans="14:14">
      <c r="N325583" s="10"/>
    </row>
    <row r="325584" spans="14:14">
      <c r="N325584" s="10"/>
    </row>
    <row r="325585" spans="14:14">
      <c r="N325585" s="10"/>
    </row>
    <row r="325586" spans="14:14">
      <c r="N325586" s="10"/>
    </row>
    <row r="325587" spans="14:14">
      <c r="N325587" s="10"/>
    </row>
    <row r="325588" spans="14:14">
      <c r="N325588" s="10"/>
    </row>
    <row r="325589" spans="14:14">
      <c r="N325589" s="10"/>
    </row>
    <row r="325590" spans="14:14">
      <c r="N325590" s="10"/>
    </row>
    <row r="325591" spans="14:14">
      <c r="N325591" s="10"/>
    </row>
    <row r="325592" spans="14:14">
      <c r="N325592" s="10"/>
    </row>
    <row r="325593" spans="14:14">
      <c r="N325593" s="10"/>
    </row>
    <row r="325594" spans="14:14">
      <c r="N325594" s="10"/>
    </row>
    <row r="325595" spans="14:14">
      <c r="N325595" s="10"/>
    </row>
    <row r="325596" spans="14:14">
      <c r="N325596" s="10"/>
    </row>
    <row r="325597" spans="14:14">
      <c r="N325597" s="10"/>
    </row>
    <row r="325598" spans="14:14">
      <c r="N325598" s="10"/>
    </row>
    <row r="325599" spans="14:14">
      <c r="N325599" s="10"/>
    </row>
    <row r="325600" spans="14:14">
      <c r="N325600" s="10"/>
    </row>
    <row r="325601" spans="14:14">
      <c r="N325601" s="10"/>
    </row>
    <row r="325602" spans="14:14">
      <c r="N325602" s="10"/>
    </row>
    <row r="325603" spans="14:14">
      <c r="N325603" s="10"/>
    </row>
    <row r="325604" spans="14:14">
      <c r="N325604" s="10"/>
    </row>
    <row r="325605" spans="14:14">
      <c r="N325605" s="10"/>
    </row>
    <row r="325606" spans="14:14">
      <c r="N325606" s="10"/>
    </row>
    <row r="325607" spans="14:14">
      <c r="N325607" s="10"/>
    </row>
    <row r="325608" spans="14:14">
      <c r="N325608" s="10"/>
    </row>
    <row r="325609" spans="14:14">
      <c r="N325609" s="10"/>
    </row>
    <row r="325610" spans="14:14">
      <c r="N325610" s="10"/>
    </row>
    <row r="325611" spans="14:14">
      <c r="N325611" s="10"/>
    </row>
    <row r="325612" spans="14:14">
      <c r="N325612" s="10"/>
    </row>
    <row r="325613" spans="14:14">
      <c r="N325613" s="10"/>
    </row>
    <row r="325614" spans="14:14">
      <c r="N325614" s="10"/>
    </row>
    <row r="325615" spans="14:14">
      <c r="N325615" s="10"/>
    </row>
    <row r="325616" spans="14:14">
      <c r="N325616" s="10"/>
    </row>
    <row r="325617" spans="14:14">
      <c r="N325617" s="10"/>
    </row>
    <row r="325618" spans="14:14">
      <c r="N325618" s="10"/>
    </row>
    <row r="325619" spans="14:14">
      <c r="N325619" s="10"/>
    </row>
    <row r="325620" spans="14:14">
      <c r="N325620" s="10"/>
    </row>
    <row r="325621" spans="14:14">
      <c r="N325621" s="10"/>
    </row>
    <row r="325622" spans="14:14">
      <c r="N325622" s="10"/>
    </row>
    <row r="325623" spans="14:14">
      <c r="N325623" s="10"/>
    </row>
    <row r="325624" spans="14:14">
      <c r="N325624" s="10"/>
    </row>
    <row r="325625" spans="14:14">
      <c r="N325625" s="10"/>
    </row>
    <row r="325626" spans="14:14">
      <c r="N325626" s="10"/>
    </row>
    <row r="325627" spans="14:14">
      <c r="N325627" s="10"/>
    </row>
    <row r="325628" spans="14:14">
      <c r="N325628" s="10"/>
    </row>
    <row r="325629" spans="14:14">
      <c r="N325629" s="10"/>
    </row>
    <row r="325630" spans="14:14">
      <c r="N325630" s="10"/>
    </row>
    <row r="325631" spans="14:14">
      <c r="N325631" s="10"/>
    </row>
    <row r="325632" spans="14:14">
      <c r="N325632" s="10"/>
    </row>
    <row r="325633" spans="14:14">
      <c r="N325633" s="10"/>
    </row>
    <row r="325634" spans="14:14">
      <c r="N325634" s="10"/>
    </row>
    <row r="325635" spans="14:14">
      <c r="N325635" s="10"/>
    </row>
    <row r="325636" spans="14:14">
      <c r="N325636" s="10"/>
    </row>
    <row r="325637" spans="14:14">
      <c r="N325637" s="10"/>
    </row>
    <row r="325638" spans="14:14">
      <c r="N325638" s="10"/>
    </row>
    <row r="325639" spans="14:14">
      <c r="N325639" s="10"/>
    </row>
    <row r="325640" spans="14:14">
      <c r="N325640" s="10"/>
    </row>
    <row r="325641" spans="14:14">
      <c r="N325641" s="10"/>
    </row>
    <row r="325642" spans="14:14">
      <c r="N325642" s="10"/>
    </row>
    <row r="325643" spans="14:14">
      <c r="N325643" s="10"/>
    </row>
    <row r="325644" spans="14:14">
      <c r="N325644" s="10"/>
    </row>
    <row r="325645" spans="14:14">
      <c r="N325645" s="10"/>
    </row>
    <row r="325646" spans="14:14">
      <c r="N325646" s="10"/>
    </row>
    <row r="325647" spans="14:14">
      <c r="N325647" s="10"/>
    </row>
    <row r="325648" spans="14:14">
      <c r="N325648" s="10"/>
    </row>
    <row r="325649" spans="14:14">
      <c r="N325649" s="10"/>
    </row>
    <row r="325650" spans="14:14">
      <c r="N325650" s="10"/>
    </row>
    <row r="325651" spans="14:14">
      <c r="N325651" s="10"/>
    </row>
    <row r="325652" spans="14:14">
      <c r="N325652" s="10"/>
    </row>
    <row r="325653" spans="14:14">
      <c r="N325653" s="10"/>
    </row>
    <row r="325654" spans="14:14">
      <c r="N325654" s="10"/>
    </row>
    <row r="325655" spans="14:14">
      <c r="N325655" s="10"/>
    </row>
    <row r="325656" spans="14:14">
      <c r="N325656" s="10"/>
    </row>
    <row r="325657" spans="14:14">
      <c r="N325657" s="10"/>
    </row>
    <row r="325658" spans="14:14">
      <c r="N325658" s="10"/>
    </row>
    <row r="325659" spans="14:14">
      <c r="N325659" s="10"/>
    </row>
    <row r="325660" spans="14:14">
      <c r="N325660" s="10"/>
    </row>
    <row r="325661" spans="14:14">
      <c r="N325661" s="10"/>
    </row>
    <row r="325662" spans="14:14">
      <c r="N325662" s="10"/>
    </row>
    <row r="325663" spans="14:14">
      <c r="N325663" s="10"/>
    </row>
    <row r="325664" spans="14:14">
      <c r="N325664" s="10"/>
    </row>
    <row r="325665" spans="14:14">
      <c r="N325665" s="10"/>
    </row>
    <row r="325666" spans="14:14">
      <c r="N325666" s="10"/>
    </row>
    <row r="325667" spans="14:14">
      <c r="N325667" s="10"/>
    </row>
    <row r="325668" spans="14:14">
      <c r="N325668" s="10"/>
    </row>
    <row r="325669" spans="14:14">
      <c r="N325669" s="10"/>
    </row>
    <row r="325670" spans="14:14">
      <c r="N325670" s="10"/>
    </row>
    <row r="325671" spans="14:14">
      <c r="N325671" s="10"/>
    </row>
    <row r="325672" spans="14:14">
      <c r="N325672" s="10"/>
    </row>
    <row r="325673" spans="14:14">
      <c r="N325673" s="10"/>
    </row>
    <row r="325674" spans="14:14">
      <c r="N325674" s="10"/>
    </row>
    <row r="325675" spans="14:14">
      <c r="N325675" s="10"/>
    </row>
    <row r="325676" spans="14:14">
      <c r="N325676" s="10"/>
    </row>
    <row r="325677" spans="14:14">
      <c r="N325677" s="10"/>
    </row>
    <row r="325678" spans="14:14">
      <c r="N325678" s="10"/>
    </row>
    <row r="325679" spans="14:14">
      <c r="N325679" s="10"/>
    </row>
    <row r="325680" spans="14:14">
      <c r="N325680" s="10"/>
    </row>
    <row r="325681" spans="14:14">
      <c r="N325681" s="10"/>
    </row>
    <row r="325682" spans="14:14">
      <c r="N325682" s="10"/>
    </row>
    <row r="325683" spans="14:14">
      <c r="N325683" s="10"/>
    </row>
    <row r="325684" spans="14:14">
      <c r="N325684" s="10"/>
    </row>
    <row r="325685" spans="14:14">
      <c r="N325685" s="10"/>
    </row>
    <row r="325686" spans="14:14">
      <c r="N325686" s="10"/>
    </row>
    <row r="325687" spans="14:14">
      <c r="N325687" s="10"/>
    </row>
    <row r="325688" spans="14:14">
      <c r="N325688" s="10"/>
    </row>
    <row r="325689" spans="14:14">
      <c r="N325689" s="10"/>
    </row>
    <row r="325690" spans="14:14">
      <c r="N325690" s="10"/>
    </row>
    <row r="325691" spans="14:14">
      <c r="N325691" s="10"/>
    </row>
    <row r="325692" spans="14:14">
      <c r="N325692" s="10"/>
    </row>
    <row r="325693" spans="14:14">
      <c r="N325693" s="10"/>
    </row>
    <row r="325694" spans="14:14">
      <c r="N325694" s="10"/>
    </row>
    <row r="325695" spans="14:14">
      <c r="N325695" s="10"/>
    </row>
    <row r="325696" spans="14:14">
      <c r="N325696" s="10"/>
    </row>
    <row r="325697" spans="14:14">
      <c r="N325697" s="10"/>
    </row>
    <row r="325698" spans="14:14">
      <c r="N325698" s="10"/>
    </row>
    <row r="325699" spans="14:14">
      <c r="N325699" s="10"/>
    </row>
    <row r="325700" spans="14:14">
      <c r="N325700" s="10"/>
    </row>
    <row r="325701" spans="14:14">
      <c r="N325701" s="10"/>
    </row>
    <row r="325702" spans="14:14">
      <c r="N325702" s="10"/>
    </row>
    <row r="325703" spans="14:14">
      <c r="N325703" s="10"/>
    </row>
    <row r="325704" spans="14:14">
      <c r="N325704" s="10"/>
    </row>
    <row r="325705" spans="14:14">
      <c r="N325705" s="10"/>
    </row>
    <row r="325706" spans="14:14">
      <c r="N325706" s="10"/>
    </row>
    <row r="325707" spans="14:14">
      <c r="N325707" s="10"/>
    </row>
    <row r="325708" spans="14:14">
      <c r="N325708" s="10"/>
    </row>
    <row r="325709" spans="14:14">
      <c r="N325709" s="10"/>
    </row>
    <row r="325710" spans="14:14">
      <c r="N325710" s="10"/>
    </row>
    <row r="325711" spans="14:14">
      <c r="N325711" s="10"/>
    </row>
    <row r="325712" spans="14:14">
      <c r="N325712" s="10"/>
    </row>
    <row r="325713" spans="14:14">
      <c r="N325713" s="10"/>
    </row>
    <row r="325714" spans="14:14">
      <c r="N325714" s="10"/>
    </row>
    <row r="325715" spans="14:14">
      <c r="N325715" s="10"/>
    </row>
    <row r="325716" spans="14:14">
      <c r="N325716" s="10"/>
    </row>
    <row r="325717" spans="14:14">
      <c r="N325717" s="10"/>
    </row>
    <row r="325718" spans="14:14">
      <c r="N325718" s="10"/>
    </row>
    <row r="325719" spans="14:14">
      <c r="N325719" s="10"/>
    </row>
    <row r="325720" spans="14:14">
      <c r="N325720" s="10"/>
    </row>
    <row r="325721" spans="14:14">
      <c r="N325721" s="10"/>
    </row>
    <row r="325722" spans="14:14">
      <c r="N325722" s="10"/>
    </row>
    <row r="325723" spans="14:14">
      <c r="N325723" s="10"/>
    </row>
    <row r="325724" spans="14:14">
      <c r="N325724" s="10"/>
    </row>
    <row r="325725" spans="14:14">
      <c r="N325725" s="10"/>
    </row>
    <row r="325726" spans="14:14">
      <c r="N325726" s="10"/>
    </row>
    <row r="325727" spans="14:14">
      <c r="N325727" s="10"/>
    </row>
    <row r="325728" spans="14:14">
      <c r="N325728" s="10"/>
    </row>
    <row r="325729" spans="14:14">
      <c r="N325729" s="10"/>
    </row>
    <row r="325730" spans="14:14">
      <c r="N325730" s="10"/>
    </row>
    <row r="325731" spans="14:14">
      <c r="N325731" s="10"/>
    </row>
    <row r="325732" spans="14:14">
      <c r="N325732" s="10"/>
    </row>
    <row r="325733" spans="14:14">
      <c r="N325733" s="10"/>
    </row>
    <row r="325734" spans="14:14">
      <c r="N325734" s="10"/>
    </row>
    <row r="325735" spans="14:14">
      <c r="N325735" s="10"/>
    </row>
    <row r="325736" spans="14:14">
      <c r="N325736" s="10"/>
    </row>
    <row r="325737" spans="14:14">
      <c r="N325737" s="10"/>
    </row>
    <row r="325738" spans="14:14">
      <c r="N325738" s="10"/>
    </row>
    <row r="325739" spans="14:14">
      <c r="N325739" s="10"/>
    </row>
    <row r="325740" spans="14:14">
      <c r="N325740" s="10"/>
    </row>
    <row r="325741" spans="14:14">
      <c r="N325741" s="10"/>
    </row>
    <row r="325742" spans="14:14">
      <c r="N325742" s="10"/>
    </row>
    <row r="325743" spans="14:14">
      <c r="N325743" s="10"/>
    </row>
    <row r="325744" spans="14:14">
      <c r="N325744" s="10"/>
    </row>
    <row r="325745" spans="14:14">
      <c r="N325745" s="10"/>
    </row>
    <row r="325746" spans="14:14">
      <c r="N325746" s="10"/>
    </row>
    <row r="325747" spans="14:14">
      <c r="N325747" s="10"/>
    </row>
    <row r="325748" spans="14:14">
      <c r="N325748" s="10"/>
    </row>
    <row r="325749" spans="14:14">
      <c r="N325749" s="10"/>
    </row>
    <row r="325750" spans="14:14">
      <c r="N325750" s="10"/>
    </row>
    <row r="325751" spans="14:14">
      <c r="N325751" s="10"/>
    </row>
    <row r="325752" spans="14:14">
      <c r="N325752" s="10"/>
    </row>
    <row r="325753" spans="14:14">
      <c r="N325753" s="10"/>
    </row>
    <row r="325754" spans="14:14">
      <c r="N325754" s="10"/>
    </row>
    <row r="325755" spans="14:14">
      <c r="N325755" s="10"/>
    </row>
    <row r="325756" spans="14:14">
      <c r="N325756" s="10"/>
    </row>
    <row r="325757" spans="14:14">
      <c r="N325757" s="10"/>
    </row>
    <row r="325758" spans="14:14">
      <c r="N325758" s="10"/>
    </row>
    <row r="325759" spans="14:14">
      <c r="N325759" s="10"/>
    </row>
    <row r="325760" spans="14:14">
      <c r="N325760" s="10"/>
    </row>
    <row r="325761" spans="14:14">
      <c r="N325761" s="10"/>
    </row>
    <row r="325762" spans="14:14">
      <c r="N325762" s="10"/>
    </row>
    <row r="325763" spans="14:14">
      <c r="N325763" s="10"/>
    </row>
    <row r="325764" spans="14:14">
      <c r="N325764" s="10"/>
    </row>
    <row r="325765" spans="14:14">
      <c r="N325765" s="10"/>
    </row>
    <row r="325766" spans="14:14">
      <c r="N325766" s="10"/>
    </row>
    <row r="325767" spans="14:14">
      <c r="N325767" s="10"/>
    </row>
    <row r="325768" spans="14:14">
      <c r="N325768" s="10"/>
    </row>
    <row r="325769" spans="14:14">
      <c r="N325769" s="10"/>
    </row>
    <row r="325770" spans="14:14">
      <c r="N325770" s="10"/>
    </row>
    <row r="325771" spans="14:14">
      <c r="N325771" s="10"/>
    </row>
    <row r="325772" spans="14:14">
      <c r="N325772" s="10"/>
    </row>
    <row r="325773" spans="14:14">
      <c r="N325773" s="10"/>
    </row>
    <row r="325774" spans="14:14">
      <c r="N325774" s="10"/>
    </row>
    <row r="325775" spans="14:14">
      <c r="N325775" s="10"/>
    </row>
    <row r="325776" spans="14:14">
      <c r="N325776" s="10"/>
    </row>
    <row r="325777" spans="14:14">
      <c r="N325777" s="10"/>
    </row>
    <row r="325778" spans="14:14">
      <c r="N325778" s="10"/>
    </row>
    <row r="325779" spans="14:14">
      <c r="N325779" s="10"/>
    </row>
    <row r="325780" spans="14:14">
      <c r="N325780" s="10"/>
    </row>
    <row r="325781" spans="14:14">
      <c r="N325781" s="10"/>
    </row>
    <row r="325782" spans="14:14">
      <c r="N325782" s="10"/>
    </row>
    <row r="325783" spans="14:14">
      <c r="N325783" s="10"/>
    </row>
    <row r="325784" spans="14:14">
      <c r="N325784" s="10"/>
    </row>
    <row r="325785" spans="14:14">
      <c r="N325785" s="10"/>
    </row>
    <row r="325786" spans="14:14">
      <c r="N325786" s="10"/>
    </row>
    <row r="325787" spans="14:14">
      <c r="N325787" s="10"/>
    </row>
    <row r="325788" spans="14:14">
      <c r="N325788" s="10"/>
    </row>
    <row r="325789" spans="14:14">
      <c r="N325789" s="10"/>
    </row>
    <row r="325790" spans="14:14">
      <c r="N325790" s="10"/>
    </row>
    <row r="325791" spans="14:14">
      <c r="N325791" s="10"/>
    </row>
    <row r="325792" spans="14:14">
      <c r="N325792" s="10"/>
    </row>
    <row r="325793" spans="14:14">
      <c r="N325793" s="10"/>
    </row>
    <row r="325794" spans="14:14">
      <c r="N325794" s="10"/>
    </row>
    <row r="325795" spans="14:14">
      <c r="N325795" s="10"/>
    </row>
    <row r="325796" spans="14:14">
      <c r="N325796" s="10"/>
    </row>
    <row r="325797" spans="14:14">
      <c r="N325797" s="10"/>
    </row>
    <row r="325798" spans="14:14">
      <c r="N325798" s="10"/>
    </row>
    <row r="325799" spans="14:14">
      <c r="N325799" s="10"/>
    </row>
    <row r="325800" spans="14:14">
      <c r="N325800" s="10"/>
    </row>
    <row r="325801" spans="14:14">
      <c r="N325801" s="10"/>
    </row>
    <row r="325802" spans="14:14">
      <c r="N325802" s="10"/>
    </row>
    <row r="325803" spans="14:14">
      <c r="N325803" s="10"/>
    </row>
    <row r="325804" spans="14:14">
      <c r="N325804" s="10"/>
    </row>
    <row r="325805" spans="14:14">
      <c r="N325805" s="10"/>
    </row>
    <row r="325806" spans="14:14">
      <c r="N325806" s="10"/>
    </row>
    <row r="325807" spans="14:14">
      <c r="N325807" s="10"/>
    </row>
    <row r="325808" spans="14:14">
      <c r="N325808" s="10"/>
    </row>
    <row r="325809" spans="14:14">
      <c r="N325809" s="10"/>
    </row>
    <row r="325810" spans="14:14">
      <c r="N325810" s="10"/>
    </row>
    <row r="325811" spans="14:14">
      <c r="N325811" s="10"/>
    </row>
    <row r="325812" spans="14:14">
      <c r="N325812" s="10"/>
    </row>
    <row r="325813" spans="14:14">
      <c r="N325813" s="10"/>
    </row>
    <row r="325814" spans="14:14">
      <c r="N325814" s="10"/>
    </row>
    <row r="325815" spans="14:14">
      <c r="N325815" s="10"/>
    </row>
    <row r="325816" spans="14:14">
      <c r="N325816" s="10"/>
    </row>
    <row r="325817" spans="14:14">
      <c r="N325817" s="10"/>
    </row>
    <row r="325818" spans="14:14">
      <c r="N325818" s="10"/>
    </row>
    <row r="325819" spans="14:14">
      <c r="N325819" s="10"/>
    </row>
    <row r="325820" spans="14:14">
      <c r="N325820" s="10"/>
    </row>
    <row r="325821" spans="14:14">
      <c r="N325821" s="10"/>
    </row>
    <row r="325822" spans="14:14">
      <c r="N325822" s="10"/>
    </row>
    <row r="325823" spans="14:14">
      <c r="N325823" s="10"/>
    </row>
    <row r="325824" spans="14:14">
      <c r="N325824" s="10"/>
    </row>
    <row r="325825" spans="14:14">
      <c r="N325825" s="10"/>
    </row>
    <row r="325826" spans="14:14">
      <c r="N325826" s="10"/>
    </row>
    <row r="325827" spans="14:14">
      <c r="N325827" s="10"/>
    </row>
    <row r="325828" spans="14:14">
      <c r="N325828" s="10"/>
    </row>
    <row r="325829" spans="14:14">
      <c r="N325829" s="10"/>
    </row>
    <row r="325830" spans="14:14">
      <c r="N325830" s="10"/>
    </row>
    <row r="325831" spans="14:14">
      <c r="N325831" s="10"/>
    </row>
    <row r="325832" spans="14:14">
      <c r="N325832" s="10"/>
    </row>
    <row r="325833" spans="14:14">
      <c r="N325833" s="10"/>
    </row>
    <row r="325834" spans="14:14">
      <c r="N325834" s="10"/>
    </row>
    <row r="325835" spans="14:14">
      <c r="N325835" s="10"/>
    </row>
    <row r="325836" spans="14:14">
      <c r="N325836" s="10"/>
    </row>
    <row r="325837" spans="14:14">
      <c r="N325837" s="10"/>
    </row>
    <row r="325838" spans="14:14">
      <c r="N325838" s="10"/>
    </row>
    <row r="325839" spans="14:14">
      <c r="N325839" s="10"/>
    </row>
    <row r="325840" spans="14:14">
      <c r="N325840" s="10"/>
    </row>
    <row r="325841" spans="14:14">
      <c r="N325841" s="10"/>
    </row>
    <row r="325842" spans="14:14">
      <c r="N325842" s="10"/>
    </row>
    <row r="325843" spans="14:14">
      <c r="N325843" s="10"/>
    </row>
    <row r="325844" spans="14:14">
      <c r="N325844" s="10"/>
    </row>
    <row r="325845" spans="14:14">
      <c r="N325845" s="10"/>
    </row>
    <row r="325846" spans="14:14">
      <c r="N325846" s="10"/>
    </row>
    <row r="325847" spans="14:14">
      <c r="N325847" s="10"/>
    </row>
    <row r="325848" spans="14:14">
      <c r="N325848" s="10"/>
    </row>
    <row r="325849" spans="14:14">
      <c r="N325849" s="10"/>
    </row>
    <row r="325850" spans="14:14">
      <c r="N325850" s="10"/>
    </row>
    <row r="325851" spans="14:14">
      <c r="N325851" s="10"/>
    </row>
    <row r="325852" spans="14:14">
      <c r="N325852" s="10"/>
    </row>
    <row r="325853" spans="14:14">
      <c r="N325853" s="10"/>
    </row>
    <row r="325854" spans="14:14">
      <c r="N325854" s="10"/>
    </row>
    <row r="325855" spans="14:14">
      <c r="N325855" s="10"/>
    </row>
    <row r="325856" spans="14:14">
      <c r="N325856" s="10"/>
    </row>
    <row r="325857" spans="14:14">
      <c r="N325857" s="10"/>
    </row>
    <row r="325858" spans="14:14">
      <c r="N325858" s="10"/>
    </row>
    <row r="325859" spans="14:14">
      <c r="N325859" s="10"/>
    </row>
    <row r="325860" spans="14:14">
      <c r="N325860" s="10"/>
    </row>
    <row r="325861" spans="14:14">
      <c r="N325861" s="10"/>
    </row>
    <row r="325862" spans="14:14">
      <c r="N325862" s="10"/>
    </row>
    <row r="325863" spans="14:14">
      <c r="N325863" s="10"/>
    </row>
    <row r="325864" spans="14:14">
      <c r="N325864" s="10"/>
    </row>
    <row r="325865" spans="14:14">
      <c r="N325865" s="10"/>
    </row>
    <row r="325866" spans="14:14">
      <c r="N325866" s="10"/>
    </row>
    <row r="325867" spans="14:14">
      <c r="N325867" s="10"/>
    </row>
    <row r="325868" spans="14:14">
      <c r="N325868" s="10"/>
    </row>
    <row r="325869" spans="14:14">
      <c r="N325869" s="10"/>
    </row>
    <row r="325870" spans="14:14">
      <c r="N325870" s="10"/>
    </row>
    <row r="325871" spans="14:14">
      <c r="N325871" s="10"/>
    </row>
    <row r="325872" spans="14:14">
      <c r="N325872" s="10"/>
    </row>
    <row r="325873" spans="14:14">
      <c r="N325873" s="10"/>
    </row>
    <row r="325874" spans="14:14">
      <c r="N325874" s="10"/>
    </row>
    <row r="325875" spans="14:14">
      <c r="N325875" s="10"/>
    </row>
    <row r="325876" spans="14:14">
      <c r="N325876" s="10"/>
    </row>
    <row r="325877" spans="14:14">
      <c r="N325877" s="10"/>
    </row>
    <row r="325878" spans="14:14">
      <c r="N325878" s="10"/>
    </row>
    <row r="325879" spans="14:14">
      <c r="N325879" s="10"/>
    </row>
    <row r="325880" spans="14:14">
      <c r="N325880" s="10"/>
    </row>
    <row r="325881" spans="14:14">
      <c r="N325881" s="10"/>
    </row>
    <row r="325882" spans="14:14">
      <c r="N325882" s="10"/>
    </row>
    <row r="325883" spans="14:14">
      <c r="N325883" s="10"/>
    </row>
    <row r="325884" spans="14:14">
      <c r="N325884" s="10"/>
    </row>
    <row r="325885" spans="14:14">
      <c r="N325885" s="10"/>
    </row>
    <row r="325886" spans="14:14">
      <c r="N325886" s="10"/>
    </row>
    <row r="325887" spans="14:14">
      <c r="N325887" s="10"/>
    </row>
    <row r="325888" spans="14:14">
      <c r="N325888" s="10"/>
    </row>
    <row r="325889" spans="14:14">
      <c r="N325889" s="10"/>
    </row>
    <row r="325890" spans="14:14">
      <c r="N325890" s="10"/>
    </row>
    <row r="325891" spans="14:14">
      <c r="N325891" s="10"/>
    </row>
    <row r="325892" spans="14:14">
      <c r="N325892" s="10"/>
    </row>
    <row r="325893" spans="14:14">
      <c r="N325893" s="10"/>
    </row>
    <row r="325894" spans="14:14">
      <c r="N325894" s="10"/>
    </row>
    <row r="325895" spans="14:14">
      <c r="N325895" s="10"/>
    </row>
    <row r="325896" spans="14:14">
      <c r="N325896" s="10"/>
    </row>
    <row r="325897" spans="14:14">
      <c r="N325897" s="10"/>
    </row>
    <row r="325898" spans="14:14">
      <c r="N325898" s="10"/>
    </row>
    <row r="325899" spans="14:14">
      <c r="N325899" s="10"/>
    </row>
    <row r="325900" spans="14:14">
      <c r="N325900" s="10"/>
    </row>
    <row r="325901" spans="14:14">
      <c r="N325901" s="10"/>
    </row>
    <row r="325902" spans="14:14">
      <c r="N325902" s="10"/>
    </row>
    <row r="325903" spans="14:14">
      <c r="N325903" s="10"/>
    </row>
    <row r="325904" spans="14:14">
      <c r="N325904" s="10"/>
    </row>
    <row r="325905" spans="14:14">
      <c r="N325905" s="10"/>
    </row>
    <row r="325906" spans="14:14">
      <c r="N325906" s="10"/>
    </row>
    <row r="325907" spans="14:14">
      <c r="N325907" s="10"/>
    </row>
    <row r="325908" spans="14:14">
      <c r="N325908" s="10"/>
    </row>
    <row r="325909" spans="14:14">
      <c r="N325909" s="10"/>
    </row>
    <row r="325910" spans="14:14">
      <c r="N325910" s="10"/>
    </row>
    <row r="325911" spans="14:14">
      <c r="N325911" s="10"/>
    </row>
    <row r="325912" spans="14:14">
      <c r="N325912" s="10"/>
    </row>
    <row r="325913" spans="14:14">
      <c r="N325913" s="10"/>
    </row>
    <row r="325914" spans="14:14">
      <c r="N325914" s="10"/>
    </row>
    <row r="325915" spans="14:14">
      <c r="N325915" s="10"/>
    </row>
    <row r="325916" spans="14:14">
      <c r="N325916" s="10"/>
    </row>
    <row r="325917" spans="14:14">
      <c r="N325917" s="10"/>
    </row>
    <row r="325918" spans="14:14">
      <c r="N325918" s="10"/>
    </row>
    <row r="325919" spans="14:14">
      <c r="N325919" s="10"/>
    </row>
    <row r="325920" spans="14:14">
      <c r="N325920" s="10"/>
    </row>
    <row r="325921" spans="14:14">
      <c r="N325921" s="10"/>
    </row>
    <row r="325922" spans="14:14">
      <c r="N325922" s="10"/>
    </row>
    <row r="325923" spans="14:14">
      <c r="N325923" s="10"/>
    </row>
    <row r="325924" spans="14:14">
      <c r="N325924" s="10"/>
    </row>
    <row r="325925" spans="14:14">
      <c r="N325925" s="10"/>
    </row>
    <row r="325926" spans="14:14">
      <c r="N325926" s="10"/>
    </row>
    <row r="325927" spans="14:14">
      <c r="N325927" s="10"/>
    </row>
    <row r="325928" spans="14:14">
      <c r="N325928" s="10"/>
    </row>
    <row r="325929" spans="14:14">
      <c r="N325929" s="10"/>
    </row>
    <row r="325930" spans="14:14">
      <c r="N325930" s="10"/>
    </row>
    <row r="325931" spans="14:14">
      <c r="N325931" s="10"/>
    </row>
    <row r="325932" spans="14:14">
      <c r="N325932" s="10"/>
    </row>
    <row r="325933" spans="14:14">
      <c r="N325933" s="10"/>
    </row>
    <row r="325934" spans="14:14">
      <c r="N325934" s="10"/>
    </row>
    <row r="325935" spans="14:14">
      <c r="N325935" s="10"/>
    </row>
    <row r="325936" spans="14:14">
      <c r="N325936" s="10"/>
    </row>
    <row r="325937" spans="14:14">
      <c r="N325937" s="10"/>
    </row>
    <row r="325938" spans="14:14">
      <c r="N325938" s="10"/>
    </row>
    <row r="325939" spans="14:14">
      <c r="N325939" s="10"/>
    </row>
    <row r="325940" spans="14:14">
      <c r="N325940" s="10"/>
    </row>
    <row r="325941" spans="14:14">
      <c r="N325941" s="10"/>
    </row>
    <row r="325942" spans="14:14">
      <c r="N325942" s="10"/>
    </row>
    <row r="325943" spans="14:14">
      <c r="N325943" s="10"/>
    </row>
    <row r="325944" spans="14:14">
      <c r="N325944" s="10"/>
    </row>
    <row r="325945" spans="14:14">
      <c r="N325945" s="10"/>
    </row>
    <row r="325946" spans="14:14">
      <c r="N325946" s="10"/>
    </row>
    <row r="325947" spans="14:14">
      <c r="N325947" s="10"/>
    </row>
    <row r="325948" spans="14:14">
      <c r="N325948" s="10"/>
    </row>
    <row r="325949" spans="14:14">
      <c r="N325949" s="10"/>
    </row>
    <row r="325950" spans="14:14">
      <c r="N325950" s="10"/>
    </row>
    <row r="325951" spans="14:14">
      <c r="N325951" s="10"/>
    </row>
    <row r="325952" spans="14:14">
      <c r="N325952" s="10"/>
    </row>
    <row r="325953" spans="14:14">
      <c r="N325953" s="10"/>
    </row>
    <row r="325954" spans="14:14">
      <c r="N325954" s="10"/>
    </row>
    <row r="325955" spans="14:14">
      <c r="N325955" s="10"/>
    </row>
    <row r="325956" spans="14:14">
      <c r="N325956" s="10"/>
    </row>
    <row r="325957" spans="14:14">
      <c r="N325957" s="10"/>
    </row>
    <row r="325958" spans="14:14">
      <c r="N325958" s="10"/>
    </row>
    <row r="325959" spans="14:14">
      <c r="N325959" s="10"/>
    </row>
    <row r="325960" spans="14:14">
      <c r="N325960" s="10"/>
    </row>
    <row r="325961" spans="14:14">
      <c r="N325961" s="10"/>
    </row>
    <row r="325962" spans="14:14">
      <c r="N325962" s="10"/>
    </row>
    <row r="325963" spans="14:14">
      <c r="N325963" s="10"/>
    </row>
    <row r="325964" spans="14:14">
      <c r="N325964" s="10"/>
    </row>
    <row r="325965" spans="14:14">
      <c r="N325965" s="10"/>
    </row>
    <row r="325966" spans="14:14">
      <c r="N325966" s="10"/>
    </row>
    <row r="325967" spans="14:14">
      <c r="N325967" s="10"/>
    </row>
    <row r="325968" spans="14:14">
      <c r="N325968" s="10"/>
    </row>
    <row r="325969" spans="14:14">
      <c r="N325969" s="10"/>
    </row>
    <row r="325970" spans="14:14">
      <c r="N325970" s="10"/>
    </row>
    <row r="325971" spans="14:14">
      <c r="N325971" s="10"/>
    </row>
    <row r="325972" spans="14:14">
      <c r="N325972" s="10"/>
    </row>
    <row r="325973" spans="14:14">
      <c r="N325973" s="10"/>
    </row>
    <row r="325974" spans="14:14">
      <c r="N325974" s="10"/>
    </row>
    <row r="325975" spans="14:14">
      <c r="N325975" s="10"/>
    </row>
    <row r="325976" spans="14:14">
      <c r="N325976" s="10"/>
    </row>
    <row r="325977" spans="14:14">
      <c r="N325977" s="10"/>
    </row>
    <row r="325978" spans="14:14">
      <c r="N325978" s="10"/>
    </row>
    <row r="325979" spans="14:14">
      <c r="N325979" s="10"/>
    </row>
    <row r="325980" spans="14:14">
      <c r="N325980" s="10"/>
    </row>
    <row r="325981" spans="14:14">
      <c r="N325981" s="10"/>
    </row>
    <row r="325982" spans="14:14">
      <c r="N325982" s="10"/>
    </row>
    <row r="325983" spans="14:14">
      <c r="N325983" s="10"/>
    </row>
    <row r="325984" spans="14:14">
      <c r="N325984" s="10"/>
    </row>
    <row r="325985" spans="14:14">
      <c r="N325985" s="10"/>
    </row>
    <row r="325986" spans="14:14">
      <c r="N325986" s="10"/>
    </row>
    <row r="325987" spans="14:14">
      <c r="N325987" s="10"/>
    </row>
    <row r="325988" spans="14:14">
      <c r="N325988" s="10"/>
    </row>
    <row r="325989" spans="14:14">
      <c r="N325989" s="10"/>
    </row>
    <row r="325990" spans="14:14">
      <c r="N325990" s="10"/>
    </row>
    <row r="325991" spans="14:14">
      <c r="N325991" s="10"/>
    </row>
    <row r="325992" spans="14:14">
      <c r="N325992" s="10"/>
    </row>
    <row r="325993" spans="14:14">
      <c r="N325993" s="10"/>
    </row>
    <row r="325994" spans="14:14">
      <c r="N325994" s="10"/>
    </row>
    <row r="325995" spans="14:14">
      <c r="N325995" s="10"/>
    </row>
    <row r="325996" spans="14:14">
      <c r="N325996" s="10"/>
    </row>
    <row r="325997" spans="14:14">
      <c r="N325997" s="10"/>
    </row>
    <row r="325998" spans="14:14">
      <c r="N325998" s="10"/>
    </row>
    <row r="325999" spans="14:14">
      <c r="N325999" s="10"/>
    </row>
    <row r="326000" spans="14:14">
      <c r="N326000" s="10"/>
    </row>
    <row r="326001" spans="14:14">
      <c r="N326001" s="10"/>
    </row>
    <row r="326002" spans="14:14">
      <c r="N326002" s="10"/>
    </row>
    <row r="326003" spans="14:14">
      <c r="N326003" s="10"/>
    </row>
    <row r="326004" spans="14:14">
      <c r="N326004" s="10"/>
    </row>
    <row r="326005" spans="14:14">
      <c r="N326005" s="10"/>
    </row>
    <row r="326006" spans="14:14">
      <c r="N326006" s="10"/>
    </row>
    <row r="326007" spans="14:14">
      <c r="N326007" s="10"/>
    </row>
    <row r="326008" spans="14:14">
      <c r="N326008" s="10"/>
    </row>
    <row r="326009" spans="14:14">
      <c r="N326009" s="10"/>
    </row>
    <row r="326010" spans="14:14">
      <c r="N326010" s="10"/>
    </row>
    <row r="326011" spans="14:14">
      <c r="N326011" s="10"/>
    </row>
    <row r="326012" spans="14:14">
      <c r="N326012" s="10"/>
    </row>
    <row r="326013" spans="14:14">
      <c r="N326013" s="10"/>
    </row>
    <row r="326014" spans="14:14">
      <c r="N326014" s="10"/>
    </row>
    <row r="326015" spans="14:14">
      <c r="N326015" s="10"/>
    </row>
    <row r="326016" spans="14:14">
      <c r="N326016" s="10"/>
    </row>
    <row r="326017" spans="14:14">
      <c r="N326017" s="10"/>
    </row>
    <row r="326018" spans="14:14">
      <c r="N326018" s="10"/>
    </row>
    <row r="326019" spans="14:14">
      <c r="N326019" s="10"/>
    </row>
    <row r="326020" spans="14:14">
      <c r="N326020" s="10"/>
    </row>
    <row r="326021" spans="14:14">
      <c r="N326021" s="10"/>
    </row>
    <row r="326022" spans="14:14">
      <c r="N326022" s="10"/>
    </row>
    <row r="326023" spans="14:14">
      <c r="N326023" s="10"/>
    </row>
    <row r="326024" spans="14:14">
      <c r="N326024" s="10"/>
    </row>
    <row r="326025" spans="14:14">
      <c r="N326025" s="10"/>
    </row>
    <row r="326026" spans="14:14">
      <c r="N326026" s="10"/>
    </row>
    <row r="326027" spans="14:14">
      <c r="N326027" s="10"/>
    </row>
    <row r="326028" spans="14:14">
      <c r="N326028" s="10"/>
    </row>
    <row r="326029" spans="14:14">
      <c r="N326029" s="10"/>
    </row>
    <row r="326030" spans="14:14">
      <c r="N326030" s="10"/>
    </row>
    <row r="326031" spans="14:14">
      <c r="N326031" s="10"/>
    </row>
    <row r="326032" spans="14:14">
      <c r="N326032" s="10"/>
    </row>
    <row r="326033" spans="14:14">
      <c r="N326033" s="10"/>
    </row>
    <row r="326034" spans="14:14">
      <c r="N326034" s="10"/>
    </row>
    <row r="326035" spans="14:14">
      <c r="N326035" s="10"/>
    </row>
    <row r="326036" spans="14:14">
      <c r="N326036" s="10"/>
    </row>
    <row r="326037" spans="14:14">
      <c r="N326037" s="10"/>
    </row>
    <row r="326038" spans="14:14">
      <c r="N326038" s="10"/>
    </row>
    <row r="326039" spans="14:14">
      <c r="N326039" s="10"/>
    </row>
    <row r="326040" spans="14:14">
      <c r="N326040" s="10"/>
    </row>
    <row r="326041" spans="14:14">
      <c r="N326041" s="10"/>
    </row>
    <row r="326042" spans="14:14">
      <c r="N326042" s="10"/>
    </row>
    <row r="326043" spans="14:14">
      <c r="N326043" s="10"/>
    </row>
    <row r="326044" spans="14:14">
      <c r="N326044" s="10"/>
    </row>
    <row r="326045" spans="14:14">
      <c r="N326045" s="10"/>
    </row>
    <row r="326046" spans="14:14">
      <c r="N326046" s="10"/>
    </row>
    <row r="326047" spans="14:14">
      <c r="N326047" s="10"/>
    </row>
    <row r="326048" spans="14:14">
      <c r="N326048" s="10"/>
    </row>
    <row r="326049" spans="14:14">
      <c r="N326049" s="10"/>
    </row>
    <row r="326050" spans="14:14">
      <c r="N326050" s="10"/>
    </row>
    <row r="326051" spans="14:14">
      <c r="N326051" s="10"/>
    </row>
    <row r="326052" spans="14:14">
      <c r="N326052" s="10"/>
    </row>
    <row r="326053" spans="14:14">
      <c r="N326053" s="10"/>
    </row>
    <row r="326054" spans="14:14">
      <c r="N326054" s="10"/>
    </row>
    <row r="326055" spans="14:14">
      <c r="N326055" s="10"/>
    </row>
    <row r="326056" spans="14:14">
      <c r="N326056" s="10"/>
    </row>
    <row r="326057" spans="14:14">
      <c r="N326057" s="10"/>
    </row>
    <row r="326058" spans="14:14">
      <c r="N326058" s="10"/>
    </row>
    <row r="326059" spans="14:14">
      <c r="N326059" s="10"/>
    </row>
    <row r="326060" spans="14:14">
      <c r="N326060" s="10"/>
    </row>
    <row r="326061" spans="14:14">
      <c r="N326061" s="10"/>
    </row>
    <row r="326062" spans="14:14">
      <c r="N326062" s="10"/>
    </row>
    <row r="326063" spans="14:14">
      <c r="N326063" s="10"/>
    </row>
    <row r="326064" spans="14:14">
      <c r="N326064" s="10"/>
    </row>
    <row r="326065" spans="14:14">
      <c r="N326065" s="10"/>
    </row>
    <row r="326066" spans="14:14">
      <c r="N326066" s="10"/>
    </row>
    <row r="326067" spans="14:14">
      <c r="N326067" s="10"/>
    </row>
    <row r="326068" spans="14:14">
      <c r="N326068" s="10"/>
    </row>
    <row r="326069" spans="14:14">
      <c r="N326069" s="10"/>
    </row>
    <row r="326070" spans="14:14">
      <c r="N326070" s="10"/>
    </row>
    <row r="326071" spans="14:14">
      <c r="N326071" s="10"/>
    </row>
    <row r="326072" spans="14:14">
      <c r="N326072" s="10"/>
    </row>
    <row r="326073" spans="14:14">
      <c r="N326073" s="10"/>
    </row>
    <row r="326074" spans="14:14">
      <c r="N326074" s="10"/>
    </row>
    <row r="326075" spans="14:14">
      <c r="N326075" s="10"/>
    </row>
    <row r="326076" spans="14:14">
      <c r="N326076" s="10"/>
    </row>
    <row r="326077" spans="14:14">
      <c r="N326077" s="10"/>
    </row>
    <row r="326078" spans="14:14">
      <c r="N326078" s="10"/>
    </row>
    <row r="326079" spans="14:14">
      <c r="N326079" s="10"/>
    </row>
    <row r="326080" spans="14:14">
      <c r="N326080" s="10"/>
    </row>
    <row r="326081" spans="14:14">
      <c r="N326081" s="10"/>
    </row>
    <row r="326082" spans="14:14">
      <c r="N326082" s="10"/>
    </row>
    <row r="326083" spans="14:14">
      <c r="N326083" s="10"/>
    </row>
    <row r="326084" spans="14:14">
      <c r="N326084" s="10"/>
    </row>
    <row r="326085" spans="14:14">
      <c r="N326085" s="10"/>
    </row>
    <row r="326086" spans="14:14">
      <c r="N326086" s="10"/>
    </row>
    <row r="326087" spans="14:14">
      <c r="N326087" s="10"/>
    </row>
    <row r="326088" spans="14:14">
      <c r="N326088" s="10"/>
    </row>
    <row r="326089" spans="14:14">
      <c r="N326089" s="10"/>
    </row>
    <row r="326090" spans="14:14">
      <c r="N326090" s="10"/>
    </row>
    <row r="326091" spans="14:14">
      <c r="N326091" s="10"/>
    </row>
    <row r="326092" spans="14:14">
      <c r="N326092" s="10"/>
    </row>
    <row r="326093" spans="14:14">
      <c r="N326093" s="10"/>
    </row>
    <row r="326094" spans="14:14">
      <c r="N326094" s="10"/>
    </row>
    <row r="326095" spans="14:14">
      <c r="N326095" s="10"/>
    </row>
    <row r="326096" spans="14:14">
      <c r="N326096" s="10"/>
    </row>
    <row r="326097" spans="14:14">
      <c r="N326097" s="10"/>
    </row>
    <row r="326098" spans="14:14">
      <c r="N326098" s="10"/>
    </row>
    <row r="326099" spans="14:14">
      <c r="N326099" s="10"/>
    </row>
    <row r="326100" spans="14:14">
      <c r="N326100" s="10"/>
    </row>
    <row r="326101" spans="14:14">
      <c r="N326101" s="10"/>
    </row>
    <row r="326102" spans="14:14">
      <c r="N326102" s="10"/>
    </row>
    <row r="326103" spans="14:14">
      <c r="N326103" s="10"/>
    </row>
    <row r="326104" spans="14:14">
      <c r="N326104" s="10"/>
    </row>
    <row r="326105" spans="14:14">
      <c r="N326105" s="10"/>
    </row>
    <row r="326106" spans="14:14">
      <c r="N326106" s="10"/>
    </row>
    <row r="326107" spans="14:14">
      <c r="N326107" s="10"/>
    </row>
    <row r="326108" spans="14:14">
      <c r="N326108" s="10"/>
    </row>
    <row r="326109" spans="14:14">
      <c r="N326109" s="10"/>
    </row>
    <row r="326110" spans="14:14">
      <c r="N326110" s="10"/>
    </row>
    <row r="326111" spans="14:14">
      <c r="N326111" s="10"/>
    </row>
    <row r="326112" spans="14:14">
      <c r="N326112" s="10"/>
    </row>
    <row r="326113" spans="14:14">
      <c r="N326113" s="10"/>
    </row>
    <row r="326114" spans="14:14">
      <c r="N326114" s="10"/>
    </row>
    <row r="326115" spans="14:14">
      <c r="N326115" s="10"/>
    </row>
    <row r="326116" spans="14:14">
      <c r="N326116" s="10"/>
    </row>
    <row r="326117" spans="14:14">
      <c r="N326117" s="10"/>
    </row>
    <row r="326118" spans="14:14">
      <c r="N326118" s="10"/>
    </row>
    <row r="326119" spans="14:14">
      <c r="N326119" s="10"/>
    </row>
    <row r="326120" spans="14:14">
      <c r="N326120" s="10"/>
    </row>
    <row r="326121" spans="14:14">
      <c r="N326121" s="10"/>
    </row>
    <row r="326122" spans="14:14">
      <c r="N326122" s="10"/>
    </row>
    <row r="326123" spans="14:14">
      <c r="N326123" s="10"/>
    </row>
    <row r="326124" spans="14:14">
      <c r="N326124" s="10"/>
    </row>
    <row r="326125" spans="14:14">
      <c r="N326125" s="10"/>
    </row>
    <row r="326126" spans="14:14">
      <c r="N326126" s="10"/>
    </row>
    <row r="326127" spans="14:14">
      <c r="N326127" s="10"/>
    </row>
    <row r="326128" spans="14:14">
      <c r="N326128" s="10"/>
    </row>
    <row r="326129" spans="14:14">
      <c r="N326129" s="10"/>
    </row>
    <row r="326130" spans="14:14">
      <c r="N326130" s="10"/>
    </row>
    <row r="326131" spans="14:14">
      <c r="N326131" s="10"/>
    </row>
    <row r="326132" spans="14:14">
      <c r="N326132" s="10"/>
    </row>
    <row r="326133" spans="14:14">
      <c r="N326133" s="10"/>
    </row>
    <row r="326134" spans="14:14">
      <c r="N326134" s="10"/>
    </row>
    <row r="326135" spans="14:14">
      <c r="N326135" s="10"/>
    </row>
    <row r="326136" spans="14:14">
      <c r="N326136" s="10"/>
    </row>
    <row r="326137" spans="14:14">
      <c r="N326137" s="10"/>
    </row>
    <row r="326138" spans="14:14">
      <c r="N326138" s="10"/>
    </row>
    <row r="326139" spans="14:14">
      <c r="N326139" s="10"/>
    </row>
    <row r="326140" spans="14:14">
      <c r="N326140" s="10"/>
    </row>
    <row r="326141" spans="14:14">
      <c r="N326141" s="10"/>
    </row>
    <row r="326142" spans="14:14">
      <c r="N326142" s="10"/>
    </row>
    <row r="326143" spans="14:14">
      <c r="N326143" s="10"/>
    </row>
    <row r="326144" spans="14:14">
      <c r="N326144" s="10"/>
    </row>
    <row r="326145" spans="14:14">
      <c r="N326145" s="10"/>
    </row>
    <row r="326146" spans="14:14">
      <c r="N326146" s="10"/>
    </row>
    <row r="326147" spans="14:14">
      <c r="N326147" s="10"/>
    </row>
    <row r="326148" spans="14:14">
      <c r="N326148" s="10"/>
    </row>
    <row r="326149" spans="14:14">
      <c r="N326149" s="10"/>
    </row>
    <row r="326150" spans="14:14">
      <c r="N326150" s="10"/>
    </row>
    <row r="326151" spans="14:14">
      <c r="N326151" s="10"/>
    </row>
    <row r="326152" spans="14:14">
      <c r="N326152" s="10"/>
    </row>
    <row r="326153" spans="14:14">
      <c r="N326153" s="10"/>
    </row>
    <row r="326154" spans="14:14">
      <c r="N326154" s="10"/>
    </row>
    <row r="326155" spans="14:14">
      <c r="N326155" s="10"/>
    </row>
    <row r="326156" spans="14:14">
      <c r="N326156" s="10"/>
    </row>
    <row r="326157" spans="14:14">
      <c r="N326157" s="10"/>
    </row>
    <row r="326158" spans="14:14">
      <c r="N326158" s="10"/>
    </row>
    <row r="326159" spans="14:14">
      <c r="N326159" s="10"/>
    </row>
    <row r="326160" spans="14:14">
      <c r="N326160" s="10"/>
    </row>
    <row r="326161" spans="14:14">
      <c r="N326161" s="10"/>
    </row>
    <row r="326162" spans="14:14">
      <c r="N326162" s="10"/>
    </row>
    <row r="326163" spans="14:14">
      <c r="N326163" s="10"/>
    </row>
    <row r="326164" spans="14:14">
      <c r="N326164" s="10"/>
    </row>
    <row r="326165" spans="14:14">
      <c r="N326165" s="10"/>
    </row>
    <row r="326166" spans="14:14">
      <c r="N326166" s="10"/>
    </row>
    <row r="326167" spans="14:14">
      <c r="N326167" s="10"/>
    </row>
    <row r="326168" spans="14:14">
      <c r="N326168" s="10"/>
    </row>
    <row r="326169" spans="14:14">
      <c r="N326169" s="10"/>
    </row>
    <row r="326170" spans="14:14">
      <c r="N326170" s="10"/>
    </row>
    <row r="326171" spans="14:14">
      <c r="N326171" s="10"/>
    </row>
    <row r="326172" spans="14:14">
      <c r="N326172" s="10"/>
    </row>
    <row r="326173" spans="14:14">
      <c r="N326173" s="10"/>
    </row>
    <row r="326174" spans="14:14">
      <c r="N326174" s="10"/>
    </row>
    <row r="326175" spans="14:14">
      <c r="N326175" s="10"/>
    </row>
    <row r="326176" spans="14:14">
      <c r="N326176" s="10"/>
    </row>
    <row r="326177" spans="14:14">
      <c r="N326177" s="10"/>
    </row>
    <row r="326178" spans="14:14">
      <c r="N326178" s="10"/>
    </row>
    <row r="326179" spans="14:14">
      <c r="N326179" s="10"/>
    </row>
    <row r="326180" spans="14:14">
      <c r="N326180" s="10"/>
    </row>
    <row r="326181" spans="14:14">
      <c r="N326181" s="10"/>
    </row>
    <row r="326182" spans="14:14">
      <c r="N326182" s="10"/>
    </row>
    <row r="326183" spans="14:14">
      <c r="N326183" s="10"/>
    </row>
    <row r="326184" spans="14:14">
      <c r="N326184" s="10"/>
    </row>
    <row r="326185" spans="14:14">
      <c r="N326185" s="10"/>
    </row>
    <row r="326186" spans="14:14">
      <c r="N326186" s="10"/>
    </row>
    <row r="326187" spans="14:14">
      <c r="N326187" s="10"/>
    </row>
    <row r="326188" spans="14:14">
      <c r="N326188" s="10"/>
    </row>
    <row r="326189" spans="14:14">
      <c r="N326189" s="10"/>
    </row>
    <row r="326190" spans="14:14">
      <c r="N326190" s="10"/>
    </row>
    <row r="326191" spans="14:14">
      <c r="N326191" s="10"/>
    </row>
    <row r="326192" spans="14:14">
      <c r="N326192" s="10"/>
    </row>
    <row r="326193" spans="14:14">
      <c r="N326193" s="10"/>
    </row>
    <row r="326194" spans="14:14">
      <c r="N326194" s="10"/>
    </row>
    <row r="326195" spans="14:14">
      <c r="N326195" s="10"/>
    </row>
    <row r="326196" spans="14:14">
      <c r="N326196" s="10"/>
    </row>
    <row r="326197" spans="14:14">
      <c r="N326197" s="10"/>
    </row>
    <row r="326198" spans="14:14">
      <c r="N326198" s="10"/>
    </row>
    <row r="326199" spans="14:14">
      <c r="N326199" s="10"/>
    </row>
    <row r="326200" spans="14:14">
      <c r="N326200" s="10"/>
    </row>
    <row r="326201" spans="14:14">
      <c r="N326201" s="10"/>
    </row>
    <row r="326202" spans="14:14">
      <c r="N326202" s="10"/>
    </row>
    <row r="326203" spans="14:14">
      <c r="N326203" s="10"/>
    </row>
    <row r="326204" spans="14:14">
      <c r="N326204" s="10"/>
    </row>
    <row r="326205" spans="14:14">
      <c r="N326205" s="10"/>
    </row>
    <row r="326206" spans="14:14">
      <c r="N326206" s="10"/>
    </row>
    <row r="326207" spans="14:14">
      <c r="N326207" s="10"/>
    </row>
    <row r="326208" spans="14:14">
      <c r="N326208" s="10"/>
    </row>
    <row r="326209" spans="14:14">
      <c r="N326209" s="10"/>
    </row>
    <row r="326210" spans="14:14">
      <c r="N326210" s="10"/>
    </row>
    <row r="326211" spans="14:14">
      <c r="N326211" s="10"/>
    </row>
    <row r="326212" spans="14:14">
      <c r="N326212" s="10"/>
    </row>
    <row r="326213" spans="14:14">
      <c r="N326213" s="10"/>
    </row>
    <row r="326214" spans="14:14">
      <c r="N326214" s="10"/>
    </row>
    <row r="326215" spans="14:14">
      <c r="N326215" s="10"/>
    </row>
    <row r="326216" spans="14:14">
      <c r="N326216" s="10"/>
    </row>
    <row r="326217" spans="14:14">
      <c r="N326217" s="10"/>
    </row>
    <row r="326218" spans="14:14">
      <c r="N326218" s="10"/>
    </row>
    <row r="326219" spans="14:14">
      <c r="N326219" s="10"/>
    </row>
    <row r="326220" spans="14:14">
      <c r="N326220" s="10"/>
    </row>
    <row r="326221" spans="14:14">
      <c r="N326221" s="10"/>
    </row>
    <row r="326222" spans="14:14">
      <c r="N326222" s="10"/>
    </row>
    <row r="326223" spans="14:14">
      <c r="N326223" s="10"/>
    </row>
    <row r="326224" spans="14:14">
      <c r="N326224" s="10"/>
    </row>
    <row r="326225" spans="14:14">
      <c r="N326225" s="10"/>
    </row>
    <row r="326226" spans="14:14">
      <c r="N326226" s="10"/>
    </row>
    <row r="326227" spans="14:14">
      <c r="N326227" s="10"/>
    </row>
    <row r="326228" spans="14:14">
      <c r="N326228" s="10"/>
    </row>
    <row r="326229" spans="14:14">
      <c r="N326229" s="10"/>
    </row>
    <row r="326230" spans="14:14">
      <c r="N326230" s="10"/>
    </row>
    <row r="326231" spans="14:14">
      <c r="N326231" s="10"/>
    </row>
    <row r="326232" spans="14:14">
      <c r="N326232" s="10"/>
    </row>
    <row r="326233" spans="14:14">
      <c r="N326233" s="10"/>
    </row>
    <row r="326234" spans="14:14">
      <c r="N326234" s="10"/>
    </row>
    <row r="326235" spans="14:14">
      <c r="N326235" s="10"/>
    </row>
    <row r="326236" spans="14:14">
      <c r="N326236" s="10"/>
    </row>
    <row r="326237" spans="14:14">
      <c r="N326237" s="10"/>
    </row>
    <row r="326238" spans="14:14">
      <c r="N326238" s="10"/>
    </row>
    <row r="326239" spans="14:14">
      <c r="N326239" s="10"/>
    </row>
    <row r="326240" spans="14:14">
      <c r="N326240" s="10"/>
    </row>
    <row r="326241" spans="14:14">
      <c r="N326241" s="10"/>
    </row>
    <row r="326242" spans="14:14">
      <c r="N326242" s="10"/>
    </row>
    <row r="326243" spans="14:14">
      <c r="N326243" s="10"/>
    </row>
    <row r="326244" spans="14:14">
      <c r="N326244" s="10"/>
    </row>
    <row r="326245" spans="14:14">
      <c r="N326245" s="10"/>
    </row>
    <row r="326246" spans="14:14">
      <c r="N326246" s="10"/>
    </row>
    <row r="326247" spans="14:14">
      <c r="N326247" s="10"/>
    </row>
    <row r="326248" spans="14:14">
      <c r="N326248" s="10"/>
    </row>
    <row r="326249" spans="14:14">
      <c r="N326249" s="10"/>
    </row>
    <row r="326250" spans="14:14">
      <c r="N326250" s="10"/>
    </row>
    <row r="326251" spans="14:14">
      <c r="N326251" s="10"/>
    </row>
    <row r="326252" spans="14:14">
      <c r="N326252" s="10"/>
    </row>
    <row r="326253" spans="14:14">
      <c r="N326253" s="10"/>
    </row>
    <row r="326254" spans="14:14">
      <c r="N326254" s="10"/>
    </row>
    <row r="326255" spans="14:14">
      <c r="N326255" s="10"/>
    </row>
    <row r="326256" spans="14:14">
      <c r="N326256" s="10"/>
    </row>
    <row r="326257" spans="14:14">
      <c r="N326257" s="10"/>
    </row>
    <row r="326258" spans="14:14">
      <c r="N326258" s="10"/>
    </row>
    <row r="326259" spans="14:14">
      <c r="N326259" s="10"/>
    </row>
    <row r="326260" spans="14:14">
      <c r="N326260" s="10"/>
    </row>
    <row r="326261" spans="14:14">
      <c r="N326261" s="10"/>
    </row>
    <row r="326262" spans="14:14">
      <c r="N326262" s="10"/>
    </row>
    <row r="326263" spans="14:14">
      <c r="N326263" s="10"/>
    </row>
    <row r="326264" spans="14:14">
      <c r="N326264" s="10"/>
    </row>
    <row r="326265" spans="14:14">
      <c r="N326265" s="10"/>
    </row>
    <row r="326266" spans="14:14">
      <c r="N326266" s="10"/>
    </row>
    <row r="326267" spans="14:14">
      <c r="N326267" s="10"/>
    </row>
    <row r="326268" spans="14:14">
      <c r="N326268" s="10"/>
    </row>
    <row r="326269" spans="14:14">
      <c r="N326269" s="10"/>
    </row>
    <row r="326270" spans="14:14">
      <c r="N326270" s="10"/>
    </row>
    <row r="326271" spans="14:14">
      <c r="N326271" s="10"/>
    </row>
    <row r="326272" spans="14:14">
      <c r="N326272" s="10"/>
    </row>
    <row r="326273" spans="14:14">
      <c r="N326273" s="10"/>
    </row>
    <row r="326274" spans="14:14">
      <c r="N326274" s="10"/>
    </row>
    <row r="326275" spans="14:14">
      <c r="N326275" s="10"/>
    </row>
    <row r="326276" spans="14:14">
      <c r="N326276" s="10"/>
    </row>
    <row r="326277" spans="14:14">
      <c r="N326277" s="10"/>
    </row>
    <row r="326278" spans="14:14">
      <c r="N326278" s="10"/>
    </row>
    <row r="326279" spans="14:14">
      <c r="N326279" s="10"/>
    </row>
    <row r="326280" spans="14:14">
      <c r="N326280" s="10"/>
    </row>
    <row r="326281" spans="14:14">
      <c r="N326281" s="10"/>
    </row>
    <row r="326282" spans="14:14">
      <c r="N326282" s="10"/>
    </row>
    <row r="326283" spans="14:14">
      <c r="N326283" s="10"/>
    </row>
    <row r="326284" spans="14:14">
      <c r="N326284" s="10"/>
    </row>
    <row r="326285" spans="14:14">
      <c r="N326285" s="10"/>
    </row>
    <row r="326286" spans="14:14">
      <c r="N326286" s="10"/>
    </row>
    <row r="326287" spans="14:14">
      <c r="N326287" s="10"/>
    </row>
    <row r="326288" spans="14:14">
      <c r="N326288" s="10"/>
    </row>
    <row r="326289" spans="14:14">
      <c r="N326289" s="10"/>
    </row>
    <row r="326290" spans="14:14">
      <c r="N326290" s="10"/>
    </row>
    <row r="326291" spans="14:14">
      <c r="N326291" s="10"/>
    </row>
    <row r="326292" spans="14:14">
      <c r="N326292" s="10"/>
    </row>
    <row r="326293" spans="14:14">
      <c r="N326293" s="10"/>
    </row>
    <row r="326294" spans="14:14">
      <c r="N326294" s="10"/>
    </row>
    <row r="326295" spans="14:14">
      <c r="N326295" s="10"/>
    </row>
    <row r="326296" spans="14:14">
      <c r="N326296" s="10"/>
    </row>
    <row r="326297" spans="14:14">
      <c r="N326297" s="10"/>
    </row>
    <row r="326298" spans="14:14">
      <c r="N326298" s="10"/>
    </row>
    <row r="326299" spans="14:14">
      <c r="N326299" s="10"/>
    </row>
    <row r="326300" spans="14:14">
      <c r="N326300" s="10"/>
    </row>
    <row r="326301" spans="14:14">
      <c r="N326301" s="10"/>
    </row>
    <row r="326302" spans="14:14">
      <c r="N326302" s="10"/>
    </row>
    <row r="326303" spans="14:14">
      <c r="N326303" s="10"/>
    </row>
    <row r="326304" spans="14:14">
      <c r="N326304" s="10"/>
    </row>
    <row r="326305" spans="14:14">
      <c r="N326305" s="10"/>
    </row>
    <row r="326306" spans="14:14">
      <c r="N326306" s="10"/>
    </row>
    <row r="326307" spans="14:14">
      <c r="N326307" s="10"/>
    </row>
    <row r="326308" spans="14:14">
      <c r="N326308" s="10"/>
    </row>
    <row r="326309" spans="14:14">
      <c r="N326309" s="10"/>
    </row>
    <row r="326310" spans="14:14">
      <c r="N326310" s="10"/>
    </row>
    <row r="326311" spans="14:14">
      <c r="N326311" s="10"/>
    </row>
    <row r="326312" spans="14:14">
      <c r="N326312" s="10"/>
    </row>
    <row r="326313" spans="14:14">
      <c r="N326313" s="10"/>
    </row>
    <row r="326314" spans="14:14">
      <c r="N326314" s="10"/>
    </row>
    <row r="326315" spans="14:14">
      <c r="N326315" s="10"/>
    </row>
    <row r="326316" spans="14:14">
      <c r="N326316" s="10"/>
    </row>
    <row r="326317" spans="14:14">
      <c r="N326317" s="10"/>
    </row>
    <row r="326318" spans="14:14">
      <c r="N326318" s="10"/>
    </row>
    <row r="326319" spans="14:14">
      <c r="N326319" s="10"/>
    </row>
    <row r="326320" spans="14:14">
      <c r="N326320" s="10"/>
    </row>
    <row r="326321" spans="14:14">
      <c r="N326321" s="10"/>
    </row>
    <row r="326322" spans="14:14">
      <c r="N326322" s="10"/>
    </row>
    <row r="326323" spans="14:14">
      <c r="N326323" s="10"/>
    </row>
    <row r="326324" spans="14:14">
      <c r="N326324" s="10"/>
    </row>
    <row r="326325" spans="14:14">
      <c r="N326325" s="10"/>
    </row>
    <row r="326326" spans="14:14">
      <c r="N326326" s="10"/>
    </row>
    <row r="326327" spans="14:14">
      <c r="N326327" s="10"/>
    </row>
    <row r="326328" spans="14:14">
      <c r="N326328" s="10"/>
    </row>
    <row r="326329" spans="14:14">
      <c r="N326329" s="10"/>
    </row>
    <row r="326330" spans="14:14">
      <c r="N326330" s="10"/>
    </row>
    <row r="326331" spans="14:14">
      <c r="N326331" s="10"/>
    </row>
    <row r="326332" spans="14:14">
      <c r="N326332" s="10"/>
    </row>
    <row r="326333" spans="14:14">
      <c r="N326333" s="10"/>
    </row>
    <row r="326334" spans="14:14">
      <c r="N326334" s="10"/>
    </row>
    <row r="326335" spans="14:14">
      <c r="N326335" s="10"/>
    </row>
    <row r="326336" spans="14:14">
      <c r="N326336" s="10"/>
    </row>
    <row r="326337" spans="14:14">
      <c r="N326337" s="10"/>
    </row>
    <row r="326338" spans="14:14">
      <c r="N326338" s="10"/>
    </row>
    <row r="326339" spans="14:14">
      <c r="N326339" s="10"/>
    </row>
    <row r="326340" spans="14:14">
      <c r="N326340" s="10"/>
    </row>
    <row r="326341" spans="14:14">
      <c r="N326341" s="10"/>
    </row>
    <row r="326342" spans="14:14">
      <c r="N326342" s="10"/>
    </row>
    <row r="326343" spans="14:14">
      <c r="N326343" s="10"/>
    </row>
    <row r="326344" spans="14:14">
      <c r="N326344" s="10"/>
    </row>
    <row r="326345" spans="14:14">
      <c r="N326345" s="10"/>
    </row>
    <row r="326346" spans="14:14">
      <c r="N326346" s="10"/>
    </row>
    <row r="326347" spans="14:14">
      <c r="N326347" s="10"/>
    </row>
    <row r="326348" spans="14:14">
      <c r="N326348" s="10"/>
    </row>
    <row r="326349" spans="14:14">
      <c r="N326349" s="10"/>
    </row>
    <row r="326350" spans="14:14">
      <c r="N326350" s="10"/>
    </row>
    <row r="326351" spans="14:14">
      <c r="N326351" s="10"/>
    </row>
    <row r="326352" spans="14:14">
      <c r="N326352" s="10"/>
    </row>
    <row r="326353" spans="14:14">
      <c r="N326353" s="10"/>
    </row>
    <row r="326354" spans="14:14">
      <c r="N326354" s="10"/>
    </row>
    <row r="326355" spans="14:14">
      <c r="N326355" s="10"/>
    </row>
    <row r="326356" spans="14:14">
      <c r="N326356" s="10"/>
    </row>
    <row r="326357" spans="14:14">
      <c r="N326357" s="10"/>
    </row>
    <row r="326358" spans="14:14">
      <c r="N326358" s="10"/>
    </row>
    <row r="326359" spans="14:14">
      <c r="N326359" s="10"/>
    </row>
    <row r="326360" spans="14:14">
      <c r="N326360" s="10"/>
    </row>
    <row r="326361" spans="14:14">
      <c r="N326361" s="10"/>
    </row>
    <row r="326362" spans="14:14">
      <c r="N326362" s="10"/>
    </row>
    <row r="326363" spans="14:14">
      <c r="N326363" s="10"/>
    </row>
    <row r="326364" spans="14:14">
      <c r="N326364" s="10"/>
    </row>
    <row r="326365" spans="14:14">
      <c r="N326365" s="10"/>
    </row>
    <row r="326366" spans="14:14">
      <c r="N326366" s="10"/>
    </row>
    <row r="326367" spans="14:14">
      <c r="N326367" s="10"/>
    </row>
    <row r="326368" spans="14:14">
      <c r="N326368" s="10"/>
    </row>
    <row r="326369" spans="14:14">
      <c r="N326369" s="10"/>
    </row>
    <row r="326370" spans="14:14">
      <c r="N326370" s="10"/>
    </row>
    <row r="326371" spans="14:14">
      <c r="N326371" s="10"/>
    </row>
    <row r="326372" spans="14:14">
      <c r="N326372" s="10"/>
    </row>
    <row r="326373" spans="14:14">
      <c r="N326373" s="10"/>
    </row>
    <row r="326374" spans="14:14">
      <c r="N326374" s="10"/>
    </row>
    <row r="326375" spans="14:14">
      <c r="N326375" s="10"/>
    </row>
    <row r="326376" spans="14:14">
      <c r="N326376" s="10"/>
    </row>
    <row r="326377" spans="14:14">
      <c r="N326377" s="10"/>
    </row>
    <row r="326378" spans="14:14">
      <c r="N326378" s="10"/>
    </row>
    <row r="326379" spans="14:14">
      <c r="N326379" s="10"/>
    </row>
    <row r="326380" spans="14:14">
      <c r="N326380" s="10"/>
    </row>
    <row r="326381" spans="14:14">
      <c r="N326381" s="10"/>
    </row>
    <row r="326382" spans="14:14">
      <c r="N326382" s="10"/>
    </row>
    <row r="326383" spans="14:14">
      <c r="N326383" s="10"/>
    </row>
    <row r="326384" spans="14:14">
      <c r="N326384" s="10"/>
    </row>
    <row r="326385" spans="14:14">
      <c r="N326385" s="10"/>
    </row>
    <row r="326386" spans="14:14">
      <c r="N326386" s="10"/>
    </row>
    <row r="326387" spans="14:14">
      <c r="N326387" s="10"/>
    </row>
    <row r="326388" spans="14:14">
      <c r="N326388" s="10"/>
    </row>
    <row r="326389" spans="14:14">
      <c r="N326389" s="10"/>
    </row>
    <row r="326390" spans="14:14">
      <c r="N326390" s="10"/>
    </row>
    <row r="326391" spans="14:14">
      <c r="N326391" s="10"/>
    </row>
    <row r="326392" spans="14:14">
      <c r="N326392" s="10"/>
    </row>
    <row r="326393" spans="14:14">
      <c r="N326393" s="10"/>
    </row>
    <row r="326394" spans="14:14">
      <c r="N326394" s="10"/>
    </row>
    <row r="326395" spans="14:14">
      <c r="N326395" s="10"/>
    </row>
    <row r="326396" spans="14:14">
      <c r="N326396" s="10"/>
    </row>
    <row r="326397" spans="14:14">
      <c r="N326397" s="10"/>
    </row>
    <row r="326398" spans="14:14">
      <c r="N326398" s="10"/>
    </row>
    <row r="326399" spans="14:14">
      <c r="N326399" s="10"/>
    </row>
    <row r="326400" spans="14:14">
      <c r="N326400" s="10"/>
    </row>
    <row r="326401" spans="14:14">
      <c r="N326401" s="10"/>
    </row>
    <row r="326402" spans="14:14">
      <c r="N326402" s="10"/>
    </row>
    <row r="326403" spans="14:14">
      <c r="N326403" s="10"/>
    </row>
    <row r="326404" spans="14:14">
      <c r="N326404" s="10"/>
    </row>
    <row r="326405" spans="14:14">
      <c r="N326405" s="10"/>
    </row>
    <row r="326406" spans="14:14">
      <c r="N326406" s="10"/>
    </row>
    <row r="326407" spans="14:14">
      <c r="N326407" s="10"/>
    </row>
    <row r="326408" spans="14:14">
      <c r="N326408" s="10"/>
    </row>
    <row r="326409" spans="14:14">
      <c r="N326409" s="10"/>
    </row>
    <row r="326410" spans="14:14">
      <c r="N326410" s="10"/>
    </row>
    <row r="326411" spans="14:14">
      <c r="N326411" s="10"/>
    </row>
    <row r="326412" spans="14:14">
      <c r="N326412" s="10"/>
    </row>
    <row r="326413" spans="14:14">
      <c r="N326413" s="10"/>
    </row>
    <row r="326414" spans="14:14">
      <c r="N326414" s="10"/>
    </row>
    <row r="326415" spans="14:14">
      <c r="N326415" s="10"/>
    </row>
    <row r="326416" spans="14:14">
      <c r="N326416" s="10"/>
    </row>
    <row r="326417" spans="14:14">
      <c r="N326417" s="10"/>
    </row>
    <row r="326418" spans="14:14">
      <c r="N326418" s="10"/>
    </row>
    <row r="326419" spans="14:14">
      <c r="N326419" s="10"/>
    </row>
    <row r="326420" spans="14:14">
      <c r="N326420" s="10"/>
    </row>
    <row r="326421" spans="14:14">
      <c r="N326421" s="10"/>
    </row>
    <row r="326422" spans="14:14">
      <c r="N326422" s="10"/>
    </row>
    <row r="326423" spans="14:14">
      <c r="N326423" s="10"/>
    </row>
    <row r="326424" spans="14:14">
      <c r="N326424" s="10"/>
    </row>
    <row r="326425" spans="14:14">
      <c r="N326425" s="10"/>
    </row>
    <row r="326426" spans="14:14">
      <c r="N326426" s="10"/>
    </row>
    <row r="326427" spans="14:14">
      <c r="N326427" s="10"/>
    </row>
    <row r="326428" spans="14:14">
      <c r="N326428" s="10"/>
    </row>
    <row r="326429" spans="14:14">
      <c r="N326429" s="10"/>
    </row>
    <row r="326430" spans="14:14">
      <c r="N326430" s="10"/>
    </row>
    <row r="326431" spans="14:14">
      <c r="N326431" s="10"/>
    </row>
    <row r="326432" spans="14:14">
      <c r="N326432" s="10"/>
    </row>
    <row r="326433" spans="14:14">
      <c r="N326433" s="10"/>
    </row>
    <row r="326434" spans="14:14">
      <c r="N326434" s="10"/>
    </row>
    <row r="326435" spans="14:14">
      <c r="N326435" s="10"/>
    </row>
    <row r="326436" spans="14:14">
      <c r="N326436" s="10"/>
    </row>
    <row r="326437" spans="14:14">
      <c r="N326437" s="10"/>
    </row>
    <row r="326438" spans="14:14">
      <c r="N326438" s="10"/>
    </row>
    <row r="326439" spans="14:14">
      <c r="N326439" s="10"/>
    </row>
    <row r="326440" spans="14:14">
      <c r="N326440" s="10"/>
    </row>
    <row r="326441" spans="14:14">
      <c r="N326441" s="10"/>
    </row>
    <row r="326442" spans="14:14">
      <c r="N326442" s="10"/>
    </row>
    <row r="326443" spans="14:14">
      <c r="N326443" s="10"/>
    </row>
    <row r="326444" spans="14:14">
      <c r="N326444" s="10"/>
    </row>
    <row r="326445" spans="14:14">
      <c r="N326445" s="10"/>
    </row>
    <row r="326446" spans="14:14">
      <c r="N326446" s="10"/>
    </row>
    <row r="326447" spans="14:14">
      <c r="N326447" s="10"/>
    </row>
    <row r="326448" spans="14:14">
      <c r="N326448" s="10"/>
    </row>
    <row r="326449" spans="14:14">
      <c r="N326449" s="10"/>
    </row>
    <row r="326450" spans="14:14">
      <c r="N326450" s="10"/>
    </row>
    <row r="326451" spans="14:14">
      <c r="N326451" s="10"/>
    </row>
    <row r="326452" spans="14:14">
      <c r="N326452" s="10"/>
    </row>
    <row r="326453" spans="14:14">
      <c r="N326453" s="10"/>
    </row>
    <row r="326454" spans="14:14">
      <c r="N326454" s="10"/>
    </row>
    <row r="326455" spans="14:14">
      <c r="N326455" s="10"/>
    </row>
    <row r="326456" spans="14:14">
      <c r="N326456" s="10"/>
    </row>
    <row r="326457" spans="14:14">
      <c r="N326457" s="10"/>
    </row>
    <row r="326458" spans="14:14">
      <c r="N326458" s="10"/>
    </row>
    <row r="326459" spans="14:14">
      <c r="N326459" s="10"/>
    </row>
    <row r="326460" spans="14:14">
      <c r="N326460" s="10"/>
    </row>
    <row r="326461" spans="14:14">
      <c r="N326461" s="10"/>
    </row>
    <row r="326462" spans="14:14">
      <c r="N326462" s="10"/>
    </row>
    <row r="326463" spans="14:14">
      <c r="N326463" s="10"/>
    </row>
    <row r="326464" spans="14:14">
      <c r="N326464" s="10"/>
    </row>
    <row r="326465" spans="14:14">
      <c r="N326465" s="10"/>
    </row>
    <row r="326466" spans="14:14">
      <c r="N326466" s="10"/>
    </row>
    <row r="326467" spans="14:14">
      <c r="N326467" s="10"/>
    </row>
    <row r="326468" spans="14:14">
      <c r="N326468" s="10"/>
    </row>
    <row r="326469" spans="14:14">
      <c r="N326469" s="10"/>
    </row>
    <row r="326470" spans="14:14">
      <c r="N326470" s="10"/>
    </row>
    <row r="326471" spans="14:14">
      <c r="N326471" s="10"/>
    </row>
    <row r="326472" spans="14:14">
      <c r="N326472" s="10"/>
    </row>
    <row r="326473" spans="14:14">
      <c r="N326473" s="10"/>
    </row>
    <row r="326474" spans="14:14">
      <c r="N326474" s="10"/>
    </row>
    <row r="326475" spans="14:14">
      <c r="N326475" s="10"/>
    </row>
    <row r="326476" spans="14:14">
      <c r="N326476" s="10"/>
    </row>
    <row r="326477" spans="14:14">
      <c r="N326477" s="10"/>
    </row>
    <row r="326478" spans="14:14">
      <c r="N326478" s="10"/>
    </row>
    <row r="326479" spans="14:14">
      <c r="N326479" s="10"/>
    </row>
    <row r="326480" spans="14:14">
      <c r="N326480" s="10"/>
    </row>
    <row r="326481" spans="14:14">
      <c r="N326481" s="10"/>
    </row>
    <row r="326482" spans="14:14">
      <c r="N326482" s="10"/>
    </row>
    <row r="326483" spans="14:14">
      <c r="N326483" s="10"/>
    </row>
    <row r="326484" spans="14:14">
      <c r="N326484" s="10"/>
    </row>
    <row r="326485" spans="14:14">
      <c r="N326485" s="10"/>
    </row>
    <row r="326486" spans="14:14">
      <c r="N326486" s="10"/>
    </row>
    <row r="326487" spans="14:14">
      <c r="N326487" s="10"/>
    </row>
    <row r="326488" spans="14:14">
      <c r="N326488" s="10"/>
    </row>
    <row r="326489" spans="14:14">
      <c r="N326489" s="10"/>
    </row>
    <row r="326490" spans="14:14">
      <c r="N326490" s="10"/>
    </row>
    <row r="326491" spans="14:14">
      <c r="N326491" s="10"/>
    </row>
    <row r="326492" spans="14:14">
      <c r="N326492" s="10"/>
    </row>
    <row r="326493" spans="14:14">
      <c r="N326493" s="10"/>
    </row>
    <row r="326494" spans="14:14">
      <c r="N326494" s="10"/>
    </row>
    <row r="326495" spans="14:14">
      <c r="N326495" s="10"/>
    </row>
    <row r="326496" spans="14:14">
      <c r="N326496" s="10"/>
    </row>
    <row r="326497" spans="14:14">
      <c r="N326497" s="10"/>
    </row>
    <row r="326498" spans="14:14">
      <c r="N326498" s="10"/>
    </row>
    <row r="326499" spans="14:14">
      <c r="N326499" s="10"/>
    </row>
    <row r="326500" spans="14:14">
      <c r="N326500" s="10"/>
    </row>
    <row r="326501" spans="14:14">
      <c r="N326501" s="10"/>
    </row>
    <row r="326502" spans="14:14">
      <c r="N326502" s="10"/>
    </row>
    <row r="326503" spans="14:14">
      <c r="N326503" s="10"/>
    </row>
    <row r="326504" spans="14:14">
      <c r="N326504" s="10"/>
    </row>
    <row r="326505" spans="14:14">
      <c r="N326505" s="10"/>
    </row>
    <row r="326506" spans="14:14">
      <c r="N326506" s="10"/>
    </row>
    <row r="326507" spans="14:14">
      <c r="N326507" s="10"/>
    </row>
    <row r="326508" spans="14:14">
      <c r="N326508" s="10"/>
    </row>
    <row r="326509" spans="14:14">
      <c r="N326509" s="10"/>
    </row>
    <row r="326510" spans="14:14">
      <c r="N326510" s="10"/>
    </row>
    <row r="326511" spans="14:14">
      <c r="N326511" s="10"/>
    </row>
    <row r="326512" spans="14:14">
      <c r="N326512" s="10"/>
    </row>
    <row r="326513" spans="14:14">
      <c r="N326513" s="10"/>
    </row>
    <row r="326514" spans="14:14">
      <c r="N326514" s="10"/>
    </row>
    <row r="326515" spans="14:14">
      <c r="N326515" s="10"/>
    </row>
    <row r="326516" spans="14:14">
      <c r="N326516" s="10"/>
    </row>
    <row r="326517" spans="14:14">
      <c r="N326517" s="10"/>
    </row>
    <row r="326518" spans="14:14">
      <c r="N326518" s="10"/>
    </row>
    <row r="326519" spans="14:14">
      <c r="N326519" s="10"/>
    </row>
    <row r="326520" spans="14:14">
      <c r="N326520" s="10"/>
    </row>
    <row r="326521" spans="14:14">
      <c r="N326521" s="10"/>
    </row>
    <row r="326522" spans="14:14">
      <c r="N326522" s="10"/>
    </row>
    <row r="326523" spans="14:14">
      <c r="N326523" s="10"/>
    </row>
    <row r="326524" spans="14:14">
      <c r="N326524" s="10"/>
    </row>
    <row r="326525" spans="14:14">
      <c r="N326525" s="10"/>
    </row>
    <row r="326526" spans="14:14">
      <c r="N326526" s="10"/>
    </row>
    <row r="326527" spans="14:14">
      <c r="N326527" s="10"/>
    </row>
    <row r="326528" spans="14:14">
      <c r="N326528" s="10"/>
    </row>
    <row r="326529" spans="14:14">
      <c r="N326529" s="10"/>
    </row>
    <row r="326530" spans="14:14">
      <c r="N326530" s="10"/>
    </row>
    <row r="326531" spans="14:14">
      <c r="N326531" s="10"/>
    </row>
    <row r="326532" spans="14:14">
      <c r="N326532" s="10"/>
    </row>
    <row r="326533" spans="14:14">
      <c r="N326533" s="10"/>
    </row>
    <row r="326534" spans="14:14">
      <c r="N326534" s="10"/>
    </row>
    <row r="326535" spans="14:14">
      <c r="N326535" s="10"/>
    </row>
    <row r="326536" spans="14:14">
      <c r="N326536" s="10"/>
    </row>
    <row r="326537" spans="14:14">
      <c r="N326537" s="10"/>
    </row>
    <row r="326538" spans="14:14">
      <c r="N326538" s="10"/>
    </row>
    <row r="326539" spans="14:14">
      <c r="N326539" s="10"/>
    </row>
    <row r="326540" spans="14:14">
      <c r="N326540" s="10"/>
    </row>
    <row r="326541" spans="14:14">
      <c r="N326541" s="10"/>
    </row>
    <row r="326542" spans="14:14">
      <c r="N326542" s="10"/>
    </row>
    <row r="326543" spans="14:14">
      <c r="N326543" s="10"/>
    </row>
    <row r="326544" spans="14:14">
      <c r="N326544" s="10"/>
    </row>
    <row r="326545" spans="14:14">
      <c r="N326545" s="10"/>
    </row>
    <row r="326546" spans="14:14">
      <c r="N326546" s="10"/>
    </row>
    <row r="326547" spans="14:14">
      <c r="N326547" s="10"/>
    </row>
    <row r="326548" spans="14:14">
      <c r="N326548" s="10"/>
    </row>
    <row r="326549" spans="14:14">
      <c r="N326549" s="10"/>
    </row>
    <row r="326550" spans="14:14">
      <c r="N326550" s="10"/>
    </row>
    <row r="326551" spans="14:14">
      <c r="N326551" s="10"/>
    </row>
    <row r="326552" spans="14:14">
      <c r="N326552" s="10"/>
    </row>
    <row r="326553" spans="14:14">
      <c r="N326553" s="10"/>
    </row>
    <row r="326554" spans="14:14">
      <c r="N326554" s="10"/>
    </row>
    <row r="326555" spans="14:14">
      <c r="N326555" s="10"/>
    </row>
    <row r="326556" spans="14:14">
      <c r="N326556" s="10"/>
    </row>
    <row r="326557" spans="14:14">
      <c r="N326557" s="10"/>
    </row>
    <row r="326558" spans="14:14">
      <c r="N326558" s="10"/>
    </row>
    <row r="326559" spans="14:14">
      <c r="N326559" s="10"/>
    </row>
    <row r="326560" spans="14:14">
      <c r="N326560" s="10"/>
    </row>
    <row r="326561" spans="14:14">
      <c r="N326561" s="10"/>
    </row>
    <row r="326562" spans="14:14">
      <c r="N326562" s="10"/>
    </row>
    <row r="326563" spans="14:14">
      <c r="N326563" s="10"/>
    </row>
    <row r="326564" spans="14:14">
      <c r="N326564" s="10"/>
    </row>
    <row r="326565" spans="14:14">
      <c r="N326565" s="10"/>
    </row>
    <row r="326566" spans="14:14">
      <c r="N326566" s="10"/>
    </row>
    <row r="326567" spans="14:14">
      <c r="N326567" s="10"/>
    </row>
    <row r="326568" spans="14:14">
      <c r="N326568" s="10"/>
    </row>
    <row r="326569" spans="14:14">
      <c r="N326569" s="10"/>
    </row>
    <row r="326570" spans="14:14">
      <c r="N326570" s="10"/>
    </row>
    <row r="326571" spans="14:14">
      <c r="N326571" s="10"/>
    </row>
    <row r="326572" spans="14:14">
      <c r="N326572" s="10"/>
    </row>
    <row r="326573" spans="14:14">
      <c r="N326573" s="10"/>
    </row>
    <row r="326574" spans="14:14">
      <c r="N326574" s="10"/>
    </row>
    <row r="326575" spans="14:14">
      <c r="N326575" s="10"/>
    </row>
    <row r="326576" spans="14:14">
      <c r="N326576" s="10"/>
    </row>
    <row r="326577" spans="14:14">
      <c r="N326577" s="10"/>
    </row>
    <row r="326578" spans="14:14">
      <c r="N326578" s="10"/>
    </row>
    <row r="326579" spans="14:14">
      <c r="N326579" s="10"/>
    </row>
    <row r="326580" spans="14:14">
      <c r="N326580" s="10"/>
    </row>
    <row r="326581" spans="14:14">
      <c r="N326581" s="10"/>
    </row>
    <row r="326582" spans="14:14">
      <c r="N326582" s="10"/>
    </row>
    <row r="326583" spans="14:14">
      <c r="N326583" s="10"/>
    </row>
    <row r="326584" spans="14:14">
      <c r="N326584" s="10"/>
    </row>
    <row r="326585" spans="14:14">
      <c r="N326585" s="10"/>
    </row>
    <row r="326586" spans="14:14">
      <c r="N326586" s="10"/>
    </row>
    <row r="326587" spans="14:14">
      <c r="N326587" s="10"/>
    </row>
    <row r="326588" spans="14:14">
      <c r="N326588" s="10"/>
    </row>
    <row r="326589" spans="14:14">
      <c r="N326589" s="10"/>
    </row>
    <row r="326590" spans="14:14">
      <c r="N326590" s="10"/>
    </row>
    <row r="326591" spans="14:14">
      <c r="N326591" s="10"/>
    </row>
    <row r="326592" spans="14:14">
      <c r="N326592" s="10"/>
    </row>
    <row r="326593" spans="14:14">
      <c r="N326593" s="10"/>
    </row>
    <row r="326594" spans="14:14">
      <c r="N326594" s="10"/>
    </row>
    <row r="326595" spans="14:14">
      <c r="N326595" s="10"/>
    </row>
    <row r="326596" spans="14:14">
      <c r="N326596" s="10"/>
    </row>
    <row r="326597" spans="14:14">
      <c r="N326597" s="10"/>
    </row>
    <row r="326598" spans="14:14">
      <c r="N326598" s="10"/>
    </row>
    <row r="326599" spans="14:14">
      <c r="N326599" s="10"/>
    </row>
    <row r="326600" spans="14:14">
      <c r="N326600" s="10"/>
    </row>
    <row r="326601" spans="14:14">
      <c r="N326601" s="10"/>
    </row>
    <row r="326602" spans="14:14">
      <c r="N326602" s="10"/>
    </row>
    <row r="326603" spans="14:14">
      <c r="N326603" s="10"/>
    </row>
    <row r="326604" spans="14:14">
      <c r="N326604" s="10"/>
    </row>
    <row r="326605" spans="14:14">
      <c r="N326605" s="10"/>
    </row>
    <row r="326606" spans="14:14">
      <c r="N326606" s="10"/>
    </row>
    <row r="326607" spans="14:14">
      <c r="N326607" s="10"/>
    </row>
    <row r="326608" spans="14:14">
      <c r="N326608" s="10"/>
    </row>
    <row r="326609" spans="14:14">
      <c r="N326609" s="10"/>
    </row>
    <row r="326610" spans="14:14">
      <c r="N326610" s="10"/>
    </row>
    <row r="326611" spans="14:14">
      <c r="N326611" s="10"/>
    </row>
    <row r="326612" spans="14:14">
      <c r="N326612" s="10"/>
    </row>
    <row r="326613" spans="14:14">
      <c r="N326613" s="10"/>
    </row>
    <row r="326614" spans="14:14">
      <c r="N326614" s="10"/>
    </row>
    <row r="326615" spans="14:14">
      <c r="N326615" s="10"/>
    </row>
    <row r="326616" spans="14:14">
      <c r="N326616" s="10"/>
    </row>
    <row r="326617" spans="14:14">
      <c r="N326617" s="10"/>
    </row>
    <row r="326618" spans="14:14">
      <c r="N326618" s="10"/>
    </row>
    <row r="326619" spans="14:14">
      <c r="N326619" s="10"/>
    </row>
    <row r="326620" spans="14:14">
      <c r="N326620" s="10"/>
    </row>
    <row r="326621" spans="14:14">
      <c r="N326621" s="10"/>
    </row>
    <row r="326622" spans="14:14">
      <c r="N326622" s="10"/>
    </row>
    <row r="326623" spans="14:14">
      <c r="N326623" s="10"/>
    </row>
    <row r="326624" spans="14:14">
      <c r="N326624" s="10"/>
    </row>
    <row r="326625" spans="14:14">
      <c r="N326625" s="10"/>
    </row>
    <row r="326626" spans="14:14">
      <c r="N326626" s="10"/>
    </row>
    <row r="326627" spans="14:14">
      <c r="N326627" s="10"/>
    </row>
    <row r="326628" spans="14:14">
      <c r="N326628" s="10"/>
    </row>
    <row r="326629" spans="14:14">
      <c r="N326629" s="10"/>
    </row>
    <row r="326630" spans="14:14">
      <c r="N326630" s="10"/>
    </row>
    <row r="326631" spans="14:14">
      <c r="N326631" s="10"/>
    </row>
    <row r="326632" spans="14:14">
      <c r="N326632" s="10"/>
    </row>
    <row r="326633" spans="14:14">
      <c r="N326633" s="10"/>
    </row>
    <row r="326634" spans="14:14">
      <c r="N326634" s="10"/>
    </row>
    <row r="326635" spans="14:14">
      <c r="N326635" s="10"/>
    </row>
    <row r="326636" spans="14:14">
      <c r="N326636" s="10"/>
    </row>
    <row r="326637" spans="14:14">
      <c r="N326637" s="10"/>
    </row>
    <row r="326638" spans="14:14">
      <c r="N326638" s="10"/>
    </row>
    <row r="326639" spans="14:14">
      <c r="N326639" s="10"/>
    </row>
    <row r="326640" spans="14:14">
      <c r="N326640" s="10"/>
    </row>
    <row r="326641" spans="14:14">
      <c r="N326641" s="10"/>
    </row>
    <row r="326642" spans="14:14">
      <c r="N326642" s="10"/>
    </row>
    <row r="326643" spans="14:14">
      <c r="N326643" s="10"/>
    </row>
    <row r="326644" spans="14:14">
      <c r="N326644" s="10"/>
    </row>
    <row r="326645" spans="14:14">
      <c r="N326645" s="10"/>
    </row>
    <row r="326646" spans="14:14">
      <c r="N326646" s="10"/>
    </row>
    <row r="326647" spans="14:14">
      <c r="N326647" s="10"/>
    </row>
    <row r="326648" spans="14:14">
      <c r="N326648" s="10"/>
    </row>
    <row r="326649" spans="14:14">
      <c r="N326649" s="10"/>
    </row>
    <row r="326650" spans="14:14">
      <c r="N326650" s="10"/>
    </row>
    <row r="326651" spans="14:14">
      <c r="N326651" s="10"/>
    </row>
    <row r="326652" spans="14:14">
      <c r="N326652" s="10"/>
    </row>
    <row r="326653" spans="14:14">
      <c r="N326653" s="10"/>
    </row>
    <row r="326654" spans="14:14">
      <c r="N326654" s="10"/>
    </row>
    <row r="326655" spans="14:14">
      <c r="N326655" s="10"/>
    </row>
    <row r="326656" spans="14:14">
      <c r="N326656" s="10"/>
    </row>
    <row r="326657" spans="14:14">
      <c r="N326657" s="10"/>
    </row>
    <row r="326658" spans="14:14">
      <c r="N326658" s="10"/>
    </row>
    <row r="326659" spans="14:14">
      <c r="N326659" s="10"/>
    </row>
    <row r="326660" spans="14:14">
      <c r="N326660" s="10"/>
    </row>
    <row r="326661" spans="14:14">
      <c r="N326661" s="10"/>
    </row>
    <row r="326662" spans="14:14">
      <c r="N326662" s="10"/>
    </row>
    <row r="326663" spans="14:14">
      <c r="N326663" s="10"/>
    </row>
    <row r="326664" spans="14:14">
      <c r="N326664" s="10"/>
    </row>
    <row r="326665" spans="14:14">
      <c r="N326665" s="10"/>
    </row>
    <row r="326666" spans="14:14">
      <c r="N326666" s="10"/>
    </row>
    <row r="326667" spans="14:14">
      <c r="N326667" s="10"/>
    </row>
    <row r="326668" spans="14:14">
      <c r="N326668" s="10"/>
    </row>
    <row r="326669" spans="14:14">
      <c r="N326669" s="10"/>
    </row>
    <row r="326670" spans="14:14">
      <c r="N326670" s="10"/>
    </row>
    <row r="326671" spans="14:14">
      <c r="N326671" s="10"/>
    </row>
    <row r="326672" spans="14:14">
      <c r="N326672" s="10"/>
    </row>
    <row r="326673" spans="14:14">
      <c r="N326673" s="10"/>
    </row>
    <row r="326674" spans="14:14">
      <c r="N326674" s="10"/>
    </row>
    <row r="326675" spans="14:14">
      <c r="N326675" s="10"/>
    </row>
    <row r="326676" spans="14:14">
      <c r="N326676" s="10"/>
    </row>
    <row r="326677" spans="14:14">
      <c r="N326677" s="10"/>
    </row>
    <row r="326678" spans="14:14">
      <c r="N326678" s="10"/>
    </row>
    <row r="326679" spans="14:14">
      <c r="N326679" s="10"/>
    </row>
    <row r="326680" spans="14:14">
      <c r="N326680" s="10"/>
    </row>
    <row r="326681" spans="14:14">
      <c r="N326681" s="10"/>
    </row>
    <row r="326682" spans="14:14">
      <c r="N326682" s="10"/>
    </row>
    <row r="326683" spans="14:14">
      <c r="N326683" s="10"/>
    </row>
    <row r="326684" spans="14:14">
      <c r="N326684" s="10"/>
    </row>
    <row r="326685" spans="14:14">
      <c r="N326685" s="10"/>
    </row>
    <row r="326686" spans="14:14">
      <c r="N326686" s="10"/>
    </row>
    <row r="326687" spans="14:14">
      <c r="N326687" s="10"/>
    </row>
    <row r="326688" spans="14:14">
      <c r="N326688" s="10"/>
    </row>
    <row r="326689" spans="14:14">
      <c r="N326689" s="10"/>
    </row>
    <row r="326690" spans="14:14">
      <c r="N326690" s="10"/>
    </row>
    <row r="326691" spans="14:14">
      <c r="N326691" s="10"/>
    </row>
    <row r="326692" spans="14:14">
      <c r="N326692" s="10"/>
    </row>
    <row r="326693" spans="14:14">
      <c r="N326693" s="10"/>
    </row>
    <row r="326694" spans="14:14">
      <c r="N326694" s="10"/>
    </row>
    <row r="326695" spans="14:14">
      <c r="N326695" s="10"/>
    </row>
    <row r="326696" spans="14:14">
      <c r="N326696" s="10"/>
    </row>
    <row r="326697" spans="14:14">
      <c r="N326697" s="10"/>
    </row>
    <row r="326698" spans="14:14">
      <c r="N326698" s="10"/>
    </row>
    <row r="326699" spans="14:14">
      <c r="N326699" s="10"/>
    </row>
    <row r="326700" spans="14:14">
      <c r="N326700" s="10"/>
    </row>
    <row r="326701" spans="14:14">
      <c r="N326701" s="10"/>
    </row>
    <row r="326702" spans="14:14">
      <c r="N326702" s="10"/>
    </row>
    <row r="326703" spans="14:14">
      <c r="N326703" s="10"/>
    </row>
    <row r="326704" spans="14:14">
      <c r="N326704" s="10"/>
    </row>
    <row r="326705" spans="14:14">
      <c r="N326705" s="10"/>
    </row>
    <row r="326706" spans="14:14">
      <c r="N326706" s="10"/>
    </row>
    <row r="326707" spans="14:14">
      <c r="N326707" s="10"/>
    </row>
    <row r="326708" spans="14:14">
      <c r="N326708" s="10"/>
    </row>
    <row r="326709" spans="14:14">
      <c r="N326709" s="10"/>
    </row>
    <row r="326710" spans="14:14">
      <c r="N326710" s="10"/>
    </row>
    <row r="326711" spans="14:14">
      <c r="N326711" s="10"/>
    </row>
    <row r="326712" spans="14:14">
      <c r="N326712" s="10"/>
    </row>
    <row r="326713" spans="14:14">
      <c r="N326713" s="10"/>
    </row>
    <row r="326714" spans="14:14">
      <c r="N326714" s="10"/>
    </row>
    <row r="326715" spans="14:14">
      <c r="N326715" s="10"/>
    </row>
    <row r="326716" spans="14:14">
      <c r="N326716" s="10"/>
    </row>
    <row r="326717" spans="14:14">
      <c r="N326717" s="10"/>
    </row>
    <row r="326718" spans="14:14">
      <c r="N326718" s="10"/>
    </row>
    <row r="326719" spans="14:14">
      <c r="N326719" s="10"/>
    </row>
    <row r="326720" spans="14:14">
      <c r="N326720" s="10"/>
    </row>
    <row r="326721" spans="14:14">
      <c r="N326721" s="10"/>
    </row>
    <row r="326722" spans="14:14">
      <c r="N326722" s="10"/>
    </row>
    <row r="326723" spans="14:14">
      <c r="N326723" s="10"/>
    </row>
    <row r="326724" spans="14:14">
      <c r="N326724" s="10"/>
    </row>
    <row r="326725" spans="14:14">
      <c r="N326725" s="10"/>
    </row>
    <row r="326726" spans="14:14">
      <c r="N326726" s="10"/>
    </row>
    <row r="326727" spans="14:14">
      <c r="N326727" s="10"/>
    </row>
    <row r="326728" spans="14:14">
      <c r="N326728" s="10"/>
    </row>
    <row r="326729" spans="14:14">
      <c r="N326729" s="10"/>
    </row>
    <row r="326730" spans="14:14">
      <c r="N326730" s="10"/>
    </row>
    <row r="326731" spans="14:14">
      <c r="N326731" s="10"/>
    </row>
    <row r="326732" spans="14:14">
      <c r="N326732" s="10"/>
    </row>
    <row r="326733" spans="14:14">
      <c r="N326733" s="10"/>
    </row>
    <row r="326734" spans="14:14">
      <c r="N326734" s="10"/>
    </row>
    <row r="326735" spans="14:14">
      <c r="N326735" s="10"/>
    </row>
    <row r="326736" spans="14:14">
      <c r="N326736" s="10"/>
    </row>
    <row r="326737" spans="14:14">
      <c r="N326737" s="10"/>
    </row>
    <row r="326738" spans="14:14">
      <c r="N326738" s="10"/>
    </row>
    <row r="326739" spans="14:14">
      <c r="N326739" s="10"/>
    </row>
    <row r="326740" spans="14:14">
      <c r="N326740" s="10"/>
    </row>
    <row r="326741" spans="14:14">
      <c r="N326741" s="10"/>
    </row>
    <row r="326742" spans="14:14">
      <c r="N326742" s="10"/>
    </row>
    <row r="326743" spans="14:14">
      <c r="N326743" s="10"/>
    </row>
    <row r="326744" spans="14:14">
      <c r="N326744" s="10"/>
    </row>
    <row r="326745" spans="14:14">
      <c r="N326745" s="10"/>
    </row>
    <row r="326746" spans="14:14">
      <c r="N326746" s="10"/>
    </row>
    <row r="326747" spans="14:14">
      <c r="N326747" s="10"/>
    </row>
    <row r="326748" spans="14:14">
      <c r="N326748" s="10"/>
    </row>
    <row r="326749" spans="14:14">
      <c r="N326749" s="10"/>
    </row>
    <row r="326750" spans="14:14">
      <c r="N326750" s="10"/>
    </row>
    <row r="326751" spans="14:14">
      <c r="N326751" s="10"/>
    </row>
    <row r="326752" spans="14:14">
      <c r="N326752" s="10"/>
    </row>
    <row r="326753" spans="14:14">
      <c r="N326753" s="10"/>
    </row>
    <row r="326754" spans="14:14">
      <c r="N326754" s="10"/>
    </row>
    <row r="326755" spans="14:14">
      <c r="N326755" s="10"/>
    </row>
    <row r="326756" spans="14:14">
      <c r="N326756" s="10"/>
    </row>
    <row r="326757" spans="14:14">
      <c r="N326757" s="10"/>
    </row>
    <row r="326758" spans="14:14">
      <c r="N326758" s="10"/>
    </row>
    <row r="326759" spans="14:14">
      <c r="N326759" s="10"/>
    </row>
    <row r="326760" spans="14:14">
      <c r="N326760" s="10"/>
    </row>
    <row r="326761" spans="14:14">
      <c r="N326761" s="10"/>
    </row>
    <row r="326762" spans="14:14">
      <c r="N326762" s="10"/>
    </row>
    <row r="326763" spans="14:14">
      <c r="N326763" s="10"/>
    </row>
    <row r="326764" spans="14:14">
      <c r="N326764" s="10"/>
    </row>
    <row r="326765" spans="14:14">
      <c r="N326765" s="10"/>
    </row>
    <row r="326766" spans="14:14">
      <c r="N326766" s="10"/>
    </row>
    <row r="326767" spans="14:14">
      <c r="N326767" s="10"/>
    </row>
    <row r="326768" spans="14:14">
      <c r="N326768" s="10"/>
    </row>
    <row r="326769" spans="14:14">
      <c r="N326769" s="10"/>
    </row>
    <row r="326770" spans="14:14">
      <c r="N326770" s="10"/>
    </row>
    <row r="326771" spans="14:14">
      <c r="N326771" s="10"/>
    </row>
    <row r="326772" spans="14:14">
      <c r="N326772" s="10"/>
    </row>
    <row r="326773" spans="14:14">
      <c r="N326773" s="10"/>
    </row>
    <row r="326774" spans="14:14">
      <c r="N326774" s="10"/>
    </row>
    <row r="326775" spans="14:14">
      <c r="N326775" s="10"/>
    </row>
    <row r="326776" spans="14:14">
      <c r="N326776" s="10"/>
    </row>
    <row r="326777" spans="14:14">
      <c r="N326777" s="10"/>
    </row>
    <row r="326778" spans="14:14">
      <c r="N326778" s="10"/>
    </row>
    <row r="326779" spans="14:14">
      <c r="N326779" s="10"/>
    </row>
    <row r="326780" spans="14:14">
      <c r="N326780" s="10"/>
    </row>
    <row r="326781" spans="14:14">
      <c r="N326781" s="10"/>
    </row>
    <row r="326782" spans="14:14">
      <c r="N326782" s="10"/>
    </row>
    <row r="326783" spans="14:14">
      <c r="N326783" s="10"/>
    </row>
    <row r="326784" spans="14:14">
      <c r="N326784" s="10"/>
    </row>
    <row r="326785" spans="14:14">
      <c r="N326785" s="10"/>
    </row>
    <row r="326786" spans="14:14">
      <c r="N326786" s="10"/>
    </row>
    <row r="326787" spans="14:14">
      <c r="N326787" s="10"/>
    </row>
    <row r="326788" spans="14:14">
      <c r="N326788" s="10"/>
    </row>
    <row r="326789" spans="14:14">
      <c r="N326789" s="10"/>
    </row>
    <row r="326790" spans="14:14">
      <c r="N326790" s="10"/>
    </row>
    <row r="326791" spans="14:14">
      <c r="N326791" s="10"/>
    </row>
    <row r="326792" spans="14:14">
      <c r="N326792" s="10"/>
    </row>
    <row r="326793" spans="14:14">
      <c r="N326793" s="10"/>
    </row>
    <row r="326794" spans="14:14">
      <c r="N326794" s="10"/>
    </row>
    <row r="326795" spans="14:14">
      <c r="N326795" s="10"/>
    </row>
    <row r="326796" spans="14:14">
      <c r="N326796" s="10"/>
    </row>
    <row r="326797" spans="14:14">
      <c r="N326797" s="10"/>
    </row>
    <row r="326798" spans="14:14">
      <c r="N326798" s="10"/>
    </row>
    <row r="326799" spans="14:14">
      <c r="N326799" s="10"/>
    </row>
    <row r="326800" spans="14:14">
      <c r="N326800" s="10"/>
    </row>
    <row r="326801" spans="14:14">
      <c r="N326801" s="10"/>
    </row>
    <row r="326802" spans="14:14">
      <c r="N326802" s="10"/>
    </row>
    <row r="326803" spans="14:14">
      <c r="N326803" s="10"/>
    </row>
    <row r="326804" spans="14:14">
      <c r="N326804" s="10"/>
    </row>
    <row r="326805" spans="14:14">
      <c r="N326805" s="10"/>
    </row>
    <row r="326806" spans="14:14">
      <c r="N326806" s="10"/>
    </row>
    <row r="326807" spans="14:14">
      <c r="N326807" s="10"/>
    </row>
    <row r="326808" spans="14:14">
      <c r="N326808" s="10"/>
    </row>
    <row r="326809" spans="14:14">
      <c r="N326809" s="10"/>
    </row>
    <row r="326810" spans="14:14">
      <c r="N326810" s="10"/>
    </row>
    <row r="326811" spans="14:14">
      <c r="N326811" s="10"/>
    </row>
    <row r="326812" spans="14:14">
      <c r="N326812" s="10"/>
    </row>
    <row r="326813" spans="14:14">
      <c r="N326813" s="10"/>
    </row>
    <row r="326814" spans="14:14">
      <c r="N326814" s="10"/>
    </row>
    <row r="326815" spans="14:14">
      <c r="N326815" s="10"/>
    </row>
    <row r="326816" spans="14:14">
      <c r="N326816" s="10"/>
    </row>
    <row r="326817" spans="14:14">
      <c r="N326817" s="10"/>
    </row>
    <row r="326818" spans="14:14">
      <c r="N326818" s="10"/>
    </row>
    <row r="326819" spans="14:14">
      <c r="N326819" s="10"/>
    </row>
    <row r="326820" spans="14:14">
      <c r="N326820" s="10"/>
    </row>
    <row r="326821" spans="14:14">
      <c r="N326821" s="10"/>
    </row>
    <row r="326822" spans="14:14">
      <c r="N326822" s="10"/>
    </row>
    <row r="326823" spans="14:14">
      <c r="N326823" s="10"/>
    </row>
    <row r="326824" spans="14:14">
      <c r="N326824" s="10"/>
    </row>
    <row r="326825" spans="14:14">
      <c r="N326825" s="10"/>
    </row>
    <row r="326826" spans="14:14">
      <c r="N326826" s="10"/>
    </row>
    <row r="326827" spans="14:14">
      <c r="N326827" s="10"/>
    </row>
    <row r="326828" spans="14:14">
      <c r="N326828" s="10"/>
    </row>
    <row r="326829" spans="14:14">
      <c r="N326829" s="10"/>
    </row>
    <row r="326830" spans="14:14">
      <c r="N326830" s="10"/>
    </row>
    <row r="326831" spans="14:14">
      <c r="N326831" s="10"/>
    </row>
    <row r="326832" spans="14:14">
      <c r="N326832" s="10"/>
    </row>
    <row r="326833" spans="14:14">
      <c r="N326833" s="10"/>
    </row>
    <row r="326834" spans="14:14">
      <c r="N326834" s="10"/>
    </row>
    <row r="326835" spans="14:14">
      <c r="N326835" s="10"/>
    </row>
    <row r="326836" spans="14:14">
      <c r="N326836" s="10"/>
    </row>
    <row r="326837" spans="14:14">
      <c r="N326837" s="10"/>
    </row>
    <row r="326838" spans="14:14">
      <c r="N326838" s="10"/>
    </row>
    <row r="326839" spans="14:14">
      <c r="N326839" s="10"/>
    </row>
    <row r="326840" spans="14:14">
      <c r="N326840" s="10"/>
    </row>
    <row r="326841" spans="14:14">
      <c r="N326841" s="10"/>
    </row>
    <row r="326842" spans="14:14">
      <c r="N326842" s="10"/>
    </row>
    <row r="326843" spans="14:14">
      <c r="N326843" s="10"/>
    </row>
    <row r="326844" spans="14:14">
      <c r="N326844" s="10"/>
    </row>
    <row r="326845" spans="14:14">
      <c r="N326845" s="10"/>
    </row>
    <row r="326846" spans="14:14">
      <c r="N326846" s="10"/>
    </row>
    <row r="326847" spans="14:14">
      <c r="N326847" s="10"/>
    </row>
    <row r="326848" spans="14:14">
      <c r="N326848" s="10"/>
    </row>
    <row r="326849" spans="14:14">
      <c r="N326849" s="10"/>
    </row>
    <row r="326850" spans="14:14">
      <c r="N326850" s="10"/>
    </row>
    <row r="326851" spans="14:14">
      <c r="N326851" s="10"/>
    </row>
    <row r="326852" spans="14:14">
      <c r="N326852" s="10"/>
    </row>
    <row r="326853" spans="14:14">
      <c r="N326853" s="10"/>
    </row>
    <row r="326854" spans="14:14">
      <c r="N326854" s="10"/>
    </row>
    <row r="326855" spans="14:14">
      <c r="N326855" s="10"/>
    </row>
    <row r="326856" spans="14:14">
      <c r="N326856" s="10"/>
    </row>
    <row r="326857" spans="14:14">
      <c r="N326857" s="10"/>
    </row>
    <row r="326858" spans="14:14">
      <c r="N326858" s="10"/>
    </row>
    <row r="326859" spans="14:14">
      <c r="N326859" s="10"/>
    </row>
    <row r="326860" spans="14:14">
      <c r="N326860" s="10"/>
    </row>
    <row r="326861" spans="14:14">
      <c r="N326861" s="10"/>
    </row>
    <row r="326862" spans="14:14">
      <c r="N326862" s="10"/>
    </row>
    <row r="326863" spans="14:14">
      <c r="N326863" s="10"/>
    </row>
    <row r="326864" spans="14:14">
      <c r="N326864" s="10"/>
    </row>
    <row r="326865" spans="14:14">
      <c r="N326865" s="10"/>
    </row>
    <row r="326866" spans="14:14">
      <c r="N326866" s="10"/>
    </row>
    <row r="326867" spans="14:14">
      <c r="N326867" s="10"/>
    </row>
    <row r="326868" spans="14:14">
      <c r="N326868" s="10"/>
    </row>
    <row r="326869" spans="14:14">
      <c r="N326869" s="10"/>
    </row>
    <row r="326870" spans="14:14">
      <c r="N326870" s="10"/>
    </row>
    <row r="326871" spans="14:14">
      <c r="N326871" s="10"/>
    </row>
    <row r="326872" spans="14:14">
      <c r="N326872" s="10"/>
    </row>
    <row r="326873" spans="14:14">
      <c r="N326873" s="10"/>
    </row>
    <row r="326874" spans="14:14">
      <c r="N326874" s="10"/>
    </row>
    <row r="326875" spans="14:14">
      <c r="N326875" s="10"/>
    </row>
    <row r="326876" spans="14:14">
      <c r="N326876" s="10"/>
    </row>
    <row r="326877" spans="14:14">
      <c r="N326877" s="10"/>
    </row>
    <row r="326878" spans="14:14">
      <c r="N326878" s="10"/>
    </row>
    <row r="326879" spans="14:14">
      <c r="N326879" s="10"/>
    </row>
    <row r="326880" spans="14:14">
      <c r="N326880" s="10"/>
    </row>
    <row r="326881" spans="14:14">
      <c r="N326881" s="10"/>
    </row>
    <row r="326882" spans="14:14">
      <c r="N326882" s="10"/>
    </row>
    <row r="326883" spans="14:14">
      <c r="N326883" s="10"/>
    </row>
    <row r="326884" spans="14:14">
      <c r="N326884" s="10"/>
    </row>
    <row r="326885" spans="14:14">
      <c r="N326885" s="10"/>
    </row>
    <row r="326886" spans="14:14">
      <c r="N326886" s="10"/>
    </row>
    <row r="326887" spans="14:14">
      <c r="N326887" s="10"/>
    </row>
    <row r="326888" spans="14:14">
      <c r="N326888" s="10"/>
    </row>
    <row r="326889" spans="14:14">
      <c r="N326889" s="10"/>
    </row>
    <row r="326890" spans="14:14">
      <c r="N326890" s="10"/>
    </row>
    <row r="326891" spans="14:14">
      <c r="N326891" s="10"/>
    </row>
    <row r="326892" spans="14:14">
      <c r="N326892" s="10"/>
    </row>
    <row r="326893" spans="14:14">
      <c r="N326893" s="10"/>
    </row>
    <row r="326894" spans="14:14">
      <c r="N326894" s="10"/>
    </row>
    <row r="326895" spans="14:14">
      <c r="N326895" s="10"/>
    </row>
    <row r="326896" spans="14:14">
      <c r="N326896" s="10"/>
    </row>
    <row r="326897" spans="14:14">
      <c r="N326897" s="10"/>
    </row>
    <row r="326898" spans="14:14">
      <c r="N326898" s="10"/>
    </row>
    <row r="326899" spans="14:14">
      <c r="N326899" s="10"/>
    </row>
    <row r="326900" spans="14:14">
      <c r="N326900" s="10"/>
    </row>
    <row r="326901" spans="14:14">
      <c r="N326901" s="10"/>
    </row>
    <row r="326902" spans="14:14">
      <c r="N326902" s="10"/>
    </row>
    <row r="326903" spans="14:14">
      <c r="N326903" s="10"/>
    </row>
    <row r="326904" spans="14:14">
      <c r="N326904" s="10"/>
    </row>
    <row r="326905" spans="14:14">
      <c r="N326905" s="10"/>
    </row>
    <row r="326906" spans="14:14">
      <c r="N326906" s="10"/>
    </row>
    <row r="326907" spans="14:14">
      <c r="N326907" s="10"/>
    </row>
    <row r="326908" spans="14:14">
      <c r="N326908" s="10"/>
    </row>
    <row r="326909" spans="14:14">
      <c r="N326909" s="10"/>
    </row>
    <row r="326910" spans="14:14">
      <c r="N326910" s="10"/>
    </row>
    <row r="326911" spans="14:14">
      <c r="N326911" s="10"/>
    </row>
    <row r="326912" spans="14:14">
      <c r="N326912" s="10"/>
    </row>
    <row r="326913" spans="14:14">
      <c r="N326913" s="10"/>
    </row>
    <row r="326914" spans="14:14">
      <c r="N326914" s="10"/>
    </row>
    <row r="326915" spans="14:14">
      <c r="N326915" s="10"/>
    </row>
    <row r="326916" spans="14:14">
      <c r="N326916" s="10"/>
    </row>
    <row r="326917" spans="14:14">
      <c r="N326917" s="10"/>
    </row>
    <row r="326918" spans="14:14">
      <c r="N326918" s="10"/>
    </row>
    <row r="326919" spans="14:14">
      <c r="N326919" s="10"/>
    </row>
    <row r="326920" spans="14:14">
      <c r="N326920" s="10"/>
    </row>
    <row r="326921" spans="14:14">
      <c r="N326921" s="10"/>
    </row>
    <row r="326922" spans="14:14">
      <c r="N326922" s="10"/>
    </row>
    <row r="326923" spans="14:14">
      <c r="N326923" s="10"/>
    </row>
    <row r="326924" spans="14:14">
      <c r="N326924" s="10"/>
    </row>
    <row r="326925" spans="14:14">
      <c r="N326925" s="10"/>
    </row>
    <row r="326926" spans="14:14">
      <c r="N326926" s="10"/>
    </row>
    <row r="326927" spans="14:14">
      <c r="N326927" s="10"/>
    </row>
    <row r="326928" spans="14:14">
      <c r="N326928" s="10"/>
    </row>
    <row r="326929" spans="14:14">
      <c r="N326929" s="10"/>
    </row>
    <row r="326930" spans="14:14">
      <c r="N326930" s="10"/>
    </row>
    <row r="326931" spans="14:14">
      <c r="N326931" s="10"/>
    </row>
    <row r="326932" spans="14:14">
      <c r="N326932" s="10"/>
    </row>
    <row r="326933" spans="14:14">
      <c r="N326933" s="10"/>
    </row>
    <row r="326934" spans="14:14">
      <c r="N326934" s="10"/>
    </row>
    <row r="326935" spans="14:14">
      <c r="N326935" s="10"/>
    </row>
    <row r="326936" spans="14:14">
      <c r="N326936" s="10"/>
    </row>
    <row r="326937" spans="14:14">
      <c r="N326937" s="10"/>
    </row>
    <row r="326938" spans="14:14">
      <c r="N326938" s="10"/>
    </row>
    <row r="326939" spans="14:14">
      <c r="N326939" s="10"/>
    </row>
    <row r="326940" spans="14:14">
      <c r="N326940" s="10"/>
    </row>
    <row r="326941" spans="14:14">
      <c r="N326941" s="10"/>
    </row>
    <row r="326942" spans="14:14">
      <c r="N326942" s="10"/>
    </row>
    <row r="326943" spans="14:14">
      <c r="N326943" s="10"/>
    </row>
    <row r="326944" spans="14:14">
      <c r="N326944" s="10"/>
    </row>
    <row r="326945" spans="14:14">
      <c r="N326945" s="10"/>
    </row>
    <row r="326946" spans="14:14">
      <c r="N326946" s="10"/>
    </row>
    <row r="326947" spans="14:14">
      <c r="N326947" s="10"/>
    </row>
    <row r="326948" spans="14:14">
      <c r="N326948" s="10"/>
    </row>
    <row r="326949" spans="14:14">
      <c r="N326949" s="10"/>
    </row>
    <row r="326950" spans="14:14">
      <c r="N326950" s="10"/>
    </row>
    <row r="326951" spans="14:14">
      <c r="N326951" s="10"/>
    </row>
    <row r="326952" spans="14:14">
      <c r="N326952" s="10"/>
    </row>
    <row r="326953" spans="14:14">
      <c r="N326953" s="10"/>
    </row>
    <row r="326954" spans="14:14">
      <c r="N326954" s="10"/>
    </row>
    <row r="326955" spans="14:14">
      <c r="N326955" s="10"/>
    </row>
    <row r="326956" spans="14:14">
      <c r="N326956" s="10"/>
    </row>
    <row r="326957" spans="14:14">
      <c r="N326957" s="10"/>
    </row>
    <row r="326958" spans="14:14">
      <c r="N326958" s="10"/>
    </row>
    <row r="326959" spans="14:14">
      <c r="N326959" s="10"/>
    </row>
    <row r="326960" spans="14:14">
      <c r="N326960" s="10"/>
    </row>
    <row r="326961" spans="14:14">
      <c r="N326961" s="10"/>
    </row>
    <row r="326962" spans="14:14">
      <c r="N326962" s="10"/>
    </row>
    <row r="326963" spans="14:14">
      <c r="N326963" s="10"/>
    </row>
    <row r="326964" spans="14:14">
      <c r="N326964" s="10"/>
    </row>
    <row r="326965" spans="14:14">
      <c r="N326965" s="10"/>
    </row>
    <row r="326966" spans="14:14">
      <c r="N326966" s="10"/>
    </row>
    <row r="326967" spans="14:14">
      <c r="N326967" s="10"/>
    </row>
    <row r="326968" spans="14:14">
      <c r="N326968" s="10"/>
    </row>
    <row r="326969" spans="14:14">
      <c r="N326969" s="10"/>
    </row>
    <row r="326970" spans="14:14">
      <c r="N326970" s="10"/>
    </row>
    <row r="326971" spans="14:14">
      <c r="N326971" s="10"/>
    </row>
    <row r="326972" spans="14:14">
      <c r="N326972" s="10"/>
    </row>
    <row r="326973" spans="14:14">
      <c r="N326973" s="10"/>
    </row>
    <row r="326974" spans="14:14">
      <c r="N326974" s="10"/>
    </row>
    <row r="326975" spans="14:14">
      <c r="N326975" s="10"/>
    </row>
    <row r="326976" spans="14:14">
      <c r="N326976" s="10"/>
    </row>
    <row r="326977" spans="14:14">
      <c r="N326977" s="10"/>
    </row>
    <row r="326978" spans="14:14">
      <c r="N326978" s="10"/>
    </row>
    <row r="326979" spans="14:14">
      <c r="N326979" s="10"/>
    </row>
    <row r="326980" spans="14:14">
      <c r="N326980" s="10"/>
    </row>
    <row r="326981" spans="14:14">
      <c r="N326981" s="10"/>
    </row>
    <row r="326982" spans="14:14">
      <c r="N326982" s="10"/>
    </row>
    <row r="326983" spans="14:14">
      <c r="N326983" s="10"/>
    </row>
    <row r="326984" spans="14:14">
      <c r="N326984" s="10"/>
    </row>
    <row r="326985" spans="14:14">
      <c r="N326985" s="10"/>
    </row>
    <row r="326986" spans="14:14">
      <c r="N326986" s="10"/>
    </row>
    <row r="326987" spans="14:14">
      <c r="N326987" s="10"/>
    </row>
    <row r="326988" spans="14:14">
      <c r="N326988" s="10"/>
    </row>
    <row r="326989" spans="14:14">
      <c r="N326989" s="10"/>
    </row>
    <row r="326990" spans="14:14">
      <c r="N326990" s="10"/>
    </row>
    <row r="326991" spans="14:14">
      <c r="N326991" s="10"/>
    </row>
    <row r="326992" spans="14:14">
      <c r="N326992" s="10"/>
    </row>
    <row r="326993" spans="14:14">
      <c r="N326993" s="10"/>
    </row>
    <row r="326994" spans="14:14">
      <c r="N326994" s="10"/>
    </row>
    <row r="326995" spans="14:14">
      <c r="N326995" s="10"/>
    </row>
    <row r="326996" spans="14:14">
      <c r="N326996" s="10"/>
    </row>
    <row r="326997" spans="14:14">
      <c r="N326997" s="10"/>
    </row>
    <row r="326998" spans="14:14">
      <c r="N326998" s="10"/>
    </row>
    <row r="326999" spans="14:14">
      <c r="N326999" s="10"/>
    </row>
    <row r="327000" spans="14:14">
      <c r="N327000" s="10"/>
    </row>
    <row r="327001" spans="14:14">
      <c r="N327001" s="10"/>
    </row>
    <row r="327002" spans="14:14">
      <c r="N327002" s="10"/>
    </row>
    <row r="327003" spans="14:14">
      <c r="N327003" s="10"/>
    </row>
    <row r="327004" spans="14:14">
      <c r="N327004" s="10"/>
    </row>
    <row r="327005" spans="14:14">
      <c r="N327005" s="10"/>
    </row>
    <row r="327006" spans="14:14">
      <c r="N327006" s="10"/>
    </row>
    <row r="327007" spans="14:14">
      <c r="N327007" s="10"/>
    </row>
    <row r="327008" spans="14:14">
      <c r="N327008" s="10"/>
    </row>
    <row r="327009" spans="14:14">
      <c r="N327009" s="10"/>
    </row>
    <row r="327010" spans="14:14">
      <c r="N327010" s="10"/>
    </row>
    <row r="327011" spans="14:14">
      <c r="N327011" s="10"/>
    </row>
    <row r="327012" spans="14:14">
      <c r="N327012" s="10"/>
    </row>
    <row r="327013" spans="14:14">
      <c r="N327013" s="10"/>
    </row>
    <row r="327014" spans="14:14">
      <c r="N327014" s="10"/>
    </row>
    <row r="327015" spans="14:14">
      <c r="N327015" s="10"/>
    </row>
    <row r="327016" spans="14:14">
      <c r="N327016" s="10"/>
    </row>
    <row r="327017" spans="14:14">
      <c r="N327017" s="10"/>
    </row>
    <row r="327018" spans="14:14">
      <c r="N327018" s="10"/>
    </row>
    <row r="327019" spans="14:14">
      <c r="N327019" s="10"/>
    </row>
    <row r="327020" spans="14:14">
      <c r="N327020" s="10"/>
    </row>
    <row r="327021" spans="14:14">
      <c r="N327021" s="10"/>
    </row>
    <row r="327022" spans="14:14">
      <c r="N327022" s="10"/>
    </row>
    <row r="327023" spans="14:14">
      <c r="N327023" s="10"/>
    </row>
    <row r="327024" spans="14:14">
      <c r="N327024" s="10"/>
    </row>
    <row r="327025" spans="14:14">
      <c r="N327025" s="10"/>
    </row>
    <row r="327026" spans="14:14">
      <c r="N327026" s="10"/>
    </row>
    <row r="327027" spans="14:14">
      <c r="N327027" s="10"/>
    </row>
    <row r="327028" spans="14:14">
      <c r="N327028" s="10"/>
    </row>
    <row r="327029" spans="14:14">
      <c r="N327029" s="10"/>
    </row>
    <row r="327030" spans="14:14">
      <c r="N327030" s="10"/>
    </row>
    <row r="327031" spans="14:14">
      <c r="N327031" s="10"/>
    </row>
    <row r="327032" spans="14:14">
      <c r="N327032" s="10"/>
    </row>
    <row r="327033" spans="14:14">
      <c r="N327033" s="10"/>
    </row>
    <row r="327034" spans="14:14">
      <c r="N327034" s="10"/>
    </row>
    <row r="327035" spans="14:14">
      <c r="N327035" s="10"/>
    </row>
    <row r="327036" spans="14:14">
      <c r="N327036" s="10"/>
    </row>
    <row r="327037" spans="14:14">
      <c r="N327037" s="10"/>
    </row>
    <row r="327038" spans="14:14">
      <c r="N327038" s="10"/>
    </row>
    <row r="327039" spans="14:14">
      <c r="N327039" s="10"/>
    </row>
    <row r="327040" spans="14:14">
      <c r="N327040" s="10"/>
    </row>
    <row r="327041" spans="14:14">
      <c r="N327041" s="10"/>
    </row>
    <row r="327042" spans="14:14">
      <c r="N327042" s="10"/>
    </row>
    <row r="327043" spans="14:14">
      <c r="N327043" s="10"/>
    </row>
    <row r="327044" spans="14:14">
      <c r="N327044" s="10"/>
    </row>
    <row r="327045" spans="14:14">
      <c r="N327045" s="10"/>
    </row>
    <row r="327046" spans="14:14">
      <c r="N327046" s="10"/>
    </row>
    <row r="327047" spans="14:14">
      <c r="N327047" s="10"/>
    </row>
    <row r="327048" spans="14:14">
      <c r="N327048" s="10"/>
    </row>
    <row r="327049" spans="14:14">
      <c r="N327049" s="10"/>
    </row>
    <row r="327050" spans="14:14">
      <c r="N327050" s="10"/>
    </row>
    <row r="327051" spans="14:14">
      <c r="N327051" s="10"/>
    </row>
    <row r="327052" spans="14:14">
      <c r="N327052" s="10"/>
    </row>
    <row r="327053" spans="14:14">
      <c r="N327053" s="10"/>
    </row>
    <row r="327054" spans="14:14">
      <c r="N327054" s="10"/>
    </row>
    <row r="327055" spans="14:14">
      <c r="N327055" s="10"/>
    </row>
    <row r="327056" spans="14:14">
      <c r="N327056" s="10"/>
    </row>
    <row r="327057" spans="14:14">
      <c r="N327057" s="10"/>
    </row>
    <row r="327058" spans="14:14">
      <c r="N327058" s="10"/>
    </row>
    <row r="327059" spans="14:14">
      <c r="N327059" s="10"/>
    </row>
    <row r="327060" spans="14:14">
      <c r="N327060" s="10"/>
    </row>
    <row r="327061" spans="14:14">
      <c r="N327061" s="10"/>
    </row>
    <row r="327062" spans="14:14">
      <c r="N327062" s="10"/>
    </row>
    <row r="327063" spans="14:14">
      <c r="N327063" s="10"/>
    </row>
    <row r="327064" spans="14:14">
      <c r="N327064" s="10"/>
    </row>
    <row r="327065" spans="14:14">
      <c r="N327065" s="10"/>
    </row>
    <row r="327066" spans="14:14">
      <c r="N327066" s="10"/>
    </row>
    <row r="327067" spans="14:14">
      <c r="N327067" s="10"/>
    </row>
    <row r="327068" spans="14:14">
      <c r="N327068" s="10"/>
    </row>
    <row r="327069" spans="14:14">
      <c r="N327069" s="10"/>
    </row>
    <row r="327070" spans="14:14">
      <c r="N327070" s="10"/>
    </row>
    <row r="327071" spans="14:14">
      <c r="N327071" s="10"/>
    </row>
    <row r="327072" spans="14:14">
      <c r="N327072" s="10"/>
    </row>
    <row r="327073" spans="14:14">
      <c r="N327073" s="10"/>
    </row>
    <row r="327074" spans="14:14">
      <c r="N327074" s="10"/>
    </row>
    <row r="327075" spans="14:14">
      <c r="N327075" s="10"/>
    </row>
    <row r="327076" spans="14:14">
      <c r="N327076" s="10"/>
    </row>
    <row r="327077" spans="14:14">
      <c r="N327077" s="10"/>
    </row>
    <row r="327078" spans="14:14">
      <c r="N327078" s="10"/>
    </row>
    <row r="327079" spans="14:14">
      <c r="N327079" s="10"/>
    </row>
    <row r="327080" spans="14:14">
      <c r="N327080" s="10"/>
    </row>
    <row r="327081" spans="14:14">
      <c r="N327081" s="10"/>
    </row>
    <row r="327082" spans="14:14">
      <c r="N327082" s="10"/>
    </row>
    <row r="327083" spans="14:14">
      <c r="N327083" s="10"/>
    </row>
    <row r="327084" spans="14:14">
      <c r="N327084" s="10"/>
    </row>
    <row r="327085" spans="14:14">
      <c r="N327085" s="10"/>
    </row>
    <row r="327086" spans="14:14">
      <c r="N327086" s="10"/>
    </row>
    <row r="327087" spans="14:14">
      <c r="N327087" s="10"/>
    </row>
    <row r="327088" spans="14:14">
      <c r="N327088" s="10"/>
    </row>
    <row r="327089" spans="14:14">
      <c r="N327089" s="10"/>
    </row>
    <row r="327090" spans="14:14">
      <c r="N327090" s="10"/>
    </row>
    <row r="327091" spans="14:14">
      <c r="N327091" s="10"/>
    </row>
    <row r="327092" spans="14:14">
      <c r="N327092" s="10"/>
    </row>
    <row r="327093" spans="14:14">
      <c r="N327093" s="10"/>
    </row>
    <row r="327094" spans="14:14">
      <c r="N327094" s="10"/>
    </row>
    <row r="327095" spans="14:14">
      <c r="N327095" s="10"/>
    </row>
    <row r="327096" spans="14:14">
      <c r="N327096" s="10"/>
    </row>
    <row r="327097" spans="14:14">
      <c r="N327097" s="10"/>
    </row>
    <row r="327098" spans="14:14">
      <c r="N327098" s="10"/>
    </row>
    <row r="327099" spans="14:14">
      <c r="N327099" s="10"/>
    </row>
    <row r="327100" spans="14:14">
      <c r="N327100" s="10"/>
    </row>
    <row r="327101" spans="14:14">
      <c r="N327101" s="10"/>
    </row>
    <row r="327102" spans="14:14">
      <c r="N327102" s="10"/>
    </row>
    <row r="327103" spans="14:14">
      <c r="N327103" s="10"/>
    </row>
    <row r="327104" spans="14:14">
      <c r="N327104" s="10"/>
    </row>
    <row r="327105" spans="14:14">
      <c r="N327105" s="10"/>
    </row>
    <row r="327106" spans="14:14">
      <c r="N327106" s="10"/>
    </row>
    <row r="327107" spans="14:14">
      <c r="N327107" s="10"/>
    </row>
    <row r="327108" spans="14:14">
      <c r="N327108" s="10"/>
    </row>
    <row r="327109" spans="14:14">
      <c r="N327109" s="10"/>
    </row>
    <row r="327110" spans="14:14">
      <c r="N327110" s="10"/>
    </row>
    <row r="327111" spans="14:14">
      <c r="N327111" s="10"/>
    </row>
    <row r="327112" spans="14:14">
      <c r="N327112" s="10"/>
    </row>
    <row r="327113" spans="14:14">
      <c r="N327113" s="10"/>
    </row>
    <row r="327114" spans="14:14">
      <c r="N327114" s="10"/>
    </row>
    <row r="327115" spans="14:14">
      <c r="N327115" s="10"/>
    </row>
    <row r="327116" spans="14:14">
      <c r="N327116" s="10"/>
    </row>
    <row r="327117" spans="14:14">
      <c r="N327117" s="10"/>
    </row>
    <row r="327118" spans="14:14">
      <c r="N327118" s="10"/>
    </row>
    <row r="327119" spans="14:14">
      <c r="N327119" s="10"/>
    </row>
    <row r="327120" spans="14:14">
      <c r="N327120" s="10"/>
    </row>
    <row r="327121" spans="14:14">
      <c r="N327121" s="10"/>
    </row>
    <row r="327122" spans="14:14">
      <c r="N327122" s="10"/>
    </row>
    <row r="327123" spans="14:14">
      <c r="N327123" s="10"/>
    </row>
    <row r="327124" spans="14:14">
      <c r="N327124" s="10"/>
    </row>
    <row r="327125" spans="14:14">
      <c r="N327125" s="10"/>
    </row>
    <row r="327126" spans="14:14">
      <c r="N327126" s="10"/>
    </row>
    <row r="327127" spans="14:14">
      <c r="N327127" s="10"/>
    </row>
    <row r="327128" spans="14:14">
      <c r="N327128" s="10"/>
    </row>
    <row r="327129" spans="14:14">
      <c r="N327129" s="10"/>
    </row>
    <row r="327130" spans="14:14">
      <c r="N327130" s="10"/>
    </row>
    <row r="327131" spans="14:14">
      <c r="N327131" s="10"/>
    </row>
    <row r="327132" spans="14:14">
      <c r="N327132" s="10"/>
    </row>
    <row r="327133" spans="14:14">
      <c r="N327133" s="10"/>
    </row>
    <row r="327134" spans="14:14">
      <c r="N327134" s="10"/>
    </row>
    <row r="327135" spans="14:14">
      <c r="N327135" s="10"/>
    </row>
    <row r="327136" spans="14:14">
      <c r="N327136" s="10"/>
    </row>
    <row r="327137" spans="14:14">
      <c r="N327137" s="10"/>
    </row>
    <row r="327138" spans="14:14">
      <c r="N327138" s="10"/>
    </row>
    <row r="327139" spans="14:14">
      <c r="N327139" s="10"/>
    </row>
    <row r="327140" spans="14:14">
      <c r="N327140" s="10"/>
    </row>
    <row r="327141" spans="14:14">
      <c r="N327141" s="10"/>
    </row>
    <row r="327142" spans="14:14">
      <c r="N327142" s="10"/>
    </row>
    <row r="327143" spans="14:14">
      <c r="N327143" s="10"/>
    </row>
    <row r="327144" spans="14:14">
      <c r="N327144" s="10"/>
    </row>
    <row r="327145" spans="14:14">
      <c r="N327145" s="10"/>
    </row>
    <row r="327146" spans="14:14">
      <c r="N327146" s="10"/>
    </row>
    <row r="327147" spans="14:14">
      <c r="N327147" s="10"/>
    </row>
    <row r="327148" spans="14:14">
      <c r="N327148" s="10"/>
    </row>
    <row r="327149" spans="14:14">
      <c r="N327149" s="10"/>
    </row>
    <row r="327150" spans="14:14">
      <c r="N327150" s="10"/>
    </row>
    <row r="327151" spans="14:14">
      <c r="N327151" s="10"/>
    </row>
    <row r="327152" spans="14:14">
      <c r="N327152" s="10"/>
    </row>
    <row r="327153" spans="14:14">
      <c r="N327153" s="10"/>
    </row>
    <row r="327154" spans="14:14">
      <c r="N327154" s="10"/>
    </row>
    <row r="327155" spans="14:14">
      <c r="N327155" s="10"/>
    </row>
    <row r="327156" spans="14:14">
      <c r="N327156" s="10"/>
    </row>
    <row r="327157" spans="14:14">
      <c r="N327157" s="10"/>
    </row>
    <row r="327158" spans="14:14">
      <c r="N327158" s="10"/>
    </row>
    <row r="327159" spans="14:14">
      <c r="N327159" s="10"/>
    </row>
    <row r="327160" spans="14:14">
      <c r="N327160" s="10"/>
    </row>
    <row r="327161" spans="14:14">
      <c r="N327161" s="10"/>
    </row>
    <row r="327162" spans="14:14">
      <c r="N327162" s="10"/>
    </row>
    <row r="327163" spans="14:14">
      <c r="N327163" s="10"/>
    </row>
    <row r="327164" spans="14:14">
      <c r="N327164" s="10"/>
    </row>
    <row r="327165" spans="14:14">
      <c r="N327165" s="10"/>
    </row>
    <row r="327166" spans="14:14">
      <c r="N327166" s="10"/>
    </row>
    <row r="327167" spans="14:14">
      <c r="N327167" s="10"/>
    </row>
    <row r="327168" spans="14:14">
      <c r="N327168" s="10"/>
    </row>
    <row r="327169" spans="14:14">
      <c r="N327169" s="10"/>
    </row>
    <row r="327170" spans="14:14">
      <c r="N327170" s="10"/>
    </row>
    <row r="327171" spans="14:14">
      <c r="N327171" s="10"/>
    </row>
    <row r="327172" spans="14:14">
      <c r="N327172" s="10"/>
    </row>
    <row r="327173" spans="14:14">
      <c r="N327173" s="10"/>
    </row>
    <row r="327174" spans="14:14">
      <c r="N327174" s="10"/>
    </row>
    <row r="327175" spans="14:14">
      <c r="N327175" s="10"/>
    </row>
    <row r="327176" spans="14:14">
      <c r="N327176" s="10"/>
    </row>
    <row r="327177" spans="14:14">
      <c r="N327177" s="10"/>
    </row>
    <row r="327178" spans="14:14">
      <c r="N327178" s="10"/>
    </row>
    <row r="327179" spans="14:14">
      <c r="N327179" s="10"/>
    </row>
    <row r="327180" spans="14:14">
      <c r="N327180" s="10"/>
    </row>
    <row r="327181" spans="14:14">
      <c r="N327181" s="10"/>
    </row>
    <row r="327182" spans="14:14">
      <c r="N327182" s="10"/>
    </row>
    <row r="327183" spans="14:14">
      <c r="N327183" s="10"/>
    </row>
    <row r="327184" spans="14:14">
      <c r="N327184" s="10"/>
    </row>
    <row r="327185" spans="14:14">
      <c r="N327185" s="10"/>
    </row>
    <row r="327186" spans="14:14">
      <c r="N327186" s="10"/>
    </row>
    <row r="327187" spans="14:14">
      <c r="N327187" s="10"/>
    </row>
    <row r="327188" spans="14:14">
      <c r="N327188" s="10"/>
    </row>
    <row r="327189" spans="14:14">
      <c r="N327189" s="10"/>
    </row>
    <row r="327190" spans="14:14">
      <c r="N327190" s="10"/>
    </row>
    <row r="327191" spans="14:14">
      <c r="N327191" s="10"/>
    </row>
    <row r="327192" spans="14:14">
      <c r="N327192" s="10"/>
    </row>
    <row r="327193" spans="14:14">
      <c r="N327193" s="10"/>
    </row>
    <row r="327194" spans="14:14">
      <c r="N327194" s="10"/>
    </row>
    <row r="327195" spans="14:14">
      <c r="N327195" s="10"/>
    </row>
    <row r="327196" spans="14:14">
      <c r="N327196" s="10"/>
    </row>
    <row r="327197" spans="14:14">
      <c r="N327197" s="10"/>
    </row>
    <row r="327198" spans="14:14">
      <c r="N327198" s="10"/>
    </row>
    <row r="327199" spans="14:14">
      <c r="N327199" s="10"/>
    </row>
    <row r="327200" spans="14:14">
      <c r="N327200" s="10"/>
    </row>
    <row r="327201" spans="14:14">
      <c r="N327201" s="10"/>
    </row>
    <row r="327202" spans="14:14">
      <c r="N327202" s="10"/>
    </row>
    <row r="327203" spans="14:14">
      <c r="N327203" s="10"/>
    </row>
    <row r="327204" spans="14:14">
      <c r="N327204" s="10"/>
    </row>
    <row r="327205" spans="14:14">
      <c r="N327205" s="10"/>
    </row>
    <row r="327206" spans="14:14">
      <c r="N327206" s="10"/>
    </row>
    <row r="327207" spans="14:14">
      <c r="N327207" s="10"/>
    </row>
    <row r="327208" spans="14:14">
      <c r="N327208" s="10"/>
    </row>
    <row r="327209" spans="14:14">
      <c r="N327209" s="10"/>
    </row>
    <row r="327210" spans="14:14">
      <c r="N327210" s="10"/>
    </row>
    <row r="327211" spans="14:14">
      <c r="N327211" s="10"/>
    </row>
    <row r="327212" spans="14:14">
      <c r="N327212" s="10"/>
    </row>
    <row r="327213" spans="14:14">
      <c r="N327213" s="10"/>
    </row>
    <row r="327214" spans="14:14">
      <c r="N327214" s="10"/>
    </row>
    <row r="327215" spans="14:14">
      <c r="N327215" s="10"/>
    </row>
    <row r="327216" spans="14:14">
      <c r="N327216" s="10"/>
    </row>
    <row r="327217" spans="14:14">
      <c r="N327217" s="10"/>
    </row>
    <row r="327218" spans="14:14">
      <c r="N327218" s="10"/>
    </row>
    <row r="327219" spans="14:14">
      <c r="N327219" s="10"/>
    </row>
    <row r="327220" spans="14:14">
      <c r="N327220" s="10"/>
    </row>
    <row r="327221" spans="14:14">
      <c r="N327221" s="10"/>
    </row>
    <row r="327222" spans="14:14">
      <c r="N327222" s="10"/>
    </row>
    <row r="327223" spans="14:14">
      <c r="N327223" s="10"/>
    </row>
    <row r="327224" spans="14:14">
      <c r="N327224" s="10"/>
    </row>
    <row r="327225" spans="14:14">
      <c r="N327225" s="10"/>
    </row>
    <row r="327226" spans="14:14">
      <c r="N327226" s="10"/>
    </row>
    <row r="327227" spans="14:14">
      <c r="N327227" s="10"/>
    </row>
    <row r="327228" spans="14:14">
      <c r="N327228" s="10"/>
    </row>
    <row r="327229" spans="14:14">
      <c r="N327229" s="10"/>
    </row>
    <row r="327230" spans="14:14">
      <c r="N327230" s="10"/>
    </row>
    <row r="327231" spans="14:14">
      <c r="N327231" s="10"/>
    </row>
    <row r="327232" spans="14:14">
      <c r="N327232" s="10"/>
    </row>
    <row r="327233" spans="14:14">
      <c r="N327233" s="10"/>
    </row>
    <row r="327234" spans="14:14">
      <c r="N327234" s="10"/>
    </row>
    <row r="327235" spans="14:14">
      <c r="N327235" s="10"/>
    </row>
    <row r="327236" spans="14:14">
      <c r="N327236" s="10"/>
    </row>
    <row r="327237" spans="14:14">
      <c r="N327237" s="10"/>
    </row>
    <row r="327238" spans="14:14">
      <c r="N327238" s="10"/>
    </row>
    <row r="327239" spans="14:14">
      <c r="N327239" s="10"/>
    </row>
    <row r="327240" spans="14:14">
      <c r="N327240" s="10"/>
    </row>
    <row r="327241" spans="14:14">
      <c r="N327241" s="10"/>
    </row>
    <row r="327242" spans="14:14">
      <c r="N327242" s="10"/>
    </row>
    <row r="327243" spans="14:14">
      <c r="N327243" s="10"/>
    </row>
    <row r="327244" spans="14:14">
      <c r="N327244" s="10"/>
    </row>
    <row r="327245" spans="14:14">
      <c r="N327245" s="10"/>
    </row>
    <row r="327246" spans="14:14">
      <c r="N327246" s="10"/>
    </row>
    <row r="327247" spans="14:14">
      <c r="N327247" s="10"/>
    </row>
    <row r="327248" spans="14:14">
      <c r="N327248" s="10"/>
    </row>
    <row r="327249" spans="14:14">
      <c r="N327249" s="10"/>
    </row>
    <row r="327250" spans="14:14">
      <c r="N327250" s="10"/>
    </row>
    <row r="327251" spans="14:14">
      <c r="N327251" s="10"/>
    </row>
    <row r="327252" spans="14:14">
      <c r="N327252" s="10"/>
    </row>
    <row r="327253" spans="14:14">
      <c r="N327253" s="10"/>
    </row>
    <row r="327254" spans="14:14">
      <c r="N327254" s="10"/>
    </row>
    <row r="327255" spans="14:14">
      <c r="N327255" s="10"/>
    </row>
    <row r="327256" spans="14:14">
      <c r="N327256" s="10"/>
    </row>
    <row r="327257" spans="14:14">
      <c r="N327257" s="10"/>
    </row>
    <row r="327258" spans="14:14">
      <c r="N327258" s="10"/>
    </row>
    <row r="327259" spans="14:14">
      <c r="N327259" s="10"/>
    </row>
    <row r="327260" spans="14:14">
      <c r="N327260" s="10"/>
    </row>
    <row r="327261" spans="14:14">
      <c r="N327261" s="10"/>
    </row>
    <row r="327262" spans="14:14">
      <c r="N327262" s="10"/>
    </row>
    <row r="327263" spans="14:14">
      <c r="N327263" s="10"/>
    </row>
    <row r="327264" spans="14:14">
      <c r="N327264" s="10"/>
    </row>
    <row r="327265" spans="14:14">
      <c r="N327265" s="10"/>
    </row>
    <row r="327266" spans="14:14">
      <c r="N327266" s="10"/>
    </row>
    <row r="327267" spans="14:14">
      <c r="N327267" s="10"/>
    </row>
    <row r="327268" spans="14:14">
      <c r="N327268" s="10"/>
    </row>
    <row r="327269" spans="14:14">
      <c r="N327269" s="10"/>
    </row>
    <row r="327270" spans="14:14">
      <c r="N327270" s="10"/>
    </row>
    <row r="327271" spans="14:14">
      <c r="N327271" s="10"/>
    </row>
    <row r="327272" spans="14:14">
      <c r="N327272" s="10"/>
    </row>
    <row r="327273" spans="14:14">
      <c r="N327273" s="10"/>
    </row>
    <row r="327274" spans="14:14">
      <c r="N327274" s="10"/>
    </row>
    <row r="327275" spans="14:14">
      <c r="N327275" s="10"/>
    </row>
    <row r="327276" spans="14:14">
      <c r="N327276" s="10"/>
    </row>
    <row r="327277" spans="14:14">
      <c r="N327277" s="10"/>
    </row>
    <row r="327278" spans="14:14">
      <c r="N327278" s="10"/>
    </row>
    <row r="327279" spans="14:14">
      <c r="N327279" s="10"/>
    </row>
    <row r="327280" spans="14:14">
      <c r="N327280" s="10"/>
    </row>
    <row r="327281" spans="14:14">
      <c r="N327281" s="10"/>
    </row>
    <row r="327282" spans="14:14">
      <c r="N327282" s="10"/>
    </row>
    <row r="327283" spans="14:14">
      <c r="N327283" s="10"/>
    </row>
    <row r="327284" spans="14:14">
      <c r="N327284" s="10"/>
    </row>
    <row r="327285" spans="14:14">
      <c r="N327285" s="10"/>
    </row>
    <row r="327286" spans="14:14">
      <c r="N327286" s="10"/>
    </row>
    <row r="327287" spans="14:14">
      <c r="N327287" s="10"/>
    </row>
    <row r="327288" spans="14:14">
      <c r="N327288" s="10"/>
    </row>
    <row r="327289" spans="14:14">
      <c r="N327289" s="10"/>
    </row>
    <row r="327290" spans="14:14">
      <c r="N327290" s="10"/>
    </row>
    <row r="327291" spans="14:14">
      <c r="N327291" s="10"/>
    </row>
    <row r="327292" spans="14:14">
      <c r="N327292" s="10"/>
    </row>
    <row r="327293" spans="14:14">
      <c r="N327293" s="10"/>
    </row>
    <row r="327294" spans="14:14">
      <c r="N327294" s="10"/>
    </row>
    <row r="327295" spans="14:14">
      <c r="N327295" s="10"/>
    </row>
    <row r="327296" spans="14:14">
      <c r="N327296" s="10"/>
    </row>
    <row r="327297" spans="14:14">
      <c r="N327297" s="10"/>
    </row>
    <row r="327298" spans="14:14">
      <c r="N327298" s="10"/>
    </row>
    <row r="327299" spans="14:14">
      <c r="N327299" s="10"/>
    </row>
    <row r="327300" spans="14:14">
      <c r="N327300" s="10"/>
    </row>
    <row r="327301" spans="14:14">
      <c r="N327301" s="10"/>
    </row>
    <row r="327302" spans="14:14">
      <c r="N327302" s="10"/>
    </row>
    <row r="327303" spans="14:14">
      <c r="N327303" s="10"/>
    </row>
    <row r="327304" spans="14:14">
      <c r="N327304" s="10"/>
    </row>
    <row r="327305" spans="14:14">
      <c r="N327305" s="10"/>
    </row>
    <row r="327306" spans="14:14">
      <c r="N327306" s="10"/>
    </row>
    <row r="327307" spans="14:14">
      <c r="N327307" s="10"/>
    </row>
    <row r="327308" spans="14:14">
      <c r="N327308" s="10"/>
    </row>
    <row r="327309" spans="14:14">
      <c r="N327309" s="10"/>
    </row>
    <row r="327310" spans="14:14">
      <c r="N327310" s="10"/>
    </row>
    <row r="327311" spans="14:14">
      <c r="N327311" s="10"/>
    </row>
    <row r="327312" spans="14:14">
      <c r="N327312" s="10"/>
    </row>
    <row r="327313" spans="14:14">
      <c r="N327313" s="10"/>
    </row>
    <row r="327314" spans="14:14">
      <c r="N327314" s="10"/>
    </row>
    <row r="327315" spans="14:14">
      <c r="N327315" s="10"/>
    </row>
    <row r="327316" spans="14:14">
      <c r="N327316" s="10"/>
    </row>
    <row r="327317" spans="14:14">
      <c r="N327317" s="10"/>
    </row>
    <row r="327318" spans="14:14">
      <c r="N327318" s="10"/>
    </row>
    <row r="327319" spans="14:14">
      <c r="N327319" s="10"/>
    </row>
    <row r="327320" spans="14:14">
      <c r="N327320" s="10"/>
    </row>
    <row r="327321" spans="14:14">
      <c r="N327321" s="10"/>
    </row>
    <row r="327322" spans="14:14">
      <c r="N327322" s="10"/>
    </row>
    <row r="327323" spans="14:14">
      <c r="N327323" s="10"/>
    </row>
    <row r="327324" spans="14:14">
      <c r="N327324" s="10"/>
    </row>
    <row r="327325" spans="14:14">
      <c r="N327325" s="10"/>
    </row>
    <row r="327326" spans="14:14">
      <c r="N327326" s="10"/>
    </row>
    <row r="327327" spans="14:14">
      <c r="N327327" s="10"/>
    </row>
    <row r="327328" spans="14:14">
      <c r="N327328" s="10"/>
    </row>
    <row r="327329" spans="14:14">
      <c r="N327329" s="10"/>
    </row>
    <row r="327330" spans="14:14">
      <c r="N327330" s="10"/>
    </row>
    <row r="327331" spans="14:14">
      <c r="N327331" s="10"/>
    </row>
    <row r="327332" spans="14:14">
      <c r="N327332" s="10"/>
    </row>
    <row r="327333" spans="14:14">
      <c r="N327333" s="10"/>
    </row>
    <row r="327334" spans="14:14">
      <c r="N327334" s="10"/>
    </row>
    <row r="327335" spans="14:14">
      <c r="N327335" s="10"/>
    </row>
    <row r="327336" spans="14:14">
      <c r="N327336" s="10"/>
    </row>
    <row r="327337" spans="14:14">
      <c r="N327337" s="10"/>
    </row>
    <row r="327338" spans="14:14">
      <c r="N327338" s="10"/>
    </row>
    <row r="327339" spans="14:14">
      <c r="N327339" s="10"/>
    </row>
    <row r="327340" spans="14:14">
      <c r="N327340" s="10"/>
    </row>
    <row r="327341" spans="14:14">
      <c r="N327341" s="10"/>
    </row>
    <row r="327342" spans="14:14">
      <c r="N327342" s="10"/>
    </row>
    <row r="327343" spans="14:14">
      <c r="N327343" s="10"/>
    </row>
    <row r="327344" spans="14:14">
      <c r="N327344" s="10"/>
    </row>
    <row r="327345" spans="14:14">
      <c r="N327345" s="10"/>
    </row>
    <row r="327346" spans="14:14">
      <c r="N327346" s="10"/>
    </row>
    <row r="327347" spans="14:14">
      <c r="N327347" s="10"/>
    </row>
    <row r="327348" spans="14:14">
      <c r="N327348" s="10"/>
    </row>
    <row r="327349" spans="14:14">
      <c r="N327349" s="10"/>
    </row>
    <row r="327350" spans="14:14">
      <c r="N327350" s="10"/>
    </row>
    <row r="327351" spans="14:14">
      <c r="N327351" s="10"/>
    </row>
    <row r="327352" spans="14:14">
      <c r="N327352" s="10"/>
    </row>
    <row r="327353" spans="14:14">
      <c r="N327353" s="10"/>
    </row>
    <row r="327354" spans="14:14">
      <c r="N327354" s="10"/>
    </row>
    <row r="327355" spans="14:14">
      <c r="N327355" s="10"/>
    </row>
    <row r="327356" spans="14:14">
      <c r="N327356" s="10"/>
    </row>
    <row r="327357" spans="14:14">
      <c r="N327357" s="10"/>
    </row>
    <row r="327358" spans="14:14">
      <c r="N327358" s="10"/>
    </row>
    <row r="327359" spans="14:14">
      <c r="N327359" s="10"/>
    </row>
    <row r="327360" spans="14:14">
      <c r="N327360" s="10"/>
    </row>
    <row r="327361" spans="14:14">
      <c r="N327361" s="10"/>
    </row>
    <row r="327362" spans="14:14">
      <c r="N327362" s="10"/>
    </row>
    <row r="327363" spans="14:14">
      <c r="N327363" s="10"/>
    </row>
    <row r="327364" spans="14:14">
      <c r="N327364" s="10"/>
    </row>
    <row r="327365" spans="14:14">
      <c r="N327365" s="10"/>
    </row>
    <row r="327366" spans="14:14">
      <c r="N327366" s="10"/>
    </row>
    <row r="327367" spans="14:14">
      <c r="N327367" s="10"/>
    </row>
    <row r="327368" spans="14:14">
      <c r="N327368" s="10"/>
    </row>
    <row r="327369" spans="14:14">
      <c r="N327369" s="10"/>
    </row>
    <row r="327370" spans="14:14">
      <c r="N327370" s="10"/>
    </row>
    <row r="327371" spans="14:14">
      <c r="N327371" s="10"/>
    </row>
    <row r="327372" spans="14:14">
      <c r="N327372" s="10"/>
    </row>
    <row r="327373" spans="14:14">
      <c r="N327373" s="10"/>
    </row>
    <row r="327374" spans="14:14">
      <c r="N327374" s="10"/>
    </row>
    <row r="327375" spans="14:14">
      <c r="N327375" s="10"/>
    </row>
    <row r="327376" spans="14:14">
      <c r="N327376" s="10"/>
    </row>
    <row r="327377" spans="14:14">
      <c r="N327377" s="10"/>
    </row>
    <row r="327378" spans="14:14">
      <c r="N327378" s="10"/>
    </row>
    <row r="327379" spans="14:14">
      <c r="N327379" s="10"/>
    </row>
    <row r="327380" spans="14:14">
      <c r="N327380" s="10"/>
    </row>
    <row r="327381" spans="14:14">
      <c r="N327381" s="10"/>
    </row>
    <row r="327382" spans="14:14">
      <c r="N327382" s="10"/>
    </row>
    <row r="327383" spans="14:14">
      <c r="N327383" s="10"/>
    </row>
    <row r="327384" spans="14:14">
      <c r="N327384" s="10"/>
    </row>
    <row r="327385" spans="14:14">
      <c r="N327385" s="10"/>
    </row>
    <row r="327386" spans="14:14">
      <c r="N327386" s="10"/>
    </row>
    <row r="327387" spans="14:14">
      <c r="N327387" s="10"/>
    </row>
    <row r="327388" spans="14:14">
      <c r="N327388" s="10"/>
    </row>
    <row r="327389" spans="14:14">
      <c r="N327389" s="10"/>
    </row>
    <row r="327390" spans="14:14">
      <c r="N327390" s="10"/>
    </row>
    <row r="327391" spans="14:14">
      <c r="N327391" s="10"/>
    </row>
    <row r="327392" spans="14:14">
      <c r="N327392" s="10"/>
    </row>
    <row r="327393" spans="14:14">
      <c r="N327393" s="10"/>
    </row>
    <row r="327394" spans="14:14">
      <c r="N327394" s="10"/>
    </row>
    <row r="327395" spans="14:14">
      <c r="N327395" s="10"/>
    </row>
    <row r="327396" spans="14:14">
      <c r="N327396" s="10"/>
    </row>
    <row r="327397" spans="14:14">
      <c r="N327397" s="10"/>
    </row>
    <row r="327398" spans="14:14">
      <c r="N327398" s="10"/>
    </row>
    <row r="327399" spans="14:14">
      <c r="N327399" s="10"/>
    </row>
    <row r="327400" spans="14:14">
      <c r="N327400" s="10"/>
    </row>
    <row r="327401" spans="14:14">
      <c r="N327401" s="10"/>
    </row>
    <row r="327402" spans="14:14">
      <c r="N327402" s="10"/>
    </row>
    <row r="327403" spans="14:14">
      <c r="N327403" s="10"/>
    </row>
    <row r="327404" spans="14:14">
      <c r="N327404" s="10"/>
    </row>
    <row r="327405" spans="14:14">
      <c r="N327405" s="10"/>
    </row>
    <row r="327406" spans="14:14">
      <c r="N327406" s="10"/>
    </row>
    <row r="327407" spans="14:14">
      <c r="N327407" s="10"/>
    </row>
    <row r="327408" spans="14:14">
      <c r="N327408" s="10"/>
    </row>
    <row r="327409" spans="14:14">
      <c r="N327409" s="10"/>
    </row>
    <row r="327410" spans="14:14">
      <c r="N327410" s="10"/>
    </row>
    <row r="327411" spans="14:14">
      <c r="N327411" s="10"/>
    </row>
    <row r="327412" spans="14:14">
      <c r="N327412" s="10"/>
    </row>
    <row r="327413" spans="14:14">
      <c r="N327413" s="10"/>
    </row>
    <row r="327414" spans="14:14">
      <c r="N327414" s="10"/>
    </row>
    <row r="327415" spans="14:14">
      <c r="N327415" s="10"/>
    </row>
    <row r="327416" spans="14:14">
      <c r="N327416" s="10"/>
    </row>
    <row r="327417" spans="14:14">
      <c r="N327417" s="10"/>
    </row>
    <row r="327418" spans="14:14">
      <c r="N327418" s="10"/>
    </row>
    <row r="327419" spans="14:14">
      <c r="N327419" s="10"/>
    </row>
    <row r="327420" spans="14:14">
      <c r="N327420" s="10"/>
    </row>
    <row r="327421" spans="14:14">
      <c r="N327421" s="10"/>
    </row>
    <row r="327422" spans="14:14">
      <c r="N327422" s="10"/>
    </row>
    <row r="327423" spans="14:14">
      <c r="N327423" s="10"/>
    </row>
    <row r="327424" spans="14:14">
      <c r="N327424" s="10"/>
    </row>
    <row r="327425" spans="14:14">
      <c r="N327425" s="10"/>
    </row>
    <row r="327426" spans="14:14">
      <c r="N327426" s="10"/>
    </row>
    <row r="327427" spans="14:14">
      <c r="N327427" s="10"/>
    </row>
    <row r="327428" spans="14:14">
      <c r="N327428" s="10"/>
    </row>
    <row r="327429" spans="14:14">
      <c r="N327429" s="10"/>
    </row>
    <row r="327430" spans="14:14">
      <c r="N327430" s="10"/>
    </row>
    <row r="327431" spans="14:14">
      <c r="N327431" s="10"/>
    </row>
    <row r="327432" spans="14:14">
      <c r="N327432" s="10"/>
    </row>
    <row r="327433" spans="14:14">
      <c r="N327433" s="10"/>
    </row>
    <row r="327434" spans="14:14">
      <c r="N327434" s="10"/>
    </row>
    <row r="327435" spans="14:14">
      <c r="N327435" s="10"/>
    </row>
    <row r="327436" spans="14:14">
      <c r="N327436" s="10"/>
    </row>
    <row r="327437" spans="14:14">
      <c r="N327437" s="10"/>
    </row>
    <row r="327438" spans="14:14">
      <c r="N327438" s="10"/>
    </row>
    <row r="327439" spans="14:14">
      <c r="N327439" s="10"/>
    </row>
    <row r="327440" spans="14:14">
      <c r="N327440" s="10"/>
    </row>
    <row r="327441" spans="14:14">
      <c r="N327441" s="10"/>
    </row>
    <row r="327442" spans="14:14">
      <c r="N327442" s="10"/>
    </row>
    <row r="327443" spans="14:14">
      <c r="N327443" s="10"/>
    </row>
    <row r="327444" spans="14:14">
      <c r="N327444" s="10"/>
    </row>
    <row r="327445" spans="14:14">
      <c r="N327445" s="10"/>
    </row>
    <row r="327446" spans="14:14">
      <c r="N327446" s="10"/>
    </row>
    <row r="327447" spans="14:14">
      <c r="N327447" s="10"/>
    </row>
    <row r="327448" spans="14:14">
      <c r="N327448" s="10"/>
    </row>
    <row r="327449" spans="14:14">
      <c r="N327449" s="10"/>
    </row>
    <row r="327450" spans="14:14">
      <c r="N327450" s="10"/>
    </row>
    <row r="327451" spans="14:14">
      <c r="N327451" s="10"/>
    </row>
    <row r="327452" spans="14:14">
      <c r="N327452" s="10"/>
    </row>
    <row r="327453" spans="14:14">
      <c r="N327453" s="10"/>
    </row>
    <row r="327454" spans="14:14">
      <c r="N327454" s="10"/>
    </row>
    <row r="327455" spans="14:14">
      <c r="N327455" s="10"/>
    </row>
    <row r="327456" spans="14:14">
      <c r="N327456" s="10"/>
    </row>
    <row r="327457" spans="14:14">
      <c r="N327457" s="10"/>
    </row>
    <row r="327458" spans="14:14">
      <c r="N327458" s="10"/>
    </row>
    <row r="327459" spans="14:14">
      <c r="N327459" s="10"/>
    </row>
    <row r="327460" spans="14:14">
      <c r="N327460" s="10"/>
    </row>
    <row r="327461" spans="14:14">
      <c r="N327461" s="10"/>
    </row>
    <row r="327462" spans="14:14">
      <c r="N327462" s="10"/>
    </row>
    <row r="327463" spans="14:14">
      <c r="N327463" s="10"/>
    </row>
    <row r="327464" spans="14:14">
      <c r="N327464" s="10"/>
    </row>
    <row r="327465" spans="14:14">
      <c r="N327465" s="10"/>
    </row>
    <row r="327466" spans="14:14">
      <c r="N327466" s="10"/>
    </row>
    <row r="327467" spans="14:14">
      <c r="N327467" s="10"/>
    </row>
    <row r="327468" spans="14:14">
      <c r="N327468" s="10"/>
    </row>
    <row r="327469" spans="14:14">
      <c r="N327469" s="10"/>
    </row>
    <row r="327470" spans="14:14">
      <c r="N327470" s="10"/>
    </row>
    <row r="327471" spans="14:14">
      <c r="N327471" s="10"/>
    </row>
    <row r="327472" spans="14:14">
      <c r="N327472" s="10"/>
    </row>
    <row r="327473" spans="14:14">
      <c r="N327473" s="10"/>
    </row>
    <row r="327474" spans="14:14">
      <c r="N327474" s="10"/>
    </row>
    <row r="327475" spans="14:14">
      <c r="N327475" s="10"/>
    </row>
    <row r="327476" spans="14:14">
      <c r="N327476" s="10"/>
    </row>
    <row r="327477" spans="14:14">
      <c r="N327477" s="10"/>
    </row>
    <row r="327478" spans="14:14">
      <c r="N327478" s="10"/>
    </row>
    <row r="327479" spans="14:14">
      <c r="N327479" s="10"/>
    </row>
    <row r="327480" spans="14:14">
      <c r="N327480" s="10"/>
    </row>
    <row r="327481" spans="14:14">
      <c r="N327481" s="10"/>
    </row>
    <row r="327482" spans="14:14">
      <c r="N327482" s="10"/>
    </row>
    <row r="327483" spans="14:14">
      <c r="N327483" s="10"/>
    </row>
    <row r="327484" spans="14:14">
      <c r="N327484" s="10"/>
    </row>
    <row r="327485" spans="14:14">
      <c r="N327485" s="10"/>
    </row>
    <row r="327486" spans="14:14">
      <c r="N327486" s="10"/>
    </row>
    <row r="327487" spans="14:14">
      <c r="N327487" s="10"/>
    </row>
    <row r="327488" spans="14:14">
      <c r="N327488" s="10"/>
    </row>
    <row r="327489" spans="14:14">
      <c r="N327489" s="10"/>
    </row>
    <row r="327490" spans="14:14">
      <c r="N327490" s="10"/>
    </row>
    <row r="327491" spans="14:14">
      <c r="N327491" s="10"/>
    </row>
    <row r="327492" spans="14:14">
      <c r="N327492" s="10"/>
    </row>
    <row r="327493" spans="14:14">
      <c r="N327493" s="10"/>
    </row>
    <row r="327494" spans="14:14">
      <c r="N327494" s="10"/>
    </row>
    <row r="327495" spans="14:14">
      <c r="N327495" s="10"/>
    </row>
    <row r="327496" spans="14:14">
      <c r="N327496" s="10"/>
    </row>
    <row r="327497" spans="14:14">
      <c r="N327497" s="10"/>
    </row>
    <row r="327498" spans="14:14">
      <c r="N327498" s="10"/>
    </row>
    <row r="327499" spans="14:14">
      <c r="N327499" s="10"/>
    </row>
    <row r="327500" spans="14:14">
      <c r="N327500" s="10"/>
    </row>
    <row r="327501" spans="14:14">
      <c r="N327501" s="10"/>
    </row>
    <row r="327502" spans="14:14">
      <c r="N327502" s="10"/>
    </row>
    <row r="327503" spans="14:14">
      <c r="N327503" s="10"/>
    </row>
    <row r="327504" spans="14:14">
      <c r="N327504" s="10"/>
    </row>
    <row r="327505" spans="14:14">
      <c r="N327505" s="10"/>
    </row>
    <row r="327506" spans="14:14">
      <c r="N327506" s="10"/>
    </row>
    <row r="327507" spans="14:14">
      <c r="N327507" s="10"/>
    </row>
    <row r="327508" spans="14:14">
      <c r="N327508" s="10"/>
    </row>
    <row r="327509" spans="14:14">
      <c r="N327509" s="10"/>
    </row>
    <row r="327510" spans="14:14">
      <c r="N327510" s="10"/>
    </row>
    <row r="327511" spans="14:14">
      <c r="N327511" s="10"/>
    </row>
    <row r="327512" spans="14:14">
      <c r="N327512" s="10"/>
    </row>
    <row r="327513" spans="14:14">
      <c r="N327513" s="10"/>
    </row>
    <row r="327514" spans="14:14">
      <c r="N327514" s="10"/>
    </row>
    <row r="327515" spans="14:14">
      <c r="N327515" s="10"/>
    </row>
    <row r="327516" spans="14:14">
      <c r="N327516" s="10"/>
    </row>
    <row r="327517" spans="14:14">
      <c r="N327517" s="10"/>
    </row>
    <row r="327518" spans="14:14">
      <c r="N327518" s="10"/>
    </row>
    <row r="327519" spans="14:14">
      <c r="N327519" s="10"/>
    </row>
    <row r="327520" spans="14:14">
      <c r="N327520" s="10"/>
    </row>
    <row r="327521" spans="14:14">
      <c r="N327521" s="10"/>
    </row>
    <row r="327522" spans="14:14">
      <c r="N327522" s="10"/>
    </row>
    <row r="327523" spans="14:14">
      <c r="N327523" s="10"/>
    </row>
    <row r="327524" spans="14:14">
      <c r="N327524" s="10"/>
    </row>
    <row r="327525" spans="14:14">
      <c r="N327525" s="10"/>
    </row>
    <row r="327526" spans="14:14">
      <c r="N327526" s="10"/>
    </row>
    <row r="327527" spans="14:14">
      <c r="N327527" s="10"/>
    </row>
    <row r="327528" spans="14:14">
      <c r="N327528" s="10"/>
    </row>
    <row r="327529" spans="14:14">
      <c r="N327529" s="10"/>
    </row>
    <row r="327530" spans="14:14">
      <c r="N327530" s="10"/>
    </row>
    <row r="327531" spans="14:14">
      <c r="N327531" s="10"/>
    </row>
    <row r="327532" spans="14:14">
      <c r="N327532" s="10"/>
    </row>
    <row r="327533" spans="14:14">
      <c r="N327533" s="10"/>
    </row>
    <row r="327534" spans="14:14">
      <c r="N327534" s="10"/>
    </row>
    <row r="327535" spans="14:14">
      <c r="N327535" s="10"/>
    </row>
    <row r="327536" spans="14:14">
      <c r="N327536" s="10"/>
    </row>
    <row r="327537" spans="14:14">
      <c r="N327537" s="10"/>
    </row>
    <row r="327538" spans="14:14">
      <c r="N327538" s="10"/>
    </row>
    <row r="327539" spans="14:14">
      <c r="N327539" s="10"/>
    </row>
    <row r="327540" spans="14:14">
      <c r="N327540" s="10"/>
    </row>
    <row r="327541" spans="14:14">
      <c r="N327541" s="10"/>
    </row>
    <row r="327542" spans="14:14">
      <c r="N327542" s="10"/>
    </row>
    <row r="327543" spans="14:14">
      <c r="N327543" s="10"/>
    </row>
    <row r="327544" spans="14:14">
      <c r="N327544" s="10"/>
    </row>
    <row r="327545" spans="14:14">
      <c r="N327545" s="10"/>
    </row>
    <row r="327546" spans="14:14">
      <c r="N327546" s="10"/>
    </row>
    <row r="327547" spans="14:14">
      <c r="N327547" s="10"/>
    </row>
    <row r="327548" spans="14:14">
      <c r="N327548" s="10"/>
    </row>
    <row r="327549" spans="14:14">
      <c r="N327549" s="10"/>
    </row>
    <row r="327550" spans="14:14">
      <c r="N327550" s="10"/>
    </row>
    <row r="327551" spans="14:14">
      <c r="N327551" s="10"/>
    </row>
    <row r="327552" spans="14:14">
      <c r="N327552" s="10"/>
    </row>
    <row r="327553" spans="14:14">
      <c r="N327553" s="10"/>
    </row>
    <row r="327554" spans="14:14">
      <c r="N327554" s="10"/>
    </row>
    <row r="327555" spans="14:14">
      <c r="N327555" s="10"/>
    </row>
    <row r="327556" spans="14:14">
      <c r="N327556" s="10"/>
    </row>
    <row r="327557" spans="14:14">
      <c r="N327557" s="10"/>
    </row>
    <row r="327558" spans="14:14">
      <c r="N327558" s="10"/>
    </row>
    <row r="327559" spans="14:14">
      <c r="N327559" s="10"/>
    </row>
    <row r="327560" spans="14:14">
      <c r="N327560" s="10"/>
    </row>
    <row r="327561" spans="14:14">
      <c r="N327561" s="10"/>
    </row>
    <row r="327562" spans="14:14">
      <c r="N327562" s="10"/>
    </row>
    <row r="327563" spans="14:14">
      <c r="N327563" s="10"/>
    </row>
    <row r="327564" spans="14:14">
      <c r="N327564" s="10"/>
    </row>
    <row r="327565" spans="14:14">
      <c r="N327565" s="10"/>
    </row>
    <row r="327566" spans="14:14">
      <c r="N327566" s="10"/>
    </row>
    <row r="327567" spans="14:14">
      <c r="N327567" s="10"/>
    </row>
    <row r="327568" spans="14:14">
      <c r="N327568" s="10"/>
    </row>
    <row r="327569" spans="14:14">
      <c r="N327569" s="10"/>
    </row>
    <row r="327570" spans="14:14">
      <c r="N327570" s="10"/>
    </row>
    <row r="327571" spans="14:14">
      <c r="N327571" s="10"/>
    </row>
    <row r="327572" spans="14:14">
      <c r="N327572" s="10"/>
    </row>
    <row r="327573" spans="14:14">
      <c r="N327573" s="10"/>
    </row>
    <row r="327574" spans="14:14">
      <c r="N327574" s="10"/>
    </row>
    <row r="327575" spans="14:14">
      <c r="N327575" s="10"/>
    </row>
    <row r="327576" spans="14:14">
      <c r="N327576" s="10"/>
    </row>
    <row r="327577" spans="14:14">
      <c r="N327577" s="10"/>
    </row>
    <row r="327578" spans="14:14">
      <c r="N327578" s="10"/>
    </row>
    <row r="327579" spans="14:14">
      <c r="N327579" s="10"/>
    </row>
    <row r="327580" spans="14:14">
      <c r="N327580" s="10"/>
    </row>
    <row r="327581" spans="14:14">
      <c r="N327581" s="10"/>
    </row>
    <row r="327582" spans="14:14">
      <c r="N327582" s="10"/>
    </row>
    <row r="327583" spans="14:14">
      <c r="N327583" s="10"/>
    </row>
    <row r="327584" spans="14:14">
      <c r="N327584" s="10"/>
    </row>
    <row r="327585" spans="14:14">
      <c r="N327585" s="10"/>
    </row>
    <row r="327586" spans="14:14">
      <c r="N327586" s="10"/>
    </row>
    <row r="327587" spans="14:14">
      <c r="N327587" s="10"/>
    </row>
    <row r="327588" spans="14:14">
      <c r="N327588" s="10"/>
    </row>
    <row r="327589" spans="14:14">
      <c r="N327589" s="10"/>
    </row>
    <row r="327590" spans="14:14">
      <c r="N327590" s="10"/>
    </row>
    <row r="327591" spans="14:14">
      <c r="N327591" s="10"/>
    </row>
    <row r="327592" spans="14:14">
      <c r="N327592" s="10"/>
    </row>
    <row r="327593" spans="14:14">
      <c r="N327593" s="10"/>
    </row>
    <row r="327594" spans="14:14">
      <c r="N327594" s="10"/>
    </row>
    <row r="327595" spans="14:14">
      <c r="N327595" s="10"/>
    </row>
    <row r="327596" spans="14:14">
      <c r="N327596" s="10"/>
    </row>
    <row r="327597" spans="14:14">
      <c r="N327597" s="10"/>
    </row>
    <row r="327598" spans="14:14">
      <c r="N327598" s="10"/>
    </row>
    <row r="327599" spans="14:14">
      <c r="N327599" s="10"/>
    </row>
    <row r="327600" spans="14:14">
      <c r="N327600" s="10"/>
    </row>
    <row r="327601" spans="14:14">
      <c r="N327601" s="10"/>
    </row>
    <row r="327602" spans="14:14">
      <c r="N327602" s="10"/>
    </row>
    <row r="327603" spans="14:14">
      <c r="N327603" s="10"/>
    </row>
    <row r="327604" spans="14:14">
      <c r="N327604" s="10"/>
    </row>
    <row r="327605" spans="14:14">
      <c r="N327605" s="10"/>
    </row>
    <row r="327606" spans="14:14">
      <c r="N327606" s="10"/>
    </row>
    <row r="327607" spans="14:14">
      <c r="N327607" s="10"/>
    </row>
    <row r="327608" spans="14:14">
      <c r="N327608" s="10"/>
    </row>
    <row r="327609" spans="14:14">
      <c r="N327609" s="10"/>
    </row>
    <row r="327610" spans="14:14">
      <c r="N327610" s="10"/>
    </row>
    <row r="327611" spans="14:14">
      <c r="N327611" s="10"/>
    </row>
    <row r="327612" spans="14:14">
      <c r="N327612" s="10"/>
    </row>
    <row r="327613" spans="14:14">
      <c r="N327613" s="10"/>
    </row>
    <row r="327614" spans="14:14">
      <c r="N327614" s="10"/>
    </row>
    <row r="327615" spans="14:14">
      <c r="N327615" s="10"/>
    </row>
    <row r="327616" spans="14:14">
      <c r="N327616" s="10"/>
    </row>
    <row r="327617" spans="14:14">
      <c r="N327617" s="10"/>
    </row>
    <row r="327618" spans="14:14">
      <c r="N327618" s="10"/>
    </row>
    <row r="327619" spans="14:14">
      <c r="N327619" s="10"/>
    </row>
    <row r="327620" spans="14:14">
      <c r="N327620" s="10"/>
    </row>
    <row r="327621" spans="14:14">
      <c r="N327621" s="10"/>
    </row>
    <row r="327622" spans="14:14">
      <c r="N327622" s="10"/>
    </row>
    <row r="327623" spans="14:14">
      <c r="N327623" s="10"/>
    </row>
    <row r="327624" spans="14:14">
      <c r="N327624" s="10"/>
    </row>
    <row r="327625" spans="14:14">
      <c r="N327625" s="10"/>
    </row>
    <row r="327626" spans="14:14">
      <c r="N327626" s="10"/>
    </row>
    <row r="327627" spans="14:14">
      <c r="N327627" s="10"/>
    </row>
    <row r="327628" spans="14:14">
      <c r="N327628" s="10"/>
    </row>
    <row r="327629" spans="14:14">
      <c r="N327629" s="10"/>
    </row>
    <row r="327630" spans="14:14">
      <c r="N327630" s="10"/>
    </row>
    <row r="327631" spans="14:14">
      <c r="N327631" s="10"/>
    </row>
    <row r="327632" spans="14:14">
      <c r="N327632" s="10"/>
    </row>
    <row r="327633" spans="14:14">
      <c r="N327633" s="10"/>
    </row>
    <row r="327634" spans="14:14">
      <c r="N327634" s="10"/>
    </row>
    <row r="327635" spans="14:14">
      <c r="N327635" s="10"/>
    </row>
    <row r="327636" spans="14:14">
      <c r="N327636" s="10"/>
    </row>
    <row r="327637" spans="14:14">
      <c r="N327637" s="10"/>
    </row>
    <row r="327638" spans="14:14">
      <c r="N327638" s="10"/>
    </row>
    <row r="327639" spans="14:14">
      <c r="N327639" s="10"/>
    </row>
    <row r="327640" spans="14:14">
      <c r="N327640" s="10"/>
    </row>
    <row r="327641" spans="14:14">
      <c r="N327641" s="10"/>
    </row>
    <row r="327642" spans="14:14">
      <c r="N327642" s="10"/>
    </row>
    <row r="327643" spans="14:14">
      <c r="N327643" s="10"/>
    </row>
    <row r="327644" spans="14:14">
      <c r="N327644" s="10"/>
    </row>
    <row r="327645" spans="14:14">
      <c r="N327645" s="10"/>
    </row>
    <row r="327646" spans="14:14">
      <c r="N327646" s="10"/>
    </row>
    <row r="327647" spans="14:14">
      <c r="N327647" s="10"/>
    </row>
    <row r="327648" spans="14:14">
      <c r="N327648" s="10"/>
    </row>
    <row r="327649" spans="14:14">
      <c r="N327649" s="10"/>
    </row>
    <row r="327650" spans="14:14">
      <c r="N327650" s="10"/>
    </row>
    <row r="327651" spans="14:14">
      <c r="N327651" s="10"/>
    </row>
    <row r="327652" spans="14:14">
      <c r="N327652" s="10"/>
    </row>
    <row r="327653" spans="14:14">
      <c r="N327653" s="10"/>
    </row>
    <row r="327654" spans="14:14">
      <c r="N327654" s="10"/>
    </row>
    <row r="327655" spans="14:14">
      <c r="N327655" s="10"/>
    </row>
    <row r="327656" spans="14:14">
      <c r="N327656" s="10"/>
    </row>
    <row r="327657" spans="14:14">
      <c r="N327657" s="10"/>
    </row>
    <row r="327658" spans="14:14">
      <c r="N327658" s="10"/>
    </row>
    <row r="327659" spans="14:14">
      <c r="N327659" s="10"/>
    </row>
    <row r="327660" spans="14:14">
      <c r="N327660" s="10"/>
    </row>
    <row r="327661" spans="14:14">
      <c r="N327661" s="10"/>
    </row>
    <row r="327662" spans="14:14">
      <c r="N327662" s="10"/>
    </row>
    <row r="327663" spans="14:14">
      <c r="N327663" s="10"/>
    </row>
    <row r="327664" spans="14:14">
      <c r="N327664" s="10"/>
    </row>
    <row r="327665" spans="14:14">
      <c r="N327665" s="10"/>
    </row>
    <row r="327666" spans="14:14">
      <c r="N327666" s="10"/>
    </row>
    <row r="327667" spans="14:14">
      <c r="N327667" s="10"/>
    </row>
    <row r="327668" spans="14:14">
      <c r="N327668" s="10"/>
    </row>
    <row r="327669" spans="14:14">
      <c r="N327669" s="10"/>
    </row>
    <row r="327670" spans="14:14">
      <c r="N327670" s="10"/>
    </row>
    <row r="327671" spans="14:14">
      <c r="N327671" s="10"/>
    </row>
    <row r="327672" spans="14:14">
      <c r="N327672" s="10"/>
    </row>
    <row r="327673" spans="14:14">
      <c r="N327673" s="10"/>
    </row>
    <row r="327674" spans="14:14">
      <c r="N327674" s="10"/>
    </row>
    <row r="327675" spans="14:14">
      <c r="N327675" s="10"/>
    </row>
    <row r="327676" spans="14:14">
      <c r="N327676" s="10"/>
    </row>
    <row r="327677" spans="14:14">
      <c r="N327677" s="10"/>
    </row>
    <row r="327678" spans="14:14">
      <c r="N327678" s="10"/>
    </row>
    <row r="327679" spans="14:14">
      <c r="N327679" s="10"/>
    </row>
    <row r="327680" spans="14:14">
      <c r="N327680" s="10"/>
    </row>
    <row r="327681" spans="14:14">
      <c r="N327681" s="10"/>
    </row>
    <row r="327682" spans="14:14">
      <c r="N327682" s="10"/>
    </row>
    <row r="327683" spans="14:14">
      <c r="N327683" s="10"/>
    </row>
    <row r="327684" spans="14:14">
      <c r="N327684" s="10"/>
    </row>
    <row r="327685" spans="14:14">
      <c r="N327685" s="10"/>
    </row>
    <row r="327686" spans="14:14">
      <c r="N327686" s="10"/>
    </row>
    <row r="327687" spans="14:14">
      <c r="N327687" s="10"/>
    </row>
    <row r="327688" spans="14:14">
      <c r="N327688" s="10"/>
    </row>
    <row r="327689" spans="14:14">
      <c r="N327689" s="10"/>
    </row>
    <row r="327690" spans="14:14">
      <c r="N327690" s="10"/>
    </row>
    <row r="327691" spans="14:14">
      <c r="N327691" s="10"/>
    </row>
    <row r="327692" spans="14:14">
      <c r="N327692" s="10"/>
    </row>
    <row r="327693" spans="14:14">
      <c r="N327693" s="10"/>
    </row>
    <row r="327694" spans="14:14">
      <c r="N327694" s="10"/>
    </row>
    <row r="327695" spans="14:14">
      <c r="N327695" s="10"/>
    </row>
    <row r="327696" spans="14:14">
      <c r="N327696" s="10"/>
    </row>
    <row r="327697" spans="14:14">
      <c r="N327697" s="10"/>
    </row>
    <row r="327698" spans="14:14">
      <c r="N327698" s="10"/>
    </row>
    <row r="327699" spans="14:14">
      <c r="N327699" s="10"/>
    </row>
    <row r="327700" spans="14:14">
      <c r="N327700" s="10"/>
    </row>
    <row r="327701" spans="14:14">
      <c r="N327701" s="10"/>
    </row>
    <row r="327702" spans="14:14">
      <c r="N327702" s="10"/>
    </row>
    <row r="327703" spans="14:14">
      <c r="N327703" s="10"/>
    </row>
    <row r="327704" spans="14:14">
      <c r="N327704" s="10"/>
    </row>
    <row r="327705" spans="14:14">
      <c r="N327705" s="10"/>
    </row>
    <row r="327706" spans="14:14">
      <c r="N327706" s="10"/>
    </row>
    <row r="327707" spans="14:14">
      <c r="N327707" s="10"/>
    </row>
    <row r="327708" spans="14:14">
      <c r="N327708" s="10"/>
    </row>
    <row r="327709" spans="14:14">
      <c r="N327709" s="10"/>
    </row>
    <row r="327710" spans="14:14">
      <c r="N327710" s="10"/>
    </row>
    <row r="327711" spans="14:14">
      <c r="N327711" s="10"/>
    </row>
    <row r="327712" spans="14:14">
      <c r="N327712" s="10"/>
    </row>
    <row r="327713" spans="14:14">
      <c r="N327713" s="10"/>
    </row>
    <row r="327714" spans="14:14">
      <c r="N327714" s="10"/>
    </row>
    <row r="327715" spans="14:14">
      <c r="N327715" s="10"/>
    </row>
    <row r="327716" spans="14:14">
      <c r="N327716" s="10"/>
    </row>
    <row r="327717" spans="14:14">
      <c r="N327717" s="10"/>
    </row>
    <row r="327718" spans="14:14">
      <c r="N327718" s="10"/>
    </row>
    <row r="327719" spans="14:14">
      <c r="N327719" s="10"/>
    </row>
    <row r="327720" spans="14:14">
      <c r="N327720" s="10"/>
    </row>
    <row r="327721" spans="14:14">
      <c r="N327721" s="10"/>
    </row>
    <row r="327722" spans="14:14">
      <c r="N327722" s="10"/>
    </row>
    <row r="327723" spans="14:14">
      <c r="N327723" s="10"/>
    </row>
    <row r="327724" spans="14:14">
      <c r="N327724" s="10"/>
    </row>
    <row r="327725" spans="14:14">
      <c r="N327725" s="10"/>
    </row>
    <row r="327726" spans="14:14">
      <c r="N327726" s="10"/>
    </row>
    <row r="327727" spans="14:14">
      <c r="N327727" s="10"/>
    </row>
    <row r="327728" spans="14:14">
      <c r="N327728" s="10"/>
    </row>
    <row r="327729" spans="14:14">
      <c r="N327729" s="10"/>
    </row>
    <row r="327730" spans="14:14">
      <c r="N327730" s="10"/>
    </row>
    <row r="327731" spans="14:14">
      <c r="N327731" s="10"/>
    </row>
    <row r="327732" spans="14:14">
      <c r="N327732" s="10"/>
    </row>
    <row r="327733" spans="14:14">
      <c r="N327733" s="10"/>
    </row>
    <row r="327734" spans="14:14">
      <c r="N327734" s="10"/>
    </row>
    <row r="327735" spans="14:14">
      <c r="N327735" s="10"/>
    </row>
    <row r="327736" spans="14:14">
      <c r="N327736" s="10"/>
    </row>
    <row r="327737" spans="14:14">
      <c r="N327737" s="10"/>
    </row>
    <row r="327738" spans="14:14">
      <c r="N327738" s="10"/>
    </row>
    <row r="327739" spans="14:14">
      <c r="N327739" s="10"/>
    </row>
    <row r="327740" spans="14:14">
      <c r="N327740" s="10"/>
    </row>
    <row r="327741" spans="14:14">
      <c r="N327741" s="10"/>
    </row>
    <row r="327742" spans="14:14">
      <c r="N327742" s="10"/>
    </row>
    <row r="327743" spans="14:14">
      <c r="N327743" s="10"/>
    </row>
    <row r="327744" spans="14:14">
      <c r="N327744" s="10"/>
    </row>
    <row r="327745" spans="14:14">
      <c r="N327745" s="10"/>
    </row>
    <row r="327746" spans="14:14">
      <c r="N327746" s="10"/>
    </row>
    <row r="327747" spans="14:14">
      <c r="N327747" s="10"/>
    </row>
    <row r="327748" spans="14:14">
      <c r="N327748" s="10"/>
    </row>
    <row r="327749" spans="14:14">
      <c r="N327749" s="10"/>
    </row>
    <row r="327750" spans="14:14">
      <c r="N327750" s="10"/>
    </row>
    <row r="327751" spans="14:14">
      <c r="N327751" s="10"/>
    </row>
    <row r="327752" spans="14:14">
      <c r="N327752" s="10"/>
    </row>
    <row r="327753" spans="14:14">
      <c r="N327753" s="10"/>
    </row>
    <row r="327754" spans="14:14">
      <c r="N327754" s="10"/>
    </row>
    <row r="327755" spans="14:14">
      <c r="N327755" s="10"/>
    </row>
    <row r="327756" spans="14:14">
      <c r="N327756" s="10"/>
    </row>
    <row r="327757" spans="14:14">
      <c r="N327757" s="10"/>
    </row>
    <row r="327758" spans="14:14">
      <c r="N327758" s="10"/>
    </row>
    <row r="327759" spans="14:14">
      <c r="N327759" s="10"/>
    </row>
    <row r="327760" spans="14:14">
      <c r="N327760" s="10"/>
    </row>
    <row r="327761" spans="14:14">
      <c r="N327761" s="10"/>
    </row>
    <row r="327762" spans="14:14">
      <c r="N327762" s="10"/>
    </row>
    <row r="327763" spans="14:14">
      <c r="N327763" s="10"/>
    </row>
    <row r="327764" spans="14:14">
      <c r="N327764" s="10"/>
    </row>
    <row r="327765" spans="14:14">
      <c r="N327765" s="10"/>
    </row>
    <row r="327766" spans="14:14">
      <c r="N327766" s="10"/>
    </row>
    <row r="327767" spans="14:14">
      <c r="N327767" s="10"/>
    </row>
    <row r="327768" spans="14:14">
      <c r="N327768" s="10"/>
    </row>
    <row r="327769" spans="14:14">
      <c r="N327769" s="10"/>
    </row>
    <row r="327770" spans="14:14">
      <c r="N327770" s="10"/>
    </row>
    <row r="327771" spans="14:14">
      <c r="N327771" s="10"/>
    </row>
    <row r="327772" spans="14:14">
      <c r="N327772" s="10"/>
    </row>
    <row r="327773" spans="14:14">
      <c r="N327773" s="10"/>
    </row>
    <row r="327774" spans="14:14">
      <c r="N327774" s="10"/>
    </row>
    <row r="327775" spans="14:14">
      <c r="N327775" s="10"/>
    </row>
    <row r="327776" spans="14:14">
      <c r="N327776" s="10"/>
    </row>
    <row r="327777" spans="14:14">
      <c r="N327777" s="10"/>
    </row>
    <row r="327778" spans="14:14">
      <c r="N327778" s="10"/>
    </row>
    <row r="327779" spans="14:14">
      <c r="N327779" s="10"/>
    </row>
    <row r="327780" spans="14:14">
      <c r="N327780" s="10"/>
    </row>
    <row r="327781" spans="14:14">
      <c r="N327781" s="10"/>
    </row>
    <row r="327782" spans="14:14">
      <c r="N327782" s="10"/>
    </row>
    <row r="327783" spans="14:14">
      <c r="N327783" s="10"/>
    </row>
    <row r="327784" spans="14:14">
      <c r="N327784" s="10"/>
    </row>
    <row r="327785" spans="14:14">
      <c r="N327785" s="10"/>
    </row>
    <row r="327786" spans="14:14">
      <c r="N327786" s="10"/>
    </row>
    <row r="327787" spans="14:14">
      <c r="N327787" s="10"/>
    </row>
    <row r="327788" spans="14:14">
      <c r="N327788" s="10"/>
    </row>
    <row r="327789" spans="14:14">
      <c r="N327789" s="10"/>
    </row>
    <row r="327790" spans="14:14">
      <c r="N327790" s="10"/>
    </row>
    <row r="327791" spans="14:14">
      <c r="N327791" s="10"/>
    </row>
    <row r="327792" spans="14:14">
      <c r="N327792" s="10"/>
    </row>
    <row r="327793" spans="14:14">
      <c r="N327793" s="10"/>
    </row>
    <row r="327794" spans="14:14">
      <c r="N327794" s="10"/>
    </row>
    <row r="327795" spans="14:14">
      <c r="N327795" s="10"/>
    </row>
    <row r="327796" spans="14:14">
      <c r="N327796" s="10"/>
    </row>
    <row r="327797" spans="14:14">
      <c r="N327797" s="10"/>
    </row>
    <row r="327798" spans="14:14">
      <c r="N327798" s="10"/>
    </row>
    <row r="327799" spans="14:14">
      <c r="N327799" s="10"/>
    </row>
    <row r="327800" spans="14:14">
      <c r="N327800" s="10"/>
    </row>
    <row r="327801" spans="14:14">
      <c r="N327801" s="10"/>
    </row>
    <row r="327802" spans="14:14">
      <c r="N327802" s="10"/>
    </row>
    <row r="327803" spans="14:14">
      <c r="N327803" s="10"/>
    </row>
    <row r="327804" spans="14:14">
      <c r="N327804" s="10"/>
    </row>
    <row r="327805" spans="14:14">
      <c r="N327805" s="10"/>
    </row>
    <row r="327806" spans="14:14">
      <c r="N327806" s="10"/>
    </row>
    <row r="327807" spans="14:14">
      <c r="N327807" s="10"/>
    </row>
    <row r="327808" spans="14:14">
      <c r="N327808" s="10"/>
    </row>
    <row r="327809" spans="14:14">
      <c r="N327809" s="10"/>
    </row>
    <row r="327810" spans="14:14">
      <c r="N327810" s="10"/>
    </row>
    <row r="327811" spans="14:14">
      <c r="N327811" s="10"/>
    </row>
    <row r="327812" spans="14:14">
      <c r="N327812" s="10"/>
    </row>
    <row r="327813" spans="14:14">
      <c r="N327813" s="10"/>
    </row>
    <row r="327814" spans="14:14">
      <c r="N327814" s="10"/>
    </row>
    <row r="327815" spans="14:14">
      <c r="N327815" s="10"/>
    </row>
    <row r="327816" spans="14:14">
      <c r="N327816" s="10"/>
    </row>
    <row r="327817" spans="14:14">
      <c r="N327817" s="10"/>
    </row>
    <row r="327818" spans="14:14">
      <c r="N327818" s="10"/>
    </row>
    <row r="327819" spans="14:14">
      <c r="N327819" s="10"/>
    </row>
    <row r="327820" spans="14:14">
      <c r="N327820" s="10"/>
    </row>
    <row r="327821" spans="14:14">
      <c r="N327821" s="10"/>
    </row>
    <row r="327822" spans="14:14">
      <c r="N327822" s="10"/>
    </row>
    <row r="327823" spans="14:14">
      <c r="N327823" s="10"/>
    </row>
    <row r="327824" spans="14:14">
      <c r="N327824" s="10"/>
    </row>
    <row r="327825" spans="14:14">
      <c r="N327825" s="10"/>
    </row>
    <row r="327826" spans="14:14">
      <c r="N327826" s="10"/>
    </row>
    <row r="327827" spans="14:14">
      <c r="N327827" s="10"/>
    </row>
    <row r="327828" spans="14:14">
      <c r="N327828" s="10"/>
    </row>
    <row r="327829" spans="14:14">
      <c r="N327829" s="10"/>
    </row>
    <row r="327830" spans="14:14">
      <c r="N327830" s="10"/>
    </row>
    <row r="327831" spans="14:14">
      <c r="N327831" s="10"/>
    </row>
    <row r="327832" spans="14:14">
      <c r="N327832" s="10"/>
    </row>
    <row r="327833" spans="14:14">
      <c r="N327833" s="10"/>
    </row>
    <row r="327834" spans="14:14">
      <c r="N327834" s="10"/>
    </row>
    <row r="327835" spans="14:14">
      <c r="N327835" s="10"/>
    </row>
    <row r="327836" spans="14:14">
      <c r="N327836" s="10"/>
    </row>
    <row r="327837" spans="14:14">
      <c r="N327837" s="10"/>
    </row>
    <row r="327838" spans="14:14">
      <c r="N327838" s="10"/>
    </row>
    <row r="327839" spans="14:14">
      <c r="N327839" s="10"/>
    </row>
    <row r="327840" spans="14:14">
      <c r="N327840" s="10"/>
    </row>
    <row r="327841" spans="14:14">
      <c r="N327841" s="10"/>
    </row>
    <row r="327842" spans="14:14">
      <c r="N327842" s="10"/>
    </row>
    <row r="327843" spans="14:14">
      <c r="N327843" s="10"/>
    </row>
    <row r="327844" spans="14:14">
      <c r="N327844" s="10"/>
    </row>
    <row r="327845" spans="14:14">
      <c r="N327845" s="10"/>
    </row>
    <row r="327846" spans="14:14">
      <c r="N327846" s="10"/>
    </row>
    <row r="327847" spans="14:14">
      <c r="N327847" s="10"/>
    </row>
    <row r="327848" spans="14:14">
      <c r="N327848" s="10"/>
    </row>
    <row r="327849" spans="14:14">
      <c r="N327849" s="10"/>
    </row>
    <row r="327850" spans="14:14">
      <c r="N327850" s="10"/>
    </row>
    <row r="327851" spans="14:14">
      <c r="N327851" s="10"/>
    </row>
    <row r="327852" spans="14:14">
      <c r="N327852" s="10"/>
    </row>
    <row r="327853" spans="14:14">
      <c r="N327853" s="10"/>
    </row>
    <row r="327854" spans="14:14">
      <c r="N327854" s="10"/>
    </row>
    <row r="327855" spans="14:14">
      <c r="N327855" s="10"/>
    </row>
    <row r="327856" spans="14:14">
      <c r="N327856" s="10"/>
    </row>
    <row r="327857" spans="14:14">
      <c r="N327857" s="10"/>
    </row>
    <row r="327858" spans="14:14">
      <c r="N327858" s="10"/>
    </row>
    <row r="327859" spans="14:14">
      <c r="N327859" s="10"/>
    </row>
    <row r="327860" spans="14:14">
      <c r="N327860" s="10"/>
    </row>
    <row r="327861" spans="14:14">
      <c r="N327861" s="10"/>
    </row>
    <row r="327862" spans="14:14">
      <c r="N327862" s="10"/>
    </row>
    <row r="327863" spans="14:14">
      <c r="N327863" s="10"/>
    </row>
    <row r="327864" spans="14:14">
      <c r="N327864" s="10"/>
    </row>
    <row r="327865" spans="14:14">
      <c r="N327865" s="10"/>
    </row>
    <row r="327866" spans="14:14">
      <c r="N327866" s="10"/>
    </row>
    <row r="327867" spans="14:14">
      <c r="N327867" s="10"/>
    </row>
    <row r="327868" spans="14:14">
      <c r="N327868" s="10"/>
    </row>
    <row r="327869" spans="14:14">
      <c r="N327869" s="10"/>
    </row>
    <row r="327870" spans="14:14">
      <c r="N327870" s="10"/>
    </row>
    <row r="327871" spans="14:14">
      <c r="N327871" s="10"/>
    </row>
    <row r="327872" spans="14:14">
      <c r="N327872" s="10"/>
    </row>
    <row r="327873" spans="14:14">
      <c r="N327873" s="10"/>
    </row>
    <row r="327874" spans="14:14">
      <c r="N327874" s="10"/>
    </row>
    <row r="327875" spans="14:14">
      <c r="N327875" s="10"/>
    </row>
    <row r="327876" spans="14:14">
      <c r="N327876" s="10"/>
    </row>
    <row r="327877" spans="14:14">
      <c r="N327877" s="10"/>
    </row>
    <row r="327878" spans="14:14">
      <c r="N327878" s="10"/>
    </row>
    <row r="327879" spans="14:14">
      <c r="N327879" s="10"/>
    </row>
    <row r="327880" spans="14:14">
      <c r="N327880" s="10"/>
    </row>
    <row r="327881" spans="14:14">
      <c r="N327881" s="10"/>
    </row>
    <row r="327882" spans="14:14">
      <c r="N327882" s="10"/>
    </row>
    <row r="327883" spans="14:14">
      <c r="N327883" s="10"/>
    </row>
    <row r="327884" spans="14:14">
      <c r="N327884" s="10"/>
    </row>
    <row r="327885" spans="14:14">
      <c r="N327885" s="10"/>
    </row>
    <row r="327886" spans="14:14">
      <c r="N327886" s="10"/>
    </row>
    <row r="327887" spans="14:14">
      <c r="N327887" s="10"/>
    </row>
    <row r="327888" spans="14:14">
      <c r="N327888" s="10"/>
    </row>
    <row r="327889" spans="14:14">
      <c r="N327889" s="10"/>
    </row>
    <row r="327890" spans="14:14">
      <c r="N327890" s="10"/>
    </row>
    <row r="327891" spans="14:14">
      <c r="N327891" s="10"/>
    </row>
    <row r="327892" spans="14:14">
      <c r="N327892" s="10"/>
    </row>
    <row r="327893" spans="14:14">
      <c r="N327893" s="10"/>
    </row>
    <row r="327894" spans="14:14">
      <c r="N327894" s="10"/>
    </row>
    <row r="327895" spans="14:14">
      <c r="N327895" s="10"/>
    </row>
    <row r="327896" spans="14:14">
      <c r="N327896" s="10"/>
    </row>
    <row r="327897" spans="14:14">
      <c r="N327897" s="10"/>
    </row>
    <row r="327898" spans="14:14">
      <c r="N327898" s="10"/>
    </row>
    <row r="327899" spans="14:14">
      <c r="N327899" s="10"/>
    </row>
    <row r="327900" spans="14:14">
      <c r="N327900" s="10"/>
    </row>
    <row r="327901" spans="14:14">
      <c r="N327901" s="10"/>
    </row>
    <row r="327902" spans="14:14">
      <c r="N327902" s="10"/>
    </row>
    <row r="327903" spans="14:14">
      <c r="N327903" s="10"/>
    </row>
    <row r="327904" spans="14:14">
      <c r="N327904" s="10"/>
    </row>
    <row r="327905" spans="14:14">
      <c r="N327905" s="10"/>
    </row>
    <row r="327906" spans="14:14">
      <c r="N327906" s="10"/>
    </row>
    <row r="327907" spans="14:14">
      <c r="N327907" s="10"/>
    </row>
    <row r="327908" spans="14:14">
      <c r="N327908" s="10"/>
    </row>
    <row r="327909" spans="14:14">
      <c r="N327909" s="10"/>
    </row>
    <row r="327910" spans="14:14">
      <c r="N327910" s="10"/>
    </row>
    <row r="327911" spans="14:14">
      <c r="N327911" s="10"/>
    </row>
    <row r="327912" spans="14:14">
      <c r="N327912" s="10"/>
    </row>
    <row r="327913" spans="14:14">
      <c r="N327913" s="10"/>
    </row>
    <row r="327914" spans="14:14">
      <c r="N327914" s="10"/>
    </row>
    <row r="327915" spans="14:14">
      <c r="N327915" s="10"/>
    </row>
    <row r="327916" spans="14:14">
      <c r="N327916" s="10"/>
    </row>
    <row r="327917" spans="14:14">
      <c r="N327917" s="10"/>
    </row>
    <row r="327918" spans="14:14">
      <c r="N327918" s="10"/>
    </row>
    <row r="327919" spans="14:14">
      <c r="N327919" s="10"/>
    </row>
    <row r="327920" spans="14:14">
      <c r="N327920" s="10"/>
    </row>
    <row r="327921" spans="14:14">
      <c r="N327921" s="10"/>
    </row>
    <row r="327922" spans="14:14">
      <c r="N327922" s="10"/>
    </row>
    <row r="327923" spans="14:14">
      <c r="N327923" s="10"/>
    </row>
    <row r="327924" spans="14:14">
      <c r="N327924" s="10"/>
    </row>
    <row r="327925" spans="14:14">
      <c r="N327925" s="10"/>
    </row>
    <row r="327926" spans="14:14">
      <c r="N327926" s="10"/>
    </row>
    <row r="327927" spans="14:14">
      <c r="N327927" s="10"/>
    </row>
    <row r="327928" spans="14:14">
      <c r="N327928" s="10"/>
    </row>
    <row r="327929" spans="14:14">
      <c r="N327929" s="10"/>
    </row>
    <row r="327930" spans="14:14">
      <c r="N327930" s="10"/>
    </row>
    <row r="327931" spans="14:14">
      <c r="N327931" s="10"/>
    </row>
    <row r="327932" spans="14:14">
      <c r="N327932" s="10"/>
    </row>
    <row r="327933" spans="14:14">
      <c r="N327933" s="10"/>
    </row>
    <row r="327934" spans="14:14">
      <c r="N327934" s="10"/>
    </row>
    <row r="327935" spans="14:14">
      <c r="N327935" s="10"/>
    </row>
    <row r="327936" spans="14:14">
      <c r="N327936" s="10"/>
    </row>
    <row r="327937" spans="14:14">
      <c r="N327937" s="10"/>
    </row>
    <row r="327938" spans="14:14">
      <c r="N327938" s="10"/>
    </row>
    <row r="327939" spans="14:14">
      <c r="N327939" s="10"/>
    </row>
    <row r="327940" spans="14:14">
      <c r="N327940" s="10"/>
    </row>
    <row r="327941" spans="14:14">
      <c r="N327941" s="10"/>
    </row>
    <row r="327942" spans="14:14">
      <c r="N327942" s="10"/>
    </row>
    <row r="327943" spans="14:14">
      <c r="N327943" s="10"/>
    </row>
    <row r="327944" spans="14:14">
      <c r="N327944" s="10"/>
    </row>
    <row r="327945" spans="14:14">
      <c r="N327945" s="10"/>
    </row>
    <row r="327946" spans="14:14">
      <c r="N327946" s="10"/>
    </row>
    <row r="327947" spans="14:14">
      <c r="N327947" s="10"/>
    </row>
    <row r="327948" spans="14:14">
      <c r="N327948" s="10"/>
    </row>
    <row r="327949" spans="14:14">
      <c r="N327949" s="10"/>
    </row>
    <row r="327950" spans="14:14">
      <c r="N327950" s="10"/>
    </row>
    <row r="327951" spans="14:14">
      <c r="N327951" s="10"/>
    </row>
    <row r="327952" spans="14:14">
      <c r="N327952" s="10"/>
    </row>
    <row r="327953" spans="14:14">
      <c r="N327953" s="10"/>
    </row>
    <row r="327954" spans="14:14">
      <c r="N327954" s="10"/>
    </row>
    <row r="327955" spans="14:14">
      <c r="N327955" s="10"/>
    </row>
    <row r="327956" spans="14:14">
      <c r="N327956" s="10"/>
    </row>
    <row r="327957" spans="14:14">
      <c r="N327957" s="10"/>
    </row>
    <row r="327958" spans="14:14">
      <c r="N327958" s="10"/>
    </row>
    <row r="327959" spans="14:14">
      <c r="N327959" s="10"/>
    </row>
    <row r="327960" spans="14:14">
      <c r="N327960" s="10"/>
    </row>
    <row r="327961" spans="14:14">
      <c r="N327961" s="10"/>
    </row>
    <row r="327962" spans="14:14">
      <c r="N327962" s="10"/>
    </row>
    <row r="327963" spans="14:14">
      <c r="N327963" s="10"/>
    </row>
    <row r="327964" spans="14:14">
      <c r="N327964" s="10"/>
    </row>
    <row r="327965" spans="14:14">
      <c r="N327965" s="10"/>
    </row>
    <row r="327966" spans="14:14">
      <c r="N327966" s="10"/>
    </row>
    <row r="327967" spans="14:14">
      <c r="N327967" s="10"/>
    </row>
    <row r="327968" spans="14:14">
      <c r="N327968" s="10"/>
    </row>
    <row r="327969" spans="14:14">
      <c r="N327969" s="10"/>
    </row>
    <row r="327970" spans="14:14">
      <c r="N327970" s="10"/>
    </row>
    <row r="327971" spans="14:14">
      <c r="N327971" s="10"/>
    </row>
    <row r="327972" spans="14:14">
      <c r="N327972" s="10"/>
    </row>
    <row r="327973" spans="14:14">
      <c r="N327973" s="10"/>
    </row>
    <row r="327974" spans="14:14">
      <c r="N327974" s="10"/>
    </row>
    <row r="327975" spans="14:14">
      <c r="N327975" s="10"/>
    </row>
    <row r="327976" spans="14:14">
      <c r="N327976" s="10"/>
    </row>
    <row r="327977" spans="14:14">
      <c r="N327977" s="10"/>
    </row>
    <row r="327978" spans="14:14">
      <c r="N327978" s="10"/>
    </row>
    <row r="327979" spans="14:14">
      <c r="N327979" s="10"/>
    </row>
    <row r="327980" spans="14:14">
      <c r="N327980" s="10"/>
    </row>
    <row r="327981" spans="14:14">
      <c r="N327981" s="10"/>
    </row>
    <row r="327982" spans="14:14">
      <c r="N327982" s="10"/>
    </row>
    <row r="327983" spans="14:14">
      <c r="N327983" s="10"/>
    </row>
    <row r="327984" spans="14:14">
      <c r="N327984" s="10"/>
    </row>
    <row r="327985" spans="14:14">
      <c r="N327985" s="10"/>
    </row>
    <row r="327986" spans="14:14">
      <c r="N327986" s="10"/>
    </row>
    <row r="327987" spans="14:14">
      <c r="N327987" s="10"/>
    </row>
    <row r="327988" spans="14:14">
      <c r="N327988" s="10"/>
    </row>
    <row r="327989" spans="14:14">
      <c r="N327989" s="10"/>
    </row>
    <row r="327990" spans="14:14">
      <c r="N327990" s="10"/>
    </row>
    <row r="327991" spans="14:14">
      <c r="N327991" s="10"/>
    </row>
    <row r="327992" spans="14:14">
      <c r="N327992" s="10"/>
    </row>
    <row r="327993" spans="14:14">
      <c r="N327993" s="10"/>
    </row>
    <row r="327994" spans="14:14">
      <c r="N327994" s="10"/>
    </row>
    <row r="327995" spans="14:14">
      <c r="N327995" s="10"/>
    </row>
    <row r="327996" spans="14:14">
      <c r="N327996" s="10"/>
    </row>
    <row r="327997" spans="14:14">
      <c r="N327997" s="10"/>
    </row>
    <row r="327998" spans="14:14">
      <c r="N327998" s="10"/>
    </row>
    <row r="327999" spans="14:14">
      <c r="N327999" s="10"/>
    </row>
    <row r="328000" spans="14:14">
      <c r="N328000" s="10"/>
    </row>
    <row r="328001" spans="14:14">
      <c r="N328001" s="10"/>
    </row>
    <row r="328002" spans="14:14">
      <c r="N328002" s="10"/>
    </row>
    <row r="328003" spans="14:14">
      <c r="N328003" s="10"/>
    </row>
    <row r="328004" spans="14:14">
      <c r="N328004" s="10"/>
    </row>
    <row r="328005" spans="14:14">
      <c r="N328005" s="10"/>
    </row>
    <row r="328006" spans="14:14">
      <c r="N328006" s="10"/>
    </row>
    <row r="328007" spans="14:14">
      <c r="N328007" s="10"/>
    </row>
    <row r="328008" spans="14:14">
      <c r="N328008" s="10"/>
    </row>
    <row r="328009" spans="14:14">
      <c r="N328009" s="10"/>
    </row>
    <row r="328010" spans="14:14">
      <c r="N328010" s="10"/>
    </row>
    <row r="328011" spans="14:14">
      <c r="N328011" s="10"/>
    </row>
    <row r="328012" spans="14:14">
      <c r="N328012" s="10"/>
    </row>
    <row r="328013" spans="14:14">
      <c r="N328013" s="10"/>
    </row>
    <row r="328014" spans="14:14">
      <c r="N328014" s="10"/>
    </row>
    <row r="328015" spans="14:14">
      <c r="N328015" s="10"/>
    </row>
    <row r="328016" spans="14:14">
      <c r="N328016" s="10"/>
    </row>
    <row r="328017" spans="14:14">
      <c r="N328017" s="10"/>
    </row>
    <row r="328018" spans="14:14">
      <c r="N328018" s="10"/>
    </row>
    <row r="328019" spans="14:14">
      <c r="N328019" s="10"/>
    </row>
    <row r="328020" spans="14:14">
      <c r="N328020" s="10"/>
    </row>
    <row r="328021" spans="14:14">
      <c r="N328021" s="10"/>
    </row>
    <row r="328022" spans="14:14">
      <c r="N328022" s="10"/>
    </row>
    <row r="328023" spans="14:14">
      <c r="N328023" s="10"/>
    </row>
    <row r="328024" spans="14:14">
      <c r="N328024" s="10"/>
    </row>
    <row r="328025" spans="14:14">
      <c r="N328025" s="10"/>
    </row>
    <row r="328026" spans="14:14">
      <c r="N328026" s="10"/>
    </row>
    <row r="328027" spans="14:14">
      <c r="N328027" s="10"/>
    </row>
    <row r="328028" spans="14:14">
      <c r="N328028" s="10"/>
    </row>
    <row r="328029" spans="14:14">
      <c r="N328029" s="10"/>
    </row>
    <row r="328030" spans="14:14">
      <c r="N328030" s="10"/>
    </row>
    <row r="328031" spans="14:14">
      <c r="N328031" s="10"/>
    </row>
    <row r="328032" spans="14:14">
      <c r="N328032" s="10"/>
    </row>
    <row r="328033" spans="14:14">
      <c r="N328033" s="10"/>
    </row>
    <row r="328034" spans="14:14">
      <c r="N328034" s="10"/>
    </row>
    <row r="328035" spans="14:14">
      <c r="N328035" s="10"/>
    </row>
    <row r="328036" spans="14:14">
      <c r="N328036" s="10"/>
    </row>
    <row r="328037" spans="14:14">
      <c r="N328037" s="10"/>
    </row>
    <row r="328038" spans="14:14">
      <c r="N328038" s="10"/>
    </row>
    <row r="328039" spans="14:14">
      <c r="N328039" s="10"/>
    </row>
    <row r="328040" spans="14:14">
      <c r="N328040" s="10"/>
    </row>
    <row r="328041" spans="14:14">
      <c r="N328041" s="10"/>
    </row>
    <row r="328042" spans="14:14">
      <c r="N328042" s="10"/>
    </row>
    <row r="328043" spans="14:14">
      <c r="N328043" s="10"/>
    </row>
    <row r="328044" spans="14:14">
      <c r="N328044" s="10"/>
    </row>
    <row r="328045" spans="14:14">
      <c r="N328045" s="10"/>
    </row>
    <row r="328046" spans="14:14">
      <c r="N328046" s="10"/>
    </row>
    <row r="328047" spans="14:14">
      <c r="N328047" s="10"/>
    </row>
    <row r="328048" spans="14:14">
      <c r="N328048" s="10"/>
    </row>
    <row r="328049" spans="14:14">
      <c r="N328049" s="10"/>
    </row>
    <row r="328050" spans="14:14">
      <c r="N328050" s="10"/>
    </row>
    <row r="328051" spans="14:14">
      <c r="N328051" s="10"/>
    </row>
    <row r="328052" spans="14:14">
      <c r="N328052" s="10"/>
    </row>
    <row r="328053" spans="14:14">
      <c r="N328053" s="10"/>
    </row>
    <row r="328054" spans="14:14">
      <c r="N328054" s="10"/>
    </row>
    <row r="328055" spans="14:14">
      <c r="N328055" s="10"/>
    </row>
    <row r="328056" spans="14:14">
      <c r="N328056" s="10"/>
    </row>
    <row r="328057" spans="14:14">
      <c r="N328057" s="10"/>
    </row>
    <row r="328058" spans="14:14">
      <c r="N328058" s="10"/>
    </row>
    <row r="328059" spans="14:14">
      <c r="N328059" s="10"/>
    </row>
    <row r="328060" spans="14:14">
      <c r="N328060" s="10"/>
    </row>
    <row r="328061" spans="14:14">
      <c r="N328061" s="10"/>
    </row>
    <row r="328062" spans="14:14">
      <c r="N328062" s="10"/>
    </row>
    <row r="328063" spans="14:14">
      <c r="N328063" s="10"/>
    </row>
    <row r="328064" spans="14:14">
      <c r="N328064" s="10"/>
    </row>
    <row r="328065" spans="14:14">
      <c r="N328065" s="10"/>
    </row>
    <row r="328066" spans="14:14">
      <c r="N328066" s="10"/>
    </row>
    <row r="328067" spans="14:14">
      <c r="N328067" s="10"/>
    </row>
    <row r="328068" spans="14:14">
      <c r="N328068" s="10"/>
    </row>
    <row r="328069" spans="14:14">
      <c r="N328069" s="10"/>
    </row>
    <row r="328070" spans="14:14">
      <c r="N328070" s="10"/>
    </row>
    <row r="328071" spans="14:14">
      <c r="N328071" s="10"/>
    </row>
    <row r="328072" spans="14:14">
      <c r="N328072" s="10"/>
    </row>
    <row r="328073" spans="14:14">
      <c r="N328073" s="10"/>
    </row>
    <row r="328074" spans="14:14">
      <c r="N328074" s="10"/>
    </row>
    <row r="328075" spans="14:14">
      <c r="N328075" s="10"/>
    </row>
    <row r="328076" spans="14:14">
      <c r="N328076" s="10"/>
    </row>
    <row r="328077" spans="14:14">
      <c r="N328077" s="10"/>
    </row>
    <row r="328078" spans="14:14">
      <c r="N328078" s="10"/>
    </row>
    <row r="328079" spans="14:14">
      <c r="N328079" s="10"/>
    </row>
    <row r="328080" spans="14:14">
      <c r="N328080" s="10"/>
    </row>
    <row r="328081" spans="14:14">
      <c r="N328081" s="10"/>
    </row>
    <row r="328082" spans="14:14">
      <c r="N328082" s="10"/>
    </row>
    <row r="328083" spans="14:14">
      <c r="N328083" s="10"/>
    </row>
    <row r="328084" spans="14:14">
      <c r="N328084" s="10"/>
    </row>
    <row r="328085" spans="14:14">
      <c r="N328085" s="10"/>
    </row>
    <row r="328086" spans="14:14">
      <c r="N328086" s="10"/>
    </row>
    <row r="328087" spans="14:14">
      <c r="N328087" s="10"/>
    </row>
    <row r="328088" spans="14:14">
      <c r="N328088" s="10"/>
    </row>
    <row r="328089" spans="14:14">
      <c r="N328089" s="10"/>
    </row>
    <row r="328090" spans="14:14">
      <c r="N328090" s="10"/>
    </row>
    <row r="328091" spans="14:14">
      <c r="N328091" s="10"/>
    </row>
    <row r="328092" spans="14:14">
      <c r="N328092" s="10"/>
    </row>
    <row r="328093" spans="14:14">
      <c r="N328093" s="10"/>
    </row>
    <row r="328094" spans="14:14">
      <c r="N328094" s="10"/>
    </row>
    <row r="328095" spans="14:14">
      <c r="N328095" s="10"/>
    </row>
    <row r="328096" spans="14:14">
      <c r="N328096" s="10"/>
    </row>
    <row r="328097" spans="14:14">
      <c r="N328097" s="10"/>
    </row>
    <row r="328098" spans="14:14">
      <c r="N328098" s="10"/>
    </row>
    <row r="328099" spans="14:14">
      <c r="N328099" s="10"/>
    </row>
    <row r="328100" spans="14:14">
      <c r="N328100" s="10"/>
    </row>
    <row r="328101" spans="14:14">
      <c r="N328101" s="10"/>
    </row>
    <row r="328102" spans="14:14">
      <c r="N328102" s="10"/>
    </row>
    <row r="328103" spans="14:14">
      <c r="N328103" s="10"/>
    </row>
    <row r="328104" spans="14:14">
      <c r="N328104" s="10"/>
    </row>
    <row r="328105" spans="14:14">
      <c r="N328105" s="10"/>
    </row>
    <row r="328106" spans="14:14">
      <c r="N328106" s="10"/>
    </row>
    <row r="328107" spans="14:14">
      <c r="N328107" s="10"/>
    </row>
    <row r="328108" spans="14:14">
      <c r="N328108" s="10"/>
    </row>
    <row r="328109" spans="14:14">
      <c r="N328109" s="10"/>
    </row>
    <row r="328110" spans="14:14">
      <c r="N328110" s="10"/>
    </row>
    <row r="328111" spans="14:14">
      <c r="N328111" s="10"/>
    </row>
    <row r="328112" spans="14:14">
      <c r="N328112" s="10"/>
    </row>
    <row r="328113" spans="14:14">
      <c r="N328113" s="10"/>
    </row>
    <row r="328114" spans="14:14">
      <c r="N328114" s="10"/>
    </row>
    <row r="328115" spans="14:14">
      <c r="N328115" s="10"/>
    </row>
    <row r="328116" spans="14:14">
      <c r="N328116" s="10"/>
    </row>
    <row r="328117" spans="14:14">
      <c r="N328117" s="10"/>
    </row>
    <row r="328118" spans="14:14">
      <c r="N328118" s="10"/>
    </row>
    <row r="328119" spans="14:14">
      <c r="N328119" s="10"/>
    </row>
    <row r="328120" spans="14:14">
      <c r="N328120" s="10"/>
    </row>
    <row r="328121" spans="14:14">
      <c r="N328121" s="10"/>
    </row>
    <row r="328122" spans="14:14">
      <c r="N328122" s="10"/>
    </row>
    <row r="328123" spans="14:14">
      <c r="N328123" s="10"/>
    </row>
    <row r="328124" spans="14:14">
      <c r="N328124" s="10"/>
    </row>
    <row r="328125" spans="14:14">
      <c r="N328125" s="10"/>
    </row>
    <row r="328126" spans="14:14">
      <c r="N328126" s="10"/>
    </row>
    <row r="328127" spans="14:14">
      <c r="N328127" s="10"/>
    </row>
    <row r="328128" spans="14:14">
      <c r="N328128" s="10"/>
    </row>
    <row r="328129" spans="14:14">
      <c r="N328129" s="10"/>
    </row>
    <row r="328130" spans="14:14">
      <c r="N328130" s="10"/>
    </row>
    <row r="328131" spans="14:14">
      <c r="N328131" s="10"/>
    </row>
    <row r="328132" spans="14:14">
      <c r="N328132" s="10"/>
    </row>
    <row r="328133" spans="14:14">
      <c r="N328133" s="10"/>
    </row>
    <row r="328134" spans="14:14">
      <c r="N328134" s="10"/>
    </row>
    <row r="328135" spans="14:14">
      <c r="N328135" s="10"/>
    </row>
    <row r="328136" spans="14:14">
      <c r="N328136" s="10"/>
    </row>
    <row r="328137" spans="14:14">
      <c r="N328137" s="10"/>
    </row>
    <row r="328138" spans="14:14">
      <c r="N328138" s="10"/>
    </row>
    <row r="328139" spans="14:14">
      <c r="N328139" s="10"/>
    </row>
    <row r="328140" spans="14:14">
      <c r="N328140" s="10"/>
    </row>
    <row r="328141" spans="14:14">
      <c r="N328141" s="10"/>
    </row>
    <row r="328142" spans="14:14">
      <c r="N328142" s="10"/>
    </row>
    <row r="328143" spans="14:14">
      <c r="N328143" s="10"/>
    </row>
    <row r="328144" spans="14:14">
      <c r="N328144" s="10"/>
    </row>
    <row r="328145" spans="14:14">
      <c r="N328145" s="10"/>
    </row>
    <row r="328146" spans="14:14">
      <c r="N328146" s="10"/>
    </row>
    <row r="328147" spans="14:14">
      <c r="N328147" s="10"/>
    </row>
    <row r="328148" spans="14:14">
      <c r="N328148" s="10"/>
    </row>
    <row r="328149" spans="14:14">
      <c r="N328149" s="10"/>
    </row>
    <row r="328150" spans="14:14">
      <c r="N328150" s="10"/>
    </row>
    <row r="328151" spans="14:14">
      <c r="N328151" s="10"/>
    </row>
    <row r="328152" spans="14:14">
      <c r="N328152" s="10"/>
    </row>
    <row r="328153" spans="14:14">
      <c r="N328153" s="10"/>
    </row>
    <row r="328154" spans="14:14">
      <c r="N328154" s="10"/>
    </row>
    <row r="328155" spans="14:14">
      <c r="N328155" s="10"/>
    </row>
    <row r="328156" spans="14:14">
      <c r="N328156" s="10"/>
    </row>
    <row r="328157" spans="14:14">
      <c r="N328157" s="10"/>
    </row>
    <row r="328158" spans="14:14">
      <c r="N328158" s="10"/>
    </row>
    <row r="328159" spans="14:14">
      <c r="N328159" s="10"/>
    </row>
    <row r="328160" spans="14:14">
      <c r="N328160" s="10"/>
    </row>
    <row r="328161" spans="14:14">
      <c r="N328161" s="10"/>
    </row>
    <row r="328162" spans="14:14">
      <c r="N328162" s="10"/>
    </row>
    <row r="328163" spans="14:14">
      <c r="N328163" s="10"/>
    </row>
    <row r="328164" spans="14:14">
      <c r="N328164" s="10"/>
    </row>
    <row r="328165" spans="14:14">
      <c r="N328165" s="10"/>
    </row>
    <row r="328166" spans="14:14">
      <c r="N328166" s="10"/>
    </row>
    <row r="328167" spans="14:14">
      <c r="N328167" s="10"/>
    </row>
    <row r="328168" spans="14:14">
      <c r="N328168" s="10"/>
    </row>
    <row r="328169" spans="14:14">
      <c r="N328169" s="10"/>
    </row>
    <row r="328170" spans="14:14">
      <c r="N328170" s="10"/>
    </row>
    <row r="328171" spans="14:14">
      <c r="N328171" s="10"/>
    </row>
    <row r="328172" spans="14:14">
      <c r="N328172" s="10"/>
    </row>
    <row r="328173" spans="14:14">
      <c r="N328173" s="10"/>
    </row>
    <row r="328174" spans="14:14">
      <c r="N328174" s="10"/>
    </row>
    <row r="328175" spans="14:14">
      <c r="N328175" s="10"/>
    </row>
    <row r="328176" spans="14:14">
      <c r="N328176" s="10"/>
    </row>
    <row r="328177" spans="14:14">
      <c r="N328177" s="10"/>
    </row>
    <row r="328178" spans="14:14">
      <c r="N328178" s="10"/>
    </row>
    <row r="328179" spans="14:14">
      <c r="N328179" s="10"/>
    </row>
    <row r="328180" spans="14:14">
      <c r="N328180" s="10"/>
    </row>
    <row r="328181" spans="14:14">
      <c r="N328181" s="10"/>
    </row>
    <row r="328182" spans="14:14">
      <c r="N328182" s="10"/>
    </row>
    <row r="328183" spans="14:14">
      <c r="N328183" s="10"/>
    </row>
    <row r="328184" spans="14:14">
      <c r="N328184" s="10"/>
    </row>
    <row r="328185" spans="14:14">
      <c r="N328185" s="10"/>
    </row>
    <row r="328186" spans="14:14">
      <c r="N328186" s="10"/>
    </row>
    <row r="328187" spans="14:14">
      <c r="N328187" s="10"/>
    </row>
    <row r="328188" spans="14:14">
      <c r="N328188" s="10"/>
    </row>
    <row r="328189" spans="14:14">
      <c r="N328189" s="10"/>
    </row>
    <row r="328190" spans="14:14">
      <c r="N328190" s="10"/>
    </row>
    <row r="328191" spans="14:14">
      <c r="N328191" s="10"/>
    </row>
    <row r="328192" spans="14:14">
      <c r="N328192" s="10"/>
    </row>
    <row r="328193" spans="14:14">
      <c r="N328193" s="10"/>
    </row>
    <row r="328194" spans="14:14">
      <c r="N328194" s="10"/>
    </row>
    <row r="328195" spans="14:14">
      <c r="N328195" s="10"/>
    </row>
    <row r="328196" spans="14:14">
      <c r="N328196" s="10"/>
    </row>
    <row r="328197" spans="14:14">
      <c r="N328197" s="10"/>
    </row>
    <row r="328198" spans="14:14">
      <c r="N328198" s="10"/>
    </row>
    <row r="328199" spans="14:14">
      <c r="N328199" s="10"/>
    </row>
    <row r="328200" spans="14:14">
      <c r="N328200" s="10"/>
    </row>
    <row r="328201" spans="14:14">
      <c r="N328201" s="10"/>
    </row>
    <row r="328202" spans="14:14">
      <c r="N328202" s="10"/>
    </row>
    <row r="328203" spans="14:14">
      <c r="N328203" s="10"/>
    </row>
    <row r="328204" spans="14:14">
      <c r="N328204" s="10"/>
    </row>
    <row r="328205" spans="14:14">
      <c r="N328205" s="10"/>
    </row>
    <row r="328206" spans="14:14">
      <c r="N328206" s="10"/>
    </row>
    <row r="328207" spans="14:14">
      <c r="N328207" s="10"/>
    </row>
    <row r="328208" spans="14:14">
      <c r="N328208" s="10"/>
    </row>
    <row r="328209" spans="14:14">
      <c r="N328209" s="10"/>
    </row>
    <row r="328210" spans="14:14">
      <c r="N328210" s="10"/>
    </row>
    <row r="328211" spans="14:14">
      <c r="N328211" s="10"/>
    </row>
    <row r="328212" spans="14:14">
      <c r="N328212" s="10"/>
    </row>
    <row r="328213" spans="14:14">
      <c r="N328213" s="10"/>
    </row>
    <row r="328214" spans="14:14">
      <c r="N328214" s="10"/>
    </row>
    <row r="328215" spans="14:14">
      <c r="N328215" s="10"/>
    </row>
    <row r="328216" spans="14:14">
      <c r="N328216" s="10"/>
    </row>
    <row r="328217" spans="14:14">
      <c r="N328217" s="10"/>
    </row>
    <row r="328218" spans="14:14">
      <c r="N328218" s="10"/>
    </row>
    <row r="328219" spans="14:14">
      <c r="N328219" s="10"/>
    </row>
    <row r="328220" spans="14:14">
      <c r="N328220" s="10"/>
    </row>
    <row r="328221" spans="14:14">
      <c r="N328221" s="10"/>
    </row>
    <row r="328222" spans="14:14">
      <c r="N328222" s="10"/>
    </row>
    <row r="328223" spans="14:14">
      <c r="N328223" s="10"/>
    </row>
    <row r="328224" spans="14:14">
      <c r="N328224" s="10"/>
    </row>
    <row r="328225" spans="14:14">
      <c r="N328225" s="10"/>
    </row>
    <row r="328226" spans="14:14">
      <c r="N328226" s="10"/>
    </row>
    <row r="328227" spans="14:14">
      <c r="N328227" s="10"/>
    </row>
    <row r="328228" spans="14:14">
      <c r="N328228" s="10"/>
    </row>
    <row r="328229" spans="14:14">
      <c r="N328229" s="10"/>
    </row>
    <row r="328230" spans="14:14">
      <c r="N328230" s="10"/>
    </row>
    <row r="328231" spans="14:14">
      <c r="N328231" s="10"/>
    </row>
    <row r="328232" spans="14:14">
      <c r="N328232" s="10"/>
    </row>
    <row r="328233" spans="14:14">
      <c r="N328233" s="10"/>
    </row>
    <row r="328234" spans="14:14">
      <c r="N328234" s="10"/>
    </row>
    <row r="328235" spans="14:14">
      <c r="N328235" s="10"/>
    </row>
    <row r="328236" spans="14:14">
      <c r="N328236" s="10"/>
    </row>
    <row r="328237" spans="14:14">
      <c r="N328237" s="10"/>
    </row>
    <row r="328238" spans="14:14">
      <c r="N328238" s="10"/>
    </row>
    <row r="328239" spans="14:14">
      <c r="N328239" s="10"/>
    </row>
    <row r="328240" spans="14:14">
      <c r="N328240" s="10"/>
    </row>
    <row r="328241" spans="14:14">
      <c r="N328241" s="10"/>
    </row>
    <row r="328242" spans="14:14">
      <c r="N328242" s="10"/>
    </row>
    <row r="328243" spans="14:14">
      <c r="N328243" s="10"/>
    </row>
    <row r="328244" spans="14:14">
      <c r="N328244" s="10"/>
    </row>
    <row r="328245" spans="14:14">
      <c r="N328245" s="10"/>
    </row>
    <row r="328246" spans="14:14">
      <c r="N328246" s="10"/>
    </row>
    <row r="328247" spans="14:14">
      <c r="N328247" s="10"/>
    </row>
    <row r="328248" spans="14:14">
      <c r="N328248" s="10"/>
    </row>
    <row r="328249" spans="14:14">
      <c r="N328249" s="10"/>
    </row>
    <row r="328250" spans="14:14">
      <c r="N328250" s="10"/>
    </row>
    <row r="328251" spans="14:14">
      <c r="N328251" s="10"/>
    </row>
    <row r="328252" spans="14:14">
      <c r="N328252" s="10"/>
    </row>
    <row r="328253" spans="14:14">
      <c r="N328253" s="10"/>
    </row>
    <row r="328254" spans="14:14">
      <c r="N328254" s="10"/>
    </row>
    <row r="328255" spans="14:14">
      <c r="N328255" s="10"/>
    </row>
    <row r="328256" spans="14:14">
      <c r="N328256" s="10"/>
    </row>
    <row r="328257" spans="14:14">
      <c r="N328257" s="10"/>
    </row>
    <row r="328258" spans="14:14">
      <c r="N328258" s="10"/>
    </row>
    <row r="328259" spans="14:14">
      <c r="N328259" s="10"/>
    </row>
    <row r="328260" spans="14:14">
      <c r="N328260" s="10"/>
    </row>
    <row r="328261" spans="14:14">
      <c r="N328261" s="10"/>
    </row>
    <row r="328262" spans="14:14">
      <c r="N328262" s="10"/>
    </row>
    <row r="328263" spans="14:14">
      <c r="N328263" s="10"/>
    </row>
    <row r="328264" spans="14:14">
      <c r="N328264" s="10"/>
    </row>
    <row r="328265" spans="14:14">
      <c r="N328265" s="10"/>
    </row>
    <row r="328266" spans="14:14">
      <c r="N328266" s="10"/>
    </row>
    <row r="328267" spans="14:14">
      <c r="N328267" s="10"/>
    </row>
    <row r="328268" spans="14:14">
      <c r="N328268" s="10"/>
    </row>
    <row r="328269" spans="14:14">
      <c r="N328269" s="10"/>
    </row>
    <row r="328270" spans="14:14">
      <c r="N328270" s="10"/>
    </row>
    <row r="328271" spans="14:14">
      <c r="N328271" s="10"/>
    </row>
    <row r="328272" spans="14:14">
      <c r="N328272" s="10"/>
    </row>
    <row r="328273" spans="14:14">
      <c r="N328273" s="10"/>
    </row>
    <row r="328274" spans="14:14">
      <c r="N328274" s="10"/>
    </row>
    <row r="328275" spans="14:14">
      <c r="N328275" s="10"/>
    </row>
    <row r="328276" spans="14:14">
      <c r="N328276" s="10"/>
    </row>
    <row r="328277" spans="14:14">
      <c r="N328277" s="10"/>
    </row>
    <row r="328278" spans="14:14">
      <c r="N328278" s="10"/>
    </row>
    <row r="328279" spans="14:14">
      <c r="N328279" s="10"/>
    </row>
    <row r="328280" spans="14:14">
      <c r="N328280" s="10"/>
    </row>
    <row r="328281" spans="14:14">
      <c r="N328281" s="10"/>
    </row>
    <row r="328282" spans="14:14">
      <c r="N328282" s="10"/>
    </row>
    <row r="328283" spans="14:14">
      <c r="N328283" s="10"/>
    </row>
    <row r="328284" spans="14:14">
      <c r="N328284" s="10"/>
    </row>
    <row r="328285" spans="14:14">
      <c r="N328285" s="10"/>
    </row>
    <row r="328286" spans="14:14">
      <c r="N328286" s="10"/>
    </row>
    <row r="328287" spans="14:14">
      <c r="N328287" s="10"/>
    </row>
    <row r="328288" spans="14:14">
      <c r="N328288" s="10"/>
    </row>
    <row r="328289" spans="14:14">
      <c r="N328289" s="10"/>
    </row>
    <row r="328290" spans="14:14">
      <c r="N328290" s="10"/>
    </row>
    <row r="328291" spans="14:14">
      <c r="N328291" s="10"/>
    </row>
    <row r="328292" spans="14:14">
      <c r="N328292" s="10"/>
    </row>
    <row r="328293" spans="14:14">
      <c r="N328293" s="10"/>
    </row>
    <row r="328294" spans="14:14">
      <c r="N328294" s="10"/>
    </row>
    <row r="328295" spans="14:14">
      <c r="N328295" s="10"/>
    </row>
    <row r="328296" spans="14:14">
      <c r="N328296" s="10"/>
    </row>
    <row r="328297" spans="14:14">
      <c r="N328297" s="10"/>
    </row>
    <row r="328298" spans="14:14">
      <c r="N328298" s="10"/>
    </row>
    <row r="328299" spans="14:14">
      <c r="N328299" s="10"/>
    </row>
    <row r="328300" spans="14:14">
      <c r="N328300" s="10"/>
    </row>
    <row r="328301" spans="14:14">
      <c r="N328301" s="10"/>
    </row>
    <row r="328302" spans="14:14">
      <c r="N328302" s="10"/>
    </row>
    <row r="328303" spans="14:14">
      <c r="N328303" s="10"/>
    </row>
    <row r="328304" spans="14:14">
      <c r="N328304" s="10"/>
    </row>
    <row r="328305" spans="14:14">
      <c r="N328305" s="10"/>
    </row>
    <row r="328306" spans="14:14">
      <c r="N328306" s="10"/>
    </row>
    <row r="328307" spans="14:14">
      <c r="N328307" s="10"/>
    </row>
    <row r="328308" spans="14:14">
      <c r="N328308" s="10"/>
    </row>
    <row r="328309" spans="14:14">
      <c r="N328309" s="10"/>
    </row>
    <row r="328310" spans="14:14">
      <c r="N328310" s="10"/>
    </row>
    <row r="328311" spans="14:14">
      <c r="N328311" s="10"/>
    </row>
    <row r="328312" spans="14:14">
      <c r="N328312" s="10"/>
    </row>
    <row r="328313" spans="14:14">
      <c r="N328313" s="10"/>
    </row>
    <row r="328314" spans="14:14">
      <c r="N328314" s="10"/>
    </row>
    <row r="328315" spans="14:14">
      <c r="N328315" s="10"/>
    </row>
    <row r="328316" spans="14:14">
      <c r="N328316" s="10"/>
    </row>
    <row r="328317" spans="14:14">
      <c r="N328317" s="10"/>
    </row>
    <row r="328318" spans="14:14">
      <c r="N328318" s="10"/>
    </row>
    <row r="328319" spans="14:14">
      <c r="N328319" s="10"/>
    </row>
    <row r="328320" spans="14:14">
      <c r="N328320" s="10"/>
    </row>
    <row r="328321" spans="14:14">
      <c r="N328321" s="10"/>
    </row>
    <row r="328322" spans="14:14">
      <c r="N328322" s="10"/>
    </row>
    <row r="328323" spans="14:14">
      <c r="N328323" s="10"/>
    </row>
    <row r="328324" spans="14:14">
      <c r="N328324" s="10"/>
    </row>
    <row r="328325" spans="14:14">
      <c r="N328325" s="10"/>
    </row>
    <row r="328326" spans="14:14">
      <c r="N328326" s="10"/>
    </row>
    <row r="328327" spans="14:14">
      <c r="N328327" s="10"/>
    </row>
    <row r="328328" spans="14:14">
      <c r="N328328" s="10"/>
    </row>
    <row r="328329" spans="14:14">
      <c r="N328329" s="10"/>
    </row>
    <row r="328330" spans="14:14">
      <c r="N328330" s="10"/>
    </row>
    <row r="328331" spans="14:14">
      <c r="N328331" s="10"/>
    </row>
    <row r="328332" spans="14:14">
      <c r="N328332" s="10"/>
    </row>
    <row r="328333" spans="14:14">
      <c r="N328333" s="10"/>
    </row>
    <row r="328334" spans="14:14">
      <c r="N328334" s="10"/>
    </row>
    <row r="328335" spans="14:14">
      <c r="N328335" s="10"/>
    </row>
    <row r="328336" spans="14:14">
      <c r="N328336" s="10"/>
    </row>
    <row r="328337" spans="14:14">
      <c r="N328337" s="10"/>
    </row>
    <row r="328338" spans="14:14">
      <c r="N328338" s="10"/>
    </row>
    <row r="328339" spans="14:14">
      <c r="N328339" s="10"/>
    </row>
    <row r="328340" spans="14:14">
      <c r="N328340" s="10"/>
    </row>
    <row r="328341" spans="14:14">
      <c r="N328341" s="10"/>
    </row>
    <row r="328342" spans="14:14">
      <c r="N328342" s="10"/>
    </row>
    <row r="328343" spans="14:14">
      <c r="N328343" s="10"/>
    </row>
    <row r="328344" spans="14:14">
      <c r="N328344" s="10"/>
    </row>
    <row r="328345" spans="14:14">
      <c r="N328345" s="10"/>
    </row>
    <row r="328346" spans="14:14">
      <c r="N328346" s="10"/>
    </row>
    <row r="328347" spans="14:14">
      <c r="N328347" s="10"/>
    </row>
    <row r="328348" spans="14:14">
      <c r="N328348" s="10"/>
    </row>
    <row r="328349" spans="14:14">
      <c r="N328349" s="10"/>
    </row>
    <row r="328350" spans="14:14">
      <c r="N328350" s="10"/>
    </row>
    <row r="328351" spans="14:14">
      <c r="N328351" s="10"/>
    </row>
    <row r="328352" spans="14:14">
      <c r="N328352" s="10"/>
    </row>
    <row r="328353" spans="14:14">
      <c r="N328353" s="10"/>
    </row>
    <row r="328354" spans="14:14">
      <c r="N328354" s="10"/>
    </row>
    <row r="328355" spans="14:14">
      <c r="N328355" s="10"/>
    </row>
    <row r="328356" spans="14:14">
      <c r="N328356" s="10"/>
    </row>
    <row r="328357" spans="14:14">
      <c r="N328357" s="10"/>
    </row>
    <row r="328358" spans="14:14">
      <c r="N328358" s="10"/>
    </row>
    <row r="328359" spans="14:14">
      <c r="N328359" s="10"/>
    </row>
    <row r="328360" spans="14:14">
      <c r="N328360" s="10"/>
    </row>
    <row r="328361" spans="14:14">
      <c r="N328361" s="10"/>
    </row>
    <row r="328362" spans="14:14">
      <c r="N328362" s="10"/>
    </row>
    <row r="328363" spans="14:14">
      <c r="N328363" s="10"/>
    </row>
    <row r="328364" spans="14:14">
      <c r="N328364" s="10"/>
    </row>
    <row r="328365" spans="14:14">
      <c r="N328365" s="10"/>
    </row>
    <row r="328366" spans="14:14">
      <c r="N328366" s="10"/>
    </row>
    <row r="328367" spans="14:14">
      <c r="N328367" s="10"/>
    </row>
    <row r="328368" spans="14:14">
      <c r="N328368" s="10"/>
    </row>
    <row r="328369" spans="14:14">
      <c r="N328369" s="10"/>
    </row>
    <row r="328370" spans="14:14">
      <c r="N328370" s="10"/>
    </row>
    <row r="328371" spans="14:14">
      <c r="N328371" s="10"/>
    </row>
    <row r="328372" spans="14:14">
      <c r="N328372" s="10"/>
    </row>
    <row r="328373" spans="14:14">
      <c r="N328373" s="10"/>
    </row>
    <row r="328374" spans="14:14">
      <c r="N328374" s="10"/>
    </row>
    <row r="328375" spans="14:14">
      <c r="N328375" s="10"/>
    </row>
    <row r="328376" spans="14:14">
      <c r="N328376" s="10"/>
    </row>
    <row r="328377" spans="14:14">
      <c r="N328377" s="10"/>
    </row>
    <row r="328378" spans="14:14">
      <c r="N328378" s="10"/>
    </row>
    <row r="328379" spans="14:14">
      <c r="N328379" s="10"/>
    </row>
    <row r="328380" spans="14:14">
      <c r="N328380" s="10"/>
    </row>
    <row r="328381" spans="14:14">
      <c r="N328381" s="10"/>
    </row>
    <row r="328382" spans="14:14">
      <c r="N328382" s="10"/>
    </row>
    <row r="328383" spans="14:14">
      <c r="N328383" s="10"/>
    </row>
    <row r="328384" spans="14:14">
      <c r="N328384" s="10"/>
    </row>
    <row r="328385" spans="14:14">
      <c r="N328385" s="10"/>
    </row>
    <row r="328386" spans="14:14">
      <c r="N328386" s="10"/>
    </row>
    <row r="328387" spans="14:14">
      <c r="N328387" s="10"/>
    </row>
    <row r="328388" spans="14:14">
      <c r="N328388" s="10"/>
    </row>
    <row r="328389" spans="14:14">
      <c r="N328389" s="10"/>
    </row>
    <row r="328390" spans="14:14">
      <c r="N328390" s="10"/>
    </row>
    <row r="328391" spans="14:14">
      <c r="N328391" s="10"/>
    </row>
    <row r="328392" spans="14:14">
      <c r="N328392" s="10"/>
    </row>
    <row r="328393" spans="14:14">
      <c r="N328393" s="10"/>
    </row>
    <row r="328394" spans="14:14">
      <c r="N328394" s="10"/>
    </row>
    <row r="328395" spans="14:14">
      <c r="N328395" s="10"/>
    </row>
    <row r="328396" spans="14:14">
      <c r="N328396" s="10"/>
    </row>
    <row r="328397" spans="14:14">
      <c r="N328397" s="10"/>
    </row>
    <row r="328398" spans="14:14">
      <c r="N328398" s="10"/>
    </row>
    <row r="328399" spans="14:14">
      <c r="N328399" s="10"/>
    </row>
    <row r="328400" spans="14:14">
      <c r="N328400" s="10"/>
    </row>
    <row r="328401" spans="14:14">
      <c r="N328401" s="10"/>
    </row>
    <row r="328402" spans="14:14">
      <c r="N328402" s="10"/>
    </row>
    <row r="328403" spans="14:14">
      <c r="N328403" s="10"/>
    </row>
    <row r="328404" spans="14:14">
      <c r="N328404" s="10"/>
    </row>
    <row r="328405" spans="14:14">
      <c r="N328405" s="10"/>
    </row>
    <row r="328406" spans="14:14">
      <c r="N328406" s="10"/>
    </row>
    <row r="328407" spans="14:14">
      <c r="N328407" s="10"/>
    </row>
    <row r="328408" spans="14:14">
      <c r="N328408" s="10"/>
    </row>
    <row r="328409" spans="14:14">
      <c r="N328409" s="10"/>
    </row>
    <row r="328410" spans="14:14">
      <c r="N328410" s="10"/>
    </row>
    <row r="328411" spans="14:14">
      <c r="N328411" s="10"/>
    </row>
    <row r="328412" spans="14:14">
      <c r="N328412" s="10"/>
    </row>
    <row r="328413" spans="14:14">
      <c r="N328413" s="10"/>
    </row>
    <row r="328414" spans="14:14">
      <c r="N328414" s="10"/>
    </row>
    <row r="328415" spans="14:14">
      <c r="N328415" s="10"/>
    </row>
    <row r="328416" spans="14:14">
      <c r="N328416" s="10"/>
    </row>
    <row r="328417" spans="14:14">
      <c r="N328417" s="10"/>
    </row>
    <row r="328418" spans="14:14">
      <c r="N328418" s="10"/>
    </row>
    <row r="328419" spans="14:14">
      <c r="N328419" s="10"/>
    </row>
    <row r="328420" spans="14:14">
      <c r="N328420" s="10"/>
    </row>
    <row r="328421" spans="14:14">
      <c r="N328421" s="10"/>
    </row>
    <row r="328422" spans="14:14">
      <c r="N328422" s="10"/>
    </row>
    <row r="328423" spans="14:14">
      <c r="N328423" s="10"/>
    </row>
    <row r="328424" spans="14:14">
      <c r="N328424" s="10"/>
    </row>
    <row r="328425" spans="14:14">
      <c r="N328425" s="10"/>
    </row>
    <row r="328426" spans="14:14">
      <c r="N328426" s="10"/>
    </row>
    <row r="328427" spans="14:14">
      <c r="N328427" s="10"/>
    </row>
    <row r="328428" spans="14:14">
      <c r="N328428" s="10"/>
    </row>
    <row r="328429" spans="14:14">
      <c r="N328429" s="10"/>
    </row>
    <row r="328430" spans="14:14">
      <c r="N328430" s="10"/>
    </row>
    <row r="328431" spans="14:14">
      <c r="N328431" s="10"/>
    </row>
    <row r="328432" spans="14:14">
      <c r="N328432" s="10"/>
    </row>
    <row r="328433" spans="14:14">
      <c r="N328433" s="10"/>
    </row>
    <row r="328434" spans="14:14">
      <c r="N328434" s="10"/>
    </row>
    <row r="328435" spans="14:14">
      <c r="N328435" s="10"/>
    </row>
    <row r="328436" spans="14:14">
      <c r="N328436" s="10"/>
    </row>
    <row r="328437" spans="14:14">
      <c r="N328437" s="10"/>
    </row>
    <row r="328438" spans="14:14">
      <c r="N328438" s="10"/>
    </row>
    <row r="328439" spans="14:14">
      <c r="N328439" s="10"/>
    </row>
    <row r="328440" spans="14:14">
      <c r="N328440" s="10"/>
    </row>
    <row r="328441" spans="14:14">
      <c r="N328441" s="10"/>
    </row>
    <row r="328442" spans="14:14">
      <c r="N328442" s="10"/>
    </row>
    <row r="328443" spans="14:14">
      <c r="N328443" s="10"/>
    </row>
    <row r="328444" spans="14:14">
      <c r="N328444" s="10"/>
    </row>
    <row r="328445" spans="14:14">
      <c r="N328445" s="10"/>
    </row>
    <row r="328446" spans="14:14">
      <c r="N328446" s="10"/>
    </row>
    <row r="328447" spans="14:14">
      <c r="N328447" s="10"/>
    </row>
    <row r="328448" spans="14:14">
      <c r="N328448" s="10"/>
    </row>
    <row r="328449" spans="14:14">
      <c r="N328449" s="10"/>
    </row>
    <row r="328450" spans="14:14">
      <c r="N328450" s="10"/>
    </row>
    <row r="328451" spans="14:14">
      <c r="N328451" s="10"/>
    </row>
    <row r="328452" spans="14:14">
      <c r="N328452" s="10"/>
    </row>
    <row r="328453" spans="14:14">
      <c r="N328453" s="10"/>
    </row>
    <row r="328454" spans="14:14">
      <c r="N328454" s="10"/>
    </row>
    <row r="328455" spans="14:14">
      <c r="N328455" s="10"/>
    </row>
    <row r="328456" spans="14:14">
      <c r="N328456" s="10"/>
    </row>
    <row r="328457" spans="14:14">
      <c r="N328457" s="10"/>
    </row>
    <row r="328458" spans="14:14">
      <c r="N328458" s="10"/>
    </row>
    <row r="328459" spans="14:14">
      <c r="N328459" s="10"/>
    </row>
    <row r="328460" spans="14:14">
      <c r="N328460" s="10"/>
    </row>
    <row r="328461" spans="14:14">
      <c r="N328461" s="10"/>
    </row>
    <row r="328462" spans="14:14">
      <c r="N328462" s="10"/>
    </row>
    <row r="328463" spans="14:14">
      <c r="N328463" s="10"/>
    </row>
    <row r="328464" spans="14:14">
      <c r="N328464" s="10"/>
    </row>
    <row r="328465" spans="14:14">
      <c r="N328465" s="10"/>
    </row>
    <row r="328466" spans="14:14">
      <c r="N328466" s="10"/>
    </row>
    <row r="328467" spans="14:14">
      <c r="N328467" s="10"/>
    </row>
    <row r="328468" spans="14:14">
      <c r="N328468" s="10"/>
    </row>
    <row r="328469" spans="14:14">
      <c r="N328469" s="10"/>
    </row>
    <row r="328470" spans="14:14">
      <c r="N328470" s="10"/>
    </row>
    <row r="328471" spans="14:14">
      <c r="N328471" s="10"/>
    </row>
    <row r="328472" spans="14:14">
      <c r="N328472" s="10"/>
    </row>
    <row r="328473" spans="14:14">
      <c r="N328473" s="10"/>
    </row>
    <row r="328474" spans="14:14">
      <c r="N328474" s="10"/>
    </row>
    <row r="328475" spans="14:14">
      <c r="N328475" s="10"/>
    </row>
    <row r="328476" spans="14:14">
      <c r="N328476" s="10"/>
    </row>
    <row r="328477" spans="14:14">
      <c r="N328477" s="10"/>
    </row>
    <row r="328478" spans="14:14">
      <c r="N328478" s="10"/>
    </row>
    <row r="328479" spans="14:14">
      <c r="N328479" s="10"/>
    </row>
    <row r="328480" spans="14:14">
      <c r="N328480" s="10"/>
    </row>
    <row r="328481" spans="14:14">
      <c r="N328481" s="10"/>
    </row>
    <row r="328482" spans="14:14">
      <c r="N328482" s="10"/>
    </row>
    <row r="328483" spans="14:14">
      <c r="N328483" s="10"/>
    </row>
    <row r="328484" spans="14:14">
      <c r="N328484" s="10"/>
    </row>
    <row r="328485" spans="14:14">
      <c r="N328485" s="10"/>
    </row>
    <row r="328486" spans="14:14">
      <c r="N328486" s="10"/>
    </row>
    <row r="328487" spans="14:14">
      <c r="N328487" s="10"/>
    </row>
    <row r="328488" spans="14:14">
      <c r="N328488" s="10"/>
    </row>
    <row r="328489" spans="14:14">
      <c r="N328489" s="10"/>
    </row>
    <row r="328490" spans="14:14">
      <c r="N328490" s="10"/>
    </row>
    <row r="328491" spans="14:14">
      <c r="N328491" s="10"/>
    </row>
    <row r="328492" spans="14:14">
      <c r="N328492" s="10"/>
    </row>
    <row r="328493" spans="14:14">
      <c r="N328493" s="10"/>
    </row>
    <row r="328494" spans="14:14">
      <c r="N328494" s="10"/>
    </row>
    <row r="328495" spans="14:14">
      <c r="N328495" s="10"/>
    </row>
    <row r="328496" spans="14:14">
      <c r="N328496" s="10"/>
    </row>
    <row r="328497" spans="14:14">
      <c r="N328497" s="10"/>
    </row>
    <row r="328498" spans="14:14">
      <c r="N328498" s="10"/>
    </row>
    <row r="328499" spans="14:14">
      <c r="N328499" s="10"/>
    </row>
    <row r="328500" spans="14:14">
      <c r="N328500" s="10"/>
    </row>
    <row r="328501" spans="14:14">
      <c r="N328501" s="10"/>
    </row>
    <row r="328502" spans="14:14">
      <c r="N328502" s="10"/>
    </row>
    <row r="328503" spans="14:14">
      <c r="N328503" s="10"/>
    </row>
    <row r="328504" spans="14:14">
      <c r="N328504" s="10"/>
    </row>
    <row r="328505" spans="14:14">
      <c r="N328505" s="10"/>
    </row>
    <row r="328506" spans="14:14">
      <c r="N328506" s="10"/>
    </row>
    <row r="328507" spans="14:14">
      <c r="N328507" s="10"/>
    </row>
    <row r="328508" spans="14:14">
      <c r="N328508" s="10"/>
    </row>
    <row r="328509" spans="14:14">
      <c r="N328509" s="10"/>
    </row>
    <row r="328510" spans="14:14">
      <c r="N328510" s="10"/>
    </row>
    <row r="328511" spans="14:14">
      <c r="N328511" s="10"/>
    </row>
    <row r="328512" spans="14:14">
      <c r="N328512" s="10"/>
    </row>
    <row r="328513" spans="14:14">
      <c r="N328513" s="10"/>
    </row>
    <row r="328514" spans="14:14">
      <c r="N328514" s="10"/>
    </row>
    <row r="328515" spans="14:14">
      <c r="N328515" s="10"/>
    </row>
    <row r="328516" spans="14:14">
      <c r="N328516" s="10"/>
    </row>
    <row r="328517" spans="14:14">
      <c r="N328517" s="10"/>
    </row>
    <row r="328518" spans="14:14">
      <c r="N328518" s="10"/>
    </row>
    <row r="328519" spans="14:14">
      <c r="N328519" s="10"/>
    </row>
    <row r="328520" spans="14:14">
      <c r="N328520" s="10"/>
    </row>
    <row r="328521" spans="14:14">
      <c r="N328521" s="10"/>
    </row>
    <row r="328522" spans="14:14">
      <c r="N328522" s="10"/>
    </row>
    <row r="328523" spans="14:14">
      <c r="N328523" s="10"/>
    </row>
    <row r="328524" spans="14:14">
      <c r="N328524" s="10"/>
    </row>
    <row r="328525" spans="14:14">
      <c r="N328525" s="10"/>
    </row>
    <row r="328526" spans="14:14">
      <c r="N328526" s="10"/>
    </row>
    <row r="328527" spans="14:14">
      <c r="N328527" s="10"/>
    </row>
    <row r="328528" spans="14:14">
      <c r="N328528" s="10"/>
    </row>
    <row r="328529" spans="14:14">
      <c r="N328529" s="10"/>
    </row>
    <row r="328530" spans="14:14">
      <c r="N328530" s="10"/>
    </row>
    <row r="328531" spans="14:14">
      <c r="N328531" s="10"/>
    </row>
    <row r="328532" spans="14:14">
      <c r="N328532" s="10"/>
    </row>
    <row r="328533" spans="14:14">
      <c r="N328533" s="10"/>
    </row>
    <row r="328534" spans="14:14">
      <c r="N328534" s="10"/>
    </row>
    <row r="328535" spans="14:14">
      <c r="N328535" s="10"/>
    </row>
    <row r="328536" spans="14:14">
      <c r="N328536" s="10"/>
    </row>
    <row r="328537" spans="14:14">
      <c r="N328537" s="10"/>
    </row>
    <row r="328538" spans="14:14">
      <c r="N328538" s="10"/>
    </row>
    <row r="328539" spans="14:14">
      <c r="N328539" s="10"/>
    </row>
    <row r="328540" spans="14:14">
      <c r="N328540" s="10"/>
    </row>
    <row r="328541" spans="14:14">
      <c r="N328541" s="10"/>
    </row>
    <row r="328542" spans="14:14">
      <c r="N328542" s="10"/>
    </row>
    <row r="328543" spans="14:14">
      <c r="N328543" s="10"/>
    </row>
    <row r="328544" spans="14:14">
      <c r="N328544" s="10"/>
    </row>
    <row r="328545" spans="14:14">
      <c r="N328545" s="10"/>
    </row>
    <row r="328546" spans="14:14">
      <c r="N328546" s="10"/>
    </row>
    <row r="328547" spans="14:14">
      <c r="N328547" s="10"/>
    </row>
    <row r="328548" spans="14:14">
      <c r="N328548" s="10"/>
    </row>
    <row r="328549" spans="14:14">
      <c r="N328549" s="10"/>
    </row>
    <row r="328550" spans="14:14">
      <c r="N328550" s="10"/>
    </row>
    <row r="328551" spans="14:14">
      <c r="N328551" s="10"/>
    </row>
    <row r="328552" spans="14:14">
      <c r="N328552" s="10"/>
    </row>
    <row r="328553" spans="14:14">
      <c r="N328553" s="10"/>
    </row>
    <row r="328554" spans="14:14">
      <c r="N328554" s="10"/>
    </row>
    <row r="328555" spans="14:14">
      <c r="N328555" s="10"/>
    </row>
    <row r="328556" spans="14:14">
      <c r="N328556" s="10"/>
    </row>
    <row r="328557" spans="14:14">
      <c r="N328557" s="10"/>
    </row>
    <row r="328558" spans="14:14">
      <c r="N328558" s="10"/>
    </row>
    <row r="328559" spans="14:14">
      <c r="N328559" s="10"/>
    </row>
    <row r="328560" spans="14:14">
      <c r="N328560" s="10"/>
    </row>
    <row r="328561" spans="14:14">
      <c r="N328561" s="10"/>
    </row>
    <row r="328562" spans="14:14">
      <c r="N328562" s="10"/>
    </row>
    <row r="328563" spans="14:14">
      <c r="N328563" s="10"/>
    </row>
    <row r="328564" spans="14:14">
      <c r="N328564" s="10"/>
    </row>
    <row r="328565" spans="14:14">
      <c r="N328565" s="10"/>
    </row>
    <row r="328566" spans="14:14">
      <c r="N328566" s="10"/>
    </row>
    <row r="328567" spans="14:14">
      <c r="N328567" s="10"/>
    </row>
    <row r="328568" spans="14:14">
      <c r="N328568" s="10"/>
    </row>
    <row r="328569" spans="14:14">
      <c r="N328569" s="10"/>
    </row>
    <row r="328570" spans="14:14">
      <c r="N328570" s="10"/>
    </row>
    <row r="328571" spans="14:14">
      <c r="N328571" s="10"/>
    </row>
    <row r="328572" spans="14:14">
      <c r="N328572" s="10"/>
    </row>
    <row r="328573" spans="14:14">
      <c r="N328573" s="10"/>
    </row>
    <row r="328574" spans="14:14">
      <c r="N328574" s="10"/>
    </row>
    <row r="328575" spans="14:14">
      <c r="N328575" s="10"/>
    </row>
    <row r="328576" spans="14:14">
      <c r="N328576" s="10"/>
    </row>
    <row r="328577" spans="14:14">
      <c r="N328577" s="10"/>
    </row>
    <row r="328578" spans="14:14">
      <c r="N328578" s="10"/>
    </row>
    <row r="328579" spans="14:14">
      <c r="N328579" s="10"/>
    </row>
    <row r="328580" spans="14:14">
      <c r="N328580" s="10"/>
    </row>
    <row r="328581" spans="14:14">
      <c r="N328581" s="10"/>
    </row>
    <row r="328582" spans="14:14">
      <c r="N328582" s="10"/>
    </row>
    <row r="328583" spans="14:14">
      <c r="N328583" s="10"/>
    </row>
    <row r="328584" spans="14:14">
      <c r="N328584" s="10"/>
    </row>
    <row r="328585" spans="14:14">
      <c r="N328585" s="10"/>
    </row>
    <row r="328586" spans="14:14">
      <c r="N328586" s="10"/>
    </row>
    <row r="328587" spans="14:14">
      <c r="N328587" s="10"/>
    </row>
    <row r="328588" spans="14:14">
      <c r="N328588" s="10"/>
    </row>
    <row r="328589" spans="14:14">
      <c r="N328589" s="10"/>
    </row>
    <row r="328590" spans="14:14">
      <c r="N328590" s="10"/>
    </row>
    <row r="328591" spans="14:14">
      <c r="N328591" s="10"/>
    </row>
    <row r="328592" spans="14:14">
      <c r="N328592" s="10"/>
    </row>
    <row r="328593" spans="14:14">
      <c r="N328593" s="10"/>
    </row>
    <row r="328594" spans="14:14">
      <c r="N328594" s="10"/>
    </row>
    <row r="328595" spans="14:14">
      <c r="N328595" s="10"/>
    </row>
    <row r="328596" spans="14:14">
      <c r="N328596" s="10"/>
    </row>
    <row r="328597" spans="14:14">
      <c r="N328597" s="10"/>
    </row>
    <row r="328598" spans="14:14">
      <c r="N328598" s="10"/>
    </row>
    <row r="328599" spans="14:14">
      <c r="N328599" s="10"/>
    </row>
    <row r="328600" spans="14:14">
      <c r="N328600" s="10"/>
    </row>
    <row r="328601" spans="14:14">
      <c r="N328601" s="10"/>
    </row>
    <row r="328602" spans="14:14">
      <c r="N328602" s="10"/>
    </row>
    <row r="328603" spans="14:14">
      <c r="N328603" s="10"/>
    </row>
    <row r="328604" spans="14:14">
      <c r="N328604" s="10"/>
    </row>
    <row r="328605" spans="14:14">
      <c r="N328605" s="10"/>
    </row>
    <row r="328606" spans="14:14">
      <c r="N328606" s="10"/>
    </row>
    <row r="328607" spans="14:14">
      <c r="N328607" s="10"/>
    </row>
    <row r="328608" spans="14:14">
      <c r="N328608" s="10"/>
    </row>
    <row r="328609" spans="14:14">
      <c r="N328609" s="10"/>
    </row>
    <row r="328610" spans="14:14">
      <c r="N328610" s="10"/>
    </row>
    <row r="328611" spans="14:14">
      <c r="N328611" s="10"/>
    </row>
    <row r="328612" spans="14:14">
      <c r="N328612" s="10"/>
    </row>
    <row r="328613" spans="14:14">
      <c r="N328613" s="10"/>
    </row>
    <row r="328614" spans="14:14">
      <c r="N328614" s="10"/>
    </row>
    <row r="328615" spans="14:14">
      <c r="N328615" s="10"/>
    </row>
    <row r="328616" spans="14:14">
      <c r="N328616" s="10"/>
    </row>
    <row r="328617" spans="14:14">
      <c r="N328617" s="10"/>
    </row>
    <row r="328618" spans="14:14">
      <c r="N328618" s="10"/>
    </row>
    <row r="328619" spans="14:14">
      <c r="N328619" s="10"/>
    </row>
    <row r="328620" spans="14:14">
      <c r="N328620" s="10"/>
    </row>
    <row r="328621" spans="14:14">
      <c r="N328621" s="10"/>
    </row>
    <row r="328622" spans="14:14">
      <c r="N328622" s="10"/>
    </row>
    <row r="328623" spans="14:14">
      <c r="N328623" s="10"/>
    </row>
    <row r="328624" spans="14:14">
      <c r="N328624" s="10"/>
    </row>
    <row r="328625" spans="14:14">
      <c r="N328625" s="10"/>
    </row>
    <row r="328626" spans="14:14">
      <c r="N328626" s="10"/>
    </row>
    <row r="328627" spans="14:14">
      <c r="N328627" s="10"/>
    </row>
    <row r="328628" spans="14:14">
      <c r="N328628" s="10"/>
    </row>
    <row r="328629" spans="14:14">
      <c r="N328629" s="10"/>
    </row>
    <row r="328630" spans="14:14">
      <c r="N328630" s="10"/>
    </row>
    <row r="328631" spans="14:14">
      <c r="N328631" s="10"/>
    </row>
    <row r="328632" spans="14:14">
      <c r="N328632" s="10"/>
    </row>
    <row r="328633" spans="14:14">
      <c r="N328633" s="10"/>
    </row>
    <row r="328634" spans="14:14">
      <c r="N328634" s="10"/>
    </row>
    <row r="328635" spans="14:14">
      <c r="N328635" s="10"/>
    </row>
    <row r="328636" spans="14:14">
      <c r="N328636" s="10"/>
    </row>
    <row r="328637" spans="14:14">
      <c r="N328637" s="10"/>
    </row>
    <row r="328638" spans="14:14">
      <c r="N328638" s="10"/>
    </row>
    <row r="328639" spans="14:14">
      <c r="N328639" s="10"/>
    </row>
    <row r="328640" spans="14:14">
      <c r="N328640" s="10"/>
    </row>
    <row r="328641" spans="14:14">
      <c r="N328641" s="10"/>
    </row>
    <row r="328642" spans="14:14">
      <c r="N328642" s="10"/>
    </row>
    <row r="328643" spans="14:14">
      <c r="N328643" s="10"/>
    </row>
    <row r="328644" spans="14:14">
      <c r="N328644" s="10"/>
    </row>
    <row r="328645" spans="14:14">
      <c r="N328645" s="10"/>
    </row>
    <row r="328646" spans="14:14">
      <c r="N328646" s="10"/>
    </row>
    <row r="328647" spans="14:14">
      <c r="N328647" s="10"/>
    </row>
    <row r="328648" spans="14:14">
      <c r="N328648" s="10"/>
    </row>
    <row r="328649" spans="14:14">
      <c r="N328649" s="10"/>
    </row>
    <row r="328650" spans="14:14">
      <c r="N328650" s="10"/>
    </row>
    <row r="328651" spans="14:14">
      <c r="N328651" s="10"/>
    </row>
    <row r="328652" spans="14:14">
      <c r="N328652" s="10"/>
    </row>
    <row r="328653" spans="14:14">
      <c r="N328653" s="10"/>
    </row>
    <row r="328654" spans="14:14">
      <c r="N328654" s="10"/>
    </row>
    <row r="328655" spans="14:14">
      <c r="N328655" s="10"/>
    </row>
    <row r="328656" spans="14:14">
      <c r="N328656" s="10"/>
    </row>
    <row r="328657" spans="14:14">
      <c r="N328657" s="10"/>
    </row>
    <row r="328658" spans="14:14">
      <c r="N328658" s="10"/>
    </row>
    <row r="328659" spans="14:14">
      <c r="N328659" s="10"/>
    </row>
    <row r="328660" spans="14:14">
      <c r="N328660" s="10"/>
    </row>
    <row r="328661" spans="14:14">
      <c r="N328661" s="10"/>
    </row>
    <row r="328662" spans="14:14">
      <c r="N328662" s="10"/>
    </row>
    <row r="328663" spans="14:14">
      <c r="N328663" s="10"/>
    </row>
    <row r="328664" spans="14:14">
      <c r="N328664" s="10"/>
    </row>
    <row r="328665" spans="14:14">
      <c r="N328665" s="10"/>
    </row>
    <row r="328666" spans="14:14">
      <c r="N328666" s="10"/>
    </row>
    <row r="328667" spans="14:14">
      <c r="N328667" s="10"/>
    </row>
    <row r="328668" spans="14:14">
      <c r="N328668" s="10"/>
    </row>
    <row r="328669" spans="14:14">
      <c r="N328669" s="10"/>
    </row>
    <row r="328670" spans="14:14">
      <c r="N328670" s="10"/>
    </row>
    <row r="328671" spans="14:14">
      <c r="N328671" s="10"/>
    </row>
    <row r="328672" spans="14:14">
      <c r="N328672" s="10"/>
    </row>
    <row r="328673" spans="14:14">
      <c r="N328673" s="10"/>
    </row>
    <row r="328674" spans="14:14">
      <c r="N328674" s="10"/>
    </row>
    <row r="328675" spans="14:14">
      <c r="N328675" s="10"/>
    </row>
    <row r="328676" spans="14:14">
      <c r="N328676" s="10"/>
    </row>
    <row r="328677" spans="14:14">
      <c r="N328677" s="10"/>
    </row>
    <row r="328678" spans="14:14">
      <c r="N328678" s="10"/>
    </row>
    <row r="328679" spans="14:14">
      <c r="N328679" s="10"/>
    </row>
    <row r="328680" spans="14:14">
      <c r="N328680" s="10"/>
    </row>
    <row r="328681" spans="14:14">
      <c r="N328681" s="10"/>
    </row>
    <row r="328682" spans="14:14">
      <c r="N328682" s="10"/>
    </row>
    <row r="328683" spans="14:14">
      <c r="N328683" s="10"/>
    </row>
    <row r="328684" spans="14:14">
      <c r="N328684" s="10"/>
    </row>
    <row r="328685" spans="14:14">
      <c r="N328685" s="10"/>
    </row>
    <row r="328686" spans="14:14">
      <c r="N328686" s="10"/>
    </row>
    <row r="328687" spans="14:14">
      <c r="N328687" s="10"/>
    </row>
    <row r="328688" spans="14:14">
      <c r="N328688" s="10"/>
    </row>
    <row r="328689" spans="14:14">
      <c r="N328689" s="10"/>
    </row>
    <row r="328690" spans="14:14">
      <c r="N328690" s="10"/>
    </row>
    <row r="328691" spans="14:14">
      <c r="N328691" s="10"/>
    </row>
    <row r="328692" spans="14:14">
      <c r="N328692" s="10"/>
    </row>
    <row r="328693" spans="14:14">
      <c r="N328693" s="10"/>
    </row>
    <row r="328694" spans="14:14">
      <c r="N328694" s="10"/>
    </row>
    <row r="328695" spans="14:14">
      <c r="N328695" s="10"/>
    </row>
    <row r="328696" spans="14:14">
      <c r="N328696" s="10"/>
    </row>
    <row r="328697" spans="14:14">
      <c r="N328697" s="10"/>
    </row>
    <row r="328698" spans="14:14">
      <c r="N328698" s="10"/>
    </row>
    <row r="328699" spans="14:14">
      <c r="N328699" s="10"/>
    </row>
    <row r="328700" spans="14:14">
      <c r="N328700" s="10"/>
    </row>
    <row r="328701" spans="14:14">
      <c r="N328701" s="10"/>
    </row>
    <row r="328702" spans="14:14">
      <c r="N328702" s="10"/>
    </row>
    <row r="328703" spans="14:14">
      <c r="N328703" s="10"/>
    </row>
    <row r="328704" spans="14:14">
      <c r="N328704" s="10"/>
    </row>
    <row r="328705" spans="14:14">
      <c r="N328705" s="10"/>
    </row>
    <row r="328706" spans="14:14">
      <c r="N328706" s="10"/>
    </row>
    <row r="328707" spans="14:14">
      <c r="N328707" s="10"/>
    </row>
    <row r="328708" spans="14:14">
      <c r="N328708" s="10"/>
    </row>
    <row r="328709" spans="14:14">
      <c r="N328709" s="10"/>
    </row>
    <row r="328710" spans="14:14">
      <c r="N328710" s="10"/>
    </row>
    <row r="328711" spans="14:14">
      <c r="N328711" s="10"/>
    </row>
    <row r="328712" spans="14:14">
      <c r="N328712" s="10"/>
    </row>
    <row r="328713" spans="14:14">
      <c r="N328713" s="10"/>
    </row>
    <row r="328714" spans="14:14">
      <c r="N328714" s="10"/>
    </row>
    <row r="328715" spans="14:14">
      <c r="N328715" s="10"/>
    </row>
    <row r="328716" spans="14:14">
      <c r="N328716" s="10"/>
    </row>
    <row r="328717" spans="14:14">
      <c r="N328717" s="10"/>
    </row>
    <row r="328718" spans="14:14">
      <c r="N328718" s="10"/>
    </row>
    <row r="328719" spans="14:14">
      <c r="N328719" s="10"/>
    </row>
    <row r="328720" spans="14:14">
      <c r="N328720" s="10"/>
    </row>
    <row r="328721" spans="14:14">
      <c r="N328721" s="10"/>
    </row>
    <row r="328722" spans="14:14">
      <c r="N328722" s="10"/>
    </row>
    <row r="328723" spans="14:14">
      <c r="N328723" s="10"/>
    </row>
    <row r="328724" spans="14:14">
      <c r="N328724" s="10"/>
    </row>
    <row r="328725" spans="14:14">
      <c r="N328725" s="10"/>
    </row>
    <row r="328726" spans="14:14">
      <c r="N328726" s="10"/>
    </row>
    <row r="328727" spans="14:14">
      <c r="N328727" s="10"/>
    </row>
    <row r="328728" spans="14:14">
      <c r="N328728" s="10"/>
    </row>
    <row r="328729" spans="14:14">
      <c r="N328729" s="10"/>
    </row>
    <row r="328730" spans="14:14">
      <c r="N328730" s="10"/>
    </row>
    <row r="328731" spans="14:14">
      <c r="N328731" s="10"/>
    </row>
    <row r="328732" spans="14:14">
      <c r="N328732" s="10"/>
    </row>
    <row r="328733" spans="14:14">
      <c r="N328733" s="10"/>
    </row>
    <row r="328734" spans="14:14">
      <c r="N328734" s="10"/>
    </row>
    <row r="328735" spans="14:14">
      <c r="N328735" s="10"/>
    </row>
    <row r="328736" spans="14:14">
      <c r="N328736" s="10"/>
    </row>
    <row r="328737" spans="14:14">
      <c r="N328737" s="10"/>
    </row>
    <row r="328738" spans="14:14">
      <c r="N328738" s="10"/>
    </row>
    <row r="328739" spans="14:14">
      <c r="N328739" s="10"/>
    </row>
    <row r="328740" spans="14:14">
      <c r="N328740" s="10"/>
    </row>
    <row r="328741" spans="14:14">
      <c r="N328741" s="10"/>
    </row>
    <row r="328742" spans="14:14">
      <c r="N328742" s="10"/>
    </row>
    <row r="328743" spans="14:14">
      <c r="N328743" s="10"/>
    </row>
    <row r="328744" spans="14:14">
      <c r="N328744" s="10"/>
    </row>
    <row r="328745" spans="14:14">
      <c r="N328745" s="10"/>
    </row>
    <row r="328746" spans="14:14">
      <c r="N328746" s="10"/>
    </row>
    <row r="328747" spans="14:14">
      <c r="N328747" s="10"/>
    </row>
    <row r="328748" spans="14:14">
      <c r="N328748" s="10"/>
    </row>
    <row r="328749" spans="14:14">
      <c r="N328749" s="10"/>
    </row>
    <row r="328750" spans="14:14">
      <c r="N328750" s="10"/>
    </row>
    <row r="328751" spans="14:14">
      <c r="N328751" s="10"/>
    </row>
    <row r="328752" spans="14:14">
      <c r="N328752" s="10"/>
    </row>
    <row r="328753" spans="14:14">
      <c r="N328753" s="10"/>
    </row>
    <row r="328754" spans="14:14">
      <c r="N328754" s="10"/>
    </row>
    <row r="328755" spans="14:14">
      <c r="N328755" s="10"/>
    </row>
    <row r="328756" spans="14:14">
      <c r="N328756" s="10"/>
    </row>
    <row r="328757" spans="14:14">
      <c r="N328757" s="10"/>
    </row>
    <row r="328758" spans="14:14">
      <c r="N328758" s="10"/>
    </row>
    <row r="328759" spans="14:14">
      <c r="N328759" s="10"/>
    </row>
    <row r="328760" spans="14:14">
      <c r="N328760" s="10"/>
    </row>
    <row r="328761" spans="14:14">
      <c r="N328761" s="10"/>
    </row>
    <row r="328762" spans="14:14">
      <c r="N328762" s="10"/>
    </row>
    <row r="328763" spans="14:14">
      <c r="N328763" s="10"/>
    </row>
    <row r="328764" spans="14:14">
      <c r="N328764" s="10"/>
    </row>
    <row r="328765" spans="14:14">
      <c r="N328765" s="10"/>
    </row>
    <row r="328766" spans="14:14">
      <c r="N328766" s="10"/>
    </row>
    <row r="328767" spans="14:14">
      <c r="N328767" s="10"/>
    </row>
    <row r="328768" spans="14:14">
      <c r="N328768" s="10"/>
    </row>
    <row r="328769" spans="14:14">
      <c r="N328769" s="10"/>
    </row>
    <row r="328770" spans="14:14">
      <c r="N328770" s="10"/>
    </row>
    <row r="328771" spans="14:14">
      <c r="N328771" s="10"/>
    </row>
    <row r="328772" spans="14:14">
      <c r="N328772" s="10"/>
    </row>
    <row r="328773" spans="14:14">
      <c r="N328773" s="10"/>
    </row>
    <row r="328774" spans="14:14">
      <c r="N328774" s="10"/>
    </row>
    <row r="328775" spans="14:14">
      <c r="N328775" s="10"/>
    </row>
    <row r="328776" spans="14:14">
      <c r="N328776" s="10"/>
    </row>
    <row r="328777" spans="14:14">
      <c r="N328777" s="10"/>
    </row>
    <row r="328778" spans="14:14">
      <c r="N328778" s="10"/>
    </row>
    <row r="328779" spans="14:14">
      <c r="N328779" s="10"/>
    </row>
    <row r="328780" spans="14:14">
      <c r="N328780" s="10"/>
    </row>
    <row r="328781" spans="14:14">
      <c r="N328781" s="10"/>
    </row>
    <row r="328782" spans="14:14">
      <c r="N328782" s="10"/>
    </row>
    <row r="328783" spans="14:14">
      <c r="N328783" s="10"/>
    </row>
    <row r="328784" spans="14:14">
      <c r="N328784" s="10"/>
    </row>
    <row r="328785" spans="14:14">
      <c r="N328785" s="10"/>
    </row>
    <row r="328786" spans="14:14">
      <c r="N328786" s="10"/>
    </row>
    <row r="328787" spans="14:14">
      <c r="N328787" s="10"/>
    </row>
    <row r="328788" spans="14:14">
      <c r="N328788" s="10"/>
    </row>
    <row r="328789" spans="14:14">
      <c r="N328789" s="10"/>
    </row>
    <row r="328790" spans="14:14">
      <c r="N328790" s="10"/>
    </row>
    <row r="328791" spans="14:14">
      <c r="N328791" s="10"/>
    </row>
    <row r="328792" spans="14:14">
      <c r="N328792" s="10"/>
    </row>
    <row r="328793" spans="14:14">
      <c r="N328793" s="10"/>
    </row>
    <row r="328794" spans="14:14">
      <c r="N328794" s="10"/>
    </row>
    <row r="328795" spans="14:14">
      <c r="N328795" s="10"/>
    </row>
    <row r="328796" spans="14:14">
      <c r="N328796" s="10"/>
    </row>
    <row r="328797" spans="14:14">
      <c r="N328797" s="10"/>
    </row>
    <row r="328798" spans="14:14">
      <c r="N328798" s="10"/>
    </row>
    <row r="328799" spans="14:14">
      <c r="N328799" s="10"/>
    </row>
    <row r="328800" spans="14:14">
      <c r="N328800" s="10"/>
    </row>
    <row r="328801" spans="14:14">
      <c r="N328801" s="10"/>
    </row>
    <row r="328802" spans="14:14">
      <c r="N328802" s="10"/>
    </row>
    <row r="328803" spans="14:14">
      <c r="N328803" s="10"/>
    </row>
    <row r="328804" spans="14:14">
      <c r="N328804" s="10"/>
    </row>
    <row r="328805" spans="14:14">
      <c r="N328805" s="10"/>
    </row>
    <row r="328806" spans="14:14">
      <c r="N328806" s="10"/>
    </row>
    <row r="328807" spans="14:14">
      <c r="N328807" s="10"/>
    </row>
    <row r="328808" spans="14:14">
      <c r="N328808" s="10"/>
    </row>
    <row r="328809" spans="14:14">
      <c r="N328809" s="10"/>
    </row>
    <row r="328810" spans="14:14">
      <c r="N328810" s="10"/>
    </row>
    <row r="328811" spans="14:14">
      <c r="N328811" s="10"/>
    </row>
    <row r="328812" spans="14:14">
      <c r="N328812" s="10"/>
    </row>
    <row r="328813" spans="14:14">
      <c r="N328813" s="10"/>
    </row>
    <row r="328814" spans="14:14">
      <c r="N328814" s="10"/>
    </row>
    <row r="328815" spans="14:14">
      <c r="N328815" s="10"/>
    </row>
    <row r="328816" spans="14:14">
      <c r="N328816" s="10"/>
    </row>
    <row r="328817" spans="14:14">
      <c r="N328817" s="10"/>
    </row>
    <row r="328818" spans="14:14">
      <c r="N328818" s="10"/>
    </row>
    <row r="328819" spans="14:14">
      <c r="N328819" s="10"/>
    </row>
    <row r="328820" spans="14:14">
      <c r="N328820" s="10"/>
    </row>
    <row r="328821" spans="14:14">
      <c r="N328821" s="10"/>
    </row>
    <row r="328822" spans="14:14">
      <c r="N328822" s="10"/>
    </row>
    <row r="328823" spans="14:14">
      <c r="N328823" s="10"/>
    </row>
    <row r="328824" spans="14:14">
      <c r="N328824" s="10"/>
    </row>
    <row r="328825" spans="14:14">
      <c r="N328825" s="10"/>
    </row>
    <row r="328826" spans="14:14">
      <c r="N328826" s="10"/>
    </row>
    <row r="328827" spans="14:14">
      <c r="N328827" s="10"/>
    </row>
    <row r="328828" spans="14:14">
      <c r="N328828" s="10"/>
    </row>
    <row r="328829" spans="14:14">
      <c r="N328829" s="10"/>
    </row>
    <row r="328830" spans="14:14">
      <c r="N328830" s="10"/>
    </row>
    <row r="328831" spans="14:14">
      <c r="N328831" s="10"/>
    </row>
    <row r="328832" spans="14:14">
      <c r="N328832" s="10"/>
    </row>
    <row r="328833" spans="14:14">
      <c r="N328833" s="10"/>
    </row>
    <row r="328834" spans="14:14">
      <c r="N328834" s="10"/>
    </row>
    <row r="328835" spans="14:14">
      <c r="N328835" s="10"/>
    </row>
    <row r="328836" spans="14:14">
      <c r="N328836" s="10"/>
    </row>
    <row r="328837" spans="14:14">
      <c r="N328837" s="10"/>
    </row>
    <row r="328838" spans="14:14">
      <c r="N328838" s="10"/>
    </row>
    <row r="328839" spans="14:14">
      <c r="N328839" s="10"/>
    </row>
    <row r="328840" spans="14:14">
      <c r="N328840" s="10"/>
    </row>
    <row r="328841" spans="14:14">
      <c r="N328841" s="10"/>
    </row>
    <row r="328842" spans="14:14">
      <c r="N328842" s="10"/>
    </row>
    <row r="328843" spans="14:14">
      <c r="N328843" s="10"/>
    </row>
    <row r="328844" spans="14:14">
      <c r="N328844" s="10"/>
    </row>
    <row r="328845" spans="14:14">
      <c r="N328845" s="10"/>
    </row>
    <row r="328846" spans="14:14">
      <c r="N328846" s="10"/>
    </row>
    <row r="328847" spans="14:14">
      <c r="N328847" s="10"/>
    </row>
    <row r="328848" spans="14:14">
      <c r="N328848" s="10"/>
    </row>
    <row r="328849" spans="14:14">
      <c r="N328849" s="10"/>
    </row>
    <row r="328850" spans="14:14">
      <c r="N328850" s="10"/>
    </row>
    <row r="328851" spans="14:14">
      <c r="N328851" s="10"/>
    </row>
    <row r="328852" spans="14:14">
      <c r="N328852" s="10"/>
    </row>
    <row r="328853" spans="14:14">
      <c r="N328853" s="10"/>
    </row>
    <row r="328854" spans="14:14">
      <c r="N328854" s="10"/>
    </row>
    <row r="328855" spans="14:14">
      <c r="N328855" s="10"/>
    </row>
    <row r="328856" spans="14:14">
      <c r="N328856" s="10"/>
    </row>
    <row r="328857" spans="14:14">
      <c r="N328857" s="10"/>
    </row>
    <row r="328858" spans="14:14">
      <c r="N328858" s="10"/>
    </row>
    <row r="328859" spans="14:14">
      <c r="N328859" s="10"/>
    </row>
    <row r="328860" spans="14:14">
      <c r="N328860" s="10"/>
    </row>
    <row r="328861" spans="14:14">
      <c r="N328861" s="10"/>
    </row>
    <row r="328862" spans="14:14">
      <c r="N328862" s="10"/>
    </row>
    <row r="328863" spans="14:14">
      <c r="N328863" s="10"/>
    </row>
    <row r="328864" spans="14:14">
      <c r="N328864" s="10"/>
    </row>
    <row r="328865" spans="14:14">
      <c r="N328865" s="10"/>
    </row>
    <row r="328866" spans="14:14">
      <c r="N328866" s="10"/>
    </row>
    <row r="328867" spans="14:14">
      <c r="N328867" s="10"/>
    </row>
    <row r="328868" spans="14:14">
      <c r="N328868" s="10"/>
    </row>
    <row r="328869" spans="14:14">
      <c r="N328869" s="10"/>
    </row>
    <row r="328870" spans="14:14">
      <c r="N328870" s="10"/>
    </row>
    <row r="328871" spans="14:14">
      <c r="N328871" s="10"/>
    </row>
    <row r="328872" spans="14:14">
      <c r="N328872" s="10"/>
    </row>
    <row r="328873" spans="14:14">
      <c r="N328873" s="10"/>
    </row>
    <row r="328874" spans="14:14">
      <c r="N328874" s="10"/>
    </row>
    <row r="328875" spans="14:14">
      <c r="N328875" s="10"/>
    </row>
    <row r="328876" spans="14:14">
      <c r="N328876" s="10"/>
    </row>
    <row r="328877" spans="14:14">
      <c r="N328877" s="10"/>
    </row>
    <row r="328878" spans="14:14">
      <c r="N328878" s="10"/>
    </row>
    <row r="328879" spans="14:14">
      <c r="N328879" s="10"/>
    </row>
    <row r="328880" spans="14:14">
      <c r="N328880" s="10"/>
    </row>
    <row r="328881" spans="14:14">
      <c r="N328881" s="10"/>
    </row>
    <row r="328882" spans="14:14">
      <c r="N328882" s="10"/>
    </row>
    <row r="328883" spans="14:14">
      <c r="N328883" s="10"/>
    </row>
    <row r="328884" spans="14:14">
      <c r="N328884" s="10"/>
    </row>
    <row r="328885" spans="14:14">
      <c r="N328885" s="10"/>
    </row>
    <row r="328886" spans="14:14">
      <c r="N328886" s="10"/>
    </row>
    <row r="328887" spans="14:14">
      <c r="N328887" s="10"/>
    </row>
    <row r="328888" spans="14:14">
      <c r="N328888" s="10"/>
    </row>
    <row r="328889" spans="14:14">
      <c r="N328889" s="10"/>
    </row>
    <row r="328890" spans="14:14">
      <c r="N328890" s="10"/>
    </row>
    <row r="328891" spans="14:14">
      <c r="N328891" s="10"/>
    </row>
    <row r="328892" spans="14:14">
      <c r="N328892" s="10"/>
    </row>
    <row r="328893" spans="14:14">
      <c r="N328893" s="10"/>
    </row>
    <row r="328894" spans="14:14">
      <c r="N328894" s="10"/>
    </row>
    <row r="328895" spans="14:14">
      <c r="N328895" s="10"/>
    </row>
    <row r="328896" spans="14:14">
      <c r="N328896" s="10"/>
    </row>
    <row r="328897" spans="14:14">
      <c r="N328897" s="10"/>
    </row>
    <row r="328898" spans="14:14">
      <c r="N328898" s="10"/>
    </row>
    <row r="328899" spans="14:14">
      <c r="N328899" s="10"/>
    </row>
    <row r="328900" spans="14:14">
      <c r="N328900" s="10"/>
    </row>
    <row r="328901" spans="14:14">
      <c r="N328901" s="10"/>
    </row>
    <row r="328902" spans="14:14">
      <c r="N328902" s="10"/>
    </row>
    <row r="328903" spans="14:14">
      <c r="N328903" s="10"/>
    </row>
    <row r="328904" spans="14:14">
      <c r="N328904" s="10"/>
    </row>
    <row r="328905" spans="14:14">
      <c r="N328905" s="10"/>
    </row>
    <row r="328906" spans="14:14">
      <c r="N328906" s="10"/>
    </row>
    <row r="328907" spans="14:14">
      <c r="N328907" s="10"/>
    </row>
    <row r="328908" spans="14:14">
      <c r="N328908" s="10"/>
    </row>
    <row r="328909" spans="14:14">
      <c r="N328909" s="10"/>
    </row>
    <row r="328910" spans="14:14">
      <c r="N328910" s="10"/>
    </row>
    <row r="328911" spans="14:14">
      <c r="N328911" s="10"/>
    </row>
    <row r="328912" spans="14:14">
      <c r="N328912" s="10"/>
    </row>
    <row r="328913" spans="14:14">
      <c r="N328913" s="10"/>
    </row>
    <row r="328914" spans="14:14">
      <c r="N328914" s="10"/>
    </row>
    <row r="328915" spans="14:14">
      <c r="N328915" s="10"/>
    </row>
    <row r="328916" spans="14:14">
      <c r="N328916" s="10"/>
    </row>
    <row r="328917" spans="14:14">
      <c r="N328917" s="10"/>
    </row>
    <row r="328918" spans="14:14">
      <c r="N328918" s="10"/>
    </row>
    <row r="328919" spans="14:14">
      <c r="N328919" s="10"/>
    </row>
    <row r="328920" spans="14:14">
      <c r="N328920" s="10"/>
    </row>
    <row r="328921" spans="14:14">
      <c r="N328921" s="10"/>
    </row>
    <row r="328922" spans="14:14">
      <c r="N328922" s="10"/>
    </row>
    <row r="328923" spans="14:14">
      <c r="N328923" s="10"/>
    </row>
    <row r="328924" spans="14:14">
      <c r="N328924" s="10"/>
    </row>
    <row r="328925" spans="14:14">
      <c r="N328925" s="10"/>
    </row>
    <row r="328926" spans="14:14">
      <c r="N328926" s="10"/>
    </row>
    <row r="328927" spans="14:14">
      <c r="N328927" s="10"/>
    </row>
    <row r="328928" spans="14:14">
      <c r="N328928" s="10"/>
    </row>
    <row r="328929" spans="14:14">
      <c r="N328929" s="10"/>
    </row>
    <row r="328930" spans="14:14">
      <c r="N328930" s="10"/>
    </row>
    <row r="328931" spans="14:14">
      <c r="N328931" s="10"/>
    </row>
    <row r="328932" spans="14:14">
      <c r="N328932" s="10"/>
    </row>
    <row r="328933" spans="14:14">
      <c r="N328933" s="10"/>
    </row>
    <row r="328934" spans="14:14">
      <c r="N328934" s="10"/>
    </row>
    <row r="328935" spans="14:14">
      <c r="N328935" s="10"/>
    </row>
    <row r="328936" spans="14:14">
      <c r="N328936" s="10"/>
    </row>
    <row r="328937" spans="14:14">
      <c r="N328937" s="10"/>
    </row>
    <row r="328938" spans="14:14">
      <c r="N328938" s="10"/>
    </row>
    <row r="328939" spans="14:14">
      <c r="N328939" s="10"/>
    </row>
    <row r="328940" spans="14:14">
      <c r="N328940" s="10"/>
    </row>
    <row r="328941" spans="14:14">
      <c r="N328941" s="10"/>
    </row>
    <row r="328942" spans="14:14">
      <c r="N328942" s="10"/>
    </row>
    <row r="328943" spans="14:14">
      <c r="N328943" s="10"/>
    </row>
    <row r="328944" spans="14:14">
      <c r="N328944" s="10"/>
    </row>
    <row r="328945" spans="14:14">
      <c r="N328945" s="10"/>
    </row>
    <row r="328946" spans="14:14">
      <c r="N328946" s="10"/>
    </row>
    <row r="328947" spans="14:14">
      <c r="N328947" s="10"/>
    </row>
    <row r="328948" spans="14:14">
      <c r="N328948" s="10"/>
    </row>
    <row r="328949" spans="14:14">
      <c r="N328949" s="10"/>
    </row>
    <row r="328950" spans="14:14">
      <c r="N328950" s="10"/>
    </row>
    <row r="328951" spans="14:14">
      <c r="N328951" s="10"/>
    </row>
    <row r="328952" spans="14:14">
      <c r="N328952" s="10"/>
    </row>
    <row r="328953" spans="14:14">
      <c r="N328953" s="10"/>
    </row>
    <row r="328954" spans="14:14">
      <c r="N328954" s="10"/>
    </row>
    <row r="328955" spans="14:14">
      <c r="N328955" s="10"/>
    </row>
    <row r="328956" spans="14:14">
      <c r="N328956" s="10"/>
    </row>
    <row r="328957" spans="14:14">
      <c r="N328957" s="10"/>
    </row>
    <row r="328958" spans="14:14">
      <c r="N328958" s="10"/>
    </row>
    <row r="328959" spans="14:14">
      <c r="N328959" s="10"/>
    </row>
    <row r="328960" spans="14:14">
      <c r="N328960" s="10"/>
    </row>
    <row r="328961" spans="14:14">
      <c r="N328961" s="10"/>
    </row>
    <row r="328962" spans="14:14">
      <c r="N328962" s="10"/>
    </row>
    <row r="328963" spans="14:14">
      <c r="N328963" s="10"/>
    </row>
    <row r="328964" spans="14:14">
      <c r="N328964" s="10"/>
    </row>
    <row r="328965" spans="14:14">
      <c r="N328965" s="10"/>
    </row>
    <row r="328966" spans="14:14">
      <c r="N328966" s="10"/>
    </row>
    <row r="328967" spans="14:14">
      <c r="N328967" s="10"/>
    </row>
    <row r="328968" spans="14:14">
      <c r="N328968" s="10"/>
    </row>
    <row r="328969" spans="14:14">
      <c r="N328969" s="10"/>
    </row>
    <row r="328970" spans="14:14">
      <c r="N328970" s="10"/>
    </row>
    <row r="328971" spans="14:14">
      <c r="N328971" s="10"/>
    </row>
    <row r="328972" spans="14:14">
      <c r="N328972" s="10"/>
    </row>
    <row r="328973" spans="14:14">
      <c r="N328973" s="10"/>
    </row>
    <row r="328974" spans="14:14">
      <c r="N328974" s="10"/>
    </row>
    <row r="328975" spans="14:14">
      <c r="N328975" s="10"/>
    </row>
    <row r="328976" spans="14:14">
      <c r="N328976" s="10"/>
    </row>
    <row r="328977" spans="14:14">
      <c r="N328977" s="10"/>
    </row>
    <row r="328978" spans="14:14">
      <c r="N328978" s="10"/>
    </row>
    <row r="328979" spans="14:14">
      <c r="N328979" s="10"/>
    </row>
    <row r="328980" spans="14:14">
      <c r="N328980" s="10"/>
    </row>
    <row r="328981" spans="14:14">
      <c r="N328981" s="10"/>
    </row>
    <row r="328982" spans="14:14">
      <c r="N328982" s="10"/>
    </row>
    <row r="328983" spans="14:14">
      <c r="N328983" s="10"/>
    </row>
    <row r="328984" spans="14:14">
      <c r="N328984" s="10"/>
    </row>
    <row r="328985" spans="14:14">
      <c r="N328985" s="10"/>
    </row>
    <row r="328986" spans="14:14">
      <c r="N328986" s="10"/>
    </row>
    <row r="328987" spans="14:14">
      <c r="N328987" s="10"/>
    </row>
    <row r="328988" spans="14:14">
      <c r="N328988" s="10"/>
    </row>
    <row r="328989" spans="14:14">
      <c r="N328989" s="10"/>
    </row>
    <row r="328990" spans="14:14">
      <c r="N328990" s="10"/>
    </row>
    <row r="328991" spans="14:14">
      <c r="N328991" s="10"/>
    </row>
    <row r="328992" spans="14:14">
      <c r="N328992" s="10"/>
    </row>
    <row r="328993" spans="14:14">
      <c r="N328993" s="10"/>
    </row>
    <row r="328994" spans="14:14">
      <c r="N328994" s="10"/>
    </row>
    <row r="328995" spans="14:14">
      <c r="N328995" s="10"/>
    </row>
    <row r="328996" spans="14:14">
      <c r="N328996" s="10"/>
    </row>
    <row r="328997" spans="14:14">
      <c r="N328997" s="10"/>
    </row>
    <row r="328998" spans="14:14">
      <c r="N328998" s="10"/>
    </row>
    <row r="328999" spans="14:14">
      <c r="N328999" s="10"/>
    </row>
    <row r="329000" spans="14:14">
      <c r="N329000" s="10"/>
    </row>
    <row r="329001" spans="14:14">
      <c r="N329001" s="10"/>
    </row>
    <row r="329002" spans="14:14">
      <c r="N329002" s="10"/>
    </row>
    <row r="329003" spans="14:14">
      <c r="N329003" s="10"/>
    </row>
    <row r="329004" spans="14:14">
      <c r="N329004" s="10"/>
    </row>
    <row r="329005" spans="14:14">
      <c r="N329005" s="10"/>
    </row>
    <row r="329006" spans="14:14">
      <c r="N329006" s="10"/>
    </row>
    <row r="329007" spans="14:14">
      <c r="N329007" s="10"/>
    </row>
    <row r="329008" spans="14:14">
      <c r="N329008" s="10"/>
    </row>
    <row r="329009" spans="14:14">
      <c r="N329009" s="10"/>
    </row>
    <row r="329010" spans="14:14">
      <c r="N329010" s="10"/>
    </row>
    <row r="329011" spans="14:14">
      <c r="N329011" s="10"/>
    </row>
    <row r="329012" spans="14:14">
      <c r="N329012" s="10"/>
    </row>
    <row r="329013" spans="14:14">
      <c r="N329013" s="10"/>
    </row>
    <row r="329014" spans="14:14">
      <c r="N329014" s="10"/>
    </row>
    <row r="329015" spans="14:14">
      <c r="N329015" s="10"/>
    </row>
    <row r="329016" spans="14:14">
      <c r="N329016" s="10"/>
    </row>
    <row r="329017" spans="14:14">
      <c r="N329017" s="10"/>
    </row>
    <row r="329018" spans="14:14">
      <c r="N329018" s="10"/>
    </row>
    <row r="329019" spans="14:14">
      <c r="N329019" s="10"/>
    </row>
    <row r="329020" spans="14:14">
      <c r="N329020" s="10"/>
    </row>
    <row r="329021" spans="14:14">
      <c r="N329021" s="10"/>
    </row>
    <row r="329022" spans="14:14">
      <c r="N329022" s="10"/>
    </row>
    <row r="329023" spans="14:14">
      <c r="N329023" s="10"/>
    </row>
    <row r="329024" spans="14:14">
      <c r="N329024" s="10"/>
    </row>
    <row r="329025" spans="14:14">
      <c r="N329025" s="10"/>
    </row>
    <row r="329026" spans="14:14">
      <c r="N329026" s="10"/>
    </row>
    <row r="329027" spans="14:14">
      <c r="N329027" s="10"/>
    </row>
    <row r="329028" spans="14:14">
      <c r="N329028" s="10"/>
    </row>
    <row r="329029" spans="14:14">
      <c r="N329029" s="10"/>
    </row>
    <row r="329030" spans="14:14">
      <c r="N329030" s="10"/>
    </row>
    <row r="329031" spans="14:14">
      <c r="N329031" s="10"/>
    </row>
    <row r="329032" spans="14:14">
      <c r="N329032" s="10"/>
    </row>
    <row r="329033" spans="14:14">
      <c r="N329033" s="10"/>
    </row>
    <row r="329034" spans="14:14">
      <c r="N329034" s="10"/>
    </row>
    <row r="329035" spans="14:14">
      <c r="N329035" s="10"/>
    </row>
    <row r="329036" spans="14:14">
      <c r="N329036" s="10"/>
    </row>
    <row r="329037" spans="14:14">
      <c r="N329037" s="10"/>
    </row>
    <row r="329038" spans="14:14">
      <c r="N329038" s="10"/>
    </row>
    <row r="329039" spans="14:14">
      <c r="N329039" s="10"/>
    </row>
    <row r="329040" spans="14:14">
      <c r="N329040" s="10"/>
    </row>
    <row r="329041" spans="14:14">
      <c r="N329041" s="10"/>
    </row>
    <row r="329042" spans="14:14">
      <c r="N329042" s="10"/>
    </row>
    <row r="329043" spans="14:14">
      <c r="N329043" s="10"/>
    </row>
    <row r="329044" spans="14:14">
      <c r="N329044" s="10"/>
    </row>
    <row r="329045" spans="14:14">
      <c r="N329045" s="10"/>
    </row>
    <row r="329046" spans="14:14">
      <c r="N329046" s="10"/>
    </row>
    <row r="329047" spans="14:14">
      <c r="N329047" s="10"/>
    </row>
    <row r="329048" spans="14:14">
      <c r="N329048" s="10"/>
    </row>
    <row r="329049" spans="14:14">
      <c r="N329049" s="10"/>
    </row>
    <row r="329050" spans="14:14">
      <c r="N329050" s="10"/>
    </row>
    <row r="329051" spans="14:14">
      <c r="N329051" s="10"/>
    </row>
    <row r="329052" spans="14:14">
      <c r="N329052" s="10"/>
    </row>
    <row r="329053" spans="14:14">
      <c r="N329053" s="10"/>
    </row>
    <row r="329054" spans="14:14">
      <c r="N329054" s="10"/>
    </row>
    <row r="329055" spans="14:14">
      <c r="N329055" s="10"/>
    </row>
    <row r="329056" spans="14:14">
      <c r="N329056" s="10"/>
    </row>
    <row r="329057" spans="14:14">
      <c r="N329057" s="10"/>
    </row>
    <row r="329058" spans="14:14">
      <c r="N329058" s="10"/>
    </row>
    <row r="329059" spans="14:14">
      <c r="N329059" s="10"/>
    </row>
    <row r="329060" spans="14:14">
      <c r="N329060" s="10"/>
    </row>
    <row r="329061" spans="14:14">
      <c r="N329061" s="10"/>
    </row>
    <row r="329062" spans="14:14">
      <c r="N329062" s="10"/>
    </row>
    <row r="329063" spans="14:14">
      <c r="N329063" s="10"/>
    </row>
    <row r="329064" spans="14:14">
      <c r="N329064" s="10"/>
    </row>
    <row r="329065" spans="14:14">
      <c r="N329065" s="10"/>
    </row>
    <row r="329066" spans="14:14">
      <c r="N329066" s="10"/>
    </row>
    <row r="329067" spans="14:14">
      <c r="N329067" s="10"/>
    </row>
    <row r="329068" spans="14:14">
      <c r="N329068" s="10"/>
    </row>
    <row r="329069" spans="14:14">
      <c r="N329069" s="10"/>
    </row>
    <row r="329070" spans="14:14">
      <c r="N329070" s="10"/>
    </row>
    <row r="329071" spans="14:14">
      <c r="N329071" s="10"/>
    </row>
    <row r="329072" spans="14:14">
      <c r="N329072" s="10"/>
    </row>
    <row r="329073" spans="14:14">
      <c r="N329073" s="10"/>
    </row>
    <row r="329074" spans="14:14">
      <c r="N329074" s="10"/>
    </row>
    <row r="329075" spans="14:14">
      <c r="N329075" s="10"/>
    </row>
    <row r="329076" spans="14:14">
      <c r="N329076" s="10"/>
    </row>
    <row r="329077" spans="14:14">
      <c r="N329077" s="10"/>
    </row>
    <row r="329078" spans="14:14">
      <c r="N329078" s="10"/>
    </row>
    <row r="329079" spans="14:14">
      <c r="N329079" s="10"/>
    </row>
    <row r="329080" spans="14:14">
      <c r="N329080" s="10"/>
    </row>
    <row r="329081" spans="14:14">
      <c r="N329081" s="10"/>
    </row>
    <row r="329082" spans="14:14">
      <c r="N329082" s="10"/>
    </row>
    <row r="329083" spans="14:14">
      <c r="N329083" s="10"/>
    </row>
    <row r="329084" spans="14:14">
      <c r="N329084" s="10"/>
    </row>
    <row r="329085" spans="14:14">
      <c r="N329085" s="10"/>
    </row>
    <row r="329086" spans="14:14">
      <c r="N329086" s="10"/>
    </row>
    <row r="329087" spans="14:14">
      <c r="N329087" s="10"/>
    </row>
    <row r="329088" spans="14:14">
      <c r="N329088" s="10"/>
    </row>
    <row r="329089" spans="14:14">
      <c r="N329089" s="10"/>
    </row>
    <row r="329090" spans="14:14">
      <c r="N329090" s="10"/>
    </row>
    <row r="329091" spans="14:14">
      <c r="N329091" s="10"/>
    </row>
    <row r="329092" spans="14:14">
      <c r="N329092" s="10"/>
    </row>
    <row r="329093" spans="14:14">
      <c r="N329093" s="10"/>
    </row>
    <row r="329094" spans="14:14">
      <c r="N329094" s="10"/>
    </row>
    <row r="329095" spans="14:14">
      <c r="N329095" s="10"/>
    </row>
    <row r="329096" spans="14:14">
      <c r="N329096" s="10"/>
    </row>
    <row r="329097" spans="14:14">
      <c r="N329097" s="10"/>
    </row>
    <row r="329098" spans="14:14">
      <c r="N329098" s="10"/>
    </row>
    <row r="329099" spans="14:14">
      <c r="N329099" s="10"/>
    </row>
    <row r="329100" spans="14:14">
      <c r="N329100" s="10"/>
    </row>
    <row r="329101" spans="14:14">
      <c r="N329101" s="10"/>
    </row>
    <row r="329102" spans="14:14">
      <c r="N329102" s="10"/>
    </row>
    <row r="329103" spans="14:14">
      <c r="N329103" s="10"/>
    </row>
    <row r="329104" spans="14:14">
      <c r="N329104" s="10"/>
    </row>
    <row r="329105" spans="14:14">
      <c r="N329105" s="10"/>
    </row>
    <row r="329106" spans="14:14">
      <c r="N329106" s="10"/>
    </row>
    <row r="329107" spans="14:14">
      <c r="N329107" s="10"/>
    </row>
    <row r="329108" spans="14:14">
      <c r="N329108" s="10"/>
    </row>
    <row r="329109" spans="14:14">
      <c r="N329109" s="10"/>
    </row>
    <row r="329110" spans="14:14">
      <c r="N329110" s="10"/>
    </row>
    <row r="329111" spans="14:14">
      <c r="N329111" s="10"/>
    </row>
    <row r="329112" spans="14:14">
      <c r="N329112" s="10"/>
    </row>
    <row r="329113" spans="14:14">
      <c r="N329113" s="10"/>
    </row>
    <row r="329114" spans="14:14">
      <c r="N329114" s="10"/>
    </row>
    <row r="329115" spans="14:14">
      <c r="N329115" s="10"/>
    </row>
    <row r="329116" spans="14:14">
      <c r="N329116" s="10"/>
    </row>
    <row r="329117" spans="14:14">
      <c r="N329117" s="10"/>
    </row>
    <row r="329118" spans="14:14">
      <c r="N329118" s="10"/>
    </row>
    <row r="329119" spans="14:14">
      <c r="N329119" s="10"/>
    </row>
    <row r="329120" spans="14:14">
      <c r="N329120" s="10"/>
    </row>
    <row r="329121" spans="14:14">
      <c r="N329121" s="10"/>
    </row>
    <row r="329122" spans="14:14">
      <c r="N329122" s="10"/>
    </row>
    <row r="329123" spans="14:14">
      <c r="N329123" s="10"/>
    </row>
    <row r="329124" spans="14:14">
      <c r="N329124" s="10"/>
    </row>
    <row r="329125" spans="14:14">
      <c r="N329125" s="10"/>
    </row>
    <row r="329126" spans="14:14">
      <c r="N329126" s="10"/>
    </row>
    <row r="329127" spans="14:14">
      <c r="N329127" s="10"/>
    </row>
    <row r="329128" spans="14:14">
      <c r="N329128" s="10"/>
    </row>
    <row r="329129" spans="14:14">
      <c r="N329129" s="10"/>
    </row>
    <row r="329130" spans="14:14">
      <c r="N329130" s="10"/>
    </row>
    <row r="329131" spans="14:14">
      <c r="N329131" s="10"/>
    </row>
    <row r="329132" spans="14:14">
      <c r="N329132" s="10"/>
    </row>
    <row r="329133" spans="14:14">
      <c r="N329133" s="10"/>
    </row>
    <row r="329134" spans="14:14">
      <c r="N329134" s="10"/>
    </row>
    <row r="329135" spans="14:14">
      <c r="N329135" s="10"/>
    </row>
    <row r="329136" spans="14:14">
      <c r="N329136" s="10"/>
    </row>
    <row r="329137" spans="14:14">
      <c r="N329137" s="10"/>
    </row>
    <row r="329138" spans="14:14">
      <c r="N329138" s="10"/>
    </row>
    <row r="329139" spans="14:14">
      <c r="N329139" s="10"/>
    </row>
    <row r="329140" spans="14:14">
      <c r="N329140" s="10"/>
    </row>
    <row r="329141" spans="14:14">
      <c r="N329141" s="10"/>
    </row>
    <row r="329142" spans="14:14">
      <c r="N329142" s="10"/>
    </row>
    <row r="329143" spans="14:14">
      <c r="N329143" s="10"/>
    </row>
    <row r="329144" spans="14:14">
      <c r="N329144" s="10"/>
    </row>
    <row r="329145" spans="14:14">
      <c r="N329145" s="10"/>
    </row>
    <row r="329146" spans="14:14">
      <c r="N329146" s="10"/>
    </row>
    <row r="329147" spans="14:14">
      <c r="N329147" s="10"/>
    </row>
    <row r="329148" spans="14:14">
      <c r="N329148" s="10"/>
    </row>
    <row r="329149" spans="14:14">
      <c r="N329149" s="10"/>
    </row>
    <row r="329150" spans="14:14">
      <c r="N329150" s="10"/>
    </row>
    <row r="329151" spans="14:14">
      <c r="N329151" s="10"/>
    </row>
    <row r="329152" spans="14:14">
      <c r="N329152" s="10"/>
    </row>
    <row r="329153" spans="14:14">
      <c r="N329153" s="10"/>
    </row>
    <row r="329154" spans="14:14">
      <c r="N329154" s="10"/>
    </row>
    <row r="329155" spans="14:14">
      <c r="N329155" s="10"/>
    </row>
    <row r="329156" spans="14:14">
      <c r="N329156" s="10"/>
    </row>
    <row r="329157" spans="14:14">
      <c r="N329157" s="10"/>
    </row>
    <row r="329158" spans="14:14">
      <c r="N329158" s="10"/>
    </row>
    <row r="329159" spans="14:14">
      <c r="N329159" s="10"/>
    </row>
    <row r="329160" spans="14:14">
      <c r="N329160" s="10"/>
    </row>
    <row r="329161" spans="14:14">
      <c r="N329161" s="10"/>
    </row>
    <row r="329162" spans="14:14">
      <c r="N329162" s="10"/>
    </row>
    <row r="329163" spans="14:14">
      <c r="N329163" s="10"/>
    </row>
    <row r="329164" spans="14:14">
      <c r="N329164" s="10"/>
    </row>
    <row r="329165" spans="14:14">
      <c r="N329165" s="10"/>
    </row>
    <row r="329166" spans="14:14">
      <c r="N329166" s="10"/>
    </row>
    <row r="329167" spans="14:14">
      <c r="N329167" s="10"/>
    </row>
    <row r="329168" spans="14:14">
      <c r="N329168" s="10"/>
    </row>
    <row r="329169" spans="14:14">
      <c r="N329169" s="10"/>
    </row>
    <row r="329170" spans="14:14">
      <c r="N329170" s="10"/>
    </row>
    <row r="329171" spans="14:14">
      <c r="N329171" s="10"/>
    </row>
    <row r="329172" spans="14:14">
      <c r="N329172" s="10"/>
    </row>
    <row r="329173" spans="14:14">
      <c r="N329173" s="10"/>
    </row>
    <row r="329174" spans="14:14">
      <c r="N329174" s="10"/>
    </row>
    <row r="329175" spans="14:14">
      <c r="N329175" s="10"/>
    </row>
    <row r="329176" spans="14:14">
      <c r="N329176" s="10"/>
    </row>
    <row r="329177" spans="14:14">
      <c r="N329177" s="10"/>
    </row>
    <row r="329178" spans="14:14">
      <c r="N329178" s="10"/>
    </row>
    <row r="329179" spans="14:14">
      <c r="N329179" s="10"/>
    </row>
    <row r="329180" spans="14:14">
      <c r="N329180" s="10"/>
    </row>
    <row r="329181" spans="14:14">
      <c r="N329181" s="10"/>
    </row>
    <row r="329182" spans="14:14">
      <c r="N329182" s="10"/>
    </row>
    <row r="329183" spans="14:14">
      <c r="N329183" s="10"/>
    </row>
    <row r="329184" spans="14:14">
      <c r="N329184" s="10"/>
    </row>
    <row r="329185" spans="14:14">
      <c r="N329185" s="10"/>
    </row>
    <row r="329186" spans="14:14">
      <c r="N329186" s="10"/>
    </row>
    <row r="329187" spans="14:14">
      <c r="N329187" s="10"/>
    </row>
    <row r="329188" spans="14:14">
      <c r="N329188" s="10"/>
    </row>
    <row r="329189" spans="14:14">
      <c r="N329189" s="10"/>
    </row>
    <row r="329190" spans="14:14">
      <c r="N329190" s="10"/>
    </row>
    <row r="329191" spans="14:14">
      <c r="N329191" s="10"/>
    </row>
    <row r="329192" spans="14:14">
      <c r="N329192" s="10"/>
    </row>
    <row r="329193" spans="14:14">
      <c r="N329193" s="10"/>
    </row>
    <row r="329194" spans="14:14">
      <c r="N329194" s="10"/>
    </row>
    <row r="329195" spans="14:14">
      <c r="N329195" s="10"/>
    </row>
    <row r="329196" spans="14:14">
      <c r="N329196" s="10"/>
    </row>
    <row r="329197" spans="14:14">
      <c r="N329197" s="10"/>
    </row>
    <row r="329198" spans="14:14">
      <c r="N329198" s="10"/>
    </row>
    <row r="329199" spans="14:14">
      <c r="N329199" s="10"/>
    </row>
    <row r="329200" spans="14:14">
      <c r="N329200" s="10"/>
    </row>
    <row r="329201" spans="14:14">
      <c r="N329201" s="10"/>
    </row>
    <row r="329202" spans="14:14">
      <c r="N329202" s="10"/>
    </row>
    <row r="329203" spans="14:14">
      <c r="N329203" s="10"/>
    </row>
    <row r="329204" spans="14:14">
      <c r="N329204" s="10"/>
    </row>
    <row r="329205" spans="14:14">
      <c r="N329205" s="10"/>
    </row>
    <row r="329206" spans="14:14">
      <c r="N329206" s="10"/>
    </row>
    <row r="329207" spans="14:14">
      <c r="N329207" s="10"/>
    </row>
    <row r="329208" spans="14:14">
      <c r="N329208" s="10"/>
    </row>
    <row r="329209" spans="14:14">
      <c r="N329209" s="10"/>
    </row>
    <row r="329210" spans="14:14">
      <c r="N329210" s="10"/>
    </row>
    <row r="329211" spans="14:14">
      <c r="N329211" s="10"/>
    </row>
    <row r="329212" spans="14:14">
      <c r="N329212" s="10"/>
    </row>
    <row r="329213" spans="14:14">
      <c r="N329213" s="10"/>
    </row>
    <row r="329214" spans="14:14">
      <c r="N329214" s="10"/>
    </row>
    <row r="329215" spans="14:14">
      <c r="N329215" s="10"/>
    </row>
    <row r="329216" spans="14:14">
      <c r="N329216" s="10"/>
    </row>
    <row r="329217" spans="14:14">
      <c r="N329217" s="10"/>
    </row>
    <row r="329218" spans="14:14">
      <c r="N329218" s="10"/>
    </row>
    <row r="329219" spans="14:14">
      <c r="N329219" s="10"/>
    </row>
    <row r="329220" spans="14:14">
      <c r="N329220" s="10"/>
    </row>
    <row r="329221" spans="14:14">
      <c r="N329221" s="10"/>
    </row>
    <row r="329222" spans="14:14">
      <c r="N329222" s="10"/>
    </row>
    <row r="329223" spans="14:14">
      <c r="N329223" s="10"/>
    </row>
    <row r="329224" spans="14:14">
      <c r="N329224" s="10"/>
    </row>
    <row r="329225" spans="14:14">
      <c r="N329225" s="10"/>
    </row>
    <row r="329226" spans="14:14">
      <c r="N329226" s="10"/>
    </row>
    <row r="329227" spans="14:14">
      <c r="N329227" s="10"/>
    </row>
    <row r="329228" spans="14:14">
      <c r="N329228" s="10"/>
    </row>
    <row r="329229" spans="14:14">
      <c r="N329229" s="10"/>
    </row>
    <row r="329230" spans="14:14">
      <c r="N329230" s="10"/>
    </row>
    <row r="329231" spans="14:14">
      <c r="N329231" s="10"/>
    </row>
    <row r="329232" spans="14:14">
      <c r="N329232" s="10"/>
    </row>
    <row r="329233" spans="14:14">
      <c r="N329233" s="10"/>
    </row>
    <row r="329234" spans="14:14">
      <c r="N329234" s="10"/>
    </row>
    <row r="329235" spans="14:14">
      <c r="N329235" s="10"/>
    </row>
    <row r="329236" spans="14:14">
      <c r="N329236" s="10"/>
    </row>
    <row r="329237" spans="14:14">
      <c r="N329237" s="10"/>
    </row>
    <row r="329238" spans="14:14">
      <c r="N329238" s="10"/>
    </row>
    <row r="329239" spans="14:14">
      <c r="N329239" s="10"/>
    </row>
    <row r="329240" spans="14:14">
      <c r="N329240" s="10"/>
    </row>
    <row r="329241" spans="14:14">
      <c r="N329241" s="10"/>
    </row>
    <row r="329242" spans="14:14">
      <c r="N329242" s="10"/>
    </row>
    <row r="329243" spans="14:14">
      <c r="N329243" s="10"/>
    </row>
    <row r="329244" spans="14:14">
      <c r="N329244" s="10"/>
    </row>
    <row r="329245" spans="14:14">
      <c r="N329245" s="10"/>
    </row>
    <row r="329246" spans="14:14">
      <c r="N329246" s="10"/>
    </row>
    <row r="329247" spans="14:14">
      <c r="N329247" s="10"/>
    </row>
    <row r="329248" spans="14:14">
      <c r="N329248" s="10"/>
    </row>
    <row r="329249" spans="14:14">
      <c r="N329249" s="10"/>
    </row>
    <row r="329250" spans="14:14">
      <c r="N329250" s="10"/>
    </row>
    <row r="329251" spans="14:14">
      <c r="N329251" s="10"/>
    </row>
    <row r="329252" spans="14:14">
      <c r="N329252" s="10"/>
    </row>
    <row r="329253" spans="14:14">
      <c r="N329253" s="10"/>
    </row>
    <row r="329254" spans="14:14">
      <c r="N329254" s="10"/>
    </row>
    <row r="329255" spans="14:14">
      <c r="N329255" s="10"/>
    </row>
    <row r="329256" spans="14:14">
      <c r="N329256" s="10"/>
    </row>
    <row r="329257" spans="14:14">
      <c r="N329257" s="10"/>
    </row>
    <row r="329258" spans="14:14">
      <c r="N329258" s="10"/>
    </row>
    <row r="329259" spans="14:14">
      <c r="N329259" s="10"/>
    </row>
    <row r="329260" spans="14:14">
      <c r="N329260" s="10"/>
    </row>
    <row r="329261" spans="14:14">
      <c r="N329261" s="10"/>
    </row>
    <row r="329262" spans="14:14">
      <c r="N329262" s="10"/>
    </row>
    <row r="329263" spans="14:14">
      <c r="N329263" s="10"/>
    </row>
    <row r="329264" spans="14:14">
      <c r="N329264" s="10"/>
    </row>
    <row r="329265" spans="14:14">
      <c r="N329265" s="10"/>
    </row>
    <row r="329266" spans="14:14">
      <c r="N329266" s="10"/>
    </row>
    <row r="329267" spans="14:14">
      <c r="N329267" s="10"/>
    </row>
    <row r="329268" spans="14:14">
      <c r="N329268" s="10"/>
    </row>
    <row r="329269" spans="14:14">
      <c r="N329269" s="10"/>
    </row>
    <row r="329270" spans="14:14">
      <c r="N329270" s="10"/>
    </row>
    <row r="329271" spans="14:14">
      <c r="N329271" s="10"/>
    </row>
    <row r="329272" spans="14:14">
      <c r="N329272" s="10"/>
    </row>
    <row r="329273" spans="14:14">
      <c r="N329273" s="10"/>
    </row>
    <row r="329274" spans="14:14">
      <c r="N329274" s="10"/>
    </row>
    <row r="329275" spans="14:14">
      <c r="N329275" s="10"/>
    </row>
    <row r="329276" spans="14:14">
      <c r="N329276" s="10"/>
    </row>
    <row r="329277" spans="14:14">
      <c r="N329277" s="10"/>
    </row>
    <row r="329278" spans="14:14">
      <c r="N329278" s="10"/>
    </row>
    <row r="329279" spans="14:14">
      <c r="N329279" s="10"/>
    </row>
    <row r="329280" spans="14:14">
      <c r="N329280" s="10"/>
    </row>
    <row r="329281" spans="14:14">
      <c r="N329281" s="10"/>
    </row>
    <row r="329282" spans="14:14">
      <c r="N329282" s="10"/>
    </row>
    <row r="329283" spans="14:14">
      <c r="N329283" s="10"/>
    </row>
    <row r="329284" spans="14:14">
      <c r="N329284" s="10"/>
    </row>
    <row r="329285" spans="14:14">
      <c r="N329285" s="10"/>
    </row>
    <row r="329286" spans="14:14">
      <c r="N329286" s="10"/>
    </row>
    <row r="329287" spans="14:14">
      <c r="N329287" s="10"/>
    </row>
    <row r="329288" spans="14:14">
      <c r="N329288" s="10"/>
    </row>
    <row r="329289" spans="14:14">
      <c r="N329289" s="10"/>
    </row>
    <row r="329290" spans="14:14">
      <c r="N329290" s="10"/>
    </row>
    <row r="329291" spans="14:14">
      <c r="N329291" s="10"/>
    </row>
    <row r="329292" spans="14:14">
      <c r="N329292" s="10"/>
    </row>
    <row r="329293" spans="14:14">
      <c r="N329293" s="10"/>
    </row>
    <row r="329294" spans="14:14">
      <c r="N329294" s="10"/>
    </row>
    <row r="329295" spans="14:14">
      <c r="N329295" s="10"/>
    </row>
    <row r="329296" spans="14:14">
      <c r="N329296" s="10"/>
    </row>
    <row r="329297" spans="14:14">
      <c r="N329297" s="10"/>
    </row>
    <row r="329298" spans="14:14">
      <c r="N329298" s="10"/>
    </row>
    <row r="329299" spans="14:14">
      <c r="N329299" s="10"/>
    </row>
    <row r="329300" spans="14:14">
      <c r="N329300" s="10"/>
    </row>
    <row r="329301" spans="14:14">
      <c r="N329301" s="10"/>
    </row>
    <row r="329302" spans="14:14">
      <c r="N329302" s="10"/>
    </row>
    <row r="329303" spans="14:14">
      <c r="N329303" s="10"/>
    </row>
    <row r="329304" spans="14:14">
      <c r="N329304" s="10"/>
    </row>
    <row r="329305" spans="14:14">
      <c r="N329305" s="10"/>
    </row>
    <row r="329306" spans="14:14">
      <c r="N329306" s="10"/>
    </row>
    <row r="329307" spans="14:14">
      <c r="N329307" s="10"/>
    </row>
    <row r="329308" spans="14:14">
      <c r="N329308" s="10"/>
    </row>
    <row r="329309" spans="14:14">
      <c r="N329309" s="10"/>
    </row>
    <row r="329310" spans="14:14">
      <c r="N329310" s="10"/>
    </row>
    <row r="329311" spans="14:14">
      <c r="N329311" s="10"/>
    </row>
    <row r="329312" spans="14:14">
      <c r="N329312" s="10"/>
    </row>
    <row r="329313" spans="14:14">
      <c r="N329313" s="10"/>
    </row>
    <row r="329314" spans="14:14">
      <c r="N329314" s="10"/>
    </row>
    <row r="329315" spans="14:14">
      <c r="N329315" s="10"/>
    </row>
    <row r="329316" spans="14:14">
      <c r="N329316" s="10"/>
    </row>
    <row r="329317" spans="14:14">
      <c r="N329317" s="10"/>
    </row>
    <row r="329318" spans="14:14">
      <c r="N329318" s="10"/>
    </row>
    <row r="329319" spans="14:14">
      <c r="N329319" s="10"/>
    </row>
    <row r="329320" spans="14:14">
      <c r="N329320" s="10"/>
    </row>
    <row r="329321" spans="14:14">
      <c r="N329321" s="10"/>
    </row>
    <row r="329322" spans="14:14">
      <c r="N329322" s="10"/>
    </row>
    <row r="329323" spans="14:14">
      <c r="N329323" s="10"/>
    </row>
    <row r="329324" spans="14:14">
      <c r="N329324" s="10"/>
    </row>
    <row r="329325" spans="14:14">
      <c r="N329325" s="10"/>
    </row>
    <row r="329326" spans="14:14">
      <c r="N329326" s="10"/>
    </row>
    <row r="329327" spans="14:14">
      <c r="N329327" s="10"/>
    </row>
    <row r="329328" spans="14:14">
      <c r="N329328" s="10"/>
    </row>
    <row r="329329" spans="14:14">
      <c r="N329329" s="10"/>
    </row>
    <row r="329330" spans="14:14">
      <c r="N329330" s="10"/>
    </row>
    <row r="329331" spans="14:14">
      <c r="N329331" s="10"/>
    </row>
    <row r="329332" spans="14:14">
      <c r="N329332" s="10"/>
    </row>
    <row r="329333" spans="14:14">
      <c r="N329333" s="10"/>
    </row>
    <row r="329334" spans="14:14">
      <c r="N329334" s="10"/>
    </row>
    <row r="329335" spans="14:14">
      <c r="N329335" s="10"/>
    </row>
    <row r="329336" spans="14:14">
      <c r="N329336" s="10"/>
    </row>
    <row r="329337" spans="14:14">
      <c r="N329337" s="10"/>
    </row>
    <row r="329338" spans="14:14">
      <c r="N329338" s="10"/>
    </row>
    <row r="329339" spans="14:14">
      <c r="N329339" s="10"/>
    </row>
    <row r="329340" spans="14:14">
      <c r="N329340" s="10"/>
    </row>
    <row r="329341" spans="14:14">
      <c r="N329341" s="10"/>
    </row>
    <row r="329342" spans="14:14">
      <c r="N329342" s="10"/>
    </row>
    <row r="329343" spans="14:14">
      <c r="N329343" s="10"/>
    </row>
    <row r="329344" spans="14:14">
      <c r="N329344" s="10"/>
    </row>
    <row r="329345" spans="14:14">
      <c r="N329345" s="10"/>
    </row>
    <row r="329346" spans="14:14">
      <c r="N329346" s="10"/>
    </row>
    <row r="329347" spans="14:14">
      <c r="N329347" s="10"/>
    </row>
    <row r="329348" spans="14:14">
      <c r="N329348" s="10"/>
    </row>
    <row r="329349" spans="14:14">
      <c r="N329349" s="10"/>
    </row>
    <row r="329350" spans="14:14">
      <c r="N329350" s="10"/>
    </row>
    <row r="329351" spans="14:14">
      <c r="N329351" s="10"/>
    </row>
    <row r="329352" spans="14:14">
      <c r="N329352" s="10"/>
    </row>
    <row r="329353" spans="14:14">
      <c r="N329353" s="10"/>
    </row>
    <row r="329354" spans="14:14">
      <c r="N329354" s="10"/>
    </row>
    <row r="329355" spans="14:14">
      <c r="N329355" s="10"/>
    </row>
    <row r="329356" spans="14:14">
      <c r="N329356" s="10"/>
    </row>
    <row r="329357" spans="14:14">
      <c r="N329357" s="10"/>
    </row>
    <row r="329358" spans="14:14">
      <c r="N329358" s="10"/>
    </row>
    <row r="329359" spans="14:14">
      <c r="N329359" s="10"/>
    </row>
    <row r="329360" spans="14:14">
      <c r="N329360" s="10"/>
    </row>
    <row r="329361" spans="14:14">
      <c r="N329361" s="10"/>
    </row>
    <row r="329362" spans="14:14">
      <c r="N329362" s="10"/>
    </row>
    <row r="329363" spans="14:14">
      <c r="N329363" s="10"/>
    </row>
    <row r="329364" spans="14:14">
      <c r="N329364" s="10"/>
    </row>
    <row r="329365" spans="14:14">
      <c r="N329365" s="10"/>
    </row>
    <row r="329366" spans="14:14">
      <c r="N329366" s="10"/>
    </row>
    <row r="329367" spans="14:14">
      <c r="N329367" s="10"/>
    </row>
    <row r="329368" spans="14:14">
      <c r="N329368" s="10"/>
    </row>
    <row r="329369" spans="14:14">
      <c r="N329369" s="10"/>
    </row>
    <row r="329370" spans="14:14">
      <c r="N329370" s="10"/>
    </row>
    <row r="329371" spans="14:14">
      <c r="N329371" s="10"/>
    </row>
    <row r="329372" spans="14:14">
      <c r="N329372" s="10"/>
    </row>
    <row r="329373" spans="14:14">
      <c r="N329373" s="10"/>
    </row>
    <row r="329374" spans="14:14">
      <c r="N329374" s="10"/>
    </row>
    <row r="329375" spans="14:14">
      <c r="N329375" s="10"/>
    </row>
    <row r="329376" spans="14:14">
      <c r="N329376" s="10"/>
    </row>
    <row r="329377" spans="14:14">
      <c r="N329377" s="10"/>
    </row>
    <row r="329378" spans="14:14">
      <c r="N329378" s="10"/>
    </row>
    <row r="329379" spans="14:14">
      <c r="N329379" s="10"/>
    </row>
    <row r="329380" spans="14:14">
      <c r="N329380" s="10"/>
    </row>
    <row r="329381" spans="14:14">
      <c r="N329381" s="10"/>
    </row>
    <row r="329382" spans="14:14">
      <c r="N329382" s="10"/>
    </row>
    <row r="329383" spans="14:14">
      <c r="N329383" s="10"/>
    </row>
    <row r="329384" spans="14:14">
      <c r="N329384" s="10"/>
    </row>
    <row r="329385" spans="14:14">
      <c r="N329385" s="10"/>
    </row>
    <row r="329386" spans="14:14">
      <c r="N329386" s="10"/>
    </row>
    <row r="329387" spans="14:14">
      <c r="N329387" s="10"/>
    </row>
    <row r="329388" spans="14:14">
      <c r="N329388" s="10"/>
    </row>
    <row r="329389" spans="14:14">
      <c r="N329389" s="10"/>
    </row>
    <row r="329390" spans="14:14">
      <c r="N329390" s="10"/>
    </row>
    <row r="329391" spans="14:14">
      <c r="N329391" s="10"/>
    </row>
    <row r="329392" spans="14:14">
      <c r="N329392" s="10"/>
    </row>
    <row r="329393" spans="14:14">
      <c r="N329393" s="10"/>
    </row>
    <row r="329394" spans="14:14">
      <c r="N329394" s="10"/>
    </row>
    <row r="329395" spans="14:14">
      <c r="N329395" s="10"/>
    </row>
    <row r="329396" spans="14:14">
      <c r="N329396" s="10"/>
    </row>
    <row r="329397" spans="14:14">
      <c r="N329397" s="10"/>
    </row>
    <row r="329398" spans="14:14">
      <c r="N329398" s="10"/>
    </row>
    <row r="329399" spans="14:14">
      <c r="N329399" s="10"/>
    </row>
    <row r="329400" spans="14:14">
      <c r="N329400" s="10"/>
    </row>
    <row r="329401" spans="14:14">
      <c r="N329401" s="10"/>
    </row>
    <row r="329402" spans="14:14">
      <c r="N329402" s="10"/>
    </row>
    <row r="329403" spans="14:14">
      <c r="N329403" s="10"/>
    </row>
    <row r="329404" spans="14:14">
      <c r="N329404" s="10"/>
    </row>
    <row r="329405" spans="14:14">
      <c r="N329405" s="10"/>
    </row>
    <row r="329406" spans="14:14">
      <c r="N329406" s="10"/>
    </row>
    <row r="329407" spans="14:14">
      <c r="N329407" s="10"/>
    </row>
    <row r="329408" spans="14:14">
      <c r="N329408" s="10"/>
    </row>
    <row r="329409" spans="14:14">
      <c r="N329409" s="10"/>
    </row>
    <row r="329410" spans="14:14">
      <c r="N329410" s="10"/>
    </row>
    <row r="329411" spans="14:14">
      <c r="N329411" s="10"/>
    </row>
    <row r="329412" spans="14:14">
      <c r="N329412" s="10"/>
    </row>
    <row r="329413" spans="14:14">
      <c r="N329413" s="10"/>
    </row>
    <row r="329414" spans="14:14">
      <c r="N329414" s="10"/>
    </row>
    <row r="329415" spans="14:14">
      <c r="N329415" s="10"/>
    </row>
    <row r="329416" spans="14:14">
      <c r="N329416" s="10"/>
    </row>
    <row r="329417" spans="14:14">
      <c r="N329417" s="10"/>
    </row>
    <row r="329418" spans="14:14">
      <c r="N329418" s="10"/>
    </row>
    <row r="329419" spans="14:14">
      <c r="N329419" s="10"/>
    </row>
    <row r="329420" spans="14:14">
      <c r="N329420" s="10"/>
    </row>
    <row r="329421" spans="14:14">
      <c r="N329421" s="10"/>
    </row>
    <row r="329422" spans="14:14">
      <c r="N329422" s="10"/>
    </row>
    <row r="329423" spans="14:14">
      <c r="N329423" s="10"/>
    </row>
    <row r="329424" spans="14:14">
      <c r="N329424" s="10"/>
    </row>
    <row r="329425" spans="14:14">
      <c r="N329425" s="10"/>
    </row>
    <row r="329426" spans="14:14">
      <c r="N329426" s="10"/>
    </row>
    <row r="329427" spans="14:14">
      <c r="N329427" s="10"/>
    </row>
    <row r="329428" spans="14:14">
      <c r="N329428" s="10"/>
    </row>
    <row r="329429" spans="14:14">
      <c r="N329429" s="10"/>
    </row>
    <row r="329430" spans="14:14">
      <c r="N329430" s="10"/>
    </row>
    <row r="329431" spans="14:14">
      <c r="N329431" s="10"/>
    </row>
    <row r="329432" spans="14:14">
      <c r="N329432" s="10"/>
    </row>
    <row r="329433" spans="14:14">
      <c r="N329433" s="10"/>
    </row>
    <row r="329434" spans="14:14">
      <c r="N329434" s="10"/>
    </row>
    <row r="329435" spans="14:14">
      <c r="N329435" s="10"/>
    </row>
    <row r="329436" spans="14:14">
      <c r="N329436" s="10"/>
    </row>
    <row r="329437" spans="14:14">
      <c r="N329437" s="10"/>
    </row>
    <row r="329438" spans="14:14">
      <c r="N329438" s="10"/>
    </row>
    <row r="329439" spans="14:14">
      <c r="N329439" s="10"/>
    </row>
    <row r="329440" spans="14:14">
      <c r="N329440" s="10"/>
    </row>
    <row r="329441" spans="14:14">
      <c r="N329441" s="10"/>
    </row>
    <row r="329442" spans="14:14">
      <c r="N329442" s="10"/>
    </row>
    <row r="329443" spans="14:14">
      <c r="N329443" s="10"/>
    </row>
    <row r="329444" spans="14:14">
      <c r="N329444" s="10"/>
    </row>
    <row r="329445" spans="14:14">
      <c r="N329445" s="10"/>
    </row>
    <row r="329446" spans="14:14">
      <c r="N329446" s="10"/>
    </row>
    <row r="329447" spans="14:14">
      <c r="N329447" s="10"/>
    </row>
    <row r="329448" spans="14:14">
      <c r="N329448" s="10"/>
    </row>
    <row r="329449" spans="14:14">
      <c r="N329449" s="10"/>
    </row>
    <row r="329450" spans="14:14">
      <c r="N329450" s="10"/>
    </row>
    <row r="329451" spans="14:14">
      <c r="N329451" s="10"/>
    </row>
    <row r="329452" spans="14:14">
      <c r="N329452" s="10"/>
    </row>
    <row r="329453" spans="14:14">
      <c r="N329453" s="10"/>
    </row>
    <row r="329454" spans="14:14">
      <c r="N329454" s="10"/>
    </row>
    <row r="329455" spans="14:14">
      <c r="N329455" s="10"/>
    </row>
    <row r="329456" spans="14:14">
      <c r="N329456" s="10"/>
    </row>
    <row r="329457" spans="14:14">
      <c r="N329457" s="10"/>
    </row>
    <row r="329458" spans="14:14">
      <c r="N329458" s="10"/>
    </row>
    <row r="329459" spans="14:14">
      <c r="N329459" s="10"/>
    </row>
    <row r="329460" spans="14:14">
      <c r="N329460" s="10"/>
    </row>
    <row r="329461" spans="14:14">
      <c r="N329461" s="10"/>
    </row>
    <row r="329462" spans="14:14">
      <c r="N329462" s="10"/>
    </row>
    <row r="329463" spans="14:14">
      <c r="N329463" s="10"/>
    </row>
    <row r="329464" spans="14:14">
      <c r="N329464" s="10"/>
    </row>
    <row r="329465" spans="14:14">
      <c r="N329465" s="10"/>
    </row>
    <row r="329466" spans="14:14">
      <c r="N329466" s="10"/>
    </row>
    <row r="329467" spans="14:14">
      <c r="N329467" s="10"/>
    </row>
    <row r="329468" spans="14:14">
      <c r="N329468" s="10"/>
    </row>
    <row r="329469" spans="14:14">
      <c r="N329469" s="10"/>
    </row>
    <row r="329470" spans="14:14">
      <c r="N329470" s="10"/>
    </row>
    <row r="329471" spans="14:14">
      <c r="N329471" s="10"/>
    </row>
    <row r="329472" spans="14:14">
      <c r="N329472" s="10"/>
    </row>
    <row r="329473" spans="14:14">
      <c r="N329473" s="10"/>
    </row>
    <row r="329474" spans="14:14">
      <c r="N329474" s="10"/>
    </row>
    <row r="329475" spans="14:14">
      <c r="N329475" s="10"/>
    </row>
    <row r="329476" spans="14:14">
      <c r="N329476" s="10"/>
    </row>
    <row r="329477" spans="14:14">
      <c r="N329477" s="10"/>
    </row>
    <row r="329478" spans="14:14">
      <c r="N329478" s="10"/>
    </row>
    <row r="329479" spans="14:14">
      <c r="N329479" s="10"/>
    </row>
    <row r="329480" spans="14:14">
      <c r="N329480" s="10"/>
    </row>
    <row r="329481" spans="14:14">
      <c r="N329481" s="10"/>
    </row>
    <row r="329482" spans="14:14">
      <c r="N329482" s="10"/>
    </row>
    <row r="329483" spans="14:14">
      <c r="N329483" s="10"/>
    </row>
    <row r="329484" spans="14:14">
      <c r="N329484" s="10"/>
    </row>
    <row r="329485" spans="14:14">
      <c r="N329485" s="10"/>
    </row>
    <row r="329486" spans="14:14">
      <c r="N329486" s="10"/>
    </row>
    <row r="329487" spans="14:14">
      <c r="N329487" s="10"/>
    </row>
    <row r="329488" spans="14:14">
      <c r="N329488" s="10"/>
    </row>
    <row r="329489" spans="14:14">
      <c r="N329489" s="10"/>
    </row>
    <row r="329490" spans="14:14">
      <c r="N329490" s="10"/>
    </row>
    <row r="329491" spans="14:14">
      <c r="N329491" s="10"/>
    </row>
    <row r="329492" spans="14:14">
      <c r="N329492" s="10"/>
    </row>
    <row r="329493" spans="14:14">
      <c r="N329493" s="10"/>
    </row>
    <row r="329494" spans="14:14">
      <c r="N329494" s="10"/>
    </row>
    <row r="329495" spans="14:14">
      <c r="N329495" s="10"/>
    </row>
    <row r="329496" spans="14:14">
      <c r="N329496" s="10"/>
    </row>
    <row r="329497" spans="14:14">
      <c r="N329497" s="10"/>
    </row>
    <row r="329498" spans="14:14">
      <c r="N329498" s="10"/>
    </row>
    <row r="329499" spans="14:14">
      <c r="N329499" s="10"/>
    </row>
    <row r="329500" spans="14:14">
      <c r="N329500" s="10"/>
    </row>
    <row r="329501" spans="14:14">
      <c r="N329501" s="10"/>
    </row>
    <row r="329502" spans="14:14">
      <c r="N329502" s="10"/>
    </row>
    <row r="329503" spans="14:14">
      <c r="N329503" s="10"/>
    </row>
    <row r="329504" spans="14:14">
      <c r="N329504" s="10"/>
    </row>
    <row r="329505" spans="14:14">
      <c r="N329505" s="10"/>
    </row>
    <row r="329506" spans="14:14">
      <c r="N329506" s="10"/>
    </row>
    <row r="329507" spans="14:14">
      <c r="N329507" s="10"/>
    </row>
    <row r="329508" spans="14:14">
      <c r="N329508" s="10"/>
    </row>
    <row r="329509" spans="14:14">
      <c r="N329509" s="10"/>
    </row>
    <row r="329510" spans="14:14">
      <c r="N329510" s="10"/>
    </row>
    <row r="329511" spans="14:14">
      <c r="N329511" s="10"/>
    </row>
    <row r="329512" spans="14:14">
      <c r="N329512" s="10"/>
    </row>
    <row r="329513" spans="14:14">
      <c r="N329513" s="10"/>
    </row>
    <row r="329514" spans="14:14">
      <c r="N329514" s="10"/>
    </row>
    <row r="329515" spans="14:14">
      <c r="N329515" s="10"/>
    </row>
    <row r="329516" spans="14:14">
      <c r="N329516" s="10"/>
    </row>
    <row r="329517" spans="14:14">
      <c r="N329517" s="10"/>
    </row>
    <row r="329518" spans="14:14">
      <c r="N329518" s="10"/>
    </row>
    <row r="329519" spans="14:14">
      <c r="N329519" s="10"/>
    </row>
    <row r="329520" spans="14:14">
      <c r="N329520" s="10"/>
    </row>
    <row r="329521" spans="14:14">
      <c r="N329521" s="10"/>
    </row>
    <row r="329522" spans="14:14">
      <c r="N329522" s="10"/>
    </row>
    <row r="329523" spans="14:14">
      <c r="N329523" s="10"/>
    </row>
    <row r="329524" spans="14:14">
      <c r="N329524" s="10"/>
    </row>
    <row r="329525" spans="14:14">
      <c r="N329525" s="10"/>
    </row>
    <row r="329526" spans="14:14">
      <c r="N329526" s="10"/>
    </row>
    <row r="329527" spans="14:14">
      <c r="N329527" s="10"/>
    </row>
    <row r="329528" spans="14:14">
      <c r="N329528" s="10"/>
    </row>
    <row r="329529" spans="14:14">
      <c r="N329529" s="10"/>
    </row>
    <row r="329530" spans="14:14">
      <c r="N329530" s="10"/>
    </row>
    <row r="329531" spans="14:14">
      <c r="N329531" s="10"/>
    </row>
    <row r="329532" spans="14:14">
      <c r="N329532" s="10"/>
    </row>
    <row r="329533" spans="14:14">
      <c r="N329533" s="10"/>
    </row>
    <row r="329534" spans="14:14">
      <c r="N329534" s="10"/>
    </row>
    <row r="329535" spans="14:14">
      <c r="N329535" s="10"/>
    </row>
    <row r="329536" spans="14:14">
      <c r="N329536" s="10"/>
    </row>
    <row r="329537" spans="14:14">
      <c r="N329537" s="10"/>
    </row>
    <row r="329538" spans="14:14">
      <c r="N329538" s="10"/>
    </row>
    <row r="329539" spans="14:14">
      <c r="N329539" s="10"/>
    </row>
    <row r="329540" spans="14:14">
      <c r="N329540" s="10"/>
    </row>
    <row r="329541" spans="14:14">
      <c r="N329541" s="10"/>
    </row>
    <row r="329542" spans="14:14">
      <c r="N329542" s="10"/>
    </row>
    <row r="329543" spans="14:14">
      <c r="N329543" s="10"/>
    </row>
    <row r="329544" spans="14:14">
      <c r="N329544" s="10"/>
    </row>
    <row r="329545" spans="14:14">
      <c r="N329545" s="10"/>
    </row>
    <row r="329546" spans="14:14">
      <c r="N329546" s="10"/>
    </row>
    <row r="329547" spans="14:14">
      <c r="N329547" s="10"/>
    </row>
    <row r="329548" spans="14:14">
      <c r="N329548" s="10"/>
    </row>
    <row r="329549" spans="14:14">
      <c r="N329549" s="10"/>
    </row>
    <row r="329550" spans="14:14">
      <c r="N329550" s="10"/>
    </row>
    <row r="329551" spans="14:14">
      <c r="N329551" s="10"/>
    </row>
    <row r="329552" spans="14:14">
      <c r="N329552" s="10"/>
    </row>
    <row r="329553" spans="14:14">
      <c r="N329553" s="10"/>
    </row>
    <row r="329554" spans="14:14">
      <c r="N329554" s="10"/>
    </row>
    <row r="329555" spans="14:14">
      <c r="N329555" s="10"/>
    </row>
    <row r="329556" spans="14:14">
      <c r="N329556" s="10"/>
    </row>
    <row r="329557" spans="14:14">
      <c r="N329557" s="10"/>
    </row>
    <row r="329558" spans="14:14">
      <c r="N329558" s="10"/>
    </row>
    <row r="329559" spans="14:14">
      <c r="N329559" s="10"/>
    </row>
    <row r="329560" spans="14:14">
      <c r="N329560" s="10"/>
    </row>
    <row r="329561" spans="14:14">
      <c r="N329561" s="10"/>
    </row>
    <row r="329562" spans="14:14">
      <c r="N329562" s="10"/>
    </row>
    <row r="329563" spans="14:14">
      <c r="N329563" s="10"/>
    </row>
    <row r="329564" spans="14:14">
      <c r="N329564" s="10"/>
    </row>
    <row r="329565" spans="14:14">
      <c r="N329565" s="10"/>
    </row>
    <row r="329566" spans="14:14">
      <c r="N329566" s="10"/>
    </row>
    <row r="329567" spans="14:14">
      <c r="N329567" s="10"/>
    </row>
    <row r="329568" spans="14:14">
      <c r="N329568" s="10"/>
    </row>
    <row r="329569" spans="14:14">
      <c r="N329569" s="10"/>
    </row>
    <row r="329570" spans="14:14">
      <c r="N329570" s="10"/>
    </row>
    <row r="329571" spans="14:14">
      <c r="N329571" s="10"/>
    </row>
    <row r="329572" spans="14:14">
      <c r="N329572" s="10"/>
    </row>
    <row r="329573" spans="14:14">
      <c r="N329573" s="10"/>
    </row>
    <row r="329574" spans="14:14">
      <c r="N329574" s="10"/>
    </row>
    <row r="329575" spans="14:14">
      <c r="N329575" s="10"/>
    </row>
    <row r="329576" spans="14:14">
      <c r="N329576" s="10"/>
    </row>
    <row r="329577" spans="14:14">
      <c r="N329577" s="10"/>
    </row>
    <row r="329578" spans="14:14">
      <c r="N329578" s="10"/>
    </row>
    <row r="329579" spans="14:14">
      <c r="N329579" s="10"/>
    </row>
    <row r="329580" spans="14:14">
      <c r="N329580" s="10"/>
    </row>
    <row r="329581" spans="14:14">
      <c r="N329581" s="10"/>
    </row>
    <row r="329582" spans="14:14">
      <c r="N329582" s="10"/>
    </row>
    <row r="329583" spans="14:14">
      <c r="N329583" s="10"/>
    </row>
    <row r="329584" spans="14:14">
      <c r="N329584" s="10"/>
    </row>
    <row r="329585" spans="14:14">
      <c r="N329585" s="10"/>
    </row>
    <row r="329586" spans="14:14">
      <c r="N329586" s="10"/>
    </row>
    <row r="329587" spans="14:14">
      <c r="N329587" s="10"/>
    </row>
    <row r="329588" spans="14:14">
      <c r="N329588" s="10"/>
    </row>
    <row r="329589" spans="14:14">
      <c r="N329589" s="10"/>
    </row>
    <row r="329590" spans="14:14">
      <c r="N329590" s="10"/>
    </row>
    <row r="329591" spans="14:14">
      <c r="N329591" s="10"/>
    </row>
    <row r="329592" spans="14:14">
      <c r="N329592" s="10"/>
    </row>
    <row r="329593" spans="14:14">
      <c r="N329593" s="10"/>
    </row>
    <row r="329594" spans="14:14">
      <c r="N329594" s="10"/>
    </row>
    <row r="329595" spans="14:14">
      <c r="N329595" s="10"/>
    </row>
    <row r="329596" spans="14:14">
      <c r="N329596" s="10"/>
    </row>
    <row r="329597" spans="14:14">
      <c r="N329597" s="10"/>
    </row>
    <row r="329598" spans="14:14">
      <c r="N329598" s="10"/>
    </row>
    <row r="329599" spans="14:14">
      <c r="N329599" s="10"/>
    </row>
    <row r="329600" spans="14:14">
      <c r="N329600" s="10"/>
    </row>
    <row r="329601" spans="14:14">
      <c r="N329601" s="10"/>
    </row>
    <row r="329602" spans="14:14">
      <c r="N329602" s="10"/>
    </row>
    <row r="329603" spans="14:14">
      <c r="N329603" s="10"/>
    </row>
    <row r="329604" spans="14:14">
      <c r="N329604" s="10"/>
    </row>
    <row r="329605" spans="14:14">
      <c r="N329605" s="10"/>
    </row>
    <row r="329606" spans="14:14">
      <c r="N329606" s="10"/>
    </row>
    <row r="329607" spans="14:14">
      <c r="N329607" s="10"/>
    </row>
    <row r="329608" spans="14:14">
      <c r="N329608" s="10"/>
    </row>
    <row r="329609" spans="14:14">
      <c r="N329609" s="10"/>
    </row>
    <row r="329610" spans="14:14">
      <c r="N329610" s="10"/>
    </row>
    <row r="329611" spans="14:14">
      <c r="N329611" s="10"/>
    </row>
    <row r="329612" spans="14:14">
      <c r="N329612" s="10"/>
    </row>
    <row r="329613" spans="14:14">
      <c r="N329613" s="10"/>
    </row>
    <row r="329614" spans="14:14">
      <c r="N329614" s="10"/>
    </row>
    <row r="329615" spans="14:14">
      <c r="N329615" s="10"/>
    </row>
    <row r="329616" spans="14:14">
      <c r="N329616" s="10"/>
    </row>
    <row r="329617" spans="14:14">
      <c r="N329617" s="10"/>
    </row>
    <row r="329618" spans="14:14">
      <c r="N329618" s="10"/>
    </row>
    <row r="329619" spans="14:14">
      <c r="N329619" s="10"/>
    </row>
    <row r="329620" spans="14:14">
      <c r="N329620" s="10"/>
    </row>
    <row r="329621" spans="14:14">
      <c r="N329621" s="10"/>
    </row>
    <row r="329622" spans="14:14">
      <c r="N329622" s="10"/>
    </row>
    <row r="329623" spans="14:14">
      <c r="N329623" s="10"/>
    </row>
    <row r="329624" spans="14:14">
      <c r="N329624" s="10"/>
    </row>
    <row r="329625" spans="14:14">
      <c r="N329625" s="10"/>
    </row>
    <row r="329626" spans="14:14">
      <c r="N329626" s="10"/>
    </row>
    <row r="329627" spans="14:14">
      <c r="N329627" s="10"/>
    </row>
    <row r="329628" spans="14:14">
      <c r="N329628" s="10"/>
    </row>
    <row r="329629" spans="14:14">
      <c r="N329629" s="10"/>
    </row>
    <row r="329630" spans="14:14">
      <c r="N329630" s="10"/>
    </row>
    <row r="329631" spans="14:14">
      <c r="N329631" s="10"/>
    </row>
    <row r="329632" spans="14:14">
      <c r="N329632" s="10"/>
    </row>
    <row r="329633" spans="14:14">
      <c r="N329633" s="10"/>
    </row>
    <row r="329634" spans="14:14">
      <c r="N329634" s="10"/>
    </row>
    <row r="329635" spans="14:14">
      <c r="N329635" s="10"/>
    </row>
    <row r="329636" spans="14:14">
      <c r="N329636" s="10"/>
    </row>
    <row r="329637" spans="14:14">
      <c r="N329637" s="10"/>
    </row>
    <row r="329638" spans="14:14">
      <c r="N329638" s="10"/>
    </row>
    <row r="329639" spans="14:14">
      <c r="N329639" s="10"/>
    </row>
    <row r="329640" spans="14:14">
      <c r="N329640" s="10"/>
    </row>
    <row r="329641" spans="14:14">
      <c r="N329641" s="10"/>
    </row>
    <row r="329642" spans="14:14">
      <c r="N329642" s="10"/>
    </row>
    <row r="329643" spans="14:14">
      <c r="N329643" s="10"/>
    </row>
    <row r="329644" spans="14:14">
      <c r="N329644" s="10"/>
    </row>
    <row r="329645" spans="14:14">
      <c r="N329645" s="10"/>
    </row>
    <row r="329646" spans="14:14">
      <c r="N329646" s="10"/>
    </row>
    <row r="329647" spans="14:14">
      <c r="N329647" s="10"/>
    </row>
    <row r="329648" spans="14:14">
      <c r="N329648" s="10"/>
    </row>
    <row r="329649" spans="14:14">
      <c r="N329649" s="10"/>
    </row>
    <row r="329650" spans="14:14">
      <c r="N329650" s="10"/>
    </row>
    <row r="329651" spans="14:14">
      <c r="N329651" s="10"/>
    </row>
    <row r="329652" spans="14:14">
      <c r="N329652" s="10"/>
    </row>
    <row r="329653" spans="14:14">
      <c r="N329653" s="10"/>
    </row>
    <row r="329654" spans="14:14">
      <c r="N329654" s="10"/>
    </row>
    <row r="329655" spans="14:14">
      <c r="N329655" s="10"/>
    </row>
    <row r="329656" spans="14:14">
      <c r="N329656" s="10"/>
    </row>
    <row r="329657" spans="14:14">
      <c r="N329657" s="10"/>
    </row>
    <row r="329658" spans="14:14">
      <c r="N329658" s="10"/>
    </row>
    <row r="329659" spans="14:14">
      <c r="N329659" s="10"/>
    </row>
    <row r="329660" spans="14:14">
      <c r="N329660" s="10"/>
    </row>
    <row r="329661" spans="14:14">
      <c r="N329661" s="10"/>
    </row>
    <row r="329662" spans="14:14">
      <c r="N329662" s="10"/>
    </row>
    <row r="329663" spans="14:14">
      <c r="N329663" s="10"/>
    </row>
    <row r="329664" spans="14:14">
      <c r="N329664" s="10"/>
    </row>
    <row r="329665" spans="14:14">
      <c r="N329665" s="10"/>
    </row>
    <row r="329666" spans="14:14">
      <c r="N329666" s="10"/>
    </row>
    <row r="329667" spans="14:14">
      <c r="N329667" s="10"/>
    </row>
    <row r="329668" spans="14:14">
      <c r="N329668" s="10"/>
    </row>
    <row r="329669" spans="14:14">
      <c r="N329669" s="10"/>
    </row>
    <row r="329670" spans="14:14">
      <c r="N329670" s="10"/>
    </row>
    <row r="329671" spans="14:14">
      <c r="N329671" s="10"/>
    </row>
    <row r="329672" spans="14:14">
      <c r="N329672" s="10"/>
    </row>
    <row r="329673" spans="14:14">
      <c r="N329673" s="10"/>
    </row>
    <row r="329674" spans="14:14">
      <c r="N329674" s="10"/>
    </row>
    <row r="329675" spans="14:14">
      <c r="N329675" s="10"/>
    </row>
    <row r="329676" spans="14:14">
      <c r="N329676" s="10"/>
    </row>
    <row r="329677" spans="14:14">
      <c r="N329677" s="10"/>
    </row>
    <row r="329678" spans="14:14">
      <c r="N329678" s="10"/>
    </row>
    <row r="329679" spans="14:14">
      <c r="N329679" s="10"/>
    </row>
    <row r="329680" spans="14:14">
      <c r="N329680" s="10"/>
    </row>
    <row r="329681" spans="14:14">
      <c r="N329681" s="10"/>
    </row>
    <row r="329682" spans="14:14">
      <c r="N329682" s="10"/>
    </row>
    <row r="329683" spans="14:14">
      <c r="N329683" s="10"/>
    </row>
    <row r="329684" spans="14:14">
      <c r="N329684" s="10"/>
    </row>
    <row r="329685" spans="14:14">
      <c r="N329685" s="10"/>
    </row>
    <row r="329686" spans="14:14">
      <c r="N329686" s="10"/>
    </row>
    <row r="329687" spans="14:14">
      <c r="N329687" s="10"/>
    </row>
    <row r="329688" spans="14:14">
      <c r="N329688" s="10"/>
    </row>
    <row r="329689" spans="14:14">
      <c r="N329689" s="10"/>
    </row>
    <row r="329690" spans="14:14">
      <c r="N329690" s="10"/>
    </row>
    <row r="329691" spans="14:14">
      <c r="N329691" s="10"/>
    </row>
    <row r="329692" spans="14:14">
      <c r="N329692" s="10"/>
    </row>
    <row r="329693" spans="14:14">
      <c r="N329693" s="10"/>
    </row>
    <row r="329694" spans="14:14">
      <c r="N329694" s="10"/>
    </row>
    <row r="329695" spans="14:14">
      <c r="N329695" s="10"/>
    </row>
    <row r="329696" spans="14:14">
      <c r="N329696" s="10"/>
    </row>
    <row r="329697" spans="14:14">
      <c r="N329697" s="10"/>
    </row>
    <row r="329698" spans="14:14">
      <c r="N329698" s="10"/>
    </row>
    <row r="329699" spans="14:14">
      <c r="N329699" s="10"/>
    </row>
    <row r="329700" spans="14:14">
      <c r="N329700" s="10"/>
    </row>
    <row r="329701" spans="14:14">
      <c r="N329701" s="10"/>
    </row>
    <row r="329702" spans="14:14">
      <c r="N329702" s="10"/>
    </row>
    <row r="329703" spans="14:14">
      <c r="N329703" s="10"/>
    </row>
    <row r="329704" spans="14:14">
      <c r="N329704" s="10"/>
    </row>
    <row r="329705" spans="14:14">
      <c r="N329705" s="10"/>
    </row>
    <row r="329706" spans="14:14">
      <c r="N329706" s="10"/>
    </row>
    <row r="329707" spans="14:14">
      <c r="N329707" s="10"/>
    </row>
    <row r="329708" spans="14:14">
      <c r="N329708" s="10"/>
    </row>
    <row r="329709" spans="14:14">
      <c r="N329709" s="10"/>
    </row>
    <row r="329710" spans="14:14">
      <c r="N329710" s="10"/>
    </row>
    <row r="329711" spans="14:14">
      <c r="N329711" s="10"/>
    </row>
    <row r="329712" spans="14:14">
      <c r="N329712" s="10"/>
    </row>
    <row r="329713" spans="14:14">
      <c r="N329713" s="10"/>
    </row>
    <row r="329714" spans="14:14">
      <c r="N329714" s="10"/>
    </row>
    <row r="329715" spans="14:14">
      <c r="N329715" s="10"/>
    </row>
    <row r="329716" spans="14:14">
      <c r="N329716" s="10"/>
    </row>
    <row r="329717" spans="14:14">
      <c r="N329717" s="10"/>
    </row>
    <row r="329718" spans="14:14">
      <c r="N329718" s="10"/>
    </row>
    <row r="329719" spans="14:14">
      <c r="N329719" s="10"/>
    </row>
    <row r="329720" spans="14:14">
      <c r="N329720" s="10"/>
    </row>
    <row r="329721" spans="14:14">
      <c r="N329721" s="10"/>
    </row>
    <row r="329722" spans="14:14">
      <c r="N329722" s="10"/>
    </row>
    <row r="329723" spans="14:14">
      <c r="N329723" s="10"/>
    </row>
    <row r="329724" spans="14:14">
      <c r="N329724" s="10"/>
    </row>
    <row r="329725" spans="14:14">
      <c r="N329725" s="10"/>
    </row>
    <row r="329726" spans="14:14">
      <c r="N329726" s="10"/>
    </row>
    <row r="329727" spans="14:14">
      <c r="N329727" s="10"/>
    </row>
    <row r="329728" spans="14:14">
      <c r="N329728" s="10"/>
    </row>
    <row r="329729" spans="14:14">
      <c r="N329729" s="10"/>
    </row>
    <row r="329730" spans="14:14">
      <c r="N329730" s="10"/>
    </row>
    <row r="329731" spans="14:14">
      <c r="N329731" s="10"/>
    </row>
    <row r="329732" spans="14:14">
      <c r="N329732" s="10"/>
    </row>
    <row r="329733" spans="14:14">
      <c r="N329733" s="10"/>
    </row>
    <row r="329734" spans="14:14">
      <c r="N329734" s="10"/>
    </row>
    <row r="329735" spans="14:14">
      <c r="N329735" s="10"/>
    </row>
    <row r="329736" spans="14:14">
      <c r="N329736" s="10"/>
    </row>
    <row r="329737" spans="14:14">
      <c r="N329737" s="10"/>
    </row>
    <row r="329738" spans="14:14">
      <c r="N329738" s="10"/>
    </row>
    <row r="329739" spans="14:14">
      <c r="N329739" s="10"/>
    </row>
    <row r="329740" spans="14:14">
      <c r="N329740" s="10"/>
    </row>
    <row r="329741" spans="14:14">
      <c r="N329741" s="10"/>
    </row>
    <row r="329742" spans="14:14">
      <c r="N329742" s="10"/>
    </row>
    <row r="329743" spans="14:14">
      <c r="N329743" s="10"/>
    </row>
    <row r="329744" spans="14:14">
      <c r="N329744" s="10"/>
    </row>
    <row r="329745" spans="14:14">
      <c r="N329745" s="10"/>
    </row>
    <row r="329746" spans="14:14">
      <c r="N329746" s="10"/>
    </row>
    <row r="329747" spans="14:14">
      <c r="N329747" s="10"/>
    </row>
    <row r="329748" spans="14:14">
      <c r="N329748" s="10"/>
    </row>
    <row r="329749" spans="14:14">
      <c r="N329749" s="10"/>
    </row>
    <row r="329750" spans="14:14">
      <c r="N329750" s="10"/>
    </row>
    <row r="329751" spans="14:14">
      <c r="N329751" s="10"/>
    </row>
    <row r="329752" spans="14:14">
      <c r="N329752" s="10"/>
    </row>
    <row r="329753" spans="14:14">
      <c r="N329753" s="10"/>
    </row>
    <row r="329754" spans="14:14">
      <c r="N329754" s="10"/>
    </row>
    <row r="329755" spans="14:14">
      <c r="N329755" s="10"/>
    </row>
    <row r="329756" spans="14:14">
      <c r="N329756" s="10"/>
    </row>
    <row r="329757" spans="14:14">
      <c r="N329757" s="10"/>
    </row>
    <row r="329758" spans="14:14">
      <c r="N329758" s="10"/>
    </row>
    <row r="329759" spans="14:14">
      <c r="N329759" s="10"/>
    </row>
    <row r="329760" spans="14:14">
      <c r="N329760" s="10"/>
    </row>
    <row r="329761" spans="14:14">
      <c r="N329761" s="10"/>
    </row>
    <row r="329762" spans="14:14">
      <c r="N329762" s="10"/>
    </row>
    <row r="329763" spans="14:14">
      <c r="N329763" s="10"/>
    </row>
    <row r="329764" spans="14:14">
      <c r="N329764" s="10"/>
    </row>
    <row r="329765" spans="14:14">
      <c r="N329765" s="10"/>
    </row>
    <row r="329766" spans="14:14">
      <c r="N329766" s="10"/>
    </row>
    <row r="329767" spans="14:14">
      <c r="N329767" s="10"/>
    </row>
    <row r="329768" spans="14:14">
      <c r="N329768" s="10"/>
    </row>
    <row r="329769" spans="14:14">
      <c r="N329769" s="10"/>
    </row>
    <row r="329770" spans="14:14">
      <c r="N329770" s="10"/>
    </row>
    <row r="329771" spans="14:14">
      <c r="N329771" s="10"/>
    </row>
    <row r="329772" spans="14:14">
      <c r="N329772" s="10"/>
    </row>
    <row r="329773" spans="14:14">
      <c r="N329773" s="10"/>
    </row>
    <row r="329774" spans="14:14">
      <c r="N329774" s="10"/>
    </row>
    <row r="329775" spans="14:14">
      <c r="N329775" s="10"/>
    </row>
    <row r="329776" spans="14:14">
      <c r="N329776" s="10"/>
    </row>
    <row r="329777" spans="14:14">
      <c r="N329777" s="10"/>
    </row>
    <row r="329778" spans="14:14">
      <c r="N329778" s="10"/>
    </row>
    <row r="329779" spans="14:14">
      <c r="N329779" s="10"/>
    </row>
    <row r="329780" spans="14:14">
      <c r="N329780" s="10"/>
    </row>
    <row r="329781" spans="14:14">
      <c r="N329781" s="10"/>
    </row>
    <row r="329782" spans="14:14">
      <c r="N329782" s="10"/>
    </row>
    <row r="329783" spans="14:14">
      <c r="N329783" s="10"/>
    </row>
    <row r="329784" spans="14:14">
      <c r="N329784" s="10"/>
    </row>
    <row r="329785" spans="14:14">
      <c r="N329785" s="10"/>
    </row>
    <row r="329786" spans="14:14">
      <c r="N329786" s="10"/>
    </row>
    <row r="329787" spans="14:14">
      <c r="N329787" s="10"/>
    </row>
    <row r="329788" spans="14:14">
      <c r="N329788" s="10"/>
    </row>
    <row r="329789" spans="14:14">
      <c r="N329789" s="10"/>
    </row>
    <row r="329790" spans="14:14">
      <c r="N329790" s="10"/>
    </row>
    <row r="329791" spans="14:14">
      <c r="N329791" s="10"/>
    </row>
    <row r="329792" spans="14:14">
      <c r="N329792" s="10"/>
    </row>
    <row r="329793" spans="14:14">
      <c r="N329793" s="10"/>
    </row>
    <row r="329794" spans="14:14">
      <c r="N329794" s="10"/>
    </row>
    <row r="329795" spans="14:14">
      <c r="N329795" s="10"/>
    </row>
    <row r="329796" spans="14:14">
      <c r="N329796" s="10"/>
    </row>
    <row r="329797" spans="14:14">
      <c r="N329797" s="10"/>
    </row>
    <row r="329798" spans="14:14">
      <c r="N329798" s="10"/>
    </row>
    <row r="329799" spans="14:14">
      <c r="N329799" s="10"/>
    </row>
    <row r="329800" spans="14:14">
      <c r="N329800" s="10"/>
    </row>
    <row r="329801" spans="14:14">
      <c r="N329801" s="10"/>
    </row>
    <row r="329802" spans="14:14">
      <c r="N329802" s="10"/>
    </row>
    <row r="329803" spans="14:14">
      <c r="N329803" s="10"/>
    </row>
    <row r="329804" spans="14:14">
      <c r="N329804" s="10"/>
    </row>
    <row r="329805" spans="14:14">
      <c r="N329805" s="10"/>
    </row>
    <row r="329806" spans="14:14">
      <c r="N329806" s="10"/>
    </row>
    <row r="329807" spans="14:14">
      <c r="N329807" s="10"/>
    </row>
    <row r="329808" spans="14:14">
      <c r="N329808" s="10"/>
    </row>
    <row r="329809" spans="14:14">
      <c r="N329809" s="10"/>
    </row>
    <row r="329810" spans="14:14">
      <c r="N329810" s="10"/>
    </row>
    <row r="329811" spans="14:14">
      <c r="N329811" s="10"/>
    </row>
    <row r="329812" spans="14:14">
      <c r="N329812" s="10"/>
    </row>
    <row r="329813" spans="14:14">
      <c r="N329813" s="10"/>
    </row>
    <row r="329814" spans="14:14">
      <c r="N329814" s="10"/>
    </row>
    <row r="329815" spans="14:14">
      <c r="N329815" s="10"/>
    </row>
    <row r="329816" spans="14:14">
      <c r="N329816" s="10"/>
    </row>
    <row r="329817" spans="14:14">
      <c r="N329817" s="10"/>
    </row>
    <row r="329818" spans="14:14">
      <c r="N329818" s="10"/>
    </row>
    <row r="329819" spans="14:14">
      <c r="N329819" s="10"/>
    </row>
    <row r="329820" spans="14:14">
      <c r="N329820" s="10"/>
    </row>
    <row r="329821" spans="14:14">
      <c r="N329821" s="10"/>
    </row>
    <row r="329822" spans="14:14">
      <c r="N329822" s="10"/>
    </row>
    <row r="329823" spans="14:14">
      <c r="N329823" s="10"/>
    </row>
    <row r="329824" spans="14:14">
      <c r="N329824" s="10"/>
    </row>
    <row r="329825" spans="14:14">
      <c r="N329825" s="10"/>
    </row>
    <row r="329826" spans="14:14">
      <c r="N329826" s="10"/>
    </row>
    <row r="329827" spans="14:14">
      <c r="N329827" s="10"/>
    </row>
    <row r="329828" spans="14:14">
      <c r="N329828" s="10"/>
    </row>
    <row r="329829" spans="14:14">
      <c r="N329829" s="10"/>
    </row>
    <row r="329830" spans="14:14">
      <c r="N329830" s="10"/>
    </row>
    <row r="329831" spans="14:14">
      <c r="N329831" s="10"/>
    </row>
    <row r="329832" spans="14:14">
      <c r="N329832" s="10"/>
    </row>
    <row r="329833" spans="14:14">
      <c r="N329833" s="10"/>
    </row>
    <row r="329834" spans="14:14">
      <c r="N329834" s="10"/>
    </row>
    <row r="329835" spans="14:14">
      <c r="N329835" s="10"/>
    </row>
    <row r="329836" spans="14:14">
      <c r="N329836" s="10"/>
    </row>
    <row r="329837" spans="14:14">
      <c r="N329837" s="10"/>
    </row>
    <row r="329838" spans="14:14">
      <c r="N329838" s="10"/>
    </row>
    <row r="329839" spans="14:14">
      <c r="N329839" s="10"/>
    </row>
    <row r="329840" spans="14:14">
      <c r="N329840" s="10"/>
    </row>
    <row r="329841" spans="14:14">
      <c r="N329841" s="10"/>
    </row>
    <row r="329842" spans="14:14">
      <c r="N329842" s="10"/>
    </row>
    <row r="329843" spans="14:14">
      <c r="N329843" s="10"/>
    </row>
    <row r="329844" spans="14:14">
      <c r="N329844" s="10"/>
    </row>
    <row r="329845" spans="14:14">
      <c r="N329845" s="10"/>
    </row>
    <row r="329846" spans="14:14">
      <c r="N329846" s="10"/>
    </row>
    <row r="329847" spans="14:14">
      <c r="N329847" s="10"/>
    </row>
    <row r="329848" spans="14:14">
      <c r="N329848" s="10"/>
    </row>
    <row r="329849" spans="14:14">
      <c r="N329849" s="10"/>
    </row>
    <row r="329850" spans="14:14">
      <c r="N329850" s="10"/>
    </row>
    <row r="329851" spans="14:14">
      <c r="N329851" s="10"/>
    </row>
    <row r="329852" spans="14:14">
      <c r="N329852" s="10"/>
    </row>
    <row r="329853" spans="14:14">
      <c r="N329853" s="10"/>
    </row>
    <row r="329854" spans="14:14">
      <c r="N329854" s="10"/>
    </row>
    <row r="329855" spans="14:14">
      <c r="N329855" s="10"/>
    </row>
    <row r="329856" spans="14:14">
      <c r="N329856" s="10"/>
    </row>
    <row r="329857" spans="14:14">
      <c r="N329857" s="10"/>
    </row>
    <row r="329858" spans="14:14">
      <c r="N329858" s="10"/>
    </row>
    <row r="329859" spans="14:14">
      <c r="N329859" s="10"/>
    </row>
    <row r="329860" spans="14:14">
      <c r="N329860" s="10"/>
    </row>
    <row r="329861" spans="14:14">
      <c r="N329861" s="10"/>
    </row>
    <row r="329862" spans="14:14">
      <c r="N329862" s="10"/>
    </row>
    <row r="329863" spans="14:14">
      <c r="N329863" s="10"/>
    </row>
    <row r="329864" spans="14:14">
      <c r="N329864" s="10"/>
    </row>
    <row r="329865" spans="14:14">
      <c r="N329865" s="10"/>
    </row>
    <row r="329866" spans="14:14">
      <c r="N329866" s="10"/>
    </row>
    <row r="329867" spans="14:14">
      <c r="N329867" s="10"/>
    </row>
    <row r="329868" spans="14:14">
      <c r="N329868" s="10"/>
    </row>
    <row r="329869" spans="14:14">
      <c r="N329869" s="10"/>
    </row>
    <row r="329870" spans="14:14">
      <c r="N329870" s="10"/>
    </row>
    <row r="329871" spans="14:14">
      <c r="N329871" s="10"/>
    </row>
    <row r="329872" spans="14:14">
      <c r="N329872" s="10"/>
    </row>
    <row r="329873" spans="14:14">
      <c r="N329873" s="10"/>
    </row>
    <row r="329874" spans="14:14">
      <c r="N329874" s="10"/>
    </row>
    <row r="329875" spans="14:14">
      <c r="N329875" s="10"/>
    </row>
    <row r="329876" spans="14:14">
      <c r="N329876" s="10"/>
    </row>
    <row r="329877" spans="14:14">
      <c r="N329877" s="10"/>
    </row>
    <row r="329878" spans="14:14">
      <c r="N329878" s="10"/>
    </row>
    <row r="329879" spans="14:14">
      <c r="N329879" s="10"/>
    </row>
    <row r="329880" spans="14:14">
      <c r="N329880" s="10"/>
    </row>
    <row r="329881" spans="14:14">
      <c r="N329881" s="10"/>
    </row>
    <row r="329882" spans="14:14">
      <c r="N329882" s="10"/>
    </row>
    <row r="329883" spans="14:14">
      <c r="N329883" s="10"/>
    </row>
    <row r="329884" spans="14:14">
      <c r="N329884" s="10"/>
    </row>
    <row r="329885" spans="14:14">
      <c r="N329885" s="10"/>
    </row>
    <row r="329886" spans="14:14">
      <c r="N329886" s="10"/>
    </row>
    <row r="329887" spans="14:14">
      <c r="N329887" s="10"/>
    </row>
    <row r="329888" spans="14:14">
      <c r="N329888" s="10"/>
    </row>
    <row r="329889" spans="14:14">
      <c r="N329889" s="10"/>
    </row>
    <row r="329890" spans="14:14">
      <c r="N329890" s="10"/>
    </row>
    <row r="329891" spans="14:14">
      <c r="N329891" s="10"/>
    </row>
    <row r="329892" spans="14:14">
      <c r="N329892" s="10"/>
    </row>
    <row r="329893" spans="14:14">
      <c r="N329893" s="10"/>
    </row>
    <row r="329894" spans="14:14">
      <c r="N329894" s="10"/>
    </row>
    <row r="329895" spans="14:14">
      <c r="N329895" s="10"/>
    </row>
    <row r="329896" spans="14:14">
      <c r="N329896" s="10"/>
    </row>
    <row r="329897" spans="14:14">
      <c r="N329897" s="10"/>
    </row>
    <row r="329898" spans="14:14">
      <c r="N329898" s="10"/>
    </row>
    <row r="329899" spans="14:14">
      <c r="N329899" s="10"/>
    </row>
    <row r="329900" spans="14:14">
      <c r="N329900" s="10"/>
    </row>
    <row r="329901" spans="14:14">
      <c r="N329901" s="10"/>
    </row>
    <row r="329902" spans="14:14">
      <c r="N329902" s="10"/>
    </row>
    <row r="329903" spans="14:14">
      <c r="N329903" s="10"/>
    </row>
    <row r="329904" spans="14:14">
      <c r="N329904" s="10"/>
    </row>
    <row r="329905" spans="14:14">
      <c r="N329905" s="10"/>
    </row>
    <row r="329906" spans="14:14">
      <c r="N329906" s="10"/>
    </row>
    <row r="329907" spans="14:14">
      <c r="N329907" s="10"/>
    </row>
    <row r="329908" spans="14:14">
      <c r="N329908" s="10"/>
    </row>
    <row r="329909" spans="14:14">
      <c r="N329909" s="10"/>
    </row>
    <row r="329910" spans="14:14">
      <c r="N329910" s="10"/>
    </row>
    <row r="329911" spans="14:14">
      <c r="N329911" s="10"/>
    </row>
    <row r="329912" spans="14:14">
      <c r="N329912" s="10"/>
    </row>
    <row r="329913" spans="14:14">
      <c r="N329913" s="10"/>
    </row>
    <row r="329914" spans="14:14">
      <c r="N329914" s="10"/>
    </row>
    <row r="329915" spans="14:14">
      <c r="N329915" s="10"/>
    </row>
    <row r="329916" spans="14:14">
      <c r="N329916" s="10"/>
    </row>
    <row r="329917" spans="14:14">
      <c r="N329917" s="10"/>
    </row>
    <row r="329918" spans="14:14">
      <c r="N329918" s="10"/>
    </row>
    <row r="329919" spans="14:14">
      <c r="N329919" s="10"/>
    </row>
    <row r="329920" spans="14:14">
      <c r="N329920" s="10"/>
    </row>
    <row r="329921" spans="14:14">
      <c r="N329921" s="10"/>
    </row>
    <row r="329922" spans="14:14">
      <c r="N329922" s="10"/>
    </row>
    <row r="329923" spans="14:14">
      <c r="N329923" s="10"/>
    </row>
    <row r="329924" spans="14:14">
      <c r="N329924" s="10"/>
    </row>
    <row r="329925" spans="14:14">
      <c r="N329925" s="10"/>
    </row>
    <row r="329926" spans="14:14">
      <c r="N329926" s="10"/>
    </row>
    <row r="329927" spans="14:14">
      <c r="N329927" s="10"/>
    </row>
    <row r="329928" spans="14:14">
      <c r="N329928" s="10"/>
    </row>
    <row r="329929" spans="14:14">
      <c r="N329929" s="10"/>
    </row>
    <row r="329930" spans="14:14">
      <c r="N329930" s="10"/>
    </row>
    <row r="329931" spans="14:14">
      <c r="N329931" s="10"/>
    </row>
    <row r="329932" spans="14:14">
      <c r="N329932" s="10"/>
    </row>
    <row r="329933" spans="14:14">
      <c r="N329933" s="10"/>
    </row>
    <row r="329934" spans="14:14">
      <c r="N329934" s="10"/>
    </row>
    <row r="329935" spans="14:14">
      <c r="N329935" s="10"/>
    </row>
    <row r="329936" spans="14:14">
      <c r="N329936" s="10"/>
    </row>
    <row r="329937" spans="14:14">
      <c r="N329937" s="10"/>
    </row>
    <row r="329938" spans="14:14">
      <c r="N329938" s="10"/>
    </row>
    <row r="329939" spans="14:14">
      <c r="N329939" s="10"/>
    </row>
    <row r="329940" spans="14:14">
      <c r="N329940" s="10"/>
    </row>
    <row r="329941" spans="14:14">
      <c r="N329941" s="10"/>
    </row>
    <row r="329942" spans="14:14">
      <c r="N329942" s="10"/>
    </row>
    <row r="329943" spans="14:14">
      <c r="N329943" s="10"/>
    </row>
    <row r="329944" spans="14:14">
      <c r="N329944" s="10"/>
    </row>
    <row r="329945" spans="14:14">
      <c r="N329945" s="10"/>
    </row>
    <row r="329946" spans="14:14">
      <c r="N329946" s="10"/>
    </row>
    <row r="329947" spans="14:14">
      <c r="N329947" s="10"/>
    </row>
    <row r="329948" spans="14:14">
      <c r="N329948" s="10"/>
    </row>
    <row r="329949" spans="14:14">
      <c r="N329949" s="10"/>
    </row>
    <row r="329950" spans="14:14">
      <c r="N329950" s="10"/>
    </row>
    <row r="329951" spans="14:14">
      <c r="N329951" s="10"/>
    </row>
    <row r="329952" spans="14:14">
      <c r="N329952" s="10"/>
    </row>
    <row r="329953" spans="14:14">
      <c r="N329953" s="10"/>
    </row>
    <row r="329954" spans="14:14">
      <c r="N329954" s="10"/>
    </row>
    <row r="329955" spans="14:14">
      <c r="N329955" s="10"/>
    </row>
    <row r="329956" spans="14:14">
      <c r="N329956" s="10"/>
    </row>
    <row r="329957" spans="14:14">
      <c r="N329957" s="10"/>
    </row>
    <row r="329958" spans="14:14">
      <c r="N329958" s="10"/>
    </row>
    <row r="329959" spans="14:14">
      <c r="N329959" s="10"/>
    </row>
    <row r="329960" spans="14:14">
      <c r="N329960" s="10"/>
    </row>
    <row r="329961" spans="14:14">
      <c r="N329961" s="10"/>
    </row>
    <row r="329962" spans="14:14">
      <c r="N329962" s="10"/>
    </row>
    <row r="329963" spans="14:14">
      <c r="N329963" s="10"/>
    </row>
    <row r="329964" spans="14:14">
      <c r="N329964" s="10"/>
    </row>
    <row r="329965" spans="14:14">
      <c r="N329965" s="10"/>
    </row>
    <row r="329966" spans="14:14">
      <c r="N329966" s="10"/>
    </row>
    <row r="329967" spans="14:14">
      <c r="N329967" s="10"/>
    </row>
    <row r="329968" spans="14:14">
      <c r="N329968" s="10"/>
    </row>
    <row r="329969" spans="14:14">
      <c r="N329969" s="10"/>
    </row>
    <row r="329970" spans="14:14">
      <c r="N329970" s="10"/>
    </row>
    <row r="329971" spans="14:14">
      <c r="N329971" s="10"/>
    </row>
    <row r="329972" spans="14:14">
      <c r="N329972" s="10"/>
    </row>
    <row r="329973" spans="14:14">
      <c r="N329973" s="10"/>
    </row>
    <row r="329974" spans="14:14">
      <c r="N329974" s="10"/>
    </row>
    <row r="329975" spans="14:14">
      <c r="N329975" s="10"/>
    </row>
    <row r="329976" spans="14:14">
      <c r="N329976" s="10"/>
    </row>
    <row r="329977" spans="14:14">
      <c r="N329977" s="10"/>
    </row>
    <row r="329978" spans="14:14">
      <c r="N329978" s="10"/>
    </row>
    <row r="329979" spans="14:14">
      <c r="N329979" s="10"/>
    </row>
    <row r="329980" spans="14:14">
      <c r="N329980" s="10"/>
    </row>
    <row r="329981" spans="14:14">
      <c r="N329981" s="10"/>
    </row>
    <row r="329982" spans="14:14">
      <c r="N329982" s="10"/>
    </row>
    <row r="329983" spans="14:14">
      <c r="N329983" s="10"/>
    </row>
    <row r="329984" spans="14:14">
      <c r="N329984" s="10"/>
    </row>
    <row r="329985" spans="14:14">
      <c r="N329985" s="10"/>
    </row>
    <row r="329986" spans="14:14">
      <c r="N329986" s="10"/>
    </row>
    <row r="329987" spans="14:14">
      <c r="N329987" s="10"/>
    </row>
    <row r="329988" spans="14:14">
      <c r="N329988" s="10"/>
    </row>
    <row r="329989" spans="14:14">
      <c r="N329989" s="10"/>
    </row>
    <row r="329990" spans="14:14">
      <c r="N329990" s="10"/>
    </row>
    <row r="329991" spans="14:14">
      <c r="N329991" s="10"/>
    </row>
    <row r="329992" spans="14:14">
      <c r="N329992" s="10"/>
    </row>
    <row r="329993" spans="14:14">
      <c r="N329993" s="10"/>
    </row>
    <row r="329994" spans="14:14">
      <c r="N329994" s="10"/>
    </row>
    <row r="329995" spans="14:14">
      <c r="N329995" s="10"/>
    </row>
    <row r="329996" spans="14:14">
      <c r="N329996" s="10"/>
    </row>
    <row r="329997" spans="14:14">
      <c r="N329997" s="10"/>
    </row>
    <row r="329998" spans="14:14">
      <c r="N329998" s="10"/>
    </row>
    <row r="329999" spans="14:14">
      <c r="N329999" s="10"/>
    </row>
    <row r="330000" spans="14:14">
      <c r="N330000" s="10"/>
    </row>
    <row r="330001" spans="14:14">
      <c r="N330001" s="10"/>
    </row>
    <row r="330002" spans="14:14">
      <c r="N330002" s="10"/>
    </row>
    <row r="330003" spans="14:14">
      <c r="N330003" s="10"/>
    </row>
    <row r="330004" spans="14:14">
      <c r="N330004" s="10"/>
    </row>
    <row r="330005" spans="14:14">
      <c r="N330005" s="10"/>
    </row>
    <row r="330006" spans="14:14">
      <c r="N330006" s="10"/>
    </row>
    <row r="330007" spans="14:14">
      <c r="N330007" s="10"/>
    </row>
    <row r="330008" spans="14:14">
      <c r="N330008" s="10"/>
    </row>
    <row r="330009" spans="14:14">
      <c r="N330009" s="10"/>
    </row>
    <row r="330010" spans="14:14">
      <c r="N330010" s="10"/>
    </row>
    <row r="330011" spans="14:14">
      <c r="N330011" s="10"/>
    </row>
    <row r="330012" spans="14:14">
      <c r="N330012" s="10"/>
    </row>
    <row r="330013" spans="14:14">
      <c r="N330013" s="10"/>
    </row>
    <row r="330014" spans="14:14">
      <c r="N330014" s="10"/>
    </row>
    <row r="330015" spans="14:14">
      <c r="N330015" s="10"/>
    </row>
    <row r="330016" spans="14:14">
      <c r="N330016" s="10"/>
    </row>
    <row r="330017" spans="14:14">
      <c r="N330017" s="10"/>
    </row>
    <row r="330018" spans="14:14">
      <c r="N330018" s="10"/>
    </row>
    <row r="330019" spans="14:14">
      <c r="N330019" s="10"/>
    </row>
    <row r="330020" spans="14:14">
      <c r="N330020" s="10"/>
    </row>
    <row r="330021" spans="14:14">
      <c r="N330021" s="10"/>
    </row>
    <row r="330022" spans="14:14">
      <c r="N330022" s="10"/>
    </row>
    <row r="330023" spans="14:14">
      <c r="N330023" s="10"/>
    </row>
    <row r="330024" spans="14:14">
      <c r="N330024" s="10"/>
    </row>
    <row r="330025" spans="14:14">
      <c r="N330025" s="10"/>
    </row>
    <row r="330026" spans="14:14">
      <c r="N330026" s="10"/>
    </row>
    <row r="330027" spans="14:14">
      <c r="N330027" s="10"/>
    </row>
    <row r="330028" spans="14:14">
      <c r="N330028" s="10"/>
    </row>
    <row r="330029" spans="14:14">
      <c r="N330029" s="10"/>
    </row>
    <row r="330030" spans="14:14">
      <c r="N330030" s="10"/>
    </row>
    <row r="330031" spans="14:14">
      <c r="N330031" s="10"/>
    </row>
    <row r="330032" spans="14:14">
      <c r="N330032" s="10"/>
    </row>
    <row r="330033" spans="14:14">
      <c r="N330033" s="10"/>
    </row>
    <row r="330034" spans="14:14">
      <c r="N330034" s="10"/>
    </row>
    <row r="330035" spans="14:14">
      <c r="N330035" s="10"/>
    </row>
    <row r="330036" spans="14:14">
      <c r="N330036" s="10"/>
    </row>
    <row r="330037" spans="14:14">
      <c r="N330037" s="10"/>
    </row>
    <row r="330038" spans="14:14">
      <c r="N330038" s="10"/>
    </row>
    <row r="330039" spans="14:14">
      <c r="N330039" s="10"/>
    </row>
    <row r="330040" spans="14:14">
      <c r="N330040" s="10"/>
    </row>
    <row r="330041" spans="14:14">
      <c r="N330041" s="10"/>
    </row>
    <row r="330042" spans="14:14">
      <c r="N330042" s="10"/>
    </row>
    <row r="330043" spans="14:14">
      <c r="N330043" s="10"/>
    </row>
    <row r="330044" spans="14:14">
      <c r="N330044" s="10"/>
    </row>
    <row r="330045" spans="14:14">
      <c r="N330045" s="10"/>
    </row>
    <row r="330046" spans="14:14">
      <c r="N330046" s="10"/>
    </row>
    <row r="330047" spans="14:14">
      <c r="N330047" s="10"/>
    </row>
    <row r="330048" spans="14:14">
      <c r="N330048" s="10"/>
    </row>
    <row r="330049" spans="14:14">
      <c r="N330049" s="10"/>
    </row>
    <row r="330050" spans="14:14">
      <c r="N330050" s="10"/>
    </row>
    <row r="330051" spans="14:14">
      <c r="N330051" s="10"/>
    </row>
    <row r="330052" spans="14:14">
      <c r="N330052" s="10"/>
    </row>
    <row r="330053" spans="14:14">
      <c r="N330053" s="10"/>
    </row>
    <row r="330054" spans="14:14">
      <c r="N330054" s="10"/>
    </row>
    <row r="330055" spans="14:14">
      <c r="N330055" s="10"/>
    </row>
    <row r="330056" spans="14:14">
      <c r="N330056" s="10"/>
    </row>
    <row r="330057" spans="14:14">
      <c r="N330057" s="10"/>
    </row>
    <row r="330058" spans="14:14">
      <c r="N330058" s="10"/>
    </row>
    <row r="330059" spans="14:14">
      <c r="N330059" s="10"/>
    </row>
    <row r="330060" spans="14:14">
      <c r="N330060" s="10"/>
    </row>
    <row r="330061" spans="14:14">
      <c r="N330061" s="10"/>
    </row>
    <row r="330062" spans="14:14">
      <c r="N330062" s="10"/>
    </row>
    <row r="330063" spans="14:14">
      <c r="N330063" s="10"/>
    </row>
    <row r="330064" spans="14:14">
      <c r="N330064" s="10"/>
    </row>
    <row r="330065" spans="14:14">
      <c r="N330065" s="10"/>
    </row>
    <row r="330066" spans="14:14">
      <c r="N330066" s="10"/>
    </row>
    <row r="330067" spans="14:14">
      <c r="N330067" s="10"/>
    </row>
    <row r="330068" spans="14:14">
      <c r="N330068" s="10"/>
    </row>
    <row r="330069" spans="14:14">
      <c r="N330069" s="10"/>
    </row>
    <row r="330070" spans="14:14">
      <c r="N330070" s="10"/>
    </row>
    <row r="330071" spans="14:14">
      <c r="N330071" s="10"/>
    </row>
    <row r="330072" spans="14:14">
      <c r="N330072" s="10"/>
    </row>
    <row r="330073" spans="14:14">
      <c r="N330073" s="10"/>
    </row>
    <row r="330074" spans="14:14">
      <c r="N330074" s="10"/>
    </row>
    <row r="330075" spans="14:14">
      <c r="N330075" s="10"/>
    </row>
    <row r="330076" spans="14:14">
      <c r="N330076" s="10"/>
    </row>
    <row r="330077" spans="14:14">
      <c r="N330077" s="10"/>
    </row>
    <row r="330078" spans="14:14">
      <c r="N330078" s="10"/>
    </row>
    <row r="330079" spans="14:14">
      <c r="N330079" s="10"/>
    </row>
    <row r="330080" spans="14:14">
      <c r="N330080" s="10"/>
    </row>
    <row r="330081" spans="14:14">
      <c r="N330081" s="10"/>
    </row>
    <row r="330082" spans="14:14">
      <c r="N330082" s="10"/>
    </row>
    <row r="330083" spans="14:14">
      <c r="N330083" s="10"/>
    </row>
    <row r="330084" spans="14:14">
      <c r="N330084" s="10"/>
    </row>
    <row r="330085" spans="14:14">
      <c r="N330085" s="10"/>
    </row>
    <row r="330086" spans="14:14">
      <c r="N330086" s="10"/>
    </row>
    <row r="330087" spans="14:14">
      <c r="N330087" s="10"/>
    </row>
    <row r="330088" spans="14:14">
      <c r="N330088" s="10"/>
    </row>
    <row r="330089" spans="14:14">
      <c r="N330089" s="10"/>
    </row>
    <row r="330090" spans="14:14">
      <c r="N330090" s="10"/>
    </row>
    <row r="330091" spans="14:14">
      <c r="N330091" s="10"/>
    </row>
    <row r="330092" spans="14:14">
      <c r="N330092" s="10"/>
    </row>
    <row r="330093" spans="14:14">
      <c r="N330093" s="10"/>
    </row>
    <row r="330094" spans="14:14">
      <c r="N330094" s="10"/>
    </row>
    <row r="330095" spans="14:14">
      <c r="N330095" s="10"/>
    </row>
    <row r="330096" spans="14:14">
      <c r="N330096" s="10"/>
    </row>
    <row r="330097" spans="14:14">
      <c r="N330097" s="10"/>
    </row>
    <row r="330098" spans="14:14">
      <c r="N330098" s="10"/>
    </row>
    <row r="330099" spans="14:14">
      <c r="N330099" s="10"/>
    </row>
    <row r="330100" spans="14:14">
      <c r="N330100" s="10"/>
    </row>
    <row r="330101" spans="14:14">
      <c r="N330101" s="10"/>
    </row>
    <row r="330102" spans="14:14">
      <c r="N330102" s="10"/>
    </row>
    <row r="330103" spans="14:14">
      <c r="N330103" s="10"/>
    </row>
    <row r="330104" spans="14:14">
      <c r="N330104" s="10"/>
    </row>
    <row r="330105" spans="14:14">
      <c r="N330105" s="10"/>
    </row>
    <row r="330106" spans="14:14">
      <c r="N330106" s="10"/>
    </row>
    <row r="330107" spans="14:14">
      <c r="N330107" s="10"/>
    </row>
    <row r="330108" spans="14:14">
      <c r="N330108" s="10"/>
    </row>
    <row r="330109" spans="14:14">
      <c r="N330109" s="10"/>
    </row>
    <row r="330110" spans="14:14">
      <c r="N330110" s="10"/>
    </row>
    <row r="330111" spans="14:14">
      <c r="N330111" s="10"/>
    </row>
    <row r="330112" spans="14:14">
      <c r="N330112" s="10"/>
    </row>
    <row r="330113" spans="14:14">
      <c r="N330113" s="10"/>
    </row>
    <row r="330114" spans="14:14">
      <c r="N330114" s="10"/>
    </row>
    <row r="330115" spans="14:14">
      <c r="N330115" s="10"/>
    </row>
    <row r="330116" spans="14:14">
      <c r="N330116" s="10"/>
    </row>
    <row r="330117" spans="14:14">
      <c r="N330117" s="10"/>
    </row>
    <row r="330118" spans="14:14">
      <c r="N330118" s="10"/>
    </row>
    <row r="330119" spans="14:14">
      <c r="N330119" s="10"/>
    </row>
    <row r="330120" spans="14:14">
      <c r="N330120" s="10"/>
    </row>
    <row r="330121" spans="14:14">
      <c r="N330121" s="10"/>
    </row>
    <row r="330122" spans="14:14">
      <c r="N330122" s="10"/>
    </row>
    <row r="330123" spans="14:14">
      <c r="N330123" s="10"/>
    </row>
    <row r="330124" spans="14:14">
      <c r="N330124" s="10"/>
    </row>
    <row r="330125" spans="14:14">
      <c r="N330125" s="10"/>
    </row>
    <row r="330126" spans="14:14">
      <c r="N330126" s="10"/>
    </row>
    <row r="330127" spans="14:14">
      <c r="N330127" s="10"/>
    </row>
    <row r="330128" spans="14:14">
      <c r="N330128" s="10"/>
    </row>
    <row r="330129" spans="14:14">
      <c r="N330129" s="10"/>
    </row>
    <row r="330130" spans="14:14">
      <c r="N330130" s="10"/>
    </row>
    <row r="330131" spans="14:14">
      <c r="N330131" s="10"/>
    </row>
    <row r="330132" spans="14:14">
      <c r="N330132" s="10"/>
    </row>
    <row r="330133" spans="14:14">
      <c r="N330133" s="10"/>
    </row>
    <row r="330134" spans="14:14">
      <c r="N330134" s="10"/>
    </row>
    <row r="330135" spans="14:14">
      <c r="N330135" s="10"/>
    </row>
    <row r="330136" spans="14:14">
      <c r="N330136" s="10"/>
    </row>
    <row r="330137" spans="14:14">
      <c r="N330137" s="10"/>
    </row>
    <row r="330138" spans="14:14">
      <c r="N330138" s="10"/>
    </row>
    <row r="330139" spans="14:14">
      <c r="N330139" s="10"/>
    </row>
    <row r="330140" spans="14:14">
      <c r="N330140" s="10"/>
    </row>
    <row r="330141" spans="14:14">
      <c r="N330141" s="10"/>
    </row>
    <row r="330142" spans="14:14">
      <c r="N330142" s="10"/>
    </row>
    <row r="330143" spans="14:14">
      <c r="N330143" s="10"/>
    </row>
    <row r="330144" spans="14:14">
      <c r="N330144" s="10"/>
    </row>
    <row r="330145" spans="14:14">
      <c r="N330145" s="10"/>
    </row>
    <row r="330146" spans="14:14">
      <c r="N330146" s="10"/>
    </row>
    <row r="330147" spans="14:14">
      <c r="N330147" s="10"/>
    </row>
    <row r="330148" spans="14:14">
      <c r="N330148" s="10"/>
    </row>
    <row r="330149" spans="14:14">
      <c r="N330149" s="10"/>
    </row>
    <row r="330150" spans="14:14">
      <c r="N330150" s="10"/>
    </row>
    <row r="330151" spans="14:14">
      <c r="N330151" s="10"/>
    </row>
    <row r="330152" spans="14:14">
      <c r="N330152" s="10"/>
    </row>
    <row r="330153" spans="14:14">
      <c r="N330153" s="10"/>
    </row>
    <row r="330154" spans="14:14">
      <c r="N330154" s="10"/>
    </row>
    <row r="330155" spans="14:14">
      <c r="N330155" s="10"/>
    </row>
    <row r="330156" spans="14:14">
      <c r="N330156" s="10"/>
    </row>
    <row r="330157" spans="14:14">
      <c r="N330157" s="10"/>
    </row>
    <row r="330158" spans="14:14">
      <c r="N330158" s="10"/>
    </row>
    <row r="330159" spans="14:14">
      <c r="N330159" s="10"/>
    </row>
    <row r="330160" spans="14:14">
      <c r="N330160" s="10"/>
    </row>
    <row r="330161" spans="14:14">
      <c r="N330161" s="10"/>
    </row>
    <row r="330162" spans="14:14">
      <c r="N330162" s="10"/>
    </row>
    <row r="330163" spans="14:14">
      <c r="N330163" s="10"/>
    </row>
    <row r="330164" spans="14:14">
      <c r="N330164" s="10"/>
    </row>
    <row r="330165" spans="14:14">
      <c r="N330165" s="10"/>
    </row>
    <row r="330166" spans="14:14">
      <c r="N330166" s="10"/>
    </row>
    <row r="330167" spans="14:14">
      <c r="N330167" s="10"/>
    </row>
    <row r="330168" spans="14:14">
      <c r="N330168" s="10"/>
    </row>
    <row r="330169" spans="14:14">
      <c r="N330169" s="10"/>
    </row>
    <row r="330170" spans="14:14">
      <c r="N330170" s="10"/>
    </row>
    <row r="330171" spans="14:14">
      <c r="N330171" s="10"/>
    </row>
    <row r="330172" spans="14:14">
      <c r="N330172" s="10"/>
    </row>
    <row r="330173" spans="14:14">
      <c r="N330173" s="10"/>
    </row>
    <row r="330174" spans="14:14">
      <c r="N330174" s="10"/>
    </row>
    <row r="330175" spans="14:14">
      <c r="N330175" s="10"/>
    </row>
    <row r="330176" spans="14:14">
      <c r="N330176" s="10"/>
    </row>
    <row r="330177" spans="14:14">
      <c r="N330177" s="10"/>
    </row>
    <row r="330178" spans="14:14">
      <c r="N330178" s="10"/>
    </row>
    <row r="330179" spans="14:14">
      <c r="N330179" s="10"/>
    </row>
    <row r="330180" spans="14:14">
      <c r="N330180" s="10"/>
    </row>
    <row r="330181" spans="14:14">
      <c r="N330181" s="10"/>
    </row>
    <row r="330182" spans="14:14">
      <c r="N330182" s="10"/>
    </row>
    <row r="330183" spans="14:14">
      <c r="N330183" s="10"/>
    </row>
    <row r="330184" spans="14:14">
      <c r="N330184" s="10"/>
    </row>
    <row r="330185" spans="14:14">
      <c r="N330185" s="10"/>
    </row>
    <row r="330186" spans="14:14">
      <c r="N330186" s="10"/>
    </row>
    <row r="330187" spans="14:14">
      <c r="N330187" s="10"/>
    </row>
    <row r="330188" spans="14:14">
      <c r="N330188" s="10"/>
    </row>
    <row r="330189" spans="14:14">
      <c r="N330189" s="10"/>
    </row>
    <row r="330190" spans="14:14">
      <c r="N330190" s="10"/>
    </row>
    <row r="330191" spans="14:14">
      <c r="N330191" s="10"/>
    </row>
    <row r="330192" spans="14:14">
      <c r="N330192" s="10"/>
    </row>
    <row r="330193" spans="14:14">
      <c r="N330193" s="10"/>
    </row>
    <row r="330194" spans="14:14">
      <c r="N330194" s="10"/>
    </row>
    <row r="330195" spans="14:14">
      <c r="N330195" s="10"/>
    </row>
    <row r="330196" spans="14:14">
      <c r="N330196" s="10"/>
    </row>
    <row r="330197" spans="14:14">
      <c r="N330197" s="10"/>
    </row>
    <row r="330198" spans="14:14">
      <c r="N330198" s="10"/>
    </row>
    <row r="330199" spans="14:14">
      <c r="N330199" s="10"/>
    </row>
    <row r="330200" spans="14:14">
      <c r="N330200" s="10"/>
    </row>
    <row r="330201" spans="14:14">
      <c r="N330201" s="10"/>
    </row>
    <row r="330202" spans="14:14">
      <c r="N330202" s="10"/>
    </row>
    <row r="330203" spans="14:14">
      <c r="N330203" s="10"/>
    </row>
    <row r="330204" spans="14:14">
      <c r="N330204" s="10"/>
    </row>
    <row r="330205" spans="14:14">
      <c r="N330205" s="10"/>
    </row>
    <row r="330206" spans="14:14">
      <c r="N330206" s="10"/>
    </row>
    <row r="330207" spans="14:14">
      <c r="N330207" s="10"/>
    </row>
    <row r="330208" spans="14:14">
      <c r="N330208" s="10"/>
    </row>
    <row r="330209" spans="14:14">
      <c r="N330209" s="10"/>
    </row>
    <row r="330210" spans="14:14">
      <c r="N330210" s="10"/>
    </row>
    <row r="330211" spans="14:14">
      <c r="N330211" s="10"/>
    </row>
    <row r="330212" spans="14:14">
      <c r="N330212" s="10"/>
    </row>
    <row r="330213" spans="14:14">
      <c r="N330213" s="10"/>
    </row>
    <row r="330214" spans="14:14">
      <c r="N330214" s="10"/>
    </row>
    <row r="330215" spans="14:14">
      <c r="N330215" s="10"/>
    </row>
    <row r="330216" spans="14:14">
      <c r="N330216" s="10"/>
    </row>
    <row r="330217" spans="14:14">
      <c r="N330217" s="10"/>
    </row>
    <row r="330218" spans="14:14">
      <c r="N330218" s="10"/>
    </row>
    <row r="330219" spans="14:14">
      <c r="N330219" s="10"/>
    </row>
    <row r="330220" spans="14:14">
      <c r="N330220" s="10"/>
    </row>
    <row r="330221" spans="14:14">
      <c r="N330221" s="10"/>
    </row>
    <row r="330222" spans="14:14">
      <c r="N330222" s="10"/>
    </row>
    <row r="330223" spans="14:14">
      <c r="N330223" s="10"/>
    </row>
    <row r="330224" spans="14:14">
      <c r="N330224" s="10"/>
    </row>
    <row r="330225" spans="14:14">
      <c r="N330225" s="10"/>
    </row>
    <row r="330226" spans="14:14">
      <c r="N330226" s="10"/>
    </row>
    <row r="330227" spans="14:14">
      <c r="N330227" s="10"/>
    </row>
    <row r="330228" spans="14:14">
      <c r="N330228" s="10"/>
    </row>
    <row r="330229" spans="14:14">
      <c r="N330229" s="10"/>
    </row>
    <row r="330230" spans="14:14">
      <c r="N330230" s="10"/>
    </row>
    <row r="330231" spans="14:14">
      <c r="N330231" s="10"/>
    </row>
    <row r="330232" spans="14:14">
      <c r="N330232" s="10"/>
    </row>
    <row r="330233" spans="14:14">
      <c r="N330233" s="10"/>
    </row>
    <row r="330234" spans="14:14">
      <c r="N330234" s="10"/>
    </row>
    <row r="330235" spans="14:14">
      <c r="N330235" s="10"/>
    </row>
    <row r="330236" spans="14:14">
      <c r="N330236" s="10"/>
    </row>
    <row r="330237" spans="14:14">
      <c r="N330237" s="10"/>
    </row>
    <row r="330238" spans="14:14">
      <c r="N330238" s="10"/>
    </row>
    <row r="330239" spans="14:14">
      <c r="N330239" s="10"/>
    </row>
    <row r="330240" spans="14:14">
      <c r="N330240" s="10"/>
    </row>
    <row r="330241" spans="14:14">
      <c r="N330241" s="10"/>
    </row>
    <row r="330242" spans="14:14">
      <c r="N330242" s="10"/>
    </row>
    <row r="330243" spans="14:14">
      <c r="N330243" s="10"/>
    </row>
    <row r="330244" spans="14:14">
      <c r="N330244" s="10"/>
    </row>
    <row r="330245" spans="14:14">
      <c r="N330245" s="10"/>
    </row>
    <row r="330246" spans="14:14">
      <c r="N330246" s="10"/>
    </row>
    <row r="330247" spans="14:14">
      <c r="N330247" s="10"/>
    </row>
    <row r="330248" spans="14:14">
      <c r="N330248" s="10"/>
    </row>
    <row r="330249" spans="14:14">
      <c r="N330249" s="10"/>
    </row>
    <row r="330250" spans="14:14">
      <c r="N330250" s="10"/>
    </row>
    <row r="330251" spans="14:14">
      <c r="N330251" s="10"/>
    </row>
    <row r="330252" spans="14:14">
      <c r="N330252" s="10"/>
    </row>
    <row r="330253" spans="14:14">
      <c r="N330253" s="10"/>
    </row>
    <row r="330254" spans="14:14">
      <c r="N330254" s="10"/>
    </row>
    <row r="330255" spans="14:14">
      <c r="N330255" s="10"/>
    </row>
    <row r="330256" spans="14:14">
      <c r="N330256" s="10"/>
    </row>
    <row r="330257" spans="14:14">
      <c r="N330257" s="10"/>
    </row>
    <row r="330258" spans="14:14">
      <c r="N330258" s="10"/>
    </row>
    <row r="330259" spans="14:14">
      <c r="N330259" s="10"/>
    </row>
    <row r="330260" spans="14:14">
      <c r="N330260" s="10"/>
    </row>
    <row r="330261" spans="14:14">
      <c r="N330261" s="10"/>
    </row>
    <row r="330262" spans="14:14">
      <c r="N330262" s="10"/>
    </row>
    <row r="330263" spans="14:14">
      <c r="N330263" s="10"/>
    </row>
    <row r="330264" spans="14:14">
      <c r="N330264" s="10"/>
    </row>
    <row r="330265" spans="14:14">
      <c r="N330265" s="10"/>
    </row>
    <row r="330266" spans="14:14">
      <c r="N330266" s="10"/>
    </row>
    <row r="330267" spans="14:14">
      <c r="N330267" s="10"/>
    </row>
    <row r="330268" spans="14:14">
      <c r="N330268" s="10"/>
    </row>
    <row r="330269" spans="14:14">
      <c r="N330269" s="10"/>
    </row>
    <row r="330270" spans="14:14">
      <c r="N330270" s="10"/>
    </row>
    <row r="330271" spans="14:14">
      <c r="N330271" s="10"/>
    </row>
    <row r="330272" spans="14:14">
      <c r="N330272" s="10"/>
    </row>
    <row r="330273" spans="14:14">
      <c r="N330273" s="10"/>
    </row>
    <row r="330274" spans="14:14">
      <c r="N330274" s="10"/>
    </row>
    <row r="330275" spans="14:14">
      <c r="N330275" s="10"/>
    </row>
    <row r="330276" spans="14:14">
      <c r="N330276" s="10"/>
    </row>
    <row r="330277" spans="14:14">
      <c r="N330277" s="10"/>
    </row>
    <row r="330278" spans="14:14">
      <c r="N330278" s="10"/>
    </row>
    <row r="330279" spans="14:14">
      <c r="N330279" s="10"/>
    </row>
    <row r="330280" spans="14:14">
      <c r="N330280" s="10"/>
    </row>
    <row r="330281" spans="14:14">
      <c r="N330281" s="10"/>
    </row>
    <row r="330282" spans="14:14">
      <c r="N330282" s="10"/>
    </row>
    <row r="330283" spans="14:14">
      <c r="N330283" s="10"/>
    </row>
    <row r="330284" spans="14:14">
      <c r="N330284" s="10"/>
    </row>
    <row r="330285" spans="14:14">
      <c r="N330285" s="10"/>
    </row>
    <row r="330286" spans="14:14">
      <c r="N330286" s="10"/>
    </row>
    <row r="330287" spans="14:14">
      <c r="N330287" s="10"/>
    </row>
    <row r="330288" spans="14:14">
      <c r="N330288" s="10"/>
    </row>
    <row r="330289" spans="14:14">
      <c r="N330289" s="10"/>
    </row>
    <row r="330290" spans="14:14">
      <c r="N330290" s="10"/>
    </row>
    <row r="330291" spans="14:14">
      <c r="N330291" s="10"/>
    </row>
    <row r="330292" spans="14:14">
      <c r="N330292" s="10"/>
    </row>
    <row r="330293" spans="14:14">
      <c r="N330293" s="10"/>
    </row>
    <row r="330294" spans="14:14">
      <c r="N330294" s="10"/>
    </row>
    <row r="330295" spans="14:14">
      <c r="N330295" s="10"/>
    </row>
    <row r="330296" spans="14:14">
      <c r="N330296" s="10"/>
    </row>
    <row r="330297" spans="14:14">
      <c r="N330297" s="10"/>
    </row>
    <row r="330298" spans="14:14">
      <c r="N330298" s="10"/>
    </row>
    <row r="330299" spans="14:14">
      <c r="N330299" s="10"/>
    </row>
    <row r="330300" spans="14:14">
      <c r="N330300" s="10"/>
    </row>
    <row r="330301" spans="14:14">
      <c r="N330301" s="10"/>
    </row>
    <row r="330302" spans="14:14">
      <c r="N330302" s="10"/>
    </row>
    <row r="330303" spans="14:14">
      <c r="N330303" s="10"/>
    </row>
    <row r="330304" spans="14:14">
      <c r="N330304" s="10"/>
    </row>
    <row r="330305" spans="14:14">
      <c r="N330305" s="10"/>
    </row>
    <row r="330306" spans="14:14">
      <c r="N330306" s="10"/>
    </row>
    <row r="330307" spans="14:14">
      <c r="N330307" s="10"/>
    </row>
    <row r="330308" spans="14:14">
      <c r="N330308" s="10"/>
    </row>
    <row r="330309" spans="14:14">
      <c r="N330309" s="10"/>
    </row>
    <row r="330310" spans="14:14">
      <c r="N330310" s="10"/>
    </row>
    <row r="330311" spans="14:14">
      <c r="N330311" s="10"/>
    </row>
    <row r="330312" spans="14:14">
      <c r="N330312" s="10"/>
    </row>
    <row r="330313" spans="14:14">
      <c r="N330313" s="10"/>
    </row>
    <row r="330314" spans="14:14">
      <c r="N330314" s="10"/>
    </row>
    <row r="330315" spans="14:14">
      <c r="N330315" s="10"/>
    </row>
    <row r="330316" spans="14:14">
      <c r="N330316" s="10"/>
    </row>
    <row r="330317" spans="14:14">
      <c r="N330317" s="10"/>
    </row>
    <row r="330318" spans="14:14">
      <c r="N330318" s="10"/>
    </row>
    <row r="330319" spans="14:14">
      <c r="N330319" s="10"/>
    </row>
    <row r="330320" spans="14:14">
      <c r="N330320" s="10"/>
    </row>
    <row r="330321" spans="14:14">
      <c r="N330321" s="10"/>
    </row>
    <row r="330322" spans="14:14">
      <c r="N330322" s="10"/>
    </row>
    <row r="330323" spans="14:14">
      <c r="N330323" s="10"/>
    </row>
    <row r="330324" spans="14:14">
      <c r="N330324" s="10"/>
    </row>
    <row r="330325" spans="14:14">
      <c r="N330325" s="10"/>
    </row>
    <row r="330326" spans="14:14">
      <c r="N330326" s="10"/>
    </row>
    <row r="330327" spans="14:14">
      <c r="N330327" s="10"/>
    </row>
    <row r="330328" spans="14:14">
      <c r="N330328" s="10"/>
    </row>
    <row r="330329" spans="14:14">
      <c r="N330329" s="10"/>
    </row>
    <row r="330330" spans="14:14">
      <c r="N330330" s="10"/>
    </row>
    <row r="330331" spans="14:14">
      <c r="N330331" s="10"/>
    </row>
    <row r="330332" spans="14:14">
      <c r="N330332" s="10"/>
    </row>
    <row r="330333" spans="14:14">
      <c r="N330333" s="10"/>
    </row>
    <row r="330334" spans="14:14">
      <c r="N330334" s="10"/>
    </row>
    <row r="330335" spans="14:14">
      <c r="N330335" s="10"/>
    </row>
    <row r="330336" spans="14:14">
      <c r="N330336" s="10"/>
    </row>
    <row r="330337" spans="14:14">
      <c r="N330337" s="10"/>
    </row>
    <row r="330338" spans="14:14">
      <c r="N330338" s="10"/>
    </row>
    <row r="330339" spans="14:14">
      <c r="N330339" s="10"/>
    </row>
    <row r="330340" spans="14:14">
      <c r="N330340" s="10"/>
    </row>
    <row r="330341" spans="14:14">
      <c r="N330341" s="10"/>
    </row>
    <row r="330342" spans="14:14">
      <c r="N330342" s="10"/>
    </row>
    <row r="330343" spans="14:14">
      <c r="N330343" s="10"/>
    </row>
    <row r="330344" spans="14:14">
      <c r="N330344" s="10"/>
    </row>
    <row r="330345" spans="14:14">
      <c r="N330345" s="10"/>
    </row>
    <row r="330346" spans="14:14">
      <c r="N330346" s="10"/>
    </row>
    <row r="330347" spans="14:14">
      <c r="N330347" s="10"/>
    </row>
    <row r="330348" spans="14:14">
      <c r="N330348" s="10"/>
    </row>
    <row r="330349" spans="14:14">
      <c r="N330349" s="10"/>
    </row>
    <row r="330350" spans="14:14">
      <c r="N330350" s="10"/>
    </row>
    <row r="330351" spans="14:14">
      <c r="N330351" s="10"/>
    </row>
    <row r="330352" spans="14:14">
      <c r="N330352" s="10"/>
    </row>
    <row r="330353" spans="14:14">
      <c r="N330353" s="10"/>
    </row>
    <row r="330354" spans="14:14">
      <c r="N330354" s="10"/>
    </row>
    <row r="330355" spans="14:14">
      <c r="N330355" s="10"/>
    </row>
    <row r="330356" spans="14:14">
      <c r="N330356" s="10"/>
    </row>
    <row r="330357" spans="14:14">
      <c r="N330357" s="10"/>
    </row>
    <row r="330358" spans="14:14">
      <c r="N330358" s="10"/>
    </row>
    <row r="330359" spans="14:14">
      <c r="N330359" s="10"/>
    </row>
    <row r="330360" spans="14:14">
      <c r="N330360" s="10"/>
    </row>
    <row r="330361" spans="14:14">
      <c r="N330361" s="10"/>
    </row>
    <row r="330362" spans="14:14">
      <c r="N330362" s="10"/>
    </row>
    <row r="330363" spans="14:14">
      <c r="N330363" s="10"/>
    </row>
    <row r="330364" spans="14:14">
      <c r="N330364" s="10"/>
    </row>
    <row r="330365" spans="14:14">
      <c r="N330365" s="10"/>
    </row>
    <row r="330366" spans="14:14">
      <c r="N330366" s="10"/>
    </row>
    <row r="330367" spans="14:14">
      <c r="N330367" s="10"/>
    </row>
    <row r="330368" spans="14:14">
      <c r="N330368" s="10"/>
    </row>
    <row r="330369" spans="14:14">
      <c r="N330369" s="10"/>
    </row>
    <row r="330370" spans="14:14">
      <c r="N330370" s="10"/>
    </row>
    <row r="330371" spans="14:14">
      <c r="N330371" s="10"/>
    </row>
    <row r="330372" spans="14:14">
      <c r="N330372" s="10"/>
    </row>
    <row r="330373" spans="14:14">
      <c r="N330373" s="10"/>
    </row>
    <row r="330374" spans="14:14">
      <c r="N330374" s="10"/>
    </row>
    <row r="330375" spans="14:14">
      <c r="N330375" s="10"/>
    </row>
    <row r="330376" spans="14:14">
      <c r="N330376" s="10"/>
    </row>
    <row r="330377" spans="14:14">
      <c r="N330377" s="10"/>
    </row>
    <row r="330378" spans="14:14">
      <c r="N330378" s="10"/>
    </row>
    <row r="330379" spans="14:14">
      <c r="N330379" s="10"/>
    </row>
    <row r="330380" spans="14:14">
      <c r="N330380" s="10"/>
    </row>
    <row r="330381" spans="14:14">
      <c r="N330381" s="10"/>
    </row>
    <row r="330382" spans="14:14">
      <c r="N330382" s="10"/>
    </row>
    <row r="330383" spans="14:14">
      <c r="N330383" s="10"/>
    </row>
    <row r="330384" spans="14:14">
      <c r="N330384" s="10"/>
    </row>
    <row r="330385" spans="14:14">
      <c r="N330385" s="10"/>
    </row>
    <row r="330386" spans="14:14">
      <c r="N330386" s="10"/>
    </row>
    <row r="330387" spans="14:14">
      <c r="N330387" s="10"/>
    </row>
    <row r="330388" spans="14:14">
      <c r="N330388" s="10"/>
    </row>
    <row r="330389" spans="14:14">
      <c r="N330389" s="10"/>
    </row>
    <row r="330390" spans="14:14">
      <c r="N330390" s="10"/>
    </row>
    <row r="330391" spans="14:14">
      <c r="N330391" s="10"/>
    </row>
    <row r="330392" spans="14:14">
      <c r="N330392" s="10"/>
    </row>
    <row r="330393" spans="14:14">
      <c r="N330393" s="10"/>
    </row>
    <row r="330394" spans="14:14">
      <c r="N330394" s="10"/>
    </row>
    <row r="330395" spans="14:14">
      <c r="N330395" s="10"/>
    </row>
    <row r="330396" spans="14:14">
      <c r="N330396" s="10"/>
    </row>
    <row r="330397" spans="14:14">
      <c r="N330397" s="10"/>
    </row>
    <row r="330398" spans="14:14">
      <c r="N330398" s="10"/>
    </row>
    <row r="330399" spans="14:14">
      <c r="N330399" s="10"/>
    </row>
    <row r="330400" spans="14:14">
      <c r="N330400" s="10"/>
    </row>
    <row r="330401" spans="14:14">
      <c r="N330401" s="10"/>
    </row>
    <row r="330402" spans="14:14">
      <c r="N330402" s="10"/>
    </row>
    <row r="330403" spans="14:14">
      <c r="N330403" s="10"/>
    </row>
    <row r="330404" spans="14:14">
      <c r="N330404" s="10"/>
    </row>
    <row r="330405" spans="14:14">
      <c r="N330405" s="10"/>
    </row>
    <row r="330406" spans="14:14">
      <c r="N330406" s="10"/>
    </row>
    <row r="330407" spans="14:14">
      <c r="N330407" s="10"/>
    </row>
    <row r="330408" spans="14:14">
      <c r="N330408" s="10"/>
    </row>
    <row r="330409" spans="14:14">
      <c r="N330409" s="10"/>
    </row>
    <row r="330410" spans="14:14">
      <c r="N330410" s="10"/>
    </row>
    <row r="330411" spans="14:14">
      <c r="N330411" s="10"/>
    </row>
    <row r="330412" spans="14:14">
      <c r="N330412" s="10"/>
    </row>
    <row r="330413" spans="14:14">
      <c r="N330413" s="10"/>
    </row>
    <row r="330414" spans="14:14">
      <c r="N330414" s="10"/>
    </row>
    <row r="330415" spans="14:14">
      <c r="N330415" s="10"/>
    </row>
    <row r="330416" spans="14:14">
      <c r="N330416" s="10"/>
    </row>
    <row r="330417" spans="14:14">
      <c r="N330417" s="10"/>
    </row>
    <row r="330418" spans="14:14">
      <c r="N330418" s="10"/>
    </row>
    <row r="330419" spans="14:14">
      <c r="N330419" s="10"/>
    </row>
    <row r="330420" spans="14:14">
      <c r="N330420" s="10"/>
    </row>
    <row r="330421" spans="14:14">
      <c r="N330421" s="10"/>
    </row>
    <row r="330422" spans="14:14">
      <c r="N330422" s="10"/>
    </row>
    <row r="330423" spans="14:14">
      <c r="N330423" s="10"/>
    </row>
    <row r="330424" spans="14:14">
      <c r="N330424" s="10"/>
    </row>
    <row r="330425" spans="14:14">
      <c r="N330425" s="10"/>
    </row>
    <row r="330426" spans="14:14">
      <c r="N330426" s="10"/>
    </row>
    <row r="330427" spans="14:14">
      <c r="N330427" s="10"/>
    </row>
    <row r="330428" spans="14:14">
      <c r="N330428" s="10"/>
    </row>
    <row r="330429" spans="14:14">
      <c r="N330429" s="10"/>
    </row>
    <row r="330430" spans="14:14">
      <c r="N330430" s="10"/>
    </row>
    <row r="330431" spans="14:14">
      <c r="N330431" s="10"/>
    </row>
    <row r="330432" spans="14:14">
      <c r="N330432" s="10"/>
    </row>
    <row r="330433" spans="14:14">
      <c r="N330433" s="10"/>
    </row>
    <row r="330434" spans="14:14">
      <c r="N330434" s="10"/>
    </row>
    <row r="330435" spans="14:14">
      <c r="N330435" s="10"/>
    </row>
    <row r="330436" spans="14:14">
      <c r="N330436" s="10"/>
    </row>
    <row r="330437" spans="14:14">
      <c r="N330437" s="10"/>
    </row>
    <row r="330438" spans="14:14">
      <c r="N330438" s="10"/>
    </row>
    <row r="330439" spans="14:14">
      <c r="N330439" s="10"/>
    </row>
    <row r="330440" spans="14:14">
      <c r="N330440" s="10"/>
    </row>
    <row r="330441" spans="14:14">
      <c r="N330441" s="10"/>
    </row>
    <row r="330442" spans="14:14">
      <c r="N330442" s="10"/>
    </row>
    <row r="330443" spans="14:14">
      <c r="N330443" s="10"/>
    </row>
    <row r="330444" spans="14:14">
      <c r="N330444" s="10"/>
    </row>
    <row r="330445" spans="14:14">
      <c r="N330445" s="10"/>
    </row>
    <row r="330446" spans="14:14">
      <c r="N330446" s="10"/>
    </row>
    <row r="330447" spans="14:14">
      <c r="N330447" s="10"/>
    </row>
    <row r="330448" spans="14:14">
      <c r="N330448" s="10"/>
    </row>
    <row r="330449" spans="14:14">
      <c r="N330449" s="10"/>
    </row>
    <row r="330450" spans="14:14">
      <c r="N330450" s="10"/>
    </row>
    <row r="330451" spans="14:14">
      <c r="N330451" s="10"/>
    </row>
    <row r="330452" spans="14:14">
      <c r="N330452" s="10"/>
    </row>
    <row r="330453" spans="14:14">
      <c r="N330453" s="10"/>
    </row>
    <row r="330454" spans="14:14">
      <c r="N330454" s="10"/>
    </row>
    <row r="330455" spans="14:14">
      <c r="N330455" s="10"/>
    </row>
    <row r="330456" spans="14:14">
      <c r="N330456" s="10"/>
    </row>
    <row r="330457" spans="14:14">
      <c r="N330457" s="10"/>
    </row>
    <row r="330458" spans="14:14">
      <c r="N330458" s="10"/>
    </row>
    <row r="330459" spans="14:14">
      <c r="N330459" s="10"/>
    </row>
    <row r="330460" spans="14:14">
      <c r="N330460" s="10"/>
    </row>
    <row r="330461" spans="14:14">
      <c r="N330461" s="10"/>
    </row>
    <row r="330462" spans="14:14">
      <c r="N330462" s="10"/>
    </row>
    <row r="330463" spans="14:14">
      <c r="N330463" s="10"/>
    </row>
    <row r="330464" spans="14:14">
      <c r="N330464" s="10"/>
    </row>
    <row r="330465" spans="14:14">
      <c r="N330465" s="10"/>
    </row>
    <row r="330466" spans="14:14">
      <c r="N330466" s="10"/>
    </row>
    <row r="330467" spans="14:14">
      <c r="N330467" s="10"/>
    </row>
    <row r="330468" spans="14:14">
      <c r="N330468" s="10"/>
    </row>
    <row r="330469" spans="14:14">
      <c r="N330469" s="10"/>
    </row>
    <row r="330470" spans="14:14">
      <c r="N330470" s="10"/>
    </row>
    <row r="330471" spans="14:14">
      <c r="N330471" s="10"/>
    </row>
    <row r="330472" spans="14:14">
      <c r="N330472" s="10"/>
    </row>
    <row r="330473" spans="14:14">
      <c r="N330473" s="10"/>
    </row>
    <row r="330474" spans="14:14">
      <c r="N330474" s="10"/>
    </row>
    <row r="330475" spans="14:14">
      <c r="N330475" s="10"/>
    </row>
    <row r="330476" spans="14:14">
      <c r="N330476" s="10"/>
    </row>
    <row r="330477" spans="14:14">
      <c r="N330477" s="10"/>
    </row>
    <row r="330478" spans="14:14">
      <c r="N330478" s="10"/>
    </row>
    <row r="330479" spans="14:14">
      <c r="N330479" s="10"/>
    </row>
    <row r="330480" spans="14:14">
      <c r="N330480" s="10"/>
    </row>
    <row r="330481" spans="14:14">
      <c r="N330481" s="10"/>
    </row>
    <row r="330482" spans="14:14">
      <c r="N330482" s="10"/>
    </row>
    <row r="330483" spans="14:14">
      <c r="N330483" s="10"/>
    </row>
    <row r="330484" spans="14:14">
      <c r="N330484" s="10"/>
    </row>
    <row r="330485" spans="14:14">
      <c r="N330485" s="10"/>
    </row>
    <row r="330486" spans="14:14">
      <c r="N330486" s="10"/>
    </row>
    <row r="330487" spans="14:14">
      <c r="N330487" s="10"/>
    </row>
    <row r="330488" spans="14:14">
      <c r="N330488" s="10"/>
    </row>
    <row r="330489" spans="14:14">
      <c r="N330489" s="10"/>
    </row>
    <row r="330490" spans="14:14">
      <c r="N330490" s="10"/>
    </row>
    <row r="330491" spans="14:14">
      <c r="N330491" s="10"/>
    </row>
    <row r="330492" spans="14:14">
      <c r="N330492" s="10"/>
    </row>
    <row r="330493" spans="14:14">
      <c r="N330493" s="10"/>
    </row>
    <row r="330494" spans="14:14">
      <c r="N330494" s="10"/>
    </row>
    <row r="330495" spans="14:14">
      <c r="N330495" s="10"/>
    </row>
    <row r="330496" spans="14:14">
      <c r="N330496" s="10"/>
    </row>
    <row r="330497" spans="14:14">
      <c r="N330497" s="10"/>
    </row>
    <row r="330498" spans="14:14">
      <c r="N330498" s="10"/>
    </row>
    <row r="330499" spans="14:14">
      <c r="N330499" s="10"/>
    </row>
    <row r="330500" spans="14:14">
      <c r="N330500" s="10"/>
    </row>
    <row r="330501" spans="14:14">
      <c r="N330501" s="10"/>
    </row>
    <row r="330502" spans="14:14">
      <c r="N330502" s="10"/>
    </row>
    <row r="330503" spans="14:14">
      <c r="N330503" s="10"/>
    </row>
    <row r="330504" spans="14:14">
      <c r="N330504" s="10"/>
    </row>
    <row r="330505" spans="14:14">
      <c r="N330505" s="10"/>
    </row>
    <row r="330506" spans="14:14">
      <c r="N330506" s="10"/>
    </row>
    <row r="330507" spans="14:14">
      <c r="N330507" s="10"/>
    </row>
    <row r="330508" spans="14:14">
      <c r="N330508" s="10"/>
    </row>
    <row r="330509" spans="14:14">
      <c r="N330509" s="10"/>
    </row>
    <row r="330510" spans="14:14">
      <c r="N330510" s="10"/>
    </row>
    <row r="330511" spans="14:14">
      <c r="N330511" s="10"/>
    </row>
    <row r="330512" spans="14:14">
      <c r="N330512" s="10"/>
    </row>
    <row r="330513" spans="14:14">
      <c r="N330513" s="10"/>
    </row>
    <row r="330514" spans="14:14">
      <c r="N330514" s="10"/>
    </row>
    <row r="330515" spans="14:14">
      <c r="N330515" s="10"/>
    </row>
    <row r="330516" spans="14:14">
      <c r="N330516" s="10"/>
    </row>
    <row r="330517" spans="14:14">
      <c r="N330517" s="10"/>
    </row>
    <row r="330518" spans="14:14">
      <c r="N330518" s="10"/>
    </row>
    <row r="330519" spans="14:14">
      <c r="N330519" s="10"/>
    </row>
    <row r="330520" spans="14:14">
      <c r="N330520" s="10"/>
    </row>
    <row r="330521" spans="14:14">
      <c r="N330521" s="10"/>
    </row>
    <row r="330522" spans="14:14">
      <c r="N330522" s="10"/>
    </row>
    <row r="330523" spans="14:14">
      <c r="N330523" s="10"/>
    </row>
    <row r="330524" spans="14:14">
      <c r="N330524" s="10"/>
    </row>
    <row r="330525" spans="14:14">
      <c r="N330525" s="10"/>
    </row>
    <row r="330526" spans="14:14">
      <c r="N330526" s="10"/>
    </row>
    <row r="330527" spans="14:14">
      <c r="N330527" s="10"/>
    </row>
    <row r="330528" spans="14:14">
      <c r="N330528" s="10"/>
    </row>
    <row r="330529" spans="14:14">
      <c r="N330529" s="10"/>
    </row>
    <row r="330530" spans="14:14">
      <c r="N330530" s="10"/>
    </row>
    <row r="330531" spans="14:14">
      <c r="N330531" s="10"/>
    </row>
    <row r="330532" spans="14:14">
      <c r="N330532" s="10"/>
    </row>
    <row r="330533" spans="14:14">
      <c r="N330533" s="10"/>
    </row>
    <row r="330534" spans="14:14">
      <c r="N330534" s="10"/>
    </row>
    <row r="330535" spans="14:14">
      <c r="N330535" s="10"/>
    </row>
    <row r="330536" spans="14:14">
      <c r="N330536" s="10"/>
    </row>
    <row r="330537" spans="14:14">
      <c r="N330537" s="10"/>
    </row>
    <row r="330538" spans="14:14">
      <c r="N330538" s="10"/>
    </row>
    <row r="330539" spans="14:14">
      <c r="N330539" s="10"/>
    </row>
    <row r="330540" spans="14:14">
      <c r="N330540" s="10"/>
    </row>
    <row r="330541" spans="14:14">
      <c r="N330541" s="10"/>
    </row>
    <row r="330542" spans="14:14">
      <c r="N330542" s="10"/>
    </row>
    <row r="330543" spans="14:14">
      <c r="N330543" s="10"/>
    </row>
    <row r="330544" spans="14:14">
      <c r="N330544" s="10"/>
    </row>
    <row r="330545" spans="14:14">
      <c r="N330545" s="10"/>
    </row>
    <row r="330546" spans="14:14">
      <c r="N330546" s="10"/>
    </row>
    <row r="330547" spans="14:14">
      <c r="N330547" s="10"/>
    </row>
    <row r="330548" spans="14:14">
      <c r="N330548" s="10"/>
    </row>
    <row r="330549" spans="14:14">
      <c r="N330549" s="10"/>
    </row>
    <row r="330550" spans="14:14">
      <c r="N330550" s="10"/>
    </row>
    <row r="330551" spans="14:14">
      <c r="N330551" s="10"/>
    </row>
    <row r="330552" spans="14:14">
      <c r="N330552" s="10"/>
    </row>
    <row r="330553" spans="14:14">
      <c r="N330553" s="10"/>
    </row>
    <row r="330554" spans="14:14">
      <c r="N330554" s="10"/>
    </row>
    <row r="330555" spans="14:14">
      <c r="N330555" s="10"/>
    </row>
    <row r="330556" spans="14:14">
      <c r="N330556" s="10"/>
    </row>
    <row r="330557" spans="14:14">
      <c r="N330557" s="10"/>
    </row>
    <row r="330558" spans="14:14">
      <c r="N330558" s="10"/>
    </row>
    <row r="330559" spans="14:14">
      <c r="N330559" s="10"/>
    </row>
    <row r="330560" spans="14:14">
      <c r="N330560" s="10"/>
    </row>
    <row r="330561" spans="14:14">
      <c r="N330561" s="10"/>
    </row>
    <row r="330562" spans="14:14">
      <c r="N330562" s="10"/>
    </row>
    <row r="330563" spans="14:14">
      <c r="N330563" s="10"/>
    </row>
    <row r="330564" spans="14:14">
      <c r="N330564" s="10"/>
    </row>
    <row r="330565" spans="14:14">
      <c r="N330565" s="10"/>
    </row>
    <row r="330566" spans="14:14">
      <c r="N330566" s="10"/>
    </row>
    <row r="330567" spans="14:14">
      <c r="N330567" s="10"/>
    </row>
    <row r="330568" spans="14:14">
      <c r="N330568" s="10"/>
    </row>
    <row r="330569" spans="14:14">
      <c r="N330569" s="10"/>
    </row>
    <row r="330570" spans="14:14">
      <c r="N330570" s="10"/>
    </row>
    <row r="330571" spans="14:14">
      <c r="N330571" s="10"/>
    </row>
    <row r="330572" spans="14:14">
      <c r="N330572" s="10"/>
    </row>
    <row r="330573" spans="14:14">
      <c r="N330573" s="10"/>
    </row>
    <row r="330574" spans="14:14">
      <c r="N330574" s="10"/>
    </row>
    <row r="330575" spans="14:14">
      <c r="N330575" s="10"/>
    </row>
    <row r="330576" spans="14:14">
      <c r="N330576" s="10"/>
    </row>
    <row r="330577" spans="14:14">
      <c r="N330577" s="10"/>
    </row>
    <row r="330578" spans="14:14">
      <c r="N330578" s="10"/>
    </row>
    <row r="330579" spans="14:14">
      <c r="N330579" s="10"/>
    </row>
    <row r="330580" spans="14:14">
      <c r="N330580" s="10"/>
    </row>
    <row r="330581" spans="14:14">
      <c r="N330581" s="10"/>
    </row>
    <row r="330582" spans="14:14">
      <c r="N330582" s="10"/>
    </row>
    <row r="330583" spans="14:14">
      <c r="N330583" s="10"/>
    </row>
    <row r="330584" spans="14:14">
      <c r="N330584" s="10"/>
    </row>
    <row r="330585" spans="14:14">
      <c r="N330585" s="10"/>
    </row>
    <row r="330586" spans="14:14">
      <c r="N330586" s="10"/>
    </row>
    <row r="330587" spans="14:14">
      <c r="N330587" s="10"/>
    </row>
    <row r="330588" spans="14:14">
      <c r="N330588" s="10"/>
    </row>
    <row r="330589" spans="14:14">
      <c r="N330589" s="10"/>
    </row>
    <row r="330590" spans="14:14">
      <c r="N330590" s="10"/>
    </row>
    <row r="330591" spans="14:14">
      <c r="N330591" s="10"/>
    </row>
    <row r="330592" spans="14:14">
      <c r="N330592" s="10"/>
    </row>
    <row r="330593" spans="14:14">
      <c r="N330593" s="10"/>
    </row>
    <row r="330594" spans="14:14">
      <c r="N330594" s="10"/>
    </row>
    <row r="330595" spans="14:14">
      <c r="N330595" s="10"/>
    </row>
    <row r="330596" spans="14:14">
      <c r="N330596" s="10"/>
    </row>
    <row r="330597" spans="14:14">
      <c r="N330597" s="10"/>
    </row>
    <row r="330598" spans="14:14">
      <c r="N330598" s="10"/>
    </row>
    <row r="330599" spans="14:14">
      <c r="N330599" s="10"/>
    </row>
    <row r="330600" spans="14:14">
      <c r="N330600" s="10"/>
    </row>
    <row r="330601" spans="14:14">
      <c r="N330601" s="10"/>
    </row>
    <row r="330602" spans="14:14">
      <c r="N330602" s="10"/>
    </row>
    <row r="330603" spans="14:14">
      <c r="N330603" s="10"/>
    </row>
    <row r="330604" spans="14:14">
      <c r="N330604" s="10"/>
    </row>
    <row r="330605" spans="14:14">
      <c r="N330605" s="10"/>
    </row>
    <row r="330606" spans="14:14">
      <c r="N330606" s="10"/>
    </row>
    <row r="330607" spans="14:14">
      <c r="N330607" s="10"/>
    </row>
    <row r="330608" spans="14:14">
      <c r="N330608" s="10"/>
    </row>
    <row r="330609" spans="14:14">
      <c r="N330609" s="10"/>
    </row>
    <row r="330610" spans="14:14">
      <c r="N330610" s="10"/>
    </row>
    <row r="330611" spans="14:14">
      <c r="N330611" s="10"/>
    </row>
    <row r="330612" spans="14:14">
      <c r="N330612" s="10"/>
    </row>
    <row r="330613" spans="14:14">
      <c r="N330613" s="10"/>
    </row>
    <row r="330614" spans="14:14">
      <c r="N330614" s="10"/>
    </row>
    <row r="330615" spans="14:14">
      <c r="N330615" s="10"/>
    </row>
    <row r="330616" spans="14:14">
      <c r="N330616" s="10"/>
    </row>
    <row r="330617" spans="14:14">
      <c r="N330617" s="10"/>
    </row>
    <row r="330618" spans="14:14">
      <c r="N330618" s="10"/>
    </row>
    <row r="330619" spans="14:14">
      <c r="N330619" s="10"/>
    </row>
    <row r="330620" spans="14:14">
      <c r="N330620" s="10"/>
    </row>
    <row r="330621" spans="14:14">
      <c r="N330621" s="10"/>
    </row>
    <row r="330622" spans="14:14">
      <c r="N330622" s="10"/>
    </row>
    <row r="330623" spans="14:14">
      <c r="N330623" s="10"/>
    </row>
    <row r="330624" spans="14:14">
      <c r="N330624" s="10"/>
    </row>
    <row r="330625" spans="14:14">
      <c r="N330625" s="10"/>
    </row>
    <row r="330626" spans="14:14">
      <c r="N330626" s="10"/>
    </row>
    <row r="330627" spans="14:14">
      <c r="N330627" s="10"/>
    </row>
    <row r="330628" spans="14:14">
      <c r="N330628" s="10"/>
    </row>
    <row r="330629" spans="14:14">
      <c r="N330629" s="10"/>
    </row>
    <row r="330630" spans="14:14">
      <c r="N330630" s="10"/>
    </row>
    <row r="330631" spans="14:14">
      <c r="N330631" s="10"/>
    </row>
    <row r="330632" spans="14:14">
      <c r="N330632" s="10"/>
    </row>
    <row r="330633" spans="14:14">
      <c r="N330633" s="10"/>
    </row>
    <row r="330634" spans="14:14">
      <c r="N330634" s="10"/>
    </row>
    <row r="330635" spans="14:14">
      <c r="N330635" s="10"/>
    </row>
    <row r="330636" spans="14:14">
      <c r="N330636" s="10"/>
    </row>
    <row r="330637" spans="14:14">
      <c r="N330637" s="10"/>
    </row>
    <row r="330638" spans="14:14">
      <c r="N330638" s="10"/>
    </row>
    <row r="330639" spans="14:14">
      <c r="N330639" s="10"/>
    </row>
    <row r="330640" spans="14:14">
      <c r="N330640" s="10"/>
    </row>
    <row r="330641" spans="14:14">
      <c r="N330641" s="10"/>
    </row>
    <row r="330642" spans="14:14">
      <c r="N330642" s="10"/>
    </row>
    <row r="330643" spans="14:14">
      <c r="N330643" s="10"/>
    </row>
    <row r="330644" spans="14:14">
      <c r="N330644" s="10"/>
    </row>
    <row r="330645" spans="14:14">
      <c r="N330645" s="10"/>
    </row>
    <row r="330646" spans="14:14">
      <c r="N330646" s="10"/>
    </row>
    <row r="330647" spans="14:14">
      <c r="N330647" s="10"/>
    </row>
    <row r="330648" spans="14:14">
      <c r="N330648" s="10"/>
    </row>
    <row r="330649" spans="14:14">
      <c r="N330649" s="10"/>
    </row>
    <row r="330650" spans="14:14">
      <c r="N330650" s="10"/>
    </row>
    <row r="330651" spans="14:14">
      <c r="N330651" s="10"/>
    </row>
    <row r="330652" spans="14:14">
      <c r="N330652" s="10"/>
    </row>
    <row r="330653" spans="14:14">
      <c r="N330653" s="10"/>
    </row>
    <row r="330654" spans="14:14">
      <c r="N330654" s="10"/>
    </row>
    <row r="330655" spans="14:14">
      <c r="N330655" s="10"/>
    </row>
    <row r="330656" spans="14:14">
      <c r="N330656" s="10"/>
    </row>
    <row r="330657" spans="14:14">
      <c r="N330657" s="10"/>
    </row>
    <row r="330658" spans="14:14">
      <c r="N330658" s="10"/>
    </row>
    <row r="330659" spans="14:14">
      <c r="N330659" s="10"/>
    </row>
    <row r="330660" spans="14:14">
      <c r="N330660" s="10"/>
    </row>
    <row r="330661" spans="14:14">
      <c r="N330661" s="10"/>
    </row>
    <row r="330662" spans="14:14">
      <c r="N330662" s="10"/>
    </row>
    <row r="330663" spans="14:14">
      <c r="N330663" s="10"/>
    </row>
    <row r="330664" spans="14:14">
      <c r="N330664" s="10"/>
    </row>
    <row r="330665" spans="14:14">
      <c r="N330665" s="10"/>
    </row>
    <row r="330666" spans="14:14">
      <c r="N330666" s="10"/>
    </row>
    <row r="330667" spans="14:14">
      <c r="N330667" s="10"/>
    </row>
    <row r="330668" spans="14:14">
      <c r="N330668" s="10"/>
    </row>
    <row r="330669" spans="14:14">
      <c r="N330669" s="10"/>
    </row>
    <row r="330670" spans="14:14">
      <c r="N330670" s="10"/>
    </row>
    <row r="330671" spans="14:14">
      <c r="N330671" s="10"/>
    </row>
    <row r="330672" spans="14:14">
      <c r="N330672" s="10"/>
    </row>
    <row r="330673" spans="14:14">
      <c r="N330673" s="10"/>
    </row>
    <row r="330674" spans="14:14">
      <c r="N330674" s="10"/>
    </row>
    <row r="330675" spans="14:14">
      <c r="N330675" s="10"/>
    </row>
    <row r="330676" spans="14:14">
      <c r="N330676" s="10"/>
    </row>
    <row r="330677" spans="14:14">
      <c r="N330677" s="10"/>
    </row>
    <row r="330678" spans="14:14">
      <c r="N330678" s="10"/>
    </row>
    <row r="330679" spans="14:14">
      <c r="N330679" s="10"/>
    </row>
    <row r="330680" spans="14:14">
      <c r="N330680" s="10"/>
    </row>
    <row r="330681" spans="14:14">
      <c r="N330681" s="10"/>
    </row>
    <row r="330682" spans="14:14">
      <c r="N330682" s="10"/>
    </row>
    <row r="330683" spans="14:14">
      <c r="N330683" s="10"/>
    </row>
    <row r="330684" spans="14:14">
      <c r="N330684" s="10"/>
    </row>
    <row r="330685" spans="14:14">
      <c r="N330685" s="10"/>
    </row>
    <row r="330686" spans="14:14">
      <c r="N330686" s="10"/>
    </row>
    <row r="330687" spans="14:14">
      <c r="N330687" s="10"/>
    </row>
    <row r="330688" spans="14:14">
      <c r="N330688" s="10"/>
    </row>
    <row r="330689" spans="14:14">
      <c r="N330689" s="10"/>
    </row>
    <row r="330690" spans="14:14">
      <c r="N330690" s="10"/>
    </row>
    <row r="330691" spans="14:14">
      <c r="N330691" s="10"/>
    </row>
    <row r="330692" spans="14:14">
      <c r="N330692" s="10"/>
    </row>
    <row r="330693" spans="14:14">
      <c r="N330693" s="10"/>
    </row>
    <row r="330694" spans="14:14">
      <c r="N330694" s="10"/>
    </row>
    <row r="330695" spans="14:14">
      <c r="N330695" s="10"/>
    </row>
    <row r="330696" spans="14:14">
      <c r="N330696" s="10"/>
    </row>
    <row r="330697" spans="14:14">
      <c r="N330697" s="10"/>
    </row>
    <row r="330698" spans="14:14">
      <c r="N330698" s="10"/>
    </row>
    <row r="330699" spans="14:14">
      <c r="N330699" s="10"/>
    </row>
    <row r="330700" spans="14:14">
      <c r="N330700" s="10"/>
    </row>
    <row r="330701" spans="14:14">
      <c r="N330701" s="10"/>
    </row>
    <row r="330702" spans="14:14">
      <c r="N330702" s="10"/>
    </row>
    <row r="330703" spans="14:14">
      <c r="N330703" s="10"/>
    </row>
    <row r="330704" spans="14:14">
      <c r="N330704" s="10"/>
    </row>
    <row r="330705" spans="14:14">
      <c r="N330705" s="10"/>
    </row>
    <row r="330706" spans="14:14">
      <c r="N330706" s="10"/>
    </row>
    <row r="330707" spans="14:14">
      <c r="N330707" s="10"/>
    </row>
    <row r="330708" spans="14:14">
      <c r="N330708" s="10"/>
    </row>
    <row r="330709" spans="14:14">
      <c r="N330709" s="10"/>
    </row>
    <row r="330710" spans="14:14">
      <c r="N330710" s="10"/>
    </row>
    <row r="330711" spans="14:14">
      <c r="N330711" s="10"/>
    </row>
    <row r="330712" spans="14:14">
      <c r="N330712" s="10"/>
    </row>
    <row r="330713" spans="14:14">
      <c r="N330713" s="10"/>
    </row>
    <row r="330714" spans="14:14">
      <c r="N330714" s="10"/>
    </row>
    <row r="330715" spans="14:14">
      <c r="N330715" s="10"/>
    </row>
    <row r="330716" spans="14:14">
      <c r="N330716" s="10"/>
    </row>
    <row r="330717" spans="14:14">
      <c r="N330717" s="10"/>
    </row>
    <row r="330718" spans="14:14">
      <c r="N330718" s="10"/>
    </row>
    <row r="330719" spans="14:14">
      <c r="N330719" s="10"/>
    </row>
    <row r="330720" spans="14:14">
      <c r="N330720" s="10"/>
    </row>
    <row r="330721" spans="14:14">
      <c r="N330721" s="10"/>
    </row>
    <row r="330722" spans="14:14">
      <c r="N330722" s="10"/>
    </row>
    <row r="330723" spans="14:14">
      <c r="N330723" s="10"/>
    </row>
    <row r="330724" spans="14:14">
      <c r="N330724" s="10"/>
    </row>
    <row r="330725" spans="14:14">
      <c r="N330725" s="10"/>
    </row>
    <row r="330726" spans="14:14">
      <c r="N330726" s="10"/>
    </row>
    <row r="330727" spans="14:14">
      <c r="N330727" s="10"/>
    </row>
    <row r="330728" spans="14:14">
      <c r="N330728" s="10"/>
    </row>
    <row r="330729" spans="14:14">
      <c r="N330729" s="10"/>
    </row>
    <row r="330730" spans="14:14">
      <c r="N330730" s="10"/>
    </row>
    <row r="330731" spans="14:14">
      <c r="N330731" s="10"/>
    </row>
    <row r="330732" spans="14:14">
      <c r="N330732" s="10"/>
    </row>
    <row r="330733" spans="14:14">
      <c r="N330733" s="10"/>
    </row>
    <row r="330734" spans="14:14">
      <c r="N330734" s="10"/>
    </row>
    <row r="330735" spans="14:14">
      <c r="N330735" s="10"/>
    </row>
    <row r="330736" spans="14:14">
      <c r="N330736" s="10"/>
    </row>
    <row r="330737" spans="14:14">
      <c r="N330737" s="10"/>
    </row>
    <row r="330738" spans="14:14">
      <c r="N330738" s="10"/>
    </row>
    <row r="330739" spans="14:14">
      <c r="N330739" s="10"/>
    </row>
    <row r="330740" spans="14:14">
      <c r="N330740" s="10"/>
    </row>
    <row r="330741" spans="14:14">
      <c r="N330741" s="10"/>
    </row>
    <row r="330742" spans="14:14">
      <c r="N330742" s="10"/>
    </row>
    <row r="330743" spans="14:14">
      <c r="N330743" s="10"/>
    </row>
    <row r="330744" spans="14:14">
      <c r="N330744" s="10"/>
    </row>
    <row r="330745" spans="14:14">
      <c r="N330745" s="10"/>
    </row>
    <row r="330746" spans="14:14">
      <c r="N330746" s="10"/>
    </row>
    <row r="330747" spans="14:14">
      <c r="N330747" s="10"/>
    </row>
    <row r="330748" spans="14:14">
      <c r="N330748" s="10"/>
    </row>
    <row r="330749" spans="14:14">
      <c r="N330749" s="10"/>
    </row>
    <row r="330750" spans="14:14">
      <c r="N330750" s="10"/>
    </row>
    <row r="330751" spans="14:14">
      <c r="N330751" s="10"/>
    </row>
    <row r="330752" spans="14:14">
      <c r="N330752" s="10"/>
    </row>
    <row r="330753" spans="14:14">
      <c r="N330753" s="10"/>
    </row>
    <row r="330754" spans="14:14">
      <c r="N330754" s="10"/>
    </row>
    <row r="330755" spans="14:14">
      <c r="N330755" s="10"/>
    </row>
    <row r="330756" spans="14:14">
      <c r="N330756" s="10"/>
    </row>
    <row r="330757" spans="14:14">
      <c r="N330757" s="10"/>
    </row>
    <row r="330758" spans="14:14">
      <c r="N330758" s="10"/>
    </row>
    <row r="330759" spans="14:14">
      <c r="N330759" s="10"/>
    </row>
    <row r="330760" spans="14:14">
      <c r="N330760" s="10"/>
    </row>
    <row r="330761" spans="14:14">
      <c r="N330761" s="10"/>
    </row>
    <row r="330762" spans="14:14">
      <c r="N330762" s="10"/>
    </row>
    <row r="330763" spans="14:14">
      <c r="N330763" s="10"/>
    </row>
    <row r="330764" spans="14:14">
      <c r="N330764" s="10"/>
    </row>
    <row r="330765" spans="14:14">
      <c r="N330765" s="10"/>
    </row>
    <row r="330766" spans="14:14">
      <c r="N330766" s="10"/>
    </row>
    <row r="330767" spans="14:14">
      <c r="N330767" s="10"/>
    </row>
    <row r="330768" spans="14:14">
      <c r="N330768" s="10"/>
    </row>
    <row r="330769" spans="14:14">
      <c r="N330769" s="10"/>
    </row>
    <row r="330770" spans="14:14">
      <c r="N330770" s="10"/>
    </row>
    <row r="330771" spans="14:14">
      <c r="N330771" s="10"/>
    </row>
    <row r="330772" spans="14:14">
      <c r="N330772" s="10"/>
    </row>
    <row r="330773" spans="14:14">
      <c r="N330773" s="10"/>
    </row>
    <row r="330774" spans="14:14">
      <c r="N330774" s="10"/>
    </row>
    <row r="330775" spans="14:14">
      <c r="N330775" s="10"/>
    </row>
    <row r="330776" spans="14:14">
      <c r="N330776" s="10"/>
    </row>
    <row r="330777" spans="14:14">
      <c r="N330777" s="10"/>
    </row>
    <row r="330778" spans="14:14">
      <c r="N330778" s="10"/>
    </row>
    <row r="330779" spans="14:14">
      <c r="N330779" s="10"/>
    </row>
    <row r="330780" spans="14:14">
      <c r="N330780" s="10"/>
    </row>
    <row r="330781" spans="14:14">
      <c r="N330781" s="10"/>
    </row>
    <row r="330782" spans="14:14">
      <c r="N330782" s="10"/>
    </row>
    <row r="330783" spans="14:14">
      <c r="N330783" s="10"/>
    </row>
    <row r="330784" spans="14:14">
      <c r="N330784" s="10"/>
    </row>
    <row r="330785" spans="14:14">
      <c r="N330785" s="10"/>
    </row>
    <row r="330786" spans="14:14">
      <c r="N330786" s="10"/>
    </row>
    <row r="330787" spans="14:14">
      <c r="N330787" s="10"/>
    </row>
    <row r="330788" spans="14:14">
      <c r="N330788" s="10"/>
    </row>
    <row r="330789" spans="14:14">
      <c r="N330789" s="10"/>
    </row>
    <row r="330790" spans="14:14">
      <c r="N330790" s="10"/>
    </row>
    <row r="330791" spans="14:14">
      <c r="N330791" s="10"/>
    </row>
    <row r="330792" spans="14:14">
      <c r="N330792" s="10"/>
    </row>
    <row r="330793" spans="14:14">
      <c r="N330793" s="10"/>
    </row>
    <row r="330794" spans="14:14">
      <c r="N330794" s="10"/>
    </row>
    <row r="330795" spans="14:14">
      <c r="N330795" s="10"/>
    </row>
    <row r="330796" spans="14:14">
      <c r="N330796" s="10"/>
    </row>
    <row r="330797" spans="14:14">
      <c r="N330797" s="10"/>
    </row>
    <row r="330798" spans="14:14">
      <c r="N330798" s="10"/>
    </row>
    <row r="330799" spans="14:14">
      <c r="N330799" s="10"/>
    </row>
    <row r="330800" spans="14:14">
      <c r="N330800" s="10"/>
    </row>
    <row r="330801" spans="14:14">
      <c r="N330801" s="10"/>
    </row>
    <row r="330802" spans="14:14">
      <c r="N330802" s="10"/>
    </row>
    <row r="330803" spans="14:14">
      <c r="N330803" s="10"/>
    </row>
    <row r="330804" spans="14:14">
      <c r="N330804" s="10"/>
    </row>
    <row r="330805" spans="14:14">
      <c r="N330805" s="10"/>
    </row>
    <row r="330806" spans="14:14">
      <c r="N330806" s="10"/>
    </row>
    <row r="330807" spans="14:14">
      <c r="N330807" s="10"/>
    </row>
    <row r="330808" spans="14:14">
      <c r="N330808" s="10"/>
    </row>
    <row r="330809" spans="14:14">
      <c r="N330809" s="10"/>
    </row>
    <row r="330810" spans="14:14">
      <c r="N330810" s="10"/>
    </row>
    <row r="330811" spans="14:14">
      <c r="N330811" s="10"/>
    </row>
    <row r="330812" spans="14:14">
      <c r="N330812" s="10"/>
    </row>
    <row r="330813" spans="14:14">
      <c r="N330813" s="10"/>
    </row>
    <row r="330814" spans="14:14">
      <c r="N330814" s="10"/>
    </row>
    <row r="330815" spans="14:14">
      <c r="N330815" s="10"/>
    </row>
    <row r="330816" spans="14:14">
      <c r="N330816" s="10"/>
    </row>
    <row r="330817" spans="14:14">
      <c r="N330817" s="10"/>
    </row>
    <row r="330818" spans="14:14">
      <c r="N330818" s="10"/>
    </row>
    <row r="330819" spans="14:14">
      <c r="N330819" s="10"/>
    </row>
    <row r="330820" spans="14:14">
      <c r="N330820" s="10"/>
    </row>
    <row r="330821" spans="14:14">
      <c r="N330821" s="10"/>
    </row>
    <row r="330822" spans="14:14">
      <c r="N330822" s="10"/>
    </row>
    <row r="330823" spans="14:14">
      <c r="N330823" s="10"/>
    </row>
    <row r="330824" spans="14:14">
      <c r="N330824" s="10"/>
    </row>
    <row r="330825" spans="14:14">
      <c r="N330825" s="10"/>
    </row>
    <row r="330826" spans="14:14">
      <c r="N330826" s="10"/>
    </row>
    <row r="330827" spans="14:14">
      <c r="N330827" s="10"/>
    </row>
    <row r="330828" spans="14:14">
      <c r="N330828" s="10"/>
    </row>
    <row r="330829" spans="14:14">
      <c r="N330829" s="10"/>
    </row>
    <row r="330830" spans="14:14">
      <c r="N330830" s="10"/>
    </row>
    <row r="330831" spans="14:14">
      <c r="N330831" s="10"/>
    </row>
    <row r="330832" spans="14:14">
      <c r="N330832" s="10"/>
    </row>
    <row r="330833" spans="14:14">
      <c r="N330833" s="10"/>
    </row>
    <row r="330834" spans="14:14">
      <c r="N330834" s="10"/>
    </row>
    <row r="330835" spans="14:14">
      <c r="N330835" s="10"/>
    </row>
    <row r="330836" spans="14:14">
      <c r="N330836" s="10"/>
    </row>
    <row r="330837" spans="14:14">
      <c r="N330837" s="10"/>
    </row>
    <row r="330838" spans="14:14">
      <c r="N330838" s="10"/>
    </row>
    <row r="330839" spans="14:14">
      <c r="N330839" s="10"/>
    </row>
    <row r="330840" spans="14:14">
      <c r="N330840" s="10"/>
    </row>
    <row r="330841" spans="14:14">
      <c r="N330841" s="10"/>
    </row>
    <row r="330842" spans="14:14">
      <c r="N330842" s="10"/>
    </row>
    <row r="330843" spans="14:14">
      <c r="N330843" s="10"/>
    </row>
    <row r="330844" spans="14:14">
      <c r="N330844" s="10"/>
    </row>
    <row r="330845" spans="14:14">
      <c r="N330845" s="10"/>
    </row>
    <row r="330846" spans="14:14">
      <c r="N330846" s="10"/>
    </row>
    <row r="330847" spans="14:14">
      <c r="N330847" s="10"/>
    </row>
    <row r="330848" spans="14:14">
      <c r="N330848" s="10"/>
    </row>
    <row r="330849" spans="14:14">
      <c r="N330849" s="10"/>
    </row>
    <row r="330850" spans="14:14">
      <c r="N330850" s="10"/>
    </row>
    <row r="330851" spans="14:14">
      <c r="N330851" s="10"/>
    </row>
    <row r="330852" spans="14:14">
      <c r="N330852" s="10"/>
    </row>
    <row r="330853" spans="14:14">
      <c r="N330853" s="10"/>
    </row>
    <row r="330854" spans="14:14">
      <c r="N330854" s="10"/>
    </row>
    <row r="330855" spans="14:14">
      <c r="N330855" s="10"/>
    </row>
    <row r="330856" spans="14:14">
      <c r="N330856" s="10"/>
    </row>
    <row r="330857" spans="14:14">
      <c r="N330857" s="10"/>
    </row>
    <row r="330858" spans="14:14">
      <c r="N330858" s="10"/>
    </row>
    <row r="330859" spans="14:14">
      <c r="N330859" s="10"/>
    </row>
    <row r="330860" spans="14:14">
      <c r="N330860" s="10"/>
    </row>
    <row r="330861" spans="14:14">
      <c r="N330861" s="10"/>
    </row>
    <row r="330862" spans="14:14">
      <c r="N330862" s="10"/>
    </row>
    <row r="330863" spans="14:14">
      <c r="N330863" s="10"/>
    </row>
    <row r="330864" spans="14:14">
      <c r="N330864" s="10"/>
    </row>
    <row r="330865" spans="14:14">
      <c r="N330865" s="10"/>
    </row>
    <row r="330866" spans="14:14">
      <c r="N330866" s="10"/>
    </row>
    <row r="330867" spans="14:14">
      <c r="N330867" s="10"/>
    </row>
    <row r="330868" spans="14:14">
      <c r="N330868" s="10"/>
    </row>
    <row r="330869" spans="14:14">
      <c r="N330869" s="10"/>
    </row>
    <row r="330870" spans="14:14">
      <c r="N330870" s="10"/>
    </row>
    <row r="330871" spans="14:14">
      <c r="N330871" s="10"/>
    </row>
    <row r="330872" spans="14:14">
      <c r="N330872" s="10"/>
    </row>
    <row r="330873" spans="14:14">
      <c r="N330873" s="10"/>
    </row>
    <row r="330874" spans="14:14">
      <c r="N330874" s="10"/>
    </row>
    <row r="330875" spans="14:14">
      <c r="N330875" s="10"/>
    </row>
    <row r="330876" spans="14:14">
      <c r="N330876" s="10"/>
    </row>
    <row r="330877" spans="14:14">
      <c r="N330877" s="10"/>
    </row>
    <row r="330878" spans="14:14">
      <c r="N330878" s="10"/>
    </row>
    <row r="330879" spans="14:14">
      <c r="N330879" s="10"/>
    </row>
    <row r="330880" spans="14:14">
      <c r="N330880" s="10"/>
    </row>
    <row r="330881" spans="14:14">
      <c r="N330881" s="10"/>
    </row>
    <row r="330882" spans="14:14">
      <c r="N330882" s="10"/>
    </row>
    <row r="330883" spans="14:14">
      <c r="N330883" s="10"/>
    </row>
    <row r="330884" spans="14:14">
      <c r="N330884" s="10"/>
    </row>
    <row r="330885" spans="14:14">
      <c r="N330885" s="10"/>
    </row>
    <row r="330886" spans="14:14">
      <c r="N330886" s="10"/>
    </row>
    <row r="330887" spans="14:14">
      <c r="N330887" s="10"/>
    </row>
    <row r="330888" spans="14:14">
      <c r="N330888" s="10"/>
    </row>
    <row r="330889" spans="14:14">
      <c r="N330889" s="10"/>
    </row>
    <row r="330890" spans="14:14">
      <c r="N330890" s="10"/>
    </row>
    <row r="330891" spans="14:14">
      <c r="N330891" s="10"/>
    </row>
    <row r="330892" spans="14:14">
      <c r="N330892" s="10"/>
    </row>
    <row r="330893" spans="14:14">
      <c r="N330893" s="10"/>
    </row>
    <row r="330894" spans="14:14">
      <c r="N330894" s="10"/>
    </row>
    <row r="330895" spans="14:14">
      <c r="N330895" s="10"/>
    </row>
    <row r="330896" spans="14:14">
      <c r="N330896" s="10"/>
    </row>
    <row r="330897" spans="14:14">
      <c r="N330897" s="10"/>
    </row>
    <row r="330898" spans="14:14">
      <c r="N330898" s="10"/>
    </row>
    <row r="330899" spans="14:14">
      <c r="N330899" s="10"/>
    </row>
    <row r="330900" spans="14:14">
      <c r="N330900" s="10"/>
    </row>
    <row r="330901" spans="14:14">
      <c r="N330901" s="10"/>
    </row>
    <row r="330902" spans="14:14">
      <c r="N330902" s="10"/>
    </row>
    <row r="330903" spans="14:14">
      <c r="N330903" s="10"/>
    </row>
    <row r="330904" spans="14:14">
      <c r="N330904" s="10"/>
    </row>
    <row r="330905" spans="14:14">
      <c r="N330905" s="10"/>
    </row>
    <row r="330906" spans="14:14">
      <c r="N330906" s="10"/>
    </row>
    <row r="330907" spans="14:14">
      <c r="N330907" s="10"/>
    </row>
    <row r="330908" spans="14:14">
      <c r="N330908" s="10"/>
    </row>
    <row r="330909" spans="14:14">
      <c r="N330909" s="10"/>
    </row>
    <row r="330910" spans="14:14">
      <c r="N330910" s="10"/>
    </row>
    <row r="330911" spans="14:14">
      <c r="N330911" s="10"/>
    </row>
    <row r="330912" spans="14:14">
      <c r="N330912" s="10"/>
    </row>
    <row r="330913" spans="14:14">
      <c r="N330913" s="10"/>
    </row>
    <row r="330914" spans="14:14">
      <c r="N330914" s="10"/>
    </row>
    <row r="330915" spans="14:14">
      <c r="N330915" s="10"/>
    </row>
    <row r="330916" spans="14:14">
      <c r="N330916" s="10"/>
    </row>
    <row r="330917" spans="14:14">
      <c r="N330917" s="10"/>
    </row>
    <row r="330918" spans="14:14">
      <c r="N330918" s="10"/>
    </row>
    <row r="330919" spans="14:14">
      <c r="N330919" s="10"/>
    </row>
    <row r="330920" spans="14:14">
      <c r="N330920" s="10"/>
    </row>
    <row r="330921" spans="14:14">
      <c r="N330921" s="10"/>
    </row>
    <row r="330922" spans="14:14">
      <c r="N330922" s="10"/>
    </row>
    <row r="330923" spans="14:14">
      <c r="N330923" s="10"/>
    </row>
    <row r="330924" spans="14:14">
      <c r="N330924" s="10"/>
    </row>
    <row r="330925" spans="14:14">
      <c r="N330925" s="10"/>
    </row>
    <row r="330926" spans="14:14">
      <c r="N330926" s="10"/>
    </row>
    <row r="330927" spans="14:14">
      <c r="N330927" s="10"/>
    </row>
    <row r="330928" spans="14:14">
      <c r="N330928" s="10"/>
    </row>
    <row r="330929" spans="14:14">
      <c r="N330929" s="10"/>
    </row>
    <row r="330930" spans="14:14">
      <c r="N330930" s="10"/>
    </row>
    <row r="330931" spans="14:14">
      <c r="N330931" s="10"/>
    </row>
    <row r="330932" spans="14:14">
      <c r="N330932" s="10"/>
    </row>
    <row r="330933" spans="14:14">
      <c r="N330933" s="10"/>
    </row>
    <row r="330934" spans="14:14">
      <c r="N330934" s="10"/>
    </row>
    <row r="330935" spans="14:14">
      <c r="N330935" s="10"/>
    </row>
    <row r="330936" spans="14:14">
      <c r="N330936" s="10"/>
    </row>
    <row r="330937" spans="14:14">
      <c r="N330937" s="10"/>
    </row>
    <row r="330938" spans="14:14">
      <c r="N330938" s="10"/>
    </row>
    <row r="330939" spans="14:14">
      <c r="N330939" s="10"/>
    </row>
    <row r="330940" spans="14:14">
      <c r="N330940" s="10"/>
    </row>
    <row r="330941" spans="14:14">
      <c r="N330941" s="10"/>
    </row>
    <row r="330942" spans="14:14">
      <c r="N330942" s="10"/>
    </row>
    <row r="330943" spans="14:14">
      <c r="N330943" s="10"/>
    </row>
    <row r="330944" spans="14:14">
      <c r="N330944" s="10"/>
    </row>
    <row r="330945" spans="14:14">
      <c r="N330945" s="10"/>
    </row>
    <row r="330946" spans="14:14">
      <c r="N330946" s="10"/>
    </row>
    <row r="330947" spans="14:14">
      <c r="N330947" s="10"/>
    </row>
    <row r="330948" spans="14:14">
      <c r="N330948" s="10"/>
    </row>
    <row r="330949" spans="14:14">
      <c r="N330949" s="10"/>
    </row>
    <row r="330950" spans="14:14">
      <c r="N330950" s="10"/>
    </row>
    <row r="330951" spans="14:14">
      <c r="N330951" s="10"/>
    </row>
    <row r="330952" spans="14:14">
      <c r="N330952" s="10"/>
    </row>
    <row r="330953" spans="14:14">
      <c r="N330953" s="10"/>
    </row>
    <row r="330954" spans="14:14">
      <c r="N330954" s="10"/>
    </row>
    <row r="330955" spans="14:14">
      <c r="N330955" s="10"/>
    </row>
    <row r="330956" spans="14:14">
      <c r="N330956" s="10"/>
    </row>
    <row r="330957" spans="14:14">
      <c r="N330957" s="10"/>
    </row>
    <row r="330958" spans="14:14">
      <c r="N330958" s="10"/>
    </row>
    <row r="330959" spans="14:14">
      <c r="N330959" s="10"/>
    </row>
    <row r="330960" spans="14:14">
      <c r="N330960" s="10"/>
    </row>
    <row r="330961" spans="14:14">
      <c r="N330961" s="10"/>
    </row>
    <row r="330962" spans="14:14">
      <c r="N330962" s="10"/>
    </row>
    <row r="330963" spans="14:14">
      <c r="N330963" s="10"/>
    </row>
    <row r="330964" spans="14:14">
      <c r="N330964" s="10"/>
    </row>
    <row r="330965" spans="14:14">
      <c r="N330965" s="10"/>
    </row>
    <row r="330966" spans="14:14">
      <c r="N330966" s="10"/>
    </row>
    <row r="330967" spans="14:14">
      <c r="N330967" s="10"/>
    </row>
    <row r="330968" spans="14:14">
      <c r="N330968" s="10"/>
    </row>
    <row r="330969" spans="14:14">
      <c r="N330969" s="10"/>
    </row>
    <row r="330970" spans="14:14">
      <c r="N330970" s="10"/>
    </row>
    <row r="330971" spans="14:14">
      <c r="N330971" s="10"/>
    </row>
    <row r="330972" spans="14:14">
      <c r="N330972" s="10"/>
    </row>
    <row r="330973" spans="14:14">
      <c r="N330973" s="10"/>
    </row>
    <row r="330974" spans="14:14">
      <c r="N330974" s="10"/>
    </row>
    <row r="330975" spans="14:14">
      <c r="N330975" s="10"/>
    </row>
    <row r="330976" spans="14:14">
      <c r="N330976" s="10"/>
    </row>
    <row r="330977" spans="14:14">
      <c r="N330977" s="10"/>
    </row>
    <row r="330978" spans="14:14">
      <c r="N330978" s="10"/>
    </row>
    <row r="330979" spans="14:14">
      <c r="N330979" s="10"/>
    </row>
    <row r="330980" spans="14:14">
      <c r="N330980" s="10"/>
    </row>
    <row r="330981" spans="14:14">
      <c r="N330981" s="10"/>
    </row>
    <row r="330982" spans="14:14">
      <c r="N330982" s="10"/>
    </row>
    <row r="330983" spans="14:14">
      <c r="N330983" s="10"/>
    </row>
    <row r="330984" spans="14:14">
      <c r="N330984" s="10"/>
    </row>
    <row r="330985" spans="14:14">
      <c r="N330985" s="10"/>
    </row>
    <row r="330986" spans="14:14">
      <c r="N330986" s="10"/>
    </row>
    <row r="330987" spans="14:14">
      <c r="N330987" s="10"/>
    </row>
    <row r="330988" spans="14:14">
      <c r="N330988" s="10"/>
    </row>
    <row r="330989" spans="14:14">
      <c r="N330989" s="10"/>
    </row>
    <row r="330990" spans="14:14">
      <c r="N330990" s="10"/>
    </row>
    <row r="330991" spans="14:14">
      <c r="N330991" s="10"/>
    </row>
    <row r="330992" spans="14:14">
      <c r="N330992" s="10"/>
    </row>
    <row r="330993" spans="14:14">
      <c r="N330993" s="10"/>
    </row>
    <row r="330994" spans="14:14">
      <c r="N330994" s="10"/>
    </row>
    <row r="330995" spans="14:14">
      <c r="N330995" s="10"/>
    </row>
    <row r="330996" spans="14:14">
      <c r="N330996" s="10"/>
    </row>
    <row r="330997" spans="14:14">
      <c r="N330997" s="10"/>
    </row>
    <row r="330998" spans="14:14">
      <c r="N330998" s="10"/>
    </row>
    <row r="330999" spans="14:14">
      <c r="N330999" s="10"/>
    </row>
    <row r="331000" spans="14:14">
      <c r="N331000" s="10"/>
    </row>
    <row r="331001" spans="14:14">
      <c r="N331001" s="10"/>
    </row>
    <row r="331002" spans="14:14">
      <c r="N331002" s="10"/>
    </row>
    <row r="331003" spans="14:14">
      <c r="N331003" s="10"/>
    </row>
    <row r="331004" spans="14:14">
      <c r="N331004" s="10"/>
    </row>
    <row r="331005" spans="14:14">
      <c r="N331005" s="10"/>
    </row>
    <row r="331006" spans="14:14">
      <c r="N331006" s="10"/>
    </row>
    <row r="331007" spans="14:14">
      <c r="N331007" s="10"/>
    </row>
    <row r="331008" spans="14:14">
      <c r="N331008" s="10"/>
    </row>
    <row r="331009" spans="14:14">
      <c r="N331009" s="10"/>
    </row>
    <row r="331010" spans="14:14">
      <c r="N331010" s="10"/>
    </row>
    <row r="331011" spans="14:14">
      <c r="N331011" s="10"/>
    </row>
    <row r="331012" spans="14:14">
      <c r="N331012" s="10"/>
    </row>
    <row r="331013" spans="14:14">
      <c r="N331013" s="10"/>
    </row>
    <row r="331014" spans="14:14">
      <c r="N331014" s="10"/>
    </row>
    <row r="331015" spans="14:14">
      <c r="N331015" s="10"/>
    </row>
    <row r="331016" spans="14:14">
      <c r="N331016" s="10"/>
    </row>
    <row r="331017" spans="14:14">
      <c r="N331017" s="10"/>
    </row>
    <row r="331018" spans="14:14">
      <c r="N331018" s="10"/>
    </row>
    <row r="331019" spans="14:14">
      <c r="N331019" s="10"/>
    </row>
    <row r="331020" spans="14:14">
      <c r="N331020" s="10"/>
    </row>
    <row r="331021" spans="14:14">
      <c r="N331021" s="10"/>
    </row>
    <row r="331022" spans="14:14">
      <c r="N331022" s="10"/>
    </row>
    <row r="331023" spans="14:14">
      <c r="N331023" s="10"/>
    </row>
    <row r="331024" spans="14:14">
      <c r="N331024" s="10"/>
    </row>
    <row r="331025" spans="14:14">
      <c r="N331025" s="10"/>
    </row>
    <row r="331026" spans="14:14">
      <c r="N331026" s="10"/>
    </row>
    <row r="331027" spans="14:14">
      <c r="N331027" s="10"/>
    </row>
    <row r="331028" spans="14:14">
      <c r="N331028" s="10"/>
    </row>
    <row r="331029" spans="14:14">
      <c r="N331029" s="10"/>
    </row>
    <row r="331030" spans="14:14">
      <c r="N331030" s="10"/>
    </row>
    <row r="331031" spans="14:14">
      <c r="N331031" s="10"/>
    </row>
    <row r="331032" spans="14:14">
      <c r="N331032" s="10"/>
    </row>
    <row r="331033" spans="14:14">
      <c r="N331033" s="10"/>
    </row>
    <row r="331034" spans="14:14">
      <c r="N331034" s="10"/>
    </row>
    <row r="331035" spans="14:14">
      <c r="N331035" s="10"/>
    </row>
    <row r="331036" spans="14:14">
      <c r="N331036" s="10"/>
    </row>
    <row r="331037" spans="14:14">
      <c r="N331037" s="10"/>
    </row>
    <row r="331038" spans="14:14">
      <c r="N331038" s="10"/>
    </row>
    <row r="331039" spans="14:14">
      <c r="N331039" s="10"/>
    </row>
    <row r="331040" spans="14:14">
      <c r="N331040" s="10"/>
    </row>
    <row r="331041" spans="14:14">
      <c r="N331041" s="10"/>
    </row>
    <row r="331042" spans="14:14">
      <c r="N331042" s="10"/>
    </row>
    <row r="331043" spans="14:14">
      <c r="N331043" s="10"/>
    </row>
    <row r="331044" spans="14:14">
      <c r="N331044" s="10"/>
    </row>
    <row r="331045" spans="14:14">
      <c r="N331045" s="10"/>
    </row>
    <row r="331046" spans="14:14">
      <c r="N331046" s="10"/>
    </row>
    <row r="331047" spans="14:14">
      <c r="N331047" s="10"/>
    </row>
    <row r="331048" spans="14:14">
      <c r="N331048" s="10"/>
    </row>
    <row r="331049" spans="14:14">
      <c r="N331049" s="10"/>
    </row>
    <row r="331050" spans="14:14">
      <c r="N331050" s="10"/>
    </row>
    <row r="331051" spans="14:14">
      <c r="N331051" s="10"/>
    </row>
    <row r="331052" spans="14:14">
      <c r="N331052" s="10"/>
    </row>
    <row r="331053" spans="14:14">
      <c r="N331053" s="10"/>
    </row>
    <row r="331054" spans="14:14">
      <c r="N331054" s="10"/>
    </row>
    <row r="331055" spans="14:14">
      <c r="N331055" s="10"/>
    </row>
    <row r="331056" spans="14:14">
      <c r="N331056" s="10"/>
    </row>
    <row r="331057" spans="14:14">
      <c r="N331057" s="10"/>
    </row>
    <row r="331058" spans="14:14">
      <c r="N331058" s="10"/>
    </row>
    <row r="331059" spans="14:14">
      <c r="N331059" s="10"/>
    </row>
    <row r="331060" spans="14:14">
      <c r="N331060" s="10"/>
    </row>
    <row r="331061" spans="14:14">
      <c r="N331061" s="10"/>
    </row>
    <row r="331062" spans="14:14">
      <c r="N331062" s="10"/>
    </row>
    <row r="331063" spans="14:14">
      <c r="N331063" s="10"/>
    </row>
    <row r="331064" spans="14:14">
      <c r="N331064" s="10"/>
    </row>
    <row r="331065" spans="14:14">
      <c r="N331065" s="10"/>
    </row>
    <row r="331066" spans="14:14">
      <c r="N331066" s="10"/>
    </row>
    <row r="331067" spans="14:14">
      <c r="N331067" s="10"/>
    </row>
    <row r="331068" spans="14:14">
      <c r="N331068" s="10"/>
    </row>
    <row r="331069" spans="14:14">
      <c r="N331069" s="10"/>
    </row>
    <row r="331070" spans="14:14">
      <c r="N331070" s="10"/>
    </row>
    <row r="331071" spans="14:14">
      <c r="N331071" s="10"/>
    </row>
    <row r="331072" spans="14:14">
      <c r="N331072" s="10"/>
    </row>
    <row r="331073" spans="14:14">
      <c r="N331073" s="10"/>
    </row>
    <row r="331074" spans="14:14">
      <c r="N331074" s="10"/>
    </row>
    <row r="331075" spans="14:14">
      <c r="N331075" s="10"/>
    </row>
    <row r="331076" spans="14:14">
      <c r="N331076" s="10"/>
    </row>
    <row r="331077" spans="14:14">
      <c r="N331077" s="10"/>
    </row>
    <row r="331078" spans="14:14">
      <c r="N331078" s="10"/>
    </row>
    <row r="331079" spans="14:14">
      <c r="N331079" s="10"/>
    </row>
    <row r="331080" spans="14:14">
      <c r="N331080" s="10"/>
    </row>
    <row r="331081" spans="14:14">
      <c r="N331081" s="10"/>
    </row>
    <row r="331082" spans="14:14">
      <c r="N331082" s="10"/>
    </row>
    <row r="331083" spans="14:14">
      <c r="N331083" s="10"/>
    </row>
    <row r="331084" spans="14:14">
      <c r="N331084" s="10"/>
    </row>
    <row r="331085" spans="14:14">
      <c r="N331085" s="10"/>
    </row>
    <row r="331086" spans="14:14">
      <c r="N331086" s="10"/>
    </row>
    <row r="331087" spans="14:14">
      <c r="N331087" s="10"/>
    </row>
    <row r="331088" spans="14:14">
      <c r="N331088" s="10"/>
    </row>
    <row r="331089" spans="14:14">
      <c r="N331089" s="10"/>
    </row>
    <row r="331090" spans="14:14">
      <c r="N331090" s="10"/>
    </row>
    <row r="331091" spans="14:14">
      <c r="N331091" s="10"/>
    </row>
    <row r="331092" spans="14:14">
      <c r="N331092" s="10"/>
    </row>
    <row r="331093" spans="14:14">
      <c r="N331093" s="10"/>
    </row>
    <row r="331094" spans="14:14">
      <c r="N331094" s="10"/>
    </row>
    <row r="331095" spans="14:14">
      <c r="N331095" s="10"/>
    </row>
    <row r="331096" spans="14:14">
      <c r="N331096" s="10"/>
    </row>
    <row r="331097" spans="14:14">
      <c r="N331097" s="10"/>
    </row>
    <row r="331098" spans="14:14">
      <c r="N331098" s="10"/>
    </row>
    <row r="331099" spans="14:14">
      <c r="N331099" s="10"/>
    </row>
    <row r="331100" spans="14:14">
      <c r="N331100" s="10"/>
    </row>
    <row r="331101" spans="14:14">
      <c r="N331101" s="10"/>
    </row>
    <row r="331102" spans="14:14">
      <c r="N331102" s="10"/>
    </row>
    <row r="331103" spans="14:14">
      <c r="N331103" s="10"/>
    </row>
    <row r="331104" spans="14:14">
      <c r="N331104" s="10"/>
    </row>
    <row r="331105" spans="14:14">
      <c r="N331105" s="10"/>
    </row>
    <row r="331106" spans="14:14">
      <c r="N331106" s="10"/>
    </row>
    <row r="331107" spans="14:14">
      <c r="N331107" s="10"/>
    </row>
    <row r="331108" spans="14:14">
      <c r="N331108" s="10"/>
    </row>
    <row r="331109" spans="14:14">
      <c r="N331109" s="10"/>
    </row>
    <row r="331110" spans="14:14">
      <c r="N331110" s="10"/>
    </row>
    <row r="331111" spans="14:14">
      <c r="N331111" s="10"/>
    </row>
    <row r="331112" spans="14:14">
      <c r="N331112" s="10"/>
    </row>
    <row r="331113" spans="14:14">
      <c r="N331113" s="10"/>
    </row>
    <row r="331114" spans="14:14">
      <c r="N331114" s="10"/>
    </row>
    <row r="331115" spans="14:14">
      <c r="N331115" s="10"/>
    </row>
    <row r="331116" spans="14:14">
      <c r="N331116" s="10"/>
    </row>
    <row r="331117" spans="14:14">
      <c r="N331117" s="10"/>
    </row>
    <row r="331118" spans="14:14">
      <c r="N331118" s="10"/>
    </row>
    <row r="331119" spans="14:14">
      <c r="N331119" s="10"/>
    </row>
    <row r="331120" spans="14:14">
      <c r="N331120" s="10"/>
    </row>
    <row r="331121" spans="14:14">
      <c r="N331121" s="10"/>
    </row>
    <row r="331122" spans="14:14">
      <c r="N331122" s="10"/>
    </row>
    <row r="331123" spans="14:14">
      <c r="N331123" s="10"/>
    </row>
    <row r="331124" spans="14:14">
      <c r="N331124" s="10"/>
    </row>
    <row r="331125" spans="14:14">
      <c r="N331125" s="10"/>
    </row>
    <row r="331126" spans="14:14">
      <c r="N331126" s="10"/>
    </row>
    <row r="331127" spans="14:14">
      <c r="N331127" s="10"/>
    </row>
    <row r="331128" spans="14:14">
      <c r="N331128" s="10"/>
    </row>
    <row r="331129" spans="14:14">
      <c r="N331129" s="10"/>
    </row>
    <row r="331130" spans="14:14">
      <c r="N331130" s="10"/>
    </row>
    <row r="331131" spans="14:14">
      <c r="N331131" s="10"/>
    </row>
    <row r="331132" spans="14:14">
      <c r="N331132" s="10"/>
    </row>
    <row r="331133" spans="14:14">
      <c r="N331133" s="10"/>
    </row>
    <row r="331134" spans="14:14">
      <c r="N331134" s="10"/>
    </row>
    <row r="331135" spans="14:14">
      <c r="N331135" s="10"/>
    </row>
    <row r="331136" spans="14:14">
      <c r="N331136" s="10"/>
    </row>
    <row r="331137" spans="14:14">
      <c r="N331137" s="10"/>
    </row>
    <row r="331138" spans="14:14">
      <c r="N331138" s="10"/>
    </row>
    <row r="331139" spans="14:14">
      <c r="N331139" s="10"/>
    </row>
    <row r="331140" spans="14:14">
      <c r="N331140" s="10"/>
    </row>
    <row r="331141" spans="14:14">
      <c r="N331141" s="10"/>
    </row>
    <row r="331142" spans="14:14">
      <c r="N331142" s="10"/>
    </row>
    <row r="331143" spans="14:14">
      <c r="N331143" s="10"/>
    </row>
    <row r="331144" spans="14:14">
      <c r="N331144" s="10"/>
    </row>
    <row r="331145" spans="14:14">
      <c r="N331145" s="10"/>
    </row>
    <row r="331146" spans="14:14">
      <c r="N331146" s="10"/>
    </row>
    <row r="331147" spans="14:14">
      <c r="N331147" s="10"/>
    </row>
    <row r="331148" spans="14:14">
      <c r="N331148" s="10"/>
    </row>
    <row r="331149" spans="14:14">
      <c r="N331149" s="10"/>
    </row>
    <row r="331150" spans="14:14">
      <c r="N331150" s="10"/>
    </row>
    <row r="331151" spans="14:14">
      <c r="N331151" s="10"/>
    </row>
    <row r="331152" spans="14:14">
      <c r="N331152" s="10"/>
    </row>
    <row r="331153" spans="14:14">
      <c r="N331153" s="10"/>
    </row>
    <row r="331154" spans="14:14">
      <c r="N331154" s="10"/>
    </row>
    <row r="331155" spans="14:14">
      <c r="N331155" s="10"/>
    </row>
    <row r="331156" spans="14:14">
      <c r="N331156" s="10"/>
    </row>
    <row r="331157" spans="14:14">
      <c r="N331157" s="10"/>
    </row>
    <row r="331158" spans="14:14">
      <c r="N331158" s="10"/>
    </row>
    <row r="331159" spans="14:14">
      <c r="N331159" s="10"/>
    </row>
    <row r="331160" spans="14:14">
      <c r="N331160" s="10"/>
    </row>
    <row r="331161" spans="14:14">
      <c r="N331161" s="10"/>
    </row>
    <row r="331162" spans="14:14">
      <c r="N331162" s="10"/>
    </row>
    <row r="331163" spans="14:14">
      <c r="N331163" s="10"/>
    </row>
    <row r="331164" spans="14:14">
      <c r="N331164" s="10"/>
    </row>
    <row r="331165" spans="14:14">
      <c r="N331165" s="10"/>
    </row>
    <row r="331166" spans="14:14">
      <c r="N331166" s="10"/>
    </row>
    <row r="331167" spans="14:14">
      <c r="N331167" s="10"/>
    </row>
    <row r="331168" spans="14:14">
      <c r="N331168" s="10"/>
    </row>
    <row r="331169" spans="14:14">
      <c r="N331169" s="10"/>
    </row>
    <row r="331170" spans="14:14">
      <c r="N331170" s="10"/>
    </row>
    <row r="331171" spans="14:14">
      <c r="N331171" s="10"/>
    </row>
    <row r="331172" spans="14:14">
      <c r="N331172" s="10"/>
    </row>
    <row r="331173" spans="14:14">
      <c r="N331173" s="10"/>
    </row>
    <row r="331174" spans="14:14">
      <c r="N331174" s="10"/>
    </row>
    <row r="331175" spans="14:14">
      <c r="N331175" s="10"/>
    </row>
    <row r="331176" spans="14:14">
      <c r="N331176" s="10"/>
    </row>
    <row r="331177" spans="14:14">
      <c r="N331177" s="10"/>
    </row>
    <row r="331178" spans="14:14">
      <c r="N331178" s="10"/>
    </row>
    <row r="331179" spans="14:14">
      <c r="N331179" s="10"/>
    </row>
    <row r="331180" spans="14:14">
      <c r="N331180" s="10"/>
    </row>
    <row r="331181" spans="14:14">
      <c r="N331181" s="10"/>
    </row>
    <row r="331182" spans="14:14">
      <c r="N331182" s="10"/>
    </row>
    <row r="331183" spans="14:14">
      <c r="N331183" s="10"/>
    </row>
    <row r="331184" spans="14:14">
      <c r="N331184" s="10"/>
    </row>
    <row r="331185" spans="14:14">
      <c r="N331185" s="10"/>
    </row>
    <row r="331186" spans="14:14">
      <c r="N331186" s="10"/>
    </row>
    <row r="331187" spans="14:14">
      <c r="N331187" s="10"/>
    </row>
    <row r="331188" spans="14:14">
      <c r="N331188" s="10"/>
    </row>
    <row r="331189" spans="14:14">
      <c r="N331189" s="10"/>
    </row>
    <row r="331190" spans="14:14">
      <c r="N331190" s="10"/>
    </row>
    <row r="331191" spans="14:14">
      <c r="N331191" s="10"/>
    </row>
    <row r="331192" spans="14:14">
      <c r="N331192" s="10"/>
    </row>
    <row r="331193" spans="14:14">
      <c r="N331193" s="10"/>
    </row>
    <row r="331194" spans="14:14">
      <c r="N331194" s="10"/>
    </row>
    <row r="331195" spans="14:14">
      <c r="N331195" s="10"/>
    </row>
    <row r="331196" spans="14:14">
      <c r="N331196" s="10"/>
    </row>
    <row r="331197" spans="14:14">
      <c r="N331197" s="10"/>
    </row>
    <row r="331198" spans="14:14">
      <c r="N331198" s="10"/>
    </row>
    <row r="331199" spans="14:14">
      <c r="N331199" s="10"/>
    </row>
    <row r="331200" spans="14:14">
      <c r="N331200" s="10"/>
    </row>
    <row r="331201" spans="14:14">
      <c r="N331201" s="10"/>
    </row>
    <row r="331202" spans="14:14">
      <c r="N331202" s="10"/>
    </row>
    <row r="331203" spans="14:14">
      <c r="N331203" s="10"/>
    </row>
    <row r="331204" spans="14:14">
      <c r="N331204" s="10"/>
    </row>
    <row r="331205" spans="14:14">
      <c r="N331205" s="10"/>
    </row>
    <row r="331206" spans="14:14">
      <c r="N331206" s="10"/>
    </row>
    <row r="331207" spans="14:14">
      <c r="N331207" s="10"/>
    </row>
    <row r="331208" spans="14:14">
      <c r="N331208" s="10"/>
    </row>
    <row r="331209" spans="14:14">
      <c r="N331209" s="10"/>
    </row>
    <row r="331210" spans="14:14">
      <c r="N331210" s="10"/>
    </row>
    <row r="331211" spans="14:14">
      <c r="N331211" s="10"/>
    </row>
    <row r="331212" spans="14:14">
      <c r="N331212" s="10"/>
    </row>
    <row r="331213" spans="14:14">
      <c r="N331213" s="10"/>
    </row>
    <row r="331214" spans="14:14">
      <c r="N331214" s="10"/>
    </row>
    <row r="331215" spans="14:14">
      <c r="N331215" s="10"/>
    </row>
    <row r="331216" spans="14:14">
      <c r="N331216" s="10"/>
    </row>
    <row r="331217" spans="14:14">
      <c r="N331217" s="10"/>
    </row>
    <row r="331218" spans="14:14">
      <c r="N331218" s="10"/>
    </row>
    <row r="331219" spans="14:14">
      <c r="N331219" s="10"/>
    </row>
    <row r="331220" spans="14:14">
      <c r="N331220" s="10"/>
    </row>
    <row r="331221" spans="14:14">
      <c r="N331221" s="10"/>
    </row>
    <row r="331222" spans="14:14">
      <c r="N331222" s="10"/>
    </row>
    <row r="331223" spans="14:14">
      <c r="N331223" s="10"/>
    </row>
    <row r="331224" spans="14:14">
      <c r="N331224" s="10"/>
    </row>
    <row r="331225" spans="14:14">
      <c r="N331225" s="10"/>
    </row>
    <row r="331226" spans="14:14">
      <c r="N331226" s="10"/>
    </row>
    <row r="331227" spans="14:14">
      <c r="N331227" s="10"/>
    </row>
    <row r="331228" spans="14:14">
      <c r="N331228" s="10"/>
    </row>
    <row r="331229" spans="14:14">
      <c r="N331229" s="10"/>
    </row>
    <row r="331230" spans="14:14">
      <c r="N331230" s="10"/>
    </row>
    <row r="331231" spans="14:14">
      <c r="N331231" s="10"/>
    </row>
    <row r="331232" spans="14:14">
      <c r="N331232" s="10"/>
    </row>
    <row r="331233" spans="14:14">
      <c r="N331233" s="10"/>
    </row>
    <row r="331234" spans="14:14">
      <c r="N331234" s="10"/>
    </row>
    <row r="331235" spans="14:14">
      <c r="N331235" s="10"/>
    </row>
    <row r="331236" spans="14:14">
      <c r="N331236" s="10"/>
    </row>
    <row r="331237" spans="14:14">
      <c r="N331237" s="10"/>
    </row>
    <row r="331238" spans="14:14">
      <c r="N331238" s="10"/>
    </row>
    <row r="331239" spans="14:14">
      <c r="N331239" s="10"/>
    </row>
    <row r="331240" spans="14:14">
      <c r="N331240" s="10"/>
    </row>
    <row r="331241" spans="14:14">
      <c r="N331241" s="10"/>
    </row>
    <row r="331242" spans="14:14">
      <c r="N331242" s="10"/>
    </row>
    <row r="331243" spans="14:14">
      <c r="N331243" s="10"/>
    </row>
    <row r="331244" spans="14:14">
      <c r="N331244" s="10"/>
    </row>
    <row r="331245" spans="14:14">
      <c r="N331245" s="10"/>
    </row>
    <row r="331246" spans="14:14">
      <c r="N331246" s="10"/>
    </row>
    <row r="331247" spans="14:14">
      <c r="N331247" s="10"/>
    </row>
    <row r="331248" spans="14:14">
      <c r="N331248" s="10"/>
    </row>
    <row r="331249" spans="14:14">
      <c r="N331249" s="10"/>
    </row>
    <row r="331250" spans="14:14">
      <c r="N331250" s="10"/>
    </row>
    <row r="331251" spans="14:14">
      <c r="N331251" s="10"/>
    </row>
    <row r="331252" spans="14:14">
      <c r="N331252" s="10"/>
    </row>
    <row r="331253" spans="14:14">
      <c r="N331253" s="10"/>
    </row>
    <row r="331254" spans="14:14">
      <c r="N331254" s="10"/>
    </row>
    <row r="331255" spans="14:14">
      <c r="N331255" s="10"/>
    </row>
    <row r="331256" spans="14:14">
      <c r="N331256" s="10"/>
    </row>
    <row r="331257" spans="14:14">
      <c r="N331257" s="10"/>
    </row>
    <row r="331258" spans="14:14">
      <c r="N331258" s="10"/>
    </row>
    <row r="331259" spans="14:14">
      <c r="N331259" s="10"/>
    </row>
    <row r="331260" spans="14:14">
      <c r="N331260" s="10"/>
    </row>
    <row r="331261" spans="14:14">
      <c r="N331261" s="10"/>
    </row>
    <row r="331262" spans="14:14">
      <c r="N331262" s="10"/>
    </row>
    <row r="331263" spans="14:14">
      <c r="N331263" s="10"/>
    </row>
    <row r="331264" spans="14:14">
      <c r="N331264" s="10"/>
    </row>
    <row r="331265" spans="14:14">
      <c r="N331265" s="10"/>
    </row>
    <row r="331266" spans="14:14">
      <c r="N331266" s="10"/>
    </row>
    <row r="331267" spans="14:14">
      <c r="N331267" s="10"/>
    </row>
    <row r="331268" spans="14:14">
      <c r="N331268" s="10"/>
    </row>
    <row r="331269" spans="14:14">
      <c r="N331269" s="10"/>
    </row>
    <row r="331270" spans="14:14">
      <c r="N331270" s="10"/>
    </row>
    <row r="331271" spans="14:14">
      <c r="N331271" s="10"/>
    </row>
    <row r="331272" spans="14:14">
      <c r="N331272" s="10"/>
    </row>
    <row r="331273" spans="14:14">
      <c r="N331273" s="10"/>
    </row>
    <row r="331274" spans="14:14">
      <c r="N331274" s="10"/>
    </row>
    <row r="331275" spans="14:14">
      <c r="N331275" s="10"/>
    </row>
    <row r="331276" spans="14:14">
      <c r="N331276" s="10"/>
    </row>
    <row r="331277" spans="14:14">
      <c r="N331277" s="10"/>
    </row>
    <row r="331278" spans="14:14">
      <c r="N331278" s="10"/>
    </row>
    <row r="331279" spans="14:14">
      <c r="N331279" s="10"/>
    </row>
    <row r="331280" spans="14:14">
      <c r="N331280" s="10"/>
    </row>
    <row r="331281" spans="14:14">
      <c r="N331281" s="10"/>
    </row>
    <row r="331282" spans="14:14">
      <c r="N331282" s="10"/>
    </row>
    <row r="331283" spans="14:14">
      <c r="N331283" s="10"/>
    </row>
    <row r="331284" spans="14:14">
      <c r="N331284" s="10"/>
    </row>
    <row r="331285" spans="14:14">
      <c r="N331285" s="10"/>
    </row>
    <row r="331286" spans="14:14">
      <c r="N331286" s="10"/>
    </row>
    <row r="331287" spans="14:14">
      <c r="N331287" s="10"/>
    </row>
    <row r="331288" spans="14:14">
      <c r="N331288" s="10"/>
    </row>
    <row r="331289" spans="14:14">
      <c r="N331289" s="10"/>
    </row>
    <row r="331290" spans="14:14">
      <c r="N331290" s="10"/>
    </row>
    <row r="331291" spans="14:14">
      <c r="N331291" s="10"/>
    </row>
    <row r="331292" spans="14:14">
      <c r="N331292" s="10"/>
    </row>
    <row r="331293" spans="14:14">
      <c r="N331293" s="10"/>
    </row>
    <row r="331294" spans="14:14">
      <c r="N331294" s="10"/>
    </row>
    <row r="331295" spans="14:14">
      <c r="N331295" s="10"/>
    </row>
    <row r="331296" spans="14:14">
      <c r="N331296" s="10"/>
    </row>
    <row r="331297" spans="14:14">
      <c r="N331297" s="10"/>
    </row>
    <row r="331298" spans="14:14">
      <c r="N331298" s="10"/>
    </row>
    <row r="331299" spans="14:14">
      <c r="N331299" s="10"/>
    </row>
    <row r="331300" spans="14:14">
      <c r="N331300" s="10"/>
    </row>
    <row r="331301" spans="14:14">
      <c r="N331301" s="10"/>
    </row>
    <row r="331302" spans="14:14">
      <c r="N331302" s="10"/>
    </row>
    <row r="331303" spans="14:14">
      <c r="N331303" s="10"/>
    </row>
    <row r="331304" spans="14:14">
      <c r="N331304" s="10"/>
    </row>
    <row r="331305" spans="14:14">
      <c r="N331305" s="10"/>
    </row>
    <row r="331306" spans="14:14">
      <c r="N331306" s="10"/>
    </row>
    <row r="331307" spans="14:14">
      <c r="N331307" s="10"/>
    </row>
    <row r="331308" spans="14:14">
      <c r="N331308" s="10"/>
    </row>
    <row r="331309" spans="14:14">
      <c r="N331309" s="10"/>
    </row>
    <row r="331310" spans="14:14">
      <c r="N331310" s="10"/>
    </row>
    <row r="331311" spans="14:14">
      <c r="N331311" s="10"/>
    </row>
    <row r="331312" spans="14:14">
      <c r="N331312" s="10"/>
    </row>
    <row r="331313" spans="14:14">
      <c r="N331313" s="10"/>
    </row>
    <row r="331314" spans="14:14">
      <c r="N331314" s="10"/>
    </row>
    <row r="331315" spans="14:14">
      <c r="N331315" s="10"/>
    </row>
    <row r="331316" spans="14:14">
      <c r="N331316" s="10"/>
    </row>
    <row r="331317" spans="14:14">
      <c r="N331317" s="10"/>
    </row>
    <row r="331318" spans="14:14">
      <c r="N331318" s="10"/>
    </row>
    <row r="331319" spans="14:14">
      <c r="N331319" s="10"/>
    </row>
    <row r="331320" spans="14:14">
      <c r="N331320" s="10"/>
    </row>
    <row r="331321" spans="14:14">
      <c r="N331321" s="10"/>
    </row>
    <row r="331322" spans="14:14">
      <c r="N331322" s="10"/>
    </row>
    <row r="331323" spans="14:14">
      <c r="N331323" s="10"/>
    </row>
    <row r="331324" spans="14:14">
      <c r="N331324" s="10"/>
    </row>
    <row r="331325" spans="14:14">
      <c r="N331325" s="10"/>
    </row>
    <row r="331326" spans="14:14">
      <c r="N331326" s="10"/>
    </row>
    <row r="331327" spans="14:14">
      <c r="N331327" s="10"/>
    </row>
    <row r="331328" spans="14:14">
      <c r="N331328" s="10"/>
    </row>
    <row r="331329" spans="14:14">
      <c r="N331329" s="10"/>
    </row>
    <row r="331330" spans="14:14">
      <c r="N331330" s="10"/>
    </row>
    <row r="331331" spans="14:14">
      <c r="N331331" s="10"/>
    </row>
    <row r="331332" spans="14:14">
      <c r="N331332" s="10"/>
    </row>
    <row r="331333" spans="14:14">
      <c r="N331333" s="10"/>
    </row>
    <row r="331334" spans="14:14">
      <c r="N331334" s="10"/>
    </row>
    <row r="331335" spans="14:14">
      <c r="N331335" s="10"/>
    </row>
    <row r="331336" spans="14:14">
      <c r="N331336" s="10"/>
    </row>
    <row r="331337" spans="14:14">
      <c r="N331337" s="10"/>
    </row>
    <row r="331338" spans="14:14">
      <c r="N331338" s="10"/>
    </row>
    <row r="331339" spans="14:14">
      <c r="N331339" s="10"/>
    </row>
    <row r="331340" spans="14:14">
      <c r="N331340" s="10"/>
    </row>
    <row r="331341" spans="14:14">
      <c r="N331341" s="10"/>
    </row>
    <row r="331342" spans="14:14">
      <c r="N331342" s="10"/>
    </row>
    <row r="331343" spans="14:14">
      <c r="N331343" s="10"/>
    </row>
    <row r="331344" spans="14:14">
      <c r="N331344" s="10"/>
    </row>
    <row r="331345" spans="14:14">
      <c r="N331345" s="10"/>
    </row>
    <row r="331346" spans="14:14">
      <c r="N331346" s="10"/>
    </row>
    <row r="331347" spans="14:14">
      <c r="N331347" s="10"/>
    </row>
    <row r="331348" spans="14:14">
      <c r="N331348" s="10"/>
    </row>
    <row r="331349" spans="14:14">
      <c r="N331349" s="10"/>
    </row>
    <row r="331350" spans="14:14">
      <c r="N331350" s="10"/>
    </row>
    <row r="331351" spans="14:14">
      <c r="N331351" s="10"/>
    </row>
    <row r="331352" spans="14:14">
      <c r="N331352" s="10"/>
    </row>
    <row r="331353" spans="14:14">
      <c r="N331353" s="10"/>
    </row>
    <row r="331354" spans="14:14">
      <c r="N331354" s="10"/>
    </row>
    <row r="331355" spans="14:14">
      <c r="N331355" s="10"/>
    </row>
    <row r="331356" spans="14:14">
      <c r="N331356" s="10"/>
    </row>
    <row r="331357" spans="14:14">
      <c r="N331357" s="10"/>
    </row>
    <row r="331358" spans="14:14">
      <c r="N331358" s="10"/>
    </row>
    <row r="331359" spans="14:14">
      <c r="N331359" s="10"/>
    </row>
    <row r="331360" spans="14:14">
      <c r="N331360" s="10"/>
    </row>
    <row r="331361" spans="14:14">
      <c r="N331361" s="10"/>
    </row>
    <row r="331362" spans="14:14">
      <c r="N331362" s="10"/>
    </row>
    <row r="331363" spans="14:14">
      <c r="N331363" s="10"/>
    </row>
    <row r="331364" spans="14:14">
      <c r="N331364" s="10"/>
    </row>
    <row r="331365" spans="14:14">
      <c r="N331365" s="10"/>
    </row>
    <row r="331366" spans="14:14">
      <c r="N331366" s="10"/>
    </row>
    <row r="331367" spans="14:14">
      <c r="N331367" s="10"/>
    </row>
    <row r="331368" spans="14:14">
      <c r="N331368" s="10"/>
    </row>
    <row r="331369" spans="14:14">
      <c r="N331369" s="10"/>
    </row>
    <row r="331370" spans="14:14">
      <c r="N331370" s="10"/>
    </row>
    <row r="331371" spans="14:14">
      <c r="N331371" s="10"/>
    </row>
    <row r="331372" spans="14:14">
      <c r="N331372" s="10"/>
    </row>
    <row r="331373" spans="14:14">
      <c r="N331373" s="10"/>
    </row>
    <row r="331374" spans="14:14">
      <c r="N331374" s="10"/>
    </row>
    <row r="331375" spans="14:14">
      <c r="N331375" s="10"/>
    </row>
    <row r="331376" spans="14:14">
      <c r="N331376" s="10"/>
    </row>
    <row r="331377" spans="14:14">
      <c r="N331377" s="10"/>
    </row>
    <row r="331378" spans="14:14">
      <c r="N331378" s="10"/>
    </row>
    <row r="331379" spans="14:14">
      <c r="N331379" s="10"/>
    </row>
    <row r="331380" spans="14:14">
      <c r="N331380" s="10"/>
    </row>
    <row r="331381" spans="14:14">
      <c r="N331381" s="10"/>
    </row>
    <row r="331382" spans="14:14">
      <c r="N331382" s="10"/>
    </row>
    <row r="331383" spans="14:14">
      <c r="N331383" s="10"/>
    </row>
    <row r="331384" spans="14:14">
      <c r="N331384" s="10"/>
    </row>
    <row r="331385" spans="14:14">
      <c r="N331385" s="10"/>
    </row>
    <row r="331386" spans="14:14">
      <c r="N331386" s="10"/>
    </row>
    <row r="331387" spans="14:14">
      <c r="N331387" s="10"/>
    </row>
    <row r="331388" spans="14:14">
      <c r="N331388" s="10"/>
    </row>
    <row r="331389" spans="14:14">
      <c r="N331389" s="10"/>
    </row>
    <row r="331390" spans="14:14">
      <c r="N331390" s="10"/>
    </row>
    <row r="331391" spans="14:14">
      <c r="N331391" s="10"/>
    </row>
    <row r="331392" spans="14:14">
      <c r="N331392" s="10"/>
    </row>
    <row r="331393" spans="14:14">
      <c r="N331393" s="10"/>
    </row>
    <row r="331394" spans="14:14">
      <c r="N331394" s="10"/>
    </row>
    <row r="331395" spans="14:14">
      <c r="N331395" s="10"/>
    </row>
    <row r="331396" spans="14:14">
      <c r="N331396" s="10"/>
    </row>
    <row r="331397" spans="14:14">
      <c r="N331397" s="10"/>
    </row>
    <row r="331398" spans="14:14">
      <c r="N331398" s="10"/>
    </row>
    <row r="331399" spans="14:14">
      <c r="N331399" s="10"/>
    </row>
    <row r="331400" spans="14:14">
      <c r="N331400" s="10"/>
    </row>
    <row r="331401" spans="14:14">
      <c r="N331401" s="10"/>
    </row>
    <row r="331402" spans="14:14">
      <c r="N331402" s="10"/>
    </row>
    <row r="331403" spans="14:14">
      <c r="N331403" s="10"/>
    </row>
    <row r="331404" spans="14:14">
      <c r="N331404" s="10"/>
    </row>
    <row r="331405" spans="14:14">
      <c r="N331405" s="10"/>
    </row>
    <row r="331406" spans="14:14">
      <c r="N331406" s="10"/>
    </row>
    <row r="331407" spans="14:14">
      <c r="N331407" s="10"/>
    </row>
    <row r="331408" spans="14:14">
      <c r="N331408" s="10"/>
    </row>
    <row r="331409" spans="14:14">
      <c r="N331409" s="10"/>
    </row>
    <row r="331410" spans="14:14">
      <c r="N331410" s="10"/>
    </row>
    <row r="331411" spans="14:14">
      <c r="N331411" s="10"/>
    </row>
    <row r="331412" spans="14:14">
      <c r="N331412" s="10"/>
    </row>
    <row r="331413" spans="14:14">
      <c r="N331413" s="10"/>
    </row>
    <row r="331414" spans="14:14">
      <c r="N331414" s="10"/>
    </row>
    <row r="331415" spans="14:14">
      <c r="N331415" s="10"/>
    </row>
    <row r="331416" spans="14:14">
      <c r="N331416" s="10"/>
    </row>
    <row r="331417" spans="14:14">
      <c r="N331417" s="10"/>
    </row>
    <row r="331418" spans="14:14">
      <c r="N331418" s="10"/>
    </row>
    <row r="331419" spans="14:14">
      <c r="N331419" s="10"/>
    </row>
    <row r="331420" spans="14:14">
      <c r="N331420" s="10"/>
    </row>
    <row r="331421" spans="14:14">
      <c r="N331421" s="10"/>
    </row>
    <row r="331422" spans="14:14">
      <c r="N331422" s="10"/>
    </row>
    <row r="331423" spans="14:14">
      <c r="N331423" s="10"/>
    </row>
    <row r="331424" spans="14:14">
      <c r="N331424" s="10"/>
    </row>
    <row r="331425" spans="14:14">
      <c r="N331425" s="10"/>
    </row>
    <row r="331426" spans="14:14">
      <c r="N331426" s="10"/>
    </row>
    <row r="331427" spans="14:14">
      <c r="N331427" s="10"/>
    </row>
    <row r="331428" spans="14:14">
      <c r="N331428" s="10"/>
    </row>
    <row r="331429" spans="14:14">
      <c r="N331429" s="10"/>
    </row>
    <row r="331430" spans="14:14">
      <c r="N331430" s="10"/>
    </row>
    <row r="331431" spans="14:14">
      <c r="N331431" s="10"/>
    </row>
    <row r="331432" spans="14:14">
      <c r="N331432" s="10"/>
    </row>
    <row r="331433" spans="14:14">
      <c r="N331433" s="10"/>
    </row>
    <row r="331434" spans="14:14">
      <c r="N331434" s="10"/>
    </row>
    <row r="331435" spans="14:14">
      <c r="N331435" s="10"/>
    </row>
    <row r="331436" spans="14:14">
      <c r="N331436" s="10"/>
    </row>
    <row r="331437" spans="14:14">
      <c r="N331437" s="10"/>
    </row>
    <row r="331438" spans="14:14">
      <c r="N331438" s="10"/>
    </row>
    <row r="331439" spans="14:14">
      <c r="N331439" s="10"/>
    </row>
    <row r="331440" spans="14:14">
      <c r="N331440" s="10"/>
    </row>
    <row r="331441" spans="14:14">
      <c r="N331441" s="10"/>
    </row>
    <row r="331442" spans="14:14">
      <c r="N331442" s="10"/>
    </row>
    <row r="331443" spans="14:14">
      <c r="N331443" s="10"/>
    </row>
    <row r="331444" spans="14:14">
      <c r="N331444" s="10"/>
    </row>
    <row r="331445" spans="14:14">
      <c r="N331445" s="10"/>
    </row>
    <row r="331446" spans="14:14">
      <c r="N331446" s="10"/>
    </row>
    <row r="331447" spans="14:14">
      <c r="N331447" s="10"/>
    </row>
    <row r="331448" spans="14:14">
      <c r="N331448" s="10"/>
    </row>
    <row r="331449" spans="14:14">
      <c r="N331449" s="10"/>
    </row>
    <row r="331450" spans="14:14">
      <c r="N331450" s="10"/>
    </row>
    <row r="331451" spans="14:14">
      <c r="N331451" s="10"/>
    </row>
    <row r="331452" spans="14:14">
      <c r="N331452" s="10"/>
    </row>
    <row r="331453" spans="14:14">
      <c r="N331453" s="10"/>
    </row>
    <row r="331454" spans="14:14">
      <c r="N331454" s="10"/>
    </row>
    <row r="331455" spans="14:14">
      <c r="N331455" s="10"/>
    </row>
    <row r="331456" spans="14:14">
      <c r="N331456" s="10"/>
    </row>
    <row r="331457" spans="14:14">
      <c r="N331457" s="10"/>
    </row>
    <row r="331458" spans="14:14">
      <c r="N331458" s="10"/>
    </row>
    <row r="331459" spans="14:14">
      <c r="N331459" s="10"/>
    </row>
    <row r="331460" spans="14:14">
      <c r="N331460" s="10"/>
    </row>
    <row r="331461" spans="14:14">
      <c r="N331461" s="10"/>
    </row>
    <row r="331462" spans="14:14">
      <c r="N331462" s="10"/>
    </row>
    <row r="331463" spans="14:14">
      <c r="N331463" s="10"/>
    </row>
    <row r="331464" spans="14:14">
      <c r="N331464" s="10"/>
    </row>
    <row r="331465" spans="14:14">
      <c r="N331465" s="10"/>
    </row>
    <row r="331466" spans="14:14">
      <c r="N331466" s="10"/>
    </row>
    <row r="331467" spans="14:14">
      <c r="N331467" s="10"/>
    </row>
    <row r="331468" spans="14:14">
      <c r="N331468" s="10"/>
    </row>
    <row r="331469" spans="14:14">
      <c r="N331469" s="10"/>
    </row>
    <row r="331470" spans="14:14">
      <c r="N331470" s="10"/>
    </row>
    <row r="331471" spans="14:14">
      <c r="N331471" s="10"/>
    </row>
    <row r="331472" spans="14:14">
      <c r="N331472" s="10"/>
    </row>
    <row r="331473" spans="14:14">
      <c r="N331473" s="10"/>
    </row>
    <row r="331474" spans="14:14">
      <c r="N331474" s="10"/>
    </row>
    <row r="331475" spans="14:14">
      <c r="N331475" s="10"/>
    </row>
    <row r="331476" spans="14:14">
      <c r="N331476" s="10"/>
    </row>
    <row r="331477" spans="14:14">
      <c r="N331477" s="10"/>
    </row>
    <row r="331478" spans="14:14">
      <c r="N331478" s="10"/>
    </row>
    <row r="331479" spans="14:14">
      <c r="N331479" s="10"/>
    </row>
    <row r="331480" spans="14:14">
      <c r="N331480" s="10"/>
    </row>
    <row r="331481" spans="14:14">
      <c r="N331481" s="10"/>
    </row>
    <row r="331482" spans="14:14">
      <c r="N331482" s="10"/>
    </row>
    <row r="331483" spans="14:14">
      <c r="N331483" s="10"/>
    </row>
    <row r="331484" spans="14:14">
      <c r="N331484" s="10"/>
    </row>
    <row r="331485" spans="14:14">
      <c r="N331485" s="10"/>
    </row>
    <row r="331486" spans="14:14">
      <c r="N331486" s="10"/>
    </row>
    <row r="331487" spans="14:14">
      <c r="N331487" s="10"/>
    </row>
    <row r="331488" spans="14:14">
      <c r="N331488" s="10"/>
    </row>
    <row r="331489" spans="14:14">
      <c r="N331489" s="10"/>
    </row>
    <row r="331490" spans="14:14">
      <c r="N331490" s="10"/>
    </row>
    <row r="331491" spans="14:14">
      <c r="N331491" s="10"/>
    </row>
    <row r="331492" spans="14:14">
      <c r="N331492" s="10"/>
    </row>
    <row r="331493" spans="14:14">
      <c r="N331493" s="10"/>
    </row>
    <row r="331494" spans="14:14">
      <c r="N331494" s="10"/>
    </row>
    <row r="331495" spans="14:14">
      <c r="N331495" s="10"/>
    </row>
    <row r="331496" spans="14:14">
      <c r="N331496" s="10"/>
    </row>
    <row r="331497" spans="14:14">
      <c r="N331497" s="10"/>
    </row>
    <row r="331498" spans="14:14">
      <c r="N331498" s="10"/>
    </row>
    <row r="331499" spans="14:14">
      <c r="N331499" s="10"/>
    </row>
    <row r="331500" spans="14:14">
      <c r="N331500" s="10"/>
    </row>
    <row r="331501" spans="14:14">
      <c r="N331501" s="10"/>
    </row>
    <row r="331502" spans="14:14">
      <c r="N331502" s="10"/>
    </row>
    <row r="331503" spans="14:14">
      <c r="N331503" s="10"/>
    </row>
    <row r="331504" spans="14:14">
      <c r="N331504" s="10"/>
    </row>
    <row r="331505" spans="14:14">
      <c r="N331505" s="10"/>
    </row>
    <row r="331506" spans="14:14">
      <c r="N331506" s="10"/>
    </row>
    <row r="331507" spans="14:14">
      <c r="N331507" s="10"/>
    </row>
    <row r="331508" spans="14:14">
      <c r="N331508" s="10"/>
    </row>
    <row r="331509" spans="14:14">
      <c r="N331509" s="10"/>
    </row>
    <row r="331510" spans="14:14">
      <c r="N331510" s="10"/>
    </row>
    <row r="331511" spans="14:14">
      <c r="N331511" s="10"/>
    </row>
    <row r="331512" spans="14:14">
      <c r="N331512" s="10"/>
    </row>
    <row r="331513" spans="14:14">
      <c r="N331513" s="10"/>
    </row>
    <row r="331514" spans="14:14">
      <c r="N331514" s="10"/>
    </row>
    <row r="331515" spans="14:14">
      <c r="N331515" s="10"/>
    </row>
    <row r="331516" spans="14:14">
      <c r="N331516" s="10"/>
    </row>
    <row r="331517" spans="14:14">
      <c r="N331517" s="10"/>
    </row>
    <row r="331518" spans="14:14">
      <c r="N331518" s="10"/>
    </row>
    <row r="331519" spans="14:14">
      <c r="N331519" s="10"/>
    </row>
    <row r="331520" spans="14:14">
      <c r="N331520" s="10"/>
    </row>
    <row r="331521" spans="14:14">
      <c r="N331521" s="10"/>
    </row>
    <row r="331522" spans="14:14">
      <c r="N331522" s="10"/>
    </row>
    <row r="331523" spans="14:14">
      <c r="N331523" s="10"/>
    </row>
    <row r="331524" spans="14:14">
      <c r="N331524" s="10"/>
    </row>
    <row r="331525" spans="14:14">
      <c r="N331525" s="10"/>
    </row>
    <row r="331526" spans="14:14">
      <c r="N331526" s="10"/>
    </row>
    <row r="331527" spans="14:14">
      <c r="N331527" s="10"/>
    </row>
    <row r="331528" spans="14:14">
      <c r="N331528" s="10"/>
    </row>
    <row r="331529" spans="14:14">
      <c r="N331529" s="10"/>
    </row>
    <row r="331530" spans="14:14">
      <c r="N331530" s="10"/>
    </row>
    <row r="331531" spans="14:14">
      <c r="N331531" s="10"/>
    </row>
    <row r="331532" spans="14:14">
      <c r="N331532" s="10"/>
    </row>
    <row r="331533" spans="14:14">
      <c r="N331533" s="10"/>
    </row>
    <row r="331534" spans="14:14">
      <c r="N331534" s="10"/>
    </row>
    <row r="331535" spans="14:14">
      <c r="N331535" s="10"/>
    </row>
    <row r="331536" spans="14:14">
      <c r="N331536" s="10"/>
    </row>
    <row r="331537" spans="14:14">
      <c r="N331537" s="10"/>
    </row>
    <row r="331538" spans="14:14">
      <c r="N331538" s="10"/>
    </row>
    <row r="331539" spans="14:14">
      <c r="N331539" s="10"/>
    </row>
    <row r="331540" spans="14:14">
      <c r="N331540" s="10"/>
    </row>
    <row r="331541" spans="14:14">
      <c r="N331541" s="10"/>
    </row>
    <row r="331542" spans="14:14">
      <c r="N331542" s="10"/>
    </row>
    <row r="331543" spans="14:14">
      <c r="N331543" s="10"/>
    </row>
    <row r="331544" spans="14:14">
      <c r="N331544" s="10"/>
    </row>
    <row r="331545" spans="14:14">
      <c r="N331545" s="10"/>
    </row>
    <row r="331546" spans="14:14">
      <c r="N331546" s="10"/>
    </row>
    <row r="331547" spans="14:14">
      <c r="N331547" s="10"/>
    </row>
    <row r="331548" spans="14:14">
      <c r="N331548" s="10"/>
    </row>
    <row r="331549" spans="14:14">
      <c r="N331549" s="10"/>
    </row>
    <row r="331550" spans="14:14">
      <c r="N331550" s="10"/>
    </row>
    <row r="331551" spans="14:14">
      <c r="N331551" s="10"/>
    </row>
    <row r="331552" spans="14:14">
      <c r="N331552" s="10"/>
    </row>
    <row r="331553" spans="14:14">
      <c r="N331553" s="10"/>
    </row>
    <row r="331554" spans="14:14">
      <c r="N331554" s="10"/>
    </row>
    <row r="331555" spans="14:14">
      <c r="N331555" s="10"/>
    </row>
    <row r="331556" spans="14:14">
      <c r="N331556" s="10"/>
    </row>
    <row r="331557" spans="14:14">
      <c r="N331557" s="10"/>
    </row>
    <row r="331558" spans="14:14">
      <c r="N331558" s="10"/>
    </row>
    <row r="331559" spans="14:14">
      <c r="N331559" s="10"/>
    </row>
    <row r="331560" spans="14:14">
      <c r="N331560" s="10"/>
    </row>
    <row r="331561" spans="14:14">
      <c r="N331561" s="10"/>
    </row>
    <row r="331562" spans="14:14">
      <c r="N331562" s="10"/>
    </row>
    <row r="331563" spans="14:14">
      <c r="N331563" s="10"/>
    </row>
    <row r="331564" spans="14:14">
      <c r="N331564" s="10"/>
    </row>
    <row r="331565" spans="14:14">
      <c r="N331565" s="10"/>
    </row>
    <row r="331566" spans="14:14">
      <c r="N331566" s="10"/>
    </row>
    <row r="331567" spans="14:14">
      <c r="N331567" s="10"/>
    </row>
    <row r="331568" spans="14:14">
      <c r="N331568" s="10"/>
    </row>
    <row r="331569" spans="14:14">
      <c r="N331569" s="10"/>
    </row>
    <row r="331570" spans="14:14">
      <c r="N331570" s="10"/>
    </row>
    <row r="331571" spans="14:14">
      <c r="N331571" s="10"/>
    </row>
    <row r="331572" spans="14:14">
      <c r="N331572" s="10"/>
    </row>
    <row r="331573" spans="14:14">
      <c r="N331573" s="10"/>
    </row>
    <row r="331574" spans="14:14">
      <c r="N331574" s="10"/>
    </row>
    <row r="331575" spans="14:14">
      <c r="N331575" s="10"/>
    </row>
    <row r="331576" spans="14:14">
      <c r="N331576" s="10"/>
    </row>
    <row r="331577" spans="14:14">
      <c r="N331577" s="10"/>
    </row>
    <row r="331578" spans="14:14">
      <c r="N331578" s="10"/>
    </row>
    <row r="331579" spans="14:14">
      <c r="N331579" s="10"/>
    </row>
    <row r="331580" spans="14:14">
      <c r="N331580" s="10"/>
    </row>
    <row r="331581" spans="14:14">
      <c r="N331581" s="10"/>
    </row>
    <row r="331582" spans="14:14">
      <c r="N331582" s="10"/>
    </row>
    <row r="331583" spans="14:14">
      <c r="N331583" s="10"/>
    </row>
    <row r="331584" spans="14:14">
      <c r="N331584" s="10"/>
    </row>
    <row r="331585" spans="14:14">
      <c r="N331585" s="10"/>
    </row>
    <row r="331586" spans="14:14">
      <c r="N331586" s="10"/>
    </row>
    <row r="331587" spans="14:14">
      <c r="N331587" s="10"/>
    </row>
    <row r="331588" spans="14:14">
      <c r="N331588" s="10"/>
    </row>
    <row r="331589" spans="14:14">
      <c r="N331589" s="10"/>
    </row>
    <row r="331590" spans="14:14">
      <c r="N331590" s="10"/>
    </row>
    <row r="331591" spans="14:14">
      <c r="N331591" s="10"/>
    </row>
    <row r="331592" spans="14:14">
      <c r="N331592" s="10"/>
    </row>
    <row r="331593" spans="14:14">
      <c r="N331593" s="10"/>
    </row>
    <row r="331594" spans="14:14">
      <c r="N331594" s="10"/>
    </row>
    <row r="331595" spans="14:14">
      <c r="N331595" s="10"/>
    </row>
    <row r="331596" spans="14:14">
      <c r="N331596" s="10"/>
    </row>
    <row r="331597" spans="14:14">
      <c r="N331597" s="10"/>
    </row>
    <row r="331598" spans="14:14">
      <c r="N331598" s="10"/>
    </row>
    <row r="331599" spans="14:14">
      <c r="N331599" s="10"/>
    </row>
    <row r="331600" spans="14:14">
      <c r="N331600" s="10"/>
    </row>
    <row r="331601" spans="14:14">
      <c r="N331601" s="10"/>
    </row>
    <row r="331602" spans="14:14">
      <c r="N331602" s="10"/>
    </row>
    <row r="331603" spans="14:14">
      <c r="N331603" s="10"/>
    </row>
    <row r="331604" spans="14:14">
      <c r="N331604" s="10"/>
    </row>
    <row r="331605" spans="14:14">
      <c r="N331605" s="10"/>
    </row>
    <row r="331606" spans="14:14">
      <c r="N331606" s="10"/>
    </row>
    <row r="331607" spans="14:14">
      <c r="N331607" s="10"/>
    </row>
    <row r="331608" spans="14:14">
      <c r="N331608" s="10"/>
    </row>
    <row r="331609" spans="14:14">
      <c r="N331609" s="10"/>
    </row>
    <row r="331610" spans="14:14">
      <c r="N331610" s="10"/>
    </row>
    <row r="331611" spans="14:14">
      <c r="N331611" s="10"/>
    </row>
    <row r="331612" spans="14:14">
      <c r="N331612" s="10"/>
    </row>
    <row r="331613" spans="14:14">
      <c r="N331613" s="10"/>
    </row>
    <row r="331614" spans="14:14">
      <c r="N331614" s="10"/>
    </row>
    <row r="331615" spans="14:14">
      <c r="N331615" s="10"/>
    </row>
    <row r="331616" spans="14:14">
      <c r="N331616" s="10"/>
    </row>
    <row r="331617" spans="14:14">
      <c r="N331617" s="10"/>
    </row>
    <row r="331618" spans="14:14">
      <c r="N331618" s="10"/>
    </row>
    <row r="331619" spans="14:14">
      <c r="N331619" s="10"/>
    </row>
    <row r="331620" spans="14:14">
      <c r="N331620" s="10"/>
    </row>
    <row r="331621" spans="14:14">
      <c r="N331621" s="10"/>
    </row>
    <row r="331622" spans="14:14">
      <c r="N331622" s="10"/>
    </row>
    <row r="331623" spans="14:14">
      <c r="N331623" s="10"/>
    </row>
    <row r="331624" spans="14:14">
      <c r="N331624" s="10"/>
    </row>
    <row r="331625" spans="14:14">
      <c r="N331625" s="10"/>
    </row>
    <row r="331626" spans="14:14">
      <c r="N331626" s="10"/>
    </row>
    <row r="331627" spans="14:14">
      <c r="N331627" s="10"/>
    </row>
    <row r="331628" spans="14:14">
      <c r="N331628" s="10"/>
    </row>
    <row r="331629" spans="14:14">
      <c r="N331629" s="10"/>
    </row>
    <row r="331630" spans="14:14">
      <c r="N331630" s="10"/>
    </row>
    <row r="331631" spans="14:14">
      <c r="N331631" s="10"/>
    </row>
    <row r="331632" spans="14:14">
      <c r="N331632" s="10"/>
    </row>
    <row r="331633" spans="14:14">
      <c r="N331633" s="10"/>
    </row>
    <row r="331634" spans="14:14">
      <c r="N331634" s="10"/>
    </row>
    <row r="331635" spans="14:14">
      <c r="N331635" s="10"/>
    </row>
    <row r="331636" spans="14:14">
      <c r="N331636" s="10"/>
    </row>
    <row r="331637" spans="14:14">
      <c r="N331637" s="10"/>
    </row>
    <row r="331638" spans="14:14">
      <c r="N331638" s="10"/>
    </row>
    <row r="331639" spans="14:14">
      <c r="N331639" s="10"/>
    </row>
    <row r="331640" spans="14:14">
      <c r="N331640" s="10"/>
    </row>
    <row r="331641" spans="14:14">
      <c r="N331641" s="10"/>
    </row>
    <row r="331642" spans="14:14">
      <c r="N331642" s="10"/>
    </row>
    <row r="331643" spans="14:14">
      <c r="N331643" s="10"/>
    </row>
    <row r="331644" spans="14:14">
      <c r="N331644" s="10"/>
    </row>
    <row r="331645" spans="14:14">
      <c r="N331645" s="10"/>
    </row>
    <row r="331646" spans="14:14">
      <c r="N331646" s="10"/>
    </row>
    <row r="331647" spans="14:14">
      <c r="N331647" s="10"/>
    </row>
    <row r="331648" spans="14:14">
      <c r="N331648" s="10"/>
    </row>
    <row r="331649" spans="14:14">
      <c r="N331649" s="10"/>
    </row>
    <row r="331650" spans="14:14">
      <c r="N331650" s="10"/>
    </row>
    <row r="331651" spans="14:14">
      <c r="N331651" s="10"/>
    </row>
    <row r="331652" spans="14:14">
      <c r="N331652" s="10"/>
    </row>
    <row r="331653" spans="14:14">
      <c r="N331653" s="10"/>
    </row>
    <row r="331654" spans="14:14">
      <c r="N331654" s="10"/>
    </row>
    <row r="331655" spans="14:14">
      <c r="N331655" s="10"/>
    </row>
    <row r="331656" spans="14:14">
      <c r="N331656" s="10"/>
    </row>
    <row r="331657" spans="14:14">
      <c r="N331657" s="10"/>
    </row>
    <row r="331658" spans="14:14">
      <c r="N331658" s="10"/>
    </row>
    <row r="331659" spans="14:14">
      <c r="N331659" s="10"/>
    </row>
    <row r="331660" spans="14:14">
      <c r="N331660" s="10"/>
    </row>
    <row r="331661" spans="14:14">
      <c r="N331661" s="10"/>
    </row>
    <row r="331662" spans="14:14">
      <c r="N331662" s="10"/>
    </row>
    <row r="331663" spans="14:14">
      <c r="N331663" s="10"/>
    </row>
    <row r="331664" spans="14:14">
      <c r="N331664" s="10"/>
    </row>
    <row r="331665" spans="14:14">
      <c r="N331665" s="10"/>
    </row>
    <row r="331666" spans="14:14">
      <c r="N331666" s="10"/>
    </row>
    <row r="331667" spans="14:14">
      <c r="N331667" s="10"/>
    </row>
    <row r="331668" spans="14:14">
      <c r="N331668" s="10"/>
    </row>
    <row r="331669" spans="14:14">
      <c r="N331669" s="10"/>
    </row>
    <row r="331670" spans="14:14">
      <c r="N331670" s="10"/>
    </row>
    <row r="331671" spans="14:14">
      <c r="N331671" s="10"/>
    </row>
    <row r="331672" spans="14:14">
      <c r="N331672" s="10"/>
    </row>
    <row r="331673" spans="14:14">
      <c r="N331673" s="10"/>
    </row>
    <row r="331674" spans="14:14">
      <c r="N331674" s="10"/>
    </row>
    <row r="331675" spans="14:14">
      <c r="N331675" s="10"/>
    </row>
    <row r="331676" spans="14:14">
      <c r="N331676" s="10"/>
    </row>
    <row r="331677" spans="14:14">
      <c r="N331677" s="10"/>
    </row>
    <row r="331678" spans="14:14">
      <c r="N331678" s="10"/>
    </row>
    <row r="331679" spans="14:14">
      <c r="N331679" s="10"/>
    </row>
    <row r="331680" spans="14:14">
      <c r="N331680" s="10"/>
    </row>
    <row r="331681" spans="14:14">
      <c r="N331681" s="10"/>
    </row>
    <row r="331682" spans="14:14">
      <c r="N331682" s="10"/>
    </row>
    <row r="331683" spans="14:14">
      <c r="N331683" s="10"/>
    </row>
    <row r="331684" spans="14:14">
      <c r="N331684" s="10"/>
    </row>
    <row r="331685" spans="14:14">
      <c r="N331685" s="10"/>
    </row>
    <row r="331686" spans="14:14">
      <c r="N331686" s="10"/>
    </row>
    <row r="331687" spans="14:14">
      <c r="N331687" s="10"/>
    </row>
    <row r="331688" spans="14:14">
      <c r="N331688" s="10"/>
    </row>
    <row r="331689" spans="14:14">
      <c r="N331689" s="10"/>
    </row>
    <row r="331690" spans="14:14">
      <c r="N331690" s="10"/>
    </row>
    <row r="331691" spans="14:14">
      <c r="N331691" s="10"/>
    </row>
    <row r="331692" spans="14:14">
      <c r="N331692" s="10"/>
    </row>
    <row r="331693" spans="14:14">
      <c r="N331693" s="10"/>
    </row>
    <row r="331694" spans="14:14">
      <c r="N331694" s="10"/>
    </row>
    <row r="331695" spans="14:14">
      <c r="N331695" s="10"/>
    </row>
    <row r="331696" spans="14:14">
      <c r="N331696" s="10"/>
    </row>
    <row r="331697" spans="14:14">
      <c r="N331697" s="10"/>
    </row>
    <row r="331698" spans="14:14">
      <c r="N331698" s="10"/>
    </row>
    <row r="331699" spans="14:14">
      <c r="N331699" s="10"/>
    </row>
    <row r="331700" spans="14:14">
      <c r="N331700" s="10"/>
    </row>
    <row r="331701" spans="14:14">
      <c r="N331701" s="10"/>
    </row>
    <row r="331702" spans="14:14">
      <c r="N331702" s="10"/>
    </row>
    <row r="331703" spans="14:14">
      <c r="N331703" s="10"/>
    </row>
    <row r="331704" spans="14:14">
      <c r="N331704" s="10"/>
    </row>
    <row r="331705" spans="14:14">
      <c r="N331705" s="10"/>
    </row>
    <row r="331706" spans="14:14">
      <c r="N331706" s="10"/>
    </row>
    <row r="331707" spans="14:14">
      <c r="N331707" s="10"/>
    </row>
    <row r="331708" spans="14:14">
      <c r="N331708" s="10"/>
    </row>
    <row r="331709" spans="14:14">
      <c r="N331709" s="10"/>
    </row>
    <row r="331710" spans="14:14">
      <c r="N331710" s="10"/>
    </row>
    <row r="331711" spans="14:14">
      <c r="N331711" s="10"/>
    </row>
    <row r="331712" spans="14:14">
      <c r="N331712" s="10"/>
    </row>
    <row r="331713" spans="14:14">
      <c r="N331713" s="10"/>
    </row>
    <row r="331714" spans="14:14">
      <c r="N331714" s="10"/>
    </row>
    <row r="331715" spans="14:14">
      <c r="N331715" s="10"/>
    </row>
    <row r="331716" spans="14:14">
      <c r="N331716" s="10"/>
    </row>
    <row r="331717" spans="14:14">
      <c r="N331717" s="10"/>
    </row>
    <row r="331718" spans="14:14">
      <c r="N331718" s="10"/>
    </row>
    <row r="331719" spans="14:14">
      <c r="N331719" s="10"/>
    </row>
    <row r="331720" spans="14:14">
      <c r="N331720" s="10"/>
    </row>
    <row r="331721" spans="14:14">
      <c r="N331721" s="10"/>
    </row>
    <row r="331722" spans="14:14">
      <c r="N331722" s="10"/>
    </row>
    <row r="331723" spans="14:14">
      <c r="N331723" s="10"/>
    </row>
    <row r="331724" spans="14:14">
      <c r="N331724" s="10"/>
    </row>
    <row r="331725" spans="14:14">
      <c r="N331725" s="10"/>
    </row>
    <row r="331726" spans="14:14">
      <c r="N331726" s="10"/>
    </row>
    <row r="331727" spans="14:14">
      <c r="N331727" s="10"/>
    </row>
    <row r="331728" spans="14:14">
      <c r="N331728" s="10"/>
    </row>
    <row r="331729" spans="14:14">
      <c r="N331729" s="10"/>
    </row>
    <row r="331730" spans="14:14">
      <c r="N331730" s="10"/>
    </row>
    <row r="331731" spans="14:14">
      <c r="N331731" s="10"/>
    </row>
    <row r="331732" spans="14:14">
      <c r="N331732" s="10"/>
    </row>
    <row r="331733" spans="14:14">
      <c r="N331733" s="10"/>
    </row>
    <row r="331734" spans="14:14">
      <c r="N331734" s="10"/>
    </row>
    <row r="331735" spans="14:14">
      <c r="N331735" s="10"/>
    </row>
    <row r="331736" spans="14:14">
      <c r="N331736" s="10"/>
    </row>
    <row r="331737" spans="14:14">
      <c r="N331737" s="10"/>
    </row>
    <row r="331738" spans="14:14">
      <c r="N331738" s="10"/>
    </row>
    <row r="331739" spans="14:14">
      <c r="N331739" s="10"/>
    </row>
    <row r="331740" spans="14:14">
      <c r="N331740" s="10"/>
    </row>
    <row r="331741" spans="14:14">
      <c r="N331741" s="10"/>
    </row>
    <row r="331742" spans="14:14">
      <c r="N331742" s="10"/>
    </row>
    <row r="331743" spans="14:14">
      <c r="N331743" s="10"/>
    </row>
    <row r="331744" spans="14:14">
      <c r="N331744" s="10"/>
    </row>
    <row r="331745" spans="14:14">
      <c r="N331745" s="10"/>
    </row>
    <row r="331746" spans="14:14">
      <c r="N331746" s="10"/>
    </row>
    <row r="331747" spans="14:14">
      <c r="N331747" s="10"/>
    </row>
    <row r="331748" spans="14:14">
      <c r="N331748" s="10"/>
    </row>
    <row r="331749" spans="14:14">
      <c r="N331749" s="10"/>
    </row>
    <row r="331750" spans="14:14">
      <c r="N331750" s="10"/>
    </row>
    <row r="331751" spans="14:14">
      <c r="N331751" s="10"/>
    </row>
    <row r="331752" spans="14:14">
      <c r="N331752" s="10"/>
    </row>
    <row r="331753" spans="14:14">
      <c r="N331753" s="10"/>
    </row>
    <row r="331754" spans="14:14">
      <c r="N331754" s="10"/>
    </row>
    <row r="331755" spans="14:14">
      <c r="N331755" s="10"/>
    </row>
    <row r="331756" spans="14:14">
      <c r="N331756" s="10"/>
    </row>
    <row r="331757" spans="14:14">
      <c r="N331757" s="10"/>
    </row>
    <row r="331758" spans="14:14">
      <c r="N331758" s="10"/>
    </row>
    <row r="331759" spans="14:14">
      <c r="N331759" s="10"/>
    </row>
    <row r="331760" spans="14:14">
      <c r="N331760" s="10"/>
    </row>
    <row r="331761" spans="14:14">
      <c r="N331761" s="10"/>
    </row>
    <row r="331762" spans="14:14">
      <c r="N331762" s="10"/>
    </row>
    <row r="331763" spans="14:14">
      <c r="N331763" s="10"/>
    </row>
    <row r="331764" spans="14:14">
      <c r="N331764" s="10"/>
    </row>
    <row r="331765" spans="14:14">
      <c r="N331765" s="10"/>
    </row>
    <row r="331766" spans="14:14">
      <c r="N331766" s="10"/>
    </row>
    <row r="331767" spans="14:14">
      <c r="N331767" s="10"/>
    </row>
    <row r="331768" spans="14:14">
      <c r="N331768" s="10"/>
    </row>
    <row r="331769" spans="14:14">
      <c r="N331769" s="10"/>
    </row>
    <row r="331770" spans="14:14">
      <c r="N331770" s="10"/>
    </row>
    <row r="331771" spans="14:14">
      <c r="N331771" s="10"/>
    </row>
    <row r="331772" spans="14:14">
      <c r="N331772" s="10"/>
    </row>
    <row r="331773" spans="14:14">
      <c r="N331773" s="10"/>
    </row>
    <row r="331774" spans="14:14">
      <c r="N331774" s="10"/>
    </row>
    <row r="331775" spans="14:14">
      <c r="N331775" s="10"/>
    </row>
    <row r="331776" spans="14:14">
      <c r="N331776" s="10"/>
    </row>
    <row r="331777" spans="14:14">
      <c r="N331777" s="10"/>
    </row>
    <row r="331778" spans="14:14">
      <c r="N331778" s="10"/>
    </row>
    <row r="331779" spans="14:14">
      <c r="N331779" s="10"/>
    </row>
    <row r="331780" spans="14:14">
      <c r="N331780" s="10"/>
    </row>
    <row r="331781" spans="14:14">
      <c r="N331781" s="10"/>
    </row>
    <row r="331782" spans="14:14">
      <c r="N331782" s="10"/>
    </row>
    <row r="331783" spans="14:14">
      <c r="N331783" s="10"/>
    </row>
    <row r="331784" spans="14:14">
      <c r="N331784" s="10"/>
    </row>
    <row r="331785" spans="14:14">
      <c r="N331785" s="10"/>
    </row>
    <row r="331786" spans="14:14">
      <c r="N331786" s="10"/>
    </row>
    <row r="331787" spans="14:14">
      <c r="N331787" s="10"/>
    </row>
    <row r="331788" spans="14:14">
      <c r="N331788" s="10"/>
    </row>
    <row r="331789" spans="14:14">
      <c r="N331789" s="10"/>
    </row>
    <row r="331790" spans="14:14">
      <c r="N331790" s="10"/>
    </row>
    <row r="331791" spans="14:14">
      <c r="N331791" s="10"/>
    </row>
    <row r="331792" spans="14:14">
      <c r="N331792" s="10"/>
    </row>
    <row r="331793" spans="14:14">
      <c r="N331793" s="10"/>
    </row>
    <row r="331794" spans="14:14">
      <c r="N331794" s="10"/>
    </row>
    <row r="331795" spans="14:14">
      <c r="N331795" s="10"/>
    </row>
    <row r="331796" spans="14:14">
      <c r="N331796" s="10"/>
    </row>
    <row r="331797" spans="14:14">
      <c r="N331797" s="10"/>
    </row>
    <row r="331798" spans="14:14">
      <c r="N331798" s="10"/>
    </row>
    <row r="331799" spans="14:14">
      <c r="N331799" s="10"/>
    </row>
    <row r="331800" spans="14:14">
      <c r="N331800" s="10"/>
    </row>
    <row r="331801" spans="14:14">
      <c r="N331801" s="10"/>
    </row>
    <row r="331802" spans="14:14">
      <c r="N331802" s="10"/>
    </row>
    <row r="331803" spans="14:14">
      <c r="N331803" s="10"/>
    </row>
    <row r="331804" spans="14:14">
      <c r="N331804" s="10"/>
    </row>
    <row r="331805" spans="14:14">
      <c r="N331805" s="10"/>
    </row>
    <row r="331806" spans="14:14">
      <c r="N331806" s="10"/>
    </row>
    <row r="331807" spans="14:14">
      <c r="N331807" s="10"/>
    </row>
    <row r="331808" spans="14:14">
      <c r="N331808" s="10"/>
    </row>
    <row r="331809" spans="14:14">
      <c r="N331809" s="10"/>
    </row>
    <row r="331810" spans="14:14">
      <c r="N331810" s="10"/>
    </row>
    <row r="331811" spans="14:14">
      <c r="N331811" s="10"/>
    </row>
    <row r="331812" spans="14:14">
      <c r="N331812" s="10"/>
    </row>
    <row r="331813" spans="14:14">
      <c r="N331813" s="10"/>
    </row>
    <row r="331814" spans="14:14">
      <c r="N331814" s="10"/>
    </row>
    <row r="331815" spans="14:14">
      <c r="N331815" s="10"/>
    </row>
    <row r="331816" spans="14:14">
      <c r="N331816" s="10"/>
    </row>
    <row r="331817" spans="14:14">
      <c r="N331817" s="10"/>
    </row>
    <row r="331818" spans="14:14">
      <c r="N331818" s="10"/>
    </row>
    <row r="331819" spans="14:14">
      <c r="N331819" s="10"/>
    </row>
    <row r="331820" spans="14:14">
      <c r="N331820" s="10"/>
    </row>
    <row r="331821" spans="14:14">
      <c r="N331821" s="10"/>
    </row>
    <row r="331822" spans="14:14">
      <c r="N331822" s="10"/>
    </row>
    <row r="331823" spans="14:14">
      <c r="N331823" s="10"/>
    </row>
    <row r="331824" spans="14:14">
      <c r="N331824" s="10"/>
    </row>
    <row r="331825" spans="14:14">
      <c r="N331825" s="10"/>
    </row>
    <row r="331826" spans="14:14">
      <c r="N331826" s="10"/>
    </row>
    <row r="331827" spans="14:14">
      <c r="N331827" s="10"/>
    </row>
    <row r="331828" spans="14:14">
      <c r="N331828" s="10"/>
    </row>
    <row r="331829" spans="14:14">
      <c r="N331829" s="10"/>
    </row>
    <row r="331830" spans="14:14">
      <c r="N331830" s="10"/>
    </row>
    <row r="331831" spans="14:14">
      <c r="N331831" s="10"/>
    </row>
    <row r="331832" spans="14:14">
      <c r="N331832" s="10"/>
    </row>
    <row r="331833" spans="14:14">
      <c r="N331833" s="10"/>
    </row>
    <row r="331834" spans="14:14">
      <c r="N331834" s="10"/>
    </row>
    <row r="331835" spans="14:14">
      <c r="N331835" s="10"/>
    </row>
    <row r="331836" spans="14:14">
      <c r="N331836" s="10"/>
    </row>
    <row r="331837" spans="14:14">
      <c r="N331837" s="10"/>
    </row>
    <row r="331838" spans="14:14">
      <c r="N331838" s="10"/>
    </row>
    <row r="331839" spans="14:14">
      <c r="N331839" s="10"/>
    </row>
    <row r="331840" spans="14:14">
      <c r="N331840" s="10"/>
    </row>
    <row r="331841" spans="14:14">
      <c r="N331841" s="10"/>
    </row>
    <row r="331842" spans="14:14">
      <c r="N331842" s="10"/>
    </row>
    <row r="331843" spans="14:14">
      <c r="N331843" s="10"/>
    </row>
    <row r="331844" spans="14:14">
      <c r="N331844" s="10"/>
    </row>
    <row r="331845" spans="14:14">
      <c r="N331845" s="10"/>
    </row>
    <row r="331846" spans="14:14">
      <c r="N331846" s="10"/>
    </row>
    <row r="331847" spans="14:14">
      <c r="N331847" s="10"/>
    </row>
    <row r="331848" spans="14:14">
      <c r="N331848" s="10"/>
    </row>
    <row r="331849" spans="14:14">
      <c r="N331849" s="10"/>
    </row>
    <row r="331850" spans="14:14">
      <c r="N331850" s="10"/>
    </row>
    <row r="331851" spans="14:14">
      <c r="N331851" s="10"/>
    </row>
    <row r="331852" spans="14:14">
      <c r="N331852" s="10"/>
    </row>
    <row r="331853" spans="14:14">
      <c r="N331853" s="10"/>
    </row>
    <row r="331854" spans="14:14">
      <c r="N331854" s="10"/>
    </row>
    <row r="331855" spans="14:14">
      <c r="N331855" s="10"/>
    </row>
    <row r="331856" spans="14:14">
      <c r="N331856" s="10"/>
    </row>
    <row r="331857" spans="14:14">
      <c r="N331857" s="10"/>
    </row>
    <row r="331858" spans="14:14">
      <c r="N331858" s="10"/>
    </row>
    <row r="331859" spans="14:14">
      <c r="N331859" s="10"/>
    </row>
    <row r="331860" spans="14:14">
      <c r="N331860" s="10"/>
    </row>
    <row r="331861" spans="14:14">
      <c r="N331861" s="10"/>
    </row>
    <row r="331862" spans="14:14">
      <c r="N331862" s="10"/>
    </row>
    <row r="331863" spans="14:14">
      <c r="N331863" s="10"/>
    </row>
    <row r="331864" spans="14:14">
      <c r="N331864" s="10"/>
    </row>
    <row r="331865" spans="14:14">
      <c r="N331865" s="10"/>
    </row>
    <row r="331866" spans="14:14">
      <c r="N331866" s="10"/>
    </row>
    <row r="331867" spans="14:14">
      <c r="N331867" s="10"/>
    </row>
    <row r="331868" spans="14:14">
      <c r="N331868" s="10"/>
    </row>
    <row r="331869" spans="14:14">
      <c r="N331869" s="10"/>
    </row>
    <row r="331870" spans="14:14">
      <c r="N331870" s="10"/>
    </row>
    <row r="331871" spans="14:14">
      <c r="N331871" s="10"/>
    </row>
    <row r="331872" spans="14:14">
      <c r="N331872" s="10"/>
    </row>
    <row r="331873" spans="14:14">
      <c r="N331873" s="10"/>
    </row>
    <row r="331874" spans="14:14">
      <c r="N331874" s="10"/>
    </row>
    <row r="331875" spans="14:14">
      <c r="N331875" s="10"/>
    </row>
    <row r="331876" spans="14:14">
      <c r="N331876" s="10"/>
    </row>
    <row r="331877" spans="14:14">
      <c r="N331877" s="10"/>
    </row>
    <row r="331878" spans="14:14">
      <c r="N331878" s="10"/>
    </row>
    <row r="331879" spans="14:14">
      <c r="N331879" s="10"/>
    </row>
    <row r="331880" spans="14:14">
      <c r="N331880" s="10"/>
    </row>
    <row r="331881" spans="14:14">
      <c r="N331881" s="10"/>
    </row>
    <row r="331882" spans="14:14">
      <c r="N331882" s="10"/>
    </row>
    <row r="331883" spans="14:14">
      <c r="N331883" s="10"/>
    </row>
    <row r="331884" spans="14:14">
      <c r="N331884" s="10"/>
    </row>
    <row r="331885" spans="14:14">
      <c r="N331885" s="10"/>
    </row>
    <row r="331886" spans="14:14">
      <c r="N331886" s="10"/>
    </row>
    <row r="331887" spans="14:14">
      <c r="N331887" s="10"/>
    </row>
    <row r="331888" spans="14:14">
      <c r="N331888" s="10"/>
    </row>
    <row r="331889" spans="14:14">
      <c r="N331889" s="10"/>
    </row>
    <row r="331890" spans="14:14">
      <c r="N331890" s="10"/>
    </row>
    <row r="331891" spans="14:14">
      <c r="N331891" s="10"/>
    </row>
    <row r="331892" spans="14:14">
      <c r="N331892" s="10"/>
    </row>
    <row r="331893" spans="14:14">
      <c r="N331893" s="10"/>
    </row>
    <row r="331894" spans="14:14">
      <c r="N331894" s="10"/>
    </row>
    <row r="331895" spans="14:14">
      <c r="N331895" s="10"/>
    </row>
    <row r="331896" spans="14:14">
      <c r="N331896" s="10"/>
    </row>
    <row r="331897" spans="14:14">
      <c r="N331897" s="10"/>
    </row>
    <row r="331898" spans="14:14">
      <c r="N331898" s="10"/>
    </row>
    <row r="331899" spans="14:14">
      <c r="N331899" s="10"/>
    </row>
    <row r="331900" spans="14:14">
      <c r="N331900" s="10"/>
    </row>
    <row r="331901" spans="14:14">
      <c r="N331901" s="10"/>
    </row>
    <row r="331902" spans="14:14">
      <c r="N331902" s="10"/>
    </row>
    <row r="331903" spans="14:14">
      <c r="N331903" s="10"/>
    </row>
    <row r="331904" spans="14:14">
      <c r="N331904" s="10"/>
    </row>
    <row r="331905" spans="14:14">
      <c r="N331905" s="10"/>
    </row>
    <row r="331906" spans="14:14">
      <c r="N331906" s="10"/>
    </row>
    <row r="331907" spans="14:14">
      <c r="N331907" s="10"/>
    </row>
    <row r="331908" spans="14:14">
      <c r="N331908" s="10"/>
    </row>
    <row r="331909" spans="14:14">
      <c r="N331909" s="10"/>
    </row>
    <row r="331910" spans="14:14">
      <c r="N331910" s="10"/>
    </row>
    <row r="331911" spans="14:14">
      <c r="N331911" s="10"/>
    </row>
    <row r="331912" spans="14:14">
      <c r="N331912" s="10"/>
    </row>
    <row r="331913" spans="14:14">
      <c r="N331913" s="10"/>
    </row>
    <row r="331914" spans="14:14">
      <c r="N331914" s="10"/>
    </row>
    <row r="331915" spans="14:14">
      <c r="N331915" s="10"/>
    </row>
    <row r="331916" spans="14:14">
      <c r="N331916" s="10"/>
    </row>
    <row r="331917" spans="14:14">
      <c r="N331917" s="10"/>
    </row>
    <row r="331918" spans="14:14">
      <c r="N331918" s="10"/>
    </row>
    <row r="331919" spans="14:14">
      <c r="N331919" s="10"/>
    </row>
    <row r="331920" spans="14:14">
      <c r="N331920" s="10"/>
    </row>
    <row r="331921" spans="14:14">
      <c r="N331921" s="10"/>
    </row>
    <row r="331922" spans="14:14">
      <c r="N331922" s="10"/>
    </row>
    <row r="331923" spans="14:14">
      <c r="N331923" s="10"/>
    </row>
    <row r="331924" spans="14:14">
      <c r="N331924" s="10"/>
    </row>
    <row r="331925" spans="14:14">
      <c r="N331925" s="10"/>
    </row>
    <row r="331926" spans="14:14">
      <c r="N331926" s="10"/>
    </row>
    <row r="331927" spans="14:14">
      <c r="N331927" s="10"/>
    </row>
    <row r="331928" spans="14:14">
      <c r="N331928" s="10"/>
    </row>
    <row r="331929" spans="14:14">
      <c r="N331929" s="10"/>
    </row>
    <row r="331930" spans="14:14">
      <c r="N331930" s="10"/>
    </row>
    <row r="331931" spans="14:14">
      <c r="N331931" s="10"/>
    </row>
    <row r="331932" spans="14:14">
      <c r="N331932" s="10"/>
    </row>
    <row r="331933" spans="14:14">
      <c r="N331933" s="10"/>
    </row>
    <row r="331934" spans="14:14">
      <c r="N331934" s="10"/>
    </row>
    <row r="331935" spans="14:14">
      <c r="N331935" s="10"/>
    </row>
    <row r="331936" spans="14:14">
      <c r="N331936" s="10"/>
    </row>
    <row r="331937" spans="14:14">
      <c r="N331937" s="10"/>
    </row>
    <row r="331938" spans="14:14">
      <c r="N331938" s="10"/>
    </row>
    <row r="331939" spans="14:14">
      <c r="N331939" s="10"/>
    </row>
    <row r="331940" spans="14:14">
      <c r="N331940" s="10"/>
    </row>
    <row r="331941" spans="14:14">
      <c r="N331941" s="10"/>
    </row>
    <row r="331942" spans="14:14">
      <c r="N331942" s="10"/>
    </row>
    <row r="331943" spans="14:14">
      <c r="N331943" s="10"/>
    </row>
    <row r="331944" spans="14:14">
      <c r="N331944" s="10"/>
    </row>
    <row r="331945" spans="14:14">
      <c r="N331945" s="10"/>
    </row>
    <row r="331946" spans="14:14">
      <c r="N331946" s="10"/>
    </row>
    <row r="331947" spans="14:14">
      <c r="N331947" s="10"/>
    </row>
    <row r="331948" spans="14:14">
      <c r="N331948" s="10"/>
    </row>
    <row r="331949" spans="14:14">
      <c r="N331949" s="10"/>
    </row>
    <row r="331950" spans="14:14">
      <c r="N331950" s="10"/>
    </row>
    <row r="331951" spans="14:14">
      <c r="N331951" s="10"/>
    </row>
    <row r="331952" spans="14:14">
      <c r="N331952" s="10"/>
    </row>
    <row r="331953" spans="14:14">
      <c r="N331953" s="10"/>
    </row>
    <row r="331954" spans="14:14">
      <c r="N331954" s="10"/>
    </row>
    <row r="331955" spans="14:14">
      <c r="N331955" s="10"/>
    </row>
    <row r="331956" spans="14:14">
      <c r="N331956" s="10"/>
    </row>
    <row r="331957" spans="14:14">
      <c r="N331957" s="10"/>
    </row>
    <row r="331958" spans="14:14">
      <c r="N331958" s="10"/>
    </row>
    <row r="331959" spans="14:14">
      <c r="N331959" s="10"/>
    </row>
    <row r="331960" spans="14:14">
      <c r="N331960" s="10"/>
    </row>
    <row r="331961" spans="14:14">
      <c r="N331961" s="10"/>
    </row>
    <row r="331962" spans="14:14">
      <c r="N331962" s="10"/>
    </row>
    <row r="331963" spans="14:14">
      <c r="N331963" s="10"/>
    </row>
    <row r="331964" spans="14:14">
      <c r="N331964" s="10"/>
    </row>
    <row r="331965" spans="14:14">
      <c r="N331965" s="10"/>
    </row>
    <row r="331966" spans="14:14">
      <c r="N331966" s="10"/>
    </row>
    <row r="331967" spans="14:14">
      <c r="N331967" s="10"/>
    </row>
    <row r="331968" spans="14:14">
      <c r="N331968" s="10"/>
    </row>
    <row r="331969" spans="14:14">
      <c r="N331969" s="10"/>
    </row>
    <row r="331970" spans="14:14">
      <c r="N331970" s="10"/>
    </row>
    <row r="331971" spans="14:14">
      <c r="N331971" s="10"/>
    </row>
    <row r="331972" spans="14:14">
      <c r="N331972" s="10"/>
    </row>
    <row r="331973" spans="14:14">
      <c r="N331973" s="10"/>
    </row>
    <row r="331974" spans="14:14">
      <c r="N331974" s="10"/>
    </row>
    <row r="331975" spans="14:14">
      <c r="N331975" s="10"/>
    </row>
    <row r="331976" spans="14:14">
      <c r="N331976" s="10"/>
    </row>
    <row r="331977" spans="14:14">
      <c r="N331977" s="10"/>
    </row>
    <row r="331978" spans="14:14">
      <c r="N331978" s="10"/>
    </row>
    <row r="331979" spans="14:14">
      <c r="N331979" s="10"/>
    </row>
    <row r="331980" spans="14:14">
      <c r="N331980" s="10"/>
    </row>
    <row r="331981" spans="14:14">
      <c r="N331981" s="10"/>
    </row>
    <row r="331982" spans="14:14">
      <c r="N331982" s="10"/>
    </row>
    <row r="331983" spans="14:14">
      <c r="N331983" s="10"/>
    </row>
    <row r="331984" spans="14:14">
      <c r="N331984" s="10"/>
    </row>
    <row r="331985" spans="14:14">
      <c r="N331985" s="10"/>
    </row>
    <row r="331986" spans="14:14">
      <c r="N331986" s="10"/>
    </row>
    <row r="331987" spans="14:14">
      <c r="N331987" s="10"/>
    </row>
    <row r="331988" spans="14:14">
      <c r="N331988" s="10"/>
    </row>
    <row r="331989" spans="14:14">
      <c r="N331989" s="10"/>
    </row>
    <row r="331990" spans="14:14">
      <c r="N331990" s="10"/>
    </row>
    <row r="331991" spans="14:14">
      <c r="N331991" s="10"/>
    </row>
    <row r="331992" spans="14:14">
      <c r="N331992" s="10"/>
    </row>
    <row r="331993" spans="14:14">
      <c r="N331993" s="10"/>
    </row>
    <row r="331994" spans="14:14">
      <c r="N331994" s="10"/>
    </row>
    <row r="331995" spans="14:14">
      <c r="N331995" s="10"/>
    </row>
    <row r="331996" spans="14:14">
      <c r="N331996" s="10"/>
    </row>
    <row r="331997" spans="14:14">
      <c r="N331997" s="10"/>
    </row>
    <row r="331998" spans="14:14">
      <c r="N331998" s="10"/>
    </row>
    <row r="331999" spans="14:14">
      <c r="N331999" s="10"/>
    </row>
    <row r="332000" spans="14:14">
      <c r="N332000" s="10"/>
    </row>
    <row r="332001" spans="14:14">
      <c r="N332001" s="10"/>
    </row>
    <row r="332002" spans="14:14">
      <c r="N332002" s="10"/>
    </row>
    <row r="332003" spans="14:14">
      <c r="N332003" s="10"/>
    </row>
    <row r="332004" spans="14:14">
      <c r="N332004" s="10"/>
    </row>
    <row r="332005" spans="14:14">
      <c r="N332005" s="10"/>
    </row>
    <row r="332006" spans="14:14">
      <c r="N332006" s="10"/>
    </row>
    <row r="332007" spans="14:14">
      <c r="N332007" s="10"/>
    </row>
    <row r="332008" spans="14:14">
      <c r="N332008" s="10"/>
    </row>
    <row r="332009" spans="14:14">
      <c r="N332009" s="10"/>
    </row>
    <row r="332010" spans="14:14">
      <c r="N332010" s="10"/>
    </row>
    <row r="332011" spans="14:14">
      <c r="N332011" s="10"/>
    </row>
    <row r="332012" spans="14:14">
      <c r="N332012" s="10"/>
    </row>
    <row r="332013" spans="14:14">
      <c r="N332013" s="10"/>
    </row>
    <row r="332014" spans="14:14">
      <c r="N332014" s="10"/>
    </row>
    <row r="332015" spans="14:14">
      <c r="N332015" s="10"/>
    </row>
    <row r="332016" spans="14:14">
      <c r="N332016" s="10"/>
    </row>
    <row r="332017" spans="14:14">
      <c r="N332017" s="10"/>
    </row>
    <row r="332018" spans="14:14">
      <c r="N332018" s="10"/>
    </row>
    <row r="332019" spans="14:14">
      <c r="N332019" s="10"/>
    </row>
    <row r="332020" spans="14:14">
      <c r="N332020" s="10"/>
    </row>
    <row r="332021" spans="14:14">
      <c r="N332021" s="10"/>
    </row>
    <row r="332022" spans="14:14">
      <c r="N332022" s="10"/>
    </row>
    <row r="332023" spans="14:14">
      <c r="N332023" s="10"/>
    </row>
    <row r="332024" spans="14:14">
      <c r="N332024" s="10"/>
    </row>
    <row r="332025" spans="14:14">
      <c r="N332025" s="10"/>
    </row>
    <row r="332026" spans="14:14">
      <c r="N332026" s="10"/>
    </row>
    <row r="332027" spans="14:14">
      <c r="N332027" s="10"/>
    </row>
    <row r="332028" spans="14:14">
      <c r="N332028" s="10"/>
    </row>
    <row r="332029" spans="14:14">
      <c r="N332029" s="10"/>
    </row>
    <row r="332030" spans="14:14">
      <c r="N332030" s="10"/>
    </row>
    <row r="332031" spans="14:14">
      <c r="N332031" s="10"/>
    </row>
    <row r="332032" spans="14:14">
      <c r="N332032" s="10"/>
    </row>
    <row r="332033" spans="14:14">
      <c r="N332033" s="10"/>
    </row>
    <row r="332034" spans="14:14">
      <c r="N332034" s="10"/>
    </row>
    <row r="332035" spans="14:14">
      <c r="N332035" s="10"/>
    </row>
    <row r="332036" spans="14:14">
      <c r="N332036" s="10"/>
    </row>
    <row r="332037" spans="14:14">
      <c r="N332037" s="10"/>
    </row>
    <row r="332038" spans="14:14">
      <c r="N332038" s="10"/>
    </row>
    <row r="332039" spans="14:14">
      <c r="N332039" s="10"/>
    </row>
    <row r="332040" spans="14:14">
      <c r="N332040" s="10"/>
    </row>
    <row r="332041" spans="14:14">
      <c r="N332041" s="10"/>
    </row>
    <row r="332042" spans="14:14">
      <c r="N332042" s="10"/>
    </row>
    <row r="332043" spans="14:14">
      <c r="N332043" s="10"/>
    </row>
    <row r="332044" spans="14:14">
      <c r="N332044" s="10"/>
    </row>
    <row r="332045" spans="14:14">
      <c r="N332045" s="10"/>
    </row>
    <row r="332046" spans="14:14">
      <c r="N332046" s="10"/>
    </row>
    <row r="332047" spans="14:14">
      <c r="N332047" s="10"/>
    </row>
    <row r="332048" spans="14:14">
      <c r="N332048" s="10"/>
    </row>
    <row r="332049" spans="14:14">
      <c r="N332049" s="10"/>
    </row>
    <row r="332050" spans="14:14">
      <c r="N332050" s="10"/>
    </row>
    <row r="332051" spans="14:14">
      <c r="N332051" s="10"/>
    </row>
    <row r="332052" spans="14:14">
      <c r="N332052" s="10"/>
    </row>
    <row r="332053" spans="14:14">
      <c r="N332053" s="10"/>
    </row>
    <row r="332054" spans="14:14">
      <c r="N332054" s="10"/>
    </row>
    <row r="332055" spans="14:14">
      <c r="N332055" s="10"/>
    </row>
    <row r="332056" spans="14:14">
      <c r="N332056" s="10"/>
    </row>
    <row r="332057" spans="14:14">
      <c r="N332057" s="10"/>
    </row>
    <row r="332058" spans="14:14">
      <c r="N332058" s="10"/>
    </row>
    <row r="332059" spans="14:14">
      <c r="N332059" s="10"/>
    </row>
    <row r="332060" spans="14:14">
      <c r="N332060" s="10"/>
    </row>
    <row r="332061" spans="14:14">
      <c r="N332061" s="10"/>
    </row>
    <row r="332062" spans="14:14">
      <c r="N332062" s="10"/>
    </row>
    <row r="332063" spans="14:14">
      <c r="N332063" s="10"/>
    </row>
    <row r="332064" spans="14:14">
      <c r="N332064" s="10"/>
    </row>
    <row r="332065" spans="14:14">
      <c r="N332065" s="10"/>
    </row>
    <row r="332066" spans="14:14">
      <c r="N332066" s="10"/>
    </row>
    <row r="332067" spans="14:14">
      <c r="N332067" s="10"/>
    </row>
    <row r="332068" spans="14:14">
      <c r="N332068" s="10"/>
    </row>
    <row r="332069" spans="14:14">
      <c r="N332069" s="10"/>
    </row>
    <row r="332070" spans="14:14">
      <c r="N332070" s="10"/>
    </row>
    <row r="332071" spans="14:14">
      <c r="N332071" s="10"/>
    </row>
    <row r="332072" spans="14:14">
      <c r="N332072" s="10"/>
    </row>
    <row r="332073" spans="14:14">
      <c r="N332073" s="10"/>
    </row>
    <row r="332074" spans="14:14">
      <c r="N332074" s="10"/>
    </row>
    <row r="332075" spans="14:14">
      <c r="N332075" s="10"/>
    </row>
    <row r="332076" spans="14:14">
      <c r="N332076" s="10"/>
    </row>
    <row r="332077" spans="14:14">
      <c r="N332077" s="10"/>
    </row>
    <row r="332078" spans="14:14">
      <c r="N332078" s="10"/>
    </row>
    <row r="332079" spans="14:14">
      <c r="N332079" s="10"/>
    </row>
    <row r="332080" spans="14:14">
      <c r="N332080" s="10"/>
    </row>
    <row r="332081" spans="14:14">
      <c r="N332081" s="10"/>
    </row>
    <row r="332082" spans="14:14">
      <c r="N332082" s="10"/>
    </row>
    <row r="332083" spans="14:14">
      <c r="N332083" s="10"/>
    </row>
    <row r="332084" spans="14:14">
      <c r="N332084" s="10"/>
    </row>
    <row r="332085" spans="14:14">
      <c r="N332085" s="10"/>
    </row>
    <row r="332086" spans="14:14">
      <c r="N332086" s="10"/>
    </row>
    <row r="332087" spans="14:14">
      <c r="N332087" s="10"/>
    </row>
    <row r="332088" spans="14:14">
      <c r="N332088" s="10"/>
    </row>
    <row r="332089" spans="14:14">
      <c r="N332089" s="10"/>
    </row>
    <row r="332090" spans="14:14">
      <c r="N332090" s="10"/>
    </row>
    <row r="332091" spans="14:14">
      <c r="N332091" s="10"/>
    </row>
    <row r="332092" spans="14:14">
      <c r="N332092" s="10"/>
    </row>
    <row r="332093" spans="14:14">
      <c r="N332093" s="10"/>
    </row>
    <row r="332094" spans="14:14">
      <c r="N332094" s="10"/>
    </row>
    <row r="332095" spans="14:14">
      <c r="N332095" s="10"/>
    </row>
    <row r="332096" spans="14:14">
      <c r="N332096" s="10"/>
    </row>
    <row r="332097" spans="14:14">
      <c r="N332097" s="10"/>
    </row>
    <row r="332098" spans="14:14">
      <c r="N332098" s="10"/>
    </row>
    <row r="332099" spans="14:14">
      <c r="N332099" s="10"/>
    </row>
    <row r="332100" spans="14:14">
      <c r="N332100" s="10"/>
    </row>
    <row r="332101" spans="14:14">
      <c r="N332101" s="10"/>
    </row>
    <row r="332102" spans="14:14">
      <c r="N332102" s="10"/>
    </row>
    <row r="332103" spans="14:14">
      <c r="N332103" s="10"/>
    </row>
    <row r="332104" spans="14:14">
      <c r="N332104" s="10"/>
    </row>
    <row r="332105" spans="14:14">
      <c r="N332105" s="10"/>
    </row>
    <row r="332106" spans="14:14">
      <c r="N332106" s="10"/>
    </row>
    <row r="332107" spans="14:14">
      <c r="N332107" s="10"/>
    </row>
    <row r="332108" spans="14:14">
      <c r="N332108" s="10"/>
    </row>
    <row r="332109" spans="14:14">
      <c r="N332109" s="10"/>
    </row>
    <row r="332110" spans="14:14">
      <c r="N332110" s="10"/>
    </row>
    <row r="332111" spans="14:14">
      <c r="N332111" s="10"/>
    </row>
    <row r="332112" spans="14:14">
      <c r="N332112" s="10"/>
    </row>
    <row r="332113" spans="14:14">
      <c r="N332113" s="10"/>
    </row>
    <row r="332114" spans="14:14">
      <c r="N332114" s="10"/>
    </row>
    <row r="332115" spans="14:14">
      <c r="N332115" s="10"/>
    </row>
    <row r="332116" spans="14:14">
      <c r="N332116" s="10"/>
    </row>
    <row r="332117" spans="14:14">
      <c r="N332117" s="10"/>
    </row>
    <row r="332118" spans="14:14">
      <c r="N332118" s="10"/>
    </row>
    <row r="332119" spans="14:14">
      <c r="N332119" s="10"/>
    </row>
    <row r="332120" spans="14:14">
      <c r="N332120" s="10"/>
    </row>
    <row r="332121" spans="14:14">
      <c r="N332121" s="10"/>
    </row>
    <row r="332122" spans="14:14">
      <c r="N332122" s="10"/>
    </row>
    <row r="332123" spans="14:14">
      <c r="N332123" s="10"/>
    </row>
    <row r="332124" spans="14:14">
      <c r="N332124" s="10"/>
    </row>
    <row r="332125" spans="14:14">
      <c r="N332125" s="10"/>
    </row>
    <row r="332126" spans="14:14">
      <c r="N332126" s="10"/>
    </row>
    <row r="332127" spans="14:14">
      <c r="N332127" s="10"/>
    </row>
    <row r="332128" spans="14:14">
      <c r="N332128" s="10"/>
    </row>
    <row r="332129" spans="14:14">
      <c r="N332129" s="10"/>
    </row>
    <row r="332130" spans="14:14">
      <c r="N332130" s="10"/>
    </row>
    <row r="332131" spans="14:14">
      <c r="N332131" s="10"/>
    </row>
    <row r="332132" spans="14:14">
      <c r="N332132" s="10"/>
    </row>
    <row r="332133" spans="14:14">
      <c r="N332133" s="10"/>
    </row>
    <row r="332134" spans="14:14">
      <c r="N332134" s="10"/>
    </row>
    <row r="332135" spans="14:14">
      <c r="N332135" s="10"/>
    </row>
    <row r="332136" spans="14:14">
      <c r="N332136" s="10"/>
    </row>
    <row r="332137" spans="14:14">
      <c r="N332137" s="10"/>
    </row>
    <row r="332138" spans="14:14">
      <c r="N332138" s="10"/>
    </row>
    <row r="332139" spans="14:14">
      <c r="N332139" s="10"/>
    </row>
    <row r="332140" spans="14:14">
      <c r="N332140" s="10"/>
    </row>
    <row r="332141" spans="14:14">
      <c r="N332141" s="10"/>
    </row>
    <row r="332142" spans="14:14">
      <c r="N332142" s="10"/>
    </row>
    <row r="332143" spans="14:14">
      <c r="N332143" s="10"/>
    </row>
    <row r="332144" spans="14:14">
      <c r="N332144" s="10"/>
    </row>
    <row r="332145" spans="14:14">
      <c r="N332145" s="10"/>
    </row>
    <row r="332146" spans="14:14">
      <c r="N332146" s="10"/>
    </row>
    <row r="332147" spans="14:14">
      <c r="N332147" s="10"/>
    </row>
    <row r="332148" spans="14:14">
      <c r="N332148" s="10"/>
    </row>
    <row r="332149" spans="14:14">
      <c r="N332149" s="10"/>
    </row>
    <row r="332150" spans="14:14">
      <c r="N332150" s="10"/>
    </row>
    <row r="332151" spans="14:14">
      <c r="N332151" s="10"/>
    </row>
    <row r="332152" spans="14:14">
      <c r="N332152" s="10"/>
    </row>
    <row r="332153" spans="14:14">
      <c r="N332153" s="10"/>
    </row>
    <row r="332154" spans="14:14">
      <c r="N332154" s="10"/>
    </row>
    <row r="332155" spans="14:14">
      <c r="N332155" s="10"/>
    </row>
    <row r="332156" spans="14:14">
      <c r="N332156" s="10"/>
    </row>
    <row r="332157" spans="14:14">
      <c r="N332157" s="10"/>
    </row>
    <row r="332158" spans="14:14">
      <c r="N332158" s="10"/>
    </row>
    <row r="332159" spans="14:14">
      <c r="N332159" s="10"/>
    </row>
    <row r="332160" spans="14:14">
      <c r="N332160" s="10"/>
    </row>
    <row r="332161" spans="14:14">
      <c r="N332161" s="10"/>
    </row>
    <row r="332162" spans="14:14">
      <c r="N332162" s="10"/>
    </row>
    <row r="332163" spans="14:14">
      <c r="N332163" s="10"/>
    </row>
    <row r="332164" spans="14:14">
      <c r="N332164" s="10"/>
    </row>
    <row r="332165" spans="14:14">
      <c r="N332165" s="10"/>
    </row>
    <row r="332166" spans="14:14">
      <c r="N332166" s="10"/>
    </row>
    <row r="332167" spans="14:14">
      <c r="N332167" s="10"/>
    </row>
    <row r="332168" spans="14:14">
      <c r="N332168" s="10"/>
    </row>
    <row r="332169" spans="14:14">
      <c r="N332169" s="10"/>
    </row>
    <row r="332170" spans="14:14">
      <c r="N332170" s="10"/>
    </row>
    <row r="332171" spans="14:14">
      <c r="N332171" s="10"/>
    </row>
    <row r="332172" spans="14:14">
      <c r="N332172" s="10"/>
    </row>
    <row r="332173" spans="14:14">
      <c r="N332173" s="10"/>
    </row>
    <row r="332174" spans="14:14">
      <c r="N332174" s="10"/>
    </row>
    <row r="332175" spans="14:14">
      <c r="N332175" s="10"/>
    </row>
    <row r="332176" spans="14:14">
      <c r="N332176" s="10"/>
    </row>
    <row r="332177" spans="14:14">
      <c r="N332177" s="10"/>
    </row>
    <row r="332178" spans="14:14">
      <c r="N332178" s="10"/>
    </row>
    <row r="332179" spans="14:14">
      <c r="N332179" s="10"/>
    </row>
    <row r="332180" spans="14:14">
      <c r="N332180" s="10"/>
    </row>
    <row r="332181" spans="14:14">
      <c r="N332181" s="10"/>
    </row>
    <row r="332182" spans="14:14">
      <c r="N332182" s="10"/>
    </row>
    <row r="332183" spans="14:14">
      <c r="N332183" s="10"/>
    </row>
    <row r="332184" spans="14:14">
      <c r="N332184" s="10"/>
    </row>
    <row r="332185" spans="14:14">
      <c r="N332185" s="10"/>
    </row>
    <row r="332186" spans="14:14">
      <c r="N332186" s="10"/>
    </row>
    <row r="332187" spans="14:14">
      <c r="N332187" s="10"/>
    </row>
    <row r="332188" spans="14:14">
      <c r="N332188" s="10"/>
    </row>
    <row r="332189" spans="14:14">
      <c r="N332189" s="10"/>
    </row>
    <row r="332190" spans="14:14">
      <c r="N332190" s="10"/>
    </row>
    <row r="332191" spans="14:14">
      <c r="N332191" s="10"/>
    </row>
    <row r="332192" spans="14:14">
      <c r="N332192" s="10"/>
    </row>
    <row r="332193" spans="14:14">
      <c r="N332193" s="10"/>
    </row>
    <row r="332194" spans="14:14">
      <c r="N332194" s="10"/>
    </row>
    <row r="332195" spans="14:14">
      <c r="N332195" s="10"/>
    </row>
    <row r="332196" spans="14:14">
      <c r="N332196" s="10"/>
    </row>
    <row r="332197" spans="14:14">
      <c r="N332197" s="10"/>
    </row>
    <row r="332198" spans="14:14">
      <c r="N332198" s="10"/>
    </row>
    <row r="332199" spans="14:14">
      <c r="N332199" s="10"/>
    </row>
    <row r="332200" spans="14:14">
      <c r="N332200" s="10"/>
    </row>
    <row r="332201" spans="14:14">
      <c r="N332201" s="10"/>
    </row>
    <row r="332202" spans="14:14">
      <c r="N332202" s="10"/>
    </row>
    <row r="332203" spans="14:14">
      <c r="N332203" s="10"/>
    </row>
    <row r="332204" spans="14:14">
      <c r="N332204" s="10"/>
    </row>
    <row r="332205" spans="14:14">
      <c r="N332205" s="10"/>
    </row>
    <row r="332206" spans="14:14">
      <c r="N332206" s="10"/>
    </row>
    <row r="332207" spans="14:14">
      <c r="N332207" s="10"/>
    </row>
    <row r="332208" spans="14:14">
      <c r="N332208" s="10"/>
    </row>
    <row r="332209" spans="14:14">
      <c r="N332209" s="10"/>
    </row>
    <row r="332210" spans="14:14">
      <c r="N332210" s="10"/>
    </row>
    <row r="332211" spans="14:14">
      <c r="N332211" s="10"/>
    </row>
    <row r="332212" spans="14:14">
      <c r="N332212" s="10"/>
    </row>
    <row r="332213" spans="14:14">
      <c r="N332213" s="10"/>
    </row>
    <row r="332214" spans="14:14">
      <c r="N332214" s="10"/>
    </row>
    <row r="332215" spans="14:14">
      <c r="N332215" s="10"/>
    </row>
    <row r="332216" spans="14:14">
      <c r="N332216" s="10"/>
    </row>
    <row r="332217" spans="14:14">
      <c r="N332217" s="10"/>
    </row>
    <row r="332218" spans="14:14">
      <c r="N332218" s="10"/>
    </row>
    <row r="332219" spans="14:14">
      <c r="N332219" s="10"/>
    </row>
    <row r="332220" spans="14:14">
      <c r="N332220" s="10"/>
    </row>
    <row r="332221" spans="14:14">
      <c r="N332221" s="10"/>
    </row>
    <row r="332222" spans="14:14">
      <c r="N332222" s="10"/>
    </row>
    <row r="332223" spans="14:14">
      <c r="N332223" s="10"/>
    </row>
    <row r="332224" spans="14:14">
      <c r="N332224" s="10"/>
    </row>
    <row r="332225" spans="14:14">
      <c r="N332225" s="10"/>
    </row>
    <row r="332226" spans="14:14">
      <c r="N332226" s="10"/>
    </row>
    <row r="332227" spans="14:14">
      <c r="N332227" s="10"/>
    </row>
    <row r="332228" spans="14:14">
      <c r="N332228" s="10"/>
    </row>
    <row r="332229" spans="14:14">
      <c r="N332229" s="10"/>
    </row>
    <row r="332230" spans="14:14">
      <c r="N332230" s="10"/>
    </row>
    <row r="332231" spans="14:14">
      <c r="N332231" s="10"/>
    </row>
    <row r="332232" spans="14:14">
      <c r="N332232" s="10"/>
    </row>
    <row r="332233" spans="14:14">
      <c r="N332233" s="10"/>
    </row>
    <row r="332234" spans="14:14">
      <c r="N332234" s="10"/>
    </row>
    <row r="332235" spans="14:14">
      <c r="N332235" s="10"/>
    </row>
    <row r="332236" spans="14:14">
      <c r="N332236" s="10"/>
    </row>
    <row r="332237" spans="14:14">
      <c r="N332237" s="10"/>
    </row>
    <row r="332238" spans="14:14">
      <c r="N332238" s="10"/>
    </row>
    <row r="332239" spans="14:14">
      <c r="N332239" s="10"/>
    </row>
    <row r="332240" spans="14:14">
      <c r="N332240" s="10"/>
    </row>
    <row r="332241" spans="14:14">
      <c r="N332241" s="10"/>
    </row>
    <row r="332242" spans="14:14">
      <c r="N332242" s="10"/>
    </row>
    <row r="332243" spans="14:14">
      <c r="N332243" s="10"/>
    </row>
    <row r="332244" spans="14:14">
      <c r="N332244" s="10"/>
    </row>
    <row r="332245" spans="14:14">
      <c r="N332245" s="10"/>
    </row>
    <row r="332246" spans="14:14">
      <c r="N332246" s="10"/>
    </row>
    <row r="332247" spans="14:14">
      <c r="N332247" s="10"/>
    </row>
    <row r="332248" spans="14:14">
      <c r="N332248" s="10"/>
    </row>
    <row r="332249" spans="14:14">
      <c r="N332249" s="10"/>
    </row>
    <row r="332250" spans="14:14">
      <c r="N332250" s="10"/>
    </row>
    <row r="332251" spans="14:14">
      <c r="N332251" s="10"/>
    </row>
    <row r="332252" spans="14:14">
      <c r="N332252" s="10"/>
    </row>
    <row r="332253" spans="14:14">
      <c r="N332253" s="10"/>
    </row>
    <row r="332254" spans="14:14">
      <c r="N332254" s="10"/>
    </row>
    <row r="332255" spans="14:14">
      <c r="N332255" s="10"/>
    </row>
    <row r="332256" spans="14:14">
      <c r="N332256" s="10"/>
    </row>
    <row r="332257" spans="14:14">
      <c r="N332257" s="10"/>
    </row>
    <row r="332258" spans="14:14">
      <c r="N332258" s="10"/>
    </row>
    <row r="332259" spans="14:14">
      <c r="N332259" s="10"/>
    </row>
    <row r="332260" spans="14:14">
      <c r="N332260" s="10"/>
    </row>
    <row r="332261" spans="14:14">
      <c r="N332261" s="10"/>
    </row>
    <row r="332262" spans="14:14">
      <c r="N332262" s="10"/>
    </row>
    <row r="332263" spans="14:14">
      <c r="N332263" s="10"/>
    </row>
    <row r="332264" spans="14:14">
      <c r="N332264" s="10"/>
    </row>
    <row r="332265" spans="14:14">
      <c r="N332265" s="10"/>
    </row>
    <row r="332266" spans="14:14">
      <c r="N332266" s="10"/>
    </row>
    <row r="332267" spans="14:14">
      <c r="N332267" s="10"/>
    </row>
    <row r="332268" spans="14:14">
      <c r="N332268" s="10"/>
    </row>
    <row r="332269" spans="14:14">
      <c r="N332269" s="10"/>
    </row>
    <row r="332270" spans="14:14">
      <c r="N332270" s="10"/>
    </row>
    <row r="332271" spans="14:14">
      <c r="N332271" s="10"/>
    </row>
    <row r="332272" spans="14:14">
      <c r="N332272" s="10"/>
    </row>
    <row r="332273" spans="14:14">
      <c r="N332273" s="10"/>
    </row>
    <row r="332274" spans="14:14">
      <c r="N332274" s="10"/>
    </row>
    <row r="332275" spans="14:14">
      <c r="N332275" s="10"/>
    </row>
    <row r="332276" spans="14:14">
      <c r="N332276" s="10"/>
    </row>
    <row r="332277" spans="14:14">
      <c r="N332277" s="10"/>
    </row>
    <row r="332278" spans="14:14">
      <c r="N332278" s="10"/>
    </row>
    <row r="332279" spans="14:14">
      <c r="N332279" s="10"/>
    </row>
    <row r="332280" spans="14:14">
      <c r="N332280" s="10"/>
    </row>
    <row r="332281" spans="14:14">
      <c r="N332281" s="10"/>
    </row>
    <row r="332282" spans="14:14">
      <c r="N332282" s="10"/>
    </row>
    <row r="332283" spans="14:14">
      <c r="N332283" s="10"/>
    </row>
    <row r="332284" spans="14:14">
      <c r="N332284" s="10"/>
    </row>
    <row r="332285" spans="14:14">
      <c r="N332285" s="10"/>
    </row>
    <row r="332286" spans="14:14">
      <c r="N332286" s="10"/>
    </row>
    <row r="332287" spans="14:14">
      <c r="N332287" s="10"/>
    </row>
    <row r="332288" spans="14:14">
      <c r="N332288" s="10"/>
    </row>
    <row r="332289" spans="14:14">
      <c r="N332289" s="10"/>
    </row>
    <row r="332290" spans="14:14">
      <c r="N332290" s="10"/>
    </row>
    <row r="332291" spans="14:14">
      <c r="N332291" s="10"/>
    </row>
    <row r="332292" spans="14:14">
      <c r="N332292" s="10"/>
    </row>
    <row r="332293" spans="14:14">
      <c r="N332293" s="10"/>
    </row>
    <row r="332294" spans="14:14">
      <c r="N332294" s="10"/>
    </row>
    <row r="332295" spans="14:14">
      <c r="N332295" s="10"/>
    </row>
    <row r="332296" spans="14:14">
      <c r="N332296" s="10"/>
    </row>
    <row r="332297" spans="14:14">
      <c r="N332297" s="10"/>
    </row>
    <row r="332298" spans="14:14">
      <c r="N332298" s="10"/>
    </row>
    <row r="332299" spans="14:14">
      <c r="N332299" s="10"/>
    </row>
    <row r="332300" spans="14:14">
      <c r="N332300" s="10"/>
    </row>
    <row r="332301" spans="14:14">
      <c r="N332301" s="10"/>
    </row>
    <row r="332302" spans="14:14">
      <c r="N332302" s="10"/>
    </row>
    <row r="332303" spans="14:14">
      <c r="N332303" s="10"/>
    </row>
    <row r="332304" spans="14:14">
      <c r="N332304" s="10"/>
    </row>
    <row r="332305" spans="14:14">
      <c r="N332305" s="10"/>
    </row>
    <row r="332306" spans="14:14">
      <c r="N332306" s="10"/>
    </row>
    <row r="332307" spans="14:14">
      <c r="N332307" s="10"/>
    </row>
    <row r="332308" spans="14:14">
      <c r="N332308" s="10"/>
    </row>
    <row r="332309" spans="14:14">
      <c r="N332309" s="10"/>
    </row>
    <row r="332310" spans="14:14">
      <c r="N332310" s="10"/>
    </row>
    <row r="332311" spans="14:14">
      <c r="N332311" s="10"/>
    </row>
    <row r="332312" spans="14:14">
      <c r="N332312" s="10"/>
    </row>
    <row r="332313" spans="14:14">
      <c r="N332313" s="10"/>
    </row>
    <row r="332314" spans="14:14">
      <c r="N332314" s="10"/>
    </row>
    <row r="332315" spans="14:14">
      <c r="N332315" s="10"/>
    </row>
    <row r="332316" spans="14:14">
      <c r="N332316" s="10"/>
    </row>
    <row r="332317" spans="14:14">
      <c r="N332317" s="10"/>
    </row>
    <row r="332318" spans="14:14">
      <c r="N332318" s="10"/>
    </row>
    <row r="332319" spans="14:14">
      <c r="N332319" s="10"/>
    </row>
    <row r="332320" spans="14:14">
      <c r="N332320" s="10"/>
    </row>
    <row r="332321" spans="14:14">
      <c r="N332321" s="10"/>
    </row>
    <row r="332322" spans="14:14">
      <c r="N332322" s="10"/>
    </row>
    <row r="332323" spans="14:14">
      <c r="N332323" s="10"/>
    </row>
    <row r="332324" spans="14:14">
      <c r="N332324" s="10"/>
    </row>
    <row r="332325" spans="14:14">
      <c r="N332325" s="10"/>
    </row>
    <row r="332326" spans="14:14">
      <c r="N332326" s="10"/>
    </row>
    <row r="332327" spans="14:14">
      <c r="N332327" s="10"/>
    </row>
    <row r="332328" spans="14:14">
      <c r="N332328" s="10"/>
    </row>
    <row r="332329" spans="14:14">
      <c r="N332329" s="10"/>
    </row>
    <row r="332330" spans="14:14">
      <c r="N332330" s="10"/>
    </row>
    <row r="332331" spans="14:14">
      <c r="N332331" s="10"/>
    </row>
    <row r="332332" spans="14:14">
      <c r="N332332" s="10"/>
    </row>
    <row r="332333" spans="14:14">
      <c r="N332333" s="10"/>
    </row>
    <row r="332334" spans="14:14">
      <c r="N332334" s="10"/>
    </row>
    <row r="332335" spans="14:14">
      <c r="N332335" s="10"/>
    </row>
    <row r="332336" spans="14:14">
      <c r="N332336" s="10"/>
    </row>
    <row r="332337" spans="14:14">
      <c r="N332337" s="10"/>
    </row>
    <row r="332338" spans="14:14">
      <c r="N332338" s="10"/>
    </row>
    <row r="332339" spans="14:14">
      <c r="N332339" s="10"/>
    </row>
    <row r="332340" spans="14:14">
      <c r="N332340" s="10"/>
    </row>
    <row r="332341" spans="14:14">
      <c r="N332341" s="10"/>
    </row>
    <row r="332342" spans="14:14">
      <c r="N332342" s="10"/>
    </row>
    <row r="332343" spans="14:14">
      <c r="N332343" s="10"/>
    </row>
    <row r="332344" spans="14:14">
      <c r="N332344" s="10"/>
    </row>
    <row r="332345" spans="14:14">
      <c r="N332345" s="10"/>
    </row>
    <row r="332346" spans="14:14">
      <c r="N332346" s="10"/>
    </row>
    <row r="332347" spans="14:14">
      <c r="N332347" s="10"/>
    </row>
    <row r="332348" spans="14:14">
      <c r="N332348" s="10"/>
    </row>
    <row r="332349" spans="14:14">
      <c r="N332349" s="10"/>
    </row>
    <row r="332350" spans="14:14">
      <c r="N332350" s="10"/>
    </row>
    <row r="332351" spans="14:14">
      <c r="N332351" s="10"/>
    </row>
    <row r="332352" spans="14:14">
      <c r="N332352" s="10"/>
    </row>
    <row r="332353" spans="14:14">
      <c r="N332353" s="10"/>
    </row>
    <row r="332354" spans="14:14">
      <c r="N332354" s="10"/>
    </row>
    <row r="332355" spans="14:14">
      <c r="N332355" s="10"/>
    </row>
    <row r="332356" spans="14:14">
      <c r="N332356" s="10"/>
    </row>
    <row r="332357" spans="14:14">
      <c r="N332357" s="10"/>
    </row>
    <row r="332358" spans="14:14">
      <c r="N332358" s="10"/>
    </row>
    <row r="332359" spans="14:14">
      <c r="N332359" s="10"/>
    </row>
    <row r="332360" spans="14:14">
      <c r="N332360" s="10"/>
    </row>
    <row r="332361" spans="14:14">
      <c r="N332361" s="10"/>
    </row>
    <row r="332362" spans="14:14">
      <c r="N332362" s="10"/>
    </row>
    <row r="332363" spans="14:14">
      <c r="N332363" s="10"/>
    </row>
    <row r="332364" spans="14:14">
      <c r="N332364" s="10"/>
    </row>
    <row r="332365" spans="14:14">
      <c r="N332365" s="10"/>
    </row>
    <row r="332366" spans="14:14">
      <c r="N332366" s="10"/>
    </row>
    <row r="332367" spans="14:14">
      <c r="N332367" s="10"/>
    </row>
    <row r="332368" spans="14:14">
      <c r="N332368" s="10"/>
    </row>
    <row r="332369" spans="14:14">
      <c r="N332369" s="10"/>
    </row>
    <row r="332370" spans="14:14">
      <c r="N332370" s="10"/>
    </row>
    <row r="332371" spans="14:14">
      <c r="N332371" s="10"/>
    </row>
    <row r="332372" spans="14:14">
      <c r="N332372" s="10"/>
    </row>
    <row r="332373" spans="14:14">
      <c r="N332373" s="10"/>
    </row>
    <row r="332374" spans="14:14">
      <c r="N332374" s="10"/>
    </row>
    <row r="332375" spans="14:14">
      <c r="N332375" s="10"/>
    </row>
    <row r="332376" spans="14:14">
      <c r="N332376" s="10"/>
    </row>
    <row r="332377" spans="14:14">
      <c r="N332377" s="10"/>
    </row>
    <row r="332378" spans="14:14">
      <c r="N332378" s="10"/>
    </row>
    <row r="332379" spans="14:14">
      <c r="N332379" s="10"/>
    </row>
    <row r="332380" spans="14:14">
      <c r="N332380" s="10"/>
    </row>
    <row r="332381" spans="14:14">
      <c r="N332381" s="10"/>
    </row>
    <row r="332382" spans="14:14">
      <c r="N332382" s="10"/>
    </row>
    <row r="332383" spans="14:14">
      <c r="N332383" s="10"/>
    </row>
    <row r="332384" spans="14:14">
      <c r="N332384" s="10"/>
    </row>
    <row r="332385" spans="14:14">
      <c r="N332385" s="10"/>
    </row>
    <row r="332386" spans="14:14">
      <c r="N332386" s="10"/>
    </row>
    <row r="332387" spans="14:14">
      <c r="N332387" s="10"/>
    </row>
    <row r="332388" spans="14:14">
      <c r="N332388" s="10"/>
    </row>
    <row r="332389" spans="14:14">
      <c r="N332389" s="10"/>
    </row>
    <row r="332390" spans="14:14">
      <c r="N332390" s="10"/>
    </row>
    <row r="332391" spans="14:14">
      <c r="N332391" s="10"/>
    </row>
    <row r="332392" spans="14:14">
      <c r="N332392" s="10"/>
    </row>
    <row r="332393" spans="14:14">
      <c r="N332393" s="10"/>
    </row>
    <row r="332394" spans="14:14">
      <c r="N332394" s="10"/>
    </row>
    <row r="332395" spans="14:14">
      <c r="N332395" s="10"/>
    </row>
    <row r="332396" spans="14:14">
      <c r="N332396" s="10"/>
    </row>
    <row r="332397" spans="14:14">
      <c r="N332397" s="10"/>
    </row>
    <row r="332398" spans="14:14">
      <c r="N332398" s="10"/>
    </row>
    <row r="332399" spans="14:14">
      <c r="N332399" s="10"/>
    </row>
    <row r="332400" spans="14:14">
      <c r="N332400" s="10"/>
    </row>
    <row r="332401" spans="14:14">
      <c r="N332401" s="10"/>
    </row>
    <row r="332402" spans="14:14">
      <c r="N332402" s="10"/>
    </row>
    <row r="332403" spans="14:14">
      <c r="N332403" s="10"/>
    </row>
    <row r="332404" spans="14:14">
      <c r="N332404" s="10"/>
    </row>
    <row r="332405" spans="14:14">
      <c r="N332405" s="10"/>
    </row>
    <row r="332406" spans="14:14">
      <c r="N332406" s="10"/>
    </row>
    <row r="332407" spans="14:14">
      <c r="N332407" s="10"/>
    </row>
    <row r="332408" spans="14:14">
      <c r="N332408" s="10"/>
    </row>
    <row r="332409" spans="14:14">
      <c r="N332409" s="10"/>
    </row>
    <row r="332410" spans="14:14">
      <c r="N332410" s="10"/>
    </row>
    <row r="332411" spans="14:14">
      <c r="N332411" s="10"/>
    </row>
    <row r="332412" spans="14:14">
      <c r="N332412" s="10"/>
    </row>
    <row r="332413" spans="14:14">
      <c r="N332413" s="10"/>
    </row>
    <row r="332414" spans="14:14">
      <c r="N332414" s="10"/>
    </row>
    <row r="332415" spans="14:14">
      <c r="N332415" s="10"/>
    </row>
    <row r="332416" spans="14:14">
      <c r="N332416" s="10"/>
    </row>
    <row r="332417" spans="14:14">
      <c r="N332417" s="10"/>
    </row>
    <row r="332418" spans="14:14">
      <c r="N332418" s="10"/>
    </row>
    <row r="332419" spans="14:14">
      <c r="N332419" s="10"/>
    </row>
    <row r="332420" spans="14:14">
      <c r="N332420" s="10"/>
    </row>
    <row r="332421" spans="14:14">
      <c r="N332421" s="10"/>
    </row>
    <row r="332422" spans="14:14">
      <c r="N332422" s="10"/>
    </row>
    <row r="332423" spans="14:14">
      <c r="N332423" s="10"/>
    </row>
    <row r="332424" spans="14:14">
      <c r="N332424" s="10"/>
    </row>
    <row r="332425" spans="14:14">
      <c r="N332425" s="10"/>
    </row>
    <row r="332426" spans="14:14">
      <c r="N332426" s="10"/>
    </row>
    <row r="332427" spans="14:14">
      <c r="N332427" s="10"/>
    </row>
    <row r="332428" spans="14:14">
      <c r="N332428" s="10"/>
    </row>
    <row r="332429" spans="14:14">
      <c r="N332429" s="10"/>
    </row>
    <row r="332430" spans="14:14">
      <c r="N332430" s="10"/>
    </row>
    <row r="332431" spans="14:14">
      <c r="N332431" s="10"/>
    </row>
    <row r="332432" spans="14:14">
      <c r="N332432" s="10"/>
    </row>
    <row r="332433" spans="14:14">
      <c r="N332433" s="10"/>
    </row>
    <row r="332434" spans="14:14">
      <c r="N332434" s="10"/>
    </row>
    <row r="332435" spans="14:14">
      <c r="N332435" s="10"/>
    </row>
    <row r="332436" spans="14:14">
      <c r="N332436" s="10"/>
    </row>
    <row r="332437" spans="14:14">
      <c r="N332437" s="10"/>
    </row>
    <row r="332438" spans="14:14">
      <c r="N332438" s="10"/>
    </row>
    <row r="332439" spans="14:14">
      <c r="N332439" s="10"/>
    </row>
    <row r="332440" spans="14:14">
      <c r="N332440" s="10"/>
    </row>
    <row r="332441" spans="14:14">
      <c r="N332441" s="10"/>
    </row>
    <row r="332442" spans="14:14">
      <c r="N332442" s="10"/>
    </row>
    <row r="332443" spans="14:14">
      <c r="N332443" s="10"/>
    </row>
    <row r="332444" spans="14:14">
      <c r="N332444" s="10"/>
    </row>
    <row r="332445" spans="14:14">
      <c r="N332445" s="10"/>
    </row>
    <row r="332446" spans="14:14">
      <c r="N332446" s="10"/>
    </row>
    <row r="332447" spans="14:14">
      <c r="N332447" s="10"/>
    </row>
    <row r="332448" spans="14:14">
      <c r="N332448" s="10"/>
    </row>
    <row r="332449" spans="14:14">
      <c r="N332449" s="10"/>
    </row>
    <row r="332450" spans="14:14">
      <c r="N332450" s="10"/>
    </row>
    <row r="332451" spans="14:14">
      <c r="N332451" s="10"/>
    </row>
    <row r="332452" spans="14:14">
      <c r="N332452" s="10"/>
    </row>
    <row r="332453" spans="14:14">
      <c r="N332453" s="10"/>
    </row>
    <row r="332454" spans="14:14">
      <c r="N332454" s="10"/>
    </row>
    <row r="332455" spans="14:14">
      <c r="N332455" s="10"/>
    </row>
    <row r="332456" spans="14:14">
      <c r="N332456" s="10"/>
    </row>
    <row r="332457" spans="14:14">
      <c r="N332457" s="10"/>
    </row>
    <row r="332458" spans="14:14">
      <c r="N332458" s="10"/>
    </row>
    <row r="332459" spans="14:14">
      <c r="N332459" s="10"/>
    </row>
    <row r="332460" spans="14:14">
      <c r="N332460" s="10"/>
    </row>
    <row r="332461" spans="14:14">
      <c r="N332461" s="10"/>
    </row>
    <row r="332462" spans="14:14">
      <c r="N332462" s="10"/>
    </row>
    <row r="332463" spans="14:14">
      <c r="N332463" s="10"/>
    </row>
    <row r="332464" spans="14:14">
      <c r="N332464" s="10"/>
    </row>
    <row r="332465" spans="14:14">
      <c r="N332465" s="10"/>
    </row>
    <row r="332466" spans="14:14">
      <c r="N332466" s="10"/>
    </row>
    <row r="332467" spans="14:14">
      <c r="N332467" s="10"/>
    </row>
    <row r="332468" spans="14:14">
      <c r="N332468" s="10"/>
    </row>
    <row r="332469" spans="14:14">
      <c r="N332469" s="10"/>
    </row>
    <row r="332470" spans="14:14">
      <c r="N332470" s="10"/>
    </row>
    <row r="332471" spans="14:14">
      <c r="N332471" s="10"/>
    </row>
    <row r="332472" spans="14:14">
      <c r="N332472" s="10"/>
    </row>
    <row r="332473" spans="14:14">
      <c r="N332473" s="10"/>
    </row>
    <row r="332474" spans="14:14">
      <c r="N332474" s="10"/>
    </row>
    <row r="332475" spans="14:14">
      <c r="N332475" s="10"/>
    </row>
    <row r="332476" spans="14:14">
      <c r="N332476" s="10"/>
    </row>
    <row r="332477" spans="14:14">
      <c r="N332477" s="10"/>
    </row>
    <row r="332478" spans="14:14">
      <c r="N332478" s="10"/>
    </row>
    <row r="332479" spans="14:14">
      <c r="N332479" s="10"/>
    </row>
    <row r="332480" spans="14:14">
      <c r="N332480" s="10"/>
    </row>
    <row r="332481" spans="14:14">
      <c r="N332481" s="10"/>
    </row>
    <row r="332482" spans="14:14">
      <c r="N332482" s="10"/>
    </row>
    <row r="332483" spans="14:14">
      <c r="N332483" s="10"/>
    </row>
    <row r="332484" spans="14:14">
      <c r="N332484" s="10"/>
    </row>
    <row r="332485" spans="14:14">
      <c r="N332485" s="10"/>
    </row>
    <row r="332486" spans="14:14">
      <c r="N332486" s="10"/>
    </row>
    <row r="332487" spans="14:14">
      <c r="N332487" s="10"/>
    </row>
    <row r="332488" spans="14:14">
      <c r="N332488" s="10"/>
    </row>
    <row r="332489" spans="14:14">
      <c r="N332489" s="10"/>
    </row>
    <row r="332490" spans="14:14">
      <c r="N332490" s="10"/>
    </row>
    <row r="332491" spans="14:14">
      <c r="N332491" s="10"/>
    </row>
    <row r="332492" spans="14:14">
      <c r="N332492" s="10"/>
    </row>
    <row r="332493" spans="14:14">
      <c r="N332493" s="10"/>
    </row>
    <row r="332494" spans="14:14">
      <c r="N332494" s="10"/>
    </row>
    <row r="332495" spans="14:14">
      <c r="N332495" s="10"/>
    </row>
    <row r="332496" spans="14:14">
      <c r="N332496" s="10"/>
    </row>
    <row r="332497" spans="14:14">
      <c r="N332497" s="10"/>
    </row>
    <row r="332498" spans="14:14">
      <c r="N332498" s="10"/>
    </row>
    <row r="332499" spans="14:14">
      <c r="N332499" s="10"/>
    </row>
    <row r="332500" spans="14:14">
      <c r="N332500" s="10"/>
    </row>
    <row r="332501" spans="14:14">
      <c r="N332501" s="10"/>
    </row>
    <row r="332502" spans="14:14">
      <c r="N332502" s="10"/>
    </row>
    <row r="332503" spans="14:14">
      <c r="N332503" s="10"/>
    </row>
    <row r="332504" spans="14:14">
      <c r="N332504" s="10"/>
    </row>
    <row r="332505" spans="14:14">
      <c r="N332505" s="10"/>
    </row>
    <row r="332506" spans="14:14">
      <c r="N332506" s="10"/>
    </row>
    <row r="332507" spans="14:14">
      <c r="N332507" s="10"/>
    </row>
    <row r="332508" spans="14:14">
      <c r="N332508" s="10"/>
    </row>
    <row r="332509" spans="14:14">
      <c r="N332509" s="10"/>
    </row>
    <row r="332510" spans="14:14">
      <c r="N332510" s="10"/>
    </row>
    <row r="332511" spans="14:14">
      <c r="N332511" s="10"/>
    </row>
    <row r="332512" spans="14:14">
      <c r="N332512" s="10"/>
    </row>
    <row r="332513" spans="14:14">
      <c r="N332513" s="10"/>
    </row>
    <row r="332514" spans="14:14">
      <c r="N332514" s="10"/>
    </row>
    <row r="332515" spans="14:14">
      <c r="N332515" s="10"/>
    </row>
    <row r="332516" spans="14:14">
      <c r="N332516" s="10"/>
    </row>
    <row r="332517" spans="14:14">
      <c r="N332517" s="10"/>
    </row>
    <row r="332518" spans="14:14">
      <c r="N332518" s="10"/>
    </row>
    <row r="332519" spans="14:14">
      <c r="N332519" s="10"/>
    </row>
    <row r="332520" spans="14:14">
      <c r="N332520" s="10"/>
    </row>
    <row r="332521" spans="14:14">
      <c r="N332521" s="10"/>
    </row>
    <row r="332522" spans="14:14">
      <c r="N332522" s="10"/>
    </row>
    <row r="332523" spans="14:14">
      <c r="N332523" s="10"/>
    </row>
    <row r="332524" spans="14:14">
      <c r="N332524" s="10"/>
    </row>
    <row r="332525" spans="14:14">
      <c r="N332525" s="10"/>
    </row>
    <row r="332526" spans="14:14">
      <c r="N332526" s="10"/>
    </row>
    <row r="332527" spans="14:14">
      <c r="N332527" s="10"/>
    </row>
    <row r="332528" spans="14:14">
      <c r="N332528" s="10"/>
    </row>
    <row r="332529" spans="14:14">
      <c r="N332529" s="10"/>
    </row>
    <row r="332530" spans="14:14">
      <c r="N332530" s="10"/>
    </row>
    <row r="332531" spans="14:14">
      <c r="N332531" s="10"/>
    </row>
    <row r="332532" spans="14:14">
      <c r="N332532" s="10"/>
    </row>
    <row r="332533" spans="14:14">
      <c r="N332533" s="10"/>
    </row>
    <row r="332534" spans="14:14">
      <c r="N332534" s="10"/>
    </row>
    <row r="332535" spans="14:14">
      <c r="N332535" s="10"/>
    </row>
    <row r="332536" spans="14:14">
      <c r="N332536" s="10"/>
    </row>
    <row r="332537" spans="14:14">
      <c r="N332537" s="10"/>
    </row>
    <row r="332538" spans="14:14">
      <c r="N332538" s="10"/>
    </row>
    <row r="332539" spans="14:14">
      <c r="N332539" s="10"/>
    </row>
    <row r="332540" spans="14:14">
      <c r="N332540" s="10"/>
    </row>
    <row r="332541" spans="14:14">
      <c r="N332541" s="10"/>
    </row>
    <row r="332542" spans="14:14">
      <c r="N332542" s="10"/>
    </row>
    <row r="332543" spans="14:14">
      <c r="N332543" s="10"/>
    </row>
    <row r="332544" spans="14:14">
      <c r="N332544" s="10"/>
    </row>
    <row r="332545" spans="14:14">
      <c r="N332545" s="10"/>
    </row>
    <row r="332546" spans="14:14">
      <c r="N332546" s="10"/>
    </row>
    <row r="332547" spans="14:14">
      <c r="N332547" s="10"/>
    </row>
    <row r="332548" spans="14:14">
      <c r="N332548" s="10"/>
    </row>
    <row r="332549" spans="14:14">
      <c r="N332549" s="10"/>
    </row>
    <row r="332550" spans="14:14">
      <c r="N332550" s="10"/>
    </row>
    <row r="332551" spans="14:14">
      <c r="N332551" s="10"/>
    </row>
    <row r="332552" spans="14:14">
      <c r="N332552" s="10"/>
    </row>
    <row r="332553" spans="14:14">
      <c r="N332553" s="10"/>
    </row>
    <row r="332554" spans="14:14">
      <c r="N332554" s="10"/>
    </row>
    <row r="332555" spans="14:14">
      <c r="N332555" s="10"/>
    </row>
    <row r="332556" spans="14:14">
      <c r="N332556" s="10"/>
    </row>
    <row r="332557" spans="14:14">
      <c r="N332557" s="10"/>
    </row>
    <row r="332558" spans="14:14">
      <c r="N332558" s="10"/>
    </row>
    <row r="332559" spans="14:14">
      <c r="N332559" s="10"/>
    </row>
    <row r="332560" spans="14:14">
      <c r="N332560" s="10"/>
    </row>
    <row r="332561" spans="14:14">
      <c r="N332561" s="10"/>
    </row>
    <row r="332562" spans="14:14">
      <c r="N332562" s="10"/>
    </row>
    <row r="332563" spans="14:14">
      <c r="N332563" s="10"/>
    </row>
    <row r="332564" spans="14:14">
      <c r="N332564" s="10"/>
    </row>
    <row r="332565" spans="14:14">
      <c r="N332565" s="10"/>
    </row>
    <row r="332566" spans="14:14">
      <c r="N332566" s="10"/>
    </row>
    <row r="332567" spans="14:14">
      <c r="N332567" s="10"/>
    </row>
    <row r="332568" spans="14:14">
      <c r="N332568" s="10"/>
    </row>
    <row r="332569" spans="14:14">
      <c r="N332569" s="10"/>
    </row>
    <row r="332570" spans="14:14">
      <c r="N332570" s="10"/>
    </row>
    <row r="332571" spans="14:14">
      <c r="N332571" s="10"/>
    </row>
    <row r="332572" spans="14:14">
      <c r="N332572" s="10"/>
    </row>
    <row r="332573" spans="14:14">
      <c r="N332573" s="10"/>
    </row>
    <row r="332574" spans="14:14">
      <c r="N332574" s="10"/>
    </row>
    <row r="332575" spans="14:14">
      <c r="N332575" s="10"/>
    </row>
    <row r="332576" spans="14:14">
      <c r="N332576" s="10"/>
    </row>
    <row r="332577" spans="14:14">
      <c r="N332577" s="10"/>
    </row>
    <row r="332578" spans="14:14">
      <c r="N332578" s="10"/>
    </row>
    <row r="332579" spans="14:14">
      <c r="N332579" s="10"/>
    </row>
    <row r="332580" spans="14:14">
      <c r="N332580" s="10"/>
    </row>
    <row r="332581" spans="14:14">
      <c r="N332581" s="10"/>
    </row>
    <row r="332582" spans="14:14">
      <c r="N332582" s="10"/>
    </row>
    <row r="332583" spans="14:14">
      <c r="N332583" s="10"/>
    </row>
    <row r="332584" spans="14:14">
      <c r="N332584" s="10"/>
    </row>
    <row r="332585" spans="14:14">
      <c r="N332585" s="10"/>
    </row>
    <row r="332586" spans="14:14">
      <c r="N332586" s="10"/>
    </row>
    <row r="332587" spans="14:14">
      <c r="N332587" s="10"/>
    </row>
    <row r="332588" spans="14:14">
      <c r="N332588" s="10"/>
    </row>
    <row r="332589" spans="14:14">
      <c r="N332589" s="10"/>
    </row>
    <row r="332590" spans="14:14">
      <c r="N332590" s="10"/>
    </row>
    <row r="332591" spans="14:14">
      <c r="N332591" s="10"/>
    </row>
    <row r="332592" spans="14:14">
      <c r="N332592" s="10"/>
    </row>
    <row r="332593" spans="14:14">
      <c r="N332593" s="10"/>
    </row>
    <row r="332594" spans="14:14">
      <c r="N332594" s="10"/>
    </row>
    <row r="332595" spans="14:14">
      <c r="N332595" s="10"/>
    </row>
    <row r="332596" spans="14:14">
      <c r="N332596" s="10"/>
    </row>
    <row r="332597" spans="14:14">
      <c r="N332597" s="10"/>
    </row>
    <row r="332598" spans="14:14">
      <c r="N332598" s="10"/>
    </row>
    <row r="332599" spans="14:14">
      <c r="N332599" s="10"/>
    </row>
    <row r="332600" spans="14:14">
      <c r="N332600" s="10"/>
    </row>
    <row r="332601" spans="14:14">
      <c r="N332601" s="10"/>
    </row>
    <row r="332602" spans="14:14">
      <c r="N332602" s="10"/>
    </row>
    <row r="332603" spans="14:14">
      <c r="N332603" s="10"/>
    </row>
    <row r="332604" spans="14:14">
      <c r="N332604" s="10"/>
    </row>
    <row r="332605" spans="14:14">
      <c r="N332605" s="10"/>
    </row>
    <row r="332606" spans="14:14">
      <c r="N332606" s="10"/>
    </row>
    <row r="332607" spans="14:14">
      <c r="N332607" s="10"/>
    </row>
    <row r="332608" spans="14:14">
      <c r="N332608" s="10"/>
    </row>
    <row r="332609" spans="14:14">
      <c r="N332609" s="10"/>
    </row>
    <row r="332610" spans="14:14">
      <c r="N332610" s="10"/>
    </row>
    <row r="332611" spans="14:14">
      <c r="N332611" s="10"/>
    </row>
    <row r="332612" spans="14:14">
      <c r="N332612" s="10"/>
    </row>
    <row r="332613" spans="14:14">
      <c r="N332613" s="10"/>
    </row>
    <row r="332614" spans="14:14">
      <c r="N332614" s="10"/>
    </row>
    <row r="332615" spans="14:14">
      <c r="N332615" s="10"/>
    </row>
    <row r="332616" spans="14:14">
      <c r="N332616" s="10"/>
    </row>
    <row r="332617" spans="14:14">
      <c r="N332617" s="10"/>
    </row>
    <row r="332618" spans="14:14">
      <c r="N332618" s="10"/>
    </row>
    <row r="332619" spans="14:14">
      <c r="N332619" s="10"/>
    </row>
    <row r="332620" spans="14:14">
      <c r="N332620" s="10"/>
    </row>
    <row r="332621" spans="14:14">
      <c r="N332621" s="10"/>
    </row>
    <row r="332622" spans="14:14">
      <c r="N332622" s="10"/>
    </row>
    <row r="332623" spans="14:14">
      <c r="N332623" s="10"/>
    </row>
    <row r="332624" spans="14:14">
      <c r="N332624" s="10"/>
    </row>
    <row r="332625" spans="14:14">
      <c r="N332625" s="10"/>
    </row>
    <row r="332626" spans="14:14">
      <c r="N332626" s="10"/>
    </row>
    <row r="332627" spans="14:14">
      <c r="N332627" s="10"/>
    </row>
    <row r="332628" spans="14:14">
      <c r="N332628" s="10"/>
    </row>
    <row r="332629" spans="14:14">
      <c r="N332629" s="10"/>
    </row>
    <row r="332630" spans="14:14">
      <c r="N332630" s="10"/>
    </row>
    <row r="332631" spans="14:14">
      <c r="N332631" s="10"/>
    </row>
    <row r="332632" spans="14:14">
      <c r="N332632" s="10"/>
    </row>
    <row r="332633" spans="14:14">
      <c r="N332633" s="10"/>
    </row>
    <row r="332634" spans="14:14">
      <c r="N332634" s="10"/>
    </row>
    <row r="332635" spans="14:14">
      <c r="N332635" s="10"/>
    </row>
    <row r="332636" spans="14:14">
      <c r="N332636" s="10"/>
    </row>
    <row r="332637" spans="14:14">
      <c r="N332637" s="10"/>
    </row>
    <row r="332638" spans="14:14">
      <c r="N332638" s="10"/>
    </row>
    <row r="332639" spans="14:14">
      <c r="N332639" s="10"/>
    </row>
    <row r="332640" spans="14:14">
      <c r="N332640" s="10"/>
    </row>
    <row r="332641" spans="14:14">
      <c r="N332641" s="10"/>
    </row>
    <row r="332642" spans="14:14">
      <c r="N332642" s="10"/>
    </row>
    <row r="332643" spans="14:14">
      <c r="N332643" s="10"/>
    </row>
    <row r="332644" spans="14:14">
      <c r="N332644" s="10"/>
    </row>
    <row r="332645" spans="14:14">
      <c r="N332645" s="10"/>
    </row>
    <row r="332646" spans="14:14">
      <c r="N332646" s="10"/>
    </row>
    <row r="332647" spans="14:14">
      <c r="N332647" s="10"/>
    </row>
    <row r="332648" spans="14:14">
      <c r="N332648" s="10"/>
    </row>
    <row r="332649" spans="14:14">
      <c r="N332649" s="10"/>
    </row>
    <row r="332650" spans="14:14">
      <c r="N332650" s="10"/>
    </row>
    <row r="332651" spans="14:14">
      <c r="N332651" s="10"/>
    </row>
    <row r="332652" spans="14:14">
      <c r="N332652" s="10"/>
    </row>
    <row r="332653" spans="14:14">
      <c r="N332653" s="10"/>
    </row>
    <row r="332654" spans="14:14">
      <c r="N332654" s="10"/>
    </row>
    <row r="332655" spans="14:14">
      <c r="N332655" s="10"/>
    </row>
    <row r="332656" spans="14:14">
      <c r="N332656" s="10"/>
    </row>
    <row r="332657" spans="14:14">
      <c r="N332657" s="10"/>
    </row>
    <row r="332658" spans="14:14">
      <c r="N332658" s="10"/>
    </row>
    <row r="332659" spans="14:14">
      <c r="N332659" s="10"/>
    </row>
    <row r="332660" spans="14:14">
      <c r="N332660" s="10"/>
    </row>
    <row r="332661" spans="14:14">
      <c r="N332661" s="10"/>
    </row>
    <row r="332662" spans="14:14">
      <c r="N332662" s="10"/>
    </row>
    <row r="332663" spans="14:14">
      <c r="N332663" s="10"/>
    </row>
    <row r="332664" spans="14:14">
      <c r="N332664" s="10"/>
    </row>
    <row r="332665" spans="14:14">
      <c r="N332665" s="10"/>
    </row>
    <row r="332666" spans="14:14">
      <c r="N332666" s="10"/>
    </row>
    <row r="332667" spans="14:14">
      <c r="N332667" s="10"/>
    </row>
    <row r="332668" spans="14:14">
      <c r="N332668" s="10"/>
    </row>
    <row r="332669" spans="14:14">
      <c r="N332669" s="10"/>
    </row>
    <row r="332670" spans="14:14">
      <c r="N332670" s="10"/>
    </row>
    <row r="332671" spans="14:14">
      <c r="N332671" s="10"/>
    </row>
    <row r="332672" spans="14:14">
      <c r="N332672" s="10"/>
    </row>
    <row r="332673" spans="14:14">
      <c r="N332673" s="10"/>
    </row>
    <row r="332674" spans="14:14">
      <c r="N332674" s="10"/>
    </row>
    <row r="332675" spans="14:14">
      <c r="N332675" s="10"/>
    </row>
    <row r="332676" spans="14:14">
      <c r="N332676" s="10"/>
    </row>
    <row r="332677" spans="14:14">
      <c r="N332677" s="10"/>
    </row>
    <row r="332678" spans="14:14">
      <c r="N332678" s="10"/>
    </row>
    <row r="332679" spans="14:14">
      <c r="N332679" s="10"/>
    </row>
    <row r="332680" spans="14:14">
      <c r="N332680" s="10"/>
    </row>
    <row r="332681" spans="14:14">
      <c r="N332681" s="10"/>
    </row>
    <row r="332682" spans="14:14">
      <c r="N332682" s="10"/>
    </row>
    <row r="332683" spans="14:14">
      <c r="N332683" s="10"/>
    </row>
    <row r="332684" spans="14:14">
      <c r="N332684" s="10"/>
    </row>
    <row r="332685" spans="14:14">
      <c r="N332685" s="10"/>
    </row>
    <row r="332686" spans="14:14">
      <c r="N332686" s="10"/>
    </row>
    <row r="332687" spans="14:14">
      <c r="N332687" s="10"/>
    </row>
    <row r="332688" spans="14:14">
      <c r="N332688" s="10"/>
    </row>
    <row r="332689" spans="14:14">
      <c r="N332689" s="10"/>
    </row>
    <row r="332690" spans="14:14">
      <c r="N332690" s="10"/>
    </row>
    <row r="332691" spans="14:14">
      <c r="N332691" s="10"/>
    </row>
    <row r="332692" spans="14:14">
      <c r="N332692" s="10"/>
    </row>
    <row r="332693" spans="14:14">
      <c r="N332693" s="10"/>
    </row>
    <row r="332694" spans="14:14">
      <c r="N332694" s="10"/>
    </row>
    <row r="332695" spans="14:14">
      <c r="N332695" s="10"/>
    </row>
    <row r="332696" spans="14:14">
      <c r="N332696" s="10"/>
    </row>
    <row r="332697" spans="14:14">
      <c r="N332697" s="10"/>
    </row>
    <row r="332698" spans="14:14">
      <c r="N332698" s="10"/>
    </row>
    <row r="332699" spans="14:14">
      <c r="N332699" s="10"/>
    </row>
    <row r="332700" spans="14:14">
      <c r="N332700" s="10"/>
    </row>
    <row r="332701" spans="14:14">
      <c r="N332701" s="10"/>
    </row>
    <row r="332702" spans="14:14">
      <c r="N332702" s="10"/>
    </row>
    <row r="332703" spans="14:14">
      <c r="N332703" s="10"/>
    </row>
    <row r="332704" spans="14:14">
      <c r="N332704" s="10"/>
    </row>
    <row r="332705" spans="14:14">
      <c r="N332705" s="10"/>
    </row>
    <row r="332706" spans="14:14">
      <c r="N332706" s="10"/>
    </row>
    <row r="332707" spans="14:14">
      <c r="N332707" s="10"/>
    </row>
    <row r="332708" spans="14:14">
      <c r="N332708" s="10"/>
    </row>
    <row r="332709" spans="14:14">
      <c r="N332709" s="10"/>
    </row>
    <row r="332710" spans="14:14">
      <c r="N332710" s="10"/>
    </row>
    <row r="332711" spans="14:14">
      <c r="N332711" s="10"/>
    </row>
    <row r="332712" spans="14:14">
      <c r="N332712" s="10"/>
    </row>
    <row r="332713" spans="14:14">
      <c r="N332713" s="10"/>
    </row>
    <row r="332714" spans="14:14">
      <c r="N332714" s="10"/>
    </row>
    <row r="332715" spans="14:14">
      <c r="N332715" s="10"/>
    </row>
    <row r="332716" spans="14:14">
      <c r="N332716" s="10"/>
    </row>
    <row r="332717" spans="14:14">
      <c r="N332717" s="10"/>
    </row>
    <row r="332718" spans="14:14">
      <c r="N332718" s="10"/>
    </row>
    <row r="332719" spans="14:14">
      <c r="N332719" s="10"/>
    </row>
    <row r="332720" spans="14:14">
      <c r="N332720" s="10"/>
    </row>
    <row r="332721" spans="14:14">
      <c r="N332721" s="10"/>
    </row>
    <row r="332722" spans="14:14">
      <c r="N332722" s="10"/>
    </row>
    <row r="332723" spans="14:14">
      <c r="N332723" s="10"/>
    </row>
    <row r="332724" spans="14:14">
      <c r="N332724" s="10"/>
    </row>
    <row r="332725" spans="14:14">
      <c r="N332725" s="10"/>
    </row>
    <row r="332726" spans="14:14">
      <c r="N332726" s="10"/>
    </row>
    <row r="332727" spans="14:14">
      <c r="N332727" s="10"/>
    </row>
    <row r="332728" spans="14:14">
      <c r="N332728" s="10"/>
    </row>
    <row r="332729" spans="14:14">
      <c r="N332729" s="10"/>
    </row>
    <row r="332730" spans="14:14">
      <c r="N332730" s="10"/>
    </row>
    <row r="332731" spans="14:14">
      <c r="N332731" s="10"/>
    </row>
    <row r="332732" spans="14:14">
      <c r="N332732" s="10"/>
    </row>
    <row r="332733" spans="14:14">
      <c r="N332733" s="10"/>
    </row>
    <row r="332734" spans="14:14">
      <c r="N332734" s="10"/>
    </row>
    <row r="332735" spans="14:14">
      <c r="N332735" s="10"/>
    </row>
    <row r="332736" spans="14:14">
      <c r="N332736" s="10"/>
    </row>
    <row r="332737" spans="14:14">
      <c r="N332737" s="10"/>
    </row>
    <row r="332738" spans="14:14">
      <c r="N332738" s="10"/>
    </row>
    <row r="332739" spans="14:14">
      <c r="N332739" s="10"/>
    </row>
    <row r="332740" spans="14:14">
      <c r="N332740" s="10"/>
    </row>
    <row r="332741" spans="14:14">
      <c r="N332741" s="10"/>
    </row>
    <row r="332742" spans="14:14">
      <c r="N332742" s="10"/>
    </row>
    <row r="332743" spans="14:14">
      <c r="N332743" s="10"/>
    </row>
    <row r="332744" spans="14:14">
      <c r="N332744" s="10"/>
    </row>
    <row r="332745" spans="14:14">
      <c r="N332745" s="10"/>
    </row>
    <row r="332746" spans="14:14">
      <c r="N332746" s="10"/>
    </row>
    <row r="332747" spans="14:14">
      <c r="N332747" s="10"/>
    </row>
    <row r="332748" spans="14:14">
      <c r="N332748" s="10"/>
    </row>
    <row r="332749" spans="14:14">
      <c r="N332749" s="10"/>
    </row>
    <row r="332750" spans="14:14">
      <c r="N332750" s="10"/>
    </row>
    <row r="332751" spans="14:14">
      <c r="N332751" s="10"/>
    </row>
    <row r="332752" spans="14:14">
      <c r="N332752" s="10"/>
    </row>
    <row r="332753" spans="14:14">
      <c r="N332753" s="10"/>
    </row>
    <row r="332754" spans="14:14">
      <c r="N332754" s="10"/>
    </row>
    <row r="332755" spans="14:14">
      <c r="N332755" s="10"/>
    </row>
    <row r="332756" spans="14:14">
      <c r="N332756" s="10"/>
    </row>
    <row r="332757" spans="14:14">
      <c r="N332757" s="10"/>
    </row>
    <row r="332758" spans="14:14">
      <c r="N332758" s="10"/>
    </row>
    <row r="332759" spans="14:14">
      <c r="N332759" s="10"/>
    </row>
    <row r="332760" spans="14:14">
      <c r="N332760" s="10"/>
    </row>
    <row r="332761" spans="14:14">
      <c r="N332761" s="10"/>
    </row>
    <row r="332762" spans="14:14">
      <c r="N332762" s="10"/>
    </row>
    <row r="332763" spans="14:14">
      <c r="N332763" s="10"/>
    </row>
    <row r="332764" spans="14:14">
      <c r="N332764" s="10"/>
    </row>
    <row r="332765" spans="14:14">
      <c r="N332765" s="10"/>
    </row>
    <row r="332766" spans="14:14">
      <c r="N332766" s="10"/>
    </row>
    <row r="332767" spans="14:14">
      <c r="N332767" s="10"/>
    </row>
    <row r="332768" spans="14:14">
      <c r="N332768" s="10"/>
    </row>
    <row r="332769" spans="14:14">
      <c r="N332769" s="10"/>
    </row>
    <row r="332770" spans="14:14">
      <c r="N332770" s="10"/>
    </row>
    <row r="332771" spans="14:14">
      <c r="N332771" s="10"/>
    </row>
    <row r="332772" spans="14:14">
      <c r="N332772" s="10"/>
    </row>
    <row r="332773" spans="14:14">
      <c r="N332773" s="10"/>
    </row>
    <row r="332774" spans="14:14">
      <c r="N332774" s="10"/>
    </row>
    <row r="332775" spans="14:14">
      <c r="N332775" s="10"/>
    </row>
    <row r="332776" spans="14:14">
      <c r="N332776" s="10"/>
    </row>
    <row r="332777" spans="14:14">
      <c r="N332777" s="10"/>
    </row>
    <row r="332778" spans="14:14">
      <c r="N332778" s="10"/>
    </row>
    <row r="332779" spans="14:14">
      <c r="N332779" s="10"/>
    </row>
    <row r="332780" spans="14:14">
      <c r="N332780" s="10"/>
    </row>
    <row r="332781" spans="14:14">
      <c r="N332781" s="10"/>
    </row>
    <row r="332782" spans="14:14">
      <c r="N332782" s="10"/>
    </row>
    <row r="332783" spans="14:14">
      <c r="N332783" s="10"/>
    </row>
    <row r="332784" spans="14:14">
      <c r="N332784" s="10"/>
    </row>
    <row r="332785" spans="14:14">
      <c r="N332785" s="10"/>
    </row>
    <row r="332786" spans="14:14">
      <c r="N332786" s="10"/>
    </row>
    <row r="332787" spans="14:14">
      <c r="N332787" s="10"/>
    </row>
    <row r="332788" spans="14:14">
      <c r="N332788" s="10"/>
    </row>
    <row r="332789" spans="14:14">
      <c r="N332789" s="10"/>
    </row>
    <row r="332790" spans="14:14">
      <c r="N332790" s="10"/>
    </row>
    <row r="332791" spans="14:14">
      <c r="N332791" s="10"/>
    </row>
    <row r="332792" spans="14:14">
      <c r="N332792" s="10"/>
    </row>
    <row r="332793" spans="14:14">
      <c r="N332793" s="10"/>
    </row>
    <row r="332794" spans="14:14">
      <c r="N332794" s="10"/>
    </row>
    <row r="332795" spans="14:14">
      <c r="N332795" s="10"/>
    </row>
    <row r="332796" spans="14:14">
      <c r="N332796" s="10"/>
    </row>
    <row r="332797" spans="14:14">
      <c r="N332797" s="10"/>
    </row>
    <row r="332798" spans="14:14">
      <c r="N332798" s="10"/>
    </row>
    <row r="332799" spans="14:14">
      <c r="N332799" s="10"/>
    </row>
    <row r="332800" spans="14:14">
      <c r="N332800" s="10"/>
    </row>
    <row r="332801" spans="14:14">
      <c r="N332801" s="10"/>
    </row>
    <row r="332802" spans="14:14">
      <c r="N332802" s="10"/>
    </row>
    <row r="332803" spans="14:14">
      <c r="N332803" s="10"/>
    </row>
    <row r="332804" spans="14:14">
      <c r="N332804" s="10"/>
    </row>
    <row r="332805" spans="14:14">
      <c r="N332805" s="10"/>
    </row>
    <row r="332806" spans="14:14">
      <c r="N332806" s="10"/>
    </row>
    <row r="332807" spans="14:14">
      <c r="N332807" s="10"/>
    </row>
    <row r="332808" spans="14:14">
      <c r="N332808" s="10"/>
    </row>
    <row r="332809" spans="14:14">
      <c r="N332809" s="10"/>
    </row>
    <row r="332810" spans="14:14">
      <c r="N332810" s="10"/>
    </row>
    <row r="332811" spans="14:14">
      <c r="N332811" s="10"/>
    </row>
    <row r="332812" spans="14:14">
      <c r="N332812" s="10"/>
    </row>
    <row r="332813" spans="14:14">
      <c r="N332813" s="10"/>
    </row>
    <row r="332814" spans="14:14">
      <c r="N332814" s="10"/>
    </row>
    <row r="332815" spans="14:14">
      <c r="N332815" s="10"/>
    </row>
    <row r="332816" spans="14:14">
      <c r="N332816" s="10"/>
    </row>
    <row r="332817" spans="14:14">
      <c r="N332817" s="10"/>
    </row>
    <row r="332818" spans="14:14">
      <c r="N332818" s="10"/>
    </row>
    <row r="332819" spans="14:14">
      <c r="N332819" s="10"/>
    </row>
    <row r="332820" spans="14:14">
      <c r="N332820" s="10"/>
    </row>
    <row r="332821" spans="14:14">
      <c r="N332821" s="10"/>
    </row>
    <row r="332822" spans="14:14">
      <c r="N332822" s="10"/>
    </row>
    <row r="332823" spans="14:14">
      <c r="N332823" s="10"/>
    </row>
    <row r="332824" spans="14:14">
      <c r="N332824" s="10"/>
    </row>
    <row r="332825" spans="14:14">
      <c r="N332825" s="10"/>
    </row>
    <row r="332826" spans="14:14">
      <c r="N332826" s="10"/>
    </row>
    <row r="332827" spans="14:14">
      <c r="N332827" s="10"/>
    </row>
    <row r="332828" spans="14:14">
      <c r="N332828" s="10"/>
    </row>
    <row r="332829" spans="14:14">
      <c r="N332829" s="10"/>
    </row>
    <row r="332830" spans="14:14">
      <c r="N332830" s="10"/>
    </row>
    <row r="332831" spans="14:14">
      <c r="N332831" s="10"/>
    </row>
    <row r="332832" spans="14:14">
      <c r="N332832" s="10"/>
    </row>
    <row r="332833" spans="14:14">
      <c r="N332833" s="10"/>
    </row>
    <row r="332834" spans="14:14">
      <c r="N332834" s="10"/>
    </row>
    <row r="332835" spans="14:14">
      <c r="N332835" s="10"/>
    </row>
    <row r="332836" spans="14:14">
      <c r="N332836" s="10"/>
    </row>
    <row r="332837" spans="14:14">
      <c r="N332837" s="10"/>
    </row>
    <row r="332838" spans="14:14">
      <c r="N332838" s="10"/>
    </row>
    <row r="332839" spans="14:14">
      <c r="N332839" s="10"/>
    </row>
    <row r="332840" spans="14:14">
      <c r="N332840" s="10"/>
    </row>
    <row r="332841" spans="14:14">
      <c r="N332841" s="10"/>
    </row>
    <row r="332842" spans="14:14">
      <c r="N332842" s="10"/>
    </row>
    <row r="332843" spans="14:14">
      <c r="N332843" s="10"/>
    </row>
    <row r="332844" spans="14:14">
      <c r="N332844" s="10"/>
    </row>
    <row r="332845" spans="14:14">
      <c r="N332845" s="10"/>
    </row>
    <row r="332846" spans="14:14">
      <c r="N332846" s="10"/>
    </row>
    <row r="332847" spans="14:14">
      <c r="N332847" s="10"/>
    </row>
    <row r="332848" spans="14:14">
      <c r="N332848" s="10"/>
    </row>
    <row r="332849" spans="14:14">
      <c r="N332849" s="10"/>
    </row>
    <row r="332850" spans="14:14">
      <c r="N332850" s="10"/>
    </row>
    <row r="332851" spans="14:14">
      <c r="N332851" s="10"/>
    </row>
    <row r="332852" spans="14:14">
      <c r="N332852" s="10"/>
    </row>
    <row r="332853" spans="14:14">
      <c r="N332853" s="10"/>
    </row>
    <row r="332854" spans="14:14">
      <c r="N332854" s="10"/>
    </row>
    <row r="332855" spans="14:14">
      <c r="N332855" s="10"/>
    </row>
    <row r="332856" spans="14:14">
      <c r="N332856" s="10"/>
    </row>
    <row r="332857" spans="14:14">
      <c r="N332857" s="10"/>
    </row>
    <row r="332858" spans="14:14">
      <c r="N332858" s="10"/>
    </row>
    <row r="332859" spans="14:14">
      <c r="N332859" s="10"/>
    </row>
    <row r="332860" spans="14:14">
      <c r="N332860" s="10"/>
    </row>
    <row r="332861" spans="14:14">
      <c r="N332861" s="10"/>
    </row>
    <row r="332862" spans="14:14">
      <c r="N332862" s="10"/>
    </row>
    <row r="332863" spans="14:14">
      <c r="N332863" s="10"/>
    </row>
    <row r="332864" spans="14:14">
      <c r="N332864" s="10"/>
    </row>
    <row r="332865" spans="14:14">
      <c r="N332865" s="10"/>
    </row>
    <row r="332866" spans="14:14">
      <c r="N332866" s="10"/>
    </row>
    <row r="332867" spans="14:14">
      <c r="N332867" s="10"/>
    </row>
    <row r="332868" spans="14:14">
      <c r="N332868" s="10"/>
    </row>
    <row r="332869" spans="14:14">
      <c r="N332869" s="10"/>
    </row>
    <row r="332870" spans="14:14">
      <c r="N332870" s="10"/>
    </row>
    <row r="332871" spans="14:14">
      <c r="N332871" s="10"/>
    </row>
    <row r="332872" spans="14:14">
      <c r="N332872" s="10"/>
    </row>
    <row r="332873" spans="14:14">
      <c r="N332873" s="10"/>
    </row>
    <row r="332874" spans="14:14">
      <c r="N332874" s="10"/>
    </row>
    <row r="332875" spans="14:14">
      <c r="N332875" s="10"/>
    </row>
    <row r="332876" spans="14:14">
      <c r="N332876" s="10"/>
    </row>
    <row r="332877" spans="14:14">
      <c r="N332877" s="10"/>
    </row>
    <row r="332878" spans="14:14">
      <c r="N332878" s="10"/>
    </row>
    <row r="332879" spans="14:14">
      <c r="N332879" s="10"/>
    </row>
    <row r="332880" spans="14:14">
      <c r="N332880" s="10"/>
    </row>
    <row r="332881" spans="14:14">
      <c r="N332881" s="10"/>
    </row>
    <row r="332882" spans="14:14">
      <c r="N332882" s="10"/>
    </row>
    <row r="332883" spans="14:14">
      <c r="N332883" s="10"/>
    </row>
    <row r="332884" spans="14:14">
      <c r="N332884" s="10"/>
    </row>
    <row r="332885" spans="14:14">
      <c r="N332885" s="10"/>
    </row>
    <row r="332886" spans="14:14">
      <c r="N332886" s="10"/>
    </row>
    <row r="332887" spans="14:14">
      <c r="N332887" s="10"/>
    </row>
    <row r="332888" spans="14:14">
      <c r="N332888" s="10"/>
    </row>
    <row r="332889" spans="14:14">
      <c r="N332889" s="10"/>
    </row>
    <row r="332890" spans="14:14">
      <c r="N332890" s="10"/>
    </row>
    <row r="332891" spans="14:14">
      <c r="N332891" s="10"/>
    </row>
    <row r="332892" spans="14:14">
      <c r="N332892" s="10"/>
    </row>
    <row r="332893" spans="14:14">
      <c r="N332893" s="10"/>
    </row>
    <row r="332894" spans="14:14">
      <c r="N332894" s="10"/>
    </row>
    <row r="332895" spans="14:14">
      <c r="N332895" s="10"/>
    </row>
    <row r="332896" spans="14:14">
      <c r="N332896" s="10"/>
    </row>
    <row r="332897" spans="14:14">
      <c r="N332897" s="10"/>
    </row>
    <row r="332898" spans="14:14">
      <c r="N332898" s="10"/>
    </row>
    <row r="332899" spans="14:14">
      <c r="N332899" s="10"/>
    </row>
    <row r="332900" spans="14:14">
      <c r="N332900" s="10"/>
    </row>
    <row r="332901" spans="14:14">
      <c r="N332901" s="10"/>
    </row>
    <row r="332902" spans="14:14">
      <c r="N332902" s="10"/>
    </row>
    <row r="332903" spans="14:14">
      <c r="N332903" s="10"/>
    </row>
    <row r="332904" spans="14:14">
      <c r="N332904" s="10"/>
    </row>
    <row r="332905" spans="14:14">
      <c r="N332905" s="10"/>
    </row>
    <row r="332906" spans="14:14">
      <c r="N332906" s="10"/>
    </row>
    <row r="332907" spans="14:14">
      <c r="N332907" s="10"/>
    </row>
    <row r="332908" spans="14:14">
      <c r="N332908" s="10"/>
    </row>
    <row r="332909" spans="14:14">
      <c r="N332909" s="10"/>
    </row>
    <row r="332910" spans="14:14">
      <c r="N332910" s="10"/>
    </row>
    <row r="332911" spans="14:14">
      <c r="N332911" s="10"/>
    </row>
    <row r="332912" spans="14:14">
      <c r="N332912" s="10"/>
    </row>
    <row r="332913" spans="14:14">
      <c r="N332913" s="10"/>
    </row>
    <row r="332914" spans="14:14">
      <c r="N332914" s="10"/>
    </row>
    <row r="332915" spans="14:14">
      <c r="N332915" s="10"/>
    </row>
    <row r="332916" spans="14:14">
      <c r="N332916" s="10"/>
    </row>
    <row r="332917" spans="14:14">
      <c r="N332917" s="10"/>
    </row>
    <row r="332918" spans="14:14">
      <c r="N332918" s="10"/>
    </row>
    <row r="332919" spans="14:14">
      <c r="N332919" s="10"/>
    </row>
    <row r="332920" spans="14:14">
      <c r="N332920" s="10"/>
    </row>
    <row r="332921" spans="14:14">
      <c r="N332921" s="10"/>
    </row>
    <row r="332922" spans="14:14">
      <c r="N332922" s="10"/>
    </row>
    <row r="332923" spans="14:14">
      <c r="N332923" s="10"/>
    </row>
    <row r="332924" spans="14:14">
      <c r="N332924" s="10"/>
    </row>
    <row r="332925" spans="14:14">
      <c r="N332925" s="10"/>
    </row>
    <row r="332926" spans="14:14">
      <c r="N332926" s="10"/>
    </row>
    <row r="332927" spans="14:14">
      <c r="N332927" s="10"/>
    </row>
    <row r="332928" spans="14:14">
      <c r="N332928" s="10"/>
    </row>
    <row r="332929" spans="14:14">
      <c r="N332929" s="10"/>
    </row>
    <row r="332930" spans="14:14">
      <c r="N332930" s="10"/>
    </row>
    <row r="332931" spans="14:14">
      <c r="N332931" s="10"/>
    </row>
    <row r="332932" spans="14:14">
      <c r="N332932" s="10"/>
    </row>
    <row r="332933" spans="14:14">
      <c r="N332933" s="10"/>
    </row>
    <row r="332934" spans="14:14">
      <c r="N332934" s="10"/>
    </row>
    <row r="332935" spans="14:14">
      <c r="N332935" s="10"/>
    </row>
    <row r="332936" spans="14:14">
      <c r="N332936" s="10"/>
    </row>
    <row r="332937" spans="14:14">
      <c r="N332937" s="10"/>
    </row>
    <row r="332938" spans="14:14">
      <c r="N332938" s="10"/>
    </row>
    <row r="332939" spans="14:14">
      <c r="N332939" s="10"/>
    </row>
    <row r="332940" spans="14:14">
      <c r="N332940" s="10"/>
    </row>
    <row r="332941" spans="14:14">
      <c r="N332941" s="10"/>
    </row>
    <row r="332942" spans="14:14">
      <c r="N332942" s="10"/>
    </row>
    <row r="332943" spans="14:14">
      <c r="N332943" s="10"/>
    </row>
    <row r="332944" spans="14:14">
      <c r="N332944" s="10"/>
    </row>
    <row r="332945" spans="14:14">
      <c r="N332945" s="10"/>
    </row>
    <row r="332946" spans="14:14">
      <c r="N332946" s="10"/>
    </row>
    <row r="332947" spans="14:14">
      <c r="N332947" s="10"/>
    </row>
    <row r="332948" spans="14:14">
      <c r="N332948" s="10"/>
    </row>
    <row r="332949" spans="14:14">
      <c r="N332949" s="10"/>
    </row>
    <row r="332950" spans="14:14">
      <c r="N332950" s="10"/>
    </row>
    <row r="332951" spans="14:14">
      <c r="N332951" s="10"/>
    </row>
    <row r="332952" spans="14:14">
      <c r="N332952" s="10"/>
    </row>
    <row r="332953" spans="14:14">
      <c r="N332953" s="10"/>
    </row>
    <row r="332954" spans="14:14">
      <c r="N332954" s="10"/>
    </row>
    <row r="332955" spans="14:14">
      <c r="N332955" s="10"/>
    </row>
    <row r="332956" spans="14:14">
      <c r="N332956" s="10"/>
    </row>
    <row r="332957" spans="14:14">
      <c r="N332957" s="10"/>
    </row>
    <row r="332958" spans="14:14">
      <c r="N332958" s="10"/>
    </row>
    <row r="332959" spans="14:14">
      <c r="N332959" s="10"/>
    </row>
    <row r="332960" spans="14:14">
      <c r="N332960" s="10"/>
    </row>
    <row r="332961" spans="14:14">
      <c r="N332961" s="10"/>
    </row>
    <row r="332962" spans="14:14">
      <c r="N332962" s="10"/>
    </row>
    <row r="332963" spans="14:14">
      <c r="N332963" s="10"/>
    </row>
    <row r="332964" spans="14:14">
      <c r="N332964" s="10"/>
    </row>
    <row r="332965" spans="14:14">
      <c r="N332965" s="10"/>
    </row>
    <row r="332966" spans="14:14">
      <c r="N332966" s="10"/>
    </row>
    <row r="332967" spans="14:14">
      <c r="N332967" s="10"/>
    </row>
    <row r="332968" spans="14:14">
      <c r="N332968" s="10"/>
    </row>
    <row r="332969" spans="14:14">
      <c r="N332969" s="10"/>
    </row>
    <row r="332970" spans="14:14">
      <c r="N332970" s="10"/>
    </row>
    <row r="332971" spans="14:14">
      <c r="N332971" s="10"/>
    </row>
    <row r="332972" spans="14:14">
      <c r="N332972" s="10"/>
    </row>
    <row r="332973" spans="14:14">
      <c r="N332973" s="10"/>
    </row>
    <row r="332974" spans="14:14">
      <c r="N332974" s="10"/>
    </row>
    <row r="332975" spans="14:14">
      <c r="N332975" s="10"/>
    </row>
    <row r="332976" spans="14:14">
      <c r="N332976" s="10"/>
    </row>
    <row r="332977" spans="14:14">
      <c r="N332977" s="10"/>
    </row>
    <row r="332978" spans="14:14">
      <c r="N332978" s="10"/>
    </row>
    <row r="332979" spans="14:14">
      <c r="N332979" s="10"/>
    </row>
    <row r="332980" spans="14:14">
      <c r="N332980" s="10"/>
    </row>
    <row r="332981" spans="14:14">
      <c r="N332981" s="10"/>
    </row>
    <row r="332982" spans="14:14">
      <c r="N332982" s="10"/>
    </row>
    <row r="332983" spans="14:14">
      <c r="N332983" s="10"/>
    </row>
    <row r="332984" spans="14:14">
      <c r="N332984" s="10"/>
    </row>
    <row r="332985" spans="14:14">
      <c r="N332985" s="10"/>
    </row>
    <row r="332986" spans="14:14">
      <c r="N332986" s="10"/>
    </row>
    <row r="332987" spans="14:14">
      <c r="N332987" s="10"/>
    </row>
    <row r="332988" spans="14:14">
      <c r="N332988" s="10"/>
    </row>
    <row r="332989" spans="14:14">
      <c r="N332989" s="10"/>
    </row>
    <row r="332990" spans="14:14">
      <c r="N332990" s="10"/>
    </row>
    <row r="332991" spans="14:14">
      <c r="N332991" s="10"/>
    </row>
    <row r="332992" spans="14:14">
      <c r="N332992" s="10"/>
    </row>
    <row r="332993" spans="14:14">
      <c r="N332993" s="10"/>
    </row>
    <row r="332994" spans="14:14">
      <c r="N332994" s="10"/>
    </row>
    <row r="332995" spans="14:14">
      <c r="N332995" s="10"/>
    </row>
    <row r="332996" spans="14:14">
      <c r="N332996" s="10"/>
    </row>
    <row r="332997" spans="14:14">
      <c r="N332997" s="10"/>
    </row>
    <row r="332998" spans="14:14">
      <c r="N332998" s="10"/>
    </row>
    <row r="332999" spans="14:14">
      <c r="N332999" s="10"/>
    </row>
    <row r="333000" spans="14:14">
      <c r="N333000" s="10"/>
    </row>
    <row r="333001" spans="14:14">
      <c r="N333001" s="10"/>
    </row>
    <row r="333002" spans="14:14">
      <c r="N333002" s="10"/>
    </row>
    <row r="333003" spans="14:14">
      <c r="N333003" s="10"/>
    </row>
    <row r="333004" spans="14:14">
      <c r="N333004" s="10"/>
    </row>
    <row r="333005" spans="14:14">
      <c r="N333005" s="10"/>
    </row>
    <row r="333006" spans="14:14">
      <c r="N333006" s="10"/>
    </row>
    <row r="333007" spans="14:14">
      <c r="N333007" s="10"/>
    </row>
    <row r="333008" spans="14:14">
      <c r="N333008" s="10"/>
    </row>
    <row r="333009" spans="14:14">
      <c r="N333009" s="10"/>
    </row>
    <row r="333010" spans="14:14">
      <c r="N333010" s="10"/>
    </row>
    <row r="333011" spans="14:14">
      <c r="N333011" s="10"/>
    </row>
    <row r="333012" spans="14:14">
      <c r="N333012" s="10"/>
    </row>
    <row r="333013" spans="14:14">
      <c r="N333013" s="10"/>
    </row>
    <row r="333014" spans="14:14">
      <c r="N333014" s="10"/>
    </row>
    <row r="333015" spans="14:14">
      <c r="N333015" s="10"/>
    </row>
    <row r="333016" spans="14:14">
      <c r="N333016" s="10"/>
    </row>
    <row r="333017" spans="14:14">
      <c r="N333017" s="10"/>
    </row>
    <row r="333018" spans="14:14">
      <c r="N333018" s="10"/>
    </row>
    <row r="333019" spans="14:14">
      <c r="N333019" s="10"/>
    </row>
    <row r="333020" spans="14:14">
      <c r="N333020" s="10"/>
    </row>
    <row r="333021" spans="14:14">
      <c r="N333021" s="10"/>
    </row>
    <row r="333022" spans="14:14">
      <c r="N333022" s="10"/>
    </row>
    <row r="333023" spans="14:14">
      <c r="N333023" s="10"/>
    </row>
    <row r="333024" spans="14:14">
      <c r="N333024" s="10"/>
    </row>
    <row r="333025" spans="14:14">
      <c r="N333025" s="10"/>
    </row>
    <row r="333026" spans="14:14">
      <c r="N333026" s="10"/>
    </row>
    <row r="333027" spans="14:14">
      <c r="N333027" s="10"/>
    </row>
    <row r="333028" spans="14:14">
      <c r="N333028" s="10"/>
    </row>
    <row r="333029" spans="14:14">
      <c r="N333029" s="10"/>
    </row>
    <row r="333030" spans="14:14">
      <c r="N333030" s="10"/>
    </row>
    <row r="333031" spans="14:14">
      <c r="N333031" s="10"/>
    </row>
    <row r="333032" spans="14:14">
      <c r="N333032" s="10"/>
    </row>
    <row r="333033" spans="14:14">
      <c r="N333033" s="10"/>
    </row>
    <row r="333034" spans="14:14">
      <c r="N333034" s="10"/>
    </row>
    <row r="333035" spans="14:14">
      <c r="N333035" s="10"/>
    </row>
    <row r="333036" spans="14:14">
      <c r="N333036" s="10"/>
    </row>
    <row r="333037" spans="14:14">
      <c r="N333037" s="10"/>
    </row>
    <row r="333038" spans="14:14">
      <c r="N333038" s="10"/>
    </row>
    <row r="333039" spans="14:14">
      <c r="N333039" s="10"/>
    </row>
    <row r="333040" spans="14:14">
      <c r="N333040" s="10"/>
    </row>
    <row r="333041" spans="14:14">
      <c r="N333041" s="10"/>
    </row>
    <row r="333042" spans="14:14">
      <c r="N333042" s="10"/>
    </row>
    <row r="333043" spans="14:14">
      <c r="N333043" s="10"/>
    </row>
    <row r="333044" spans="14:14">
      <c r="N333044" s="10"/>
    </row>
    <row r="333045" spans="14:14">
      <c r="N333045" s="10"/>
    </row>
    <row r="333046" spans="14:14">
      <c r="N333046" s="10"/>
    </row>
    <row r="333047" spans="14:14">
      <c r="N333047" s="10"/>
    </row>
    <row r="333048" spans="14:14">
      <c r="N333048" s="10"/>
    </row>
    <row r="333049" spans="14:14">
      <c r="N333049" s="10"/>
    </row>
    <row r="333050" spans="14:14">
      <c r="N333050" s="10"/>
    </row>
    <row r="333051" spans="14:14">
      <c r="N333051" s="10"/>
    </row>
    <row r="333052" spans="14:14">
      <c r="N333052" s="10"/>
    </row>
    <row r="333053" spans="14:14">
      <c r="N333053" s="10"/>
    </row>
    <row r="333054" spans="14:14">
      <c r="N333054" s="10"/>
    </row>
    <row r="333055" spans="14:14">
      <c r="N333055" s="10"/>
    </row>
    <row r="333056" spans="14:14">
      <c r="N333056" s="10"/>
    </row>
    <row r="333057" spans="14:14">
      <c r="N333057" s="10"/>
    </row>
    <row r="333058" spans="14:14">
      <c r="N333058" s="10"/>
    </row>
    <row r="333059" spans="14:14">
      <c r="N333059" s="10"/>
    </row>
    <row r="333060" spans="14:14">
      <c r="N333060" s="10"/>
    </row>
    <row r="333061" spans="14:14">
      <c r="N333061" s="10"/>
    </row>
    <row r="333062" spans="14:14">
      <c r="N333062" s="10"/>
    </row>
    <row r="333063" spans="14:14">
      <c r="N333063" s="10"/>
    </row>
    <row r="333064" spans="14:14">
      <c r="N333064" s="10"/>
    </row>
    <row r="333065" spans="14:14">
      <c r="N333065" s="10"/>
    </row>
    <row r="333066" spans="14:14">
      <c r="N333066" s="10"/>
    </row>
    <row r="333067" spans="14:14">
      <c r="N333067" s="10"/>
    </row>
    <row r="333068" spans="14:14">
      <c r="N333068" s="10"/>
    </row>
    <row r="333069" spans="14:14">
      <c r="N333069" s="10"/>
    </row>
    <row r="333070" spans="14:14">
      <c r="N333070" s="10"/>
    </row>
    <row r="333071" spans="14:14">
      <c r="N333071" s="10"/>
    </row>
    <row r="333072" spans="14:14">
      <c r="N333072" s="10"/>
    </row>
    <row r="333073" spans="14:14">
      <c r="N333073" s="10"/>
    </row>
    <row r="333074" spans="14:14">
      <c r="N333074" s="10"/>
    </row>
    <row r="333075" spans="14:14">
      <c r="N333075" s="10"/>
    </row>
    <row r="333076" spans="14:14">
      <c r="N333076" s="10"/>
    </row>
    <row r="333077" spans="14:14">
      <c r="N333077" s="10"/>
    </row>
    <row r="333078" spans="14:14">
      <c r="N333078" s="10"/>
    </row>
    <row r="333079" spans="14:14">
      <c r="N333079" s="10"/>
    </row>
    <row r="333080" spans="14:14">
      <c r="N333080" s="10"/>
    </row>
    <row r="333081" spans="14:14">
      <c r="N333081" s="10"/>
    </row>
    <row r="333082" spans="14:14">
      <c r="N333082" s="10"/>
    </row>
    <row r="333083" spans="14:14">
      <c r="N333083" s="10"/>
    </row>
    <row r="333084" spans="14:14">
      <c r="N333084" s="10"/>
    </row>
    <row r="333085" spans="14:14">
      <c r="N333085" s="10"/>
    </row>
    <row r="333086" spans="14:14">
      <c r="N333086" s="10"/>
    </row>
    <row r="333087" spans="14:14">
      <c r="N333087" s="10"/>
    </row>
    <row r="333088" spans="14:14">
      <c r="N333088" s="10"/>
    </row>
    <row r="333089" spans="14:14">
      <c r="N333089" s="10"/>
    </row>
    <row r="333090" spans="14:14">
      <c r="N333090" s="10"/>
    </row>
    <row r="333091" spans="14:14">
      <c r="N333091" s="10"/>
    </row>
    <row r="333092" spans="14:14">
      <c r="N333092" s="10"/>
    </row>
    <row r="333093" spans="14:14">
      <c r="N333093" s="10"/>
    </row>
    <row r="333094" spans="14:14">
      <c r="N333094" s="10"/>
    </row>
    <row r="333095" spans="14:14">
      <c r="N333095" s="10"/>
    </row>
    <row r="333096" spans="14:14">
      <c r="N333096" s="10"/>
    </row>
    <row r="333097" spans="14:14">
      <c r="N333097" s="10"/>
    </row>
    <row r="333098" spans="14:14">
      <c r="N333098" s="10"/>
    </row>
    <row r="333099" spans="14:14">
      <c r="N333099" s="10"/>
    </row>
    <row r="333100" spans="14:14">
      <c r="N333100" s="10"/>
    </row>
    <row r="333101" spans="14:14">
      <c r="N333101" s="10"/>
    </row>
    <row r="333102" spans="14:14">
      <c r="N333102" s="10"/>
    </row>
    <row r="333103" spans="14:14">
      <c r="N333103" s="10"/>
    </row>
    <row r="333104" spans="14:14">
      <c r="N333104" s="10"/>
    </row>
    <row r="333105" spans="14:14">
      <c r="N333105" s="10"/>
    </row>
    <row r="333106" spans="14:14">
      <c r="N333106" s="10"/>
    </row>
    <row r="333107" spans="14:14">
      <c r="N333107" s="10"/>
    </row>
    <row r="333108" spans="14:14">
      <c r="N333108" s="10"/>
    </row>
    <row r="333109" spans="14:14">
      <c r="N333109" s="10"/>
    </row>
    <row r="333110" spans="14:14">
      <c r="N333110" s="10"/>
    </row>
    <row r="333111" spans="14:14">
      <c r="N333111" s="10"/>
    </row>
    <row r="333112" spans="14:14">
      <c r="N333112" s="10"/>
    </row>
    <row r="333113" spans="14:14">
      <c r="N333113" s="10"/>
    </row>
    <row r="333114" spans="14:14">
      <c r="N333114" s="10"/>
    </row>
    <row r="333115" spans="14:14">
      <c r="N333115" s="10"/>
    </row>
    <row r="333116" spans="14:14">
      <c r="N333116" s="10"/>
    </row>
    <row r="333117" spans="14:14">
      <c r="N333117" s="10"/>
    </row>
    <row r="333118" spans="14:14">
      <c r="N333118" s="10"/>
    </row>
    <row r="333119" spans="14:14">
      <c r="N333119" s="10"/>
    </row>
    <row r="333120" spans="14:14">
      <c r="N333120" s="10"/>
    </row>
    <row r="333121" spans="14:14">
      <c r="N333121" s="10"/>
    </row>
    <row r="333122" spans="14:14">
      <c r="N333122" s="10"/>
    </row>
    <row r="333123" spans="14:14">
      <c r="N333123" s="10"/>
    </row>
    <row r="333124" spans="14:14">
      <c r="N333124" s="10"/>
    </row>
    <row r="333125" spans="14:14">
      <c r="N333125" s="10"/>
    </row>
    <row r="333126" spans="14:14">
      <c r="N333126" s="10"/>
    </row>
    <row r="333127" spans="14:14">
      <c r="N333127" s="10"/>
    </row>
    <row r="333128" spans="14:14">
      <c r="N333128" s="10"/>
    </row>
    <row r="333129" spans="14:14">
      <c r="N333129" s="10"/>
    </row>
    <row r="333130" spans="14:14">
      <c r="N333130" s="10"/>
    </row>
    <row r="333131" spans="14:14">
      <c r="N333131" s="10"/>
    </row>
    <row r="333132" spans="14:14">
      <c r="N333132" s="10"/>
    </row>
    <row r="333133" spans="14:14">
      <c r="N333133" s="10"/>
    </row>
    <row r="333134" spans="14:14">
      <c r="N333134" s="10"/>
    </row>
    <row r="333135" spans="14:14">
      <c r="N333135" s="10"/>
    </row>
    <row r="333136" spans="14:14">
      <c r="N333136" s="10"/>
    </row>
    <row r="333137" spans="14:14">
      <c r="N333137" s="10"/>
    </row>
    <row r="333138" spans="14:14">
      <c r="N333138" s="10"/>
    </row>
    <row r="333139" spans="14:14">
      <c r="N333139" s="10"/>
    </row>
    <row r="333140" spans="14:14">
      <c r="N333140" s="10"/>
    </row>
    <row r="333141" spans="14:14">
      <c r="N333141" s="10"/>
    </row>
    <row r="333142" spans="14:14">
      <c r="N333142" s="10"/>
    </row>
    <row r="333143" spans="14:14">
      <c r="N333143" s="10"/>
    </row>
    <row r="333144" spans="14:14">
      <c r="N333144" s="10"/>
    </row>
    <row r="333145" spans="14:14">
      <c r="N333145" s="10"/>
    </row>
    <row r="333146" spans="14:14">
      <c r="N333146" s="10"/>
    </row>
    <row r="333147" spans="14:14">
      <c r="N333147" s="10"/>
    </row>
    <row r="333148" spans="14:14">
      <c r="N333148" s="10"/>
    </row>
    <row r="333149" spans="14:14">
      <c r="N333149" s="10"/>
    </row>
    <row r="333150" spans="14:14">
      <c r="N333150" s="10"/>
    </row>
    <row r="333151" spans="14:14">
      <c r="N333151" s="10"/>
    </row>
    <row r="333152" spans="14:14">
      <c r="N333152" s="10"/>
    </row>
    <row r="333153" spans="14:14">
      <c r="N333153" s="10"/>
    </row>
    <row r="333154" spans="14:14">
      <c r="N333154" s="10"/>
    </row>
    <row r="333155" spans="14:14">
      <c r="N333155" s="10"/>
    </row>
    <row r="333156" spans="14:14">
      <c r="N333156" s="10"/>
    </row>
    <row r="333157" spans="14:14">
      <c r="N333157" s="10"/>
    </row>
    <row r="333158" spans="14:14">
      <c r="N333158" s="10"/>
    </row>
    <row r="333159" spans="14:14">
      <c r="N333159" s="10"/>
    </row>
    <row r="333160" spans="14:14">
      <c r="N333160" s="10"/>
    </row>
    <row r="333161" spans="14:14">
      <c r="N333161" s="10"/>
    </row>
    <row r="333162" spans="14:14">
      <c r="N333162" s="10"/>
    </row>
    <row r="333163" spans="14:14">
      <c r="N333163" s="10"/>
    </row>
    <row r="333164" spans="14:14">
      <c r="N333164" s="10"/>
    </row>
    <row r="333165" spans="14:14">
      <c r="N333165" s="10"/>
    </row>
    <row r="333166" spans="14:14">
      <c r="N333166" s="10"/>
    </row>
    <row r="333167" spans="14:14">
      <c r="N333167" s="10"/>
    </row>
    <row r="333168" spans="14:14">
      <c r="N333168" s="10"/>
    </row>
    <row r="333169" spans="14:14">
      <c r="N333169" s="10"/>
    </row>
    <row r="333170" spans="14:14">
      <c r="N333170" s="10"/>
    </row>
    <row r="333171" spans="14:14">
      <c r="N333171" s="10"/>
    </row>
    <row r="333172" spans="14:14">
      <c r="N333172" s="10"/>
    </row>
    <row r="333173" spans="14:14">
      <c r="N333173" s="10"/>
    </row>
    <row r="333174" spans="14:14">
      <c r="N333174" s="10"/>
    </row>
    <row r="333175" spans="14:14">
      <c r="N333175" s="10"/>
    </row>
    <row r="333176" spans="14:14">
      <c r="N333176" s="10"/>
    </row>
    <row r="333177" spans="14:14">
      <c r="N333177" s="10"/>
    </row>
    <row r="333178" spans="14:14">
      <c r="N333178" s="10"/>
    </row>
    <row r="333179" spans="14:14">
      <c r="N333179" s="10"/>
    </row>
    <row r="333180" spans="14:14">
      <c r="N333180" s="10"/>
    </row>
    <row r="333181" spans="14:14">
      <c r="N333181" s="10"/>
    </row>
    <row r="333182" spans="14:14">
      <c r="N333182" s="10"/>
    </row>
    <row r="333183" spans="14:14">
      <c r="N333183" s="10"/>
    </row>
    <row r="333184" spans="14:14">
      <c r="N333184" s="10"/>
    </row>
    <row r="333185" spans="14:14">
      <c r="N333185" s="10"/>
    </row>
    <row r="333186" spans="14:14">
      <c r="N333186" s="10"/>
    </row>
    <row r="333187" spans="14:14">
      <c r="N333187" s="10"/>
    </row>
    <row r="333188" spans="14:14">
      <c r="N333188" s="10"/>
    </row>
    <row r="333189" spans="14:14">
      <c r="N333189" s="10"/>
    </row>
    <row r="333190" spans="14:14">
      <c r="N333190" s="10"/>
    </row>
    <row r="333191" spans="14:14">
      <c r="N333191" s="10"/>
    </row>
    <row r="333192" spans="14:14">
      <c r="N333192" s="10"/>
    </row>
    <row r="333193" spans="14:14">
      <c r="N333193" s="10"/>
    </row>
    <row r="333194" spans="14:14">
      <c r="N333194" s="10"/>
    </row>
    <row r="333195" spans="14:14">
      <c r="N333195" s="10"/>
    </row>
    <row r="333196" spans="14:14">
      <c r="N333196" s="10"/>
    </row>
    <row r="333197" spans="14:14">
      <c r="N333197" s="10"/>
    </row>
    <row r="333198" spans="14:14">
      <c r="N333198" s="10"/>
    </row>
    <row r="333199" spans="14:14">
      <c r="N333199" s="10"/>
    </row>
    <row r="333200" spans="14:14">
      <c r="N333200" s="10"/>
    </row>
    <row r="333201" spans="14:14">
      <c r="N333201" s="10"/>
    </row>
    <row r="333202" spans="14:14">
      <c r="N333202" s="10"/>
    </row>
    <row r="333203" spans="14:14">
      <c r="N333203" s="10"/>
    </row>
    <row r="333204" spans="14:14">
      <c r="N333204" s="10"/>
    </row>
    <row r="333205" spans="14:14">
      <c r="N333205" s="10"/>
    </row>
    <row r="333206" spans="14:14">
      <c r="N333206" s="10"/>
    </row>
    <row r="333207" spans="14:14">
      <c r="N333207" s="10"/>
    </row>
    <row r="333208" spans="14:14">
      <c r="N333208" s="10"/>
    </row>
    <row r="333209" spans="14:14">
      <c r="N333209" s="10"/>
    </row>
    <row r="333210" spans="14:14">
      <c r="N333210" s="10"/>
    </row>
    <row r="333211" spans="14:14">
      <c r="N333211" s="10"/>
    </row>
    <row r="333212" spans="14:14">
      <c r="N333212" s="10"/>
    </row>
    <row r="333213" spans="14:14">
      <c r="N333213" s="10"/>
    </row>
    <row r="333214" spans="14:14">
      <c r="N333214" s="10"/>
    </row>
    <row r="333215" spans="14:14">
      <c r="N333215" s="10"/>
    </row>
    <row r="333216" spans="14:14">
      <c r="N333216" s="10"/>
    </row>
    <row r="333217" spans="14:14">
      <c r="N333217" s="10"/>
    </row>
    <row r="333218" spans="14:14">
      <c r="N333218" s="10"/>
    </row>
    <row r="333219" spans="14:14">
      <c r="N333219" s="10"/>
    </row>
    <row r="333220" spans="14:14">
      <c r="N333220" s="10"/>
    </row>
    <row r="333221" spans="14:14">
      <c r="N333221" s="10"/>
    </row>
    <row r="333222" spans="14:14">
      <c r="N333222" s="10"/>
    </row>
    <row r="333223" spans="14:14">
      <c r="N333223" s="10"/>
    </row>
    <row r="333224" spans="14:14">
      <c r="N333224" s="10"/>
    </row>
    <row r="333225" spans="14:14">
      <c r="N333225" s="10"/>
    </row>
    <row r="333226" spans="14:14">
      <c r="N333226" s="10"/>
    </row>
    <row r="333227" spans="14:14">
      <c r="N333227" s="10"/>
    </row>
    <row r="333228" spans="14:14">
      <c r="N333228" s="10"/>
    </row>
    <row r="333229" spans="14:14">
      <c r="N333229" s="10"/>
    </row>
    <row r="333230" spans="14:14">
      <c r="N333230" s="10"/>
    </row>
    <row r="333231" spans="14:14">
      <c r="N333231" s="10"/>
    </row>
    <row r="333232" spans="14:14">
      <c r="N333232" s="10"/>
    </row>
    <row r="333233" spans="14:14">
      <c r="N333233" s="10"/>
    </row>
    <row r="333234" spans="14:14">
      <c r="N333234" s="10"/>
    </row>
    <row r="333235" spans="14:14">
      <c r="N333235" s="10"/>
    </row>
    <row r="333236" spans="14:14">
      <c r="N333236" s="10"/>
    </row>
    <row r="333237" spans="14:14">
      <c r="N333237" s="10"/>
    </row>
    <row r="333238" spans="14:14">
      <c r="N333238" s="10"/>
    </row>
    <row r="333239" spans="14:14">
      <c r="N333239" s="10"/>
    </row>
    <row r="333240" spans="14:14">
      <c r="N333240" s="10"/>
    </row>
    <row r="333241" spans="14:14">
      <c r="N333241" s="10"/>
    </row>
    <row r="333242" spans="14:14">
      <c r="N333242" s="10"/>
    </row>
    <row r="333243" spans="14:14">
      <c r="N333243" s="10"/>
    </row>
    <row r="333244" spans="14:14">
      <c r="N333244" s="10"/>
    </row>
    <row r="333245" spans="14:14">
      <c r="N333245" s="10"/>
    </row>
    <row r="333246" spans="14:14">
      <c r="N333246" s="10"/>
    </row>
    <row r="333247" spans="14:14">
      <c r="N333247" s="10"/>
    </row>
    <row r="333248" spans="14:14">
      <c r="N333248" s="10"/>
    </row>
    <row r="333249" spans="14:14">
      <c r="N333249" s="10"/>
    </row>
    <row r="333250" spans="14:14">
      <c r="N333250" s="10"/>
    </row>
    <row r="333251" spans="14:14">
      <c r="N333251" s="10"/>
    </row>
    <row r="333252" spans="14:14">
      <c r="N333252" s="10"/>
    </row>
    <row r="333253" spans="14:14">
      <c r="N333253" s="10"/>
    </row>
    <row r="333254" spans="14:14">
      <c r="N333254" s="10"/>
    </row>
    <row r="333255" spans="14:14">
      <c r="N333255" s="10"/>
    </row>
    <row r="333256" spans="14:14">
      <c r="N333256" s="10"/>
    </row>
    <row r="333257" spans="14:14">
      <c r="N333257" s="10"/>
    </row>
    <row r="333258" spans="14:14">
      <c r="N333258" s="10"/>
    </row>
    <row r="333259" spans="14:14">
      <c r="N333259" s="10"/>
    </row>
    <row r="333260" spans="14:14">
      <c r="N333260" s="10"/>
    </row>
    <row r="333261" spans="14:14">
      <c r="N333261" s="10"/>
    </row>
    <row r="333262" spans="14:14">
      <c r="N333262" s="10"/>
    </row>
    <row r="333263" spans="14:14">
      <c r="N333263" s="10"/>
    </row>
    <row r="333264" spans="14:14">
      <c r="N333264" s="10"/>
    </row>
    <row r="333265" spans="14:14">
      <c r="N333265" s="10"/>
    </row>
    <row r="333266" spans="14:14">
      <c r="N333266" s="10"/>
    </row>
    <row r="333267" spans="14:14">
      <c r="N333267" s="10"/>
    </row>
    <row r="333268" spans="14:14">
      <c r="N333268" s="10"/>
    </row>
    <row r="333269" spans="14:14">
      <c r="N333269" s="10"/>
    </row>
    <row r="333270" spans="14:14">
      <c r="N333270" s="10"/>
    </row>
    <row r="333271" spans="14:14">
      <c r="N333271" s="10"/>
    </row>
    <row r="333272" spans="14:14">
      <c r="N333272" s="10"/>
    </row>
    <row r="333273" spans="14:14">
      <c r="N333273" s="10"/>
    </row>
    <row r="333274" spans="14:14">
      <c r="N333274" s="10"/>
    </row>
    <row r="333275" spans="14:14">
      <c r="N333275" s="10"/>
    </row>
    <row r="333276" spans="14:14">
      <c r="N333276" s="10"/>
    </row>
    <row r="333277" spans="14:14">
      <c r="N333277" s="10"/>
    </row>
    <row r="333278" spans="14:14">
      <c r="N333278" s="10"/>
    </row>
    <row r="333279" spans="14:14">
      <c r="N333279" s="10"/>
    </row>
    <row r="333280" spans="14:14">
      <c r="N333280" s="10"/>
    </row>
    <row r="333281" spans="14:14">
      <c r="N333281" s="10"/>
    </row>
    <row r="333282" spans="14:14">
      <c r="N333282" s="10"/>
    </row>
    <row r="333283" spans="14:14">
      <c r="N333283" s="10"/>
    </row>
    <row r="333284" spans="14:14">
      <c r="N333284" s="10"/>
    </row>
    <row r="333285" spans="14:14">
      <c r="N333285" s="10"/>
    </row>
    <row r="333286" spans="14:14">
      <c r="N333286" s="10"/>
    </row>
    <row r="333287" spans="14:14">
      <c r="N333287" s="10"/>
    </row>
    <row r="333288" spans="14:14">
      <c r="N333288" s="10"/>
    </row>
    <row r="333289" spans="14:14">
      <c r="N333289" s="10"/>
    </row>
    <row r="333290" spans="14:14">
      <c r="N333290" s="10"/>
    </row>
    <row r="333291" spans="14:14">
      <c r="N333291" s="10"/>
    </row>
    <row r="333292" spans="14:14">
      <c r="N333292" s="10"/>
    </row>
    <row r="333293" spans="14:14">
      <c r="N333293" s="10"/>
    </row>
    <row r="333294" spans="14:14">
      <c r="N333294" s="10"/>
    </row>
    <row r="333295" spans="14:14">
      <c r="N333295" s="10"/>
    </row>
    <row r="333296" spans="14:14">
      <c r="N333296" s="10"/>
    </row>
    <row r="333297" spans="14:14">
      <c r="N333297" s="10"/>
    </row>
    <row r="333298" spans="14:14">
      <c r="N333298" s="10"/>
    </row>
    <row r="333299" spans="14:14">
      <c r="N333299" s="10"/>
    </row>
    <row r="333300" spans="14:14">
      <c r="N333300" s="10"/>
    </row>
    <row r="333301" spans="14:14">
      <c r="N333301" s="10"/>
    </row>
    <row r="333302" spans="14:14">
      <c r="N333302" s="10"/>
    </row>
    <row r="333303" spans="14:14">
      <c r="N333303" s="10"/>
    </row>
    <row r="333304" spans="14:14">
      <c r="N333304" s="10"/>
    </row>
    <row r="333305" spans="14:14">
      <c r="N333305" s="10"/>
    </row>
    <row r="333306" spans="14:14">
      <c r="N333306" s="10"/>
    </row>
    <row r="333307" spans="14:14">
      <c r="N333307" s="10"/>
    </row>
    <row r="333308" spans="14:14">
      <c r="N333308" s="10"/>
    </row>
    <row r="333309" spans="14:14">
      <c r="N333309" s="10"/>
    </row>
    <row r="333310" spans="14:14">
      <c r="N333310" s="10"/>
    </row>
    <row r="333311" spans="14:14">
      <c r="N333311" s="10"/>
    </row>
    <row r="333312" spans="14:14">
      <c r="N333312" s="10"/>
    </row>
    <row r="333313" spans="14:14">
      <c r="N333313" s="10"/>
    </row>
    <row r="333314" spans="14:14">
      <c r="N333314" s="10"/>
    </row>
    <row r="333315" spans="14:14">
      <c r="N333315" s="10"/>
    </row>
    <row r="333316" spans="14:14">
      <c r="N333316" s="10"/>
    </row>
    <row r="333317" spans="14:14">
      <c r="N333317" s="10"/>
    </row>
    <row r="333318" spans="14:14">
      <c r="N333318" s="10"/>
    </row>
    <row r="333319" spans="14:14">
      <c r="N333319" s="10"/>
    </row>
    <row r="333320" spans="14:14">
      <c r="N333320" s="10"/>
    </row>
    <row r="333321" spans="14:14">
      <c r="N333321" s="10"/>
    </row>
    <row r="333322" spans="14:14">
      <c r="N333322" s="10"/>
    </row>
    <row r="333323" spans="14:14">
      <c r="N333323" s="10"/>
    </row>
    <row r="333324" spans="14:14">
      <c r="N333324" s="10"/>
    </row>
    <row r="333325" spans="14:14">
      <c r="N333325" s="10"/>
    </row>
    <row r="333326" spans="14:14">
      <c r="N333326" s="10"/>
    </row>
    <row r="333327" spans="14:14">
      <c r="N333327" s="10"/>
    </row>
    <row r="333328" spans="14:14">
      <c r="N333328" s="10"/>
    </row>
    <row r="333329" spans="14:14">
      <c r="N333329" s="10"/>
    </row>
    <row r="333330" spans="14:14">
      <c r="N333330" s="10"/>
    </row>
    <row r="333331" spans="14:14">
      <c r="N333331" s="10"/>
    </row>
    <row r="333332" spans="14:14">
      <c r="N333332" s="10"/>
    </row>
    <row r="333333" spans="14:14">
      <c r="N333333" s="10"/>
    </row>
    <row r="333334" spans="14:14">
      <c r="N333334" s="10"/>
    </row>
    <row r="333335" spans="14:14">
      <c r="N333335" s="10"/>
    </row>
    <row r="333336" spans="14:14">
      <c r="N333336" s="10"/>
    </row>
    <row r="333337" spans="14:14">
      <c r="N333337" s="10"/>
    </row>
    <row r="333338" spans="14:14">
      <c r="N333338" s="10"/>
    </row>
    <row r="333339" spans="14:14">
      <c r="N333339" s="10"/>
    </row>
    <row r="333340" spans="14:14">
      <c r="N333340" s="10"/>
    </row>
    <row r="333341" spans="14:14">
      <c r="N333341" s="10"/>
    </row>
    <row r="333342" spans="14:14">
      <c r="N333342" s="10"/>
    </row>
    <row r="333343" spans="14:14">
      <c r="N333343" s="10"/>
    </row>
    <row r="333344" spans="14:14">
      <c r="N333344" s="10"/>
    </row>
    <row r="333345" spans="14:14">
      <c r="N333345" s="10"/>
    </row>
    <row r="333346" spans="14:14">
      <c r="N333346" s="10"/>
    </row>
    <row r="333347" spans="14:14">
      <c r="N333347" s="10"/>
    </row>
    <row r="333348" spans="14:14">
      <c r="N333348" s="10"/>
    </row>
    <row r="333349" spans="14:14">
      <c r="N333349" s="10"/>
    </row>
    <row r="333350" spans="14:14">
      <c r="N333350" s="10"/>
    </row>
    <row r="333351" spans="14:14">
      <c r="N333351" s="10"/>
    </row>
    <row r="333352" spans="14:14">
      <c r="N333352" s="10"/>
    </row>
    <row r="333353" spans="14:14">
      <c r="N333353" s="10"/>
    </row>
    <row r="333354" spans="14:14">
      <c r="N333354" s="10"/>
    </row>
    <row r="333355" spans="14:14">
      <c r="N333355" s="10"/>
    </row>
    <row r="333356" spans="14:14">
      <c r="N333356" s="10"/>
    </row>
    <row r="333357" spans="14:14">
      <c r="N333357" s="10"/>
    </row>
    <row r="333358" spans="14:14">
      <c r="N333358" s="10"/>
    </row>
    <row r="333359" spans="14:14">
      <c r="N333359" s="10"/>
    </row>
    <row r="333360" spans="14:14">
      <c r="N333360" s="10"/>
    </row>
    <row r="333361" spans="14:14">
      <c r="N333361" s="10"/>
    </row>
    <row r="333362" spans="14:14">
      <c r="N333362" s="10"/>
    </row>
    <row r="333363" spans="14:14">
      <c r="N333363" s="10"/>
    </row>
    <row r="333364" spans="14:14">
      <c r="N333364" s="10"/>
    </row>
    <row r="333365" spans="14:14">
      <c r="N333365" s="10"/>
    </row>
    <row r="333366" spans="14:14">
      <c r="N333366" s="10"/>
    </row>
    <row r="333367" spans="14:14">
      <c r="N333367" s="10"/>
    </row>
    <row r="333368" spans="14:14">
      <c r="N333368" s="10"/>
    </row>
    <row r="333369" spans="14:14">
      <c r="N333369" s="10"/>
    </row>
    <row r="333370" spans="14:14">
      <c r="N333370" s="10"/>
    </row>
    <row r="333371" spans="14:14">
      <c r="N333371" s="10"/>
    </row>
    <row r="333372" spans="14:14">
      <c r="N333372" s="10"/>
    </row>
    <row r="333373" spans="14:14">
      <c r="N333373" s="10"/>
    </row>
    <row r="333374" spans="14:14">
      <c r="N333374" s="10"/>
    </row>
    <row r="333375" spans="14:14">
      <c r="N333375" s="10"/>
    </row>
    <row r="333376" spans="14:14">
      <c r="N333376" s="10"/>
    </row>
    <row r="333377" spans="14:14">
      <c r="N333377" s="10"/>
    </row>
    <row r="333378" spans="14:14">
      <c r="N333378" s="10"/>
    </row>
    <row r="333379" spans="14:14">
      <c r="N333379" s="10"/>
    </row>
    <row r="333380" spans="14:14">
      <c r="N333380" s="10"/>
    </row>
    <row r="333381" spans="14:14">
      <c r="N333381" s="10"/>
    </row>
    <row r="333382" spans="14:14">
      <c r="N333382" s="10"/>
    </row>
    <row r="333383" spans="14:14">
      <c r="N333383" s="10"/>
    </row>
    <row r="333384" spans="14:14">
      <c r="N333384" s="10"/>
    </row>
    <row r="333385" spans="14:14">
      <c r="N333385" s="10"/>
    </row>
    <row r="333386" spans="14:14">
      <c r="N333386" s="10"/>
    </row>
    <row r="333387" spans="14:14">
      <c r="N333387" s="10"/>
    </row>
    <row r="333388" spans="14:14">
      <c r="N333388" s="10"/>
    </row>
    <row r="333389" spans="14:14">
      <c r="N333389" s="10"/>
    </row>
    <row r="333390" spans="14:14">
      <c r="N333390" s="10"/>
    </row>
    <row r="333391" spans="14:14">
      <c r="N333391" s="10"/>
    </row>
    <row r="333392" spans="14:14">
      <c r="N333392" s="10"/>
    </row>
    <row r="333393" spans="14:14">
      <c r="N333393" s="10"/>
    </row>
    <row r="333394" spans="14:14">
      <c r="N333394" s="10"/>
    </row>
    <row r="333395" spans="14:14">
      <c r="N333395" s="10"/>
    </row>
    <row r="333396" spans="14:14">
      <c r="N333396" s="10"/>
    </row>
    <row r="333397" spans="14:14">
      <c r="N333397" s="10"/>
    </row>
    <row r="333398" spans="14:14">
      <c r="N333398" s="10"/>
    </row>
    <row r="333399" spans="14:14">
      <c r="N333399" s="10"/>
    </row>
    <row r="333400" spans="14:14">
      <c r="N333400" s="10"/>
    </row>
    <row r="333401" spans="14:14">
      <c r="N333401" s="10"/>
    </row>
    <row r="333402" spans="14:14">
      <c r="N333402" s="10"/>
    </row>
    <row r="333403" spans="14:14">
      <c r="N333403" s="10"/>
    </row>
    <row r="333404" spans="14:14">
      <c r="N333404" s="10"/>
    </row>
    <row r="333405" spans="14:14">
      <c r="N333405" s="10"/>
    </row>
    <row r="333406" spans="14:14">
      <c r="N333406" s="10"/>
    </row>
    <row r="333407" spans="14:14">
      <c r="N333407" s="10"/>
    </row>
    <row r="333408" spans="14:14">
      <c r="N333408" s="10"/>
    </row>
    <row r="333409" spans="14:14">
      <c r="N333409" s="10"/>
    </row>
    <row r="333410" spans="14:14">
      <c r="N333410" s="10"/>
    </row>
    <row r="333411" spans="14:14">
      <c r="N333411" s="10"/>
    </row>
    <row r="333412" spans="14:14">
      <c r="N333412" s="10"/>
    </row>
    <row r="333413" spans="14:14">
      <c r="N333413" s="10"/>
    </row>
    <row r="333414" spans="14:14">
      <c r="N333414" s="10"/>
    </row>
    <row r="333415" spans="14:14">
      <c r="N333415" s="10"/>
    </row>
    <row r="333416" spans="14:14">
      <c r="N333416" s="10"/>
    </row>
    <row r="333417" spans="14:14">
      <c r="N333417" s="10"/>
    </row>
    <row r="333418" spans="14:14">
      <c r="N333418" s="10"/>
    </row>
    <row r="333419" spans="14:14">
      <c r="N333419" s="10"/>
    </row>
    <row r="333420" spans="14:14">
      <c r="N333420" s="10"/>
    </row>
    <row r="333421" spans="14:14">
      <c r="N333421" s="10"/>
    </row>
    <row r="333422" spans="14:14">
      <c r="N333422" s="10"/>
    </row>
    <row r="333423" spans="14:14">
      <c r="N333423" s="10"/>
    </row>
    <row r="333424" spans="14:14">
      <c r="N333424" s="10"/>
    </row>
    <row r="333425" spans="14:14">
      <c r="N333425" s="10"/>
    </row>
    <row r="333426" spans="14:14">
      <c r="N333426" s="10"/>
    </row>
    <row r="333427" spans="14:14">
      <c r="N333427" s="10"/>
    </row>
    <row r="333428" spans="14:14">
      <c r="N333428" s="10"/>
    </row>
    <row r="333429" spans="14:14">
      <c r="N333429" s="10"/>
    </row>
    <row r="333430" spans="14:14">
      <c r="N333430" s="10"/>
    </row>
    <row r="333431" spans="14:14">
      <c r="N333431" s="10"/>
    </row>
    <row r="333432" spans="14:14">
      <c r="N333432" s="10"/>
    </row>
    <row r="333433" spans="14:14">
      <c r="N333433" s="10"/>
    </row>
    <row r="333434" spans="14:14">
      <c r="N333434" s="10"/>
    </row>
    <row r="333435" spans="14:14">
      <c r="N333435" s="10"/>
    </row>
    <row r="333436" spans="14:14">
      <c r="N333436" s="10"/>
    </row>
    <row r="333437" spans="14:14">
      <c r="N333437" s="10"/>
    </row>
    <row r="333438" spans="14:14">
      <c r="N333438" s="10"/>
    </row>
    <row r="333439" spans="14:14">
      <c r="N333439" s="10"/>
    </row>
    <row r="333440" spans="14:14">
      <c r="N333440" s="10"/>
    </row>
    <row r="333441" spans="14:14">
      <c r="N333441" s="10"/>
    </row>
    <row r="333442" spans="14:14">
      <c r="N333442" s="10"/>
    </row>
    <row r="333443" spans="14:14">
      <c r="N333443" s="10"/>
    </row>
    <row r="333444" spans="14:14">
      <c r="N333444" s="10"/>
    </row>
    <row r="333445" spans="14:14">
      <c r="N333445" s="10"/>
    </row>
    <row r="333446" spans="14:14">
      <c r="N333446" s="10"/>
    </row>
    <row r="333447" spans="14:14">
      <c r="N333447" s="10"/>
    </row>
    <row r="333448" spans="14:14">
      <c r="N333448" s="10"/>
    </row>
    <row r="333449" spans="14:14">
      <c r="N333449" s="10"/>
    </row>
    <row r="333450" spans="14:14">
      <c r="N333450" s="10"/>
    </row>
    <row r="333451" spans="14:14">
      <c r="N333451" s="10"/>
    </row>
    <row r="333452" spans="14:14">
      <c r="N333452" s="10"/>
    </row>
    <row r="333453" spans="14:14">
      <c r="N333453" s="10"/>
    </row>
    <row r="333454" spans="14:14">
      <c r="N333454" s="10"/>
    </row>
    <row r="333455" spans="14:14">
      <c r="N333455" s="10"/>
    </row>
    <row r="333456" spans="14:14">
      <c r="N333456" s="10"/>
    </row>
    <row r="333457" spans="14:14">
      <c r="N333457" s="10"/>
    </row>
    <row r="333458" spans="14:14">
      <c r="N333458" s="10"/>
    </row>
    <row r="333459" spans="14:14">
      <c r="N333459" s="10"/>
    </row>
    <row r="333460" spans="14:14">
      <c r="N333460" s="10"/>
    </row>
    <row r="333461" spans="14:14">
      <c r="N333461" s="10"/>
    </row>
    <row r="333462" spans="14:14">
      <c r="N333462" s="10"/>
    </row>
    <row r="333463" spans="14:14">
      <c r="N333463" s="10"/>
    </row>
    <row r="333464" spans="14:14">
      <c r="N333464" s="10"/>
    </row>
    <row r="333465" spans="14:14">
      <c r="N333465" s="10"/>
    </row>
    <row r="333466" spans="14:14">
      <c r="N333466" s="10"/>
    </row>
    <row r="333467" spans="14:14">
      <c r="N333467" s="10"/>
    </row>
    <row r="333468" spans="14:14">
      <c r="N333468" s="10"/>
    </row>
    <row r="333469" spans="14:14">
      <c r="N333469" s="10"/>
    </row>
    <row r="333470" spans="14:14">
      <c r="N333470" s="10"/>
    </row>
    <row r="333471" spans="14:14">
      <c r="N333471" s="10"/>
    </row>
    <row r="333472" spans="14:14">
      <c r="N333472" s="10"/>
    </row>
    <row r="333473" spans="14:14">
      <c r="N333473" s="10"/>
    </row>
    <row r="333474" spans="14:14">
      <c r="N333474" s="10"/>
    </row>
    <row r="333475" spans="14:14">
      <c r="N333475" s="10"/>
    </row>
    <row r="333476" spans="14:14">
      <c r="N333476" s="10"/>
    </row>
    <row r="333477" spans="14:14">
      <c r="N333477" s="10"/>
    </row>
    <row r="333478" spans="14:14">
      <c r="N333478" s="10"/>
    </row>
    <row r="333479" spans="14:14">
      <c r="N333479" s="10"/>
    </row>
    <row r="333480" spans="14:14">
      <c r="N333480" s="10"/>
    </row>
    <row r="333481" spans="14:14">
      <c r="N333481" s="10"/>
    </row>
    <row r="333482" spans="14:14">
      <c r="N333482" s="10"/>
    </row>
    <row r="333483" spans="14:14">
      <c r="N333483" s="10"/>
    </row>
    <row r="333484" spans="14:14">
      <c r="N333484" s="10"/>
    </row>
    <row r="333485" spans="14:14">
      <c r="N333485" s="10"/>
    </row>
    <row r="333486" spans="14:14">
      <c r="N333486" s="10"/>
    </row>
    <row r="333487" spans="14:14">
      <c r="N333487" s="10"/>
    </row>
    <row r="333488" spans="14:14">
      <c r="N333488" s="10"/>
    </row>
    <row r="333489" spans="14:14">
      <c r="N333489" s="10"/>
    </row>
    <row r="333490" spans="14:14">
      <c r="N333490" s="10"/>
    </row>
    <row r="333491" spans="14:14">
      <c r="N333491" s="10"/>
    </row>
    <row r="333492" spans="14:14">
      <c r="N333492" s="10"/>
    </row>
    <row r="333493" spans="14:14">
      <c r="N333493" s="10"/>
    </row>
    <row r="333494" spans="14:14">
      <c r="N333494" s="10"/>
    </row>
    <row r="333495" spans="14:14">
      <c r="N333495" s="10"/>
    </row>
    <row r="333496" spans="14:14">
      <c r="N333496" s="10"/>
    </row>
    <row r="333497" spans="14:14">
      <c r="N333497" s="10"/>
    </row>
    <row r="333498" spans="14:14">
      <c r="N333498" s="10"/>
    </row>
    <row r="333499" spans="14:14">
      <c r="N333499" s="10"/>
    </row>
    <row r="333500" spans="14:14">
      <c r="N333500" s="10"/>
    </row>
    <row r="333501" spans="14:14">
      <c r="N333501" s="10"/>
    </row>
    <row r="333502" spans="14:14">
      <c r="N333502" s="10"/>
    </row>
    <row r="333503" spans="14:14">
      <c r="N333503" s="10"/>
    </row>
    <row r="333504" spans="14:14">
      <c r="N333504" s="10"/>
    </row>
    <row r="333505" spans="14:14">
      <c r="N333505" s="10"/>
    </row>
    <row r="333506" spans="14:14">
      <c r="N333506" s="10"/>
    </row>
    <row r="333507" spans="14:14">
      <c r="N333507" s="10"/>
    </row>
    <row r="333508" spans="14:14">
      <c r="N333508" s="10"/>
    </row>
    <row r="333509" spans="14:14">
      <c r="N333509" s="10"/>
    </row>
    <row r="333510" spans="14:14">
      <c r="N333510" s="10"/>
    </row>
    <row r="333511" spans="14:14">
      <c r="N333511" s="10"/>
    </row>
    <row r="333512" spans="14:14">
      <c r="N333512" s="10"/>
    </row>
    <row r="333513" spans="14:14">
      <c r="N333513" s="10"/>
    </row>
    <row r="333514" spans="14:14">
      <c r="N333514" s="10"/>
    </row>
    <row r="333515" spans="14:14">
      <c r="N333515" s="10"/>
    </row>
    <row r="333516" spans="14:14">
      <c r="N333516" s="10"/>
    </row>
    <row r="333517" spans="14:14">
      <c r="N333517" s="10"/>
    </row>
    <row r="333518" spans="14:14">
      <c r="N333518" s="10"/>
    </row>
    <row r="333519" spans="14:14">
      <c r="N333519" s="10"/>
    </row>
    <row r="333520" spans="14:14">
      <c r="N333520" s="10"/>
    </row>
    <row r="333521" spans="14:14">
      <c r="N333521" s="10"/>
    </row>
    <row r="333522" spans="14:14">
      <c r="N333522" s="10"/>
    </row>
    <row r="333523" spans="14:14">
      <c r="N333523" s="10"/>
    </row>
    <row r="333524" spans="14:14">
      <c r="N333524" s="10"/>
    </row>
    <row r="333525" spans="14:14">
      <c r="N333525" s="10"/>
    </row>
    <row r="333526" spans="14:14">
      <c r="N333526" s="10"/>
    </row>
    <row r="333527" spans="14:14">
      <c r="N333527" s="10"/>
    </row>
    <row r="333528" spans="14:14">
      <c r="N333528" s="10"/>
    </row>
    <row r="333529" spans="14:14">
      <c r="N333529" s="10"/>
    </row>
    <row r="333530" spans="14:14">
      <c r="N333530" s="10"/>
    </row>
    <row r="333531" spans="14:14">
      <c r="N333531" s="10"/>
    </row>
    <row r="333532" spans="14:14">
      <c r="N333532" s="10"/>
    </row>
    <row r="333533" spans="14:14">
      <c r="N333533" s="10"/>
    </row>
    <row r="333534" spans="14:14">
      <c r="N333534" s="10"/>
    </row>
    <row r="333535" spans="14:14">
      <c r="N333535" s="10"/>
    </row>
    <row r="333536" spans="14:14">
      <c r="N333536" s="10"/>
    </row>
    <row r="333537" spans="14:14">
      <c r="N333537" s="10"/>
    </row>
    <row r="333538" spans="14:14">
      <c r="N333538" s="10"/>
    </row>
    <row r="333539" spans="14:14">
      <c r="N333539" s="10"/>
    </row>
    <row r="333540" spans="14:14">
      <c r="N333540" s="10"/>
    </row>
    <row r="333541" spans="14:14">
      <c r="N333541" s="10"/>
    </row>
    <row r="333542" spans="14:14">
      <c r="N333542" s="10"/>
    </row>
    <row r="333543" spans="14:14">
      <c r="N333543" s="10"/>
    </row>
    <row r="333544" spans="14:14">
      <c r="N333544" s="10"/>
    </row>
    <row r="333545" spans="14:14">
      <c r="N333545" s="10"/>
    </row>
    <row r="333546" spans="14:14">
      <c r="N333546" s="10"/>
    </row>
    <row r="333547" spans="14:14">
      <c r="N333547" s="10"/>
    </row>
    <row r="333548" spans="14:14">
      <c r="N333548" s="10"/>
    </row>
    <row r="333549" spans="14:14">
      <c r="N333549" s="10"/>
    </row>
    <row r="333550" spans="14:14">
      <c r="N333550" s="10"/>
    </row>
    <row r="333551" spans="14:14">
      <c r="N333551" s="10"/>
    </row>
    <row r="333552" spans="14:14">
      <c r="N333552" s="10"/>
    </row>
    <row r="333553" spans="14:14">
      <c r="N333553" s="10"/>
    </row>
    <row r="333554" spans="14:14">
      <c r="N333554" s="10"/>
    </row>
    <row r="333555" spans="14:14">
      <c r="N333555" s="10"/>
    </row>
    <row r="333556" spans="14:14">
      <c r="N333556" s="10"/>
    </row>
    <row r="333557" spans="14:14">
      <c r="N333557" s="10"/>
    </row>
    <row r="333558" spans="14:14">
      <c r="N333558" s="10"/>
    </row>
    <row r="333559" spans="14:14">
      <c r="N333559" s="10"/>
    </row>
    <row r="333560" spans="14:14">
      <c r="N333560" s="10"/>
    </row>
    <row r="333561" spans="14:14">
      <c r="N333561" s="10"/>
    </row>
    <row r="333562" spans="14:14">
      <c r="N333562" s="10"/>
    </row>
    <row r="333563" spans="14:14">
      <c r="N333563" s="10"/>
    </row>
    <row r="333564" spans="14:14">
      <c r="N333564" s="10"/>
    </row>
    <row r="333565" spans="14:14">
      <c r="N333565" s="10"/>
    </row>
    <row r="333566" spans="14:14">
      <c r="N333566" s="10"/>
    </row>
    <row r="333567" spans="14:14">
      <c r="N333567" s="10"/>
    </row>
    <row r="333568" spans="14:14">
      <c r="N333568" s="10"/>
    </row>
    <row r="333569" spans="14:14">
      <c r="N333569" s="10"/>
    </row>
    <row r="333570" spans="14:14">
      <c r="N333570" s="10"/>
    </row>
    <row r="333571" spans="14:14">
      <c r="N333571" s="10"/>
    </row>
    <row r="333572" spans="14:14">
      <c r="N333572" s="10"/>
    </row>
    <row r="333573" spans="14:14">
      <c r="N333573" s="10"/>
    </row>
    <row r="333574" spans="14:14">
      <c r="N333574" s="10"/>
    </row>
    <row r="333575" spans="14:14">
      <c r="N333575" s="10"/>
    </row>
    <row r="333576" spans="14:14">
      <c r="N333576" s="10"/>
    </row>
    <row r="333577" spans="14:14">
      <c r="N333577" s="10"/>
    </row>
    <row r="333578" spans="14:14">
      <c r="N333578" s="10"/>
    </row>
    <row r="333579" spans="14:14">
      <c r="N333579" s="10"/>
    </row>
    <row r="333580" spans="14:14">
      <c r="N333580" s="10"/>
    </row>
    <row r="333581" spans="14:14">
      <c r="N333581" s="10"/>
    </row>
    <row r="333582" spans="14:14">
      <c r="N333582" s="10"/>
    </row>
    <row r="333583" spans="14:14">
      <c r="N333583" s="10"/>
    </row>
    <row r="333584" spans="14:14">
      <c r="N333584" s="10"/>
    </row>
    <row r="333585" spans="14:14">
      <c r="N333585" s="10"/>
    </row>
    <row r="333586" spans="14:14">
      <c r="N333586" s="10"/>
    </row>
    <row r="333587" spans="14:14">
      <c r="N333587" s="10"/>
    </row>
    <row r="333588" spans="14:14">
      <c r="N333588" s="10"/>
    </row>
    <row r="333589" spans="14:14">
      <c r="N333589" s="10"/>
    </row>
    <row r="333590" spans="14:14">
      <c r="N333590" s="10"/>
    </row>
    <row r="333591" spans="14:14">
      <c r="N333591" s="10"/>
    </row>
    <row r="333592" spans="14:14">
      <c r="N333592" s="10"/>
    </row>
    <row r="333593" spans="14:14">
      <c r="N333593" s="10"/>
    </row>
    <row r="333594" spans="14:14">
      <c r="N333594" s="10"/>
    </row>
    <row r="333595" spans="14:14">
      <c r="N333595" s="10"/>
    </row>
    <row r="333596" spans="14:14">
      <c r="N333596" s="10"/>
    </row>
    <row r="333597" spans="14:14">
      <c r="N333597" s="10"/>
    </row>
    <row r="333598" spans="14:14">
      <c r="N333598" s="10"/>
    </row>
    <row r="333599" spans="14:14">
      <c r="N333599" s="10"/>
    </row>
    <row r="333600" spans="14:14">
      <c r="N333600" s="10"/>
    </row>
    <row r="333601" spans="14:14">
      <c r="N333601" s="10"/>
    </row>
    <row r="333602" spans="14:14">
      <c r="N333602" s="10"/>
    </row>
    <row r="333603" spans="14:14">
      <c r="N333603" s="10"/>
    </row>
    <row r="333604" spans="14:14">
      <c r="N333604" s="10"/>
    </row>
    <row r="333605" spans="14:14">
      <c r="N333605" s="10"/>
    </row>
    <row r="333606" spans="14:14">
      <c r="N333606" s="10"/>
    </row>
    <row r="333607" spans="14:14">
      <c r="N333607" s="10"/>
    </row>
    <row r="333608" spans="14:14">
      <c r="N333608" s="10"/>
    </row>
    <row r="333609" spans="14:14">
      <c r="N333609" s="10"/>
    </row>
    <row r="333610" spans="14:14">
      <c r="N333610" s="10"/>
    </row>
    <row r="333611" spans="14:14">
      <c r="N333611" s="10"/>
    </row>
    <row r="333612" spans="14:14">
      <c r="N333612" s="10"/>
    </row>
    <row r="333613" spans="14:14">
      <c r="N333613" s="10"/>
    </row>
    <row r="333614" spans="14:14">
      <c r="N333614" s="10"/>
    </row>
    <row r="333615" spans="14:14">
      <c r="N333615" s="10"/>
    </row>
    <row r="333616" spans="14:14">
      <c r="N333616" s="10"/>
    </row>
    <row r="333617" spans="14:14">
      <c r="N333617" s="10"/>
    </row>
    <row r="333618" spans="14:14">
      <c r="N333618" s="10"/>
    </row>
    <row r="333619" spans="14:14">
      <c r="N333619" s="10"/>
    </row>
    <row r="333620" spans="14:14">
      <c r="N333620" s="10"/>
    </row>
    <row r="333621" spans="14:14">
      <c r="N333621" s="10"/>
    </row>
    <row r="333622" spans="14:14">
      <c r="N333622" s="10"/>
    </row>
    <row r="333623" spans="14:14">
      <c r="N333623" s="10"/>
    </row>
    <row r="333624" spans="14:14">
      <c r="N333624" s="10"/>
    </row>
    <row r="333625" spans="14:14">
      <c r="N333625" s="10"/>
    </row>
    <row r="333626" spans="14:14">
      <c r="N333626" s="10"/>
    </row>
    <row r="333627" spans="14:14">
      <c r="N333627" s="10"/>
    </row>
    <row r="333628" spans="14:14">
      <c r="N333628" s="10"/>
    </row>
    <row r="333629" spans="14:14">
      <c r="N333629" s="10"/>
    </row>
    <row r="333630" spans="14:14">
      <c r="N333630" s="10"/>
    </row>
    <row r="333631" spans="14:14">
      <c r="N333631" s="10"/>
    </row>
    <row r="333632" spans="14:14">
      <c r="N333632" s="10"/>
    </row>
    <row r="333633" spans="14:14">
      <c r="N333633" s="10"/>
    </row>
    <row r="333634" spans="14:14">
      <c r="N333634" s="10"/>
    </row>
    <row r="333635" spans="14:14">
      <c r="N333635" s="10"/>
    </row>
    <row r="333636" spans="14:14">
      <c r="N333636" s="10"/>
    </row>
    <row r="333637" spans="14:14">
      <c r="N333637" s="10"/>
    </row>
    <row r="333638" spans="14:14">
      <c r="N333638" s="10"/>
    </row>
    <row r="333639" spans="14:14">
      <c r="N333639" s="10"/>
    </row>
    <row r="333640" spans="14:14">
      <c r="N333640" s="10"/>
    </row>
    <row r="333641" spans="14:14">
      <c r="N333641" s="10"/>
    </row>
    <row r="333642" spans="14:14">
      <c r="N333642" s="10"/>
    </row>
    <row r="333643" spans="14:14">
      <c r="N333643" s="10"/>
    </row>
    <row r="333644" spans="14:14">
      <c r="N333644" s="10"/>
    </row>
    <row r="333645" spans="14:14">
      <c r="N333645" s="10"/>
    </row>
    <row r="333646" spans="14:14">
      <c r="N333646" s="10"/>
    </row>
    <row r="333647" spans="14:14">
      <c r="N333647" s="10"/>
    </row>
    <row r="333648" spans="14:14">
      <c r="N333648" s="10"/>
    </row>
    <row r="333649" spans="14:14">
      <c r="N333649" s="10"/>
    </row>
    <row r="333650" spans="14:14">
      <c r="N333650" s="10"/>
    </row>
    <row r="333651" spans="14:14">
      <c r="N333651" s="10"/>
    </row>
    <row r="333652" spans="14:14">
      <c r="N333652" s="10"/>
    </row>
    <row r="333653" spans="14:14">
      <c r="N333653" s="10"/>
    </row>
    <row r="333654" spans="14:14">
      <c r="N333654" s="10"/>
    </row>
    <row r="333655" spans="14:14">
      <c r="N333655" s="10"/>
    </row>
    <row r="333656" spans="14:14">
      <c r="N333656" s="10"/>
    </row>
    <row r="333657" spans="14:14">
      <c r="N333657" s="10"/>
    </row>
    <row r="333658" spans="14:14">
      <c r="N333658" s="10"/>
    </row>
    <row r="333659" spans="14:14">
      <c r="N333659" s="10"/>
    </row>
    <row r="333660" spans="14:14">
      <c r="N333660" s="10"/>
    </row>
    <row r="333661" spans="14:14">
      <c r="N333661" s="10"/>
    </row>
    <row r="333662" spans="14:14">
      <c r="N333662" s="10"/>
    </row>
    <row r="333663" spans="14:14">
      <c r="N333663" s="10"/>
    </row>
    <row r="333664" spans="14:14">
      <c r="N333664" s="10"/>
    </row>
    <row r="333665" spans="14:14">
      <c r="N333665" s="10"/>
    </row>
    <row r="333666" spans="14:14">
      <c r="N333666" s="10"/>
    </row>
    <row r="333667" spans="14:14">
      <c r="N333667" s="10"/>
    </row>
    <row r="333668" spans="14:14">
      <c r="N333668" s="10"/>
    </row>
    <row r="333669" spans="14:14">
      <c r="N333669" s="10"/>
    </row>
    <row r="333670" spans="14:14">
      <c r="N333670" s="10"/>
    </row>
    <row r="333671" spans="14:14">
      <c r="N333671" s="10"/>
    </row>
    <row r="333672" spans="14:14">
      <c r="N333672" s="10"/>
    </row>
    <row r="333673" spans="14:14">
      <c r="N333673" s="10"/>
    </row>
    <row r="333674" spans="14:14">
      <c r="N333674" s="10"/>
    </row>
    <row r="333675" spans="14:14">
      <c r="N333675" s="10"/>
    </row>
    <row r="333676" spans="14:14">
      <c r="N333676" s="10"/>
    </row>
    <row r="333677" spans="14:14">
      <c r="N333677" s="10"/>
    </row>
    <row r="333678" spans="14:14">
      <c r="N333678" s="10"/>
    </row>
    <row r="333679" spans="14:14">
      <c r="N333679" s="10"/>
    </row>
    <row r="333680" spans="14:14">
      <c r="N333680" s="10"/>
    </row>
    <row r="333681" spans="14:14">
      <c r="N333681" s="10"/>
    </row>
    <row r="333682" spans="14:14">
      <c r="N333682" s="10"/>
    </row>
    <row r="333683" spans="14:14">
      <c r="N333683" s="10"/>
    </row>
    <row r="333684" spans="14:14">
      <c r="N333684" s="10"/>
    </row>
    <row r="333685" spans="14:14">
      <c r="N333685" s="10"/>
    </row>
    <row r="333686" spans="14:14">
      <c r="N333686" s="10"/>
    </row>
    <row r="333687" spans="14:14">
      <c r="N333687" s="10"/>
    </row>
    <row r="333688" spans="14:14">
      <c r="N333688" s="10"/>
    </row>
    <row r="333689" spans="14:14">
      <c r="N333689" s="10"/>
    </row>
    <row r="333690" spans="14:14">
      <c r="N333690" s="10"/>
    </row>
    <row r="333691" spans="14:14">
      <c r="N333691" s="10"/>
    </row>
    <row r="333692" spans="14:14">
      <c r="N333692" s="10"/>
    </row>
    <row r="333693" spans="14:14">
      <c r="N333693" s="10"/>
    </row>
    <row r="333694" spans="14:14">
      <c r="N333694" s="10"/>
    </row>
    <row r="333695" spans="14:14">
      <c r="N333695" s="10"/>
    </row>
    <row r="333696" spans="14:14">
      <c r="N333696" s="10"/>
    </row>
    <row r="333697" spans="14:14">
      <c r="N333697" s="10"/>
    </row>
    <row r="333698" spans="14:14">
      <c r="N333698" s="10"/>
    </row>
    <row r="333699" spans="14:14">
      <c r="N333699" s="10"/>
    </row>
    <row r="333700" spans="14:14">
      <c r="N333700" s="10"/>
    </row>
    <row r="333701" spans="14:14">
      <c r="N333701" s="10"/>
    </row>
    <row r="333702" spans="14:14">
      <c r="N333702" s="10"/>
    </row>
    <row r="333703" spans="14:14">
      <c r="N333703" s="10"/>
    </row>
    <row r="333704" spans="14:14">
      <c r="N333704" s="10"/>
    </row>
    <row r="333705" spans="14:14">
      <c r="N333705" s="10"/>
    </row>
    <row r="333706" spans="14:14">
      <c r="N333706" s="10"/>
    </row>
    <row r="333707" spans="14:14">
      <c r="N333707" s="10"/>
    </row>
    <row r="333708" spans="14:14">
      <c r="N333708" s="10"/>
    </row>
    <row r="333709" spans="14:14">
      <c r="N333709" s="10"/>
    </row>
    <row r="333710" spans="14:14">
      <c r="N333710" s="10"/>
    </row>
    <row r="333711" spans="14:14">
      <c r="N333711" s="10"/>
    </row>
    <row r="333712" spans="14:14">
      <c r="N333712" s="10"/>
    </row>
    <row r="333713" spans="14:14">
      <c r="N333713" s="10"/>
    </row>
    <row r="333714" spans="14:14">
      <c r="N333714" s="10"/>
    </row>
    <row r="333715" spans="14:14">
      <c r="N333715" s="10"/>
    </row>
    <row r="333716" spans="14:14">
      <c r="N333716" s="10"/>
    </row>
    <row r="333717" spans="14:14">
      <c r="N333717" s="10"/>
    </row>
    <row r="333718" spans="14:14">
      <c r="N333718" s="10"/>
    </row>
    <row r="333719" spans="14:14">
      <c r="N333719" s="10"/>
    </row>
    <row r="333720" spans="14:14">
      <c r="N333720" s="10"/>
    </row>
    <row r="333721" spans="14:14">
      <c r="N333721" s="10"/>
    </row>
    <row r="333722" spans="14:14">
      <c r="N333722" s="10"/>
    </row>
    <row r="333723" spans="14:14">
      <c r="N333723" s="10"/>
    </row>
    <row r="333724" spans="14:14">
      <c r="N333724" s="10"/>
    </row>
    <row r="333725" spans="14:14">
      <c r="N333725" s="10"/>
    </row>
    <row r="333726" spans="14:14">
      <c r="N333726" s="10"/>
    </row>
    <row r="333727" spans="14:14">
      <c r="N333727" s="10"/>
    </row>
    <row r="333728" spans="14:14">
      <c r="N333728" s="10"/>
    </row>
    <row r="333729" spans="14:14">
      <c r="N333729" s="10"/>
    </row>
    <row r="333730" spans="14:14">
      <c r="N333730" s="10"/>
    </row>
    <row r="333731" spans="14:14">
      <c r="N333731" s="10"/>
    </row>
    <row r="333732" spans="14:14">
      <c r="N333732" s="10"/>
    </row>
    <row r="333733" spans="14:14">
      <c r="N333733" s="10"/>
    </row>
    <row r="333734" spans="14:14">
      <c r="N333734" s="10"/>
    </row>
    <row r="333735" spans="14:14">
      <c r="N333735" s="10"/>
    </row>
    <row r="333736" spans="14:14">
      <c r="N333736" s="10"/>
    </row>
    <row r="333737" spans="14:14">
      <c r="N333737" s="10"/>
    </row>
    <row r="333738" spans="14:14">
      <c r="N333738" s="10"/>
    </row>
    <row r="333739" spans="14:14">
      <c r="N333739" s="10"/>
    </row>
    <row r="333740" spans="14:14">
      <c r="N333740" s="10"/>
    </row>
    <row r="333741" spans="14:14">
      <c r="N333741" s="10"/>
    </row>
    <row r="333742" spans="14:14">
      <c r="N333742" s="10"/>
    </row>
    <row r="333743" spans="14:14">
      <c r="N333743" s="10"/>
    </row>
    <row r="333744" spans="14:14">
      <c r="N333744" s="10"/>
    </row>
    <row r="333745" spans="14:14">
      <c r="N333745" s="10"/>
    </row>
    <row r="333746" spans="14:14">
      <c r="N333746" s="10"/>
    </row>
    <row r="333747" spans="14:14">
      <c r="N333747" s="10"/>
    </row>
    <row r="333748" spans="14:14">
      <c r="N333748" s="10"/>
    </row>
    <row r="333749" spans="14:14">
      <c r="N333749" s="10"/>
    </row>
    <row r="333750" spans="14:14">
      <c r="N333750" s="10"/>
    </row>
    <row r="333751" spans="14:14">
      <c r="N333751" s="10"/>
    </row>
    <row r="333752" spans="14:14">
      <c r="N333752" s="10"/>
    </row>
    <row r="333753" spans="14:14">
      <c r="N333753" s="10"/>
    </row>
    <row r="333754" spans="14:14">
      <c r="N333754" s="10"/>
    </row>
    <row r="333755" spans="14:14">
      <c r="N333755" s="10"/>
    </row>
    <row r="333756" spans="14:14">
      <c r="N333756" s="10"/>
    </row>
    <row r="333757" spans="14:14">
      <c r="N333757" s="10"/>
    </row>
    <row r="333758" spans="14:14">
      <c r="N333758" s="10"/>
    </row>
    <row r="333759" spans="14:14">
      <c r="N333759" s="10"/>
    </row>
    <row r="333760" spans="14:14">
      <c r="N333760" s="10"/>
    </row>
    <row r="333761" spans="14:14">
      <c r="N333761" s="10"/>
    </row>
    <row r="333762" spans="14:14">
      <c r="N333762" s="10"/>
    </row>
    <row r="333763" spans="14:14">
      <c r="N333763" s="10"/>
    </row>
    <row r="333764" spans="14:14">
      <c r="N333764" s="10"/>
    </row>
    <row r="333765" spans="14:14">
      <c r="N333765" s="10"/>
    </row>
    <row r="333766" spans="14:14">
      <c r="N333766" s="10"/>
    </row>
    <row r="333767" spans="14:14">
      <c r="N333767" s="10"/>
    </row>
    <row r="333768" spans="14:14">
      <c r="N333768" s="10"/>
    </row>
    <row r="333769" spans="14:14">
      <c r="N333769" s="10"/>
    </row>
    <row r="333770" spans="14:14">
      <c r="N333770" s="10"/>
    </row>
    <row r="333771" spans="14:14">
      <c r="N333771" s="10"/>
    </row>
    <row r="333772" spans="14:14">
      <c r="N333772" s="10"/>
    </row>
    <row r="333773" spans="14:14">
      <c r="N333773" s="10"/>
    </row>
    <row r="333774" spans="14:14">
      <c r="N333774" s="10"/>
    </row>
    <row r="333775" spans="14:14">
      <c r="N333775" s="10"/>
    </row>
    <row r="333776" spans="14:14">
      <c r="N333776" s="10"/>
    </row>
    <row r="333777" spans="14:14">
      <c r="N333777" s="10"/>
    </row>
    <row r="333778" spans="14:14">
      <c r="N333778" s="10"/>
    </row>
    <row r="333779" spans="14:14">
      <c r="N333779" s="10"/>
    </row>
    <row r="333780" spans="14:14">
      <c r="N333780" s="10"/>
    </row>
    <row r="333781" spans="14:14">
      <c r="N333781" s="10"/>
    </row>
    <row r="333782" spans="14:14">
      <c r="N333782" s="10"/>
    </row>
    <row r="333783" spans="14:14">
      <c r="N333783" s="10"/>
    </row>
    <row r="333784" spans="14:14">
      <c r="N333784" s="10"/>
    </row>
    <row r="333785" spans="14:14">
      <c r="N333785" s="10"/>
    </row>
    <row r="333786" spans="14:14">
      <c r="N333786" s="10"/>
    </row>
    <row r="333787" spans="14:14">
      <c r="N333787" s="10"/>
    </row>
    <row r="333788" spans="14:14">
      <c r="N333788" s="10"/>
    </row>
    <row r="333789" spans="14:14">
      <c r="N333789" s="10"/>
    </row>
    <row r="333790" spans="14:14">
      <c r="N333790" s="10"/>
    </row>
    <row r="333791" spans="14:14">
      <c r="N333791" s="10"/>
    </row>
    <row r="333792" spans="14:14">
      <c r="N333792" s="10"/>
    </row>
    <row r="333793" spans="14:14">
      <c r="N333793" s="10"/>
    </row>
    <row r="333794" spans="14:14">
      <c r="N333794" s="10"/>
    </row>
    <row r="333795" spans="14:14">
      <c r="N333795" s="10"/>
    </row>
    <row r="333796" spans="14:14">
      <c r="N333796" s="10"/>
    </row>
    <row r="333797" spans="14:14">
      <c r="N333797" s="10"/>
    </row>
    <row r="333798" spans="14:14">
      <c r="N333798" s="10"/>
    </row>
    <row r="333799" spans="14:14">
      <c r="N333799" s="10"/>
    </row>
    <row r="333800" spans="14:14">
      <c r="N333800" s="10"/>
    </row>
    <row r="333801" spans="14:14">
      <c r="N333801" s="10"/>
    </row>
    <row r="333802" spans="14:14">
      <c r="N333802" s="10"/>
    </row>
    <row r="333803" spans="14:14">
      <c r="N333803" s="10"/>
    </row>
    <row r="333804" spans="14:14">
      <c r="N333804" s="10"/>
    </row>
    <row r="333805" spans="14:14">
      <c r="N333805" s="10"/>
    </row>
    <row r="333806" spans="14:14">
      <c r="N333806" s="10"/>
    </row>
    <row r="333807" spans="14:14">
      <c r="N333807" s="10"/>
    </row>
    <row r="333808" spans="14:14">
      <c r="N333808" s="10"/>
    </row>
    <row r="333809" spans="14:14">
      <c r="N333809" s="10"/>
    </row>
    <row r="333810" spans="14:14">
      <c r="N333810" s="10"/>
    </row>
    <row r="333811" spans="14:14">
      <c r="N333811" s="10"/>
    </row>
    <row r="333812" spans="14:14">
      <c r="N333812" s="10"/>
    </row>
    <row r="333813" spans="14:14">
      <c r="N333813" s="10"/>
    </row>
    <row r="333814" spans="14:14">
      <c r="N333814" s="10"/>
    </row>
    <row r="333815" spans="14:14">
      <c r="N333815" s="10"/>
    </row>
    <row r="333816" spans="14:14">
      <c r="N333816" s="10"/>
    </row>
    <row r="333817" spans="14:14">
      <c r="N333817" s="10"/>
    </row>
    <row r="333818" spans="14:14">
      <c r="N333818" s="10"/>
    </row>
    <row r="333819" spans="14:14">
      <c r="N333819" s="10"/>
    </row>
    <row r="333820" spans="14:14">
      <c r="N333820" s="10"/>
    </row>
    <row r="333821" spans="14:14">
      <c r="N333821" s="10"/>
    </row>
    <row r="333822" spans="14:14">
      <c r="N333822" s="10"/>
    </row>
    <row r="333823" spans="14:14">
      <c r="N333823" s="10"/>
    </row>
    <row r="333824" spans="14:14">
      <c r="N333824" s="10"/>
    </row>
    <row r="333825" spans="14:14">
      <c r="N333825" s="10"/>
    </row>
    <row r="333826" spans="14:14">
      <c r="N333826" s="10"/>
    </row>
    <row r="333827" spans="14:14">
      <c r="N333827" s="10"/>
    </row>
    <row r="333828" spans="14:14">
      <c r="N333828" s="10"/>
    </row>
    <row r="333829" spans="14:14">
      <c r="N333829" s="10"/>
    </row>
    <row r="333830" spans="14:14">
      <c r="N333830" s="10"/>
    </row>
    <row r="333831" spans="14:14">
      <c r="N333831" s="10"/>
    </row>
    <row r="333832" spans="14:14">
      <c r="N333832" s="10"/>
    </row>
    <row r="333833" spans="14:14">
      <c r="N333833" s="10"/>
    </row>
    <row r="333834" spans="14:14">
      <c r="N333834" s="10"/>
    </row>
    <row r="333835" spans="14:14">
      <c r="N333835" s="10"/>
    </row>
    <row r="333836" spans="14:14">
      <c r="N333836" s="10"/>
    </row>
    <row r="333837" spans="14:14">
      <c r="N333837" s="10"/>
    </row>
    <row r="333838" spans="14:14">
      <c r="N333838" s="10"/>
    </row>
    <row r="333839" spans="14:14">
      <c r="N333839" s="10"/>
    </row>
    <row r="333840" spans="14:14">
      <c r="N333840" s="10"/>
    </row>
    <row r="333841" spans="14:14">
      <c r="N333841" s="10"/>
    </row>
    <row r="333842" spans="14:14">
      <c r="N333842" s="10"/>
    </row>
    <row r="333843" spans="14:14">
      <c r="N333843" s="10"/>
    </row>
    <row r="333844" spans="14:14">
      <c r="N333844" s="10"/>
    </row>
    <row r="333845" spans="14:14">
      <c r="N333845" s="10"/>
    </row>
    <row r="333846" spans="14:14">
      <c r="N333846" s="10"/>
    </row>
    <row r="333847" spans="14:14">
      <c r="N333847" s="10"/>
    </row>
    <row r="333848" spans="14:14">
      <c r="N333848" s="10"/>
    </row>
    <row r="333849" spans="14:14">
      <c r="N333849" s="10"/>
    </row>
    <row r="333850" spans="14:14">
      <c r="N333850" s="10"/>
    </row>
    <row r="333851" spans="14:14">
      <c r="N333851" s="10"/>
    </row>
    <row r="333852" spans="14:14">
      <c r="N333852" s="10"/>
    </row>
    <row r="333853" spans="14:14">
      <c r="N333853" s="10"/>
    </row>
    <row r="333854" spans="14:14">
      <c r="N333854" s="10"/>
    </row>
    <row r="333855" spans="14:14">
      <c r="N333855" s="10"/>
    </row>
    <row r="333856" spans="14:14">
      <c r="N333856" s="10"/>
    </row>
    <row r="333857" spans="14:14">
      <c r="N333857" s="10"/>
    </row>
    <row r="333858" spans="14:14">
      <c r="N333858" s="10"/>
    </row>
    <row r="333859" spans="14:14">
      <c r="N333859" s="10"/>
    </row>
    <row r="333860" spans="14:14">
      <c r="N333860" s="10"/>
    </row>
    <row r="333861" spans="14:14">
      <c r="N333861" s="10"/>
    </row>
    <row r="333862" spans="14:14">
      <c r="N333862" s="10"/>
    </row>
    <row r="333863" spans="14:14">
      <c r="N333863" s="10"/>
    </row>
    <row r="333864" spans="14:14">
      <c r="N333864" s="10"/>
    </row>
    <row r="333865" spans="14:14">
      <c r="N333865" s="10"/>
    </row>
    <row r="333866" spans="14:14">
      <c r="N333866" s="10"/>
    </row>
    <row r="333867" spans="14:14">
      <c r="N333867" s="10"/>
    </row>
    <row r="333868" spans="14:14">
      <c r="N333868" s="10"/>
    </row>
    <row r="333869" spans="14:14">
      <c r="N333869" s="10"/>
    </row>
    <row r="333870" spans="14:14">
      <c r="N333870" s="10"/>
    </row>
    <row r="333871" spans="14:14">
      <c r="N333871" s="10"/>
    </row>
    <row r="333872" spans="14:14">
      <c r="N333872" s="10"/>
    </row>
    <row r="333873" spans="14:14">
      <c r="N333873" s="10"/>
    </row>
    <row r="333874" spans="14:14">
      <c r="N333874" s="10"/>
    </row>
    <row r="333875" spans="14:14">
      <c r="N333875" s="10"/>
    </row>
    <row r="333876" spans="14:14">
      <c r="N333876" s="10"/>
    </row>
    <row r="333877" spans="14:14">
      <c r="N333877" s="10"/>
    </row>
    <row r="333878" spans="14:14">
      <c r="N333878" s="10"/>
    </row>
    <row r="333879" spans="14:14">
      <c r="N333879" s="10"/>
    </row>
    <row r="333880" spans="14:14">
      <c r="N333880" s="10"/>
    </row>
    <row r="333881" spans="14:14">
      <c r="N333881" s="10"/>
    </row>
    <row r="333882" spans="14:14">
      <c r="N333882" s="10"/>
    </row>
    <row r="333883" spans="14:14">
      <c r="N333883" s="10"/>
    </row>
    <row r="333884" spans="14:14">
      <c r="N333884" s="10"/>
    </row>
    <row r="333885" spans="14:14">
      <c r="N333885" s="10"/>
    </row>
    <row r="333886" spans="14:14">
      <c r="N333886" s="10"/>
    </row>
    <row r="333887" spans="14:14">
      <c r="N333887" s="10"/>
    </row>
    <row r="333888" spans="14:14">
      <c r="N333888" s="10"/>
    </row>
    <row r="333889" spans="14:14">
      <c r="N333889" s="10"/>
    </row>
    <row r="333890" spans="14:14">
      <c r="N333890" s="10"/>
    </row>
    <row r="333891" spans="14:14">
      <c r="N333891" s="10"/>
    </row>
    <row r="333892" spans="14:14">
      <c r="N333892" s="10"/>
    </row>
    <row r="333893" spans="14:14">
      <c r="N333893" s="10"/>
    </row>
    <row r="333894" spans="14:14">
      <c r="N333894" s="10"/>
    </row>
    <row r="333895" spans="14:14">
      <c r="N333895" s="10"/>
    </row>
    <row r="333896" spans="14:14">
      <c r="N333896" s="10"/>
    </row>
    <row r="333897" spans="14:14">
      <c r="N333897" s="10"/>
    </row>
    <row r="333898" spans="14:14">
      <c r="N333898" s="10"/>
    </row>
    <row r="333899" spans="14:14">
      <c r="N333899" s="10"/>
    </row>
    <row r="333900" spans="14:14">
      <c r="N333900" s="10"/>
    </row>
    <row r="333901" spans="14:14">
      <c r="N333901" s="10"/>
    </row>
    <row r="333902" spans="14:14">
      <c r="N333902" s="10"/>
    </row>
    <row r="333903" spans="14:14">
      <c r="N333903" s="10"/>
    </row>
    <row r="333904" spans="14:14">
      <c r="N333904" s="10"/>
    </row>
    <row r="333905" spans="14:14">
      <c r="N333905" s="10"/>
    </row>
    <row r="333906" spans="14:14">
      <c r="N333906" s="10"/>
    </row>
    <row r="333907" spans="14:14">
      <c r="N333907" s="10"/>
    </row>
    <row r="333908" spans="14:14">
      <c r="N333908" s="10"/>
    </row>
    <row r="333909" spans="14:14">
      <c r="N333909" s="10"/>
    </row>
    <row r="333910" spans="14:14">
      <c r="N333910" s="10"/>
    </row>
    <row r="333911" spans="14:14">
      <c r="N333911" s="10"/>
    </row>
    <row r="333912" spans="14:14">
      <c r="N333912" s="10"/>
    </row>
    <row r="333913" spans="14:14">
      <c r="N333913" s="10"/>
    </row>
    <row r="333914" spans="14:14">
      <c r="N333914" s="10"/>
    </row>
    <row r="333915" spans="14:14">
      <c r="N333915" s="10"/>
    </row>
    <row r="333916" spans="14:14">
      <c r="N333916" s="10"/>
    </row>
    <row r="333917" spans="14:14">
      <c r="N333917" s="10"/>
    </row>
    <row r="333918" spans="14:14">
      <c r="N333918" s="10"/>
    </row>
    <row r="333919" spans="14:14">
      <c r="N333919" s="10"/>
    </row>
    <row r="333920" spans="14:14">
      <c r="N333920" s="10"/>
    </row>
    <row r="333921" spans="14:14">
      <c r="N333921" s="10"/>
    </row>
    <row r="333922" spans="14:14">
      <c r="N333922" s="10"/>
    </row>
    <row r="333923" spans="14:14">
      <c r="N333923" s="10"/>
    </row>
    <row r="333924" spans="14:14">
      <c r="N333924" s="10"/>
    </row>
    <row r="333925" spans="14:14">
      <c r="N333925" s="10"/>
    </row>
    <row r="333926" spans="14:14">
      <c r="N333926" s="10"/>
    </row>
    <row r="333927" spans="14:14">
      <c r="N333927" s="10"/>
    </row>
    <row r="333928" spans="14:14">
      <c r="N333928" s="10"/>
    </row>
    <row r="333929" spans="14:14">
      <c r="N333929" s="10"/>
    </row>
    <row r="333930" spans="14:14">
      <c r="N333930" s="10"/>
    </row>
    <row r="333931" spans="14:14">
      <c r="N333931" s="10"/>
    </row>
    <row r="333932" spans="14:14">
      <c r="N333932" s="10"/>
    </row>
    <row r="333933" spans="14:14">
      <c r="N333933" s="10"/>
    </row>
    <row r="333934" spans="14:14">
      <c r="N333934" s="10"/>
    </row>
    <row r="333935" spans="14:14">
      <c r="N333935" s="10"/>
    </row>
    <row r="333936" spans="14:14">
      <c r="N333936" s="10"/>
    </row>
    <row r="333937" spans="14:14">
      <c r="N333937" s="10"/>
    </row>
    <row r="333938" spans="14:14">
      <c r="N333938" s="10"/>
    </row>
    <row r="333939" spans="14:14">
      <c r="N333939" s="10"/>
    </row>
    <row r="333940" spans="14:14">
      <c r="N333940" s="10"/>
    </row>
    <row r="333941" spans="14:14">
      <c r="N333941" s="10"/>
    </row>
    <row r="333942" spans="14:14">
      <c r="N333942" s="10"/>
    </row>
    <row r="333943" spans="14:14">
      <c r="N333943" s="10"/>
    </row>
    <row r="333944" spans="14:14">
      <c r="N333944" s="10"/>
    </row>
    <row r="333945" spans="14:14">
      <c r="N333945" s="10"/>
    </row>
    <row r="333946" spans="14:14">
      <c r="N333946" s="10"/>
    </row>
    <row r="333947" spans="14:14">
      <c r="N333947" s="10"/>
    </row>
    <row r="333948" spans="14:14">
      <c r="N333948" s="10"/>
    </row>
    <row r="333949" spans="14:14">
      <c r="N333949" s="10"/>
    </row>
    <row r="333950" spans="14:14">
      <c r="N333950" s="10"/>
    </row>
    <row r="333951" spans="14:14">
      <c r="N333951" s="10"/>
    </row>
    <row r="333952" spans="14:14">
      <c r="N333952" s="10"/>
    </row>
    <row r="333953" spans="14:14">
      <c r="N333953" s="10"/>
    </row>
    <row r="333954" spans="14:14">
      <c r="N333954" s="10"/>
    </row>
    <row r="333955" spans="14:14">
      <c r="N333955" s="10"/>
    </row>
    <row r="333956" spans="14:14">
      <c r="N333956" s="10"/>
    </row>
    <row r="333957" spans="14:14">
      <c r="N333957" s="10"/>
    </row>
    <row r="333958" spans="14:14">
      <c r="N333958" s="10"/>
    </row>
    <row r="333959" spans="14:14">
      <c r="N333959" s="10"/>
    </row>
    <row r="333960" spans="14:14">
      <c r="N333960" s="10"/>
    </row>
    <row r="333961" spans="14:14">
      <c r="N333961" s="10"/>
    </row>
    <row r="333962" spans="14:14">
      <c r="N333962" s="10"/>
    </row>
    <row r="333963" spans="14:14">
      <c r="N333963" s="10"/>
    </row>
    <row r="333964" spans="14:14">
      <c r="N333964" s="10"/>
    </row>
    <row r="333965" spans="14:14">
      <c r="N333965" s="10"/>
    </row>
    <row r="333966" spans="14:14">
      <c r="N333966" s="10"/>
    </row>
    <row r="333967" spans="14:14">
      <c r="N333967" s="10"/>
    </row>
    <row r="333968" spans="14:14">
      <c r="N333968" s="10"/>
    </row>
    <row r="333969" spans="14:14">
      <c r="N333969" s="10"/>
    </row>
    <row r="333970" spans="14:14">
      <c r="N333970" s="10"/>
    </row>
    <row r="333971" spans="14:14">
      <c r="N333971" s="10"/>
    </row>
    <row r="333972" spans="14:14">
      <c r="N333972" s="10"/>
    </row>
    <row r="333973" spans="14:14">
      <c r="N333973" s="10"/>
    </row>
    <row r="333974" spans="14:14">
      <c r="N333974" s="10"/>
    </row>
    <row r="333975" spans="14:14">
      <c r="N333975" s="10"/>
    </row>
    <row r="333976" spans="14:14">
      <c r="N333976" s="10"/>
    </row>
    <row r="333977" spans="14:14">
      <c r="N333977" s="10"/>
    </row>
    <row r="333978" spans="14:14">
      <c r="N333978" s="10"/>
    </row>
    <row r="333979" spans="14:14">
      <c r="N333979" s="10"/>
    </row>
    <row r="333980" spans="14:14">
      <c r="N333980" s="10"/>
    </row>
    <row r="333981" spans="14:14">
      <c r="N333981" s="10"/>
    </row>
    <row r="333982" spans="14:14">
      <c r="N333982" s="10"/>
    </row>
    <row r="333983" spans="14:14">
      <c r="N333983" s="10"/>
    </row>
    <row r="333984" spans="14:14">
      <c r="N333984" s="10"/>
    </row>
    <row r="333985" spans="14:14">
      <c r="N333985" s="10"/>
    </row>
    <row r="333986" spans="14:14">
      <c r="N333986" s="10"/>
    </row>
    <row r="333987" spans="14:14">
      <c r="N333987" s="10"/>
    </row>
    <row r="333988" spans="14:14">
      <c r="N333988" s="10"/>
    </row>
    <row r="333989" spans="14:14">
      <c r="N333989" s="10"/>
    </row>
    <row r="333990" spans="14:14">
      <c r="N333990" s="10"/>
    </row>
    <row r="333991" spans="14:14">
      <c r="N333991" s="10"/>
    </row>
    <row r="333992" spans="14:14">
      <c r="N333992" s="10"/>
    </row>
    <row r="333993" spans="14:14">
      <c r="N333993" s="10"/>
    </row>
    <row r="333994" spans="14:14">
      <c r="N333994" s="10"/>
    </row>
    <row r="333995" spans="14:14">
      <c r="N333995" s="10"/>
    </row>
    <row r="333996" spans="14:14">
      <c r="N333996" s="10"/>
    </row>
    <row r="333997" spans="14:14">
      <c r="N333997" s="10"/>
    </row>
    <row r="333998" spans="14:14">
      <c r="N333998" s="10"/>
    </row>
    <row r="333999" spans="14:14">
      <c r="N333999" s="10"/>
    </row>
    <row r="334000" spans="14:14">
      <c r="N334000" s="10"/>
    </row>
    <row r="334001" spans="14:14">
      <c r="N334001" s="10"/>
    </row>
    <row r="334002" spans="14:14">
      <c r="N334002" s="10"/>
    </row>
    <row r="334003" spans="14:14">
      <c r="N334003" s="10"/>
    </row>
    <row r="334004" spans="14:14">
      <c r="N334004" s="10"/>
    </row>
    <row r="334005" spans="14:14">
      <c r="N334005" s="10"/>
    </row>
    <row r="334006" spans="14:14">
      <c r="N334006" s="10"/>
    </row>
    <row r="334007" spans="14:14">
      <c r="N334007" s="10"/>
    </row>
    <row r="334008" spans="14:14">
      <c r="N334008" s="10"/>
    </row>
    <row r="334009" spans="14:14">
      <c r="N334009" s="10"/>
    </row>
    <row r="334010" spans="14:14">
      <c r="N334010" s="10"/>
    </row>
    <row r="334011" spans="14:14">
      <c r="N334011" s="10"/>
    </row>
    <row r="334012" spans="14:14">
      <c r="N334012" s="10"/>
    </row>
    <row r="334013" spans="14:14">
      <c r="N334013" s="10"/>
    </row>
    <row r="334014" spans="14:14">
      <c r="N334014" s="10"/>
    </row>
    <row r="334015" spans="14:14">
      <c r="N334015" s="10"/>
    </row>
    <row r="334016" spans="14:14">
      <c r="N334016" s="10"/>
    </row>
    <row r="334017" spans="14:14">
      <c r="N334017" s="10"/>
    </row>
    <row r="334018" spans="14:14">
      <c r="N334018" s="10"/>
    </row>
    <row r="334019" spans="14:14">
      <c r="N334019" s="10"/>
    </row>
    <row r="334020" spans="14:14">
      <c r="N334020" s="10"/>
    </row>
    <row r="334021" spans="14:14">
      <c r="N334021" s="10"/>
    </row>
    <row r="334022" spans="14:14">
      <c r="N334022" s="10"/>
    </row>
    <row r="334023" spans="14:14">
      <c r="N334023" s="10"/>
    </row>
    <row r="334024" spans="14:14">
      <c r="N334024" s="10"/>
    </row>
    <row r="334025" spans="14:14">
      <c r="N334025" s="10"/>
    </row>
    <row r="334026" spans="14:14">
      <c r="N334026" s="10"/>
    </row>
    <row r="334027" spans="14:14">
      <c r="N334027" s="10"/>
    </row>
    <row r="334028" spans="14:14">
      <c r="N334028" s="10"/>
    </row>
    <row r="334029" spans="14:14">
      <c r="N334029" s="10"/>
    </row>
    <row r="334030" spans="14:14">
      <c r="N334030" s="10"/>
    </row>
    <row r="334031" spans="14:14">
      <c r="N334031" s="10"/>
    </row>
    <row r="334032" spans="14:14">
      <c r="N334032" s="10"/>
    </row>
    <row r="334033" spans="14:14">
      <c r="N334033" s="10"/>
    </row>
    <row r="334034" spans="14:14">
      <c r="N334034" s="10"/>
    </row>
    <row r="334035" spans="14:14">
      <c r="N334035" s="10"/>
    </row>
    <row r="334036" spans="14:14">
      <c r="N334036" s="10"/>
    </row>
    <row r="334037" spans="14:14">
      <c r="N334037" s="10"/>
    </row>
    <row r="334038" spans="14:14">
      <c r="N334038" s="10"/>
    </row>
    <row r="334039" spans="14:14">
      <c r="N334039" s="10"/>
    </row>
    <row r="334040" spans="14:14">
      <c r="N334040" s="10"/>
    </row>
    <row r="334041" spans="14:14">
      <c r="N334041" s="10"/>
    </row>
    <row r="334042" spans="14:14">
      <c r="N334042" s="10"/>
    </row>
    <row r="334043" spans="14:14">
      <c r="N334043" s="10"/>
    </row>
    <row r="334044" spans="14:14">
      <c r="N334044" s="10"/>
    </row>
    <row r="334045" spans="14:14">
      <c r="N334045" s="10"/>
    </row>
    <row r="334046" spans="14:14">
      <c r="N334046" s="10"/>
    </row>
    <row r="334047" spans="14:14">
      <c r="N334047" s="10"/>
    </row>
    <row r="334048" spans="14:14">
      <c r="N334048" s="10"/>
    </row>
    <row r="334049" spans="14:14">
      <c r="N334049" s="10"/>
    </row>
    <row r="334050" spans="14:14">
      <c r="N334050" s="10"/>
    </row>
    <row r="334051" spans="14:14">
      <c r="N334051" s="10"/>
    </row>
    <row r="334052" spans="14:14">
      <c r="N334052" s="10"/>
    </row>
    <row r="334053" spans="14:14">
      <c r="N334053" s="10"/>
    </row>
    <row r="334054" spans="14:14">
      <c r="N334054" s="10"/>
    </row>
    <row r="334055" spans="14:14">
      <c r="N334055" s="10"/>
    </row>
    <row r="334056" spans="14:14">
      <c r="N334056" s="10"/>
    </row>
    <row r="334057" spans="14:14">
      <c r="N334057" s="10"/>
    </row>
    <row r="334058" spans="14:14">
      <c r="N334058" s="10"/>
    </row>
    <row r="334059" spans="14:14">
      <c r="N334059" s="10"/>
    </row>
    <row r="334060" spans="14:14">
      <c r="N334060" s="10"/>
    </row>
    <row r="334061" spans="14:14">
      <c r="N334061" s="10"/>
    </row>
    <row r="334062" spans="14:14">
      <c r="N334062" s="10"/>
    </row>
    <row r="334063" spans="14:14">
      <c r="N334063" s="10"/>
    </row>
    <row r="334064" spans="14:14">
      <c r="N334064" s="10"/>
    </row>
    <row r="334065" spans="14:14">
      <c r="N334065" s="10"/>
    </row>
    <row r="334066" spans="14:14">
      <c r="N334066" s="10"/>
    </row>
    <row r="334067" spans="14:14">
      <c r="N334067" s="10"/>
    </row>
    <row r="334068" spans="14:14">
      <c r="N334068" s="10"/>
    </row>
    <row r="334069" spans="14:14">
      <c r="N334069" s="10"/>
    </row>
    <row r="334070" spans="14:14">
      <c r="N334070" s="10"/>
    </row>
    <row r="334071" spans="14:14">
      <c r="N334071" s="10"/>
    </row>
    <row r="334072" spans="14:14">
      <c r="N334072" s="10"/>
    </row>
    <row r="334073" spans="14:14">
      <c r="N334073" s="10"/>
    </row>
    <row r="334074" spans="14:14">
      <c r="N334074" s="10"/>
    </row>
    <row r="334075" spans="14:14">
      <c r="N334075" s="10"/>
    </row>
    <row r="334076" spans="14:14">
      <c r="N334076" s="10"/>
    </row>
    <row r="334077" spans="14:14">
      <c r="N334077" s="10"/>
    </row>
    <row r="334078" spans="14:14">
      <c r="N334078" s="10"/>
    </row>
    <row r="334079" spans="14:14">
      <c r="N334079" s="10"/>
    </row>
    <row r="334080" spans="14:14">
      <c r="N334080" s="10"/>
    </row>
    <row r="334081" spans="14:14">
      <c r="N334081" s="10"/>
    </row>
    <row r="334082" spans="14:14">
      <c r="N334082" s="10"/>
    </row>
    <row r="334083" spans="14:14">
      <c r="N334083" s="10"/>
    </row>
    <row r="334084" spans="14:14">
      <c r="N334084" s="10"/>
    </row>
    <row r="334085" spans="14:14">
      <c r="N334085" s="10"/>
    </row>
    <row r="334086" spans="14:14">
      <c r="N334086" s="10"/>
    </row>
    <row r="334087" spans="14:14">
      <c r="N334087" s="10"/>
    </row>
    <row r="334088" spans="14:14">
      <c r="N334088" s="10"/>
    </row>
    <row r="334089" spans="14:14">
      <c r="N334089" s="10"/>
    </row>
    <row r="334090" spans="14:14">
      <c r="N334090" s="10"/>
    </row>
    <row r="334091" spans="14:14">
      <c r="N334091" s="10"/>
    </row>
    <row r="334092" spans="14:14">
      <c r="N334092" s="10"/>
    </row>
    <row r="334093" spans="14:14">
      <c r="N334093" s="10"/>
    </row>
    <row r="334094" spans="14:14">
      <c r="N334094" s="10"/>
    </row>
    <row r="334095" spans="14:14">
      <c r="N334095" s="10"/>
    </row>
    <row r="334096" spans="14:14">
      <c r="N334096" s="10"/>
    </row>
    <row r="334097" spans="14:14">
      <c r="N334097" s="10"/>
    </row>
    <row r="334098" spans="14:14">
      <c r="N334098" s="10"/>
    </row>
    <row r="334099" spans="14:14">
      <c r="N334099" s="10"/>
    </row>
    <row r="334100" spans="14:14">
      <c r="N334100" s="10"/>
    </row>
    <row r="334101" spans="14:14">
      <c r="N334101" s="10"/>
    </row>
    <row r="334102" spans="14:14">
      <c r="N334102" s="10"/>
    </row>
    <row r="334103" spans="14:14">
      <c r="N334103" s="10"/>
    </row>
    <row r="334104" spans="14:14">
      <c r="N334104" s="10"/>
    </row>
    <row r="334105" spans="14:14">
      <c r="N334105" s="10"/>
    </row>
    <row r="334106" spans="14:14">
      <c r="N334106" s="10"/>
    </row>
    <row r="334107" spans="14:14">
      <c r="N334107" s="10"/>
    </row>
    <row r="334108" spans="14:14">
      <c r="N334108" s="10"/>
    </row>
    <row r="334109" spans="14:14">
      <c r="N334109" s="10"/>
    </row>
    <row r="334110" spans="14:14">
      <c r="N334110" s="10"/>
    </row>
    <row r="334111" spans="14:14">
      <c r="N334111" s="10"/>
    </row>
    <row r="334112" spans="14:14">
      <c r="N334112" s="10"/>
    </row>
    <row r="334113" spans="14:14">
      <c r="N334113" s="10"/>
    </row>
    <row r="334114" spans="14:14">
      <c r="N334114" s="10"/>
    </row>
    <row r="334115" spans="14:14">
      <c r="N334115" s="10"/>
    </row>
    <row r="334116" spans="14:14">
      <c r="N334116" s="10"/>
    </row>
    <row r="334117" spans="14:14">
      <c r="N334117" s="10"/>
    </row>
    <row r="334118" spans="14:14">
      <c r="N334118" s="10"/>
    </row>
    <row r="334119" spans="14:14">
      <c r="N334119" s="10"/>
    </row>
    <row r="334120" spans="14:14">
      <c r="N334120" s="10"/>
    </row>
    <row r="334121" spans="14:14">
      <c r="N334121" s="10"/>
    </row>
    <row r="334122" spans="14:14">
      <c r="N334122" s="10"/>
    </row>
    <row r="334123" spans="14:14">
      <c r="N334123" s="10"/>
    </row>
    <row r="334124" spans="14:14">
      <c r="N334124" s="10"/>
    </row>
    <row r="334125" spans="14:14">
      <c r="N334125" s="10"/>
    </row>
    <row r="334126" spans="14:14">
      <c r="N334126" s="10"/>
    </row>
    <row r="334127" spans="14:14">
      <c r="N334127" s="10"/>
    </row>
    <row r="334128" spans="14:14">
      <c r="N334128" s="10"/>
    </row>
    <row r="334129" spans="14:14">
      <c r="N334129" s="10"/>
    </row>
    <row r="334130" spans="14:14">
      <c r="N334130" s="10"/>
    </row>
    <row r="334131" spans="14:14">
      <c r="N334131" s="10"/>
    </row>
    <row r="334132" spans="14:14">
      <c r="N334132" s="10"/>
    </row>
    <row r="334133" spans="14:14">
      <c r="N334133" s="10"/>
    </row>
    <row r="334134" spans="14:14">
      <c r="N334134" s="10"/>
    </row>
    <row r="334135" spans="14:14">
      <c r="N334135" s="10"/>
    </row>
    <row r="334136" spans="14:14">
      <c r="N334136" s="10"/>
    </row>
    <row r="334137" spans="14:14">
      <c r="N334137" s="10"/>
    </row>
    <row r="334138" spans="14:14">
      <c r="N334138" s="10"/>
    </row>
    <row r="334139" spans="14:14">
      <c r="N334139" s="10"/>
    </row>
    <row r="334140" spans="14:14">
      <c r="N334140" s="10"/>
    </row>
    <row r="334141" spans="14:14">
      <c r="N334141" s="10"/>
    </row>
    <row r="334142" spans="14:14">
      <c r="N334142" s="10"/>
    </row>
    <row r="334143" spans="14:14">
      <c r="N334143" s="10"/>
    </row>
    <row r="334144" spans="14:14">
      <c r="N334144" s="10"/>
    </row>
    <row r="334145" spans="14:14">
      <c r="N334145" s="10"/>
    </row>
    <row r="334146" spans="14:14">
      <c r="N334146" s="10"/>
    </row>
    <row r="334147" spans="14:14">
      <c r="N334147" s="10"/>
    </row>
    <row r="334148" spans="14:14">
      <c r="N334148" s="10"/>
    </row>
    <row r="334149" spans="14:14">
      <c r="N334149" s="10"/>
    </row>
    <row r="334150" spans="14:14">
      <c r="N334150" s="10"/>
    </row>
    <row r="334151" spans="14:14">
      <c r="N334151" s="10"/>
    </row>
    <row r="334152" spans="14:14">
      <c r="N334152" s="10"/>
    </row>
    <row r="334153" spans="14:14">
      <c r="N334153" s="10"/>
    </row>
    <row r="334154" spans="14:14">
      <c r="N334154" s="10"/>
    </row>
    <row r="334155" spans="14:14">
      <c r="N334155" s="10"/>
    </row>
    <row r="334156" spans="14:14">
      <c r="N334156" s="10"/>
    </row>
    <row r="334157" spans="14:14">
      <c r="N334157" s="10"/>
    </row>
    <row r="334158" spans="14:14">
      <c r="N334158" s="10"/>
    </row>
    <row r="334159" spans="14:14">
      <c r="N334159" s="10"/>
    </row>
    <row r="334160" spans="14:14">
      <c r="N334160" s="10"/>
    </row>
    <row r="334161" spans="14:14">
      <c r="N334161" s="10"/>
    </row>
    <row r="334162" spans="14:14">
      <c r="N334162" s="10"/>
    </row>
    <row r="334163" spans="14:14">
      <c r="N334163" s="10"/>
    </row>
    <row r="334164" spans="14:14">
      <c r="N334164" s="10"/>
    </row>
    <row r="334165" spans="14:14">
      <c r="N334165" s="10"/>
    </row>
    <row r="334166" spans="14:14">
      <c r="N334166" s="10"/>
    </row>
    <row r="334167" spans="14:14">
      <c r="N334167" s="10"/>
    </row>
    <row r="334168" spans="14:14">
      <c r="N334168" s="10"/>
    </row>
    <row r="334169" spans="14:14">
      <c r="N334169" s="10"/>
    </row>
    <row r="334170" spans="14:14">
      <c r="N334170" s="10"/>
    </row>
    <row r="334171" spans="14:14">
      <c r="N334171" s="10"/>
    </row>
    <row r="334172" spans="14:14">
      <c r="N334172" s="10"/>
    </row>
    <row r="334173" spans="14:14">
      <c r="N334173" s="10"/>
    </row>
    <row r="334174" spans="14:14">
      <c r="N334174" s="10"/>
    </row>
    <row r="334175" spans="14:14">
      <c r="N334175" s="10"/>
    </row>
    <row r="334176" spans="14:14">
      <c r="N334176" s="10"/>
    </row>
    <row r="334177" spans="14:14">
      <c r="N334177" s="10"/>
    </row>
    <row r="334178" spans="14:14">
      <c r="N334178" s="10"/>
    </row>
    <row r="334179" spans="14:14">
      <c r="N334179" s="10"/>
    </row>
    <row r="334180" spans="14:14">
      <c r="N334180" s="10"/>
    </row>
    <row r="334181" spans="14:14">
      <c r="N334181" s="10"/>
    </row>
    <row r="334182" spans="14:14">
      <c r="N334182" s="10"/>
    </row>
    <row r="334183" spans="14:14">
      <c r="N334183" s="10"/>
    </row>
    <row r="334184" spans="14:14">
      <c r="N334184" s="10"/>
    </row>
    <row r="334185" spans="14:14">
      <c r="N334185" s="10"/>
    </row>
    <row r="334186" spans="14:14">
      <c r="N334186" s="10"/>
    </row>
    <row r="334187" spans="14:14">
      <c r="N334187" s="10"/>
    </row>
    <row r="334188" spans="14:14">
      <c r="N334188" s="10"/>
    </row>
    <row r="334189" spans="14:14">
      <c r="N334189" s="10"/>
    </row>
    <row r="334190" spans="14:14">
      <c r="N334190" s="10"/>
    </row>
    <row r="334191" spans="14:14">
      <c r="N334191" s="10"/>
    </row>
    <row r="334192" spans="14:14">
      <c r="N334192" s="10"/>
    </row>
    <row r="334193" spans="14:14">
      <c r="N334193" s="10"/>
    </row>
    <row r="334194" spans="14:14">
      <c r="N334194" s="10"/>
    </row>
    <row r="334195" spans="14:14">
      <c r="N334195" s="10"/>
    </row>
    <row r="334196" spans="14:14">
      <c r="N334196" s="10"/>
    </row>
    <row r="334197" spans="14:14">
      <c r="N334197" s="10"/>
    </row>
    <row r="334198" spans="14:14">
      <c r="N334198" s="10"/>
    </row>
    <row r="334199" spans="14:14">
      <c r="N334199" s="10"/>
    </row>
    <row r="334200" spans="14:14">
      <c r="N334200" s="10"/>
    </row>
    <row r="334201" spans="14:14">
      <c r="N334201" s="10"/>
    </row>
    <row r="334202" spans="14:14">
      <c r="N334202" s="10"/>
    </row>
    <row r="334203" spans="14:14">
      <c r="N334203" s="10"/>
    </row>
    <row r="334204" spans="14:14">
      <c r="N334204" s="10"/>
    </row>
    <row r="334205" spans="14:14">
      <c r="N334205" s="10"/>
    </row>
    <row r="334206" spans="14:14">
      <c r="N334206" s="10"/>
    </row>
    <row r="334207" spans="14:14">
      <c r="N334207" s="10"/>
    </row>
    <row r="334208" spans="14:14">
      <c r="N334208" s="10"/>
    </row>
    <row r="334209" spans="14:14">
      <c r="N334209" s="10"/>
    </row>
    <row r="334210" spans="14:14">
      <c r="N334210" s="10"/>
    </row>
    <row r="334211" spans="14:14">
      <c r="N334211" s="10"/>
    </row>
    <row r="334212" spans="14:14">
      <c r="N334212" s="10"/>
    </row>
    <row r="334213" spans="14:14">
      <c r="N334213" s="10"/>
    </row>
    <row r="334214" spans="14:14">
      <c r="N334214" s="10"/>
    </row>
    <row r="334215" spans="14:14">
      <c r="N334215" s="10"/>
    </row>
    <row r="334216" spans="14:14">
      <c r="N334216" s="10"/>
    </row>
    <row r="334217" spans="14:14">
      <c r="N334217" s="10"/>
    </row>
    <row r="334218" spans="14:14">
      <c r="N334218" s="10"/>
    </row>
    <row r="334219" spans="14:14">
      <c r="N334219" s="10"/>
    </row>
    <row r="334220" spans="14:14">
      <c r="N334220" s="10"/>
    </row>
    <row r="334221" spans="14:14">
      <c r="N334221" s="10"/>
    </row>
    <row r="334222" spans="14:14">
      <c r="N334222" s="10"/>
    </row>
    <row r="334223" spans="14:14">
      <c r="N334223" s="10"/>
    </row>
    <row r="334224" spans="14:14">
      <c r="N334224" s="10"/>
    </row>
    <row r="334225" spans="14:14">
      <c r="N334225" s="10"/>
    </row>
    <row r="334226" spans="14:14">
      <c r="N334226" s="10"/>
    </row>
    <row r="334227" spans="14:14">
      <c r="N334227" s="10"/>
    </row>
    <row r="334228" spans="14:14">
      <c r="N334228" s="10"/>
    </row>
    <row r="334229" spans="14:14">
      <c r="N334229" s="10"/>
    </row>
    <row r="334230" spans="14:14">
      <c r="N334230" s="10"/>
    </row>
    <row r="334231" spans="14:14">
      <c r="N334231" s="10"/>
    </row>
    <row r="334232" spans="14:14">
      <c r="N334232" s="10"/>
    </row>
    <row r="334233" spans="14:14">
      <c r="N334233" s="10"/>
    </row>
    <row r="334234" spans="14:14">
      <c r="N334234" s="10"/>
    </row>
    <row r="334235" spans="14:14">
      <c r="N334235" s="10"/>
    </row>
    <row r="334236" spans="14:14">
      <c r="N334236" s="10"/>
    </row>
    <row r="334237" spans="14:14">
      <c r="N334237" s="10"/>
    </row>
    <row r="334238" spans="14:14">
      <c r="N334238" s="10"/>
    </row>
    <row r="334239" spans="14:14">
      <c r="N334239" s="10"/>
    </row>
    <row r="334240" spans="14:14">
      <c r="N334240" s="10"/>
    </row>
    <row r="334241" spans="14:14">
      <c r="N334241" s="10"/>
    </row>
    <row r="334242" spans="14:14">
      <c r="N334242" s="10"/>
    </row>
    <row r="334243" spans="14:14">
      <c r="N334243" s="10"/>
    </row>
    <row r="334244" spans="14:14">
      <c r="N334244" s="10"/>
    </row>
    <row r="334245" spans="14:14">
      <c r="N334245" s="10"/>
    </row>
    <row r="334246" spans="14:14">
      <c r="N334246" s="10"/>
    </row>
    <row r="334247" spans="14:14">
      <c r="N334247" s="10"/>
    </row>
    <row r="334248" spans="14:14">
      <c r="N334248" s="10"/>
    </row>
    <row r="334249" spans="14:14">
      <c r="N334249" s="10"/>
    </row>
    <row r="334250" spans="14:14">
      <c r="N334250" s="10"/>
    </row>
    <row r="334251" spans="14:14">
      <c r="N334251" s="10"/>
    </row>
    <row r="334252" spans="14:14">
      <c r="N334252" s="10"/>
    </row>
    <row r="334253" spans="14:14">
      <c r="N334253" s="10"/>
    </row>
    <row r="334254" spans="14:14">
      <c r="N334254" s="10"/>
    </row>
    <row r="334255" spans="14:14">
      <c r="N334255" s="10"/>
    </row>
    <row r="334256" spans="14:14">
      <c r="N334256" s="10"/>
    </row>
    <row r="334257" spans="14:14">
      <c r="N334257" s="10"/>
    </row>
    <row r="334258" spans="14:14">
      <c r="N334258" s="10"/>
    </row>
    <row r="334259" spans="14:14">
      <c r="N334259" s="10"/>
    </row>
    <row r="334260" spans="14:14">
      <c r="N334260" s="10"/>
    </row>
    <row r="334261" spans="14:14">
      <c r="N334261" s="10"/>
    </row>
    <row r="334262" spans="14:14">
      <c r="N334262" s="10"/>
    </row>
    <row r="334263" spans="14:14">
      <c r="N334263" s="10"/>
    </row>
    <row r="334264" spans="14:14">
      <c r="N334264" s="10"/>
    </row>
    <row r="334265" spans="14:14">
      <c r="N334265" s="10"/>
    </row>
    <row r="334266" spans="14:14">
      <c r="N334266" s="10"/>
    </row>
    <row r="334267" spans="14:14">
      <c r="N334267" s="10"/>
    </row>
    <row r="334268" spans="14:14">
      <c r="N334268" s="10"/>
    </row>
    <row r="334269" spans="14:14">
      <c r="N334269" s="10"/>
    </row>
    <row r="334270" spans="14:14">
      <c r="N334270" s="10"/>
    </row>
    <row r="334271" spans="14:14">
      <c r="N334271" s="10"/>
    </row>
    <row r="334272" spans="14:14">
      <c r="N334272" s="10"/>
    </row>
    <row r="334273" spans="14:14">
      <c r="N334273" s="10"/>
    </row>
    <row r="334274" spans="14:14">
      <c r="N334274" s="10"/>
    </row>
    <row r="334275" spans="14:14">
      <c r="N334275" s="10"/>
    </row>
    <row r="334276" spans="14:14">
      <c r="N334276" s="10"/>
    </row>
    <row r="334277" spans="14:14">
      <c r="N334277" s="10"/>
    </row>
    <row r="334278" spans="14:14">
      <c r="N334278" s="10"/>
    </row>
    <row r="334279" spans="14:14">
      <c r="N334279" s="10"/>
    </row>
    <row r="334280" spans="14:14">
      <c r="N334280" s="10"/>
    </row>
    <row r="334281" spans="14:14">
      <c r="N334281" s="10"/>
    </row>
    <row r="334282" spans="14:14">
      <c r="N334282" s="10"/>
    </row>
    <row r="334283" spans="14:14">
      <c r="N334283" s="10"/>
    </row>
    <row r="334284" spans="14:14">
      <c r="N334284" s="10"/>
    </row>
    <row r="334285" spans="14:14">
      <c r="N334285" s="10"/>
    </row>
    <row r="334286" spans="14:14">
      <c r="N334286" s="10"/>
    </row>
    <row r="334287" spans="14:14">
      <c r="N334287" s="10"/>
    </row>
    <row r="334288" spans="14:14">
      <c r="N334288" s="10"/>
    </row>
    <row r="334289" spans="14:14">
      <c r="N334289" s="10"/>
    </row>
    <row r="334290" spans="14:14">
      <c r="N334290" s="10"/>
    </row>
    <row r="334291" spans="14:14">
      <c r="N334291" s="10"/>
    </row>
    <row r="334292" spans="14:14">
      <c r="N334292" s="10"/>
    </row>
    <row r="334293" spans="14:14">
      <c r="N334293" s="10"/>
    </row>
    <row r="334294" spans="14:14">
      <c r="N334294" s="10"/>
    </row>
    <row r="334295" spans="14:14">
      <c r="N334295" s="10"/>
    </row>
    <row r="334296" spans="14:14">
      <c r="N334296" s="10"/>
    </row>
    <row r="334297" spans="14:14">
      <c r="N334297" s="10"/>
    </row>
    <row r="334298" spans="14:14">
      <c r="N334298" s="10"/>
    </row>
    <row r="334299" spans="14:14">
      <c r="N334299" s="10"/>
    </row>
    <row r="334300" spans="14:14">
      <c r="N334300" s="10"/>
    </row>
    <row r="334301" spans="14:14">
      <c r="N334301" s="10"/>
    </row>
    <row r="334302" spans="14:14">
      <c r="N334302" s="10"/>
    </row>
    <row r="334303" spans="14:14">
      <c r="N334303" s="10"/>
    </row>
    <row r="334304" spans="14:14">
      <c r="N334304" s="10"/>
    </row>
    <row r="334305" spans="14:14">
      <c r="N334305" s="10"/>
    </row>
    <row r="334306" spans="14:14">
      <c r="N334306" s="10"/>
    </row>
    <row r="334307" spans="14:14">
      <c r="N334307" s="10"/>
    </row>
    <row r="334308" spans="14:14">
      <c r="N334308" s="10"/>
    </row>
    <row r="334309" spans="14:14">
      <c r="N334309" s="10"/>
    </row>
    <row r="334310" spans="14:14">
      <c r="N334310" s="10"/>
    </row>
    <row r="334311" spans="14:14">
      <c r="N334311" s="10"/>
    </row>
    <row r="334312" spans="14:14">
      <c r="N334312" s="10"/>
    </row>
    <row r="334313" spans="14:14">
      <c r="N334313" s="10"/>
    </row>
    <row r="334314" spans="14:14">
      <c r="N334314" s="10"/>
    </row>
    <row r="334315" spans="14:14">
      <c r="N334315" s="10"/>
    </row>
    <row r="334316" spans="14:14">
      <c r="N334316" s="10"/>
    </row>
    <row r="334317" spans="14:14">
      <c r="N334317" s="10"/>
    </row>
    <row r="334318" spans="14:14">
      <c r="N334318" s="10"/>
    </row>
    <row r="334319" spans="14:14">
      <c r="N334319" s="10"/>
    </row>
    <row r="334320" spans="14:14">
      <c r="N334320" s="10"/>
    </row>
    <row r="334321" spans="14:14">
      <c r="N334321" s="10"/>
    </row>
    <row r="334322" spans="14:14">
      <c r="N334322" s="10"/>
    </row>
    <row r="334323" spans="14:14">
      <c r="N334323" s="10"/>
    </row>
    <row r="334324" spans="14:14">
      <c r="N334324" s="10"/>
    </row>
    <row r="334325" spans="14:14">
      <c r="N334325" s="10"/>
    </row>
    <row r="334326" spans="14:14">
      <c r="N334326" s="10"/>
    </row>
    <row r="334327" spans="14:14">
      <c r="N334327" s="10"/>
    </row>
    <row r="334328" spans="14:14">
      <c r="N334328" s="10"/>
    </row>
    <row r="334329" spans="14:14">
      <c r="N334329" s="10"/>
    </row>
    <row r="334330" spans="14:14">
      <c r="N334330" s="10"/>
    </row>
    <row r="334331" spans="14:14">
      <c r="N334331" s="10"/>
    </row>
    <row r="334332" spans="14:14">
      <c r="N334332" s="10"/>
    </row>
    <row r="334333" spans="14:14">
      <c r="N334333" s="10"/>
    </row>
    <row r="334334" spans="14:14">
      <c r="N334334" s="10"/>
    </row>
    <row r="334335" spans="14:14">
      <c r="N334335" s="10"/>
    </row>
    <row r="334336" spans="14:14">
      <c r="N334336" s="10"/>
    </row>
    <row r="334337" spans="14:14">
      <c r="N334337" s="10"/>
    </row>
    <row r="334338" spans="14:14">
      <c r="N334338" s="10"/>
    </row>
    <row r="334339" spans="14:14">
      <c r="N334339" s="10"/>
    </row>
    <row r="334340" spans="14:14">
      <c r="N334340" s="10"/>
    </row>
    <row r="334341" spans="14:14">
      <c r="N334341" s="10"/>
    </row>
    <row r="334342" spans="14:14">
      <c r="N334342" s="10"/>
    </row>
    <row r="334343" spans="14:14">
      <c r="N334343" s="10"/>
    </row>
    <row r="334344" spans="14:14">
      <c r="N334344" s="10"/>
    </row>
    <row r="334345" spans="14:14">
      <c r="N334345" s="10"/>
    </row>
    <row r="334346" spans="14:14">
      <c r="N334346" s="10"/>
    </row>
    <row r="334347" spans="14:14">
      <c r="N334347" s="10"/>
    </row>
    <row r="334348" spans="14:14">
      <c r="N334348" s="10"/>
    </row>
    <row r="334349" spans="14:14">
      <c r="N334349" s="10"/>
    </row>
    <row r="334350" spans="14:14">
      <c r="N334350" s="10"/>
    </row>
    <row r="334351" spans="14:14">
      <c r="N334351" s="10"/>
    </row>
    <row r="334352" spans="14:14">
      <c r="N334352" s="10"/>
    </row>
    <row r="334353" spans="14:14">
      <c r="N334353" s="10"/>
    </row>
    <row r="334354" spans="14:14">
      <c r="N334354" s="10"/>
    </row>
    <row r="334355" spans="14:14">
      <c r="N334355" s="10"/>
    </row>
    <row r="334356" spans="14:14">
      <c r="N334356" s="10"/>
    </row>
    <row r="334357" spans="14:14">
      <c r="N334357" s="10"/>
    </row>
    <row r="334358" spans="14:14">
      <c r="N334358" s="10"/>
    </row>
    <row r="334359" spans="14:14">
      <c r="N334359" s="10"/>
    </row>
    <row r="334360" spans="14:14">
      <c r="N334360" s="10"/>
    </row>
    <row r="334361" spans="14:14">
      <c r="N334361" s="10"/>
    </row>
    <row r="334362" spans="14:14">
      <c r="N334362" s="10"/>
    </row>
    <row r="334363" spans="14:14">
      <c r="N334363" s="10"/>
    </row>
    <row r="334364" spans="14:14">
      <c r="N334364" s="10"/>
    </row>
    <row r="334365" spans="14:14">
      <c r="N334365" s="10"/>
    </row>
    <row r="334366" spans="14:14">
      <c r="N334366" s="10"/>
    </row>
    <row r="334367" spans="14:14">
      <c r="N334367" s="10"/>
    </row>
    <row r="334368" spans="14:14">
      <c r="N334368" s="10"/>
    </row>
    <row r="334369" spans="14:14">
      <c r="N334369" s="10"/>
    </row>
    <row r="334370" spans="14:14">
      <c r="N334370" s="10"/>
    </row>
    <row r="334371" spans="14:14">
      <c r="N334371" s="10"/>
    </row>
    <row r="334372" spans="14:14">
      <c r="N334372" s="10"/>
    </row>
    <row r="334373" spans="14:14">
      <c r="N334373" s="10"/>
    </row>
    <row r="334374" spans="14:14">
      <c r="N334374" s="10"/>
    </row>
    <row r="334375" spans="14:14">
      <c r="N334375" s="10"/>
    </row>
    <row r="334376" spans="14:14">
      <c r="N334376" s="10"/>
    </row>
    <row r="334377" spans="14:14">
      <c r="N334377" s="10"/>
    </row>
    <row r="334378" spans="14:14">
      <c r="N334378" s="10"/>
    </row>
    <row r="334379" spans="14:14">
      <c r="N334379" s="10"/>
    </row>
    <row r="334380" spans="14:14">
      <c r="N334380" s="10"/>
    </row>
    <row r="334381" spans="14:14">
      <c r="N334381" s="10"/>
    </row>
    <row r="334382" spans="14:14">
      <c r="N334382" s="10"/>
    </row>
    <row r="334383" spans="14:14">
      <c r="N334383" s="10"/>
    </row>
    <row r="334384" spans="14:14">
      <c r="N334384" s="10"/>
    </row>
    <row r="334385" spans="14:14">
      <c r="N334385" s="10"/>
    </row>
    <row r="334386" spans="14:14">
      <c r="N334386" s="10"/>
    </row>
    <row r="334387" spans="14:14">
      <c r="N334387" s="10"/>
    </row>
    <row r="334388" spans="14:14">
      <c r="N334388" s="10"/>
    </row>
    <row r="334389" spans="14:14">
      <c r="N334389" s="10"/>
    </row>
    <row r="334390" spans="14:14">
      <c r="N334390" s="10"/>
    </row>
    <row r="334391" spans="14:14">
      <c r="N334391" s="10"/>
    </row>
    <row r="334392" spans="14:14">
      <c r="N334392" s="10"/>
    </row>
    <row r="334393" spans="14:14">
      <c r="N334393" s="10"/>
    </row>
    <row r="334394" spans="14:14">
      <c r="N334394" s="10"/>
    </row>
    <row r="334395" spans="14:14">
      <c r="N334395" s="10"/>
    </row>
    <row r="334396" spans="14:14">
      <c r="N334396" s="10"/>
    </row>
    <row r="334397" spans="14:14">
      <c r="N334397" s="10"/>
    </row>
    <row r="334398" spans="14:14">
      <c r="N334398" s="10"/>
    </row>
    <row r="334399" spans="14:14">
      <c r="N334399" s="10"/>
    </row>
    <row r="334400" spans="14:14">
      <c r="N334400" s="10"/>
    </row>
    <row r="334401" spans="14:14">
      <c r="N334401" s="10"/>
    </row>
    <row r="334402" spans="14:14">
      <c r="N334402" s="10"/>
    </row>
    <row r="334403" spans="14:14">
      <c r="N334403" s="10"/>
    </row>
    <row r="334404" spans="14:14">
      <c r="N334404" s="10"/>
    </row>
    <row r="334405" spans="14:14">
      <c r="N334405" s="10"/>
    </row>
    <row r="334406" spans="14:14">
      <c r="N334406" s="10"/>
    </row>
    <row r="334407" spans="14:14">
      <c r="N334407" s="10"/>
    </row>
    <row r="334408" spans="14:14">
      <c r="N334408" s="10"/>
    </row>
    <row r="334409" spans="14:14">
      <c r="N334409" s="10"/>
    </row>
    <row r="334410" spans="14:14">
      <c r="N334410" s="10"/>
    </row>
    <row r="334411" spans="14:14">
      <c r="N334411" s="10"/>
    </row>
    <row r="334412" spans="14:14">
      <c r="N334412" s="10"/>
    </row>
    <row r="334413" spans="14:14">
      <c r="N334413" s="10"/>
    </row>
    <row r="334414" spans="14:14">
      <c r="N334414" s="10"/>
    </row>
    <row r="334415" spans="14:14">
      <c r="N334415" s="10"/>
    </row>
    <row r="334416" spans="14:14">
      <c r="N334416" s="10"/>
    </row>
    <row r="334417" spans="14:14">
      <c r="N334417" s="10"/>
    </row>
    <row r="334418" spans="14:14">
      <c r="N334418" s="10"/>
    </row>
    <row r="334419" spans="14:14">
      <c r="N334419" s="10"/>
    </row>
    <row r="334420" spans="14:14">
      <c r="N334420" s="10"/>
    </row>
    <row r="334421" spans="14:14">
      <c r="N334421" s="10"/>
    </row>
    <row r="334422" spans="14:14">
      <c r="N334422" s="10"/>
    </row>
    <row r="334423" spans="14:14">
      <c r="N334423" s="10"/>
    </row>
    <row r="334424" spans="14:14">
      <c r="N334424" s="10"/>
    </row>
    <row r="334425" spans="14:14">
      <c r="N334425" s="10"/>
    </row>
    <row r="334426" spans="14:14">
      <c r="N334426" s="10"/>
    </row>
    <row r="334427" spans="14:14">
      <c r="N334427" s="10"/>
    </row>
    <row r="334428" spans="14:14">
      <c r="N334428" s="10"/>
    </row>
    <row r="334429" spans="14:14">
      <c r="N334429" s="10"/>
    </row>
    <row r="334430" spans="14:14">
      <c r="N334430" s="10"/>
    </row>
    <row r="334431" spans="14:14">
      <c r="N334431" s="10"/>
    </row>
    <row r="334432" spans="14:14">
      <c r="N334432" s="10"/>
    </row>
    <row r="334433" spans="14:14">
      <c r="N334433" s="10"/>
    </row>
    <row r="334434" spans="14:14">
      <c r="N334434" s="10"/>
    </row>
    <row r="334435" spans="14:14">
      <c r="N334435" s="10"/>
    </row>
    <row r="334436" spans="14:14">
      <c r="N334436" s="10"/>
    </row>
    <row r="334437" spans="14:14">
      <c r="N334437" s="10"/>
    </row>
    <row r="334438" spans="14:14">
      <c r="N334438" s="10"/>
    </row>
    <row r="334439" spans="14:14">
      <c r="N334439" s="10"/>
    </row>
    <row r="334440" spans="14:14">
      <c r="N334440" s="10"/>
    </row>
    <row r="334441" spans="14:14">
      <c r="N334441" s="10"/>
    </row>
    <row r="334442" spans="14:14">
      <c r="N334442" s="10"/>
    </row>
    <row r="334443" spans="14:14">
      <c r="N334443" s="10"/>
    </row>
    <row r="334444" spans="14:14">
      <c r="N334444" s="10"/>
    </row>
    <row r="334445" spans="14:14">
      <c r="N334445" s="10"/>
    </row>
    <row r="334446" spans="14:14">
      <c r="N334446" s="10"/>
    </row>
    <row r="334447" spans="14:14">
      <c r="N334447" s="10"/>
    </row>
    <row r="334448" spans="14:14">
      <c r="N334448" s="10"/>
    </row>
    <row r="334449" spans="14:14">
      <c r="N334449" s="10"/>
    </row>
    <row r="334450" spans="14:14">
      <c r="N334450" s="10"/>
    </row>
    <row r="334451" spans="14:14">
      <c r="N334451" s="10"/>
    </row>
    <row r="334452" spans="14:14">
      <c r="N334452" s="10"/>
    </row>
    <row r="334453" spans="14:14">
      <c r="N334453" s="10"/>
    </row>
    <row r="334454" spans="14:14">
      <c r="N334454" s="10"/>
    </row>
    <row r="334455" spans="14:14">
      <c r="N334455" s="10"/>
    </row>
    <row r="334456" spans="14:14">
      <c r="N334456" s="10"/>
    </row>
    <row r="334457" spans="14:14">
      <c r="N334457" s="10"/>
    </row>
    <row r="334458" spans="14:14">
      <c r="N334458" s="10"/>
    </row>
    <row r="334459" spans="14:14">
      <c r="N334459" s="10"/>
    </row>
    <row r="334460" spans="14:14">
      <c r="N334460" s="10"/>
    </row>
    <row r="334461" spans="14:14">
      <c r="N334461" s="10"/>
    </row>
    <row r="334462" spans="14:14">
      <c r="N334462" s="10"/>
    </row>
    <row r="334463" spans="14:14">
      <c r="N334463" s="10"/>
    </row>
    <row r="334464" spans="14:14">
      <c r="N334464" s="10"/>
    </row>
    <row r="334465" spans="14:14">
      <c r="N334465" s="10"/>
    </row>
    <row r="334466" spans="14:14">
      <c r="N334466" s="10"/>
    </row>
    <row r="334467" spans="14:14">
      <c r="N334467" s="10"/>
    </row>
    <row r="334468" spans="14:14">
      <c r="N334468" s="10"/>
    </row>
    <row r="334469" spans="14:14">
      <c r="N334469" s="10"/>
    </row>
    <row r="334470" spans="14:14">
      <c r="N334470" s="10"/>
    </row>
    <row r="334471" spans="14:14">
      <c r="N334471" s="10"/>
    </row>
    <row r="334472" spans="14:14">
      <c r="N334472" s="10"/>
    </row>
    <row r="334473" spans="14:14">
      <c r="N334473" s="10"/>
    </row>
    <row r="334474" spans="14:14">
      <c r="N334474" s="10"/>
    </row>
    <row r="334475" spans="14:14">
      <c r="N334475" s="10"/>
    </row>
    <row r="334476" spans="14:14">
      <c r="N334476" s="10"/>
    </row>
    <row r="334477" spans="14:14">
      <c r="N334477" s="10"/>
    </row>
    <row r="334478" spans="14:14">
      <c r="N334478" s="10"/>
    </row>
    <row r="334479" spans="14:14">
      <c r="N334479" s="10"/>
    </row>
    <row r="334480" spans="14:14">
      <c r="N334480" s="10"/>
    </row>
    <row r="334481" spans="14:14">
      <c r="N334481" s="10"/>
    </row>
    <row r="334482" spans="14:14">
      <c r="N334482" s="10"/>
    </row>
    <row r="334483" spans="14:14">
      <c r="N334483" s="10"/>
    </row>
    <row r="334484" spans="14:14">
      <c r="N334484" s="10"/>
    </row>
    <row r="334485" spans="14:14">
      <c r="N334485" s="10"/>
    </row>
    <row r="334486" spans="14:14">
      <c r="N334486" s="10"/>
    </row>
    <row r="334487" spans="14:14">
      <c r="N334487" s="10"/>
    </row>
    <row r="334488" spans="14:14">
      <c r="N334488" s="10"/>
    </row>
    <row r="334489" spans="14:14">
      <c r="N334489" s="10"/>
    </row>
    <row r="334490" spans="14:14">
      <c r="N334490" s="10"/>
    </row>
    <row r="334491" spans="14:14">
      <c r="N334491" s="10"/>
    </row>
    <row r="334492" spans="14:14">
      <c r="N334492" s="10"/>
    </row>
    <row r="334493" spans="14:14">
      <c r="N334493" s="10"/>
    </row>
    <row r="334494" spans="14:14">
      <c r="N334494" s="10"/>
    </row>
    <row r="334495" spans="14:14">
      <c r="N334495" s="10"/>
    </row>
    <row r="334496" spans="14:14">
      <c r="N334496" s="10"/>
    </row>
    <row r="334497" spans="14:14">
      <c r="N334497" s="10"/>
    </row>
    <row r="334498" spans="14:14">
      <c r="N334498" s="10"/>
    </row>
    <row r="334499" spans="14:14">
      <c r="N334499" s="10"/>
    </row>
    <row r="334500" spans="14:14">
      <c r="N334500" s="10"/>
    </row>
    <row r="334501" spans="14:14">
      <c r="N334501" s="10"/>
    </row>
    <row r="334502" spans="14:14">
      <c r="N334502" s="10"/>
    </row>
    <row r="334503" spans="14:14">
      <c r="N334503" s="10"/>
    </row>
    <row r="334504" spans="14:14">
      <c r="N334504" s="10"/>
    </row>
    <row r="334505" spans="14:14">
      <c r="N334505" s="10"/>
    </row>
    <row r="334506" spans="14:14">
      <c r="N334506" s="10"/>
    </row>
    <row r="334507" spans="14:14">
      <c r="N334507" s="10"/>
    </row>
    <row r="334508" spans="14:14">
      <c r="N334508" s="10"/>
    </row>
    <row r="334509" spans="14:14">
      <c r="N334509" s="10"/>
    </row>
    <row r="334510" spans="14:14">
      <c r="N334510" s="10"/>
    </row>
    <row r="334511" spans="14:14">
      <c r="N334511" s="10"/>
    </row>
    <row r="334512" spans="14:14">
      <c r="N334512" s="10"/>
    </row>
    <row r="334513" spans="14:14">
      <c r="N334513" s="10"/>
    </row>
    <row r="334514" spans="14:14">
      <c r="N334514" s="10"/>
    </row>
    <row r="334515" spans="14:14">
      <c r="N334515" s="10"/>
    </row>
    <row r="334516" spans="14:14">
      <c r="N334516" s="10"/>
    </row>
    <row r="334517" spans="14:14">
      <c r="N334517" s="10"/>
    </row>
    <row r="334518" spans="14:14">
      <c r="N334518" s="10"/>
    </row>
    <row r="334519" spans="14:14">
      <c r="N334519" s="10"/>
    </row>
    <row r="334520" spans="14:14">
      <c r="N334520" s="10"/>
    </row>
    <row r="334521" spans="14:14">
      <c r="N334521" s="10"/>
    </row>
    <row r="334522" spans="14:14">
      <c r="N334522" s="10"/>
    </row>
    <row r="334523" spans="14:14">
      <c r="N334523" s="10"/>
    </row>
    <row r="334524" spans="14:14">
      <c r="N334524" s="10"/>
    </row>
    <row r="334525" spans="14:14">
      <c r="N334525" s="10"/>
    </row>
    <row r="334526" spans="14:14">
      <c r="N334526" s="10"/>
    </row>
    <row r="334527" spans="14:14">
      <c r="N334527" s="10"/>
    </row>
    <row r="334528" spans="14:14">
      <c r="N334528" s="10"/>
    </row>
    <row r="334529" spans="14:14">
      <c r="N334529" s="10"/>
    </row>
    <row r="334530" spans="14:14">
      <c r="N334530" s="10"/>
    </row>
    <row r="334531" spans="14:14">
      <c r="N334531" s="10"/>
    </row>
    <row r="334532" spans="14:14">
      <c r="N334532" s="10"/>
    </row>
    <row r="334533" spans="14:14">
      <c r="N334533" s="10"/>
    </row>
    <row r="334534" spans="14:14">
      <c r="N334534" s="10"/>
    </row>
    <row r="334535" spans="14:14">
      <c r="N334535" s="10"/>
    </row>
    <row r="334536" spans="14:14">
      <c r="N334536" s="10"/>
    </row>
    <row r="334537" spans="14:14">
      <c r="N334537" s="10"/>
    </row>
    <row r="334538" spans="14:14">
      <c r="N334538" s="10"/>
    </row>
    <row r="334539" spans="14:14">
      <c r="N334539" s="10"/>
    </row>
    <row r="334540" spans="14:14">
      <c r="N334540" s="10"/>
    </row>
    <row r="334541" spans="14:14">
      <c r="N334541" s="10"/>
    </row>
    <row r="334542" spans="14:14">
      <c r="N334542" s="10"/>
    </row>
    <row r="334543" spans="14:14">
      <c r="N334543" s="10"/>
    </row>
    <row r="334544" spans="14:14">
      <c r="N334544" s="10"/>
    </row>
    <row r="334545" spans="14:14">
      <c r="N334545" s="10"/>
    </row>
    <row r="334546" spans="14:14">
      <c r="N334546" s="10"/>
    </row>
    <row r="334547" spans="14:14">
      <c r="N334547" s="10"/>
    </row>
    <row r="334548" spans="14:14">
      <c r="N334548" s="10"/>
    </row>
    <row r="334549" spans="14:14">
      <c r="N334549" s="10"/>
    </row>
    <row r="334550" spans="14:14">
      <c r="N334550" s="10"/>
    </row>
    <row r="334551" spans="14:14">
      <c r="N334551" s="10"/>
    </row>
    <row r="334552" spans="14:14">
      <c r="N334552" s="10"/>
    </row>
    <row r="334553" spans="14:14">
      <c r="N334553" s="10"/>
    </row>
    <row r="334554" spans="14:14">
      <c r="N334554" s="10"/>
    </row>
    <row r="334555" spans="14:14">
      <c r="N334555" s="10"/>
    </row>
    <row r="334556" spans="14:14">
      <c r="N334556" s="10"/>
    </row>
    <row r="334557" spans="14:14">
      <c r="N334557" s="10"/>
    </row>
    <row r="334558" spans="14:14">
      <c r="N334558" s="10"/>
    </row>
    <row r="334559" spans="14:14">
      <c r="N334559" s="10"/>
    </row>
    <row r="334560" spans="14:14">
      <c r="N334560" s="10"/>
    </row>
    <row r="334561" spans="14:14">
      <c r="N334561" s="10"/>
    </row>
    <row r="334562" spans="14:14">
      <c r="N334562" s="10"/>
    </row>
    <row r="334563" spans="14:14">
      <c r="N334563" s="10"/>
    </row>
    <row r="334564" spans="14:14">
      <c r="N334564" s="10"/>
    </row>
    <row r="334565" spans="14:14">
      <c r="N334565" s="10"/>
    </row>
    <row r="334566" spans="14:14">
      <c r="N334566" s="10"/>
    </row>
    <row r="334567" spans="14:14">
      <c r="N334567" s="10"/>
    </row>
    <row r="334568" spans="14:14">
      <c r="N334568" s="10"/>
    </row>
    <row r="334569" spans="14:14">
      <c r="N334569" s="10"/>
    </row>
    <row r="334570" spans="14:14">
      <c r="N334570" s="10"/>
    </row>
    <row r="334571" spans="14:14">
      <c r="N334571" s="10"/>
    </row>
    <row r="334572" spans="14:14">
      <c r="N334572" s="10"/>
    </row>
    <row r="334573" spans="14:14">
      <c r="N334573" s="10"/>
    </row>
    <row r="334574" spans="14:14">
      <c r="N334574" s="10"/>
    </row>
    <row r="334575" spans="14:14">
      <c r="N334575" s="10"/>
    </row>
    <row r="334576" spans="14:14">
      <c r="N334576" s="10"/>
    </row>
    <row r="334577" spans="14:14">
      <c r="N334577" s="10"/>
    </row>
    <row r="334578" spans="14:14">
      <c r="N334578" s="10"/>
    </row>
    <row r="334579" spans="14:14">
      <c r="N334579" s="10"/>
    </row>
    <row r="334580" spans="14:14">
      <c r="N334580" s="10"/>
    </row>
    <row r="334581" spans="14:14">
      <c r="N334581" s="10"/>
    </row>
    <row r="334582" spans="14:14">
      <c r="N334582" s="10"/>
    </row>
    <row r="334583" spans="14:14">
      <c r="N334583" s="10"/>
    </row>
    <row r="334584" spans="14:14">
      <c r="N334584" s="10"/>
    </row>
    <row r="334585" spans="14:14">
      <c r="N334585" s="10"/>
    </row>
    <row r="334586" spans="14:14">
      <c r="N334586" s="10"/>
    </row>
    <row r="334587" spans="14:14">
      <c r="N334587" s="10"/>
    </row>
    <row r="334588" spans="14:14">
      <c r="N334588" s="10"/>
    </row>
    <row r="334589" spans="14:14">
      <c r="N334589" s="10"/>
    </row>
    <row r="334590" spans="14:14">
      <c r="N334590" s="10"/>
    </row>
    <row r="334591" spans="14:14">
      <c r="N334591" s="10"/>
    </row>
    <row r="334592" spans="14:14">
      <c r="N334592" s="10"/>
    </row>
    <row r="334593" spans="14:14">
      <c r="N334593" s="10"/>
    </row>
    <row r="334594" spans="14:14">
      <c r="N334594" s="10"/>
    </row>
    <row r="334595" spans="14:14">
      <c r="N334595" s="10"/>
    </row>
    <row r="334596" spans="14:14">
      <c r="N334596" s="10"/>
    </row>
    <row r="334597" spans="14:14">
      <c r="N334597" s="10"/>
    </row>
    <row r="334598" spans="14:14">
      <c r="N334598" s="10"/>
    </row>
    <row r="334599" spans="14:14">
      <c r="N334599" s="10"/>
    </row>
    <row r="334600" spans="14:14">
      <c r="N334600" s="10"/>
    </row>
    <row r="334601" spans="14:14">
      <c r="N334601" s="10"/>
    </row>
    <row r="334602" spans="14:14">
      <c r="N334602" s="10"/>
    </row>
    <row r="334603" spans="14:14">
      <c r="N334603" s="10"/>
    </row>
    <row r="334604" spans="14:14">
      <c r="N334604" s="10"/>
    </row>
    <row r="334605" spans="14:14">
      <c r="N334605" s="10"/>
    </row>
    <row r="334606" spans="14:14">
      <c r="N334606" s="10"/>
    </row>
    <row r="334607" spans="14:14">
      <c r="N334607" s="10"/>
    </row>
    <row r="334608" spans="14:14">
      <c r="N334608" s="10"/>
    </row>
    <row r="334609" spans="14:14">
      <c r="N334609" s="10"/>
    </row>
    <row r="334610" spans="14:14">
      <c r="N334610" s="10"/>
    </row>
    <row r="334611" spans="14:14">
      <c r="N334611" s="10"/>
    </row>
    <row r="334612" spans="14:14">
      <c r="N334612" s="10"/>
    </row>
    <row r="334613" spans="14:14">
      <c r="N334613" s="10"/>
    </row>
    <row r="334614" spans="14:14">
      <c r="N334614" s="10"/>
    </row>
    <row r="334615" spans="14:14">
      <c r="N334615" s="10"/>
    </row>
    <row r="334616" spans="14:14">
      <c r="N334616" s="10"/>
    </row>
    <row r="334617" spans="14:14">
      <c r="N334617" s="10"/>
    </row>
    <row r="334618" spans="14:14">
      <c r="N334618" s="10"/>
    </row>
    <row r="334619" spans="14:14">
      <c r="N334619" s="10"/>
    </row>
    <row r="334620" spans="14:14">
      <c r="N334620" s="10"/>
    </row>
    <row r="334621" spans="14:14">
      <c r="N334621" s="10"/>
    </row>
    <row r="334622" spans="14:14">
      <c r="N334622" s="10"/>
    </row>
    <row r="334623" spans="14:14">
      <c r="N334623" s="10"/>
    </row>
    <row r="334624" spans="14:14">
      <c r="N334624" s="10"/>
    </row>
    <row r="334625" spans="14:14">
      <c r="N334625" s="10"/>
    </row>
    <row r="334626" spans="14:14">
      <c r="N334626" s="10"/>
    </row>
    <row r="334627" spans="14:14">
      <c r="N334627" s="10"/>
    </row>
    <row r="334628" spans="14:14">
      <c r="N334628" s="10"/>
    </row>
    <row r="334629" spans="14:14">
      <c r="N334629" s="10"/>
    </row>
    <row r="334630" spans="14:14">
      <c r="N334630" s="10"/>
    </row>
    <row r="334631" spans="14:14">
      <c r="N334631" s="10"/>
    </row>
    <row r="334632" spans="14:14">
      <c r="N334632" s="10"/>
    </row>
    <row r="334633" spans="14:14">
      <c r="N334633" s="10"/>
    </row>
    <row r="334634" spans="14:14">
      <c r="N334634" s="10"/>
    </row>
    <row r="334635" spans="14:14">
      <c r="N334635" s="10"/>
    </row>
    <row r="334636" spans="14:14">
      <c r="N334636" s="10"/>
    </row>
    <row r="334637" spans="14:14">
      <c r="N334637" s="10"/>
    </row>
    <row r="334638" spans="14:14">
      <c r="N334638" s="10"/>
    </row>
    <row r="334639" spans="14:14">
      <c r="N334639" s="10"/>
    </row>
    <row r="334640" spans="14:14">
      <c r="N334640" s="10"/>
    </row>
    <row r="334641" spans="14:14">
      <c r="N334641" s="10"/>
    </row>
    <row r="334642" spans="14:14">
      <c r="N334642" s="10"/>
    </row>
    <row r="334643" spans="14:14">
      <c r="N334643" s="10"/>
    </row>
    <row r="334644" spans="14:14">
      <c r="N334644" s="10"/>
    </row>
    <row r="334645" spans="14:14">
      <c r="N334645" s="10"/>
    </row>
    <row r="334646" spans="14:14">
      <c r="N334646" s="10"/>
    </row>
    <row r="334647" spans="14:14">
      <c r="N334647" s="10"/>
    </row>
    <row r="334648" spans="14:14">
      <c r="N334648" s="10"/>
    </row>
    <row r="334649" spans="14:14">
      <c r="N334649" s="10"/>
    </row>
    <row r="334650" spans="14:14">
      <c r="N334650" s="10"/>
    </row>
    <row r="334651" spans="14:14">
      <c r="N334651" s="10"/>
    </row>
    <row r="334652" spans="14:14">
      <c r="N334652" s="10"/>
    </row>
    <row r="334653" spans="14:14">
      <c r="N334653" s="10"/>
    </row>
    <row r="334654" spans="14:14">
      <c r="N334654" s="10"/>
    </row>
    <row r="334655" spans="14:14">
      <c r="N334655" s="10"/>
    </row>
    <row r="334656" spans="14:14">
      <c r="N334656" s="10"/>
    </row>
    <row r="334657" spans="14:14">
      <c r="N334657" s="10"/>
    </row>
    <row r="334658" spans="14:14">
      <c r="N334658" s="10"/>
    </row>
    <row r="334659" spans="14:14">
      <c r="N334659" s="10"/>
    </row>
    <row r="334660" spans="14:14">
      <c r="N334660" s="10"/>
    </row>
    <row r="334661" spans="14:14">
      <c r="N334661" s="10"/>
    </row>
    <row r="334662" spans="14:14">
      <c r="N334662" s="10"/>
    </row>
    <row r="334663" spans="14:14">
      <c r="N334663" s="10"/>
    </row>
    <row r="334664" spans="14:14">
      <c r="N334664" s="10"/>
    </row>
    <row r="334665" spans="14:14">
      <c r="N334665" s="10"/>
    </row>
    <row r="334666" spans="14:14">
      <c r="N334666" s="10"/>
    </row>
    <row r="334667" spans="14:14">
      <c r="N334667" s="10"/>
    </row>
    <row r="334668" spans="14:14">
      <c r="N334668" s="10"/>
    </row>
    <row r="334669" spans="14:14">
      <c r="N334669" s="10"/>
    </row>
    <row r="334670" spans="14:14">
      <c r="N334670" s="10"/>
    </row>
    <row r="334671" spans="14:14">
      <c r="N334671" s="10"/>
    </row>
    <row r="334672" spans="14:14">
      <c r="N334672" s="10"/>
    </row>
    <row r="334673" spans="14:14">
      <c r="N334673" s="10"/>
    </row>
    <row r="334674" spans="14:14">
      <c r="N334674" s="10"/>
    </row>
    <row r="334675" spans="14:14">
      <c r="N334675" s="10"/>
    </row>
    <row r="334676" spans="14:14">
      <c r="N334676" s="10"/>
    </row>
    <row r="334677" spans="14:14">
      <c r="N334677" s="10"/>
    </row>
    <row r="334678" spans="14:14">
      <c r="N334678" s="10"/>
    </row>
    <row r="334679" spans="14:14">
      <c r="N334679" s="10"/>
    </row>
    <row r="334680" spans="14:14">
      <c r="N334680" s="10"/>
    </row>
    <row r="334681" spans="14:14">
      <c r="N334681" s="10"/>
    </row>
    <row r="334682" spans="14:14">
      <c r="N334682" s="10"/>
    </row>
    <row r="334683" spans="14:14">
      <c r="N334683" s="10"/>
    </row>
    <row r="334684" spans="14:14">
      <c r="N334684" s="10"/>
    </row>
    <row r="334685" spans="14:14">
      <c r="N334685" s="10"/>
    </row>
    <row r="334686" spans="14:14">
      <c r="N334686" s="10"/>
    </row>
    <row r="334687" spans="14:14">
      <c r="N334687" s="10"/>
    </row>
    <row r="334688" spans="14:14">
      <c r="N334688" s="10"/>
    </row>
    <row r="334689" spans="14:14">
      <c r="N334689" s="10"/>
    </row>
    <row r="334690" spans="14:14">
      <c r="N334690" s="10"/>
    </row>
    <row r="334691" spans="14:14">
      <c r="N334691" s="10"/>
    </row>
    <row r="334692" spans="14:14">
      <c r="N334692" s="10"/>
    </row>
    <row r="334693" spans="14:14">
      <c r="N334693" s="10"/>
    </row>
    <row r="334694" spans="14:14">
      <c r="N334694" s="10"/>
    </row>
    <row r="334695" spans="14:14">
      <c r="N334695" s="10"/>
    </row>
    <row r="334696" spans="14:14">
      <c r="N334696" s="10"/>
    </row>
    <row r="334697" spans="14:14">
      <c r="N334697" s="10"/>
    </row>
    <row r="334698" spans="14:14">
      <c r="N334698" s="10"/>
    </row>
    <row r="334699" spans="14:14">
      <c r="N334699" s="10"/>
    </row>
    <row r="334700" spans="14:14">
      <c r="N334700" s="10"/>
    </row>
    <row r="334701" spans="14:14">
      <c r="N334701" s="10"/>
    </row>
    <row r="334702" spans="14:14">
      <c r="N334702" s="10"/>
    </row>
    <row r="334703" spans="14:14">
      <c r="N334703" s="10"/>
    </row>
    <row r="334704" spans="14:14">
      <c r="N334704" s="10"/>
    </row>
    <row r="334705" spans="14:14">
      <c r="N334705" s="10"/>
    </row>
    <row r="334706" spans="14:14">
      <c r="N334706" s="10"/>
    </row>
    <row r="334707" spans="14:14">
      <c r="N334707" s="10"/>
    </row>
    <row r="334708" spans="14:14">
      <c r="N334708" s="10"/>
    </row>
    <row r="334709" spans="14:14">
      <c r="N334709" s="10"/>
    </row>
    <row r="334710" spans="14:14">
      <c r="N334710" s="10"/>
    </row>
    <row r="334711" spans="14:14">
      <c r="N334711" s="10"/>
    </row>
    <row r="334712" spans="14:14">
      <c r="N334712" s="10"/>
    </row>
    <row r="334713" spans="14:14">
      <c r="N334713" s="10"/>
    </row>
    <row r="334714" spans="14:14">
      <c r="N334714" s="10"/>
    </row>
    <row r="334715" spans="14:14">
      <c r="N334715" s="10"/>
    </row>
    <row r="334716" spans="14:14">
      <c r="N334716" s="10"/>
    </row>
    <row r="334717" spans="14:14">
      <c r="N334717" s="10"/>
    </row>
    <row r="334718" spans="14:14">
      <c r="N334718" s="10"/>
    </row>
    <row r="334719" spans="14:14">
      <c r="N334719" s="10"/>
    </row>
    <row r="334720" spans="14:14">
      <c r="N334720" s="10"/>
    </row>
    <row r="334721" spans="14:14">
      <c r="N334721" s="10"/>
    </row>
    <row r="334722" spans="14:14">
      <c r="N334722" s="10"/>
    </row>
    <row r="334723" spans="14:14">
      <c r="N334723" s="10"/>
    </row>
    <row r="334724" spans="14:14">
      <c r="N334724" s="10"/>
    </row>
    <row r="334725" spans="14:14">
      <c r="N334725" s="10"/>
    </row>
    <row r="334726" spans="14:14">
      <c r="N334726" s="10"/>
    </row>
    <row r="334727" spans="14:14">
      <c r="N334727" s="10"/>
    </row>
    <row r="334728" spans="14:14">
      <c r="N334728" s="10"/>
    </row>
    <row r="334729" spans="14:14">
      <c r="N334729" s="10"/>
    </row>
    <row r="334730" spans="14:14">
      <c r="N334730" s="10"/>
    </row>
    <row r="334731" spans="14:14">
      <c r="N334731" s="10"/>
    </row>
    <row r="334732" spans="14:14">
      <c r="N334732" s="10"/>
    </row>
    <row r="334733" spans="14:14">
      <c r="N334733" s="10"/>
    </row>
    <row r="334734" spans="14:14">
      <c r="N334734" s="10"/>
    </row>
    <row r="334735" spans="14:14">
      <c r="N334735" s="10"/>
    </row>
    <row r="334736" spans="14:14">
      <c r="N334736" s="10"/>
    </row>
    <row r="334737" spans="14:14">
      <c r="N334737" s="10"/>
    </row>
    <row r="334738" spans="14:14">
      <c r="N334738" s="10"/>
    </row>
    <row r="334739" spans="14:14">
      <c r="N334739" s="10"/>
    </row>
    <row r="334740" spans="14:14">
      <c r="N334740" s="10"/>
    </row>
    <row r="334741" spans="14:14">
      <c r="N334741" s="10"/>
    </row>
    <row r="334742" spans="14:14">
      <c r="N334742" s="10"/>
    </row>
    <row r="334743" spans="14:14">
      <c r="N334743" s="10"/>
    </row>
    <row r="334744" spans="14:14">
      <c r="N334744" s="10"/>
    </row>
    <row r="334745" spans="14:14">
      <c r="N334745" s="10"/>
    </row>
    <row r="334746" spans="14:14">
      <c r="N334746" s="10"/>
    </row>
    <row r="334747" spans="14:14">
      <c r="N334747" s="10"/>
    </row>
    <row r="334748" spans="14:14">
      <c r="N334748" s="10"/>
    </row>
    <row r="334749" spans="14:14">
      <c r="N334749" s="10"/>
    </row>
    <row r="334750" spans="14:14">
      <c r="N334750" s="10"/>
    </row>
    <row r="334751" spans="14:14">
      <c r="N334751" s="10"/>
    </row>
    <row r="334752" spans="14:14">
      <c r="N334752" s="10"/>
    </row>
    <row r="334753" spans="14:14">
      <c r="N334753" s="10"/>
    </row>
    <row r="334754" spans="14:14">
      <c r="N334754" s="10"/>
    </row>
    <row r="334755" spans="14:14">
      <c r="N334755" s="10"/>
    </row>
    <row r="334756" spans="14:14">
      <c r="N334756" s="10"/>
    </row>
    <row r="334757" spans="14:14">
      <c r="N334757" s="10"/>
    </row>
    <row r="334758" spans="14:14">
      <c r="N334758" s="10"/>
    </row>
    <row r="334759" spans="14:14">
      <c r="N334759" s="10"/>
    </row>
    <row r="334760" spans="14:14">
      <c r="N334760" s="10"/>
    </row>
    <row r="334761" spans="14:14">
      <c r="N334761" s="10"/>
    </row>
    <row r="334762" spans="14:14">
      <c r="N334762" s="10"/>
    </row>
    <row r="334763" spans="14:14">
      <c r="N334763" s="10"/>
    </row>
    <row r="334764" spans="14:14">
      <c r="N334764" s="10"/>
    </row>
    <row r="334765" spans="14:14">
      <c r="N334765" s="10"/>
    </row>
    <row r="334766" spans="14:14">
      <c r="N334766" s="10"/>
    </row>
    <row r="334767" spans="14:14">
      <c r="N334767" s="10"/>
    </row>
    <row r="334768" spans="14:14">
      <c r="N334768" s="10"/>
    </row>
    <row r="334769" spans="14:14">
      <c r="N334769" s="10"/>
    </row>
    <row r="334770" spans="14:14">
      <c r="N334770" s="10"/>
    </row>
    <row r="334771" spans="14:14">
      <c r="N334771" s="10"/>
    </row>
    <row r="334772" spans="14:14">
      <c r="N334772" s="10"/>
    </row>
    <row r="334773" spans="14:14">
      <c r="N334773" s="10"/>
    </row>
    <row r="334774" spans="14:14">
      <c r="N334774" s="10"/>
    </row>
    <row r="334775" spans="14:14">
      <c r="N334775" s="10"/>
    </row>
    <row r="334776" spans="14:14">
      <c r="N334776" s="10"/>
    </row>
    <row r="334777" spans="14:14">
      <c r="N334777" s="10"/>
    </row>
    <row r="334778" spans="14:14">
      <c r="N334778" s="10"/>
    </row>
    <row r="334779" spans="14:14">
      <c r="N334779" s="10"/>
    </row>
    <row r="334780" spans="14:14">
      <c r="N334780" s="10"/>
    </row>
    <row r="334781" spans="14:14">
      <c r="N334781" s="10"/>
    </row>
    <row r="334782" spans="14:14">
      <c r="N334782" s="10"/>
    </row>
    <row r="334783" spans="14:14">
      <c r="N334783" s="10"/>
    </row>
    <row r="334784" spans="14:14">
      <c r="N334784" s="10"/>
    </row>
    <row r="334785" spans="14:14">
      <c r="N334785" s="10"/>
    </row>
    <row r="334786" spans="14:14">
      <c r="N334786" s="10"/>
    </row>
    <row r="334787" spans="14:14">
      <c r="N334787" s="10"/>
    </row>
    <row r="334788" spans="14:14">
      <c r="N334788" s="10"/>
    </row>
    <row r="334789" spans="14:14">
      <c r="N334789" s="10"/>
    </row>
    <row r="334790" spans="14:14">
      <c r="N334790" s="10"/>
    </row>
    <row r="334791" spans="14:14">
      <c r="N334791" s="10"/>
    </row>
    <row r="334792" spans="14:14">
      <c r="N334792" s="10"/>
    </row>
    <row r="334793" spans="14:14">
      <c r="N334793" s="10"/>
    </row>
    <row r="334794" spans="14:14">
      <c r="N334794" s="10"/>
    </row>
    <row r="334795" spans="14:14">
      <c r="N334795" s="10"/>
    </row>
    <row r="334796" spans="14:14">
      <c r="N334796" s="10"/>
    </row>
    <row r="334797" spans="14:14">
      <c r="N334797" s="10"/>
    </row>
    <row r="334798" spans="14:14">
      <c r="N334798" s="10"/>
    </row>
    <row r="334799" spans="14:14">
      <c r="N334799" s="10"/>
    </row>
    <row r="334800" spans="14:14">
      <c r="N334800" s="10"/>
    </row>
    <row r="334801" spans="14:14">
      <c r="N334801" s="10"/>
    </row>
    <row r="334802" spans="14:14">
      <c r="N334802" s="10"/>
    </row>
    <row r="334803" spans="14:14">
      <c r="N334803" s="10"/>
    </row>
    <row r="334804" spans="14:14">
      <c r="N334804" s="10"/>
    </row>
    <row r="334805" spans="14:14">
      <c r="N334805" s="10"/>
    </row>
    <row r="334806" spans="14:14">
      <c r="N334806" s="10"/>
    </row>
    <row r="334807" spans="14:14">
      <c r="N334807" s="10"/>
    </row>
    <row r="334808" spans="14:14">
      <c r="N334808" s="10"/>
    </row>
    <row r="334809" spans="14:14">
      <c r="N334809" s="10"/>
    </row>
    <row r="334810" spans="14:14">
      <c r="N334810" s="10"/>
    </row>
    <row r="334811" spans="14:14">
      <c r="N334811" s="10"/>
    </row>
    <row r="334812" spans="14:14">
      <c r="N334812" s="10"/>
    </row>
    <row r="334813" spans="14:14">
      <c r="N334813" s="10"/>
    </row>
    <row r="334814" spans="14:14">
      <c r="N334814" s="10"/>
    </row>
    <row r="334815" spans="14:14">
      <c r="N334815" s="10"/>
    </row>
    <row r="334816" spans="14:14">
      <c r="N334816" s="10"/>
    </row>
    <row r="334817" spans="14:14">
      <c r="N334817" s="10"/>
    </row>
    <row r="334818" spans="14:14">
      <c r="N334818" s="10"/>
    </row>
    <row r="334819" spans="14:14">
      <c r="N334819" s="10"/>
    </row>
    <row r="334820" spans="14:14">
      <c r="N334820" s="10"/>
    </row>
    <row r="334821" spans="14:14">
      <c r="N334821" s="10"/>
    </row>
    <row r="334822" spans="14:14">
      <c r="N334822" s="10"/>
    </row>
    <row r="334823" spans="14:14">
      <c r="N334823" s="10"/>
    </row>
    <row r="334824" spans="14:14">
      <c r="N334824" s="10"/>
    </row>
    <row r="334825" spans="14:14">
      <c r="N334825" s="10"/>
    </row>
    <row r="334826" spans="14:14">
      <c r="N334826" s="10"/>
    </row>
    <row r="334827" spans="14:14">
      <c r="N334827" s="10"/>
    </row>
    <row r="334828" spans="14:14">
      <c r="N334828" s="10"/>
    </row>
    <row r="334829" spans="14:14">
      <c r="N334829" s="10"/>
    </row>
    <row r="334830" spans="14:14">
      <c r="N334830" s="10"/>
    </row>
    <row r="334831" spans="14:14">
      <c r="N334831" s="10"/>
    </row>
    <row r="334832" spans="14:14">
      <c r="N334832" s="10"/>
    </row>
    <row r="334833" spans="14:14">
      <c r="N334833" s="10"/>
    </row>
    <row r="334834" spans="14:14">
      <c r="N334834" s="10"/>
    </row>
    <row r="334835" spans="14:14">
      <c r="N334835" s="10"/>
    </row>
    <row r="334836" spans="14:14">
      <c r="N334836" s="10"/>
    </row>
    <row r="334837" spans="14:14">
      <c r="N334837" s="10"/>
    </row>
    <row r="334838" spans="14:14">
      <c r="N334838" s="10"/>
    </row>
    <row r="334839" spans="14:14">
      <c r="N334839" s="10"/>
    </row>
    <row r="334840" spans="14:14">
      <c r="N334840" s="10"/>
    </row>
    <row r="334841" spans="14:14">
      <c r="N334841" s="10"/>
    </row>
    <row r="334842" spans="14:14">
      <c r="N334842" s="10"/>
    </row>
    <row r="334843" spans="14:14">
      <c r="N334843" s="10"/>
    </row>
    <row r="334844" spans="14:14">
      <c r="N334844" s="10"/>
    </row>
    <row r="334845" spans="14:14">
      <c r="N334845" s="10"/>
    </row>
    <row r="334846" spans="14:14">
      <c r="N334846" s="10"/>
    </row>
    <row r="334847" spans="14:14">
      <c r="N334847" s="10"/>
    </row>
    <row r="334848" spans="14:14">
      <c r="N334848" s="10"/>
    </row>
    <row r="334849" spans="14:14">
      <c r="N334849" s="10"/>
    </row>
    <row r="334850" spans="14:14">
      <c r="N334850" s="10"/>
    </row>
    <row r="334851" spans="14:14">
      <c r="N334851" s="10"/>
    </row>
    <row r="334852" spans="14:14">
      <c r="N334852" s="10"/>
    </row>
    <row r="334853" spans="14:14">
      <c r="N334853" s="10"/>
    </row>
    <row r="334854" spans="14:14">
      <c r="N334854" s="10"/>
    </row>
    <row r="334855" spans="14:14">
      <c r="N334855" s="10"/>
    </row>
    <row r="334856" spans="14:14">
      <c r="N334856" s="10"/>
    </row>
    <row r="334857" spans="14:14">
      <c r="N334857" s="10"/>
    </row>
    <row r="334858" spans="14:14">
      <c r="N334858" s="10"/>
    </row>
    <row r="334859" spans="14:14">
      <c r="N334859" s="10"/>
    </row>
    <row r="334860" spans="14:14">
      <c r="N334860" s="10"/>
    </row>
    <row r="334861" spans="14:14">
      <c r="N334861" s="10"/>
    </row>
    <row r="334862" spans="14:14">
      <c r="N334862" s="10"/>
    </row>
    <row r="334863" spans="14:14">
      <c r="N334863" s="10"/>
    </row>
    <row r="334864" spans="14:14">
      <c r="N334864" s="10"/>
    </row>
    <row r="334865" spans="14:14">
      <c r="N334865" s="10"/>
    </row>
    <row r="334866" spans="14:14">
      <c r="N334866" s="10"/>
    </row>
    <row r="334867" spans="14:14">
      <c r="N334867" s="10"/>
    </row>
    <row r="334868" spans="14:14">
      <c r="N334868" s="10"/>
    </row>
    <row r="334869" spans="14:14">
      <c r="N334869" s="10"/>
    </row>
    <row r="334870" spans="14:14">
      <c r="N334870" s="10"/>
    </row>
    <row r="334871" spans="14:14">
      <c r="N334871" s="10"/>
    </row>
    <row r="334872" spans="14:14">
      <c r="N334872" s="10"/>
    </row>
    <row r="334873" spans="14:14">
      <c r="N334873" s="10"/>
    </row>
    <row r="334874" spans="14:14">
      <c r="N334874" s="10"/>
    </row>
    <row r="334875" spans="14:14">
      <c r="N334875" s="10"/>
    </row>
    <row r="334876" spans="14:14">
      <c r="N334876" s="10"/>
    </row>
    <row r="334877" spans="14:14">
      <c r="N334877" s="10"/>
    </row>
    <row r="334878" spans="14:14">
      <c r="N334878" s="10"/>
    </row>
    <row r="334879" spans="14:14">
      <c r="N334879" s="10"/>
    </row>
    <row r="334880" spans="14:14">
      <c r="N334880" s="10"/>
    </row>
    <row r="334881" spans="14:14">
      <c r="N334881" s="10"/>
    </row>
    <row r="334882" spans="14:14">
      <c r="N334882" s="10"/>
    </row>
    <row r="334883" spans="14:14">
      <c r="N334883" s="10"/>
    </row>
    <row r="334884" spans="14:14">
      <c r="N334884" s="10"/>
    </row>
    <row r="334885" spans="14:14">
      <c r="N334885" s="10"/>
    </row>
    <row r="334886" spans="14:14">
      <c r="N334886" s="10"/>
    </row>
    <row r="334887" spans="14:14">
      <c r="N334887" s="10"/>
    </row>
    <row r="334888" spans="14:14">
      <c r="N334888" s="10"/>
    </row>
    <row r="334889" spans="14:14">
      <c r="N334889" s="10"/>
    </row>
    <row r="334890" spans="14:14">
      <c r="N334890" s="10"/>
    </row>
    <row r="334891" spans="14:14">
      <c r="N334891" s="10"/>
    </row>
    <row r="334892" spans="14:14">
      <c r="N334892" s="10"/>
    </row>
    <row r="334893" spans="14:14">
      <c r="N334893" s="10"/>
    </row>
    <row r="334894" spans="14:14">
      <c r="N334894" s="10"/>
    </row>
    <row r="334895" spans="14:14">
      <c r="N334895" s="10"/>
    </row>
    <row r="334896" spans="14:14">
      <c r="N334896" s="10"/>
    </row>
    <row r="334897" spans="14:14">
      <c r="N334897" s="10"/>
    </row>
    <row r="334898" spans="14:14">
      <c r="N334898" s="10"/>
    </row>
    <row r="334899" spans="14:14">
      <c r="N334899" s="10"/>
    </row>
    <row r="334900" spans="14:14">
      <c r="N334900" s="10"/>
    </row>
    <row r="334901" spans="14:14">
      <c r="N334901" s="10"/>
    </row>
    <row r="334902" spans="14:14">
      <c r="N334902" s="10"/>
    </row>
    <row r="334903" spans="14:14">
      <c r="N334903" s="10"/>
    </row>
    <row r="334904" spans="14:14">
      <c r="N334904" s="10"/>
    </row>
    <row r="334905" spans="14:14">
      <c r="N334905" s="10"/>
    </row>
    <row r="334906" spans="14:14">
      <c r="N334906" s="10"/>
    </row>
    <row r="334907" spans="14:14">
      <c r="N334907" s="10"/>
    </row>
    <row r="334908" spans="14:14">
      <c r="N334908" s="10"/>
    </row>
    <row r="334909" spans="14:14">
      <c r="N334909" s="10"/>
    </row>
    <row r="334910" spans="14:14">
      <c r="N334910" s="10"/>
    </row>
    <row r="334911" spans="14:14">
      <c r="N334911" s="10"/>
    </row>
    <row r="334912" spans="14:14">
      <c r="N334912" s="10"/>
    </row>
    <row r="334913" spans="14:14">
      <c r="N334913" s="10"/>
    </row>
    <row r="334914" spans="14:14">
      <c r="N334914" s="10"/>
    </row>
    <row r="334915" spans="14:14">
      <c r="N334915" s="10"/>
    </row>
    <row r="334916" spans="14:14">
      <c r="N334916" s="10"/>
    </row>
    <row r="334917" spans="14:14">
      <c r="N334917" s="10"/>
    </row>
    <row r="334918" spans="14:14">
      <c r="N334918" s="10"/>
    </row>
    <row r="334919" spans="14:14">
      <c r="N334919" s="10"/>
    </row>
    <row r="334920" spans="14:14">
      <c r="N334920" s="10"/>
    </row>
    <row r="334921" spans="14:14">
      <c r="N334921" s="10"/>
    </row>
    <row r="334922" spans="14:14">
      <c r="N334922" s="10"/>
    </row>
    <row r="334923" spans="14:14">
      <c r="N334923" s="10"/>
    </row>
    <row r="334924" spans="14:14">
      <c r="N334924" s="10"/>
    </row>
    <row r="334925" spans="14:14">
      <c r="N334925" s="10"/>
    </row>
    <row r="334926" spans="14:14">
      <c r="N334926" s="10"/>
    </row>
    <row r="334927" spans="14:14">
      <c r="N334927" s="10"/>
    </row>
    <row r="334928" spans="14:14">
      <c r="N334928" s="10"/>
    </row>
    <row r="334929" spans="14:14">
      <c r="N334929" s="10"/>
    </row>
    <row r="334930" spans="14:14">
      <c r="N334930" s="10"/>
    </row>
    <row r="334931" spans="14:14">
      <c r="N334931" s="10"/>
    </row>
    <row r="334932" spans="14:14">
      <c r="N334932" s="10"/>
    </row>
    <row r="334933" spans="14:14">
      <c r="N334933" s="10"/>
    </row>
    <row r="334934" spans="14:14">
      <c r="N334934" s="10"/>
    </row>
    <row r="334935" spans="14:14">
      <c r="N334935" s="10"/>
    </row>
    <row r="334936" spans="14:14">
      <c r="N334936" s="10"/>
    </row>
    <row r="334937" spans="14:14">
      <c r="N334937" s="10"/>
    </row>
    <row r="334938" spans="14:14">
      <c r="N334938" s="10"/>
    </row>
    <row r="334939" spans="14:14">
      <c r="N334939" s="10"/>
    </row>
    <row r="334940" spans="14:14">
      <c r="N334940" s="10"/>
    </row>
    <row r="334941" spans="14:14">
      <c r="N334941" s="10"/>
    </row>
    <row r="334942" spans="14:14">
      <c r="N334942" s="10"/>
    </row>
    <row r="334943" spans="14:14">
      <c r="N334943" s="10"/>
    </row>
    <row r="334944" spans="14:14">
      <c r="N334944" s="10"/>
    </row>
    <row r="334945" spans="14:14">
      <c r="N334945" s="10"/>
    </row>
    <row r="334946" spans="14:14">
      <c r="N334946" s="10"/>
    </row>
    <row r="334947" spans="14:14">
      <c r="N334947" s="10"/>
    </row>
    <row r="334948" spans="14:14">
      <c r="N334948" s="10"/>
    </row>
    <row r="334949" spans="14:14">
      <c r="N334949" s="10"/>
    </row>
    <row r="334950" spans="14:14">
      <c r="N334950" s="10"/>
    </row>
    <row r="334951" spans="14:14">
      <c r="N334951" s="10"/>
    </row>
    <row r="334952" spans="14:14">
      <c r="N334952" s="10"/>
    </row>
    <row r="334953" spans="14:14">
      <c r="N334953" s="10"/>
    </row>
    <row r="334954" spans="14:14">
      <c r="N334954" s="10"/>
    </row>
    <row r="334955" spans="14:14">
      <c r="N334955" s="10"/>
    </row>
    <row r="334956" spans="14:14">
      <c r="N334956" s="10"/>
    </row>
    <row r="334957" spans="14:14">
      <c r="N334957" s="10"/>
    </row>
    <row r="334958" spans="14:14">
      <c r="N334958" s="10"/>
    </row>
    <row r="334959" spans="14:14">
      <c r="N334959" s="10"/>
    </row>
    <row r="334960" spans="14:14">
      <c r="N334960" s="10"/>
    </row>
    <row r="334961" spans="14:14">
      <c r="N334961" s="10"/>
    </row>
    <row r="334962" spans="14:14">
      <c r="N334962" s="10"/>
    </row>
    <row r="334963" spans="14:14">
      <c r="N334963" s="10"/>
    </row>
    <row r="334964" spans="14:14">
      <c r="N334964" s="10"/>
    </row>
    <row r="334965" spans="14:14">
      <c r="N334965" s="10"/>
    </row>
    <row r="334966" spans="14:14">
      <c r="N334966" s="10"/>
    </row>
    <row r="334967" spans="14:14">
      <c r="N334967" s="10"/>
    </row>
    <row r="334968" spans="14:14">
      <c r="N334968" s="10"/>
    </row>
    <row r="334969" spans="14:14">
      <c r="N334969" s="10"/>
    </row>
    <row r="334970" spans="14:14">
      <c r="N334970" s="10"/>
    </row>
    <row r="334971" spans="14:14">
      <c r="N334971" s="10"/>
    </row>
    <row r="334972" spans="14:14">
      <c r="N334972" s="10"/>
    </row>
    <row r="334973" spans="14:14">
      <c r="N334973" s="10"/>
    </row>
    <row r="334974" spans="14:14">
      <c r="N334974" s="10"/>
    </row>
    <row r="334975" spans="14:14">
      <c r="N334975" s="10"/>
    </row>
    <row r="334976" spans="14:14">
      <c r="N334976" s="10"/>
    </row>
    <row r="334977" spans="14:14">
      <c r="N334977" s="10"/>
    </row>
    <row r="334978" spans="14:14">
      <c r="N334978" s="10"/>
    </row>
    <row r="334979" spans="14:14">
      <c r="N334979" s="10"/>
    </row>
    <row r="334980" spans="14:14">
      <c r="N334980" s="10"/>
    </row>
    <row r="334981" spans="14:14">
      <c r="N334981" s="10"/>
    </row>
    <row r="334982" spans="14:14">
      <c r="N334982" s="10"/>
    </row>
    <row r="334983" spans="14:14">
      <c r="N334983" s="10"/>
    </row>
    <row r="334984" spans="14:14">
      <c r="N334984" s="10"/>
    </row>
    <row r="334985" spans="14:14">
      <c r="N334985" s="10"/>
    </row>
    <row r="334986" spans="14:14">
      <c r="N334986" s="10"/>
    </row>
    <row r="334987" spans="14:14">
      <c r="N334987" s="10"/>
    </row>
    <row r="334988" spans="14:14">
      <c r="N334988" s="10"/>
    </row>
    <row r="334989" spans="14:14">
      <c r="N334989" s="10"/>
    </row>
    <row r="334990" spans="14:14">
      <c r="N334990" s="10"/>
    </row>
    <row r="334991" spans="14:14">
      <c r="N334991" s="10"/>
    </row>
    <row r="334992" spans="14:14">
      <c r="N334992" s="10"/>
    </row>
    <row r="334993" spans="14:14">
      <c r="N334993" s="10"/>
    </row>
    <row r="334994" spans="14:14">
      <c r="N334994" s="10"/>
    </row>
    <row r="334995" spans="14:14">
      <c r="N334995" s="10"/>
    </row>
    <row r="334996" spans="14:14">
      <c r="N334996" s="10"/>
    </row>
    <row r="334997" spans="14:14">
      <c r="N334997" s="10"/>
    </row>
    <row r="334998" spans="14:14">
      <c r="N334998" s="10"/>
    </row>
    <row r="334999" spans="14:14">
      <c r="N334999" s="10"/>
    </row>
    <row r="335000" spans="14:14">
      <c r="N335000" s="10"/>
    </row>
    <row r="335001" spans="14:14">
      <c r="N335001" s="10"/>
    </row>
    <row r="335002" spans="14:14">
      <c r="N335002" s="10"/>
    </row>
    <row r="335003" spans="14:14">
      <c r="N335003" s="10"/>
    </row>
    <row r="335004" spans="14:14">
      <c r="N335004" s="10"/>
    </row>
    <row r="335005" spans="14:14">
      <c r="N335005" s="10"/>
    </row>
    <row r="335006" spans="14:14">
      <c r="N335006" s="10"/>
    </row>
    <row r="335007" spans="14:14">
      <c r="N335007" s="10"/>
    </row>
    <row r="335008" spans="14:14">
      <c r="N335008" s="10"/>
    </row>
    <row r="335009" spans="14:14">
      <c r="N335009" s="10"/>
    </row>
    <row r="335010" spans="14:14">
      <c r="N335010" s="10"/>
    </row>
    <row r="335011" spans="14:14">
      <c r="N335011" s="10"/>
    </row>
    <row r="335012" spans="14:14">
      <c r="N335012" s="10"/>
    </row>
    <row r="335013" spans="14:14">
      <c r="N335013" s="10"/>
    </row>
    <row r="335014" spans="14:14">
      <c r="N335014" s="10"/>
    </row>
    <row r="335015" spans="14:14">
      <c r="N335015" s="10"/>
    </row>
    <row r="335016" spans="14:14">
      <c r="N335016" s="10"/>
    </row>
    <row r="335017" spans="14:14">
      <c r="N335017" s="10"/>
    </row>
    <row r="335018" spans="14:14">
      <c r="N335018" s="10"/>
    </row>
    <row r="335019" spans="14:14">
      <c r="N335019" s="10"/>
    </row>
    <row r="335020" spans="14:14">
      <c r="N335020" s="10"/>
    </row>
    <row r="335021" spans="14:14">
      <c r="N335021" s="10"/>
    </row>
    <row r="335022" spans="14:14">
      <c r="N335022" s="10"/>
    </row>
    <row r="335023" spans="14:14">
      <c r="N335023" s="10"/>
    </row>
    <row r="335024" spans="14:14">
      <c r="N335024" s="10"/>
    </row>
    <row r="335025" spans="14:14">
      <c r="N335025" s="10"/>
    </row>
    <row r="335026" spans="14:14">
      <c r="N335026" s="10"/>
    </row>
    <row r="335027" spans="14:14">
      <c r="N335027" s="10"/>
    </row>
    <row r="335028" spans="14:14">
      <c r="N335028" s="10"/>
    </row>
    <row r="335029" spans="14:14">
      <c r="N335029" s="10"/>
    </row>
    <row r="335030" spans="14:14">
      <c r="N335030" s="10"/>
    </row>
    <row r="335031" spans="14:14">
      <c r="N335031" s="10"/>
    </row>
    <row r="335032" spans="14:14">
      <c r="N335032" s="10"/>
    </row>
    <row r="335033" spans="14:14">
      <c r="N335033" s="10"/>
    </row>
    <row r="335034" spans="14:14">
      <c r="N335034" s="10"/>
    </row>
    <row r="335035" spans="14:14">
      <c r="N335035" s="10"/>
    </row>
    <row r="335036" spans="14:14">
      <c r="N335036" s="10"/>
    </row>
    <row r="335037" spans="14:14">
      <c r="N335037" s="10"/>
    </row>
    <row r="335038" spans="14:14">
      <c r="N335038" s="10"/>
    </row>
    <row r="335039" spans="14:14">
      <c r="N335039" s="10"/>
    </row>
    <row r="335040" spans="14:14">
      <c r="N335040" s="10"/>
    </row>
    <row r="335041" spans="14:14">
      <c r="N335041" s="10"/>
    </row>
    <row r="335042" spans="14:14">
      <c r="N335042" s="10"/>
    </row>
    <row r="335043" spans="14:14">
      <c r="N335043" s="10"/>
    </row>
    <row r="335044" spans="14:14">
      <c r="N335044" s="10"/>
    </row>
    <row r="335045" spans="14:14">
      <c r="N335045" s="10"/>
    </row>
    <row r="335046" spans="14:14">
      <c r="N335046" s="10"/>
    </row>
    <row r="335047" spans="14:14">
      <c r="N335047" s="10"/>
    </row>
    <row r="335048" spans="14:14">
      <c r="N335048" s="10"/>
    </row>
    <row r="335049" spans="14:14">
      <c r="N335049" s="10"/>
    </row>
    <row r="335050" spans="14:14">
      <c r="N335050" s="10"/>
    </row>
    <row r="335051" spans="14:14">
      <c r="N335051" s="10"/>
    </row>
    <row r="335052" spans="14:14">
      <c r="N335052" s="10"/>
    </row>
    <row r="335053" spans="14:14">
      <c r="N335053" s="10"/>
    </row>
    <row r="335054" spans="14:14">
      <c r="N335054" s="10"/>
    </row>
    <row r="335055" spans="14:14">
      <c r="N335055" s="10"/>
    </row>
    <row r="335056" spans="14:14">
      <c r="N335056" s="10"/>
    </row>
    <row r="335057" spans="14:14">
      <c r="N335057" s="10"/>
    </row>
    <row r="335058" spans="14:14">
      <c r="N335058" s="10"/>
    </row>
    <row r="335059" spans="14:14">
      <c r="N335059" s="10"/>
    </row>
    <row r="335060" spans="14:14">
      <c r="N335060" s="10"/>
    </row>
    <row r="335061" spans="14:14">
      <c r="N335061" s="10"/>
    </row>
    <row r="335062" spans="14:14">
      <c r="N335062" s="10"/>
    </row>
    <row r="335063" spans="14:14">
      <c r="N335063" s="10"/>
    </row>
    <row r="335064" spans="14:14">
      <c r="N335064" s="10"/>
    </row>
    <row r="335065" spans="14:14">
      <c r="N335065" s="10"/>
    </row>
    <row r="335066" spans="14:14">
      <c r="N335066" s="10"/>
    </row>
    <row r="335067" spans="14:14">
      <c r="N335067" s="10"/>
    </row>
    <row r="335068" spans="14:14">
      <c r="N335068" s="10"/>
    </row>
    <row r="335069" spans="14:14">
      <c r="N335069" s="10"/>
    </row>
    <row r="335070" spans="14:14">
      <c r="N335070" s="10"/>
    </row>
    <row r="335071" spans="14:14">
      <c r="N335071" s="10"/>
    </row>
    <row r="335072" spans="14:14">
      <c r="N335072" s="10"/>
    </row>
    <row r="335073" spans="14:14">
      <c r="N335073" s="10"/>
    </row>
    <row r="335074" spans="14:14">
      <c r="N335074" s="10"/>
    </row>
    <row r="335075" spans="14:14">
      <c r="N335075" s="10"/>
    </row>
    <row r="335076" spans="14:14">
      <c r="N335076" s="10"/>
    </row>
    <row r="335077" spans="14:14">
      <c r="N335077" s="10"/>
    </row>
    <row r="335078" spans="14:14">
      <c r="N335078" s="10"/>
    </row>
    <row r="335079" spans="14:14">
      <c r="N335079" s="10"/>
    </row>
    <row r="335080" spans="14:14">
      <c r="N335080" s="10"/>
    </row>
    <row r="335081" spans="14:14">
      <c r="N335081" s="10"/>
    </row>
    <row r="335082" spans="14:14">
      <c r="N335082" s="10"/>
    </row>
    <row r="335083" spans="14:14">
      <c r="N335083" s="10"/>
    </row>
    <row r="335084" spans="14:14">
      <c r="N335084" s="10"/>
    </row>
    <row r="335085" spans="14:14">
      <c r="N335085" s="10"/>
    </row>
    <row r="335086" spans="14:14">
      <c r="N335086" s="10"/>
    </row>
    <row r="335087" spans="14:14">
      <c r="N335087" s="10"/>
    </row>
    <row r="335088" spans="14:14">
      <c r="N335088" s="10"/>
    </row>
    <row r="335089" spans="14:14">
      <c r="N335089" s="10"/>
    </row>
    <row r="335090" spans="14:14">
      <c r="N335090" s="10"/>
    </row>
    <row r="335091" spans="14:14">
      <c r="N335091" s="10"/>
    </row>
    <row r="335092" spans="14:14">
      <c r="N335092" s="10"/>
    </row>
    <row r="335093" spans="14:14">
      <c r="N335093" s="10"/>
    </row>
    <row r="335094" spans="14:14">
      <c r="N335094" s="10"/>
    </row>
    <row r="335095" spans="14:14">
      <c r="N335095" s="10"/>
    </row>
    <row r="335096" spans="14:14">
      <c r="N335096" s="10"/>
    </row>
    <row r="335097" spans="14:14">
      <c r="N335097" s="10"/>
    </row>
    <row r="335098" spans="14:14">
      <c r="N335098" s="10"/>
    </row>
    <row r="335099" spans="14:14">
      <c r="N335099" s="10"/>
    </row>
    <row r="335100" spans="14:14">
      <c r="N335100" s="10"/>
    </row>
    <row r="335101" spans="14:14">
      <c r="N335101" s="10"/>
    </row>
    <row r="335102" spans="14:14">
      <c r="N335102" s="10"/>
    </row>
    <row r="335103" spans="14:14">
      <c r="N335103" s="10"/>
    </row>
    <row r="335104" spans="14:14">
      <c r="N335104" s="10"/>
    </row>
    <row r="335105" spans="14:14">
      <c r="N335105" s="10"/>
    </row>
    <row r="335106" spans="14:14">
      <c r="N335106" s="10"/>
    </row>
    <row r="335107" spans="14:14">
      <c r="N335107" s="10"/>
    </row>
    <row r="335108" spans="14:14">
      <c r="N335108" s="10"/>
    </row>
    <row r="335109" spans="14:14">
      <c r="N335109" s="10"/>
    </row>
    <row r="335110" spans="14:14">
      <c r="N335110" s="10"/>
    </row>
    <row r="335111" spans="14:14">
      <c r="N335111" s="10"/>
    </row>
    <row r="335112" spans="14:14">
      <c r="N335112" s="10"/>
    </row>
    <row r="335113" spans="14:14">
      <c r="N335113" s="10"/>
    </row>
    <row r="335114" spans="14:14">
      <c r="N335114" s="10"/>
    </row>
    <row r="335115" spans="14:14">
      <c r="N335115" s="10"/>
    </row>
    <row r="335116" spans="14:14">
      <c r="N335116" s="10"/>
    </row>
    <row r="335117" spans="14:14">
      <c r="N335117" s="10"/>
    </row>
    <row r="335118" spans="14:14">
      <c r="N335118" s="10"/>
    </row>
    <row r="335119" spans="14:14">
      <c r="N335119" s="10"/>
    </row>
    <row r="335120" spans="14:14">
      <c r="N335120" s="10"/>
    </row>
    <row r="335121" spans="14:14">
      <c r="N335121" s="10"/>
    </row>
    <row r="335122" spans="14:14">
      <c r="N335122" s="10"/>
    </row>
    <row r="335123" spans="14:14">
      <c r="N335123" s="10"/>
    </row>
    <row r="335124" spans="14:14">
      <c r="N335124" s="10"/>
    </row>
    <row r="335125" spans="14:14">
      <c r="N335125" s="10"/>
    </row>
    <row r="335126" spans="14:14">
      <c r="N335126" s="10"/>
    </row>
    <row r="335127" spans="14:14">
      <c r="N335127" s="10"/>
    </row>
    <row r="335128" spans="14:14">
      <c r="N335128" s="10"/>
    </row>
    <row r="335129" spans="14:14">
      <c r="N335129" s="10"/>
    </row>
    <row r="335130" spans="14:14">
      <c r="N335130" s="10"/>
    </row>
    <row r="335131" spans="14:14">
      <c r="N335131" s="10"/>
    </row>
    <row r="335132" spans="14:14">
      <c r="N335132" s="10"/>
    </row>
    <row r="335133" spans="14:14">
      <c r="N335133" s="10"/>
    </row>
    <row r="335134" spans="14:14">
      <c r="N335134" s="10"/>
    </row>
    <row r="335135" spans="14:14">
      <c r="N335135" s="10"/>
    </row>
    <row r="335136" spans="14:14">
      <c r="N335136" s="10"/>
    </row>
    <row r="335137" spans="14:14">
      <c r="N335137" s="10"/>
    </row>
    <row r="335138" spans="14:14">
      <c r="N335138" s="10"/>
    </row>
    <row r="335139" spans="14:14">
      <c r="N335139" s="10"/>
    </row>
    <row r="335140" spans="14:14">
      <c r="N335140" s="10"/>
    </row>
    <row r="335141" spans="14:14">
      <c r="N335141" s="10"/>
    </row>
    <row r="335142" spans="14:14">
      <c r="N335142" s="10"/>
    </row>
    <row r="335143" spans="14:14">
      <c r="N335143" s="10"/>
    </row>
    <row r="335144" spans="14:14">
      <c r="N335144" s="10"/>
    </row>
    <row r="335145" spans="14:14">
      <c r="N335145" s="10"/>
    </row>
    <row r="335146" spans="14:14">
      <c r="N335146" s="10"/>
    </row>
    <row r="335147" spans="14:14">
      <c r="N335147" s="10"/>
    </row>
    <row r="335148" spans="14:14">
      <c r="N335148" s="10"/>
    </row>
    <row r="335149" spans="14:14">
      <c r="N335149" s="10"/>
    </row>
    <row r="335150" spans="14:14">
      <c r="N335150" s="10"/>
    </row>
    <row r="335151" spans="14:14">
      <c r="N335151" s="10"/>
    </row>
    <row r="335152" spans="14:14">
      <c r="N335152" s="10"/>
    </row>
    <row r="335153" spans="14:14">
      <c r="N335153" s="10"/>
    </row>
    <row r="335154" spans="14:14">
      <c r="N335154" s="10"/>
    </row>
    <row r="335155" spans="14:14">
      <c r="N335155" s="10"/>
    </row>
    <row r="335156" spans="14:14">
      <c r="N335156" s="10"/>
    </row>
    <row r="335157" spans="14:14">
      <c r="N335157" s="10"/>
    </row>
    <row r="335158" spans="14:14">
      <c r="N335158" s="10"/>
    </row>
    <row r="335159" spans="14:14">
      <c r="N335159" s="10"/>
    </row>
    <row r="335160" spans="14:14">
      <c r="N335160" s="10"/>
    </row>
    <row r="335161" spans="14:14">
      <c r="N335161" s="10"/>
    </row>
    <row r="335162" spans="14:14">
      <c r="N335162" s="10"/>
    </row>
    <row r="335163" spans="14:14">
      <c r="N335163" s="10"/>
    </row>
    <row r="335164" spans="14:14">
      <c r="N335164" s="10"/>
    </row>
    <row r="335165" spans="14:14">
      <c r="N335165" s="10"/>
    </row>
    <row r="335166" spans="14:14">
      <c r="N335166" s="10"/>
    </row>
    <row r="335167" spans="14:14">
      <c r="N335167" s="10"/>
    </row>
    <row r="335168" spans="14:14">
      <c r="N335168" s="10"/>
    </row>
    <row r="335169" spans="14:14">
      <c r="N335169" s="10"/>
    </row>
    <row r="335170" spans="14:14">
      <c r="N335170" s="10"/>
    </row>
    <row r="335171" spans="14:14">
      <c r="N335171" s="10"/>
    </row>
    <row r="335172" spans="14:14">
      <c r="N335172" s="10"/>
    </row>
    <row r="335173" spans="14:14">
      <c r="N335173" s="10"/>
    </row>
    <row r="335174" spans="14:14">
      <c r="N335174" s="10"/>
    </row>
    <row r="335175" spans="14:14">
      <c r="N335175" s="10"/>
    </row>
    <row r="335176" spans="14:14">
      <c r="N335176" s="10"/>
    </row>
    <row r="335177" spans="14:14">
      <c r="N335177" s="10"/>
    </row>
    <row r="335178" spans="14:14">
      <c r="N335178" s="10"/>
    </row>
    <row r="335179" spans="14:14">
      <c r="N335179" s="10"/>
    </row>
    <row r="335180" spans="14:14">
      <c r="N335180" s="10"/>
    </row>
    <row r="335181" spans="14:14">
      <c r="N335181" s="10"/>
    </row>
    <row r="335182" spans="14:14">
      <c r="N335182" s="10"/>
    </row>
    <row r="335183" spans="14:14">
      <c r="N335183" s="10"/>
    </row>
    <row r="335184" spans="14:14">
      <c r="N335184" s="10"/>
    </row>
    <row r="335185" spans="14:14">
      <c r="N335185" s="10"/>
    </row>
    <row r="335186" spans="14:14">
      <c r="N335186" s="10"/>
    </row>
    <row r="335187" spans="14:14">
      <c r="N335187" s="10"/>
    </row>
    <row r="335188" spans="14:14">
      <c r="N335188" s="10"/>
    </row>
    <row r="335189" spans="14:14">
      <c r="N335189" s="10"/>
    </row>
    <row r="335190" spans="14:14">
      <c r="N335190" s="10"/>
    </row>
    <row r="335191" spans="14:14">
      <c r="N335191" s="10"/>
    </row>
    <row r="335192" spans="14:14">
      <c r="N335192" s="10"/>
    </row>
    <row r="335193" spans="14:14">
      <c r="N335193" s="10"/>
    </row>
    <row r="335194" spans="14:14">
      <c r="N335194" s="10"/>
    </row>
    <row r="335195" spans="14:14">
      <c r="N335195" s="10"/>
    </row>
    <row r="335196" spans="14:14">
      <c r="N335196" s="10"/>
    </row>
    <row r="335197" spans="14:14">
      <c r="N335197" s="10"/>
    </row>
    <row r="335198" spans="14:14">
      <c r="N335198" s="10"/>
    </row>
    <row r="335199" spans="14:14">
      <c r="N335199" s="10"/>
    </row>
    <row r="335200" spans="14:14">
      <c r="N335200" s="10"/>
    </row>
    <row r="335201" spans="14:14">
      <c r="N335201" s="10"/>
    </row>
    <row r="335202" spans="14:14">
      <c r="N335202" s="10"/>
    </row>
    <row r="335203" spans="14:14">
      <c r="N335203" s="10"/>
    </row>
    <row r="335204" spans="14:14">
      <c r="N335204" s="10"/>
    </row>
    <row r="335205" spans="14:14">
      <c r="N335205" s="10"/>
    </row>
    <row r="335206" spans="14:14">
      <c r="N335206" s="10"/>
    </row>
    <row r="335207" spans="14:14">
      <c r="N335207" s="10"/>
    </row>
    <row r="335208" spans="14:14">
      <c r="N335208" s="10"/>
    </row>
    <row r="335209" spans="14:14">
      <c r="N335209" s="10"/>
    </row>
    <row r="335210" spans="14:14">
      <c r="N335210" s="10"/>
    </row>
    <row r="335211" spans="14:14">
      <c r="N335211" s="10"/>
    </row>
    <row r="335212" spans="14:14">
      <c r="N335212" s="10"/>
    </row>
    <row r="335213" spans="14:14">
      <c r="N335213" s="10"/>
    </row>
    <row r="335214" spans="14:14">
      <c r="N335214" s="10"/>
    </row>
    <row r="335215" spans="14:14">
      <c r="N335215" s="10"/>
    </row>
    <row r="335216" spans="14:14">
      <c r="N335216" s="10"/>
    </row>
    <row r="335217" spans="14:14">
      <c r="N335217" s="10"/>
    </row>
    <row r="335218" spans="14:14">
      <c r="N335218" s="10"/>
    </row>
    <row r="335219" spans="14:14">
      <c r="N335219" s="10"/>
    </row>
    <row r="335220" spans="14:14">
      <c r="N335220" s="10"/>
    </row>
    <row r="335221" spans="14:14">
      <c r="N335221" s="10"/>
    </row>
    <row r="335222" spans="14:14">
      <c r="N335222" s="10"/>
    </row>
    <row r="335223" spans="14:14">
      <c r="N335223" s="10"/>
    </row>
    <row r="335224" spans="14:14">
      <c r="N335224" s="10"/>
    </row>
    <row r="335225" spans="14:14">
      <c r="N335225" s="10"/>
    </row>
    <row r="335226" spans="14:14">
      <c r="N335226" s="10"/>
    </row>
    <row r="335227" spans="14:14">
      <c r="N335227" s="10"/>
    </row>
    <row r="335228" spans="14:14">
      <c r="N335228" s="10"/>
    </row>
    <row r="335229" spans="14:14">
      <c r="N335229" s="10"/>
    </row>
    <row r="335230" spans="14:14">
      <c r="N335230" s="10"/>
    </row>
    <row r="335231" spans="14:14">
      <c r="N335231" s="10"/>
    </row>
    <row r="335232" spans="14:14">
      <c r="N335232" s="10"/>
    </row>
    <row r="335233" spans="14:14">
      <c r="N335233" s="10"/>
    </row>
    <row r="335234" spans="14:14">
      <c r="N335234" s="10"/>
    </row>
    <row r="335235" spans="14:14">
      <c r="N335235" s="10"/>
    </row>
    <row r="335236" spans="14:14">
      <c r="N335236" s="10"/>
    </row>
    <row r="335237" spans="14:14">
      <c r="N335237" s="10"/>
    </row>
    <row r="335238" spans="14:14">
      <c r="N335238" s="10"/>
    </row>
    <row r="335239" spans="14:14">
      <c r="N335239" s="10"/>
    </row>
    <row r="335240" spans="14:14">
      <c r="N335240" s="10"/>
    </row>
    <row r="335241" spans="14:14">
      <c r="N335241" s="10"/>
    </row>
    <row r="335242" spans="14:14">
      <c r="N335242" s="10"/>
    </row>
    <row r="335243" spans="14:14">
      <c r="N335243" s="10"/>
    </row>
    <row r="335244" spans="14:14">
      <c r="N335244" s="10"/>
    </row>
    <row r="335245" spans="14:14">
      <c r="N335245" s="10"/>
    </row>
    <row r="335246" spans="14:14">
      <c r="N335246" s="10"/>
    </row>
    <row r="335247" spans="14:14">
      <c r="N335247" s="10"/>
    </row>
    <row r="335248" spans="14:14">
      <c r="N335248" s="10"/>
    </row>
    <row r="335249" spans="14:14">
      <c r="N335249" s="10"/>
    </row>
    <row r="335250" spans="14:14">
      <c r="N335250" s="10"/>
    </row>
    <row r="335251" spans="14:14">
      <c r="N335251" s="10"/>
    </row>
    <row r="335252" spans="14:14">
      <c r="N335252" s="10"/>
    </row>
    <row r="335253" spans="14:14">
      <c r="N335253" s="10"/>
    </row>
    <row r="335254" spans="14:14">
      <c r="N335254" s="10"/>
    </row>
    <row r="335255" spans="14:14">
      <c r="N335255" s="10"/>
    </row>
    <row r="335256" spans="14:14">
      <c r="N335256" s="10"/>
    </row>
    <row r="335257" spans="14:14">
      <c r="N335257" s="10"/>
    </row>
    <row r="335258" spans="14:14">
      <c r="N335258" s="10"/>
    </row>
    <row r="335259" spans="14:14">
      <c r="N335259" s="10"/>
    </row>
    <row r="335260" spans="14:14">
      <c r="N335260" s="10"/>
    </row>
    <row r="335261" spans="14:14">
      <c r="N335261" s="10"/>
    </row>
    <row r="335262" spans="14:14">
      <c r="N335262" s="10"/>
    </row>
    <row r="335263" spans="14:14">
      <c r="N335263" s="10"/>
    </row>
    <row r="335264" spans="14:14">
      <c r="N335264" s="10"/>
    </row>
    <row r="335265" spans="14:14">
      <c r="N335265" s="10"/>
    </row>
    <row r="335266" spans="14:14">
      <c r="N335266" s="10"/>
    </row>
    <row r="335267" spans="14:14">
      <c r="N335267" s="10"/>
    </row>
    <row r="335268" spans="14:14">
      <c r="N335268" s="10"/>
    </row>
    <row r="335269" spans="14:14">
      <c r="N335269" s="10"/>
    </row>
    <row r="335270" spans="14:14">
      <c r="N335270" s="10"/>
    </row>
    <row r="335271" spans="14:14">
      <c r="N335271" s="10"/>
    </row>
    <row r="335272" spans="14:14">
      <c r="N335272" s="10"/>
    </row>
    <row r="335273" spans="14:14">
      <c r="N335273" s="10"/>
    </row>
    <row r="335274" spans="14:14">
      <c r="N335274" s="10"/>
    </row>
    <row r="335275" spans="14:14">
      <c r="N335275" s="10"/>
    </row>
    <row r="335276" spans="14:14">
      <c r="N335276" s="10"/>
    </row>
    <row r="335277" spans="14:14">
      <c r="N335277" s="10"/>
    </row>
    <row r="335278" spans="14:14">
      <c r="N335278" s="10"/>
    </row>
    <row r="335279" spans="14:14">
      <c r="N335279" s="10"/>
    </row>
    <row r="335280" spans="14:14">
      <c r="N335280" s="10"/>
    </row>
    <row r="335281" spans="14:14">
      <c r="N335281" s="10"/>
    </row>
    <row r="335282" spans="14:14">
      <c r="N335282" s="10"/>
    </row>
    <row r="335283" spans="14:14">
      <c r="N335283" s="10"/>
    </row>
    <row r="335284" spans="14:14">
      <c r="N335284" s="10"/>
    </row>
    <row r="335285" spans="14:14">
      <c r="N335285" s="10"/>
    </row>
    <row r="335286" spans="14:14">
      <c r="N335286" s="10"/>
    </row>
    <row r="335287" spans="14:14">
      <c r="N335287" s="10"/>
    </row>
    <row r="335288" spans="14:14">
      <c r="N335288" s="10"/>
    </row>
    <row r="335289" spans="14:14">
      <c r="N335289" s="10"/>
    </row>
    <row r="335290" spans="14:14">
      <c r="N335290" s="10"/>
    </row>
    <row r="335291" spans="14:14">
      <c r="N335291" s="10"/>
    </row>
    <row r="335292" spans="14:14">
      <c r="N335292" s="10"/>
    </row>
    <row r="335293" spans="14:14">
      <c r="N335293" s="10"/>
    </row>
    <row r="335294" spans="14:14">
      <c r="N335294" s="10"/>
    </row>
    <row r="335295" spans="14:14">
      <c r="N335295" s="10"/>
    </row>
    <row r="335296" spans="14:14">
      <c r="N335296" s="10"/>
    </row>
    <row r="335297" spans="14:14">
      <c r="N335297" s="10"/>
    </row>
    <row r="335298" spans="14:14">
      <c r="N335298" s="10"/>
    </row>
    <row r="335299" spans="14:14">
      <c r="N335299" s="10"/>
    </row>
    <row r="335300" spans="14:14">
      <c r="N335300" s="10"/>
    </row>
    <row r="335301" spans="14:14">
      <c r="N335301" s="10"/>
    </row>
    <row r="335302" spans="14:14">
      <c r="N335302" s="10"/>
    </row>
    <row r="335303" spans="14:14">
      <c r="N335303" s="10"/>
    </row>
    <row r="335304" spans="14:14">
      <c r="N335304" s="10"/>
    </row>
    <row r="335305" spans="14:14">
      <c r="N335305" s="10"/>
    </row>
    <row r="335306" spans="14:14">
      <c r="N335306" s="10"/>
    </row>
    <row r="335307" spans="14:14">
      <c r="N335307" s="10"/>
    </row>
    <row r="335308" spans="14:14">
      <c r="N335308" s="10"/>
    </row>
    <row r="335309" spans="14:14">
      <c r="N335309" s="10"/>
    </row>
    <row r="335310" spans="14:14">
      <c r="N335310" s="10"/>
    </row>
    <row r="335311" spans="14:14">
      <c r="N335311" s="10"/>
    </row>
    <row r="335312" spans="14:14">
      <c r="N335312" s="10"/>
    </row>
    <row r="335313" spans="14:14">
      <c r="N335313" s="10"/>
    </row>
    <row r="335314" spans="14:14">
      <c r="N335314" s="10"/>
    </row>
    <row r="335315" spans="14:14">
      <c r="N335315" s="10"/>
    </row>
    <row r="335316" spans="14:14">
      <c r="N335316" s="10"/>
    </row>
    <row r="335317" spans="14:14">
      <c r="N335317" s="10"/>
    </row>
    <row r="335318" spans="14:14">
      <c r="N335318" s="10"/>
    </row>
    <row r="335319" spans="14:14">
      <c r="N335319" s="10"/>
    </row>
    <row r="335320" spans="14:14">
      <c r="N335320" s="10"/>
    </row>
    <row r="335321" spans="14:14">
      <c r="N335321" s="10"/>
    </row>
    <row r="335322" spans="14:14">
      <c r="N335322" s="10"/>
    </row>
    <row r="335323" spans="14:14">
      <c r="N335323" s="10"/>
    </row>
    <row r="335324" spans="14:14">
      <c r="N335324" s="10"/>
    </row>
    <row r="335325" spans="14:14">
      <c r="N335325" s="10"/>
    </row>
    <row r="335326" spans="14:14">
      <c r="N335326" s="10"/>
    </row>
    <row r="335327" spans="14:14">
      <c r="N335327" s="10"/>
    </row>
    <row r="335328" spans="14:14">
      <c r="N335328" s="10"/>
    </row>
    <row r="335329" spans="14:14">
      <c r="N335329" s="10"/>
    </row>
    <row r="335330" spans="14:14">
      <c r="N335330" s="10"/>
    </row>
    <row r="335331" spans="14:14">
      <c r="N335331" s="10"/>
    </row>
    <row r="335332" spans="14:14">
      <c r="N335332" s="10"/>
    </row>
    <row r="335333" spans="14:14">
      <c r="N335333" s="10"/>
    </row>
    <row r="335334" spans="14:14">
      <c r="N335334" s="10"/>
    </row>
    <row r="335335" spans="14:14">
      <c r="N335335" s="10"/>
    </row>
    <row r="335336" spans="14:14">
      <c r="N335336" s="10"/>
    </row>
    <row r="335337" spans="14:14">
      <c r="N335337" s="10"/>
    </row>
    <row r="335338" spans="14:14">
      <c r="N335338" s="10"/>
    </row>
    <row r="335339" spans="14:14">
      <c r="N335339" s="10"/>
    </row>
    <row r="335340" spans="14:14">
      <c r="N335340" s="10"/>
    </row>
    <row r="335341" spans="14:14">
      <c r="N335341" s="10"/>
    </row>
    <row r="335342" spans="14:14">
      <c r="N335342" s="10"/>
    </row>
    <row r="335343" spans="14:14">
      <c r="N335343" s="10"/>
    </row>
    <row r="335344" spans="14:14">
      <c r="N335344" s="10"/>
    </row>
    <row r="335345" spans="14:14">
      <c r="N335345" s="10"/>
    </row>
    <row r="335346" spans="14:14">
      <c r="N335346" s="10"/>
    </row>
    <row r="335347" spans="14:14">
      <c r="N335347" s="10"/>
    </row>
    <row r="335348" spans="14:14">
      <c r="N335348" s="10"/>
    </row>
    <row r="335349" spans="14:14">
      <c r="N335349" s="10"/>
    </row>
    <row r="335350" spans="14:14">
      <c r="N335350" s="10"/>
    </row>
    <row r="335351" spans="14:14">
      <c r="N335351" s="10"/>
    </row>
    <row r="335352" spans="14:14">
      <c r="N335352" s="10"/>
    </row>
    <row r="335353" spans="14:14">
      <c r="N335353" s="10"/>
    </row>
    <row r="335354" spans="14:14">
      <c r="N335354" s="10"/>
    </row>
    <row r="335355" spans="14:14">
      <c r="N335355" s="10"/>
    </row>
    <row r="335356" spans="14:14">
      <c r="N335356" s="10"/>
    </row>
    <row r="335357" spans="14:14">
      <c r="N335357" s="10"/>
    </row>
    <row r="335358" spans="14:14">
      <c r="N335358" s="10"/>
    </row>
    <row r="335359" spans="14:14">
      <c r="N335359" s="10"/>
    </row>
    <row r="335360" spans="14:14">
      <c r="N335360" s="10"/>
    </row>
    <row r="335361" spans="14:14">
      <c r="N335361" s="10"/>
    </row>
    <row r="335362" spans="14:14">
      <c r="N335362" s="10"/>
    </row>
    <row r="335363" spans="14:14">
      <c r="N335363" s="10"/>
    </row>
    <row r="335364" spans="14:14">
      <c r="N335364" s="10"/>
    </row>
    <row r="335365" spans="14:14">
      <c r="N335365" s="10"/>
    </row>
    <row r="335366" spans="14:14">
      <c r="N335366" s="10"/>
    </row>
    <row r="335367" spans="14:14">
      <c r="N335367" s="10"/>
    </row>
    <row r="335368" spans="14:14">
      <c r="N335368" s="10"/>
    </row>
    <row r="335369" spans="14:14">
      <c r="N335369" s="10"/>
    </row>
    <row r="335370" spans="14:14">
      <c r="N335370" s="10"/>
    </row>
    <row r="335371" spans="14:14">
      <c r="N335371" s="10"/>
    </row>
    <row r="335372" spans="14:14">
      <c r="N335372" s="10"/>
    </row>
    <row r="335373" spans="14:14">
      <c r="N335373" s="10"/>
    </row>
    <row r="335374" spans="14:14">
      <c r="N335374" s="10"/>
    </row>
    <row r="335375" spans="14:14">
      <c r="N335375" s="10"/>
    </row>
    <row r="335376" spans="14:14">
      <c r="N335376" s="10"/>
    </row>
    <row r="335377" spans="14:14">
      <c r="N335377" s="10"/>
    </row>
    <row r="335378" spans="14:14">
      <c r="N335378" s="10"/>
    </row>
    <row r="335379" spans="14:14">
      <c r="N335379" s="10"/>
    </row>
    <row r="335380" spans="14:14">
      <c r="N335380" s="10"/>
    </row>
    <row r="335381" spans="14:14">
      <c r="N335381" s="10"/>
    </row>
    <row r="335382" spans="14:14">
      <c r="N335382" s="10"/>
    </row>
    <row r="335383" spans="14:14">
      <c r="N335383" s="10"/>
    </row>
    <row r="335384" spans="14:14">
      <c r="N335384" s="10"/>
    </row>
    <row r="335385" spans="14:14">
      <c r="N335385" s="10"/>
    </row>
    <row r="335386" spans="14:14">
      <c r="N335386" s="10"/>
    </row>
    <row r="335387" spans="14:14">
      <c r="N335387" s="10"/>
    </row>
    <row r="335388" spans="14:14">
      <c r="N335388" s="10"/>
    </row>
    <row r="335389" spans="14:14">
      <c r="N335389" s="10"/>
    </row>
    <row r="335390" spans="14:14">
      <c r="N335390" s="10"/>
    </row>
    <row r="335391" spans="14:14">
      <c r="N335391" s="10"/>
    </row>
    <row r="335392" spans="14:14">
      <c r="N335392" s="10"/>
    </row>
    <row r="335393" spans="14:14">
      <c r="N335393" s="10"/>
    </row>
    <row r="335394" spans="14:14">
      <c r="N335394" s="10"/>
    </row>
    <row r="335395" spans="14:14">
      <c r="N335395" s="10"/>
    </row>
    <row r="335396" spans="14:14">
      <c r="N335396" s="10"/>
    </row>
    <row r="335397" spans="14:14">
      <c r="N335397" s="10"/>
    </row>
    <row r="335398" spans="14:14">
      <c r="N335398" s="10"/>
    </row>
    <row r="335399" spans="14:14">
      <c r="N335399" s="10"/>
    </row>
    <row r="335400" spans="14:14">
      <c r="N335400" s="10"/>
    </row>
    <row r="335401" spans="14:14">
      <c r="N335401" s="10"/>
    </row>
    <row r="335402" spans="14:14">
      <c r="N335402" s="10"/>
    </row>
    <row r="335403" spans="14:14">
      <c r="N335403" s="10"/>
    </row>
    <row r="335404" spans="14:14">
      <c r="N335404" s="10"/>
    </row>
    <row r="335405" spans="14:14">
      <c r="N335405" s="10"/>
    </row>
    <row r="335406" spans="14:14">
      <c r="N335406" s="10"/>
    </row>
    <row r="335407" spans="14:14">
      <c r="N335407" s="10"/>
    </row>
    <row r="335408" spans="14:14">
      <c r="N335408" s="10"/>
    </row>
    <row r="335409" spans="14:14">
      <c r="N335409" s="10"/>
    </row>
    <row r="335410" spans="14:14">
      <c r="N335410" s="10"/>
    </row>
    <row r="335411" spans="14:14">
      <c r="N335411" s="10"/>
    </row>
    <row r="335412" spans="14:14">
      <c r="N335412" s="10"/>
    </row>
    <row r="335413" spans="14:14">
      <c r="N335413" s="10"/>
    </row>
    <row r="335414" spans="14:14">
      <c r="N335414" s="10"/>
    </row>
    <row r="335415" spans="14:14">
      <c r="N335415" s="10"/>
    </row>
    <row r="335416" spans="14:14">
      <c r="N335416" s="10"/>
    </row>
    <row r="335417" spans="14:14">
      <c r="N335417" s="10"/>
    </row>
    <row r="335418" spans="14:14">
      <c r="N335418" s="10"/>
    </row>
    <row r="335419" spans="14:14">
      <c r="N335419" s="10"/>
    </row>
    <row r="335420" spans="14:14">
      <c r="N335420" s="10"/>
    </row>
    <row r="335421" spans="14:14">
      <c r="N335421" s="10"/>
    </row>
    <row r="335422" spans="14:14">
      <c r="N335422" s="10"/>
    </row>
    <row r="335423" spans="14:14">
      <c r="N335423" s="10"/>
    </row>
    <row r="335424" spans="14:14">
      <c r="N335424" s="10"/>
    </row>
    <row r="335425" spans="14:14">
      <c r="N335425" s="10"/>
    </row>
    <row r="335426" spans="14:14">
      <c r="N335426" s="10"/>
    </row>
    <row r="335427" spans="14:14">
      <c r="N335427" s="10"/>
    </row>
    <row r="335428" spans="14:14">
      <c r="N335428" s="10"/>
    </row>
    <row r="335429" spans="14:14">
      <c r="N335429" s="10"/>
    </row>
    <row r="335430" spans="14:14">
      <c r="N335430" s="10"/>
    </row>
    <row r="335431" spans="14:14">
      <c r="N335431" s="10"/>
    </row>
    <row r="335432" spans="14:14">
      <c r="N335432" s="10"/>
    </row>
    <row r="335433" spans="14:14">
      <c r="N335433" s="10"/>
    </row>
    <row r="335434" spans="14:14">
      <c r="N335434" s="10"/>
    </row>
    <row r="335435" spans="14:14">
      <c r="N335435" s="10"/>
    </row>
    <row r="335436" spans="14:14">
      <c r="N335436" s="10"/>
    </row>
    <row r="335437" spans="14:14">
      <c r="N335437" s="10"/>
    </row>
    <row r="335438" spans="14:14">
      <c r="N335438" s="10"/>
    </row>
    <row r="335439" spans="14:14">
      <c r="N335439" s="10"/>
    </row>
    <row r="335440" spans="14:14">
      <c r="N335440" s="10"/>
    </row>
    <row r="335441" spans="14:14">
      <c r="N335441" s="10"/>
    </row>
    <row r="335442" spans="14:14">
      <c r="N335442" s="10"/>
    </row>
    <row r="335443" spans="14:14">
      <c r="N335443" s="10"/>
    </row>
    <row r="335444" spans="14:14">
      <c r="N335444" s="10"/>
    </row>
    <row r="335445" spans="14:14">
      <c r="N335445" s="10"/>
    </row>
    <row r="335446" spans="14:14">
      <c r="N335446" s="10"/>
    </row>
    <row r="335447" spans="14:14">
      <c r="N335447" s="10"/>
    </row>
    <row r="335448" spans="14:14">
      <c r="N335448" s="10"/>
    </row>
    <row r="335449" spans="14:14">
      <c r="N335449" s="10"/>
    </row>
    <row r="335450" spans="14:14">
      <c r="N335450" s="10"/>
    </row>
    <row r="335451" spans="14:14">
      <c r="N335451" s="10"/>
    </row>
    <row r="335452" spans="14:14">
      <c r="N335452" s="10"/>
    </row>
    <row r="335453" spans="14:14">
      <c r="N335453" s="10"/>
    </row>
    <row r="335454" spans="14:14">
      <c r="N335454" s="10"/>
    </row>
    <row r="335455" spans="14:14">
      <c r="N335455" s="10"/>
    </row>
    <row r="335456" spans="14:14">
      <c r="N335456" s="10"/>
    </row>
    <row r="335457" spans="14:14">
      <c r="N335457" s="10"/>
    </row>
    <row r="335458" spans="14:14">
      <c r="N335458" s="10"/>
    </row>
    <row r="335459" spans="14:14">
      <c r="N335459" s="10"/>
    </row>
    <row r="335460" spans="14:14">
      <c r="N335460" s="10"/>
    </row>
    <row r="335461" spans="14:14">
      <c r="N335461" s="10"/>
    </row>
    <row r="335462" spans="14:14">
      <c r="N335462" s="10"/>
    </row>
    <row r="335463" spans="14:14">
      <c r="N335463" s="10"/>
    </row>
    <row r="335464" spans="14:14">
      <c r="N335464" s="10"/>
    </row>
    <row r="335465" spans="14:14">
      <c r="N335465" s="10"/>
    </row>
    <row r="335466" spans="14:14">
      <c r="N335466" s="10"/>
    </row>
    <row r="335467" spans="14:14">
      <c r="N335467" s="10"/>
    </row>
    <row r="335468" spans="14:14">
      <c r="N335468" s="10"/>
    </row>
    <row r="335469" spans="14:14">
      <c r="N335469" s="10"/>
    </row>
    <row r="335470" spans="14:14">
      <c r="N335470" s="10"/>
    </row>
    <row r="335471" spans="14:14">
      <c r="N335471" s="10"/>
    </row>
    <row r="335472" spans="14:14">
      <c r="N335472" s="10"/>
    </row>
    <row r="335473" spans="14:14">
      <c r="N335473" s="10"/>
    </row>
    <row r="335474" spans="14:14">
      <c r="N335474" s="10"/>
    </row>
    <row r="335475" spans="14:14">
      <c r="N335475" s="10"/>
    </row>
    <row r="335476" spans="14:14">
      <c r="N335476" s="10"/>
    </row>
    <row r="335477" spans="14:14">
      <c r="N335477" s="10"/>
    </row>
    <row r="335478" spans="14:14">
      <c r="N335478" s="10"/>
    </row>
    <row r="335479" spans="14:14">
      <c r="N335479" s="10"/>
    </row>
    <row r="335480" spans="14:14">
      <c r="N335480" s="10"/>
    </row>
    <row r="335481" spans="14:14">
      <c r="N335481" s="10"/>
    </row>
    <row r="335482" spans="14:14">
      <c r="N335482" s="10"/>
    </row>
    <row r="335483" spans="14:14">
      <c r="N335483" s="10"/>
    </row>
    <row r="335484" spans="14:14">
      <c r="N335484" s="10"/>
    </row>
    <row r="335485" spans="14:14">
      <c r="N335485" s="10"/>
    </row>
    <row r="335486" spans="14:14">
      <c r="N335486" s="10"/>
    </row>
    <row r="335487" spans="14:14">
      <c r="N335487" s="10"/>
    </row>
    <row r="335488" spans="14:14">
      <c r="N335488" s="10"/>
    </row>
    <row r="335489" spans="14:14">
      <c r="N335489" s="10"/>
    </row>
    <row r="335490" spans="14:14">
      <c r="N335490" s="10"/>
    </row>
    <row r="335491" spans="14:14">
      <c r="N335491" s="10"/>
    </row>
    <row r="335492" spans="14:14">
      <c r="N335492" s="10"/>
    </row>
    <row r="335493" spans="14:14">
      <c r="N335493" s="10"/>
    </row>
    <row r="335494" spans="14:14">
      <c r="N335494" s="10"/>
    </row>
    <row r="335495" spans="14:14">
      <c r="N335495" s="10"/>
    </row>
    <row r="335496" spans="14:14">
      <c r="N335496" s="10"/>
    </row>
    <row r="335497" spans="14:14">
      <c r="N335497" s="10"/>
    </row>
    <row r="335498" spans="14:14">
      <c r="N335498" s="10"/>
    </row>
    <row r="335499" spans="14:14">
      <c r="N335499" s="10"/>
    </row>
    <row r="335500" spans="14:14">
      <c r="N335500" s="10"/>
    </row>
    <row r="335501" spans="14:14">
      <c r="N335501" s="10"/>
    </row>
    <row r="335502" spans="14:14">
      <c r="N335502" s="10"/>
    </row>
    <row r="335503" spans="14:14">
      <c r="N335503" s="10"/>
    </row>
    <row r="335504" spans="14:14">
      <c r="N335504" s="10"/>
    </row>
    <row r="335505" spans="14:14">
      <c r="N335505" s="10"/>
    </row>
    <row r="335506" spans="14:14">
      <c r="N335506" s="10"/>
    </row>
    <row r="335507" spans="14:14">
      <c r="N335507" s="10"/>
    </row>
    <row r="335508" spans="14:14">
      <c r="N335508" s="10"/>
    </row>
    <row r="335509" spans="14:14">
      <c r="N335509" s="10"/>
    </row>
    <row r="335510" spans="14:14">
      <c r="N335510" s="10"/>
    </row>
    <row r="335511" spans="14:14">
      <c r="N335511" s="10"/>
    </row>
    <row r="335512" spans="14:14">
      <c r="N335512" s="10"/>
    </row>
    <row r="335513" spans="14:14">
      <c r="N335513" s="10"/>
    </row>
    <row r="335514" spans="14:14">
      <c r="N335514" s="10"/>
    </row>
    <row r="335515" spans="14:14">
      <c r="N335515" s="10"/>
    </row>
    <row r="335516" spans="14:14">
      <c r="N335516" s="10"/>
    </row>
    <row r="335517" spans="14:14">
      <c r="N335517" s="10"/>
    </row>
    <row r="335518" spans="14:14">
      <c r="N335518" s="10"/>
    </row>
    <row r="335519" spans="14:14">
      <c r="N335519" s="10"/>
    </row>
    <row r="335520" spans="14:14">
      <c r="N335520" s="10"/>
    </row>
    <row r="335521" spans="14:14">
      <c r="N335521" s="10"/>
    </row>
    <row r="335522" spans="14:14">
      <c r="N335522" s="10"/>
    </row>
    <row r="335523" spans="14:14">
      <c r="N335523" s="10"/>
    </row>
    <row r="335524" spans="14:14">
      <c r="N335524" s="10"/>
    </row>
    <row r="335525" spans="14:14">
      <c r="N335525" s="10"/>
    </row>
    <row r="335526" spans="14:14">
      <c r="N335526" s="10"/>
    </row>
    <row r="335527" spans="14:14">
      <c r="N335527" s="10"/>
    </row>
    <row r="335528" spans="14:14">
      <c r="N335528" s="10"/>
    </row>
    <row r="335529" spans="14:14">
      <c r="N335529" s="10"/>
    </row>
    <row r="335530" spans="14:14">
      <c r="N335530" s="10"/>
    </row>
    <row r="335531" spans="14:14">
      <c r="N335531" s="10"/>
    </row>
    <row r="335532" spans="14:14">
      <c r="N335532" s="10"/>
    </row>
    <row r="335533" spans="14:14">
      <c r="N335533" s="10"/>
    </row>
    <row r="335534" spans="14:14">
      <c r="N335534" s="10"/>
    </row>
    <row r="335535" spans="14:14">
      <c r="N335535" s="10"/>
    </row>
    <row r="335536" spans="14:14">
      <c r="N335536" s="10"/>
    </row>
    <row r="335537" spans="14:14">
      <c r="N335537" s="10"/>
    </row>
    <row r="335538" spans="14:14">
      <c r="N335538" s="10"/>
    </row>
    <row r="335539" spans="14:14">
      <c r="N335539" s="10"/>
    </row>
    <row r="335540" spans="14:14">
      <c r="N335540" s="10"/>
    </row>
    <row r="335541" spans="14:14">
      <c r="N335541" s="10"/>
    </row>
    <row r="335542" spans="14:14">
      <c r="N335542" s="10"/>
    </row>
    <row r="335543" spans="14:14">
      <c r="N335543" s="10"/>
    </row>
    <row r="335544" spans="14:14">
      <c r="N335544" s="10"/>
    </row>
    <row r="335545" spans="14:14">
      <c r="N335545" s="10"/>
    </row>
    <row r="335546" spans="14:14">
      <c r="N335546" s="10"/>
    </row>
    <row r="335547" spans="14:14">
      <c r="N335547" s="10"/>
    </row>
    <row r="335548" spans="14:14">
      <c r="N335548" s="10"/>
    </row>
    <row r="335549" spans="14:14">
      <c r="N335549" s="10"/>
    </row>
    <row r="335550" spans="14:14">
      <c r="N335550" s="10"/>
    </row>
    <row r="335551" spans="14:14">
      <c r="N335551" s="10"/>
    </row>
    <row r="335552" spans="14:14">
      <c r="N335552" s="10"/>
    </row>
    <row r="335553" spans="14:14">
      <c r="N335553" s="10"/>
    </row>
    <row r="335554" spans="14:14">
      <c r="N335554" s="10"/>
    </row>
    <row r="335555" spans="14:14">
      <c r="N335555" s="10"/>
    </row>
    <row r="335556" spans="14:14">
      <c r="N335556" s="10"/>
    </row>
    <row r="335557" spans="14:14">
      <c r="N335557" s="10"/>
    </row>
    <row r="335558" spans="14:14">
      <c r="N335558" s="10"/>
    </row>
    <row r="335559" spans="14:14">
      <c r="N335559" s="10"/>
    </row>
    <row r="335560" spans="14:14">
      <c r="N335560" s="10"/>
    </row>
    <row r="335561" spans="14:14">
      <c r="N335561" s="10"/>
    </row>
    <row r="335562" spans="14:14">
      <c r="N335562" s="10"/>
    </row>
    <row r="335563" spans="14:14">
      <c r="N335563" s="10"/>
    </row>
    <row r="335564" spans="14:14">
      <c r="N335564" s="10"/>
    </row>
    <row r="335565" spans="14:14">
      <c r="N335565" s="10"/>
    </row>
    <row r="335566" spans="14:14">
      <c r="N335566" s="10"/>
    </row>
    <row r="335567" spans="14:14">
      <c r="N335567" s="10"/>
    </row>
    <row r="335568" spans="14:14">
      <c r="N335568" s="10"/>
    </row>
    <row r="335569" spans="14:14">
      <c r="N335569" s="10"/>
    </row>
    <row r="335570" spans="14:14">
      <c r="N335570" s="10"/>
    </row>
    <row r="335571" spans="14:14">
      <c r="N335571" s="10"/>
    </row>
    <row r="335572" spans="14:14">
      <c r="N335572" s="10"/>
    </row>
    <row r="335573" spans="14:14">
      <c r="N335573" s="10"/>
    </row>
    <row r="335574" spans="14:14">
      <c r="N335574" s="10"/>
    </row>
    <row r="335575" spans="14:14">
      <c r="N335575" s="10"/>
    </row>
    <row r="335576" spans="14:14">
      <c r="N335576" s="10"/>
    </row>
    <row r="335577" spans="14:14">
      <c r="N335577" s="10"/>
    </row>
    <row r="335578" spans="14:14">
      <c r="N335578" s="10"/>
    </row>
    <row r="335579" spans="14:14">
      <c r="N335579" s="10"/>
    </row>
    <row r="335580" spans="14:14">
      <c r="N335580" s="10"/>
    </row>
    <row r="335581" spans="14:14">
      <c r="N335581" s="10"/>
    </row>
    <row r="335582" spans="14:14">
      <c r="N335582" s="10"/>
    </row>
    <row r="335583" spans="14:14">
      <c r="N335583" s="10"/>
    </row>
    <row r="335584" spans="14:14">
      <c r="N335584" s="10"/>
    </row>
    <row r="335585" spans="14:14">
      <c r="N335585" s="10"/>
    </row>
    <row r="335586" spans="14:14">
      <c r="N335586" s="10"/>
    </row>
    <row r="335587" spans="14:14">
      <c r="N335587" s="10"/>
    </row>
    <row r="335588" spans="14:14">
      <c r="N335588" s="10"/>
    </row>
    <row r="335589" spans="14:14">
      <c r="N335589" s="10"/>
    </row>
    <row r="335590" spans="14:14">
      <c r="N335590" s="10"/>
    </row>
    <row r="335591" spans="14:14">
      <c r="N335591" s="10"/>
    </row>
    <row r="335592" spans="14:14">
      <c r="N335592" s="10"/>
    </row>
    <row r="335593" spans="14:14">
      <c r="N335593" s="10"/>
    </row>
    <row r="335594" spans="14:14">
      <c r="N335594" s="10"/>
    </row>
    <row r="335595" spans="14:14">
      <c r="N335595" s="10"/>
    </row>
    <row r="335596" spans="14:14">
      <c r="N335596" s="10"/>
    </row>
    <row r="335597" spans="14:14">
      <c r="N335597" s="10"/>
    </row>
    <row r="335598" spans="14:14">
      <c r="N335598" s="10"/>
    </row>
    <row r="335599" spans="14:14">
      <c r="N335599" s="10"/>
    </row>
    <row r="335600" spans="14:14">
      <c r="N335600" s="10"/>
    </row>
    <row r="335601" spans="14:14">
      <c r="N335601" s="10"/>
    </row>
    <row r="335602" spans="14:14">
      <c r="N335602" s="10"/>
    </row>
    <row r="335603" spans="14:14">
      <c r="N335603" s="10"/>
    </row>
    <row r="335604" spans="14:14">
      <c r="N335604" s="10"/>
    </row>
    <row r="335605" spans="14:14">
      <c r="N335605" s="10"/>
    </row>
    <row r="335606" spans="14:14">
      <c r="N335606" s="10"/>
    </row>
    <row r="335607" spans="14:14">
      <c r="N335607" s="10"/>
    </row>
    <row r="335608" spans="14:14">
      <c r="N335608" s="10"/>
    </row>
    <row r="335609" spans="14:14">
      <c r="N335609" s="10"/>
    </row>
    <row r="335610" spans="14:14">
      <c r="N335610" s="10"/>
    </row>
    <row r="335611" spans="14:14">
      <c r="N335611" s="10"/>
    </row>
    <row r="335612" spans="14:14">
      <c r="N335612" s="10"/>
    </row>
    <row r="335613" spans="14:14">
      <c r="N335613" s="10"/>
    </row>
    <row r="335614" spans="14:14">
      <c r="N335614" s="10"/>
    </row>
    <row r="335615" spans="14:14">
      <c r="N335615" s="10"/>
    </row>
    <row r="335616" spans="14:14">
      <c r="N335616" s="10"/>
    </row>
    <row r="335617" spans="14:14">
      <c r="N335617" s="10"/>
    </row>
    <row r="335618" spans="14:14">
      <c r="N335618" s="10"/>
    </row>
    <row r="335619" spans="14:14">
      <c r="N335619" s="10"/>
    </row>
    <row r="335620" spans="14:14">
      <c r="N335620" s="10"/>
    </row>
    <row r="335621" spans="14:14">
      <c r="N335621" s="10"/>
    </row>
    <row r="335622" spans="14:14">
      <c r="N335622" s="10"/>
    </row>
    <row r="335623" spans="14:14">
      <c r="N335623" s="10"/>
    </row>
    <row r="335624" spans="14:14">
      <c r="N335624" s="10"/>
    </row>
    <row r="335625" spans="14:14">
      <c r="N335625" s="10"/>
    </row>
    <row r="335626" spans="14:14">
      <c r="N335626" s="10"/>
    </row>
    <row r="335627" spans="14:14">
      <c r="N335627" s="10"/>
    </row>
    <row r="335628" spans="14:14">
      <c r="N335628" s="10"/>
    </row>
    <row r="335629" spans="14:14">
      <c r="N335629" s="10"/>
    </row>
    <row r="335630" spans="14:14">
      <c r="N335630" s="10"/>
    </row>
    <row r="335631" spans="14:14">
      <c r="N335631" s="10"/>
    </row>
    <row r="335632" spans="14:14">
      <c r="N335632" s="10"/>
    </row>
    <row r="335633" spans="14:14">
      <c r="N335633" s="10"/>
    </row>
    <row r="335634" spans="14:14">
      <c r="N335634" s="10"/>
    </row>
    <row r="335635" spans="14:14">
      <c r="N335635" s="10"/>
    </row>
    <row r="335636" spans="14:14">
      <c r="N335636" s="10"/>
    </row>
    <row r="335637" spans="14:14">
      <c r="N335637" s="10"/>
    </row>
    <row r="335638" spans="14:14">
      <c r="N335638" s="10"/>
    </row>
    <row r="335639" spans="14:14">
      <c r="N335639" s="10"/>
    </row>
    <row r="335640" spans="14:14">
      <c r="N335640" s="10"/>
    </row>
    <row r="335641" spans="14:14">
      <c r="N335641" s="10"/>
    </row>
    <row r="335642" spans="14:14">
      <c r="N335642" s="10"/>
    </row>
    <row r="335643" spans="14:14">
      <c r="N335643" s="10"/>
    </row>
    <row r="335644" spans="14:14">
      <c r="N335644" s="10"/>
    </row>
    <row r="335645" spans="14:14">
      <c r="N335645" s="10"/>
    </row>
    <row r="335646" spans="14:14">
      <c r="N335646" s="10"/>
    </row>
    <row r="335647" spans="14:14">
      <c r="N335647" s="10"/>
    </row>
    <row r="335648" spans="14:14">
      <c r="N335648" s="10"/>
    </row>
    <row r="335649" spans="14:14">
      <c r="N335649" s="10"/>
    </row>
    <row r="335650" spans="14:14">
      <c r="N335650" s="10"/>
    </row>
    <row r="335651" spans="14:14">
      <c r="N335651" s="10"/>
    </row>
    <row r="335652" spans="14:14">
      <c r="N335652" s="10"/>
    </row>
    <row r="335653" spans="14:14">
      <c r="N335653" s="10"/>
    </row>
    <row r="335654" spans="14:14">
      <c r="N335654" s="10"/>
    </row>
    <row r="335655" spans="14:14">
      <c r="N335655" s="10"/>
    </row>
    <row r="335656" spans="14:14">
      <c r="N335656" s="10"/>
    </row>
    <row r="335657" spans="14:14">
      <c r="N335657" s="10"/>
    </row>
    <row r="335658" spans="14:14">
      <c r="N335658" s="10"/>
    </row>
    <row r="335659" spans="14:14">
      <c r="N335659" s="10"/>
    </row>
    <row r="335660" spans="14:14">
      <c r="N335660" s="10"/>
    </row>
    <row r="335661" spans="14:14">
      <c r="N335661" s="10"/>
    </row>
    <row r="335662" spans="14:14">
      <c r="N335662" s="10"/>
    </row>
    <row r="335663" spans="14:14">
      <c r="N335663" s="10"/>
    </row>
    <row r="335664" spans="14:14">
      <c r="N335664" s="10"/>
    </row>
    <row r="335665" spans="14:14">
      <c r="N335665" s="10"/>
    </row>
    <row r="335666" spans="14:14">
      <c r="N335666" s="10"/>
    </row>
    <row r="335667" spans="14:14">
      <c r="N335667" s="10"/>
    </row>
    <row r="335668" spans="14:14">
      <c r="N335668" s="10"/>
    </row>
    <row r="335669" spans="14:14">
      <c r="N335669" s="10"/>
    </row>
    <row r="335670" spans="14:14">
      <c r="N335670" s="10"/>
    </row>
    <row r="335671" spans="14:14">
      <c r="N335671" s="10"/>
    </row>
    <row r="335672" spans="14:14">
      <c r="N335672" s="10"/>
    </row>
    <row r="335673" spans="14:14">
      <c r="N335673" s="10"/>
    </row>
    <row r="335674" spans="14:14">
      <c r="N335674" s="10"/>
    </row>
    <row r="335675" spans="14:14">
      <c r="N335675" s="10"/>
    </row>
    <row r="335676" spans="14:14">
      <c r="N335676" s="10"/>
    </row>
    <row r="335677" spans="14:14">
      <c r="N335677" s="10"/>
    </row>
    <row r="335678" spans="14:14">
      <c r="N335678" s="10"/>
    </row>
    <row r="335679" spans="14:14">
      <c r="N335679" s="10"/>
    </row>
    <row r="335680" spans="14:14">
      <c r="N335680" s="10"/>
    </row>
    <row r="335681" spans="14:14">
      <c r="N335681" s="10"/>
    </row>
    <row r="335682" spans="14:14">
      <c r="N335682" s="10"/>
    </row>
    <row r="335683" spans="14:14">
      <c r="N335683" s="10"/>
    </row>
    <row r="335684" spans="14:14">
      <c r="N335684" s="10"/>
    </row>
    <row r="335685" spans="14:14">
      <c r="N335685" s="10"/>
    </row>
    <row r="335686" spans="14:14">
      <c r="N335686" s="10"/>
    </row>
    <row r="335687" spans="14:14">
      <c r="N335687" s="10"/>
    </row>
    <row r="335688" spans="14:14">
      <c r="N335688" s="10"/>
    </row>
    <row r="335689" spans="14:14">
      <c r="N335689" s="10"/>
    </row>
    <row r="335690" spans="14:14">
      <c r="N335690" s="10"/>
    </row>
    <row r="335691" spans="14:14">
      <c r="N335691" s="10"/>
    </row>
    <row r="335692" spans="14:14">
      <c r="N335692" s="10"/>
    </row>
    <row r="335693" spans="14:14">
      <c r="N335693" s="10"/>
    </row>
    <row r="335694" spans="14:14">
      <c r="N335694" s="10"/>
    </row>
    <row r="335695" spans="14:14">
      <c r="N335695" s="10"/>
    </row>
    <row r="335696" spans="14:14">
      <c r="N335696" s="10"/>
    </row>
    <row r="335697" spans="14:14">
      <c r="N335697" s="10"/>
    </row>
    <row r="335698" spans="14:14">
      <c r="N335698" s="10"/>
    </row>
    <row r="335699" spans="14:14">
      <c r="N335699" s="10"/>
    </row>
    <row r="335700" spans="14:14">
      <c r="N335700" s="10"/>
    </row>
    <row r="335701" spans="14:14">
      <c r="N335701" s="10"/>
    </row>
    <row r="335702" spans="14:14">
      <c r="N335702" s="10"/>
    </row>
    <row r="335703" spans="14:14">
      <c r="N335703" s="10"/>
    </row>
    <row r="335704" spans="14:14">
      <c r="N335704" s="10"/>
    </row>
    <row r="335705" spans="14:14">
      <c r="N335705" s="10"/>
    </row>
    <row r="335706" spans="14:14">
      <c r="N335706" s="10"/>
    </row>
    <row r="335707" spans="14:14">
      <c r="N335707" s="10"/>
    </row>
    <row r="335708" spans="14:14">
      <c r="N335708" s="10"/>
    </row>
    <row r="335709" spans="14:14">
      <c r="N335709" s="10"/>
    </row>
    <row r="335710" spans="14:14">
      <c r="N335710" s="10"/>
    </row>
    <row r="335711" spans="14:14">
      <c r="N335711" s="10"/>
    </row>
    <row r="335712" spans="14:14">
      <c r="N335712" s="10"/>
    </row>
    <row r="335713" spans="14:14">
      <c r="N335713" s="10"/>
    </row>
    <row r="335714" spans="14:14">
      <c r="N335714" s="10"/>
    </row>
    <row r="335715" spans="14:14">
      <c r="N335715" s="10"/>
    </row>
    <row r="335716" spans="14:14">
      <c r="N335716" s="10"/>
    </row>
    <row r="335717" spans="14:14">
      <c r="N335717" s="10"/>
    </row>
    <row r="335718" spans="14:14">
      <c r="N335718" s="10"/>
    </row>
    <row r="335719" spans="14:14">
      <c r="N335719" s="10"/>
    </row>
    <row r="335720" spans="14:14">
      <c r="N335720" s="10"/>
    </row>
    <row r="335721" spans="14:14">
      <c r="N335721" s="10"/>
    </row>
    <row r="335722" spans="14:14">
      <c r="N335722" s="10"/>
    </row>
    <row r="335723" spans="14:14">
      <c r="N335723" s="10"/>
    </row>
    <row r="335724" spans="14:14">
      <c r="N335724" s="10"/>
    </row>
    <row r="335725" spans="14:14">
      <c r="N335725" s="10"/>
    </row>
    <row r="335726" spans="14:14">
      <c r="N335726" s="10"/>
    </row>
    <row r="335727" spans="14:14">
      <c r="N335727" s="10"/>
    </row>
    <row r="335728" spans="14:14">
      <c r="N335728" s="10"/>
    </row>
    <row r="335729" spans="14:14">
      <c r="N335729" s="10"/>
    </row>
    <row r="335730" spans="14:14">
      <c r="N335730" s="10"/>
    </row>
    <row r="335731" spans="14:14">
      <c r="N335731" s="10"/>
    </row>
    <row r="335732" spans="14:14">
      <c r="N335732" s="10"/>
    </row>
    <row r="335733" spans="14:14">
      <c r="N335733" s="10"/>
    </row>
    <row r="335734" spans="14:14">
      <c r="N335734" s="10"/>
    </row>
    <row r="335735" spans="14:14">
      <c r="N335735" s="10"/>
    </row>
    <row r="335736" spans="14:14">
      <c r="N335736" s="10"/>
    </row>
    <row r="335737" spans="14:14">
      <c r="N335737" s="10"/>
    </row>
    <row r="335738" spans="14:14">
      <c r="N335738" s="10"/>
    </row>
    <row r="335739" spans="14:14">
      <c r="N335739" s="10"/>
    </row>
    <row r="335740" spans="14:14">
      <c r="N335740" s="10"/>
    </row>
    <row r="335741" spans="14:14">
      <c r="N335741" s="10"/>
    </row>
    <row r="335742" spans="14:14">
      <c r="N335742" s="10"/>
    </row>
    <row r="335743" spans="14:14">
      <c r="N335743" s="10"/>
    </row>
    <row r="335744" spans="14:14">
      <c r="N335744" s="10"/>
    </row>
    <row r="335745" spans="14:14">
      <c r="N335745" s="10"/>
    </row>
    <row r="335746" spans="14:14">
      <c r="N335746" s="10"/>
    </row>
    <row r="335747" spans="14:14">
      <c r="N335747" s="10"/>
    </row>
    <row r="335748" spans="14:14">
      <c r="N335748" s="10"/>
    </row>
    <row r="335749" spans="14:14">
      <c r="N335749" s="10"/>
    </row>
    <row r="335750" spans="14:14">
      <c r="N335750" s="10"/>
    </row>
    <row r="335751" spans="14:14">
      <c r="N335751" s="10"/>
    </row>
    <row r="335752" spans="14:14">
      <c r="N335752" s="10"/>
    </row>
    <row r="335753" spans="14:14">
      <c r="N335753" s="10"/>
    </row>
    <row r="335754" spans="14:14">
      <c r="N335754" s="10"/>
    </row>
    <row r="335755" spans="14:14">
      <c r="N335755" s="10"/>
    </row>
    <row r="335756" spans="14:14">
      <c r="N335756" s="10"/>
    </row>
    <row r="335757" spans="14:14">
      <c r="N335757" s="10"/>
    </row>
    <row r="335758" spans="14:14">
      <c r="N335758" s="10"/>
    </row>
    <row r="335759" spans="14:14">
      <c r="N335759" s="10"/>
    </row>
    <row r="335760" spans="14:14">
      <c r="N335760" s="10"/>
    </row>
    <row r="335761" spans="14:14">
      <c r="N335761" s="10"/>
    </row>
    <row r="335762" spans="14:14">
      <c r="N335762" s="10"/>
    </row>
    <row r="335763" spans="14:14">
      <c r="N335763" s="10"/>
    </row>
    <row r="335764" spans="14:14">
      <c r="N335764" s="10"/>
    </row>
    <row r="335765" spans="14:14">
      <c r="N335765" s="10"/>
    </row>
    <row r="335766" spans="14:14">
      <c r="N335766" s="10"/>
    </row>
    <row r="335767" spans="14:14">
      <c r="N335767" s="10"/>
    </row>
    <row r="335768" spans="14:14">
      <c r="N335768" s="10"/>
    </row>
    <row r="335769" spans="14:14">
      <c r="N335769" s="10"/>
    </row>
    <row r="335770" spans="14:14">
      <c r="N335770" s="10"/>
    </row>
    <row r="335771" spans="14:14">
      <c r="N335771" s="10"/>
    </row>
    <row r="335772" spans="14:14">
      <c r="N335772" s="10"/>
    </row>
    <row r="335773" spans="14:14">
      <c r="N335773" s="10"/>
    </row>
    <row r="335774" spans="14:14">
      <c r="N335774" s="10"/>
    </row>
    <row r="335775" spans="14:14">
      <c r="N335775" s="10"/>
    </row>
    <row r="335776" spans="14:14">
      <c r="N335776" s="10"/>
    </row>
    <row r="335777" spans="14:14">
      <c r="N335777" s="10"/>
    </row>
    <row r="335778" spans="14:14">
      <c r="N335778" s="10"/>
    </row>
    <row r="335779" spans="14:14">
      <c r="N335779" s="10"/>
    </row>
    <row r="335780" spans="14:14">
      <c r="N335780" s="10"/>
    </row>
    <row r="335781" spans="14:14">
      <c r="N335781" s="10"/>
    </row>
    <row r="335782" spans="14:14">
      <c r="N335782" s="10"/>
    </row>
    <row r="335783" spans="14:14">
      <c r="N335783" s="10"/>
    </row>
    <row r="335784" spans="14:14">
      <c r="N335784" s="10"/>
    </row>
    <row r="335785" spans="14:14">
      <c r="N335785" s="10"/>
    </row>
    <row r="335786" spans="14:14">
      <c r="N335786" s="10"/>
    </row>
    <row r="335787" spans="14:14">
      <c r="N335787" s="10"/>
    </row>
    <row r="335788" spans="14:14">
      <c r="N335788" s="10"/>
    </row>
    <row r="335789" spans="14:14">
      <c r="N335789" s="10"/>
    </row>
    <row r="335790" spans="14:14">
      <c r="N335790" s="10"/>
    </row>
    <row r="335791" spans="14:14">
      <c r="N335791" s="10"/>
    </row>
    <row r="335792" spans="14:14">
      <c r="N335792" s="10"/>
    </row>
    <row r="335793" spans="14:14">
      <c r="N335793" s="10"/>
    </row>
    <row r="335794" spans="14:14">
      <c r="N335794" s="10"/>
    </row>
    <row r="335795" spans="14:14">
      <c r="N335795" s="10"/>
    </row>
    <row r="335796" spans="14:14">
      <c r="N335796" s="10"/>
    </row>
    <row r="335797" spans="14:14">
      <c r="N335797" s="10"/>
    </row>
    <row r="335798" spans="14:14">
      <c r="N335798" s="10"/>
    </row>
    <row r="335799" spans="14:14">
      <c r="N335799" s="10"/>
    </row>
    <row r="335800" spans="14:14">
      <c r="N335800" s="10"/>
    </row>
    <row r="335801" spans="14:14">
      <c r="N335801" s="10"/>
    </row>
    <row r="335802" spans="14:14">
      <c r="N335802" s="10"/>
    </row>
    <row r="335803" spans="14:14">
      <c r="N335803" s="10"/>
    </row>
    <row r="335804" spans="14:14">
      <c r="N335804" s="10"/>
    </row>
    <row r="335805" spans="14:14">
      <c r="N335805" s="10"/>
    </row>
    <row r="335806" spans="14:14">
      <c r="N335806" s="10"/>
    </row>
    <row r="335807" spans="14:14">
      <c r="N335807" s="10"/>
    </row>
    <row r="335808" spans="14:14">
      <c r="N335808" s="10"/>
    </row>
    <row r="335809" spans="14:14">
      <c r="N335809" s="10"/>
    </row>
    <row r="335810" spans="14:14">
      <c r="N335810" s="10"/>
    </row>
    <row r="335811" spans="14:14">
      <c r="N335811" s="10"/>
    </row>
    <row r="335812" spans="14:14">
      <c r="N335812" s="10"/>
    </row>
    <row r="335813" spans="14:14">
      <c r="N335813" s="10"/>
    </row>
    <row r="335814" spans="14:14">
      <c r="N335814" s="10"/>
    </row>
    <row r="335815" spans="14:14">
      <c r="N335815" s="10"/>
    </row>
    <row r="335816" spans="14:14">
      <c r="N335816" s="10"/>
    </row>
    <row r="335817" spans="14:14">
      <c r="N335817" s="10"/>
    </row>
    <row r="335818" spans="14:14">
      <c r="N335818" s="10"/>
    </row>
    <row r="335819" spans="14:14">
      <c r="N335819" s="10"/>
    </row>
    <row r="335820" spans="14:14">
      <c r="N335820" s="10"/>
    </row>
    <row r="335821" spans="14:14">
      <c r="N335821" s="10"/>
    </row>
    <row r="335822" spans="14:14">
      <c r="N335822" s="10"/>
    </row>
    <row r="335823" spans="14:14">
      <c r="N335823" s="10"/>
    </row>
    <row r="335824" spans="14:14">
      <c r="N335824" s="10"/>
    </row>
    <row r="335825" spans="14:14">
      <c r="N335825" s="10"/>
    </row>
    <row r="335826" spans="14:14">
      <c r="N335826" s="10"/>
    </row>
    <row r="335827" spans="14:14">
      <c r="N335827" s="10"/>
    </row>
    <row r="335828" spans="14:14">
      <c r="N335828" s="10"/>
    </row>
    <row r="335829" spans="14:14">
      <c r="N335829" s="10"/>
    </row>
    <row r="335830" spans="14:14">
      <c r="N335830" s="10"/>
    </row>
    <row r="335831" spans="14:14">
      <c r="N335831" s="10"/>
    </row>
    <row r="335832" spans="14:14">
      <c r="N335832" s="10"/>
    </row>
    <row r="335833" spans="14:14">
      <c r="N335833" s="10"/>
    </row>
    <row r="335834" spans="14:14">
      <c r="N335834" s="10"/>
    </row>
    <row r="335835" spans="14:14">
      <c r="N335835" s="10"/>
    </row>
    <row r="335836" spans="14:14">
      <c r="N335836" s="10"/>
    </row>
    <row r="335837" spans="14:14">
      <c r="N335837" s="10"/>
    </row>
    <row r="335838" spans="14:14">
      <c r="N335838" s="10"/>
    </row>
    <row r="335839" spans="14:14">
      <c r="N335839" s="10"/>
    </row>
    <row r="335840" spans="14:14">
      <c r="N335840" s="10"/>
    </row>
    <row r="335841" spans="14:14">
      <c r="N335841" s="10"/>
    </row>
    <row r="335842" spans="14:14">
      <c r="N335842" s="10"/>
    </row>
    <row r="335843" spans="14:14">
      <c r="N335843" s="10"/>
    </row>
    <row r="335844" spans="14:14">
      <c r="N335844" s="10"/>
    </row>
    <row r="335845" spans="14:14">
      <c r="N335845" s="10"/>
    </row>
    <row r="335846" spans="14:14">
      <c r="N335846" s="10"/>
    </row>
    <row r="335847" spans="14:14">
      <c r="N335847" s="10"/>
    </row>
    <row r="335848" spans="14:14">
      <c r="N335848" s="10"/>
    </row>
    <row r="335849" spans="14:14">
      <c r="N335849" s="10"/>
    </row>
    <row r="335850" spans="14:14">
      <c r="N335850" s="10"/>
    </row>
    <row r="335851" spans="14:14">
      <c r="N335851" s="10"/>
    </row>
    <row r="335852" spans="14:14">
      <c r="N335852" s="10"/>
    </row>
    <row r="335853" spans="14:14">
      <c r="N335853" s="10"/>
    </row>
    <row r="335854" spans="14:14">
      <c r="N335854" s="10"/>
    </row>
    <row r="335855" spans="14:14">
      <c r="N335855" s="10"/>
    </row>
    <row r="335856" spans="14:14">
      <c r="N335856" s="10"/>
    </row>
    <row r="335857" spans="14:14">
      <c r="N335857" s="10"/>
    </row>
    <row r="335858" spans="14:14">
      <c r="N335858" s="10"/>
    </row>
    <row r="335859" spans="14:14">
      <c r="N335859" s="10"/>
    </row>
    <row r="335860" spans="14:14">
      <c r="N335860" s="10"/>
    </row>
    <row r="335861" spans="14:14">
      <c r="N335861" s="10"/>
    </row>
    <row r="335862" spans="14:14">
      <c r="N335862" s="10"/>
    </row>
    <row r="335863" spans="14:14">
      <c r="N335863" s="10"/>
    </row>
    <row r="335864" spans="14:14">
      <c r="N335864" s="10"/>
    </row>
    <row r="335865" spans="14:14">
      <c r="N335865" s="10"/>
    </row>
    <row r="335866" spans="14:14">
      <c r="N335866" s="10"/>
    </row>
    <row r="335867" spans="14:14">
      <c r="N335867" s="10"/>
    </row>
    <row r="335868" spans="14:14">
      <c r="N335868" s="10"/>
    </row>
    <row r="335869" spans="14:14">
      <c r="N335869" s="10"/>
    </row>
    <row r="335870" spans="14:14">
      <c r="N335870" s="10"/>
    </row>
    <row r="335871" spans="14:14">
      <c r="N335871" s="10"/>
    </row>
    <row r="335872" spans="14:14">
      <c r="N335872" s="10"/>
    </row>
    <row r="335873" spans="14:14">
      <c r="N335873" s="10"/>
    </row>
    <row r="335874" spans="14:14">
      <c r="N335874" s="10"/>
    </row>
    <row r="335875" spans="14:14">
      <c r="N335875" s="10"/>
    </row>
    <row r="335876" spans="14:14">
      <c r="N335876" s="10"/>
    </row>
    <row r="335877" spans="14:14">
      <c r="N335877" s="10"/>
    </row>
    <row r="335878" spans="14:14">
      <c r="N335878" s="10"/>
    </row>
    <row r="335879" spans="14:14">
      <c r="N335879" s="10"/>
    </row>
    <row r="335880" spans="14:14">
      <c r="N335880" s="10"/>
    </row>
    <row r="335881" spans="14:14">
      <c r="N335881" s="10"/>
    </row>
    <row r="335882" spans="14:14">
      <c r="N335882" s="10"/>
    </row>
    <row r="335883" spans="14:14">
      <c r="N335883" s="10"/>
    </row>
    <row r="335884" spans="14:14">
      <c r="N335884" s="10"/>
    </row>
    <row r="335885" spans="14:14">
      <c r="N335885" s="10"/>
    </row>
    <row r="335886" spans="14:14">
      <c r="N335886" s="10"/>
    </row>
    <row r="335887" spans="14:14">
      <c r="N335887" s="10"/>
    </row>
    <row r="335888" spans="14:14">
      <c r="N335888" s="10"/>
    </row>
    <row r="335889" spans="14:14">
      <c r="N335889" s="10"/>
    </row>
    <row r="335890" spans="14:14">
      <c r="N335890" s="10"/>
    </row>
    <row r="335891" spans="14:14">
      <c r="N335891" s="10"/>
    </row>
    <row r="335892" spans="14:14">
      <c r="N335892" s="10"/>
    </row>
    <row r="335893" spans="14:14">
      <c r="N335893" s="10"/>
    </row>
    <row r="335894" spans="14:14">
      <c r="N335894" s="10"/>
    </row>
    <row r="335895" spans="14:14">
      <c r="N335895" s="10"/>
    </row>
    <row r="335896" spans="14:14">
      <c r="N335896" s="10"/>
    </row>
    <row r="335897" spans="14:14">
      <c r="N335897" s="10"/>
    </row>
    <row r="335898" spans="14:14">
      <c r="N335898" s="10"/>
    </row>
    <row r="335899" spans="14:14">
      <c r="N335899" s="10"/>
    </row>
    <row r="335900" spans="14:14">
      <c r="N335900" s="10"/>
    </row>
    <row r="335901" spans="14:14">
      <c r="N335901" s="10"/>
    </row>
    <row r="335902" spans="14:14">
      <c r="N335902" s="10"/>
    </row>
    <row r="335903" spans="14:14">
      <c r="N335903" s="10"/>
    </row>
    <row r="335904" spans="14:14">
      <c r="N335904" s="10"/>
    </row>
    <row r="335905" spans="14:14">
      <c r="N335905" s="10"/>
    </row>
    <row r="335906" spans="14:14">
      <c r="N335906" s="10"/>
    </row>
    <row r="335907" spans="14:14">
      <c r="N335907" s="10"/>
    </row>
    <row r="335908" spans="14:14">
      <c r="N335908" s="10"/>
    </row>
    <row r="335909" spans="14:14">
      <c r="N335909" s="10"/>
    </row>
    <row r="335910" spans="14:14">
      <c r="N335910" s="10"/>
    </row>
    <row r="335911" spans="14:14">
      <c r="N335911" s="10"/>
    </row>
    <row r="335912" spans="14:14">
      <c r="N335912" s="10"/>
    </row>
    <row r="335913" spans="14:14">
      <c r="N335913" s="10"/>
    </row>
    <row r="335914" spans="14:14">
      <c r="N335914" s="10"/>
    </row>
    <row r="335915" spans="14:14">
      <c r="N335915" s="10"/>
    </row>
    <row r="335916" spans="14:14">
      <c r="N335916" s="10"/>
    </row>
    <row r="335917" spans="14:14">
      <c r="N335917" s="10"/>
    </row>
    <row r="335918" spans="14:14">
      <c r="N335918" s="10"/>
    </row>
    <row r="335919" spans="14:14">
      <c r="N335919" s="10"/>
    </row>
    <row r="335920" spans="14:14">
      <c r="N335920" s="10"/>
    </row>
    <row r="335921" spans="14:14">
      <c r="N335921" s="10"/>
    </row>
    <row r="335922" spans="14:14">
      <c r="N335922" s="10"/>
    </row>
    <row r="335923" spans="14:14">
      <c r="N335923" s="10"/>
    </row>
    <row r="335924" spans="14:14">
      <c r="N335924" s="10"/>
    </row>
    <row r="335925" spans="14:14">
      <c r="N335925" s="10"/>
    </row>
    <row r="335926" spans="14:14">
      <c r="N335926" s="10"/>
    </row>
    <row r="335927" spans="14:14">
      <c r="N335927" s="10"/>
    </row>
    <row r="335928" spans="14:14">
      <c r="N335928" s="10"/>
    </row>
    <row r="335929" spans="14:14">
      <c r="N335929" s="10"/>
    </row>
    <row r="335930" spans="14:14">
      <c r="N335930" s="10"/>
    </row>
    <row r="335931" spans="14:14">
      <c r="N335931" s="10"/>
    </row>
    <row r="335932" spans="14:14">
      <c r="N335932" s="10"/>
    </row>
    <row r="335933" spans="14:14">
      <c r="N335933" s="10"/>
    </row>
    <row r="335934" spans="14:14">
      <c r="N335934" s="10"/>
    </row>
    <row r="335935" spans="14:14">
      <c r="N335935" s="10"/>
    </row>
    <row r="335936" spans="14:14">
      <c r="N335936" s="10"/>
    </row>
    <row r="335937" spans="14:14">
      <c r="N335937" s="10"/>
    </row>
    <row r="335938" spans="14:14">
      <c r="N335938" s="10"/>
    </row>
    <row r="335939" spans="14:14">
      <c r="N335939" s="10"/>
    </row>
    <row r="335940" spans="14:14">
      <c r="N335940" s="10"/>
    </row>
    <row r="335941" spans="14:14">
      <c r="N335941" s="10"/>
    </row>
    <row r="335942" spans="14:14">
      <c r="N335942" s="10"/>
    </row>
    <row r="335943" spans="14:14">
      <c r="N335943" s="10"/>
    </row>
    <row r="335944" spans="14:14">
      <c r="N335944" s="10"/>
    </row>
    <row r="335945" spans="14:14">
      <c r="N335945" s="10"/>
    </row>
    <row r="335946" spans="14:14">
      <c r="N335946" s="10"/>
    </row>
    <row r="335947" spans="14:14">
      <c r="N335947" s="10"/>
    </row>
    <row r="335948" spans="14:14">
      <c r="N335948" s="10"/>
    </row>
    <row r="335949" spans="14:14">
      <c r="N335949" s="10"/>
    </row>
    <row r="335950" spans="14:14">
      <c r="N335950" s="10"/>
    </row>
    <row r="335951" spans="14:14">
      <c r="N335951" s="10"/>
    </row>
    <row r="335952" spans="14:14">
      <c r="N335952" s="10"/>
    </row>
    <row r="335953" spans="14:14">
      <c r="N335953" s="10"/>
    </row>
    <row r="335954" spans="14:14">
      <c r="N335954" s="10"/>
    </row>
    <row r="335955" spans="14:14">
      <c r="N335955" s="10"/>
    </row>
    <row r="335956" spans="14:14">
      <c r="N335956" s="10"/>
    </row>
    <row r="335957" spans="14:14">
      <c r="N335957" s="10"/>
    </row>
    <row r="335958" spans="14:14">
      <c r="N335958" s="10"/>
    </row>
    <row r="335959" spans="14:14">
      <c r="N335959" s="10"/>
    </row>
    <row r="335960" spans="14:14">
      <c r="N335960" s="10"/>
    </row>
    <row r="335961" spans="14:14">
      <c r="N335961" s="10"/>
    </row>
    <row r="335962" spans="14:14">
      <c r="N335962" s="10"/>
    </row>
    <row r="335963" spans="14:14">
      <c r="N335963" s="10"/>
    </row>
    <row r="335964" spans="14:14">
      <c r="N335964" s="10"/>
    </row>
    <row r="335965" spans="14:14">
      <c r="N335965" s="10"/>
    </row>
    <row r="335966" spans="14:14">
      <c r="N335966" s="10"/>
    </row>
    <row r="335967" spans="14:14">
      <c r="N335967" s="10"/>
    </row>
    <row r="335968" spans="14:14">
      <c r="N335968" s="10"/>
    </row>
    <row r="335969" spans="14:14">
      <c r="N335969" s="10"/>
    </row>
    <row r="335970" spans="14:14">
      <c r="N335970" s="10"/>
    </row>
    <row r="335971" spans="14:14">
      <c r="N335971" s="10"/>
    </row>
    <row r="335972" spans="14:14">
      <c r="N335972" s="10"/>
    </row>
    <row r="335973" spans="14:14">
      <c r="N335973" s="10"/>
    </row>
    <row r="335974" spans="14:14">
      <c r="N335974" s="10"/>
    </row>
    <row r="335975" spans="14:14">
      <c r="N335975" s="10"/>
    </row>
    <row r="335976" spans="14:14">
      <c r="N335976" s="10"/>
    </row>
    <row r="335977" spans="14:14">
      <c r="N335977" s="10"/>
    </row>
    <row r="335978" spans="14:14">
      <c r="N335978" s="10"/>
    </row>
    <row r="335979" spans="14:14">
      <c r="N335979" s="10"/>
    </row>
    <row r="335980" spans="14:14">
      <c r="N335980" s="10"/>
    </row>
    <row r="335981" spans="14:14">
      <c r="N335981" s="10"/>
    </row>
    <row r="335982" spans="14:14">
      <c r="N335982" s="10"/>
    </row>
    <row r="335983" spans="14:14">
      <c r="N335983" s="10"/>
    </row>
    <row r="335984" spans="14:14">
      <c r="N335984" s="10"/>
    </row>
    <row r="335985" spans="14:14">
      <c r="N335985" s="10"/>
    </row>
    <row r="335986" spans="14:14">
      <c r="N335986" s="10"/>
    </row>
    <row r="335987" spans="14:14">
      <c r="N335987" s="10"/>
    </row>
    <row r="335988" spans="14:14">
      <c r="N335988" s="10"/>
    </row>
    <row r="335989" spans="14:14">
      <c r="N335989" s="10"/>
    </row>
    <row r="335990" spans="14:14">
      <c r="N335990" s="10"/>
    </row>
    <row r="335991" spans="14:14">
      <c r="N335991" s="10"/>
    </row>
    <row r="335992" spans="14:14">
      <c r="N335992" s="10"/>
    </row>
    <row r="335993" spans="14:14">
      <c r="N335993" s="10"/>
    </row>
    <row r="335994" spans="14:14">
      <c r="N335994" s="10"/>
    </row>
    <row r="335995" spans="14:14">
      <c r="N335995" s="10"/>
    </row>
    <row r="335996" spans="14:14">
      <c r="N335996" s="10"/>
    </row>
    <row r="335997" spans="14:14">
      <c r="N335997" s="10"/>
    </row>
    <row r="335998" spans="14:14">
      <c r="N335998" s="10"/>
    </row>
    <row r="335999" spans="14:14">
      <c r="N335999" s="10"/>
    </row>
    <row r="336000" spans="14:14">
      <c r="N336000" s="10"/>
    </row>
    <row r="336001" spans="14:14">
      <c r="N336001" s="10"/>
    </row>
    <row r="336002" spans="14:14">
      <c r="N336002" s="10"/>
    </row>
    <row r="336003" spans="14:14">
      <c r="N336003" s="10"/>
    </row>
    <row r="336004" spans="14:14">
      <c r="N336004" s="10"/>
    </row>
    <row r="336005" spans="14:14">
      <c r="N336005" s="10"/>
    </row>
    <row r="336006" spans="14:14">
      <c r="N336006" s="10"/>
    </row>
    <row r="336007" spans="14:14">
      <c r="N336007" s="10"/>
    </row>
    <row r="336008" spans="14:14">
      <c r="N336008" s="10"/>
    </row>
    <row r="336009" spans="14:14">
      <c r="N336009" s="10"/>
    </row>
    <row r="336010" spans="14:14">
      <c r="N336010" s="10"/>
    </row>
    <row r="336011" spans="14:14">
      <c r="N336011" s="10"/>
    </row>
    <row r="336012" spans="14:14">
      <c r="N336012" s="10"/>
    </row>
    <row r="336013" spans="14:14">
      <c r="N336013" s="10"/>
    </row>
    <row r="336014" spans="14:14">
      <c r="N336014" s="10"/>
    </row>
    <row r="336015" spans="14:14">
      <c r="N336015" s="10"/>
    </row>
    <row r="336016" spans="14:14">
      <c r="N336016" s="10"/>
    </row>
    <row r="336017" spans="14:14">
      <c r="N336017" s="10"/>
    </row>
    <row r="336018" spans="14:14">
      <c r="N336018" s="10"/>
    </row>
    <row r="336019" spans="14:14">
      <c r="N336019" s="10"/>
    </row>
    <row r="336020" spans="14:14">
      <c r="N336020" s="10"/>
    </row>
    <row r="336021" spans="14:14">
      <c r="N336021" s="10"/>
    </row>
    <row r="336022" spans="14:14">
      <c r="N336022" s="10"/>
    </row>
    <row r="336023" spans="14:14">
      <c r="N336023" s="10"/>
    </row>
    <row r="336024" spans="14:14">
      <c r="N336024" s="10"/>
    </row>
    <row r="336025" spans="14:14">
      <c r="N336025" s="10"/>
    </row>
    <row r="336026" spans="14:14">
      <c r="N336026" s="10"/>
    </row>
    <row r="336027" spans="14:14">
      <c r="N336027" s="10"/>
    </row>
    <row r="336028" spans="14:14">
      <c r="N336028" s="10"/>
    </row>
    <row r="336029" spans="14:14">
      <c r="N336029" s="10"/>
    </row>
    <row r="336030" spans="14:14">
      <c r="N336030" s="10"/>
    </row>
    <row r="336031" spans="14:14">
      <c r="N336031" s="10"/>
    </row>
    <row r="336032" spans="14:14">
      <c r="N336032" s="10"/>
    </row>
    <row r="336033" spans="14:14">
      <c r="N336033" s="10"/>
    </row>
    <row r="336034" spans="14:14">
      <c r="N336034" s="10"/>
    </row>
    <row r="336035" spans="14:14">
      <c r="N336035" s="10"/>
    </row>
    <row r="336036" spans="14:14">
      <c r="N336036" s="10"/>
    </row>
    <row r="336037" spans="14:14">
      <c r="N336037" s="10"/>
    </row>
    <row r="336038" spans="14:14">
      <c r="N336038" s="10"/>
    </row>
    <row r="336039" spans="14:14">
      <c r="N336039" s="10"/>
    </row>
    <row r="336040" spans="14:14">
      <c r="N336040" s="10"/>
    </row>
    <row r="336041" spans="14:14">
      <c r="N336041" s="10"/>
    </row>
    <row r="336042" spans="14:14">
      <c r="N336042" s="10"/>
    </row>
    <row r="336043" spans="14:14">
      <c r="N336043" s="10"/>
    </row>
    <row r="336044" spans="14:14">
      <c r="N336044" s="10"/>
    </row>
    <row r="336045" spans="14:14">
      <c r="N336045" s="10"/>
    </row>
    <row r="336046" spans="14:14">
      <c r="N336046" s="10"/>
    </row>
    <row r="336047" spans="14:14">
      <c r="N336047" s="10"/>
    </row>
    <row r="336048" spans="14:14">
      <c r="N336048" s="10"/>
    </row>
    <row r="336049" spans="14:14">
      <c r="N336049" s="10"/>
    </row>
    <row r="336050" spans="14:14">
      <c r="N336050" s="10"/>
    </row>
    <row r="336051" spans="14:14">
      <c r="N336051" s="10"/>
    </row>
    <row r="336052" spans="14:14">
      <c r="N336052" s="10"/>
    </row>
    <row r="336053" spans="14:14">
      <c r="N336053" s="10"/>
    </row>
    <row r="336054" spans="14:14">
      <c r="N336054" s="10"/>
    </row>
    <row r="336055" spans="14:14">
      <c r="N336055" s="10"/>
    </row>
    <row r="336056" spans="14:14">
      <c r="N336056" s="10"/>
    </row>
    <row r="336057" spans="14:14">
      <c r="N336057" s="10"/>
    </row>
    <row r="336058" spans="14:14">
      <c r="N336058" s="10"/>
    </row>
    <row r="336059" spans="14:14">
      <c r="N336059" s="10"/>
    </row>
    <row r="336060" spans="14:14">
      <c r="N336060" s="10"/>
    </row>
    <row r="336061" spans="14:14">
      <c r="N336061" s="10"/>
    </row>
    <row r="336062" spans="14:14">
      <c r="N336062" s="10"/>
    </row>
    <row r="336063" spans="14:14">
      <c r="N336063" s="10"/>
    </row>
    <row r="336064" spans="14:14">
      <c r="N336064" s="10"/>
    </row>
    <row r="336065" spans="14:14">
      <c r="N336065" s="10"/>
    </row>
    <row r="336066" spans="14:14">
      <c r="N336066" s="10"/>
    </row>
    <row r="336067" spans="14:14">
      <c r="N336067" s="10"/>
    </row>
    <row r="336068" spans="14:14">
      <c r="N336068" s="10"/>
    </row>
    <row r="336069" spans="14:14">
      <c r="N336069" s="10"/>
    </row>
    <row r="336070" spans="14:14">
      <c r="N336070" s="10"/>
    </row>
    <row r="336071" spans="14:14">
      <c r="N336071" s="10"/>
    </row>
    <row r="336072" spans="14:14">
      <c r="N336072" s="10"/>
    </row>
    <row r="336073" spans="14:14">
      <c r="N336073" s="10"/>
    </row>
    <row r="336074" spans="14:14">
      <c r="N336074" s="10"/>
    </row>
    <row r="336075" spans="14:14">
      <c r="N336075" s="10"/>
    </row>
    <row r="336076" spans="14:14">
      <c r="N336076" s="10"/>
    </row>
    <row r="336077" spans="14:14">
      <c r="N336077" s="10"/>
    </row>
    <row r="336078" spans="14:14">
      <c r="N336078" s="10"/>
    </row>
    <row r="336079" spans="14:14">
      <c r="N336079" s="10"/>
    </row>
    <row r="336080" spans="14:14">
      <c r="N336080" s="10"/>
    </row>
    <row r="336081" spans="14:14">
      <c r="N336081" s="10"/>
    </row>
    <row r="336082" spans="14:14">
      <c r="N336082" s="10"/>
    </row>
    <row r="336083" spans="14:14">
      <c r="N336083" s="10"/>
    </row>
    <row r="336084" spans="14:14">
      <c r="N336084" s="10"/>
    </row>
    <row r="336085" spans="14:14">
      <c r="N336085" s="10"/>
    </row>
    <row r="336086" spans="14:14">
      <c r="N336086" s="10"/>
    </row>
    <row r="336087" spans="14:14">
      <c r="N336087" s="10"/>
    </row>
    <row r="336088" spans="14:14">
      <c r="N336088" s="10"/>
    </row>
    <row r="336089" spans="14:14">
      <c r="N336089" s="10"/>
    </row>
    <row r="336090" spans="14:14">
      <c r="N336090" s="10"/>
    </row>
    <row r="336091" spans="14:14">
      <c r="N336091" s="10"/>
    </row>
    <row r="336092" spans="14:14">
      <c r="N336092" s="10"/>
    </row>
    <row r="336093" spans="14:14">
      <c r="N336093" s="10"/>
    </row>
    <row r="336094" spans="14:14">
      <c r="N336094" s="10"/>
    </row>
    <row r="336095" spans="14:14">
      <c r="N336095" s="10"/>
    </row>
    <row r="336096" spans="14:14">
      <c r="N336096" s="10"/>
    </row>
    <row r="336097" spans="14:14">
      <c r="N336097" s="10"/>
    </row>
    <row r="336098" spans="14:14">
      <c r="N336098" s="10"/>
    </row>
    <row r="336099" spans="14:14">
      <c r="N336099" s="10"/>
    </row>
    <row r="336100" spans="14:14">
      <c r="N336100" s="10"/>
    </row>
    <row r="336101" spans="14:14">
      <c r="N336101" s="10"/>
    </row>
    <row r="336102" spans="14:14">
      <c r="N336102" s="10"/>
    </row>
    <row r="336103" spans="14:14">
      <c r="N336103" s="10"/>
    </row>
    <row r="336104" spans="14:14">
      <c r="N336104" s="10"/>
    </row>
    <row r="336105" spans="14:14">
      <c r="N336105" s="10"/>
    </row>
    <row r="336106" spans="14:14">
      <c r="N336106" s="10"/>
    </row>
    <row r="336107" spans="14:14">
      <c r="N336107" s="10"/>
    </row>
    <row r="336108" spans="14:14">
      <c r="N336108" s="10"/>
    </row>
    <row r="336109" spans="14:14">
      <c r="N336109" s="10"/>
    </row>
    <row r="336110" spans="14:14">
      <c r="N336110" s="10"/>
    </row>
    <row r="336111" spans="14:14">
      <c r="N336111" s="10"/>
    </row>
    <row r="336112" spans="14:14">
      <c r="N336112" s="10"/>
    </row>
    <row r="336113" spans="14:14">
      <c r="N336113" s="10"/>
    </row>
    <row r="336114" spans="14:14">
      <c r="N336114" s="10"/>
    </row>
    <row r="336115" spans="14:14">
      <c r="N336115" s="10"/>
    </row>
    <row r="336116" spans="14:14">
      <c r="N336116" s="10"/>
    </row>
    <row r="336117" spans="14:14">
      <c r="N336117" s="10"/>
    </row>
    <row r="336118" spans="14:14">
      <c r="N336118" s="10"/>
    </row>
    <row r="336119" spans="14:14">
      <c r="N336119" s="10"/>
    </row>
    <row r="336120" spans="14:14">
      <c r="N336120" s="10"/>
    </row>
    <row r="336121" spans="14:14">
      <c r="N336121" s="10"/>
    </row>
    <row r="336122" spans="14:14">
      <c r="N336122" s="10"/>
    </row>
    <row r="336123" spans="14:14">
      <c r="N336123" s="10"/>
    </row>
    <row r="336124" spans="14:14">
      <c r="N336124" s="10"/>
    </row>
    <row r="336125" spans="14:14">
      <c r="N336125" s="10"/>
    </row>
    <row r="336126" spans="14:14">
      <c r="N336126" s="10"/>
    </row>
    <row r="336127" spans="14:14">
      <c r="N336127" s="10"/>
    </row>
    <row r="336128" spans="14:14">
      <c r="N336128" s="10"/>
    </row>
    <row r="336129" spans="14:14">
      <c r="N336129" s="10"/>
    </row>
    <row r="336130" spans="14:14">
      <c r="N336130" s="10"/>
    </row>
    <row r="336131" spans="14:14">
      <c r="N336131" s="10"/>
    </row>
    <row r="336132" spans="14:14">
      <c r="N336132" s="10"/>
    </row>
    <row r="336133" spans="14:14">
      <c r="N336133" s="10"/>
    </row>
    <row r="336134" spans="14:14">
      <c r="N336134" s="10"/>
    </row>
    <row r="336135" spans="14:14">
      <c r="N336135" s="10"/>
    </row>
    <row r="336136" spans="14:14">
      <c r="N336136" s="10"/>
    </row>
    <row r="336137" spans="14:14">
      <c r="N336137" s="10"/>
    </row>
    <row r="336138" spans="14:14">
      <c r="N336138" s="10"/>
    </row>
    <row r="336139" spans="14:14">
      <c r="N336139" s="10"/>
    </row>
    <row r="336140" spans="14:14">
      <c r="N336140" s="10"/>
    </row>
    <row r="336141" spans="14:14">
      <c r="N336141" s="10"/>
    </row>
    <row r="336142" spans="14:14">
      <c r="N336142" s="10"/>
    </row>
    <row r="336143" spans="14:14">
      <c r="N336143" s="10"/>
    </row>
    <row r="336144" spans="14:14">
      <c r="N336144" s="10"/>
    </row>
    <row r="336145" spans="14:14">
      <c r="N336145" s="10"/>
    </row>
    <row r="336146" spans="14:14">
      <c r="N336146" s="10"/>
    </row>
    <row r="336147" spans="14:14">
      <c r="N336147" s="10"/>
    </row>
    <row r="336148" spans="14:14">
      <c r="N336148" s="10"/>
    </row>
    <row r="336149" spans="14:14">
      <c r="N336149" s="10"/>
    </row>
    <row r="336150" spans="14:14">
      <c r="N336150" s="10"/>
    </row>
    <row r="336151" spans="14:14">
      <c r="N336151" s="10"/>
    </row>
    <row r="336152" spans="14:14">
      <c r="N336152" s="10"/>
    </row>
    <row r="336153" spans="14:14">
      <c r="N336153" s="10"/>
    </row>
    <row r="336154" spans="14:14">
      <c r="N336154" s="10"/>
    </row>
    <row r="336155" spans="14:14">
      <c r="N336155" s="10"/>
    </row>
    <row r="336156" spans="14:14">
      <c r="N336156" s="10"/>
    </row>
    <row r="336157" spans="14:14">
      <c r="N336157" s="10"/>
    </row>
    <row r="336158" spans="14:14">
      <c r="N336158" s="10"/>
    </row>
    <row r="336159" spans="14:14">
      <c r="N336159" s="10"/>
    </row>
    <row r="336160" spans="14:14">
      <c r="N336160" s="10"/>
    </row>
    <row r="336161" spans="14:14">
      <c r="N336161" s="10"/>
    </row>
    <row r="336162" spans="14:14">
      <c r="N336162" s="10"/>
    </row>
    <row r="336163" spans="14:14">
      <c r="N336163" s="10"/>
    </row>
    <row r="336164" spans="14:14">
      <c r="N336164" s="10"/>
    </row>
    <row r="336165" spans="14:14">
      <c r="N336165" s="10"/>
    </row>
    <row r="336166" spans="14:14">
      <c r="N336166" s="10"/>
    </row>
    <row r="336167" spans="14:14">
      <c r="N336167" s="10"/>
    </row>
    <row r="336168" spans="14:14">
      <c r="N336168" s="10"/>
    </row>
    <row r="336169" spans="14:14">
      <c r="N336169" s="10"/>
    </row>
    <row r="336170" spans="14:14">
      <c r="N336170" s="10"/>
    </row>
    <row r="336171" spans="14:14">
      <c r="N336171" s="10"/>
    </row>
    <row r="336172" spans="14:14">
      <c r="N336172" s="10"/>
    </row>
    <row r="336173" spans="14:14">
      <c r="N336173" s="10"/>
    </row>
    <row r="336174" spans="14:14">
      <c r="N336174" s="10"/>
    </row>
    <row r="336175" spans="14:14">
      <c r="N336175" s="10"/>
    </row>
    <row r="336176" spans="14:14">
      <c r="N336176" s="10"/>
    </row>
    <row r="336177" spans="14:14">
      <c r="N336177" s="10"/>
    </row>
    <row r="336178" spans="14:14">
      <c r="N336178" s="10"/>
    </row>
    <row r="336179" spans="14:14">
      <c r="N336179" s="10"/>
    </row>
    <row r="336180" spans="14:14">
      <c r="N336180" s="10"/>
    </row>
    <row r="336181" spans="14:14">
      <c r="N336181" s="10"/>
    </row>
    <row r="336182" spans="14:14">
      <c r="N336182" s="10"/>
    </row>
    <row r="336183" spans="14:14">
      <c r="N336183" s="10"/>
    </row>
    <row r="336184" spans="14:14">
      <c r="N336184" s="10"/>
    </row>
    <row r="336185" spans="14:14">
      <c r="N336185" s="10"/>
    </row>
    <row r="336186" spans="14:14">
      <c r="N336186" s="10"/>
    </row>
    <row r="336187" spans="14:14">
      <c r="N336187" s="10"/>
    </row>
    <row r="336188" spans="14:14">
      <c r="N336188" s="10"/>
    </row>
    <row r="336189" spans="14:14">
      <c r="N336189" s="10"/>
    </row>
    <row r="336190" spans="14:14">
      <c r="N336190" s="10"/>
    </row>
    <row r="336191" spans="14:14">
      <c r="N336191" s="10"/>
    </row>
    <row r="336192" spans="14:14">
      <c r="N336192" s="10"/>
    </row>
    <row r="336193" spans="14:14">
      <c r="N336193" s="10"/>
    </row>
    <row r="336194" spans="14:14">
      <c r="N336194" s="10"/>
    </row>
    <row r="336195" spans="14:14">
      <c r="N336195" s="10"/>
    </row>
    <row r="336196" spans="14:14">
      <c r="N336196" s="10"/>
    </row>
    <row r="336197" spans="14:14">
      <c r="N336197" s="10"/>
    </row>
    <row r="336198" spans="14:14">
      <c r="N336198" s="10"/>
    </row>
    <row r="336199" spans="14:14">
      <c r="N336199" s="10"/>
    </row>
    <row r="336200" spans="14:14">
      <c r="N336200" s="10"/>
    </row>
    <row r="336201" spans="14:14">
      <c r="N336201" s="10"/>
    </row>
    <row r="336202" spans="14:14">
      <c r="N336202" s="10"/>
    </row>
    <row r="336203" spans="14:14">
      <c r="N336203" s="10"/>
    </row>
    <row r="336204" spans="14:14">
      <c r="N336204" s="10"/>
    </row>
    <row r="336205" spans="14:14">
      <c r="N336205" s="10"/>
    </row>
    <row r="336206" spans="14:14">
      <c r="N336206" s="10"/>
    </row>
    <row r="336207" spans="14:14">
      <c r="N336207" s="10"/>
    </row>
    <row r="336208" spans="14:14">
      <c r="N336208" s="10"/>
    </row>
    <row r="336209" spans="14:14">
      <c r="N336209" s="10"/>
    </row>
    <row r="336210" spans="14:14">
      <c r="N336210" s="10"/>
    </row>
    <row r="336211" spans="14:14">
      <c r="N336211" s="10"/>
    </row>
    <row r="336212" spans="14:14">
      <c r="N336212" s="10"/>
    </row>
    <row r="336213" spans="14:14">
      <c r="N336213" s="10"/>
    </row>
    <row r="336214" spans="14:14">
      <c r="N336214" s="10"/>
    </row>
    <row r="336215" spans="14:14">
      <c r="N336215" s="10"/>
    </row>
    <row r="336216" spans="14:14">
      <c r="N336216" s="10"/>
    </row>
    <row r="336217" spans="14:14">
      <c r="N336217" s="10"/>
    </row>
    <row r="336218" spans="14:14">
      <c r="N336218" s="10"/>
    </row>
    <row r="336219" spans="14:14">
      <c r="N336219" s="10"/>
    </row>
    <row r="336220" spans="14:14">
      <c r="N336220" s="10"/>
    </row>
    <row r="336221" spans="14:14">
      <c r="N336221" s="10"/>
    </row>
    <row r="336222" spans="14:14">
      <c r="N336222" s="10"/>
    </row>
    <row r="336223" spans="14:14">
      <c r="N336223" s="10"/>
    </row>
    <row r="336224" spans="14:14">
      <c r="N336224" s="10"/>
    </row>
    <row r="336225" spans="14:14">
      <c r="N336225" s="10"/>
    </row>
    <row r="336226" spans="14:14">
      <c r="N336226" s="10"/>
    </row>
    <row r="336227" spans="14:14">
      <c r="N336227" s="10"/>
    </row>
    <row r="336228" spans="14:14">
      <c r="N336228" s="10"/>
    </row>
    <row r="336229" spans="14:14">
      <c r="N336229" s="10"/>
    </row>
    <row r="336230" spans="14:14">
      <c r="N336230" s="10"/>
    </row>
    <row r="336231" spans="14:14">
      <c r="N336231" s="10"/>
    </row>
    <row r="336232" spans="14:14">
      <c r="N336232" s="10"/>
    </row>
    <row r="336233" spans="14:14">
      <c r="N336233" s="10"/>
    </row>
    <row r="336234" spans="14:14">
      <c r="N336234" s="10"/>
    </row>
    <row r="336235" spans="14:14">
      <c r="N336235" s="10"/>
    </row>
    <row r="336236" spans="14:14">
      <c r="N336236" s="10"/>
    </row>
    <row r="336237" spans="14:14">
      <c r="N336237" s="10"/>
    </row>
    <row r="336238" spans="14:14">
      <c r="N336238" s="10"/>
    </row>
    <row r="336239" spans="14:14">
      <c r="N336239" s="10"/>
    </row>
    <row r="336240" spans="14:14">
      <c r="N336240" s="10"/>
    </row>
    <row r="336241" spans="14:14">
      <c r="N336241" s="10"/>
    </row>
    <row r="336242" spans="14:14">
      <c r="N336242" s="10"/>
    </row>
    <row r="336243" spans="14:14">
      <c r="N336243" s="10"/>
    </row>
    <row r="336244" spans="14:14">
      <c r="N336244" s="10"/>
    </row>
    <row r="336245" spans="14:14">
      <c r="N336245" s="10"/>
    </row>
    <row r="336246" spans="14:14">
      <c r="N336246" s="10"/>
    </row>
    <row r="336247" spans="14:14">
      <c r="N336247" s="10"/>
    </row>
    <row r="336248" spans="14:14">
      <c r="N336248" s="10"/>
    </row>
    <row r="336249" spans="14:14">
      <c r="N336249" s="10"/>
    </row>
    <row r="336250" spans="14:14">
      <c r="N336250" s="10"/>
    </row>
    <row r="336251" spans="14:14">
      <c r="N336251" s="10"/>
    </row>
    <row r="336252" spans="14:14">
      <c r="N336252" s="10"/>
    </row>
    <row r="336253" spans="14:14">
      <c r="N336253" s="10"/>
    </row>
    <row r="336254" spans="14:14">
      <c r="N336254" s="10"/>
    </row>
    <row r="336255" spans="14:14">
      <c r="N336255" s="10"/>
    </row>
    <row r="336256" spans="14:14">
      <c r="N336256" s="10"/>
    </row>
    <row r="336257" spans="14:14">
      <c r="N336257" s="10"/>
    </row>
    <row r="336258" spans="14:14">
      <c r="N336258" s="10"/>
    </row>
    <row r="336259" spans="14:14">
      <c r="N336259" s="10"/>
    </row>
    <row r="336260" spans="14:14">
      <c r="N336260" s="10"/>
    </row>
    <row r="336261" spans="14:14">
      <c r="N336261" s="10"/>
    </row>
    <row r="336262" spans="14:14">
      <c r="N336262" s="10"/>
    </row>
    <row r="336263" spans="14:14">
      <c r="N336263" s="10"/>
    </row>
    <row r="336264" spans="14:14">
      <c r="N336264" s="10"/>
    </row>
    <row r="336265" spans="14:14">
      <c r="N336265" s="10"/>
    </row>
    <row r="336266" spans="14:14">
      <c r="N336266" s="10"/>
    </row>
    <row r="336267" spans="14:14">
      <c r="N336267" s="10"/>
    </row>
    <row r="336268" spans="14:14">
      <c r="N336268" s="10"/>
    </row>
    <row r="336269" spans="14:14">
      <c r="N336269" s="10"/>
    </row>
    <row r="336270" spans="14:14">
      <c r="N336270" s="10"/>
    </row>
    <row r="336271" spans="14:14">
      <c r="N336271" s="10"/>
    </row>
    <row r="336272" spans="14:14">
      <c r="N336272" s="10"/>
    </row>
    <row r="336273" spans="14:14">
      <c r="N336273" s="10"/>
    </row>
    <row r="336274" spans="14:14">
      <c r="N336274" s="10"/>
    </row>
    <row r="336275" spans="14:14">
      <c r="N336275" s="10"/>
    </row>
    <row r="336276" spans="14:14">
      <c r="N336276" s="10"/>
    </row>
    <row r="336277" spans="14:14">
      <c r="N336277" s="10"/>
    </row>
    <row r="336278" spans="14:14">
      <c r="N336278" s="10"/>
    </row>
    <row r="336279" spans="14:14">
      <c r="N336279" s="10"/>
    </row>
    <row r="336280" spans="14:14">
      <c r="N336280" s="10"/>
    </row>
    <row r="336281" spans="14:14">
      <c r="N336281" s="10"/>
    </row>
    <row r="336282" spans="14:14">
      <c r="N336282" s="10"/>
    </row>
    <row r="336283" spans="14:14">
      <c r="N336283" s="10"/>
    </row>
    <row r="336284" spans="14:14">
      <c r="N336284" s="10"/>
    </row>
    <row r="336285" spans="14:14">
      <c r="N336285" s="10"/>
    </row>
    <row r="336286" spans="14:14">
      <c r="N336286" s="10"/>
    </row>
    <row r="336287" spans="14:14">
      <c r="N336287" s="10"/>
    </row>
    <row r="336288" spans="14:14">
      <c r="N336288" s="10"/>
    </row>
    <row r="336289" spans="14:14">
      <c r="N336289" s="10"/>
    </row>
    <row r="336290" spans="14:14">
      <c r="N336290" s="10"/>
    </row>
    <row r="336291" spans="14:14">
      <c r="N336291" s="10"/>
    </row>
    <row r="336292" spans="14:14">
      <c r="N336292" s="10"/>
    </row>
    <row r="336293" spans="14:14">
      <c r="N336293" s="10"/>
    </row>
    <row r="336294" spans="14:14">
      <c r="N336294" s="10"/>
    </row>
    <row r="336295" spans="14:14">
      <c r="N336295" s="10"/>
    </row>
    <row r="336296" spans="14:14">
      <c r="N336296" s="10"/>
    </row>
    <row r="336297" spans="14:14">
      <c r="N336297" s="10"/>
    </row>
    <row r="336298" spans="14:14">
      <c r="N336298" s="10"/>
    </row>
    <row r="336299" spans="14:14">
      <c r="N336299" s="10"/>
    </row>
    <row r="336300" spans="14:14">
      <c r="N336300" s="10"/>
    </row>
    <row r="336301" spans="14:14">
      <c r="N336301" s="10"/>
    </row>
    <row r="336302" spans="14:14">
      <c r="N336302" s="10"/>
    </row>
    <row r="336303" spans="14:14">
      <c r="N336303" s="10"/>
    </row>
    <row r="336304" spans="14:14">
      <c r="N336304" s="10"/>
    </row>
    <row r="336305" spans="14:14">
      <c r="N336305" s="10"/>
    </row>
    <row r="336306" spans="14:14">
      <c r="N336306" s="10"/>
    </row>
    <row r="336307" spans="14:14">
      <c r="N336307" s="10"/>
    </row>
    <row r="336308" spans="14:14">
      <c r="N336308" s="10"/>
    </row>
    <row r="336309" spans="14:14">
      <c r="N336309" s="10"/>
    </row>
    <row r="336310" spans="14:14">
      <c r="N336310" s="10"/>
    </row>
    <row r="336311" spans="14:14">
      <c r="N336311" s="10"/>
    </row>
    <row r="336312" spans="14:14">
      <c r="N336312" s="10"/>
    </row>
    <row r="336313" spans="14:14">
      <c r="N336313" s="10"/>
    </row>
    <row r="336314" spans="14:14">
      <c r="N336314" s="10"/>
    </row>
    <row r="336315" spans="14:14">
      <c r="N336315" s="10"/>
    </row>
    <row r="336316" spans="14:14">
      <c r="N336316" s="10"/>
    </row>
    <row r="336317" spans="14:14">
      <c r="N336317" s="10"/>
    </row>
    <row r="336318" spans="14:14">
      <c r="N336318" s="10"/>
    </row>
    <row r="336319" spans="14:14">
      <c r="N336319" s="10"/>
    </row>
    <row r="336320" spans="14:14">
      <c r="N336320" s="10"/>
    </row>
    <row r="336321" spans="14:14">
      <c r="N336321" s="10"/>
    </row>
    <row r="336322" spans="14:14">
      <c r="N336322" s="10"/>
    </row>
    <row r="336323" spans="14:14">
      <c r="N336323" s="10"/>
    </row>
    <row r="336324" spans="14:14">
      <c r="N336324" s="10"/>
    </row>
    <row r="336325" spans="14:14">
      <c r="N336325" s="10"/>
    </row>
    <row r="336326" spans="14:14">
      <c r="N336326" s="10"/>
    </row>
    <row r="336327" spans="14:14">
      <c r="N336327" s="10"/>
    </row>
    <row r="336328" spans="14:14">
      <c r="N336328" s="10"/>
    </row>
    <row r="336329" spans="14:14">
      <c r="N336329" s="10"/>
    </row>
    <row r="336330" spans="14:14">
      <c r="N336330" s="10"/>
    </row>
    <row r="336331" spans="14:14">
      <c r="N336331" s="10"/>
    </row>
    <row r="336332" spans="14:14">
      <c r="N336332" s="10"/>
    </row>
    <row r="336333" spans="14:14">
      <c r="N336333" s="10"/>
    </row>
    <row r="336334" spans="14:14">
      <c r="N336334" s="10"/>
    </row>
    <row r="336335" spans="14:14">
      <c r="N336335" s="10"/>
    </row>
    <row r="336336" spans="14:14">
      <c r="N336336" s="10"/>
    </row>
    <row r="336337" spans="14:14">
      <c r="N336337" s="10"/>
    </row>
    <row r="336338" spans="14:14">
      <c r="N336338" s="10"/>
    </row>
    <row r="336339" spans="14:14">
      <c r="N336339" s="10"/>
    </row>
    <row r="336340" spans="14:14">
      <c r="N336340" s="10"/>
    </row>
    <row r="336341" spans="14:14">
      <c r="N336341" s="10"/>
    </row>
    <row r="336342" spans="14:14">
      <c r="N336342" s="10"/>
    </row>
    <row r="336343" spans="14:14">
      <c r="N336343" s="10"/>
    </row>
    <row r="336344" spans="14:14">
      <c r="N336344" s="10"/>
    </row>
    <row r="336345" spans="14:14">
      <c r="N336345" s="10"/>
    </row>
    <row r="336346" spans="14:14">
      <c r="N336346" s="10"/>
    </row>
    <row r="336347" spans="14:14">
      <c r="N336347" s="10"/>
    </row>
    <row r="336348" spans="14:14">
      <c r="N336348" s="10"/>
    </row>
    <row r="336349" spans="14:14">
      <c r="N336349" s="10"/>
    </row>
    <row r="336350" spans="14:14">
      <c r="N336350" s="10"/>
    </row>
    <row r="336351" spans="14:14">
      <c r="N336351" s="10"/>
    </row>
    <row r="336352" spans="14:14">
      <c r="N336352" s="10"/>
    </row>
    <row r="336353" spans="14:14">
      <c r="N336353" s="10"/>
    </row>
    <row r="336354" spans="14:14">
      <c r="N336354" s="10"/>
    </row>
    <row r="336355" spans="14:14">
      <c r="N336355" s="10"/>
    </row>
    <row r="336356" spans="14:14">
      <c r="N336356" s="10"/>
    </row>
    <row r="336357" spans="14:14">
      <c r="N336357" s="10"/>
    </row>
    <row r="336358" spans="14:14">
      <c r="N336358" s="10"/>
    </row>
    <row r="336359" spans="14:14">
      <c r="N336359" s="10"/>
    </row>
    <row r="336360" spans="14:14">
      <c r="N336360" s="10"/>
    </row>
    <row r="336361" spans="14:14">
      <c r="N336361" s="10"/>
    </row>
    <row r="336362" spans="14:14">
      <c r="N336362" s="10"/>
    </row>
    <row r="336363" spans="14:14">
      <c r="N336363" s="10"/>
    </row>
    <row r="336364" spans="14:14">
      <c r="N336364" s="10"/>
    </row>
    <row r="336365" spans="14:14">
      <c r="N336365" s="10"/>
    </row>
    <row r="336366" spans="14:14">
      <c r="N336366" s="10"/>
    </row>
    <row r="336367" spans="14:14">
      <c r="N336367" s="10"/>
    </row>
    <row r="336368" spans="14:14">
      <c r="N336368" s="10"/>
    </row>
    <row r="336369" spans="14:14">
      <c r="N336369" s="10"/>
    </row>
    <row r="336370" spans="14:14">
      <c r="N336370" s="10"/>
    </row>
    <row r="336371" spans="14:14">
      <c r="N336371" s="10"/>
    </row>
    <row r="336372" spans="14:14">
      <c r="N336372" s="10"/>
    </row>
    <row r="336373" spans="14:14">
      <c r="N336373" s="10"/>
    </row>
    <row r="336374" spans="14:14">
      <c r="N336374" s="10"/>
    </row>
    <row r="336375" spans="14:14">
      <c r="N336375" s="10"/>
    </row>
    <row r="336376" spans="14:14">
      <c r="N336376" s="10"/>
    </row>
    <row r="336377" spans="14:14">
      <c r="N336377" s="10"/>
    </row>
    <row r="336378" spans="14:14">
      <c r="N336378" s="10"/>
    </row>
    <row r="336379" spans="14:14">
      <c r="N336379" s="10"/>
    </row>
    <row r="336380" spans="14:14">
      <c r="N336380" s="10"/>
    </row>
    <row r="336381" spans="14:14">
      <c r="N336381" s="10"/>
    </row>
    <row r="336382" spans="14:14">
      <c r="N336382" s="10"/>
    </row>
    <row r="336383" spans="14:14">
      <c r="N336383" s="10"/>
    </row>
    <row r="336384" spans="14:14">
      <c r="N336384" s="10"/>
    </row>
    <row r="336385" spans="14:14">
      <c r="N336385" s="10"/>
    </row>
    <row r="336386" spans="14:14">
      <c r="N336386" s="10"/>
    </row>
    <row r="336387" spans="14:14">
      <c r="N336387" s="10"/>
    </row>
    <row r="336388" spans="14:14">
      <c r="N336388" s="10"/>
    </row>
    <row r="336389" spans="14:14">
      <c r="N336389" s="10"/>
    </row>
    <row r="336390" spans="14:14">
      <c r="N336390" s="10"/>
    </row>
    <row r="336391" spans="14:14">
      <c r="N336391" s="10"/>
    </row>
    <row r="336392" spans="14:14">
      <c r="N336392" s="10"/>
    </row>
    <row r="336393" spans="14:14">
      <c r="N336393" s="10"/>
    </row>
    <row r="336394" spans="14:14">
      <c r="N336394" s="10"/>
    </row>
    <row r="336395" spans="14:14">
      <c r="N336395" s="10"/>
    </row>
    <row r="336396" spans="14:14">
      <c r="N336396" s="10"/>
    </row>
    <row r="336397" spans="14:14">
      <c r="N336397" s="10"/>
    </row>
    <row r="336398" spans="14:14">
      <c r="N336398" s="10"/>
    </row>
    <row r="336399" spans="14:14">
      <c r="N336399" s="10"/>
    </row>
    <row r="336400" spans="14:14">
      <c r="N336400" s="10"/>
    </row>
    <row r="336401" spans="14:14">
      <c r="N336401" s="10"/>
    </row>
    <row r="336402" spans="14:14">
      <c r="N336402" s="10"/>
    </row>
    <row r="336403" spans="14:14">
      <c r="N336403" s="10"/>
    </row>
    <row r="336404" spans="14:14">
      <c r="N336404" s="10"/>
    </row>
    <row r="336405" spans="14:14">
      <c r="N336405" s="10"/>
    </row>
    <row r="336406" spans="14:14">
      <c r="N336406" s="10"/>
    </row>
    <row r="336407" spans="14:14">
      <c r="N336407" s="10"/>
    </row>
    <row r="336408" spans="14:14">
      <c r="N336408" s="10"/>
    </row>
    <row r="336409" spans="14:14">
      <c r="N336409" s="10"/>
    </row>
    <row r="336410" spans="14:14">
      <c r="N336410" s="10"/>
    </row>
    <row r="336411" spans="14:14">
      <c r="N336411" s="10"/>
    </row>
    <row r="336412" spans="14:14">
      <c r="N336412" s="10"/>
    </row>
    <row r="336413" spans="14:14">
      <c r="N336413" s="10"/>
    </row>
    <row r="336414" spans="14:14">
      <c r="N336414" s="10"/>
    </row>
    <row r="336415" spans="14:14">
      <c r="N336415" s="10"/>
    </row>
    <row r="336416" spans="14:14">
      <c r="N336416" s="10"/>
    </row>
    <row r="336417" spans="14:14">
      <c r="N336417" s="10"/>
    </row>
    <row r="336418" spans="14:14">
      <c r="N336418" s="10"/>
    </row>
    <row r="336419" spans="14:14">
      <c r="N336419" s="10"/>
    </row>
    <row r="336420" spans="14:14">
      <c r="N336420" s="10"/>
    </row>
    <row r="336421" spans="14:14">
      <c r="N336421" s="10"/>
    </row>
    <row r="336422" spans="14:14">
      <c r="N336422" s="10"/>
    </row>
    <row r="336423" spans="14:14">
      <c r="N336423" s="10"/>
    </row>
    <row r="336424" spans="14:14">
      <c r="N336424" s="10"/>
    </row>
    <row r="336425" spans="14:14">
      <c r="N336425" s="10"/>
    </row>
    <row r="336426" spans="14:14">
      <c r="N336426" s="10"/>
    </row>
    <row r="336427" spans="14:14">
      <c r="N336427" s="10"/>
    </row>
    <row r="336428" spans="14:14">
      <c r="N336428" s="10"/>
    </row>
    <row r="336429" spans="14:14">
      <c r="N336429" s="10"/>
    </row>
    <row r="336430" spans="14:14">
      <c r="N336430" s="10"/>
    </row>
    <row r="336431" spans="14:14">
      <c r="N336431" s="10"/>
    </row>
    <row r="336432" spans="14:14">
      <c r="N336432" s="10"/>
    </row>
    <row r="336433" spans="14:14">
      <c r="N336433" s="10"/>
    </row>
    <row r="336434" spans="14:14">
      <c r="N336434" s="10"/>
    </row>
    <row r="336435" spans="14:14">
      <c r="N336435" s="10"/>
    </row>
    <row r="336436" spans="14:14">
      <c r="N336436" s="10"/>
    </row>
    <row r="336437" spans="14:14">
      <c r="N336437" s="10"/>
    </row>
    <row r="336438" spans="14:14">
      <c r="N336438" s="10"/>
    </row>
    <row r="336439" spans="14:14">
      <c r="N336439" s="10"/>
    </row>
    <row r="336440" spans="14:14">
      <c r="N336440" s="10"/>
    </row>
    <row r="336441" spans="14:14">
      <c r="N336441" s="10"/>
    </row>
    <row r="336442" spans="14:14">
      <c r="N336442" s="10"/>
    </row>
    <row r="336443" spans="14:14">
      <c r="N336443" s="10"/>
    </row>
    <row r="336444" spans="14:14">
      <c r="N336444" s="10"/>
    </row>
    <row r="336445" spans="14:14">
      <c r="N336445" s="10"/>
    </row>
    <row r="336446" spans="14:14">
      <c r="N336446" s="10"/>
    </row>
    <row r="336447" spans="14:14">
      <c r="N336447" s="10"/>
    </row>
    <row r="336448" spans="14:14">
      <c r="N336448" s="10"/>
    </row>
    <row r="336449" spans="14:14">
      <c r="N336449" s="10"/>
    </row>
    <row r="336450" spans="14:14">
      <c r="N336450" s="10"/>
    </row>
    <row r="336451" spans="14:14">
      <c r="N336451" s="10"/>
    </row>
    <row r="336452" spans="14:14">
      <c r="N336452" s="10"/>
    </row>
    <row r="336453" spans="14:14">
      <c r="N336453" s="10"/>
    </row>
    <row r="336454" spans="14:14">
      <c r="N336454" s="10"/>
    </row>
    <row r="336455" spans="14:14">
      <c r="N336455" s="10"/>
    </row>
    <row r="336456" spans="14:14">
      <c r="N336456" s="10"/>
    </row>
    <row r="336457" spans="14:14">
      <c r="N336457" s="10"/>
    </row>
    <row r="336458" spans="14:14">
      <c r="N336458" s="10"/>
    </row>
    <row r="336459" spans="14:14">
      <c r="N336459" s="10"/>
    </row>
    <row r="336460" spans="14:14">
      <c r="N336460" s="10"/>
    </row>
    <row r="336461" spans="14:14">
      <c r="N336461" s="10"/>
    </row>
    <row r="336462" spans="14:14">
      <c r="N336462" s="10"/>
    </row>
    <row r="336463" spans="14:14">
      <c r="N336463" s="10"/>
    </row>
    <row r="336464" spans="14:14">
      <c r="N336464" s="10"/>
    </row>
    <row r="336465" spans="14:14">
      <c r="N336465" s="10"/>
    </row>
    <row r="336466" spans="14:14">
      <c r="N336466" s="10"/>
    </row>
    <row r="336467" spans="14:14">
      <c r="N336467" s="10"/>
    </row>
    <row r="336468" spans="14:14">
      <c r="N336468" s="10"/>
    </row>
    <row r="336469" spans="14:14">
      <c r="N336469" s="10"/>
    </row>
    <row r="336470" spans="14:14">
      <c r="N336470" s="10"/>
    </row>
    <row r="336471" spans="14:14">
      <c r="N336471" s="10"/>
    </row>
    <row r="336472" spans="14:14">
      <c r="N336472" s="10"/>
    </row>
    <row r="336473" spans="14:14">
      <c r="N336473" s="10"/>
    </row>
    <row r="336474" spans="14:14">
      <c r="N336474" s="10"/>
    </row>
    <row r="336475" spans="14:14">
      <c r="N336475" s="10"/>
    </row>
    <row r="336476" spans="14:14">
      <c r="N336476" s="10"/>
    </row>
    <row r="336477" spans="14:14">
      <c r="N336477" s="10"/>
    </row>
    <row r="336478" spans="14:14">
      <c r="N336478" s="10"/>
    </row>
    <row r="336479" spans="14:14">
      <c r="N336479" s="10"/>
    </row>
    <row r="336480" spans="14:14">
      <c r="N336480" s="10"/>
    </row>
    <row r="336481" spans="14:14">
      <c r="N336481" s="10"/>
    </row>
    <row r="336482" spans="14:14">
      <c r="N336482" s="10"/>
    </row>
    <row r="336483" spans="14:14">
      <c r="N336483" s="10"/>
    </row>
    <row r="336484" spans="14:14">
      <c r="N336484" s="10"/>
    </row>
    <row r="336485" spans="14:14">
      <c r="N336485" s="10"/>
    </row>
    <row r="336486" spans="14:14">
      <c r="N336486" s="10"/>
    </row>
    <row r="336487" spans="14:14">
      <c r="N336487" s="10"/>
    </row>
    <row r="336488" spans="14:14">
      <c r="N336488" s="10"/>
    </row>
    <row r="336489" spans="14:14">
      <c r="N336489" s="10"/>
    </row>
    <row r="336490" spans="14:14">
      <c r="N336490" s="10"/>
    </row>
    <row r="336491" spans="14:14">
      <c r="N336491" s="10"/>
    </row>
    <row r="336492" spans="14:14">
      <c r="N336492" s="10"/>
    </row>
    <row r="336493" spans="14:14">
      <c r="N336493" s="10"/>
    </row>
    <row r="336494" spans="14:14">
      <c r="N336494" s="10"/>
    </row>
    <row r="336495" spans="14:14">
      <c r="N336495" s="10"/>
    </row>
    <row r="336496" spans="14:14">
      <c r="N336496" s="10"/>
    </row>
    <row r="336497" spans="14:14">
      <c r="N336497" s="10"/>
    </row>
    <row r="336498" spans="14:14">
      <c r="N336498" s="10"/>
    </row>
    <row r="336499" spans="14:14">
      <c r="N336499" s="10"/>
    </row>
    <row r="336500" spans="14:14">
      <c r="N336500" s="10"/>
    </row>
    <row r="336501" spans="14:14">
      <c r="N336501" s="10"/>
    </row>
    <row r="336502" spans="14:14">
      <c r="N336502" s="10"/>
    </row>
    <row r="336503" spans="14:14">
      <c r="N336503" s="10"/>
    </row>
    <row r="336504" spans="14:14">
      <c r="N336504" s="10"/>
    </row>
    <row r="336505" spans="14:14">
      <c r="N336505" s="10"/>
    </row>
    <row r="336506" spans="14:14">
      <c r="N336506" s="10"/>
    </row>
    <row r="336507" spans="14:14">
      <c r="N336507" s="10"/>
    </row>
    <row r="336508" spans="14:14">
      <c r="N336508" s="10"/>
    </row>
    <row r="336509" spans="14:14">
      <c r="N336509" s="10"/>
    </row>
    <row r="336510" spans="14:14">
      <c r="N336510" s="10"/>
    </row>
    <row r="336511" spans="14:14">
      <c r="N336511" s="10"/>
    </row>
    <row r="336512" spans="14:14">
      <c r="N336512" s="10"/>
    </row>
    <row r="336513" spans="14:14">
      <c r="N336513" s="10"/>
    </row>
    <row r="336514" spans="14:14">
      <c r="N336514" s="10"/>
    </row>
    <row r="336515" spans="14:14">
      <c r="N336515" s="10"/>
    </row>
    <row r="336516" spans="14:14">
      <c r="N336516" s="10"/>
    </row>
    <row r="336517" spans="14:14">
      <c r="N336517" s="10"/>
    </row>
    <row r="336518" spans="14:14">
      <c r="N336518" s="10"/>
    </row>
    <row r="336519" spans="14:14">
      <c r="N336519" s="10"/>
    </row>
    <row r="336520" spans="14:14">
      <c r="N336520" s="10"/>
    </row>
    <row r="336521" spans="14:14">
      <c r="N336521" s="10"/>
    </row>
    <row r="336522" spans="14:14">
      <c r="N336522" s="10"/>
    </row>
    <row r="336523" spans="14:14">
      <c r="N336523" s="10"/>
    </row>
    <row r="336524" spans="14:14">
      <c r="N336524" s="10"/>
    </row>
    <row r="336525" spans="14:14">
      <c r="N336525" s="10"/>
    </row>
    <row r="336526" spans="14:14">
      <c r="N336526" s="10"/>
    </row>
    <row r="336527" spans="14:14">
      <c r="N336527" s="10"/>
    </row>
    <row r="336528" spans="14:14">
      <c r="N336528" s="10"/>
    </row>
    <row r="336529" spans="14:14">
      <c r="N336529" s="10"/>
    </row>
    <row r="336530" spans="14:14">
      <c r="N336530" s="10"/>
    </row>
    <row r="336531" spans="14:14">
      <c r="N336531" s="10"/>
    </row>
    <row r="336532" spans="14:14">
      <c r="N336532" s="10"/>
    </row>
    <row r="336533" spans="14:14">
      <c r="N336533" s="10"/>
    </row>
    <row r="336534" spans="14:14">
      <c r="N336534" s="10"/>
    </row>
    <row r="336535" spans="14:14">
      <c r="N336535" s="10"/>
    </row>
    <row r="336536" spans="14:14">
      <c r="N336536" s="10"/>
    </row>
    <row r="336537" spans="14:14">
      <c r="N336537" s="10"/>
    </row>
    <row r="336538" spans="14:14">
      <c r="N336538" s="10"/>
    </row>
    <row r="336539" spans="14:14">
      <c r="N336539" s="10"/>
    </row>
    <row r="336540" spans="14:14">
      <c r="N336540" s="10"/>
    </row>
    <row r="336541" spans="14:14">
      <c r="N336541" s="10"/>
    </row>
    <row r="336542" spans="14:14">
      <c r="N336542" s="10"/>
    </row>
    <row r="336543" spans="14:14">
      <c r="N336543" s="10"/>
    </row>
    <row r="336544" spans="14:14">
      <c r="N336544" s="10"/>
    </row>
    <row r="336545" spans="14:14">
      <c r="N336545" s="10"/>
    </row>
    <row r="336546" spans="14:14">
      <c r="N336546" s="10"/>
    </row>
    <row r="336547" spans="14:14">
      <c r="N336547" s="10"/>
    </row>
    <row r="336548" spans="14:14">
      <c r="N336548" s="10"/>
    </row>
    <row r="336549" spans="14:14">
      <c r="N336549" s="10"/>
    </row>
    <row r="336550" spans="14:14">
      <c r="N336550" s="10"/>
    </row>
    <row r="336551" spans="14:14">
      <c r="N336551" s="10"/>
    </row>
    <row r="336552" spans="14:14">
      <c r="N336552" s="10"/>
    </row>
    <row r="336553" spans="14:14">
      <c r="N336553" s="10"/>
    </row>
    <row r="336554" spans="14:14">
      <c r="N336554" s="10"/>
    </row>
    <row r="336555" spans="14:14">
      <c r="N336555" s="10"/>
    </row>
    <row r="336556" spans="14:14">
      <c r="N336556" s="10"/>
    </row>
    <row r="336557" spans="14:14">
      <c r="N336557" s="10"/>
    </row>
    <row r="336558" spans="14:14">
      <c r="N336558" s="10"/>
    </row>
    <row r="336559" spans="14:14">
      <c r="N336559" s="10"/>
    </row>
    <row r="336560" spans="14:14">
      <c r="N336560" s="10"/>
    </row>
    <row r="336561" spans="14:14">
      <c r="N336561" s="10"/>
    </row>
    <row r="336562" spans="14:14">
      <c r="N336562" s="10"/>
    </row>
    <row r="336563" spans="14:14">
      <c r="N336563" s="10"/>
    </row>
    <row r="336564" spans="14:14">
      <c r="N336564" s="10"/>
    </row>
    <row r="336565" spans="14:14">
      <c r="N336565" s="10"/>
    </row>
    <row r="336566" spans="14:14">
      <c r="N336566" s="10"/>
    </row>
    <row r="336567" spans="14:14">
      <c r="N336567" s="10"/>
    </row>
    <row r="336568" spans="14:14">
      <c r="N336568" s="10"/>
    </row>
    <row r="336569" spans="14:14">
      <c r="N336569" s="10"/>
    </row>
    <row r="336570" spans="14:14">
      <c r="N336570" s="10"/>
    </row>
    <row r="336571" spans="14:14">
      <c r="N336571" s="10"/>
    </row>
    <row r="336572" spans="14:14">
      <c r="N336572" s="10"/>
    </row>
    <row r="336573" spans="14:14">
      <c r="N336573" s="10"/>
    </row>
    <row r="336574" spans="14:14">
      <c r="N336574" s="10"/>
    </row>
    <row r="336575" spans="14:14">
      <c r="N336575" s="10"/>
    </row>
    <row r="336576" spans="14:14">
      <c r="N336576" s="10"/>
    </row>
    <row r="336577" spans="14:14">
      <c r="N336577" s="10"/>
    </row>
    <row r="336578" spans="14:14">
      <c r="N336578" s="10"/>
    </row>
    <row r="336579" spans="14:14">
      <c r="N336579" s="10"/>
    </row>
    <row r="336580" spans="14:14">
      <c r="N336580" s="10"/>
    </row>
    <row r="336581" spans="14:14">
      <c r="N336581" s="10"/>
    </row>
    <row r="336582" spans="14:14">
      <c r="N336582" s="10"/>
    </row>
    <row r="336583" spans="14:14">
      <c r="N336583" s="10"/>
    </row>
    <row r="336584" spans="14:14">
      <c r="N336584" s="10"/>
    </row>
    <row r="336585" spans="14:14">
      <c r="N336585" s="10"/>
    </row>
    <row r="336586" spans="14:14">
      <c r="N336586" s="10"/>
    </row>
    <row r="336587" spans="14:14">
      <c r="N336587" s="10"/>
    </row>
    <row r="336588" spans="14:14">
      <c r="N336588" s="10"/>
    </row>
    <row r="336589" spans="14:14">
      <c r="N336589" s="10"/>
    </row>
    <row r="336590" spans="14:14">
      <c r="N336590" s="10"/>
    </row>
    <row r="336591" spans="14:14">
      <c r="N336591" s="10"/>
    </row>
    <row r="336592" spans="14:14">
      <c r="N336592" s="10"/>
    </row>
    <row r="336593" spans="14:14">
      <c r="N336593" s="10"/>
    </row>
    <row r="336594" spans="14:14">
      <c r="N336594" s="10"/>
    </row>
    <row r="336595" spans="14:14">
      <c r="N336595" s="10"/>
    </row>
    <row r="336596" spans="14:14">
      <c r="N336596" s="10"/>
    </row>
    <row r="336597" spans="14:14">
      <c r="N336597" s="10"/>
    </row>
    <row r="336598" spans="14:14">
      <c r="N336598" s="10"/>
    </row>
    <row r="336599" spans="14:14">
      <c r="N336599" s="10"/>
    </row>
    <row r="336600" spans="14:14">
      <c r="N336600" s="10"/>
    </row>
    <row r="336601" spans="14:14">
      <c r="N336601" s="10"/>
    </row>
    <row r="336602" spans="14:14">
      <c r="N336602" s="10"/>
    </row>
    <row r="336603" spans="14:14">
      <c r="N336603" s="10"/>
    </row>
    <row r="336604" spans="14:14">
      <c r="N336604" s="10"/>
    </row>
    <row r="336605" spans="14:14">
      <c r="N336605" s="10"/>
    </row>
    <row r="336606" spans="14:14">
      <c r="N336606" s="10"/>
    </row>
    <row r="336607" spans="14:14">
      <c r="N336607" s="10"/>
    </row>
    <row r="336608" spans="14:14">
      <c r="N336608" s="10"/>
    </row>
    <row r="336609" spans="14:14">
      <c r="N336609" s="10"/>
    </row>
    <row r="336610" spans="14:14">
      <c r="N336610" s="10"/>
    </row>
    <row r="336611" spans="14:14">
      <c r="N336611" s="10"/>
    </row>
    <row r="336612" spans="14:14">
      <c r="N336612" s="10"/>
    </row>
    <row r="336613" spans="14:14">
      <c r="N336613" s="10"/>
    </row>
    <row r="336614" spans="14:14">
      <c r="N336614" s="10"/>
    </row>
    <row r="336615" spans="14:14">
      <c r="N336615" s="10"/>
    </row>
    <row r="336616" spans="14:14">
      <c r="N336616" s="10"/>
    </row>
    <row r="336617" spans="14:14">
      <c r="N336617" s="10"/>
    </row>
    <row r="336618" spans="14:14">
      <c r="N336618" s="10"/>
    </row>
    <row r="336619" spans="14:14">
      <c r="N336619" s="10"/>
    </row>
    <row r="336620" spans="14:14">
      <c r="N336620" s="10"/>
    </row>
    <row r="336621" spans="14:14">
      <c r="N336621" s="10"/>
    </row>
    <row r="336622" spans="14:14">
      <c r="N336622" s="10"/>
    </row>
    <row r="336623" spans="14:14">
      <c r="N336623" s="10"/>
    </row>
    <row r="336624" spans="14:14">
      <c r="N336624" s="10"/>
    </row>
    <row r="336625" spans="14:14">
      <c r="N336625" s="10"/>
    </row>
    <row r="336626" spans="14:14">
      <c r="N336626" s="10"/>
    </row>
    <row r="336627" spans="14:14">
      <c r="N336627" s="10"/>
    </row>
    <row r="336628" spans="14:14">
      <c r="N336628" s="10"/>
    </row>
    <row r="336629" spans="14:14">
      <c r="N336629" s="10"/>
    </row>
    <row r="336630" spans="14:14">
      <c r="N336630" s="10"/>
    </row>
    <row r="336631" spans="14:14">
      <c r="N336631" s="10"/>
    </row>
    <row r="336632" spans="14:14">
      <c r="N336632" s="10"/>
    </row>
    <row r="336633" spans="14:14">
      <c r="N336633" s="10"/>
    </row>
    <row r="336634" spans="14:14">
      <c r="N336634" s="10"/>
    </row>
    <row r="336635" spans="14:14">
      <c r="N336635" s="10"/>
    </row>
    <row r="336636" spans="14:14">
      <c r="N336636" s="10"/>
    </row>
    <row r="336637" spans="14:14">
      <c r="N336637" s="10"/>
    </row>
    <row r="336638" spans="14:14">
      <c r="N336638" s="10"/>
    </row>
    <row r="336639" spans="14:14">
      <c r="N336639" s="10"/>
    </row>
    <row r="336640" spans="14:14">
      <c r="N336640" s="10"/>
    </row>
    <row r="336641" spans="14:14">
      <c r="N336641" s="10"/>
    </row>
    <row r="336642" spans="14:14">
      <c r="N336642" s="10"/>
    </row>
    <row r="336643" spans="14:14">
      <c r="N336643" s="10"/>
    </row>
    <row r="336644" spans="14:14">
      <c r="N336644" s="10"/>
    </row>
    <row r="336645" spans="14:14">
      <c r="N336645" s="10"/>
    </row>
    <row r="336646" spans="14:14">
      <c r="N336646" s="10"/>
    </row>
    <row r="336647" spans="14:14">
      <c r="N336647" s="10"/>
    </row>
    <row r="336648" spans="14:14">
      <c r="N336648" s="10"/>
    </row>
    <row r="336649" spans="14:14">
      <c r="N336649" s="10"/>
    </row>
    <row r="336650" spans="14:14">
      <c r="N336650" s="10"/>
    </row>
    <row r="336651" spans="14:14">
      <c r="N336651" s="10"/>
    </row>
    <row r="336652" spans="14:14">
      <c r="N336652" s="10"/>
    </row>
    <row r="336653" spans="14:14">
      <c r="N336653" s="10"/>
    </row>
    <row r="336654" spans="14:14">
      <c r="N336654" s="10"/>
    </row>
    <row r="336655" spans="14:14">
      <c r="N336655" s="10"/>
    </row>
    <row r="336656" spans="14:14">
      <c r="N336656" s="10"/>
    </row>
    <row r="336657" spans="14:14">
      <c r="N336657" s="10"/>
    </row>
    <row r="336658" spans="14:14">
      <c r="N336658" s="10"/>
    </row>
    <row r="336659" spans="14:14">
      <c r="N336659" s="10"/>
    </row>
    <row r="336660" spans="14:14">
      <c r="N336660" s="10"/>
    </row>
    <row r="336661" spans="14:14">
      <c r="N336661" s="10"/>
    </row>
    <row r="336662" spans="14:14">
      <c r="N336662" s="10"/>
    </row>
    <row r="336663" spans="14:14">
      <c r="N336663" s="10"/>
    </row>
    <row r="336664" spans="14:14">
      <c r="N336664" s="10"/>
    </row>
    <row r="336665" spans="14:14">
      <c r="N336665" s="10"/>
    </row>
    <row r="336666" spans="14:14">
      <c r="N336666" s="10"/>
    </row>
    <row r="336667" spans="14:14">
      <c r="N336667" s="10"/>
    </row>
    <row r="336668" spans="14:14">
      <c r="N336668" s="10"/>
    </row>
    <row r="336669" spans="14:14">
      <c r="N336669" s="10"/>
    </row>
    <row r="336670" spans="14:14">
      <c r="N336670" s="10"/>
    </row>
    <row r="336671" spans="14:14">
      <c r="N336671" s="10"/>
    </row>
    <row r="336672" spans="14:14">
      <c r="N336672" s="10"/>
    </row>
    <row r="336673" spans="14:14">
      <c r="N336673" s="10"/>
    </row>
    <row r="336674" spans="14:14">
      <c r="N336674" s="10"/>
    </row>
    <row r="336675" spans="14:14">
      <c r="N336675" s="10"/>
    </row>
    <row r="336676" spans="14:14">
      <c r="N336676" s="10"/>
    </row>
    <row r="336677" spans="14:14">
      <c r="N336677" s="10"/>
    </row>
    <row r="336678" spans="14:14">
      <c r="N336678" s="10"/>
    </row>
    <row r="336679" spans="14:14">
      <c r="N336679" s="10"/>
    </row>
    <row r="336680" spans="14:14">
      <c r="N336680" s="10"/>
    </row>
    <row r="336681" spans="14:14">
      <c r="N336681" s="10"/>
    </row>
    <row r="336682" spans="14:14">
      <c r="N336682" s="10"/>
    </row>
    <row r="336683" spans="14:14">
      <c r="N336683" s="10"/>
    </row>
    <row r="336684" spans="14:14">
      <c r="N336684" s="10"/>
    </row>
    <row r="336685" spans="14:14">
      <c r="N336685" s="10"/>
    </row>
    <row r="336686" spans="14:14">
      <c r="N336686" s="10"/>
    </row>
    <row r="336687" spans="14:14">
      <c r="N336687" s="10"/>
    </row>
    <row r="336688" spans="14:14">
      <c r="N336688" s="10"/>
    </row>
    <row r="336689" spans="14:14">
      <c r="N336689" s="10"/>
    </row>
    <row r="336690" spans="14:14">
      <c r="N336690" s="10"/>
    </row>
    <row r="336691" spans="14:14">
      <c r="N336691" s="10"/>
    </row>
    <row r="336692" spans="14:14">
      <c r="N336692" s="10"/>
    </row>
    <row r="336693" spans="14:14">
      <c r="N336693" s="10"/>
    </row>
    <row r="336694" spans="14:14">
      <c r="N336694" s="10"/>
    </row>
    <row r="336695" spans="14:14">
      <c r="N336695" s="10"/>
    </row>
    <row r="336696" spans="14:14">
      <c r="N336696" s="10"/>
    </row>
    <row r="336697" spans="14:14">
      <c r="N336697" s="10"/>
    </row>
    <row r="336698" spans="14:14">
      <c r="N336698" s="10"/>
    </row>
    <row r="336699" spans="14:14">
      <c r="N336699" s="10"/>
    </row>
    <row r="336700" spans="14:14">
      <c r="N336700" s="10"/>
    </row>
    <row r="336701" spans="14:14">
      <c r="N336701" s="10"/>
    </row>
    <row r="336702" spans="14:14">
      <c r="N336702" s="10"/>
    </row>
    <row r="336703" spans="14:14">
      <c r="N336703" s="10"/>
    </row>
    <row r="336704" spans="14:14">
      <c r="N336704" s="10"/>
    </row>
    <row r="336705" spans="14:14">
      <c r="N336705" s="10"/>
    </row>
    <row r="336706" spans="14:14">
      <c r="N336706" s="10"/>
    </row>
    <row r="336707" spans="14:14">
      <c r="N336707" s="10"/>
    </row>
    <row r="336708" spans="14:14">
      <c r="N336708" s="10"/>
    </row>
    <row r="336709" spans="14:14">
      <c r="N336709" s="10"/>
    </row>
    <row r="336710" spans="14:14">
      <c r="N336710" s="10"/>
    </row>
    <row r="336711" spans="14:14">
      <c r="N336711" s="10"/>
    </row>
    <row r="336712" spans="14:14">
      <c r="N336712" s="10"/>
    </row>
    <row r="336713" spans="14:14">
      <c r="N336713" s="10"/>
    </row>
    <row r="336714" spans="14:14">
      <c r="N336714" s="10"/>
    </row>
    <row r="336715" spans="14:14">
      <c r="N336715" s="10"/>
    </row>
    <row r="336716" spans="14:14">
      <c r="N336716" s="10"/>
    </row>
    <row r="336717" spans="14:14">
      <c r="N336717" s="10"/>
    </row>
    <row r="336718" spans="14:14">
      <c r="N336718" s="10"/>
    </row>
    <row r="336719" spans="14:14">
      <c r="N336719" s="10"/>
    </row>
    <row r="336720" spans="14:14">
      <c r="N336720" s="10"/>
    </row>
    <row r="336721" spans="14:14">
      <c r="N336721" s="10"/>
    </row>
    <row r="336722" spans="14:14">
      <c r="N336722" s="10"/>
    </row>
    <row r="336723" spans="14:14">
      <c r="N336723" s="10"/>
    </row>
    <row r="336724" spans="14:14">
      <c r="N336724" s="10"/>
    </row>
    <row r="336725" spans="14:14">
      <c r="N336725" s="10"/>
    </row>
    <row r="336726" spans="14:14">
      <c r="N336726" s="10"/>
    </row>
    <row r="336727" spans="14:14">
      <c r="N336727" s="10"/>
    </row>
    <row r="336728" spans="14:14">
      <c r="N336728" s="10"/>
    </row>
    <row r="336729" spans="14:14">
      <c r="N336729" s="10"/>
    </row>
    <row r="336730" spans="14:14">
      <c r="N336730" s="10"/>
    </row>
    <row r="336731" spans="14:14">
      <c r="N336731" s="10"/>
    </row>
    <row r="336732" spans="14:14">
      <c r="N336732" s="10"/>
    </row>
    <row r="336733" spans="14:14">
      <c r="N336733" s="10"/>
    </row>
    <row r="336734" spans="14:14">
      <c r="N336734" s="10"/>
    </row>
    <row r="336735" spans="14:14">
      <c r="N336735" s="10"/>
    </row>
    <row r="336736" spans="14:14">
      <c r="N336736" s="10"/>
    </row>
    <row r="336737" spans="14:14">
      <c r="N336737" s="10"/>
    </row>
    <row r="336738" spans="14:14">
      <c r="N336738" s="10"/>
    </row>
    <row r="336739" spans="14:14">
      <c r="N336739" s="10"/>
    </row>
    <row r="336740" spans="14:14">
      <c r="N336740" s="10"/>
    </row>
    <row r="336741" spans="14:14">
      <c r="N336741" s="10"/>
    </row>
    <row r="336742" spans="14:14">
      <c r="N336742" s="10"/>
    </row>
    <row r="336743" spans="14:14">
      <c r="N336743" s="10"/>
    </row>
    <row r="336744" spans="14:14">
      <c r="N336744" s="10"/>
    </row>
    <row r="336745" spans="14:14">
      <c r="N336745" s="10"/>
    </row>
    <row r="336746" spans="14:14">
      <c r="N336746" s="10"/>
    </row>
    <row r="336747" spans="14:14">
      <c r="N336747" s="10"/>
    </row>
    <row r="336748" spans="14:14">
      <c r="N336748" s="10"/>
    </row>
    <row r="336749" spans="14:14">
      <c r="N336749" s="10"/>
    </row>
    <row r="336750" spans="14:14">
      <c r="N336750" s="10"/>
    </row>
    <row r="336751" spans="14:14">
      <c r="N336751" s="10"/>
    </row>
    <row r="336752" spans="14:14">
      <c r="N336752" s="10"/>
    </row>
    <row r="336753" spans="14:14">
      <c r="N336753" s="10"/>
    </row>
    <row r="336754" spans="14:14">
      <c r="N336754" s="10"/>
    </row>
    <row r="336755" spans="14:14">
      <c r="N336755" s="10"/>
    </row>
    <row r="336756" spans="14:14">
      <c r="N336756" s="10"/>
    </row>
    <row r="336757" spans="14:14">
      <c r="N336757" s="10"/>
    </row>
    <row r="336758" spans="14:14">
      <c r="N336758" s="10"/>
    </row>
    <row r="336759" spans="14:14">
      <c r="N336759" s="10"/>
    </row>
    <row r="336760" spans="14:14">
      <c r="N336760" s="10"/>
    </row>
    <row r="336761" spans="14:14">
      <c r="N336761" s="10"/>
    </row>
    <row r="336762" spans="14:14">
      <c r="N336762" s="10"/>
    </row>
    <row r="336763" spans="14:14">
      <c r="N336763" s="10"/>
    </row>
    <row r="336764" spans="14:14">
      <c r="N336764" s="10"/>
    </row>
    <row r="336765" spans="14:14">
      <c r="N336765" s="10"/>
    </row>
    <row r="336766" spans="14:14">
      <c r="N336766" s="10"/>
    </row>
    <row r="336767" spans="14:14">
      <c r="N336767" s="10"/>
    </row>
    <row r="336768" spans="14:14">
      <c r="N336768" s="10"/>
    </row>
    <row r="336769" spans="14:14">
      <c r="N336769" s="10"/>
    </row>
    <row r="336770" spans="14:14">
      <c r="N336770" s="10"/>
    </row>
    <row r="336771" spans="14:14">
      <c r="N336771" s="10"/>
    </row>
    <row r="336772" spans="14:14">
      <c r="N336772" s="10"/>
    </row>
    <row r="336773" spans="14:14">
      <c r="N336773" s="10"/>
    </row>
    <row r="336774" spans="14:14">
      <c r="N336774" s="10"/>
    </row>
    <row r="336775" spans="14:14">
      <c r="N336775" s="10"/>
    </row>
    <row r="336776" spans="14:14">
      <c r="N336776" s="10"/>
    </row>
    <row r="336777" spans="14:14">
      <c r="N336777" s="10"/>
    </row>
    <row r="336778" spans="14:14">
      <c r="N336778" s="10"/>
    </row>
    <row r="336779" spans="14:14">
      <c r="N336779" s="10"/>
    </row>
    <row r="336780" spans="14:14">
      <c r="N336780" s="10"/>
    </row>
    <row r="336781" spans="14:14">
      <c r="N336781" s="10"/>
    </row>
    <row r="336782" spans="14:14">
      <c r="N336782" s="10"/>
    </row>
    <row r="336783" spans="14:14">
      <c r="N336783" s="10"/>
    </row>
    <row r="336784" spans="14:14">
      <c r="N336784" s="10"/>
    </row>
    <row r="336785" spans="14:14">
      <c r="N336785" s="10"/>
    </row>
    <row r="336786" spans="14:14">
      <c r="N336786" s="10"/>
    </row>
    <row r="336787" spans="14:14">
      <c r="N336787" s="10"/>
    </row>
    <row r="336788" spans="14:14">
      <c r="N336788" s="10"/>
    </row>
    <row r="336789" spans="14:14">
      <c r="N336789" s="10"/>
    </row>
    <row r="336790" spans="14:14">
      <c r="N336790" s="10"/>
    </row>
    <row r="336791" spans="14:14">
      <c r="N336791" s="10"/>
    </row>
    <row r="336792" spans="14:14">
      <c r="N336792" s="10"/>
    </row>
    <row r="336793" spans="14:14">
      <c r="N336793" s="10"/>
    </row>
    <row r="336794" spans="14:14">
      <c r="N336794" s="10"/>
    </row>
    <row r="336795" spans="14:14">
      <c r="N336795" s="10"/>
    </row>
    <row r="336796" spans="14:14">
      <c r="N336796" s="10"/>
    </row>
    <row r="336797" spans="14:14">
      <c r="N336797" s="10"/>
    </row>
    <row r="336798" spans="14:14">
      <c r="N336798" s="10"/>
    </row>
    <row r="336799" spans="14:14">
      <c r="N336799" s="10"/>
    </row>
    <row r="336800" spans="14:14">
      <c r="N336800" s="10"/>
    </row>
    <row r="336801" spans="14:14">
      <c r="N336801" s="10"/>
    </row>
    <row r="336802" spans="14:14">
      <c r="N336802" s="10"/>
    </row>
    <row r="336803" spans="14:14">
      <c r="N336803" s="10"/>
    </row>
    <row r="336804" spans="14:14">
      <c r="N336804" s="10"/>
    </row>
    <row r="336805" spans="14:14">
      <c r="N336805" s="10"/>
    </row>
    <row r="336806" spans="14:14">
      <c r="N336806" s="10"/>
    </row>
    <row r="336807" spans="14:14">
      <c r="N336807" s="10"/>
    </row>
    <row r="336808" spans="14:14">
      <c r="N336808" s="10"/>
    </row>
    <row r="336809" spans="14:14">
      <c r="N336809" s="10"/>
    </row>
    <row r="336810" spans="14:14">
      <c r="N336810" s="10"/>
    </row>
    <row r="336811" spans="14:14">
      <c r="N336811" s="10"/>
    </row>
    <row r="336812" spans="14:14">
      <c r="N336812" s="10"/>
    </row>
    <row r="336813" spans="14:14">
      <c r="N336813" s="10"/>
    </row>
    <row r="336814" spans="14:14">
      <c r="N336814" s="10"/>
    </row>
    <row r="336815" spans="14:14">
      <c r="N336815" s="10"/>
    </row>
    <row r="336816" spans="14:14">
      <c r="N336816" s="10"/>
    </row>
    <row r="336817" spans="14:14">
      <c r="N336817" s="10"/>
    </row>
    <row r="336818" spans="14:14">
      <c r="N336818" s="10"/>
    </row>
    <row r="336819" spans="14:14">
      <c r="N336819" s="10"/>
    </row>
    <row r="336820" spans="14:14">
      <c r="N336820" s="10"/>
    </row>
    <row r="336821" spans="14:14">
      <c r="N336821" s="10"/>
    </row>
    <row r="336822" spans="14:14">
      <c r="N336822" s="10"/>
    </row>
    <row r="336823" spans="14:14">
      <c r="N336823" s="10"/>
    </row>
    <row r="336824" spans="14:14">
      <c r="N336824" s="10"/>
    </row>
    <row r="336825" spans="14:14">
      <c r="N336825" s="10"/>
    </row>
    <row r="336826" spans="14:14">
      <c r="N336826" s="10"/>
    </row>
    <row r="336827" spans="14:14">
      <c r="N336827" s="10"/>
    </row>
    <row r="336828" spans="14:14">
      <c r="N336828" s="10"/>
    </row>
    <row r="336829" spans="14:14">
      <c r="N336829" s="10"/>
    </row>
    <row r="336830" spans="14:14">
      <c r="N336830" s="10"/>
    </row>
    <row r="336831" spans="14:14">
      <c r="N336831" s="10"/>
    </row>
    <row r="336832" spans="14:14">
      <c r="N336832" s="10"/>
    </row>
    <row r="336833" spans="14:14">
      <c r="N336833" s="10"/>
    </row>
    <row r="336834" spans="14:14">
      <c r="N336834" s="10"/>
    </row>
    <row r="336835" spans="14:14">
      <c r="N336835" s="10"/>
    </row>
    <row r="336836" spans="14:14">
      <c r="N336836" s="10"/>
    </row>
    <row r="336837" spans="14:14">
      <c r="N336837" s="10"/>
    </row>
    <row r="336838" spans="14:14">
      <c r="N336838" s="10"/>
    </row>
    <row r="336839" spans="14:14">
      <c r="N336839" s="10"/>
    </row>
    <row r="336840" spans="14:14">
      <c r="N336840" s="10"/>
    </row>
    <row r="336841" spans="14:14">
      <c r="N336841" s="10"/>
    </row>
    <row r="336842" spans="14:14">
      <c r="N336842" s="10"/>
    </row>
    <row r="336843" spans="14:14">
      <c r="N336843" s="10"/>
    </row>
    <row r="336844" spans="14:14">
      <c r="N336844" s="10"/>
    </row>
    <row r="336845" spans="14:14">
      <c r="N336845" s="10"/>
    </row>
    <row r="336846" spans="14:14">
      <c r="N336846" s="10"/>
    </row>
    <row r="336847" spans="14:14">
      <c r="N336847" s="10"/>
    </row>
    <row r="336848" spans="14:14">
      <c r="N336848" s="10"/>
    </row>
    <row r="336849" spans="14:14">
      <c r="N336849" s="10"/>
    </row>
    <row r="336850" spans="14:14">
      <c r="N336850" s="10"/>
    </row>
    <row r="336851" spans="14:14">
      <c r="N336851" s="10"/>
    </row>
    <row r="336852" spans="14:14">
      <c r="N336852" s="10"/>
    </row>
    <row r="336853" spans="14:14">
      <c r="N336853" s="10"/>
    </row>
    <row r="336854" spans="14:14">
      <c r="N336854" s="10"/>
    </row>
    <row r="336855" spans="14:14">
      <c r="N336855" s="10"/>
    </row>
    <row r="336856" spans="14:14">
      <c r="N336856" s="10"/>
    </row>
    <row r="336857" spans="14:14">
      <c r="N336857" s="10"/>
    </row>
    <row r="336858" spans="14:14">
      <c r="N336858" s="10"/>
    </row>
    <row r="336859" spans="14:14">
      <c r="N336859" s="10"/>
    </row>
    <row r="336860" spans="14:14">
      <c r="N336860" s="10"/>
    </row>
    <row r="336861" spans="14:14">
      <c r="N336861" s="10"/>
    </row>
    <row r="336862" spans="14:14">
      <c r="N336862" s="10"/>
    </row>
    <row r="336863" spans="14:14">
      <c r="N336863" s="10"/>
    </row>
    <row r="336864" spans="14:14">
      <c r="N336864" s="10"/>
    </row>
    <row r="336865" spans="14:14">
      <c r="N336865" s="10"/>
    </row>
    <row r="336866" spans="14:14">
      <c r="N336866" s="10"/>
    </row>
    <row r="336867" spans="14:14">
      <c r="N336867" s="10"/>
    </row>
    <row r="336868" spans="14:14">
      <c r="N336868" s="10"/>
    </row>
    <row r="336869" spans="14:14">
      <c r="N336869" s="10"/>
    </row>
    <row r="336870" spans="14:14">
      <c r="N336870" s="10"/>
    </row>
    <row r="336871" spans="14:14">
      <c r="N336871" s="10"/>
    </row>
    <row r="336872" spans="14:14">
      <c r="N336872" s="10"/>
    </row>
    <row r="336873" spans="14:14">
      <c r="N336873" s="10"/>
    </row>
    <row r="336874" spans="14:14">
      <c r="N336874" s="10"/>
    </row>
    <row r="336875" spans="14:14">
      <c r="N336875" s="10"/>
    </row>
    <row r="336876" spans="14:14">
      <c r="N336876" s="10"/>
    </row>
    <row r="336877" spans="14:14">
      <c r="N336877" s="10"/>
    </row>
    <row r="336878" spans="14:14">
      <c r="N336878" s="10"/>
    </row>
    <row r="336879" spans="14:14">
      <c r="N336879" s="10"/>
    </row>
    <row r="336880" spans="14:14">
      <c r="N336880" s="10"/>
    </row>
    <row r="336881" spans="14:14">
      <c r="N336881" s="10"/>
    </row>
    <row r="336882" spans="14:14">
      <c r="N336882" s="10"/>
    </row>
    <row r="336883" spans="14:14">
      <c r="N336883" s="10"/>
    </row>
    <row r="336884" spans="14:14">
      <c r="N336884" s="10"/>
    </row>
    <row r="336885" spans="14:14">
      <c r="N336885" s="10"/>
    </row>
    <row r="336886" spans="14:14">
      <c r="N336886" s="10"/>
    </row>
    <row r="336887" spans="14:14">
      <c r="N336887" s="10"/>
    </row>
    <row r="336888" spans="14:14">
      <c r="N336888" s="10"/>
    </row>
    <row r="336889" spans="14:14">
      <c r="N336889" s="10"/>
    </row>
    <row r="336890" spans="14:14">
      <c r="N336890" s="10"/>
    </row>
    <row r="336891" spans="14:14">
      <c r="N336891" s="10"/>
    </row>
    <row r="336892" spans="14:14">
      <c r="N336892" s="10"/>
    </row>
    <row r="336893" spans="14:14">
      <c r="N336893" s="10"/>
    </row>
    <row r="336894" spans="14:14">
      <c r="N336894" s="10"/>
    </row>
    <row r="336895" spans="14:14">
      <c r="N336895" s="10"/>
    </row>
    <row r="336896" spans="14:14">
      <c r="N336896" s="10"/>
    </row>
    <row r="336897" spans="14:14">
      <c r="N336897" s="10"/>
    </row>
    <row r="336898" spans="14:14">
      <c r="N336898" s="10"/>
    </row>
    <row r="336899" spans="14:14">
      <c r="N336899" s="10"/>
    </row>
    <row r="336900" spans="14:14">
      <c r="N336900" s="10"/>
    </row>
    <row r="336901" spans="14:14">
      <c r="N336901" s="10"/>
    </row>
    <row r="336902" spans="14:14">
      <c r="N336902" s="10"/>
    </row>
    <row r="336903" spans="14:14">
      <c r="N336903" s="10"/>
    </row>
    <row r="336904" spans="14:14">
      <c r="N336904" s="10"/>
    </row>
    <row r="336905" spans="14:14">
      <c r="N336905" s="10"/>
    </row>
    <row r="336906" spans="14:14">
      <c r="N336906" s="10"/>
    </row>
    <row r="336907" spans="14:14">
      <c r="N336907" s="10"/>
    </row>
    <row r="336908" spans="14:14">
      <c r="N336908" s="10"/>
    </row>
    <row r="336909" spans="14:14">
      <c r="N336909" s="10"/>
    </row>
    <row r="336910" spans="14:14">
      <c r="N336910" s="10"/>
    </row>
    <row r="336911" spans="14:14">
      <c r="N336911" s="10"/>
    </row>
    <row r="336912" spans="14:14">
      <c r="N336912" s="10"/>
    </row>
    <row r="336913" spans="14:14">
      <c r="N336913" s="10"/>
    </row>
    <row r="336914" spans="14:14">
      <c r="N336914" s="10"/>
    </row>
    <row r="336915" spans="14:14">
      <c r="N336915" s="10"/>
    </row>
    <row r="336916" spans="14:14">
      <c r="N336916" s="10"/>
    </row>
    <row r="336917" spans="14:14">
      <c r="N336917" s="10"/>
    </row>
    <row r="336918" spans="14:14">
      <c r="N336918" s="10"/>
    </row>
    <row r="336919" spans="14:14">
      <c r="N336919" s="10"/>
    </row>
    <row r="336920" spans="14:14">
      <c r="N336920" s="10"/>
    </row>
    <row r="336921" spans="14:14">
      <c r="N336921" s="10"/>
    </row>
    <row r="336922" spans="14:14">
      <c r="N336922" s="10"/>
    </row>
    <row r="336923" spans="14:14">
      <c r="N336923" s="10"/>
    </row>
    <row r="336924" spans="14:14">
      <c r="N336924" s="10"/>
    </row>
    <row r="336925" spans="14:14">
      <c r="N336925" s="10"/>
    </row>
    <row r="336926" spans="14:14">
      <c r="N336926" s="10"/>
    </row>
    <row r="336927" spans="14:14">
      <c r="N336927" s="10"/>
    </row>
    <row r="336928" spans="14:14">
      <c r="N336928" s="10"/>
    </row>
    <row r="336929" spans="14:14">
      <c r="N336929" s="10"/>
    </row>
    <row r="336930" spans="14:14">
      <c r="N336930" s="10"/>
    </row>
    <row r="336931" spans="14:14">
      <c r="N336931" s="10"/>
    </row>
    <row r="336932" spans="14:14">
      <c r="N336932" s="10"/>
    </row>
    <row r="336933" spans="14:14">
      <c r="N336933" s="10"/>
    </row>
    <row r="336934" spans="14:14">
      <c r="N336934" s="10"/>
    </row>
    <row r="336935" spans="14:14">
      <c r="N336935" s="10"/>
    </row>
    <row r="336936" spans="14:14">
      <c r="N336936" s="10"/>
    </row>
    <row r="336937" spans="14:14">
      <c r="N336937" s="10"/>
    </row>
    <row r="336938" spans="14:14">
      <c r="N336938" s="10"/>
    </row>
    <row r="336939" spans="14:14">
      <c r="N336939" s="10"/>
    </row>
    <row r="336940" spans="14:14">
      <c r="N336940" s="10"/>
    </row>
    <row r="336941" spans="14:14">
      <c r="N336941" s="10"/>
    </row>
    <row r="336942" spans="14:14">
      <c r="N336942" s="10"/>
    </row>
    <row r="336943" spans="14:14">
      <c r="N336943" s="10"/>
    </row>
    <row r="336944" spans="14:14">
      <c r="N336944" s="10"/>
    </row>
    <row r="336945" spans="14:14">
      <c r="N336945" s="10"/>
    </row>
    <row r="336946" spans="14:14">
      <c r="N336946" s="10"/>
    </row>
    <row r="336947" spans="14:14">
      <c r="N336947" s="10"/>
    </row>
    <row r="336948" spans="14:14">
      <c r="N336948" s="10"/>
    </row>
    <row r="336949" spans="14:14">
      <c r="N336949" s="10"/>
    </row>
    <row r="336950" spans="14:14">
      <c r="N336950" s="10"/>
    </row>
    <row r="336951" spans="14:14">
      <c r="N336951" s="10"/>
    </row>
    <row r="336952" spans="14:14">
      <c r="N336952" s="10"/>
    </row>
    <row r="336953" spans="14:14">
      <c r="N336953" s="10"/>
    </row>
    <row r="336954" spans="14:14">
      <c r="N336954" s="10"/>
    </row>
    <row r="336955" spans="14:14">
      <c r="N336955" s="10"/>
    </row>
    <row r="336956" spans="14:14">
      <c r="N336956" s="10"/>
    </row>
    <row r="336957" spans="14:14">
      <c r="N336957" s="10"/>
    </row>
    <row r="336958" spans="14:14">
      <c r="N336958" s="10"/>
    </row>
    <row r="336959" spans="14:14">
      <c r="N336959" s="10"/>
    </row>
    <row r="336960" spans="14:14">
      <c r="N336960" s="10"/>
    </row>
    <row r="336961" spans="14:14">
      <c r="N336961" s="10"/>
    </row>
    <row r="336962" spans="14:14">
      <c r="N336962" s="10"/>
    </row>
    <row r="336963" spans="14:14">
      <c r="N336963" s="10"/>
    </row>
    <row r="336964" spans="14:14">
      <c r="N336964" s="10"/>
    </row>
    <row r="336965" spans="14:14">
      <c r="N336965" s="10"/>
    </row>
    <row r="336966" spans="14:14">
      <c r="N336966" s="10"/>
    </row>
    <row r="336967" spans="14:14">
      <c r="N336967" s="10"/>
    </row>
    <row r="336968" spans="14:14">
      <c r="N336968" s="10"/>
    </row>
    <row r="336969" spans="14:14">
      <c r="N336969" s="10"/>
    </row>
    <row r="336970" spans="14:14">
      <c r="N336970" s="10"/>
    </row>
    <row r="336971" spans="14:14">
      <c r="N336971" s="10"/>
    </row>
    <row r="336972" spans="14:14">
      <c r="N336972" s="10"/>
    </row>
    <row r="336973" spans="14:14">
      <c r="N336973" s="10"/>
    </row>
    <row r="336974" spans="14:14">
      <c r="N336974" s="10"/>
    </row>
    <row r="336975" spans="14:14">
      <c r="N336975" s="10"/>
    </row>
    <row r="336976" spans="14:14">
      <c r="N336976" s="10"/>
    </row>
    <row r="336977" spans="14:14">
      <c r="N336977" s="10"/>
    </row>
    <row r="336978" spans="14:14">
      <c r="N336978" s="10"/>
    </row>
    <row r="336979" spans="14:14">
      <c r="N336979" s="10"/>
    </row>
    <row r="336980" spans="14:14">
      <c r="N336980" s="10"/>
    </row>
    <row r="336981" spans="14:14">
      <c r="N336981" s="10"/>
    </row>
    <row r="336982" spans="14:14">
      <c r="N336982" s="10"/>
    </row>
    <row r="336983" spans="14:14">
      <c r="N336983" s="10"/>
    </row>
    <row r="336984" spans="14:14">
      <c r="N336984" s="10"/>
    </row>
    <row r="336985" spans="14:14">
      <c r="N336985" s="10"/>
    </row>
    <row r="336986" spans="14:14">
      <c r="N336986" s="10"/>
    </row>
    <row r="336987" spans="14:14">
      <c r="N336987" s="10"/>
    </row>
    <row r="336988" spans="14:14">
      <c r="N336988" s="10"/>
    </row>
    <row r="336989" spans="14:14">
      <c r="N336989" s="10"/>
    </row>
    <row r="336990" spans="14:14">
      <c r="N336990" s="10"/>
    </row>
    <row r="336991" spans="14:14">
      <c r="N336991" s="10"/>
    </row>
    <row r="336992" spans="14:14">
      <c r="N336992" s="10"/>
    </row>
    <row r="336993" spans="14:14">
      <c r="N336993" s="10"/>
    </row>
    <row r="336994" spans="14:14">
      <c r="N336994" s="10"/>
    </row>
    <row r="336995" spans="14:14">
      <c r="N336995" s="10"/>
    </row>
    <row r="336996" spans="14:14">
      <c r="N336996" s="10"/>
    </row>
    <row r="336997" spans="14:14">
      <c r="N336997" s="10"/>
    </row>
    <row r="336998" spans="14:14">
      <c r="N336998" s="10"/>
    </row>
    <row r="336999" spans="14:14">
      <c r="N336999" s="10"/>
    </row>
    <row r="337000" spans="14:14">
      <c r="N337000" s="10"/>
    </row>
    <row r="337001" spans="14:14">
      <c r="N337001" s="10"/>
    </row>
    <row r="337002" spans="14:14">
      <c r="N337002" s="10"/>
    </row>
    <row r="337003" spans="14:14">
      <c r="N337003" s="10"/>
    </row>
    <row r="337004" spans="14:14">
      <c r="N337004" s="10"/>
    </row>
    <row r="337005" spans="14:14">
      <c r="N337005" s="10"/>
    </row>
    <row r="337006" spans="14:14">
      <c r="N337006" s="10"/>
    </row>
    <row r="337007" spans="14:14">
      <c r="N337007" s="10"/>
    </row>
    <row r="337008" spans="14:14">
      <c r="N337008" s="10"/>
    </row>
    <row r="337009" spans="14:14">
      <c r="N337009" s="10"/>
    </row>
    <row r="337010" spans="14:14">
      <c r="N337010" s="10"/>
    </row>
    <row r="337011" spans="14:14">
      <c r="N337011" s="10"/>
    </row>
    <row r="337012" spans="14:14">
      <c r="N337012" s="10"/>
    </row>
    <row r="337013" spans="14:14">
      <c r="N337013" s="10"/>
    </row>
    <row r="337014" spans="14:14">
      <c r="N337014" s="10"/>
    </row>
    <row r="337015" spans="14:14">
      <c r="N337015" s="10"/>
    </row>
    <row r="337016" spans="14:14">
      <c r="N337016" s="10"/>
    </row>
    <row r="337017" spans="14:14">
      <c r="N337017" s="10"/>
    </row>
    <row r="337018" spans="14:14">
      <c r="N337018" s="10"/>
    </row>
    <row r="337019" spans="14:14">
      <c r="N337019" s="10"/>
    </row>
    <row r="337020" spans="14:14">
      <c r="N337020" s="10"/>
    </row>
    <row r="337021" spans="14:14">
      <c r="N337021" s="10"/>
    </row>
    <row r="337022" spans="14:14">
      <c r="N337022" s="10"/>
    </row>
    <row r="337023" spans="14:14">
      <c r="N337023" s="10"/>
    </row>
    <row r="337024" spans="14:14">
      <c r="N337024" s="10"/>
    </row>
    <row r="337025" spans="14:14">
      <c r="N337025" s="10"/>
    </row>
    <row r="337026" spans="14:14">
      <c r="N337026" s="10"/>
    </row>
    <row r="337027" spans="14:14">
      <c r="N337027" s="10"/>
    </row>
    <row r="337028" spans="14:14">
      <c r="N337028" s="10"/>
    </row>
    <row r="337029" spans="14:14">
      <c r="N337029" s="10"/>
    </row>
    <row r="337030" spans="14:14">
      <c r="N337030" s="10"/>
    </row>
    <row r="337031" spans="14:14">
      <c r="N337031" s="10"/>
    </row>
    <row r="337032" spans="14:14">
      <c r="N337032" s="10"/>
    </row>
    <row r="337033" spans="14:14">
      <c r="N337033" s="10"/>
    </row>
    <row r="337034" spans="14:14">
      <c r="N337034" s="10"/>
    </row>
    <row r="337035" spans="14:14">
      <c r="N337035" s="10"/>
    </row>
    <row r="337036" spans="14:14">
      <c r="N337036" s="10"/>
    </row>
    <row r="337037" spans="14:14">
      <c r="N337037" s="10"/>
    </row>
    <row r="337038" spans="14:14">
      <c r="N337038" s="10"/>
    </row>
    <row r="337039" spans="14:14">
      <c r="N337039" s="10"/>
    </row>
    <row r="337040" spans="14:14">
      <c r="N337040" s="10"/>
    </row>
    <row r="337041" spans="14:14">
      <c r="N337041" s="10"/>
    </row>
    <row r="337042" spans="14:14">
      <c r="N337042" s="10"/>
    </row>
    <row r="337043" spans="14:14">
      <c r="N337043" s="10"/>
    </row>
    <row r="337044" spans="14:14">
      <c r="N337044" s="10"/>
    </row>
    <row r="337045" spans="14:14">
      <c r="N337045" s="10"/>
    </row>
    <row r="337046" spans="14:14">
      <c r="N337046" s="10"/>
    </row>
    <row r="337047" spans="14:14">
      <c r="N337047" s="10"/>
    </row>
    <row r="337048" spans="14:14">
      <c r="N337048" s="10"/>
    </row>
    <row r="337049" spans="14:14">
      <c r="N337049" s="10"/>
    </row>
    <row r="337050" spans="14:14">
      <c r="N337050" s="10"/>
    </row>
    <row r="337051" spans="14:14">
      <c r="N337051" s="10"/>
    </row>
    <row r="337052" spans="14:14">
      <c r="N337052" s="10"/>
    </row>
    <row r="337053" spans="14:14">
      <c r="N337053" s="10"/>
    </row>
    <row r="337054" spans="14:14">
      <c r="N337054" s="10"/>
    </row>
    <row r="337055" spans="14:14">
      <c r="N337055" s="10"/>
    </row>
    <row r="337056" spans="14:14">
      <c r="N337056" s="10"/>
    </row>
    <row r="337057" spans="14:14">
      <c r="N337057" s="10"/>
    </row>
    <row r="337058" spans="14:14">
      <c r="N337058" s="10"/>
    </row>
    <row r="337059" spans="14:14">
      <c r="N337059" s="10"/>
    </row>
    <row r="337060" spans="14:14">
      <c r="N337060" s="10"/>
    </row>
    <row r="337061" spans="14:14">
      <c r="N337061" s="10"/>
    </row>
    <row r="337062" spans="14:14">
      <c r="N337062" s="10"/>
    </row>
    <row r="337063" spans="14:14">
      <c r="N337063" s="10"/>
    </row>
    <row r="337064" spans="14:14">
      <c r="N337064" s="10"/>
    </row>
    <row r="337065" spans="14:14">
      <c r="N337065" s="10"/>
    </row>
    <row r="337066" spans="14:14">
      <c r="N337066" s="10"/>
    </row>
    <row r="337067" spans="14:14">
      <c r="N337067" s="10"/>
    </row>
    <row r="337068" spans="14:14">
      <c r="N337068" s="10"/>
    </row>
    <row r="337069" spans="14:14">
      <c r="N337069" s="10"/>
    </row>
    <row r="337070" spans="14:14">
      <c r="N337070" s="10"/>
    </row>
    <row r="337071" spans="14:14">
      <c r="N337071" s="10"/>
    </row>
    <row r="337072" spans="14:14">
      <c r="N337072" s="10"/>
    </row>
    <row r="337073" spans="14:14">
      <c r="N337073" s="10"/>
    </row>
    <row r="337074" spans="14:14">
      <c r="N337074" s="10"/>
    </row>
    <row r="337075" spans="14:14">
      <c r="N337075" s="10"/>
    </row>
    <row r="337076" spans="14:14">
      <c r="N337076" s="10"/>
    </row>
    <row r="337077" spans="14:14">
      <c r="N337077" s="10"/>
    </row>
    <row r="337078" spans="14:14">
      <c r="N337078" s="10"/>
    </row>
    <row r="337079" spans="14:14">
      <c r="N337079" s="10"/>
    </row>
    <row r="337080" spans="14:14">
      <c r="N337080" s="10"/>
    </row>
    <row r="337081" spans="14:14">
      <c r="N337081" s="10"/>
    </row>
    <row r="337082" spans="14:14">
      <c r="N337082" s="10"/>
    </row>
    <row r="337083" spans="14:14">
      <c r="N337083" s="10"/>
    </row>
    <row r="337084" spans="14:14">
      <c r="N337084" s="10"/>
    </row>
    <row r="337085" spans="14:14">
      <c r="N337085" s="10"/>
    </row>
    <row r="337086" spans="14:14">
      <c r="N337086" s="10"/>
    </row>
    <row r="337087" spans="14:14">
      <c r="N337087" s="10"/>
    </row>
    <row r="337088" spans="14:14">
      <c r="N337088" s="10"/>
    </row>
    <row r="337089" spans="14:14">
      <c r="N337089" s="10"/>
    </row>
    <row r="337090" spans="14:14">
      <c r="N337090" s="10"/>
    </row>
    <row r="337091" spans="14:14">
      <c r="N337091" s="10"/>
    </row>
    <row r="337092" spans="14:14">
      <c r="N337092" s="10"/>
    </row>
    <row r="337093" spans="14:14">
      <c r="N337093" s="10"/>
    </row>
    <row r="337094" spans="14:14">
      <c r="N337094" s="10"/>
    </row>
    <row r="337095" spans="14:14">
      <c r="N337095" s="10"/>
    </row>
    <row r="337096" spans="14:14">
      <c r="N337096" s="10"/>
    </row>
    <row r="337097" spans="14:14">
      <c r="N337097" s="10"/>
    </row>
    <row r="337098" spans="14:14">
      <c r="N337098" s="10"/>
    </row>
    <row r="337099" spans="14:14">
      <c r="N337099" s="10"/>
    </row>
    <row r="337100" spans="14:14">
      <c r="N337100" s="10"/>
    </row>
    <row r="337101" spans="14:14">
      <c r="N337101" s="10"/>
    </row>
    <row r="337102" spans="14:14">
      <c r="N337102" s="10"/>
    </row>
    <row r="337103" spans="14:14">
      <c r="N337103" s="10"/>
    </row>
    <row r="337104" spans="14:14">
      <c r="N337104" s="10"/>
    </row>
    <row r="337105" spans="14:14">
      <c r="N337105" s="10"/>
    </row>
    <row r="337106" spans="14:14">
      <c r="N337106" s="10"/>
    </row>
    <row r="337107" spans="14:14">
      <c r="N337107" s="10"/>
    </row>
    <row r="337108" spans="14:14">
      <c r="N337108" s="10"/>
    </row>
    <row r="337109" spans="14:14">
      <c r="N337109" s="10"/>
    </row>
    <row r="337110" spans="14:14">
      <c r="N337110" s="10"/>
    </row>
    <row r="337111" spans="14:14">
      <c r="N337111" s="10"/>
    </row>
    <row r="337112" spans="14:14">
      <c r="N337112" s="10"/>
    </row>
    <row r="337113" spans="14:14">
      <c r="N337113" s="10"/>
    </row>
    <row r="337114" spans="14:14">
      <c r="N337114" s="10"/>
    </row>
    <row r="337115" spans="14:14">
      <c r="N337115" s="10"/>
    </row>
    <row r="337116" spans="14:14">
      <c r="N337116" s="10"/>
    </row>
    <row r="337117" spans="14:14">
      <c r="N337117" s="10"/>
    </row>
    <row r="337118" spans="14:14">
      <c r="N337118" s="10"/>
    </row>
    <row r="337119" spans="14:14">
      <c r="N337119" s="10"/>
    </row>
    <row r="337120" spans="14:14">
      <c r="N337120" s="10"/>
    </row>
    <row r="337121" spans="14:14">
      <c r="N337121" s="10"/>
    </row>
    <row r="337122" spans="14:14">
      <c r="N337122" s="10"/>
    </row>
    <row r="337123" spans="14:14">
      <c r="N337123" s="10"/>
    </row>
    <row r="337124" spans="14:14">
      <c r="N337124" s="10"/>
    </row>
    <row r="337125" spans="14:14">
      <c r="N337125" s="10"/>
    </row>
    <row r="337126" spans="14:14">
      <c r="N337126" s="10"/>
    </row>
    <row r="337127" spans="14:14">
      <c r="N337127" s="10"/>
    </row>
    <row r="337128" spans="14:14">
      <c r="N337128" s="10"/>
    </row>
    <row r="337129" spans="14:14">
      <c r="N337129" s="10"/>
    </row>
    <row r="337130" spans="14:14">
      <c r="N337130" s="10"/>
    </row>
    <row r="337131" spans="14:14">
      <c r="N337131" s="10"/>
    </row>
    <row r="337132" spans="14:14">
      <c r="N337132" s="10"/>
    </row>
    <row r="337133" spans="14:14">
      <c r="N337133" s="10"/>
    </row>
    <row r="337134" spans="14:14">
      <c r="N337134" s="10"/>
    </row>
    <row r="337135" spans="14:14">
      <c r="N337135" s="10"/>
    </row>
    <row r="337136" spans="14:14">
      <c r="N337136" s="10"/>
    </row>
    <row r="337137" spans="14:14">
      <c r="N337137" s="10"/>
    </row>
    <row r="337138" spans="14:14">
      <c r="N337138" s="10"/>
    </row>
    <row r="337139" spans="14:14">
      <c r="N337139" s="10"/>
    </row>
    <row r="337140" spans="14:14">
      <c r="N337140" s="10"/>
    </row>
    <row r="337141" spans="14:14">
      <c r="N337141" s="10"/>
    </row>
    <row r="337142" spans="14:14">
      <c r="N337142" s="10"/>
    </row>
    <row r="337143" spans="14:14">
      <c r="N337143" s="10"/>
    </row>
    <row r="337144" spans="14:14">
      <c r="N337144" s="10"/>
    </row>
    <row r="337145" spans="14:14">
      <c r="N337145" s="10"/>
    </row>
    <row r="337146" spans="14:14">
      <c r="N337146" s="10"/>
    </row>
    <row r="337147" spans="14:14">
      <c r="N337147" s="10"/>
    </row>
    <row r="337148" spans="14:14">
      <c r="N337148" s="10"/>
    </row>
    <row r="337149" spans="14:14">
      <c r="N337149" s="10"/>
    </row>
    <row r="337150" spans="14:14">
      <c r="N337150" s="10"/>
    </row>
    <row r="337151" spans="14:14">
      <c r="N337151" s="10"/>
    </row>
    <row r="337152" spans="14:14">
      <c r="N337152" s="10"/>
    </row>
    <row r="337153" spans="14:14">
      <c r="N337153" s="10"/>
    </row>
    <row r="337154" spans="14:14">
      <c r="N337154" s="10"/>
    </row>
    <row r="337155" spans="14:14">
      <c r="N337155" s="10"/>
    </row>
    <row r="337156" spans="14:14">
      <c r="N337156" s="10"/>
    </row>
    <row r="337157" spans="14:14">
      <c r="N337157" s="10"/>
    </row>
    <row r="337158" spans="14:14">
      <c r="N337158" s="10"/>
    </row>
    <row r="337159" spans="14:14">
      <c r="N337159" s="10"/>
    </row>
    <row r="337160" spans="14:14">
      <c r="N337160" s="10"/>
    </row>
    <row r="337161" spans="14:14">
      <c r="N337161" s="10"/>
    </row>
    <row r="337162" spans="14:14">
      <c r="N337162" s="10"/>
    </row>
    <row r="337163" spans="14:14">
      <c r="N337163" s="10"/>
    </row>
    <row r="337164" spans="14:14">
      <c r="N337164" s="10"/>
    </row>
    <row r="337165" spans="14:14">
      <c r="N337165" s="10"/>
    </row>
    <row r="337166" spans="14:14">
      <c r="N337166" s="10"/>
    </row>
    <row r="337167" spans="14:14">
      <c r="N337167" s="10"/>
    </row>
    <row r="337168" spans="14:14">
      <c r="N337168" s="10"/>
    </row>
    <row r="337169" spans="14:14">
      <c r="N337169" s="10"/>
    </row>
    <row r="337170" spans="14:14">
      <c r="N337170" s="10"/>
    </row>
    <row r="337171" spans="14:14">
      <c r="N337171" s="10"/>
    </row>
    <row r="337172" spans="14:14">
      <c r="N337172" s="10"/>
    </row>
    <row r="337173" spans="14:14">
      <c r="N337173" s="10"/>
    </row>
    <row r="337174" spans="14:14">
      <c r="N337174" s="10"/>
    </row>
    <row r="337175" spans="14:14">
      <c r="N337175" s="10"/>
    </row>
    <row r="337176" spans="14:14">
      <c r="N337176" s="10"/>
    </row>
    <row r="337177" spans="14:14">
      <c r="N337177" s="10"/>
    </row>
    <row r="337178" spans="14:14">
      <c r="N337178" s="10"/>
    </row>
    <row r="337179" spans="14:14">
      <c r="N337179" s="10"/>
    </row>
    <row r="337180" spans="14:14">
      <c r="N337180" s="10"/>
    </row>
    <row r="337181" spans="14:14">
      <c r="N337181" s="10"/>
    </row>
    <row r="337182" spans="14:14">
      <c r="N337182" s="10"/>
    </row>
    <row r="337183" spans="14:14">
      <c r="N337183" s="10"/>
    </row>
    <row r="337184" spans="14:14">
      <c r="N337184" s="10"/>
    </row>
    <row r="337185" spans="14:14">
      <c r="N337185" s="10"/>
    </row>
    <row r="337186" spans="14:14">
      <c r="N337186" s="10"/>
    </row>
    <row r="337187" spans="14:14">
      <c r="N337187" s="10"/>
    </row>
    <row r="337188" spans="14:14">
      <c r="N337188" s="10"/>
    </row>
    <row r="337189" spans="14:14">
      <c r="N337189" s="10"/>
    </row>
    <row r="337190" spans="14:14">
      <c r="N337190" s="10"/>
    </row>
    <row r="337191" spans="14:14">
      <c r="N337191" s="10"/>
    </row>
    <row r="337192" spans="14:14">
      <c r="N337192" s="10"/>
    </row>
    <row r="337193" spans="14:14">
      <c r="N337193" s="10"/>
    </row>
    <row r="337194" spans="14:14">
      <c r="N337194" s="10"/>
    </row>
    <row r="337195" spans="14:14">
      <c r="N337195" s="10"/>
    </row>
    <row r="337196" spans="14:14">
      <c r="N337196" s="10"/>
    </row>
    <row r="337197" spans="14:14">
      <c r="N337197" s="10"/>
    </row>
    <row r="337198" spans="14:14">
      <c r="N337198" s="10"/>
    </row>
    <row r="337199" spans="14:14">
      <c r="N337199" s="10"/>
    </row>
    <row r="337200" spans="14:14">
      <c r="N337200" s="10"/>
    </row>
    <row r="337201" spans="14:14">
      <c r="N337201" s="10"/>
    </row>
    <row r="337202" spans="14:14">
      <c r="N337202" s="10"/>
    </row>
    <row r="337203" spans="14:14">
      <c r="N337203" s="10"/>
    </row>
    <row r="337204" spans="14:14">
      <c r="N337204" s="10"/>
    </row>
    <row r="337205" spans="14:14">
      <c r="N337205" s="10"/>
    </row>
    <row r="337206" spans="14:14">
      <c r="N337206" s="10"/>
    </row>
    <row r="337207" spans="14:14">
      <c r="N337207" s="10"/>
    </row>
    <row r="337208" spans="14:14">
      <c r="N337208" s="10"/>
    </row>
    <row r="337209" spans="14:14">
      <c r="N337209" s="10"/>
    </row>
    <row r="337210" spans="14:14">
      <c r="N337210" s="10"/>
    </row>
    <row r="337211" spans="14:14">
      <c r="N337211" s="10"/>
    </row>
    <row r="337212" spans="14:14">
      <c r="N337212" s="10"/>
    </row>
    <row r="337213" spans="14:14">
      <c r="N337213" s="10"/>
    </row>
    <row r="337214" spans="14:14">
      <c r="N337214" s="10"/>
    </row>
    <row r="337215" spans="14:14">
      <c r="N337215" s="10"/>
    </row>
    <row r="337216" spans="14:14">
      <c r="N337216" s="10"/>
    </row>
    <row r="337217" spans="14:14">
      <c r="N337217" s="10"/>
    </row>
    <row r="337218" spans="14:14">
      <c r="N337218" s="10"/>
    </row>
    <row r="337219" spans="14:14">
      <c r="N337219" s="10"/>
    </row>
    <row r="337220" spans="14:14">
      <c r="N337220" s="10"/>
    </row>
    <row r="337221" spans="14:14">
      <c r="N337221" s="10"/>
    </row>
    <row r="337222" spans="14:14">
      <c r="N337222" s="10"/>
    </row>
    <row r="337223" spans="14:14">
      <c r="N337223" s="10"/>
    </row>
    <row r="337224" spans="14:14">
      <c r="N337224" s="10"/>
    </row>
    <row r="337225" spans="14:14">
      <c r="N337225" s="10"/>
    </row>
    <row r="337226" spans="14:14">
      <c r="N337226" s="10"/>
    </row>
    <row r="337227" spans="14:14">
      <c r="N337227" s="10"/>
    </row>
    <row r="337228" spans="14:14">
      <c r="N337228" s="10"/>
    </row>
    <row r="337229" spans="14:14">
      <c r="N337229" s="10"/>
    </row>
    <row r="337230" spans="14:14">
      <c r="N337230" s="10"/>
    </row>
    <row r="337231" spans="14:14">
      <c r="N337231" s="10"/>
    </row>
    <row r="337232" spans="14:14">
      <c r="N337232" s="10"/>
    </row>
    <row r="337233" spans="14:14">
      <c r="N337233" s="10"/>
    </row>
    <row r="337234" spans="14:14">
      <c r="N337234" s="10"/>
    </row>
    <row r="337235" spans="14:14">
      <c r="N337235" s="10"/>
    </row>
    <row r="337236" spans="14:14">
      <c r="N337236" s="10"/>
    </row>
    <row r="337237" spans="14:14">
      <c r="N337237" s="10"/>
    </row>
    <row r="337238" spans="14:14">
      <c r="N337238" s="10"/>
    </row>
    <row r="337239" spans="14:14">
      <c r="N337239" s="10"/>
    </row>
    <row r="337240" spans="14:14">
      <c r="N337240" s="10"/>
    </row>
    <row r="337241" spans="14:14">
      <c r="N337241" s="10"/>
    </row>
    <row r="337242" spans="14:14">
      <c r="N337242" s="10"/>
    </row>
    <row r="337243" spans="14:14">
      <c r="N337243" s="10"/>
    </row>
    <row r="337244" spans="14:14">
      <c r="N337244" s="10"/>
    </row>
    <row r="337245" spans="14:14">
      <c r="N337245" s="10"/>
    </row>
    <row r="337246" spans="14:14">
      <c r="N337246" s="10"/>
    </row>
    <row r="337247" spans="14:14">
      <c r="N337247" s="10"/>
    </row>
    <row r="337248" spans="14:14">
      <c r="N337248" s="10"/>
    </row>
    <row r="337249" spans="14:14">
      <c r="N337249" s="10"/>
    </row>
    <row r="337250" spans="14:14">
      <c r="N337250" s="10"/>
    </row>
    <row r="337251" spans="14:14">
      <c r="N337251" s="10"/>
    </row>
    <row r="337252" spans="14:14">
      <c r="N337252" s="10"/>
    </row>
    <row r="337253" spans="14:14">
      <c r="N337253" s="10"/>
    </row>
    <row r="337254" spans="14:14">
      <c r="N337254" s="10"/>
    </row>
    <row r="337255" spans="14:14">
      <c r="N337255" s="10"/>
    </row>
    <row r="337256" spans="14:14">
      <c r="N337256" s="10"/>
    </row>
    <row r="337257" spans="14:14">
      <c r="N337257" s="10"/>
    </row>
    <row r="337258" spans="14:14">
      <c r="N337258" s="10"/>
    </row>
    <row r="337259" spans="14:14">
      <c r="N337259" s="10"/>
    </row>
    <row r="337260" spans="14:14">
      <c r="N337260" s="10"/>
    </row>
    <row r="337261" spans="14:14">
      <c r="N337261" s="10"/>
    </row>
    <row r="337262" spans="14:14">
      <c r="N337262" s="10"/>
    </row>
    <row r="337263" spans="14:14">
      <c r="N337263" s="10"/>
    </row>
    <row r="337264" spans="14:14">
      <c r="N337264" s="10"/>
    </row>
    <row r="337265" spans="14:14">
      <c r="N337265" s="10"/>
    </row>
    <row r="337266" spans="14:14">
      <c r="N337266" s="10"/>
    </row>
    <row r="337267" spans="14:14">
      <c r="N337267" s="10"/>
    </row>
    <row r="337268" spans="14:14">
      <c r="N337268" s="10"/>
    </row>
    <row r="337269" spans="14:14">
      <c r="N337269" s="10"/>
    </row>
    <row r="337270" spans="14:14">
      <c r="N337270" s="10"/>
    </row>
    <row r="337271" spans="14:14">
      <c r="N337271" s="10"/>
    </row>
    <row r="337272" spans="14:14">
      <c r="N337272" s="10"/>
    </row>
    <row r="337273" spans="14:14">
      <c r="N337273" s="10"/>
    </row>
    <row r="337274" spans="14:14">
      <c r="N337274" s="10"/>
    </row>
    <row r="337275" spans="14:14">
      <c r="N337275" s="10"/>
    </row>
    <row r="337276" spans="14:14">
      <c r="N337276" s="10"/>
    </row>
    <row r="337277" spans="14:14">
      <c r="N337277" s="10"/>
    </row>
    <row r="337278" spans="14:14">
      <c r="N337278" s="10"/>
    </row>
    <row r="337279" spans="14:14">
      <c r="N337279" s="10"/>
    </row>
    <row r="337280" spans="14:14">
      <c r="N337280" s="10"/>
    </row>
    <row r="337281" spans="14:14">
      <c r="N337281" s="10"/>
    </row>
    <row r="337282" spans="14:14">
      <c r="N337282" s="10"/>
    </row>
    <row r="337283" spans="14:14">
      <c r="N337283" s="10"/>
    </row>
    <row r="337284" spans="14:14">
      <c r="N337284" s="10"/>
    </row>
    <row r="337285" spans="14:14">
      <c r="N337285" s="10"/>
    </row>
    <row r="337286" spans="14:14">
      <c r="N337286" s="10"/>
    </row>
    <row r="337287" spans="14:14">
      <c r="N337287" s="10"/>
    </row>
    <row r="337288" spans="14:14">
      <c r="N337288" s="10"/>
    </row>
    <row r="337289" spans="14:14">
      <c r="N337289" s="10"/>
    </row>
    <row r="337290" spans="14:14">
      <c r="N337290" s="10"/>
    </row>
    <row r="337291" spans="14:14">
      <c r="N337291" s="10"/>
    </row>
    <row r="337292" spans="14:14">
      <c r="N337292" s="10"/>
    </row>
    <row r="337293" spans="14:14">
      <c r="N337293" s="10"/>
    </row>
    <row r="337294" spans="14:14">
      <c r="N337294" s="10"/>
    </row>
    <row r="337295" spans="14:14">
      <c r="N337295" s="10"/>
    </row>
    <row r="337296" spans="14:14">
      <c r="N337296" s="10"/>
    </row>
    <row r="337297" spans="14:14">
      <c r="N337297" s="10"/>
    </row>
    <row r="337298" spans="14:14">
      <c r="N337298" s="10"/>
    </row>
    <row r="337299" spans="14:14">
      <c r="N337299" s="10"/>
    </row>
    <row r="337300" spans="14:14">
      <c r="N337300" s="10"/>
    </row>
    <row r="337301" spans="14:14">
      <c r="N337301" s="10"/>
    </row>
    <row r="337302" spans="14:14">
      <c r="N337302" s="10"/>
    </row>
    <row r="337303" spans="14:14">
      <c r="N337303" s="10"/>
    </row>
    <row r="337304" spans="14:14">
      <c r="N337304" s="10"/>
    </row>
    <row r="337305" spans="14:14">
      <c r="N337305" s="10"/>
    </row>
    <row r="337306" spans="14:14">
      <c r="N337306" s="10"/>
    </row>
    <row r="337307" spans="14:14">
      <c r="N337307" s="10"/>
    </row>
    <row r="337308" spans="14:14">
      <c r="N337308" s="10"/>
    </row>
    <row r="337309" spans="14:14">
      <c r="N337309" s="10"/>
    </row>
    <row r="337310" spans="14:14">
      <c r="N337310" s="10"/>
    </row>
    <row r="337311" spans="14:14">
      <c r="N337311" s="10"/>
    </row>
    <row r="337312" spans="14:14">
      <c r="N337312" s="10"/>
    </row>
    <row r="337313" spans="14:14">
      <c r="N337313" s="10"/>
    </row>
    <row r="337314" spans="14:14">
      <c r="N337314" s="10"/>
    </row>
    <row r="337315" spans="14:14">
      <c r="N337315" s="10"/>
    </row>
    <row r="337316" spans="14:14">
      <c r="N337316" s="10"/>
    </row>
    <row r="337317" spans="14:14">
      <c r="N337317" s="10"/>
    </row>
    <row r="337318" spans="14:14">
      <c r="N337318" s="10"/>
    </row>
    <row r="337319" spans="14:14">
      <c r="N337319" s="10"/>
    </row>
    <row r="337320" spans="14:14">
      <c r="N337320" s="10"/>
    </row>
    <row r="337321" spans="14:14">
      <c r="N337321" s="10"/>
    </row>
    <row r="337322" spans="14:14">
      <c r="N337322" s="10"/>
    </row>
    <row r="337323" spans="14:14">
      <c r="N337323" s="10"/>
    </row>
    <row r="337324" spans="14:14">
      <c r="N337324" s="10"/>
    </row>
    <row r="337325" spans="14:14">
      <c r="N337325" s="10"/>
    </row>
    <row r="337326" spans="14:14">
      <c r="N337326" s="10"/>
    </row>
    <row r="337327" spans="14:14">
      <c r="N337327" s="10"/>
    </row>
    <row r="337328" spans="14:14">
      <c r="N337328" s="10"/>
    </row>
    <row r="337329" spans="14:14">
      <c r="N337329" s="10"/>
    </row>
    <row r="337330" spans="14:14">
      <c r="N337330" s="10"/>
    </row>
    <row r="337331" spans="14:14">
      <c r="N337331" s="10"/>
    </row>
    <row r="337332" spans="14:14">
      <c r="N337332" s="10"/>
    </row>
    <row r="337333" spans="14:14">
      <c r="N337333" s="10"/>
    </row>
    <row r="337334" spans="14:14">
      <c r="N337334" s="10"/>
    </row>
    <row r="337335" spans="14:14">
      <c r="N337335" s="10"/>
    </row>
    <row r="337336" spans="14:14">
      <c r="N337336" s="10"/>
    </row>
    <row r="337337" spans="14:14">
      <c r="N337337" s="10"/>
    </row>
    <row r="337338" spans="14:14">
      <c r="N337338" s="10"/>
    </row>
    <row r="337339" spans="14:14">
      <c r="N337339" s="10"/>
    </row>
    <row r="337340" spans="14:14">
      <c r="N337340" s="10"/>
    </row>
    <row r="337341" spans="14:14">
      <c r="N337341" s="10"/>
    </row>
    <row r="337342" spans="14:14">
      <c r="N337342" s="10"/>
    </row>
    <row r="337343" spans="14:14">
      <c r="N337343" s="10"/>
    </row>
    <row r="337344" spans="14:14">
      <c r="N337344" s="10"/>
    </row>
    <row r="337345" spans="14:14">
      <c r="N337345" s="10"/>
    </row>
    <row r="337346" spans="14:14">
      <c r="N337346" s="10"/>
    </row>
    <row r="337347" spans="14:14">
      <c r="N337347" s="10"/>
    </row>
    <row r="337348" spans="14:14">
      <c r="N337348" s="10"/>
    </row>
    <row r="337349" spans="14:14">
      <c r="N337349" s="10"/>
    </row>
    <row r="337350" spans="14:14">
      <c r="N337350" s="10"/>
    </row>
    <row r="337351" spans="14:14">
      <c r="N337351" s="10"/>
    </row>
    <row r="337352" spans="14:14">
      <c r="N337352" s="10"/>
    </row>
    <row r="337353" spans="14:14">
      <c r="N337353" s="10"/>
    </row>
    <row r="337354" spans="14:14">
      <c r="N337354" s="10"/>
    </row>
    <row r="337355" spans="14:14">
      <c r="N337355" s="10"/>
    </row>
    <row r="337356" spans="14:14">
      <c r="N337356" s="10"/>
    </row>
    <row r="337357" spans="14:14">
      <c r="N337357" s="10"/>
    </row>
    <row r="337358" spans="14:14">
      <c r="N337358" s="10"/>
    </row>
    <row r="337359" spans="14:14">
      <c r="N337359" s="10"/>
    </row>
    <row r="337360" spans="14:14">
      <c r="N337360" s="10"/>
    </row>
    <row r="337361" spans="14:14">
      <c r="N337361" s="10"/>
    </row>
    <row r="337362" spans="14:14">
      <c r="N337362" s="10"/>
    </row>
    <row r="337363" spans="14:14">
      <c r="N337363" s="10"/>
    </row>
    <row r="337364" spans="14:14">
      <c r="N337364" s="10"/>
    </row>
    <row r="337365" spans="14:14">
      <c r="N337365" s="10"/>
    </row>
    <row r="337366" spans="14:14">
      <c r="N337366" s="10"/>
    </row>
    <row r="337367" spans="14:14">
      <c r="N337367" s="10"/>
    </row>
    <row r="337368" spans="14:14">
      <c r="N337368" s="10"/>
    </row>
    <row r="337369" spans="14:14">
      <c r="N337369" s="10"/>
    </row>
    <row r="337370" spans="14:14">
      <c r="N337370" s="10"/>
    </row>
    <row r="337371" spans="14:14">
      <c r="N337371" s="10"/>
    </row>
    <row r="337372" spans="14:14">
      <c r="N337372" s="10"/>
    </row>
    <row r="337373" spans="14:14">
      <c r="N337373" s="10"/>
    </row>
    <row r="337374" spans="14:14">
      <c r="N337374" s="10"/>
    </row>
    <row r="337375" spans="14:14">
      <c r="N337375" s="10"/>
    </row>
    <row r="337376" spans="14:14">
      <c r="N337376" s="10"/>
    </row>
    <row r="337377" spans="14:14">
      <c r="N337377" s="10"/>
    </row>
    <row r="337378" spans="14:14">
      <c r="N337378" s="10"/>
    </row>
    <row r="337379" spans="14:14">
      <c r="N337379" s="10"/>
    </row>
    <row r="337380" spans="14:14">
      <c r="N337380" s="10"/>
    </row>
    <row r="337381" spans="14:14">
      <c r="N337381" s="10"/>
    </row>
    <row r="337382" spans="14:14">
      <c r="N337382" s="10"/>
    </row>
    <row r="337383" spans="14:14">
      <c r="N337383" s="10"/>
    </row>
    <row r="337384" spans="14:14">
      <c r="N337384" s="10"/>
    </row>
    <row r="337385" spans="14:14">
      <c r="N337385" s="10"/>
    </row>
    <row r="337386" spans="14:14">
      <c r="N337386" s="10"/>
    </row>
    <row r="337387" spans="14:14">
      <c r="N337387" s="10"/>
    </row>
    <row r="337388" spans="14:14">
      <c r="N337388" s="10"/>
    </row>
    <row r="337389" spans="14:14">
      <c r="N337389" s="10"/>
    </row>
    <row r="337390" spans="14:14">
      <c r="N337390" s="10"/>
    </row>
    <row r="337391" spans="14:14">
      <c r="N337391" s="10"/>
    </row>
    <row r="337392" spans="14:14">
      <c r="N337392" s="10"/>
    </row>
    <row r="337393" spans="14:14">
      <c r="N337393" s="10"/>
    </row>
    <row r="337394" spans="14:14">
      <c r="N337394" s="10"/>
    </row>
    <row r="337395" spans="14:14">
      <c r="N337395" s="10"/>
    </row>
    <row r="337396" spans="14:14">
      <c r="N337396" s="10"/>
    </row>
    <row r="337397" spans="14:14">
      <c r="N337397" s="10"/>
    </row>
    <row r="337398" spans="14:14">
      <c r="N337398" s="10"/>
    </row>
    <row r="337399" spans="14:14">
      <c r="N337399" s="10"/>
    </row>
    <row r="337400" spans="14:14">
      <c r="N337400" s="10"/>
    </row>
    <row r="337401" spans="14:14">
      <c r="N337401" s="10"/>
    </row>
    <row r="337402" spans="14:14">
      <c r="N337402" s="10"/>
    </row>
    <row r="337403" spans="14:14">
      <c r="N337403" s="10"/>
    </row>
    <row r="337404" spans="14:14">
      <c r="N337404" s="10"/>
    </row>
    <row r="337405" spans="14:14">
      <c r="N337405" s="10"/>
    </row>
    <row r="337406" spans="14:14">
      <c r="N337406" s="10"/>
    </row>
    <row r="337407" spans="14:14">
      <c r="N337407" s="10"/>
    </row>
    <row r="337408" spans="14:14">
      <c r="N337408" s="10"/>
    </row>
    <row r="337409" spans="14:14">
      <c r="N337409" s="10"/>
    </row>
    <row r="337410" spans="14:14">
      <c r="N337410" s="10"/>
    </row>
    <row r="337411" spans="14:14">
      <c r="N337411" s="10"/>
    </row>
    <row r="337412" spans="14:14">
      <c r="N337412" s="10"/>
    </row>
    <row r="337413" spans="14:14">
      <c r="N337413" s="10"/>
    </row>
    <row r="337414" spans="14:14">
      <c r="N337414" s="10"/>
    </row>
    <row r="337415" spans="14:14">
      <c r="N337415" s="10"/>
    </row>
    <row r="337416" spans="14:14">
      <c r="N337416" s="10"/>
    </row>
    <row r="337417" spans="14:14">
      <c r="N337417" s="10"/>
    </row>
    <row r="337418" spans="14:14">
      <c r="N337418" s="10"/>
    </row>
    <row r="337419" spans="14:14">
      <c r="N337419" s="10"/>
    </row>
    <row r="337420" spans="14:14">
      <c r="N337420" s="10"/>
    </row>
    <row r="337421" spans="14:14">
      <c r="N337421" s="10"/>
    </row>
    <row r="337422" spans="14:14">
      <c r="N337422" s="10"/>
    </row>
    <row r="337423" spans="14:14">
      <c r="N337423" s="10"/>
    </row>
    <row r="337424" spans="14:14">
      <c r="N337424" s="10"/>
    </row>
    <row r="337425" spans="14:14">
      <c r="N337425" s="10"/>
    </row>
    <row r="337426" spans="14:14">
      <c r="N337426" s="10"/>
    </row>
    <row r="337427" spans="14:14">
      <c r="N337427" s="10"/>
    </row>
    <row r="337428" spans="14:14">
      <c r="N337428" s="10"/>
    </row>
    <row r="337429" spans="14:14">
      <c r="N337429" s="10"/>
    </row>
    <row r="337430" spans="14:14">
      <c r="N337430" s="10"/>
    </row>
    <row r="337431" spans="14:14">
      <c r="N337431" s="10"/>
    </row>
    <row r="337432" spans="14:14">
      <c r="N337432" s="10"/>
    </row>
    <row r="337433" spans="14:14">
      <c r="N337433" s="10"/>
    </row>
    <row r="337434" spans="14:14">
      <c r="N337434" s="10"/>
    </row>
    <row r="337435" spans="14:14">
      <c r="N337435" s="10"/>
    </row>
    <row r="337436" spans="14:14">
      <c r="N337436" s="10"/>
    </row>
    <row r="337437" spans="14:14">
      <c r="N337437" s="10"/>
    </row>
    <row r="337438" spans="14:14">
      <c r="N337438" s="10"/>
    </row>
    <row r="337439" spans="14:14">
      <c r="N337439" s="10"/>
    </row>
    <row r="337440" spans="14:14">
      <c r="N337440" s="10"/>
    </row>
    <row r="337441" spans="14:14">
      <c r="N337441" s="10"/>
    </row>
    <row r="337442" spans="14:14">
      <c r="N337442" s="10"/>
    </row>
    <row r="337443" spans="14:14">
      <c r="N337443" s="10"/>
    </row>
    <row r="337444" spans="14:14">
      <c r="N337444" s="10"/>
    </row>
    <row r="337445" spans="14:14">
      <c r="N337445" s="10"/>
    </row>
    <row r="337446" spans="14:14">
      <c r="N337446" s="10"/>
    </row>
    <row r="337447" spans="14:14">
      <c r="N337447" s="10"/>
    </row>
    <row r="337448" spans="14:14">
      <c r="N337448" s="10"/>
    </row>
    <row r="337449" spans="14:14">
      <c r="N337449" s="10"/>
    </row>
    <row r="337450" spans="14:14">
      <c r="N337450" s="10"/>
    </row>
    <row r="337451" spans="14:14">
      <c r="N337451" s="10"/>
    </row>
    <row r="337452" spans="14:14">
      <c r="N337452" s="10"/>
    </row>
    <row r="337453" spans="14:14">
      <c r="N337453" s="10"/>
    </row>
    <row r="337454" spans="14:14">
      <c r="N337454" s="10"/>
    </row>
    <row r="337455" spans="14:14">
      <c r="N337455" s="10"/>
    </row>
    <row r="337456" spans="14:14">
      <c r="N337456" s="10"/>
    </row>
    <row r="337457" spans="14:14">
      <c r="N337457" s="10"/>
    </row>
    <row r="337458" spans="14:14">
      <c r="N337458" s="10"/>
    </row>
    <row r="337459" spans="14:14">
      <c r="N337459" s="10"/>
    </row>
    <row r="337460" spans="14:14">
      <c r="N337460" s="10"/>
    </row>
    <row r="337461" spans="14:14">
      <c r="N337461" s="10"/>
    </row>
    <row r="337462" spans="14:14">
      <c r="N337462" s="10"/>
    </row>
    <row r="337463" spans="14:14">
      <c r="N337463" s="10"/>
    </row>
    <row r="337464" spans="14:14">
      <c r="N337464" s="10"/>
    </row>
    <row r="337465" spans="14:14">
      <c r="N337465" s="10"/>
    </row>
    <row r="337466" spans="14:14">
      <c r="N337466" s="10"/>
    </row>
    <row r="337467" spans="14:14">
      <c r="N337467" s="10"/>
    </row>
    <row r="337468" spans="14:14">
      <c r="N337468" s="10"/>
    </row>
    <row r="337469" spans="14:14">
      <c r="N337469" s="10"/>
    </row>
    <row r="337470" spans="14:14">
      <c r="N337470" s="10"/>
    </row>
    <row r="337471" spans="14:14">
      <c r="N337471" s="10"/>
    </row>
    <row r="337472" spans="14:14">
      <c r="N337472" s="10"/>
    </row>
    <row r="337473" spans="14:14">
      <c r="N337473" s="10"/>
    </row>
    <row r="337474" spans="14:14">
      <c r="N337474" s="10"/>
    </row>
    <row r="337475" spans="14:14">
      <c r="N337475" s="10"/>
    </row>
    <row r="337476" spans="14:14">
      <c r="N337476" s="10"/>
    </row>
    <row r="337477" spans="14:14">
      <c r="N337477" s="10"/>
    </row>
    <row r="337478" spans="14:14">
      <c r="N337478" s="10"/>
    </row>
    <row r="337479" spans="14:14">
      <c r="N337479" s="10"/>
    </row>
    <row r="337480" spans="14:14">
      <c r="N337480" s="10"/>
    </row>
    <row r="337481" spans="14:14">
      <c r="N337481" s="10"/>
    </row>
    <row r="337482" spans="14:14">
      <c r="N337482" s="10"/>
    </row>
    <row r="337483" spans="14:14">
      <c r="N337483" s="10"/>
    </row>
    <row r="337484" spans="14:14">
      <c r="N337484" s="10"/>
    </row>
    <row r="337485" spans="14:14">
      <c r="N337485" s="10"/>
    </row>
    <row r="337486" spans="14:14">
      <c r="N337486" s="10"/>
    </row>
    <row r="337487" spans="14:14">
      <c r="N337487" s="10"/>
    </row>
    <row r="337488" spans="14:14">
      <c r="N337488" s="10"/>
    </row>
    <row r="337489" spans="14:14">
      <c r="N337489" s="10"/>
    </row>
    <row r="337490" spans="14:14">
      <c r="N337490" s="10"/>
    </row>
    <row r="337491" spans="14:14">
      <c r="N337491" s="10"/>
    </row>
    <row r="337492" spans="14:14">
      <c r="N337492" s="10"/>
    </row>
    <row r="337493" spans="14:14">
      <c r="N337493" s="10"/>
    </row>
    <row r="337494" spans="14:14">
      <c r="N337494" s="10"/>
    </row>
    <row r="337495" spans="14:14">
      <c r="N337495" s="10"/>
    </row>
    <row r="337496" spans="14:14">
      <c r="N337496" s="10"/>
    </row>
    <row r="337497" spans="14:14">
      <c r="N337497" s="10"/>
    </row>
    <row r="337498" spans="14:14">
      <c r="N337498" s="10"/>
    </row>
    <row r="337499" spans="14:14">
      <c r="N337499" s="10"/>
    </row>
    <row r="337500" spans="14:14">
      <c r="N337500" s="10"/>
    </row>
    <row r="337501" spans="14:14">
      <c r="N337501" s="10"/>
    </row>
    <row r="337502" spans="14:14">
      <c r="N337502" s="10"/>
    </row>
    <row r="337503" spans="14:14">
      <c r="N337503" s="10"/>
    </row>
    <row r="337504" spans="14:14">
      <c r="N337504" s="10"/>
    </row>
    <row r="337505" spans="14:14">
      <c r="N337505" s="10"/>
    </row>
    <row r="337506" spans="14:14">
      <c r="N337506" s="10"/>
    </row>
    <row r="337507" spans="14:14">
      <c r="N337507" s="10"/>
    </row>
    <row r="337508" spans="14:14">
      <c r="N337508" s="10"/>
    </row>
    <row r="337509" spans="14:14">
      <c r="N337509" s="10"/>
    </row>
    <row r="337510" spans="14:14">
      <c r="N337510" s="10"/>
    </row>
    <row r="337511" spans="14:14">
      <c r="N337511" s="10"/>
    </row>
    <row r="337512" spans="14:14">
      <c r="N337512" s="10"/>
    </row>
    <row r="337513" spans="14:14">
      <c r="N337513" s="10"/>
    </row>
    <row r="337514" spans="14:14">
      <c r="N337514" s="10"/>
    </row>
    <row r="337515" spans="14:14">
      <c r="N337515" s="10"/>
    </row>
    <row r="337516" spans="14:14">
      <c r="N337516" s="10"/>
    </row>
    <row r="337517" spans="14:14">
      <c r="N337517" s="10"/>
    </row>
    <row r="337518" spans="14:14">
      <c r="N337518" s="10"/>
    </row>
    <row r="337519" spans="14:14">
      <c r="N337519" s="10"/>
    </row>
    <row r="337520" spans="14:14">
      <c r="N337520" s="10"/>
    </row>
    <row r="337521" spans="14:14">
      <c r="N337521" s="10"/>
    </row>
    <row r="337522" spans="14:14">
      <c r="N337522" s="10"/>
    </row>
    <row r="337523" spans="14:14">
      <c r="N337523" s="10"/>
    </row>
    <row r="337524" spans="14:14">
      <c r="N337524" s="10"/>
    </row>
    <row r="337525" spans="14:14">
      <c r="N337525" s="10"/>
    </row>
    <row r="337526" spans="14:14">
      <c r="N337526" s="10"/>
    </row>
    <row r="337527" spans="14:14">
      <c r="N337527" s="10"/>
    </row>
    <row r="337528" spans="14:14">
      <c r="N337528" s="10"/>
    </row>
    <row r="337529" spans="14:14">
      <c r="N337529" s="10"/>
    </row>
    <row r="337530" spans="14:14">
      <c r="N337530" s="10"/>
    </row>
    <row r="337531" spans="14:14">
      <c r="N337531" s="10"/>
    </row>
    <row r="337532" spans="14:14">
      <c r="N337532" s="10"/>
    </row>
    <row r="337533" spans="14:14">
      <c r="N337533" s="10"/>
    </row>
    <row r="337534" spans="14:14">
      <c r="N337534" s="10"/>
    </row>
    <row r="337535" spans="14:14">
      <c r="N337535" s="10"/>
    </row>
    <row r="337536" spans="14:14">
      <c r="N337536" s="10"/>
    </row>
    <row r="337537" spans="14:14">
      <c r="N337537" s="10"/>
    </row>
    <row r="337538" spans="14:14">
      <c r="N337538" s="10"/>
    </row>
    <row r="337539" spans="14:14">
      <c r="N337539" s="10"/>
    </row>
    <row r="337540" spans="14:14">
      <c r="N337540" s="10"/>
    </row>
    <row r="337541" spans="14:14">
      <c r="N337541" s="10"/>
    </row>
    <row r="337542" spans="14:14">
      <c r="N337542" s="10"/>
    </row>
    <row r="337543" spans="14:14">
      <c r="N337543" s="10"/>
    </row>
    <row r="337544" spans="14:14">
      <c r="N337544" s="10"/>
    </row>
    <row r="337545" spans="14:14">
      <c r="N337545" s="10"/>
    </row>
    <row r="337546" spans="14:14">
      <c r="N337546" s="10"/>
    </row>
    <row r="337547" spans="14:14">
      <c r="N337547" s="10"/>
    </row>
    <row r="337548" spans="14:14">
      <c r="N337548" s="10"/>
    </row>
    <row r="337549" spans="14:14">
      <c r="N337549" s="10"/>
    </row>
    <row r="337550" spans="14:14">
      <c r="N337550" s="10"/>
    </row>
    <row r="337551" spans="14:14">
      <c r="N337551" s="10"/>
    </row>
    <row r="337552" spans="14:14">
      <c r="N337552" s="10"/>
    </row>
    <row r="337553" spans="14:14">
      <c r="N337553" s="10"/>
    </row>
    <row r="337554" spans="14:14">
      <c r="N337554" s="10"/>
    </row>
    <row r="337555" spans="14:14">
      <c r="N337555" s="10"/>
    </row>
    <row r="337556" spans="14:14">
      <c r="N337556" s="10"/>
    </row>
    <row r="337557" spans="14:14">
      <c r="N337557" s="10"/>
    </row>
    <row r="337558" spans="14:14">
      <c r="N337558" s="10"/>
    </row>
    <row r="337559" spans="14:14">
      <c r="N337559" s="10"/>
    </row>
    <row r="337560" spans="14:14">
      <c r="N337560" s="10"/>
    </row>
    <row r="337561" spans="14:14">
      <c r="N337561" s="10"/>
    </row>
    <row r="337562" spans="14:14">
      <c r="N337562" s="10"/>
    </row>
    <row r="337563" spans="14:14">
      <c r="N337563" s="10"/>
    </row>
    <row r="337564" spans="14:14">
      <c r="N337564" s="10"/>
    </row>
    <row r="337565" spans="14:14">
      <c r="N337565" s="10"/>
    </row>
    <row r="337566" spans="14:14">
      <c r="N337566" s="10"/>
    </row>
    <row r="337567" spans="14:14">
      <c r="N337567" s="10"/>
    </row>
    <row r="337568" spans="14:14">
      <c r="N337568" s="10"/>
    </row>
    <row r="337569" spans="14:14">
      <c r="N337569" s="10"/>
    </row>
    <row r="337570" spans="14:14">
      <c r="N337570" s="10"/>
    </row>
    <row r="337571" spans="14:14">
      <c r="N337571" s="10"/>
    </row>
    <row r="337572" spans="14:14">
      <c r="N337572" s="10"/>
    </row>
    <row r="337573" spans="14:14">
      <c r="N337573" s="10"/>
    </row>
    <row r="337574" spans="14:14">
      <c r="N337574" s="10"/>
    </row>
    <row r="337575" spans="14:14">
      <c r="N337575" s="10"/>
    </row>
    <row r="337576" spans="14:14">
      <c r="N337576" s="10"/>
    </row>
    <row r="337577" spans="14:14">
      <c r="N337577" s="10"/>
    </row>
    <row r="337578" spans="14:14">
      <c r="N337578" s="10"/>
    </row>
    <row r="337579" spans="14:14">
      <c r="N337579" s="10"/>
    </row>
    <row r="337580" spans="14:14">
      <c r="N337580" s="10"/>
    </row>
    <row r="337581" spans="14:14">
      <c r="N337581" s="10"/>
    </row>
    <row r="337582" spans="14:14">
      <c r="N337582" s="10"/>
    </row>
    <row r="337583" spans="14:14">
      <c r="N337583" s="10"/>
    </row>
    <row r="337584" spans="14:14">
      <c r="N337584" s="10"/>
    </row>
    <row r="337585" spans="14:14">
      <c r="N337585" s="10"/>
    </row>
    <row r="337586" spans="14:14">
      <c r="N337586" s="10"/>
    </row>
    <row r="337587" spans="14:14">
      <c r="N337587" s="10"/>
    </row>
    <row r="337588" spans="14:14">
      <c r="N337588" s="10"/>
    </row>
    <row r="337589" spans="14:14">
      <c r="N337589" s="10"/>
    </row>
    <row r="337590" spans="14:14">
      <c r="N337590" s="10"/>
    </row>
    <row r="337591" spans="14:14">
      <c r="N337591" s="10"/>
    </row>
    <row r="337592" spans="14:14">
      <c r="N337592" s="10"/>
    </row>
    <row r="337593" spans="14:14">
      <c r="N337593" s="10"/>
    </row>
    <row r="337594" spans="14:14">
      <c r="N337594" s="10"/>
    </row>
    <row r="337595" spans="14:14">
      <c r="N337595" s="10"/>
    </row>
    <row r="337596" spans="14:14">
      <c r="N337596" s="10"/>
    </row>
    <row r="337597" spans="14:14">
      <c r="N337597" s="10"/>
    </row>
    <row r="337598" spans="14:14">
      <c r="N337598" s="10"/>
    </row>
    <row r="337599" spans="14:14">
      <c r="N337599" s="10"/>
    </row>
    <row r="337600" spans="14:14">
      <c r="N337600" s="10"/>
    </row>
    <row r="337601" spans="14:14">
      <c r="N337601" s="10"/>
    </row>
    <row r="337602" spans="14:14">
      <c r="N337602" s="10"/>
    </row>
    <row r="337603" spans="14:14">
      <c r="N337603" s="10"/>
    </row>
    <row r="337604" spans="14:14">
      <c r="N337604" s="10"/>
    </row>
    <row r="337605" spans="14:14">
      <c r="N337605" s="10"/>
    </row>
    <row r="337606" spans="14:14">
      <c r="N337606" s="10"/>
    </row>
    <row r="337607" spans="14:14">
      <c r="N337607" s="10"/>
    </row>
    <row r="337608" spans="14:14">
      <c r="N337608" s="10"/>
    </row>
    <row r="337609" spans="14:14">
      <c r="N337609" s="10"/>
    </row>
    <row r="337610" spans="14:14">
      <c r="N337610" s="10"/>
    </row>
    <row r="337611" spans="14:14">
      <c r="N337611" s="10"/>
    </row>
    <row r="337612" spans="14:14">
      <c r="N337612" s="10"/>
    </row>
    <row r="337613" spans="14:14">
      <c r="N337613" s="10"/>
    </row>
    <row r="337614" spans="14:14">
      <c r="N337614" s="10"/>
    </row>
    <row r="337615" spans="14:14">
      <c r="N337615" s="10"/>
    </row>
    <row r="337616" spans="14:14">
      <c r="N337616" s="10"/>
    </row>
    <row r="337617" spans="14:14">
      <c r="N337617" s="10"/>
    </row>
    <row r="337618" spans="14:14">
      <c r="N337618" s="10"/>
    </row>
    <row r="337619" spans="14:14">
      <c r="N337619" s="10"/>
    </row>
    <row r="337620" spans="14:14">
      <c r="N337620" s="10"/>
    </row>
    <row r="337621" spans="14:14">
      <c r="N337621" s="10"/>
    </row>
    <row r="337622" spans="14:14">
      <c r="N337622" s="10"/>
    </row>
    <row r="337623" spans="14:14">
      <c r="N337623" s="10"/>
    </row>
    <row r="337624" spans="14:14">
      <c r="N337624" s="10"/>
    </row>
    <row r="337625" spans="14:14">
      <c r="N337625" s="10"/>
    </row>
    <row r="337626" spans="14:14">
      <c r="N337626" s="10"/>
    </row>
    <row r="337627" spans="14:14">
      <c r="N337627" s="10"/>
    </row>
    <row r="337628" spans="14:14">
      <c r="N337628" s="10"/>
    </row>
    <row r="337629" spans="14:14">
      <c r="N337629" s="10"/>
    </row>
    <row r="337630" spans="14:14">
      <c r="N337630" s="10"/>
    </row>
    <row r="337631" spans="14:14">
      <c r="N337631" s="10"/>
    </row>
    <row r="337632" spans="14:14">
      <c r="N337632" s="10"/>
    </row>
    <row r="337633" spans="14:14">
      <c r="N337633" s="10"/>
    </row>
    <row r="337634" spans="14:14">
      <c r="N337634" s="10"/>
    </row>
    <row r="337635" spans="14:14">
      <c r="N337635" s="10"/>
    </row>
    <row r="337636" spans="14:14">
      <c r="N337636" s="10"/>
    </row>
    <row r="337637" spans="14:14">
      <c r="N337637" s="10"/>
    </row>
    <row r="337638" spans="14:14">
      <c r="N337638" s="10"/>
    </row>
    <row r="337639" spans="14:14">
      <c r="N337639" s="10"/>
    </row>
    <row r="337640" spans="14:14">
      <c r="N337640" s="10"/>
    </row>
    <row r="337641" spans="14:14">
      <c r="N337641" s="10"/>
    </row>
    <row r="337642" spans="14:14">
      <c r="N337642" s="10"/>
    </row>
    <row r="337643" spans="14:14">
      <c r="N337643" s="10"/>
    </row>
    <row r="337644" spans="14:14">
      <c r="N337644" s="10"/>
    </row>
    <row r="337645" spans="14:14">
      <c r="N337645" s="10"/>
    </row>
    <row r="337646" spans="14:14">
      <c r="N337646" s="10"/>
    </row>
    <row r="337647" spans="14:14">
      <c r="N337647" s="10"/>
    </row>
    <row r="337648" spans="14:14">
      <c r="N337648" s="10"/>
    </row>
    <row r="337649" spans="14:14">
      <c r="N337649" s="10"/>
    </row>
    <row r="337650" spans="14:14">
      <c r="N337650" s="10"/>
    </row>
    <row r="337651" spans="14:14">
      <c r="N337651" s="10"/>
    </row>
    <row r="337652" spans="14:14">
      <c r="N337652" s="10"/>
    </row>
    <row r="337653" spans="14:14">
      <c r="N337653" s="10"/>
    </row>
    <row r="337654" spans="14:14">
      <c r="N337654" s="10"/>
    </row>
    <row r="337655" spans="14:14">
      <c r="N337655" s="10"/>
    </row>
    <row r="337656" spans="14:14">
      <c r="N337656" s="10"/>
    </row>
    <row r="337657" spans="14:14">
      <c r="N337657" s="10"/>
    </row>
    <row r="337658" spans="14:14">
      <c r="N337658" s="10"/>
    </row>
    <row r="337659" spans="14:14">
      <c r="N337659" s="10"/>
    </row>
    <row r="337660" spans="14:14">
      <c r="N337660" s="10"/>
    </row>
    <row r="337661" spans="14:14">
      <c r="N337661" s="10"/>
    </row>
    <row r="337662" spans="14:14">
      <c r="N337662" s="10"/>
    </row>
    <row r="337663" spans="14:14">
      <c r="N337663" s="10"/>
    </row>
    <row r="337664" spans="14:14">
      <c r="N337664" s="10"/>
    </row>
    <row r="337665" spans="14:14">
      <c r="N337665" s="10"/>
    </row>
    <row r="337666" spans="14:14">
      <c r="N337666" s="10"/>
    </row>
    <row r="337667" spans="14:14">
      <c r="N337667" s="10"/>
    </row>
    <row r="337668" spans="14:14">
      <c r="N337668" s="10"/>
    </row>
    <row r="337669" spans="14:14">
      <c r="N337669" s="10"/>
    </row>
    <row r="337670" spans="14:14">
      <c r="N337670" s="10"/>
    </row>
    <row r="337671" spans="14:14">
      <c r="N337671" s="10"/>
    </row>
    <row r="337672" spans="14:14">
      <c r="N337672" s="10"/>
    </row>
    <row r="337673" spans="14:14">
      <c r="N337673" s="10"/>
    </row>
    <row r="337674" spans="14:14">
      <c r="N337674" s="10"/>
    </row>
    <row r="337675" spans="14:14">
      <c r="N337675" s="10"/>
    </row>
    <row r="337676" spans="14:14">
      <c r="N337676" s="10"/>
    </row>
    <row r="337677" spans="14:14">
      <c r="N337677" s="10"/>
    </row>
    <row r="337678" spans="14:14">
      <c r="N337678" s="10"/>
    </row>
    <row r="337679" spans="14:14">
      <c r="N337679" s="10"/>
    </row>
    <row r="337680" spans="14:14">
      <c r="N337680" s="10"/>
    </row>
    <row r="337681" spans="14:14">
      <c r="N337681" s="10"/>
    </row>
    <row r="337682" spans="14:14">
      <c r="N337682" s="10"/>
    </row>
    <row r="337683" spans="14:14">
      <c r="N337683" s="10"/>
    </row>
    <row r="337684" spans="14:14">
      <c r="N337684" s="10"/>
    </row>
    <row r="337685" spans="14:14">
      <c r="N337685" s="10"/>
    </row>
    <row r="337686" spans="14:14">
      <c r="N337686" s="10"/>
    </row>
    <row r="337687" spans="14:14">
      <c r="N337687" s="10"/>
    </row>
    <row r="337688" spans="14:14">
      <c r="N337688" s="10"/>
    </row>
    <row r="337689" spans="14:14">
      <c r="N337689" s="10"/>
    </row>
    <row r="337690" spans="14:14">
      <c r="N337690" s="10"/>
    </row>
    <row r="337691" spans="14:14">
      <c r="N337691" s="10"/>
    </row>
    <row r="337692" spans="14:14">
      <c r="N337692" s="10"/>
    </row>
    <row r="337693" spans="14:14">
      <c r="N337693" s="10"/>
    </row>
    <row r="337694" spans="14:14">
      <c r="N337694" s="10"/>
    </row>
    <row r="337695" spans="14:14">
      <c r="N337695" s="10"/>
    </row>
    <row r="337696" spans="14:14">
      <c r="N337696" s="10"/>
    </row>
    <row r="337697" spans="14:14">
      <c r="N337697" s="10"/>
    </row>
    <row r="337698" spans="14:14">
      <c r="N337698" s="10"/>
    </row>
    <row r="337699" spans="14:14">
      <c r="N337699" s="10"/>
    </row>
    <row r="337700" spans="14:14">
      <c r="N337700" s="10"/>
    </row>
    <row r="337701" spans="14:14">
      <c r="N337701" s="10"/>
    </row>
    <row r="337702" spans="14:14">
      <c r="N337702" s="10"/>
    </row>
    <row r="337703" spans="14:14">
      <c r="N337703" s="10"/>
    </row>
    <row r="337704" spans="14:14">
      <c r="N337704" s="10"/>
    </row>
    <row r="337705" spans="14:14">
      <c r="N337705" s="10"/>
    </row>
    <row r="337706" spans="14:14">
      <c r="N337706" s="10"/>
    </row>
    <row r="337707" spans="14:14">
      <c r="N337707" s="10"/>
    </row>
    <row r="337708" spans="14:14">
      <c r="N337708" s="10"/>
    </row>
    <row r="337709" spans="14:14">
      <c r="N337709" s="10"/>
    </row>
    <row r="337710" spans="14:14">
      <c r="N337710" s="10"/>
    </row>
    <row r="337711" spans="14:14">
      <c r="N337711" s="10"/>
    </row>
    <row r="337712" spans="14:14">
      <c r="N337712" s="10"/>
    </row>
    <row r="337713" spans="14:14">
      <c r="N337713" s="10"/>
    </row>
    <row r="337714" spans="14:14">
      <c r="N337714" s="10"/>
    </row>
    <row r="337715" spans="14:14">
      <c r="N337715" s="10"/>
    </row>
    <row r="337716" spans="14:14">
      <c r="N337716" s="10"/>
    </row>
    <row r="337717" spans="14:14">
      <c r="N337717" s="10"/>
    </row>
    <row r="337718" spans="14:14">
      <c r="N337718" s="10"/>
    </row>
    <row r="337719" spans="14:14">
      <c r="N337719" s="10"/>
    </row>
    <row r="337720" spans="14:14">
      <c r="N337720" s="10"/>
    </row>
    <row r="337721" spans="14:14">
      <c r="N337721" s="10"/>
    </row>
    <row r="337722" spans="14:14">
      <c r="N337722" s="10"/>
    </row>
    <row r="337723" spans="14:14">
      <c r="N337723" s="10"/>
    </row>
    <row r="337724" spans="14:14">
      <c r="N337724" s="10"/>
    </row>
    <row r="337725" spans="14:14">
      <c r="N337725" s="10"/>
    </row>
    <row r="337726" spans="14:14">
      <c r="N337726" s="10"/>
    </row>
    <row r="337727" spans="14:14">
      <c r="N337727" s="10"/>
    </row>
    <row r="337728" spans="14:14">
      <c r="N337728" s="10"/>
    </row>
    <row r="337729" spans="14:14">
      <c r="N337729" s="10"/>
    </row>
    <row r="337730" spans="14:14">
      <c r="N337730" s="10"/>
    </row>
    <row r="337731" spans="14:14">
      <c r="N337731" s="10"/>
    </row>
    <row r="337732" spans="14:14">
      <c r="N337732" s="10"/>
    </row>
    <row r="337733" spans="14:14">
      <c r="N337733" s="10"/>
    </row>
    <row r="337734" spans="14:14">
      <c r="N337734" s="10"/>
    </row>
    <row r="337735" spans="14:14">
      <c r="N337735" s="10"/>
    </row>
    <row r="337736" spans="14:14">
      <c r="N337736" s="10"/>
    </row>
    <row r="337737" spans="14:14">
      <c r="N337737" s="10"/>
    </row>
    <row r="337738" spans="14:14">
      <c r="N337738" s="10"/>
    </row>
    <row r="337739" spans="14:14">
      <c r="N337739" s="10"/>
    </row>
    <row r="337740" spans="14:14">
      <c r="N337740" s="10"/>
    </row>
    <row r="337741" spans="14:14">
      <c r="N337741" s="10"/>
    </row>
    <row r="337742" spans="14:14">
      <c r="N337742" s="10"/>
    </row>
    <row r="337743" spans="14:14">
      <c r="N337743" s="10"/>
    </row>
    <row r="337744" spans="14:14">
      <c r="N337744" s="10"/>
    </row>
    <row r="337745" spans="14:14">
      <c r="N337745" s="10"/>
    </row>
    <row r="337746" spans="14:14">
      <c r="N337746" s="10"/>
    </row>
    <row r="337747" spans="14:14">
      <c r="N337747" s="10"/>
    </row>
    <row r="337748" spans="14:14">
      <c r="N337748" s="10"/>
    </row>
    <row r="337749" spans="14:14">
      <c r="N337749" s="10"/>
    </row>
    <row r="337750" spans="14:14">
      <c r="N337750" s="10"/>
    </row>
    <row r="337751" spans="14:14">
      <c r="N337751" s="10"/>
    </row>
    <row r="337752" spans="14:14">
      <c r="N337752" s="10"/>
    </row>
    <row r="337753" spans="14:14">
      <c r="N337753" s="10"/>
    </row>
    <row r="337754" spans="14:14">
      <c r="N337754" s="10"/>
    </row>
    <row r="337755" spans="14:14">
      <c r="N337755" s="10"/>
    </row>
    <row r="337756" spans="14:14">
      <c r="N337756" s="10"/>
    </row>
    <row r="337757" spans="14:14">
      <c r="N337757" s="10"/>
    </row>
    <row r="337758" spans="14:14">
      <c r="N337758" s="10"/>
    </row>
    <row r="337759" spans="14:14">
      <c r="N337759" s="10"/>
    </row>
    <row r="337760" spans="14:14">
      <c r="N337760" s="10"/>
    </row>
    <row r="337761" spans="14:14">
      <c r="N337761" s="10"/>
    </row>
    <row r="337762" spans="14:14">
      <c r="N337762" s="10"/>
    </row>
    <row r="337763" spans="14:14">
      <c r="N337763" s="10"/>
    </row>
    <row r="337764" spans="14:14">
      <c r="N337764" s="10"/>
    </row>
    <row r="337765" spans="14:14">
      <c r="N337765" s="10"/>
    </row>
    <row r="337766" spans="14:14">
      <c r="N337766" s="10"/>
    </row>
    <row r="337767" spans="14:14">
      <c r="N337767" s="10"/>
    </row>
    <row r="337768" spans="14:14">
      <c r="N337768" s="10"/>
    </row>
    <row r="337769" spans="14:14">
      <c r="N337769" s="10"/>
    </row>
    <row r="337770" spans="14:14">
      <c r="N337770" s="10"/>
    </row>
    <row r="337771" spans="14:14">
      <c r="N337771" s="10"/>
    </row>
    <row r="337772" spans="14:14">
      <c r="N337772" s="10"/>
    </row>
    <row r="337773" spans="14:14">
      <c r="N337773" s="10"/>
    </row>
    <row r="337774" spans="14:14">
      <c r="N337774" s="10"/>
    </row>
    <row r="337775" spans="14:14">
      <c r="N337775" s="10"/>
    </row>
    <row r="337776" spans="14:14">
      <c r="N337776" s="10"/>
    </row>
    <row r="337777" spans="14:14">
      <c r="N337777" s="10"/>
    </row>
    <row r="337778" spans="14:14">
      <c r="N337778" s="10"/>
    </row>
    <row r="337779" spans="14:14">
      <c r="N337779" s="10"/>
    </row>
    <row r="337780" spans="14:14">
      <c r="N337780" s="10"/>
    </row>
    <row r="337781" spans="14:14">
      <c r="N337781" s="10"/>
    </row>
    <row r="337782" spans="14:14">
      <c r="N337782" s="10"/>
    </row>
    <row r="337783" spans="14:14">
      <c r="N337783" s="10"/>
    </row>
    <row r="337784" spans="14:14">
      <c r="N337784" s="10"/>
    </row>
    <row r="337785" spans="14:14">
      <c r="N337785" s="10"/>
    </row>
    <row r="337786" spans="14:14">
      <c r="N337786" s="10"/>
    </row>
    <row r="337787" spans="14:14">
      <c r="N337787" s="10"/>
    </row>
    <row r="337788" spans="14:14">
      <c r="N337788" s="10"/>
    </row>
    <row r="337789" spans="14:14">
      <c r="N337789" s="10"/>
    </row>
    <row r="337790" spans="14:14">
      <c r="N337790" s="10"/>
    </row>
    <row r="337791" spans="14:14">
      <c r="N337791" s="10"/>
    </row>
    <row r="337792" spans="14:14">
      <c r="N337792" s="10"/>
    </row>
    <row r="337793" spans="14:14">
      <c r="N337793" s="10"/>
    </row>
    <row r="337794" spans="14:14">
      <c r="N337794" s="10"/>
    </row>
    <row r="337795" spans="14:14">
      <c r="N337795" s="10"/>
    </row>
    <row r="337796" spans="14:14">
      <c r="N337796" s="10"/>
    </row>
    <row r="337797" spans="14:14">
      <c r="N337797" s="10"/>
    </row>
    <row r="337798" spans="14:14">
      <c r="N337798" s="10"/>
    </row>
    <row r="337799" spans="14:14">
      <c r="N337799" s="10"/>
    </row>
    <row r="337800" spans="14:14">
      <c r="N337800" s="10"/>
    </row>
    <row r="337801" spans="14:14">
      <c r="N337801" s="10"/>
    </row>
    <row r="337802" spans="14:14">
      <c r="N337802" s="10"/>
    </row>
    <row r="337803" spans="14:14">
      <c r="N337803" s="10"/>
    </row>
    <row r="337804" spans="14:14">
      <c r="N337804" s="10"/>
    </row>
    <row r="337805" spans="14:14">
      <c r="N337805" s="10"/>
    </row>
    <row r="337806" spans="14:14">
      <c r="N337806" s="10"/>
    </row>
    <row r="337807" spans="14:14">
      <c r="N337807" s="10"/>
    </row>
    <row r="337808" spans="14:14">
      <c r="N337808" s="10"/>
    </row>
    <row r="337809" spans="14:14">
      <c r="N337809" s="10"/>
    </row>
    <row r="337810" spans="14:14">
      <c r="N337810" s="10"/>
    </row>
    <row r="337811" spans="14:14">
      <c r="N337811" s="10"/>
    </row>
    <row r="337812" spans="14:14">
      <c r="N337812" s="10"/>
    </row>
    <row r="337813" spans="14:14">
      <c r="N337813" s="10"/>
    </row>
    <row r="337814" spans="14:14">
      <c r="N337814" s="10"/>
    </row>
    <row r="337815" spans="14:14">
      <c r="N337815" s="10"/>
    </row>
    <row r="337816" spans="14:14">
      <c r="N337816" s="10"/>
    </row>
    <row r="337817" spans="14:14">
      <c r="N337817" s="10"/>
    </row>
    <row r="337818" spans="14:14">
      <c r="N337818" s="10"/>
    </row>
    <row r="337819" spans="14:14">
      <c r="N337819" s="10"/>
    </row>
    <row r="337820" spans="14:14">
      <c r="N337820" s="10"/>
    </row>
    <row r="337821" spans="14:14">
      <c r="N337821" s="10"/>
    </row>
    <row r="337822" spans="14:14">
      <c r="N337822" s="10"/>
    </row>
    <row r="337823" spans="14:14">
      <c r="N337823" s="10"/>
    </row>
    <row r="337824" spans="14:14">
      <c r="N337824" s="10"/>
    </row>
    <row r="337825" spans="14:14">
      <c r="N337825" s="10"/>
    </row>
    <row r="337826" spans="14:14">
      <c r="N337826" s="10"/>
    </row>
    <row r="337827" spans="14:14">
      <c r="N337827" s="10"/>
    </row>
    <row r="337828" spans="14:14">
      <c r="N337828" s="10"/>
    </row>
    <row r="337829" spans="14:14">
      <c r="N337829" s="10"/>
    </row>
    <row r="337830" spans="14:14">
      <c r="N337830" s="10"/>
    </row>
    <row r="337831" spans="14:14">
      <c r="N337831" s="10"/>
    </row>
    <row r="337832" spans="14:14">
      <c r="N337832" s="10"/>
    </row>
    <row r="337833" spans="14:14">
      <c r="N337833" s="10"/>
    </row>
    <row r="337834" spans="14:14">
      <c r="N337834" s="10"/>
    </row>
    <row r="337835" spans="14:14">
      <c r="N337835" s="10"/>
    </row>
    <row r="337836" spans="14:14">
      <c r="N337836" s="10"/>
    </row>
    <row r="337837" spans="14:14">
      <c r="N337837" s="10"/>
    </row>
    <row r="337838" spans="14:14">
      <c r="N337838" s="10"/>
    </row>
    <row r="337839" spans="14:14">
      <c r="N337839" s="10"/>
    </row>
    <row r="337840" spans="14:14">
      <c r="N337840" s="10"/>
    </row>
    <row r="337841" spans="14:14">
      <c r="N337841" s="10"/>
    </row>
    <row r="337842" spans="14:14">
      <c r="N337842" s="10"/>
    </row>
    <row r="337843" spans="14:14">
      <c r="N337843" s="10"/>
    </row>
    <row r="337844" spans="14:14">
      <c r="N337844" s="10"/>
    </row>
    <row r="337845" spans="14:14">
      <c r="N337845" s="10"/>
    </row>
    <row r="337846" spans="14:14">
      <c r="N337846" s="10"/>
    </row>
    <row r="337847" spans="14:14">
      <c r="N337847" s="10"/>
    </row>
    <row r="337848" spans="14:14">
      <c r="N337848" s="10"/>
    </row>
    <row r="337849" spans="14:14">
      <c r="N337849" s="10"/>
    </row>
    <row r="337850" spans="14:14">
      <c r="N337850" s="10"/>
    </row>
    <row r="337851" spans="14:14">
      <c r="N337851" s="10"/>
    </row>
    <row r="337852" spans="14:14">
      <c r="N337852" s="10"/>
    </row>
    <row r="337853" spans="14:14">
      <c r="N337853" s="10"/>
    </row>
    <row r="337854" spans="14:14">
      <c r="N337854" s="10"/>
    </row>
    <row r="337855" spans="14:14">
      <c r="N337855" s="10"/>
    </row>
    <row r="337856" spans="14:14">
      <c r="N337856" s="10"/>
    </row>
    <row r="337857" spans="14:14">
      <c r="N337857" s="10"/>
    </row>
    <row r="337858" spans="14:14">
      <c r="N337858" s="10"/>
    </row>
    <row r="337859" spans="14:14">
      <c r="N337859" s="10"/>
    </row>
    <row r="337860" spans="14:14">
      <c r="N337860" s="10"/>
    </row>
    <row r="337861" spans="14:14">
      <c r="N337861" s="10"/>
    </row>
    <row r="337862" spans="14:14">
      <c r="N337862" s="10"/>
    </row>
    <row r="337863" spans="14:14">
      <c r="N337863" s="10"/>
    </row>
    <row r="337864" spans="14:14">
      <c r="N337864" s="10"/>
    </row>
    <row r="337865" spans="14:14">
      <c r="N337865" s="10"/>
    </row>
    <row r="337866" spans="14:14">
      <c r="N337866" s="10"/>
    </row>
    <row r="337867" spans="14:14">
      <c r="N337867" s="10"/>
    </row>
    <row r="337868" spans="14:14">
      <c r="N337868" s="10"/>
    </row>
    <row r="337869" spans="14:14">
      <c r="N337869" s="10"/>
    </row>
    <row r="337870" spans="14:14">
      <c r="N337870" s="10"/>
    </row>
    <row r="337871" spans="14:14">
      <c r="N337871" s="10"/>
    </row>
    <row r="337872" spans="14:14">
      <c r="N337872" s="10"/>
    </row>
    <row r="337873" spans="14:14">
      <c r="N337873" s="10"/>
    </row>
    <row r="337874" spans="14:14">
      <c r="N337874" s="10"/>
    </row>
    <row r="337875" spans="14:14">
      <c r="N337875" s="10"/>
    </row>
    <row r="337876" spans="14:14">
      <c r="N337876" s="10"/>
    </row>
    <row r="337877" spans="14:14">
      <c r="N337877" s="10"/>
    </row>
    <row r="337878" spans="14:14">
      <c r="N337878" s="10"/>
    </row>
    <row r="337879" spans="14:14">
      <c r="N337879" s="10"/>
    </row>
    <row r="337880" spans="14:14">
      <c r="N337880" s="10"/>
    </row>
    <row r="337881" spans="14:14">
      <c r="N337881" s="10"/>
    </row>
    <row r="337882" spans="14:14">
      <c r="N337882" s="10"/>
    </row>
    <row r="337883" spans="14:14">
      <c r="N337883" s="10"/>
    </row>
    <row r="337884" spans="14:14">
      <c r="N337884" s="10"/>
    </row>
    <row r="337885" spans="14:14">
      <c r="N337885" s="10"/>
    </row>
    <row r="337886" spans="14:14">
      <c r="N337886" s="10"/>
    </row>
    <row r="337887" spans="14:14">
      <c r="N337887" s="10"/>
    </row>
    <row r="337888" spans="14:14">
      <c r="N337888" s="10"/>
    </row>
    <row r="337889" spans="14:14">
      <c r="N337889" s="10"/>
    </row>
    <row r="337890" spans="14:14">
      <c r="N337890" s="10"/>
    </row>
    <row r="337891" spans="14:14">
      <c r="N337891" s="10"/>
    </row>
    <row r="337892" spans="14:14">
      <c r="N337892" s="10"/>
    </row>
    <row r="337893" spans="14:14">
      <c r="N337893" s="10"/>
    </row>
    <row r="337894" spans="14:14">
      <c r="N337894" s="10"/>
    </row>
    <row r="337895" spans="14:14">
      <c r="N337895" s="10"/>
    </row>
    <row r="337896" spans="14:14">
      <c r="N337896" s="10"/>
    </row>
    <row r="337897" spans="14:14">
      <c r="N337897" s="10"/>
    </row>
    <row r="337898" spans="14:14">
      <c r="N337898" s="10"/>
    </row>
    <row r="337899" spans="14:14">
      <c r="N337899" s="10"/>
    </row>
    <row r="337900" spans="14:14">
      <c r="N337900" s="10"/>
    </row>
    <row r="337901" spans="14:14">
      <c r="N337901" s="10"/>
    </row>
    <row r="337902" spans="14:14">
      <c r="N337902" s="10"/>
    </row>
    <row r="337903" spans="14:14">
      <c r="N337903" s="10"/>
    </row>
    <row r="337904" spans="14:14">
      <c r="N337904" s="10"/>
    </row>
    <row r="337905" spans="14:14">
      <c r="N337905" s="10"/>
    </row>
    <row r="337906" spans="14:14">
      <c r="N337906" s="10"/>
    </row>
    <row r="337907" spans="14:14">
      <c r="N337907" s="10"/>
    </row>
    <row r="337908" spans="14:14">
      <c r="N337908" s="10"/>
    </row>
    <row r="337909" spans="14:14">
      <c r="N337909" s="10"/>
    </row>
    <row r="337910" spans="14:14">
      <c r="N337910" s="10"/>
    </row>
    <row r="337911" spans="14:14">
      <c r="N337911" s="10"/>
    </row>
    <row r="337912" spans="14:14">
      <c r="N337912" s="10"/>
    </row>
    <row r="337913" spans="14:14">
      <c r="N337913" s="10"/>
    </row>
    <row r="337914" spans="14:14">
      <c r="N337914" s="10"/>
    </row>
    <row r="337915" spans="14:14">
      <c r="N337915" s="10"/>
    </row>
    <row r="337916" spans="14:14">
      <c r="N337916" s="10"/>
    </row>
    <row r="337917" spans="14:14">
      <c r="N337917" s="10"/>
    </row>
    <row r="337918" spans="14:14">
      <c r="N337918" s="10"/>
    </row>
    <row r="337919" spans="14:14">
      <c r="N337919" s="10"/>
    </row>
    <row r="337920" spans="14:14">
      <c r="N337920" s="10"/>
    </row>
    <row r="337921" spans="14:14">
      <c r="N337921" s="10"/>
    </row>
    <row r="337922" spans="14:14">
      <c r="N337922" s="10"/>
    </row>
    <row r="337923" spans="14:14">
      <c r="N337923" s="10"/>
    </row>
    <row r="337924" spans="14:14">
      <c r="N337924" s="10"/>
    </row>
    <row r="337925" spans="14:14">
      <c r="N337925" s="10"/>
    </row>
    <row r="337926" spans="14:14">
      <c r="N337926" s="10"/>
    </row>
    <row r="337927" spans="14:14">
      <c r="N337927" s="10"/>
    </row>
    <row r="337928" spans="14:14">
      <c r="N337928" s="10"/>
    </row>
    <row r="337929" spans="14:14">
      <c r="N337929" s="10"/>
    </row>
    <row r="337930" spans="14:14">
      <c r="N337930" s="10"/>
    </row>
    <row r="337931" spans="14:14">
      <c r="N337931" s="10"/>
    </row>
    <row r="337932" spans="14:14">
      <c r="N337932" s="10"/>
    </row>
    <row r="337933" spans="14:14">
      <c r="N337933" s="10"/>
    </row>
    <row r="337934" spans="14:14">
      <c r="N337934" s="10"/>
    </row>
    <row r="337935" spans="14:14">
      <c r="N337935" s="10"/>
    </row>
    <row r="337936" spans="14:14">
      <c r="N337936" s="10"/>
    </row>
    <row r="337937" spans="14:14">
      <c r="N337937" s="10"/>
    </row>
    <row r="337938" spans="14:14">
      <c r="N337938" s="10"/>
    </row>
    <row r="337939" spans="14:14">
      <c r="N337939" s="10"/>
    </row>
    <row r="337940" spans="14:14">
      <c r="N337940" s="10"/>
    </row>
    <row r="337941" spans="14:14">
      <c r="N337941" s="10"/>
    </row>
    <row r="337942" spans="14:14">
      <c r="N337942" s="10"/>
    </row>
    <row r="337943" spans="14:14">
      <c r="N337943" s="10"/>
    </row>
    <row r="337944" spans="14:14">
      <c r="N337944" s="10"/>
    </row>
    <row r="337945" spans="14:14">
      <c r="N337945" s="10"/>
    </row>
    <row r="337946" spans="14:14">
      <c r="N337946" s="10"/>
    </row>
    <row r="337947" spans="14:14">
      <c r="N337947" s="10"/>
    </row>
    <row r="337948" spans="14:14">
      <c r="N337948" s="10"/>
    </row>
    <row r="337949" spans="14:14">
      <c r="N337949" s="10"/>
    </row>
    <row r="337950" spans="14:14">
      <c r="N337950" s="10"/>
    </row>
    <row r="337951" spans="14:14">
      <c r="N337951" s="10"/>
    </row>
    <row r="337952" spans="14:14">
      <c r="N337952" s="10"/>
    </row>
    <row r="337953" spans="14:14">
      <c r="N337953" s="10"/>
    </row>
    <row r="337954" spans="14:14">
      <c r="N337954" s="10"/>
    </row>
    <row r="337955" spans="14:14">
      <c r="N337955" s="10"/>
    </row>
    <row r="337956" spans="14:14">
      <c r="N337956" s="10"/>
    </row>
    <row r="337957" spans="14:14">
      <c r="N337957" s="10"/>
    </row>
    <row r="337958" spans="14:14">
      <c r="N337958" s="10"/>
    </row>
    <row r="337959" spans="14:14">
      <c r="N337959" s="10"/>
    </row>
    <row r="337960" spans="14:14">
      <c r="N337960" s="10"/>
    </row>
    <row r="337961" spans="14:14">
      <c r="N337961" s="10"/>
    </row>
    <row r="337962" spans="14:14">
      <c r="N337962" s="10"/>
    </row>
    <row r="337963" spans="14:14">
      <c r="N337963" s="10"/>
    </row>
    <row r="337964" spans="14:14">
      <c r="N337964" s="10"/>
    </row>
    <row r="337965" spans="14:14">
      <c r="N337965" s="10"/>
    </row>
    <row r="337966" spans="14:14">
      <c r="N337966" s="10"/>
    </row>
    <row r="337967" spans="14:14">
      <c r="N337967" s="10"/>
    </row>
    <row r="337968" spans="14:14">
      <c r="N337968" s="10"/>
    </row>
    <row r="337969" spans="14:14">
      <c r="N337969" s="10"/>
    </row>
    <row r="337970" spans="14:14">
      <c r="N337970" s="10"/>
    </row>
    <row r="337971" spans="14:14">
      <c r="N337971" s="10"/>
    </row>
    <row r="337972" spans="14:14">
      <c r="N337972" s="10"/>
    </row>
    <row r="337973" spans="14:14">
      <c r="N337973" s="10"/>
    </row>
    <row r="337974" spans="14:14">
      <c r="N337974" s="10"/>
    </row>
    <row r="337975" spans="14:14">
      <c r="N337975" s="10"/>
    </row>
    <row r="337976" spans="14:14">
      <c r="N337976" s="10"/>
    </row>
    <row r="337977" spans="14:14">
      <c r="N337977" s="10"/>
    </row>
    <row r="337978" spans="14:14">
      <c r="N337978" s="10"/>
    </row>
    <row r="337979" spans="14:14">
      <c r="N337979" s="10"/>
    </row>
    <row r="337980" spans="14:14">
      <c r="N337980" s="10"/>
    </row>
    <row r="337981" spans="14:14">
      <c r="N337981" s="10"/>
    </row>
    <row r="337982" spans="14:14">
      <c r="N337982" s="10"/>
    </row>
    <row r="337983" spans="14:14">
      <c r="N337983" s="10"/>
    </row>
    <row r="337984" spans="14:14">
      <c r="N337984" s="10"/>
    </row>
    <row r="337985" spans="14:14">
      <c r="N337985" s="10"/>
    </row>
    <row r="337986" spans="14:14">
      <c r="N337986" s="10"/>
    </row>
    <row r="337987" spans="14:14">
      <c r="N337987" s="10"/>
    </row>
    <row r="337988" spans="14:14">
      <c r="N337988" s="10"/>
    </row>
    <row r="337989" spans="14:14">
      <c r="N337989" s="10"/>
    </row>
    <row r="337990" spans="14:14">
      <c r="N337990" s="10"/>
    </row>
    <row r="337991" spans="14:14">
      <c r="N337991" s="10"/>
    </row>
    <row r="337992" spans="14:14">
      <c r="N337992" s="10"/>
    </row>
    <row r="337993" spans="14:14">
      <c r="N337993" s="10"/>
    </row>
    <row r="337994" spans="14:14">
      <c r="N337994" s="10"/>
    </row>
    <row r="337995" spans="14:14">
      <c r="N337995" s="10"/>
    </row>
    <row r="337996" spans="14:14">
      <c r="N337996" s="10"/>
    </row>
    <row r="337997" spans="14:14">
      <c r="N337997" s="10"/>
    </row>
    <row r="337998" spans="14:14">
      <c r="N337998" s="10"/>
    </row>
    <row r="337999" spans="14:14">
      <c r="N337999" s="10"/>
    </row>
    <row r="338000" spans="14:14">
      <c r="N338000" s="10"/>
    </row>
    <row r="338001" spans="14:14">
      <c r="N338001" s="10"/>
    </row>
    <row r="338002" spans="14:14">
      <c r="N338002" s="10"/>
    </row>
    <row r="338003" spans="14:14">
      <c r="N338003" s="10"/>
    </row>
    <row r="338004" spans="14:14">
      <c r="N338004" s="10"/>
    </row>
    <row r="338005" spans="14:14">
      <c r="N338005" s="10"/>
    </row>
    <row r="338006" spans="14:14">
      <c r="N338006" s="10"/>
    </row>
    <row r="338007" spans="14:14">
      <c r="N338007" s="10"/>
    </row>
    <row r="338008" spans="14:14">
      <c r="N338008" s="10"/>
    </row>
    <row r="338009" spans="14:14">
      <c r="N338009" s="10"/>
    </row>
    <row r="338010" spans="14:14">
      <c r="N338010" s="10"/>
    </row>
    <row r="338011" spans="14:14">
      <c r="N338011" s="10"/>
    </row>
    <row r="338012" spans="14:14">
      <c r="N338012" s="10"/>
    </row>
    <row r="338013" spans="14:14">
      <c r="N338013" s="10"/>
    </row>
    <row r="338014" spans="14:14">
      <c r="N338014" s="10"/>
    </row>
    <row r="338015" spans="14:14">
      <c r="N338015" s="10"/>
    </row>
    <row r="338016" spans="14:14">
      <c r="N338016" s="10"/>
    </row>
    <row r="338017" spans="14:14">
      <c r="N338017" s="10"/>
    </row>
    <row r="338018" spans="14:14">
      <c r="N338018" s="10"/>
    </row>
    <row r="338019" spans="14:14">
      <c r="N338019" s="10"/>
    </row>
    <row r="338020" spans="14:14">
      <c r="N338020" s="10"/>
    </row>
    <row r="338021" spans="14:14">
      <c r="N338021" s="10"/>
    </row>
    <row r="338022" spans="14:14">
      <c r="N338022" s="10"/>
    </row>
    <row r="338023" spans="14:14">
      <c r="N338023" s="10"/>
    </row>
    <row r="338024" spans="14:14">
      <c r="N338024" s="10"/>
    </row>
    <row r="338025" spans="14:14">
      <c r="N338025" s="10"/>
    </row>
    <row r="338026" spans="14:14">
      <c r="N338026" s="10"/>
    </row>
    <row r="338027" spans="14:14">
      <c r="N338027" s="10"/>
    </row>
    <row r="338028" spans="14:14">
      <c r="N338028" s="10"/>
    </row>
    <row r="338029" spans="14:14">
      <c r="N338029" s="10"/>
    </row>
    <row r="338030" spans="14:14">
      <c r="N338030" s="10"/>
    </row>
    <row r="338031" spans="14:14">
      <c r="N338031" s="10"/>
    </row>
    <row r="338032" spans="14:14">
      <c r="N338032" s="10"/>
    </row>
    <row r="338033" spans="14:14">
      <c r="N338033" s="10"/>
    </row>
    <row r="338034" spans="14:14">
      <c r="N338034" s="10"/>
    </row>
    <row r="338035" spans="14:14">
      <c r="N338035" s="10"/>
    </row>
    <row r="338036" spans="14:14">
      <c r="N338036" s="10"/>
    </row>
    <row r="338037" spans="14:14">
      <c r="N338037" s="10"/>
    </row>
    <row r="338038" spans="14:14">
      <c r="N338038" s="10"/>
    </row>
    <row r="338039" spans="14:14">
      <c r="N338039" s="10"/>
    </row>
    <row r="338040" spans="14:14">
      <c r="N338040" s="10"/>
    </row>
    <row r="338041" spans="14:14">
      <c r="N338041" s="10"/>
    </row>
    <row r="338042" spans="14:14">
      <c r="N338042" s="10"/>
    </row>
    <row r="338043" spans="14:14">
      <c r="N338043" s="10"/>
    </row>
    <row r="338044" spans="14:14">
      <c r="N338044" s="10"/>
    </row>
    <row r="338045" spans="14:14">
      <c r="N338045" s="10"/>
    </row>
    <row r="338046" spans="14:14">
      <c r="N338046" s="10"/>
    </row>
    <row r="338047" spans="14:14">
      <c r="N338047" s="10"/>
    </row>
    <row r="338048" spans="14:14">
      <c r="N338048" s="10"/>
    </row>
    <row r="338049" spans="14:14">
      <c r="N338049" s="10"/>
    </row>
    <row r="338050" spans="14:14">
      <c r="N338050" s="10"/>
    </row>
    <row r="338051" spans="14:14">
      <c r="N338051" s="10"/>
    </row>
    <row r="338052" spans="14:14">
      <c r="N338052" s="10"/>
    </row>
    <row r="338053" spans="14:14">
      <c r="N338053" s="10"/>
    </row>
    <row r="338054" spans="14:14">
      <c r="N338054" s="10"/>
    </row>
    <row r="338055" spans="14:14">
      <c r="N338055" s="10"/>
    </row>
    <row r="338056" spans="14:14">
      <c r="N338056" s="10"/>
    </row>
    <row r="338057" spans="14:14">
      <c r="N338057" s="10"/>
    </row>
    <row r="338058" spans="14:14">
      <c r="N338058" s="10"/>
    </row>
    <row r="338059" spans="14:14">
      <c r="N338059" s="10"/>
    </row>
    <row r="338060" spans="14:14">
      <c r="N338060" s="10"/>
    </row>
    <row r="338061" spans="14:14">
      <c r="N338061" s="10"/>
    </row>
    <row r="338062" spans="14:14">
      <c r="N338062" s="10"/>
    </row>
    <row r="338063" spans="14:14">
      <c r="N338063" s="10"/>
    </row>
    <row r="338064" spans="14:14">
      <c r="N338064" s="10"/>
    </row>
    <row r="338065" spans="14:14">
      <c r="N338065" s="10"/>
    </row>
    <row r="338066" spans="14:14">
      <c r="N338066" s="10"/>
    </row>
    <row r="338067" spans="14:14">
      <c r="N338067" s="10"/>
    </row>
    <row r="338068" spans="14:14">
      <c r="N338068" s="10"/>
    </row>
    <row r="338069" spans="14:14">
      <c r="N338069" s="10"/>
    </row>
    <row r="338070" spans="14:14">
      <c r="N338070" s="10"/>
    </row>
    <row r="338071" spans="14:14">
      <c r="N338071" s="10"/>
    </row>
    <row r="338072" spans="14:14">
      <c r="N338072" s="10"/>
    </row>
    <row r="338073" spans="14:14">
      <c r="N338073" s="10"/>
    </row>
    <row r="338074" spans="14:14">
      <c r="N338074" s="10"/>
    </row>
    <row r="338075" spans="14:14">
      <c r="N338075" s="10"/>
    </row>
    <row r="338076" spans="14:14">
      <c r="N338076" s="10"/>
    </row>
    <row r="338077" spans="14:14">
      <c r="N338077" s="10"/>
    </row>
    <row r="338078" spans="14:14">
      <c r="N338078" s="10"/>
    </row>
    <row r="338079" spans="14:14">
      <c r="N338079" s="10"/>
    </row>
    <row r="338080" spans="14:14">
      <c r="N338080" s="10"/>
    </row>
    <row r="338081" spans="14:14">
      <c r="N338081" s="10"/>
    </row>
    <row r="338082" spans="14:14">
      <c r="N338082" s="10"/>
    </row>
    <row r="338083" spans="14:14">
      <c r="N338083" s="10"/>
    </row>
    <row r="338084" spans="14:14">
      <c r="N338084" s="10"/>
    </row>
    <row r="338085" spans="14:14">
      <c r="N338085" s="10"/>
    </row>
    <row r="338086" spans="14:14">
      <c r="N338086" s="10"/>
    </row>
    <row r="338087" spans="14:14">
      <c r="N338087" s="10"/>
    </row>
    <row r="338088" spans="14:14">
      <c r="N338088" s="10"/>
    </row>
    <row r="338089" spans="14:14">
      <c r="N338089" s="10"/>
    </row>
    <row r="338090" spans="14:14">
      <c r="N338090" s="10"/>
    </row>
    <row r="338091" spans="14:14">
      <c r="N338091" s="10"/>
    </row>
    <row r="338092" spans="14:14">
      <c r="N338092" s="10"/>
    </row>
    <row r="338093" spans="14:14">
      <c r="N338093" s="10"/>
    </row>
    <row r="338094" spans="14:14">
      <c r="N338094" s="10"/>
    </row>
    <row r="338095" spans="14:14">
      <c r="N338095" s="10"/>
    </row>
    <row r="338096" spans="14:14">
      <c r="N338096" s="10"/>
    </row>
    <row r="338097" spans="14:14">
      <c r="N338097" s="10"/>
    </row>
    <row r="338098" spans="14:14">
      <c r="N338098" s="10"/>
    </row>
    <row r="338099" spans="14:14">
      <c r="N338099" s="10"/>
    </row>
    <row r="338100" spans="14:14">
      <c r="N338100" s="10"/>
    </row>
    <row r="338101" spans="14:14">
      <c r="N338101" s="10"/>
    </row>
    <row r="338102" spans="14:14">
      <c r="N338102" s="10"/>
    </row>
    <row r="338103" spans="14:14">
      <c r="N338103" s="10"/>
    </row>
    <row r="338104" spans="14:14">
      <c r="N338104" s="10"/>
    </row>
    <row r="338105" spans="14:14">
      <c r="N338105" s="10"/>
    </row>
    <row r="338106" spans="14:14">
      <c r="N338106" s="10"/>
    </row>
    <row r="338107" spans="14:14">
      <c r="N338107" s="10"/>
    </row>
    <row r="338108" spans="14:14">
      <c r="N338108" s="10"/>
    </row>
    <row r="338109" spans="14:14">
      <c r="N338109" s="10"/>
    </row>
    <row r="338110" spans="14:14">
      <c r="N338110" s="10"/>
    </row>
    <row r="338111" spans="14:14">
      <c r="N338111" s="10"/>
    </row>
    <row r="338112" spans="14:14">
      <c r="N338112" s="10"/>
    </row>
    <row r="338113" spans="14:14">
      <c r="N338113" s="10"/>
    </row>
    <row r="338114" spans="14:14">
      <c r="N338114" s="10"/>
    </row>
    <row r="338115" spans="14:14">
      <c r="N338115" s="10"/>
    </row>
    <row r="338116" spans="14:14">
      <c r="N338116" s="10"/>
    </row>
    <row r="338117" spans="14:14">
      <c r="N338117" s="10"/>
    </row>
    <row r="338118" spans="14:14">
      <c r="N338118" s="10"/>
    </row>
    <row r="338119" spans="14:14">
      <c r="N338119" s="10"/>
    </row>
    <row r="338120" spans="14:14">
      <c r="N338120" s="10"/>
    </row>
    <row r="338121" spans="14:14">
      <c r="N338121" s="10"/>
    </row>
    <row r="338122" spans="14:14">
      <c r="N338122" s="10"/>
    </row>
    <row r="338123" spans="14:14">
      <c r="N338123" s="10"/>
    </row>
    <row r="338124" spans="14:14">
      <c r="N338124" s="10"/>
    </row>
    <row r="338125" spans="14:14">
      <c r="N338125" s="10"/>
    </row>
    <row r="338126" spans="14:14">
      <c r="N338126" s="10"/>
    </row>
    <row r="338127" spans="14:14">
      <c r="N338127" s="10"/>
    </row>
    <row r="338128" spans="14:14">
      <c r="N338128" s="10"/>
    </row>
    <row r="338129" spans="14:14">
      <c r="N338129" s="10"/>
    </row>
    <row r="338130" spans="14:14">
      <c r="N338130" s="10"/>
    </row>
    <row r="338131" spans="14:14">
      <c r="N338131" s="10"/>
    </row>
    <row r="338132" spans="14:14">
      <c r="N338132" s="10"/>
    </row>
    <row r="338133" spans="14:14">
      <c r="N338133" s="10"/>
    </row>
    <row r="338134" spans="14:14">
      <c r="N338134" s="10"/>
    </row>
    <row r="338135" spans="14:14">
      <c r="N338135" s="10"/>
    </row>
    <row r="338136" spans="14:14">
      <c r="N338136" s="10"/>
    </row>
    <row r="338137" spans="14:14">
      <c r="N338137" s="10"/>
    </row>
    <row r="338138" spans="14:14">
      <c r="N338138" s="10"/>
    </row>
    <row r="338139" spans="14:14">
      <c r="N338139" s="10"/>
    </row>
    <row r="338140" spans="14:14">
      <c r="N338140" s="10"/>
    </row>
    <row r="338141" spans="14:14">
      <c r="N338141" s="10"/>
    </row>
    <row r="338142" spans="14:14">
      <c r="N338142" s="10"/>
    </row>
    <row r="338143" spans="14:14">
      <c r="N338143" s="10"/>
    </row>
    <row r="338144" spans="14:14">
      <c r="N338144" s="10"/>
    </row>
    <row r="338145" spans="14:14">
      <c r="N338145" s="10"/>
    </row>
    <row r="338146" spans="14:14">
      <c r="N338146" s="10"/>
    </row>
    <row r="338147" spans="14:14">
      <c r="N338147" s="10"/>
    </row>
    <row r="338148" spans="14:14">
      <c r="N338148" s="10"/>
    </row>
    <row r="338149" spans="14:14">
      <c r="N338149" s="10"/>
    </row>
    <row r="338150" spans="14:14">
      <c r="N338150" s="10"/>
    </row>
    <row r="338151" spans="14:14">
      <c r="N338151" s="10"/>
    </row>
    <row r="338152" spans="14:14">
      <c r="N338152" s="10"/>
    </row>
    <row r="338153" spans="14:14">
      <c r="N338153" s="10"/>
    </row>
    <row r="338154" spans="14:14">
      <c r="N338154" s="10"/>
    </row>
    <row r="338155" spans="14:14">
      <c r="N338155" s="10"/>
    </row>
    <row r="338156" spans="14:14">
      <c r="N338156" s="10"/>
    </row>
    <row r="338157" spans="14:14">
      <c r="N338157" s="10"/>
    </row>
    <row r="338158" spans="14:14">
      <c r="N338158" s="10"/>
    </row>
    <row r="338159" spans="14:14">
      <c r="N338159" s="10"/>
    </row>
    <row r="338160" spans="14:14">
      <c r="N338160" s="10"/>
    </row>
    <row r="338161" spans="14:14">
      <c r="N338161" s="10"/>
    </row>
    <row r="338162" spans="14:14">
      <c r="N338162" s="10"/>
    </row>
    <row r="338163" spans="14:14">
      <c r="N338163" s="10"/>
    </row>
    <row r="338164" spans="14:14">
      <c r="N338164" s="10"/>
    </row>
    <row r="338165" spans="14:14">
      <c r="N338165" s="10"/>
    </row>
    <row r="338166" spans="14:14">
      <c r="N338166" s="10"/>
    </row>
    <row r="338167" spans="14:14">
      <c r="N338167" s="10"/>
    </row>
    <row r="338168" spans="14:14">
      <c r="N338168" s="10"/>
    </row>
    <row r="338169" spans="14:14">
      <c r="N338169" s="10"/>
    </row>
    <row r="338170" spans="14:14">
      <c r="N338170" s="10"/>
    </row>
    <row r="338171" spans="14:14">
      <c r="N338171" s="10"/>
    </row>
    <row r="338172" spans="14:14">
      <c r="N338172" s="10"/>
    </row>
    <row r="338173" spans="14:14">
      <c r="N338173" s="10"/>
    </row>
    <row r="338174" spans="14:14">
      <c r="N338174" s="10"/>
    </row>
    <row r="338175" spans="14:14">
      <c r="N338175" s="10"/>
    </row>
    <row r="338176" spans="14:14">
      <c r="N338176" s="10"/>
    </row>
    <row r="338177" spans="14:14">
      <c r="N338177" s="10"/>
    </row>
    <row r="338178" spans="14:14">
      <c r="N338178" s="10"/>
    </row>
    <row r="338179" spans="14:14">
      <c r="N338179" s="10"/>
    </row>
    <row r="338180" spans="14:14">
      <c r="N338180" s="10"/>
    </row>
    <row r="338181" spans="14:14">
      <c r="N338181" s="10"/>
    </row>
    <row r="338182" spans="14:14">
      <c r="N338182" s="10"/>
    </row>
    <row r="338183" spans="14:14">
      <c r="N338183" s="10"/>
    </row>
    <row r="338184" spans="14:14">
      <c r="N338184" s="10"/>
    </row>
    <row r="338185" spans="14:14">
      <c r="N338185" s="10"/>
    </row>
    <row r="338186" spans="14:14">
      <c r="N338186" s="10"/>
    </row>
    <row r="338187" spans="14:14">
      <c r="N338187" s="10"/>
    </row>
    <row r="338188" spans="14:14">
      <c r="N338188" s="10"/>
    </row>
    <row r="338189" spans="14:14">
      <c r="N338189" s="10"/>
    </row>
    <row r="338190" spans="14:14">
      <c r="N338190" s="10"/>
    </row>
    <row r="338191" spans="14:14">
      <c r="N338191" s="10"/>
    </row>
    <row r="338192" spans="14:14">
      <c r="N338192" s="10"/>
    </row>
    <row r="338193" spans="14:14">
      <c r="N338193" s="10"/>
    </row>
    <row r="338194" spans="14:14">
      <c r="N338194" s="10"/>
    </row>
    <row r="338195" spans="14:14">
      <c r="N338195" s="10"/>
    </row>
    <row r="338196" spans="14:14">
      <c r="N338196" s="10"/>
    </row>
    <row r="338197" spans="14:14">
      <c r="N338197" s="10"/>
    </row>
    <row r="338198" spans="14:14">
      <c r="N338198" s="10"/>
    </row>
    <row r="338199" spans="14:14">
      <c r="N338199" s="10"/>
    </row>
    <row r="338200" spans="14:14">
      <c r="N338200" s="10"/>
    </row>
    <row r="338201" spans="14:14">
      <c r="N338201" s="10"/>
    </row>
    <row r="338202" spans="14:14">
      <c r="N338202" s="10"/>
    </row>
    <row r="338203" spans="14:14">
      <c r="N338203" s="10"/>
    </row>
    <row r="338204" spans="14:14">
      <c r="N338204" s="10"/>
    </row>
    <row r="338205" spans="14:14">
      <c r="N338205" s="10"/>
    </row>
    <row r="338206" spans="14:14">
      <c r="N338206" s="10"/>
    </row>
    <row r="338207" spans="14:14">
      <c r="N338207" s="10"/>
    </row>
    <row r="338208" spans="14:14">
      <c r="N338208" s="10"/>
    </row>
    <row r="338209" spans="14:14">
      <c r="N338209" s="10"/>
    </row>
    <row r="338210" spans="14:14">
      <c r="N338210" s="10"/>
    </row>
    <row r="338211" spans="14:14">
      <c r="N338211" s="10"/>
    </row>
    <row r="338212" spans="14:14">
      <c r="N338212" s="10"/>
    </row>
    <row r="338213" spans="14:14">
      <c r="N338213" s="10"/>
    </row>
    <row r="338214" spans="14:14">
      <c r="N338214" s="10"/>
    </row>
    <row r="338215" spans="14:14">
      <c r="N338215" s="10"/>
    </row>
    <row r="338216" spans="14:14">
      <c r="N338216" s="10"/>
    </row>
    <row r="338217" spans="14:14">
      <c r="N338217" s="10"/>
    </row>
    <row r="338218" spans="14:14">
      <c r="N338218" s="10"/>
    </row>
    <row r="338219" spans="14:14">
      <c r="N338219" s="10"/>
    </row>
    <row r="338220" spans="14:14">
      <c r="N338220" s="10"/>
    </row>
    <row r="338221" spans="14:14">
      <c r="N338221" s="10"/>
    </row>
    <row r="338222" spans="14:14">
      <c r="N338222" s="10"/>
    </row>
    <row r="338223" spans="14:14">
      <c r="N338223" s="10"/>
    </row>
    <row r="338224" spans="14:14">
      <c r="N338224" s="10"/>
    </row>
    <row r="338225" spans="14:14">
      <c r="N338225" s="10"/>
    </row>
    <row r="338226" spans="14:14">
      <c r="N338226" s="10"/>
    </row>
    <row r="338227" spans="14:14">
      <c r="N338227" s="10"/>
    </row>
    <row r="338228" spans="14:14">
      <c r="N338228" s="10"/>
    </row>
    <row r="338229" spans="14:14">
      <c r="N338229" s="10"/>
    </row>
    <row r="338230" spans="14:14">
      <c r="N338230" s="10"/>
    </row>
    <row r="338231" spans="14:14">
      <c r="N338231" s="10"/>
    </row>
    <row r="338232" spans="14:14">
      <c r="N338232" s="10"/>
    </row>
    <row r="338233" spans="14:14">
      <c r="N338233" s="10"/>
    </row>
    <row r="338234" spans="14:14">
      <c r="N338234" s="10"/>
    </row>
    <row r="338235" spans="14:14">
      <c r="N338235" s="10"/>
    </row>
    <row r="338236" spans="14:14">
      <c r="N338236" s="10"/>
    </row>
    <row r="338237" spans="14:14">
      <c r="N338237" s="10"/>
    </row>
    <row r="338238" spans="14:14">
      <c r="N338238" s="10"/>
    </row>
    <row r="338239" spans="14:14">
      <c r="N338239" s="10"/>
    </row>
    <row r="338240" spans="14:14">
      <c r="N338240" s="10"/>
    </row>
    <row r="338241" spans="14:14">
      <c r="N338241" s="10"/>
    </row>
    <row r="338242" spans="14:14">
      <c r="N338242" s="10"/>
    </row>
    <row r="338243" spans="14:14">
      <c r="N338243" s="10"/>
    </row>
    <row r="338244" spans="14:14">
      <c r="N338244" s="10"/>
    </row>
    <row r="338245" spans="14:14">
      <c r="N338245" s="10"/>
    </row>
    <row r="338246" spans="14:14">
      <c r="N338246" s="10"/>
    </row>
    <row r="338247" spans="14:14">
      <c r="N338247" s="10"/>
    </row>
    <row r="338248" spans="14:14">
      <c r="N338248" s="10"/>
    </row>
    <row r="338249" spans="14:14">
      <c r="N338249" s="10"/>
    </row>
    <row r="338250" spans="14:14">
      <c r="N338250" s="10"/>
    </row>
    <row r="338251" spans="14:14">
      <c r="N338251" s="10"/>
    </row>
    <row r="338252" spans="14:14">
      <c r="N338252" s="10"/>
    </row>
    <row r="338253" spans="14:14">
      <c r="N338253" s="10"/>
    </row>
    <row r="338254" spans="14:14">
      <c r="N338254" s="10"/>
    </row>
    <row r="338255" spans="14:14">
      <c r="N338255" s="10"/>
    </row>
    <row r="338256" spans="14:14">
      <c r="N338256" s="10"/>
    </row>
    <row r="338257" spans="14:14">
      <c r="N338257" s="10"/>
    </row>
    <row r="338258" spans="14:14">
      <c r="N338258" s="10"/>
    </row>
    <row r="338259" spans="14:14">
      <c r="N338259" s="10"/>
    </row>
    <row r="338260" spans="14:14">
      <c r="N338260" s="10"/>
    </row>
    <row r="338261" spans="14:14">
      <c r="N338261" s="10"/>
    </row>
    <row r="338262" spans="14:14">
      <c r="N338262" s="10"/>
    </row>
    <row r="338263" spans="14:14">
      <c r="N338263" s="10"/>
    </row>
    <row r="338264" spans="14:14">
      <c r="N338264" s="10"/>
    </row>
    <row r="338265" spans="14:14">
      <c r="N338265" s="10"/>
    </row>
    <row r="338266" spans="14:14">
      <c r="N338266" s="10"/>
    </row>
    <row r="338267" spans="14:14">
      <c r="N338267" s="10"/>
    </row>
    <row r="338268" spans="14:14">
      <c r="N338268" s="10"/>
    </row>
    <row r="338269" spans="14:14">
      <c r="N338269" s="10"/>
    </row>
    <row r="338270" spans="14:14">
      <c r="N338270" s="10"/>
    </row>
    <row r="338271" spans="14:14">
      <c r="N338271" s="10"/>
    </row>
    <row r="338272" spans="14:14">
      <c r="N338272" s="10"/>
    </row>
    <row r="338273" spans="14:14">
      <c r="N338273" s="10"/>
    </row>
    <row r="338274" spans="14:14">
      <c r="N338274" s="10"/>
    </row>
    <row r="338275" spans="14:14">
      <c r="N338275" s="10"/>
    </row>
    <row r="338276" spans="14:14">
      <c r="N338276" s="10"/>
    </row>
    <row r="338277" spans="14:14">
      <c r="N338277" s="10"/>
    </row>
    <row r="338278" spans="14:14">
      <c r="N338278" s="10"/>
    </row>
    <row r="338279" spans="14:14">
      <c r="N338279" s="10"/>
    </row>
    <row r="338280" spans="14:14">
      <c r="N338280" s="10"/>
    </row>
    <row r="338281" spans="14:14">
      <c r="N338281" s="10"/>
    </row>
    <row r="338282" spans="14:14">
      <c r="N338282" s="10"/>
    </row>
    <row r="338283" spans="14:14">
      <c r="N338283" s="10"/>
    </row>
    <row r="338284" spans="14:14">
      <c r="N338284" s="10"/>
    </row>
    <row r="338285" spans="14:14">
      <c r="N338285" s="10"/>
    </row>
    <row r="338286" spans="14:14">
      <c r="N338286" s="10"/>
    </row>
    <row r="338287" spans="14:14">
      <c r="N338287" s="10"/>
    </row>
    <row r="338288" spans="14:14">
      <c r="N338288" s="10"/>
    </row>
    <row r="338289" spans="14:14">
      <c r="N338289" s="10"/>
    </row>
    <row r="338290" spans="14:14">
      <c r="N338290" s="10"/>
    </row>
    <row r="338291" spans="14:14">
      <c r="N338291" s="10"/>
    </row>
    <row r="338292" spans="14:14">
      <c r="N338292" s="10"/>
    </row>
    <row r="338293" spans="14:14">
      <c r="N338293" s="10"/>
    </row>
    <row r="338294" spans="14:14">
      <c r="N338294" s="10"/>
    </row>
    <row r="338295" spans="14:14">
      <c r="N338295" s="10"/>
    </row>
    <row r="338296" spans="14:14">
      <c r="N338296" s="10"/>
    </row>
    <row r="338297" spans="14:14">
      <c r="N338297" s="10"/>
    </row>
    <row r="338298" spans="14:14">
      <c r="N338298" s="10"/>
    </row>
    <row r="338299" spans="14:14">
      <c r="N338299" s="10"/>
    </row>
    <row r="338300" spans="14:14">
      <c r="N338300" s="10"/>
    </row>
    <row r="338301" spans="14:14">
      <c r="N338301" s="10"/>
    </row>
    <row r="338302" spans="14:14">
      <c r="N338302" s="10"/>
    </row>
    <row r="338303" spans="14:14">
      <c r="N338303" s="10"/>
    </row>
    <row r="338304" spans="14:14">
      <c r="N338304" s="10"/>
    </row>
    <row r="338305" spans="14:14">
      <c r="N338305" s="10"/>
    </row>
    <row r="338306" spans="14:14">
      <c r="N338306" s="10"/>
    </row>
    <row r="338307" spans="14:14">
      <c r="N338307" s="10"/>
    </row>
    <row r="338308" spans="14:14">
      <c r="N338308" s="10"/>
    </row>
    <row r="338309" spans="14:14">
      <c r="N338309" s="10"/>
    </row>
    <row r="338310" spans="14:14">
      <c r="N338310" s="10"/>
    </row>
    <row r="338311" spans="14:14">
      <c r="N338311" s="10"/>
    </row>
    <row r="338312" spans="14:14">
      <c r="N338312" s="10"/>
    </row>
    <row r="338313" spans="14:14">
      <c r="N338313" s="10"/>
    </row>
    <row r="338314" spans="14:14">
      <c r="N338314" s="10"/>
    </row>
    <row r="338315" spans="14:14">
      <c r="N338315" s="10"/>
    </row>
    <row r="338316" spans="14:14">
      <c r="N338316" s="10"/>
    </row>
    <row r="338317" spans="14:14">
      <c r="N338317" s="10"/>
    </row>
    <row r="338318" spans="14:14">
      <c r="N338318" s="10"/>
    </row>
    <row r="338319" spans="14:14">
      <c r="N338319" s="10"/>
    </row>
    <row r="338320" spans="14:14">
      <c r="N338320" s="10"/>
    </row>
    <row r="338321" spans="14:14">
      <c r="N338321" s="10"/>
    </row>
    <row r="338322" spans="14:14">
      <c r="N338322" s="10"/>
    </row>
    <row r="338323" spans="14:14">
      <c r="N338323" s="10"/>
    </row>
    <row r="338324" spans="14:14">
      <c r="N338324" s="10"/>
    </row>
    <row r="338325" spans="14:14">
      <c r="N338325" s="10"/>
    </row>
    <row r="338326" spans="14:14">
      <c r="N338326" s="10"/>
    </row>
    <row r="338327" spans="14:14">
      <c r="N338327" s="10"/>
    </row>
    <row r="338328" spans="14:14">
      <c r="N338328" s="10"/>
    </row>
    <row r="338329" spans="14:14">
      <c r="N338329" s="10"/>
    </row>
    <row r="338330" spans="14:14">
      <c r="N338330" s="10"/>
    </row>
    <row r="338331" spans="14:14">
      <c r="N338331" s="10"/>
    </row>
    <row r="338332" spans="14:14">
      <c r="N338332" s="10"/>
    </row>
    <row r="338333" spans="14:14">
      <c r="N338333" s="10"/>
    </row>
    <row r="338334" spans="14:14">
      <c r="N338334" s="10"/>
    </row>
    <row r="338335" spans="14:14">
      <c r="N338335" s="10"/>
    </row>
    <row r="338336" spans="14:14">
      <c r="N338336" s="10"/>
    </row>
    <row r="338337" spans="14:14">
      <c r="N338337" s="10"/>
    </row>
    <row r="338338" spans="14:14">
      <c r="N338338" s="10"/>
    </row>
    <row r="338339" spans="14:14">
      <c r="N338339" s="10"/>
    </row>
    <row r="338340" spans="14:14">
      <c r="N338340" s="10"/>
    </row>
    <row r="338341" spans="14:14">
      <c r="N338341" s="10"/>
    </row>
    <row r="338342" spans="14:14">
      <c r="N338342" s="10"/>
    </row>
    <row r="338343" spans="14:14">
      <c r="N338343" s="10"/>
    </row>
    <row r="338344" spans="14:14">
      <c r="N338344" s="10"/>
    </row>
    <row r="338345" spans="14:14">
      <c r="N338345" s="10"/>
    </row>
    <row r="338346" spans="14:14">
      <c r="N338346" s="10"/>
    </row>
    <row r="338347" spans="14:14">
      <c r="N338347" s="10"/>
    </row>
    <row r="338348" spans="14:14">
      <c r="N338348" s="10"/>
    </row>
    <row r="338349" spans="14:14">
      <c r="N338349" s="10"/>
    </row>
    <row r="338350" spans="14:14">
      <c r="N338350" s="10"/>
    </row>
    <row r="338351" spans="14:14">
      <c r="N338351" s="10"/>
    </row>
    <row r="338352" spans="14:14">
      <c r="N338352" s="10"/>
    </row>
    <row r="338353" spans="14:14">
      <c r="N338353" s="10"/>
    </row>
    <row r="338354" spans="14:14">
      <c r="N338354" s="10"/>
    </row>
    <row r="338355" spans="14:14">
      <c r="N338355" s="10"/>
    </row>
    <row r="338356" spans="14:14">
      <c r="N338356" s="10"/>
    </row>
    <row r="338357" spans="14:14">
      <c r="N338357" s="10"/>
    </row>
    <row r="338358" spans="14:14">
      <c r="N338358" s="10"/>
    </row>
    <row r="338359" spans="14:14">
      <c r="N338359" s="10"/>
    </row>
    <row r="338360" spans="14:14">
      <c r="N338360" s="10"/>
    </row>
    <row r="338361" spans="14:14">
      <c r="N338361" s="10"/>
    </row>
    <row r="338362" spans="14:14">
      <c r="N338362" s="10"/>
    </row>
    <row r="338363" spans="14:14">
      <c r="N338363" s="10"/>
    </row>
    <row r="338364" spans="14:14">
      <c r="N338364" s="10"/>
    </row>
    <row r="338365" spans="14:14">
      <c r="N338365" s="10"/>
    </row>
    <row r="338366" spans="14:14">
      <c r="N338366" s="10"/>
    </row>
    <row r="338367" spans="14:14">
      <c r="N338367" s="10"/>
    </row>
    <row r="338368" spans="14:14">
      <c r="N338368" s="10"/>
    </row>
    <row r="338369" spans="14:14">
      <c r="N338369" s="10"/>
    </row>
    <row r="338370" spans="14:14">
      <c r="N338370" s="10"/>
    </row>
    <row r="338371" spans="14:14">
      <c r="N338371" s="10"/>
    </row>
    <row r="338372" spans="14:14">
      <c r="N338372" s="10"/>
    </row>
    <row r="338373" spans="14:14">
      <c r="N338373" s="10"/>
    </row>
    <row r="338374" spans="14:14">
      <c r="N338374" s="10"/>
    </row>
    <row r="338375" spans="14:14">
      <c r="N338375" s="10"/>
    </row>
    <row r="338376" spans="14:14">
      <c r="N338376" s="10"/>
    </row>
    <row r="338377" spans="14:14">
      <c r="N338377" s="10"/>
    </row>
    <row r="338378" spans="14:14">
      <c r="N338378" s="10"/>
    </row>
    <row r="338379" spans="14:14">
      <c r="N338379" s="10"/>
    </row>
    <row r="338380" spans="14:14">
      <c r="N338380" s="10"/>
    </row>
    <row r="338381" spans="14:14">
      <c r="N338381" s="10"/>
    </row>
    <row r="338382" spans="14:14">
      <c r="N338382" s="10"/>
    </row>
    <row r="338383" spans="14:14">
      <c r="N338383" s="10"/>
    </row>
    <row r="338384" spans="14:14">
      <c r="N338384" s="10"/>
    </row>
    <row r="338385" spans="14:14">
      <c r="N338385" s="10"/>
    </row>
    <row r="338386" spans="14:14">
      <c r="N338386" s="10"/>
    </row>
    <row r="338387" spans="14:14">
      <c r="N338387" s="10"/>
    </row>
    <row r="338388" spans="14:14">
      <c r="N338388" s="10"/>
    </row>
    <row r="338389" spans="14:14">
      <c r="N338389" s="10"/>
    </row>
    <row r="338390" spans="14:14">
      <c r="N338390" s="10"/>
    </row>
    <row r="338391" spans="14:14">
      <c r="N338391" s="10"/>
    </row>
    <row r="338392" spans="14:14">
      <c r="N338392" s="10"/>
    </row>
    <row r="338393" spans="14:14">
      <c r="N338393" s="10"/>
    </row>
    <row r="338394" spans="14:14">
      <c r="N338394" s="10"/>
    </row>
    <row r="338395" spans="14:14">
      <c r="N338395" s="10"/>
    </row>
    <row r="338396" spans="14:14">
      <c r="N338396" s="10"/>
    </row>
    <row r="338397" spans="14:14">
      <c r="N338397" s="10"/>
    </row>
    <row r="338398" spans="14:14">
      <c r="N338398" s="10"/>
    </row>
    <row r="338399" spans="14:14">
      <c r="N338399" s="10"/>
    </row>
    <row r="338400" spans="14:14">
      <c r="N338400" s="10"/>
    </row>
    <row r="338401" spans="14:14">
      <c r="N338401" s="10"/>
    </row>
    <row r="338402" spans="14:14">
      <c r="N338402" s="10"/>
    </row>
    <row r="338403" spans="14:14">
      <c r="N338403" s="10"/>
    </row>
    <row r="338404" spans="14:14">
      <c r="N338404" s="10"/>
    </row>
    <row r="338405" spans="14:14">
      <c r="N338405" s="10"/>
    </row>
    <row r="338406" spans="14:14">
      <c r="N338406" s="10"/>
    </row>
    <row r="338407" spans="14:14">
      <c r="N338407" s="10"/>
    </row>
    <row r="338408" spans="14:14">
      <c r="N338408" s="10"/>
    </row>
    <row r="338409" spans="14:14">
      <c r="N338409" s="10"/>
    </row>
    <row r="338410" spans="14:14">
      <c r="N338410" s="10"/>
    </row>
    <row r="338411" spans="14:14">
      <c r="N338411" s="10"/>
    </row>
    <row r="338412" spans="14:14">
      <c r="N338412" s="10"/>
    </row>
    <row r="338413" spans="14:14">
      <c r="N338413" s="10"/>
    </row>
    <row r="338414" spans="14:14">
      <c r="N338414" s="10"/>
    </row>
    <row r="338415" spans="14:14">
      <c r="N338415" s="10"/>
    </row>
    <row r="338416" spans="14:14">
      <c r="N338416" s="10"/>
    </row>
    <row r="338417" spans="14:14">
      <c r="N338417" s="10"/>
    </row>
    <row r="338418" spans="14:14">
      <c r="N338418" s="10"/>
    </row>
    <row r="338419" spans="14:14">
      <c r="N338419" s="10"/>
    </row>
    <row r="338420" spans="14:14">
      <c r="N338420" s="10"/>
    </row>
    <row r="338421" spans="14:14">
      <c r="N338421" s="10"/>
    </row>
    <row r="338422" spans="14:14">
      <c r="N338422" s="10"/>
    </row>
    <row r="338423" spans="14:14">
      <c r="N338423" s="10"/>
    </row>
    <row r="338424" spans="14:14">
      <c r="N338424" s="10"/>
    </row>
    <row r="338425" spans="14:14">
      <c r="N338425" s="10"/>
    </row>
    <row r="338426" spans="14:14">
      <c r="N338426" s="10"/>
    </row>
    <row r="338427" spans="14:14">
      <c r="N338427" s="10"/>
    </row>
    <row r="338428" spans="14:14">
      <c r="N338428" s="10"/>
    </row>
    <row r="338429" spans="14:14">
      <c r="N338429" s="10"/>
    </row>
    <row r="338430" spans="14:14">
      <c r="N338430" s="10"/>
    </row>
    <row r="338431" spans="14:14">
      <c r="N338431" s="10"/>
    </row>
    <row r="338432" spans="14:14">
      <c r="N338432" s="10"/>
    </row>
    <row r="338433" spans="14:14">
      <c r="N338433" s="10"/>
    </row>
    <row r="338434" spans="14:14">
      <c r="N338434" s="10"/>
    </row>
    <row r="338435" spans="14:14">
      <c r="N338435" s="10"/>
    </row>
    <row r="338436" spans="14:14">
      <c r="N338436" s="10"/>
    </row>
    <row r="338437" spans="14:14">
      <c r="N338437" s="10"/>
    </row>
    <row r="338438" spans="14:14">
      <c r="N338438" s="10"/>
    </row>
    <row r="338439" spans="14:14">
      <c r="N338439" s="10"/>
    </row>
    <row r="338440" spans="14:14">
      <c r="N338440" s="10"/>
    </row>
    <row r="338441" spans="14:14">
      <c r="N338441" s="10"/>
    </row>
    <row r="338442" spans="14:14">
      <c r="N338442" s="10"/>
    </row>
    <row r="338443" spans="14:14">
      <c r="N338443" s="10"/>
    </row>
    <row r="338444" spans="14:14">
      <c r="N338444" s="10"/>
    </row>
    <row r="338445" spans="14:14">
      <c r="N338445" s="10"/>
    </row>
    <row r="338446" spans="14:14">
      <c r="N338446" s="10"/>
    </row>
    <row r="338447" spans="14:14">
      <c r="N338447" s="10"/>
    </row>
    <row r="338448" spans="14:14">
      <c r="N338448" s="10"/>
    </row>
    <row r="338449" spans="14:14">
      <c r="N338449" s="10"/>
    </row>
    <row r="338450" spans="14:14">
      <c r="N338450" s="10"/>
    </row>
    <row r="338451" spans="14:14">
      <c r="N338451" s="10"/>
    </row>
    <row r="338452" spans="14:14">
      <c r="N338452" s="10"/>
    </row>
    <row r="338453" spans="14:14">
      <c r="N338453" s="10"/>
    </row>
    <row r="338454" spans="14:14">
      <c r="N338454" s="10"/>
    </row>
    <row r="338455" spans="14:14">
      <c r="N338455" s="10"/>
    </row>
    <row r="338456" spans="14:14">
      <c r="N338456" s="10"/>
    </row>
    <row r="338457" spans="14:14">
      <c r="N338457" s="10"/>
    </row>
    <row r="338458" spans="14:14">
      <c r="N338458" s="10"/>
    </row>
    <row r="338459" spans="14:14">
      <c r="N338459" s="10"/>
    </row>
    <row r="338460" spans="14:14">
      <c r="N338460" s="10"/>
    </row>
    <row r="338461" spans="14:14">
      <c r="N338461" s="10"/>
    </row>
    <row r="338462" spans="14:14">
      <c r="N338462" s="10"/>
    </row>
    <row r="338463" spans="14:14">
      <c r="N338463" s="10"/>
    </row>
    <row r="338464" spans="14:14">
      <c r="N338464" s="10"/>
    </row>
    <row r="338465" spans="14:14">
      <c r="N338465" s="10"/>
    </row>
    <row r="338466" spans="14:14">
      <c r="N338466" s="10"/>
    </row>
    <row r="338467" spans="14:14">
      <c r="N338467" s="10"/>
    </row>
    <row r="338468" spans="14:14">
      <c r="N338468" s="10"/>
    </row>
    <row r="338469" spans="14:14">
      <c r="N338469" s="10"/>
    </row>
    <row r="338470" spans="14:14">
      <c r="N338470" s="10"/>
    </row>
    <row r="338471" spans="14:14">
      <c r="N338471" s="10"/>
    </row>
    <row r="338472" spans="14:14">
      <c r="N338472" s="10"/>
    </row>
    <row r="338473" spans="14:14">
      <c r="N338473" s="10"/>
    </row>
    <row r="338474" spans="14:14">
      <c r="N338474" s="10"/>
    </row>
    <row r="338475" spans="14:14">
      <c r="N338475" s="10"/>
    </row>
    <row r="338476" spans="14:14">
      <c r="N338476" s="10"/>
    </row>
    <row r="338477" spans="14:14">
      <c r="N338477" s="10"/>
    </row>
    <row r="338478" spans="14:14">
      <c r="N338478" s="10"/>
    </row>
    <row r="338479" spans="14:14">
      <c r="N338479" s="10"/>
    </row>
    <row r="338480" spans="14:14">
      <c r="N338480" s="10"/>
    </row>
    <row r="338481" spans="14:14">
      <c r="N338481" s="10"/>
    </row>
    <row r="338482" spans="14:14">
      <c r="N338482" s="10"/>
    </row>
    <row r="338483" spans="14:14">
      <c r="N338483" s="10"/>
    </row>
    <row r="338484" spans="14:14">
      <c r="N338484" s="10"/>
    </row>
    <row r="338485" spans="14:14">
      <c r="N338485" s="10"/>
    </row>
    <row r="338486" spans="14:14">
      <c r="N338486" s="10"/>
    </row>
    <row r="338487" spans="14:14">
      <c r="N338487" s="10"/>
    </row>
    <row r="338488" spans="14:14">
      <c r="N338488" s="10"/>
    </row>
    <row r="338489" spans="14:14">
      <c r="N338489" s="10"/>
    </row>
    <row r="338490" spans="14:14">
      <c r="N338490" s="10"/>
    </row>
    <row r="338491" spans="14:14">
      <c r="N338491" s="10"/>
    </row>
    <row r="338492" spans="14:14">
      <c r="N338492" s="10"/>
    </row>
    <row r="338493" spans="14:14">
      <c r="N338493" s="10"/>
    </row>
    <row r="338494" spans="14:14">
      <c r="N338494" s="10"/>
    </row>
    <row r="338495" spans="14:14">
      <c r="N338495" s="10"/>
    </row>
    <row r="338496" spans="14:14">
      <c r="N338496" s="10"/>
    </row>
    <row r="338497" spans="14:14">
      <c r="N338497" s="10"/>
    </row>
    <row r="338498" spans="14:14">
      <c r="N338498" s="10"/>
    </row>
    <row r="338499" spans="14:14">
      <c r="N338499" s="10"/>
    </row>
    <row r="338500" spans="14:14">
      <c r="N338500" s="10"/>
    </row>
    <row r="338501" spans="14:14">
      <c r="N338501" s="10"/>
    </row>
    <row r="338502" spans="14:14">
      <c r="N338502" s="10"/>
    </row>
    <row r="338503" spans="14:14">
      <c r="N338503" s="10"/>
    </row>
    <row r="338504" spans="14:14">
      <c r="N338504" s="10"/>
    </row>
    <row r="338505" spans="14:14">
      <c r="N338505" s="10"/>
    </row>
    <row r="338506" spans="14:14">
      <c r="N338506" s="10"/>
    </row>
    <row r="338507" spans="14:14">
      <c r="N338507" s="10"/>
    </row>
    <row r="338508" spans="14:14">
      <c r="N338508" s="10"/>
    </row>
    <row r="338509" spans="14:14">
      <c r="N338509" s="10"/>
    </row>
    <row r="338510" spans="14:14">
      <c r="N338510" s="10"/>
    </row>
    <row r="338511" spans="14:14">
      <c r="N338511" s="10"/>
    </row>
    <row r="338512" spans="14:14">
      <c r="N338512" s="10"/>
    </row>
    <row r="338513" spans="14:14">
      <c r="N338513" s="10"/>
    </row>
    <row r="338514" spans="14:14">
      <c r="N338514" s="10"/>
    </row>
    <row r="338515" spans="14:14">
      <c r="N338515" s="10"/>
    </row>
    <row r="338516" spans="14:14">
      <c r="N338516" s="10"/>
    </row>
    <row r="338517" spans="14:14">
      <c r="N338517" s="10"/>
    </row>
    <row r="338518" spans="14:14">
      <c r="N338518" s="10"/>
    </row>
    <row r="338519" spans="14:14">
      <c r="N338519" s="10"/>
    </row>
    <row r="338520" spans="14:14">
      <c r="N338520" s="10"/>
    </row>
    <row r="338521" spans="14:14">
      <c r="N338521" s="10"/>
    </row>
    <row r="338522" spans="14:14">
      <c r="N338522" s="10"/>
    </row>
    <row r="338523" spans="14:14">
      <c r="N338523" s="10"/>
    </row>
    <row r="338524" spans="14:14">
      <c r="N338524" s="10"/>
    </row>
    <row r="338525" spans="14:14">
      <c r="N338525" s="10"/>
    </row>
    <row r="338526" spans="14:14">
      <c r="N338526" s="10"/>
    </row>
    <row r="338527" spans="14:14">
      <c r="N338527" s="10"/>
    </row>
    <row r="338528" spans="14:14">
      <c r="N338528" s="10"/>
    </row>
    <row r="338529" spans="14:14">
      <c r="N338529" s="10"/>
    </row>
    <row r="338530" spans="14:14">
      <c r="N338530" s="10"/>
    </row>
    <row r="338531" spans="14:14">
      <c r="N338531" s="10"/>
    </row>
    <row r="338532" spans="14:14">
      <c r="N338532" s="10"/>
    </row>
    <row r="338533" spans="14:14">
      <c r="N338533" s="10"/>
    </row>
    <row r="338534" spans="14:14">
      <c r="N338534" s="10"/>
    </row>
    <row r="338535" spans="14:14">
      <c r="N338535" s="10"/>
    </row>
    <row r="338536" spans="14:14">
      <c r="N338536" s="10"/>
    </row>
    <row r="338537" spans="14:14">
      <c r="N338537" s="10"/>
    </row>
    <row r="338538" spans="14:14">
      <c r="N338538" s="10"/>
    </row>
    <row r="338539" spans="14:14">
      <c r="N338539" s="10"/>
    </row>
    <row r="338540" spans="14:14">
      <c r="N338540" s="10"/>
    </row>
    <row r="338541" spans="14:14">
      <c r="N338541" s="10"/>
    </row>
    <row r="338542" spans="14:14">
      <c r="N338542" s="10"/>
    </row>
    <row r="338543" spans="14:14">
      <c r="N338543" s="10"/>
    </row>
    <row r="338544" spans="14:14">
      <c r="N338544" s="10"/>
    </row>
    <row r="338545" spans="14:14">
      <c r="N338545" s="10"/>
    </row>
    <row r="338546" spans="14:14">
      <c r="N338546" s="10"/>
    </row>
    <row r="338547" spans="14:14">
      <c r="N338547" s="10"/>
    </row>
    <row r="338548" spans="14:14">
      <c r="N338548" s="10"/>
    </row>
    <row r="338549" spans="14:14">
      <c r="N338549" s="10"/>
    </row>
    <row r="338550" spans="14:14">
      <c r="N338550" s="10"/>
    </row>
    <row r="338551" spans="14:14">
      <c r="N338551" s="10"/>
    </row>
    <row r="338552" spans="14:14">
      <c r="N338552" s="10"/>
    </row>
    <row r="338553" spans="14:14">
      <c r="N338553" s="10"/>
    </row>
    <row r="338554" spans="14:14">
      <c r="N338554" s="10"/>
    </row>
    <row r="338555" spans="14:14">
      <c r="N338555" s="10"/>
    </row>
    <row r="338556" spans="14:14">
      <c r="N338556" s="10"/>
    </row>
    <row r="338557" spans="14:14">
      <c r="N338557" s="10"/>
    </row>
    <row r="338558" spans="14:14">
      <c r="N338558" s="10"/>
    </row>
    <row r="338559" spans="14:14">
      <c r="N338559" s="10"/>
    </row>
    <row r="338560" spans="14:14">
      <c r="N338560" s="10"/>
    </row>
    <row r="338561" spans="14:14">
      <c r="N338561" s="10"/>
    </row>
    <row r="338562" spans="14:14">
      <c r="N338562" s="10"/>
    </row>
    <row r="338563" spans="14:14">
      <c r="N338563" s="10"/>
    </row>
    <row r="338564" spans="14:14">
      <c r="N338564" s="10"/>
    </row>
    <row r="338565" spans="14:14">
      <c r="N338565" s="10"/>
    </row>
    <row r="338566" spans="14:14">
      <c r="N338566" s="10"/>
    </row>
    <row r="338567" spans="14:14">
      <c r="N338567" s="10"/>
    </row>
    <row r="338568" spans="14:14">
      <c r="N338568" s="10"/>
    </row>
    <row r="338569" spans="14:14">
      <c r="N338569" s="10"/>
    </row>
    <row r="338570" spans="14:14">
      <c r="N338570" s="10"/>
    </row>
    <row r="338571" spans="14:14">
      <c r="N338571" s="10"/>
    </row>
    <row r="338572" spans="14:14">
      <c r="N338572" s="10"/>
    </row>
    <row r="338573" spans="14:14">
      <c r="N338573" s="10"/>
    </row>
    <row r="338574" spans="14:14">
      <c r="N338574" s="10"/>
    </row>
    <row r="338575" spans="14:14">
      <c r="N338575" s="10"/>
    </row>
    <row r="338576" spans="14:14">
      <c r="N338576" s="10"/>
    </row>
    <row r="338577" spans="14:14">
      <c r="N338577" s="10"/>
    </row>
    <row r="338578" spans="14:14">
      <c r="N338578" s="10"/>
    </row>
    <row r="338579" spans="14:14">
      <c r="N338579" s="10"/>
    </row>
    <row r="338580" spans="14:14">
      <c r="N338580" s="10"/>
    </row>
    <row r="338581" spans="14:14">
      <c r="N338581" s="10"/>
    </row>
    <row r="338582" spans="14:14">
      <c r="N338582" s="10"/>
    </row>
    <row r="338583" spans="14:14">
      <c r="N338583" s="10"/>
    </row>
    <row r="338584" spans="14:14">
      <c r="N338584" s="10"/>
    </row>
    <row r="338585" spans="14:14">
      <c r="N338585" s="10"/>
    </row>
    <row r="338586" spans="14:14">
      <c r="N338586" s="10"/>
    </row>
    <row r="338587" spans="14:14">
      <c r="N338587" s="10"/>
    </row>
    <row r="338588" spans="14:14">
      <c r="N338588" s="10"/>
    </row>
    <row r="338589" spans="14:14">
      <c r="N338589" s="10"/>
    </row>
    <row r="338590" spans="14:14">
      <c r="N338590" s="10"/>
    </row>
    <row r="338591" spans="14:14">
      <c r="N338591" s="10"/>
    </row>
    <row r="338592" spans="14:14">
      <c r="N338592" s="10"/>
    </row>
    <row r="338593" spans="14:14">
      <c r="N338593" s="10"/>
    </row>
    <row r="338594" spans="14:14">
      <c r="N338594" s="10"/>
    </row>
    <row r="338595" spans="14:14">
      <c r="N338595" s="10"/>
    </row>
    <row r="338596" spans="14:14">
      <c r="N338596" s="10"/>
    </row>
    <row r="338597" spans="14:14">
      <c r="N338597" s="10"/>
    </row>
    <row r="338598" spans="14:14">
      <c r="N338598" s="10"/>
    </row>
    <row r="338599" spans="14:14">
      <c r="N338599" s="10"/>
    </row>
    <row r="338600" spans="14:14">
      <c r="N338600" s="10"/>
    </row>
    <row r="338601" spans="14:14">
      <c r="N338601" s="10"/>
    </row>
    <row r="338602" spans="14:14">
      <c r="N338602" s="10"/>
    </row>
    <row r="338603" spans="14:14">
      <c r="N338603" s="10"/>
    </row>
    <row r="338604" spans="14:14">
      <c r="N338604" s="10"/>
    </row>
    <row r="338605" spans="14:14">
      <c r="N338605" s="10"/>
    </row>
    <row r="338606" spans="14:14">
      <c r="N338606" s="10"/>
    </row>
    <row r="338607" spans="14:14">
      <c r="N338607" s="10"/>
    </row>
    <row r="338608" spans="14:14">
      <c r="N338608" s="10"/>
    </row>
    <row r="338609" spans="14:14">
      <c r="N338609" s="10"/>
    </row>
    <row r="338610" spans="14:14">
      <c r="N338610" s="10"/>
    </row>
    <row r="338611" spans="14:14">
      <c r="N338611" s="10"/>
    </row>
    <row r="338612" spans="14:14">
      <c r="N338612" s="10"/>
    </row>
    <row r="338613" spans="14:14">
      <c r="N338613" s="10"/>
    </row>
    <row r="338614" spans="14:14">
      <c r="N338614" s="10"/>
    </row>
    <row r="338615" spans="14:14">
      <c r="N338615" s="10"/>
    </row>
    <row r="338616" spans="14:14">
      <c r="N338616" s="10"/>
    </row>
    <row r="338617" spans="14:14">
      <c r="N338617" s="10"/>
    </row>
    <row r="338618" spans="14:14">
      <c r="N338618" s="10"/>
    </row>
    <row r="338619" spans="14:14">
      <c r="N338619" s="10"/>
    </row>
    <row r="338620" spans="14:14">
      <c r="N338620" s="10"/>
    </row>
    <row r="338621" spans="14:14">
      <c r="N338621" s="10"/>
    </row>
    <row r="338622" spans="14:14">
      <c r="N338622" s="10"/>
    </row>
    <row r="338623" spans="14:14">
      <c r="N338623" s="10"/>
    </row>
    <row r="338624" spans="14:14">
      <c r="N338624" s="10"/>
    </row>
    <row r="338625" spans="14:14">
      <c r="N338625" s="10"/>
    </row>
    <row r="338626" spans="14:14">
      <c r="N338626" s="10"/>
    </row>
    <row r="338627" spans="14:14">
      <c r="N338627" s="10"/>
    </row>
    <row r="338628" spans="14:14">
      <c r="N338628" s="10"/>
    </row>
    <row r="338629" spans="14:14">
      <c r="N338629" s="10"/>
    </row>
    <row r="338630" spans="14:14">
      <c r="N338630" s="10"/>
    </row>
    <row r="338631" spans="14:14">
      <c r="N338631" s="10"/>
    </row>
    <row r="338632" spans="14:14">
      <c r="N338632" s="10"/>
    </row>
    <row r="338633" spans="14:14">
      <c r="N338633" s="10"/>
    </row>
    <row r="338634" spans="14:14">
      <c r="N338634" s="10"/>
    </row>
    <row r="338635" spans="14:14">
      <c r="N338635" s="10"/>
    </row>
    <row r="338636" spans="14:14">
      <c r="N338636" s="10"/>
    </row>
    <row r="338637" spans="14:14">
      <c r="N338637" s="10"/>
    </row>
    <row r="338638" spans="14:14">
      <c r="N338638" s="10"/>
    </row>
    <row r="338639" spans="14:14">
      <c r="N338639" s="10"/>
    </row>
    <row r="338640" spans="14:14">
      <c r="N338640" s="10"/>
    </row>
    <row r="338641" spans="14:14">
      <c r="N338641" s="10"/>
    </row>
    <row r="338642" spans="14:14">
      <c r="N338642" s="10"/>
    </row>
    <row r="338643" spans="14:14">
      <c r="N338643" s="10"/>
    </row>
    <row r="338644" spans="14:14">
      <c r="N338644" s="10"/>
    </row>
    <row r="338645" spans="14:14">
      <c r="N338645" s="10"/>
    </row>
    <row r="338646" spans="14:14">
      <c r="N338646" s="10"/>
    </row>
    <row r="338647" spans="14:14">
      <c r="N338647" s="10"/>
    </row>
    <row r="338648" spans="14:14">
      <c r="N338648" s="10"/>
    </row>
    <row r="338649" spans="14:14">
      <c r="N338649" s="10"/>
    </row>
    <row r="338650" spans="14:14">
      <c r="N338650" s="10"/>
    </row>
    <row r="338651" spans="14:14">
      <c r="N338651" s="10"/>
    </row>
    <row r="338652" spans="14:14">
      <c r="N338652" s="10"/>
    </row>
    <row r="338653" spans="14:14">
      <c r="N338653" s="10"/>
    </row>
    <row r="338654" spans="14:14">
      <c r="N338654" s="10"/>
    </row>
    <row r="338655" spans="14:14">
      <c r="N338655" s="10"/>
    </row>
    <row r="338656" spans="14:14">
      <c r="N338656" s="10"/>
    </row>
    <row r="338657" spans="14:14">
      <c r="N338657" s="10"/>
    </row>
    <row r="338658" spans="14:14">
      <c r="N338658" s="10"/>
    </row>
    <row r="338659" spans="14:14">
      <c r="N338659" s="10"/>
    </row>
    <row r="338660" spans="14:14">
      <c r="N338660" s="10"/>
    </row>
    <row r="338661" spans="14:14">
      <c r="N338661" s="10"/>
    </row>
    <row r="338662" spans="14:14">
      <c r="N338662" s="10"/>
    </row>
    <row r="338663" spans="14:14">
      <c r="N338663" s="10"/>
    </row>
    <row r="338664" spans="14:14">
      <c r="N338664" s="10"/>
    </row>
    <row r="338665" spans="14:14">
      <c r="N338665" s="10"/>
    </row>
    <row r="338666" spans="14:14">
      <c r="N338666" s="10"/>
    </row>
    <row r="338667" spans="14:14">
      <c r="N338667" s="10"/>
    </row>
    <row r="338668" spans="14:14">
      <c r="N338668" s="10"/>
    </row>
    <row r="338669" spans="14:14">
      <c r="N338669" s="10"/>
    </row>
    <row r="338670" spans="14:14">
      <c r="N338670" s="10"/>
    </row>
    <row r="338671" spans="14:14">
      <c r="N338671" s="10"/>
    </row>
    <row r="338672" spans="14:14">
      <c r="N338672" s="10"/>
    </row>
    <row r="338673" spans="14:14">
      <c r="N338673" s="10"/>
    </row>
    <row r="338674" spans="14:14">
      <c r="N338674" s="10"/>
    </row>
    <row r="338675" spans="14:14">
      <c r="N338675" s="10"/>
    </row>
    <row r="338676" spans="14:14">
      <c r="N338676" s="10"/>
    </row>
    <row r="338677" spans="14:14">
      <c r="N338677" s="10"/>
    </row>
    <row r="338678" spans="14:14">
      <c r="N338678" s="10"/>
    </row>
    <row r="338679" spans="14:14">
      <c r="N338679" s="10"/>
    </row>
    <row r="338680" spans="14:14">
      <c r="N338680" s="10"/>
    </row>
    <row r="338681" spans="14:14">
      <c r="N338681" s="10"/>
    </row>
    <row r="338682" spans="14:14">
      <c r="N338682" s="10"/>
    </row>
    <row r="338683" spans="14:14">
      <c r="N338683" s="10"/>
    </row>
    <row r="338684" spans="14:14">
      <c r="N338684" s="10"/>
    </row>
    <row r="338685" spans="14:14">
      <c r="N338685" s="10"/>
    </row>
    <row r="338686" spans="14:14">
      <c r="N338686" s="10"/>
    </row>
    <row r="338687" spans="14:14">
      <c r="N338687" s="10"/>
    </row>
    <row r="338688" spans="14:14">
      <c r="N338688" s="10"/>
    </row>
    <row r="338689" spans="14:14">
      <c r="N338689" s="10"/>
    </row>
    <row r="338690" spans="14:14">
      <c r="N338690" s="10"/>
    </row>
    <row r="338691" spans="14:14">
      <c r="N338691" s="10"/>
    </row>
    <row r="338692" spans="14:14">
      <c r="N338692" s="10"/>
    </row>
    <row r="338693" spans="14:14">
      <c r="N338693" s="10"/>
    </row>
    <row r="338694" spans="14:14">
      <c r="N338694" s="10"/>
    </row>
    <row r="338695" spans="14:14">
      <c r="N338695" s="10"/>
    </row>
    <row r="338696" spans="14:14">
      <c r="N338696" s="10"/>
    </row>
    <row r="338697" spans="14:14">
      <c r="N338697" s="10"/>
    </row>
    <row r="338698" spans="14:14">
      <c r="N338698" s="10"/>
    </row>
    <row r="338699" spans="14:14">
      <c r="N338699" s="10"/>
    </row>
    <row r="338700" spans="14:14">
      <c r="N338700" s="10"/>
    </row>
    <row r="338701" spans="14:14">
      <c r="N338701" s="10"/>
    </row>
    <row r="338702" spans="14:14">
      <c r="N338702" s="10"/>
    </row>
    <row r="338703" spans="14:14">
      <c r="N338703" s="10"/>
    </row>
    <row r="338704" spans="14:14">
      <c r="N338704" s="10"/>
    </row>
    <row r="338705" spans="14:14">
      <c r="N338705" s="10"/>
    </row>
    <row r="338706" spans="14:14">
      <c r="N338706" s="10"/>
    </row>
    <row r="338707" spans="14:14">
      <c r="N338707" s="10"/>
    </row>
    <row r="338708" spans="14:14">
      <c r="N338708" s="10"/>
    </row>
    <row r="338709" spans="14:14">
      <c r="N338709" s="10"/>
    </row>
    <row r="338710" spans="14:14">
      <c r="N338710" s="10"/>
    </row>
    <row r="338711" spans="14:14">
      <c r="N338711" s="10"/>
    </row>
    <row r="338712" spans="14:14">
      <c r="N338712" s="10"/>
    </row>
    <row r="338713" spans="14:14">
      <c r="N338713" s="10"/>
    </row>
    <row r="338714" spans="14:14">
      <c r="N338714" s="10"/>
    </row>
    <row r="338715" spans="14:14">
      <c r="N338715" s="10"/>
    </row>
    <row r="338716" spans="14:14">
      <c r="N338716" s="10"/>
    </row>
    <row r="338717" spans="14:14">
      <c r="N338717" s="10"/>
    </row>
    <row r="338718" spans="14:14">
      <c r="N338718" s="10"/>
    </row>
    <row r="338719" spans="14:14">
      <c r="N338719" s="10"/>
    </row>
    <row r="338720" spans="14:14">
      <c r="N338720" s="10"/>
    </row>
    <row r="338721" spans="14:14">
      <c r="N338721" s="10"/>
    </row>
    <row r="338722" spans="14:14">
      <c r="N338722" s="10"/>
    </row>
    <row r="338723" spans="14:14">
      <c r="N338723" s="10"/>
    </row>
    <row r="338724" spans="14:14">
      <c r="N338724" s="10"/>
    </row>
    <row r="338725" spans="14:14">
      <c r="N338725" s="10"/>
    </row>
    <row r="338726" spans="14:14">
      <c r="N338726" s="10"/>
    </row>
    <row r="338727" spans="14:14">
      <c r="N338727" s="10"/>
    </row>
    <row r="338728" spans="14:14">
      <c r="N338728" s="10"/>
    </row>
    <row r="338729" spans="14:14">
      <c r="N338729" s="10"/>
    </row>
    <row r="338730" spans="14:14">
      <c r="N338730" s="10"/>
    </row>
    <row r="338731" spans="14:14">
      <c r="N338731" s="10"/>
    </row>
    <row r="338732" spans="14:14">
      <c r="N338732" s="10"/>
    </row>
    <row r="338733" spans="14:14">
      <c r="N338733" s="10"/>
    </row>
    <row r="338734" spans="14:14">
      <c r="N338734" s="10"/>
    </row>
    <row r="338735" spans="14:14">
      <c r="N338735" s="10"/>
    </row>
    <row r="338736" spans="14:14">
      <c r="N338736" s="10"/>
    </row>
    <row r="338737" spans="14:14">
      <c r="N338737" s="10"/>
    </row>
    <row r="338738" spans="14:14">
      <c r="N338738" s="10"/>
    </row>
    <row r="338739" spans="14:14">
      <c r="N338739" s="10"/>
    </row>
    <row r="338740" spans="14:14">
      <c r="N338740" s="10"/>
    </row>
    <row r="338741" spans="14:14">
      <c r="N338741" s="10"/>
    </row>
    <row r="338742" spans="14:14">
      <c r="N338742" s="10"/>
    </row>
    <row r="338743" spans="14:14">
      <c r="N338743" s="10"/>
    </row>
    <row r="338744" spans="14:14">
      <c r="N338744" s="10"/>
    </row>
    <row r="338745" spans="14:14">
      <c r="N338745" s="10"/>
    </row>
    <row r="338746" spans="14:14">
      <c r="N338746" s="10"/>
    </row>
    <row r="338747" spans="14:14">
      <c r="N338747" s="10"/>
    </row>
    <row r="338748" spans="14:14">
      <c r="N338748" s="10"/>
    </row>
    <row r="338749" spans="14:14">
      <c r="N338749" s="10"/>
    </row>
    <row r="338750" spans="14:14">
      <c r="N338750" s="10"/>
    </row>
    <row r="338751" spans="14:14">
      <c r="N338751" s="10"/>
    </row>
    <row r="338752" spans="14:14">
      <c r="N338752" s="10"/>
    </row>
    <row r="338753" spans="14:14">
      <c r="N338753" s="10"/>
    </row>
    <row r="338754" spans="14:14">
      <c r="N338754" s="10"/>
    </row>
    <row r="338755" spans="14:14">
      <c r="N338755" s="10"/>
    </row>
    <row r="338756" spans="14:14">
      <c r="N338756" s="10"/>
    </row>
    <row r="338757" spans="14:14">
      <c r="N338757" s="10"/>
    </row>
    <row r="338758" spans="14:14">
      <c r="N338758" s="10"/>
    </row>
    <row r="338759" spans="14:14">
      <c r="N338759" s="10"/>
    </row>
    <row r="338760" spans="14:14">
      <c r="N338760" s="10"/>
    </row>
    <row r="338761" spans="14:14">
      <c r="N338761" s="10"/>
    </row>
    <row r="338762" spans="14:14">
      <c r="N338762" s="10"/>
    </row>
    <row r="338763" spans="14:14">
      <c r="N338763" s="10"/>
    </row>
    <row r="338764" spans="14:14">
      <c r="N338764" s="10"/>
    </row>
    <row r="338765" spans="14:14">
      <c r="N338765" s="10"/>
    </row>
    <row r="338766" spans="14:14">
      <c r="N338766" s="10"/>
    </row>
    <row r="338767" spans="14:14">
      <c r="N338767" s="10"/>
    </row>
    <row r="338768" spans="14:14">
      <c r="N338768" s="10"/>
    </row>
    <row r="338769" spans="14:14">
      <c r="N338769" s="10"/>
    </row>
    <row r="338770" spans="14:14">
      <c r="N338770" s="10"/>
    </row>
    <row r="338771" spans="14:14">
      <c r="N338771" s="10"/>
    </row>
    <row r="338772" spans="14:14">
      <c r="N338772" s="10"/>
    </row>
    <row r="338773" spans="14:14">
      <c r="N338773" s="10"/>
    </row>
    <row r="338774" spans="14:14">
      <c r="N338774" s="10"/>
    </row>
    <row r="338775" spans="14:14">
      <c r="N338775" s="10"/>
    </row>
    <row r="338776" spans="14:14">
      <c r="N338776" s="10"/>
    </row>
    <row r="338777" spans="14:14">
      <c r="N338777" s="10"/>
    </row>
    <row r="338778" spans="14:14">
      <c r="N338778" s="10"/>
    </row>
    <row r="338779" spans="14:14">
      <c r="N338779" s="10"/>
    </row>
    <row r="338780" spans="14:14">
      <c r="N338780" s="10"/>
    </row>
    <row r="338781" spans="14:14">
      <c r="N338781" s="10"/>
    </row>
    <row r="338782" spans="14:14">
      <c r="N338782" s="10"/>
    </row>
    <row r="338783" spans="14:14">
      <c r="N338783" s="10"/>
    </row>
    <row r="338784" spans="14:14">
      <c r="N338784" s="10"/>
    </row>
    <row r="338785" spans="14:14">
      <c r="N338785" s="10"/>
    </row>
    <row r="338786" spans="14:14">
      <c r="N338786" s="10"/>
    </row>
    <row r="338787" spans="14:14">
      <c r="N338787" s="10"/>
    </row>
    <row r="338788" spans="14:14">
      <c r="N338788" s="10"/>
    </row>
    <row r="338789" spans="14:14">
      <c r="N338789" s="10"/>
    </row>
    <row r="338790" spans="14:14">
      <c r="N338790" s="10"/>
    </row>
    <row r="338791" spans="14:14">
      <c r="N338791" s="10"/>
    </row>
    <row r="338792" spans="14:14">
      <c r="N338792" s="10"/>
    </row>
    <row r="338793" spans="14:14">
      <c r="N338793" s="10"/>
    </row>
    <row r="338794" spans="14:14">
      <c r="N338794" s="10"/>
    </row>
    <row r="338795" spans="14:14">
      <c r="N338795" s="10"/>
    </row>
    <row r="338796" spans="14:14">
      <c r="N338796" s="10"/>
    </row>
    <row r="338797" spans="14:14">
      <c r="N338797" s="10"/>
    </row>
    <row r="338798" spans="14:14">
      <c r="N338798" s="10"/>
    </row>
    <row r="338799" spans="14:14">
      <c r="N338799" s="10"/>
    </row>
    <row r="338800" spans="14:14">
      <c r="N338800" s="10"/>
    </row>
    <row r="338801" spans="14:14">
      <c r="N338801" s="10"/>
    </row>
    <row r="338802" spans="14:14">
      <c r="N338802" s="10"/>
    </row>
    <row r="338803" spans="14:14">
      <c r="N338803" s="10"/>
    </row>
    <row r="338804" spans="14:14">
      <c r="N338804" s="10"/>
    </row>
    <row r="338805" spans="14:14">
      <c r="N338805" s="10"/>
    </row>
    <row r="338806" spans="14:14">
      <c r="N338806" s="10"/>
    </row>
    <row r="338807" spans="14:14">
      <c r="N338807" s="10"/>
    </row>
    <row r="338808" spans="14:14">
      <c r="N338808" s="10"/>
    </row>
    <row r="338809" spans="14:14">
      <c r="N338809" s="10"/>
    </row>
    <row r="338810" spans="14:14">
      <c r="N338810" s="10"/>
    </row>
    <row r="338811" spans="14:14">
      <c r="N338811" s="10"/>
    </row>
    <row r="338812" spans="14:14">
      <c r="N338812" s="10"/>
    </row>
    <row r="338813" spans="14:14">
      <c r="N338813" s="10"/>
    </row>
    <row r="338814" spans="14:14">
      <c r="N338814" s="10"/>
    </row>
    <row r="338815" spans="14:14">
      <c r="N338815" s="10"/>
    </row>
    <row r="338816" spans="14:14">
      <c r="N338816" s="10"/>
    </row>
    <row r="338817" spans="14:14">
      <c r="N338817" s="10"/>
    </row>
    <row r="338818" spans="14:14">
      <c r="N338818" s="10"/>
    </row>
    <row r="338819" spans="14:14">
      <c r="N338819" s="10"/>
    </row>
    <row r="338820" spans="14:14">
      <c r="N338820" s="10"/>
    </row>
    <row r="338821" spans="14:14">
      <c r="N338821" s="10"/>
    </row>
    <row r="338822" spans="14:14">
      <c r="N338822" s="10"/>
    </row>
    <row r="338823" spans="14:14">
      <c r="N338823" s="10"/>
    </row>
    <row r="338824" spans="14:14">
      <c r="N338824" s="10"/>
    </row>
    <row r="338825" spans="14:14">
      <c r="N338825" s="10"/>
    </row>
    <row r="338826" spans="14:14">
      <c r="N338826" s="10"/>
    </row>
    <row r="338827" spans="14:14">
      <c r="N338827" s="10"/>
    </row>
    <row r="338828" spans="14:14">
      <c r="N338828" s="10"/>
    </row>
    <row r="338829" spans="14:14">
      <c r="N338829" s="10"/>
    </row>
    <row r="338830" spans="14:14">
      <c r="N338830" s="10"/>
    </row>
    <row r="338831" spans="14:14">
      <c r="N338831" s="10"/>
    </row>
    <row r="338832" spans="14:14">
      <c r="N338832" s="10"/>
    </row>
    <row r="338833" spans="14:14">
      <c r="N338833" s="10"/>
    </row>
    <row r="338834" spans="14:14">
      <c r="N338834" s="10"/>
    </row>
    <row r="338835" spans="14:14">
      <c r="N338835" s="10"/>
    </row>
    <row r="338836" spans="14:14">
      <c r="N338836" s="10"/>
    </row>
    <row r="338837" spans="14:14">
      <c r="N338837" s="10"/>
    </row>
    <row r="338838" spans="14:14">
      <c r="N338838" s="10"/>
    </row>
    <row r="338839" spans="14:14">
      <c r="N338839" s="10"/>
    </row>
    <row r="338840" spans="14:14">
      <c r="N338840" s="10"/>
    </row>
    <row r="338841" spans="14:14">
      <c r="N338841" s="10"/>
    </row>
    <row r="338842" spans="14:14">
      <c r="N338842" s="10"/>
    </row>
    <row r="338843" spans="14:14">
      <c r="N338843" s="10"/>
    </row>
    <row r="338844" spans="14:14">
      <c r="N338844" s="10"/>
    </row>
    <row r="338845" spans="14:14">
      <c r="N338845" s="10"/>
    </row>
    <row r="338846" spans="14:14">
      <c r="N338846" s="10"/>
    </row>
    <row r="338847" spans="14:14">
      <c r="N338847" s="10"/>
    </row>
    <row r="338848" spans="14:14">
      <c r="N338848" s="10"/>
    </row>
    <row r="338849" spans="14:14">
      <c r="N338849" s="10"/>
    </row>
    <row r="338850" spans="14:14">
      <c r="N338850" s="10"/>
    </row>
    <row r="338851" spans="14:14">
      <c r="N338851" s="10"/>
    </row>
    <row r="338852" spans="14:14">
      <c r="N338852" s="10"/>
    </row>
    <row r="338853" spans="14:14">
      <c r="N338853" s="10"/>
    </row>
    <row r="338854" spans="14:14">
      <c r="N338854" s="10"/>
    </row>
    <row r="338855" spans="14:14">
      <c r="N338855" s="10"/>
    </row>
    <row r="338856" spans="14:14">
      <c r="N338856" s="10"/>
    </row>
    <row r="338857" spans="14:14">
      <c r="N338857" s="10"/>
    </row>
    <row r="338858" spans="14:14">
      <c r="N338858" s="10"/>
    </row>
    <row r="338859" spans="14:14">
      <c r="N338859" s="10"/>
    </row>
    <row r="338860" spans="14:14">
      <c r="N338860" s="10"/>
    </row>
    <row r="338861" spans="14:14">
      <c r="N338861" s="10"/>
    </row>
    <row r="338862" spans="14:14">
      <c r="N338862" s="10"/>
    </row>
    <row r="338863" spans="14:14">
      <c r="N338863" s="10"/>
    </row>
    <row r="338864" spans="14:14">
      <c r="N338864" s="10"/>
    </row>
    <row r="338865" spans="14:14">
      <c r="N338865" s="10"/>
    </row>
    <row r="338866" spans="14:14">
      <c r="N338866" s="10"/>
    </row>
    <row r="338867" spans="14:14">
      <c r="N338867" s="10"/>
    </row>
    <row r="338868" spans="14:14">
      <c r="N338868" s="10"/>
    </row>
    <row r="338869" spans="14:14">
      <c r="N338869" s="10"/>
    </row>
    <row r="338870" spans="14:14">
      <c r="N338870" s="10"/>
    </row>
    <row r="338871" spans="14:14">
      <c r="N338871" s="10"/>
    </row>
    <row r="338872" spans="14:14">
      <c r="N338872" s="10"/>
    </row>
    <row r="338873" spans="14:14">
      <c r="N338873" s="10"/>
    </row>
    <row r="338874" spans="14:14">
      <c r="N338874" s="10"/>
    </row>
    <row r="338875" spans="14:14">
      <c r="N338875" s="10"/>
    </row>
    <row r="338876" spans="14:14">
      <c r="N338876" s="10"/>
    </row>
    <row r="338877" spans="14:14">
      <c r="N338877" s="10"/>
    </row>
    <row r="338878" spans="14:14">
      <c r="N338878" s="10"/>
    </row>
    <row r="338879" spans="14:14">
      <c r="N338879" s="10"/>
    </row>
    <row r="338880" spans="14:14">
      <c r="N338880" s="10"/>
    </row>
    <row r="338881" spans="14:14">
      <c r="N338881" s="10"/>
    </row>
    <row r="338882" spans="14:14">
      <c r="N338882" s="10"/>
    </row>
    <row r="338883" spans="14:14">
      <c r="N338883" s="10"/>
    </row>
    <row r="338884" spans="14:14">
      <c r="N338884" s="10"/>
    </row>
    <row r="338885" spans="14:14">
      <c r="N338885" s="10"/>
    </row>
    <row r="338886" spans="14:14">
      <c r="N338886" s="10"/>
    </row>
    <row r="338887" spans="14:14">
      <c r="N338887" s="10"/>
    </row>
    <row r="338888" spans="14:14">
      <c r="N338888" s="10"/>
    </row>
    <row r="338889" spans="14:14">
      <c r="N338889" s="10"/>
    </row>
    <row r="338890" spans="14:14">
      <c r="N338890" s="10"/>
    </row>
    <row r="338891" spans="14:14">
      <c r="N338891" s="10"/>
    </row>
    <row r="338892" spans="14:14">
      <c r="N338892" s="10"/>
    </row>
    <row r="338893" spans="14:14">
      <c r="N338893" s="10"/>
    </row>
    <row r="338894" spans="14:14">
      <c r="N338894" s="10"/>
    </row>
    <row r="338895" spans="14:14">
      <c r="N338895" s="10"/>
    </row>
    <row r="338896" spans="14:14">
      <c r="N338896" s="10"/>
    </row>
    <row r="338897" spans="14:14">
      <c r="N338897" s="10"/>
    </row>
    <row r="338898" spans="14:14">
      <c r="N338898" s="10"/>
    </row>
    <row r="338899" spans="14:14">
      <c r="N338899" s="10"/>
    </row>
    <row r="338900" spans="14:14">
      <c r="N338900" s="10"/>
    </row>
    <row r="338901" spans="14:14">
      <c r="N338901" s="10"/>
    </row>
    <row r="338902" spans="14:14">
      <c r="N338902" s="10"/>
    </row>
    <row r="338903" spans="14:14">
      <c r="N338903" s="10"/>
    </row>
    <row r="338904" spans="14:14">
      <c r="N338904" s="10"/>
    </row>
    <row r="338905" spans="14:14">
      <c r="N338905" s="10"/>
    </row>
    <row r="338906" spans="14:14">
      <c r="N338906" s="10"/>
    </row>
    <row r="338907" spans="14:14">
      <c r="N338907" s="10"/>
    </row>
    <row r="338908" spans="14:14">
      <c r="N338908" s="10"/>
    </row>
    <row r="338909" spans="14:14">
      <c r="N338909" s="10"/>
    </row>
    <row r="338910" spans="14:14">
      <c r="N338910" s="10"/>
    </row>
    <row r="338911" spans="14:14">
      <c r="N338911" s="10"/>
    </row>
    <row r="338912" spans="14:14">
      <c r="N338912" s="10"/>
    </row>
    <row r="338913" spans="14:14">
      <c r="N338913" s="10"/>
    </row>
    <row r="338914" spans="14:14">
      <c r="N338914" s="10"/>
    </row>
    <row r="338915" spans="14:14">
      <c r="N338915" s="10"/>
    </row>
    <row r="338916" spans="14:14">
      <c r="N338916" s="10"/>
    </row>
    <row r="338917" spans="14:14">
      <c r="N338917" s="10"/>
    </row>
    <row r="338918" spans="14:14">
      <c r="N338918" s="10"/>
    </row>
    <row r="338919" spans="14:14">
      <c r="N338919" s="10"/>
    </row>
    <row r="338920" spans="14:14">
      <c r="N338920" s="10"/>
    </row>
    <row r="338921" spans="14:14">
      <c r="N338921" s="10"/>
    </row>
    <row r="338922" spans="14:14">
      <c r="N338922" s="10"/>
    </row>
    <row r="338923" spans="14:14">
      <c r="N338923" s="10"/>
    </row>
    <row r="338924" spans="14:14">
      <c r="N338924" s="10"/>
    </row>
    <row r="338925" spans="14:14">
      <c r="N338925" s="10"/>
    </row>
    <row r="338926" spans="14:14">
      <c r="N338926" s="10"/>
    </row>
    <row r="338927" spans="14:14">
      <c r="N338927" s="10"/>
    </row>
    <row r="338928" spans="14:14">
      <c r="N338928" s="10"/>
    </row>
    <row r="338929" spans="14:14">
      <c r="N338929" s="10"/>
    </row>
    <row r="338930" spans="14:14">
      <c r="N338930" s="10"/>
    </row>
    <row r="338931" spans="14:14">
      <c r="N338931" s="10"/>
    </row>
    <row r="338932" spans="14:14">
      <c r="N338932" s="10"/>
    </row>
    <row r="338933" spans="14:14">
      <c r="N338933" s="10"/>
    </row>
    <row r="338934" spans="14:14">
      <c r="N338934" s="10"/>
    </row>
    <row r="338935" spans="14:14">
      <c r="N338935" s="10"/>
    </row>
    <row r="338936" spans="14:14">
      <c r="N338936" s="10"/>
    </row>
    <row r="338937" spans="14:14">
      <c r="N338937" s="10"/>
    </row>
    <row r="338938" spans="14:14">
      <c r="N338938" s="10"/>
    </row>
    <row r="338939" spans="14:14">
      <c r="N338939" s="10"/>
    </row>
    <row r="338940" spans="14:14">
      <c r="N338940" s="10"/>
    </row>
    <row r="338941" spans="14:14">
      <c r="N338941" s="10"/>
    </row>
    <row r="338942" spans="14:14">
      <c r="N338942" s="10"/>
    </row>
    <row r="338943" spans="14:14">
      <c r="N338943" s="10"/>
    </row>
    <row r="338944" spans="14:14">
      <c r="N338944" s="10"/>
    </row>
    <row r="338945" spans="14:14">
      <c r="N338945" s="10"/>
    </row>
    <row r="338946" spans="14:14">
      <c r="N338946" s="10"/>
    </row>
    <row r="338947" spans="14:14">
      <c r="N338947" s="10"/>
    </row>
    <row r="338948" spans="14:14">
      <c r="N338948" s="10"/>
    </row>
    <row r="338949" spans="14:14">
      <c r="N338949" s="10"/>
    </row>
    <row r="338950" spans="14:14">
      <c r="N338950" s="10"/>
    </row>
    <row r="338951" spans="14:14">
      <c r="N338951" s="10"/>
    </row>
    <row r="338952" spans="14:14">
      <c r="N338952" s="10"/>
    </row>
    <row r="338953" spans="14:14">
      <c r="N338953" s="10"/>
    </row>
    <row r="338954" spans="14:14">
      <c r="N338954" s="10"/>
    </row>
    <row r="338955" spans="14:14">
      <c r="N338955" s="10"/>
    </row>
    <row r="338956" spans="14:14">
      <c r="N338956" s="10"/>
    </row>
    <row r="338957" spans="14:14">
      <c r="N338957" s="10"/>
    </row>
    <row r="338958" spans="14:14">
      <c r="N338958" s="10"/>
    </row>
    <row r="338959" spans="14:14">
      <c r="N338959" s="10"/>
    </row>
    <row r="338960" spans="14:14">
      <c r="N338960" s="10"/>
    </row>
    <row r="338961" spans="14:14">
      <c r="N338961" s="10"/>
    </row>
    <row r="338962" spans="14:14">
      <c r="N338962" s="10"/>
    </row>
    <row r="338963" spans="14:14">
      <c r="N338963" s="10"/>
    </row>
    <row r="338964" spans="14:14">
      <c r="N338964" s="10"/>
    </row>
    <row r="338965" spans="14:14">
      <c r="N338965" s="10"/>
    </row>
    <row r="338966" spans="14:14">
      <c r="N338966" s="10"/>
    </row>
    <row r="338967" spans="14:14">
      <c r="N338967" s="10"/>
    </row>
    <row r="338968" spans="14:14">
      <c r="N338968" s="10"/>
    </row>
    <row r="338969" spans="14:14">
      <c r="N338969" s="10"/>
    </row>
    <row r="338970" spans="14:14">
      <c r="N338970" s="10"/>
    </row>
    <row r="338971" spans="14:14">
      <c r="N338971" s="10"/>
    </row>
    <row r="338972" spans="14:14">
      <c r="N338972" s="10"/>
    </row>
    <row r="338973" spans="14:14">
      <c r="N338973" s="10"/>
    </row>
    <row r="338974" spans="14:14">
      <c r="N338974" s="10"/>
    </row>
    <row r="338975" spans="14:14">
      <c r="N338975" s="10"/>
    </row>
    <row r="338976" spans="14:14">
      <c r="N338976" s="10"/>
    </row>
    <row r="338977" spans="14:14">
      <c r="N338977" s="10"/>
    </row>
    <row r="338978" spans="14:14">
      <c r="N338978" s="10"/>
    </row>
    <row r="338979" spans="14:14">
      <c r="N338979" s="10"/>
    </row>
    <row r="338980" spans="14:14">
      <c r="N338980" s="10"/>
    </row>
    <row r="338981" spans="14:14">
      <c r="N338981" s="10"/>
    </row>
    <row r="338982" spans="14:14">
      <c r="N338982" s="10"/>
    </row>
    <row r="338983" spans="14:14">
      <c r="N338983" s="10"/>
    </row>
    <row r="338984" spans="14:14">
      <c r="N338984" s="10"/>
    </row>
    <row r="338985" spans="14:14">
      <c r="N338985" s="10"/>
    </row>
    <row r="338986" spans="14:14">
      <c r="N338986" s="10"/>
    </row>
    <row r="338987" spans="14:14">
      <c r="N338987" s="10"/>
    </row>
    <row r="338988" spans="14:14">
      <c r="N338988" s="10"/>
    </row>
    <row r="338989" spans="14:14">
      <c r="N338989" s="10"/>
    </row>
    <row r="338990" spans="14:14">
      <c r="N338990" s="10"/>
    </row>
    <row r="338991" spans="14:14">
      <c r="N338991" s="10"/>
    </row>
    <row r="338992" spans="14:14">
      <c r="N338992" s="10"/>
    </row>
    <row r="338993" spans="14:14">
      <c r="N338993" s="10"/>
    </row>
    <row r="338994" spans="14:14">
      <c r="N338994" s="10"/>
    </row>
    <row r="338995" spans="14:14">
      <c r="N338995" s="10"/>
    </row>
    <row r="338996" spans="14:14">
      <c r="N338996" s="10"/>
    </row>
    <row r="338997" spans="14:14">
      <c r="N338997" s="10"/>
    </row>
    <row r="338998" spans="14:14">
      <c r="N338998" s="10"/>
    </row>
    <row r="338999" spans="14:14">
      <c r="N338999" s="10"/>
    </row>
    <row r="339000" spans="14:14">
      <c r="N339000" s="10"/>
    </row>
    <row r="339001" spans="14:14">
      <c r="N339001" s="10"/>
    </row>
    <row r="339002" spans="14:14">
      <c r="N339002" s="10"/>
    </row>
    <row r="339003" spans="14:14">
      <c r="N339003" s="10"/>
    </row>
    <row r="339004" spans="14:14">
      <c r="N339004" s="10"/>
    </row>
    <row r="339005" spans="14:14">
      <c r="N339005" s="10"/>
    </row>
    <row r="339006" spans="14:14">
      <c r="N339006" s="10"/>
    </row>
    <row r="339007" spans="14:14">
      <c r="N339007" s="10"/>
    </row>
    <row r="339008" spans="14:14">
      <c r="N339008" s="10"/>
    </row>
    <row r="339009" spans="14:14">
      <c r="N339009" s="10"/>
    </row>
    <row r="339010" spans="14:14">
      <c r="N339010" s="10"/>
    </row>
    <row r="339011" spans="14:14">
      <c r="N339011" s="10"/>
    </row>
    <row r="339012" spans="14:14">
      <c r="N339012" s="10"/>
    </row>
    <row r="339013" spans="14:14">
      <c r="N339013" s="10"/>
    </row>
    <row r="339014" spans="14:14">
      <c r="N339014" s="10"/>
    </row>
    <row r="339015" spans="14:14">
      <c r="N339015" s="10"/>
    </row>
    <row r="339016" spans="14:14">
      <c r="N339016" s="10"/>
    </row>
    <row r="339017" spans="14:14">
      <c r="N339017" s="10"/>
    </row>
    <row r="339018" spans="14:14">
      <c r="N339018" s="10"/>
    </row>
    <row r="339019" spans="14:14">
      <c r="N339019" s="10"/>
    </row>
    <row r="339020" spans="14:14">
      <c r="N339020" s="10"/>
    </row>
    <row r="339021" spans="14:14">
      <c r="N339021" s="10"/>
    </row>
    <row r="339022" spans="14:14">
      <c r="N339022" s="10"/>
    </row>
    <row r="339023" spans="14:14">
      <c r="N339023" s="10"/>
    </row>
    <row r="339024" spans="14:14">
      <c r="N339024" s="10"/>
    </row>
    <row r="339025" spans="14:14">
      <c r="N339025" s="10"/>
    </row>
    <row r="339026" spans="14:14">
      <c r="N339026" s="10"/>
    </row>
    <row r="339027" spans="14:14">
      <c r="N339027" s="10"/>
    </row>
    <row r="339028" spans="14:14">
      <c r="N339028" s="10"/>
    </row>
    <row r="339029" spans="14:14">
      <c r="N339029" s="10"/>
    </row>
    <row r="339030" spans="14:14">
      <c r="N339030" s="10"/>
    </row>
    <row r="339031" spans="14:14">
      <c r="N339031" s="10"/>
    </row>
    <row r="339032" spans="14:14">
      <c r="N339032" s="10"/>
    </row>
    <row r="339033" spans="14:14">
      <c r="N339033" s="10"/>
    </row>
    <row r="339034" spans="14:14">
      <c r="N339034" s="10"/>
    </row>
    <row r="339035" spans="14:14">
      <c r="N339035" s="10"/>
    </row>
    <row r="339036" spans="14:14">
      <c r="N339036" s="10"/>
    </row>
    <row r="339037" spans="14:14">
      <c r="N339037" s="10"/>
    </row>
    <row r="339038" spans="14:14">
      <c r="N339038" s="10"/>
    </row>
    <row r="339039" spans="14:14">
      <c r="N339039" s="10"/>
    </row>
    <row r="339040" spans="14:14">
      <c r="N339040" s="10"/>
    </row>
    <row r="339041" spans="14:14">
      <c r="N339041" s="10"/>
    </row>
    <row r="339042" spans="14:14">
      <c r="N339042" s="10"/>
    </row>
    <row r="339043" spans="14:14">
      <c r="N339043" s="10"/>
    </row>
    <row r="339044" spans="14:14">
      <c r="N339044" s="10"/>
    </row>
    <row r="339045" spans="14:14">
      <c r="N339045" s="10"/>
    </row>
    <row r="339046" spans="14:14">
      <c r="N339046" s="10"/>
    </row>
    <row r="339047" spans="14:14">
      <c r="N339047" s="10"/>
    </row>
    <row r="339048" spans="14:14">
      <c r="N339048" s="10"/>
    </row>
    <row r="339049" spans="14:14">
      <c r="N339049" s="10"/>
    </row>
    <row r="339050" spans="14:14">
      <c r="N339050" s="10"/>
    </row>
    <row r="339051" spans="14:14">
      <c r="N339051" s="10"/>
    </row>
    <row r="339052" spans="14:14">
      <c r="N339052" s="10"/>
    </row>
    <row r="339053" spans="14:14">
      <c r="N339053" s="10"/>
    </row>
    <row r="339054" spans="14:14">
      <c r="N339054" s="10"/>
    </row>
    <row r="339055" spans="14:14">
      <c r="N339055" s="10"/>
    </row>
    <row r="339056" spans="14:14">
      <c r="N339056" s="10"/>
    </row>
    <row r="339057" spans="14:14">
      <c r="N339057" s="10"/>
    </row>
    <row r="339058" spans="14:14">
      <c r="N339058" s="10"/>
    </row>
    <row r="339059" spans="14:14">
      <c r="N339059" s="10"/>
    </row>
    <row r="339060" spans="14:14">
      <c r="N339060" s="10"/>
    </row>
    <row r="339061" spans="14:14">
      <c r="N339061" s="10"/>
    </row>
    <row r="339062" spans="14:14">
      <c r="N339062" s="10"/>
    </row>
    <row r="339063" spans="14:14">
      <c r="N339063" s="10"/>
    </row>
    <row r="339064" spans="14:14">
      <c r="N339064" s="10"/>
    </row>
    <row r="339065" spans="14:14">
      <c r="N339065" s="10"/>
    </row>
    <row r="339066" spans="14:14">
      <c r="N339066" s="10"/>
    </row>
    <row r="339067" spans="14:14">
      <c r="N339067" s="10"/>
    </row>
    <row r="339068" spans="14:14">
      <c r="N339068" s="10"/>
    </row>
    <row r="339069" spans="14:14">
      <c r="N339069" s="10"/>
    </row>
    <row r="339070" spans="14:14">
      <c r="N339070" s="10"/>
    </row>
    <row r="339071" spans="14:14">
      <c r="N339071" s="10"/>
    </row>
    <row r="339072" spans="14:14">
      <c r="N339072" s="10"/>
    </row>
    <row r="339073" spans="14:14">
      <c r="N339073" s="10"/>
    </row>
    <row r="339074" spans="14:14">
      <c r="N339074" s="10"/>
    </row>
    <row r="339075" spans="14:14">
      <c r="N339075" s="10"/>
    </row>
    <row r="339076" spans="14:14">
      <c r="N339076" s="10"/>
    </row>
    <row r="339077" spans="14:14">
      <c r="N339077" s="10"/>
    </row>
    <row r="339078" spans="14:14">
      <c r="N339078" s="10"/>
    </row>
    <row r="339079" spans="14:14">
      <c r="N339079" s="10"/>
    </row>
    <row r="339080" spans="14:14">
      <c r="N339080" s="10"/>
    </row>
    <row r="339081" spans="14:14">
      <c r="N339081" s="10"/>
    </row>
    <row r="339082" spans="14:14">
      <c r="N339082" s="10"/>
    </row>
    <row r="339083" spans="14:14">
      <c r="N339083" s="10"/>
    </row>
    <row r="339084" spans="14:14">
      <c r="N339084" s="10"/>
    </row>
    <row r="339085" spans="14:14">
      <c r="N339085" s="10"/>
    </row>
    <row r="339086" spans="14:14">
      <c r="N339086" s="10"/>
    </row>
    <row r="339087" spans="14:14">
      <c r="N339087" s="10"/>
    </row>
    <row r="339088" spans="14:14">
      <c r="N339088" s="10"/>
    </row>
    <row r="339089" spans="14:14">
      <c r="N339089" s="10"/>
    </row>
    <row r="339090" spans="14:14">
      <c r="N339090" s="10"/>
    </row>
    <row r="339091" spans="14:14">
      <c r="N339091" s="10"/>
    </row>
    <row r="339092" spans="14:14">
      <c r="N339092" s="10"/>
    </row>
    <row r="339093" spans="14:14">
      <c r="N339093" s="10"/>
    </row>
    <row r="339094" spans="14:14">
      <c r="N339094" s="10"/>
    </row>
    <row r="339095" spans="14:14">
      <c r="N339095" s="10"/>
    </row>
    <row r="339096" spans="14:14">
      <c r="N339096" s="10"/>
    </row>
    <row r="339097" spans="14:14">
      <c r="N339097" s="10"/>
    </row>
    <row r="339098" spans="14:14">
      <c r="N339098" s="10"/>
    </row>
    <row r="339099" spans="14:14">
      <c r="N339099" s="10"/>
    </row>
    <row r="339100" spans="14:14">
      <c r="N339100" s="10"/>
    </row>
    <row r="339101" spans="14:14">
      <c r="N339101" s="10"/>
    </row>
    <row r="339102" spans="14:14">
      <c r="N339102" s="10"/>
    </row>
    <row r="339103" spans="14:14">
      <c r="N339103" s="10"/>
    </row>
    <row r="339104" spans="14:14">
      <c r="N339104" s="10"/>
    </row>
    <row r="339105" spans="14:14">
      <c r="N339105" s="10"/>
    </row>
    <row r="339106" spans="14:14">
      <c r="N339106" s="10"/>
    </row>
    <row r="339107" spans="14:14">
      <c r="N339107" s="10"/>
    </row>
    <row r="339108" spans="14:14">
      <c r="N339108" s="10"/>
    </row>
    <row r="339109" spans="14:14">
      <c r="N339109" s="10"/>
    </row>
    <row r="339110" spans="14:14">
      <c r="N339110" s="10"/>
    </row>
    <row r="339111" spans="14:14">
      <c r="N339111" s="10"/>
    </row>
    <row r="339112" spans="14:14">
      <c r="N339112" s="10"/>
    </row>
    <row r="339113" spans="14:14">
      <c r="N339113" s="10"/>
    </row>
    <row r="339114" spans="14:14">
      <c r="N339114" s="10"/>
    </row>
    <row r="339115" spans="14:14">
      <c r="N339115" s="10"/>
    </row>
    <row r="339116" spans="14:14">
      <c r="N339116" s="10"/>
    </row>
    <row r="339117" spans="14:14">
      <c r="N339117" s="10"/>
    </row>
    <row r="339118" spans="14:14">
      <c r="N339118" s="10"/>
    </row>
    <row r="339119" spans="14:14">
      <c r="N339119" s="10"/>
    </row>
    <row r="339120" spans="14:14">
      <c r="N339120" s="10"/>
    </row>
    <row r="339121" spans="14:14">
      <c r="N339121" s="10"/>
    </row>
    <row r="339122" spans="14:14">
      <c r="N339122" s="10"/>
    </row>
    <row r="339123" spans="14:14">
      <c r="N339123" s="10"/>
    </row>
    <row r="339124" spans="14:14">
      <c r="N339124" s="10"/>
    </row>
    <row r="339125" spans="14:14">
      <c r="N339125" s="10"/>
    </row>
    <row r="339126" spans="14:14">
      <c r="N339126" s="10"/>
    </row>
    <row r="339127" spans="14:14">
      <c r="N339127" s="10"/>
    </row>
    <row r="339128" spans="14:14">
      <c r="N339128" s="10"/>
    </row>
    <row r="339129" spans="14:14">
      <c r="N339129" s="10"/>
    </row>
    <row r="339130" spans="14:14">
      <c r="N339130" s="10"/>
    </row>
    <row r="339131" spans="14:14">
      <c r="N339131" s="10"/>
    </row>
    <row r="339132" spans="14:14">
      <c r="N339132" s="10"/>
    </row>
    <row r="339133" spans="14:14">
      <c r="N339133" s="10"/>
    </row>
    <row r="339134" spans="14:14">
      <c r="N339134" s="10"/>
    </row>
    <row r="339135" spans="14:14">
      <c r="N339135" s="10"/>
    </row>
    <row r="339136" spans="14:14">
      <c r="N339136" s="10"/>
    </row>
    <row r="339137" spans="14:14">
      <c r="N339137" s="10"/>
    </row>
    <row r="339138" spans="14:14">
      <c r="N339138" s="10"/>
    </row>
    <row r="339139" spans="14:14">
      <c r="N339139" s="10"/>
    </row>
    <row r="339140" spans="14:14">
      <c r="N339140" s="10"/>
    </row>
    <row r="339141" spans="14:14">
      <c r="N339141" s="10"/>
    </row>
    <row r="339142" spans="14:14">
      <c r="N339142" s="10"/>
    </row>
    <row r="339143" spans="14:14">
      <c r="N339143" s="10"/>
    </row>
    <row r="339144" spans="14:14">
      <c r="N339144" s="10"/>
    </row>
    <row r="339145" spans="14:14">
      <c r="N339145" s="10"/>
    </row>
    <row r="339146" spans="14:14">
      <c r="N339146" s="10"/>
    </row>
    <row r="339147" spans="14:14">
      <c r="N339147" s="10"/>
    </row>
    <row r="339148" spans="14:14">
      <c r="N339148" s="10"/>
    </row>
    <row r="339149" spans="14:14">
      <c r="N339149" s="10"/>
    </row>
    <row r="339150" spans="14:14">
      <c r="N339150" s="10"/>
    </row>
    <row r="339151" spans="14:14">
      <c r="N339151" s="10"/>
    </row>
    <row r="339152" spans="14:14">
      <c r="N339152" s="10"/>
    </row>
    <row r="339153" spans="14:14">
      <c r="N339153" s="10"/>
    </row>
    <row r="339154" spans="14:14">
      <c r="N339154" s="10"/>
    </row>
    <row r="339155" spans="14:14">
      <c r="N339155" s="10"/>
    </row>
    <row r="339156" spans="14:14">
      <c r="N339156" s="10"/>
    </row>
    <row r="339157" spans="14:14">
      <c r="N339157" s="10"/>
    </row>
    <row r="339158" spans="14:14">
      <c r="N339158" s="10"/>
    </row>
    <row r="339159" spans="14:14">
      <c r="N339159" s="10"/>
    </row>
    <row r="339160" spans="14:14">
      <c r="N339160" s="10"/>
    </row>
    <row r="339161" spans="14:14">
      <c r="N339161" s="10"/>
    </row>
    <row r="339162" spans="14:14">
      <c r="N339162" s="10"/>
    </row>
    <row r="339163" spans="14:14">
      <c r="N339163" s="10"/>
    </row>
    <row r="339164" spans="14:14">
      <c r="N339164" s="10"/>
    </row>
    <row r="339165" spans="14:14">
      <c r="N339165" s="10"/>
    </row>
    <row r="339166" spans="14:14">
      <c r="N339166" s="10"/>
    </row>
    <row r="339167" spans="14:14">
      <c r="N339167" s="10"/>
    </row>
    <row r="339168" spans="14:14">
      <c r="N339168" s="10"/>
    </row>
    <row r="339169" spans="14:14">
      <c r="N339169" s="10"/>
    </row>
    <row r="339170" spans="14:14">
      <c r="N339170" s="10"/>
    </row>
    <row r="339171" spans="14:14">
      <c r="N339171" s="10"/>
    </row>
    <row r="339172" spans="14:14">
      <c r="N339172" s="10"/>
    </row>
    <row r="339173" spans="14:14">
      <c r="N339173" s="10"/>
    </row>
    <row r="339174" spans="14:14">
      <c r="N339174" s="10"/>
    </row>
    <row r="339175" spans="14:14">
      <c r="N339175" s="10"/>
    </row>
    <row r="339176" spans="14:14">
      <c r="N339176" s="10"/>
    </row>
    <row r="339177" spans="14:14">
      <c r="N339177" s="10"/>
    </row>
    <row r="339178" spans="14:14">
      <c r="N339178" s="10"/>
    </row>
    <row r="339179" spans="14:14">
      <c r="N339179" s="10"/>
    </row>
    <row r="339180" spans="14:14">
      <c r="N339180" s="10"/>
    </row>
    <row r="339181" spans="14:14">
      <c r="N339181" s="10"/>
    </row>
    <row r="339182" spans="14:14">
      <c r="N339182" s="10"/>
    </row>
    <row r="339183" spans="14:14">
      <c r="N339183" s="10"/>
    </row>
    <row r="339184" spans="14:14">
      <c r="N339184" s="10"/>
    </row>
    <row r="339185" spans="14:14">
      <c r="N339185" s="10"/>
    </row>
    <row r="339186" spans="14:14">
      <c r="N339186" s="10"/>
    </row>
    <row r="339187" spans="14:14">
      <c r="N339187" s="10"/>
    </row>
    <row r="339188" spans="14:14">
      <c r="N339188" s="10"/>
    </row>
    <row r="339189" spans="14:14">
      <c r="N339189" s="10"/>
    </row>
    <row r="339190" spans="14:14">
      <c r="N339190" s="10"/>
    </row>
    <row r="339191" spans="14:14">
      <c r="N339191" s="10"/>
    </row>
    <row r="339192" spans="14:14">
      <c r="N339192" s="10"/>
    </row>
    <row r="339193" spans="14:14">
      <c r="N339193" s="10"/>
    </row>
    <row r="339194" spans="14:14">
      <c r="N339194" s="10"/>
    </row>
    <row r="339195" spans="14:14">
      <c r="N339195" s="10"/>
    </row>
    <row r="339196" spans="14:14">
      <c r="N339196" s="10"/>
    </row>
    <row r="339197" spans="14:14">
      <c r="N339197" s="10"/>
    </row>
    <row r="339198" spans="14:14">
      <c r="N339198" s="10"/>
    </row>
    <row r="339199" spans="14:14">
      <c r="N339199" s="10"/>
    </row>
    <row r="339200" spans="14:14">
      <c r="N339200" s="10"/>
    </row>
    <row r="339201" spans="14:14">
      <c r="N339201" s="10"/>
    </row>
    <row r="339202" spans="14:14">
      <c r="N339202" s="10"/>
    </row>
    <row r="339203" spans="14:14">
      <c r="N339203" s="10"/>
    </row>
    <row r="339204" spans="14:14">
      <c r="N339204" s="10"/>
    </row>
    <row r="339205" spans="14:14">
      <c r="N339205" s="10"/>
    </row>
    <row r="339206" spans="14:14">
      <c r="N339206" s="10"/>
    </row>
    <row r="339207" spans="14:14">
      <c r="N339207" s="10"/>
    </row>
    <row r="339208" spans="14:14">
      <c r="N339208" s="10"/>
    </row>
    <row r="339209" spans="14:14">
      <c r="N339209" s="10"/>
    </row>
    <row r="339210" spans="14:14">
      <c r="N339210" s="10"/>
    </row>
    <row r="339211" spans="14:14">
      <c r="N339211" s="10"/>
    </row>
    <row r="339212" spans="14:14">
      <c r="N339212" s="10"/>
    </row>
    <row r="339213" spans="14:14">
      <c r="N339213" s="10"/>
    </row>
    <row r="339214" spans="14:14">
      <c r="N339214" s="10"/>
    </row>
    <row r="339215" spans="14:14">
      <c r="N339215" s="10"/>
    </row>
    <row r="339216" spans="14:14">
      <c r="N339216" s="10"/>
    </row>
    <row r="339217" spans="14:14">
      <c r="N339217" s="10"/>
    </row>
    <row r="339218" spans="14:14">
      <c r="N339218" s="10"/>
    </row>
    <row r="339219" spans="14:14">
      <c r="N339219" s="10"/>
    </row>
    <row r="339220" spans="14:14">
      <c r="N339220" s="10"/>
    </row>
    <row r="339221" spans="14:14">
      <c r="N339221" s="10"/>
    </row>
    <row r="339222" spans="14:14">
      <c r="N339222" s="10"/>
    </row>
    <row r="339223" spans="14:14">
      <c r="N339223" s="10"/>
    </row>
    <row r="339224" spans="14:14">
      <c r="N339224" s="10"/>
    </row>
    <row r="339225" spans="14:14">
      <c r="N339225" s="10"/>
    </row>
    <row r="339226" spans="14:14">
      <c r="N339226" s="10"/>
    </row>
    <row r="339227" spans="14:14">
      <c r="N339227" s="10"/>
    </row>
    <row r="339228" spans="14:14">
      <c r="N339228" s="10"/>
    </row>
    <row r="339229" spans="14:14">
      <c r="N339229" s="10"/>
    </row>
    <row r="339230" spans="14:14">
      <c r="N339230" s="10"/>
    </row>
    <row r="339231" spans="14:14">
      <c r="N339231" s="10"/>
    </row>
    <row r="339232" spans="14:14">
      <c r="N339232" s="10"/>
    </row>
    <row r="339233" spans="14:14">
      <c r="N339233" s="10"/>
    </row>
    <row r="339234" spans="14:14">
      <c r="N339234" s="10"/>
    </row>
    <row r="339235" spans="14:14">
      <c r="N339235" s="10"/>
    </row>
    <row r="339236" spans="14:14">
      <c r="N339236" s="10"/>
    </row>
    <row r="339237" spans="14:14">
      <c r="N339237" s="10"/>
    </row>
    <row r="339238" spans="14:14">
      <c r="N339238" s="10"/>
    </row>
    <row r="339239" spans="14:14">
      <c r="N339239" s="10"/>
    </row>
    <row r="339240" spans="14:14">
      <c r="N339240" s="10"/>
    </row>
    <row r="339241" spans="14:14">
      <c r="N339241" s="10"/>
    </row>
    <row r="339242" spans="14:14">
      <c r="N339242" s="10"/>
    </row>
    <row r="339243" spans="14:14">
      <c r="N339243" s="10"/>
    </row>
    <row r="339244" spans="14:14">
      <c r="N339244" s="10"/>
    </row>
    <row r="339245" spans="14:14">
      <c r="N339245" s="10"/>
    </row>
    <row r="339246" spans="14:14">
      <c r="N339246" s="10"/>
    </row>
    <row r="339247" spans="14:14">
      <c r="N339247" s="10"/>
    </row>
    <row r="339248" spans="14:14">
      <c r="N339248" s="10"/>
    </row>
    <row r="339249" spans="14:14">
      <c r="N339249" s="10"/>
    </row>
    <row r="339250" spans="14:14">
      <c r="N339250" s="10"/>
    </row>
    <row r="339251" spans="14:14">
      <c r="N339251" s="10"/>
    </row>
    <row r="339252" spans="14:14">
      <c r="N339252" s="10"/>
    </row>
    <row r="339253" spans="14:14">
      <c r="N339253" s="10"/>
    </row>
    <row r="339254" spans="14:14">
      <c r="N339254" s="10"/>
    </row>
    <row r="339255" spans="14:14">
      <c r="N339255" s="10"/>
    </row>
    <row r="339256" spans="14:14">
      <c r="N339256" s="10"/>
    </row>
    <row r="339257" spans="14:14">
      <c r="N339257" s="10"/>
    </row>
    <row r="339258" spans="14:14">
      <c r="N339258" s="10"/>
    </row>
    <row r="339259" spans="14:14">
      <c r="N339259" s="10"/>
    </row>
    <row r="339260" spans="14:14">
      <c r="N339260" s="10"/>
    </row>
    <row r="339261" spans="14:14">
      <c r="N339261" s="10"/>
    </row>
    <row r="339262" spans="14:14">
      <c r="N339262" s="10"/>
    </row>
    <row r="339263" spans="14:14">
      <c r="N339263" s="10"/>
    </row>
    <row r="339264" spans="14:14">
      <c r="N339264" s="10"/>
    </row>
    <row r="339265" spans="14:14">
      <c r="N339265" s="10"/>
    </row>
    <row r="339266" spans="14:14">
      <c r="N339266" s="10"/>
    </row>
    <row r="339267" spans="14:14">
      <c r="N339267" s="10"/>
    </row>
    <row r="339268" spans="14:14">
      <c r="N339268" s="10"/>
    </row>
    <row r="339269" spans="14:14">
      <c r="N339269" s="10"/>
    </row>
    <row r="339270" spans="14:14">
      <c r="N339270" s="10"/>
    </row>
    <row r="339271" spans="14:14">
      <c r="N339271" s="10"/>
    </row>
    <row r="339272" spans="14:14">
      <c r="N339272" s="10"/>
    </row>
    <row r="339273" spans="14:14">
      <c r="N339273" s="10"/>
    </row>
    <row r="339274" spans="14:14">
      <c r="N339274" s="10"/>
    </row>
    <row r="339275" spans="14:14">
      <c r="N339275" s="10"/>
    </row>
    <row r="339276" spans="14:14">
      <c r="N339276" s="10"/>
    </row>
    <row r="339277" spans="14:14">
      <c r="N339277" s="10"/>
    </row>
    <row r="339278" spans="14:14">
      <c r="N339278" s="10"/>
    </row>
    <row r="339279" spans="14:14">
      <c r="N339279" s="10"/>
    </row>
    <row r="339280" spans="14:14">
      <c r="N339280" s="10"/>
    </row>
    <row r="339281" spans="14:14">
      <c r="N339281" s="10"/>
    </row>
    <row r="339282" spans="14:14">
      <c r="N339282" s="10"/>
    </row>
    <row r="339283" spans="14:14">
      <c r="N339283" s="10"/>
    </row>
    <row r="339284" spans="14:14">
      <c r="N339284" s="10"/>
    </row>
    <row r="339285" spans="14:14">
      <c r="N339285" s="10"/>
    </row>
    <row r="339286" spans="14:14">
      <c r="N339286" s="10"/>
    </row>
    <row r="339287" spans="14:14">
      <c r="N339287" s="10"/>
    </row>
    <row r="339288" spans="14:14">
      <c r="N339288" s="10"/>
    </row>
    <row r="339289" spans="14:14">
      <c r="N339289" s="10"/>
    </row>
    <row r="339290" spans="14:14">
      <c r="N339290" s="10"/>
    </row>
    <row r="339291" spans="14:14">
      <c r="N339291" s="10"/>
    </row>
    <row r="339292" spans="14:14">
      <c r="N339292" s="10"/>
    </row>
    <row r="339293" spans="14:14">
      <c r="N339293" s="10"/>
    </row>
    <row r="339294" spans="14:14">
      <c r="N339294" s="10"/>
    </row>
    <row r="339295" spans="14:14">
      <c r="N339295" s="10"/>
    </row>
    <row r="339296" spans="14:14">
      <c r="N339296" s="10"/>
    </row>
    <row r="339297" spans="14:14">
      <c r="N339297" s="10"/>
    </row>
    <row r="339298" spans="14:14">
      <c r="N339298" s="10"/>
    </row>
    <row r="339299" spans="14:14">
      <c r="N339299" s="10"/>
    </row>
    <row r="339300" spans="14:14">
      <c r="N339300" s="10"/>
    </row>
    <row r="339301" spans="14:14">
      <c r="N339301" s="10"/>
    </row>
    <row r="339302" spans="14:14">
      <c r="N339302" s="10"/>
    </row>
    <row r="339303" spans="14:14">
      <c r="N339303" s="10"/>
    </row>
    <row r="339304" spans="14:14">
      <c r="N339304" s="10"/>
    </row>
    <row r="339305" spans="14:14">
      <c r="N339305" s="10"/>
    </row>
    <row r="339306" spans="14:14">
      <c r="N339306" s="10"/>
    </row>
    <row r="339307" spans="14:14">
      <c r="N339307" s="10"/>
    </row>
    <row r="339308" spans="14:14">
      <c r="N339308" s="10"/>
    </row>
    <row r="339309" spans="14:14">
      <c r="N339309" s="10"/>
    </row>
    <row r="339310" spans="14:14">
      <c r="N339310" s="10"/>
    </row>
    <row r="339311" spans="14:14">
      <c r="N339311" s="10"/>
    </row>
    <row r="339312" spans="14:14">
      <c r="N339312" s="10"/>
    </row>
    <row r="339313" spans="14:14">
      <c r="N339313" s="10"/>
    </row>
    <row r="339314" spans="14:14">
      <c r="N339314" s="10"/>
    </row>
    <row r="339315" spans="14:14">
      <c r="N339315" s="10"/>
    </row>
    <row r="339316" spans="14:14">
      <c r="N339316" s="10"/>
    </row>
    <row r="339317" spans="14:14">
      <c r="N339317" s="10"/>
    </row>
    <row r="339318" spans="14:14">
      <c r="N339318" s="10"/>
    </row>
    <row r="339319" spans="14:14">
      <c r="N339319" s="10"/>
    </row>
    <row r="339320" spans="14:14">
      <c r="N339320" s="10"/>
    </row>
    <row r="339321" spans="14:14">
      <c r="N339321" s="10"/>
    </row>
    <row r="339322" spans="14:14">
      <c r="N339322" s="10"/>
    </row>
    <row r="339323" spans="14:14">
      <c r="N339323" s="10"/>
    </row>
    <row r="339324" spans="14:14">
      <c r="N339324" s="10"/>
    </row>
    <row r="339325" spans="14:14">
      <c r="N339325" s="10"/>
    </row>
    <row r="339326" spans="14:14">
      <c r="N339326" s="10"/>
    </row>
    <row r="339327" spans="14:14">
      <c r="N339327" s="10"/>
    </row>
    <row r="339328" spans="14:14">
      <c r="N339328" s="10"/>
    </row>
    <row r="339329" spans="14:14">
      <c r="N339329" s="10"/>
    </row>
    <row r="339330" spans="14:14">
      <c r="N339330" s="10"/>
    </row>
    <row r="339331" spans="14:14">
      <c r="N339331" s="10"/>
    </row>
    <row r="339332" spans="14:14">
      <c r="N339332" s="10"/>
    </row>
    <row r="339333" spans="14:14">
      <c r="N339333" s="10"/>
    </row>
    <row r="339334" spans="14:14">
      <c r="N339334" s="10"/>
    </row>
    <row r="339335" spans="14:14">
      <c r="N339335" s="10"/>
    </row>
    <row r="339336" spans="14:14">
      <c r="N339336" s="10"/>
    </row>
    <row r="339337" spans="14:14">
      <c r="N339337" s="10"/>
    </row>
    <row r="339338" spans="14:14">
      <c r="N339338" s="10"/>
    </row>
    <row r="339339" spans="14:14">
      <c r="N339339" s="10"/>
    </row>
    <row r="339340" spans="14:14">
      <c r="N339340" s="10"/>
    </row>
    <row r="339341" spans="14:14">
      <c r="N339341" s="10"/>
    </row>
    <row r="339342" spans="14:14">
      <c r="N339342" s="10"/>
    </row>
    <row r="339343" spans="14:14">
      <c r="N339343" s="10"/>
    </row>
    <row r="339344" spans="14:14">
      <c r="N339344" s="10"/>
    </row>
    <row r="339345" spans="14:14">
      <c r="N339345" s="10"/>
    </row>
    <row r="339346" spans="14:14">
      <c r="N339346" s="10"/>
    </row>
    <row r="339347" spans="14:14">
      <c r="N339347" s="10"/>
    </row>
    <row r="339348" spans="14:14">
      <c r="N339348" s="10"/>
    </row>
    <row r="339349" spans="14:14">
      <c r="N339349" s="10"/>
    </row>
    <row r="339350" spans="14:14">
      <c r="N339350" s="10"/>
    </row>
    <row r="339351" spans="14:14">
      <c r="N339351" s="10"/>
    </row>
    <row r="339352" spans="14:14">
      <c r="N339352" s="10"/>
    </row>
    <row r="339353" spans="14:14">
      <c r="N339353" s="10"/>
    </row>
    <row r="339354" spans="14:14">
      <c r="N339354" s="10"/>
    </row>
    <row r="339355" spans="14:14">
      <c r="N339355" s="10"/>
    </row>
    <row r="339356" spans="14:14">
      <c r="N339356" s="10"/>
    </row>
    <row r="339357" spans="14:14">
      <c r="N339357" s="10"/>
    </row>
    <row r="339358" spans="14:14">
      <c r="N339358" s="10"/>
    </row>
    <row r="339359" spans="14:14">
      <c r="N339359" s="10"/>
    </row>
    <row r="339360" spans="14:14">
      <c r="N339360" s="10"/>
    </row>
    <row r="339361" spans="14:14">
      <c r="N339361" s="10"/>
    </row>
    <row r="339362" spans="14:14">
      <c r="N339362" s="10"/>
    </row>
    <row r="339363" spans="14:14">
      <c r="N339363" s="10"/>
    </row>
    <row r="339364" spans="14:14">
      <c r="N339364" s="10"/>
    </row>
    <row r="339365" spans="14:14">
      <c r="N339365" s="10"/>
    </row>
    <row r="339366" spans="14:14">
      <c r="N339366" s="10"/>
    </row>
    <row r="339367" spans="14:14">
      <c r="N339367" s="10"/>
    </row>
    <row r="339368" spans="14:14">
      <c r="N339368" s="10"/>
    </row>
    <row r="339369" spans="14:14">
      <c r="N339369" s="10"/>
    </row>
    <row r="339370" spans="14:14">
      <c r="N339370" s="10"/>
    </row>
    <row r="339371" spans="14:14">
      <c r="N339371" s="10"/>
    </row>
    <row r="339372" spans="14:14">
      <c r="N339372" s="10"/>
    </row>
    <row r="339373" spans="14:14">
      <c r="N339373" s="10"/>
    </row>
    <row r="339374" spans="14:14">
      <c r="N339374" s="10"/>
    </row>
    <row r="339375" spans="14:14">
      <c r="N339375" s="10"/>
    </row>
    <row r="339376" spans="14:14">
      <c r="N339376" s="10"/>
    </row>
    <row r="339377" spans="14:14">
      <c r="N339377" s="10"/>
    </row>
    <row r="339378" spans="14:14">
      <c r="N339378" s="10"/>
    </row>
    <row r="339379" spans="14:14">
      <c r="N339379" s="10"/>
    </row>
    <row r="339380" spans="14:14">
      <c r="N339380" s="10"/>
    </row>
    <row r="339381" spans="14:14">
      <c r="N339381" s="10"/>
    </row>
    <row r="339382" spans="14:14">
      <c r="N339382" s="10"/>
    </row>
    <row r="339383" spans="14:14">
      <c r="N339383" s="10"/>
    </row>
    <row r="339384" spans="14:14">
      <c r="N339384" s="10"/>
    </row>
    <row r="339385" spans="14:14">
      <c r="N339385" s="10"/>
    </row>
    <row r="339386" spans="14:14">
      <c r="N339386" s="10"/>
    </row>
    <row r="339387" spans="14:14">
      <c r="N339387" s="10"/>
    </row>
    <row r="339388" spans="14:14">
      <c r="N339388" s="10"/>
    </row>
    <row r="339389" spans="14:14">
      <c r="N339389" s="10"/>
    </row>
    <row r="339390" spans="14:14">
      <c r="N339390" s="10"/>
    </row>
    <row r="339391" spans="14:14">
      <c r="N339391" s="10"/>
    </row>
    <row r="339392" spans="14:14">
      <c r="N339392" s="10"/>
    </row>
    <row r="339393" spans="14:14">
      <c r="N339393" s="10"/>
    </row>
    <row r="339394" spans="14:14">
      <c r="N339394" s="10"/>
    </row>
    <row r="339395" spans="14:14">
      <c r="N339395" s="10"/>
    </row>
    <row r="339396" spans="14:14">
      <c r="N339396" s="10"/>
    </row>
    <row r="339397" spans="14:14">
      <c r="N339397" s="10"/>
    </row>
    <row r="339398" spans="14:14">
      <c r="N339398" s="10"/>
    </row>
    <row r="339399" spans="14:14">
      <c r="N339399" s="10"/>
    </row>
    <row r="339400" spans="14:14">
      <c r="N339400" s="10"/>
    </row>
    <row r="339401" spans="14:14">
      <c r="N339401" s="10"/>
    </row>
    <row r="339402" spans="14:14">
      <c r="N339402" s="10"/>
    </row>
    <row r="339403" spans="14:14">
      <c r="N339403" s="10"/>
    </row>
    <row r="339404" spans="14:14">
      <c r="N339404" s="10"/>
    </row>
    <row r="339405" spans="14:14">
      <c r="N339405" s="10"/>
    </row>
    <row r="339406" spans="14:14">
      <c r="N339406" s="10"/>
    </row>
    <row r="339407" spans="14:14">
      <c r="N339407" s="10"/>
    </row>
    <row r="339408" spans="14:14">
      <c r="N339408" s="10"/>
    </row>
    <row r="339409" spans="14:14">
      <c r="N339409" s="10"/>
    </row>
    <row r="339410" spans="14:14">
      <c r="N339410" s="10"/>
    </row>
    <row r="339411" spans="14:14">
      <c r="N339411" s="10"/>
    </row>
    <row r="339412" spans="14:14">
      <c r="N339412" s="10"/>
    </row>
    <row r="339413" spans="14:14">
      <c r="N339413" s="10"/>
    </row>
    <row r="339414" spans="14:14">
      <c r="N339414" s="10"/>
    </row>
    <row r="339415" spans="14:14">
      <c r="N339415" s="10"/>
    </row>
    <row r="339416" spans="14:14">
      <c r="N339416" s="10"/>
    </row>
    <row r="339417" spans="14:14">
      <c r="N339417" s="10"/>
    </row>
    <row r="339418" spans="14:14">
      <c r="N339418" s="10"/>
    </row>
    <row r="339419" spans="14:14">
      <c r="N339419" s="10"/>
    </row>
    <row r="339420" spans="14:14">
      <c r="N339420" s="10"/>
    </row>
    <row r="339421" spans="14:14">
      <c r="N339421" s="10"/>
    </row>
    <row r="339422" spans="14:14">
      <c r="N339422" s="10"/>
    </row>
    <row r="339423" spans="14:14">
      <c r="N339423" s="10"/>
    </row>
    <row r="339424" spans="14:14">
      <c r="N339424" s="10"/>
    </row>
    <row r="339425" spans="14:14">
      <c r="N339425" s="10"/>
    </row>
    <row r="339426" spans="14:14">
      <c r="N339426" s="10"/>
    </row>
    <row r="339427" spans="14:14">
      <c r="N339427" s="10"/>
    </row>
    <row r="339428" spans="14:14">
      <c r="N339428" s="10"/>
    </row>
    <row r="339429" spans="14:14">
      <c r="N339429" s="10"/>
    </row>
    <row r="339430" spans="14:14">
      <c r="N339430" s="10"/>
    </row>
    <row r="339431" spans="14:14">
      <c r="N339431" s="10"/>
    </row>
    <row r="339432" spans="14:14">
      <c r="N339432" s="10"/>
    </row>
    <row r="339433" spans="14:14">
      <c r="N339433" s="10"/>
    </row>
    <row r="339434" spans="14:14">
      <c r="N339434" s="10"/>
    </row>
    <row r="339435" spans="14:14">
      <c r="N339435" s="10"/>
    </row>
    <row r="339436" spans="14:14">
      <c r="N339436" s="10"/>
    </row>
    <row r="339437" spans="14:14">
      <c r="N339437" s="10"/>
    </row>
    <row r="339438" spans="14:14">
      <c r="N339438" s="10"/>
    </row>
    <row r="339439" spans="14:14">
      <c r="N339439" s="10"/>
    </row>
    <row r="339440" spans="14:14">
      <c r="N339440" s="10"/>
    </row>
    <row r="339441" spans="14:14">
      <c r="N339441" s="10"/>
    </row>
    <row r="339442" spans="14:14">
      <c r="N339442" s="10"/>
    </row>
    <row r="339443" spans="14:14">
      <c r="N339443" s="10"/>
    </row>
    <row r="339444" spans="14:14">
      <c r="N339444" s="10"/>
    </row>
    <row r="339445" spans="14:14">
      <c r="N339445" s="10"/>
    </row>
    <row r="339446" spans="14:14">
      <c r="N339446" s="10"/>
    </row>
    <row r="339447" spans="14:14">
      <c r="N339447" s="10"/>
    </row>
    <row r="339448" spans="14:14">
      <c r="N339448" s="10"/>
    </row>
    <row r="339449" spans="14:14">
      <c r="N339449" s="10"/>
    </row>
    <row r="339450" spans="14:14">
      <c r="N339450" s="10"/>
    </row>
    <row r="339451" spans="14:14">
      <c r="N339451" s="10"/>
    </row>
    <row r="339452" spans="14:14">
      <c r="N339452" s="10"/>
    </row>
    <row r="339453" spans="14:14">
      <c r="N339453" s="10"/>
    </row>
    <row r="339454" spans="14:14">
      <c r="N339454" s="10"/>
    </row>
    <row r="339455" spans="14:14">
      <c r="N339455" s="10"/>
    </row>
    <row r="339456" spans="14:14">
      <c r="N339456" s="10"/>
    </row>
    <row r="339457" spans="14:14">
      <c r="N339457" s="10"/>
    </row>
    <row r="339458" spans="14:14">
      <c r="N339458" s="10"/>
    </row>
    <row r="339459" spans="14:14">
      <c r="N339459" s="10"/>
    </row>
    <row r="339460" spans="14:14">
      <c r="N339460" s="10"/>
    </row>
    <row r="339461" spans="14:14">
      <c r="N339461" s="10"/>
    </row>
    <row r="339462" spans="14:14">
      <c r="N339462" s="10"/>
    </row>
    <row r="339463" spans="14:14">
      <c r="N339463" s="10"/>
    </row>
    <row r="339464" spans="14:14">
      <c r="N339464" s="10"/>
    </row>
    <row r="339465" spans="14:14">
      <c r="N339465" s="10"/>
    </row>
    <row r="339466" spans="14:14">
      <c r="N339466" s="10"/>
    </row>
    <row r="339467" spans="14:14">
      <c r="N339467" s="10"/>
    </row>
    <row r="339468" spans="14:14">
      <c r="N339468" s="10"/>
    </row>
    <row r="339469" spans="14:14">
      <c r="N339469" s="10"/>
    </row>
    <row r="339470" spans="14:14">
      <c r="N339470" s="10"/>
    </row>
    <row r="339471" spans="14:14">
      <c r="N339471" s="10"/>
    </row>
    <row r="339472" spans="14:14">
      <c r="N339472" s="10"/>
    </row>
    <row r="339473" spans="14:14">
      <c r="N339473" s="10"/>
    </row>
    <row r="339474" spans="14:14">
      <c r="N339474" s="10"/>
    </row>
    <row r="339475" spans="14:14">
      <c r="N339475" s="10"/>
    </row>
    <row r="339476" spans="14:14">
      <c r="N339476" s="10"/>
    </row>
    <row r="339477" spans="14:14">
      <c r="N339477" s="10"/>
    </row>
    <row r="339478" spans="14:14">
      <c r="N339478" s="10"/>
    </row>
    <row r="339479" spans="14:14">
      <c r="N339479" s="10"/>
    </row>
    <row r="339480" spans="14:14">
      <c r="N339480" s="10"/>
    </row>
    <row r="339481" spans="14:14">
      <c r="N339481" s="10"/>
    </row>
    <row r="339482" spans="14:14">
      <c r="N339482" s="10"/>
    </row>
    <row r="339483" spans="14:14">
      <c r="N339483" s="10"/>
    </row>
    <row r="339484" spans="14:14">
      <c r="N339484" s="10"/>
    </row>
    <row r="339485" spans="14:14">
      <c r="N339485" s="10"/>
    </row>
    <row r="339486" spans="14:14">
      <c r="N339486" s="10"/>
    </row>
    <row r="339487" spans="14:14">
      <c r="N339487" s="10"/>
    </row>
    <row r="339488" spans="14:14">
      <c r="N339488" s="10"/>
    </row>
    <row r="339489" spans="14:14">
      <c r="N339489" s="10"/>
    </row>
    <row r="339490" spans="14:14">
      <c r="N339490" s="10"/>
    </row>
    <row r="339491" spans="14:14">
      <c r="N339491" s="10"/>
    </row>
    <row r="339492" spans="14:14">
      <c r="N339492" s="10"/>
    </row>
    <row r="339493" spans="14:14">
      <c r="N339493" s="10"/>
    </row>
    <row r="339494" spans="14:14">
      <c r="N339494" s="10"/>
    </row>
    <row r="339495" spans="14:14">
      <c r="N339495" s="10"/>
    </row>
    <row r="339496" spans="14:14">
      <c r="N339496" s="10"/>
    </row>
    <row r="339497" spans="14:14">
      <c r="N339497" s="10"/>
    </row>
    <row r="339498" spans="14:14">
      <c r="N339498" s="10"/>
    </row>
    <row r="339499" spans="14:14">
      <c r="N339499" s="10"/>
    </row>
    <row r="339500" spans="14:14">
      <c r="N339500" s="10"/>
    </row>
    <row r="339501" spans="14:14">
      <c r="N339501" s="10"/>
    </row>
    <row r="339502" spans="14:14">
      <c r="N339502" s="10"/>
    </row>
    <row r="339503" spans="14:14">
      <c r="N339503" s="10"/>
    </row>
    <row r="339504" spans="14:14">
      <c r="N339504" s="10"/>
    </row>
    <row r="339505" spans="14:14">
      <c r="N339505" s="10"/>
    </row>
    <row r="339506" spans="14:14">
      <c r="N339506" s="10"/>
    </row>
    <row r="339507" spans="14:14">
      <c r="N339507" s="10"/>
    </row>
    <row r="339508" spans="14:14">
      <c r="N339508" s="10"/>
    </row>
    <row r="339509" spans="14:14">
      <c r="N339509" s="10"/>
    </row>
    <row r="339510" spans="14:14">
      <c r="N339510" s="10"/>
    </row>
    <row r="339511" spans="14:14">
      <c r="N339511" s="10"/>
    </row>
    <row r="339512" spans="14:14">
      <c r="N339512" s="10"/>
    </row>
    <row r="339513" spans="14:14">
      <c r="N339513" s="10"/>
    </row>
    <row r="339514" spans="14:14">
      <c r="N339514" s="10"/>
    </row>
    <row r="339515" spans="14:14">
      <c r="N339515" s="10"/>
    </row>
    <row r="339516" spans="14:14">
      <c r="N339516" s="10"/>
    </row>
    <row r="339517" spans="14:14">
      <c r="N339517" s="10"/>
    </row>
    <row r="339518" spans="14:14">
      <c r="N339518" s="10"/>
    </row>
    <row r="339519" spans="14:14">
      <c r="N339519" s="10"/>
    </row>
    <row r="339520" spans="14:14">
      <c r="N339520" s="10"/>
    </row>
    <row r="339521" spans="14:14">
      <c r="N339521" s="10"/>
    </row>
    <row r="339522" spans="14:14">
      <c r="N339522" s="10"/>
    </row>
    <row r="339523" spans="14:14">
      <c r="N339523" s="10"/>
    </row>
    <row r="339524" spans="14:14">
      <c r="N339524" s="10"/>
    </row>
    <row r="339525" spans="14:14">
      <c r="N339525" s="10"/>
    </row>
    <row r="339526" spans="14:14">
      <c r="N339526" s="10"/>
    </row>
    <row r="339527" spans="14:14">
      <c r="N339527" s="10"/>
    </row>
    <row r="339528" spans="14:14">
      <c r="N339528" s="10"/>
    </row>
    <row r="339529" spans="14:14">
      <c r="N339529" s="10"/>
    </row>
    <row r="339530" spans="14:14">
      <c r="N339530" s="10"/>
    </row>
    <row r="339531" spans="14:14">
      <c r="N339531" s="10"/>
    </row>
    <row r="339532" spans="14:14">
      <c r="N339532" s="10"/>
    </row>
    <row r="339533" spans="14:14">
      <c r="N339533" s="10"/>
    </row>
    <row r="339534" spans="14:14">
      <c r="N339534" s="10"/>
    </row>
    <row r="339535" spans="14:14">
      <c r="N339535" s="10"/>
    </row>
    <row r="339536" spans="14:14">
      <c r="N339536" s="10"/>
    </row>
    <row r="339537" spans="14:14">
      <c r="N339537" s="10"/>
    </row>
    <row r="339538" spans="14:14">
      <c r="N339538" s="10"/>
    </row>
    <row r="339539" spans="14:14">
      <c r="N339539" s="10"/>
    </row>
    <row r="339540" spans="14:14">
      <c r="N339540" s="10"/>
    </row>
    <row r="339541" spans="14:14">
      <c r="N339541" s="10"/>
    </row>
    <row r="339542" spans="14:14">
      <c r="N339542" s="10"/>
    </row>
    <row r="339543" spans="14:14">
      <c r="N339543" s="10"/>
    </row>
    <row r="339544" spans="14:14">
      <c r="N339544" s="10"/>
    </row>
    <row r="339545" spans="14:14">
      <c r="N339545" s="10"/>
    </row>
    <row r="339546" spans="14:14">
      <c r="N339546" s="10"/>
    </row>
    <row r="339547" spans="14:14">
      <c r="N339547" s="10"/>
    </row>
    <row r="339548" spans="14:14">
      <c r="N339548" s="10"/>
    </row>
    <row r="339549" spans="14:14">
      <c r="N339549" s="10"/>
    </row>
    <row r="339550" spans="14:14">
      <c r="N339550" s="10"/>
    </row>
    <row r="339551" spans="14:14">
      <c r="N339551" s="10"/>
    </row>
    <row r="339552" spans="14:14">
      <c r="N339552" s="10"/>
    </row>
    <row r="339553" spans="14:14">
      <c r="N339553" s="10"/>
    </row>
    <row r="339554" spans="14:14">
      <c r="N339554" s="10"/>
    </row>
    <row r="339555" spans="14:14">
      <c r="N339555" s="10"/>
    </row>
    <row r="339556" spans="14:14">
      <c r="N339556" s="10"/>
    </row>
    <row r="339557" spans="14:14">
      <c r="N339557" s="10"/>
    </row>
    <row r="339558" spans="14:14">
      <c r="N339558" s="10"/>
    </row>
    <row r="339559" spans="14:14">
      <c r="N339559" s="10"/>
    </row>
    <row r="339560" spans="14:14">
      <c r="N339560" s="10"/>
    </row>
    <row r="339561" spans="14:14">
      <c r="N339561" s="10"/>
    </row>
    <row r="339562" spans="14:14">
      <c r="N339562" s="10"/>
    </row>
    <row r="339563" spans="14:14">
      <c r="N339563" s="10"/>
    </row>
    <row r="339564" spans="14:14">
      <c r="N339564" s="10"/>
    </row>
    <row r="339565" spans="14:14">
      <c r="N339565" s="10"/>
    </row>
    <row r="339566" spans="14:14">
      <c r="N339566" s="10"/>
    </row>
    <row r="339567" spans="14:14">
      <c r="N339567" s="10"/>
    </row>
    <row r="339568" spans="14:14">
      <c r="N339568" s="10"/>
    </row>
    <row r="339569" spans="14:14">
      <c r="N339569" s="10"/>
    </row>
    <row r="339570" spans="14:14">
      <c r="N339570" s="10"/>
    </row>
    <row r="339571" spans="14:14">
      <c r="N339571" s="10"/>
    </row>
    <row r="339572" spans="14:14">
      <c r="N339572" s="10"/>
    </row>
    <row r="339573" spans="14:14">
      <c r="N339573" s="10"/>
    </row>
    <row r="339574" spans="14:14">
      <c r="N339574" s="10"/>
    </row>
    <row r="339575" spans="14:14">
      <c r="N339575" s="10"/>
    </row>
    <row r="339576" spans="14:14">
      <c r="N339576" s="10"/>
    </row>
    <row r="339577" spans="14:14">
      <c r="N339577" s="10"/>
    </row>
    <row r="339578" spans="14:14">
      <c r="N339578" s="10"/>
    </row>
    <row r="339579" spans="14:14">
      <c r="N339579" s="10"/>
    </row>
    <row r="339580" spans="14:14">
      <c r="N339580" s="10"/>
    </row>
    <row r="339581" spans="14:14">
      <c r="N339581" s="10"/>
    </row>
    <row r="339582" spans="14:14">
      <c r="N339582" s="10"/>
    </row>
    <row r="339583" spans="14:14">
      <c r="N339583" s="10"/>
    </row>
    <row r="339584" spans="14:14">
      <c r="N339584" s="10"/>
    </row>
    <row r="339585" spans="14:14">
      <c r="N339585" s="10"/>
    </row>
    <row r="339586" spans="14:14">
      <c r="N339586" s="10"/>
    </row>
    <row r="339587" spans="14:14">
      <c r="N339587" s="10"/>
    </row>
    <row r="339588" spans="14:14">
      <c r="N339588" s="10"/>
    </row>
    <row r="339589" spans="14:14">
      <c r="N339589" s="10"/>
    </row>
    <row r="339590" spans="14:14">
      <c r="N339590" s="10"/>
    </row>
    <row r="339591" spans="14:14">
      <c r="N339591" s="10"/>
    </row>
    <row r="339592" spans="14:14">
      <c r="N339592" s="10"/>
    </row>
    <row r="339593" spans="14:14">
      <c r="N339593" s="10"/>
    </row>
    <row r="339594" spans="14:14">
      <c r="N339594" s="10"/>
    </row>
    <row r="339595" spans="14:14">
      <c r="N339595" s="10"/>
    </row>
    <row r="339596" spans="14:14">
      <c r="N339596" s="10"/>
    </row>
    <row r="339597" spans="14:14">
      <c r="N339597" s="10"/>
    </row>
    <row r="339598" spans="14:14">
      <c r="N339598" s="10"/>
    </row>
    <row r="339599" spans="14:14">
      <c r="N339599" s="10"/>
    </row>
    <row r="339600" spans="14:14">
      <c r="N339600" s="10"/>
    </row>
    <row r="339601" spans="14:14">
      <c r="N339601" s="10"/>
    </row>
    <row r="339602" spans="14:14">
      <c r="N339602" s="10"/>
    </row>
    <row r="339603" spans="14:14">
      <c r="N339603" s="10"/>
    </row>
    <row r="339604" spans="14:14">
      <c r="N339604" s="10"/>
    </row>
    <row r="339605" spans="14:14">
      <c r="N339605" s="10"/>
    </row>
    <row r="339606" spans="14:14">
      <c r="N339606" s="10"/>
    </row>
    <row r="339607" spans="14:14">
      <c r="N339607" s="10"/>
    </row>
    <row r="339608" spans="14:14">
      <c r="N339608" s="10"/>
    </row>
    <row r="339609" spans="14:14">
      <c r="N339609" s="10"/>
    </row>
    <row r="339610" spans="14:14">
      <c r="N339610" s="10"/>
    </row>
    <row r="339611" spans="14:14">
      <c r="N339611" s="10"/>
    </row>
    <row r="339612" spans="14:14">
      <c r="N339612" s="10"/>
    </row>
    <row r="339613" spans="14:14">
      <c r="N339613" s="10"/>
    </row>
    <row r="339614" spans="14:14">
      <c r="N339614" s="10"/>
    </row>
    <row r="339615" spans="14:14">
      <c r="N339615" s="10"/>
    </row>
    <row r="339616" spans="14:14">
      <c r="N339616" s="10"/>
    </row>
    <row r="339617" spans="14:14">
      <c r="N339617" s="10"/>
    </row>
    <row r="339618" spans="14:14">
      <c r="N339618" s="10"/>
    </row>
    <row r="339619" spans="14:14">
      <c r="N339619" s="10"/>
    </row>
    <row r="339620" spans="14:14">
      <c r="N339620" s="10"/>
    </row>
    <row r="339621" spans="14:14">
      <c r="N339621" s="10"/>
    </row>
    <row r="339622" spans="14:14">
      <c r="N339622" s="10"/>
    </row>
    <row r="339623" spans="14:14">
      <c r="N339623" s="10"/>
    </row>
    <row r="339624" spans="14:14">
      <c r="N339624" s="10"/>
    </row>
    <row r="339625" spans="14:14">
      <c r="N339625" s="10"/>
    </row>
    <row r="339626" spans="14:14">
      <c r="N339626" s="10"/>
    </row>
    <row r="339627" spans="14:14">
      <c r="N339627" s="10"/>
    </row>
    <row r="339628" spans="14:14">
      <c r="N339628" s="10"/>
    </row>
    <row r="339629" spans="14:14">
      <c r="N339629" s="10"/>
    </row>
    <row r="339630" spans="14:14">
      <c r="N339630" s="10"/>
    </row>
    <row r="339631" spans="14:14">
      <c r="N339631" s="10"/>
    </row>
    <row r="339632" spans="14:14">
      <c r="N339632" s="10"/>
    </row>
    <row r="339633" spans="14:14">
      <c r="N339633" s="10"/>
    </row>
    <row r="339634" spans="14:14">
      <c r="N339634" s="10"/>
    </row>
    <row r="339635" spans="14:14">
      <c r="N339635" s="10"/>
    </row>
    <row r="339636" spans="14:14">
      <c r="N339636" s="10"/>
    </row>
    <row r="339637" spans="14:14">
      <c r="N339637" s="10"/>
    </row>
    <row r="339638" spans="14:14">
      <c r="N339638" s="10"/>
    </row>
    <row r="339639" spans="14:14">
      <c r="N339639" s="10"/>
    </row>
    <row r="339640" spans="14:14">
      <c r="N339640" s="10"/>
    </row>
    <row r="339641" spans="14:14">
      <c r="N339641" s="10"/>
    </row>
    <row r="339642" spans="14:14">
      <c r="N339642" s="10"/>
    </row>
    <row r="339643" spans="14:14">
      <c r="N339643" s="10"/>
    </row>
    <row r="339644" spans="14:14">
      <c r="N339644" s="10"/>
    </row>
    <row r="339645" spans="14:14">
      <c r="N339645" s="10"/>
    </row>
    <row r="339646" spans="14:14">
      <c r="N339646" s="10"/>
    </row>
    <row r="339647" spans="14:14">
      <c r="N339647" s="10"/>
    </row>
    <row r="339648" spans="14:14">
      <c r="N339648" s="10"/>
    </row>
    <row r="339649" spans="14:14">
      <c r="N339649" s="10"/>
    </row>
    <row r="339650" spans="14:14">
      <c r="N339650" s="10"/>
    </row>
    <row r="339651" spans="14:14">
      <c r="N339651" s="10"/>
    </row>
    <row r="339652" spans="14:14">
      <c r="N339652" s="10"/>
    </row>
    <row r="339653" spans="14:14">
      <c r="N339653" s="10"/>
    </row>
    <row r="339654" spans="14:14">
      <c r="N339654" s="10"/>
    </row>
    <row r="339655" spans="14:14">
      <c r="N339655" s="10"/>
    </row>
    <row r="339656" spans="14:14">
      <c r="N339656" s="10"/>
    </row>
    <row r="339657" spans="14:14">
      <c r="N339657" s="10"/>
    </row>
    <row r="339658" spans="14:14">
      <c r="N339658" s="10"/>
    </row>
    <row r="339659" spans="14:14">
      <c r="N339659" s="10"/>
    </row>
    <row r="339660" spans="14:14">
      <c r="N339660" s="10"/>
    </row>
    <row r="339661" spans="14:14">
      <c r="N339661" s="10"/>
    </row>
    <row r="339662" spans="14:14">
      <c r="N339662" s="10"/>
    </row>
    <row r="339663" spans="14:14">
      <c r="N339663" s="10"/>
    </row>
    <row r="339664" spans="14:14">
      <c r="N339664" s="10"/>
    </row>
    <row r="339665" spans="14:14">
      <c r="N339665" s="10"/>
    </row>
    <row r="339666" spans="14:14">
      <c r="N339666" s="10"/>
    </row>
    <row r="339667" spans="14:14">
      <c r="N339667" s="10"/>
    </row>
    <row r="339668" spans="14:14">
      <c r="N339668" s="10"/>
    </row>
    <row r="339669" spans="14:14">
      <c r="N339669" s="10"/>
    </row>
    <row r="339670" spans="14:14">
      <c r="N339670" s="10"/>
    </row>
    <row r="339671" spans="14:14">
      <c r="N339671" s="10"/>
    </row>
    <row r="339672" spans="14:14">
      <c r="N339672" s="10"/>
    </row>
    <row r="339673" spans="14:14">
      <c r="N339673" s="10"/>
    </row>
    <row r="339674" spans="14:14">
      <c r="N339674" s="10"/>
    </row>
    <row r="339675" spans="14:14">
      <c r="N339675" s="10"/>
    </row>
    <row r="339676" spans="14:14">
      <c r="N339676" s="10"/>
    </row>
    <row r="339677" spans="14:14">
      <c r="N339677" s="10"/>
    </row>
    <row r="339678" spans="14:14">
      <c r="N339678" s="10"/>
    </row>
    <row r="339679" spans="14:14">
      <c r="N339679" s="10"/>
    </row>
    <row r="339680" spans="14:14">
      <c r="N339680" s="10"/>
    </row>
    <row r="339681" spans="14:14">
      <c r="N339681" s="10"/>
    </row>
    <row r="339682" spans="14:14">
      <c r="N339682" s="10"/>
    </row>
    <row r="339683" spans="14:14">
      <c r="N339683" s="10"/>
    </row>
    <row r="339684" spans="14:14">
      <c r="N339684" s="10"/>
    </row>
    <row r="339685" spans="14:14">
      <c r="N339685" s="10"/>
    </row>
    <row r="339686" spans="14:14">
      <c r="N339686" s="10"/>
    </row>
    <row r="339687" spans="14:14">
      <c r="N339687" s="10"/>
    </row>
    <row r="339688" spans="14:14">
      <c r="N339688" s="10"/>
    </row>
    <row r="339689" spans="14:14">
      <c r="N339689" s="10"/>
    </row>
    <row r="339690" spans="14:14">
      <c r="N339690" s="10"/>
    </row>
    <row r="339691" spans="14:14">
      <c r="N339691" s="10"/>
    </row>
    <row r="339692" spans="14:14">
      <c r="N339692" s="10"/>
    </row>
    <row r="339693" spans="14:14">
      <c r="N339693" s="10"/>
    </row>
    <row r="339694" spans="14:14">
      <c r="N339694" s="10"/>
    </row>
    <row r="339695" spans="14:14">
      <c r="N339695" s="10"/>
    </row>
    <row r="339696" spans="14:14">
      <c r="N339696" s="10"/>
    </row>
    <row r="339697" spans="14:14">
      <c r="N339697" s="10"/>
    </row>
    <row r="339698" spans="14:14">
      <c r="N339698" s="10"/>
    </row>
    <row r="339699" spans="14:14">
      <c r="N339699" s="10"/>
    </row>
    <row r="339700" spans="14:14">
      <c r="N339700" s="10"/>
    </row>
    <row r="339701" spans="14:14">
      <c r="N339701" s="10"/>
    </row>
    <row r="339702" spans="14:14">
      <c r="N339702" s="10"/>
    </row>
    <row r="339703" spans="14:14">
      <c r="N339703" s="10"/>
    </row>
    <row r="339704" spans="14:14">
      <c r="N339704" s="10"/>
    </row>
    <row r="339705" spans="14:14">
      <c r="N339705" s="10"/>
    </row>
    <row r="339706" spans="14:14">
      <c r="N339706" s="10"/>
    </row>
    <row r="339707" spans="14:14">
      <c r="N339707" s="10"/>
    </row>
    <row r="339708" spans="14:14">
      <c r="N339708" s="10"/>
    </row>
    <row r="339709" spans="14:14">
      <c r="N339709" s="10"/>
    </row>
    <row r="339710" spans="14:14">
      <c r="N339710" s="10"/>
    </row>
    <row r="339711" spans="14:14">
      <c r="N339711" s="10"/>
    </row>
    <row r="339712" spans="14:14">
      <c r="N339712" s="10"/>
    </row>
    <row r="339713" spans="14:14">
      <c r="N339713" s="10"/>
    </row>
    <row r="339714" spans="14:14">
      <c r="N339714" s="10"/>
    </row>
    <row r="339715" spans="14:14">
      <c r="N339715" s="10"/>
    </row>
    <row r="339716" spans="14:14">
      <c r="N339716" s="10"/>
    </row>
    <row r="339717" spans="14:14">
      <c r="N339717" s="10"/>
    </row>
    <row r="339718" spans="14:14">
      <c r="N339718" s="10"/>
    </row>
    <row r="339719" spans="14:14">
      <c r="N339719" s="10"/>
    </row>
    <row r="339720" spans="14:14">
      <c r="N339720" s="10"/>
    </row>
    <row r="339721" spans="14:14">
      <c r="N339721" s="10"/>
    </row>
    <row r="339722" spans="14:14">
      <c r="N339722" s="10"/>
    </row>
    <row r="339723" spans="14:14">
      <c r="N339723" s="10"/>
    </row>
    <row r="339724" spans="14:14">
      <c r="N339724" s="10"/>
    </row>
    <row r="339725" spans="14:14">
      <c r="N339725" s="10"/>
    </row>
    <row r="339726" spans="14:14">
      <c r="N339726" s="10"/>
    </row>
    <row r="339727" spans="14:14">
      <c r="N339727" s="10"/>
    </row>
    <row r="339728" spans="14:14">
      <c r="N339728" s="10"/>
    </row>
    <row r="339729" spans="14:14">
      <c r="N339729" s="10"/>
    </row>
    <row r="339730" spans="14:14">
      <c r="N339730" s="10"/>
    </row>
    <row r="339731" spans="14:14">
      <c r="N339731" s="10"/>
    </row>
    <row r="339732" spans="14:14">
      <c r="N339732" s="10"/>
    </row>
    <row r="339733" spans="14:14">
      <c r="N339733" s="10"/>
    </row>
    <row r="339734" spans="14:14">
      <c r="N339734" s="10"/>
    </row>
    <row r="339735" spans="14:14">
      <c r="N339735" s="10"/>
    </row>
    <row r="339736" spans="14:14">
      <c r="N339736" s="10"/>
    </row>
    <row r="339737" spans="14:14">
      <c r="N339737" s="10"/>
    </row>
    <row r="339738" spans="14:14">
      <c r="N339738" s="10"/>
    </row>
    <row r="339739" spans="14:14">
      <c r="N339739" s="10"/>
    </row>
    <row r="339740" spans="14:14">
      <c r="N339740" s="10"/>
    </row>
    <row r="339741" spans="14:14">
      <c r="N339741" s="10"/>
    </row>
    <row r="339742" spans="14:14">
      <c r="N339742" s="10"/>
    </row>
    <row r="339743" spans="14:14">
      <c r="N339743" s="10"/>
    </row>
    <row r="339744" spans="14:14">
      <c r="N339744" s="10"/>
    </row>
    <row r="339745" spans="14:14">
      <c r="N339745" s="10"/>
    </row>
    <row r="339746" spans="14:14">
      <c r="N339746" s="10"/>
    </row>
    <row r="339747" spans="14:14">
      <c r="N339747" s="10"/>
    </row>
    <row r="339748" spans="14:14">
      <c r="N339748" s="10"/>
    </row>
    <row r="339749" spans="14:14">
      <c r="N339749" s="10"/>
    </row>
    <row r="339750" spans="14:14">
      <c r="N339750" s="10"/>
    </row>
    <row r="339751" spans="14:14">
      <c r="N339751" s="10"/>
    </row>
    <row r="339752" spans="14:14">
      <c r="N339752" s="10"/>
    </row>
    <row r="339753" spans="14:14">
      <c r="N339753" s="10"/>
    </row>
    <row r="339754" spans="14:14">
      <c r="N339754" s="10"/>
    </row>
    <row r="339755" spans="14:14">
      <c r="N339755" s="10"/>
    </row>
    <row r="339756" spans="14:14">
      <c r="N339756" s="10"/>
    </row>
    <row r="339757" spans="14:14">
      <c r="N339757" s="10"/>
    </row>
    <row r="339758" spans="14:14">
      <c r="N339758" s="10"/>
    </row>
    <row r="339759" spans="14:14">
      <c r="N339759" s="10"/>
    </row>
    <row r="339760" spans="14:14">
      <c r="N339760" s="10"/>
    </row>
    <row r="339761" spans="14:14">
      <c r="N339761" s="10"/>
    </row>
    <row r="339762" spans="14:14">
      <c r="N339762" s="10"/>
    </row>
    <row r="339763" spans="14:14">
      <c r="N339763" s="10"/>
    </row>
    <row r="339764" spans="14:14">
      <c r="N339764" s="10"/>
    </row>
    <row r="339765" spans="14:14">
      <c r="N339765" s="10"/>
    </row>
    <row r="339766" spans="14:14">
      <c r="N339766" s="10"/>
    </row>
    <row r="339767" spans="14:14">
      <c r="N339767" s="10"/>
    </row>
    <row r="339768" spans="14:14">
      <c r="N339768" s="10"/>
    </row>
    <row r="339769" spans="14:14">
      <c r="N339769" s="10"/>
    </row>
    <row r="339770" spans="14:14">
      <c r="N339770" s="10"/>
    </row>
    <row r="339771" spans="14:14">
      <c r="N339771" s="10"/>
    </row>
    <row r="339772" spans="14:14">
      <c r="N339772" s="10"/>
    </row>
    <row r="339773" spans="14:14">
      <c r="N339773" s="10"/>
    </row>
    <row r="339774" spans="14:14">
      <c r="N339774" s="10"/>
    </row>
    <row r="339775" spans="14:14">
      <c r="N339775" s="10"/>
    </row>
    <row r="339776" spans="14:14">
      <c r="N339776" s="10"/>
    </row>
    <row r="339777" spans="14:14">
      <c r="N339777" s="10"/>
    </row>
    <row r="339778" spans="14:14">
      <c r="N339778" s="10"/>
    </row>
    <row r="339779" spans="14:14">
      <c r="N339779" s="10"/>
    </row>
    <row r="339780" spans="14:14">
      <c r="N339780" s="10"/>
    </row>
    <row r="339781" spans="14:14">
      <c r="N339781" s="10"/>
    </row>
    <row r="339782" spans="14:14">
      <c r="N339782" s="10"/>
    </row>
    <row r="339783" spans="14:14">
      <c r="N339783" s="10"/>
    </row>
    <row r="339784" spans="14:14">
      <c r="N339784" s="10"/>
    </row>
    <row r="339785" spans="14:14">
      <c r="N339785" s="10"/>
    </row>
    <row r="339786" spans="14:14">
      <c r="N339786" s="10"/>
    </row>
    <row r="339787" spans="14:14">
      <c r="N339787" s="10"/>
    </row>
    <row r="339788" spans="14:14">
      <c r="N339788" s="10"/>
    </row>
    <row r="339789" spans="14:14">
      <c r="N339789" s="10"/>
    </row>
    <row r="339790" spans="14:14">
      <c r="N339790" s="10"/>
    </row>
    <row r="339791" spans="14:14">
      <c r="N339791" s="10"/>
    </row>
    <row r="339792" spans="14:14">
      <c r="N339792" s="10"/>
    </row>
    <row r="339793" spans="14:14">
      <c r="N339793" s="10"/>
    </row>
    <row r="339794" spans="14:14">
      <c r="N339794" s="10"/>
    </row>
    <row r="339795" spans="14:14">
      <c r="N339795" s="10"/>
    </row>
    <row r="339796" spans="14:14">
      <c r="N339796" s="10"/>
    </row>
    <row r="339797" spans="14:14">
      <c r="N339797" s="10"/>
    </row>
    <row r="339798" spans="14:14">
      <c r="N339798" s="10"/>
    </row>
    <row r="339799" spans="14:14">
      <c r="N339799" s="10"/>
    </row>
    <row r="339800" spans="14:14">
      <c r="N339800" s="10"/>
    </row>
    <row r="339801" spans="14:14">
      <c r="N339801" s="10"/>
    </row>
    <row r="339802" spans="14:14">
      <c r="N339802" s="10"/>
    </row>
    <row r="339803" spans="14:14">
      <c r="N339803" s="10"/>
    </row>
    <row r="339804" spans="14:14">
      <c r="N339804" s="10"/>
    </row>
    <row r="339805" spans="14:14">
      <c r="N339805" s="10"/>
    </row>
    <row r="339806" spans="14:14">
      <c r="N339806" s="10"/>
    </row>
    <row r="339807" spans="14:14">
      <c r="N339807" s="10"/>
    </row>
    <row r="339808" spans="14:14">
      <c r="N339808" s="10"/>
    </row>
    <row r="339809" spans="14:14">
      <c r="N339809" s="10"/>
    </row>
    <row r="339810" spans="14:14">
      <c r="N339810" s="10"/>
    </row>
    <row r="339811" spans="14:14">
      <c r="N339811" s="10"/>
    </row>
    <row r="339812" spans="14:14">
      <c r="N339812" s="10"/>
    </row>
    <row r="339813" spans="14:14">
      <c r="N339813" s="10"/>
    </row>
    <row r="339814" spans="14:14">
      <c r="N339814" s="10"/>
    </row>
    <row r="339815" spans="14:14">
      <c r="N339815" s="10"/>
    </row>
    <row r="339816" spans="14:14">
      <c r="N339816" s="10"/>
    </row>
    <row r="339817" spans="14:14">
      <c r="N339817" s="10"/>
    </row>
    <row r="339818" spans="14:14">
      <c r="N339818" s="10"/>
    </row>
    <row r="339819" spans="14:14">
      <c r="N339819" s="10"/>
    </row>
    <row r="339820" spans="14:14">
      <c r="N339820" s="10"/>
    </row>
    <row r="339821" spans="14:14">
      <c r="N339821" s="10"/>
    </row>
    <row r="339822" spans="14:14">
      <c r="N339822" s="10"/>
    </row>
    <row r="339823" spans="14:14">
      <c r="N339823" s="10"/>
    </row>
    <row r="339824" spans="14:14">
      <c r="N339824" s="10"/>
    </row>
    <row r="339825" spans="14:14">
      <c r="N339825" s="10"/>
    </row>
    <row r="339826" spans="14:14">
      <c r="N339826" s="10"/>
    </row>
    <row r="339827" spans="14:14">
      <c r="N339827" s="10"/>
    </row>
    <row r="339828" spans="14:14">
      <c r="N339828" s="10"/>
    </row>
    <row r="339829" spans="14:14">
      <c r="N339829" s="10"/>
    </row>
    <row r="339830" spans="14:14">
      <c r="N339830" s="10"/>
    </row>
    <row r="339831" spans="14:14">
      <c r="N339831" s="10"/>
    </row>
    <row r="339832" spans="14:14">
      <c r="N339832" s="10"/>
    </row>
    <row r="339833" spans="14:14">
      <c r="N339833" s="10"/>
    </row>
    <row r="339834" spans="14:14">
      <c r="N339834" s="10"/>
    </row>
    <row r="339835" spans="14:14">
      <c r="N339835" s="10"/>
    </row>
    <row r="339836" spans="14:14">
      <c r="N339836" s="10"/>
    </row>
    <row r="339837" spans="14:14">
      <c r="N339837" s="10"/>
    </row>
    <row r="339838" spans="14:14">
      <c r="N339838" s="10"/>
    </row>
    <row r="339839" spans="14:14">
      <c r="N339839" s="10"/>
    </row>
    <row r="339840" spans="14:14">
      <c r="N339840" s="10"/>
    </row>
    <row r="339841" spans="14:14">
      <c r="N339841" s="10"/>
    </row>
    <row r="339842" spans="14:14">
      <c r="N339842" s="10"/>
    </row>
    <row r="339843" spans="14:14">
      <c r="N339843" s="10"/>
    </row>
    <row r="339844" spans="14:14">
      <c r="N339844" s="10"/>
    </row>
    <row r="339845" spans="14:14">
      <c r="N339845" s="10"/>
    </row>
    <row r="339846" spans="14:14">
      <c r="N339846" s="10"/>
    </row>
    <row r="339847" spans="14:14">
      <c r="N339847" s="10"/>
    </row>
    <row r="339848" spans="14:14">
      <c r="N339848" s="10"/>
    </row>
    <row r="339849" spans="14:14">
      <c r="N339849" s="10"/>
    </row>
    <row r="339850" spans="14:14">
      <c r="N339850" s="10"/>
    </row>
    <row r="339851" spans="14:14">
      <c r="N339851" s="10"/>
    </row>
    <row r="339852" spans="14:14">
      <c r="N339852" s="10"/>
    </row>
    <row r="339853" spans="14:14">
      <c r="N339853" s="10"/>
    </row>
    <row r="339854" spans="14:14">
      <c r="N339854" s="10"/>
    </row>
    <row r="339855" spans="14:14">
      <c r="N339855" s="10"/>
    </row>
    <row r="339856" spans="14:14">
      <c r="N339856" s="10"/>
    </row>
    <row r="339857" spans="14:14">
      <c r="N339857" s="10"/>
    </row>
    <row r="339858" spans="14:14">
      <c r="N339858" s="10"/>
    </row>
    <row r="339859" spans="14:14">
      <c r="N339859" s="10"/>
    </row>
    <row r="339860" spans="14:14">
      <c r="N339860" s="10"/>
    </row>
    <row r="339861" spans="14:14">
      <c r="N339861" s="10"/>
    </row>
    <row r="339862" spans="14:14">
      <c r="N339862" s="10"/>
    </row>
    <row r="339863" spans="14:14">
      <c r="N339863" s="10"/>
    </row>
    <row r="339864" spans="14:14">
      <c r="N339864" s="10"/>
    </row>
    <row r="339865" spans="14:14">
      <c r="N339865" s="10"/>
    </row>
    <row r="339866" spans="14:14">
      <c r="N339866" s="10"/>
    </row>
    <row r="339867" spans="14:14">
      <c r="N339867" s="10"/>
    </row>
    <row r="339868" spans="14:14">
      <c r="N339868" s="10"/>
    </row>
    <row r="339869" spans="14:14">
      <c r="N339869" s="10"/>
    </row>
    <row r="339870" spans="14:14">
      <c r="N339870" s="10"/>
    </row>
    <row r="339871" spans="14:14">
      <c r="N339871" s="10"/>
    </row>
    <row r="339872" spans="14:14">
      <c r="N339872" s="10"/>
    </row>
    <row r="339873" spans="14:14">
      <c r="N339873" s="10"/>
    </row>
    <row r="339874" spans="14:14">
      <c r="N339874" s="10"/>
    </row>
    <row r="339875" spans="14:14">
      <c r="N339875" s="10"/>
    </row>
    <row r="339876" spans="14:14">
      <c r="N339876" s="10"/>
    </row>
    <row r="339877" spans="14:14">
      <c r="N339877" s="10"/>
    </row>
    <row r="339878" spans="14:14">
      <c r="N339878" s="10"/>
    </row>
    <row r="339879" spans="14:14">
      <c r="N339879" s="10"/>
    </row>
    <row r="339880" spans="14:14">
      <c r="N339880" s="10"/>
    </row>
    <row r="339881" spans="14:14">
      <c r="N339881" s="10"/>
    </row>
    <row r="339882" spans="14:14">
      <c r="N339882" s="10"/>
    </row>
    <row r="339883" spans="14:14">
      <c r="N339883" s="10"/>
    </row>
    <row r="339884" spans="14:14">
      <c r="N339884" s="10"/>
    </row>
    <row r="339885" spans="14:14">
      <c r="N339885" s="10"/>
    </row>
    <row r="339886" spans="14:14">
      <c r="N339886" s="10"/>
    </row>
    <row r="339887" spans="14:14">
      <c r="N339887" s="10"/>
    </row>
    <row r="339888" spans="14:14">
      <c r="N339888" s="10"/>
    </row>
    <row r="339889" spans="14:14">
      <c r="N339889" s="10"/>
    </row>
    <row r="339890" spans="14:14">
      <c r="N339890" s="10"/>
    </row>
    <row r="339891" spans="14:14">
      <c r="N339891" s="10"/>
    </row>
    <row r="339892" spans="14:14">
      <c r="N339892" s="10"/>
    </row>
    <row r="339893" spans="14:14">
      <c r="N339893" s="10"/>
    </row>
    <row r="339894" spans="14:14">
      <c r="N339894" s="10"/>
    </row>
    <row r="339895" spans="14:14">
      <c r="N339895" s="10"/>
    </row>
    <row r="339896" spans="14:14">
      <c r="N339896" s="10"/>
    </row>
    <row r="339897" spans="14:14">
      <c r="N339897" s="10"/>
    </row>
    <row r="339898" spans="14:14">
      <c r="N339898" s="10"/>
    </row>
    <row r="339899" spans="14:14">
      <c r="N339899" s="10"/>
    </row>
    <row r="339900" spans="14:14">
      <c r="N339900" s="10"/>
    </row>
    <row r="339901" spans="14:14">
      <c r="N339901" s="10"/>
    </row>
    <row r="339902" spans="14:14">
      <c r="N339902" s="10"/>
    </row>
    <row r="339903" spans="14:14">
      <c r="N339903" s="10"/>
    </row>
    <row r="339904" spans="14:14">
      <c r="N339904" s="10"/>
    </row>
    <row r="339905" spans="14:14">
      <c r="N339905" s="10"/>
    </row>
    <row r="339906" spans="14:14">
      <c r="N339906" s="10"/>
    </row>
    <row r="339907" spans="14:14">
      <c r="N339907" s="10"/>
    </row>
    <row r="339908" spans="14:14">
      <c r="N339908" s="10"/>
    </row>
    <row r="339909" spans="14:14">
      <c r="N339909" s="10"/>
    </row>
    <row r="339910" spans="14:14">
      <c r="N339910" s="10"/>
    </row>
    <row r="339911" spans="14:14">
      <c r="N339911" s="10"/>
    </row>
    <row r="339912" spans="14:14">
      <c r="N339912" s="10"/>
    </row>
    <row r="339913" spans="14:14">
      <c r="N339913" s="10"/>
    </row>
    <row r="339914" spans="14:14">
      <c r="N339914" s="10"/>
    </row>
    <row r="339915" spans="14:14">
      <c r="N339915" s="10"/>
    </row>
    <row r="339916" spans="14:14">
      <c r="N339916" s="10"/>
    </row>
    <row r="339917" spans="14:14">
      <c r="N339917" s="10"/>
    </row>
    <row r="339918" spans="14:14">
      <c r="N339918" s="10"/>
    </row>
    <row r="339919" spans="14:14">
      <c r="N339919" s="10"/>
    </row>
    <row r="339920" spans="14:14">
      <c r="N339920" s="10"/>
    </row>
    <row r="339921" spans="14:14">
      <c r="N339921" s="10"/>
    </row>
    <row r="339922" spans="14:14">
      <c r="N339922" s="10"/>
    </row>
    <row r="339923" spans="14:14">
      <c r="N339923" s="10"/>
    </row>
    <row r="339924" spans="14:14">
      <c r="N339924" s="10"/>
    </row>
    <row r="339925" spans="14:14">
      <c r="N339925" s="10"/>
    </row>
    <row r="339926" spans="14:14">
      <c r="N339926" s="10"/>
    </row>
    <row r="339927" spans="14:14">
      <c r="N339927" s="10"/>
    </row>
    <row r="339928" spans="14:14">
      <c r="N339928" s="10"/>
    </row>
    <row r="339929" spans="14:14">
      <c r="N339929" s="10"/>
    </row>
    <row r="339930" spans="14:14">
      <c r="N339930" s="10"/>
    </row>
    <row r="339931" spans="14:14">
      <c r="N339931" s="10"/>
    </row>
    <row r="339932" spans="14:14">
      <c r="N339932" s="10"/>
    </row>
    <row r="339933" spans="14:14">
      <c r="N339933" s="10"/>
    </row>
    <row r="339934" spans="14:14">
      <c r="N339934" s="10"/>
    </row>
    <row r="339935" spans="14:14">
      <c r="N339935" s="10"/>
    </row>
    <row r="339936" spans="14:14">
      <c r="N339936" s="10"/>
    </row>
    <row r="339937" spans="14:14">
      <c r="N339937" s="10"/>
    </row>
    <row r="339938" spans="14:14">
      <c r="N339938" s="10"/>
    </row>
    <row r="339939" spans="14:14">
      <c r="N339939" s="10"/>
    </row>
    <row r="339940" spans="14:14">
      <c r="N339940" s="10"/>
    </row>
    <row r="339941" spans="14:14">
      <c r="N339941" s="10"/>
    </row>
    <row r="339942" spans="14:14">
      <c r="N339942" s="10"/>
    </row>
    <row r="339943" spans="14:14">
      <c r="N339943" s="10"/>
    </row>
    <row r="339944" spans="14:14">
      <c r="N339944" s="10"/>
    </row>
    <row r="339945" spans="14:14">
      <c r="N339945" s="10"/>
    </row>
    <row r="339946" spans="14:14">
      <c r="N339946" s="10"/>
    </row>
    <row r="339947" spans="14:14">
      <c r="N339947" s="10"/>
    </row>
    <row r="339948" spans="14:14">
      <c r="N339948" s="10"/>
    </row>
    <row r="339949" spans="14:14">
      <c r="N339949" s="10"/>
    </row>
    <row r="339950" spans="14:14">
      <c r="N339950" s="10"/>
    </row>
    <row r="339951" spans="14:14">
      <c r="N339951" s="10"/>
    </row>
    <row r="339952" spans="14:14">
      <c r="N339952" s="10"/>
    </row>
    <row r="339953" spans="14:14">
      <c r="N339953" s="10"/>
    </row>
    <row r="339954" spans="14:14">
      <c r="N339954" s="10"/>
    </row>
    <row r="339955" spans="14:14">
      <c r="N339955" s="10"/>
    </row>
    <row r="339956" spans="14:14">
      <c r="N339956" s="10"/>
    </row>
    <row r="339957" spans="14:14">
      <c r="N339957" s="10"/>
    </row>
    <row r="339958" spans="14:14">
      <c r="N339958" s="10"/>
    </row>
    <row r="339959" spans="14:14">
      <c r="N339959" s="10"/>
    </row>
    <row r="339960" spans="14:14">
      <c r="N339960" s="10"/>
    </row>
    <row r="339961" spans="14:14">
      <c r="N339961" s="10"/>
    </row>
    <row r="339962" spans="14:14">
      <c r="N339962" s="10"/>
    </row>
    <row r="339963" spans="14:14">
      <c r="N339963" s="10"/>
    </row>
    <row r="339964" spans="14:14">
      <c r="N339964" s="10"/>
    </row>
    <row r="339965" spans="14:14">
      <c r="N339965" s="10"/>
    </row>
    <row r="339966" spans="14:14">
      <c r="N339966" s="10"/>
    </row>
    <row r="339967" spans="14:14">
      <c r="N339967" s="10"/>
    </row>
    <row r="339968" spans="14:14">
      <c r="N339968" s="10"/>
    </row>
    <row r="339969" spans="14:14">
      <c r="N339969" s="10"/>
    </row>
    <row r="339970" spans="14:14">
      <c r="N339970" s="10"/>
    </row>
    <row r="339971" spans="14:14">
      <c r="N339971" s="10"/>
    </row>
    <row r="339972" spans="14:14">
      <c r="N339972" s="10"/>
    </row>
    <row r="339973" spans="14:14">
      <c r="N339973" s="10"/>
    </row>
    <row r="339974" spans="14:14">
      <c r="N339974" s="10"/>
    </row>
    <row r="339975" spans="14:14">
      <c r="N339975" s="10"/>
    </row>
    <row r="339976" spans="14:14">
      <c r="N339976" s="10"/>
    </row>
    <row r="339977" spans="14:14">
      <c r="N339977" s="10"/>
    </row>
    <row r="339978" spans="14:14">
      <c r="N339978" s="10"/>
    </row>
    <row r="339979" spans="14:14">
      <c r="N339979" s="10"/>
    </row>
    <row r="339980" spans="14:14">
      <c r="N339980" s="10"/>
    </row>
    <row r="339981" spans="14:14">
      <c r="N339981" s="10"/>
    </row>
    <row r="339982" spans="14:14">
      <c r="N339982" s="10"/>
    </row>
    <row r="339983" spans="14:14">
      <c r="N339983" s="10"/>
    </row>
    <row r="339984" spans="14:14">
      <c r="N339984" s="10"/>
    </row>
    <row r="339985" spans="14:14">
      <c r="N339985" s="10"/>
    </row>
    <row r="339986" spans="14:14">
      <c r="N339986" s="10"/>
    </row>
    <row r="339987" spans="14:14">
      <c r="N339987" s="10"/>
    </row>
    <row r="339988" spans="14:14">
      <c r="N339988" s="10"/>
    </row>
    <row r="339989" spans="14:14">
      <c r="N339989" s="10"/>
    </row>
    <row r="339990" spans="14:14">
      <c r="N339990" s="10"/>
    </row>
    <row r="339991" spans="14:14">
      <c r="N339991" s="10"/>
    </row>
    <row r="339992" spans="14:14">
      <c r="N339992" s="10"/>
    </row>
    <row r="339993" spans="14:14">
      <c r="N339993" s="10"/>
    </row>
    <row r="339994" spans="14:14">
      <c r="N339994" s="10"/>
    </row>
    <row r="339995" spans="14:14">
      <c r="N339995" s="10"/>
    </row>
    <row r="339996" spans="14:14">
      <c r="N339996" s="10"/>
    </row>
    <row r="339997" spans="14:14">
      <c r="N339997" s="10"/>
    </row>
    <row r="339998" spans="14:14">
      <c r="N339998" s="10"/>
    </row>
    <row r="339999" spans="14:14">
      <c r="N339999" s="10"/>
    </row>
    <row r="340000" spans="14:14">
      <c r="N340000" s="10"/>
    </row>
    <row r="340001" spans="14:14">
      <c r="N340001" s="10"/>
    </row>
    <row r="340002" spans="14:14">
      <c r="N340002" s="10"/>
    </row>
    <row r="340003" spans="14:14">
      <c r="N340003" s="10"/>
    </row>
    <row r="340004" spans="14:14">
      <c r="N340004" s="10"/>
    </row>
    <row r="340005" spans="14:14">
      <c r="N340005" s="10"/>
    </row>
    <row r="340006" spans="14:14">
      <c r="N340006" s="10"/>
    </row>
    <row r="340007" spans="14:14">
      <c r="N340007" s="10"/>
    </row>
    <row r="340008" spans="14:14">
      <c r="N340008" s="10"/>
    </row>
    <row r="340009" spans="14:14">
      <c r="N340009" s="10"/>
    </row>
    <row r="340010" spans="14:14">
      <c r="N340010" s="10"/>
    </row>
    <row r="340011" spans="14:14">
      <c r="N340011" s="10"/>
    </row>
    <row r="340012" spans="14:14">
      <c r="N340012" s="10"/>
    </row>
    <row r="340013" spans="14:14">
      <c r="N340013" s="10"/>
    </row>
    <row r="340014" spans="14:14">
      <c r="N340014" s="10"/>
    </row>
    <row r="340015" spans="14:14">
      <c r="N340015" s="10"/>
    </row>
    <row r="340016" spans="14:14">
      <c r="N340016" s="10"/>
    </row>
    <row r="340017" spans="14:14">
      <c r="N340017" s="10"/>
    </row>
    <row r="340018" spans="14:14">
      <c r="N340018" s="10"/>
    </row>
    <row r="340019" spans="14:14">
      <c r="N340019" s="10"/>
    </row>
    <row r="340020" spans="14:14">
      <c r="N340020" s="10"/>
    </row>
    <row r="340021" spans="14:14">
      <c r="N340021" s="10"/>
    </row>
    <row r="340022" spans="14:14">
      <c r="N340022" s="10"/>
    </row>
    <row r="340023" spans="14:14">
      <c r="N340023" s="10"/>
    </row>
    <row r="340024" spans="14:14">
      <c r="N340024" s="10"/>
    </row>
    <row r="340025" spans="14:14">
      <c r="N340025" s="10"/>
    </row>
    <row r="340026" spans="14:14">
      <c r="N340026" s="10"/>
    </row>
    <row r="340027" spans="14:14">
      <c r="N340027" s="10"/>
    </row>
    <row r="340028" spans="14:14">
      <c r="N340028" s="10"/>
    </row>
    <row r="340029" spans="14:14">
      <c r="N340029" s="10"/>
    </row>
    <row r="340030" spans="14:14">
      <c r="N340030" s="10"/>
    </row>
    <row r="340031" spans="14:14">
      <c r="N340031" s="10"/>
    </row>
    <row r="340032" spans="14:14">
      <c r="N340032" s="10"/>
    </row>
    <row r="340033" spans="14:14">
      <c r="N340033" s="10"/>
    </row>
    <row r="340034" spans="14:14">
      <c r="N340034" s="10"/>
    </row>
    <row r="340035" spans="14:14">
      <c r="N340035" s="10"/>
    </row>
    <row r="340036" spans="14:14">
      <c r="N340036" s="10"/>
    </row>
    <row r="340037" spans="14:14">
      <c r="N340037" s="10"/>
    </row>
    <row r="340038" spans="14:14">
      <c r="N340038" s="10"/>
    </row>
    <row r="340039" spans="14:14">
      <c r="N340039" s="10"/>
    </row>
    <row r="340040" spans="14:14">
      <c r="N340040" s="10"/>
    </row>
    <row r="340041" spans="14:14">
      <c r="N340041" s="10"/>
    </row>
    <row r="340042" spans="14:14">
      <c r="N340042" s="10"/>
    </row>
    <row r="340043" spans="14:14">
      <c r="N340043" s="10"/>
    </row>
    <row r="340044" spans="14:14">
      <c r="N340044" s="10"/>
    </row>
    <row r="340045" spans="14:14">
      <c r="N340045" s="10"/>
    </row>
    <row r="340046" spans="14:14">
      <c r="N340046" s="10"/>
    </row>
    <row r="340047" spans="14:14">
      <c r="N340047" s="10"/>
    </row>
    <row r="340048" spans="14:14">
      <c r="N340048" s="10"/>
    </row>
    <row r="340049" spans="14:14">
      <c r="N340049" s="10"/>
    </row>
    <row r="340050" spans="14:14">
      <c r="N340050" s="10"/>
    </row>
    <row r="340051" spans="14:14">
      <c r="N340051" s="10"/>
    </row>
    <row r="340052" spans="14:14">
      <c r="N340052" s="10"/>
    </row>
    <row r="340053" spans="14:14">
      <c r="N340053" s="10"/>
    </row>
    <row r="340054" spans="14:14">
      <c r="N340054" s="10"/>
    </row>
    <row r="340055" spans="14:14">
      <c r="N340055" s="10"/>
    </row>
    <row r="340056" spans="14:14">
      <c r="N340056" s="10"/>
    </row>
    <row r="340057" spans="14:14">
      <c r="N340057" s="10"/>
    </row>
    <row r="340058" spans="14:14">
      <c r="N340058" s="10"/>
    </row>
    <row r="340059" spans="14:14">
      <c r="N340059" s="10"/>
    </row>
    <row r="340060" spans="14:14">
      <c r="N340060" s="10"/>
    </row>
    <row r="340061" spans="14:14">
      <c r="N340061" s="10"/>
    </row>
    <row r="340062" spans="14:14">
      <c r="N340062" s="10"/>
    </row>
    <row r="340063" spans="14:14">
      <c r="N340063" s="10"/>
    </row>
    <row r="340064" spans="14:14">
      <c r="N340064" s="10"/>
    </row>
    <row r="340065" spans="14:14">
      <c r="N340065" s="10"/>
    </row>
    <row r="340066" spans="14:14">
      <c r="N340066" s="10"/>
    </row>
    <row r="340067" spans="14:14">
      <c r="N340067" s="10"/>
    </row>
    <row r="340068" spans="14:14">
      <c r="N340068" s="10"/>
    </row>
    <row r="340069" spans="14:14">
      <c r="N340069" s="10"/>
    </row>
    <row r="340070" spans="14:14">
      <c r="N340070" s="10"/>
    </row>
    <row r="340071" spans="14:14">
      <c r="N340071" s="10"/>
    </row>
    <row r="340072" spans="14:14">
      <c r="N340072" s="10"/>
    </row>
    <row r="340073" spans="14:14">
      <c r="N340073" s="10"/>
    </row>
    <row r="340074" spans="14:14">
      <c r="N340074" s="10"/>
    </row>
    <row r="340075" spans="14:14">
      <c r="N340075" s="10"/>
    </row>
    <row r="340076" spans="14:14">
      <c r="N340076" s="10"/>
    </row>
    <row r="340077" spans="14:14">
      <c r="N340077" s="10"/>
    </row>
    <row r="340078" spans="14:14">
      <c r="N340078" s="10"/>
    </row>
    <row r="340079" spans="14:14">
      <c r="N340079" s="10"/>
    </row>
    <row r="340080" spans="14:14">
      <c r="N340080" s="10"/>
    </row>
    <row r="340081" spans="14:14">
      <c r="N340081" s="10"/>
    </row>
    <row r="340082" spans="14:14">
      <c r="N340082" s="10"/>
    </row>
    <row r="340083" spans="14:14">
      <c r="N340083" s="10"/>
    </row>
    <row r="340084" spans="14:14">
      <c r="N340084" s="10"/>
    </row>
    <row r="340085" spans="14:14">
      <c r="N340085" s="10"/>
    </row>
    <row r="340086" spans="14:14">
      <c r="N340086" s="10"/>
    </row>
    <row r="340087" spans="14:14">
      <c r="N340087" s="10"/>
    </row>
    <row r="340088" spans="14:14">
      <c r="N340088" s="10"/>
    </row>
    <row r="340089" spans="14:14">
      <c r="N340089" s="10"/>
    </row>
    <row r="340090" spans="14:14">
      <c r="N340090" s="10"/>
    </row>
    <row r="340091" spans="14:14">
      <c r="N340091" s="10"/>
    </row>
    <row r="340092" spans="14:14">
      <c r="N340092" s="10"/>
    </row>
    <row r="340093" spans="14:14">
      <c r="N340093" s="10"/>
    </row>
    <row r="340094" spans="14:14">
      <c r="N340094" s="10"/>
    </row>
    <row r="340095" spans="14:14">
      <c r="N340095" s="10"/>
    </row>
    <row r="340096" spans="14:14">
      <c r="N340096" s="10"/>
    </row>
    <row r="340097" spans="14:14">
      <c r="N340097" s="10"/>
    </row>
    <row r="340098" spans="14:14">
      <c r="N340098" s="10"/>
    </row>
    <row r="340099" spans="14:14">
      <c r="N340099" s="10"/>
    </row>
    <row r="340100" spans="14:14">
      <c r="N340100" s="10"/>
    </row>
    <row r="340101" spans="14:14">
      <c r="N340101" s="10"/>
    </row>
    <row r="340102" spans="14:14">
      <c r="N340102" s="10"/>
    </row>
    <row r="340103" spans="14:14">
      <c r="N340103" s="10"/>
    </row>
    <row r="340104" spans="14:14">
      <c r="N340104" s="10"/>
    </row>
    <row r="340105" spans="14:14">
      <c r="N340105" s="10"/>
    </row>
    <row r="340106" spans="14:14">
      <c r="N340106" s="10"/>
    </row>
    <row r="340107" spans="14:14">
      <c r="N340107" s="10"/>
    </row>
    <row r="340108" spans="14:14">
      <c r="N340108" s="10"/>
    </row>
    <row r="340109" spans="14:14">
      <c r="N340109" s="10"/>
    </row>
    <row r="340110" spans="14:14">
      <c r="N340110" s="10"/>
    </row>
    <row r="340111" spans="14:14">
      <c r="N340111" s="10"/>
    </row>
    <row r="340112" spans="14:14">
      <c r="N340112" s="10"/>
    </row>
    <row r="340113" spans="14:14">
      <c r="N340113" s="10"/>
    </row>
    <row r="340114" spans="14:14">
      <c r="N340114" s="10"/>
    </row>
    <row r="340115" spans="14:14">
      <c r="N340115" s="10"/>
    </row>
    <row r="340116" spans="14:14">
      <c r="N340116" s="10"/>
    </row>
    <row r="340117" spans="14:14">
      <c r="N340117" s="10"/>
    </row>
    <row r="340118" spans="14:14">
      <c r="N340118" s="10"/>
    </row>
    <row r="340119" spans="14:14">
      <c r="N340119" s="10"/>
    </row>
    <row r="340120" spans="14:14">
      <c r="N340120" s="10"/>
    </row>
    <row r="340121" spans="14:14">
      <c r="N340121" s="10"/>
    </row>
    <row r="340122" spans="14:14">
      <c r="N340122" s="10"/>
    </row>
    <row r="340123" spans="14:14">
      <c r="N340123" s="10"/>
    </row>
    <row r="340124" spans="14:14">
      <c r="N340124" s="10"/>
    </row>
    <row r="340125" spans="14:14">
      <c r="N340125" s="10"/>
    </row>
    <row r="340126" spans="14:14">
      <c r="N340126" s="10"/>
    </row>
    <row r="340127" spans="14:14">
      <c r="N340127" s="10"/>
    </row>
    <row r="340128" spans="14:14">
      <c r="N340128" s="10"/>
    </row>
    <row r="340129" spans="14:14">
      <c r="N340129" s="10"/>
    </row>
    <row r="340130" spans="14:14">
      <c r="N340130" s="10"/>
    </row>
    <row r="340131" spans="14:14">
      <c r="N340131" s="10"/>
    </row>
    <row r="340132" spans="14:14">
      <c r="N340132" s="10"/>
    </row>
    <row r="340133" spans="14:14">
      <c r="N340133" s="10"/>
    </row>
    <row r="340134" spans="14:14">
      <c r="N340134" s="10"/>
    </row>
    <row r="340135" spans="14:14">
      <c r="N340135" s="10"/>
    </row>
    <row r="340136" spans="14:14">
      <c r="N340136" s="10"/>
    </row>
    <row r="340137" spans="14:14">
      <c r="N340137" s="10"/>
    </row>
    <row r="340138" spans="14:14">
      <c r="N340138" s="10"/>
    </row>
    <row r="340139" spans="14:14">
      <c r="N340139" s="10"/>
    </row>
    <row r="340140" spans="14:14">
      <c r="N340140" s="10"/>
    </row>
    <row r="340141" spans="14:14">
      <c r="N340141" s="10"/>
    </row>
    <row r="340142" spans="14:14">
      <c r="N340142" s="10"/>
    </row>
    <row r="340143" spans="14:14">
      <c r="N340143" s="10"/>
    </row>
    <row r="340144" spans="14:14">
      <c r="N340144" s="10"/>
    </row>
    <row r="340145" spans="14:14">
      <c r="N340145" s="10"/>
    </row>
    <row r="340146" spans="14:14">
      <c r="N340146" s="10"/>
    </row>
    <row r="340147" spans="14:14">
      <c r="N340147" s="10"/>
    </row>
    <row r="340148" spans="14:14">
      <c r="N340148" s="10"/>
    </row>
    <row r="340149" spans="14:14">
      <c r="N340149" s="10"/>
    </row>
    <row r="340150" spans="14:14">
      <c r="N340150" s="10"/>
    </row>
    <row r="340151" spans="14:14">
      <c r="N340151" s="10"/>
    </row>
    <row r="340152" spans="14:14">
      <c r="N340152" s="10"/>
    </row>
    <row r="340153" spans="14:14">
      <c r="N340153" s="10"/>
    </row>
    <row r="340154" spans="14:14">
      <c r="N340154" s="10"/>
    </row>
    <row r="340155" spans="14:14">
      <c r="N340155" s="10"/>
    </row>
    <row r="340156" spans="14:14">
      <c r="N340156" s="10"/>
    </row>
    <row r="340157" spans="14:14">
      <c r="N340157" s="10"/>
    </row>
    <row r="340158" spans="14:14">
      <c r="N340158" s="10"/>
    </row>
    <row r="340159" spans="14:14">
      <c r="N340159" s="10"/>
    </row>
    <row r="340160" spans="14:14">
      <c r="N340160" s="10"/>
    </row>
    <row r="340161" spans="14:14">
      <c r="N340161" s="10"/>
    </row>
    <row r="340162" spans="14:14">
      <c r="N340162" s="10"/>
    </row>
    <row r="340163" spans="14:14">
      <c r="N340163" s="10"/>
    </row>
    <row r="340164" spans="14:14">
      <c r="N340164" s="10"/>
    </row>
    <row r="340165" spans="14:14">
      <c r="N340165" s="10"/>
    </row>
    <row r="340166" spans="14:14">
      <c r="N340166" s="10"/>
    </row>
    <row r="340167" spans="14:14">
      <c r="N340167" s="10"/>
    </row>
    <row r="340168" spans="14:14">
      <c r="N340168" s="10"/>
    </row>
    <row r="340169" spans="14:14">
      <c r="N340169" s="10"/>
    </row>
    <row r="340170" spans="14:14">
      <c r="N340170" s="10"/>
    </row>
    <row r="340171" spans="14:14">
      <c r="N340171" s="10"/>
    </row>
    <row r="340172" spans="14:14">
      <c r="N340172" s="10"/>
    </row>
    <row r="340173" spans="14:14">
      <c r="N340173" s="10"/>
    </row>
    <row r="340174" spans="14:14">
      <c r="N340174" s="10"/>
    </row>
    <row r="340175" spans="14:14">
      <c r="N340175" s="10"/>
    </row>
    <row r="340176" spans="14:14">
      <c r="N340176" s="10"/>
    </row>
    <row r="340177" spans="14:14">
      <c r="N340177" s="10"/>
    </row>
    <row r="340178" spans="14:14">
      <c r="N340178" s="10"/>
    </row>
    <row r="340179" spans="14:14">
      <c r="N340179" s="10"/>
    </row>
    <row r="340180" spans="14:14">
      <c r="N340180" s="10"/>
    </row>
    <row r="340181" spans="14:14">
      <c r="N340181" s="10"/>
    </row>
    <row r="340182" spans="14:14">
      <c r="N340182" s="10"/>
    </row>
    <row r="340183" spans="14:14">
      <c r="N340183" s="10"/>
    </row>
    <row r="340184" spans="14:14">
      <c r="N340184" s="10"/>
    </row>
    <row r="340185" spans="14:14">
      <c r="N340185" s="10"/>
    </row>
    <row r="340186" spans="14:14">
      <c r="N340186" s="10"/>
    </row>
    <row r="340187" spans="14:14">
      <c r="N340187" s="10"/>
    </row>
    <row r="340188" spans="14:14">
      <c r="N340188" s="10"/>
    </row>
    <row r="340189" spans="14:14">
      <c r="N340189" s="10"/>
    </row>
    <row r="340190" spans="14:14">
      <c r="N340190" s="10"/>
    </row>
    <row r="340191" spans="14:14">
      <c r="N340191" s="10"/>
    </row>
    <row r="340192" spans="14:14">
      <c r="N340192" s="10"/>
    </row>
    <row r="340193" spans="14:14">
      <c r="N340193" s="10"/>
    </row>
    <row r="340194" spans="14:14">
      <c r="N340194" s="10"/>
    </row>
    <row r="340195" spans="14:14">
      <c r="N340195" s="10"/>
    </row>
    <row r="340196" spans="14:14">
      <c r="N340196" s="10"/>
    </row>
    <row r="340197" spans="14:14">
      <c r="N340197" s="10"/>
    </row>
    <row r="340198" spans="14:14">
      <c r="N340198" s="10"/>
    </row>
    <row r="340199" spans="14:14">
      <c r="N340199" s="10"/>
    </row>
    <row r="340200" spans="14:14">
      <c r="N340200" s="10"/>
    </row>
    <row r="340201" spans="14:14">
      <c r="N340201" s="10"/>
    </row>
    <row r="340202" spans="14:14">
      <c r="N340202" s="10"/>
    </row>
    <row r="340203" spans="14:14">
      <c r="N340203" s="10"/>
    </row>
    <row r="340204" spans="14:14">
      <c r="N340204" s="10"/>
    </row>
    <row r="340205" spans="14:14">
      <c r="N340205" s="10"/>
    </row>
    <row r="340206" spans="14:14">
      <c r="N340206" s="10"/>
    </row>
    <row r="340207" spans="14:14">
      <c r="N340207" s="10"/>
    </row>
    <row r="340208" spans="14:14">
      <c r="N340208" s="10"/>
    </row>
    <row r="340209" spans="14:14">
      <c r="N340209" s="10"/>
    </row>
    <row r="340210" spans="14:14">
      <c r="N340210" s="10"/>
    </row>
    <row r="340211" spans="14:14">
      <c r="N340211" s="10"/>
    </row>
    <row r="340212" spans="14:14">
      <c r="N340212" s="10"/>
    </row>
    <row r="340213" spans="14:14">
      <c r="N340213" s="10"/>
    </row>
    <row r="340214" spans="14:14">
      <c r="N340214" s="10"/>
    </row>
    <row r="340215" spans="14:14">
      <c r="N340215" s="10"/>
    </row>
    <row r="340216" spans="14:14">
      <c r="N340216" s="10"/>
    </row>
    <row r="340217" spans="14:14">
      <c r="N340217" s="10"/>
    </row>
    <row r="340218" spans="14:14">
      <c r="N340218" s="10"/>
    </row>
    <row r="340219" spans="14:14">
      <c r="N340219" s="10"/>
    </row>
    <row r="340220" spans="14:14">
      <c r="N340220" s="10"/>
    </row>
    <row r="340221" spans="14:14">
      <c r="N340221" s="10"/>
    </row>
    <row r="340222" spans="14:14">
      <c r="N340222" s="10"/>
    </row>
    <row r="340223" spans="14:14">
      <c r="N340223" s="10"/>
    </row>
    <row r="340224" spans="14:14">
      <c r="N340224" s="10"/>
    </row>
    <row r="340225" spans="14:14">
      <c r="N340225" s="10"/>
    </row>
    <row r="340226" spans="14:14">
      <c r="N340226" s="10"/>
    </row>
    <row r="340227" spans="14:14">
      <c r="N340227" s="10"/>
    </row>
    <row r="340228" spans="14:14">
      <c r="N340228" s="10"/>
    </row>
    <row r="340229" spans="14:14">
      <c r="N340229" s="10"/>
    </row>
    <row r="340230" spans="14:14">
      <c r="N340230" s="10"/>
    </row>
    <row r="340231" spans="14:14">
      <c r="N340231" s="10"/>
    </row>
    <row r="340232" spans="14:14">
      <c r="N340232" s="10"/>
    </row>
    <row r="340233" spans="14:14">
      <c r="N340233" s="10"/>
    </row>
    <row r="340234" spans="14:14">
      <c r="N340234" s="10"/>
    </row>
    <row r="340235" spans="14:14">
      <c r="N340235" s="10"/>
    </row>
    <row r="340236" spans="14:14">
      <c r="N340236" s="10"/>
    </row>
    <row r="340237" spans="14:14">
      <c r="N340237" s="10"/>
    </row>
    <row r="340238" spans="14:14">
      <c r="N340238" s="10"/>
    </row>
    <row r="340239" spans="14:14">
      <c r="N340239" s="10"/>
    </row>
    <row r="340240" spans="14:14">
      <c r="N340240" s="10"/>
    </row>
    <row r="340241" spans="14:14">
      <c r="N340241" s="10"/>
    </row>
    <row r="340242" spans="14:14">
      <c r="N340242" s="10"/>
    </row>
    <row r="340243" spans="14:14">
      <c r="N340243" s="10"/>
    </row>
    <row r="340244" spans="14:14">
      <c r="N340244" s="10"/>
    </row>
    <row r="340245" spans="14:14">
      <c r="N340245" s="10"/>
    </row>
    <row r="340246" spans="14:14">
      <c r="N340246" s="10"/>
    </row>
    <row r="340247" spans="14:14">
      <c r="N340247" s="10"/>
    </row>
    <row r="340248" spans="14:14">
      <c r="N340248" s="10"/>
    </row>
    <row r="340249" spans="14:14">
      <c r="N340249" s="10"/>
    </row>
    <row r="340250" spans="14:14">
      <c r="N340250" s="10"/>
    </row>
    <row r="340251" spans="14:14">
      <c r="N340251" s="10"/>
    </row>
    <row r="340252" spans="14:14">
      <c r="N340252" s="10"/>
    </row>
    <row r="340253" spans="14:14">
      <c r="N340253" s="10"/>
    </row>
    <row r="340254" spans="14:14">
      <c r="N340254" s="10"/>
    </row>
    <row r="340255" spans="14:14">
      <c r="N340255" s="10"/>
    </row>
    <row r="340256" spans="14:14">
      <c r="N340256" s="10"/>
    </row>
    <row r="340257" spans="14:14">
      <c r="N340257" s="10"/>
    </row>
    <row r="340258" spans="14:14">
      <c r="N340258" s="10"/>
    </row>
    <row r="340259" spans="14:14">
      <c r="N340259" s="10"/>
    </row>
    <row r="340260" spans="14:14">
      <c r="N340260" s="10"/>
    </row>
    <row r="340261" spans="14:14">
      <c r="N340261" s="10"/>
    </row>
    <row r="340262" spans="14:14">
      <c r="N340262" s="10"/>
    </row>
    <row r="340263" spans="14:14">
      <c r="N340263" s="10"/>
    </row>
    <row r="340264" spans="14:14">
      <c r="N340264" s="10"/>
    </row>
    <row r="340265" spans="14:14">
      <c r="N340265" s="10"/>
    </row>
    <row r="340266" spans="14:14">
      <c r="N340266" s="10"/>
    </row>
    <row r="340267" spans="14:14">
      <c r="N340267" s="10"/>
    </row>
    <row r="340268" spans="14:14">
      <c r="N340268" s="10"/>
    </row>
    <row r="340269" spans="14:14">
      <c r="N340269" s="10"/>
    </row>
    <row r="340270" spans="14:14">
      <c r="N340270" s="10"/>
    </row>
    <row r="340271" spans="14:14">
      <c r="N340271" s="10"/>
    </row>
    <row r="340272" spans="14:14">
      <c r="N340272" s="10"/>
    </row>
    <row r="340273" spans="14:14">
      <c r="N340273" s="10"/>
    </row>
    <row r="340274" spans="14:14">
      <c r="N340274" s="10"/>
    </row>
    <row r="340275" spans="14:14">
      <c r="N340275" s="10"/>
    </row>
    <row r="340276" spans="14:14">
      <c r="N340276" s="10"/>
    </row>
    <row r="340277" spans="14:14">
      <c r="N340277" s="10"/>
    </row>
    <row r="340278" spans="14:14">
      <c r="N340278" s="10"/>
    </row>
    <row r="340279" spans="14:14">
      <c r="N340279" s="10"/>
    </row>
    <row r="340280" spans="14:14">
      <c r="N340280" s="10"/>
    </row>
    <row r="340281" spans="14:14">
      <c r="N340281" s="10"/>
    </row>
    <row r="340282" spans="14:14">
      <c r="N340282" s="10"/>
    </row>
    <row r="340283" spans="14:14">
      <c r="N340283" s="10"/>
    </row>
    <row r="340284" spans="14:14">
      <c r="N340284" s="10"/>
    </row>
    <row r="340285" spans="14:14">
      <c r="N340285" s="10"/>
    </row>
    <row r="340286" spans="14:14">
      <c r="N340286" s="10"/>
    </row>
    <row r="340287" spans="14:14">
      <c r="N340287" s="10"/>
    </row>
    <row r="340288" spans="14:14">
      <c r="N340288" s="10"/>
    </row>
    <row r="340289" spans="14:14">
      <c r="N340289" s="10"/>
    </row>
    <row r="340290" spans="14:14">
      <c r="N340290" s="10"/>
    </row>
    <row r="340291" spans="14:14">
      <c r="N340291" s="10"/>
    </row>
    <row r="340292" spans="14:14">
      <c r="N340292" s="10"/>
    </row>
    <row r="340293" spans="14:14">
      <c r="N340293" s="10"/>
    </row>
    <row r="340294" spans="14:14">
      <c r="N340294" s="10"/>
    </row>
    <row r="340295" spans="14:14">
      <c r="N340295" s="10"/>
    </row>
    <row r="340296" spans="14:14">
      <c r="N340296" s="10"/>
    </row>
    <row r="340297" spans="14:14">
      <c r="N340297" s="10"/>
    </row>
    <row r="340298" spans="14:14">
      <c r="N340298" s="10"/>
    </row>
    <row r="340299" spans="14:14">
      <c r="N340299" s="10"/>
    </row>
    <row r="340300" spans="14:14">
      <c r="N340300" s="10"/>
    </row>
    <row r="340301" spans="14:14">
      <c r="N340301" s="10"/>
    </row>
    <row r="340302" spans="14:14">
      <c r="N340302" s="10"/>
    </row>
    <row r="340303" spans="14:14">
      <c r="N340303" s="10"/>
    </row>
    <row r="340304" spans="14:14">
      <c r="N340304" s="10"/>
    </row>
    <row r="340305" spans="14:14">
      <c r="N340305" s="10"/>
    </row>
    <row r="340306" spans="14:14">
      <c r="N340306" s="10"/>
    </row>
    <row r="340307" spans="14:14">
      <c r="N340307" s="10"/>
    </row>
    <row r="340308" spans="14:14">
      <c r="N340308" s="10"/>
    </row>
    <row r="340309" spans="14:14">
      <c r="N340309" s="10"/>
    </row>
    <row r="340310" spans="14:14">
      <c r="N340310" s="10"/>
    </row>
    <row r="340311" spans="14:14">
      <c r="N340311" s="10"/>
    </row>
    <row r="340312" spans="14:14">
      <c r="N340312" s="10"/>
    </row>
    <row r="340313" spans="14:14">
      <c r="N340313" s="10"/>
    </row>
    <row r="340314" spans="14:14">
      <c r="N340314" s="10"/>
    </row>
    <row r="340315" spans="14:14">
      <c r="N340315" s="10"/>
    </row>
    <row r="340316" spans="14:14">
      <c r="N340316" s="10"/>
    </row>
    <row r="340317" spans="14:14">
      <c r="N340317" s="10"/>
    </row>
    <row r="340318" spans="14:14">
      <c r="N340318" s="10"/>
    </row>
    <row r="340319" spans="14:14">
      <c r="N340319" s="10"/>
    </row>
    <row r="340320" spans="14:14">
      <c r="N340320" s="10"/>
    </row>
    <row r="340321" spans="14:14">
      <c r="N340321" s="10"/>
    </row>
    <row r="340322" spans="14:14">
      <c r="N340322" s="10"/>
    </row>
    <row r="340323" spans="14:14">
      <c r="N340323" s="10"/>
    </row>
    <row r="340324" spans="14:14">
      <c r="N340324" s="10"/>
    </row>
    <row r="340325" spans="14:14">
      <c r="N340325" s="10"/>
    </row>
    <row r="340326" spans="14:14">
      <c r="N340326" s="10"/>
    </row>
    <row r="340327" spans="14:14">
      <c r="N340327" s="10"/>
    </row>
    <row r="340328" spans="14:14">
      <c r="N340328" s="10"/>
    </row>
    <row r="340329" spans="14:14">
      <c r="N340329" s="10"/>
    </row>
    <row r="340330" spans="14:14">
      <c r="N340330" s="10"/>
    </row>
    <row r="340331" spans="14:14">
      <c r="N340331" s="10"/>
    </row>
    <row r="340332" spans="14:14">
      <c r="N340332" s="10"/>
    </row>
    <row r="340333" spans="14:14">
      <c r="N340333" s="10"/>
    </row>
    <row r="340334" spans="14:14">
      <c r="N340334" s="10"/>
    </row>
    <row r="340335" spans="14:14">
      <c r="N340335" s="10"/>
    </row>
    <row r="340336" spans="14:14">
      <c r="N340336" s="10"/>
    </row>
    <row r="340337" spans="14:14">
      <c r="N340337" s="10"/>
    </row>
    <row r="340338" spans="14:14">
      <c r="N340338" s="10"/>
    </row>
    <row r="340339" spans="14:14">
      <c r="N340339" s="10"/>
    </row>
    <row r="340340" spans="14:14">
      <c r="N340340" s="10"/>
    </row>
    <row r="340341" spans="14:14">
      <c r="N340341" s="10"/>
    </row>
    <row r="340342" spans="14:14">
      <c r="N340342" s="10"/>
    </row>
    <row r="340343" spans="14:14">
      <c r="N340343" s="10"/>
    </row>
    <row r="340344" spans="14:14">
      <c r="N340344" s="10"/>
    </row>
    <row r="340345" spans="14:14">
      <c r="N340345" s="10"/>
    </row>
    <row r="340346" spans="14:14">
      <c r="N340346" s="10"/>
    </row>
    <row r="340347" spans="14:14">
      <c r="N340347" s="10"/>
    </row>
    <row r="340348" spans="14:14">
      <c r="N340348" s="10"/>
    </row>
    <row r="340349" spans="14:14">
      <c r="N340349" s="10"/>
    </row>
    <row r="340350" spans="14:14">
      <c r="N340350" s="10"/>
    </row>
    <row r="340351" spans="14:14">
      <c r="N340351" s="10"/>
    </row>
    <row r="340352" spans="14:14">
      <c r="N340352" s="10"/>
    </row>
    <row r="340353" spans="14:14">
      <c r="N340353" s="10"/>
    </row>
    <row r="340354" spans="14:14">
      <c r="N340354" s="10"/>
    </row>
    <row r="340355" spans="14:14">
      <c r="N340355" s="10"/>
    </row>
    <row r="340356" spans="14:14">
      <c r="N340356" s="10"/>
    </row>
    <row r="340357" spans="14:14">
      <c r="N340357" s="10"/>
    </row>
    <row r="340358" spans="14:14">
      <c r="N340358" s="10"/>
    </row>
    <row r="340359" spans="14:14">
      <c r="N340359" s="10"/>
    </row>
    <row r="340360" spans="14:14">
      <c r="N340360" s="10"/>
    </row>
    <row r="340361" spans="14:14">
      <c r="N340361" s="10"/>
    </row>
    <row r="340362" spans="14:14">
      <c r="N340362" s="10"/>
    </row>
    <row r="340363" spans="14:14">
      <c r="N340363" s="10"/>
    </row>
    <row r="340364" spans="14:14">
      <c r="N340364" s="10"/>
    </row>
    <row r="340365" spans="14:14">
      <c r="N340365" s="10"/>
    </row>
    <row r="340366" spans="14:14">
      <c r="N340366" s="10"/>
    </row>
    <row r="340367" spans="14:14">
      <c r="N340367" s="10"/>
    </row>
    <row r="340368" spans="14:14">
      <c r="N340368" s="10"/>
    </row>
    <row r="340369" spans="14:14">
      <c r="N340369" s="10"/>
    </row>
    <row r="340370" spans="14:14">
      <c r="N340370" s="10"/>
    </row>
    <row r="340371" spans="14:14">
      <c r="N340371" s="10"/>
    </row>
    <row r="340372" spans="14:14">
      <c r="N340372" s="10"/>
    </row>
    <row r="340373" spans="14:14">
      <c r="N340373" s="10"/>
    </row>
    <row r="340374" spans="14:14">
      <c r="N340374" s="10"/>
    </row>
    <row r="340375" spans="14:14">
      <c r="N340375" s="10"/>
    </row>
    <row r="340376" spans="14:14">
      <c r="N340376" s="10"/>
    </row>
    <row r="340377" spans="14:14">
      <c r="N340377" s="10"/>
    </row>
    <row r="340378" spans="14:14">
      <c r="N340378" s="10"/>
    </row>
    <row r="340379" spans="14:14">
      <c r="N340379" s="10"/>
    </row>
    <row r="340380" spans="14:14">
      <c r="N340380" s="10"/>
    </row>
    <row r="340381" spans="14:14">
      <c r="N340381" s="10"/>
    </row>
    <row r="340382" spans="14:14">
      <c r="N340382" s="10"/>
    </row>
    <row r="340383" spans="14:14">
      <c r="N340383" s="10"/>
    </row>
    <row r="340384" spans="14:14">
      <c r="N340384" s="10"/>
    </row>
    <row r="340385" spans="14:14">
      <c r="N340385" s="10"/>
    </row>
    <row r="340386" spans="14:14">
      <c r="N340386" s="10"/>
    </row>
    <row r="340387" spans="14:14">
      <c r="N340387" s="10"/>
    </row>
    <row r="340388" spans="14:14">
      <c r="N340388" s="10"/>
    </row>
    <row r="340389" spans="14:14">
      <c r="N340389" s="10"/>
    </row>
    <row r="340390" spans="14:14">
      <c r="N340390" s="10"/>
    </row>
    <row r="340391" spans="14:14">
      <c r="N340391" s="10"/>
    </row>
    <row r="340392" spans="14:14">
      <c r="N340392" s="10"/>
    </row>
    <row r="340393" spans="14:14">
      <c r="N340393" s="10"/>
    </row>
    <row r="340394" spans="14:14">
      <c r="N340394" s="10"/>
    </row>
    <row r="340395" spans="14:14">
      <c r="N340395" s="10"/>
    </row>
    <row r="340396" spans="14:14">
      <c r="N340396" s="10"/>
    </row>
    <row r="340397" spans="14:14">
      <c r="N340397" s="10"/>
    </row>
    <row r="340398" spans="14:14">
      <c r="N340398" s="10"/>
    </row>
    <row r="340399" spans="14:14">
      <c r="N340399" s="10"/>
    </row>
    <row r="340400" spans="14:14">
      <c r="N340400" s="10"/>
    </row>
    <row r="340401" spans="14:14">
      <c r="N340401" s="10"/>
    </row>
    <row r="340402" spans="14:14">
      <c r="N340402" s="10"/>
    </row>
    <row r="340403" spans="14:14">
      <c r="N340403" s="10"/>
    </row>
    <row r="340404" spans="14:14">
      <c r="N340404" s="10"/>
    </row>
    <row r="340405" spans="14:14">
      <c r="N340405" s="10"/>
    </row>
    <row r="340406" spans="14:14">
      <c r="N340406" s="10"/>
    </row>
    <row r="340407" spans="14:14">
      <c r="N340407" s="10"/>
    </row>
    <row r="340408" spans="14:14">
      <c r="N340408" s="10"/>
    </row>
    <row r="340409" spans="14:14">
      <c r="N340409" s="10"/>
    </row>
    <row r="340410" spans="14:14">
      <c r="N340410" s="10"/>
    </row>
    <row r="340411" spans="14:14">
      <c r="N340411" s="10"/>
    </row>
    <row r="340412" spans="14:14">
      <c r="N340412" s="10"/>
    </row>
    <row r="340413" spans="14:14">
      <c r="N340413" s="10"/>
    </row>
    <row r="340414" spans="14:14">
      <c r="N340414" s="10"/>
    </row>
    <row r="340415" spans="14:14">
      <c r="N340415" s="10"/>
    </row>
    <row r="340416" spans="14:14">
      <c r="N340416" s="10"/>
    </row>
    <row r="340417" spans="14:14">
      <c r="N340417" s="10"/>
    </row>
    <row r="340418" spans="14:14">
      <c r="N340418" s="10"/>
    </row>
    <row r="340419" spans="14:14">
      <c r="N340419" s="10"/>
    </row>
    <row r="340420" spans="14:14">
      <c r="N340420" s="10"/>
    </row>
    <row r="340421" spans="14:14">
      <c r="N340421" s="10"/>
    </row>
    <row r="340422" spans="14:14">
      <c r="N340422" s="10"/>
    </row>
    <row r="340423" spans="14:14">
      <c r="N340423" s="10"/>
    </row>
    <row r="340424" spans="14:14">
      <c r="N340424" s="10"/>
    </row>
    <row r="340425" spans="14:14">
      <c r="N340425" s="10"/>
    </row>
    <row r="340426" spans="14:14">
      <c r="N340426" s="10"/>
    </row>
    <row r="340427" spans="14:14">
      <c r="N340427" s="10"/>
    </row>
    <row r="340428" spans="14:14">
      <c r="N340428" s="10"/>
    </row>
    <row r="340429" spans="14:14">
      <c r="N340429" s="10"/>
    </row>
    <row r="340430" spans="14:14">
      <c r="N340430" s="10"/>
    </row>
    <row r="340431" spans="14:14">
      <c r="N340431" s="10"/>
    </row>
    <row r="340432" spans="14:14">
      <c r="N340432" s="10"/>
    </row>
    <row r="340433" spans="14:14">
      <c r="N340433" s="10"/>
    </row>
    <row r="340434" spans="14:14">
      <c r="N340434" s="10"/>
    </row>
    <row r="340435" spans="14:14">
      <c r="N340435" s="10"/>
    </row>
    <row r="340436" spans="14:14">
      <c r="N340436" s="10"/>
    </row>
    <row r="340437" spans="14:14">
      <c r="N340437" s="10"/>
    </row>
    <row r="340438" spans="14:14">
      <c r="N340438" s="10"/>
    </row>
    <row r="340439" spans="14:14">
      <c r="N340439" s="10"/>
    </row>
    <row r="340440" spans="14:14">
      <c r="N340440" s="10"/>
    </row>
    <row r="340441" spans="14:14">
      <c r="N340441" s="10"/>
    </row>
    <row r="340442" spans="14:14">
      <c r="N340442" s="10"/>
    </row>
    <row r="340443" spans="14:14">
      <c r="N340443" s="10"/>
    </row>
    <row r="340444" spans="14:14">
      <c r="N340444" s="10"/>
    </row>
    <row r="340445" spans="14:14">
      <c r="N340445" s="10"/>
    </row>
    <row r="340446" spans="14:14">
      <c r="N340446" s="10"/>
    </row>
    <row r="340447" spans="14:14">
      <c r="N340447" s="10"/>
    </row>
    <row r="340448" spans="14:14">
      <c r="N340448" s="10"/>
    </row>
    <row r="340449" spans="14:14">
      <c r="N340449" s="10"/>
    </row>
    <row r="340450" spans="14:14">
      <c r="N340450" s="10"/>
    </row>
    <row r="340451" spans="14:14">
      <c r="N340451" s="10"/>
    </row>
    <row r="340452" spans="14:14">
      <c r="N340452" s="10"/>
    </row>
    <row r="340453" spans="14:14">
      <c r="N340453" s="10"/>
    </row>
    <row r="340454" spans="14:14">
      <c r="N340454" s="10"/>
    </row>
    <row r="340455" spans="14:14">
      <c r="N340455" s="10"/>
    </row>
    <row r="340456" spans="14:14">
      <c r="N340456" s="10"/>
    </row>
    <row r="340457" spans="14:14">
      <c r="N340457" s="10"/>
    </row>
    <row r="340458" spans="14:14">
      <c r="N340458" s="10"/>
    </row>
    <row r="340459" spans="14:14">
      <c r="N340459" s="10"/>
    </row>
    <row r="340460" spans="14:14">
      <c r="N340460" s="10"/>
    </row>
    <row r="340461" spans="14:14">
      <c r="N340461" s="10"/>
    </row>
    <row r="340462" spans="14:14">
      <c r="N340462" s="10"/>
    </row>
    <row r="340463" spans="14:14">
      <c r="N340463" s="10"/>
    </row>
    <row r="340464" spans="14:14">
      <c r="N340464" s="10"/>
    </row>
    <row r="340465" spans="14:14">
      <c r="N340465" s="10"/>
    </row>
    <row r="340466" spans="14:14">
      <c r="N340466" s="10"/>
    </row>
    <row r="340467" spans="14:14">
      <c r="N340467" s="10"/>
    </row>
    <row r="340468" spans="14:14">
      <c r="N340468" s="10"/>
    </row>
    <row r="340469" spans="14:14">
      <c r="N340469" s="10"/>
    </row>
    <row r="340470" spans="14:14">
      <c r="N340470" s="10"/>
    </row>
    <row r="340471" spans="14:14">
      <c r="N340471" s="10"/>
    </row>
    <row r="340472" spans="14:14">
      <c r="N340472" s="10"/>
    </row>
    <row r="340473" spans="14:14">
      <c r="N340473" s="10"/>
    </row>
    <row r="340474" spans="14:14">
      <c r="N340474" s="10"/>
    </row>
    <row r="340475" spans="14:14">
      <c r="N340475" s="10"/>
    </row>
    <row r="340476" spans="14:14">
      <c r="N340476" s="10"/>
    </row>
    <row r="340477" spans="14:14">
      <c r="N340477" s="10"/>
    </row>
    <row r="340478" spans="14:14">
      <c r="N340478" s="10"/>
    </row>
    <row r="340479" spans="14:14">
      <c r="N340479" s="10"/>
    </row>
    <row r="340480" spans="14:14">
      <c r="N340480" s="10"/>
    </row>
    <row r="340481" spans="14:14">
      <c r="N340481" s="10"/>
    </row>
    <row r="340482" spans="14:14">
      <c r="N340482" s="10"/>
    </row>
    <row r="340483" spans="14:14">
      <c r="N340483" s="10"/>
    </row>
    <row r="340484" spans="14:14">
      <c r="N340484" s="10"/>
    </row>
    <row r="340485" spans="14:14">
      <c r="N340485" s="10"/>
    </row>
    <row r="340486" spans="14:14">
      <c r="N340486" s="10"/>
    </row>
    <row r="340487" spans="14:14">
      <c r="N340487" s="10"/>
    </row>
    <row r="340488" spans="14:14">
      <c r="N340488" s="10"/>
    </row>
    <row r="340489" spans="14:14">
      <c r="N340489" s="10"/>
    </row>
    <row r="340490" spans="14:14">
      <c r="N340490" s="10"/>
    </row>
    <row r="340491" spans="14:14">
      <c r="N340491" s="10"/>
    </row>
    <row r="340492" spans="14:14">
      <c r="N340492" s="10"/>
    </row>
    <row r="340493" spans="14:14">
      <c r="N340493" s="10"/>
    </row>
    <row r="340494" spans="14:14">
      <c r="N340494" s="10"/>
    </row>
    <row r="340495" spans="14:14">
      <c r="N340495" s="10"/>
    </row>
    <row r="340496" spans="14:14">
      <c r="N340496" s="10"/>
    </row>
    <row r="340497" spans="14:14">
      <c r="N340497" s="10"/>
    </row>
    <row r="340498" spans="14:14">
      <c r="N340498" s="10"/>
    </row>
    <row r="340499" spans="14:14">
      <c r="N340499" s="10"/>
    </row>
    <row r="340500" spans="14:14">
      <c r="N340500" s="10"/>
    </row>
    <row r="340501" spans="14:14">
      <c r="N340501" s="10"/>
    </row>
    <row r="340502" spans="14:14">
      <c r="N340502" s="10"/>
    </row>
    <row r="340503" spans="14:14">
      <c r="N340503" s="10"/>
    </row>
    <row r="340504" spans="14:14">
      <c r="N340504" s="10"/>
    </row>
    <row r="340505" spans="14:14">
      <c r="N340505" s="10"/>
    </row>
    <row r="340506" spans="14:14">
      <c r="N340506" s="10"/>
    </row>
    <row r="340507" spans="14:14">
      <c r="N340507" s="10"/>
    </row>
    <row r="340508" spans="14:14">
      <c r="N340508" s="10"/>
    </row>
    <row r="340509" spans="14:14">
      <c r="N340509" s="10"/>
    </row>
    <row r="340510" spans="14:14">
      <c r="N340510" s="10"/>
    </row>
    <row r="340511" spans="14:14">
      <c r="N340511" s="10"/>
    </row>
    <row r="340512" spans="14:14">
      <c r="N340512" s="10"/>
    </row>
    <row r="340513" spans="14:14">
      <c r="N340513" s="10"/>
    </row>
    <row r="340514" spans="14:14">
      <c r="N340514" s="10"/>
    </row>
    <row r="340515" spans="14:14">
      <c r="N340515" s="10"/>
    </row>
    <row r="340516" spans="14:14">
      <c r="N340516" s="10"/>
    </row>
    <row r="340517" spans="14:14">
      <c r="N340517" s="10"/>
    </row>
    <row r="340518" spans="14:14">
      <c r="N340518" s="10"/>
    </row>
    <row r="340519" spans="14:14">
      <c r="N340519" s="10"/>
    </row>
    <row r="340520" spans="14:14">
      <c r="N340520" s="10"/>
    </row>
    <row r="340521" spans="14:14">
      <c r="N340521" s="10"/>
    </row>
    <row r="340522" spans="14:14">
      <c r="N340522" s="10"/>
    </row>
    <row r="340523" spans="14:14">
      <c r="N340523" s="10"/>
    </row>
    <row r="340524" spans="14:14">
      <c r="N340524" s="10"/>
    </row>
    <row r="340525" spans="14:14">
      <c r="N340525" s="10"/>
    </row>
    <row r="340526" spans="14:14">
      <c r="N340526" s="10"/>
    </row>
    <row r="340527" spans="14:14">
      <c r="N340527" s="10"/>
    </row>
    <row r="340528" spans="14:14">
      <c r="N340528" s="10"/>
    </row>
    <row r="340529" spans="14:14">
      <c r="N340529" s="10"/>
    </row>
    <row r="340530" spans="14:14">
      <c r="N340530" s="10"/>
    </row>
    <row r="340531" spans="14:14">
      <c r="N340531" s="10"/>
    </row>
    <row r="340532" spans="14:14">
      <c r="N340532" s="10"/>
    </row>
    <row r="340533" spans="14:14">
      <c r="N340533" s="10"/>
    </row>
    <row r="340534" spans="14:14">
      <c r="N340534" s="10"/>
    </row>
    <row r="340535" spans="14:14">
      <c r="N340535" s="10"/>
    </row>
    <row r="340536" spans="14:14">
      <c r="N340536" s="10"/>
    </row>
    <row r="340537" spans="14:14">
      <c r="N340537" s="10"/>
    </row>
    <row r="340538" spans="14:14">
      <c r="N340538" s="10"/>
    </row>
    <row r="340539" spans="14:14">
      <c r="N340539" s="10"/>
    </row>
    <row r="340540" spans="14:14">
      <c r="N340540" s="10"/>
    </row>
    <row r="340541" spans="14:14">
      <c r="N340541" s="10"/>
    </row>
    <row r="340542" spans="14:14">
      <c r="N340542" s="10"/>
    </row>
    <row r="340543" spans="14:14">
      <c r="N340543" s="10"/>
    </row>
    <row r="340544" spans="14:14">
      <c r="N340544" s="10"/>
    </row>
    <row r="340545" spans="14:14">
      <c r="N340545" s="10"/>
    </row>
    <row r="340546" spans="14:14">
      <c r="N340546" s="10"/>
    </row>
    <row r="340547" spans="14:14">
      <c r="N340547" s="10"/>
    </row>
    <row r="340548" spans="14:14">
      <c r="N340548" s="10"/>
    </row>
    <row r="340549" spans="14:14">
      <c r="N340549" s="10"/>
    </row>
    <row r="340550" spans="14:14">
      <c r="N340550" s="10"/>
    </row>
    <row r="340551" spans="14:14">
      <c r="N340551" s="10"/>
    </row>
    <row r="340552" spans="14:14">
      <c r="N340552" s="10"/>
    </row>
    <row r="340553" spans="14:14">
      <c r="N340553" s="10"/>
    </row>
    <row r="340554" spans="14:14">
      <c r="N340554" s="10"/>
    </row>
    <row r="340555" spans="14:14">
      <c r="N340555" s="10"/>
    </row>
    <row r="340556" spans="14:14">
      <c r="N340556" s="10"/>
    </row>
    <row r="340557" spans="14:14">
      <c r="N340557" s="10"/>
    </row>
    <row r="340558" spans="14:14">
      <c r="N340558" s="10"/>
    </row>
    <row r="340559" spans="14:14">
      <c r="N340559" s="10"/>
    </row>
    <row r="340560" spans="14:14">
      <c r="N340560" s="10"/>
    </row>
    <row r="340561" spans="14:14">
      <c r="N340561" s="10"/>
    </row>
    <row r="340562" spans="14:14">
      <c r="N340562" s="10"/>
    </row>
    <row r="340563" spans="14:14">
      <c r="N340563" s="10"/>
    </row>
    <row r="340564" spans="14:14">
      <c r="N340564" s="10"/>
    </row>
    <row r="340565" spans="14:14">
      <c r="N340565" s="10"/>
    </row>
    <row r="340566" spans="14:14">
      <c r="N340566" s="10"/>
    </row>
    <row r="340567" spans="14:14">
      <c r="N340567" s="10"/>
    </row>
    <row r="340568" spans="14:14">
      <c r="N340568" s="10"/>
    </row>
    <row r="340569" spans="14:14">
      <c r="N340569" s="10"/>
    </row>
    <row r="340570" spans="14:14">
      <c r="N340570" s="10"/>
    </row>
    <row r="340571" spans="14:14">
      <c r="N340571" s="10"/>
    </row>
    <row r="340572" spans="14:14">
      <c r="N340572" s="10"/>
    </row>
    <row r="340573" spans="14:14">
      <c r="N340573" s="10"/>
    </row>
    <row r="340574" spans="14:14">
      <c r="N340574" s="10"/>
    </row>
    <row r="340575" spans="14:14">
      <c r="N340575" s="10"/>
    </row>
    <row r="340576" spans="14:14">
      <c r="N340576" s="10"/>
    </row>
    <row r="340577" spans="14:14">
      <c r="N340577" s="10"/>
    </row>
    <row r="340578" spans="14:14">
      <c r="N340578" s="10"/>
    </row>
    <row r="340579" spans="14:14">
      <c r="N340579" s="10"/>
    </row>
    <row r="340580" spans="14:14">
      <c r="N340580" s="10"/>
    </row>
    <row r="340581" spans="14:14">
      <c r="N340581" s="10"/>
    </row>
    <row r="340582" spans="14:14">
      <c r="N340582" s="10"/>
    </row>
    <row r="340583" spans="14:14">
      <c r="N340583" s="10"/>
    </row>
    <row r="340584" spans="14:14">
      <c r="N340584" s="10"/>
    </row>
    <row r="340585" spans="14:14">
      <c r="N340585" s="10"/>
    </row>
    <row r="340586" spans="14:14">
      <c r="N340586" s="10"/>
    </row>
    <row r="340587" spans="14:14">
      <c r="N340587" s="10"/>
    </row>
    <row r="340588" spans="14:14">
      <c r="N340588" s="10"/>
    </row>
    <row r="340589" spans="14:14">
      <c r="N340589" s="10"/>
    </row>
    <row r="340590" spans="14:14">
      <c r="N340590" s="10"/>
    </row>
    <row r="340591" spans="14:14">
      <c r="N340591" s="10"/>
    </row>
    <row r="340592" spans="14:14">
      <c r="N340592" s="10"/>
    </row>
    <row r="340593" spans="14:14">
      <c r="N340593" s="10"/>
    </row>
    <row r="340594" spans="14:14">
      <c r="N340594" s="10"/>
    </row>
    <row r="340595" spans="14:14">
      <c r="N340595" s="10"/>
    </row>
    <row r="340596" spans="14:14">
      <c r="N340596" s="10"/>
    </row>
    <row r="340597" spans="14:14">
      <c r="N340597" s="10"/>
    </row>
    <row r="340598" spans="14:14">
      <c r="N340598" s="10"/>
    </row>
    <row r="340599" spans="14:14">
      <c r="N340599" s="10"/>
    </row>
    <row r="340600" spans="14:14">
      <c r="N340600" s="10"/>
    </row>
    <row r="340601" spans="14:14">
      <c r="N340601" s="10"/>
    </row>
    <row r="340602" spans="14:14">
      <c r="N340602" s="10"/>
    </row>
    <row r="340603" spans="14:14">
      <c r="N340603" s="10"/>
    </row>
    <row r="340604" spans="14:14">
      <c r="N340604" s="10"/>
    </row>
    <row r="340605" spans="14:14">
      <c r="N340605" s="10"/>
    </row>
    <row r="340606" spans="14:14">
      <c r="N340606" s="10"/>
    </row>
    <row r="340607" spans="14:14">
      <c r="N340607" s="10"/>
    </row>
    <row r="340608" spans="14:14">
      <c r="N340608" s="10"/>
    </row>
    <row r="340609" spans="14:14">
      <c r="N340609" s="10"/>
    </row>
    <row r="340610" spans="14:14">
      <c r="N340610" s="10"/>
    </row>
    <row r="340611" spans="14:14">
      <c r="N340611" s="10"/>
    </row>
    <row r="340612" spans="14:14">
      <c r="N340612" s="10"/>
    </row>
    <row r="340613" spans="14:14">
      <c r="N340613" s="10"/>
    </row>
    <row r="340614" spans="14:14">
      <c r="N340614" s="10"/>
    </row>
    <row r="340615" spans="14:14">
      <c r="N340615" s="10"/>
    </row>
    <row r="340616" spans="14:14">
      <c r="N340616" s="10"/>
    </row>
    <row r="340617" spans="14:14">
      <c r="N340617" s="10"/>
    </row>
    <row r="340618" spans="14:14">
      <c r="N340618" s="10"/>
    </row>
    <row r="340619" spans="14:14">
      <c r="N340619" s="10"/>
    </row>
    <row r="340620" spans="14:14">
      <c r="N340620" s="10"/>
    </row>
    <row r="340621" spans="14:14">
      <c r="N340621" s="10"/>
    </row>
    <row r="340622" spans="14:14">
      <c r="N340622" s="10"/>
    </row>
    <row r="340623" spans="14:14">
      <c r="N340623" s="10"/>
    </row>
    <row r="340624" spans="14:14">
      <c r="N340624" s="10"/>
    </row>
    <row r="340625" spans="14:14">
      <c r="N340625" s="10"/>
    </row>
    <row r="340626" spans="14:14">
      <c r="N340626" s="10"/>
    </row>
    <row r="340627" spans="14:14">
      <c r="N340627" s="10"/>
    </row>
    <row r="340628" spans="14:14">
      <c r="N340628" s="10"/>
    </row>
    <row r="340629" spans="14:14">
      <c r="N340629" s="10"/>
    </row>
    <row r="340630" spans="14:14">
      <c r="N340630" s="10"/>
    </row>
    <row r="340631" spans="14:14">
      <c r="N340631" s="10"/>
    </row>
    <row r="340632" spans="14:14">
      <c r="N340632" s="10"/>
    </row>
    <row r="340633" spans="14:14">
      <c r="N340633" s="10"/>
    </row>
    <row r="340634" spans="14:14">
      <c r="N340634" s="10"/>
    </row>
    <row r="340635" spans="14:14">
      <c r="N340635" s="10"/>
    </row>
    <row r="340636" spans="14:14">
      <c r="N340636" s="10"/>
    </row>
    <row r="340637" spans="14:14">
      <c r="N340637" s="10"/>
    </row>
    <row r="340638" spans="14:14">
      <c r="N340638" s="10"/>
    </row>
    <row r="340639" spans="14:14">
      <c r="N340639" s="10"/>
    </row>
    <row r="340640" spans="14:14">
      <c r="N340640" s="10"/>
    </row>
    <row r="340641" spans="14:14">
      <c r="N340641" s="10"/>
    </row>
    <row r="340642" spans="14:14">
      <c r="N340642" s="10"/>
    </row>
    <row r="340643" spans="14:14">
      <c r="N340643" s="10"/>
    </row>
    <row r="340644" spans="14:14">
      <c r="N340644" s="10"/>
    </row>
    <row r="340645" spans="14:14">
      <c r="N340645" s="10"/>
    </row>
    <row r="340646" spans="14:14">
      <c r="N340646" s="10"/>
    </row>
    <row r="340647" spans="14:14">
      <c r="N340647" s="10"/>
    </row>
    <row r="340648" spans="14:14">
      <c r="N340648" s="10"/>
    </row>
    <row r="340649" spans="14:14">
      <c r="N340649" s="10"/>
    </row>
    <row r="340650" spans="14:14">
      <c r="N340650" s="10"/>
    </row>
    <row r="340651" spans="14:14">
      <c r="N340651" s="10"/>
    </row>
    <row r="340652" spans="14:14">
      <c r="N340652" s="10"/>
    </row>
    <row r="340653" spans="14:14">
      <c r="N340653" s="10"/>
    </row>
    <row r="340654" spans="14:14">
      <c r="N340654" s="10"/>
    </row>
    <row r="340655" spans="14:14">
      <c r="N340655" s="10"/>
    </row>
    <row r="340656" spans="14:14">
      <c r="N340656" s="10"/>
    </row>
    <row r="340657" spans="14:14">
      <c r="N340657" s="10"/>
    </row>
    <row r="340658" spans="14:14">
      <c r="N340658" s="10"/>
    </row>
    <row r="340659" spans="14:14">
      <c r="N340659" s="10"/>
    </row>
    <row r="340660" spans="14:14">
      <c r="N340660" s="10"/>
    </row>
    <row r="340661" spans="14:14">
      <c r="N340661" s="10"/>
    </row>
    <row r="340662" spans="14:14">
      <c r="N340662" s="10"/>
    </row>
    <row r="340663" spans="14:14">
      <c r="N340663" s="10"/>
    </row>
    <row r="340664" spans="14:14">
      <c r="N340664" s="10"/>
    </row>
    <row r="340665" spans="14:14">
      <c r="N340665" s="10"/>
    </row>
    <row r="340666" spans="14:14">
      <c r="N340666" s="10"/>
    </row>
    <row r="340667" spans="14:14">
      <c r="N340667" s="10"/>
    </row>
    <row r="340668" spans="14:14">
      <c r="N340668" s="10"/>
    </row>
    <row r="340669" spans="14:14">
      <c r="N340669" s="10"/>
    </row>
    <row r="340670" spans="14:14">
      <c r="N340670" s="10"/>
    </row>
    <row r="340671" spans="14:14">
      <c r="N340671" s="10"/>
    </row>
    <row r="340672" spans="14:14">
      <c r="N340672" s="10"/>
    </row>
    <row r="340673" spans="14:14">
      <c r="N340673" s="10"/>
    </row>
    <row r="340674" spans="14:14">
      <c r="N340674" s="10"/>
    </row>
    <row r="340675" spans="14:14">
      <c r="N340675" s="10"/>
    </row>
    <row r="340676" spans="14:14">
      <c r="N340676" s="10"/>
    </row>
    <row r="340677" spans="14:14">
      <c r="N340677" s="10"/>
    </row>
    <row r="340678" spans="14:14">
      <c r="N340678" s="10"/>
    </row>
    <row r="340679" spans="14:14">
      <c r="N340679" s="10"/>
    </row>
    <row r="340680" spans="14:14">
      <c r="N340680" s="10"/>
    </row>
    <row r="340681" spans="14:14">
      <c r="N340681" s="10"/>
    </row>
    <row r="340682" spans="14:14">
      <c r="N340682" s="10"/>
    </row>
    <row r="340683" spans="14:14">
      <c r="N340683" s="10"/>
    </row>
    <row r="340684" spans="14:14">
      <c r="N340684" s="10"/>
    </row>
    <row r="340685" spans="14:14">
      <c r="N340685" s="10"/>
    </row>
    <row r="340686" spans="14:14">
      <c r="N340686" s="10"/>
    </row>
    <row r="340687" spans="14:14">
      <c r="N340687" s="10"/>
    </row>
    <row r="340688" spans="14:14">
      <c r="N340688" s="10"/>
    </row>
    <row r="340689" spans="14:14">
      <c r="N340689" s="10"/>
    </row>
    <row r="340690" spans="14:14">
      <c r="N340690" s="10"/>
    </row>
    <row r="340691" spans="14:14">
      <c r="N340691" s="10"/>
    </row>
    <row r="340692" spans="14:14">
      <c r="N340692" s="10"/>
    </row>
    <row r="340693" spans="14:14">
      <c r="N340693" s="10"/>
    </row>
    <row r="340694" spans="14:14">
      <c r="N340694" s="10"/>
    </row>
    <row r="340695" spans="14:14">
      <c r="N340695" s="10"/>
    </row>
    <row r="340696" spans="14:14">
      <c r="N340696" s="10"/>
    </row>
    <row r="340697" spans="14:14">
      <c r="N340697" s="10"/>
    </row>
    <row r="340698" spans="14:14">
      <c r="N340698" s="10"/>
    </row>
    <row r="340699" spans="14:14">
      <c r="N340699" s="10"/>
    </row>
    <row r="340700" spans="14:14">
      <c r="N340700" s="10"/>
    </row>
    <row r="340701" spans="14:14">
      <c r="N340701" s="10"/>
    </row>
    <row r="340702" spans="14:14">
      <c r="N340702" s="10"/>
    </row>
    <row r="340703" spans="14:14">
      <c r="N340703" s="10"/>
    </row>
    <row r="340704" spans="14:14">
      <c r="N340704" s="10"/>
    </row>
    <row r="340705" spans="14:14">
      <c r="N340705" s="10"/>
    </row>
    <row r="340706" spans="14:14">
      <c r="N340706" s="10"/>
    </row>
    <row r="340707" spans="14:14">
      <c r="N340707" s="10"/>
    </row>
    <row r="340708" spans="14:14">
      <c r="N340708" s="10"/>
    </row>
    <row r="340709" spans="14:14">
      <c r="N340709" s="10"/>
    </row>
    <row r="340710" spans="14:14">
      <c r="N340710" s="10"/>
    </row>
    <row r="340711" spans="14:14">
      <c r="N340711" s="10"/>
    </row>
    <row r="340712" spans="14:14">
      <c r="N340712" s="10"/>
    </row>
    <row r="340713" spans="14:14">
      <c r="N340713" s="10"/>
    </row>
    <row r="340714" spans="14:14">
      <c r="N340714" s="10"/>
    </row>
    <row r="340715" spans="14:14">
      <c r="N340715" s="10"/>
    </row>
    <row r="340716" spans="14:14">
      <c r="N340716" s="10"/>
    </row>
    <row r="340717" spans="14:14">
      <c r="N340717" s="10"/>
    </row>
    <row r="340718" spans="14:14">
      <c r="N340718" s="10"/>
    </row>
    <row r="340719" spans="14:14">
      <c r="N340719" s="10"/>
    </row>
    <row r="340720" spans="14:14">
      <c r="N340720" s="10"/>
    </row>
    <row r="340721" spans="14:14">
      <c r="N340721" s="10"/>
    </row>
    <row r="340722" spans="14:14">
      <c r="N340722" s="10"/>
    </row>
    <row r="340723" spans="14:14">
      <c r="N340723" s="10"/>
    </row>
    <row r="340724" spans="14:14">
      <c r="N340724" s="10"/>
    </row>
    <row r="340725" spans="14:14">
      <c r="N340725" s="10"/>
    </row>
    <row r="340726" spans="14:14">
      <c r="N340726" s="10"/>
    </row>
    <row r="340727" spans="14:14">
      <c r="N340727" s="10"/>
    </row>
    <row r="340728" spans="14:14">
      <c r="N340728" s="10"/>
    </row>
    <row r="340729" spans="14:14">
      <c r="N340729" s="10"/>
    </row>
    <row r="340730" spans="14:14">
      <c r="N340730" s="10"/>
    </row>
    <row r="340731" spans="14:14">
      <c r="N340731" s="10"/>
    </row>
    <row r="340732" spans="14:14">
      <c r="N340732" s="10"/>
    </row>
    <row r="340733" spans="14:14">
      <c r="N340733" s="10"/>
    </row>
    <row r="340734" spans="14:14">
      <c r="N340734" s="10"/>
    </row>
    <row r="340735" spans="14:14">
      <c r="N340735" s="10"/>
    </row>
    <row r="340736" spans="14:14">
      <c r="N340736" s="10"/>
    </row>
    <row r="340737" spans="14:14">
      <c r="N340737" s="10"/>
    </row>
    <row r="340738" spans="14:14">
      <c r="N340738" s="10"/>
    </row>
    <row r="340739" spans="14:14">
      <c r="N340739" s="10"/>
    </row>
    <row r="340740" spans="14:14">
      <c r="N340740" s="10"/>
    </row>
    <row r="340741" spans="14:14">
      <c r="N340741" s="10"/>
    </row>
    <row r="340742" spans="14:14">
      <c r="N340742" s="10"/>
    </row>
    <row r="340743" spans="14:14">
      <c r="N340743" s="10"/>
    </row>
    <row r="340744" spans="14:14">
      <c r="N340744" s="10"/>
    </row>
    <row r="340745" spans="14:14">
      <c r="N340745" s="10"/>
    </row>
    <row r="340746" spans="14:14">
      <c r="N340746" s="10"/>
    </row>
    <row r="340747" spans="14:14">
      <c r="N340747" s="10"/>
    </row>
    <row r="340748" spans="14:14">
      <c r="N340748" s="10"/>
    </row>
    <row r="340749" spans="14:14">
      <c r="N340749" s="10"/>
    </row>
    <row r="340750" spans="14:14">
      <c r="N340750" s="10"/>
    </row>
    <row r="340751" spans="14:14">
      <c r="N340751" s="10"/>
    </row>
    <row r="340752" spans="14:14">
      <c r="N340752" s="10"/>
    </row>
    <row r="340753" spans="14:14">
      <c r="N340753" s="10"/>
    </row>
    <row r="340754" spans="14:14">
      <c r="N340754" s="10"/>
    </row>
    <row r="340755" spans="14:14">
      <c r="N340755" s="10"/>
    </row>
    <row r="340756" spans="14:14">
      <c r="N340756" s="10"/>
    </row>
    <row r="340757" spans="14:14">
      <c r="N340757" s="10"/>
    </row>
    <row r="340758" spans="14:14">
      <c r="N340758" s="10"/>
    </row>
    <row r="340759" spans="14:14">
      <c r="N340759" s="10"/>
    </row>
    <row r="340760" spans="14:14">
      <c r="N340760" s="10"/>
    </row>
    <row r="340761" spans="14:14">
      <c r="N340761" s="10"/>
    </row>
    <row r="340762" spans="14:14">
      <c r="N340762" s="10"/>
    </row>
    <row r="340763" spans="14:14">
      <c r="N340763" s="10"/>
    </row>
    <row r="340764" spans="14:14">
      <c r="N340764" s="10"/>
    </row>
    <row r="340765" spans="14:14">
      <c r="N340765" s="10"/>
    </row>
    <row r="340766" spans="14:14">
      <c r="N340766" s="10"/>
    </row>
    <row r="340767" spans="14:14">
      <c r="N340767" s="10"/>
    </row>
    <row r="340768" spans="14:14">
      <c r="N340768" s="10"/>
    </row>
    <row r="340769" spans="14:14">
      <c r="N340769" s="10"/>
    </row>
    <row r="340770" spans="14:14">
      <c r="N340770" s="10"/>
    </row>
    <row r="340771" spans="14:14">
      <c r="N340771" s="10"/>
    </row>
    <row r="340772" spans="14:14">
      <c r="N340772" s="10"/>
    </row>
    <row r="340773" spans="14:14">
      <c r="N340773" s="10"/>
    </row>
    <row r="340774" spans="14:14">
      <c r="N340774" s="10"/>
    </row>
    <row r="340775" spans="14:14">
      <c r="N340775" s="10"/>
    </row>
    <row r="340776" spans="14:14">
      <c r="N340776" s="10"/>
    </row>
    <row r="340777" spans="14:14">
      <c r="N340777" s="10"/>
    </row>
    <row r="340778" spans="14:14">
      <c r="N340778" s="10"/>
    </row>
    <row r="340779" spans="14:14">
      <c r="N340779" s="10"/>
    </row>
    <row r="340780" spans="14:14">
      <c r="N340780" s="10"/>
    </row>
    <row r="340781" spans="14:14">
      <c r="N340781" s="10"/>
    </row>
    <row r="340782" spans="14:14">
      <c r="N340782" s="10"/>
    </row>
    <row r="340783" spans="14:14">
      <c r="N340783" s="10"/>
    </row>
    <row r="340784" spans="14:14">
      <c r="N340784" s="10"/>
    </row>
    <row r="340785" spans="14:14">
      <c r="N340785" s="10"/>
    </row>
    <row r="340786" spans="14:14">
      <c r="N340786" s="10"/>
    </row>
    <row r="340787" spans="14:14">
      <c r="N340787" s="10"/>
    </row>
    <row r="340788" spans="14:14">
      <c r="N340788" s="10"/>
    </row>
    <row r="340789" spans="14:14">
      <c r="N340789" s="10"/>
    </row>
    <row r="340790" spans="14:14">
      <c r="N340790" s="10"/>
    </row>
    <row r="340791" spans="14:14">
      <c r="N340791" s="10"/>
    </row>
    <row r="340792" spans="14:14">
      <c r="N340792" s="10"/>
    </row>
    <row r="340793" spans="14:14">
      <c r="N340793" s="10"/>
    </row>
    <row r="340794" spans="14:14">
      <c r="N340794" s="10"/>
    </row>
    <row r="340795" spans="14:14">
      <c r="N340795" s="10"/>
    </row>
    <row r="340796" spans="14:14">
      <c r="N340796" s="10"/>
    </row>
    <row r="340797" spans="14:14">
      <c r="N340797" s="10"/>
    </row>
    <row r="340798" spans="14:14">
      <c r="N340798" s="10"/>
    </row>
    <row r="340799" spans="14:14">
      <c r="N340799" s="10"/>
    </row>
    <row r="340800" spans="14:14">
      <c r="N340800" s="10"/>
    </row>
    <row r="340801" spans="14:14">
      <c r="N340801" s="10"/>
    </row>
    <row r="340802" spans="14:14">
      <c r="N340802" s="10"/>
    </row>
    <row r="340803" spans="14:14">
      <c r="N340803" s="10"/>
    </row>
    <row r="340804" spans="14:14">
      <c r="N340804" s="10"/>
    </row>
    <row r="340805" spans="14:14">
      <c r="N340805" s="10"/>
    </row>
    <row r="340806" spans="14:14">
      <c r="N340806" s="10"/>
    </row>
    <row r="340807" spans="14:14">
      <c r="N340807" s="10"/>
    </row>
    <row r="340808" spans="14:14">
      <c r="N340808" s="10"/>
    </row>
    <row r="340809" spans="14:14">
      <c r="N340809" s="10"/>
    </row>
    <row r="340810" spans="14:14">
      <c r="N340810" s="10"/>
    </row>
    <row r="340811" spans="14:14">
      <c r="N340811" s="10"/>
    </row>
    <row r="340812" spans="14:14">
      <c r="N340812" s="10"/>
    </row>
    <row r="340813" spans="14:14">
      <c r="N340813" s="10"/>
    </row>
    <row r="340814" spans="14:14">
      <c r="N340814" s="10"/>
    </row>
    <row r="340815" spans="14:14">
      <c r="N340815" s="10"/>
    </row>
    <row r="340816" spans="14:14">
      <c r="N340816" s="10"/>
    </row>
    <row r="340817" spans="14:14">
      <c r="N340817" s="10"/>
    </row>
    <row r="340818" spans="14:14">
      <c r="N340818" s="10"/>
    </row>
    <row r="340819" spans="14:14">
      <c r="N340819" s="10"/>
    </row>
    <row r="340820" spans="14:14">
      <c r="N340820" s="10"/>
    </row>
    <row r="340821" spans="14:14">
      <c r="N340821" s="10"/>
    </row>
    <row r="340822" spans="14:14">
      <c r="N340822" s="10"/>
    </row>
    <row r="340823" spans="14:14">
      <c r="N340823" s="10"/>
    </row>
    <row r="340824" spans="14:14">
      <c r="N340824" s="10"/>
    </row>
    <row r="340825" spans="14:14">
      <c r="N340825" s="10"/>
    </row>
    <row r="340826" spans="14:14">
      <c r="N340826" s="10"/>
    </row>
    <row r="340827" spans="14:14">
      <c r="N340827" s="10"/>
    </row>
    <row r="340828" spans="14:14">
      <c r="N340828" s="10"/>
    </row>
    <row r="340829" spans="14:14">
      <c r="N340829" s="10"/>
    </row>
    <row r="340830" spans="14:14">
      <c r="N340830" s="10"/>
    </row>
    <row r="340831" spans="14:14">
      <c r="N340831" s="10"/>
    </row>
    <row r="340832" spans="14:14">
      <c r="N340832" s="10"/>
    </row>
    <row r="340833" spans="14:14">
      <c r="N340833" s="10"/>
    </row>
    <row r="340834" spans="14:14">
      <c r="N340834" s="10"/>
    </row>
    <row r="340835" spans="14:14">
      <c r="N340835" s="10"/>
    </row>
    <row r="340836" spans="14:14">
      <c r="N340836" s="10"/>
    </row>
    <row r="340837" spans="14:14">
      <c r="N340837" s="10"/>
    </row>
    <row r="340838" spans="14:14">
      <c r="N340838" s="10"/>
    </row>
    <row r="340839" spans="14:14">
      <c r="N340839" s="10"/>
    </row>
    <row r="340840" spans="14:14">
      <c r="N340840" s="10"/>
    </row>
    <row r="340841" spans="14:14">
      <c r="N340841" s="10"/>
    </row>
    <row r="340842" spans="14:14">
      <c r="N340842" s="10"/>
    </row>
    <row r="340843" spans="14:14">
      <c r="N340843" s="10"/>
    </row>
    <row r="340844" spans="14:14">
      <c r="N340844" s="10"/>
    </row>
    <row r="340845" spans="14:14">
      <c r="N340845" s="10"/>
    </row>
    <row r="340846" spans="14:14">
      <c r="N340846" s="10"/>
    </row>
    <row r="340847" spans="14:14">
      <c r="N340847" s="10"/>
    </row>
    <row r="340848" spans="14:14">
      <c r="N340848" s="10"/>
    </row>
    <row r="340849" spans="14:14">
      <c r="N340849" s="10"/>
    </row>
    <row r="340850" spans="14:14">
      <c r="N340850" s="10"/>
    </row>
    <row r="340851" spans="14:14">
      <c r="N340851" s="10"/>
    </row>
    <row r="340852" spans="14:14">
      <c r="N340852" s="10"/>
    </row>
    <row r="340853" spans="14:14">
      <c r="N340853" s="10"/>
    </row>
    <row r="340854" spans="14:14">
      <c r="N340854" s="10"/>
    </row>
    <row r="340855" spans="14:14">
      <c r="N340855" s="10"/>
    </row>
    <row r="340856" spans="14:14">
      <c r="N340856" s="10"/>
    </row>
    <row r="340857" spans="14:14">
      <c r="N340857" s="10"/>
    </row>
    <row r="340858" spans="14:14">
      <c r="N340858" s="10"/>
    </row>
    <row r="340859" spans="14:14">
      <c r="N340859" s="10"/>
    </row>
    <row r="340860" spans="14:14">
      <c r="N340860" s="10"/>
    </row>
    <row r="340861" spans="14:14">
      <c r="N340861" s="10"/>
    </row>
    <row r="340862" spans="14:14">
      <c r="N340862" s="10"/>
    </row>
    <row r="340863" spans="14:14">
      <c r="N340863" s="10"/>
    </row>
    <row r="340864" spans="14:14">
      <c r="N340864" s="10"/>
    </row>
    <row r="340865" spans="14:14">
      <c r="N340865" s="10"/>
    </row>
    <row r="340866" spans="14:14">
      <c r="N340866" s="10"/>
    </row>
    <row r="340867" spans="14:14">
      <c r="N340867" s="10"/>
    </row>
    <row r="340868" spans="14:14">
      <c r="N340868" s="10"/>
    </row>
    <row r="340869" spans="14:14">
      <c r="N340869" s="10"/>
    </row>
    <row r="340870" spans="14:14">
      <c r="N340870" s="10"/>
    </row>
    <row r="340871" spans="14:14">
      <c r="N340871" s="10"/>
    </row>
    <row r="340872" spans="14:14">
      <c r="N340872" s="10"/>
    </row>
    <row r="340873" spans="14:14">
      <c r="N340873" s="10"/>
    </row>
    <row r="340874" spans="14:14">
      <c r="N340874" s="10"/>
    </row>
    <row r="340875" spans="14:14">
      <c r="N340875" s="10"/>
    </row>
    <row r="340876" spans="14:14">
      <c r="N340876" s="10"/>
    </row>
    <row r="340877" spans="14:14">
      <c r="N340877" s="10"/>
    </row>
    <row r="340878" spans="14:14">
      <c r="N340878" s="10"/>
    </row>
    <row r="340879" spans="14:14">
      <c r="N340879" s="10"/>
    </row>
    <row r="340880" spans="14:14">
      <c r="N340880" s="10"/>
    </row>
    <row r="340881" spans="14:14">
      <c r="N340881" s="10"/>
    </row>
    <row r="340882" spans="14:14">
      <c r="N340882" s="10"/>
    </row>
    <row r="340883" spans="14:14">
      <c r="N340883" s="10"/>
    </row>
    <row r="340884" spans="14:14">
      <c r="N340884" s="10"/>
    </row>
    <row r="340885" spans="14:14">
      <c r="N340885" s="10"/>
    </row>
    <row r="340886" spans="14:14">
      <c r="N340886" s="10"/>
    </row>
    <row r="340887" spans="14:14">
      <c r="N340887" s="10"/>
    </row>
    <row r="340888" spans="14:14">
      <c r="N340888" s="10"/>
    </row>
    <row r="340889" spans="14:14">
      <c r="N340889" s="10"/>
    </row>
    <row r="340890" spans="14:14">
      <c r="N340890" s="10"/>
    </row>
    <row r="340891" spans="14:14">
      <c r="N340891" s="10"/>
    </row>
    <row r="340892" spans="14:14">
      <c r="N340892" s="10"/>
    </row>
    <row r="340893" spans="14:14">
      <c r="N340893" s="10"/>
    </row>
    <row r="340894" spans="14:14">
      <c r="N340894" s="10"/>
    </row>
    <row r="340895" spans="14:14">
      <c r="N340895" s="10"/>
    </row>
    <row r="340896" spans="14:14">
      <c r="N340896" s="10"/>
    </row>
    <row r="340897" spans="14:14">
      <c r="N340897" s="10"/>
    </row>
    <row r="340898" spans="14:14">
      <c r="N340898" s="10"/>
    </row>
    <row r="340899" spans="14:14">
      <c r="N340899" s="10"/>
    </row>
    <row r="340900" spans="14:14">
      <c r="N340900" s="10"/>
    </row>
    <row r="340901" spans="14:14">
      <c r="N340901" s="10"/>
    </row>
    <row r="340902" spans="14:14">
      <c r="N340902" s="10"/>
    </row>
    <row r="340903" spans="14:14">
      <c r="N340903" s="10"/>
    </row>
    <row r="340904" spans="14:14">
      <c r="N340904" s="10"/>
    </row>
    <row r="340905" spans="14:14">
      <c r="N340905" s="10"/>
    </row>
    <row r="340906" spans="14:14">
      <c r="N340906" s="10"/>
    </row>
    <row r="340907" spans="14:14">
      <c r="N340907" s="10"/>
    </row>
    <row r="340908" spans="14:14">
      <c r="N340908" s="10"/>
    </row>
    <row r="340909" spans="14:14">
      <c r="N340909" s="10"/>
    </row>
    <row r="340910" spans="14:14">
      <c r="N340910" s="10"/>
    </row>
    <row r="340911" spans="14:14">
      <c r="N340911" s="10"/>
    </row>
    <row r="340912" spans="14:14">
      <c r="N340912" s="10"/>
    </row>
    <row r="340913" spans="14:14">
      <c r="N340913" s="10"/>
    </row>
    <row r="340914" spans="14:14">
      <c r="N340914" s="10"/>
    </row>
    <row r="340915" spans="14:14">
      <c r="N340915" s="10"/>
    </row>
    <row r="340916" spans="14:14">
      <c r="N340916" s="10"/>
    </row>
    <row r="340917" spans="14:14">
      <c r="N340917" s="10"/>
    </row>
    <row r="340918" spans="14:14">
      <c r="N340918" s="10"/>
    </row>
    <row r="340919" spans="14:14">
      <c r="N340919" s="10"/>
    </row>
    <row r="340920" spans="14:14">
      <c r="N340920" s="10"/>
    </row>
    <row r="340921" spans="14:14">
      <c r="N340921" s="10"/>
    </row>
    <row r="340922" spans="14:14">
      <c r="N340922" s="10"/>
    </row>
    <row r="340923" spans="14:14">
      <c r="N340923" s="10"/>
    </row>
    <row r="340924" spans="14:14">
      <c r="N340924" s="10"/>
    </row>
    <row r="340925" spans="14:14">
      <c r="N340925" s="10"/>
    </row>
    <row r="340926" spans="14:14">
      <c r="N340926" s="10"/>
    </row>
    <row r="340927" spans="14:14">
      <c r="N340927" s="10"/>
    </row>
    <row r="340928" spans="14:14">
      <c r="N340928" s="10"/>
    </row>
    <row r="340929" spans="14:14">
      <c r="N340929" s="10"/>
    </row>
    <row r="340930" spans="14:14">
      <c r="N340930" s="10"/>
    </row>
    <row r="340931" spans="14:14">
      <c r="N340931" s="10"/>
    </row>
    <row r="340932" spans="14:14">
      <c r="N340932" s="10"/>
    </row>
    <row r="340933" spans="14:14">
      <c r="N340933" s="10"/>
    </row>
    <row r="340934" spans="14:14">
      <c r="N340934" s="10"/>
    </row>
    <row r="340935" spans="14:14">
      <c r="N340935" s="10"/>
    </row>
    <row r="340936" spans="14:14">
      <c r="N340936" s="10"/>
    </row>
    <row r="340937" spans="14:14">
      <c r="N340937" s="10"/>
    </row>
    <row r="340938" spans="14:14">
      <c r="N340938" s="10"/>
    </row>
    <row r="340939" spans="14:14">
      <c r="N340939" s="10"/>
    </row>
    <row r="340940" spans="14:14">
      <c r="N340940" s="10"/>
    </row>
    <row r="340941" spans="14:14">
      <c r="N340941" s="10"/>
    </row>
    <row r="340942" spans="14:14">
      <c r="N340942" s="10"/>
    </row>
    <row r="340943" spans="14:14">
      <c r="N340943" s="10"/>
    </row>
    <row r="340944" spans="14:14">
      <c r="N340944" s="10"/>
    </row>
    <row r="340945" spans="14:14">
      <c r="N340945" s="10"/>
    </row>
    <row r="340946" spans="14:14">
      <c r="N340946" s="10"/>
    </row>
    <row r="340947" spans="14:14">
      <c r="N340947" s="10"/>
    </row>
    <row r="340948" spans="14:14">
      <c r="N340948" s="10"/>
    </row>
    <row r="340949" spans="14:14">
      <c r="N340949" s="10"/>
    </row>
    <row r="340950" spans="14:14">
      <c r="N340950" s="10"/>
    </row>
    <row r="340951" spans="14:14">
      <c r="N340951" s="10"/>
    </row>
    <row r="340952" spans="14:14">
      <c r="N340952" s="10"/>
    </row>
    <row r="340953" spans="14:14">
      <c r="N340953" s="10"/>
    </row>
    <row r="340954" spans="14:14">
      <c r="N340954" s="10"/>
    </row>
    <row r="340955" spans="14:14">
      <c r="N340955" s="10"/>
    </row>
    <row r="340956" spans="14:14">
      <c r="N340956" s="10"/>
    </row>
    <row r="340957" spans="14:14">
      <c r="N340957" s="10"/>
    </row>
    <row r="340958" spans="14:14">
      <c r="N340958" s="10"/>
    </row>
    <row r="340959" spans="14:14">
      <c r="N340959" s="10"/>
    </row>
    <row r="340960" spans="14:14">
      <c r="N340960" s="10"/>
    </row>
    <row r="340961" spans="14:14">
      <c r="N340961" s="10"/>
    </row>
    <row r="340962" spans="14:14">
      <c r="N340962" s="10"/>
    </row>
    <row r="340963" spans="14:14">
      <c r="N340963" s="10"/>
    </row>
    <row r="340964" spans="14:14">
      <c r="N340964" s="10"/>
    </row>
    <row r="340965" spans="14:14">
      <c r="N340965" s="10"/>
    </row>
    <row r="340966" spans="14:14">
      <c r="N340966" s="10"/>
    </row>
    <row r="340967" spans="14:14">
      <c r="N340967" s="10"/>
    </row>
    <row r="340968" spans="14:14">
      <c r="N340968" s="10"/>
    </row>
    <row r="340969" spans="14:14">
      <c r="N340969" s="10"/>
    </row>
    <row r="340970" spans="14:14">
      <c r="N340970" s="10"/>
    </row>
    <row r="340971" spans="14:14">
      <c r="N340971" s="10"/>
    </row>
    <row r="340972" spans="14:14">
      <c r="N340972" s="10"/>
    </row>
    <row r="340973" spans="14:14">
      <c r="N340973" s="10"/>
    </row>
    <row r="340974" spans="14:14">
      <c r="N340974" s="10"/>
    </row>
    <row r="340975" spans="14:14">
      <c r="N340975" s="10"/>
    </row>
    <row r="340976" spans="14:14">
      <c r="N340976" s="10"/>
    </row>
    <row r="340977" spans="14:14">
      <c r="N340977" s="10"/>
    </row>
    <row r="340978" spans="14:14">
      <c r="N340978" s="10"/>
    </row>
    <row r="340979" spans="14:14">
      <c r="N340979" s="10"/>
    </row>
    <row r="340980" spans="14:14">
      <c r="N340980" s="10"/>
    </row>
    <row r="340981" spans="14:14">
      <c r="N340981" s="10"/>
    </row>
    <row r="340982" spans="14:14">
      <c r="N340982" s="10"/>
    </row>
    <row r="340983" spans="14:14">
      <c r="N340983" s="10"/>
    </row>
    <row r="340984" spans="14:14">
      <c r="N340984" s="10"/>
    </row>
    <row r="340985" spans="14:14">
      <c r="N340985" s="10"/>
    </row>
    <row r="340986" spans="14:14">
      <c r="N340986" s="10"/>
    </row>
    <row r="340987" spans="14:14">
      <c r="N340987" s="10"/>
    </row>
    <row r="340988" spans="14:14">
      <c r="N340988" s="10"/>
    </row>
    <row r="340989" spans="14:14">
      <c r="N340989" s="10"/>
    </row>
    <row r="340990" spans="14:14">
      <c r="N340990" s="10"/>
    </row>
    <row r="340991" spans="14:14">
      <c r="N340991" s="10"/>
    </row>
    <row r="340992" spans="14:14">
      <c r="N340992" s="10"/>
    </row>
    <row r="340993" spans="14:14">
      <c r="N340993" s="10"/>
    </row>
    <row r="340994" spans="14:14">
      <c r="N340994" s="10"/>
    </row>
    <row r="340995" spans="14:14">
      <c r="N340995" s="10"/>
    </row>
    <row r="340996" spans="14:14">
      <c r="N340996" s="10"/>
    </row>
    <row r="340997" spans="14:14">
      <c r="N340997" s="10"/>
    </row>
    <row r="340998" spans="14:14">
      <c r="N340998" s="10"/>
    </row>
    <row r="340999" spans="14:14">
      <c r="N340999" s="10"/>
    </row>
    <row r="341000" spans="14:14">
      <c r="N341000" s="10"/>
    </row>
    <row r="341001" spans="14:14">
      <c r="N341001" s="10"/>
    </row>
    <row r="341002" spans="14:14">
      <c r="N341002" s="10"/>
    </row>
    <row r="341003" spans="14:14">
      <c r="N341003" s="10"/>
    </row>
    <row r="341004" spans="14:14">
      <c r="N341004" s="10"/>
    </row>
    <row r="341005" spans="14:14">
      <c r="N341005" s="10"/>
    </row>
    <row r="341006" spans="14:14">
      <c r="N341006" s="10"/>
    </row>
    <row r="341007" spans="14:14">
      <c r="N341007" s="10"/>
    </row>
    <row r="341008" spans="14:14">
      <c r="N341008" s="10"/>
    </row>
    <row r="341009" spans="14:14">
      <c r="N341009" s="10"/>
    </row>
    <row r="341010" spans="14:14">
      <c r="N341010" s="10"/>
    </row>
    <row r="341011" spans="14:14">
      <c r="N341011" s="10"/>
    </row>
    <row r="341012" spans="14:14">
      <c r="N341012" s="10"/>
    </row>
    <row r="341013" spans="14:14">
      <c r="N341013" s="10"/>
    </row>
    <row r="341014" spans="14:14">
      <c r="N341014" s="10"/>
    </row>
    <row r="341015" spans="14:14">
      <c r="N341015" s="10"/>
    </row>
    <row r="341016" spans="14:14">
      <c r="N341016" s="10"/>
    </row>
    <row r="341017" spans="14:14">
      <c r="N341017" s="10"/>
    </row>
    <row r="341018" spans="14:14">
      <c r="N341018" s="10"/>
    </row>
    <row r="341019" spans="14:14">
      <c r="N341019" s="10"/>
    </row>
    <row r="341020" spans="14:14">
      <c r="N341020" s="10"/>
    </row>
    <row r="341021" spans="14:14">
      <c r="N341021" s="10"/>
    </row>
    <row r="341022" spans="14:14">
      <c r="N341022" s="10"/>
    </row>
    <row r="341023" spans="14:14">
      <c r="N341023" s="10"/>
    </row>
    <row r="341024" spans="14:14">
      <c r="N341024" s="10"/>
    </row>
    <row r="341025" spans="14:14">
      <c r="N341025" s="10"/>
    </row>
    <row r="341026" spans="14:14">
      <c r="N341026" s="10"/>
    </row>
    <row r="341027" spans="14:14">
      <c r="N341027" s="10"/>
    </row>
    <row r="341028" spans="14:14">
      <c r="N341028" s="10"/>
    </row>
    <row r="341029" spans="14:14">
      <c r="N341029" s="10"/>
    </row>
    <row r="341030" spans="14:14">
      <c r="N341030" s="10"/>
    </row>
    <row r="341031" spans="14:14">
      <c r="N341031" s="10"/>
    </row>
    <row r="341032" spans="14:14">
      <c r="N341032" s="10"/>
    </row>
    <row r="341033" spans="14:14">
      <c r="N341033" s="10"/>
    </row>
    <row r="341034" spans="14:14">
      <c r="N341034" s="10"/>
    </row>
    <row r="341035" spans="14:14">
      <c r="N341035" s="10"/>
    </row>
    <row r="341036" spans="14:14">
      <c r="N341036" s="10"/>
    </row>
    <row r="341037" spans="14:14">
      <c r="N341037" s="10"/>
    </row>
    <row r="341038" spans="14:14">
      <c r="N341038" s="10"/>
    </row>
    <row r="341039" spans="14:14">
      <c r="N341039" s="10"/>
    </row>
    <row r="341040" spans="14:14">
      <c r="N341040" s="10"/>
    </row>
    <row r="341041" spans="14:14">
      <c r="N341041" s="10"/>
    </row>
    <row r="341042" spans="14:14">
      <c r="N341042" s="10"/>
    </row>
    <row r="341043" spans="14:14">
      <c r="N341043" s="10"/>
    </row>
    <row r="341044" spans="14:14">
      <c r="N341044" s="10"/>
    </row>
    <row r="341045" spans="14:14">
      <c r="N341045" s="10"/>
    </row>
    <row r="341046" spans="14:14">
      <c r="N341046" s="10"/>
    </row>
    <row r="341047" spans="14:14">
      <c r="N341047" s="10"/>
    </row>
    <row r="341048" spans="14:14">
      <c r="N341048" s="10"/>
    </row>
    <row r="341049" spans="14:14">
      <c r="N341049" s="10"/>
    </row>
    <row r="341050" spans="14:14">
      <c r="N341050" s="10"/>
    </row>
    <row r="341051" spans="14:14">
      <c r="N341051" s="10"/>
    </row>
    <row r="341052" spans="14:14">
      <c r="N341052" s="10"/>
    </row>
    <row r="341053" spans="14:14">
      <c r="N341053" s="10"/>
    </row>
    <row r="341054" spans="14:14">
      <c r="N341054" s="10"/>
    </row>
    <row r="341055" spans="14:14">
      <c r="N341055" s="10"/>
    </row>
    <row r="341056" spans="14:14">
      <c r="N341056" s="10"/>
    </row>
    <row r="341057" spans="14:14">
      <c r="N341057" s="10"/>
    </row>
    <row r="341058" spans="14:14">
      <c r="N341058" s="10"/>
    </row>
    <row r="341059" spans="14:14">
      <c r="N341059" s="10"/>
    </row>
    <row r="341060" spans="14:14">
      <c r="N341060" s="10"/>
    </row>
    <row r="341061" spans="14:14">
      <c r="N341061" s="10"/>
    </row>
    <row r="341062" spans="14:14">
      <c r="N341062" s="10"/>
    </row>
    <row r="341063" spans="14:14">
      <c r="N341063" s="10"/>
    </row>
    <row r="341064" spans="14:14">
      <c r="N341064" s="10"/>
    </row>
    <row r="341065" spans="14:14">
      <c r="N341065" s="10"/>
    </row>
    <row r="341066" spans="14:14">
      <c r="N341066" s="10"/>
    </row>
    <row r="341067" spans="14:14">
      <c r="N341067" s="10"/>
    </row>
    <row r="341068" spans="14:14">
      <c r="N341068" s="10"/>
    </row>
    <row r="341069" spans="14:14">
      <c r="N341069" s="10"/>
    </row>
    <row r="341070" spans="14:14">
      <c r="N341070" s="10"/>
    </row>
    <row r="341071" spans="14:14">
      <c r="N341071" s="10"/>
    </row>
    <row r="341072" spans="14:14">
      <c r="N341072" s="10"/>
    </row>
    <row r="341073" spans="14:14">
      <c r="N341073" s="10"/>
    </row>
    <row r="341074" spans="14:14">
      <c r="N341074" s="10"/>
    </row>
    <row r="341075" spans="14:14">
      <c r="N341075" s="10"/>
    </row>
    <row r="341076" spans="14:14">
      <c r="N341076" s="10"/>
    </row>
    <row r="341077" spans="14:14">
      <c r="N341077" s="10"/>
    </row>
    <row r="341078" spans="14:14">
      <c r="N341078" s="10"/>
    </row>
    <row r="341079" spans="14:14">
      <c r="N341079" s="10"/>
    </row>
    <row r="341080" spans="14:14">
      <c r="N341080" s="10"/>
    </row>
    <row r="341081" spans="14:14">
      <c r="N341081" s="10"/>
    </row>
    <row r="341082" spans="14:14">
      <c r="N341082" s="10"/>
    </row>
    <row r="341083" spans="14:14">
      <c r="N341083" s="10"/>
    </row>
    <row r="341084" spans="14:14">
      <c r="N341084" s="10"/>
    </row>
    <row r="341085" spans="14:14">
      <c r="N341085" s="10"/>
    </row>
    <row r="341086" spans="14:14">
      <c r="N341086" s="10"/>
    </row>
    <row r="341087" spans="14:14">
      <c r="N341087" s="10"/>
    </row>
    <row r="341088" spans="14:14">
      <c r="N341088" s="10"/>
    </row>
    <row r="341089" spans="14:14">
      <c r="N341089" s="10"/>
    </row>
    <row r="341090" spans="14:14">
      <c r="N341090" s="10"/>
    </row>
    <row r="341091" spans="14:14">
      <c r="N341091" s="10"/>
    </row>
    <row r="341092" spans="14:14">
      <c r="N341092" s="10"/>
    </row>
    <row r="341093" spans="14:14">
      <c r="N341093" s="10"/>
    </row>
    <row r="341094" spans="14:14">
      <c r="N341094" s="10"/>
    </row>
    <row r="341095" spans="14:14">
      <c r="N341095" s="10"/>
    </row>
    <row r="341096" spans="14:14">
      <c r="N341096" s="10"/>
    </row>
    <row r="341097" spans="14:14">
      <c r="N341097" s="10"/>
    </row>
    <row r="341098" spans="14:14">
      <c r="N341098" s="10"/>
    </row>
    <row r="341099" spans="14:14">
      <c r="N341099" s="10"/>
    </row>
    <row r="341100" spans="14:14">
      <c r="N341100" s="10"/>
    </row>
    <row r="341101" spans="14:14">
      <c r="N341101" s="10"/>
    </row>
    <row r="341102" spans="14:14">
      <c r="N341102" s="10"/>
    </row>
    <row r="341103" spans="14:14">
      <c r="N341103" s="10"/>
    </row>
    <row r="341104" spans="14:14">
      <c r="N341104" s="10"/>
    </row>
    <row r="341105" spans="14:14">
      <c r="N341105" s="10"/>
    </row>
    <row r="341106" spans="14:14">
      <c r="N341106" s="10"/>
    </row>
    <row r="341107" spans="14:14">
      <c r="N341107" s="10"/>
    </row>
    <row r="341108" spans="14:14">
      <c r="N341108" s="10"/>
    </row>
    <row r="341109" spans="14:14">
      <c r="N341109" s="10"/>
    </row>
    <row r="341110" spans="14:14">
      <c r="N341110" s="10"/>
    </row>
    <row r="341111" spans="14:14">
      <c r="N341111" s="10"/>
    </row>
    <row r="341112" spans="14:14">
      <c r="N341112" s="10"/>
    </row>
    <row r="341113" spans="14:14">
      <c r="N341113" s="10"/>
    </row>
    <row r="341114" spans="14:14">
      <c r="N341114" s="10"/>
    </row>
    <row r="341115" spans="14:14">
      <c r="N341115" s="10"/>
    </row>
    <row r="341116" spans="14:14">
      <c r="N341116" s="10"/>
    </row>
    <row r="341117" spans="14:14">
      <c r="N341117" s="10"/>
    </row>
    <row r="341118" spans="14:14">
      <c r="N341118" s="10"/>
    </row>
    <row r="341119" spans="14:14">
      <c r="N341119" s="10"/>
    </row>
    <row r="341120" spans="14:14">
      <c r="N341120" s="10"/>
    </row>
    <row r="341121" spans="14:14">
      <c r="N341121" s="10"/>
    </row>
    <row r="341122" spans="14:14">
      <c r="N341122" s="10"/>
    </row>
    <row r="341123" spans="14:14">
      <c r="N341123" s="10"/>
    </row>
    <row r="341124" spans="14:14">
      <c r="N341124" s="10"/>
    </row>
    <row r="341125" spans="14:14">
      <c r="N341125" s="10"/>
    </row>
    <row r="341126" spans="14:14">
      <c r="N341126" s="10"/>
    </row>
    <row r="341127" spans="14:14">
      <c r="N341127" s="10"/>
    </row>
    <row r="341128" spans="14:14">
      <c r="N341128" s="10"/>
    </row>
    <row r="341129" spans="14:14">
      <c r="N341129" s="10"/>
    </row>
    <row r="341130" spans="14:14">
      <c r="N341130" s="10"/>
    </row>
    <row r="341131" spans="14:14">
      <c r="N341131" s="10"/>
    </row>
    <row r="341132" spans="14:14">
      <c r="N341132" s="10"/>
    </row>
    <row r="341133" spans="14:14">
      <c r="N341133" s="10"/>
    </row>
    <row r="341134" spans="14:14">
      <c r="N341134" s="10"/>
    </row>
    <row r="341135" spans="14:14">
      <c r="N341135" s="10"/>
    </row>
    <row r="341136" spans="14:14">
      <c r="N341136" s="10"/>
    </row>
    <row r="341137" spans="14:14">
      <c r="N341137" s="10"/>
    </row>
    <row r="341138" spans="14:14">
      <c r="N341138" s="10"/>
    </row>
    <row r="341139" spans="14:14">
      <c r="N341139" s="10"/>
    </row>
    <row r="341140" spans="14:14">
      <c r="N341140" s="10"/>
    </row>
    <row r="341141" spans="14:14">
      <c r="N341141" s="10"/>
    </row>
    <row r="341142" spans="14:14">
      <c r="N341142" s="10"/>
    </row>
    <row r="341143" spans="14:14">
      <c r="N341143" s="10"/>
    </row>
    <row r="341144" spans="14:14">
      <c r="N341144" s="10"/>
    </row>
    <row r="341145" spans="14:14">
      <c r="N341145" s="10"/>
    </row>
    <row r="341146" spans="14:14">
      <c r="N341146" s="10"/>
    </row>
    <row r="341147" spans="14:14">
      <c r="N341147" s="10"/>
    </row>
    <row r="341148" spans="14:14">
      <c r="N341148" s="10"/>
    </row>
    <row r="341149" spans="14:14">
      <c r="N341149" s="10"/>
    </row>
    <row r="341150" spans="14:14">
      <c r="N341150" s="10"/>
    </row>
    <row r="341151" spans="14:14">
      <c r="N341151" s="10"/>
    </row>
    <row r="341152" spans="14:14">
      <c r="N341152" s="10"/>
    </row>
    <row r="341153" spans="14:14">
      <c r="N341153" s="10"/>
    </row>
    <row r="341154" spans="14:14">
      <c r="N341154" s="10"/>
    </row>
    <row r="341155" spans="14:14">
      <c r="N341155" s="10"/>
    </row>
    <row r="341156" spans="14:14">
      <c r="N341156" s="10"/>
    </row>
    <row r="341157" spans="14:14">
      <c r="N341157" s="10"/>
    </row>
    <row r="341158" spans="14:14">
      <c r="N341158" s="10"/>
    </row>
    <row r="341159" spans="14:14">
      <c r="N341159" s="10"/>
    </row>
    <row r="341160" spans="14:14">
      <c r="N341160" s="10"/>
    </row>
    <row r="341161" spans="14:14">
      <c r="N341161" s="10"/>
    </row>
    <row r="341162" spans="14:14">
      <c r="N341162" s="10"/>
    </row>
    <row r="341163" spans="14:14">
      <c r="N341163" s="10"/>
    </row>
    <row r="341164" spans="14:14">
      <c r="N341164" s="10"/>
    </row>
    <row r="341165" spans="14:14">
      <c r="N341165" s="10"/>
    </row>
    <row r="341166" spans="14:14">
      <c r="N341166" s="10"/>
    </row>
    <row r="341167" spans="14:14">
      <c r="N341167" s="10"/>
    </row>
    <row r="341168" spans="14:14">
      <c r="N341168" s="10"/>
    </row>
    <row r="341169" spans="14:14">
      <c r="N341169" s="10"/>
    </row>
    <row r="341170" spans="14:14">
      <c r="N341170" s="10"/>
    </row>
    <row r="341171" spans="14:14">
      <c r="N341171" s="10"/>
    </row>
    <row r="341172" spans="14:14">
      <c r="N341172" s="10"/>
    </row>
    <row r="341173" spans="14:14">
      <c r="N341173" s="10"/>
    </row>
    <row r="341174" spans="14:14">
      <c r="N341174" s="10"/>
    </row>
    <row r="341175" spans="14:14">
      <c r="N341175" s="10"/>
    </row>
    <row r="341176" spans="14:14">
      <c r="N341176" s="10"/>
    </row>
    <row r="341177" spans="14:14">
      <c r="N341177" s="10"/>
    </row>
    <row r="341178" spans="14:14">
      <c r="N341178" s="10"/>
    </row>
    <row r="341179" spans="14:14">
      <c r="N341179" s="10"/>
    </row>
    <row r="341180" spans="14:14">
      <c r="N341180" s="10"/>
    </row>
    <row r="341181" spans="14:14">
      <c r="N341181" s="10"/>
    </row>
    <row r="341182" spans="14:14">
      <c r="N341182" s="10"/>
    </row>
    <row r="341183" spans="14:14">
      <c r="N341183" s="10"/>
    </row>
    <row r="341184" spans="14:14">
      <c r="N341184" s="10"/>
    </row>
    <row r="341185" spans="14:14">
      <c r="N341185" s="10"/>
    </row>
    <row r="341186" spans="14:14">
      <c r="N341186" s="10"/>
    </row>
    <row r="341187" spans="14:14">
      <c r="N341187" s="10"/>
    </row>
    <row r="341188" spans="14:14">
      <c r="N341188" s="10"/>
    </row>
    <row r="341189" spans="14:14">
      <c r="N341189" s="10"/>
    </row>
    <row r="341190" spans="14:14">
      <c r="N341190" s="10"/>
    </row>
    <row r="341191" spans="14:14">
      <c r="N341191" s="10"/>
    </row>
    <row r="341192" spans="14:14">
      <c r="N341192" s="10"/>
    </row>
    <row r="341193" spans="14:14">
      <c r="N341193" s="10"/>
    </row>
    <row r="341194" spans="14:14">
      <c r="N341194" s="10"/>
    </row>
    <row r="341195" spans="14:14">
      <c r="N341195" s="10"/>
    </row>
    <row r="341196" spans="14:14">
      <c r="N341196" s="10"/>
    </row>
    <row r="341197" spans="14:14">
      <c r="N341197" s="10"/>
    </row>
    <row r="341198" spans="14:14">
      <c r="N341198" s="10"/>
    </row>
    <row r="341199" spans="14:14">
      <c r="N341199" s="10"/>
    </row>
    <row r="341200" spans="14:14">
      <c r="N341200" s="10"/>
    </row>
    <row r="341201" spans="14:14">
      <c r="N341201" s="10"/>
    </row>
    <row r="341202" spans="14:14">
      <c r="N341202" s="10"/>
    </row>
    <row r="341203" spans="14:14">
      <c r="N341203" s="10"/>
    </row>
    <row r="341204" spans="14:14">
      <c r="N341204" s="10"/>
    </row>
    <row r="341205" spans="14:14">
      <c r="N341205" s="10"/>
    </row>
    <row r="341206" spans="14:14">
      <c r="N341206" s="10"/>
    </row>
    <row r="341207" spans="14:14">
      <c r="N341207" s="10"/>
    </row>
    <row r="341208" spans="14:14">
      <c r="N341208" s="10"/>
    </row>
    <row r="341209" spans="14:14">
      <c r="N341209" s="10"/>
    </row>
    <row r="341210" spans="14:14">
      <c r="N341210" s="10"/>
    </row>
    <row r="341211" spans="14:14">
      <c r="N341211" s="10"/>
    </row>
    <row r="341212" spans="14:14">
      <c r="N341212" s="10"/>
    </row>
    <row r="341213" spans="14:14">
      <c r="N341213" s="10"/>
    </row>
    <row r="341214" spans="14:14">
      <c r="N341214" s="10"/>
    </row>
    <row r="341215" spans="14:14">
      <c r="N341215" s="10"/>
    </row>
    <row r="341216" spans="14:14">
      <c r="N341216" s="10"/>
    </row>
    <row r="341217" spans="14:14">
      <c r="N341217" s="10"/>
    </row>
    <row r="341218" spans="14:14">
      <c r="N341218" s="10"/>
    </row>
    <row r="341219" spans="14:14">
      <c r="N341219" s="10"/>
    </row>
    <row r="341220" spans="14:14">
      <c r="N341220" s="10"/>
    </row>
    <row r="341221" spans="14:14">
      <c r="N341221" s="10"/>
    </row>
    <row r="341222" spans="14:14">
      <c r="N341222" s="10"/>
    </row>
    <row r="341223" spans="14:14">
      <c r="N341223" s="10"/>
    </row>
    <row r="341224" spans="14:14">
      <c r="N341224" s="10"/>
    </row>
    <row r="341225" spans="14:14">
      <c r="N341225" s="10"/>
    </row>
    <row r="341226" spans="14:14">
      <c r="N341226" s="10"/>
    </row>
    <row r="341227" spans="14:14">
      <c r="N341227" s="10"/>
    </row>
    <row r="341228" spans="14:14">
      <c r="N341228" s="10"/>
    </row>
    <row r="341229" spans="14:14">
      <c r="N341229" s="10"/>
    </row>
    <row r="341230" spans="14:14">
      <c r="N341230" s="10"/>
    </row>
    <row r="341231" spans="14:14">
      <c r="N341231" s="10"/>
    </row>
    <row r="341232" spans="14:14">
      <c r="N341232" s="10"/>
    </row>
    <row r="341233" spans="14:14">
      <c r="N341233" s="10"/>
    </row>
    <row r="341234" spans="14:14">
      <c r="N341234" s="10"/>
    </row>
    <row r="341235" spans="14:14">
      <c r="N341235" s="10"/>
    </row>
    <row r="341236" spans="14:14">
      <c r="N341236" s="10"/>
    </row>
    <row r="341237" spans="14:14">
      <c r="N341237" s="10"/>
    </row>
    <row r="341238" spans="14:14">
      <c r="N341238" s="10"/>
    </row>
    <row r="341239" spans="14:14">
      <c r="N341239" s="10"/>
    </row>
    <row r="341240" spans="14:14">
      <c r="N341240" s="10"/>
    </row>
    <row r="341241" spans="14:14">
      <c r="N341241" s="10"/>
    </row>
    <row r="341242" spans="14:14">
      <c r="N341242" s="10"/>
    </row>
    <row r="341243" spans="14:14">
      <c r="N341243" s="10"/>
    </row>
    <row r="341244" spans="14:14">
      <c r="N341244" s="10"/>
    </row>
    <row r="341245" spans="14:14">
      <c r="N341245" s="10"/>
    </row>
    <row r="341246" spans="14:14">
      <c r="N341246" s="10"/>
    </row>
    <row r="341247" spans="14:14">
      <c r="N341247" s="10"/>
    </row>
    <row r="341248" spans="14:14">
      <c r="N341248" s="10"/>
    </row>
    <row r="341249" spans="14:14">
      <c r="N341249" s="10"/>
    </row>
    <row r="341250" spans="14:14">
      <c r="N341250" s="10"/>
    </row>
    <row r="341251" spans="14:14">
      <c r="N341251" s="10"/>
    </row>
    <row r="341252" spans="14:14">
      <c r="N341252" s="10"/>
    </row>
    <row r="341253" spans="14:14">
      <c r="N341253" s="10"/>
    </row>
    <row r="341254" spans="14:14">
      <c r="N341254" s="10"/>
    </row>
    <row r="341255" spans="14:14">
      <c r="N341255" s="10"/>
    </row>
    <row r="341256" spans="14:14">
      <c r="N341256" s="10"/>
    </row>
    <row r="341257" spans="14:14">
      <c r="N341257" s="10"/>
    </row>
    <row r="341258" spans="14:14">
      <c r="N341258" s="10"/>
    </row>
    <row r="341259" spans="14:14">
      <c r="N341259" s="10"/>
    </row>
    <row r="341260" spans="14:14">
      <c r="N341260" s="10"/>
    </row>
    <row r="341261" spans="14:14">
      <c r="N341261" s="10"/>
    </row>
    <row r="341262" spans="14:14">
      <c r="N341262" s="10"/>
    </row>
    <row r="341263" spans="14:14">
      <c r="N341263" s="10"/>
    </row>
    <row r="341264" spans="14:14">
      <c r="N341264" s="10"/>
    </row>
    <row r="341265" spans="14:14">
      <c r="N341265" s="10"/>
    </row>
    <row r="341266" spans="14:14">
      <c r="N341266" s="10"/>
    </row>
    <row r="341267" spans="14:14">
      <c r="N341267" s="10"/>
    </row>
    <row r="341268" spans="14:14">
      <c r="N341268" s="10"/>
    </row>
    <row r="341269" spans="14:14">
      <c r="N341269" s="10"/>
    </row>
    <row r="341270" spans="14:14">
      <c r="N341270" s="10"/>
    </row>
    <row r="341271" spans="14:14">
      <c r="N341271" s="10"/>
    </row>
    <row r="341272" spans="14:14">
      <c r="N341272" s="10"/>
    </row>
    <row r="341273" spans="14:14">
      <c r="N341273" s="10"/>
    </row>
    <row r="341274" spans="14:14">
      <c r="N341274" s="10"/>
    </row>
    <row r="341275" spans="14:14">
      <c r="N341275" s="10"/>
    </row>
    <row r="341276" spans="14:14">
      <c r="N341276" s="10"/>
    </row>
    <row r="341277" spans="14:14">
      <c r="N341277" s="10"/>
    </row>
    <row r="341278" spans="14:14">
      <c r="N341278" s="10"/>
    </row>
    <row r="341279" spans="14:14">
      <c r="N341279" s="10"/>
    </row>
    <row r="341280" spans="14:14">
      <c r="N341280" s="10"/>
    </row>
    <row r="341281" spans="14:14">
      <c r="N341281" s="10"/>
    </row>
    <row r="341282" spans="14:14">
      <c r="N341282" s="10"/>
    </row>
    <row r="341283" spans="14:14">
      <c r="N341283" s="10"/>
    </row>
    <row r="341284" spans="14:14">
      <c r="N341284" s="10"/>
    </row>
    <row r="341285" spans="14:14">
      <c r="N341285" s="10"/>
    </row>
    <row r="341286" spans="14:14">
      <c r="N341286" s="10"/>
    </row>
    <row r="341287" spans="14:14">
      <c r="N341287" s="10"/>
    </row>
    <row r="341288" spans="14:14">
      <c r="N341288" s="10"/>
    </row>
    <row r="341289" spans="14:14">
      <c r="N341289" s="10"/>
    </row>
    <row r="341290" spans="14:14">
      <c r="N341290" s="10"/>
    </row>
    <row r="341291" spans="14:14">
      <c r="N341291" s="10"/>
    </row>
    <row r="341292" spans="14:14">
      <c r="N341292" s="10"/>
    </row>
    <row r="341293" spans="14:14">
      <c r="N341293" s="10"/>
    </row>
    <row r="341294" spans="14:14">
      <c r="N341294" s="10"/>
    </row>
    <row r="341295" spans="14:14">
      <c r="N341295" s="10"/>
    </row>
    <row r="341296" spans="14:14">
      <c r="N341296" s="10"/>
    </row>
    <row r="341297" spans="14:14">
      <c r="N341297" s="10"/>
    </row>
    <row r="341298" spans="14:14">
      <c r="N341298" s="10"/>
    </row>
    <row r="341299" spans="14:14">
      <c r="N341299" s="10"/>
    </row>
    <row r="341300" spans="14:14">
      <c r="N341300" s="10"/>
    </row>
    <row r="341301" spans="14:14">
      <c r="N341301" s="10"/>
    </row>
    <row r="341302" spans="14:14">
      <c r="N341302" s="10"/>
    </row>
    <row r="341303" spans="14:14">
      <c r="N341303" s="10"/>
    </row>
    <row r="341304" spans="14:14">
      <c r="N341304" s="10"/>
    </row>
    <row r="341305" spans="14:14">
      <c r="N341305" s="10"/>
    </row>
    <row r="341306" spans="14:14">
      <c r="N341306" s="10"/>
    </row>
    <row r="341307" spans="14:14">
      <c r="N341307" s="10"/>
    </row>
    <row r="341308" spans="14:14">
      <c r="N341308" s="10"/>
    </row>
    <row r="341309" spans="14:14">
      <c r="N341309" s="10"/>
    </row>
    <row r="341310" spans="14:14">
      <c r="N341310" s="10"/>
    </row>
    <row r="341311" spans="14:14">
      <c r="N341311" s="10"/>
    </row>
    <row r="341312" spans="14:14">
      <c r="N341312" s="10"/>
    </row>
    <row r="341313" spans="14:14">
      <c r="N341313" s="10"/>
    </row>
    <row r="341314" spans="14:14">
      <c r="N341314" s="10"/>
    </row>
    <row r="341315" spans="14:14">
      <c r="N341315" s="10"/>
    </row>
    <row r="341316" spans="14:14">
      <c r="N341316" s="10"/>
    </row>
    <row r="341317" spans="14:14">
      <c r="N341317" s="10"/>
    </row>
    <row r="341318" spans="14:14">
      <c r="N341318" s="10"/>
    </row>
    <row r="341319" spans="14:14">
      <c r="N341319" s="10"/>
    </row>
    <row r="341320" spans="14:14">
      <c r="N341320" s="10"/>
    </row>
    <row r="341321" spans="14:14">
      <c r="N341321" s="10"/>
    </row>
    <row r="341322" spans="14:14">
      <c r="N341322" s="10"/>
    </row>
    <row r="341323" spans="14:14">
      <c r="N341323" s="10"/>
    </row>
    <row r="341324" spans="14:14">
      <c r="N341324" s="10"/>
    </row>
    <row r="341325" spans="14:14">
      <c r="N341325" s="10"/>
    </row>
    <row r="341326" spans="14:14">
      <c r="N341326" s="10"/>
    </row>
    <row r="341327" spans="14:14">
      <c r="N341327" s="10"/>
    </row>
    <row r="341328" spans="14:14">
      <c r="N341328" s="10"/>
    </row>
    <row r="341329" spans="14:14">
      <c r="N341329" s="10"/>
    </row>
    <row r="341330" spans="14:14">
      <c r="N341330" s="10"/>
    </row>
    <row r="341331" spans="14:14">
      <c r="N341331" s="10"/>
    </row>
    <row r="341332" spans="14:14">
      <c r="N341332" s="10"/>
    </row>
    <row r="341333" spans="14:14">
      <c r="N341333" s="10"/>
    </row>
    <row r="341334" spans="14:14">
      <c r="N341334" s="10"/>
    </row>
    <row r="341335" spans="14:14">
      <c r="N341335" s="10"/>
    </row>
    <row r="341336" spans="14:14">
      <c r="N341336" s="10"/>
    </row>
    <row r="341337" spans="14:14">
      <c r="N341337" s="10"/>
    </row>
    <row r="341338" spans="14:14">
      <c r="N341338" s="10"/>
    </row>
    <row r="341339" spans="14:14">
      <c r="N341339" s="10"/>
    </row>
    <row r="341340" spans="14:14">
      <c r="N341340" s="10"/>
    </row>
    <row r="341341" spans="14:14">
      <c r="N341341" s="10"/>
    </row>
    <row r="341342" spans="14:14">
      <c r="N341342" s="10"/>
    </row>
    <row r="341343" spans="14:14">
      <c r="N341343" s="10"/>
    </row>
    <row r="341344" spans="14:14">
      <c r="N341344" s="10"/>
    </row>
    <row r="341345" spans="14:14">
      <c r="N341345" s="10"/>
    </row>
    <row r="341346" spans="14:14">
      <c r="N341346" s="10"/>
    </row>
    <row r="341347" spans="14:14">
      <c r="N341347" s="10"/>
    </row>
    <row r="341348" spans="14:14">
      <c r="N341348" s="10"/>
    </row>
    <row r="341349" spans="14:14">
      <c r="N341349" s="10"/>
    </row>
    <row r="341350" spans="14:14">
      <c r="N341350" s="10"/>
    </row>
    <row r="341351" spans="14:14">
      <c r="N341351" s="10"/>
    </row>
    <row r="341352" spans="14:14">
      <c r="N341352" s="10"/>
    </row>
    <row r="341353" spans="14:14">
      <c r="N341353" s="10"/>
    </row>
    <row r="341354" spans="14:14">
      <c r="N341354" s="10"/>
    </row>
    <row r="341355" spans="14:14">
      <c r="N341355" s="10"/>
    </row>
    <row r="341356" spans="14:14">
      <c r="N341356" s="10"/>
    </row>
    <row r="341357" spans="14:14">
      <c r="N341357" s="10"/>
    </row>
    <row r="341358" spans="14:14">
      <c r="N341358" s="10"/>
    </row>
    <row r="341359" spans="14:14">
      <c r="N341359" s="10"/>
    </row>
    <row r="341360" spans="14:14">
      <c r="N341360" s="10"/>
    </row>
    <row r="341361" spans="14:14">
      <c r="N341361" s="10"/>
    </row>
    <row r="341362" spans="14:14">
      <c r="N341362" s="10"/>
    </row>
    <row r="341363" spans="14:14">
      <c r="N341363" s="10"/>
    </row>
    <row r="341364" spans="14:14">
      <c r="N341364" s="10"/>
    </row>
    <row r="341365" spans="14:14">
      <c r="N341365" s="10"/>
    </row>
    <row r="341366" spans="14:14">
      <c r="N341366" s="10"/>
    </row>
    <row r="341367" spans="14:14">
      <c r="N341367" s="10"/>
    </row>
    <row r="341368" spans="14:14">
      <c r="N341368" s="10"/>
    </row>
    <row r="341369" spans="14:14">
      <c r="N341369" s="10"/>
    </row>
    <row r="341370" spans="14:14">
      <c r="N341370" s="10"/>
    </row>
    <row r="341371" spans="14:14">
      <c r="N341371" s="10"/>
    </row>
    <row r="341372" spans="14:14">
      <c r="N341372" s="10"/>
    </row>
    <row r="341373" spans="14:14">
      <c r="N341373" s="10"/>
    </row>
    <row r="341374" spans="14:14">
      <c r="N341374" s="10"/>
    </row>
    <row r="341375" spans="14:14">
      <c r="N341375" s="10"/>
    </row>
    <row r="341376" spans="14:14">
      <c r="N341376" s="10"/>
    </row>
    <row r="341377" spans="14:14">
      <c r="N341377" s="10"/>
    </row>
    <row r="341378" spans="14:14">
      <c r="N341378" s="10"/>
    </row>
    <row r="341379" spans="14:14">
      <c r="N341379" s="10"/>
    </row>
    <row r="341380" spans="14:14">
      <c r="N341380" s="10"/>
    </row>
    <row r="341381" spans="14:14">
      <c r="N341381" s="10"/>
    </row>
    <row r="341382" spans="14:14">
      <c r="N341382" s="10"/>
    </row>
    <row r="341383" spans="14:14">
      <c r="N341383" s="10"/>
    </row>
    <row r="341384" spans="14:14">
      <c r="N341384" s="10"/>
    </row>
    <row r="341385" spans="14:14">
      <c r="N341385" s="10"/>
    </row>
    <row r="341386" spans="14:14">
      <c r="N341386" s="10"/>
    </row>
    <row r="341387" spans="14:14">
      <c r="N341387" s="10"/>
    </row>
    <row r="341388" spans="14:14">
      <c r="N341388" s="10"/>
    </row>
    <row r="341389" spans="14:14">
      <c r="N341389" s="10"/>
    </row>
    <row r="341390" spans="14:14">
      <c r="N341390" s="10"/>
    </row>
    <row r="341391" spans="14:14">
      <c r="N341391" s="10"/>
    </row>
    <row r="341392" spans="14:14">
      <c r="N341392" s="10"/>
    </row>
    <row r="341393" spans="14:14">
      <c r="N341393" s="10"/>
    </row>
    <row r="341394" spans="14:14">
      <c r="N341394" s="10"/>
    </row>
    <row r="341395" spans="14:14">
      <c r="N341395" s="10"/>
    </row>
    <row r="341396" spans="14:14">
      <c r="N341396" s="10"/>
    </row>
    <row r="341397" spans="14:14">
      <c r="N341397" s="10"/>
    </row>
    <row r="341398" spans="14:14">
      <c r="N341398" s="10"/>
    </row>
    <row r="341399" spans="14:14">
      <c r="N341399" s="10"/>
    </row>
    <row r="341400" spans="14:14">
      <c r="N341400" s="10"/>
    </row>
    <row r="341401" spans="14:14">
      <c r="N341401" s="10"/>
    </row>
    <row r="341402" spans="14:14">
      <c r="N341402" s="10"/>
    </row>
    <row r="341403" spans="14:14">
      <c r="N341403" s="10"/>
    </row>
    <row r="341404" spans="14:14">
      <c r="N341404" s="10"/>
    </row>
    <row r="341405" spans="14:14">
      <c r="N341405" s="10"/>
    </row>
    <row r="341406" spans="14:14">
      <c r="N341406" s="10"/>
    </row>
    <row r="341407" spans="14:14">
      <c r="N341407" s="10"/>
    </row>
    <row r="341408" spans="14:14">
      <c r="N341408" s="10"/>
    </row>
    <row r="341409" spans="14:14">
      <c r="N341409" s="10"/>
    </row>
    <row r="341410" spans="14:14">
      <c r="N341410" s="10"/>
    </row>
    <row r="341411" spans="14:14">
      <c r="N341411" s="10"/>
    </row>
    <row r="341412" spans="14:14">
      <c r="N341412" s="10"/>
    </row>
    <row r="341413" spans="14:14">
      <c r="N341413" s="10"/>
    </row>
    <row r="341414" spans="14:14">
      <c r="N341414" s="10"/>
    </row>
    <row r="341415" spans="14:14">
      <c r="N341415" s="10"/>
    </row>
    <row r="341416" spans="14:14">
      <c r="N341416" s="10"/>
    </row>
    <row r="341417" spans="14:14">
      <c r="N341417" s="10"/>
    </row>
    <row r="341418" spans="14:14">
      <c r="N341418" s="10"/>
    </row>
    <row r="341419" spans="14:14">
      <c r="N341419" s="10"/>
    </row>
    <row r="341420" spans="14:14">
      <c r="N341420" s="10"/>
    </row>
    <row r="341421" spans="14:14">
      <c r="N341421" s="10"/>
    </row>
    <row r="341422" spans="14:14">
      <c r="N341422" s="10"/>
    </row>
    <row r="341423" spans="14:14">
      <c r="N341423" s="10"/>
    </row>
    <row r="341424" spans="14:14">
      <c r="N341424" s="10"/>
    </row>
    <row r="341425" spans="14:14">
      <c r="N341425" s="10"/>
    </row>
    <row r="341426" spans="14:14">
      <c r="N341426" s="10"/>
    </row>
    <row r="341427" spans="14:14">
      <c r="N341427" s="10"/>
    </row>
    <row r="341428" spans="14:14">
      <c r="N341428" s="10"/>
    </row>
    <row r="341429" spans="14:14">
      <c r="N341429" s="10"/>
    </row>
    <row r="341430" spans="14:14">
      <c r="N341430" s="10"/>
    </row>
    <row r="341431" spans="14:14">
      <c r="N341431" s="10"/>
    </row>
    <row r="341432" spans="14:14">
      <c r="N341432" s="10"/>
    </row>
    <row r="341433" spans="14:14">
      <c r="N341433" s="10"/>
    </row>
    <row r="341434" spans="14:14">
      <c r="N341434" s="10"/>
    </row>
    <row r="341435" spans="14:14">
      <c r="N341435" s="10"/>
    </row>
    <row r="341436" spans="14:14">
      <c r="N341436" s="10"/>
    </row>
    <row r="341437" spans="14:14">
      <c r="N341437" s="10"/>
    </row>
    <row r="341438" spans="14:14">
      <c r="N341438" s="10"/>
    </row>
    <row r="341439" spans="14:14">
      <c r="N341439" s="10"/>
    </row>
    <row r="341440" spans="14:14">
      <c r="N341440" s="10"/>
    </row>
    <row r="341441" spans="14:14">
      <c r="N341441" s="10"/>
    </row>
    <row r="341442" spans="14:14">
      <c r="N341442" s="10"/>
    </row>
    <row r="341443" spans="14:14">
      <c r="N341443" s="10"/>
    </row>
    <row r="341444" spans="14:14">
      <c r="N341444" s="10"/>
    </row>
    <row r="341445" spans="14:14">
      <c r="N341445" s="10"/>
    </row>
    <row r="341446" spans="14:14">
      <c r="N341446" s="10"/>
    </row>
    <row r="341447" spans="14:14">
      <c r="N341447" s="10"/>
    </row>
    <row r="341448" spans="14:14">
      <c r="N341448" s="10"/>
    </row>
    <row r="341449" spans="14:14">
      <c r="N341449" s="10"/>
    </row>
    <row r="341450" spans="14:14">
      <c r="N341450" s="10"/>
    </row>
    <row r="341451" spans="14:14">
      <c r="N341451" s="10"/>
    </row>
    <row r="341452" spans="14:14">
      <c r="N341452" s="10"/>
    </row>
    <row r="341453" spans="14:14">
      <c r="N341453" s="10"/>
    </row>
    <row r="341454" spans="14:14">
      <c r="N341454" s="10"/>
    </row>
    <row r="341455" spans="14:14">
      <c r="N341455" s="10"/>
    </row>
    <row r="341456" spans="14:14">
      <c r="N341456" s="10"/>
    </row>
    <row r="341457" spans="14:14">
      <c r="N341457" s="10"/>
    </row>
    <row r="341458" spans="14:14">
      <c r="N341458" s="10"/>
    </row>
    <row r="341459" spans="14:14">
      <c r="N341459" s="10"/>
    </row>
    <row r="341460" spans="14:14">
      <c r="N341460" s="10"/>
    </row>
    <row r="341461" spans="14:14">
      <c r="N341461" s="10"/>
    </row>
    <row r="341462" spans="14:14">
      <c r="N341462" s="10"/>
    </row>
    <row r="341463" spans="14:14">
      <c r="N341463" s="10"/>
    </row>
    <row r="341464" spans="14:14">
      <c r="N341464" s="10"/>
    </row>
    <row r="341465" spans="14:14">
      <c r="N341465" s="10"/>
    </row>
    <row r="341466" spans="14:14">
      <c r="N341466" s="10"/>
    </row>
    <row r="341467" spans="14:14">
      <c r="N341467" s="10"/>
    </row>
    <row r="341468" spans="14:14">
      <c r="N341468" s="10"/>
    </row>
    <row r="341469" spans="14:14">
      <c r="N341469" s="10"/>
    </row>
    <row r="341470" spans="14:14">
      <c r="N341470" s="10"/>
    </row>
    <row r="341471" spans="14:14">
      <c r="N341471" s="10"/>
    </row>
    <row r="341472" spans="14:14">
      <c r="N341472" s="10"/>
    </row>
    <row r="341473" spans="14:14">
      <c r="N341473" s="10"/>
    </row>
    <row r="341474" spans="14:14">
      <c r="N341474" s="10"/>
    </row>
    <row r="341475" spans="14:14">
      <c r="N341475" s="10"/>
    </row>
    <row r="341476" spans="14:14">
      <c r="N341476" s="10"/>
    </row>
    <row r="341477" spans="14:14">
      <c r="N341477" s="10"/>
    </row>
    <row r="341478" spans="14:14">
      <c r="N341478" s="10"/>
    </row>
    <row r="341479" spans="14:14">
      <c r="N341479" s="10"/>
    </row>
    <row r="341480" spans="14:14">
      <c r="N341480" s="10"/>
    </row>
    <row r="341481" spans="14:14">
      <c r="N341481" s="10"/>
    </row>
    <row r="341482" spans="14:14">
      <c r="N341482" s="10"/>
    </row>
    <row r="341483" spans="14:14">
      <c r="N341483" s="10"/>
    </row>
    <row r="341484" spans="14:14">
      <c r="N341484" s="10"/>
    </row>
    <row r="341485" spans="14:14">
      <c r="N341485" s="10"/>
    </row>
    <row r="341486" spans="14:14">
      <c r="N341486" s="10"/>
    </row>
    <row r="341487" spans="14:14">
      <c r="N341487" s="10"/>
    </row>
    <row r="341488" spans="14:14">
      <c r="N341488" s="10"/>
    </row>
    <row r="341489" spans="14:14">
      <c r="N341489" s="10"/>
    </row>
    <row r="341490" spans="14:14">
      <c r="N341490" s="10"/>
    </row>
    <row r="341491" spans="14:14">
      <c r="N341491" s="10"/>
    </row>
    <row r="341492" spans="14:14">
      <c r="N341492" s="10"/>
    </row>
    <row r="341493" spans="14:14">
      <c r="N341493" s="10"/>
    </row>
    <row r="341494" spans="14:14">
      <c r="N341494" s="10"/>
    </row>
    <row r="341495" spans="14:14">
      <c r="N341495" s="10"/>
    </row>
    <row r="341496" spans="14:14">
      <c r="N341496" s="10"/>
    </row>
    <row r="341497" spans="14:14">
      <c r="N341497" s="10"/>
    </row>
    <row r="341498" spans="14:14">
      <c r="N341498" s="10"/>
    </row>
    <row r="341499" spans="14:14">
      <c r="N341499" s="10"/>
    </row>
    <row r="341500" spans="14:14">
      <c r="N341500" s="10"/>
    </row>
    <row r="341501" spans="14:14">
      <c r="N341501" s="10"/>
    </row>
    <row r="341502" spans="14:14">
      <c r="N341502" s="10"/>
    </row>
    <row r="341503" spans="14:14">
      <c r="N341503" s="10"/>
    </row>
    <row r="341504" spans="14:14">
      <c r="N341504" s="10"/>
    </row>
    <row r="341505" spans="14:14">
      <c r="N341505" s="10"/>
    </row>
    <row r="341506" spans="14:14">
      <c r="N341506" s="10"/>
    </row>
    <row r="341507" spans="14:14">
      <c r="N341507" s="10"/>
    </row>
    <row r="341508" spans="14:14">
      <c r="N341508" s="10"/>
    </row>
    <row r="341509" spans="14:14">
      <c r="N341509" s="10"/>
    </row>
    <row r="341510" spans="14:14">
      <c r="N341510" s="10"/>
    </row>
    <row r="341511" spans="14:14">
      <c r="N341511" s="10"/>
    </row>
    <row r="341512" spans="14:14">
      <c r="N341512" s="10"/>
    </row>
    <row r="341513" spans="14:14">
      <c r="N341513" s="10"/>
    </row>
    <row r="341514" spans="14:14">
      <c r="N341514" s="10"/>
    </row>
    <row r="341515" spans="14:14">
      <c r="N341515" s="10"/>
    </row>
    <row r="341516" spans="14:14">
      <c r="N341516" s="10"/>
    </row>
    <row r="341517" spans="14:14">
      <c r="N341517" s="10"/>
    </row>
    <row r="341518" spans="14:14">
      <c r="N341518" s="10"/>
    </row>
    <row r="341519" spans="14:14">
      <c r="N341519" s="10"/>
    </row>
    <row r="341520" spans="14:14">
      <c r="N341520" s="10"/>
    </row>
    <row r="341521" spans="14:14">
      <c r="N341521" s="10"/>
    </row>
    <row r="341522" spans="14:14">
      <c r="N341522" s="10"/>
    </row>
    <row r="341523" spans="14:14">
      <c r="N341523" s="10"/>
    </row>
    <row r="341524" spans="14:14">
      <c r="N341524" s="10"/>
    </row>
    <row r="341525" spans="14:14">
      <c r="N341525" s="10"/>
    </row>
    <row r="341526" spans="14:14">
      <c r="N341526" s="10"/>
    </row>
    <row r="341527" spans="14:14">
      <c r="N341527" s="10"/>
    </row>
    <row r="341528" spans="14:14">
      <c r="N341528" s="10"/>
    </row>
    <row r="341529" spans="14:14">
      <c r="N341529" s="10"/>
    </row>
    <row r="341530" spans="14:14">
      <c r="N341530" s="10"/>
    </row>
    <row r="341531" spans="14:14">
      <c r="N341531" s="10"/>
    </row>
    <row r="341532" spans="14:14">
      <c r="N341532" s="10"/>
    </row>
    <row r="341533" spans="14:14">
      <c r="N341533" s="10"/>
    </row>
    <row r="341534" spans="14:14">
      <c r="N341534" s="10"/>
    </row>
    <row r="341535" spans="14:14">
      <c r="N341535" s="10"/>
    </row>
    <row r="341536" spans="14:14">
      <c r="N341536" s="10"/>
    </row>
    <row r="341537" spans="14:14">
      <c r="N341537" s="10"/>
    </row>
    <row r="341538" spans="14:14">
      <c r="N341538" s="10"/>
    </row>
    <row r="341539" spans="14:14">
      <c r="N341539" s="10"/>
    </row>
    <row r="341540" spans="14:14">
      <c r="N341540" s="10"/>
    </row>
    <row r="341541" spans="14:14">
      <c r="N341541" s="10"/>
    </row>
    <row r="341542" spans="14:14">
      <c r="N341542" s="10"/>
    </row>
    <row r="341543" spans="14:14">
      <c r="N341543" s="10"/>
    </row>
    <row r="341544" spans="14:14">
      <c r="N341544" s="10"/>
    </row>
    <row r="341545" spans="14:14">
      <c r="N341545" s="10"/>
    </row>
    <row r="341546" spans="14:14">
      <c r="N341546" s="10"/>
    </row>
    <row r="341547" spans="14:14">
      <c r="N341547" s="10"/>
    </row>
    <row r="341548" spans="14:14">
      <c r="N341548" s="10"/>
    </row>
    <row r="341549" spans="14:14">
      <c r="N341549" s="10"/>
    </row>
    <row r="341550" spans="14:14">
      <c r="N341550" s="10"/>
    </row>
    <row r="341551" spans="14:14">
      <c r="N341551" s="10"/>
    </row>
    <row r="341552" spans="14:14">
      <c r="N341552" s="10"/>
    </row>
    <row r="341553" spans="14:14">
      <c r="N341553" s="10"/>
    </row>
    <row r="341554" spans="14:14">
      <c r="N341554" s="10"/>
    </row>
    <row r="341555" spans="14:14">
      <c r="N341555" s="10"/>
    </row>
    <row r="341556" spans="14:14">
      <c r="N341556" s="10"/>
    </row>
    <row r="341557" spans="14:14">
      <c r="N341557" s="10"/>
    </row>
    <row r="341558" spans="14:14">
      <c r="N341558" s="10"/>
    </row>
    <row r="341559" spans="14:14">
      <c r="N341559" s="10"/>
    </row>
    <row r="341560" spans="14:14">
      <c r="N341560" s="10"/>
    </row>
    <row r="341561" spans="14:14">
      <c r="N341561" s="10"/>
    </row>
    <row r="341562" spans="14:14">
      <c r="N341562" s="10"/>
    </row>
    <row r="341563" spans="14:14">
      <c r="N341563" s="10"/>
    </row>
    <row r="341564" spans="14:14">
      <c r="N341564" s="10"/>
    </row>
    <row r="341565" spans="14:14">
      <c r="N341565" s="10"/>
    </row>
    <row r="341566" spans="14:14">
      <c r="N341566" s="10"/>
    </row>
    <row r="341567" spans="14:14">
      <c r="N341567" s="10"/>
    </row>
    <row r="341568" spans="14:14">
      <c r="N341568" s="10"/>
    </row>
    <row r="341569" spans="14:14">
      <c r="N341569" s="10"/>
    </row>
    <row r="341570" spans="14:14">
      <c r="N341570" s="10"/>
    </row>
    <row r="341571" spans="14:14">
      <c r="N341571" s="10"/>
    </row>
    <row r="341572" spans="14:14">
      <c r="N341572" s="10"/>
    </row>
    <row r="341573" spans="14:14">
      <c r="N341573" s="10"/>
    </row>
    <row r="341574" spans="14:14">
      <c r="N341574" s="10"/>
    </row>
    <row r="341575" spans="14:14">
      <c r="N341575" s="10"/>
    </row>
    <row r="341576" spans="14:14">
      <c r="N341576" s="10"/>
    </row>
    <row r="341577" spans="14:14">
      <c r="N341577" s="10"/>
    </row>
    <row r="341578" spans="14:14">
      <c r="N341578" s="10"/>
    </row>
    <row r="341579" spans="14:14">
      <c r="N341579" s="10"/>
    </row>
    <row r="341580" spans="14:14">
      <c r="N341580" s="10"/>
    </row>
    <row r="341581" spans="14:14">
      <c r="N341581" s="10"/>
    </row>
    <row r="341582" spans="14:14">
      <c r="N341582" s="10"/>
    </row>
    <row r="341583" spans="14:14">
      <c r="N341583" s="10"/>
    </row>
    <row r="341584" spans="14:14">
      <c r="N341584" s="10"/>
    </row>
    <row r="341585" spans="14:14">
      <c r="N341585" s="10"/>
    </row>
    <row r="341586" spans="14:14">
      <c r="N341586" s="10"/>
    </row>
    <row r="341587" spans="14:14">
      <c r="N341587" s="10"/>
    </row>
    <row r="341588" spans="14:14">
      <c r="N341588" s="10"/>
    </row>
    <row r="341589" spans="14:14">
      <c r="N341589" s="10"/>
    </row>
    <row r="341590" spans="14:14">
      <c r="N341590" s="10"/>
    </row>
    <row r="341591" spans="14:14">
      <c r="N341591" s="10"/>
    </row>
    <row r="341592" spans="14:14">
      <c r="N341592" s="10"/>
    </row>
    <row r="341593" spans="14:14">
      <c r="N341593" s="10"/>
    </row>
    <row r="341594" spans="14:14">
      <c r="N341594" s="10"/>
    </row>
    <row r="341595" spans="14:14">
      <c r="N341595" s="10"/>
    </row>
    <row r="341596" spans="14:14">
      <c r="N341596" s="10"/>
    </row>
    <row r="341597" spans="14:14">
      <c r="N341597" s="10"/>
    </row>
    <row r="341598" spans="14:14">
      <c r="N341598" s="10"/>
    </row>
    <row r="341599" spans="14:14">
      <c r="N341599" s="10"/>
    </row>
    <row r="341600" spans="14:14">
      <c r="N341600" s="10"/>
    </row>
    <row r="341601" spans="14:14">
      <c r="N341601" s="10"/>
    </row>
    <row r="341602" spans="14:14">
      <c r="N341602" s="10"/>
    </row>
    <row r="341603" spans="14:14">
      <c r="N341603" s="10"/>
    </row>
    <row r="341604" spans="14:14">
      <c r="N341604" s="10"/>
    </row>
    <row r="341605" spans="14:14">
      <c r="N341605" s="10"/>
    </row>
    <row r="341606" spans="14:14">
      <c r="N341606" s="10"/>
    </row>
    <row r="341607" spans="14:14">
      <c r="N341607" s="10"/>
    </row>
    <row r="341608" spans="14:14">
      <c r="N341608" s="10"/>
    </row>
    <row r="341609" spans="14:14">
      <c r="N341609" s="10"/>
    </row>
    <row r="341610" spans="14:14">
      <c r="N341610" s="10"/>
    </row>
    <row r="341611" spans="14:14">
      <c r="N341611" s="10"/>
    </row>
    <row r="341612" spans="14:14">
      <c r="N341612" s="10"/>
    </row>
    <row r="341613" spans="14:14">
      <c r="N341613" s="10"/>
    </row>
    <row r="341614" spans="14:14">
      <c r="N341614" s="10"/>
    </row>
    <row r="341615" spans="14:14">
      <c r="N341615" s="10"/>
    </row>
    <row r="341616" spans="14:14">
      <c r="N341616" s="10"/>
    </row>
    <row r="341617" spans="14:14">
      <c r="N341617" s="10"/>
    </row>
    <row r="341618" spans="14:14">
      <c r="N341618" s="10"/>
    </row>
    <row r="341619" spans="14:14">
      <c r="N341619" s="10"/>
    </row>
    <row r="341620" spans="14:14">
      <c r="N341620" s="10"/>
    </row>
    <row r="341621" spans="14:14">
      <c r="N341621" s="10"/>
    </row>
    <row r="341622" spans="14:14">
      <c r="N341622" s="10"/>
    </row>
    <row r="341623" spans="14:14">
      <c r="N341623" s="10"/>
    </row>
    <row r="341624" spans="14:14">
      <c r="N341624" s="10"/>
    </row>
    <row r="341625" spans="14:14">
      <c r="N341625" s="10"/>
    </row>
    <row r="341626" spans="14:14">
      <c r="N341626" s="10"/>
    </row>
    <row r="341627" spans="14:14">
      <c r="N341627" s="10"/>
    </row>
    <row r="341628" spans="14:14">
      <c r="N341628" s="10"/>
    </row>
    <row r="341629" spans="14:14">
      <c r="N341629" s="10"/>
    </row>
    <row r="341630" spans="14:14">
      <c r="N341630" s="10"/>
    </row>
    <row r="341631" spans="14:14">
      <c r="N341631" s="10"/>
    </row>
    <row r="341632" spans="14:14">
      <c r="N341632" s="10"/>
    </row>
    <row r="341633" spans="14:14">
      <c r="N341633" s="10"/>
    </row>
    <row r="341634" spans="14:14">
      <c r="N341634" s="10"/>
    </row>
    <row r="341635" spans="14:14">
      <c r="N341635" s="10"/>
    </row>
    <row r="341636" spans="14:14">
      <c r="N341636" s="10"/>
    </row>
    <row r="341637" spans="14:14">
      <c r="N341637" s="10"/>
    </row>
    <row r="341638" spans="14:14">
      <c r="N341638" s="10"/>
    </row>
    <row r="341639" spans="14:14">
      <c r="N341639" s="10"/>
    </row>
    <row r="341640" spans="14:14">
      <c r="N341640" s="10"/>
    </row>
    <row r="341641" spans="14:14">
      <c r="N341641" s="10"/>
    </row>
    <row r="341642" spans="14:14">
      <c r="N341642" s="10"/>
    </row>
    <row r="341643" spans="14:14">
      <c r="N341643" s="10"/>
    </row>
    <row r="341644" spans="14:14">
      <c r="N341644" s="10"/>
    </row>
    <row r="341645" spans="14:14">
      <c r="N341645" s="10"/>
    </row>
    <row r="341646" spans="14:14">
      <c r="N341646" s="10"/>
    </row>
    <row r="341647" spans="14:14">
      <c r="N341647" s="10"/>
    </row>
    <row r="341648" spans="14:14">
      <c r="N341648" s="10"/>
    </row>
    <row r="341649" spans="14:14">
      <c r="N341649" s="10"/>
    </row>
    <row r="341650" spans="14:14">
      <c r="N341650" s="10"/>
    </row>
    <row r="341651" spans="14:14">
      <c r="N341651" s="10"/>
    </row>
    <row r="341652" spans="14:14">
      <c r="N341652" s="10"/>
    </row>
    <row r="341653" spans="14:14">
      <c r="N341653" s="10"/>
    </row>
    <row r="341654" spans="14:14">
      <c r="N341654" s="10"/>
    </row>
    <row r="341655" spans="14:14">
      <c r="N341655" s="10"/>
    </row>
    <row r="341656" spans="14:14">
      <c r="N341656" s="10"/>
    </row>
    <row r="341657" spans="14:14">
      <c r="N341657" s="10"/>
    </row>
    <row r="341658" spans="14:14">
      <c r="N341658" s="10"/>
    </row>
    <row r="341659" spans="14:14">
      <c r="N341659" s="10"/>
    </row>
    <row r="341660" spans="14:14">
      <c r="N341660" s="10"/>
    </row>
    <row r="341661" spans="14:14">
      <c r="N341661" s="10"/>
    </row>
    <row r="341662" spans="14:14">
      <c r="N341662" s="10"/>
    </row>
    <row r="341663" spans="14:14">
      <c r="N341663" s="10"/>
    </row>
    <row r="341664" spans="14:14">
      <c r="N341664" s="10"/>
    </row>
    <row r="341665" spans="14:14">
      <c r="N341665" s="10"/>
    </row>
    <row r="341666" spans="14:14">
      <c r="N341666" s="10"/>
    </row>
    <row r="341667" spans="14:14">
      <c r="N341667" s="10"/>
    </row>
    <row r="341668" spans="14:14">
      <c r="N341668" s="10"/>
    </row>
    <row r="341669" spans="14:14">
      <c r="N341669" s="10"/>
    </row>
    <row r="341670" spans="14:14">
      <c r="N341670" s="10"/>
    </row>
    <row r="341671" spans="14:14">
      <c r="N341671" s="10"/>
    </row>
    <row r="341672" spans="14:14">
      <c r="N341672" s="10"/>
    </row>
    <row r="341673" spans="14:14">
      <c r="N341673" s="10"/>
    </row>
    <row r="341674" spans="14:14">
      <c r="N341674" s="10"/>
    </row>
    <row r="341675" spans="14:14">
      <c r="N341675" s="10"/>
    </row>
    <row r="341676" spans="14:14">
      <c r="N341676" s="10"/>
    </row>
    <row r="341677" spans="14:14">
      <c r="N341677" s="10"/>
    </row>
    <row r="341678" spans="14:14">
      <c r="N341678" s="10"/>
    </row>
    <row r="341679" spans="14:14">
      <c r="N341679" s="10"/>
    </row>
    <row r="341680" spans="14:14">
      <c r="N341680" s="10"/>
    </row>
    <row r="341681" spans="14:14">
      <c r="N341681" s="10"/>
    </row>
    <row r="341682" spans="14:14">
      <c r="N341682" s="10"/>
    </row>
    <row r="341683" spans="14:14">
      <c r="N341683" s="10"/>
    </row>
    <row r="341684" spans="14:14">
      <c r="N341684" s="10"/>
    </row>
    <row r="341685" spans="14:14">
      <c r="N341685" s="10"/>
    </row>
    <row r="341686" spans="14:14">
      <c r="N341686" s="10"/>
    </row>
    <row r="341687" spans="14:14">
      <c r="N341687" s="10"/>
    </row>
    <row r="341688" spans="14:14">
      <c r="N341688" s="10"/>
    </row>
    <row r="341689" spans="14:14">
      <c r="N341689" s="10"/>
    </row>
    <row r="341690" spans="14:14">
      <c r="N341690" s="10"/>
    </row>
    <row r="341691" spans="14:14">
      <c r="N341691" s="10"/>
    </row>
    <row r="341692" spans="14:14">
      <c r="N341692" s="10"/>
    </row>
    <row r="341693" spans="14:14">
      <c r="N341693" s="10"/>
    </row>
    <row r="341694" spans="14:14">
      <c r="N341694" s="10"/>
    </row>
    <row r="341695" spans="14:14">
      <c r="N341695" s="10"/>
    </row>
    <row r="341696" spans="14:14">
      <c r="N341696" s="10"/>
    </row>
    <row r="341697" spans="14:14">
      <c r="N341697" s="10"/>
    </row>
    <row r="341698" spans="14:14">
      <c r="N341698" s="10"/>
    </row>
    <row r="341699" spans="14:14">
      <c r="N341699" s="10"/>
    </row>
    <row r="341700" spans="14:14">
      <c r="N341700" s="10"/>
    </row>
    <row r="341701" spans="14:14">
      <c r="N341701" s="10"/>
    </row>
    <row r="341702" spans="14:14">
      <c r="N341702" s="10"/>
    </row>
    <row r="341703" spans="14:14">
      <c r="N341703" s="10"/>
    </row>
    <row r="341704" spans="14:14">
      <c r="N341704" s="10"/>
    </row>
    <row r="341705" spans="14:14">
      <c r="N341705" s="10"/>
    </row>
    <row r="341706" spans="14:14">
      <c r="N341706" s="10"/>
    </row>
    <row r="341707" spans="14:14">
      <c r="N341707" s="10"/>
    </row>
    <row r="341708" spans="14:14">
      <c r="N341708" s="10"/>
    </row>
    <row r="341709" spans="14:14">
      <c r="N341709" s="10"/>
    </row>
    <row r="341710" spans="14:14">
      <c r="N341710" s="10"/>
    </row>
    <row r="341711" spans="14:14">
      <c r="N341711" s="10"/>
    </row>
    <row r="341712" spans="14:14">
      <c r="N341712" s="10"/>
    </row>
    <row r="341713" spans="14:14">
      <c r="N341713" s="10"/>
    </row>
    <row r="341714" spans="14:14">
      <c r="N341714" s="10"/>
    </row>
    <row r="341715" spans="14:14">
      <c r="N341715" s="10"/>
    </row>
    <row r="341716" spans="14:14">
      <c r="N341716" s="10"/>
    </row>
    <row r="341717" spans="14:14">
      <c r="N341717" s="10"/>
    </row>
    <row r="341718" spans="14:14">
      <c r="N341718" s="10"/>
    </row>
    <row r="341719" spans="14:14">
      <c r="N341719" s="10"/>
    </row>
    <row r="341720" spans="14:14">
      <c r="N341720" s="10"/>
    </row>
    <row r="341721" spans="14:14">
      <c r="N341721" s="10"/>
    </row>
    <row r="341722" spans="14:14">
      <c r="N341722" s="10"/>
    </row>
    <row r="341723" spans="14:14">
      <c r="N341723" s="10"/>
    </row>
    <row r="341724" spans="14:14">
      <c r="N341724" s="10"/>
    </row>
    <row r="341725" spans="14:14">
      <c r="N341725" s="10"/>
    </row>
    <row r="341726" spans="14:14">
      <c r="N341726" s="10"/>
    </row>
    <row r="341727" spans="14:14">
      <c r="N341727" s="10"/>
    </row>
    <row r="341728" spans="14:14">
      <c r="N341728" s="10"/>
    </row>
    <row r="341729" spans="14:14">
      <c r="N341729" s="10"/>
    </row>
    <row r="341730" spans="14:14">
      <c r="N341730" s="10"/>
    </row>
    <row r="341731" spans="14:14">
      <c r="N341731" s="10"/>
    </row>
    <row r="341732" spans="14:14">
      <c r="N341732" s="10"/>
    </row>
    <row r="341733" spans="14:14">
      <c r="N341733" s="10"/>
    </row>
    <row r="341734" spans="14:14">
      <c r="N341734" s="10"/>
    </row>
    <row r="341735" spans="14:14">
      <c r="N341735" s="10"/>
    </row>
    <row r="341736" spans="14:14">
      <c r="N341736" s="10"/>
    </row>
    <row r="341737" spans="14:14">
      <c r="N341737" s="10"/>
    </row>
    <row r="341738" spans="14:14">
      <c r="N341738" s="10"/>
    </row>
    <row r="341739" spans="14:14">
      <c r="N341739" s="10"/>
    </row>
    <row r="341740" spans="14:14">
      <c r="N341740" s="10"/>
    </row>
    <row r="341741" spans="14:14">
      <c r="N341741" s="10"/>
    </row>
    <row r="341742" spans="14:14">
      <c r="N341742" s="10"/>
    </row>
    <row r="341743" spans="14:14">
      <c r="N341743" s="10"/>
    </row>
    <row r="341744" spans="14:14">
      <c r="N341744" s="10"/>
    </row>
    <row r="341745" spans="14:14">
      <c r="N341745" s="10"/>
    </row>
    <row r="341746" spans="14:14">
      <c r="N341746" s="10"/>
    </row>
    <row r="341747" spans="14:14">
      <c r="N341747" s="10"/>
    </row>
    <row r="341748" spans="14:14">
      <c r="N341748" s="10"/>
    </row>
    <row r="341749" spans="14:14">
      <c r="N341749" s="10"/>
    </row>
    <row r="341750" spans="14:14">
      <c r="N341750" s="10"/>
    </row>
    <row r="341751" spans="14:14">
      <c r="N341751" s="10"/>
    </row>
    <row r="341752" spans="14:14">
      <c r="N341752" s="10"/>
    </row>
    <row r="341753" spans="14:14">
      <c r="N341753" s="10"/>
    </row>
    <row r="341754" spans="14:14">
      <c r="N341754" s="10"/>
    </row>
    <row r="341755" spans="14:14">
      <c r="N341755" s="10"/>
    </row>
    <row r="341756" spans="14:14">
      <c r="N341756" s="10"/>
    </row>
    <row r="341757" spans="14:14">
      <c r="N341757" s="10"/>
    </row>
    <row r="341758" spans="14:14">
      <c r="N341758" s="10"/>
    </row>
    <row r="341759" spans="14:14">
      <c r="N341759" s="10"/>
    </row>
    <row r="341760" spans="14:14">
      <c r="N341760" s="10"/>
    </row>
    <row r="341761" spans="14:14">
      <c r="N341761" s="10"/>
    </row>
    <row r="341762" spans="14:14">
      <c r="N341762" s="10"/>
    </row>
    <row r="341763" spans="14:14">
      <c r="N341763" s="10"/>
    </row>
    <row r="341764" spans="14:14">
      <c r="N341764" s="10"/>
    </row>
    <row r="341765" spans="14:14">
      <c r="N341765" s="10"/>
    </row>
    <row r="341766" spans="14:14">
      <c r="N341766" s="10"/>
    </row>
    <row r="341767" spans="14:14">
      <c r="N341767" s="10"/>
    </row>
    <row r="341768" spans="14:14">
      <c r="N341768" s="10"/>
    </row>
    <row r="341769" spans="14:14">
      <c r="N341769" s="10"/>
    </row>
    <row r="341770" spans="14:14">
      <c r="N341770" s="10"/>
    </row>
    <row r="341771" spans="14:14">
      <c r="N341771" s="10"/>
    </row>
    <row r="341772" spans="14:14">
      <c r="N341772" s="10"/>
    </row>
    <row r="341773" spans="14:14">
      <c r="N341773" s="10"/>
    </row>
    <row r="341774" spans="14:14">
      <c r="N341774" s="10"/>
    </row>
    <row r="341775" spans="14:14">
      <c r="N341775" s="10"/>
    </row>
    <row r="341776" spans="14:14">
      <c r="N341776" s="10"/>
    </row>
    <row r="341777" spans="14:14">
      <c r="N341777" s="10"/>
    </row>
    <row r="341778" spans="14:14">
      <c r="N341778" s="10"/>
    </row>
    <row r="341779" spans="14:14">
      <c r="N341779" s="10"/>
    </row>
    <row r="341780" spans="14:14">
      <c r="N341780" s="10"/>
    </row>
    <row r="341781" spans="14:14">
      <c r="N341781" s="10"/>
    </row>
    <row r="341782" spans="14:14">
      <c r="N341782" s="10"/>
    </row>
    <row r="341783" spans="14:14">
      <c r="N341783" s="10"/>
    </row>
    <row r="341784" spans="14:14">
      <c r="N341784" s="10"/>
    </row>
    <row r="341785" spans="14:14">
      <c r="N341785" s="10"/>
    </row>
    <row r="341786" spans="14:14">
      <c r="N341786" s="10"/>
    </row>
    <row r="341787" spans="14:14">
      <c r="N341787" s="10"/>
    </row>
    <row r="341788" spans="14:14">
      <c r="N341788" s="10"/>
    </row>
    <row r="341789" spans="14:14">
      <c r="N341789" s="10"/>
    </row>
    <row r="341790" spans="14:14">
      <c r="N341790" s="10"/>
    </row>
    <row r="341791" spans="14:14">
      <c r="N341791" s="10"/>
    </row>
    <row r="341792" spans="14:14">
      <c r="N341792" s="10"/>
    </row>
    <row r="341793" spans="14:14">
      <c r="N341793" s="10"/>
    </row>
    <row r="341794" spans="14:14">
      <c r="N341794" s="10"/>
    </row>
    <row r="341795" spans="14:14">
      <c r="N341795" s="10"/>
    </row>
    <row r="341796" spans="14:14">
      <c r="N341796" s="10"/>
    </row>
    <row r="341797" spans="14:14">
      <c r="N341797" s="10"/>
    </row>
    <row r="341798" spans="14:14">
      <c r="N341798" s="10"/>
    </row>
    <row r="341799" spans="14:14">
      <c r="N341799" s="10"/>
    </row>
    <row r="341800" spans="14:14">
      <c r="N341800" s="10"/>
    </row>
    <row r="341801" spans="14:14">
      <c r="N341801" s="10"/>
    </row>
    <row r="341802" spans="14:14">
      <c r="N341802" s="10"/>
    </row>
    <row r="341803" spans="14:14">
      <c r="N341803" s="10"/>
    </row>
    <row r="341804" spans="14:14">
      <c r="N341804" s="10"/>
    </row>
    <row r="341805" spans="14:14">
      <c r="N341805" s="10"/>
    </row>
    <row r="341806" spans="14:14">
      <c r="N341806" s="10"/>
    </row>
    <row r="341807" spans="14:14">
      <c r="N341807" s="10"/>
    </row>
    <row r="341808" spans="14:14">
      <c r="N341808" s="10"/>
    </row>
    <row r="341809" spans="14:14">
      <c r="N341809" s="10"/>
    </row>
    <row r="341810" spans="14:14">
      <c r="N341810" s="10"/>
    </row>
    <row r="341811" spans="14:14">
      <c r="N341811" s="10"/>
    </row>
    <row r="341812" spans="14:14">
      <c r="N341812" s="10"/>
    </row>
    <row r="341813" spans="14:14">
      <c r="N341813" s="10"/>
    </row>
    <row r="341814" spans="14:14">
      <c r="N341814" s="10"/>
    </row>
    <row r="341815" spans="14:14">
      <c r="N341815" s="10"/>
    </row>
    <row r="341816" spans="14:14">
      <c r="N341816" s="10"/>
    </row>
    <row r="341817" spans="14:14">
      <c r="N341817" s="10"/>
    </row>
    <row r="341818" spans="14:14">
      <c r="N341818" s="10"/>
    </row>
    <row r="341819" spans="14:14">
      <c r="N341819" s="10"/>
    </row>
    <row r="341820" spans="14:14">
      <c r="N341820" s="10"/>
    </row>
    <row r="341821" spans="14:14">
      <c r="N341821" s="10"/>
    </row>
    <row r="341822" spans="14:14">
      <c r="N341822" s="10"/>
    </row>
    <row r="341823" spans="14:14">
      <c r="N341823" s="10"/>
    </row>
    <row r="341824" spans="14:14">
      <c r="N341824" s="10"/>
    </row>
    <row r="341825" spans="14:14">
      <c r="N341825" s="10"/>
    </row>
    <row r="341826" spans="14:14">
      <c r="N341826" s="10"/>
    </row>
    <row r="341827" spans="14:14">
      <c r="N341827" s="10"/>
    </row>
    <row r="341828" spans="14:14">
      <c r="N341828" s="10"/>
    </row>
    <row r="341829" spans="14:14">
      <c r="N341829" s="10"/>
    </row>
    <row r="341830" spans="14:14">
      <c r="N341830" s="10"/>
    </row>
    <row r="341831" spans="14:14">
      <c r="N341831" s="10"/>
    </row>
    <row r="341832" spans="14:14">
      <c r="N341832" s="10"/>
    </row>
    <row r="341833" spans="14:14">
      <c r="N341833" s="10"/>
    </row>
    <row r="341834" spans="14:14">
      <c r="N341834" s="10"/>
    </row>
    <row r="341835" spans="14:14">
      <c r="N341835" s="10"/>
    </row>
    <row r="341836" spans="14:14">
      <c r="N341836" s="10"/>
    </row>
    <row r="341837" spans="14:14">
      <c r="N341837" s="10"/>
    </row>
    <row r="341838" spans="14:14">
      <c r="N341838" s="10"/>
    </row>
    <row r="341839" spans="14:14">
      <c r="N341839" s="10"/>
    </row>
    <row r="341840" spans="14:14">
      <c r="N341840" s="10"/>
    </row>
    <row r="341841" spans="14:14">
      <c r="N341841" s="10"/>
    </row>
    <row r="341842" spans="14:14">
      <c r="N341842" s="10"/>
    </row>
    <row r="341843" spans="14:14">
      <c r="N341843" s="10"/>
    </row>
    <row r="341844" spans="14:14">
      <c r="N341844" s="10"/>
    </row>
    <row r="341845" spans="14:14">
      <c r="N341845" s="10"/>
    </row>
    <row r="341846" spans="14:14">
      <c r="N341846" s="10"/>
    </row>
    <row r="341847" spans="14:14">
      <c r="N341847" s="10"/>
    </row>
    <row r="341848" spans="14:14">
      <c r="N341848" s="10"/>
    </row>
    <row r="341849" spans="14:14">
      <c r="N341849" s="10"/>
    </row>
    <row r="341850" spans="14:14">
      <c r="N341850" s="10"/>
    </row>
    <row r="341851" spans="14:14">
      <c r="N341851" s="10"/>
    </row>
    <row r="341852" spans="14:14">
      <c r="N341852" s="10"/>
    </row>
    <row r="341853" spans="14:14">
      <c r="N341853" s="10"/>
    </row>
    <row r="341854" spans="14:14">
      <c r="N341854" s="10"/>
    </row>
    <row r="341855" spans="14:14">
      <c r="N341855" s="10"/>
    </row>
    <row r="341856" spans="14:14">
      <c r="N341856" s="10"/>
    </row>
    <row r="341857" spans="14:14">
      <c r="N341857" s="10"/>
    </row>
    <row r="341858" spans="14:14">
      <c r="N341858" s="10"/>
    </row>
    <row r="341859" spans="14:14">
      <c r="N341859" s="10"/>
    </row>
    <row r="341860" spans="14:14">
      <c r="N341860" s="10"/>
    </row>
    <row r="341861" spans="14:14">
      <c r="N341861" s="10"/>
    </row>
    <row r="341862" spans="14:14">
      <c r="N341862" s="10"/>
    </row>
    <row r="341863" spans="14:14">
      <c r="N341863" s="10"/>
    </row>
    <row r="341864" spans="14:14">
      <c r="N341864" s="10"/>
    </row>
    <row r="341865" spans="14:14">
      <c r="N341865" s="10"/>
    </row>
    <row r="341866" spans="14:14">
      <c r="N341866" s="10"/>
    </row>
    <row r="341867" spans="14:14">
      <c r="N341867" s="10"/>
    </row>
    <row r="341868" spans="14:14">
      <c r="N341868" s="10"/>
    </row>
    <row r="341869" spans="14:14">
      <c r="N341869" s="10"/>
    </row>
    <row r="341870" spans="14:14">
      <c r="N341870" s="10"/>
    </row>
    <row r="341871" spans="14:14">
      <c r="N341871" s="10"/>
    </row>
    <row r="341872" spans="14:14">
      <c r="N341872" s="10"/>
    </row>
    <row r="341873" spans="14:14">
      <c r="N341873" s="10"/>
    </row>
    <row r="341874" spans="14:14">
      <c r="N341874" s="10"/>
    </row>
    <row r="341875" spans="14:14">
      <c r="N341875" s="10"/>
    </row>
    <row r="341876" spans="14:14">
      <c r="N341876" s="10"/>
    </row>
    <row r="341877" spans="14:14">
      <c r="N341877" s="10"/>
    </row>
    <row r="341878" spans="14:14">
      <c r="N341878" s="10"/>
    </row>
    <row r="341879" spans="14:14">
      <c r="N341879" s="10"/>
    </row>
    <row r="341880" spans="14:14">
      <c r="N341880" s="10"/>
    </row>
    <row r="341881" spans="14:14">
      <c r="N341881" s="10"/>
    </row>
    <row r="341882" spans="14:14">
      <c r="N341882" s="10"/>
    </row>
    <row r="341883" spans="14:14">
      <c r="N341883" s="10"/>
    </row>
    <row r="341884" spans="14:14">
      <c r="N341884" s="10"/>
    </row>
    <row r="341885" spans="14:14">
      <c r="N341885" s="10"/>
    </row>
    <row r="341886" spans="14:14">
      <c r="N341886" s="10"/>
    </row>
    <row r="341887" spans="14:14">
      <c r="N341887" s="10"/>
    </row>
    <row r="341888" spans="14:14">
      <c r="N341888" s="10"/>
    </row>
    <row r="341889" spans="14:14">
      <c r="N341889" s="10"/>
    </row>
    <row r="341890" spans="14:14">
      <c r="N341890" s="10"/>
    </row>
    <row r="341891" spans="14:14">
      <c r="N341891" s="10"/>
    </row>
    <row r="341892" spans="14:14">
      <c r="N341892" s="10"/>
    </row>
    <row r="341893" spans="14:14">
      <c r="N341893" s="10"/>
    </row>
    <row r="341894" spans="14:14">
      <c r="N341894" s="10"/>
    </row>
    <row r="341895" spans="14:14">
      <c r="N341895" s="10"/>
    </row>
    <row r="341896" spans="14:14">
      <c r="N341896" s="10"/>
    </row>
    <row r="341897" spans="14:14">
      <c r="N341897" s="10"/>
    </row>
    <row r="341898" spans="14:14">
      <c r="N341898" s="10"/>
    </row>
    <row r="341899" spans="14:14">
      <c r="N341899" s="10"/>
    </row>
    <row r="341900" spans="14:14">
      <c r="N341900" s="10"/>
    </row>
    <row r="341901" spans="14:14">
      <c r="N341901" s="10"/>
    </row>
    <row r="341902" spans="14:14">
      <c r="N341902" s="10"/>
    </row>
    <row r="341903" spans="14:14">
      <c r="N341903" s="10"/>
    </row>
    <row r="341904" spans="14:14">
      <c r="N341904" s="10"/>
    </row>
    <row r="341905" spans="14:14">
      <c r="N341905" s="10"/>
    </row>
    <row r="341906" spans="14:14">
      <c r="N341906" s="10"/>
    </row>
    <row r="341907" spans="14:14">
      <c r="N341907" s="10"/>
    </row>
    <row r="341908" spans="14:14">
      <c r="N341908" s="10"/>
    </row>
    <row r="341909" spans="14:14">
      <c r="N341909" s="10"/>
    </row>
    <row r="341910" spans="14:14">
      <c r="N341910" s="10"/>
    </row>
    <row r="341911" spans="14:14">
      <c r="N341911" s="10"/>
    </row>
    <row r="341912" spans="14:14">
      <c r="N341912" s="10"/>
    </row>
    <row r="341913" spans="14:14">
      <c r="N341913" s="10"/>
    </row>
    <row r="341914" spans="14:14">
      <c r="N341914" s="10"/>
    </row>
    <row r="341915" spans="14:14">
      <c r="N341915" s="10"/>
    </row>
    <row r="341916" spans="14:14">
      <c r="N341916" s="10"/>
    </row>
    <row r="341917" spans="14:14">
      <c r="N341917" s="10"/>
    </row>
    <row r="341918" spans="14:14">
      <c r="N341918" s="10"/>
    </row>
    <row r="341919" spans="14:14">
      <c r="N341919" s="10"/>
    </row>
    <row r="341920" spans="14:14">
      <c r="N341920" s="10"/>
    </row>
    <row r="341921" spans="14:14">
      <c r="N341921" s="10"/>
    </row>
    <row r="341922" spans="14:14">
      <c r="N341922" s="10"/>
    </row>
    <row r="341923" spans="14:14">
      <c r="N341923" s="10"/>
    </row>
    <row r="341924" spans="14:14">
      <c r="N341924" s="10"/>
    </row>
    <row r="341925" spans="14:14">
      <c r="N341925" s="10"/>
    </row>
    <row r="341926" spans="14:14">
      <c r="N341926" s="10"/>
    </row>
    <row r="341927" spans="14:14">
      <c r="N341927" s="10"/>
    </row>
    <row r="341928" spans="14:14">
      <c r="N341928" s="10"/>
    </row>
    <row r="341929" spans="14:14">
      <c r="N341929" s="10"/>
    </row>
    <row r="341930" spans="14:14">
      <c r="N341930" s="10"/>
    </row>
    <row r="341931" spans="14:14">
      <c r="N341931" s="10"/>
    </row>
    <row r="341932" spans="14:14">
      <c r="N341932" s="10"/>
    </row>
    <row r="341933" spans="14:14">
      <c r="N341933" s="10"/>
    </row>
    <row r="341934" spans="14:14">
      <c r="N341934" s="10"/>
    </row>
    <row r="341935" spans="14:14">
      <c r="N341935" s="10"/>
    </row>
    <row r="341936" spans="14:14">
      <c r="N341936" s="10"/>
    </row>
    <row r="341937" spans="14:14">
      <c r="N341937" s="10"/>
    </row>
    <row r="341938" spans="14:14">
      <c r="N341938" s="10"/>
    </row>
    <row r="341939" spans="14:14">
      <c r="N341939" s="10"/>
    </row>
    <row r="341940" spans="14:14">
      <c r="N341940" s="10"/>
    </row>
    <row r="341941" spans="14:14">
      <c r="N341941" s="10"/>
    </row>
    <row r="341942" spans="14:14">
      <c r="N341942" s="10"/>
    </row>
    <row r="341943" spans="14:14">
      <c r="N341943" s="10"/>
    </row>
    <row r="341944" spans="14:14">
      <c r="N341944" s="10"/>
    </row>
    <row r="341945" spans="14:14">
      <c r="N341945" s="10"/>
    </row>
    <row r="341946" spans="14:14">
      <c r="N341946" s="10"/>
    </row>
    <row r="341947" spans="14:14">
      <c r="N341947" s="10"/>
    </row>
    <row r="341948" spans="14:14">
      <c r="N341948" s="10"/>
    </row>
    <row r="341949" spans="14:14">
      <c r="N341949" s="10"/>
    </row>
    <row r="341950" spans="14:14">
      <c r="N341950" s="10"/>
    </row>
    <row r="341951" spans="14:14">
      <c r="N341951" s="10"/>
    </row>
    <row r="341952" spans="14:14">
      <c r="N341952" s="10"/>
    </row>
    <row r="341953" spans="14:14">
      <c r="N341953" s="10"/>
    </row>
    <row r="341954" spans="14:14">
      <c r="N341954" s="10"/>
    </row>
    <row r="341955" spans="14:14">
      <c r="N341955" s="10"/>
    </row>
    <row r="341956" spans="14:14">
      <c r="N341956" s="10"/>
    </row>
    <row r="341957" spans="14:14">
      <c r="N341957" s="10"/>
    </row>
    <row r="341958" spans="14:14">
      <c r="N341958" s="10"/>
    </row>
    <row r="341959" spans="14:14">
      <c r="N341959" s="10"/>
    </row>
    <row r="341960" spans="14:14">
      <c r="N341960" s="10"/>
    </row>
    <row r="341961" spans="14:14">
      <c r="N341961" s="10"/>
    </row>
    <row r="341962" spans="14:14">
      <c r="N341962" s="10"/>
    </row>
    <row r="341963" spans="14:14">
      <c r="N341963" s="10"/>
    </row>
    <row r="341964" spans="14:14">
      <c r="N341964" s="10"/>
    </row>
    <row r="341965" spans="14:14">
      <c r="N341965" s="10"/>
    </row>
    <row r="341966" spans="14:14">
      <c r="N341966" s="10"/>
    </row>
    <row r="341967" spans="14:14">
      <c r="N341967" s="10"/>
    </row>
    <row r="341968" spans="14:14">
      <c r="N341968" s="10"/>
    </row>
    <row r="341969" spans="14:14">
      <c r="N341969" s="10"/>
    </row>
    <row r="341970" spans="14:14">
      <c r="N341970" s="10"/>
    </row>
    <row r="341971" spans="14:14">
      <c r="N341971" s="10"/>
    </row>
    <row r="341972" spans="14:14">
      <c r="N341972" s="10"/>
    </row>
    <row r="341973" spans="14:14">
      <c r="N341973" s="10"/>
    </row>
    <row r="341974" spans="14:14">
      <c r="N341974" s="10"/>
    </row>
    <row r="341975" spans="14:14">
      <c r="N341975" s="10"/>
    </row>
    <row r="341976" spans="14:14">
      <c r="N341976" s="10"/>
    </row>
    <row r="341977" spans="14:14">
      <c r="N341977" s="10"/>
    </row>
    <row r="341978" spans="14:14">
      <c r="N341978" s="10"/>
    </row>
    <row r="341979" spans="14:14">
      <c r="N341979" s="10"/>
    </row>
    <row r="341980" spans="14:14">
      <c r="N341980" s="10"/>
    </row>
    <row r="341981" spans="14:14">
      <c r="N341981" s="10"/>
    </row>
    <row r="341982" spans="14:14">
      <c r="N341982" s="10"/>
    </row>
    <row r="341983" spans="14:14">
      <c r="N341983" s="10"/>
    </row>
    <row r="341984" spans="14:14">
      <c r="N341984" s="10"/>
    </row>
    <row r="341985" spans="14:14">
      <c r="N341985" s="10"/>
    </row>
    <row r="341986" spans="14:14">
      <c r="N341986" s="10"/>
    </row>
    <row r="341987" spans="14:14">
      <c r="N341987" s="10"/>
    </row>
    <row r="341988" spans="14:14">
      <c r="N341988" s="10"/>
    </row>
    <row r="341989" spans="14:14">
      <c r="N341989" s="10"/>
    </row>
    <row r="341990" spans="14:14">
      <c r="N341990" s="10"/>
    </row>
    <row r="341991" spans="14:14">
      <c r="N341991" s="10"/>
    </row>
    <row r="341992" spans="14:14">
      <c r="N341992" s="10"/>
    </row>
    <row r="341993" spans="14:14">
      <c r="N341993" s="10"/>
    </row>
    <row r="341994" spans="14:14">
      <c r="N341994" s="10"/>
    </row>
    <row r="341995" spans="14:14">
      <c r="N341995" s="10"/>
    </row>
    <row r="341996" spans="14:14">
      <c r="N341996" s="10"/>
    </row>
    <row r="341997" spans="14:14">
      <c r="N341997" s="10"/>
    </row>
    <row r="341998" spans="14:14">
      <c r="N341998" s="10"/>
    </row>
    <row r="341999" spans="14:14">
      <c r="N341999" s="10"/>
    </row>
    <row r="342000" spans="14:14">
      <c r="N342000" s="10"/>
    </row>
    <row r="342001" spans="14:14">
      <c r="N342001" s="10"/>
    </row>
    <row r="342002" spans="14:14">
      <c r="N342002" s="10"/>
    </row>
    <row r="342003" spans="14:14">
      <c r="N342003" s="10"/>
    </row>
    <row r="342004" spans="14:14">
      <c r="N342004" s="10"/>
    </row>
    <row r="342005" spans="14:14">
      <c r="N342005" s="10"/>
    </row>
    <row r="342006" spans="14:14">
      <c r="N342006" s="10"/>
    </row>
    <row r="342007" spans="14:14">
      <c r="N342007" s="10"/>
    </row>
    <row r="342008" spans="14:14">
      <c r="N342008" s="10"/>
    </row>
    <row r="342009" spans="14:14">
      <c r="N342009" s="10"/>
    </row>
    <row r="342010" spans="14:14">
      <c r="N342010" s="10"/>
    </row>
    <row r="342011" spans="14:14">
      <c r="N342011" s="10"/>
    </row>
    <row r="342012" spans="14:14">
      <c r="N342012" s="10"/>
    </row>
    <row r="342013" spans="14:14">
      <c r="N342013" s="10"/>
    </row>
    <row r="342014" spans="14:14">
      <c r="N342014" s="10"/>
    </row>
    <row r="342015" spans="14:14">
      <c r="N342015" s="10"/>
    </row>
    <row r="342016" spans="14:14">
      <c r="N342016" s="10"/>
    </row>
    <row r="342017" spans="14:14">
      <c r="N342017" s="10"/>
    </row>
    <row r="342018" spans="14:14">
      <c r="N342018" s="10"/>
    </row>
    <row r="342019" spans="14:14">
      <c r="N342019" s="10"/>
    </row>
    <row r="342020" spans="14:14">
      <c r="N342020" s="10"/>
    </row>
    <row r="342021" spans="14:14">
      <c r="N342021" s="10"/>
    </row>
    <row r="342022" spans="14:14">
      <c r="N342022" s="10"/>
    </row>
    <row r="342023" spans="14:14">
      <c r="N342023" s="10"/>
    </row>
    <row r="342024" spans="14:14">
      <c r="N342024" s="10"/>
    </row>
    <row r="342025" spans="14:14">
      <c r="N342025" s="10"/>
    </row>
    <row r="342026" spans="14:14">
      <c r="N342026" s="10"/>
    </row>
    <row r="342027" spans="14:14">
      <c r="N342027" s="10"/>
    </row>
    <row r="342028" spans="14:14">
      <c r="N342028" s="10"/>
    </row>
    <row r="342029" spans="14:14">
      <c r="N342029" s="10"/>
    </row>
    <row r="342030" spans="14:14">
      <c r="N342030" s="10"/>
    </row>
    <row r="342031" spans="14:14">
      <c r="N342031" s="10"/>
    </row>
    <row r="342032" spans="14:14">
      <c r="N342032" s="10"/>
    </row>
    <row r="342033" spans="14:14">
      <c r="N342033" s="10"/>
    </row>
    <row r="342034" spans="14:14">
      <c r="N342034" s="10"/>
    </row>
    <row r="342035" spans="14:14">
      <c r="N342035" s="10"/>
    </row>
    <row r="342036" spans="14:14">
      <c r="N342036" s="10"/>
    </row>
    <row r="342037" spans="14:14">
      <c r="N342037" s="10"/>
    </row>
    <row r="342038" spans="14:14">
      <c r="N342038" s="10"/>
    </row>
    <row r="342039" spans="14:14">
      <c r="N342039" s="10"/>
    </row>
    <row r="342040" spans="14:14">
      <c r="N342040" s="10"/>
    </row>
    <row r="342041" spans="14:14">
      <c r="N342041" s="10"/>
    </row>
    <row r="342042" spans="14:14">
      <c r="N342042" s="10"/>
    </row>
    <row r="342043" spans="14:14">
      <c r="N342043" s="10"/>
    </row>
    <row r="342044" spans="14:14">
      <c r="N342044" s="10"/>
    </row>
    <row r="342045" spans="14:14">
      <c r="N342045" s="10"/>
    </row>
    <row r="342046" spans="14:14">
      <c r="N342046" s="10"/>
    </row>
    <row r="342047" spans="14:14">
      <c r="N342047" s="10"/>
    </row>
    <row r="342048" spans="14:14">
      <c r="N342048" s="10"/>
    </row>
    <row r="342049" spans="14:14">
      <c r="N342049" s="10"/>
    </row>
    <row r="342050" spans="14:14">
      <c r="N342050" s="10"/>
    </row>
    <row r="342051" spans="14:14">
      <c r="N342051" s="10"/>
    </row>
    <row r="342052" spans="14:14">
      <c r="N342052" s="10"/>
    </row>
    <row r="342053" spans="14:14">
      <c r="N342053" s="10"/>
    </row>
    <row r="342054" spans="14:14">
      <c r="N342054" s="10"/>
    </row>
    <row r="342055" spans="14:14">
      <c r="N342055" s="10"/>
    </row>
    <row r="342056" spans="14:14">
      <c r="N342056" s="10"/>
    </row>
    <row r="342057" spans="14:14">
      <c r="N342057" s="10"/>
    </row>
    <row r="342058" spans="14:14">
      <c r="N342058" s="10"/>
    </row>
    <row r="342059" spans="14:14">
      <c r="N342059" s="10"/>
    </row>
    <row r="342060" spans="14:14">
      <c r="N342060" s="10"/>
    </row>
    <row r="342061" spans="14:14">
      <c r="N342061" s="10"/>
    </row>
    <row r="342062" spans="14:14">
      <c r="N342062" s="10"/>
    </row>
    <row r="342063" spans="14:14">
      <c r="N342063" s="10"/>
    </row>
    <row r="342064" spans="14:14">
      <c r="N342064" s="10"/>
    </row>
    <row r="342065" spans="14:14">
      <c r="N342065" s="10"/>
    </row>
    <row r="342066" spans="14:14">
      <c r="N342066" s="10"/>
    </row>
    <row r="342067" spans="14:14">
      <c r="N342067" s="10"/>
    </row>
    <row r="342068" spans="14:14">
      <c r="N342068" s="10"/>
    </row>
    <row r="342069" spans="14:14">
      <c r="N342069" s="10"/>
    </row>
    <row r="342070" spans="14:14">
      <c r="N342070" s="10"/>
    </row>
    <row r="342071" spans="14:14">
      <c r="N342071" s="10"/>
    </row>
    <row r="342072" spans="14:14">
      <c r="N342072" s="10"/>
    </row>
    <row r="342073" spans="14:14">
      <c r="N342073" s="10"/>
    </row>
    <row r="342074" spans="14:14">
      <c r="N342074" s="10"/>
    </row>
    <row r="342075" spans="14:14">
      <c r="N342075" s="10"/>
    </row>
    <row r="342076" spans="14:14">
      <c r="N342076" s="10"/>
    </row>
    <row r="342077" spans="14:14">
      <c r="N342077" s="10"/>
    </row>
    <row r="342078" spans="14:14">
      <c r="N342078" s="10"/>
    </row>
    <row r="342079" spans="14:14">
      <c r="N342079" s="10"/>
    </row>
    <row r="342080" spans="14:14">
      <c r="N342080" s="10"/>
    </row>
    <row r="342081" spans="14:14">
      <c r="N342081" s="10"/>
    </row>
    <row r="342082" spans="14:14">
      <c r="N342082" s="10"/>
    </row>
    <row r="342083" spans="14:14">
      <c r="N342083" s="10"/>
    </row>
    <row r="342084" spans="14:14">
      <c r="N342084" s="10"/>
    </row>
    <row r="342085" spans="14:14">
      <c r="N342085" s="10"/>
    </row>
    <row r="342086" spans="14:14">
      <c r="N342086" s="10"/>
    </row>
    <row r="342087" spans="14:14">
      <c r="N342087" s="10"/>
    </row>
    <row r="342088" spans="14:14">
      <c r="N342088" s="10"/>
    </row>
    <row r="342089" spans="14:14">
      <c r="N342089" s="10"/>
    </row>
    <row r="342090" spans="14:14">
      <c r="N342090" s="10"/>
    </row>
    <row r="342091" spans="14:14">
      <c r="N342091" s="10"/>
    </row>
    <row r="342092" spans="14:14">
      <c r="N342092" s="10"/>
    </row>
    <row r="342093" spans="14:14">
      <c r="N342093" s="10"/>
    </row>
    <row r="342094" spans="14:14">
      <c r="N342094" s="10"/>
    </row>
    <row r="342095" spans="14:14">
      <c r="N342095" s="10"/>
    </row>
    <row r="342096" spans="14:14">
      <c r="N342096" s="10"/>
    </row>
    <row r="342097" spans="14:14">
      <c r="N342097" s="10"/>
    </row>
    <row r="342098" spans="14:14">
      <c r="N342098" s="10"/>
    </row>
    <row r="342099" spans="14:14">
      <c r="N342099" s="10"/>
    </row>
    <row r="342100" spans="14:14">
      <c r="N342100" s="10"/>
    </row>
    <row r="342101" spans="14:14">
      <c r="N342101" s="10"/>
    </row>
    <row r="342102" spans="14:14">
      <c r="N342102" s="10"/>
    </row>
    <row r="342103" spans="14:14">
      <c r="N342103" s="10"/>
    </row>
    <row r="342104" spans="14:14">
      <c r="N342104" s="10"/>
    </row>
    <row r="342105" spans="14:14">
      <c r="N342105" s="10"/>
    </row>
    <row r="342106" spans="14:14">
      <c r="N342106" s="10"/>
    </row>
    <row r="342107" spans="14:14">
      <c r="N342107" s="10"/>
    </row>
    <row r="342108" spans="14:14">
      <c r="N342108" s="10"/>
    </row>
    <row r="342109" spans="14:14">
      <c r="N342109" s="10"/>
    </row>
    <row r="342110" spans="14:14">
      <c r="N342110" s="10"/>
    </row>
    <row r="342111" spans="14:14">
      <c r="N342111" s="10"/>
    </row>
    <row r="342112" spans="14:14">
      <c r="N342112" s="10"/>
    </row>
    <row r="342113" spans="14:14">
      <c r="N342113" s="10"/>
    </row>
    <row r="342114" spans="14:14">
      <c r="N342114" s="10"/>
    </row>
    <row r="342115" spans="14:14">
      <c r="N342115" s="10"/>
    </row>
    <row r="342116" spans="14:14">
      <c r="N342116" s="10"/>
    </row>
    <row r="342117" spans="14:14">
      <c r="N342117" s="10"/>
    </row>
    <row r="342118" spans="14:14">
      <c r="N342118" s="10"/>
    </row>
    <row r="342119" spans="14:14">
      <c r="N342119" s="10"/>
    </row>
    <row r="342120" spans="14:14">
      <c r="N342120" s="10"/>
    </row>
    <row r="342121" spans="14:14">
      <c r="N342121" s="10"/>
    </row>
    <row r="342122" spans="14:14">
      <c r="N342122" s="10"/>
    </row>
    <row r="342123" spans="14:14">
      <c r="N342123" s="10"/>
    </row>
    <row r="342124" spans="14:14">
      <c r="N342124" s="10"/>
    </row>
    <row r="342125" spans="14:14">
      <c r="N342125" s="10"/>
    </row>
    <row r="342126" spans="14:14">
      <c r="N342126" s="10"/>
    </row>
    <row r="342127" spans="14:14">
      <c r="N342127" s="10"/>
    </row>
    <row r="342128" spans="14:14">
      <c r="N342128" s="10"/>
    </row>
    <row r="342129" spans="14:14">
      <c r="N342129" s="10"/>
    </row>
    <row r="342130" spans="14:14">
      <c r="N342130" s="10"/>
    </row>
    <row r="342131" spans="14:14">
      <c r="N342131" s="10"/>
    </row>
    <row r="342132" spans="14:14">
      <c r="N342132" s="10"/>
    </row>
    <row r="342133" spans="14:14">
      <c r="N342133" s="10"/>
    </row>
    <row r="342134" spans="14:14">
      <c r="N342134" s="10"/>
    </row>
    <row r="342135" spans="14:14">
      <c r="N342135" s="10"/>
    </row>
    <row r="342136" spans="14:14">
      <c r="N342136" s="10"/>
    </row>
    <row r="342137" spans="14:14">
      <c r="N342137" s="10"/>
    </row>
    <row r="342138" spans="14:14">
      <c r="N342138" s="10"/>
    </row>
    <row r="342139" spans="14:14">
      <c r="N342139" s="10"/>
    </row>
    <row r="342140" spans="14:14">
      <c r="N342140" s="10"/>
    </row>
    <row r="342141" spans="14:14">
      <c r="N342141" s="10"/>
    </row>
    <row r="342142" spans="14:14">
      <c r="N342142" s="10"/>
    </row>
    <row r="342143" spans="14:14">
      <c r="N342143" s="10"/>
    </row>
    <row r="342144" spans="14:14">
      <c r="N342144" s="10"/>
    </row>
    <row r="342145" spans="14:14">
      <c r="N342145" s="10"/>
    </row>
    <row r="342146" spans="14:14">
      <c r="N342146" s="10"/>
    </row>
    <row r="342147" spans="14:14">
      <c r="N342147" s="10"/>
    </row>
    <row r="342148" spans="14:14">
      <c r="N342148" s="10"/>
    </row>
    <row r="342149" spans="14:14">
      <c r="N342149" s="10"/>
    </row>
    <row r="342150" spans="14:14">
      <c r="N342150" s="10"/>
    </row>
    <row r="342151" spans="14:14">
      <c r="N342151" s="10"/>
    </row>
    <row r="342152" spans="14:14">
      <c r="N342152" s="10"/>
    </row>
    <row r="342153" spans="14:14">
      <c r="N342153" s="10"/>
    </row>
    <row r="342154" spans="14:14">
      <c r="N342154" s="10"/>
    </row>
    <row r="342155" spans="14:14">
      <c r="N342155" s="10"/>
    </row>
    <row r="342156" spans="14:14">
      <c r="N342156" s="10"/>
    </row>
    <row r="342157" spans="14:14">
      <c r="N342157" s="10"/>
    </row>
    <row r="342158" spans="14:14">
      <c r="N342158" s="10"/>
    </row>
    <row r="342159" spans="14:14">
      <c r="N342159" s="10"/>
    </row>
    <row r="342160" spans="14:14">
      <c r="N342160" s="10"/>
    </row>
    <row r="342161" spans="14:14">
      <c r="N342161" s="10"/>
    </row>
    <row r="342162" spans="14:14">
      <c r="N342162" s="10"/>
    </row>
    <row r="342163" spans="14:14">
      <c r="N342163" s="10"/>
    </row>
    <row r="342164" spans="14:14">
      <c r="N342164" s="10"/>
    </row>
    <row r="342165" spans="14:14">
      <c r="N342165" s="10"/>
    </row>
    <row r="342166" spans="14:14">
      <c r="N342166" s="10"/>
    </row>
    <row r="342167" spans="14:14">
      <c r="N342167" s="10"/>
    </row>
    <row r="342168" spans="14:14">
      <c r="N342168" s="10"/>
    </row>
    <row r="342169" spans="14:14">
      <c r="N342169" s="10"/>
    </row>
    <row r="342170" spans="14:14">
      <c r="N342170" s="10"/>
    </row>
    <row r="342171" spans="14:14">
      <c r="N342171" s="10"/>
    </row>
    <row r="342172" spans="14:14">
      <c r="N342172" s="10"/>
    </row>
    <row r="342173" spans="14:14">
      <c r="N342173" s="10"/>
    </row>
    <row r="342174" spans="14:14">
      <c r="N342174" s="10"/>
    </row>
    <row r="342175" spans="14:14">
      <c r="N342175" s="10"/>
    </row>
    <row r="342176" spans="14:14">
      <c r="N342176" s="10"/>
    </row>
    <row r="342177" spans="14:14">
      <c r="N342177" s="10"/>
    </row>
    <row r="342178" spans="14:14">
      <c r="N342178" s="10"/>
    </row>
    <row r="342179" spans="14:14">
      <c r="N342179" s="10"/>
    </row>
    <row r="342180" spans="14:14">
      <c r="N342180" s="10"/>
    </row>
    <row r="342181" spans="14:14">
      <c r="N342181" s="10"/>
    </row>
    <row r="342182" spans="14:14">
      <c r="N342182" s="10"/>
    </row>
    <row r="342183" spans="14:14">
      <c r="N342183" s="10"/>
    </row>
    <row r="342184" spans="14:14">
      <c r="N342184" s="10"/>
    </row>
    <row r="342185" spans="14:14">
      <c r="N342185" s="10"/>
    </row>
    <row r="342186" spans="14:14">
      <c r="N342186" s="10"/>
    </row>
    <row r="342187" spans="14:14">
      <c r="N342187" s="10"/>
    </row>
    <row r="342188" spans="14:14">
      <c r="N342188" s="10"/>
    </row>
    <row r="342189" spans="14:14">
      <c r="N342189" s="10"/>
    </row>
    <row r="342190" spans="14:14">
      <c r="N342190" s="10"/>
    </row>
    <row r="342191" spans="14:14">
      <c r="N342191" s="10"/>
    </row>
    <row r="342192" spans="14:14">
      <c r="N342192" s="10"/>
    </row>
    <row r="342193" spans="14:14">
      <c r="N342193" s="10"/>
    </row>
    <row r="342194" spans="14:14">
      <c r="N342194" s="10"/>
    </row>
    <row r="342195" spans="14:14">
      <c r="N342195" s="10"/>
    </row>
    <row r="342196" spans="14:14">
      <c r="N342196" s="10"/>
    </row>
    <row r="342197" spans="14:14">
      <c r="N342197" s="10"/>
    </row>
    <row r="342198" spans="14:14">
      <c r="N342198" s="10"/>
    </row>
    <row r="342199" spans="14:14">
      <c r="N342199" s="10"/>
    </row>
    <row r="342200" spans="14:14">
      <c r="N342200" s="10"/>
    </row>
    <row r="342201" spans="14:14">
      <c r="N342201" s="10"/>
    </row>
    <row r="342202" spans="14:14">
      <c r="N342202" s="10"/>
    </row>
    <row r="342203" spans="14:14">
      <c r="N342203" s="10"/>
    </row>
    <row r="342204" spans="14:14">
      <c r="N342204" s="10"/>
    </row>
    <row r="342205" spans="14:14">
      <c r="N342205" s="10"/>
    </row>
    <row r="342206" spans="14:14">
      <c r="N342206" s="10"/>
    </row>
    <row r="342207" spans="14:14">
      <c r="N342207" s="10"/>
    </row>
    <row r="342208" spans="14:14">
      <c r="N342208" s="10"/>
    </row>
    <row r="342209" spans="14:14">
      <c r="N342209" s="10"/>
    </row>
    <row r="342210" spans="14:14">
      <c r="N342210" s="10"/>
    </row>
    <row r="342211" spans="14:14">
      <c r="N342211" s="10"/>
    </row>
    <row r="342212" spans="14:14">
      <c r="N342212" s="10"/>
    </row>
    <row r="342213" spans="14:14">
      <c r="N342213" s="10"/>
    </row>
    <row r="342214" spans="14:14">
      <c r="N342214" s="10"/>
    </row>
    <row r="342215" spans="14:14">
      <c r="N342215" s="10"/>
    </row>
    <row r="342216" spans="14:14">
      <c r="N342216" s="10"/>
    </row>
    <row r="342217" spans="14:14">
      <c r="N342217" s="10"/>
    </row>
    <row r="342218" spans="14:14">
      <c r="N342218" s="10"/>
    </row>
    <row r="342219" spans="14:14">
      <c r="N342219" s="10"/>
    </row>
    <row r="342220" spans="14:14">
      <c r="N342220" s="10"/>
    </row>
    <row r="342221" spans="14:14">
      <c r="N342221" s="10"/>
    </row>
    <row r="342222" spans="14:14">
      <c r="N342222" s="10"/>
    </row>
    <row r="342223" spans="14:14">
      <c r="N342223" s="10"/>
    </row>
    <row r="342224" spans="14:14">
      <c r="N342224" s="10"/>
    </row>
    <row r="342225" spans="14:14">
      <c r="N342225" s="10"/>
    </row>
    <row r="342226" spans="14:14">
      <c r="N342226" s="10"/>
    </row>
    <row r="342227" spans="14:14">
      <c r="N342227" s="10"/>
    </row>
    <row r="342228" spans="14:14">
      <c r="N342228" s="10"/>
    </row>
    <row r="342229" spans="14:14">
      <c r="N342229" s="10"/>
    </row>
    <row r="342230" spans="14:14">
      <c r="N342230" s="10"/>
    </row>
    <row r="342231" spans="14:14">
      <c r="N342231" s="10"/>
    </row>
    <row r="342232" spans="14:14">
      <c r="N342232" s="10"/>
    </row>
    <row r="342233" spans="14:14">
      <c r="N342233" s="10"/>
    </row>
    <row r="342234" spans="14:14">
      <c r="N342234" s="10"/>
    </row>
    <row r="342235" spans="14:14">
      <c r="N342235" s="10"/>
    </row>
    <row r="342236" spans="14:14">
      <c r="N342236" s="10"/>
    </row>
    <row r="342237" spans="14:14">
      <c r="N342237" s="10"/>
    </row>
    <row r="342238" spans="14:14">
      <c r="N342238" s="10"/>
    </row>
    <row r="342239" spans="14:14">
      <c r="N342239" s="10"/>
    </row>
    <row r="342240" spans="14:14">
      <c r="N342240" s="10"/>
    </row>
    <row r="342241" spans="14:14">
      <c r="N342241" s="10"/>
    </row>
    <row r="342242" spans="14:14">
      <c r="N342242" s="10"/>
    </row>
    <row r="342243" spans="14:14">
      <c r="N342243" s="10"/>
    </row>
    <row r="342244" spans="14:14">
      <c r="N342244" s="10"/>
    </row>
    <row r="342245" spans="14:14">
      <c r="N342245" s="10"/>
    </row>
    <row r="342246" spans="14:14">
      <c r="N342246" s="10"/>
    </row>
    <row r="342247" spans="14:14">
      <c r="N342247" s="10"/>
    </row>
    <row r="342248" spans="14:14">
      <c r="N342248" s="10"/>
    </row>
    <row r="342249" spans="14:14">
      <c r="N342249" s="10"/>
    </row>
    <row r="342250" spans="14:14">
      <c r="N342250" s="10"/>
    </row>
    <row r="342251" spans="14:14">
      <c r="N342251" s="10"/>
    </row>
    <row r="342252" spans="14:14">
      <c r="N342252" s="10"/>
    </row>
    <row r="342253" spans="14:14">
      <c r="N342253" s="10"/>
    </row>
    <row r="342254" spans="14:14">
      <c r="N342254" s="10"/>
    </row>
    <row r="342255" spans="14:14">
      <c r="N342255" s="10"/>
    </row>
    <row r="342256" spans="14:14">
      <c r="N342256" s="10"/>
    </row>
    <row r="342257" spans="14:14">
      <c r="N342257" s="10"/>
    </row>
    <row r="342258" spans="14:14">
      <c r="N342258" s="10"/>
    </row>
    <row r="342259" spans="14:14">
      <c r="N342259" s="10"/>
    </row>
    <row r="342260" spans="14:14">
      <c r="N342260" s="10"/>
    </row>
    <row r="342261" spans="14:14">
      <c r="N342261" s="10"/>
    </row>
    <row r="342262" spans="14:14">
      <c r="N342262" s="10"/>
    </row>
    <row r="342263" spans="14:14">
      <c r="N342263" s="10"/>
    </row>
    <row r="342264" spans="14:14">
      <c r="N342264" s="10"/>
    </row>
    <row r="342265" spans="14:14">
      <c r="N342265" s="10"/>
    </row>
    <row r="342266" spans="14:14">
      <c r="N342266" s="10"/>
    </row>
    <row r="342267" spans="14:14">
      <c r="N342267" s="10"/>
    </row>
    <row r="342268" spans="14:14">
      <c r="N342268" s="10"/>
    </row>
    <row r="342269" spans="14:14">
      <c r="N342269" s="10"/>
    </row>
    <row r="342270" spans="14:14">
      <c r="N342270" s="10"/>
    </row>
    <row r="342271" spans="14:14">
      <c r="N342271" s="10"/>
    </row>
    <row r="342272" spans="14:14">
      <c r="N342272" s="10"/>
    </row>
    <row r="342273" spans="14:14">
      <c r="N342273" s="10"/>
    </row>
    <row r="342274" spans="14:14">
      <c r="N342274" s="10"/>
    </row>
    <row r="342275" spans="14:14">
      <c r="N342275" s="10"/>
    </row>
    <row r="342276" spans="14:14">
      <c r="N342276" s="10"/>
    </row>
    <row r="342277" spans="14:14">
      <c r="N342277" s="10"/>
    </row>
    <row r="342278" spans="14:14">
      <c r="N342278" s="10"/>
    </row>
    <row r="342279" spans="14:14">
      <c r="N342279" s="10"/>
    </row>
    <row r="342280" spans="14:14">
      <c r="N342280" s="10"/>
    </row>
    <row r="342281" spans="14:14">
      <c r="N342281" s="10"/>
    </row>
    <row r="342282" spans="14:14">
      <c r="N342282" s="10"/>
    </row>
    <row r="342283" spans="14:14">
      <c r="N342283" s="10"/>
    </row>
    <row r="342284" spans="14:14">
      <c r="N342284" s="10"/>
    </row>
    <row r="342285" spans="14:14">
      <c r="N342285" s="10"/>
    </row>
    <row r="342286" spans="14:14">
      <c r="N342286" s="10"/>
    </row>
    <row r="342287" spans="14:14">
      <c r="N342287" s="10"/>
    </row>
    <row r="342288" spans="14:14">
      <c r="N342288" s="10"/>
    </row>
    <row r="342289" spans="14:14">
      <c r="N342289" s="10"/>
    </row>
    <row r="342290" spans="14:14">
      <c r="N342290" s="10"/>
    </row>
    <row r="342291" spans="14:14">
      <c r="N342291" s="10"/>
    </row>
    <row r="342292" spans="14:14">
      <c r="N342292" s="10"/>
    </row>
    <row r="342293" spans="14:14">
      <c r="N342293" s="10"/>
    </row>
    <row r="342294" spans="14:14">
      <c r="N342294" s="10"/>
    </row>
    <row r="342295" spans="14:14">
      <c r="N342295" s="10"/>
    </row>
    <row r="342296" spans="14:14">
      <c r="N342296" s="10"/>
    </row>
    <row r="342297" spans="14:14">
      <c r="N342297" s="10"/>
    </row>
    <row r="342298" spans="14:14">
      <c r="N342298" s="10"/>
    </row>
    <row r="342299" spans="14:14">
      <c r="N342299" s="10"/>
    </row>
    <row r="342300" spans="14:14">
      <c r="N342300" s="10"/>
    </row>
    <row r="342301" spans="14:14">
      <c r="N342301" s="10"/>
    </row>
    <row r="342302" spans="14:14">
      <c r="N342302" s="10"/>
    </row>
    <row r="342303" spans="14:14">
      <c r="N342303" s="10"/>
    </row>
    <row r="342304" spans="14:14">
      <c r="N342304" s="10"/>
    </row>
    <row r="342305" spans="14:14">
      <c r="N342305" s="10"/>
    </row>
    <row r="342306" spans="14:14">
      <c r="N342306" s="10"/>
    </row>
    <row r="342307" spans="14:14">
      <c r="N342307" s="10"/>
    </row>
    <row r="342308" spans="14:14">
      <c r="N342308" s="10"/>
    </row>
    <row r="342309" spans="14:14">
      <c r="N342309" s="10"/>
    </row>
    <row r="342310" spans="14:14">
      <c r="N342310" s="10"/>
    </row>
    <row r="342311" spans="14:14">
      <c r="N342311" s="10"/>
    </row>
    <row r="342312" spans="14:14">
      <c r="N342312" s="10"/>
    </row>
    <row r="342313" spans="14:14">
      <c r="N342313" s="10"/>
    </row>
    <row r="342314" spans="14:14">
      <c r="N342314" s="10"/>
    </row>
    <row r="342315" spans="14:14">
      <c r="N342315" s="10"/>
    </row>
    <row r="342316" spans="14:14">
      <c r="N342316" s="10"/>
    </row>
    <row r="342317" spans="14:14">
      <c r="N342317" s="10"/>
    </row>
    <row r="342318" spans="14:14">
      <c r="N342318" s="10"/>
    </row>
    <row r="342319" spans="14:14">
      <c r="N342319" s="10"/>
    </row>
    <row r="342320" spans="14:14">
      <c r="N342320" s="10"/>
    </row>
    <row r="342321" spans="14:14">
      <c r="N342321" s="10"/>
    </row>
    <row r="342322" spans="14:14">
      <c r="N342322" s="10"/>
    </row>
    <row r="342323" spans="14:14">
      <c r="N342323" s="10"/>
    </row>
    <row r="342324" spans="14:14">
      <c r="N342324" s="10"/>
    </row>
    <row r="342325" spans="14:14">
      <c r="N342325" s="10"/>
    </row>
    <row r="342326" spans="14:14">
      <c r="N342326" s="10"/>
    </row>
    <row r="342327" spans="14:14">
      <c r="N342327" s="10"/>
    </row>
    <row r="342328" spans="14:14">
      <c r="N342328" s="10"/>
    </row>
    <row r="342329" spans="14:14">
      <c r="N342329" s="10"/>
    </row>
    <row r="342330" spans="14:14">
      <c r="N342330" s="10"/>
    </row>
    <row r="342331" spans="14:14">
      <c r="N342331" s="10"/>
    </row>
    <row r="342332" spans="14:14">
      <c r="N342332" s="10"/>
    </row>
    <row r="342333" spans="14:14">
      <c r="N342333" s="10"/>
    </row>
    <row r="342334" spans="14:14">
      <c r="N342334" s="10"/>
    </row>
    <row r="342335" spans="14:14">
      <c r="N342335" s="10"/>
    </row>
    <row r="342336" spans="14:14">
      <c r="N342336" s="10"/>
    </row>
    <row r="342337" spans="14:14">
      <c r="N342337" s="10"/>
    </row>
    <row r="342338" spans="14:14">
      <c r="N342338" s="10"/>
    </row>
    <row r="342339" spans="14:14">
      <c r="N342339" s="10"/>
    </row>
    <row r="342340" spans="14:14">
      <c r="N342340" s="10"/>
    </row>
    <row r="342341" spans="14:14">
      <c r="N342341" s="10"/>
    </row>
    <row r="342342" spans="14:14">
      <c r="N342342" s="10"/>
    </row>
    <row r="342343" spans="14:14">
      <c r="N342343" s="10"/>
    </row>
    <row r="342344" spans="14:14">
      <c r="N342344" s="10"/>
    </row>
    <row r="342345" spans="14:14">
      <c r="N342345" s="10"/>
    </row>
    <row r="342346" spans="14:14">
      <c r="N342346" s="10"/>
    </row>
    <row r="342347" spans="14:14">
      <c r="N342347" s="10"/>
    </row>
    <row r="342348" spans="14:14">
      <c r="N342348" s="10"/>
    </row>
    <row r="342349" spans="14:14">
      <c r="N342349" s="10"/>
    </row>
    <row r="342350" spans="14:14">
      <c r="N342350" s="10"/>
    </row>
    <row r="342351" spans="14:14">
      <c r="N342351" s="10"/>
    </row>
    <row r="342352" spans="14:14">
      <c r="N342352" s="10"/>
    </row>
    <row r="342353" spans="14:14">
      <c r="N342353" s="10"/>
    </row>
    <row r="342354" spans="14:14">
      <c r="N342354" s="10"/>
    </row>
    <row r="342355" spans="14:14">
      <c r="N342355" s="10"/>
    </row>
    <row r="342356" spans="14:14">
      <c r="N342356" s="10"/>
    </row>
    <row r="342357" spans="14:14">
      <c r="N342357" s="10"/>
    </row>
    <row r="342358" spans="14:14">
      <c r="N342358" s="10"/>
    </row>
    <row r="342359" spans="14:14">
      <c r="N342359" s="10"/>
    </row>
    <row r="342360" spans="14:14">
      <c r="N342360" s="10"/>
    </row>
    <row r="342361" spans="14:14">
      <c r="N342361" s="10"/>
    </row>
    <row r="342362" spans="14:14">
      <c r="N342362" s="10"/>
    </row>
    <row r="342363" spans="14:14">
      <c r="N342363" s="10"/>
    </row>
    <row r="342364" spans="14:14">
      <c r="N342364" s="10"/>
    </row>
    <row r="342365" spans="14:14">
      <c r="N342365" s="10"/>
    </row>
    <row r="342366" spans="14:14">
      <c r="N342366" s="10"/>
    </row>
    <row r="342367" spans="14:14">
      <c r="N342367" s="10"/>
    </row>
    <row r="342368" spans="14:14">
      <c r="N342368" s="10"/>
    </row>
    <row r="342369" spans="14:14">
      <c r="N342369" s="10"/>
    </row>
    <row r="342370" spans="14:14">
      <c r="N342370" s="10"/>
    </row>
    <row r="342371" spans="14:14">
      <c r="N342371" s="10"/>
    </row>
    <row r="342372" spans="14:14">
      <c r="N342372" s="10"/>
    </row>
    <row r="342373" spans="14:14">
      <c r="N342373" s="10"/>
    </row>
    <row r="342374" spans="14:14">
      <c r="N342374" s="10"/>
    </row>
    <row r="342375" spans="14:14">
      <c r="N342375" s="10"/>
    </row>
    <row r="342376" spans="14:14">
      <c r="N342376" s="10"/>
    </row>
    <row r="342377" spans="14:14">
      <c r="N342377" s="10"/>
    </row>
    <row r="342378" spans="14:14">
      <c r="N342378" s="10"/>
    </row>
    <row r="342379" spans="14:14">
      <c r="N342379" s="10"/>
    </row>
    <row r="342380" spans="14:14">
      <c r="N342380" s="10"/>
    </row>
    <row r="342381" spans="14:14">
      <c r="N342381" s="10"/>
    </row>
    <row r="342382" spans="14:14">
      <c r="N342382" s="10"/>
    </row>
    <row r="342383" spans="14:14">
      <c r="N342383" s="10"/>
    </row>
    <row r="342384" spans="14:14">
      <c r="N342384" s="10"/>
    </row>
    <row r="342385" spans="14:14">
      <c r="N342385" s="10"/>
    </row>
    <row r="342386" spans="14:14">
      <c r="N342386" s="10"/>
    </row>
    <row r="342387" spans="14:14">
      <c r="N342387" s="10"/>
    </row>
    <row r="342388" spans="14:14">
      <c r="N342388" s="10"/>
    </row>
    <row r="342389" spans="14:14">
      <c r="N342389" s="10"/>
    </row>
    <row r="342390" spans="14:14">
      <c r="N342390" s="10"/>
    </row>
    <row r="342391" spans="14:14">
      <c r="N342391" s="10"/>
    </row>
    <row r="342392" spans="14:14">
      <c r="N342392" s="10"/>
    </row>
    <row r="342393" spans="14:14">
      <c r="N342393" s="10"/>
    </row>
    <row r="342394" spans="14:14">
      <c r="N342394" s="10"/>
    </row>
    <row r="342395" spans="14:14">
      <c r="N342395" s="10"/>
    </row>
    <row r="342396" spans="14:14">
      <c r="N342396" s="10"/>
    </row>
    <row r="342397" spans="14:14">
      <c r="N342397" s="10"/>
    </row>
    <row r="342398" spans="14:14">
      <c r="N342398" s="10"/>
    </row>
    <row r="342399" spans="14:14">
      <c r="N342399" s="10"/>
    </row>
    <row r="342400" spans="14:14">
      <c r="N342400" s="10"/>
    </row>
    <row r="342401" spans="14:14">
      <c r="N342401" s="10"/>
    </row>
    <row r="342402" spans="14:14">
      <c r="N342402" s="10"/>
    </row>
    <row r="342403" spans="14:14">
      <c r="N342403" s="10"/>
    </row>
    <row r="342404" spans="14:14">
      <c r="N342404" s="10"/>
    </row>
    <row r="342405" spans="14:14">
      <c r="N342405" s="10"/>
    </row>
    <row r="342406" spans="14:14">
      <c r="N342406" s="10"/>
    </row>
    <row r="342407" spans="14:14">
      <c r="N342407" s="10"/>
    </row>
    <row r="342408" spans="14:14">
      <c r="N342408" s="10"/>
    </row>
    <row r="342409" spans="14:14">
      <c r="N342409" s="10"/>
    </row>
    <row r="342410" spans="14:14">
      <c r="N342410" s="10"/>
    </row>
    <row r="342411" spans="14:14">
      <c r="N342411" s="10"/>
    </row>
    <row r="342412" spans="14:14">
      <c r="N342412" s="10"/>
    </row>
    <row r="342413" spans="14:14">
      <c r="N342413" s="10"/>
    </row>
    <row r="342414" spans="14:14">
      <c r="N342414" s="10"/>
    </row>
    <row r="342415" spans="14:14">
      <c r="N342415" s="10"/>
    </row>
    <row r="342416" spans="14:14">
      <c r="N342416" s="10"/>
    </row>
    <row r="342417" spans="14:14">
      <c r="N342417" s="10"/>
    </row>
    <row r="342418" spans="14:14">
      <c r="N342418" s="10"/>
    </row>
    <row r="342419" spans="14:14">
      <c r="N342419" s="10"/>
    </row>
    <row r="342420" spans="14:14">
      <c r="N342420" s="10"/>
    </row>
    <row r="342421" spans="14:14">
      <c r="N342421" s="10"/>
    </row>
    <row r="342422" spans="14:14">
      <c r="N342422" s="10"/>
    </row>
    <row r="342423" spans="14:14">
      <c r="N342423" s="10"/>
    </row>
    <row r="342424" spans="14:14">
      <c r="N342424" s="10"/>
    </row>
    <row r="342425" spans="14:14">
      <c r="N342425" s="10"/>
    </row>
    <row r="342426" spans="14:14">
      <c r="N342426" s="10"/>
    </row>
    <row r="342427" spans="14:14">
      <c r="N342427" s="10"/>
    </row>
    <row r="342428" spans="14:14">
      <c r="N342428" s="10"/>
    </row>
    <row r="342429" spans="14:14">
      <c r="N342429" s="10"/>
    </row>
    <row r="342430" spans="14:14">
      <c r="N342430" s="10"/>
    </row>
    <row r="342431" spans="14:14">
      <c r="N342431" s="10"/>
    </row>
    <row r="342432" spans="14:14">
      <c r="N342432" s="10"/>
    </row>
    <row r="342433" spans="14:14">
      <c r="N342433" s="10"/>
    </row>
    <row r="342434" spans="14:14">
      <c r="N342434" s="10"/>
    </row>
    <row r="342435" spans="14:14">
      <c r="N342435" s="10"/>
    </row>
    <row r="342436" spans="14:14">
      <c r="N342436" s="10"/>
    </row>
    <row r="342437" spans="14:14">
      <c r="N342437" s="10"/>
    </row>
    <row r="342438" spans="14:14">
      <c r="N342438" s="10"/>
    </row>
    <row r="342439" spans="14:14">
      <c r="N342439" s="10"/>
    </row>
    <row r="342440" spans="14:14">
      <c r="N342440" s="10"/>
    </row>
    <row r="342441" spans="14:14">
      <c r="N342441" s="10"/>
    </row>
    <row r="342442" spans="14:14">
      <c r="N342442" s="10"/>
    </row>
    <row r="342443" spans="14:14">
      <c r="N342443" s="10"/>
    </row>
    <row r="342444" spans="14:14">
      <c r="N342444" s="10"/>
    </row>
    <row r="342445" spans="14:14">
      <c r="N342445" s="10"/>
    </row>
    <row r="342446" spans="14:14">
      <c r="N342446" s="10"/>
    </row>
    <row r="342447" spans="14:14">
      <c r="N342447" s="10"/>
    </row>
    <row r="342448" spans="14:14">
      <c r="N342448" s="10"/>
    </row>
    <row r="342449" spans="14:14">
      <c r="N342449" s="10"/>
    </row>
    <row r="342450" spans="14:14">
      <c r="N342450" s="10"/>
    </row>
    <row r="342451" spans="14:14">
      <c r="N342451" s="10"/>
    </row>
    <row r="342452" spans="14:14">
      <c r="N342452" s="10"/>
    </row>
    <row r="342453" spans="14:14">
      <c r="N342453" s="10"/>
    </row>
    <row r="342454" spans="14:14">
      <c r="N342454" s="10"/>
    </row>
    <row r="342455" spans="14:14">
      <c r="N342455" s="10"/>
    </row>
    <row r="342456" spans="14:14">
      <c r="N342456" s="10"/>
    </row>
    <row r="342457" spans="14:14">
      <c r="N342457" s="10"/>
    </row>
    <row r="342458" spans="14:14">
      <c r="N342458" s="10"/>
    </row>
    <row r="342459" spans="14:14">
      <c r="N342459" s="10"/>
    </row>
    <row r="342460" spans="14:14">
      <c r="N342460" s="10"/>
    </row>
    <row r="342461" spans="14:14">
      <c r="N342461" s="10"/>
    </row>
    <row r="342462" spans="14:14">
      <c r="N342462" s="10"/>
    </row>
    <row r="342463" spans="14:14">
      <c r="N342463" s="10"/>
    </row>
    <row r="342464" spans="14:14">
      <c r="N342464" s="10"/>
    </row>
    <row r="342465" spans="14:14">
      <c r="N342465" s="10"/>
    </row>
    <row r="342466" spans="14:14">
      <c r="N342466" s="10"/>
    </row>
    <row r="342467" spans="14:14">
      <c r="N342467" s="10"/>
    </row>
    <row r="342468" spans="14:14">
      <c r="N342468" s="10"/>
    </row>
    <row r="342469" spans="14:14">
      <c r="N342469" s="10"/>
    </row>
    <row r="342470" spans="14:14">
      <c r="N342470" s="10"/>
    </row>
    <row r="342471" spans="14:14">
      <c r="N342471" s="10"/>
    </row>
    <row r="342472" spans="14:14">
      <c r="N342472" s="10"/>
    </row>
    <row r="342473" spans="14:14">
      <c r="N342473" s="10"/>
    </row>
    <row r="342474" spans="14:14">
      <c r="N342474" s="10"/>
    </row>
    <row r="342475" spans="14:14">
      <c r="N342475" s="10"/>
    </row>
    <row r="342476" spans="14:14">
      <c r="N342476" s="10"/>
    </row>
    <row r="342477" spans="14:14">
      <c r="N342477" s="10"/>
    </row>
    <row r="342478" spans="14:14">
      <c r="N342478" s="10"/>
    </row>
    <row r="342479" spans="14:14">
      <c r="N342479" s="10"/>
    </row>
    <row r="342480" spans="14:14">
      <c r="N342480" s="10"/>
    </row>
    <row r="342481" spans="14:14">
      <c r="N342481" s="10"/>
    </row>
    <row r="342482" spans="14:14">
      <c r="N342482" s="10"/>
    </row>
    <row r="342483" spans="14:14">
      <c r="N342483" s="10"/>
    </row>
    <row r="342484" spans="14:14">
      <c r="N342484" s="10"/>
    </row>
    <row r="342485" spans="14:14">
      <c r="N342485" s="10"/>
    </row>
    <row r="342486" spans="14:14">
      <c r="N342486" s="10"/>
    </row>
    <row r="342487" spans="14:14">
      <c r="N342487" s="10"/>
    </row>
    <row r="342488" spans="14:14">
      <c r="N342488" s="10"/>
    </row>
    <row r="342489" spans="14:14">
      <c r="N342489" s="10"/>
    </row>
    <row r="342490" spans="14:14">
      <c r="N342490" s="10"/>
    </row>
    <row r="342491" spans="14:14">
      <c r="N342491" s="10"/>
    </row>
    <row r="342492" spans="14:14">
      <c r="N342492" s="10"/>
    </row>
    <row r="342493" spans="14:14">
      <c r="N342493" s="10"/>
    </row>
    <row r="342494" spans="14:14">
      <c r="N342494" s="10"/>
    </row>
    <row r="342495" spans="14:14">
      <c r="N342495" s="10"/>
    </row>
    <row r="342496" spans="14:14">
      <c r="N342496" s="10"/>
    </row>
    <row r="342497" spans="14:14">
      <c r="N342497" s="10"/>
    </row>
    <row r="342498" spans="14:14">
      <c r="N342498" s="10"/>
    </row>
    <row r="342499" spans="14:14">
      <c r="N342499" s="10"/>
    </row>
    <row r="342500" spans="14:14">
      <c r="N342500" s="10"/>
    </row>
    <row r="342501" spans="14:14">
      <c r="N342501" s="10"/>
    </row>
    <row r="342502" spans="14:14">
      <c r="N342502" s="10"/>
    </row>
    <row r="342503" spans="14:14">
      <c r="N342503" s="10"/>
    </row>
    <row r="342504" spans="14:14">
      <c r="N342504" s="10"/>
    </row>
    <row r="342505" spans="14:14">
      <c r="N342505" s="10"/>
    </row>
    <row r="342506" spans="14:14">
      <c r="N342506" s="10"/>
    </row>
    <row r="342507" spans="14:14">
      <c r="N342507" s="10"/>
    </row>
    <row r="342508" spans="14:14">
      <c r="N342508" s="10"/>
    </row>
    <row r="342509" spans="14:14">
      <c r="N342509" s="10"/>
    </row>
    <row r="342510" spans="14:14">
      <c r="N342510" s="10"/>
    </row>
    <row r="342511" spans="14:14">
      <c r="N342511" s="10"/>
    </row>
    <row r="342512" spans="14:14">
      <c r="N342512" s="10"/>
    </row>
    <row r="342513" spans="14:14">
      <c r="N342513" s="10"/>
    </row>
    <row r="342514" spans="14:14">
      <c r="N342514" s="10"/>
    </row>
    <row r="342515" spans="14:14">
      <c r="N342515" s="10"/>
    </row>
    <row r="342516" spans="14:14">
      <c r="N342516" s="10"/>
    </row>
    <row r="342517" spans="14:14">
      <c r="N342517" s="10"/>
    </row>
    <row r="342518" spans="14:14">
      <c r="N342518" s="10"/>
    </row>
    <row r="342519" spans="14:14">
      <c r="N342519" s="10"/>
    </row>
    <row r="342520" spans="14:14">
      <c r="N342520" s="10"/>
    </row>
    <row r="342521" spans="14:14">
      <c r="N342521" s="10"/>
    </row>
    <row r="342522" spans="14:14">
      <c r="N342522" s="10"/>
    </row>
    <row r="342523" spans="14:14">
      <c r="N342523" s="10"/>
    </row>
    <row r="342524" spans="14:14">
      <c r="N342524" s="10"/>
    </row>
    <row r="342525" spans="14:14">
      <c r="N342525" s="10"/>
    </row>
    <row r="342526" spans="14:14">
      <c r="N342526" s="10"/>
    </row>
    <row r="342527" spans="14:14">
      <c r="N342527" s="10"/>
    </row>
    <row r="342528" spans="14:14">
      <c r="N342528" s="10"/>
    </row>
    <row r="342529" spans="14:14">
      <c r="N342529" s="10"/>
    </row>
    <row r="342530" spans="14:14">
      <c r="N342530" s="10"/>
    </row>
    <row r="342531" spans="14:14">
      <c r="N342531" s="10"/>
    </row>
    <row r="342532" spans="14:14">
      <c r="N342532" s="10"/>
    </row>
    <row r="342533" spans="14:14">
      <c r="N342533" s="10"/>
    </row>
    <row r="342534" spans="14:14">
      <c r="N342534" s="10"/>
    </row>
    <row r="342535" spans="14:14">
      <c r="N342535" s="10"/>
    </row>
    <row r="342536" spans="14:14">
      <c r="N342536" s="10"/>
    </row>
    <row r="342537" spans="14:14">
      <c r="N342537" s="10"/>
    </row>
    <row r="342538" spans="14:14">
      <c r="N342538" s="10"/>
    </row>
    <row r="342539" spans="14:14">
      <c r="N342539" s="10"/>
    </row>
    <row r="342540" spans="14:14">
      <c r="N342540" s="10"/>
    </row>
    <row r="342541" spans="14:14">
      <c r="N342541" s="10"/>
    </row>
    <row r="342542" spans="14:14">
      <c r="N342542" s="10"/>
    </row>
    <row r="342543" spans="14:14">
      <c r="N342543" s="10"/>
    </row>
    <row r="342544" spans="14:14">
      <c r="N342544" s="10"/>
    </row>
    <row r="342545" spans="14:14">
      <c r="N342545" s="10"/>
    </row>
    <row r="342546" spans="14:14">
      <c r="N342546" s="10"/>
    </row>
    <row r="342547" spans="14:14">
      <c r="N342547" s="10"/>
    </row>
    <row r="342548" spans="14:14">
      <c r="N342548" s="10"/>
    </row>
    <row r="342549" spans="14:14">
      <c r="N342549" s="10"/>
    </row>
    <row r="342550" spans="14:14">
      <c r="N342550" s="10"/>
    </row>
    <row r="342551" spans="14:14">
      <c r="N342551" s="10"/>
    </row>
    <row r="342552" spans="14:14">
      <c r="N342552" s="10"/>
    </row>
    <row r="342553" spans="14:14">
      <c r="N342553" s="10"/>
    </row>
    <row r="342554" spans="14:14">
      <c r="N342554" s="10"/>
    </row>
    <row r="342555" spans="14:14">
      <c r="N342555" s="10"/>
    </row>
    <row r="342556" spans="14:14">
      <c r="N342556" s="10"/>
    </row>
    <row r="342557" spans="14:14">
      <c r="N342557" s="10"/>
    </row>
    <row r="342558" spans="14:14">
      <c r="N342558" s="10"/>
    </row>
    <row r="342559" spans="14:14">
      <c r="N342559" s="10"/>
    </row>
    <row r="342560" spans="14:14">
      <c r="N342560" s="10"/>
    </row>
    <row r="342561" spans="14:14">
      <c r="N342561" s="10"/>
    </row>
    <row r="342562" spans="14:14">
      <c r="N342562" s="10"/>
    </row>
    <row r="342563" spans="14:14">
      <c r="N342563" s="10"/>
    </row>
    <row r="342564" spans="14:14">
      <c r="N342564" s="10"/>
    </row>
    <row r="342565" spans="14:14">
      <c r="N342565" s="10"/>
    </row>
    <row r="342566" spans="14:14">
      <c r="N342566" s="10"/>
    </row>
    <row r="342567" spans="14:14">
      <c r="N342567" s="10"/>
    </row>
    <row r="342568" spans="14:14">
      <c r="N342568" s="10"/>
    </row>
    <row r="342569" spans="14:14">
      <c r="N342569" s="10"/>
    </row>
    <row r="342570" spans="14:14">
      <c r="N342570" s="10"/>
    </row>
    <row r="342571" spans="14:14">
      <c r="N342571" s="10"/>
    </row>
    <row r="342572" spans="14:14">
      <c r="N342572" s="10"/>
    </row>
    <row r="342573" spans="14:14">
      <c r="N342573" s="10"/>
    </row>
    <row r="342574" spans="14:14">
      <c r="N342574" s="10"/>
    </row>
    <row r="342575" spans="14:14">
      <c r="N342575" s="10"/>
    </row>
    <row r="342576" spans="14:14">
      <c r="N342576" s="10"/>
    </row>
    <row r="342577" spans="14:14">
      <c r="N342577" s="10"/>
    </row>
    <row r="342578" spans="14:14">
      <c r="N342578" s="10"/>
    </row>
    <row r="342579" spans="14:14">
      <c r="N342579" s="10"/>
    </row>
    <row r="342580" spans="14:14">
      <c r="N342580" s="10"/>
    </row>
    <row r="342581" spans="14:14">
      <c r="N342581" s="10"/>
    </row>
    <row r="342582" spans="14:14">
      <c r="N342582" s="10"/>
    </row>
    <row r="342583" spans="14:14">
      <c r="N342583" s="10"/>
    </row>
    <row r="342584" spans="14:14">
      <c r="N342584" s="10"/>
    </row>
    <row r="342585" spans="14:14">
      <c r="N342585" s="10"/>
    </row>
    <row r="342586" spans="14:14">
      <c r="N342586" s="10"/>
    </row>
    <row r="342587" spans="14:14">
      <c r="N342587" s="10"/>
    </row>
    <row r="342588" spans="14:14">
      <c r="N342588" s="10"/>
    </row>
    <row r="342589" spans="14:14">
      <c r="N342589" s="10"/>
    </row>
    <row r="342590" spans="14:14">
      <c r="N342590" s="10"/>
    </row>
    <row r="342591" spans="14:14">
      <c r="N342591" s="10"/>
    </row>
    <row r="342592" spans="14:14">
      <c r="N342592" s="10"/>
    </row>
    <row r="342593" spans="14:14">
      <c r="N342593" s="10"/>
    </row>
    <row r="342594" spans="14:14">
      <c r="N342594" s="10"/>
    </row>
    <row r="342595" spans="14:14">
      <c r="N342595" s="10"/>
    </row>
    <row r="342596" spans="14:14">
      <c r="N342596" s="10"/>
    </row>
    <row r="342597" spans="14:14">
      <c r="N342597" s="10"/>
    </row>
    <row r="342598" spans="14:14">
      <c r="N342598" s="10"/>
    </row>
    <row r="342599" spans="14:14">
      <c r="N342599" s="10"/>
    </row>
    <row r="342600" spans="14:14">
      <c r="N342600" s="10"/>
    </row>
    <row r="342601" spans="14:14">
      <c r="N342601" s="10"/>
    </row>
    <row r="342602" spans="14:14">
      <c r="N342602" s="10"/>
    </row>
    <row r="342603" spans="14:14">
      <c r="N342603" s="10"/>
    </row>
    <row r="342604" spans="14:14">
      <c r="N342604" s="10"/>
    </row>
    <row r="342605" spans="14:14">
      <c r="N342605" s="10"/>
    </row>
    <row r="342606" spans="14:14">
      <c r="N342606" s="10"/>
    </row>
    <row r="342607" spans="14:14">
      <c r="N342607" s="10"/>
    </row>
    <row r="342608" spans="14:14">
      <c r="N342608" s="10"/>
    </row>
    <row r="342609" spans="14:14">
      <c r="N342609" s="10"/>
    </row>
    <row r="342610" spans="14:14">
      <c r="N342610" s="10"/>
    </row>
    <row r="342611" spans="14:14">
      <c r="N342611" s="10"/>
    </row>
    <row r="342612" spans="14:14">
      <c r="N342612" s="10"/>
    </row>
    <row r="342613" spans="14:14">
      <c r="N342613" s="10"/>
    </row>
    <row r="342614" spans="14:14">
      <c r="N342614" s="10"/>
    </row>
    <row r="342615" spans="14:14">
      <c r="N342615" s="10"/>
    </row>
    <row r="342616" spans="14:14">
      <c r="N342616" s="10"/>
    </row>
    <row r="342617" spans="14:14">
      <c r="N342617" s="10"/>
    </row>
    <row r="342618" spans="14:14">
      <c r="N342618" s="10"/>
    </row>
    <row r="342619" spans="14:14">
      <c r="N342619" s="10"/>
    </row>
    <row r="342620" spans="14:14">
      <c r="N342620" s="10"/>
    </row>
    <row r="342621" spans="14:14">
      <c r="N342621" s="10"/>
    </row>
    <row r="342622" spans="14:14">
      <c r="N342622" s="10"/>
    </row>
    <row r="342623" spans="14:14">
      <c r="N342623" s="10"/>
    </row>
    <row r="342624" spans="14:14">
      <c r="N342624" s="10"/>
    </row>
    <row r="342625" spans="14:14">
      <c r="N342625" s="10"/>
    </row>
    <row r="342626" spans="14:14">
      <c r="N342626" s="10"/>
    </row>
    <row r="342627" spans="14:14">
      <c r="N342627" s="10"/>
    </row>
    <row r="342628" spans="14:14">
      <c r="N342628" s="10"/>
    </row>
    <row r="342629" spans="14:14">
      <c r="N342629" s="10"/>
    </row>
    <row r="342630" spans="14:14">
      <c r="N342630" s="10"/>
    </row>
    <row r="342631" spans="14:14">
      <c r="N342631" s="10"/>
    </row>
    <row r="342632" spans="14:14">
      <c r="N342632" s="10"/>
    </row>
    <row r="342633" spans="14:14">
      <c r="N342633" s="10"/>
    </row>
    <row r="342634" spans="14:14">
      <c r="N342634" s="10"/>
    </row>
    <row r="342635" spans="14:14">
      <c r="N342635" s="10"/>
    </row>
    <row r="342636" spans="14:14">
      <c r="N342636" s="10"/>
    </row>
    <row r="342637" spans="14:14">
      <c r="N342637" s="10"/>
    </row>
    <row r="342638" spans="14:14">
      <c r="N342638" s="10"/>
    </row>
    <row r="342639" spans="14:14">
      <c r="N342639" s="10"/>
    </row>
    <row r="342640" spans="14:14">
      <c r="N342640" s="10"/>
    </row>
    <row r="342641" spans="14:14">
      <c r="N342641" s="10"/>
    </row>
    <row r="342642" spans="14:14">
      <c r="N342642" s="10"/>
    </row>
    <row r="342643" spans="14:14">
      <c r="N342643" s="10"/>
    </row>
    <row r="342644" spans="14:14">
      <c r="N342644" s="10"/>
    </row>
    <row r="342645" spans="14:14">
      <c r="N342645" s="10"/>
    </row>
    <row r="342646" spans="14:14">
      <c r="N342646" s="10"/>
    </row>
    <row r="342647" spans="14:14">
      <c r="N342647" s="10"/>
    </row>
    <row r="342648" spans="14:14">
      <c r="N342648" s="10"/>
    </row>
    <row r="342649" spans="14:14">
      <c r="N342649" s="10"/>
    </row>
    <row r="342650" spans="14:14">
      <c r="N342650" s="10"/>
    </row>
    <row r="342651" spans="14:14">
      <c r="N342651" s="10"/>
    </row>
    <row r="342652" spans="14:14">
      <c r="N342652" s="10"/>
    </row>
    <row r="342653" spans="14:14">
      <c r="N342653" s="10"/>
    </row>
    <row r="342654" spans="14:14">
      <c r="N342654" s="10"/>
    </row>
    <row r="342655" spans="14:14">
      <c r="N342655" s="10"/>
    </row>
    <row r="342656" spans="14:14">
      <c r="N342656" s="10"/>
    </row>
    <row r="342657" spans="14:14">
      <c r="N342657" s="10"/>
    </row>
    <row r="342658" spans="14:14">
      <c r="N342658" s="10"/>
    </row>
    <row r="342659" spans="14:14">
      <c r="N342659" s="10"/>
    </row>
    <row r="342660" spans="14:14">
      <c r="N342660" s="10"/>
    </row>
    <row r="342661" spans="14:14">
      <c r="N342661" s="10"/>
    </row>
    <row r="342662" spans="14:14">
      <c r="N342662" s="10"/>
    </row>
    <row r="342663" spans="14:14">
      <c r="N342663" s="10"/>
    </row>
    <row r="342664" spans="14:14">
      <c r="N342664" s="10"/>
    </row>
    <row r="342665" spans="14:14">
      <c r="N342665" s="10"/>
    </row>
    <row r="342666" spans="14:14">
      <c r="N342666" s="10"/>
    </row>
    <row r="342667" spans="14:14">
      <c r="N342667" s="10"/>
    </row>
    <row r="342668" spans="14:14">
      <c r="N342668" s="10"/>
    </row>
    <row r="342669" spans="14:14">
      <c r="N342669" s="10"/>
    </row>
    <row r="342670" spans="14:14">
      <c r="N342670" s="10"/>
    </row>
    <row r="342671" spans="14:14">
      <c r="N342671" s="10"/>
    </row>
    <row r="342672" spans="14:14">
      <c r="N342672" s="10"/>
    </row>
    <row r="342673" spans="14:14">
      <c r="N342673" s="10"/>
    </row>
    <row r="342674" spans="14:14">
      <c r="N342674" s="10"/>
    </row>
    <row r="342675" spans="14:14">
      <c r="N342675" s="10"/>
    </row>
    <row r="342676" spans="14:14">
      <c r="N342676" s="10"/>
    </row>
    <row r="342677" spans="14:14">
      <c r="N342677" s="10"/>
    </row>
    <row r="342678" spans="14:14">
      <c r="N342678" s="10"/>
    </row>
    <row r="342679" spans="14:14">
      <c r="N342679" s="10"/>
    </row>
    <row r="342680" spans="14:14">
      <c r="N342680" s="10"/>
    </row>
    <row r="342681" spans="14:14">
      <c r="N342681" s="10"/>
    </row>
    <row r="342682" spans="14:14">
      <c r="N342682" s="10"/>
    </row>
    <row r="342683" spans="14:14">
      <c r="N342683" s="10"/>
    </row>
    <row r="342684" spans="14:14">
      <c r="N342684" s="10"/>
    </row>
    <row r="342685" spans="14:14">
      <c r="N342685" s="10"/>
    </row>
    <row r="342686" spans="14:14">
      <c r="N342686" s="10"/>
    </row>
    <row r="342687" spans="14:14">
      <c r="N342687" s="10"/>
    </row>
    <row r="342688" spans="14:14">
      <c r="N342688" s="10"/>
    </row>
    <row r="342689" spans="14:14">
      <c r="N342689" s="10"/>
    </row>
    <row r="342690" spans="14:14">
      <c r="N342690" s="10"/>
    </row>
    <row r="342691" spans="14:14">
      <c r="N342691" s="10"/>
    </row>
    <row r="342692" spans="14:14">
      <c r="N342692" s="10"/>
    </row>
    <row r="342693" spans="14:14">
      <c r="N342693" s="10"/>
    </row>
    <row r="342694" spans="14:14">
      <c r="N342694" s="10"/>
    </row>
    <row r="342695" spans="14:14">
      <c r="N342695" s="10"/>
    </row>
    <row r="342696" spans="14:14">
      <c r="N342696" s="10"/>
    </row>
    <row r="342697" spans="14:14">
      <c r="N342697" s="10"/>
    </row>
    <row r="342698" spans="14:14">
      <c r="N342698" s="10"/>
    </row>
    <row r="342699" spans="14:14">
      <c r="N342699" s="10"/>
    </row>
    <row r="342700" spans="14:14">
      <c r="N342700" s="10"/>
    </row>
    <row r="342701" spans="14:14">
      <c r="N342701" s="10"/>
    </row>
    <row r="342702" spans="14:14">
      <c r="N342702" s="10"/>
    </row>
    <row r="342703" spans="14:14">
      <c r="N342703" s="10"/>
    </row>
    <row r="342704" spans="14:14">
      <c r="N342704" s="10"/>
    </row>
    <row r="342705" spans="14:14">
      <c r="N342705" s="10"/>
    </row>
    <row r="342706" spans="14:14">
      <c r="N342706" s="10"/>
    </row>
    <row r="342707" spans="14:14">
      <c r="N342707" s="10"/>
    </row>
    <row r="342708" spans="14:14">
      <c r="N342708" s="10"/>
    </row>
    <row r="342709" spans="14:14">
      <c r="N342709" s="10"/>
    </row>
    <row r="342710" spans="14:14">
      <c r="N342710" s="10"/>
    </row>
    <row r="342711" spans="14:14">
      <c r="N342711" s="10"/>
    </row>
    <row r="342712" spans="14:14">
      <c r="N342712" s="10"/>
    </row>
    <row r="342713" spans="14:14">
      <c r="N342713" s="10"/>
    </row>
    <row r="342714" spans="14:14">
      <c r="N342714" s="10"/>
    </row>
    <row r="342715" spans="14:14">
      <c r="N342715" s="10"/>
    </row>
    <row r="342716" spans="14:14">
      <c r="N342716" s="10"/>
    </row>
    <row r="342717" spans="14:14">
      <c r="N342717" s="10"/>
    </row>
    <row r="342718" spans="14:14">
      <c r="N342718" s="10"/>
    </row>
    <row r="342719" spans="14:14">
      <c r="N342719" s="10"/>
    </row>
    <row r="342720" spans="14:14">
      <c r="N342720" s="10"/>
    </row>
    <row r="342721" spans="14:14">
      <c r="N342721" s="10"/>
    </row>
    <row r="342722" spans="14:14">
      <c r="N342722" s="10"/>
    </row>
    <row r="342723" spans="14:14">
      <c r="N342723" s="10"/>
    </row>
    <row r="342724" spans="14:14">
      <c r="N342724" s="10"/>
    </row>
    <row r="342725" spans="14:14">
      <c r="N342725" s="10"/>
    </row>
    <row r="342726" spans="14:14">
      <c r="N342726" s="10"/>
    </row>
    <row r="342727" spans="14:14">
      <c r="N342727" s="10"/>
    </row>
    <row r="342728" spans="14:14">
      <c r="N342728" s="10"/>
    </row>
    <row r="342729" spans="14:14">
      <c r="N342729" s="10"/>
    </row>
    <row r="342730" spans="14:14">
      <c r="N342730" s="10"/>
    </row>
    <row r="342731" spans="14:14">
      <c r="N342731" s="10"/>
    </row>
    <row r="342732" spans="14:14">
      <c r="N342732" s="10"/>
    </row>
    <row r="342733" spans="14:14">
      <c r="N342733" s="10"/>
    </row>
    <row r="342734" spans="14:14">
      <c r="N342734" s="10"/>
    </row>
    <row r="342735" spans="14:14">
      <c r="N342735" s="10"/>
    </row>
    <row r="342736" spans="14:14">
      <c r="N342736" s="10"/>
    </row>
    <row r="342737" spans="14:14">
      <c r="N342737" s="10"/>
    </row>
    <row r="342738" spans="14:14">
      <c r="N342738" s="10"/>
    </row>
    <row r="342739" spans="14:14">
      <c r="N342739" s="10"/>
    </row>
    <row r="342740" spans="14:14">
      <c r="N342740" s="10"/>
    </row>
    <row r="342741" spans="14:14">
      <c r="N342741" s="10"/>
    </row>
    <row r="342742" spans="14:14">
      <c r="N342742" s="10"/>
    </row>
    <row r="342743" spans="14:14">
      <c r="N342743" s="10"/>
    </row>
    <row r="342744" spans="14:14">
      <c r="N342744" s="10"/>
    </row>
    <row r="342745" spans="14:14">
      <c r="N342745" s="10"/>
    </row>
    <row r="342746" spans="14:14">
      <c r="N342746" s="10"/>
    </row>
    <row r="342747" spans="14:14">
      <c r="N342747" s="10"/>
    </row>
    <row r="342748" spans="14:14">
      <c r="N342748" s="10"/>
    </row>
    <row r="342749" spans="14:14">
      <c r="N342749" s="10"/>
    </row>
    <row r="342750" spans="14:14">
      <c r="N342750" s="10"/>
    </row>
    <row r="342751" spans="14:14">
      <c r="N342751" s="10"/>
    </row>
    <row r="342752" spans="14:14">
      <c r="N342752" s="10"/>
    </row>
    <row r="342753" spans="14:14">
      <c r="N342753" s="10"/>
    </row>
    <row r="342754" spans="14:14">
      <c r="N342754" s="10"/>
    </row>
    <row r="342755" spans="14:14">
      <c r="N342755" s="10"/>
    </row>
    <row r="342756" spans="14:14">
      <c r="N342756" s="10"/>
    </row>
    <row r="342757" spans="14:14">
      <c r="N342757" s="10"/>
    </row>
    <row r="342758" spans="14:14">
      <c r="N342758" s="10"/>
    </row>
    <row r="342759" spans="14:14">
      <c r="N342759" s="10"/>
    </row>
    <row r="342760" spans="14:14">
      <c r="N342760" s="10"/>
    </row>
    <row r="342761" spans="14:14">
      <c r="N342761" s="10"/>
    </row>
    <row r="342762" spans="14:14">
      <c r="N342762" s="10"/>
    </row>
    <row r="342763" spans="14:14">
      <c r="N342763" s="10"/>
    </row>
    <row r="342764" spans="14:14">
      <c r="N342764" s="10"/>
    </row>
    <row r="342765" spans="14:14">
      <c r="N342765" s="10"/>
    </row>
    <row r="342766" spans="14:14">
      <c r="N342766" s="10"/>
    </row>
    <row r="342767" spans="14:14">
      <c r="N342767" s="10"/>
    </row>
    <row r="342768" spans="14:14">
      <c r="N342768" s="10"/>
    </row>
    <row r="342769" spans="14:14">
      <c r="N342769" s="10"/>
    </row>
    <row r="342770" spans="14:14">
      <c r="N342770" s="10"/>
    </row>
    <row r="342771" spans="14:14">
      <c r="N342771" s="10"/>
    </row>
    <row r="342772" spans="14:14">
      <c r="N342772" s="10"/>
    </row>
    <row r="342773" spans="14:14">
      <c r="N342773" s="10"/>
    </row>
    <row r="342774" spans="14:14">
      <c r="N342774" s="10"/>
    </row>
    <row r="342775" spans="14:14">
      <c r="N342775" s="10"/>
    </row>
    <row r="342776" spans="14:14">
      <c r="N342776" s="10"/>
    </row>
    <row r="342777" spans="14:14">
      <c r="N342777" s="10"/>
    </row>
    <row r="342778" spans="14:14">
      <c r="N342778" s="10"/>
    </row>
    <row r="342779" spans="14:14">
      <c r="N342779" s="10"/>
    </row>
    <row r="342780" spans="14:14">
      <c r="N342780" s="10"/>
    </row>
    <row r="342781" spans="14:14">
      <c r="N342781" s="10"/>
    </row>
    <row r="342782" spans="14:14">
      <c r="N342782" s="10"/>
    </row>
    <row r="342783" spans="14:14">
      <c r="N342783" s="10"/>
    </row>
    <row r="342784" spans="14:14">
      <c r="N342784" s="10"/>
    </row>
    <row r="342785" spans="14:14">
      <c r="N342785" s="10"/>
    </row>
    <row r="342786" spans="14:14">
      <c r="N342786" s="10"/>
    </row>
    <row r="342787" spans="14:14">
      <c r="N342787" s="10"/>
    </row>
    <row r="342788" spans="14:14">
      <c r="N342788" s="10"/>
    </row>
    <row r="342789" spans="14:14">
      <c r="N342789" s="10"/>
    </row>
    <row r="342790" spans="14:14">
      <c r="N342790" s="10"/>
    </row>
    <row r="342791" spans="14:14">
      <c r="N342791" s="10"/>
    </row>
    <row r="342792" spans="14:14">
      <c r="N342792" s="10"/>
    </row>
    <row r="342793" spans="14:14">
      <c r="N342793" s="10"/>
    </row>
    <row r="342794" spans="14:14">
      <c r="N342794" s="10"/>
    </row>
    <row r="342795" spans="14:14">
      <c r="N342795" s="10"/>
    </row>
    <row r="342796" spans="14:14">
      <c r="N342796" s="10"/>
    </row>
    <row r="342797" spans="14:14">
      <c r="N342797" s="10"/>
    </row>
    <row r="342798" spans="14:14">
      <c r="N342798" s="10"/>
    </row>
    <row r="342799" spans="14:14">
      <c r="N342799" s="10"/>
    </row>
    <row r="342800" spans="14:14">
      <c r="N342800" s="10"/>
    </row>
    <row r="342801" spans="14:14">
      <c r="N342801" s="10"/>
    </row>
    <row r="342802" spans="14:14">
      <c r="N342802" s="10"/>
    </row>
    <row r="342803" spans="14:14">
      <c r="N342803" s="10"/>
    </row>
    <row r="342804" spans="14:14">
      <c r="N342804" s="10"/>
    </row>
    <row r="342805" spans="14:14">
      <c r="N342805" s="10"/>
    </row>
    <row r="342806" spans="14:14">
      <c r="N342806" s="10"/>
    </row>
    <row r="342807" spans="14:14">
      <c r="N342807" s="10"/>
    </row>
    <row r="342808" spans="14:14">
      <c r="N342808" s="10"/>
    </row>
    <row r="342809" spans="14:14">
      <c r="N342809" s="10"/>
    </row>
    <row r="342810" spans="14:14">
      <c r="N342810" s="10"/>
    </row>
    <row r="342811" spans="14:14">
      <c r="N342811" s="10"/>
    </row>
    <row r="342812" spans="14:14">
      <c r="N342812" s="10"/>
    </row>
    <row r="342813" spans="14:14">
      <c r="N342813" s="10"/>
    </row>
    <row r="342814" spans="14:14">
      <c r="N342814" s="10"/>
    </row>
    <row r="342815" spans="14:14">
      <c r="N342815" s="10"/>
    </row>
    <row r="342816" spans="14:14">
      <c r="N342816" s="10"/>
    </row>
    <row r="342817" spans="14:14">
      <c r="N342817" s="10"/>
    </row>
    <row r="342818" spans="14:14">
      <c r="N342818" s="10"/>
    </row>
    <row r="342819" spans="14:14">
      <c r="N342819" s="10"/>
    </row>
    <row r="342820" spans="14:14">
      <c r="N342820" s="10"/>
    </row>
    <row r="342821" spans="14:14">
      <c r="N342821" s="10"/>
    </row>
    <row r="342822" spans="14:14">
      <c r="N342822" s="10"/>
    </row>
    <row r="342823" spans="14:14">
      <c r="N342823" s="10"/>
    </row>
    <row r="342824" spans="14:14">
      <c r="N342824" s="10"/>
    </row>
    <row r="342825" spans="14:14">
      <c r="N342825" s="10"/>
    </row>
    <row r="342826" spans="14:14">
      <c r="N342826" s="10"/>
    </row>
    <row r="342827" spans="14:14">
      <c r="N342827" s="10"/>
    </row>
    <row r="342828" spans="14:14">
      <c r="N342828" s="10"/>
    </row>
    <row r="342829" spans="14:14">
      <c r="N342829" s="10"/>
    </row>
    <row r="342830" spans="14:14">
      <c r="N342830" s="10"/>
    </row>
    <row r="342831" spans="14:14">
      <c r="N342831" s="10"/>
    </row>
    <row r="342832" spans="14:14">
      <c r="N342832" s="10"/>
    </row>
    <row r="342833" spans="14:14">
      <c r="N342833" s="10"/>
    </row>
    <row r="342834" spans="14:14">
      <c r="N342834" s="10"/>
    </row>
    <row r="342835" spans="14:14">
      <c r="N342835" s="10"/>
    </row>
    <row r="342836" spans="14:14">
      <c r="N342836" s="10"/>
    </row>
    <row r="342837" spans="14:14">
      <c r="N342837" s="10"/>
    </row>
    <row r="342838" spans="14:14">
      <c r="N342838" s="10"/>
    </row>
    <row r="342839" spans="14:14">
      <c r="N342839" s="10"/>
    </row>
    <row r="342840" spans="14:14">
      <c r="N342840" s="10"/>
    </row>
    <row r="342841" spans="14:14">
      <c r="N342841" s="10"/>
    </row>
    <row r="342842" spans="14:14">
      <c r="N342842" s="10"/>
    </row>
    <row r="342843" spans="14:14">
      <c r="N342843" s="10"/>
    </row>
    <row r="342844" spans="14:14">
      <c r="N342844" s="10"/>
    </row>
    <row r="342845" spans="14:14">
      <c r="N342845" s="10"/>
    </row>
    <row r="342846" spans="14:14">
      <c r="N342846" s="10"/>
    </row>
    <row r="342847" spans="14:14">
      <c r="N342847" s="10"/>
    </row>
    <row r="342848" spans="14:14">
      <c r="N342848" s="10"/>
    </row>
    <row r="342849" spans="14:14">
      <c r="N342849" s="10"/>
    </row>
    <row r="342850" spans="14:14">
      <c r="N342850" s="10"/>
    </row>
    <row r="342851" spans="14:14">
      <c r="N342851" s="10"/>
    </row>
    <row r="342852" spans="14:14">
      <c r="N342852" s="10"/>
    </row>
    <row r="342853" spans="14:14">
      <c r="N342853" s="10"/>
    </row>
    <row r="342854" spans="14:14">
      <c r="N342854" s="10"/>
    </row>
    <row r="342855" spans="14:14">
      <c r="N342855" s="10"/>
    </row>
    <row r="342856" spans="14:14">
      <c r="N342856" s="10"/>
    </row>
    <row r="342857" spans="14:14">
      <c r="N342857" s="10"/>
    </row>
    <row r="342858" spans="14:14">
      <c r="N342858" s="10"/>
    </row>
    <row r="342859" spans="14:14">
      <c r="N342859" s="10"/>
    </row>
    <row r="342860" spans="14:14">
      <c r="N342860" s="10"/>
    </row>
    <row r="342861" spans="14:14">
      <c r="N342861" s="10"/>
    </row>
    <row r="342862" spans="14:14">
      <c r="N342862" s="10"/>
    </row>
    <row r="342863" spans="14:14">
      <c r="N342863" s="10"/>
    </row>
    <row r="342864" spans="14:14">
      <c r="N342864" s="10"/>
    </row>
    <row r="342865" spans="14:14">
      <c r="N342865" s="10"/>
    </row>
    <row r="342866" spans="14:14">
      <c r="N342866" s="10"/>
    </row>
    <row r="342867" spans="14:14">
      <c r="N342867" s="10"/>
    </row>
    <row r="342868" spans="14:14">
      <c r="N342868" s="10"/>
    </row>
    <row r="342869" spans="14:14">
      <c r="N342869" s="10"/>
    </row>
    <row r="342870" spans="14:14">
      <c r="N342870" s="10"/>
    </row>
    <row r="342871" spans="14:14">
      <c r="N342871" s="10"/>
    </row>
    <row r="342872" spans="14:14">
      <c r="N342872" s="10"/>
    </row>
    <row r="342873" spans="14:14">
      <c r="N342873" s="10"/>
    </row>
    <row r="342874" spans="14:14">
      <c r="N342874" s="10"/>
    </row>
    <row r="342875" spans="14:14">
      <c r="N342875" s="10"/>
    </row>
    <row r="342876" spans="14:14">
      <c r="N342876" s="10"/>
    </row>
    <row r="342877" spans="14:14">
      <c r="N342877" s="10"/>
    </row>
    <row r="342878" spans="14:14">
      <c r="N342878" s="10"/>
    </row>
    <row r="342879" spans="14:14">
      <c r="N342879" s="10"/>
    </row>
    <row r="342880" spans="14:14">
      <c r="N342880" s="10"/>
    </row>
    <row r="342881" spans="14:14">
      <c r="N342881" s="10"/>
    </row>
    <row r="342882" spans="14:14">
      <c r="N342882" s="10"/>
    </row>
    <row r="342883" spans="14:14">
      <c r="N342883" s="10"/>
    </row>
    <row r="342884" spans="14:14">
      <c r="N342884" s="10"/>
    </row>
    <row r="342885" spans="14:14">
      <c r="N342885" s="10"/>
    </row>
    <row r="342886" spans="14:14">
      <c r="N342886" s="10"/>
    </row>
    <row r="342887" spans="14:14">
      <c r="N342887" s="10"/>
    </row>
    <row r="342888" spans="14:14">
      <c r="N342888" s="10"/>
    </row>
    <row r="342889" spans="14:14">
      <c r="N342889" s="10"/>
    </row>
    <row r="342890" spans="14:14">
      <c r="N342890" s="10"/>
    </row>
    <row r="342891" spans="14:14">
      <c r="N342891" s="10"/>
    </row>
    <row r="342892" spans="14:14">
      <c r="N342892" s="10"/>
    </row>
    <row r="342893" spans="14:14">
      <c r="N342893" s="10"/>
    </row>
    <row r="342894" spans="14:14">
      <c r="N342894" s="10"/>
    </row>
    <row r="342895" spans="14:14">
      <c r="N342895" s="10"/>
    </row>
    <row r="342896" spans="14:14">
      <c r="N342896" s="10"/>
    </row>
    <row r="342897" spans="14:14">
      <c r="N342897" s="10"/>
    </row>
    <row r="342898" spans="14:14">
      <c r="N342898" s="10"/>
    </row>
    <row r="342899" spans="14:14">
      <c r="N342899" s="10"/>
    </row>
    <row r="342900" spans="14:14">
      <c r="N342900" s="10"/>
    </row>
    <row r="342901" spans="14:14">
      <c r="N342901" s="10"/>
    </row>
    <row r="342902" spans="14:14">
      <c r="N342902" s="10"/>
    </row>
    <row r="342903" spans="14:14">
      <c r="N342903" s="10"/>
    </row>
    <row r="342904" spans="14:14">
      <c r="N342904" s="10"/>
    </row>
    <row r="342905" spans="14:14">
      <c r="N342905" s="10"/>
    </row>
    <row r="342906" spans="14:14">
      <c r="N342906" s="10"/>
    </row>
    <row r="342907" spans="14:14">
      <c r="N342907" s="10"/>
    </row>
    <row r="342908" spans="14:14">
      <c r="N342908" s="10"/>
    </row>
    <row r="342909" spans="14:14">
      <c r="N342909" s="10"/>
    </row>
    <row r="342910" spans="14:14">
      <c r="N342910" s="10"/>
    </row>
    <row r="342911" spans="14:14">
      <c r="N342911" s="10"/>
    </row>
    <row r="342912" spans="14:14">
      <c r="N342912" s="10"/>
    </row>
    <row r="342913" spans="14:14">
      <c r="N342913" s="10"/>
    </row>
    <row r="342914" spans="14:14">
      <c r="N342914" s="10"/>
    </row>
    <row r="342915" spans="14:14">
      <c r="N342915" s="10"/>
    </row>
    <row r="342916" spans="14:14">
      <c r="N342916" s="10"/>
    </row>
    <row r="342917" spans="14:14">
      <c r="N342917" s="10"/>
    </row>
    <row r="342918" spans="14:14">
      <c r="N342918" s="10"/>
    </row>
    <row r="342919" spans="14:14">
      <c r="N342919" s="10"/>
    </row>
    <row r="342920" spans="14:14">
      <c r="N342920" s="10"/>
    </row>
    <row r="342921" spans="14:14">
      <c r="N342921" s="10"/>
    </row>
    <row r="342922" spans="14:14">
      <c r="N342922" s="10"/>
    </row>
    <row r="342923" spans="14:14">
      <c r="N342923" s="10"/>
    </row>
    <row r="342924" spans="14:14">
      <c r="N342924" s="10"/>
    </row>
    <row r="342925" spans="14:14">
      <c r="N342925" s="10"/>
    </row>
    <row r="342926" spans="14:14">
      <c r="N342926" s="10"/>
    </row>
    <row r="342927" spans="14:14">
      <c r="N342927" s="10"/>
    </row>
    <row r="342928" spans="14:14">
      <c r="N342928" s="10"/>
    </row>
    <row r="342929" spans="14:14">
      <c r="N342929" s="10"/>
    </row>
    <row r="342930" spans="14:14">
      <c r="N342930" s="10"/>
    </row>
    <row r="342931" spans="14:14">
      <c r="N342931" s="10"/>
    </row>
    <row r="342932" spans="14:14">
      <c r="N342932" s="10"/>
    </row>
    <row r="342933" spans="14:14">
      <c r="N342933" s="10"/>
    </row>
    <row r="342934" spans="14:14">
      <c r="N342934" s="10"/>
    </row>
    <row r="342935" spans="14:14">
      <c r="N342935" s="10"/>
    </row>
    <row r="342936" spans="14:14">
      <c r="N342936" s="10"/>
    </row>
    <row r="342937" spans="14:14">
      <c r="N342937" s="10"/>
    </row>
    <row r="342938" spans="14:14">
      <c r="N342938" s="10"/>
    </row>
    <row r="342939" spans="14:14">
      <c r="N342939" s="10"/>
    </row>
    <row r="342940" spans="14:14">
      <c r="N342940" s="10"/>
    </row>
    <row r="342941" spans="14:14">
      <c r="N342941" s="10"/>
    </row>
    <row r="342942" spans="14:14">
      <c r="N342942" s="10"/>
    </row>
    <row r="342943" spans="14:14">
      <c r="N342943" s="10"/>
    </row>
    <row r="342944" spans="14:14">
      <c r="N342944" s="10"/>
    </row>
    <row r="342945" spans="14:14">
      <c r="N342945" s="10"/>
    </row>
    <row r="342946" spans="14:14">
      <c r="N342946" s="10"/>
    </row>
    <row r="342947" spans="14:14">
      <c r="N342947" s="10"/>
    </row>
    <row r="342948" spans="14:14">
      <c r="N342948" s="10"/>
    </row>
    <row r="342949" spans="14:14">
      <c r="N342949" s="10"/>
    </row>
    <row r="342950" spans="14:14">
      <c r="N342950" s="10"/>
    </row>
    <row r="342951" spans="14:14">
      <c r="N342951" s="10"/>
    </row>
    <row r="342952" spans="14:14">
      <c r="N342952" s="10"/>
    </row>
    <row r="342953" spans="14:14">
      <c r="N342953" s="10"/>
    </row>
    <row r="342954" spans="14:14">
      <c r="N342954" s="10"/>
    </row>
    <row r="342955" spans="14:14">
      <c r="N342955" s="10"/>
    </row>
    <row r="342956" spans="14:14">
      <c r="N342956" s="10"/>
    </row>
    <row r="342957" spans="14:14">
      <c r="N342957" s="10"/>
    </row>
    <row r="342958" spans="14:14">
      <c r="N342958" s="10"/>
    </row>
    <row r="342959" spans="14:14">
      <c r="N342959" s="10"/>
    </row>
    <row r="342960" spans="14:14">
      <c r="N342960" s="10"/>
    </row>
    <row r="342961" spans="14:14">
      <c r="N342961" s="10"/>
    </row>
    <row r="342962" spans="14:14">
      <c r="N342962" s="10"/>
    </row>
    <row r="342963" spans="14:14">
      <c r="N342963" s="10"/>
    </row>
    <row r="342964" spans="14:14">
      <c r="N342964" s="10"/>
    </row>
    <row r="342965" spans="14:14">
      <c r="N342965" s="10"/>
    </row>
    <row r="342966" spans="14:14">
      <c r="N342966" s="10"/>
    </row>
    <row r="342967" spans="14:14">
      <c r="N342967" s="10"/>
    </row>
    <row r="342968" spans="14:14">
      <c r="N342968" s="10"/>
    </row>
    <row r="342969" spans="14:14">
      <c r="N342969" s="10"/>
    </row>
    <row r="342970" spans="14:14">
      <c r="N342970" s="10"/>
    </row>
    <row r="342971" spans="14:14">
      <c r="N342971" s="10"/>
    </row>
    <row r="342972" spans="14:14">
      <c r="N342972" s="10"/>
    </row>
    <row r="342973" spans="14:14">
      <c r="N342973" s="10"/>
    </row>
    <row r="342974" spans="14:14">
      <c r="N342974" s="10"/>
    </row>
    <row r="342975" spans="14:14">
      <c r="N342975" s="10"/>
    </row>
    <row r="342976" spans="14:14">
      <c r="N342976" s="10"/>
    </row>
    <row r="342977" spans="14:14">
      <c r="N342977" s="10"/>
    </row>
    <row r="342978" spans="14:14">
      <c r="N342978" s="10"/>
    </row>
    <row r="342979" spans="14:14">
      <c r="N342979" s="10"/>
    </row>
    <row r="342980" spans="14:14">
      <c r="N342980" s="10"/>
    </row>
    <row r="342981" spans="14:14">
      <c r="N342981" s="10"/>
    </row>
    <row r="342982" spans="14:14">
      <c r="N342982" s="10"/>
    </row>
    <row r="342983" spans="14:14">
      <c r="N342983" s="10"/>
    </row>
    <row r="342984" spans="14:14">
      <c r="N342984" s="10"/>
    </row>
    <row r="342985" spans="14:14">
      <c r="N342985" s="10"/>
    </row>
    <row r="342986" spans="14:14">
      <c r="N342986" s="10"/>
    </row>
    <row r="342987" spans="14:14">
      <c r="N342987" s="10"/>
    </row>
    <row r="342988" spans="14:14">
      <c r="N342988" s="10"/>
    </row>
    <row r="342989" spans="14:14">
      <c r="N342989" s="10"/>
    </row>
    <row r="342990" spans="14:14">
      <c r="N342990" s="10"/>
    </row>
    <row r="342991" spans="14:14">
      <c r="N342991" s="10"/>
    </row>
    <row r="342992" spans="14:14">
      <c r="N342992" s="10"/>
    </row>
    <row r="342993" spans="14:14">
      <c r="N342993" s="10"/>
    </row>
    <row r="342994" spans="14:14">
      <c r="N342994" s="10"/>
    </row>
    <row r="342995" spans="14:14">
      <c r="N342995" s="10"/>
    </row>
    <row r="342996" spans="14:14">
      <c r="N342996" s="10"/>
    </row>
    <row r="342997" spans="14:14">
      <c r="N342997" s="10"/>
    </row>
    <row r="342998" spans="14:14">
      <c r="N342998" s="10"/>
    </row>
    <row r="342999" spans="14:14">
      <c r="N342999" s="10"/>
    </row>
    <row r="343000" spans="14:14">
      <c r="N343000" s="10"/>
    </row>
    <row r="343001" spans="14:14">
      <c r="N343001" s="10"/>
    </row>
    <row r="343002" spans="14:14">
      <c r="N343002" s="10"/>
    </row>
    <row r="343003" spans="14:14">
      <c r="N343003" s="10"/>
    </row>
    <row r="343004" spans="14:14">
      <c r="N343004" s="10"/>
    </row>
    <row r="343005" spans="14:14">
      <c r="N343005" s="10"/>
    </row>
    <row r="343006" spans="14:14">
      <c r="N343006" s="10"/>
    </row>
    <row r="343007" spans="14:14">
      <c r="N343007" s="10"/>
    </row>
    <row r="343008" spans="14:14">
      <c r="N343008" s="10"/>
    </row>
    <row r="343009" spans="14:14">
      <c r="N343009" s="10"/>
    </row>
    <row r="343010" spans="14:14">
      <c r="N343010" s="10"/>
    </row>
    <row r="343011" spans="14:14">
      <c r="N343011" s="10"/>
    </row>
    <row r="343012" spans="14:14">
      <c r="N343012" s="10"/>
    </row>
    <row r="343013" spans="14:14">
      <c r="N343013" s="10"/>
    </row>
    <row r="343014" spans="14:14">
      <c r="N343014" s="10"/>
    </row>
    <row r="343015" spans="14:14">
      <c r="N343015" s="10"/>
    </row>
    <row r="343016" spans="14:14">
      <c r="N343016" s="10"/>
    </row>
    <row r="343017" spans="14:14">
      <c r="N343017" s="10"/>
    </row>
    <row r="343018" spans="14:14">
      <c r="N343018" s="10"/>
    </row>
    <row r="343019" spans="14:14">
      <c r="N343019" s="10"/>
    </row>
    <row r="343020" spans="14:14">
      <c r="N343020" s="10"/>
    </row>
    <row r="343021" spans="14:14">
      <c r="N343021" s="10"/>
    </row>
    <row r="343022" spans="14:14">
      <c r="N343022" s="10"/>
    </row>
    <row r="343023" spans="14:14">
      <c r="N343023" s="10"/>
    </row>
    <row r="343024" spans="14:14">
      <c r="N343024" s="10"/>
    </row>
    <row r="343025" spans="14:14">
      <c r="N343025" s="10"/>
    </row>
    <row r="343026" spans="14:14">
      <c r="N343026" s="10"/>
    </row>
    <row r="343027" spans="14:14">
      <c r="N343027" s="10"/>
    </row>
    <row r="343028" spans="14:14">
      <c r="N343028" s="10"/>
    </row>
    <row r="343029" spans="14:14">
      <c r="N343029" s="10"/>
    </row>
    <row r="343030" spans="14:14">
      <c r="N343030" s="10"/>
    </row>
    <row r="343031" spans="14:14">
      <c r="N343031" s="10"/>
    </row>
    <row r="343032" spans="14:14">
      <c r="N343032" s="10"/>
    </row>
    <row r="343033" spans="14:14">
      <c r="N343033" s="10"/>
    </row>
    <row r="343034" spans="14:14">
      <c r="N343034" s="10"/>
    </row>
    <row r="343035" spans="14:14">
      <c r="N343035" s="10"/>
    </row>
    <row r="343036" spans="14:14">
      <c r="N343036" s="10"/>
    </row>
    <row r="343037" spans="14:14">
      <c r="N343037" s="10"/>
    </row>
    <row r="343038" spans="14:14">
      <c r="N343038" s="10"/>
    </row>
    <row r="343039" spans="14:14">
      <c r="N343039" s="10"/>
    </row>
    <row r="343040" spans="14:14">
      <c r="N343040" s="10"/>
    </row>
    <row r="343041" spans="14:14">
      <c r="N343041" s="10"/>
    </row>
    <row r="343042" spans="14:14">
      <c r="N343042" s="10"/>
    </row>
    <row r="343043" spans="14:14">
      <c r="N343043" s="10"/>
    </row>
    <row r="343044" spans="14:14">
      <c r="N343044" s="10"/>
    </row>
    <row r="343045" spans="14:14">
      <c r="N343045" s="10"/>
    </row>
    <row r="343046" spans="14:14">
      <c r="N343046" s="10"/>
    </row>
    <row r="343047" spans="14:14">
      <c r="N343047" s="10"/>
    </row>
    <row r="343048" spans="14:14">
      <c r="N343048" s="10"/>
    </row>
    <row r="343049" spans="14:14">
      <c r="N343049" s="10"/>
    </row>
    <row r="343050" spans="14:14">
      <c r="N343050" s="10"/>
    </row>
    <row r="343051" spans="14:14">
      <c r="N343051" s="10"/>
    </row>
    <row r="343052" spans="14:14">
      <c r="N343052" s="10"/>
    </row>
    <row r="343053" spans="14:14">
      <c r="N343053" s="10"/>
    </row>
    <row r="343054" spans="14:14">
      <c r="N343054" s="10"/>
    </row>
    <row r="343055" spans="14:14">
      <c r="N343055" s="10"/>
    </row>
    <row r="343056" spans="14:14">
      <c r="N343056" s="10"/>
    </row>
    <row r="343057" spans="14:14">
      <c r="N343057" s="10"/>
    </row>
    <row r="343058" spans="14:14">
      <c r="N343058" s="10"/>
    </row>
    <row r="343059" spans="14:14">
      <c r="N343059" s="10"/>
    </row>
    <row r="343060" spans="14:14">
      <c r="N343060" s="10"/>
    </row>
    <row r="343061" spans="14:14">
      <c r="N343061" s="10"/>
    </row>
    <row r="343062" spans="14:14">
      <c r="N343062" s="10"/>
    </row>
    <row r="343063" spans="14:14">
      <c r="N343063" s="10"/>
    </row>
    <row r="343064" spans="14:14">
      <c r="N343064" s="10"/>
    </row>
    <row r="343065" spans="14:14">
      <c r="N343065" s="10"/>
    </row>
    <row r="343066" spans="14:14">
      <c r="N343066" s="10"/>
    </row>
    <row r="343067" spans="14:14">
      <c r="N343067" s="10"/>
    </row>
    <row r="343068" spans="14:14">
      <c r="N343068" s="10"/>
    </row>
    <row r="343069" spans="14:14">
      <c r="N343069" s="10"/>
    </row>
    <row r="343070" spans="14:14">
      <c r="N343070" s="10"/>
    </row>
    <row r="343071" spans="14:14">
      <c r="N343071" s="10"/>
    </row>
    <row r="343072" spans="14:14">
      <c r="N343072" s="10"/>
    </row>
    <row r="343073" spans="14:14">
      <c r="N343073" s="10"/>
    </row>
    <row r="343074" spans="14:14">
      <c r="N343074" s="10"/>
    </row>
    <row r="343075" spans="14:14">
      <c r="N343075" s="10"/>
    </row>
    <row r="343076" spans="14:14">
      <c r="N343076" s="10"/>
    </row>
    <row r="343077" spans="14:14">
      <c r="N343077" s="10"/>
    </row>
    <row r="343078" spans="14:14">
      <c r="N343078" s="10"/>
    </row>
    <row r="343079" spans="14:14">
      <c r="N343079" s="10"/>
    </row>
    <row r="343080" spans="14:14">
      <c r="N343080" s="10"/>
    </row>
    <row r="343081" spans="14:14">
      <c r="N343081" s="10"/>
    </row>
    <row r="343082" spans="14:14">
      <c r="N343082" s="10"/>
    </row>
    <row r="343083" spans="14:14">
      <c r="N343083" s="10"/>
    </row>
    <row r="343084" spans="14:14">
      <c r="N343084" s="10"/>
    </row>
    <row r="343085" spans="14:14">
      <c r="N343085" s="10"/>
    </row>
    <row r="343086" spans="14:14">
      <c r="N343086" s="10"/>
    </row>
    <row r="343087" spans="14:14">
      <c r="N343087" s="10"/>
    </row>
    <row r="343088" spans="14:14">
      <c r="N343088" s="10"/>
    </row>
    <row r="343089" spans="14:14">
      <c r="N343089" s="10"/>
    </row>
    <row r="343090" spans="14:14">
      <c r="N343090" s="10"/>
    </row>
    <row r="343091" spans="14:14">
      <c r="N343091" s="10"/>
    </row>
    <row r="343092" spans="14:14">
      <c r="N343092" s="10"/>
    </row>
    <row r="343093" spans="14:14">
      <c r="N343093" s="10"/>
    </row>
    <row r="343094" spans="14:14">
      <c r="N343094" s="10"/>
    </row>
    <row r="343095" spans="14:14">
      <c r="N343095" s="10"/>
    </row>
    <row r="343096" spans="14:14">
      <c r="N343096" s="10"/>
    </row>
    <row r="343097" spans="14:14">
      <c r="N343097" s="10"/>
    </row>
    <row r="343098" spans="14:14">
      <c r="N343098" s="10"/>
    </row>
    <row r="343099" spans="14:14">
      <c r="N343099" s="10"/>
    </row>
    <row r="343100" spans="14:14">
      <c r="N343100" s="10"/>
    </row>
    <row r="343101" spans="14:14">
      <c r="N343101" s="10"/>
    </row>
    <row r="343102" spans="14:14">
      <c r="N343102" s="10"/>
    </row>
    <row r="343103" spans="14:14">
      <c r="N343103" s="10"/>
    </row>
    <row r="343104" spans="14:14">
      <c r="N343104" s="10"/>
    </row>
    <row r="343105" spans="14:14">
      <c r="N343105" s="10"/>
    </row>
    <row r="343106" spans="14:14">
      <c r="N343106" s="10"/>
    </row>
    <row r="343107" spans="14:14">
      <c r="N343107" s="10"/>
    </row>
    <row r="343108" spans="14:14">
      <c r="N343108" s="10"/>
    </row>
    <row r="343109" spans="14:14">
      <c r="N343109" s="10"/>
    </row>
    <row r="343110" spans="14:14">
      <c r="N343110" s="10"/>
    </row>
    <row r="343111" spans="14:14">
      <c r="N343111" s="10"/>
    </row>
    <row r="343112" spans="14:14">
      <c r="N343112" s="10"/>
    </row>
    <row r="343113" spans="14:14">
      <c r="N343113" s="10"/>
    </row>
    <row r="343114" spans="14:14">
      <c r="N343114" s="10"/>
    </row>
    <row r="343115" spans="14:14">
      <c r="N343115" s="10"/>
    </row>
    <row r="343116" spans="14:14">
      <c r="N343116" s="10"/>
    </row>
    <row r="343117" spans="14:14">
      <c r="N343117" s="10"/>
    </row>
    <row r="343118" spans="14:14">
      <c r="N343118" s="10"/>
    </row>
    <row r="343119" spans="14:14">
      <c r="N343119" s="10"/>
    </row>
    <row r="343120" spans="14:14">
      <c r="N343120" s="10"/>
    </row>
    <row r="343121" spans="14:14">
      <c r="N343121" s="10"/>
    </row>
    <row r="343122" spans="14:14">
      <c r="N343122" s="10"/>
    </row>
    <row r="343123" spans="14:14">
      <c r="N343123" s="10"/>
    </row>
    <row r="343124" spans="14:14">
      <c r="N343124" s="10"/>
    </row>
    <row r="343125" spans="14:14">
      <c r="N343125" s="10"/>
    </row>
    <row r="343126" spans="14:14">
      <c r="N343126" s="10"/>
    </row>
    <row r="343127" spans="14:14">
      <c r="N343127" s="10"/>
    </row>
    <row r="343128" spans="14:14">
      <c r="N343128" s="10"/>
    </row>
    <row r="343129" spans="14:14">
      <c r="N343129" s="10"/>
    </row>
    <row r="343130" spans="14:14">
      <c r="N343130" s="10"/>
    </row>
    <row r="343131" spans="14:14">
      <c r="N343131" s="10"/>
    </row>
    <row r="343132" spans="14:14">
      <c r="N343132" s="10"/>
    </row>
    <row r="343133" spans="14:14">
      <c r="N343133" s="10"/>
    </row>
    <row r="343134" spans="14:14">
      <c r="N343134" s="10"/>
    </row>
    <row r="343135" spans="14:14">
      <c r="N343135" s="10"/>
    </row>
    <row r="343136" spans="14:14">
      <c r="N343136" s="10"/>
    </row>
    <row r="343137" spans="14:14">
      <c r="N343137" s="10"/>
    </row>
    <row r="343138" spans="14:14">
      <c r="N343138" s="10"/>
    </row>
    <row r="343139" spans="14:14">
      <c r="N343139" s="10"/>
    </row>
    <row r="343140" spans="14:14">
      <c r="N343140" s="10"/>
    </row>
    <row r="343141" spans="14:14">
      <c r="N343141" s="10"/>
    </row>
    <row r="343142" spans="14:14">
      <c r="N343142" s="10"/>
    </row>
    <row r="343143" spans="14:14">
      <c r="N343143" s="10"/>
    </row>
    <row r="343144" spans="14:14">
      <c r="N343144" s="10"/>
    </row>
    <row r="343145" spans="14:14">
      <c r="N343145" s="10"/>
    </row>
    <row r="343146" spans="14:14">
      <c r="N343146" s="10"/>
    </row>
    <row r="343147" spans="14:14">
      <c r="N343147" s="10"/>
    </row>
    <row r="343148" spans="14:14">
      <c r="N343148" s="10"/>
    </row>
    <row r="343149" spans="14:14">
      <c r="N343149" s="10"/>
    </row>
    <row r="343150" spans="14:14">
      <c r="N343150" s="10"/>
    </row>
    <row r="343151" spans="14:14">
      <c r="N343151" s="10"/>
    </row>
    <row r="343152" spans="14:14">
      <c r="N343152" s="10"/>
    </row>
    <row r="343153" spans="14:14">
      <c r="N343153" s="10"/>
    </row>
    <row r="343154" spans="14:14">
      <c r="N343154" s="10"/>
    </row>
    <row r="343155" spans="14:14">
      <c r="N343155" s="10"/>
    </row>
    <row r="343156" spans="14:14">
      <c r="N343156" s="10"/>
    </row>
    <row r="343157" spans="14:14">
      <c r="N343157" s="10"/>
    </row>
    <row r="343158" spans="14:14">
      <c r="N343158" s="10"/>
    </row>
    <row r="343159" spans="14:14">
      <c r="N343159" s="10"/>
    </row>
    <row r="343160" spans="14:14">
      <c r="N343160" s="10"/>
    </row>
    <row r="343161" spans="14:14">
      <c r="N343161" s="10"/>
    </row>
    <row r="343162" spans="14:14">
      <c r="N343162" s="10"/>
    </row>
    <row r="343163" spans="14:14">
      <c r="N343163" s="10"/>
    </row>
    <row r="343164" spans="14:14">
      <c r="N343164" s="10"/>
    </row>
    <row r="343165" spans="14:14">
      <c r="N343165" s="10"/>
    </row>
    <row r="343166" spans="14:14">
      <c r="N343166" s="10"/>
    </row>
    <row r="343167" spans="14:14">
      <c r="N343167" s="10"/>
    </row>
    <row r="343168" spans="14:14">
      <c r="N343168" s="10"/>
    </row>
    <row r="343169" spans="14:14">
      <c r="N343169" s="10"/>
    </row>
    <row r="343170" spans="14:14">
      <c r="N343170" s="10"/>
    </row>
    <row r="343171" spans="14:14">
      <c r="N343171" s="10"/>
    </row>
    <row r="343172" spans="14:14">
      <c r="N343172" s="10"/>
    </row>
    <row r="343173" spans="14:14">
      <c r="N343173" s="10"/>
    </row>
    <row r="343174" spans="14:14">
      <c r="N343174" s="10"/>
    </row>
    <row r="343175" spans="14:14">
      <c r="N343175" s="10"/>
    </row>
    <row r="343176" spans="14:14">
      <c r="N343176" s="10"/>
    </row>
    <row r="343177" spans="14:14">
      <c r="N343177" s="10"/>
    </row>
    <row r="343178" spans="14:14">
      <c r="N343178" s="10"/>
    </row>
    <row r="343179" spans="14:14">
      <c r="N343179" s="10"/>
    </row>
    <row r="343180" spans="14:14">
      <c r="N343180" s="10"/>
    </row>
    <row r="343181" spans="14:14">
      <c r="N343181" s="10"/>
    </row>
    <row r="343182" spans="14:14">
      <c r="N343182" s="10"/>
    </row>
    <row r="343183" spans="14:14">
      <c r="N343183" s="10"/>
    </row>
    <row r="343184" spans="14:14">
      <c r="N343184" s="10"/>
    </row>
    <row r="343185" spans="14:14">
      <c r="N343185" s="10"/>
    </row>
    <row r="343186" spans="14:14">
      <c r="N343186" s="10"/>
    </row>
    <row r="343187" spans="14:14">
      <c r="N343187" s="10"/>
    </row>
    <row r="343188" spans="14:14">
      <c r="N343188" s="10"/>
    </row>
    <row r="343189" spans="14:14">
      <c r="N343189" s="10"/>
    </row>
    <row r="343190" spans="14:14">
      <c r="N343190" s="10"/>
    </row>
    <row r="343191" spans="14:14">
      <c r="N343191" s="10"/>
    </row>
    <row r="343192" spans="14:14">
      <c r="N343192" s="10"/>
    </row>
    <row r="343193" spans="14:14">
      <c r="N343193" s="10"/>
    </row>
    <row r="343194" spans="14:14">
      <c r="N343194" s="10"/>
    </row>
    <row r="343195" spans="14:14">
      <c r="N343195" s="10"/>
    </row>
    <row r="343196" spans="14:14">
      <c r="N343196" s="10"/>
    </row>
    <row r="343197" spans="14:14">
      <c r="N343197" s="10"/>
    </row>
    <row r="343198" spans="14:14">
      <c r="N343198" s="10"/>
    </row>
    <row r="343199" spans="14:14">
      <c r="N343199" s="10"/>
    </row>
    <row r="343200" spans="14:14">
      <c r="N343200" s="10"/>
    </row>
    <row r="343201" spans="14:14">
      <c r="N343201" s="10"/>
    </row>
    <row r="343202" spans="14:14">
      <c r="N343202" s="10"/>
    </row>
    <row r="343203" spans="14:14">
      <c r="N343203" s="10"/>
    </row>
    <row r="343204" spans="14:14">
      <c r="N343204" s="10"/>
    </row>
    <row r="343205" spans="14:14">
      <c r="N343205" s="10"/>
    </row>
    <row r="343206" spans="14:14">
      <c r="N343206" s="10"/>
    </row>
    <row r="343207" spans="14:14">
      <c r="N343207" s="10"/>
    </row>
    <row r="343208" spans="14:14">
      <c r="N343208" s="10"/>
    </row>
    <row r="343209" spans="14:14">
      <c r="N343209" s="10"/>
    </row>
    <row r="343210" spans="14:14">
      <c r="N343210" s="10"/>
    </row>
    <row r="343211" spans="14:14">
      <c r="N343211" s="10"/>
    </row>
    <row r="343212" spans="14:14">
      <c r="N343212" s="10"/>
    </row>
    <row r="343213" spans="14:14">
      <c r="N343213" s="10"/>
    </row>
    <row r="343214" spans="14:14">
      <c r="N343214" s="10"/>
    </row>
    <row r="343215" spans="14:14">
      <c r="N343215" s="10"/>
    </row>
    <row r="343216" spans="14:14">
      <c r="N343216" s="10"/>
    </row>
    <row r="343217" spans="14:14">
      <c r="N343217" s="10"/>
    </row>
    <row r="343218" spans="14:14">
      <c r="N343218" s="10"/>
    </row>
    <row r="343219" spans="14:14">
      <c r="N343219" s="10"/>
    </row>
    <row r="343220" spans="14:14">
      <c r="N343220" s="10"/>
    </row>
    <row r="343221" spans="14:14">
      <c r="N343221" s="10"/>
    </row>
    <row r="343222" spans="14:14">
      <c r="N343222" s="10"/>
    </row>
    <row r="343223" spans="14:14">
      <c r="N343223" s="10"/>
    </row>
    <row r="343224" spans="14:14">
      <c r="N343224" s="10"/>
    </row>
    <row r="343225" spans="14:14">
      <c r="N343225" s="10"/>
    </row>
    <row r="343226" spans="14:14">
      <c r="N343226" s="10"/>
    </row>
    <row r="343227" spans="14:14">
      <c r="N343227" s="10"/>
    </row>
    <row r="343228" spans="14:14">
      <c r="N343228" s="10"/>
    </row>
    <row r="343229" spans="14:14">
      <c r="N343229" s="10"/>
    </row>
    <row r="343230" spans="14:14">
      <c r="N343230" s="10"/>
    </row>
    <row r="343231" spans="14:14">
      <c r="N343231" s="10"/>
    </row>
    <row r="343232" spans="14:14">
      <c r="N343232" s="10"/>
    </row>
    <row r="343233" spans="14:14">
      <c r="N343233" s="10"/>
    </row>
    <row r="343234" spans="14:14">
      <c r="N343234" s="10"/>
    </row>
    <row r="343235" spans="14:14">
      <c r="N343235" s="10"/>
    </row>
    <row r="343236" spans="14:14">
      <c r="N343236" s="10"/>
    </row>
    <row r="343237" spans="14:14">
      <c r="N343237" s="10"/>
    </row>
    <row r="343238" spans="14:14">
      <c r="N343238" s="10"/>
    </row>
    <row r="343239" spans="14:14">
      <c r="N343239" s="10"/>
    </row>
    <row r="343240" spans="14:14">
      <c r="N343240" s="10"/>
    </row>
    <row r="343241" spans="14:14">
      <c r="N343241" s="10"/>
    </row>
    <row r="343242" spans="14:14">
      <c r="N343242" s="10"/>
    </row>
    <row r="343243" spans="14:14">
      <c r="N343243" s="10"/>
    </row>
    <row r="343244" spans="14:14">
      <c r="N343244" s="10"/>
    </row>
    <row r="343245" spans="14:14">
      <c r="N343245" s="10"/>
    </row>
    <row r="343246" spans="14:14">
      <c r="N343246" s="10"/>
    </row>
    <row r="343247" spans="14:14">
      <c r="N343247" s="10"/>
    </row>
    <row r="343248" spans="14:14">
      <c r="N343248" s="10"/>
    </row>
    <row r="343249" spans="14:14">
      <c r="N343249" s="10"/>
    </row>
    <row r="343250" spans="14:14">
      <c r="N343250" s="10"/>
    </row>
    <row r="343251" spans="14:14">
      <c r="N343251" s="10"/>
    </row>
    <row r="343252" spans="14:14">
      <c r="N343252" s="10"/>
    </row>
    <row r="343253" spans="14:14">
      <c r="N343253" s="10"/>
    </row>
    <row r="343254" spans="14:14">
      <c r="N343254" s="10"/>
    </row>
    <row r="343255" spans="14:14">
      <c r="N343255" s="10"/>
    </row>
    <row r="343256" spans="14:14">
      <c r="N343256" s="10"/>
    </row>
    <row r="343257" spans="14:14">
      <c r="N343257" s="10"/>
    </row>
    <row r="343258" spans="14:14">
      <c r="N343258" s="10"/>
    </row>
    <row r="343259" spans="14:14">
      <c r="N343259" s="10"/>
    </row>
    <row r="343260" spans="14:14">
      <c r="N343260" s="10"/>
    </row>
    <row r="343261" spans="14:14">
      <c r="N343261" s="10"/>
    </row>
    <row r="343262" spans="14:14">
      <c r="N343262" s="10"/>
    </row>
    <row r="343263" spans="14:14">
      <c r="N343263" s="10"/>
    </row>
    <row r="343264" spans="14:14">
      <c r="N343264" s="10"/>
    </row>
    <row r="343265" spans="14:14">
      <c r="N343265" s="10"/>
    </row>
    <row r="343266" spans="14:14">
      <c r="N343266" s="10"/>
    </row>
    <row r="343267" spans="14:14">
      <c r="N343267" s="10"/>
    </row>
    <row r="343268" spans="14:14">
      <c r="N343268" s="10"/>
    </row>
    <row r="343269" spans="14:14">
      <c r="N343269" s="10"/>
    </row>
    <row r="343270" spans="14:14">
      <c r="N343270" s="10"/>
    </row>
    <row r="343271" spans="14:14">
      <c r="N343271" s="10"/>
    </row>
    <row r="343272" spans="14:14">
      <c r="N343272" s="10"/>
    </row>
    <row r="343273" spans="14:14">
      <c r="N343273" s="10"/>
    </row>
    <row r="343274" spans="14:14">
      <c r="N343274" s="10"/>
    </row>
    <row r="343275" spans="14:14">
      <c r="N343275" s="10"/>
    </row>
    <row r="343276" spans="14:14">
      <c r="N343276" s="10"/>
    </row>
    <row r="343277" spans="14:14">
      <c r="N343277" s="10"/>
    </row>
    <row r="343278" spans="14:14">
      <c r="N343278" s="10"/>
    </row>
    <row r="343279" spans="14:14">
      <c r="N343279" s="10"/>
    </row>
    <row r="343280" spans="14:14">
      <c r="N343280" s="10"/>
    </row>
    <row r="343281" spans="14:14">
      <c r="N343281" s="10"/>
    </row>
    <row r="343282" spans="14:14">
      <c r="N343282" s="10"/>
    </row>
    <row r="343283" spans="14:14">
      <c r="N343283" s="10"/>
    </row>
    <row r="343284" spans="14:14">
      <c r="N343284" s="10"/>
    </row>
    <row r="343285" spans="14:14">
      <c r="N343285" s="10"/>
    </row>
    <row r="343286" spans="14:14">
      <c r="N343286" s="10"/>
    </row>
    <row r="343287" spans="14:14">
      <c r="N343287" s="10"/>
    </row>
    <row r="343288" spans="14:14">
      <c r="N343288" s="10"/>
    </row>
    <row r="343289" spans="14:14">
      <c r="N343289" s="10"/>
    </row>
    <row r="343290" spans="14:14">
      <c r="N343290" s="10"/>
    </row>
    <row r="343291" spans="14:14">
      <c r="N343291" s="10"/>
    </row>
    <row r="343292" spans="14:14">
      <c r="N343292" s="10"/>
    </row>
    <row r="343293" spans="14:14">
      <c r="N343293" s="10"/>
    </row>
    <row r="343294" spans="14:14">
      <c r="N343294" s="10"/>
    </row>
    <row r="343295" spans="14:14">
      <c r="N343295" s="10"/>
    </row>
    <row r="343296" spans="14:14">
      <c r="N343296" s="10"/>
    </row>
    <row r="343297" spans="14:14">
      <c r="N343297" s="10"/>
    </row>
    <row r="343298" spans="14:14">
      <c r="N343298" s="10"/>
    </row>
    <row r="343299" spans="14:14">
      <c r="N343299" s="10"/>
    </row>
    <row r="343300" spans="14:14">
      <c r="N343300" s="10"/>
    </row>
    <row r="343301" spans="14:14">
      <c r="N343301" s="10"/>
    </row>
    <row r="343302" spans="14:14">
      <c r="N343302" s="10"/>
    </row>
    <row r="343303" spans="14:14">
      <c r="N343303" s="10"/>
    </row>
    <row r="343304" spans="14:14">
      <c r="N343304" s="10"/>
    </row>
    <row r="343305" spans="14:14">
      <c r="N343305" s="10"/>
    </row>
    <row r="343306" spans="14:14">
      <c r="N343306" s="10"/>
    </row>
    <row r="343307" spans="14:14">
      <c r="N343307" s="10"/>
    </row>
    <row r="343308" spans="14:14">
      <c r="N343308" s="10"/>
    </row>
    <row r="343309" spans="14:14">
      <c r="N343309" s="10"/>
    </row>
    <row r="343310" spans="14:14">
      <c r="N343310" s="10"/>
    </row>
    <row r="343311" spans="14:14">
      <c r="N343311" s="10"/>
    </row>
    <row r="343312" spans="14:14">
      <c r="N343312" s="10"/>
    </row>
    <row r="343313" spans="14:14">
      <c r="N343313" s="10"/>
    </row>
    <row r="343314" spans="14:14">
      <c r="N343314" s="10"/>
    </row>
    <row r="343315" spans="14:14">
      <c r="N343315" s="10"/>
    </row>
    <row r="343316" spans="14:14">
      <c r="N343316" s="10"/>
    </row>
    <row r="343317" spans="14:14">
      <c r="N343317" s="10"/>
    </row>
    <row r="343318" spans="14:14">
      <c r="N343318" s="10"/>
    </row>
    <row r="343319" spans="14:14">
      <c r="N343319" s="10"/>
    </row>
    <row r="343320" spans="14:14">
      <c r="N343320" s="10"/>
    </row>
    <row r="343321" spans="14:14">
      <c r="N343321" s="10"/>
    </row>
    <row r="343322" spans="14:14">
      <c r="N343322" s="10"/>
    </row>
    <row r="343323" spans="14:14">
      <c r="N343323" s="10"/>
    </row>
    <row r="343324" spans="14:14">
      <c r="N343324" s="10"/>
    </row>
    <row r="343325" spans="14:14">
      <c r="N343325" s="10"/>
    </row>
    <row r="343326" spans="14:14">
      <c r="N343326" s="10"/>
    </row>
    <row r="343327" spans="14:14">
      <c r="N343327" s="10"/>
    </row>
    <row r="343328" spans="14:14">
      <c r="N343328" s="10"/>
    </row>
    <row r="343329" spans="14:14">
      <c r="N343329" s="10"/>
    </row>
    <row r="343330" spans="14:14">
      <c r="N343330" s="10"/>
    </row>
    <row r="343331" spans="14:14">
      <c r="N343331" s="10"/>
    </row>
    <row r="343332" spans="14:14">
      <c r="N343332" s="10"/>
    </row>
    <row r="343333" spans="14:14">
      <c r="N343333" s="10"/>
    </row>
    <row r="343334" spans="14:14">
      <c r="N343334" s="10"/>
    </row>
    <row r="343335" spans="14:14">
      <c r="N343335" s="10"/>
    </row>
    <row r="343336" spans="14:14">
      <c r="N343336" s="10"/>
    </row>
    <row r="343337" spans="14:14">
      <c r="N343337" s="10"/>
    </row>
    <row r="343338" spans="14:14">
      <c r="N343338" s="10"/>
    </row>
    <row r="343339" spans="14:14">
      <c r="N343339" s="10"/>
    </row>
    <row r="343340" spans="14:14">
      <c r="N343340" s="10"/>
    </row>
    <row r="343341" spans="14:14">
      <c r="N343341" s="10"/>
    </row>
    <row r="343342" spans="14:14">
      <c r="N343342" s="10"/>
    </row>
    <row r="343343" spans="14:14">
      <c r="N343343" s="10"/>
    </row>
    <row r="343344" spans="14:14">
      <c r="N343344" s="10"/>
    </row>
    <row r="343345" spans="14:14">
      <c r="N343345" s="10"/>
    </row>
    <row r="343346" spans="14:14">
      <c r="N343346" s="10"/>
    </row>
    <row r="343347" spans="14:14">
      <c r="N343347" s="10"/>
    </row>
    <row r="343348" spans="14:14">
      <c r="N343348" s="10"/>
    </row>
    <row r="343349" spans="14:14">
      <c r="N343349" s="10"/>
    </row>
    <row r="343350" spans="14:14">
      <c r="N343350" s="10"/>
    </row>
    <row r="343351" spans="14:14">
      <c r="N343351" s="10"/>
    </row>
    <row r="343352" spans="14:14">
      <c r="N343352" s="10"/>
    </row>
    <row r="343353" spans="14:14">
      <c r="N343353" s="10"/>
    </row>
    <row r="343354" spans="14:14">
      <c r="N343354" s="10"/>
    </row>
    <row r="343355" spans="14:14">
      <c r="N343355" s="10"/>
    </row>
    <row r="343356" spans="14:14">
      <c r="N343356" s="10"/>
    </row>
    <row r="343357" spans="14:14">
      <c r="N343357" s="10"/>
    </row>
    <row r="343358" spans="14:14">
      <c r="N343358" s="10"/>
    </row>
    <row r="343359" spans="14:14">
      <c r="N343359" s="10"/>
    </row>
    <row r="343360" spans="14:14">
      <c r="N343360" s="10"/>
    </row>
    <row r="343361" spans="14:14">
      <c r="N343361" s="10"/>
    </row>
    <row r="343362" spans="14:14">
      <c r="N343362" s="10"/>
    </row>
    <row r="343363" spans="14:14">
      <c r="N343363" s="10"/>
    </row>
    <row r="343364" spans="14:14">
      <c r="N343364" s="10"/>
    </row>
    <row r="343365" spans="14:14">
      <c r="N343365" s="10"/>
    </row>
    <row r="343366" spans="14:14">
      <c r="N343366" s="10"/>
    </row>
    <row r="343367" spans="14:14">
      <c r="N343367" s="10"/>
    </row>
    <row r="343368" spans="14:14">
      <c r="N343368" s="10"/>
    </row>
    <row r="343369" spans="14:14">
      <c r="N343369" s="10"/>
    </row>
    <row r="343370" spans="14:14">
      <c r="N343370" s="10"/>
    </row>
    <row r="343371" spans="14:14">
      <c r="N343371" s="10"/>
    </row>
    <row r="343372" spans="14:14">
      <c r="N343372" s="10"/>
    </row>
    <row r="343373" spans="14:14">
      <c r="N343373" s="10"/>
    </row>
    <row r="343374" spans="14:14">
      <c r="N343374" s="10"/>
    </row>
    <row r="343375" spans="14:14">
      <c r="N343375" s="10"/>
    </row>
    <row r="343376" spans="14:14">
      <c r="N343376" s="10"/>
    </row>
    <row r="343377" spans="14:14">
      <c r="N343377" s="10"/>
    </row>
    <row r="343378" spans="14:14">
      <c r="N343378" s="10"/>
    </row>
    <row r="343379" spans="14:14">
      <c r="N343379" s="10"/>
    </row>
    <row r="343380" spans="14:14">
      <c r="N343380" s="10"/>
    </row>
    <row r="343381" spans="14:14">
      <c r="N343381" s="10"/>
    </row>
    <row r="343382" spans="14:14">
      <c r="N343382" s="10"/>
    </row>
    <row r="343383" spans="14:14">
      <c r="N343383" s="10"/>
    </row>
    <row r="343384" spans="14:14">
      <c r="N343384" s="10"/>
    </row>
    <row r="343385" spans="14:14">
      <c r="N343385" s="10"/>
    </row>
    <row r="343386" spans="14:14">
      <c r="N343386" s="10"/>
    </row>
    <row r="343387" spans="14:14">
      <c r="N343387" s="10"/>
    </row>
    <row r="343388" spans="14:14">
      <c r="N343388" s="10"/>
    </row>
    <row r="343389" spans="14:14">
      <c r="N343389" s="10"/>
    </row>
    <row r="343390" spans="14:14">
      <c r="N343390" s="10"/>
    </row>
    <row r="343391" spans="14:14">
      <c r="N343391" s="10"/>
    </row>
    <row r="343392" spans="14:14">
      <c r="N343392" s="10"/>
    </row>
    <row r="343393" spans="14:14">
      <c r="N343393" s="10"/>
    </row>
    <row r="343394" spans="14:14">
      <c r="N343394" s="10"/>
    </row>
    <row r="343395" spans="14:14">
      <c r="N343395" s="10"/>
    </row>
    <row r="343396" spans="14:14">
      <c r="N343396" s="10"/>
    </row>
    <row r="343397" spans="14:14">
      <c r="N343397" s="10"/>
    </row>
    <row r="343398" spans="14:14">
      <c r="N343398" s="10"/>
    </row>
    <row r="343399" spans="14:14">
      <c r="N343399" s="10"/>
    </row>
    <row r="343400" spans="14:14">
      <c r="N343400" s="10"/>
    </row>
    <row r="343401" spans="14:14">
      <c r="N343401" s="10"/>
    </row>
    <row r="343402" spans="14:14">
      <c r="N343402" s="10"/>
    </row>
    <row r="343403" spans="14:14">
      <c r="N343403" s="10"/>
    </row>
    <row r="343404" spans="14:14">
      <c r="N343404" s="10"/>
    </row>
    <row r="343405" spans="14:14">
      <c r="N343405" s="10"/>
    </row>
    <row r="343406" spans="14:14">
      <c r="N343406" s="10"/>
    </row>
    <row r="343407" spans="14:14">
      <c r="N343407" s="10"/>
    </row>
    <row r="343408" spans="14:14">
      <c r="N343408" s="10"/>
    </row>
    <row r="343409" spans="14:14">
      <c r="N343409" s="10"/>
    </row>
    <row r="343410" spans="14:14">
      <c r="N343410" s="10"/>
    </row>
    <row r="343411" spans="14:14">
      <c r="N343411" s="10"/>
    </row>
    <row r="343412" spans="14:14">
      <c r="N343412" s="10"/>
    </row>
    <row r="343413" spans="14:14">
      <c r="N343413" s="10"/>
    </row>
    <row r="343414" spans="14:14">
      <c r="N343414" s="10"/>
    </row>
    <row r="343415" spans="14:14">
      <c r="N343415" s="10"/>
    </row>
    <row r="343416" spans="14:14">
      <c r="N343416" s="10"/>
    </row>
    <row r="343417" spans="14:14">
      <c r="N343417" s="10"/>
    </row>
    <row r="343418" spans="14:14">
      <c r="N343418" s="10"/>
    </row>
    <row r="343419" spans="14:14">
      <c r="N343419" s="10"/>
    </row>
    <row r="343420" spans="14:14">
      <c r="N343420" s="10"/>
    </row>
    <row r="343421" spans="14:14">
      <c r="N343421" s="10"/>
    </row>
    <row r="343422" spans="14:14">
      <c r="N343422" s="10"/>
    </row>
    <row r="343423" spans="14:14">
      <c r="N343423" s="10"/>
    </row>
    <row r="343424" spans="14:14">
      <c r="N343424" s="10"/>
    </row>
    <row r="343425" spans="14:14">
      <c r="N343425" s="10"/>
    </row>
    <row r="343426" spans="14:14">
      <c r="N343426" s="10"/>
    </row>
    <row r="343427" spans="14:14">
      <c r="N343427" s="10"/>
    </row>
    <row r="343428" spans="14:14">
      <c r="N343428" s="10"/>
    </row>
    <row r="343429" spans="14:14">
      <c r="N343429" s="10"/>
    </row>
    <row r="343430" spans="14:14">
      <c r="N343430" s="10"/>
    </row>
    <row r="343431" spans="14:14">
      <c r="N343431" s="10"/>
    </row>
    <row r="343432" spans="14:14">
      <c r="N343432" s="10"/>
    </row>
    <row r="343433" spans="14:14">
      <c r="N343433" s="10"/>
    </row>
    <row r="343434" spans="14:14">
      <c r="N343434" s="10"/>
    </row>
    <row r="343435" spans="14:14">
      <c r="N343435" s="10"/>
    </row>
    <row r="343436" spans="14:14">
      <c r="N343436" s="10"/>
    </row>
    <row r="343437" spans="14:14">
      <c r="N343437" s="10"/>
    </row>
    <row r="343438" spans="14:14">
      <c r="N343438" s="10"/>
    </row>
    <row r="343439" spans="14:14">
      <c r="N343439" s="10"/>
    </row>
    <row r="343440" spans="14:14">
      <c r="N343440" s="10"/>
    </row>
    <row r="343441" spans="14:14">
      <c r="N343441" s="10"/>
    </row>
    <row r="343442" spans="14:14">
      <c r="N343442" s="10"/>
    </row>
    <row r="343443" spans="14:14">
      <c r="N343443" s="10"/>
    </row>
    <row r="343444" spans="14:14">
      <c r="N343444" s="10"/>
    </row>
    <row r="343445" spans="14:14">
      <c r="N343445" s="10"/>
    </row>
    <row r="343446" spans="14:14">
      <c r="N343446" s="10"/>
    </row>
    <row r="343447" spans="14:14">
      <c r="N343447" s="10"/>
    </row>
    <row r="343448" spans="14:14">
      <c r="N343448" s="10"/>
    </row>
    <row r="343449" spans="14:14">
      <c r="N343449" s="10"/>
    </row>
    <row r="343450" spans="14:14">
      <c r="N343450" s="10"/>
    </row>
    <row r="343451" spans="14:14">
      <c r="N343451" s="10"/>
    </row>
    <row r="343452" spans="14:14">
      <c r="N343452" s="10"/>
    </row>
    <row r="343453" spans="14:14">
      <c r="N343453" s="10"/>
    </row>
    <row r="343454" spans="14:14">
      <c r="N343454" s="10"/>
    </row>
    <row r="343455" spans="14:14">
      <c r="N343455" s="10"/>
    </row>
    <row r="343456" spans="14:14">
      <c r="N343456" s="10"/>
    </row>
    <row r="343457" spans="14:14">
      <c r="N343457" s="10"/>
    </row>
    <row r="343458" spans="14:14">
      <c r="N343458" s="10"/>
    </row>
    <row r="343459" spans="14:14">
      <c r="N343459" s="10"/>
    </row>
    <row r="343460" spans="14:14">
      <c r="N343460" s="10"/>
    </row>
    <row r="343461" spans="14:14">
      <c r="N343461" s="10"/>
    </row>
    <row r="343462" spans="14:14">
      <c r="N343462" s="10"/>
    </row>
    <row r="343463" spans="14:14">
      <c r="N343463" s="10"/>
    </row>
    <row r="343464" spans="14:14">
      <c r="N343464" s="10"/>
    </row>
    <row r="343465" spans="14:14">
      <c r="N343465" s="10"/>
    </row>
    <row r="343466" spans="14:14">
      <c r="N343466" s="10"/>
    </row>
    <row r="343467" spans="14:14">
      <c r="N343467" s="10"/>
    </row>
    <row r="343468" spans="14:14">
      <c r="N343468" s="10"/>
    </row>
    <row r="343469" spans="14:14">
      <c r="N343469" s="10"/>
    </row>
    <row r="343470" spans="14:14">
      <c r="N343470" s="10"/>
    </row>
    <row r="343471" spans="14:14">
      <c r="N343471" s="10"/>
    </row>
    <row r="343472" spans="14:14">
      <c r="N343472" s="10"/>
    </row>
    <row r="343473" spans="14:14">
      <c r="N343473" s="10"/>
    </row>
    <row r="343474" spans="14:14">
      <c r="N343474" s="10"/>
    </row>
    <row r="343475" spans="14:14">
      <c r="N343475" s="10"/>
    </row>
    <row r="343476" spans="14:14">
      <c r="N343476" s="10"/>
    </row>
    <row r="343477" spans="14:14">
      <c r="N343477" s="10"/>
    </row>
    <row r="343478" spans="14:14">
      <c r="N343478" s="10"/>
    </row>
    <row r="343479" spans="14:14">
      <c r="N343479" s="10"/>
    </row>
    <row r="343480" spans="14:14">
      <c r="N343480" s="10"/>
    </row>
    <row r="343481" spans="14:14">
      <c r="N343481" s="10"/>
    </row>
    <row r="343482" spans="14:14">
      <c r="N343482" s="10"/>
    </row>
    <row r="343483" spans="14:14">
      <c r="N343483" s="10"/>
    </row>
    <row r="343484" spans="14:14">
      <c r="N343484" s="10"/>
    </row>
    <row r="343485" spans="14:14">
      <c r="N343485" s="10"/>
    </row>
    <row r="343486" spans="14:14">
      <c r="N343486" s="10"/>
    </row>
    <row r="343487" spans="14:14">
      <c r="N343487" s="10"/>
    </row>
    <row r="343488" spans="14:14">
      <c r="N343488" s="10"/>
    </row>
    <row r="343489" spans="14:14">
      <c r="N343489" s="10"/>
    </row>
    <row r="343490" spans="14:14">
      <c r="N343490" s="10"/>
    </row>
    <row r="343491" spans="14:14">
      <c r="N343491" s="10"/>
    </row>
    <row r="343492" spans="14:14">
      <c r="N343492" s="10"/>
    </row>
    <row r="343493" spans="14:14">
      <c r="N343493" s="10"/>
    </row>
    <row r="343494" spans="14:14">
      <c r="N343494" s="10"/>
    </row>
    <row r="343495" spans="14:14">
      <c r="N343495" s="10"/>
    </row>
    <row r="343496" spans="14:14">
      <c r="N343496" s="10"/>
    </row>
    <row r="343497" spans="14:14">
      <c r="N343497" s="10"/>
    </row>
    <row r="343498" spans="14:14">
      <c r="N343498" s="10"/>
    </row>
    <row r="343499" spans="14:14">
      <c r="N343499" s="10"/>
    </row>
    <row r="343500" spans="14:14">
      <c r="N343500" s="10"/>
    </row>
    <row r="343501" spans="14:14">
      <c r="N343501" s="10"/>
    </row>
    <row r="343502" spans="14:14">
      <c r="N343502" s="10"/>
    </row>
    <row r="343503" spans="14:14">
      <c r="N343503" s="10"/>
    </row>
    <row r="343504" spans="14:14">
      <c r="N343504" s="10"/>
    </row>
    <row r="343505" spans="14:14">
      <c r="N343505" s="10"/>
    </row>
    <row r="343506" spans="14:14">
      <c r="N343506" s="10"/>
    </row>
    <row r="343507" spans="14:14">
      <c r="N343507" s="10"/>
    </row>
    <row r="343508" spans="14:14">
      <c r="N343508" s="10"/>
    </row>
    <row r="343509" spans="14:14">
      <c r="N343509" s="10"/>
    </row>
    <row r="343510" spans="14:14">
      <c r="N343510" s="10"/>
    </row>
    <row r="343511" spans="14:14">
      <c r="N343511" s="10"/>
    </row>
    <row r="343512" spans="14:14">
      <c r="N343512" s="10"/>
    </row>
    <row r="343513" spans="14:14">
      <c r="N343513" s="10"/>
    </row>
    <row r="343514" spans="14:14">
      <c r="N343514" s="10"/>
    </row>
    <row r="343515" spans="14:14">
      <c r="N343515" s="10"/>
    </row>
    <row r="343516" spans="14:14">
      <c r="N343516" s="10"/>
    </row>
    <row r="343517" spans="14:14">
      <c r="N343517" s="10"/>
    </row>
    <row r="343518" spans="14:14">
      <c r="N343518" s="10"/>
    </row>
    <row r="343519" spans="14:14">
      <c r="N343519" s="10"/>
    </row>
    <row r="343520" spans="14:14">
      <c r="N343520" s="10"/>
    </row>
    <row r="343521" spans="14:14">
      <c r="N343521" s="10"/>
    </row>
    <row r="343522" spans="14:14">
      <c r="N343522" s="10"/>
    </row>
    <row r="343523" spans="14:14">
      <c r="N343523" s="10"/>
    </row>
    <row r="343524" spans="14:14">
      <c r="N343524" s="10"/>
    </row>
    <row r="343525" spans="14:14">
      <c r="N343525" s="10"/>
    </row>
    <row r="343526" spans="14:14">
      <c r="N343526" s="10"/>
    </row>
    <row r="343527" spans="14:14">
      <c r="N343527" s="10"/>
    </row>
    <row r="343528" spans="14:14">
      <c r="N343528" s="10"/>
    </row>
    <row r="343529" spans="14:14">
      <c r="N343529" s="10"/>
    </row>
    <row r="343530" spans="14:14">
      <c r="N343530" s="10"/>
    </row>
    <row r="343531" spans="14:14">
      <c r="N343531" s="10"/>
    </row>
    <row r="343532" spans="14:14">
      <c r="N343532" s="10"/>
    </row>
    <row r="343533" spans="14:14">
      <c r="N343533" s="10"/>
    </row>
    <row r="343534" spans="14:14">
      <c r="N343534" s="10"/>
    </row>
    <row r="343535" spans="14:14">
      <c r="N343535" s="10"/>
    </row>
    <row r="343536" spans="14:14">
      <c r="N343536" s="10"/>
    </row>
    <row r="343537" spans="14:14">
      <c r="N343537" s="10"/>
    </row>
    <row r="343538" spans="14:14">
      <c r="N343538" s="10"/>
    </row>
    <row r="343539" spans="14:14">
      <c r="N343539" s="10"/>
    </row>
    <row r="343540" spans="14:14">
      <c r="N343540" s="10"/>
    </row>
    <row r="343541" spans="14:14">
      <c r="N343541" s="10"/>
    </row>
    <row r="343542" spans="14:14">
      <c r="N343542" s="10"/>
    </row>
    <row r="343543" spans="14:14">
      <c r="N343543" s="10"/>
    </row>
    <row r="343544" spans="14:14">
      <c r="N343544" s="10"/>
    </row>
    <row r="343545" spans="14:14">
      <c r="N343545" s="10"/>
    </row>
    <row r="343546" spans="14:14">
      <c r="N343546" s="10"/>
    </row>
    <row r="343547" spans="14:14">
      <c r="N343547" s="10"/>
    </row>
    <row r="343548" spans="14:14">
      <c r="N343548" s="10"/>
    </row>
    <row r="343549" spans="14:14">
      <c r="N343549" s="10"/>
    </row>
    <row r="343550" spans="14:14">
      <c r="N343550" s="10"/>
    </row>
    <row r="343551" spans="14:14">
      <c r="N343551" s="10"/>
    </row>
    <row r="343552" spans="14:14">
      <c r="N343552" s="10"/>
    </row>
    <row r="343553" spans="14:14">
      <c r="N343553" s="10"/>
    </row>
    <row r="343554" spans="14:14">
      <c r="N343554" s="10"/>
    </row>
    <row r="343555" spans="14:14">
      <c r="N343555" s="10"/>
    </row>
    <row r="343556" spans="14:14">
      <c r="N343556" s="10"/>
    </row>
    <row r="343557" spans="14:14">
      <c r="N343557" s="10"/>
    </row>
    <row r="343558" spans="14:14">
      <c r="N343558" s="10"/>
    </row>
    <row r="343559" spans="14:14">
      <c r="N343559" s="10"/>
    </row>
    <row r="343560" spans="14:14">
      <c r="N343560" s="10"/>
    </row>
    <row r="343561" spans="14:14">
      <c r="N343561" s="10"/>
    </row>
    <row r="343562" spans="14:14">
      <c r="N343562" s="10"/>
    </row>
    <row r="343563" spans="14:14">
      <c r="N343563" s="10"/>
    </row>
    <row r="343564" spans="14:14">
      <c r="N343564" s="10"/>
    </row>
    <row r="343565" spans="14:14">
      <c r="N343565" s="10"/>
    </row>
    <row r="343566" spans="14:14">
      <c r="N343566" s="10"/>
    </row>
    <row r="343567" spans="14:14">
      <c r="N343567" s="10"/>
    </row>
    <row r="343568" spans="14:14">
      <c r="N343568" s="10"/>
    </row>
    <row r="343569" spans="14:14">
      <c r="N343569" s="10"/>
    </row>
    <row r="343570" spans="14:14">
      <c r="N343570" s="10"/>
    </row>
    <row r="343571" spans="14:14">
      <c r="N343571" s="10"/>
    </row>
    <row r="343572" spans="14:14">
      <c r="N343572" s="10"/>
    </row>
    <row r="343573" spans="14:14">
      <c r="N343573" s="10"/>
    </row>
    <row r="343574" spans="14:14">
      <c r="N343574" s="10"/>
    </row>
    <row r="343575" spans="14:14">
      <c r="N343575" s="10"/>
    </row>
    <row r="343576" spans="14:14">
      <c r="N343576" s="10"/>
    </row>
    <row r="343577" spans="14:14">
      <c r="N343577" s="10"/>
    </row>
    <row r="343578" spans="14:14">
      <c r="N343578" s="10"/>
    </row>
    <row r="343579" spans="14:14">
      <c r="N343579" s="10"/>
    </row>
    <row r="343580" spans="14:14">
      <c r="N343580" s="10"/>
    </row>
    <row r="343581" spans="14:14">
      <c r="N343581" s="10"/>
    </row>
    <row r="343582" spans="14:14">
      <c r="N343582" s="10"/>
    </row>
    <row r="343583" spans="14:14">
      <c r="N343583" s="10"/>
    </row>
    <row r="343584" spans="14:14">
      <c r="N343584" s="10"/>
    </row>
    <row r="343585" spans="14:14">
      <c r="N343585" s="10"/>
    </row>
    <row r="343586" spans="14:14">
      <c r="N343586" s="10"/>
    </row>
    <row r="343587" spans="14:14">
      <c r="N343587" s="10"/>
    </row>
    <row r="343588" spans="14:14">
      <c r="N343588" s="10"/>
    </row>
    <row r="343589" spans="14:14">
      <c r="N343589" s="10"/>
    </row>
    <row r="343590" spans="14:14">
      <c r="N343590" s="10"/>
    </row>
    <row r="343591" spans="14:14">
      <c r="N343591" s="10"/>
    </row>
    <row r="343592" spans="14:14">
      <c r="N343592" s="10"/>
    </row>
    <row r="343593" spans="14:14">
      <c r="N343593" s="10"/>
    </row>
    <row r="343594" spans="14:14">
      <c r="N343594" s="10"/>
    </row>
    <row r="343595" spans="14:14">
      <c r="N343595" s="10"/>
    </row>
    <row r="343596" spans="14:14">
      <c r="N343596" s="10"/>
    </row>
    <row r="343597" spans="14:14">
      <c r="N343597" s="10"/>
    </row>
    <row r="343598" spans="14:14">
      <c r="N343598" s="10"/>
    </row>
    <row r="343599" spans="14:14">
      <c r="N343599" s="10"/>
    </row>
    <row r="343600" spans="14:14">
      <c r="N343600" s="10"/>
    </row>
    <row r="343601" spans="14:14">
      <c r="N343601" s="10"/>
    </row>
    <row r="343602" spans="14:14">
      <c r="N343602" s="10"/>
    </row>
    <row r="343603" spans="14:14">
      <c r="N343603" s="10"/>
    </row>
    <row r="343604" spans="14:14">
      <c r="N343604" s="10"/>
    </row>
    <row r="343605" spans="14:14">
      <c r="N343605" s="10"/>
    </row>
    <row r="343606" spans="14:14">
      <c r="N343606" s="10"/>
    </row>
    <row r="343607" spans="14:14">
      <c r="N343607" s="10"/>
    </row>
    <row r="343608" spans="14:14">
      <c r="N343608" s="10"/>
    </row>
    <row r="343609" spans="14:14">
      <c r="N343609" s="10"/>
    </row>
    <row r="343610" spans="14:14">
      <c r="N343610" s="10"/>
    </row>
    <row r="343611" spans="14:14">
      <c r="N343611" s="10"/>
    </row>
    <row r="343612" spans="14:14">
      <c r="N343612" s="10"/>
    </row>
    <row r="343613" spans="14:14">
      <c r="N343613" s="10"/>
    </row>
    <row r="343614" spans="14:14">
      <c r="N343614" s="10"/>
    </row>
    <row r="343615" spans="14:14">
      <c r="N343615" s="10"/>
    </row>
    <row r="343616" spans="14:14">
      <c r="N343616" s="10"/>
    </row>
    <row r="343617" spans="14:14">
      <c r="N343617" s="10"/>
    </row>
    <row r="343618" spans="14:14">
      <c r="N343618" s="10"/>
    </row>
    <row r="343619" spans="14:14">
      <c r="N343619" s="10"/>
    </row>
    <row r="343620" spans="14:14">
      <c r="N343620" s="10"/>
    </row>
    <row r="343621" spans="14:14">
      <c r="N343621" s="10"/>
    </row>
    <row r="343622" spans="14:14">
      <c r="N343622" s="10"/>
    </row>
    <row r="343623" spans="14:14">
      <c r="N343623" s="10"/>
    </row>
    <row r="343624" spans="14:14">
      <c r="N343624" s="10"/>
    </row>
    <row r="343625" spans="14:14">
      <c r="N343625" s="10"/>
    </row>
    <row r="343626" spans="14:14">
      <c r="N343626" s="10"/>
    </row>
    <row r="343627" spans="14:14">
      <c r="N343627" s="10"/>
    </row>
    <row r="343628" spans="14:14">
      <c r="N343628" s="10"/>
    </row>
    <row r="343629" spans="14:14">
      <c r="N343629" s="10"/>
    </row>
    <row r="343630" spans="14:14">
      <c r="N343630" s="10"/>
    </row>
    <row r="343631" spans="14:14">
      <c r="N343631" s="10"/>
    </row>
    <row r="343632" spans="14:14">
      <c r="N343632" s="10"/>
    </row>
    <row r="343633" spans="14:14">
      <c r="N343633" s="10"/>
    </row>
    <row r="343634" spans="14:14">
      <c r="N343634" s="10"/>
    </row>
    <row r="343635" spans="14:14">
      <c r="N343635" s="10"/>
    </row>
    <row r="343636" spans="14:14">
      <c r="N343636" s="10"/>
    </row>
    <row r="343637" spans="14:14">
      <c r="N343637" s="10"/>
    </row>
    <row r="343638" spans="14:14">
      <c r="N343638" s="10"/>
    </row>
    <row r="343639" spans="14:14">
      <c r="N343639" s="10"/>
    </row>
    <row r="343640" spans="14:14">
      <c r="N343640" s="10"/>
    </row>
    <row r="343641" spans="14:14">
      <c r="N343641" s="10"/>
    </row>
    <row r="343642" spans="14:14">
      <c r="N343642" s="10"/>
    </row>
    <row r="343643" spans="14:14">
      <c r="N343643" s="10"/>
    </row>
    <row r="343644" spans="14:14">
      <c r="N343644" s="10"/>
    </row>
    <row r="343645" spans="14:14">
      <c r="N343645" s="10"/>
    </row>
    <row r="343646" spans="14:14">
      <c r="N343646" s="10"/>
    </row>
    <row r="343647" spans="14:14">
      <c r="N343647" s="10"/>
    </row>
    <row r="343648" spans="14:14">
      <c r="N343648" s="10"/>
    </row>
    <row r="343649" spans="14:14">
      <c r="N343649" s="10"/>
    </row>
    <row r="343650" spans="14:14">
      <c r="N343650" s="10"/>
    </row>
    <row r="343651" spans="14:14">
      <c r="N343651" s="10"/>
    </row>
    <row r="343652" spans="14:14">
      <c r="N343652" s="10"/>
    </row>
    <row r="343653" spans="14:14">
      <c r="N343653" s="10"/>
    </row>
    <row r="343654" spans="14:14">
      <c r="N343654" s="10"/>
    </row>
    <row r="343655" spans="14:14">
      <c r="N343655" s="10"/>
    </row>
    <row r="343656" spans="14:14">
      <c r="N343656" s="10"/>
    </row>
    <row r="343657" spans="14:14">
      <c r="N343657" s="10"/>
    </row>
    <row r="343658" spans="14:14">
      <c r="N343658" s="10"/>
    </row>
    <row r="343659" spans="14:14">
      <c r="N343659" s="10"/>
    </row>
    <row r="343660" spans="14:14">
      <c r="N343660" s="10"/>
    </row>
    <row r="343661" spans="14:14">
      <c r="N343661" s="10"/>
    </row>
    <row r="343662" spans="14:14">
      <c r="N343662" s="10"/>
    </row>
    <row r="343663" spans="14:14">
      <c r="N343663" s="10"/>
    </row>
    <row r="343664" spans="14:14">
      <c r="N343664" s="10"/>
    </row>
    <row r="343665" spans="14:14">
      <c r="N343665" s="10"/>
    </row>
    <row r="343666" spans="14:14">
      <c r="N343666" s="10"/>
    </row>
    <row r="343667" spans="14:14">
      <c r="N343667" s="10"/>
    </row>
    <row r="343668" spans="14:14">
      <c r="N343668" s="10"/>
    </row>
    <row r="343669" spans="14:14">
      <c r="N343669" s="10"/>
    </row>
    <row r="343670" spans="14:14">
      <c r="N343670" s="10"/>
    </row>
    <row r="343671" spans="14:14">
      <c r="N343671" s="10"/>
    </row>
    <row r="343672" spans="14:14">
      <c r="N343672" s="10"/>
    </row>
    <row r="343673" spans="14:14">
      <c r="N343673" s="10"/>
    </row>
    <row r="343674" spans="14:14">
      <c r="N343674" s="10"/>
    </row>
    <row r="343675" spans="14:14">
      <c r="N343675" s="10"/>
    </row>
    <row r="343676" spans="14:14">
      <c r="N343676" s="10"/>
    </row>
    <row r="343677" spans="14:14">
      <c r="N343677" s="10"/>
    </row>
    <row r="343678" spans="14:14">
      <c r="N343678" s="10"/>
    </row>
    <row r="343679" spans="14:14">
      <c r="N343679" s="10"/>
    </row>
    <row r="343680" spans="14:14">
      <c r="N343680" s="10"/>
    </row>
    <row r="343681" spans="14:14">
      <c r="N343681" s="10"/>
    </row>
    <row r="343682" spans="14:14">
      <c r="N343682" s="10"/>
    </row>
    <row r="343683" spans="14:14">
      <c r="N343683" s="10"/>
    </row>
    <row r="343684" spans="14:14">
      <c r="N343684" s="10"/>
    </row>
    <row r="343685" spans="14:14">
      <c r="N343685" s="10"/>
    </row>
    <row r="343686" spans="14:14">
      <c r="N343686" s="10"/>
    </row>
    <row r="343687" spans="14:14">
      <c r="N343687" s="10"/>
    </row>
    <row r="343688" spans="14:14">
      <c r="N343688" s="10"/>
    </row>
    <row r="343689" spans="14:14">
      <c r="N343689" s="10"/>
    </row>
    <row r="343690" spans="14:14">
      <c r="N343690" s="10"/>
    </row>
    <row r="343691" spans="14:14">
      <c r="N343691" s="10"/>
    </row>
    <row r="343692" spans="14:14">
      <c r="N343692" s="10"/>
    </row>
    <row r="343693" spans="14:14">
      <c r="N343693" s="10"/>
    </row>
    <row r="343694" spans="14:14">
      <c r="N343694" s="10"/>
    </row>
    <row r="343695" spans="14:14">
      <c r="N343695" s="10"/>
    </row>
    <row r="343696" spans="14:14">
      <c r="N343696" s="10"/>
    </row>
    <row r="343697" spans="14:14">
      <c r="N343697" s="10"/>
    </row>
    <row r="343698" spans="14:14">
      <c r="N343698" s="10"/>
    </row>
    <row r="343699" spans="14:14">
      <c r="N343699" s="10"/>
    </row>
    <row r="343700" spans="14:14">
      <c r="N343700" s="10"/>
    </row>
    <row r="343701" spans="14:14">
      <c r="N343701" s="10"/>
    </row>
    <row r="343702" spans="14:14">
      <c r="N343702" s="10"/>
    </row>
    <row r="343703" spans="14:14">
      <c r="N343703" s="10"/>
    </row>
    <row r="343704" spans="14:14">
      <c r="N343704" s="10"/>
    </row>
    <row r="343705" spans="14:14">
      <c r="N343705" s="10"/>
    </row>
    <row r="343706" spans="14:14">
      <c r="N343706" s="10"/>
    </row>
    <row r="343707" spans="14:14">
      <c r="N343707" s="10"/>
    </row>
    <row r="343708" spans="14:14">
      <c r="N343708" s="10"/>
    </row>
    <row r="343709" spans="14:14">
      <c r="N343709" s="10"/>
    </row>
    <row r="343710" spans="14:14">
      <c r="N343710" s="10"/>
    </row>
    <row r="343711" spans="14:14">
      <c r="N343711" s="10"/>
    </row>
    <row r="343712" spans="14:14">
      <c r="N343712" s="10"/>
    </row>
    <row r="343713" spans="14:14">
      <c r="N343713" s="10"/>
    </row>
    <row r="343714" spans="14:14">
      <c r="N343714" s="10"/>
    </row>
    <row r="343715" spans="14:14">
      <c r="N343715" s="10"/>
    </row>
    <row r="343716" spans="14:14">
      <c r="N343716" s="10"/>
    </row>
    <row r="343717" spans="14:14">
      <c r="N343717" s="10"/>
    </row>
    <row r="343718" spans="14:14">
      <c r="N343718" s="10"/>
    </row>
    <row r="343719" spans="14:14">
      <c r="N343719" s="10"/>
    </row>
    <row r="343720" spans="14:14">
      <c r="N343720" s="10"/>
    </row>
    <row r="343721" spans="14:14">
      <c r="N343721" s="10"/>
    </row>
    <row r="343722" spans="14:14">
      <c r="N343722" s="10"/>
    </row>
    <row r="343723" spans="14:14">
      <c r="N343723" s="10"/>
    </row>
    <row r="343724" spans="14:14">
      <c r="N343724" s="10"/>
    </row>
    <row r="343725" spans="14:14">
      <c r="N343725" s="10"/>
    </row>
    <row r="343726" spans="14:14">
      <c r="N343726" s="10"/>
    </row>
    <row r="343727" spans="14:14">
      <c r="N343727" s="10"/>
    </row>
    <row r="343728" spans="14:14">
      <c r="N343728" s="10"/>
    </row>
    <row r="343729" spans="14:14">
      <c r="N343729" s="10"/>
    </row>
    <row r="343730" spans="14:14">
      <c r="N343730" s="10"/>
    </row>
    <row r="343731" spans="14:14">
      <c r="N343731" s="10"/>
    </row>
    <row r="343732" spans="14:14">
      <c r="N343732" s="10"/>
    </row>
    <row r="343733" spans="14:14">
      <c r="N343733" s="10"/>
    </row>
    <row r="343734" spans="14:14">
      <c r="N343734" s="10"/>
    </row>
    <row r="343735" spans="14:14">
      <c r="N343735" s="10"/>
    </row>
    <row r="343736" spans="14:14">
      <c r="N343736" s="10"/>
    </row>
    <row r="343737" spans="14:14">
      <c r="N343737" s="10"/>
    </row>
    <row r="343738" spans="14:14">
      <c r="N343738" s="10"/>
    </row>
    <row r="343739" spans="14:14">
      <c r="N343739" s="10"/>
    </row>
    <row r="343740" spans="14:14">
      <c r="N343740" s="10"/>
    </row>
    <row r="343741" spans="14:14">
      <c r="N343741" s="10"/>
    </row>
    <row r="343742" spans="14:14">
      <c r="N343742" s="10"/>
    </row>
    <row r="343743" spans="14:14">
      <c r="N343743" s="10"/>
    </row>
    <row r="343744" spans="14:14">
      <c r="N343744" s="10"/>
    </row>
    <row r="343745" spans="14:14">
      <c r="N343745" s="10"/>
    </row>
    <row r="343746" spans="14:14">
      <c r="N343746" s="10"/>
    </row>
    <row r="343747" spans="14:14">
      <c r="N343747" s="10"/>
    </row>
    <row r="343748" spans="14:14">
      <c r="N343748" s="10"/>
    </row>
    <row r="343749" spans="14:14">
      <c r="N343749" s="10"/>
    </row>
    <row r="343750" spans="14:14">
      <c r="N343750" s="10"/>
    </row>
    <row r="343751" spans="14:14">
      <c r="N343751" s="10"/>
    </row>
    <row r="343752" spans="14:14">
      <c r="N343752" s="10"/>
    </row>
    <row r="343753" spans="14:14">
      <c r="N343753" s="10"/>
    </row>
    <row r="343754" spans="14:14">
      <c r="N343754" s="10"/>
    </row>
    <row r="343755" spans="14:14">
      <c r="N343755" s="10"/>
    </row>
    <row r="343756" spans="14:14">
      <c r="N343756" s="10"/>
    </row>
    <row r="343757" spans="14:14">
      <c r="N343757" s="10"/>
    </row>
    <row r="343758" spans="14:14">
      <c r="N343758" s="10"/>
    </row>
    <row r="343759" spans="14:14">
      <c r="N343759" s="10"/>
    </row>
    <row r="343760" spans="14:14">
      <c r="N343760" s="10"/>
    </row>
    <row r="343761" spans="14:14">
      <c r="N343761" s="10"/>
    </row>
    <row r="343762" spans="14:14">
      <c r="N343762" s="10"/>
    </row>
    <row r="343763" spans="14:14">
      <c r="N343763" s="10"/>
    </row>
    <row r="343764" spans="14:14">
      <c r="N343764" s="10"/>
    </row>
    <row r="343765" spans="14:14">
      <c r="N343765" s="10"/>
    </row>
    <row r="343766" spans="14:14">
      <c r="N343766" s="10"/>
    </row>
    <row r="343767" spans="14:14">
      <c r="N343767" s="10"/>
    </row>
    <row r="343768" spans="14:14">
      <c r="N343768" s="10"/>
    </row>
    <row r="343769" spans="14:14">
      <c r="N343769" s="10"/>
    </row>
    <row r="343770" spans="14:14">
      <c r="N343770" s="10"/>
    </row>
    <row r="343771" spans="14:14">
      <c r="N343771" s="10"/>
    </row>
    <row r="343772" spans="14:14">
      <c r="N343772" s="10"/>
    </row>
    <row r="343773" spans="14:14">
      <c r="N343773" s="10"/>
    </row>
    <row r="343774" spans="14:14">
      <c r="N343774" s="10"/>
    </row>
    <row r="343775" spans="14:14">
      <c r="N343775" s="10"/>
    </row>
    <row r="343776" spans="14:14">
      <c r="N343776" s="10"/>
    </row>
    <row r="343777" spans="14:14">
      <c r="N343777" s="10"/>
    </row>
    <row r="343778" spans="14:14">
      <c r="N343778" s="10"/>
    </row>
    <row r="343779" spans="14:14">
      <c r="N343779" s="10"/>
    </row>
    <row r="343780" spans="14:14">
      <c r="N343780" s="10"/>
    </row>
    <row r="343781" spans="14:14">
      <c r="N343781" s="10"/>
    </row>
    <row r="343782" spans="14:14">
      <c r="N343782" s="10"/>
    </row>
    <row r="343783" spans="14:14">
      <c r="N343783" s="10"/>
    </row>
    <row r="343784" spans="14:14">
      <c r="N343784" s="10"/>
    </row>
    <row r="343785" spans="14:14">
      <c r="N343785" s="10"/>
    </row>
    <row r="343786" spans="14:14">
      <c r="N343786" s="10"/>
    </row>
    <row r="343787" spans="14:14">
      <c r="N343787" s="10"/>
    </row>
    <row r="343788" spans="14:14">
      <c r="N343788" s="10"/>
    </row>
    <row r="343789" spans="14:14">
      <c r="N343789" s="10"/>
    </row>
    <row r="343790" spans="14:14">
      <c r="N343790" s="10"/>
    </row>
    <row r="343791" spans="14:14">
      <c r="N343791" s="10"/>
    </row>
    <row r="343792" spans="14:14">
      <c r="N343792" s="10"/>
    </row>
    <row r="343793" spans="14:14">
      <c r="N343793" s="10"/>
    </row>
    <row r="343794" spans="14:14">
      <c r="N343794" s="10"/>
    </row>
    <row r="343795" spans="14:14">
      <c r="N343795" s="10"/>
    </row>
    <row r="343796" spans="14:14">
      <c r="N343796" s="10"/>
    </row>
    <row r="343797" spans="14:14">
      <c r="N343797" s="10"/>
    </row>
    <row r="343798" spans="14:14">
      <c r="N343798" s="10"/>
    </row>
    <row r="343799" spans="14:14">
      <c r="N343799" s="10"/>
    </row>
    <row r="343800" spans="14:14">
      <c r="N343800" s="10"/>
    </row>
    <row r="343801" spans="14:14">
      <c r="N343801" s="10"/>
    </row>
    <row r="343802" spans="14:14">
      <c r="N343802" s="10"/>
    </row>
    <row r="343803" spans="14:14">
      <c r="N343803" s="10"/>
    </row>
    <row r="343804" spans="14:14">
      <c r="N343804" s="10"/>
    </row>
    <row r="343805" spans="14:14">
      <c r="N343805" s="10"/>
    </row>
    <row r="343806" spans="14:14">
      <c r="N343806" s="10"/>
    </row>
    <row r="343807" spans="14:14">
      <c r="N343807" s="10"/>
    </row>
    <row r="343808" spans="14:14">
      <c r="N343808" s="10"/>
    </row>
    <row r="343809" spans="14:14">
      <c r="N343809" s="10"/>
    </row>
    <row r="343810" spans="14:14">
      <c r="N343810" s="10"/>
    </row>
    <row r="343811" spans="14:14">
      <c r="N343811" s="10"/>
    </row>
    <row r="343812" spans="14:14">
      <c r="N343812" s="10"/>
    </row>
    <row r="343813" spans="14:14">
      <c r="N343813" s="10"/>
    </row>
    <row r="343814" spans="14:14">
      <c r="N343814" s="10"/>
    </row>
    <row r="343815" spans="14:14">
      <c r="N343815" s="10"/>
    </row>
    <row r="343816" spans="14:14">
      <c r="N343816" s="10"/>
    </row>
    <row r="343817" spans="14:14">
      <c r="N343817" s="10"/>
    </row>
    <row r="343818" spans="14:14">
      <c r="N343818" s="10"/>
    </row>
    <row r="343819" spans="14:14">
      <c r="N343819" s="10"/>
    </row>
    <row r="343820" spans="14:14">
      <c r="N343820" s="10"/>
    </row>
    <row r="343821" spans="14:14">
      <c r="N343821" s="10"/>
    </row>
    <row r="343822" spans="14:14">
      <c r="N343822" s="10"/>
    </row>
    <row r="343823" spans="14:14">
      <c r="N343823" s="10"/>
    </row>
    <row r="343824" spans="14:14">
      <c r="N343824" s="10"/>
    </row>
    <row r="343825" spans="14:14">
      <c r="N343825" s="10"/>
    </row>
    <row r="343826" spans="14:14">
      <c r="N343826" s="10"/>
    </row>
    <row r="343827" spans="14:14">
      <c r="N343827" s="10"/>
    </row>
    <row r="343828" spans="14:14">
      <c r="N343828" s="10"/>
    </row>
    <row r="343829" spans="14:14">
      <c r="N343829" s="10"/>
    </row>
    <row r="343830" spans="14:14">
      <c r="N343830" s="10"/>
    </row>
    <row r="343831" spans="14:14">
      <c r="N343831" s="10"/>
    </row>
    <row r="343832" spans="14:14">
      <c r="N343832" s="10"/>
    </row>
    <row r="343833" spans="14:14">
      <c r="N343833" s="10"/>
    </row>
    <row r="343834" spans="14:14">
      <c r="N343834" s="10"/>
    </row>
    <row r="343835" spans="14:14">
      <c r="N343835" s="10"/>
    </row>
    <row r="343836" spans="14:14">
      <c r="N343836" s="10"/>
    </row>
    <row r="343837" spans="14:14">
      <c r="N343837" s="10"/>
    </row>
    <row r="343838" spans="14:14">
      <c r="N343838" s="10"/>
    </row>
    <row r="343839" spans="14:14">
      <c r="N343839" s="10"/>
    </row>
    <row r="343840" spans="14:14">
      <c r="N343840" s="10"/>
    </row>
    <row r="343841" spans="14:14">
      <c r="N343841" s="10"/>
    </row>
    <row r="343842" spans="14:14">
      <c r="N343842" s="10"/>
    </row>
    <row r="343843" spans="14:14">
      <c r="N343843" s="10"/>
    </row>
    <row r="343844" spans="14:14">
      <c r="N343844" s="10"/>
    </row>
    <row r="343845" spans="14:14">
      <c r="N343845" s="10"/>
    </row>
    <row r="343846" spans="14:14">
      <c r="N343846" s="10"/>
    </row>
    <row r="343847" spans="14:14">
      <c r="N343847" s="10"/>
    </row>
    <row r="343848" spans="14:14">
      <c r="N343848" s="10"/>
    </row>
    <row r="343849" spans="14:14">
      <c r="N343849" s="10"/>
    </row>
    <row r="343850" spans="14:14">
      <c r="N343850" s="10"/>
    </row>
    <row r="343851" spans="14:14">
      <c r="N343851" s="10"/>
    </row>
    <row r="343852" spans="14:14">
      <c r="N343852" s="10"/>
    </row>
    <row r="343853" spans="14:14">
      <c r="N343853" s="10"/>
    </row>
    <row r="343854" spans="14:14">
      <c r="N343854" s="10"/>
    </row>
    <row r="343855" spans="14:14">
      <c r="N343855" s="10"/>
    </row>
    <row r="343856" spans="14:14">
      <c r="N343856" s="10"/>
    </row>
    <row r="343857" spans="14:14">
      <c r="N343857" s="10"/>
    </row>
    <row r="343858" spans="14:14">
      <c r="N343858" s="10"/>
    </row>
    <row r="343859" spans="14:14">
      <c r="N343859" s="10"/>
    </row>
    <row r="343860" spans="14:14">
      <c r="N343860" s="10"/>
    </row>
    <row r="343861" spans="14:14">
      <c r="N343861" s="10"/>
    </row>
    <row r="343862" spans="14:14">
      <c r="N343862" s="10"/>
    </row>
    <row r="343863" spans="14:14">
      <c r="N343863" s="10"/>
    </row>
    <row r="343864" spans="14:14">
      <c r="N343864" s="10"/>
    </row>
    <row r="343865" spans="14:14">
      <c r="N343865" s="10"/>
    </row>
    <row r="343866" spans="14:14">
      <c r="N343866" s="10"/>
    </row>
    <row r="343867" spans="14:14">
      <c r="N343867" s="10"/>
    </row>
    <row r="343868" spans="14:14">
      <c r="N343868" s="10"/>
    </row>
    <row r="343869" spans="14:14">
      <c r="N343869" s="10"/>
    </row>
    <row r="343870" spans="14:14">
      <c r="N343870" s="10"/>
    </row>
    <row r="343871" spans="14:14">
      <c r="N343871" s="10"/>
    </row>
    <row r="343872" spans="14:14">
      <c r="N343872" s="10"/>
    </row>
    <row r="343873" spans="14:14">
      <c r="N343873" s="10"/>
    </row>
    <row r="343874" spans="14:14">
      <c r="N343874" s="10"/>
    </row>
    <row r="343875" spans="14:14">
      <c r="N343875" s="10"/>
    </row>
    <row r="343876" spans="14:14">
      <c r="N343876" s="10"/>
    </row>
    <row r="343877" spans="14:14">
      <c r="N343877" s="10"/>
    </row>
    <row r="343878" spans="14:14">
      <c r="N343878" s="10"/>
    </row>
    <row r="343879" spans="14:14">
      <c r="N343879" s="10"/>
    </row>
    <row r="343880" spans="14:14">
      <c r="N343880" s="10"/>
    </row>
    <row r="343881" spans="14:14">
      <c r="N343881" s="10"/>
    </row>
    <row r="343882" spans="14:14">
      <c r="N343882" s="10"/>
    </row>
    <row r="343883" spans="14:14">
      <c r="N343883" s="10"/>
    </row>
    <row r="343884" spans="14:14">
      <c r="N343884" s="10"/>
    </row>
    <row r="343885" spans="14:14">
      <c r="N343885" s="10"/>
    </row>
    <row r="343886" spans="14:14">
      <c r="N343886" s="10"/>
    </row>
    <row r="343887" spans="14:14">
      <c r="N343887" s="10"/>
    </row>
    <row r="343888" spans="14:14">
      <c r="N343888" s="10"/>
    </row>
    <row r="343889" spans="14:14">
      <c r="N343889" s="10"/>
    </row>
    <row r="343890" spans="14:14">
      <c r="N343890" s="10"/>
    </row>
    <row r="343891" spans="14:14">
      <c r="N343891" s="10"/>
    </row>
    <row r="343892" spans="14:14">
      <c r="N343892" s="10"/>
    </row>
    <row r="343893" spans="14:14">
      <c r="N343893" s="10"/>
    </row>
    <row r="343894" spans="14:14">
      <c r="N343894" s="10"/>
    </row>
    <row r="343895" spans="14:14">
      <c r="N343895" s="10"/>
    </row>
    <row r="343896" spans="14:14">
      <c r="N343896" s="10"/>
    </row>
    <row r="343897" spans="14:14">
      <c r="N343897" s="10"/>
    </row>
    <row r="343898" spans="14:14">
      <c r="N343898" s="10"/>
    </row>
    <row r="343899" spans="14:14">
      <c r="N343899" s="10"/>
    </row>
    <row r="343900" spans="14:14">
      <c r="N343900" s="10"/>
    </row>
    <row r="343901" spans="14:14">
      <c r="N343901" s="10"/>
    </row>
    <row r="343902" spans="14:14">
      <c r="N343902" s="10"/>
    </row>
    <row r="343903" spans="14:14">
      <c r="N343903" s="10"/>
    </row>
    <row r="343904" spans="14:14">
      <c r="N343904" s="10"/>
    </row>
    <row r="343905" spans="14:14">
      <c r="N343905" s="10"/>
    </row>
    <row r="343906" spans="14:14">
      <c r="N343906" s="10"/>
    </row>
    <row r="343907" spans="14:14">
      <c r="N343907" s="10"/>
    </row>
    <row r="343908" spans="14:14">
      <c r="N343908" s="10"/>
    </row>
    <row r="343909" spans="14:14">
      <c r="N343909" s="10"/>
    </row>
    <row r="343910" spans="14:14">
      <c r="N343910" s="10"/>
    </row>
    <row r="343911" spans="14:14">
      <c r="N343911" s="10"/>
    </row>
    <row r="343912" spans="14:14">
      <c r="N343912" s="10"/>
    </row>
    <row r="343913" spans="14:14">
      <c r="N343913" s="10"/>
    </row>
    <row r="343914" spans="14:14">
      <c r="N343914" s="10"/>
    </row>
    <row r="343915" spans="14:14">
      <c r="N343915" s="10"/>
    </row>
    <row r="343916" spans="14:14">
      <c r="N343916" s="10"/>
    </row>
    <row r="343917" spans="14:14">
      <c r="N343917" s="10"/>
    </row>
    <row r="343918" spans="14:14">
      <c r="N343918" s="10"/>
    </row>
    <row r="343919" spans="14:14">
      <c r="N343919" s="10"/>
    </row>
    <row r="343920" spans="14:14">
      <c r="N343920" s="10"/>
    </row>
    <row r="343921" spans="14:14">
      <c r="N343921" s="10"/>
    </row>
    <row r="343922" spans="14:14">
      <c r="N343922" s="10"/>
    </row>
    <row r="343923" spans="14:14">
      <c r="N343923" s="10"/>
    </row>
    <row r="343924" spans="14:14">
      <c r="N343924" s="10"/>
    </row>
    <row r="343925" spans="14:14">
      <c r="N343925" s="10"/>
    </row>
    <row r="343926" spans="14:14">
      <c r="N343926" s="10"/>
    </row>
    <row r="343927" spans="14:14">
      <c r="N343927" s="10"/>
    </row>
    <row r="343928" spans="14:14">
      <c r="N343928" s="10"/>
    </row>
    <row r="343929" spans="14:14">
      <c r="N343929" s="10"/>
    </row>
    <row r="343930" spans="14:14">
      <c r="N343930" s="10"/>
    </row>
    <row r="343931" spans="14:14">
      <c r="N343931" s="10"/>
    </row>
    <row r="343932" spans="14:14">
      <c r="N343932" s="10"/>
    </row>
    <row r="343933" spans="14:14">
      <c r="N343933" s="10"/>
    </row>
    <row r="343934" spans="14:14">
      <c r="N343934" s="10"/>
    </row>
    <row r="343935" spans="14:14">
      <c r="N343935" s="10"/>
    </row>
    <row r="343936" spans="14:14">
      <c r="N343936" s="10"/>
    </row>
    <row r="343937" spans="14:14">
      <c r="N343937" s="10"/>
    </row>
    <row r="343938" spans="14:14">
      <c r="N343938" s="10"/>
    </row>
    <row r="343939" spans="14:14">
      <c r="N343939" s="10"/>
    </row>
    <row r="343940" spans="14:14">
      <c r="N343940" s="10"/>
    </row>
    <row r="343941" spans="14:14">
      <c r="N343941" s="10"/>
    </row>
    <row r="343942" spans="14:14">
      <c r="N343942" s="10"/>
    </row>
    <row r="343943" spans="14:14">
      <c r="N343943" s="10"/>
    </row>
    <row r="343944" spans="14:14">
      <c r="N343944" s="10"/>
    </row>
    <row r="343945" spans="14:14">
      <c r="N343945" s="10"/>
    </row>
    <row r="343946" spans="14:14">
      <c r="N343946" s="10"/>
    </row>
    <row r="343947" spans="14:14">
      <c r="N343947" s="10"/>
    </row>
    <row r="343948" spans="14:14">
      <c r="N343948" s="10"/>
    </row>
    <row r="343949" spans="14:14">
      <c r="N343949" s="10"/>
    </row>
    <row r="343950" spans="14:14">
      <c r="N343950" s="10"/>
    </row>
    <row r="343951" spans="14:14">
      <c r="N343951" s="10"/>
    </row>
    <row r="343952" spans="14:14">
      <c r="N343952" s="10"/>
    </row>
    <row r="343953" spans="14:14">
      <c r="N343953" s="10"/>
    </row>
    <row r="343954" spans="14:14">
      <c r="N343954" s="10"/>
    </row>
    <row r="343955" spans="14:14">
      <c r="N343955" s="10"/>
    </row>
    <row r="343956" spans="14:14">
      <c r="N343956" s="10"/>
    </row>
    <row r="343957" spans="14:14">
      <c r="N343957" s="10"/>
    </row>
    <row r="343958" spans="14:14">
      <c r="N343958" s="10"/>
    </row>
    <row r="343959" spans="14:14">
      <c r="N343959" s="10"/>
    </row>
    <row r="343960" spans="14:14">
      <c r="N343960" s="10"/>
    </row>
    <row r="343961" spans="14:14">
      <c r="N343961" s="10"/>
    </row>
    <row r="343962" spans="14:14">
      <c r="N343962" s="10"/>
    </row>
    <row r="343963" spans="14:14">
      <c r="N343963" s="10"/>
    </row>
    <row r="343964" spans="14:14">
      <c r="N343964" s="10"/>
    </row>
    <row r="343965" spans="14:14">
      <c r="N343965" s="10"/>
    </row>
    <row r="343966" spans="14:14">
      <c r="N343966" s="10"/>
    </row>
    <row r="343967" spans="14:14">
      <c r="N343967" s="10"/>
    </row>
    <row r="343968" spans="14:14">
      <c r="N343968" s="10"/>
    </row>
    <row r="343969" spans="14:14">
      <c r="N343969" s="10"/>
    </row>
    <row r="343970" spans="14:14">
      <c r="N343970" s="10"/>
    </row>
    <row r="343971" spans="14:14">
      <c r="N343971" s="10"/>
    </row>
    <row r="343972" spans="14:14">
      <c r="N343972" s="10"/>
    </row>
    <row r="343973" spans="14:14">
      <c r="N343973" s="10"/>
    </row>
    <row r="343974" spans="14:14">
      <c r="N343974" s="10"/>
    </row>
    <row r="343975" spans="14:14">
      <c r="N343975" s="10"/>
    </row>
    <row r="343976" spans="14:14">
      <c r="N343976" s="10"/>
    </row>
    <row r="343977" spans="14:14">
      <c r="N343977" s="10"/>
    </row>
    <row r="343978" spans="14:14">
      <c r="N343978" s="10"/>
    </row>
    <row r="343979" spans="14:14">
      <c r="N343979" s="10"/>
    </row>
    <row r="343980" spans="14:14">
      <c r="N343980" s="10"/>
    </row>
    <row r="343981" spans="14:14">
      <c r="N343981" s="10"/>
    </row>
    <row r="343982" spans="14:14">
      <c r="N343982" s="10"/>
    </row>
    <row r="343983" spans="14:14">
      <c r="N343983" s="10"/>
    </row>
    <row r="343984" spans="14:14">
      <c r="N343984" s="10"/>
    </row>
    <row r="343985" spans="14:14">
      <c r="N343985" s="10"/>
    </row>
    <row r="343986" spans="14:14">
      <c r="N343986" s="10"/>
    </row>
    <row r="343987" spans="14:14">
      <c r="N343987" s="10"/>
    </row>
    <row r="343988" spans="14:14">
      <c r="N343988" s="10"/>
    </row>
    <row r="343989" spans="14:14">
      <c r="N343989" s="10"/>
    </row>
    <row r="343990" spans="14:14">
      <c r="N343990" s="10"/>
    </row>
    <row r="343991" spans="14:14">
      <c r="N343991" s="10"/>
    </row>
    <row r="343992" spans="14:14">
      <c r="N343992" s="10"/>
    </row>
    <row r="343993" spans="14:14">
      <c r="N343993" s="10"/>
    </row>
    <row r="343994" spans="14:14">
      <c r="N343994" s="10"/>
    </row>
    <row r="343995" spans="14:14">
      <c r="N343995" s="10"/>
    </row>
    <row r="343996" spans="14:14">
      <c r="N343996" s="10"/>
    </row>
    <row r="343997" spans="14:14">
      <c r="N343997" s="10"/>
    </row>
    <row r="343998" spans="14:14">
      <c r="N343998" s="10"/>
    </row>
    <row r="343999" spans="14:14">
      <c r="N343999" s="10"/>
    </row>
    <row r="344000" spans="14:14">
      <c r="N344000" s="10"/>
    </row>
    <row r="344001" spans="14:14">
      <c r="N344001" s="10"/>
    </row>
    <row r="344002" spans="14:14">
      <c r="N344002" s="10"/>
    </row>
    <row r="344003" spans="14:14">
      <c r="N344003" s="10"/>
    </row>
    <row r="344004" spans="14:14">
      <c r="N344004" s="10"/>
    </row>
    <row r="344005" spans="14:14">
      <c r="N344005" s="10"/>
    </row>
    <row r="344006" spans="14:14">
      <c r="N344006" s="10"/>
    </row>
    <row r="344007" spans="14:14">
      <c r="N344007" s="10"/>
    </row>
    <row r="344008" spans="14:14">
      <c r="N344008" s="10"/>
    </row>
    <row r="344009" spans="14:14">
      <c r="N344009" s="10"/>
    </row>
    <row r="344010" spans="14:14">
      <c r="N344010" s="10"/>
    </row>
    <row r="344011" spans="14:14">
      <c r="N344011" s="10"/>
    </row>
    <row r="344012" spans="14:14">
      <c r="N344012" s="10"/>
    </row>
    <row r="344013" spans="14:14">
      <c r="N344013" s="10"/>
    </row>
    <row r="344014" spans="14:14">
      <c r="N344014" s="10"/>
    </row>
    <row r="344015" spans="14:14">
      <c r="N344015" s="10"/>
    </row>
    <row r="344016" spans="14:14">
      <c r="N344016" s="10"/>
    </row>
    <row r="344017" spans="14:14">
      <c r="N344017" s="10"/>
    </row>
    <row r="344018" spans="14:14">
      <c r="N344018" s="10"/>
    </row>
    <row r="344019" spans="14:14">
      <c r="N344019" s="10"/>
    </row>
    <row r="344020" spans="14:14">
      <c r="N344020" s="10"/>
    </row>
    <row r="344021" spans="14:14">
      <c r="N344021" s="10"/>
    </row>
    <row r="344022" spans="14:14">
      <c r="N344022" s="10"/>
    </row>
    <row r="344023" spans="14:14">
      <c r="N344023" s="10"/>
    </row>
    <row r="344024" spans="14:14">
      <c r="N344024" s="10"/>
    </row>
    <row r="344025" spans="14:14">
      <c r="N344025" s="10"/>
    </row>
    <row r="344026" spans="14:14">
      <c r="N344026" s="10"/>
    </row>
    <row r="344027" spans="14:14">
      <c r="N344027" s="10"/>
    </row>
    <row r="344028" spans="14:14">
      <c r="N344028" s="10"/>
    </row>
    <row r="344029" spans="14:14">
      <c r="N344029" s="10"/>
    </row>
    <row r="344030" spans="14:14">
      <c r="N344030" s="10"/>
    </row>
    <row r="344031" spans="14:14">
      <c r="N344031" s="10"/>
    </row>
    <row r="344032" spans="14:14">
      <c r="N344032" s="10"/>
    </row>
    <row r="344033" spans="14:14">
      <c r="N344033" s="10"/>
    </row>
    <row r="344034" spans="14:14">
      <c r="N344034" s="10"/>
    </row>
    <row r="344035" spans="14:14">
      <c r="N344035" s="10"/>
    </row>
    <row r="344036" spans="14:14">
      <c r="N344036" s="10"/>
    </row>
    <row r="344037" spans="14:14">
      <c r="N344037" s="10"/>
    </row>
    <row r="344038" spans="14:14">
      <c r="N344038" s="10"/>
    </row>
    <row r="344039" spans="14:14">
      <c r="N344039" s="10"/>
    </row>
    <row r="344040" spans="14:14">
      <c r="N344040" s="10"/>
    </row>
    <row r="344041" spans="14:14">
      <c r="N344041" s="10"/>
    </row>
    <row r="344042" spans="14:14">
      <c r="N344042" s="10"/>
    </row>
    <row r="344043" spans="14:14">
      <c r="N344043" s="10"/>
    </row>
    <row r="344044" spans="14:14">
      <c r="N344044" s="10"/>
    </row>
    <row r="344045" spans="14:14">
      <c r="N344045" s="10"/>
    </row>
    <row r="344046" spans="14:14">
      <c r="N344046" s="10"/>
    </row>
    <row r="344047" spans="14:14">
      <c r="N344047" s="10"/>
    </row>
    <row r="344048" spans="14:14">
      <c r="N344048" s="10"/>
    </row>
    <row r="344049" spans="14:14">
      <c r="N344049" s="10"/>
    </row>
    <row r="344050" spans="14:14">
      <c r="N344050" s="10"/>
    </row>
    <row r="344051" spans="14:14">
      <c r="N344051" s="10"/>
    </row>
    <row r="344052" spans="14:14">
      <c r="N344052" s="10"/>
    </row>
    <row r="344053" spans="14:14">
      <c r="N344053" s="10"/>
    </row>
    <row r="344054" spans="14:14">
      <c r="N344054" s="10"/>
    </row>
    <row r="344055" spans="14:14">
      <c r="N344055" s="10"/>
    </row>
    <row r="344056" spans="14:14">
      <c r="N344056" s="10"/>
    </row>
    <row r="344057" spans="14:14">
      <c r="N344057" s="10"/>
    </row>
    <row r="344058" spans="14:14">
      <c r="N344058" s="10"/>
    </row>
    <row r="344059" spans="14:14">
      <c r="N344059" s="10"/>
    </row>
    <row r="344060" spans="14:14">
      <c r="N344060" s="10"/>
    </row>
    <row r="344061" spans="14:14">
      <c r="N344061" s="10"/>
    </row>
    <row r="344062" spans="14:14">
      <c r="N344062" s="10"/>
    </row>
    <row r="344063" spans="14:14">
      <c r="N344063" s="10"/>
    </row>
    <row r="344064" spans="14:14">
      <c r="N344064" s="10"/>
    </row>
    <row r="344065" spans="14:14">
      <c r="N344065" s="10"/>
    </row>
    <row r="344066" spans="14:14">
      <c r="N344066" s="10"/>
    </row>
    <row r="344067" spans="14:14">
      <c r="N344067" s="10"/>
    </row>
    <row r="344068" spans="14:14">
      <c r="N344068" s="10"/>
    </row>
    <row r="344069" spans="14:14">
      <c r="N344069" s="10"/>
    </row>
    <row r="344070" spans="14:14">
      <c r="N344070" s="10"/>
    </row>
    <row r="344071" spans="14:14">
      <c r="N344071" s="10"/>
    </row>
    <row r="344072" spans="14:14">
      <c r="N344072" s="10"/>
    </row>
    <row r="344073" spans="14:14">
      <c r="N344073" s="10"/>
    </row>
    <row r="344074" spans="14:14">
      <c r="N344074" s="10"/>
    </row>
    <row r="344075" spans="14:14">
      <c r="N344075" s="10"/>
    </row>
    <row r="344076" spans="14:14">
      <c r="N344076" s="10"/>
    </row>
    <row r="344077" spans="14:14">
      <c r="N344077" s="10"/>
    </row>
    <row r="344078" spans="14:14">
      <c r="N344078" s="10"/>
    </row>
    <row r="344079" spans="14:14">
      <c r="N344079" s="10"/>
    </row>
    <row r="344080" spans="14:14">
      <c r="N344080" s="10"/>
    </row>
    <row r="344081" spans="14:14">
      <c r="N344081" s="10"/>
    </row>
    <row r="344082" spans="14:14">
      <c r="N344082" s="10"/>
    </row>
    <row r="344083" spans="14:14">
      <c r="N344083" s="10"/>
    </row>
    <row r="344084" spans="14:14">
      <c r="N344084" s="10"/>
    </row>
    <row r="344085" spans="14:14">
      <c r="N344085" s="10"/>
    </row>
    <row r="344086" spans="14:14">
      <c r="N344086" s="10"/>
    </row>
    <row r="344087" spans="14:14">
      <c r="N344087" s="10"/>
    </row>
    <row r="344088" spans="14:14">
      <c r="N344088" s="10"/>
    </row>
    <row r="344089" spans="14:14">
      <c r="N344089" s="10"/>
    </row>
    <row r="344090" spans="14:14">
      <c r="N344090" s="10"/>
    </row>
    <row r="344091" spans="14:14">
      <c r="N344091" s="10"/>
    </row>
    <row r="344092" spans="14:14">
      <c r="N344092" s="10"/>
    </row>
    <row r="344093" spans="14:14">
      <c r="N344093" s="10"/>
    </row>
    <row r="344094" spans="14:14">
      <c r="N344094" s="10"/>
    </row>
    <row r="344095" spans="14:14">
      <c r="N344095" s="10"/>
    </row>
    <row r="344096" spans="14:14">
      <c r="N344096" s="10"/>
    </row>
    <row r="344097" spans="14:14">
      <c r="N344097" s="10"/>
    </row>
    <row r="344098" spans="14:14">
      <c r="N344098" s="10"/>
    </row>
    <row r="344099" spans="14:14">
      <c r="N344099" s="10"/>
    </row>
    <row r="344100" spans="14:14">
      <c r="N344100" s="10"/>
    </row>
    <row r="344101" spans="14:14">
      <c r="N344101" s="10"/>
    </row>
    <row r="344102" spans="14:14">
      <c r="N344102" s="10"/>
    </row>
    <row r="344103" spans="14:14">
      <c r="N344103" s="10"/>
    </row>
    <row r="344104" spans="14:14">
      <c r="N344104" s="10"/>
    </row>
    <row r="344105" spans="14:14">
      <c r="N344105" s="10"/>
    </row>
    <row r="344106" spans="14:14">
      <c r="N344106" s="10"/>
    </row>
    <row r="344107" spans="14:14">
      <c r="N344107" s="10"/>
    </row>
    <row r="344108" spans="14:14">
      <c r="N344108" s="10"/>
    </row>
    <row r="344109" spans="14:14">
      <c r="N344109" s="10"/>
    </row>
    <row r="344110" spans="14:14">
      <c r="N344110" s="10"/>
    </row>
    <row r="344111" spans="14:14">
      <c r="N344111" s="10"/>
    </row>
    <row r="344112" spans="14:14">
      <c r="N344112" s="10"/>
    </row>
    <row r="344113" spans="14:14">
      <c r="N344113" s="10"/>
    </row>
    <row r="344114" spans="14:14">
      <c r="N344114" s="10"/>
    </row>
    <row r="344115" spans="14:14">
      <c r="N344115" s="10"/>
    </row>
    <row r="344116" spans="14:14">
      <c r="N344116" s="10"/>
    </row>
    <row r="344117" spans="14:14">
      <c r="N344117" s="10"/>
    </row>
    <row r="344118" spans="14:14">
      <c r="N344118" s="10"/>
    </row>
    <row r="344119" spans="14:14">
      <c r="N344119" s="10"/>
    </row>
    <row r="344120" spans="14:14">
      <c r="N344120" s="10"/>
    </row>
    <row r="344121" spans="14:14">
      <c r="N344121" s="10"/>
    </row>
    <row r="344122" spans="14:14">
      <c r="N344122" s="10"/>
    </row>
    <row r="344123" spans="14:14">
      <c r="N344123" s="10"/>
    </row>
    <row r="344124" spans="14:14">
      <c r="N344124" s="10"/>
    </row>
    <row r="344125" spans="14:14">
      <c r="N344125" s="10"/>
    </row>
    <row r="344126" spans="14:14">
      <c r="N344126" s="10"/>
    </row>
    <row r="344127" spans="14:14">
      <c r="N344127" s="10"/>
    </row>
    <row r="344128" spans="14:14">
      <c r="N344128" s="10"/>
    </row>
    <row r="344129" spans="14:14">
      <c r="N344129" s="10"/>
    </row>
    <row r="344130" spans="14:14">
      <c r="N344130" s="10"/>
    </row>
    <row r="344131" spans="14:14">
      <c r="N344131" s="10"/>
    </row>
    <row r="344132" spans="14:14">
      <c r="N344132" s="10"/>
    </row>
    <row r="344133" spans="14:14">
      <c r="N344133" s="10"/>
    </row>
    <row r="344134" spans="14:14">
      <c r="N344134" s="10"/>
    </row>
    <row r="344135" spans="14:14">
      <c r="N344135" s="10"/>
    </row>
    <row r="344136" spans="14:14">
      <c r="N344136" s="10"/>
    </row>
    <row r="344137" spans="14:14">
      <c r="N344137" s="10"/>
    </row>
    <row r="344138" spans="14:14">
      <c r="N344138" s="10"/>
    </row>
    <row r="344139" spans="14:14">
      <c r="N344139" s="10"/>
    </row>
    <row r="344140" spans="14:14">
      <c r="N344140" s="10"/>
    </row>
    <row r="344141" spans="14:14">
      <c r="N344141" s="10"/>
    </row>
    <row r="344142" spans="14:14">
      <c r="N344142" s="10"/>
    </row>
    <row r="344143" spans="14:14">
      <c r="N344143" s="10"/>
    </row>
    <row r="344144" spans="14:14">
      <c r="N344144" s="10"/>
    </row>
    <row r="344145" spans="14:14">
      <c r="N344145" s="10"/>
    </row>
    <row r="344146" spans="14:14">
      <c r="N344146" s="10"/>
    </row>
    <row r="344147" spans="14:14">
      <c r="N344147" s="10"/>
    </row>
    <row r="344148" spans="14:14">
      <c r="N344148" s="10"/>
    </row>
    <row r="344149" spans="14:14">
      <c r="N344149" s="10"/>
    </row>
    <row r="344150" spans="14:14">
      <c r="N344150" s="10"/>
    </row>
    <row r="344151" spans="14:14">
      <c r="N344151" s="10"/>
    </row>
    <row r="344152" spans="14:14">
      <c r="N344152" s="10"/>
    </row>
    <row r="344153" spans="14:14">
      <c r="N344153" s="10"/>
    </row>
    <row r="344154" spans="14:14">
      <c r="N344154" s="10"/>
    </row>
    <row r="344155" spans="14:14">
      <c r="N344155" s="10"/>
    </row>
    <row r="344156" spans="14:14">
      <c r="N344156" s="10"/>
    </row>
    <row r="344157" spans="14:14">
      <c r="N344157" s="10"/>
    </row>
    <row r="344158" spans="14:14">
      <c r="N344158" s="10"/>
    </row>
    <row r="344159" spans="14:14">
      <c r="N344159" s="10"/>
    </row>
    <row r="344160" spans="14:14">
      <c r="N344160" s="10"/>
    </row>
    <row r="344161" spans="14:14">
      <c r="N344161" s="10"/>
    </row>
    <row r="344162" spans="14:14">
      <c r="N344162" s="10"/>
    </row>
    <row r="344163" spans="14:14">
      <c r="N344163" s="10"/>
    </row>
    <row r="344164" spans="14:14">
      <c r="N344164" s="10"/>
    </row>
    <row r="344165" spans="14:14">
      <c r="N344165" s="10"/>
    </row>
    <row r="344166" spans="14:14">
      <c r="N344166" s="10"/>
    </row>
    <row r="344167" spans="14:14">
      <c r="N344167" s="10"/>
    </row>
    <row r="344168" spans="14:14">
      <c r="N344168" s="10"/>
    </row>
    <row r="344169" spans="14:14">
      <c r="N344169" s="10"/>
    </row>
    <row r="344170" spans="14:14">
      <c r="N344170" s="10"/>
    </row>
    <row r="344171" spans="14:14">
      <c r="N344171" s="10"/>
    </row>
    <row r="344172" spans="14:14">
      <c r="N344172" s="10"/>
    </row>
    <row r="344173" spans="14:14">
      <c r="N344173" s="10"/>
    </row>
    <row r="344174" spans="14:14">
      <c r="N344174" s="10"/>
    </row>
    <row r="344175" spans="14:14">
      <c r="N344175" s="10"/>
    </row>
    <row r="344176" spans="14:14">
      <c r="N344176" s="10"/>
    </row>
    <row r="344177" spans="14:14">
      <c r="N344177" s="10"/>
    </row>
    <row r="344178" spans="14:14">
      <c r="N344178" s="10"/>
    </row>
    <row r="344179" spans="14:14">
      <c r="N344179" s="10"/>
    </row>
    <row r="344180" spans="14:14">
      <c r="N344180" s="10"/>
    </row>
    <row r="344181" spans="14:14">
      <c r="N344181" s="10"/>
    </row>
    <row r="344182" spans="14:14">
      <c r="N344182" s="10"/>
    </row>
    <row r="344183" spans="14:14">
      <c r="N344183" s="10"/>
    </row>
    <row r="344184" spans="14:14">
      <c r="N344184" s="10"/>
    </row>
    <row r="344185" spans="14:14">
      <c r="N344185" s="10"/>
    </row>
    <row r="344186" spans="14:14">
      <c r="N344186" s="10"/>
    </row>
    <row r="344187" spans="14:14">
      <c r="N344187" s="10"/>
    </row>
    <row r="344188" spans="14:14">
      <c r="N344188" s="10"/>
    </row>
    <row r="344189" spans="14:14">
      <c r="N344189" s="10"/>
    </row>
    <row r="344190" spans="14:14">
      <c r="N344190" s="10"/>
    </row>
    <row r="344191" spans="14:14">
      <c r="N344191" s="10"/>
    </row>
    <row r="344192" spans="14:14">
      <c r="N344192" s="10"/>
    </row>
    <row r="344193" spans="14:14">
      <c r="N344193" s="10"/>
    </row>
    <row r="344194" spans="14:14">
      <c r="N344194" s="10"/>
    </row>
    <row r="344195" spans="14:14">
      <c r="N344195" s="10"/>
    </row>
    <row r="344196" spans="14:14">
      <c r="N344196" s="10"/>
    </row>
    <row r="344197" spans="14:14">
      <c r="N344197" s="10"/>
    </row>
    <row r="344198" spans="14:14">
      <c r="N344198" s="10"/>
    </row>
    <row r="344199" spans="14:14">
      <c r="N344199" s="10"/>
    </row>
    <row r="344200" spans="14:14">
      <c r="N344200" s="10"/>
    </row>
    <row r="344201" spans="14:14">
      <c r="N344201" s="10"/>
    </row>
    <row r="344202" spans="14:14">
      <c r="N344202" s="10"/>
    </row>
    <row r="344203" spans="14:14">
      <c r="N344203" s="10"/>
    </row>
    <row r="344204" spans="14:14">
      <c r="N344204" s="10"/>
    </row>
    <row r="344205" spans="14:14">
      <c r="N344205" s="10"/>
    </row>
    <row r="344206" spans="14:14">
      <c r="N344206" s="10"/>
    </row>
    <row r="344207" spans="14:14">
      <c r="N344207" s="10"/>
    </row>
    <row r="344208" spans="14:14">
      <c r="N344208" s="10"/>
    </row>
    <row r="344209" spans="14:14">
      <c r="N344209" s="10"/>
    </row>
    <row r="344210" spans="14:14">
      <c r="N344210" s="10"/>
    </row>
    <row r="344211" spans="14:14">
      <c r="N344211" s="10"/>
    </row>
    <row r="344212" spans="14:14">
      <c r="N344212" s="10"/>
    </row>
    <row r="344213" spans="14:14">
      <c r="N344213" s="10"/>
    </row>
    <row r="344214" spans="14:14">
      <c r="N344214" s="10"/>
    </row>
    <row r="344215" spans="14:14">
      <c r="N344215" s="10"/>
    </row>
    <row r="344216" spans="14:14">
      <c r="N344216" s="10"/>
    </row>
    <row r="344217" spans="14:14">
      <c r="N344217" s="10"/>
    </row>
    <row r="344218" spans="14:14">
      <c r="N344218" s="10"/>
    </row>
    <row r="344219" spans="14:14">
      <c r="N344219" s="10"/>
    </row>
    <row r="344220" spans="14:14">
      <c r="N344220" s="10"/>
    </row>
    <row r="344221" spans="14:14">
      <c r="N344221" s="10"/>
    </row>
    <row r="344222" spans="14:14">
      <c r="N344222" s="10"/>
    </row>
    <row r="344223" spans="14:14">
      <c r="N344223" s="10"/>
    </row>
    <row r="344224" spans="14:14">
      <c r="N344224" s="10"/>
    </row>
    <row r="344225" spans="14:14">
      <c r="N344225" s="10"/>
    </row>
    <row r="344226" spans="14:14">
      <c r="N344226" s="10"/>
    </row>
    <row r="344227" spans="14:14">
      <c r="N344227" s="10"/>
    </row>
    <row r="344228" spans="14:14">
      <c r="N344228" s="10"/>
    </row>
    <row r="344229" spans="14:14">
      <c r="N344229" s="10"/>
    </row>
    <row r="344230" spans="14:14">
      <c r="N344230" s="10"/>
    </row>
    <row r="344231" spans="14:14">
      <c r="N344231" s="10"/>
    </row>
    <row r="344232" spans="14:14">
      <c r="N344232" s="10"/>
    </row>
    <row r="344233" spans="14:14">
      <c r="N344233" s="10"/>
    </row>
    <row r="344234" spans="14:14">
      <c r="N344234" s="10"/>
    </row>
    <row r="344235" spans="14:14">
      <c r="N344235" s="10"/>
    </row>
    <row r="344236" spans="14:14">
      <c r="N344236" s="10"/>
    </row>
    <row r="344237" spans="14:14">
      <c r="N344237" s="10"/>
    </row>
    <row r="344238" spans="14:14">
      <c r="N344238" s="10"/>
    </row>
    <row r="344239" spans="14:14">
      <c r="N344239" s="10"/>
    </row>
    <row r="344240" spans="14:14">
      <c r="N344240" s="10"/>
    </row>
    <row r="344241" spans="14:14">
      <c r="N344241" s="10"/>
    </row>
    <row r="344242" spans="14:14">
      <c r="N344242" s="10"/>
    </row>
    <row r="344243" spans="14:14">
      <c r="N344243" s="10"/>
    </row>
    <row r="344244" spans="14:14">
      <c r="N344244" s="10"/>
    </row>
    <row r="344245" spans="14:14">
      <c r="N344245" s="10"/>
    </row>
    <row r="344246" spans="14:14">
      <c r="N344246" s="10"/>
    </row>
    <row r="344247" spans="14:14">
      <c r="N344247" s="10"/>
    </row>
    <row r="344248" spans="14:14">
      <c r="N344248" s="10"/>
    </row>
    <row r="344249" spans="14:14">
      <c r="N344249" s="10"/>
    </row>
    <row r="344250" spans="14:14">
      <c r="N344250" s="10"/>
    </row>
    <row r="344251" spans="14:14">
      <c r="N344251" s="10"/>
    </row>
    <row r="344252" spans="14:14">
      <c r="N344252" s="10"/>
    </row>
    <row r="344253" spans="14:14">
      <c r="N344253" s="10"/>
    </row>
    <row r="344254" spans="14:14">
      <c r="N344254" s="10"/>
    </row>
    <row r="344255" spans="14:14">
      <c r="N344255" s="10"/>
    </row>
    <row r="344256" spans="14:14">
      <c r="N344256" s="10"/>
    </row>
    <row r="344257" spans="14:14">
      <c r="N344257" s="10"/>
    </row>
    <row r="344258" spans="14:14">
      <c r="N344258" s="10"/>
    </row>
    <row r="344259" spans="14:14">
      <c r="N344259" s="10"/>
    </row>
    <row r="344260" spans="14:14">
      <c r="N344260" s="10"/>
    </row>
    <row r="344261" spans="14:14">
      <c r="N344261" s="10"/>
    </row>
    <row r="344262" spans="14:14">
      <c r="N344262" s="10"/>
    </row>
    <row r="344263" spans="14:14">
      <c r="N344263" s="10"/>
    </row>
    <row r="344264" spans="14:14">
      <c r="N344264" s="10"/>
    </row>
    <row r="344265" spans="14:14">
      <c r="N344265" s="10"/>
    </row>
    <row r="344266" spans="14:14">
      <c r="N344266" s="10"/>
    </row>
    <row r="344267" spans="14:14">
      <c r="N344267" s="10"/>
    </row>
    <row r="344268" spans="14:14">
      <c r="N344268" s="10"/>
    </row>
    <row r="344269" spans="14:14">
      <c r="N344269" s="10"/>
    </row>
    <row r="344270" spans="14:14">
      <c r="N344270" s="10"/>
    </row>
    <row r="344271" spans="14:14">
      <c r="N344271" s="10"/>
    </row>
    <row r="344272" spans="14:14">
      <c r="N344272" s="10"/>
    </row>
    <row r="344273" spans="14:14">
      <c r="N344273" s="10"/>
    </row>
    <row r="344274" spans="14:14">
      <c r="N344274" s="10"/>
    </row>
    <row r="344275" spans="14:14">
      <c r="N344275" s="10"/>
    </row>
    <row r="344276" spans="14:14">
      <c r="N344276" s="10"/>
    </row>
    <row r="344277" spans="14:14">
      <c r="N344277" s="10"/>
    </row>
    <row r="344278" spans="14:14">
      <c r="N344278" s="10"/>
    </row>
    <row r="344279" spans="14:14">
      <c r="N344279" s="10"/>
    </row>
    <row r="344280" spans="14:14">
      <c r="N344280" s="10"/>
    </row>
    <row r="344281" spans="14:14">
      <c r="N344281" s="10"/>
    </row>
    <row r="344282" spans="14:14">
      <c r="N344282" s="10"/>
    </row>
    <row r="344283" spans="14:14">
      <c r="N344283" s="10"/>
    </row>
    <row r="344284" spans="14:14">
      <c r="N344284" s="10"/>
    </row>
    <row r="344285" spans="14:14">
      <c r="N344285" s="10"/>
    </row>
    <row r="344286" spans="14:14">
      <c r="N344286" s="10"/>
    </row>
    <row r="344287" spans="14:14">
      <c r="N344287" s="10"/>
    </row>
    <row r="344288" spans="14:14">
      <c r="N344288" s="10"/>
    </row>
    <row r="344289" spans="14:14">
      <c r="N344289" s="10"/>
    </row>
    <row r="344290" spans="14:14">
      <c r="N344290" s="10"/>
    </row>
    <row r="344291" spans="14:14">
      <c r="N344291" s="10"/>
    </row>
    <row r="344292" spans="14:14">
      <c r="N344292" s="10"/>
    </row>
    <row r="344293" spans="14:14">
      <c r="N344293" s="10"/>
    </row>
    <row r="344294" spans="14:14">
      <c r="N344294" s="10"/>
    </row>
    <row r="344295" spans="14:14">
      <c r="N344295" s="10"/>
    </row>
    <row r="344296" spans="14:14">
      <c r="N344296" s="10"/>
    </row>
    <row r="344297" spans="14:14">
      <c r="N344297" s="10"/>
    </row>
    <row r="344298" spans="14:14">
      <c r="N344298" s="10"/>
    </row>
    <row r="344299" spans="14:14">
      <c r="N344299" s="10"/>
    </row>
    <row r="344300" spans="14:14">
      <c r="N344300" s="10"/>
    </row>
    <row r="344301" spans="14:14">
      <c r="N344301" s="10"/>
    </row>
    <row r="344302" spans="14:14">
      <c r="N344302" s="10"/>
    </row>
    <row r="344303" spans="14:14">
      <c r="N344303" s="10"/>
    </row>
    <row r="344304" spans="14:14">
      <c r="N344304" s="10"/>
    </row>
    <row r="344305" spans="14:14">
      <c r="N344305" s="10"/>
    </row>
    <row r="344306" spans="14:14">
      <c r="N344306" s="10"/>
    </row>
    <row r="344307" spans="14:14">
      <c r="N344307" s="10"/>
    </row>
    <row r="344308" spans="14:14">
      <c r="N344308" s="10"/>
    </row>
    <row r="344309" spans="14:14">
      <c r="N344309" s="10"/>
    </row>
    <row r="344310" spans="14:14">
      <c r="N344310" s="10"/>
    </row>
    <row r="344311" spans="14:14">
      <c r="N344311" s="10"/>
    </row>
    <row r="344312" spans="14:14">
      <c r="N344312" s="10"/>
    </row>
    <row r="344313" spans="14:14">
      <c r="N344313" s="10"/>
    </row>
    <row r="344314" spans="14:14">
      <c r="N344314" s="10"/>
    </row>
    <row r="344315" spans="14:14">
      <c r="N344315" s="10"/>
    </row>
    <row r="344316" spans="14:14">
      <c r="N344316" s="10"/>
    </row>
    <row r="344317" spans="14:14">
      <c r="N344317" s="10"/>
    </row>
    <row r="344318" spans="14:14">
      <c r="N344318" s="10"/>
    </row>
    <row r="344319" spans="14:14">
      <c r="N344319" s="10"/>
    </row>
    <row r="344320" spans="14:14">
      <c r="N344320" s="10"/>
    </row>
    <row r="344321" spans="14:14">
      <c r="N344321" s="10"/>
    </row>
    <row r="344322" spans="14:14">
      <c r="N344322" s="10"/>
    </row>
    <row r="344323" spans="14:14">
      <c r="N344323" s="10"/>
    </row>
    <row r="344324" spans="14:14">
      <c r="N344324" s="10"/>
    </row>
    <row r="344325" spans="14:14">
      <c r="N344325" s="10"/>
    </row>
    <row r="344326" spans="14:14">
      <c r="N344326" s="10"/>
    </row>
    <row r="344327" spans="14:14">
      <c r="N344327" s="10"/>
    </row>
    <row r="344328" spans="14:14">
      <c r="N344328" s="10"/>
    </row>
    <row r="344329" spans="14:14">
      <c r="N344329" s="10"/>
    </row>
    <row r="344330" spans="14:14">
      <c r="N344330" s="10"/>
    </row>
    <row r="344331" spans="14:14">
      <c r="N344331" s="10"/>
    </row>
    <row r="344332" spans="14:14">
      <c r="N344332" s="10"/>
    </row>
    <row r="344333" spans="14:14">
      <c r="N344333" s="10"/>
    </row>
    <row r="344334" spans="14:14">
      <c r="N344334" s="10"/>
    </row>
    <row r="344335" spans="14:14">
      <c r="N344335" s="10"/>
    </row>
    <row r="344336" spans="14:14">
      <c r="N344336" s="10"/>
    </row>
    <row r="344337" spans="14:14">
      <c r="N344337" s="10"/>
    </row>
    <row r="344338" spans="14:14">
      <c r="N344338" s="10"/>
    </row>
    <row r="344339" spans="14:14">
      <c r="N344339" s="10"/>
    </row>
    <row r="344340" spans="14:14">
      <c r="N344340" s="10"/>
    </row>
    <row r="344341" spans="14:14">
      <c r="N344341" s="10"/>
    </row>
    <row r="344342" spans="14:14">
      <c r="N344342" s="10"/>
    </row>
    <row r="344343" spans="14:14">
      <c r="N344343" s="10"/>
    </row>
    <row r="344344" spans="14:14">
      <c r="N344344" s="10"/>
    </row>
    <row r="344345" spans="14:14">
      <c r="N344345" s="10"/>
    </row>
    <row r="344346" spans="14:14">
      <c r="N344346" s="10"/>
    </row>
    <row r="344347" spans="14:14">
      <c r="N344347" s="10"/>
    </row>
    <row r="344348" spans="14:14">
      <c r="N344348" s="10"/>
    </row>
    <row r="344349" spans="14:14">
      <c r="N344349" s="10"/>
    </row>
    <row r="344350" spans="14:14">
      <c r="N344350" s="10"/>
    </row>
    <row r="344351" spans="14:14">
      <c r="N344351" s="10"/>
    </row>
    <row r="344352" spans="14:14">
      <c r="N344352" s="10"/>
    </row>
    <row r="344353" spans="14:14">
      <c r="N344353" s="10"/>
    </row>
    <row r="344354" spans="14:14">
      <c r="N344354" s="10"/>
    </row>
    <row r="344355" spans="14:14">
      <c r="N344355" s="10"/>
    </row>
    <row r="344356" spans="14:14">
      <c r="N344356" s="10"/>
    </row>
    <row r="344357" spans="14:14">
      <c r="N344357" s="10"/>
    </row>
    <row r="344358" spans="14:14">
      <c r="N344358" s="10"/>
    </row>
    <row r="344359" spans="14:14">
      <c r="N344359" s="10"/>
    </row>
    <row r="344360" spans="14:14">
      <c r="N344360" s="10"/>
    </row>
    <row r="344361" spans="14:14">
      <c r="N344361" s="10"/>
    </row>
    <row r="344362" spans="14:14">
      <c r="N344362" s="10"/>
    </row>
    <row r="344363" spans="14:14">
      <c r="N344363" s="10"/>
    </row>
    <row r="344364" spans="14:14">
      <c r="N344364" s="10"/>
    </row>
    <row r="344365" spans="14:14">
      <c r="N344365" s="10"/>
    </row>
    <row r="344366" spans="14:14">
      <c r="N344366" s="10"/>
    </row>
    <row r="344367" spans="14:14">
      <c r="N344367" s="10"/>
    </row>
    <row r="344368" spans="14:14">
      <c r="N344368" s="10"/>
    </row>
    <row r="344369" spans="14:14">
      <c r="N344369" s="10"/>
    </row>
    <row r="344370" spans="14:14">
      <c r="N344370" s="10"/>
    </row>
    <row r="344371" spans="14:14">
      <c r="N344371" s="10"/>
    </row>
    <row r="344372" spans="14:14">
      <c r="N344372" s="10"/>
    </row>
    <row r="344373" spans="14:14">
      <c r="N344373" s="10"/>
    </row>
    <row r="344374" spans="14:14">
      <c r="N344374" s="10"/>
    </row>
    <row r="344375" spans="14:14">
      <c r="N344375" s="10"/>
    </row>
    <row r="344376" spans="14:14">
      <c r="N344376" s="10"/>
    </row>
    <row r="344377" spans="14:14">
      <c r="N344377" s="10"/>
    </row>
    <row r="344378" spans="14:14">
      <c r="N344378" s="10"/>
    </row>
    <row r="344379" spans="14:14">
      <c r="N344379" s="10"/>
    </row>
    <row r="344380" spans="14:14">
      <c r="N344380" s="10"/>
    </row>
    <row r="344381" spans="14:14">
      <c r="N344381" s="10"/>
    </row>
    <row r="344382" spans="14:14">
      <c r="N344382" s="10"/>
    </row>
    <row r="344383" spans="14:14">
      <c r="N344383" s="10"/>
    </row>
    <row r="344384" spans="14:14">
      <c r="N344384" s="10"/>
    </row>
    <row r="344385" spans="14:14">
      <c r="N344385" s="10"/>
    </row>
    <row r="344386" spans="14:14">
      <c r="N344386" s="10"/>
    </row>
    <row r="344387" spans="14:14">
      <c r="N344387" s="10"/>
    </row>
    <row r="344388" spans="14:14">
      <c r="N344388" s="10"/>
    </row>
    <row r="344389" spans="14:14">
      <c r="N344389" s="10"/>
    </row>
    <row r="344390" spans="14:14">
      <c r="N344390" s="10"/>
    </row>
    <row r="344391" spans="14:14">
      <c r="N344391" s="10"/>
    </row>
    <row r="344392" spans="14:14">
      <c r="N344392" s="10"/>
    </row>
    <row r="344393" spans="14:14">
      <c r="N344393" s="10"/>
    </row>
    <row r="344394" spans="14:14">
      <c r="N344394" s="10"/>
    </row>
    <row r="344395" spans="14:14">
      <c r="N344395" s="10"/>
    </row>
    <row r="344396" spans="14:14">
      <c r="N344396" s="10"/>
    </row>
    <row r="344397" spans="14:14">
      <c r="N344397" s="10"/>
    </row>
    <row r="344398" spans="14:14">
      <c r="N344398" s="10"/>
    </row>
    <row r="344399" spans="14:14">
      <c r="N344399" s="10"/>
    </row>
    <row r="344400" spans="14:14">
      <c r="N344400" s="10"/>
    </row>
    <row r="344401" spans="14:14">
      <c r="N344401" s="10"/>
    </row>
    <row r="344402" spans="14:14">
      <c r="N344402" s="10"/>
    </row>
    <row r="344403" spans="14:14">
      <c r="N344403" s="10"/>
    </row>
    <row r="344404" spans="14:14">
      <c r="N344404" s="10"/>
    </row>
    <row r="344405" spans="14:14">
      <c r="N344405" s="10"/>
    </row>
    <row r="344406" spans="14:14">
      <c r="N344406" s="10"/>
    </row>
    <row r="344407" spans="14:14">
      <c r="N344407" s="10"/>
    </row>
    <row r="344408" spans="14:14">
      <c r="N344408" s="10"/>
    </row>
    <row r="344409" spans="14:14">
      <c r="N344409" s="10"/>
    </row>
    <row r="344410" spans="14:14">
      <c r="N344410" s="10"/>
    </row>
    <row r="344411" spans="14:14">
      <c r="N344411" s="10"/>
    </row>
    <row r="344412" spans="14:14">
      <c r="N344412" s="10"/>
    </row>
    <row r="344413" spans="14:14">
      <c r="N344413" s="10"/>
    </row>
    <row r="344414" spans="14:14">
      <c r="N344414" s="10"/>
    </row>
    <row r="344415" spans="14:14">
      <c r="N344415" s="10"/>
    </row>
    <row r="344416" spans="14:14">
      <c r="N344416" s="10"/>
    </row>
    <row r="344417" spans="14:14">
      <c r="N344417" s="10"/>
    </row>
    <row r="344418" spans="14:14">
      <c r="N344418" s="10"/>
    </row>
    <row r="344419" spans="14:14">
      <c r="N344419" s="10"/>
    </row>
    <row r="344420" spans="14:14">
      <c r="N344420" s="10"/>
    </row>
    <row r="344421" spans="14:14">
      <c r="N344421" s="10"/>
    </row>
    <row r="344422" spans="14:14">
      <c r="N344422" s="10"/>
    </row>
    <row r="344423" spans="14:14">
      <c r="N344423" s="10"/>
    </row>
    <row r="344424" spans="14:14">
      <c r="N344424" s="10"/>
    </row>
    <row r="344425" spans="14:14">
      <c r="N344425" s="10"/>
    </row>
    <row r="344426" spans="14:14">
      <c r="N344426" s="10"/>
    </row>
    <row r="344427" spans="14:14">
      <c r="N344427" s="10"/>
    </row>
    <row r="344428" spans="14:14">
      <c r="N344428" s="10"/>
    </row>
    <row r="344429" spans="14:14">
      <c r="N344429" s="10"/>
    </row>
    <row r="344430" spans="14:14">
      <c r="N344430" s="10"/>
    </row>
    <row r="344431" spans="14:14">
      <c r="N344431" s="10"/>
    </row>
    <row r="344432" spans="14:14">
      <c r="N344432" s="10"/>
    </row>
    <row r="344433" spans="14:14">
      <c r="N344433" s="10"/>
    </row>
    <row r="344434" spans="14:14">
      <c r="N344434" s="10"/>
    </row>
    <row r="344435" spans="14:14">
      <c r="N344435" s="10"/>
    </row>
    <row r="344436" spans="14:14">
      <c r="N344436" s="10"/>
    </row>
    <row r="344437" spans="14:14">
      <c r="N344437" s="10"/>
    </row>
    <row r="344438" spans="14:14">
      <c r="N344438" s="10"/>
    </row>
    <row r="344439" spans="14:14">
      <c r="N344439" s="10"/>
    </row>
    <row r="344440" spans="14:14">
      <c r="N344440" s="10"/>
    </row>
    <row r="344441" spans="14:14">
      <c r="N344441" s="10"/>
    </row>
    <row r="344442" spans="14:14">
      <c r="N344442" s="10"/>
    </row>
    <row r="344443" spans="14:14">
      <c r="N344443" s="10"/>
    </row>
    <row r="344444" spans="14:14">
      <c r="N344444" s="10"/>
    </row>
    <row r="344445" spans="14:14">
      <c r="N344445" s="10"/>
    </row>
    <row r="344446" spans="14:14">
      <c r="N344446" s="10"/>
    </row>
    <row r="344447" spans="14:14">
      <c r="N344447" s="10"/>
    </row>
    <row r="344448" spans="14:14">
      <c r="N344448" s="10"/>
    </row>
    <row r="344449" spans="14:14">
      <c r="N344449" s="10"/>
    </row>
    <row r="344450" spans="14:14">
      <c r="N344450" s="10"/>
    </row>
    <row r="344451" spans="14:14">
      <c r="N344451" s="10"/>
    </row>
    <row r="344452" spans="14:14">
      <c r="N344452" s="10"/>
    </row>
    <row r="344453" spans="14:14">
      <c r="N344453" s="10"/>
    </row>
    <row r="344454" spans="14:14">
      <c r="N344454" s="10"/>
    </row>
    <row r="344455" spans="14:14">
      <c r="N344455" s="10"/>
    </row>
    <row r="344456" spans="14:14">
      <c r="N344456" s="10"/>
    </row>
    <row r="344457" spans="14:14">
      <c r="N344457" s="10"/>
    </row>
    <row r="344458" spans="14:14">
      <c r="N344458" s="10"/>
    </row>
    <row r="344459" spans="14:14">
      <c r="N344459" s="10"/>
    </row>
    <row r="344460" spans="14:14">
      <c r="N344460" s="10"/>
    </row>
    <row r="344461" spans="14:14">
      <c r="N344461" s="10"/>
    </row>
    <row r="344462" spans="14:14">
      <c r="N344462" s="10"/>
    </row>
    <row r="344463" spans="14:14">
      <c r="N344463" s="10"/>
    </row>
    <row r="344464" spans="14:14">
      <c r="N344464" s="10"/>
    </row>
    <row r="344465" spans="14:14">
      <c r="N344465" s="10"/>
    </row>
    <row r="344466" spans="14:14">
      <c r="N344466" s="10"/>
    </row>
    <row r="344467" spans="14:14">
      <c r="N344467" s="10"/>
    </row>
    <row r="344468" spans="14:14">
      <c r="N344468" s="10"/>
    </row>
    <row r="344469" spans="14:14">
      <c r="N344469" s="10"/>
    </row>
    <row r="344470" spans="14:14">
      <c r="N344470" s="10"/>
    </row>
    <row r="344471" spans="14:14">
      <c r="N344471" s="10"/>
    </row>
    <row r="344472" spans="14:14">
      <c r="N344472" s="10"/>
    </row>
    <row r="344473" spans="14:14">
      <c r="N344473" s="10"/>
    </row>
    <row r="344474" spans="14:14">
      <c r="N344474" s="10"/>
    </row>
    <row r="344475" spans="14:14">
      <c r="N344475" s="10"/>
    </row>
    <row r="344476" spans="14:14">
      <c r="N344476" s="10"/>
    </row>
    <row r="344477" spans="14:14">
      <c r="N344477" s="10"/>
    </row>
    <row r="344478" spans="14:14">
      <c r="N344478" s="10"/>
    </row>
    <row r="344479" spans="14:14">
      <c r="N344479" s="10"/>
    </row>
    <row r="344480" spans="14:14">
      <c r="N344480" s="10"/>
    </row>
    <row r="344481" spans="14:14">
      <c r="N344481" s="10"/>
    </row>
    <row r="344482" spans="14:14">
      <c r="N344482" s="10"/>
    </row>
    <row r="344483" spans="14:14">
      <c r="N344483" s="10"/>
    </row>
    <row r="344484" spans="14:14">
      <c r="N344484" s="10"/>
    </row>
    <row r="344485" spans="14:14">
      <c r="N344485" s="10"/>
    </row>
    <row r="344486" spans="14:14">
      <c r="N344486" s="10"/>
    </row>
    <row r="344487" spans="14:14">
      <c r="N344487" s="10"/>
    </row>
    <row r="344488" spans="14:14">
      <c r="N344488" s="10"/>
    </row>
    <row r="344489" spans="14:14">
      <c r="N344489" s="10"/>
    </row>
    <row r="344490" spans="14:14">
      <c r="N344490" s="10"/>
    </row>
    <row r="344491" spans="14:14">
      <c r="N344491" s="10"/>
    </row>
    <row r="344492" spans="14:14">
      <c r="N344492" s="10"/>
    </row>
    <row r="344493" spans="14:14">
      <c r="N344493" s="10"/>
    </row>
    <row r="344494" spans="14:14">
      <c r="N344494" s="10"/>
    </row>
    <row r="344495" spans="14:14">
      <c r="N344495" s="10"/>
    </row>
    <row r="344496" spans="14:14">
      <c r="N344496" s="10"/>
    </row>
    <row r="344497" spans="14:14">
      <c r="N344497" s="10"/>
    </row>
    <row r="344498" spans="14:14">
      <c r="N344498" s="10"/>
    </row>
    <row r="344499" spans="14:14">
      <c r="N344499" s="10"/>
    </row>
    <row r="344500" spans="14:14">
      <c r="N344500" s="10"/>
    </row>
    <row r="344501" spans="14:14">
      <c r="N344501" s="10"/>
    </row>
    <row r="344502" spans="14:14">
      <c r="N344502" s="10"/>
    </row>
    <row r="344503" spans="14:14">
      <c r="N344503" s="10"/>
    </row>
    <row r="344504" spans="14:14">
      <c r="N344504" s="10"/>
    </row>
    <row r="344505" spans="14:14">
      <c r="N344505" s="10"/>
    </row>
    <row r="344506" spans="14:14">
      <c r="N344506" s="10"/>
    </row>
    <row r="344507" spans="14:14">
      <c r="N344507" s="10"/>
    </row>
    <row r="344508" spans="14:14">
      <c r="N344508" s="10"/>
    </row>
    <row r="344509" spans="14:14">
      <c r="N344509" s="10"/>
    </row>
    <row r="344510" spans="14:14">
      <c r="N344510" s="10"/>
    </row>
    <row r="344511" spans="14:14">
      <c r="N344511" s="10"/>
    </row>
    <row r="344512" spans="14:14">
      <c r="N344512" s="10"/>
    </row>
    <row r="344513" spans="14:14">
      <c r="N344513" s="10"/>
    </row>
    <row r="344514" spans="14:14">
      <c r="N344514" s="10"/>
    </row>
    <row r="344515" spans="14:14">
      <c r="N344515" s="10"/>
    </row>
    <row r="344516" spans="14:14">
      <c r="N344516" s="10"/>
    </row>
    <row r="344517" spans="14:14">
      <c r="N344517" s="10"/>
    </row>
    <row r="344518" spans="14:14">
      <c r="N344518" s="10"/>
    </row>
    <row r="344519" spans="14:14">
      <c r="N344519" s="10"/>
    </row>
    <row r="344520" spans="14:14">
      <c r="N344520" s="10"/>
    </row>
    <row r="344521" spans="14:14">
      <c r="N344521" s="10"/>
    </row>
    <row r="344522" spans="14:14">
      <c r="N344522" s="10"/>
    </row>
    <row r="344523" spans="14:14">
      <c r="N344523" s="10"/>
    </row>
    <row r="344524" spans="14:14">
      <c r="N344524" s="10"/>
    </row>
    <row r="344525" spans="14:14">
      <c r="N344525" s="10"/>
    </row>
    <row r="344526" spans="14:14">
      <c r="N344526" s="10"/>
    </row>
    <row r="344527" spans="14:14">
      <c r="N344527" s="10"/>
    </row>
    <row r="344528" spans="14:14">
      <c r="N344528" s="10"/>
    </row>
    <row r="344529" spans="14:14">
      <c r="N344529" s="10"/>
    </row>
    <row r="344530" spans="14:14">
      <c r="N344530" s="10"/>
    </row>
    <row r="344531" spans="14:14">
      <c r="N344531" s="10"/>
    </row>
    <row r="344532" spans="14:14">
      <c r="N344532" s="10"/>
    </row>
    <row r="344533" spans="14:14">
      <c r="N344533" s="10"/>
    </row>
    <row r="344534" spans="14:14">
      <c r="N344534" s="10"/>
    </row>
    <row r="344535" spans="14:14">
      <c r="N344535" s="10"/>
    </row>
    <row r="344536" spans="14:14">
      <c r="N344536" s="10"/>
    </row>
    <row r="344537" spans="14:14">
      <c r="N344537" s="10"/>
    </row>
    <row r="344538" spans="14:14">
      <c r="N344538" s="10"/>
    </row>
    <row r="344539" spans="14:14">
      <c r="N344539" s="10"/>
    </row>
    <row r="344540" spans="14:14">
      <c r="N344540" s="10"/>
    </row>
    <row r="344541" spans="14:14">
      <c r="N344541" s="10"/>
    </row>
    <row r="344542" spans="14:14">
      <c r="N344542" s="10"/>
    </row>
    <row r="344543" spans="14:14">
      <c r="N344543" s="10"/>
    </row>
    <row r="344544" spans="14:14">
      <c r="N344544" s="10"/>
    </row>
    <row r="344545" spans="14:14">
      <c r="N344545" s="10"/>
    </row>
    <row r="344546" spans="14:14">
      <c r="N344546" s="10"/>
    </row>
    <row r="344547" spans="14:14">
      <c r="N344547" s="10"/>
    </row>
    <row r="344548" spans="14:14">
      <c r="N344548" s="10"/>
    </row>
    <row r="344549" spans="14:14">
      <c r="N344549" s="10"/>
    </row>
    <row r="344550" spans="14:14">
      <c r="N344550" s="10"/>
    </row>
    <row r="344551" spans="14:14">
      <c r="N344551" s="10"/>
    </row>
    <row r="344552" spans="14:14">
      <c r="N344552" s="10"/>
    </row>
    <row r="344553" spans="14:14">
      <c r="N344553" s="10"/>
    </row>
    <row r="344554" spans="14:14">
      <c r="N344554" s="10"/>
    </row>
    <row r="344555" spans="14:14">
      <c r="N344555" s="10"/>
    </row>
    <row r="344556" spans="14:14">
      <c r="N344556" s="10"/>
    </row>
    <row r="344557" spans="14:14">
      <c r="N344557" s="10"/>
    </row>
    <row r="344558" spans="14:14">
      <c r="N344558" s="10"/>
    </row>
    <row r="344559" spans="14:14">
      <c r="N344559" s="10"/>
    </row>
    <row r="344560" spans="14:14">
      <c r="N344560" s="10"/>
    </row>
    <row r="344561" spans="14:14">
      <c r="N344561" s="10"/>
    </row>
    <row r="344562" spans="14:14">
      <c r="N344562" s="10"/>
    </row>
    <row r="344563" spans="14:14">
      <c r="N344563" s="10"/>
    </row>
    <row r="344564" spans="14:14">
      <c r="N344564" s="10"/>
    </row>
    <row r="344565" spans="14:14">
      <c r="N344565" s="10"/>
    </row>
    <row r="344566" spans="14:14">
      <c r="N344566" s="10"/>
    </row>
    <row r="344567" spans="14:14">
      <c r="N344567" s="10"/>
    </row>
    <row r="344568" spans="14:14">
      <c r="N344568" s="10"/>
    </row>
    <row r="344569" spans="14:14">
      <c r="N344569" s="10"/>
    </row>
    <row r="344570" spans="14:14">
      <c r="N344570" s="10"/>
    </row>
    <row r="344571" spans="14:14">
      <c r="N344571" s="10"/>
    </row>
    <row r="344572" spans="14:14">
      <c r="N344572" s="10"/>
    </row>
    <row r="344573" spans="14:14">
      <c r="N344573" s="10"/>
    </row>
    <row r="344574" spans="14:14">
      <c r="N344574" s="10"/>
    </row>
    <row r="344575" spans="14:14">
      <c r="N344575" s="10"/>
    </row>
    <row r="344576" spans="14:14">
      <c r="N344576" s="10"/>
    </row>
    <row r="344577" spans="14:14">
      <c r="N344577" s="10"/>
    </row>
    <row r="344578" spans="14:14">
      <c r="N344578" s="10"/>
    </row>
    <row r="344579" spans="14:14">
      <c r="N344579" s="10"/>
    </row>
    <row r="344580" spans="14:14">
      <c r="N344580" s="10"/>
    </row>
    <row r="344581" spans="14:14">
      <c r="N344581" s="10"/>
    </row>
    <row r="344582" spans="14:14">
      <c r="N344582" s="10"/>
    </row>
    <row r="344583" spans="14:14">
      <c r="N344583" s="10"/>
    </row>
    <row r="344584" spans="14:14">
      <c r="N344584" s="10"/>
    </row>
    <row r="344585" spans="14:14">
      <c r="N344585" s="10"/>
    </row>
    <row r="344586" spans="14:14">
      <c r="N344586" s="10"/>
    </row>
    <row r="344587" spans="14:14">
      <c r="N344587" s="10"/>
    </row>
    <row r="344588" spans="14:14">
      <c r="N344588" s="10"/>
    </row>
    <row r="344589" spans="14:14">
      <c r="N344589" s="10"/>
    </row>
    <row r="344590" spans="14:14">
      <c r="N344590" s="10"/>
    </row>
    <row r="344591" spans="14:14">
      <c r="N344591" s="10"/>
    </row>
    <row r="344592" spans="14:14">
      <c r="N344592" s="10"/>
    </row>
    <row r="344593" spans="14:14">
      <c r="N344593" s="10"/>
    </row>
    <row r="344594" spans="14:14">
      <c r="N344594" s="10"/>
    </row>
    <row r="344595" spans="14:14">
      <c r="N344595" s="10"/>
    </row>
    <row r="344596" spans="14:14">
      <c r="N344596" s="10"/>
    </row>
    <row r="344597" spans="14:14">
      <c r="N344597" s="10"/>
    </row>
    <row r="344598" spans="14:14">
      <c r="N344598" s="10"/>
    </row>
    <row r="344599" spans="14:14">
      <c r="N344599" s="10"/>
    </row>
    <row r="344600" spans="14:14">
      <c r="N344600" s="10"/>
    </row>
    <row r="344601" spans="14:14">
      <c r="N344601" s="10"/>
    </row>
    <row r="344602" spans="14:14">
      <c r="N344602" s="10"/>
    </row>
    <row r="344603" spans="14:14">
      <c r="N344603" s="10"/>
    </row>
    <row r="344604" spans="14:14">
      <c r="N344604" s="10"/>
    </row>
    <row r="344605" spans="14:14">
      <c r="N344605" s="10"/>
    </row>
    <row r="344606" spans="14:14">
      <c r="N344606" s="10"/>
    </row>
    <row r="344607" spans="14:14">
      <c r="N344607" s="10"/>
    </row>
    <row r="344608" spans="14:14">
      <c r="N344608" s="10"/>
    </row>
    <row r="344609" spans="14:14">
      <c r="N344609" s="10"/>
    </row>
    <row r="344610" spans="14:14">
      <c r="N344610" s="10"/>
    </row>
    <row r="344611" spans="14:14">
      <c r="N344611" s="10"/>
    </row>
    <row r="344612" spans="14:14">
      <c r="N344612" s="10"/>
    </row>
    <row r="344613" spans="14:14">
      <c r="N344613" s="10"/>
    </row>
    <row r="344614" spans="14:14">
      <c r="N344614" s="10"/>
    </row>
    <row r="344615" spans="14:14">
      <c r="N344615" s="10"/>
    </row>
    <row r="344616" spans="14:14">
      <c r="N344616" s="10"/>
    </row>
    <row r="344617" spans="14:14">
      <c r="N344617" s="10"/>
    </row>
    <row r="344618" spans="14:14">
      <c r="N344618" s="10"/>
    </row>
    <row r="344619" spans="14:14">
      <c r="N344619" s="10"/>
    </row>
    <row r="344620" spans="14:14">
      <c r="N344620" s="10"/>
    </row>
    <row r="344621" spans="14:14">
      <c r="N344621" s="10"/>
    </row>
    <row r="344622" spans="14:14">
      <c r="N344622" s="10"/>
    </row>
    <row r="344623" spans="14:14">
      <c r="N344623" s="10"/>
    </row>
    <row r="344624" spans="14:14">
      <c r="N344624" s="10"/>
    </row>
    <row r="344625" spans="14:14">
      <c r="N344625" s="10"/>
    </row>
    <row r="344626" spans="14:14">
      <c r="N344626" s="10"/>
    </row>
    <row r="344627" spans="14:14">
      <c r="N344627" s="10"/>
    </row>
    <row r="344628" spans="14:14">
      <c r="N344628" s="10"/>
    </row>
    <row r="344629" spans="14:14">
      <c r="N344629" s="10"/>
    </row>
    <row r="344630" spans="14:14">
      <c r="N344630" s="10"/>
    </row>
    <row r="344631" spans="14:14">
      <c r="N344631" s="10"/>
    </row>
    <row r="344632" spans="14:14">
      <c r="N344632" s="10"/>
    </row>
    <row r="344633" spans="14:14">
      <c r="N344633" s="10"/>
    </row>
    <row r="344634" spans="14:14">
      <c r="N344634" s="10"/>
    </row>
    <row r="344635" spans="14:14">
      <c r="N344635" s="10"/>
    </row>
    <row r="344636" spans="14:14">
      <c r="N344636" s="10"/>
    </row>
    <row r="344637" spans="14:14">
      <c r="N344637" s="10"/>
    </row>
    <row r="344638" spans="14:14">
      <c r="N344638" s="10"/>
    </row>
    <row r="344639" spans="14:14">
      <c r="N344639" s="10"/>
    </row>
    <row r="344640" spans="14:14">
      <c r="N344640" s="10"/>
    </row>
    <row r="344641" spans="14:14">
      <c r="N344641" s="10"/>
    </row>
    <row r="344642" spans="14:14">
      <c r="N344642" s="10"/>
    </row>
    <row r="344643" spans="14:14">
      <c r="N344643" s="10"/>
    </row>
    <row r="344644" spans="14:14">
      <c r="N344644" s="10"/>
    </row>
    <row r="344645" spans="14:14">
      <c r="N344645" s="10"/>
    </row>
    <row r="344646" spans="14:14">
      <c r="N344646" s="10"/>
    </row>
    <row r="344647" spans="14:14">
      <c r="N344647" s="10"/>
    </row>
    <row r="344648" spans="14:14">
      <c r="N344648" s="10"/>
    </row>
    <row r="344649" spans="14:14">
      <c r="N344649" s="10"/>
    </row>
    <row r="344650" spans="14:14">
      <c r="N344650" s="10"/>
    </row>
    <row r="344651" spans="14:14">
      <c r="N344651" s="10"/>
    </row>
    <row r="344652" spans="14:14">
      <c r="N344652" s="10"/>
    </row>
    <row r="344653" spans="14:14">
      <c r="N344653" s="10"/>
    </row>
    <row r="344654" spans="14:14">
      <c r="N344654" s="10"/>
    </row>
    <row r="344655" spans="14:14">
      <c r="N344655" s="10"/>
    </row>
    <row r="344656" spans="14:14">
      <c r="N344656" s="10"/>
    </row>
    <row r="344657" spans="14:14">
      <c r="N344657" s="10"/>
    </row>
    <row r="344658" spans="14:14">
      <c r="N344658" s="10"/>
    </row>
    <row r="344659" spans="14:14">
      <c r="N344659" s="10"/>
    </row>
    <row r="344660" spans="14:14">
      <c r="N344660" s="10"/>
    </row>
    <row r="344661" spans="14:14">
      <c r="N344661" s="10"/>
    </row>
    <row r="344662" spans="14:14">
      <c r="N344662" s="10"/>
    </row>
    <row r="344663" spans="14:14">
      <c r="N344663" s="10"/>
    </row>
    <row r="344664" spans="14:14">
      <c r="N344664" s="10"/>
    </row>
    <row r="344665" spans="14:14">
      <c r="N344665" s="10"/>
    </row>
    <row r="344666" spans="14:14">
      <c r="N344666" s="10"/>
    </row>
    <row r="344667" spans="14:14">
      <c r="N344667" s="10"/>
    </row>
    <row r="344668" spans="14:14">
      <c r="N344668" s="10"/>
    </row>
    <row r="344669" spans="14:14">
      <c r="N344669" s="10"/>
    </row>
    <row r="344670" spans="14:14">
      <c r="N344670" s="10"/>
    </row>
    <row r="344671" spans="14:14">
      <c r="N344671" s="10"/>
    </row>
    <row r="344672" spans="14:14">
      <c r="N344672" s="10"/>
    </row>
    <row r="344673" spans="14:14">
      <c r="N344673" s="10"/>
    </row>
    <row r="344674" spans="14:14">
      <c r="N344674" s="10"/>
    </row>
    <row r="344675" spans="14:14">
      <c r="N344675" s="10"/>
    </row>
    <row r="344676" spans="14:14">
      <c r="N344676" s="10"/>
    </row>
    <row r="344677" spans="14:14">
      <c r="N344677" s="10"/>
    </row>
    <row r="344678" spans="14:14">
      <c r="N344678" s="10"/>
    </row>
    <row r="344679" spans="14:14">
      <c r="N344679" s="10"/>
    </row>
    <row r="344680" spans="14:14">
      <c r="N344680" s="10"/>
    </row>
    <row r="344681" spans="14:14">
      <c r="N344681" s="10"/>
    </row>
    <row r="344682" spans="14:14">
      <c r="N344682" s="10"/>
    </row>
    <row r="344683" spans="14:14">
      <c r="N344683" s="10"/>
    </row>
    <row r="344684" spans="14:14">
      <c r="N344684" s="10"/>
    </row>
    <row r="344685" spans="14:14">
      <c r="N344685" s="10"/>
    </row>
    <row r="344686" spans="14:14">
      <c r="N344686" s="10"/>
    </row>
    <row r="344687" spans="14:14">
      <c r="N344687" s="10"/>
    </row>
    <row r="344688" spans="14:14">
      <c r="N344688" s="10"/>
    </row>
    <row r="344689" spans="14:14">
      <c r="N344689" s="10"/>
    </row>
    <row r="344690" spans="14:14">
      <c r="N344690" s="10"/>
    </row>
    <row r="344691" spans="14:14">
      <c r="N344691" s="10"/>
    </row>
    <row r="344692" spans="14:14">
      <c r="N344692" s="10"/>
    </row>
    <row r="344693" spans="14:14">
      <c r="N344693" s="10"/>
    </row>
    <row r="344694" spans="14:14">
      <c r="N344694" s="10"/>
    </row>
    <row r="344695" spans="14:14">
      <c r="N344695" s="10"/>
    </row>
    <row r="344696" spans="14:14">
      <c r="N344696" s="10"/>
    </row>
    <row r="344697" spans="14:14">
      <c r="N344697" s="10"/>
    </row>
    <row r="344698" spans="14:14">
      <c r="N344698" s="10"/>
    </row>
    <row r="344699" spans="14:14">
      <c r="N344699" s="10"/>
    </row>
    <row r="344700" spans="14:14">
      <c r="N344700" s="10"/>
    </row>
    <row r="344701" spans="14:14">
      <c r="N344701" s="10"/>
    </row>
    <row r="344702" spans="14:14">
      <c r="N344702" s="10"/>
    </row>
    <row r="344703" spans="14:14">
      <c r="N344703" s="10"/>
    </row>
    <row r="344704" spans="14:14">
      <c r="N344704" s="10"/>
    </row>
    <row r="344705" spans="14:14">
      <c r="N344705" s="10"/>
    </row>
    <row r="344706" spans="14:14">
      <c r="N344706" s="10"/>
    </row>
    <row r="344707" spans="14:14">
      <c r="N344707" s="10"/>
    </row>
    <row r="344708" spans="14:14">
      <c r="N344708" s="10"/>
    </row>
    <row r="344709" spans="14:14">
      <c r="N344709" s="10"/>
    </row>
    <row r="344710" spans="14:14">
      <c r="N344710" s="10"/>
    </row>
    <row r="344711" spans="14:14">
      <c r="N344711" s="10"/>
    </row>
    <row r="344712" spans="14:14">
      <c r="N344712" s="10"/>
    </row>
    <row r="344713" spans="14:14">
      <c r="N344713" s="10"/>
    </row>
    <row r="344714" spans="14:14">
      <c r="N344714" s="10"/>
    </row>
    <row r="344715" spans="14:14">
      <c r="N344715" s="10"/>
    </row>
    <row r="344716" spans="14:14">
      <c r="N344716" s="10"/>
    </row>
    <row r="344717" spans="14:14">
      <c r="N344717" s="10"/>
    </row>
    <row r="344718" spans="14:14">
      <c r="N344718" s="10"/>
    </row>
    <row r="344719" spans="14:14">
      <c r="N344719" s="10"/>
    </row>
    <row r="344720" spans="14:14">
      <c r="N344720" s="10"/>
    </row>
    <row r="344721" spans="14:14">
      <c r="N344721" s="10"/>
    </row>
    <row r="344722" spans="14:14">
      <c r="N344722" s="10"/>
    </row>
    <row r="344723" spans="14:14">
      <c r="N344723" s="10"/>
    </row>
    <row r="344724" spans="14:14">
      <c r="N344724" s="10"/>
    </row>
    <row r="344725" spans="14:14">
      <c r="N344725" s="10"/>
    </row>
    <row r="344726" spans="14:14">
      <c r="N344726" s="10"/>
    </row>
    <row r="344727" spans="14:14">
      <c r="N344727" s="10"/>
    </row>
    <row r="344728" spans="14:14">
      <c r="N344728" s="10"/>
    </row>
    <row r="344729" spans="14:14">
      <c r="N344729" s="10"/>
    </row>
    <row r="344730" spans="14:14">
      <c r="N344730" s="10"/>
    </row>
    <row r="344731" spans="14:14">
      <c r="N344731" s="10"/>
    </row>
    <row r="344732" spans="14:14">
      <c r="N344732" s="10"/>
    </row>
    <row r="344733" spans="14:14">
      <c r="N344733" s="10"/>
    </row>
    <row r="344734" spans="14:14">
      <c r="N344734" s="10"/>
    </row>
    <row r="344735" spans="14:14">
      <c r="N344735" s="10"/>
    </row>
    <row r="344736" spans="14:14">
      <c r="N344736" s="10"/>
    </row>
    <row r="344737" spans="14:14">
      <c r="N344737" s="10"/>
    </row>
    <row r="344738" spans="14:14">
      <c r="N344738" s="10"/>
    </row>
    <row r="344739" spans="14:14">
      <c r="N344739" s="10"/>
    </row>
    <row r="344740" spans="14:14">
      <c r="N344740" s="10"/>
    </row>
    <row r="344741" spans="14:14">
      <c r="N344741" s="10"/>
    </row>
    <row r="344742" spans="14:14">
      <c r="N344742" s="10"/>
    </row>
    <row r="344743" spans="14:14">
      <c r="N344743" s="10"/>
    </row>
    <row r="344744" spans="14:14">
      <c r="N344744" s="10"/>
    </row>
    <row r="344745" spans="14:14">
      <c r="N344745" s="10"/>
    </row>
    <row r="344746" spans="14:14">
      <c r="N344746" s="10"/>
    </row>
    <row r="344747" spans="14:14">
      <c r="N344747" s="10"/>
    </row>
    <row r="344748" spans="14:14">
      <c r="N344748" s="10"/>
    </row>
    <row r="344749" spans="14:14">
      <c r="N344749" s="10"/>
    </row>
    <row r="344750" spans="14:14">
      <c r="N344750" s="10"/>
    </row>
    <row r="344751" spans="14:14">
      <c r="N344751" s="10"/>
    </row>
    <row r="344752" spans="14:14">
      <c r="N344752" s="10"/>
    </row>
    <row r="344753" spans="14:14">
      <c r="N344753" s="10"/>
    </row>
    <row r="344754" spans="14:14">
      <c r="N344754" s="10"/>
    </row>
    <row r="344755" spans="14:14">
      <c r="N344755" s="10"/>
    </row>
    <row r="344756" spans="14:14">
      <c r="N344756" s="10"/>
    </row>
    <row r="344757" spans="14:14">
      <c r="N344757" s="10"/>
    </row>
    <row r="344758" spans="14:14">
      <c r="N344758" s="10"/>
    </row>
    <row r="344759" spans="14:14">
      <c r="N344759" s="10"/>
    </row>
    <row r="344760" spans="14:14">
      <c r="N344760" s="10"/>
    </row>
    <row r="344761" spans="14:14">
      <c r="N344761" s="10"/>
    </row>
    <row r="344762" spans="14:14">
      <c r="N344762" s="10"/>
    </row>
    <row r="344763" spans="14:14">
      <c r="N344763" s="10"/>
    </row>
    <row r="344764" spans="14:14">
      <c r="N344764" s="10"/>
    </row>
    <row r="344765" spans="14:14">
      <c r="N344765" s="10"/>
    </row>
    <row r="344766" spans="14:14">
      <c r="N344766" s="10"/>
    </row>
    <row r="344767" spans="14:14">
      <c r="N344767" s="10"/>
    </row>
    <row r="344768" spans="14:14">
      <c r="N344768" s="10"/>
    </row>
    <row r="344769" spans="14:14">
      <c r="N344769" s="10"/>
    </row>
    <row r="344770" spans="14:14">
      <c r="N344770" s="10"/>
    </row>
    <row r="344771" spans="14:14">
      <c r="N344771" s="10"/>
    </row>
    <row r="344772" spans="14:14">
      <c r="N344772" s="10"/>
    </row>
    <row r="344773" spans="14:14">
      <c r="N344773" s="10"/>
    </row>
    <row r="344774" spans="14:14">
      <c r="N344774" s="10"/>
    </row>
    <row r="344775" spans="14:14">
      <c r="N344775" s="10"/>
    </row>
    <row r="344776" spans="14:14">
      <c r="N344776" s="10"/>
    </row>
    <row r="344777" spans="14:14">
      <c r="N344777" s="10"/>
    </row>
    <row r="344778" spans="14:14">
      <c r="N344778" s="10"/>
    </row>
    <row r="344779" spans="14:14">
      <c r="N344779" s="10"/>
    </row>
    <row r="344780" spans="14:14">
      <c r="N344780" s="10"/>
    </row>
    <row r="344781" spans="14:14">
      <c r="N344781" s="10"/>
    </row>
    <row r="344782" spans="14:14">
      <c r="N344782" s="10"/>
    </row>
    <row r="344783" spans="14:14">
      <c r="N344783" s="10"/>
    </row>
    <row r="344784" spans="14:14">
      <c r="N344784" s="10"/>
    </row>
    <row r="344785" spans="14:14">
      <c r="N344785" s="10"/>
    </row>
    <row r="344786" spans="14:14">
      <c r="N344786" s="10"/>
    </row>
    <row r="344787" spans="14:14">
      <c r="N344787" s="10"/>
    </row>
    <row r="344788" spans="14:14">
      <c r="N344788" s="10"/>
    </row>
    <row r="344789" spans="14:14">
      <c r="N344789" s="10"/>
    </row>
    <row r="344790" spans="14:14">
      <c r="N344790" s="10"/>
    </row>
    <row r="344791" spans="14:14">
      <c r="N344791" s="10"/>
    </row>
    <row r="344792" spans="14:14">
      <c r="N344792" s="10"/>
    </row>
    <row r="344793" spans="14:14">
      <c r="N344793" s="10"/>
    </row>
    <row r="344794" spans="14:14">
      <c r="N344794" s="10"/>
    </row>
    <row r="344795" spans="14:14">
      <c r="N344795" s="10"/>
    </row>
    <row r="344796" spans="14:14">
      <c r="N344796" s="10"/>
    </row>
    <row r="344797" spans="14:14">
      <c r="N344797" s="10"/>
    </row>
    <row r="344798" spans="14:14">
      <c r="N344798" s="10"/>
    </row>
    <row r="344799" spans="14:14">
      <c r="N344799" s="10"/>
    </row>
    <row r="344800" spans="14:14">
      <c r="N344800" s="10"/>
    </row>
    <row r="344801" spans="14:14">
      <c r="N344801" s="10"/>
    </row>
    <row r="344802" spans="14:14">
      <c r="N344802" s="10"/>
    </row>
    <row r="344803" spans="14:14">
      <c r="N344803" s="10"/>
    </row>
    <row r="344804" spans="14:14">
      <c r="N344804" s="10"/>
    </row>
    <row r="344805" spans="14:14">
      <c r="N344805" s="10"/>
    </row>
    <row r="344806" spans="14:14">
      <c r="N344806" s="10"/>
    </row>
    <row r="344807" spans="14:14">
      <c r="N344807" s="10"/>
    </row>
    <row r="344808" spans="14:14">
      <c r="N344808" s="10"/>
    </row>
    <row r="344809" spans="14:14">
      <c r="N344809" s="10"/>
    </row>
    <row r="344810" spans="14:14">
      <c r="N344810" s="10"/>
    </row>
    <row r="344811" spans="14:14">
      <c r="N344811" s="10"/>
    </row>
    <row r="344812" spans="14:14">
      <c r="N344812" s="10"/>
    </row>
    <row r="344813" spans="14:14">
      <c r="N344813" s="10"/>
    </row>
    <row r="344814" spans="14:14">
      <c r="N344814" s="10"/>
    </row>
    <row r="344815" spans="14:14">
      <c r="N344815" s="10"/>
    </row>
    <row r="344816" spans="14:14">
      <c r="N344816" s="10"/>
    </row>
    <row r="344817" spans="14:14">
      <c r="N344817" s="10"/>
    </row>
    <row r="344818" spans="14:14">
      <c r="N344818" s="10"/>
    </row>
    <row r="344819" spans="14:14">
      <c r="N344819" s="10"/>
    </row>
    <row r="344820" spans="14:14">
      <c r="N344820" s="10"/>
    </row>
    <row r="344821" spans="14:14">
      <c r="N344821" s="10"/>
    </row>
    <row r="344822" spans="14:14">
      <c r="N344822" s="10"/>
    </row>
    <row r="344823" spans="14:14">
      <c r="N344823" s="10"/>
    </row>
    <row r="344824" spans="14:14">
      <c r="N344824" s="10"/>
    </row>
    <row r="344825" spans="14:14">
      <c r="N344825" s="10"/>
    </row>
    <row r="344826" spans="14:14">
      <c r="N344826" s="10"/>
    </row>
    <row r="344827" spans="14:14">
      <c r="N344827" s="10"/>
    </row>
    <row r="344828" spans="14:14">
      <c r="N344828" s="10"/>
    </row>
    <row r="344829" spans="14:14">
      <c r="N344829" s="10"/>
    </row>
    <row r="344830" spans="14:14">
      <c r="N344830" s="10"/>
    </row>
    <row r="344831" spans="14:14">
      <c r="N344831" s="10"/>
    </row>
    <row r="344832" spans="14:14">
      <c r="N344832" s="10"/>
    </row>
    <row r="344833" spans="14:14">
      <c r="N344833" s="10"/>
    </row>
    <row r="344834" spans="14:14">
      <c r="N344834" s="10"/>
    </row>
    <row r="344835" spans="14:14">
      <c r="N344835" s="10"/>
    </row>
    <row r="344836" spans="14:14">
      <c r="N344836" s="10"/>
    </row>
    <row r="344837" spans="14:14">
      <c r="N344837" s="10"/>
    </row>
    <row r="344838" spans="14:14">
      <c r="N344838" s="10"/>
    </row>
    <row r="344839" spans="14:14">
      <c r="N344839" s="10"/>
    </row>
    <row r="344840" spans="14:14">
      <c r="N344840" s="10"/>
    </row>
    <row r="344841" spans="14:14">
      <c r="N344841" s="10"/>
    </row>
    <row r="344842" spans="14:14">
      <c r="N344842" s="10"/>
    </row>
    <row r="344843" spans="14:14">
      <c r="N344843" s="10"/>
    </row>
    <row r="344844" spans="14:14">
      <c r="N344844" s="10"/>
    </row>
    <row r="344845" spans="14:14">
      <c r="N344845" s="10"/>
    </row>
    <row r="344846" spans="14:14">
      <c r="N344846" s="10"/>
    </row>
    <row r="344847" spans="14:14">
      <c r="N344847" s="10"/>
    </row>
    <row r="344848" spans="14:14">
      <c r="N344848" s="10"/>
    </row>
    <row r="344849" spans="14:14">
      <c r="N344849" s="10"/>
    </row>
    <row r="344850" spans="14:14">
      <c r="N344850" s="10"/>
    </row>
    <row r="344851" spans="14:14">
      <c r="N344851" s="10"/>
    </row>
    <row r="344852" spans="14:14">
      <c r="N344852" s="10"/>
    </row>
    <row r="344853" spans="14:14">
      <c r="N344853" s="10"/>
    </row>
    <row r="344854" spans="14:14">
      <c r="N344854" s="10"/>
    </row>
    <row r="344855" spans="14:14">
      <c r="N344855" s="10"/>
    </row>
    <row r="344856" spans="14:14">
      <c r="N344856" s="10"/>
    </row>
    <row r="344857" spans="14:14">
      <c r="N344857" s="10"/>
    </row>
    <row r="344858" spans="14:14">
      <c r="N344858" s="10"/>
    </row>
    <row r="344859" spans="14:14">
      <c r="N344859" s="10"/>
    </row>
    <row r="344860" spans="14:14">
      <c r="N344860" s="10"/>
    </row>
    <row r="344861" spans="14:14">
      <c r="N344861" s="10"/>
    </row>
    <row r="344862" spans="14:14">
      <c r="N344862" s="10"/>
    </row>
    <row r="344863" spans="14:14">
      <c r="N344863" s="10"/>
    </row>
    <row r="344864" spans="14:14">
      <c r="N344864" s="10"/>
    </row>
    <row r="344865" spans="14:14">
      <c r="N344865" s="10"/>
    </row>
    <row r="344866" spans="14:14">
      <c r="N344866" s="10"/>
    </row>
    <row r="344867" spans="14:14">
      <c r="N344867" s="10"/>
    </row>
    <row r="344868" spans="14:14">
      <c r="N344868" s="10"/>
    </row>
    <row r="344869" spans="14:14">
      <c r="N344869" s="10"/>
    </row>
    <row r="344870" spans="14:14">
      <c r="N344870" s="10"/>
    </row>
    <row r="344871" spans="14:14">
      <c r="N344871" s="10"/>
    </row>
    <row r="344872" spans="14:14">
      <c r="N344872" s="10"/>
    </row>
    <row r="344873" spans="14:14">
      <c r="N344873" s="10"/>
    </row>
    <row r="344874" spans="14:14">
      <c r="N344874" s="10"/>
    </row>
    <row r="344875" spans="14:14">
      <c r="N344875" s="10"/>
    </row>
    <row r="344876" spans="14:14">
      <c r="N344876" s="10"/>
    </row>
    <row r="344877" spans="14:14">
      <c r="N344877" s="10"/>
    </row>
    <row r="344878" spans="14:14">
      <c r="N344878" s="10"/>
    </row>
    <row r="344879" spans="14:14">
      <c r="N344879" s="10"/>
    </row>
    <row r="344880" spans="14:14">
      <c r="N344880" s="10"/>
    </row>
    <row r="344881" spans="14:14">
      <c r="N344881" s="10"/>
    </row>
    <row r="344882" spans="14:14">
      <c r="N344882" s="10"/>
    </row>
    <row r="344883" spans="14:14">
      <c r="N344883" s="10"/>
    </row>
    <row r="344884" spans="14:14">
      <c r="N344884" s="10"/>
    </row>
    <row r="344885" spans="14:14">
      <c r="N344885" s="10"/>
    </row>
    <row r="344886" spans="14:14">
      <c r="N344886" s="10"/>
    </row>
    <row r="344887" spans="14:14">
      <c r="N344887" s="10"/>
    </row>
    <row r="344888" spans="14:14">
      <c r="N344888" s="10"/>
    </row>
    <row r="344889" spans="14:14">
      <c r="N344889" s="10"/>
    </row>
    <row r="344890" spans="14:14">
      <c r="N344890" s="10"/>
    </row>
    <row r="344891" spans="14:14">
      <c r="N344891" s="10"/>
    </row>
    <row r="344892" spans="14:14">
      <c r="N344892" s="10"/>
    </row>
    <row r="344893" spans="14:14">
      <c r="N344893" s="10"/>
    </row>
    <row r="344894" spans="14:14">
      <c r="N344894" s="10"/>
    </row>
    <row r="344895" spans="14:14">
      <c r="N344895" s="10"/>
    </row>
    <row r="344896" spans="14:14">
      <c r="N344896" s="10"/>
    </row>
    <row r="344897" spans="14:14">
      <c r="N344897" s="10"/>
    </row>
    <row r="344898" spans="14:14">
      <c r="N344898" s="10"/>
    </row>
    <row r="344899" spans="14:14">
      <c r="N344899" s="10"/>
    </row>
    <row r="344900" spans="14:14">
      <c r="N344900" s="10"/>
    </row>
    <row r="344901" spans="14:14">
      <c r="N344901" s="10"/>
    </row>
    <row r="344902" spans="14:14">
      <c r="N344902" s="10"/>
    </row>
    <row r="344903" spans="14:14">
      <c r="N344903" s="10"/>
    </row>
    <row r="344904" spans="14:14">
      <c r="N344904" s="10"/>
    </row>
    <row r="344905" spans="14:14">
      <c r="N344905" s="10"/>
    </row>
    <row r="344906" spans="14:14">
      <c r="N344906" s="10"/>
    </row>
    <row r="344907" spans="14:14">
      <c r="N344907" s="10"/>
    </row>
    <row r="344908" spans="14:14">
      <c r="N344908" s="10"/>
    </row>
    <row r="344909" spans="14:14">
      <c r="N344909" s="10"/>
    </row>
    <row r="344910" spans="14:14">
      <c r="N344910" s="10"/>
    </row>
    <row r="344911" spans="14:14">
      <c r="N344911" s="10"/>
    </row>
    <row r="344912" spans="14:14">
      <c r="N344912" s="10"/>
    </row>
    <row r="344913" spans="14:14">
      <c r="N344913" s="10"/>
    </row>
    <row r="344914" spans="14:14">
      <c r="N344914" s="10"/>
    </row>
    <row r="344915" spans="14:14">
      <c r="N344915" s="10"/>
    </row>
    <row r="344916" spans="14:14">
      <c r="N344916" s="10"/>
    </row>
    <row r="344917" spans="14:14">
      <c r="N344917" s="10"/>
    </row>
    <row r="344918" spans="14:14">
      <c r="N344918" s="10"/>
    </row>
    <row r="344919" spans="14:14">
      <c r="N344919" s="10"/>
    </row>
    <row r="344920" spans="14:14">
      <c r="N344920" s="10"/>
    </row>
    <row r="344921" spans="14:14">
      <c r="N344921" s="10"/>
    </row>
    <row r="344922" spans="14:14">
      <c r="N344922" s="10"/>
    </row>
    <row r="344923" spans="14:14">
      <c r="N344923" s="10"/>
    </row>
    <row r="344924" spans="14:14">
      <c r="N344924" s="10"/>
    </row>
    <row r="344925" spans="14:14">
      <c r="N344925" s="10"/>
    </row>
    <row r="344926" spans="14:14">
      <c r="N344926" s="10"/>
    </row>
    <row r="344927" spans="14:14">
      <c r="N344927" s="10"/>
    </row>
    <row r="344928" spans="14:14">
      <c r="N344928" s="10"/>
    </row>
    <row r="344929" spans="14:14">
      <c r="N344929" s="10"/>
    </row>
    <row r="344930" spans="14:14">
      <c r="N344930" s="10"/>
    </row>
    <row r="344931" spans="14:14">
      <c r="N344931" s="10"/>
    </row>
    <row r="344932" spans="14:14">
      <c r="N344932" s="10"/>
    </row>
    <row r="344933" spans="14:14">
      <c r="N344933" s="10"/>
    </row>
    <row r="344934" spans="14:14">
      <c r="N344934" s="10"/>
    </row>
    <row r="344935" spans="14:14">
      <c r="N344935" s="10"/>
    </row>
    <row r="344936" spans="14:14">
      <c r="N344936" s="10"/>
    </row>
    <row r="344937" spans="14:14">
      <c r="N344937" s="10"/>
    </row>
    <row r="344938" spans="14:14">
      <c r="N344938" s="10"/>
    </row>
    <row r="344939" spans="14:14">
      <c r="N344939" s="10"/>
    </row>
    <row r="344940" spans="14:14">
      <c r="N344940" s="10"/>
    </row>
    <row r="344941" spans="14:14">
      <c r="N344941" s="10"/>
    </row>
    <row r="344942" spans="14:14">
      <c r="N344942" s="10"/>
    </row>
    <row r="344943" spans="14:14">
      <c r="N344943" s="10"/>
    </row>
    <row r="344944" spans="14:14">
      <c r="N344944" s="10"/>
    </row>
    <row r="344945" spans="14:14">
      <c r="N344945" s="10"/>
    </row>
    <row r="344946" spans="14:14">
      <c r="N344946" s="10"/>
    </row>
    <row r="344947" spans="14:14">
      <c r="N344947" s="10"/>
    </row>
    <row r="344948" spans="14:14">
      <c r="N344948" s="10"/>
    </row>
    <row r="344949" spans="14:14">
      <c r="N344949" s="10"/>
    </row>
    <row r="344950" spans="14:14">
      <c r="N344950" s="10"/>
    </row>
    <row r="344951" spans="14:14">
      <c r="N344951" s="10"/>
    </row>
    <row r="344952" spans="14:14">
      <c r="N344952" s="10"/>
    </row>
    <row r="344953" spans="14:14">
      <c r="N344953" s="10"/>
    </row>
    <row r="344954" spans="14:14">
      <c r="N344954" s="10"/>
    </row>
    <row r="344955" spans="14:14">
      <c r="N344955" s="10"/>
    </row>
    <row r="344956" spans="14:14">
      <c r="N344956" s="10"/>
    </row>
    <row r="344957" spans="14:14">
      <c r="N344957" s="10"/>
    </row>
    <row r="344958" spans="14:14">
      <c r="N344958" s="10"/>
    </row>
    <row r="344959" spans="14:14">
      <c r="N344959" s="10"/>
    </row>
    <row r="344960" spans="14:14">
      <c r="N344960" s="10"/>
    </row>
    <row r="344961" spans="14:14">
      <c r="N344961" s="10"/>
    </row>
    <row r="344962" spans="14:14">
      <c r="N344962" s="10"/>
    </row>
    <row r="344963" spans="14:14">
      <c r="N344963" s="10"/>
    </row>
    <row r="344964" spans="14:14">
      <c r="N344964" s="10"/>
    </row>
    <row r="344965" spans="14:14">
      <c r="N344965" s="10"/>
    </row>
    <row r="344966" spans="14:14">
      <c r="N344966" s="10"/>
    </row>
    <row r="344967" spans="14:14">
      <c r="N344967" s="10"/>
    </row>
    <row r="344968" spans="14:14">
      <c r="N344968" s="10"/>
    </row>
    <row r="344969" spans="14:14">
      <c r="N344969" s="10"/>
    </row>
    <row r="344970" spans="14:14">
      <c r="N344970" s="10"/>
    </row>
    <row r="344971" spans="14:14">
      <c r="N344971" s="10"/>
    </row>
    <row r="344972" spans="14:14">
      <c r="N344972" s="10"/>
    </row>
    <row r="344973" spans="14:14">
      <c r="N344973" s="10"/>
    </row>
    <row r="344974" spans="14:14">
      <c r="N344974" s="10"/>
    </row>
    <row r="344975" spans="14:14">
      <c r="N344975" s="10"/>
    </row>
    <row r="344976" spans="14:14">
      <c r="N344976" s="10"/>
    </row>
    <row r="344977" spans="14:14">
      <c r="N344977" s="10"/>
    </row>
    <row r="344978" spans="14:14">
      <c r="N344978" s="10"/>
    </row>
    <row r="344979" spans="14:14">
      <c r="N344979" s="10"/>
    </row>
    <row r="344980" spans="14:14">
      <c r="N344980" s="10"/>
    </row>
    <row r="344981" spans="14:14">
      <c r="N344981" s="10"/>
    </row>
    <row r="344982" spans="14:14">
      <c r="N344982" s="10"/>
    </row>
    <row r="344983" spans="14:14">
      <c r="N344983" s="10"/>
    </row>
    <row r="344984" spans="14:14">
      <c r="N344984" s="10"/>
    </row>
    <row r="344985" spans="14:14">
      <c r="N344985" s="10"/>
    </row>
    <row r="344986" spans="14:14">
      <c r="N344986" s="10"/>
    </row>
    <row r="344987" spans="14:14">
      <c r="N344987" s="10"/>
    </row>
    <row r="344988" spans="14:14">
      <c r="N344988" s="10"/>
    </row>
    <row r="344989" spans="14:14">
      <c r="N344989" s="10"/>
    </row>
    <row r="344990" spans="14:14">
      <c r="N344990" s="10"/>
    </row>
    <row r="344991" spans="14:14">
      <c r="N344991" s="10"/>
    </row>
    <row r="344992" spans="14:14">
      <c r="N344992" s="10"/>
    </row>
    <row r="344993" spans="14:14">
      <c r="N344993" s="10"/>
    </row>
    <row r="344994" spans="14:14">
      <c r="N344994" s="10"/>
    </row>
    <row r="344995" spans="14:14">
      <c r="N344995" s="10"/>
    </row>
    <row r="344996" spans="14:14">
      <c r="N344996" s="10"/>
    </row>
    <row r="344997" spans="14:14">
      <c r="N344997" s="10"/>
    </row>
    <row r="344998" spans="14:14">
      <c r="N344998" s="10"/>
    </row>
    <row r="344999" spans="14:14">
      <c r="N344999" s="10"/>
    </row>
    <row r="345000" spans="14:14">
      <c r="N345000" s="10"/>
    </row>
    <row r="345001" spans="14:14">
      <c r="N345001" s="10"/>
    </row>
    <row r="345002" spans="14:14">
      <c r="N345002" s="10"/>
    </row>
    <row r="345003" spans="14:14">
      <c r="N345003" s="10"/>
    </row>
    <row r="345004" spans="14:14">
      <c r="N345004" s="10"/>
    </row>
    <row r="345005" spans="14:14">
      <c r="N345005" s="10"/>
    </row>
    <row r="345006" spans="14:14">
      <c r="N345006" s="10"/>
    </row>
    <row r="345007" spans="14:14">
      <c r="N345007" s="10"/>
    </row>
    <row r="345008" spans="14:14">
      <c r="N345008" s="10"/>
    </row>
    <row r="345009" spans="14:14">
      <c r="N345009" s="10"/>
    </row>
    <row r="345010" spans="14:14">
      <c r="N345010" s="10"/>
    </row>
    <row r="345011" spans="14:14">
      <c r="N345011" s="10"/>
    </row>
    <row r="345012" spans="14:14">
      <c r="N345012" s="10"/>
    </row>
    <row r="345013" spans="14:14">
      <c r="N345013" s="10"/>
    </row>
    <row r="345014" spans="14:14">
      <c r="N345014" s="10"/>
    </row>
    <row r="345015" spans="14:14">
      <c r="N345015" s="10"/>
    </row>
    <row r="345016" spans="14:14">
      <c r="N345016" s="10"/>
    </row>
    <row r="345017" spans="14:14">
      <c r="N345017" s="10"/>
    </row>
    <row r="345018" spans="14:14">
      <c r="N345018" s="10"/>
    </row>
    <row r="345019" spans="14:14">
      <c r="N345019" s="10"/>
    </row>
    <row r="345020" spans="14:14">
      <c r="N345020" s="10"/>
    </row>
    <row r="345021" spans="14:14">
      <c r="N345021" s="10"/>
    </row>
    <row r="345022" spans="14:14">
      <c r="N345022" s="10"/>
    </row>
    <row r="345023" spans="14:14">
      <c r="N345023" s="10"/>
    </row>
    <row r="345024" spans="14:14">
      <c r="N345024" s="10"/>
    </row>
    <row r="345025" spans="14:14">
      <c r="N345025" s="10"/>
    </row>
    <row r="345026" spans="14:14">
      <c r="N345026" s="10"/>
    </row>
    <row r="345027" spans="14:14">
      <c r="N345027" s="10"/>
    </row>
    <row r="345028" spans="14:14">
      <c r="N345028" s="10"/>
    </row>
    <row r="345029" spans="14:14">
      <c r="N345029" s="10"/>
    </row>
    <row r="345030" spans="14:14">
      <c r="N345030" s="10"/>
    </row>
    <row r="345031" spans="14:14">
      <c r="N345031" s="10"/>
    </row>
    <row r="345032" spans="14:14">
      <c r="N345032" s="10"/>
    </row>
    <row r="345033" spans="14:14">
      <c r="N345033" s="10"/>
    </row>
    <row r="345034" spans="14:14">
      <c r="N345034" s="10"/>
    </row>
    <row r="345035" spans="14:14">
      <c r="N345035" s="10"/>
    </row>
    <row r="345036" spans="14:14">
      <c r="N345036" s="10"/>
    </row>
    <row r="345037" spans="14:14">
      <c r="N345037" s="10"/>
    </row>
    <row r="345038" spans="14:14">
      <c r="N345038" s="10"/>
    </row>
    <row r="345039" spans="14:14">
      <c r="N345039" s="10"/>
    </row>
    <row r="345040" spans="14:14">
      <c r="N345040" s="10"/>
    </row>
    <row r="345041" spans="14:14">
      <c r="N345041" s="10"/>
    </row>
    <row r="345042" spans="14:14">
      <c r="N345042" s="10"/>
    </row>
    <row r="345043" spans="14:14">
      <c r="N345043" s="10"/>
    </row>
    <row r="345044" spans="14:14">
      <c r="N345044" s="10"/>
    </row>
    <row r="345045" spans="14:14">
      <c r="N345045" s="10"/>
    </row>
    <row r="345046" spans="14:14">
      <c r="N345046" s="10"/>
    </row>
    <row r="345047" spans="14:14">
      <c r="N345047" s="10"/>
    </row>
    <row r="345048" spans="14:14">
      <c r="N345048" s="10"/>
    </row>
    <row r="345049" spans="14:14">
      <c r="N345049" s="10"/>
    </row>
    <row r="345050" spans="14:14">
      <c r="N345050" s="10"/>
    </row>
    <row r="345051" spans="14:14">
      <c r="N345051" s="10"/>
    </row>
    <row r="345052" spans="14:14">
      <c r="N345052" s="10"/>
    </row>
    <row r="345053" spans="14:14">
      <c r="N345053" s="10"/>
    </row>
    <row r="345054" spans="14:14">
      <c r="N345054" s="10"/>
    </row>
    <row r="345055" spans="14:14">
      <c r="N345055" s="10"/>
    </row>
    <row r="345056" spans="14:14">
      <c r="N345056" s="10"/>
    </row>
    <row r="345057" spans="14:14">
      <c r="N345057" s="10"/>
    </row>
    <row r="345058" spans="14:14">
      <c r="N345058" s="10"/>
    </row>
    <row r="345059" spans="14:14">
      <c r="N345059" s="10"/>
    </row>
    <row r="345060" spans="14:14">
      <c r="N345060" s="10"/>
    </row>
    <row r="345061" spans="14:14">
      <c r="N345061" s="10"/>
    </row>
    <row r="345062" spans="14:14">
      <c r="N345062" s="10"/>
    </row>
    <row r="345063" spans="14:14">
      <c r="N345063" s="10"/>
    </row>
    <row r="345064" spans="14:14">
      <c r="N345064" s="10"/>
    </row>
    <row r="345065" spans="14:14">
      <c r="N345065" s="10"/>
    </row>
    <row r="345066" spans="14:14">
      <c r="N345066" s="10"/>
    </row>
    <row r="345067" spans="14:14">
      <c r="N345067" s="10"/>
    </row>
    <row r="345068" spans="14:14">
      <c r="N345068" s="10"/>
    </row>
    <row r="345069" spans="14:14">
      <c r="N345069" s="10"/>
    </row>
    <row r="345070" spans="14:14">
      <c r="N345070" s="10"/>
    </row>
    <row r="345071" spans="14:14">
      <c r="N345071" s="10"/>
    </row>
    <row r="345072" spans="14:14">
      <c r="N345072" s="10"/>
    </row>
    <row r="345073" spans="14:14">
      <c r="N345073" s="10"/>
    </row>
    <row r="345074" spans="14:14">
      <c r="N345074" s="10"/>
    </row>
    <row r="345075" spans="14:14">
      <c r="N345075" s="10"/>
    </row>
    <row r="345076" spans="14:14">
      <c r="N345076" s="10"/>
    </row>
    <row r="345077" spans="14:14">
      <c r="N345077" s="10"/>
    </row>
    <row r="345078" spans="14:14">
      <c r="N345078" s="10"/>
    </row>
    <row r="345079" spans="14:14">
      <c r="N345079" s="10"/>
    </row>
    <row r="345080" spans="14:14">
      <c r="N345080" s="10"/>
    </row>
    <row r="345081" spans="14:14">
      <c r="N345081" s="10"/>
    </row>
    <row r="345082" spans="14:14">
      <c r="N345082" s="10"/>
    </row>
    <row r="345083" spans="14:14">
      <c r="N345083" s="10"/>
    </row>
    <row r="345084" spans="14:14">
      <c r="N345084" s="10"/>
    </row>
    <row r="345085" spans="14:14">
      <c r="N345085" s="10"/>
    </row>
    <row r="345086" spans="14:14">
      <c r="N345086" s="10"/>
    </row>
    <row r="345087" spans="14:14">
      <c r="N345087" s="10"/>
    </row>
    <row r="345088" spans="14:14">
      <c r="N345088" s="10"/>
    </row>
    <row r="345089" spans="14:14">
      <c r="N345089" s="10"/>
    </row>
    <row r="345090" spans="14:14">
      <c r="N345090" s="10"/>
    </row>
    <row r="345091" spans="14:14">
      <c r="N345091" s="10"/>
    </row>
    <row r="345092" spans="14:14">
      <c r="N345092" s="10"/>
    </row>
    <row r="345093" spans="14:14">
      <c r="N345093" s="10"/>
    </row>
    <row r="345094" spans="14:14">
      <c r="N345094" s="10"/>
    </row>
    <row r="345095" spans="14:14">
      <c r="N345095" s="10"/>
    </row>
    <row r="345096" spans="14:14">
      <c r="N345096" s="10"/>
    </row>
    <row r="345097" spans="14:14">
      <c r="N345097" s="10"/>
    </row>
    <row r="345098" spans="14:14">
      <c r="N345098" s="10"/>
    </row>
    <row r="345099" spans="14:14">
      <c r="N345099" s="10"/>
    </row>
    <row r="345100" spans="14:14">
      <c r="N345100" s="10"/>
    </row>
    <row r="345101" spans="14:14">
      <c r="N345101" s="10"/>
    </row>
    <row r="345102" spans="14:14">
      <c r="N345102" s="10"/>
    </row>
    <row r="345103" spans="14:14">
      <c r="N345103" s="10"/>
    </row>
    <row r="345104" spans="14:14">
      <c r="N345104" s="10"/>
    </row>
    <row r="345105" spans="14:14">
      <c r="N345105" s="10"/>
    </row>
    <row r="345106" spans="14:14">
      <c r="N345106" s="10"/>
    </row>
    <row r="345107" spans="14:14">
      <c r="N345107" s="10"/>
    </row>
    <row r="345108" spans="14:14">
      <c r="N345108" s="10"/>
    </row>
    <row r="345109" spans="14:14">
      <c r="N345109" s="10"/>
    </row>
    <row r="345110" spans="14:14">
      <c r="N345110" s="10"/>
    </row>
    <row r="345111" spans="14:14">
      <c r="N345111" s="10"/>
    </row>
    <row r="345112" spans="14:14">
      <c r="N345112" s="10"/>
    </row>
    <row r="345113" spans="14:14">
      <c r="N345113" s="10"/>
    </row>
    <row r="345114" spans="14:14">
      <c r="N345114" s="10"/>
    </row>
    <row r="345115" spans="14:14">
      <c r="N345115" s="10"/>
    </row>
    <row r="345116" spans="14:14">
      <c r="N345116" s="10"/>
    </row>
    <row r="345117" spans="14:14">
      <c r="N345117" s="10"/>
    </row>
    <row r="345118" spans="14:14">
      <c r="N345118" s="10"/>
    </row>
    <row r="345119" spans="14:14">
      <c r="N345119" s="10"/>
    </row>
    <row r="345120" spans="14:14">
      <c r="N345120" s="10"/>
    </row>
    <row r="345121" spans="14:14">
      <c r="N345121" s="10"/>
    </row>
    <row r="345122" spans="14:14">
      <c r="N345122" s="10"/>
    </row>
    <row r="345123" spans="14:14">
      <c r="N345123" s="10"/>
    </row>
    <row r="345124" spans="14:14">
      <c r="N345124" s="10"/>
    </row>
    <row r="345125" spans="14:14">
      <c r="N345125" s="10"/>
    </row>
    <row r="345126" spans="14:14">
      <c r="N345126" s="10"/>
    </row>
    <row r="345127" spans="14:14">
      <c r="N345127" s="10"/>
    </row>
    <row r="345128" spans="14:14">
      <c r="N345128" s="10"/>
    </row>
    <row r="345129" spans="14:14">
      <c r="N345129" s="10"/>
    </row>
    <row r="345130" spans="14:14">
      <c r="N345130" s="10"/>
    </row>
    <row r="345131" spans="14:14">
      <c r="N345131" s="10"/>
    </row>
    <row r="345132" spans="14:14">
      <c r="N345132" s="10"/>
    </row>
    <row r="345133" spans="14:14">
      <c r="N345133" s="10"/>
    </row>
    <row r="345134" spans="14:14">
      <c r="N345134" s="10"/>
    </row>
    <row r="345135" spans="14:14">
      <c r="N345135" s="10"/>
    </row>
    <row r="345136" spans="14:14">
      <c r="N345136" s="10"/>
    </row>
    <row r="345137" spans="14:14">
      <c r="N345137" s="10"/>
    </row>
    <row r="345138" spans="14:14">
      <c r="N345138" s="10"/>
    </row>
    <row r="345139" spans="14:14">
      <c r="N345139" s="10"/>
    </row>
    <row r="345140" spans="14:14">
      <c r="N345140" s="10"/>
    </row>
    <row r="345141" spans="14:14">
      <c r="N345141" s="10"/>
    </row>
    <row r="345142" spans="14:14">
      <c r="N345142" s="10"/>
    </row>
    <row r="345143" spans="14:14">
      <c r="N345143" s="10"/>
    </row>
    <row r="345144" spans="14:14">
      <c r="N345144" s="10"/>
    </row>
    <row r="345145" spans="14:14">
      <c r="N345145" s="10"/>
    </row>
    <row r="345146" spans="14:14">
      <c r="N345146" s="10"/>
    </row>
    <row r="345147" spans="14:14">
      <c r="N345147" s="10"/>
    </row>
    <row r="345148" spans="14:14">
      <c r="N345148" s="10"/>
    </row>
    <row r="345149" spans="14:14">
      <c r="N345149" s="10"/>
    </row>
    <row r="345150" spans="14:14">
      <c r="N345150" s="10"/>
    </row>
    <row r="345151" spans="14:14">
      <c r="N345151" s="10"/>
    </row>
    <row r="345152" spans="14:14">
      <c r="N345152" s="10"/>
    </row>
    <row r="345153" spans="14:14">
      <c r="N345153" s="10"/>
    </row>
    <row r="345154" spans="14:14">
      <c r="N345154" s="10"/>
    </row>
    <row r="345155" spans="14:14">
      <c r="N345155" s="10"/>
    </row>
    <row r="345156" spans="14:14">
      <c r="N345156" s="10"/>
    </row>
    <row r="345157" spans="14:14">
      <c r="N345157" s="10"/>
    </row>
    <row r="345158" spans="14:14">
      <c r="N345158" s="10"/>
    </row>
    <row r="345159" spans="14:14">
      <c r="N345159" s="10"/>
    </row>
    <row r="345160" spans="14:14">
      <c r="N345160" s="10"/>
    </row>
    <row r="345161" spans="14:14">
      <c r="N345161" s="10"/>
    </row>
    <row r="345162" spans="14:14">
      <c r="N345162" s="10"/>
    </row>
    <row r="345163" spans="14:14">
      <c r="N345163" s="10"/>
    </row>
    <row r="345164" spans="14:14">
      <c r="N345164" s="10"/>
    </row>
    <row r="345165" spans="14:14">
      <c r="N345165" s="10"/>
    </row>
    <row r="345166" spans="14:14">
      <c r="N345166" s="10"/>
    </row>
    <row r="345167" spans="14:14">
      <c r="N345167" s="10"/>
    </row>
    <row r="345168" spans="14:14">
      <c r="N345168" s="10"/>
    </row>
    <row r="345169" spans="14:14">
      <c r="N345169" s="10"/>
    </row>
    <row r="345170" spans="14:14">
      <c r="N345170" s="10"/>
    </row>
    <row r="345171" spans="14:14">
      <c r="N345171" s="10"/>
    </row>
    <row r="345172" spans="14:14">
      <c r="N345172" s="10"/>
    </row>
    <row r="345173" spans="14:14">
      <c r="N345173" s="10"/>
    </row>
    <row r="345174" spans="14:14">
      <c r="N345174" s="10"/>
    </row>
    <row r="345175" spans="14:14">
      <c r="N345175" s="10"/>
    </row>
    <row r="345176" spans="14:14">
      <c r="N345176" s="10"/>
    </row>
    <row r="345177" spans="14:14">
      <c r="N345177" s="10"/>
    </row>
    <row r="345178" spans="14:14">
      <c r="N345178" s="10"/>
    </row>
    <row r="345179" spans="14:14">
      <c r="N345179" s="10"/>
    </row>
    <row r="345180" spans="14:14">
      <c r="N345180" s="10"/>
    </row>
    <row r="345181" spans="14:14">
      <c r="N345181" s="10"/>
    </row>
    <row r="345182" spans="14:14">
      <c r="N345182" s="10"/>
    </row>
    <row r="345183" spans="14:14">
      <c r="N345183" s="10"/>
    </row>
    <row r="345184" spans="14:14">
      <c r="N345184" s="10"/>
    </row>
    <row r="345185" spans="14:14">
      <c r="N345185" s="10"/>
    </row>
    <row r="345186" spans="14:14">
      <c r="N345186" s="10"/>
    </row>
    <row r="345187" spans="14:14">
      <c r="N345187" s="10"/>
    </row>
    <row r="345188" spans="14:14">
      <c r="N345188" s="10"/>
    </row>
    <row r="345189" spans="14:14">
      <c r="N345189" s="10"/>
    </row>
    <row r="345190" spans="14:14">
      <c r="N345190" s="10"/>
    </row>
    <row r="345191" spans="14:14">
      <c r="N345191" s="10"/>
    </row>
    <row r="345192" spans="14:14">
      <c r="N345192" s="10"/>
    </row>
    <row r="345193" spans="14:14">
      <c r="N345193" s="10"/>
    </row>
    <row r="345194" spans="14:14">
      <c r="N345194" s="10"/>
    </row>
    <row r="345195" spans="14:14">
      <c r="N345195" s="10"/>
    </row>
    <row r="345196" spans="14:14">
      <c r="N345196" s="10"/>
    </row>
    <row r="345197" spans="14:14">
      <c r="N345197" s="10"/>
    </row>
    <row r="345198" spans="14:14">
      <c r="N345198" s="10"/>
    </row>
    <row r="345199" spans="14:14">
      <c r="N345199" s="10"/>
    </row>
    <row r="345200" spans="14:14">
      <c r="N345200" s="10"/>
    </row>
    <row r="345201" spans="14:14">
      <c r="N345201" s="10"/>
    </row>
    <row r="345202" spans="14:14">
      <c r="N345202" s="10"/>
    </row>
    <row r="345203" spans="14:14">
      <c r="N345203" s="10"/>
    </row>
    <row r="345204" spans="14:14">
      <c r="N345204" s="10"/>
    </row>
    <row r="345205" spans="14:14">
      <c r="N345205" s="10"/>
    </row>
    <row r="345206" spans="14:14">
      <c r="N345206" s="10"/>
    </row>
    <row r="345207" spans="14:14">
      <c r="N345207" s="10"/>
    </row>
    <row r="345208" spans="14:14">
      <c r="N345208" s="10"/>
    </row>
    <row r="345209" spans="14:14">
      <c r="N345209" s="10"/>
    </row>
    <row r="345210" spans="14:14">
      <c r="N345210" s="10"/>
    </row>
    <row r="345211" spans="14:14">
      <c r="N345211" s="10"/>
    </row>
    <row r="345212" spans="14:14">
      <c r="N345212" s="10"/>
    </row>
    <row r="345213" spans="14:14">
      <c r="N345213" s="10"/>
    </row>
    <row r="345214" spans="14:14">
      <c r="N345214" s="10"/>
    </row>
    <row r="345215" spans="14:14">
      <c r="N345215" s="10"/>
    </row>
    <row r="345216" spans="14:14">
      <c r="N345216" s="10"/>
    </row>
    <row r="345217" spans="14:14">
      <c r="N345217" s="10"/>
    </row>
    <row r="345218" spans="14:14">
      <c r="N345218" s="10"/>
    </row>
    <row r="345219" spans="14:14">
      <c r="N345219" s="10"/>
    </row>
    <row r="345220" spans="14:14">
      <c r="N345220" s="10"/>
    </row>
    <row r="345221" spans="14:14">
      <c r="N345221" s="10"/>
    </row>
    <row r="345222" spans="14:14">
      <c r="N345222" s="10"/>
    </row>
    <row r="345223" spans="14:14">
      <c r="N345223" s="10"/>
    </row>
    <row r="345224" spans="14:14">
      <c r="N345224" s="10"/>
    </row>
    <row r="345225" spans="14:14">
      <c r="N345225" s="10"/>
    </row>
    <row r="345226" spans="14:14">
      <c r="N345226" s="10"/>
    </row>
    <row r="345227" spans="14:14">
      <c r="N345227" s="10"/>
    </row>
    <row r="345228" spans="14:14">
      <c r="N345228" s="10"/>
    </row>
    <row r="345229" spans="14:14">
      <c r="N345229" s="10"/>
    </row>
    <row r="345230" spans="14:14">
      <c r="N345230" s="10"/>
    </row>
    <row r="345231" spans="14:14">
      <c r="N345231" s="10"/>
    </row>
    <row r="345232" spans="14:14">
      <c r="N345232" s="10"/>
    </row>
    <row r="345233" spans="14:14">
      <c r="N345233" s="10"/>
    </row>
    <row r="345234" spans="14:14">
      <c r="N345234" s="10"/>
    </row>
    <row r="345235" spans="14:14">
      <c r="N345235" s="10"/>
    </row>
    <row r="345236" spans="14:14">
      <c r="N345236" s="10"/>
    </row>
    <row r="345237" spans="14:14">
      <c r="N345237" s="10"/>
    </row>
    <row r="345238" spans="14:14">
      <c r="N345238" s="10"/>
    </row>
    <row r="345239" spans="14:14">
      <c r="N345239" s="10"/>
    </row>
    <row r="345240" spans="14:14">
      <c r="N345240" s="10"/>
    </row>
    <row r="345241" spans="14:14">
      <c r="N345241" s="10"/>
    </row>
    <row r="345242" spans="14:14">
      <c r="N345242" s="10"/>
    </row>
    <row r="345243" spans="14:14">
      <c r="N345243" s="10"/>
    </row>
    <row r="345244" spans="14:14">
      <c r="N345244" s="10"/>
    </row>
    <row r="345245" spans="14:14">
      <c r="N345245" s="10"/>
    </row>
    <row r="345246" spans="14:14">
      <c r="N345246" s="10"/>
    </row>
    <row r="345247" spans="14:14">
      <c r="N345247" s="10"/>
    </row>
    <row r="345248" spans="14:14">
      <c r="N345248" s="10"/>
    </row>
    <row r="345249" spans="14:14">
      <c r="N345249" s="10"/>
    </row>
    <row r="345250" spans="14:14">
      <c r="N345250" s="10"/>
    </row>
    <row r="345251" spans="14:14">
      <c r="N345251" s="10"/>
    </row>
    <row r="345252" spans="14:14">
      <c r="N345252" s="10"/>
    </row>
    <row r="345253" spans="14:14">
      <c r="N345253" s="10"/>
    </row>
    <row r="345254" spans="14:14">
      <c r="N345254" s="10"/>
    </row>
    <row r="345255" spans="14:14">
      <c r="N345255" s="10"/>
    </row>
    <row r="345256" spans="14:14">
      <c r="N345256" s="10"/>
    </row>
    <row r="345257" spans="14:14">
      <c r="N345257" s="10"/>
    </row>
    <row r="345258" spans="14:14">
      <c r="N345258" s="10"/>
    </row>
    <row r="345259" spans="14:14">
      <c r="N345259" s="10"/>
    </row>
    <row r="345260" spans="14:14">
      <c r="N345260" s="10"/>
    </row>
    <row r="345261" spans="14:14">
      <c r="N345261" s="10"/>
    </row>
    <row r="345262" spans="14:14">
      <c r="N345262" s="10"/>
    </row>
    <row r="345263" spans="14:14">
      <c r="N345263" s="10"/>
    </row>
    <row r="345264" spans="14:14">
      <c r="N345264" s="10"/>
    </row>
    <row r="345265" spans="14:14">
      <c r="N345265" s="10"/>
    </row>
    <row r="345266" spans="14:14">
      <c r="N345266" s="10"/>
    </row>
    <row r="345267" spans="14:14">
      <c r="N345267" s="10"/>
    </row>
    <row r="345268" spans="14:14">
      <c r="N345268" s="10"/>
    </row>
    <row r="345269" spans="14:14">
      <c r="N345269" s="10"/>
    </row>
    <row r="345270" spans="14:14">
      <c r="N345270" s="10"/>
    </row>
    <row r="345271" spans="14:14">
      <c r="N345271" s="10"/>
    </row>
    <row r="345272" spans="14:14">
      <c r="N345272" s="10"/>
    </row>
    <row r="345273" spans="14:14">
      <c r="N345273" s="10"/>
    </row>
    <row r="345274" spans="14:14">
      <c r="N345274" s="10"/>
    </row>
    <row r="345275" spans="14:14">
      <c r="N345275" s="10"/>
    </row>
    <row r="345276" spans="14:14">
      <c r="N345276" s="10"/>
    </row>
    <row r="345277" spans="14:14">
      <c r="N345277" s="10"/>
    </row>
    <row r="345278" spans="14:14">
      <c r="N345278" s="10"/>
    </row>
    <row r="345279" spans="14:14">
      <c r="N345279" s="10"/>
    </row>
    <row r="345280" spans="14:14">
      <c r="N345280" s="10"/>
    </row>
    <row r="345281" spans="14:14">
      <c r="N345281" s="10"/>
    </row>
    <row r="345282" spans="14:14">
      <c r="N345282" s="10"/>
    </row>
    <row r="345283" spans="14:14">
      <c r="N345283" s="10"/>
    </row>
    <row r="345284" spans="14:14">
      <c r="N345284" s="10"/>
    </row>
    <row r="345285" spans="14:14">
      <c r="N345285" s="10"/>
    </row>
    <row r="345286" spans="14:14">
      <c r="N345286" s="10"/>
    </row>
    <row r="345287" spans="14:14">
      <c r="N345287" s="10"/>
    </row>
    <row r="345288" spans="14:14">
      <c r="N345288" s="10"/>
    </row>
    <row r="345289" spans="14:14">
      <c r="N345289" s="10"/>
    </row>
    <row r="345290" spans="14:14">
      <c r="N345290" s="10"/>
    </row>
    <row r="345291" spans="14:14">
      <c r="N345291" s="10"/>
    </row>
    <row r="345292" spans="14:14">
      <c r="N345292" s="10"/>
    </row>
    <row r="345293" spans="14:14">
      <c r="N345293" s="10"/>
    </row>
    <row r="345294" spans="14:14">
      <c r="N345294" s="10"/>
    </row>
    <row r="345295" spans="14:14">
      <c r="N345295" s="10"/>
    </row>
    <row r="345296" spans="14:14">
      <c r="N345296" s="10"/>
    </row>
    <row r="345297" spans="14:14">
      <c r="N345297" s="10"/>
    </row>
    <row r="345298" spans="14:14">
      <c r="N345298" s="10"/>
    </row>
    <row r="345299" spans="14:14">
      <c r="N345299" s="10"/>
    </row>
    <row r="345300" spans="14:14">
      <c r="N345300" s="10"/>
    </row>
    <row r="345301" spans="14:14">
      <c r="N345301" s="10"/>
    </row>
    <row r="345302" spans="14:14">
      <c r="N345302" s="10"/>
    </row>
    <row r="345303" spans="14:14">
      <c r="N345303" s="10"/>
    </row>
    <row r="345304" spans="14:14">
      <c r="N345304" s="10"/>
    </row>
    <row r="345305" spans="14:14">
      <c r="N345305" s="10"/>
    </row>
    <row r="345306" spans="14:14">
      <c r="N345306" s="10"/>
    </row>
    <row r="345307" spans="14:14">
      <c r="N345307" s="10"/>
    </row>
    <row r="345308" spans="14:14">
      <c r="N345308" s="10"/>
    </row>
    <row r="345309" spans="14:14">
      <c r="N345309" s="10"/>
    </row>
    <row r="345310" spans="14:14">
      <c r="N345310" s="10"/>
    </row>
    <row r="345311" spans="14:14">
      <c r="N345311" s="10"/>
    </row>
    <row r="345312" spans="14:14">
      <c r="N345312" s="10"/>
    </row>
    <row r="345313" spans="14:14">
      <c r="N345313" s="10"/>
    </row>
    <row r="345314" spans="14:14">
      <c r="N345314" s="10"/>
    </row>
    <row r="345315" spans="14:14">
      <c r="N345315" s="10"/>
    </row>
    <row r="345316" spans="14:14">
      <c r="N345316" s="10"/>
    </row>
    <row r="345317" spans="14:14">
      <c r="N345317" s="10"/>
    </row>
    <row r="345318" spans="14:14">
      <c r="N345318" s="10"/>
    </row>
    <row r="345319" spans="14:14">
      <c r="N345319" s="10"/>
    </row>
    <row r="345320" spans="14:14">
      <c r="N345320" s="10"/>
    </row>
    <row r="345321" spans="14:14">
      <c r="N345321" s="10"/>
    </row>
    <row r="345322" spans="14:14">
      <c r="N345322" s="10"/>
    </row>
    <row r="345323" spans="14:14">
      <c r="N345323" s="10"/>
    </row>
    <row r="345324" spans="14:14">
      <c r="N345324" s="10"/>
    </row>
    <row r="345325" spans="14:14">
      <c r="N345325" s="10"/>
    </row>
    <row r="345326" spans="14:14">
      <c r="N345326" s="10"/>
    </row>
    <row r="345327" spans="14:14">
      <c r="N345327" s="10"/>
    </row>
    <row r="345328" spans="14:14">
      <c r="N345328" s="10"/>
    </row>
    <row r="345329" spans="14:14">
      <c r="N345329" s="10"/>
    </row>
    <row r="345330" spans="14:14">
      <c r="N345330" s="10"/>
    </row>
    <row r="345331" spans="14:14">
      <c r="N345331" s="10"/>
    </row>
    <row r="345332" spans="14:14">
      <c r="N345332" s="10"/>
    </row>
    <row r="345333" spans="14:14">
      <c r="N345333" s="10"/>
    </row>
    <row r="345334" spans="14:14">
      <c r="N345334" s="10"/>
    </row>
    <row r="345335" spans="14:14">
      <c r="N345335" s="10"/>
    </row>
    <row r="345336" spans="14:14">
      <c r="N345336" s="10"/>
    </row>
    <row r="345337" spans="14:14">
      <c r="N345337" s="10"/>
    </row>
    <row r="345338" spans="14:14">
      <c r="N345338" s="10"/>
    </row>
    <row r="345339" spans="14:14">
      <c r="N345339" s="10"/>
    </row>
    <row r="345340" spans="14:14">
      <c r="N345340" s="10"/>
    </row>
    <row r="345341" spans="14:14">
      <c r="N345341" s="10"/>
    </row>
    <row r="345342" spans="14:14">
      <c r="N345342" s="10"/>
    </row>
    <row r="345343" spans="14:14">
      <c r="N345343" s="10"/>
    </row>
    <row r="345344" spans="14:14">
      <c r="N345344" s="10"/>
    </row>
    <row r="345345" spans="14:14">
      <c r="N345345" s="10"/>
    </row>
    <row r="345346" spans="14:14">
      <c r="N345346" s="10"/>
    </row>
    <row r="345347" spans="14:14">
      <c r="N345347" s="10"/>
    </row>
    <row r="345348" spans="14:14">
      <c r="N345348" s="10"/>
    </row>
    <row r="345349" spans="14:14">
      <c r="N345349" s="10"/>
    </row>
    <row r="345350" spans="14:14">
      <c r="N345350" s="10"/>
    </row>
    <row r="345351" spans="14:14">
      <c r="N345351" s="10"/>
    </row>
    <row r="345352" spans="14:14">
      <c r="N345352" s="10"/>
    </row>
    <row r="345353" spans="14:14">
      <c r="N345353" s="10"/>
    </row>
    <row r="345354" spans="14:14">
      <c r="N345354" s="10"/>
    </row>
    <row r="345355" spans="14:14">
      <c r="N345355" s="10"/>
    </row>
    <row r="345356" spans="14:14">
      <c r="N345356" s="10"/>
    </row>
    <row r="345357" spans="14:14">
      <c r="N345357" s="10"/>
    </row>
    <row r="345358" spans="14:14">
      <c r="N345358" s="10"/>
    </row>
    <row r="345359" spans="14:14">
      <c r="N345359" s="10"/>
    </row>
    <row r="345360" spans="14:14">
      <c r="N345360" s="10"/>
    </row>
    <row r="345361" spans="14:14">
      <c r="N345361" s="10"/>
    </row>
    <row r="345362" spans="14:14">
      <c r="N345362" s="10"/>
    </row>
    <row r="345363" spans="14:14">
      <c r="N345363" s="10"/>
    </row>
    <row r="345364" spans="14:14">
      <c r="N345364" s="10"/>
    </row>
    <row r="345365" spans="14:14">
      <c r="N345365" s="10"/>
    </row>
    <row r="345366" spans="14:14">
      <c r="N345366" s="10"/>
    </row>
    <row r="345367" spans="14:14">
      <c r="N345367" s="10"/>
    </row>
    <row r="345368" spans="14:14">
      <c r="N345368" s="10"/>
    </row>
    <row r="345369" spans="14:14">
      <c r="N345369" s="10"/>
    </row>
    <row r="345370" spans="14:14">
      <c r="N345370" s="10"/>
    </row>
    <row r="345371" spans="14:14">
      <c r="N345371" s="10"/>
    </row>
    <row r="345372" spans="14:14">
      <c r="N345372" s="10"/>
    </row>
    <row r="345373" spans="14:14">
      <c r="N345373" s="10"/>
    </row>
    <row r="345374" spans="14:14">
      <c r="N345374" s="10"/>
    </row>
    <row r="345375" spans="14:14">
      <c r="N345375" s="10"/>
    </row>
    <row r="345376" spans="14:14">
      <c r="N345376" s="10"/>
    </row>
    <row r="345377" spans="14:14">
      <c r="N345377" s="10"/>
    </row>
    <row r="345378" spans="14:14">
      <c r="N345378" s="10"/>
    </row>
    <row r="345379" spans="14:14">
      <c r="N345379" s="10"/>
    </row>
    <row r="345380" spans="14:14">
      <c r="N345380" s="10"/>
    </row>
    <row r="345381" spans="14:14">
      <c r="N345381" s="10"/>
    </row>
    <row r="345382" spans="14:14">
      <c r="N345382" s="10"/>
    </row>
    <row r="345383" spans="14:14">
      <c r="N345383" s="10"/>
    </row>
    <row r="345384" spans="14:14">
      <c r="N345384" s="10"/>
    </row>
    <row r="345385" spans="14:14">
      <c r="N345385" s="10"/>
    </row>
    <row r="345386" spans="14:14">
      <c r="N345386" s="10"/>
    </row>
    <row r="345387" spans="14:14">
      <c r="N345387" s="10"/>
    </row>
    <row r="345388" spans="14:14">
      <c r="N345388" s="10"/>
    </row>
    <row r="345389" spans="14:14">
      <c r="N345389" s="10"/>
    </row>
    <row r="345390" spans="14:14">
      <c r="N345390" s="10"/>
    </row>
    <row r="345391" spans="14:14">
      <c r="N345391" s="10"/>
    </row>
    <row r="345392" spans="14:14">
      <c r="N345392" s="10"/>
    </row>
    <row r="345393" spans="14:14">
      <c r="N345393" s="10"/>
    </row>
    <row r="345394" spans="14:14">
      <c r="N345394" s="10"/>
    </row>
    <row r="345395" spans="14:14">
      <c r="N345395" s="10"/>
    </row>
    <row r="345396" spans="14:14">
      <c r="N345396" s="10"/>
    </row>
    <row r="345397" spans="14:14">
      <c r="N345397" s="10"/>
    </row>
    <row r="345398" spans="14:14">
      <c r="N345398" s="10"/>
    </row>
    <row r="345399" spans="14:14">
      <c r="N345399" s="10"/>
    </row>
    <row r="345400" spans="14:14">
      <c r="N345400" s="10"/>
    </row>
    <row r="345401" spans="14:14">
      <c r="N345401" s="10"/>
    </row>
    <row r="345402" spans="14:14">
      <c r="N345402" s="10"/>
    </row>
    <row r="345403" spans="14:14">
      <c r="N345403" s="10"/>
    </row>
    <row r="345404" spans="14:14">
      <c r="N345404" s="10"/>
    </row>
    <row r="345405" spans="14:14">
      <c r="N345405" s="10"/>
    </row>
    <row r="345406" spans="14:14">
      <c r="N345406" s="10"/>
    </row>
    <row r="345407" spans="14:14">
      <c r="N345407" s="10"/>
    </row>
    <row r="345408" spans="14:14">
      <c r="N345408" s="10"/>
    </row>
    <row r="345409" spans="14:14">
      <c r="N345409" s="10"/>
    </row>
    <row r="345410" spans="14:14">
      <c r="N345410" s="10"/>
    </row>
    <row r="345411" spans="14:14">
      <c r="N345411" s="10"/>
    </row>
    <row r="345412" spans="14:14">
      <c r="N345412" s="10"/>
    </row>
    <row r="345413" spans="14:14">
      <c r="N345413" s="10"/>
    </row>
    <row r="345414" spans="14:14">
      <c r="N345414" s="10"/>
    </row>
    <row r="345415" spans="14:14">
      <c r="N345415" s="10"/>
    </row>
    <row r="345416" spans="14:14">
      <c r="N345416" s="10"/>
    </row>
    <row r="345417" spans="14:14">
      <c r="N345417" s="10"/>
    </row>
    <row r="345418" spans="14:14">
      <c r="N345418" s="10"/>
    </row>
    <row r="345419" spans="14:14">
      <c r="N345419" s="10"/>
    </row>
    <row r="345420" spans="14:14">
      <c r="N345420" s="10"/>
    </row>
    <row r="345421" spans="14:14">
      <c r="N345421" s="10"/>
    </row>
    <row r="345422" spans="14:14">
      <c r="N345422" s="10"/>
    </row>
    <row r="345423" spans="14:14">
      <c r="N345423" s="10"/>
    </row>
    <row r="345424" spans="14:14">
      <c r="N345424" s="10"/>
    </row>
    <row r="345425" spans="14:14">
      <c r="N345425" s="10"/>
    </row>
    <row r="345426" spans="14:14">
      <c r="N345426" s="10"/>
    </row>
    <row r="345427" spans="14:14">
      <c r="N345427" s="10"/>
    </row>
    <row r="345428" spans="14:14">
      <c r="N345428" s="10"/>
    </row>
    <row r="345429" spans="14:14">
      <c r="N345429" s="10"/>
    </row>
    <row r="345430" spans="14:14">
      <c r="N345430" s="10"/>
    </row>
    <row r="345431" spans="14:14">
      <c r="N345431" s="10"/>
    </row>
    <row r="345432" spans="14:14">
      <c r="N345432" s="10"/>
    </row>
    <row r="345433" spans="14:14">
      <c r="N345433" s="10"/>
    </row>
    <row r="345434" spans="14:14">
      <c r="N345434" s="10"/>
    </row>
    <row r="345435" spans="14:14">
      <c r="N345435" s="10"/>
    </row>
    <row r="345436" spans="14:14">
      <c r="N345436" s="10"/>
    </row>
    <row r="345437" spans="14:14">
      <c r="N345437" s="10"/>
    </row>
    <row r="345438" spans="14:14">
      <c r="N345438" s="10"/>
    </row>
    <row r="345439" spans="14:14">
      <c r="N345439" s="10"/>
    </row>
    <row r="345440" spans="14:14">
      <c r="N345440" s="10"/>
    </row>
    <row r="345441" spans="14:14">
      <c r="N345441" s="10"/>
    </row>
    <row r="345442" spans="14:14">
      <c r="N345442" s="10"/>
    </row>
    <row r="345443" spans="14:14">
      <c r="N345443" s="10"/>
    </row>
    <row r="345444" spans="14:14">
      <c r="N345444" s="10"/>
    </row>
    <row r="345445" spans="14:14">
      <c r="N345445" s="10"/>
    </row>
    <row r="345446" spans="14:14">
      <c r="N345446" s="10"/>
    </row>
    <row r="345447" spans="14:14">
      <c r="N345447" s="10"/>
    </row>
    <row r="345448" spans="14:14">
      <c r="N345448" s="10"/>
    </row>
    <row r="345449" spans="14:14">
      <c r="N345449" s="10"/>
    </row>
    <row r="345450" spans="14:14">
      <c r="N345450" s="10"/>
    </row>
    <row r="345451" spans="14:14">
      <c r="N345451" s="10"/>
    </row>
    <row r="345452" spans="14:14">
      <c r="N345452" s="10"/>
    </row>
    <row r="345453" spans="14:14">
      <c r="N345453" s="10"/>
    </row>
    <row r="345454" spans="14:14">
      <c r="N345454" s="10"/>
    </row>
    <row r="345455" spans="14:14">
      <c r="N345455" s="10"/>
    </row>
    <row r="345456" spans="14:14">
      <c r="N345456" s="10"/>
    </row>
    <row r="345457" spans="14:14">
      <c r="N345457" s="10"/>
    </row>
    <row r="345458" spans="14:14">
      <c r="N345458" s="10"/>
    </row>
    <row r="345459" spans="14:14">
      <c r="N345459" s="10"/>
    </row>
    <row r="345460" spans="14:14">
      <c r="N345460" s="10"/>
    </row>
    <row r="345461" spans="14:14">
      <c r="N345461" s="10"/>
    </row>
    <row r="345462" spans="14:14">
      <c r="N345462" s="10"/>
    </row>
    <row r="345463" spans="14:14">
      <c r="N345463" s="10"/>
    </row>
    <row r="345464" spans="14:14">
      <c r="N345464" s="10"/>
    </row>
    <row r="345465" spans="14:14">
      <c r="N345465" s="10"/>
    </row>
    <row r="345466" spans="14:14">
      <c r="N345466" s="10"/>
    </row>
    <row r="345467" spans="14:14">
      <c r="N345467" s="10"/>
    </row>
    <row r="345468" spans="14:14">
      <c r="N345468" s="10"/>
    </row>
    <row r="345469" spans="14:14">
      <c r="N345469" s="10"/>
    </row>
    <row r="345470" spans="14:14">
      <c r="N345470" s="10"/>
    </row>
    <row r="345471" spans="14:14">
      <c r="N345471" s="10"/>
    </row>
    <row r="345472" spans="14:14">
      <c r="N345472" s="10"/>
    </row>
    <row r="345473" spans="14:14">
      <c r="N345473" s="10"/>
    </row>
    <row r="345474" spans="14:14">
      <c r="N345474" s="10"/>
    </row>
    <row r="345475" spans="14:14">
      <c r="N345475" s="10"/>
    </row>
    <row r="345476" spans="14:14">
      <c r="N345476" s="10"/>
    </row>
    <row r="345477" spans="14:14">
      <c r="N345477" s="10"/>
    </row>
    <row r="345478" spans="14:14">
      <c r="N345478" s="10"/>
    </row>
    <row r="345479" spans="14:14">
      <c r="N345479" s="10"/>
    </row>
    <row r="345480" spans="14:14">
      <c r="N345480" s="10"/>
    </row>
    <row r="345481" spans="14:14">
      <c r="N345481" s="10"/>
    </row>
    <row r="345482" spans="14:14">
      <c r="N345482" s="10"/>
    </row>
    <row r="345483" spans="14:14">
      <c r="N345483" s="10"/>
    </row>
    <row r="345484" spans="14:14">
      <c r="N345484" s="10"/>
    </row>
    <row r="345485" spans="14:14">
      <c r="N345485" s="10"/>
    </row>
    <row r="345486" spans="14:14">
      <c r="N345486" s="10"/>
    </row>
    <row r="345487" spans="14:14">
      <c r="N345487" s="10"/>
    </row>
    <row r="345488" spans="14:14">
      <c r="N345488" s="10"/>
    </row>
    <row r="345489" spans="14:14">
      <c r="N345489" s="10"/>
    </row>
    <row r="345490" spans="14:14">
      <c r="N345490" s="10"/>
    </row>
    <row r="345491" spans="14:14">
      <c r="N345491" s="10"/>
    </row>
    <row r="345492" spans="14:14">
      <c r="N345492" s="10"/>
    </row>
    <row r="345493" spans="14:14">
      <c r="N345493" s="10"/>
    </row>
    <row r="345494" spans="14:14">
      <c r="N345494" s="10"/>
    </row>
    <row r="345495" spans="14:14">
      <c r="N345495" s="10"/>
    </row>
    <row r="345496" spans="14:14">
      <c r="N345496" s="10"/>
    </row>
    <row r="345497" spans="14:14">
      <c r="N345497" s="10"/>
    </row>
    <row r="345498" spans="14:14">
      <c r="N345498" s="10"/>
    </row>
    <row r="345499" spans="14:14">
      <c r="N345499" s="10"/>
    </row>
    <row r="345500" spans="14:14">
      <c r="N345500" s="10"/>
    </row>
    <row r="345501" spans="14:14">
      <c r="N345501" s="10"/>
    </row>
    <row r="345502" spans="14:14">
      <c r="N345502" s="10"/>
    </row>
    <row r="345503" spans="14:14">
      <c r="N345503" s="10"/>
    </row>
    <row r="345504" spans="14:14">
      <c r="N345504" s="10"/>
    </row>
    <row r="345505" spans="14:14">
      <c r="N345505" s="10"/>
    </row>
    <row r="345506" spans="14:14">
      <c r="N345506" s="10"/>
    </row>
    <row r="345507" spans="14:14">
      <c r="N345507" s="10"/>
    </row>
    <row r="345508" spans="14:14">
      <c r="N345508" s="10"/>
    </row>
    <row r="345509" spans="14:14">
      <c r="N345509" s="10"/>
    </row>
    <row r="345510" spans="14:14">
      <c r="N345510" s="10"/>
    </row>
    <row r="345511" spans="14:14">
      <c r="N345511" s="10"/>
    </row>
    <row r="345512" spans="14:14">
      <c r="N345512" s="10"/>
    </row>
    <row r="345513" spans="14:14">
      <c r="N345513" s="10"/>
    </row>
    <row r="345514" spans="14:14">
      <c r="N345514" s="10"/>
    </row>
    <row r="345515" spans="14:14">
      <c r="N345515" s="10"/>
    </row>
    <row r="345516" spans="14:14">
      <c r="N345516" s="10"/>
    </row>
    <row r="345517" spans="14:14">
      <c r="N345517" s="10"/>
    </row>
    <row r="345518" spans="14:14">
      <c r="N345518" s="10"/>
    </row>
    <row r="345519" spans="14:14">
      <c r="N345519" s="10"/>
    </row>
    <row r="345520" spans="14:14">
      <c r="N345520" s="10"/>
    </row>
    <row r="345521" spans="14:14">
      <c r="N345521" s="10"/>
    </row>
    <row r="345522" spans="14:14">
      <c r="N345522" s="10"/>
    </row>
    <row r="345523" spans="14:14">
      <c r="N345523" s="10"/>
    </row>
    <row r="345524" spans="14:14">
      <c r="N345524" s="10"/>
    </row>
    <row r="345525" spans="14:14">
      <c r="N345525" s="10"/>
    </row>
    <row r="345526" spans="14:14">
      <c r="N345526" s="10"/>
    </row>
    <row r="345527" spans="14:14">
      <c r="N345527" s="10"/>
    </row>
    <row r="345528" spans="14:14">
      <c r="N345528" s="10"/>
    </row>
    <row r="345529" spans="14:14">
      <c r="N345529" s="10"/>
    </row>
    <row r="345530" spans="14:14">
      <c r="N345530" s="10"/>
    </row>
    <row r="345531" spans="14:14">
      <c r="N345531" s="10"/>
    </row>
    <row r="345532" spans="14:14">
      <c r="N345532" s="10"/>
    </row>
    <row r="345533" spans="14:14">
      <c r="N345533" s="10"/>
    </row>
    <row r="345534" spans="14:14">
      <c r="N345534" s="10"/>
    </row>
    <row r="345535" spans="14:14">
      <c r="N345535" s="10"/>
    </row>
    <row r="345536" spans="14:14">
      <c r="N345536" s="10"/>
    </row>
    <row r="345537" spans="14:14">
      <c r="N345537" s="10"/>
    </row>
    <row r="345538" spans="14:14">
      <c r="N345538" s="10"/>
    </row>
    <row r="345539" spans="14:14">
      <c r="N345539" s="10"/>
    </row>
    <row r="345540" spans="14:14">
      <c r="N345540" s="10"/>
    </row>
    <row r="345541" spans="14:14">
      <c r="N345541" s="10"/>
    </row>
    <row r="345542" spans="14:14">
      <c r="N345542" s="10"/>
    </row>
    <row r="345543" spans="14:14">
      <c r="N345543" s="10"/>
    </row>
    <row r="345544" spans="14:14">
      <c r="N345544" s="10"/>
    </row>
    <row r="345545" spans="14:14">
      <c r="N345545" s="10"/>
    </row>
    <row r="345546" spans="14:14">
      <c r="N345546" s="10"/>
    </row>
    <row r="345547" spans="14:14">
      <c r="N345547" s="10"/>
    </row>
    <row r="345548" spans="14:14">
      <c r="N345548" s="10"/>
    </row>
    <row r="345549" spans="14:14">
      <c r="N345549" s="10"/>
    </row>
    <row r="345550" spans="14:14">
      <c r="N345550" s="10"/>
    </row>
    <row r="345551" spans="14:14">
      <c r="N345551" s="10"/>
    </row>
    <row r="345552" spans="14:14">
      <c r="N345552" s="10"/>
    </row>
    <row r="345553" spans="14:14">
      <c r="N345553" s="10"/>
    </row>
    <row r="345554" spans="14:14">
      <c r="N345554" s="10"/>
    </row>
    <row r="345555" spans="14:14">
      <c r="N345555" s="10"/>
    </row>
    <row r="345556" spans="14:14">
      <c r="N345556" s="10"/>
    </row>
    <row r="345557" spans="14:14">
      <c r="N345557" s="10"/>
    </row>
    <row r="345558" spans="14:14">
      <c r="N345558" s="10"/>
    </row>
    <row r="345559" spans="14:14">
      <c r="N345559" s="10"/>
    </row>
    <row r="345560" spans="14:14">
      <c r="N345560" s="10"/>
    </row>
    <row r="345561" spans="14:14">
      <c r="N345561" s="10"/>
    </row>
    <row r="345562" spans="14:14">
      <c r="N345562" s="10"/>
    </row>
    <row r="345563" spans="14:14">
      <c r="N345563" s="10"/>
    </row>
    <row r="345564" spans="14:14">
      <c r="N345564" s="10"/>
    </row>
    <row r="345565" spans="14:14">
      <c r="N345565" s="10"/>
    </row>
    <row r="345566" spans="14:14">
      <c r="N345566" s="10"/>
    </row>
    <row r="345567" spans="14:14">
      <c r="N345567" s="10"/>
    </row>
    <row r="345568" spans="14:14">
      <c r="N345568" s="10"/>
    </row>
    <row r="345569" spans="14:14">
      <c r="N345569" s="10"/>
    </row>
    <row r="345570" spans="14:14">
      <c r="N345570" s="10"/>
    </row>
    <row r="345571" spans="14:14">
      <c r="N345571" s="10"/>
    </row>
    <row r="345572" spans="14:14">
      <c r="N345572" s="10"/>
    </row>
    <row r="345573" spans="14:14">
      <c r="N345573" s="10"/>
    </row>
    <row r="345574" spans="14:14">
      <c r="N345574" s="10"/>
    </row>
    <row r="345575" spans="14:14">
      <c r="N345575" s="10"/>
    </row>
    <row r="345576" spans="14:14">
      <c r="N345576" s="10"/>
    </row>
    <row r="345577" spans="14:14">
      <c r="N345577" s="10"/>
    </row>
    <row r="345578" spans="14:14">
      <c r="N345578" s="10"/>
    </row>
    <row r="345579" spans="14:14">
      <c r="N345579" s="10"/>
    </row>
    <row r="345580" spans="14:14">
      <c r="N345580" s="10"/>
    </row>
    <row r="345581" spans="14:14">
      <c r="N345581" s="10"/>
    </row>
    <row r="345582" spans="14:14">
      <c r="N345582" s="10"/>
    </row>
    <row r="345583" spans="14:14">
      <c r="N345583" s="10"/>
    </row>
    <row r="345584" spans="14:14">
      <c r="N345584" s="10"/>
    </row>
    <row r="345585" spans="14:14">
      <c r="N345585" s="10"/>
    </row>
    <row r="345586" spans="14:14">
      <c r="N345586" s="10"/>
    </row>
    <row r="345587" spans="14:14">
      <c r="N345587" s="10"/>
    </row>
    <row r="345588" spans="14:14">
      <c r="N345588" s="10"/>
    </row>
    <row r="345589" spans="14:14">
      <c r="N345589" s="10"/>
    </row>
    <row r="345590" spans="14:14">
      <c r="N345590" s="10"/>
    </row>
    <row r="345591" spans="14:14">
      <c r="N345591" s="10"/>
    </row>
    <row r="345592" spans="14:14">
      <c r="N345592" s="10"/>
    </row>
    <row r="345593" spans="14:14">
      <c r="N345593" s="10"/>
    </row>
    <row r="345594" spans="14:14">
      <c r="N345594" s="10"/>
    </row>
    <row r="345595" spans="14:14">
      <c r="N345595" s="10"/>
    </row>
    <row r="345596" spans="14:14">
      <c r="N345596" s="10"/>
    </row>
    <row r="345597" spans="14:14">
      <c r="N345597" s="10"/>
    </row>
    <row r="345598" spans="14:14">
      <c r="N345598" s="10"/>
    </row>
    <row r="345599" spans="14:14">
      <c r="N345599" s="10"/>
    </row>
    <row r="345600" spans="14:14">
      <c r="N345600" s="10"/>
    </row>
    <row r="345601" spans="14:14">
      <c r="N345601" s="10"/>
    </row>
    <row r="345602" spans="14:14">
      <c r="N345602" s="10"/>
    </row>
    <row r="345603" spans="14:14">
      <c r="N345603" s="10"/>
    </row>
    <row r="345604" spans="14:14">
      <c r="N345604" s="10"/>
    </row>
    <row r="345605" spans="14:14">
      <c r="N345605" s="10"/>
    </row>
    <row r="345606" spans="14:14">
      <c r="N345606" s="10"/>
    </row>
    <row r="345607" spans="14:14">
      <c r="N345607" s="10"/>
    </row>
    <row r="345608" spans="14:14">
      <c r="N345608" s="10"/>
    </row>
    <row r="345609" spans="14:14">
      <c r="N345609" s="10"/>
    </row>
    <row r="345610" spans="14:14">
      <c r="N345610" s="10"/>
    </row>
    <row r="345611" spans="14:14">
      <c r="N345611" s="10"/>
    </row>
    <row r="345612" spans="14:14">
      <c r="N345612" s="10"/>
    </row>
    <row r="345613" spans="14:14">
      <c r="N345613" s="10"/>
    </row>
    <row r="345614" spans="14:14">
      <c r="N345614" s="10"/>
    </row>
    <row r="345615" spans="14:14">
      <c r="N345615" s="10"/>
    </row>
    <row r="345616" spans="14:14">
      <c r="N345616" s="10"/>
    </row>
    <row r="345617" spans="14:14">
      <c r="N345617" s="10"/>
    </row>
    <row r="345618" spans="14:14">
      <c r="N345618" s="10"/>
    </row>
    <row r="345619" spans="14:14">
      <c r="N345619" s="10"/>
    </row>
    <row r="345620" spans="14:14">
      <c r="N345620" s="10"/>
    </row>
    <row r="345621" spans="14:14">
      <c r="N345621" s="10"/>
    </row>
    <row r="345622" spans="14:14">
      <c r="N345622" s="10"/>
    </row>
    <row r="345623" spans="14:14">
      <c r="N345623" s="10"/>
    </row>
    <row r="345624" spans="14:14">
      <c r="N345624" s="10"/>
    </row>
    <row r="345625" spans="14:14">
      <c r="N345625" s="10"/>
    </row>
    <row r="345626" spans="14:14">
      <c r="N345626" s="10"/>
    </row>
    <row r="345627" spans="14:14">
      <c r="N345627" s="10"/>
    </row>
    <row r="345628" spans="14:14">
      <c r="N345628" s="10"/>
    </row>
    <row r="345629" spans="14:14">
      <c r="N345629" s="10"/>
    </row>
    <row r="345630" spans="14:14">
      <c r="N345630" s="10"/>
    </row>
    <row r="345631" spans="14:14">
      <c r="N345631" s="10"/>
    </row>
    <row r="345632" spans="14:14">
      <c r="N345632" s="10"/>
    </row>
    <row r="345633" spans="14:14">
      <c r="N345633" s="10"/>
    </row>
    <row r="345634" spans="14:14">
      <c r="N345634" s="10"/>
    </row>
    <row r="345635" spans="14:14">
      <c r="N345635" s="10"/>
    </row>
    <row r="345636" spans="14:14">
      <c r="N345636" s="10"/>
    </row>
    <row r="345637" spans="14:14">
      <c r="N345637" s="10"/>
    </row>
    <row r="345638" spans="14:14">
      <c r="N345638" s="10"/>
    </row>
    <row r="345639" spans="14:14">
      <c r="N345639" s="10"/>
    </row>
    <row r="345640" spans="14:14">
      <c r="N345640" s="10"/>
    </row>
    <row r="345641" spans="14:14">
      <c r="N345641" s="10"/>
    </row>
    <row r="345642" spans="14:14">
      <c r="N345642" s="10"/>
    </row>
    <row r="345643" spans="14:14">
      <c r="N345643" s="10"/>
    </row>
    <row r="345644" spans="14:14">
      <c r="N345644" s="10"/>
    </row>
    <row r="345645" spans="14:14">
      <c r="N345645" s="10"/>
    </row>
    <row r="345646" spans="14:14">
      <c r="N345646" s="10"/>
    </row>
    <row r="345647" spans="14:14">
      <c r="N345647" s="10"/>
    </row>
    <row r="345648" spans="14:14">
      <c r="N345648" s="10"/>
    </row>
    <row r="345649" spans="14:14">
      <c r="N345649" s="10"/>
    </row>
    <row r="345650" spans="14:14">
      <c r="N345650" s="10"/>
    </row>
    <row r="345651" spans="14:14">
      <c r="N345651" s="10"/>
    </row>
    <row r="345652" spans="14:14">
      <c r="N345652" s="10"/>
    </row>
    <row r="345653" spans="14:14">
      <c r="N345653" s="10"/>
    </row>
    <row r="345654" spans="14:14">
      <c r="N345654" s="10"/>
    </row>
    <row r="345655" spans="14:14">
      <c r="N345655" s="10"/>
    </row>
    <row r="345656" spans="14:14">
      <c r="N345656" s="10"/>
    </row>
    <row r="345657" spans="14:14">
      <c r="N345657" s="10"/>
    </row>
    <row r="345658" spans="14:14">
      <c r="N345658" s="10"/>
    </row>
    <row r="345659" spans="14:14">
      <c r="N345659" s="10"/>
    </row>
    <row r="345660" spans="14:14">
      <c r="N345660" s="10"/>
    </row>
    <row r="345661" spans="14:14">
      <c r="N345661" s="10"/>
    </row>
    <row r="345662" spans="14:14">
      <c r="N345662" s="10"/>
    </row>
    <row r="345663" spans="14:14">
      <c r="N345663" s="10"/>
    </row>
    <row r="345664" spans="14:14">
      <c r="N345664" s="10"/>
    </row>
    <row r="345665" spans="14:14">
      <c r="N345665" s="10"/>
    </row>
    <row r="345666" spans="14:14">
      <c r="N345666" s="10"/>
    </row>
    <row r="345667" spans="14:14">
      <c r="N345667" s="10"/>
    </row>
    <row r="345668" spans="14:14">
      <c r="N345668" s="10"/>
    </row>
    <row r="345669" spans="14:14">
      <c r="N345669" s="10"/>
    </row>
    <row r="345670" spans="14:14">
      <c r="N345670" s="10"/>
    </row>
    <row r="345671" spans="14:14">
      <c r="N345671" s="10"/>
    </row>
    <row r="345672" spans="14:14">
      <c r="N345672" s="10"/>
    </row>
    <row r="345673" spans="14:14">
      <c r="N345673" s="10"/>
    </row>
    <row r="345674" spans="14:14">
      <c r="N345674" s="10"/>
    </row>
    <row r="345675" spans="14:14">
      <c r="N345675" s="10"/>
    </row>
    <row r="345676" spans="14:14">
      <c r="N345676" s="10"/>
    </row>
    <row r="345677" spans="14:14">
      <c r="N345677" s="10"/>
    </row>
    <row r="345678" spans="14:14">
      <c r="N345678" s="10"/>
    </row>
    <row r="345679" spans="14:14">
      <c r="N345679" s="10"/>
    </row>
    <row r="345680" spans="14:14">
      <c r="N345680" s="10"/>
    </row>
    <row r="345681" spans="14:14">
      <c r="N345681" s="10"/>
    </row>
    <row r="345682" spans="14:14">
      <c r="N345682" s="10"/>
    </row>
    <row r="345683" spans="14:14">
      <c r="N345683" s="10"/>
    </row>
    <row r="345684" spans="14:14">
      <c r="N345684" s="10"/>
    </row>
    <row r="345685" spans="14:14">
      <c r="N345685" s="10"/>
    </row>
    <row r="345686" spans="14:14">
      <c r="N345686" s="10"/>
    </row>
    <row r="345687" spans="14:14">
      <c r="N345687" s="10"/>
    </row>
    <row r="345688" spans="14:14">
      <c r="N345688" s="10"/>
    </row>
    <row r="345689" spans="14:14">
      <c r="N345689" s="10"/>
    </row>
    <row r="345690" spans="14:14">
      <c r="N345690" s="10"/>
    </row>
    <row r="345691" spans="14:14">
      <c r="N345691" s="10"/>
    </row>
    <row r="345692" spans="14:14">
      <c r="N345692" s="10"/>
    </row>
    <row r="345693" spans="14:14">
      <c r="N345693" s="10"/>
    </row>
    <row r="345694" spans="14:14">
      <c r="N345694" s="10"/>
    </row>
    <row r="345695" spans="14:14">
      <c r="N345695" s="10"/>
    </row>
    <row r="345696" spans="14:14">
      <c r="N345696" s="10"/>
    </row>
    <row r="345697" spans="14:14">
      <c r="N345697" s="10"/>
    </row>
    <row r="345698" spans="14:14">
      <c r="N345698" s="10"/>
    </row>
    <row r="345699" spans="14:14">
      <c r="N345699" s="10"/>
    </row>
    <row r="345700" spans="14:14">
      <c r="N345700" s="10"/>
    </row>
    <row r="345701" spans="14:14">
      <c r="N345701" s="10"/>
    </row>
    <row r="345702" spans="14:14">
      <c r="N345702" s="10"/>
    </row>
    <row r="345703" spans="14:14">
      <c r="N345703" s="10"/>
    </row>
    <row r="345704" spans="14:14">
      <c r="N345704" s="10"/>
    </row>
    <row r="345705" spans="14:14">
      <c r="N345705" s="10"/>
    </row>
    <row r="345706" spans="14:14">
      <c r="N345706" s="10"/>
    </row>
    <row r="345707" spans="14:14">
      <c r="N345707" s="10"/>
    </row>
    <row r="345708" spans="14:14">
      <c r="N345708" s="10"/>
    </row>
    <row r="345709" spans="14:14">
      <c r="N345709" s="10"/>
    </row>
    <row r="345710" spans="14:14">
      <c r="N345710" s="10"/>
    </row>
    <row r="345711" spans="14:14">
      <c r="N345711" s="10"/>
    </row>
    <row r="345712" spans="14:14">
      <c r="N345712" s="10"/>
    </row>
    <row r="345713" spans="14:14">
      <c r="N345713" s="10"/>
    </row>
    <row r="345714" spans="14:14">
      <c r="N345714" s="10"/>
    </row>
    <row r="345715" spans="14:14">
      <c r="N345715" s="10"/>
    </row>
    <row r="345716" spans="14:14">
      <c r="N345716" s="10"/>
    </row>
    <row r="345717" spans="14:14">
      <c r="N345717" s="10"/>
    </row>
    <row r="345718" spans="14:14">
      <c r="N345718" s="10"/>
    </row>
    <row r="345719" spans="14:14">
      <c r="N345719" s="10"/>
    </row>
    <row r="345720" spans="14:14">
      <c r="N345720" s="10"/>
    </row>
    <row r="345721" spans="14:14">
      <c r="N345721" s="10"/>
    </row>
    <row r="345722" spans="14:14">
      <c r="N345722" s="10"/>
    </row>
    <row r="345723" spans="14:14">
      <c r="N345723" s="10"/>
    </row>
    <row r="345724" spans="14:14">
      <c r="N345724" s="10"/>
    </row>
    <row r="345725" spans="14:14">
      <c r="N345725" s="10"/>
    </row>
    <row r="345726" spans="14:14">
      <c r="N345726" s="10"/>
    </row>
    <row r="345727" spans="14:14">
      <c r="N345727" s="10"/>
    </row>
    <row r="345728" spans="14:14">
      <c r="N345728" s="10"/>
    </row>
    <row r="345729" spans="14:14">
      <c r="N345729" s="10"/>
    </row>
    <row r="345730" spans="14:14">
      <c r="N345730" s="10"/>
    </row>
    <row r="345731" spans="14:14">
      <c r="N345731" s="10"/>
    </row>
    <row r="345732" spans="14:14">
      <c r="N345732" s="10"/>
    </row>
    <row r="345733" spans="14:14">
      <c r="N345733" s="10"/>
    </row>
    <row r="345734" spans="14:14">
      <c r="N345734" s="10"/>
    </row>
    <row r="345735" spans="14:14">
      <c r="N345735" s="10"/>
    </row>
    <row r="345736" spans="14:14">
      <c r="N345736" s="10"/>
    </row>
    <row r="345737" spans="14:14">
      <c r="N345737" s="10"/>
    </row>
    <row r="345738" spans="14:14">
      <c r="N345738" s="10"/>
    </row>
    <row r="345739" spans="14:14">
      <c r="N345739" s="10"/>
    </row>
    <row r="345740" spans="14:14">
      <c r="N345740" s="10"/>
    </row>
    <row r="345741" spans="14:14">
      <c r="N345741" s="10"/>
    </row>
    <row r="345742" spans="14:14">
      <c r="N345742" s="10"/>
    </row>
    <row r="345743" spans="14:14">
      <c r="N345743" s="10"/>
    </row>
    <row r="345744" spans="14:14">
      <c r="N345744" s="10"/>
    </row>
    <row r="345745" spans="14:14">
      <c r="N345745" s="10"/>
    </row>
    <row r="345746" spans="14:14">
      <c r="N345746" s="10"/>
    </row>
    <row r="345747" spans="14:14">
      <c r="N345747" s="10"/>
    </row>
    <row r="345748" spans="14:14">
      <c r="N345748" s="10"/>
    </row>
    <row r="345749" spans="14:14">
      <c r="N345749" s="10"/>
    </row>
    <row r="345750" spans="14:14">
      <c r="N345750" s="10"/>
    </row>
    <row r="345751" spans="14:14">
      <c r="N345751" s="10"/>
    </row>
    <row r="345752" spans="14:14">
      <c r="N345752" s="10"/>
    </row>
    <row r="345753" spans="14:14">
      <c r="N345753" s="10"/>
    </row>
    <row r="345754" spans="14:14">
      <c r="N345754" s="10"/>
    </row>
    <row r="345755" spans="14:14">
      <c r="N345755" s="10"/>
    </row>
    <row r="345756" spans="14:14">
      <c r="N345756" s="10"/>
    </row>
    <row r="345757" spans="14:14">
      <c r="N345757" s="10"/>
    </row>
    <row r="345758" spans="14:14">
      <c r="N345758" s="10"/>
    </row>
    <row r="345759" spans="14:14">
      <c r="N345759" s="10"/>
    </row>
    <row r="345760" spans="14:14">
      <c r="N345760" s="10"/>
    </row>
    <row r="345761" spans="14:14">
      <c r="N345761" s="10"/>
    </row>
    <row r="345762" spans="14:14">
      <c r="N345762" s="10"/>
    </row>
    <row r="345763" spans="14:14">
      <c r="N345763" s="10"/>
    </row>
    <row r="345764" spans="14:14">
      <c r="N345764" s="10"/>
    </row>
    <row r="345765" spans="14:14">
      <c r="N345765" s="10"/>
    </row>
    <row r="345766" spans="14:14">
      <c r="N345766" s="10"/>
    </row>
    <row r="345767" spans="14:14">
      <c r="N345767" s="10"/>
    </row>
    <row r="345768" spans="14:14">
      <c r="N345768" s="10"/>
    </row>
    <row r="345769" spans="14:14">
      <c r="N345769" s="10"/>
    </row>
    <row r="345770" spans="14:14">
      <c r="N345770" s="10"/>
    </row>
    <row r="345771" spans="14:14">
      <c r="N345771" s="10"/>
    </row>
    <row r="345772" spans="14:14">
      <c r="N345772" s="10"/>
    </row>
    <row r="345773" spans="14:14">
      <c r="N345773" s="10"/>
    </row>
    <row r="345774" spans="14:14">
      <c r="N345774" s="10"/>
    </row>
    <row r="345775" spans="14:14">
      <c r="N345775" s="10"/>
    </row>
    <row r="345776" spans="14:14">
      <c r="N345776" s="10"/>
    </row>
    <row r="345777" spans="14:14">
      <c r="N345777" s="10"/>
    </row>
    <row r="345778" spans="14:14">
      <c r="N345778" s="10"/>
    </row>
    <row r="345779" spans="14:14">
      <c r="N345779" s="10"/>
    </row>
    <row r="345780" spans="14:14">
      <c r="N345780" s="10"/>
    </row>
    <row r="345781" spans="14:14">
      <c r="N345781" s="10"/>
    </row>
    <row r="345782" spans="14:14">
      <c r="N345782" s="10"/>
    </row>
    <row r="345783" spans="14:14">
      <c r="N345783" s="10"/>
    </row>
    <row r="345784" spans="14:14">
      <c r="N345784" s="10"/>
    </row>
    <row r="345785" spans="14:14">
      <c r="N345785" s="10"/>
    </row>
    <row r="345786" spans="14:14">
      <c r="N345786" s="10"/>
    </row>
    <row r="345787" spans="14:14">
      <c r="N345787" s="10"/>
    </row>
    <row r="345788" spans="14:14">
      <c r="N345788" s="10"/>
    </row>
    <row r="345789" spans="14:14">
      <c r="N345789" s="10"/>
    </row>
    <row r="345790" spans="14:14">
      <c r="N345790" s="10"/>
    </row>
    <row r="345791" spans="14:14">
      <c r="N345791" s="10"/>
    </row>
    <row r="345792" spans="14:14">
      <c r="N345792" s="10"/>
    </row>
    <row r="345793" spans="14:14">
      <c r="N345793" s="10"/>
    </row>
    <row r="345794" spans="14:14">
      <c r="N345794" s="10"/>
    </row>
    <row r="345795" spans="14:14">
      <c r="N345795" s="10"/>
    </row>
    <row r="345796" spans="14:14">
      <c r="N345796" s="10"/>
    </row>
    <row r="345797" spans="14:14">
      <c r="N345797" s="10"/>
    </row>
    <row r="345798" spans="14:14">
      <c r="N345798" s="10"/>
    </row>
    <row r="345799" spans="14:14">
      <c r="N345799" s="10"/>
    </row>
    <row r="345800" spans="14:14">
      <c r="N345800" s="10"/>
    </row>
    <row r="345801" spans="14:14">
      <c r="N345801" s="10"/>
    </row>
    <row r="345802" spans="14:14">
      <c r="N345802" s="10"/>
    </row>
    <row r="345803" spans="14:14">
      <c r="N345803" s="10"/>
    </row>
    <row r="345804" spans="14:14">
      <c r="N345804" s="10"/>
    </row>
    <row r="345805" spans="14:14">
      <c r="N345805" s="10"/>
    </row>
    <row r="345806" spans="14:14">
      <c r="N345806" s="10"/>
    </row>
    <row r="345807" spans="14:14">
      <c r="N345807" s="10"/>
    </row>
    <row r="345808" spans="14:14">
      <c r="N345808" s="10"/>
    </row>
    <row r="345809" spans="14:14">
      <c r="N345809" s="10"/>
    </row>
    <row r="345810" spans="14:14">
      <c r="N345810" s="10"/>
    </row>
    <row r="345811" spans="14:14">
      <c r="N345811" s="10"/>
    </row>
    <row r="345812" spans="14:14">
      <c r="N345812" s="10"/>
    </row>
    <row r="345813" spans="14:14">
      <c r="N345813" s="10"/>
    </row>
    <row r="345814" spans="14:14">
      <c r="N345814" s="10"/>
    </row>
    <row r="345815" spans="14:14">
      <c r="N345815" s="10"/>
    </row>
    <row r="345816" spans="14:14">
      <c r="N345816" s="10"/>
    </row>
    <row r="345817" spans="14:14">
      <c r="N345817" s="10"/>
    </row>
    <row r="345818" spans="14:14">
      <c r="N345818" s="10"/>
    </row>
    <row r="345819" spans="14:14">
      <c r="N345819" s="10"/>
    </row>
    <row r="345820" spans="14:14">
      <c r="N345820" s="10"/>
    </row>
    <row r="345821" spans="14:14">
      <c r="N345821" s="10"/>
    </row>
    <row r="345822" spans="14:14">
      <c r="N345822" s="10"/>
    </row>
    <row r="345823" spans="14:14">
      <c r="N345823" s="10"/>
    </row>
    <row r="345824" spans="14:14">
      <c r="N345824" s="10"/>
    </row>
    <row r="345825" spans="14:14">
      <c r="N345825" s="10"/>
    </row>
    <row r="345826" spans="14:14">
      <c r="N345826" s="10"/>
    </row>
    <row r="345827" spans="14:14">
      <c r="N345827" s="10"/>
    </row>
    <row r="345828" spans="14:14">
      <c r="N345828" s="10"/>
    </row>
    <row r="345829" spans="14:14">
      <c r="N345829" s="10"/>
    </row>
    <row r="345830" spans="14:14">
      <c r="N345830" s="10"/>
    </row>
    <row r="345831" spans="14:14">
      <c r="N345831" s="10"/>
    </row>
    <row r="345832" spans="14:14">
      <c r="N345832" s="10"/>
    </row>
    <row r="345833" spans="14:14">
      <c r="N345833" s="10"/>
    </row>
    <row r="345834" spans="14:14">
      <c r="N345834" s="10"/>
    </row>
    <row r="345835" spans="14:14">
      <c r="N345835" s="10"/>
    </row>
    <row r="345836" spans="14:14">
      <c r="N345836" s="10"/>
    </row>
    <row r="345837" spans="14:14">
      <c r="N345837" s="10"/>
    </row>
    <row r="345838" spans="14:14">
      <c r="N345838" s="10"/>
    </row>
    <row r="345839" spans="14:14">
      <c r="N345839" s="10"/>
    </row>
    <row r="345840" spans="14:14">
      <c r="N345840" s="10"/>
    </row>
    <row r="345841" spans="14:14">
      <c r="N345841" s="10"/>
    </row>
    <row r="345842" spans="14:14">
      <c r="N345842" s="10"/>
    </row>
    <row r="345843" spans="14:14">
      <c r="N345843" s="10"/>
    </row>
    <row r="345844" spans="14:14">
      <c r="N345844" s="10"/>
    </row>
    <row r="345845" spans="14:14">
      <c r="N345845" s="10"/>
    </row>
    <row r="345846" spans="14:14">
      <c r="N345846" s="10"/>
    </row>
    <row r="345847" spans="14:14">
      <c r="N345847" s="10"/>
    </row>
    <row r="345848" spans="14:14">
      <c r="N345848" s="10"/>
    </row>
    <row r="345849" spans="14:14">
      <c r="N345849" s="10"/>
    </row>
    <row r="345850" spans="14:14">
      <c r="N345850" s="10"/>
    </row>
    <row r="345851" spans="14:14">
      <c r="N345851" s="10"/>
    </row>
    <row r="345852" spans="14:14">
      <c r="N345852" s="10"/>
    </row>
    <row r="345853" spans="14:14">
      <c r="N345853" s="10"/>
    </row>
    <row r="345854" spans="14:14">
      <c r="N345854" s="10"/>
    </row>
    <row r="345855" spans="14:14">
      <c r="N345855" s="10"/>
    </row>
    <row r="345856" spans="14:14">
      <c r="N345856" s="10"/>
    </row>
    <row r="345857" spans="14:14">
      <c r="N345857" s="10"/>
    </row>
    <row r="345858" spans="14:14">
      <c r="N345858" s="10"/>
    </row>
    <row r="345859" spans="14:14">
      <c r="N345859" s="10"/>
    </row>
    <row r="345860" spans="14:14">
      <c r="N345860" s="10"/>
    </row>
    <row r="345861" spans="14:14">
      <c r="N345861" s="10"/>
    </row>
    <row r="345862" spans="14:14">
      <c r="N345862" s="10"/>
    </row>
    <row r="345863" spans="14:14">
      <c r="N345863" s="10"/>
    </row>
    <row r="345864" spans="14:14">
      <c r="N345864" s="10"/>
    </row>
    <row r="345865" spans="14:14">
      <c r="N345865" s="10"/>
    </row>
    <row r="345866" spans="14:14">
      <c r="N345866" s="10"/>
    </row>
    <row r="345867" spans="14:14">
      <c r="N345867" s="10"/>
    </row>
    <row r="345868" spans="14:14">
      <c r="N345868" s="10"/>
    </row>
    <row r="345869" spans="14:14">
      <c r="N345869" s="10"/>
    </row>
    <row r="345870" spans="14:14">
      <c r="N345870" s="10"/>
    </row>
    <row r="345871" spans="14:14">
      <c r="N345871" s="10"/>
    </row>
    <row r="345872" spans="14:14">
      <c r="N345872" s="10"/>
    </row>
    <row r="345873" spans="14:14">
      <c r="N345873" s="10"/>
    </row>
    <row r="345874" spans="14:14">
      <c r="N345874" s="10"/>
    </row>
    <row r="345875" spans="14:14">
      <c r="N345875" s="10"/>
    </row>
    <row r="345876" spans="14:14">
      <c r="N345876" s="10"/>
    </row>
    <row r="345877" spans="14:14">
      <c r="N345877" s="10"/>
    </row>
    <row r="345878" spans="14:14">
      <c r="N345878" s="10"/>
    </row>
    <row r="345879" spans="14:14">
      <c r="N345879" s="10"/>
    </row>
    <row r="345880" spans="14:14">
      <c r="N345880" s="10"/>
    </row>
    <row r="345881" spans="14:14">
      <c r="N345881" s="10"/>
    </row>
    <row r="345882" spans="14:14">
      <c r="N345882" s="10"/>
    </row>
    <row r="345883" spans="14:14">
      <c r="N345883" s="10"/>
    </row>
    <row r="345884" spans="14:14">
      <c r="N345884" s="10"/>
    </row>
    <row r="345885" spans="14:14">
      <c r="N345885" s="10"/>
    </row>
    <row r="345886" spans="14:14">
      <c r="N345886" s="10"/>
    </row>
    <row r="345887" spans="14:14">
      <c r="N345887" s="10"/>
    </row>
    <row r="345888" spans="14:14">
      <c r="N345888" s="10"/>
    </row>
    <row r="345889" spans="14:14">
      <c r="N345889" s="10"/>
    </row>
    <row r="345890" spans="14:14">
      <c r="N345890" s="10"/>
    </row>
    <row r="345891" spans="14:14">
      <c r="N345891" s="10"/>
    </row>
    <row r="345892" spans="14:14">
      <c r="N345892" s="10"/>
    </row>
    <row r="345893" spans="14:14">
      <c r="N345893" s="10"/>
    </row>
    <row r="345894" spans="14:14">
      <c r="N345894" s="10"/>
    </row>
    <row r="345895" spans="14:14">
      <c r="N345895" s="10"/>
    </row>
    <row r="345896" spans="14:14">
      <c r="N345896" s="10"/>
    </row>
    <row r="345897" spans="14:14">
      <c r="N345897" s="10"/>
    </row>
    <row r="345898" spans="14:14">
      <c r="N345898" s="10"/>
    </row>
    <row r="345899" spans="14:14">
      <c r="N345899" s="10"/>
    </row>
    <row r="345900" spans="14:14">
      <c r="N345900" s="10"/>
    </row>
    <row r="345901" spans="14:14">
      <c r="N345901" s="10"/>
    </row>
    <row r="345902" spans="14:14">
      <c r="N345902" s="10"/>
    </row>
    <row r="345903" spans="14:14">
      <c r="N345903" s="10"/>
    </row>
    <row r="345904" spans="14:14">
      <c r="N345904" s="10"/>
    </row>
    <row r="345905" spans="14:14">
      <c r="N345905" s="10"/>
    </row>
    <row r="345906" spans="14:14">
      <c r="N345906" s="10"/>
    </row>
    <row r="345907" spans="14:14">
      <c r="N345907" s="10"/>
    </row>
    <row r="345908" spans="14:14">
      <c r="N345908" s="10"/>
    </row>
    <row r="345909" spans="14:14">
      <c r="N345909" s="10"/>
    </row>
    <row r="345910" spans="14:14">
      <c r="N345910" s="10"/>
    </row>
    <row r="345911" spans="14:14">
      <c r="N345911" s="10"/>
    </row>
    <row r="345912" spans="14:14">
      <c r="N345912" s="10"/>
    </row>
    <row r="345913" spans="14:14">
      <c r="N345913" s="10"/>
    </row>
    <row r="345914" spans="14:14">
      <c r="N345914" s="10"/>
    </row>
    <row r="345915" spans="14:14">
      <c r="N345915" s="10"/>
    </row>
    <row r="345916" spans="14:14">
      <c r="N345916" s="10"/>
    </row>
    <row r="345917" spans="14:14">
      <c r="N345917" s="10"/>
    </row>
    <row r="345918" spans="14:14">
      <c r="N345918" s="10"/>
    </row>
    <row r="345919" spans="14:14">
      <c r="N345919" s="10"/>
    </row>
    <row r="345920" spans="14:14">
      <c r="N345920" s="10"/>
    </row>
    <row r="345921" spans="14:14">
      <c r="N345921" s="10"/>
    </row>
    <row r="345922" spans="14:14">
      <c r="N345922" s="10"/>
    </row>
    <row r="345923" spans="14:14">
      <c r="N345923" s="10"/>
    </row>
    <row r="345924" spans="14:14">
      <c r="N345924" s="10"/>
    </row>
    <row r="345925" spans="14:14">
      <c r="N345925" s="10"/>
    </row>
    <row r="345926" spans="14:14">
      <c r="N345926" s="10"/>
    </row>
    <row r="345927" spans="14:14">
      <c r="N345927" s="10"/>
    </row>
    <row r="345928" spans="14:14">
      <c r="N345928" s="10"/>
    </row>
    <row r="345929" spans="14:14">
      <c r="N345929" s="10"/>
    </row>
    <row r="345930" spans="14:14">
      <c r="N345930" s="10"/>
    </row>
    <row r="345931" spans="14:14">
      <c r="N345931" s="10"/>
    </row>
    <row r="345932" spans="14:14">
      <c r="N345932" s="10"/>
    </row>
    <row r="345933" spans="14:14">
      <c r="N345933" s="10"/>
    </row>
    <row r="345934" spans="14:14">
      <c r="N345934" s="10"/>
    </row>
    <row r="345935" spans="14:14">
      <c r="N345935" s="10"/>
    </row>
    <row r="345936" spans="14:14">
      <c r="N345936" s="10"/>
    </row>
    <row r="345937" spans="14:14">
      <c r="N345937" s="10"/>
    </row>
    <row r="345938" spans="14:14">
      <c r="N345938" s="10"/>
    </row>
    <row r="345939" spans="14:14">
      <c r="N345939" s="10"/>
    </row>
    <row r="345940" spans="14:14">
      <c r="N345940" s="10"/>
    </row>
    <row r="345941" spans="14:14">
      <c r="N345941" s="10"/>
    </row>
    <row r="345942" spans="14:14">
      <c r="N345942" s="10"/>
    </row>
    <row r="345943" spans="14:14">
      <c r="N345943" s="10"/>
    </row>
    <row r="345944" spans="14:14">
      <c r="N345944" s="10"/>
    </row>
    <row r="345945" spans="14:14">
      <c r="N345945" s="10"/>
    </row>
    <row r="345946" spans="14:14">
      <c r="N345946" s="10"/>
    </row>
    <row r="345947" spans="14:14">
      <c r="N345947" s="10"/>
    </row>
    <row r="345948" spans="14:14">
      <c r="N345948" s="10"/>
    </row>
    <row r="345949" spans="14:14">
      <c r="N345949" s="10"/>
    </row>
    <row r="345950" spans="14:14">
      <c r="N345950" s="10"/>
    </row>
    <row r="345951" spans="14:14">
      <c r="N345951" s="10"/>
    </row>
    <row r="345952" spans="14:14">
      <c r="N345952" s="10"/>
    </row>
    <row r="345953" spans="14:14">
      <c r="N345953" s="10"/>
    </row>
    <row r="345954" spans="14:14">
      <c r="N345954" s="10"/>
    </row>
    <row r="345955" spans="14:14">
      <c r="N345955" s="10"/>
    </row>
    <row r="345956" spans="14:14">
      <c r="N345956" s="10"/>
    </row>
    <row r="345957" spans="14:14">
      <c r="N345957" s="10"/>
    </row>
    <row r="345958" spans="14:14">
      <c r="N345958" s="10"/>
    </row>
    <row r="345959" spans="14:14">
      <c r="N345959" s="10"/>
    </row>
    <row r="345960" spans="14:14">
      <c r="N345960" s="10"/>
    </row>
    <row r="345961" spans="14:14">
      <c r="N345961" s="10"/>
    </row>
    <row r="345962" spans="14:14">
      <c r="N345962" s="10"/>
    </row>
    <row r="345963" spans="14:14">
      <c r="N345963" s="10"/>
    </row>
    <row r="345964" spans="14:14">
      <c r="N345964" s="10"/>
    </row>
    <row r="345965" spans="14:14">
      <c r="N345965" s="10"/>
    </row>
    <row r="345966" spans="14:14">
      <c r="N345966" s="10"/>
    </row>
    <row r="345967" spans="14:14">
      <c r="N345967" s="10"/>
    </row>
    <row r="345968" spans="14:14">
      <c r="N345968" s="10"/>
    </row>
    <row r="345969" spans="14:14">
      <c r="N345969" s="10"/>
    </row>
    <row r="345970" spans="14:14">
      <c r="N345970" s="10"/>
    </row>
    <row r="345971" spans="14:14">
      <c r="N345971" s="10"/>
    </row>
    <row r="345972" spans="14:14">
      <c r="N345972" s="10"/>
    </row>
    <row r="345973" spans="14:14">
      <c r="N345973" s="10"/>
    </row>
    <row r="345974" spans="14:14">
      <c r="N345974" s="10"/>
    </row>
    <row r="345975" spans="14:14">
      <c r="N345975" s="10"/>
    </row>
    <row r="345976" spans="14:14">
      <c r="N345976" s="10"/>
    </row>
    <row r="345977" spans="14:14">
      <c r="N345977" s="10"/>
    </row>
    <row r="345978" spans="14:14">
      <c r="N345978" s="10"/>
    </row>
    <row r="345979" spans="14:14">
      <c r="N345979" s="10"/>
    </row>
    <row r="345980" spans="14:14">
      <c r="N345980" s="10"/>
    </row>
    <row r="345981" spans="14:14">
      <c r="N345981" s="10"/>
    </row>
    <row r="345982" spans="14:14">
      <c r="N345982" s="10"/>
    </row>
    <row r="345983" spans="14:14">
      <c r="N345983" s="10"/>
    </row>
    <row r="345984" spans="14:14">
      <c r="N345984" s="10"/>
    </row>
    <row r="345985" spans="14:14">
      <c r="N345985" s="10"/>
    </row>
    <row r="345986" spans="14:14">
      <c r="N345986" s="10"/>
    </row>
    <row r="345987" spans="14:14">
      <c r="N345987" s="10"/>
    </row>
    <row r="345988" spans="14:14">
      <c r="N345988" s="10"/>
    </row>
    <row r="345989" spans="14:14">
      <c r="N345989" s="10"/>
    </row>
    <row r="345990" spans="14:14">
      <c r="N345990" s="10"/>
    </row>
    <row r="345991" spans="14:14">
      <c r="N345991" s="10"/>
    </row>
    <row r="345992" spans="14:14">
      <c r="N345992" s="10"/>
    </row>
    <row r="345993" spans="14:14">
      <c r="N345993" s="10"/>
    </row>
    <row r="345994" spans="14:14">
      <c r="N345994" s="10"/>
    </row>
    <row r="345995" spans="14:14">
      <c r="N345995" s="10"/>
    </row>
    <row r="345996" spans="14:14">
      <c r="N345996" s="10"/>
    </row>
    <row r="345997" spans="14:14">
      <c r="N345997" s="10"/>
    </row>
    <row r="345998" spans="14:14">
      <c r="N345998" s="10"/>
    </row>
    <row r="345999" spans="14:14">
      <c r="N345999" s="10"/>
    </row>
    <row r="346000" spans="14:14">
      <c r="N346000" s="10"/>
    </row>
    <row r="346001" spans="14:14">
      <c r="N346001" s="10"/>
    </row>
    <row r="346002" spans="14:14">
      <c r="N346002" s="10"/>
    </row>
    <row r="346003" spans="14:14">
      <c r="N346003" s="10"/>
    </row>
    <row r="346004" spans="14:14">
      <c r="N346004" s="10"/>
    </row>
    <row r="346005" spans="14:14">
      <c r="N346005" s="10"/>
    </row>
    <row r="346006" spans="14:14">
      <c r="N346006" s="10"/>
    </row>
    <row r="346007" spans="14:14">
      <c r="N346007" s="10"/>
    </row>
    <row r="346008" spans="14:14">
      <c r="N346008" s="10"/>
    </row>
    <row r="346009" spans="14:14">
      <c r="N346009" s="10"/>
    </row>
    <row r="346010" spans="14:14">
      <c r="N346010" s="10"/>
    </row>
    <row r="346011" spans="14:14">
      <c r="N346011" s="10"/>
    </row>
    <row r="346012" spans="14:14">
      <c r="N346012" s="10"/>
    </row>
    <row r="346013" spans="14:14">
      <c r="N346013" s="10"/>
    </row>
    <row r="346014" spans="14:14">
      <c r="N346014" s="10"/>
    </row>
    <row r="346015" spans="14:14">
      <c r="N346015" s="10"/>
    </row>
    <row r="346016" spans="14:14">
      <c r="N346016" s="10"/>
    </row>
    <row r="346017" spans="14:14">
      <c r="N346017" s="10"/>
    </row>
    <row r="346018" spans="14:14">
      <c r="N346018" s="10"/>
    </row>
    <row r="346019" spans="14:14">
      <c r="N346019" s="10"/>
    </row>
    <row r="346020" spans="14:14">
      <c r="N346020" s="10"/>
    </row>
    <row r="346021" spans="14:14">
      <c r="N346021" s="10"/>
    </row>
    <row r="346022" spans="14:14">
      <c r="N346022" s="10"/>
    </row>
    <row r="346023" spans="14:14">
      <c r="N346023" s="10"/>
    </row>
    <row r="346024" spans="14:14">
      <c r="N346024" s="10"/>
    </row>
    <row r="346025" spans="14:14">
      <c r="N346025" s="10"/>
    </row>
    <row r="346026" spans="14:14">
      <c r="N346026" s="10"/>
    </row>
    <row r="346027" spans="14:14">
      <c r="N346027" s="10"/>
    </row>
    <row r="346028" spans="14:14">
      <c r="N346028" s="10"/>
    </row>
    <row r="346029" spans="14:14">
      <c r="N346029" s="10"/>
    </row>
    <row r="346030" spans="14:14">
      <c r="N346030" s="10"/>
    </row>
    <row r="346031" spans="14:14">
      <c r="N346031" s="10"/>
    </row>
    <row r="346032" spans="14:14">
      <c r="N346032" s="10"/>
    </row>
    <row r="346033" spans="14:14">
      <c r="N346033" s="10"/>
    </row>
    <row r="346034" spans="14:14">
      <c r="N346034" s="10"/>
    </row>
    <row r="346035" spans="14:14">
      <c r="N346035" s="10"/>
    </row>
    <row r="346036" spans="14:14">
      <c r="N346036" s="10"/>
    </row>
    <row r="346037" spans="14:14">
      <c r="N346037" s="10"/>
    </row>
    <row r="346038" spans="14:14">
      <c r="N346038" s="10"/>
    </row>
    <row r="346039" spans="14:14">
      <c r="N346039" s="10"/>
    </row>
    <row r="346040" spans="14:14">
      <c r="N346040" s="10"/>
    </row>
    <row r="346041" spans="14:14">
      <c r="N346041" s="10"/>
    </row>
    <row r="346042" spans="14:14">
      <c r="N346042" s="10"/>
    </row>
    <row r="346043" spans="14:14">
      <c r="N346043" s="10"/>
    </row>
    <row r="346044" spans="14:14">
      <c r="N346044" s="10"/>
    </row>
    <row r="346045" spans="14:14">
      <c r="N346045" s="10"/>
    </row>
    <row r="346046" spans="14:14">
      <c r="N346046" s="10"/>
    </row>
    <row r="346047" spans="14:14">
      <c r="N346047" s="10"/>
    </row>
    <row r="346048" spans="14:14">
      <c r="N346048" s="10"/>
    </row>
    <row r="346049" spans="14:14">
      <c r="N346049" s="10"/>
    </row>
    <row r="346050" spans="14:14">
      <c r="N346050" s="10"/>
    </row>
    <row r="346051" spans="14:14">
      <c r="N346051" s="10"/>
    </row>
    <row r="346052" spans="14:14">
      <c r="N346052" s="10"/>
    </row>
    <row r="346053" spans="14:14">
      <c r="N346053" s="10"/>
    </row>
    <row r="346054" spans="14:14">
      <c r="N346054" s="10"/>
    </row>
    <row r="346055" spans="14:14">
      <c r="N346055" s="10"/>
    </row>
    <row r="346056" spans="14:14">
      <c r="N346056" s="10"/>
    </row>
    <row r="346057" spans="14:14">
      <c r="N346057" s="10"/>
    </row>
    <row r="346058" spans="14:14">
      <c r="N346058" s="10"/>
    </row>
    <row r="346059" spans="14:14">
      <c r="N346059" s="10"/>
    </row>
    <row r="346060" spans="14:14">
      <c r="N346060" s="10"/>
    </row>
    <row r="346061" spans="14:14">
      <c r="N346061" s="10"/>
    </row>
    <row r="346062" spans="14:14">
      <c r="N346062" s="10"/>
    </row>
    <row r="346063" spans="14:14">
      <c r="N346063" s="10"/>
    </row>
    <row r="346064" spans="14:14">
      <c r="N346064" s="10"/>
    </row>
    <row r="346065" spans="14:14">
      <c r="N346065" s="10"/>
    </row>
    <row r="346066" spans="14:14">
      <c r="N346066" s="10"/>
    </row>
    <row r="346067" spans="14:14">
      <c r="N346067" s="10"/>
    </row>
    <row r="346068" spans="14:14">
      <c r="N346068" s="10"/>
    </row>
    <row r="346069" spans="14:14">
      <c r="N346069" s="10"/>
    </row>
    <row r="346070" spans="14:14">
      <c r="N346070" s="10"/>
    </row>
    <row r="346071" spans="14:14">
      <c r="N346071" s="10"/>
    </row>
    <row r="346072" spans="14:14">
      <c r="N346072" s="10"/>
    </row>
    <row r="346073" spans="14:14">
      <c r="N346073" s="10"/>
    </row>
    <row r="346074" spans="14:14">
      <c r="N346074" s="10"/>
    </row>
    <row r="346075" spans="14:14">
      <c r="N346075" s="10"/>
    </row>
    <row r="346076" spans="14:14">
      <c r="N346076" s="10"/>
    </row>
    <row r="346077" spans="14:14">
      <c r="N346077" s="10"/>
    </row>
    <row r="346078" spans="14:14">
      <c r="N346078" s="10"/>
    </row>
    <row r="346079" spans="14:14">
      <c r="N346079" s="10"/>
    </row>
    <row r="346080" spans="14:14">
      <c r="N346080" s="10"/>
    </row>
    <row r="346081" spans="14:14">
      <c r="N346081" s="10"/>
    </row>
    <row r="346082" spans="14:14">
      <c r="N346082" s="10"/>
    </row>
    <row r="346083" spans="14:14">
      <c r="N346083" s="10"/>
    </row>
    <row r="346084" spans="14:14">
      <c r="N346084" s="10"/>
    </row>
    <row r="346085" spans="14:14">
      <c r="N346085" s="10"/>
    </row>
    <row r="346086" spans="14:14">
      <c r="N346086" s="10"/>
    </row>
    <row r="346087" spans="14:14">
      <c r="N346087" s="10"/>
    </row>
    <row r="346088" spans="14:14">
      <c r="N346088" s="10"/>
    </row>
    <row r="346089" spans="14:14">
      <c r="N346089" s="10"/>
    </row>
    <row r="346090" spans="14:14">
      <c r="N346090" s="10"/>
    </row>
    <row r="346091" spans="14:14">
      <c r="N346091" s="10"/>
    </row>
    <row r="346092" spans="14:14">
      <c r="N346092" s="10"/>
    </row>
    <row r="346093" spans="14:14">
      <c r="N346093" s="10"/>
    </row>
    <row r="346094" spans="14:14">
      <c r="N346094" s="10"/>
    </row>
    <row r="346095" spans="14:14">
      <c r="N346095" s="10"/>
    </row>
    <row r="346096" spans="14:14">
      <c r="N346096" s="10"/>
    </row>
    <row r="346097" spans="14:14">
      <c r="N346097" s="10"/>
    </row>
    <row r="346098" spans="14:14">
      <c r="N346098" s="10"/>
    </row>
    <row r="346099" spans="14:14">
      <c r="N346099" s="10"/>
    </row>
    <row r="346100" spans="14:14">
      <c r="N346100" s="10"/>
    </row>
    <row r="346101" spans="14:14">
      <c r="N346101" s="10"/>
    </row>
    <row r="346102" spans="14:14">
      <c r="N346102" s="10"/>
    </row>
    <row r="346103" spans="14:14">
      <c r="N346103" s="10"/>
    </row>
    <row r="346104" spans="14:14">
      <c r="N346104" s="10"/>
    </row>
    <row r="346105" spans="14:14">
      <c r="N346105" s="10"/>
    </row>
    <row r="346106" spans="14:14">
      <c r="N346106" s="10"/>
    </row>
    <row r="346107" spans="14:14">
      <c r="N346107" s="10"/>
    </row>
    <row r="346108" spans="14:14">
      <c r="N346108" s="10"/>
    </row>
    <row r="346109" spans="14:14">
      <c r="N346109" s="10"/>
    </row>
    <row r="346110" spans="14:14">
      <c r="N346110" s="10"/>
    </row>
    <row r="346111" spans="14:14">
      <c r="N346111" s="10"/>
    </row>
    <row r="346112" spans="14:14">
      <c r="N346112" s="10"/>
    </row>
    <row r="346113" spans="14:14">
      <c r="N346113" s="10"/>
    </row>
    <row r="346114" spans="14:14">
      <c r="N346114" s="10"/>
    </row>
    <row r="346115" spans="14:14">
      <c r="N346115" s="10"/>
    </row>
    <row r="346116" spans="14:14">
      <c r="N346116" s="10"/>
    </row>
    <row r="346117" spans="14:14">
      <c r="N346117" s="10"/>
    </row>
    <row r="346118" spans="14:14">
      <c r="N346118" s="10"/>
    </row>
    <row r="346119" spans="14:14">
      <c r="N346119" s="10"/>
    </row>
    <row r="346120" spans="14:14">
      <c r="N346120" s="10"/>
    </row>
    <row r="346121" spans="14:14">
      <c r="N346121" s="10"/>
    </row>
    <row r="346122" spans="14:14">
      <c r="N346122" s="10"/>
    </row>
    <row r="346123" spans="14:14">
      <c r="N346123" s="10"/>
    </row>
    <row r="346124" spans="14:14">
      <c r="N346124" s="10"/>
    </row>
    <row r="346125" spans="14:14">
      <c r="N346125" s="10"/>
    </row>
    <row r="346126" spans="14:14">
      <c r="N346126" s="10"/>
    </row>
    <row r="346127" spans="14:14">
      <c r="N346127" s="10"/>
    </row>
    <row r="346128" spans="14:14">
      <c r="N346128" s="10"/>
    </row>
    <row r="346129" spans="14:14">
      <c r="N346129" s="10"/>
    </row>
    <row r="346130" spans="14:14">
      <c r="N346130" s="10"/>
    </row>
    <row r="346131" spans="14:14">
      <c r="N346131" s="10"/>
    </row>
    <row r="346132" spans="14:14">
      <c r="N346132" s="10"/>
    </row>
    <row r="346133" spans="14:14">
      <c r="N346133" s="10"/>
    </row>
    <row r="346134" spans="14:14">
      <c r="N346134" s="10"/>
    </row>
    <row r="346135" spans="14:14">
      <c r="N346135" s="10"/>
    </row>
    <row r="346136" spans="14:14">
      <c r="N346136" s="10"/>
    </row>
    <row r="346137" spans="14:14">
      <c r="N346137" s="10"/>
    </row>
    <row r="346138" spans="14:14">
      <c r="N346138" s="10"/>
    </row>
    <row r="346139" spans="14:14">
      <c r="N346139" s="10"/>
    </row>
    <row r="346140" spans="14:14">
      <c r="N346140" s="10"/>
    </row>
    <row r="346141" spans="14:14">
      <c r="N346141" s="10"/>
    </row>
    <row r="346142" spans="14:14">
      <c r="N346142" s="10"/>
    </row>
    <row r="346143" spans="14:14">
      <c r="N346143" s="10"/>
    </row>
    <row r="346144" spans="14:14">
      <c r="N346144" s="10"/>
    </row>
    <row r="346145" spans="14:14">
      <c r="N346145" s="10"/>
    </row>
    <row r="346146" spans="14:14">
      <c r="N346146" s="10"/>
    </row>
    <row r="346147" spans="14:14">
      <c r="N346147" s="10"/>
    </row>
    <row r="346148" spans="14:14">
      <c r="N346148" s="10"/>
    </row>
    <row r="346149" spans="14:14">
      <c r="N346149" s="10"/>
    </row>
    <row r="346150" spans="14:14">
      <c r="N346150" s="10"/>
    </row>
    <row r="346151" spans="14:14">
      <c r="N346151" s="10"/>
    </row>
    <row r="346152" spans="14:14">
      <c r="N346152" s="10"/>
    </row>
    <row r="346153" spans="14:14">
      <c r="N346153" s="10"/>
    </row>
    <row r="346154" spans="14:14">
      <c r="N346154" s="10"/>
    </row>
    <row r="346155" spans="14:14">
      <c r="N346155" s="10"/>
    </row>
    <row r="346156" spans="14:14">
      <c r="N346156" s="10"/>
    </row>
    <row r="346157" spans="14:14">
      <c r="N346157" s="10"/>
    </row>
    <row r="346158" spans="14:14">
      <c r="N346158" s="10"/>
    </row>
    <row r="346159" spans="14:14">
      <c r="N346159" s="10"/>
    </row>
    <row r="346160" spans="14:14">
      <c r="N346160" s="10"/>
    </row>
    <row r="346161" spans="14:14">
      <c r="N346161" s="10"/>
    </row>
    <row r="346162" spans="14:14">
      <c r="N346162" s="10"/>
    </row>
    <row r="346163" spans="14:14">
      <c r="N346163" s="10"/>
    </row>
    <row r="346164" spans="14:14">
      <c r="N346164" s="10"/>
    </row>
    <row r="346165" spans="14:14">
      <c r="N346165" s="10"/>
    </row>
    <row r="346166" spans="14:14">
      <c r="N346166" s="10"/>
    </row>
    <row r="346167" spans="14:14">
      <c r="N346167" s="10"/>
    </row>
    <row r="346168" spans="14:14">
      <c r="N346168" s="10"/>
    </row>
    <row r="346169" spans="14:14">
      <c r="N346169" s="10"/>
    </row>
    <row r="346170" spans="14:14">
      <c r="N346170" s="10"/>
    </row>
    <row r="346171" spans="14:14">
      <c r="N346171" s="10"/>
    </row>
    <row r="346172" spans="14:14">
      <c r="N346172" s="10"/>
    </row>
    <row r="346173" spans="14:14">
      <c r="N346173" s="10"/>
    </row>
    <row r="346174" spans="14:14">
      <c r="N346174" s="10"/>
    </row>
    <row r="346175" spans="14:14">
      <c r="N346175" s="10"/>
    </row>
    <row r="346176" spans="14:14">
      <c r="N346176" s="10"/>
    </row>
    <row r="346177" spans="14:14">
      <c r="N346177" s="10"/>
    </row>
    <row r="346178" spans="14:14">
      <c r="N346178" s="10"/>
    </row>
    <row r="346179" spans="14:14">
      <c r="N346179" s="10"/>
    </row>
    <row r="346180" spans="14:14">
      <c r="N346180" s="10"/>
    </row>
    <row r="346181" spans="14:14">
      <c r="N346181" s="10"/>
    </row>
    <row r="346182" spans="14:14">
      <c r="N346182" s="10"/>
    </row>
    <row r="346183" spans="14:14">
      <c r="N346183" s="10"/>
    </row>
    <row r="346184" spans="14:14">
      <c r="N346184" s="10"/>
    </row>
    <row r="346185" spans="14:14">
      <c r="N346185" s="10"/>
    </row>
    <row r="346186" spans="14:14">
      <c r="N346186" s="10"/>
    </row>
    <row r="346187" spans="14:14">
      <c r="N346187" s="10"/>
    </row>
    <row r="346188" spans="14:14">
      <c r="N346188" s="10"/>
    </row>
    <row r="346189" spans="14:14">
      <c r="N346189" s="10"/>
    </row>
    <row r="346190" spans="14:14">
      <c r="N346190" s="10"/>
    </row>
    <row r="346191" spans="14:14">
      <c r="N346191" s="10"/>
    </row>
    <row r="346192" spans="14:14">
      <c r="N346192" s="10"/>
    </row>
    <row r="346193" spans="14:14">
      <c r="N346193" s="10"/>
    </row>
    <row r="346194" spans="14:14">
      <c r="N346194" s="10"/>
    </row>
    <row r="346195" spans="14:14">
      <c r="N346195" s="10"/>
    </row>
    <row r="346196" spans="14:14">
      <c r="N346196" s="10"/>
    </row>
    <row r="346197" spans="14:14">
      <c r="N346197" s="10"/>
    </row>
    <row r="346198" spans="14:14">
      <c r="N346198" s="10"/>
    </row>
    <row r="346199" spans="14:14">
      <c r="N346199" s="10"/>
    </row>
    <row r="346200" spans="14:14">
      <c r="N346200" s="10"/>
    </row>
    <row r="346201" spans="14:14">
      <c r="N346201" s="10"/>
    </row>
    <row r="346202" spans="14:14">
      <c r="N346202" s="10"/>
    </row>
    <row r="346203" spans="14:14">
      <c r="N346203" s="10"/>
    </row>
    <row r="346204" spans="14:14">
      <c r="N346204" s="10"/>
    </row>
    <row r="346205" spans="14:14">
      <c r="N346205" s="10"/>
    </row>
    <row r="346206" spans="14:14">
      <c r="N346206" s="10"/>
    </row>
    <row r="346207" spans="14:14">
      <c r="N346207" s="10"/>
    </row>
    <row r="346208" spans="14:14">
      <c r="N346208" s="10"/>
    </row>
    <row r="346209" spans="14:14">
      <c r="N346209" s="10"/>
    </row>
    <row r="346210" spans="14:14">
      <c r="N346210" s="10"/>
    </row>
    <row r="346211" spans="14:14">
      <c r="N346211" s="10"/>
    </row>
    <row r="346212" spans="14:14">
      <c r="N346212" s="10"/>
    </row>
    <row r="346213" spans="14:14">
      <c r="N346213" s="10"/>
    </row>
    <row r="346214" spans="14:14">
      <c r="N346214" s="10"/>
    </row>
    <row r="346215" spans="14:14">
      <c r="N346215" s="10"/>
    </row>
    <row r="346216" spans="14:14">
      <c r="N346216" s="10"/>
    </row>
    <row r="346217" spans="14:14">
      <c r="N346217" s="10"/>
    </row>
    <row r="346218" spans="14:14">
      <c r="N346218" s="10"/>
    </row>
    <row r="346219" spans="14:14">
      <c r="N346219" s="10"/>
    </row>
    <row r="346220" spans="14:14">
      <c r="N346220" s="10"/>
    </row>
    <row r="346221" spans="14:14">
      <c r="N346221" s="10"/>
    </row>
    <row r="346222" spans="14:14">
      <c r="N346222" s="10"/>
    </row>
    <row r="346223" spans="14:14">
      <c r="N346223" s="10"/>
    </row>
    <row r="346224" spans="14:14">
      <c r="N346224" s="10"/>
    </row>
    <row r="346225" spans="14:14">
      <c r="N346225" s="10"/>
    </row>
    <row r="346226" spans="14:14">
      <c r="N346226" s="10"/>
    </row>
    <row r="346227" spans="14:14">
      <c r="N346227" s="10"/>
    </row>
    <row r="346228" spans="14:14">
      <c r="N346228" s="10"/>
    </row>
    <row r="346229" spans="14:14">
      <c r="N346229" s="10"/>
    </row>
    <row r="346230" spans="14:14">
      <c r="N346230" s="10"/>
    </row>
    <row r="346231" spans="14:14">
      <c r="N346231" s="10"/>
    </row>
    <row r="346232" spans="14:14">
      <c r="N346232" s="10"/>
    </row>
    <row r="346233" spans="14:14">
      <c r="N346233" s="10"/>
    </row>
    <row r="346234" spans="14:14">
      <c r="N346234" s="10"/>
    </row>
    <row r="346235" spans="14:14">
      <c r="N346235" s="10"/>
    </row>
    <row r="346236" spans="14:14">
      <c r="N346236" s="10"/>
    </row>
    <row r="346237" spans="14:14">
      <c r="N346237" s="10"/>
    </row>
    <row r="346238" spans="14:14">
      <c r="N346238" s="10"/>
    </row>
    <row r="346239" spans="14:14">
      <c r="N346239" s="10"/>
    </row>
    <row r="346240" spans="14:14">
      <c r="N346240" s="10"/>
    </row>
    <row r="346241" spans="14:14">
      <c r="N346241" s="10"/>
    </row>
    <row r="346242" spans="14:14">
      <c r="N346242" s="10"/>
    </row>
    <row r="346243" spans="14:14">
      <c r="N346243" s="10"/>
    </row>
    <row r="346244" spans="14:14">
      <c r="N346244" s="10"/>
    </row>
    <row r="346245" spans="14:14">
      <c r="N346245" s="10"/>
    </row>
    <row r="346246" spans="14:14">
      <c r="N346246" s="10"/>
    </row>
    <row r="346247" spans="14:14">
      <c r="N346247" s="10"/>
    </row>
    <row r="346248" spans="14:14">
      <c r="N346248" s="10"/>
    </row>
    <row r="346249" spans="14:14">
      <c r="N346249" s="10"/>
    </row>
    <row r="346250" spans="14:14">
      <c r="N346250" s="10"/>
    </row>
    <row r="346251" spans="14:14">
      <c r="N346251" s="10"/>
    </row>
    <row r="346252" spans="14:14">
      <c r="N346252" s="10"/>
    </row>
    <row r="346253" spans="14:14">
      <c r="N346253" s="10"/>
    </row>
    <row r="346254" spans="14:14">
      <c r="N346254" s="10"/>
    </row>
    <row r="346255" spans="14:14">
      <c r="N346255" s="10"/>
    </row>
    <row r="346256" spans="14:14">
      <c r="N346256" s="10"/>
    </row>
    <row r="346257" spans="14:14">
      <c r="N346257" s="10"/>
    </row>
    <row r="346258" spans="14:14">
      <c r="N346258" s="10"/>
    </row>
    <row r="346259" spans="14:14">
      <c r="N346259" s="10"/>
    </row>
    <row r="346260" spans="14:14">
      <c r="N346260" s="10"/>
    </row>
    <row r="346261" spans="14:14">
      <c r="N346261" s="10"/>
    </row>
    <row r="346262" spans="14:14">
      <c r="N346262" s="10"/>
    </row>
    <row r="346263" spans="14:14">
      <c r="N346263" s="10"/>
    </row>
    <row r="346264" spans="14:14">
      <c r="N346264" s="10"/>
    </row>
    <row r="346265" spans="14:14">
      <c r="N346265" s="10"/>
    </row>
    <row r="346266" spans="14:14">
      <c r="N346266" s="10"/>
    </row>
    <row r="346267" spans="14:14">
      <c r="N346267" s="10"/>
    </row>
    <row r="346268" spans="14:14">
      <c r="N346268" s="10"/>
    </row>
    <row r="346269" spans="14:14">
      <c r="N346269" s="10"/>
    </row>
    <row r="346270" spans="14:14">
      <c r="N346270" s="10"/>
    </row>
    <row r="346271" spans="14:14">
      <c r="N346271" s="10"/>
    </row>
    <row r="346272" spans="14:14">
      <c r="N346272" s="10"/>
    </row>
    <row r="346273" spans="14:14">
      <c r="N346273" s="10"/>
    </row>
    <row r="346274" spans="14:14">
      <c r="N346274" s="10"/>
    </row>
    <row r="346275" spans="14:14">
      <c r="N346275" s="10"/>
    </row>
    <row r="346276" spans="14:14">
      <c r="N346276" s="10"/>
    </row>
    <row r="346277" spans="14:14">
      <c r="N346277" s="10"/>
    </row>
    <row r="346278" spans="14:14">
      <c r="N346278" s="10"/>
    </row>
    <row r="346279" spans="14:14">
      <c r="N346279" s="10"/>
    </row>
    <row r="346280" spans="14:14">
      <c r="N346280" s="10"/>
    </row>
    <row r="346281" spans="14:14">
      <c r="N346281" s="10"/>
    </row>
    <row r="346282" spans="14:14">
      <c r="N346282" s="10"/>
    </row>
    <row r="346283" spans="14:14">
      <c r="N346283" s="10"/>
    </row>
    <row r="346284" spans="14:14">
      <c r="N346284" s="10"/>
    </row>
    <row r="346285" spans="14:14">
      <c r="N346285" s="10"/>
    </row>
    <row r="346286" spans="14:14">
      <c r="N346286" s="10"/>
    </row>
    <row r="346287" spans="14:14">
      <c r="N346287" s="10"/>
    </row>
    <row r="346288" spans="14:14">
      <c r="N346288" s="10"/>
    </row>
    <row r="346289" spans="14:14">
      <c r="N346289" s="10"/>
    </row>
    <row r="346290" spans="14:14">
      <c r="N346290" s="10"/>
    </row>
    <row r="346291" spans="14:14">
      <c r="N346291" s="10"/>
    </row>
    <row r="346292" spans="14:14">
      <c r="N346292" s="10"/>
    </row>
    <row r="346293" spans="14:14">
      <c r="N346293" s="10"/>
    </row>
    <row r="346294" spans="14:14">
      <c r="N346294" s="10"/>
    </row>
    <row r="346295" spans="14:14">
      <c r="N346295" s="10"/>
    </row>
    <row r="346296" spans="14:14">
      <c r="N346296" s="10"/>
    </row>
    <row r="346297" spans="14:14">
      <c r="N346297" s="10"/>
    </row>
    <row r="346298" spans="14:14">
      <c r="N346298" s="10"/>
    </row>
    <row r="346299" spans="14:14">
      <c r="N346299" s="10"/>
    </row>
    <row r="346300" spans="14:14">
      <c r="N346300" s="10"/>
    </row>
    <row r="346301" spans="14:14">
      <c r="N346301" s="10"/>
    </row>
    <row r="346302" spans="14:14">
      <c r="N346302" s="10"/>
    </row>
    <row r="346303" spans="14:14">
      <c r="N346303" s="10"/>
    </row>
    <row r="346304" spans="14:14">
      <c r="N346304" s="10"/>
    </row>
    <row r="346305" spans="14:14">
      <c r="N346305" s="10"/>
    </row>
    <row r="346306" spans="14:14">
      <c r="N346306" s="10"/>
    </row>
    <row r="346307" spans="14:14">
      <c r="N346307" s="10"/>
    </row>
    <row r="346308" spans="14:14">
      <c r="N346308" s="10"/>
    </row>
    <row r="346309" spans="14:14">
      <c r="N346309" s="10"/>
    </row>
    <row r="346310" spans="14:14">
      <c r="N346310" s="10"/>
    </row>
    <row r="346311" spans="14:14">
      <c r="N346311" s="10"/>
    </row>
    <row r="346312" spans="14:14">
      <c r="N346312" s="10"/>
    </row>
    <row r="346313" spans="14:14">
      <c r="N346313" s="10"/>
    </row>
    <row r="346314" spans="14:14">
      <c r="N346314" s="10"/>
    </row>
    <row r="346315" spans="14:14">
      <c r="N346315" s="10"/>
    </row>
    <row r="346316" spans="14:14">
      <c r="N346316" s="10"/>
    </row>
    <row r="346317" spans="14:14">
      <c r="N346317" s="10"/>
    </row>
    <row r="346318" spans="14:14">
      <c r="N346318" s="10"/>
    </row>
    <row r="346319" spans="14:14">
      <c r="N346319" s="10"/>
    </row>
    <row r="346320" spans="14:14">
      <c r="N346320" s="10"/>
    </row>
    <row r="346321" spans="14:14">
      <c r="N346321" s="10"/>
    </row>
    <row r="346322" spans="14:14">
      <c r="N346322" s="10"/>
    </row>
    <row r="346323" spans="14:14">
      <c r="N346323" s="10"/>
    </row>
    <row r="346324" spans="14:14">
      <c r="N346324" s="10"/>
    </row>
    <row r="346325" spans="14:14">
      <c r="N346325" s="10"/>
    </row>
    <row r="346326" spans="14:14">
      <c r="N346326" s="10"/>
    </row>
    <row r="346327" spans="14:14">
      <c r="N346327" s="10"/>
    </row>
    <row r="346328" spans="14:14">
      <c r="N346328" s="10"/>
    </row>
    <row r="346329" spans="14:14">
      <c r="N346329" s="10"/>
    </row>
    <row r="346330" spans="14:14">
      <c r="N346330" s="10"/>
    </row>
    <row r="346331" spans="14:14">
      <c r="N346331" s="10"/>
    </row>
    <row r="346332" spans="14:14">
      <c r="N346332" s="10"/>
    </row>
    <row r="346333" spans="14:14">
      <c r="N346333" s="10"/>
    </row>
    <row r="346334" spans="14:14">
      <c r="N346334" s="10"/>
    </row>
    <row r="346335" spans="14:14">
      <c r="N346335" s="10"/>
    </row>
    <row r="346336" spans="14:14">
      <c r="N346336" s="10"/>
    </row>
    <row r="346337" spans="14:14">
      <c r="N346337" s="10"/>
    </row>
    <row r="346338" spans="14:14">
      <c r="N346338" s="10"/>
    </row>
    <row r="346339" spans="14:14">
      <c r="N346339" s="10"/>
    </row>
    <row r="346340" spans="14:14">
      <c r="N346340" s="10"/>
    </row>
    <row r="346341" spans="14:14">
      <c r="N346341" s="10"/>
    </row>
    <row r="346342" spans="14:14">
      <c r="N346342" s="10"/>
    </row>
    <row r="346343" spans="14:14">
      <c r="N346343" s="10"/>
    </row>
    <row r="346344" spans="14:14">
      <c r="N346344" s="10"/>
    </row>
    <row r="346345" spans="14:14">
      <c r="N346345" s="10"/>
    </row>
    <row r="346346" spans="14:14">
      <c r="N346346" s="10"/>
    </row>
    <row r="346347" spans="14:14">
      <c r="N346347" s="10"/>
    </row>
    <row r="346348" spans="14:14">
      <c r="N346348" s="10"/>
    </row>
    <row r="346349" spans="14:14">
      <c r="N346349" s="10"/>
    </row>
    <row r="346350" spans="14:14">
      <c r="N346350" s="10"/>
    </row>
    <row r="346351" spans="14:14">
      <c r="N346351" s="10"/>
    </row>
    <row r="346352" spans="14:14">
      <c r="N346352" s="10"/>
    </row>
    <row r="346353" spans="14:14">
      <c r="N346353" s="10"/>
    </row>
    <row r="346354" spans="14:14">
      <c r="N346354" s="10"/>
    </row>
    <row r="346355" spans="14:14">
      <c r="N346355" s="10"/>
    </row>
    <row r="346356" spans="14:14">
      <c r="N346356" s="10"/>
    </row>
    <row r="346357" spans="14:14">
      <c r="N346357" s="10"/>
    </row>
    <row r="346358" spans="14:14">
      <c r="N346358" s="10"/>
    </row>
    <row r="346359" spans="14:14">
      <c r="N346359" s="10"/>
    </row>
    <row r="346360" spans="14:14">
      <c r="N346360" s="10"/>
    </row>
    <row r="346361" spans="14:14">
      <c r="N346361" s="10"/>
    </row>
    <row r="346362" spans="14:14">
      <c r="N346362" s="10"/>
    </row>
    <row r="346363" spans="14:14">
      <c r="N346363" s="10"/>
    </row>
    <row r="346364" spans="14:14">
      <c r="N346364" s="10"/>
    </row>
    <row r="346365" spans="14:14">
      <c r="N346365" s="10"/>
    </row>
    <row r="346366" spans="14:14">
      <c r="N346366" s="10"/>
    </row>
    <row r="346367" spans="14:14">
      <c r="N346367" s="10"/>
    </row>
    <row r="346368" spans="14:14">
      <c r="N346368" s="10"/>
    </row>
    <row r="346369" spans="14:14">
      <c r="N346369" s="10"/>
    </row>
    <row r="346370" spans="14:14">
      <c r="N346370" s="10"/>
    </row>
    <row r="346371" spans="14:14">
      <c r="N346371" s="10"/>
    </row>
    <row r="346372" spans="14:14">
      <c r="N346372" s="10"/>
    </row>
    <row r="346373" spans="14:14">
      <c r="N346373" s="10"/>
    </row>
    <row r="346374" spans="14:14">
      <c r="N346374" s="10"/>
    </row>
    <row r="346375" spans="14:14">
      <c r="N346375" s="10"/>
    </row>
    <row r="346376" spans="14:14">
      <c r="N346376" s="10"/>
    </row>
    <row r="346377" spans="14:14">
      <c r="N346377" s="10"/>
    </row>
    <row r="346378" spans="14:14">
      <c r="N346378" s="10"/>
    </row>
    <row r="346379" spans="14:14">
      <c r="N346379" s="10"/>
    </row>
    <row r="346380" spans="14:14">
      <c r="N346380" s="10"/>
    </row>
    <row r="346381" spans="14:14">
      <c r="N346381" s="10"/>
    </row>
    <row r="346382" spans="14:14">
      <c r="N346382" s="10"/>
    </row>
    <row r="346383" spans="14:14">
      <c r="N346383" s="10"/>
    </row>
    <row r="346384" spans="14:14">
      <c r="N346384" s="10"/>
    </row>
    <row r="346385" spans="14:14">
      <c r="N346385" s="10"/>
    </row>
    <row r="346386" spans="14:14">
      <c r="N346386" s="10"/>
    </row>
    <row r="346387" spans="14:14">
      <c r="N346387" s="10"/>
    </row>
    <row r="346388" spans="14:14">
      <c r="N346388" s="10"/>
    </row>
    <row r="346389" spans="14:14">
      <c r="N346389" s="10"/>
    </row>
    <row r="346390" spans="14:14">
      <c r="N346390" s="10"/>
    </row>
    <row r="346391" spans="14:14">
      <c r="N346391" s="10"/>
    </row>
    <row r="346392" spans="14:14">
      <c r="N346392" s="10"/>
    </row>
    <row r="346393" spans="14:14">
      <c r="N346393" s="10"/>
    </row>
    <row r="346394" spans="14:14">
      <c r="N346394" s="10"/>
    </row>
    <row r="346395" spans="14:14">
      <c r="N346395" s="10"/>
    </row>
    <row r="346396" spans="14:14">
      <c r="N346396" s="10"/>
    </row>
    <row r="346397" spans="14:14">
      <c r="N346397" s="10"/>
    </row>
    <row r="346398" spans="14:14">
      <c r="N346398" s="10"/>
    </row>
    <row r="346399" spans="14:14">
      <c r="N346399" s="10"/>
    </row>
    <row r="346400" spans="14:14">
      <c r="N346400" s="10"/>
    </row>
    <row r="346401" spans="14:14">
      <c r="N346401" s="10"/>
    </row>
    <row r="346402" spans="14:14">
      <c r="N346402" s="10"/>
    </row>
    <row r="346403" spans="14:14">
      <c r="N346403" s="10"/>
    </row>
    <row r="346404" spans="14:14">
      <c r="N346404" s="10"/>
    </row>
    <row r="346405" spans="14:14">
      <c r="N346405" s="10"/>
    </row>
    <row r="346406" spans="14:14">
      <c r="N346406" s="10"/>
    </row>
    <row r="346407" spans="14:14">
      <c r="N346407" s="10"/>
    </row>
    <row r="346408" spans="14:14">
      <c r="N346408" s="10"/>
    </row>
    <row r="346409" spans="14:14">
      <c r="N346409" s="10"/>
    </row>
    <row r="346410" spans="14:14">
      <c r="N346410" s="10"/>
    </row>
    <row r="346411" spans="14:14">
      <c r="N346411" s="10"/>
    </row>
    <row r="346412" spans="14:14">
      <c r="N346412" s="10"/>
    </row>
    <row r="346413" spans="14:14">
      <c r="N346413" s="10"/>
    </row>
    <row r="346414" spans="14:14">
      <c r="N346414" s="10"/>
    </row>
    <row r="346415" spans="14:14">
      <c r="N346415" s="10"/>
    </row>
    <row r="346416" spans="14:14">
      <c r="N346416" s="10"/>
    </row>
    <row r="346417" spans="14:14">
      <c r="N346417" s="10"/>
    </row>
    <row r="346418" spans="14:14">
      <c r="N346418" s="10"/>
    </row>
    <row r="346419" spans="14:14">
      <c r="N346419" s="10"/>
    </row>
    <row r="346420" spans="14:14">
      <c r="N346420" s="10"/>
    </row>
    <row r="346421" spans="14:14">
      <c r="N346421" s="10"/>
    </row>
    <row r="346422" spans="14:14">
      <c r="N346422" s="10"/>
    </row>
    <row r="346423" spans="14:14">
      <c r="N346423" s="10"/>
    </row>
    <row r="346424" spans="14:14">
      <c r="N346424" s="10"/>
    </row>
    <row r="346425" spans="14:14">
      <c r="N346425" s="10"/>
    </row>
    <row r="346426" spans="14:14">
      <c r="N346426" s="10"/>
    </row>
    <row r="346427" spans="14:14">
      <c r="N346427" s="10"/>
    </row>
    <row r="346428" spans="14:14">
      <c r="N346428" s="10"/>
    </row>
    <row r="346429" spans="14:14">
      <c r="N346429" s="10"/>
    </row>
    <row r="346430" spans="14:14">
      <c r="N346430" s="10"/>
    </row>
    <row r="346431" spans="14:14">
      <c r="N346431" s="10"/>
    </row>
    <row r="346432" spans="14:14">
      <c r="N346432" s="10"/>
    </row>
    <row r="346433" spans="14:14">
      <c r="N346433" s="10"/>
    </row>
    <row r="346434" spans="14:14">
      <c r="N346434" s="10"/>
    </row>
    <row r="346435" spans="14:14">
      <c r="N346435" s="10"/>
    </row>
    <row r="346436" spans="14:14">
      <c r="N346436" s="10"/>
    </row>
    <row r="346437" spans="14:14">
      <c r="N346437" s="10"/>
    </row>
    <row r="346438" spans="14:14">
      <c r="N346438" s="10"/>
    </row>
    <row r="346439" spans="14:14">
      <c r="N346439" s="10"/>
    </row>
    <row r="346440" spans="14:14">
      <c r="N346440" s="10"/>
    </row>
    <row r="346441" spans="14:14">
      <c r="N346441" s="10"/>
    </row>
    <row r="346442" spans="14:14">
      <c r="N346442" s="10"/>
    </row>
    <row r="346443" spans="14:14">
      <c r="N346443" s="10"/>
    </row>
    <row r="346444" spans="14:14">
      <c r="N346444" s="10"/>
    </row>
    <row r="346445" spans="14:14">
      <c r="N346445" s="10"/>
    </row>
    <row r="346446" spans="14:14">
      <c r="N346446" s="10"/>
    </row>
    <row r="346447" spans="14:14">
      <c r="N346447" s="10"/>
    </row>
    <row r="346448" spans="14:14">
      <c r="N346448" s="10"/>
    </row>
    <row r="346449" spans="14:14">
      <c r="N346449" s="10"/>
    </row>
    <row r="346450" spans="14:14">
      <c r="N346450" s="10"/>
    </row>
    <row r="346451" spans="14:14">
      <c r="N346451" s="10"/>
    </row>
    <row r="346452" spans="14:14">
      <c r="N346452" s="10"/>
    </row>
    <row r="346453" spans="14:14">
      <c r="N346453" s="10"/>
    </row>
    <row r="346454" spans="14:14">
      <c r="N346454" s="10"/>
    </row>
    <row r="346455" spans="14:14">
      <c r="N346455" s="10"/>
    </row>
    <row r="346456" spans="14:14">
      <c r="N346456" s="10"/>
    </row>
    <row r="346457" spans="14:14">
      <c r="N346457" s="10"/>
    </row>
    <row r="346458" spans="14:14">
      <c r="N346458" s="10"/>
    </row>
    <row r="346459" spans="14:14">
      <c r="N346459" s="10"/>
    </row>
    <row r="346460" spans="14:14">
      <c r="N346460" s="10"/>
    </row>
    <row r="346461" spans="14:14">
      <c r="N346461" s="10"/>
    </row>
    <row r="346462" spans="14:14">
      <c r="N346462" s="10"/>
    </row>
    <row r="346463" spans="14:14">
      <c r="N346463" s="10"/>
    </row>
    <row r="346464" spans="14:14">
      <c r="N346464" s="10"/>
    </row>
    <row r="346465" spans="14:14">
      <c r="N346465" s="10"/>
    </row>
    <row r="346466" spans="14:14">
      <c r="N346466" s="10"/>
    </row>
    <row r="346467" spans="14:14">
      <c r="N346467" s="10"/>
    </row>
    <row r="346468" spans="14:14">
      <c r="N346468" s="10"/>
    </row>
    <row r="346469" spans="14:14">
      <c r="N346469" s="10"/>
    </row>
    <row r="346470" spans="14:14">
      <c r="N346470" s="10"/>
    </row>
    <row r="346471" spans="14:14">
      <c r="N346471" s="10"/>
    </row>
    <row r="346472" spans="14:14">
      <c r="N346472" s="10"/>
    </row>
    <row r="346473" spans="14:14">
      <c r="N346473" s="10"/>
    </row>
    <row r="346474" spans="14:14">
      <c r="N346474" s="10"/>
    </row>
    <row r="346475" spans="14:14">
      <c r="N346475" s="10"/>
    </row>
    <row r="346476" spans="14:14">
      <c r="N346476" s="10"/>
    </row>
    <row r="346477" spans="14:14">
      <c r="N346477" s="10"/>
    </row>
    <row r="346478" spans="14:14">
      <c r="N346478" s="10"/>
    </row>
    <row r="346479" spans="14:14">
      <c r="N346479" s="10"/>
    </row>
    <row r="346480" spans="14:14">
      <c r="N346480" s="10"/>
    </row>
    <row r="346481" spans="14:14">
      <c r="N346481" s="10"/>
    </row>
    <row r="346482" spans="14:14">
      <c r="N346482" s="10"/>
    </row>
    <row r="346483" spans="14:14">
      <c r="N346483" s="10"/>
    </row>
    <row r="346484" spans="14:14">
      <c r="N346484" s="10"/>
    </row>
    <row r="346485" spans="14:14">
      <c r="N346485" s="10"/>
    </row>
    <row r="346486" spans="14:14">
      <c r="N346486" s="10"/>
    </row>
    <row r="346487" spans="14:14">
      <c r="N346487" s="10"/>
    </row>
    <row r="346488" spans="14:14">
      <c r="N346488" s="10"/>
    </row>
    <row r="346489" spans="14:14">
      <c r="N346489" s="10"/>
    </row>
    <row r="346490" spans="14:14">
      <c r="N346490" s="10"/>
    </row>
    <row r="346491" spans="14:14">
      <c r="N346491" s="10"/>
    </row>
    <row r="346492" spans="14:14">
      <c r="N346492" s="10"/>
    </row>
    <row r="346493" spans="14:14">
      <c r="N346493" s="10"/>
    </row>
    <row r="346494" spans="14:14">
      <c r="N346494" s="10"/>
    </row>
    <row r="346495" spans="14:14">
      <c r="N346495" s="10"/>
    </row>
    <row r="346496" spans="14:14">
      <c r="N346496" s="10"/>
    </row>
    <row r="346497" spans="14:14">
      <c r="N346497" s="10"/>
    </row>
    <row r="346498" spans="14:14">
      <c r="N346498" s="10"/>
    </row>
    <row r="346499" spans="14:14">
      <c r="N346499" s="10"/>
    </row>
    <row r="346500" spans="14:14">
      <c r="N346500" s="10"/>
    </row>
    <row r="346501" spans="14:14">
      <c r="N346501" s="10"/>
    </row>
    <row r="346502" spans="14:14">
      <c r="N346502" s="10"/>
    </row>
    <row r="346503" spans="14:14">
      <c r="N346503" s="10"/>
    </row>
    <row r="346504" spans="14:14">
      <c r="N346504" s="10"/>
    </row>
    <row r="346505" spans="14:14">
      <c r="N346505" s="10"/>
    </row>
    <row r="346506" spans="14:14">
      <c r="N346506" s="10"/>
    </row>
    <row r="346507" spans="14:14">
      <c r="N346507" s="10"/>
    </row>
    <row r="346508" spans="14:14">
      <c r="N346508" s="10"/>
    </row>
    <row r="346509" spans="14:14">
      <c r="N346509" s="10"/>
    </row>
    <row r="346510" spans="14:14">
      <c r="N346510" s="10"/>
    </row>
    <row r="346511" spans="14:14">
      <c r="N346511" s="10"/>
    </row>
    <row r="346512" spans="14:14">
      <c r="N346512" s="10"/>
    </row>
    <row r="346513" spans="14:14">
      <c r="N346513" s="10"/>
    </row>
    <row r="346514" spans="14:14">
      <c r="N346514" s="10"/>
    </row>
    <row r="346515" spans="14:14">
      <c r="N346515" s="10"/>
    </row>
    <row r="346516" spans="14:14">
      <c r="N346516" s="10"/>
    </row>
    <row r="346517" spans="14:14">
      <c r="N346517" s="10"/>
    </row>
    <row r="346518" spans="14:14">
      <c r="N346518" s="10"/>
    </row>
    <row r="346519" spans="14:14">
      <c r="N346519" s="10"/>
    </row>
    <row r="346520" spans="14:14">
      <c r="N346520" s="10"/>
    </row>
    <row r="346521" spans="14:14">
      <c r="N346521" s="10"/>
    </row>
    <row r="346522" spans="14:14">
      <c r="N346522" s="10"/>
    </row>
    <row r="346523" spans="14:14">
      <c r="N346523" s="10"/>
    </row>
    <row r="346524" spans="14:14">
      <c r="N346524" s="10"/>
    </row>
    <row r="346525" spans="14:14">
      <c r="N346525" s="10"/>
    </row>
    <row r="346526" spans="14:14">
      <c r="N346526" s="10"/>
    </row>
    <row r="346527" spans="14:14">
      <c r="N346527" s="10"/>
    </row>
    <row r="346528" spans="14:14">
      <c r="N346528" s="10"/>
    </row>
    <row r="346529" spans="14:14">
      <c r="N346529" s="10"/>
    </row>
    <row r="346530" spans="14:14">
      <c r="N346530" s="10"/>
    </row>
    <row r="346531" spans="14:14">
      <c r="N346531" s="10"/>
    </row>
    <row r="346532" spans="14:14">
      <c r="N346532" s="10"/>
    </row>
    <row r="346533" spans="14:14">
      <c r="N346533" s="10"/>
    </row>
    <row r="346534" spans="14:14">
      <c r="N346534" s="10"/>
    </row>
    <row r="346535" spans="14:14">
      <c r="N346535" s="10"/>
    </row>
    <row r="346536" spans="14:14">
      <c r="N346536" s="10"/>
    </row>
    <row r="346537" spans="14:14">
      <c r="N346537" s="10"/>
    </row>
    <row r="346538" spans="14:14">
      <c r="N346538" s="10"/>
    </row>
    <row r="346539" spans="14:14">
      <c r="N346539" s="10"/>
    </row>
    <row r="346540" spans="14:14">
      <c r="N346540" s="10"/>
    </row>
    <row r="346541" spans="14:14">
      <c r="N346541" s="10"/>
    </row>
    <row r="346542" spans="14:14">
      <c r="N346542" s="10"/>
    </row>
    <row r="346543" spans="14:14">
      <c r="N346543" s="10"/>
    </row>
    <row r="346544" spans="14:14">
      <c r="N346544" s="10"/>
    </row>
    <row r="346545" spans="14:14">
      <c r="N346545" s="10"/>
    </row>
    <row r="346546" spans="14:14">
      <c r="N346546" s="10"/>
    </row>
    <row r="346547" spans="14:14">
      <c r="N346547" s="10"/>
    </row>
    <row r="346548" spans="14:14">
      <c r="N346548" s="10"/>
    </row>
    <row r="346549" spans="14:14">
      <c r="N346549" s="10"/>
    </row>
    <row r="346550" spans="14:14">
      <c r="N346550" s="10"/>
    </row>
    <row r="346551" spans="14:14">
      <c r="N346551" s="10"/>
    </row>
    <row r="346552" spans="14:14">
      <c r="N346552" s="10"/>
    </row>
    <row r="346553" spans="14:14">
      <c r="N346553" s="10"/>
    </row>
    <row r="346554" spans="14:14">
      <c r="N346554" s="10"/>
    </row>
    <row r="346555" spans="14:14">
      <c r="N346555" s="10"/>
    </row>
    <row r="346556" spans="14:14">
      <c r="N346556" s="10"/>
    </row>
    <row r="346557" spans="14:14">
      <c r="N346557" s="10"/>
    </row>
    <row r="346558" spans="14:14">
      <c r="N346558" s="10"/>
    </row>
    <row r="346559" spans="14:14">
      <c r="N346559" s="10"/>
    </row>
    <row r="346560" spans="14:14">
      <c r="N346560" s="10"/>
    </row>
    <row r="346561" spans="14:14">
      <c r="N346561" s="10"/>
    </row>
    <row r="346562" spans="14:14">
      <c r="N346562" s="10"/>
    </row>
    <row r="346563" spans="14:14">
      <c r="N346563" s="10"/>
    </row>
    <row r="346564" spans="14:14">
      <c r="N346564" s="10"/>
    </row>
    <row r="346565" spans="14:14">
      <c r="N346565" s="10"/>
    </row>
    <row r="346566" spans="14:14">
      <c r="N346566" s="10"/>
    </row>
    <row r="346567" spans="14:14">
      <c r="N346567" s="10"/>
    </row>
    <row r="346568" spans="14:14">
      <c r="N346568" s="10"/>
    </row>
    <row r="346569" spans="14:14">
      <c r="N346569" s="10"/>
    </row>
    <row r="346570" spans="14:14">
      <c r="N346570" s="10"/>
    </row>
    <row r="346571" spans="14:14">
      <c r="N346571" s="10"/>
    </row>
    <row r="346572" spans="14:14">
      <c r="N346572" s="10"/>
    </row>
    <row r="346573" spans="14:14">
      <c r="N346573" s="10"/>
    </row>
    <row r="346574" spans="14:14">
      <c r="N346574" s="10"/>
    </row>
    <row r="346575" spans="14:14">
      <c r="N346575" s="10"/>
    </row>
    <row r="346576" spans="14:14">
      <c r="N346576" s="10"/>
    </row>
    <row r="346577" spans="14:14">
      <c r="N346577" s="10"/>
    </row>
    <row r="346578" spans="14:14">
      <c r="N346578" s="10"/>
    </row>
    <row r="346579" spans="14:14">
      <c r="N346579" s="10"/>
    </row>
    <row r="346580" spans="14:14">
      <c r="N346580" s="10"/>
    </row>
    <row r="346581" spans="14:14">
      <c r="N346581" s="10"/>
    </row>
    <row r="346582" spans="14:14">
      <c r="N346582" s="10"/>
    </row>
    <row r="346583" spans="14:14">
      <c r="N346583" s="10"/>
    </row>
    <row r="346584" spans="14:14">
      <c r="N346584" s="10"/>
    </row>
    <row r="346585" spans="14:14">
      <c r="N346585" s="10"/>
    </row>
    <row r="346586" spans="14:14">
      <c r="N346586" s="10"/>
    </row>
    <row r="346587" spans="14:14">
      <c r="N346587" s="10"/>
    </row>
    <row r="346588" spans="14:14">
      <c r="N346588" s="10"/>
    </row>
    <row r="346589" spans="14:14">
      <c r="N346589" s="10"/>
    </row>
    <row r="346590" spans="14:14">
      <c r="N346590" s="10"/>
    </row>
    <row r="346591" spans="14:14">
      <c r="N346591" s="10"/>
    </row>
    <row r="346592" spans="14:14">
      <c r="N346592" s="10"/>
    </row>
    <row r="346593" spans="14:14">
      <c r="N346593" s="10"/>
    </row>
    <row r="346594" spans="14:14">
      <c r="N346594" s="10"/>
    </row>
    <row r="346595" spans="14:14">
      <c r="N346595" s="10"/>
    </row>
    <row r="346596" spans="14:14">
      <c r="N346596" s="10"/>
    </row>
    <row r="346597" spans="14:14">
      <c r="N346597" s="10"/>
    </row>
    <row r="346598" spans="14:14">
      <c r="N346598" s="10"/>
    </row>
    <row r="346599" spans="14:14">
      <c r="N346599" s="10"/>
    </row>
    <row r="346600" spans="14:14">
      <c r="N346600" s="10"/>
    </row>
    <row r="346601" spans="14:14">
      <c r="N346601" s="10"/>
    </row>
    <row r="346602" spans="14:14">
      <c r="N346602" s="10"/>
    </row>
    <row r="346603" spans="14:14">
      <c r="N346603" s="10"/>
    </row>
    <row r="346604" spans="14:14">
      <c r="N346604" s="10"/>
    </row>
    <row r="346605" spans="14:14">
      <c r="N346605" s="10"/>
    </row>
    <row r="346606" spans="14:14">
      <c r="N346606" s="10"/>
    </row>
    <row r="346607" spans="14:14">
      <c r="N346607" s="10"/>
    </row>
    <row r="346608" spans="14:14">
      <c r="N346608" s="10"/>
    </row>
    <row r="346609" spans="14:14">
      <c r="N346609" s="10"/>
    </row>
    <row r="346610" spans="14:14">
      <c r="N346610" s="10"/>
    </row>
    <row r="346611" spans="14:14">
      <c r="N346611" s="10"/>
    </row>
    <row r="346612" spans="14:14">
      <c r="N346612" s="10"/>
    </row>
    <row r="346613" spans="14:14">
      <c r="N346613" s="10"/>
    </row>
    <row r="346614" spans="14:14">
      <c r="N346614" s="10"/>
    </row>
    <row r="346615" spans="14:14">
      <c r="N346615" s="10"/>
    </row>
    <row r="346616" spans="14:14">
      <c r="N346616" s="10"/>
    </row>
    <row r="346617" spans="14:14">
      <c r="N346617" s="10"/>
    </row>
    <row r="346618" spans="14:14">
      <c r="N346618" s="10"/>
    </row>
    <row r="346619" spans="14:14">
      <c r="N346619" s="10"/>
    </row>
    <row r="346620" spans="14:14">
      <c r="N346620" s="10"/>
    </row>
    <row r="346621" spans="14:14">
      <c r="N346621" s="10"/>
    </row>
    <row r="346622" spans="14:14">
      <c r="N346622" s="10"/>
    </row>
    <row r="346623" spans="14:14">
      <c r="N346623" s="10"/>
    </row>
    <row r="346624" spans="14:14">
      <c r="N346624" s="10"/>
    </row>
    <row r="346625" spans="14:14">
      <c r="N346625" s="10"/>
    </row>
    <row r="346626" spans="14:14">
      <c r="N346626" s="10"/>
    </row>
    <row r="346627" spans="14:14">
      <c r="N346627" s="10"/>
    </row>
    <row r="346628" spans="14:14">
      <c r="N346628" s="10"/>
    </row>
    <row r="346629" spans="14:14">
      <c r="N346629" s="10"/>
    </row>
    <row r="346630" spans="14:14">
      <c r="N346630" s="10"/>
    </row>
    <row r="346631" spans="14:14">
      <c r="N346631" s="10"/>
    </row>
    <row r="346632" spans="14:14">
      <c r="N346632" s="10"/>
    </row>
    <row r="346633" spans="14:14">
      <c r="N346633" s="10"/>
    </row>
    <row r="346634" spans="14:14">
      <c r="N346634" s="10"/>
    </row>
    <row r="346635" spans="14:14">
      <c r="N346635" s="10"/>
    </row>
    <row r="346636" spans="14:14">
      <c r="N346636" s="10"/>
    </row>
    <row r="346637" spans="14:14">
      <c r="N346637" s="10"/>
    </row>
    <row r="346638" spans="14:14">
      <c r="N346638" s="10"/>
    </row>
    <row r="346639" spans="14:14">
      <c r="N346639" s="10"/>
    </row>
    <row r="346640" spans="14:14">
      <c r="N346640" s="10"/>
    </row>
    <row r="346641" spans="14:14">
      <c r="N346641" s="10"/>
    </row>
    <row r="346642" spans="14:14">
      <c r="N346642" s="10"/>
    </row>
    <row r="346643" spans="14:14">
      <c r="N346643" s="10"/>
    </row>
    <row r="346644" spans="14:14">
      <c r="N346644" s="10"/>
    </row>
    <row r="346645" spans="14:14">
      <c r="N346645" s="10"/>
    </row>
    <row r="346646" spans="14:14">
      <c r="N346646" s="10"/>
    </row>
    <row r="346647" spans="14:14">
      <c r="N346647" s="10"/>
    </row>
    <row r="346648" spans="14:14">
      <c r="N346648" s="10"/>
    </row>
    <row r="346649" spans="14:14">
      <c r="N346649" s="10"/>
    </row>
    <row r="346650" spans="14:14">
      <c r="N346650" s="10"/>
    </row>
    <row r="346651" spans="14:14">
      <c r="N346651" s="10"/>
    </row>
    <row r="346652" spans="14:14">
      <c r="N346652" s="10"/>
    </row>
    <row r="346653" spans="14:14">
      <c r="N346653" s="10"/>
    </row>
    <row r="346654" spans="14:14">
      <c r="N346654" s="10"/>
    </row>
    <row r="346655" spans="14:14">
      <c r="N346655" s="10"/>
    </row>
    <row r="346656" spans="14:14">
      <c r="N346656" s="10"/>
    </row>
    <row r="346657" spans="14:14">
      <c r="N346657" s="10"/>
    </row>
    <row r="346658" spans="14:14">
      <c r="N346658" s="10"/>
    </row>
    <row r="346659" spans="14:14">
      <c r="N346659" s="10"/>
    </row>
    <row r="346660" spans="14:14">
      <c r="N346660" s="10"/>
    </row>
    <row r="346661" spans="14:14">
      <c r="N346661" s="10"/>
    </row>
    <row r="346662" spans="14:14">
      <c r="N346662" s="10"/>
    </row>
    <row r="346663" spans="14:14">
      <c r="N346663" s="10"/>
    </row>
    <row r="346664" spans="14:14">
      <c r="N346664" s="10"/>
    </row>
    <row r="346665" spans="14:14">
      <c r="N346665" s="10"/>
    </row>
    <row r="346666" spans="14:14">
      <c r="N346666" s="10"/>
    </row>
    <row r="346667" spans="14:14">
      <c r="N346667" s="10"/>
    </row>
    <row r="346668" spans="14:14">
      <c r="N346668" s="10"/>
    </row>
    <row r="346669" spans="14:14">
      <c r="N346669" s="10"/>
    </row>
    <row r="346670" spans="14:14">
      <c r="N346670" s="10"/>
    </row>
    <row r="346671" spans="14:14">
      <c r="N346671" s="10"/>
    </row>
    <row r="346672" spans="14:14">
      <c r="N346672" s="10"/>
    </row>
    <row r="346673" spans="14:14">
      <c r="N346673" s="10"/>
    </row>
    <row r="346674" spans="14:14">
      <c r="N346674" s="10"/>
    </row>
    <row r="346675" spans="14:14">
      <c r="N346675" s="10"/>
    </row>
    <row r="346676" spans="14:14">
      <c r="N346676" s="10"/>
    </row>
    <row r="346677" spans="14:14">
      <c r="N346677" s="10"/>
    </row>
    <row r="346678" spans="14:14">
      <c r="N346678" s="10"/>
    </row>
    <row r="346679" spans="14:14">
      <c r="N346679" s="10"/>
    </row>
    <row r="346680" spans="14:14">
      <c r="N346680" s="10"/>
    </row>
    <row r="346681" spans="14:14">
      <c r="N346681" s="10"/>
    </row>
    <row r="346682" spans="14:14">
      <c r="N346682" s="10"/>
    </row>
    <row r="346683" spans="14:14">
      <c r="N346683" s="10"/>
    </row>
    <row r="346684" spans="14:14">
      <c r="N346684" s="10"/>
    </row>
    <row r="346685" spans="14:14">
      <c r="N346685" s="10"/>
    </row>
    <row r="346686" spans="14:14">
      <c r="N346686" s="10"/>
    </row>
    <row r="346687" spans="14:14">
      <c r="N346687" s="10"/>
    </row>
    <row r="346688" spans="14:14">
      <c r="N346688" s="10"/>
    </row>
    <row r="346689" spans="14:14">
      <c r="N346689" s="10"/>
    </row>
    <row r="346690" spans="14:14">
      <c r="N346690" s="10"/>
    </row>
    <row r="346691" spans="14:14">
      <c r="N346691" s="10"/>
    </row>
    <row r="346692" spans="14:14">
      <c r="N346692" s="10"/>
    </row>
    <row r="346693" spans="14:14">
      <c r="N346693" s="10"/>
    </row>
    <row r="346694" spans="14:14">
      <c r="N346694" s="10"/>
    </row>
    <row r="346695" spans="14:14">
      <c r="N346695" s="10"/>
    </row>
    <row r="346696" spans="14:14">
      <c r="N346696" s="10"/>
    </row>
    <row r="346697" spans="14:14">
      <c r="N346697" s="10"/>
    </row>
    <row r="346698" spans="14:14">
      <c r="N346698" s="10"/>
    </row>
    <row r="346699" spans="14:14">
      <c r="N346699" s="10"/>
    </row>
    <row r="346700" spans="14:14">
      <c r="N346700" s="10"/>
    </row>
    <row r="346701" spans="14:14">
      <c r="N346701" s="10"/>
    </row>
    <row r="346702" spans="14:14">
      <c r="N346702" s="10"/>
    </row>
    <row r="346703" spans="14:14">
      <c r="N346703" s="10"/>
    </row>
    <row r="346704" spans="14:14">
      <c r="N346704" s="10"/>
    </row>
    <row r="346705" spans="14:14">
      <c r="N346705" s="10"/>
    </row>
    <row r="346706" spans="14:14">
      <c r="N346706" s="10"/>
    </row>
    <row r="346707" spans="14:14">
      <c r="N346707" s="10"/>
    </row>
    <row r="346708" spans="14:14">
      <c r="N346708" s="10"/>
    </row>
    <row r="346709" spans="14:14">
      <c r="N346709" s="10"/>
    </row>
    <row r="346710" spans="14:14">
      <c r="N346710" s="10"/>
    </row>
    <row r="346711" spans="14:14">
      <c r="N346711" s="10"/>
    </row>
    <row r="346712" spans="14:14">
      <c r="N346712" s="10"/>
    </row>
    <row r="346713" spans="14:14">
      <c r="N346713" s="10"/>
    </row>
    <row r="346714" spans="14:14">
      <c r="N346714" s="10"/>
    </row>
    <row r="346715" spans="14:14">
      <c r="N346715" s="10"/>
    </row>
    <row r="346716" spans="14:14">
      <c r="N346716" s="10"/>
    </row>
    <row r="346717" spans="14:14">
      <c r="N346717" s="10"/>
    </row>
    <row r="346718" spans="14:14">
      <c r="N346718" s="10"/>
    </row>
    <row r="346719" spans="14:14">
      <c r="N346719" s="10"/>
    </row>
    <row r="346720" spans="14:14">
      <c r="N346720" s="10"/>
    </row>
    <row r="346721" spans="14:14">
      <c r="N346721" s="10"/>
    </row>
    <row r="346722" spans="14:14">
      <c r="N346722" s="10"/>
    </row>
    <row r="346723" spans="14:14">
      <c r="N346723" s="10"/>
    </row>
    <row r="346724" spans="14:14">
      <c r="N346724" s="10"/>
    </row>
    <row r="346725" spans="14:14">
      <c r="N346725" s="10"/>
    </row>
    <row r="346726" spans="14:14">
      <c r="N346726" s="10"/>
    </row>
    <row r="346727" spans="14:14">
      <c r="N346727" s="10"/>
    </row>
    <row r="346728" spans="14:14">
      <c r="N346728" s="10"/>
    </row>
    <row r="346729" spans="14:14">
      <c r="N346729" s="10"/>
    </row>
    <row r="346730" spans="14:14">
      <c r="N346730" s="10"/>
    </row>
    <row r="346731" spans="14:14">
      <c r="N346731" s="10"/>
    </row>
    <row r="346732" spans="14:14">
      <c r="N346732" s="10"/>
    </row>
    <row r="346733" spans="14:14">
      <c r="N346733" s="10"/>
    </row>
    <row r="346734" spans="14:14">
      <c r="N346734" s="10"/>
    </row>
    <row r="346735" spans="14:14">
      <c r="N346735" s="10"/>
    </row>
    <row r="346736" spans="14:14">
      <c r="N346736" s="10"/>
    </row>
    <row r="346737" spans="14:14">
      <c r="N346737" s="10"/>
    </row>
    <row r="346738" spans="14:14">
      <c r="N346738" s="10"/>
    </row>
    <row r="346739" spans="14:14">
      <c r="N346739" s="10"/>
    </row>
    <row r="346740" spans="14:14">
      <c r="N346740" s="10"/>
    </row>
    <row r="346741" spans="14:14">
      <c r="N346741" s="10"/>
    </row>
    <row r="346742" spans="14:14">
      <c r="N346742" s="10"/>
    </row>
    <row r="346743" spans="14:14">
      <c r="N346743" s="10"/>
    </row>
    <row r="346744" spans="14:14">
      <c r="N346744" s="10"/>
    </row>
    <row r="346745" spans="14:14">
      <c r="N346745" s="10"/>
    </row>
    <row r="346746" spans="14:14">
      <c r="N346746" s="10"/>
    </row>
    <row r="346747" spans="14:14">
      <c r="N346747" s="10"/>
    </row>
    <row r="346748" spans="14:14">
      <c r="N346748" s="10"/>
    </row>
    <row r="346749" spans="14:14">
      <c r="N346749" s="10"/>
    </row>
    <row r="346750" spans="14:14">
      <c r="N346750" s="10"/>
    </row>
    <row r="346751" spans="14:14">
      <c r="N346751" s="10"/>
    </row>
    <row r="346752" spans="14:14">
      <c r="N346752" s="10"/>
    </row>
    <row r="346753" spans="14:14">
      <c r="N346753" s="10"/>
    </row>
    <row r="346754" spans="14:14">
      <c r="N346754" s="10"/>
    </row>
    <row r="346755" spans="14:14">
      <c r="N346755" s="10"/>
    </row>
    <row r="346756" spans="14:14">
      <c r="N346756" s="10"/>
    </row>
    <row r="346757" spans="14:14">
      <c r="N346757" s="10"/>
    </row>
    <row r="346758" spans="14:14">
      <c r="N346758" s="10"/>
    </row>
    <row r="346759" spans="14:14">
      <c r="N346759" s="10"/>
    </row>
    <row r="346760" spans="14:14">
      <c r="N346760" s="10"/>
    </row>
    <row r="346761" spans="14:14">
      <c r="N346761" s="10"/>
    </row>
    <row r="346762" spans="14:14">
      <c r="N346762" s="10"/>
    </row>
    <row r="346763" spans="14:14">
      <c r="N346763" s="10"/>
    </row>
    <row r="346764" spans="14:14">
      <c r="N346764" s="10"/>
    </row>
    <row r="346765" spans="14:14">
      <c r="N346765" s="10"/>
    </row>
    <row r="346766" spans="14:14">
      <c r="N346766" s="10"/>
    </row>
    <row r="346767" spans="14:14">
      <c r="N346767" s="10"/>
    </row>
    <row r="346768" spans="14:14">
      <c r="N346768" s="10"/>
    </row>
    <row r="346769" spans="14:14">
      <c r="N346769" s="10"/>
    </row>
    <row r="346770" spans="14:14">
      <c r="N346770" s="10"/>
    </row>
    <row r="346771" spans="14:14">
      <c r="N346771" s="10"/>
    </row>
    <row r="346772" spans="14:14">
      <c r="N346772" s="10"/>
    </row>
    <row r="346773" spans="14:14">
      <c r="N346773" s="10"/>
    </row>
    <row r="346774" spans="14:14">
      <c r="N346774" s="10"/>
    </row>
    <row r="346775" spans="14:14">
      <c r="N346775" s="10"/>
    </row>
    <row r="346776" spans="14:14">
      <c r="N346776" s="10"/>
    </row>
    <row r="346777" spans="14:14">
      <c r="N346777" s="10"/>
    </row>
    <row r="346778" spans="14:14">
      <c r="N346778" s="10"/>
    </row>
    <row r="346779" spans="14:14">
      <c r="N346779" s="10"/>
    </row>
    <row r="346780" spans="14:14">
      <c r="N346780" s="10"/>
    </row>
    <row r="346781" spans="14:14">
      <c r="N346781" s="10"/>
    </row>
    <row r="346782" spans="14:14">
      <c r="N346782" s="10"/>
    </row>
    <row r="346783" spans="14:14">
      <c r="N346783" s="10"/>
    </row>
    <row r="346784" spans="14:14">
      <c r="N346784" s="10"/>
    </row>
    <row r="346785" spans="14:14">
      <c r="N346785" s="10"/>
    </row>
    <row r="346786" spans="14:14">
      <c r="N346786" s="10"/>
    </row>
    <row r="346787" spans="14:14">
      <c r="N346787" s="10"/>
    </row>
    <row r="346788" spans="14:14">
      <c r="N346788" s="10"/>
    </row>
    <row r="346789" spans="14:14">
      <c r="N346789" s="10"/>
    </row>
    <row r="346790" spans="14:14">
      <c r="N346790" s="10"/>
    </row>
    <row r="346791" spans="14:14">
      <c r="N346791" s="10"/>
    </row>
    <row r="346792" spans="14:14">
      <c r="N346792" s="10"/>
    </row>
    <row r="346793" spans="14:14">
      <c r="N346793" s="10"/>
    </row>
    <row r="346794" spans="14:14">
      <c r="N346794" s="10"/>
    </row>
    <row r="346795" spans="14:14">
      <c r="N346795" s="10"/>
    </row>
    <row r="346796" spans="14:14">
      <c r="N346796" s="10"/>
    </row>
    <row r="346797" spans="14:14">
      <c r="N346797" s="10"/>
    </row>
    <row r="346798" spans="14:14">
      <c r="N346798" s="10"/>
    </row>
    <row r="346799" spans="14:14">
      <c r="N346799" s="10"/>
    </row>
    <row r="346800" spans="14:14">
      <c r="N346800" s="10"/>
    </row>
    <row r="346801" spans="14:14">
      <c r="N346801" s="10"/>
    </row>
    <row r="346802" spans="14:14">
      <c r="N346802" s="10"/>
    </row>
    <row r="346803" spans="14:14">
      <c r="N346803" s="10"/>
    </row>
    <row r="346804" spans="14:14">
      <c r="N346804" s="10"/>
    </row>
    <row r="346805" spans="14:14">
      <c r="N346805" s="10"/>
    </row>
    <row r="346806" spans="14:14">
      <c r="N346806" s="10"/>
    </row>
    <row r="346807" spans="14:14">
      <c r="N346807" s="10"/>
    </row>
    <row r="346808" spans="14:14">
      <c r="N346808" s="10"/>
    </row>
    <row r="346809" spans="14:14">
      <c r="N346809" s="10"/>
    </row>
    <row r="346810" spans="14:14">
      <c r="N346810" s="10"/>
    </row>
    <row r="346811" spans="14:14">
      <c r="N346811" s="10"/>
    </row>
    <row r="346812" spans="14:14">
      <c r="N346812" s="10"/>
    </row>
    <row r="346813" spans="14:14">
      <c r="N346813" s="10"/>
    </row>
    <row r="346814" spans="14:14">
      <c r="N346814" s="10"/>
    </row>
    <row r="346815" spans="14:14">
      <c r="N346815" s="10"/>
    </row>
    <row r="346816" spans="14:14">
      <c r="N346816" s="10"/>
    </row>
    <row r="346817" spans="14:14">
      <c r="N346817" s="10"/>
    </row>
    <row r="346818" spans="14:14">
      <c r="N346818" s="10"/>
    </row>
    <row r="346819" spans="14:14">
      <c r="N346819" s="10"/>
    </row>
    <row r="346820" spans="14:14">
      <c r="N346820" s="10"/>
    </row>
    <row r="346821" spans="14:14">
      <c r="N346821" s="10"/>
    </row>
    <row r="346822" spans="14:14">
      <c r="N346822" s="10"/>
    </row>
    <row r="346823" spans="14:14">
      <c r="N346823" s="10"/>
    </row>
    <row r="346824" spans="14:14">
      <c r="N346824" s="10"/>
    </row>
    <row r="346825" spans="14:14">
      <c r="N346825" s="10"/>
    </row>
    <row r="346826" spans="14:14">
      <c r="N346826" s="10"/>
    </row>
    <row r="346827" spans="14:14">
      <c r="N346827" s="10"/>
    </row>
    <row r="346828" spans="14:14">
      <c r="N346828" s="10"/>
    </row>
    <row r="346829" spans="14:14">
      <c r="N346829" s="10"/>
    </row>
    <row r="346830" spans="14:14">
      <c r="N346830" s="10"/>
    </row>
    <row r="346831" spans="14:14">
      <c r="N346831" s="10"/>
    </row>
    <row r="346832" spans="14:14">
      <c r="N346832" s="10"/>
    </row>
    <row r="346833" spans="14:14">
      <c r="N346833" s="10"/>
    </row>
    <row r="346834" spans="14:14">
      <c r="N346834" s="10"/>
    </row>
    <row r="346835" spans="14:14">
      <c r="N346835" s="10"/>
    </row>
    <row r="346836" spans="14:14">
      <c r="N346836" s="10"/>
    </row>
    <row r="346837" spans="14:14">
      <c r="N346837" s="10"/>
    </row>
    <row r="346838" spans="14:14">
      <c r="N346838" s="10"/>
    </row>
    <row r="346839" spans="14:14">
      <c r="N346839" s="10"/>
    </row>
    <row r="346840" spans="14:14">
      <c r="N346840" s="10"/>
    </row>
    <row r="346841" spans="14:14">
      <c r="N346841" s="10"/>
    </row>
    <row r="346842" spans="14:14">
      <c r="N346842" s="10"/>
    </row>
    <row r="346843" spans="14:14">
      <c r="N346843" s="10"/>
    </row>
    <row r="346844" spans="14:14">
      <c r="N346844" s="10"/>
    </row>
    <row r="346845" spans="14:14">
      <c r="N346845" s="10"/>
    </row>
    <row r="346846" spans="14:14">
      <c r="N346846" s="10"/>
    </row>
    <row r="346847" spans="14:14">
      <c r="N346847" s="10"/>
    </row>
    <row r="346848" spans="14:14">
      <c r="N346848" s="10"/>
    </row>
    <row r="346849" spans="14:14">
      <c r="N346849" s="10"/>
    </row>
    <row r="346850" spans="14:14">
      <c r="N346850" s="10"/>
    </row>
    <row r="346851" spans="14:14">
      <c r="N346851" s="10"/>
    </row>
    <row r="346852" spans="14:14">
      <c r="N346852" s="10"/>
    </row>
    <row r="346853" spans="14:14">
      <c r="N346853" s="10"/>
    </row>
    <row r="346854" spans="14:14">
      <c r="N346854" s="10"/>
    </row>
    <row r="346855" spans="14:14">
      <c r="N346855" s="10"/>
    </row>
    <row r="346856" spans="14:14">
      <c r="N346856" s="10"/>
    </row>
    <row r="346857" spans="14:14">
      <c r="N346857" s="10"/>
    </row>
    <row r="346858" spans="14:14">
      <c r="N346858" s="10"/>
    </row>
    <row r="346859" spans="14:14">
      <c r="N346859" s="10"/>
    </row>
    <row r="346860" spans="14:14">
      <c r="N346860" s="10"/>
    </row>
    <row r="346861" spans="14:14">
      <c r="N346861" s="10"/>
    </row>
    <row r="346862" spans="14:14">
      <c r="N346862" s="10"/>
    </row>
    <row r="346863" spans="14:14">
      <c r="N346863" s="10"/>
    </row>
    <row r="346864" spans="14:14">
      <c r="N346864" s="10"/>
    </row>
    <row r="346865" spans="14:14">
      <c r="N346865" s="10"/>
    </row>
    <row r="346866" spans="14:14">
      <c r="N346866" s="10"/>
    </row>
    <row r="346867" spans="14:14">
      <c r="N346867" s="10"/>
    </row>
    <row r="346868" spans="14:14">
      <c r="N346868" s="10"/>
    </row>
    <row r="346869" spans="14:14">
      <c r="N346869" s="10"/>
    </row>
    <row r="346870" spans="14:14">
      <c r="N346870" s="10"/>
    </row>
    <row r="346871" spans="14:14">
      <c r="N346871" s="10"/>
    </row>
    <row r="346872" spans="14:14">
      <c r="N346872" s="10"/>
    </row>
    <row r="346873" spans="14:14">
      <c r="N346873" s="10"/>
    </row>
    <row r="346874" spans="14:14">
      <c r="N346874" s="10"/>
    </row>
    <row r="346875" spans="14:14">
      <c r="N346875" s="10"/>
    </row>
    <row r="346876" spans="14:14">
      <c r="N346876" s="10"/>
    </row>
    <row r="346877" spans="14:14">
      <c r="N346877" s="10"/>
    </row>
    <row r="346878" spans="14:14">
      <c r="N346878" s="10"/>
    </row>
    <row r="346879" spans="14:14">
      <c r="N346879" s="10"/>
    </row>
    <row r="346880" spans="14:14">
      <c r="N346880" s="10"/>
    </row>
    <row r="346881" spans="14:14">
      <c r="N346881" s="10"/>
    </row>
    <row r="346882" spans="14:14">
      <c r="N346882" s="10"/>
    </row>
    <row r="346883" spans="14:14">
      <c r="N346883" s="10"/>
    </row>
    <row r="346884" spans="14:14">
      <c r="N346884" s="10"/>
    </row>
    <row r="346885" spans="14:14">
      <c r="N346885" s="10"/>
    </row>
    <row r="346886" spans="14:14">
      <c r="N346886" s="10"/>
    </row>
    <row r="346887" spans="14:14">
      <c r="N346887" s="10"/>
    </row>
    <row r="346888" spans="14:14">
      <c r="N346888" s="10"/>
    </row>
    <row r="346889" spans="14:14">
      <c r="N346889" s="10"/>
    </row>
    <row r="346890" spans="14:14">
      <c r="N346890" s="10"/>
    </row>
    <row r="346891" spans="14:14">
      <c r="N346891" s="10"/>
    </row>
    <row r="346892" spans="14:14">
      <c r="N346892" s="10"/>
    </row>
    <row r="346893" spans="14:14">
      <c r="N346893" s="10"/>
    </row>
    <row r="346894" spans="14:14">
      <c r="N346894" s="10"/>
    </row>
    <row r="346895" spans="14:14">
      <c r="N346895" s="10"/>
    </row>
    <row r="346896" spans="14:14">
      <c r="N346896" s="10"/>
    </row>
    <row r="346897" spans="14:14">
      <c r="N346897" s="10"/>
    </row>
    <row r="346898" spans="14:14">
      <c r="N346898" s="10"/>
    </row>
    <row r="346899" spans="14:14">
      <c r="N346899" s="10"/>
    </row>
    <row r="346900" spans="14:14">
      <c r="N346900" s="10"/>
    </row>
    <row r="346901" spans="14:14">
      <c r="N346901" s="10"/>
    </row>
    <row r="346902" spans="14:14">
      <c r="N346902" s="10"/>
    </row>
    <row r="346903" spans="14:14">
      <c r="N346903" s="10"/>
    </row>
    <row r="346904" spans="14:14">
      <c r="N346904" s="10"/>
    </row>
    <row r="346905" spans="14:14">
      <c r="N346905" s="10"/>
    </row>
    <row r="346906" spans="14:14">
      <c r="N346906" s="10"/>
    </row>
    <row r="346907" spans="14:14">
      <c r="N346907" s="10"/>
    </row>
    <row r="346908" spans="14:14">
      <c r="N346908" s="10"/>
    </row>
    <row r="346909" spans="14:14">
      <c r="N346909" s="10"/>
    </row>
    <row r="346910" spans="14:14">
      <c r="N346910" s="10"/>
    </row>
    <row r="346911" spans="14:14">
      <c r="N346911" s="10"/>
    </row>
    <row r="346912" spans="14:14">
      <c r="N346912" s="10"/>
    </row>
    <row r="346913" spans="14:14">
      <c r="N346913" s="10"/>
    </row>
    <row r="346914" spans="14:14">
      <c r="N346914" s="10"/>
    </row>
    <row r="346915" spans="14:14">
      <c r="N346915" s="10"/>
    </row>
    <row r="346916" spans="14:14">
      <c r="N346916" s="10"/>
    </row>
    <row r="346917" spans="14:14">
      <c r="N346917" s="10"/>
    </row>
    <row r="346918" spans="14:14">
      <c r="N346918" s="10"/>
    </row>
    <row r="346919" spans="14:14">
      <c r="N346919" s="10"/>
    </row>
    <row r="346920" spans="14:14">
      <c r="N346920" s="10"/>
    </row>
    <row r="346921" spans="14:14">
      <c r="N346921" s="10"/>
    </row>
    <row r="346922" spans="14:14">
      <c r="N346922" s="10"/>
    </row>
    <row r="346923" spans="14:14">
      <c r="N346923" s="10"/>
    </row>
    <row r="346924" spans="14:14">
      <c r="N346924" s="10"/>
    </row>
    <row r="346925" spans="14:14">
      <c r="N346925" s="10"/>
    </row>
    <row r="346926" spans="14:14">
      <c r="N346926" s="10"/>
    </row>
    <row r="346927" spans="14:14">
      <c r="N346927" s="10"/>
    </row>
    <row r="346928" spans="14:14">
      <c r="N346928" s="10"/>
    </row>
    <row r="346929" spans="14:14">
      <c r="N346929" s="10"/>
    </row>
    <row r="346930" spans="14:14">
      <c r="N346930" s="10"/>
    </row>
    <row r="346931" spans="14:14">
      <c r="N346931" s="10"/>
    </row>
    <row r="346932" spans="14:14">
      <c r="N346932" s="10"/>
    </row>
    <row r="346933" spans="14:14">
      <c r="N346933" s="10"/>
    </row>
    <row r="346934" spans="14:14">
      <c r="N346934" s="10"/>
    </row>
    <row r="346935" spans="14:14">
      <c r="N346935" s="10"/>
    </row>
    <row r="346936" spans="14:14">
      <c r="N346936" s="10"/>
    </row>
    <row r="346937" spans="14:14">
      <c r="N346937" s="10"/>
    </row>
    <row r="346938" spans="14:14">
      <c r="N346938" s="10"/>
    </row>
    <row r="346939" spans="14:14">
      <c r="N346939" s="10"/>
    </row>
    <row r="346940" spans="14:14">
      <c r="N346940" s="10"/>
    </row>
    <row r="346941" spans="14:14">
      <c r="N346941" s="10"/>
    </row>
    <row r="346942" spans="14:14">
      <c r="N346942" s="10"/>
    </row>
    <row r="346943" spans="14:14">
      <c r="N346943" s="10"/>
    </row>
    <row r="346944" spans="14:14">
      <c r="N346944" s="10"/>
    </row>
    <row r="346945" spans="14:14">
      <c r="N346945" s="10"/>
    </row>
    <row r="346946" spans="14:14">
      <c r="N346946" s="10"/>
    </row>
    <row r="346947" spans="14:14">
      <c r="N346947" s="10"/>
    </row>
    <row r="346948" spans="14:14">
      <c r="N346948" s="10"/>
    </row>
    <row r="346949" spans="14:14">
      <c r="N346949" s="10"/>
    </row>
    <row r="346950" spans="14:14">
      <c r="N346950" s="10"/>
    </row>
    <row r="346951" spans="14:14">
      <c r="N346951" s="10"/>
    </row>
    <row r="346952" spans="14:14">
      <c r="N346952" s="10"/>
    </row>
    <row r="346953" spans="14:14">
      <c r="N346953" s="10"/>
    </row>
    <row r="346954" spans="14:14">
      <c r="N346954" s="10"/>
    </row>
    <row r="346955" spans="14:14">
      <c r="N346955" s="10"/>
    </row>
    <row r="346956" spans="14:14">
      <c r="N346956" s="10"/>
    </row>
    <row r="346957" spans="14:14">
      <c r="N346957" s="10"/>
    </row>
    <row r="346958" spans="14:14">
      <c r="N346958" s="10"/>
    </row>
    <row r="346959" spans="14:14">
      <c r="N346959" s="10"/>
    </row>
    <row r="346960" spans="14:14">
      <c r="N346960" s="10"/>
    </row>
    <row r="346961" spans="14:14">
      <c r="N346961" s="10"/>
    </row>
    <row r="346962" spans="14:14">
      <c r="N346962" s="10"/>
    </row>
    <row r="346963" spans="14:14">
      <c r="N346963" s="10"/>
    </row>
    <row r="346964" spans="14:14">
      <c r="N346964" s="10"/>
    </row>
    <row r="346965" spans="14:14">
      <c r="N346965" s="10"/>
    </row>
    <row r="346966" spans="14:14">
      <c r="N346966" s="10"/>
    </row>
    <row r="346967" spans="14:14">
      <c r="N346967" s="10"/>
    </row>
    <row r="346968" spans="14:14">
      <c r="N346968" s="10"/>
    </row>
    <row r="346969" spans="14:14">
      <c r="N346969" s="10"/>
    </row>
    <row r="346970" spans="14:14">
      <c r="N346970" s="10"/>
    </row>
    <row r="346971" spans="14:14">
      <c r="N346971" s="10"/>
    </row>
    <row r="346972" spans="14:14">
      <c r="N346972" s="10"/>
    </row>
    <row r="346973" spans="14:14">
      <c r="N346973" s="10"/>
    </row>
    <row r="346974" spans="14:14">
      <c r="N346974" s="10"/>
    </row>
    <row r="346975" spans="14:14">
      <c r="N346975" s="10"/>
    </row>
    <row r="346976" spans="14:14">
      <c r="N346976" s="10"/>
    </row>
    <row r="346977" spans="14:14">
      <c r="N346977" s="10"/>
    </row>
    <row r="346978" spans="14:14">
      <c r="N346978" s="10"/>
    </row>
    <row r="346979" spans="14:14">
      <c r="N346979" s="10"/>
    </row>
    <row r="346980" spans="14:14">
      <c r="N346980" s="10"/>
    </row>
    <row r="346981" spans="14:14">
      <c r="N346981" s="10"/>
    </row>
    <row r="346982" spans="14:14">
      <c r="N346982" s="10"/>
    </row>
    <row r="346983" spans="14:14">
      <c r="N346983" s="10"/>
    </row>
    <row r="346984" spans="14:14">
      <c r="N346984" s="10"/>
    </row>
    <row r="346985" spans="14:14">
      <c r="N346985" s="10"/>
    </row>
    <row r="346986" spans="14:14">
      <c r="N346986" s="10"/>
    </row>
    <row r="346987" spans="14:14">
      <c r="N346987" s="10"/>
    </row>
    <row r="346988" spans="14:14">
      <c r="N346988" s="10"/>
    </row>
    <row r="346989" spans="14:14">
      <c r="N346989" s="10"/>
    </row>
    <row r="346990" spans="14:14">
      <c r="N346990" s="10"/>
    </row>
    <row r="346991" spans="14:14">
      <c r="N346991" s="10"/>
    </row>
    <row r="346992" spans="14:14">
      <c r="N346992" s="10"/>
    </row>
    <row r="346993" spans="14:14">
      <c r="N346993" s="10"/>
    </row>
    <row r="346994" spans="14:14">
      <c r="N346994" s="10"/>
    </row>
    <row r="346995" spans="14:14">
      <c r="N346995" s="10"/>
    </row>
    <row r="346996" spans="14:14">
      <c r="N346996" s="10"/>
    </row>
    <row r="346997" spans="14:14">
      <c r="N346997" s="10"/>
    </row>
    <row r="346998" spans="14:14">
      <c r="N346998" s="10"/>
    </row>
    <row r="346999" spans="14:14">
      <c r="N346999" s="10"/>
    </row>
    <row r="347000" spans="14:14">
      <c r="N347000" s="10"/>
    </row>
    <row r="347001" spans="14:14">
      <c r="N347001" s="10"/>
    </row>
    <row r="347002" spans="14:14">
      <c r="N347002" s="10"/>
    </row>
    <row r="347003" spans="14:14">
      <c r="N347003" s="10"/>
    </row>
    <row r="347004" spans="14:14">
      <c r="N347004" s="10"/>
    </row>
    <row r="347005" spans="14:14">
      <c r="N347005" s="10"/>
    </row>
    <row r="347006" spans="14:14">
      <c r="N347006" s="10"/>
    </row>
    <row r="347007" spans="14:14">
      <c r="N347007" s="10"/>
    </row>
    <row r="347008" spans="14:14">
      <c r="N347008" s="10"/>
    </row>
    <row r="347009" spans="14:14">
      <c r="N347009" s="10"/>
    </row>
    <row r="347010" spans="14:14">
      <c r="N347010" s="10"/>
    </row>
    <row r="347011" spans="14:14">
      <c r="N347011" s="10"/>
    </row>
    <row r="347012" spans="14:14">
      <c r="N347012" s="10"/>
    </row>
    <row r="347013" spans="14:14">
      <c r="N347013" s="10"/>
    </row>
    <row r="347014" spans="14:14">
      <c r="N347014" s="10"/>
    </row>
    <row r="347015" spans="14:14">
      <c r="N347015" s="10"/>
    </row>
    <row r="347016" spans="14:14">
      <c r="N347016" s="10"/>
    </row>
    <row r="347017" spans="14:14">
      <c r="N347017" s="10"/>
    </row>
    <row r="347018" spans="14:14">
      <c r="N347018" s="10"/>
    </row>
    <row r="347019" spans="14:14">
      <c r="N347019" s="10"/>
    </row>
    <row r="347020" spans="14:14">
      <c r="N347020" s="10"/>
    </row>
    <row r="347021" spans="14:14">
      <c r="N347021" s="10"/>
    </row>
    <row r="347022" spans="14:14">
      <c r="N347022" s="10"/>
    </row>
    <row r="347023" spans="14:14">
      <c r="N347023" s="10"/>
    </row>
    <row r="347024" spans="14:14">
      <c r="N347024" s="10"/>
    </row>
    <row r="347025" spans="14:14">
      <c r="N347025" s="10"/>
    </row>
    <row r="347026" spans="14:14">
      <c r="N347026" s="10"/>
    </row>
    <row r="347027" spans="14:14">
      <c r="N347027" s="10"/>
    </row>
    <row r="347028" spans="14:14">
      <c r="N347028" s="10"/>
    </row>
    <row r="347029" spans="14:14">
      <c r="N347029" s="10"/>
    </row>
    <row r="347030" spans="14:14">
      <c r="N347030" s="10"/>
    </row>
    <row r="347031" spans="14:14">
      <c r="N347031" s="10"/>
    </row>
    <row r="347032" spans="14:14">
      <c r="N347032" s="10"/>
    </row>
    <row r="347033" spans="14:14">
      <c r="N347033" s="10"/>
    </row>
    <row r="347034" spans="14:14">
      <c r="N347034" s="10"/>
    </row>
    <row r="347035" spans="14:14">
      <c r="N347035" s="10"/>
    </row>
    <row r="347036" spans="14:14">
      <c r="N347036" s="10"/>
    </row>
    <row r="347037" spans="14:14">
      <c r="N347037" s="10"/>
    </row>
    <row r="347038" spans="14:14">
      <c r="N347038" s="10"/>
    </row>
    <row r="347039" spans="14:14">
      <c r="N347039" s="10"/>
    </row>
    <row r="347040" spans="14:14">
      <c r="N347040" s="10"/>
    </row>
    <row r="347041" spans="14:14">
      <c r="N347041" s="10"/>
    </row>
    <row r="347042" spans="14:14">
      <c r="N347042" s="10"/>
    </row>
    <row r="347043" spans="14:14">
      <c r="N347043" s="10"/>
    </row>
    <row r="347044" spans="14:14">
      <c r="N347044" s="10"/>
    </row>
    <row r="347045" spans="14:14">
      <c r="N347045" s="10"/>
    </row>
    <row r="347046" spans="14:14">
      <c r="N347046" s="10"/>
    </row>
    <row r="347047" spans="14:14">
      <c r="N347047" s="10"/>
    </row>
    <row r="347048" spans="14:14">
      <c r="N347048" s="10"/>
    </row>
    <row r="347049" spans="14:14">
      <c r="N347049" s="10"/>
    </row>
    <row r="347050" spans="14:14">
      <c r="N347050" s="10"/>
    </row>
    <row r="347051" spans="14:14">
      <c r="N347051" s="10"/>
    </row>
    <row r="347052" spans="14:14">
      <c r="N347052" s="10"/>
    </row>
    <row r="347053" spans="14:14">
      <c r="N347053" s="10"/>
    </row>
    <row r="347054" spans="14:14">
      <c r="N347054" s="10"/>
    </row>
    <row r="347055" spans="14:14">
      <c r="N347055" s="10"/>
    </row>
    <row r="347056" spans="14:14">
      <c r="N347056" s="10"/>
    </row>
    <row r="347057" spans="14:14">
      <c r="N347057" s="10"/>
    </row>
    <row r="347058" spans="14:14">
      <c r="N347058" s="10"/>
    </row>
    <row r="347059" spans="14:14">
      <c r="N347059" s="10"/>
    </row>
    <row r="347060" spans="14:14">
      <c r="N347060" s="10"/>
    </row>
    <row r="347061" spans="14:14">
      <c r="N347061" s="10"/>
    </row>
    <row r="347062" spans="14:14">
      <c r="N347062" s="10"/>
    </row>
    <row r="347063" spans="14:14">
      <c r="N347063" s="10"/>
    </row>
    <row r="347064" spans="14:14">
      <c r="N347064" s="10"/>
    </row>
    <row r="347065" spans="14:14">
      <c r="N347065" s="10"/>
    </row>
    <row r="347066" spans="14:14">
      <c r="N347066" s="10"/>
    </row>
    <row r="347067" spans="14:14">
      <c r="N347067" s="10"/>
    </row>
    <row r="347068" spans="14:14">
      <c r="N347068" s="10"/>
    </row>
    <row r="347069" spans="14:14">
      <c r="N347069" s="10"/>
    </row>
    <row r="347070" spans="14:14">
      <c r="N347070" s="10"/>
    </row>
    <row r="347071" spans="14:14">
      <c r="N347071" s="10"/>
    </row>
    <row r="347072" spans="14:14">
      <c r="N347072" s="10"/>
    </row>
    <row r="347073" spans="14:14">
      <c r="N347073" s="10"/>
    </row>
    <row r="347074" spans="14:14">
      <c r="N347074" s="10"/>
    </row>
    <row r="347075" spans="14:14">
      <c r="N347075" s="10"/>
    </row>
    <row r="347076" spans="14:14">
      <c r="N347076" s="10"/>
    </row>
    <row r="347077" spans="14:14">
      <c r="N347077" s="10"/>
    </row>
    <row r="347078" spans="14:14">
      <c r="N347078" s="10"/>
    </row>
    <row r="347079" spans="14:14">
      <c r="N347079" s="10"/>
    </row>
    <row r="347080" spans="14:14">
      <c r="N347080" s="10"/>
    </row>
    <row r="347081" spans="14:14">
      <c r="N347081" s="10"/>
    </row>
    <row r="347082" spans="14:14">
      <c r="N347082" s="10"/>
    </row>
    <row r="347083" spans="14:14">
      <c r="N347083" s="10"/>
    </row>
    <row r="347084" spans="14:14">
      <c r="N347084" s="10"/>
    </row>
    <row r="347085" spans="14:14">
      <c r="N347085" s="10"/>
    </row>
    <row r="347086" spans="14:14">
      <c r="N347086" s="10"/>
    </row>
    <row r="347087" spans="14:14">
      <c r="N347087" s="10"/>
    </row>
    <row r="347088" spans="14:14">
      <c r="N347088" s="10"/>
    </row>
    <row r="347089" spans="14:14">
      <c r="N347089" s="10"/>
    </row>
    <row r="347090" spans="14:14">
      <c r="N347090" s="10"/>
    </row>
    <row r="347091" spans="14:14">
      <c r="N347091" s="10"/>
    </row>
    <row r="347092" spans="14:14">
      <c r="N347092" s="10"/>
    </row>
    <row r="347093" spans="14:14">
      <c r="N347093" s="10"/>
    </row>
    <row r="347094" spans="14:14">
      <c r="N347094" s="10"/>
    </row>
    <row r="347095" spans="14:14">
      <c r="N347095" s="10"/>
    </row>
    <row r="347096" spans="14:14">
      <c r="N347096" s="10"/>
    </row>
    <row r="347097" spans="14:14">
      <c r="N347097" s="10"/>
    </row>
    <row r="347098" spans="14:14">
      <c r="N347098" s="10"/>
    </row>
    <row r="347099" spans="14:14">
      <c r="N347099" s="10"/>
    </row>
    <row r="347100" spans="14:14">
      <c r="N347100" s="10"/>
    </row>
    <row r="347101" spans="14:14">
      <c r="N347101" s="10"/>
    </row>
    <row r="347102" spans="14:14">
      <c r="N347102" s="10"/>
    </row>
    <row r="347103" spans="14:14">
      <c r="N347103" s="10"/>
    </row>
    <row r="347104" spans="14:14">
      <c r="N347104" s="10"/>
    </row>
    <row r="347105" spans="14:14">
      <c r="N347105" s="10"/>
    </row>
    <row r="347106" spans="14:14">
      <c r="N347106" s="10"/>
    </row>
    <row r="347107" spans="14:14">
      <c r="N347107" s="10"/>
    </row>
    <row r="347108" spans="14:14">
      <c r="N347108" s="10"/>
    </row>
    <row r="347109" spans="14:14">
      <c r="N347109" s="10"/>
    </row>
    <row r="347110" spans="14:14">
      <c r="N347110" s="10"/>
    </row>
    <row r="347111" spans="14:14">
      <c r="N347111" s="10"/>
    </row>
    <row r="347112" spans="14:14">
      <c r="N347112" s="10"/>
    </row>
    <row r="347113" spans="14:14">
      <c r="N347113" s="10"/>
    </row>
    <row r="347114" spans="14:14">
      <c r="N347114" s="10"/>
    </row>
    <row r="347115" spans="14:14">
      <c r="N347115" s="10"/>
    </row>
    <row r="347116" spans="14:14">
      <c r="N347116" s="10"/>
    </row>
    <row r="347117" spans="14:14">
      <c r="N347117" s="10"/>
    </row>
    <row r="347118" spans="14:14">
      <c r="N347118" s="10"/>
    </row>
    <row r="347119" spans="14:14">
      <c r="N347119" s="10"/>
    </row>
    <row r="347120" spans="14:14">
      <c r="N347120" s="10"/>
    </row>
    <row r="347121" spans="14:14">
      <c r="N347121" s="10"/>
    </row>
    <row r="347122" spans="14:14">
      <c r="N347122" s="10"/>
    </row>
    <row r="347123" spans="14:14">
      <c r="N347123" s="10"/>
    </row>
    <row r="347124" spans="14:14">
      <c r="N347124" s="10"/>
    </row>
    <row r="347125" spans="14:14">
      <c r="N347125" s="10"/>
    </row>
    <row r="347126" spans="14:14">
      <c r="N347126" s="10"/>
    </row>
    <row r="347127" spans="14:14">
      <c r="N347127" s="10"/>
    </row>
    <row r="347128" spans="14:14">
      <c r="N347128" s="10"/>
    </row>
    <row r="347129" spans="14:14">
      <c r="N347129" s="10"/>
    </row>
    <row r="347130" spans="14:14">
      <c r="N347130" s="10"/>
    </row>
    <row r="347131" spans="14:14">
      <c r="N347131" s="10"/>
    </row>
    <row r="347132" spans="14:14">
      <c r="N347132" s="10"/>
    </row>
    <row r="347133" spans="14:14">
      <c r="N347133" s="10"/>
    </row>
    <row r="347134" spans="14:14">
      <c r="N347134" s="10"/>
    </row>
    <row r="347135" spans="14:14">
      <c r="N347135" s="10"/>
    </row>
    <row r="347136" spans="14:14">
      <c r="N347136" s="10"/>
    </row>
    <row r="347137" spans="14:14">
      <c r="N347137" s="10"/>
    </row>
    <row r="347138" spans="14:14">
      <c r="N347138" s="10"/>
    </row>
    <row r="347139" spans="14:14">
      <c r="N347139" s="10"/>
    </row>
    <row r="347140" spans="14:14">
      <c r="N347140" s="10"/>
    </row>
    <row r="347141" spans="14:14">
      <c r="N347141" s="10"/>
    </row>
    <row r="347142" spans="14:14">
      <c r="N347142" s="10"/>
    </row>
    <row r="347143" spans="14:14">
      <c r="N347143" s="10"/>
    </row>
    <row r="347144" spans="14:14">
      <c r="N347144" s="10"/>
    </row>
    <row r="347145" spans="14:14">
      <c r="N347145" s="10"/>
    </row>
    <row r="347146" spans="14:14">
      <c r="N347146" s="10"/>
    </row>
    <row r="347147" spans="14:14">
      <c r="N347147" s="10"/>
    </row>
    <row r="347148" spans="14:14">
      <c r="N347148" s="10"/>
    </row>
    <row r="347149" spans="14:14">
      <c r="N347149" s="10"/>
    </row>
    <row r="347150" spans="14:14">
      <c r="N347150" s="10"/>
    </row>
    <row r="347151" spans="14:14">
      <c r="N347151" s="10"/>
    </row>
    <row r="347152" spans="14:14">
      <c r="N347152" s="10"/>
    </row>
    <row r="347153" spans="14:14">
      <c r="N347153" s="10"/>
    </row>
    <row r="347154" spans="14:14">
      <c r="N347154" s="10"/>
    </row>
    <row r="347155" spans="14:14">
      <c r="N347155" s="10"/>
    </row>
    <row r="347156" spans="14:14">
      <c r="N347156" s="10"/>
    </row>
    <row r="347157" spans="14:14">
      <c r="N347157" s="10"/>
    </row>
    <row r="347158" spans="14:14">
      <c r="N347158" s="10"/>
    </row>
    <row r="347159" spans="14:14">
      <c r="N347159" s="10"/>
    </row>
    <row r="347160" spans="14:14">
      <c r="N347160" s="10"/>
    </row>
    <row r="347161" spans="14:14">
      <c r="N347161" s="10"/>
    </row>
    <row r="347162" spans="14:14">
      <c r="N347162" s="10"/>
    </row>
    <row r="347163" spans="14:14">
      <c r="N347163" s="10"/>
    </row>
    <row r="347164" spans="14:14">
      <c r="N347164" s="10"/>
    </row>
    <row r="347165" spans="14:14">
      <c r="N347165" s="10"/>
    </row>
    <row r="347166" spans="14:14">
      <c r="N347166" s="10"/>
    </row>
    <row r="347167" spans="14:14">
      <c r="N347167" s="10"/>
    </row>
    <row r="347168" spans="14:14">
      <c r="N347168" s="10"/>
    </row>
    <row r="347169" spans="14:14">
      <c r="N347169" s="10"/>
    </row>
    <row r="347170" spans="14:14">
      <c r="N347170" s="10"/>
    </row>
    <row r="347171" spans="14:14">
      <c r="N347171" s="10"/>
    </row>
    <row r="347172" spans="14:14">
      <c r="N347172" s="10"/>
    </row>
    <row r="347173" spans="14:14">
      <c r="N347173" s="10"/>
    </row>
    <row r="347174" spans="14:14">
      <c r="N347174" s="10"/>
    </row>
    <row r="347175" spans="14:14">
      <c r="N347175" s="10"/>
    </row>
    <row r="347176" spans="14:14">
      <c r="N347176" s="10"/>
    </row>
    <row r="347177" spans="14:14">
      <c r="N347177" s="10"/>
    </row>
    <row r="347178" spans="14:14">
      <c r="N347178" s="10"/>
    </row>
    <row r="347179" spans="14:14">
      <c r="N347179" s="10"/>
    </row>
    <row r="347180" spans="14:14">
      <c r="N347180" s="10"/>
    </row>
    <row r="347181" spans="14:14">
      <c r="N347181" s="10"/>
    </row>
    <row r="347182" spans="14:14">
      <c r="N347182" s="10"/>
    </row>
    <row r="347183" spans="14:14">
      <c r="N347183" s="10"/>
    </row>
    <row r="347184" spans="14:14">
      <c r="N347184" s="10"/>
    </row>
    <row r="347185" spans="14:14">
      <c r="N347185" s="10"/>
    </row>
    <row r="347186" spans="14:14">
      <c r="N347186" s="10"/>
    </row>
    <row r="347187" spans="14:14">
      <c r="N347187" s="10"/>
    </row>
    <row r="347188" spans="14:14">
      <c r="N347188" s="10"/>
    </row>
    <row r="347189" spans="14:14">
      <c r="N347189" s="10"/>
    </row>
    <row r="347190" spans="14:14">
      <c r="N347190" s="10"/>
    </row>
    <row r="347191" spans="14:14">
      <c r="N347191" s="10"/>
    </row>
    <row r="347192" spans="14:14">
      <c r="N347192" s="10"/>
    </row>
    <row r="347193" spans="14:14">
      <c r="N347193" s="10"/>
    </row>
    <row r="347194" spans="14:14">
      <c r="N347194" s="10"/>
    </row>
    <row r="347195" spans="14:14">
      <c r="N347195" s="10"/>
    </row>
    <row r="347196" spans="14:14">
      <c r="N347196" s="10"/>
    </row>
    <row r="347197" spans="14:14">
      <c r="N347197" s="10"/>
    </row>
    <row r="347198" spans="14:14">
      <c r="N347198" s="10"/>
    </row>
    <row r="347199" spans="14:14">
      <c r="N347199" s="10"/>
    </row>
    <row r="347200" spans="14:14">
      <c r="N347200" s="10"/>
    </row>
    <row r="347201" spans="14:14">
      <c r="N347201" s="10"/>
    </row>
    <row r="347202" spans="14:14">
      <c r="N347202" s="10"/>
    </row>
    <row r="347203" spans="14:14">
      <c r="N347203" s="10"/>
    </row>
    <row r="347204" spans="14:14">
      <c r="N347204" s="10"/>
    </row>
    <row r="347205" spans="14:14">
      <c r="N347205" s="10"/>
    </row>
    <row r="347206" spans="14:14">
      <c r="N347206" s="10"/>
    </row>
    <row r="347207" spans="14:14">
      <c r="N347207" s="10"/>
    </row>
    <row r="347208" spans="14:14">
      <c r="N347208" s="10"/>
    </row>
    <row r="347209" spans="14:14">
      <c r="N347209" s="10"/>
    </row>
    <row r="347210" spans="14:14">
      <c r="N347210" s="10"/>
    </row>
    <row r="347211" spans="14:14">
      <c r="N347211" s="10"/>
    </row>
    <row r="347212" spans="14:14">
      <c r="N347212" s="10"/>
    </row>
    <row r="347213" spans="14:14">
      <c r="N347213" s="10"/>
    </row>
    <row r="347214" spans="14:14">
      <c r="N347214" s="10"/>
    </row>
    <row r="347215" spans="14:14">
      <c r="N347215" s="10"/>
    </row>
    <row r="347216" spans="14:14">
      <c r="N347216" s="10"/>
    </row>
    <row r="347217" spans="14:14">
      <c r="N347217" s="10"/>
    </row>
    <row r="347218" spans="14:14">
      <c r="N347218" s="10"/>
    </row>
    <row r="347219" spans="14:14">
      <c r="N347219" s="10"/>
    </row>
    <row r="347220" spans="14:14">
      <c r="N347220" s="10"/>
    </row>
    <row r="347221" spans="14:14">
      <c r="N347221" s="10"/>
    </row>
    <row r="347222" spans="14:14">
      <c r="N347222" s="10"/>
    </row>
    <row r="347223" spans="14:14">
      <c r="N347223" s="10"/>
    </row>
    <row r="347224" spans="14:14">
      <c r="N347224" s="10"/>
    </row>
    <row r="347225" spans="14:14">
      <c r="N347225" s="10"/>
    </row>
    <row r="347226" spans="14:14">
      <c r="N347226" s="10"/>
    </row>
    <row r="347227" spans="14:14">
      <c r="N347227" s="10"/>
    </row>
    <row r="347228" spans="14:14">
      <c r="N347228" s="10"/>
    </row>
    <row r="347229" spans="14:14">
      <c r="N347229" s="10"/>
    </row>
    <row r="347230" spans="14:14">
      <c r="N347230" s="10"/>
    </row>
    <row r="347231" spans="14:14">
      <c r="N347231" s="10"/>
    </row>
    <row r="347232" spans="14:14">
      <c r="N347232" s="10"/>
    </row>
    <row r="347233" spans="14:14">
      <c r="N347233" s="10"/>
    </row>
    <row r="347234" spans="14:14">
      <c r="N347234" s="10"/>
    </row>
    <row r="347235" spans="14:14">
      <c r="N347235" s="10"/>
    </row>
    <row r="347236" spans="14:14">
      <c r="N347236" s="10"/>
    </row>
    <row r="347237" spans="14:14">
      <c r="N347237" s="10"/>
    </row>
    <row r="347238" spans="14:14">
      <c r="N347238" s="10"/>
    </row>
    <row r="347239" spans="14:14">
      <c r="N347239" s="10"/>
    </row>
    <row r="347240" spans="14:14">
      <c r="N347240" s="10"/>
    </row>
    <row r="347241" spans="14:14">
      <c r="N347241" s="10"/>
    </row>
    <row r="347242" spans="14:14">
      <c r="N347242" s="10"/>
    </row>
    <row r="347243" spans="14:14">
      <c r="N347243" s="10"/>
    </row>
    <row r="347244" spans="14:14">
      <c r="N347244" s="10"/>
    </row>
    <row r="347245" spans="14:14">
      <c r="N347245" s="10"/>
    </row>
    <row r="347246" spans="14:14">
      <c r="N347246" s="10"/>
    </row>
    <row r="347247" spans="14:14">
      <c r="N347247" s="10"/>
    </row>
    <row r="347248" spans="14:14">
      <c r="N347248" s="10"/>
    </row>
    <row r="347249" spans="14:14">
      <c r="N347249" s="10"/>
    </row>
    <row r="347250" spans="14:14">
      <c r="N347250" s="10"/>
    </row>
    <row r="347251" spans="14:14">
      <c r="N347251" s="10"/>
    </row>
    <row r="347252" spans="14:14">
      <c r="N347252" s="10"/>
    </row>
    <row r="347253" spans="14:14">
      <c r="N347253" s="10"/>
    </row>
    <row r="347254" spans="14:14">
      <c r="N347254" s="10"/>
    </row>
    <row r="347255" spans="14:14">
      <c r="N347255" s="10"/>
    </row>
    <row r="347256" spans="14:14">
      <c r="N347256" s="10"/>
    </row>
    <row r="347257" spans="14:14">
      <c r="N347257" s="10"/>
    </row>
    <row r="347258" spans="14:14">
      <c r="N347258" s="10"/>
    </row>
    <row r="347259" spans="14:14">
      <c r="N347259" s="10"/>
    </row>
    <row r="347260" spans="14:14">
      <c r="N347260" s="10"/>
    </row>
    <row r="347261" spans="14:14">
      <c r="N347261" s="10"/>
    </row>
    <row r="347262" spans="14:14">
      <c r="N347262" s="10"/>
    </row>
    <row r="347263" spans="14:14">
      <c r="N347263" s="10"/>
    </row>
    <row r="347264" spans="14:14">
      <c r="N347264" s="10"/>
    </row>
    <row r="347265" spans="14:14">
      <c r="N347265" s="10"/>
    </row>
    <row r="347266" spans="14:14">
      <c r="N347266" s="10"/>
    </row>
    <row r="347267" spans="14:14">
      <c r="N347267" s="10"/>
    </row>
    <row r="347268" spans="14:14">
      <c r="N347268" s="10"/>
    </row>
    <row r="347269" spans="14:14">
      <c r="N347269" s="10"/>
    </row>
    <row r="347270" spans="14:14">
      <c r="N347270" s="10"/>
    </row>
    <row r="347271" spans="14:14">
      <c r="N347271" s="10"/>
    </row>
    <row r="347272" spans="14:14">
      <c r="N347272" s="10"/>
    </row>
    <row r="347273" spans="14:14">
      <c r="N347273" s="10"/>
    </row>
    <row r="347274" spans="14:14">
      <c r="N347274" s="10"/>
    </row>
    <row r="347275" spans="14:14">
      <c r="N347275" s="10"/>
    </row>
    <row r="347276" spans="14:14">
      <c r="N347276" s="10"/>
    </row>
    <row r="347277" spans="14:14">
      <c r="N347277" s="10"/>
    </row>
    <row r="347278" spans="14:14">
      <c r="N347278" s="10"/>
    </row>
    <row r="347279" spans="14:14">
      <c r="N347279" s="10"/>
    </row>
    <row r="347280" spans="14:14">
      <c r="N347280" s="10"/>
    </row>
    <row r="347281" spans="14:14">
      <c r="N347281" s="10"/>
    </row>
    <row r="347282" spans="14:14">
      <c r="N347282" s="10"/>
    </row>
    <row r="347283" spans="14:14">
      <c r="N347283" s="10"/>
    </row>
    <row r="347284" spans="14:14">
      <c r="N347284" s="10"/>
    </row>
    <row r="347285" spans="14:14">
      <c r="N347285" s="10"/>
    </row>
    <row r="347286" spans="14:14">
      <c r="N347286" s="10"/>
    </row>
    <row r="347287" spans="14:14">
      <c r="N347287" s="10"/>
    </row>
    <row r="347288" spans="14:14">
      <c r="N347288" s="10"/>
    </row>
    <row r="347289" spans="14:14">
      <c r="N347289" s="10"/>
    </row>
    <row r="347290" spans="14:14">
      <c r="N347290" s="10"/>
    </row>
    <row r="347291" spans="14:14">
      <c r="N347291" s="10"/>
    </row>
    <row r="347292" spans="14:14">
      <c r="N347292" s="10"/>
    </row>
    <row r="347293" spans="14:14">
      <c r="N347293" s="10"/>
    </row>
    <row r="347294" spans="14:14">
      <c r="N347294" s="10"/>
    </row>
    <row r="347295" spans="14:14">
      <c r="N347295" s="10"/>
    </row>
    <row r="347296" spans="14:14">
      <c r="N347296" s="10"/>
    </row>
    <row r="347297" spans="14:14">
      <c r="N347297" s="10"/>
    </row>
    <row r="347298" spans="14:14">
      <c r="N347298" s="10"/>
    </row>
    <row r="347299" spans="14:14">
      <c r="N347299" s="10"/>
    </row>
    <row r="347300" spans="14:14">
      <c r="N347300" s="10"/>
    </row>
    <row r="347301" spans="14:14">
      <c r="N347301" s="10"/>
    </row>
    <row r="347302" spans="14:14">
      <c r="N347302" s="10"/>
    </row>
    <row r="347303" spans="14:14">
      <c r="N347303" s="10"/>
    </row>
    <row r="347304" spans="14:14">
      <c r="N347304" s="10"/>
    </row>
    <row r="347305" spans="14:14">
      <c r="N347305" s="10"/>
    </row>
    <row r="347306" spans="14:14">
      <c r="N347306" s="10"/>
    </row>
    <row r="347307" spans="14:14">
      <c r="N347307" s="10"/>
    </row>
    <row r="347308" spans="14:14">
      <c r="N347308" s="10"/>
    </row>
    <row r="347309" spans="14:14">
      <c r="N347309" s="10"/>
    </row>
    <row r="347310" spans="14:14">
      <c r="N347310" s="10"/>
    </row>
    <row r="347311" spans="14:14">
      <c r="N347311" s="10"/>
    </row>
    <row r="347312" spans="14:14">
      <c r="N347312" s="10"/>
    </row>
    <row r="347313" spans="14:14">
      <c r="N347313" s="10"/>
    </row>
    <row r="347314" spans="14:14">
      <c r="N347314" s="10"/>
    </row>
    <row r="347315" spans="14:14">
      <c r="N347315" s="10"/>
    </row>
    <row r="347316" spans="14:14">
      <c r="N347316" s="10"/>
    </row>
    <row r="347317" spans="14:14">
      <c r="N347317" s="10"/>
    </row>
    <row r="347318" spans="14:14">
      <c r="N347318" s="10"/>
    </row>
    <row r="347319" spans="14:14">
      <c r="N347319" s="10"/>
    </row>
    <row r="347320" spans="14:14">
      <c r="N347320" s="10"/>
    </row>
    <row r="347321" spans="14:14">
      <c r="N347321" s="10"/>
    </row>
    <row r="347322" spans="14:14">
      <c r="N347322" s="10"/>
    </row>
    <row r="347323" spans="14:14">
      <c r="N347323" s="10"/>
    </row>
    <row r="347324" spans="14:14">
      <c r="N347324" s="10"/>
    </row>
    <row r="347325" spans="14:14">
      <c r="N347325" s="10"/>
    </row>
    <row r="347326" spans="14:14">
      <c r="N347326" s="10"/>
    </row>
    <row r="347327" spans="14:14">
      <c r="N347327" s="10"/>
    </row>
    <row r="347328" spans="14:14">
      <c r="N347328" s="10"/>
    </row>
    <row r="347329" spans="14:14">
      <c r="N347329" s="10"/>
    </row>
    <row r="347330" spans="14:14">
      <c r="N347330" s="10"/>
    </row>
    <row r="347331" spans="14:14">
      <c r="N347331" s="10"/>
    </row>
    <row r="347332" spans="14:14">
      <c r="N347332" s="10"/>
    </row>
    <row r="347333" spans="14:14">
      <c r="N347333" s="10"/>
    </row>
    <row r="347334" spans="14:14">
      <c r="N347334" s="10"/>
    </row>
    <row r="347335" spans="14:14">
      <c r="N347335" s="10"/>
    </row>
    <row r="347336" spans="14:14">
      <c r="N347336" s="10"/>
    </row>
    <row r="347337" spans="14:14">
      <c r="N347337" s="10"/>
    </row>
    <row r="347338" spans="14:14">
      <c r="N347338" s="10"/>
    </row>
    <row r="347339" spans="14:14">
      <c r="N347339" s="10"/>
    </row>
    <row r="347340" spans="14:14">
      <c r="N347340" s="10"/>
    </row>
    <row r="347341" spans="14:14">
      <c r="N347341" s="10"/>
    </row>
    <row r="347342" spans="14:14">
      <c r="N347342" s="10"/>
    </row>
    <row r="347343" spans="14:14">
      <c r="N347343" s="10"/>
    </row>
    <row r="347344" spans="14:14">
      <c r="N347344" s="10"/>
    </row>
    <row r="347345" spans="14:14">
      <c r="N347345" s="10"/>
    </row>
    <row r="347346" spans="14:14">
      <c r="N347346" s="10"/>
    </row>
    <row r="347347" spans="14:14">
      <c r="N347347" s="10"/>
    </row>
    <row r="347348" spans="14:14">
      <c r="N347348" s="10"/>
    </row>
    <row r="347349" spans="14:14">
      <c r="N347349" s="10"/>
    </row>
    <row r="347350" spans="14:14">
      <c r="N347350" s="10"/>
    </row>
    <row r="347351" spans="14:14">
      <c r="N347351" s="10"/>
    </row>
    <row r="347352" spans="14:14">
      <c r="N347352" s="10"/>
    </row>
    <row r="347353" spans="14:14">
      <c r="N347353" s="10"/>
    </row>
    <row r="347354" spans="14:14">
      <c r="N347354" s="10"/>
    </row>
    <row r="347355" spans="14:14">
      <c r="N347355" s="10"/>
    </row>
    <row r="347356" spans="14:14">
      <c r="N347356" s="10"/>
    </row>
    <row r="347357" spans="14:14">
      <c r="N347357" s="10"/>
    </row>
    <row r="347358" spans="14:14">
      <c r="N347358" s="10"/>
    </row>
    <row r="347359" spans="14:14">
      <c r="N347359" s="10"/>
    </row>
    <row r="347360" spans="14:14">
      <c r="N347360" s="10"/>
    </row>
    <row r="347361" spans="14:14">
      <c r="N347361" s="10"/>
    </row>
    <row r="347362" spans="14:14">
      <c r="N347362" s="10"/>
    </row>
    <row r="347363" spans="14:14">
      <c r="N347363" s="10"/>
    </row>
    <row r="347364" spans="14:14">
      <c r="N347364" s="10"/>
    </row>
    <row r="347365" spans="14:14">
      <c r="N347365" s="10"/>
    </row>
    <row r="347366" spans="14:14">
      <c r="N347366" s="10"/>
    </row>
    <row r="347367" spans="14:14">
      <c r="N347367" s="10"/>
    </row>
    <row r="347368" spans="14:14">
      <c r="N347368" s="10"/>
    </row>
    <row r="347369" spans="14:14">
      <c r="N347369" s="10"/>
    </row>
    <row r="347370" spans="14:14">
      <c r="N347370" s="10"/>
    </row>
    <row r="347371" spans="14:14">
      <c r="N347371" s="10"/>
    </row>
    <row r="347372" spans="14:14">
      <c r="N347372" s="10"/>
    </row>
    <row r="347373" spans="14:14">
      <c r="N347373" s="10"/>
    </row>
    <row r="347374" spans="14:14">
      <c r="N347374" s="10"/>
    </row>
    <row r="347375" spans="14:14">
      <c r="N347375" s="10"/>
    </row>
    <row r="347376" spans="14:14">
      <c r="N347376" s="10"/>
    </row>
    <row r="347377" spans="14:14">
      <c r="N347377" s="10"/>
    </row>
    <row r="347378" spans="14:14">
      <c r="N347378" s="10"/>
    </row>
    <row r="347379" spans="14:14">
      <c r="N347379" s="10"/>
    </row>
    <row r="347380" spans="14:14">
      <c r="N347380" s="10"/>
    </row>
    <row r="347381" spans="14:14">
      <c r="N347381" s="10"/>
    </row>
    <row r="347382" spans="14:14">
      <c r="N347382" s="10"/>
    </row>
    <row r="347383" spans="14:14">
      <c r="N347383" s="10"/>
    </row>
    <row r="347384" spans="14:14">
      <c r="N347384" s="10"/>
    </row>
    <row r="347385" spans="14:14">
      <c r="N347385" s="10"/>
    </row>
    <row r="347386" spans="14:14">
      <c r="N347386" s="10"/>
    </row>
    <row r="347387" spans="14:14">
      <c r="N347387" s="10"/>
    </row>
    <row r="347388" spans="14:14">
      <c r="N347388" s="10"/>
    </row>
    <row r="347389" spans="14:14">
      <c r="N347389" s="10"/>
    </row>
    <row r="347390" spans="14:14">
      <c r="N347390" s="10"/>
    </row>
    <row r="347391" spans="14:14">
      <c r="N347391" s="10"/>
    </row>
    <row r="347392" spans="14:14">
      <c r="N347392" s="10"/>
    </row>
    <row r="347393" spans="14:14">
      <c r="N347393" s="10"/>
    </row>
    <row r="347394" spans="14:14">
      <c r="N347394" s="10"/>
    </row>
    <row r="347395" spans="14:14">
      <c r="N347395" s="10"/>
    </row>
    <row r="347396" spans="14:14">
      <c r="N347396" s="10"/>
    </row>
    <row r="347397" spans="14:14">
      <c r="N347397" s="10"/>
    </row>
    <row r="347398" spans="14:14">
      <c r="N347398" s="10"/>
    </row>
    <row r="347399" spans="14:14">
      <c r="N347399" s="10"/>
    </row>
    <row r="347400" spans="14:14">
      <c r="N347400" s="10"/>
    </row>
    <row r="347401" spans="14:14">
      <c r="N347401" s="10"/>
    </row>
    <row r="347402" spans="14:14">
      <c r="N347402" s="10"/>
    </row>
    <row r="347403" spans="14:14">
      <c r="N347403" s="10"/>
    </row>
    <row r="347404" spans="14:14">
      <c r="N347404" s="10"/>
    </row>
    <row r="347405" spans="14:14">
      <c r="N347405" s="10"/>
    </row>
    <row r="347406" spans="14:14">
      <c r="N347406" s="10"/>
    </row>
    <row r="347407" spans="14:14">
      <c r="N347407" s="10"/>
    </row>
    <row r="347408" spans="14:14">
      <c r="N347408" s="10"/>
    </row>
    <row r="347409" spans="14:14">
      <c r="N347409" s="10"/>
    </row>
    <row r="347410" spans="14:14">
      <c r="N347410" s="10"/>
    </row>
    <row r="347411" spans="14:14">
      <c r="N347411" s="10"/>
    </row>
    <row r="347412" spans="14:14">
      <c r="N347412" s="10"/>
    </row>
    <row r="347413" spans="14:14">
      <c r="N347413" s="10"/>
    </row>
    <row r="347414" spans="14:14">
      <c r="N347414" s="10"/>
    </row>
    <row r="347415" spans="14:14">
      <c r="N347415" s="10"/>
    </row>
    <row r="347416" spans="14:14">
      <c r="N347416" s="10"/>
    </row>
    <row r="347417" spans="14:14">
      <c r="N347417" s="10"/>
    </row>
    <row r="347418" spans="14:14">
      <c r="N347418" s="10"/>
    </row>
    <row r="347419" spans="14:14">
      <c r="N347419" s="10"/>
    </row>
    <row r="347420" spans="14:14">
      <c r="N347420" s="10"/>
    </row>
    <row r="347421" spans="14:14">
      <c r="N347421" s="10"/>
    </row>
    <row r="347422" spans="14:14">
      <c r="N347422" s="10"/>
    </row>
    <row r="347423" spans="14:14">
      <c r="N347423" s="10"/>
    </row>
    <row r="347424" spans="14:14">
      <c r="N347424" s="10"/>
    </row>
    <row r="347425" spans="14:14">
      <c r="N347425" s="10"/>
    </row>
    <row r="347426" spans="14:14">
      <c r="N347426" s="10"/>
    </row>
    <row r="347427" spans="14:14">
      <c r="N347427" s="10"/>
    </row>
    <row r="347428" spans="14:14">
      <c r="N347428" s="10"/>
    </row>
    <row r="347429" spans="14:14">
      <c r="N347429" s="10"/>
    </row>
    <row r="347430" spans="14:14">
      <c r="N347430" s="10"/>
    </row>
    <row r="347431" spans="14:14">
      <c r="N347431" s="10"/>
    </row>
    <row r="347432" spans="14:14">
      <c r="N347432" s="10"/>
    </row>
    <row r="347433" spans="14:14">
      <c r="N347433" s="10"/>
    </row>
    <row r="347434" spans="14:14">
      <c r="N347434" s="10"/>
    </row>
    <row r="347435" spans="14:14">
      <c r="N347435" s="10"/>
    </row>
    <row r="347436" spans="14:14">
      <c r="N347436" s="10"/>
    </row>
    <row r="347437" spans="14:14">
      <c r="N347437" s="10"/>
    </row>
    <row r="347438" spans="14:14">
      <c r="N347438" s="10"/>
    </row>
    <row r="347439" spans="14:14">
      <c r="N347439" s="10"/>
    </row>
    <row r="347440" spans="14:14">
      <c r="N347440" s="10"/>
    </row>
    <row r="347441" spans="14:14">
      <c r="N347441" s="10"/>
    </row>
    <row r="347442" spans="14:14">
      <c r="N347442" s="10"/>
    </row>
    <row r="347443" spans="14:14">
      <c r="N347443" s="10"/>
    </row>
    <row r="347444" spans="14:14">
      <c r="N347444" s="10"/>
    </row>
    <row r="347445" spans="14:14">
      <c r="N347445" s="10"/>
    </row>
    <row r="347446" spans="14:14">
      <c r="N347446" s="10"/>
    </row>
    <row r="347447" spans="14:14">
      <c r="N347447" s="10"/>
    </row>
    <row r="347448" spans="14:14">
      <c r="N347448" s="10"/>
    </row>
    <row r="347449" spans="14:14">
      <c r="N347449" s="10"/>
    </row>
    <row r="347450" spans="14:14">
      <c r="N347450" s="10"/>
    </row>
    <row r="347451" spans="14:14">
      <c r="N347451" s="10"/>
    </row>
    <row r="347452" spans="14:14">
      <c r="N347452" s="10"/>
    </row>
    <row r="347453" spans="14:14">
      <c r="N347453" s="10"/>
    </row>
    <row r="347454" spans="14:14">
      <c r="N347454" s="10"/>
    </row>
    <row r="347455" spans="14:14">
      <c r="N347455" s="10"/>
    </row>
    <row r="347456" spans="14:14">
      <c r="N347456" s="10"/>
    </row>
    <row r="347457" spans="14:14">
      <c r="N347457" s="10"/>
    </row>
    <row r="347458" spans="14:14">
      <c r="N347458" s="10"/>
    </row>
    <row r="347459" spans="14:14">
      <c r="N347459" s="10"/>
    </row>
    <row r="347460" spans="14:14">
      <c r="N347460" s="10"/>
    </row>
    <row r="347461" spans="14:14">
      <c r="N347461" s="10"/>
    </row>
    <row r="347462" spans="14:14">
      <c r="N347462" s="10"/>
    </row>
    <row r="347463" spans="14:14">
      <c r="N347463" s="10"/>
    </row>
    <row r="347464" spans="14:14">
      <c r="N347464" s="10"/>
    </row>
    <row r="347465" spans="14:14">
      <c r="N347465" s="10"/>
    </row>
    <row r="347466" spans="14:14">
      <c r="N347466" s="10"/>
    </row>
    <row r="347467" spans="14:14">
      <c r="N347467" s="10"/>
    </row>
    <row r="347468" spans="14:14">
      <c r="N347468" s="10"/>
    </row>
    <row r="347469" spans="14:14">
      <c r="N347469" s="10"/>
    </row>
    <row r="347470" spans="14:14">
      <c r="N347470" s="10"/>
    </row>
    <row r="347471" spans="14:14">
      <c r="N347471" s="10"/>
    </row>
    <row r="347472" spans="14:14">
      <c r="N347472" s="10"/>
    </row>
    <row r="347473" spans="14:14">
      <c r="N347473" s="10"/>
    </row>
    <row r="347474" spans="14:14">
      <c r="N347474" s="10"/>
    </row>
    <row r="347475" spans="14:14">
      <c r="N347475" s="10"/>
    </row>
    <row r="347476" spans="14:14">
      <c r="N347476" s="10"/>
    </row>
    <row r="347477" spans="14:14">
      <c r="N347477" s="10"/>
    </row>
    <row r="347478" spans="14:14">
      <c r="N347478" s="10"/>
    </row>
    <row r="347479" spans="14:14">
      <c r="N347479" s="10"/>
    </row>
    <row r="347480" spans="14:14">
      <c r="N347480" s="10"/>
    </row>
    <row r="347481" spans="14:14">
      <c r="N347481" s="10"/>
    </row>
    <row r="347482" spans="14:14">
      <c r="N347482" s="10"/>
    </row>
    <row r="347483" spans="14:14">
      <c r="N347483" s="10"/>
    </row>
    <row r="347484" spans="14:14">
      <c r="N347484" s="10"/>
    </row>
    <row r="347485" spans="14:14">
      <c r="N347485" s="10"/>
    </row>
    <row r="347486" spans="14:14">
      <c r="N347486" s="10"/>
    </row>
    <row r="347487" spans="14:14">
      <c r="N347487" s="10"/>
    </row>
    <row r="347488" spans="14:14">
      <c r="N347488" s="10"/>
    </row>
    <row r="347489" spans="14:14">
      <c r="N347489" s="10"/>
    </row>
    <row r="347490" spans="14:14">
      <c r="N347490" s="10"/>
    </row>
    <row r="347491" spans="14:14">
      <c r="N347491" s="10"/>
    </row>
    <row r="347492" spans="14:14">
      <c r="N347492" s="10"/>
    </row>
    <row r="347493" spans="14:14">
      <c r="N347493" s="10"/>
    </row>
    <row r="347494" spans="14:14">
      <c r="N347494" s="10"/>
    </row>
    <row r="347495" spans="14:14">
      <c r="N347495" s="10"/>
    </row>
    <row r="347496" spans="14:14">
      <c r="N347496" s="10"/>
    </row>
    <row r="347497" spans="14:14">
      <c r="N347497" s="10"/>
    </row>
    <row r="347498" spans="14:14">
      <c r="N347498" s="10"/>
    </row>
    <row r="347499" spans="14:14">
      <c r="N347499" s="10"/>
    </row>
    <row r="347500" spans="14:14">
      <c r="N347500" s="10"/>
    </row>
    <row r="347501" spans="14:14">
      <c r="N347501" s="10"/>
    </row>
    <row r="347502" spans="14:14">
      <c r="N347502" s="10"/>
    </row>
    <row r="347503" spans="14:14">
      <c r="N347503" s="10"/>
    </row>
    <row r="347504" spans="14:14">
      <c r="N347504" s="10"/>
    </row>
    <row r="347505" spans="14:14">
      <c r="N347505" s="10"/>
    </row>
    <row r="347506" spans="14:14">
      <c r="N347506" s="10"/>
    </row>
    <row r="347507" spans="14:14">
      <c r="N347507" s="10"/>
    </row>
    <row r="347508" spans="14:14">
      <c r="N347508" s="10"/>
    </row>
    <row r="347509" spans="14:14">
      <c r="N347509" s="10"/>
    </row>
    <row r="347510" spans="14:14">
      <c r="N347510" s="10"/>
    </row>
    <row r="347511" spans="14:14">
      <c r="N347511" s="10"/>
    </row>
    <row r="347512" spans="14:14">
      <c r="N347512" s="10"/>
    </row>
    <row r="347513" spans="14:14">
      <c r="N347513" s="10"/>
    </row>
    <row r="347514" spans="14:14">
      <c r="N347514" s="10"/>
    </row>
    <row r="347515" spans="14:14">
      <c r="N347515" s="10"/>
    </row>
    <row r="347516" spans="14:14">
      <c r="N347516" s="10"/>
    </row>
    <row r="347517" spans="14:14">
      <c r="N347517" s="10"/>
    </row>
    <row r="347518" spans="14:14">
      <c r="N347518" s="10"/>
    </row>
    <row r="347519" spans="14:14">
      <c r="N347519" s="10"/>
    </row>
    <row r="347520" spans="14:14">
      <c r="N347520" s="10"/>
    </row>
    <row r="347521" spans="14:14">
      <c r="N347521" s="10"/>
    </row>
    <row r="347522" spans="14:14">
      <c r="N347522" s="10"/>
    </row>
    <row r="347523" spans="14:14">
      <c r="N347523" s="10"/>
    </row>
    <row r="347524" spans="14:14">
      <c r="N347524" s="10"/>
    </row>
    <row r="347525" spans="14:14">
      <c r="N347525" s="10"/>
    </row>
    <row r="347526" spans="14:14">
      <c r="N347526" s="10"/>
    </row>
    <row r="347527" spans="14:14">
      <c r="N347527" s="10"/>
    </row>
    <row r="347528" spans="14:14">
      <c r="N347528" s="10"/>
    </row>
    <row r="347529" spans="14:14">
      <c r="N347529" s="10"/>
    </row>
    <row r="347530" spans="14:14">
      <c r="N347530" s="10"/>
    </row>
    <row r="347531" spans="14:14">
      <c r="N347531" s="10"/>
    </row>
    <row r="347532" spans="14:14">
      <c r="N347532" s="10"/>
    </row>
    <row r="347533" spans="14:14">
      <c r="N347533" s="10"/>
    </row>
    <row r="347534" spans="14:14">
      <c r="N347534" s="10"/>
    </row>
    <row r="347535" spans="14:14">
      <c r="N347535" s="10"/>
    </row>
    <row r="347536" spans="14:14">
      <c r="N347536" s="10"/>
    </row>
    <row r="347537" spans="14:14">
      <c r="N347537" s="10"/>
    </row>
    <row r="347538" spans="14:14">
      <c r="N347538" s="10"/>
    </row>
    <row r="347539" spans="14:14">
      <c r="N347539" s="10"/>
    </row>
    <row r="347540" spans="14:14">
      <c r="N347540" s="10"/>
    </row>
    <row r="347541" spans="14:14">
      <c r="N347541" s="10"/>
    </row>
    <row r="347542" spans="14:14">
      <c r="N347542" s="10"/>
    </row>
    <row r="347543" spans="14:14">
      <c r="N347543" s="10"/>
    </row>
    <row r="347544" spans="14:14">
      <c r="N347544" s="10"/>
    </row>
    <row r="347545" spans="14:14">
      <c r="N347545" s="10"/>
    </row>
    <row r="347546" spans="14:14">
      <c r="N347546" s="10"/>
    </row>
    <row r="347547" spans="14:14">
      <c r="N347547" s="10"/>
    </row>
    <row r="347548" spans="14:14">
      <c r="N347548" s="10"/>
    </row>
    <row r="347549" spans="14:14">
      <c r="N347549" s="10"/>
    </row>
    <row r="347550" spans="14:14">
      <c r="N347550" s="10"/>
    </row>
    <row r="347551" spans="14:14">
      <c r="N347551" s="10"/>
    </row>
    <row r="347552" spans="14:14">
      <c r="N347552" s="10"/>
    </row>
    <row r="347553" spans="14:14">
      <c r="N347553" s="10"/>
    </row>
    <row r="347554" spans="14:14">
      <c r="N347554" s="10"/>
    </row>
    <row r="347555" spans="14:14">
      <c r="N347555" s="10"/>
    </row>
    <row r="347556" spans="14:14">
      <c r="N347556" s="10"/>
    </row>
    <row r="347557" spans="14:14">
      <c r="N347557" s="10"/>
    </row>
    <row r="347558" spans="14:14">
      <c r="N347558" s="10"/>
    </row>
    <row r="347559" spans="14:14">
      <c r="N347559" s="10"/>
    </row>
    <row r="347560" spans="14:14">
      <c r="N347560" s="10"/>
    </row>
    <row r="347561" spans="14:14">
      <c r="N347561" s="10"/>
    </row>
    <row r="347562" spans="14:14">
      <c r="N347562" s="10"/>
    </row>
    <row r="347563" spans="14:14">
      <c r="N347563" s="10"/>
    </row>
    <row r="347564" spans="14:14">
      <c r="N347564" s="10"/>
    </row>
    <row r="347565" spans="14:14">
      <c r="N347565" s="10"/>
    </row>
    <row r="347566" spans="14:14">
      <c r="N347566" s="10"/>
    </row>
    <row r="347567" spans="14:14">
      <c r="N347567" s="10"/>
    </row>
    <row r="347568" spans="14:14">
      <c r="N347568" s="10"/>
    </row>
    <row r="347569" spans="14:14">
      <c r="N347569" s="10"/>
    </row>
    <row r="347570" spans="14:14">
      <c r="N347570" s="10"/>
    </row>
    <row r="347571" spans="14:14">
      <c r="N347571" s="10"/>
    </row>
    <row r="347572" spans="14:14">
      <c r="N347572" s="10"/>
    </row>
    <row r="347573" spans="14:14">
      <c r="N347573" s="10"/>
    </row>
    <row r="347574" spans="14:14">
      <c r="N347574" s="10"/>
    </row>
    <row r="347575" spans="14:14">
      <c r="N347575" s="10"/>
    </row>
    <row r="347576" spans="14:14">
      <c r="N347576" s="10"/>
    </row>
    <row r="347577" spans="14:14">
      <c r="N347577" s="10"/>
    </row>
    <row r="347578" spans="14:14">
      <c r="N347578" s="10"/>
    </row>
    <row r="347579" spans="14:14">
      <c r="N347579" s="10"/>
    </row>
    <row r="347580" spans="14:14">
      <c r="N347580" s="10"/>
    </row>
    <row r="347581" spans="14:14">
      <c r="N347581" s="10"/>
    </row>
    <row r="347582" spans="14:14">
      <c r="N347582" s="10"/>
    </row>
    <row r="347583" spans="14:14">
      <c r="N347583" s="10"/>
    </row>
    <row r="347584" spans="14:14">
      <c r="N347584" s="10"/>
    </row>
    <row r="347585" spans="14:14">
      <c r="N347585" s="10"/>
    </row>
    <row r="347586" spans="14:14">
      <c r="N347586" s="10"/>
    </row>
    <row r="347587" spans="14:14">
      <c r="N347587" s="10"/>
    </row>
    <row r="347588" spans="14:14">
      <c r="N347588" s="10"/>
    </row>
    <row r="347589" spans="14:14">
      <c r="N347589" s="10"/>
    </row>
    <row r="347590" spans="14:14">
      <c r="N347590" s="10"/>
    </row>
    <row r="347591" spans="14:14">
      <c r="N347591" s="10"/>
    </row>
    <row r="347592" spans="14:14">
      <c r="N347592" s="10"/>
    </row>
    <row r="347593" spans="14:14">
      <c r="N347593" s="10"/>
    </row>
    <row r="347594" spans="14:14">
      <c r="N347594" s="10"/>
    </row>
    <row r="347595" spans="14:14">
      <c r="N347595" s="10"/>
    </row>
    <row r="347596" spans="14:14">
      <c r="N347596" s="10"/>
    </row>
    <row r="347597" spans="14:14">
      <c r="N347597" s="10"/>
    </row>
    <row r="347598" spans="14:14">
      <c r="N347598" s="10"/>
    </row>
    <row r="347599" spans="14:14">
      <c r="N347599" s="10"/>
    </row>
    <row r="347600" spans="14:14">
      <c r="N347600" s="10"/>
    </row>
    <row r="347601" spans="14:14">
      <c r="N347601" s="10"/>
    </row>
    <row r="347602" spans="14:14">
      <c r="N347602" s="10"/>
    </row>
    <row r="347603" spans="14:14">
      <c r="N347603" s="10"/>
    </row>
    <row r="347604" spans="14:14">
      <c r="N347604" s="10"/>
    </row>
    <row r="347605" spans="14:14">
      <c r="N347605" s="10"/>
    </row>
    <row r="347606" spans="14:14">
      <c r="N347606" s="10"/>
    </row>
    <row r="347607" spans="14:14">
      <c r="N347607" s="10"/>
    </row>
    <row r="347608" spans="14:14">
      <c r="N347608" s="10"/>
    </row>
    <row r="347609" spans="14:14">
      <c r="N347609" s="10"/>
    </row>
    <row r="347610" spans="14:14">
      <c r="N347610" s="10"/>
    </row>
    <row r="347611" spans="14:14">
      <c r="N347611" s="10"/>
    </row>
    <row r="347612" spans="14:14">
      <c r="N347612" s="10"/>
    </row>
    <row r="347613" spans="14:14">
      <c r="N347613" s="10"/>
    </row>
    <row r="347614" spans="14:14">
      <c r="N347614" s="10"/>
    </row>
    <row r="347615" spans="14:14">
      <c r="N347615" s="10"/>
    </row>
    <row r="347616" spans="14:14">
      <c r="N347616" s="10"/>
    </row>
    <row r="347617" spans="14:14">
      <c r="N347617" s="10"/>
    </row>
    <row r="347618" spans="14:14">
      <c r="N347618" s="10"/>
    </row>
    <row r="347619" spans="14:14">
      <c r="N347619" s="10"/>
    </row>
    <row r="347620" spans="14:14">
      <c r="N347620" s="10"/>
    </row>
    <row r="347621" spans="14:14">
      <c r="N347621" s="10"/>
    </row>
    <row r="347622" spans="14:14">
      <c r="N347622" s="10"/>
    </row>
    <row r="347623" spans="14:14">
      <c r="N347623" s="10"/>
    </row>
    <row r="347624" spans="14:14">
      <c r="N347624" s="10"/>
    </row>
    <row r="347625" spans="14:14">
      <c r="N347625" s="10"/>
    </row>
    <row r="347626" spans="14:14">
      <c r="N347626" s="10"/>
    </row>
    <row r="347627" spans="14:14">
      <c r="N347627" s="10"/>
    </row>
    <row r="347628" spans="14:14">
      <c r="N347628" s="10"/>
    </row>
    <row r="347629" spans="14:14">
      <c r="N347629" s="10"/>
    </row>
    <row r="347630" spans="14:14">
      <c r="N347630" s="10"/>
    </row>
    <row r="347631" spans="14:14">
      <c r="N347631" s="10"/>
    </row>
    <row r="347632" spans="14:14">
      <c r="N347632" s="10"/>
    </row>
    <row r="347633" spans="14:14">
      <c r="N347633" s="10"/>
    </row>
    <row r="347634" spans="14:14">
      <c r="N347634" s="10"/>
    </row>
    <row r="347635" spans="14:14">
      <c r="N347635" s="10"/>
    </row>
    <row r="347636" spans="14:14">
      <c r="N347636" s="10"/>
    </row>
    <row r="347637" spans="14:14">
      <c r="N347637" s="10"/>
    </row>
    <row r="347638" spans="14:14">
      <c r="N347638" s="10"/>
    </row>
    <row r="347639" spans="14:14">
      <c r="N347639" s="10"/>
    </row>
    <row r="347640" spans="14:14">
      <c r="N347640" s="10"/>
    </row>
    <row r="347641" spans="14:14">
      <c r="N347641" s="10"/>
    </row>
    <row r="347642" spans="14:14">
      <c r="N347642" s="10"/>
    </row>
    <row r="347643" spans="14:14">
      <c r="N347643" s="10"/>
    </row>
    <row r="347644" spans="14:14">
      <c r="N347644" s="10"/>
    </row>
    <row r="347645" spans="14:14">
      <c r="N347645" s="10"/>
    </row>
    <row r="347646" spans="14:14">
      <c r="N347646" s="10"/>
    </row>
    <row r="347647" spans="14:14">
      <c r="N347647" s="10"/>
    </row>
    <row r="347648" spans="14:14">
      <c r="N347648" s="10"/>
    </row>
    <row r="347649" spans="14:14">
      <c r="N347649" s="10"/>
    </row>
    <row r="347650" spans="14:14">
      <c r="N347650" s="10"/>
    </row>
    <row r="347651" spans="14:14">
      <c r="N347651" s="10"/>
    </row>
    <row r="347652" spans="14:14">
      <c r="N347652" s="10"/>
    </row>
    <row r="347653" spans="14:14">
      <c r="N347653" s="10"/>
    </row>
    <row r="347654" spans="14:14">
      <c r="N347654" s="10"/>
    </row>
    <row r="347655" spans="14:14">
      <c r="N347655" s="10"/>
    </row>
    <row r="347656" spans="14:14">
      <c r="N347656" s="10"/>
    </row>
    <row r="347657" spans="14:14">
      <c r="N347657" s="10"/>
    </row>
    <row r="347658" spans="14:14">
      <c r="N347658" s="10"/>
    </row>
    <row r="347659" spans="14:14">
      <c r="N347659" s="10"/>
    </row>
    <row r="347660" spans="14:14">
      <c r="N347660" s="10"/>
    </row>
    <row r="347661" spans="14:14">
      <c r="N347661" s="10"/>
    </row>
    <row r="347662" spans="14:14">
      <c r="N347662" s="10"/>
    </row>
    <row r="347663" spans="14:14">
      <c r="N347663" s="10"/>
    </row>
    <row r="347664" spans="14:14">
      <c r="N347664" s="10"/>
    </row>
    <row r="347665" spans="14:14">
      <c r="N347665" s="10"/>
    </row>
    <row r="347666" spans="14:14">
      <c r="N347666" s="10"/>
    </row>
    <row r="347667" spans="14:14">
      <c r="N347667" s="10"/>
    </row>
    <row r="347668" spans="14:14">
      <c r="N347668" s="10"/>
    </row>
    <row r="347669" spans="14:14">
      <c r="N347669" s="10"/>
    </row>
    <row r="347670" spans="14:14">
      <c r="N347670" s="10"/>
    </row>
    <row r="347671" spans="14:14">
      <c r="N347671" s="10"/>
    </row>
    <row r="347672" spans="14:14">
      <c r="N347672" s="10"/>
    </row>
    <row r="347673" spans="14:14">
      <c r="N347673" s="10"/>
    </row>
    <row r="347674" spans="14:14">
      <c r="N347674" s="10"/>
    </row>
    <row r="347675" spans="14:14">
      <c r="N347675" s="10"/>
    </row>
    <row r="347676" spans="14:14">
      <c r="N347676" s="10"/>
    </row>
    <row r="347677" spans="14:14">
      <c r="N347677" s="10"/>
    </row>
    <row r="347678" spans="14:14">
      <c r="N347678" s="10"/>
    </row>
    <row r="347679" spans="14:14">
      <c r="N347679" s="10"/>
    </row>
    <row r="347680" spans="14:14">
      <c r="N347680" s="10"/>
    </row>
    <row r="347681" spans="14:14">
      <c r="N347681" s="10"/>
    </row>
    <row r="347682" spans="14:14">
      <c r="N347682" s="10"/>
    </row>
    <row r="347683" spans="14:14">
      <c r="N347683" s="10"/>
    </row>
    <row r="347684" spans="14:14">
      <c r="N347684" s="10"/>
    </row>
    <row r="347685" spans="14:14">
      <c r="N347685" s="10"/>
    </row>
    <row r="347686" spans="14:14">
      <c r="N347686" s="10"/>
    </row>
    <row r="347687" spans="14:14">
      <c r="N347687" s="10"/>
    </row>
    <row r="347688" spans="14:14">
      <c r="N347688" s="10"/>
    </row>
    <row r="347689" spans="14:14">
      <c r="N347689" s="10"/>
    </row>
    <row r="347690" spans="14:14">
      <c r="N347690" s="10"/>
    </row>
    <row r="347691" spans="14:14">
      <c r="N347691" s="10"/>
    </row>
    <row r="347692" spans="14:14">
      <c r="N347692" s="10"/>
    </row>
    <row r="347693" spans="14:14">
      <c r="N347693" s="10"/>
    </row>
    <row r="347694" spans="14:14">
      <c r="N347694" s="10"/>
    </row>
    <row r="347695" spans="14:14">
      <c r="N347695" s="10"/>
    </row>
    <row r="347696" spans="14:14">
      <c r="N347696" s="10"/>
    </row>
    <row r="347697" spans="14:14">
      <c r="N347697" s="10"/>
    </row>
    <row r="347698" spans="14:14">
      <c r="N347698" s="10"/>
    </row>
    <row r="347699" spans="14:14">
      <c r="N347699" s="10"/>
    </row>
    <row r="347700" spans="14:14">
      <c r="N347700" s="10"/>
    </row>
    <row r="347701" spans="14:14">
      <c r="N347701" s="10"/>
    </row>
    <row r="347702" spans="14:14">
      <c r="N347702" s="10"/>
    </row>
    <row r="347703" spans="14:14">
      <c r="N347703" s="10"/>
    </row>
    <row r="347704" spans="14:14">
      <c r="N347704" s="10"/>
    </row>
    <row r="347705" spans="14:14">
      <c r="N347705" s="10"/>
    </row>
    <row r="347706" spans="14:14">
      <c r="N347706" s="10"/>
    </row>
    <row r="347707" spans="14:14">
      <c r="N347707" s="10"/>
    </row>
    <row r="347708" spans="14:14">
      <c r="N347708" s="10"/>
    </row>
    <row r="347709" spans="14:14">
      <c r="N347709" s="10"/>
    </row>
    <row r="347710" spans="14:14">
      <c r="N347710" s="10"/>
    </row>
    <row r="347711" spans="14:14">
      <c r="N347711" s="10"/>
    </row>
    <row r="347712" spans="14:14">
      <c r="N347712" s="10"/>
    </row>
    <row r="347713" spans="14:14">
      <c r="N347713" s="10"/>
    </row>
    <row r="347714" spans="14:14">
      <c r="N347714" s="10"/>
    </row>
    <row r="347715" spans="14:14">
      <c r="N347715" s="10"/>
    </row>
    <row r="347716" spans="14:14">
      <c r="N347716" s="10"/>
    </row>
    <row r="347717" spans="14:14">
      <c r="N347717" s="10"/>
    </row>
    <row r="347718" spans="14:14">
      <c r="N347718" s="10"/>
    </row>
    <row r="347719" spans="14:14">
      <c r="N347719" s="10"/>
    </row>
    <row r="347720" spans="14:14">
      <c r="N347720" s="10"/>
    </row>
    <row r="347721" spans="14:14">
      <c r="N347721" s="10"/>
    </row>
    <row r="347722" spans="14:14">
      <c r="N347722" s="10"/>
    </row>
    <row r="347723" spans="14:14">
      <c r="N347723" s="10"/>
    </row>
    <row r="347724" spans="14:14">
      <c r="N347724" s="10"/>
    </row>
    <row r="347725" spans="14:14">
      <c r="N347725" s="10"/>
    </row>
    <row r="347726" spans="14:14">
      <c r="N347726" s="10"/>
    </row>
    <row r="347727" spans="14:14">
      <c r="N347727" s="10"/>
    </row>
    <row r="347728" spans="14:14">
      <c r="N347728" s="10"/>
    </row>
    <row r="347729" spans="14:14">
      <c r="N347729" s="10"/>
    </row>
    <row r="347730" spans="14:14">
      <c r="N347730" s="10"/>
    </row>
    <row r="347731" spans="14:14">
      <c r="N347731" s="10"/>
    </row>
    <row r="347732" spans="14:14">
      <c r="N347732" s="10"/>
    </row>
    <row r="347733" spans="14:14">
      <c r="N347733" s="10"/>
    </row>
    <row r="347734" spans="14:14">
      <c r="N347734" s="10"/>
    </row>
    <row r="347735" spans="14:14">
      <c r="N347735" s="10"/>
    </row>
    <row r="347736" spans="14:14">
      <c r="N347736" s="10"/>
    </row>
    <row r="347737" spans="14:14">
      <c r="N347737" s="10"/>
    </row>
    <row r="347738" spans="14:14">
      <c r="N347738" s="10"/>
    </row>
    <row r="347739" spans="14:14">
      <c r="N347739" s="10"/>
    </row>
    <row r="347740" spans="14:14">
      <c r="N347740" s="10"/>
    </row>
    <row r="347741" spans="14:14">
      <c r="N347741" s="10"/>
    </row>
    <row r="347742" spans="14:14">
      <c r="N347742" s="10"/>
    </row>
    <row r="347743" spans="14:14">
      <c r="N347743" s="10"/>
    </row>
    <row r="347744" spans="14:14">
      <c r="N347744" s="10"/>
    </row>
    <row r="347745" spans="14:14">
      <c r="N347745" s="10"/>
    </row>
    <row r="347746" spans="14:14">
      <c r="N347746" s="10"/>
    </row>
    <row r="347747" spans="14:14">
      <c r="N347747" s="10"/>
    </row>
    <row r="347748" spans="14:14">
      <c r="N347748" s="10"/>
    </row>
    <row r="347749" spans="14:14">
      <c r="N347749" s="10"/>
    </row>
    <row r="347750" spans="14:14">
      <c r="N347750" s="10"/>
    </row>
    <row r="347751" spans="14:14">
      <c r="N347751" s="10"/>
    </row>
    <row r="347752" spans="14:14">
      <c r="N347752" s="10"/>
    </row>
    <row r="347753" spans="14:14">
      <c r="N347753" s="10"/>
    </row>
    <row r="347754" spans="14:14">
      <c r="N347754" s="10"/>
    </row>
    <row r="347755" spans="14:14">
      <c r="N347755" s="10"/>
    </row>
    <row r="347756" spans="14:14">
      <c r="N347756" s="10"/>
    </row>
    <row r="347757" spans="14:14">
      <c r="N347757" s="10"/>
    </row>
    <row r="347758" spans="14:14">
      <c r="N347758" s="10"/>
    </row>
    <row r="347759" spans="14:14">
      <c r="N347759" s="10"/>
    </row>
    <row r="347760" spans="14:14">
      <c r="N347760" s="10"/>
    </row>
    <row r="347761" spans="14:14">
      <c r="N347761" s="10"/>
    </row>
    <row r="347762" spans="14:14">
      <c r="N347762" s="10"/>
    </row>
    <row r="347763" spans="14:14">
      <c r="N347763" s="10"/>
    </row>
    <row r="347764" spans="14:14">
      <c r="N347764" s="10"/>
    </row>
    <row r="347765" spans="14:14">
      <c r="N347765" s="10"/>
    </row>
    <row r="347766" spans="14:14">
      <c r="N347766" s="10"/>
    </row>
    <row r="347767" spans="14:14">
      <c r="N347767" s="10"/>
    </row>
    <row r="347768" spans="14:14">
      <c r="N347768" s="10"/>
    </row>
    <row r="347769" spans="14:14">
      <c r="N347769" s="10"/>
    </row>
    <row r="347770" spans="14:14">
      <c r="N347770" s="10"/>
    </row>
    <row r="347771" spans="14:14">
      <c r="N347771" s="10"/>
    </row>
    <row r="347772" spans="14:14">
      <c r="N347772" s="10"/>
    </row>
    <row r="347773" spans="14:14">
      <c r="N347773" s="10"/>
    </row>
    <row r="347774" spans="14:14">
      <c r="N347774" s="10"/>
    </row>
    <row r="347775" spans="14:14">
      <c r="N347775" s="10"/>
    </row>
    <row r="347776" spans="14:14">
      <c r="N347776" s="10"/>
    </row>
    <row r="347777" spans="14:14">
      <c r="N347777" s="10"/>
    </row>
    <row r="347778" spans="14:14">
      <c r="N347778" s="10"/>
    </row>
    <row r="347779" spans="14:14">
      <c r="N347779" s="10"/>
    </row>
    <row r="347780" spans="14:14">
      <c r="N347780" s="10"/>
    </row>
    <row r="347781" spans="14:14">
      <c r="N347781" s="10"/>
    </row>
    <row r="347782" spans="14:14">
      <c r="N347782" s="10"/>
    </row>
    <row r="347783" spans="14:14">
      <c r="N347783" s="10"/>
    </row>
    <row r="347784" spans="14:14">
      <c r="N347784" s="10"/>
    </row>
    <row r="347785" spans="14:14">
      <c r="N347785" s="10"/>
    </row>
    <row r="347786" spans="14:14">
      <c r="N347786" s="10"/>
    </row>
    <row r="347787" spans="14:14">
      <c r="N347787" s="10"/>
    </row>
    <row r="347788" spans="14:14">
      <c r="N347788" s="10"/>
    </row>
    <row r="347789" spans="14:14">
      <c r="N347789" s="10"/>
    </row>
    <row r="347790" spans="14:14">
      <c r="N347790" s="10"/>
    </row>
    <row r="347791" spans="14:14">
      <c r="N347791" s="10"/>
    </row>
    <row r="347792" spans="14:14">
      <c r="N347792" s="10"/>
    </row>
    <row r="347793" spans="14:14">
      <c r="N347793" s="10"/>
    </row>
    <row r="347794" spans="14:14">
      <c r="N347794" s="10"/>
    </row>
    <row r="347795" spans="14:14">
      <c r="N347795" s="10"/>
    </row>
    <row r="347796" spans="14:14">
      <c r="N347796" s="10"/>
    </row>
    <row r="347797" spans="14:14">
      <c r="N347797" s="10"/>
    </row>
    <row r="347798" spans="14:14">
      <c r="N347798" s="10"/>
    </row>
    <row r="347799" spans="14:14">
      <c r="N347799" s="10"/>
    </row>
    <row r="347800" spans="14:14">
      <c r="N347800" s="10"/>
    </row>
    <row r="347801" spans="14:14">
      <c r="N347801" s="10"/>
    </row>
    <row r="347802" spans="14:14">
      <c r="N347802" s="10"/>
    </row>
    <row r="347803" spans="14:14">
      <c r="N347803" s="10"/>
    </row>
    <row r="347804" spans="14:14">
      <c r="N347804" s="10"/>
    </row>
    <row r="347805" spans="14:14">
      <c r="N347805" s="10"/>
    </row>
    <row r="347806" spans="14:14">
      <c r="N347806" s="10"/>
    </row>
    <row r="347807" spans="14:14">
      <c r="N347807" s="10"/>
    </row>
    <row r="347808" spans="14:14">
      <c r="N347808" s="10"/>
    </row>
    <row r="347809" spans="14:14">
      <c r="N347809" s="10"/>
    </row>
    <row r="347810" spans="14:14">
      <c r="N347810" s="10"/>
    </row>
    <row r="347811" spans="14:14">
      <c r="N347811" s="10"/>
    </row>
    <row r="347812" spans="14:14">
      <c r="N347812" s="10"/>
    </row>
    <row r="347813" spans="14:14">
      <c r="N347813" s="10"/>
    </row>
    <row r="347814" spans="14:14">
      <c r="N347814" s="10"/>
    </row>
    <row r="347815" spans="14:14">
      <c r="N347815" s="10"/>
    </row>
    <row r="347816" spans="14:14">
      <c r="N347816" s="10"/>
    </row>
    <row r="347817" spans="14:14">
      <c r="N347817" s="10"/>
    </row>
    <row r="347818" spans="14:14">
      <c r="N347818" s="10"/>
    </row>
    <row r="347819" spans="14:14">
      <c r="N347819" s="10"/>
    </row>
    <row r="347820" spans="14:14">
      <c r="N347820" s="10"/>
    </row>
    <row r="347821" spans="14:14">
      <c r="N347821" s="10"/>
    </row>
    <row r="347822" spans="14:14">
      <c r="N347822" s="10"/>
    </row>
    <row r="347823" spans="14:14">
      <c r="N347823" s="10"/>
    </row>
    <row r="347824" spans="14:14">
      <c r="N347824" s="10"/>
    </row>
    <row r="347825" spans="14:14">
      <c r="N347825" s="10"/>
    </row>
    <row r="347826" spans="14:14">
      <c r="N347826" s="10"/>
    </row>
    <row r="347827" spans="14:14">
      <c r="N347827" s="10"/>
    </row>
    <row r="347828" spans="14:14">
      <c r="N347828" s="10"/>
    </row>
    <row r="347829" spans="14:14">
      <c r="N347829" s="10"/>
    </row>
    <row r="347830" spans="14:14">
      <c r="N347830" s="10"/>
    </row>
    <row r="347831" spans="14:14">
      <c r="N347831" s="10"/>
    </row>
    <row r="347832" spans="14:14">
      <c r="N347832" s="10"/>
    </row>
    <row r="347833" spans="14:14">
      <c r="N347833" s="10"/>
    </row>
    <row r="347834" spans="14:14">
      <c r="N347834" s="10"/>
    </row>
    <row r="347835" spans="14:14">
      <c r="N347835" s="10"/>
    </row>
    <row r="347836" spans="14:14">
      <c r="N347836" s="10"/>
    </row>
    <row r="347837" spans="14:14">
      <c r="N347837" s="10"/>
    </row>
    <row r="347838" spans="14:14">
      <c r="N347838" s="10"/>
    </row>
    <row r="347839" spans="14:14">
      <c r="N347839" s="10"/>
    </row>
    <row r="347840" spans="14:14">
      <c r="N347840" s="10"/>
    </row>
    <row r="347841" spans="14:14">
      <c r="N347841" s="10"/>
    </row>
    <row r="347842" spans="14:14">
      <c r="N347842" s="10"/>
    </row>
    <row r="347843" spans="14:14">
      <c r="N347843" s="10"/>
    </row>
    <row r="347844" spans="14:14">
      <c r="N347844" s="10"/>
    </row>
    <row r="347845" spans="14:14">
      <c r="N347845" s="10"/>
    </row>
    <row r="347846" spans="14:14">
      <c r="N347846" s="10"/>
    </row>
    <row r="347847" spans="14:14">
      <c r="N347847" s="10"/>
    </row>
    <row r="347848" spans="14:14">
      <c r="N347848" s="10"/>
    </row>
    <row r="347849" spans="14:14">
      <c r="N347849" s="10"/>
    </row>
    <row r="347850" spans="14:14">
      <c r="N347850" s="10"/>
    </row>
    <row r="347851" spans="14:14">
      <c r="N347851" s="10"/>
    </row>
    <row r="347852" spans="14:14">
      <c r="N347852" s="10"/>
    </row>
    <row r="347853" spans="14:14">
      <c r="N347853" s="10"/>
    </row>
    <row r="347854" spans="14:14">
      <c r="N347854" s="10"/>
    </row>
    <row r="347855" spans="14:14">
      <c r="N347855" s="10"/>
    </row>
    <row r="347856" spans="14:14">
      <c r="N347856" s="10"/>
    </row>
    <row r="347857" spans="14:14">
      <c r="N347857" s="10"/>
    </row>
    <row r="347858" spans="14:14">
      <c r="N347858" s="10"/>
    </row>
    <row r="347859" spans="14:14">
      <c r="N347859" s="10"/>
    </row>
    <row r="347860" spans="14:14">
      <c r="N347860" s="10"/>
    </row>
    <row r="347861" spans="14:14">
      <c r="N347861" s="10"/>
    </row>
    <row r="347862" spans="14:14">
      <c r="N347862" s="10"/>
    </row>
    <row r="347863" spans="14:14">
      <c r="N347863" s="10"/>
    </row>
    <row r="347864" spans="14:14">
      <c r="N347864" s="10"/>
    </row>
    <row r="347865" spans="14:14">
      <c r="N347865" s="10"/>
    </row>
    <row r="347866" spans="14:14">
      <c r="N347866" s="10"/>
    </row>
    <row r="347867" spans="14:14">
      <c r="N347867" s="10"/>
    </row>
    <row r="347868" spans="14:14">
      <c r="N347868" s="10"/>
    </row>
    <row r="347869" spans="14:14">
      <c r="N347869" s="10"/>
    </row>
    <row r="347870" spans="14:14">
      <c r="N347870" s="10"/>
    </row>
    <row r="347871" spans="14:14">
      <c r="N347871" s="10"/>
    </row>
    <row r="347872" spans="14:14">
      <c r="N347872" s="10"/>
    </row>
    <row r="347873" spans="14:14">
      <c r="N347873" s="10"/>
    </row>
    <row r="347874" spans="14:14">
      <c r="N347874" s="10"/>
    </row>
    <row r="347875" spans="14:14">
      <c r="N347875" s="10"/>
    </row>
    <row r="347876" spans="14:14">
      <c r="N347876" s="10"/>
    </row>
    <row r="347877" spans="14:14">
      <c r="N347877" s="10"/>
    </row>
    <row r="347878" spans="14:14">
      <c r="N347878" s="10"/>
    </row>
    <row r="347879" spans="14:14">
      <c r="N347879" s="10"/>
    </row>
    <row r="347880" spans="14:14">
      <c r="N347880" s="10"/>
    </row>
    <row r="347881" spans="14:14">
      <c r="N347881" s="10"/>
    </row>
    <row r="347882" spans="14:14">
      <c r="N347882" s="10"/>
    </row>
    <row r="347883" spans="14:14">
      <c r="N347883" s="10"/>
    </row>
    <row r="347884" spans="14:14">
      <c r="N347884" s="10"/>
    </row>
    <row r="347885" spans="14:14">
      <c r="N347885" s="10"/>
    </row>
    <row r="347886" spans="14:14">
      <c r="N347886" s="10"/>
    </row>
    <row r="347887" spans="14:14">
      <c r="N347887" s="10"/>
    </row>
    <row r="347888" spans="14:14">
      <c r="N347888" s="10"/>
    </row>
    <row r="347889" spans="14:14">
      <c r="N347889" s="10"/>
    </row>
    <row r="347890" spans="14:14">
      <c r="N347890" s="10"/>
    </row>
    <row r="347891" spans="14:14">
      <c r="N347891" s="10"/>
    </row>
    <row r="347892" spans="14:14">
      <c r="N347892" s="10"/>
    </row>
    <row r="347893" spans="14:14">
      <c r="N347893" s="10"/>
    </row>
    <row r="347894" spans="14:14">
      <c r="N347894" s="10"/>
    </row>
    <row r="347895" spans="14:14">
      <c r="N347895" s="10"/>
    </row>
    <row r="347896" spans="14:14">
      <c r="N347896" s="10"/>
    </row>
    <row r="347897" spans="14:14">
      <c r="N347897" s="10"/>
    </row>
    <row r="347898" spans="14:14">
      <c r="N347898" s="10"/>
    </row>
    <row r="347899" spans="14:14">
      <c r="N347899" s="10"/>
    </row>
    <row r="347900" spans="14:14">
      <c r="N347900" s="10"/>
    </row>
    <row r="347901" spans="14:14">
      <c r="N347901" s="10"/>
    </row>
    <row r="347902" spans="14:14">
      <c r="N347902" s="10"/>
    </row>
    <row r="347903" spans="14:14">
      <c r="N347903" s="10"/>
    </row>
    <row r="347904" spans="14:14">
      <c r="N347904" s="10"/>
    </row>
    <row r="347905" spans="14:14">
      <c r="N347905" s="10"/>
    </row>
    <row r="347906" spans="14:14">
      <c r="N347906" s="10"/>
    </row>
    <row r="347907" spans="14:14">
      <c r="N347907" s="10"/>
    </row>
    <row r="347908" spans="14:14">
      <c r="N347908" s="10"/>
    </row>
    <row r="347909" spans="14:14">
      <c r="N347909" s="10"/>
    </row>
    <row r="347910" spans="14:14">
      <c r="N347910" s="10"/>
    </row>
    <row r="347911" spans="14:14">
      <c r="N347911" s="10"/>
    </row>
    <row r="347912" spans="14:14">
      <c r="N347912" s="10"/>
    </row>
    <row r="347913" spans="14:14">
      <c r="N347913" s="10"/>
    </row>
    <row r="347914" spans="14:14">
      <c r="N347914" s="10"/>
    </row>
    <row r="347915" spans="14:14">
      <c r="N347915" s="10"/>
    </row>
    <row r="347916" spans="14:14">
      <c r="N347916" s="10"/>
    </row>
    <row r="347917" spans="14:14">
      <c r="N347917" s="10"/>
    </row>
    <row r="347918" spans="14:14">
      <c r="N347918" s="10"/>
    </row>
    <row r="347919" spans="14:14">
      <c r="N347919" s="10"/>
    </row>
    <row r="347920" spans="14:14">
      <c r="N347920" s="10"/>
    </row>
    <row r="347921" spans="14:14">
      <c r="N347921" s="10"/>
    </row>
    <row r="347922" spans="14:14">
      <c r="N347922" s="10"/>
    </row>
    <row r="347923" spans="14:14">
      <c r="N347923" s="10"/>
    </row>
    <row r="347924" spans="14:14">
      <c r="N347924" s="10"/>
    </row>
    <row r="347925" spans="14:14">
      <c r="N347925" s="10"/>
    </row>
    <row r="347926" spans="14:14">
      <c r="N347926" s="10"/>
    </row>
    <row r="347927" spans="14:14">
      <c r="N347927" s="10"/>
    </row>
    <row r="347928" spans="14:14">
      <c r="N347928" s="10"/>
    </row>
    <row r="347929" spans="14:14">
      <c r="N347929" s="10"/>
    </row>
    <row r="347930" spans="14:14">
      <c r="N347930" s="10"/>
    </row>
    <row r="347931" spans="14:14">
      <c r="N347931" s="10"/>
    </row>
    <row r="347932" spans="14:14">
      <c r="N347932" s="10"/>
    </row>
    <row r="347933" spans="14:14">
      <c r="N347933" s="10"/>
    </row>
    <row r="347934" spans="14:14">
      <c r="N347934" s="10"/>
    </row>
    <row r="347935" spans="14:14">
      <c r="N347935" s="10"/>
    </row>
    <row r="347936" spans="14:14">
      <c r="N347936" s="10"/>
    </row>
    <row r="347937" spans="14:14">
      <c r="N347937" s="10"/>
    </row>
    <row r="347938" spans="14:14">
      <c r="N347938" s="10"/>
    </row>
    <row r="347939" spans="14:14">
      <c r="N347939" s="10"/>
    </row>
    <row r="347940" spans="14:14">
      <c r="N347940" s="10"/>
    </row>
    <row r="347941" spans="14:14">
      <c r="N347941" s="10"/>
    </row>
    <row r="347942" spans="14:14">
      <c r="N347942" s="10"/>
    </row>
    <row r="347943" spans="14:14">
      <c r="N347943" s="10"/>
    </row>
    <row r="347944" spans="14:14">
      <c r="N347944" s="10"/>
    </row>
    <row r="347945" spans="14:14">
      <c r="N347945" s="10"/>
    </row>
    <row r="347946" spans="14:14">
      <c r="N347946" s="10"/>
    </row>
    <row r="347947" spans="14:14">
      <c r="N347947" s="10"/>
    </row>
    <row r="347948" spans="14:14">
      <c r="N347948" s="10"/>
    </row>
    <row r="347949" spans="14:14">
      <c r="N347949" s="10"/>
    </row>
    <row r="347950" spans="14:14">
      <c r="N347950" s="10"/>
    </row>
    <row r="347951" spans="14:14">
      <c r="N347951" s="10"/>
    </row>
    <row r="347952" spans="14:14">
      <c r="N347952" s="10"/>
    </row>
    <row r="347953" spans="14:14">
      <c r="N347953" s="10"/>
    </row>
    <row r="347954" spans="14:14">
      <c r="N347954" s="10"/>
    </row>
    <row r="347955" spans="14:14">
      <c r="N347955" s="10"/>
    </row>
    <row r="347956" spans="14:14">
      <c r="N347956" s="10"/>
    </row>
    <row r="347957" spans="14:14">
      <c r="N347957" s="10"/>
    </row>
    <row r="347958" spans="14:14">
      <c r="N347958" s="10"/>
    </row>
    <row r="347959" spans="14:14">
      <c r="N347959" s="10"/>
    </row>
    <row r="347960" spans="14:14">
      <c r="N347960" s="10"/>
    </row>
    <row r="347961" spans="14:14">
      <c r="N347961" s="10"/>
    </row>
    <row r="347962" spans="14:14">
      <c r="N347962" s="10"/>
    </row>
    <row r="347963" spans="14:14">
      <c r="N347963" s="10"/>
    </row>
    <row r="347964" spans="14:14">
      <c r="N347964" s="10"/>
    </row>
    <row r="347965" spans="14:14">
      <c r="N347965" s="10"/>
    </row>
    <row r="347966" spans="14:14">
      <c r="N347966" s="10"/>
    </row>
    <row r="347967" spans="14:14">
      <c r="N347967" s="10"/>
    </row>
    <row r="347968" spans="14:14">
      <c r="N347968" s="10"/>
    </row>
    <row r="347969" spans="14:14">
      <c r="N347969" s="10"/>
    </row>
    <row r="347970" spans="14:14">
      <c r="N347970" s="10"/>
    </row>
    <row r="347971" spans="14:14">
      <c r="N347971" s="10"/>
    </row>
    <row r="347972" spans="14:14">
      <c r="N347972" s="10"/>
    </row>
    <row r="347973" spans="14:14">
      <c r="N347973" s="10"/>
    </row>
    <row r="347974" spans="14:14">
      <c r="N347974" s="10"/>
    </row>
    <row r="347975" spans="14:14">
      <c r="N347975" s="10"/>
    </row>
    <row r="347976" spans="14:14">
      <c r="N347976" s="10"/>
    </row>
    <row r="347977" spans="14:14">
      <c r="N347977" s="10"/>
    </row>
    <row r="347978" spans="14:14">
      <c r="N347978" s="10"/>
    </row>
    <row r="347979" spans="14:14">
      <c r="N347979" s="10"/>
    </row>
    <row r="347980" spans="14:14">
      <c r="N347980" s="10"/>
    </row>
    <row r="347981" spans="14:14">
      <c r="N347981" s="10"/>
    </row>
    <row r="347982" spans="14:14">
      <c r="N347982" s="10"/>
    </row>
    <row r="347983" spans="14:14">
      <c r="N347983" s="10"/>
    </row>
    <row r="347984" spans="14:14">
      <c r="N347984" s="10"/>
    </row>
    <row r="347985" spans="14:14">
      <c r="N347985" s="10"/>
    </row>
    <row r="347986" spans="14:14">
      <c r="N347986" s="10"/>
    </row>
    <row r="347987" spans="14:14">
      <c r="N347987" s="10"/>
    </row>
    <row r="347988" spans="14:14">
      <c r="N347988" s="10"/>
    </row>
    <row r="347989" spans="14:14">
      <c r="N347989" s="10"/>
    </row>
    <row r="347990" spans="14:14">
      <c r="N347990" s="10"/>
    </row>
    <row r="347991" spans="14:14">
      <c r="N347991" s="10"/>
    </row>
    <row r="347992" spans="14:14">
      <c r="N347992" s="10"/>
    </row>
    <row r="347993" spans="14:14">
      <c r="N347993" s="10"/>
    </row>
    <row r="347994" spans="14:14">
      <c r="N347994" s="10"/>
    </row>
    <row r="347995" spans="14:14">
      <c r="N347995" s="10"/>
    </row>
    <row r="347996" spans="14:14">
      <c r="N347996" s="10"/>
    </row>
    <row r="347997" spans="14:14">
      <c r="N347997" s="10"/>
    </row>
    <row r="347998" spans="14:14">
      <c r="N347998" s="10"/>
    </row>
    <row r="347999" spans="14:14">
      <c r="N347999" s="10"/>
    </row>
    <row r="348000" spans="14:14">
      <c r="N348000" s="10"/>
    </row>
    <row r="348001" spans="14:14">
      <c r="N348001" s="10"/>
    </row>
    <row r="348002" spans="14:14">
      <c r="N348002" s="10"/>
    </row>
    <row r="348003" spans="14:14">
      <c r="N348003" s="10"/>
    </row>
    <row r="348004" spans="14:14">
      <c r="N348004" s="10"/>
    </row>
    <row r="348005" spans="14:14">
      <c r="N348005" s="10"/>
    </row>
    <row r="348006" spans="14:14">
      <c r="N348006" s="10"/>
    </row>
    <row r="348007" spans="14:14">
      <c r="N348007" s="10"/>
    </row>
    <row r="348008" spans="14:14">
      <c r="N348008" s="10"/>
    </row>
    <row r="348009" spans="14:14">
      <c r="N348009" s="10"/>
    </row>
    <row r="348010" spans="14:14">
      <c r="N348010" s="10"/>
    </row>
    <row r="348011" spans="14:14">
      <c r="N348011" s="10"/>
    </row>
    <row r="348012" spans="14:14">
      <c r="N348012" s="10"/>
    </row>
    <row r="348013" spans="14:14">
      <c r="N348013" s="10"/>
    </row>
    <row r="348014" spans="14:14">
      <c r="N348014" s="10"/>
    </row>
    <row r="348015" spans="14:14">
      <c r="N348015" s="10"/>
    </row>
    <row r="348016" spans="14:14">
      <c r="N348016" s="10"/>
    </row>
    <row r="348017" spans="14:14">
      <c r="N348017" s="10"/>
    </row>
    <row r="348018" spans="14:14">
      <c r="N348018" s="10"/>
    </row>
    <row r="348019" spans="14:14">
      <c r="N348019" s="10"/>
    </row>
    <row r="348020" spans="14:14">
      <c r="N348020" s="10"/>
    </row>
    <row r="348021" spans="14:14">
      <c r="N348021" s="10"/>
    </row>
    <row r="348022" spans="14:14">
      <c r="N348022" s="10"/>
    </row>
    <row r="348023" spans="14:14">
      <c r="N348023" s="10"/>
    </row>
    <row r="348024" spans="14:14">
      <c r="N348024" s="10"/>
    </row>
    <row r="348025" spans="14:14">
      <c r="N348025" s="10"/>
    </row>
    <row r="348026" spans="14:14">
      <c r="N348026" s="10"/>
    </row>
    <row r="348027" spans="14:14">
      <c r="N348027" s="10"/>
    </row>
    <row r="348028" spans="14:14">
      <c r="N348028" s="10"/>
    </row>
    <row r="348029" spans="14:14">
      <c r="N348029" s="10"/>
    </row>
    <row r="348030" spans="14:14">
      <c r="N348030" s="10"/>
    </row>
    <row r="348031" spans="14:14">
      <c r="N348031" s="10"/>
    </row>
    <row r="348032" spans="14:14">
      <c r="N348032" s="10"/>
    </row>
    <row r="348033" spans="14:14">
      <c r="N348033" s="10"/>
    </row>
    <row r="348034" spans="14:14">
      <c r="N348034" s="10"/>
    </row>
    <row r="348035" spans="14:14">
      <c r="N348035" s="10"/>
    </row>
    <row r="348036" spans="14:14">
      <c r="N348036" s="10"/>
    </row>
    <row r="348037" spans="14:14">
      <c r="N348037" s="10"/>
    </row>
    <row r="348038" spans="14:14">
      <c r="N348038" s="10"/>
    </row>
    <row r="348039" spans="14:14">
      <c r="N348039" s="10"/>
    </row>
    <row r="348040" spans="14:14">
      <c r="N348040" s="10"/>
    </row>
    <row r="348041" spans="14:14">
      <c r="N348041" s="10"/>
    </row>
    <row r="348042" spans="14:14">
      <c r="N348042" s="10"/>
    </row>
    <row r="348043" spans="14:14">
      <c r="N348043" s="10"/>
    </row>
    <row r="348044" spans="14:14">
      <c r="N348044" s="10"/>
    </row>
    <row r="348045" spans="14:14">
      <c r="N348045" s="10"/>
    </row>
    <row r="348046" spans="14:14">
      <c r="N348046" s="10"/>
    </row>
    <row r="348047" spans="14:14">
      <c r="N348047" s="10"/>
    </row>
    <row r="348048" spans="14:14">
      <c r="N348048" s="10"/>
    </row>
    <row r="348049" spans="14:14">
      <c r="N348049" s="10"/>
    </row>
    <row r="348050" spans="14:14">
      <c r="N348050" s="10"/>
    </row>
    <row r="348051" spans="14:14">
      <c r="N348051" s="10"/>
    </row>
    <row r="348052" spans="14:14">
      <c r="N348052" s="10"/>
    </row>
    <row r="348053" spans="14:14">
      <c r="N348053" s="10"/>
    </row>
    <row r="348054" spans="14:14">
      <c r="N348054" s="10"/>
    </row>
    <row r="348055" spans="14:14">
      <c r="N348055" s="10"/>
    </row>
    <row r="348056" spans="14:14">
      <c r="N348056" s="10"/>
    </row>
    <row r="348057" spans="14:14">
      <c r="N348057" s="10"/>
    </row>
    <row r="348058" spans="14:14">
      <c r="N348058" s="10"/>
    </row>
    <row r="348059" spans="14:14">
      <c r="N348059" s="10"/>
    </row>
    <row r="348060" spans="14:14">
      <c r="N348060" s="10"/>
    </row>
    <row r="348061" spans="14:14">
      <c r="N348061" s="10"/>
    </row>
    <row r="348062" spans="14:14">
      <c r="N348062" s="10"/>
    </row>
    <row r="348063" spans="14:14">
      <c r="N348063" s="10"/>
    </row>
    <row r="348064" spans="14:14">
      <c r="N348064" s="10"/>
    </row>
    <row r="348065" spans="14:14">
      <c r="N348065" s="10"/>
    </row>
    <row r="348066" spans="14:14">
      <c r="N348066" s="10"/>
    </row>
    <row r="348067" spans="14:14">
      <c r="N348067" s="10"/>
    </row>
    <row r="348068" spans="14:14">
      <c r="N348068" s="10"/>
    </row>
    <row r="348069" spans="14:14">
      <c r="N348069" s="10"/>
    </row>
    <row r="348070" spans="14:14">
      <c r="N348070" s="10"/>
    </row>
    <row r="348071" spans="14:14">
      <c r="N348071" s="10"/>
    </row>
    <row r="348072" spans="14:14">
      <c r="N348072" s="10"/>
    </row>
    <row r="348073" spans="14:14">
      <c r="N348073" s="10"/>
    </row>
    <row r="348074" spans="14:14">
      <c r="N348074" s="10"/>
    </row>
    <row r="348075" spans="14:14">
      <c r="N348075" s="10"/>
    </row>
    <row r="348076" spans="14:14">
      <c r="N348076" s="10"/>
    </row>
    <row r="348077" spans="14:14">
      <c r="N348077" s="10"/>
    </row>
    <row r="348078" spans="14:14">
      <c r="N348078" s="10"/>
    </row>
    <row r="348079" spans="14:14">
      <c r="N348079" s="10"/>
    </row>
    <row r="348080" spans="14:14">
      <c r="N348080" s="10"/>
    </row>
    <row r="348081" spans="14:14">
      <c r="N348081" s="10"/>
    </row>
    <row r="348082" spans="14:14">
      <c r="N348082" s="10"/>
    </row>
    <row r="348083" spans="14:14">
      <c r="N348083" s="10"/>
    </row>
    <row r="348084" spans="14:14">
      <c r="N348084" s="10"/>
    </row>
    <row r="348085" spans="14:14">
      <c r="N348085" s="10"/>
    </row>
    <row r="348086" spans="14:14">
      <c r="N348086" s="10"/>
    </row>
    <row r="348087" spans="14:14">
      <c r="N348087" s="10"/>
    </row>
    <row r="348088" spans="14:14">
      <c r="N348088" s="10"/>
    </row>
    <row r="348089" spans="14:14">
      <c r="N348089" s="10"/>
    </row>
    <row r="348090" spans="14:14">
      <c r="N348090" s="10"/>
    </row>
    <row r="348091" spans="14:14">
      <c r="N348091" s="10"/>
    </row>
    <row r="348092" spans="14:14">
      <c r="N348092" s="10"/>
    </row>
    <row r="348093" spans="14:14">
      <c r="N348093" s="10"/>
    </row>
    <row r="348094" spans="14:14">
      <c r="N348094" s="10"/>
    </row>
    <row r="348095" spans="14:14">
      <c r="N348095" s="10"/>
    </row>
    <row r="348096" spans="14:14">
      <c r="N348096" s="10"/>
    </row>
    <row r="348097" spans="14:14">
      <c r="N348097" s="10"/>
    </row>
    <row r="348098" spans="14:14">
      <c r="N348098" s="10"/>
    </row>
    <row r="348099" spans="14:14">
      <c r="N348099" s="10"/>
    </row>
    <row r="348100" spans="14:14">
      <c r="N348100" s="10"/>
    </row>
    <row r="348101" spans="14:14">
      <c r="N348101" s="10"/>
    </row>
    <row r="348102" spans="14:14">
      <c r="N348102" s="10"/>
    </row>
    <row r="348103" spans="14:14">
      <c r="N348103" s="10"/>
    </row>
    <row r="348104" spans="14:14">
      <c r="N348104" s="10"/>
    </row>
    <row r="348105" spans="14:14">
      <c r="N348105" s="10"/>
    </row>
    <row r="348106" spans="14:14">
      <c r="N348106" s="10"/>
    </row>
    <row r="348107" spans="14:14">
      <c r="N348107" s="10"/>
    </row>
    <row r="348108" spans="14:14">
      <c r="N348108" s="10"/>
    </row>
    <row r="348109" spans="14:14">
      <c r="N348109" s="10"/>
    </row>
    <row r="348110" spans="14:14">
      <c r="N348110" s="10"/>
    </row>
    <row r="348111" spans="14:14">
      <c r="N348111" s="10"/>
    </row>
    <row r="348112" spans="14:14">
      <c r="N348112" s="10"/>
    </row>
    <row r="348113" spans="14:14">
      <c r="N348113" s="10"/>
    </row>
    <row r="348114" spans="14:14">
      <c r="N348114" s="10"/>
    </row>
    <row r="348115" spans="14:14">
      <c r="N348115" s="10"/>
    </row>
    <row r="348116" spans="14:14">
      <c r="N348116" s="10"/>
    </row>
    <row r="348117" spans="14:14">
      <c r="N348117" s="10"/>
    </row>
    <row r="348118" spans="14:14">
      <c r="N348118" s="10"/>
    </row>
    <row r="348119" spans="14:14">
      <c r="N348119" s="10"/>
    </row>
    <row r="348120" spans="14:14">
      <c r="N348120" s="10"/>
    </row>
    <row r="348121" spans="14:14">
      <c r="N348121" s="10"/>
    </row>
    <row r="348122" spans="14:14">
      <c r="N348122" s="10"/>
    </row>
    <row r="348123" spans="14:14">
      <c r="N348123" s="10"/>
    </row>
    <row r="348124" spans="14:14">
      <c r="N348124" s="10"/>
    </row>
    <row r="348125" spans="14:14">
      <c r="N348125" s="10"/>
    </row>
    <row r="348126" spans="14:14">
      <c r="N348126" s="10"/>
    </row>
    <row r="348127" spans="14:14">
      <c r="N348127" s="10"/>
    </row>
    <row r="348128" spans="14:14">
      <c r="N348128" s="10"/>
    </row>
    <row r="348129" spans="14:14">
      <c r="N348129" s="10"/>
    </row>
    <row r="348130" spans="14:14">
      <c r="N348130" s="10"/>
    </row>
    <row r="348131" spans="14:14">
      <c r="N348131" s="10"/>
    </row>
    <row r="348132" spans="14:14">
      <c r="N348132" s="10"/>
    </row>
    <row r="348133" spans="14:14">
      <c r="N348133" s="10"/>
    </row>
    <row r="348134" spans="14:14">
      <c r="N348134" s="10"/>
    </row>
    <row r="348135" spans="14:14">
      <c r="N348135" s="10"/>
    </row>
    <row r="348136" spans="14:14">
      <c r="N348136" s="10"/>
    </row>
    <row r="348137" spans="14:14">
      <c r="N348137" s="10"/>
    </row>
    <row r="348138" spans="14:14">
      <c r="N348138" s="10"/>
    </row>
    <row r="348139" spans="14:14">
      <c r="N348139" s="10"/>
    </row>
    <row r="348140" spans="14:14">
      <c r="N348140" s="10"/>
    </row>
    <row r="348141" spans="14:14">
      <c r="N348141" s="10"/>
    </row>
    <row r="348142" spans="14:14">
      <c r="N348142" s="10"/>
    </row>
    <row r="348143" spans="14:14">
      <c r="N348143" s="10"/>
    </row>
    <row r="348144" spans="14:14">
      <c r="N348144" s="10"/>
    </row>
    <row r="348145" spans="14:14">
      <c r="N348145" s="10"/>
    </row>
    <row r="348146" spans="14:14">
      <c r="N348146" s="10"/>
    </row>
    <row r="348147" spans="14:14">
      <c r="N348147" s="10"/>
    </row>
    <row r="348148" spans="14:14">
      <c r="N348148" s="10"/>
    </row>
    <row r="348149" spans="14:14">
      <c r="N348149" s="10"/>
    </row>
    <row r="348150" spans="14:14">
      <c r="N348150" s="10"/>
    </row>
    <row r="348151" spans="14:14">
      <c r="N348151" s="10"/>
    </row>
    <row r="348152" spans="14:14">
      <c r="N348152" s="10"/>
    </row>
    <row r="348153" spans="14:14">
      <c r="N348153" s="10"/>
    </row>
    <row r="348154" spans="14:14">
      <c r="N348154" s="10"/>
    </row>
    <row r="348155" spans="14:14">
      <c r="N348155" s="10"/>
    </row>
    <row r="348156" spans="14:14">
      <c r="N348156" s="10"/>
    </row>
    <row r="348157" spans="14:14">
      <c r="N348157" s="10"/>
    </row>
    <row r="348158" spans="14:14">
      <c r="N348158" s="10"/>
    </row>
    <row r="348159" spans="14:14">
      <c r="N348159" s="10"/>
    </row>
    <row r="348160" spans="14:14">
      <c r="N348160" s="10"/>
    </row>
    <row r="348161" spans="14:14">
      <c r="N348161" s="10"/>
    </row>
    <row r="348162" spans="14:14">
      <c r="N348162" s="10"/>
    </row>
    <row r="348163" spans="14:14">
      <c r="N348163" s="10"/>
    </row>
    <row r="348164" spans="14:14">
      <c r="N348164" s="10"/>
    </row>
    <row r="348165" spans="14:14">
      <c r="N348165" s="10"/>
    </row>
    <row r="348166" spans="14:14">
      <c r="N348166" s="10"/>
    </row>
    <row r="348167" spans="14:14">
      <c r="N348167" s="10"/>
    </row>
    <row r="348168" spans="14:14">
      <c r="N348168" s="10"/>
    </row>
    <row r="348169" spans="14:14">
      <c r="N348169" s="10"/>
    </row>
    <row r="348170" spans="14:14">
      <c r="N348170" s="10"/>
    </row>
    <row r="348171" spans="14:14">
      <c r="N348171" s="10"/>
    </row>
    <row r="348172" spans="14:14">
      <c r="N348172" s="10"/>
    </row>
    <row r="348173" spans="14:14">
      <c r="N348173" s="10"/>
    </row>
    <row r="348174" spans="14:14">
      <c r="N348174" s="10"/>
    </row>
    <row r="348175" spans="14:14">
      <c r="N348175" s="10"/>
    </row>
    <row r="348176" spans="14:14">
      <c r="N348176" s="10"/>
    </row>
    <row r="348177" spans="14:14">
      <c r="N348177" s="10"/>
    </row>
    <row r="348178" spans="14:14">
      <c r="N348178" s="10"/>
    </row>
    <row r="348179" spans="14:14">
      <c r="N348179" s="10"/>
    </row>
    <row r="348180" spans="14:14">
      <c r="N348180" s="10"/>
    </row>
    <row r="348181" spans="14:14">
      <c r="N348181" s="10"/>
    </row>
    <row r="348182" spans="14:14">
      <c r="N348182" s="10"/>
    </row>
    <row r="348183" spans="14:14">
      <c r="N348183" s="10"/>
    </row>
    <row r="348184" spans="14:14">
      <c r="N348184" s="10"/>
    </row>
    <row r="348185" spans="14:14">
      <c r="N348185" s="10"/>
    </row>
    <row r="348186" spans="14:14">
      <c r="N348186" s="10"/>
    </row>
    <row r="348187" spans="14:14">
      <c r="N348187" s="10"/>
    </row>
    <row r="348188" spans="14:14">
      <c r="N348188" s="10"/>
    </row>
    <row r="348189" spans="14:14">
      <c r="N348189" s="10"/>
    </row>
    <row r="348190" spans="14:14">
      <c r="N348190" s="10"/>
    </row>
    <row r="348191" spans="14:14">
      <c r="N348191" s="10"/>
    </row>
    <row r="348192" spans="14:14">
      <c r="N348192" s="10"/>
    </row>
    <row r="348193" spans="14:14">
      <c r="N348193" s="10"/>
    </row>
    <row r="348194" spans="14:14">
      <c r="N348194" s="10"/>
    </row>
    <row r="348195" spans="14:14">
      <c r="N348195" s="10"/>
    </row>
    <row r="348196" spans="14:14">
      <c r="N348196" s="10"/>
    </row>
    <row r="348197" spans="14:14">
      <c r="N348197" s="10"/>
    </row>
    <row r="348198" spans="14:14">
      <c r="N348198" s="10"/>
    </row>
    <row r="348199" spans="14:14">
      <c r="N348199" s="10"/>
    </row>
    <row r="348200" spans="14:14">
      <c r="N348200" s="10"/>
    </row>
    <row r="348201" spans="14:14">
      <c r="N348201" s="10"/>
    </row>
    <row r="348202" spans="14:14">
      <c r="N348202" s="10"/>
    </row>
    <row r="348203" spans="14:14">
      <c r="N348203" s="10"/>
    </row>
    <row r="348204" spans="14:14">
      <c r="N348204" s="10"/>
    </row>
    <row r="348205" spans="14:14">
      <c r="N348205" s="10"/>
    </row>
    <row r="348206" spans="14:14">
      <c r="N348206" s="10"/>
    </row>
    <row r="348207" spans="14:14">
      <c r="N348207" s="10"/>
    </row>
    <row r="348208" spans="14:14">
      <c r="N348208" s="10"/>
    </row>
    <row r="348209" spans="14:14">
      <c r="N348209" s="10"/>
    </row>
    <row r="348210" spans="14:14">
      <c r="N348210" s="10"/>
    </row>
    <row r="348211" spans="14:14">
      <c r="N348211" s="10"/>
    </row>
    <row r="348212" spans="14:14">
      <c r="N348212" s="10"/>
    </row>
    <row r="348213" spans="14:14">
      <c r="N348213" s="10"/>
    </row>
    <row r="348214" spans="14:14">
      <c r="N348214" s="10"/>
    </row>
    <row r="348215" spans="14:14">
      <c r="N348215" s="10"/>
    </row>
    <row r="348216" spans="14:14">
      <c r="N348216" s="10"/>
    </row>
    <row r="348217" spans="14:14">
      <c r="N348217" s="10"/>
    </row>
    <row r="348218" spans="14:14">
      <c r="N348218" s="10"/>
    </row>
    <row r="348219" spans="14:14">
      <c r="N348219" s="10"/>
    </row>
    <row r="348220" spans="14:14">
      <c r="N348220" s="10"/>
    </row>
    <row r="348221" spans="14:14">
      <c r="N348221" s="10"/>
    </row>
    <row r="348222" spans="14:14">
      <c r="N348222" s="10"/>
    </row>
    <row r="348223" spans="14:14">
      <c r="N348223" s="10"/>
    </row>
    <row r="348224" spans="14:14">
      <c r="N348224" s="10"/>
    </row>
    <row r="348225" spans="14:14">
      <c r="N348225" s="10"/>
    </row>
    <row r="348226" spans="14:14">
      <c r="N348226" s="10"/>
    </row>
    <row r="348227" spans="14:14">
      <c r="N348227" s="10"/>
    </row>
    <row r="348228" spans="14:14">
      <c r="N348228" s="10"/>
    </row>
    <row r="348229" spans="14:14">
      <c r="N348229" s="10"/>
    </row>
    <row r="348230" spans="14:14">
      <c r="N348230" s="10"/>
    </row>
    <row r="348231" spans="14:14">
      <c r="N348231" s="10"/>
    </row>
    <row r="348232" spans="14:14">
      <c r="N348232" s="10"/>
    </row>
    <row r="348233" spans="14:14">
      <c r="N348233" s="10"/>
    </row>
    <row r="348234" spans="14:14">
      <c r="N348234" s="10"/>
    </row>
    <row r="348235" spans="14:14">
      <c r="N348235" s="10"/>
    </row>
    <row r="348236" spans="14:14">
      <c r="N348236" s="10"/>
    </row>
    <row r="348237" spans="14:14">
      <c r="N348237" s="10"/>
    </row>
    <row r="348238" spans="14:14">
      <c r="N348238" s="10"/>
    </row>
    <row r="348239" spans="14:14">
      <c r="N348239" s="10"/>
    </row>
    <row r="348240" spans="14:14">
      <c r="N348240" s="10"/>
    </row>
    <row r="348241" spans="14:14">
      <c r="N348241" s="10"/>
    </row>
    <row r="348242" spans="14:14">
      <c r="N348242" s="10"/>
    </row>
    <row r="348243" spans="14:14">
      <c r="N348243" s="10"/>
    </row>
    <row r="348244" spans="14:14">
      <c r="N348244" s="10"/>
    </row>
    <row r="348245" spans="14:14">
      <c r="N348245" s="10"/>
    </row>
    <row r="348246" spans="14:14">
      <c r="N348246" s="10"/>
    </row>
    <row r="348247" spans="14:14">
      <c r="N348247" s="10"/>
    </row>
    <row r="348248" spans="14:14">
      <c r="N348248" s="10"/>
    </row>
    <row r="348249" spans="14:14">
      <c r="N348249" s="10"/>
    </row>
    <row r="348250" spans="14:14">
      <c r="N348250" s="10"/>
    </row>
    <row r="348251" spans="14:14">
      <c r="N348251" s="10"/>
    </row>
    <row r="348252" spans="14:14">
      <c r="N348252" s="10"/>
    </row>
    <row r="348253" spans="14:14">
      <c r="N348253" s="10"/>
    </row>
    <row r="348254" spans="14:14">
      <c r="N348254" s="10"/>
    </row>
    <row r="348255" spans="14:14">
      <c r="N348255" s="10"/>
    </row>
    <row r="348256" spans="14:14">
      <c r="N348256" s="10"/>
    </row>
    <row r="348257" spans="14:14">
      <c r="N348257" s="10"/>
    </row>
    <row r="348258" spans="14:14">
      <c r="N348258" s="10"/>
    </row>
    <row r="348259" spans="14:14">
      <c r="N348259" s="10"/>
    </row>
    <row r="348260" spans="14:14">
      <c r="N348260" s="10"/>
    </row>
    <row r="348261" spans="14:14">
      <c r="N348261" s="10"/>
    </row>
    <row r="348262" spans="14:14">
      <c r="N348262" s="10"/>
    </row>
    <row r="348263" spans="14:14">
      <c r="N348263" s="10"/>
    </row>
    <row r="348264" spans="14:14">
      <c r="N348264" s="10"/>
    </row>
    <row r="348265" spans="14:14">
      <c r="N348265" s="10"/>
    </row>
    <row r="348266" spans="14:14">
      <c r="N348266" s="10"/>
    </row>
    <row r="348267" spans="14:14">
      <c r="N348267" s="10"/>
    </row>
    <row r="348268" spans="14:14">
      <c r="N348268" s="10"/>
    </row>
    <row r="348269" spans="14:14">
      <c r="N348269" s="10"/>
    </row>
    <row r="348270" spans="14:14">
      <c r="N348270" s="10"/>
    </row>
    <row r="348271" spans="14:14">
      <c r="N348271" s="10"/>
    </row>
    <row r="348272" spans="14:14">
      <c r="N348272" s="10"/>
    </row>
    <row r="348273" spans="14:14">
      <c r="N348273" s="10"/>
    </row>
    <row r="348274" spans="14:14">
      <c r="N348274" s="10"/>
    </row>
    <row r="348275" spans="14:14">
      <c r="N348275" s="10"/>
    </row>
    <row r="348276" spans="14:14">
      <c r="N348276" s="10"/>
    </row>
    <row r="348277" spans="14:14">
      <c r="N348277" s="10"/>
    </row>
    <row r="348278" spans="14:14">
      <c r="N348278" s="10"/>
    </row>
    <row r="348279" spans="14:14">
      <c r="N348279" s="10"/>
    </row>
    <row r="348280" spans="14:14">
      <c r="N348280" s="10"/>
    </row>
    <row r="348281" spans="14:14">
      <c r="N348281" s="10"/>
    </row>
    <row r="348282" spans="14:14">
      <c r="N348282" s="10"/>
    </row>
    <row r="348283" spans="14:14">
      <c r="N348283" s="10"/>
    </row>
    <row r="348284" spans="14:14">
      <c r="N348284" s="10"/>
    </row>
    <row r="348285" spans="14:14">
      <c r="N348285" s="10"/>
    </row>
    <row r="348286" spans="14:14">
      <c r="N348286" s="10"/>
    </row>
    <row r="348287" spans="14:14">
      <c r="N348287" s="10"/>
    </row>
    <row r="348288" spans="14:14">
      <c r="N348288" s="10"/>
    </row>
    <row r="348289" spans="14:14">
      <c r="N348289" s="10"/>
    </row>
    <row r="348290" spans="14:14">
      <c r="N348290" s="10"/>
    </row>
    <row r="348291" spans="14:14">
      <c r="N348291" s="10"/>
    </row>
    <row r="348292" spans="14:14">
      <c r="N348292" s="10"/>
    </row>
    <row r="348293" spans="14:14">
      <c r="N348293" s="10"/>
    </row>
    <row r="348294" spans="14:14">
      <c r="N348294" s="10"/>
    </row>
    <row r="348295" spans="14:14">
      <c r="N348295" s="10"/>
    </row>
    <row r="348296" spans="14:14">
      <c r="N348296" s="10"/>
    </row>
    <row r="348297" spans="14:14">
      <c r="N348297" s="10"/>
    </row>
    <row r="348298" spans="14:14">
      <c r="N348298" s="10"/>
    </row>
    <row r="348299" spans="14:14">
      <c r="N348299" s="10"/>
    </row>
    <row r="348300" spans="14:14">
      <c r="N348300" s="10"/>
    </row>
    <row r="348301" spans="14:14">
      <c r="N348301" s="10"/>
    </row>
    <row r="348302" spans="14:14">
      <c r="N348302" s="10"/>
    </row>
    <row r="348303" spans="14:14">
      <c r="N348303" s="10"/>
    </row>
    <row r="348304" spans="14:14">
      <c r="N348304" s="10"/>
    </row>
    <row r="348305" spans="14:14">
      <c r="N348305" s="10"/>
    </row>
    <row r="348306" spans="14:14">
      <c r="N348306" s="10"/>
    </row>
    <row r="348307" spans="14:14">
      <c r="N348307" s="10"/>
    </row>
    <row r="348308" spans="14:14">
      <c r="N348308" s="10"/>
    </row>
    <row r="348309" spans="14:14">
      <c r="N348309" s="10"/>
    </row>
    <row r="348310" spans="14:14">
      <c r="N348310" s="10"/>
    </row>
    <row r="348311" spans="14:14">
      <c r="N348311" s="10"/>
    </row>
    <row r="348312" spans="14:14">
      <c r="N348312" s="10"/>
    </row>
    <row r="348313" spans="14:14">
      <c r="N348313" s="10"/>
    </row>
    <row r="348314" spans="14:14">
      <c r="N348314" s="10"/>
    </row>
    <row r="348315" spans="14:14">
      <c r="N348315" s="10"/>
    </row>
    <row r="348316" spans="14:14">
      <c r="N348316" s="10"/>
    </row>
    <row r="348317" spans="14:14">
      <c r="N348317" s="10"/>
    </row>
    <row r="348318" spans="14:14">
      <c r="N348318" s="10"/>
    </row>
    <row r="348319" spans="14:14">
      <c r="N348319" s="10"/>
    </row>
    <row r="348320" spans="14:14">
      <c r="N348320" s="10"/>
    </row>
    <row r="348321" spans="14:14">
      <c r="N348321" s="10"/>
    </row>
    <row r="348322" spans="14:14">
      <c r="N348322" s="10"/>
    </row>
    <row r="348323" spans="14:14">
      <c r="N348323" s="10"/>
    </row>
    <row r="348324" spans="14:14">
      <c r="N348324" s="10"/>
    </row>
    <row r="348325" spans="14:14">
      <c r="N348325" s="10"/>
    </row>
    <row r="348326" spans="14:14">
      <c r="N348326" s="10"/>
    </row>
    <row r="348327" spans="14:14">
      <c r="N348327" s="10"/>
    </row>
    <row r="348328" spans="14:14">
      <c r="N348328" s="10"/>
    </row>
    <row r="348329" spans="14:14">
      <c r="N348329" s="10"/>
    </row>
    <row r="348330" spans="14:14">
      <c r="N348330" s="10"/>
    </row>
    <row r="348331" spans="14:14">
      <c r="N348331" s="10"/>
    </row>
    <row r="348332" spans="14:14">
      <c r="N348332" s="10"/>
    </row>
    <row r="348333" spans="14:14">
      <c r="N348333" s="10"/>
    </row>
    <row r="348334" spans="14:14">
      <c r="N348334" s="10"/>
    </row>
    <row r="348335" spans="14:14">
      <c r="N348335" s="10"/>
    </row>
    <row r="348336" spans="14:14">
      <c r="N348336" s="10"/>
    </row>
    <row r="348337" spans="14:14">
      <c r="N348337" s="10"/>
    </row>
    <row r="348338" spans="14:14">
      <c r="N348338" s="10"/>
    </row>
    <row r="348339" spans="14:14">
      <c r="N348339" s="10"/>
    </row>
    <row r="348340" spans="14:14">
      <c r="N348340" s="10"/>
    </row>
    <row r="348341" spans="14:14">
      <c r="N348341" s="10"/>
    </row>
    <row r="348342" spans="14:14">
      <c r="N348342" s="10"/>
    </row>
    <row r="348343" spans="14:14">
      <c r="N348343" s="10"/>
    </row>
    <row r="348344" spans="14:14">
      <c r="N348344" s="10"/>
    </row>
    <row r="348345" spans="14:14">
      <c r="N348345" s="10"/>
    </row>
    <row r="348346" spans="14:14">
      <c r="N348346" s="10"/>
    </row>
    <row r="348347" spans="14:14">
      <c r="N348347" s="10"/>
    </row>
    <row r="348348" spans="14:14">
      <c r="N348348" s="10"/>
    </row>
    <row r="348349" spans="14:14">
      <c r="N348349" s="10"/>
    </row>
    <row r="348350" spans="14:14">
      <c r="N348350" s="10"/>
    </row>
    <row r="348351" spans="14:14">
      <c r="N348351" s="10"/>
    </row>
    <row r="348352" spans="14:14">
      <c r="N348352" s="10"/>
    </row>
    <row r="348353" spans="14:14">
      <c r="N348353" s="10"/>
    </row>
    <row r="348354" spans="14:14">
      <c r="N348354" s="10"/>
    </row>
    <row r="348355" spans="14:14">
      <c r="N348355" s="10"/>
    </row>
    <row r="348356" spans="14:14">
      <c r="N348356" s="10"/>
    </row>
    <row r="348357" spans="14:14">
      <c r="N348357" s="10"/>
    </row>
    <row r="348358" spans="14:14">
      <c r="N348358" s="10"/>
    </row>
    <row r="348359" spans="14:14">
      <c r="N348359" s="10"/>
    </row>
    <row r="348360" spans="14:14">
      <c r="N348360" s="10"/>
    </row>
    <row r="348361" spans="14:14">
      <c r="N348361" s="10"/>
    </row>
    <row r="348362" spans="14:14">
      <c r="N348362" s="10"/>
    </row>
    <row r="348363" spans="14:14">
      <c r="N348363" s="10"/>
    </row>
    <row r="348364" spans="14:14">
      <c r="N348364" s="10"/>
    </row>
    <row r="348365" spans="14:14">
      <c r="N348365" s="10"/>
    </row>
    <row r="348366" spans="14:14">
      <c r="N348366" s="10"/>
    </row>
    <row r="348367" spans="14:14">
      <c r="N348367" s="10"/>
    </row>
    <row r="348368" spans="14:14">
      <c r="N348368" s="10"/>
    </row>
    <row r="348369" spans="14:14">
      <c r="N348369" s="10"/>
    </row>
    <row r="348370" spans="14:14">
      <c r="N348370" s="10"/>
    </row>
    <row r="348371" spans="14:14">
      <c r="N348371" s="10"/>
    </row>
    <row r="348372" spans="14:14">
      <c r="N348372" s="10"/>
    </row>
    <row r="348373" spans="14:14">
      <c r="N348373" s="10"/>
    </row>
    <row r="348374" spans="14:14">
      <c r="N348374" s="10"/>
    </row>
    <row r="348375" spans="14:14">
      <c r="N348375" s="10"/>
    </row>
    <row r="348376" spans="14:14">
      <c r="N348376" s="10"/>
    </row>
    <row r="348377" spans="14:14">
      <c r="N348377" s="10"/>
    </row>
    <row r="348378" spans="14:14">
      <c r="N348378" s="10"/>
    </row>
    <row r="348379" spans="14:14">
      <c r="N348379" s="10"/>
    </row>
    <row r="348380" spans="14:14">
      <c r="N348380" s="10"/>
    </row>
    <row r="348381" spans="14:14">
      <c r="N348381" s="10"/>
    </row>
    <row r="348382" spans="14:14">
      <c r="N348382" s="10"/>
    </row>
    <row r="348383" spans="14:14">
      <c r="N348383" s="10"/>
    </row>
    <row r="348384" spans="14:14">
      <c r="N348384" s="10"/>
    </row>
    <row r="348385" spans="14:14">
      <c r="N348385" s="10"/>
    </row>
    <row r="348386" spans="14:14">
      <c r="N348386" s="10"/>
    </row>
    <row r="348387" spans="14:14">
      <c r="N348387" s="10"/>
    </row>
    <row r="348388" spans="14:14">
      <c r="N348388" s="10"/>
    </row>
    <row r="348389" spans="14:14">
      <c r="N348389" s="10"/>
    </row>
    <row r="348390" spans="14:14">
      <c r="N348390" s="10"/>
    </row>
    <row r="348391" spans="14:14">
      <c r="N348391" s="10"/>
    </row>
    <row r="348392" spans="14:14">
      <c r="N348392" s="10"/>
    </row>
    <row r="348393" spans="14:14">
      <c r="N348393" s="10"/>
    </row>
    <row r="348394" spans="14:14">
      <c r="N348394" s="10"/>
    </row>
    <row r="348395" spans="14:14">
      <c r="N348395" s="10"/>
    </row>
    <row r="348396" spans="14:14">
      <c r="N348396" s="10"/>
    </row>
    <row r="348397" spans="14:14">
      <c r="N348397" s="10"/>
    </row>
    <row r="348398" spans="14:14">
      <c r="N348398" s="10"/>
    </row>
    <row r="348399" spans="14:14">
      <c r="N348399" s="10"/>
    </row>
    <row r="348400" spans="14:14">
      <c r="N348400" s="10"/>
    </row>
    <row r="348401" spans="14:14">
      <c r="N348401" s="10"/>
    </row>
    <row r="348402" spans="14:14">
      <c r="N348402" s="10"/>
    </row>
    <row r="348403" spans="14:14">
      <c r="N348403" s="10"/>
    </row>
    <row r="348404" spans="14:14">
      <c r="N348404" s="10"/>
    </row>
    <row r="348405" spans="14:14">
      <c r="N348405" s="10"/>
    </row>
    <row r="348406" spans="14:14">
      <c r="N348406" s="10"/>
    </row>
    <row r="348407" spans="14:14">
      <c r="N348407" s="10"/>
    </row>
    <row r="348408" spans="14:14">
      <c r="N348408" s="10"/>
    </row>
    <row r="348409" spans="14:14">
      <c r="N348409" s="10"/>
    </row>
    <row r="348410" spans="14:14">
      <c r="N348410" s="10"/>
    </row>
    <row r="348411" spans="14:14">
      <c r="N348411" s="10"/>
    </row>
    <row r="348412" spans="14:14">
      <c r="N348412" s="10"/>
    </row>
    <row r="348413" spans="14:14">
      <c r="N348413" s="10"/>
    </row>
    <row r="348414" spans="14:14">
      <c r="N348414" s="10"/>
    </row>
    <row r="348415" spans="14:14">
      <c r="N348415" s="10"/>
    </row>
    <row r="348416" spans="14:14">
      <c r="N348416" s="10"/>
    </row>
    <row r="348417" spans="14:14">
      <c r="N348417" s="10"/>
    </row>
    <row r="348418" spans="14:14">
      <c r="N348418" s="10"/>
    </row>
    <row r="348419" spans="14:14">
      <c r="N348419" s="10"/>
    </row>
    <row r="348420" spans="14:14">
      <c r="N348420" s="10"/>
    </row>
    <row r="348421" spans="14:14">
      <c r="N348421" s="10"/>
    </row>
    <row r="348422" spans="14:14">
      <c r="N348422" s="10"/>
    </row>
    <row r="348423" spans="14:14">
      <c r="N348423" s="10"/>
    </row>
    <row r="348424" spans="14:14">
      <c r="N348424" s="10"/>
    </row>
    <row r="348425" spans="14:14">
      <c r="N348425" s="10"/>
    </row>
    <row r="348426" spans="14:14">
      <c r="N348426" s="10"/>
    </row>
    <row r="348427" spans="14:14">
      <c r="N348427" s="10"/>
    </row>
    <row r="348428" spans="14:14">
      <c r="N348428" s="10"/>
    </row>
    <row r="348429" spans="14:14">
      <c r="N348429" s="10"/>
    </row>
    <row r="348430" spans="14:14">
      <c r="N348430" s="10"/>
    </row>
    <row r="348431" spans="14:14">
      <c r="N348431" s="10"/>
    </row>
    <row r="348432" spans="14:14">
      <c r="N348432" s="10"/>
    </row>
    <row r="348433" spans="14:14">
      <c r="N348433" s="10"/>
    </row>
    <row r="348434" spans="14:14">
      <c r="N348434" s="10"/>
    </row>
    <row r="348435" spans="14:14">
      <c r="N348435" s="10"/>
    </row>
    <row r="348436" spans="14:14">
      <c r="N348436" s="10"/>
    </row>
    <row r="348437" spans="14:14">
      <c r="N348437" s="10"/>
    </row>
    <row r="348438" spans="14:14">
      <c r="N348438" s="10"/>
    </row>
    <row r="348439" spans="14:14">
      <c r="N348439" s="10"/>
    </row>
    <row r="348440" spans="14:14">
      <c r="N348440" s="10"/>
    </row>
    <row r="348441" spans="14:14">
      <c r="N348441" s="10"/>
    </row>
    <row r="348442" spans="14:14">
      <c r="N348442" s="10"/>
    </row>
    <row r="348443" spans="14:14">
      <c r="N348443" s="10"/>
    </row>
    <row r="348444" spans="14:14">
      <c r="N348444" s="10"/>
    </row>
    <row r="348445" spans="14:14">
      <c r="N348445" s="10"/>
    </row>
    <row r="348446" spans="14:14">
      <c r="N348446" s="10"/>
    </row>
    <row r="348447" spans="14:14">
      <c r="N348447" s="10"/>
    </row>
    <row r="348448" spans="14:14">
      <c r="N348448" s="10"/>
    </row>
    <row r="348449" spans="14:14">
      <c r="N348449" s="10"/>
    </row>
    <row r="348450" spans="14:14">
      <c r="N348450" s="10"/>
    </row>
    <row r="348451" spans="14:14">
      <c r="N348451" s="10"/>
    </row>
    <row r="348452" spans="14:14">
      <c r="N348452" s="10"/>
    </row>
    <row r="348453" spans="14:14">
      <c r="N348453" s="10"/>
    </row>
    <row r="348454" spans="14:14">
      <c r="N348454" s="10"/>
    </row>
    <row r="348455" spans="14:14">
      <c r="N348455" s="10"/>
    </row>
    <row r="348456" spans="14:14">
      <c r="N348456" s="10"/>
    </row>
    <row r="348457" spans="14:14">
      <c r="N348457" s="10"/>
    </row>
    <row r="348458" spans="14:14">
      <c r="N348458" s="10"/>
    </row>
    <row r="348459" spans="14:14">
      <c r="N348459" s="10"/>
    </row>
    <row r="348460" spans="14:14">
      <c r="N348460" s="10"/>
    </row>
    <row r="348461" spans="14:14">
      <c r="N348461" s="10"/>
    </row>
    <row r="348462" spans="14:14">
      <c r="N348462" s="10"/>
    </row>
    <row r="348463" spans="14:14">
      <c r="N348463" s="10"/>
    </row>
    <row r="348464" spans="14:14">
      <c r="N348464" s="10"/>
    </row>
    <row r="348465" spans="14:14">
      <c r="N348465" s="10"/>
    </row>
    <row r="348466" spans="14:14">
      <c r="N348466" s="10"/>
    </row>
    <row r="348467" spans="14:14">
      <c r="N348467" s="10"/>
    </row>
    <row r="348468" spans="14:14">
      <c r="N348468" s="10"/>
    </row>
    <row r="348469" spans="14:14">
      <c r="N348469" s="10"/>
    </row>
    <row r="348470" spans="14:14">
      <c r="N348470" s="10"/>
    </row>
    <row r="348471" spans="14:14">
      <c r="N348471" s="10"/>
    </row>
    <row r="348472" spans="14:14">
      <c r="N348472" s="10"/>
    </row>
    <row r="348473" spans="14:14">
      <c r="N348473" s="10"/>
    </row>
    <row r="348474" spans="14:14">
      <c r="N348474" s="10"/>
    </row>
    <row r="348475" spans="14:14">
      <c r="N348475" s="10"/>
    </row>
    <row r="348476" spans="14:14">
      <c r="N348476" s="10"/>
    </row>
    <row r="348477" spans="14:14">
      <c r="N348477" s="10"/>
    </row>
    <row r="348478" spans="14:14">
      <c r="N348478" s="10"/>
    </row>
    <row r="348479" spans="14:14">
      <c r="N348479" s="10"/>
    </row>
    <row r="348480" spans="14:14">
      <c r="N348480" s="10"/>
    </row>
    <row r="348481" spans="14:14">
      <c r="N348481" s="10"/>
    </row>
    <row r="348482" spans="14:14">
      <c r="N348482" s="10"/>
    </row>
    <row r="348483" spans="14:14">
      <c r="N348483" s="10"/>
    </row>
    <row r="348484" spans="14:14">
      <c r="N348484" s="10"/>
    </row>
    <row r="348485" spans="14:14">
      <c r="N348485" s="10"/>
    </row>
    <row r="348486" spans="14:14">
      <c r="N348486" s="10"/>
    </row>
    <row r="348487" spans="14:14">
      <c r="N348487" s="10"/>
    </row>
    <row r="348488" spans="14:14">
      <c r="N348488" s="10"/>
    </row>
    <row r="348489" spans="14:14">
      <c r="N348489" s="10"/>
    </row>
    <row r="348490" spans="14:14">
      <c r="N348490" s="10"/>
    </row>
    <row r="348491" spans="14:14">
      <c r="N348491" s="10"/>
    </row>
    <row r="348492" spans="14:14">
      <c r="N348492" s="10"/>
    </row>
    <row r="348493" spans="14:14">
      <c r="N348493" s="10"/>
    </row>
    <row r="348494" spans="14:14">
      <c r="N348494" s="10"/>
    </row>
    <row r="348495" spans="14:14">
      <c r="N348495" s="10"/>
    </row>
    <row r="348496" spans="14:14">
      <c r="N348496" s="10"/>
    </row>
    <row r="348497" spans="14:14">
      <c r="N348497" s="10"/>
    </row>
    <row r="348498" spans="14:14">
      <c r="N348498" s="10"/>
    </row>
    <row r="348499" spans="14:14">
      <c r="N348499" s="10"/>
    </row>
    <row r="348500" spans="14:14">
      <c r="N348500" s="10"/>
    </row>
    <row r="348501" spans="14:14">
      <c r="N348501" s="10"/>
    </row>
    <row r="348502" spans="14:14">
      <c r="N348502" s="10"/>
    </row>
    <row r="348503" spans="14:14">
      <c r="N348503" s="10"/>
    </row>
    <row r="348504" spans="14:14">
      <c r="N348504" s="10"/>
    </row>
    <row r="348505" spans="14:14">
      <c r="N348505" s="10"/>
    </row>
    <row r="348506" spans="14:14">
      <c r="N348506" s="10"/>
    </row>
    <row r="348507" spans="14:14">
      <c r="N348507" s="10"/>
    </row>
    <row r="348508" spans="14:14">
      <c r="N348508" s="10"/>
    </row>
    <row r="348509" spans="14:14">
      <c r="N348509" s="10"/>
    </row>
    <row r="348510" spans="14:14">
      <c r="N348510" s="10"/>
    </row>
    <row r="348511" spans="14:14">
      <c r="N348511" s="10"/>
    </row>
    <row r="348512" spans="14:14">
      <c r="N348512" s="10"/>
    </row>
    <row r="348513" spans="14:14">
      <c r="N348513" s="10"/>
    </row>
    <row r="348514" spans="14:14">
      <c r="N348514" s="10"/>
    </row>
    <row r="348515" spans="14:14">
      <c r="N348515" s="10"/>
    </row>
    <row r="348516" spans="14:14">
      <c r="N348516" s="10"/>
    </row>
    <row r="348517" spans="14:14">
      <c r="N348517" s="10"/>
    </row>
    <row r="348518" spans="14:14">
      <c r="N348518" s="10"/>
    </row>
    <row r="348519" spans="14:14">
      <c r="N348519" s="10"/>
    </row>
    <row r="348520" spans="14:14">
      <c r="N348520" s="10"/>
    </row>
    <row r="348521" spans="14:14">
      <c r="N348521" s="10"/>
    </row>
    <row r="348522" spans="14:14">
      <c r="N348522" s="10"/>
    </row>
    <row r="348523" spans="14:14">
      <c r="N348523" s="10"/>
    </row>
    <row r="348524" spans="14:14">
      <c r="N348524" s="10"/>
    </row>
    <row r="348525" spans="14:14">
      <c r="N348525" s="10"/>
    </row>
    <row r="348526" spans="14:14">
      <c r="N348526" s="10"/>
    </row>
    <row r="348527" spans="14:14">
      <c r="N348527" s="10"/>
    </row>
    <row r="348528" spans="14:14">
      <c r="N348528" s="10"/>
    </row>
    <row r="348529" spans="14:14">
      <c r="N348529" s="10"/>
    </row>
    <row r="348530" spans="14:14">
      <c r="N348530" s="10"/>
    </row>
    <row r="348531" spans="14:14">
      <c r="N348531" s="10"/>
    </row>
    <row r="348532" spans="14:14">
      <c r="N348532" s="10"/>
    </row>
    <row r="348533" spans="14:14">
      <c r="N348533" s="10"/>
    </row>
    <row r="348534" spans="14:14">
      <c r="N348534" s="10"/>
    </row>
    <row r="348535" spans="14:14">
      <c r="N348535" s="10"/>
    </row>
    <row r="348536" spans="14:14">
      <c r="N348536" s="10"/>
    </row>
    <row r="348537" spans="14:14">
      <c r="N348537" s="10"/>
    </row>
    <row r="348538" spans="14:14">
      <c r="N348538" s="10"/>
    </row>
    <row r="348539" spans="14:14">
      <c r="N348539" s="10"/>
    </row>
    <row r="348540" spans="14:14">
      <c r="N348540" s="10"/>
    </row>
    <row r="348541" spans="14:14">
      <c r="N348541" s="10"/>
    </row>
    <row r="348542" spans="14:14">
      <c r="N348542" s="10"/>
    </row>
    <row r="348543" spans="14:14">
      <c r="N348543" s="10"/>
    </row>
    <row r="348544" spans="14:14">
      <c r="N348544" s="10"/>
    </row>
    <row r="348545" spans="14:14">
      <c r="N348545" s="10"/>
    </row>
    <row r="348546" spans="14:14">
      <c r="N348546" s="10"/>
    </row>
    <row r="348547" spans="14:14">
      <c r="N348547" s="10"/>
    </row>
    <row r="348548" spans="14:14">
      <c r="N348548" s="10"/>
    </row>
    <row r="348549" spans="14:14">
      <c r="N348549" s="10"/>
    </row>
    <row r="348550" spans="14:14">
      <c r="N348550" s="10"/>
    </row>
    <row r="348551" spans="14:14">
      <c r="N348551" s="10"/>
    </row>
    <row r="348552" spans="14:14">
      <c r="N348552" s="10"/>
    </row>
    <row r="348553" spans="14:14">
      <c r="N348553" s="10"/>
    </row>
    <row r="348554" spans="14:14">
      <c r="N348554" s="10"/>
    </row>
    <row r="348555" spans="14:14">
      <c r="N348555" s="10"/>
    </row>
    <row r="348556" spans="14:14">
      <c r="N348556" s="10"/>
    </row>
    <row r="348557" spans="14:14">
      <c r="N348557" s="10"/>
    </row>
    <row r="348558" spans="14:14">
      <c r="N348558" s="10"/>
    </row>
    <row r="348559" spans="14:14">
      <c r="N348559" s="10"/>
    </row>
    <row r="348560" spans="14:14">
      <c r="N348560" s="10"/>
    </row>
    <row r="348561" spans="14:14">
      <c r="N348561" s="10"/>
    </row>
    <row r="348562" spans="14:14">
      <c r="N348562" s="10"/>
    </row>
    <row r="348563" spans="14:14">
      <c r="N348563" s="10"/>
    </row>
    <row r="348564" spans="14:14">
      <c r="N348564" s="10"/>
    </row>
    <row r="348565" spans="14:14">
      <c r="N348565" s="10"/>
    </row>
    <row r="348566" spans="14:14">
      <c r="N348566" s="10"/>
    </row>
    <row r="348567" spans="14:14">
      <c r="N348567" s="10"/>
    </row>
    <row r="348568" spans="14:14">
      <c r="N348568" s="10"/>
    </row>
    <row r="348569" spans="14:14">
      <c r="N348569" s="10"/>
    </row>
    <row r="348570" spans="14:14">
      <c r="N348570" s="10"/>
    </row>
    <row r="348571" spans="14:14">
      <c r="N348571" s="10"/>
    </row>
    <row r="348572" spans="14:14">
      <c r="N348572" s="10"/>
    </row>
    <row r="348573" spans="14:14">
      <c r="N348573" s="10"/>
    </row>
    <row r="348574" spans="14:14">
      <c r="N348574" s="10"/>
    </row>
    <row r="348575" spans="14:14">
      <c r="N348575" s="10"/>
    </row>
    <row r="348576" spans="14:14">
      <c r="N348576" s="10"/>
    </row>
    <row r="348577" spans="14:14">
      <c r="N348577" s="10"/>
    </row>
    <row r="348578" spans="14:14">
      <c r="N348578" s="10"/>
    </row>
    <row r="348579" spans="14:14">
      <c r="N348579" s="10"/>
    </row>
    <row r="348580" spans="14:14">
      <c r="N348580" s="10"/>
    </row>
    <row r="348581" spans="14:14">
      <c r="N348581" s="10"/>
    </row>
    <row r="348582" spans="14:14">
      <c r="N348582" s="10"/>
    </row>
    <row r="348583" spans="14:14">
      <c r="N348583" s="10"/>
    </row>
    <row r="348584" spans="14:14">
      <c r="N348584" s="10"/>
    </row>
    <row r="348585" spans="14:14">
      <c r="N348585" s="10"/>
    </row>
    <row r="348586" spans="14:14">
      <c r="N348586" s="10"/>
    </row>
    <row r="348587" spans="14:14">
      <c r="N348587" s="10"/>
    </row>
    <row r="348588" spans="14:14">
      <c r="N348588" s="10"/>
    </row>
    <row r="348589" spans="14:14">
      <c r="N348589" s="10"/>
    </row>
    <row r="348590" spans="14:14">
      <c r="N348590" s="10"/>
    </row>
    <row r="348591" spans="14:14">
      <c r="N348591" s="10"/>
    </row>
    <row r="348592" spans="14:14">
      <c r="N348592" s="10"/>
    </row>
    <row r="348593" spans="14:14">
      <c r="N348593" s="10"/>
    </row>
    <row r="348594" spans="14:14">
      <c r="N348594" s="10"/>
    </row>
    <row r="348595" spans="14:14">
      <c r="N348595" s="10"/>
    </row>
    <row r="348596" spans="14:14">
      <c r="N348596" s="10"/>
    </row>
    <row r="348597" spans="14:14">
      <c r="N348597" s="10"/>
    </row>
    <row r="348598" spans="14:14">
      <c r="N348598" s="10"/>
    </row>
    <row r="348599" spans="14:14">
      <c r="N348599" s="10"/>
    </row>
    <row r="348600" spans="14:14">
      <c r="N348600" s="10"/>
    </row>
    <row r="348601" spans="14:14">
      <c r="N348601" s="10"/>
    </row>
    <row r="348602" spans="14:14">
      <c r="N348602" s="10"/>
    </row>
    <row r="348603" spans="14:14">
      <c r="N348603" s="10"/>
    </row>
    <row r="348604" spans="14:14">
      <c r="N348604" s="10"/>
    </row>
    <row r="348605" spans="14:14">
      <c r="N348605" s="10"/>
    </row>
    <row r="348606" spans="14:14">
      <c r="N348606" s="10"/>
    </row>
    <row r="348607" spans="14:14">
      <c r="N348607" s="10"/>
    </row>
    <row r="348608" spans="14:14">
      <c r="N348608" s="10"/>
    </row>
    <row r="348609" spans="14:14">
      <c r="N348609" s="10"/>
    </row>
    <row r="348610" spans="14:14">
      <c r="N348610" s="10"/>
    </row>
    <row r="348611" spans="14:14">
      <c r="N348611" s="10"/>
    </row>
    <row r="348612" spans="14:14">
      <c r="N348612" s="10"/>
    </row>
    <row r="348613" spans="14:14">
      <c r="N348613" s="10"/>
    </row>
    <row r="348614" spans="14:14">
      <c r="N348614" s="10"/>
    </row>
    <row r="348615" spans="14:14">
      <c r="N348615" s="10"/>
    </row>
    <row r="348616" spans="14:14">
      <c r="N348616" s="10"/>
    </row>
    <row r="348617" spans="14:14">
      <c r="N348617" s="10"/>
    </row>
    <row r="348618" spans="14:14">
      <c r="N348618" s="10"/>
    </row>
    <row r="348619" spans="14:14">
      <c r="N348619" s="10"/>
    </row>
    <row r="348620" spans="14:14">
      <c r="N348620" s="10"/>
    </row>
    <row r="348621" spans="14:14">
      <c r="N348621" s="10"/>
    </row>
    <row r="348622" spans="14:14">
      <c r="N348622" s="10"/>
    </row>
    <row r="348623" spans="14:14">
      <c r="N348623" s="10"/>
    </row>
    <row r="348624" spans="14:14">
      <c r="N348624" s="10"/>
    </row>
    <row r="348625" spans="14:14">
      <c r="N348625" s="10"/>
    </row>
    <row r="348626" spans="14:14">
      <c r="N348626" s="10"/>
    </row>
    <row r="348627" spans="14:14">
      <c r="N348627" s="10"/>
    </row>
    <row r="348628" spans="14:14">
      <c r="N348628" s="10"/>
    </row>
    <row r="348629" spans="14:14">
      <c r="N348629" s="10"/>
    </row>
    <row r="348630" spans="14:14">
      <c r="N348630" s="10"/>
    </row>
    <row r="348631" spans="14:14">
      <c r="N348631" s="10"/>
    </row>
    <row r="348632" spans="14:14">
      <c r="N348632" s="10"/>
    </row>
    <row r="348633" spans="14:14">
      <c r="N348633" s="10"/>
    </row>
    <row r="348634" spans="14:14">
      <c r="N348634" s="10"/>
    </row>
    <row r="348635" spans="14:14">
      <c r="N348635" s="10"/>
    </row>
    <row r="348636" spans="14:14">
      <c r="N348636" s="10"/>
    </row>
    <row r="348637" spans="14:14">
      <c r="N348637" s="10"/>
    </row>
    <row r="348638" spans="14:14">
      <c r="N348638" s="10"/>
    </row>
    <row r="348639" spans="14:14">
      <c r="N348639" s="10"/>
    </row>
    <row r="348640" spans="14:14">
      <c r="N348640" s="10"/>
    </row>
    <row r="348641" spans="14:14">
      <c r="N348641" s="10"/>
    </row>
    <row r="348642" spans="14:14">
      <c r="N348642" s="10"/>
    </row>
    <row r="348643" spans="14:14">
      <c r="N348643" s="10"/>
    </row>
    <row r="348644" spans="14:14">
      <c r="N348644" s="10"/>
    </row>
    <row r="348645" spans="14:14">
      <c r="N348645" s="10"/>
    </row>
    <row r="348646" spans="14:14">
      <c r="N348646" s="10"/>
    </row>
    <row r="348647" spans="14:14">
      <c r="N348647" s="10"/>
    </row>
    <row r="348648" spans="14:14">
      <c r="N348648" s="10"/>
    </row>
    <row r="348649" spans="14:14">
      <c r="N348649" s="10"/>
    </row>
    <row r="348650" spans="14:14">
      <c r="N348650" s="10"/>
    </row>
    <row r="348651" spans="14:14">
      <c r="N348651" s="10"/>
    </row>
    <row r="348652" spans="14:14">
      <c r="N348652" s="10"/>
    </row>
    <row r="348653" spans="14:14">
      <c r="N348653" s="10"/>
    </row>
    <row r="348654" spans="14:14">
      <c r="N348654" s="10"/>
    </row>
    <row r="348655" spans="14:14">
      <c r="N348655" s="10"/>
    </row>
    <row r="348656" spans="14:14">
      <c r="N348656" s="10"/>
    </row>
    <row r="348657" spans="14:14">
      <c r="N348657" s="10"/>
    </row>
    <row r="348658" spans="14:14">
      <c r="N348658" s="10"/>
    </row>
    <row r="348659" spans="14:14">
      <c r="N348659" s="10"/>
    </row>
    <row r="348660" spans="14:14">
      <c r="N348660" s="10"/>
    </row>
    <row r="348661" spans="14:14">
      <c r="N348661" s="10"/>
    </row>
    <row r="348662" spans="14:14">
      <c r="N348662" s="10"/>
    </row>
    <row r="348663" spans="14:14">
      <c r="N348663" s="10"/>
    </row>
    <row r="348664" spans="14:14">
      <c r="N348664" s="10"/>
    </row>
    <row r="348665" spans="14:14">
      <c r="N348665" s="10"/>
    </row>
    <row r="348666" spans="14:14">
      <c r="N348666" s="10"/>
    </row>
    <row r="348667" spans="14:14">
      <c r="N348667" s="10"/>
    </row>
    <row r="348668" spans="14:14">
      <c r="N348668" s="10"/>
    </row>
    <row r="348669" spans="14:14">
      <c r="N348669" s="10"/>
    </row>
    <row r="348670" spans="14:14">
      <c r="N348670" s="10"/>
    </row>
    <row r="348671" spans="14:14">
      <c r="N348671" s="10"/>
    </row>
    <row r="348672" spans="14:14">
      <c r="N348672" s="10"/>
    </row>
    <row r="348673" spans="14:14">
      <c r="N348673" s="10"/>
    </row>
    <row r="348674" spans="14:14">
      <c r="N348674" s="10"/>
    </row>
    <row r="348675" spans="14:14">
      <c r="N348675" s="10"/>
    </row>
    <row r="348676" spans="14:14">
      <c r="N348676" s="10"/>
    </row>
    <row r="348677" spans="14:14">
      <c r="N348677" s="10"/>
    </row>
    <row r="348678" spans="14:14">
      <c r="N348678" s="10"/>
    </row>
    <row r="348679" spans="14:14">
      <c r="N348679" s="10"/>
    </row>
    <row r="348680" spans="14:14">
      <c r="N348680" s="10"/>
    </row>
    <row r="348681" spans="14:14">
      <c r="N348681" s="10"/>
    </row>
    <row r="348682" spans="14:14">
      <c r="N348682" s="10"/>
    </row>
    <row r="348683" spans="14:14">
      <c r="N348683" s="10"/>
    </row>
    <row r="348684" spans="14:14">
      <c r="N348684" s="10"/>
    </row>
    <row r="348685" spans="14:14">
      <c r="N348685" s="10"/>
    </row>
    <row r="348686" spans="14:14">
      <c r="N348686" s="10"/>
    </row>
    <row r="348687" spans="14:14">
      <c r="N348687" s="10"/>
    </row>
    <row r="348688" spans="14:14">
      <c r="N348688" s="10"/>
    </row>
    <row r="348689" spans="14:14">
      <c r="N348689" s="10"/>
    </row>
    <row r="348690" spans="14:14">
      <c r="N348690" s="10"/>
    </row>
    <row r="348691" spans="14:14">
      <c r="N348691" s="10"/>
    </row>
    <row r="348692" spans="14:14">
      <c r="N348692" s="10"/>
    </row>
    <row r="348693" spans="14:14">
      <c r="N348693" s="10"/>
    </row>
    <row r="348694" spans="14:14">
      <c r="N348694" s="10"/>
    </row>
    <row r="348695" spans="14:14">
      <c r="N348695" s="10"/>
    </row>
    <row r="348696" spans="14:14">
      <c r="N348696" s="10"/>
    </row>
    <row r="348697" spans="14:14">
      <c r="N348697" s="10"/>
    </row>
    <row r="348698" spans="14:14">
      <c r="N348698" s="10"/>
    </row>
    <row r="348699" spans="14:14">
      <c r="N348699" s="10"/>
    </row>
    <row r="348700" spans="14:14">
      <c r="N348700" s="10"/>
    </row>
    <row r="348701" spans="14:14">
      <c r="N348701" s="10"/>
    </row>
    <row r="348702" spans="14:14">
      <c r="N348702" s="10"/>
    </row>
    <row r="348703" spans="14:14">
      <c r="N348703" s="10"/>
    </row>
    <row r="348704" spans="14:14">
      <c r="N348704" s="10"/>
    </row>
    <row r="348705" spans="14:14">
      <c r="N348705" s="10"/>
    </row>
    <row r="348706" spans="14:14">
      <c r="N348706" s="10"/>
    </row>
    <row r="348707" spans="14:14">
      <c r="N348707" s="10"/>
    </row>
    <row r="348708" spans="14:14">
      <c r="N348708" s="10"/>
    </row>
    <row r="348709" spans="14:14">
      <c r="N348709" s="10"/>
    </row>
    <row r="348710" spans="14:14">
      <c r="N348710" s="10"/>
    </row>
    <row r="348711" spans="14:14">
      <c r="N348711" s="10"/>
    </row>
    <row r="348712" spans="14:14">
      <c r="N348712" s="10"/>
    </row>
    <row r="348713" spans="14:14">
      <c r="N348713" s="10"/>
    </row>
    <row r="348714" spans="14:14">
      <c r="N348714" s="10"/>
    </row>
    <row r="348715" spans="14:14">
      <c r="N348715" s="10"/>
    </row>
    <row r="348716" spans="14:14">
      <c r="N348716" s="10"/>
    </row>
    <row r="348717" spans="14:14">
      <c r="N348717" s="10"/>
    </row>
    <row r="348718" spans="14:14">
      <c r="N348718" s="10"/>
    </row>
    <row r="348719" spans="14:14">
      <c r="N348719" s="10"/>
    </row>
    <row r="348720" spans="14:14">
      <c r="N348720" s="10"/>
    </row>
    <row r="348721" spans="14:14">
      <c r="N348721" s="10"/>
    </row>
    <row r="348722" spans="14:14">
      <c r="N348722" s="10"/>
    </row>
    <row r="348723" spans="14:14">
      <c r="N348723" s="10"/>
    </row>
    <row r="348724" spans="14:14">
      <c r="N348724" s="10"/>
    </row>
    <row r="348725" spans="14:14">
      <c r="N348725" s="10"/>
    </row>
    <row r="348726" spans="14:14">
      <c r="N348726" s="10"/>
    </row>
    <row r="348727" spans="14:14">
      <c r="N348727" s="10"/>
    </row>
    <row r="348728" spans="14:14">
      <c r="N348728" s="10"/>
    </row>
    <row r="348729" spans="14:14">
      <c r="N348729" s="10"/>
    </row>
    <row r="348730" spans="14:14">
      <c r="N348730" s="10"/>
    </row>
    <row r="348731" spans="14:14">
      <c r="N348731" s="10"/>
    </row>
    <row r="348732" spans="14:14">
      <c r="N348732" s="10"/>
    </row>
    <row r="348733" spans="14:14">
      <c r="N348733" s="10"/>
    </row>
    <row r="348734" spans="14:14">
      <c r="N348734" s="10"/>
    </row>
    <row r="348735" spans="14:14">
      <c r="N348735" s="10"/>
    </row>
    <row r="348736" spans="14:14">
      <c r="N348736" s="10"/>
    </row>
    <row r="348737" spans="14:14">
      <c r="N348737" s="10"/>
    </row>
    <row r="348738" spans="14:14">
      <c r="N348738" s="10"/>
    </row>
    <row r="348739" spans="14:14">
      <c r="N348739" s="10"/>
    </row>
    <row r="348740" spans="14:14">
      <c r="N348740" s="10"/>
    </row>
    <row r="348741" spans="14:14">
      <c r="N348741" s="10"/>
    </row>
    <row r="348742" spans="14:14">
      <c r="N348742" s="10"/>
    </row>
    <row r="348743" spans="14:14">
      <c r="N348743" s="10"/>
    </row>
    <row r="348744" spans="14:14">
      <c r="N348744" s="10"/>
    </row>
    <row r="348745" spans="14:14">
      <c r="N348745" s="10"/>
    </row>
    <row r="348746" spans="14:14">
      <c r="N348746" s="10"/>
    </row>
    <row r="348747" spans="14:14">
      <c r="N348747" s="10"/>
    </row>
    <row r="348748" spans="14:14">
      <c r="N348748" s="10"/>
    </row>
    <row r="348749" spans="14:14">
      <c r="N348749" s="10"/>
    </row>
    <row r="348750" spans="14:14">
      <c r="N348750" s="10"/>
    </row>
    <row r="348751" spans="14:14">
      <c r="N348751" s="10"/>
    </row>
    <row r="348752" spans="14:14">
      <c r="N348752" s="10"/>
    </row>
    <row r="348753" spans="14:14">
      <c r="N348753" s="10"/>
    </row>
    <row r="348754" spans="14:14">
      <c r="N348754" s="10"/>
    </row>
    <row r="348755" spans="14:14">
      <c r="N348755" s="10"/>
    </row>
    <row r="348756" spans="14:14">
      <c r="N348756" s="10"/>
    </row>
    <row r="348757" spans="14:14">
      <c r="N348757" s="10"/>
    </row>
    <row r="348758" spans="14:14">
      <c r="N348758" s="10"/>
    </row>
    <row r="348759" spans="14:14">
      <c r="N348759" s="10"/>
    </row>
    <row r="348760" spans="14:14">
      <c r="N348760" s="10"/>
    </row>
    <row r="348761" spans="14:14">
      <c r="N348761" s="10"/>
    </row>
    <row r="348762" spans="14:14">
      <c r="N348762" s="10"/>
    </row>
    <row r="348763" spans="14:14">
      <c r="N348763" s="10"/>
    </row>
    <row r="348764" spans="14:14">
      <c r="N348764" s="10"/>
    </row>
    <row r="348765" spans="14:14">
      <c r="N348765" s="10"/>
    </row>
    <row r="348766" spans="14:14">
      <c r="N348766" s="10"/>
    </row>
    <row r="348767" spans="14:14">
      <c r="N348767" s="10"/>
    </row>
    <row r="348768" spans="14:14">
      <c r="N348768" s="10"/>
    </row>
    <row r="348769" spans="14:14">
      <c r="N348769" s="10"/>
    </row>
    <row r="348770" spans="14:14">
      <c r="N348770" s="10"/>
    </row>
    <row r="348771" spans="14:14">
      <c r="N348771" s="10"/>
    </row>
    <row r="348772" spans="14:14">
      <c r="N348772" s="10"/>
    </row>
    <row r="348773" spans="14:14">
      <c r="N348773" s="10"/>
    </row>
    <row r="348774" spans="14:14">
      <c r="N348774" s="10"/>
    </row>
    <row r="348775" spans="14:14">
      <c r="N348775" s="10"/>
    </row>
    <row r="348776" spans="14:14">
      <c r="N348776" s="10"/>
    </row>
    <row r="348777" spans="14:14">
      <c r="N348777" s="10"/>
    </row>
    <row r="348778" spans="14:14">
      <c r="N348778" s="10"/>
    </row>
    <row r="348779" spans="14:14">
      <c r="N348779" s="10"/>
    </row>
    <row r="348780" spans="14:14">
      <c r="N348780" s="10"/>
    </row>
    <row r="348781" spans="14:14">
      <c r="N348781" s="10"/>
    </row>
    <row r="348782" spans="14:14">
      <c r="N348782" s="10"/>
    </row>
    <row r="348783" spans="14:14">
      <c r="N348783" s="10"/>
    </row>
    <row r="348784" spans="14:14">
      <c r="N348784" s="10"/>
    </row>
    <row r="348785" spans="14:14">
      <c r="N348785" s="10"/>
    </row>
    <row r="348786" spans="14:14">
      <c r="N348786" s="10"/>
    </row>
    <row r="348787" spans="14:14">
      <c r="N348787" s="10"/>
    </row>
    <row r="348788" spans="14:14">
      <c r="N348788" s="10"/>
    </row>
    <row r="348789" spans="14:14">
      <c r="N348789" s="10"/>
    </row>
    <row r="348790" spans="14:14">
      <c r="N348790" s="10"/>
    </row>
    <row r="348791" spans="14:14">
      <c r="N348791" s="10"/>
    </row>
    <row r="348792" spans="14:14">
      <c r="N348792" s="10"/>
    </row>
    <row r="348793" spans="14:14">
      <c r="N348793" s="10"/>
    </row>
    <row r="348794" spans="14:14">
      <c r="N348794" s="10"/>
    </row>
    <row r="348795" spans="14:14">
      <c r="N348795" s="10"/>
    </row>
    <row r="348796" spans="14:14">
      <c r="N348796" s="10"/>
    </row>
    <row r="348797" spans="14:14">
      <c r="N348797" s="10"/>
    </row>
    <row r="348798" spans="14:14">
      <c r="N348798" s="10"/>
    </row>
    <row r="348799" spans="14:14">
      <c r="N348799" s="10"/>
    </row>
    <row r="348800" spans="14:14">
      <c r="N348800" s="10"/>
    </row>
    <row r="348801" spans="14:14">
      <c r="N348801" s="10"/>
    </row>
    <row r="348802" spans="14:14">
      <c r="N348802" s="10"/>
    </row>
    <row r="348803" spans="14:14">
      <c r="N348803" s="10"/>
    </row>
    <row r="348804" spans="14:14">
      <c r="N348804" s="10"/>
    </row>
    <row r="348805" spans="14:14">
      <c r="N348805" s="10"/>
    </row>
    <row r="348806" spans="14:14">
      <c r="N348806" s="10"/>
    </row>
    <row r="348807" spans="14:14">
      <c r="N348807" s="10"/>
    </row>
    <row r="348808" spans="14:14">
      <c r="N348808" s="10"/>
    </row>
    <row r="348809" spans="14:14">
      <c r="N348809" s="10"/>
    </row>
    <row r="348810" spans="14:14">
      <c r="N348810" s="10"/>
    </row>
    <row r="348811" spans="14:14">
      <c r="N348811" s="10"/>
    </row>
    <row r="348812" spans="14:14">
      <c r="N348812" s="10"/>
    </row>
    <row r="348813" spans="14:14">
      <c r="N348813" s="10"/>
    </row>
    <row r="348814" spans="14:14">
      <c r="N348814" s="10"/>
    </row>
    <row r="348815" spans="14:14">
      <c r="N348815" s="10"/>
    </row>
    <row r="348816" spans="14:14">
      <c r="N348816" s="10"/>
    </row>
    <row r="348817" spans="14:14">
      <c r="N348817" s="10"/>
    </row>
    <row r="348818" spans="14:14">
      <c r="N348818" s="10"/>
    </row>
    <row r="348819" spans="14:14">
      <c r="N348819" s="10"/>
    </row>
    <row r="348820" spans="14:14">
      <c r="N348820" s="10"/>
    </row>
    <row r="348821" spans="14:14">
      <c r="N348821" s="10"/>
    </row>
    <row r="348822" spans="14:14">
      <c r="N348822" s="10"/>
    </row>
    <row r="348823" spans="14:14">
      <c r="N348823" s="10"/>
    </row>
    <row r="348824" spans="14:14">
      <c r="N348824" s="10"/>
    </row>
    <row r="348825" spans="14:14">
      <c r="N348825" s="10"/>
    </row>
    <row r="348826" spans="14:14">
      <c r="N348826" s="10"/>
    </row>
    <row r="348827" spans="14:14">
      <c r="N348827" s="10"/>
    </row>
    <row r="348828" spans="14:14">
      <c r="N348828" s="10"/>
    </row>
    <row r="348829" spans="14:14">
      <c r="N348829" s="10"/>
    </row>
    <row r="348830" spans="14:14">
      <c r="N348830" s="10"/>
    </row>
    <row r="348831" spans="14:14">
      <c r="N348831" s="10"/>
    </row>
    <row r="348832" spans="14:14">
      <c r="N348832" s="10"/>
    </row>
    <row r="348833" spans="14:14">
      <c r="N348833" s="10"/>
    </row>
    <row r="348834" spans="14:14">
      <c r="N348834" s="10"/>
    </row>
    <row r="348835" spans="14:14">
      <c r="N348835" s="10"/>
    </row>
    <row r="348836" spans="14:14">
      <c r="N348836" s="10"/>
    </row>
    <row r="348837" spans="14:14">
      <c r="N348837" s="10"/>
    </row>
    <row r="348838" spans="14:14">
      <c r="N348838" s="10"/>
    </row>
    <row r="348839" spans="14:14">
      <c r="N348839" s="10"/>
    </row>
    <row r="348840" spans="14:14">
      <c r="N348840" s="10"/>
    </row>
    <row r="348841" spans="14:14">
      <c r="N348841" s="10"/>
    </row>
    <row r="348842" spans="14:14">
      <c r="N348842" s="10"/>
    </row>
    <row r="348843" spans="14:14">
      <c r="N348843" s="10"/>
    </row>
    <row r="348844" spans="14:14">
      <c r="N348844" s="10"/>
    </row>
    <row r="348845" spans="14:14">
      <c r="N348845" s="10"/>
    </row>
    <row r="348846" spans="14:14">
      <c r="N348846" s="10"/>
    </row>
    <row r="348847" spans="14:14">
      <c r="N348847" s="10"/>
    </row>
    <row r="348848" spans="14:14">
      <c r="N348848" s="10"/>
    </row>
    <row r="348849" spans="14:14">
      <c r="N348849" s="10"/>
    </row>
    <row r="348850" spans="14:14">
      <c r="N348850" s="10"/>
    </row>
    <row r="348851" spans="14:14">
      <c r="N348851" s="10"/>
    </row>
    <row r="348852" spans="14:14">
      <c r="N348852" s="10"/>
    </row>
    <row r="348853" spans="14:14">
      <c r="N348853" s="10"/>
    </row>
    <row r="348854" spans="14:14">
      <c r="N348854" s="10"/>
    </row>
    <row r="348855" spans="14:14">
      <c r="N348855" s="10"/>
    </row>
    <row r="348856" spans="14:14">
      <c r="N348856" s="10"/>
    </row>
    <row r="348857" spans="14:14">
      <c r="N348857" s="10"/>
    </row>
    <row r="348858" spans="14:14">
      <c r="N348858" s="10"/>
    </row>
    <row r="348859" spans="14:14">
      <c r="N348859" s="10"/>
    </row>
    <row r="348860" spans="14:14">
      <c r="N348860" s="10"/>
    </row>
    <row r="348861" spans="14:14">
      <c r="N348861" s="10"/>
    </row>
    <row r="348862" spans="14:14">
      <c r="N348862" s="10"/>
    </row>
    <row r="348863" spans="14:14">
      <c r="N348863" s="10"/>
    </row>
    <row r="348864" spans="14:14">
      <c r="N348864" s="10"/>
    </row>
    <row r="348865" spans="14:14">
      <c r="N348865" s="10"/>
    </row>
    <row r="348866" spans="14:14">
      <c r="N348866" s="10"/>
    </row>
    <row r="348867" spans="14:14">
      <c r="N348867" s="10"/>
    </row>
    <row r="348868" spans="14:14">
      <c r="N348868" s="10"/>
    </row>
    <row r="348869" spans="14:14">
      <c r="N348869" s="10"/>
    </row>
    <row r="348870" spans="14:14">
      <c r="N348870" s="10"/>
    </row>
    <row r="348871" spans="14:14">
      <c r="N348871" s="10"/>
    </row>
    <row r="348872" spans="14:14">
      <c r="N348872" s="10"/>
    </row>
    <row r="348873" spans="14:14">
      <c r="N348873" s="10"/>
    </row>
    <row r="348874" spans="14:14">
      <c r="N348874" s="10"/>
    </row>
    <row r="348875" spans="14:14">
      <c r="N348875" s="10"/>
    </row>
    <row r="348876" spans="14:14">
      <c r="N348876" s="10"/>
    </row>
    <row r="348877" spans="14:14">
      <c r="N348877" s="10"/>
    </row>
    <row r="348878" spans="14:14">
      <c r="N348878" s="10"/>
    </row>
    <row r="348879" spans="14:14">
      <c r="N348879" s="10"/>
    </row>
    <row r="348880" spans="14:14">
      <c r="N348880" s="10"/>
    </row>
    <row r="348881" spans="14:14">
      <c r="N348881" s="10"/>
    </row>
    <row r="348882" spans="14:14">
      <c r="N348882" s="10"/>
    </row>
    <row r="348883" spans="14:14">
      <c r="N348883" s="10"/>
    </row>
    <row r="348884" spans="14:14">
      <c r="N348884" s="10"/>
    </row>
    <row r="348885" spans="14:14">
      <c r="N348885" s="10"/>
    </row>
    <row r="348886" spans="14:14">
      <c r="N348886" s="10"/>
    </row>
    <row r="348887" spans="14:14">
      <c r="N348887" s="10"/>
    </row>
    <row r="348888" spans="14:14">
      <c r="N348888" s="10"/>
    </row>
    <row r="348889" spans="14:14">
      <c r="N348889" s="10"/>
    </row>
    <row r="348890" spans="14:14">
      <c r="N348890" s="10"/>
    </row>
    <row r="348891" spans="14:14">
      <c r="N348891" s="10"/>
    </row>
    <row r="348892" spans="14:14">
      <c r="N348892" s="10"/>
    </row>
    <row r="348893" spans="14:14">
      <c r="N348893" s="10"/>
    </row>
    <row r="348894" spans="14:14">
      <c r="N348894" s="10"/>
    </row>
    <row r="348895" spans="14:14">
      <c r="N348895" s="10"/>
    </row>
    <row r="348896" spans="14:14">
      <c r="N348896" s="10"/>
    </row>
    <row r="348897" spans="14:14">
      <c r="N348897" s="10"/>
    </row>
    <row r="348898" spans="14:14">
      <c r="N348898" s="10"/>
    </row>
    <row r="348899" spans="14:14">
      <c r="N348899" s="10"/>
    </row>
    <row r="348900" spans="14:14">
      <c r="N348900" s="10"/>
    </row>
    <row r="348901" spans="14:14">
      <c r="N348901" s="10"/>
    </row>
    <row r="348902" spans="14:14">
      <c r="N348902" s="10"/>
    </row>
    <row r="348903" spans="14:14">
      <c r="N348903" s="10"/>
    </row>
    <row r="348904" spans="14:14">
      <c r="N348904" s="10"/>
    </row>
    <row r="348905" spans="14:14">
      <c r="N348905" s="10"/>
    </row>
    <row r="348906" spans="14:14">
      <c r="N348906" s="10"/>
    </row>
    <row r="348907" spans="14:14">
      <c r="N348907" s="10"/>
    </row>
    <row r="348908" spans="14:14">
      <c r="N348908" s="10"/>
    </row>
    <row r="348909" spans="14:14">
      <c r="N348909" s="10"/>
    </row>
    <row r="348910" spans="14:14">
      <c r="N348910" s="10"/>
    </row>
    <row r="348911" spans="14:14">
      <c r="N348911" s="10"/>
    </row>
    <row r="348912" spans="14:14">
      <c r="N348912" s="10"/>
    </row>
    <row r="348913" spans="14:14">
      <c r="N348913" s="10"/>
    </row>
    <row r="348914" spans="14:14">
      <c r="N348914" s="10"/>
    </row>
    <row r="348915" spans="14:14">
      <c r="N348915" s="10"/>
    </row>
    <row r="348916" spans="14:14">
      <c r="N348916" s="10"/>
    </row>
    <row r="348917" spans="14:14">
      <c r="N348917" s="10"/>
    </row>
    <row r="348918" spans="14:14">
      <c r="N348918" s="10"/>
    </row>
    <row r="348919" spans="14:14">
      <c r="N348919" s="10"/>
    </row>
    <row r="348920" spans="14:14">
      <c r="N348920" s="10"/>
    </row>
    <row r="348921" spans="14:14">
      <c r="N348921" s="10"/>
    </row>
    <row r="348922" spans="14:14">
      <c r="N348922" s="10"/>
    </row>
    <row r="348923" spans="14:14">
      <c r="N348923" s="10"/>
    </row>
    <row r="348924" spans="14:14">
      <c r="N348924" s="10"/>
    </row>
    <row r="348925" spans="14:14">
      <c r="N348925" s="10"/>
    </row>
    <row r="348926" spans="14:14">
      <c r="N348926" s="10"/>
    </row>
    <row r="348927" spans="14:14">
      <c r="N348927" s="10"/>
    </row>
    <row r="348928" spans="14:14">
      <c r="N348928" s="10"/>
    </row>
    <row r="348929" spans="14:14">
      <c r="N348929" s="10"/>
    </row>
    <row r="348930" spans="14:14">
      <c r="N348930" s="10"/>
    </row>
    <row r="348931" spans="14:14">
      <c r="N348931" s="10"/>
    </row>
    <row r="348932" spans="14:14">
      <c r="N348932" s="10"/>
    </row>
    <row r="348933" spans="14:14">
      <c r="N348933" s="10"/>
    </row>
    <row r="348934" spans="14:14">
      <c r="N348934" s="10"/>
    </row>
    <row r="348935" spans="14:14">
      <c r="N348935" s="10"/>
    </row>
    <row r="348936" spans="14:14">
      <c r="N348936" s="10"/>
    </row>
    <row r="348937" spans="14:14">
      <c r="N348937" s="10"/>
    </row>
    <row r="348938" spans="14:14">
      <c r="N348938" s="10"/>
    </row>
    <row r="348939" spans="14:14">
      <c r="N348939" s="10"/>
    </row>
    <row r="348940" spans="14:14">
      <c r="N348940" s="10"/>
    </row>
    <row r="348941" spans="14:14">
      <c r="N348941" s="10"/>
    </row>
    <row r="348942" spans="14:14">
      <c r="N348942" s="10"/>
    </row>
    <row r="348943" spans="14:14">
      <c r="N348943" s="10"/>
    </row>
    <row r="348944" spans="14:14">
      <c r="N348944" s="10"/>
    </row>
    <row r="348945" spans="14:14">
      <c r="N348945" s="10"/>
    </row>
    <row r="348946" spans="14:14">
      <c r="N348946" s="10"/>
    </row>
    <row r="348947" spans="14:14">
      <c r="N348947" s="10"/>
    </row>
    <row r="348948" spans="14:14">
      <c r="N348948" s="10"/>
    </row>
    <row r="348949" spans="14:14">
      <c r="N348949" s="10"/>
    </row>
    <row r="348950" spans="14:14">
      <c r="N348950" s="10"/>
    </row>
    <row r="348951" spans="14:14">
      <c r="N348951" s="10"/>
    </row>
    <row r="348952" spans="14:14">
      <c r="N348952" s="10"/>
    </row>
    <row r="348953" spans="14:14">
      <c r="N348953" s="10"/>
    </row>
    <row r="348954" spans="14:14">
      <c r="N348954" s="10"/>
    </row>
    <row r="348955" spans="14:14">
      <c r="N348955" s="10"/>
    </row>
    <row r="348956" spans="14:14">
      <c r="N348956" s="10"/>
    </row>
    <row r="348957" spans="14:14">
      <c r="N348957" s="10"/>
    </row>
    <row r="348958" spans="14:14">
      <c r="N348958" s="10"/>
    </row>
    <row r="348959" spans="14:14">
      <c r="N348959" s="10"/>
    </row>
    <row r="348960" spans="14:14">
      <c r="N348960" s="10"/>
    </row>
    <row r="348961" spans="14:14">
      <c r="N348961" s="10"/>
    </row>
    <row r="348962" spans="14:14">
      <c r="N348962" s="10"/>
    </row>
    <row r="348963" spans="14:14">
      <c r="N348963" s="10"/>
    </row>
    <row r="348964" spans="14:14">
      <c r="N348964" s="10"/>
    </row>
    <row r="348965" spans="14:14">
      <c r="N348965" s="10"/>
    </row>
    <row r="348966" spans="14:14">
      <c r="N348966" s="10"/>
    </row>
    <row r="348967" spans="14:14">
      <c r="N348967" s="10"/>
    </row>
    <row r="348968" spans="14:14">
      <c r="N348968" s="10"/>
    </row>
    <row r="348969" spans="14:14">
      <c r="N348969" s="10"/>
    </row>
    <row r="348970" spans="14:14">
      <c r="N348970" s="10"/>
    </row>
    <row r="348971" spans="14:14">
      <c r="N348971" s="10"/>
    </row>
    <row r="348972" spans="14:14">
      <c r="N348972" s="10"/>
    </row>
    <row r="348973" spans="14:14">
      <c r="N348973" s="10"/>
    </row>
    <row r="348974" spans="14:14">
      <c r="N348974" s="10"/>
    </row>
    <row r="348975" spans="14:14">
      <c r="N348975" s="10"/>
    </row>
    <row r="348976" spans="14:14">
      <c r="N348976" s="10"/>
    </row>
    <row r="348977" spans="14:14">
      <c r="N348977" s="10"/>
    </row>
    <row r="348978" spans="14:14">
      <c r="N348978" s="10"/>
    </row>
    <row r="348979" spans="14:14">
      <c r="N348979" s="10"/>
    </row>
    <row r="348980" spans="14:14">
      <c r="N348980" s="10"/>
    </row>
    <row r="348981" spans="14:14">
      <c r="N348981" s="10"/>
    </row>
    <row r="348982" spans="14:14">
      <c r="N348982" s="10"/>
    </row>
    <row r="348983" spans="14:14">
      <c r="N348983" s="10"/>
    </row>
    <row r="348984" spans="14:14">
      <c r="N348984" s="10"/>
    </row>
    <row r="348985" spans="14:14">
      <c r="N348985" s="10"/>
    </row>
    <row r="348986" spans="14:14">
      <c r="N348986" s="10"/>
    </row>
    <row r="348987" spans="14:14">
      <c r="N348987" s="10"/>
    </row>
    <row r="348988" spans="14:14">
      <c r="N348988" s="10"/>
    </row>
    <row r="348989" spans="14:14">
      <c r="N348989" s="10"/>
    </row>
    <row r="348990" spans="14:14">
      <c r="N348990" s="10"/>
    </row>
    <row r="348991" spans="14:14">
      <c r="N348991" s="10"/>
    </row>
    <row r="348992" spans="14:14">
      <c r="N348992" s="10"/>
    </row>
    <row r="348993" spans="14:14">
      <c r="N348993" s="10"/>
    </row>
    <row r="348994" spans="14:14">
      <c r="N348994" s="10"/>
    </row>
    <row r="348995" spans="14:14">
      <c r="N348995" s="10"/>
    </row>
    <row r="348996" spans="14:14">
      <c r="N348996" s="10"/>
    </row>
    <row r="348997" spans="14:14">
      <c r="N348997" s="10"/>
    </row>
    <row r="348998" spans="14:14">
      <c r="N348998" s="10"/>
    </row>
    <row r="348999" spans="14:14">
      <c r="N348999" s="10"/>
    </row>
    <row r="349000" spans="14:14">
      <c r="N349000" s="10"/>
    </row>
    <row r="349001" spans="14:14">
      <c r="N349001" s="10"/>
    </row>
    <row r="349002" spans="14:14">
      <c r="N349002" s="10"/>
    </row>
    <row r="349003" spans="14:14">
      <c r="N349003" s="10"/>
    </row>
    <row r="349004" spans="14:14">
      <c r="N349004" s="10"/>
    </row>
    <row r="349005" spans="14:14">
      <c r="N349005" s="10"/>
    </row>
    <row r="349006" spans="14:14">
      <c r="N349006" s="10"/>
    </row>
    <row r="349007" spans="14:14">
      <c r="N349007" s="10"/>
    </row>
    <row r="349008" spans="14:14">
      <c r="N349008" s="10"/>
    </row>
    <row r="349009" spans="14:14">
      <c r="N349009" s="10"/>
    </row>
    <row r="349010" spans="14:14">
      <c r="N349010" s="10"/>
    </row>
    <row r="349011" spans="14:14">
      <c r="N349011" s="10"/>
    </row>
    <row r="349012" spans="14:14">
      <c r="N349012" s="10"/>
    </row>
    <row r="349013" spans="14:14">
      <c r="N349013" s="10"/>
    </row>
    <row r="349014" spans="14:14">
      <c r="N349014" s="10"/>
    </row>
    <row r="349015" spans="14:14">
      <c r="N349015" s="10"/>
    </row>
    <row r="349016" spans="14:14">
      <c r="N349016" s="10"/>
    </row>
    <row r="349017" spans="14:14">
      <c r="N349017" s="10"/>
    </row>
    <row r="349018" spans="14:14">
      <c r="N349018" s="10"/>
    </row>
    <row r="349019" spans="14:14">
      <c r="N349019" s="10"/>
    </row>
    <row r="349020" spans="14:14">
      <c r="N349020" s="10"/>
    </row>
    <row r="349021" spans="14:14">
      <c r="N349021" s="10"/>
    </row>
    <row r="349022" spans="14:14">
      <c r="N349022" s="10"/>
    </row>
    <row r="349023" spans="14:14">
      <c r="N349023" s="10"/>
    </row>
    <row r="349024" spans="14:14">
      <c r="N349024" s="10"/>
    </row>
    <row r="349025" spans="14:14">
      <c r="N349025" s="10"/>
    </row>
    <row r="349026" spans="14:14">
      <c r="N349026" s="10"/>
    </row>
    <row r="349027" spans="14:14">
      <c r="N349027" s="10"/>
    </row>
    <row r="349028" spans="14:14">
      <c r="N349028" s="10"/>
    </row>
    <row r="349029" spans="14:14">
      <c r="N349029" s="10"/>
    </row>
    <row r="349030" spans="14:14">
      <c r="N349030" s="10"/>
    </row>
    <row r="349031" spans="14:14">
      <c r="N349031" s="10"/>
    </row>
    <row r="349032" spans="14:14">
      <c r="N349032" s="10"/>
    </row>
    <row r="349033" spans="14:14">
      <c r="N349033" s="10"/>
    </row>
    <row r="349034" spans="14:14">
      <c r="N349034" s="10"/>
    </row>
    <row r="349035" spans="14:14">
      <c r="N349035" s="10"/>
    </row>
    <row r="349036" spans="14:14">
      <c r="N349036" s="10"/>
    </row>
    <row r="349037" spans="14:14">
      <c r="N349037" s="10"/>
    </row>
    <row r="349038" spans="14:14">
      <c r="N349038" s="10"/>
    </row>
    <row r="349039" spans="14:14">
      <c r="N349039" s="10"/>
    </row>
    <row r="349040" spans="14:14">
      <c r="N349040" s="10"/>
    </row>
    <row r="349041" spans="14:14">
      <c r="N349041" s="10"/>
    </row>
    <row r="349042" spans="14:14">
      <c r="N349042" s="10"/>
    </row>
    <row r="349043" spans="14:14">
      <c r="N349043" s="10"/>
    </row>
    <row r="349044" spans="14:14">
      <c r="N349044" s="10"/>
    </row>
    <row r="349045" spans="14:14">
      <c r="N349045" s="10"/>
    </row>
    <row r="349046" spans="14:14">
      <c r="N349046" s="10"/>
    </row>
    <row r="349047" spans="14:14">
      <c r="N349047" s="10"/>
    </row>
    <row r="349048" spans="14:14">
      <c r="N349048" s="10"/>
    </row>
    <row r="349049" spans="14:14">
      <c r="N349049" s="10"/>
    </row>
    <row r="349050" spans="14:14">
      <c r="N349050" s="10"/>
    </row>
    <row r="349051" spans="14:14">
      <c r="N349051" s="10"/>
    </row>
    <row r="349052" spans="14:14">
      <c r="N349052" s="10"/>
    </row>
    <row r="349053" spans="14:14">
      <c r="N349053" s="10"/>
    </row>
    <row r="349054" spans="14:14">
      <c r="N349054" s="10"/>
    </row>
    <row r="349055" spans="14:14">
      <c r="N349055" s="10"/>
    </row>
    <row r="349056" spans="14:14">
      <c r="N349056" s="10"/>
    </row>
    <row r="349057" spans="14:14">
      <c r="N349057" s="10"/>
    </row>
    <row r="349058" spans="14:14">
      <c r="N349058" s="10"/>
    </row>
    <row r="349059" spans="14:14">
      <c r="N349059" s="10"/>
    </row>
    <row r="349060" spans="14:14">
      <c r="N349060" s="10"/>
    </row>
    <row r="349061" spans="14:14">
      <c r="N349061" s="10"/>
    </row>
    <row r="349062" spans="14:14">
      <c r="N349062" s="10"/>
    </row>
    <row r="349063" spans="14:14">
      <c r="N349063" s="10"/>
    </row>
    <row r="349064" spans="14:14">
      <c r="N349064" s="10"/>
    </row>
    <row r="349065" spans="14:14">
      <c r="N349065" s="10"/>
    </row>
    <row r="349066" spans="14:14">
      <c r="N349066" s="10"/>
    </row>
    <row r="349067" spans="14:14">
      <c r="N349067" s="10"/>
    </row>
    <row r="349068" spans="14:14">
      <c r="N349068" s="10"/>
    </row>
    <row r="349069" spans="14:14">
      <c r="N349069" s="10"/>
    </row>
    <row r="349070" spans="14:14">
      <c r="N349070" s="10"/>
    </row>
    <row r="349071" spans="14:14">
      <c r="N349071" s="10"/>
    </row>
    <row r="349072" spans="14:14">
      <c r="N349072" s="10"/>
    </row>
    <row r="349073" spans="14:14">
      <c r="N349073" s="10"/>
    </row>
    <row r="349074" spans="14:14">
      <c r="N349074" s="10"/>
    </row>
    <row r="349075" spans="14:14">
      <c r="N349075" s="10"/>
    </row>
    <row r="349076" spans="14:14">
      <c r="N349076" s="10"/>
    </row>
    <row r="349077" spans="14:14">
      <c r="N349077" s="10"/>
    </row>
    <row r="349078" spans="14:14">
      <c r="N349078" s="10"/>
    </row>
    <row r="349079" spans="14:14">
      <c r="N349079" s="10"/>
    </row>
    <row r="349080" spans="14:14">
      <c r="N349080" s="10"/>
    </row>
    <row r="349081" spans="14:14">
      <c r="N349081" s="10"/>
    </row>
    <row r="349082" spans="14:14">
      <c r="N349082" s="10"/>
    </row>
    <row r="349083" spans="14:14">
      <c r="N349083" s="10"/>
    </row>
    <row r="349084" spans="14:14">
      <c r="N349084" s="10"/>
    </row>
    <row r="349085" spans="14:14">
      <c r="N349085" s="10"/>
    </row>
    <row r="349086" spans="14:14">
      <c r="N349086" s="10"/>
    </row>
    <row r="349087" spans="14:14">
      <c r="N349087" s="10"/>
    </row>
    <row r="349088" spans="14:14">
      <c r="N349088" s="10"/>
    </row>
    <row r="349089" spans="14:14">
      <c r="N349089" s="10"/>
    </row>
    <row r="349090" spans="14:14">
      <c r="N349090" s="10"/>
    </row>
    <row r="349091" spans="14:14">
      <c r="N349091" s="10"/>
    </row>
    <row r="349092" spans="14:14">
      <c r="N349092" s="10"/>
    </row>
    <row r="349093" spans="14:14">
      <c r="N349093" s="10"/>
    </row>
    <row r="349094" spans="14:14">
      <c r="N349094" s="10"/>
    </row>
    <row r="349095" spans="14:14">
      <c r="N349095" s="10"/>
    </row>
    <row r="349096" spans="14:14">
      <c r="N349096" s="10"/>
    </row>
    <row r="349097" spans="14:14">
      <c r="N349097" s="10"/>
    </row>
    <row r="349098" spans="14:14">
      <c r="N349098" s="10"/>
    </row>
    <row r="349099" spans="14:14">
      <c r="N349099" s="10"/>
    </row>
    <row r="349100" spans="14:14">
      <c r="N349100" s="10"/>
    </row>
    <row r="349101" spans="14:14">
      <c r="N349101" s="10"/>
    </row>
    <row r="349102" spans="14:14">
      <c r="N349102" s="10"/>
    </row>
    <row r="349103" spans="14:14">
      <c r="N349103" s="10"/>
    </row>
    <row r="349104" spans="14:14">
      <c r="N349104" s="10"/>
    </row>
    <row r="349105" spans="14:14">
      <c r="N349105" s="10"/>
    </row>
    <row r="349106" spans="14:14">
      <c r="N349106" s="10"/>
    </row>
    <row r="349107" spans="14:14">
      <c r="N349107" s="10"/>
    </row>
    <row r="349108" spans="14:14">
      <c r="N349108" s="10"/>
    </row>
    <row r="349109" spans="14:14">
      <c r="N349109" s="10"/>
    </row>
    <row r="349110" spans="14:14">
      <c r="N349110" s="10"/>
    </row>
    <row r="349111" spans="14:14">
      <c r="N349111" s="10"/>
    </row>
    <row r="349112" spans="14:14">
      <c r="N349112" s="10"/>
    </row>
    <row r="349113" spans="14:14">
      <c r="N349113" s="10"/>
    </row>
    <row r="349114" spans="14:14">
      <c r="N349114" s="10"/>
    </row>
    <row r="349115" spans="14:14">
      <c r="N349115" s="10"/>
    </row>
    <row r="349116" spans="14:14">
      <c r="N349116" s="10"/>
    </row>
    <row r="349117" spans="14:14">
      <c r="N349117" s="10"/>
    </row>
    <row r="349118" spans="14:14">
      <c r="N349118" s="10"/>
    </row>
    <row r="349119" spans="14:14">
      <c r="N349119" s="10"/>
    </row>
    <row r="349120" spans="14:14">
      <c r="N349120" s="10"/>
    </row>
    <row r="349121" spans="14:14">
      <c r="N349121" s="10"/>
    </row>
    <row r="349122" spans="14:14">
      <c r="N349122" s="10"/>
    </row>
    <row r="349123" spans="14:14">
      <c r="N349123" s="10"/>
    </row>
    <row r="349124" spans="14:14">
      <c r="N349124" s="10"/>
    </row>
    <row r="349125" spans="14:14">
      <c r="N349125" s="10"/>
    </row>
    <row r="349126" spans="14:14">
      <c r="N349126" s="10"/>
    </row>
    <row r="349127" spans="14:14">
      <c r="N349127" s="10"/>
    </row>
    <row r="349128" spans="14:14">
      <c r="N349128" s="10"/>
    </row>
    <row r="349129" spans="14:14">
      <c r="N349129" s="10"/>
    </row>
    <row r="349130" spans="14:14">
      <c r="N349130" s="10"/>
    </row>
    <row r="349131" spans="14:14">
      <c r="N349131" s="10"/>
    </row>
    <row r="349132" spans="14:14">
      <c r="N349132" s="10"/>
    </row>
    <row r="349133" spans="14:14">
      <c r="N349133" s="10"/>
    </row>
    <row r="349134" spans="14:14">
      <c r="N349134" s="10"/>
    </row>
    <row r="349135" spans="14:14">
      <c r="N349135" s="10"/>
    </row>
    <row r="349136" spans="14:14">
      <c r="N349136" s="10"/>
    </row>
    <row r="349137" spans="14:14">
      <c r="N349137" s="10"/>
    </row>
    <row r="349138" spans="14:14">
      <c r="N349138" s="10"/>
    </row>
    <row r="349139" spans="14:14">
      <c r="N349139" s="10"/>
    </row>
    <row r="349140" spans="14:14">
      <c r="N349140" s="10"/>
    </row>
    <row r="349141" spans="14:14">
      <c r="N349141" s="10"/>
    </row>
    <row r="349142" spans="14:14">
      <c r="N349142" s="10"/>
    </row>
    <row r="349143" spans="14:14">
      <c r="N349143" s="10"/>
    </row>
    <row r="349144" spans="14:14">
      <c r="N349144" s="10"/>
    </row>
    <row r="349145" spans="14:14">
      <c r="N349145" s="10"/>
    </row>
    <row r="349146" spans="14:14">
      <c r="N349146" s="10"/>
    </row>
    <row r="349147" spans="14:14">
      <c r="N349147" s="10"/>
    </row>
    <row r="349148" spans="14:14">
      <c r="N349148" s="10"/>
    </row>
    <row r="349149" spans="14:14">
      <c r="N349149" s="10"/>
    </row>
    <row r="349150" spans="14:14">
      <c r="N349150" s="10"/>
    </row>
    <row r="349151" spans="14:14">
      <c r="N349151" s="10"/>
    </row>
    <row r="349152" spans="14:14">
      <c r="N349152" s="10"/>
    </row>
    <row r="349153" spans="14:14">
      <c r="N349153" s="10"/>
    </row>
    <row r="349154" spans="14:14">
      <c r="N349154" s="10"/>
    </row>
    <row r="349155" spans="14:14">
      <c r="N349155" s="10"/>
    </row>
    <row r="349156" spans="14:14">
      <c r="N349156" s="10"/>
    </row>
    <row r="349157" spans="14:14">
      <c r="N349157" s="10"/>
    </row>
    <row r="349158" spans="14:14">
      <c r="N349158" s="10"/>
    </row>
    <row r="349159" spans="14:14">
      <c r="N349159" s="10"/>
    </row>
    <row r="349160" spans="14:14">
      <c r="N349160" s="10"/>
    </row>
    <row r="349161" spans="14:14">
      <c r="N349161" s="10"/>
    </row>
    <row r="349162" spans="14:14">
      <c r="N349162" s="10"/>
    </row>
    <row r="349163" spans="14:14">
      <c r="N349163" s="10"/>
    </row>
    <row r="349164" spans="14:14">
      <c r="N349164" s="10"/>
    </row>
    <row r="349165" spans="14:14">
      <c r="N349165" s="10"/>
    </row>
    <row r="349166" spans="14:14">
      <c r="N349166" s="10"/>
    </row>
    <row r="349167" spans="14:14">
      <c r="N349167" s="10"/>
    </row>
    <row r="349168" spans="14:14">
      <c r="N349168" s="10"/>
    </row>
    <row r="349169" spans="14:14">
      <c r="N349169" s="10"/>
    </row>
    <row r="349170" spans="14:14">
      <c r="N349170" s="10"/>
    </row>
    <row r="349171" spans="14:14">
      <c r="N349171" s="10"/>
    </row>
    <row r="349172" spans="14:14">
      <c r="N349172" s="10"/>
    </row>
    <row r="349173" spans="14:14">
      <c r="N349173" s="10"/>
    </row>
    <row r="349174" spans="14:14">
      <c r="N349174" s="10"/>
    </row>
    <row r="349175" spans="14:14">
      <c r="N349175" s="10"/>
    </row>
    <row r="349176" spans="14:14">
      <c r="N349176" s="10"/>
    </row>
    <row r="349177" spans="14:14">
      <c r="N349177" s="10"/>
    </row>
    <row r="349178" spans="14:14">
      <c r="N349178" s="10"/>
    </row>
    <row r="349179" spans="14:14">
      <c r="N349179" s="10"/>
    </row>
    <row r="349180" spans="14:14">
      <c r="N349180" s="10"/>
    </row>
    <row r="349181" spans="14:14">
      <c r="N349181" s="10"/>
    </row>
    <row r="349182" spans="14:14">
      <c r="N349182" s="10"/>
    </row>
    <row r="349183" spans="14:14">
      <c r="N349183" s="10"/>
    </row>
    <row r="349184" spans="14:14">
      <c r="N349184" s="10"/>
    </row>
    <row r="349185" spans="14:14">
      <c r="N349185" s="10"/>
    </row>
    <row r="349186" spans="14:14">
      <c r="N349186" s="10"/>
    </row>
    <row r="349187" spans="14:14">
      <c r="N349187" s="10"/>
    </row>
    <row r="349188" spans="14:14">
      <c r="N349188" s="10"/>
    </row>
    <row r="349189" spans="14:14">
      <c r="N349189" s="10"/>
    </row>
    <row r="349190" spans="14:14">
      <c r="N349190" s="10"/>
    </row>
    <row r="349191" spans="14:14">
      <c r="N349191" s="10"/>
    </row>
    <row r="349192" spans="14:14">
      <c r="N349192" s="10"/>
    </row>
    <row r="349193" spans="14:14">
      <c r="N349193" s="10"/>
    </row>
    <row r="349194" spans="14:14">
      <c r="N349194" s="10"/>
    </row>
    <row r="349195" spans="14:14">
      <c r="N349195" s="10"/>
    </row>
    <row r="349196" spans="14:14">
      <c r="N349196" s="10"/>
    </row>
    <row r="349197" spans="14:14">
      <c r="N349197" s="10"/>
    </row>
    <row r="349198" spans="14:14">
      <c r="N349198" s="10"/>
    </row>
    <row r="349199" spans="14:14">
      <c r="N349199" s="10"/>
    </row>
    <row r="349200" spans="14:14">
      <c r="N349200" s="10"/>
    </row>
    <row r="349201" spans="14:14">
      <c r="N349201" s="10"/>
    </row>
    <row r="349202" spans="14:14">
      <c r="N349202" s="10"/>
    </row>
    <row r="349203" spans="14:14">
      <c r="N349203" s="10"/>
    </row>
    <row r="349204" spans="14:14">
      <c r="N349204" s="10"/>
    </row>
    <row r="349205" spans="14:14">
      <c r="N349205" s="10"/>
    </row>
    <row r="349206" spans="14:14">
      <c r="N349206" s="10"/>
    </row>
    <row r="349207" spans="14:14">
      <c r="N349207" s="10"/>
    </row>
    <row r="349208" spans="14:14">
      <c r="N349208" s="10"/>
    </row>
    <row r="349209" spans="14:14">
      <c r="N349209" s="10"/>
    </row>
    <row r="349210" spans="14:14">
      <c r="N349210" s="10"/>
    </row>
    <row r="349211" spans="14:14">
      <c r="N349211" s="10"/>
    </row>
    <row r="349212" spans="14:14">
      <c r="N349212" s="10"/>
    </row>
    <row r="349213" spans="14:14">
      <c r="N349213" s="10"/>
    </row>
    <row r="349214" spans="14:14">
      <c r="N349214" s="10"/>
    </row>
    <row r="349215" spans="14:14">
      <c r="N349215" s="10"/>
    </row>
    <row r="349216" spans="14:14">
      <c r="N349216" s="10"/>
    </row>
    <row r="349217" spans="14:14">
      <c r="N349217" s="10"/>
    </row>
    <row r="349218" spans="14:14">
      <c r="N349218" s="10"/>
    </row>
    <row r="349219" spans="14:14">
      <c r="N349219" s="10"/>
    </row>
    <row r="349220" spans="14:14">
      <c r="N349220" s="10"/>
    </row>
    <row r="349221" spans="14:14">
      <c r="N349221" s="10"/>
    </row>
    <row r="349222" spans="14:14">
      <c r="N349222" s="10"/>
    </row>
    <row r="349223" spans="14:14">
      <c r="N349223" s="10"/>
    </row>
    <row r="349224" spans="14:14">
      <c r="N349224" s="10"/>
    </row>
    <row r="349225" spans="14:14">
      <c r="N349225" s="10"/>
    </row>
    <row r="349226" spans="14:14">
      <c r="N349226" s="10"/>
    </row>
    <row r="349227" spans="14:14">
      <c r="N349227" s="10"/>
    </row>
    <row r="349228" spans="14:14">
      <c r="N349228" s="10"/>
    </row>
    <row r="349229" spans="14:14">
      <c r="N349229" s="10"/>
    </row>
    <row r="349230" spans="14:14">
      <c r="N349230" s="10"/>
    </row>
    <row r="349231" spans="14:14">
      <c r="N349231" s="10"/>
    </row>
    <row r="349232" spans="14:14">
      <c r="N349232" s="10"/>
    </row>
    <row r="349233" spans="14:14">
      <c r="N349233" s="10"/>
    </row>
    <row r="349234" spans="14:14">
      <c r="N349234" s="10"/>
    </row>
    <row r="349235" spans="14:14">
      <c r="N349235" s="10"/>
    </row>
    <row r="349236" spans="14:14">
      <c r="N349236" s="10"/>
    </row>
    <row r="349237" spans="14:14">
      <c r="N349237" s="10"/>
    </row>
    <row r="349238" spans="14:14">
      <c r="N349238" s="10"/>
    </row>
    <row r="349239" spans="14:14">
      <c r="N349239" s="10"/>
    </row>
    <row r="349240" spans="14:14">
      <c r="N349240" s="10"/>
    </row>
    <row r="349241" spans="14:14">
      <c r="N349241" s="10"/>
    </row>
    <row r="349242" spans="14:14">
      <c r="N349242" s="10"/>
    </row>
    <row r="349243" spans="14:14">
      <c r="N349243" s="10"/>
    </row>
    <row r="349244" spans="14:14">
      <c r="N349244" s="10"/>
    </row>
    <row r="349245" spans="14:14">
      <c r="N349245" s="10"/>
    </row>
    <row r="349246" spans="14:14">
      <c r="N349246" s="10"/>
    </row>
    <row r="349247" spans="14:14">
      <c r="N349247" s="10"/>
    </row>
    <row r="349248" spans="14:14">
      <c r="N349248" s="10"/>
    </row>
    <row r="349249" spans="14:14">
      <c r="N349249" s="10"/>
    </row>
    <row r="349250" spans="14:14">
      <c r="N349250" s="10"/>
    </row>
    <row r="349251" spans="14:14">
      <c r="N349251" s="10"/>
    </row>
    <row r="349252" spans="14:14">
      <c r="N349252" s="10"/>
    </row>
    <row r="349253" spans="14:14">
      <c r="N349253" s="10"/>
    </row>
    <row r="349254" spans="14:14">
      <c r="N349254" s="10"/>
    </row>
    <row r="349255" spans="14:14">
      <c r="N349255" s="10"/>
    </row>
    <row r="349256" spans="14:14">
      <c r="N349256" s="10"/>
    </row>
    <row r="349257" spans="14:14">
      <c r="N349257" s="10"/>
    </row>
    <row r="349258" spans="14:14">
      <c r="N349258" s="10"/>
    </row>
    <row r="349259" spans="14:14">
      <c r="N349259" s="10"/>
    </row>
    <row r="349260" spans="14:14">
      <c r="N349260" s="10"/>
    </row>
    <row r="349261" spans="14:14">
      <c r="N349261" s="10"/>
    </row>
    <row r="349262" spans="14:14">
      <c r="N349262" s="10"/>
    </row>
    <row r="349263" spans="14:14">
      <c r="N349263" s="10"/>
    </row>
    <row r="349264" spans="14:14">
      <c r="N349264" s="10"/>
    </row>
    <row r="349265" spans="14:14">
      <c r="N349265" s="10"/>
    </row>
    <row r="349266" spans="14:14">
      <c r="N349266" s="10"/>
    </row>
    <row r="349267" spans="14:14">
      <c r="N349267" s="10"/>
    </row>
    <row r="349268" spans="14:14">
      <c r="N349268" s="10"/>
    </row>
    <row r="349269" spans="14:14">
      <c r="N349269" s="10"/>
    </row>
    <row r="349270" spans="14:14">
      <c r="N349270" s="10"/>
    </row>
    <row r="349271" spans="14:14">
      <c r="N349271" s="10"/>
    </row>
    <row r="349272" spans="14:14">
      <c r="N349272" s="10"/>
    </row>
    <row r="349273" spans="14:14">
      <c r="N349273" s="10"/>
    </row>
    <row r="349274" spans="14:14">
      <c r="N349274" s="10"/>
    </row>
    <row r="349275" spans="14:14">
      <c r="N349275" s="10"/>
    </row>
    <row r="349276" spans="14:14">
      <c r="N349276" s="10"/>
    </row>
    <row r="349277" spans="14:14">
      <c r="N349277" s="10"/>
    </row>
    <row r="349278" spans="14:14">
      <c r="N349278" s="10"/>
    </row>
    <row r="349279" spans="14:14">
      <c r="N349279" s="10"/>
    </row>
    <row r="349280" spans="14:14">
      <c r="N349280" s="10"/>
    </row>
    <row r="349281" spans="14:14">
      <c r="N349281" s="10"/>
    </row>
    <row r="349282" spans="14:14">
      <c r="N349282" s="10"/>
    </row>
    <row r="349283" spans="14:14">
      <c r="N349283" s="10"/>
    </row>
    <row r="349284" spans="14:14">
      <c r="N349284" s="10"/>
    </row>
    <row r="349285" spans="14:14">
      <c r="N349285" s="10"/>
    </row>
    <row r="349286" spans="14:14">
      <c r="N349286" s="10"/>
    </row>
    <row r="349287" spans="14:14">
      <c r="N349287" s="10"/>
    </row>
    <row r="349288" spans="14:14">
      <c r="N349288" s="10"/>
    </row>
    <row r="349289" spans="14:14">
      <c r="N349289" s="10"/>
    </row>
    <row r="349290" spans="14:14">
      <c r="N349290" s="10"/>
    </row>
    <row r="349291" spans="14:14">
      <c r="N349291" s="10"/>
    </row>
    <row r="349292" spans="14:14">
      <c r="N349292" s="10"/>
    </row>
    <row r="349293" spans="14:14">
      <c r="N349293" s="10"/>
    </row>
    <row r="349294" spans="14:14">
      <c r="N349294" s="10"/>
    </row>
    <row r="349295" spans="14:14">
      <c r="N349295" s="10"/>
    </row>
    <row r="349296" spans="14:14">
      <c r="N349296" s="10"/>
    </row>
    <row r="349297" spans="14:14">
      <c r="N349297" s="10"/>
    </row>
    <row r="349298" spans="14:14">
      <c r="N349298" s="10"/>
    </row>
    <row r="349299" spans="14:14">
      <c r="N349299" s="10"/>
    </row>
    <row r="349300" spans="14:14">
      <c r="N349300" s="10"/>
    </row>
    <row r="349301" spans="14:14">
      <c r="N349301" s="10"/>
    </row>
    <row r="349302" spans="14:14">
      <c r="N349302" s="10"/>
    </row>
    <row r="349303" spans="14:14">
      <c r="N349303" s="10"/>
    </row>
    <row r="349304" spans="14:14">
      <c r="N349304" s="10"/>
    </row>
    <row r="349305" spans="14:14">
      <c r="N349305" s="10"/>
    </row>
    <row r="349306" spans="14:14">
      <c r="N349306" s="10"/>
    </row>
    <row r="349307" spans="14:14">
      <c r="N349307" s="10"/>
    </row>
    <row r="349308" spans="14:14">
      <c r="N349308" s="10"/>
    </row>
    <row r="349309" spans="14:14">
      <c r="N349309" s="10"/>
    </row>
    <row r="349310" spans="14:14">
      <c r="N349310" s="10"/>
    </row>
    <row r="349311" spans="14:14">
      <c r="N349311" s="10"/>
    </row>
    <row r="349312" spans="14:14">
      <c r="N349312" s="10"/>
    </row>
    <row r="349313" spans="14:14">
      <c r="N349313" s="10"/>
    </row>
    <row r="349314" spans="14:14">
      <c r="N349314" s="10"/>
    </row>
    <row r="349315" spans="14:14">
      <c r="N349315" s="10"/>
    </row>
    <row r="349316" spans="14:14">
      <c r="N349316" s="10"/>
    </row>
    <row r="349317" spans="14:14">
      <c r="N349317" s="10"/>
    </row>
    <row r="349318" spans="14:14">
      <c r="N349318" s="10"/>
    </row>
    <row r="349319" spans="14:14">
      <c r="N349319" s="10"/>
    </row>
    <row r="349320" spans="14:14">
      <c r="N349320" s="10"/>
    </row>
    <row r="349321" spans="14:14">
      <c r="N349321" s="10"/>
    </row>
    <row r="349322" spans="14:14">
      <c r="N349322" s="10"/>
    </row>
    <row r="349323" spans="14:14">
      <c r="N349323" s="10"/>
    </row>
    <row r="349324" spans="14:14">
      <c r="N349324" s="10"/>
    </row>
    <row r="349325" spans="14:14">
      <c r="N349325" s="10"/>
    </row>
    <row r="349326" spans="14:14">
      <c r="N349326" s="10"/>
    </row>
    <row r="349327" spans="14:14">
      <c r="N349327" s="10"/>
    </row>
    <row r="349328" spans="14:14">
      <c r="N349328" s="10"/>
    </row>
    <row r="349329" spans="14:14">
      <c r="N349329" s="10"/>
    </row>
    <row r="349330" spans="14:14">
      <c r="N349330" s="10"/>
    </row>
    <row r="349331" spans="14:14">
      <c r="N349331" s="10"/>
    </row>
    <row r="349332" spans="14:14">
      <c r="N349332" s="10"/>
    </row>
    <row r="349333" spans="14:14">
      <c r="N349333" s="10"/>
    </row>
    <row r="349334" spans="14:14">
      <c r="N349334" s="10"/>
    </row>
    <row r="349335" spans="14:14">
      <c r="N349335" s="10"/>
    </row>
    <row r="349336" spans="14:14">
      <c r="N349336" s="10"/>
    </row>
    <row r="349337" spans="14:14">
      <c r="N349337" s="10"/>
    </row>
    <row r="349338" spans="14:14">
      <c r="N349338" s="10"/>
    </row>
    <row r="349339" spans="14:14">
      <c r="N349339" s="10"/>
    </row>
    <row r="349340" spans="14:14">
      <c r="N349340" s="10"/>
    </row>
    <row r="349341" spans="14:14">
      <c r="N349341" s="10"/>
    </row>
    <row r="349342" spans="14:14">
      <c r="N349342" s="10"/>
    </row>
    <row r="349343" spans="14:14">
      <c r="N349343" s="10"/>
    </row>
    <row r="349344" spans="14:14">
      <c r="N349344" s="10"/>
    </row>
    <row r="349345" spans="14:14">
      <c r="N349345" s="10"/>
    </row>
    <row r="349346" spans="14:14">
      <c r="N349346" s="10"/>
    </row>
    <row r="349347" spans="14:14">
      <c r="N349347" s="10"/>
    </row>
    <row r="349348" spans="14:14">
      <c r="N349348" s="10"/>
    </row>
    <row r="349349" spans="14:14">
      <c r="N349349" s="10"/>
    </row>
    <row r="349350" spans="14:14">
      <c r="N349350" s="10"/>
    </row>
    <row r="349351" spans="14:14">
      <c r="N349351" s="10"/>
    </row>
    <row r="349352" spans="14:14">
      <c r="N349352" s="10"/>
    </row>
    <row r="349353" spans="14:14">
      <c r="N349353" s="10"/>
    </row>
    <row r="349354" spans="14:14">
      <c r="N349354" s="10"/>
    </row>
    <row r="349355" spans="14:14">
      <c r="N349355" s="10"/>
    </row>
    <row r="349356" spans="14:14">
      <c r="N349356" s="10"/>
    </row>
    <row r="349357" spans="14:14">
      <c r="N349357" s="10"/>
    </row>
    <row r="349358" spans="14:14">
      <c r="N349358" s="10"/>
    </row>
    <row r="349359" spans="14:14">
      <c r="N349359" s="10"/>
    </row>
    <row r="349360" spans="14:14">
      <c r="N349360" s="10"/>
    </row>
    <row r="349361" spans="14:14">
      <c r="N349361" s="10"/>
    </row>
    <row r="349362" spans="14:14">
      <c r="N349362" s="10"/>
    </row>
    <row r="349363" spans="14:14">
      <c r="N349363" s="10"/>
    </row>
    <row r="349364" spans="14:14">
      <c r="N349364" s="10"/>
    </row>
    <row r="349365" spans="14:14">
      <c r="N349365" s="10"/>
    </row>
    <row r="349366" spans="14:14">
      <c r="N349366" s="10"/>
    </row>
    <row r="349367" spans="14:14">
      <c r="N349367" s="10"/>
    </row>
    <row r="349368" spans="14:14">
      <c r="N349368" s="10"/>
    </row>
    <row r="349369" spans="14:14">
      <c r="N349369" s="10"/>
    </row>
    <row r="349370" spans="14:14">
      <c r="N349370" s="10"/>
    </row>
    <row r="349371" spans="14:14">
      <c r="N349371" s="10"/>
    </row>
    <row r="349372" spans="14:14">
      <c r="N349372" s="10"/>
    </row>
    <row r="349373" spans="14:14">
      <c r="N349373" s="10"/>
    </row>
    <row r="349374" spans="14:14">
      <c r="N349374" s="10"/>
    </row>
    <row r="349375" spans="14:14">
      <c r="N349375" s="10"/>
    </row>
    <row r="349376" spans="14:14">
      <c r="N349376" s="10"/>
    </row>
    <row r="349377" spans="14:14">
      <c r="N349377" s="10"/>
    </row>
    <row r="349378" spans="14:14">
      <c r="N349378" s="10"/>
    </row>
    <row r="349379" spans="14:14">
      <c r="N349379" s="10"/>
    </row>
    <row r="349380" spans="14:14">
      <c r="N349380" s="10"/>
    </row>
    <row r="349381" spans="14:14">
      <c r="N349381" s="10"/>
    </row>
    <row r="349382" spans="14:14">
      <c r="N349382" s="10"/>
    </row>
    <row r="349383" spans="14:14">
      <c r="N349383" s="10"/>
    </row>
    <row r="349384" spans="14:14">
      <c r="N349384" s="10"/>
    </row>
    <row r="349385" spans="14:14">
      <c r="N349385" s="10"/>
    </row>
    <row r="349386" spans="14:14">
      <c r="N349386" s="10"/>
    </row>
    <row r="349387" spans="14:14">
      <c r="N349387" s="10"/>
    </row>
    <row r="349388" spans="14:14">
      <c r="N349388" s="10"/>
    </row>
    <row r="349389" spans="14:14">
      <c r="N349389" s="10"/>
    </row>
    <row r="349390" spans="14:14">
      <c r="N349390" s="10"/>
    </row>
    <row r="349391" spans="14:14">
      <c r="N349391" s="10"/>
    </row>
    <row r="349392" spans="14:14">
      <c r="N349392" s="10"/>
    </row>
    <row r="349393" spans="14:14">
      <c r="N349393" s="10"/>
    </row>
    <row r="349394" spans="14:14">
      <c r="N349394" s="10"/>
    </row>
    <row r="349395" spans="14:14">
      <c r="N349395" s="10"/>
    </row>
    <row r="349396" spans="14:14">
      <c r="N349396" s="10"/>
    </row>
    <row r="349397" spans="14:14">
      <c r="N349397" s="10"/>
    </row>
    <row r="349398" spans="14:14">
      <c r="N349398" s="10"/>
    </row>
    <row r="349399" spans="14:14">
      <c r="N349399" s="10"/>
    </row>
    <row r="349400" spans="14:14">
      <c r="N349400" s="10"/>
    </row>
    <row r="349401" spans="14:14">
      <c r="N349401" s="10"/>
    </row>
    <row r="349402" spans="14:14">
      <c r="N349402" s="10"/>
    </row>
    <row r="349403" spans="14:14">
      <c r="N349403" s="10"/>
    </row>
    <row r="349404" spans="14:14">
      <c r="N349404" s="10"/>
    </row>
    <row r="349405" spans="14:14">
      <c r="N349405" s="10"/>
    </row>
    <row r="349406" spans="14:14">
      <c r="N349406" s="10"/>
    </row>
    <row r="349407" spans="14:14">
      <c r="N349407" s="10"/>
    </row>
    <row r="349408" spans="14:14">
      <c r="N349408" s="10"/>
    </row>
    <row r="349409" spans="14:14">
      <c r="N349409" s="10"/>
    </row>
    <row r="349410" spans="14:14">
      <c r="N349410" s="10"/>
    </row>
    <row r="349411" spans="14:14">
      <c r="N349411" s="10"/>
    </row>
    <row r="349412" spans="14:14">
      <c r="N349412" s="10"/>
    </row>
    <row r="349413" spans="14:14">
      <c r="N349413" s="10"/>
    </row>
    <row r="349414" spans="14:14">
      <c r="N349414" s="10"/>
    </row>
    <row r="349415" spans="14:14">
      <c r="N349415" s="10"/>
    </row>
    <row r="349416" spans="14:14">
      <c r="N349416" s="10"/>
    </row>
    <row r="349417" spans="14:14">
      <c r="N349417" s="10"/>
    </row>
    <row r="349418" spans="14:14">
      <c r="N349418" s="10"/>
    </row>
    <row r="349419" spans="14:14">
      <c r="N349419" s="10"/>
    </row>
    <row r="349420" spans="14:14">
      <c r="N349420" s="10"/>
    </row>
    <row r="349421" spans="14:14">
      <c r="N349421" s="10"/>
    </row>
    <row r="349422" spans="14:14">
      <c r="N349422" s="10"/>
    </row>
    <row r="349423" spans="14:14">
      <c r="N349423" s="10"/>
    </row>
    <row r="349424" spans="14:14">
      <c r="N349424" s="10"/>
    </row>
    <row r="349425" spans="14:14">
      <c r="N349425" s="10"/>
    </row>
    <row r="349426" spans="14:14">
      <c r="N349426" s="10"/>
    </row>
    <row r="349427" spans="14:14">
      <c r="N349427" s="10"/>
    </row>
    <row r="349428" spans="14:14">
      <c r="N349428" s="10"/>
    </row>
    <row r="349429" spans="14:14">
      <c r="N349429" s="10"/>
    </row>
    <row r="349430" spans="14:14">
      <c r="N349430" s="10"/>
    </row>
    <row r="349431" spans="14:14">
      <c r="N349431" s="10"/>
    </row>
    <row r="349432" spans="14:14">
      <c r="N349432" s="10"/>
    </row>
    <row r="349433" spans="14:14">
      <c r="N349433" s="10"/>
    </row>
    <row r="349434" spans="14:14">
      <c r="N349434" s="10"/>
    </row>
    <row r="349435" spans="14:14">
      <c r="N349435" s="10"/>
    </row>
    <row r="349436" spans="14:14">
      <c r="N349436" s="10"/>
    </row>
    <row r="349437" spans="14:14">
      <c r="N349437" s="10"/>
    </row>
    <row r="349438" spans="14:14">
      <c r="N349438" s="10"/>
    </row>
    <row r="349439" spans="14:14">
      <c r="N349439" s="10"/>
    </row>
    <row r="349440" spans="14:14">
      <c r="N349440" s="10"/>
    </row>
    <row r="349441" spans="14:14">
      <c r="N349441" s="10"/>
    </row>
    <row r="349442" spans="14:14">
      <c r="N349442" s="10"/>
    </row>
    <row r="349443" spans="14:14">
      <c r="N349443" s="10"/>
    </row>
    <row r="349444" spans="14:14">
      <c r="N349444" s="10"/>
    </row>
    <row r="349445" spans="14:14">
      <c r="N349445" s="10"/>
    </row>
    <row r="349446" spans="14:14">
      <c r="N349446" s="10"/>
    </row>
    <row r="349447" spans="14:14">
      <c r="N349447" s="10"/>
    </row>
    <row r="349448" spans="14:14">
      <c r="N349448" s="10"/>
    </row>
    <row r="349449" spans="14:14">
      <c r="N349449" s="10"/>
    </row>
    <row r="349450" spans="14:14">
      <c r="N349450" s="10"/>
    </row>
    <row r="349451" spans="14:14">
      <c r="N349451" s="10"/>
    </row>
    <row r="349452" spans="14:14">
      <c r="N349452" s="10"/>
    </row>
    <row r="349453" spans="14:14">
      <c r="N349453" s="10"/>
    </row>
    <row r="349454" spans="14:14">
      <c r="N349454" s="10"/>
    </row>
    <row r="349455" spans="14:14">
      <c r="N349455" s="10"/>
    </row>
    <row r="349456" spans="14:14">
      <c r="N349456" s="10"/>
    </row>
    <row r="349457" spans="14:14">
      <c r="N349457" s="10"/>
    </row>
    <row r="349458" spans="14:14">
      <c r="N349458" s="10"/>
    </row>
    <row r="349459" spans="14:14">
      <c r="N349459" s="10"/>
    </row>
    <row r="349460" spans="14:14">
      <c r="N349460" s="10"/>
    </row>
    <row r="349461" spans="14:14">
      <c r="N349461" s="10"/>
    </row>
    <row r="349462" spans="14:14">
      <c r="N349462" s="10"/>
    </row>
    <row r="349463" spans="14:14">
      <c r="N349463" s="10"/>
    </row>
    <row r="349464" spans="14:14">
      <c r="N349464" s="10"/>
    </row>
    <row r="349465" spans="14:14">
      <c r="N349465" s="10"/>
    </row>
    <row r="349466" spans="14:14">
      <c r="N349466" s="10"/>
    </row>
    <row r="349467" spans="14:14">
      <c r="N349467" s="10"/>
    </row>
    <row r="349468" spans="14:14">
      <c r="N349468" s="10"/>
    </row>
    <row r="349469" spans="14:14">
      <c r="N349469" s="10"/>
    </row>
    <row r="349470" spans="14:14">
      <c r="N349470" s="10"/>
    </row>
    <row r="349471" spans="14:14">
      <c r="N349471" s="10"/>
    </row>
    <row r="349472" spans="14:14">
      <c r="N349472" s="10"/>
    </row>
    <row r="349473" spans="14:14">
      <c r="N349473" s="10"/>
    </row>
    <row r="349474" spans="14:14">
      <c r="N349474" s="10"/>
    </row>
    <row r="349475" spans="14:14">
      <c r="N349475" s="10"/>
    </row>
    <row r="349476" spans="14:14">
      <c r="N349476" s="10"/>
    </row>
    <row r="349477" spans="14:14">
      <c r="N349477" s="10"/>
    </row>
    <row r="349478" spans="14:14">
      <c r="N349478" s="10"/>
    </row>
    <row r="349479" spans="14:14">
      <c r="N349479" s="10"/>
    </row>
    <row r="349480" spans="14:14">
      <c r="N349480" s="10"/>
    </row>
    <row r="349481" spans="14:14">
      <c r="N349481" s="10"/>
    </row>
    <row r="349482" spans="14:14">
      <c r="N349482" s="10"/>
    </row>
    <row r="349483" spans="14:14">
      <c r="N349483" s="10"/>
    </row>
    <row r="349484" spans="14:14">
      <c r="N349484" s="10"/>
    </row>
    <row r="349485" spans="14:14">
      <c r="N349485" s="10"/>
    </row>
    <row r="349486" spans="14:14">
      <c r="N349486" s="10"/>
    </row>
    <row r="349487" spans="14:14">
      <c r="N349487" s="10"/>
    </row>
    <row r="349488" spans="14:14">
      <c r="N349488" s="10"/>
    </row>
    <row r="349489" spans="14:14">
      <c r="N349489" s="10"/>
    </row>
    <row r="349490" spans="14:14">
      <c r="N349490" s="10"/>
    </row>
    <row r="349491" spans="14:14">
      <c r="N349491" s="10"/>
    </row>
    <row r="349492" spans="14:14">
      <c r="N349492" s="10"/>
    </row>
    <row r="349493" spans="14:14">
      <c r="N349493" s="10"/>
    </row>
    <row r="349494" spans="14:14">
      <c r="N349494" s="10"/>
    </row>
    <row r="349495" spans="14:14">
      <c r="N349495" s="10"/>
    </row>
    <row r="349496" spans="14:14">
      <c r="N349496" s="10"/>
    </row>
    <row r="349497" spans="14:14">
      <c r="N349497" s="10"/>
    </row>
    <row r="349498" spans="14:14">
      <c r="N349498" s="10"/>
    </row>
    <row r="349499" spans="14:14">
      <c r="N349499" s="10"/>
    </row>
    <row r="349500" spans="14:14">
      <c r="N349500" s="10"/>
    </row>
    <row r="349501" spans="14:14">
      <c r="N349501" s="10"/>
    </row>
    <row r="349502" spans="14:14">
      <c r="N349502" s="10"/>
    </row>
    <row r="349503" spans="14:14">
      <c r="N349503" s="10"/>
    </row>
    <row r="349504" spans="14:14">
      <c r="N349504" s="10"/>
    </row>
    <row r="349505" spans="14:14">
      <c r="N349505" s="10"/>
    </row>
    <row r="349506" spans="14:14">
      <c r="N349506" s="10"/>
    </row>
    <row r="349507" spans="14:14">
      <c r="N349507" s="10"/>
    </row>
    <row r="349508" spans="14:14">
      <c r="N349508" s="10"/>
    </row>
    <row r="349509" spans="14:14">
      <c r="N349509" s="10"/>
    </row>
    <row r="349510" spans="14:14">
      <c r="N349510" s="10"/>
    </row>
    <row r="349511" spans="14:14">
      <c r="N349511" s="10"/>
    </row>
    <row r="349512" spans="14:14">
      <c r="N349512" s="10"/>
    </row>
    <row r="349513" spans="14:14">
      <c r="N349513" s="10"/>
    </row>
    <row r="349514" spans="14:14">
      <c r="N349514" s="10"/>
    </row>
    <row r="349515" spans="14:14">
      <c r="N349515" s="10"/>
    </row>
    <row r="349516" spans="14:14">
      <c r="N349516" s="10"/>
    </row>
    <row r="349517" spans="14:14">
      <c r="N349517" s="10"/>
    </row>
    <row r="349518" spans="14:14">
      <c r="N349518" s="10"/>
    </row>
    <row r="349519" spans="14:14">
      <c r="N349519" s="10"/>
    </row>
    <row r="349520" spans="14:14">
      <c r="N349520" s="10"/>
    </row>
    <row r="349521" spans="14:14">
      <c r="N349521" s="10"/>
    </row>
    <row r="349522" spans="14:14">
      <c r="N349522" s="10"/>
    </row>
    <row r="349523" spans="14:14">
      <c r="N349523" s="10"/>
    </row>
    <row r="349524" spans="14:14">
      <c r="N349524" s="10"/>
    </row>
    <row r="349525" spans="14:14">
      <c r="N349525" s="10"/>
    </row>
    <row r="349526" spans="14:14">
      <c r="N349526" s="10"/>
    </row>
    <row r="349527" spans="14:14">
      <c r="N349527" s="10"/>
    </row>
    <row r="349528" spans="14:14">
      <c r="N349528" s="10"/>
    </row>
    <row r="349529" spans="14:14">
      <c r="N349529" s="10"/>
    </row>
    <row r="349530" spans="14:14">
      <c r="N349530" s="10"/>
    </row>
    <row r="349531" spans="14:14">
      <c r="N349531" s="10"/>
    </row>
    <row r="349532" spans="14:14">
      <c r="N349532" s="10"/>
    </row>
    <row r="349533" spans="14:14">
      <c r="N349533" s="10"/>
    </row>
    <row r="349534" spans="14:14">
      <c r="N349534" s="10"/>
    </row>
    <row r="349535" spans="14:14">
      <c r="N349535" s="10"/>
    </row>
    <row r="349536" spans="14:14">
      <c r="N349536" s="10"/>
    </row>
    <row r="349537" spans="14:14">
      <c r="N349537" s="10"/>
    </row>
    <row r="349538" spans="14:14">
      <c r="N349538" s="10"/>
    </row>
    <row r="349539" spans="14:14">
      <c r="N349539" s="10"/>
    </row>
    <row r="349540" spans="14:14">
      <c r="N349540" s="10"/>
    </row>
    <row r="349541" spans="14:14">
      <c r="N349541" s="10"/>
    </row>
    <row r="349542" spans="14:14">
      <c r="N349542" s="10"/>
    </row>
    <row r="349543" spans="14:14">
      <c r="N349543" s="10"/>
    </row>
    <row r="349544" spans="14:14">
      <c r="N349544" s="10"/>
    </row>
    <row r="349545" spans="14:14">
      <c r="N349545" s="10"/>
    </row>
    <row r="349546" spans="14:14">
      <c r="N349546" s="10"/>
    </row>
    <row r="349547" spans="14:14">
      <c r="N349547" s="10"/>
    </row>
    <row r="349548" spans="14:14">
      <c r="N349548" s="10"/>
    </row>
    <row r="349549" spans="14:14">
      <c r="N349549" s="10"/>
    </row>
    <row r="349550" spans="14:14">
      <c r="N349550" s="10"/>
    </row>
    <row r="349551" spans="14:14">
      <c r="N349551" s="10"/>
    </row>
    <row r="349552" spans="14:14">
      <c r="N349552" s="10"/>
    </row>
    <row r="349553" spans="14:14">
      <c r="N349553" s="10"/>
    </row>
    <row r="349554" spans="14:14">
      <c r="N349554" s="10"/>
    </row>
    <row r="349555" spans="14:14">
      <c r="N349555" s="10"/>
    </row>
    <row r="349556" spans="14:14">
      <c r="N349556" s="10"/>
    </row>
    <row r="349557" spans="14:14">
      <c r="N349557" s="10"/>
    </row>
    <row r="349558" spans="14:14">
      <c r="N349558" s="10"/>
    </row>
    <row r="349559" spans="14:14">
      <c r="N349559" s="10"/>
    </row>
    <row r="349560" spans="14:14">
      <c r="N349560" s="10"/>
    </row>
    <row r="349561" spans="14:14">
      <c r="N349561" s="10"/>
    </row>
    <row r="349562" spans="14:14">
      <c r="N349562" s="10"/>
    </row>
    <row r="349563" spans="14:14">
      <c r="N349563" s="10"/>
    </row>
    <row r="349564" spans="14:14">
      <c r="N349564" s="10"/>
    </row>
    <row r="349565" spans="14:14">
      <c r="N349565" s="10"/>
    </row>
    <row r="349566" spans="14:14">
      <c r="N349566" s="10"/>
    </row>
    <row r="349567" spans="14:14">
      <c r="N349567" s="10"/>
    </row>
    <row r="349568" spans="14:14">
      <c r="N349568" s="10"/>
    </row>
    <row r="349569" spans="14:14">
      <c r="N349569" s="10"/>
    </row>
    <row r="349570" spans="14:14">
      <c r="N349570" s="10"/>
    </row>
    <row r="349571" spans="14:14">
      <c r="N349571" s="10"/>
    </row>
    <row r="349572" spans="14:14">
      <c r="N349572" s="10"/>
    </row>
    <row r="349573" spans="14:14">
      <c r="N349573" s="10"/>
    </row>
    <row r="349574" spans="14:14">
      <c r="N349574" s="10"/>
    </row>
    <row r="349575" spans="14:14">
      <c r="N349575" s="10"/>
    </row>
    <row r="349576" spans="14:14">
      <c r="N349576" s="10"/>
    </row>
    <row r="349577" spans="14:14">
      <c r="N349577" s="10"/>
    </row>
    <row r="349578" spans="14:14">
      <c r="N349578" s="10"/>
    </row>
    <row r="349579" spans="14:14">
      <c r="N349579" s="10"/>
    </row>
    <row r="349580" spans="14:14">
      <c r="N349580" s="10"/>
    </row>
    <row r="349581" spans="14:14">
      <c r="N349581" s="10"/>
    </row>
    <row r="349582" spans="14:14">
      <c r="N349582" s="10"/>
    </row>
    <row r="349583" spans="14:14">
      <c r="N349583" s="10"/>
    </row>
    <row r="349584" spans="14:14">
      <c r="N349584" s="10"/>
    </row>
    <row r="349585" spans="14:14">
      <c r="N349585" s="10"/>
    </row>
    <row r="349586" spans="14:14">
      <c r="N349586" s="10"/>
    </row>
    <row r="349587" spans="14:14">
      <c r="N349587" s="10"/>
    </row>
    <row r="349588" spans="14:14">
      <c r="N349588" s="10"/>
    </row>
    <row r="349589" spans="14:14">
      <c r="N349589" s="10"/>
    </row>
    <row r="349590" spans="14:14">
      <c r="N349590" s="10"/>
    </row>
    <row r="349591" spans="14:14">
      <c r="N349591" s="10"/>
    </row>
    <row r="349592" spans="14:14">
      <c r="N349592" s="10"/>
    </row>
    <row r="349593" spans="14:14">
      <c r="N349593" s="10"/>
    </row>
    <row r="349594" spans="14:14">
      <c r="N349594" s="10"/>
    </row>
    <row r="349595" spans="14:14">
      <c r="N349595" s="10"/>
    </row>
    <row r="349596" spans="14:14">
      <c r="N349596" s="10"/>
    </row>
    <row r="349597" spans="14:14">
      <c r="N349597" s="10"/>
    </row>
    <row r="349598" spans="14:14">
      <c r="N349598" s="10"/>
    </row>
    <row r="349599" spans="14:14">
      <c r="N349599" s="10"/>
    </row>
    <row r="349600" spans="14:14">
      <c r="N349600" s="10"/>
    </row>
    <row r="349601" spans="14:14">
      <c r="N349601" s="10"/>
    </row>
    <row r="349602" spans="14:14">
      <c r="N349602" s="10"/>
    </row>
    <row r="349603" spans="14:14">
      <c r="N349603" s="10"/>
    </row>
    <row r="349604" spans="14:14">
      <c r="N349604" s="10"/>
    </row>
    <row r="349605" spans="14:14">
      <c r="N349605" s="10"/>
    </row>
    <row r="349606" spans="14:14">
      <c r="N349606" s="10"/>
    </row>
    <row r="349607" spans="14:14">
      <c r="N349607" s="10"/>
    </row>
    <row r="349608" spans="14:14">
      <c r="N349608" s="10"/>
    </row>
    <row r="349609" spans="14:14">
      <c r="N349609" s="10"/>
    </row>
    <row r="349610" spans="14:14">
      <c r="N349610" s="10"/>
    </row>
    <row r="349611" spans="14:14">
      <c r="N349611" s="10"/>
    </row>
    <row r="349612" spans="14:14">
      <c r="N349612" s="10"/>
    </row>
    <row r="349613" spans="14:14">
      <c r="N349613" s="10"/>
    </row>
    <row r="349614" spans="14:14">
      <c r="N349614" s="10"/>
    </row>
    <row r="349615" spans="14:14">
      <c r="N349615" s="10"/>
    </row>
    <row r="349616" spans="14:14">
      <c r="N349616" s="10"/>
    </row>
    <row r="349617" spans="14:14">
      <c r="N349617" s="10"/>
    </row>
    <row r="349618" spans="14:14">
      <c r="N349618" s="10"/>
    </row>
    <row r="349619" spans="14:14">
      <c r="N349619" s="10"/>
    </row>
    <row r="349620" spans="14:14">
      <c r="N349620" s="10"/>
    </row>
    <row r="349621" spans="14:14">
      <c r="N349621" s="10"/>
    </row>
    <row r="349622" spans="14:14">
      <c r="N349622" s="10"/>
    </row>
    <row r="349623" spans="14:14">
      <c r="N349623" s="10"/>
    </row>
    <row r="349624" spans="14:14">
      <c r="N349624" s="10"/>
    </row>
    <row r="349625" spans="14:14">
      <c r="N349625" s="10"/>
    </row>
    <row r="349626" spans="14:14">
      <c r="N349626" s="10"/>
    </row>
    <row r="349627" spans="14:14">
      <c r="N349627" s="10"/>
    </row>
    <row r="349628" spans="14:14">
      <c r="N349628" s="10"/>
    </row>
    <row r="349629" spans="14:14">
      <c r="N349629" s="10"/>
    </row>
    <row r="349630" spans="14:14">
      <c r="N349630" s="10"/>
    </row>
    <row r="349631" spans="14:14">
      <c r="N349631" s="10"/>
    </row>
    <row r="349632" spans="14:14">
      <c r="N349632" s="10"/>
    </row>
    <row r="349633" spans="14:14">
      <c r="N349633" s="10"/>
    </row>
    <row r="349634" spans="14:14">
      <c r="N349634" s="10"/>
    </row>
    <row r="349635" spans="14:14">
      <c r="N349635" s="10"/>
    </row>
    <row r="349636" spans="14:14">
      <c r="N349636" s="10"/>
    </row>
    <row r="349637" spans="14:14">
      <c r="N349637" s="10"/>
    </row>
    <row r="349638" spans="14:14">
      <c r="N349638" s="10"/>
    </row>
    <row r="349639" spans="14:14">
      <c r="N349639" s="10"/>
    </row>
    <row r="349640" spans="14:14">
      <c r="N349640" s="10"/>
    </row>
    <row r="349641" spans="14:14">
      <c r="N349641" s="10"/>
    </row>
    <row r="349642" spans="14:14">
      <c r="N349642" s="10"/>
    </row>
    <row r="349643" spans="14:14">
      <c r="N349643" s="10"/>
    </row>
    <row r="349644" spans="14:14">
      <c r="N349644" s="10"/>
    </row>
    <row r="349645" spans="14:14">
      <c r="N349645" s="10"/>
    </row>
    <row r="349646" spans="14:14">
      <c r="N349646" s="10"/>
    </row>
    <row r="349647" spans="14:14">
      <c r="N349647" s="10"/>
    </row>
    <row r="349648" spans="14:14">
      <c r="N349648" s="10"/>
    </row>
    <row r="349649" spans="14:14">
      <c r="N349649" s="10"/>
    </row>
    <row r="349650" spans="14:14">
      <c r="N349650" s="10"/>
    </row>
    <row r="349651" spans="14:14">
      <c r="N349651" s="10"/>
    </row>
    <row r="349652" spans="14:14">
      <c r="N349652" s="10"/>
    </row>
    <row r="349653" spans="14:14">
      <c r="N349653" s="10"/>
    </row>
    <row r="349654" spans="14:14">
      <c r="N349654" s="10"/>
    </row>
    <row r="349655" spans="14:14">
      <c r="N349655" s="10"/>
    </row>
    <row r="349656" spans="14:14">
      <c r="N349656" s="10"/>
    </row>
    <row r="349657" spans="14:14">
      <c r="N349657" s="10"/>
    </row>
    <row r="349658" spans="14:14">
      <c r="N349658" s="10"/>
    </row>
    <row r="349659" spans="14:14">
      <c r="N349659" s="10"/>
    </row>
    <row r="349660" spans="14:14">
      <c r="N349660" s="10"/>
    </row>
    <row r="349661" spans="14:14">
      <c r="N349661" s="10"/>
    </row>
    <row r="349662" spans="14:14">
      <c r="N349662" s="10"/>
    </row>
    <row r="349663" spans="14:14">
      <c r="N349663" s="10"/>
    </row>
    <row r="349664" spans="14:14">
      <c r="N349664" s="10"/>
    </row>
    <row r="349665" spans="14:14">
      <c r="N349665" s="10"/>
    </row>
    <row r="349666" spans="14:14">
      <c r="N349666" s="10"/>
    </row>
    <row r="349667" spans="14:14">
      <c r="N349667" s="10"/>
    </row>
    <row r="349668" spans="14:14">
      <c r="N349668" s="10"/>
    </row>
    <row r="349669" spans="14:14">
      <c r="N349669" s="10"/>
    </row>
    <row r="349670" spans="14:14">
      <c r="N349670" s="10"/>
    </row>
    <row r="349671" spans="14:14">
      <c r="N349671" s="10"/>
    </row>
    <row r="349672" spans="14:14">
      <c r="N349672" s="10"/>
    </row>
    <row r="349673" spans="14:14">
      <c r="N349673" s="10"/>
    </row>
    <row r="349674" spans="14:14">
      <c r="N349674" s="10"/>
    </row>
    <row r="349675" spans="14:14">
      <c r="N349675" s="10"/>
    </row>
    <row r="349676" spans="14:14">
      <c r="N349676" s="10"/>
    </row>
    <row r="349677" spans="14:14">
      <c r="N349677" s="10"/>
    </row>
    <row r="349678" spans="14:14">
      <c r="N349678" s="10"/>
    </row>
    <row r="349679" spans="14:14">
      <c r="N349679" s="10"/>
    </row>
    <row r="349680" spans="14:14">
      <c r="N349680" s="10"/>
    </row>
    <row r="349681" spans="14:14">
      <c r="N349681" s="10"/>
    </row>
    <row r="349682" spans="14:14">
      <c r="N349682" s="10"/>
    </row>
    <row r="349683" spans="14:14">
      <c r="N349683" s="10"/>
    </row>
    <row r="349684" spans="14:14">
      <c r="N349684" s="10"/>
    </row>
    <row r="349685" spans="14:14">
      <c r="N349685" s="10"/>
    </row>
    <row r="349686" spans="14:14">
      <c r="N349686" s="10"/>
    </row>
    <row r="349687" spans="14:14">
      <c r="N349687" s="10"/>
    </row>
    <row r="349688" spans="14:14">
      <c r="N349688" s="10"/>
    </row>
    <row r="349689" spans="14:14">
      <c r="N349689" s="10"/>
    </row>
    <row r="349690" spans="14:14">
      <c r="N349690" s="10"/>
    </row>
    <row r="349691" spans="14:14">
      <c r="N349691" s="10"/>
    </row>
    <row r="349692" spans="14:14">
      <c r="N349692" s="10"/>
    </row>
    <row r="349693" spans="14:14">
      <c r="N349693" s="10"/>
    </row>
    <row r="349694" spans="14:14">
      <c r="N349694" s="10"/>
    </row>
    <row r="349695" spans="14:14">
      <c r="N349695" s="10"/>
    </row>
    <row r="349696" spans="14:14">
      <c r="N349696" s="10"/>
    </row>
    <row r="349697" spans="14:14">
      <c r="N349697" s="10"/>
    </row>
    <row r="349698" spans="14:14">
      <c r="N349698" s="10"/>
    </row>
    <row r="349699" spans="14:14">
      <c r="N349699" s="10"/>
    </row>
    <row r="349700" spans="14:14">
      <c r="N349700" s="10"/>
    </row>
    <row r="349701" spans="14:14">
      <c r="N349701" s="10"/>
    </row>
    <row r="349702" spans="14:14">
      <c r="N349702" s="10"/>
    </row>
    <row r="349703" spans="14:14">
      <c r="N349703" s="10"/>
    </row>
    <row r="349704" spans="14:14">
      <c r="N349704" s="10"/>
    </row>
    <row r="349705" spans="14:14">
      <c r="N349705" s="10"/>
    </row>
    <row r="349706" spans="14:14">
      <c r="N349706" s="10"/>
    </row>
    <row r="349707" spans="14:14">
      <c r="N349707" s="10"/>
    </row>
    <row r="349708" spans="14:14">
      <c r="N349708" s="10"/>
    </row>
    <row r="349709" spans="14:14">
      <c r="N349709" s="10"/>
    </row>
    <row r="349710" spans="14:14">
      <c r="N349710" s="10"/>
    </row>
    <row r="349711" spans="14:14">
      <c r="N349711" s="10"/>
    </row>
    <row r="349712" spans="14:14">
      <c r="N349712" s="10"/>
    </row>
    <row r="349713" spans="14:14">
      <c r="N349713" s="10"/>
    </row>
    <row r="349714" spans="14:14">
      <c r="N349714" s="10"/>
    </row>
    <row r="349715" spans="14:14">
      <c r="N349715" s="10"/>
    </row>
    <row r="349716" spans="14:14">
      <c r="N349716" s="10"/>
    </row>
    <row r="349717" spans="14:14">
      <c r="N349717" s="10"/>
    </row>
    <row r="349718" spans="14:14">
      <c r="N349718" s="10"/>
    </row>
    <row r="349719" spans="14:14">
      <c r="N349719" s="10"/>
    </row>
    <row r="349720" spans="14:14">
      <c r="N349720" s="10"/>
    </row>
    <row r="349721" spans="14:14">
      <c r="N349721" s="10"/>
    </row>
    <row r="349722" spans="14:14">
      <c r="N349722" s="10"/>
    </row>
    <row r="349723" spans="14:14">
      <c r="N349723" s="10"/>
    </row>
    <row r="349724" spans="14:14">
      <c r="N349724" s="10"/>
    </row>
    <row r="349725" spans="14:14">
      <c r="N349725" s="10"/>
    </row>
    <row r="349726" spans="14:14">
      <c r="N349726" s="10"/>
    </row>
    <row r="349727" spans="14:14">
      <c r="N349727" s="10"/>
    </row>
    <row r="349728" spans="14:14">
      <c r="N349728" s="10"/>
    </row>
    <row r="349729" spans="14:14">
      <c r="N349729" s="10"/>
    </row>
    <row r="349730" spans="14:14">
      <c r="N349730" s="10"/>
    </row>
    <row r="349731" spans="14:14">
      <c r="N349731" s="10"/>
    </row>
    <row r="349732" spans="14:14">
      <c r="N349732" s="10"/>
    </row>
    <row r="349733" spans="14:14">
      <c r="N349733" s="10"/>
    </row>
    <row r="349734" spans="14:14">
      <c r="N349734" s="10"/>
    </row>
    <row r="349735" spans="14:14">
      <c r="N349735" s="10"/>
    </row>
    <row r="349736" spans="14:14">
      <c r="N349736" s="10"/>
    </row>
    <row r="349737" spans="14:14">
      <c r="N349737" s="10"/>
    </row>
    <row r="349738" spans="14:14">
      <c r="N349738" s="10"/>
    </row>
    <row r="349739" spans="14:14">
      <c r="N349739" s="10"/>
    </row>
    <row r="349740" spans="14:14">
      <c r="N349740" s="10"/>
    </row>
    <row r="349741" spans="14:14">
      <c r="N349741" s="10"/>
    </row>
    <row r="349742" spans="14:14">
      <c r="N349742" s="10"/>
    </row>
    <row r="349743" spans="14:14">
      <c r="N349743" s="10"/>
    </row>
    <row r="349744" spans="14:14">
      <c r="N349744" s="10"/>
    </row>
    <row r="349745" spans="14:14">
      <c r="N349745" s="10"/>
    </row>
    <row r="349746" spans="14:14">
      <c r="N349746" s="10"/>
    </row>
    <row r="349747" spans="14:14">
      <c r="N349747" s="10"/>
    </row>
    <row r="349748" spans="14:14">
      <c r="N349748" s="10"/>
    </row>
    <row r="349749" spans="14:14">
      <c r="N349749" s="10"/>
    </row>
    <row r="349750" spans="14:14">
      <c r="N349750" s="10"/>
    </row>
    <row r="349751" spans="14:14">
      <c r="N349751" s="10"/>
    </row>
    <row r="349752" spans="14:14">
      <c r="N349752" s="10"/>
    </row>
    <row r="349753" spans="14:14">
      <c r="N349753" s="10"/>
    </row>
    <row r="349754" spans="14:14">
      <c r="N349754" s="10"/>
    </row>
    <row r="349755" spans="14:14">
      <c r="N349755" s="10"/>
    </row>
    <row r="349756" spans="14:14">
      <c r="N349756" s="10"/>
    </row>
    <row r="349757" spans="14:14">
      <c r="N349757" s="10"/>
    </row>
    <row r="349758" spans="14:14">
      <c r="N349758" s="10"/>
    </row>
    <row r="349759" spans="14:14">
      <c r="N349759" s="10"/>
    </row>
    <row r="349760" spans="14:14">
      <c r="N349760" s="10"/>
    </row>
    <row r="349761" spans="14:14">
      <c r="N349761" s="10"/>
    </row>
    <row r="349762" spans="14:14">
      <c r="N349762" s="10"/>
    </row>
    <row r="349763" spans="14:14">
      <c r="N349763" s="10"/>
    </row>
    <row r="349764" spans="14:14">
      <c r="N349764" s="10"/>
    </row>
    <row r="349765" spans="14:14">
      <c r="N349765" s="10"/>
    </row>
    <row r="349766" spans="14:14">
      <c r="N349766" s="10"/>
    </row>
    <row r="349767" spans="14:14">
      <c r="N349767" s="10"/>
    </row>
    <row r="349768" spans="14:14">
      <c r="N349768" s="10"/>
    </row>
    <row r="349769" spans="14:14">
      <c r="N349769" s="10"/>
    </row>
    <row r="349770" spans="14:14">
      <c r="N349770" s="10"/>
    </row>
    <row r="349771" spans="14:14">
      <c r="N349771" s="10"/>
    </row>
    <row r="349772" spans="14:14">
      <c r="N349772" s="10"/>
    </row>
    <row r="349773" spans="14:14">
      <c r="N349773" s="10"/>
    </row>
    <row r="349774" spans="14:14">
      <c r="N349774" s="10"/>
    </row>
    <row r="349775" spans="14:14">
      <c r="N349775" s="10"/>
    </row>
    <row r="349776" spans="14:14">
      <c r="N349776" s="10"/>
    </row>
    <row r="349777" spans="14:14">
      <c r="N349777" s="10"/>
    </row>
    <row r="349778" spans="14:14">
      <c r="N349778" s="10"/>
    </row>
    <row r="349779" spans="14:14">
      <c r="N349779" s="10"/>
    </row>
    <row r="349780" spans="14:14">
      <c r="N349780" s="10"/>
    </row>
    <row r="349781" spans="14:14">
      <c r="N349781" s="10"/>
    </row>
    <row r="349782" spans="14:14">
      <c r="N349782" s="10"/>
    </row>
    <row r="349783" spans="14:14">
      <c r="N349783" s="10"/>
    </row>
    <row r="349784" spans="14:14">
      <c r="N349784" s="10"/>
    </row>
    <row r="349785" spans="14:14">
      <c r="N349785" s="10"/>
    </row>
    <row r="349786" spans="14:14">
      <c r="N349786" s="10"/>
    </row>
    <row r="349787" spans="14:14">
      <c r="N349787" s="10"/>
    </row>
    <row r="349788" spans="14:14">
      <c r="N349788" s="10"/>
    </row>
    <row r="349789" spans="14:14">
      <c r="N349789" s="10"/>
    </row>
    <row r="349790" spans="14:14">
      <c r="N349790" s="10"/>
    </row>
    <row r="349791" spans="14:14">
      <c r="N349791" s="10"/>
    </row>
    <row r="349792" spans="14:14">
      <c r="N349792" s="10"/>
    </row>
    <row r="349793" spans="14:14">
      <c r="N349793" s="10"/>
    </row>
    <row r="349794" spans="14:14">
      <c r="N349794" s="10"/>
    </row>
    <row r="349795" spans="14:14">
      <c r="N349795" s="10"/>
    </row>
    <row r="349796" spans="14:14">
      <c r="N349796" s="10"/>
    </row>
    <row r="349797" spans="14:14">
      <c r="N349797" s="10"/>
    </row>
    <row r="349798" spans="14:14">
      <c r="N349798" s="10"/>
    </row>
    <row r="349799" spans="14:14">
      <c r="N349799" s="10"/>
    </row>
    <row r="349800" spans="14:14">
      <c r="N349800" s="10"/>
    </row>
    <row r="349801" spans="14:14">
      <c r="N349801" s="10"/>
    </row>
    <row r="349802" spans="14:14">
      <c r="N349802" s="10"/>
    </row>
    <row r="349803" spans="14:14">
      <c r="N349803" s="10"/>
    </row>
    <row r="349804" spans="14:14">
      <c r="N349804" s="10"/>
    </row>
    <row r="349805" spans="14:14">
      <c r="N349805" s="10"/>
    </row>
    <row r="349806" spans="14:14">
      <c r="N349806" s="10"/>
    </row>
    <row r="349807" spans="14:14">
      <c r="N349807" s="10"/>
    </row>
    <row r="349808" spans="14:14">
      <c r="N349808" s="10"/>
    </row>
    <row r="349809" spans="14:14">
      <c r="N349809" s="10"/>
    </row>
    <row r="349810" spans="14:14">
      <c r="N349810" s="10"/>
    </row>
    <row r="349811" spans="14:14">
      <c r="N349811" s="10"/>
    </row>
    <row r="349812" spans="14:14">
      <c r="N349812" s="10"/>
    </row>
    <row r="349813" spans="14:14">
      <c r="N349813" s="10"/>
    </row>
    <row r="349814" spans="14:14">
      <c r="N349814" s="10"/>
    </row>
    <row r="349815" spans="14:14">
      <c r="N349815" s="10"/>
    </row>
    <row r="349816" spans="14:14">
      <c r="N349816" s="10"/>
    </row>
    <row r="349817" spans="14:14">
      <c r="N349817" s="10"/>
    </row>
    <row r="349818" spans="14:14">
      <c r="N349818" s="10"/>
    </row>
    <row r="349819" spans="14:14">
      <c r="N349819" s="10"/>
    </row>
    <row r="349820" spans="14:14">
      <c r="N349820" s="10"/>
    </row>
    <row r="349821" spans="14:14">
      <c r="N349821" s="10"/>
    </row>
    <row r="349822" spans="14:14">
      <c r="N349822" s="10"/>
    </row>
    <row r="349823" spans="14:14">
      <c r="N349823" s="10"/>
    </row>
    <row r="349824" spans="14:14">
      <c r="N349824" s="10"/>
    </row>
    <row r="349825" spans="14:14">
      <c r="N349825" s="10"/>
    </row>
    <row r="349826" spans="14:14">
      <c r="N349826" s="10"/>
    </row>
    <row r="349827" spans="14:14">
      <c r="N349827" s="10"/>
    </row>
    <row r="349828" spans="14:14">
      <c r="N349828" s="10"/>
    </row>
    <row r="349829" spans="14:14">
      <c r="N349829" s="10"/>
    </row>
    <row r="349830" spans="14:14">
      <c r="N349830" s="10"/>
    </row>
    <row r="349831" spans="14:14">
      <c r="N349831" s="10"/>
    </row>
    <row r="349832" spans="14:14">
      <c r="N349832" s="10"/>
    </row>
    <row r="349833" spans="14:14">
      <c r="N349833" s="10"/>
    </row>
    <row r="349834" spans="14:14">
      <c r="N349834" s="10"/>
    </row>
    <row r="349835" spans="14:14">
      <c r="N349835" s="10"/>
    </row>
    <row r="349836" spans="14:14">
      <c r="N349836" s="10"/>
    </row>
    <row r="349837" spans="14:14">
      <c r="N349837" s="10"/>
    </row>
    <row r="349838" spans="14:14">
      <c r="N349838" s="10"/>
    </row>
    <row r="349839" spans="14:14">
      <c r="N349839" s="10"/>
    </row>
    <row r="349840" spans="14:14">
      <c r="N349840" s="10"/>
    </row>
    <row r="349841" spans="14:14">
      <c r="N349841" s="10"/>
    </row>
    <row r="349842" spans="14:14">
      <c r="N349842" s="10"/>
    </row>
    <row r="349843" spans="14:14">
      <c r="N349843" s="10"/>
    </row>
    <row r="349844" spans="14:14">
      <c r="N349844" s="10"/>
    </row>
    <row r="349845" spans="14:14">
      <c r="N349845" s="10"/>
    </row>
    <row r="349846" spans="14:14">
      <c r="N349846" s="10"/>
    </row>
    <row r="349847" spans="14:14">
      <c r="N349847" s="10"/>
    </row>
    <row r="349848" spans="14:14">
      <c r="N349848" s="10"/>
    </row>
    <row r="349849" spans="14:14">
      <c r="N349849" s="10"/>
    </row>
    <row r="349850" spans="14:14">
      <c r="N349850" s="10"/>
    </row>
    <row r="349851" spans="14:14">
      <c r="N349851" s="10"/>
    </row>
    <row r="349852" spans="14:14">
      <c r="N349852" s="10"/>
    </row>
    <row r="349853" spans="14:14">
      <c r="N349853" s="10"/>
    </row>
    <row r="349854" spans="14:14">
      <c r="N349854" s="10"/>
    </row>
    <row r="349855" spans="14:14">
      <c r="N349855" s="10"/>
    </row>
    <row r="349856" spans="14:14">
      <c r="N349856" s="10"/>
    </row>
    <row r="349857" spans="14:14">
      <c r="N349857" s="10"/>
    </row>
    <row r="349858" spans="14:14">
      <c r="N349858" s="10"/>
    </row>
    <row r="349859" spans="14:14">
      <c r="N349859" s="10"/>
    </row>
    <row r="349860" spans="14:14">
      <c r="N349860" s="10"/>
    </row>
    <row r="349861" spans="14:14">
      <c r="N349861" s="10"/>
    </row>
    <row r="349862" spans="14:14">
      <c r="N349862" s="10"/>
    </row>
    <row r="349863" spans="14:14">
      <c r="N349863" s="10"/>
    </row>
    <row r="349864" spans="14:14">
      <c r="N349864" s="10"/>
    </row>
    <row r="349865" spans="14:14">
      <c r="N349865" s="10"/>
    </row>
    <row r="349866" spans="14:14">
      <c r="N349866" s="10"/>
    </row>
    <row r="349867" spans="14:14">
      <c r="N349867" s="10"/>
    </row>
    <row r="349868" spans="14:14">
      <c r="N349868" s="10"/>
    </row>
    <row r="349869" spans="14:14">
      <c r="N349869" s="10"/>
    </row>
    <row r="349870" spans="14:14">
      <c r="N349870" s="10"/>
    </row>
    <row r="349871" spans="14:14">
      <c r="N349871" s="10"/>
    </row>
    <row r="349872" spans="14:14">
      <c r="N349872" s="10"/>
    </row>
    <row r="349873" spans="14:14">
      <c r="N349873" s="10"/>
    </row>
    <row r="349874" spans="14:14">
      <c r="N349874" s="10"/>
    </row>
    <row r="349875" spans="14:14">
      <c r="N349875" s="10"/>
    </row>
    <row r="349876" spans="14:14">
      <c r="N349876" s="10"/>
    </row>
    <row r="349877" spans="14:14">
      <c r="N349877" s="10"/>
    </row>
    <row r="349878" spans="14:14">
      <c r="N349878" s="10"/>
    </row>
    <row r="349879" spans="14:14">
      <c r="N349879" s="10"/>
    </row>
    <row r="349880" spans="14:14">
      <c r="N349880" s="10"/>
    </row>
    <row r="349881" spans="14:14">
      <c r="N349881" s="10"/>
    </row>
    <row r="349882" spans="14:14">
      <c r="N349882" s="10"/>
    </row>
    <row r="349883" spans="14:14">
      <c r="N349883" s="10"/>
    </row>
    <row r="349884" spans="14:14">
      <c r="N349884" s="10"/>
    </row>
    <row r="349885" spans="14:14">
      <c r="N349885" s="10"/>
    </row>
    <row r="349886" spans="14:14">
      <c r="N349886" s="10"/>
    </row>
    <row r="349887" spans="14:14">
      <c r="N349887" s="10"/>
    </row>
    <row r="349888" spans="14:14">
      <c r="N349888" s="10"/>
    </row>
    <row r="349889" spans="14:14">
      <c r="N349889" s="10"/>
    </row>
    <row r="349890" spans="14:14">
      <c r="N349890" s="10"/>
    </row>
    <row r="349891" spans="14:14">
      <c r="N349891" s="10"/>
    </row>
    <row r="349892" spans="14:14">
      <c r="N349892" s="10"/>
    </row>
    <row r="349893" spans="14:14">
      <c r="N349893" s="10"/>
    </row>
    <row r="349894" spans="14:14">
      <c r="N349894" s="10"/>
    </row>
    <row r="349895" spans="14:14">
      <c r="N349895" s="10"/>
    </row>
    <row r="349896" spans="14:14">
      <c r="N349896" s="10"/>
    </row>
    <row r="349897" spans="14:14">
      <c r="N349897" s="10"/>
    </row>
    <row r="349898" spans="14:14">
      <c r="N349898" s="10"/>
    </row>
    <row r="349899" spans="14:14">
      <c r="N349899" s="10"/>
    </row>
    <row r="349900" spans="14:14">
      <c r="N349900" s="10"/>
    </row>
    <row r="349901" spans="14:14">
      <c r="N349901" s="10"/>
    </row>
    <row r="349902" spans="14:14">
      <c r="N349902" s="10"/>
    </row>
    <row r="349903" spans="14:14">
      <c r="N349903" s="10"/>
    </row>
    <row r="349904" spans="14:14">
      <c r="N349904" s="10"/>
    </row>
    <row r="349905" spans="14:14">
      <c r="N349905" s="10"/>
    </row>
    <row r="349906" spans="14:14">
      <c r="N349906" s="10"/>
    </row>
    <row r="349907" spans="14:14">
      <c r="N349907" s="10"/>
    </row>
    <row r="349908" spans="14:14">
      <c r="N349908" s="10"/>
    </row>
    <row r="349909" spans="14:14">
      <c r="N349909" s="10"/>
    </row>
    <row r="349910" spans="14:14">
      <c r="N349910" s="10"/>
    </row>
    <row r="349911" spans="14:14">
      <c r="N349911" s="10"/>
    </row>
    <row r="349912" spans="14:14">
      <c r="N349912" s="10"/>
    </row>
    <row r="349913" spans="14:14">
      <c r="N349913" s="10"/>
    </row>
    <row r="349914" spans="14:14">
      <c r="N349914" s="10"/>
    </row>
    <row r="349915" spans="14:14">
      <c r="N349915" s="10"/>
    </row>
    <row r="349916" spans="14:14">
      <c r="N349916" s="10"/>
    </row>
    <row r="349917" spans="14:14">
      <c r="N349917" s="10"/>
    </row>
    <row r="349918" spans="14:14">
      <c r="N349918" s="10"/>
    </row>
    <row r="349919" spans="14:14">
      <c r="N349919" s="10"/>
    </row>
    <row r="349920" spans="14:14">
      <c r="N349920" s="10"/>
    </row>
    <row r="349921" spans="14:14">
      <c r="N349921" s="10"/>
    </row>
    <row r="349922" spans="14:14">
      <c r="N349922" s="10"/>
    </row>
    <row r="349923" spans="14:14">
      <c r="N349923" s="10"/>
    </row>
    <row r="349924" spans="14:14">
      <c r="N349924" s="10"/>
    </row>
    <row r="349925" spans="14:14">
      <c r="N349925" s="10"/>
    </row>
    <row r="349926" spans="14:14">
      <c r="N349926" s="10"/>
    </row>
    <row r="349927" spans="14:14">
      <c r="N349927" s="10"/>
    </row>
    <row r="349928" spans="14:14">
      <c r="N349928" s="10"/>
    </row>
    <row r="349929" spans="14:14">
      <c r="N349929" s="10"/>
    </row>
    <row r="349930" spans="14:14">
      <c r="N349930" s="10"/>
    </row>
    <row r="349931" spans="14:14">
      <c r="N349931" s="10"/>
    </row>
    <row r="349932" spans="14:14">
      <c r="N349932" s="10"/>
    </row>
    <row r="349933" spans="14:14">
      <c r="N349933" s="10"/>
    </row>
    <row r="349934" spans="14:14">
      <c r="N349934" s="10"/>
    </row>
    <row r="349935" spans="14:14">
      <c r="N349935" s="10"/>
    </row>
    <row r="349936" spans="14:14">
      <c r="N349936" s="10"/>
    </row>
    <row r="349937" spans="14:14">
      <c r="N349937" s="10"/>
    </row>
    <row r="349938" spans="14:14">
      <c r="N349938" s="10"/>
    </row>
    <row r="349939" spans="14:14">
      <c r="N349939" s="10"/>
    </row>
    <row r="349940" spans="14:14">
      <c r="N349940" s="10"/>
    </row>
    <row r="349941" spans="14:14">
      <c r="N349941" s="10"/>
    </row>
    <row r="349942" spans="14:14">
      <c r="N349942" s="10"/>
    </row>
    <row r="349943" spans="14:14">
      <c r="N349943" s="10"/>
    </row>
    <row r="349944" spans="14:14">
      <c r="N349944" s="10"/>
    </row>
    <row r="349945" spans="14:14">
      <c r="N349945" s="10"/>
    </row>
    <row r="349946" spans="14:14">
      <c r="N349946" s="10"/>
    </row>
    <row r="349947" spans="14:14">
      <c r="N349947" s="10"/>
    </row>
    <row r="349948" spans="14:14">
      <c r="N349948" s="10"/>
    </row>
    <row r="349949" spans="14:14">
      <c r="N349949" s="10"/>
    </row>
    <row r="349950" spans="14:14">
      <c r="N349950" s="10"/>
    </row>
    <row r="349951" spans="14:14">
      <c r="N349951" s="10"/>
    </row>
    <row r="349952" spans="14:14">
      <c r="N349952" s="10"/>
    </row>
    <row r="349953" spans="14:14">
      <c r="N349953" s="10"/>
    </row>
    <row r="349954" spans="14:14">
      <c r="N349954" s="10"/>
    </row>
    <row r="349955" spans="14:14">
      <c r="N349955" s="10"/>
    </row>
    <row r="349956" spans="14:14">
      <c r="N349956" s="10"/>
    </row>
    <row r="349957" spans="14:14">
      <c r="N349957" s="10"/>
    </row>
    <row r="349958" spans="14:14">
      <c r="N349958" s="10"/>
    </row>
    <row r="349959" spans="14:14">
      <c r="N349959" s="10"/>
    </row>
    <row r="349960" spans="14:14">
      <c r="N349960" s="10"/>
    </row>
    <row r="349961" spans="14:14">
      <c r="N349961" s="10"/>
    </row>
    <row r="349962" spans="14:14">
      <c r="N349962" s="10"/>
    </row>
    <row r="349963" spans="14:14">
      <c r="N349963" s="10"/>
    </row>
    <row r="349964" spans="14:14">
      <c r="N349964" s="10"/>
    </row>
    <row r="349965" spans="14:14">
      <c r="N349965" s="10"/>
    </row>
    <row r="349966" spans="14:14">
      <c r="N349966" s="10"/>
    </row>
    <row r="349967" spans="14:14">
      <c r="N349967" s="10"/>
    </row>
    <row r="349968" spans="14:14">
      <c r="N349968" s="10"/>
    </row>
    <row r="349969" spans="14:14">
      <c r="N349969" s="10"/>
    </row>
    <row r="349970" spans="14:14">
      <c r="N349970" s="10"/>
    </row>
    <row r="349971" spans="14:14">
      <c r="N349971" s="10"/>
    </row>
    <row r="349972" spans="14:14">
      <c r="N349972" s="10"/>
    </row>
    <row r="349973" spans="14:14">
      <c r="N349973" s="10"/>
    </row>
    <row r="349974" spans="14:14">
      <c r="N349974" s="10"/>
    </row>
    <row r="349975" spans="14:14">
      <c r="N349975" s="10"/>
    </row>
    <row r="349976" spans="14:14">
      <c r="N349976" s="10"/>
    </row>
    <row r="349977" spans="14:14">
      <c r="N349977" s="10"/>
    </row>
    <row r="349978" spans="14:14">
      <c r="N349978" s="10"/>
    </row>
    <row r="349979" spans="14:14">
      <c r="N349979" s="10"/>
    </row>
    <row r="349980" spans="14:14">
      <c r="N349980" s="10"/>
    </row>
    <row r="349981" spans="14:14">
      <c r="N349981" s="10"/>
    </row>
    <row r="349982" spans="14:14">
      <c r="N349982" s="10"/>
    </row>
    <row r="349983" spans="14:14">
      <c r="N349983" s="10"/>
    </row>
    <row r="349984" spans="14:14">
      <c r="N349984" s="10"/>
    </row>
    <row r="349985" spans="14:14">
      <c r="N349985" s="10"/>
    </row>
    <row r="349986" spans="14:14">
      <c r="N349986" s="10"/>
    </row>
    <row r="349987" spans="14:14">
      <c r="N349987" s="10"/>
    </row>
    <row r="349988" spans="14:14">
      <c r="N349988" s="10"/>
    </row>
    <row r="349989" spans="14:14">
      <c r="N349989" s="10"/>
    </row>
    <row r="349990" spans="14:14">
      <c r="N349990" s="10"/>
    </row>
    <row r="349991" spans="14:14">
      <c r="N349991" s="10"/>
    </row>
    <row r="349992" spans="14:14">
      <c r="N349992" s="10"/>
    </row>
    <row r="349993" spans="14:14">
      <c r="N349993" s="10"/>
    </row>
    <row r="349994" spans="14:14">
      <c r="N349994" s="10"/>
    </row>
    <row r="349995" spans="14:14">
      <c r="N349995" s="10"/>
    </row>
    <row r="349996" spans="14:14">
      <c r="N349996" s="10"/>
    </row>
    <row r="349997" spans="14:14">
      <c r="N349997" s="10"/>
    </row>
    <row r="349998" spans="14:14">
      <c r="N349998" s="10"/>
    </row>
    <row r="349999" spans="14:14">
      <c r="N349999" s="10"/>
    </row>
    <row r="350000" spans="14:14">
      <c r="N350000" s="10"/>
    </row>
    <row r="350001" spans="14:14">
      <c r="N350001" s="10"/>
    </row>
    <row r="350002" spans="14:14">
      <c r="N350002" s="10"/>
    </row>
    <row r="350003" spans="14:14">
      <c r="N350003" s="10"/>
    </row>
    <row r="350004" spans="14:14">
      <c r="N350004" s="10"/>
    </row>
    <row r="350005" spans="14:14">
      <c r="N350005" s="10"/>
    </row>
    <row r="350006" spans="14:14">
      <c r="N350006" s="10"/>
    </row>
    <row r="350007" spans="14:14">
      <c r="N350007" s="10"/>
    </row>
    <row r="350008" spans="14:14">
      <c r="N350008" s="10"/>
    </row>
    <row r="350009" spans="14:14">
      <c r="N350009" s="10"/>
    </row>
    <row r="350010" spans="14:14">
      <c r="N350010" s="10"/>
    </row>
    <row r="350011" spans="14:14">
      <c r="N350011" s="10"/>
    </row>
    <row r="350012" spans="14:14">
      <c r="N350012" s="10"/>
    </row>
    <row r="350013" spans="14:14">
      <c r="N350013" s="10"/>
    </row>
    <row r="350014" spans="14:14">
      <c r="N350014" s="10"/>
    </row>
    <row r="350015" spans="14:14">
      <c r="N350015" s="10"/>
    </row>
    <row r="350016" spans="14:14">
      <c r="N350016" s="10"/>
    </row>
    <row r="350017" spans="14:14">
      <c r="N350017" s="10"/>
    </row>
    <row r="350018" spans="14:14">
      <c r="N350018" s="10"/>
    </row>
    <row r="350019" spans="14:14">
      <c r="N350019" s="10"/>
    </row>
    <row r="350020" spans="14:14">
      <c r="N350020" s="10"/>
    </row>
    <row r="350021" spans="14:14">
      <c r="N350021" s="10"/>
    </row>
    <row r="350022" spans="14:14">
      <c r="N350022" s="10"/>
    </row>
    <row r="350023" spans="14:14">
      <c r="N350023" s="10"/>
    </row>
    <row r="350024" spans="14:14">
      <c r="N350024" s="10"/>
    </row>
    <row r="350025" spans="14:14">
      <c r="N350025" s="10"/>
    </row>
    <row r="350026" spans="14:14">
      <c r="N350026" s="10"/>
    </row>
    <row r="350027" spans="14:14">
      <c r="N350027" s="10"/>
    </row>
    <row r="350028" spans="14:14">
      <c r="N350028" s="10"/>
    </row>
    <row r="350029" spans="14:14">
      <c r="N350029" s="10"/>
    </row>
    <row r="350030" spans="14:14">
      <c r="N350030" s="10"/>
    </row>
    <row r="350031" spans="14:14">
      <c r="N350031" s="10"/>
    </row>
    <row r="350032" spans="14:14">
      <c r="N350032" s="10"/>
    </row>
    <row r="350033" spans="14:14">
      <c r="N350033" s="10"/>
    </row>
    <row r="350034" spans="14:14">
      <c r="N350034" s="10"/>
    </row>
    <row r="350035" spans="14:14">
      <c r="N350035" s="10"/>
    </row>
    <row r="350036" spans="14:14">
      <c r="N350036" s="10"/>
    </row>
    <row r="350037" spans="14:14">
      <c r="N350037" s="10"/>
    </row>
    <row r="350038" spans="14:14">
      <c r="N350038" s="10"/>
    </row>
    <row r="350039" spans="14:14">
      <c r="N350039" s="10"/>
    </row>
    <row r="350040" spans="14:14">
      <c r="N350040" s="10"/>
    </row>
    <row r="350041" spans="14:14">
      <c r="N350041" s="10"/>
    </row>
    <row r="350042" spans="14:14">
      <c r="N350042" s="10"/>
    </row>
    <row r="350043" spans="14:14">
      <c r="N350043" s="10"/>
    </row>
    <row r="350044" spans="14:14">
      <c r="N350044" s="10"/>
    </row>
    <row r="350045" spans="14:14">
      <c r="N350045" s="10"/>
    </row>
    <row r="350046" spans="14:14">
      <c r="N350046" s="10"/>
    </row>
    <row r="350047" spans="14:14">
      <c r="N350047" s="10"/>
    </row>
    <row r="350048" spans="14:14">
      <c r="N350048" s="10"/>
    </row>
    <row r="350049" spans="14:14">
      <c r="N350049" s="10"/>
    </row>
    <row r="350050" spans="14:14">
      <c r="N350050" s="10"/>
    </row>
    <row r="350051" spans="14:14">
      <c r="N350051" s="10"/>
    </row>
    <row r="350052" spans="14:14">
      <c r="N350052" s="10"/>
    </row>
    <row r="350053" spans="14:14">
      <c r="N350053" s="10"/>
    </row>
    <row r="350054" spans="14:14">
      <c r="N350054" s="10"/>
    </row>
    <row r="350055" spans="14:14">
      <c r="N350055" s="10"/>
    </row>
    <row r="350056" spans="14:14">
      <c r="N350056" s="10"/>
    </row>
    <row r="350057" spans="14:14">
      <c r="N350057" s="10"/>
    </row>
    <row r="350058" spans="14:14">
      <c r="N350058" s="10"/>
    </row>
    <row r="350059" spans="14:14">
      <c r="N350059" s="10"/>
    </row>
    <row r="350060" spans="14:14">
      <c r="N350060" s="10"/>
    </row>
    <row r="350061" spans="14:14">
      <c r="N350061" s="10"/>
    </row>
    <row r="350062" spans="14:14">
      <c r="N350062" s="10"/>
    </row>
    <row r="350063" spans="14:14">
      <c r="N350063" s="10"/>
    </row>
    <row r="350064" spans="14:14">
      <c r="N350064" s="10"/>
    </row>
    <row r="350065" spans="14:14">
      <c r="N350065" s="10"/>
    </row>
    <row r="350066" spans="14:14">
      <c r="N350066" s="10"/>
    </row>
    <row r="350067" spans="14:14">
      <c r="N350067" s="10"/>
    </row>
    <row r="350068" spans="14:14">
      <c r="N350068" s="10"/>
    </row>
    <row r="350069" spans="14:14">
      <c r="N350069" s="10"/>
    </row>
    <row r="350070" spans="14:14">
      <c r="N350070" s="10"/>
    </row>
    <row r="350071" spans="14:14">
      <c r="N350071" s="10"/>
    </row>
    <row r="350072" spans="14:14">
      <c r="N350072" s="10"/>
    </row>
    <row r="350073" spans="14:14">
      <c r="N350073" s="10"/>
    </row>
    <row r="350074" spans="14:14">
      <c r="N350074" s="10"/>
    </row>
    <row r="350075" spans="14:14">
      <c r="N350075" s="10"/>
    </row>
    <row r="350076" spans="14:14">
      <c r="N350076" s="10"/>
    </row>
    <row r="350077" spans="14:14">
      <c r="N350077" s="10"/>
    </row>
    <row r="350078" spans="14:14">
      <c r="N350078" s="10"/>
    </row>
    <row r="350079" spans="14:14">
      <c r="N350079" s="10"/>
    </row>
    <row r="350080" spans="14:14">
      <c r="N350080" s="10"/>
    </row>
    <row r="350081" spans="14:14">
      <c r="N350081" s="10"/>
    </row>
    <row r="350082" spans="14:14">
      <c r="N350082" s="10"/>
    </row>
    <row r="350083" spans="14:14">
      <c r="N350083" s="10"/>
    </row>
    <row r="350084" spans="14:14">
      <c r="N350084" s="10"/>
    </row>
    <row r="350085" spans="14:14">
      <c r="N350085" s="10"/>
    </row>
    <row r="350086" spans="14:14">
      <c r="N350086" s="10"/>
    </row>
    <row r="350087" spans="14:14">
      <c r="N350087" s="10"/>
    </row>
    <row r="350088" spans="14:14">
      <c r="N350088" s="10"/>
    </row>
    <row r="350089" spans="14:14">
      <c r="N350089" s="10"/>
    </row>
    <row r="350090" spans="14:14">
      <c r="N350090" s="10"/>
    </row>
    <row r="350091" spans="14:14">
      <c r="N350091" s="10"/>
    </row>
    <row r="350092" spans="14:14">
      <c r="N350092" s="10"/>
    </row>
    <row r="350093" spans="14:14">
      <c r="N350093" s="10"/>
    </row>
    <row r="350094" spans="14:14">
      <c r="N350094" s="10"/>
    </row>
    <row r="350095" spans="14:14">
      <c r="N350095" s="10"/>
    </row>
    <row r="350096" spans="14:14">
      <c r="N350096" s="10"/>
    </row>
    <row r="350097" spans="14:14">
      <c r="N350097" s="10"/>
    </row>
    <row r="350098" spans="14:14">
      <c r="N350098" s="10"/>
    </row>
    <row r="350099" spans="14:14">
      <c r="N350099" s="10"/>
    </row>
    <row r="350100" spans="14:14">
      <c r="N350100" s="10"/>
    </row>
    <row r="350101" spans="14:14">
      <c r="N350101" s="10"/>
    </row>
    <row r="350102" spans="14:14">
      <c r="N350102" s="10"/>
    </row>
    <row r="350103" spans="14:14">
      <c r="N350103" s="10"/>
    </row>
    <row r="350104" spans="14:14">
      <c r="N350104" s="10"/>
    </row>
    <row r="350105" spans="14:14">
      <c r="N350105" s="10"/>
    </row>
    <row r="350106" spans="14:14">
      <c r="N350106" s="10"/>
    </row>
    <row r="350107" spans="14:14">
      <c r="N350107" s="10"/>
    </row>
    <row r="350108" spans="14:14">
      <c r="N350108" s="10"/>
    </row>
    <row r="350109" spans="14:14">
      <c r="N350109" s="10"/>
    </row>
    <row r="350110" spans="14:14">
      <c r="N350110" s="10"/>
    </row>
    <row r="350111" spans="14:14">
      <c r="N350111" s="10"/>
    </row>
    <row r="350112" spans="14:14">
      <c r="N350112" s="10"/>
    </row>
    <row r="350113" spans="14:14">
      <c r="N350113" s="10"/>
    </row>
    <row r="350114" spans="14:14">
      <c r="N350114" s="10"/>
    </row>
    <row r="350115" spans="14:14">
      <c r="N350115" s="10"/>
    </row>
    <row r="350116" spans="14:14">
      <c r="N350116" s="10"/>
    </row>
    <row r="350117" spans="14:14">
      <c r="N350117" s="10"/>
    </row>
    <row r="350118" spans="14:14">
      <c r="N350118" s="10"/>
    </row>
    <row r="350119" spans="14:14">
      <c r="N350119" s="10"/>
    </row>
    <row r="350120" spans="14:14">
      <c r="N350120" s="10"/>
    </row>
    <row r="350121" spans="14:14">
      <c r="N350121" s="10"/>
    </row>
    <row r="350122" spans="14:14">
      <c r="N350122" s="10"/>
    </row>
    <row r="350123" spans="14:14">
      <c r="N350123" s="10"/>
    </row>
    <row r="350124" spans="14:14">
      <c r="N350124" s="10"/>
    </row>
    <row r="350125" spans="14:14">
      <c r="N350125" s="10"/>
    </row>
    <row r="350126" spans="14:14">
      <c r="N350126" s="10"/>
    </row>
    <row r="350127" spans="14:14">
      <c r="N350127" s="10"/>
    </row>
    <row r="350128" spans="14:14">
      <c r="N350128" s="10"/>
    </row>
    <row r="350129" spans="14:14">
      <c r="N350129" s="10"/>
    </row>
    <row r="350130" spans="14:14">
      <c r="N350130" s="10"/>
    </row>
    <row r="350131" spans="14:14">
      <c r="N350131" s="10"/>
    </row>
    <row r="350132" spans="14:14">
      <c r="N350132" s="10"/>
    </row>
    <row r="350133" spans="14:14">
      <c r="N350133" s="10"/>
    </row>
    <row r="350134" spans="14:14">
      <c r="N350134" s="10"/>
    </row>
    <row r="350135" spans="14:14">
      <c r="N350135" s="10"/>
    </row>
    <row r="350136" spans="14:14">
      <c r="N350136" s="10"/>
    </row>
    <row r="350137" spans="14:14">
      <c r="N350137" s="10"/>
    </row>
    <row r="350138" spans="14:14">
      <c r="N350138" s="10"/>
    </row>
    <row r="350139" spans="14:14">
      <c r="N350139" s="10"/>
    </row>
    <row r="350140" spans="14:14">
      <c r="N350140" s="10"/>
    </row>
    <row r="350141" spans="14:14">
      <c r="N350141" s="10"/>
    </row>
    <row r="350142" spans="14:14">
      <c r="N350142" s="10"/>
    </row>
    <row r="350143" spans="14:14">
      <c r="N350143" s="10"/>
    </row>
    <row r="350144" spans="14:14">
      <c r="N350144" s="10"/>
    </row>
    <row r="350145" spans="14:14">
      <c r="N350145" s="10"/>
    </row>
    <row r="350146" spans="14:14">
      <c r="N350146" s="10"/>
    </row>
    <row r="350147" spans="14:14">
      <c r="N350147" s="10"/>
    </row>
    <row r="350148" spans="14:14">
      <c r="N350148" s="10"/>
    </row>
    <row r="350149" spans="14:14">
      <c r="N350149" s="10"/>
    </row>
    <row r="350150" spans="14:14">
      <c r="N350150" s="10"/>
    </row>
    <row r="350151" spans="14:14">
      <c r="N350151" s="10"/>
    </row>
    <row r="350152" spans="14:14">
      <c r="N350152" s="10"/>
    </row>
    <row r="350153" spans="14:14">
      <c r="N350153" s="10"/>
    </row>
    <row r="350154" spans="14:14">
      <c r="N350154" s="10"/>
    </row>
    <row r="350155" spans="14:14">
      <c r="N350155" s="10"/>
    </row>
    <row r="350156" spans="14:14">
      <c r="N350156" s="10"/>
    </row>
    <row r="350157" spans="14:14">
      <c r="N350157" s="10"/>
    </row>
    <row r="350158" spans="14:14">
      <c r="N350158" s="10"/>
    </row>
    <row r="350159" spans="14:14">
      <c r="N350159" s="10"/>
    </row>
    <row r="350160" spans="14:14">
      <c r="N350160" s="10"/>
    </row>
    <row r="350161" spans="14:14">
      <c r="N350161" s="10"/>
    </row>
    <row r="350162" spans="14:14">
      <c r="N350162" s="10"/>
    </row>
    <row r="350163" spans="14:14">
      <c r="N350163" s="10"/>
    </row>
    <row r="350164" spans="14:14">
      <c r="N350164" s="10"/>
    </row>
    <row r="350165" spans="14:14">
      <c r="N350165" s="10"/>
    </row>
    <row r="350166" spans="14:14">
      <c r="N350166" s="10"/>
    </row>
    <row r="350167" spans="14:14">
      <c r="N350167" s="10"/>
    </row>
    <row r="350168" spans="14:14">
      <c r="N350168" s="10"/>
    </row>
    <row r="350169" spans="14:14">
      <c r="N350169" s="10"/>
    </row>
    <row r="350170" spans="14:14">
      <c r="N350170" s="10"/>
    </row>
    <row r="350171" spans="14:14">
      <c r="N350171" s="10"/>
    </row>
    <row r="350172" spans="14:14">
      <c r="N350172" s="10"/>
    </row>
    <row r="350173" spans="14:14">
      <c r="N350173" s="10"/>
    </row>
    <row r="350174" spans="14:14">
      <c r="N350174" s="10"/>
    </row>
    <row r="350175" spans="14:14">
      <c r="N350175" s="10"/>
    </row>
    <row r="350176" spans="14:14">
      <c r="N350176" s="10"/>
    </row>
    <row r="350177" spans="14:14">
      <c r="N350177" s="10"/>
    </row>
    <row r="350178" spans="14:14">
      <c r="N350178" s="10"/>
    </row>
    <row r="350179" spans="14:14">
      <c r="N350179" s="10"/>
    </row>
    <row r="350180" spans="14:14">
      <c r="N350180" s="10"/>
    </row>
    <row r="350181" spans="14:14">
      <c r="N350181" s="10"/>
    </row>
    <row r="350182" spans="14:14">
      <c r="N350182" s="10"/>
    </row>
    <row r="350183" spans="14:14">
      <c r="N350183" s="10"/>
    </row>
    <row r="350184" spans="14:14">
      <c r="N350184" s="10"/>
    </row>
    <row r="350185" spans="14:14">
      <c r="N350185" s="10"/>
    </row>
    <row r="350186" spans="14:14">
      <c r="N350186" s="10"/>
    </row>
    <row r="350187" spans="14:14">
      <c r="N350187" s="10"/>
    </row>
    <row r="350188" spans="14:14">
      <c r="N350188" s="10"/>
    </row>
    <row r="350189" spans="14:14">
      <c r="N350189" s="10"/>
    </row>
    <row r="350190" spans="14:14">
      <c r="N350190" s="10"/>
    </row>
    <row r="350191" spans="14:14">
      <c r="N350191" s="10"/>
    </row>
    <row r="350192" spans="14:14">
      <c r="N350192" s="10"/>
    </row>
    <row r="350193" spans="14:14">
      <c r="N350193" s="10"/>
    </row>
    <row r="350194" spans="14:14">
      <c r="N350194" s="10"/>
    </row>
    <row r="350195" spans="14:14">
      <c r="N350195" s="10"/>
    </row>
    <row r="350196" spans="14:14">
      <c r="N350196" s="10"/>
    </row>
    <row r="350197" spans="14:14">
      <c r="N350197" s="10"/>
    </row>
    <row r="350198" spans="14:14">
      <c r="N350198" s="10"/>
    </row>
    <row r="350199" spans="14:14">
      <c r="N350199" s="10"/>
    </row>
    <row r="350200" spans="14:14">
      <c r="N350200" s="10"/>
    </row>
    <row r="350201" spans="14:14">
      <c r="N350201" s="10"/>
    </row>
    <row r="350202" spans="14:14">
      <c r="N350202" s="10"/>
    </row>
    <row r="350203" spans="14:14">
      <c r="N350203" s="10"/>
    </row>
    <row r="350204" spans="14:14">
      <c r="N350204" s="10"/>
    </row>
    <row r="350205" spans="14:14">
      <c r="N350205" s="10"/>
    </row>
    <row r="350206" spans="14:14">
      <c r="N350206" s="10"/>
    </row>
    <row r="350207" spans="14:14">
      <c r="N350207" s="10"/>
    </row>
    <row r="350208" spans="14:14">
      <c r="N350208" s="10"/>
    </row>
    <row r="350209" spans="14:14">
      <c r="N350209" s="10"/>
    </row>
    <row r="350210" spans="14:14">
      <c r="N350210" s="10"/>
    </row>
    <row r="350211" spans="14:14">
      <c r="N350211" s="10"/>
    </row>
    <row r="350212" spans="14:14">
      <c r="N350212" s="10"/>
    </row>
    <row r="350213" spans="14:14">
      <c r="N350213" s="10"/>
    </row>
    <row r="350214" spans="14:14">
      <c r="N350214" s="10"/>
    </row>
    <row r="350215" spans="14:14">
      <c r="N350215" s="10"/>
    </row>
    <row r="350216" spans="14:14">
      <c r="N350216" s="10"/>
    </row>
    <row r="350217" spans="14:14">
      <c r="N350217" s="10"/>
    </row>
    <row r="350218" spans="14:14">
      <c r="N350218" s="10"/>
    </row>
    <row r="350219" spans="14:14">
      <c r="N350219" s="10"/>
    </row>
    <row r="350220" spans="14:14">
      <c r="N350220" s="10"/>
    </row>
    <row r="350221" spans="14:14">
      <c r="N350221" s="10"/>
    </row>
    <row r="350222" spans="14:14">
      <c r="N350222" s="10"/>
    </row>
    <row r="350223" spans="14:14">
      <c r="N350223" s="10"/>
    </row>
    <row r="350224" spans="14:14">
      <c r="N350224" s="10"/>
    </row>
    <row r="350225" spans="14:14">
      <c r="N350225" s="10"/>
    </row>
    <row r="350226" spans="14:14">
      <c r="N350226" s="10"/>
    </row>
    <row r="350227" spans="14:14">
      <c r="N350227" s="10"/>
    </row>
    <row r="350228" spans="14:14">
      <c r="N350228" s="10"/>
    </row>
    <row r="350229" spans="14:14">
      <c r="N350229" s="10"/>
    </row>
    <row r="350230" spans="14:14">
      <c r="N350230" s="10"/>
    </row>
    <row r="350231" spans="14:14">
      <c r="N350231" s="10"/>
    </row>
    <row r="350232" spans="14:14">
      <c r="N350232" s="10"/>
    </row>
    <row r="350233" spans="14:14">
      <c r="N350233" s="10"/>
    </row>
    <row r="350234" spans="14:14">
      <c r="N350234" s="10"/>
    </row>
    <row r="350235" spans="14:14">
      <c r="N350235" s="10"/>
    </row>
    <row r="350236" spans="14:14">
      <c r="N350236" s="10"/>
    </row>
    <row r="350237" spans="14:14">
      <c r="N350237" s="10"/>
    </row>
    <row r="350238" spans="14:14">
      <c r="N350238" s="10"/>
    </row>
    <row r="350239" spans="14:14">
      <c r="N350239" s="10"/>
    </row>
    <row r="350240" spans="14:14">
      <c r="N350240" s="10"/>
    </row>
    <row r="350241" spans="14:14">
      <c r="N350241" s="10"/>
    </row>
    <row r="350242" spans="14:14">
      <c r="N350242" s="10"/>
    </row>
    <row r="350243" spans="14:14">
      <c r="N350243" s="10"/>
    </row>
    <row r="350244" spans="14:14">
      <c r="N350244" s="10"/>
    </row>
    <row r="350245" spans="14:14">
      <c r="N350245" s="10"/>
    </row>
    <row r="350246" spans="14:14">
      <c r="N350246" s="10"/>
    </row>
    <row r="350247" spans="14:14">
      <c r="N350247" s="10"/>
    </row>
    <row r="350248" spans="14:14">
      <c r="N350248" s="10"/>
    </row>
    <row r="350249" spans="14:14">
      <c r="N350249" s="10"/>
    </row>
    <row r="350250" spans="14:14">
      <c r="N350250" s="10"/>
    </row>
    <row r="350251" spans="14:14">
      <c r="N350251" s="10"/>
    </row>
    <row r="350252" spans="14:14">
      <c r="N350252" s="10"/>
    </row>
    <row r="350253" spans="14:14">
      <c r="N350253" s="10"/>
    </row>
    <row r="350254" spans="14:14">
      <c r="N350254" s="10"/>
    </row>
    <row r="350255" spans="14:14">
      <c r="N350255" s="10"/>
    </row>
    <row r="350256" spans="14:14">
      <c r="N350256" s="10"/>
    </row>
    <row r="350257" spans="14:14">
      <c r="N350257" s="10"/>
    </row>
    <row r="350258" spans="14:14">
      <c r="N350258" s="10"/>
    </row>
    <row r="350259" spans="14:14">
      <c r="N350259" s="10"/>
    </row>
    <row r="350260" spans="14:14">
      <c r="N350260" s="10"/>
    </row>
    <row r="350261" spans="14:14">
      <c r="N350261" s="10"/>
    </row>
    <row r="350262" spans="14:14">
      <c r="N350262" s="10"/>
    </row>
    <row r="350263" spans="14:14">
      <c r="N350263" s="10"/>
    </row>
    <row r="350264" spans="14:14">
      <c r="N350264" s="10"/>
    </row>
    <row r="350265" spans="14:14">
      <c r="N350265" s="10"/>
    </row>
    <row r="350266" spans="14:14">
      <c r="N350266" s="10"/>
    </row>
    <row r="350267" spans="14:14">
      <c r="N350267" s="10"/>
    </row>
    <row r="350268" spans="14:14">
      <c r="N350268" s="10"/>
    </row>
    <row r="350269" spans="14:14">
      <c r="N350269" s="10"/>
    </row>
    <row r="350270" spans="14:14">
      <c r="N350270" s="10"/>
    </row>
    <row r="350271" spans="14:14">
      <c r="N350271" s="10"/>
    </row>
    <row r="350272" spans="14:14">
      <c r="N350272" s="10"/>
    </row>
    <row r="350273" spans="14:14">
      <c r="N350273" s="10"/>
    </row>
    <row r="350274" spans="14:14">
      <c r="N350274" s="10"/>
    </row>
    <row r="350275" spans="14:14">
      <c r="N350275" s="10"/>
    </row>
    <row r="350276" spans="14:14">
      <c r="N350276" s="10"/>
    </row>
    <row r="350277" spans="14:14">
      <c r="N350277" s="10"/>
    </row>
    <row r="350278" spans="14:14">
      <c r="N350278" s="10"/>
    </row>
    <row r="350279" spans="14:14">
      <c r="N350279" s="10"/>
    </row>
    <row r="350280" spans="14:14">
      <c r="N350280" s="10"/>
    </row>
    <row r="350281" spans="14:14">
      <c r="N350281" s="10"/>
    </row>
    <row r="350282" spans="14:14">
      <c r="N350282" s="10"/>
    </row>
    <row r="350283" spans="14:14">
      <c r="N350283" s="10"/>
    </row>
    <row r="350284" spans="14:14">
      <c r="N350284" s="10"/>
    </row>
    <row r="350285" spans="14:14">
      <c r="N350285" s="10"/>
    </row>
    <row r="350286" spans="14:14">
      <c r="N350286" s="10"/>
    </row>
    <row r="350287" spans="14:14">
      <c r="N350287" s="10"/>
    </row>
    <row r="350288" spans="14:14">
      <c r="N350288" s="10"/>
    </row>
    <row r="350289" spans="14:14">
      <c r="N350289" s="10"/>
    </row>
    <row r="350290" spans="14:14">
      <c r="N350290" s="10"/>
    </row>
    <row r="350291" spans="14:14">
      <c r="N350291" s="10"/>
    </row>
    <row r="350292" spans="14:14">
      <c r="N350292" s="10"/>
    </row>
    <row r="350293" spans="14:14">
      <c r="N350293" s="10"/>
    </row>
    <row r="350294" spans="14:14">
      <c r="N350294" s="10"/>
    </row>
    <row r="350295" spans="14:14">
      <c r="N350295" s="10"/>
    </row>
    <row r="350296" spans="14:14">
      <c r="N350296" s="10"/>
    </row>
    <row r="350297" spans="14:14">
      <c r="N350297" s="10"/>
    </row>
    <row r="350298" spans="14:14">
      <c r="N350298" s="10"/>
    </row>
    <row r="350299" spans="14:14">
      <c r="N350299" s="10"/>
    </row>
    <row r="350300" spans="14:14">
      <c r="N350300" s="10"/>
    </row>
    <row r="350301" spans="14:14">
      <c r="N350301" s="10"/>
    </row>
    <row r="350302" spans="14:14">
      <c r="N350302" s="10"/>
    </row>
    <row r="350303" spans="14:14">
      <c r="N350303" s="10"/>
    </row>
    <row r="350304" spans="14:14">
      <c r="N350304" s="10"/>
    </row>
    <row r="350305" spans="14:14">
      <c r="N350305" s="10"/>
    </row>
    <row r="350306" spans="14:14">
      <c r="N350306" s="10"/>
    </row>
    <row r="350307" spans="14:14">
      <c r="N350307" s="10"/>
    </row>
    <row r="350308" spans="14:14">
      <c r="N350308" s="10"/>
    </row>
    <row r="350309" spans="14:14">
      <c r="N350309" s="10"/>
    </row>
    <row r="350310" spans="14:14">
      <c r="N350310" s="10"/>
    </row>
    <row r="350311" spans="14:14">
      <c r="N350311" s="10"/>
    </row>
    <row r="350312" spans="14:14">
      <c r="N350312" s="10"/>
    </row>
    <row r="350313" spans="14:14">
      <c r="N350313" s="10"/>
    </row>
    <row r="350314" spans="14:14">
      <c r="N350314" s="10"/>
    </row>
    <row r="350315" spans="14:14">
      <c r="N350315" s="10"/>
    </row>
    <row r="350316" spans="14:14">
      <c r="N350316" s="10"/>
    </row>
    <row r="350317" spans="14:14">
      <c r="N350317" s="10"/>
    </row>
    <row r="350318" spans="14:14">
      <c r="N350318" s="10"/>
    </row>
    <row r="350319" spans="14:14">
      <c r="N350319" s="10"/>
    </row>
    <row r="350320" spans="14:14">
      <c r="N350320" s="10"/>
    </row>
    <row r="350321" spans="14:14">
      <c r="N350321" s="10"/>
    </row>
    <row r="350322" spans="14:14">
      <c r="N350322" s="10"/>
    </row>
    <row r="350323" spans="14:14">
      <c r="N350323" s="10"/>
    </row>
    <row r="350324" spans="14:14">
      <c r="N350324" s="10"/>
    </row>
    <row r="350325" spans="14:14">
      <c r="N350325" s="10"/>
    </row>
    <row r="350326" spans="14:14">
      <c r="N350326" s="10"/>
    </row>
    <row r="350327" spans="14:14">
      <c r="N350327" s="10"/>
    </row>
    <row r="350328" spans="14:14">
      <c r="N350328" s="10"/>
    </row>
    <row r="350329" spans="14:14">
      <c r="N350329" s="10"/>
    </row>
    <row r="350330" spans="14:14">
      <c r="N350330" s="10"/>
    </row>
    <row r="350331" spans="14:14">
      <c r="N350331" s="10"/>
    </row>
    <row r="350332" spans="14:14">
      <c r="N350332" s="10"/>
    </row>
    <row r="350333" spans="14:14">
      <c r="N350333" s="10"/>
    </row>
    <row r="350334" spans="14:14">
      <c r="N350334" s="10"/>
    </row>
    <row r="350335" spans="14:14">
      <c r="N350335" s="10"/>
    </row>
    <row r="350336" spans="14:14">
      <c r="N350336" s="10"/>
    </row>
    <row r="350337" spans="14:14">
      <c r="N350337" s="10"/>
    </row>
    <row r="350338" spans="14:14">
      <c r="N350338" s="10"/>
    </row>
    <row r="350339" spans="14:14">
      <c r="N350339" s="10"/>
    </row>
    <row r="350340" spans="14:14">
      <c r="N350340" s="10"/>
    </row>
    <row r="350341" spans="14:14">
      <c r="N350341" s="10"/>
    </row>
    <row r="350342" spans="14:14">
      <c r="N350342" s="10"/>
    </row>
    <row r="350343" spans="14:14">
      <c r="N350343" s="10"/>
    </row>
    <row r="350344" spans="14:14">
      <c r="N350344" s="10"/>
    </row>
    <row r="350345" spans="14:14">
      <c r="N350345" s="10"/>
    </row>
    <row r="350346" spans="14:14">
      <c r="N350346" s="10"/>
    </row>
    <row r="350347" spans="14:14">
      <c r="N350347" s="10"/>
    </row>
    <row r="350348" spans="14:14">
      <c r="N350348" s="10"/>
    </row>
    <row r="350349" spans="14:14">
      <c r="N350349" s="10"/>
    </row>
    <row r="350350" spans="14:14">
      <c r="N350350" s="10"/>
    </row>
    <row r="350351" spans="14:14">
      <c r="N350351" s="10"/>
    </row>
    <row r="350352" spans="14:14">
      <c r="N350352" s="10"/>
    </row>
    <row r="350353" spans="14:14">
      <c r="N350353" s="10"/>
    </row>
    <row r="350354" spans="14:14">
      <c r="N350354" s="10"/>
    </row>
    <row r="350355" spans="14:14">
      <c r="N350355" s="10"/>
    </row>
    <row r="350356" spans="14:14">
      <c r="N350356" s="10"/>
    </row>
    <row r="350357" spans="14:14">
      <c r="N350357" s="10"/>
    </row>
    <row r="350358" spans="14:14">
      <c r="N350358" s="10"/>
    </row>
    <row r="350359" spans="14:14">
      <c r="N350359" s="10"/>
    </row>
    <row r="350360" spans="14:14">
      <c r="N350360" s="10"/>
    </row>
    <row r="350361" spans="14:14">
      <c r="N350361" s="10"/>
    </row>
    <row r="350362" spans="14:14">
      <c r="N350362" s="10"/>
    </row>
    <row r="350363" spans="14:14">
      <c r="N350363" s="10"/>
    </row>
    <row r="350364" spans="14:14">
      <c r="N350364" s="10"/>
    </row>
    <row r="350365" spans="14:14">
      <c r="N350365" s="10"/>
    </row>
    <row r="350366" spans="14:14">
      <c r="N350366" s="10"/>
    </row>
    <row r="350367" spans="14:14">
      <c r="N350367" s="10"/>
    </row>
    <row r="350368" spans="14:14">
      <c r="N350368" s="10"/>
    </row>
    <row r="350369" spans="14:14">
      <c r="N350369" s="10"/>
    </row>
    <row r="350370" spans="14:14">
      <c r="N350370" s="10"/>
    </row>
    <row r="350371" spans="14:14">
      <c r="N350371" s="10"/>
    </row>
    <row r="350372" spans="14:14">
      <c r="N350372" s="10"/>
    </row>
    <row r="350373" spans="14:14">
      <c r="N350373" s="10"/>
    </row>
    <row r="350374" spans="14:14">
      <c r="N350374" s="10"/>
    </row>
    <row r="350375" spans="14:14">
      <c r="N350375" s="10"/>
    </row>
    <row r="350376" spans="14:14">
      <c r="N350376" s="10"/>
    </row>
    <row r="350377" spans="14:14">
      <c r="N350377" s="10"/>
    </row>
    <row r="350378" spans="14:14">
      <c r="N350378" s="10"/>
    </row>
    <row r="350379" spans="14:14">
      <c r="N350379" s="10"/>
    </row>
    <row r="350380" spans="14:14">
      <c r="N350380" s="10"/>
    </row>
    <row r="350381" spans="14:14">
      <c r="N350381" s="10"/>
    </row>
    <row r="350382" spans="14:14">
      <c r="N350382" s="10"/>
    </row>
    <row r="350383" spans="14:14">
      <c r="N350383" s="10"/>
    </row>
    <row r="350384" spans="14:14">
      <c r="N350384" s="10"/>
    </row>
    <row r="350385" spans="14:14">
      <c r="N350385" s="10"/>
    </row>
    <row r="350386" spans="14:14">
      <c r="N350386" s="10"/>
    </row>
    <row r="350387" spans="14:14">
      <c r="N350387" s="10"/>
    </row>
    <row r="350388" spans="14:14">
      <c r="N350388" s="10"/>
    </row>
    <row r="350389" spans="14:14">
      <c r="N350389" s="10"/>
    </row>
    <row r="350390" spans="14:14">
      <c r="N350390" s="10"/>
    </row>
    <row r="350391" spans="14:14">
      <c r="N350391" s="10"/>
    </row>
    <row r="350392" spans="14:14">
      <c r="N350392" s="10"/>
    </row>
    <row r="350393" spans="14:14">
      <c r="N350393" s="10"/>
    </row>
    <row r="350394" spans="14:14">
      <c r="N350394" s="10"/>
    </row>
    <row r="350395" spans="14:14">
      <c r="N350395" s="10"/>
    </row>
    <row r="350396" spans="14:14">
      <c r="N350396" s="10"/>
    </row>
    <row r="350397" spans="14:14">
      <c r="N350397" s="10"/>
    </row>
    <row r="350398" spans="14:14">
      <c r="N350398" s="10"/>
    </row>
    <row r="350399" spans="14:14">
      <c r="N350399" s="10"/>
    </row>
    <row r="350400" spans="14:14">
      <c r="N350400" s="10"/>
    </row>
    <row r="350401" spans="14:14">
      <c r="N350401" s="10"/>
    </row>
    <row r="350402" spans="14:14">
      <c r="N350402" s="10"/>
    </row>
    <row r="350403" spans="14:14">
      <c r="N350403" s="10"/>
    </row>
    <row r="350404" spans="14:14">
      <c r="N350404" s="10"/>
    </row>
    <row r="350405" spans="14:14">
      <c r="N350405" s="10"/>
    </row>
    <row r="350406" spans="14:14">
      <c r="N350406" s="10"/>
    </row>
    <row r="350407" spans="14:14">
      <c r="N350407" s="10"/>
    </row>
    <row r="350408" spans="14:14">
      <c r="N350408" s="10"/>
    </row>
    <row r="350409" spans="14:14">
      <c r="N350409" s="10"/>
    </row>
    <row r="350410" spans="14:14">
      <c r="N350410" s="10"/>
    </row>
    <row r="350411" spans="14:14">
      <c r="N350411" s="10"/>
    </row>
    <row r="350412" spans="14:14">
      <c r="N350412" s="10"/>
    </row>
    <row r="350413" spans="14:14">
      <c r="N350413" s="10"/>
    </row>
    <row r="350414" spans="14:14">
      <c r="N350414" s="10"/>
    </row>
    <row r="350415" spans="14:14">
      <c r="N350415" s="10"/>
    </row>
    <row r="350416" spans="14:14">
      <c r="N350416" s="10"/>
    </row>
    <row r="350417" spans="14:14">
      <c r="N350417" s="10"/>
    </row>
    <row r="350418" spans="14:14">
      <c r="N350418" s="10"/>
    </row>
    <row r="350419" spans="14:14">
      <c r="N350419" s="10"/>
    </row>
    <row r="350420" spans="14:14">
      <c r="N350420" s="10"/>
    </row>
    <row r="350421" spans="14:14">
      <c r="N350421" s="10"/>
    </row>
    <row r="350422" spans="14:14">
      <c r="N350422" s="10"/>
    </row>
    <row r="350423" spans="14:14">
      <c r="N350423" s="10"/>
    </row>
    <row r="350424" spans="14:14">
      <c r="N350424" s="10"/>
    </row>
    <row r="350425" spans="14:14">
      <c r="N350425" s="10"/>
    </row>
    <row r="350426" spans="14:14">
      <c r="N350426" s="10"/>
    </row>
    <row r="350427" spans="14:14">
      <c r="N350427" s="10"/>
    </row>
    <row r="350428" spans="14:14">
      <c r="N350428" s="10"/>
    </row>
    <row r="350429" spans="14:14">
      <c r="N350429" s="10"/>
    </row>
    <row r="350430" spans="14:14">
      <c r="N350430" s="10"/>
    </row>
    <row r="350431" spans="14:14">
      <c r="N350431" s="10"/>
    </row>
    <row r="350432" spans="14:14">
      <c r="N350432" s="10"/>
    </row>
    <row r="350433" spans="14:14">
      <c r="N350433" s="10"/>
    </row>
    <row r="350434" spans="14:14">
      <c r="N350434" s="10"/>
    </row>
    <row r="350435" spans="14:14">
      <c r="N350435" s="10"/>
    </row>
    <row r="350436" spans="14:14">
      <c r="N350436" s="10"/>
    </row>
    <row r="350437" spans="14:14">
      <c r="N350437" s="10"/>
    </row>
    <row r="350438" spans="14:14">
      <c r="N350438" s="10"/>
    </row>
    <row r="350439" spans="14:14">
      <c r="N350439" s="10"/>
    </row>
    <row r="350440" spans="14:14">
      <c r="N350440" s="10"/>
    </row>
    <row r="350441" spans="14:14">
      <c r="N350441" s="10"/>
    </row>
    <row r="350442" spans="14:14">
      <c r="N350442" s="10"/>
    </row>
    <row r="350443" spans="14:14">
      <c r="N350443" s="10"/>
    </row>
    <row r="350444" spans="14:14">
      <c r="N350444" s="10"/>
    </row>
    <row r="350445" spans="14:14">
      <c r="N350445" s="10"/>
    </row>
    <row r="350446" spans="14:14">
      <c r="N350446" s="10"/>
    </row>
    <row r="350447" spans="14:14">
      <c r="N350447" s="10"/>
    </row>
    <row r="350448" spans="14:14">
      <c r="N350448" s="10"/>
    </row>
    <row r="350449" spans="14:14">
      <c r="N350449" s="10"/>
    </row>
    <row r="350450" spans="14:14">
      <c r="N350450" s="10"/>
    </row>
    <row r="350451" spans="14:14">
      <c r="N350451" s="10"/>
    </row>
    <row r="350452" spans="14:14">
      <c r="N350452" s="10"/>
    </row>
    <row r="350453" spans="14:14">
      <c r="N350453" s="10"/>
    </row>
    <row r="350454" spans="14:14">
      <c r="N350454" s="10"/>
    </row>
    <row r="350455" spans="14:14">
      <c r="N350455" s="10"/>
    </row>
    <row r="350456" spans="14:14">
      <c r="N350456" s="10"/>
    </row>
    <row r="350457" spans="14:14">
      <c r="N350457" s="10"/>
    </row>
    <row r="350458" spans="14:14">
      <c r="N350458" s="10"/>
    </row>
    <row r="350459" spans="14:14">
      <c r="N350459" s="10"/>
    </row>
    <row r="350460" spans="14:14">
      <c r="N350460" s="10"/>
    </row>
    <row r="350461" spans="14:14">
      <c r="N350461" s="10"/>
    </row>
    <row r="350462" spans="14:14">
      <c r="N350462" s="10"/>
    </row>
    <row r="350463" spans="14:14">
      <c r="N350463" s="10"/>
    </row>
    <row r="350464" spans="14:14">
      <c r="N350464" s="10"/>
    </row>
    <row r="350465" spans="14:14">
      <c r="N350465" s="10"/>
    </row>
    <row r="350466" spans="14:14">
      <c r="N350466" s="10"/>
    </row>
    <row r="350467" spans="14:14">
      <c r="N350467" s="10"/>
    </row>
    <row r="350468" spans="14:14">
      <c r="N350468" s="10"/>
    </row>
    <row r="350469" spans="14:14">
      <c r="N350469" s="10"/>
    </row>
    <row r="350470" spans="14:14">
      <c r="N350470" s="10"/>
    </row>
    <row r="350471" spans="14:14">
      <c r="N350471" s="10"/>
    </row>
    <row r="350472" spans="14:14">
      <c r="N350472" s="10"/>
    </row>
    <row r="350473" spans="14:14">
      <c r="N350473" s="10"/>
    </row>
    <row r="350474" spans="14:14">
      <c r="N350474" s="10"/>
    </row>
    <row r="350475" spans="14:14">
      <c r="N350475" s="10"/>
    </row>
    <row r="350476" spans="14:14">
      <c r="N350476" s="10"/>
    </row>
    <row r="350477" spans="14:14">
      <c r="N350477" s="10"/>
    </row>
    <row r="350478" spans="14:14">
      <c r="N350478" s="10"/>
    </row>
    <row r="350479" spans="14:14">
      <c r="N350479" s="10"/>
    </row>
    <row r="350480" spans="14:14">
      <c r="N350480" s="10"/>
    </row>
    <row r="350481" spans="14:14">
      <c r="N350481" s="10"/>
    </row>
    <row r="350482" spans="14:14">
      <c r="N350482" s="10"/>
    </row>
    <row r="350483" spans="14:14">
      <c r="N350483" s="10"/>
    </row>
    <row r="350484" spans="14:14">
      <c r="N350484" s="10"/>
    </row>
    <row r="350485" spans="14:14">
      <c r="N350485" s="10"/>
    </row>
    <row r="350486" spans="14:14">
      <c r="N350486" s="10"/>
    </row>
    <row r="350487" spans="14:14">
      <c r="N350487" s="10"/>
    </row>
    <row r="350488" spans="14:14">
      <c r="N350488" s="10"/>
    </row>
    <row r="350489" spans="14:14">
      <c r="N350489" s="10"/>
    </row>
    <row r="350490" spans="14:14">
      <c r="N350490" s="10"/>
    </row>
    <row r="350491" spans="14:14">
      <c r="N350491" s="10"/>
    </row>
    <row r="350492" spans="14:14">
      <c r="N350492" s="10"/>
    </row>
    <row r="350493" spans="14:14">
      <c r="N350493" s="10"/>
    </row>
    <row r="350494" spans="14:14">
      <c r="N350494" s="10"/>
    </row>
    <row r="350495" spans="14:14">
      <c r="N350495" s="10"/>
    </row>
    <row r="350496" spans="14:14">
      <c r="N350496" s="10"/>
    </row>
    <row r="350497" spans="14:14">
      <c r="N350497" s="10"/>
    </row>
    <row r="350498" spans="14:14">
      <c r="N350498" s="10"/>
    </row>
    <row r="350499" spans="14:14">
      <c r="N350499" s="10"/>
    </row>
    <row r="350500" spans="14:14">
      <c r="N350500" s="10"/>
    </row>
    <row r="350501" spans="14:14">
      <c r="N350501" s="10"/>
    </row>
    <row r="350502" spans="14:14">
      <c r="N350502" s="10"/>
    </row>
    <row r="350503" spans="14:14">
      <c r="N350503" s="10"/>
    </row>
    <row r="350504" spans="14:14">
      <c r="N350504" s="10"/>
    </row>
    <row r="350505" spans="14:14">
      <c r="N350505" s="10"/>
    </row>
    <row r="350506" spans="14:14">
      <c r="N350506" s="10"/>
    </row>
    <row r="350507" spans="14:14">
      <c r="N350507" s="10"/>
    </row>
    <row r="350508" spans="14:14">
      <c r="N350508" s="10"/>
    </row>
    <row r="350509" spans="14:14">
      <c r="N350509" s="10"/>
    </row>
    <row r="350510" spans="14:14">
      <c r="N350510" s="10"/>
    </row>
    <row r="350511" spans="14:14">
      <c r="N350511" s="10"/>
    </row>
    <row r="350512" spans="14:14">
      <c r="N350512" s="10"/>
    </row>
    <row r="350513" spans="14:14">
      <c r="N350513" s="10"/>
    </row>
    <row r="350514" spans="14:14">
      <c r="N350514" s="10"/>
    </row>
    <row r="350515" spans="14:14">
      <c r="N350515" s="10"/>
    </row>
    <row r="350516" spans="14:14">
      <c r="N350516" s="10"/>
    </row>
    <row r="350517" spans="14:14">
      <c r="N350517" s="10"/>
    </row>
    <row r="350518" spans="14:14">
      <c r="N350518" s="10"/>
    </row>
    <row r="350519" spans="14:14">
      <c r="N350519" s="10"/>
    </row>
    <row r="350520" spans="14:14">
      <c r="N350520" s="10"/>
    </row>
    <row r="350521" spans="14:14">
      <c r="N350521" s="10"/>
    </row>
    <row r="350522" spans="14:14">
      <c r="N350522" s="10"/>
    </row>
    <row r="350523" spans="14:14">
      <c r="N350523" s="10"/>
    </row>
    <row r="350524" spans="14:14">
      <c r="N350524" s="10"/>
    </row>
    <row r="350525" spans="14:14">
      <c r="N350525" s="10"/>
    </row>
    <row r="350526" spans="14:14">
      <c r="N350526" s="10"/>
    </row>
    <row r="350527" spans="14:14">
      <c r="N350527" s="10"/>
    </row>
    <row r="350528" spans="14:14">
      <c r="N350528" s="10"/>
    </row>
    <row r="350529" spans="14:14">
      <c r="N350529" s="10"/>
    </row>
    <row r="350530" spans="14:14">
      <c r="N350530" s="10"/>
    </row>
    <row r="350531" spans="14:14">
      <c r="N350531" s="10"/>
    </row>
    <row r="350532" spans="14:14">
      <c r="N350532" s="10"/>
    </row>
    <row r="350533" spans="14:14">
      <c r="N350533" s="10"/>
    </row>
    <row r="350534" spans="14:14">
      <c r="N350534" s="10"/>
    </row>
    <row r="350535" spans="14:14">
      <c r="N350535" s="10"/>
    </row>
    <row r="350536" spans="14:14">
      <c r="N350536" s="10"/>
    </row>
    <row r="350537" spans="14:14">
      <c r="N350537" s="10"/>
    </row>
    <row r="350538" spans="14:14">
      <c r="N350538" s="10"/>
    </row>
    <row r="350539" spans="14:14">
      <c r="N350539" s="10"/>
    </row>
    <row r="350540" spans="14:14">
      <c r="N350540" s="10"/>
    </row>
    <row r="350541" spans="14:14">
      <c r="N350541" s="10"/>
    </row>
    <row r="350542" spans="14:14">
      <c r="N350542" s="10"/>
    </row>
    <row r="350543" spans="14:14">
      <c r="N350543" s="10"/>
    </row>
    <row r="350544" spans="14:14">
      <c r="N350544" s="10"/>
    </row>
    <row r="350545" spans="14:14">
      <c r="N350545" s="10"/>
    </row>
    <row r="350546" spans="14:14">
      <c r="N350546" s="10"/>
    </row>
    <row r="350547" spans="14:14">
      <c r="N350547" s="10"/>
    </row>
    <row r="350548" spans="14:14">
      <c r="N350548" s="10"/>
    </row>
    <row r="350549" spans="14:14">
      <c r="N350549" s="10"/>
    </row>
    <row r="350550" spans="14:14">
      <c r="N350550" s="10"/>
    </row>
    <row r="350551" spans="14:14">
      <c r="N350551" s="10"/>
    </row>
    <row r="350552" spans="14:14">
      <c r="N350552" s="10"/>
    </row>
    <row r="350553" spans="14:14">
      <c r="N350553" s="10"/>
    </row>
    <row r="350554" spans="14:14">
      <c r="N350554" s="10"/>
    </row>
    <row r="350555" spans="14:14">
      <c r="N350555" s="10"/>
    </row>
    <row r="350556" spans="14:14">
      <c r="N350556" s="10"/>
    </row>
    <row r="350557" spans="14:14">
      <c r="N350557" s="10"/>
    </row>
    <row r="350558" spans="14:14">
      <c r="N350558" s="10"/>
    </row>
    <row r="350559" spans="14:14">
      <c r="N350559" s="10"/>
    </row>
    <row r="350560" spans="14:14">
      <c r="N350560" s="10"/>
    </row>
    <row r="350561" spans="14:14">
      <c r="N350561" s="10"/>
    </row>
    <row r="350562" spans="14:14">
      <c r="N350562" s="10"/>
    </row>
    <row r="350563" spans="14:14">
      <c r="N350563" s="10"/>
    </row>
    <row r="350564" spans="14:14">
      <c r="N350564" s="10"/>
    </row>
    <row r="350565" spans="14:14">
      <c r="N350565" s="10"/>
    </row>
    <row r="350566" spans="14:14">
      <c r="N350566" s="10"/>
    </row>
    <row r="350567" spans="14:14">
      <c r="N350567" s="10"/>
    </row>
    <row r="350568" spans="14:14">
      <c r="N350568" s="10"/>
    </row>
    <row r="350569" spans="14:14">
      <c r="N350569" s="10"/>
    </row>
    <row r="350570" spans="14:14">
      <c r="N350570" s="10"/>
    </row>
    <row r="350571" spans="14:14">
      <c r="N350571" s="10"/>
    </row>
    <row r="350572" spans="14:14">
      <c r="N350572" s="10"/>
    </row>
    <row r="350573" spans="14:14">
      <c r="N350573" s="10"/>
    </row>
    <row r="350574" spans="14:14">
      <c r="N350574" s="10"/>
    </row>
    <row r="350575" spans="14:14">
      <c r="N350575" s="10"/>
    </row>
    <row r="350576" spans="14:14">
      <c r="N350576" s="10"/>
    </row>
    <row r="350577" spans="14:14">
      <c r="N350577" s="10"/>
    </row>
    <row r="350578" spans="14:14">
      <c r="N350578" s="10"/>
    </row>
    <row r="350579" spans="14:14">
      <c r="N350579" s="10"/>
    </row>
    <row r="350580" spans="14:14">
      <c r="N350580" s="10"/>
    </row>
    <row r="350581" spans="14:14">
      <c r="N350581" s="10"/>
    </row>
    <row r="350582" spans="14:14">
      <c r="N350582" s="10"/>
    </row>
    <row r="350583" spans="14:14">
      <c r="N350583" s="10"/>
    </row>
    <row r="350584" spans="14:14">
      <c r="N350584" s="10"/>
    </row>
    <row r="350585" spans="14:14">
      <c r="N350585" s="10"/>
    </row>
    <row r="350586" spans="14:14">
      <c r="N350586" s="10"/>
    </row>
    <row r="350587" spans="14:14">
      <c r="N350587" s="10"/>
    </row>
    <row r="350588" spans="14:14">
      <c r="N350588" s="10"/>
    </row>
    <row r="350589" spans="14:14">
      <c r="N350589" s="10"/>
    </row>
    <row r="350590" spans="14:14">
      <c r="N350590" s="10"/>
    </row>
    <row r="350591" spans="14:14">
      <c r="N350591" s="10"/>
    </row>
    <row r="350592" spans="14:14">
      <c r="N350592" s="10"/>
    </row>
    <row r="350593" spans="14:14">
      <c r="N350593" s="10"/>
    </row>
    <row r="350594" spans="14:14">
      <c r="N350594" s="10"/>
    </row>
    <row r="350595" spans="14:14">
      <c r="N350595" s="10"/>
    </row>
    <row r="350596" spans="14:14">
      <c r="N350596" s="10"/>
    </row>
    <row r="350597" spans="14:14">
      <c r="N350597" s="10"/>
    </row>
    <row r="350598" spans="14:14">
      <c r="N350598" s="10"/>
    </row>
    <row r="350599" spans="14:14">
      <c r="N350599" s="10"/>
    </row>
    <row r="350600" spans="14:14">
      <c r="N350600" s="10"/>
    </row>
    <row r="350601" spans="14:14">
      <c r="N350601" s="10"/>
    </row>
    <row r="350602" spans="14:14">
      <c r="N350602" s="10"/>
    </row>
    <row r="350603" spans="14:14">
      <c r="N350603" s="10"/>
    </row>
    <row r="350604" spans="14:14">
      <c r="N350604" s="10"/>
    </row>
    <row r="350605" spans="14:14">
      <c r="N350605" s="10"/>
    </row>
    <row r="350606" spans="14:14">
      <c r="N350606" s="10"/>
    </row>
    <row r="350607" spans="14:14">
      <c r="N350607" s="10"/>
    </row>
    <row r="350608" spans="14:14">
      <c r="N350608" s="10"/>
    </row>
    <row r="350609" spans="14:14">
      <c r="N350609" s="10"/>
    </row>
    <row r="350610" spans="14:14">
      <c r="N350610" s="10"/>
    </row>
    <row r="350611" spans="14:14">
      <c r="N350611" s="10"/>
    </row>
    <row r="350612" spans="14:14">
      <c r="N350612" s="10"/>
    </row>
    <row r="350613" spans="14:14">
      <c r="N350613" s="10"/>
    </row>
    <row r="350614" spans="14:14">
      <c r="N350614" s="10"/>
    </row>
    <row r="350615" spans="14:14">
      <c r="N350615" s="10"/>
    </row>
    <row r="350616" spans="14:14">
      <c r="N350616" s="10"/>
    </row>
    <row r="350617" spans="14:14">
      <c r="N350617" s="10"/>
    </row>
    <row r="350618" spans="14:14">
      <c r="N350618" s="10"/>
    </row>
    <row r="350619" spans="14:14">
      <c r="N350619" s="10"/>
    </row>
    <row r="350620" spans="14:14">
      <c r="N350620" s="10"/>
    </row>
    <row r="350621" spans="14:14">
      <c r="N350621" s="10"/>
    </row>
    <row r="350622" spans="14:14">
      <c r="N350622" s="10"/>
    </row>
    <row r="350623" spans="14:14">
      <c r="N350623" s="10"/>
    </row>
    <row r="350624" spans="14:14">
      <c r="N350624" s="10"/>
    </row>
    <row r="350625" spans="14:14">
      <c r="N350625" s="10"/>
    </row>
    <row r="350626" spans="14:14">
      <c r="N350626" s="10"/>
    </row>
    <row r="350627" spans="14:14">
      <c r="N350627" s="10"/>
    </row>
    <row r="350628" spans="14:14">
      <c r="N350628" s="10"/>
    </row>
    <row r="350629" spans="14:14">
      <c r="N350629" s="10"/>
    </row>
    <row r="350630" spans="14:14">
      <c r="N350630" s="10"/>
    </row>
    <row r="350631" spans="14:14">
      <c r="N350631" s="10"/>
    </row>
    <row r="350632" spans="14:14">
      <c r="N350632" s="10"/>
    </row>
    <row r="350633" spans="14:14">
      <c r="N350633" s="10"/>
    </row>
    <row r="350634" spans="14:14">
      <c r="N350634" s="10"/>
    </row>
    <row r="350635" spans="14:14">
      <c r="N350635" s="10"/>
    </row>
    <row r="350636" spans="14:14">
      <c r="N350636" s="10"/>
    </row>
    <row r="350637" spans="14:14">
      <c r="N350637" s="10"/>
    </row>
    <row r="350638" spans="14:14">
      <c r="N350638" s="10"/>
    </row>
    <row r="350639" spans="14:14">
      <c r="N350639" s="10"/>
    </row>
    <row r="350640" spans="14:14">
      <c r="N350640" s="10"/>
    </row>
    <row r="350641" spans="14:14">
      <c r="N350641" s="10"/>
    </row>
    <row r="350642" spans="14:14">
      <c r="N350642" s="10"/>
    </row>
    <row r="350643" spans="14:14">
      <c r="N350643" s="10"/>
    </row>
    <row r="350644" spans="14:14">
      <c r="N350644" s="10"/>
    </row>
    <row r="350645" spans="14:14">
      <c r="N350645" s="10"/>
    </row>
    <row r="350646" spans="14:14">
      <c r="N350646" s="10"/>
    </row>
    <row r="350647" spans="14:14">
      <c r="N350647" s="10"/>
    </row>
    <row r="350648" spans="14:14">
      <c r="N350648" s="10"/>
    </row>
    <row r="350649" spans="14:14">
      <c r="N350649" s="10"/>
    </row>
    <row r="350650" spans="14:14">
      <c r="N350650" s="10"/>
    </row>
    <row r="350651" spans="14:14">
      <c r="N350651" s="10"/>
    </row>
    <row r="350652" spans="14:14">
      <c r="N350652" s="10"/>
    </row>
    <row r="350653" spans="14:14">
      <c r="N350653" s="10"/>
    </row>
    <row r="350654" spans="14:14">
      <c r="N350654" s="10"/>
    </row>
    <row r="350655" spans="14:14">
      <c r="N350655" s="10"/>
    </row>
    <row r="350656" spans="14:14">
      <c r="N350656" s="10"/>
    </row>
    <row r="350657" spans="14:14">
      <c r="N350657" s="10"/>
    </row>
    <row r="350658" spans="14:14">
      <c r="N350658" s="10"/>
    </row>
    <row r="350659" spans="14:14">
      <c r="N350659" s="10"/>
    </row>
    <row r="350660" spans="14:14">
      <c r="N350660" s="10"/>
    </row>
    <row r="350661" spans="14:14">
      <c r="N350661" s="10"/>
    </row>
    <row r="350662" spans="14:14">
      <c r="N350662" s="10"/>
    </row>
    <row r="350663" spans="14:14">
      <c r="N350663" s="10"/>
    </row>
    <row r="350664" spans="14:14">
      <c r="N350664" s="10"/>
    </row>
    <row r="350665" spans="14:14">
      <c r="N350665" s="10"/>
    </row>
    <row r="350666" spans="14:14">
      <c r="N350666" s="10"/>
    </row>
    <row r="350667" spans="14:14">
      <c r="N350667" s="10"/>
    </row>
    <row r="350668" spans="14:14">
      <c r="N350668" s="10"/>
    </row>
    <row r="350669" spans="14:14">
      <c r="N350669" s="10"/>
    </row>
    <row r="350670" spans="14:14">
      <c r="N350670" s="10"/>
    </row>
    <row r="350671" spans="14:14">
      <c r="N350671" s="10"/>
    </row>
    <row r="350672" spans="14:14">
      <c r="N350672" s="10"/>
    </row>
    <row r="350673" spans="14:14">
      <c r="N350673" s="10"/>
    </row>
    <row r="350674" spans="14:14">
      <c r="N350674" s="10"/>
    </row>
    <row r="350675" spans="14:14">
      <c r="N350675" s="10"/>
    </row>
    <row r="350676" spans="14:14">
      <c r="N350676" s="10"/>
    </row>
    <row r="350677" spans="14:14">
      <c r="N350677" s="10"/>
    </row>
    <row r="350678" spans="14:14">
      <c r="N350678" s="10"/>
    </row>
    <row r="350679" spans="14:14">
      <c r="N350679" s="10"/>
    </row>
    <row r="350680" spans="14:14">
      <c r="N350680" s="10"/>
    </row>
    <row r="350681" spans="14:14">
      <c r="N350681" s="10"/>
    </row>
    <row r="350682" spans="14:14">
      <c r="N350682" s="10"/>
    </row>
    <row r="350683" spans="14:14">
      <c r="N350683" s="10"/>
    </row>
    <row r="350684" spans="14:14">
      <c r="N350684" s="10"/>
    </row>
    <row r="350685" spans="14:14">
      <c r="N350685" s="10"/>
    </row>
    <row r="350686" spans="14:14">
      <c r="N350686" s="10"/>
    </row>
    <row r="350687" spans="14:14">
      <c r="N350687" s="10"/>
    </row>
    <row r="350688" spans="14:14">
      <c r="N350688" s="10"/>
    </row>
    <row r="350689" spans="14:14">
      <c r="N350689" s="10"/>
    </row>
    <row r="350690" spans="14:14">
      <c r="N350690" s="10"/>
    </row>
    <row r="350691" spans="14:14">
      <c r="N350691" s="10"/>
    </row>
    <row r="350692" spans="14:14">
      <c r="N350692" s="10"/>
    </row>
    <row r="350693" spans="14:14">
      <c r="N350693" s="10"/>
    </row>
    <row r="350694" spans="14:14">
      <c r="N350694" s="10"/>
    </row>
    <row r="350695" spans="14:14">
      <c r="N350695" s="10"/>
    </row>
    <row r="350696" spans="14:14">
      <c r="N350696" s="10"/>
    </row>
    <row r="350697" spans="14:14">
      <c r="N350697" s="10"/>
    </row>
    <row r="350698" spans="14:14">
      <c r="N350698" s="10"/>
    </row>
    <row r="350699" spans="14:14">
      <c r="N350699" s="10"/>
    </row>
    <row r="350700" spans="14:14">
      <c r="N350700" s="10"/>
    </row>
    <row r="350701" spans="14:14">
      <c r="N350701" s="10"/>
    </row>
    <row r="350702" spans="14:14">
      <c r="N350702" s="10"/>
    </row>
    <row r="350703" spans="14:14">
      <c r="N350703" s="10"/>
    </row>
    <row r="350704" spans="14:14">
      <c r="N350704" s="10"/>
    </row>
    <row r="350705" spans="14:14">
      <c r="N350705" s="10"/>
    </row>
    <row r="350706" spans="14:14">
      <c r="N350706" s="10"/>
    </row>
    <row r="350707" spans="14:14">
      <c r="N350707" s="10"/>
    </row>
    <row r="350708" spans="14:14">
      <c r="N350708" s="10"/>
    </row>
    <row r="350709" spans="14:14">
      <c r="N350709" s="10"/>
    </row>
    <row r="350710" spans="14:14">
      <c r="N350710" s="10"/>
    </row>
    <row r="350711" spans="14:14">
      <c r="N350711" s="10"/>
    </row>
    <row r="350712" spans="14:14">
      <c r="N350712" s="10"/>
    </row>
    <row r="350713" spans="14:14">
      <c r="N350713" s="10"/>
    </row>
    <row r="350714" spans="14:14">
      <c r="N350714" s="10"/>
    </row>
    <row r="350715" spans="14:14">
      <c r="N350715" s="10"/>
    </row>
    <row r="350716" spans="14:14">
      <c r="N350716" s="10"/>
    </row>
    <row r="350717" spans="14:14">
      <c r="N350717" s="10"/>
    </row>
    <row r="350718" spans="14:14">
      <c r="N350718" s="10"/>
    </row>
    <row r="350719" spans="14:14">
      <c r="N350719" s="10"/>
    </row>
    <row r="350720" spans="14:14">
      <c r="N350720" s="10"/>
    </row>
    <row r="350721" spans="14:14">
      <c r="N350721" s="10"/>
    </row>
    <row r="350722" spans="14:14">
      <c r="N350722" s="10"/>
    </row>
    <row r="350723" spans="14:14">
      <c r="N350723" s="10"/>
    </row>
    <row r="350724" spans="14:14">
      <c r="N350724" s="10"/>
    </row>
    <row r="350725" spans="14:14">
      <c r="N350725" s="10"/>
    </row>
    <row r="350726" spans="14:14">
      <c r="N350726" s="10"/>
    </row>
    <row r="350727" spans="14:14">
      <c r="N350727" s="10"/>
    </row>
    <row r="350728" spans="14:14">
      <c r="N350728" s="10"/>
    </row>
    <row r="350729" spans="14:14">
      <c r="N350729" s="10"/>
    </row>
    <row r="350730" spans="14:14">
      <c r="N350730" s="10"/>
    </row>
    <row r="350731" spans="14:14">
      <c r="N350731" s="10"/>
    </row>
    <row r="350732" spans="14:14">
      <c r="N350732" s="10"/>
    </row>
    <row r="350733" spans="14:14">
      <c r="N350733" s="10"/>
    </row>
    <row r="350734" spans="14:14">
      <c r="N350734" s="10"/>
    </row>
    <row r="350735" spans="14:14">
      <c r="N350735" s="10"/>
    </row>
    <row r="350736" spans="14:14">
      <c r="N350736" s="10"/>
    </row>
    <row r="350737" spans="14:14">
      <c r="N350737" s="10"/>
    </row>
    <row r="350738" spans="14:14">
      <c r="N350738" s="10"/>
    </row>
    <row r="350739" spans="14:14">
      <c r="N350739" s="10"/>
    </row>
    <row r="350740" spans="14:14">
      <c r="N350740" s="10"/>
    </row>
    <row r="350741" spans="14:14">
      <c r="N350741" s="10"/>
    </row>
    <row r="350742" spans="14:14">
      <c r="N350742" s="10"/>
    </row>
    <row r="350743" spans="14:14">
      <c r="N350743" s="10"/>
    </row>
    <row r="350744" spans="14:14">
      <c r="N350744" s="10"/>
    </row>
    <row r="350745" spans="14:14">
      <c r="N350745" s="10"/>
    </row>
    <row r="350746" spans="14:14">
      <c r="N350746" s="10"/>
    </row>
    <row r="350747" spans="14:14">
      <c r="N350747" s="10"/>
    </row>
    <row r="350748" spans="14:14">
      <c r="N350748" s="10"/>
    </row>
    <row r="350749" spans="14:14">
      <c r="N350749" s="10"/>
    </row>
    <row r="350750" spans="14:14">
      <c r="N350750" s="10"/>
    </row>
    <row r="350751" spans="14:14">
      <c r="N350751" s="10"/>
    </row>
    <row r="350752" spans="14:14">
      <c r="N350752" s="10"/>
    </row>
    <row r="350753" spans="14:14">
      <c r="N350753" s="10"/>
    </row>
    <row r="350754" spans="14:14">
      <c r="N350754" s="10"/>
    </row>
    <row r="350755" spans="14:14">
      <c r="N350755" s="10"/>
    </row>
    <row r="350756" spans="14:14">
      <c r="N350756" s="10"/>
    </row>
    <row r="350757" spans="14:14">
      <c r="N350757" s="10"/>
    </row>
    <row r="350758" spans="14:14">
      <c r="N350758" s="10"/>
    </row>
    <row r="350759" spans="14:14">
      <c r="N350759" s="10"/>
    </row>
    <row r="350760" spans="14:14">
      <c r="N350760" s="10"/>
    </row>
    <row r="350761" spans="14:14">
      <c r="N350761" s="10"/>
    </row>
    <row r="350762" spans="14:14">
      <c r="N350762" s="10"/>
    </row>
    <row r="350763" spans="14:14">
      <c r="N350763" s="10"/>
    </row>
    <row r="350764" spans="14:14">
      <c r="N350764" s="10"/>
    </row>
    <row r="350765" spans="14:14">
      <c r="N350765" s="10"/>
    </row>
    <row r="350766" spans="14:14">
      <c r="N350766" s="10"/>
    </row>
    <row r="350767" spans="14:14">
      <c r="N350767" s="10"/>
    </row>
    <row r="350768" spans="14:14">
      <c r="N350768" s="10"/>
    </row>
    <row r="350769" spans="14:14">
      <c r="N350769" s="10"/>
    </row>
    <row r="350770" spans="14:14">
      <c r="N350770" s="10"/>
    </row>
    <row r="350771" spans="14:14">
      <c r="N350771" s="10"/>
    </row>
    <row r="350772" spans="14:14">
      <c r="N350772" s="10"/>
    </row>
    <row r="350773" spans="14:14">
      <c r="N350773" s="10"/>
    </row>
    <row r="350774" spans="14:14">
      <c r="N350774" s="10"/>
    </row>
    <row r="350775" spans="14:14">
      <c r="N350775" s="10"/>
    </row>
    <row r="350776" spans="14:14">
      <c r="N350776" s="10"/>
    </row>
    <row r="350777" spans="14:14">
      <c r="N350777" s="10"/>
    </row>
    <row r="350778" spans="14:14">
      <c r="N350778" s="10"/>
    </row>
    <row r="350779" spans="14:14">
      <c r="N350779" s="10"/>
    </row>
    <row r="350780" spans="14:14">
      <c r="N350780" s="10"/>
    </row>
    <row r="350781" spans="14:14">
      <c r="N350781" s="10"/>
    </row>
    <row r="350782" spans="14:14">
      <c r="N350782" s="10"/>
    </row>
    <row r="350783" spans="14:14">
      <c r="N350783" s="10"/>
    </row>
    <row r="350784" spans="14:14">
      <c r="N350784" s="10"/>
    </row>
    <row r="350785" spans="14:14">
      <c r="N350785" s="10"/>
    </row>
    <row r="350786" spans="14:14">
      <c r="N350786" s="10"/>
    </row>
    <row r="350787" spans="14:14">
      <c r="N350787" s="10"/>
    </row>
    <row r="350788" spans="14:14">
      <c r="N350788" s="10"/>
    </row>
    <row r="350789" spans="14:14">
      <c r="N350789" s="10"/>
    </row>
    <row r="350790" spans="14:14">
      <c r="N350790" s="10"/>
    </row>
    <row r="350791" spans="14:14">
      <c r="N350791" s="10"/>
    </row>
    <row r="350792" spans="14:14">
      <c r="N350792" s="10"/>
    </row>
    <row r="350793" spans="14:14">
      <c r="N350793" s="10"/>
    </row>
    <row r="350794" spans="14:14">
      <c r="N350794" s="10"/>
    </row>
    <row r="350795" spans="14:14">
      <c r="N350795" s="10"/>
    </row>
    <row r="350796" spans="14:14">
      <c r="N350796" s="10"/>
    </row>
    <row r="350797" spans="14:14">
      <c r="N350797" s="10"/>
    </row>
    <row r="350798" spans="14:14">
      <c r="N350798" s="10"/>
    </row>
    <row r="350799" spans="14:14">
      <c r="N350799" s="10"/>
    </row>
    <row r="350800" spans="14:14">
      <c r="N350800" s="10"/>
    </row>
    <row r="350801" spans="14:14">
      <c r="N350801" s="10"/>
    </row>
    <row r="350802" spans="14:14">
      <c r="N350802" s="10"/>
    </row>
    <row r="350803" spans="14:14">
      <c r="N350803" s="10"/>
    </row>
    <row r="350804" spans="14:14">
      <c r="N350804" s="10"/>
    </row>
    <row r="350805" spans="14:14">
      <c r="N350805" s="10"/>
    </row>
    <row r="350806" spans="14:14">
      <c r="N350806" s="10"/>
    </row>
    <row r="350807" spans="14:14">
      <c r="N350807" s="10"/>
    </row>
    <row r="350808" spans="14:14">
      <c r="N350808" s="10"/>
    </row>
    <row r="350809" spans="14:14">
      <c r="N350809" s="10"/>
    </row>
    <row r="350810" spans="14:14">
      <c r="N350810" s="10"/>
    </row>
    <row r="350811" spans="14:14">
      <c r="N350811" s="10"/>
    </row>
    <row r="350812" spans="14:14">
      <c r="N350812" s="10"/>
    </row>
    <row r="350813" spans="14:14">
      <c r="N350813" s="10"/>
    </row>
    <row r="350814" spans="14:14">
      <c r="N350814" s="10"/>
    </row>
    <row r="350815" spans="14:14">
      <c r="N350815" s="10"/>
    </row>
    <row r="350816" spans="14:14">
      <c r="N350816" s="10"/>
    </row>
    <row r="350817" spans="14:14">
      <c r="N350817" s="10"/>
    </row>
    <row r="350818" spans="14:14">
      <c r="N350818" s="10"/>
    </row>
    <row r="350819" spans="14:14">
      <c r="N350819" s="10"/>
    </row>
    <row r="350820" spans="14:14">
      <c r="N350820" s="10"/>
    </row>
    <row r="350821" spans="14:14">
      <c r="N350821" s="10"/>
    </row>
    <row r="350822" spans="14:14">
      <c r="N350822" s="10"/>
    </row>
    <row r="350823" spans="14:14">
      <c r="N350823" s="10"/>
    </row>
    <row r="350824" spans="14:14">
      <c r="N350824" s="10"/>
    </row>
    <row r="350825" spans="14:14">
      <c r="N350825" s="10"/>
    </row>
    <row r="350826" spans="14:14">
      <c r="N350826" s="10"/>
    </row>
    <row r="350827" spans="14:14">
      <c r="N350827" s="10"/>
    </row>
    <row r="350828" spans="14:14">
      <c r="N350828" s="10"/>
    </row>
    <row r="350829" spans="14:14">
      <c r="N350829" s="10"/>
    </row>
    <row r="350830" spans="14:14">
      <c r="N350830" s="10"/>
    </row>
    <row r="350831" spans="14:14">
      <c r="N350831" s="10"/>
    </row>
    <row r="350832" spans="14:14">
      <c r="N350832" s="10"/>
    </row>
    <row r="350833" spans="14:14">
      <c r="N350833" s="10"/>
    </row>
    <row r="350834" spans="14:14">
      <c r="N350834" s="10"/>
    </row>
    <row r="350835" spans="14:14">
      <c r="N350835" s="10"/>
    </row>
    <row r="350836" spans="14:14">
      <c r="N350836" s="10"/>
    </row>
    <row r="350837" spans="14:14">
      <c r="N350837" s="10"/>
    </row>
    <row r="350838" spans="14:14">
      <c r="N350838" s="10"/>
    </row>
    <row r="350839" spans="14:14">
      <c r="N350839" s="10"/>
    </row>
    <row r="350840" spans="14:14">
      <c r="N350840" s="10"/>
    </row>
    <row r="350841" spans="14:14">
      <c r="N350841" s="10"/>
    </row>
    <row r="350842" spans="14:14">
      <c r="N350842" s="10"/>
    </row>
    <row r="350843" spans="14:14">
      <c r="N350843" s="10"/>
    </row>
    <row r="350844" spans="14:14">
      <c r="N350844" s="10"/>
    </row>
    <row r="350845" spans="14:14">
      <c r="N350845" s="10"/>
    </row>
    <row r="350846" spans="14:14">
      <c r="N350846" s="10"/>
    </row>
    <row r="350847" spans="14:14">
      <c r="N350847" s="10"/>
    </row>
    <row r="350848" spans="14:14">
      <c r="N350848" s="10"/>
    </row>
    <row r="350849" spans="14:14">
      <c r="N350849" s="10"/>
    </row>
    <row r="350850" spans="14:14">
      <c r="N350850" s="10"/>
    </row>
    <row r="350851" spans="14:14">
      <c r="N350851" s="10"/>
    </row>
    <row r="350852" spans="14:14">
      <c r="N350852" s="10"/>
    </row>
    <row r="350853" spans="14:14">
      <c r="N350853" s="10"/>
    </row>
    <row r="350854" spans="14:14">
      <c r="N350854" s="10"/>
    </row>
    <row r="350855" spans="14:14">
      <c r="N350855" s="10"/>
    </row>
    <row r="350856" spans="14:14">
      <c r="N350856" s="10"/>
    </row>
    <row r="350857" spans="14:14">
      <c r="N350857" s="10"/>
    </row>
    <row r="350858" spans="14:14">
      <c r="N350858" s="10"/>
    </row>
    <row r="350859" spans="14:14">
      <c r="N350859" s="10"/>
    </row>
    <row r="350860" spans="14:14">
      <c r="N350860" s="10"/>
    </row>
    <row r="350861" spans="14:14">
      <c r="N350861" s="10"/>
    </row>
    <row r="350862" spans="14:14">
      <c r="N350862" s="10"/>
    </row>
    <row r="350863" spans="14:14">
      <c r="N350863" s="10"/>
    </row>
    <row r="350864" spans="14:14">
      <c r="N350864" s="10"/>
    </row>
    <row r="350865" spans="14:14">
      <c r="N350865" s="10"/>
    </row>
    <row r="350866" spans="14:14">
      <c r="N350866" s="10"/>
    </row>
    <row r="350867" spans="14:14">
      <c r="N350867" s="10"/>
    </row>
    <row r="350868" spans="14:14">
      <c r="N350868" s="10"/>
    </row>
    <row r="350869" spans="14:14">
      <c r="N350869" s="10"/>
    </row>
    <row r="350870" spans="14:14">
      <c r="N350870" s="10"/>
    </row>
    <row r="350871" spans="14:14">
      <c r="N350871" s="10"/>
    </row>
    <row r="350872" spans="14:14">
      <c r="N350872" s="10"/>
    </row>
    <row r="350873" spans="14:14">
      <c r="N350873" s="10"/>
    </row>
    <row r="350874" spans="14:14">
      <c r="N350874" s="10"/>
    </row>
    <row r="350875" spans="14:14">
      <c r="N350875" s="10"/>
    </row>
    <row r="350876" spans="14:14">
      <c r="N350876" s="10"/>
    </row>
    <row r="350877" spans="14:14">
      <c r="N350877" s="10"/>
    </row>
    <row r="350878" spans="14:14">
      <c r="N350878" s="10"/>
    </row>
    <row r="350879" spans="14:14">
      <c r="N350879" s="10"/>
    </row>
    <row r="350880" spans="14:14">
      <c r="N350880" s="10"/>
    </row>
    <row r="350881" spans="14:14">
      <c r="N350881" s="10"/>
    </row>
    <row r="350882" spans="14:14">
      <c r="N350882" s="10"/>
    </row>
    <row r="350883" spans="14:14">
      <c r="N350883" s="10"/>
    </row>
    <row r="350884" spans="14:14">
      <c r="N350884" s="10"/>
    </row>
    <row r="350885" spans="14:14">
      <c r="N350885" s="10"/>
    </row>
    <row r="350886" spans="14:14">
      <c r="N350886" s="10"/>
    </row>
    <row r="350887" spans="14:14">
      <c r="N350887" s="10"/>
    </row>
    <row r="350888" spans="14:14">
      <c r="N350888" s="10"/>
    </row>
    <row r="350889" spans="14:14">
      <c r="N350889" s="10"/>
    </row>
    <row r="350890" spans="14:14">
      <c r="N350890" s="10"/>
    </row>
    <row r="350891" spans="14:14">
      <c r="N350891" s="10"/>
    </row>
    <row r="350892" spans="14:14">
      <c r="N350892" s="10"/>
    </row>
    <row r="350893" spans="14:14">
      <c r="N350893" s="10"/>
    </row>
    <row r="350894" spans="14:14">
      <c r="N350894" s="10"/>
    </row>
    <row r="350895" spans="14:14">
      <c r="N350895" s="10"/>
    </row>
    <row r="350896" spans="14:14">
      <c r="N350896" s="10"/>
    </row>
    <row r="350897" spans="14:14">
      <c r="N350897" s="10"/>
    </row>
    <row r="350898" spans="14:14">
      <c r="N350898" s="10"/>
    </row>
    <row r="350899" spans="14:14">
      <c r="N350899" s="10"/>
    </row>
    <row r="350900" spans="14:14">
      <c r="N350900" s="10"/>
    </row>
    <row r="350901" spans="14:14">
      <c r="N350901" s="10"/>
    </row>
    <row r="350902" spans="14:14">
      <c r="N350902" s="10"/>
    </row>
    <row r="350903" spans="14:14">
      <c r="N350903" s="10"/>
    </row>
    <row r="350904" spans="14:14">
      <c r="N350904" s="10"/>
    </row>
    <row r="350905" spans="14:14">
      <c r="N350905" s="10"/>
    </row>
    <row r="350906" spans="14:14">
      <c r="N350906" s="10"/>
    </row>
    <row r="350907" spans="14:14">
      <c r="N350907" s="10"/>
    </row>
    <row r="350908" spans="14:14">
      <c r="N350908" s="10"/>
    </row>
    <row r="350909" spans="14:14">
      <c r="N350909" s="10"/>
    </row>
    <row r="350910" spans="14:14">
      <c r="N350910" s="10"/>
    </row>
    <row r="350911" spans="14:14">
      <c r="N350911" s="10"/>
    </row>
    <row r="350912" spans="14:14">
      <c r="N350912" s="10"/>
    </row>
    <row r="350913" spans="14:14">
      <c r="N350913" s="10"/>
    </row>
    <row r="350914" spans="14:14">
      <c r="N350914" s="10"/>
    </row>
    <row r="350915" spans="14:14">
      <c r="N350915" s="10"/>
    </row>
    <row r="350916" spans="14:14">
      <c r="N350916" s="10"/>
    </row>
    <row r="350917" spans="14:14">
      <c r="N350917" s="10"/>
    </row>
    <row r="350918" spans="14:14">
      <c r="N350918" s="10"/>
    </row>
    <row r="350919" spans="14:14">
      <c r="N350919" s="10"/>
    </row>
    <row r="350920" spans="14:14">
      <c r="N350920" s="10"/>
    </row>
    <row r="350921" spans="14:14">
      <c r="N350921" s="10"/>
    </row>
    <row r="350922" spans="14:14">
      <c r="N350922" s="10"/>
    </row>
    <row r="350923" spans="14:14">
      <c r="N350923" s="10"/>
    </row>
    <row r="350924" spans="14:14">
      <c r="N350924" s="10"/>
    </row>
    <row r="350925" spans="14:14">
      <c r="N350925" s="10"/>
    </row>
    <row r="350926" spans="14:14">
      <c r="N350926" s="10"/>
    </row>
    <row r="350927" spans="14:14">
      <c r="N350927" s="10"/>
    </row>
    <row r="350928" spans="14:14">
      <c r="N350928" s="10"/>
    </row>
    <row r="350929" spans="14:14">
      <c r="N350929" s="10"/>
    </row>
    <row r="350930" spans="14:14">
      <c r="N350930" s="10"/>
    </row>
    <row r="350931" spans="14:14">
      <c r="N350931" s="10"/>
    </row>
    <row r="350932" spans="14:14">
      <c r="N350932" s="10"/>
    </row>
    <row r="350933" spans="14:14">
      <c r="N350933" s="10"/>
    </row>
    <row r="350934" spans="14:14">
      <c r="N350934" s="10"/>
    </row>
    <row r="350935" spans="14:14">
      <c r="N350935" s="10"/>
    </row>
    <row r="350936" spans="14:14">
      <c r="N350936" s="10"/>
    </row>
    <row r="350937" spans="14:14">
      <c r="N350937" s="10"/>
    </row>
    <row r="350938" spans="14:14">
      <c r="N350938" s="10"/>
    </row>
    <row r="350939" spans="14:14">
      <c r="N350939" s="10"/>
    </row>
    <row r="350940" spans="14:14">
      <c r="N350940" s="10"/>
    </row>
    <row r="350941" spans="14:14">
      <c r="N350941" s="10"/>
    </row>
    <row r="350942" spans="14:14">
      <c r="N350942" s="10"/>
    </row>
    <row r="350943" spans="14:14">
      <c r="N350943" s="10"/>
    </row>
    <row r="350944" spans="14:14">
      <c r="N350944" s="10"/>
    </row>
    <row r="350945" spans="14:14">
      <c r="N350945" s="10"/>
    </row>
    <row r="350946" spans="14:14">
      <c r="N350946" s="10"/>
    </row>
    <row r="350947" spans="14:14">
      <c r="N350947" s="10"/>
    </row>
    <row r="350948" spans="14:14">
      <c r="N350948" s="10"/>
    </row>
    <row r="350949" spans="14:14">
      <c r="N350949" s="10"/>
    </row>
    <row r="350950" spans="14:14">
      <c r="N350950" s="10"/>
    </row>
    <row r="350951" spans="14:14">
      <c r="N350951" s="10"/>
    </row>
    <row r="350952" spans="14:14">
      <c r="N350952" s="10"/>
    </row>
    <row r="350953" spans="14:14">
      <c r="N350953" s="10"/>
    </row>
    <row r="350954" spans="14:14">
      <c r="N350954" s="10"/>
    </row>
    <row r="350955" spans="14:14">
      <c r="N350955" s="10"/>
    </row>
    <row r="350956" spans="14:14">
      <c r="N350956" s="10"/>
    </row>
    <row r="350957" spans="14:14">
      <c r="N350957" s="10"/>
    </row>
    <row r="350958" spans="14:14">
      <c r="N350958" s="10"/>
    </row>
    <row r="350959" spans="14:14">
      <c r="N350959" s="10"/>
    </row>
    <row r="350960" spans="14:14">
      <c r="N350960" s="10"/>
    </row>
    <row r="350961" spans="14:14">
      <c r="N350961" s="10"/>
    </row>
    <row r="350962" spans="14:14">
      <c r="N350962" s="10"/>
    </row>
    <row r="350963" spans="14:14">
      <c r="N350963" s="10"/>
    </row>
    <row r="350964" spans="14:14">
      <c r="N350964" s="10"/>
    </row>
    <row r="350965" spans="14:14">
      <c r="N350965" s="10"/>
    </row>
    <row r="350966" spans="14:14">
      <c r="N350966" s="10"/>
    </row>
    <row r="350967" spans="14:14">
      <c r="N350967" s="10"/>
    </row>
    <row r="350968" spans="14:14">
      <c r="N350968" s="10"/>
    </row>
    <row r="350969" spans="14:14">
      <c r="N350969" s="10"/>
    </row>
    <row r="350970" spans="14:14">
      <c r="N350970" s="10"/>
    </row>
    <row r="350971" spans="14:14">
      <c r="N350971" s="10"/>
    </row>
    <row r="350972" spans="14:14">
      <c r="N350972" s="10"/>
    </row>
    <row r="350973" spans="14:14">
      <c r="N350973" s="10"/>
    </row>
    <row r="350974" spans="14:14">
      <c r="N350974" s="10"/>
    </row>
    <row r="350975" spans="14:14">
      <c r="N350975" s="10"/>
    </row>
    <row r="350976" spans="14:14">
      <c r="N350976" s="10"/>
    </row>
    <row r="350977" spans="14:14">
      <c r="N350977" s="10"/>
    </row>
    <row r="350978" spans="14:14">
      <c r="N350978" s="10"/>
    </row>
    <row r="350979" spans="14:14">
      <c r="N350979" s="10"/>
    </row>
    <row r="350980" spans="14:14">
      <c r="N350980" s="10"/>
    </row>
    <row r="350981" spans="14:14">
      <c r="N350981" s="10"/>
    </row>
    <row r="350982" spans="14:14">
      <c r="N350982" s="10"/>
    </row>
    <row r="350983" spans="14:14">
      <c r="N350983" s="10"/>
    </row>
    <row r="350984" spans="14:14">
      <c r="N350984" s="10"/>
    </row>
    <row r="350985" spans="14:14">
      <c r="N350985" s="10"/>
    </row>
    <row r="350986" spans="14:14">
      <c r="N350986" s="10"/>
    </row>
    <row r="350987" spans="14:14">
      <c r="N350987" s="10"/>
    </row>
    <row r="350988" spans="14:14">
      <c r="N350988" s="10"/>
    </row>
    <row r="350989" spans="14:14">
      <c r="N350989" s="10"/>
    </row>
    <row r="350990" spans="14:14">
      <c r="N350990" s="10"/>
    </row>
    <row r="350991" spans="14:14">
      <c r="N350991" s="10"/>
    </row>
    <row r="350992" spans="14:14">
      <c r="N350992" s="10"/>
    </row>
    <row r="350993" spans="14:14">
      <c r="N350993" s="10"/>
    </row>
    <row r="350994" spans="14:14">
      <c r="N350994" s="10"/>
    </row>
    <row r="350995" spans="14:14">
      <c r="N350995" s="10"/>
    </row>
    <row r="350996" spans="14:14">
      <c r="N350996" s="10"/>
    </row>
    <row r="350997" spans="14:14">
      <c r="N350997" s="10"/>
    </row>
    <row r="350998" spans="14:14">
      <c r="N350998" s="10"/>
    </row>
    <row r="350999" spans="14:14">
      <c r="N350999" s="10"/>
    </row>
    <row r="351000" spans="14:14">
      <c r="N351000" s="10"/>
    </row>
    <row r="351001" spans="14:14">
      <c r="N351001" s="10"/>
    </row>
    <row r="351002" spans="14:14">
      <c r="N351002" s="10"/>
    </row>
    <row r="351003" spans="14:14">
      <c r="N351003" s="10"/>
    </row>
    <row r="351004" spans="14:14">
      <c r="N351004" s="10"/>
    </row>
    <row r="351005" spans="14:14">
      <c r="N351005" s="10"/>
    </row>
    <row r="351006" spans="14:14">
      <c r="N351006" s="10"/>
    </row>
    <row r="351007" spans="14:14">
      <c r="N351007" s="10"/>
    </row>
    <row r="351008" spans="14:14">
      <c r="N351008" s="10"/>
    </row>
    <row r="351009" spans="14:14">
      <c r="N351009" s="10"/>
    </row>
    <row r="351010" spans="14:14">
      <c r="N351010" s="10"/>
    </row>
    <row r="351011" spans="14:14">
      <c r="N351011" s="10"/>
    </row>
    <row r="351012" spans="14:14">
      <c r="N351012" s="10"/>
    </row>
    <row r="351013" spans="14:14">
      <c r="N351013" s="10"/>
    </row>
    <row r="351014" spans="14:14">
      <c r="N351014" s="10"/>
    </row>
    <row r="351015" spans="14:14">
      <c r="N351015" s="10"/>
    </row>
    <row r="351016" spans="14:14">
      <c r="N351016" s="10"/>
    </row>
    <row r="351017" spans="14:14">
      <c r="N351017" s="10"/>
    </row>
    <row r="351018" spans="14:14">
      <c r="N351018" s="10"/>
    </row>
    <row r="351019" spans="14:14">
      <c r="N351019" s="10"/>
    </row>
    <row r="351020" spans="14:14">
      <c r="N351020" s="10"/>
    </row>
    <row r="351021" spans="14:14">
      <c r="N351021" s="10"/>
    </row>
    <row r="351022" spans="14:14">
      <c r="N351022" s="10"/>
    </row>
    <row r="351023" spans="14:14">
      <c r="N351023" s="10"/>
    </row>
    <row r="351024" spans="14:14">
      <c r="N351024" s="10"/>
    </row>
    <row r="351025" spans="14:14">
      <c r="N351025" s="10"/>
    </row>
    <row r="351026" spans="14:14">
      <c r="N351026" s="10"/>
    </row>
    <row r="351027" spans="14:14">
      <c r="N351027" s="10"/>
    </row>
    <row r="351028" spans="14:14">
      <c r="N351028" s="10"/>
    </row>
    <row r="351029" spans="14:14">
      <c r="N351029" s="10"/>
    </row>
    <row r="351030" spans="14:14">
      <c r="N351030" s="10"/>
    </row>
    <row r="351031" spans="14:14">
      <c r="N351031" s="10"/>
    </row>
    <row r="351032" spans="14:14">
      <c r="N351032" s="10"/>
    </row>
    <row r="351033" spans="14:14">
      <c r="N351033" s="10"/>
    </row>
    <row r="351034" spans="14:14">
      <c r="N351034" s="10"/>
    </row>
    <row r="351035" spans="14:14">
      <c r="N351035" s="10"/>
    </row>
    <row r="351036" spans="14:14">
      <c r="N351036" s="10"/>
    </row>
    <row r="351037" spans="14:14">
      <c r="N351037" s="10"/>
    </row>
    <row r="351038" spans="14:14">
      <c r="N351038" s="10"/>
    </row>
    <row r="351039" spans="14:14">
      <c r="N351039" s="10"/>
    </row>
    <row r="351040" spans="14:14">
      <c r="N351040" s="10"/>
    </row>
    <row r="351041" spans="14:14">
      <c r="N351041" s="10"/>
    </row>
    <row r="351042" spans="14:14">
      <c r="N351042" s="10"/>
    </row>
    <row r="351043" spans="14:14">
      <c r="N351043" s="10"/>
    </row>
    <row r="351044" spans="14:14">
      <c r="N351044" s="10"/>
    </row>
    <row r="351045" spans="14:14">
      <c r="N351045" s="10"/>
    </row>
    <row r="351046" spans="14:14">
      <c r="N351046" s="10"/>
    </row>
    <row r="351047" spans="14:14">
      <c r="N351047" s="10"/>
    </row>
    <row r="351048" spans="14:14">
      <c r="N351048" s="10"/>
    </row>
    <row r="351049" spans="14:14">
      <c r="N351049" s="10"/>
    </row>
    <row r="351050" spans="14:14">
      <c r="N351050" s="10"/>
    </row>
    <row r="351051" spans="14:14">
      <c r="N351051" s="10"/>
    </row>
    <row r="351052" spans="14:14">
      <c r="N351052" s="10"/>
    </row>
    <row r="351053" spans="14:14">
      <c r="N351053" s="10"/>
    </row>
    <row r="351054" spans="14:14">
      <c r="N351054" s="10"/>
    </row>
    <row r="351055" spans="14:14">
      <c r="N351055" s="10"/>
    </row>
    <row r="351056" spans="14:14">
      <c r="N351056" s="10"/>
    </row>
    <row r="351057" spans="14:14">
      <c r="N351057" s="10"/>
    </row>
    <row r="351058" spans="14:14">
      <c r="N351058" s="10"/>
    </row>
    <row r="351059" spans="14:14">
      <c r="N351059" s="10"/>
    </row>
    <row r="351060" spans="14:14">
      <c r="N351060" s="10"/>
    </row>
    <row r="351061" spans="14:14">
      <c r="N351061" s="10"/>
    </row>
    <row r="351062" spans="14:14">
      <c r="N351062" s="10"/>
    </row>
    <row r="351063" spans="14:14">
      <c r="N351063" s="10"/>
    </row>
    <row r="351064" spans="14:14">
      <c r="N351064" s="10"/>
    </row>
    <row r="351065" spans="14:14">
      <c r="N351065" s="10"/>
    </row>
    <row r="351066" spans="14:14">
      <c r="N351066" s="10"/>
    </row>
    <row r="351067" spans="14:14">
      <c r="N351067" s="10"/>
    </row>
    <row r="351068" spans="14:14">
      <c r="N351068" s="10"/>
    </row>
    <row r="351069" spans="14:14">
      <c r="N351069" s="10"/>
    </row>
    <row r="351070" spans="14:14">
      <c r="N351070" s="10"/>
    </row>
    <row r="351071" spans="14:14">
      <c r="N351071" s="10"/>
    </row>
    <row r="351072" spans="14:14">
      <c r="N351072" s="10"/>
    </row>
    <row r="351073" spans="14:14">
      <c r="N351073" s="10"/>
    </row>
    <row r="351074" spans="14:14">
      <c r="N351074" s="10"/>
    </row>
    <row r="351075" spans="14:14">
      <c r="N351075" s="10"/>
    </row>
    <row r="351076" spans="14:14">
      <c r="N351076" s="10"/>
    </row>
    <row r="351077" spans="14:14">
      <c r="N351077" s="10"/>
    </row>
    <row r="351078" spans="14:14">
      <c r="N351078" s="10"/>
    </row>
    <row r="351079" spans="14:14">
      <c r="N351079" s="10"/>
    </row>
    <row r="351080" spans="14:14">
      <c r="N351080" s="10"/>
    </row>
    <row r="351081" spans="14:14">
      <c r="N351081" s="10"/>
    </row>
    <row r="351082" spans="14:14">
      <c r="N351082" s="10"/>
    </row>
    <row r="351083" spans="14:14">
      <c r="N351083" s="10"/>
    </row>
    <row r="351084" spans="14:14">
      <c r="N351084" s="10"/>
    </row>
    <row r="351085" spans="14:14">
      <c r="N351085" s="10"/>
    </row>
    <row r="351086" spans="14:14">
      <c r="N351086" s="10"/>
    </row>
    <row r="351087" spans="14:14">
      <c r="N351087" s="10"/>
    </row>
    <row r="351088" spans="14:14">
      <c r="N351088" s="10"/>
    </row>
    <row r="351089" spans="14:14">
      <c r="N351089" s="10"/>
    </row>
    <row r="351090" spans="14:14">
      <c r="N351090" s="10"/>
    </row>
    <row r="351091" spans="14:14">
      <c r="N351091" s="10"/>
    </row>
    <row r="351092" spans="14:14">
      <c r="N351092" s="10"/>
    </row>
    <row r="351093" spans="14:14">
      <c r="N351093" s="10"/>
    </row>
    <row r="351094" spans="14:14">
      <c r="N351094" s="10"/>
    </row>
    <row r="351095" spans="14:14">
      <c r="N351095" s="10"/>
    </row>
    <row r="351096" spans="14:14">
      <c r="N351096" s="10"/>
    </row>
    <row r="351097" spans="14:14">
      <c r="N351097" s="10"/>
    </row>
    <row r="351098" spans="14:14">
      <c r="N351098" s="10"/>
    </row>
    <row r="351099" spans="14:14">
      <c r="N351099" s="10"/>
    </row>
    <row r="351100" spans="14:14">
      <c r="N351100" s="10"/>
    </row>
    <row r="351101" spans="14:14">
      <c r="N351101" s="10"/>
    </row>
    <row r="351102" spans="14:14">
      <c r="N351102" s="10"/>
    </row>
    <row r="351103" spans="14:14">
      <c r="N351103" s="10"/>
    </row>
    <row r="351104" spans="14:14">
      <c r="N351104" s="10"/>
    </row>
    <row r="351105" spans="14:14">
      <c r="N351105" s="10"/>
    </row>
    <row r="351106" spans="14:14">
      <c r="N351106" s="10"/>
    </row>
    <row r="351107" spans="14:14">
      <c r="N351107" s="10"/>
    </row>
    <row r="351108" spans="14:14">
      <c r="N351108" s="10"/>
    </row>
    <row r="351109" spans="14:14">
      <c r="N351109" s="10"/>
    </row>
    <row r="351110" spans="14:14">
      <c r="N351110" s="10"/>
    </row>
    <row r="351111" spans="14:14">
      <c r="N351111" s="10"/>
    </row>
    <row r="351112" spans="14:14">
      <c r="N351112" s="10"/>
    </row>
    <row r="351113" spans="14:14">
      <c r="N351113" s="10"/>
    </row>
    <row r="351114" spans="14:14">
      <c r="N351114" s="10"/>
    </row>
    <row r="351115" spans="14:14">
      <c r="N351115" s="10"/>
    </row>
    <row r="351116" spans="14:14">
      <c r="N351116" s="10"/>
    </row>
    <row r="351117" spans="14:14">
      <c r="N351117" s="10"/>
    </row>
    <row r="351118" spans="14:14">
      <c r="N351118" s="10"/>
    </row>
    <row r="351119" spans="14:14">
      <c r="N351119" s="10"/>
    </row>
    <row r="351120" spans="14:14">
      <c r="N351120" s="10"/>
    </row>
    <row r="351121" spans="14:14">
      <c r="N351121" s="10"/>
    </row>
    <row r="351122" spans="14:14">
      <c r="N351122" s="10"/>
    </row>
    <row r="351123" spans="14:14">
      <c r="N351123" s="10"/>
    </row>
    <row r="351124" spans="14:14">
      <c r="N351124" s="10"/>
    </row>
    <row r="351125" spans="14:14">
      <c r="N351125" s="10"/>
    </row>
    <row r="351126" spans="14:14">
      <c r="N351126" s="10"/>
    </row>
    <row r="351127" spans="14:14">
      <c r="N351127" s="10"/>
    </row>
    <row r="351128" spans="14:14">
      <c r="N351128" s="10"/>
    </row>
    <row r="351129" spans="14:14">
      <c r="N351129" s="10"/>
    </row>
    <row r="351130" spans="14:14">
      <c r="N351130" s="10"/>
    </row>
    <row r="351131" spans="14:14">
      <c r="N351131" s="10"/>
    </row>
    <row r="351132" spans="14:14">
      <c r="N351132" s="10"/>
    </row>
    <row r="351133" spans="14:14">
      <c r="N351133" s="10"/>
    </row>
    <row r="351134" spans="14:14">
      <c r="N351134" s="10"/>
    </row>
    <row r="351135" spans="14:14">
      <c r="N351135" s="10"/>
    </row>
    <row r="351136" spans="14:14">
      <c r="N351136" s="10"/>
    </row>
    <row r="351137" spans="14:14">
      <c r="N351137" s="10"/>
    </row>
    <row r="351138" spans="14:14">
      <c r="N351138" s="10"/>
    </row>
    <row r="351139" spans="14:14">
      <c r="N351139" s="10"/>
    </row>
    <row r="351140" spans="14:14">
      <c r="N351140" s="10"/>
    </row>
    <row r="351141" spans="14:14">
      <c r="N351141" s="10"/>
    </row>
    <row r="351142" spans="14:14">
      <c r="N351142" s="10"/>
    </row>
    <row r="351143" spans="14:14">
      <c r="N351143" s="10"/>
    </row>
    <row r="351144" spans="14:14">
      <c r="N351144" s="10"/>
    </row>
    <row r="351145" spans="14:14">
      <c r="N351145" s="10"/>
    </row>
    <row r="351146" spans="14:14">
      <c r="N351146" s="10"/>
    </row>
    <row r="351147" spans="14:14">
      <c r="N351147" s="10"/>
    </row>
    <row r="351148" spans="14:14">
      <c r="N351148" s="10"/>
    </row>
    <row r="351149" spans="14:14">
      <c r="N351149" s="10"/>
    </row>
    <row r="351150" spans="14:14">
      <c r="N351150" s="10"/>
    </row>
    <row r="351151" spans="14:14">
      <c r="N351151" s="10"/>
    </row>
    <row r="351152" spans="14:14">
      <c r="N351152" s="10"/>
    </row>
    <row r="351153" spans="14:14">
      <c r="N351153" s="10"/>
    </row>
    <row r="351154" spans="14:14">
      <c r="N351154" s="10"/>
    </row>
    <row r="351155" spans="14:14">
      <c r="N351155" s="10"/>
    </row>
    <row r="351156" spans="14:14">
      <c r="N351156" s="10"/>
    </row>
    <row r="351157" spans="14:14">
      <c r="N351157" s="10"/>
    </row>
    <row r="351158" spans="14:14">
      <c r="N351158" s="10"/>
    </row>
    <row r="351159" spans="14:14">
      <c r="N351159" s="10"/>
    </row>
    <row r="351160" spans="14:14">
      <c r="N351160" s="10"/>
    </row>
    <row r="351161" spans="14:14">
      <c r="N351161" s="10"/>
    </row>
    <row r="351162" spans="14:14">
      <c r="N351162" s="10"/>
    </row>
    <row r="351163" spans="14:14">
      <c r="N351163" s="10"/>
    </row>
    <row r="351164" spans="14:14">
      <c r="N351164" s="10"/>
    </row>
    <row r="351165" spans="14:14">
      <c r="N351165" s="10"/>
    </row>
    <row r="351166" spans="14:14">
      <c r="N351166" s="10"/>
    </row>
    <row r="351167" spans="14:14">
      <c r="N351167" s="10"/>
    </row>
    <row r="351168" spans="14:14">
      <c r="N351168" s="10"/>
    </row>
    <row r="351169" spans="14:14">
      <c r="N351169" s="10"/>
    </row>
    <row r="351170" spans="14:14">
      <c r="N351170" s="10"/>
    </row>
    <row r="351171" spans="14:14">
      <c r="N351171" s="10"/>
    </row>
    <row r="351172" spans="14:14">
      <c r="N351172" s="10"/>
    </row>
    <row r="351173" spans="14:14">
      <c r="N351173" s="10"/>
    </row>
    <row r="351174" spans="14:14">
      <c r="N351174" s="10"/>
    </row>
    <row r="351175" spans="14:14">
      <c r="N351175" s="10"/>
    </row>
    <row r="351176" spans="14:14">
      <c r="N351176" s="10"/>
    </row>
    <row r="351177" spans="14:14">
      <c r="N351177" s="10"/>
    </row>
    <row r="351178" spans="14:14">
      <c r="N351178" s="10"/>
    </row>
    <row r="351179" spans="14:14">
      <c r="N351179" s="10"/>
    </row>
    <row r="351180" spans="14:14">
      <c r="N351180" s="10"/>
    </row>
    <row r="351181" spans="14:14">
      <c r="N351181" s="10"/>
    </row>
    <row r="351182" spans="14:14">
      <c r="N351182" s="10"/>
    </row>
    <row r="351183" spans="14:14">
      <c r="N351183" s="10"/>
    </row>
    <row r="351184" spans="14:14">
      <c r="N351184" s="10"/>
    </row>
    <row r="351185" spans="14:14">
      <c r="N351185" s="10"/>
    </row>
    <row r="351186" spans="14:14">
      <c r="N351186" s="10"/>
    </row>
    <row r="351187" spans="14:14">
      <c r="N351187" s="10"/>
    </row>
    <row r="351188" spans="14:14">
      <c r="N351188" s="10"/>
    </row>
    <row r="351189" spans="14:14">
      <c r="N351189" s="10"/>
    </row>
    <row r="351190" spans="14:14">
      <c r="N351190" s="10"/>
    </row>
    <row r="351191" spans="14:14">
      <c r="N351191" s="10"/>
    </row>
    <row r="351192" spans="14:14">
      <c r="N351192" s="10"/>
    </row>
    <row r="351193" spans="14:14">
      <c r="N351193" s="10"/>
    </row>
    <row r="351194" spans="14:14">
      <c r="N351194" s="10"/>
    </row>
    <row r="351195" spans="14:14">
      <c r="N351195" s="10"/>
    </row>
    <row r="351196" spans="14:14">
      <c r="N351196" s="10"/>
    </row>
    <row r="351197" spans="14:14">
      <c r="N351197" s="10"/>
    </row>
    <row r="351198" spans="14:14">
      <c r="N351198" s="10"/>
    </row>
    <row r="351199" spans="14:14">
      <c r="N351199" s="10"/>
    </row>
    <row r="351200" spans="14:14">
      <c r="N351200" s="10"/>
    </row>
    <row r="351201" spans="14:14">
      <c r="N351201" s="10"/>
    </row>
    <row r="351202" spans="14:14">
      <c r="N351202" s="10"/>
    </row>
    <row r="351203" spans="14:14">
      <c r="N351203" s="10"/>
    </row>
    <row r="351204" spans="14:14">
      <c r="N351204" s="10"/>
    </row>
    <row r="351205" spans="14:14">
      <c r="N351205" s="10"/>
    </row>
    <row r="351206" spans="14:14">
      <c r="N351206" s="10"/>
    </row>
    <row r="351207" spans="14:14">
      <c r="N351207" s="10"/>
    </row>
    <row r="351208" spans="14:14">
      <c r="N351208" s="10"/>
    </row>
    <row r="351209" spans="14:14">
      <c r="N351209" s="10"/>
    </row>
    <row r="351210" spans="14:14">
      <c r="N351210" s="10"/>
    </row>
    <row r="351211" spans="14:14">
      <c r="N351211" s="10"/>
    </row>
    <row r="351212" spans="14:14">
      <c r="N351212" s="10"/>
    </row>
    <row r="351213" spans="14:14">
      <c r="N351213" s="10"/>
    </row>
    <row r="351214" spans="14:14">
      <c r="N351214" s="10"/>
    </row>
    <row r="351215" spans="14:14">
      <c r="N351215" s="10"/>
    </row>
    <row r="351216" spans="14:14">
      <c r="N351216" s="10"/>
    </row>
    <row r="351217" spans="14:14">
      <c r="N351217" s="10"/>
    </row>
    <row r="351218" spans="14:14">
      <c r="N351218" s="10"/>
    </row>
    <row r="351219" spans="14:14">
      <c r="N351219" s="10"/>
    </row>
    <row r="351220" spans="14:14">
      <c r="N351220" s="10"/>
    </row>
    <row r="351221" spans="14:14">
      <c r="N351221" s="10"/>
    </row>
    <row r="351222" spans="14:14">
      <c r="N351222" s="10"/>
    </row>
    <row r="351223" spans="14:14">
      <c r="N351223" s="10"/>
    </row>
    <row r="351224" spans="14:14">
      <c r="N351224" s="10"/>
    </row>
    <row r="351225" spans="14:14">
      <c r="N351225" s="10"/>
    </row>
    <row r="351226" spans="14:14">
      <c r="N351226" s="10"/>
    </row>
    <row r="351227" spans="14:14">
      <c r="N351227" s="10"/>
    </row>
    <row r="351228" spans="14:14">
      <c r="N351228" s="10"/>
    </row>
    <row r="351229" spans="14:14">
      <c r="N351229" s="10"/>
    </row>
    <row r="351230" spans="14:14">
      <c r="N351230" s="10"/>
    </row>
    <row r="351231" spans="14:14">
      <c r="N351231" s="10"/>
    </row>
    <row r="351232" spans="14:14">
      <c r="N351232" s="10"/>
    </row>
    <row r="351233" spans="14:14">
      <c r="N351233" s="10"/>
    </row>
    <row r="351234" spans="14:14">
      <c r="N351234" s="10"/>
    </row>
    <row r="351235" spans="14:14">
      <c r="N351235" s="10"/>
    </row>
    <row r="351236" spans="14:14">
      <c r="N351236" s="10"/>
    </row>
    <row r="351237" spans="14:14">
      <c r="N351237" s="10"/>
    </row>
    <row r="351238" spans="14:14">
      <c r="N351238" s="10"/>
    </row>
    <row r="351239" spans="14:14">
      <c r="N351239" s="10"/>
    </row>
    <row r="351240" spans="14:14">
      <c r="N351240" s="10"/>
    </row>
    <row r="351241" spans="14:14">
      <c r="N351241" s="10"/>
    </row>
    <row r="351242" spans="14:14">
      <c r="N351242" s="10"/>
    </row>
    <row r="351243" spans="14:14">
      <c r="N351243" s="10"/>
    </row>
    <row r="351244" spans="14:14">
      <c r="N351244" s="10"/>
    </row>
    <row r="351245" spans="14:14">
      <c r="N351245" s="10"/>
    </row>
    <row r="351246" spans="14:14">
      <c r="N351246" s="10"/>
    </row>
    <row r="351247" spans="14:14">
      <c r="N351247" s="10"/>
    </row>
    <row r="351248" spans="14:14">
      <c r="N351248" s="10"/>
    </row>
    <row r="351249" spans="14:14">
      <c r="N351249" s="10"/>
    </row>
    <row r="351250" spans="14:14">
      <c r="N351250" s="10"/>
    </row>
    <row r="351251" spans="14:14">
      <c r="N351251" s="10"/>
    </row>
    <row r="351252" spans="14:14">
      <c r="N351252" s="10"/>
    </row>
    <row r="351253" spans="14:14">
      <c r="N351253" s="10"/>
    </row>
    <row r="351254" spans="14:14">
      <c r="N351254" s="10"/>
    </row>
    <row r="351255" spans="14:14">
      <c r="N351255" s="10"/>
    </row>
    <row r="351256" spans="14:14">
      <c r="N351256" s="10"/>
    </row>
    <row r="351257" spans="14:14">
      <c r="N351257" s="10"/>
    </row>
    <row r="351258" spans="14:14">
      <c r="N351258" s="10"/>
    </row>
    <row r="351259" spans="14:14">
      <c r="N351259" s="10"/>
    </row>
    <row r="351260" spans="14:14">
      <c r="N351260" s="10"/>
    </row>
    <row r="351261" spans="14:14">
      <c r="N351261" s="10"/>
    </row>
    <row r="351262" spans="14:14">
      <c r="N351262" s="10"/>
    </row>
    <row r="351263" spans="14:14">
      <c r="N351263" s="10"/>
    </row>
    <row r="351264" spans="14:14">
      <c r="N351264" s="10"/>
    </row>
    <row r="351265" spans="14:14">
      <c r="N351265" s="10"/>
    </row>
    <row r="351266" spans="14:14">
      <c r="N351266" s="10"/>
    </row>
    <row r="351267" spans="14:14">
      <c r="N351267" s="10"/>
    </row>
    <row r="351268" spans="14:14">
      <c r="N351268" s="10"/>
    </row>
    <row r="351269" spans="14:14">
      <c r="N351269" s="10"/>
    </row>
    <row r="351270" spans="14:14">
      <c r="N351270" s="10"/>
    </row>
    <row r="351271" spans="14:14">
      <c r="N351271" s="10"/>
    </row>
    <row r="351272" spans="14:14">
      <c r="N351272" s="10"/>
    </row>
    <row r="351273" spans="14:14">
      <c r="N351273" s="10"/>
    </row>
    <row r="351274" spans="14:14">
      <c r="N351274" s="10"/>
    </row>
    <row r="351275" spans="14:14">
      <c r="N351275" s="10"/>
    </row>
    <row r="351276" spans="14:14">
      <c r="N351276" s="10"/>
    </row>
    <row r="351277" spans="14:14">
      <c r="N351277" s="10"/>
    </row>
    <row r="351278" spans="14:14">
      <c r="N351278" s="10"/>
    </row>
    <row r="351279" spans="14:14">
      <c r="N351279" s="10"/>
    </row>
    <row r="351280" spans="14:14">
      <c r="N351280" s="10"/>
    </row>
    <row r="351281" spans="14:14">
      <c r="N351281" s="10"/>
    </row>
    <row r="351282" spans="14:14">
      <c r="N351282" s="10"/>
    </row>
    <row r="351283" spans="14:14">
      <c r="N351283" s="10"/>
    </row>
    <row r="351284" spans="14:14">
      <c r="N351284" s="10"/>
    </row>
    <row r="351285" spans="14:14">
      <c r="N351285" s="10"/>
    </row>
    <row r="351286" spans="14:14">
      <c r="N351286" s="10"/>
    </row>
    <row r="351287" spans="14:14">
      <c r="N351287" s="10"/>
    </row>
    <row r="351288" spans="14:14">
      <c r="N351288" s="10"/>
    </row>
    <row r="351289" spans="14:14">
      <c r="N351289" s="10"/>
    </row>
    <row r="351290" spans="14:14">
      <c r="N351290" s="10"/>
    </row>
    <row r="351291" spans="14:14">
      <c r="N351291" s="10"/>
    </row>
    <row r="351292" spans="14:14">
      <c r="N351292" s="10"/>
    </row>
    <row r="351293" spans="14:14">
      <c r="N351293" s="10"/>
    </row>
    <row r="351294" spans="14:14">
      <c r="N351294" s="10"/>
    </row>
    <row r="351295" spans="14:14">
      <c r="N351295" s="10"/>
    </row>
    <row r="351296" spans="14:14">
      <c r="N351296" s="10"/>
    </row>
    <row r="351297" spans="14:14">
      <c r="N351297" s="10"/>
    </row>
    <row r="351298" spans="14:14">
      <c r="N351298" s="10"/>
    </row>
    <row r="351299" spans="14:14">
      <c r="N351299" s="10"/>
    </row>
    <row r="351300" spans="14:14">
      <c r="N351300" s="10"/>
    </row>
    <row r="351301" spans="14:14">
      <c r="N351301" s="10"/>
    </row>
    <row r="351302" spans="14:14">
      <c r="N351302" s="10"/>
    </row>
    <row r="351303" spans="14:14">
      <c r="N351303" s="10"/>
    </row>
    <row r="351304" spans="14:14">
      <c r="N351304" s="10"/>
    </row>
    <row r="351305" spans="14:14">
      <c r="N351305" s="10"/>
    </row>
    <row r="351306" spans="14:14">
      <c r="N351306" s="10"/>
    </row>
    <row r="351307" spans="14:14">
      <c r="N351307" s="10"/>
    </row>
    <row r="351308" spans="14:14">
      <c r="N351308" s="10"/>
    </row>
    <row r="351309" spans="14:14">
      <c r="N351309" s="10"/>
    </row>
    <row r="351310" spans="14:14">
      <c r="N351310" s="10"/>
    </row>
    <row r="351311" spans="14:14">
      <c r="N351311" s="10"/>
    </row>
    <row r="351312" spans="14:14">
      <c r="N351312" s="10"/>
    </row>
    <row r="351313" spans="14:14">
      <c r="N351313" s="10"/>
    </row>
    <row r="351314" spans="14:14">
      <c r="N351314" s="10"/>
    </row>
    <row r="351315" spans="14:14">
      <c r="N351315" s="10"/>
    </row>
    <row r="351316" spans="14:14">
      <c r="N351316" s="10"/>
    </row>
    <row r="351317" spans="14:14">
      <c r="N351317" s="10"/>
    </row>
    <row r="351318" spans="14:14">
      <c r="N351318" s="10"/>
    </row>
    <row r="351319" spans="14:14">
      <c r="N351319" s="10"/>
    </row>
    <row r="351320" spans="14:14">
      <c r="N351320" s="10"/>
    </row>
    <row r="351321" spans="14:14">
      <c r="N351321" s="10"/>
    </row>
    <row r="351322" spans="14:14">
      <c r="N351322" s="10"/>
    </row>
    <row r="351323" spans="14:14">
      <c r="N351323" s="10"/>
    </row>
    <row r="351324" spans="14:14">
      <c r="N351324" s="10"/>
    </row>
    <row r="351325" spans="14:14">
      <c r="N351325" s="10"/>
    </row>
    <row r="351326" spans="14:14">
      <c r="N351326" s="10"/>
    </row>
    <row r="351327" spans="14:14">
      <c r="N351327" s="10"/>
    </row>
    <row r="351328" spans="14:14">
      <c r="N351328" s="10"/>
    </row>
    <row r="351329" spans="14:14">
      <c r="N351329" s="10"/>
    </row>
    <row r="351330" spans="14:14">
      <c r="N351330" s="10"/>
    </row>
    <row r="351331" spans="14:14">
      <c r="N351331" s="10"/>
    </row>
    <row r="351332" spans="14:14">
      <c r="N351332" s="10"/>
    </row>
    <row r="351333" spans="14:14">
      <c r="N351333" s="10"/>
    </row>
    <row r="351334" spans="14:14">
      <c r="N351334" s="10"/>
    </row>
    <row r="351335" spans="14:14">
      <c r="N351335" s="10"/>
    </row>
    <row r="351336" spans="14:14">
      <c r="N351336" s="10"/>
    </row>
    <row r="351337" spans="14:14">
      <c r="N351337" s="10"/>
    </row>
    <row r="351338" spans="14:14">
      <c r="N351338" s="10"/>
    </row>
    <row r="351339" spans="14:14">
      <c r="N351339" s="10"/>
    </row>
    <row r="351340" spans="14:14">
      <c r="N351340" s="10"/>
    </row>
    <row r="351341" spans="14:14">
      <c r="N351341" s="10"/>
    </row>
    <row r="351342" spans="14:14">
      <c r="N351342" s="10"/>
    </row>
    <row r="351343" spans="14:14">
      <c r="N351343" s="10"/>
    </row>
    <row r="351344" spans="14:14">
      <c r="N351344" s="10"/>
    </row>
    <row r="351345" spans="14:14">
      <c r="N351345" s="10"/>
    </row>
    <row r="351346" spans="14:14">
      <c r="N351346" s="10"/>
    </row>
    <row r="351347" spans="14:14">
      <c r="N351347" s="10"/>
    </row>
    <row r="351348" spans="14:14">
      <c r="N351348" s="10"/>
    </row>
    <row r="351349" spans="14:14">
      <c r="N351349" s="10"/>
    </row>
    <row r="351350" spans="14:14">
      <c r="N351350" s="10"/>
    </row>
    <row r="351351" spans="14:14">
      <c r="N351351" s="10"/>
    </row>
    <row r="351352" spans="14:14">
      <c r="N351352" s="10"/>
    </row>
    <row r="351353" spans="14:14">
      <c r="N351353" s="10"/>
    </row>
    <row r="351354" spans="14:14">
      <c r="N351354" s="10"/>
    </row>
    <row r="351355" spans="14:14">
      <c r="N351355" s="10"/>
    </row>
    <row r="351356" spans="14:14">
      <c r="N351356" s="10"/>
    </row>
    <row r="351357" spans="14:14">
      <c r="N351357" s="10"/>
    </row>
    <row r="351358" spans="14:14">
      <c r="N351358" s="10"/>
    </row>
    <row r="351359" spans="14:14">
      <c r="N351359" s="10"/>
    </row>
    <row r="351360" spans="14:14">
      <c r="N351360" s="10"/>
    </row>
    <row r="351361" spans="14:14">
      <c r="N351361" s="10"/>
    </row>
    <row r="351362" spans="14:14">
      <c r="N351362" s="10"/>
    </row>
    <row r="351363" spans="14:14">
      <c r="N351363" s="10"/>
    </row>
    <row r="351364" spans="14:14">
      <c r="N351364" s="10"/>
    </row>
    <row r="351365" spans="14:14">
      <c r="N351365" s="10"/>
    </row>
    <row r="351366" spans="14:14">
      <c r="N351366" s="10"/>
    </row>
    <row r="351367" spans="14:14">
      <c r="N351367" s="10"/>
    </row>
    <row r="351368" spans="14:14">
      <c r="N351368" s="10"/>
    </row>
    <row r="351369" spans="14:14">
      <c r="N351369" s="10"/>
    </row>
    <row r="351370" spans="14:14">
      <c r="N351370" s="10"/>
    </row>
    <row r="351371" spans="14:14">
      <c r="N351371" s="10"/>
    </row>
    <row r="351372" spans="14:14">
      <c r="N351372" s="10"/>
    </row>
    <row r="351373" spans="14:14">
      <c r="N351373" s="10"/>
    </row>
    <row r="351374" spans="14:14">
      <c r="N351374" s="10"/>
    </row>
    <row r="351375" spans="14:14">
      <c r="N351375" s="10"/>
    </row>
    <row r="351376" spans="14:14">
      <c r="N351376" s="10"/>
    </row>
    <row r="351377" spans="14:14">
      <c r="N351377" s="10"/>
    </row>
    <row r="351378" spans="14:14">
      <c r="N351378" s="10"/>
    </row>
    <row r="351379" spans="14:14">
      <c r="N351379" s="10"/>
    </row>
    <row r="351380" spans="14:14">
      <c r="N351380" s="10"/>
    </row>
    <row r="351381" spans="14:14">
      <c r="N351381" s="10"/>
    </row>
    <row r="351382" spans="14:14">
      <c r="N351382" s="10"/>
    </row>
    <row r="351383" spans="14:14">
      <c r="N351383" s="10"/>
    </row>
    <row r="351384" spans="14:14">
      <c r="N351384" s="10"/>
    </row>
    <row r="351385" spans="14:14">
      <c r="N351385" s="10"/>
    </row>
    <row r="351386" spans="14:14">
      <c r="N351386" s="10"/>
    </row>
    <row r="351387" spans="14:14">
      <c r="N351387" s="10"/>
    </row>
    <row r="351388" spans="14:14">
      <c r="N351388" s="10"/>
    </row>
    <row r="351389" spans="14:14">
      <c r="N351389" s="10"/>
    </row>
    <row r="351390" spans="14:14">
      <c r="N351390" s="10"/>
    </row>
    <row r="351391" spans="14:14">
      <c r="N351391" s="10"/>
    </row>
    <row r="351392" spans="14:14">
      <c r="N351392" s="10"/>
    </row>
    <row r="351393" spans="14:14">
      <c r="N351393" s="10"/>
    </row>
    <row r="351394" spans="14:14">
      <c r="N351394" s="10"/>
    </row>
    <row r="351395" spans="14:14">
      <c r="N351395" s="10"/>
    </row>
    <row r="351396" spans="14:14">
      <c r="N351396" s="10"/>
    </row>
    <row r="351397" spans="14:14">
      <c r="N351397" s="10"/>
    </row>
    <row r="351398" spans="14:14">
      <c r="N351398" s="10"/>
    </row>
    <row r="351399" spans="14:14">
      <c r="N351399" s="10"/>
    </row>
    <row r="351400" spans="14:14">
      <c r="N351400" s="10"/>
    </row>
    <row r="351401" spans="14:14">
      <c r="N351401" s="10"/>
    </row>
    <row r="351402" spans="14:14">
      <c r="N351402" s="10"/>
    </row>
    <row r="351403" spans="14:14">
      <c r="N351403" s="10"/>
    </row>
    <row r="351404" spans="14:14">
      <c r="N351404" s="10"/>
    </row>
    <row r="351405" spans="14:14">
      <c r="N351405" s="10"/>
    </row>
    <row r="351406" spans="14:14">
      <c r="N351406" s="10"/>
    </row>
    <row r="351407" spans="14:14">
      <c r="N351407" s="10"/>
    </row>
    <row r="351408" spans="14:14">
      <c r="N351408" s="10"/>
    </row>
    <row r="351409" spans="14:14">
      <c r="N351409" s="10"/>
    </row>
    <row r="351410" spans="14:14">
      <c r="N351410" s="10"/>
    </row>
    <row r="351411" spans="14:14">
      <c r="N351411" s="10"/>
    </row>
    <row r="351412" spans="14:14">
      <c r="N351412" s="10"/>
    </row>
    <row r="351413" spans="14:14">
      <c r="N351413" s="10"/>
    </row>
    <row r="351414" spans="14:14">
      <c r="N351414" s="10"/>
    </row>
    <row r="351415" spans="14:14">
      <c r="N351415" s="10"/>
    </row>
    <row r="351416" spans="14:14">
      <c r="N351416" s="10"/>
    </row>
    <row r="351417" spans="14:14">
      <c r="N351417" s="10"/>
    </row>
    <row r="351418" spans="14:14">
      <c r="N351418" s="10"/>
    </row>
    <row r="351419" spans="14:14">
      <c r="N351419" s="10"/>
    </row>
    <row r="351420" spans="14:14">
      <c r="N351420" s="10"/>
    </row>
    <row r="351421" spans="14:14">
      <c r="N351421" s="10"/>
    </row>
    <row r="351422" spans="14:14">
      <c r="N351422" s="10"/>
    </row>
    <row r="351423" spans="14:14">
      <c r="N351423" s="10"/>
    </row>
    <row r="351424" spans="14:14">
      <c r="N351424" s="10"/>
    </row>
    <row r="351425" spans="14:14">
      <c r="N351425" s="10"/>
    </row>
    <row r="351426" spans="14:14">
      <c r="N351426" s="10"/>
    </row>
    <row r="351427" spans="14:14">
      <c r="N351427" s="10"/>
    </row>
    <row r="351428" spans="14:14">
      <c r="N351428" s="10"/>
    </row>
    <row r="351429" spans="14:14">
      <c r="N351429" s="10"/>
    </row>
    <row r="351430" spans="14:14">
      <c r="N351430" s="10"/>
    </row>
    <row r="351431" spans="14:14">
      <c r="N351431" s="10"/>
    </row>
    <row r="351432" spans="14:14">
      <c r="N351432" s="10"/>
    </row>
    <row r="351433" spans="14:14">
      <c r="N351433" s="10"/>
    </row>
    <row r="351434" spans="14:14">
      <c r="N351434" s="10"/>
    </row>
    <row r="351435" spans="14:14">
      <c r="N351435" s="10"/>
    </row>
    <row r="351436" spans="14:14">
      <c r="N351436" s="10"/>
    </row>
    <row r="351437" spans="14:14">
      <c r="N351437" s="10"/>
    </row>
    <row r="351438" spans="14:14">
      <c r="N351438" s="10"/>
    </row>
    <row r="351439" spans="14:14">
      <c r="N351439" s="10"/>
    </row>
    <row r="351440" spans="14:14">
      <c r="N351440" s="10"/>
    </row>
    <row r="351441" spans="14:14">
      <c r="N351441" s="10"/>
    </row>
    <row r="351442" spans="14:14">
      <c r="N351442" s="10"/>
    </row>
    <row r="351443" spans="14:14">
      <c r="N351443" s="10"/>
    </row>
    <row r="351444" spans="14:14">
      <c r="N351444" s="10"/>
    </row>
    <row r="351445" spans="14:14">
      <c r="N351445" s="10"/>
    </row>
    <row r="351446" spans="14:14">
      <c r="N351446" s="10"/>
    </row>
    <row r="351447" spans="14:14">
      <c r="N351447" s="10"/>
    </row>
    <row r="351448" spans="14:14">
      <c r="N351448" s="10"/>
    </row>
    <row r="351449" spans="14:14">
      <c r="N351449" s="10"/>
    </row>
    <row r="351450" spans="14:14">
      <c r="N351450" s="10"/>
    </row>
    <row r="351451" spans="14:14">
      <c r="N351451" s="10"/>
    </row>
    <row r="351452" spans="14:14">
      <c r="N351452" s="10"/>
    </row>
    <row r="351453" spans="14:14">
      <c r="N351453" s="10"/>
    </row>
    <row r="351454" spans="14:14">
      <c r="N351454" s="10"/>
    </row>
    <row r="351455" spans="14:14">
      <c r="N351455" s="10"/>
    </row>
    <row r="351456" spans="14:14">
      <c r="N351456" s="10"/>
    </row>
    <row r="351457" spans="14:14">
      <c r="N351457" s="10"/>
    </row>
    <row r="351458" spans="14:14">
      <c r="N351458" s="10"/>
    </row>
    <row r="351459" spans="14:14">
      <c r="N351459" s="10"/>
    </row>
    <row r="351460" spans="14:14">
      <c r="N351460" s="10"/>
    </row>
    <row r="351461" spans="14:14">
      <c r="N351461" s="10"/>
    </row>
    <row r="351462" spans="14:14">
      <c r="N351462" s="10"/>
    </row>
    <row r="351463" spans="14:14">
      <c r="N351463" s="10"/>
    </row>
    <row r="351464" spans="14:14">
      <c r="N351464" s="10"/>
    </row>
    <row r="351465" spans="14:14">
      <c r="N351465" s="10"/>
    </row>
    <row r="351466" spans="14:14">
      <c r="N351466" s="10"/>
    </row>
    <row r="351467" spans="14:14">
      <c r="N351467" s="10"/>
    </row>
    <row r="351468" spans="14:14">
      <c r="N351468" s="10"/>
    </row>
    <row r="351469" spans="14:14">
      <c r="N351469" s="10"/>
    </row>
    <row r="351470" spans="14:14">
      <c r="N351470" s="10"/>
    </row>
    <row r="351471" spans="14:14">
      <c r="N351471" s="10"/>
    </row>
    <row r="351472" spans="14:14">
      <c r="N351472" s="10"/>
    </row>
    <row r="351473" spans="14:14">
      <c r="N351473" s="10"/>
    </row>
    <row r="351474" spans="14:14">
      <c r="N351474" s="10"/>
    </row>
    <row r="351475" spans="14:14">
      <c r="N351475" s="10"/>
    </row>
    <row r="351476" spans="14:14">
      <c r="N351476" s="10"/>
    </row>
    <row r="351477" spans="14:14">
      <c r="N351477" s="10"/>
    </row>
    <row r="351478" spans="14:14">
      <c r="N351478" s="10"/>
    </row>
    <row r="351479" spans="14:14">
      <c r="N351479" s="10"/>
    </row>
    <row r="351480" spans="14:14">
      <c r="N351480" s="10"/>
    </row>
    <row r="351481" spans="14:14">
      <c r="N351481" s="10"/>
    </row>
    <row r="351482" spans="14:14">
      <c r="N351482" s="10"/>
    </row>
    <row r="351483" spans="14:14">
      <c r="N351483" s="10"/>
    </row>
    <row r="351484" spans="14:14">
      <c r="N351484" s="10"/>
    </row>
    <row r="351485" spans="14:14">
      <c r="N351485" s="10"/>
    </row>
    <row r="351486" spans="14:14">
      <c r="N351486" s="10"/>
    </row>
    <row r="351487" spans="14:14">
      <c r="N351487" s="10"/>
    </row>
    <row r="351488" spans="14:14">
      <c r="N351488" s="10"/>
    </row>
    <row r="351489" spans="14:14">
      <c r="N351489" s="10"/>
    </row>
    <row r="351490" spans="14:14">
      <c r="N351490" s="10"/>
    </row>
    <row r="351491" spans="14:14">
      <c r="N351491" s="10"/>
    </row>
    <row r="351492" spans="14:14">
      <c r="N351492" s="10"/>
    </row>
    <row r="351493" spans="14:14">
      <c r="N351493" s="10"/>
    </row>
    <row r="351494" spans="14:14">
      <c r="N351494" s="10"/>
    </row>
    <row r="351495" spans="14:14">
      <c r="N351495" s="10"/>
    </row>
    <row r="351496" spans="14:14">
      <c r="N351496" s="10"/>
    </row>
    <row r="351497" spans="14:14">
      <c r="N351497" s="10"/>
    </row>
    <row r="351498" spans="14:14">
      <c r="N351498" s="10"/>
    </row>
    <row r="351499" spans="14:14">
      <c r="N351499" s="10"/>
    </row>
    <row r="351500" spans="14:14">
      <c r="N351500" s="10"/>
    </row>
    <row r="351501" spans="14:14">
      <c r="N351501" s="10"/>
    </row>
    <row r="351502" spans="14:14">
      <c r="N351502" s="10"/>
    </row>
    <row r="351503" spans="14:14">
      <c r="N351503" s="10"/>
    </row>
    <row r="351504" spans="14:14">
      <c r="N351504" s="10"/>
    </row>
    <row r="351505" spans="14:14">
      <c r="N351505" s="10"/>
    </row>
    <row r="351506" spans="14:14">
      <c r="N351506" s="10"/>
    </row>
    <row r="351507" spans="14:14">
      <c r="N351507" s="10"/>
    </row>
    <row r="351508" spans="14:14">
      <c r="N351508" s="10"/>
    </row>
    <row r="351509" spans="14:14">
      <c r="N351509" s="10"/>
    </row>
    <row r="351510" spans="14:14">
      <c r="N351510" s="10"/>
    </row>
    <row r="351511" spans="14:14">
      <c r="N351511" s="10"/>
    </row>
    <row r="351512" spans="14:14">
      <c r="N351512" s="10"/>
    </row>
    <row r="351513" spans="14:14">
      <c r="N351513" s="10"/>
    </row>
    <row r="351514" spans="14:14">
      <c r="N351514" s="10"/>
    </row>
    <row r="351515" spans="14:14">
      <c r="N351515" s="10"/>
    </row>
    <row r="351516" spans="14:14">
      <c r="N351516" s="10"/>
    </row>
    <row r="351517" spans="14:14">
      <c r="N351517" s="10"/>
    </row>
    <row r="351518" spans="14:14">
      <c r="N351518" s="10"/>
    </row>
    <row r="351519" spans="14:14">
      <c r="N351519" s="10"/>
    </row>
    <row r="351520" spans="14:14">
      <c r="N351520" s="10"/>
    </row>
    <row r="351521" spans="14:14">
      <c r="N351521" s="10"/>
    </row>
    <row r="351522" spans="14:14">
      <c r="N351522" s="10"/>
    </row>
    <row r="351523" spans="14:14">
      <c r="N351523" s="10"/>
    </row>
    <row r="351524" spans="14:14">
      <c r="N351524" s="10"/>
    </row>
    <row r="351525" spans="14:14">
      <c r="N351525" s="10"/>
    </row>
    <row r="351526" spans="14:14">
      <c r="N351526" s="10"/>
    </row>
    <row r="351527" spans="14:14">
      <c r="N351527" s="10"/>
    </row>
    <row r="351528" spans="14:14">
      <c r="N351528" s="10"/>
    </row>
    <row r="351529" spans="14:14">
      <c r="N351529" s="10"/>
    </row>
    <row r="351530" spans="14:14">
      <c r="N351530" s="10"/>
    </row>
    <row r="351531" spans="14:14">
      <c r="N351531" s="10"/>
    </row>
    <row r="351532" spans="14:14">
      <c r="N351532" s="10"/>
    </row>
    <row r="351533" spans="14:14">
      <c r="N351533" s="10"/>
    </row>
    <row r="351534" spans="14:14">
      <c r="N351534" s="10"/>
    </row>
    <row r="351535" spans="14:14">
      <c r="N351535" s="10"/>
    </row>
    <row r="351536" spans="14:14">
      <c r="N351536" s="10"/>
    </row>
    <row r="351537" spans="14:14">
      <c r="N351537" s="10"/>
    </row>
    <row r="351538" spans="14:14">
      <c r="N351538" s="10"/>
    </row>
    <row r="351539" spans="14:14">
      <c r="N351539" s="10"/>
    </row>
    <row r="351540" spans="14:14">
      <c r="N351540" s="10"/>
    </row>
    <row r="351541" spans="14:14">
      <c r="N351541" s="10"/>
    </row>
    <row r="351542" spans="14:14">
      <c r="N351542" s="10"/>
    </row>
    <row r="351543" spans="14:14">
      <c r="N351543" s="10"/>
    </row>
    <row r="351544" spans="14:14">
      <c r="N351544" s="10"/>
    </row>
    <row r="351545" spans="14:14">
      <c r="N351545" s="10"/>
    </row>
    <row r="351546" spans="14:14">
      <c r="N351546" s="10"/>
    </row>
    <row r="351547" spans="14:14">
      <c r="N351547" s="10"/>
    </row>
    <row r="351548" spans="14:14">
      <c r="N351548" s="10"/>
    </row>
    <row r="351549" spans="14:14">
      <c r="N351549" s="10"/>
    </row>
    <row r="351550" spans="14:14">
      <c r="N351550" s="10"/>
    </row>
    <row r="351551" spans="14:14">
      <c r="N351551" s="10"/>
    </row>
    <row r="351552" spans="14:14">
      <c r="N351552" s="10"/>
    </row>
    <row r="351553" spans="14:14">
      <c r="N351553" s="10"/>
    </row>
    <row r="351554" spans="14:14">
      <c r="N351554" s="10"/>
    </row>
    <row r="351555" spans="14:14">
      <c r="N351555" s="10"/>
    </row>
    <row r="351556" spans="14:14">
      <c r="N351556" s="10"/>
    </row>
    <row r="351557" spans="14:14">
      <c r="N351557" s="10"/>
    </row>
    <row r="351558" spans="14:14">
      <c r="N351558" s="10"/>
    </row>
    <row r="351559" spans="14:14">
      <c r="N351559" s="10"/>
    </row>
    <row r="351560" spans="14:14">
      <c r="N351560" s="10"/>
    </row>
    <row r="351561" spans="14:14">
      <c r="N351561" s="10"/>
    </row>
    <row r="351562" spans="14:14">
      <c r="N351562" s="10"/>
    </row>
    <row r="351563" spans="14:14">
      <c r="N351563" s="10"/>
    </row>
    <row r="351564" spans="14:14">
      <c r="N351564" s="10"/>
    </row>
    <row r="351565" spans="14:14">
      <c r="N351565" s="10"/>
    </row>
    <row r="351566" spans="14:14">
      <c r="N351566" s="10"/>
    </row>
    <row r="351567" spans="14:14">
      <c r="N351567" s="10"/>
    </row>
    <row r="351568" spans="14:14">
      <c r="N351568" s="10"/>
    </row>
    <row r="351569" spans="14:14">
      <c r="N351569" s="10"/>
    </row>
    <row r="351570" spans="14:14">
      <c r="N351570" s="10"/>
    </row>
    <row r="351571" spans="14:14">
      <c r="N351571" s="10"/>
    </row>
    <row r="351572" spans="14:14">
      <c r="N351572" s="10"/>
    </row>
    <row r="351573" spans="14:14">
      <c r="N351573" s="10"/>
    </row>
    <row r="351574" spans="14:14">
      <c r="N351574" s="10"/>
    </row>
    <row r="351575" spans="14:14">
      <c r="N351575" s="10"/>
    </row>
    <row r="351576" spans="14:14">
      <c r="N351576" s="10"/>
    </row>
    <row r="351577" spans="14:14">
      <c r="N351577" s="10"/>
    </row>
    <row r="351578" spans="14:14">
      <c r="N351578" s="10"/>
    </row>
    <row r="351579" spans="14:14">
      <c r="N351579" s="10"/>
    </row>
    <row r="351580" spans="14:14">
      <c r="N351580" s="10"/>
    </row>
    <row r="351581" spans="14:14">
      <c r="N351581" s="10"/>
    </row>
    <row r="351582" spans="14:14">
      <c r="N351582" s="10"/>
    </row>
    <row r="351583" spans="14:14">
      <c r="N351583" s="10"/>
    </row>
    <row r="351584" spans="14:14">
      <c r="N351584" s="10"/>
    </row>
    <row r="351585" spans="14:14">
      <c r="N351585" s="10"/>
    </row>
    <row r="351586" spans="14:14">
      <c r="N351586" s="10"/>
    </row>
    <row r="351587" spans="14:14">
      <c r="N351587" s="10"/>
    </row>
    <row r="351588" spans="14:14">
      <c r="N351588" s="10"/>
    </row>
    <row r="351589" spans="14:14">
      <c r="N351589" s="10"/>
    </row>
    <row r="351590" spans="14:14">
      <c r="N351590" s="10"/>
    </row>
    <row r="351591" spans="14:14">
      <c r="N351591" s="10"/>
    </row>
    <row r="351592" spans="14:14">
      <c r="N351592" s="10"/>
    </row>
    <row r="351593" spans="14:14">
      <c r="N351593" s="10"/>
    </row>
    <row r="351594" spans="14:14">
      <c r="N351594" s="10"/>
    </row>
    <row r="351595" spans="14:14">
      <c r="N351595" s="10"/>
    </row>
    <row r="351596" spans="14:14">
      <c r="N351596" s="10"/>
    </row>
    <row r="351597" spans="14:14">
      <c r="N351597" s="10"/>
    </row>
    <row r="351598" spans="14:14">
      <c r="N351598" s="10"/>
    </row>
    <row r="351599" spans="14:14">
      <c r="N351599" s="10"/>
    </row>
    <row r="351600" spans="14:14">
      <c r="N351600" s="10"/>
    </row>
    <row r="351601" spans="14:14">
      <c r="N351601" s="10"/>
    </row>
    <row r="351602" spans="14:14">
      <c r="N351602" s="10"/>
    </row>
    <row r="351603" spans="14:14">
      <c r="N351603" s="10"/>
    </row>
    <row r="351604" spans="14:14">
      <c r="N351604" s="10"/>
    </row>
    <row r="351605" spans="14:14">
      <c r="N351605" s="10"/>
    </row>
    <row r="351606" spans="14:14">
      <c r="N351606" s="10"/>
    </row>
    <row r="351607" spans="14:14">
      <c r="N351607" s="10"/>
    </row>
    <row r="351608" spans="14:14">
      <c r="N351608" s="10"/>
    </row>
    <row r="351609" spans="14:14">
      <c r="N351609" s="10"/>
    </row>
    <row r="351610" spans="14:14">
      <c r="N351610" s="10"/>
    </row>
    <row r="351611" spans="14:14">
      <c r="N351611" s="10"/>
    </row>
    <row r="351612" spans="14:14">
      <c r="N351612" s="10"/>
    </row>
    <row r="351613" spans="14:14">
      <c r="N351613" s="10"/>
    </row>
    <row r="351614" spans="14:14">
      <c r="N351614" s="10"/>
    </row>
    <row r="351615" spans="14:14">
      <c r="N351615" s="10"/>
    </row>
    <row r="351616" spans="14:14">
      <c r="N351616" s="10"/>
    </row>
    <row r="351617" spans="14:14">
      <c r="N351617" s="10"/>
    </row>
    <row r="351618" spans="14:14">
      <c r="N351618" s="10"/>
    </row>
    <row r="351619" spans="14:14">
      <c r="N351619" s="10"/>
    </row>
    <row r="351620" spans="14:14">
      <c r="N351620" s="10"/>
    </row>
    <row r="351621" spans="14:14">
      <c r="N351621" s="10"/>
    </row>
    <row r="351622" spans="14:14">
      <c r="N351622" s="10"/>
    </row>
    <row r="351623" spans="14:14">
      <c r="N351623" s="10"/>
    </row>
    <row r="351624" spans="14:14">
      <c r="N351624" s="10"/>
    </row>
    <row r="351625" spans="14:14">
      <c r="N351625" s="10"/>
    </row>
    <row r="351626" spans="14:14">
      <c r="N351626" s="10"/>
    </row>
    <row r="351627" spans="14:14">
      <c r="N351627" s="10"/>
    </row>
    <row r="351628" spans="14:14">
      <c r="N351628" s="10"/>
    </row>
    <row r="351629" spans="14:14">
      <c r="N351629" s="10"/>
    </row>
    <row r="351630" spans="14:14">
      <c r="N351630" s="10"/>
    </row>
    <row r="351631" spans="14:14">
      <c r="N351631" s="10"/>
    </row>
    <row r="351632" spans="14:14">
      <c r="N351632" s="10"/>
    </row>
    <row r="351633" spans="14:14">
      <c r="N351633" s="10"/>
    </row>
    <row r="351634" spans="14:14">
      <c r="N351634" s="10"/>
    </row>
    <row r="351635" spans="14:14">
      <c r="N351635" s="10"/>
    </row>
    <row r="351636" spans="14:14">
      <c r="N351636" s="10"/>
    </row>
    <row r="351637" spans="14:14">
      <c r="N351637" s="10"/>
    </row>
    <row r="351638" spans="14:14">
      <c r="N351638" s="10"/>
    </row>
    <row r="351639" spans="14:14">
      <c r="N351639" s="10"/>
    </row>
    <row r="351640" spans="14:14">
      <c r="N351640" s="10"/>
    </row>
    <row r="351641" spans="14:14">
      <c r="N351641" s="10"/>
    </row>
    <row r="351642" spans="14:14">
      <c r="N351642" s="10"/>
    </row>
    <row r="351643" spans="14:14">
      <c r="N351643" s="10"/>
    </row>
    <row r="351644" spans="14:14">
      <c r="N351644" s="10"/>
    </row>
    <row r="351645" spans="14:14">
      <c r="N351645" s="10"/>
    </row>
    <row r="351646" spans="14:14">
      <c r="N351646" s="10"/>
    </row>
    <row r="351647" spans="14:14">
      <c r="N351647" s="10"/>
    </row>
    <row r="351648" spans="14:14">
      <c r="N351648" s="10"/>
    </row>
    <row r="351649" spans="14:14">
      <c r="N351649" s="10"/>
    </row>
    <row r="351650" spans="14:14">
      <c r="N351650" s="10"/>
    </row>
    <row r="351651" spans="14:14">
      <c r="N351651" s="10"/>
    </row>
    <row r="351652" spans="14:14">
      <c r="N351652" s="10"/>
    </row>
    <row r="351653" spans="14:14">
      <c r="N351653" s="10"/>
    </row>
    <row r="351654" spans="14:14">
      <c r="N351654" s="10"/>
    </row>
    <row r="351655" spans="14:14">
      <c r="N351655" s="10"/>
    </row>
    <row r="351656" spans="14:14">
      <c r="N351656" s="10"/>
    </row>
    <row r="351657" spans="14:14">
      <c r="N351657" s="10"/>
    </row>
    <row r="351658" spans="14:14">
      <c r="N351658" s="10"/>
    </row>
    <row r="351659" spans="14:14">
      <c r="N351659" s="10"/>
    </row>
    <row r="351660" spans="14:14">
      <c r="N351660" s="10"/>
    </row>
    <row r="351661" spans="14:14">
      <c r="N351661" s="10"/>
    </row>
    <row r="351662" spans="14:14">
      <c r="N351662" s="10"/>
    </row>
    <row r="351663" spans="14:14">
      <c r="N351663" s="10"/>
    </row>
    <row r="351664" spans="14:14">
      <c r="N351664" s="10"/>
    </row>
    <row r="351665" spans="14:14">
      <c r="N351665" s="10"/>
    </row>
    <row r="351666" spans="14:14">
      <c r="N351666" s="10"/>
    </row>
    <row r="351667" spans="14:14">
      <c r="N351667" s="10"/>
    </row>
    <row r="351668" spans="14:14">
      <c r="N351668" s="10"/>
    </row>
    <row r="351669" spans="14:14">
      <c r="N351669" s="10"/>
    </row>
    <row r="351670" spans="14:14">
      <c r="N351670" s="10"/>
    </row>
    <row r="351671" spans="14:14">
      <c r="N351671" s="10"/>
    </row>
    <row r="351672" spans="14:14">
      <c r="N351672" s="10"/>
    </row>
    <row r="351673" spans="14:14">
      <c r="N351673" s="10"/>
    </row>
    <row r="351674" spans="14:14">
      <c r="N351674" s="10"/>
    </row>
    <row r="351675" spans="14:14">
      <c r="N351675" s="10"/>
    </row>
    <row r="351676" spans="14:14">
      <c r="N351676" s="10"/>
    </row>
    <row r="351677" spans="14:14">
      <c r="N351677" s="10"/>
    </row>
    <row r="351678" spans="14:14">
      <c r="N351678" s="10"/>
    </row>
    <row r="351679" spans="14:14">
      <c r="N351679" s="10"/>
    </row>
    <row r="351680" spans="14:14">
      <c r="N351680" s="10"/>
    </row>
    <row r="351681" spans="14:14">
      <c r="N351681" s="10"/>
    </row>
    <row r="351682" spans="14:14">
      <c r="N351682" s="10"/>
    </row>
    <row r="351683" spans="14:14">
      <c r="N351683" s="10"/>
    </row>
    <row r="351684" spans="14:14">
      <c r="N351684" s="10"/>
    </row>
    <row r="351685" spans="14:14">
      <c r="N351685" s="10"/>
    </row>
    <row r="351686" spans="14:14">
      <c r="N351686" s="10"/>
    </row>
    <row r="351687" spans="14:14">
      <c r="N351687" s="10"/>
    </row>
    <row r="351688" spans="14:14">
      <c r="N351688" s="10"/>
    </row>
    <row r="351689" spans="14:14">
      <c r="N351689" s="10"/>
    </row>
    <row r="351690" spans="14:14">
      <c r="N351690" s="10"/>
    </row>
    <row r="351691" spans="14:14">
      <c r="N351691" s="10"/>
    </row>
    <row r="351692" spans="14:14">
      <c r="N351692" s="10"/>
    </row>
    <row r="351693" spans="14:14">
      <c r="N351693" s="10"/>
    </row>
    <row r="351694" spans="14:14">
      <c r="N351694" s="10"/>
    </row>
    <row r="351695" spans="14:14">
      <c r="N351695" s="10"/>
    </row>
    <row r="351696" spans="14:14">
      <c r="N351696" s="10"/>
    </row>
    <row r="351697" spans="14:14">
      <c r="N351697" s="10"/>
    </row>
    <row r="351698" spans="14:14">
      <c r="N351698" s="10"/>
    </row>
    <row r="351699" spans="14:14">
      <c r="N351699" s="10"/>
    </row>
    <row r="351700" spans="14:14">
      <c r="N351700" s="10"/>
    </row>
    <row r="351701" spans="14:14">
      <c r="N351701" s="10"/>
    </row>
    <row r="351702" spans="14:14">
      <c r="N351702" s="10"/>
    </row>
    <row r="351703" spans="14:14">
      <c r="N351703" s="10"/>
    </row>
    <row r="351704" spans="14:14">
      <c r="N351704" s="10"/>
    </row>
    <row r="351705" spans="14:14">
      <c r="N351705" s="10"/>
    </row>
    <row r="351706" spans="14:14">
      <c r="N351706" s="10"/>
    </row>
    <row r="351707" spans="14:14">
      <c r="N351707" s="10"/>
    </row>
    <row r="351708" spans="14:14">
      <c r="N351708" s="10"/>
    </row>
    <row r="351709" spans="14:14">
      <c r="N351709" s="10"/>
    </row>
    <row r="351710" spans="14:14">
      <c r="N351710" s="10"/>
    </row>
    <row r="351711" spans="14:14">
      <c r="N351711" s="10"/>
    </row>
    <row r="351712" spans="14:14">
      <c r="N351712" s="10"/>
    </row>
    <row r="351713" spans="14:14">
      <c r="N351713" s="10"/>
    </row>
    <row r="351714" spans="14:14">
      <c r="N351714" s="10"/>
    </row>
    <row r="351715" spans="14:14">
      <c r="N351715" s="10"/>
    </row>
    <row r="351716" spans="14:14">
      <c r="N351716" s="10"/>
    </row>
    <row r="351717" spans="14:14">
      <c r="N351717" s="10"/>
    </row>
    <row r="351718" spans="14:14">
      <c r="N351718" s="10"/>
    </row>
    <row r="351719" spans="14:14">
      <c r="N351719" s="10"/>
    </row>
    <row r="351720" spans="14:14">
      <c r="N351720" s="10"/>
    </row>
    <row r="351721" spans="14:14">
      <c r="N351721" s="10"/>
    </row>
    <row r="351722" spans="14:14">
      <c r="N351722" s="10"/>
    </row>
    <row r="351723" spans="14:14">
      <c r="N351723" s="10"/>
    </row>
    <row r="351724" spans="14:14">
      <c r="N351724" s="10"/>
    </row>
    <row r="351725" spans="14:14">
      <c r="N351725" s="10"/>
    </row>
    <row r="351726" spans="14:14">
      <c r="N351726" s="10"/>
    </row>
    <row r="351727" spans="14:14">
      <c r="N351727" s="10"/>
    </row>
    <row r="351728" spans="14:14">
      <c r="N351728" s="10"/>
    </row>
    <row r="351729" spans="14:14">
      <c r="N351729" s="10"/>
    </row>
    <row r="351730" spans="14:14">
      <c r="N351730" s="10"/>
    </row>
    <row r="351731" spans="14:14">
      <c r="N351731" s="10"/>
    </row>
    <row r="351732" spans="14:14">
      <c r="N351732" s="10"/>
    </row>
    <row r="351733" spans="14:14">
      <c r="N351733" s="10"/>
    </row>
    <row r="351734" spans="14:14">
      <c r="N351734" s="10"/>
    </row>
    <row r="351735" spans="14:14">
      <c r="N351735" s="10"/>
    </row>
    <row r="351736" spans="14:14">
      <c r="N351736" s="10"/>
    </row>
    <row r="351737" spans="14:14">
      <c r="N351737" s="10"/>
    </row>
    <row r="351738" spans="14:14">
      <c r="N351738" s="10"/>
    </row>
    <row r="351739" spans="14:14">
      <c r="N351739" s="10"/>
    </row>
    <row r="351740" spans="14:14">
      <c r="N351740" s="10"/>
    </row>
    <row r="351741" spans="14:14">
      <c r="N351741" s="10"/>
    </row>
    <row r="351742" spans="14:14">
      <c r="N351742" s="10"/>
    </row>
    <row r="351743" spans="14:14">
      <c r="N351743" s="10"/>
    </row>
    <row r="351744" spans="14:14">
      <c r="N351744" s="10"/>
    </row>
    <row r="351745" spans="14:14">
      <c r="N351745" s="10"/>
    </row>
    <row r="351746" spans="14:14">
      <c r="N351746" s="10"/>
    </row>
    <row r="351747" spans="14:14">
      <c r="N351747" s="10"/>
    </row>
    <row r="351748" spans="14:14">
      <c r="N351748" s="10"/>
    </row>
    <row r="351749" spans="14:14">
      <c r="N351749" s="10"/>
    </row>
    <row r="351750" spans="14:14">
      <c r="N351750" s="10"/>
    </row>
    <row r="351751" spans="14:14">
      <c r="N351751" s="10"/>
    </row>
    <row r="351752" spans="14:14">
      <c r="N351752" s="10"/>
    </row>
    <row r="351753" spans="14:14">
      <c r="N351753" s="10"/>
    </row>
    <row r="351754" spans="14:14">
      <c r="N351754" s="10"/>
    </row>
    <row r="351755" spans="14:14">
      <c r="N351755" s="10"/>
    </row>
    <row r="351756" spans="14:14">
      <c r="N351756" s="10"/>
    </row>
    <row r="351757" spans="14:14">
      <c r="N351757" s="10"/>
    </row>
    <row r="351758" spans="14:14">
      <c r="N351758" s="10"/>
    </row>
    <row r="351759" spans="14:14">
      <c r="N351759" s="10"/>
    </row>
    <row r="351760" spans="14:14">
      <c r="N351760" s="10"/>
    </row>
    <row r="351761" spans="14:14">
      <c r="N351761" s="10"/>
    </row>
    <row r="351762" spans="14:14">
      <c r="N351762" s="10"/>
    </row>
    <row r="351763" spans="14:14">
      <c r="N351763" s="10"/>
    </row>
    <row r="351764" spans="14:14">
      <c r="N351764" s="10"/>
    </row>
    <row r="351765" spans="14:14">
      <c r="N351765" s="10"/>
    </row>
    <row r="351766" spans="14:14">
      <c r="N351766" s="10"/>
    </row>
    <row r="351767" spans="14:14">
      <c r="N351767" s="10"/>
    </row>
    <row r="351768" spans="14:14">
      <c r="N351768" s="10"/>
    </row>
    <row r="351769" spans="14:14">
      <c r="N351769" s="10"/>
    </row>
    <row r="351770" spans="14:14">
      <c r="N351770" s="10"/>
    </row>
    <row r="351771" spans="14:14">
      <c r="N351771" s="10"/>
    </row>
    <row r="351772" spans="14:14">
      <c r="N351772" s="10"/>
    </row>
    <row r="351773" spans="14:14">
      <c r="N351773" s="10"/>
    </row>
    <row r="351774" spans="14:14">
      <c r="N351774" s="10"/>
    </row>
    <row r="351775" spans="14:14">
      <c r="N351775" s="10"/>
    </row>
    <row r="351776" spans="14:14">
      <c r="N351776" s="10"/>
    </row>
    <row r="351777" spans="14:14">
      <c r="N351777" s="10"/>
    </row>
    <row r="351778" spans="14:14">
      <c r="N351778" s="10"/>
    </row>
    <row r="351779" spans="14:14">
      <c r="N351779" s="10"/>
    </row>
    <row r="351780" spans="14:14">
      <c r="N351780" s="10"/>
    </row>
    <row r="351781" spans="14:14">
      <c r="N351781" s="10"/>
    </row>
    <row r="351782" spans="14:14">
      <c r="N351782" s="10"/>
    </row>
    <row r="351783" spans="14:14">
      <c r="N351783" s="10"/>
    </row>
    <row r="351784" spans="14:14">
      <c r="N351784" s="10"/>
    </row>
    <row r="351785" spans="14:14">
      <c r="N351785" s="10"/>
    </row>
    <row r="351786" spans="14:14">
      <c r="N351786" s="10"/>
    </row>
    <row r="351787" spans="14:14">
      <c r="N351787" s="10"/>
    </row>
    <row r="351788" spans="14:14">
      <c r="N351788" s="10"/>
    </row>
    <row r="351789" spans="14:14">
      <c r="N351789" s="10"/>
    </row>
    <row r="351790" spans="14:14">
      <c r="N351790" s="10"/>
    </row>
    <row r="351791" spans="14:14">
      <c r="N351791" s="10"/>
    </row>
    <row r="351792" spans="14:14">
      <c r="N351792" s="10"/>
    </row>
    <row r="351793" spans="14:14">
      <c r="N351793" s="10"/>
    </row>
    <row r="351794" spans="14:14">
      <c r="N351794" s="10"/>
    </row>
    <row r="351795" spans="14:14">
      <c r="N351795" s="10"/>
    </row>
    <row r="351796" spans="14:14">
      <c r="N351796" s="10"/>
    </row>
    <row r="351797" spans="14:14">
      <c r="N351797" s="10"/>
    </row>
    <row r="351798" spans="14:14">
      <c r="N351798" s="10"/>
    </row>
    <row r="351799" spans="14:14">
      <c r="N351799" s="10"/>
    </row>
    <row r="351800" spans="14:14">
      <c r="N351800" s="10"/>
    </row>
    <row r="351801" spans="14:14">
      <c r="N351801" s="10"/>
    </row>
    <row r="351802" spans="14:14">
      <c r="N351802" s="10"/>
    </row>
    <row r="351803" spans="14:14">
      <c r="N351803" s="10"/>
    </row>
    <row r="351804" spans="14:14">
      <c r="N351804" s="10"/>
    </row>
    <row r="351805" spans="14:14">
      <c r="N351805" s="10"/>
    </row>
    <row r="351806" spans="14:14">
      <c r="N351806" s="10"/>
    </row>
    <row r="351807" spans="14:14">
      <c r="N351807" s="10"/>
    </row>
    <row r="351808" spans="14:14">
      <c r="N351808" s="10"/>
    </row>
    <row r="351809" spans="14:14">
      <c r="N351809" s="10"/>
    </row>
    <row r="351810" spans="14:14">
      <c r="N351810" s="10"/>
    </row>
    <row r="351811" spans="14:14">
      <c r="N351811" s="10"/>
    </row>
    <row r="351812" spans="14:14">
      <c r="N351812" s="10"/>
    </row>
    <row r="351813" spans="14:14">
      <c r="N351813" s="10"/>
    </row>
    <row r="351814" spans="14:14">
      <c r="N351814" s="10"/>
    </row>
    <row r="351815" spans="14:14">
      <c r="N351815" s="10"/>
    </row>
    <row r="351816" spans="14:14">
      <c r="N351816" s="10"/>
    </row>
    <row r="351817" spans="14:14">
      <c r="N351817" s="10"/>
    </row>
    <row r="351818" spans="14:14">
      <c r="N351818" s="10"/>
    </row>
    <row r="351819" spans="14:14">
      <c r="N351819" s="10"/>
    </row>
    <row r="351820" spans="14:14">
      <c r="N351820" s="10"/>
    </row>
    <row r="351821" spans="14:14">
      <c r="N351821" s="10"/>
    </row>
    <row r="351822" spans="14:14">
      <c r="N351822" s="10"/>
    </row>
    <row r="351823" spans="14:14">
      <c r="N351823" s="10"/>
    </row>
    <row r="351824" spans="14:14">
      <c r="N351824" s="10"/>
    </row>
    <row r="351825" spans="14:14">
      <c r="N351825" s="10"/>
    </row>
    <row r="351826" spans="14:14">
      <c r="N351826" s="10"/>
    </row>
    <row r="351827" spans="14:14">
      <c r="N351827" s="10"/>
    </row>
    <row r="351828" spans="14:14">
      <c r="N351828" s="10"/>
    </row>
    <row r="351829" spans="14:14">
      <c r="N351829" s="10"/>
    </row>
    <row r="351830" spans="14:14">
      <c r="N351830" s="10"/>
    </row>
    <row r="351831" spans="14:14">
      <c r="N351831" s="10"/>
    </row>
    <row r="351832" spans="14:14">
      <c r="N351832" s="10"/>
    </row>
    <row r="351833" spans="14:14">
      <c r="N351833" s="10"/>
    </row>
    <row r="351834" spans="14:14">
      <c r="N351834" s="10"/>
    </row>
    <row r="351835" spans="14:14">
      <c r="N351835" s="10"/>
    </row>
    <row r="351836" spans="14:14">
      <c r="N351836" s="10"/>
    </row>
    <row r="351837" spans="14:14">
      <c r="N351837" s="10"/>
    </row>
    <row r="351838" spans="14:14">
      <c r="N351838" s="10"/>
    </row>
    <row r="351839" spans="14:14">
      <c r="N351839" s="10"/>
    </row>
    <row r="351840" spans="14:14">
      <c r="N351840" s="10"/>
    </row>
    <row r="351841" spans="14:14">
      <c r="N351841" s="10"/>
    </row>
    <row r="351842" spans="14:14">
      <c r="N351842" s="10"/>
    </row>
    <row r="351843" spans="14:14">
      <c r="N351843" s="10"/>
    </row>
    <row r="351844" spans="14:14">
      <c r="N351844" s="10"/>
    </row>
    <row r="351845" spans="14:14">
      <c r="N351845" s="10"/>
    </row>
    <row r="351846" spans="14:14">
      <c r="N351846" s="10"/>
    </row>
    <row r="351847" spans="14:14">
      <c r="N351847" s="10"/>
    </row>
    <row r="351848" spans="14:14">
      <c r="N351848" s="10"/>
    </row>
    <row r="351849" spans="14:14">
      <c r="N351849" s="10"/>
    </row>
    <row r="351850" spans="14:14">
      <c r="N351850" s="10"/>
    </row>
    <row r="351851" spans="14:14">
      <c r="N351851" s="10"/>
    </row>
    <row r="351852" spans="14:14">
      <c r="N351852" s="10"/>
    </row>
    <row r="351853" spans="14:14">
      <c r="N351853" s="10"/>
    </row>
    <row r="351854" spans="14:14">
      <c r="N351854" s="10"/>
    </row>
    <row r="351855" spans="14:14">
      <c r="N351855" s="10"/>
    </row>
    <row r="351856" spans="14:14">
      <c r="N351856" s="10"/>
    </row>
    <row r="351857" spans="14:14">
      <c r="N351857" s="10"/>
    </row>
    <row r="351858" spans="14:14">
      <c r="N351858" s="10"/>
    </row>
    <row r="351859" spans="14:14">
      <c r="N351859" s="10"/>
    </row>
    <row r="351860" spans="14:14">
      <c r="N351860" s="10"/>
    </row>
    <row r="351861" spans="14:14">
      <c r="N351861" s="10"/>
    </row>
    <row r="351862" spans="14:14">
      <c r="N351862" s="10"/>
    </row>
    <row r="351863" spans="14:14">
      <c r="N351863" s="10"/>
    </row>
    <row r="351864" spans="14:14">
      <c r="N351864" s="10"/>
    </row>
    <row r="351865" spans="14:14">
      <c r="N351865" s="10"/>
    </row>
    <row r="351866" spans="14:14">
      <c r="N351866" s="10"/>
    </row>
    <row r="351867" spans="14:14">
      <c r="N351867" s="10"/>
    </row>
    <row r="351868" spans="14:14">
      <c r="N351868" s="10"/>
    </row>
    <row r="351869" spans="14:14">
      <c r="N351869" s="10"/>
    </row>
    <row r="351870" spans="14:14">
      <c r="N351870" s="10"/>
    </row>
    <row r="351871" spans="14:14">
      <c r="N351871" s="10"/>
    </row>
    <row r="351872" spans="14:14">
      <c r="N351872" s="10"/>
    </row>
    <row r="351873" spans="14:14">
      <c r="N351873" s="10"/>
    </row>
    <row r="351874" spans="14:14">
      <c r="N351874" s="10"/>
    </row>
    <row r="351875" spans="14:14">
      <c r="N351875" s="10"/>
    </row>
    <row r="351876" spans="14:14">
      <c r="N351876" s="10"/>
    </row>
    <row r="351877" spans="14:14">
      <c r="N351877" s="10"/>
    </row>
    <row r="351878" spans="14:14">
      <c r="N351878" s="10"/>
    </row>
    <row r="351879" spans="14:14">
      <c r="N351879" s="10"/>
    </row>
    <row r="351880" spans="14:14">
      <c r="N351880" s="10"/>
    </row>
    <row r="351881" spans="14:14">
      <c r="N351881" s="10"/>
    </row>
    <row r="351882" spans="14:14">
      <c r="N351882" s="10"/>
    </row>
    <row r="351883" spans="14:14">
      <c r="N351883" s="10"/>
    </row>
    <row r="351884" spans="14:14">
      <c r="N351884" s="10"/>
    </row>
    <row r="351885" spans="14:14">
      <c r="N351885" s="10"/>
    </row>
    <row r="351886" spans="14:14">
      <c r="N351886" s="10"/>
    </row>
    <row r="351887" spans="14:14">
      <c r="N351887" s="10"/>
    </row>
    <row r="351888" spans="14:14">
      <c r="N351888" s="10"/>
    </row>
    <row r="351889" spans="14:14">
      <c r="N351889" s="10"/>
    </row>
    <row r="351890" spans="14:14">
      <c r="N351890" s="10"/>
    </row>
    <row r="351891" spans="14:14">
      <c r="N351891" s="10"/>
    </row>
    <row r="351892" spans="14:14">
      <c r="N351892" s="10"/>
    </row>
    <row r="351893" spans="14:14">
      <c r="N351893" s="10"/>
    </row>
    <row r="351894" spans="14:14">
      <c r="N351894" s="10"/>
    </row>
    <row r="351895" spans="14:14">
      <c r="N351895" s="10"/>
    </row>
    <row r="351896" spans="14:14">
      <c r="N351896" s="10"/>
    </row>
    <row r="351897" spans="14:14">
      <c r="N351897" s="10"/>
    </row>
    <row r="351898" spans="14:14">
      <c r="N351898" s="10"/>
    </row>
    <row r="351899" spans="14:14">
      <c r="N351899" s="10"/>
    </row>
    <row r="351900" spans="14:14">
      <c r="N351900" s="10"/>
    </row>
    <row r="351901" spans="14:14">
      <c r="N351901" s="10"/>
    </row>
    <row r="351902" spans="14:14">
      <c r="N351902" s="10"/>
    </row>
    <row r="351903" spans="14:14">
      <c r="N351903" s="10"/>
    </row>
    <row r="351904" spans="14:14">
      <c r="N351904" s="10"/>
    </row>
    <row r="351905" spans="14:14">
      <c r="N351905" s="10"/>
    </row>
    <row r="351906" spans="14:14">
      <c r="N351906" s="10"/>
    </row>
    <row r="351907" spans="14:14">
      <c r="N351907" s="10"/>
    </row>
    <row r="351908" spans="14:14">
      <c r="N351908" s="10"/>
    </row>
    <row r="351909" spans="14:14">
      <c r="N351909" s="10"/>
    </row>
    <row r="351910" spans="14:14">
      <c r="N351910" s="10"/>
    </row>
    <row r="351911" spans="14:14">
      <c r="N351911" s="10"/>
    </row>
    <row r="351912" spans="14:14">
      <c r="N351912" s="10"/>
    </row>
    <row r="351913" spans="14:14">
      <c r="N351913" s="10"/>
    </row>
    <row r="351914" spans="14:14">
      <c r="N351914" s="10"/>
    </row>
    <row r="351915" spans="14:14">
      <c r="N351915" s="10"/>
    </row>
    <row r="351916" spans="14:14">
      <c r="N351916" s="10"/>
    </row>
    <row r="351917" spans="14:14">
      <c r="N351917" s="10"/>
    </row>
    <row r="351918" spans="14:14">
      <c r="N351918" s="10"/>
    </row>
    <row r="351919" spans="14:14">
      <c r="N351919" s="10"/>
    </row>
    <row r="351920" spans="14:14">
      <c r="N351920" s="10"/>
    </row>
    <row r="351921" spans="14:14">
      <c r="N351921" s="10"/>
    </row>
    <row r="351922" spans="14:14">
      <c r="N351922" s="10"/>
    </row>
    <row r="351923" spans="14:14">
      <c r="N351923" s="10"/>
    </row>
    <row r="351924" spans="14:14">
      <c r="N351924" s="10"/>
    </row>
    <row r="351925" spans="14:14">
      <c r="N351925" s="10"/>
    </row>
    <row r="351926" spans="14:14">
      <c r="N351926" s="10"/>
    </row>
    <row r="351927" spans="14:14">
      <c r="N351927" s="10"/>
    </row>
    <row r="351928" spans="14:14">
      <c r="N351928" s="10"/>
    </row>
    <row r="351929" spans="14:14">
      <c r="N351929" s="10"/>
    </row>
    <row r="351930" spans="14:14">
      <c r="N351930" s="10"/>
    </row>
    <row r="351931" spans="14:14">
      <c r="N351931" s="10"/>
    </row>
    <row r="351932" spans="14:14">
      <c r="N351932" s="10"/>
    </row>
    <row r="351933" spans="14:14">
      <c r="N351933" s="10"/>
    </row>
    <row r="351934" spans="14:14">
      <c r="N351934" s="10"/>
    </row>
    <row r="351935" spans="14:14">
      <c r="N351935" s="10"/>
    </row>
    <row r="351936" spans="14:14">
      <c r="N351936" s="10"/>
    </row>
    <row r="351937" spans="14:14">
      <c r="N351937" s="10"/>
    </row>
    <row r="351938" spans="14:14">
      <c r="N351938" s="10"/>
    </row>
    <row r="351939" spans="14:14">
      <c r="N351939" s="10"/>
    </row>
    <row r="351940" spans="14:14">
      <c r="N351940" s="10"/>
    </row>
    <row r="351941" spans="14:14">
      <c r="N351941" s="10"/>
    </row>
    <row r="351942" spans="14:14">
      <c r="N351942" s="10"/>
    </row>
    <row r="351943" spans="14:14">
      <c r="N351943" s="10"/>
    </row>
    <row r="351944" spans="14:14">
      <c r="N351944" s="10"/>
    </row>
    <row r="351945" spans="14:14">
      <c r="N351945" s="10"/>
    </row>
    <row r="351946" spans="14:14">
      <c r="N351946" s="10"/>
    </row>
    <row r="351947" spans="14:14">
      <c r="N351947" s="10"/>
    </row>
    <row r="351948" spans="14:14">
      <c r="N351948" s="10"/>
    </row>
    <row r="351949" spans="14:14">
      <c r="N351949" s="10"/>
    </row>
    <row r="351950" spans="14:14">
      <c r="N351950" s="10"/>
    </row>
    <row r="351951" spans="14:14">
      <c r="N351951" s="10"/>
    </row>
    <row r="351952" spans="14:14">
      <c r="N351952" s="10"/>
    </row>
    <row r="351953" spans="14:14">
      <c r="N351953" s="10"/>
    </row>
    <row r="351954" spans="14:14">
      <c r="N351954" s="10"/>
    </row>
    <row r="351955" spans="14:14">
      <c r="N351955" s="10"/>
    </row>
    <row r="351956" spans="14:14">
      <c r="N351956" s="10"/>
    </row>
    <row r="351957" spans="14:14">
      <c r="N351957" s="10"/>
    </row>
    <row r="351958" spans="14:14">
      <c r="N351958" s="10"/>
    </row>
    <row r="351959" spans="14:14">
      <c r="N351959" s="10"/>
    </row>
    <row r="351960" spans="14:14">
      <c r="N351960" s="10"/>
    </row>
    <row r="351961" spans="14:14">
      <c r="N351961" s="10"/>
    </row>
    <row r="351962" spans="14:14">
      <c r="N351962" s="10"/>
    </row>
    <row r="351963" spans="14:14">
      <c r="N351963" s="10"/>
    </row>
    <row r="351964" spans="14:14">
      <c r="N351964" s="10"/>
    </row>
    <row r="351965" spans="14:14">
      <c r="N351965" s="10"/>
    </row>
    <row r="351966" spans="14:14">
      <c r="N351966" s="10"/>
    </row>
    <row r="351967" spans="14:14">
      <c r="N351967" s="10"/>
    </row>
    <row r="351968" spans="14:14">
      <c r="N351968" s="10"/>
    </row>
    <row r="351969" spans="14:14">
      <c r="N351969" s="10"/>
    </row>
    <row r="351970" spans="14:14">
      <c r="N351970" s="10"/>
    </row>
    <row r="351971" spans="14:14">
      <c r="N351971" s="10"/>
    </row>
    <row r="351972" spans="14:14">
      <c r="N351972" s="10"/>
    </row>
    <row r="351973" spans="14:14">
      <c r="N351973" s="10"/>
    </row>
    <row r="351974" spans="14:14">
      <c r="N351974" s="10"/>
    </row>
    <row r="351975" spans="14:14">
      <c r="N351975" s="10"/>
    </row>
    <row r="351976" spans="14:14">
      <c r="N351976" s="10"/>
    </row>
    <row r="351977" spans="14:14">
      <c r="N351977" s="10"/>
    </row>
    <row r="351978" spans="14:14">
      <c r="N351978" s="10"/>
    </row>
    <row r="351979" spans="14:14">
      <c r="N351979" s="10"/>
    </row>
    <row r="351980" spans="14:14">
      <c r="N351980" s="10"/>
    </row>
    <row r="351981" spans="14:14">
      <c r="N351981" s="10"/>
    </row>
    <row r="351982" spans="14:14">
      <c r="N351982" s="10"/>
    </row>
    <row r="351983" spans="14:14">
      <c r="N351983" s="10"/>
    </row>
    <row r="351984" spans="14:14">
      <c r="N351984" s="10"/>
    </row>
    <row r="351985" spans="14:14">
      <c r="N351985" s="10"/>
    </row>
    <row r="351986" spans="14:14">
      <c r="N351986" s="10"/>
    </row>
    <row r="351987" spans="14:14">
      <c r="N351987" s="10"/>
    </row>
    <row r="351988" spans="14:14">
      <c r="N351988" s="10"/>
    </row>
    <row r="351989" spans="14:14">
      <c r="N351989" s="10"/>
    </row>
    <row r="351990" spans="14:14">
      <c r="N351990" s="10"/>
    </row>
    <row r="351991" spans="14:14">
      <c r="N351991" s="10"/>
    </row>
    <row r="351992" spans="14:14">
      <c r="N351992" s="10"/>
    </row>
    <row r="351993" spans="14:14">
      <c r="N351993" s="10"/>
    </row>
    <row r="351994" spans="14:14">
      <c r="N351994" s="10"/>
    </row>
    <row r="351995" spans="14:14">
      <c r="N351995" s="10"/>
    </row>
    <row r="351996" spans="14:14">
      <c r="N351996" s="10"/>
    </row>
    <row r="351997" spans="14:14">
      <c r="N351997" s="10"/>
    </row>
    <row r="351998" spans="14:14">
      <c r="N351998" s="10"/>
    </row>
    <row r="351999" spans="14:14">
      <c r="N351999" s="10"/>
    </row>
    <row r="352000" spans="14:14">
      <c r="N352000" s="10"/>
    </row>
    <row r="352001" spans="14:14">
      <c r="N352001" s="10"/>
    </row>
    <row r="352002" spans="14:14">
      <c r="N352002" s="10"/>
    </row>
    <row r="352003" spans="14:14">
      <c r="N352003" s="10"/>
    </row>
    <row r="352004" spans="14:14">
      <c r="N352004" s="10"/>
    </row>
    <row r="352005" spans="14:14">
      <c r="N352005" s="10"/>
    </row>
    <row r="352006" spans="14:14">
      <c r="N352006" s="10"/>
    </row>
    <row r="352007" spans="14:14">
      <c r="N352007" s="10"/>
    </row>
    <row r="352008" spans="14:14">
      <c r="N352008" s="10"/>
    </row>
    <row r="352009" spans="14:14">
      <c r="N352009" s="10"/>
    </row>
    <row r="352010" spans="14:14">
      <c r="N352010" s="10"/>
    </row>
    <row r="352011" spans="14:14">
      <c r="N352011" s="10"/>
    </row>
    <row r="352012" spans="14:14">
      <c r="N352012" s="10"/>
    </row>
    <row r="352013" spans="14:14">
      <c r="N352013" s="10"/>
    </row>
    <row r="352014" spans="14:14">
      <c r="N352014" s="10"/>
    </row>
    <row r="352015" spans="14:14">
      <c r="N352015" s="10"/>
    </row>
    <row r="352016" spans="14:14">
      <c r="N352016" s="10"/>
    </row>
    <row r="352017" spans="14:14">
      <c r="N352017" s="10"/>
    </row>
    <row r="352018" spans="14:14">
      <c r="N352018" s="10"/>
    </row>
    <row r="352019" spans="14:14">
      <c r="N352019" s="10"/>
    </row>
    <row r="352020" spans="14:14">
      <c r="N352020" s="10"/>
    </row>
    <row r="352021" spans="14:14">
      <c r="N352021" s="10"/>
    </row>
    <row r="352022" spans="14:14">
      <c r="N352022" s="10"/>
    </row>
    <row r="352023" spans="14:14">
      <c r="N352023" s="10"/>
    </row>
    <row r="352024" spans="14:14">
      <c r="N352024" s="10"/>
    </row>
    <row r="352025" spans="14:14">
      <c r="N352025" s="10"/>
    </row>
    <row r="352026" spans="14:14">
      <c r="N352026" s="10"/>
    </row>
    <row r="352027" spans="14:14">
      <c r="N352027" s="10"/>
    </row>
    <row r="352028" spans="14:14">
      <c r="N352028" s="10"/>
    </row>
    <row r="352029" spans="14:14">
      <c r="N352029" s="10"/>
    </row>
    <row r="352030" spans="14:14">
      <c r="N352030" s="10"/>
    </row>
    <row r="352031" spans="14:14">
      <c r="N352031" s="10"/>
    </row>
    <row r="352032" spans="14:14">
      <c r="N352032" s="10"/>
    </row>
    <row r="352033" spans="14:14">
      <c r="N352033" s="10"/>
    </row>
    <row r="352034" spans="14:14">
      <c r="N352034" s="10"/>
    </row>
    <row r="352035" spans="14:14">
      <c r="N352035" s="10"/>
    </row>
    <row r="352036" spans="14:14">
      <c r="N352036" s="10"/>
    </row>
    <row r="352037" spans="14:14">
      <c r="N352037" s="10"/>
    </row>
    <row r="352038" spans="14:14">
      <c r="N352038" s="10"/>
    </row>
    <row r="352039" spans="14:14">
      <c r="N352039" s="10"/>
    </row>
    <row r="352040" spans="14:14">
      <c r="N352040" s="10"/>
    </row>
    <row r="352041" spans="14:14">
      <c r="N352041" s="10"/>
    </row>
    <row r="352042" spans="14:14">
      <c r="N352042" s="10"/>
    </row>
    <row r="352043" spans="14:14">
      <c r="N352043" s="10"/>
    </row>
    <row r="352044" spans="14:14">
      <c r="N352044" s="10"/>
    </row>
    <row r="352045" spans="14:14">
      <c r="N352045" s="10"/>
    </row>
    <row r="352046" spans="14:14">
      <c r="N352046" s="10"/>
    </row>
    <row r="352047" spans="14:14">
      <c r="N352047" s="10"/>
    </row>
    <row r="352048" spans="14:14">
      <c r="N352048" s="10"/>
    </row>
    <row r="352049" spans="14:14">
      <c r="N352049" s="10"/>
    </row>
    <row r="352050" spans="14:14">
      <c r="N352050" s="10"/>
    </row>
    <row r="352051" spans="14:14">
      <c r="N352051" s="10"/>
    </row>
    <row r="352052" spans="14:14">
      <c r="N352052" s="10"/>
    </row>
    <row r="352053" spans="14:14">
      <c r="N352053" s="10"/>
    </row>
    <row r="352054" spans="14:14">
      <c r="N352054" s="10"/>
    </row>
    <row r="352055" spans="14:14">
      <c r="N352055" s="10"/>
    </row>
    <row r="352056" spans="14:14">
      <c r="N352056" s="10"/>
    </row>
    <row r="352057" spans="14:14">
      <c r="N352057" s="10"/>
    </row>
    <row r="352058" spans="14:14">
      <c r="N352058" s="10"/>
    </row>
    <row r="352059" spans="14:14">
      <c r="N352059" s="10"/>
    </row>
    <row r="352060" spans="14:14">
      <c r="N352060" s="10"/>
    </row>
    <row r="352061" spans="14:14">
      <c r="N352061" s="10"/>
    </row>
    <row r="352062" spans="14:14">
      <c r="N352062" s="10"/>
    </row>
    <row r="352063" spans="14:14">
      <c r="N352063" s="10"/>
    </row>
    <row r="352064" spans="14:14">
      <c r="N352064" s="10"/>
    </row>
    <row r="352065" spans="14:14">
      <c r="N352065" s="10"/>
    </row>
    <row r="352066" spans="14:14">
      <c r="N352066" s="10"/>
    </row>
    <row r="352067" spans="14:14">
      <c r="N352067" s="10"/>
    </row>
    <row r="352068" spans="14:14">
      <c r="N352068" s="10"/>
    </row>
    <row r="352069" spans="14:14">
      <c r="N352069" s="10"/>
    </row>
    <row r="352070" spans="14:14">
      <c r="N352070" s="10"/>
    </row>
    <row r="352071" spans="14:14">
      <c r="N352071" s="10"/>
    </row>
    <row r="352072" spans="14:14">
      <c r="N352072" s="10"/>
    </row>
    <row r="352073" spans="14:14">
      <c r="N352073" s="10"/>
    </row>
    <row r="352074" spans="14:14">
      <c r="N352074" s="10"/>
    </row>
    <row r="352075" spans="14:14">
      <c r="N352075" s="10"/>
    </row>
    <row r="352076" spans="14:14">
      <c r="N352076" s="10"/>
    </row>
    <row r="352077" spans="14:14">
      <c r="N352077" s="10"/>
    </row>
    <row r="352078" spans="14:14">
      <c r="N352078" s="10"/>
    </row>
    <row r="352079" spans="14:14">
      <c r="N352079" s="10"/>
    </row>
    <row r="352080" spans="14:14">
      <c r="N352080" s="10"/>
    </row>
    <row r="352081" spans="14:14">
      <c r="N352081" s="10"/>
    </row>
    <row r="352082" spans="14:14">
      <c r="N352082" s="10"/>
    </row>
    <row r="352083" spans="14:14">
      <c r="N352083" s="10"/>
    </row>
    <row r="352084" spans="14:14">
      <c r="N352084" s="10"/>
    </row>
    <row r="352085" spans="14:14">
      <c r="N352085" s="10"/>
    </row>
    <row r="352086" spans="14:14">
      <c r="N352086" s="10"/>
    </row>
    <row r="352087" spans="14:14">
      <c r="N352087" s="10"/>
    </row>
    <row r="352088" spans="14:14">
      <c r="N352088" s="10"/>
    </row>
    <row r="352089" spans="14:14">
      <c r="N352089" s="10"/>
    </row>
    <row r="352090" spans="14:14">
      <c r="N352090" s="10"/>
    </row>
    <row r="352091" spans="14:14">
      <c r="N352091" s="10"/>
    </row>
    <row r="352092" spans="14:14">
      <c r="N352092" s="10"/>
    </row>
    <row r="352093" spans="14:14">
      <c r="N352093" s="10"/>
    </row>
    <row r="352094" spans="14:14">
      <c r="N352094" s="10"/>
    </row>
    <row r="352095" spans="14:14">
      <c r="N352095" s="10"/>
    </row>
    <row r="352096" spans="14:14">
      <c r="N352096" s="10"/>
    </row>
    <row r="352097" spans="14:14">
      <c r="N352097" s="10"/>
    </row>
    <row r="352098" spans="14:14">
      <c r="N352098" s="10"/>
    </row>
    <row r="352099" spans="14:14">
      <c r="N352099" s="10"/>
    </row>
    <row r="352100" spans="14:14">
      <c r="N352100" s="10"/>
    </row>
    <row r="352101" spans="14:14">
      <c r="N352101" s="10"/>
    </row>
    <row r="352102" spans="14:14">
      <c r="N352102" s="10"/>
    </row>
    <row r="352103" spans="14:14">
      <c r="N352103" s="10"/>
    </row>
    <row r="352104" spans="14:14">
      <c r="N352104" s="10"/>
    </row>
    <row r="352105" spans="14:14">
      <c r="N352105" s="10"/>
    </row>
    <row r="352106" spans="14:14">
      <c r="N352106" s="10"/>
    </row>
    <row r="352107" spans="14:14">
      <c r="N352107" s="10"/>
    </row>
    <row r="352108" spans="14:14">
      <c r="N352108" s="10"/>
    </row>
    <row r="352109" spans="14:14">
      <c r="N352109" s="10"/>
    </row>
    <row r="352110" spans="14:14">
      <c r="N352110" s="10"/>
    </row>
    <row r="352111" spans="14:14">
      <c r="N352111" s="10"/>
    </row>
    <row r="352112" spans="14:14">
      <c r="N352112" s="10"/>
    </row>
    <row r="352113" spans="14:14">
      <c r="N352113" s="10"/>
    </row>
    <row r="352114" spans="14:14">
      <c r="N352114" s="10"/>
    </row>
    <row r="352115" spans="14:14">
      <c r="N352115" s="10"/>
    </row>
    <row r="352116" spans="14:14">
      <c r="N352116" s="10"/>
    </row>
    <row r="352117" spans="14:14">
      <c r="N352117" s="10"/>
    </row>
    <row r="352118" spans="14:14">
      <c r="N352118" s="10"/>
    </row>
    <row r="352119" spans="14:14">
      <c r="N352119" s="10"/>
    </row>
    <row r="352120" spans="14:14">
      <c r="N352120" s="10"/>
    </row>
    <row r="352121" spans="14:14">
      <c r="N352121" s="10"/>
    </row>
    <row r="352122" spans="14:14">
      <c r="N352122" s="10"/>
    </row>
    <row r="352123" spans="14:14">
      <c r="N352123" s="10"/>
    </row>
    <row r="352124" spans="14:14">
      <c r="N352124" s="10"/>
    </row>
    <row r="352125" spans="14:14">
      <c r="N352125" s="10"/>
    </row>
    <row r="352126" spans="14:14">
      <c r="N352126" s="10"/>
    </row>
    <row r="352127" spans="14:14">
      <c r="N352127" s="10"/>
    </row>
    <row r="352128" spans="14:14">
      <c r="N352128" s="10"/>
    </row>
    <row r="352129" spans="14:14">
      <c r="N352129" s="10"/>
    </row>
    <row r="352130" spans="14:14">
      <c r="N352130" s="10"/>
    </row>
    <row r="352131" spans="14:14">
      <c r="N352131" s="10"/>
    </row>
    <row r="352132" spans="14:14">
      <c r="N352132" s="10"/>
    </row>
    <row r="352133" spans="14:14">
      <c r="N352133" s="10"/>
    </row>
    <row r="352134" spans="14:14">
      <c r="N352134" s="10"/>
    </row>
    <row r="352135" spans="14:14">
      <c r="N352135" s="10"/>
    </row>
    <row r="352136" spans="14:14">
      <c r="N352136" s="10"/>
    </row>
    <row r="352137" spans="14:14">
      <c r="N352137" s="10"/>
    </row>
    <row r="352138" spans="14:14">
      <c r="N352138" s="10"/>
    </row>
    <row r="352139" spans="14:14">
      <c r="N352139" s="10"/>
    </row>
    <row r="352140" spans="14:14">
      <c r="N352140" s="10"/>
    </row>
    <row r="352141" spans="14:14">
      <c r="N352141" s="10"/>
    </row>
    <row r="352142" spans="14:14">
      <c r="N352142" s="10"/>
    </row>
    <row r="352143" spans="14:14">
      <c r="N352143" s="10"/>
    </row>
    <row r="352144" spans="14:14">
      <c r="N352144" s="10"/>
    </row>
    <row r="352145" spans="14:14">
      <c r="N352145" s="10"/>
    </row>
    <row r="352146" spans="14:14">
      <c r="N352146" s="10"/>
    </row>
    <row r="352147" spans="14:14">
      <c r="N352147" s="10"/>
    </row>
    <row r="352148" spans="14:14">
      <c r="N352148" s="10"/>
    </row>
    <row r="352149" spans="14:14">
      <c r="N352149" s="10"/>
    </row>
    <row r="352150" spans="14:14">
      <c r="N352150" s="10"/>
    </row>
    <row r="352151" spans="14:14">
      <c r="N352151" s="10"/>
    </row>
    <row r="352152" spans="14:14">
      <c r="N352152" s="10"/>
    </row>
    <row r="352153" spans="14:14">
      <c r="N352153" s="10"/>
    </row>
    <row r="352154" spans="14:14">
      <c r="N352154" s="10"/>
    </row>
    <row r="352155" spans="14:14">
      <c r="N352155" s="10"/>
    </row>
    <row r="352156" spans="14:14">
      <c r="N352156" s="10"/>
    </row>
    <row r="352157" spans="14:14">
      <c r="N352157" s="10"/>
    </row>
    <row r="352158" spans="14:14">
      <c r="N352158" s="10"/>
    </row>
    <row r="352159" spans="14:14">
      <c r="N352159" s="10"/>
    </row>
    <row r="352160" spans="14:14">
      <c r="N352160" s="10"/>
    </row>
    <row r="352161" spans="14:14">
      <c r="N352161" s="10"/>
    </row>
    <row r="352162" spans="14:14">
      <c r="N352162" s="10"/>
    </row>
    <row r="352163" spans="14:14">
      <c r="N352163" s="10"/>
    </row>
    <row r="352164" spans="14:14">
      <c r="N352164" s="10"/>
    </row>
    <row r="352165" spans="14:14">
      <c r="N352165" s="10"/>
    </row>
    <row r="352166" spans="14:14">
      <c r="N352166" s="10"/>
    </row>
    <row r="352167" spans="14:14">
      <c r="N352167" s="10"/>
    </row>
    <row r="352168" spans="14:14">
      <c r="N352168" s="10"/>
    </row>
    <row r="352169" spans="14:14">
      <c r="N352169" s="10"/>
    </row>
    <row r="352170" spans="14:14">
      <c r="N352170" s="10"/>
    </row>
    <row r="352171" spans="14:14">
      <c r="N352171" s="10"/>
    </row>
    <row r="352172" spans="14:14">
      <c r="N352172" s="10"/>
    </row>
    <row r="352173" spans="14:14">
      <c r="N352173" s="10"/>
    </row>
    <row r="352174" spans="14:14">
      <c r="N352174" s="10"/>
    </row>
    <row r="352175" spans="14:14">
      <c r="N352175" s="10"/>
    </row>
    <row r="352176" spans="14:14">
      <c r="N352176" s="10"/>
    </row>
    <row r="352177" spans="14:14">
      <c r="N352177" s="10"/>
    </row>
    <row r="352178" spans="14:14">
      <c r="N352178" s="10"/>
    </row>
    <row r="352179" spans="14:14">
      <c r="N352179" s="10"/>
    </row>
    <row r="352180" spans="14:14">
      <c r="N352180" s="10"/>
    </row>
    <row r="352181" spans="14:14">
      <c r="N352181" s="10"/>
    </row>
    <row r="352182" spans="14:14">
      <c r="N352182" s="10"/>
    </row>
    <row r="352183" spans="14:14">
      <c r="N352183" s="10"/>
    </row>
    <row r="352184" spans="14:14">
      <c r="N352184" s="10"/>
    </row>
    <row r="352185" spans="14:14">
      <c r="N352185" s="10"/>
    </row>
    <row r="352186" spans="14:14">
      <c r="N352186" s="10"/>
    </row>
    <row r="352187" spans="14:14">
      <c r="N352187" s="10"/>
    </row>
    <row r="352188" spans="14:14">
      <c r="N352188" s="10"/>
    </row>
    <row r="352189" spans="14:14">
      <c r="N352189" s="10"/>
    </row>
    <row r="352190" spans="14:14">
      <c r="N352190" s="10"/>
    </row>
    <row r="352191" spans="14:14">
      <c r="N352191" s="10"/>
    </row>
    <row r="352192" spans="14:14">
      <c r="N352192" s="10"/>
    </row>
    <row r="352193" spans="14:14">
      <c r="N352193" s="10"/>
    </row>
    <row r="352194" spans="14:14">
      <c r="N352194" s="10"/>
    </row>
    <row r="352195" spans="14:14">
      <c r="N352195" s="10"/>
    </row>
    <row r="352196" spans="14:14">
      <c r="N352196" s="10"/>
    </row>
    <row r="352197" spans="14:14">
      <c r="N352197" s="10"/>
    </row>
    <row r="352198" spans="14:14">
      <c r="N352198" s="10"/>
    </row>
    <row r="352199" spans="14:14">
      <c r="N352199" s="10"/>
    </row>
    <row r="352200" spans="14:14">
      <c r="N352200" s="10"/>
    </row>
    <row r="352201" spans="14:14">
      <c r="N352201" s="10"/>
    </row>
    <row r="352202" spans="14:14">
      <c r="N352202" s="10"/>
    </row>
    <row r="352203" spans="14:14">
      <c r="N352203" s="10"/>
    </row>
    <row r="352204" spans="14:14">
      <c r="N352204" s="10"/>
    </row>
    <row r="352205" spans="14:14">
      <c r="N352205" s="10"/>
    </row>
    <row r="352206" spans="14:14">
      <c r="N352206" s="10"/>
    </row>
    <row r="352207" spans="14:14">
      <c r="N352207" s="10"/>
    </row>
    <row r="352208" spans="14:14">
      <c r="N352208" s="10"/>
    </row>
    <row r="352209" spans="14:14">
      <c r="N352209" s="10"/>
    </row>
    <row r="352210" spans="14:14">
      <c r="N352210" s="10"/>
    </row>
    <row r="352211" spans="14:14">
      <c r="N352211" s="10"/>
    </row>
    <row r="352212" spans="14:14">
      <c r="N352212" s="10"/>
    </row>
    <row r="352213" spans="14:14">
      <c r="N352213" s="10"/>
    </row>
    <row r="352214" spans="14:14">
      <c r="N352214" s="10"/>
    </row>
    <row r="352215" spans="14:14">
      <c r="N352215" s="10"/>
    </row>
    <row r="352216" spans="14:14">
      <c r="N352216" s="10"/>
    </row>
    <row r="352217" spans="14:14">
      <c r="N352217" s="10"/>
    </row>
    <row r="352218" spans="14:14">
      <c r="N352218" s="10"/>
    </row>
    <row r="352219" spans="14:14">
      <c r="N352219" s="10"/>
    </row>
    <row r="352220" spans="14:14">
      <c r="N352220" s="10"/>
    </row>
    <row r="352221" spans="14:14">
      <c r="N352221" s="10"/>
    </row>
    <row r="352222" spans="14:14">
      <c r="N352222" s="10"/>
    </row>
    <row r="352223" spans="14:14">
      <c r="N352223" s="10"/>
    </row>
    <row r="352224" spans="14:14">
      <c r="N352224" s="10"/>
    </row>
    <row r="352225" spans="14:14">
      <c r="N352225" s="10"/>
    </row>
    <row r="352226" spans="14:14">
      <c r="N352226" s="10"/>
    </row>
    <row r="352227" spans="14:14">
      <c r="N352227" s="10"/>
    </row>
    <row r="352228" spans="14:14">
      <c r="N352228" s="10"/>
    </row>
    <row r="352229" spans="14:14">
      <c r="N352229" s="10"/>
    </row>
    <row r="352230" spans="14:14">
      <c r="N352230" s="10"/>
    </row>
    <row r="352231" spans="14:14">
      <c r="N352231" s="10"/>
    </row>
    <row r="352232" spans="14:14">
      <c r="N352232" s="10"/>
    </row>
    <row r="352233" spans="14:14">
      <c r="N352233" s="10"/>
    </row>
    <row r="352234" spans="14:14">
      <c r="N352234" s="10"/>
    </row>
    <row r="352235" spans="14:14">
      <c r="N352235" s="10"/>
    </row>
    <row r="352236" spans="14:14">
      <c r="N352236" s="10"/>
    </row>
    <row r="352237" spans="14:14">
      <c r="N352237" s="10"/>
    </row>
    <row r="352238" spans="14:14">
      <c r="N352238" s="10"/>
    </row>
    <row r="352239" spans="14:14">
      <c r="N352239" s="10"/>
    </row>
    <row r="352240" spans="14:14">
      <c r="N352240" s="10"/>
    </row>
    <row r="352241" spans="14:14">
      <c r="N352241" s="10"/>
    </row>
    <row r="352242" spans="14:14">
      <c r="N352242" s="10"/>
    </row>
    <row r="352243" spans="14:14">
      <c r="N352243" s="10"/>
    </row>
    <row r="352244" spans="14:14">
      <c r="N352244" s="10"/>
    </row>
    <row r="352245" spans="14:14">
      <c r="N352245" s="10"/>
    </row>
    <row r="352246" spans="14:14">
      <c r="N352246" s="10"/>
    </row>
    <row r="352247" spans="14:14">
      <c r="N352247" s="10"/>
    </row>
    <row r="352248" spans="14:14">
      <c r="N352248" s="10"/>
    </row>
    <row r="352249" spans="14:14">
      <c r="N352249" s="10"/>
    </row>
    <row r="352250" spans="14:14">
      <c r="N352250" s="10"/>
    </row>
    <row r="352251" spans="14:14">
      <c r="N352251" s="10"/>
    </row>
    <row r="352252" spans="14:14">
      <c r="N352252" s="10"/>
    </row>
    <row r="352253" spans="14:14">
      <c r="N352253" s="10"/>
    </row>
    <row r="352254" spans="14:14">
      <c r="N352254" s="10"/>
    </row>
    <row r="352255" spans="14:14">
      <c r="N352255" s="10"/>
    </row>
    <row r="352256" spans="14:14">
      <c r="N352256" s="10"/>
    </row>
    <row r="352257" spans="14:14">
      <c r="N352257" s="10"/>
    </row>
    <row r="352258" spans="14:14">
      <c r="N352258" s="10"/>
    </row>
    <row r="352259" spans="14:14">
      <c r="N352259" s="10"/>
    </row>
    <row r="352260" spans="14:14">
      <c r="N352260" s="10"/>
    </row>
    <row r="352261" spans="14:14">
      <c r="N352261" s="10"/>
    </row>
    <row r="352262" spans="14:14">
      <c r="N352262" s="10"/>
    </row>
    <row r="352263" spans="14:14">
      <c r="N352263" s="10"/>
    </row>
    <row r="352264" spans="14:14">
      <c r="N352264" s="10"/>
    </row>
    <row r="352265" spans="14:14">
      <c r="N352265" s="10"/>
    </row>
    <row r="352266" spans="14:14">
      <c r="N352266" s="10"/>
    </row>
    <row r="352267" spans="14:14">
      <c r="N352267" s="10"/>
    </row>
    <row r="352268" spans="14:14">
      <c r="N352268" s="10"/>
    </row>
    <row r="352269" spans="14:14">
      <c r="N352269" s="10"/>
    </row>
    <row r="352270" spans="14:14">
      <c r="N352270" s="10"/>
    </row>
    <row r="352271" spans="14:14">
      <c r="N352271" s="10"/>
    </row>
    <row r="352272" spans="14:14">
      <c r="N352272" s="10"/>
    </row>
    <row r="352273" spans="14:14">
      <c r="N352273" s="10"/>
    </row>
    <row r="352274" spans="14:14">
      <c r="N352274" s="10"/>
    </row>
    <row r="352275" spans="14:14">
      <c r="N352275" s="10"/>
    </row>
    <row r="352276" spans="14:14">
      <c r="N352276" s="10"/>
    </row>
    <row r="352277" spans="14:14">
      <c r="N352277" s="10"/>
    </row>
    <row r="352278" spans="14:14">
      <c r="N352278" s="10"/>
    </row>
    <row r="352279" spans="14:14">
      <c r="N352279" s="10"/>
    </row>
    <row r="352280" spans="14:14">
      <c r="N352280" s="10"/>
    </row>
    <row r="352281" spans="14:14">
      <c r="N352281" s="10"/>
    </row>
    <row r="352282" spans="14:14">
      <c r="N352282" s="10"/>
    </row>
    <row r="352283" spans="14:14">
      <c r="N352283" s="10"/>
    </row>
    <row r="352284" spans="14:14">
      <c r="N352284" s="10"/>
    </row>
    <row r="352285" spans="14:14">
      <c r="N352285" s="10"/>
    </row>
    <row r="352286" spans="14:14">
      <c r="N352286" s="10"/>
    </row>
    <row r="352287" spans="14:14">
      <c r="N352287" s="10"/>
    </row>
    <row r="352288" spans="14:14">
      <c r="N352288" s="10"/>
    </row>
    <row r="352289" spans="14:14">
      <c r="N352289" s="10"/>
    </row>
    <row r="352290" spans="14:14">
      <c r="N352290" s="10"/>
    </row>
    <row r="352291" spans="14:14">
      <c r="N352291" s="10"/>
    </row>
    <row r="352292" spans="14:14">
      <c r="N352292" s="10"/>
    </row>
    <row r="352293" spans="14:14">
      <c r="N352293" s="10"/>
    </row>
    <row r="352294" spans="14:14">
      <c r="N352294" s="10"/>
    </row>
    <row r="352295" spans="14:14">
      <c r="N352295" s="10"/>
    </row>
    <row r="352296" spans="14:14">
      <c r="N352296" s="10"/>
    </row>
    <row r="352297" spans="14:14">
      <c r="N352297" s="10"/>
    </row>
    <row r="352298" spans="14:14">
      <c r="N352298" s="10"/>
    </row>
    <row r="352299" spans="14:14">
      <c r="N352299" s="10"/>
    </row>
    <row r="352300" spans="14:14">
      <c r="N352300" s="10"/>
    </row>
    <row r="352301" spans="14:14">
      <c r="N352301" s="10"/>
    </row>
    <row r="352302" spans="14:14">
      <c r="N352302" s="10"/>
    </row>
    <row r="352303" spans="14:14">
      <c r="N352303" s="10"/>
    </row>
    <row r="352304" spans="14:14">
      <c r="N352304" s="10"/>
    </row>
    <row r="352305" spans="14:14">
      <c r="N352305" s="10"/>
    </row>
    <row r="352306" spans="14:14">
      <c r="N352306" s="10"/>
    </row>
    <row r="352307" spans="14:14">
      <c r="N352307" s="10"/>
    </row>
    <row r="352308" spans="14:14">
      <c r="N352308" s="10"/>
    </row>
    <row r="352309" spans="14:14">
      <c r="N352309" s="10"/>
    </row>
    <row r="352310" spans="14:14">
      <c r="N352310" s="10"/>
    </row>
    <row r="352311" spans="14:14">
      <c r="N352311" s="10"/>
    </row>
    <row r="352312" spans="14:14">
      <c r="N352312" s="10"/>
    </row>
    <row r="352313" spans="14:14">
      <c r="N352313" s="10"/>
    </row>
    <row r="352314" spans="14:14">
      <c r="N352314" s="10"/>
    </row>
    <row r="352315" spans="14:14">
      <c r="N352315" s="10"/>
    </row>
    <row r="352316" spans="14:14">
      <c r="N352316" s="10"/>
    </row>
    <row r="352317" spans="14:14">
      <c r="N352317" s="10"/>
    </row>
    <row r="352318" spans="14:14">
      <c r="N352318" s="10"/>
    </row>
    <row r="352319" spans="14:14">
      <c r="N352319" s="10"/>
    </row>
    <row r="352320" spans="14:14">
      <c r="N352320" s="10"/>
    </row>
    <row r="352321" spans="14:14">
      <c r="N352321" s="10"/>
    </row>
    <row r="352322" spans="14:14">
      <c r="N352322" s="10"/>
    </row>
    <row r="352323" spans="14:14">
      <c r="N352323" s="10"/>
    </row>
    <row r="352324" spans="14:14">
      <c r="N352324" s="10"/>
    </row>
    <row r="352325" spans="14:14">
      <c r="N352325" s="10"/>
    </row>
    <row r="352326" spans="14:14">
      <c r="N352326" s="10"/>
    </row>
    <row r="352327" spans="14:14">
      <c r="N352327" s="10"/>
    </row>
    <row r="352328" spans="14:14">
      <c r="N352328" s="10"/>
    </row>
    <row r="352329" spans="14:14">
      <c r="N352329" s="10"/>
    </row>
    <row r="352330" spans="14:14">
      <c r="N352330" s="10"/>
    </row>
    <row r="352331" spans="14:14">
      <c r="N352331" s="10"/>
    </row>
    <row r="352332" spans="14:14">
      <c r="N352332" s="10"/>
    </row>
    <row r="352333" spans="14:14">
      <c r="N352333" s="10"/>
    </row>
    <row r="352334" spans="14:14">
      <c r="N352334" s="10"/>
    </row>
    <row r="352335" spans="14:14">
      <c r="N352335" s="10"/>
    </row>
    <row r="352336" spans="14:14">
      <c r="N352336" s="10"/>
    </row>
    <row r="352337" spans="14:14">
      <c r="N352337" s="10"/>
    </row>
    <row r="352338" spans="14:14">
      <c r="N352338" s="10"/>
    </row>
    <row r="352339" spans="14:14">
      <c r="N352339" s="10"/>
    </row>
    <row r="352340" spans="14:14">
      <c r="N352340" s="10"/>
    </row>
    <row r="352341" spans="14:14">
      <c r="N352341" s="10"/>
    </row>
    <row r="352342" spans="14:14">
      <c r="N352342" s="10"/>
    </row>
    <row r="352343" spans="14:14">
      <c r="N352343" s="10"/>
    </row>
    <row r="352344" spans="14:14">
      <c r="N352344" s="10"/>
    </row>
    <row r="352345" spans="14:14">
      <c r="N352345" s="10"/>
    </row>
    <row r="352346" spans="14:14">
      <c r="N352346" s="10"/>
    </row>
    <row r="352347" spans="14:14">
      <c r="N352347" s="10"/>
    </row>
    <row r="352348" spans="14:14">
      <c r="N352348" s="10"/>
    </row>
    <row r="352349" spans="14:14">
      <c r="N352349" s="10"/>
    </row>
    <row r="352350" spans="14:14">
      <c r="N352350" s="10"/>
    </row>
    <row r="352351" spans="14:14">
      <c r="N352351" s="10"/>
    </row>
    <row r="352352" spans="14:14">
      <c r="N352352" s="10"/>
    </row>
    <row r="352353" spans="14:14">
      <c r="N352353" s="10"/>
    </row>
    <row r="352354" spans="14:14">
      <c r="N352354" s="10"/>
    </row>
    <row r="352355" spans="14:14">
      <c r="N352355" s="10"/>
    </row>
    <row r="352356" spans="14:14">
      <c r="N352356" s="10"/>
    </row>
    <row r="352357" spans="14:14">
      <c r="N352357" s="10"/>
    </row>
    <row r="352358" spans="14:14">
      <c r="N352358" s="10"/>
    </row>
    <row r="352359" spans="14:14">
      <c r="N352359" s="10"/>
    </row>
    <row r="352360" spans="14:14">
      <c r="N352360" s="10"/>
    </row>
    <row r="352361" spans="14:14">
      <c r="N352361" s="10"/>
    </row>
    <row r="352362" spans="14:14">
      <c r="N352362" s="10"/>
    </row>
    <row r="352363" spans="14:14">
      <c r="N352363" s="10"/>
    </row>
    <row r="352364" spans="14:14">
      <c r="N352364" s="10"/>
    </row>
    <row r="352365" spans="14:14">
      <c r="N352365" s="10"/>
    </row>
    <row r="352366" spans="14:14">
      <c r="N352366" s="10"/>
    </row>
    <row r="352367" spans="14:14">
      <c r="N352367" s="10"/>
    </row>
    <row r="352368" spans="14:14">
      <c r="N352368" s="10"/>
    </row>
    <row r="352369" spans="14:14">
      <c r="N352369" s="10"/>
    </row>
    <row r="352370" spans="14:14">
      <c r="N352370" s="10"/>
    </row>
    <row r="352371" spans="14:14">
      <c r="N352371" s="10"/>
    </row>
    <row r="352372" spans="14:14">
      <c r="N352372" s="10"/>
    </row>
    <row r="352373" spans="14:14">
      <c r="N352373" s="10"/>
    </row>
    <row r="352374" spans="14:14">
      <c r="N352374" s="10"/>
    </row>
    <row r="352375" spans="14:14">
      <c r="N352375" s="10"/>
    </row>
    <row r="352376" spans="14:14">
      <c r="N352376" s="10"/>
    </row>
    <row r="352377" spans="14:14">
      <c r="N352377" s="10"/>
    </row>
    <row r="352378" spans="14:14">
      <c r="N352378" s="10"/>
    </row>
    <row r="352379" spans="14:14">
      <c r="N352379" s="10"/>
    </row>
    <row r="352380" spans="14:14">
      <c r="N352380" s="10"/>
    </row>
    <row r="352381" spans="14:14">
      <c r="N352381" s="10"/>
    </row>
    <row r="352382" spans="14:14">
      <c r="N352382" s="10"/>
    </row>
    <row r="352383" spans="14:14">
      <c r="N352383" s="10"/>
    </row>
    <row r="352384" spans="14:14">
      <c r="N352384" s="10"/>
    </row>
    <row r="352385" spans="14:14">
      <c r="N352385" s="10"/>
    </row>
    <row r="352386" spans="14:14">
      <c r="N352386" s="10"/>
    </row>
    <row r="352387" spans="14:14">
      <c r="N352387" s="10"/>
    </row>
    <row r="352388" spans="14:14">
      <c r="N352388" s="10"/>
    </row>
    <row r="352389" spans="14:14">
      <c r="N352389" s="10"/>
    </row>
    <row r="352390" spans="14:14">
      <c r="N352390" s="10"/>
    </row>
    <row r="352391" spans="14:14">
      <c r="N352391" s="10"/>
    </row>
    <row r="352392" spans="14:14">
      <c r="N352392" s="10"/>
    </row>
    <row r="352393" spans="14:14">
      <c r="N352393" s="10"/>
    </row>
    <row r="352394" spans="14:14">
      <c r="N352394" s="10"/>
    </row>
    <row r="352395" spans="14:14">
      <c r="N352395" s="10"/>
    </row>
    <row r="352396" spans="14:14">
      <c r="N352396" s="10"/>
    </row>
    <row r="352397" spans="14:14">
      <c r="N352397" s="10"/>
    </row>
    <row r="352398" spans="14:14">
      <c r="N352398" s="10"/>
    </row>
    <row r="352399" spans="14:14">
      <c r="N352399" s="10"/>
    </row>
    <row r="352400" spans="14:14">
      <c r="N352400" s="10"/>
    </row>
    <row r="352401" spans="14:14">
      <c r="N352401" s="10"/>
    </row>
    <row r="352402" spans="14:14">
      <c r="N352402" s="10"/>
    </row>
    <row r="352403" spans="14:14">
      <c r="N352403" s="10"/>
    </row>
    <row r="352404" spans="14:14">
      <c r="N352404" s="10"/>
    </row>
    <row r="352405" spans="14:14">
      <c r="N352405" s="10"/>
    </row>
    <row r="352406" spans="14:14">
      <c r="N352406" s="10"/>
    </row>
    <row r="352407" spans="14:14">
      <c r="N352407" s="10"/>
    </row>
    <row r="352408" spans="14:14">
      <c r="N352408" s="10"/>
    </row>
    <row r="352409" spans="14:14">
      <c r="N352409" s="10"/>
    </row>
    <row r="352410" spans="14:14">
      <c r="N352410" s="10"/>
    </row>
    <row r="352411" spans="14:14">
      <c r="N352411" s="10"/>
    </row>
    <row r="352412" spans="14:14">
      <c r="N352412" s="10"/>
    </row>
    <row r="352413" spans="14:14">
      <c r="N352413" s="10"/>
    </row>
    <row r="352414" spans="14:14">
      <c r="N352414" s="10"/>
    </row>
    <row r="352415" spans="14:14">
      <c r="N352415" s="10"/>
    </row>
    <row r="352416" spans="14:14">
      <c r="N352416" s="10"/>
    </row>
    <row r="352417" spans="14:14">
      <c r="N352417" s="10"/>
    </row>
    <row r="352418" spans="14:14">
      <c r="N352418" s="10"/>
    </row>
    <row r="352419" spans="14:14">
      <c r="N352419" s="10"/>
    </row>
    <row r="352420" spans="14:14">
      <c r="N352420" s="10"/>
    </row>
    <row r="352421" spans="14:14">
      <c r="N352421" s="10"/>
    </row>
    <row r="352422" spans="14:14">
      <c r="N352422" s="10"/>
    </row>
    <row r="352423" spans="14:14">
      <c r="N352423" s="10"/>
    </row>
    <row r="352424" spans="14:14">
      <c r="N352424" s="10"/>
    </row>
    <row r="352425" spans="14:14">
      <c r="N352425" s="10"/>
    </row>
    <row r="352426" spans="14:14">
      <c r="N352426" s="10"/>
    </row>
    <row r="352427" spans="14:14">
      <c r="N352427" s="10"/>
    </row>
    <row r="352428" spans="14:14">
      <c r="N352428" s="10"/>
    </row>
    <row r="352429" spans="14:14">
      <c r="N352429" s="10"/>
    </row>
    <row r="352430" spans="14:14">
      <c r="N352430" s="10"/>
    </row>
    <row r="352431" spans="14:14">
      <c r="N352431" s="10"/>
    </row>
    <row r="352432" spans="14:14">
      <c r="N352432" s="10"/>
    </row>
    <row r="352433" spans="14:14">
      <c r="N352433" s="10"/>
    </row>
    <row r="352434" spans="14:14">
      <c r="N352434" s="10"/>
    </row>
    <row r="352435" spans="14:14">
      <c r="N352435" s="10"/>
    </row>
    <row r="352436" spans="14:14">
      <c r="N352436" s="10"/>
    </row>
    <row r="352437" spans="14:14">
      <c r="N352437" s="10"/>
    </row>
    <row r="352438" spans="14:14">
      <c r="N352438" s="10"/>
    </row>
    <row r="352439" spans="14:14">
      <c r="N352439" s="10"/>
    </row>
    <row r="352440" spans="14:14">
      <c r="N352440" s="10"/>
    </row>
    <row r="352441" spans="14:14">
      <c r="N352441" s="10"/>
    </row>
    <row r="352442" spans="14:14">
      <c r="N352442" s="10"/>
    </row>
    <row r="352443" spans="14:14">
      <c r="N352443" s="10"/>
    </row>
    <row r="352444" spans="14:14">
      <c r="N352444" s="10"/>
    </row>
    <row r="352445" spans="14:14">
      <c r="N352445" s="10"/>
    </row>
    <row r="352446" spans="14:14">
      <c r="N352446" s="10"/>
    </row>
    <row r="352447" spans="14:14">
      <c r="N352447" s="10"/>
    </row>
    <row r="352448" spans="14:14">
      <c r="N352448" s="10"/>
    </row>
    <row r="352449" spans="14:14">
      <c r="N352449" s="10"/>
    </row>
    <row r="352450" spans="14:14">
      <c r="N352450" s="10"/>
    </row>
    <row r="352451" spans="14:14">
      <c r="N352451" s="10"/>
    </row>
    <row r="352452" spans="14:14">
      <c r="N352452" s="10"/>
    </row>
    <row r="352453" spans="14:14">
      <c r="N352453" s="10"/>
    </row>
    <row r="352454" spans="14:14">
      <c r="N352454" s="10"/>
    </row>
    <row r="352455" spans="14:14">
      <c r="N352455" s="10"/>
    </row>
    <row r="352456" spans="14:14">
      <c r="N352456" s="10"/>
    </row>
    <row r="352457" spans="14:14">
      <c r="N352457" s="10"/>
    </row>
    <row r="352458" spans="14:14">
      <c r="N352458" s="10"/>
    </row>
    <row r="352459" spans="14:14">
      <c r="N352459" s="10"/>
    </row>
    <row r="352460" spans="14:14">
      <c r="N352460" s="10"/>
    </row>
    <row r="352461" spans="14:14">
      <c r="N352461" s="10"/>
    </row>
    <row r="352462" spans="14:14">
      <c r="N352462" s="10"/>
    </row>
    <row r="352463" spans="14:14">
      <c r="N352463" s="10"/>
    </row>
    <row r="352464" spans="14:14">
      <c r="N352464" s="10"/>
    </row>
    <row r="352465" spans="14:14">
      <c r="N352465" s="10"/>
    </row>
    <row r="352466" spans="14:14">
      <c r="N352466" s="10"/>
    </row>
    <row r="352467" spans="14:14">
      <c r="N352467" s="10"/>
    </row>
    <row r="352468" spans="14:14">
      <c r="N352468" s="10"/>
    </row>
    <row r="352469" spans="14:14">
      <c r="N352469" s="10"/>
    </row>
    <row r="352470" spans="14:14">
      <c r="N352470" s="10"/>
    </row>
    <row r="352471" spans="14:14">
      <c r="N352471" s="10"/>
    </row>
    <row r="352472" spans="14:14">
      <c r="N352472" s="10"/>
    </row>
    <row r="352473" spans="14:14">
      <c r="N352473" s="10"/>
    </row>
    <row r="352474" spans="14:14">
      <c r="N352474" s="10"/>
    </row>
    <row r="352475" spans="14:14">
      <c r="N352475" s="10"/>
    </row>
    <row r="352476" spans="14:14">
      <c r="N352476" s="10"/>
    </row>
    <row r="352477" spans="14:14">
      <c r="N352477" s="10"/>
    </row>
    <row r="352478" spans="14:14">
      <c r="N352478" s="10"/>
    </row>
    <row r="352479" spans="14:14">
      <c r="N352479" s="10"/>
    </row>
    <row r="352480" spans="14:14">
      <c r="N352480" s="10"/>
    </row>
    <row r="352481" spans="14:14">
      <c r="N352481" s="10"/>
    </row>
    <row r="352482" spans="14:14">
      <c r="N352482" s="10"/>
    </row>
    <row r="352483" spans="14:14">
      <c r="N352483" s="10"/>
    </row>
    <row r="352484" spans="14:14">
      <c r="N352484" s="10"/>
    </row>
    <row r="352485" spans="14:14">
      <c r="N352485" s="10"/>
    </row>
    <row r="352486" spans="14:14">
      <c r="N352486" s="10"/>
    </row>
    <row r="352487" spans="14:14">
      <c r="N352487" s="10"/>
    </row>
    <row r="352488" spans="14:14">
      <c r="N352488" s="10"/>
    </row>
    <row r="352489" spans="14:14">
      <c r="N352489" s="10"/>
    </row>
    <row r="352490" spans="14:14">
      <c r="N352490" s="10"/>
    </row>
    <row r="352491" spans="14:14">
      <c r="N352491" s="10"/>
    </row>
    <row r="352492" spans="14:14">
      <c r="N352492" s="10"/>
    </row>
    <row r="352493" spans="14:14">
      <c r="N352493" s="10"/>
    </row>
    <row r="352494" spans="14:14">
      <c r="N352494" s="10"/>
    </row>
    <row r="352495" spans="14:14">
      <c r="N352495" s="10"/>
    </row>
    <row r="352496" spans="14:14">
      <c r="N352496" s="10"/>
    </row>
    <row r="352497" spans="14:14">
      <c r="N352497" s="10"/>
    </row>
    <row r="352498" spans="14:14">
      <c r="N352498" s="10"/>
    </row>
    <row r="352499" spans="14:14">
      <c r="N352499" s="10"/>
    </row>
    <row r="352500" spans="14:14">
      <c r="N352500" s="10"/>
    </row>
    <row r="352501" spans="14:14">
      <c r="N352501" s="10"/>
    </row>
    <row r="352502" spans="14:14">
      <c r="N352502" s="10"/>
    </row>
    <row r="352503" spans="14:14">
      <c r="N352503" s="10"/>
    </row>
    <row r="352504" spans="14:14">
      <c r="N352504" s="10"/>
    </row>
    <row r="352505" spans="14:14">
      <c r="N352505" s="10"/>
    </row>
    <row r="352506" spans="14:14">
      <c r="N352506" s="10"/>
    </row>
    <row r="352507" spans="14:14">
      <c r="N352507" s="10"/>
    </row>
    <row r="352508" spans="14:14">
      <c r="N352508" s="10"/>
    </row>
    <row r="352509" spans="14:14">
      <c r="N352509" s="10"/>
    </row>
    <row r="352510" spans="14:14">
      <c r="N352510" s="10"/>
    </row>
    <row r="352511" spans="14:14">
      <c r="N352511" s="10"/>
    </row>
    <row r="352512" spans="14:14">
      <c r="N352512" s="10"/>
    </row>
    <row r="352513" spans="14:14">
      <c r="N352513" s="10"/>
    </row>
    <row r="352514" spans="14:14">
      <c r="N352514" s="10"/>
    </row>
    <row r="352515" spans="14:14">
      <c r="N352515" s="10"/>
    </row>
    <row r="352516" spans="14:14">
      <c r="N352516" s="10"/>
    </row>
    <row r="352517" spans="14:14">
      <c r="N352517" s="10"/>
    </row>
    <row r="352518" spans="14:14">
      <c r="N352518" s="10"/>
    </row>
    <row r="352519" spans="14:14">
      <c r="N352519" s="10"/>
    </row>
    <row r="352520" spans="14:14">
      <c r="N352520" s="10"/>
    </row>
    <row r="352521" spans="14:14">
      <c r="N352521" s="10"/>
    </row>
    <row r="352522" spans="14:14">
      <c r="N352522" s="10"/>
    </row>
    <row r="352523" spans="14:14">
      <c r="N352523" s="10"/>
    </row>
    <row r="352524" spans="14:14">
      <c r="N352524" s="10"/>
    </row>
    <row r="352525" spans="14:14">
      <c r="N352525" s="10"/>
    </row>
    <row r="352526" spans="14:14">
      <c r="N352526" s="10"/>
    </row>
    <row r="352527" spans="14:14">
      <c r="N352527" s="10"/>
    </row>
    <row r="352528" spans="14:14">
      <c r="N352528" s="10"/>
    </row>
    <row r="352529" spans="14:14">
      <c r="N352529" s="10"/>
    </row>
    <row r="352530" spans="14:14">
      <c r="N352530" s="10"/>
    </row>
    <row r="352531" spans="14:14">
      <c r="N352531" s="10"/>
    </row>
    <row r="352532" spans="14:14">
      <c r="N352532" s="10"/>
    </row>
    <row r="352533" spans="14:14">
      <c r="N352533" s="10"/>
    </row>
    <row r="352534" spans="14:14">
      <c r="N352534" s="10"/>
    </row>
    <row r="352535" spans="14:14">
      <c r="N352535" s="10"/>
    </row>
    <row r="352536" spans="14:14">
      <c r="N352536" s="10"/>
    </row>
    <row r="352537" spans="14:14">
      <c r="N352537" s="10"/>
    </row>
    <row r="352538" spans="14:14">
      <c r="N352538" s="10"/>
    </row>
    <row r="352539" spans="14:14">
      <c r="N352539" s="10"/>
    </row>
    <row r="352540" spans="14:14">
      <c r="N352540" s="10"/>
    </row>
    <row r="352541" spans="14:14">
      <c r="N352541" s="10"/>
    </row>
    <row r="352542" spans="14:14">
      <c r="N352542" s="10"/>
    </row>
    <row r="352543" spans="14:14">
      <c r="N352543" s="10"/>
    </row>
    <row r="352544" spans="14:14">
      <c r="N352544" s="10"/>
    </row>
    <row r="352545" spans="14:14">
      <c r="N352545" s="10"/>
    </row>
    <row r="352546" spans="14:14">
      <c r="N352546" s="10"/>
    </row>
    <row r="352547" spans="14:14">
      <c r="N352547" s="10"/>
    </row>
    <row r="352548" spans="14:14">
      <c r="N352548" s="10"/>
    </row>
    <row r="352549" spans="14:14">
      <c r="N352549" s="10"/>
    </row>
    <row r="352550" spans="14:14">
      <c r="N352550" s="10"/>
    </row>
    <row r="352551" spans="14:14">
      <c r="N352551" s="10"/>
    </row>
    <row r="352552" spans="14:14">
      <c r="N352552" s="10"/>
    </row>
    <row r="352553" spans="14:14">
      <c r="N352553" s="10"/>
    </row>
    <row r="352554" spans="14:14">
      <c r="N352554" s="10"/>
    </row>
    <row r="352555" spans="14:14">
      <c r="N352555" s="10"/>
    </row>
    <row r="352556" spans="14:14">
      <c r="N352556" s="10"/>
    </row>
    <row r="352557" spans="14:14">
      <c r="N352557" s="10"/>
    </row>
    <row r="352558" spans="14:14">
      <c r="N352558" s="10"/>
    </row>
    <row r="352559" spans="14:14">
      <c r="N352559" s="10"/>
    </row>
    <row r="352560" spans="14:14">
      <c r="N352560" s="10"/>
    </row>
    <row r="352561" spans="14:14">
      <c r="N352561" s="10"/>
    </row>
    <row r="352562" spans="14:14">
      <c r="N352562" s="10"/>
    </row>
    <row r="352563" spans="14:14">
      <c r="N352563" s="10"/>
    </row>
    <row r="352564" spans="14:14">
      <c r="N352564" s="10"/>
    </row>
    <row r="352565" spans="14:14">
      <c r="N352565" s="10"/>
    </row>
    <row r="352566" spans="14:14">
      <c r="N352566" s="10"/>
    </row>
    <row r="352567" spans="14:14">
      <c r="N352567" s="10"/>
    </row>
    <row r="352568" spans="14:14">
      <c r="N352568" s="10"/>
    </row>
    <row r="352569" spans="14:14">
      <c r="N352569" s="10"/>
    </row>
    <row r="352570" spans="14:14">
      <c r="N352570" s="10"/>
    </row>
    <row r="352571" spans="14:14">
      <c r="N352571" s="10"/>
    </row>
    <row r="352572" spans="14:14">
      <c r="N352572" s="10"/>
    </row>
    <row r="352573" spans="14:14">
      <c r="N352573" s="10"/>
    </row>
    <row r="352574" spans="14:14">
      <c r="N352574" s="10"/>
    </row>
    <row r="352575" spans="14:14">
      <c r="N352575" s="10"/>
    </row>
    <row r="352576" spans="14:14">
      <c r="N352576" s="10"/>
    </row>
    <row r="352577" spans="14:14">
      <c r="N352577" s="10"/>
    </row>
    <row r="352578" spans="14:14">
      <c r="N352578" s="10"/>
    </row>
    <row r="352579" spans="14:14">
      <c r="N352579" s="10"/>
    </row>
    <row r="352580" spans="14:14">
      <c r="N352580" s="10"/>
    </row>
    <row r="352581" spans="14:14">
      <c r="N352581" s="10"/>
    </row>
    <row r="352582" spans="14:14">
      <c r="N352582" s="10"/>
    </row>
    <row r="352583" spans="14:14">
      <c r="N352583" s="10"/>
    </row>
    <row r="352584" spans="14:14">
      <c r="N352584" s="10"/>
    </row>
    <row r="352585" spans="14:14">
      <c r="N352585" s="10"/>
    </row>
    <row r="352586" spans="14:14">
      <c r="N352586" s="10"/>
    </row>
    <row r="352587" spans="14:14">
      <c r="N352587" s="10"/>
    </row>
    <row r="352588" spans="14:14">
      <c r="N352588" s="10"/>
    </row>
    <row r="352589" spans="14:14">
      <c r="N352589" s="10"/>
    </row>
    <row r="352590" spans="14:14">
      <c r="N352590" s="10"/>
    </row>
    <row r="352591" spans="14:14">
      <c r="N352591" s="10"/>
    </row>
    <row r="352592" spans="14:14">
      <c r="N352592" s="10"/>
    </row>
    <row r="352593" spans="14:14">
      <c r="N352593" s="10"/>
    </row>
    <row r="352594" spans="14:14">
      <c r="N352594" s="10"/>
    </row>
    <row r="352595" spans="14:14">
      <c r="N352595" s="10"/>
    </row>
    <row r="352596" spans="14:14">
      <c r="N352596" s="10"/>
    </row>
    <row r="352597" spans="14:14">
      <c r="N352597" s="10"/>
    </row>
    <row r="352598" spans="14:14">
      <c r="N352598" s="10"/>
    </row>
    <row r="352599" spans="14:14">
      <c r="N352599" s="10"/>
    </row>
    <row r="352600" spans="14:14">
      <c r="N352600" s="10"/>
    </row>
    <row r="352601" spans="14:14">
      <c r="N352601" s="10"/>
    </row>
    <row r="352602" spans="14:14">
      <c r="N352602" s="10"/>
    </row>
    <row r="352603" spans="14:14">
      <c r="N352603" s="10"/>
    </row>
    <row r="352604" spans="14:14">
      <c r="N352604" s="10"/>
    </row>
    <row r="352605" spans="14:14">
      <c r="N352605" s="10"/>
    </row>
    <row r="352606" spans="14:14">
      <c r="N352606" s="10"/>
    </row>
    <row r="352607" spans="14:14">
      <c r="N352607" s="10"/>
    </row>
    <row r="352608" spans="14:14">
      <c r="N352608" s="10"/>
    </row>
    <row r="352609" spans="14:14">
      <c r="N352609" s="10"/>
    </row>
    <row r="352610" spans="14:14">
      <c r="N352610" s="10"/>
    </row>
    <row r="352611" spans="14:14">
      <c r="N352611" s="10"/>
    </row>
    <row r="352612" spans="14:14">
      <c r="N352612" s="10"/>
    </row>
    <row r="352613" spans="14:14">
      <c r="N352613" s="10"/>
    </row>
    <row r="352614" spans="14:14">
      <c r="N352614" s="10"/>
    </row>
    <row r="352615" spans="14:14">
      <c r="N352615" s="10"/>
    </row>
    <row r="352616" spans="14:14">
      <c r="N352616" s="10"/>
    </row>
    <row r="352617" spans="14:14">
      <c r="N352617" s="10"/>
    </row>
    <row r="352618" spans="14:14">
      <c r="N352618" s="10"/>
    </row>
    <row r="352619" spans="14:14">
      <c r="N352619" s="10"/>
    </row>
    <row r="352620" spans="14:14">
      <c r="N352620" s="10"/>
    </row>
    <row r="352621" spans="14:14">
      <c r="N352621" s="10"/>
    </row>
    <row r="352622" spans="14:14">
      <c r="N352622" s="10"/>
    </row>
    <row r="352623" spans="14:14">
      <c r="N352623" s="10"/>
    </row>
    <row r="352624" spans="14:14">
      <c r="N352624" s="10"/>
    </row>
    <row r="352625" spans="14:14">
      <c r="N352625" s="10"/>
    </row>
    <row r="352626" spans="14:14">
      <c r="N352626" s="10"/>
    </row>
    <row r="352627" spans="14:14">
      <c r="N352627" s="10"/>
    </row>
    <row r="352628" spans="14:14">
      <c r="N352628" s="10"/>
    </row>
    <row r="352629" spans="14:14">
      <c r="N352629" s="10"/>
    </row>
    <row r="352630" spans="14:14">
      <c r="N352630" s="10"/>
    </row>
    <row r="352631" spans="14:14">
      <c r="N352631" s="10"/>
    </row>
    <row r="352632" spans="14:14">
      <c r="N352632" s="10"/>
    </row>
    <row r="352633" spans="14:14">
      <c r="N352633" s="10"/>
    </row>
    <row r="352634" spans="14:14">
      <c r="N352634" s="10"/>
    </row>
    <row r="352635" spans="14:14">
      <c r="N352635" s="10"/>
    </row>
    <row r="352636" spans="14:14">
      <c r="N352636" s="10"/>
    </row>
    <row r="352637" spans="14:14">
      <c r="N352637" s="10"/>
    </row>
    <row r="352638" spans="14:14">
      <c r="N352638" s="10"/>
    </row>
    <row r="352639" spans="14:14">
      <c r="N352639" s="10"/>
    </row>
    <row r="352640" spans="14:14">
      <c r="N352640" s="10"/>
    </row>
    <row r="352641" spans="14:14">
      <c r="N352641" s="10"/>
    </row>
    <row r="352642" spans="14:14">
      <c r="N352642" s="10"/>
    </row>
    <row r="352643" spans="14:14">
      <c r="N352643" s="10"/>
    </row>
    <row r="352644" spans="14:14">
      <c r="N352644" s="10"/>
    </row>
    <row r="352645" spans="14:14">
      <c r="N352645" s="10"/>
    </row>
    <row r="352646" spans="14:14">
      <c r="N352646" s="10"/>
    </row>
    <row r="352647" spans="14:14">
      <c r="N352647" s="10"/>
    </row>
    <row r="352648" spans="14:14">
      <c r="N352648" s="10"/>
    </row>
    <row r="352649" spans="14:14">
      <c r="N352649" s="10"/>
    </row>
    <row r="352650" spans="14:14">
      <c r="N352650" s="10"/>
    </row>
    <row r="352651" spans="14:14">
      <c r="N352651" s="10"/>
    </row>
    <row r="352652" spans="14:14">
      <c r="N352652" s="10"/>
    </row>
    <row r="352653" spans="14:14">
      <c r="N352653" s="10"/>
    </row>
    <row r="352654" spans="14:14">
      <c r="N352654" s="10"/>
    </row>
    <row r="352655" spans="14:14">
      <c r="N352655" s="10"/>
    </row>
    <row r="352656" spans="14:14">
      <c r="N352656" s="10"/>
    </row>
    <row r="352657" spans="14:14">
      <c r="N352657" s="10"/>
    </row>
    <row r="352658" spans="14:14">
      <c r="N352658" s="10"/>
    </row>
    <row r="352659" spans="14:14">
      <c r="N352659" s="10"/>
    </row>
    <row r="352660" spans="14:14">
      <c r="N352660" s="10"/>
    </row>
    <row r="352661" spans="14:14">
      <c r="N352661" s="10"/>
    </row>
    <row r="352662" spans="14:14">
      <c r="N352662" s="10"/>
    </row>
    <row r="352663" spans="14:14">
      <c r="N352663" s="10"/>
    </row>
    <row r="352664" spans="14:14">
      <c r="N352664" s="10"/>
    </row>
    <row r="352665" spans="14:14">
      <c r="N352665" s="10"/>
    </row>
    <row r="352666" spans="14:14">
      <c r="N352666" s="10"/>
    </row>
    <row r="352667" spans="14:14">
      <c r="N352667" s="10"/>
    </row>
    <row r="352668" spans="14:14">
      <c r="N352668" s="10"/>
    </row>
    <row r="352669" spans="14:14">
      <c r="N352669" s="10"/>
    </row>
    <row r="352670" spans="14:14">
      <c r="N352670" s="10"/>
    </row>
    <row r="352671" spans="14:14">
      <c r="N352671" s="10"/>
    </row>
    <row r="352672" spans="14:14">
      <c r="N352672" s="10"/>
    </row>
    <row r="352673" spans="14:14">
      <c r="N352673" s="10"/>
    </row>
    <row r="352674" spans="14:14">
      <c r="N352674" s="10"/>
    </row>
    <row r="352675" spans="14:14">
      <c r="N352675" s="10"/>
    </row>
    <row r="352676" spans="14:14">
      <c r="N352676" s="10"/>
    </row>
    <row r="352677" spans="14:14">
      <c r="N352677" s="10"/>
    </row>
    <row r="352678" spans="14:14">
      <c r="N352678" s="10"/>
    </row>
    <row r="352679" spans="14:14">
      <c r="N352679" s="10"/>
    </row>
    <row r="352680" spans="14:14">
      <c r="N352680" s="10"/>
    </row>
    <row r="352681" spans="14:14">
      <c r="N352681" s="10"/>
    </row>
    <row r="352682" spans="14:14">
      <c r="N352682" s="10"/>
    </row>
    <row r="352683" spans="14:14">
      <c r="N352683" s="10"/>
    </row>
    <row r="352684" spans="14:14">
      <c r="N352684" s="10"/>
    </row>
    <row r="352685" spans="14:14">
      <c r="N352685" s="10"/>
    </row>
    <row r="352686" spans="14:14">
      <c r="N352686" s="10"/>
    </row>
    <row r="352687" spans="14:14">
      <c r="N352687" s="10"/>
    </row>
    <row r="352688" spans="14:14">
      <c r="N352688" s="10"/>
    </row>
    <row r="352689" spans="14:14">
      <c r="N352689" s="10"/>
    </row>
    <row r="352690" spans="14:14">
      <c r="N352690" s="10"/>
    </row>
    <row r="352691" spans="14:14">
      <c r="N352691" s="10"/>
    </row>
    <row r="352692" spans="14:14">
      <c r="N352692" s="10"/>
    </row>
    <row r="352693" spans="14:14">
      <c r="N352693" s="10"/>
    </row>
    <row r="352694" spans="14:14">
      <c r="N352694" s="10"/>
    </row>
    <row r="352695" spans="14:14">
      <c r="N352695" s="10"/>
    </row>
    <row r="352696" spans="14:14">
      <c r="N352696" s="10"/>
    </row>
    <row r="352697" spans="14:14">
      <c r="N352697" s="10"/>
    </row>
    <row r="352698" spans="14:14">
      <c r="N352698" s="10"/>
    </row>
    <row r="352699" spans="14:14">
      <c r="N352699" s="10"/>
    </row>
    <row r="352700" spans="14:14">
      <c r="N352700" s="10"/>
    </row>
    <row r="352701" spans="14:14">
      <c r="N352701" s="10"/>
    </row>
    <row r="352702" spans="14:14">
      <c r="N352702" s="10"/>
    </row>
    <row r="352703" spans="14:14">
      <c r="N352703" s="10"/>
    </row>
    <row r="352704" spans="14:14">
      <c r="N352704" s="10"/>
    </row>
    <row r="352705" spans="14:14">
      <c r="N352705" s="10"/>
    </row>
    <row r="352706" spans="14:14">
      <c r="N352706" s="10"/>
    </row>
    <row r="352707" spans="14:14">
      <c r="N352707" s="10"/>
    </row>
    <row r="352708" spans="14:14">
      <c r="N352708" s="10"/>
    </row>
    <row r="352709" spans="14:14">
      <c r="N352709" s="10"/>
    </row>
    <row r="352710" spans="14:14">
      <c r="N352710" s="10"/>
    </row>
    <row r="352711" spans="14:14">
      <c r="N352711" s="10"/>
    </row>
    <row r="352712" spans="14:14">
      <c r="N352712" s="10"/>
    </row>
    <row r="352713" spans="14:14">
      <c r="N352713" s="10"/>
    </row>
    <row r="352714" spans="14:14">
      <c r="N352714" s="10"/>
    </row>
    <row r="352715" spans="14:14">
      <c r="N352715" s="10"/>
    </row>
    <row r="352716" spans="14:14">
      <c r="N352716" s="10"/>
    </row>
    <row r="352717" spans="14:14">
      <c r="N352717" s="10"/>
    </row>
    <row r="352718" spans="14:14">
      <c r="N352718" s="10"/>
    </row>
    <row r="352719" spans="14:14">
      <c r="N352719" s="10"/>
    </row>
    <row r="352720" spans="14:14">
      <c r="N352720" s="10"/>
    </row>
    <row r="352721" spans="14:14">
      <c r="N352721" s="10"/>
    </row>
    <row r="352722" spans="14:14">
      <c r="N352722" s="10"/>
    </row>
    <row r="352723" spans="14:14">
      <c r="N352723" s="10"/>
    </row>
    <row r="352724" spans="14:14">
      <c r="N352724" s="10"/>
    </row>
    <row r="352725" spans="14:14">
      <c r="N352725" s="10"/>
    </row>
    <row r="352726" spans="14:14">
      <c r="N352726" s="10"/>
    </row>
    <row r="352727" spans="14:14">
      <c r="N352727" s="10"/>
    </row>
    <row r="352728" spans="14:14">
      <c r="N352728" s="10"/>
    </row>
    <row r="352729" spans="14:14">
      <c r="N352729" s="10"/>
    </row>
    <row r="352730" spans="14:14">
      <c r="N352730" s="10"/>
    </row>
    <row r="352731" spans="14:14">
      <c r="N352731" s="10"/>
    </row>
    <row r="352732" spans="14:14">
      <c r="N352732" s="10"/>
    </row>
    <row r="352733" spans="14:14">
      <c r="N352733" s="10"/>
    </row>
    <row r="352734" spans="14:14">
      <c r="N352734" s="10"/>
    </row>
    <row r="352735" spans="14:14">
      <c r="N352735" s="10"/>
    </row>
    <row r="352736" spans="14:14">
      <c r="N352736" s="10"/>
    </row>
    <row r="352737" spans="14:14">
      <c r="N352737" s="10"/>
    </row>
    <row r="352738" spans="14:14">
      <c r="N352738" s="10"/>
    </row>
    <row r="352739" spans="14:14">
      <c r="N352739" s="10"/>
    </row>
    <row r="352740" spans="14:14">
      <c r="N352740" s="10"/>
    </row>
    <row r="352741" spans="14:14">
      <c r="N352741" s="10"/>
    </row>
    <row r="352742" spans="14:14">
      <c r="N352742" s="10"/>
    </row>
    <row r="352743" spans="14:14">
      <c r="N352743" s="10"/>
    </row>
    <row r="352744" spans="14:14">
      <c r="N352744" s="10"/>
    </row>
    <row r="352745" spans="14:14">
      <c r="N352745" s="10"/>
    </row>
    <row r="352746" spans="14:14">
      <c r="N352746" s="10"/>
    </row>
    <row r="352747" spans="14:14">
      <c r="N352747" s="10"/>
    </row>
    <row r="352748" spans="14:14">
      <c r="N352748" s="10"/>
    </row>
    <row r="352749" spans="14:14">
      <c r="N352749" s="10"/>
    </row>
    <row r="352750" spans="14:14">
      <c r="N352750" s="10"/>
    </row>
    <row r="352751" spans="14:14">
      <c r="N352751" s="10"/>
    </row>
    <row r="352752" spans="14:14">
      <c r="N352752" s="10"/>
    </row>
    <row r="352753" spans="14:14">
      <c r="N352753" s="10"/>
    </row>
    <row r="352754" spans="14:14">
      <c r="N352754" s="10"/>
    </row>
    <row r="352755" spans="14:14">
      <c r="N352755" s="10"/>
    </row>
    <row r="352756" spans="14:14">
      <c r="N352756" s="10"/>
    </row>
    <row r="352757" spans="14:14">
      <c r="N352757" s="10"/>
    </row>
    <row r="352758" spans="14:14">
      <c r="N352758" s="10"/>
    </row>
    <row r="352759" spans="14:14">
      <c r="N352759" s="10"/>
    </row>
    <row r="352760" spans="14:14">
      <c r="N352760" s="10"/>
    </row>
    <row r="352761" spans="14:14">
      <c r="N352761" s="10"/>
    </row>
    <row r="352762" spans="14:14">
      <c r="N352762" s="10"/>
    </row>
    <row r="352763" spans="14:14">
      <c r="N352763" s="10"/>
    </row>
    <row r="352764" spans="14:14">
      <c r="N352764" s="10"/>
    </row>
    <row r="352765" spans="14:14">
      <c r="N352765" s="10"/>
    </row>
    <row r="352766" spans="14:14">
      <c r="N352766" s="10"/>
    </row>
    <row r="352767" spans="14:14">
      <c r="N352767" s="10"/>
    </row>
    <row r="352768" spans="14:14">
      <c r="N352768" s="10"/>
    </row>
    <row r="352769" spans="14:14">
      <c r="N352769" s="10"/>
    </row>
    <row r="352770" spans="14:14">
      <c r="N352770" s="10"/>
    </row>
    <row r="352771" spans="14:14">
      <c r="N352771" s="10"/>
    </row>
    <row r="352772" spans="14:14">
      <c r="N352772" s="10"/>
    </row>
    <row r="352773" spans="14:14">
      <c r="N352773" s="10"/>
    </row>
    <row r="352774" spans="14:14">
      <c r="N352774" s="10"/>
    </row>
    <row r="352775" spans="14:14">
      <c r="N352775" s="10"/>
    </row>
    <row r="352776" spans="14:14">
      <c r="N352776" s="10"/>
    </row>
    <row r="352777" spans="14:14">
      <c r="N352777" s="10"/>
    </row>
    <row r="352778" spans="14:14">
      <c r="N352778" s="10"/>
    </row>
    <row r="352779" spans="14:14">
      <c r="N352779" s="10"/>
    </row>
    <row r="352780" spans="14:14">
      <c r="N352780" s="10"/>
    </row>
    <row r="352781" spans="14:14">
      <c r="N352781" s="10"/>
    </row>
    <row r="352782" spans="14:14">
      <c r="N352782" s="10"/>
    </row>
    <row r="352783" spans="14:14">
      <c r="N352783" s="10"/>
    </row>
    <row r="352784" spans="14:14">
      <c r="N352784" s="10"/>
    </row>
    <row r="352785" spans="14:14">
      <c r="N352785" s="10"/>
    </row>
    <row r="352786" spans="14:14">
      <c r="N352786" s="10"/>
    </row>
    <row r="352787" spans="14:14">
      <c r="N352787" s="10"/>
    </row>
    <row r="352788" spans="14:14">
      <c r="N352788" s="10"/>
    </row>
    <row r="352789" spans="14:14">
      <c r="N352789" s="10"/>
    </row>
    <row r="352790" spans="14:14">
      <c r="N352790" s="10"/>
    </row>
    <row r="352791" spans="14:14">
      <c r="N352791" s="10"/>
    </row>
    <row r="352792" spans="14:14">
      <c r="N352792" s="10"/>
    </row>
    <row r="352793" spans="14:14">
      <c r="N352793" s="10"/>
    </row>
    <row r="352794" spans="14:14">
      <c r="N352794" s="10"/>
    </row>
    <row r="352795" spans="14:14">
      <c r="N352795" s="10"/>
    </row>
    <row r="352796" spans="14:14">
      <c r="N352796" s="10"/>
    </row>
    <row r="352797" spans="14:14">
      <c r="N352797" s="10"/>
    </row>
    <row r="352798" spans="14:14">
      <c r="N352798" s="10"/>
    </row>
    <row r="352799" spans="14:14">
      <c r="N352799" s="10"/>
    </row>
    <row r="352800" spans="14:14">
      <c r="N352800" s="10"/>
    </row>
    <row r="352801" spans="14:14">
      <c r="N352801" s="10"/>
    </row>
    <row r="352802" spans="14:14">
      <c r="N352802" s="10"/>
    </row>
    <row r="352803" spans="14:14">
      <c r="N352803" s="10"/>
    </row>
    <row r="352804" spans="14:14">
      <c r="N352804" s="10"/>
    </row>
    <row r="352805" spans="14:14">
      <c r="N352805" s="10"/>
    </row>
    <row r="352806" spans="14:14">
      <c r="N352806" s="10"/>
    </row>
    <row r="352807" spans="14:14">
      <c r="N352807" s="10"/>
    </row>
    <row r="352808" spans="14:14">
      <c r="N352808" s="10"/>
    </row>
    <row r="352809" spans="14:14">
      <c r="N352809" s="10"/>
    </row>
    <row r="352810" spans="14:14">
      <c r="N352810" s="10"/>
    </row>
    <row r="352811" spans="14:14">
      <c r="N352811" s="10"/>
    </row>
    <row r="352812" spans="14:14">
      <c r="N352812" s="10"/>
    </row>
    <row r="352813" spans="14:14">
      <c r="N352813" s="10"/>
    </row>
    <row r="352814" spans="14:14">
      <c r="N352814" s="10"/>
    </row>
    <row r="352815" spans="14:14">
      <c r="N352815" s="10"/>
    </row>
    <row r="352816" spans="14:14">
      <c r="N352816" s="10"/>
    </row>
    <row r="352817" spans="14:14">
      <c r="N352817" s="10"/>
    </row>
    <row r="352818" spans="14:14">
      <c r="N352818" s="10"/>
    </row>
    <row r="352819" spans="14:14">
      <c r="N352819" s="10"/>
    </row>
    <row r="352820" spans="14:14">
      <c r="N352820" s="10"/>
    </row>
    <row r="352821" spans="14:14">
      <c r="N352821" s="10"/>
    </row>
    <row r="352822" spans="14:14">
      <c r="N352822" s="10"/>
    </row>
    <row r="352823" spans="14:14">
      <c r="N352823" s="10"/>
    </row>
    <row r="352824" spans="14:14">
      <c r="N352824" s="10"/>
    </row>
    <row r="352825" spans="14:14">
      <c r="N352825" s="10"/>
    </row>
    <row r="352826" spans="14:14">
      <c r="N352826" s="10"/>
    </row>
    <row r="352827" spans="14:14">
      <c r="N352827" s="10"/>
    </row>
    <row r="352828" spans="14:14">
      <c r="N352828" s="10"/>
    </row>
    <row r="352829" spans="14:14">
      <c r="N352829" s="10"/>
    </row>
    <row r="352830" spans="14:14">
      <c r="N352830" s="10"/>
    </row>
    <row r="352831" spans="14:14">
      <c r="N352831" s="10"/>
    </row>
    <row r="352832" spans="14:14">
      <c r="N352832" s="10"/>
    </row>
    <row r="352833" spans="14:14">
      <c r="N352833" s="10"/>
    </row>
    <row r="352834" spans="14:14">
      <c r="N352834" s="10"/>
    </row>
    <row r="352835" spans="14:14">
      <c r="N352835" s="10"/>
    </row>
    <row r="352836" spans="14:14">
      <c r="N352836" s="10"/>
    </row>
    <row r="352837" spans="14:14">
      <c r="N352837" s="10"/>
    </row>
    <row r="352838" spans="14:14">
      <c r="N352838" s="10"/>
    </row>
    <row r="352839" spans="14:14">
      <c r="N352839" s="10"/>
    </row>
    <row r="352840" spans="14:14">
      <c r="N352840" s="10"/>
    </row>
    <row r="352841" spans="14:14">
      <c r="N352841" s="10"/>
    </row>
    <row r="352842" spans="14:14">
      <c r="N352842" s="10"/>
    </row>
    <row r="352843" spans="14:14">
      <c r="N352843" s="10"/>
    </row>
    <row r="352844" spans="14:14">
      <c r="N352844" s="10"/>
    </row>
    <row r="352845" spans="14:14">
      <c r="N352845" s="10"/>
    </row>
    <row r="352846" spans="14:14">
      <c r="N352846" s="10"/>
    </row>
    <row r="352847" spans="14:14">
      <c r="N352847" s="10"/>
    </row>
    <row r="352848" spans="14:14">
      <c r="N352848" s="10"/>
    </row>
    <row r="352849" spans="14:14">
      <c r="N352849" s="10"/>
    </row>
    <row r="352850" spans="14:14">
      <c r="N352850" s="10"/>
    </row>
    <row r="352851" spans="14:14">
      <c r="N352851" s="10"/>
    </row>
    <row r="352852" spans="14:14">
      <c r="N352852" s="10"/>
    </row>
    <row r="352853" spans="14:14">
      <c r="N352853" s="10"/>
    </row>
    <row r="352854" spans="14:14">
      <c r="N352854" s="10"/>
    </row>
    <row r="352855" spans="14:14">
      <c r="N352855" s="10"/>
    </row>
    <row r="352856" spans="14:14">
      <c r="N352856" s="10"/>
    </row>
    <row r="352857" spans="14:14">
      <c r="N352857" s="10"/>
    </row>
    <row r="352858" spans="14:14">
      <c r="N352858" s="10"/>
    </row>
    <row r="352859" spans="14:14">
      <c r="N352859" s="10"/>
    </row>
    <row r="352860" spans="14:14">
      <c r="N352860" s="10"/>
    </row>
    <row r="352861" spans="14:14">
      <c r="N352861" s="10"/>
    </row>
    <row r="352862" spans="14:14">
      <c r="N352862" s="10"/>
    </row>
    <row r="352863" spans="14:14">
      <c r="N352863" s="10"/>
    </row>
    <row r="352864" spans="14:14">
      <c r="N352864" s="10"/>
    </row>
    <row r="352865" spans="14:14">
      <c r="N352865" s="10"/>
    </row>
    <row r="352866" spans="14:14">
      <c r="N352866" s="10"/>
    </row>
    <row r="352867" spans="14:14">
      <c r="N352867" s="10"/>
    </row>
    <row r="352868" spans="14:14">
      <c r="N352868" s="10"/>
    </row>
    <row r="352869" spans="14:14">
      <c r="N352869" s="10"/>
    </row>
    <row r="352870" spans="14:14">
      <c r="N352870" s="10"/>
    </row>
    <row r="352871" spans="14:14">
      <c r="N352871" s="10"/>
    </row>
    <row r="352872" spans="14:14">
      <c r="N352872" s="10"/>
    </row>
    <row r="352873" spans="14:14">
      <c r="N352873" s="10"/>
    </row>
    <row r="352874" spans="14:14">
      <c r="N352874" s="10"/>
    </row>
    <row r="352875" spans="14:14">
      <c r="N352875" s="10"/>
    </row>
    <row r="352876" spans="14:14">
      <c r="N352876" s="10"/>
    </row>
    <row r="352877" spans="14:14">
      <c r="N352877" s="10"/>
    </row>
    <row r="352878" spans="14:14">
      <c r="N352878" s="10"/>
    </row>
    <row r="352879" spans="14:14">
      <c r="N352879" s="10"/>
    </row>
    <row r="352880" spans="14:14">
      <c r="N352880" s="10"/>
    </row>
    <row r="352881" spans="14:14">
      <c r="N352881" s="10"/>
    </row>
    <row r="352882" spans="14:14">
      <c r="N352882" s="10"/>
    </row>
    <row r="352883" spans="14:14">
      <c r="N352883" s="10"/>
    </row>
    <row r="352884" spans="14:14">
      <c r="N352884" s="10"/>
    </row>
    <row r="352885" spans="14:14">
      <c r="N352885" s="10"/>
    </row>
    <row r="352886" spans="14:14">
      <c r="N352886" s="10"/>
    </row>
    <row r="352887" spans="14:14">
      <c r="N352887" s="10"/>
    </row>
    <row r="352888" spans="14:14">
      <c r="N352888" s="10"/>
    </row>
    <row r="352889" spans="14:14">
      <c r="N352889" s="10"/>
    </row>
    <row r="352890" spans="14:14">
      <c r="N352890" s="10"/>
    </row>
    <row r="352891" spans="14:14">
      <c r="N352891" s="10"/>
    </row>
    <row r="352892" spans="14:14">
      <c r="N352892" s="10"/>
    </row>
    <row r="352893" spans="14:14">
      <c r="N352893" s="10"/>
    </row>
    <row r="352894" spans="14:14">
      <c r="N352894" s="10"/>
    </row>
    <row r="352895" spans="14:14">
      <c r="N352895" s="10"/>
    </row>
    <row r="352896" spans="14:14">
      <c r="N352896" s="10"/>
    </row>
    <row r="352897" spans="14:14">
      <c r="N352897" s="10"/>
    </row>
    <row r="352898" spans="14:14">
      <c r="N352898" s="10"/>
    </row>
    <row r="352899" spans="14:14">
      <c r="N352899" s="10"/>
    </row>
    <row r="352900" spans="14:14">
      <c r="N352900" s="10"/>
    </row>
    <row r="352901" spans="14:14">
      <c r="N352901" s="10"/>
    </row>
    <row r="352902" spans="14:14">
      <c r="N352902" s="10"/>
    </row>
    <row r="352903" spans="14:14">
      <c r="N352903" s="10"/>
    </row>
    <row r="352904" spans="14:14">
      <c r="N352904" s="10"/>
    </row>
    <row r="352905" spans="14:14">
      <c r="N352905" s="10"/>
    </row>
    <row r="352906" spans="14:14">
      <c r="N352906" s="10"/>
    </row>
    <row r="352907" spans="14:14">
      <c r="N352907" s="10"/>
    </row>
    <row r="352908" spans="14:14">
      <c r="N352908" s="10"/>
    </row>
    <row r="352909" spans="14:14">
      <c r="N352909" s="10"/>
    </row>
    <row r="352910" spans="14:14">
      <c r="N352910" s="10"/>
    </row>
    <row r="352911" spans="14:14">
      <c r="N352911" s="10"/>
    </row>
    <row r="352912" spans="14:14">
      <c r="N352912" s="10"/>
    </row>
    <row r="352913" spans="14:14">
      <c r="N352913" s="10"/>
    </row>
    <row r="352914" spans="14:14">
      <c r="N352914" s="10"/>
    </row>
    <row r="352915" spans="14:14">
      <c r="N352915" s="10"/>
    </row>
    <row r="352916" spans="14:14">
      <c r="N352916" s="10"/>
    </row>
    <row r="352917" spans="14:14">
      <c r="N352917" s="10"/>
    </row>
    <row r="352918" spans="14:14">
      <c r="N352918" s="10"/>
    </row>
    <row r="352919" spans="14:14">
      <c r="N352919" s="10"/>
    </row>
    <row r="352920" spans="14:14">
      <c r="N352920" s="10"/>
    </row>
    <row r="352921" spans="14:14">
      <c r="N352921" s="10"/>
    </row>
    <row r="352922" spans="14:14">
      <c r="N352922" s="10"/>
    </row>
    <row r="352923" spans="14:14">
      <c r="N352923" s="10"/>
    </row>
    <row r="352924" spans="14:14">
      <c r="N352924" s="10"/>
    </row>
    <row r="352925" spans="14:14">
      <c r="N352925" s="10"/>
    </row>
    <row r="352926" spans="14:14">
      <c r="N352926" s="10"/>
    </row>
    <row r="352927" spans="14:14">
      <c r="N352927" s="10"/>
    </row>
    <row r="352928" spans="14:14">
      <c r="N352928" s="10"/>
    </row>
    <row r="352929" spans="14:14">
      <c r="N352929" s="10"/>
    </row>
    <row r="352930" spans="14:14">
      <c r="N352930" s="10"/>
    </row>
    <row r="352931" spans="14:14">
      <c r="N352931" s="10"/>
    </row>
    <row r="352932" spans="14:14">
      <c r="N352932" s="10"/>
    </row>
    <row r="352933" spans="14:14">
      <c r="N352933" s="10"/>
    </row>
    <row r="352934" spans="14:14">
      <c r="N352934" s="10"/>
    </row>
    <row r="352935" spans="14:14">
      <c r="N352935" s="10"/>
    </row>
    <row r="352936" spans="14:14">
      <c r="N352936" s="10"/>
    </row>
    <row r="352937" spans="14:14">
      <c r="N352937" s="10"/>
    </row>
    <row r="352938" spans="14:14">
      <c r="N352938" s="10"/>
    </row>
    <row r="352939" spans="14:14">
      <c r="N352939" s="10"/>
    </row>
    <row r="352940" spans="14:14">
      <c r="N352940" s="10"/>
    </row>
    <row r="352941" spans="14:14">
      <c r="N352941" s="10"/>
    </row>
    <row r="352942" spans="14:14">
      <c r="N352942" s="10"/>
    </row>
    <row r="352943" spans="14:14">
      <c r="N352943" s="10"/>
    </row>
    <row r="352944" spans="14:14">
      <c r="N352944" s="10"/>
    </row>
    <row r="352945" spans="14:14">
      <c r="N352945" s="10"/>
    </row>
    <row r="352946" spans="14:14">
      <c r="N352946" s="10"/>
    </row>
    <row r="352947" spans="14:14">
      <c r="N352947" s="10"/>
    </row>
    <row r="352948" spans="14:14">
      <c r="N352948" s="10"/>
    </row>
    <row r="352949" spans="14:14">
      <c r="N352949" s="10"/>
    </row>
    <row r="352950" spans="14:14">
      <c r="N352950" s="10"/>
    </row>
    <row r="352951" spans="14:14">
      <c r="N352951" s="10"/>
    </row>
    <row r="352952" spans="14:14">
      <c r="N352952" s="10"/>
    </row>
    <row r="352953" spans="14:14">
      <c r="N352953" s="10"/>
    </row>
    <row r="352954" spans="14:14">
      <c r="N352954" s="10"/>
    </row>
    <row r="352955" spans="14:14">
      <c r="N352955" s="10"/>
    </row>
    <row r="352956" spans="14:14">
      <c r="N352956" s="10"/>
    </row>
    <row r="352957" spans="14:14">
      <c r="N352957" s="10"/>
    </row>
    <row r="352958" spans="14:14">
      <c r="N352958" s="10"/>
    </row>
    <row r="352959" spans="14:14">
      <c r="N352959" s="10"/>
    </row>
    <row r="352960" spans="14:14">
      <c r="N352960" s="10"/>
    </row>
    <row r="352961" spans="14:14">
      <c r="N352961" s="10"/>
    </row>
    <row r="352962" spans="14:14">
      <c r="N352962" s="10"/>
    </row>
    <row r="352963" spans="14:14">
      <c r="N352963" s="10"/>
    </row>
    <row r="352964" spans="14:14">
      <c r="N352964" s="10"/>
    </row>
    <row r="352965" spans="14:14">
      <c r="N352965" s="10"/>
    </row>
    <row r="352966" spans="14:14">
      <c r="N352966" s="10"/>
    </row>
    <row r="352967" spans="14:14">
      <c r="N352967" s="10"/>
    </row>
    <row r="352968" spans="14:14">
      <c r="N352968" s="10"/>
    </row>
    <row r="352969" spans="14:14">
      <c r="N352969" s="10"/>
    </row>
    <row r="352970" spans="14:14">
      <c r="N352970" s="10"/>
    </row>
    <row r="352971" spans="14:14">
      <c r="N352971" s="10"/>
    </row>
    <row r="352972" spans="14:14">
      <c r="N352972" s="10"/>
    </row>
    <row r="352973" spans="14:14">
      <c r="N352973" s="10"/>
    </row>
    <row r="352974" spans="14:14">
      <c r="N352974" s="10"/>
    </row>
    <row r="352975" spans="14:14">
      <c r="N352975" s="10"/>
    </row>
    <row r="352976" spans="14:14">
      <c r="N352976" s="10"/>
    </row>
    <row r="352977" spans="14:14">
      <c r="N352977" s="10"/>
    </row>
    <row r="352978" spans="14:14">
      <c r="N352978" s="10"/>
    </row>
    <row r="352979" spans="14:14">
      <c r="N352979" s="10"/>
    </row>
    <row r="352980" spans="14:14">
      <c r="N352980" s="10"/>
    </row>
    <row r="352981" spans="14:14">
      <c r="N352981" s="10"/>
    </row>
    <row r="352982" spans="14:14">
      <c r="N352982" s="10"/>
    </row>
    <row r="352983" spans="14:14">
      <c r="N352983" s="10"/>
    </row>
    <row r="352984" spans="14:14">
      <c r="N352984" s="10"/>
    </row>
    <row r="352985" spans="14:14">
      <c r="N352985" s="10"/>
    </row>
    <row r="352986" spans="14:14">
      <c r="N352986" s="10"/>
    </row>
    <row r="352987" spans="14:14">
      <c r="N352987" s="10"/>
    </row>
    <row r="352988" spans="14:14">
      <c r="N352988" s="10"/>
    </row>
    <row r="352989" spans="14:14">
      <c r="N352989" s="10"/>
    </row>
    <row r="352990" spans="14:14">
      <c r="N352990" s="10"/>
    </row>
    <row r="352991" spans="14:14">
      <c r="N352991" s="10"/>
    </row>
    <row r="352992" spans="14:14">
      <c r="N352992" s="10"/>
    </row>
    <row r="352993" spans="14:14">
      <c r="N352993" s="10"/>
    </row>
    <row r="352994" spans="14:14">
      <c r="N352994" s="10"/>
    </row>
    <row r="352995" spans="14:14">
      <c r="N352995" s="10"/>
    </row>
    <row r="352996" spans="14:14">
      <c r="N352996" s="10"/>
    </row>
    <row r="352997" spans="14:14">
      <c r="N352997" s="10"/>
    </row>
    <row r="352998" spans="14:14">
      <c r="N352998" s="10"/>
    </row>
    <row r="352999" spans="14:14">
      <c r="N352999" s="10"/>
    </row>
    <row r="353000" spans="14:14">
      <c r="N353000" s="10"/>
    </row>
    <row r="353001" spans="14:14">
      <c r="N353001" s="10"/>
    </row>
    <row r="353002" spans="14:14">
      <c r="N353002" s="10"/>
    </row>
    <row r="353003" spans="14:14">
      <c r="N353003" s="10"/>
    </row>
    <row r="353004" spans="14:14">
      <c r="N353004" s="10"/>
    </row>
    <row r="353005" spans="14:14">
      <c r="N353005" s="10"/>
    </row>
    <row r="353006" spans="14:14">
      <c r="N353006" s="10"/>
    </row>
    <row r="353007" spans="14:14">
      <c r="N353007" s="10"/>
    </row>
    <row r="353008" spans="14:14">
      <c r="N353008" s="10"/>
    </row>
    <row r="353009" spans="14:14">
      <c r="N353009" s="10"/>
    </row>
    <row r="353010" spans="14:14">
      <c r="N353010" s="10"/>
    </row>
    <row r="353011" spans="14:14">
      <c r="N353011" s="10"/>
    </row>
    <row r="353012" spans="14:14">
      <c r="N353012" s="10"/>
    </row>
    <row r="353013" spans="14:14">
      <c r="N353013" s="10"/>
    </row>
    <row r="353014" spans="14:14">
      <c r="N353014" s="10"/>
    </row>
    <row r="353015" spans="14:14">
      <c r="N353015" s="10"/>
    </row>
    <row r="353016" spans="14:14">
      <c r="N353016" s="10"/>
    </row>
    <row r="353017" spans="14:14">
      <c r="N353017" s="10"/>
    </row>
    <row r="353018" spans="14:14">
      <c r="N353018" s="10"/>
    </row>
    <row r="353019" spans="14:14">
      <c r="N353019" s="10"/>
    </row>
    <row r="353020" spans="14:14">
      <c r="N353020" s="10"/>
    </row>
    <row r="353021" spans="14:14">
      <c r="N353021" s="10"/>
    </row>
    <row r="353022" spans="14:14">
      <c r="N353022" s="10"/>
    </row>
    <row r="353023" spans="14:14">
      <c r="N353023" s="10"/>
    </row>
    <row r="353024" spans="14:14">
      <c r="N353024" s="10"/>
    </row>
    <row r="353025" spans="14:14">
      <c r="N353025" s="10"/>
    </row>
    <row r="353026" spans="14:14">
      <c r="N353026" s="10"/>
    </row>
    <row r="353027" spans="14:14">
      <c r="N353027" s="10"/>
    </row>
    <row r="353028" spans="14:14">
      <c r="N353028" s="10"/>
    </row>
    <row r="353029" spans="14:14">
      <c r="N353029" s="10"/>
    </row>
    <row r="353030" spans="14:14">
      <c r="N353030" s="10"/>
    </row>
    <row r="353031" spans="14:14">
      <c r="N353031" s="10"/>
    </row>
    <row r="353032" spans="14:14">
      <c r="N353032" s="10"/>
    </row>
    <row r="353033" spans="14:14">
      <c r="N353033" s="10"/>
    </row>
    <row r="353034" spans="14:14">
      <c r="N353034" s="10"/>
    </row>
    <row r="353035" spans="14:14">
      <c r="N353035" s="10"/>
    </row>
    <row r="353036" spans="14:14">
      <c r="N353036" s="10"/>
    </row>
    <row r="353037" spans="14:14">
      <c r="N353037" s="10"/>
    </row>
    <row r="353038" spans="14:14">
      <c r="N353038" s="10"/>
    </row>
    <row r="353039" spans="14:14">
      <c r="N353039" s="10"/>
    </row>
    <row r="353040" spans="14:14">
      <c r="N353040" s="10"/>
    </row>
    <row r="353041" spans="14:14">
      <c r="N353041" s="10"/>
    </row>
    <row r="353042" spans="14:14">
      <c r="N353042" s="10"/>
    </row>
    <row r="353043" spans="14:14">
      <c r="N353043" s="10"/>
    </row>
    <row r="353044" spans="14:14">
      <c r="N353044" s="10"/>
    </row>
    <row r="353045" spans="14:14">
      <c r="N353045" s="10"/>
    </row>
    <row r="353046" spans="14:14">
      <c r="N353046" s="10"/>
    </row>
    <row r="353047" spans="14:14">
      <c r="N353047" s="10"/>
    </row>
    <row r="353048" spans="14:14">
      <c r="N353048" s="10"/>
    </row>
    <row r="353049" spans="14:14">
      <c r="N353049" s="10"/>
    </row>
    <row r="353050" spans="14:14">
      <c r="N353050" s="10"/>
    </row>
    <row r="353051" spans="14:14">
      <c r="N353051" s="10"/>
    </row>
    <row r="353052" spans="14:14">
      <c r="N353052" s="10"/>
    </row>
    <row r="353053" spans="14:14">
      <c r="N353053" s="10"/>
    </row>
    <row r="353054" spans="14:14">
      <c r="N353054" s="10"/>
    </row>
    <row r="353055" spans="14:14">
      <c r="N353055" s="10"/>
    </row>
    <row r="353056" spans="14:14">
      <c r="N353056" s="10"/>
    </row>
    <row r="353057" spans="14:14">
      <c r="N353057" s="10"/>
    </row>
    <row r="353058" spans="14:14">
      <c r="N353058" s="10"/>
    </row>
    <row r="353059" spans="14:14">
      <c r="N353059" s="10"/>
    </row>
    <row r="353060" spans="14:14">
      <c r="N353060" s="10"/>
    </row>
    <row r="353061" spans="14:14">
      <c r="N353061" s="10"/>
    </row>
    <row r="353062" spans="14:14">
      <c r="N353062" s="10"/>
    </row>
    <row r="353063" spans="14:14">
      <c r="N353063" s="10"/>
    </row>
    <row r="353064" spans="14:14">
      <c r="N353064" s="10"/>
    </row>
    <row r="353065" spans="14:14">
      <c r="N353065" s="10"/>
    </row>
    <row r="353066" spans="14:14">
      <c r="N353066" s="10"/>
    </row>
    <row r="353067" spans="14:14">
      <c r="N353067" s="10"/>
    </row>
    <row r="353068" spans="14:14">
      <c r="N353068" s="10"/>
    </row>
    <row r="353069" spans="14:14">
      <c r="N353069" s="10"/>
    </row>
    <row r="353070" spans="14:14">
      <c r="N353070" s="10"/>
    </row>
    <row r="353071" spans="14:14">
      <c r="N353071" s="10"/>
    </row>
    <row r="353072" spans="14:14">
      <c r="N353072" s="10"/>
    </row>
    <row r="353073" spans="14:14">
      <c r="N353073" s="10"/>
    </row>
    <row r="353074" spans="14:14">
      <c r="N353074" s="10"/>
    </row>
    <row r="353075" spans="14:14">
      <c r="N353075" s="10"/>
    </row>
    <row r="353076" spans="14:14">
      <c r="N353076" s="10"/>
    </row>
    <row r="353077" spans="14:14">
      <c r="N353077" s="10"/>
    </row>
    <row r="353078" spans="14:14">
      <c r="N353078" s="10"/>
    </row>
    <row r="353079" spans="14:14">
      <c r="N353079" s="10"/>
    </row>
    <row r="353080" spans="14:14">
      <c r="N353080" s="10"/>
    </row>
    <row r="353081" spans="14:14">
      <c r="N353081" s="10"/>
    </row>
    <row r="353082" spans="14:14">
      <c r="N353082" s="10"/>
    </row>
    <row r="353083" spans="14:14">
      <c r="N353083" s="10"/>
    </row>
    <row r="353084" spans="14:14">
      <c r="N353084" s="10"/>
    </row>
    <row r="353085" spans="14:14">
      <c r="N353085" s="10"/>
    </row>
    <row r="353086" spans="14:14">
      <c r="N353086" s="10"/>
    </row>
    <row r="353087" spans="14:14">
      <c r="N353087" s="10"/>
    </row>
    <row r="353088" spans="14:14">
      <c r="N353088" s="10"/>
    </row>
    <row r="353089" spans="14:14">
      <c r="N353089" s="10"/>
    </row>
    <row r="353090" spans="14:14">
      <c r="N353090" s="10"/>
    </row>
    <row r="353091" spans="14:14">
      <c r="N353091" s="10"/>
    </row>
    <row r="353092" spans="14:14">
      <c r="N353092" s="10"/>
    </row>
    <row r="353093" spans="14:14">
      <c r="N353093" s="10"/>
    </row>
    <row r="353094" spans="14:14">
      <c r="N353094" s="10"/>
    </row>
    <row r="353095" spans="14:14">
      <c r="N353095" s="10"/>
    </row>
    <row r="353096" spans="14:14">
      <c r="N353096" s="10"/>
    </row>
    <row r="353097" spans="14:14">
      <c r="N353097" s="10"/>
    </row>
    <row r="353098" spans="14:14">
      <c r="N353098" s="10"/>
    </row>
    <row r="353099" spans="14:14">
      <c r="N353099" s="10"/>
    </row>
    <row r="353100" spans="14:14">
      <c r="N353100" s="10"/>
    </row>
    <row r="353101" spans="14:14">
      <c r="N353101" s="10"/>
    </row>
    <row r="353102" spans="14:14">
      <c r="N353102" s="10"/>
    </row>
    <row r="353103" spans="14:14">
      <c r="N353103" s="10"/>
    </row>
    <row r="353104" spans="14:14">
      <c r="N353104" s="10"/>
    </row>
    <row r="353105" spans="14:14">
      <c r="N353105" s="10"/>
    </row>
    <row r="353106" spans="14:14">
      <c r="N353106" s="10"/>
    </row>
    <row r="353107" spans="14:14">
      <c r="N353107" s="10"/>
    </row>
    <row r="353108" spans="14:14">
      <c r="N353108" s="10"/>
    </row>
    <row r="353109" spans="14:14">
      <c r="N353109" s="10"/>
    </row>
    <row r="353110" spans="14:14">
      <c r="N353110" s="10"/>
    </row>
    <row r="353111" spans="14:14">
      <c r="N353111" s="10"/>
    </row>
    <row r="353112" spans="14:14">
      <c r="N353112" s="10"/>
    </row>
    <row r="353113" spans="14:14">
      <c r="N353113" s="10"/>
    </row>
    <row r="353114" spans="14:14">
      <c r="N353114" s="10"/>
    </row>
    <row r="353115" spans="14:14">
      <c r="N353115" s="10"/>
    </row>
    <row r="353116" spans="14:14">
      <c r="N353116" s="10"/>
    </row>
    <row r="353117" spans="14:14">
      <c r="N353117" s="10"/>
    </row>
    <row r="353118" spans="14:14">
      <c r="N353118" s="10"/>
    </row>
    <row r="353119" spans="14:14">
      <c r="N353119" s="10"/>
    </row>
    <row r="353120" spans="14:14">
      <c r="N353120" s="10"/>
    </row>
    <row r="353121" spans="14:14">
      <c r="N353121" s="10"/>
    </row>
    <row r="353122" spans="14:14">
      <c r="N353122" s="10"/>
    </row>
    <row r="353123" spans="14:14">
      <c r="N353123" s="10"/>
    </row>
    <row r="353124" spans="14:14">
      <c r="N353124" s="10"/>
    </row>
    <row r="353125" spans="14:14">
      <c r="N353125" s="10"/>
    </row>
    <row r="353126" spans="14:14">
      <c r="N353126" s="10"/>
    </row>
    <row r="353127" spans="14:14">
      <c r="N353127" s="10"/>
    </row>
    <row r="353128" spans="14:14">
      <c r="N353128" s="10"/>
    </row>
    <row r="353129" spans="14:14">
      <c r="N353129" s="10"/>
    </row>
    <row r="353130" spans="14:14">
      <c r="N353130" s="10"/>
    </row>
    <row r="353131" spans="14:14">
      <c r="N353131" s="10"/>
    </row>
    <row r="353132" spans="14:14">
      <c r="N353132" s="10"/>
    </row>
    <row r="353133" spans="14:14">
      <c r="N353133" s="10"/>
    </row>
    <row r="353134" spans="14:14">
      <c r="N353134" s="10"/>
    </row>
    <row r="353135" spans="14:14">
      <c r="N353135" s="10"/>
    </row>
    <row r="353136" spans="14:14">
      <c r="N353136" s="10"/>
    </row>
    <row r="353137" spans="14:14">
      <c r="N353137" s="10"/>
    </row>
    <row r="353138" spans="14:14">
      <c r="N353138" s="10"/>
    </row>
    <row r="353139" spans="14:14">
      <c r="N353139" s="10"/>
    </row>
    <row r="353140" spans="14:14">
      <c r="N353140" s="10"/>
    </row>
    <row r="353141" spans="14:14">
      <c r="N353141" s="10"/>
    </row>
    <row r="353142" spans="14:14">
      <c r="N353142" s="10"/>
    </row>
    <row r="353143" spans="14:14">
      <c r="N353143" s="10"/>
    </row>
    <row r="353144" spans="14:14">
      <c r="N353144" s="10"/>
    </row>
    <row r="353145" spans="14:14">
      <c r="N353145" s="10"/>
    </row>
    <row r="353146" spans="14:14">
      <c r="N353146" s="10"/>
    </row>
    <row r="353147" spans="14:14">
      <c r="N353147" s="10"/>
    </row>
    <row r="353148" spans="14:14">
      <c r="N353148" s="10"/>
    </row>
    <row r="353149" spans="14:14">
      <c r="N353149" s="10"/>
    </row>
    <row r="353150" spans="14:14">
      <c r="N353150" s="10"/>
    </row>
    <row r="353151" spans="14:14">
      <c r="N353151" s="10"/>
    </row>
    <row r="353152" spans="14:14">
      <c r="N353152" s="10"/>
    </row>
    <row r="353153" spans="14:14">
      <c r="N353153" s="10"/>
    </row>
    <row r="353154" spans="14:14">
      <c r="N353154" s="10"/>
    </row>
    <row r="353155" spans="14:14">
      <c r="N353155" s="10"/>
    </row>
    <row r="353156" spans="14:14">
      <c r="N353156" s="10"/>
    </row>
    <row r="353157" spans="14:14">
      <c r="N353157" s="10"/>
    </row>
    <row r="353158" spans="14:14">
      <c r="N353158" s="10"/>
    </row>
    <row r="353159" spans="14:14">
      <c r="N353159" s="10"/>
    </row>
    <row r="353160" spans="14:14">
      <c r="N353160" s="10"/>
    </row>
    <row r="353161" spans="14:14">
      <c r="N353161" s="10"/>
    </row>
    <row r="353162" spans="14:14">
      <c r="N353162" s="10"/>
    </row>
    <row r="353163" spans="14:14">
      <c r="N353163" s="10"/>
    </row>
    <row r="353164" spans="14:14">
      <c r="N353164" s="10"/>
    </row>
    <row r="353165" spans="14:14">
      <c r="N353165" s="10"/>
    </row>
    <row r="353166" spans="14:14">
      <c r="N353166" s="10"/>
    </row>
    <row r="353167" spans="14:14">
      <c r="N353167" s="10"/>
    </row>
    <row r="353168" spans="14:14">
      <c r="N353168" s="10"/>
    </row>
    <row r="353169" spans="14:14">
      <c r="N353169" s="10"/>
    </row>
    <row r="353170" spans="14:14">
      <c r="N353170" s="10"/>
    </row>
    <row r="353171" spans="14:14">
      <c r="N353171" s="10"/>
    </row>
    <row r="353172" spans="14:14">
      <c r="N353172" s="10"/>
    </row>
    <row r="353173" spans="14:14">
      <c r="N353173" s="10"/>
    </row>
    <row r="353174" spans="14:14">
      <c r="N353174" s="10"/>
    </row>
    <row r="353175" spans="14:14">
      <c r="N353175" s="10"/>
    </row>
    <row r="353176" spans="14:14">
      <c r="N353176" s="10"/>
    </row>
    <row r="353177" spans="14:14">
      <c r="N353177" s="10"/>
    </row>
    <row r="353178" spans="14:14">
      <c r="N353178" s="10"/>
    </row>
    <row r="353179" spans="14:14">
      <c r="N353179" s="10"/>
    </row>
    <row r="353180" spans="14:14">
      <c r="N353180" s="10"/>
    </row>
    <row r="353181" spans="14:14">
      <c r="N353181" s="10"/>
    </row>
    <row r="353182" spans="14:14">
      <c r="N353182" s="10"/>
    </row>
    <row r="353183" spans="14:14">
      <c r="N353183" s="10"/>
    </row>
    <row r="353184" spans="14:14">
      <c r="N353184" s="10"/>
    </row>
    <row r="353185" spans="14:14">
      <c r="N353185" s="10"/>
    </row>
    <row r="353186" spans="14:14">
      <c r="N353186" s="10"/>
    </row>
    <row r="353187" spans="14:14">
      <c r="N353187" s="10"/>
    </row>
    <row r="353188" spans="14:14">
      <c r="N353188" s="10"/>
    </row>
    <row r="353189" spans="14:14">
      <c r="N353189" s="10"/>
    </row>
    <row r="353190" spans="14:14">
      <c r="N353190" s="10"/>
    </row>
    <row r="353191" spans="14:14">
      <c r="N353191" s="10"/>
    </row>
    <row r="353192" spans="14:14">
      <c r="N353192" s="10"/>
    </row>
    <row r="353193" spans="14:14">
      <c r="N353193" s="10"/>
    </row>
    <row r="353194" spans="14:14">
      <c r="N353194" s="10"/>
    </row>
    <row r="353195" spans="14:14">
      <c r="N353195" s="10"/>
    </row>
    <row r="353196" spans="14:14">
      <c r="N353196" s="10"/>
    </row>
    <row r="353197" spans="14:14">
      <c r="N353197" s="10"/>
    </row>
    <row r="353198" spans="14:14">
      <c r="N353198" s="10"/>
    </row>
    <row r="353199" spans="14:14">
      <c r="N353199" s="10"/>
    </row>
    <row r="353200" spans="14:14">
      <c r="N353200" s="10"/>
    </row>
    <row r="353201" spans="14:14">
      <c r="N353201" s="10"/>
    </row>
    <row r="353202" spans="14:14">
      <c r="N353202" s="10"/>
    </row>
    <row r="353203" spans="14:14">
      <c r="N353203" s="10"/>
    </row>
    <row r="353204" spans="14:14">
      <c r="N353204" s="10"/>
    </row>
    <row r="353205" spans="14:14">
      <c r="N353205" s="10"/>
    </row>
    <row r="353206" spans="14:14">
      <c r="N353206" s="10"/>
    </row>
    <row r="353207" spans="14:14">
      <c r="N353207" s="10"/>
    </row>
    <row r="353208" spans="14:14">
      <c r="N353208" s="10"/>
    </row>
    <row r="353209" spans="14:14">
      <c r="N353209" s="10"/>
    </row>
    <row r="353210" spans="14:14">
      <c r="N353210" s="10"/>
    </row>
    <row r="353211" spans="14:14">
      <c r="N353211" s="10"/>
    </row>
    <row r="353212" spans="14:14">
      <c r="N353212" s="10"/>
    </row>
    <row r="353213" spans="14:14">
      <c r="N353213" s="10"/>
    </row>
    <row r="353214" spans="14:14">
      <c r="N353214" s="10"/>
    </row>
    <row r="353215" spans="14:14">
      <c r="N353215" s="10"/>
    </row>
    <row r="353216" spans="14:14">
      <c r="N353216" s="10"/>
    </row>
    <row r="353217" spans="14:14">
      <c r="N353217" s="10"/>
    </row>
    <row r="353218" spans="14:14">
      <c r="N353218" s="10"/>
    </row>
    <row r="353219" spans="14:14">
      <c r="N353219" s="10"/>
    </row>
    <row r="353220" spans="14:14">
      <c r="N353220" s="10"/>
    </row>
    <row r="353221" spans="14:14">
      <c r="N353221" s="10"/>
    </row>
    <row r="353222" spans="14:14">
      <c r="N353222" s="10"/>
    </row>
    <row r="353223" spans="14:14">
      <c r="N353223" s="10"/>
    </row>
    <row r="353224" spans="14:14">
      <c r="N353224" s="10"/>
    </row>
    <row r="353225" spans="14:14">
      <c r="N353225" s="10"/>
    </row>
    <row r="353226" spans="14:14">
      <c r="N353226" s="10"/>
    </row>
    <row r="353227" spans="14:14">
      <c r="N353227" s="10"/>
    </row>
    <row r="353228" spans="14:14">
      <c r="N353228" s="10"/>
    </row>
    <row r="353229" spans="14:14">
      <c r="N353229" s="10"/>
    </row>
    <row r="353230" spans="14:14">
      <c r="N353230" s="10"/>
    </row>
    <row r="353231" spans="14:14">
      <c r="N353231" s="10"/>
    </row>
    <row r="353232" spans="14:14">
      <c r="N353232" s="10"/>
    </row>
    <row r="353233" spans="14:14">
      <c r="N353233" s="10"/>
    </row>
    <row r="353234" spans="14:14">
      <c r="N353234" s="10"/>
    </row>
    <row r="353235" spans="14:14">
      <c r="N353235" s="10"/>
    </row>
    <row r="353236" spans="14:14">
      <c r="N353236" s="10"/>
    </row>
    <row r="353237" spans="14:14">
      <c r="N353237" s="10"/>
    </row>
    <row r="353238" spans="14:14">
      <c r="N353238" s="10"/>
    </row>
    <row r="353239" spans="14:14">
      <c r="N353239" s="10"/>
    </row>
    <row r="353240" spans="14:14">
      <c r="N353240" s="10"/>
    </row>
    <row r="353241" spans="14:14">
      <c r="N353241" s="10"/>
    </row>
    <row r="353242" spans="14:14">
      <c r="N353242" s="10"/>
    </row>
    <row r="353243" spans="14:14">
      <c r="N353243" s="10"/>
    </row>
    <row r="353244" spans="14:14">
      <c r="N353244" s="10"/>
    </row>
    <row r="353245" spans="14:14">
      <c r="N353245" s="10"/>
    </row>
    <row r="353246" spans="14:14">
      <c r="N353246" s="10"/>
    </row>
    <row r="353247" spans="14:14">
      <c r="N353247" s="10"/>
    </row>
    <row r="353248" spans="14:14">
      <c r="N353248" s="10"/>
    </row>
    <row r="353249" spans="14:14">
      <c r="N353249" s="10"/>
    </row>
    <row r="353250" spans="14:14">
      <c r="N353250" s="10"/>
    </row>
    <row r="353251" spans="14:14">
      <c r="N353251" s="10"/>
    </row>
    <row r="353252" spans="14:14">
      <c r="N353252" s="10"/>
    </row>
    <row r="353253" spans="14:14">
      <c r="N353253" s="10"/>
    </row>
    <row r="353254" spans="14:14">
      <c r="N353254" s="10"/>
    </row>
    <row r="353255" spans="14:14">
      <c r="N353255" s="10"/>
    </row>
    <row r="353256" spans="14:14">
      <c r="N353256" s="10"/>
    </row>
    <row r="353257" spans="14:14">
      <c r="N353257" s="10"/>
    </row>
    <row r="353258" spans="14:14">
      <c r="N353258" s="10"/>
    </row>
    <row r="353259" spans="14:14">
      <c r="N353259" s="10"/>
    </row>
    <row r="353260" spans="14:14">
      <c r="N353260" s="10"/>
    </row>
    <row r="353261" spans="14:14">
      <c r="N353261" s="10"/>
    </row>
    <row r="353262" spans="14:14">
      <c r="N353262" s="10"/>
    </row>
    <row r="353263" spans="14:14">
      <c r="N353263" s="10"/>
    </row>
    <row r="353264" spans="14:14">
      <c r="N353264" s="10"/>
    </row>
    <row r="353265" spans="14:14">
      <c r="N353265" s="10"/>
    </row>
    <row r="353266" spans="14:14">
      <c r="N353266" s="10"/>
    </row>
    <row r="353267" spans="14:14">
      <c r="N353267" s="10"/>
    </row>
    <row r="353268" spans="14:14">
      <c r="N353268" s="10"/>
    </row>
    <row r="353269" spans="14:14">
      <c r="N353269" s="10"/>
    </row>
    <row r="353270" spans="14:14">
      <c r="N353270" s="10"/>
    </row>
    <row r="353271" spans="14:14">
      <c r="N353271" s="10"/>
    </row>
    <row r="353272" spans="14:14">
      <c r="N353272" s="10"/>
    </row>
    <row r="353273" spans="14:14">
      <c r="N353273" s="10"/>
    </row>
    <row r="353274" spans="14:14">
      <c r="N353274" s="10"/>
    </row>
    <row r="353275" spans="14:14">
      <c r="N353275" s="10"/>
    </row>
    <row r="353276" spans="14:14">
      <c r="N353276" s="10"/>
    </row>
    <row r="353277" spans="14:14">
      <c r="N353277" s="10"/>
    </row>
    <row r="353278" spans="14:14">
      <c r="N353278" s="10"/>
    </row>
    <row r="353279" spans="14:14">
      <c r="N353279" s="10"/>
    </row>
    <row r="353280" spans="14:14">
      <c r="N353280" s="10"/>
    </row>
    <row r="353281" spans="14:14">
      <c r="N353281" s="10"/>
    </row>
    <row r="353282" spans="14:14">
      <c r="N353282" s="10"/>
    </row>
    <row r="353283" spans="14:14">
      <c r="N353283" s="10"/>
    </row>
    <row r="353284" spans="14:14">
      <c r="N353284" s="10"/>
    </row>
    <row r="353285" spans="14:14">
      <c r="N353285" s="10"/>
    </row>
    <row r="353286" spans="14:14">
      <c r="N353286" s="10"/>
    </row>
    <row r="353287" spans="14:14">
      <c r="N353287" s="10"/>
    </row>
    <row r="353288" spans="14:14">
      <c r="N353288" s="10"/>
    </row>
    <row r="353289" spans="14:14">
      <c r="N353289" s="10"/>
    </row>
    <row r="353290" spans="14:14">
      <c r="N353290" s="10"/>
    </row>
    <row r="353291" spans="14:14">
      <c r="N353291" s="10"/>
    </row>
    <row r="353292" spans="14:14">
      <c r="N353292" s="10"/>
    </row>
    <row r="353293" spans="14:14">
      <c r="N353293" s="10"/>
    </row>
    <row r="353294" spans="14:14">
      <c r="N353294" s="10"/>
    </row>
    <row r="353295" spans="14:14">
      <c r="N353295" s="10"/>
    </row>
    <row r="353296" spans="14:14">
      <c r="N353296" s="10"/>
    </row>
    <row r="353297" spans="14:14">
      <c r="N353297" s="10"/>
    </row>
    <row r="353298" spans="14:14">
      <c r="N353298" s="10"/>
    </row>
    <row r="353299" spans="14:14">
      <c r="N353299" s="10"/>
    </row>
    <row r="353300" spans="14:14">
      <c r="N353300" s="10"/>
    </row>
    <row r="353301" spans="14:14">
      <c r="N353301" s="10"/>
    </row>
    <row r="353302" spans="14:14">
      <c r="N353302" s="10"/>
    </row>
    <row r="353303" spans="14:14">
      <c r="N353303" s="10"/>
    </row>
    <row r="353304" spans="14:14">
      <c r="N353304" s="10"/>
    </row>
    <row r="353305" spans="14:14">
      <c r="N353305" s="10"/>
    </row>
    <row r="353306" spans="14:14">
      <c r="N353306" s="10"/>
    </row>
    <row r="353307" spans="14:14">
      <c r="N353307" s="10"/>
    </row>
    <row r="353308" spans="14:14">
      <c r="N353308" s="10"/>
    </row>
    <row r="353309" spans="14:14">
      <c r="N353309" s="10"/>
    </row>
    <row r="353310" spans="14:14">
      <c r="N353310" s="10"/>
    </row>
    <row r="353311" spans="14:14">
      <c r="N353311" s="10"/>
    </row>
    <row r="353312" spans="14:14">
      <c r="N353312" s="10"/>
    </row>
    <row r="353313" spans="14:14">
      <c r="N353313" s="10"/>
    </row>
    <row r="353314" spans="14:14">
      <c r="N353314" s="10"/>
    </row>
    <row r="353315" spans="14:14">
      <c r="N353315" s="10"/>
    </row>
    <row r="353316" spans="14:14">
      <c r="N353316" s="10"/>
    </row>
    <row r="353317" spans="14:14">
      <c r="N353317" s="10"/>
    </row>
    <row r="353318" spans="14:14">
      <c r="N353318" s="10"/>
    </row>
    <row r="353319" spans="14:14">
      <c r="N353319" s="10"/>
    </row>
    <row r="353320" spans="14:14">
      <c r="N353320" s="10"/>
    </row>
    <row r="353321" spans="14:14">
      <c r="N353321" s="10"/>
    </row>
    <row r="353322" spans="14:14">
      <c r="N353322" s="10"/>
    </row>
    <row r="353323" spans="14:14">
      <c r="N353323" s="10"/>
    </row>
    <row r="353324" spans="14:14">
      <c r="N353324" s="10"/>
    </row>
    <row r="353325" spans="14:14">
      <c r="N353325" s="10"/>
    </row>
    <row r="353326" spans="14:14">
      <c r="N353326" s="10"/>
    </row>
    <row r="353327" spans="14:14">
      <c r="N353327" s="10"/>
    </row>
    <row r="353328" spans="14:14">
      <c r="N353328" s="10"/>
    </row>
    <row r="353329" spans="14:14">
      <c r="N353329" s="10"/>
    </row>
    <row r="353330" spans="14:14">
      <c r="N353330" s="10"/>
    </row>
    <row r="353331" spans="14:14">
      <c r="N353331" s="10"/>
    </row>
    <row r="353332" spans="14:14">
      <c r="N353332" s="10"/>
    </row>
    <row r="353333" spans="14:14">
      <c r="N353333" s="10"/>
    </row>
    <row r="353334" spans="14:14">
      <c r="N353334" s="10"/>
    </row>
    <row r="353335" spans="14:14">
      <c r="N353335" s="10"/>
    </row>
    <row r="353336" spans="14:14">
      <c r="N353336" s="10"/>
    </row>
    <row r="353337" spans="14:14">
      <c r="N353337" s="10"/>
    </row>
    <row r="353338" spans="14:14">
      <c r="N353338" s="10"/>
    </row>
    <row r="353339" spans="14:14">
      <c r="N353339" s="10"/>
    </row>
    <row r="353340" spans="14:14">
      <c r="N353340" s="10"/>
    </row>
    <row r="353341" spans="14:14">
      <c r="N353341" s="10"/>
    </row>
    <row r="353342" spans="14:14">
      <c r="N353342" s="10"/>
    </row>
    <row r="353343" spans="14:14">
      <c r="N353343" s="10"/>
    </row>
    <row r="353344" spans="14:14">
      <c r="N353344" s="10"/>
    </row>
    <row r="353345" spans="14:14">
      <c r="N353345" s="10"/>
    </row>
    <row r="353346" spans="14:14">
      <c r="N353346" s="10"/>
    </row>
    <row r="353347" spans="14:14">
      <c r="N353347" s="10"/>
    </row>
    <row r="353348" spans="14:14">
      <c r="N353348" s="10"/>
    </row>
    <row r="353349" spans="14:14">
      <c r="N353349" s="10"/>
    </row>
    <row r="353350" spans="14:14">
      <c r="N353350" s="10"/>
    </row>
    <row r="353351" spans="14:14">
      <c r="N353351" s="10"/>
    </row>
    <row r="353352" spans="14:14">
      <c r="N353352" s="10"/>
    </row>
    <row r="353353" spans="14:14">
      <c r="N353353" s="10"/>
    </row>
    <row r="353354" spans="14:14">
      <c r="N353354" s="10"/>
    </row>
    <row r="353355" spans="14:14">
      <c r="N353355" s="10"/>
    </row>
    <row r="353356" spans="14:14">
      <c r="N353356" s="10"/>
    </row>
    <row r="353357" spans="14:14">
      <c r="N353357" s="10"/>
    </row>
    <row r="353358" spans="14:14">
      <c r="N353358" s="10"/>
    </row>
    <row r="353359" spans="14:14">
      <c r="N353359" s="10"/>
    </row>
    <row r="353360" spans="14:14">
      <c r="N353360" s="10"/>
    </row>
    <row r="353361" spans="14:14">
      <c r="N353361" s="10"/>
    </row>
    <row r="353362" spans="14:14">
      <c r="N353362" s="10"/>
    </row>
    <row r="353363" spans="14:14">
      <c r="N353363" s="10"/>
    </row>
    <row r="353364" spans="14:14">
      <c r="N353364" s="10"/>
    </row>
    <row r="353365" spans="14:14">
      <c r="N353365" s="10"/>
    </row>
    <row r="353366" spans="14:14">
      <c r="N353366" s="10"/>
    </row>
    <row r="353367" spans="14:14">
      <c r="N353367" s="10"/>
    </row>
    <row r="353368" spans="14:14">
      <c r="N353368" s="10"/>
    </row>
    <row r="353369" spans="14:14">
      <c r="N353369" s="10"/>
    </row>
    <row r="353370" spans="14:14">
      <c r="N353370" s="10"/>
    </row>
    <row r="353371" spans="14:14">
      <c r="N353371" s="10"/>
    </row>
    <row r="353372" spans="14:14">
      <c r="N353372" s="10"/>
    </row>
    <row r="353373" spans="14:14">
      <c r="N353373" s="10"/>
    </row>
    <row r="353374" spans="14:14">
      <c r="N353374" s="10"/>
    </row>
    <row r="353375" spans="14:14">
      <c r="N353375" s="10"/>
    </row>
    <row r="353376" spans="14:14">
      <c r="N353376" s="10"/>
    </row>
    <row r="353377" spans="14:14">
      <c r="N353377" s="10"/>
    </row>
    <row r="353378" spans="14:14">
      <c r="N353378" s="10"/>
    </row>
    <row r="353379" spans="14:14">
      <c r="N353379" s="10"/>
    </row>
    <row r="353380" spans="14:14">
      <c r="N353380" s="10"/>
    </row>
    <row r="353381" spans="14:14">
      <c r="N353381" s="10"/>
    </row>
    <row r="353382" spans="14:14">
      <c r="N353382" s="10"/>
    </row>
    <row r="353383" spans="14:14">
      <c r="N353383" s="10"/>
    </row>
    <row r="353384" spans="14:14">
      <c r="N353384" s="10"/>
    </row>
    <row r="353385" spans="14:14">
      <c r="N353385" s="10"/>
    </row>
    <row r="353386" spans="14:14">
      <c r="N353386" s="10"/>
    </row>
    <row r="353387" spans="14:14">
      <c r="N353387" s="10"/>
    </row>
    <row r="353388" spans="14:14">
      <c r="N353388" s="10"/>
    </row>
    <row r="353389" spans="14:14">
      <c r="N353389" s="10"/>
    </row>
    <row r="353390" spans="14:14">
      <c r="N353390" s="10"/>
    </row>
    <row r="353391" spans="14:14">
      <c r="N353391" s="10"/>
    </row>
    <row r="353392" spans="14:14">
      <c r="N353392" s="10"/>
    </row>
    <row r="353393" spans="14:14">
      <c r="N353393" s="10"/>
    </row>
    <row r="353394" spans="14:14">
      <c r="N353394" s="10"/>
    </row>
    <row r="353395" spans="14:14">
      <c r="N353395" s="10"/>
    </row>
    <row r="353396" spans="14:14">
      <c r="N353396" s="10"/>
    </row>
    <row r="353397" spans="14:14">
      <c r="N353397" s="10"/>
    </row>
    <row r="353398" spans="14:14">
      <c r="N353398" s="10"/>
    </row>
    <row r="353399" spans="14:14">
      <c r="N353399" s="10"/>
    </row>
    <row r="353400" spans="14:14">
      <c r="N353400" s="10"/>
    </row>
    <row r="353401" spans="14:14">
      <c r="N353401" s="10"/>
    </row>
    <row r="353402" spans="14:14">
      <c r="N353402" s="10"/>
    </row>
    <row r="353403" spans="14:14">
      <c r="N353403" s="10"/>
    </row>
    <row r="353404" spans="14:14">
      <c r="N353404" s="10"/>
    </row>
    <row r="353405" spans="14:14">
      <c r="N353405" s="10"/>
    </row>
    <row r="353406" spans="14:14">
      <c r="N353406" s="10"/>
    </row>
    <row r="353407" spans="14:14">
      <c r="N353407" s="10"/>
    </row>
    <row r="353408" spans="14:14">
      <c r="N353408" s="10"/>
    </row>
    <row r="353409" spans="14:14">
      <c r="N353409" s="10"/>
    </row>
    <row r="353410" spans="14:14">
      <c r="N353410" s="10"/>
    </row>
    <row r="353411" spans="14:14">
      <c r="N353411" s="10"/>
    </row>
    <row r="353412" spans="14:14">
      <c r="N353412" s="10"/>
    </row>
    <row r="353413" spans="14:14">
      <c r="N353413" s="10"/>
    </row>
    <row r="353414" spans="14:14">
      <c r="N353414" s="10"/>
    </row>
    <row r="353415" spans="14:14">
      <c r="N353415" s="10"/>
    </row>
    <row r="353416" spans="14:14">
      <c r="N353416" s="10"/>
    </row>
    <row r="353417" spans="14:14">
      <c r="N353417" s="10"/>
    </row>
    <row r="353418" spans="14:14">
      <c r="N353418" s="10"/>
    </row>
    <row r="353419" spans="14:14">
      <c r="N353419" s="10"/>
    </row>
    <row r="353420" spans="14:14">
      <c r="N353420" s="10"/>
    </row>
    <row r="353421" spans="14:14">
      <c r="N353421" s="10"/>
    </row>
    <row r="353422" spans="14:14">
      <c r="N353422" s="10"/>
    </row>
    <row r="353423" spans="14:14">
      <c r="N353423" s="10"/>
    </row>
    <row r="353424" spans="14:14">
      <c r="N353424" s="10"/>
    </row>
    <row r="353425" spans="14:14">
      <c r="N353425" s="10"/>
    </row>
    <row r="353426" spans="14:14">
      <c r="N353426" s="10"/>
    </row>
    <row r="353427" spans="14:14">
      <c r="N353427" s="10"/>
    </row>
    <row r="353428" spans="14:14">
      <c r="N353428" s="10"/>
    </row>
    <row r="353429" spans="14:14">
      <c r="N353429" s="10"/>
    </row>
    <row r="353430" spans="14:14">
      <c r="N353430" s="10"/>
    </row>
    <row r="353431" spans="14:14">
      <c r="N353431" s="10"/>
    </row>
    <row r="353432" spans="14:14">
      <c r="N353432" s="10"/>
    </row>
    <row r="353433" spans="14:14">
      <c r="N353433" s="10"/>
    </row>
    <row r="353434" spans="14:14">
      <c r="N353434" s="10"/>
    </row>
    <row r="353435" spans="14:14">
      <c r="N353435" s="10"/>
    </row>
    <row r="353436" spans="14:14">
      <c r="N353436" s="10"/>
    </row>
    <row r="353437" spans="14:14">
      <c r="N353437" s="10"/>
    </row>
    <row r="353438" spans="14:14">
      <c r="N353438" s="10"/>
    </row>
    <row r="353439" spans="14:14">
      <c r="N353439" s="10"/>
    </row>
    <row r="353440" spans="14:14">
      <c r="N353440" s="10"/>
    </row>
    <row r="353441" spans="14:14">
      <c r="N353441" s="10"/>
    </row>
    <row r="353442" spans="14:14">
      <c r="N353442" s="10"/>
    </row>
    <row r="353443" spans="14:14">
      <c r="N353443" s="10"/>
    </row>
    <row r="353444" spans="14:14">
      <c r="N353444" s="10"/>
    </row>
    <row r="353445" spans="14:14">
      <c r="N353445" s="10"/>
    </row>
    <row r="353446" spans="14:14">
      <c r="N353446" s="10"/>
    </row>
    <row r="353447" spans="14:14">
      <c r="N353447" s="10"/>
    </row>
    <row r="353448" spans="14:14">
      <c r="N353448" s="10"/>
    </row>
    <row r="353449" spans="14:14">
      <c r="N353449" s="10"/>
    </row>
    <row r="353450" spans="14:14">
      <c r="N353450" s="10"/>
    </row>
    <row r="353451" spans="14:14">
      <c r="N353451" s="10"/>
    </row>
    <row r="353452" spans="14:14">
      <c r="N353452" s="10"/>
    </row>
    <row r="353453" spans="14:14">
      <c r="N353453" s="10"/>
    </row>
    <row r="353454" spans="14:14">
      <c r="N353454" s="10"/>
    </row>
    <row r="353455" spans="14:14">
      <c r="N353455" s="10"/>
    </row>
    <row r="353456" spans="14:14">
      <c r="N353456" s="10"/>
    </row>
    <row r="353457" spans="14:14">
      <c r="N353457" s="10"/>
    </row>
    <row r="353458" spans="14:14">
      <c r="N353458" s="10"/>
    </row>
    <row r="353459" spans="14:14">
      <c r="N353459" s="10"/>
    </row>
    <row r="353460" spans="14:14">
      <c r="N353460" s="10"/>
    </row>
    <row r="353461" spans="14:14">
      <c r="N353461" s="10"/>
    </row>
    <row r="353462" spans="14:14">
      <c r="N353462" s="10"/>
    </row>
    <row r="353463" spans="14:14">
      <c r="N353463" s="10"/>
    </row>
    <row r="353464" spans="14:14">
      <c r="N353464" s="10"/>
    </row>
    <row r="353465" spans="14:14">
      <c r="N353465" s="10"/>
    </row>
    <row r="353466" spans="14:14">
      <c r="N353466" s="10"/>
    </row>
    <row r="353467" spans="14:14">
      <c r="N353467" s="10"/>
    </row>
    <row r="353468" spans="14:14">
      <c r="N353468" s="10"/>
    </row>
    <row r="353469" spans="14:14">
      <c r="N353469" s="10"/>
    </row>
    <row r="353470" spans="14:14">
      <c r="N353470" s="10"/>
    </row>
    <row r="353471" spans="14:14">
      <c r="N353471" s="10"/>
    </row>
    <row r="353472" spans="14:14">
      <c r="N353472" s="10"/>
    </row>
    <row r="353473" spans="14:14">
      <c r="N353473" s="10"/>
    </row>
    <row r="353474" spans="14:14">
      <c r="N353474" s="10"/>
    </row>
    <row r="353475" spans="14:14">
      <c r="N353475" s="10"/>
    </row>
    <row r="353476" spans="14:14">
      <c r="N353476" s="10"/>
    </row>
    <row r="353477" spans="14:14">
      <c r="N353477" s="10"/>
    </row>
    <row r="353478" spans="14:14">
      <c r="N353478" s="10"/>
    </row>
    <row r="353479" spans="14:14">
      <c r="N353479" s="10"/>
    </row>
    <row r="353480" spans="14:14">
      <c r="N353480" s="10"/>
    </row>
    <row r="353481" spans="14:14">
      <c r="N353481" s="10"/>
    </row>
    <row r="353482" spans="14:14">
      <c r="N353482" s="10"/>
    </row>
    <row r="353483" spans="14:14">
      <c r="N353483" s="10"/>
    </row>
    <row r="353484" spans="14:14">
      <c r="N353484" s="10"/>
    </row>
    <row r="353485" spans="14:14">
      <c r="N353485" s="10"/>
    </row>
    <row r="353486" spans="14:14">
      <c r="N353486" s="10"/>
    </row>
    <row r="353487" spans="14:14">
      <c r="N353487" s="10"/>
    </row>
    <row r="353488" spans="14:14">
      <c r="N353488" s="10"/>
    </row>
    <row r="353489" spans="14:14">
      <c r="N353489" s="10"/>
    </row>
    <row r="353490" spans="14:14">
      <c r="N353490" s="10"/>
    </row>
    <row r="353491" spans="14:14">
      <c r="N353491" s="10"/>
    </row>
    <row r="353492" spans="14:14">
      <c r="N353492" s="10"/>
    </row>
    <row r="353493" spans="14:14">
      <c r="N353493" s="10"/>
    </row>
    <row r="353494" spans="14:14">
      <c r="N353494" s="10"/>
    </row>
    <row r="353495" spans="14:14">
      <c r="N353495" s="10"/>
    </row>
    <row r="353496" spans="14:14">
      <c r="N353496" s="10"/>
    </row>
    <row r="353497" spans="14:14">
      <c r="N353497" s="10"/>
    </row>
    <row r="353498" spans="14:14">
      <c r="N353498" s="10"/>
    </row>
    <row r="353499" spans="14:14">
      <c r="N353499" s="10"/>
    </row>
    <row r="353500" spans="14:14">
      <c r="N353500" s="10"/>
    </row>
    <row r="353501" spans="14:14">
      <c r="N353501" s="10"/>
    </row>
    <row r="353502" spans="14:14">
      <c r="N353502" s="10"/>
    </row>
    <row r="353503" spans="14:14">
      <c r="N353503" s="10"/>
    </row>
    <row r="353504" spans="14:14">
      <c r="N353504" s="10"/>
    </row>
    <row r="353505" spans="14:14">
      <c r="N353505" s="10"/>
    </row>
    <row r="353506" spans="14:14">
      <c r="N353506" s="10"/>
    </row>
    <row r="353507" spans="14:14">
      <c r="N353507" s="10"/>
    </row>
    <row r="353508" spans="14:14">
      <c r="N353508" s="10"/>
    </row>
    <row r="353509" spans="14:14">
      <c r="N353509" s="10"/>
    </row>
    <row r="353510" spans="14:14">
      <c r="N353510" s="10"/>
    </row>
    <row r="353511" spans="14:14">
      <c r="N353511" s="10"/>
    </row>
    <row r="353512" spans="14:14">
      <c r="N353512" s="10"/>
    </row>
    <row r="353513" spans="14:14">
      <c r="N353513" s="10"/>
    </row>
    <row r="353514" spans="14:14">
      <c r="N353514" s="10"/>
    </row>
    <row r="353515" spans="14:14">
      <c r="N353515" s="10"/>
    </row>
    <row r="353516" spans="14:14">
      <c r="N353516" s="10"/>
    </row>
    <row r="353517" spans="14:14">
      <c r="N353517" s="10"/>
    </row>
    <row r="353518" spans="14:14">
      <c r="N353518" s="10"/>
    </row>
    <row r="353519" spans="14:14">
      <c r="N353519" s="10"/>
    </row>
    <row r="353520" spans="14:14">
      <c r="N353520" s="10"/>
    </row>
    <row r="353521" spans="14:14">
      <c r="N353521" s="10"/>
    </row>
    <row r="353522" spans="14:14">
      <c r="N353522" s="10"/>
    </row>
    <row r="353523" spans="14:14">
      <c r="N353523" s="10"/>
    </row>
    <row r="353524" spans="14:14">
      <c r="N353524" s="10"/>
    </row>
    <row r="353525" spans="14:14">
      <c r="N353525" s="10"/>
    </row>
    <row r="353526" spans="14:14">
      <c r="N353526" s="10"/>
    </row>
    <row r="353527" spans="14:14">
      <c r="N353527" s="10"/>
    </row>
    <row r="353528" spans="14:14">
      <c r="N353528" s="10"/>
    </row>
    <row r="353529" spans="14:14">
      <c r="N353529" s="10"/>
    </row>
    <row r="353530" spans="14:14">
      <c r="N353530" s="10"/>
    </row>
    <row r="353531" spans="14:14">
      <c r="N353531" s="10"/>
    </row>
    <row r="353532" spans="14:14">
      <c r="N353532" s="10"/>
    </row>
    <row r="353533" spans="14:14">
      <c r="N353533" s="10"/>
    </row>
    <row r="353534" spans="14:14">
      <c r="N353534" s="10"/>
    </row>
    <row r="353535" spans="14:14">
      <c r="N353535" s="10"/>
    </row>
    <row r="353536" spans="14:14">
      <c r="N353536" s="10"/>
    </row>
    <row r="353537" spans="14:14">
      <c r="N353537" s="10"/>
    </row>
    <row r="353538" spans="14:14">
      <c r="N353538" s="10"/>
    </row>
    <row r="353539" spans="14:14">
      <c r="N353539" s="10"/>
    </row>
    <row r="353540" spans="14:14">
      <c r="N353540" s="10"/>
    </row>
    <row r="353541" spans="14:14">
      <c r="N353541" s="10"/>
    </row>
    <row r="353542" spans="14:14">
      <c r="N353542" s="10"/>
    </row>
    <row r="353543" spans="14:14">
      <c r="N353543" s="10"/>
    </row>
    <row r="353544" spans="14:14">
      <c r="N353544" s="10"/>
    </row>
    <row r="353545" spans="14:14">
      <c r="N353545" s="10"/>
    </row>
    <row r="353546" spans="14:14">
      <c r="N353546" s="10"/>
    </row>
    <row r="353547" spans="14:14">
      <c r="N353547" s="10"/>
    </row>
    <row r="353548" spans="14:14">
      <c r="N353548" s="10"/>
    </row>
    <row r="353549" spans="14:14">
      <c r="N353549" s="10"/>
    </row>
    <row r="353550" spans="14:14">
      <c r="N353550" s="10"/>
    </row>
    <row r="353551" spans="14:14">
      <c r="N353551" s="10"/>
    </row>
    <row r="353552" spans="14:14">
      <c r="N353552" s="10"/>
    </row>
    <row r="353553" spans="14:14">
      <c r="N353553" s="10"/>
    </row>
    <row r="353554" spans="14:14">
      <c r="N353554" s="10"/>
    </row>
    <row r="353555" spans="14:14">
      <c r="N353555" s="10"/>
    </row>
    <row r="353556" spans="14:14">
      <c r="N353556" s="10"/>
    </row>
    <row r="353557" spans="14:14">
      <c r="N353557" s="10"/>
    </row>
    <row r="353558" spans="14:14">
      <c r="N353558" s="10"/>
    </row>
    <row r="353559" spans="14:14">
      <c r="N353559" s="10"/>
    </row>
    <row r="353560" spans="14:14">
      <c r="N353560" s="10"/>
    </row>
    <row r="353561" spans="14:14">
      <c r="N353561" s="10"/>
    </row>
    <row r="353562" spans="14:14">
      <c r="N353562" s="10"/>
    </row>
    <row r="353563" spans="14:14">
      <c r="N353563" s="10"/>
    </row>
    <row r="353564" spans="14:14">
      <c r="N353564" s="10"/>
    </row>
    <row r="353565" spans="14:14">
      <c r="N353565" s="10"/>
    </row>
    <row r="353566" spans="14:14">
      <c r="N353566" s="10"/>
    </row>
    <row r="353567" spans="14:14">
      <c r="N353567" s="10"/>
    </row>
    <row r="353568" spans="14:14">
      <c r="N353568" s="10"/>
    </row>
    <row r="353569" spans="14:14">
      <c r="N353569" s="10"/>
    </row>
    <row r="353570" spans="14:14">
      <c r="N353570" s="10"/>
    </row>
    <row r="353571" spans="14:14">
      <c r="N353571" s="10"/>
    </row>
    <row r="353572" spans="14:14">
      <c r="N353572" s="10"/>
    </row>
    <row r="353573" spans="14:14">
      <c r="N353573" s="10"/>
    </row>
    <row r="353574" spans="14:14">
      <c r="N353574" s="10"/>
    </row>
    <row r="353575" spans="14:14">
      <c r="N353575" s="10"/>
    </row>
    <row r="353576" spans="14:14">
      <c r="N353576" s="10"/>
    </row>
    <row r="353577" spans="14:14">
      <c r="N353577" s="10"/>
    </row>
    <row r="353578" spans="14:14">
      <c r="N353578" s="10"/>
    </row>
    <row r="353579" spans="14:14">
      <c r="N353579" s="10"/>
    </row>
    <row r="353580" spans="14:14">
      <c r="N353580" s="10"/>
    </row>
    <row r="353581" spans="14:14">
      <c r="N353581" s="10"/>
    </row>
    <row r="353582" spans="14:14">
      <c r="N353582" s="10"/>
    </row>
    <row r="353583" spans="14:14">
      <c r="N353583" s="10"/>
    </row>
    <row r="353584" spans="14:14">
      <c r="N353584" s="10"/>
    </row>
    <row r="353585" spans="14:14">
      <c r="N353585" s="10"/>
    </row>
    <row r="353586" spans="14:14">
      <c r="N353586" s="10"/>
    </row>
    <row r="353587" spans="14:14">
      <c r="N353587" s="10"/>
    </row>
    <row r="353588" spans="14:14">
      <c r="N353588" s="10"/>
    </row>
    <row r="353589" spans="14:14">
      <c r="N353589" s="10"/>
    </row>
    <row r="353590" spans="14:14">
      <c r="N353590" s="10"/>
    </row>
    <row r="353591" spans="14:14">
      <c r="N353591" s="10"/>
    </row>
    <row r="353592" spans="14:14">
      <c r="N353592" s="10"/>
    </row>
    <row r="353593" spans="14:14">
      <c r="N353593" s="10"/>
    </row>
    <row r="353594" spans="14:14">
      <c r="N353594" s="10"/>
    </row>
    <row r="353595" spans="14:14">
      <c r="N353595" s="10"/>
    </row>
    <row r="353596" spans="14:14">
      <c r="N353596" s="10"/>
    </row>
    <row r="353597" spans="14:14">
      <c r="N353597" s="10"/>
    </row>
    <row r="353598" spans="14:14">
      <c r="N353598" s="10"/>
    </row>
    <row r="353599" spans="14:14">
      <c r="N353599" s="10"/>
    </row>
    <row r="353600" spans="14:14">
      <c r="N353600" s="10"/>
    </row>
    <row r="353601" spans="14:14">
      <c r="N353601" s="10"/>
    </row>
    <row r="353602" spans="14:14">
      <c r="N353602" s="10"/>
    </row>
    <row r="353603" spans="14:14">
      <c r="N353603" s="10"/>
    </row>
    <row r="353604" spans="14:14">
      <c r="N353604" s="10"/>
    </row>
    <row r="353605" spans="14:14">
      <c r="N353605" s="10"/>
    </row>
    <row r="353606" spans="14:14">
      <c r="N353606" s="10"/>
    </row>
    <row r="353607" spans="14:14">
      <c r="N353607" s="10"/>
    </row>
    <row r="353608" spans="14:14">
      <c r="N353608" s="10"/>
    </row>
    <row r="353609" spans="14:14">
      <c r="N353609" s="10"/>
    </row>
    <row r="353610" spans="14:14">
      <c r="N353610" s="10"/>
    </row>
    <row r="353611" spans="14:14">
      <c r="N353611" s="10"/>
    </row>
    <row r="353612" spans="14:14">
      <c r="N353612" s="10"/>
    </row>
    <row r="353613" spans="14:14">
      <c r="N353613" s="10"/>
    </row>
    <row r="353614" spans="14:14">
      <c r="N353614" s="10"/>
    </row>
    <row r="353615" spans="14:14">
      <c r="N353615" s="10"/>
    </row>
    <row r="353616" spans="14:14">
      <c r="N353616" s="10"/>
    </row>
    <row r="353617" spans="14:14">
      <c r="N353617" s="10"/>
    </row>
    <row r="353618" spans="14:14">
      <c r="N353618" s="10"/>
    </row>
    <row r="353619" spans="14:14">
      <c r="N353619" s="10"/>
    </row>
    <row r="353620" spans="14:14">
      <c r="N353620" s="10"/>
    </row>
    <row r="353621" spans="14:14">
      <c r="N353621" s="10"/>
    </row>
    <row r="353622" spans="14:14">
      <c r="N353622" s="10"/>
    </row>
    <row r="353623" spans="14:14">
      <c r="N353623" s="10"/>
    </row>
    <row r="353624" spans="14:14">
      <c r="N353624" s="10"/>
    </row>
    <row r="353625" spans="14:14">
      <c r="N353625" s="10"/>
    </row>
    <row r="353626" spans="14:14">
      <c r="N353626" s="10"/>
    </row>
    <row r="353627" spans="14:14">
      <c r="N353627" s="10"/>
    </row>
    <row r="353628" spans="14:14">
      <c r="N353628" s="10"/>
    </row>
    <row r="353629" spans="14:14">
      <c r="N353629" s="10"/>
    </row>
    <row r="353630" spans="14:14">
      <c r="N353630" s="10"/>
    </row>
    <row r="353631" spans="14:14">
      <c r="N353631" s="10"/>
    </row>
    <row r="353632" spans="14:14">
      <c r="N353632" s="10"/>
    </row>
    <row r="353633" spans="14:14">
      <c r="N353633" s="10"/>
    </row>
    <row r="353634" spans="14:14">
      <c r="N353634" s="10"/>
    </row>
    <row r="353635" spans="14:14">
      <c r="N353635" s="10"/>
    </row>
    <row r="353636" spans="14:14">
      <c r="N353636" s="10"/>
    </row>
    <row r="353637" spans="14:14">
      <c r="N353637" s="10"/>
    </row>
    <row r="353638" spans="14:14">
      <c r="N353638" s="10"/>
    </row>
    <row r="353639" spans="14:14">
      <c r="N353639" s="10"/>
    </row>
    <row r="353640" spans="14:14">
      <c r="N353640" s="10"/>
    </row>
    <row r="353641" spans="14:14">
      <c r="N353641" s="10"/>
    </row>
    <row r="353642" spans="14:14">
      <c r="N353642" s="10"/>
    </row>
    <row r="353643" spans="14:14">
      <c r="N353643" s="10"/>
    </row>
    <row r="353644" spans="14:14">
      <c r="N353644" s="10"/>
    </row>
    <row r="353645" spans="14:14">
      <c r="N353645" s="10"/>
    </row>
    <row r="353646" spans="14:14">
      <c r="N353646" s="10"/>
    </row>
    <row r="353647" spans="14:14">
      <c r="N353647" s="10"/>
    </row>
    <row r="353648" spans="14:14">
      <c r="N353648" s="10"/>
    </row>
    <row r="353649" spans="14:14">
      <c r="N353649" s="10"/>
    </row>
    <row r="353650" spans="14:14">
      <c r="N353650" s="10"/>
    </row>
    <row r="353651" spans="14:14">
      <c r="N353651" s="10"/>
    </row>
    <row r="353652" spans="14:14">
      <c r="N353652" s="10"/>
    </row>
    <row r="353653" spans="14:14">
      <c r="N353653" s="10"/>
    </row>
    <row r="353654" spans="14:14">
      <c r="N353654" s="10"/>
    </row>
    <row r="353655" spans="14:14">
      <c r="N353655" s="10"/>
    </row>
    <row r="353656" spans="14:14">
      <c r="N353656" s="10"/>
    </row>
    <row r="353657" spans="14:14">
      <c r="N353657" s="10"/>
    </row>
    <row r="353658" spans="14:14">
      <c r="N353658" s="10"/>
    </row>
    <row r="353659" spans="14:14">
      <c r="N353659" s="10"/>
    </row>
    <row r="353660" spans="14:14">
      <c r="N353660" s="10"/>
    </row>
    <row r="353661" spans="14:14">
      <c r="N353661" s="10"/>
    </row>
    <row r="353662" spans="14:14">
      <c r="N353662" s="10"/>
    </row>
    <row r="353663" spans="14:14">
      <c r="N353663" s="10"/>
    </row>
    <row r="353664" spans="14:14">
      <c r="N353664" s="10"/>
    </row>
    <row r="353665" spans="14:14">
      <c r="N353665" s="10"/>
    </row>
    <row r="353666" spans="14:14">
      <c r="N353666" s="10"/>
    </row>
    <row r="353667" spans="14:14">
      <c r="N353667" s="10"/>
    </row>
    <row r="353668" spans="14:14">
      <c r="N353668" s="10"/>
    </row>
    <row r="353669" spans="14:14">
      <c r="N353669" s="10"/>
    </row>
    <row r="353670" spans="14:14">
      <c r="N353670" s="10"/>
    </row>
    <row r="353671" spans="14:14">
      <c r="N353671" s="10"/>
    </row>
    <row r="353672" spans="14:14">
      <c r="N353672" s="10"/>
    </row>
    <row r="353673" spans="14:14">
      <c r="N353673" s="10"/>
    </row>
    <row r="353674" spans="14:14">
      <c r="N353674" s="10"/>
    </row>
    <row r="353675" spans="14:14">
      <c r="N353675" s="10"/>
    </row>
    <row r="353676" spans="14:14">
      <c r="N353676" s="10"/>
    </row>
    <row r="353677" spans="14:14">
      <c r="N353677" s="10"/>
    </row>
    <row r="353678" spans="14:14">
      <c r="N353678" s="10"/>
    </row>
    <row r="353679" spans="14:14">
      <c r="N353679" s="10"/>
    </row>
    <row r="353680" spans="14:14">
      <c r="N353680" s="10"/>
    </row>
    <row r="353681" spans="14:14">
      <c r="N353681" s="10"/>
    </row>
    <row r="353682" spans="14:14">
      <c r="N353682" s="10"/>
    </row>
    <row r="353683" spans="14:14">
      <c r="N353683" s="10"/>
    </row>
    <row r="353684" spans="14:14">
      <c r="N353684" s="10"/>
    </row>
    <row r="353685" spans="14:14">
      <c r="N353685" s="10"/>
    </row>
    <row r="353686" spans="14:14">
      <c r="N353686" s="10"/>
    </row>
    <row r="353687" spans="14:14">
      <c r="N353687" s="10"/>
    </row>
    <row r="353688" spans="14:14">
      <c r="N353688" s="10"/>
    </row>
    <row r="353689" spans="14:14">
      <c r="N353689" s="10"/>
    </row>
    <row r="353690" spans="14:14">
      <c r="N353690" s="10"/>
    </row>
    <row r="353691" spans="14:14">
      <c r="N353691" s="10"/>
    </row>
    <row r="353692" spans="14:14">
      <c r="N353692" s="10"/>
    </row>
    <row r="353693" spans="14:14">
      <c r="N353693" s="10"/>
    </row>
    <row r="353694" spans="14:14">
      <c r="N353694" s="10"/>
    </row>
    <row r="353695" spans="14:14">
      <c r="N353695" s="10"/>
    </row>
    <row r="353696" spans="14:14">
      <c r="N353696" s="10"/>
    </row>
    <row r="353697" spans="14:14">
      <c r="N353697" s="10"/>
    </row>
    <row r="353698" spans="14:14">
      <c r="N353698" s="10"/>
    </row>
    <row r="353699" spans="14:14">
      <c r="N353699" s="10"/>
    </row>
    <row r="353700" spans="14:14">
      <c r="N353700" s="10"/>
    </row>
    <row r="353701" spans="14:14">
      <c r="N353701" s="10"/>
    </row>
    <row r="353702" spans="14:14">
      <c r="N353702" s="10"/>
    </row>
    <row r="353703" spans="14:14">
      <c r="N353703" s="10"/>
    </row>
    <row r="353704" spans="14:14">
      <c r="N353704" s="10"/>
    </row>
    <row r="353705" spans="14:14">
      <c r="N353705" s="10"/>
    </row>
    <row r="353706" spans="14:14">
      <c r="N353706" s="10"/>
    </row>
    <row r="353707" spans="14:14">
      <c r="N353707" s="10"/>
    </row>
    <row r="353708" spans="14:14">
      <c r="N353708" s="10"/>
    </row>
    <row r="353709" spans="14:14">
      <c r="N353709" s="10"/>
    </row>
    <row r="353710" spans="14:14">
      <c r="N353710" s="10"/>
    </row>
    <row r="353711" spans="14:14">
      <c r="N353711" s="10"/>
    </row>
    <row r="353712" spans="14:14">
      <c r="N353712" s="10"/>
    </row>
    <row r="353713" spans="14:14">
      <c r="N353713" s="10"/>
    </row>
    <row r="353714" spans="14:14">
      <c r="N353714" s="10"/>
    </row>
    <row r="353715" spans="14:14">
      <c r="N353715" s="10"/>
    </row>
    <row r="353716" spans="14:14">
      <c r="N353716" s="10"/>
    </row>
    <row r="353717" spans="14:14">
      <c r="N353717" s="10"/>
    </row>
    <row r="353718" spans="14:14">
      <c r="N353718" s="10"/>
    </row>
    <row r="353719" spans="14:14">
      <c r="N353719" s="10"/>
    </row>
    <row r="353720" spans="14:14">
      <c r="N353720" s="10"/>
    </row>
    <row r="353721" spans="14:14">
      <c r="N353721" s="10"/>
    </row>
    <row r="353722" spans="14:14">
      <c r="N353722" s="10"/>
    </row>
    <row r="353723" spans="14:14">
      <c r="N353723" s="10"/>
    </row>
    <row r="353724" spans="14:14">
      <c r="N353724" s="10"/>
    </row>
    <row r="353725" spans="14:14">
      <c r="N353725" s="10"/>
    </row>
    <row r="353726" spans="14:14">
      <c r="N353726" s="10"/>
    </row>
    <row r="353727" spans="14:14">
      <c r="N353727" s="10"/>
    </row>
    <row r="353728" spans="14:14">
      <c r="N353728" s="10"/>
    </row>
    <row r="353729" spans="14:14">
      <c r="N353729" s="10"/>
    </row>
    <row r="353730" spans="14:14">
      <c r="N353730" s="10"/>
    </row>
    <row r="353731" spans="14:14">
      <c r="N353731" s="10"/>
    </row>
    <row r="353732" spans="14:14">
      <c r="N353732" s="10"/>
    </row>
    <row r="353733" spans="14:14">
      <c r="N353733" s="10"/>
    </row>
    <row r="353734" spans="14:14">
      <c r="N353734" s="10"/>
    </row>
    <row r="353735" spans="14:14">
      <c r="N353735" s="10"/>
    </row>
    <row r="353736" spans="14:14">
      <c r="N353736" s="10"/>
    </row>
    <row r="353737" spans="14:14">
      <c r="N353737" s="10"/>
    </row>
    <row r="353738" spans="14:14">
      <c r="N353738" s="10"/>
    </row>
    <row r="353739" spans="14:14">
      <c r="N353739" s="10"/>
    </row>
    <row r="353740" spans="14:14">
      <c r="N353740" s="10"/>
    </row>
    <row r="353741" spans="14:14">
      <c r="N353741" s="10"/>
    </row>
    <row r="353742" spans="14:14">
      <c r="N353742" s="10"/>
    </row>
    <row r="353743" spans="14:14">
      <c r="N353743" s="10"/>
    </row>
    <row r="353744" spans="14:14">
      <c r="N353744" s="10"/>
    </row>
    <row r="353745" spans="14:14">
      <c r="N353745" s="10"/>
    </row>
    <row r="353746" spans="14:14">
      <c r="N353746" s="10"/>
    </row>
    <row r="353747" spans="14:14">
      <c r="N353747" s="10"/>
    </row>
    <row r="353748" spans="14:14">
      <c r="N353748" s="10"/>
    </row>
    <row r="353749" spans="14:14">
      <c r="N353749" s="10"/>
    </row>
    <row r="353750" spans="14:14">
      <c r="N353750" s="10"/>
    </row>
    <row r="353751" spans="14:14">
      <c r="N353751" s="10"/>
    </row>
    <row r="353752" spans="14:14">
      <c r="N353752" s="10"/>
    </row>
    <row r="353753" spans="14:14">
      <c r="N353753" s="10"/>
    </row>
    <row r="353754" spans="14:14">
      <c r="N353754" s="10"/>
    </row>
    <row r="353755" spans="14:14">
      <c r="N353755" s="10"/>
    </row>
    <row r="353756" spans="14:14">
      <c r="N353756" s="10"/>
    </row>
    <row r="353757" spans="14:14">
      <c r="N353757" s="10"/>
    </row>
    <row r="353758" spans="14:14">
      <c r="N353758" s="10"/>
    </row>
    <row r="353759" spans="14:14">
      <c r="N353759" s="10"/>
    </row>
    <row r="353760" spans="14:14">
      <c r="N353760" s="10"/>
    </row>
    <row r="353761" spans="14:14">
      <c r="N353761" s="10"/>
    </row>
    <row r="353762" spans="14:14">
      <c r="N353762" s="10"/>
    </row>
    <row r="353763" spans="14:14">
      <c r="N353763" s="10"/>
    </row>
    <row r="353764" spans="14:14">
      <c r="N353764" s="10"/>
    </row>
    <row r="353765" spans="14:14">
      <c r="N353765" s="10"/>
    </row>
    <row r="353766" spans="14:14">
      <c r="N353766" s="10"/>
    </row>
    <row r="353767" spans="14:14">
      <c r="N353767" s="10"/>
    </row>
    <row r="353768" spans="14:14">
      <c r="N353768" s="10"/>
    </row>
    <row r="353769" spans="14:14">
      <c r="N353769" s="10"/>
    </row>
    <row r="353770" spans="14:14">
      <c r="N353770" s="10"/>
    </row>
    <row r="353771" spans="14:14">
      <c r="N353771" s="10"/>
    </row>
    <row r="353772" spans="14:14">
      <c r="N353772" s="10"/>
    </row>
    <row r="353773" spans="14:14">
      <c r="N353773" s="10"/>
    </row>
    <row r="353774" spans="14:14">
      <c r="N353774" s="10"/>
    </row>
    <row r="353775" spans="14:14">
      <c r="N353775" s="10"/>
    </row>
    <row r="353776" spans="14:14">
      <c r="N353776" s="10"/>
    </row>
    <row r="353777" spans="14:14">
      <c r="N353777" s="10"/>
    </row>
    <row r="353778" spans="14:14">
      <c r="N353778" s="10"/>
    </row>
    <row r="353779" spans="14:14">
      <c r="N353779" s="10"/>
    </row>
    <row r="353780" spans="14:14">
      <c r="N353780" s="10"/>
    </row>
    <row r="353781" spans="14:14">
      <c r="N353781" s="10"/>
    </row>
    <row r="353782" spans="14:14">
      <c r="N353782" s="10"/>
    </row>
    <row r="353783" spans="14:14">
      <c r="N353783" s="10"/>
    </row>
    <row r="353784" spans="14:14">
      <c r="N353784" s="10"/>
    </row>
    <row r="353785" spans="14:14">
      <c r="N353785" s="10"/>
    </row>
    <row r="353786" spans="14:14">
      <c r="N353786" s="10"/>
    </row>
    <row r="353787" spans="14:14">
      <c r="N353787" s="10"/>
    </row>
    <row r="353788" spans="14:14">
      <c r="N353788" s="10"/>
    </row>
    <row r="353789" spans="14:14">
      <c r="N353789" s="10"/>
    </row>
    <row r="353790" spans="14:14">
      <c r="N353790" s="10"/>
    </row>
    <row r="353791" spans="14:14">
      <c r="N353791" s="10"/>
    </row>
    <row r="353792" spans="14:14">
      <c r="N353792" s="10"/>
    </row>
    <row r="353793" spans="14:14">
      <c r="N353793" s="10"/>
    </row>
    <row r="353794" spans="14:14">
      <c r="N353794" s="10"/>
    </row>
    <row r="353795" spans="14:14">
      <c r="N353795" s="10"/>
    </row>
    <row r="353796" spans="14:14">
      <c r="N353796" s="10"/>
    </row>
    <row r="353797" spans="14:14">
      <c r="N353797" s="10"/>
    </row>
    <row r="353798" spans="14:14">
      <c r="N353798" s="10"/>
    </row>
    <row r="353799" spans="14:14">
      <c r="N353799" s="10"/>
    </row>
    <row r="353800" spans="14:14">
      <c r="N353800" s="10"/>
    </row>
    <row r="353801" spans="14:14">
      <c r="N353801" s="10"/>
    </row>
    <row r="353802" spans="14:14">
      <c r="N353802" s="10"/>
    </row>
    <row r="353803" spans="14:14">
      <c r="N353803" s="10"/>
    </row>
    <row r="353804" spans="14:14">
      <c r="N353804" s="10"/>
    </row>
    <row r="353805" spans="14:14">
      <c r="N353805" s="10"/>
    </row>
    <row r="353806" spans="14:14">
      <c r="N353806" s="10"/>
    </row>
    <row r="353807" spans="14:14">
      <c r="N353807" s="10"/>
    </row>
    <row r="353808" spans="14:14">
      <c r="N353808" s="10"/>
    </row>
    <row r="353809" spans="14:14">
      <c r="N353809" s="10"/>
    </row>
    <row r="353810" spans="14:14">
      <c r="N353810" s="10"/>
    </row>
    <row r="353811" spans="14:14">
      <c r="N353811" s="10"/>
    </row>
    <row r="353812" spans="14:14">
      <c r="N353812" s="10"/>
    </row>
    <row r="353813" spans="14:14">
      <c r="N353813" s="10"/>
    </row>
    <row r="353814" spans="14:14">
      <c r="N353814" s="10"/>
    </row>
    <row r="353815" spans="14:14">
      <c r="N353815" s="10"/>
    </row>
    <row r="353816" spans="14:14">
      <c r="N353816" s="10"/>
    </row>
    <row r="353817" spans="14:14">
      <c r="N353817" s="10"/>
    </row>
    <row r="353818" spans="14:14">
      <c r="N353818" s="10"/>
    </row>
    <row r="353819" spans="14:14">
      <c r="N353819" s="10"/>
    </row>
    <row r="353820" spans="14:14">
      <c r="N353820" s="10"/>
    </row>
    <row r="353821" spans="14:14">
      <c r="N353821" s="10"/>
    </row>
    <row r="353822" spans="14:14">
      <c r="N353822" s="10"/>
    </row>
    <row r="353823" spans="14:14">
      <c r="N353823" s="10"/>
    </row>
    <row r="353824" spans="14:14">
      <c r="N353824" s="10"/>
    </row>
    <row r="353825" spans="14:14">
      <c r="N353825" s="10"/>
    </row>
    <row r="353826" spans="14:14">
      <c r="N353826" s="10"/>
    </row>
    <row r="353827" spans="14:14">
      <c r="N353827" s="10"/>
    </row>
    <row r="353828" spans="14:14">
      <c r="N353828" s="10"/>
    </row>
    <row r="353829" spans="14:14">
      <c r="N353829" s="10"/>
    </row>
    <row r="353830" spans="14:14">
      <c r="N353830" s="10"/>
    </row>
    <row r="353831" spans="14:14">
      <c r="N353831" s="10"/>
    </row>
    <row r="353832" spans="14:14">
      <c r="N353832" s="10"/>
    </row>
    <row r="353833" spans="14:14">
      <c r="N353833" s="10"/>
    </row>
    <row r="353834" spans="14:14">
      <c r="N353834" s="10"/>
    </row>
    <row r="353835" spans="14:14">
      <c r="N353835" s="10"/>
    </row>
    <row r="353836" spans="14:14">
      <c r="N353836" s="10"/>
    </row>
    <row r="353837" spans="14:14">
      <c r="N353837" s="10"/>
    </row>
    <row r="353838" spans="14:14">
      <c r="N353838" s="10"/>
    </row>
    <row r="353839" spans="14:14">
      <c r="N353839" s="10"/>
    </row>
    <row r="353840" spans="14:14">
      <c r="N353840" s="10"/>
    </row>
    <row r="353841" spans="14:14">
      <c r="N353841" s="10"/>
    </row>
    <row r="353842" spans="14:14">
      <c r="N353842" s="10"/>
    </row>
    <row r="353843" spans="14:14">
      <c r="N353843" s="10"/>
    </row>
    <row r="353844" spans="14:14">
      <c r="N353844" s="10"/>
    </row>
    <row r="353845" spans="14:14">
      <c r="N353845" s="10"/>
    </row>
    <row r="353846" spans="14:14">
      <c r="N353846" s="10"/>
    </row>
    <row r="353847" spans="14:14">
      <c r="N353847" s="10"/>
    </row>
    <row r="353848" spans="14:14">
      <c r="N353848" s="10"/>
    </row>
    <row r="353849" spans="14:14">
      <c r="N353849" s="10"/>
    </row>
    <row r="353850" spans="14:14">
      <c r="N353850" s="10"/>
    </row>
    <row r="353851" spans="14:14">
      <c r="N353851" s="10"/>
    </row>
    <row r="353852" spans="14:14">
      <c r="N353852" s="10"/>
    </row>
    <row r="353853" spans="14:14">
      <c r="N353853" s="10"/>
    </row>
    <row r="353854" spans="14:14">
      <c r="N353854" s="10"/>
    </row>
    <row r="353855" spans="14:14">
      <c r="N353855" s="10"/>
    </row>
    <row r="353856" spans="14:14">
      <c r="N353856" s="10"/>
    </row>
    <row r="353857" spans="14:14">
      <c r="N353857" s="10"/>
    </row>
    <row r="353858" spans="14:14">
      <c r="N353858" s="10"/>
    </row>
    <row r="353859" spans="14:14">
      <c r="N353859" s="10"/>
    </row>
    <row r="353860" spans="14:14">
      <c r="N353860" s="10"/>
    </row>
    <row r="353861" spans="14:14">
      <c r="N353861" s="10"/>
    </row>
    <row r="353862" spans="14:14">
      <c r="N353862" s="10"/>
    </row>
    <row r="353863" spans="14:14">
      <c r="N353863" s="10"/>
    </row>
    <row r="353864" spans="14:14">
      <c r="N353864" s="10"/>
    </row>
    <row r="353865" spans="14:14">
      <c r="N353865" s="10"/>
    </row>
    <row r="353866" spans="14:14">
      <c r="N353866" s="10"/>
    </row>
    <row r="353867" spans="14:14">
      <c r="N353867" s="10"/>
    </row>
    <row r="353868" spans="14:14">
      <c r="N353868" s="10"/>
    </row>
    <row r="353869" spans="14:14">
      <c r="N353869" s="10"/>
    </row>
    <row r="353870" spans="14:14">
      <c r="N353870" s="10"/>
    </row>
    <row r="353871" spans="14:14">
      <c r="N353871" s="10"/>
    </row>
    <row r="353872" spans="14:14">
      <c r="N353872" s="10"/>
    </row>
    <row r="353873" spans="14:14">
      <c r="N353873" s="10"/>
    </row>
    <row r="353874" spans="14:14">
      <c r="N353874" s="10"/>
    </row>
    <row r="353875" spans="14:14">
      <c r="N353875" s="10"/>
    </row>
    <row r="353876" spans="14:14">
      <c r="N353876" s="10"/>
    </row>
    <row r="353877" spans="14:14">
      <c r="N353877" s="10"/>
    </row>
    <row r="353878" spans="14:14">
      <c r="N353878" s="10"/>
    </row>
    <row r="353879" spans="14:14">
      <c r="N353879" s="10"/>
    </row>
    <row r="353880" spans="14:14">
      <c r="N353880" s="10"/>
    </row>
    <row r="353881" spans="14:14">
      <c r="N353881" s="10"/>
    </row>
    <row r="353882" spans="14:14">
      <c r="N353882" s="10"/>
    </row>
    <row r="353883" spans="14:14">
      <c r="N353883" s="10"/>
    </row>
    <row r="353884" spans="14:14">
      <c r="N353884" s="10"/>
    </row>
    <row r="353885" spans="14:14">
      <c r="N353885" s="10"/>
    </row>
    <row r="353886" spans="14:14">
      <c r="N353886" s="10"/>
    </row>
    <row r="353887" spans="14:14">
      <c r="N353887" s="10"/>
    </row>
    <row r="353888" spans="14:14">
      <c r="N353888" s="10"/>
    </row>
    <row r="353889" spans="14:14">
      <c r="N353889" s="10"/>
    </row>
    <row r="353890" spans="14:14">
      <c r="N353890" s="10"/>
    </row>
    <row r="353891" spans="14:14">
      <c r="N353891" s="10"/>
    </row>
    <row r="353892" spans="14:14">
      <c r="N353892" s="10"/>
    </row>
    <row r="353893" spans="14:14">
      <c r="N353893" s="10"/>
    </row>
    <row r="353894" spans="14:14">
      <c r="N353894" s="10"/>
    </row>
    <row r="353895" spans="14:14">
      <c r="N353895" s="10"/>
    </row>
    <row r="353896" spans="14:14">
      <c r="N353896" s="10"/>
    </row>
    <row r="353897" spans="14:14">
      <c r="N353897" s="10"/>
    </row>
    <row r="353898" spans="14:14">
      <c r="N353898" s="10"/>
    </row>
    <row r="353899" spans="14:14">
      <c r="N353899" s="10"/>
    </row>
    <row r="353900" spans="14:14">
      <c r="N353900" s="10"/>
    </row>
    <row r="353901" spans="14:14">
      <c r="N353901" s="10"/>
    </row>
    <row r="353902" spans="14:14">
      <c r="N353902" s="10"/>
    </row>
    <row r="353903" spans="14:14">
      <c r="N353903" s="10"/>
    </row>
    <row r="353904" spans="14:14">
      <c r="N353904" s="10"/>
    </row>
    <row r="353905" spans="14:14">
      <c r="N353905" s="10"/>
    </row>
    <row r="353906" spans="14:14">
      <c r="N353906" s="10"/>
    </row>
    <row r="353907" spans="14:14">
      <c r="N353907" s="10"/>
    </row>
    <row r="353908" spans="14:14">
      <c r="N353908" s="10"/>
    </row>
    <row r="353909" spans="14:14">
      <c r="N353909" s="10"/>
    </row>
    <row r="353910" spans="14:14">
      <c r="N353910" s="10"/>
    </row>
    <row r="353911" spans="14:14">
      <c r="N353911" s="10"/>
    </row>
    <row r="353912" spans="14:14">
      <c r="N353912" s="10"/>
    </row>
    <row r="353913" spans="14:14">
      <c r="N353913" s="10"/>
    </row>
    <row r="353914" spans="14:14">
      <c r="N353914" s="10"/>
    </row>
    <row r="353915" spans="14:14">
      <c r="N353915" s="10"/>
    </row>
    <row r="353916" spans="14:14">
      <c r="N353916" s="10"/>
    </row>
    <row r="353917" spans="14:14">
      <c r="N353917" s="10"/>
    </row>
    <row r="353918" spans="14:14">
      <c r="N353918" s="10"/>
    </row>
    <row r="353919" spans="14:14">
      <c r="N353919" s="10"/>
    </row>
    <row r="353920" spans="14:14">
      <c r="N353920" s="10"/>
    </row>
    <row r="353921" spans="14:14">
      <c r="N353921" s="10"/>
    </row>
    <row r="353922" spans="14:14">
      <c r="N353922" s="10"/>
    </row>
    <row r="353923" spans="14:14">
      <c r="N353923" s="10"/>
    </row>
    <row r="353924" spans="14:14">
      <c r="N353924" s="10"/>
    </row>
    <row r="353925" spans="14:14">
      <c r="N353925" s="10"/>
    </row>
    <row r="353926" spans="14:14">
      <c r="N353926" s="10"/>
    </row>
    <row r="353927" spans="14:14">
      <c r="N353927" s="10"/>
    </row>
    <row r="353928" spans="14:14">
      <c r="N353928" s="10"/>
    </row>
    <row r="353929" spans="14:14">
      <c r="N353929" s="10"/>
    </row>
    <row r="353930" spans="14:14">
      <c r="N353930" s="10"/>
    </row>
    <row r="353931" spans="14:14">
      <c r="N353931" s="10"/>
    </row>
    <row r="353932" spans="14:14">
      <c r="N353932" s="10"/>
    </row>
    <row r="353933" spans="14:14">
      <c r="N353933" s="10"/>
    </row>
    <row r="353934" spans="14:14">
      <c r="N353934" s="10"/>
    </row>
    <row r="353935" spans="14:14">
      <c r="N353935" s="10"/>
    </row>
    <row r="353936" spans="14:14">
      <c r="N353936" s="10"/>
    </row>
    <row r="353937" spans="14:14">
      <c r="N353937" s="10"/>
    </row>
    <row r="353938" spans="14:14">
      <c r="N353938" s="10"/>
    </row>
    <row r="353939" spans="14:14">
      <c r="N353939" s="10"/>
    </row>
    <row r="353940" spans="14:14">
      <c r="N353940" s="10"/>
    </row>
    <row r="353941" spans="14:14">
      <c r="N353941" s="10"/>
    </row>
    <row r="353942" spans="14:14">
      <c r="N353942" s="10"/>
    </row>
    <row r="353943" spans="14:14">
      <c r="N353943" s="10"/>
    </row>
    <row r="353944" spans="14:14">
      <c r="N353944" s="10"/>
    </row>
    <row r="353945" spans="14:14">
      <c r="N353945" s="10"/>
    </row>
    <row r="353946" spans="14:14">
      <c r="N353946" s="10"/>
    </row>
    <row r="353947" spans="14:14">
      <c r="N353947" s="10"/>
    </row>
    <row r="353948" spans="14:14">
      <c r="N353948" s="10"/>
    </row>
    <row r="353949" spans="14:14">
      <c r="N353949" s="10"/>
    </row>
    <row r="353950" spans="14:14">
      <c r="N353950" s="10"/>
    </row>
    <row r="353951" spans="14:14">
      <c r="N353951" s="10"/>
    </row>
    <row r="353952" spans="14:14">
      <c r="N353952" s="10"/>
    </row>
    <row r="353953" spans="14:14">
      <c r="N353953" s="10"/>
    </row>
    <row r="353954" spans="14:14">
      <c r="N353954" s="10"/>
    </row>
    <row r="353955" spans="14:14">
      <c r="N353955" s="10"/>
    </row>
    <row r="353956" spans="14:14">
      <c r="N353956" s="10"/>
    </row>
    <row r="353957" spans="14:14">
      <c r="N353957" s="10"/>
    </row>
    <row r="353958" spans="14:14">
      <c r="N353958" s="10"/>
    </row>
    <row r="353959" spans="14:14">
      <c r="N353959" s="10"/>
    </row>
    <row r="353960" spans="14:14">
      <c r="N353960" s="10"/>
    </row>
    <row r="353961" spans="14:14">
      <c r="N353961" s="10"/>
    </row>
    <row r="353962" spans="14:14">
      <c r="N353962" s="10"/>
    </row>
    <row r="353963" spans="14:14">
      <c r="N353963" s="10"/>
    </row>
    <row r="353964" spans="14:14">
      <c r="N353964" s="10"/>
    </row>
    <row r="353965" spans="14:14">
      <c r="N353965" s="10"/>
    </row>
    <row r="353966" spans="14:14">
      <c r="N353966" s="10"/>
    </row>
    <row r="353967" spans="14:14">
      <c r="N353967" s="10"/>
    </row>
    <row r="353968" spans="14:14">
      <c r="N353968" s="10"/>
    </row>
    <row r="353969" spans="14:14">
      <c r="N353969" s="10"/>
    </row>
    <row r="353970" spans="14:14">
      <c r="N353970" s="10"/>
    </row>
    <row r="353971" spans="14:14">
      <c r="N353971" s="10"/>
    </row>
    <row r="353972" spans="14:14">
      <c r="N353972" s="10"/>
    </row>
    <row r="353973" spans="14:14">
      <c r="N353973" s="10"/>
    </row>
    <row r="353974" spans="14:14">
      <c r="N353974" s="10"/>
    </row>
    <row r="353975" spans="14:14">
      <c r="N353975" s="10"/>
    </row>
    <row r="353976" spans="14:14">
      <c r="N353976" s="10"/>
    </row>
    <row r="353977" spans="14:14">
      <c r="N353977" s="10"/>
    </row>
    <row r="353978" spans="14:14">
      <c r="N353978" s="10"/>
    </row>
    <row r="353979" spans="14:14">
      <c r="N353979" s="10"/>
    </row>
    <row r="353980" spans="14:14">
      <c r="N353980" s="10"/>
    </row>
    <row r="353981" spans="14:14">
      <c r="N353981" s="10"/>
    </row>
    <row r="353982" spans="14:14">
      <c r="N353982" s="10"/>
    </row>
    <row r="353983" spans="14:14">
      <c r="N353983" s="10"/>
    </row>
    <row r="353984" spans="14:14">
      <c r="N353984" s="10"/>
    </row>
    <row r="353985" spans="14:14">
      <c r="N353985" s="10"/>
    </row>
    <row r="353986" spans="14:14">
      <c r="N353986" s="10"/>
    </row>
    <row r="353987" spans="14:14">
      <c r="N353987" s="10"/>
    </row>
    <row r="353988" spans="14:14">
      <c r="N353988" s="10"/>
    </row>
    <row r="353989" spans="14:14">
      <c r="N353989" s="10"/>
    </row>
    <row r="353990" spans="14:14">
      <c r="N353990" s="10"/>
    </row>
    <row r="353991" spans="14:14">
      <c r="N353991" s="10"/>
    </row>
    <row r="353992" spans="14:14">
      <c r="N353992" s="10"/>
    </row>
    <row r="353993" spans="14:14">
      <c r="N353993" s="10"/>
    </row>
    <row r="353994" spans="14:14">
      <c r="N353994" s="10"/>
    </row>
    <row r="353995" spans="14:14">
      <c r="N353995" s="10"/>
    </row>
    <row r="353996" spans="14:14">
      <c r="N353996" s="10"/>
    </row>
    <row r="353997" spans="14:14">
      <c r="N353997" s="10"/>
    </row>
    <row r="353998" spans="14:14">
      <c r="N353998" s="10"/>
    </row>
    <row r="353999" spans="14:14">
      <c r="N353999" s="10"/>
    </row>
    <row r="354000" spans="14:14">
      <c r="N354000" s="10"/>
    </row>
    <row r="354001" spans="14:14">
      <c r="N354001" s="10"/>
    </row>
    <row r="354002" spans="14:14">
      <c r="N354002" s="10"/>
    </row>
    <row r="354003" spans="14:14">
      <c r="N354003" s="10"/>
    </row>
    <row r="354004" spans="14:14">
      <c r="N354004" s="10"/>
    </row>
    <row r="354005" spans="14:14">
      <c r="N354005" s="10"/>
    </row>
    <row r="354006" spans="14:14">
      <c r="N354006" s="10"/>
    </row>
    <row r="354007" spans="14:14">
      <c r="N354007" s="10"/>
    </row>
    <row r="354008" spans="14:14">
      <c r="N354008" s="10"/>
    </row>
    <row r="354009" spans="14:14">
      <c r="N354009" s="10"/>
    </row>
    <row r="354010" spans="14:14">
      <c r="N354010" s="10"/>
    </row>
    <row r="354011" spans="14:14">
      <c r="N354011" s="10"/>
    </row>
    <row r="354012" spans="14:14">
      <c r="N354012" s="10"/>
    </row>
    <row r="354013" spans="14:14">
      <c r="N354013" s="10"/>
    </row>
    <row r="354014" spans="14:14">
      <c r="N354014" s="10"/>
    </row>
    <row r="354015" spans="14:14">
      <c r="N354015" s="10"/>
    </row>
    <row r="354016" spans="14:14">
      <c r="N354016" s="10"/>
    </row>
    <row r="354017" spans="14:14">
      <c r="N354017" s="10"/>
    </row>
    <row r="354018" spans="14:14">
      <c r="N354018" s="10"/>
    </row>
    <row r="354019" spans="14:14">
      <c r="N354019" s="10"/>
    </row>
    <row r="354020" spans="14:14">
      <c r="N354020" s="10"/>
    </row>
    <row r="354021" spans="14:14">
      <c r="N354021" s="10"/>
    </row>
    <row r="354022" spans="14:14">
      <c r="N354022" s="10"/>
    </row>
    <row r="354023" spans="14:14">
      <c r="N354023" s="10"/>
    </row>
    <row r="354024" spans="14:14">
      <c r="N354024" s="10"/>
    </row>
    <row r="354025" spans="14:14">
      <c r="N354025" s="10"/>
    </row>
    <row r="354026" spans="14:14">
      <c r="N354026" s="10"/>
    </row>
    <row r="354027" spans="14:14">
      <c r="N354027" s="10"/>
    </row>
    <row r="354028" spans="14:14">
      <c r="N354028" s="10"/>
    </row>
    <row r="354029" spans="14:14">
      <c r="N354029" s="10"/>
    </row>
    <row r="354030" spans="14:14">
      <c r="N354030" s="10"/>
    </row>
    <row r="354031" spans="14:14">
      <c r="N354031" s="10"/>
    </row>
    <row r="354032" spans="14:14">
      <c r="N354032" s="10"/>
    </row>
    <row r="354033" spans="14:14">
      <c r="N354033" s="10"/>
    </row>
    <row r="354034" spans="14:14">
      <c r="N354034" s="10"/>
    </row>
    <row r="354035" spans="14:14">
      <c r="N354035" s="10"/>
    </row>
    <row r="354036" spans="14:14">
      <c r="N354036" s="10"/>
    </row>
    <row r="354037" spans="14:14">
      <c r="N354037" s="10"/>
    </row>
    <row r="354038" spans="14:14">
      <c r="N354038" s="10"/>
    </row>
    <row r="354039" spans="14:14">
      <c r="N354039" s="10"/>
    </row>
    <row r="354040" spans="14:14">
      <c r="N354040" s="10"/>
    </row>
    <row r="354041" spans="14:14">
      <c r="N354041" s="10"/>
    </row>
    <row r="354042" spans="14:14">
      <c r="N354042" s="10"/>
    </row>
    <row r="354043" spans="14:14">
      <c r="N354043" s="10"/>
    </row>
    <row r="354044" spans="14:14">
      <c r="N354044" s="10"/>
    </row>
    <row r="354045" spans="14:14">
      <c r="N354045" s="10"/>
    </row>
    <row r="354046" spans="14:14">
      <c r="N354046" s="10"/>
    </row>
    <row r="354047" spans="14:14">
      <c r="N354047" s="10"/>
    </row>
    <row r="354048" spans="14:14">
      <c r="N354048" s="10"/>
    </row>
    <row r="354049" spans="14:14">
      <c r="N354049" s="10"/>
    </row>
    <row r="354050" spans="14:14">
      <c r="N354050" s="10"/>
    </row>
    <row r="354051" spans="14:14">
      <c r="N354051" s="10"/>
    </row>
    <row r="354052" spans="14:14">
      <c r="N354052" s="10"/>
    </row>
    <row r="354053" spans="14:14">
      <c r="N354053" s="10"/>
    </row>
    <row r="354054" spans="14:14">
      <c r="N354054" s="10"/>
    </row>
    <row r="354055" spans="14:14">
      <c r="N354055" s="10"/>
    </row>
    <row r="354056" spans="14:14">
      <c r="N354056" s="10"/>
    </row>
    <row r="354057" spans="14:14">
      <c r="N354057" s="10"/>
    </row>
    <row r="354058" spans="14:14">
      <c r="N354058" s="10"/>
    </row>
    <row r="354059" spans="14:14">
      <c r="N354059" s="10"/>
    </row>
    <row r="354060" spans="14:14">
      <c r="N354060" s="10"/>
    </row>
    <row r="354061" spans="14:14">
      <c r="N354061" s="10"/>
    </row>
    <row r="354062" spans="14:14">
      <c r="N354062" s="10"/>
    </row>
    <row r="354063" spans="14:14">
      <c r="N354063" s="10"/>
    </row>
    <row r="354064" spans="14:14">
      <c r="N354064" s="10"/>
    </row>
    <row r="354065" spans="14:14">
      <c r="N354065" s="10"/>
    </row>
    <row r="354066" spans="14:14">
      <c r="N354066" s="10"/>
    </row>
    <row r="354067" spans="14:14">
      <c r="N354067" s="10"/>
    </row>
    <row r="354068" spans="14:14">
      <c r="N354068" s="10"/>
    </row>
    <row r="354069" spans="14:14">
      <c r="N354069" s="10"/>
    </row>
    <row r="354070" spans="14:14">
      <c r="N354070" s="10"/>
    </row>
    <row r="354071" spans="14:14">
      <c r="N354071" s="10"/>
    </row>
    <row r="354072" spans="14:14">
      <c r="N354072" s="10"/>
    </row>
    <row r="354073" spans="14:14">
      <c r="N354073" s="10"/>
    </row>
    <row r="354074" spans="14:14">
      <c r="N354074" s="10"/>
    </row>
    <row r="354075" spans="14:14">
      <c r="N354075" s="10"/>
    </row>
    <row r="354076" spans="14:14">
      <c r="N354076" s="10"/>
    </row>
    <row r="354077" spans="14:14">
      <c r="N354077" s="10"/>
    </row>
    <row r="354078" spans="14:14">
      <c r="N354078" s="10"/>
    </row>
    <row r="354079" spans="14:14">
      <c r="N354079" s="10"/>
    </row>
    <row r="354080" spans="14:14">
      <c r="N354080" s="10"/>
    </row>
    <row r="354081" spans="14:14">
      <c r="N354081" s="10"/>
    </row>
    <row r="354082" spans="14:14">
      <c r="N354082" s="10"/>
    </row>
    <row r="354083" spans="14:14">
      <c r="N354083" s="10"/>
    </row>
    <row r="354084" spans="14:14">
      <c r="N354084" s="10"/>
    </row>
    <row r="354085" spans="14:14">
      <c r="N354085" s="10"/>
    </row>
    <row r="354086" spans="14:14">
      <c r="N354086" s="10"/>
    </row>
    <row r="354087" spans="14:14">
      <c r="N354087" s="10"/>
    </row>
    <row r="354088" spans="14:14">
      <c r="N354088" s="10"/>
    </row>
    <row r="354089" spans="14:14">
      <c r="N354089" s="10"/>
    </row>
    <row r="354090" spans="14:14">
      <c r="N354090" s="10"/>
    </row>
    <row r="354091" spans="14:14">
      <c r="N354091" s="10"/>
    </row>
    <row r="354092" spans="14:14">
      <c r="N354092" s="10"/>
    </row>
    <row r="354093" spans="14:14">
      <c r="N354093" s="10"/>
    </row>
    <row r="354094" spans="14:14">
      <c r="N354094" s="10"/>
    </row>
    <row r="354095" spans="14:14">
      <c r="N354095" s="10"/>
    </row>
    <row r="354096" spans="14:14">
      <c r="N354096" s="10"/>
    </row>
    <row r="354097" spans="14:14">
      <c r="N354097" s="10"/>
    </row>
    <row r="354098" spans="14:14">
      <c r="N354098" s="10"/>
    </row>
    <row r="354099" spans="14:14">
      <c r="N354099" s="10"/>
    </row>
    <row r="354100" spans="14:14">
      <c r="N354100" s="10"/>
    </row>
    <row r="354101" spans="14:14">
      <c r="N354101" s="10"/>
    </row>
    <row r="354102" spans="14:14">
      <c r="N354102" s="10"/>
    </row>
    <row r="354103" spans="14:14">
      <c r="N354103" s="10"/>
    </row>
    <row r="354104" spans="14:14">
      <c r="N354104" s="10"/>
    </row>
    <row r="354105" spans="14:14">
      <c r="N354105" s="10"/>
    </row>
    <row r="354106" spans="14:14">
      <c r="N354106" s="10"/>
    </row>
    <row r="354107" spans="14:14">
      <c r="N354107" s="10"/>
    </row>
    <row r="354108" spans="14:14">
      <c r="N354108" s="10"/>
    </row>
    <row r="354109" spans="14:14">
      <c r="N354109" s="10"/>
    </row>
    <row r="354110" spans="14:14">
      <c r="N354110" s="10"/>
    </row>
    <row r="354111" spans="14:14">
      <c r="N354111" s="10"/>
    </row>
    <row r="354112" spans="14:14">
      <c r="N354112" s="10"/>
    </row>
    <row r="354113" spans="14:14">
      <c r="N354113" s="10"/>
    </row>
    <row r="354114" spans="14:14">
      <c r="N354114" s="10"/>
    </row>
    <row r="354115" spans="14:14">
      <c r="N354115" s="10"/>
    </row>
    <row r="354116" spans="14:14">
      <c r="N354116" s="10"/>
    </row>
    <row r="354117" spans="14:14">
      <c r="N354117" s="10"/>
    </row>
    <row r="354118" spans="14:14">
      <c r="N354118" s="10"/>
    </row>
    <row r="354119" spans="14:14">
      <c r="N354119" s="10"/>
    </row>
    <row r="354120" spans="14:14">
      <c r="N354120" s="10"/>
    </row>
    <row r="354121" spans="14:14">
      <c r="N354121" s="10"/>
    </row>
    <row r="354122" spans="14:14">
      <c r="N354122" s="10"/>
    </row>
    <row r="354123" spans="14:14">
      <c r="N354123" s="10"/>
    </row>
    <row r="354124" spans="14:14">
      <c r="N354124" s="10"/>
    </row>
    <row r="354125" spans="14:14">
      <c r="N354125" s="10"/>
    </row>
    <row r="354126" spans="14:14">
      <c r="N354126" s="10"/>
    </row>
    <row r="354127" spans="14:14">
      <c r="N354127" s="10"/>
    </row>
    <row r="354128" spans="14:14">
      <c r="N354128" s="10"/>
    </row>
    <row r="354129" spans="14:14">
      <c r="N354129" s="10"/>
    </row>
    <row r="354130" spans="14:14">
      <c r="N354130" s="10"/>
    </row>
    <row r="354131" spans="14:14">
      <c r="N354131" s="10"/>
    </row>
    <row r="354132" spans="14:14">
      <c r="N354132" s="10"/>
    </row>
    <row r="354133" spans="14:14">
      <c r="N354133" s="10"/>
    </row>
    <row r="354134" spans="14:14">
      <c r="N354134" s="10"/>
    </row>
    <row r="354135" spans="14:14">
      <c r="N354135" s="10"/>
    </row>
    <row r="354136" spans="14:14">
      <c r="N354136" s="10"/>
    </row>
    <row r="354137" spans="14:14">
      <c r="N354137" s="10"/>
    </row>
    <row r="354138" spans="14:14">
      <c r="N354138" s="10"/>
    </row>
    <row r="354139" spans="14:14">
      <c r="N354139" s="10"/>
    </row>
    <row r="354140" spans="14:14">
      <c r="N354140" s="10"/>
    </row>
    <row r="354141" spans="14:14">
      <c r="N354141" s="10"/>
    </row>
    <row r="354142" spans="14:14">
      <c r="N354142" s="10"/>
    </row>
    <row r="354143" spans="14:14">
      <c r="N354143" s="10"/>
    </row>
    <row r="354144" spans="14:14">
      <c r="N354144" s="10"/>
    </row>
    <row r="354145" spans="14:14">
      <c r="N354145" s="10"/>
    </row>
    <row r="354146" spans="14:14">
      <c r="N354146" s="10"/>
    </row>
    <row r="354147" spans="14:14">
      <c r="N354147" s="10"/>
    </row>
    <row r="354148" spans="14:14">
      <c r="N354148" s="10"/>
    </row>
    <row r="354149" spans="14:14">
      <c r="N354149" s="10"/>
    </row>
    <row r="354150" spans="14:14">
      <c r="N354150" s="10"/>
    </row>
    <row r="354151" spans="14:14">
      <c r="N354151" s="10"/>
    </row>
    <row r="354152" spans="14:14">
      <c r="N354152" s="10"/>
    </row>
    <row r="354153" spans="14:14">
      <c r="N354153" s="10"/>
    </row>
    <row r="354154" spans="14:14">
      <c r="N354154" s="10"/>
    </row>
    <row r="354155" spans="14:14">
      <c r="N354155" s="10"/>
    </row>
    <row r="354156" spans="14:14">
      <c r="N354156" s="10"/>
    </row>
    <row r="354157" spans="14:14">
      <c r="N354157" s="10"/>
    </row>
    <row r="354158" spans="14:14">
      <c r="N354158" s="10"/>
    </row>
    <row r="354159" spans="14:14">
      <c r="N354159" s="10"/>
    </row>
    <row r="354160" spans="14:14">
      <c r="N354160" s="10"/>
    </row>
    <row r="354161" spans="14:14">
      <c r="N354161" s="10"/>
    </row>
    <row r="354162" spans="14:14">
      <c r="N354162" s="10"/>
    </row>
    <row r="354163" spans="14:14">
      <c r="N354163" s="10"/>
    </row>
    <row r="354164" spans="14:14">
      <c r="N354164" s="10"/>
    </row>
    <row r="354165" spans="14:14">
      <c r="N354165" s="10"/>
    </row>
    <row r="354166" spans="14:14">
      <c r="N354166" s="10"/>
    </row>
    <row r="354167" spans="14:14">
      <c r="N354167" s="10"/>
    </row>
    <row r="354168" spans="14:14">
      <c r="N354168" s="10"/>
    </row>
    <row r="354169" spans="14:14">
      <c r="N354169" s="10"/>
    </row>
    <row r="354170" spans="14:14">
      <c r="N354170" s="10"/>
    </row>
    <row r="354171" spans="14:14">
      <c r="N354171" s="10"/>
    </row>
    <row r="354172" spans="14:14">
      <c r="N354172" s="10"/>
    </row>
    <row r="354173" spans="14:14">
      <c r="N354173" s="10"/>
    </row>
    <row r="354174" spans="14:14">
      <c r="N354174" s="10"/>
    </row>
    <row r="354175" spans="14:14">
      <c r="N354175" s="10"/>
    </row>
    <row r="354176" spans="14:14">
      <c r="N354176" s="10"/>
    </row>
    <row r="354177" spans="14:14">
      <c r="N354177" s="10"/>
    </row>
    <row r="354178" spans="14:14">
      <c r="N354178" s="10"/>
    </row>
    <row r="354179" spans="14:14">
      <c r="N354179" s="10"/>
    </row>
    <row r="354180" spans="14:14">
      <c r="N354180" s="10"/>
    </row>
    <row r="354181" spans="14:14">
      <c r="N354181" s="10"/>
    </row>
    <row r="354182" spans="14:14">
      <c r="N354182" s="10"/>
    </row>
    <row r="354183" spans="14:14">
      <c r="N354183" s="10"/>
    </row>
    <row r="354184" spans="14:14">
      <c r="N354184" s="10"/>
    </row>
    <row r="354185" spans="14:14">
      <c r="N354185" s="10"/>
    </row>
    <row r="354186" spans="14:14">
      <c r="N354186" s="10"/>
    </row>
    <row r="354187" spans="14:14">
      <c r="N354187" s="10"/>
    </row>
    <row r="354188" spans="14:14">
      <c r="N354188" s="10"/>
    </row>
    <row r="354189" spans="14:14">
      <c r="N354189" s="10"/>
    </row>
    <row r="354190" spans="14:14">
      <c r="N354190" s="10"/>
    </row>
    <row r="354191" spans="14:14">
      <c r="N354191" s="10"/>
    </row>
    <row r="354192" spans="14:14">
      <c r="N354192" s="10"/>
    </row>
    <row r="354193" spans="14:14">
      <c r="N354193" s="10"/>
    </row>
    <row r="354194" spans="14:14">
      <c r="N354194" s="10"/>
    </row>
    <row r="354195" spans="14:14">
      <c r="N354195" s="10"/>
    </row>
    <row r="354196" spans="14:14">
      <c r="N354196" s="10"/>
    </row>
    <row r="354197" spans="14:14">
      <c r="N354197" s="10"/>
    </row>
    <row r="354198" spans="14:14">
      <c r="N354198" s="10"/>
    </row>
    <row r="354199" spans="14:14">
      <c r="N354199" s="10"/>
    </row>
    <row r="354200" spans="14:14">
      <c r="N354200" s="10"/>
    </row>
    <row r="354201" spans="14:14">
      <c r="N354201" s="10"/>
    </row>
    <row r="354202" spans="14:14">
      <c r="N354202" s="10"/>
    </row>
    <row r="354203" spans="14:14">
      <c r="N354203" s="10"/>
    </row>
    <row r="354204" spans="14:14">
      <c r="N354204" s="10"/>
    </row>
    <row r="354205" spans="14:14">
      <c r="N354205" s="10"/>
    </row>
    <row r="354206" spans="14:14">
      <c r="N354206" s="10"/>
    </row>
    <row r="354207" spans="14:14">
      <c r="N354207" s="10"/>
    </row>
    <row r="354208" spans="14:14">
      <c r="N354208" s="10"/>
    </row>
    <row r="354209" spans="14:14">
      <c r="N354209" s="10"/>
    </row>
    <row r="354210" spans="14:14">
      <c r="N354210" s="10"/>
    </row>
    <row r="354211" spans="14:14">
      <c r="N354211" s="10"/>
    </row>
    <row r="354212" spans="14:14">
      <c r="N354212" s="10"/>
    </row>
    <row r="354213" spans="14:14">
      <c r="N354213" s="10"/>
    </row>
    <row r="354214" spans="14:14">
      <c r="N354214" s="10"/>
    </row>
    <row r="354215" spans="14:14">
      <c r="N354215" s="10"/>
    </row>
    <row r="354216" spans="14:14">
      <c r="N354216" s="10"/>
    </row>
    <row r="354217" spans="14:14">
      <c r="N354217" s="10"/>
    </row>
    <row r="354218" spans="14:14">
      <c r="N354218" s="10"/>
    </row>
    <row r="354219" spans="14:14">
      <c r="N354219" s="10"/>
    </row>
    <row r="354220" spans="14:14">
      <c r="N354220" s="10"/>
    </row>
    <row r="354221" spans="14:14">
      <c r="N354221" s="10"/>
    </row>
    <row r="354222" spans="14:14">
      <c r="N354222" s="10"/>
    </row>
    <row r="354223" spans="14:14">
      <c r="N354223" s="10"/>
    </row>
    <row r="354224" spans="14:14">
      <c r="N354224" s="10"/>
    </row>
    <row r="354225" spans="14:14">
      <c r="N354225" s="10"/>
    </row>
    <row r="354226" spans="14:14">
      <c r="N354226" s="10"/>
    </row>
    <row r="354227" spans="14:14">
      <c r="N354227" s="10"/>
    </row>
    <row r="354228" spans="14:14">
      <c r="N354228" s="10"/>
    </row>
    <row r="354229" spans="14:14">
      <c r="N354229" s="10"/>
    </row>
    <row r="354230" spans="14:14">
      <c r="N354230" s="10"/>
    </row>
    <row r="354231" spans="14:14">
      <c r="N354231" s="10"/>
    </row>
    <row r="354232" spans="14:14">
      <c r="N354232" s="10"/>
    </row>
    <row r="354233" spans="14:14">
      <c r="N354233" s="10"/>
    </row>
    <row r="354234" spans="14:14">
      <c r="N354234" s="10"/>
    </row>
    <row r="354235" spans="14:14">
      <c r="N354235" s="10"/>
    </row>
    <row r="354236" spans="14:14">
      <c r="N354236" s="10"/>
    </row>
    <row r="354237" spans="14:14">
      <c r="N354237" s="10"/>
    </row>
    <row r="354238" spans="14:14">
      <c r="N354238" s="10"/>
    </row>
    <row r="354239" spans="14:14">
      <c r="N354239" s="10"/>
    </row>
    <row r="354240" spans="14:14">
      <c r="N354240" s="10"/>
    </row>
    <row r="354241" spans="14:14">
      <c r="N354241" s="10"/>
    </row>
    <row r="354242" spans="14:14">
      <c r="N354242" s="10"/>
    </row>
    <row r="354243" spans="14:14">
      <c r="N354243" s="10"/>
    </row>
    <row r="354244" spans="14:14">
      <c r="N354244" s="10"/>
    </row>
    <row r="354245" spans="14:14">
      <c r="N354245" s="10"/>
    </row>
    <row r="354246" spans="14:14">
      <c r="N354246" s="10"/>
    </row>
    <row r="354247" spans="14:14">
      <c r="N354247" s="10"/>
    </row>
    <row r="354248" spans="14:14">
      <c r="N354248" s="10"/>
    </row>
    <row r="354249" spans="14:14">
      <c r="N354249" s="10"/>
    </row>
    <row r="354250" spans="14:14">
      <c r="N354250" s="10"/>
    </row>
    <row r="354251" spans="14:14">
      <c r="N354251" s="10"/>
    </row>
    <row r="354252" spans="14:14">
      <c r="N354252" s="10"/>
    </row>
    <row r="354253" spans="14:14">
      <c r="N354253" s="10"/>
    </row>
    <row r="354254" spans="14:14">
      <c r="N354254" s="10"/>
    </row>
    <row r="354255" spans="14:14">
      <c r="N354255" s="10"/>
    </row>
    <row r="354256" spans="14:14">
      <c r="N354256" s="10"/>
    </row>
    <row r="354257" spans="14:14">
      <c r="N354257" s="10"/>
    </row>
    <row r="354258" spans="14:14">
      <c r="N354258" s="10"/>
    </row>
    <row r="354259" spans="14:14">
      <c r="N354259" s="10"/>
    </row>
    <row r="354260" spans="14:14">
      <c r="N354260" s="10"/>
    </row>
    <row r="354261" spans="14:14">
      <c r="N354261" s="10"/>
    </row>
    <row r="354262" spans="14:14">
      <c r="N354262" s="10"/>
    </row>
    <row r="354263" spans="14:14">
      <c r="N354263" s="10"/>
    </row>
    <row r="354264" spans="14:14">
      <c r="N354264" s="10"/>
    </row>
    <row r="354265" spans="14:14">
      <c r="N354265" s="10"/>
    </row>
    <row r="354266" spans="14:14">
      <c r="N354266" s="10"/>
    </row>
    <row r="354267" spans="14:14">
      <c r="N354267" s="10"/>
    </row>
    <row r="354268" spans="14:14">
      <c r="N354268" s="10"/>
    </row>
    <row r="354269" spans="14:14">
      <c r="N354269" s="10"/>
    </row>
    <row r="354270" spans="14:14">
      <c r="N354270" s="10"/>
    </row>
    <row r="354271" spans="14:14">
      <c r="N354271" s="10"/>
    </row>
    <row r="354272" spans="14:14">
      <c r="N354272" s="10"/>
    </row>
    <row r="354273" spans="14:14">
      <c r="N354273" s="10"/>
    </row>
    <row r="354274" spans="14:14">
      <c r="N354274" s="10"/>
    </row>
    <row r="354275" spans="14:14">
      <c r="N354275" s="10"/>
    </row>
    <row r="354276" spans="14:14">
      <c r="N354276" s="10"/>
    </row>
    <row r="354277" spans="14:14">
      <c r="N354277" s="10"/>
    </row>
    <row r="354278" spans="14:14">
      <c r="N354278" s="10"/>
    </row>
    <row r="354279" spans="14:14">
      <c r="N354279" s="10"/>
    </row>
    <row r="354280" spans="14:14">
      <c r="N354280" s="10"/>
    </row>
    <row r="354281" spans="14:14">
      <c r="N354281" s="10"/>
    </row>
    <row r="354282" spans="14:14">
      <c r="N354282" s="10"/>
    </row>
    <row r="354283" spans="14:14">
      <c r="N354283" s="10"/>
    </row>
    <row r="354284" spans="14:14">
      <c r="N354284" s="10"/>
    </row>
    <row r="354285" spans="14:14">
      <c r="N354285" s="10"/>
    </row>
    <row r="354286" spans="14:14">
      <c r="N354286" s="10"/>
    </row>
    <row r="354287" spans="14:14">
      <c r="N354287" s="10"/>
    </row>
    <row r="354288" spans="14:14">
      <c r="N354288" s="10"/>
    </row>
    <row r="354289" spans="14:14">
      <c r="N354289" s="10"/>
    </row>
    <row r="354290" spans="14:14">
      <c r="N354290" s="10"/>
    </row>
    <row r="354291" spans="14:14">
      <c r="N354291" s="10"/>
    </row>
    <row r="354292" spans="14:14">
      <c r="N354292" s="10"/>
    </row>
    <row r="354293" spans="14:14">
      <c r="N354293" s="10"/>
    </row>
    <row r="354294" spans="14:14">
      <c r="N354294" s="10"/>
    </row>
    <row r="354295" spans="14:14">
      <c r="N354295" s="10"/>
    </row>
    <row r="354296" spans="14:14">
      <c r="N354296" s="10"/>
    </row>
    <row r="354297" spans="14:14">
      <c r="N354297" s="10"/>
    </row>
    <row r="354298" spans="14:14">
      <c r="N354298" s="10"/>
    </row>
    <row r="354299" spans="14:14">
      <c r="N354299" s="10"/>
    </row>
    <row r="354300" spans="14:14">
      <c r="N354300" s="10"/>
    </row>
    <row r="354301" spans="14:14">
      <c r="N354301" s="10"/>
    </row>
    <row r="354302" spans="14:14">
      <c r="N354302" s="10"/>
    </row>
    <row r="354303" spans="14:14">
      <c r="N354303" s="10"/>
    </row>
    <row r="354304" spans="14:14">
      <c r="N354304" s="10"/>
    </row>
    <row r="354305" spans="14:14">
      <c r="N354305" s="10"/>
    </row>
    <row r="354306" spans="14:14">
      <c r="N354306" s="10"/>
    </row>
    <row r="354307" spans="14:14">
      <c r="N354307" s="10"/>
    </row>
    <row r="354308" spans="14:14">
      <c r="N354308" s="10"/>
    </row>
    <row r="354309" spans="14:14">
      <c r="N354309" s="10"/>
    </row>
    <row r="354310" spans="14:14">
      <c r="N354310" s="10"/>
    </row>
    <row r="354311" spans="14:14">
      <c r="N354311" s="10"/>
    </row>
    <row r="354312" spans="14:14">
      <c r="N354312" s="10"/>
    </row>
    <row r="354313" spans="14:14">
      <c r="N354313" s="10"/>
    </row>
    <row r="354314" spans="14:14">
      <c r="N354314" s="10"/>
    </row>
    <row r="354315" spans="14:14">
      <c r="N354315" s="10"/>
    </row>
    <row r="354316" spans="14:14">
      <c r="N354316" s="10"/>
    </row>
    <row r="354317" spans="14:14">
      <c r="N354317" s="10"/>
    </row>
    <row r="354318" spans="14:14">
      <c r="N354318" s="10"/>
    </row>
    <row r="354319" spans="14:14">
      <c r="N354319" s="10"/>
    </row>
    <row r="354320" spans="14:14">
      <c r="N354320" s="10"/>
    </row>
    <row r="354321" spans="14:14">
      <c r="N354321" s="10"/>
    </row>
    <row r="354322" spans="14:14">
      <c r="N354322" s="10"/>
    </row>
    <row r="354323" spans="14:14">
      <c r="N354323" s="10"/>
    </row>
    <row r="354324" spans="14:14">
      <c r="N354324" s="10"/>
    </row>
    <row r="354325" spans="14:14">
      <c r="N354325" s="10"/>
    </row>
    <row r="354326" spans="14:14">
      <c r="N354326" s="10"/>
    </row>
    <row r="354327" spans="14:14">
      <c r="N354327" s="10"/>
    </row>
    <row r="354328" spans="14:14">
      <c r="N354328" s="10"/>
    </row>
    <row r="354329" spans="14:14">
      <c r="N354329" s="10"/>
    </row>
    <row r="354330" spans="14:14">
      <c r="N354330" s="10"/>
    </row>
    <row r="354331" spans="14:14">
      <c r="N354331" s="10"/>
    </row>
    <row r="354332" spans="14:14">
      <c r="N354332" s="10"/>
    </row>
    <row r="354333" spans="14:14">
      <c r="N354333" s="10"/>
    </row>
    <row r="354334" spans="14:14">
      <c r="N354334" s="10"/>
    </row>
    <row r="354335" spans="14:14">
      <c r="N354335" s="10"/>
    </row>
    <row r="354336" spans="14:14">
      <c r="N354336" s="10"/>
    </row>
    <row r="354337" spans="14:14">
      <c r="N354337" s="10"/>
    </row>
    <row r="354338" spans="14:14">
      <c r="N354338" s="10"/>
    </row>
    <row r="354339" spans="14:14">
      <c r="N354339" s="10"/>
    </row>
    <row r="354340" spans="14:14">
      <c r="N354340" s="10"/>
    </row>
    <row r="354341" spans="14:14">
      <c r="N354341" s="10"/>
    </row>
    <row r="354342" spans="14:14">
      <c r="N354342" s="10"/>
    </row>
    <row r="354343" spans="14:14">
      <c r="N354343" s="10"/>
    </row>
    <row r="354344" spans="14:14">
      <c r="N354344" s="10"/>
    </row>
    <row r="354345" spans="14:14">
      <c r="N354345" s="10"/>
    </row>
    <row r="354346" spans="14:14">
      <c r="N354346" s="10"/>
    </row>
    <row r="354347" spans="14:14">
      <c r="N354347" s="10"/>
    </row>
    <row r="354348" spans="14:14">
      <c r="N354348" s="10"/>
    </row>
    <row r="354349" spans="14:14">
      <c r="N354349" s="10"/>
    </row>
    <row r="354350" spans="14:14">
      <c r="N354350" s="10"/>
    </row>
    <row r="354351" spans="14:14">
      <c r="N354351" s="10"/>
    </row>
    <row r="354352" spans="14:14">
      <c r="N354352" s="10"/>
    </row>
    <row r="354353" spans="14:14">
      <c r="N354353" s="10"/>
    </row>
    <row r="354354" spans="14:14">
      <c r="N354354" s="10"/>
    </row>
    <row r="354355" spans="14:14">
      <c r="N354355" s="10"/>
    </row>
    <row r="354356" spans="14:14">
      <c r="N354356" s="10"/>
    </row>
    <row r="354357" spans="14:14">
      <c r="N354357" s="10"/>
    </row>
    <row r="354358" spans="14:14">
      <c r="N354358" s="10"/>
    </row>
    <row r="354359" spans="14:14">
      <c r="N354359" s="10"/>
    </row>
    <row r="354360" spans="14:14">
      <c r="N354360" s="10"/>
    </row>
    <row r="354361" spans="14:14">
      <c r="N354361" s="10"/>
    </row>
    <row r="354362" spans="14:14">
      <c r="N354362" s="10"/>
    </row>
    <row r="354363" spans="14:14">
      <c r="N354363" s="10"/>
    </row>
    <row r="354364" spans="14:14">
      <c r="N354364" s="10"/>
    </row>
    <row r="354365" spans="14:14">
      <c r="N354365" s="10"/>
    </row>
    <row r="354366" spans="14:14">
      <c r="N354366" s="10"/>
    </row>
    <row r="354367" spans="14:14">
      <c r="N354367" s="10"/>
    </row>
    <row r="354368" spans="14:14">
      <c r="N354368" s="10"/>
    </row>
    <row r="354369" spans="14:14">
      <c r="N354369" s="10"/>
    </row>
    <row r="354370" spans="14:14">
      <c r="N354370" s="10"/>
    </row>
    <row r="354371" spans="14:14">
      <c r="N354371" s="10"/>
    </row>
    <row r="354372" spans="14:14">
      <c r="N354372" s="10"/>
    </row>
    <row r="354373" spans="14:14">
      <c r="N354373" s="10"/>
    </row>
    <row r="354374" spans="14:14">
      <c r="N354374" s="10"/>
    </row>
    <row r="354375" spans="14:14">
      <c r="N354375" s="10"/>
    </row>
    <row r="354376" spans="14:14">
      <c r="N354376" s="10"/>
    </row>
    <row r="354377" spans="14:14">
      <c r="N354377" s="10"/>
    </row>
    <row r="354378" spans="14:14">
      <c r="N354378" s="10"/>
    </row>
    <row r="354379" spans="14:14">
      <c r="N354379" s="10"/>
    </row>
    <row r="354380" spans="14:14">
      <c r="N354380" s="10"/>
    </row>
    <row r="354381" spans="14:14">
      <c r="N354381" s="10"/>
    </row>
    <row r="354382" spans="14:14">
      <c r="N354382" s="10"/>
    </row>
    <row r="354383" spans="14:14">
      <c r="N354383" s="10"/>
    </row>
    <row r="354384" spans="14:14">
      <c r="N354384" s="10"/>
    </row>
    <row r="354385" spans="14:14">
      <c r="N354385" s="10"/>
    </row>
    <row r="354386" spans="14:14">
      <c r="N354386" s="10"/>
    </row>
    <row r="354387" spans="14:14">
      <c r="N354387" s="10"/>
    </row>
    <row r="354388" spans="14:14">
      <c r="N354388" s="10"/>
    </row>
    <row r="354389" spans="14:14">
      <c r="N354389" s="10"/>
    </row>
    <row r="354390" spans="14:14">
      <c r="N354390" s="10"/>
    </row>
    <row r="354391" spans="14:14">
      <c r="N354391" s="10"/>
    </row>
    <row r="354392" spans="14:14">
      <c r="N354392" s="10"/>
    </row>
    <row r="354393" spans="14:14">
      <c r="N354393" s="10"/>
    </row>
    <row r="354394" spans="14:14">
      <c r="N354394" s="10"/>
    </row>
    <row r="354395" spans="14:14">
      <c r="N354395" s="10"/>
    </row>
    <row r="354396" spans="14:14">
      <c r="N354396" s="10"/>
    </row>
    <row r="354397" spans="14:14">
      <c r="N354397" s="10"/>
    </row>
    <row r="354398" spans="14:14">
      <c r="N354398" s="10"/>
    </row>
    <row r="354399" spans="14:14">
      <c r="N354399" s="10"/>
    </row>
    <row r="354400" spans="14:14">
      <c r="N354400" s="10"/>
    </row>
    <row r="354401" spans="14:14">
      <c r="N354401" s="10"/>
    </row>
    <row r="354402" spans="14:14">
      <c r="N354402" s="10"/>
    </row>
    <row r="354403" spans="14:14">
      <c r="N354403" s="10"/>
    </row>
    <row r="354404" spans="14:14">
      <c r="N354404" s="10"/>
    </row>
    <row r="354405" spans="14:14">
      <c r="N354405" s="10"/>
    </row>
    <row r="354406" spans="14:14">
      <c r="N354406" s="10"/>
    </row>
    <row r="354407" spans="14:14">
      <c r="N354407" s="10"/>
    </row>
    <row r="354408" spans="14:14">
      <c r="N354408" s="10"/>
    </row>
    <row r="354409" spans="14:14">
      <c r="N354409" s="10"/>
    </row>
    <row r="354410" spans="14:14">
      <c r="N354410" s="10"/>
    </row>
    <row r="354411" spans="14:14">
      <c r="N354411" s="10"/>
    </row>
    <row r="354412" spans="14:14">
      <c r="N354412" s="10"/>
    </row>
    <row r="354413" spans="14:14">
      <c r="N354413" s="10"/>
    </row>
    <row r="354414" spans="14:14">
      <c r="N354414" s="10"/>
    </row>
    <row r="354415" spans="14:14">
      <c r="N354415" s="10"/>
    </row>
    <row r="354416" spans="14:14">
      <c r="N354416" s="10"/>
    </row>
    <row r="354417" spans="14:14">
      <c r="N354417" s="10"/>
    </row>
    <row r="354418" spans="14:14">
      <c r="N354418" s="10"/>
    </row>
    <row r="354419" spans="14:14">
      <c r="N354419" s="10"/>
    </row>
    <row r="354420" spans="14:14">
      <c r="N354420" s="10"/>
    </row>
    <row r="354421" spans="14:14">
      <c r="N354421" s="10"/>
    </row>
    <row r="354422" spans="14:14">
      <c r="N354422" s="10"/>
    </row>
    <row r="354423" spans="14:14">
      <c r="N354423" s="10"/>
    </row>
    <row r="354424" spans="14:14">
      <c r="N354424" s="10"/>
    </row>
    <row r="354425" spans="14:14">
      <c r="N354425" s="10"/>
    </row>
    <row r="354426" spans="14:14">
      <c r="N354426" s="10"/>
    </row>
    <row r="354427" spans="14:14">
      <c r="N354427" s="10"/>
    </row>
    <row r="354428" spans="14:14">
      <c r="N354428" s="10"/>
    </row>
    <row r="354429" spans="14:14">
      <c r="N354429" s="10"/>
    </row>
    <row r="354430" spans="14:14">
      <c r="N354430" s="10"/>
    </row>
    <row r="354431" spans="14:14">
      <c r="N354431" s="10"/>
    </row>
    <row r="354432" spans="14:14">
      <c r="N354432" s="10"/>
    </row>
    <row r="354433" spans="14:14">
      <c r="N354433" s="10"/>
    </row>
    <row r="354434" spans="14:14">
      <c r="N354434" s="10"/>
    </row>
    <row r="354435" spans="14:14">
      <c r="N354435" s="10"/>
    </row>
    <row r="354436" spans="14:14">
      <c r="N354436" s="10"/>
    </row>
    <row r="354437" spans="14:14">
      <c r="N354437" s="10"/>
    </row>
    <row r="354438" spans="14:14">
      <c r="N354438" s="10"/>
    </row>
    <row r="354439" spans="14:14">
      <c r="N354439" s="10"/>
    </row>
    <row r="354440" spans="14:14">
      <c r="N354440" s="10"/>
    </row>
    <row r="354441" spans="14:14">
      <c r="N354441" s="10"/>
    </row>
    <row r="354442" spans="14:14">
      <c r="N354442" s="10"/>
    </row>
    <row r="354443" spans="14:14">
      <c r="N354443" s="10"/>
    </row>
    <row r="354444" spans="14:14">
      <c r="N354444" s="10"/>
    </row>
    <row r="354445" spans="14:14">
      <c r="N354445" s="10"/>
    </row>
    <row r="354446" spans="14:14">
      <c r="N354446" s="10"/>
    </row>
    <row r="354447" spans="14:14">
      <c r="N354447" s="10"/>
    </row>
    <row r="354448" spans="14:14">
      <c r="N354448" s="10"/>
    </row>
    <row r="354449" spans="14:14">
      <c r="N354449" s="10"/>
    </row>
    <row r="354450" spans="14:14">
      <c r="N354450" s="10"/>
    </row>
    <row r="354451" spans="14:14">
      <c r="N354451" s="10"/>
    </row>
    <row r="354452" spans="14:14">
      <c r="N354452" s="10"/>
    </row>
    <row r="354453" spans="14:14">
      <c r="N354453" s="10"/>
    </row>
    <row r="354454" spans="14:14">
      <c r="N354454" s="10"/>
    </row>
    <row r="354455" spans="14:14">
      <c r="N354455" s="10"/>
    </row>
    <row r="354456" spans="14:14">
      <c r="N354456" s="10"/>
    </row>
    <row r="354457" spans="14:14">
      <c r="N354457" s="10"/>
    </row>
    <row r="354458" spans="14:14">
      <c r="N354458" s="10"/>
    </row>
    <row r="354459" spans="14:14">
      <c r="N354459" s="10"/>
    </row>
    <row r="354460" spans="14:14">
      <c r="N354460" s="10"/>
    </row>
    <row r="354461" spans="14:14">
      <c r="N354461" s="10"/>
    </row>
    <row r="354462" spans="14:14">
      <c r="N354462" s="10"/>
    </row>
    <row r="354463" spans="14:14">
      <c r="N354463" s="10"/>
    </row>
    <row r="354464" spans="14:14">
      <c r="N354464" s="10"/>
    </row>
    <row r="354465" spans="14:14">
      <c r="N354465" s="10"/>
    </row>
    <row r="354466" spans="14:14">
      <c r="N354466" s="10"/>
    </row>
    <row r="354467" spans="14:14">
      <c r="N354467" s="10"/>
    </row>
    <row r="354468" spans="14:14">
      <c r="N354468" s="10"/>
    </row>
    <row r="354469" spans="14:14">
      <c r="N354469" s="10"/>
    </row>
    <row r="354470" spans="14:14">
      <c r="N354470" s="10"/>
    </row>
    <row r="354471" spans="14:14">
      <c r="N354471" s="10"/>
    </row>
    <row r="354472" spans="14:14">
      <c r="N354472" s="10"/>
    </row>
    <row r="354473" spans="14:14">
      <c r="N354473" s="10"/>
    </row>
    <row r="354474" spans="14:14">
      <c r="N354474" s="10"/>
    </row>
    <row r="354475" spans="14:14">
      <c r="N354475" s="10"/>
    </row>
    <row r="354476" spans="14:14">
      <c r="N354476" s="10"/>
    </row>
    <row r="354477" spans="14:14">
      <c r="N354477" s="10"/>
    </row>
    <row r="354478" spans="14:14">
      <c r="N354478" s="10"/>
    </row>
    <row r="354479" spans="14:14">
      <c r="N354479" s="10"/>
    </row>
    <row r="354480" spans="14:14">
      <c r="N354480" s="10"/>
    </row>
    <row r="354481" spans="14:14">
      <c r="N354481" s="10"/>
    </row>
    <row r="354482" spans="14:14">
      <c r="N354482" s="10"/>
    </row>
    <row r="354483" spans="14:14">
      <c r="N354483" s="10"/>
    </row>
    <row r="354484" spans="14:14">
      <c r="N354484" s="10"/>
    </row>
    <row r="354485" spans="14:14">
      <c r="N354485" s="10"/>
    </row>
    <row r="354486" spans="14:14">
      <c r="N354486" s="10"/>
    </row>
    <row r="354487" spans="14:14">
      <c r="N354487" s="10"/>
    </row>
    <row r="354488" spans="14:14">
      <c r="N354488" s="10"/>
    </row>
    <row r="354489" spans="14:14">
      <c r="N354489" s="10"/>
    </row>
    <row r="354490" spans="14:14">
      <c r="N354490" s="10"/>
    </row>
    <row r="354491" spans="14:14">
      <c r="N354491" s="10"/>
    </row>
    <row r="354492" spans="14:14">
      <c r="N354492" s="10"/>
    </row>
    <row r="354493" spans="14:14">
      <c r="N354493" s="10"/>
    </row>
    <row r="354494" spans="14:14">
      <c r="N354494" s="10"/>
    </row>
    <row r="354495" spans="14:14">
      <c r="N354495" s="10"/>
    </row>
    <row r="354496" spans="14:14">
      <c r="N354496" s="10"/>
    </row>
    <row r="354497" spans="14:14">
      <c r="N354497" s="10"/>
    </row>
    <row r="354498" spans="14:14">
      <c r="N354498" s="10"/>
    </row>
    <row r="354499" spans="14:14">
      <c r="N354499" s="10"/>
    </row>
    <row r="354500" spans="14:14">
      <c r="N354500" s="10"/>
    </row>
    <row r="354501" spans="14:14">
      <c r="N354501" s="10"/>
    </row>
    <row r="354502" spans="14:14">
      <c r="N354502" s="10"/>
    </row>
    <row r="354503" spans="14:14">
      <c r="N354503" s="10"/>
    </row>
    <row r="354504" spans="14:14">
      <c r="N354504" s="10"/>
    </row>
    <row r="354505" spans="14:14">
      <c r="N354505" s="10"/>
    </row>
    <row r="354506" spans="14:14">
      <c r="N354506" s="10"/>
    </row>
    <row r="354507" spans="14:14">
      <c r="N354507" s="10"/>
    </row>
    <row r="354508" spans="14:14">
      <c r="N354508" s="10"/>
    </row>
    <row r="354509" spans="14:14">
      <c r="N354509" s="10"/>
    </row>
    <row r="354510" spans="14:14">
      <c r="N354510" s="10"/>
    </row>
    <row r="354511" spans="14:14">
      <c r="N354511" s="10"/>
    </row>
    <row r="354512" spans="14:14">
      <c r="N354512" s="10"/>
    </row>
    <row r="354513" spans="14:14">
      <c r="N354513" s="10"/>
    </row>
    <row r="354514" spans="14:14">
      <c r="N354514" s="10"/>
    </row>
    <row r="354515" spans="14:14">
      <c r="N354515" s="10"/>
    </row>
    <row r="354516" spans="14:14">
      <c r="N354516" s="10"/>
    </row>
    <row r="354517" spans="14:14">
      <c r="N354517" s="10"/>
    </row>
    <row r="354518" spans="14:14">
      <c r="N354518" s="10"/>
    </row>
    <row r="354519" spans="14:14">
      <c r="N354519" s="10"/>
    </row>
    <row r="354520" spans="14:14">
      <c r="N354520" s="10"/>
    </row>
    <row r="354521" spans="14:14">
      <c r="N354521" s="10"/>
    </row>
    <row r="354522" spans="14:14">
      <c r="N354522" s="10"/>
    </row>
    <row r="354523" spans="14:14">
      <c r="N354523" s="10"/>
    </row>
    <row r="354524" spans="14:14">
      <c r="N354524" s="10"/>
    </row>
    <row r="354525" spans="14:14">
      <c r="N354525" s="10"/>
    </row>
    <row r="354526" spans="14:14">
      <c r="N354526" s="10"/>
    </row>
    <row r="354527" spans="14:14">
      <c r="N354527" s="10"/>
    </row>
    <row r="354528" spans="14:14">
      <c r="N354528" s="10"/>
    </row>
    <row r="354529" spans="14:14">
      <c r="N354529" s="10"/>
    </row>
    <row r="354530" spans="14:14">
      <c r="N354530" s="10"/>
    </row>
    <row r="354531" spans="14:14">
      <c r="N354531" s="10"/>
    </row>
    <row r="354532" spans="14:14">
      <c r="N354532" s="10"/>
    </row>
    <row r="354533" spans="14:14">
      <c r="N354533" s="10"/>
    </row>
    <row r="354534" spans="14:14">
      <c r="N354534" s="10"/>
    </row>
    <row r="354535" spans="14:14">
      <c r="N354535" s="10"/>
    </row>
    <row r="354536" spans="14:14">
      <c r="N354536" s="10"/>
    </row>
    <row r="354537" spans="14:14">
      <c r="N354537" s="10"/>
    </row>
    <row r="354538" spans="14:14">
      <c r="N354538" s="10"/>
    </row>
    <row r="354539" spans="14:14">
      <c r="N354539" s="10"/>
    </row>
    <row r="354540" spans="14:14">
      <c r="N354540" s="10"/>
    </row>
    <row r="354541" spans="14:14">
      <c r="N354541" s="10"/>
    </row>
    <row r="354542" spans="14:14">
      <c r="N354542" s="10"/>
    </row>
    <row r="354543" spans="14:14">
      <c r="N354543" s="10"/>
    </row>
    <row r="354544" spans="14:14">
      <c r="N354544" s="10"/>
    </row>
    <row r="354545" spans="14:14">
      <c r="N354545" s="10"/>
    </row>
    <row r="354546" spans="14:14">
      <c r="N354546" s="10"/>
    </row>
    <row r="354547" spans="14:14">
      <c r="N354547" s="10"/>
    </row>
    <row r="354548" spans="14:14">
      <c r="N354548" s="10"/>
    </row>
    <row r="354549" spans="14:14">
      <c r="N354549" s="10"/>
    </row>
    <row r="354550" spans="14:14">
      <c r="N354550" s="10"/>
    </row>
    <row r="354551" spans="14:14">
      <c r="N354551" s="10"/>
    </row>
    <row r="354552" spans="14:14">
      <c r="N354552" s="10"/>
    </row>
    <row r="354553" spans="14:14">
      <c r="N354553" s="10"/>
    </row>
    <row r="354554" spans="14:14">
      <c r="N354554" s="10"/>
    </row>
    <row r="354555" spans="14:14">
      <c r="N354555" s="10"/>
    </row>
    <row r="354556" spans="14:14">
      <c r="N354556" s="10"/>
    </row>
    <row r="354557" spans="14:14">
      <c r="N354557" s="10"/>
    </row>
    <row r="354558" spans="14:14">
      <c r="N354558" s="10"/>
    </row>
    <row r="354559" spans="14:14">
      <c r="N354559" s="10"/>
    </row>
    <row r="354560" spans="14:14">
      <c r="N354560" s="10"/>
    </row>
    <row r="354561" spans="14:14">
      <c r="N354561" s="10"/>
    </row>
    <row r="354562" spans="14:14">
      <c r="N354562" s="10"/>
    </row>
    <row r="354563" spans="14:14">
      <c r="N354563" s="10"/>
    </row>
    <row r="354564" spans="14:14">
      <c r="N354564" s="10"/>
    </row>
    <row r="354565" spans="14:14">
      <c r="N354565" s="10"/>
    </row>
    <row r="354566" spans="14:14">
      <c r="N354566" s="10"/>
    </row>
    <row r="354567" spans="14:14">
      <c r="N354567" s="10"/>
    </row>
    <row r="354568" spans="14:14">
      <c r="N354568" s="10"/>
    </row>
    <row r="354569" spans="14:14">
      <c r="N354569" s="10"/>
    </row>
    <row r="354570" spans="14:14">
      <c r="N354570" s="10"/>
    </row>
    <row r="354571" spans="14:14">
      <c r="N354571" s="10"/>
    </row>
    <row r="354572" spans="14:14">
      <c r="N354572" s="10"/>
    </row>
    <row r="354573" spans="14:14">
      <c r="N354573" s="10"/>
    </row>
    <row r="354574" spans="14:14">
      <c r="N354574" s="10"/>
    </row>
    <row r="354575" spans="14:14">
      <c r="N354575" s="10"/>
    </row>
    <row r="354576" spans="14:14">
      <c r="N354576" s="10"/>
    </row>
    <row r="354577" spans="14:14">
      <c r="N354577" s="10"/>
    </row>
    <row r="354578" spans="14:14">
      <c r="N354578" s="10"/>
    </row>
    <row r="354579" spans="14:14">
      <c r="N354579" s="10"/>
    </row>
    <row r="354580" spans="14:14">
      <c r="N354580" s="10"/>
    </row>
    <row r="354581" spans="14:14">
      <c r="N354581" s="10"/>
    </row>
    <row r="354582" spans="14:14">
      <c r="N354582" s="10"/>
    </row>
    <row r="354583" spans="14:14">
      <c r="N354583" s="10"/>
    </row>
    <row r="354584" spans="14:14">
      <c r="N354584" s="10"/>
    </row>
    <row r="354585" spans="14:14">
      <c r="N354585" s="10"/>
    </row>
    <row r="354586" spans="14:14">
      <c r="N354586" s="10"/>
    </row>
    <row r="354587" spans="14:14">
      <c r="N354587" s="10"/>
    </row>
    <row r="354588" spans="14:14">
      <c r="N354588" s="10"/>
    </row>
    <row r="354589" spans="14:14">
      <c r="N354589" s="10"/>
    </row>
    <row r="354590" spans="14:14">
      <c r="N354590" s="10"/>
    </row>
    <row r="354591" spans="14:14">
      <c r="N354591" s="10"/>
    </row>
    <row r="354592" spans="14:14">
      <c r="N354592" s="10"/>
    </row>
    <row r="354593" spans="14:14">
      <c r="N354593" s="10"/>
    </row>
    <row r="354594" spans="14:14">
      <c r="N354594" s="10"/>
    </row>
    <row r="354595" spans="14:14">
      <c r="N354595" s="10"/>
    </row>
    <row r="354596" spans="14:14">
      <c r="N354596" s="10"/>
    </row>
    <row r="354597" spans="14:14">
      <c r="N354597" s="10"/>
    </row>
    <row r="354598" spans="14:14">
      <c r="N354598" s="10"/>
    </row>
    <row r="354599" spans="14:14">
      <c r="N354599" s="10"/>
    </row>
    <row r="354600" spans="14:14">
      <c r="N354600" s="10"/>
    </row>
    <row r="354601" spans="14:14">
      <c r="N354601" s="10"/>
    </row>
    <row r="354602" spans="14:14">
      <c r="N354602" s="10"/>
    </row>
    <row r="354603" spans="14:14">
      <c r="N354603" s="10"/>
    </row>
    <row r="354604" spans="14:14">
      <c r="N354604" s="10"/>
    </row>
    <row r="354605" spans="14:14">
      <c r="N354605" s="10"/>
    </row>
    <row r="354606" spans="14:14">
      <c r="N354606" s="10"/>
    </row>
    <row r="354607" spans="14:14">
      <c r="N354607" s="10"/>
    </row>
    <row r="354608" spans="14:14">
      <c r="N354608" s="10"/>
    </row>
    <row r="354609" spans="14:14">
      <c r="N354609" s="10"/>
    </row>
    <row r="354610" spans="14:14">
      <c r="N354610" s="10"/>
    </row>
    <row r="354611" spans="14:14">
      <c r="N354611" s="10"/>
    </row>
    <row r="354612" spans="14:14">
      <c r="N354612" s="10"/>
    </row>
    <row r="354613" spans="14:14">
      <c r="N354613" s="10"/>
    </row>
    <row r="354614" spans="14:14">
      <c r="N354614" s="10"/>
    </row>
    <row r="354615" spans="14:14">
      <c r="N354615" s="10"/>
    </row>
    <row r="354616" spans="14:14">
      <c r="N354616" s="10"/>
    </row>
    <row r="354617" spans="14:14">
      <c r="N354617" s="10"/>
    </row>
    <row r="354618" spans="14:14">
      <c r="N354618" s="10"/>
    </row>
    <row r="354619" spans="14:14">
      <c r="N354619" s="10"/>
    </row>
    <row r="354620" spans="14:14">
      <c r="N354620" s="10"/>
    </row>
    <row r="354621" spans="14:14">
      <c r="N354621" s="10"/>
    </row>
    <row r="354622" spans="14:14">
      <c r="N354622" s="10"/>
    </row>
    <row r="354623" spans="14:14">
      <c r="N354623" s="10"/>
    </row>
    <row r="354624" spans="14:14">
      <c r="N354624" s="10"/>
    </row>
    <row r="354625" spans="14:14">
      <c r="N354625" s="10"/>
    </row>
    <row r="354626" spans="14:14">
      <c r="N354626" s="10"/>
    </row>
    <row r="354627" spans="14:14">
      <c r="N354627" s="10"/>
    </row>
    <row r="354628" spans="14:14">
      <c r="N354628" s="10"/>
    </row>
    <row r="354629" spans="14:14">
      <c r="N354629" s="10"/>
    </row>
    <row r="354630" spans="14:14">
      <c r="N354630" s="10"/>
    </row>
    <row r="354631" spans="14:14">
      <c r="N354631" s="10"/>
    </row>
    <row r="354632" spans="14:14">
      <c r="N354632" s="10"/>
    </row>
    <row r="354633" spans="14:14">
      <c r="N354633" s="10"/>
    </row>
    <row r="354634" spans="14:14">
      <c r="N354634" s="10"/>
    </row>
    <row r="354635" spans="14:14">
      <c r="N354635" s="10"/>
    </row>
    <row r="354636" spans="14:14">
      <c r="N354636" s="10"/>
    </row>
    <row r="354637" spans="14:14">
      <c r="N354637" s="10"/>
    </row>
    <row r="354638" spans="14:14">
      <c r="N354638" s="10"/>
    </row>
    <row r="354639" spans="14:14">
      <c r="N354639" s="10"/>
    </row>
    <row r="354640" spans="14:14">
      <c r="N354640" s="10"/>
    </row>
    <row r="354641" spans="14:14">
      <c r="N354641" s="10"/>
    </row>
    <row r="354642" spans="14:14">
      <c r="N354642" s="10"/>
    </row>
    <row r="354643" spans="14:14">
      <c r="N354643" s="10"/>
    </row>
    <row r="354644" spans="14:14">
      <c r="N354644" s="10"/>
    </row>
    <row r="354645" spans="14:14">
      <c r="N354645" s="10"/>
    </row>
    <row r="354646" spans="14:14">
      <c r="N354646" s="10"/>
    </row>
    <row r="354647" spans="14:14">
      <c r="N354647" s="10"/>
    </row>
    <row r="354648" spans="14:14">
      <c r="N354648" s="10"/>
    </row>
    <row r="354649" spans="14:14">
      <c r="N354649" s="10"/>
    </row>
    <row r="354650" spans="14:14">
      <c r="N354650" s="10"/>
    </row>
    <row r="354651" spans="14:14">
      <c r="N354651" s="10"/>
    </row>
    <row r="354652" spans="14:14">
      <c r="N354652" s="10"/>
    </row>
    <row r="354653" spans="14:14">
      <c r="N354653" s="10"/>
    </row>
    <row r="354654" spans="14:14">
      <c r="N354654" s="10"/>
    </row>
    <row r="354655" spans="14:14">
      <c r="N354655" s="10"/>
    </row>
    <row r="354656" spans="14:14">
      <c r="N354656" s="10"/>
    </row>
    <row r="354657" spans="14:14">
      <c r="N354657" s="10"/>
    </row>
    <row r="354658" spans="14:14">
      <c r="N354658" s="10"/>
    </row>
    <row r="354659" spans="14:14">
      <c r="N354659" s="10"/>
    </row>
    <row r="354660" spans="14:14">
      <c r="N354660" s="10"/>
    </row>
    <row r="354661" spans="14:14">
      <c r="N354661" s="10"/>
    </row>
    <row r="354662" spans="14:14">
      <c r="N354662" s="10"/>
    </row>
    <row r="354663" spans="14:14">
      <c r="N354663" s="10"/>
    </row>
    <row r="354664" spans="14:14">
      <c r="N354664" s="10"/>
    </row>
    <row r="354665" spans="14:14">
      <c r="N354665" s="10"/>
    </row>
    <row r="354666" spans="14:14">
      <c r="N354666" s="10"/>
    </row>
    <row r="354667" spans="14:14">
      <c r="N354667" s="10"/>
    </row>
    <row r="354668" spans="14:14">
      <c r="N354668" s="10"/>
    </row>
    <row r="354669" spans="14:14">
      <c r="N354669" s="10"/>
    </row>
    <row r="354670" spans="14:14">
      <c r="N354670" s="10"/>
    </row>
    <row r="354671" spans="14:14">
      <c r="N354671" s="10"/>
    </row>
    <row r="354672" spans="14:14">
      <c r="N354672" s="10"/>
    </row>
    <row r="354673" spans="14:14">
      <c r="N354673" s="10"/>
    </row>
    <row r="354674" spans="14:14">
      <c r="N354674" s="10"/>
    </row>
    <row r="354675" spans="14:14">
      <c r="N354675" s="10"/>
    </row>
    <row r="354676" spans="14:14">
      <c r="N354676" s="10"/>
    </row>
    <row r="354677" spans="14:14">
      <c r="N354677" s="10"/>
    </row>
    <row r="354678" spans="14:14">
      <c r="N354678" s="10"/>
    </row>
    <row r="354679" spans="14:14">
      <c r="N354679" s="10"/>
    </row>
    <row r="354680" spans="14:14">
      <c r="N354680" s="10"/>
    </row>
    <row r="354681" spans="14:14">
      <c r="N354681" s="10"/>
    </row>
    <row r="354682" spans="14:14">
      <c r="N354682" s="10"/>
    </row>
    <row r="354683" spans="14:14">
      <c r="N354683" s="10"/>
    </row>
    <row r="354684" spans="14:14">
      <c r="N354684" s="10"/>
    </row>
    <row r="354685" spans="14:14">
      <c r="N354685" s="10"/>
    </row>
    <row r="354686" spans="14:14">
      <c r="N354686" s="10"/>
    </row>
    <row r="354687" spans="14:14">
      <c r="N354687" s="10"/>
    </row>
    <row r="354688" spans="14:14">
      <c r="N354688" s="10"/>
    </row>
    <row r="354689" spans="14:14">
      <c r="N354689" s="10"/>
    </row>
    <row r="354690" spans="14:14">
      <c r="N354690" s="10"/>
    </row>
    <row r="354691" spans="14:14">
      <c r="N354691" s="10"/>
    </row>
    <row r="354692" spans="14:14">
      <c r="N354692" s="10"/>
    </row>
    <row r="354693" spans="14:14">
      <c r="N354693" s="10"/>
    </row>
    <row r="354694" spans="14:14">
      <c r="N354694" s="10"/>
    </row>
    <row r="354695" spans="14:14">
      <c r="N354695" s="10"/>
    </row>
    <row r="354696" spans="14:14">
      <c r="N354696" s="10"/>
    </row>
    <row r="354697" spans="14:14">
      <c r="N354697" s="10"/>
    </row>
    <row r="354698" spans="14:14">
      <c r="N354698" s="10"/>
    </row>
    <row r="354699" spans="14:14">
      <c r="N354699" s="10"/>
    </row>
    <row r="354700" spans="14:14">
      <c r="N354700" s="10"/>
    </row>
    <row r="354701" spans="14:14">
      <c r="N354701" s="10"/>
    </row>
    <row r="354702" spans="14:14">
      <c r="N354702" s="10"/>
    </row>
    <row r="354703" spans="14:14">
      <c r="N354703" s="10"/>
    </row>
    <row r="354704" spans="14:14">
      <c r="N354704" s="10"/>
    </row>
    <row r="354705" spans="14:14">
      <c r="N354705" s="10"/>
    </row>
    <row r="354706" spans="14:14">
      <c r="N354706" s="10"/>
    </row>
    <row r="354707" spans="14:14">
      <c r="N354707" s="10"/>
    </row>
    <row r="354708" spans="14:14">
      <c r="N354708" s="10"/>
    </row>
    <row r="354709" spans="14:14">
      <c r="N354709" s="10"/>
    </row>
    <row r="354710" spans="14:14">
      <c r="N354710" s="10"/>
    </row>
    <row r="354711" spans="14:14">
      <c r="N354711" s="10"/>
    </row>
    <row r="354712" spans="14:14">
      <c r="N354712" s="10"/>
    </row>
    <row r="354713" spans="14:14">
      <c r="N354713" s="10"/>
    </row>
    <row r="354714" spans="14:14">
      <c r="N354714" s="10"/>
    </row>
    <row r="354715" spans="14:14">
      <c r="N354715" s="10"/>
    </row>
    <row r="354716" spans="14:14">
      <c r="N354716" s="10"/>
    </row>
    <row r="354717" spans="14:14">
      <c r="N354717" s="10"/>
    </row>
    <row r="354718" spans="14:14">
      <c r="N354718" s="10"/>
    </row>
    <row r="354719" spans="14:14">
      <c r="N354719" s="10"/>
    </row>
    <row r="354720" spans="14:14">
      <c r="N354720" s="10"/>
    </row>
    <row r="354721" spans="14:14">
      <c r="N354721" s="10"/>
    </row>
    <row r="354722" spans="14:14">
      <c r="N354722" s="10"/>
    </row>
    <row r="354723" spans="14:14">
      <c r="N354723" s="10"/>
    </row>
    <row r="354724" spans="14:14">
      <c r="N354724" s="10"/>
    </row>
    <row r="354725" spans="14:14">
      <c r="N354725" s="10"/>
    </row>
    <row r="354726" spans="14:14">
      <c r="N354726" s="10"/>
    </row>
    <row r="354727" spans="14:14">
      <c r="N354727" s="10"/>
    </row>
    <row r="354728" spans="14:14">
      <c r="N354728" s="10"/>
    </row>
    <row r="354729" spans="14:14">
      <c r="N354729" s="10"/>
    </row>
    <row r="354730" spans="14:14">
      <c r="N354730" s="10"/>
    </row>
    <row r="354731" spans="14:14">
      <c r="N354731" s="10"/>
    </row>
    <row r="354732" spans="14:14">
      <c r="N354732" s="10"/>
    </row>
    <row r="354733" spans="14:14">
      <c r="N354733" s="10"/>
    </row>
    <row r="354734" spans="14:14">
      <c r="N354734" s="10"/>
    </row>
    <row r="354735" spans="14:14">
      <c r="N354735" s="10"/>
    </row>
    <row r="354736" spans="14:14">
      <c r="N354736" s="10"/>
    </row>
    <row r="354737" spans="14:14">
      <c r="N354737" s="10"/>
    </row>
    <row r="354738" spans="14:14">
      <c r="N354738" s="10"/>
    </row>
    <row r="354739" spans="14:14">
      <c r="N354739" s="10"/>
    </row>
    <row r="354740" spans="14:14">
      <c r="N354740" s="10"/>
    </row>
    <row r="354741" spans="14:14">
      <c r="N354741" s="10"/>
    </row>
    <row r="354742" spans="14:14">
      <c r="N354742" s="10"/>
    </row>
    <row r="354743" spans="14:14">
      <c r="N354743" s="10"/>
    </row>
    <row r="354744" spans="14:14">
      <c r="N354744" s="10"/>
    </row>
    <row r="354745" spans="14:14">
      <c r="N354745" s="10"/>
    </row>
    <row r="354746" spans="14:14">
      <c r="N354746" s="10"/>
    </row>
    <row r="354747" spans="14:14">
      <c r="N354747" s="10"/>
    </row>
    <row r="354748" spans="14:14">
      <c r="N354748" s="10"/>
    </row>
    <row r="354749" spans="14:14">
      <c r="N354749" s="10"/>
    </row>
    <row r="354750" spans="14:14">
      <c r="N354750" s="10"/>
    </row>
    <row r="354751" spans="14:14">
      <c r="N354751" s="10"/>
    </row>
    <row r="354752" spans="14:14">
      <c r="N354752" s="10"/>
    </row>
    <row r="354753" spans="14:14">
      <c r="N354753" s="10"/>
    </row>
    <row r="354754" spans="14:14">
      <c r="N354754" s="10"/>
    </row>
    <row r="354755" spans="14:14">
      <c r="N354755" s="10"/>
    </row>
    <row r="354756" spans="14:14">
      <c r="N354756" s="10"/>
    </row>
    <row r="354757" spans="14:14">
      <c r="N354757" s="10"/>
    </row>
    <row r="354758" spans="14:14">
      <c r="N354758" s="10"/>
    </row>
    <row r="354759" spans="14:14">
      <c r="N354759" s="10"/>
    </row>
    <row r="354760" spans="14:14">
      <c r="N354760" s="10"/>
    </row>
    <row r="354761" spans="14:14">
      <c r="N354761" s="10"/>
    </row>
    <row r="354762" spans="14:14">
      <c r="N354762" s="10"/>
    </row>
    <row r="354763" spans="14:14">
      <c r="N354763" s="10"/>
    </row>
    <row r="354764" spans="14:14">
      <c r="N354764" s="10"/>
    </row>
    <row r="354765" spans="14:14">
      <c r="N354765" s="10"/>
    </row>
    <row r="354766" spans="14:14">
      <c r="N354766" s="10"/>
    </row>
    <row r="354767" spans="14:14">
      <c r="N354767" s="10"/>
    </row>
    <row r="354768" spans="14:14">
      <c r="N354768" s="10"/>
    </row>
    <row r="354769" spans="14:14">
      <c r="N354769" s="10"/>
    </row>
    <row r="354770" spans="14:14">
      <c r="N354770" s="10"/>
    </row>
    <row r="354771" spans="14:14">
      <c r="N354771" s="10"/>
    </row>
    <row r="354772" spans="14:14">
      <c r="N354772" s="10"/>
    </row>
    <row r="354773" spans="14:14">
      <c r="N354773" s="10"/>
    </row>
    <row r="354774" spans="14:14">
      <c r="N354774" s="10"/>
    </row>
    <row r="354775" spans="14:14">
      <c r="N354775" s="10"/>
    </row>
    <row r="354776" spans="14:14">
      <c r="N354776" s="10"/>
    </row>
    <row r="354777" spans="14:14">
      <c r="N354777" s="10"/>
    </row>
    <row r="354778" spans="14:14">
      <c r="N354778" s="10"/>
    </row>
    <row r="354779" spans="14:14">
      <c r="N354779" s="10"/>
    </row>
    <row r="354780" spans="14:14">
      <c r="N354780" s="10"/>
    </row>
    <row r="354781" spans="14:14">
      <c r="N354781" s="10"/>
    </row>
    <row r="354782" spans="14:14">
      <c r="N354782" s="10"/>
    </row>
    <row r="354783" spans="14:14">
      <c r="N354783" s="10"/>
    </row>
    <row r="354784" spans="14:14">
      <c r="N354784" s="10"/>
    </row>
    <row r="354785" spans="14:14">
      <c r="N354785" s="10"/>
    </row>
    <row r="354786" spans="14:14">
      <c r="N354786" s="10"/>
    </row>
    <row r="354787" spans="14:14">
      <c r="N354787" s="10"/>
    </row>
    <row r="354788" spans="14:14">
      <c r="N354788" s="10"/>
    </row>
    <row r="354789" spans="14:14">
      <c r="N354789" s="10"/>
    </row>
    <row r="354790" spans="14:14">
      <c r="N354790" s="10"/>
    </row>
    <row r="354791" spans="14:14">
      <c r="N354791" s="10"/>
    </row>
    <row r="354792" spans="14:14">
      <c r="N354792" s="10"/>
    </row>
    <row r="354793" spans="14:14">
      <c r="N354793" s="10"/>
    </row>
    <row r="354794" spans="14:14">
      <c r="N354794" s="10"/>
    </row>
    <row r="354795" spans="14:14">
      <c r="N354795" s="10"/>
    </row>
    <row r="354796" spans="14:14">
      <c r="N354796" s="10"/>
    </row>
    <row r="354797" spans="14:14">
      <c r="N354797" s="10"/>
    </row>
    <row r="354798" spans="14:14">
      <c r="N354798" s="10"/>
    </row>
    <row r="354799" spans="14:14">
      <c r="N354799" s="10"/>
    </row>
    <row r="354800" spans="14:14">
      <c r="N354800" s="10"/>
    </row>
    <row r="354801" spans="14:14">
      <c r="N354801" s="10"/>
    </row>
    <row r="354802" spans="14:14">
      <c r="N354802" s="10"/>
    </row>
    <row r="354803" spans="14:14">
      <c r="N354803" s="10"/>
    </row>
    <row r="354804" spans="14:14">
      <c r="N354804" s="10"/>
    </row>
    <row r="354805" spans="14:14">
      <c r="N354805" s="10"/>
    </row>
    <row r="354806" spans="14:14">
      <c r="N354806" s="10"/>
    </row>
    <row r="354807" spans="14:14">
      <c r="N354807" s="10"/>
    </row>
    <row r="354808" spans="14:14">
      <c r="N354808" s="10"/>
    </row>
    <row r="354809" spans="14:14">
      <c r="N354809" s="10"/>
    </row>
    <row r="354810" spans="14:14">
      <c r="N354810" s="10"/>
    </row>
    <row r="354811" spans="14:14">
      <c r="N354811" s="10"/>
    </row>
    <row r="354812" spans="14:14">
      <c r="N354812" s="10"/>
    </row>
    <row r="354813" spans="14:14">
      <c r="N354813" s="10"/>
    </row>
    <row r="354814" spans="14:14">
      <c r="N354814" s="10"/>
    </row>
    <row r="354815" spans="14:14">
      <c r="N354815" s="10"/>
    </row>
    <row r="354816" spans="14:14">
      <c r="N354816" s="10"/>
    </row>
    <row r="354817" spans="14:14">
      <c r="N354817" s="10"/>
    </row>
    <row r="354818" spans="14:14">
      <c r="N354818" s="10"/>
    </row>
    <row r="354819" spans="14:14">
      <c r="N354819" s="10"/>
    </row>
    <row r="354820" spans="14:14">
      <c r="N354820" s="10"/>
    </row>
    <row r="354821" spans="14:14">
      <c r="N354821" s="10"/>
    </row>
    <row r="354822" spans="14:14">
      <c r="N354822" s="10"/>
    </row>
    <row r="354823" spans="14:14">
      <c r="N354823" s="10"/>
    </row>
    <row r="354824" spans="14:14">
      <c r="N354824" s="10"/>
    </row>
    <row r="354825" spans="14:14">
      <c r="N354825" s="10"/>
    </row>
    <row r="354826" spans="14:14">
      <c r="N354826" s="10"/>
    </row>
    <row r="354827" spans="14:14">
      <c r="N354827" s="10"/>
    </row>
    <row r="354828" spans="14:14">
      <c r="N354828" s="10"/>
    </row>
    <row r="354829" spans="14:14">
      <c r="N354829" s="10"/>
    </row>
    <row r="354830" spans="14:14">
      <c r="N354830" s="10"/>
    </row>
    <row r="354831" spans="14:14">
      <c r="N354831" s="10"/>
    </row>
    <row r="354832" spans="14:14">
      <c r="N354832" s="10"/>
    </row>
    <row r="354833" spans="14:14">
      <c r="N354833" s="10"/>
    </row>
    <row r="354834" spans="14:14">
      <c r="N354834" s="10"/>
    </row>
    <row r="354835" spans="14:14">
      <c r="N354835" s="10"/>
    </row>
    <row r="354836" spans="14:14">
      <c r="N354836" s="10"/>
    </row>
    <row r="354837" spans="14:14">
      <c r="N354837" s="10"/>
    </row>
    <row r="354838" spans="14:14">
      <c r="N354838" s="10"/>
    </row>
    <row r="354839" spans="14:14">
      <c r="N354839" s="10"/>
    </row>
    <row r="354840" spans="14:14">
      <c r="N354840" s="10"/>
    </row>
    <row r="354841" spans="14:14">
      <c r="N354841" s="10"/>
    </row>
    <row r="354842" spans="14:14">
      <c r="N354842" s="10"/>
    </row>
    <row r="354843" spans="14:14">
      <c r="N354843" s="10"/>
    </row>
    <row r="354844" spans="14:14">
      <c r="N354844" s="10"/>
    </row>
    <row r="354845" spans="14:14">
      <c r="N354845" s="10"/>
    </row>
    <row r="354846" spans="14:14">
      <c r="N354846" s="10"/>
    </row>
    <row r="354847" spans="14:14">
      <c r="N354847" s="10"/>
    </row>
    <row r="354848" spans="14:14">
      <c r="N354848" s="10"/>
    </row>
    <row r="354849" spans="14:14">
      <c r="N354849" s="10"/>
    </row>
    <row r="354850" spans="14:14">
      <c r="N354850" s="10"/>
    </row>
    <row r="354851" spans="14:14">
      <c r="N354851" s="10"/>
    </row>
    <row r="354852" spans="14:14">
      <c r="N354852" s="10"/>
    </row>
    <row r="354853" spans="14:14">
      <c r="N354853" s="10"/>
    </row>
    <row r="354854" spans="14:14">
      <c r="N354854" s="10"/>
    </row>
    <row r="354855" spans="14:14">
      <c r="N354855" s="10"/>
    </row>
    <row r="354856" spans="14:14">
      <c r="N354856" s="10"/>
    </row>
    <row r="354857" spans="14:14">
      <c r="N354857" s="10"/>
    </row>
    <row r="354858" spans="14:14">
      <c r="N354858" s="10"/>
    </row>
    <row r="354859" spans="14:14">
      <c r="N354859" s="10"/>
    </row>
    <row r="354860" spans="14:14">
      <c r="N354860" s="10"/>
    </row>
    <row r="354861" spans="14:14">
      <c r="N354861" s="10"/>
    </row>
    <row r="354862" spans="14:14">
      <c r="N354862" s="10"/>
    </row>
    <row r="354863" spans="14:14">
      <c r="N354863" s="10"/>
    </row>
    <row r="354864" spans="14:14">
      <c r="N354864" s="10"/>
    </row>
    <row r="354865" spans="14:14">
      <c r="N354865" s="10"/>
    </row>
    <row r="354866" spans="14:14">
      <c r="N354866" s="10"/>
    </row>
    <row r="354867" spans="14:14">
      <c r="N354867" s="10"/>
    </row>
    <row r="354868" spans="14:14">
      <c r="N354868" s="10"/>
    </row>
    <row r="354869" spans="14:14">
      <c r="N354869" s="10"/>
    </row>
    <row r="354870" spans="14:14">
      <c r="N354870" s="10"/>
    </row>
    <row r="354871" spans="14:14">
      <c r="N354871" s="10"/>
    </row>
    <row r="354872" spans="14:14">
      <c r="N354872" s="10"/>
    </row>
    <row r="354873" spans="14:14">
      <c r="N354873" s="10"/>
    </row>
    <row r="354874" spans="14:14">
      <c r="N354874" s="10"/>
    </row>
    <row r="354875" spans="14:14">
      <c r="N354875" s="10"/>
    </row>
    <row r="354876" spans="14:14">
      <c r="N354876" s="10"/>
    </row>
    <row r="354877" spans="14:14">
      <c r="N354877" s="10"/>
    </row>
    <row r="354878" spans="14:14">
      <c r="N354878" s="10"/>
    </row>
    <row r="354879" spans="14:14">
      <c r="N354879" s="10"/>
    </row>
    <row r="354880" spans="14:14">
      <c r="N354880" s="10"/>
    </row>
    <row r="354881" spans="14:14">
      <c r="N354881" s="10"/>
    </row>
    <row r="354882" spans="14:14">
      <c r="N354882" s="10"/>
    </row>
    <row r="354883" spans="14:14">
      <c r="N354883" s="10"/>
    </row>
    <row r="354884" spans="14:14">
      <c r="N354884" s="10"/>
    </row>
    <row r="354885" spans="14:14">
      <c r="N354885" s="10"/>
    </row>
    <row r="354886" spans="14:14">
      <c r="N354886" s="10"/>
    </row>
    <row r="354887" spans="14:14">
      <c r="N354887" s="10"/>
    </row>
    <row r="354888" spans="14:14">
      <c r="N354888" s="10"/>
    </row>
    <row r="354889" spans="14:14">
      <c r="N354889" s="10"/>
    </row>
    <row r="354890" spans="14:14">
      <c r="N354890" s="10"/>
    </row>
    <row r="354891" spans="14:14">
      <c r="N354891" s="10"/>
    </row>
    <row r="354892" spans="14:14">
      <c r="N354892" s="10"/>
    </row>
    <row r="354893" spans="14:14">
      <c r="N354893" s="10"/>
    </row>
    <row r="354894" spans="14:14">
      <c r="N354894" s="10"/>
    </row>
    <row r="354895" spans="14:14">
      <c r="N354895" s="10"/>
    </row>
    <row r="354896" spans="14:14">
      <c r="N354896" s="10"/>
    </row>
    <row r="354897" spans="14:14">
      <c r="N354897" s="10"/>
    </row>
    <row r="354898" spans="14:14">
      <c r="N354898" s="10"/>
    </row>
    <row r="354899" spans="14:14">
      <c r="N354899" s="10"/>
    </row>
    <row r="354900" spans="14:14">
      <c r="N354900" s="10"/>
    </row>
    <row r="354901" spans="14:14">
      <c r="N354901" s="10"/>
    </row>
    <row r="354902" spans="14:14">
      <c r="N354902" s="10"/>
    </row>
    <row r="354903" spans="14:14">
      <c r="N354903" s="10"/>
    </row>
    <row r="354904" spans="14:14">
      <c r="N354904" s="10"/>
    </row>
    <row r="354905" spans="14:14">
      <c r="N354905" s="10"/>
    </row>
    <row r="354906" spans="14:14">
      <c r="N354906" s="10"/>
    </row>
    <row r="354907" spans="14:14">
      <c r="N354907" s="10"/>
    </row>
    <row r="354908" spans="14:14">
      <c r="N354908" s="10"/>
    </row>
    <row r="354909" spans="14:14">
      <c r="N354909" s="10"/>
    </row>
    <row r="354910" spans="14:14">
      <c r="N354910" s="10"/>
    </row>
    <row r="354911" spans="14:14">
      <c r="N354911" s="10"/>
    </row>
    <row r="354912" spans="14:14">
      <c r="N354912" s="10"/>
    </row>
    <row r="354913" spans="14:14">
      <c r="N354913" s="10"/>
    </row>
    <row r="354914" spans="14:14">
      <c r="N354914" s="10"/>
    </row>
    <row r="354915" spans="14:14">
      <c r="N354915" s="10"/>
    </row>
    <row r="354916" spans="14:14">
      <c r="N354916" s="10"/>
    </row>
    <row r="354917" spans="14:14">
      <c r="N354917" s="10"/>
    </row>
    <row r="354918" spans="14:14">
      <c r="N354918" s="10"/>
    </row>
    <row r="354919" spans="14:14">
      <c r="N354919" s="10"/>
    </row>
    <row r="354920" spans="14:14">
      <c r="N354920" s="10"/>
    </row>
    <row r="354921" spans="14:14">
      <c r="N354921" s="10"/>
    </row>
    <row r="354922" spans="14:14">
      <c r="N354922" s="10"/>
    </row>
    <row r="354923" spans="14:14">
      <c r="N354923" s="10"/>
    </row>
    <row r="354924" spans="14:14">
      <c r="N354924" s="10"/>
    </row>
    <row r="354925" spans="14:14">
      <c r="N354925" s="10"/>
    </row>
    <row r="354926" spans="14:14">
      <c r="N354926" s="10"/>
    </row>
    <row r="354927" spans="14:14">
      <c r="N354927" s="10"/>
    </row>
    <row r="354928" spans="14:14">
      <c r="N354928" s="10"/>
    </row>
    <row r="354929" spans="14:14">
      <c r="N354929" s="10"/>
    </row>
    <row r="354930" spans="14:14">
      <c r="N354930" s="10"/>
    </row>
    <row r="354931" spans="14:14">
      <c r="N354931" s="10"/>
    </row>
    <row r="354932" spans="14:14">
      <c r="N354932" s="10"/>
    </row>
    <row r="354933" spans="14:14">
      <c r="N354933" s="10"/>
    </row>
    <row r="354934" spans="14:14">
      <c r="N354934" s="10"/>
    </row>
    <row r="354935" spans="14:14">
      <c r="N354935" s="10"/>
    </row>
    <row r="354936" spans="14:14">
      <c r="N354936" s="10"/>
    </row>
    <row r="354937" spans="14:14">
      <c r="N354937" s="10"/>
    </row>
    <row r="354938" spans="14:14">
      <c r="N354938" s="10"/>
    </row>
    <row r="354939" spans="14:14">
      <c r="N354939" s="10"/>
    </row>
    <row r="354940" spans="14:14">
      <c r="N354940" s="10"/>
    </row>
    <row r="354941" spans="14:14">
      <c r="N354941" s="10"/>
    </row>
    <row r="354942" spans="14:14">
      <c r="N354942" s="10"/>
    </row>
    <row r="354943" spans="14:14">
      <c r="N354943" s="10"/>
    </row>
    <row r="354944" spans="14:14">
      <c r="N354944" s="10"/>
    </row>
    <row r="354945" spans="14:14">
      <c r="N354945" s="10"/>
    </row>
    <row r="354946" spans="14:14">
      <c r="N354946" s="10"/>
    </row>
    <row r="354947" spans="14:14">
      <c r="N354947" s="10"/>
    </row>
    <row r="354948" spans="14:14">
      <c r="N354948" s="10"/>
    </row>
    <row r="354949" spans="14:14">
      <c r="N354949" s="10"/>
    </row>
    <row r="354950" spans="14:14">
      <c r="N354950" s="10"/>
    </row>
    <row r="354951" spans="14:14">
      <c r="N354951" s="10"/>
    </row>
    <row r="354952" spans="14:14">
      <c r="N354952" s="10"/>
    </row>
    <row r="354953" spans="14:14">
      <c r="N354953" s="10"/>
    </row>
    <row r="354954" spans="14:14">
      <c r="N354954" s="10"/>
    </row>
    <row r="354955" spans="14:14">
      <c r="N354955" s="10"/>
    </row>
    <row r="354956" spans="14:14">
      <c r="N354956" s="10"/>
    </row>
    <row r="354957" spans="14:14">
      <c r="N354957" s="10"/>
    </row>
    <row r="354958" spans="14:14">
      <c r="N354958" s="10"/>
    </row>
    <row r="354959" spans="14:14">
      <c r="N354959" s="10"/>
    </row>
    <row r="354960" spans="14:14">
      <c r="N354960" s="10"/>
    </row>
    <row r="354961" spans="14:14">
      <c r="N354961" s="10"/>
    </row>
    <row r="354962" spans="14:14">
      <c r="N354962" s="10"/>
    </row>
    <row r="354963" spans="14:14">
      <c r="N354963" s="10"/>
    </row>
    <row r="354964" spans="14:14">
      <c r="N354964" s="10"/>
    </row>
    <row r="354965" spans="14:14">
      <c r="N354965" s="10"/>
    </row>
    <row r="354966" spans="14:14">
      <c r="N354966" s="10"/>
    </row>
    <row r="354967" spans="14:14">
      <c r="N354967" s="10"/>
    </row>
    <row r="354968" spans="14:14">
      <c r="N354968" s="10"/>
    </row>
    <row r="354969" spans="14:14">
      <c r="N354969" s="10"/>
    </row>
    <row r="354970" spans="14:14">
      <c r="N354970" s="10"/>
    </row>
    <row r="354971" spans="14:14">
      <c r="N354971" s="10"/>
    </row>
    <row r="354972" spans="14:14">
      <c r="N354972" s="10"/>
    </row>
    <row r="354973" spans="14:14">
      <c r="N354973" s="10"/>
    </row>
    <row r="354974" spans="14:14">
      <c r="N354974" s="10"/>
    </row>
    <row r="354975" spans="14:14">
      <c r="N354975" s="10"/>
    </row>
    <row r="354976" spans="14:14">
      <c r="N354976" s="10"/>
    </row>
    <row r="354977" spans="14:14">
      <c r="N354977" s="10"/>
    </row>
    <row r="354978" spans="14:14">
      <c r="N354978" s="10"/>
    </row>
    <row r="354979" spans="14:14">
      <c r="N354979" s="10"/>
    </row>
    <row r="354980" spans="14:14">
      <c r="N354980" s="10"/>
    </row>
    <row r="354981" spans="14:14">
      <c r="N354981" s="10"/>
    </row>
    <row r="354982" spans="14:14">
      <c r="N354982" s="10"/>
    </row>
    <row r="354983" spans="14:14">
      <c r="N354983" s="10"/>
    </row>
    <row r="354984" spans="14:14">
      <c r="N354984" s="10"/>
    </row>
    <row r="354985" spans="14:14">
      <c r="N354985" s="10"/>
    </row>
    <row r="354986" spans="14:14">
      <c r="N354986" s="10"/>
    </row>
    <row r="354987" spans="14:14">
      <c r="N354987" s="10"/>
    </row>
    <row r="354988" spans="14:14">
      <c r="N354988" s="10"/>
    </row>
    <row r="354989" spans="14:14">
      <c r="N354989" s="10"/>
    </row>
    <row r="354990" spans="14:14">
      <c r="N354990" s="10"/>
    </row>
    <row r="354991" spans="14:14">
      <c r="N354991" s="10"/>
    </row>
    <row r="354992" spans="14:14">
      <c r="N354992" s="10"/>
    </row>
    <row r="354993" spans="14:14">
      <c r="N354993" s="10"/>
    </row>
    <row r="354994" spans="14:14">
      <c r="N354994" s="10"/>
    </row>
    <row r="354995" spans="14:14">
      <c r="N354995" s="10"/>
    </row>
    <row r="354996" spans="14:14">
      <c r="N354996" s="10"/>
    </row>
    <row r="354997" spans="14:14">
      <c r="N354997" s="10"/>
    </row>
    <row r="354998" spans="14:14">
      <c r="N354998" s="10"/>
    </row>
    <row r="354999" spans="14:14">
      <c r="N354999" s="10"/>
    </row>
    <row r="355000" spans="14:14">
      <c r="N355000" s="10"/>
    </row>
    <row r="355001" spans="14:14">
      <c r="N355001" s="10"/>
    </row>
    <row r="355002" spans="14:14">
      <c r="N355002" s="10"/>
    </row>
    <row r="355003" spans="14:14">
      <c r="N355003" s="10"/>
    </row>
    <row r="355004" spans="14:14">
      <c r="N355004" s="10"/>
    </row>
    <row r="355005" spans="14:14">
      <c r="N355005" s="10"/>
    </row>
    <row r="355006" spans="14:14">
      <c r="N355006" s="10"/>
    </row>
    <row r="355007" spans="14:14">
      <c r="N355007" s="10"/>
    </row>
    <row r="355008" spans="14:14">
      <c r="N355008" s="10"/>
    </row>
    <row r="355009" spans="14:14">
      <c r="N355009" s="10"/>
    </row>
    <row r="355010" spans="14:14">
      <c r="N355010" s="10"/>
    </row>
    <row r="355011" spans="14:14">
      <c r="N355011" s="10"/>
    </row>
    <row r="355012" spans="14:14">
      <c r="N355012" s="10"/>
    </row>
    <row r="355013" spans="14:14">
      <c r="N355013" s="10"/>
    </row>
    <row r="355014" spans="14:14">
      <c r="N355014" s="10"/>
    </row>
    <row r="355015" spans="14:14">
      <c r="N355015" s="10"/>
    </row>
    <row r="355016" spans="14:14">
      <c r="N355016" s="10"/>
    </row>
    <row r="355017" spans="14:14">
      <c r="N355017" s="10"/>
    </row>
    <row r="355018" spans="14:14">
      <c r="N355018" s="10"/>
    </row>
    <row r="355019" spans="14:14">
      <c r="N355019" s="10"/>
    </row>
    <row r="355020" spans="14:14">
      <c r="N355020" s="10"/>
    </row>
    <row r="355021" spans="14:14">
      <c r="N355021" s="10"/>
    </row>
    <row r="355022" spans="14:14">
      <c r="N355022" s="10"/>
    </row>
    <row r="355023" spans="14:14">
      <c r="N355023" s="10"/>
    </row>
    <row r="355024" spans="14:14">
      <c r="N355024" s="10"/>
    </row>
    <row r="355025" spans="14:14">
      <c r="N355025" s="10"/>
    </row>
    <row r="355026" spans="14:14">
      <c r="N355026" s="10"/>
    </row>
    <row r="355027" spans="14:14">
      <c r="N355027" s="10"/>
    </row>
    <row r="355028" spans="14:14">
      <c r="N355028" s="10"/>
    </row>
    <row r="355029" spans="14:14">
      <c r="N355029" s="10"/>
    </row>
    <row r="355030" spans="14:14">
      <c r="N355030" s="10"/>
    </row>
    <row r="355031" spans="14:14">
      <c r="N355031" s="10"/>
    </row>
    <row r="355032" spans="14:14">
      <c r="N355032" s="10"/>
    </row>
    <row r="355033" spans="14:14">
      <c r="N355033" s="10"/>
    </row>
    <row r="355034" spans="14:14">
      <c r="N355034" s="10"/>
    </row>
    <row r="355035" spans="14:14">
      <c r="N355035" s="10"/>
    </row>
    <row r="355036" spans="14:14">
      <c r="N355036" s="10"/>
    </row>
    <row r="355037" spans="14:14">
      <c r="N355037" s="10"/>
    </row>
    <row r="355038" spans="14:14">
      <c r="N355038" s="10"/>
    </row>
    <row r="355039" spans="14:14">
      <c r="N355039" s="10"/>
    </row>
    <row r="355040" spans="14:14">
      <c r="N355040" s="10"/>
    </row>
    <row r="355041" spans="14:14">
      <c r="N355041" s="10"/>
    </row>
    <row r="355042" spans="14:14">
      <c r="N355042" s="10"/>
    </row>
    <row r="355043" spans="14:14">
      <c r="N355043" s="10"/>
    </row>
    <row r="355044" spans="14:14">
      <c r="N355044" s="10"/>
    </row>
    <row r="355045" spans="14:14">
      <c r="N355045" s="10"/>
    </row>
    <row r="355046" spans="14:14">
      <c r="N355046" s="10"/>
    </row>
    <row r="355047" spans="14:14">
      <c r="N355047" s="10"/>
    </row>
    <row r="355048" spans="14:14">
      <c r="N355048" s="10"/>
    </row>
    <row r="355049" spans="14:14">
      <c r="N355049" s="10"/>
    </row>
    <row r="355050" spans="14:14">
      <c r="N355050" s="10"/>
    </row>
    <row r="355051" spans="14:14">
      <c r="N355051" s="10"/>
    </row>
    <row r="355052" spans="14:14">
      <c r="N355052" s="10"/>
    </row>
    <row r="355053" spans="14:14">
      <c r="N355053" s="10"/>
    </row>
    <row r="355054" spans="14:14">
      <c r="N355054" s="10"/>
    </row>
    <row r="355055" spans="14:14">
      <c r="N355055" s="10"/>
    </row>
    <row r="355056" spans="14:14">
      <c r="N355056" s="10"/>
    </row>
    <row r="355057" spans="14:14">
      <c r="N355057" s="10"/>
    </row>
    <row r="355058" spans="14:14">
      <c r="N355058" s="10"/>
    </row>
    <row r="355059" spans="14:14">
      <c r="N355059" s="10"/>
    </row>
    <row r="355060" spans="14:14">
      <c r="N355060" s="10"/>
    </row>
    <row r="355061" spans="14:14">
      <c r="N355061" s="10"/>
    </row>
    <row r="355062" spans="14:14">
      <c r="N355062" s="10"/>
    </row>
    <row r="355063" spans="14:14">
      <c r="N355063" s="10"/>
    </row>
    <row r="355064" spans="14:14">
      <c r="N355064" s="10"/>
    </row>
    <row r="355065" spans="14:14">
      <c r="N355065" s="10"/>
    </row>
    <row r="355066" spans="14:14">
      <c r="N355066" s="10"/>
    </row>
    <row r="355067" spans="14:14">
      <c r="N355067" s="10"/>
    </row>
    <row r="355068" spans="14:14">
      <c r="N355068" s="10"/>
    </row>
    <row r="355069" spans="14:14">
      <c r="N355069" s="10"/>
    </row>
    <row r="355070" spans="14:14">
      <c r="N355070" s="10"/>
    </row>
    <row r="355071" spans="14:14">
      <c r="N355071" s="10"/>
    </row>
    <row r="355072" spans="14:14">
      <c r="N355072" s="10"/>
    </row>
    <row r="355073" spans="14:14">
      <c r="N355073" s="10"/>
    </row>
    <row r="355074" spans="14:14">
      <c r="N355074" s="10"/>
    </row>
    <row r="355075" spans="14:14">
      <c r="N355075" s="10"/>
    </row>
    <row r="355076" spans="14:14">
      <c r="N355076" s="10"/>
    </row>
    <row r="355077" spans="14:14">
      <c r="N355077" s="10"/>
    </row>
    <row r="355078" spans="14:14">
      <c r="N355078" s="10"/>
    </row>
    <row r="355079" spans="14:14">
      <c r="N355079" s="10"/>
    </row>
    <row r="355080" spans="14:14">
      <c r="N355080" s="10"/>
    </row>
    <row r="355081" spans="14:14">
      <c r="N355081" s="10"/>
    </row>
    <row r="355082" spans="14:14">
      <c r="N355082" s="10"/>
    </row>
    <row r="355083" spans="14:14">
      <c r="N355083" s="10"/>
    </row>
    <row r="355084" spans="14:14">
      <c r="N355084" s="10"/>
    </row>
    <row r="355085" spans="14:14">
      <c r="N355085" s="10"/>
    </row>
    <row r="355086" spans="14:14">
      <c r="N355086" s="10"/>
    </row>
    <row r="355087" spans="14:14">
      <c r="N355087" s="10"/>
    </row>
    <row r="355088" spans="14:14">
      <c r="N355088" s="10"/>
    </row>
    <row r="355089" spans="14:14">
      <c r="N355089" s="10"/>
    </row>
    <row r="355090" spans="14:14">
      <c r="N355090" s="10"/>
    </row>
    <row r="355091" spans="14:14">
      <c r="N355091" s="10"/>
    </row>
    <row r="355092" spans="14:14">
      <c r="N355092" s="10"/>
    </row>
    <row r="355093" spans="14:14">
      <c r="N355093" s="10"/>
    </row>
    <row r="355094" spans="14:14">
      <c r="N355094" s="10"/>
    </row>
    <row r="355095" spans="14:14">
      <c r="N355095" s="10"/>
    </row>
    <row r="355096" spans="14:14">
      <c r="N355096" s="10"/>
    </row>
    <row r="355097" spans="14:14">
      <c r="N355097" s="10"/>
    </row>
    <row r="355098" spans="14:14">
      <c r="N355098" s="10"/>
    </row>
    <row r="355099" spans="14:14">
      <c r="N355099" s="10"/>
    </row>
    <row r="355100" spans="14:14">
      <c r="N355100" s="10"/>
    </row>
    <row r="355101" spans="14:14">
      <c r="N355101" s="10"/>
    </row>
    <row r="355102" spans="14:14">
      <c r="N355102" s="10"/>
    </row>
    <row r="355103" spans="14:14">
      <c r="N355103" s="10"/>
    </row>
    <row r="355104" spans="14:14">
      <c r="N355104" s="10"/>
    </row>
    <row r="355105" spans="14:14">
      <c r="N355105" s="10"/>
    </row>
    <row r="355106" spans="14:14">
      <c r="N355106" s="10"/>
    </row>
    <row r="355107" spans="14:14">
      <c r="N355107" s="10"/>
    </row>
    <row r="355108" spans="14:14">
      <c r="N355108" s="10"/>
    </row>
    <row r="355109" spans="14:14">
      <c r="N355109" s="10"/>
    </row>
    <row r="355110" spans="14:14">
      <c r="N355110" s="10"/>
    </row>
    <row r="355111" spans="14:14">
      <c r="N355111" s="10"/>
    </row>
    <row r="355112" spans="14:14">
      <c r="N355112" s="10"/>
    </row>
    <row r="355113" spans="14:14">
      <c r="N355113" s="10"/>
    </row>
    <row r="355114" spans="14:14">
      <c r="N355114" s="10"/>
    </row>
    <row r="355115" spans="14:14">
      <c r="N355115" s="10"/>
    </row>
    <row r="355116" spans="14:14">
      <c r="N355116" s="10"/>
    </row>
    <row r="355117" spans="14:14">
      <c r="N355117" s="10"/>
    </row>
    <row r="355118" spans="14:14">
      <c r="N355118" s="10"/>
    </row>
    <row r="355119" spans="14:14">
      <c r="N355119" s="10"/>
    </row>
    <row r="355120" spans="14:14">
      <c r="N355120" s="10"/>
    </row>
    <row r="355121" spans="14:14">
      <c r="N355121" s="10"/>
    </row>
    <row r="355122" spans="14:14">
      <c r="N355122" s="10"/>
    </row>
    <row r="355123" spans="14:14">
      <c r="N355123" s="10"/>
    </row>
    <row r="355124" spans="14:14">
      <c r="N355124" s="10"/>
    </row>
    <row r="355125" spans="14:14">
      <c r="N355125" s="10"/>
    </row>
    <row r="355126" spans="14:14">
      <c r="N355126" s="10"/>
    </row>
    <row r="355127" spans="14:14">
      <c r="N355127" s="10"/>
    </row>
    <row r="355128" spans="14:14">
      <c r="N355128" s="10"/>
    </row>
    <row r="355129" spans="14:14">
      <c r="N355129" s="10"/>
    </row>
    <row r="355130" spans="14:14">
      <c r="N355130" s="10"/>
    </row>
    <row r="355131" spans="14:14">
      <c r="N355131" s="10"/>
    </row>
    <row r="355132" spans="14:14">
      <c r="N355132" s="10"/>
    </row>
    <row r="355133" spans="14:14">
      <c r="N355133" s="10"/>
    </row>
    <row r="355134" spans="14:14">
      <c r="N355134" s="10"/>
    </row>
    <row r="355135" spans="14:14">
      <c r="N355135" s="10"/>
    </row>
    <row r="355136" spans="14:14">
      <c r="N355136" s="10"/>
    </row>
    <row r="355137" spans="14:14">
      <c r="N355137" s="10"/>
    </row>
    <row r="355138" spans="14:14">
      <c r="N355138" s="10"/>
    </row>
    <row r="355139" spans="14:14">
      <c r="N355139" s="10"/>
    </row>
    <row r="355140" spans="14:14">
      <c r="N355140" s="10"/>
    </row>
    <row r="355141" spans="14:14">
      <c r="N355141" s="10"/>
    </row>
    <row r="355142" spans="14:14">
      <c r="N355142" s="10"/>
    </row>
    <row r="355143" spans="14:14">
      <c r="N355143" s="10"/>
    </row>
    <row r="355144" spans="14:14">
      <c r="N355144" s="10"/>
    </row>
    <row r="355145" spans="14:14">
      <c r="N355145" s="10"/>
    </row>
    <row r="355146" spans="14:14">
      <c r="N355146" s="10"/>
    </row>
    <row r="355147" spans="14:14">
      <c r="N355147" s="10"/>
    </row>
    <row r="355148" spans="14:14">
      <c r="N355148" s="10"/>
    </row>
    <row r="355149" spans="14:14">
      <c r="N355149" s="10"/>
    </row>
    <row r="355150" spans="14:14">
      <c r="N355150" s="10"/>
    </row>
    <row r="355151" spans="14:14">
      <c r="N355151" s="10"/>
    </row>
    <row r="355152" spans="14:14">
      <c r="N355152" s="10"/>
    </row>
    <row r="355153" spans="14:14">
      <c r="N355153" s="10"/>
    </row>
    <row r="355154" spans="14:14">
      <c r="N355154" s="10"/>
    </row>
    <row r="355155" spans="14:14">
      <c r="N355155" s="10"/>
    </row>
    <row r="355156" spans="14:14">
      <c r="N355156" s="10"/>
    </row>
    <row r="355157" spans="14:14">
      <c r="N355157" s="10"/>
    </row>
    <row r="355158" spans="14:14">
      <c r="N355158" s="10"/>
    </row>
    <row r="355159" spans="14:14">
      <c r="N355159" s="10"/>
    </row>
    <row r="355160" spans="14:14">
      <c r="N355160" s="10"/>
    </row>
    <row r="355161" spans="14:14">
      <c r="N355161" s="10"/>
    </row>
    <row r="355162" spans="14:14">
      <c r="N355162" s="10"/>
    </row>
    <row r="355163" spans="14:14">
      <c r="N355163" s="10"/>
    </row>
    <row r="355164" spans="14:14">
      <c r="N355164" s="10"/>
    </row>
    <row r="355165" spans="14:14">
      <c r="N355165" s="10"/>
    </row>
    <row r="355166" spans="14:14">
      <c r="N355166" s="10"/>
    </row>
    <row r="355167" spans="14:14">
      <c r="N355167" s="10"/>
    </row>
    <row r="355168" spans="14:14">
      <c r="N355168" s="10"/>
    </row>
    <row r="355169" spans="14:14">
      <c r="N355169" s="10"/>
    </row>
    <row r="355170" spans="14:14">
      <c r="N355170" s="10"/>
    </row>
    <row r="355171" spans="14:14">
      <c r="N355171" s="10"/>
    </row>
    <row r="355172" spans="14:14">
      <c r="N355172" s="10"/>
    </row>
    <row r="355173" spans="14:14">
      <c r="N355173" s="10"/>
    </row>
    <row r="355174" spans="14:14">
      <c r="N355174" s="10"/>
    </row>
    <row r="355175" spans="14:14">
      <c r="N355175" s="10"/>
    </row>
    <row r="355176" spans="14:14">
      <c r="N355176" s="10"/>
    </row>
    <row r="355177" spans="14:14">
      <c r="N355177" s="10"/>
    </row>
    <row r="355178" spans="14:14">
      <c r="N355178" s="10"/>
    </row>
    <row r="355179" spans="14:14">
      <c r="N355179" s="10"/>
    </row>
    <row r="355180" spans="14:14">
      <c r="N355180" s="10"/>
    </row>
    <row r="355181" spans="14:14">
      <c r="N355181" s="10"/>
    </row>
    <row r="355182" spans="14:14">
      <c r="N355182" s="10"/>
    </row>
    <row r="355183" spans="14:14">
      <c r="N355183" s="10"/>
    </row>
    <row r="355184" spans="14:14">
      <c r="N355184" s="10"/>
    </row>
    <row r="355185" spans="14:14">
      <c r="N355185" s="10"/>
    </row>
    <row r="355186" spans="14:14">
      <c r="N355186" s="10"/>
    </row>
    <row r="355187" spans="14:14">
      <c r="N355187" s="10"/>
    </row>
    <row r="355188" spans="14:14">
      <c r="N355188" s="10"/>
    </row>
    <row r="355189" spans="14:14">
      <c r="N355189" s="10"/>
    </row>
    <row r="355190" spans="14:14">
      <c r="N355190" s="10"/>
    </row>
    <row r="355191" spans="14:14">
      <c r="N355191" s="10"/>
    </row>
    <row r="355192" spans="14:14">
      <c r="N355192" s="10"/>
    </row>
    <row r="355193" spans="14:14">
      <c r="N355193" s="10"/>
    </row>
    <row r="355194" spans="14:14">
      <c r="N355194" s="10"/>
    </row>
    <row r="355195" spans="14:14">
      <c r="N355195" s="10"/>
    </row>
    <row r="355196" spans="14:14">
      <c r="N355196" s="10"/>
    </row>
    <row r="355197" spans="14:14">
      <c r="N355197" s="10"/>
    </row>
    <row r="355198" spans="14:14">
      <c r="N355198" s="10"/>
    </row>
    <row r="355199" spans="14:14">
      <c r="N355199" s="10"/>
    </row>
    <row r="355200" spans="14:14">
      <c r="N355200" s="10"/>
    </row>
    <row r="355201" spans="14:14">
      <c r="N355201" s="10"/>
    </row>
    <row r="355202" spans="14:14">
      <c r="N355202" s="10"/>
    </row>
    <row r="355203" spans="14:14">
      <c r="N355203" s="10"/>
    </row>
    <row r="355204" spans="14:14">
      <c r="N355204" s="10"/>
    </row>
    <row r="355205" spans="14:14">
      <c r="N355205" s="10"/>
    </row>
    <row r="355206" spans="14:14">
      <c r="N355206" s="10"/>
    </row>
    <row r="355207" spans="14:14">
      <c r="N355207" s="10"/>
    </row>
    <row r="355208" spans="14:14">
      <c r="N355208" s="10"/>
    </row>
    <row r="355209" spans="14:14">
      <c r="N355209" s="10"/>
    </row>
    <row r="355210" spans="14:14">
      <c r="N355210" s="10"/>
    </row>
    <row r="355211" spans="14:14">
      <c r="N355211" s="10"/>
    </row>
    <row r="355212" spans="14:14">
      <c r="N355212" s="10"/>
    </row>
    <row r="355213" spans="14:14">
      <c r="N355213" s="10"/>
    </row>
    <row r="355214" spans="14:14">
      <c r="N355214" s="10"/>
    </row>
    <row r="355215" spans="14:14">
      <c r="N355215" s="10"/>
    </row>
    <row r="355216" spans="14:14">
      <c r="N355216" s="10"/>
    </row>
    <row r="355217" spans="14:14">
      <c r="N355217" s="10"/>
    </row>
    <row r="355218" spans="14:14">
      <c r="N355218" s="10"/>
    </row>
    <row r="355219" spans="14:14">
      <c r="N355219" s="10"/>
    </row>
    <row r="355220" spans="14:14">
      <c r="N355220" s="10"/>
    </row>
    <row r="355221" spans="14:14">
      <c r="N355221" s="10"/>
    </row>
    <row r="355222" spans="14:14">
      <c r="N355222" s="10"/>
    </row>
    <row r="355223" spans="14:14">
      <c r="N355223" s="10"/>
    </row>
    <row r="355224" spans="14:14">
      <c r="N355224" s="10"/>
    </row>
    <row r="355225" spans="14:14">
      <c r="N355225" s="10"/>
    </row>
    <row r="355226" spans="14:14">
      <c r="N355226" s="10"/>
    </row>
    <row r="355227" spans="14:14">
      <c r="N355227" s="10"/>
    </row>
    <row r="355228" spans="14:14">
      <c r="N355228" s="10"/>
    </row>
    <row r="355229" spans="14:14">
      <c r="N355229" s="10"/>
    </row>
    <row r="355230" spans="14:14">
      <c r="N355230" s="10"/>
    </row>
    <row r="355231" spans="14:14">
      <c r="N355231" s="10"/>
    </row>
    <row r="355232" spans="14:14">
      <c r="N355232" s="10"/>
    </row>
    <row r="355233" spans="14:14">
      <c r="N355233" s="10"/>
    </row>
    <row r="355234" spans="14:14">
      <c r="N355234" s="10"/>
    </row>
    <row r="355235" spans="14:14">
      <c r="N355235" s="10"/>
    </row>
    <row r="355236" spans="14:14">
      <c r="N355236" s="10"/>
    </row>
    <row r="355237" spans="14:14">
      <c r="N355237" s="10"/>
    </row>
    <row r="355238" spans="14:14">
      <c r="N355238" s="10"/>
    </row>
    <row r="355239" spans="14:14">
      <c r="N355239" s="10"/>
    </row>
    <row r="355240" spans="14:14">
      <c r="N355240" s="10"/>
    </row>
    <row r="355241" spans="14:14">
      <c r="N355241" s="10"/>
    </row>
    <row r="355242" spans="14:14">
      <c r="N355242" s="10"/>
    </row>
    <row r="355243" spans="14:14">
      <c r="N355243" s="10"/>
    </row>
    <row r="355244" spans="14:14">
      <c r="N355244" s="10"/>
    </row>
    <row r="355245" spans="14:14">
      <c r="N355245" s="10"/>
    </row>
    <row r="355246" spans="14:14">
      <c r="N355246" s="10"/>
    </row>
    <row r="355247" spans="14:14">
      <c r="N355247" s="10"/>
    </row>
    <row r="355248" spans="14:14">
      <c r="N355248" s="10"/>
    </row>
    <row r="355249" spans="14:14">
      <c r="N355249" s="10"/>
    </row>
    <row r="355250" spans="14:14">
      <c r="N355250" s="10"/>
    </row>
    <row r="355251" spans="14:14">
      <c r="N355251" s="10"/>
    </row>
    <row r="355252" spans="14:14">
      <c r="N355252" s="10"/>
    </row>
    <row r="355253" spans="14:14">
      <c r="N355253" s="10"/>
    </row>
    <row r="355254" spans="14:14">
      <c r="N355254" s="10"/>
    </row>
    <row r="355255" spans="14:14">
      <c r="N355255" s="10"/>
    </row>
    <row r="355256" spans="14:14">
      <c r="N355256" s="10"/>
    </row>
    <row r="355257" spans="14:14">
      <c r="N355257" s="10"/>
    </row>
    <row r="355258" spans="14:14">
      <c r="N355258" s="10"/>
    </row>
    <row r="355259" spans="14:14">
      <c r="N355259" s="10"/>
    </row>
    <row r="355260" spans="14:14">
      <c r="N355260" s="10"/>
    </row>
    <row r="355261" spans="14:14">
      <c r="N355261" s="10"/>
    </row>
    <row r="355262" spans="14:14">
      <c r="N355262" s="10"/>
    </row>
    <row r="355263" spans="14:14">
      <c r="N355263" s="10"/>
    </row>
    <row r="355264" spans="14:14">
      <c r="N355264" s="10"/>
    </row>
    <row r="355265" spans="14:14">
      <c r="N355265" s="10"/>
    </row>
    <row r="355266" spans="14:14">
      <c r="N355266" s="10"/>
    </row>
    <row r="355267" spans="14:14">
      <c r="N355267" s="10"/>
    </row>
    <row r="355268" spans="14:14">
      <c r="N355268" s="10"/>
    </row>
    <row r="355269" spans="14:14">
      <c r="N355269" s="10"/>
    </row>
    <row r="355270" spans="14:14">
      <c r="N355270" s="10"/>
    </row>
    <row r="355271" spans="14:14">
      <c r="N355271" s="10"/>
    </row>
    <row r="355272" spans="14:14">
      <c r="N355272" s="10"/>
    </row>
    <row r="355273" spans="14:14">
      <c r="N355273" s="10"/>
    </row>
    <row r="355274" spans="14:14">
      <c r="N355274" s="10"/>
    </row>
    <row r="355275" spans="14:14">
      <c r="N355275" s="10"/>
    </row>
    <row r="355276" spans="14:14">
      <c r="N355276" s="10"/>
    </row>
    <row r="355277" spans="14:14">
      <c r="N355277" s="10"/>
    </row>
    <row r="355278" spans="14:14">
      <c r="N355278" s="10"/>
    </row>
    <row r="355279" spans="14:14">
      <c r="N355279" s="10"/>
    </row>
    <row r="355280" spans="14:14">
      <c r="N355280" s="10"/>
    </row>
    <row r="355281" spans="14:14">
      <c r="N355281" s="10"/>
    </row>
    <row r="355282" spans="14:14">
      <c r="N355282" s="10"/>
    </row>
    <row r="355283" spans="14:14">
      <c r="N355283" s="10"/>
    </row>
    <row r="355284" spans="14:14">
      <c r="N355284" s="10"/>
    </row>
    <row r="355285" spans="14:14">
      <c r="N355285" s="10"/>
    </row>
    <row r="355286" spans="14:14">
      <c r="N355286" s="10"/>
    </row>
    <row r="355287" spans="14:14">
      <c r="N355287" s="10"/>
    </row>
    <row r="355288" spans="14:14">
      <c r="N355288" s="10"/>
    </row>
    <row r="355289" spans="14:14">
      <c r="N355289" s="10"/>
    </row>
    <row r="355290" spans="14:14">
      <c r="N355290" s="10"/>
    </row>
    <row r="355291" spans="14:14">
      <c r="N355291" s="10"/>
    </row>
    <row r="355292" spans="14:14">
      <c r="N355292" s="10"/>
    </row>
    <row r="355293" spans="14:14">
      <c r="N355293" s="10"/>
    </row>
    <row r="355294" spans="14:14">
      <c r="N355294" s="10"/>
    </row>
    <row r="355295" spans="14:14">
      <c r="N355295" s="10"/>
    </row>
    <row r="355296" spans="14:14">
      <c r="N355296" s="10"/>
    </row>
    <row r="355297" spans="14:14">
      <c r="N355297" s="10"/>
    </row>
    <row r="355298" spans="14:14">
      <c r="N355298" s="10"/>
    </row>
    <row r="355299" spans="14:14">
      <c r="N355299" s="10"/>
    </row>
    <row r="355300" spans="14:14">
      <c r="N355300" s="10"/>
    </row>
    <row r="355301" spans="14:14">
      <c r="N355301" s="10"/>
    </row>
    <row r="355302" spans="14:14">
      <c r="N355302" s="10"/>
    </row>
    <row r="355303" spans="14:14">
      <c r="N355303" s="10"/>
    </row>
    <row r="355304" spans="14:14">
      <c r="N355304" s="10"/>
    </row>
    <row r="355305" spans="14:14">
      <c r="N355305" s="10"/>
    </row>
    <row r="355306" spans="14:14">
      <c r="N355306" s="10"/>
    </row>
    <row r="355307" spans="14:14">
      <c r="N355307" s="10"/>
    </row>
    <row r="355308" spans="14:14">
      <c r="N355308" s="10"/>
    </row>
    <row r="355309" spans="14:14">
      <c r="N355309" s="10"/>
    </row>
    <row r="355310" spans="14:14">
      <c r="N355310" s="10"/>
    </row>
    <row r="355311" spans="14:14">
      <c r="N355311" s="10"/>
    </row>
    <row r="355312" spans="14:14">
      <c r="N355312" s="10"/>
    </row>
    <row r="355313" spans="14:14">
      <c r="N355313" s="10"/>
    </row>
    <row r="355314" spans="14:14">
      <c r="N355314" s="10"/>
    </row>
    <row r="355315" spans="14:14">
      <c r="N355315" s="10"/>
    </row>
    <row r="355316" spans="14:14">
      <c r="N355316" s="10"/>
    </row>
    <row r="355317" spans="14:14">
      <c r="N355317" s="10"/>
    </row>
    <row r="355318" spans="14:14">
      <c r="N355318" s="10"/>
    </row>
    <row r="355319" spans="14:14">
      <c r="N355319" s="10"/>
    </row>
    <row r="355320" spans="14:14">
      <c r="N355320" s="10"/>
    </row>
    <row r="355321" spans="14:14">
      <c r="N355321" s="10"/>
    </row>
    <row r="355322" spans="14:14">
      <c r="N355322" s="10"/>
    </row>
    <row r="355323" spans="14:14">
      <c r="N355323" s="10"/>
    </row>
    <row r="355324" spans="14:14">
      <c r="N355324" s="10"/>
    </row>
    <row r="355325" spans="14:14">
      <c r="N355325" s="10"/>
    </row>
    <row r="355326" spans="14:14">
      <c r="N355326" s="10"/>
    </row>
    <row r="355327" spans="14:14">
      <c r="N355327" s="10"/>
    </row>
    <row r="355328" spans="14:14">
      <c r="N355328" s="10"/>
    </row>
    <row r="355329" spans="14:14">
      <c r="N355329" s="10"/>
    </row>
    <row r="355330" spans="14:14">
      <c r="N355330" s="10"/>
    </row>
    <row r="355331" spans="14:14">
      <c r="N355331" s="10"/>
    </row>
    <row r="355332" spans="14:14">
      <c r="N355332" s="10"/>
    </row>
    <row r="355333" spans="14:14">
      <c r="N355333" s="10"/>
    </row>
    <row r="355334" spans="14:14">
      <c r="N355334" s="10"/>
    </row>
    <row r="355335" spans="14:14">
      <c r="N355335" s="10"/>
    </row>
    <row r="355336" spans="14:14">
      <c r="N355336" s="10"/>
    </row>
    <row r="355337" spans="14:14">
      <c r="N355337" s="10"/>
    </row>
    <row r="355338" spans="14:14">
      <c r="N355338" s="10"/>
    </row>
    <row r="355339" spans="14:14">
      <c r="N355339" s="10"/>
    </row>
    <row r="355340" spans="14:14">
      <c r="N355340" s="10"/>
    </row>
    <row r="355341" spans="14:14">
      <c r="N355341" s="10"/>
    </row>
    <row r="355342" spans="14:14">
      <c r="N355342" s="10"/>
    </row>
    <row r="355343" spans="14:14">
      <c r="N355343" s="10"/>
    </row>
    <row r="355344" spans="14:14">
      <c r="N355344" s="10"/>
    </row>
    <row r="355345" spans="14:14">
      <c r="N355345" s="10"/>
    </row>
    <row r="355346" spans="14:14">
      <c r="N355346" s="10"/>
    </row>
    <row r="355347" spans="14:14">
      <c r="N355347" s="10"/>
    </row>
    <row r="355348" spans="14:14">
      <c r="N355348" s="10"/>
    </row>
    <row r="355349" spans="14:14">
      <c r="N355349" s="10"/>
    </row>
    <row r="355350" spans="14:14">
      <c r="N355350" s="10"/>
    </row>
    <row r="355351" spans="14:14">
      <c r="N355351" s="10"/>
    </row>
    <row r="355352" spans="14:14">
      <c r="N355352" s="10"/>
    </row>
    <row r="355353" spans="14:14">
      <c r="N355353" s="10"/>
    </row>
    <row r="355354" spans="14:14">
      <c r="N355354" s="10"/>
    </row>
    <row r="355355" spans="14:14">
      <c r="N355355" s="10"/>
    </row>
    <row r="355356" spans="14:14">
      <c r="N355356" s="10"/>
    </row>
    <row r="355357" spans="14:14">
      <c r="N355357" s="10"/>
    </row>
    <row r="355358" spans="14:14">
      <c r="N355358" s="10"/>
    </row>
    <row r="355359" spans="14:14">
      <c r="N355359" s="10"/>
    </row>
    <row r="355360" spans="14:14">
      <c r="N355360" s="10"/>
    </row>
    <row r="355361" spans="14:14">
      <c r="N355361" s="10"/>
    </row>
    <row r="355362" spans="14:14">
      <c r="N355362" s="10"/>
    </row>
    <row r="355363" spans="14:14">
      <c r="N355363" s="10"/>
    </row>
    <row r="355364" spans="14:14">
      <c r="N355364" s="10"/>
    </row>
    <row r="355365" spans="14:14">
      <c r="N355365" s="10"/>
    </row>
    <row r="355366" spans="14:14">
      <c r="N355366" s="10"/>
    </row>
    <row r="355367" spans="14:14">
      <c r="N355367" s="10"/>
    </row>
    <row r="355368" spans="14:14">
      <c r="N355368" s="10"/>
    </row>
    <row r="355369" spans="14:14">
      <c r="N355369" s="10"/>
    </row>
    <row r="355370" spans="14:14">
      <c r="N355370" s="10"/>
    </row>
    <row r="355371" spans="14:14">
      <c r="N355371" s="10"/>
    </row>
    <row r="355372" spans="14:14">
      <c r="N355372" s="10"/>
    </row>
    <row r="355373" spans="14:14">
      <c r="N355373" s="10"/>
    </row>
    <row r="355374" spans="14:14">
      <c r="N355374" s="10"/>
    </row>
    <row r="355375" spans="14:14">
      <c r="N355375" s="10"/>
    </row>
    <row r="355376" spans="14:14">
      <c r="N355376" s="10"/>
    </row>
    <row r="355377" spans="14:14">
      <c r="N355377" s="10"/>
    </row>
    <row r="355378" spans="14:14">
      <c r="N355378" s="10"/>
    </row>
    <row r="355379" spans="14:14">
      <c r="N355379" s="10"/>
    </row>
    <row r="355380" spans="14:14">
      <c r="N355380" s="10"/>
    </row>
    <row r="355381" spans="14:14">
      <c r="N355381" s="10"/>
    </row>
    <row r="355382" spans="14:14">
      <c r="N355382" s="10"/>
    </row>
    <row r="355383" spans="14:14">
      <c r="N355383" s="10"/>
    </row>
    <row r="355384" spans="14:14">
      <c r="N355384" s="10"/>
    </row>
    <row r="355385" spans="14:14">
      <c r="N355385" s="10"/>
    </row>
    <row r="355386" spans="14:14">
      <c r="N355386" s="10"/>
    </row>
    <row r="355387" spans="14:14">
      <c r="N355387" s="10"/>
    </row>
    <row r="355388" spans="14:14">
      <c r="N355388" s="10"/>
    </row>
    <row r="355389" spans="14:14">
      <c r="N355389" s="10"/>
    </row>
    <row r="355390" spans="14:14">
      <c r="N355390" s="10"/>
    </row>
    <row r="355391" spans="14:14">
      <c r="N355391" s="10"/>
    </row>
    <row r="355392" spans="14:14">
      <c r="N355392" s="10"/>
    </row>
    <row r="355393" spans="14:14">
      <c r="N355393" s="10"/>
    </row>
    <row r="355394" spans="14:14">
      <c r="N355394" s="10"/>
    </row>
    <row r="355395" spans="14:14">
      <c r="N355395" s="10"/>
    </row>
    <row r="355396" spans="14:14">
      <c r="N355396" s="10"/>
    </row>
    <row r="355397" spans="14:14">
      <c r="N355397" s="10"/>
    </row>
    <row r="355398" spans="14:14">
      <c r="N355398" s="10"/>
    </row>
    <row r="355399" spans="14:14">
      <c r="N355399" s="10"/>
    </row>
    <row r="355400" spans="14:14">
      <c r="N355400" s="10"/>
    </row>
    <row r="355401" spans="14:14">
      <c r="N355401" s="10"/>
    </row>
    <row r="355402" spans="14:14">
      <c r="N355402" s="10"/>
    </row>
    <row r="355403" spans="14:14">
      <c r="N355403" s="10"/>
    </row>
    <row r="355404" spans="14:14">
      <c r="N355404" s="10"/>
    </row>
    <row r="355405" spans="14:14">
      <c r="N355405" s="10"/>
    </row>
    <row r="355406" spans="14:14">
      <c r="N355406" s="10"/>
    </row>
    <row r="355407" spans="14:14">
      <c r="N355407" s="10"/>
    </row>
    <row r="355408" spans="14:14">
      <c r="N355408" s="10"/>
    </row>
    <row r="355409" spans="14:14">
      <c r="N355409" s="10"/>
    </row>
    <row r="355410" spans="14:14">
      <c r="N355410" s="10"/>
    </row>
    <row r="355411" spans="14:14">
      <c r="N355411" s="10"/>
    </row>
    <row r="355412" spans="14:14">
      <c r="N355412" s="10"/>
    </row>
    <row r="355413" spans="14:14">
      <c r="N355413" s="10"/>
    </row>
    <row r="355414" spans="14:14">
      <c r="N355414" s="10"/>
    </row>
    <row r="355415" spans="14:14">
      <c r="N355415" s="10"/>
    </row>
    <row r="355416" spans="14:14">
      <c r="N355416" s="10"/>
    </row>
    <row r="355417" spans="14:14">
      <c r="N355417" s="10"/>
    </row>
    <row r="355418" spans="14:14">
      <c r="N355418" s="10"/>
    </row>
    <row r="355419" spans="14:14">
      <c r="N355419" s="10"/>
    </row>
    <row r="355420" spans="14:14">
      <c r="N355420" s="10"/>
    </row>
    <row r="355421" spans="14:14">
      <c r="N355421" s="10"/>
    </row>
    <row r="355422" spans="14:14">
      <c r="N355422" s="10"/>
    </row>
    <row r="355423" spans="14:14">
      <c r="N355423" s="10"/>
    </row>
    <row r="355424" spans="14:14">
      <c r="N355424" s="10"/>
    </row>
    <row r="355425" spans="14:14">
      <c r="N355425" s="10"/>
    </row>
    <row r="355426" spans="14:14">
      <c r="N355426" s="10"/>
    </row>
    <row r="355427" spans="14:14">
      <c r="N355427" s="10"/>
    </row>
    <row r="355428" spans="14:14">
      <c r="N355428" s="10"/>
    </row>
    <row r="355429" spans="14:14">
      <c r="N355429" s="10"/>
    </row>
    <row r="355430" spans="14:14">
      <c r="N355430" s="10"/>
    </row>
    <row r="355431" spans="14:14">
      <c r="N355431" s="10"/>
    </row>
    <row r="355432" spans="14:14">
      <c r="N355432" s="10"/>
    </row>
    <row r="355433" spans="14:14">
      <c r="N355433" s="10"/>
    </row>
    <row r="355434" spans="14:14">
      <c r="N355434" s="10"/>
    </row>
    <row r="355435" spans="14:14">
      <c r="N355435" s="10"/>
    </row>
    <row r="355436" spans="14:14">
      <c r="N355436" s="10"/>
    </row>
    <row r="355437" spans="14:14">
      <c r="N355437" s="10"/>
    </row>
    <row r="355438" spans="14:14">
      <c r="N355438" s="10"/>
    </row>
    <row r="355439" spans="14:14">
      <c r="N355439" s="10"/>
    </row>
    <row r="355440" spans="14:14">
      <c r="N355440" s="10"/>
    </row>
    <row r="355441" spans="14:14">
      <c r="N355441" s="10"/>
    </row>
    <row r="355442" spans="14:14">
      <c r="N355442" s="10"/>
    </row>
    <row r="355443" spans="14:14">
      <c r="N355443" s="10"/>
    </row>
    <row r="355444" spans="14:14">
      <c r="N355444" s="10"/>
    </row>
    <row r="355445" spans="14:14">
      <c r="N355445" s="10"/>
    </row>
    <row r="355446" spans="14:14">
      <c r="N355446" s="10"/>
    </row>
    <row r="355447" spans="14:14">
      <c r="N355447" s="10"/>
    </row>
    <row r="355448" spans="14:14">
      <c r="N355448" s="10"/>
    </row>
    <row r="355449" spans="14:14">
      <c r="N355449" s="10"/>
    </row>
    <row r="355450" spans="14:14">
      <c r="N355450" s="10"/>
    </row>
    <row r="355451" spans="14:14">
      <c r="N355451" s="10"/>
    </row>
    <row r="355452" spans="14:14">
      <c r="N355452" s="10"/>
    </row>
    <row r="355453" spans="14:14">
      <c r="N355453" s="10"/>
    </row>
    <row r="355454" spans="14:14">
      <c r="N355454" s="10"/>
    </row>
    <row r="355455" spans="14:14">
      <c r="N355455" s="10"/>
    </row>
    <row r="355456" spans="14:14">
      <c r="N355456" s="10"/>
    </row>
    <row r="355457" spans="14:14">
      <c r="N355457" s="10"/>
    </row>
    <row r="355458" spans="14:14">
      <c r="N355458" s="10"/>
    </row>
    <row r="355459" spans="14:14">
      <c r="N355459" s="10"/>
    </row>
    <row r="355460" spans="14:14">
      <c r="N355460" s="10"/>
    </row>
    <row r="355461" spans="14:14">
      <c r="N355461" s="10"/>
    </row>
    <row r="355462" spans="14:14">
      <c r="N355462" s="10"/>
    </row>
    <row r="355463" spans="14:14">
      <c r="N355463" s="10"/>
    </row>
    <row r="355464" spans="14:14">
      <c r="N355464" s="10"/>
    </row>
    <row r="355465" spans="14:14">
      <c r="N355465" s="10"/>
    </row>
    <row r="355466" spans="14:14">
      <c r="N355466" s="10"/>
    </row>
    <row r="355467" spans="14:14">
      <c r="N355467" s="10"/>
    </row>
    <row r="355468" spans="14:14">
      <c r="N355468" s="10"/>
    </row>
    <row r="355469" spans="14:14">
      <c r="N355469" s="10"/>
    </row>
    <row r="355470" spans="14:14">
      <c r="N355470" s="10"/>
    </row>
    <row r="355471" spans="14:14">
      <c r="N355471" s="10"/>
    </row>
    <row r="355472" spans="14:14">
      <c r="N355472" s="10"/>
    </row>
    <row r="355473" spans="14:14">
      <c r="N355473" s="10"/>
    </row>
    <row r="355474" spans="14:14">
      <c r="N355474" s="10"/>
    </row>
    <row r="355475" spans="14:14">
      <c r="N355475" s="10"/>
    </row>
    <row r="355476" spans="14:14">
      <c r="N355476" s="10"/>
    </row>
    <row r="355477" spans="14:14">
      <c r="N355477" s="10"/>
    </row>
    <row r="355478" spans="14:14">
      <c r="N355478" s="10"/>
    </row>
    <row r="355479" spans="14:14">
      <c r="N355479" s="10"/>
    </row>
    <row r="355480" spans="14:14">
      <c r="N355480" s="10"/>
    </row>
    <row r="355481" spans="14:14">
      <c r="N355481" s="10"/>
    </row>
    <row r="355482" spans="14:14">
      <c r="N355482" s="10"/>
    </row>
    <row r="355483" spans="14:14">
      <c r="N355483" s="10"/>
    </row>
    <row r="355484" spans="14:14">
      <c r="N355484" s="10"/>
    </row>
    <row r="355485" spans="14:14">
      <c r="N355485" s="10"/>
    </row>
    <row r="355486" spans="14:14">
      <c r="N355486" s="10"/>
    </row>
    <row r="355487" spans="14:14">
      <c r="N355487" s="10"/>
    </row>
    <row r="355488" spans="14:14">
      <c r="N355488" s="10"/>
    </row>
    <row r="355489" spans="14:14">
      <c r="N355489" s="10"/>
    </row>
    <row r="355490" spans="14:14">
      <c r="N355490" s="10"/>
    </row>
    <row r="355491" spans="14:14">
      <c r="N355491" s="10"/>
    </row>
    <row r="355492" spans="14:14">
      <c r="N355492" s="10"/>
    </row>
    <row r="355493" spans="14:14">
      <c r="N355493" s="10"/>
    </row>
    <row r="355494" spans="14:14">
      <c r="N355494" s="10"/>
    </row>
    <row r="355495" spans="14:14">
      <c r="N355495" s="10"/>
    </row>
    <row r="355496" spans="14:14">
      <c r="N355496" s="10"/>
    </row>
    <row r="355497" spans="14:14">
      <c r="N355497" s="10"/>
    </row>
    <row r="355498" spans="14:14">
      <c r="N355498" s="10"/>
    </row>
    <row r="355499" spans="14:14">
      <c r="N355499" s="10"/>
    </row>
    <row r="355500" spans="14:14">
      <c r="N355500" s="10"/>
    </row>
    <row r="355501" spans="14:14">
      <c r="N355501" s="10"/>
    </row>
    <row r="355502" spans="14:14">
      <c r="N355502" s="10"/>
    </row>
    <row r="355503" spans="14:14">
      <c r="N355503" s="10"/>
    </row>
    <row r="355504" spans="14:14">
      <c r="N355504" s="10"/>
    </row>
    <row r="355505" spans="14:14">
      <c r="N355505" s="10"/>
    </row>
    <row r="355506" spans="14:14">
      <c r="N355506" s="10"/>
    </row>
    <row r="355507" spans="14:14">
      <c r="N355507" s="10"/>
    </row>
    <row r="355508" spans="14:14">
      <c r="N355508" s="10"/>
    </row>
    <row r="355509" spans="14:14">
      <c r="N355509" s="10"/>
    </row>
    <row r="355510" spans="14:14">
      <c r="N355510" s="10"/>
    </row>
    <row r="355511" spans="14:14">
      <c r="N355511" s="10"/>
    </row>
    <row r="355512" spans="14:14">
      <c r="N355512" s="10"/>
    </row>
    <row r="355513" spans="14:14">
      <c r="N355513" s="10"/>
    </row>
    <row r="355514" spans="14:14">
      <c r="N355514" s="10"/>
    </row>
    <row r="355515" spans="14:14">
      <c r="N355515" s="10"/>
    </row>
    <row r="355516" spans="14:14">
      <c r="N355516" s="10"/>
    </row>
    <row r="355517" spans="14:14">
      <c r="N355517" s="10"/>
    </row>
    <row r="355518" spans="14:14">
      <c r="N355518" s="10"/>
    </row>
    <row r="355519" spans="14:14">
      <c r="N355519" s="10"/>
    </row>
    <row r="355520" spans="14:14">
      <c r="N355520" s="10"/>
    </row>
    <row r="355521" spans="14:14">
      <c r="N355521" s="10"/>
    </row>
    <row r="355522" spans="14:14">
      <c r="N355522" s="10"/>
    </row>
    <row r="355523" spans="14:14">
      <c r="N355523" s="10"/>
    </row>
    <row r="355524" spans="14:14">
      <c r="N355524" s="10"/>
    </row>
    <row r="355525" spans="14:14">
      <c r="N355525" s="10"/>
    </row>
    <row r="355526" spans="14:14">
      <c r="N355526" s="10"/>
    </row>
    <row r="355527" spans="14:14">
      <c r="N355527" s="10"/>
    </row>
    <row r="355528" spans="14:14">
      <c r="N355528" s="10"/>
    </row>
    <row r="355529" spans="14:14">
      <c r="N355529" s="10"/>
    </row>
    <row r="355530" spans="14:14">
      <c r="N355530" s="10"/>
    </row>
    <row r="355531" spans="14:14">
      <c r="N355531" s="10"/>
    </row>
    <row r="355532" spans="14:14">
      <c r="N355532" s="10"/>
    </row>
    <row r="355533" spans="14:14">
      <c r="N355533" s="10"/>
    </row>
    <row r="355534" spans="14:14">
      <c r="N355534" s="10"/>
    </row>
    <row r="355535" spans="14:14">
      <c r="N355535" s="10"/>
    </row>
    <row r="355536" spans="14:14">
      <c r="N355536" s="10"/>
    </row>
    <row r="355537" spans="14:14">
      <c r="N355537" s="10"/>
    </row>
    <row r="355538" spans="14:14">
      <c r="N355538" s="10"/>
    </row>
    <row r="355539" spans="14:14">
      <c r="N355539" s="10"/>
    </row>
    <row r="355540" spans="14:14">
      <c r="N355540" s="10"/>
    </row>
    <row r="355541" spans="14:14">
      <c r="N355541" s="10"/>
    </row>
    <row r="355542" spans="14:14">
      <c r="N355542" s="10"/>
    </row>
    <row r="355543" spans="14:14">
      <c r="N355543" s="10"/>
    </row>
    <row r="355544" spans="14:14">
      <c r="N355544" s="10"/>
    </row>
    <row r="355545" spans="14:14">
      <c r="N355545" s="10"/>
    </row>
    <row r="355546" spans="14:14">
      <c r="N355546" s="10"/>
    </row>
    <row r="355547" spans="14:14">
      <c r="N355547" s="10"/>
    </row>
    <row r="355548" spans="14:14">
      <c r="N355548" s="10"/>
    </row>
    <row r="355549" spans="14:14">
      <c r="N355549" s="10"/>
    </row>
    <row r="355550" spans="14:14">
      <c r="N355550" s="10"/>
    </row>
    <row r="355551" spans="14:14">
      <c r="N355551" s="10"/>
    </row>
    <row r="355552" spans="14:14">
      <c r="N355552" s="10"/>
    </row>
    <row r="355553" spans="14:14">
      <c r="N355553" s="10"/>
    </row>
    <row r="355554" spans="14:14">
      <c r="N355554" s="10"/>
    </row>
    <row r="355555" spans="14:14">
      <c r="N355555" s="10"/>
    </row>
    <row r="355556" spans="14:14">
      <c r="N355556" s="10"/>
    </row>
    <row r="355557" spans="14:14">
      <c r="N355557" s="10"/>
    </row>
    <row r="355558" spans="14:14">
      <c r="N355558" s="10"/>
    </row>
    <row r="355559" spans="14:14">
      <c r="N355559" s="10"/>
    </row>
    <row r="355560" spans="14:14">
      <c r="N355560" s="10"/>
    </row>
    <row r="355561" spans="14:14">
      <c r="N355561" s="10"/>
    </row>
    <row r="355562" spans="14:14">
      <c r="N355562" s="10"/>
    </row>
    <row r="355563" spans="14:14">
      <c r="N355563" s="10"/>
    </row>
    <row r="355564" spans="14:14">
      <c r="N355564" s="10"/>
    </row>
    <row r="355565" spans="14:14">
      <c r="N355565" s="10"/>
    </row>
    <row r="355566" spans="14:14">
      <c r="N355566" s="10"/>
    </row>
    <row r="355567" spans="14:14">
      <c r="N355567" s="10"/>
    </row>
    <row r="355568" spans="14:14">
      <c r="N355568" s="10"/>
    </row>
    <row r="355569" spans="14:14">
      <c r="N355569" s="10"/>
    </row>
    <row r="355570" spans="14:14">
      <c r="N355570" s="10"/>
    </row>
    <row r="355571" spans="14:14">
      <c r="N355571" s="10"/>
    </row>
    <row r="355572" spans="14:14">
      <c r="N355572" s="10"/>
    </row>
    <row r="355573" spans="14:14">
      <c r="N355573" s="10"/>
    </row>
    <row r="355574" spans="14:14">
      <c r="N355574" s="10"/>
    </row>
    <row r="355575" spans="14:14">
      <c r="N355575" s="10"/>
    </row>
    <row r="355576" spans="14:14">
      <c r="N355576" s="10"/>
    </row>
    <row r="355577" spans="14:14">
      <c r="N355577" s="10"/>
    </row>
    <row r="355578" spans="14:14">
      <c r="N355578" s="10"/>
    </row>
    <row r="355579" spans="14:14">
      <c r="N355579" s="10"/>
    </row>
    <row r="355580" spans="14:14">
      <c r="N355580" s="10"/>
    </row>
    <row r="355581" spans="14:14">
      <c r="N355581" s="10"/>
    </row>
    <row r="355582" spans="14:14">
      <c r="N355582" s="10"/>
    </row>
    <row r="355583" spans="14:14">
      <c r="N355583" s="10"/>
    </row>
    <row r="355584" spans="14:14">
      <c r="N355584" s="10"/>
    </row>
    <row r="355585" spans="14:14">
      <c r="N355585" s="10"/>
    </row>
    <row r="355586" spans="14:14">
      <c r="N355586" s="10"/>
    </row>
    <row r="355587" spans="14:14">
      <c r="N355587" s="10"/>
    </row>
    <row r="355588" spans="14:14">
      <c r="N355588" s="10"/>
    </row>
    <row r="355589" spans="14:14">
      <c r="N355589" s="10"/>
    </row>
    <row r="355590" spans="14:14">
      <c r="N355590" s="10"/>
    </row>
    <row r="355591" spans="14:14">
      <c r="N355591" s="10"/>
    </row>
    <row r="355592" spans="14:14">
      <c r="N355592" s="10"/>
    </row>
    <row r="355593" spans="14:14">
      <c r="N355593" s="10"/>
    </row>
    <row r="355594" spans="14:14">
      <c r="N355594" s="10"/>
    </row>
    <row r="355595" spans="14:14">
      <c r="N355595" s="10"/>
    </row>
    <row r="355596" spans="14:14">
      <c r="N355596" s="10"/>
    </row>
    <row r="355597" spans="14:14">
      <c r="N355597" s="10"/>
    </row>
    <row r="355598" spans="14:14">
      <c r="N355598" s="10"/>
    </row>
    <row r="355599" spans="14:14">
      <c r="N355599" s="10"/>
    </row>
    <row r="355600" spans="14:14">
      <c r="N355600" s="10"/>
    </row>
    <row r="355601" spans="14:14">
      <c r="N355601" s="10"/>
    </row>
    <row r="355602" spans="14:14">
      <c r="N355602" s="10"/>
    </row>
    <row r="355603" spans="14:14">
      <c r="N355603" s="10"/>
    </row>
    <row r="355604" spans="14:14">
      <c r="N355604" s="10"/>
    </row>
    <row r="355605" spans="14:14">
      <c r="N355605" s="10"/>
    </row>
    <row r="355606" spans="14:14">
      <c r="N355606" s="10"/>
    </row>
    <row r="355607" spans="14:14">
      <c r="N355607" s="10"/>
    </row>
    <row r="355608" spans="14:14">
      <c r="N355608" s="10"/>
    </row>
    <row r="355609" spans="14:14">
      <c r="N355609" s="10"/>
    </row>
    <row r="355610" spans="14:14">
      <c r="N355610" s="10"/>
    </row>
    <row r="355611" spans="14:14">
      <c r="N355611" s="10"/>
    </row>
    <row r="355612" spans="14:14">
      <c r="N355612" s="10"/>
    </row>
    <row r="355613" spans="14:14">
      <c r="N355613" s="10"/>
    </row>
    <row r="355614" spans="14:14">
      <c r="N355614" s="10"/>
    </row>
    <row r="355615" spans="14:14">
      <c r="N355615" s="10"/>
    </row>
    <row r="355616" spans="14:14">
      <c r="N355616" s="10"/>
    </row>
    <row r="355617" spans="14:14">
      <c r="N355617" s="10"/>
    </row>
    <row r="355618" spans="14:14">
      <c r="N355618" s="10"/>
    </row>
    <row r="355619" spans="14:14">
      <c r="N355619" s="10"/>
    </row>
    <row r="355620" spans="14:14">
      <c r="N355620" s="10"/>
    </row>
    <row r="355621" spans="14:14">
      <c r="N355621" s="10"/>
    </row>
    <row r="355622" spans="14:14">
      <c r="N355622" s="10"/>
    </row>
    <row r="355623" spans="14:14">
      <c r="N355623" s="10"/>
    </row>
    <row r="355624" spans="14:14">
      <c r="N355624" s="10"/>
    </row>
    <row r="355625" spans="14:14">
      <c r="N355625" s="10"/>
    </row>
    <row r="355626" spans="14:14">
      <c r="N355626" s="10"/>
    </row>
    <row r="355627" spans="14:14">
      <c r="N355627" s="10"/>
    </row>
    <row r="355628" spans="14:14">
      <c r="N355628" s="10"/>
    </row>
    <row r="355629" spans="14:14">
      <c r="N355629" s="10"/>
    </row>
    <row r="355630" spans="14:14">
      <c r="N355630" s="10"/>
    </row>
    <row r="355631" spans="14:14">
      <c r="N355631" s="10"/>
    </row>
    <row r="355632" spans="14:14">
      <c r="N355632" s="10"/>
    </row>
    <row r="355633" spans="14:14">
      <c r="N355633" s="10"/>
    </row>
    <row r="355634" spans="14:14">
      <c r="N355634" s="10"/>
    </row>
    <row r="355635" spans="14:14">
      <c r="N355635" s="10"/>
    </row>
    <row r="355636" spans="14:14">
      <c r="N355636" s="10"/>
    </row>
    <row r="355637" spans="14:14">
      <c r="N355637" s="10"/>
    </row>
    <row r="355638" spans="14:14">
      <c r="N355638" s="10"/>
    </row>
    <row r="355639" spans="14:14">
      <c r="N355639" s="10"/>
    </row>
    <row r="355640" spans="14:14">
      <c r="N355640" s="10"/>
    </row>
    <row r="355641" spans="14:14">
      <c r="N355641" s="10"/>
    </row>
    <row r="355642" spans="14:14">
      <c r="N355642" s="10"/>
    </row>
    <row r="355643" spans="14:14">
      <c r="N355643" s="10"/>
    </row>
    <row r="355644" spans="14:14">
      <c r="N355644" s="10"/>
    </row>
    <row r="355645" spans="14:14">
      <c r="N355645" s="10"/>
    </row>
    <row r="355646" spans="14:14">
      <c r="N355646" s="10"/>
    </row>
    <row r="355647" spans="14:14">
      <c r="N355647" s="10"/>
    </row>
    <row r="355648" spans="14:14">
      <c r="N355648" s="10"/>
    </row>
    <row r="355649" spans="14:14">
      <c r="N355649" s="10"/>
    </row>
    <row r="355650" spans="14:14">
      <c r="N355650" s="10"/>
    </row>
    <row r="355651" spans="14:14">
      <c r="N355651" s="10"/>
    </row>
    <row r="355652" spans="14:14">
      <c r="N355652" s="10"/>
    </row>
    <row r="355653" spans="14:14">
      <c r="N355653" s="10"/>
    </row>
    <row r="355654" spans="14:14">
      <c r="N355654" s="10"/>
    </row>
    <row r="355655" spans="14:14">
      <c r="N355655" s="10"/>
    </row>
    <row r="355656" spans="14:14">
      <c r="N355656" s="10"/>
    </row>
    <row r="355657" spans="14:14">
      <c r="N355657" s="10"/>
    </row>
    <row r="355658" spans="14:14">
      <c r="N355658" s="10"/>
    </row>
    <row r="355659" spans="14:14">
      <c r="N355659" s="10"/>
    </row>
    <row r="355660" spans="14:14">
      <c r="N355660" s="10"/>
    </row>
    <row r="355661" spans="14:14">
      <c r="N355661" s="10"/>
    </row>
    <row r="355662" spans="14:14">
      <c r="N355662" s="10"/>
    </row>
    <row r="355663" spans="14:14">
      <c r="N355663" s="10"/>
    </row>
    <row r="355664" spans="14:14">
      <c r="N355664" s="10"/>
    </row>
    <row r="355665" spans="14:14">
      <c r="N355665" s="10"/>
    </row>
    <row r="355666" spans="14:14">
      <c r="N355666" s="10"/>
    </row>
    <row r="355667" spans="14:14">
      <c r="N355667" s="10"/>
    </row>
    <row r="355668" spans="14:14">
      <c r="N355668" s="10"/>
    </row>
    <row r="355669" spans="14:14">
      <c r="N355669" s="10"/>
    </row>
    <row r="355670" spans="14:14">
      <c r="N355670" s="10"/>
    </row>
    <row r="355671" spans="14:14">
      <c r="N355671" s="10"/>
    </row>
    <row r="355672" spans="14:14">
      <c r="N355672" s="10"/>
    </row>
    <row r="355673" spans="14:14">
      <c r="N355673" s="10"/>
    </row>
    <row r="355674" spans="14:14">
      <c r="N355674" s="10"/>
    </row>
    <row r="355675" spans="14:14">
      <c r="N355675" s="10"/>
    </row>
    <row r="355676" spans="14:14">
      <c r="N355676" s="10"/>
    </row>
    <row r="355677" spans="14:14">
      <c r="N355677" s="10"/>
    </row>
    <row r="355678" spans="14:14">
      <c r="N355678" s="10"/>
    </row>
    <row r="355679" spans="14:14">
      <c r="N355679" s="10"/>
    </row>
    <row r="355680" spans="14:14">
      <c r="N355680" s="10"/>
    </row>
    <row r="355681" spans="14:14">
      <c r="N355681" s="10"/>
    </row>
    <row r="355682" spans="14:14">
      <c r="N355682" s="10"/>
    </row>
    <row r="355683" spans="14:14">
      <c r="N355683" s="10"/>
    </row>
    <row r="355684" spans="14:14">
      <c r="N355684" s="10"/>
    </row>
    <row r="355685" spans="14:14">
      <c r="N355685" s="10"/>
    </row>
    <row r="355686" spans="14:14">
      <c r="N355686" s="10"/>
    </row>
    <row r="355687" spans="14:14">
      <c r="N355687" s="10"/>
    </row>
    <row r="355688" spans="14:14">
      <c r="N355688" s="10"/>
    </row>
    <row r="355689" spans="14:14">
      <c r="N355689" s="10"/>
    </row>
    <row r="355690" spans="14:14">
      <c r="N355690" s="10"/>
    </row>
    <row r="355691" spans="14:14">
      <c r="N355691" s="10"/>
    </row>
    <row r="355692" spans="14:14">
      <c r="N355692" s="10"/>
    </row>
    <row r="355693" spans="14:14">
      <c r="N355693" s="10"/>
    </row>
    <row r="355694" spans="14:14">
      <c r="N355694" s="10"/>
    </row>
    <row r="355695" spans="14:14">
      <c r="N355695" s="10"/>
    </row>
    <row r="355696" spans="14:14">
      <c r="N355696" s="10"/>
    </row>
    <row r="355697" spans="14:14">
      <c r="N355697" s="10"/>
    </row>
    <row r="355698" spans="14:14">
      <c r="N355698" s="10"/>
    </row>
    <row r="355699" spans="14:14">
      <c r="N355699" s="10"/>
    </row>
    <row r="355700" spans="14:14">
      <c r="N355700" s="10"/>
    </row>
    <row r="355701" spans="14:14">
      <c r="N355701" s="10"/>
    </row>
    <row r="355702" spans="14:14">
      <c r="N355702" s="10"/>
    </row>
    <row r="355703" spans="14:14">
      <c r="N355703" s="10"/>
    </row>
    <row r="355704" spans="14:14">
      <c r="N355704" s="10"/>
    </row>
    <row r="355705" spans="14:14">
      <c r="N355705" s="10"/>
    </row>
    <row r="355706" spans="14:14">
      <c r="N355706" s="10"/>
    </row>
    <row r="355707" spans="14:14">
      <c r="N355707" s="10"/>
    </row>
    <row r="355708" spans="14:14">
      <c r="N355708" s="10"/>
    </row>
    <row r="355709" spans="14:14">
      <c r="N355709" s="10"/>
    </row>
    <row r="355710" spans="14:14">
      <c r="N355710" s="10"/>
    </row>
    <row r="355711" spans="14:14">
      <c r="N355711" s="10"/>
    </row>
    <row r="355712" spans="14:14">
      <c r="N355712" s="10"/>
    </row>
    <row r="355713" spans="14:14">
      <c r="N355713" s="10"/>
    </row>
    <row r="355714" spans="14:14">
      <c r="N355714" s="10"/>
    </row>
    <row r="355715" spans="14:14">
      <c r="N355715" s="10"/>
    </row>
    <row r="355716" spans="14:14">
      <c r="N355716" s="10"/>
    </row>
    <row r="355717" spans="14:14">
      <c r="N355717" s="10"/>
    </row>
    <row r="355718" spans="14:14">
      <c r="N355718" s="10"/>
    </row>
    <row r="355719" spans="14:14">
      <c r="N355719" s="10"/>
    </row>
    <row r="355720" spans="14:14">
      <c r="N355720" s="10"/>
    </row>
    <row r="355721" spans="14:14">
      <c r="N355721" s="10"/>
    </row>
    <row r="355722" spans="14:14">
      <c r="N355722" s="10"/>
    </row>
    <row r="355723" spans="14:14">
      <c r="N355723" s="10"/>
    </row>
    <row r="355724" spans="14:14">
      <c r="N355724" s="10"/>
    </row>
    <row r="355725" spans="14:14">
      <c r="N355725" s="10"/>
    </row>
    <row r="355726" spans="14:14">
      <c r="N355726" s="10"/>
    </row>
    <row r="355727" spans="14:14">
      <c r="N355727" s="10"/>
    </row>
    <row r="355728" spans="14:14">
      <c r="N355728" s="10"/>
    </row>
    <row r="355729" spans="14:14">
      <c r="N355729" s="10"/>
    </row>
    <row r="355730" spans="14:14">
      <c r="N355730" s="10"/>
    </row>
    <row r="355731" spans="14:14">
      <c r="N355731" s="10"/>
    </row>
    <row r="355732" spans="14:14">
      <c r="N355732" s="10"/>
    </row>
    <row r="355733" spans="14:14">
      <c r="N355733" s="10"/>
    </row>
    <row r="355734" spans="14:14">
      <c r="N355734" s="10"/>
    </row>
    <row r="355735" spans="14:14">
      <c r="N355735" s="10"/>
    </row>
    <row r="355736" spans="14:14">
      <c r="N355736" s="10"/>
    </row>
    <row r="355737" spans="14:14">
      <c r="N355737" s="10"/>
    </row>
    <row r="355738" spans="14:14">
      <c r="N355738" s="10"/>
    </row>
    <row r="355739" spans="14:14">
      <c r="N355739" s="10"/>
    </row>
    <row r="355740" spans="14:14">
      <c r="N355740" s="10"/>
    </row>
    <row r="355741" spans="14:14">
      <c r="N355741" s="10"/>
    </row>
    <row r="355742" spans="14:14">
      <c r="N355742" s="10"/>
    </row>
    <row r="355743" spans="14:14">
      <c r="N355743" s="10"/>
    </row>
    <row r="355744" spans="14:14">
      <c r="N355744" s="10"/>
    </row>
    <row r="355745" spans="14:14">
      <c r="N355745" s="10"/>
    </row>
    <row r="355746" spans="14:14">
      <c r="N355746" s="10"/>
    </row>
    <row r="355747" spans="14:14">
      <c r="N355747" s="10"/>
    </row>
    <row r="355748" spans="14:14">
      <c r="N355748" s="10"/>
    </row>
    <row r="355749" spans="14:14">
      <c r="N355749" s="10"/>
    </row>
    <row r="355750" spans="14:14">
      <c r="N355750" s="10"/>
    </row>
    <row r="355751" spans="14:14">
      <c r="N355751" s="10"/>
    </row>
    <row r="355752" spans="14:14">
      <c r="N355752" s="10"/>
    </row>
    <row r="355753" spans="14:14">
      <c r="N355753" s="10"/>
    </row>
    <row r="355754" spans="14:14">
      <c r="N355754" s="10"/>
    </row>
    <row r="355755" spans="14:14">
      <c r="N355755" s="10"/>
    </row>
    <row r="355756" spans="14:14">
      <c r="N355756" s="10"/>
    </row>
    <row r="355757" spans="14:14">
      <c r="N355757" s="10"/>
    </row>
    <row r="355758" spans="14:14">
      <c r="N355758" s="10"/>
    </row>
    <row r="355759" spans="14:14">
      <c r="N355759" s="10"/>
    </row>
    <row r="355760" spans="14:14">
      <c r="N355760" s="10"/>
    </row>
    <row r="355761" spans="14:14">
      <c r="N355761" s="10"/>
    </row>
    <row r="355762" spans="14:14">
      <c r="N355762" s="10"/>
    </row>
    <row r="355763" spans="14:14">
      <c r="N355763" s="10"/>
    </row>
    <row r="355764" spans="14:14">
      <c r="N355764" s="10"/>
    </row>
    <row r="355765" spans="14:14">
      <c r="N355765" s="10"/>
    </row>
    <row r="355766" spans="14:14">
      <c r="N355766" s="10"/>
    </row>
    <row r="355767" spans="14:14">
      <c r="N355767" s="10"/>
    </row>
    <row r="355768" spans="14:14">
      <c r="N355768" s="10"/>
    </row>
    <row r="355769" spans="14:14">
      <c r="N355769" s="10"/>
    </row>
    <row r="355770" spans="14:14">
      <c r="N355770" s="10"/>
    </row>
    <row r="355771" spans="14:14">
      <c r="N355771" s="10"/>
    </row>
    <row r="355772" spans="14:14">
      <c r="N355772" s="10"/>
    </row>
    <row r="355773" spans="14:14">
      <c r="N355773" s="10"/>
    </row>
    <row r="355774" spans="14:14">
      <c r="N355774" s="10"/>
    </row>
    <row r="355775" spans="14:14">
      <c r="N355775" s="10"/>
    </row>
    <row r="355776" spans="14:14">
      <c r="N355776" s="10"/>
    </row>
    <row r="355777" spans="14:14">
      <c r="N355777" s="10"/>
    </row>
    <row r="355778" spans="14:14">
      <c r="N355778" s="10"/>
    </row>
    <row r="355779" spans="14:14">
      <c r="N355779" s="10"/>
    </row>
    <row r="355780" spans="14:14">
      <c r="N355780" s="10"/>
    </row>
    <row r="355781" spans="14:14">
      <c r="N355781" s="10"/>
    </row>
    <row r="355782" spans="14:14">
      <c r="N355782" s="10"/>
    </row>
    <row r="355783" spans="14:14">
      <c r="N355783" s="10"/>
    </row>
    <row r="355784" spans="14:14">
      <c r="N355784" s="10"/>
    </row>
    <row r="355785" spans="14:14">
      <c r="N355785" s="10"/>
    </row>
    <row r="355786" spans="14:14">
      <c r="N355786" s="10"/>
    </row>
    <row r="355787" spans="14:14">
      <c r="N355787" s="10"/>
    </row>
    <row r="355788" spans="14:14">
      <c r="N355788" s="10"/>
    </row>
    <row r="355789" spans="14:14">
      <c r="N355789" s="10"/>
    </row>
    <row r="355790" spans="14:14">
      <c r="N355790" s="10"/>
    </row>
    <row r="355791" spans="14:14">
      <c r="N355791" s="10"/>
    </row>
    <row r="355792" spans="14:14">
      <c r="N355792" s="10"/>
    </row>
    <row r="355793" spans="14:14">
      <c r="N355793" s="10"/>
    </row>
    <row r="355794" spans="14:14">
      <c r="N355794" s="10"/>
    </row>
    <row r="355795" spans="14:14">
      <c r="N355795" s="10"/>
    </row>
    <row r="355796" spans="14:14">
      <c r="N355796" s="10"/>
    </row>
    <row r="355797" spans="14:14">
      <c r="N355797" s="10"/>
    </row>
    <row r="355798" spans="14:14">
      <c r="N355798" s="10"/>
    </row>
    <row r="355799" spans="14:14">
      <c r="N355799" s="10"/>
    </row>
    <row r="355800" spans="14:14">
      <c r="N355800" s="10"/>
    </row>
    <row r="355801" spans="14:14">
      <c r="N355801" s="10"/>
    </row>
    <row r="355802" spans="14:14">
      <c r="N355802" s="10"/>
    </row>
    <row r="355803" spans="14:14">
      <c r="N355803" s="10"/>
    </row>
    <row r="355804" spans="14:14">
      <c r="N355804" s="10"/>
    </row>
    <row r="355805" spans="14:14">
      <c r="N355805" s="10"/>
    </row>
    <row r="355806" spans="14:14">
      <c r="N355806" s="10"/>
    </row>
    <row r="355807" spans="14:14">
      <c r="N355807" s="10"/>
    </row>
    <row r="355808" spans="14:14">
      <c r="N355808" s="10"/>
    </row>
    <row r="355809" spans="14:14">
      <c r="N355809" s="10"/>
    </row>
    <row r="355810" spans="14:14">
      <c r="N355810" s="10"/>
    </row>
    <row r="355811" spans="14:14">
      <c r="N355811" s="10"/>
    </row>
    <row r="355812" spans="14:14">
      <c r="N355812" s="10"/>
    </row>
    <row r="355813" spans="14:14">
      <c r="N355813" s="10"/>
    </row>
    <row r="355814" spans="14:14">
      <c r="N355814" s="10"/>
    </row>
    <row r="355815" spans="14:14">
      <c r="N355815" s="10"/>
    </row>
    <row r="355816" spans="14:14">
      <c r="N355816" s="10"/>
    </row>
    <row r="355817" spans="14:14">
      <c r="N355817" s="10"/>
    </row>
    <row r="355818" spans="14:14">
      <c r="N355818" s="10"/>
    </row>
    <row r="355819" spans="14:14">
      <c r="N355819" s="10"/>
    </row>
    <row r="355820" spans="14:14">
      <c r="N355820" s="10"/>
    </row>
    <row r="355821" spans="14:14">
      <c r="N355821" s="10"/>
    </row>
    <row r="355822" spans="14:14">
      <c r="N355822" s="10"/>
    </row>
    <row r="355823" spans="14:14">
      <c r="N355823" s="10"/>
    </row>
    <row r="355824" spans="14:14">
      <c r="N355824" s="10"/>
    </row>
    <row r="355825" spans="14:14">
      <c r="N355825" s="10"/>
    </row>
    <row r="355826" spans="14:14">
      <c r="N355826" s="10"/>
    </row>
    <row r="355827" spans="14:14">
      <c r="N355827" s="10"/>
    </row>
    <row r="355828" spans="14:14">
      <c r="N355828" s="10"/>
    </row>
    <row r="355829" spans="14:14">
      <c r="N355829" s="10"/>
    </row>
    <row r="355830" spans="14:14">
      <c r="N355830" s="10"/>
    </row>
    <row r="355831" spans="14:14">
      <c r="N355831" s="10"/>
    </row>
    <row r="355832" spans="14:14">
      <c r="N355832" s="10"/>
    </row>
    <row r="355833" spans="14:14">
      <c r="N355833" s="10"/>
    </row>
    <row r="355834" spans="14:14">
      <c r="N355834" s="10"/>
    </row>
    <row r="355835" spans="14:14">
      <c r="N355835" s="10"/>
    </row>
    <row r="355836" spans="14:14">
      <c r="N355836" s="10"/>
    </row>
    <row r="355837" spans="14:14">
      <c r="N355837" s="10"/>
    </row>
    <row r="355838" spans="14:14">
      <c r="N355838" s="10"/>
    </row>
    <row r="355839" spans="14:14">
      <c r="N355839" s="10"/>
    </row>
    <row r="355840" spans="14:14">
      <c r="N355840" s="10"/>
    </row>
    <row r="355841" spans="14:14">
      <c r="N355841" s="10"/>
    </row>
    <row r="355842" spans="14:14">
      <c r="N355842" s="10"/>
    </row>
    <row r="355843" spans="14:14">
      <c r="N355843" s="10"/>
    </row>
    <row r="355844" spans="14:14">
      <c r="N355844" s="10"/>
    </row>
    <row r="355845" spans="14:14">
      <c r="N355845" s="10"/>
    </row>
    <row r="355846" spans="14:14">
      <c r="N355846" s="10"/>
    </row>
    <row r="355847" spans="14:14">
      <c r="N355847" s="10"/>
    </row>
    <row r="355848" spans="14:14">
      <c r="N355848" s="10"/>
    </row>
    <row r="355849" spans="14:14">
      <c r="N355849" s="10"/>
    </row>
    <row r="355850" spans="14:14">
      <c r="N355850" s="10"/>
    </row>
    <row r="355851" spans="14:14">
      <c r="N355851" s="10"/>
    </row>
    <row r="355852" spans="14:14">
      <c r="N355852" s="10"/>
    </row>
    <row r="355853" spans="14:14">
      <c r="N355853" s="10"/>
    </row>
    <row r="355854" spans="14:14">
      <c r="N355854" s="10"/>
    </row>
    <row r="355855" spans="14:14">
      <c r="N355855" s="10"/>
    </row>
    <row r="355856" spans="14:14">
      <c r="N355856" s="10"/>
    </row>
    <row r="355857" spans="14:14">
      <c r="N355857" s="10"/>
    </row>
    <row r="355858" spans="14:14">
      <c r="N355858" s="10"/>
    </row>
    <row r="355859" spans="14:14">
      <c r="N355859" s="10"/>
    </row>
    <row r="355860" spans="14:14">
      <c r="N355860" s="10"/>
    </row>
    <row r="355861" spans="14:14">
      <c r="N355861" s="10"/>
    </row>
    <row r="355862" spans="14:14">
      <c r="N355862" s="10"/>
    </row>
    <row r="355863" spans="14:14">
      <c r="N355863" s="10"/>
    </row>
    <row r="355864" spans="14:14">
      <c r="N355864" s="10"/>
    </row>
    <row r="355865" spans="14:14">
      <c r="N355865" s="10"/>
    </row>
    <row r="355866" spans="14:14">
      <c r="N355866" s="10"/>
    </row>
    <row r="355867" spans="14:14">
      <c r="N355867" s="10"/>
    </row>
    <row r="355868" spans="14:14">
      <c r="N355868" s="10"/>
    </row>
    <row r="355869" spans="14:14">
      <c r="N355869" s="10"/>
    </row>
    <row r="355870" spans="14:14">
      <c r="N355870" s="10"/>
    </row>
    <row r="355871" spans="14:14">
      <c r="N355871" s="10"/>
    </row>
    <row r="355872" spans="14:14">
      <c r="N355872" s="10"/>
    </row>
    <row r="355873" spans="14:14">
      <c r="N355873" s="10"/>
    </row>
    <row r="355874" spans="14:14">
      <c r="N355874" s="10"/>
    </row>
    <row r="355875" spans="14:14">
      <c r="N355875" s="10"/>
    </row>
    <row r="355876" spans="14:14">
      <c r="N355876" s="10"/>
    </row>
    <row r="355877" spans="14:14">
      <c r="N355877" s="10"/>
    </row>
    <row r="355878" spans="14:14">
      <c r="N355878" s="10"/>
    </row>
    <row r="355879" spans="14:14">
      <c r="N355879" s="10"/>
    </row>
    <row r="355880" spans="14:14">
      <c r="N355880" s="10"/>
    </row>
    <row r="355881" spans="14:14">
      <c r="N355881" s="10"/>
    </row>
    <row r="355882" spans="14:14">
      <c r="N355882" s="10"/>
    </row>
    <row r="355883" spans="14:14">
      <c r="N355883" s="10"/>
    </row>
    <row r="355884" spans="14:14">
      <c r="N355884" s="10"/>
    </row>
    <row r="355885" spans="14:14">
      <c r="N355885" s="10"/>
    </row>
    <row r="355886" spans="14:14">
      <c r="N355886" s="10"/>
    </row>
    <row r="355887" spans="14:14">
      <c r="N355887" s="10"/>
    </row>
    <row r="355888" spans="14:14">
      <c r="N355888" s="10"/>
    </row>
    <row r="355889" spans="14:14">
      <c r="N355889" s="10"/>
    </row>
    <row r="355890" spans="14:14">
      <c r="N355890" s="10"/>
    </row>
    <row r="355891" spans="14:14">
      <c r="N355891" s="10"/>
    </row>
    <row r="355892" spans="14:14">
      <c r="N355892" s="10"/>
    </row>
    <row r="355893" spans="14:14">
      <c r="N355893" s="10"/>
    </row>
    <row r="355894" spans="14:14">
      <c r="N355894" s="10"/>
    </row>
    <row r="355895" spans="14:14">
      <c r="N355895" s="10"/>
    </row>
    <row r="355896" spans="14:14">
      <c r="N355896" s="10"/>
    </row>
    <row r="355897" spans="14:14">
      <c r="N355897" s="10"/>
    </row>
    <row r="355898" spans="14:14">
      <c r="N355898" s="10"/>
    </row>
    <row r="355899" spans="14:14">
      <c r="N355899" s="10"/>
    </row>
    <row r="355900" spans="14:14">
      <c r="N355900" s="10"/>
    </row>
    <row r="355901" spans="14:14">
      <c r="N355901" s="10"/>
    </row>
    <row r="355902" spans="14:14">
      <c r="N355902" s="10"/>
    </row>
    <row r="355903" spans="14:14">
      <c r="N355903" s="10"/>
    </row>
    <row r="355904" spans="14:14">
      <c r="N355904" s="10"/>
    </row>
    <row r="355905" spans="14:14">
      <c r="N355905" s="10"/>
    </row>
    <row r="355906" spans="14:14">
      <c r="N355906" s="10"/>
    </row>
    <row r="355907" spans="14:14">
      <c r="N355907" s="10"/>
    </row>
    <row r="355908" spans="14:14">
      <c r="N355908" s="10"/>
    </row>
    <row r="355909" spans="14:14">
      <c r="N355909" s="10"/>
    </row>
    <row r="355910" spans="14:14">
      <c r="N355910" s="10"/>
    </row>
    <row r="355911" spans="14:14">
      <c r="N355911" s="10"/>
    </row>
    <row r="355912" spans="14:14">
      <c r="N355912" s="10"/>
    </row>
    <row r="355913" spans="14:14">
      <c r="N355913" s="10"/>
    </row>
    <row r="355914" spans="14:14">
      <c r="N355914" s="10"/>
    </row>
    <row r="355915" spans="14:14">
      <c r="N355915" s="10"/>
    </row>
    <row r="355916" spans="14:14">
      <c r="N355916" s="10"/>
    </row>
    <row r="355917" spans="14:14">
      <c r="N355917" s="10"/>
    </row>
    <row r="355918" spans="14:14">
      <c r="N355918" s="10"/>
    </row>
    <row r="355919" spans="14:14">
      <c r="N355919" s="10"/>
    </row>
    <row r="355920" spans="14:14">
      <c r="N355920" s="10"/>
    </row>
    <row r="355921" spans="14:14">
      <c r="N355921" s="10"/>
    </row>
    <row r="355922" spans="14:14">
      <c r="N355922" s="10"/>
    </row>
    <row r="355923" spans="14:14">
      <c r="N355923" s="10"/>
    </row>
    <row r="355924" spans="14:14">
      <c r="N355924" s="10"/>
    </row>
    <row r="355925" spans="14:14">
      <c r="N355925" s="10"/>
    </row>
    <row r="355926" spans="14:14">
      <c r="N355926" s="10"/>
    </row>
    <row r="355927" spans="14:14">
      <c r="N355927" s="10"/>
    </row>
    <row r="355928" spans="14:14">
      <c r="N355928" s="10"/>
    </row>
    <row r="355929" spans="14:14">
      <c r="N355929" s="10"/>
    </row>
    <row r="355930" spans="14:14">
      <c r="N355930" s="10"/>
    </row>
    <row r="355931" spans="14:14">
      <c r="N355931" s="10"/>
    </row>
    <row r="355932" spans="14:14">
      <c r="N355932" s="10"/>
    </row>
    <row r="355933" spans="14:14">
      <c r="N355933" s="10"/>
    </row>
    <row r="355934" spans="14:14">
      <c r="N355934" s="10"/>
    </row>
    <row r="355935" spans="14:14">
      <c r="N355935" s="10"/>
    </row>
    <row r="355936" spans="14:14">
      <c r="N355936" s="10"/>
    </row>
    <row r="355937" spans="14:14">
      <c r="N355937" s="10"/>
    </row>
    <row r="355938" spans="14:14">
      <c r="N355938" s="10"/>
    </row>
    <row r="355939" spans="14:14">
      <c r="N355939" s="10"/>
    </row>
    <row r="355940" spans="14:14">
      <c r="N355940" s="10"/>
    </row>
    <row r="355941" spans="14:14">
      <c r="N355941" s="10"/>
    </row>
    <row r="355942" spans="14:14">
      <c r="N355942" s="10"/>
    </row>
    <row r="355943" spans="14:14">
      <c r="N355943" s="10"/>
    </row>
    <row r="355944" spans="14:14">
      <c r="N355944" s="10"/>
    </row>
    <row r="355945" spans="14:14">
      <c r="N355945" s="10"/>
    </row>
    <row r="355946" spans="14:14">
      <c r="N355946" s="10"/>
    </row>
    <row r="355947" spans="14:14">
      <c r="N355947" s="10"/>
    </row>
    <row r="355948" spans="14:14">
      <c r="N355948" s="10"/>
    </row>
    <row r="355949" spans="14:14">
      <c r="N355949" s="10"/>
    </row>
    <row r="355950" spans="14:14">
      <c r="N355950" s="10"/>
    </row>
    <row r="355951" spans="14:14">
      <c r="N355951" s="10"/>
    </row>
    <row r="355952" spans="14:14">
      <c r="N355952" s="10"/>
    </row>
    <row r="355953" spans="14:14">
      <c r="N355953" s="10"/>
    </row>
    <row r="355954" spans="14:14">
      <c r="N355954" s="10"/>
    </row>
    <row r="355955" spans="14:14">
      <c r="N355955" s="10"/>
    </row>
    <row r="355956" spans="14:14">
      <c r="N355956" s="10"/>
    </row>
    <row r="355957" spans="14:14">
      <c r="N355957" s="10"/>
    </row>
    <row r="355958" spans="14:14">
      <c r="N355958" s="10"/>
    </row>
    <row r="355959" spans="14:14">
      <c r="N355959" s="10"/>
    </row>
    <row r="355960" spans="14:14">
      <c r="N355960" s="10"/>
    </row>
    <row r="355961" spans="14:14">
      <c r="N355961" s="10"/>
    </row>
    <row r="355962" spans="14:14">
      <c r="N355962" s="10"/>
    </row>
    <row r="355963" spans="14:14">
      <c r="N355963" s="10"/>
    </row>
    <row r="355964" spans="14:14">
      <c r="N355964" s="10"/>
    </row>
    <row r="355965" spans="14:14">
      <c r="N355965" s="10"/>
    </row>
    <row r="355966" spans="14:14">
      <c r="N355966" s="10"/>
    </row>
    <row r="355967" spans="14:14">
      <c r="N355967" s="10"/>
    </row>
    <row r="355968" spans="14:14">
      <c r="N355968" s="10"/>
    </row>
    <row r="355969" spans="14:14">
      <c r="N355969" s="10"/>
    </row>
    <row r="355970" spans="14:14">
      <c r="N355970" s="10"/>
    </row>
    <row r="355971" spans="14:14">
      <c r="N355971" s="10"/>
    </row>
    <row r="355972" spans="14:14">
      <c r="N355972" s="10"/>
    </row>
    <row r="355973" spans="14:14">
      <c r="N355973" s="10"/>
    </row>
    <row r="355974" spans="14:14">
      <c r="N355974" s="10"/>
    </row>
    <row r="355975" spans="14:14">
      <c r="N355975" s="10"/>
    </row>
    <row r="355976" spans="14:14">
      <c r="N355976" s="10"/>
    </row>
    <row r="355977" spans="14:14">
      <c r="N355977" s="10"/>
    </row>
    <row r="355978" spans="14:14">
      <c r="N355978" s="10"/>
    </row>
    <row r="355979" spans="14:14">
      <c r="N355979" s="10"/>
    </row>
    <row r="355980" spans="14:14">
      <c r="N355980" s="10"/>
    </row>
    <row r="355981" spans="14:14">
      <c r="N355981" s="10"/>
    </row>
    <row r="355982" spans="14:14">
      <c r="N355982" s="10"/>
    </row>
    <row r="355983" spans="14:14">
      <c r="N355983" s="10"/>
    </row>
    <row r="355984" spans="14:14">
      <c r="N355984" s="10"/>
    </row>
    <row r="355985" spans="14:14">
      <c r="N355985" s="10"/>
    </row>
    <row r="355986" spans="14:14">
      <c r="N355986" s="10"/>
    </row>
    <row r="355987" spans="14:14">
      <c r="N355987" s="10"/>
    </row>
    <row r="355988" spans="14:14">
      <c r="N355988" s="10"/>
    </row>
    <row r="355989" spans="14:14">
      <c r="N355989" s="10"/>
    </row>
    <row r="355990" spans="14:14">
      <c r="N355990" s="10"/>
    </row>
    <row r="355991" spans="14:14">
      <c r="N355991" s="10"/>
    </row>
    <row r="355992" spans="14:14">
      <c r="N355992" s="10"/>
    </row>
    <row r="355993" spans="14:14">
      <c r="N355993" s="10"/>
    </row>
    <row r="355994" spans="14:14">
      <c r="N355994" s="10"/>
    </row>
    <row r="355995" spans="14:14">
      <c r="N355995" s="10"/>
    </row>
    <row r="355996" spans="14:14">
      <c r="N355996" s="10"/>
    </row>
    <row r="355997" spans="14:14">
      <c r="N355997" s="10"/>
    </row>
    <row r="355998" spans="14:14">
      <c r="N355998" s="10"/>
    </row>
    <row r="355999" spans="14:14">
      <c r="N355999" s="10"/>
    </row>
    <row r="356000" spans="14:14">
      <c r="N356000" s="10"/>
    </row>
    <row r="356001" spans="14:14">
      <c r="N356001" s="10"/>
    </row>
    <row r="356002" spans="14:14">
      <c r="N356002" s="10"/>
    </row>
    <row r="356003" spans="14:14">
      <c r="N356003" s="10"/>
    </row>
    <row r="356004" spans="14:14">
      <c r="N356004" s="10"/>
    </row>
    <row r="356005" spans="14:14">
      <c r="N356005" s="10"/>
    </row>
    <row r="356006" spans="14:14">
      <c r="N356006" s="10"/>
    </row>
    <row r="356007" spans="14:14">
      <c r="N356007" s="10"/>
    </row>
    <row r="356008" spans="14:14">
      <c r="N356008" s="10"/>
    </row>
    <row r="356009" spans="14:14">
      <c r="N356009" s="10"/>
    </row>
    <row r="356010" spans="14:14">
      <c r="N356010" s="10"/>
    </row>
    <row r="356011" spans="14:14">
      <c r="N356011" s="10"/>
    </row>
    <row r="356012" spans="14:14">
      <c r="N356012" s="10"/>
    </row>
    <row r="356013" spans="14:14">
      <c r="N356013" s="10"/>
    </row>
    <row r="356014" spans="14:14">
      <c r="N356014" s="10"/>
    </row>
    <row r="356015" spans="14:14">
      <c r="N356015" s="10"/>
    </row>
    <row r="356016" spans="14:14">
      <c r="N356016" s="10"/>
    </row>
    <row r="356017" spans="14:14">
      <c r="N356017" s="10"/>
    </row>
    <row r="356018" spans="14:14">
      <c r="N356018" s="10"/>
    </row>
    <row r="356019" spans="14:14">
      <c r="N356019" s="10"/>
    </row>
    <row r="356020" spans="14:14">
      <c r="N356020" s="10"/>
    </row>
    <row r="356021" spans="14:14">
      <c r="N356021" s="10"/>
    </row>
    <row r="356022" spans="14:14">
      <c r="N356022" s="10"/>
    </row>
    <row r="356023" spans="14:14">
      <c r="N356023" s="10"/>
    </row>
    <row r="356024" spans="14:14">
      <c r="N356024" s="10"/>
    </row>
    <row r="356025" spans="14:14">
      <c r="N356025" s="10"/>
    </row>
    <row r="356026" spans="14:14">
      <c r="N356026" s="10"/>
    </row>
    <row r="356027" spans="14:14">
      <c r="N356027" s="10"/>
    </row>
    <row r="356028" spans="14:14">
      <c r="N356028" s="10"/>
    </row>
    <row r="356029" spans="14:14">
      <c r="N356029" s="10"/>
    </row>
    <row r="356030" spans="14:14">
      <c r="N356030" s="10"/>
    </row>
    <row r="356031" spans="14:14">
      <c r="N356031" s="10"/>
    </row>
    <row r="356032" spans="14:14">
      <c r="N356032" s="10"/>
    </row>
    <row r="356033" spans="14:14">
      <c r="N356033" s="10"/>
    </row>
    <row r="356034" spans="14:14">
      <c r="N356034" s="10"/>
    </row>
    <row r="356035" spans="14:14">
      <c r="N356035" s="10"/>
    </row>
    <row r="356036" spans="14:14">
      <c r="N356036" s="10"/>
    </row>
    <row r="356037" spans="14:14">
      <c r="N356037" s="10"/>
    </row>
    <row r="356038" spans="14:14">
      <c r="N356038" s="10"/>
    </row>
    <row r="356039" spans="14:14">
      <c r="N356039" s="10"/>
    </row>
    <row r="356040" spans="14:14">
      <c r="N356040" s="10"/>
    </row>
    <row r="356041" spans="14:14">
      <c r="N356041" s="10"/>
    </row>
    <row r="356042" spans="14:14">
      <c r="N356042" s="10"/>
    </row>
    <row r="356043" spans="14:14">
      <c r="N356043" s="10"/>
    </row>
    <row r="356044" spans="14:14">
      <c r="N356044" s="10"/>
    </row>
    <row r="356045" spans="14:14">
      <c r="N356045" s="10"/>
    </row>
    <row r="356046" spans="14:14">
      <c r="N356046" s="10"/>
    </row>
    <row r="356047" spans="14:14">
      <c r="N356047" s="10"/>
    </row>
    <row r="356048" spans="14:14">
      <c r="N356048" s="10"/>
    </row>
    <row r="356049" spans="14:14">
      <c r="N356049" s="10"/>
    </row>
    <row r="356050" spans="14:14">
      <c r="N356050" s="10"/>
    </row>
    <row r="356051" spans="14:14">
      <c r="N356051" s="10"/>
    </row>
    <row r="356052" spans="14:14">
      <c r="N356052" s="10"/>
    </row>
    <row r="356053" spans="14:14">
      <c r="N356053" s="10"/>
    </row>
    <row r="356054" spans="14:14">
      <c r="N356054" s="10"/>
    </row>
    <row r="356055" spans="14:14">
      <c r="N356055" s="10"/>
    </row>
    <row r="356056" spans="14:14">
      <c r="N356056" s="10"/>
    </row>
    <row r="356057" spans="14:14">
      <c r="N356057" s="10"/>
    </row>
    <row r="356058" spans="14:14">
      <c r="N356058" s="10"/>
    </row>
    <row r="356059" spans="14:14">
      <c r="N356059" s="10"/>
    </row>
    <row r="356060" spans="14:14">
      <c r="N356060" s="10"/>
    </row>
    <row r="356061" spans="14:14">
      <c r="N356061" s="10"/>
    </row>
    <row r="356062" spans="14:14">
      <c r="N356062" s="10"/>
    </row>
    <row r="356063" spans="14:14">
      <c r="N356063" s="10"/>
    </row>
    <row r="356064" spans="14:14">
      <c r="N356064" s="10"/>
    </row>
    <row r="356065" spans="14:14">
      <c r="N356065" s="10"/>
    </row>
    <row r="356066" spans="14:14">
      <c r="N356066" s="10"/>
    </row>
    <row r="356067" spans="14:14">
      <c r="N356067" s="10"/>
    </row>
    <row r="356068" spans="14:14">
      <c r="N356068" s="10"/>
    </row>
    <row r="356069" spans="14:14">
      <c r="N356069" s="10"/>
    </row>
    <row r="356070" spans="14:14">
      <c r="N356070" s="10"/>
    </row>
    <row r="356071" spans="14:14">
      <c r="N356071" s="10"/>
    </row>
    <row r="356072" spans="14:14">
      <c r="N356072" s="10"/>
    </row>
    <row r="356073" spans="14:14">
      <c r="N356073" s="10"/>
    </row>
    <row r="356074" spans="14:14">
      <c r="N356074" s="10"/>
    </row>
    <row r="356075" spans="14:14">
      <c r="N356075" s="10"/>
    </row>
    <row r="356076" spans="14:14">
      <c r="N356076" s="10"/>
    </row>
    <row r="356077" spans="14:14">
      <c r="N356077" s="10"/>
    </row>
    <row r="356078" spans="14:14">
      <c r="N356078" s="10"/>
    </row>
    <row r="356079" spans="14:14">
      <c r="N356079" s="10"/>
    </row>
    <row r="356080" spans="14:14">
      <c r="N356080" s="10"/>
    </row>
    <row r="356081" spans="14:14">
      <c r="N356081" s="10"/>
    </row>
    <row r="356082" spans="14:14">
      <c r="N356082" s="10"/>
    </row>
    <row r="356083" spans="14:14">
      <c r="N356083" s="10"/>
    </row>
    <row r="356084" spans="14:14">
      <c r="N356084" s="10"/>
    </row>
    <row r="356085" spans="14:14">
      <c r="N356085" s="10"/>
    </row>
    <row r="356086" spans="14:14">
      <c r="N356086" s="10"/>
    </row>
    <row r="356087" spans="14:14">
      <c r="N356087" s="10"/>
    </row>
    <row r="356088" spans="14:14">
      <c r="N356088" s="10"/>
    </row>
    <row r="356089" spans="14:14">
      <c r="N356089" s="10"/>
    </row>
    <row r="356090" spans="14:14">
      <c r="N356090" s="10"/>
    </row>
    <row r="356091" spans="14:14">
      <c r="N356091" s="10"/>
    </row>
    <row r="356092" spans="14:14">
      <c r="N356092" s="10"/>
    </row>
    <row r="356093" spans="14:14">
      <c r="N356093" s="10"/>
    </row>
    <row r="356094" spans="14:14">
      <c r="N356094" s="10"/>
    </row>
    <row r="356095" spans="14:14">
      <c r="N356095" s="10"/>
    </row>
    <row r="356096" spans="14:14">
      <c r="N356096" s="10"/>
    </row>
    <row r="356097" spans="14:14">
      <c r="N356097" s="10"/>
    </row>
    <row r="356098" spans="14:14">
      <c r="N356098" s="10"/>
    </row>
    <row r="356099" spans="14:14">
      <c r="N356099" s="10"/>
    </row>
    <row r="356100" spans="14:14">
      <c r="N356100" s="10"/>
    </row>
    <row r="356101" spans="14:14">
      <c r="N356101" s="10"/>
    </row>
    <row r="356102" spans="14:14">
      <c r="N356102" s="10"/>
    </row>
    <row r="356103" spans="14:14">
      <c r="N356103" s="10"/>
    </row>
    <row r="356104" spans="14:14">
      <c r="N356104" s="10"/>
    </row>
    <row r="356105" spans="14:14">
      <c r="N356105" s="10"/>
    </row>
    <row r="356106" spans="14:14">
      <c r="N356106" s="10"/>
    </row>
    <row r="356107" spans="14:14">
      <c r="N356107" s="10"/>
    </row>
    <row r="356108" spans="14:14">
      <c r="N356108" s="10"/>
    </row>
    <row r="356109" spans="14:14">
      <c r="N356109" s="10"/>
    </row>
    <row r="356110" spans="14:14">
      <c r="N356110" s="10"/>
    </row>
    <row r="356111" spans="14:14">
      <c r="N356111" s="10"/>
    </row>
    <row r="356112" spans="14:14">
      <c r="N356112" s="10"/>
    </row>
    <row r="356113" spans="14:14">
      <c r="N356113" s="10"/>
    </row>
    <row r="356114" spans="14:14">
      <c r="N356114" s="10"/>
    </row>
    <row r="356115" spans="14:14">
      <c r="N356115" s="10"/>
    </row>
    <row r="356116" spans="14:14">
      <c r="N356116" s="10"/>
    </row>
    <row r="356117" spans="14:14">
      <c r="N356117" s="10"/>
    </row>
    <row r="356118" spans="14:14">
      <c r="N356118" s="10"/>
    </row>
    <row r="356119" spans="14:14">
      <c r="N356119" s="10"/>
    </row>
    <row r="356120" spans="14:14">
      <c r="N356120" s="10"/>
    </row>
    <row r="356121" spans="14:14">
      <c r="N356121" s="10"/>
    </row>
    <row r="356122" spans="14:14">
      <c r="N356122" s="10"/>
    </row>
    <row r="356123" spans="14:14">
      <c r="N356123" s="10"/>
    </row>
    <row r="356124" spans="14:14">
      <c r="N356124" s="10"/>
    </row>
    <row r="356125" spans="14:14">
      <c r="N356125" s="10"/>
    </row>
    <row r="356126" spans="14:14">
      <c r="N356126" s="10"/>
    </row>
    <row r="356127" spans="14:14">
      <c r="N356127" s="10"/>
    </row>
    <row r="356128" spans="14:14">
      <c r="N356128" s="10"/>
    </row>
    <row r="356129" spans="14:14">
      <c r="N356129" s="10"/>
    </row>
    <row r="356130" spans="14:14">
      <c r="N356130" s="10"/>
    </row>
    <row r="356131" spans="14:14">
      <c r="N356131" s="10"/>
    </row>
    <row r="356132" spans="14:14">
      <c r="N356132" s="10"/>
    </row>
    <row r="356133" spans="14:14">
      <c r="N356133" s="10"/>
    </row>
    <row r="356134" spans="14:14">
      <c r="N356134" s="10"/>
    </row>
    <row r="356135" spans="14:14">
      <c r="N356135" s="10"/>
    </row>
    <row r="356136" spans="14:14">
      <c r="N356136" s="10"/>
    </row>
    <row r="356137" spans="14:14">
      <c r="N356137" s="10"/>
    </row>
    <row r="356138" spans="14:14">
      <c r="N356138" s="10"/>
    </row>
    <row r="356139" spans="14:14">
      <c r="N356139" s="10"/>
    </row>
    <row r="356140" spans="14:14">
      <c r="N356140" s="10"/>
    </row>
    <row r="356141" spans="14:14">
      <c r="N356141" s="10"/>
    </row>
    <row r="356142" spans="14:14">
      <c r="N356142" s="10"/>
    </row>
    <row r="356143" spans="14:14">
      <c r="N356143" s="10"/>
    </row>
    <row r="356144" spans="14:14">
      <c r="N356144" s="10"/>
    </row>
    <row r="356145" spans="14:14">
      <c r="N356145" s="10"/>
    </row>
    <row r="356146" spans="14:14">
      <c r="N356146" s="10"/>
    </row>
    <row r="356147" spans="14:14">
      <c r="N356147" s="10"/>
    </row>
    <row r="356148" spans="14:14">
      <c r="N356148" s="10"/>
    </row>
    <row r="356149" spans="14:14">
      <c r="N356149" s="10"/>
    </row>
    <row r="356150" spans="14:14">
      <c r="N356150" s="10"/>
    </row>
    <row r="356151" spans="14:14">
      <c r="N356151" s="10"/>
    </row>
    <row r="356152" spans="14:14">
      <c r="N356152" s="10"/>
    </row>
    <row r="356153" spans="14:14">
      <c r="N356153" s="10"/>
    </row>
    <row r="356154" spans="14:14">
      <c r="N356154" s="10"/>
    </row>
    <row r="356155" spans="14:14">
      <c r="N356155" s="10"/>
    </row>
    <row r="356156" spans="14:14">
      <c r="N356156" s="10"/>
    </row>
    <row r="356157" spans="14:14">
      <c r="N356157" s="10"/>
    </row>
    <row r="356158" spans="14:14">
      <c r="N356158" s="10"/>
    </row>
    <row r="356159" spans="14:14">
      <c r="N356159" s="10"/>
    </row>
    <row r="356160" spans="14:14">
      <c r="N356160" s="10"/>
    </row>
    <row r="356161" spans="14:14">
      <c r="N356161" s="10"/>
    </row>
    <row r="356162" spans="14:14">
      <c r="N356162" s="10"/>
    </row>
    <row r="356163" spans="14:14">
      <c r="N356163" s="10"/>
    </row>
    <row r="356164" spans="14:14">
      <c r="N356164" s="10"/>
    </row>
    <row r="356165" spans="14:14">
      <c r="N356165" s="10"/>
    </row>
    <row r="356166" spans="14:14">
      <c r="N356166" s="10"/>
    </row>
    <row r="356167" spans="14:14">
      <c r="N356167" s="10"/>
    </row>
    <row r="356168" spans="14:14">
      <c r="N356168" s="10"/>
    </row>
    <row r="356169" spans="14:14">
      <c r="N356169" s="10"/>
    </row>
    <row r="356170" spans="14:14">
      <c r="N356170" s="10"/>
    </row>
    <row r="356171" spans="14:14">
      <c r="N356171" s="10"/>
    </row>
    <row r="356172" spans="14:14">
      <c r="N356172" s="10"/>
    </row>
    <row r="356173" spans="14:14">
      <c r="N356173" s="10"/>
    </row>
    <row r="356174" spans="14:14">
      <c r="N356174" s="10"/>
    </row>
    <row r="356175" spans="14:14">
      <c r="N356175" s="10"/>
    </row>
    <row r="356176" spans="14:14">
      <c r="N356176" s="10"/>
    </row>
    <row r="356177" spans="14:14">
      <c r="N356177" s="10"/>
    </row>
    <row r="356178" spans="14:14">
      <c r="N356178" s="10"/>
    </row>
    <row r="356179" spans="14:14">
      <c r="N356179" s="10"/>
    </row>
    <row r="356180" spans="14:14">
      <c r="N356180" s="10"/>
    </row>
    <row r="356181" spans="14:14">
      <c r="N356181" s="10"/>
    </row>
    <row r="356182" spans="14:14">
      <c r="N356182" s="10"/>
    </row>
    <row r="356183" spans="14:14">
      <c r="N356183" s="10"/>
    </row>
    <row r="356184" spans="14:14">
      <c r="N356184" s="10"/>
    </row>
    <row r="356185" spans="14:14">
      <c r="N356185" s="10"/>
    </row>
    <row r="356186" spans="14:14">
      <c r="N356186" s="10"/>
    </row>
    <row r="356187" spans="14:14">
      <c r="N356187" s="10"/>
    </row>
    <row r="356188" spans="14:14">
      <c r="N356188" s="10"/>
    </row>
    <row r="356189" spans="14:14">
      <c r="N356189" s="10"/>
    </row>
    <row r="356190" spans="14:14">
      <c r="N356190" s="10"/>
    </row>
    <row r="356191" spans="14:14">
      <c r="N356191" s="10"/>
    </row>
    <row r="356192" spans="14:14">
      <c r="N356192" s="10"/>
    </row>
    <row r="356193" spans="14:14">
      <c r="N356193" s="10"/>
    </row>
    <row r="356194" spans="14:14">
      <c r="N356194" s="10"/>
    </row>
    <row r="356195" spans="14:14">
      <c r="N356195" s="10"/>
    </row>
    <row r="356196" spans="14:14">
      <c r="N356196" s="10"/>
    </row>
    <row r="356197" spans="14:14">
      <c r="N356197" s="10"/>
    </row>
    <row r="356198" spans="14:14">
      <c r="N356198" s="10"/>
    </row>
    <row r="356199" spans="14:14">
      <c r="N356199" s="10"/>
    </row>
    <row r="356200" spans="14:14">
      <c r="N356200" s="10"/>
    </row>
    <row r="356201" spans="14:14">
      <c r="N356201" s="10"/>
    </row>
    <row r="356202" spans="14:14">
      <c r="N356202" s="10"/>
    </row>
    <row r="356203" spans="14:14">
      <c r="N356203" s="10"/>
    </row>
    <row r="356204" spans="14:14">
      <c r="N356204" s="10"/>
    </row>
    <row r="356205" spans="14:14">
      <c r="N356205" s="10"/>
    </row>
    <row r="356206" spans="14:14">
      <c r="N356206" s="10"/>
    </row>
    <row r="356207" spans="14:14">
      <c r="N356207" s="10"/>
    </row>
    <row r="356208" spans="14:14">
      <c r="N356208" s="10"/>
    </row>
    <row r="356209" spans="14:14">
      <c r="N356209" s="10"/>
    </row>
    <row r="356210" spans="14:14">
      <c r="N356210" s="10"/>
    </row>
    <row r="356211" spans="14:14">
      <c r="N356211" s="10"/>
    </row>
    <row r="356212" spans="14:14">
      <c r="N356212" s="10"/>
    </row>
    <row r="356213" spans="14:14">
      <c r="N356213" s="10"/>
    </row>
    <row r="356214" spans="14:14">
      <c r="N356214" s="10"/>
    </row>
    <row r="356215" spans="14:14">
      <c r="N356215" s="10"/>
    </row>
    <row r="356216" spans="14:14">
      <c r="N356216" s="10"/>
    </row>
    <row r="356217" spans="14:14">
      <c r="N356217" s="10"/>
    </row>
    <row r="356218" spans="14:14">
      <c r="N356218" s="10"/>
    </row>
    <row r="356219" spans="14:14">
      <c r="N356219" s="10"/>
    </row>
    <row r="356220" spans="14:14">
      <c r="N356220" s="10"/>
    </row>
    <row r="356221" spans="14:14">
      <c r="N356221" s="10"/>
    </row>
    <row r="356222" spans="14:14">
      <c r="N356222" s="10"/>
    </row>
    <row r="356223" spans="14:14">
      <c r="N356223" s="10"/>
    </row>
    <row r="356224" spans="14:14">
      <c r="N356224" s="10"/>
    </row>
    <row r="356225" spans="14:14">
      <c r="N356225" s="10"/>
    </row>
    <row r="356226" spans="14:14">
      <c r="N356226" s="10"/>
    </row>
    <row r="356227" spans="14:14">
      <c r="N356227" s="10"/>
    </row>
    <row r="356228" spans="14:14">
      <c r="N356228" s="10"/>
    </row>
    <row r="356229" spans="14:14">
      <c r="N356229" s="10"/>
    </row>
    <row r="356230" spans="14:14">
      <c r="N356230" s="10"/>
    </row>
    <row r="356231" spans="14:14">
      <c r="N356231" s="10"/>
    </row>
    <row r="356232" spans="14:14">
      <c r="N356232" s="10"/>
    </row>
    <row r="356233" spans="14:14">
      <c r="N356233" s="10"/>
    </row>
    <row r="356234" spans="14:14">
      <c r="N356234" s="10"/>
    </row>
    <row r="356235" spans="14:14">
      <c r="N356235" s="10"/>
    </row>
    <row r="356236" spans="14:14">
      <c r="N356236" s="10"/>
    </row>
    <row r="356237" spans="14:14">
      <c r="N356237" s="10"/>
    </row>
    <row r="356238" spans="14:14">
      <c r="N356238" s="10"/>
    </row>
    <row r="356239" spans="14:14">
      <c r="N356239" s="10"/>
    </row>
    <row r="356240" spans="14:14">
      <c r="N356240" s="10"/>
    </row>
    <row r="356241" spans="14:14">
      <c r="N356241" s="10"/>
    </row>
    <row r="356242" spans="14:14">
      <c r="N356242" s="10"/>
    </row>
    <row r="356243" spans="14:14">
      <c r="N356243" s="10"/>
    </row>
    <row r="356244" spans="14:14">
      <c r="N356244" s="10"/>
    </row>
    <row r="356245" spans="14:14">
      <c r="N356245" s="10"/>
    </row>
    <row r="356246" spans="14:14">
      <c r="N356246" s="10"/>
    </row>
    <row r="356247" spans="14:14">
      <c r="N356247" s="10"/>
    </row>
    <row r="356248" spans="14:14">
      <c r="N356248" s="10"/>
    </row>
    <row r="356249" spans="14:14">
      <c r="N356249" s="10"/>
    </row>
    <row r="356250" spans="14:14">
      <c r="N356250" s="10"/>
    </row>
    <row r="356251" spans="14:14">
      <c r="N356251" s="10"/>
    </row>
    <row r="356252" spans="14:14">
      <c r="N356252" s="10"/>
    </row>
    <row r="356253" spans="14:14">
      <c r="N356253" s="10"/>
    </row>
    <row r="356254" spans="14:14">
      <c r="N356254" s="10"/>
    </row>
    <row r="356255" spans="14:14">
      <c r="N356255" s="10"/>
    </row>
    <row r="356256" spans="14:14">
      <c r="N356256" s="10"/>
    </row>
    <row r="356257" spans="14:14">
      <c r="N356257" s="10"/>
    </row>
    <row r="356258" spans="14:14">
      <c r="N356258" s="10"/>
    </row>
    <row r="356259" spans="14:14">
      <c r="N356259" s="10"/>
    </row>
    <row r="356260" spans="14:14">
      <c r="N356260" s="10"/>
    </row>
    <row r="356261" spans="14:14">
      <c r="N356261" s="10"/>
    </row>
    <row r="356262" spans="14:14">
      <c r="N356262" s="10"/>
    </row>
    <row r="356263" spans="14:14">
      <c r="N356263" s="10"/>
    </row>
    <row r="356264" spans="14:14">
      <c r="N356264" s="10"/>
    </row>
    <row r="356265" spans="14:14">
      <c r="N356265" s="10"/>
    </row>
    <row r="356266" spans="14:14">
      <c r="N356266" s="10"/>
    </row>
    <row r="356267" spans="14:14">
      <c r="N356267" s="10"/>
    </row>
    <row r="356268" spans="14:14">
      <c r="N356268" s="10"/>
    </row>
    <row r="356269" spans="14:14">
      <c r="N356269" s="10"/>
    </row>
    <row r="356270" spans="14:14">
      <c r="N356270" s="10"/>
    </row>
    <row r="356271" spans="14:14">
      <c r="N356271" s="10"/>
    </row>
    <row r="356272" spans="14:14">
      <c r="N356272" s="10"/>
    </row>
    <row r="356273" spans="14:14">
      <c r="N356273" s="10"/>
    </row>
    <row r="356274" spans="14:14">
      <c r="N356274" s="10"/>
    </row>
    <row r="356275" spans="14:14">
      <c r="N356275" s="10"/>
    </row>
    <row r="356276" spans="14:14">
      <c r="N356276" s="10"/>
    </row>
    <row r="356277" spans="14:14">
      <c r="N356277" s="10"/>
    </row>
    <row r="356278" spans="14:14">
      <c r="N356278" s="10"/>
    </row>
    <row r="356279" spans="14:14">
      <c r="N356279" s="10"/>
    </row>
    <row r="356280" spans="14:14">
      <c r="N356280" s="10"/>
    </row>
    <row r="356281" spans="14:14">
      <c r="N356281" s="10"/>
    </row>
    <row r="356282" spans="14:14">
      <c r="N356282" s="10"/>
    </row>
    <row r="356283" spans="14:14">
      <c r="N356283" s="10"/>
    </row>
    <row r="356284" spans="14:14">
      <c r="N356284" s="10"/>
    </row>
    <row r="356285" spans="14:14">
      <c r="N356285" s="10"/>
    </row>
    <row r="356286" spans="14:14">
      <c r="N356286" s="10"/>
    </row>
    <row r="356287" spans="14:14">
      <c r="N356287" s="10"/>
    </row>
    <row r="356288" spans="14:14">
      <c r="N356288" s="10"/>
    </row>
    <row r="356289" spans="14:14">
      <c r="N356289" s="10"/>
    </row>
    <row r="356290" spans="14:14">
      <c r="N356290" s="10"/>
    </row>
    <row r="356291" spans="14:14">
      <c r="N356291" s="10"/>
    </row>
    <row r="356292" spans="14:14">
      <c r="N356292" s="10"/>
    </row>
    <row r="356293" spans="14:14">
      <c r="N356293" s="10"/>
    </row>
    <row r="356294" spans="14:14">
      <c r="N356294" s="10"/>
    </row>
    <row r="356295" spans="14:14">
      <c r="N356295" s="10"/>
    </row>
    <row r="356296" spans="14:14">
      <c r="N356296" s="10"/>
    </row>
    <row r="356297" spans="14:14">
      <c r="N356297" s="10"/>
    </row>
    <row r="356298" spans="14:14">
      <c r="N356298" s="10"/>
    </row>
    <row r="356299" spans="14:14">
      <c r="N356299" s="10"/>
    </row>
    <row r="356300" spans="14:14">
      <c r="N356300" s="10"/>
    </row>
    <row r="356301" spans="14:14">
      <c r="N356301" s="10"/>
    </row>
    <row r="356302" spans="14:14">
      <c r="N356302" s="10"/>
    </row>
    <row r="356303" spans="14:14">
      <c r="N356303" s="10"/>
    </row>
    <row r="356304" spans="14:14">
      <c r="N356304" s="10"/>
    </row>
    <row r="356305" spans="14:14">
      <c r="N356305" s="10"/>
    </row>
    <row r="356306" spans="14:14">
      <c r="N356306" s="10"/>
    </row>
    <row r="356307" spans="14:14">
      <c r="N356307" s="10"/>
    </row>
    <row r="356308" spans="14:14">
      <c r="N356308" s="10"/>
    </row>
    <row r="356309" spans="14:14">
      <c r="N356309" s="10"/>
    </row>
    <row r="356310" spans="14:14">
      <c r="N356310" s="10"/>
    </row>
    <row r="356311" spans="14:14">
      <c r="N356311" s="10"/>
    </row>
    <row r="356312" spans="14:14">
      <c r="N356312" s="10"/>
    </row>
    <row r="356313" spans="14:14">
      <c r="N356313" s="10"/>
    </row>
    <row r="356314" spans="14:14">
      <c r="N356314" s="10"/>
    </row>
    <row r="356315" spans="14:14">
      <c r="N356315" s="10"/>
    </row>
    <row r="356316" spans="14:14">
      <c r="N356316" s="10"/>
    </row>
    <row r="356317" spans="14:14">
      <c r="N356317" s="10"/>
    </row>
    <row r="356318" spans="14:14">
      <c r="N356318" s="10"/>
    </row>
    <row r="356319" spans="14:14">
      <c r="N356319" s="10"/>
    </row>
    <row r="356320" spans="14:14">
      <c r="N356320" s="10"/>
    </row>
    <row r="356321" spans="14:14">
      <c r="N356321" s="10"/>
    </row>
    <row r="356322" spans="14:14">
      <c r="N356322" s="10"/>
    </row>
    <row r="356323" spans="14:14">
      <c r="N356323" s="10"/>
    </row>
    <row r="356324" spans="14:14">
      <c r="N356324" s="10"/>
    </row>
    <row r="356325" spans="14:14">
      <c r="N356325" s="10"/>
    </row>
    <row r="356326" spans="14:14">
      <c r="N356326" s="10"/>
    </row>
    <row r="356327" spans="14:14">
      <c r="N356327" s="10"/>
    </row>
    <row r="356328" spans="14:14">
      <c r="N356328" s="10"/>
    </row>
    <row r="356329" spans="14:14">
      <c r="N356329" s="10"/>
    </row>
    <row r="356330" spans="14:14">
      <c r="N356330" s="10"/>
    </row>
    <row r="356331" spans="14:14">
      <c r="N356331" s="10"/>
    </row>
    <row r="356332" spans="14:14">
      <c r="N356332" s="10"/>
    </row>
    <row r="356333" spans="14:14">
      <c r="N356333" s="10"/>
    </row>
    <row r="356334" spans="14:14">
      <c r="N356334" s="10"/>
    </row>
    <row r="356335" spans="14:14">
      <c r="N356335" s="10"/>
    </row>
    <row r="356336" spans="14:14">
      <c r="N356336" s="10"/>
    </row>
    <row r="356337" spans="14:14">
      <c r="N356337" s="10"/>
    </row>
    <row r="356338" spans="14:14">
      <c r="N356338" s="10"/>
    </row>
    <row r="356339" spans="14:14">
      <c r="N356339" s="10"/>
    </row>
    <row r="356340" spans="14:14">
      <c r="N356340" s="10"/>
    </row>
    <row r="356341" spans="14:14">
      <c r="N356341" s="10"/>
    </row>
    <row r="356342" spans="14:14">
      <c r="N356342" s="10"/>
    </row>
    <row r="356343" spans="14:14">
      <c r="N356343" s="10"/>
    </row>
    <row r="356344" spans="14:14">
      <c r="N356344" s="10"/>
    </row>
    <row r="356345" spans="14:14">
      <c r="N356345" s="10"/>
    </row>
    <row r="356346" spans="14:14">
      <c r="N356346" s="10"/>
    </row>
    <row r="356347" spans="14:14">
      <c r="N356347" s="10"/>
    </row>
    <row r="356348" spans="14:14">
      <c r="N356348" s="10"/>
    </row>
    <row r="356349" spans="14:14">
      <c r="N356349" s="10"/>
    </row>
    <row r="356350" spans="14:14">
      <c r="N356350" s="10"/>
    </row>
    <row r="356351" spans="14:14">
      <c r="N356351" s="10"/>
    </row>
    <row r="356352" spans="14:14">
      <c r="N356352" s="10"/>
    </row>
    <row r="356353" spans="14:14">
      <c r="N356353" s="10"/>
    </row>
    <row r="356354" spans="14:14">
      <c r="N356354" s="10"/>
    </row>
    <row r="356355" spans="14:14">
      <c r="N356355" s="10"/>
    </row>
    <row r="356356" spans="14:14">
      <c r="N356356" s="10"/>
    </row>
    <row r="356357" spans="14:14">
      <c r="N356357" s="10"/>
    </row>
    <row r="356358" spans="14:14">
      <c r="N356358" s="10"/>
    </row>
    <row r="356359" spans="14:14">
      <c r="N356359" s="10"/>
    </row>
    <row r="356360" spans="14:14">
      <c r="N356360" s="10"/>
    </row>
    <row r="356361" spans="14:14">
      <c r="N356361" s="10"/>
    </row>
    <row r="356362" spans="14:14">
      <c r="N356362" s="10"/>
    </row>
    <row r="356363" spans="14:14">
      <c r="N356363" s="10"/>
    </row>
    <row r="356364" spans="14:14">
      <c r="N356364" s="10"/>
    </row>
    <row r="356365" spans="14:14">
      <c r="N356365" s="10"/>
    </row>
    <row r="356366" spans="14:14">
      <c r="N356366" s="10"/>
    </row>
    <row r="356367" spans="14:14">
      <c r="N356367" s="10"/>
    </row>
    <row r="356368" spans="14:14">
      <c r="N356368" s="10"/>
    </row>
    <row r="356369" spans="14:14">
      <c r="N356369" s="10"/>
    </row>
    <row r="356370" spans="14:14">
      <c r="N356370" s="10"/>
    </row>
    <row r="356371" spans="14:14">
      <c r="N356371" s="10"/>
    </row>
    <row r="356372" spans="14:14">
      <c r="N356372" s="10"/>
    </row>
    <row r="356373" spans="14:14">
      <c r="N356373" s="10"/>
    </row>
    <row r="356374" spans="14:14">
      <c r="N356374" s="10"/>
    </row>
    <row r="356375" spans="14:14">
      <c r="N356375" s="10"/>
    </row>
    <row r="356376" spans="14:14">
      <c r="N356376" s="10"/>
    </row>
    <row r="356377" spans="14:14">
      <c r="N356377" s="10"/>
    </row>
    <row r="356378" spans="14:14">
      <c r="N356378" s="10"/>
    </row>
    <row r="356379" spans="14:14">
      <c r="N356379" s="10"/>
    </row>
    <row r="356380" spans="14:14">
      <c r="N356380" s="10"/>
    </row>
    <row r="356381" spans="14:14">
      <c r="N356381" s="10"/>
    </row>
    <row r="356382" spans="14:14">
      <c r="N356382" s="10"/>
    </row>
    <row r="356383" spans="14:14">
      <c r="N356383" s="10"/>
    </row>
    <row r="356384" spans="14:14">
      <c r="N356384" s="10"/>
    </row>
    <row r="356385" spans="14:14">
      <c r="N356385" s="10"/>
    </row>
    <row r="356386" spans="14:14">
      <c r="N356386" s="10"/>
    </row>
    <row r="356387" spans="14:14">
      <c r="N356387" s="10"/>
    </row>
    <row r="356388" spans="14:14">
      <c r="N356388" s="10"/>
    </row>
    <row r="356389" spans="14:14">
      <c r="N356389" s="10"/>
    </row>
    <row r="356390" spans="14:14">
      <c r="N356390" s="10"/>
    </row>
    <row r="356391" spans="14:14">
      <c r="N356391" s="10"/>
    </row>
    <row r="356392" spans="14:14">
      <c r="N356392" s="10"/>
    </row>
    <row r="356393" spans="14:14">
      <c r="N356393" s="10"/>
    </row>
    <row r="356394" spans="14:14">
      <c r="N356394" s="10"/>
    </row>
    <row r="356395" spans="14:14">
      <c r="N356395" s="10"/>
    </row>
    <row r="356396" spans="14:14">
      <c r="N356396" s="10"/>
    </row>
    <row r="356397" spans="14:14">
      <c r="N356397" s="10"/>
    </row>
    <row r="356398" spans="14:14">
      <c r="N356398" s="10"/>
    </row>
    <row r="356399" spans="14:14">
      <c r="N356399" s="10"/>
    </row>
    <row r="356400" spans="14:14">
      <c r="N356400" s="10"/>
    </row>
    <row r="356401" spans="14:14">
      <c r="N356401" s="10"/>
    </row>
    <row r="356402" spans="14:14">
      <c r="N356402" s="10"/>
    </row>
    <row r="356403" spans="14:14">
      <c r="N356403" s="10"/>
    </row>
    <row r="356404" spans="14:14">
      <c r="N356404" s="10"/>
    </row>
    <row r="356405" spans="14:14">
      <c r="N356405" s="10"/>
    </row>
    <row r="356406" spans="14:14">
      <c r="N356406" s="10"/>
    </row>
    <row r="356407" spans="14:14">
      <c r="N356407" s="10"/>
    </row>
    <row r="356408" spans="14:14">
      <c r="N356408" s="10"/>
    </row>
    <row r="356409" spans="14:14">
      <c r="N356409" s="10"/>
    </row>
    <row r="356410" spans="14:14">
      <c r="N356410" s="10"/>
    </row>
    <row r="356411" spans="14:14">
      <c r="N356411" s="10"/>
    </row>
    <row r="356412" spans="14:14">
      <c r="N356412" s="10"/>
    </row>
    <row r="356413" spans="14:14">
      <c r="N356413" s="10"/>
    </row>
    <row r="356414" spans="14:14">
      <c r="N356414" s="10"/>
    </row>
    <row r="356415" spans="14:14">
      <c r="N356415" s="10"/>
    </row>
    <row r="356416" spans="14:14">
      <c r="N356416" s="10"/>
    </row>
    <row r="356417" spans="14:14">
      <c r="N356417" s="10"/>
    </row>
    <row r="356418" spans="14:14">
      <c r="N356418" s="10"/>
    </row>
    <row r="356419" spans="14:14">
      <c r="N356419" s="10"/>
    </row>
    <row r="356420" spans="14:14">
      <c r="N356420" s="10"/>
    </row>
    <row r="356421" spans="14:14">
      <c r="N356421" s="10"/>
    </row>
    <row r="356422" spans="14:14">
      <c r="N356422" s="10"/>
    </row>
    <row r="356423" spans="14:14">
      <c r="N356423" s="10"/>
    </row>
    <row r="356424" spans="14:14">
      <c r="N356424" s="10"/>
    </row>
    <row r="356425" spans="14:14">
      <c r="N356425" s="10"/>
    </row>
    <row r="356426" spans="14:14">
      <c r="N356426" s="10"/>
    </row>
    <row r="356427" spans="14:14">
      <c r="N356427" s="10"/>
    </row>
    <row r="356428" spans="14:14">
      <c r="N356428" s="10"/>
    </row>
    <row r="356429" spans="14:14">
      <c r="N356429" s="10"/>
    </row>
    <row r="356430" spans="14:14">
      <c r="N356430" s="10"/>
    </row>
    <row r="356431" spans="14:14">
      <c r="N356431" s="10"/>
    </row>
    <row r="356432" spans="14:14">
      <c r="N356432" s="10"/>
    </row>
    <row r="356433" spans="14:14">
      <c r="N356433" s="10"/>
    </row>
    <row r="356434" spans="14:14">
      <c r="N356434" s="10"/>
    </row>
    <row r="356435" spans="14:14">
      <c r="N356435" s="10"/>
    </row>
    <row r="356436" spans="14:14">
      <c r="N356436" s="10"/>
    </row>
    <row r="356437" spans="14:14">
      <c r="N356437" s="10"/>
    </row>
    <row r="356438" spans="14:14">
      <c r="N356438" s="10"/>
    </row>
    <row r="356439" spans="14:14">
      <c r="N356439" s="10"/>
    </row>
    <row r="356440" spans="14:14">
      <c r="N356440" s="10"/>
    </row>
    <row r="356441" spans="14:14">
      <c r="N356441" s="10"/>
    </row>
    <row r="356442" spans="14:14">
      <c r="N356442" s="10"/>
    </row>
    <row r="356443" spans="14:14">
      <c r="N356443" s="10"/>
    </row>
    <row r="356444" spans="14:14">
      <c r="N356444" s="10"/>
    </row>
    <row r="356445" spans="14:14">
      <c r="N356445" s="10"/>
    </row>
    <row r="356446" spans="14:14">
      <c r="N356446" s="10"/>
    </row>
    <row r="356447" spans="14:14">
      <c r="N356447" s="10"/>
    </row>
    <row r="356448" spans="14:14">
      <c r="N356448" s="10"/>
    </row>
    <row r="356449" spans="14:14">
      <c r="N356449" s="10"/>
    </row>
    <row r="356450" spans="14:14">
      <c r="N356450" s="10"/>
    </row>
    <row r="356451" spans="14:14">
      <c r="N356451" s="10"/>
    </row>
    <row r="356452" spans="14:14">
      <c r="N356452" s="10"/>
    </row>
    <row r="356453" spans="14:14">
      <c r="N356453" s="10"/>
    </row>
    <row r="356454" spans="14:14">
      <c r="N356454" s="10"/>
    </row>
    <row r="356455" spans="14:14">
      <c r="N356455" s="10"/>
    </row>
    <row r="356456" spans="14:14">
      <c r="N356456" s="10"/>
    </row>
    <row r="356457" spans="14:14">
      <c r="N356457" s="10"/>
    </row>
    <row r="356458" spans="14:14">
      <c r="N356458" s="10"/>
    </row>
    <row r="356459" spans="14:14">
      <c r="N356459" s="10"/>
    </row>
    <row r="356460" spans="14:14">
      <c r="N356460" s="10"/>
    </row>
    <row r="356461" spans="14:14">
      <c r="N356461" s="10"/>
    </row>
    <row r="356462" spans="14:14">
      <c r="N356462" s="10"/>
    </row>
    <row r="356463" spans="14:14">
      <c r="N356463" s="10"/>
    </row>
    <row r="356464" spans="14:14">
      <c r="N356464" s="10"/>
    </row>
    <row r="356465" spans="14:14">
      <c r="N356465" s="10"/>
    </row>
    <row r="356466" spans="14:14">
      <c r="N356466" s="10"/>
    </row>
    <row r="356467" spans="14:14">
      <c r="N356467" s="10"/>
    </row>
    <row r="356468" spans="14:14">
      <c r="N356468" s="10"/>
    </row>
    <row r="356469" spans="14:14">
      <c r="N356469" s="10"/>
    </row>
    <row r="356470" spans="14:14">
      <c r="N356470" s="10"/>
    </row>
    <row r="356471" spans="14:14">
      <c r="N356471" s="10"/>
    </row>
    <row r="356472" spans="14:14">
      <c r="N356472" s="10"/>
    </row>
    <row r="356473" spans="14:14">
      <c r="N356473" s="10"/>
    </row>
    <row r="356474" spans="14:14">
      <c r="N356474" s="10"/>
    </row>
    <row r="356475" spans="14:14">
      <c r="N356475" s="10"/>
    </row>
    <row r="356476" spans="14:14">
      <c r="N356476" s="10"/>
    </row>
    <row r="356477" spans="14:14">
      <c r="N356477" s="10"/>
    </row>
    <row r="356478" spans="14:14">
      <c r="N356478" s="10"/>
    </row>
    <row r="356479" spans="14:14">
      <c r="N356479" s="10"/>
    </row>
    <row r="356480" spans="14:14">
      <c r="N356480" s="10"/>
    </row>
    <row r="356481" spans="14:14">
      <c r="N356481" s="10"/>
    </row>
    <row r="356482" spans="14:14">
      <c r="N356482" s="10"/>
    </row>
    <row r="356483" spans="14:14">
      <c r="N356483" s="10"/>
    </row>
    <row r="356484" spans="14:14">
      <c r="N356484" s="10"/>
    </row>
    <row r="356485" spans="14:14">
      <c r="N356485" s="10"/>
    </row>
    <row r="356486" spans="14:14">
      <c r="N356486" s="10"/>
    </row>
    <row r="356487" spans="14:14">
      <c r="N356487" s="10"/>
    </row>
    <row r="356488" spans="14:14">
      <c r="N356488" s="10"/>
    </row>
    <row r="356489" spans="14:14">
      <c r="N356489" s="10"/>
    </row>
    <row r="356490" spans="14:14">
      <c r="N356490" s="10"/>
    </row>
    <row r="356491" spans="14:14">
      <c r="N356491" s="10"/>
    </row>
    <row r="356492" spans="14:14">
      <c r="N356492" s="10"/>
    </row>
    <row r="356493" spans="14:14">
      <c r="N356493" s="10"/>
    </row>
    <row r="356494" spans="14:14">
      <c r="N356494" s="10"/>
    </row>
    <row r="356495" spans="14:14">
      <c r="N356495" s="10"/>
    </row>
    <row r="356496" spans="14:14">
      <c r="N356496" s="10"/>
    </row>
    <row r="356497" spans="14:14">
      <c r="N356497" s="10"/>
    </row>
    <row r="356498" spans="14:14">
      <c r="N356498" s="10"/>
    </row>
    <row r="356499" spans="14:14">
      <c r="N356499" s="10"/>
    </row>
    <row r="356500" spans="14:14">
      <c r="N356500" s="10"/>
    </row>
    <row r="356501" spans="14:14">
      <c r="N356501" s="10"/>
    </row>
    <row r="356502" spans="14:14">
      <c r="N356502" s="10"/>
    </row>
    <row r="356503" spans="14:14">
      <c r="N356503" s="10"/>
    </row>
    <row r="356504" spans="14:14">
      <c r="N356504" s="10"/>
    </row>
    <row r="356505" spans="14:14">
      <c r="N356505" s="10"/>
    </row>
    <row r="356506" spans="14:14">
      <c r="N356506" s="10"/>
    </row>
    <row r="356507" spans="14:14">
      <c r="N356507" s="10"/>
    </row>
    <row r="356508" spans="14:14">
      <c r="N356508" s="10"/>
    </row>
    <row r="356509" spans="14:14">
      <c r="N356509" s="10"/>
    </row>
    <row r="356510" spans="14:14">
      <c r="N356510" s="10"/>
    </row>
    <row r="356511" spans="14:14">
      <c r="N356511" s="10"/>
    </row>
    <row r="356512" spans="14:14">
      <c r="N356512" s="10"/>
    </row>
    <row r="356513" spans="14:14">
      <c r="N356513" s="10"/>
    </row>
    <row r="356514" spans="14:14">
      <c r="N356514" s="10"/>
    </row>
    <row r="356515" spans="14:14">
      <c r="N356515" s="10"/>
    </row>
    <row r="356516" spans="14:14">
      <c r="N356516" s="10"/>
    </row>
    <row r="356517" spans="14:14">
      <c r="N356517" s="10"/>
    </row>
    <row r="356518" spans="14:14">
      <c r="N356518" s="10"/>
    </row>
    <row r="356519" spans="14:14">
      <c r="N356519" s="10"/>
    </row>
    <row r="356520" spans="14:14">
      <c r="N356520" s="10"/>
    </row>
    <row r="356521" spans="14:14">
      <c r="N356521" s="10"/>
    </row>
    <row r="356522" spans="14:14">
      <c r="N356522" s="10"/>
    </row>
    <row r="356523" spans="14:14">
      <c r="N356523" s="10"/>
    </row>
    <row r="356524" spans="14:14">
      <c r="N356524" s="10"/>
    </row>
    <row r="356525" spans="14:14">
      <c r="N356525" s="10"/>
    </row>
    <row r="356526" spans="14:14">
      <c r="N356526" s="10"/>
    </row>
    <row r="356527" spans="14:14">
      <c r="N356527" s="10"/>
    </row>
    <row r="356528" spans="14:14">
      <c r="N356528" s="10"/>
    </row>
    <row r="356529" spans="14:14">
      <c r="N356529" s="10"/>
    </row>
    <row r="356530" spans="14:14">
      <c r="N356530" s="10"/>
    </row>
    <row r="356531" spans="14:14">
      <c r="N356531" s="10"/>
    </row>
    <row r="356532" spans="14:14">
      <c r="N356532" s="10"/>
    </row>
    <row r="356533" spans="14:14">
      <c r="N356533" s="10"/>
    </row>
    <row r="356534" spans="14:14">
      <c r="N356534" s="10"/>
    </row>
    <row r="356535" spans="14:14">
      <c r="N356535" s="10"/>
    </row>
    <row r="356536" spans="14:14">
      <c r="N356536" s="10"/>
    </row>
    <row r="356537" spans="14:14">
      <c r="N356537" s="10"/>
    </row>
    <row r="356538" spans="14:14">
      <c r="N356538" s="10"/>
    </row>
    <row r="356539" spans="14:14">
      <c r="N356539" s="10"/>
    </row>
    <row r="356540" spans="14:14">
      <c r="N356540" s="10"/>
    </row>
    <row r="356541" spans="14:14">
      <c r="N356541" s="10"/>
    </row>
    <row r="356542" spans="14:14">
      <c r="N356542" s="10"/>
    </row>
    <row r="356543" spans="14:14">
      <c r="N356543" s="10"/>
    </row>
    <row r="356544" spans="14:14">
      <c r="N356544" s="10"/>
    </row>
    <row r="356545" spans="14:14">
      <c r="N356545" s="10"/>
    </row>
    <row r="356546" spans="14:14">
      <c r="N356546" s="10"/>
    </row>
    <row r="356547" spans="14:14">
      <c r="N356547" s="10"/>
    </row>
    <row r="356548" spans="14:14">
      <c r="N356548" s="10"/>
    </row>
    <row r="356549" spans="14:14">
      <c r="N356549" s="10"/>
    </row>
    <row r="356550" spans="14:14">
      <c r="N356550" s="10"/>
    </row>
    <row r="356551" spans="14:14">
      <c r="N356551" s="10"/>
    </row>
    <row r="356552" spans="14:14">
      <c r="N356552" s="10"/>
    </row>
    <row r="356553" spans="14:14">
      <c r="N356553" s="10"/>
    </row>
    <row r="356554" spans="14:14">
      <c r="N356554" s="10"/>
    </row>
    <row r="356555" spans="14:14">
      <c r="N356555" s="10"/>
    </row>
    <row r="356556" spans="14:14">
      <c r="N356556" s="10"/>
    </row>
    <row r="356557" spans="14:14">
      <c r="N356557" s="10"/>
    </row>
    <row r="356558" spans="14:14">
      <c r="N356558" s="10"/>
    </row>
    <row r="356559" spans="14:14">
      <c r="N356559" s="10"/>
    </row>
    <row r="356560" spans="14:14">
      <c r="N356560" s="10"/>
    </row>
    <row r="356561" spans="14:14">
      <c r="N356561" s="10"/>
    </row>
    <row r="356562" spans="14:14">
      <c r="N356562" s="10"/>
    </row>
    <row r="356563" spans="14:14">
      <c r="N356563" s="10"/>
    </row>
    <row r="356564" spans="14:14">
      <c r="N356564" s="10"/>
    </row>
    <row r="356565" spans="14:14">
      <c r="N356565" s="10"/>
    </row>
    <row r="356566" spans="14:14">
      <c r="N356566" s="10"/>
    </row>
    <row r="356567" spans="14:14">
      <c r="N356567" s="10"/>
    </row>
    <row r="356568" spans="14:14">
      <c r="N356568" s="10"/>
    </row>
    <row r="356569" spans="14:14">
      <c r="N356569" s="10"/>
    </row>
    <row r="356570" spans="14:14">
      <c r="N356570" s="10"/>
    </row>
    <row r="356571" spans="14:14">
      <c r="N356571" s="10"/>
    </row>
    <row r="356572" spans="14:14">
      <c r="N356572" s="10"/>
    </row>
    <row r="356573" spans="14:14">
      <c r="N356573" s="10"/>
    </row>
    <row r="356574" spans="14:14">
      <c r="N356574" s="10"/>
    </row>
    <row r="356575" spans="14:14">
      <c r="N356575" s="10"/>
    </row>
    <row r="356576" spans="14:14">
      <c r="N356576" s="10"/>
    </row>
    <row r="356577" spans="14:14">
      <c r="N356577" s="10"/>
    </row>
    <row r="356578" spans="14:14">
      <c r="N356578" s="10"/>
    </row>
    <row r="356579" spans="14:14">
      <c r="N356579" s="10"/>
    </row>
    <row r="356580" spans="14:14">
      <c r="N356580" s="10"/>
    </row>
    <row r="356581" spans="14:14">
      <c r="N356581" s="10"/>
    </row>
    <row r="356582" spans="14:14">
      <c r="N356582" s="10"/>
    </row>
    <row r="356583" spans="14:14">
      <c r="N356583" s="10"/>
    </row>
    <row r="356584" spans="14:14">
      <c r="N356584" s="10"/>
    </row>
    <row r="356585" spans="14:14">
      <c r="N356585" s="10"/>
    </row>
    <row r="356586" spans="14:14">
      <c r="N356586" s="10"/>
    </row>
    <row r="356587" spans="14:14">
      <c r="N356587" s="10"/>
    </row>
    <row r="356588" spans="14:14">
      <c r="N356588" s="10"/>
    </row>
    <row r="356589" spans="14:14">
      <c r="N356589" s="10"/>
    </row>
    <row r="356590" spans="14:14">
      <c r="N356590" s="10"/>
    </row>
    <row r="356591" spans="14:14">
      <c r="N356591" s="10"/>
    </row>
    <row r="356592" spans="14:14">
      <c r="N356592" s="10"/>
    </row>
    <row r="356593" spans="14:14">
      <c r="N356593" s="10"/>
    </row>
    <row r="356594" spans="14:14">
      <c r="N356594" s="10"/>
    </row>
    <row r="356595" spans="14:14">
      <c r="N356595" s="10"/>
    </row>
    <row r="356596" spans="14:14">
      <c r="N356596" s="10"/>
    </row>
    <row r="356597" spans="14:14">
      <c r="N356597" s="10"/>
    </row>
    <row r="356598" spans="14:14">
      <c r="N356598" s="10"/>
    </row>
    <row r="356599" spans="14:14">
      <c r="N356599" s="10"/>
    </row>
    <row r="356600" spans="14:14">
      <c r="N356600" s="10"/>
    </row>
    <row r="356601" spans="14:14">
      <c r="N356601" s="10"/>
    </row>
    <row r="356602" spans="14:14">
      <c r="N356602" s="10"/>
    </row>
    <row r="356603" spans="14:14">
      <c r="N356603" s="10"/>
    </row>
    <row r="356604" spans="14:14">
      <c r="N356604" s="10"/>
    </row>
    <row r="356605" spans="14:14">
      <c r="N356605" s="10"/>
    </row>
    <row r="356606" spans="14:14">
      <c r="N356606" s="10"/>
    </row>
    <row r="356607" spans="14:14">
      <c r="N356607" s="10"/>
    </row>
    <row r="356608" spans="14:14">
      <c r="N356608" s="10"/>
    </row>
    <row r="356609" spans="14:14">
      <c r="N356609" s="10"/>
    </row>
    <row r="356610" spans="14:14">
      <c r="N356610" s="10"/>
    </row>
    <row r="356611" spans="14:14">
      <c r="N356611" s="10"/>
    </row>
    <row r="356612" spans="14:14">
      <c r="N356612" s="10"/>
    </row>
    <row r="356613" spans="14:14">
      <c r="N356613" s="10"/>
    </row>
    <row r="356614" spans="14:14">
      <c r="N356614" s="10"/>
    </row>
    <row r="356615" spans="14:14">
      <c r="N356615" s="10"/>
    </row>
    <row r="356616" spans="14:14">
      <c r="N356616" s="10"/>
    </row>
    <row r="356617" spans="14:14">
      <c r="N356617" s="10"/>
    </row>
    <row r="356618" spans="14:14">
      <c r="N356618" s="10"/>
    </row>
    <row r="356619" spans="14:14">
      <c r="N356619" s="10"/>
    </row>
    <row r="356620" spans="14:14">
      <c r="N356620" s="10"/>
    </row>
    <row r="356621" spans="14:14">
      <c r="N356621" s="10"/>
    </row>
    <row r="356622" spans="14:14">
      <c r="N356622" s="10"/>
    </row>
    <row r="356623" spans="14:14">
      <c r="N356623" s="10"/>
    </row>
    <row r="356624" spans="14:14">
      <c r="N356624" s="10"/>
    </row>
    <row r="356625" spans="14:14">
      <c r="N356625" s="10"/>
    </row>
    <row r="356626" spans="14:14">
      <c r="N356626" s="10"/>
    </row>
    <row r="356627" spans="14:14">
      <c r="N356627" s="10"/>
    </row>
    <row r="356628" spans="14:14">
      <c r="N356628" s="10"/>
    </row>
    <row r="356629" spans="14:14">
      <c r="N356629" s="10"/>
    </row>
    <row r="356630" spans="14:14">
      <c r="N356630" s="10"/>
    </row>
    <row r="356631" spans="14:14">
      <c r="N356631" s="10"/>
    </row>
    <row r="356632" spans="14:14">
      <c r="N356632" s="10"/>
    </row>
    <row r="356633" spans="14:14">
      <c r="N356633" s="10"/>
    </row>
    <row r="356634" spans="14:14">
      <c r="N356634" s="10"/>
    </row>
    <row r="356635" spans="14:14">
      <c r="N356635" s="10"/>
    </row>
    <row r="356636" spans="14:14">
      <c r="N356636" s="10"/>
    </row>
    <row r="356637" spans="14:14">
      <c r="N356637" s="10"/>
    </row>
    <row r="356638" spans="14:14">
      <c r="N356638" s="10"/>
    </row>
    <row r="356639" spans="14:14">
      <c r="N356639" s="10"/>
    </row>
    <row r="356640" spans="14:14">
      <c r="N356640" s="10"/>
    </row>
    <row r="356641" spans="14:14">
      <c r="N356641" s="10"/>
    </row>
    <row r="356642" spans="14:14">
      <c r="N356642" s="10"/>
    </row>
    <row r="356643" spans="14:14">
      <c r="N356643" s="10"/>
    </row>
    <row r="356644" spans="14:14">
      <c r="N356644" s="10"/>
    </row>
    <row r="356645" spans="14:14">
      <c r="N356645" s="10"/>
    </row>
    <row r="356646" spans="14:14">
      <c r="N356646" s="10"/>
    </row>
    <row r="356647" spans="14:14">
      <c r="N356647" s="10"/>
    </row>
    <row r="356648" spans="14:14">
      <c r="N356648" s="10"/>
    </row>
    <row r="356649" spans="14:14">
      <c r="N356649" s="10"/>
    </row>
    <row r="356650" spans="14:14">
      <c r="N356650" s="10"/>
    </row>
    <row r="356651" spans="14:14">
      <c r="N356651" s="10"/>
    </row>
    <row r="356652" spans="14:14">
      <c r="N356652" s="10"/>
    </row>
    <row r="356653" spans="14:14">
      <c r="N356653" s="10"/>
    </row>
    <row r="356654" spans="14:14">
      <c r="N356654" s="10"/>
    </row>
    <row r="356655" spans="14:14">
      <c r="N356655" s="10"/>
    </row>
    <row r="356656" spans="14:14">
      <c r="N356656" s="10"/>
    </row>
    <row r="356657" spans="14:14">
      <c r="N356657" s="10"/>
    </row>
    <row r="356658" spans="14:14">
      <c r="N356658" s="10"/>
    </row>
    <row r="356659" spans="14:14">
      <c r="N356659" s="10"/>
    </row>
    <row r="356660" spans="14:14">
      <c r="N356660" s="10"/>
    </row>
    <row r="356661" spans="14:14">
      <c r="N356661" s="10"/>
    </row>
    <row r="356662" spans="14:14">
      <c r="N356662" s="10"/>
    </row>
    <row r="356663" spans="14:14">
      <c r="N356663" s="10"/>
    </row>
    <row r="356664" spans="14:14">
      <c r="N356664" s="10"/>
    </row>
    <row r="356665" spans="14:14">
      <c r="N356665" s="10"/>
    </row>
    <row r="356666" spans="14:14">
      <c r="N356666" s="10"/>
    </row>
    <row r="356667" spans="14:14">
      <c r="N356667" s="10"/>
    </row>
    <row r="356668" spans="14:14">
      <c r="N356668" s="10"/>
    </row>
    <row r="356669" spans="14:14">
      <c r="N356669" s="10"/>
    </row>
    <row r="356670" spans="14:14">
      <c r="N356670" s="10"/>
    </row>
    <row r="356671" spans="14:14">
      <c r="N356671" s="10"/>
    </row>
    <row r="356672" spans="14:14">
      <c r="N356672" s="10"/>
    </row>
    <row r="356673" spans="14:14">
      <c r="N356673" s="10"/>
    </row>
    <row r="356674" spans="14:14">
      <c r="N356674" s="10"/>
    </row>
    <row r="356675" spans="14:14">
      <c r="N356675" s="10"/>
    </row>
    <row r="356676" spans="14:14">
      <c r="N356676" s="10"/>
    </row>
    <row r="356677" spans="14:14">
      <c r="N356677" s="10"/>
    </row>
    <row r="356678" spans="14:14">
      <c r="N356678" s="10"/>
    </row>
    <row r="356679" spans="14:14">
      <c r="N356679" s="10"/>
    </row>
    <row r="356680" spans="14:14">
      <c r="N356680" s="10"/>
    </row>
    <row r="356681" spans="14:14">
      <c r="N356681" s="10"/>
    </row>
    <row r="356682" spans="14:14">
      <c r="N356682" s="10"/>
    </row>
    <row r="356683" spans="14:14">
      <c r="N356683" s="10"/>
    </row>
    <row r="356684" spans="14:14">
      <c r="N356684" s="10"/>
    </row>
    <row r="356685" spans="14:14">
      <c r="N356685" s="10"/>
    </row>
    <row r="356686" spans="14:14">
      <c r="N356686" s="10"/>
    </row>
    <row r="356687" spans="14:14">
      <c r="N356687" s="10"/>
    </row>
    <row r="356688" spans="14:14">
      <c r="N356688" s="10"/>
    </row>
    <row r="356689" spans="14:14">
      <c r="N356689" s="10"/>
    </row>
    <row r="356690" spans="14:14">
      <c r="N356690" s="10"/>
    </row>
    <row r="356691" spans="14:14">
      <c r="N356691" s="10"/>
    </row>
    <row r="356692" spans="14:14">
      <c r="N356692" s="10"/>
    </row>
    <row r="356693" spans="14:14">
      <c r="N356693" s="10"/>
    </row>
    <row r="356694" spans="14:14">
      <c r="N356694" s="10"/>
    </row>
    <row r="356695" spans="14:14">
      <c r="N356695" s="10"/>
    </row>
    <row r="356696" spans="14:14">
      <c r="N356696" s="10"/>
    </row>
    <row r="356697" spans="14:14">
      <c r="N356697" s="10"/>
    </row>
    <row r="356698" spans="14:14">
      <c r="N356698" s="10"/>
    </row>
    <row r="356699" spans="14:14">
      <c r="N356699" s="10"/>
    </row>
    <row r="356700" spans="14:14">
      <c r="N356700" s="10"/>
    </row>
    <row r="356701" spans="14:14">
      <c r="N356701" s="10"/>
    </row>
    <row r="356702" spans="14:14">
      <c r="N356702" s="10"/>
    </row>
    <row r="356703" spans="14:14">
      <c r="N356703" s="10"/>
    </row>
    <row r="356704" spans="14:14">
      <c r="N356704" s="10"/>
    </row>
    <row r="356705" spans="14:14">
      <c r="N356705" s="10"/>
    </row>
    <row r="356706" spans="14:14">
      <c r="N356706" s="10"/>
    </row>
    <row r="356707" spans="14:14">
      <c r="N356707" s="10"/>
    </row>
    <row r="356708" spans="14:14">
      <c r="N356708" s="10"/>
    </row>
    <row r="356709" spans="14:14">
      <c r="N356709" s="10"/>
    </row>
    <row r="356710" spans="14:14">
      <c r="N356710" s="10"/>
    </row>
    <row r="356711" spans="14:14">
      <c r="N356711" s="10"/>
    </row>
    <row r="356712" spans="14:14">
      <c r="N356712" s="10"/>
    </row>
    <row r="356713" spans="14:14">
      <c r="N356713" s="10"/>
    </row>
    <row r="356714" spans="14:14">
      <c r="N356714" s="10"/>
    </row>
    <row r="356715" spans="14:14">
      <c r="N356715" s="10"/>
    </row>
    <row r="356716" spans="14:14">
      <c r="N356716" s="10"/>
    </row>
    <row r="356717" spans="14:14">
      <c r="N356717" s="10"/>
    </row>
    <row r="356718" spans="14:14">
      <c r="N356718" s="10"/>
    </row>
    <row r="356719" spans="14:14">
      <c r="N356719" s="10"/>
    </row>
    <row r="356720" spans="14:14">
      <c r="N356720" s="10"/>
    </row>
    <row r="356721" spans="14:14">
      <c r="N356721" s="10"/>
    </row>
    <row r="356722" spans="14:14">
      <c r="N356722" s="10"/>
    </row>
    <row r="356723" spans="14:14">
      <c r="N356723" s="10"/>
    </row>
    <row r="356724" spans="14:14">
      <c r="N356724" s="10"/>
    </row>
    <row r="356725" spans="14:14">
      <c r="N356725" s="10"/>
    </row>
    <row r="356726" spans="14:14">
      <c r="N356726" s="10"/>
    </row>
    <row r="356727" spans="14:14">
      <c r="N356727" s="10"/>
    </row>
    <row r="356728" spans="14:14">
      <c r="N356728" s="10"/>
    </row>
    <row r="356729" spans="14:14">
      <c r="N356729" s="10"/>
    </row>
    <row r="356730" spans="14:14">
      <c r="N356730" s="10"/>
    </row>
    <row r="356731" spans="14:14">
      <c r="N356731" s="10"/>
    </row>
    <row r="356732" spans="14:14">
      <c r="N356732" s="10"/>
    </row>
    <row r="356733" spans="14:14">
      <c r="N356733" s="10"/>
    </row>
    <row r="356734" spans="14:14">
      <c r="N356734" s="10"/>
    </row>
    <row r="356735" spans="14:14">
      <c r="N356735" s="10"/>
    </row>
    <row r="356736" spans="14:14">
      <c r="N356736" s="10"/>
    </row>
    <row r="356737" spans="14:14">
      <c r="N356737" s="10"/>
    </row>
    <row r="356738" spans="14:14">
      <c r="N356738" s="10"/>
    </row>
    <row r="356739" spans="14:14">
      <c r="N356739" s="10"/>
    </row>
    <row r="356740" spans="14:14">
      <c r="N356740" s="10"/>
    </row>
    <row r="356741" spans="14:14">
      <c r="N356741" s="10"/>
    </row>
    <row r="356742" spans="14:14">
      <c r="N356742" s="10"/>
    </row>
    <row r="356743" spans="14:14">
      <c r="N356743" s="10"/>
    </row>
    <row r="356744" spans="14:14">
      <c r="N356744" s="10"/>
    </row>
    <row r="356745" spans="14:14">
      <c r="N356745" s="10"/>
    </row>
    <row r="356746" spans="14:14">
      <c r="N356746" s="10"/>
    </row>
    <row r="356747" spans="14:14">
      <c r="N356747" s="10"/>
    </row>
    <row r="356748" spans="14:14">
      <c r="N356748" s="10"/>
    </row>
    <row r="356749" spans="14:14">
      <c r="N356749" s="10"/>
    </row>
    <row r="356750" spans="14:14">
      <c r="N356750" s="10"/>
    </row>
    <row r="356751" spans="14:14">
      <c r="N356751" s="10"/>
    </row>
    <row r="356752" spans="14:14">
      <c r="N356752" s="10"/>
    </row>
    <row r="356753" spans="14:14">
      <c r="N356753" s="10"/>
    </row>
    <row r="356754" spans="14:14">
      <c r="N356754" s="10"/>
    </row>
    <row r="356755" spans="14:14">
      <c r="N356755" s="10"/>
    </row>
    <row r="356756" spans="14:14">
      <c r="N356756" s="10"/>
    </row>
    <row r="356757" spans="14:14">
      <c r="N356757" s="10"/>
    </row>
    <row r="356758" spans="14:14">
      <c r="N356758" s="10"/>
    </row>
    <row r="356759" spans="14:14">
      <c r="N356759" s="10"/>
    </row>
    <row r="356760" spans="14:14">
      <c r="N356760" s="10"/>
    </row>
    <row r="356761" spans="14:14">
      <c r="N356761" s="10"/>
    </row>
    <row r="356762" spans="14:14">
      <c r="N356762" s="10"/>
    </row>
    <row r="356763" spans="14:14">
      <c r="N356763" s="10"/>
    </row>
    <row r="356764" spans="14:14">
      <c r="N356764" s="10"/>
    </row>
    <row r="356765" spans="14:14">
      <c r="N356765" s="10"/>
    </row>
    <row r="356766" spans="14:14">
      <c r="N356766" s="10"/>
    </row>
    <row r="356767" spans="14:14">
      <c r="N356767" s="10"/>
    </row>
    <row r="356768" spans="14:14">
      <c r="N356768" s="10"/>
    </row>
    <row r="356769" spans="14:14">
      <c r="N356769" s="10"/>
    </row>
    <row r="356770" spans="14:14">
      <c r="N356770" s="10"/>
    </row>
    <row r="356771" spans="14:14">
      <c r="N356771" s="10"/>
    </row>
    <row r="356772" spans="14:14">
      <c r="N356772" s="10"/>
    </row>
    <row r="356773" spans="14:14">
      <c r="N356773" s="10"/>
    </row>
    <row r="356774" spans="14:14">
      <c r="N356774" s="10"/>
    </row>
    <row r="356775" spans="14:14">
      <c r="N356775" s="10"/>
    </row>
    <row r="356776" spans="14:14">
      <c r="N356776" s="10"/>
    </row>
    <row r="356777" spans="14:14">
      <c r="N356777" s="10"/>
    </row>
    <row r="356778" spans="14:14">
      <c r="N356778" s="10"/>
    </row>
    <row r="356779" spans="14:14">
      <c r="N356779" s="10"/>
    </row>
    <row r="356780" spans="14:14">
      <c r="N356780" s="10"/>
    </row>
    <row r="356781" spans="14:14">
      <c r="N356781" s="10"/>
    </row>
    <row r="356782" spans="14:14">
      <c r="N356782" s="10"/>
    </row>
    <row r="356783" spans="14:14">
      <c r="N356783" s="10"/>
    </row>
    <row r="356784" spans="14:14">
      <c r="N356784" s="10"/>
    </row>
    <row r="356785" spans="14:14">
      <c r="N356785" s="10"/>
    </row>
    <row r="356786" spans="14:14">
      <c r="N356786" s="10"/>
    </row>
    <row r="356787" spans="14:14">
      <c r="N356787" s="10"/>
    </row>
    <row r="356788" spans="14:14">
      <c r="N356788" s="10"/>
    </row>
    <row r="356789" spans="14:14">
      <c r="N356789" s="10"/>
    </row>
    <row r="356790" spans="14:14">
      <c r="N356790" s="10"/>
    </row>
    <row r="356791" spans="14:14">
      <c r="N356791" s="10"/>
    </row>
    <row r="356792" spans="14:14">
      <c r="N356792" s="10"/>
    </row>
    <row r="356793" spans="14:14">
      <c r="N356793" s="10"/>
    </row>
    <row r="356794" spans="14:14">
      <c r="N356794" s="10"/>
    </row>
    <row r="356795" spans="14:14">
      <c r="N356795" s="10"/>
    </row>
    <row r="356796" spans="14:14">
      <c r="N356796" s="10"/>
    </row>
    <row r="356797" spans="14:14">
      <c r="N356797" s="10"/>
    </row>
    <row r="356798" spans="14:14">
      <c r="N356798" s="10"/>
    </row>
    <row r="356799" spans="14:14">
      <c r="N356799" s="10"/>
    </row>
    <row r="356800" spans="14:14">
      <c r="N356800" s="10"/>
    </row>
    <row r="356801" spans="14:14">
      <c r="N356801" s="10"/>
    </row>
    <row r="356802" spans="14:14">
      <c r="N356802" s="10"/>
    </row>
    <row r="356803" spans="14:14">
      <c r="N356803" s="10"/>
    </row>
    <row r="356804" spans="14:14">
      <c r="N356804" s="10"/>
    </row>
    <row r="356805" spans="14:14">
      <c r="N356805" s="10"/>
    </row>
    <row r="356806" spans="14:14">
      <c r="N356806" s="10"/>
    </row>
    <row r="356807" spans="14:14">
      <c r="N356807" s="10"/>
    </row>
    <row r="356808" spans="14:14">
      <c r="N356808" s="10"/>
    </row>
    <row r="356809" spans="14:14">
      <c r="N356809" s="10"/>
    </row>
    <row r="356810" spans="14:14">
      <c r="N356810" s="10"/>
    </row>
    <row r="356811" spans="14:14">
      <c r="N356811" s="10"/>
    </row>
    <row r="356812" spans="14:14">
      <c r="N356812" s="10"/>
    </row>
    <row r="356813" spans="14:14">
      <c r="N356813" s="10"/>
    </row>
    <row r="356814" spans="14:14">
      <c r="N356814" s="10"/>
    </row>
    <row r="356815" spans="14:14">
      <c r="N356815" s="10"/>
    </row>
    <row r="356816" spans="14:14">
      <c r="N356816" s="10"/>
    </row>
    <row r="356817" spans="14:14">
      <c r="N356817" s="10"/>
    </row>
    <row r="356818" spans="14:14">
      <c r="N356818" s="10"/>
    </row>
    <row r="356819" spans="14:14">
      <c r="N356819" s="10"/>
    </row>
    <row r="356820" spans="14:14">
      <c r="N356820" s="10"/>
    </row>
    <row r="356821" spans="14:14">
      <c r="N356821" s="10"/>
    </row>
    <row r="356822" spans="14:14">
      <c r="N356822" s="10"/>
    </row>
    <row r="356823" spans="14:14">
      <c r="N356823" s="10"/>
    </row>
    <row r="356824" spans="14:14">
      <c r="N356824" s="10"/>
    </row>
    <row r="356825" spans="14:14">
      <c r="N356825" s="10"/>
    </row>
    <row r="356826" spans="14:14">
      <c r="N356826" s="10"/>
    </row>
    <row r="356827" spans="14:14">
      <c r="N356827" s="10"/>
    </row>
    <row r="356828" spans="14:14">
      <c r="N356828" s="10"/>
    </row>
    <row r="356829" spans="14:14">
      <c r="N356829" s="10"/>
    </row>
    <row r="356830" spans="14:14">
      <c r="N356830" s="10"/>
    </row>
    <row r="356831" spans="14:14">
      <c r="N356831" s="10"/>
    </row>
    <row r="356832" spans="14:14">
      <c r="N356832" s="10"/>
    </row>
    <row r="356833" spans="14:14">
      <c r="N356833" s="10"/>
    </row>
    <row r="356834" spans="14:14">
      <c r="N356834" s="10"/>
    </row>
    <row r="356835" spans="14:14">
      <c r="N356835" s="10"/>
    </row>
    <row r="356836" spans="14:14">
      <c r="N356836" s="10"/>
    </row>
    <row r="356837" spans="14:14">
      <c r="N356837" s="10"/>
    </row>
    <row r="356838" spans="14:14">
      <c r="N356838" s="10"/>
    </row>
    <row r="356839" spans="14:14">
      <c r="N356839" s="10"/>
    </row>
    <row r="356840" spans="14:14">
      <c r="N356840" s="10"/>
    </row>
    <row r="356841" spans="14:14">
      <c r="N356841" s="10"/>
    </row>
    <row r="356842" spans="14:14">
      <c r="N356842" s="10"/>
    </row>
    <row r="356843" spans="14:14">
      <c r="N356843" s="10"/>
    </row>
    <row r="356844" spans="14:14">
      <c r="N356844" s="10"/>
    </row>
    <row r="356845" spans="14:14">
      <c r="N356845" s="10"/>
    </row>
    <row r="356846" spans="14:14">
      <c r="N356846" s="10"/>
    </row>
    <row r="356847" spans="14:14">
      <c r="N356847" s="10"/>
    </row>
    <row r="356848" spans="14:14">
      <c r="N356848" s="10"/>
    </row>
    <row r="356849" spans="14:14">
      <c r="N356849" s="10"/>
    </row>
    <row r="356850" spans="14:14">
      <c r="N356850" s="10"/>
    </row>
    <row r="356851" spans="14:14">
      <c r="N356851" s="10"/>
    </row>
    <row r="356852" spans="14:14">
      <c r="N356852" s="10"/>
    </row>
    <row r="356853" spans="14:14">
      <c r="N356853" s="10"/>
    </row>
    <row r="356854" spans="14:14">
      <c r="N356854" s="10"/>
    </row>
    <row r="356855" spans="14:14">
      <c r="N356855" s="10"/>
    </row>
    <row r="356856" spans="14:14">
      <c r="N356856" s="10"/>
    </row>
    <row r="356857" spans="14:14">
      <c r="N356857" s="10"/>
    </row>
    <row r="356858" spans="14:14">
      <c r="N356858" s="10"/>
    </row>
    <row r="356859" spans="14:14">
      <c r="N356859" s="10"/>
    </row>
    <row r="356860" spans="14:14">
      <c r="N356860" s="10"/>
    </row>
    <row r="356861" spans="14:14">
      <c r="N356861" s="10"/>
    </row>
    <row r="356862" spans="14:14">
      <c r="N356862" s="10"/>
    </row>
    <row r="356863" spans="14:14">
      <c r="N356863" s="10"/>
    </row>
    <row r="356864" spans="14:14">
      <c r="N356864" s="10"/>
    </row>
    <row r="356865" spans="14:14">
      <c r="N356865" s="10"/>
    </row>
    <row r="356866" spans="14:14">
      <c r="N356866" s="10"/>
    </row>
    <row r="356867" spans="14:14">
      <c r="N356867" s="10"/>
    </row>
    <row r="356868" spans="14:14">
      <c r="N356868" s="10"/>
    </row>
    <row r="356869" spans="14:14">
      <c r="N356869" s="10"/>
    </row>
    <row r="356870" spans="14:14">
      <c r="N356870" s="10"/>
    </row>
    <row r="356871" spans="14:14">
      <c r="N356871" s="10"/>
    </row>
    <row r="356872" spans="14:14">
      <c r="N356872" s="10"/>
    </row>
    <row r="356873" spans="14:14">
      <c r="N356873" s="10"/>
    </row>
    <row r="356874" spans="14:14">
      <c r="N356874" s="10"/>
    </row>
    <row r="356875" spans="14:14">
      <c r="N356875" s="10"/>
    </row>
    <row r="356876" spans="14:14">
      <c r="N356876" s="10"/>
    </row>
    <row r="356877" spans="14:14">
      <c r="N356877" s="10"/>
    </row>
    <row r="356878" spans="14:14">
      <c r="N356878" s="10"/>
    </row>
    <row r="356879" spans="14:14">
      <c r="N356879" s="10"/>
    </row>
    <row r="356880" spans="14:14">
      <c r="N356880" s="10"/>
    </row>
    <row r="356881" spans="14:14">
      <c r="N356881" s="10"/>
    </row>
    <row r="356882" spans="14:14">
      <c r="N356882" s="10"/>
    </row>
    <row r="356883" spans="14:14">
      <c r="N356883" s="10"/>
    </row>
    <row r="356884" spans="14:14">
      <c r="N356884" s="10"/>
    </row>
    <row r="356885" spans="14:14">
      <c r="N356885" s="10"/>
    </row>
    <row r="356886" spans="14:14">
      <c r="N356886" s="10"/>
    </row>
    <row r="356887" spans="14:14">
      <c r="N356887" s="10"/>
    </row>
    <row r="356888" spans="14:14">
      <c r="N356888" s="10"/>
    </row>
    <row r="356889" spans="14:14">
      <c r="N356889" s="10"/>
    </row>
    <row r="356890" spans="14:14">
      <c r="N356890" s="10"/>
    </row>
    <row r="356891" spans="14:14">
      <c r="N356891" s="10"/>
    </row>
    <row r="356892" spans="14:14">
      <c r="N356892" s="10"/>
    </row>
    <row r="356893" spans="14:14">
      <c r="N356893" s="10"/>
    </row>
    <row r="356894" spans="14:14">
      <c r="N356894" s="10"/>
    </row>
    <row r="356895" spans="14:14">
      <c r="N356895" s="10"/>
    </row>
    <row r="356896" spans="14:14">
      <c r="N356896" s="10"/>
    </row>
    <row r="356897" spans="14:14">
      <c r="N356897" s="10"/>
    </row>
    <row r="356898" spans="14:14">
      <c r="N356898" s="10"/>
    </row>
    <row r="356899" spans="14:14">
      <c r="N356899" s="10"/>
    </row>
    <row r="356900" spans="14:14">
      <c r="N356900" s="10"/>
    </row>
    <row r="356901" spans="14:14">
      <c r="N356901" s="10"/>
    </row>
    <row r="356902" spans="14:14">
      <c r="N356902" s="10"/>
    </row>
    <row r="356903" spans="14:14">
      <c r="N356903" s="10"/>
    </row>
    <row r="356904" spans="14:14">
      <c r="N356904" s="10"/>
    </row>
    <row r="356905" spans="14:14">
      <c r="N356905" s="10"/>
    </row>
    <row r="356906" spans="14:14">
      <c r="N356906" s="10"/>
    </row>
    <row r="356907" spans="14:14">
      <c r="N356907" s="10"/>
    </row>
    <row r="356908" spans="14:14">
      <c r="N356908" s="10"/>
    </row>
    <row r="356909" spans="14:14">
      <c r="N356909" s="10"/>
    </row>
    <row r="356910" spans="14:14">
      <c r="N356910" s="10"/>
    </row>
    <row r="356911" spans="14:14">
      <c r="N356911" s="10"/>
    </row>
    <row r="356912" spans="14:14">
      <c r="N356912" s="10"/>
    </row>
    <row r="356913" spans="14:14">
      <c r="N356913" s="10"/>
    </row>
    <row r="356914" spans="14:14">
      <c r="N356914" s="10"/>
    </row>
    <row r="356915" spans="14:14">
      <c r="N356915" s="10"/>
    </row>
    <row r="356916" spans="14:14">
      <c r="N356916" s="10"/>
    </row>
    <row r="356917" spans="14:14">
      <c r="N356917" s="10"/>
    </row>
    <row r="356918" spans="14:14">
      <c r="N356918" s="10"/>
    </row>
    <row r="356919" spans="14:14">
      <c r="N356919" s="10"/>
    </row>
    <row r="356920" spans="14:14">
      <c r="N356920" s="10"/>
    </row>
    <row r="356921" spans="14:14">
      <c r="N356921" s="10"/>
    </row>
    <row r="356922" spans="14:14">
      <c r="N356922" s="10"/>
    </row>
    <row r="356923" spans="14:14">
      <c r="N356923" s="10"/>
    </row>
    <row r="356924" spans="14:14">
      <c r="N356924" s="10"/>
    </row>
    <row r="356925" spans="14:14">
      <c r="N356925" s="10"/>
    </row>
    <row r="356926" spans="14:14">
      <c r="N356926" s="10"/>
    </row>
    <row r="356927" spans="14:14">
      <c r="N356927" s="10"/>
    </row>
    <row r="356928" spans="14:14">
      <c r="N356928" s="10"/>
    </row>
    <row r="356929" spans="14:14">
      <c r="N356929" s="10"/>
    </row>
    <row r="356930" spans="14:14">
      <c r="N356930" s="10"/>
    </row>
    <row r="356931" spans="14:14">
      <c r="N356931" s="10"/>
    </row>
    <row r="356932" spans="14:14">
      <c r="N356932" s="10"/>
    </row>
    <row r="356933" spans="14:14">
      <c r="N356933" s="10"/>
    </row>
    <row r="356934" spans="14:14">
      <c r="N356934" s="10"/>
    </row>
    <row r="356935" spans="14:14">
      <c r="N356935" s="10"/>
    </row>
    <row r="356936" spans="14:14">
      <c r="N356936" s="10"/>
    </row>
    <row r="356937" spans="14:14">
      <c r="N356937" s="10"/>
    </row>
    <row r="356938" spans="14:14">
      <c r="N356938" s="10"/>
    </row>
    <row r="356939" spans="14:14">
      <c r="N356939" s="10"/>
    </row>
    <row r="356940" spans="14:14">
      <c r="N356940" s="10"/>
    </row>
    <row r="356941" spans="14:14">
      <c r="N356941" s="10"/>
    </row>
    <row r="356942" spans="14:14">
      <c r="N356942" s="10"/>
    </row>
    <row r="356943" spans="14:14">
      <c r="N356943" s="10"/>
    </row>
    <row r="356944" spans="14:14">
      <c r="N356944" s="10"/>
    </row>
    <row r="356945" spans="14:14">
      <c r="N356945" s="10"/>
    </row>
    <row r="356946" spans="14:14">
      <c r="N356946" s="10"/>
    </row>
    <row r="356947" spans="14:14">
      <c r="N356947" s="10"/>
    </row>
    <row r="356948" spans="14:14">
      <c r="N356948" s="10"/>
    </row>
    <row r="356949" spans="14:14">
      <c r="N356949" s="10"/>
    </row>
    <row r="356950" spans="14:14">
      <c r="N356950" s="10"/>
    </row>
    <row r="356951" spans="14:14">
      <c r="N356951" s="10"/>
    </row>
    <row r="356952" spans="14:14">
      <c r="N356952" s="10"/>
    </row>
    <row r="356953" spans="14:14">
      <c r="N356953" s="10"/>
    </row>
    <row r="356954" spans="14:14">
      <c r="N356954" s="10"/>
    </row>
    <row r="356955" spans="14:14">
      <c r="N356955" s="10"/>
    </row>
    <row r="356956" spans="14:14">
      <c r="N356956" s="10"/>
    </row>
    <row r="356957" spans="14:14">
      <c r="N356957" s="10"/>
    </row>
    <row r="356958" spans="14:14">
      <c r="N356958" s="10"/>
    </row>
    <row r="356959" spans="14:14">
      <c r="N356959" s="10"/>
    </row>
    <row r="356960" spans="14:14">
      <c r="N356960" s="10"/>
    </row>
    <row r="356961" spans="14:14">
      <c r="N356961" s="10"/>
    </row>
    <row r="356962" spans="14:14">
      <c r="N356962" s="10"/>
    </row>
    <row r="356963" spans="14:14">
      <c r="N356963" s="10"/>
    </row>
    <row r="356964" spans="14:14">
      <c r="N356964" s="10"/>
    </row>
    <row r="356965" spans="14:14">
      <c r="N356965" s="10"/>
    </row>
    <row r="356966" spans="14:14">
      <c r="N356966" s="10"/>
    </row>
    <row r="356967" spans="14:14">
      <c r="N356967" s="10"/>
    </row>
    <row r="356968" spans="14:14">
      <c r="N356968" s="10"/>
    </row>
    <row r="356969" spans="14:14">
      <c r="N356969" s="10"/>
    </row>
    <row r="356970" spans="14:14">
      <c r="N356970" s="10"/>
    </row>
    <row r="356971" spans="14:14">
      <c r="N356971" s="10"/>
    </row>
    <row r="356972" spans="14:14">
      <c r="N356972" s="10"/>
    </row>
    <row r="356973" spans="14:14">
      <c r="N356973" s="10"/>
    </row>
    <row r="356974" spans="14:14">
      <c r="N356974" s="10"/>
    </row>
    <row r="356975" spans="14:14">
      <c r="N356975" s="10"/>
    </row>
    <row r="356976" spans="14:14">
      <c r="N356976" s="10"/>
    </row>
    <row r="356977" spans="14:14">
      <c r="N356977" s="10"/>
    </row>
    <row r="356978" spans="14:14">
      <c r="N356978" s="10"/>
    </row>
    <row r="356979" spans="14:14">
      <c r="N356979" s="10"/>
    </row>
    <row r="356980" spans="14:14">
      <c r="N356980" s="10"/>
    </row>
    <row r="356981" spans="14:14">
      <c r="N356981" s="10"/>
    </row>
    <row r="356982" spans="14:14">
      <c r="N356982" s="10"/>
    </row>
    <row r="356983" spans="14:14">
      <c r="N356983" s="10"/>
    </row>
    <row r="356984" spans="14:14">
      <c r="N356984" s="10"/>
    </row>
    <row r="356985" spans="14:14">
      <c r="N356985" s="10"/>
    </row>
    <row r="356986" spans="14:14">
      <c r="N356986" s="10"/>
    </row>
    <row r="356987" spans="14:14">
      <c r="N356987" s="10"/>
    </row>
    <row r="356988" spans="14:14">
      <c r="N356988" s="10"/>
    </row>
    <row r="356989" spans="14:14">
      <c r="N356989" s="10"/>
    </row>
    <row r="356990" spans="14:14">
      <c r="N356990" s="10"/>
    </row>
    <row r="356991" spans="14:14">
      <c r="N356991" s="10"/>
    </row>
    <row r="356992" spans="14:14">
      <c r="N356992" s="10"/>
    </row>
    <row r="356993" spans="14:14">
      <c r="N356993" s="10"/>
    </row>
    <row r="356994" spans="14:14">
      <c r="N356994" s="10"/>
    </row>
    <row r="356995" spans="14:14">
      <c r="N356995" s="10"/>
    </row>
    <row r="356996" spans="14:14">
      <c r="N356996" s="10"/>
    </row>
    <row r="356997" spans="14:14">
      <c r="N356997" s="10"/>
    </row>
    <row r="356998" spans="14:14">
      <c r="N356998" s="10"/>
    </row>
    <row r="356999" spans="14:14">
      <c r="N356999" s="10"/>
    </row>
    <row r="357000" spans="14:14">
      <c r="N357000" s="10"/>
    </row>
    <row r="357001" spans="14:14">
      <c r="N357001" s="10"/>
    </row>
    <row r="357002" spans="14:14">
      <c r="N357002" s="10"/>
    </row>
    <row r="357003" spans="14:14">
      <c r="N357003" s="10"/>
    </row>
    <row r="357004" spans="14:14">
      <c r="N357004" s="10"/>
    </row>
    <row r="357005" spans="14:14">
      <c r="N357005" s="10"/>
    </row>
    <row r="357006" spans="14:14">
      <c r="N357006" s="10"/>
    </row>
    <row r="357007" spans="14:14">
      <c r="N357007" s="10"/>
    </row>
    <row r="357008" spans="14:14">
      <c r="N357008" s="10"/>
    </row>
    <row r="357009" spans="14:14">
      <c r="N357009" s="10"/>
    </row>
    <row r="357010" spans="14:14">
      <c r="N357010" s="10"/>
    </row>
    <row r="357011" spans="14:14">
      <c r="N357011" s="10"/>
    </row>
    <row r="357012" spans="14:14">
      <c r="N357012" s="10"/>
    </row>
    <row r="357013" spans="14:14">
      <c r="N357013" s="10"/>
    </row>
    <row r="357014" spans="14:14">
      <c r="N357014" s="10"/>
    </row>
    <row r="357015" spans="14:14">
      <c r="N357015" s="10"/>
    </row>
    <row r="357016" spans="14:14">
      <c r="N357016" s="10"/>
    </row>
    <row r="357017" spans="14:14">
      <c r="N357017" s="10"/>
    </row>
    <row r="357018" spans="14:14">
      <c r="N357018" s="10"/>
    </row>
    <row r="357019" spans="14:14">
      <c r="N357019" s="10"/>
    </row>
    <row r="357020" spans="14:14">
      <c r="N357020" s="10"/>
    </row>
    <row r="357021" spans="14:14">
      <c r="N357021" s="10"/>
    </row>
    <row r="357022" spans="14:14">
      <c r="N357022" s="10"/>
    </row>
    <row r="357023" spans="14:14">
      <c r="N357023" s="10"/>
    </row>
    <row r="357024" spans="14:14">
      <c r="N357024" s="10"/>
    </row>
    <row r="357025" spans="14:14">
      <c r="N357025" s="10"/>
    </row>
    <row r="357026" spans="14:14">
      <c r="N357026" s="10"/>
    </row>
    <row r="357027" spans="14:14">
      <c r="N357027" s="10"/>
    </row>
    <row r="357028" spans="14:14">
      <c r="N357028" s="10"/>
    </row>
    <row r="357029" spans="14:14">
      <c r="N357029" s="10"/>
    </row>
    <row r="357030" spans="14:14">
      <c r="N357030" s="10"/>
    </row>
    <row r="357031" spans="14:14">
      <c r="N357031" s="10"/>
    </row>
    <row r="357032" spans="14:14">
      <c r="N357032" s="10"/>
    </row>
    <row r="357033" spans="14:14">
      <c r="N357033" s="10"/>
    </row>
    <row r="357034" spans="14:14">
      <c r="N357034" s="10"/>
    </row>
    <row r="357035" spans="14:14">
      <c r="N357035" s="10"/>
    </row>
    <row r="357036" spans="14:14">
      <c r="N357036" s="10"/>
    </row>
    <row r="357037" spans="14:14">
      <c r="N357037" s="10"/>
    </row>
    <row r="357038" spans="14:14">
      <c r="N357038" s="10"/>
    </row>
    <row r="357039" spans="14:14">
      <c r="N357039" s="10"/>
    </row>
    <row r="357040" spans="14:14">
      <c r="N357040" s="10"/>
    </row>
    <row r="357041" spans="14:14">
      <c r="N357041" s="10"/>
    </row>
    <row r="357042" spans="14:14">
      <c r="N357042" s="10"/>
    </row>
    <row r="357043" spans="14:14">
      <c r="N357043" s="10"/>
    </row>
    <row r="357044" spans="14:14">
      <c r="N357044" s="10"/>
    </row>
    <row r="357045" spans="14:14">
      <c r="N357045" s="10"/>
    </row>
    <row r="357046" spans="14:14">
      <c r="N357046" s="10"/>
    </row>
    <row r="357047" spans="14:14">
      <c r="N357047" s="10"/>
    </row>
    <row r="357048" spans="14:14">
      <c r="N357048" s="10"/>
    </row>
    <row r="357049" spans="14:14">
      <c r="N357049" s="10"/>
    </row>
    <row r="357050" spans="14:14">
      <c r="N357050" s="10"/>
    </row>
    <row r="357051" spans="14:14">
      <c r="N357051" s="10"/>
    </row>
    <row r="357052" spans="14:14">
      <c r="N357052" s="10"/>
    </row>
    <row r="357053" spans="14:14">
      <c r="N357053" s="10"/>
    </row>
    <row r="357054" spans="14:14">
      <c r="N357054" s="10"/>
    </row>
    <row r="357055" spans="14:14">
      <c r="N357055" s="10"/>
    </row>
    <row r="357056" spans="14:14">
      <c r="N357056" s="10"/>
    </row>
    <row r="357057" spans="14:14">
      <c r="N357057" s="10"/>
    </row>
    <row r="357058" spans="14:14">
      <c r="N357058" s="10"/>
    </row>
    <row r="357059" spans="14:14">
      <c r="N357059" s="10"/>
    </row>
    <row r="357060" spans="14:14">
      <c r="N357060" s="10"/>
    </row>
    <row r="357061" spans="14:14">
      <c r="N357061" s="10"/>
    </row>
    <row r="357062" spans="14:14">
      <c r="N357062" s="10"/>
    </row>
    <row r="357063" spans="14:14">
      <c r="N357063" s="10"/>
    </row>
    <row r="357064" spans="14:14">
      <c r="N357064" s="10"/>
    </row>
    <row r="357065" spans="14:14">
      <c r="N357065" s="10"/>
    </row>
    <row r="357066" spans="14:14">
      <c r="N357066" s="10"/>
    </row>
    <row r="357067" spans="14:14">
      <c r="N357067" s="10"/>
    </row>
    <row r="357068" spans="14:14">
      <c r="N357068" s="10"/>
    </row>
    <row r="357069" spans="14:14">
      <c r="N357069" s="10"/>
    </row>
    <row r="357070" spans="14:14">
      <c r="N357070" s="10"/>
    </row>
    <row r="357071" spans="14:14">
      <c r="N357071" s="10"/>
    </row>
    <row r="357072" spans="14:14">
      <c r="N357072" s="10"/>
    </row>
    <row r="357073" spans="14:14">
      <c r="N357073" s="10"/>
    </row>
    <row r="357074" spans="14:14">
      <c r="N357074" s="10"/>
    </row>
    <row r="357075" spans="14:14">
      <c r="N357075" s="10"/>
    </row>
    <row r="357076" spans="14:14">
      <c r="N357076" s="10"/>
    </row>
    <row r="357077" spans="14:14">
      <c r="N357077" s="10"/>
    </row>
    <row r="357078" spans="14:14">
      <c r="N357078" s="10"/>
    </row>
    <row r="357079" spans="14:14">
      <c r="N357079" s="10"/>
    </row>
    <row r="357080" spans="14:14">
      <c r="N357080" s="10"/>
    </row>
    <row r="357081" spans="14:14">
      <c r="N357081" s="10"/>
    </row>
    <row r="357082" spans="14:14">
      <c r="N357082" s="10"/>
    </row>
    <row r="357083" spans="14:14">
      <c r="N357083" s="10"/>
    </row>
    <row r="357084" spans="14:14">
      <c r="N357084" s="10"/>
    </row>
    <row r="357085" spans="14:14">
      <c r="N357085" s="10"/>
    </row>
    <row r="357086" spans="14:14">
      <c r="N357086" s="10"/>
    </row>
    <row r="357087" spans="14:14">
      <c r="N357087" s="10"/>
    </row>
    <row r="357088" spans="14:14">
      <c r="N357088" s="10"/>
    </row>
    <row r="357089" spans="14:14">
      <c r="N357089" s="10"/>
    </row>
    <row r="357090" spans="14:14">
      <c r="N357090" s="10"/>
    </row>
    <row r="357091" spans="14:14">
      <c r="N357091" s="10"/>
    </row>
    <row r="357092" spans="14:14">
      <c r="N357092" s="10"/>
    </row>
    <row r="357093" spans="14:14">
      <c r="N357093" s="10"/>
    </row>
    <row r="357094" spans="14:14">
      <c r="N357094" s="10"/>
    </row>
    <row r="357095" spans="14:14">
      <c r="N357095" s="10"/>
    </row>
    <row r="357096" spans="14:14">
      <c r="N357096" s="10"/>
    </row>
    <row r="357097" spans="14:14">
      <c r="N357097" s="10"/>
    </row>
    <row r="357098" spans="14:14">
      <c r="N357098" s="10"/>
    </row>
    <row r="357099" spans="14:14">
      <c r="N357099" s="10"/>
    </row>
    <row r="357100" spans="14:14">
      <c r="N357100" s="10"/>
    </row>
    <row r="357101" spans="14:14">
      <c r="N357101" s="10"/>
    </row>
    <row r="357102" spans="14:14">
      <c r="N357102" s="10"/>
    </row>
    <row r="357103" spans="14:14">
      <c r="N357103" s="10"/>
    </row>
    <row r="357104" spans="14:14">
      <c r="N357104" s="10"/>
    </row>
    <row r="357105" spans="14:14">
      <c r="N357105" s="10"/>
    </row>
    <row r="357106" spans="14:14">
      <c r="N357106" s="10"/>
    </row>
    <row r="357107" spans="14:14">
      <c r="N357107" s="10"/>
    </row>
    <row r="357108" spans="14:14">
      <c r="N357108" s="10"/>
    </row>
    <row r="357109" spans="14:14">
      <c r="N357109" s="10"/>
    </row>
    <row r="357110" spans="14:14">
      <c r="N357110" s="10"/>
    </row>
    <row r="357111" spans="14:14">
      <c r="N357111" s="10"/>
    </row>
    <row r="357112" spans="14:14">
      <c r="N357112" s="10"/>
    </row>
    <row r="357113" spans="14:14">
      <c r="N357113" s="10"/>
    </row>
    <row r="357114" spans="14:14">
      <c r="N357114" s="10"/>
    </row>
    <row r="357115" spans="14:14">
      <c r="N357115" s="10"/>
    </row>
    <row r="357116" spans="14:14">
      <c r="N357116" s="10"/>
    </row>
    <row r="357117" spans="14:14">
      <c r="N357117" s="10"/>
    </row>
    <row r="357118" spans="14:14">
      <c r="N357118" s="10"/>
    </row>
    <row r="357119" spans="14:14">
      <c r="N357119" s="10"/>
    </row>
    <row r="357120" spans="14:14">
      <c r="N357120" s="10"/>
    </row>
    <row r="357121" spans="14:14">
      <c r="N357121" s="10"/>
    </row>
    <row r="357122" spans="14:14">
      <c r="N357122" s="10"/>
    </row>
    <row r="357123" spans="14:14">
      <c r="N357123" s="10"/>
    </row>
    <row r="357124" spans="14:14">
      <c r="N357124" s="10"/>
    </row>
    <row r="357125" spans="14:14">
      <c r="N357125" s="10"/>
    </row>
    <row r="357126" spans="14:14">
      <c r="N357126" s="10"/>
    </row>
    <row r="357127" spans="14:14">
      <c r="N357127" s="10"/>
    </row>
    <row r="357128" spans="14:14">
      <c r="N357128" s="10"/>
    </row>
    <row r="357129" spans="14:14">
      <c r="N357129" s="10"/>
    </row>
    <row r="357130" spans="14:14">
      <c r="N357130" s="10"/>
    </row>
    <row r="357131" spans="14:14">
      <c r="N357131" s="10"/>
    </row>
    <row r="357132" spans="14:14">
      <c r="N357132" s="10"/>
    </row>
    <row r="357133" spans="14:14">
      <c r="N357133" s="10"/>
    </row>
    <row r="357134" spans="14:14">
      <c r="N357134" s="10"/>
    </row>
    <row r="357135" spans="14:14">
      <c r="N357135" s="10"/>
    </row>
    <row r="357136" spans="14:14">
      <c r="N357136" s="10"/>
    </row>
    <row r="357137" spans="14:14">
      <c r="N357137" s="10"/>
    </row>
    <row r="357138" spans="14:14">
      <c r="N357138" s="10"/>
    </row>
    <row r="357139" spans="14:14">
      <c r="N357139" s="10"/>
    </row>
    <row r="357140" spans="14:14">
      <c r="N357140" s="10"/>
    </row>
    <row r="357141" spans="14:14">
      <c r="N357141" s="10"/>
    </row>
    <row r="357142" spans="14:14">
      <c r="N357142" s="10"/>
    </row>
    <row r="357143" spans="14:14">
      <c r="N357143" s="10"/>
    </row>
    <row r="357144" spans="14:14">
      <c r="N357144" s="10"/>
    </row>
    <row r="357145" spans="14:14">
      <c r="N357145" s="10"/>
    </row>
    <row r="357146" spans="14:14">
      <c r="N357146" s="10"/>
    </row>
    <row r="357147" spans="14:14">
      <c r="N357147" s="10"/>
    </row>
    <row r="357148" spans="14:14">
      <c r="N357148" s="10"/>
    </row>
    <row r="357149" spans="14:14">
      <c r="N357149" s="10"/>
    </row>
    <row r="357150" spans="14:14">
      <c r="N357150" s="10"/>
    </row>
    <row r="357151" spans="14:14">
      <c r="N357151" s="10"/>
    </row>
    <row r="357152" spans="14:14">
      <c r="N357152" s="10"/>
    </row>
    <row r="357153" spans="14:14">
      <c r="N357153" s="10"/>
    </row>
    <row r="357154" spans="14:14">
      <c r="N357154" s="10"/>
    </row>
    <row r="357155" spans="14:14">
      <c r="N357155" s="10"/>
    </row>
    <row r="357156" spans="14:14">
      <c r="N357156" s="10"/>
    </row>
    <row r="357157" spans="14:14">
      <c r="N357157" s="10"/>
    </row>
    <row r="357158" spans="14:14">
      <c r="N357158" s="10"/>
    </row>
    <row r="357159" spans="14:14">
      <c r="N357159" s="10"/>
    </row>
    <row r="357160" spans="14:14">
      <c r="N357160" s="10"/>
    </row>
    <row r="357161" spans="14:14">
      <c r="N357161" s="10"/>
    </row>
    <row r="357162" spans="14:14">
      <c r="N357162" s="10"/>
    </row>
    <row r="357163" spans="14:14">
      <c r="N357163" s="10"/>
    </row>
    <row r="357164" spans="14:14">
      <c r="N357164" s="10"/>
    </row>
    <row r="357165" spans="14:14">
      <c r="N357165" s="10"/>
    </row>
    <row r="357166" spans="14:14">
      <c r="N357166" s="10"/>
    </row>
    <row r="357167" spans="14:14">
      <c r="N357167" s="10"/>
    </row>
    <row r="357168" spans="14:14">
      <c r="N357168" s="10"/>
    </row>
    <row r="357169" spans="14:14">
      <c r="N357169" s="10"/>
    </row>
    <row r="357170" spans="14:14">
      <c r="N357170" s="10"/>
    </row>
    <row r="357171" spans="14:14">
      <c r="N357171" s="10"/>
    </row>
    <row r="357172" spans="14:14">
      <c r="N357172" s="10"/>
    </row>
    <row r="357173" spans="14:14">
      <c r="N357173" s="10"/>
    </row>
    <row r="357174" spans="14:14">
      <c r="N357174" s="10"/>
    </row>
    <row r="357175" spans="14:14">
      <c r="N357175" s="10"/>
    </row>
    <row r="357176" spans="14:14">
      <c r="N357176" s="10"/>
    </row>
    <row r="357177" spans="14:14">
      <c r="N357177" s="10"/>
    </row>
    <row r="357178" spans="14:14">
      <c r="N357178" s="10"/>
    </row>
    <row r="357179" spans="14:14">
      <c r="N357179" s="10"/>
    </row>
    <row r="357180" spans="14:14">
      <c r="N357180" s="10"/>
    </row>
    <row r="357181" spans="14:14">
      <c r="N357181" s="10"/>
    </row>
    <row r="357182" spans="14:14">
      <c r="N357182" s="10"/>
    </row>
    <row r="357183" spans="14:14">
      <c r="N357183" s="10"/>
    </row>
    <row r="357184" spans="14:14">
      <c r="N357184" s="10"/>
    </row>
    <row r="357185" spans="14:14">
      <c r="N357185" s="10"/>
    </row>
    <row r="357186" spans="14:14">
      <c r="N357186" s="10"/>
    </row>
    <row r="357187" spans="14:14">
      <c r="N357187" s="10"/>
    </row>
    <row r="357188" spans="14:14">
      <c r="N357188" s="10"/>
    </row>
    <row r="357189" spans="14:14">
      <c r="N357189" s="10"/>
    </row>
    <row r="357190" spans="14:14">
      <c r="N357190" s="10"/>
    </row>
    <row r="357191" spans="14:14">
      <c r="N357191" s="10"/>
    </row>
    <row r="357192" spans="14:14">
      <c r="N357192" s="10"/>
    </row>
    <row r="357193" spans="14:14">
      <c r="N357193" s="10"/>
    </row>
    <row r="357194" spans="14:14">
      <c r="N357194" s="10"/>
    </row>
    <row r="357195" spans="14:14">
      <c r="N357195" s="10"/>
    </row>
    <row r="357196" spans="14:14">
      <c r="N357196" s="10"/>
    </row>
    <row r="357197" spans="14:14">
      <c r="N357197" s="10"/>
    </row>
    <row r="357198" spans="14:14">
      <c r="N357198" s="10"/>
    </row>
    <row r="357199" spans="14:14">
      <c r="N357199" s="10"/>
    </row>
    <row r="357200" spans="14:14">
      <c r="N357200" s="10"/>
    </row>
    <row r="357201" spans="14:14">
      <c r="N357201" s="10"/>
    </row>
    <row r="357202" spans="14:14">
      <c r="N357202" s="10"/>
    </row>
    <row r="357203" spans="14:14">
      <c r="N357203" s="10"/>
    </row>
    <row r="357204" spans="14:14">
      <c r="N357204" s="10"/>
    </row>
    <row r="357205" spans="14:14">
      <c r="N357205" s="10"/>
    </row>
    <row r="357206" spans="14:14">
      <c r="N357206" s="10"/>
    </row>
    <row r="357207" spans="14:14">
      <c r="N357207" s="10"/>
    </row>
    <row r="357208" spans="14:14">
      <c r="N357208" s="10"/>
    </row>
    <row r="357209" spans="14:14">
      <c r="N357209" s="10"/>
    </row>
    <row r="357210" spans="14:14">
      <c r="N357210" s="10"/>
    </row>
    <row r="357211" spans="14:14">
      <c r="N357211" s="10"/>
    </row>
    <row r="357212" spans="14:14">
      <c r="N357212" s="10"/>
    </row>
    <row r="357213" spans="14:14">
      <c r="N357213" s="10"/>
    </row>
    <row r="357214" spans="14:14">
      <c r="N357214" s="10"/>
    </row>
    <row r="357215" spans="14:14">
      <c r="N357215" s="10"/>
    </row>
    <row r="357216" spans="14:14">
      <c r="N357216" s="10"/>
    </row>
    <row r="357217" spans="14:14">
      <c r="N357217" s="10"/>
    </row>
    <row r="357218" spans="14:14">
      <c r="N357218" s="10"/>
    </row>
    <row r="357219" spans="14:14">
      <c r="N357219" s="10"/>
    </row>
    <row r="357220" spans="14:14">
      <c r="N357220" s="10"/>
    </row>
    <row r="357221" spans="14:14">
      <c r="N357221" s="10"/>
    </row>
    <row r="357222" spans="14:14">
      <c r="N357222" s="10"/>
    </row>
    <row r="357223" spans="14:14">
      <c r="N357223" s="10"/>
    </row>
    <row r="357224" spans="14:14">
      <c r="N357224" s="10"/>
    </row>
    <row r="357225" spans="14:14">
      <c r="N357225" s="10"/>
    </row>
    <row r="357226" spans="14:14">
      <c r="N357226" s="10"/>
    </row>
    <row r="357227" spans="14:14">
      <c r="N357227" s="10"/>
    </row>
    <row r="357228" spans="14:14">
      <c r="N357228" s="10"/>
    </row>
    <row r="357229" spans="14:14">
      <c r="N357229" s="10"/>
    </row>
    <row r="357230" spans="14:14">
      <c r="N357230" s="10"/>
    </row>
    <row r="357231" spans="14:14">
      <c r="N357231" s="10"/>
    </row>
    <row r="357232" spans="14:14">
      <c r="N357232" s="10"/>
    </row>
    <row r="357233" spans="14:14">
      <c r="N357233" s="10"/>
    </row>
    <row r="357234" spans="14:14">
      <c r="N357234" s="10"/>
    </row>
    <row r="357235" spans="14:14">
      <c r="N357235" s="10"/>
    </row>
    <row r="357236" spans="14:14">
      <c r="N357236" s="10"/>
    </row>
    <row r="357237" spans="14:14">
      <c r="N357237" s="10"/>
    </row>
    <row r="357238" spans="14:14">
      <c r="N357238" s="10"/>
    </row>
    <row r="357239" spans="14:14">
      <c r="N357239" s="10"/>
    </row>
    <row r="357240" spans="14:14">
      <c r="N357240" s="10"/>
    </row>
    <row r="357241" spans="14:14">
      <c r="N357241" s="10"/>
    </row>
    <row r="357242" spans="14:14">
      <c r="N357242" s="10"/>
    </row>
    <row r="357243" spans="14:14">
      <c r="N357243" s="10"/>
    </row>
    <row r="357244" spans="14:14">
      <c r="N357244" s="10"/>
    </row>
    <row r="357245" spans="14:14">
      <c r="N357245" s="10"/>
    </row>
    <row r="357246" spans="14:14">
      <c r="N357246" s="10"/>
    </row>
    <row r="357247" spans="14:14">
      <c r="N357247" s="10"/>
    </row>
    <row r="357248" spans="14:14">
      <c r="N357248" s="10"/>
    </row>
    <row r="357249" spans="14:14">
      <c r="N357249" s="10"/>
    </row>
    <row r="357250" spans="14:14">
      <c r="N357250" s="10"/>
    </row>
    <row r="357251" spans="14:14">
      <c r="N357251" s="10"/>
    </row>
    <row r="357252" spans="14:14">
      <c r="N357252" s="10"/>
    </row>
    <row r="357253" spans="14:14">
      <c r="N357253" s="10"/>
    </row>
    <row r="357254" spans="14:14">
      <c r="N357254" s="10"/>
    </row>
    <row r="357255" spans="14:14">
      <c r="N357255" s="10"/>
    </row>
    <row r="357256" spans="14:14">
      <c r="N357256" s="10"/>
    </row>
    <row r="357257" spans="14:14">
      <c r="N357257" s="10"/>
    </row>
    <row r="357258" spans="14:14">
      <c r="N357258" s="10"/>
    </row>
    <row r="357259" spans="14:14">
      <c r="N357259" s="10"/>
    </row>
    <row r="357260" spans="14:14">
      <c r="N357260" s="10"/>
    </row>
    <row r="357261" spans="14:14">
      <c r="N357261" s="10"/>
    </row>
    <row r="357262" spans="14:14">
      <c r="N357262" s="10"/>
    </row>
    <row r="357263" spans="14:14">
      <c r="N357263" s="10"/>
    </row>
    <row r="357264" spans="14:14">
      <c r="N357264" s="10"/>
    </row>
    <row r="357265" spans="14:14">
      <c r="N357265" s="10"/>
    </row>
    <row r="357266" spans="14:14">
      <c r="N357266" s="10"/>
    </row>
    <row r="357267" spans="14:14">
      <c r="N357267" s="10"/>
    </row>
    <row r="357268" spans="14:14">
      <c r="N357268" s="10"/>
    </row>
    <row r="357269" spans="14:14">
      <c r="N357269" s="10"/>
    </row>
    <row r="357270" spans="14:14">
      <c r="N357270" s="10"/>
    </row>
    <row r="357271" spans="14:14">
      <c r="N357271" s="10"/>
    </row>
    <row r="357272" spans="14:14">
      <c r="N357272" s="10"/>
    </row>
    <row r="357273" spans="14:14">
      <c r="N357273" s="10"/>
    </row>
    <row r="357274" spans="14:14">
      <c r="N357274" s="10"/>
    </row>
    <row r="357275" spans="14:14">
      <c r="N357275" s="10"/>
    </row>
    <row r="357276" spans="14:14">
      <c r="N357276" s="10"/>
    </row>
    <row r="357277" spans="14:14">
      <c r="N357277" s="10"/>
    </row>
    <row r="357278" spans="14:14">
      <c r="N357278" s="10"/>
    </row>
    <row r="357279" spans="14:14">
      <c r="N357279" s="10"/>
    </row>
    <row r="357280" spans="14:14">
      <c r="N357280" s="10"/>
    </row>
    <row r="357281" spans="14:14">
      <c r="N357281" s="10"/>
    </row>
    <row r="357282" spans="14:14">
      <c r="N357282" s="10"/>
    </row>
    <row r="357283" spans="14:14">
      <c r="N357283" s="10"/>
    </row>
    <row r="357284" spans="14:14">
      <c r="N357284" s="10"/>
    </row>
    <row r="357285" spans="14:14">
      <c r="N357285" s="10"/>
    </row>
    <row r="357286" spans="14:14">
      <c r="N357286" s="10"/>
    </row>
    <row r="357287" spans="14:14">
      <c r="N357287" s="10"/>
    </row>
    <row r="357288" spans="14:14">
      <c r="N357288" s="10"/>
    </row>
    <row r="357289" spans="14:14">
      <c r="N357289" s="10"/>
    </row>
    <row r="357290" spans="14:14">
      <c r="N357290" s="10"/>
    </row>
    <row r="357291" spans="14:14">
      <c r="N357291" s="10"/>
    </row>
    <row r="357292" spans="14:14">
      <c r="N357292" s="10"/>
    </row>
    <row r="357293" spans="14:14">
      <c r="N357293" s="10"/>
    </row>
    <row r="357294" spans="14:14">
      <c r="N357294" s="10"/>
    </row>
    <row r="357295" spans="14:14">
      <c r="N357295" s="10"/>
    </row>
    <row r="357296" spans="14:14">
      <c r="N357296" s="10"/>
    </row>
    <row r="357297" spans="14:14">
      <c r="N357297" s="10"/>
    </row>
    <row r="357298" spans="14:14">
      <c r="N357298" s="10"/>
    </row>
    <row r="357299" spans="14:14">
      <c r="N357299" s="10"/>
    </row>
    <row r="357300" spans="14:14">
      <c r="N357300" s="10"/>
    </row>
    <row r="357301" spans="14:14">
      <c r="N357301" s="10"/>
    </row>
    <row r="357302" spans="14:14">
      <c r="N357302" s="10"/>
    </row>
    <row r="357303" spans="14:14">
      <c r="N357303" s="10"/>
    </row>
    <row r="357304" spans="14:14">
      <c r="N357304" s="10"/>
    </row>
    <row r="357305" spans="14:14">
      <c r="N357305" s="10"/>
    </row>
    <row r="357306" spans="14:14">
      <c r="N357306" s="10"/>
    </row>
    <row r="357307" spans="14:14">
      <c r="N357307" s="10"/>
    </row>
    <row r="357308" spans="14:14">
      <c r="N357308" s="10"/>
    </row>
    <row r="357309" spans="14:14">
      <c r="N357309" s="10"/>
    </row>
    <row r="357310" spans="14:14">
      <c r="N357310" s="10"/>
    </row>
    <row r="357311" spans="14:14">
      <c r="N357311" s="10"/>
    </row>
    <row r="357312" spans="14:14">
      <c r="N357312" s="10"/>
    </row>
    <row r="357313" spans="14:14">
      <c r="N357313" s="10"/>
    </row>
    <row r="357314" spans="14:14">
      <c r="N357314" s="10"/>
    </row>
    <row r="357315" spans="14:14">
      <c r="N357315" s="10"/>
    </row>
    <row r="357316" spans="14:14">
      <c r="N357316" s="10"/>
    </row>
    <row r="357317" spans="14:14">
      <c r="N357317" s="10"/>
    </row>
    <row r="357318" spans="14:14">
      <c r="N357318" s="10"/>
    </row>
    <row r="357319" spans="14:14">
      <c r="N357319" s="10"/>
    </row>
    <row r="357320" spans="14:14">
      <c r="N357320" s="10"/>
    </row>
    <row r="357321" spans="14:14">
      <c r="N357321" s="10"/>
    </row>
    <row r="357322" spans="14:14">
      <c r="N357322" s="10"/>
    </row>
    <row r="357323" spans="14:14">
      <c r="N357323" s="10"/>
    </row>
    <row r="357324" spans="14:14">
      <c r="N357324" s="10"/>
    </row>
    <row r="357325" spans="14:14">
      <c r="N357325" s="10"/>
    </row>
    <row r="357326" spans="14:14">
      <c r="N357326" s="10"/>
    </row>
    <row r="357327" spans="14:14">
      <c r="N357327" s="10"/>
    </row>
    <row r="357328" spans="14:14">
      <c r="N357328" s="10"/>
    </row>
    <row r="357329" spans="14:14">
      <c r="N357329" s="10"/>
    </row>
    <row r="357330" spans="14:14">
      <c r="N357330" s="10"/>
    </row>
    <row r="357331" spans="14:14">
      <c r="N357331" s="10"/>
    </row>
    <row r="357332" spans="14:14">
      <c r="N357332" s="10"/>
    </row>
    <row r="357333" spans="14:14">
      <c r="N357333" s="10"/>
    </row>
    <row r="357334" spans="14:14">
      <c r="N357334" s="10"/>
    </row>
    <row r="357335" spans="14:14">
      <c r="N357335" s="10"/>
    </row>
    <row r="357336" spans="14:14">
      <c r="N357336" s="10"/>
    </row>
    <row r="357337" spans="14:14">
      <c r="N357337" s="10"/>
    </row>
    <row r="357338" spans="14:14">
      <c r="N357338" s="10"/>
    </row>
    <row r="357339" spans="14:14">
      <c r="N357339" s="10"/>
    </row>
    <row r="357340" spans="14:14">
      <c r="N357340" s="10"/>
    </row>
    <row r="357341" spans="14:14">
      <c r="N357341" s="10"/>
    </row>
    <row r="357342" spans="14:14">
      <c r="N357342" s="10"/>
    </row>
    <row r="357343" spans="14:14">
      <c r="N357343" s="10"/>
    </row>
    <row r="357344" spans="14:14">
      <c r="N357344" s="10"/>
    </row>
    <row r="357345" spans="14:14">
      <c r="N357345" s="10"/>
    </row>
    <row r="357346" spans="14:14">
      <c r="N357346" s="10"/>
    </row>
    <row r="357347" spans="14:14">
      <c r="N357347" s="10"/>
    </row>
    <row r="357348" spans="14:14">
      <c r="N357348" s="10"/>
    </row>
    <row r="357349" spans="14:14">
      <c r="N357349" s="10"/>
    </row>
    <row r="357350" spans="14:14">
      <c r="N357350" s="10"/>
    </row>
    <row r="357351" spans="14:14">
      <c r="N357351" s="10"/>
    </row>
    <row r="357352" spans="14:14">
      <c r="N357352" s="10"/>
    </row>
    <row r="357353" spans="14:14">
      <c r="N357353" s="10"/>
    </row>
    <row r="357354" spans="14:14">
      <c r="N357354" s="10"/>
    </row>
    <row r="357355" spans="14:14">
      <c r="N357355" s="10"/>
    </row>
    <row r="357356" spans="14:14">
      <c r="N357356" s="10"/>
    </row>
    <row r="357357" spans="14:14">
      <c r="N357357" s="10"/>
    </row>
    <row r="357358" spans="14:14">
      <c r="N357358" s="10"/>
    </row>
    <row r="357359" spans="14:14">
      <c r="N357359" s="10"/>
    </row>
    <row r="357360" spans="14:14">
      <c r="N357360" s="10"/>
    </row>
    <row r="357361" spans="14:14">
      <c r="N357361" s="10"/>
    </row>
    <row r="357362" spans="14:14">
      <c r="N357362" s="10"/>
    </row>
    <row r="357363" spans="14:14">
      <c r="N357363" s="10"/>
    </row>
    <row r="357364" spans="14:14">
      <c r="N357364" s="10"/>
    </row>
    <row r="357365" spans="14:14">
      <c r="N357365" s="10"/>
    </row>
    <row r="357366" spans="14:14">
      <c r="N357366" s="10"/>
    </row>
    <row r="357367" spans="14:14">
      <c r="N357367" s="10"/>
    </row>
    <row r="357368" spans="14:14">
      <c r="N357368" s="10"/>
    </row>
    <row r="357369" spans="14:14">
      <c r="N357369" s="10"/>
    </row>
    <row r="357370" spans="14:14">
      <c r="N357370" s="10"/>
    </row>
    <row r="357371" spans="14:14">
      <c r="N357371" s="10"/>
    </row>
    <row r="357372" spans="14:14">
      <c r="N357372" s="10"/>
    </row>
    <row r="357373" spans="14:14">
      <c r="N357373" s="10"/>
    </row>
    <row r="357374" spans="14:14">
      <c r="N357374" s="10"/>
    </row>
    <row r="357375" spans="14:14">
      <c r="N357375" s="10"/>
    </row>
    <row r="357376" spans="14:14">
      <c r="N357376" s="10"/>
    </row>
    <row r="357377" spans="14:14">
      <c r="N357377" s="10"/>
    </row>
    <row r="357378" spans="14:14">
      <c r="N357378" s="10"/>
    </row>
    <row r="357379" spans="14:14">
      <c r="N357379" s="10"/>
    </row>
    <row r="357380" spans="14:14">
      <c r="N357380" s="10"/>
    </row>
    <row r="357381" spans="14:14">
      <c r="N357381" s="10"/>
    </row>
    <row r="357382" spans="14:14">
      <c r="N357382" s="10"/>
    </row>
    <row r="357383" spans="14:14">
      <c r="N357383" s="10"/>
    </row>
    <row r="357384" spans="14:14">
      <c r="N357384" s="10"/>
    </row>
    <row r="357385" spans="14:14">
      <c r="N357385" s="10"/>
    </row>
    <row r="357386" spans="14:14">
      <c r="N357386" s="10"/>
    </row>
    <row r="357387" spans="14:14">
      <c r="N357387" s="10"/>
    </row>
    <row r="357388" spans="14:14">
      <c r="N357388" s="10"/>
    </row>
    <row r="357389" spans="14:14">
      <c r="N357389" s="10"/>
    </row>
    <row r="357390" spans="14:14">
      <c r="N357390" s="10"/>
    </row>
    <row r="357391" spans="14:14">
      <c r="N357391" s="10"/>
    </row>
    <row r="357392" spans="14:14">
      <c r="N357392" s="10"/>
    </row>
    <row r="357393" spans="14:14">
      <c r="N357393" s="10"/>
    </row>
    <row r="357394" spans="14:14">
      <c r="N357394" s="10"/>
    </row>
    <row r="357395" spans="14:14">
      <c r="N357395" s="10"/>
    </row>
    <row r="357396" spans="14:14">
      <c r="N357396" s="10"/>
    </row>
    <row r="357397" spans="14:14">
      <c r="N357397" s="10"/>
    </row>
    <row r="357398" spans="14:14">
      <c r="N357398" s="10"/>
    </row>
    <row r="357399" spans="14:14">
      <c r="N357399" s="10"/>
    </row>
    <row r="357400" spans="14:14">
      <c r="N357400" s="10"/>
    </row>
    <row r="357401" spans="14:14">
      <c r="N357401" s="10"/>
    </row>
    <row r="357402" spans="14:14">
      <c r="N357402" s="10"/>
    </row>
    <row r="357403" spans="14:14">
      <c r="N357403" s="10"/>
    </row>
    <row r="357404" spans="14:14">
      <c r="N357404" s="10"/>
    </row>
    <row r="357405" spans="14:14">
      <c r="N357405" s="10"/>
    </row>
    <row r="357406" spans="14:14">
      <c r="N357406" s="10"/>
    </row>
    <row r="357407" spans="14:14">
      <c r="N357407" s="10"/>
    </row>
    <row r="357408" spans="14:14">
      <c r="N357408" s="10"/>
    </row>
    <row r="357409" spans="14:14">
      <c r="N357409" s="10"/>
    </row>
    <row r="357410" spans="14:14">
      <c r="N357410" s="10"/>
    </row>
    <row r="357411" spans="14:14">
      <c r="N357411" s="10"/>
    </row>
    <row r="357412" spans="14:14">
      <c r="N357412" s="10"/>
    </row>
    <row r="357413" spans="14:14">
      <c r="N357413" s="10"/>
    </row>
    <row r="357414" spans="14:14">
      <c r="N357414" s="10"/>
    </row>
    <row r="357415" spans="14:14">
      <c r="N357415" s="10"/>
    </row>
    <row r="357416" spans="14:14">
      <c r="N357416" s="10"/>
    </row>
    <row r="357417" spans="14:14">
      <c r="N357417" s="10"/>
    </row>
    <row r="357418" spans="14:14">
      <c r="N357418" s="10"/>
    </row>
    <row r="357419" spans="14:14">
      <c r="N357419" s="10"/>
    </row>
    <row r="357420" spans="14:14">
      <c r="N357420" s="10"/>
    </row>
    <row r="357421" spans="14:14">
      <c r="N357421" s="10"/>
    </row>
    <row r="357422" spans="14:14">
      <c r="N357422" s="10"/>
    </row>
    <row r="357423" spans="14:14">
      <c r="N357423" s="10"/>
    </row>
    <row r="357424" spans="14:14">
      <c r="N357424" s="10"/>
    </row>
    <row r="357425" spans="14:14">
      <c r="N357425" s="10"/>
    </row>
    <row r="357426" spans="14:14">
      <c r="N357426" s="10"/>
    </row>
    <row r="357427" spans="14:14">
      <c r="N357427" s="10"/>
    </row>
    <row r="357428" spans="14:14">
      <c r="N357428" s="10"/>
    </row>
    <row r="357429" spans="14:14">
      <c r="N357429" s="10"/>
    </row>
    <row r="357430" spans="14:14">
      <c r="N357430" s="10"/>
    </row>
    <row r="357431" spans="14:14">
      <c r="N357431" s="10"/>
    </row>
    <row r="357432" spans="14:14">
      <c r="N357432" s="10"/>
    </row>
    <row r="357433" spans="14:14">
      <c r="N357433" s="10"/>
    </row>
    <row r="357434" spans="14:14">
      <c r="N357434" s="10"/>
    </row>
    <row r="357435" spans="14:14">
      <c r="N357435" s="10"/>
    </row>
    <row r="357436" spans="14:14">
      <c r="N357436" s="10"/>
    </row>
    <row r="357437" spans="14:14">
      <c r="N357437" s="10"/>
    </row>
    <row r="357438" spans="14:14">
      <c r="N357438" s="10"/>
    </row>
    <row r="357439" spans="14:14">
      <c r="N357439" s="10"/>
    </row>
    <row r="357440" spans="14:14">
      <c r="N357440" s="10"/>
    </row>
    <row r="357441" spans="14:14">
      <c r="N357441" s="10"/>
    </row>
    <row r="357442" spans="14:14">
      <c r="N357442" s="10"/>
    </row>
    <row r="357443" spans="14:14">
      <c r="N357443" s="10"/>
    </row>
    <row r="357444" spans="14:14">
      <c r="N357444" s="10"/>
    </row>
    <row r="357445" spans="14:14">
      <c r="N357445" s="10"/>
    </row>
    <row r="357446" spans="14:14">
      <c r="N357446" s="10"/>
    </row>
    <row r="357447" spans="14:14">
      <c r="N357447" s="10"/>
    </row>
    <row r="357448" spans="14:14">
      <c r="N357448" s="10"/>
    </row>
    <row r="357449" spans="14:14">
      <c r="N357449" s="10"/>
    </row>
    <row r="357450" spans="14:14">
      <c r="N357450" s="10"/>
    </row>
    <row r="357451" spans="14:14">
      <c r="N357451" s="10"/>
    </row>
    <row r="357452" spans="14:14">
      <c r="N357452" s="10"/>
    </row>
    <row r="357453" spans="14:14">
      <c r="N357453" s="10"/>
    </row>
    <row r="357454" spans="14:14">
      <c r="N357454" s="10"/>
    </row>
    <row r="357455" spans="14:14">
      <c r="N357455" s="10"/>
    </row>
    <row r="357456" spans="14:14">
      <c r="N357456" s="10"/>
    </row>
    <row r="357457" spans="14:14">
      <c r="N357457" s="10"/>
    </row>
    <row r="357458" spans="14:14">
      <c r="N357458" s="10"/>
    </row>
    <row r="357459" spans="14:14">
      <c r="N357459" s="10"/>
    </row>
    <row r="357460" spans="14:14">
      <c r="N357460" s="10"/>
    </row>
    <row r="357461" spans="14:14">
      <c r="N357461" s="10"/>
    </row>
    <row r="357462" spans="14:14">
      <c r="N357462" s="10"/>
    </row>
    <row r="357463" spans="14:14">
      <c r="N357463" s="10"/>
    </row>
    <row r="357464" spans="14:14">
      <c r="N357464" s="10"/>
    </row>
    <row r="357465" spans="14:14">
      <c r="N357465" s="10"/>
    </row>
    <row r="357466" spans="14:14">
      <c r="N357466" s="10"/>
    </row>
    <row r="357467" spans="14:14">
      <c r="N357467" s="10"/>
    </row>
    <row r="357468" spans="14:14">
      <c r="N357468" s="10"/>
    </row>
    <row r="357469" spans="14:14">
      <c r="N357469" s="10"/>
    </row>
    <row r="357470" spans="14:14">
      <c r="N357470" s="10"/>
    </row>
    <row r="357471" spans="14:14">
      <c r="N357471" s="10"/>
    </row>
    <row r="357472" spans="14:14">
      <c r="N357472" s="10"/>
    </row>
    <row r="357473" spans="14:14">
      <c r="N357473" s="10"/>
    </row>
    <row r="357474" spans="14:14">
      <c r="N357474" s="10"/>
    </row>
    <row r="357475" spans="14:14">
      <c r="N357475" s="10"/>
    </row>
    <row r="357476" spans="14:14">
      <c r="N357476" s="10"/>
    </row>
    <row r="357477" spans="14:14">
      <c r="N357477" s="10"/>
    </row>
    <row r="357478" spans="14:14">
      <c r="N357478" s="10"/>
    </row>
    <row r="357479" spans="14:14">
      <c r="N357479" s="10"/>
    </row>
    <row r="357480" spans="14:14">
      <c r="N357480" s="10"/>
    </row>
    <row r="357481" spans="14:14">
      <c r="N357481" s="10"/>
    </row>
    <row r="357482" spans="14:14">
      <c r="N357482" s="10"/>
    </row>
    <row r="357483" spans="14:14">
      <c r="N357483" s="10"/>
    </row>
    <row r="357484" spans="14:14">
      <c r="N357484" s="10"/>
    </row>
    <row r="357485" spans="14:14">
      <c r="N357485" s="10"/>
    </row>
    <row r="357486" spans="14:14">
      <c r="N357486" s="10"/>
    </row>
    <row r="357487" spans="14:14">
      <c r="N357487" s="10"/>
    </row>
    <row r="357488" spans="14:14">
      <c r="N357488" s="10"/>
    </row>
    <row r="357489" spans="14:14">
      <c r="N357489" s="10"/>
    </row>
    <row r="357490" spans="14:14">
      <c r="N357490" s="10"/>
    </row>
    <row r="357491" spans="14:14">
      <c r="N357491" s="10"/>
    </row>
    <row r="357492" spans="14:14">
      <c r="N357492" s="10"/>
    </row>
    <row r="357493" spans="14:14">
      <c r="N357493" s="10"/>
    </row>
    <row r="357494" spans="14:14">
      <c r="N357494" s="10"/>
    </row>
    <row r="357495" spans="14:14">
      <c r="N357495" s="10"/>
    </row>
    <row r="357496" spans="14:14">
      <c r="N357496" s="10"/>
    </row>
    <row r="357497" spans="14:14">
      <c r="N357497" s="10"/>
    </row>
    <row r="357498" spans="14:14">
      <c r="N357498" s="10"/>
    </row>
    <row r="357499" spans="14:14">
      <c r="N357499" s="10"/>
    </row>
    <row r="357500" spans="14:14">
      <c r="N357500" s="10"/>
    </row>
    <row r="357501" spans="14:14">
      <c r="N357501" s="10"/>
    </row>
    <row r="357502" spans="14:14">
      <c r="N357502" s="10"/>
    </row>
    <row r="357503" spans="14:14">
      <c r="N357503" s="10"/>
    </row>
    <row r="357504" spans="14:14">
      <c r="N357504" s="10"/>
    </row>
    <row r="357505" spans="14:14">
      <c r="N357505" s="10"/>
    </row>
    <row r="357506" spans="14:14">
      <c r="N357506" s="10"/>
    </row>
    <row r="357507" spans="14:14">
      <c r="N357507" s="10"/>
    </row>
    <row r="357508" spans="14:14">
      <c r="N357508" s="10"/>
    </row>
    <row r="357509" spans="14:14">
      <c r="N357509" s="10"/>
    </row>
    <row r="357510" spans="14:14">
      <c r="N357510" s="10"/>
    </row>
    <row r="357511" spans="14:14">
      <c r="N357511" s="10"/>
    </row>
    <row r="357512" spans="14:14">
      <c r="N357512" s="10"/>
    </row>
    <row r="357513" spans="14:14">
      <c r="N357513" s="10"/>
    </row>
    <row r="357514" spans="14:14">
      <c r="N357514" s="10"/>
    </row>
    <row r="357515" spans="14:14">
      <c r="N357515" s="10"/>
    </row>
    <row r="357516" spans="14:14">
      <c r="N357516" s="10"/>
    </row>
    <row r="357517" spans="14:14">
      <c r="N357517" s="10"/>
    </row>
    <row r="357518" spans="14:14">
      <c r="N357518" s="10"/>
    </row>
    <row r="357519" spans="14:14">
      <c r="N357519" s="10"/>
    </row>
    <row r="357520" spans="14:14">
      <c r="N357520" s="10"/>
    </row>
    <row r="357521" spans="14:14">
      <c r="N357521" s="10"/>
    </row>
    <row r="357522" spans="14:14">
      <c r="N357522" s="10"/>
    </row>
    <row r="357523" spans="14:14">
      <c r="N357523" s="10"/>
    </row>
    <row r="357524" spans="14:14">
      <c r="N357524" s="10"/>
    </row>
    <row r="357525" spans="14:14">
      <c r="N357525" s="10"/>
    </row>
    <row r="357526" spans="14:14">
      <c r="N357526" s="10"/>
    </row>
    <row r="357527" spans="14:14">
      <c r="N357527" s="10"/>
    </row>
    <row r="357528" spans="14:14">
      <c r="N357528" s="10"/>
    </row>
    <row r="357529" spans="14:14">
      <c r="N357529" s="10"/>
    </row>
    <row r="357530" spans="14:14">
      <c r="N357530" s="10"/>
    </row>
    <row r="357531" spans="14:14">
      <c r="N357531" s="10"/>
    </row>
    <row r="357532" spans="14:14">
      <c r="N357532" s="10"/>
    </row>
    <row r="357533" spans="14:14">
      <c r="N357533" s="10"/>
    </row>
    <row r="357534" spans="14:14">
      <c r="N357534" s="10"/>
    </row>
    <row r="357535" spans="14:14">
      <c r="N357535" s="10"/>
    </row>
    <row r="357536" spans="14:14">
      <c r="N357536" s="10"/>
    </row>
    <row r="357537" spans="14:14">
      <c r="N357537" s="10"/>
    </row>
    <row r="357538" spans="14:14">
      <c r="N357538" s="10"/>
    </row>
    <row r="357539" spans="14:14">
      <c r="N357539" s="10"/>
    </row>
    <row r="357540" spans="14:14">
      <c r="N357540" s="10"/>
    </row>
    <row r="357541" spans="14:14">
      <c r="N357541" s="10"/>
    </row>
    <row r="357542" spans="14:14">
      <c r="N357542" s="10"/>
    </row>
    <row r="357543" spans="14:14">
      <c r="N357543" s="10"/>
    </row>
    <row r="357544" spans="14:14">
      <c r="N357544" s="10"/>
    </row>
    <row r="357545" spans="14:14">
      <c r="N357545" s="10"/>
    </row>
    <row r="357546" spans="14:14">
      <c r="N357546" s="10"/>
    </row>
    <row r="357547" spans="14:14">
      <c r="N357547" s="10"/>
    </row>
    <row r="357548" spans="14:14">
      <c r="N357548" s="10"/>
    </row>
    <row r="357549" spans="14:14">
      <c r="N357549" s="10"/>
    </row>
    <row r="357550" spans="14:14">
      <c r="N357550" s="10"/>
    </row>
    <row r="357551" spans="14:14">
      <c r="N357551" s="10"/>
    </row>
    <row r="357552" spans="14:14">
      <c r="N357552" s="10"/>
    </row>
    <row r="357553" spans="14:14">
      <c r="N357553" s="10"/>
    </row>
    <row r="357554" spans="14:14">
      <c r="N357554" s="10"/>
    </row>
    <row r="357555" spans="14:14">
      <c r="N357555" s="10"/>
    </row>
    <row r="357556" spans="14:14">
      <c r="N357556" s="10"/>
    </row>
    <row r="357557" spans="14:14">
      <c r="N357557" s="10"/>
    </row>
    <row r="357558" spans="14:14">
      <c r="N357558" s="10"/>
    </row>
    <row r="357559" spans="14:14">
      <c r="N357559" s="10"/>
    </row>
    <row r="357560" spans="14:14">
      <c r="N357560" s="10"/>
    </row>
    <row r="357561" spans="14:14">
      <c r="N357561" s="10"/>
    </row>
    <row r="357562" spans="14:14">
      <c r="N357562" s="10"/>
    </row>
    <row r="357563" spans="14:14">
      <c r="N357563" s="10"/>
    </row>
    <row r="357564" spans="14:14">
      <c r="N357564" s="10"/>
    </row>
    <row r="357565" spans="14:14">
      <c r="N357565" s="10"/>
    </row>
    <row r="357566" spans="14:14">
      <c r="N357566" s="10"/>
    </row>
    <row r="357567" spans="14:14">
      <c r="N357567" s="10"/>
    </row>
    <row r="357568" spans="14:14">
      <c r="N357568" s="10"/>
    </row>
    <row r="357569" spans="14:14">
      <c r="N357569" s="10"/>
    </row>
    <row r="357570" spans="14:14">
      <c r="N357570" s="10"/>
    </row>
    <row r="357571" spans="14:14">
      <c r="N357571" s="10"/>
    </row>
    <row r="357572" spans="14:14">
      <c r="N357572" s="10"/>
    </row>
    <row r="357573" spans="14:14">
      <c r="N357573" s="10"/>
    </row>
    <row r="357574" spans="14:14">
      <c r="N357574" s="10"/>
    </row>
    <row r="357575" spans="14:14">
      <c r="N357575" s="10"/>
    </row>
    <row r="357576" spans="14:14">
      <c r="N357576" s="10"/>
    </row>
    <row r="357577" spans="14:14">
      <c r="N357577" s="10"/>
    </row>
    <row r="357578" spans="14:14">
      <c r="N357578" s="10"/>
    </row>
    <row r="357579" spans="14:14">
      <c r="N357579" s="10"/>
    </row>
    <row r="357580" spans="14:14">
      <c r="N357580" s="10"/>
    </row>
    <row r="357581" spans="14:14">
      <c r="N357581" s="10"/>
    </row>
    <row r="357582" spans="14:14">
      <c r="N357582" s="10"/>
    </row>
    <row r="357583" spans="14:14">
      <c r="N357583" s="10"/>
    </row>
    <row r="357584" spans="14:14">
      <c r="N357584" s="10"/>
    </row>
    <row r="357585" spans="14:14">
      <c r="N357585" s="10"/>
    </row>
    <row r="357586" spans="14:14">
      <c r="N357586" s="10"/>
    </row>
    <row r="357587" spans="14:14">
      <c r="N357587" s="10"/>
    </row>
    <row r="357588" spans="14:14">
      <c r="N357588" s="10"/>
    </row>
    <row r="357589" spans="14:14">
      <c r="N357589" s="10"/>
    </row>
    <row r="357590" spans="14:14">
      <c r="N357590" s="10"/>
    </row>
    <row r="357591" spans="14:14">
      <c r="N357591" s="10"/>
    </row>
    <row r="357592" spans="14:14">
      <c r="N357592" s="10"/>
    </row>
    <row r="357593" spans="14:14">
      <c r="N357593" s="10"/>
    </row>
    <row r="357594" spans="14:14">
      <c r="N357594" s="10"/>
    </row>
    <row r="357595" spans="14:14">
      <c r="N357595" s="10"/>
    </row>
    <row r="357596" spans="14:14">
      <c r="N357596" s="10"/>
    </row>
    <row r="357597" spans="14:14">
      <c r="N357597" s="10"/>
    </row>
    <row r="357598" spans="14:14">
      <c r="N357598" s="10"/>
    </row>
    <row r="357599" spans="14:14">
      <c r="N357599" s="10"/>
    </row>
    <row r="357600" spans="14:14">
      <c r="N357600" s="10"/>
    </row>
    <row r="357601" spans="14:14">
      <c r="N357601" s="10"/>
    </row>
    <row r="357602" spans="14:14">
      <c r="N357602" s="10"/>
    </row>
    <row r="357603" spans="14:14">
      <c r="N357603" s="10"/>
    </row>
    <row r="357604" spans="14:14">
      <c r="N357604" s="10"/>
    </row>
    <row r="357605" spans="14:14">
      <c r="N357605" s="10"/>
    </row>
    <row r="357606" spans="14:14">
      <c r="N357606" s="10"/>
    </row>
    <row r="357607" spans="14:14">
      <c r="N357607" s="10"/>
    </row>
    <row r="357608" spans="14:14">
      <c r="N357608" s="10"/>
    </row>
    <row r="357609" spans="14:14">
      <c r="N357609" s="10"/>
    </row>
    <row r="357610" spans="14:14">
      <c r="N357610" s="10"/>
    </row>
    <row r="357611" spans="14:14">
      <c r="N357611" s="10"/>
    </row>
    <row r="357612" spans="14:14">
      <c r="N357612" s="10"/>
    </row>
    <row r="357613" spans="14:14">
      <c r="N357613" s="10"/>
    </row>
    <row r="357614" spans="14:14">
      <c r="N357614" s="10"/>
    </row>
    <row r="357615" spans="14:14">
      <c r="N357615" s="10"/>
    </row>
    <row r="357616" spans="14:14">
      <c r="N357616" s="10"/>
    </row>
    <row r="357617" spans="14:14">
      <c r="N357617" s="10"/>
    </row>
    <row r="357618" spans="14:14">
      <c r="N357618" s="10"/>
    </row>
    <row r="357619" spans="14:14">
      <c r="N357619" s="10"/>
    </row>
    <row r="357620" spans="14:14">
      <c r="N357620" s="10"/>
    </row>
    <row r="357621" spans="14:14">
      <c r="N357621" s="10"/>
    </row>
    <row r="357622" spans="14:14">
      <c r="N357622" s="10"/>
    </row>
    <row r="357623" spans="14:14">
      <c r="N357623" s="10"/>
    </row>
    <row r="357624" spans="14:14">
      <c r="N357624" s="10"/>
    </row>
    <row r="357625" spans="14:14">
      <c r="N357625" s="10"/>
    </row>
    <row r="357626" spans="14:14">
      <c r="N357626" s="10"/>
    </row>
    <row r="357627" spans="14:14">
      <c r="N357627" s="10"/>
    </row>
    <row r="357628" spans="14:14">
      <c r="N357628" s="10"/>
    </row>
    <row r="357629" spans="14:14">
      <c r="N357629" s="10"/>
    </row>
    <row r="357630" spans="14:14">
      <c r="N357630" s="10"/>
    </row>
    <row r="357631" spans="14:14">
      <c r="N357631" s="10"/>
    </row>
    <row r="357632" spans="14:14">
      <c r="N357632" s="10"/>
    </row>
    <row r="357633" spans="14:14">
      <c r="N357633" s="10"/>
    </row>
    <row r="357634" spans="14:14">
      <c r="N357634" s="10"/>
    </row>
    <row r="357635" spans="14:14">
      <c r="N357635" s="10"/>
    </row>
    <row r="357636" spans="14:14">
      <c r="N357636" s="10"/>
    </row>
    <row r="357637" spans="14:14">
      <c r="N357637" s="10"/>
    </row>
    <row r="357638" spans="14:14">
      <c r="N357638" s="10"/>
    </row>
    <row r="357639" spans="14:14">
      <c r="N357639" s="10"/>
    </row>
    <row r="357640" spans="14:14">
      <c r="N357640" s="10"/>
    </row>
    <row r="357641" spans="14:14">
      <c r="N357641" s="10"/>
    </row>
    <row r="357642" spans="14:14">
      <c r="N357642" s="10"/>
    </row>
    <row r="357643" spans="14:14">
      <c r="N357643" s="10"/>
    </row>
    <row r="357644" spans="14:14">
      <c r="N357644" s="10"/>
    </row>
    <row r="357645" spans="14:14">
      <c r="N357645" s="10"/>
    </row>
    <row r="357646" spans="14:14">
      <c r="N357646" s="10"/>
    </row>
    <row r="357647" spans="14:14">
      <c r="N357647" s="10"/>
    </row>
    <row r="357648" spans="14:14">
      <c r="N357648" s="10"/>
    </row>
    <row r="357649" spans="14:14">
      <c r="N357649" s="10"/>
    </row>
    <row r="357650" spans="14:14">
      <c r="N357650" s="10"/>
    </row>
    <row r="357651" spans="14:14">
      <c r="N357651" s="10"/>
    </row>
    <row r="357652" spans="14:14">
      <c r="N357652" s="10"/>
    </row>
    <row r="357653" spans="14:14">
      <c r="N357653" s="10"/>
    </row>
    <row r="357654" spans="14:14">
      <c r="N357654" s="10"/>
    </row>
    <row r="357655" spans="14:14">
      <c r="N357655" s="10"/>
    </row>
    <row r="357656" spans="14:14">
      <c r="N357656" s="10"/>
    </row>
    <row r="357657" spans="14:14">
      <c r="N357657" s="10"/>
    </row>
    <row r="357658" spans="14:14">
      <c r="N357658" s="10"/>
    </row>
    <row r="357659" spans="14:14">
      <c r="N357659" s="10"/>
    </row>
    <row r="357660" spans="14:14">
      <c r="N357660" s="10"/>
    </row>
    <row r="357661" spans="14:14">
      <c r="N357661" s="10"/>
    </row>
    <row r="357662" spans="14:14">
      <c r="N357662" s="10"/>
    </row>
    <row r="357663" spans="14:14">
      <c r="N357663" s="10"/>
    </row>
    <row r="357664" spans="14:14">
      <c r="N357664" s="10"/>
    </row>
    <row r="357665" spans="14:14">
      <c r="N357665" s="10"/>
    </row>
    <row r="357666" spans="14:14">
      <c r="N357666" s="10"/>
    </row>
    <row r="357667" spans="14:14">
      <c r="N357667" s="10"/>
    </row>
    <row r="357668" spans="14:14">
      <c r="N357668" s="10"/>
    </row>
    <row r="357669" spans="14:14">
      <c r="N357669" s="10"/>
    </row>
    <row r="357670" spans="14:14">
      <c r="N357670" s="10"/>
    </row>
    <row r="357671" spans="14:14">
      <c r="N357671" s="10"/>
    </row>
    <row r="357672" spans="14:14">
      <c r="N357672" s="10"/>
    </row>
    <row r="357673" spans="14:14">
      <c r="N357673" s="10"/>
    </row>
    <row r="357674" spans="14:14">
      <c r="N357674" s="10"/>
    </row>
    <row r="357675" spans="14:14">
      <c r="N357675" s="10"/>
    </row>
    <row r="357676" spans="14:14">
      <c r="N357676" s="10"/>
    </row>
    <row r="357677" spans="14:14">
      <c r="N357677" s="10"/>
    </row>
    <row r="357678" spans="14:14">
      <c r="N357678" s="10"/>
    </row>
    <row r="357679" spans="14:14">
      <c r="N357679" s="10"/>
    </row>
    <row r="357680" spans="14:14">
      <c r="N357680" s="10"/>
    </row>
    <row r="357681" spans="14:14">
      <c r="N357681" s="10"/>
    </row>
    <row r="357682" spans="14:14">
      <c r="N357682" s="10"/>
    </row>
    <row r="357683" spans="14:14">
      <c r="N357683" s="10"/>
    </row>
    <row r="357684" spans="14:14">
      <c r="N357684" s="10"/>
    </row>
    <row r="357685" spans="14:14">
      <c r="N357685" s="10"/>
    </row>
    <row r="357686" spans="14:14">
      <c r="N357686" s="10"/>
    </row>
    <row r="357687" spans="14:14">
      <c r="N357687" s="10"/>
    </row>
    <row r="357688" spans="14:14">
      <c r="N357688" s="10"/>
    </row>
    <row r="357689" spans="14:14">
      <c r="N357689" s="10"/>
    </row>
    <row r="357690" spans="14:14">
      <c r="N357690" s="10"/>
    </row>
    <row r="357691" spans="14:14">
      <c r="N357691" s="10"/>
    </row>
    <row r="357692" spans="14:14">
      <c r="N357692" s="10"/>
    </row>
    <row r="357693" spans="14:14">
      <c r="N357693" s="10"/>
    </row>
    <row r="357694" spans="14:14">
      <c r="N357694" s="10"/>
    </row>
    <row r="357695" spans="14:14">
      <c r="N357695" s="10"/>
    </row>
    <row r="357696" spans="14:14">
      <c r="N357696" s="10"/>
    </row>
    <row r="357697" spans="14:14">
      <c r="N357697" s="10"/>
    </row>
    <row r="357698" spans="14:14">
      <c r="N357698" s="10"/>
    </row>
    <row r="357699" spans="14:14">
      <c r="N357699" s="10"/>
    </row>
    <row r="357700" spans="14:14">
      <c r="N357700" s="10"/>
    </row>
    <row r="357701" spans="14:14">
      <c r="N357701" s="10"/>
    </row>
    <row r="357702" spans="14:14">
      <c r="N357702" s="10"/>
    </row>
    <row r="357703" spans="14:14">
      <c r="N357703" s="10"/>
    </row>
    <row r="357704" spans="14:14">
      <c r="N357704" s="10"/>
    </row>
    <row r="357705" spans="14:14">
      <c r="N357705" s="10"/>
    </row>
    <row r="357706" spans="14:14">
      <c r="N357706" s="10"/>
    </row>
    <row r="357707" spans="14:14">
      <c r="N357707" s="10"/>
    </row>
    <row r="357708" spans="14:14">
      <c r="N357708" s="10"/>
    </row>
    <row r="357709" spans="14:14">
      <c r="N357709" s="10"/>
    </row>
    <row r="357710" spans="14:14">
      <c r="N357710" s="10"/>
    </row>
    <row r="357711" spans="14:14">
      <c r="N357711" s="10"/>
    </row>
    <row r="357712" spans="14:14">
      <c r="N357712" s="10"/>
    </row>
    <row r="357713" spans="14:14">
      <c r="N357713" s="10"/>
    </row>
    <row r="357714" spans="14:14">
      <c r="N357714" s="10"/>
    </row>
    <row r="357715" spans="14:14">
      <c r="N357715" s="10"/>
    </row>
    <row r="357716" spans="14:14">
      <c r="N357716" s="10"/>
    </row>
    <row r="357717" spans="14:14">
      <c r="N357717" s="10"/>
    </row>
    <row r="357718" spans="14:14">
      <c r="N357718" s="10"/>
    </row>
    <row r="357719" spans="14:14">
      <c r="N357719" s="10"/>
    </row>
    <row r="357720" spans="14:14">
      <c r="N357720" s="10"/>
    </row>
    <row r="357721" spans="14:14">
      <c r="N357721" s="10"/>
    </row>
    <row r="357722" spans="14:14">
      <c r="N357722" s="10"/>
    </row>
    <row r="357723" spans="14:14">
      <c r="N357723" s="10"/>
    </row>
    <row r="357724" spans="14:14">
      <c r="N357724" s="10"/>
    </row>
    <row r="357725" spans="14:14">
      <c r="N357725" s="10"/>
    </row>
    <row r="357726" spans="14:14">
      <c r="N357726" s="10"/>
    </row>
    <row r="357727" spans="14:14">
      <c r="N357727" s="10"/>
    </row>
    <row r="357728" spans="14:14">
      <c r="N357728" s="10"/>
    </row>
    <row r="357729" spans="14:14">
      <c r="N357729" s="10"/>
    </row>
    <row r="357730" spans="14:14">
      <c r="N357730" s="10"/>
    </row>
    <row r="357731" spans="14:14">
      <c r="N357731" s="10"/>
    </row>
    <row r="357732" spans="14:14">
      <c r="N357732" s="10"/>
    </row>
    <row r="357733" spans="14:14">
      <c r="N357733" s="10"/>
    </row>
    <row r="357734" spans="14:14">
      <c r="N357734" s="10"/>
    </row>
    <row r="357735" spans="14:14">
      <c r="N357735" s="10"/>
    </row>
    <row r="357736" spans="14:14">
      <c r="N357736" s="10"/>
    </row>
    <row r="357737" spans="14:14">
      <c r="N357737" s="10"/>
    </row>
    <row r="357738" spans="14:14">
      <c r="N357738" s="10"/>
    </row>
    <row r="357739" spans="14:14">
      <c r="N357739" s="10"/>
    </row>
    <row r="357740" spans="14:14">
      <c r="N357740" s="10"/>
    </row>
    <row r="357741" spans="14:14">
      <c r="N357741" s="10"/>
    </row>
    <row r="357742" spans="14:14">
      <c r="N357742" s="10"/>
    </row>
    <row r="357743" spans="14:14">
      <c r="N357743" s="10"/>
    </row>
    <row r="357744" spans="14:14">
      <c r="N357744" s="10"/>
    </row>
    <row r="357745" spans="14:14">
      <c r="N357745" s="10"/>
    </row>
    <row r="357746" spans="14:14">
      <c r="N357746" s="10"/>
    </row>
    <row r="357747" spans="14:14">
      <c r="N357747" s="10"/>
    </row>
    <row r="357748" spans="14:14">
      <c r="N357748" s="10"/>
    </row>
    <row r="357749" spans="14:14">
      <c r="N357749" s="10"/>
    </row>
    <row r="357750" spans="14:14">
      <c r="N357750" s="10"/>
    </row>
    <row r="357751" spans="14:14">
      <c r="N357751" s="10"/>
    </row>
    <row r="357752" spans="14:14">
      <c r="N357752" s="10"/>
    </row>
    <row r="357753" spans="14:14">
      <c r="N357753" s="10"/>
    </row>
    <row r="357754" spans="14:14">
      <c r="N357754" s="10"/>
    </row>
    <row r="357755" spans="14:14">
      <c r="N357755" s="10"/>
    </row>
    <row r="357756" spans="14:14">
      <c r="N357756" s="10"/>
    </row>
    <row r="357757" spans="14:14">
      <c r="N357757" s="10"/>
    </row>
    <row r="357758" spans="14:14">
      <c r="N357758" s="10"/>
    </row>
    <row r="357759" spans="14:14">
      <c r="N357759" s="10"/>
    </row>
    <row r="357760" spans="14:14">
      <c r="N357760" s="10"/>
    </row>
    <row r="357761" spans="14:14">
      <c r="N357761" s="10"/>
    </row>
    <row r="357762" spans="14:14">
      <c r="N357762" s="10"/>
    </row>
    <row r="357763" spans="14:14">
      <c r="N357763" s="10"/>
    </row>
    <row r="357764" spans="14:14">
      <c r="N357764" s="10"/>
    </row>
    <row r="357765" spans="14:14">
      <c r="N357765" s="10"/>
    </row>
    <row r="357766" spans="14:14">
      <c r="N357766" s="10"/>
    </row>
    <row r="357767" spans="14:14">
      <c r="N357767" s="10"/>
    </row>
    <row r="357768" spans="14:14">
      <c r="N357768" s="10"/>
    </row>
    <row r="357769" spans="14:14">
      <c r="N357769" s="10"/>
    </row>
    <row r="357770" spans="14:14">
      <c r="N357770" s="10"/>
    </row>
    <row r="357771" spans="14:14">
      <c r="N357771" s="10"/>
    </row>
    <row r="357772" spans="14:14">
      <c r="N357772" s="10"/>
    </row>
    <row r="357773" spans="14:14">
      <c r="N357773" s="10"/>
    </row>
    <row r="357774" spans="14:14">
      <c r="N357774" s="10"/>
    </row>
    <row r="357775" spans="14:14">
      <c r="N357775" s="10"/>
    </row>
    <row r="357776" spans="14:14">
      <c r="N357776" s="10"/>
    </row>
    <row r="357777" spans="14:14">
      <c r="N357777" s="10"/>
    </row>
    <row r="357778" spans="14:14">
      <c r="N357778" s="10"/>
    </row>
    <row r="357779" spans="14:14">
      <c r="N357779" s="10"/>
    </row>
    <row r="357780" spans="14:14">
      <c r="N357780" s="10"/>
    </row>
    <row r="357781" spans="14:14">
      <c r="N357781" s="10"/>
    </row>
    <row r="357782" spans="14:14">
      <c r="N357782" s="10"/>
    </row>
    <row r="357783" spans="14:14">
      <c r="N357783" s="10"/>
    </row>
    <row r="357784" spans="14:14">
      <c r="N357784" s="10"/>
    </row>
    <row r="357785" spans="14:14">
      <c r="N357785" s="10"/>
    </row>
    <row r="357786" spans="14:14">
      <c r="N357786" s="10"/>
    </row>
    <row r="357787" spans="14:14">
      <c r="N357787" s="10"/>
    </row>
    <row r="357788" spans="14:14">
      <c r="N357788" s="10"/>
    </row>
    <row r="357789" spans="14:14">
      <c r="N357789" s="10"/>
    </row>
    <row r="357790" spans="14:14">
      <c r="N357790" s="10"/>
    </row>
    <row r="357791" spans="14:14">
      <c r="N357791" s="10"/>
    </row>
    <row r="357792" spans="14:14">
      <c r="N357792" s="10"/>
    </row>
    <row r="357793" spans="14:14">
      <c r="N357793" s="10"/>
    </row>
    <row r="357794" spans="14:14">
      <c r="N357794" s="10"/>
    </row>
    <row r="357795" spans="14:14">
      <c r="N357795" s="10"/>
    </row>
    <row r="357796" spans="14:14">
      <c r="N357796" s="10"/>
    </row>
    <row r="357797" spans="14:14">
      <c r="N357797" s="10"/>
    </row>
    <row r="357798" spans="14:14">
      <c r="N357798" s="10"/>
    </row>
    <row r="357799" spans="14:14">
      <c r="N357799" s="10"/>
    </row>
    <row r="357800" spans="14:14">
      <c r="N357800" s="10"/>
    </row>
    <row r="357801" spans="14:14">
      <c r="N357801" s="10"/>
    </row>
    <row r="357802" spans="14:14">
      <c r="N357802" s="10"/>
    </row>
    <row r="357803" spans="14:14">
      <c r="N357803" s="10"/>
    </row>
    <row r="357804" spans="14:14">
      <c r="N357804" s="10"/>
    </row>
    <row r="357805" spans="14:14">
      <c r="N357805" s="10"/>
    </row>
    <row r="357806" spans="14:14">
      <c r="N357806" s="10"/>
    </row>
    <row r="357807" spans="14:14">
      <c r="N357807" s="10"/>
    </row>
    <row r="357808" spans="14:14">
      <c r="N357808" s="10"/>
    </row>
    <row r="357809" spans="14:14">
      <c r="N357809" s="10"/>
    </row>
    <row r="357810" spans="14:14">
      <c r="N357810" s="10"/>
    </row>
    <row r="357811" spans="14:14">
      <c r="N357811" s="10"/>
    </row>
    <row r="357812" spans="14:14">
      <c r="N357812" s="10"/>
    </row>
    <row r="357813" spans="14:14">
      <c r="N357813" s="10"/>
    </row>
    <row r="357814" spans="14:14">
      <c r="N357814" s="10"/>
    </row>
    <row r="357815" spans="14:14">
      <c r="N357815" s="10"/>
    </row>
    <row r="357816" spans="14:14">
      <c r="N357816" s="10"/>
    </row>
    <row r="357817" spans="14:14">
      <c r="N357817" s="10"/>
    </row>
    <row r="357818" spans="14:14">
      <c r="N357818" s="10"/>
    </row>
    <row r="357819" spans="14:14">
      <c r="N357819" s="10"/>
    </row>
    <row r="357820" spans="14:14">
      <c r="N357820" s="10"/>
    </row>
    <row r="357821" spans="14:14">
      <c r="N357821" s="10"/>
    </row>
    <row r="357822" spans="14:14">
      <c r="N357822" s="10"/>
    </row>
    <row r="357823" spans="14:14">
      <c r="N357823" s="10"/>
    </row>
    <row r="357824" spans="14:14">
      <c r="N357824" s="10"/>
    </row>
    <row r="357825" spans="14:14">
      <c r="N357825" s="10"/>
    </row>
    <row r="357826" spans="14:14">
      <c r="N357826" s="10"/>
    </row>
    <row r="357827" spans="14:14">
      <c r="N357827" s="10"/>
    </row>
    <row r="357828" spans="14:14">
      <c r="N357828" s="10"/>
    </row>
    <row r="357829" spans="14:14">
      <c r="N357829" s="10"/>
    </row>
    <row r="357830" spans="14:14">
      <c r="N357830" s="10"/>
    </row>
    <row r="357831" spans="14:14">
      <c r="N357831" s="10"/>
    </row>
    <row r="357832" spans="14:14">
      <c r="N357832" s="10"/>
    </row>
    <row r="357833" spans="14:14">
      <c r="N357833" s="10"/>
    </row>
    <row r="357834" spans="14:14">
      <c r="N357834" s="10"/>
    </row>
    <row r="357835" spans="14:14">
      <c r="N357835" s="10"/>
    </row>
    <row r="357836" spans="14:14">
      <c r="N357836" s="10"/>
    </row>
    <row r="357837" spans="14:14">
      <c r="N357837" s="10"/>
    </row>
    <row r="357838" spans="14:14">
      <c r="N357838" s="10"/>
    </row>
    <row r="357839" spans="14:14">
      <c r="N357839" s="10"/>
    </row>
    <row r="357840" spans="14:14">
      <c r="N357840" s="10"/>
    </row>
    <row r="357841" spans="14:14">
      <c r="N357841" s="10"/>
    </row>
    <row r="357842" spans="14:14">
      <c r="N357842" s="10"/>
    </row>
    <row r="357843" spans="14:14">
      <c r="N357843" s="10"/>
    </row>
    <row r="357844" spans="14:14">
      <c r="N357844" s="10"/>
    </row>
    <row r="357845" spans="14:14">
      <c r="N357845" s="10"/>
    </row>
    <row r="357846" spans="14:14">
      <c r="N357846" s="10"/>
    </row>
    <row r="357847" spans="14:14">
      <c r="N357847" s="10"/>
    </row>
    <row r="357848" spans="14:14">
      <c r="N357848" s="10"/>
    </row>
    <row r="357849" spans="14:14">
      <c r="N357849" s="10"/>
    </row>
    <row r="357850" spans="14:14">
      <c r="N357850" s="10"/>
    </row>
    <row r="357851" spans="14:14">
      <c r="N357851" s="10"/>
    </row>
    <row r="357852" spans="14:14">
      <c r="N357852" s="10"/>
    </row>
    <row r="357853" spans="14:14">
      <c r="N357853" s="10"/>
    </row>
    <row r="357854" spans="14:14">
      <c r="N357854" s="10"/>
    </row>
    <row r="357855" spans="14:14">
      <c r="N357855" s="10"/>
    </row>
    <row r="357856" spans="14:14">
      <c r="N357856" s="10"/>
    </row>
    <row r="357857" spans="14:14">
      <c r="N357857" s="10"/>
    </row>
    <row r="357858" spans="14:14">
      <c r="N357858" s="10"/>
    </row>
    <row r="357859" spans="14:14">
      <c r="N357859" s="10"/>
    </row>
    <row r="357860" spans="14:14">
      <c r="N357860" s="10"/>
    </row>
    <row r="357861" spans="14:14">
      <c r="N357861" s="10"/>
    </row>
    <row r="357862" spans="14:14">
      <c r="N357862" s="10"/>
    </row>
    <row r="357863" spans="14:14">
      <c r="N357863" s="10"/>
    </row>
    <row r="357864" spans="14:14">
      <c r="N357864" s="10"/>
    </row>
    <row r="357865" spans="14:14">
      <c r="N357865" s="10"/>
    </row>
    <row r="357866" spans="14:14">
      <c r="N357866" s="10"/>
    </row>
    <row r="357867" spans="14:14">
      <c r="N357867" s="10"/>
    </row>
    <row r="357868" spans="14:14">
      <c r="N357868" s="10"/>
    </row>
    <row r="357869" spans="14:14">
      <c r="N357869" s="10"/>
    </row>
    <row r="357870" spans="14:14">
      <c r="N357870" s="10"/>
    </row>
    <row r="357871" spans="14:14">
      <c r="N357871" s="10"/>
    </row>
    <row r="357872" spans="14:14">
      <c r="N357872" s="10"/>
    </row>
    <row r="357873" spans="14:14">
      <c r="N357873" s="10"/>
    </row>
    <row r="357874" spans="14:14">
      <c r="N357874" s="10"/>
    </row>
    <row r="357875" spans="14:14">
      <c r="N357875" s="10"/>
    </row>
    <row r="357876" spans="14:14">
      <c r="N357876" s="10"/>
    </row>
    <row r="357877" spans="14:14">
      <c r="N357877" s="10"/>
    </row>
    <row r="357878" spans="14:14">
      <c r="N357878" s="10"/>
    </row>
    <row r="357879" spans="14:14">
      <c r="N357879" s="10"/>
    </row>
    <row r="357880" spans="14:14">
      <c r="N357880" s="10"/>
    </row>
    <row r="357881" spans="14:14">
      <c r="N357881" s="10"/>
    </row>
    <row r="357882" spans="14:14">
      <c r="N357882" s="10"/>
    </row>
    <row r="357883" spans="14:14">
      <c r="N357883" s="10"/>
    </row>
    <row r="357884" spans="14:14">
      <c r="N357884" s="10"/>
    </row>
    <row r="357885" spans="14:14">
      <c r="N357885" s="10"/>
    </row>
    <row r="357886" spans="14:14">
      <c r="N357886" s="10"/>
    </row>
    <row r="357887" spans="14:14">
      <c r="N357887" s="10"/>
    </row>
    <row r="357888" spans="14:14">
      <c r="N357888" s="10"/>
    </row>
    <row r="357889" spans="14:14">
      <c r="N357889" s="10"/>
    </row>
    <row r="357890" spans="14:14">
      <c r="N357890" s="10"/>
    </row>
    <row r="357891" spans="14:14">
      <c r="N357891" s="10"/>
    </row>
    <row r="357892" spans="14:14">
      <c r="N357892" s="10"/>
    </row>
    <row r="357893" spans="14:14">
      <c r="N357893" s="10"/>
    </row>
    <row r="357894" spans="14:14">
      <c r="N357894" s="10"/>
    </row>
    <row r="357895" spans="14:14">
      <c r="N357895" s="10"/>
    </row>
    <row r="357896" spans="14:14">
      <c r="N357896" s="10"/>
    </row>
    <row r="357897" spans="14:14">
      <c r="N357897" s="10"/>
    </row>
    <row r="357898" spans="14:14">
      <c r="N357898" s="10"/>
    </row>
    <row r="357899" spans="14:14">
      <c r="N357899" s="10"/>
    </row>
    <row r="357900" spans="14:14">
      <c r="N357900" s="10"/>
    </row>
    <row r="357901" spans="14:14">
      <c r="N357901" s="10"/>
    </row>
    <row r="357902" spans="14:14">
      <c r="N357902" s="10"/>
    </row>
    <row r="357903" spans="14:14">
      <c r="N357903" s="10"/>
    </row>
    <row r="357904" spans="14:14">
      <c r="N357904" s="10"/>
    </row>
    <row r="357905" spans="14:14">
      <c r="N357905" s="10"/>
    </row>
    <row r="357906" spans="14:14">
      <c r="N357906" s="10"/>
    </row>
    <row r="357907" spans="14:14">
      <c r="N357907" s="10"/>
    </row>
    <row r="357908" spans="14:14">
      <c r="N357908" s="10"/>
    </row>
    <row r="357909" spans="14:14">
      <c r="N357909" s="10"/>
    </row>
    <row r="357910" spans="14:14">
      <c r="N357910" s="10"/>
    </row>
    <row r="357911" spans="14:14">
      <c r="N357911" s="10"/>
    </row>
    <row r="357912" spans="14:14">
      <c r="N357912" s="10"/>
    </row>
    <row r="357913" spans="14:14">
      <c r="N357913" s="10"/>
    </row>
    <row r="357914" spans="14:14">
      <c r="N357914" s="10"/>
    </row>
    <row r="357915" spans="14:14">
      <c r="N357915" s="10"/>
    </row>
    <row r="357916" spans="14:14">
      <c r="N357916" s="10"/>
    </row>
    <row r="357917" spans="14:14">
      <c r="N357917" s="10"/>
    </row>
    <row r="357918" spans="14:14">
      <c r="N357918" s="10"/>
    </row>
    <row r="357919" spans="14:14">
      <c r="N357919" s="10"/>
    </row>
    <row r="357920" spans="14:14">
      <c r="N357920" s="10"/>
    </row>
    <row r="357921" spans="14:14">
      <c r="N357921" s="10"/>
    </row>
    <row r="357922" spans="14:14">
      <c r="N357922" s="10"/>
    </row>
    <row r="357923" spans="14:14">
      <c r="N357923" s="10"/>
    </row>
    <row r="357924" spans="14:14">
      <c r="N357924" s="10"/>
    </row>
    <row r="357925" spans="14:14">
      <c r="N357925" s="10"/>
    </row>
    <row r="357926" spans="14:14">
      <c r="N357926" s="10"/>
    </row>
    <row r="357927" spans="14:14">
      <c r="N357927" s="10"/>
    </row>
    <row r="357928" spans="14:14">
      <c r="N357928" s="10"/>
    </row>
    <row r="357929" spans="14:14">
      <c r="N357929" s="10"/>
    </row>
    <row r="357930" spans="14:14">
      <c r="N357930" s="10"/>
    </row>
    <row r="357931" spans="14:14">
      <c r="N357931" s="10"/>
    </row>
    <row r="357932" spans="14:14">
      <c r="N357932" s="10"/>
    </row>
    <row r="357933" spans="14:14">
      <c r="N357933" s="10"/>
    </row>
    <row r="357934" spans="14:14">
      <c r="N357934" s="10"/>
    </row>
    <row r="357935" spans="14:14">
      <c r="N357935" s="10"/>
    </row>
    <row r="357936" spans="14:14">
      <c r="N357936" s="10"/>
    </row>
    <row r="357937" spans="14:14">
      <c r="N357937" s="10"/>
    </row>
    <row r="357938" spans="14:14">
      <c r="N357938" s="10"/>
    </row>
    <row r="357939" spans="14:14">
      <c r="N357939" s="10"/>
    </row>
    <row r="357940" spans="14:14">
      <c r="N357940" s="10"/>
    </row>
    <row r="357941" spans="14:14">
      <c r="N357941" s="10"/>
    </row>
    <row r="357942" spans="14:14">
      <c r="N357942" s="10"/>
    </row>
    <row r="357943" spans="14:14">
      <c r="N357943" s="10"/>
    </row>
    <row r="357944" spans="14:14">
      <c r="N357944" s="10"/>
    </row>
    <row r="357945" spans="14:14">
      <c r="N357945" s="10"/>
    </row>
    <row r="357946" spans="14:14">
      <c r="N357946" s="10"/>
    </row>
    <row r="357947" spans="14:14">
      <c r="N357947" s="10"/>
    </row>
    <row r="357948" spans="14:14">
      <c r="N357948" s="10"/>
    </row>
    <row r="357949" spans="14:14">
      <c r="N357949" s="10"/>
    </row>
    <row r="357950" spans="14:14">
      <c r="N357950" s="10"/>
    </row>
    <row r="357951" spans="14:14">
      <c r="N357951" s="10"/>
    </row>
    <row r="357952" spans="14:14">
      <c r="N357952" s="10"/>
    </row>
    <row r="357953" spans="14:14">
      <c r="N357953" s="10"/>
    </row>
    <row r="357954" spans="14:14">
      <c r="N357954" s="10"/>
    </row>
    <row r="357955" spans="14:14">
      <c r="N357955" s="10"/>
    </row>
    <row r="357956" spans="14:14">
      <c r="N357956" s="10"/>
    </row>
    <row r="357957" spans="14:14">
      <c r="N357957" s="10"/>
    </row>
    <row r="357958" spans="14:14">
      <c r="N357958" s="10"/>
    </row>
    <row r="357959" spans="14:14">
      <c r="N357959" s="10"/>
    </row>
    <row r="357960" spans="14:14">
      <c r="N357960" s="10"/>
    </row>
    <row r="357961" spans="14:14">
      <c r="N357961" s="10"/>
    </row>
    <row r="357962" spans="14:14">
      <c r="N357962" s="10"/>
    </row>
    <row r="357963" spans="14:14">
      <c r="N357963" s="10"/>
    </row>
    <row r="357964" spans="14:14">
      <c r="N357964" s="10"/>
    </row>
    <row r="357965" spans="14:14">
      <c r="N357965" s="10"/>
    </row>
    <row r="357966" spans="14:14">
      <c r="N357966" s="10"/>
    </row>
    <row r="357967" spans="14:14">
      <c r="N357967" s="10"/>
    </row>
    <row r="357968" spans="14:14">
      <c r="N357968" s="10"/>
    </row>
    <row r="357969" spans="14:14">
      <c r="N357969" s="10"/>
    </row>
    <row r="357970" spans="14:14">
      <c r="N357970" s="10"/>
    </row>
    <row r="357971" spans="14:14">
      <c r="N357971" s="10"/>
    </row>
    <row r="357972" spans="14:14">
      <c r="N357972" s="10"/>
    </row>
    <row r="357973" spans="14:14">
      <c r="N357973" s="10"/>
    </row>
    <row r="357974" spans="14:14">
      <c r="N357974" s="10"/>
    </row>
    <row r="357975" spans="14:14">
      <c r="N357975" s="10"/>
    </row>
    <row r="357976" spans="14:14">
      <c r="N357976" s="10"/>
    </row>
    <row r="357977" spans="14:14">
      <c r="N357977" s="10"/>
    </row>
    <row r="357978" spans="14:14">
      <c r="N357978" s="10"/>
    </row>
    <row r="357979" spans="14:14">
      <c r="N357979" s="10"/>
    </row>
    <row r="357980" spans="14:14">
      <c r="N357980" s="10"/>
    </row>
    <row r="357981" spans="14:14">
      <c r="N357981" s="10"/>
    </row>
    <row r="357982" spans="14:14">
      <c r="N357982" s="10"/>
    </row>
    <row r="357983" spans="14:14">
      <c r="N357983" s="10"/>
    </row>
    <row r="357984" spans="14:14">
      <c r="N357984" s="10"/>
    </row>
    <row r="357985" spans="14:14">
      <c r="N357985" s="10"/>
    </row>
    <row r="357986" spans="14:14">
      <c r="N357986" s="10"/>
    </row>
    <row r="357987" spans="14:14">
      <c r="N357987" s="10"/>
    </row>
    <row r="357988" spans="14:14">
      <c r="N357988" s="10"/>
    </row>
    <row r="357989" spans="14:14">
      <c r="N357989" s="10"/>
    </row>
    <row r="357990" spans="14:14">
      <c r="N357990" s="10"/>
    </row>
    <row r="357991" spans="14:14">
      <c r="N357991" s="10"/>
    </row>
    <row r="357992" spans="14:14">
      <c r="N357992" s="10"/>
    </row>
    <row r="357993" spans="14:14">
      <c r="N357993" s="10"/>
    </row>
    <row r="357994" spans="14:14">
      <c r="N357994" s="10"/>
    </row>
    <row r="357995" spans="14:14">
      <c r="N357995" s="10"/>
    </row>
    <row r="357996" spans="14:14">
      <c r="N357996" s="10"/>
    </row>
    <row r="357997" spans="14:14">
      <c r="N357997" s="10"/>
    </row>
    <row r="357998" spans="14:14">
      <c r="N357998" s="10"/>
    </row>
    <row r="357999" spans="14:14">
      <c r="N357999" s="10"/>
    </row>
    <row r="358000" spans="14:14">
      <c r="N358000" s="10"/>
    </row>
    <row r="358001" spans="14:14">
      <c r="N358001" s="10"/>
    </row>
    <row r="358002" spans="14:14">
      <c r="N358002" s="10"/>
    </row>
    <row r="358003" spans="14:14">
      <c r="N358003" s="10"/>
    </row>
    <row r="358004" spans="14:14">
      <c r="N358004" s="10"/>
    </row>
    <row r="358005" spans="14:14">
      <c r="N358005" s="10"/>
    </row>
    <row r="358006" spans="14:14">
      <c r="N358006" s="10"/>
    </row>
    <row r="358007" spans="14:14">
      <c r="N358007" s="10"/>
    </row>
    <row r="358008" spans="14:14">
      <c r="N358008" s="10"/>
    </row>
    <row r="358009" spans="14:14">
      <c r="N358009" s="10"/>
    </row>
    <row r="358010" spans="14:14">
      <c r="N358010" s="10"/>
    </row>
    <row r="358011" spans="14:14">
      <c r="N358011" s="10"/>
    </row>
    <row r="358012" spans="14:14">
      <c r="N358012" s="10"/>
    </row>
    <row r="358013" spans="14:14">
      <c r="N358013" s="10"/>
    </row>
    <row r="358014" spans="14:14">
      <c r="N358014" s="10"/>
    </row>
    <row r="358015" spans="14:14">
      <c r="N358015" s="10"/>
    </row>
    <row r="358016" spans="14:14">
      <c r="N358016" s="10"/>
    </row>
    <row r="358017" spans="14:14">
      <c r="N358017" s="10"/>
    </row>
    <row r="358018" spans="14:14">
      <c r="N358018" s="10"/>
    </row>
    <row r="358019" spans="14:14">
      <c r="N358019" s="10"/>
    </row>
    <row r="358020" spans="14:14">
      <c r="N358020" s="10"/>
    </row>
    <row r="358021" spans="14:14">
      <c r="N358021" s="10"/>
    </row>
    <row r="358022" spans="14:14">
      <c r="N358022" s="10"/>
    </row>
    <row r="358023" spans="14:14">
      <c r="N358023" s="10"/>
    </row>
    <row r="358024" spans="14:14">
      <c r="N358024" s="10"/>
    </row>
    <row r="358025" spans="14:14">
      <c r="N358025" s="10"/>
    </row>
    <row r="358026" spans="14:14">
      <c r="N358026" s="10"/>
    </row>
    <row r="358027" spans="14:14">
      <c r="N358027" s="10"/>
    </row>
    <row r="358028" spans="14:14">
      <c r="N358028" s="10"/>
    </row>
    <row r="358029" spans="14:14">
      <c r="N358029" s="10"/>
    </row>
    <row r="358030" spans="14:14">
      <c r="N358030" s="10"/>
    </row>
    <row r="358031" spans="14:14">
      <c r="N358031" s="10"/>
    </row>
    <row r="358032" spans="14:14">
      <c r="N358032" s="10"/>
    </row>
    <row r="358033" spans="14:14">
      <c r="N358033" s="10"/>
    </row>
    <row r="358034" spans="14:14">
      <c r="N358034" s="10"/>
    </row>
    <row r="358035" spans="14:14">
      <c r="N358035" s="10"/>
    </row>
    <row r="358036" spans="14:14">
      <c r="N358036" s="10"/>
    </row>
    <row r="358037" spans="14:14">
      <c r="N358037" s="10"/>
    </row>
    <row r="358038" spans="14:14">
      <c r="N358038" s="10"/>
    </row>
    <row r="358039" spans="14:14">
      <c r="N358039" s="10"/>
    </row>
    <row r="358040" spans="14:14">
      <c r="N358040" s="10"/>
    </row>
    <row r="358041" spans="14:14">
      <c r="N358041" s="10"/>
    </row>
    <row r="358042" spans="14:14">
      <c r="N358042" s="10"/>
    </row>
    <row r="358043" spans="14:14">
      <c r="N358043" s="10"/>
    </row>
    <row r="358044" spans="14:14">
      <c r="N358044" s="10"/>
    </row>
    <row r="358045" spans="14:14">
      <c r="N358045" s="10"/>
    </row>
    <row r="358046" spans="14:14">
      <c r="N358046" s="10"/>
    </row>
    <row r="358047" spans="14:14">
      <c r="N358047" s="10"/>
    </row>
    <row r="358048" spans="14:14">
      <c r="N358048" s="10"/>
    </row>
    <row r="358049" spans="14:14">
      <c r="N358049" s="10"/>
    </row>
    <row r="358050" spans="14:14">
      <c r="N358050" s="10"/>
    </row>
    <row r="358051" spans="14:14">
      <c r="N358051" s="10"/>
    </row>
    <row r="358052" spans="14:14">
      <c r="N358052" s="10"/>
    </row>
    <row r="358053" spans="14:14">
      <c r="N358053" s="10"/>
    </row>
    <row r="358054" spans="14:14">
      <c r="N358054" s="10"/>
    </row>
    <row r="358055" spans="14:14">
      <c r="N358055" s="10"/>
    </row>
    <row r="358056" spans="14:14">
      <c r="N358056" s="10"/>
    </row>
    <row r="358057" spans="14:14">
      <c r="N358057" s="10"/>
    </row>
    <row r="358058" spans="14:14">
      <c r="N358058" s="10"/>
    </row>
    <row r="358059" spans="14:14">
      <c r="N358059" s="10"/>
    </row>
    <row r="358060" spans="14:14">
      <c r="N358060" s="10"/>
    </row>
    <row r="358061" spans="14:14">
      <c r="N358061" s="10"/>
    </row>
    <row r="358062" spans="14:14">
      <c r="N358062" s="10"/>
    </row>
    <row r="358063" spans="14:14">
      <c r="N358063" s="10"/>
    </row>
    <row r="358064" spans="14:14">
      <c r="N358064" s="10"/>
    </row>
    <row r="358065" spans="14:14">
      <c r="N358065" s="10"/>
    </row>
    <row r="358066" spans="14:14">
      <c r="N358066" s="10"/>
    </row>
    <row r="358067" spans="14:14">
      <c r="N358067" s="10"/>
    </row>
    <row r="358068" spans="14:14">
      <c r="N358068" s="10"/>
    </row>
    <row r="358069" spans="14:14">
      <c r="N358069" s="10"/>
    </row>
    <row r="358070" spans="14:14">
      <c r="N358070" s="10"/>
    </row>
    <row r="358071" spans="14:14">
      <c r="N358071" s="10"/>
    </row>
    <row r="358072" spans="14:14">
      <c r="N358072" s="10"/>
    </row>
    <row r="358073" spans="14:14">
      <c r="N358073" s="10"/>
    </row>
    <row r="358074" spans="14:14">
      <c r="N358074" s="10"/>
    </row>
    <row r="358075" spans="14:14">
      <c r="N358075" s="10"/>
    </row>
    <row r="358076" spans="14:14">
      <c r="N358076" s="10"/>
    </row>
    <row r="358077" spans="14:14">
      <c r="N358077" s="10"/>
    </row>
    <row r="358078" spans="14:14">
      <c r="N358078" s="10"/>
    </row>
    <row r="358079" spans="14:14">
      <c r="N358079" s="10"/>
    </row>
    <row r="358080" spans="14:14">
      <c r="N358080" s="10"/>
    </row>
    <row r="358081" spans="14:14">
      <c r="N358081" s="10"/>
    </row>
    <row r="358082" spans="14:14">
      <c r="N358082" s="10"/>
    </row>
    <row r="358083" spans="14:14">
      <c r="N358083" s="10"/>
    </row>
    <row r="358084" spans="14:14">
      <c r="N358084" s="10"/>
    </row>
    <row r="358085" spans="14:14">
      <c r="N358085" s="10"/>
    </row>
    <row r="358086" spans="14:14">
      <c r="N358086" s="10"/>
    </row>
    <row r="358087" spans="14:14">
      <c r="N358087" s="10"/>
    </row>
    <row r="358088" spans="14:14">
      <c r="N358088" s="10"/>
    </row>
    <row r="358089" spans="14:14">
      <c r="N358089" s="10"/>
    </row>
    <row r="358090" spans="14:14">
      <c r="N358090" s="10"/>
    </row>
    <row r="358091" spans="14:14">
      <c r="N358091" s="10"/>
    </row>
    <row r="358092" spans="14:14">
      <c r="N358092" s="10"/>
    </row>
    <row r="358093" spans="14:14">
      <c r="N358093" s="10"/>
    </row>
    <row r="358094" spans="14:14">
      <c r="N358094" s="10"/>
    </row>
    <row r="358095" spans="14:14">
      <c r="N358095" s="10"/>
    </row>
    <row r="358096" spans="14:14">
      <c r="N358096" s="10"/>
    </row>
    <row r="358097" spans="14:14">
      <c r="N358097" s="10"/>
    </row>
    <row r="358098" spans="14:14">
      <c r="N358098" s="10"/>
    </row>
    <row r="358099" spans="14:14">
      <c r="N358099" s="10"/>
    </row>
    <row r="358100" spans="14:14">
      <c r="N358100" s="10"/>
    </row>
    <row r="358101" spans="14:14">
      <c r="N358101" s="10"/>
    </row>
    <row r="358102" spans="14:14">
      <c r="N358102" s="10"/>
    </row>
    <row r="358103" spans="14:14">
      <c r="N358103" s="10"/>
    </row>
    <row r="358104" spans="14:14">
      <c r="N358104" s="10"/>
    </row>
    <row r="358105" spans="14:14">
      <c r="N358105" s="10"/>
    </row>
    <row r="358106" spans="14:14">
      <c r="N358106" s="10"/>
    </row>
    <row r="358107" spans="14:14">
      <c r="N358107" s="10"/>
    </row>
    <row r="358108" spans="14:14">
      <c r="N358108" s="10"/>
    </row>
    <row r="358109" spans="14:14">
      <c r="N358109" s="10"/>
    </row>
    <row r="358110" spans="14:14">
      <c r="N358110" s="10"/>
    </row>
    <row r="358111" spans="14:14">
      <c r="N358111" s="10"/>
    </row>
    <row r="358112" spans="14:14">
      <c r="N358112" s="10"/>
    </row>
    <row r="358113" spans="14:14">
      <c r="N358113" s="10"/>
    </row>
    <row r="358114" spans="14:14">
      <c r="N358114" s="10"/>
    </row>
    <row r="358115" spans="14:14">
      <c r="N358115" s="10"/>
    </row>
    <row r="358116" spans="14:14">
      <c r="N358116" s="10"/>
    </row>
    <row r="358117" spans="14:14">
      <c r="N358117" s="10"/>
    </row>
    <row r="358118" spans="14:14">
      <c r="N358118" s="10"/>
    </row>
    <row r="358119" spans="14:14">
      <c r="N358119" s="10"/>
    </row>
    <row r="358120" spans="14:14">
      <c r="N358120" s="10"/>
    </row>
    <row r="358121" spans="14:14">
      <c r="N358121" s="10"/>
    </row>
    <row r="358122" spans="14:14">
      <c r="N358122" s="10"/>
    </row>
    <row r="358123" spans="14:14">
      <c r="N358123" s="10"/>
    </row>
    <row r="358124" spans="14:14">
      <c r="N358124" s="10"/>
    </row>
    <row r="358125" spans="14:14">
      <c r="N358125" s="10"/>
    </row>
    <row r="358126" spans="14:14">
      <c r="N358126" s="10"/>
    </row>
    <row r="358127" spans="14:14">
      <c r="N358127" s="10"/>
    </row>
    <row r="358128" spans="14:14">
      <c r="N358128" s="10"/>
    </row>
    <row r="358129" spans="14:14">
      <c r="N358129" s="10"/>
    </row>
    <row r="358130" spans="14:14">
      <c r="N358130" s="10"/>
    </row>
    <row r="358131" spans="14:14">
      <c r="N358131" s="10"/>
    </row>
    <row r="358132" spans="14:14">
      <c r="N358132" s="10"/>
    </row>
    <row r="358133" spans="14:14">
      <c r="N358133" s="10"/>
    </row>
    <row r="358134" spans="14:14">
      <c r="N358134" s="10"/>
    </row>
    <row r="358135" spans="14:14">
      <c r="N358135" s="10"/>
    </row>
    <row r="358136" spans="14:14">
      <c r="N358136" s="10"/>
    </row>
    <row r="358137" spans="14:14">
      <c r="N358137" s="10"/>
    </row>
    <row r="358138" spans="14:14">
      <c r="N358138" s="10"/>
    </row>
    <row r="358139" spans="14:14">
      <c r="N358139" s="10"/>
    </row>
    <row r="358140" spans="14:14">
      <c r="N358140" s="10"/>
    </row>
    <row r="358141" spans="14:14">
      <c r="N358141" s="10"/>
    </row>
    <row r="358142" spans="14:14">
      <c r="N358142" s="10"/>
    </row>
    <row r="358143" spans="14:14">
      <c r="N358143" s="10"/>
    </row>
    <row r="358144" spans="14:14">
      <c r="N358144" s="10"/>
    </row>
    <row r="358145" spans="14:14">
      <c r="N358145" s="10"/>
    </row>
    <row r="358146" spans="14:14">
      <c r="N358146" s="10"/>
    </row>
    <row r="358147" spans="14:14">
      <c r="N358147" s="10"/>
    </row>
    <row r="358148" spans="14:14">
      <c r="N358148" s="10"/>
    </row>
    <row r="358149" spans="14:14">
      <c r="N358149" s="10"/>
    </row>
    <row r="358150" spans="14:14">
      <c r="N358150" s="10"/>
    </row>
    <row r="358151" spans="14:14">
      <c r="N358151" s="10"/>
    </row>
    <row r="358152" spans="14:14">
      <c r="N358152" s="10"/>
    </row>
    <row r="358153" spans="14:14">
      <c r="N358153" s="10"/>
    </row>
    <row r="358154" spans="14:14">
      <c r="N358154" s="10"/>
    </row>
    <row r="358155" spans="14:14">
      <c r="N358155" s="10"/>
    </row>
    <row r="358156" spans="14:14">
      <c r="N358156" s="10"/>
    </row>
    <row r="358157" spans="14:14">
      <c r="N358157" s="10"/>
    </row>
    <row r="358158" spans="14:14">
      <c r="N358158" s="10"/>
    </row>
    <row r="358159" spans="14:14">
      <c r="N358159" s="10"/>
    </row>
    <row r="358160" spans="14:14">
      <c r="N358160" s="10"/>
    </row>
    <row r="358161" spans="14:14">
      <c r="N358161" s="10"/>
    </row>
    <row r="358162" spans="14:14">
      <c r="N358162" s="10"/>
    </row>
    <row r="358163" spans="14:14">
      <c r="N358163" s="10"/>
    </row>
    <row r="358164" spans="14:14">
      <c r="N358164" s="10"/>
    </row>
    <row r="358165" spans="14:14">
      <c r="N358165" s="10"/>
    </row>
    <row r="358166" spans="14:14">
      <c r="N358166" s="10"/>
    </row>
    <row r="358167" spans="14:14">
      <c r="N358167" s="10"/>
    </row>
    <row r="358168" spans="14:14">
      <c r="N358168" s="10"/>
    </row>
    <row r="358169" spans="14:14">
      <c r="N358169" s="10"/>
    </row>
    <row r="358170" spans="14:14">
      <c r="N358170" s="10"/>
    </row>
    <row r="358171" spans="14:14">
      <c r="N358171" s="10"/>
    </row>
    <row r="358172" spans="14:14">
      <c r="N358172" s="10"/>
    </row>
    <row r="358173" spans="14:14">
      <c r="N358173" s="10"/>
    </row>
    <row r="358174" spans="14:14">
      <c r="N358174" s="10"/>
    </row>
    <row r="358175" spans="14:14">
      <c r="N358175" s="10"/>
    </row>
    <row r="358176" spans="14:14">
      <c r="N358176" s="10"/>
    </row>
    <row r="358177" spans="14:14">
      <c r="N358177" s="10"/>
    </row>
    <row r="358178" spans="14:14">
      <c r="N358178" s="10"/>
    </row>
    <row r="358179" spans="14:14">
      <c r="N358179" s="10"/>
    </row>
    <row r="358180" spans="14:14">
      <c r="N358180" s="10"/>
    </row>
    <row r="358181" spans="14:14">
      <c r="N358181" s="10"/>
    </row>
    <row r="358182" spans="14:14">
      <c r="N358182" s="10"/>
    </row>
    <row r="358183" spans="14:14">
      <c r="N358183" s="10"/>
    </row>
    <row r="358184" spans="14:14">
      <c r="N358184" s="10"/>
    </row>
    <row r="358185" spans="14:14">
      <c r="N358185" s="10"/>
    </row>
    <row r="358186" spans="14:14">
      <c r="N358186" s="10"/>
    </row>
    <row r="358187" spans="14:14">
      <c r="N358187" s="10"/>
    </row>
    <row r="358188" spans="14:14">
      <c r="N358188" s="10"/>
    </row>
    <row r="358189" spans="14:14">
      <c r="N358189" s="10"/>
    </row>
    <row r="358190" spans="14:14">
      <c r="N358190" s="10"/>
    </row>
    <row r="358191" spans="14:14">
      <c r="N358191" s="10"/>
    </row>
    <row r="358192" spans="14:14">
      <c r="N358192" s="10"/>
    </row>
    <row r="358193" spans="14:14">
      <c r="N358193" s="10"/>
    </row>
    <row r="358194" spans="14:14">
      <c r="N358194" s="10"/>
    </row>
    <row r="358195" spans="14:14">
      <c r="N358195" s="10"/>
    </row>
    <row r="358196" spans="14:14">
      <c r="N358196" s="10"/>
    </row>
    <row r="358197" spans="14:14">
      <c r="N358197" s="10"/>
    </row>
    <row r="358198" spans="14:14">
      <c r="N358198" s="10"/>
    </row>
    <row r="358199" spans="14:14">
      <c r="N358199" s="10"/>
    </row>
    <row r="358200" spans="14:14">
      <c r="N358200" s="10"/>
    </row>
    <row r="358201" spans="14:14">
      <c r="N358201" s="10"/>
    </row>
    <row r="358202" spans="14:14">
      <c r="N358202" s="10"/>
    </row>
    <row r="358203" spans="14:14">
      <c r="N358203" s="10"/>
    </row>
    <row r="358204" spans="14:14">
      <c r="N358204" s="10"/>
    </row>
    <row r="358205" spans="14:14">
      <c r="N358205" s="10"/>
    </row>
    <row r="358206" spans="14:14">
      <c r="N358206" s="10"/>
    </row>
    <row r="358207" spans="14:14">
      <c r="N358207" s="10"/>
    </row>
    <row r="358208" spans="14:14">
      <c r="N358208" s="10"/>
    </row>
    <row r="358209" spans="14:14">
      <c r="N358209" s="10"/>
    </row>
    <row r="358210" spans="14:14">
      <c r="N358210" s="10"/>
    </row>
    <row r="358211" spans="14:14">
      <c r="N358211" s="10"/>
    </row>
    <row r="358212" spans="14:14">
      <c r="N358212" s="10"/>
    </row>
    <row r="358213" spans="14:14">
      <c r="N358213" s="10"/>
    </row>
    <row r="358214" spans="14:14">
      <c r="N358214" s="10"/>
    </row>
    <row r="358215" spans="14:14">
      <c r="N358215" s="10"/>
    </row>
    <row r="358216" spans="14:14">
      <c r="N358216" s="10"/>
    </row>
    <row r="358217" spans="14:14">
      <c r="N358217" s="10"/>
    </row>
    <row r="358218" spans="14:14">
      <c r="N358218" s="10"/>
    </row>
    <row r="358219" spans="14:14">
      <c r="N358219" s="10"/>
    </row>
    <row r="358220" spans="14:14">
      <c r="N358220" s="10"/>
    </row>
    <row r="358221" spans="14:14">
      <c r="N358221" s="10"/>
    </row>
    <row r="358222" spans="14:14">
      <c r="N358222" s="10"/>
    </row>
    <row r="358223" spans="14:14">
      <c r="N358223" s="10"/>
    </row>
    <row r="358224" spans="14:14">
      <c r="N358224" s="10"/>
    </row>
    <row r="358225" spans="14:14">
      <c r="N358225" s="10"/>
    </row>
    <row r="358226" spans="14:14">
      <c r="N358226" s="10"/>
    </row>
    <row r="358227" spans="14:14">
      <c r="N358227" s="10"/>
    </row>
    <row r="358228" spans="14:14">
      <c r="N358228" s="10"/>
    </row>
    <row r="358229" spans="14:14">
      <c r="N358229" s="10"/>
    </row>
    <row r="358230" spans="14:14">
      <c r="N358230" s="10"/>
    </row>
    <row r="358231" spans="14:14">
      <c r="N358231" s="10"/>
    </row>
    <row r="358232" spans="14:14">
      <c r="N358232" s="10"/>
    </row>
    <row r="358233" spans="14:14">
      <c r="N358233" s="10"/>
    </row>
    <row r="358234" spans="14:14">
      <c r="N358234" s="10"/>
    </row>
    <row r="358235" spans="14:14">
      <c r="N358235" s="10"/>
    </row>
    <row r="358236" spans="14:14">
      <c r="N358236" s="10"/>
    </row>
    <row r="358237" spans="14:14">
      <c r="N358237" s="10"/>
    </row>
    <row r="358238" spans="14:14">
      <c r="N358238" s="10"/>
    </row>
    <row r="358239" spans="14:14">
      <c r="N358239" s="10"/>
    </row>
    <row r="358240" spans="14:14">
      <c r="N358240" s="10"/>
    </row>
    <row r="358241" spans="14:14">
      <c r="N358241" s="10"/>
    </row>
    <row r="358242" spans="14:14">
      <c r="N358242" s="10"/>
    </row>
    <row r="358243" spans="14:14">
      <c r="N358243" s="10"/>
    </row>
    <row r="358244" spans="14:14">
      <c r="N358244" s="10"/>
    </row>
    <row r="358245" spans="14:14">
      <c r="N358245" s="10"/>
    </row>
    <row r="358246" spans="14:14">
      <c r="N358246" s="10"/>
    </row>
    <row r="358247" spans="14:14">
      <c r="N358247" s="10"/>
    </row>
    <row r="358248" spans="14:14">
      <c r="N358248" s="10"/>
    </row>
    <row r="358249" spans="14:14">
      <c r="N358249" s="10"/>
    </row>
    <row r="358250" spans="14:14">
      <c r="N358250" s="10"/>
    </row>
    <row r="358251" spans="14:14">
      <c r="N358251" s="10"/>
    </row>
    <row r="358252" spans="14:14">
      <c r="N358252" s="10"/>
    </row>
    <row r="358253" spans="14:14">
      <c r="N358253" s="10"/>
    </row>
    <row r="358254" spans="14:14">
      <c r="N358254" s="10"/>
    </row>
    <row r="358255" spans="14:14">
      <c r="N358255" s="10"/>
    </row>
    <row r="358256" spans="14:14">
      <c r="N358256" s="10"/>
    </row>
    <row r="358257" spans="14:14">
      <c r="N358257" s="10"/>
    </row>
    <row r="358258" spans="14:14">
      <c r="N358258" s="10"/>
    </row>
    <row r="358259" spans="14:14">
      <c r="N358259" s="10"/>
    </row>
    <row r="358260" spans="14:14">
      <c r="N358260" s="10"/>
    </row>
    <row r="358261" spans="14:14">
      <c r="N358261" s="10"/>
    </row>
    <row r="358262" spans="14:14">
      <c r="N358262" s="10"/>
    </row>
    <row r="358263" spans="14:14">
      <c r="N358263" s="10"/>
    </row>
    <row r="358264" spans="14:14">
      <c r="N358264" s="10"/>
    </row>
    <row r="358265" spans="14:14">
      <c r="N358265" s="10"/>
    </row>
    <row r="358266" spans="14:14">
      <c r="N358266" s="10"/>
    </row>
    <row r="358267" spans="14:14">
      <c r="N358267" s="10"/>
    </row>
    <row r="358268" spans="14:14">
      <c r="N358268" s="10"/>
    </row>
    <row r="358269" spans="14:14">
      <c r="N358269" s="10"/>
    </row>
    <row r="358270" spans="14:14">
      <c r="N358270" s="10"/>
    </row>
    <row r="358271" spans="14:14">
      <c r="N358271" s="10"/>
    </row>
    <row r="358272" spans="14:14">
      <c r="N358272" s="10"/>
    </row>
    <row r="358273" spans="14:14">
      <c r="N358273" s="10"/>
    </row>
    <row r="358274" spans="14:14">
      <c r="N358274" s="10"/>
    </row>
    <row r="358275" spans="14:14">
      <c r="N358275" s="10"/>
    </row>
    <row r="358276" spans="14:14">
      <c r="N358276" s="10"/>
    </row>
    <row r="358277" spans="14:14">
      <c r="N358277" s="10"/>
    </row>
    <row r="358278" spans="14:14">
      <c r="N358278" s="10"/>
    </row>
    <row r="358279" spans="14:14">
      <c r="N358279" s="10"/>
    </row>
    <row r="358280" spans="14:14">
      <c r="N358280" s="10"/>
    </row>
    <row r="358281" spans="14:14">
      <c r="N358281" s="10"/>
    </row>
    <row r="358282" spans="14:14">
      <c r="N358282" s="10"/>
    </row>
    <row r="358283" spans="14:14">
      <c r="N358283" s="10"/>
    </row>
    <row r="358284" spans="14:14">
      <c r="N358284" s="10"/>
    </row>
    <row r="358285" spans="14:14">
      <c r="N358285" s="10"/>
    </row>
    <row r="358286" spans="14:14">
      <c r="N358286" s="10"/>
    </row>
    <row r="358287" spans="14:14">
      <c r="N358287" s="10"/>
    </row>
    <row r="358288" spans="14:14">
      <c r="N358288" s="10"/>
    </row>
    <row r="358289" spans="14:14">
      <c r="N358289" s="10"/>
    </row>
    <row r="358290" spans="14:14">
      <c r="N358290" s="10"/>
    </row>
    <row r="358291" spans="14:14">
      <c r="N358291" s="10"/>
    </row>
    <row r="358292" spans="14:14">
      <c r="N358292" s="10"/>
    </row>
    <row r="358293" spans="14:14">
      <c r="N358293" s="10"/>
    </row>
    <row r="358294" spans="14:14">
      <c r="N358294" s="10"/>
    </row>
    <row r="358295" spans="14:14">
      <c r="N358295" s="10"/>
    </row>
    <row r="358296" spans="14:14">
      <c r="N358296" s="10"/>
    </row>
    <row r="358297" spans="14:14">
      <c r="N358297" s="10"/>
    </row>
    <row r="358298" spans="14:14">
      <c r="N358298" s="10"/>
    </row>
    <row r="358299" spans="14:14">
      <c r="N358299" s="10"/>
    </row>
    <row r="358300" spans="14:14">
      <c r="N358300" s="10"/>
    </row>
    <row r="358301" spans="14:14">
      <c r="N358301" s="10"/>
    </row>
    <row r="358302" spans="14:14">
      <c r="N358302" s="10"/>
    </row>
    <row r="358303" spans="14:14">
      <c r="N358303" s="10"/>
    </row>
    <row r="358304" spans="14:14">
      <c r="N358304" s="10"/>
    </row>
    <row r="358305" spans="14:14">
      <c r="N358305" s="10"/>
    </row>
    <row r="358306" spans="14:14">
      <c r="N358306" s="10"/>
    </row>
    <row r="358307" spans="14:14">
      <c r="N358307" s="10"/>
    </row>
    <row r="358308" spans="14:14">
      <c r="N358308" s="10"/>
    </row>
    <row r="358309" spans="14:14">
      <c r="N358309" s="10"/>
    </row>
    <row r="358310" spans="14:14">
      <c r="N358310" s="10"/>
    </row>
    <row r="358311" spans="14:14">
      <c r="N358311" s="10"/>
    </row>
    <row r="358312" spans="14:14">
      <c r="N358312" s="10"/>
    </row>
    <row r="358313" spans="14:14">
      <c r="N358313" s="10"/>
    </row>
    <row r="358314" spans="14:14">
      <c r="N358314" s="10"/>
    </row>
    <row r="358315" spans="14:14">
      <c r="N358315" s="10"/>
    </row>
    <row r="358316" spans="14:14">
      <c r="N358316" s="10"/>
    </row>
    <row r="358317" spans="14:14">
      <c r="N358317" s="10"/>
    </row>
    <row r="358318" spans="14:14">
      <c r="N358318" s="10"/>
    </row>
    <row r="358319" spans="14:14">
      <c r="N358319" s="10"/>
    </row>
    <row r="358320" spans="14:14">
      <c r="N358320" s="10"/>
    </row>
    <row r="358321" spans="14:14">
      <c r="N358321" s="10"/>
    </row>
    <row r="358322" spans="14:14">
      <c r="N358322" s="10"/>
    </row>
    <row r="358323" spans="14:14">
      <c r="N358323" s="10"/>
    </row>
    <row r="358324" spans="14:14">
      <c r="N358324" s="10"/>
    </row>
    <row r="358325" spans="14:14">
      <c r="N358325" s="10"/>
    </row>
    <row r="358326" spans="14:14">
      <c r="N358326" s="10"/>
    </row>
    <row r="358327" spans="14:14">
      <c r="N358327" s="10"/>
    </row>
    <row r="358328" spans="14:14">
      <c r="N358328" s="10"/>
    </row>
    <row r="358329" spans="14:14">
      <c r="N358329" s="10"/>
    </row>
    <row r="358330" spans="14:14">
      <c r="N358330" s="10"/>
    </row>
    <row r="358331" spans="14:14">
      <c r="N358331" s="10"/>
    </row>
    <row r="358332" spans="14:14">
      <c r="N358332" s="10"/>
    </row>
    <row r="358333" spans="14:14">
      <c r="N358333" s="10"/>
    </row>
    <row r="358334" spans="14:14">
      <c r="N358334" s="10"/>
    </row>
    <row r="358335" spans="14:14">
      <c r="N358335" s="10"/>
    </row>
    <row r="358336" spans="14:14">
      <c r="N358336" s="10"/>
    </row>
    <row r="358337" spans="14:14">
      <c r="N358337" s="10"/>
    </row>
    <row r="358338" spans="14:14">
      <c r="N358338" s="10"/>
    </row>
    <row r="358339" spans="14:14">
      <c r="N358339" s="10"/>
    </row>
    <row r="358340" spans="14:14">
      <c r="N358340" s="10"/>
    </row>
    <row r="358341" spans="14:14">
      <c r="N358341" s="10"/>
    </row>
    <row r="358342" spans="14:14">
      <c r="N358342" s="10"/>
    </row>
    <row r="358343" spans="14:14">
      <c r="N358343" s="10"/>
    </row>
    <row r="358344" spans="14:14">
      <c r="N358344" s="10"/>
    </row>
    <row r="358345" spans="14:14">
      <c r="N358345" s="10"/>
    </row>
    <row r="358346" spans="14:14">
      <c r="N358346" s="10"/>
    </row>
    <row r="358347" spans="14:14">
      <c r="N358347" s="10"/>
    </row>
    <row r="358348" spans="14:14">
      <c r="N358348" s="10"/>
    </row>
    <row r="358349" spans="14:14">
      <c r="N358349" s="10"/>
    </row>
    <row r="358350" spans="14:14">
      <c r="N358350" s="10"/>
    </row>
    <row r="358351" spans="14:14">
      <c r="N358351" s="10"/>
    </row>
    <row r="358352" spans="14:14">
      <c r="N358352" s="10"/>
    </row>
    <row r="358353" spans="14:14">
      <c r="N358353" s="10"/>
    </row>
    <row r="358354" spans="14:14">
      <c r="N358354" s="10"/>
    </row>
    <row r="358355" spans="14:14">
      <c r="N358355" s="10"/>
    </row>
    <row r="358356" spans="14:14">
      <c r="N358356" s="10"/>
    </row>
    <row r="358357" spans="14:14">
      <c r="N358357" s="10"/>
    </row>
    <row r="358358" spans="14:14">
      <c r="N358358" s="10"/>
    </row>
    <row r="358359" spans="14:14">
      <c r="N358359" s="10"/>
    </row>
    <row r="358360" spans="14:14">
      <c r="N358360" s="10"/>
    </row>
    <row r="358361" spans="14:14">
      <c r="N358361" s="10"/>
    </row>
    <row r="358362" spans="14:14">
      <c r="N358362" s="10"/>
    </row>
    <row r="358363" spans="14:14">
      <c r="N358363" s="10"/>
    </row>
    <row r="358364" spans="14:14">
      <c r="N358364" s="10"/>
    </row>
    <row r="358365" spans="14:14">
      <c r="N358365" s="10"/>
    </row>
    <row r="358366" spans="14:14">
      <c r="N358366" s="10"/>
    </row>
    <row r="358367" spans="14:14">
      <c r="N358367" s="10"/>
    </row>
    <row r="358368" spans="14:14">
      <c r="N358368" s="10"/>
    </row>
    <row r="358369" spans="14:14">
      <c r="N358369" s="10"/>
    </row>
    <row r="358370" spans="14:14">
      <c r="N358370" s="10"/>
    </row>
    <row r="358371" spans="14:14">
      <c r="N358371" s="10"/>
    </row>
    <row r="358372" spans="14:14">
      <c r="N358372" s="10"/>
    </row>
    <row r="358373" spans="14:14">
      <c r="N358373" s="10"/>
    </row>
    <row r="358374" spans="14:14">
      <c r="N358374" s="10"/>
    </row>
    <row r="358375" spans="14:14">
      <c r="N358375" s="10"/>
    </row>
    <row r="358376" spans="14:14">
      <c r="N358376" s="10"/>
    </row>
    <row r="358377" spans="14:14">
      <c r="N358377" s="10"/>
    </row>
    <row r="358378" spans="14:14">
      <c r="N358378" s="10"/>
    </row>
    <row r="358379" spans="14:14">
      <c r="N358379" s="10"/>
    </row>
    <row r="358380" spans="14:14">
      <c r="N358380" s="10"/>
    </row>
    <row r="358381" spans="14:14">
      <c r="N358381" s="10"/>
    </row>
    <row r="358382" spans="14:14">
      <c r="N358382" s="10"/>
    </row>
    <row r="358383" spans="14:14">
      <c r="N358383" s="10"/>
    </row>
    <row r="358384" spans="14:14">
      <c r="N358384" s="10"/>
    </row>
    <row r="358385" spans="14:14">
      <c r="N358385" s="10"/>
    </row>
    <row r="358386" spans="14:14">
      <c r="N358386" s="10"/>
    </row>
    <row r="358387" spans="14:14">
      <c r="N358387" s="10"/>
    </row>
    <row r="358388" spans="14:14">
      <c r="N358388" s="10"/>
    </row>
    <row r="358389" spans="14:14">
      <c r="N358389" s="10"/>
    </row>
    <row r="358390" spans="14:14">
      <c r="N358390" s="10"/>
    </row>
    <row r="358391" spans="14:14">
      <c r="N358391" s="10"/>
    </row>
    <row r="358392" spans="14:14">
      <c r="N358392" s="10"/>
    </row>
    <row r="358393" spans="14:14">
      <c r="N358393" s="10"/>
    </row>
    <row r="358394" spans="14:14">
      <c r="N358394" s="10"/>
    </row>
    <row r="358395" spans="14:14">
      <c r="N358395" s="10"/>
    </row>
    <row r="358396" spans="14:14">
      <c r="N358396" s="10"/>
    </row>
    <row r="358397" spans="14:14">
      <c r="N358397" s="10"/>
    </row>
    <row r="358398" spans="14:14">
      <c r="N358398" s="10"/>
    </row>
    <row r="358399" spans="14:14">
      <c r="N358399" s="10"/>
    </row>
    <row r="358400" spans="14:14">
      <c r="N358400" s="10"/>
    </row>
    <row r="358401" spans="14:14">
      <c r="N358401" s="10"/>
    </row>
    <row r="358402" spans="14:14">
      <c r="N358402" s="10"/>
    </row>
    <row r="358403" spans="14:14">
      <c r="N358403" s="10"/>
    </row>
    <row r="358404" spans="14:14">
      <c r="N358404" s="10"/>
    </row>
    <row r="358405" spans="14:14">
      <c r="N358405" s="10"/>
    </row>
    <row r="358406" spans="14:14">
      <c r="N358406" s="10"/>
    </row>
    <row r="358407" spans="14:14">
      <c r="N358407" s="10"/>
    </row>
    <row r="358408" spans="14:14">
      <c r="N358408" s="10"/>
    </row>
    <row r="358409" spans="14:14">
      <c r="N358409" s="10"/>
    </row>
    <row r="358410" spans="14:14">
      <c r="N358410" s="10"/>
    </row>
    <row r="358411" spans="14:14">
      <c r="N358411" s="10"/>
    </row>
    <row r="358412" spans="14:14">
      <c r="N358412" s="10"/>
    </row>
    <row r="358413" spans="14:14">
      <c r="N358413" s="10"/>
    </row>
    <row r="358414" spans="14:14">
      <c r="N358414" s="10"/>
    </row>
    <row r="358415" spans="14:14">
      <c r="N358415" s="10"/>
    </row>
    <row r="358416" spans="14:14">
      <c r="N358416" s="10"/>
    </row>
    <row r="358417" spans="14:14">
      <c r="N358417" s="10"/>
    </row>
    <row r="358418" spans="14:14">
      <c r="N358418" s="10"/>
    </row>
    <row r="358419" spans="14:14">
      <c r="N358419" s="10"/>
    </row>
    <row r="358420" spans="14:14">
      <c r="N358420" s="10"/>
    </row>
    <row r="358421" spans="14:14">
      <c r="N358421" s="10"/>
    </row>
    <row r="358422" spans="14:14">
      <c r="N358422" s="10"/>
    </row>
    <row r="358423" spans="14:14">
      <c r="N358423" s="10"/>
    </row>
    <row r="358424" spans="14:14">
      <c r="N358424" s="10"/>
    </row>
    <row r="358425" spans="14:14">
      <c r="N358425" s="10"/>
    </row>
    <row r="358426" spans="14:14">
      <c r="N358426" s="10"/>
    </row>
    <row r="358427" spans="14:14">
      <c r="N358427" s="10"/>
    </row>
    <row r="358428" spans="14:14">
      <c r="N358428" s="10"/>
    </row>
    <row r="358429" spans="14:14">
      <c r="N358429" s="10"/>
    </row>
    <row r="358430" spans="14:14">
      <c r="N358430" s="10"/>
    </row>
    <row r="358431" spans="14:14">
      <c r="N358431" s="10"/>
    </row>
    <row r="358432" spans="14:14">
      <c r="N358432" s="10"/>
    </row>
    <row r="358433" spans="14:14">
      <c r="N358433" s="10"/>
    </row>
    <row r="358434" spans="14:14">
      <c r="N358434" s="10"/>
    </row>
    <row r="358435" spans="14:14">
      <c r="N358435" s="10"/>
    </row>
    <row r="358436" spans="14:14">
      <c r="N358436" s="10"/>
    </row>
    <row r="358437" spans="14:14">
      <c r="N358437" s="10"/>
    </row>
    <row r="358438" spans="14:14">
      <c r="N358438" s="10"/>
    </row>
    <row r="358439" spans="14:14">
      <c r="N358439" s="10"/>
    </row>
    <row r="358440" spans="14:14">
      <c r="N358440" s="10"/>
    </row>
    <row r="358441" spans="14:14">
      <c r="N358441" s="10"/>
    </row>
    <row r="358442" spans="14:14">
      <c r="N358442" s="10"/>
    </row>
    <row r="358443" spans="14:14">
      <c r="N358443" s="10"/>
    </row>
    <row r="358444" spans="14:14">
      <c r="N358444" s="10"/>
    </row>
    <row r="358445" spans="14:14">
      <c r="N358445" s="10"/>
    </row>
    <row r="358446" spans="14:14">
      <c r="N358446" s="10"/>
    </row>
    <row r="358447" spans="14:14">
      <c r="N358447" s="10"/>
    </row>
    <row r="358448" spans="14:14">
      <c r="N358448" s="10"/>
    </row>
    <row r="358449" spans="14:14">
      <c r="N358449" s="10"/>
    </row>
    <row r="358450" spans="14:14">
      <c r="N358450" s="10"/>
    </row>
    <row r="358451" spans="14:14">
      <c r="N358451" s="10"/>
    </row>
    <row r="358452" spans="14:14">
      <c r="N358452" s="10"/>
    </row>
    <row r="358453" spans="14:14">
      <c r="N358453" s="10"/>
    </row>
    <row r="358454" spans="14:14">
      <c r="N358454" s="10"/>
    </row>
    <row r="358455" spans="14:14">
      <c r="N358455" s="10"/>
    </row>
    <row r="358456" spans="14:14">
      <c r="N358456" s="10"/>
    </row>
    <row r="358457" spans="14:14">
      <c r="N358457" s="10"/>
    </row>
    <row r="358458" spans="14:14">
      <c r="N358458" s="10"/>
    </row>
    <row r="358459" spans="14:14">
      <c r="N358459" s="10"/>
    </row>
    <row r="358460" spans="14:14">
      <c r="N358460" s="10"/>
    </row>
    <row r="358461" spans="14:14">
      <c r="N358461" s="10"/>
    </row>
    <row r="358462" spans="14:14">
      <c r="N358462" s="10"/>
    </row>
    <row r="358463" spans="14:14">
      <c r="N358463" s="10"/>
    </row>
    <row r="358464" spans="14:14">
      <c r="N358464" s="10"/>
    </row>
    <row r="358465" spans="14:14">
      <c r="N358465" s="10"/>
    </row>
    <row r="358466" spans="14:14">
      <c r="N358466" s="10"/>
    </row>
    <row r="358467" spans="14:14">
      <c r="N358467" s="10"/>
    </row>
    <row r="358468" spans="14:14">
      <c r="N358468" s="10"/>
    </row>
    <row r="358469" spans="14:14">
      <c r="N358469" s="10"/>
    </row>
    <row r="358470" spans="14:14">
      <c r="N358470" s="10"/>
    </row>
    <row r="358471" spans="14:14">
      <c r="N358471" s="10"/>
    </row>
    <row r="358472" spans="14:14">
      <c r="N358472" s="10"/>
    </row>
    <row r="358473" spans="14:14">
      <c r="N358473" s="10"/>
    </row>
    <row r="358474" spans="14:14">
      <c r="N358474" s="10"/>
    </row>
    <row r="358475" spans="14:14">
      <c r="N358475" s="10"/>
    </row>
    <row r="358476" spans="14:14">
      <c r="N358476" s="10"/>
    </row>
    <row r="358477" spans="14:14">
      <c r="N358477" s="10"/>
    </row>
    <row r="358478" spans="14:14">
      <c r="N358478" s="10"/>
    </row>
    <row r="358479" spans="14:14">
      <c r="N358479" s="10"/>
    </row>
    <row r="358480" spans="14:14">
      <c r="N358480" s="10"/>
    </row>
    <row r="358481" spans="14:14">
      <c r="N358481" s="10"/>
    </row>
    <row r="358482" spans="14:14">
      <c r="N358482" s="10"/>
    </row>
    <row r="358483" spans="14:14">
      <c r="N358483" s="10"/>
    </row>
    <row r="358484" spans="14:14">
      <c r="N358484" s="10"/>
    </row>
    <row r="358485" spans="14:14">
      <c r="N358485" s="10"/>
    </row>
    <row r="358486" spans="14:14">
      <c r="N358486" s="10"/>
    </row>
    <row r="358487" spans="14:14">
      <c r="N358487" s="10"/>
    </row>
    <row r="358488" spans="14:14">
      <c r="N358488" s="10"/>
    </row>
    <row r="358489" spans="14:14">
      <c r="N358489" s="10"/>
    </row>
    <row r="358490" spans="14:14">
      <c r="N358490" s="10"/>
    </row>
    <row r="358491" spans="14:14">
      <c r="N358491" s="10"/>
    </row>
    <row r="358492" spans="14:14">
      <c r="N358492" s="10"/>
    </row>
    <row r="358493" spans="14:14">
      <c r="N358493" s="10"/>
    </row>
    <row r="358494" spans="14:14">
      <c r="N358494" s="10"/>
    </row>
    <row r="358495" spans="14:14">
      <c r="N358495" s="10"/>
    </row>
    <row r="358496" spans="14:14">
      <c r="N358496" s="10"/>
    </row>
    <row r="358497" spans="14:14">
      <c r="N358497" s="10"/>
    </row>
    <row r="358498" spans="14:14">
      <c r="N358498" s="10"/>
    </row>
    <row r="358499" spans="14:14">
      <c r="N358499" s="10"/>
    </row>
    <row r="358500" spans="14:14">
      <c r="N358500" s="10"/>
    </row>
    <row r="358501" spans="14:14">
      <c r="N358501" s="10"/>
    </row>
    <row r="358502" spans="14:14">
      <c r="N358502" s="10"/>
    </row>
    <row r="358503" spans="14:14">
      <c r="N358503" s="10"/>
    </row>
    <row r="358504" spans="14:14">
      <c r="N358504" s="10"/>
    </row>
    <row r="358505" spans="14:14">
      <c r="N358505" s="10"/>
    </row>
    <row r="358506" spans="14:14">
      <c r="N358506" s="10"/>
    </row>
    <row r="358507" spans="14:14">
      <c r="N358507" s="10"/>
    </row>
    <row r="358508" spans="14:14">
      <c r="N358508" s="10"/>
    </row>
    <row r="358509" spans="14:14">
      <c r="N358509" s="10"/>
    </row>
    <row r="358510" spans="14:14">
      <c r="N358510" s="10"/>
    </row>
    <row r="358511" spans="14:14">
      <c r="N358511" s="10"/>
    </row>
    <row r="358512" spans="14:14">
      <c r="N358512" s="10"/>
    </row>
    <row r="358513" spans="14:14">
      <c r="N358513" s="10"/>
    </row>
    <row r="358514" spans="14:14">
      <c r="N358514" s="10"/>
    </row>
    <row r="358515" spans="14:14">
      <c r="N358515" s="10"/>
    </row>
    <row r="358516" spans="14:14">
      <c r="N358516" s="10"/>
    </row>
    <row r="358517" spans="14:14">
      <c r="N358517" s="10"/>
    </row>
    <row r="358518" spans="14:14">
      <c r="N358518" s="10"/>
    </row>
    <row r="358519" spans="14:14">
      <c r="N358519" s="10"/>
    </row>
    <row r="358520" spans="14:14">
      <c r="N358520" s="10"/>
    </row>
    <row r="358521" spans="14:14">
      <c r="N358521" s="10"/>
    </row>
    <row r="358522" spans="14:14">
      <c r="N358522" s="10"/>
    </row>
    <row r="358523" spans="14:14">
      <c r="N358523" s="10"/>
    </row>
    <row r="358524" spans="14:14">
      <c r="N358524" s="10"/>
    </row>
    <row r="358525" spans="14:14">
      <c r="N358525" s="10"/>
    </row>
    <row r="358526" spans="14:14">
      <c r="N358526" s="10"/>
    </row>
    <row r="358527" spans="14:14">
      <c r="N358527" s="10"/>
    </row>
    <row r="358528" spans="14:14">
      <c r="N358528" s="10"/>
    </row>
    <row r="358529" spans="14:14">
      <c r="N358529" s="10"/>
    </row>
    <row r="358530" spans="14:14">
      <c r="N358530" s="10"/>
    </row>
    <row r="358531" spans="14:14">
      <c r="N358531" s="10"/>
    </row>
    <row r="358532" spans="14:14">
      <c r="N358532" s="10"/>
    </row>
    <row r="358533" spans="14:14">
      <c r="N358533" s="10"/>
    </row>
    <row r="358534" spans="14:14">
      <c r="N358534" s="10"/>
    </row>
    <row r="358535" spans="14:14">
      <c r="N358535" s="10"/>
    </row>
    <row r="358536" spans="14:14">
      <c r="N358536" s="10"/>
    </row>
    <row r="358537" spans="14:14">
      <c r="N358537" s="10"/>
    </row>
    <row r="358538" spans="14:14">
      <c r="N358538" s="10"/>
    </row>
    <row r="358539" spans="14:14">
      <c r="N358539" s="10"/>
    </row>
    <row r="358540" spans="14:14">
      <c r="N358540" s="10"/>
    </row>
    <row r="358541" spans="14:14">
      <c r="N358541" s="10"/>
    </row>
    <row r="358542" spans="14:14">
      <c r="N358542" s="10"/>
    </row>
    <row r="358543" spans="14:14">
      <c r="N358543" s="10"/>
    </row>
    <row r="358544" spans="14:14">
      <c r="N358544" s="10"/>
    </row>
    <row r="358545" spans="14:14">
      <c r="N358545" s="10"/>
    </row>
    <row r="358546" spans="14:14">
      <c r="N358546" s="10"/>
    </row>
    <row r="358547" spans="14:14">
      <c r="N358547" s="10"/>
    </row>
    <row r="358548" spans="14:14">
      <c r="N358548" s="10"/>
    </row>
    <row r="358549" spans="14:14">
      <c r="N358549" s="10"/>
    </row>
    <row r="358550" spans="14:14">
      <c r="N358550" s="10"/>
    </row>
    <row r="358551" spans="14:14">
      <c r="N358551" s="10"/>
    </row>
    <row r="358552" spans="14:14">
      <c r="N358552" s="10"/>
    </row>
    <row r="358553" spans="14:14">
      <c r="N358553" s="10"/>
    </row>
    <row r="358554" spans="14:14">
      <c r="N358554" s="10"/>
    </row>
    <row r="358555" spans="14:14">
      <c r="N358555" s="10"/>
    </row>
    <row r="358556" spans="14:14">
      <c r="N358556" s="10"/>
    </row>
    <row r="358557" spans="14:14">
      <c r="N358557" s="10"/>
    </row>
    <row r="358558" spans="14:14">
      <c r="N358558" s="10"/>
    </row>
    <row r="358559" spans="14:14">
      <c r="N358559" s="10"/>
    </row>
    <row r="358560" spans="14:14">
      <c r="N358560" s="10"/>
    </row>
    <row r="358561" spans="14:14">
      <c r="N358561" s="10"/>
    </row>
    <row r="358562" spans="14:14">
      <c r="N358562" s="10"/>
    </row>
    <row r="358563" spans="14:14">
      <c r="N358563" s="10"/>
    </row>
    <row r="358564" spans="14:14">
      <c r="N358564" s="10"/>
    </row>
    <row r="358565" spans="14:14">
      <c r="N358565" s="10"/>
    </row>
    <row r="358566" spans="14:14">
      <c r="N358566" s="10"/>
    </row>
    <row r="358567" spans="14:14">
      <c r="N358567" s="10"/>
    </row>
    <row r="358568" spans="14:14">
      <c r="N358568" s="10"/>
    </row>
    <row r="358569" spans="14:14">
      <c r="N358569" s="10"/>
    </row>
    <row r="358570" spans="14:14">
      <c r="N358570" s="10"/>
    </row>
    <row r="358571" spans="14:14">
      <c r="N358571" s="10"/>
    </row>
    <row r="358572" spans="14:14">
      <c r="N358572" s="10"/>
    </row>
    <row r="358573" spans="14:14">
      <c r="N358573" s="10"/>
    </row>
    <row r="358574" spans="14:14">
      <c r="N358574" s="10"/>
    </row>
    <row r="358575" spans="14:14">
      <c r="N358575" s="10"/>
    </row>
    <row r="358576" spans="14:14">
      <c r="N358576" s="10"/>
    </row>
    <row r="358577" spans="14:14">
      <c r="N358577" s="10"/>
    </row>
    <row r="358578" spans="14:14">
      <c r="N358578" s="10"/>
    </row>
    <row r="358579" spans="14:14">
      <c r="N358579" s="10"/>
    </row>
    <row r="358580" spans="14:14">
      <c r="N358580" s="10"/>
    </row>
    <row r="358581" spans="14:14">
      <c r="N358581" s="10"/>
    </row>
    <row r="358582" spans="14:14">
      <c r="N358582" s="10"/>
    </row>
    <row r="358583" spans="14:14">
      <c r="N358583" s="10"/>
    </row>
    <row r="358584" spans="14:14">
      <c r="N358584" s="10"/>
    </row>
    <row r="358585" spans="14:14">
      <c r="N358585" s="10"/>
    </row>
    <row r="358586" spans="14:14">
      <c r="N358586" s="10"/>
    </row>
    <row r="358587" spans="14:14">
      <c r="N358587" s="10"/>
    </row>
    <row r="358588" spans="14:14">
      <c r="N358588" s="10"/>
    </row>
    <row r="358589" spans="14:14">
      <c r="N358589" s="10"/>
    </row>
    <row r="358590" spans="14:14">
      <c r="N358590" s="10"/>
    </row>
    <row r="358591" spans="14:14">
      <c r="N358591" s="10"/>
    </row>
    <row r="358592" spans="14:14">
      <c r="N358592" s="10"/>
    </row>
    <row r="358593" spans="14:14">
      <c r="N358593" s="10"/>
    </row>
    <row r="358594" spans="14:14">
      <c r="N358594" s="10"/>
    </row>
    <row r="358595" spans="14:14">
      <c r="N358595" s="10"/>
    </row>
    <row r="358596" spans="14:14">
      <c r="N358596" s="10"/>
    </row>
    <row r="358597" spans="14:14">
      <c r="N358597" s="10"/>
    </row>
    <row r="358598" spans="14:14">
      <c r="N358598" s="10"/>
    </row>
    <row r="358599" spans="14:14">
      <c r="N358599" s="10"/>
    </row>
    <row r="358600" spans="14:14">
      <c r="N358600" s="10"/>
    </row>
    <row r="358601" spans="14:14">
      <c r="N358601" s="10"/>
    </row>
    <row r="358602" spans="14:14">
      <c r="N358602" s="10"/>
    </row>
    <row r="358603" spans="14:14">
      <c r="N358603" s="10"/>
    </row>
    <row r="358604" spans="14:14">
      <c r="N358604" s="10"/>
    </row>
    <row r="358605" spans="14:14">
      <c r="N358605" s="10"/>
    </row>
    <row r="358606" spans="14:14">
      <c r="N358606" s="10"/>
    </row>
    <row r="358607" spans="14:14">
      <c r="N358607" s="10"/>
    </row>
    <row r="358608" spans="14:14">
      <c r="N358608" s="10"/>
    </row>
    <row r="358609" spans="14:14">
      <c r="N358609" s="10"/>
    </row>
    <row r="358610" spans="14:14">
      <c r="N358610" s="10"/>
    </row>
    <row r="358611" spans="14:14">
      <c r="N358611" s="10"/>
    </row>
    <row r="358612" spans="14:14">
      <c r="N358612" s="10"/>
    </row>
    <row r="358613" spans="14:14">
      <c r="N358613" s="10"/>
    </row>
    <row r="358614" spans="14:14">
      <c r="N358614" s="10"/>
    </row>
    <row r="358615" spans="14:14">
      <c r="N358615" s="10"/>
    </row>
    <row r="358616" spans="14:14">
      <c r="N358616" s="10"/>
    </row>
    <row r="358617" spans="14:14">
      <c r="N358617" s="10"/>
    </row>
    <row r="358618" spans="14:14">
      <c r="N358618" s="10"/>
    </row>
    <row r="358619" spans="14:14">
      <c r="N358619" s="10"/>
    </row>
    <row r="358620" spans="14:14">
      <c r="N358620" s="10"/>
    </row>
    <row r="358621" spans="14:14">
      <c r="N358621" s="10"/>
    </row>
    <row r="358622" spans="14:14">
      <c r="N358622" s="10"/>
    </row>
    <row r="358623" spans="14:14">
      <c r="N358623" s="10"/>
    </row>
    <row r="358624" spans="14:14">
      <c r="N358624" s="10"/>
    </row>
    <row r="358625" spans="14:14">
      <c r="N358625" s="10"/>
    </row>
    <row r="358626" spans="14:14">
      <c r="N358626" s="10"/>
    </row>
    <row r="358627" spans="14:14">
      <c r="N358627" s="10"/>
    </row>
    <row r="358628" spans="14:14">
      <c r="N358628" s="10"/>
    </row>
    <row r="358629" spans="14:14">
      <c r="N358629" s="10"/>
    </row>
    <row r="358630" spans="14:14">
      <c r="N358630" s="10"/>
    </row>
    <row r="358631" spans="14:14">
      <c r="N358631" s="10"/>
    </row>
    <row r="358632" spans="14:14">
      <c r="N358632" s="10"/>
    </row>
    <row r="358633" spans="14:14">
      <c r="N358633" s="10"/>
    </row>
    <row r="358634" spans="14:14">
      <c r="N358634" s="10"/>
    </row>
    <row r="358635" spans="14:14">
      <c r="N358635" s="10"/>
    </row>
    <row r="358636" spans="14:14">
      <c r="N358636" s="10"/>
    </row>
    <row r="358637" spans="14:14">
      <c r="N358637" s="10"/>
    </row>
    <row r="358638" spans="14:14">
      <c r="N358638" s="10"/>
    </row>
    <row r="358639" spans="14:14">
      <c r="N358639" s="10"/>
    </row>
    <row r="358640" spans="14:14">
      <c r="N358640" s="10"/>
    </row>
    <row r="358641" spans="14:14">
      <c r="N358641" s="10"/>
    </row>
    <row r="358642" spans="14:14">
      <c r="N358642" s="10"/>
    </row>
    <row r="358643" spans="14:14">
      <c r="N358643" s="10"/>
    </row>
    <row r="358644" spans="14:14">
      <c r="N358644" s="10"/>
    </row>
    <row r="358645" spans="14:14">
      <c r="N358645" s="10"/>
    </row>
    <row r="358646" spans="14:14">
      <c r="N358646" s="10"/>
    </row>
    <row r="358647" spans="14:14">
      <c r="N358647" s="10"/>
    </row>
    <row r="358648" spans="14:14">
      <c r="N358648" s="10"/>
    </row>
    <row r="358649" spans="14:14">
      <c r="N358649" s="10"/>
    </row>
    <row r="358650" spans="14:14">
      <c r="N358650" s="10"/>
    </row>
    <row r="358651" spans="14:14">
      <c r="N358651" s="10"/>
    </row>
    <row r="358652" spans="14:14">
      <c r="N358652" s="10"/>
    </row>
    <row r="358653" spans="14:14">
      <c r="N358653" s="10"/>
    </row>
    <row r="358654" spans="14:14">
      <c r="N358654" s="10"/>
    </row>
    <row r="358655" spans="14:14">
      <c r="N358655" s="10"/>
    </row>
    <row r="358656" spans="14:14">
      <c r="N358656" s="10"/>
    </row>
    <row r="358657" spans="14:14">
      <c r="N358657" s="10"/>
    </row>
    <row r="358658" spans="14:14">
      <c r="N358658" s="10"/>
    </row>
    <row r="358659" spans="14:14">
      <c r="N358659" s="10"/>
    </row>
    <row r="358660" spans="14:14">
      <c r="N358660" s="10"/>
    </row>
    <row r="358661" spans="14:14">
      <c r="N358661" s="10"/>
    </row>
    <row r="358662" spans="14:14">
      <c r="N358662" s="10"/>
    </row>
    <row r="358663" spans="14:14">
      <c r="N358663" s="10"/>
    </row>
    <row r="358664" spans="14:14">
      <c r="N358664" s="10"/>
    </row>
    <row r="358665" spans="14:14">
      <c r="N358665" s="10"/>
    </row>
    <row r="358666" spans="14:14">
      <c r="N358666" s="10"/>
    </row>
    <row r="358667" spans="14:14">
      <c r="N358667" s="10"/>
    </row>
    <row r="358668" spans="14:14">
      <c r="N358668" s="10"/>
    </row>
    <row r="358669" spans="14:14">
      <c r="N358669" s="10"/>
    </row>
    <row r="358670" spans="14:14">
      <c r="N358670" s="10"/>
    </row>
    <row r="358671" spans="14:14">
      <c r="N358671" s="10"/>
    </row>
    <row r="358672" spans="14:14">
      <c r="N358672" s="10"/>
    </row>
    <row r="358673" spans="14:14">
      <c r="N358673" s="10"/>
    </row>
    <row r="358674" spans="14:14">
      <c r="N358674" s="10"/>
    </row>
    <row r="358675" spans="14:14">
      <c r="N358675" s="10"/>
    </row>
    <row r="358676" spans="14:14">
      <c r="N358676" s="10"/>
    </row>
    <row r="358677" spans="14:14">
      <c r="N358677" s="10"/>
    </row>
    <row r="358678" spans="14:14">
      <c r="N358678" s="10"/>
    </row>
    <row r="358679" spans="14:14">
      <c r="N358679" s="10"/>
    </row>
    <row r="358680" spans="14:14">
      <c r="N358680" s="10"/>
    </row>
    <row r="358681" spans="14:14">
      <c r="N358681" s="10"/>
    </row>
    <row r="358682" spans="14:14">
      <c r="N358682" s="10"/>
    </row>
    <row r="358683" spans="14:14">
      <c r="N358683" s="10"/>
    </row>
    <row r="358684" spans="14:14">
      <c r="N358684" s="10"/>
    </row>
    <row r="358685" spans="14:14">
      <c r="N358685" s="10"/>
    </row>
    <row r="358686" spans="14:14">
      <c r="N358686" s="10"/>
    </row>
    <row r="358687" spans="14:14">
      <c r="N358687" s="10"/>
    </row>
    <row r="358688" spans="14:14">
      <c r="N358688" s="10"/>
    </row>
    <row r="358689" spans="14:14">
      <c r="N358689" s="10"/>
    </row>
    <row r="358690" spans="14:14">
      <c r="N358690" s="10"/>
    </row>
    <row r="358691" spans="14:14">
      <c r="N358691" s="10"/>
    </row>
    <row r="358692" spans="14:14">
      <c r="N358692" s="10"/>
    </row>
    <row r="358693" spans="14:14">
      <c r="N358693" s="10"/>
    </row>
    <row r="358694" spans="14:14">
      <c r="N358694" s="10"/>
    </row>
    <row r="358695" spans="14:14">
      <c r="N358695" s="10"/>
    </row>
    <row r="358696" spans="14:14">
      <c r="N358696" s="10"/>
    </row>
    <row r="358697" spans="14:14">
      <c r="N358697" s="10"/>
    </row>
    <row r="358698" spans="14:14">
      <c r="N358698" s="10"/>
    </row>
    <row r="358699" spans="14:14">
      <c r="N358699" s="10"/>
    </row>
    <row r="358700" spans="14:14">
      <c r="N358700" s="10"/>
    </row>
    <row r="358701" spans="14:14">
      <c r="N358701" s="10"/>
    </row>
    <row r="358702" spans="14:14">
      <c r="N358702" s="10"/>
    </row>
    <row r="358703" spans="14:14">
      <c r="N358703" s="10"/>
    </row>
    <row r="358704" spans="14:14">
      <c r="N358704" s="10"/>
    </row>
    <row r="358705" spans="14:14">
      <c r="N358705" s="10"/>
    </row>
    <row r="358706" spans="14:14">
      <c r="N358706" s="10"/>
    </row>
    <row r="358707" spans="14:14">
      <c r="N358707" s="10"/>
    </row>
    <row r="358708" spans="14:14">
      <c r="N358708" s="10"/>
    </row>
    <row r="358709" spans="14:14">
      <c r="N358709" s="10"/>
    </row>
    <row r="358710" spans="14:14">
      <c r="N358710" s="10"/>
    </row>
    <row r="358711" spans="14:14">
      <c r="N358711" s="10"/>
    </row>
    <row r="358712" spans="14:14">
      <c r="N358712" s="10"/>
    </row>
    <row r="358713" spans="14:14">
      <c r="N358713" s="10"/>
    </row>
    <row r="358714" spans="14:14">
      <c r="N358714" s="10"/>
    </row>
    <row r="358715" spans="14:14">
      <c r="N358715" s="10"/>
    </row>
    <row r="358716" spans="14:14">
      <c r="N358716" s="10"/>
    </row>
    <row r="358717" spans="14:14">
      <c r="N358717" s="10"/>
    </row>
    <row r="358718" spans="14:14">
      <c r="N358718" s="10"/>
    </row>
    <row r="358719" spans="14:14">
      <c r="N358719" s="10"/>
    </row>
    <row r="358720" spans="14:14">
      <c r="N358720" s="10"/>
    </row>
    <row r="358721" spans="14:14">
      <c r="N358721" s="10"/>
    </row>
    <row r="358722" spans="14:14">
      <c r="N358722" s="10"/>
    </row>
    <row r="358723" spans="14:14">
      <c r="N358723" s="10"/>
    </row>
    <row r="358724" spans="14:14">
      <c r="N358724" s="10"/>
    </row>
    <row r="358725" spans="14:14">
      <c r="N358725" s="10"/>
    </row>
    <row r="358726" spans="14:14">
      <c r="N358726" s="10"/>
    </row>
    <row r="358727" spans="14:14">
      <c r="N358727" s="10"/>
    </row>
    <row r="358728" spans="14:14">
      <c r="N358728" s="10"/>
    </row>
    <row r="358729" spans="14:14">
      <c r="N358729" s="10"/>
    </row>
    <row r="358730" spans="14:14">
      <c r="N358730" s="10"/>
    </row>
    <row r="358731" spans="14:14">
      <c r="N358731" s="10"/>
    </row>
    <row r="358732" spans="14:14">
      <c r="N358732" s="10"/>
    </row>
    <row r="358733" spans="14:14">
      <c r="N358733" s="10"/>
    </row>
    <row r="358734" spans="14:14">
      <c r="N358734" s="10"/>
    </row>
    <row r="358735" spans="14:14">
      <c r="N358735" s="10"/>
    </row>
    <row r="358736" spans="14:14">
      <c r="N358736" s="10"/>
    </row>
    <row r="358737" spans="14:14">
      <c r="N358737" s="10"/>
    </row>
    <row r="358738" spans="14:14">
      <c r="N358738" s="10"/>
    </row>
    <row r="358739" spans="14:14">
      <c r="N358739" s="10"/>
    </row>
    <row r="358740" spans="14:14">
      <c r="N358740" s="10"/>
    </row>
    <row r="358741" spans="14:14">
      <c r="N358741" s="10"/>
    </row>
    <row r="358742" spans="14:14">
      <c r="N358742" s="10"/>
    </row>
    <row r="358743" spans="14:14">
      <c r="N358743" s="10"/>
    </row>
    <row r="358744" spans="14:14">
      <c r="N358744" s="10"/>
    </row>
    <row r="358745" spans="14:14">
      <c r="N358745" s="10"/>
    </row>
    <row r="358746" spans="14:14">
      <c r="N358746" s="10"/>
    </row>
    <row r="358747" spans="14:14">
      <c r="N358747" s="10"/>
    </row>
    <row r="358748" spans="14:14">
      <c r="N358748" s="10"/>
    </row>
    <row r="358749" spans="14:14">
      <c r="N358749" s="10"/>
    </row>
    <row r="358750" spans="14:14">
      <c r="N358750" s="10"/>
    </row>
    <row r="358751" spans="14:14">
      <c r="N358751" s="10"/>
    </row>
    <row r="358752" spans="14:14">
      <c r="N358752" s="10"/>
    </row>
    <row r="358753" spans="14:14">
      <c r="N358753" s="10"/>
    </row>
    <row r="358754" spans="14:14">
      <c r="N358754" s="10"/>
    </row>
    <row r="358755" spans="14:14">
      <c r="N358755" s="10"/>
    </row>
    <row r="358756" spans="14:14">
      <c r="N358756" s="10"/>
    </row>
    <row r="358757" spans="14:14">
      <c r="N358757" s="10"/>
    </row>
    <row r="358758" spans="14:14">
      <c r="N358758" s="10"/>
    </row>
    <row r="358759" spans="14:14">
      <c r="N358759" s="10"/>
    </row>
    <row r="358760" spans="14:14">
      <c r="N358760" s="10"/>
    </row>
    <row r="358761" spans="14:14">
      <c r="N358761" s="10"/>
    </row>
    <row r="358762" spans="14:14">
      <c r="N358762" s="10"/>
    </row>
    <row r="358763" spans="14:14">
      <c r="N358763" s="10"/>
    </row>
    <row r="358764" spans="14:14">
      <c r="N358764" s="10"/>
    </row>
    <row r="358765" spans="14:14">
      <c r="N358765" s="10"/>
    </row>
    <row r="358766" spans="14:14">
      <c r="N358766" s="10"/>
    </row>
    <row r="358767" spans="14:14">
      <c r="N358767" s="10"/>
    </row>
    <row r="358768" spans="14:14">
      <c r="N358768" s="10"/>
    </row>
    <row r="358769" spans="14:14">
      <c r="N358769" s="10"/>
    </row>
    <row r="358770" spans="14:14">
      <c r="N358770" s="10"/>
    </row>
    <row r="358771" spans="14:14">
      <c r="N358771" s="10"/>
    </row>
    <row r="358772" spans="14:14">
      <c r="N358772" s="10"/>
    </row>
    <row r="358773" spans="14:14">
      <c r="N358773" s="10"/>
    </row>
    <row r="358774" spans="14:14">
      <c r="N358774" s="10"/>
    </row>
    <row r="358775" spans="14:14">
      <c r="N358775" s="10"/>
    </row>
    <row r="358776" spans="14:14">
      <c r="N358776" s="10"/>
    </row>
    <row r="358777" spans="14:14">
      <c r="N358777" s="10"/>
    </row>
    <row r="358778" spans="14:14">
      <c r="N358778" s="10"/>
    </row>
    <row r="358779" spans="14:14">
      <c r="N358779" s="10"/>
    </row>
    <row r="358780" spans="14:14">
      <c r="N358780" s="10"/>
    </row>
    <row r="358781" spans="14:14">
      <c r="N358781" s="10"/>
    </row>
    <row r="358782" spans="14:14">
      <c r="N358782" s="10"/>
    </row>
    <row r="358783" spans="14:14">
      <c r="N358783" s="10"/>
    </row>
    <row r="358784" spans="14:14">
      <c r="N358784" s="10"/>
    </row>
    <row r="358785" spans="14:14">
      <c r="N358785" s="10"/>
    </row>
    <row r="358786" spans="14:14">
      <c r="N358786" s="10"/>
    </row>
    <row r="358787" spans="14:14">
      <c r="N358787" s="10"/>
    </row>
    <row r="358788" spans="14:14">
      <c r="N358788" s="10"/>
    </row>
    <row r="358789" spans="14:14">
      <c r="N358789" s="10"/>
    </row>
    <row r="358790" spans="14:14">
      <c r="N358790" s="10"/>
    </row>
    <row r="358791" spans="14:14">
      <c r="N358791" s="10"/>
    </row>
    <row r="358792" spans="14:14">
      <c r="N358792" s="10"/>
    </row>
    <row r="358793" spans="14:14">
      <c r="N358793" s="10"/>
    </row>
    <row r="358794" spans="14:14">
      <c r="N358794" s="10"/>
    </row>
    <row r="358795" spans="14:14">
      <c r="N358795" s="10"/>
    </row>
    <row r="358796" spans="14:14">
      <c r="N358796" s="10"/>
    </row>
    <row r="358797" spans="14:14">
      <c r="N358797" s="10"/>
    </row>
    <row r="358798" spans="14:14">
      <c r="N358798" s="10"/>
    </row>
    <row r="358799" spans="14:14">
      <c r="N358799" s="10"/>
    </row>
    <row r="358800" spans="14:14">
      <c r="N358800" s="10"/>
    </row>
    <row r="358801" spans="14:14">
      <c r="N358801" s="10"/>
    </row>
    <row r="358802" spans="14:14">
      <c r="N358802" s="10"/>
    </row>
    <row r="358803" spans="14:14">
      <c r="N358803" s="10"/>
    </row>
    <row r="358804" spans="14:14">
      <c r="N358804" s="10"/>
    </row>
    <row r="358805" spans="14:14">
      <c r="N358805" s="10"/>
    </row>
    <row r="358806" spans="14:14">
      <c r="N358806" s="10"/>
    </row>
    <row r="358807" spans="14:14">
      <c r="N358807" s="10"/>
    </row>
    <row r="358808" spans="14:14">
      <c r="N358808" s="10"/>
    </row>
    <row r="358809" spans="14:14">
      <c r="N358809" s="10"/>
    </row>
    <row r="358810" spans="14:14">
      <c r="N358810" s="10"/>
    </row>
    <row r="358811" spans="14:14">
      <c r="N358811" s="10"/>
    </row>
    <row r="358812" spans="14:14">
      <c r="N358812" s="10"/>
    </row>
    <row r="358813" spans="14:14">
      <c r="N358813" s="10"/>
    </row>
    <row r="358814" spans="14:14">
      <c r="N358814" s="10"/>
    </row>
    <row r="358815" spans="14:14">
      <c r="N358815" s="10"/>
    </row>
    <row r="358816" spans="14:14">
      <c r="N358816" s="10"/>
    </row>
    <row r="358817" spans="14:14">
      <c r="N358817" s="10"/>
    </row>
    <row r="358818" spans="14:14">
      <c r="N358818" s="10"/>
    </row>
    <row r="358819" spans="14:14">
      <c r="N358819" s="10"/>
    </row>
    <row r="358820" spans="14:14">
      <c r="N358820" s="10"/>
    </row>
    <row r="358821" spans="14:14">
      <c r="N358821" s="10"/>
    </row>
    <row r="358822" spans="14:14">
      <c r="N358822" s="10"/>
    </row>
    <row r="358823" spans="14:14">
      <c r="N358823" s="10"/>
    </row>
    <row r="358824" spans="14:14">
      <c r="N358824" s="10"/>
    </row>
    <row r="358825" spans="14:14">
      <c r="N358825" s="10"/>
    </row>
    <row r="358826" spans="14:14">
      <c r="N358826" s="10"/>
    </row>
    <row r="358827" spans="14:14">
      <c r="N358827" s="10"/>
    </row>
    <row r="358828" spans="14:14">
      <c r="N358828" s="10"/>
    </row>
    <row r="358829" spans="14:14">
      <c r="N358829" s="10"/>
    </row>
    <row r="358830" spans="14:14">
      <c r="N358830" s="10"/>
    </row>
    <row r="358831" spans="14:14">
      <c r="N358831" s="10"/>
    </row>
    <row r="358832" spans="14:14">
      <c r="N358832" s="10"/>
    </row>
    <row r="358833" spans="14:14">
      <c r="N358833" s="10"/>
    </row>
    <row r="358834" spans="14:14">
      <c r="N358834" s="10"/>
    </row>
    <row r="358835" spans="14:14">
      <c r="N358835" s="10"/>
    </row>
    <row r="358836" spans="14:14">
      <c r="N358836" s="10"/>
    </row>
    <row r="358837" spans="14:14">
      <c r="N358837" s="10"/>
    </row>
    <row r="358838" spans="14:14">
      <c r="N358838" s="10"/>
    </row>
    <row r="358839" spans="14:14">
      <c r="N358839" s="10"/>
    </row>
    <row r="358840" spans="14:14">
      <c r="N358840" s="10"/>
    </row>
    <row r="358841" spans="14:14">
      <c r="N358841" s="10"/>
    </row>
    <row r="358842" spans="14:14">
      <c r="N358842" s="10"/>
    </row>
    <row r="358843" spans="14:14">
      <c r="N358843" s="10"/>
    </row>
    <row r="358844" spans="14:14">
      <c r="N358844" s="10"/>
    </row>
    <row r="358845" spans="14:14">
      <c r="N358845" s="10"/>
    </row>
    <row r="358846" spans="14:14">
      <c r="N358846" s="10"/>
    </row>
    <row r="358847" spans="14:14">
      <c r="N358847" s="10"/>
    </row>
    <row r="358848" spans="14:14">
      <c r="N358848" s="10"/>
    </row>
    <row r="358849" spans="14:14">
      <c r="N358849" s="10"/>
    </row>
    <row r="358850" spans="14:14">
      <c r="N358850" s="10"/>
    </row>
    <row r="358851" spans="14:14">
      <c r="N358851" s="10"/>
    </row>
    <row r="358852" spans="14:14">
      <c r="N358852" s="10"/>
    </row>
    <row r="358853" spans="14:14">
      <c r="N358853" s="10"/>
    </row>
    <row r="358854" spans="14:14">
      <c r="N358854" s="10"/>
    </row>
    <row r="358855" spans="14:14">
      <c r="N358855" s="10"/>
    </row>
    <row r="358856" spans="14:14">
      <c r="N358856" s="10"/>
    </row>
    <row r="358857" spans="14:14">
      <c r="N358857" s="10"/>
    </row>
    <row r="358858" spans="14:14">
      <c r="N358858" s="10"/>
    </row>
    <row r="358859" spans="14:14">
      <c r="N358859" s="10"/>
    </row>
    <row r="358860" spans="14:14">
      <c r="N358860" s="10"/>
    </row>
    <row r="358861" spans="14:14">
      <c r="N358861" s="10"/>
    </row>
    <row r="358862" spans="14:14">
      <c r="N358862" s="10"/>
    </row>
    <row r="358863" spans="14:14">
      <c r="N358863" s="10"/>
    </row>
    <row r="358864" spans="14:14">
      <c r="N358864" s="10"/>
    </row>
    <row r="358865" spans="14:14">
      <c r="N358865" s="10"/>
    </row>
    <row r="358866" spans="14:14">
      <c r="N358866" s="10"/>
    </row>
    <row r="358867" spans="14:14">
      <c r="N358867" s="10"/>
    </row>
    <row r="358868" spans="14:14">
      <c r="N358868" s="10"/>
    </row>
    <row r="358869" spans="14:14">
      <c r="N358869" s="10"/>
    </row>
    <row r="358870" spans="14:14">
      <c r="N358870" s="10"/>
    </row>
    <row r="358871" spans="14:14">
      <c r="N358871" s="10"/>
    </row>
    <row r="358872" spans="14:14">
      <c r="N358872" s="10"/>
    </row>
    <row r="358873" spans="14:14">
      <c r="N358873" s="10"/>
    </row>
    <row r="358874" spans="14:14">
      <c r="N358874" s="10"/>
    </row>
    <row r="358875" spans="14:14">
      <c r="N358875" s="10"/>
    </row>
    <row r="358876" spans="14:14">
      <c r="N358876" s="10"/>
    </row>
    <row r="358877" spans="14:14">
      <c r="N358877" s="10"/>
    </row>
    <row r="358878" spans="14:14">
      <c r="N358878" s="10"/>
    </row>
    <row r="358879" spans="14:14">
      <c r="N358879" s="10"/>
    </row>
    <row r="358880" spans="14:14">
      <c r="N358880" s="10"/>
    </row>
    <row r="358881" spans="14:14">
      <c r="N358881" s="10"/>
    </row>
    <row r="358882" spans="14:14">
      <c r="N358882" s="10"/>
    </row>
    <row r="358883" spans="14:14">
      <c r="N358883" s="10"/>
    </row>
    <row r="358884" spans="14:14">
      <c r="N358884" s="10"/>
    </row>
    <row r="358885" spans="14:14">
      <c r="N358885" s="10"/>
    </row>
    <row r="358886" spans="14:14">
      <c r="N358886" s="10"/>
    </row>
    <row r="358887" spans="14:14">
      <c r="N358887" s="10"/>
    </row>
    <row r="358888" spans="14:14">
      <c r="N358888" s="10"/>
    </row>
    <row r="358889" spans="14:14">
      <c r="N358889" s="10"/>
    </row>
    <row r="358890" spans="14:14">
      <c r="N358890" s="10"/>
    </row>
    <row r="358891" spans="14:14">
      <c r="N358891" s="10"/>
    </row>
    <row r="358892" spans="14:14">
      <c r="N358892" s="10"/>
    </row>
    <row r="358893" spans="14:14">
      <c r="N358893" s="10"/>
    </row>
    <row r="358894" spans="14:14">
      <c r="N358894" s="10"/>
    </row>
    <row r="358895" spans="14:14">
      <c r="N358895" s="10"/>
    </row>
    <row r="358896" spans="14:14">
      <c r="N358896" s="10"/>
    </row>
    <row r="358897" spans="14:14">
      <c r="N358897" s="10"/>
    </row>
    <row r="358898" spans="14:14">
      <c r="N358898" s="10"/>
    </row>
    <row r="358899" spans="14:14">
      <c r="N358899" s="10"/>
    </row>
    <row r="358900" spans="14:14">
      <c r="N358900" s="10"/>
    </row>
    <row r="358901" spans="14:14">
      <c r="N358901" s="10"/>
    </row>
    <row r="358902" spans="14:14">
      <c r="N358902" s="10"/>
    </row>
    <row r="358903" spans="14:14">
      <c r="N358903" s="10"/>
    </row>
    <row r="358904" spans="14:14">
      <c r="N358904" s="10"/>
    </row>
    <row r="358905" spans="14:14">
      <c r="N358905" s="10"/>
    </row>
    <row r="358906" spans="14:14">
      <c r="N358906" s="10"/>
    </row>
    <row r="358907" spans="14:14">
      <c r="N358907" s="10"/>
    </row>
    <row r="358908" spans="14:14">
      <c r="N358908" s="10"/>
    </row>
    <row r="358909" spans="14:14">
      <c r="N358909" s="10"/>
    </row>
    <row r="358910" spans="14:14">
      <c r="N358910" s="10"/>
    </row>
    <row r="358911" spans="14:14">
      <c r="N358911" s="10"/>
    </row>
    <row r="358912" spans="14:14">
      <c r="N358912" s="10"/>
    </row>
    <row r="358913" spans="14:14">
      <c r="N358913" s="10"/>
    </row>
    <row r="358914" spans="14:14">
      <c r="N358914" s="10"/>
    </row>
    <row r="358915" spans="14:14">
      <c r="N358915" s="10"/>
    </row>
    <row r="358916" spans="14:14">
      <c r="N358916" s="10"/>
    </row>
    <row r="358917" spans="14:14">
      <c r="N358917" s="10"/>
    </row>
    <row r="358918" spans="14:14">
      <c r="N358918" s="10"/>
    </row>
    <row r="358919" spans="14:14">
      <c r="N358919" s="10"/>
    </row>
    <row r="358920" spans="14:14">
      <c r="N358920" s="10"/>
    </row>
    <row r="358921" spans="14:14">
      <c r="N358921" s="10"/>
    </row>
    <row r="358922" spans="14:14">
      <c r="N358922" s="10"/>
    </row>
    <row r="358923" spans="14:14">
      <c r="N358923" s="10"/>
    </row>
    <row r="358924" spans="14:14">
      <c r="N358924" s="10"/>
    </row>
    <row r="358925" spans="14:14">
      <c r="N358925" s="10"/>
    </row>
    <row r="358926" spans="14:14">
      <c r="N358926" s="10"/>
    </row>
    <row r="358927" spans="14:14">
      <c r="N358927" s="10"/>
    </row>
    <row r="358928" spans="14:14">
      <c r="N358928" s="10"/>
    </row>
    <row r="358929" spans="14:14">
      <c r="N358929" s="10"/>
    </row>
    <row r="358930" spans="14:14">
      <c r="N358930" s="10"/>
    </row>
    <row r="358931" spans="14:14">
      <c r="N358931" s="10"/>
    </row>
    <row r="358932" spans="14:14">
      <c r="N358932" s="10"/>
    </row>
    <row r="358933" spans="14:14">
      <c r="N358933" s="10"/>
    </row>
    <row r="358934" spans="14:14">
      <c r="N358934" s="10"/>
    </row>
    <row r="358935" spans="14:14">
      <c r="N358935" s="10"/>
    </row>
    <row r="358936" spans="14:14">
      <c r="N358936" s="10"/>
    </row>
    <row r="358937" spans="14:14">
      <c r="N358937" s="10"/>
    </row>
    <row r="358938" spans="14:14">
      <c r="N358938" s="10"/>
    </row>
    <row r="358939" spans="14:14">
      <c r="N358939" s="10"/>
    </row>
    <row r="358940" spans="14:14">
      <c r="N358940" s="10"/>
    </row>
    <row r="358941" spans="14:14">
      <c r="N358941" s="10"/>
    </row>
    <row r="358942" spans="14:14">
      <c r="N358942" s="10"/>
    </row>
    <row r="358943" spans="14:14">
      <c r="N358943" s="10"/>
    </row>
    <row r="358944" spans="14:14">
      <c r="N358944" s="10"/>
    </row>
    <row r="358945" spans="14:14">
      <c r="N358945" s="10"/>
    </row>
    <row r="358946" spans="14:14">
      <c r="N358946" s="10"/>
    </row>
    <row r="358947" spans="14:14">
      <c r="N358947" s="10"/>
    </row>
    <row r="358948" spans="14:14">
      <c r="N358948" s="10"/>
    </row>
    <row r="358949" spans="14:14">
      <c r="N358949" s="10"/>
    </row>
    <row r="358950" spans="14:14">
      <c r="N358950" s="10"/>
    </row>
    <row r="358951" spans="14:14">
      <c r="N358951" s="10"/>
    </row>
    <row r="358952" spans="14:14">
      <c r="N358952" s="10"/>
    </row>
    <row r="358953" spans="14:14">
      <c r="N358953" s="10"/>
    </row>
    <row r="358954" spans="14:14">
      <c r="N358954" s="10"/>
    </row>
    <row r="358955" spans="14:14">
      <c r="N358955" s="10"/>
    </row>
    <row r="358956" spans="14:14">
      <c r="N358956" s="10"/>
    </row>
    <row r="358957" spans="14:14">
      <c r="N358957" s="10"/>
    </row>
    <row r="358958" spans="14:14">
      <c r="N358958" s="10"/>
    </row>
    <row r="358959" spans="14:14">
      <c r="N358959" s="10"/>
    </row>
    <row r="358960" spans="14:14">
      <c r="N358960" s="10"/>
    </row>
    <row r="358961" spans="14:14">
      <c r="N358961" s="10"/>
    </row>
    <row r="358962" spans="14:14">
      <c r="N358962" s="10"/>
    </row>
    <row r="358963" spans="14:14">
      <c r="N358963" s="10"/>
    </row>
    <row r="358964" spans="14:14">
      <c r="N358964" s="10"/>
    </row>
    <row r="358965" spans="14:14">
      <c r="N358965" s="10"/>
    </row>
    <row r="358966" spans="14:14">
      <c r="N358966" s="10"/>
    </row>
    <row r="358967" spans="14:14">
      <c r="N358967" s="10"/>
    </row>
    <row r="358968" spans="14:14">
      <c r="N358968" s="10"/>
    </row>
    <row r="358969" spans="14:14">
      <c r="N358969" s="10"/>
    </row>
    <row r="358970" spans="14:14">
      <c r="N358970" s="10"/>
    </row>
    <row r="358971" spans="14:14">
      <c r="N358971" s="10"/>
    </row>
    <row r="358972" spans="14:14">
      <c r="N358972" s="10"/>
    </row>
    <row r="358973" spans="14:14">
      <c r="N358973" s="10"/>
    </row>
    <row r="358974" spans="14:14">
      <c r="N358974" s="10"/>
    </row>
    <row r="358975" spans="14:14">
      <c r="N358975" s="10"/>
    </row>
    <row r="358976" spans="14:14">
      <c r="N358976" s="10"/>
    </row>
    <row r="358977" spans="14:14">
      <c r="N358977" s="10"/>
    </row>
    <row r="358978" spans="14:14">
      <c r="N358978" s="10"/>
    </row>
    <row r="358979" spans="14:14">
      <c r="N358979" s="10"/>
    </row>
    <row r="358980" spans="14:14">
      <c r="N358980" s="10"/>
    </row>
    <row r="358981" spans="14:14">
      <c r="N358981" s="10"/>
    </row>
    <row r="358982" spans="14:14">
      <c r="N358982" s="10"/>
    </row>
    <row r="358983" spans="14:14">
      <c r="N358983" s="10"/>
    </row>
    <row r="358984" spans="14:14">
      <c r="N358984" s="10"/>
    </row>
    <row r="358985" spans="14:14">
      <c r="N358985" s="10"/>
    </row>
    <row r="358986" spans="14:14">
      <c r="N358986" s="10"/>
    </row>
    <row r="358987" spans="14:14">
      <c r="N358987" s="10"/>
    </row>
    <row r="358988" spans="14:14">
      <c r="N358988" s="10"/>
    </row>
    <row r="358989" spans="14:14">
      <c r="N358989" s="10"/>
    </row>
    <row r="358990" spans="14:14">
      <c r="N358990" s="10"/>
    </row>
    <row r="358991" spans="14:14">
      <c r="N358991" s="10"/>
    </row>
    <row r="358992" spans="14:14">
      <c r="N358992" s="10"/>
    </row>
    <row r="358993" spans="14:14">
      <c r="N358993" s="10"/>
    </row>
    <row r="358994" spans="14:14">
      <c r="N358994" s="10"/>
    </row>
    <row r="358995" spans="14:14">
      <c r="N358995" s="10"/>
    </row>
    <row r="358996" spans="14:14">
      <c r="N358996" s="10"/>
    </row>
    <row r="358997" spans="14:14">
      <c r="N358997" s="10"/>
    </row>
    <row r="358998" spans="14:14">
      <c r="N358998" s="10"/>
    </row>
    <row r="358999" spans="14:14">
      <c r="N358999" s="10"/>
    </row>
    <row r="359000" spans="14:14">
      <c r="N359000" s="10"/>
    </row>
    <row r="359001" spans="14:14">
      <c r="N359001" s="10"/>
    </row>
    <row r="359002" spans="14:14">
      <c r="N359002" s="10"/>
    </row>
    <row r="359003" spans="14:14">
      <c r="N359003" s="10"/>
    </row>
    <row r="359004" spans="14:14">
      <c r="N359004" s="10"/>
    </row>
    <row r="359005" spans="14:14">
      <c r="N359005" s="10"/>
    </row>
    <row r="359006" spans="14:14">
      <c r="N359006" s="10"/>
    </row>
    <row r="359007" spans="14:14">
      <c r="N359007" s="10"/>
    </row>
    <row r="359008" spans="14:14">
      <c r="N359008" s="10"/>
    </row>
    <row r="359009" spans="14:14">
      <c r="N359009" s="10"/>
    </row>
    <row r="359010" spans="14:14">
      <c r="N359010" s="10"/>
    </row>
    <row r="359011" spans="14:14">
      <c r="N359011" s="10"/>
    </row>
    <row r="359012" spans="14:14">
      <c r="N359012" s="10"/>
    </row>
    <row r="359013" spans="14:14">
      <c r="N359013" s="10"/>
    </row>
    <row r="359014" spans="14:14">
      <c r="N359014" s="10"/>
    </row>
    <row r="359015" spans="14:14">
      <c r="N359015" s="10"/>
    </row>
    <row r="359016" spans="14:14">
      <c r="N359016" s="10"/>
    </row>
    <row r="359017" spans="14:14">
      <c r="N359017" s="10"/>
    </row>
    <row r="359018" spans="14:14">
      <c r="N359018" s="10"/>
    </row>
    <row r="359019" spans="14:14">
      <c r="N359019" s="10"/>
    </row>
    <row r="359020" spans="14:14">
      <c r="N359020" s="10"/>
    </row>
    <row r="359021" spans="14:14">
      <c r="N359021" s="10"/>
    </row>
    <row r="359022" spans="14:14">
      <c r="N359022" s="10"/>
    </row>
    <row r="359023" spans="14:14">
      <c r="N359023" s="10"/>
    </row>
    <row r="359024" spans="14:14">
      <c r="N359024" s="10"/>
    </row>
    <row r="359025" spans="14:14">
      <c r="N359025" s="10"/>
    </row>
    <row r="359026" spans="14:14">
      <c r="N359026" s="10"/>
    </row>
    <row r="359027" spans="14:14">
      <c r="N359027" s="10"/>
    </row>
    <row r="359028" spans="14:14">
      <c r="N359028" s="10"/>
    </row>
    <row r="359029" spans="14:14">
      <c r="N359029" s="10"/>
    </row>
    <row r="359030" spans="14:14">
      <c r="N359030" s="10"/>
    </row>
    <row r="359031" spans="14:14">
      <c r="N359031" s="10"/>
    </row>
    <row r="359032" spans="14:14">
      <c r="N359032" s="10"/>
    </row>
    <row r="359033" spans="14:14">
      <c r="N359033" s="10"/>
    </row>
    <row r="359034" spans="14:14">
      <c r="N359034" s="10"/>
    </row>
    <row r="359035" spans="14:14">
      <c r="N359035" s="10"/>
    </row>
    <row r="359036" spans="14:14">
      <c r="N359036" s="10"/>
    </row>
    <row r="359037" spans="14:14">
      <c r="N359037" s="10"/>
    </row>
    <row r="359038" spans="14:14">
      <c r="N359038" s="10"/>
    </row>
    <row r="359039" spans="14:14">
      <c r="N359039" s="10"/>
    </row>
    <row r="359040" spans="14:14">
      <c r="N359040" s="10"/>
    </row>
    <row r="359041" spans="14:14">
      <c r="N359041" s="10"/>
    </row>
    <row r="359042" spans="14:14">
      <c r="N359042" s="10"/>
    </row>
    <row r="359043" spans="14:14">
      <c r="N359043" s="10"/>
    </row>
    <row r="359044" spans="14:14">
      <c r="N359044" s="10"/>
    </row>
    <row r="359045" spans="14:14">
      <c r="N359045" s="10"/>
    </row>
    <row r="359046" spans="14:14">
      <c r="N359046" s="10"/>
    </row>
    <row r="359047" spans="14:14">
      <c r="N359047" s="10"/>
    </row>
    <row r="359048" spans="14:14">
      <c r="N359048" s="10"/>
    </row>
    <row r="359049" spans="14:14">
      <c r="N359049" s="10"/>
    </row>
    <row r="359050" spans="14:14">
      <c r="N359050" s="10"/>
    </row>
    <row r="359051" spans="14:14">
      <c r="N359051" s="10"/>
    </row>
    <row r="359052" spans="14:14">
      <c r="N359052" s="10"/>
    </row>
    <row r="359053" spans="14:14">
      <c r="N359053" s="10"/>
    </row>
    <row r="359054" spans="14:14">
      <c r="N359054" s="10"/>
    </row>
    <row r="359055" spans="14:14">
      <c r="N359055" s="10"/>
    </row>
    <row r="359056" spans="14:14">
      <c r="N359056" s="10"/>
    </row>
    <row r="359057" spans="14:14">
      <c r="N359057" s="10"/>
    </row>
    <row r="359058" spans="14:14">
      <c r="N359058" s="10"/>
    </row>
    <row r="359059" spans="14:14">
      <c r="N359059" s="10"/>
    </row>
    <row r="359060" spans="14:14">
      <c r="N359060" s="10"/>
    </row>
    <row r="359061" spans="14:14">
      <c r="N359061" s="10"/>
    </row>
    <row r="359062" spans="14:14">
      <c r="N359062" s="10"/>
    </row>
    <row r="359063" spans="14:14">
      <c r="N359063" s="10"/>
    </row>
    <row r="359064" spans="14:14">
      <c r="N359064" s="10"/>
    </row>
    <row r="359065" spans="14:14">
      <c r="N359065" s="10"/>
    </row>
    <row r="359066" spans="14:14">
      <c r="N359066" s="10"/>
    </row>
    <row r="359067" spans="14:14">
      <c r="N359067" s="10"/>
    </row>
    <row r="359068" spans="14:14">
      <c r="N359068" s="10"/>
    </row>
    <row r="359069" spans="14:14">
      <c r="N359069" s="10"/>
    </row>
    <row r="359070" spans="14:14">
      <c r="N359070" s="10"/>
    </row>
    <row r="359071" spans="14:14">
      <c r="N359071" s="10"/>
    </row>
    <row r="359072" spans="14:14">
      <c r="N359072" s="10"/>
    </row>
    <row r="359073" spans="14:14">
      <c r="N359073" s="10"/>
    </row>
    <row r="359074" spans="14:14">
      <c r="N359074" s="10"/>
    </row>
    <row r="359075" spans="14:14">
      <c r="N359075" s="10"/>
    </row>
    <row r="359076" spans="14:14">
      <c r="N359076" s="10"/>
    </row>
    <row r="359077" spans="14:14">
      <c r="N359077" s="10"/>
    </row>
    <row r="359078" spans="14:14">
      <c r="N359078" s="10"/>
    </row>
    <row r="359079" spans="14:14">
      <c r="N359079" s="10"/>
    </row>
    <row r="359080" spans="14:14">
      <c r="N359080" s="10"/>
    </row>
    <row r="359081" spans="14:14">
      <c r="N359081" s="10"/>
    </row>
    <row r="359082" spans="14:14">
      <c r="N359082" s="10"/>
    </row>
    <row r="359083" spans="14:14">
      <c r="N359083" s="10"/>
    </row>
    <row r="359084" spans="14:14">
      <c r="N359084" s="10"/>
    </row>
    <row r="359085" spans="14:14">
      <c r="N359085" s="10"/>
    </row>
    <row r="359086" spans="14:14">
      <c r="N359086" s="10"/>
    </row>
    <row r="359087" spans="14:14">
      <c r="N359087" s="10"/>
    </row>
    <row r="359088" spans="14:14">
      <c r="N359088" s="10"/>
    </row>
    <row r="359089" spans="14:14">
      <c r="N359089" s="10"/>
    </row>
    <row r="359090" spans="14:14">
      <c r="N359090" s="10"/>
    </row>
    <row r="359091" spans="14:14">
      <c r="N359091" s="10"/>
    </row>
    <row r="359092" spans="14:14">
      <c r="N359092" s="10"/>
    </row>
    <row r="359093" spans="14:14">
      <c r="N359093" s="10"/>
    </row>
    <row r="359094" spans="14:14">
      <c r="N359094" s="10"/>
    </row>
    <row r="359095" spans="14:14">
      <c r="N359095" s="10"/>
    </row>
    <row r="359096" spans="14:14">
      <c r="N359096" s="10"/>
    </row>
    <row r="359097" spans="14:14">
      <c r="N359097" s="10"/>
    </row>
    <row r="359098" spans="14:14">
      <c r="N359098" s="10"/>
    </row>
    <row r="359099" spans="14:14">
      <c r="N359099" s="10"/>
    </row>
    <row r="359100" spans="14:14">
      <c r="N359100" s="10"/>
    </row>
    <row r="359101" spans="14:14">
      <c r="N359101" s="10"/>
    </row>
    <row r="359102" spans="14:14">
      <c r="N359102" s="10"/>
    </row>
    <row r="359103" spans="14:14">
      <c r="N359103" s="10"/>
    </row>
    <row r="359104" spans="14:14">
      <c r="N359104" s="10"/>
    </row>
    <row r="359105" spans="14:14">
      <c r="N359105" s="10"/>
    </row>
    <row r="359106" spans="14:14">
      <c r="N359106" s="10"/>
    </row>
    <row r="359107" spans="14:14">
      <c r="N359107" s="10"/>
    </row>
    <row r="359108" spans="14:14">
      <c r="N359108" s="10"/>
    </row>
    <row r="359109" spans="14:14">
      <c r="N359109" s="10"/>
    </row>
    <row r="359110" spans="14:14">
      <c r="N359110" s="10"/>
    </row>
    <row r="359111" spans="14:14">
      <c r="N359111" s="10"/>
    </row>
    <row r="359112" spans="14:14">
      <c r="N359112" s="10"/>
    </row>
    <row r="359113" spans="14:14">
      <c r="N359113" s="10"/>
    </row>
    <row r="359114" spans="14:14">
      <c r="N359114" s="10"/>
    </row>
    <row r="359115" spans="14:14">
      <c r="N359115" s="10"/>
    </row>
    <row r="359116" spans="14:14">
      <c r="N359116" s="10"/>
    </row>
    <row r="359117" spans="14:14">
      <c r="N359117" s="10"/>
    </row>
    <row r="359118" spans="14:14">
      <c r="N359118" s="10"/>
    </row>
    <row r="359119" spans="14:14">
      <c r="N359119" s="10"/>
    </row>
    <row r="359120" spans="14:14">
      <c r="N359120" s="10"/>
    </row>
    <row r="359121" spans="14:14">
      <c r="N359121" s="10"/>
    </row>
    <row r="359122" spans="14:14">
      <c r="N359122" s="10"/>
    </row>
    <row r="359123" spans="14:14">
      <c r="N359123" s="10"/>
    </row>
    <row r="359124" spans="14:14">
      <c r="N359124" s="10"/>
    </row>
    <row r="359125" spans="14:14">
      <c r="N359125" s="10"/>
    </row>
    <row r="359126" spans="14:14">
      <c r="N359126" s="10"/>
    </row>
    <row r="359127" spans="14:14">
      <c r="N359127" s="10"/>
    </row>
    <row r="359128" spans="14:14">
      <c r="N359128" s="10"/>
    </row>
    <row r="359129" spans="14:14">
      <c r="N359129" s="10"/>
    </row>
    <row r="359130" spans="14:14">
      <c r="N359130" s="10"/>
    </row>
    <row r="359131" spans="14:14">
      <c r="N359131" s="10"/>
    </row>
    <row r="359132" spans="14:14">
      <c r="N359132" s="10"/>
    </row>
    <row r="359133" spans="14:14">
      <c r="N359133" s="10"/>
    </row>
    <row r="359134" spans="14:14">
      <c r="N359134" s="10"/>
    </row>
    <row r="359135" spans="14:14">
      <c r="N359135" s="10"/>
    </row>
    <row r="359136" spans="14:14">
      <c r="N359136" s="10"/>
    </row>
    <row r="359137" spans="14:14">
      <c r="N359137" s="10"/>
    </row>
    <row r="359138" spans="14:14">
      <c r="N359138" s="10"/>
    </row>
    <row r="359139" spans="14:14">
      <c r="N359139" s="10"/>
    </row>
    <row r="359140" spans="14:14">
      <c r="N359140" s="10"/>
    </row>
    <row r="359141" spans="14:14">
      <c r="N359141" s="10"/>
    </row>
    <row r="359142" spans="14:14">
      <c r="N359142" s="10"/>
    </row>
    <row r="359143" spans="14:14">
      <c r="N359143" s="10"/>
    </row>
    <row r="359144" spans="14:14">
      <c r="N359144" s="10"/>
    </row>
    <row r="359145" spans="14:14">
      <c r="N359145" s="10"/>
    </row>
    <row r="359146" spans="14:14">
      <c r="N359146" s="10"/>
    </row>
    <row r="359147" spans="14:14">
      <c r="N359147" s="10"/>
    </row>
    <row r="359148" spans="14:14">
      <c r="N359148" s="10"/>
    </row>
    <row r="359149" spans="14:14">
      <c r="N359149" s="10"/>
    </row>
    <row r="359150" spans="14:14">
      <c r="N359150" s="10"/>
    </row>
    <row r="359151" spans="14:14">
      <c r="N359151" s="10"/>
    </row>
    <row r="359152" spans="14:14">
      <c r="N359152" s="10"/>
    </row>
    <row r="359153" spans="14:14">
      <c r="N359153" s="10"/>
    </row>
    <row r="359154" spans="14:14">
      <c r="N359154" s="10"/>
    </row>
    <row r="359155" spans="14:14">
      <c r="N359155" s="10"/>
    </row>
    <row r="359156" spans="14:14">
      <c r="N359156" s="10"/>
    </row>
    <row r="359157" spans="14:14">
      <c r="N359157" s="10"/>
    </row>
    <row r="359158" spans="14:14">
      <c r="N359158" s="10"/>
    </row>
    <row r="359159" spans="14:14">
      <c r="N359159" s="10"/>
    </row>
    <row r="359160" spans="14:14">
      <c r="N359160" s="10"/>
    </row>
    <row r="359161" spans="14:14">
      <c r="N359161" s="10"/>
    </row>
    <row r="359162" spans="14:14">
      <c r="N359162" s="10"/>
    </row>
    <row r="359163" spans="14:14">
      <c r="N359163" s="10"/>
    </row>
    <row r="359164" spans="14:14">
      <c r="N359164" s="10"/>
    </row>
    <row r="359165" spans="14:14">
      <c r="N359165" s="10"/>
    </row>
    <row r="359166" spans="14:14">
      <c r="N359166" s="10"/>
    </row>
    <row r="359167" spans="14:14">
      <c r="N359167" s="10"/>
    </row>
    <row r="359168" spans="14:14">
      <c r="N359168" s="10"/>
    </row>
    <row r="359169" spans="14:14">
      <c r="N359169" s="10"/>
    </row>
    <row r="359170" spans="14:14">
      <c r="N359170" s="10"/>
    </row>
    <row r="359171" spans="14:14">
      <c r="N359171" s="10"/>
    </row>
    <row r="359172" spans="14:14">
      <c r="N359172" s="10"/>
    </row>
    <row r="359173" spans="14:14">
      <c r="N359173" s="10"/>
    </row>
    <row r="359174" spans="14:14">
      <c r="N359174" s="10"/>
    </row>
    <row r="359175" spans="14:14">
      <c r="N359175" s="10"/>
    </row>
    <row r="359176" spans="14:14">
      <c r="N359176" s="10"/>
    </row>
    <row r="359177" spans="14:14">
      <c r="N359177" s="10"/>
    </row>
    <row r="359178" spans="14:14">
      <c r="N359178" s="10"/>
    </row>
    <row r="359179" spans="14:14">
      <c r="N359179" s="10"/>
    </row>
    <row r="359180" spans="14:14">
      <c r="N359180" s="10"/>
    </row>
    <row r="359181" spans="14:14">
      <c r="N359181" s="10"/>
    </row>
    <row r="359182" spans="14:14">
      <c r="N359182" s="10"/>
    </row>
    <row r="359183" spans="14:14">
      <c r="N359183" s="10"/>
    </row>
    <row r="359184" spans="14:14">
      <c r="N359184" s="10"/>
    </row>
    <row r="359185" spans="14:14">
      <c r="N359185" s="10"/>
    </row>
    <row r="359186" spans="14:14">
      <c r="N359186" s="10"/>
    </row>
    <row r="359187" spans="14:14">
      <c r="N359187" s="10"/>
    </row>
    <row r="359188" spans="14:14">
      <c r="N359188" s="10"/>
    </row>
    <row r="359189" spans="14:14">
      <c r="N359189" s="10"/>
    </row>
    <row r="359190" spans="14:14">
      <c r="N359190" s="10"/>
    </row>
    <row r="359191" spans="14:14">
      <c r="N359191" s="10"/>
    </row>
    <row r="359192" spans="14:14">
      <c r="N359192" s="10"/>
    </row>
    <row r="359193" spans="14:14">
      <c r="N359193" s="10"/>
    </row>
    <row r="359194" spans="14:14">
      <c r="N359194" s="10"/>
    </row>
    <row r="359195" spans="14:14">
      <c r="N359195" s="10"/>
    </row>
    <row r="359196" spans="14:14">
      <c r="N359196" s="10"/>
    </row>
    <row r="359197" spans="14:14">
      <c r="N359197" s="10"/>
    </row>
    <row r="359198" spans="14:14">
      <c r="N359198" s="10"/>
    </row>
    <row r="359199" spans="14:14">
      <c r="N359199" s="10"/>
    </row>
    <row r="359200" spans="14:14">
      <c r="N359200" s="10"/>
    </row>
    <row r="359201" spans="14:14">
      <c r="N359201" s="10"/>
    </row>
    <row r="359202" spans="14:14">
      <c r="N359202" s="10"/>
    </row>
    <row r="359203" spans="14:14">
      <c r="N359203" s="10"/>
    </row>
    <row r="359204" spans="14:14">
      <c r="N359204" s="10"/>
    </row>
    <row r="359205" spans="14:14">
      <c r="N359205" s="10"/>
    </row>
    <row r="359206" spans="14:14">
      <c r="N359206" s="10"/>
    </row>
    <row r="359207" spans="14:14">
      <c r="N359207" s="10"/>
    </row>
    <row r="359208" spans="14:14">
      <c r="N359208" s="10"/>
    </row>
    <row r="359209" spans="14:14">
      <c r="N359209" s="10"/>
    </row>
    <row r="359210" spans="14:14">
      <c r="N359210" s="10"/>
    </row>
    <row r="359211" spans="14:14">
      <c r="N359211" s="10"/>
    </row>
    <row r="359212" spans="14:14">
      <c r="N359212" s="10"/>
    </row>
    <row r="359213" spans="14:14">
      <c r="N359213" s="10"/>
    </row>
    <row r="359214" spans="14:14">
      <c r="N359214" s="10"/>
    </row>
    <row r="359215" spans="14:14">
      <c r="N359215" s="10"/>
    </row>
    <row r="359216" spans="14:14">
      <c r="N359216" s="10"/>
    </row>
    <row r="359217" spans="14:14">
      <c r="N359217" s="10"/>
    </row>
    <row r="359218" spans="14:14">
      <c r="N359218" s="10"/>
    </row>
    <row r="359219" spans="14:14">
      <c r="N359219" s="10"/>
    </row>
    <row r="359220" spans="14:14">
      <c r="N359220" s="10"/>
    </row>
    <row r="359221" spans="14:14">
      <c r="N359221" s="10"/>
    </row>
    <row r="359222" spans="14:14">
      <c r="N359222" s="10"/>
    </row>
    <row r="359223" spans="14:14">
      <c r="N359223" s="10"/>
    </row>
    <row r="359224" spans="14:14">
      <c r="N359224" s="10"/>
    </row>
    <row r="359225" spans="14:14">
      <c r="N359225" s="10"/>
    </row>
    <row r="359226" spans="14:14">
      <c r="N359226" s="10"/>
    </row>
    <row r="359227" spans="14:14">
      <c r="N359227" s="10"/>
    </row>
    <row r="359228" spans="14:14">
      <c r="N359228" s="10"/>
    </row>
    <row r="359229" spans="14:14">
      <c r="N359229" s="10"/>
    </row>
    <row r="359230" spans="14:14">
      <c r="N359230" s="10"/>
    </row>
    <row r="359231" spans="14:14">
      <c r="N359231" s="10"/>
    </row>
    <row r="359232" spans="14:14">
      <c r="N359232" s="10"/>
    </row>
    <row r="359233" spans="14:14">
      <c r="N359233" s="10"/>
    </row>
    <row r="359234" spans="14:14">
      <c r="N359234" s="10"/>
    </row>
    <row r="359235" spans="14:14">
      <c r="N359235" s="10"/>
    </row>
    <row r="359236" spans="14:14">
      <c r="N359236" s="10"/>
    </row>
    <row r="359237" spans="14:14">
      <c r="N359237" s="10"/>
    </row>
    <row r="359238" spans="14:14">
      <c r="N359238" s="10"/>
    </row>
    <row r="359239" spans="14:14">
      <c r="N359239" s="10"/>
    </row>
    <row r="359240" spans="14:14">
      <c r="N359240" s="10"/>
    </row>
    <row r="359241" spans="14:14">
      <c r="N359241" s="10"/>
    </row>
    <row r="359242" spans="14:14">
      <c r="N359242" s="10"/>
    </row>
    <row r="359243" spans="14:14">
      <c r="N359243" s="10"/>
    </row>
    <row r="359244" spans="14:14">
      <c r="N359244" s="10"/>
    </row>
    <row r="359245" spans="14:14">
      <c r="N359245" s="10"/>
    </row>
    <row r="359246" spans="14:14">
      <c r="N359246" s="10"/>
    </row>
    <row r="359247" spans="14:14">
      <c r="N359247" s="10"/>
    </row>
    <row r="359248" spans="14:14">
      <c r="N359248" s="10"/>
    </row>
    <row r="359249" spans="14:14">
      <c r="N359249" s="10"/>
    </row>
    <row r="359250" spans="14:14">
      <c r="N359250" s="10"/>
    </row>
    <row r="359251" spans="14:14">
      <c r="N359251" s="10"/>
    </row>
    <row r="359252" spans="14:14">
      <c r="N359252" s="10"/>
    </row>
    <row r="359253" spans="14:14">
      <c r="N359253" s="10"/>
    </row>
    <row r="359254" spans="14:14">
      <c r="N359254" s="10"/>
    </row>
    <row r="359255" spans="14:14">
      <c r="N359255" s="10"/>
    </row>
    <row r="359256" spans="14:14">
      <c r="N359256" s="10"/>
    </row>
    <row r="359257" spans="14:14">
      <c r="N359257" s="10"/>
    </row>
    <row r="359258" spans="14:14">
      <c r="N359258" s="10"/>
    </row>
    <row r="359259" spans="14:14">
      <c r="N359259" s="10"/>
    </row>
    <row r="359260" spans="14:14">
      <c r="N359260" s="10"/>
    </row>
    <row r="359261" spans="14:14">
      <c r="N359261" s="10"/>
    </row>
    <row r="359262" spans="14:14">
      <c r="N359262" s="10"/>
    </row>
    <row r="359263" spans="14:14">
      <c r="N359263" s="10"/>
    </row>
    <row r="359264" spans="14:14">
      <c r="N359264" s="10"/>
    </row>
    <row r="359265" spans="14:14">
      <c r="N359265" s="10"/>
    </row>
    <row r="359266" spans="14:14">
      <c r="N359266" s="10"/>
    </row>
    <row r="359267" spans="14:14">
      <c r="N359267" s="10"/>
    </row>
    <row r="359268" spans="14:14">
      <c r="N359268" s="10"/>
    </row>
    <row r="359269" spans="14:14">
      <c r="N359269" s="10"/>
    </row>
    <row r="359270" spans="14:14">
      <c r="N359270" s="10"/>
    </row>
    <row r="359271" spans="14:14">
      <c r="N359271" s="10"/>
    </row>
    <row r="359272" spans="14:14">
      <c r="N359272" s="10"/>
    </row>
    <row r="359273" spans="14:14">
      <c r="N359273" s="10"/>
    </row>
    <row r="359274" spans="14:14">
      <c r="N359274" s="10"/>
    </row>
    <row r="359275" spans="14:14">
      <c r="N359275" s="10"/>
    </row>
    <row r="359276" spans="14:14">
      <c r="N359276" s="10"/>
    </row>
    <row r="359277" spans="14:14">
      <c r="N359277" s="10"/>
    </row>
    <row r="359278" spans="14:14">
      <c r="N359278" s="10"/>
    </row>
    <row r="359279" spans="14:14">
      <c r="N359279" s="10"/>
    </row>
    <row r="359280" spans="14:14">
      <c r="N359280" s="10"/>
    </row>
    <row r="359281" spans="14:14">
      <c r="N359281" s="10"/>
    </row>
    <row r="359282" spans="14:14">
      <c r="N359282" s="10"/>
    </row>
    <row r="359283" spans="14:14">
      <c r="N359283" s="10"/>
    </row>
    <row r="359284" spans="14:14">
      <c r="N359284" s="10"/>
    </row>
    <row r="359285" spans="14:14">
      <c r="N359285" s="10"/>
    </row>
    <row r="359286" spans="14:14">
      <c r="N359286" s="10"/>
    </row>
    <row r="359287" spans="14:14">
      <c r="N359287" s="10"/>
    </row>
    <row r="359288" spans="14:14">
      <c r="N359288" s="10"/>
    </row>
    <row r="359289" spans="14:14">
      <c r="N359289" s="10"/>
    </row>
    <row r="359290" spans="14:14">
      <c r="N359290" s="10"/>
    </row>
    <row r="359291" spans="14:14">
      <c r="N359291" s="10"/>
    </row>
    <row r="359292" spans="14:14">
      <c r="N359292" s="10"/>
    </row>
    <row r="359293" spans="14:14">
      <c r="N359293" s="10"/>
    </row>
    <row r="359294" spans="14:14">
      <c r="N359294" s="10"/>
    </row>
    <row r="359295" spans="14:14">
      <c r="N359295" s="10"/>
    </row>
    <row r="359296" spans="14:14">
      <c r="N359296" s="10"/>
    </row>
    <row r="359297" spans="14:14">
      <c r="N359297" s="10"/>
    </row>
    <row r="359298" spans="14:14">
      <c r="N359298" s="10"/>
    </row>
    <row r="359299" spans="14:14">
      <c r="N359299" s="10"/>
    </row>
    <row r="359300" spans="14:14">
      <c r="N359300" s="10"/>
    </row>
    <row r="359301" spans="14:14">
      <c r="N359301" s="10"/>
    </row>
    <row r="359302" spans="14:14">
      <c r="N359302" s="10"/>
    </row>
    <row r="359303" spans="14:14">
      <c r="N359303" s="10"/>
    </row>
    <row r="359304" spans="14:14">
      <c r="N359304" s="10"/>
    </row>
    <row r="359305" spans="14:14">
      <c r="N359305" s="10"/>
    </row>
    <row r="359306" spans="14:14">
      <c r="N359306" s="10"/>
    </row>
    <row r="359307" spans="14:14">
      <c r="N359307" s="10"/>
    </row>
    <row r="359308" spans="14:14">
      <c r="N359308" s="10"/>
    </row>
    <row r="359309" spans="14:14">
      <c r="N359309" s="10"/>
    </row>
    <row r="359310" spans="14:14">
      <c r="N359310" s="10"/>
    </row>
    <row r="359311" spans="14:14">
      <c r="N359311" s="10"/>
    </row>
    <row r="359312" spans="14:14">
      <c r="N359312" s="10"/>
    </row>
    <row r="359313" spans="14:14">
      <c r="N359313" s="10"/>
    </row>
    <row r="359314" spans="14:14">
      <c r="N359314" s="10"/>
    </row>
    <row r="359315" spans="14:14">
      <c r="N359315" s="10"/>
    </row>
    <row r="359316" spans="14:14">
      <c r="N359316" s="10"/>
    </row>
    <row r="359317" spans="14:14">
      <c r="N359317" s="10"/>
    </row>
    <row r="359318" spans="14:14">
      <c r="N359318" s="10"/>
    </row>
    <row r="359319" spans="14:14">
      <c r="N359319" s="10"/>
    </row>
    <row r="359320" spans="14:14">
      <c r="N359320" s="10"/>
    </row>
    <row r="359321" spans="14:14">
      <c r="N359321" s="10"/>
    </row>
    <row r="359322" spans="14:14">
      <c r="N359322" s="10"/>
    </row>
    <row r="359323" spans="14:14">
      <c r="N359323" s="10"/>
    </row>
    <row r="359324" spans="14:14">
      <c r="N359324" s="10"/>
    </row>
    <row r="359325" spans="14:14">
      <c r="N359325" s="10"/>
    </row>
    <row r="359326" spans="14:14">
      <c r="N359326" s="10"/>
    </row>
    <row r="359327" spans="14:14">
      <c r="N359327" s="10"/>
    </row>
    <row r="359328" spans="14:14">
      <c r="N359328" s="10"/>
    </row>
    <row r="359329" spans="14:14">
      <c r="N359329" s="10"/>
    </row>
    <row r="359330" spans="14:14">
      <c r="N359330" s="10"/>
    </row>
    <row r="359331" spans="14:14">
      <c r="N359331" s="10"/>
    </row>
    <row r="359332" spans="14:14">
      <c r="N359332" s="10"/>
    </row>
    <row r="359333" spans="14:14">
      <c r="N359333" s="10"/>
    </row>
    <row r="359334" spans="14:14">
      <c r="N359334" s="10"/>
    </row>
    <row r="359335" spans="14:14">
      <c r="N359335" s="10"/>
    </row>
    <row r="359336" spans="14:14">
      <c r="N359336" s="10"/>
    </row>
    <row r="359337" spans="14:14">
      <c r="N359337" s="10"/>
    </row>
    <row r="359338" spans="14:14">
      <c r="N359338" s="10"/>
    </row>
    <row r="359339" spans="14:14">
      <c r="N359339" s="10"/>
    </row>
    <row r="359340" spans="14:14">
      <c r="N359340" s="10"/>
    </row>
    <row r="359341" spans="14:14">
      <c r="N359341" s="10"/>
    </row>
    <row r="359342" spans="14:14">
      <c r="N359342" s="10"/>
    </row>
    <row r="359343" spans="14:14">
      <c r="N359343" s="10"/>
    </row>
    <row r="359344" spans="14:14">
      <c r="N359344" s="10"/>
    </row>
    <row r="359345" spans="14:14">
      <c r="N359345" s="10"/>
    </row>
    <row r="359346" spans="14:14">
      <c r="N359346" s="10"/>
    </row>
    <row r="359347" spans="14:14">
      <c r="N359347" s="10"/>
    </row>
    <row r="359348" spans="14:14">
      <c r="N359348" s="10"/>
    </row>
    <row r="359349" spans="14:14">
      <c r="N359349" s="10"/>
    </row>
    <row r="359350" spans="14:14">
      <c r="N359350" s="10"/>
    </row>
    <row r="359351" spans="14:14">
      <c r="N359351" s="10"/>
    </row>
    <row r="359352" spans="14:14">
      <c r="N359352" s="10"/>
    </row>
    <row r="359353" spans="14:14">
      <c r="N359353" s="10"/>
    </row>
    <row r="359354" spans="14:14">
      <c r="N359354" s="10"/>
    </row>
    <row r="359355" spans="14:14">
      <c r="N359355" s="10"/>
    </row>
    <row r="359356" spans="14:14">
      <c r="N359356" s="10"/>
    </row>
    <row r="359357" spans="14:14">
      <c r="N359357" s="10"/>
    </row>
    <row r="359358" spans="14:14">
      <c r="N359358" s="10"/>
    </row>
    <row r="359359" spans="14:14">
      <c r="N359359" s="10"/>
    </row>
    <row r="359360" spans="14:14">
      <c r="N359360" s="10"/>
    </row>
    <row r="359361" spans="14:14">
      <c r="N359361" s="10"/>
    </row>
    <row r="359362" spans="14:14">
      <c r="N359362" s="10"/>
    </row>
    <row r="359363" spans="14:14">
      <c r="N359363" s="10"/>
    </row>
    <row r="359364" spans="14:14">
      <c r="N359364" s="10"/>
    </row>
    <row r="359365" spans="14:14">
      <c r="N359365" s="10"/>
    </row>
    <row r="359366" spans="14:14">
      <c r="N359366" s="10"/>
    </row>
    <row r="359367" spans="14:14">
      <c r="N359367" s="10"/>
    </row>
    <row r="359368" spans="14:14">
      <c r="N359368" s="10"/>
    </row>
    <row r="359369" spans="14:14">
      <c r="N359369" s="10"/>
    </row>
    <row r="359370" spans="14:14">
      <c r="N359370" s="10"/>
    </row>
    <row r="359371" spans="14:14">
      <c r="N359371" s="10"/>
    </row>
    <row r="359372" spans="14:14">
      <c r="N359372" s="10"/>
    </row>
    <row r="359373" spans="14:14">
      <c r="N359373" s="10"/>
    </row>
    <row r="359374" spans="14:14">
      <c r="N359374" s="10"/>
    </row>
    <row r="359375" spans="14:14">
      <c r="N359375" s="10"/>
    </row>
    <row r="359376" spans="14:14">
      <c r="N359376" s="10"/>
    </row>
    <row r="359377" spans="14:14">
      <c r="N359377" s="10"/>
    </row>
    <row r="359378" spans="14:14">
      <c r="N359378" s="10"/>
    </row>
    <row r="359379" spans="14:14">
      <c r="N359379" s="10"/>
    </row>
    <row r="359380" spans="14:14">
      <c r="N359380" s="10"/>
    </row>
    <row r="359381" spans="14:14">
      <c r="N359381" s="10"/>
    </row>
    <row r="359382" spans="14:14">
      <c r="N359382" s="10"/>
    </row>
    <row r="359383" spans="14:14">
      <c r="N359383" s="10"/>
    </row>
    <row r="359384" spans="14:14">
      <c r="N359384" s="10"/>
    </row>
    <row r="359385" spans="14:14">
      <c r="N359385" s="10"/>
    </row>
    <row r="359386" spans="14:14">
      <c r="N359386" s="10"/>
    </row>
    <row r="359387" spans="14:14">
      <c r="N359387" s="10"/>
    </row>
    <row r="359388" spans="14:14">
      <c r="N359388" s="10"/>
    </row>
    <row r="359389" spans="14:14">
      <c r="N359389" s="10"/>
    </row>
    <row r="359390" spans="14:14">
      <c r="N359390" s="10"/>
    </row>
    <row r="359391" spans="14:14">
      <c r="N359391" s="10"/>
    </row>
    <row r="359392" spans="14:14">
      <c r="N359392" s="10"/>
    </row>
    <row r="359393" spans="14:14">
      <c r="N359393" s="10"/>
    </row>
    <row r="359394" spans="14:14">
      <c r="N359394" s="10"/>
    </row>
    <row r="359395" spans="14:14">
      <c r="N359395" s="10"/>
    </row>
    <row r="359396" spans="14:14">
      <c r="N359396" s="10"/>
    </row>
    <row r="359397" spans="14:14">
      <c r="N359397" s="10"/>
    </row>
    <row r="359398" spans="14:14">
      <c r="N359398" s="10"/>
    </row>
    <row r="359399" spans="14:14">
      <c r="N359399" s="10"/>
    </row>
    <row r="359400" spans="14:14">
      <c r="N359400" s="10"/>
    </row>
    <row r="359401" spans="14:14">
      <c r="N359401" s="10"/>
    </row>
    <row r="359402" spans="14:14">
      <c r="N359402" s="10"/>
    </row>
    <row r="359403" spans="14:14">
      <c r="N359403" s="10"/>
    </row>
    <row r="359404" spans="14:14">
      <c r="N359404" s="10"/>
    </row>
    <row r="359405" spans="14:14">
      <c r="N359405" s="10"/>
    </row>
    <row r="359406" spans="14:14">
      <c r="N359406" s="10"/>
    </row>
    <row r="359407" spans="14:14">
      <c r="N359407" s="10"/>
    </row>
    <row r="359408" spans="14:14">
      <c r="N359408" s="10"/>
    </row>
    <row r="359409" spans="14:14">
      <c r="N359409" s="10"/>
    </row>
    <row r="359410" spans="14:14">
      <c r="N359410" s="10"/>
    </row>
    <row r="359411" spans="14:14">
      <c r="N359411" s="10"/>
    </row>
    <row r="359412" spans="14:14">
      <c r="N359412" s="10"/>
    </row>
    <row r="359413" spans="14:14">
      <c r="N359413" s="10"/>
    </row>
    <row r="359414" spans="14:14">
      <c r="N359414" s="10"/>
    </row>
    <row r="359415" spans="14:14">
      <c r="N359415" s="10"/>
    </row>
    <row r="359416" spans="14:14">
      <c r="N359416" s="10"/>
    </row>
    <row r="359417" spans="14:14">
      <c r="N359417" s="10"/>
    </row>
    <row r="359418" spans="14:14">
      <c r="N359418" s="10"/>
    </row>
    <row r="359419" spans="14:14">
      <c r="N359419" s="10"/>
    </row>
    <row r="359420" spans="14:14">
      <c r="N359420" s="10"/>
    </row>
    <row r="359421" spans="14:14">
      <c r="N359421" s="10"/>
    </row>
    <row r="359422" spans="14:14">
      <c r="N359422" s="10"/>
    </row>
    <row r="359423" spans="14:14">
      <c r="N359423" s="10"/>
    </row>
    <row r="359424" spans="14:14">
      <c r="N359424" s="10"/>
    </row>
    <row r="359425" spans="14:14">
      <c r="N359425" s="10"/>
    </row>
    <row r="359426" spans="14:14">
      <c r="N359426" s="10"/>
    </row>
    <row r="359427" spans="14:14">
      <c r="N359427" s="10"/>
    </row>
    <row r="359428" spans="14:14">
      <c r="N359428" s="10"/>
    </row>
    <row r="359429" spans="14:14">
      <c r="N359429" s="10"/>
    </row>
    <row r="359430" spans="14:14">
      <c r="N359430" s="10"/>
    </row>
    <row r="359431" spans="14:14">
      <c r="N359431" s="10"/>
    </row>
    <row r="359432" spans="14:14">
      <c r="N359432" s="10"/>
    </row>
    <row r="359433" spans="14:14">
      <c r="N359433" s="10"/>
    </row>
    <row r="359434" spans="14:14">
      <c r="N359434" s="10"/>
    </row>
    <row r="359435" spans="14:14">
      <c r="N359435" s="10"/>
    </row>
    <row r="359436" spans="14:14">
      <c r="N359436" s="10"/>
    </row>
    <row r="359437" spans="14:14">
      <c r="N359437" s="10"/>
    </row>
    <row r="359438" spans="14:14">
      <c r="N359438" s="10"/>
    </row>
    <row r="359439" spans="14:14">
      <c r="N359439" s="10"/>
    </row>
    <row r="359440" spans="14:14">
      <c r="N359440" s="10"/>
    </row>
    <row r="359441" spans="14:14">
      <c r="N359441" s="10"/>
    </row>
    <row r="359442" spans="14:14">
      <c r="N359442" s="10"/>
    </row>
    <row r="359443" spans="14:14">
      <c r="N359443" s="10"/>
    </row>
    <row r="359444" spans="14:14">
      <c r="N359444" s="10"/>
    </row>
    <row r="359445" spans="14:14">
      <c r="N359445" s="10"/>
    </row>
    <row r="359446" spans="14:14">
      <c r="N359446" s="10"/>
    </row>
    <row r="359447" spans="14:14">
      <c r="N359447" s="10"/>
    </row>
    <row r="359448" spans="14:14">
      <c r="N359448" s="10"/>
    </row>
    <row r="359449" spans="14:14">
      <c r="N359449" s="10"/>
    </row>
    <row r="359450" spans="14:14">
      <c r="N359450" s="10"/>
    </row>
    <row r="359451" spans="14:14">
      <c r="N359451" s="10"/>
    </row>
    <row r="359452" spans="14:14">
      <c r="N359452" s="10"/>
    </row>
    <row r="359453" spans="14:14">
      <c r="N359453" s="10"/>
    </row>
    <row r="359454" spans="14:14">
      <c r="N359454" s="10"/>
    </row>
    <row r="359455" spans="14:14">
      <c r="N359455" s="10"/>
    </row>
    <row r="359456" spans="14:14">
      <c r="N359456" s="10"/>
    </row>
    <row r="359457" spans="14:14">
      <c r="N359457" s="10"/>
    </row>
    <row r="359458" spans="14:14">
      <c r="N359458" s="10"/>
    </row>
    <row r="359459" spans="14:14">
      <c r="N359459" s="10"/>
    </row>
    <row r="359460" spans="14:14">
      <c r="N359460" s="10"/>
    </row>
    <row r="359461" spans="14:14">
      <c r="N359461" s="10"/>
    </row>
    <row r="359462" spans="14:14">
      <c r="N359462" s="10"/>
    </row>
    <row r="359463" spans="14:14">
      <c r="N359463" s="10"/>
    </row>
    <row r="359464" spans="14:14">
      <c r="N359464" s="10"/>
    </row>
    <row r="359465" spans="14:14">
      <c r="N359465" s="10"/>
    </row>
    <row r="359466" spans="14:14">
      <c r="N359466" s="10"/>
    </row>
    <row r="359467" spans="14:14">
      <c r="N359467" s="10"/>
    </row>
    <row r="359468" spans="14:14">
      <c r="N359468" s="10"/>
    </row>
    <row r="359469" spans="14:14">
      <c r="N359469" s="10"/>
    </row>
    <row r="359470" spans="14:14">
      <c r="N359470" s="10"/>
    </row>
    <row r="359471" spans="14:14">
      <c r="N359471" s="10"/>
    </row>
    <row r="359472" spans="14:14">
      <c r="N359472" s="10"/>
    </row>
    <row r="359473" spans="14:14">
      <c r="N359473" s="10"/>
    </row>
    <row r="359474" spans="14:14">
      <c r="N359474" s="10"/>
    </row>
    <row r="359475" spans="14:14">
      <c r="N359475" s="10"/>
    </row>
    <row r="359476" spans="14:14">
      <c r="N359476" s="10"/>
    </row>
    <row r="359477" spans="14:14">
      <c r="N359477" s="10"/>
    </row>
    <row r="359478" spans="14:14">
      <c r="N359478" s="10"/>
    </row>
    <row r="359479" spans="14:14">
      <c r="N359479" s="10"/>
    </row>
    <row r="359480" spans="14:14">
      <c r="N359480" s="10"/>
    </row>
    <row r="359481" spans="14:14">
      <c r="N359481" s="10"/>
    </row>
    <row r="359482" spans="14:14">
      <c r="N359482" s="10"/>
    </row>
    <row r="359483" spans="14:14">
      <c r="N359483" s="10"/>
    </row>
    <row r="359484" spans="14:14">
      <c r="N359484" s="10"/>
    </row>
    <row r="359485" spans="14:14">
      <c r="N359485" s="10"/>
    </row>
    <row r="359486" spans="14:14">
      <c r="N359486" s="10"/>
    </row>
    <row r="359487" spans="14:14">
      <c r="N359487" s="10"/>
    </row>
    <row r="359488" spans="14:14">
      <c r="N359488" s="10"/>
    </row>
    <row r="359489" spans="14:14">
      <c r="N359489" s="10"/>
    </row>
    <row r="359490" spans="14:14">
      <c r="N359490" s="10"/>
    </row>
    <row r="359491" spans="14:14">
      <c r="N359491" s="10"/>
    </row>
    <row r="359492" spans="14:14">
      <c r="N359492" s="10"/>
    </row>
    <row r="359493" spans="14:14">
      <c r="N359493" s="10"/>
    </row>
    <row r="359494" spans="14:14">
      <c r="N359494" s="10"/>
    </row>
    <row r="359495" spans="14:14">
      <c r="N359495" s="10"/>
    </row>
    <row r="359496" spans="14:14">
      <c r="N359496" s="10"/>
    </row>
    <row r="359497" spans="14:14">
      <c r="N359497" s="10"/>
    </row>
    <row r="359498" spans="14:14">
      <c r="N359498" s="10"/>
    </row>
    <row r="359499" spans="14:14">
      <c r="N359499" s="10"/>
    </row>
    <row r="359500" spans="14:14">
      <c r="N359500" s="10"/>
    </row>
    <row r="359501" spans="14:14">
      <c r="N359501" s="10"/>
    </row>
    <row r="359502" spans="14:14">
      <c r="N359502" s="10"/>
    </row>
    <row r="359503" spans="14:14">
      <c r="N359503" s="10"/>
    </row>
    <row r="359504" spans="14:14">
      <c r="N359504" s="10"/>
    </row>
    <row r="359505" spans="14:14">
      <c r="N359505" s="10"/>
    </row>
    <row r="359506" spans="14:14">
      <c r="N359506" s="10"/>
    </row>
    <row r="359507" spans="14:14">
      <c r="N359507" s="10"/>
    </row>
    <row r="359508" spans="14:14">
      <c r="N359508" s="10"/>
    </row>
    <row r="359509" spans="14:14">
      <c r="N359509" s="10"/>
    </row>
    <row r="359510" spans="14:14">
      <c r="N359510" s="10"/>
    </row>
    <row r="359511" spans="14:14">
      <c r="N359511" s="10"/>
    </row>
    <row r="359512" spans="14:14">
      <c r="N359512" s="10"/>
    </row>
    <row r="359513" spans="14:14">
      <c r="N359513" s="10"/>
    </row>
    <row r="359514" spans="14:14">
      <c r="N359514" s="10"/>
    </row>
    <row r="359515" spans="14:14">
      <c r="N359515" s="10"/>
    </row>
    <row r="359516" spans="14:14">
      <c r="N359516" s="10"/>
    </row>
    <row r="359517" spans="14:14">
      <c r="N359517" s="10"/>
    </row>
    <row r="359518" spans="14:14">
      <c r="N359518" s="10"/>
    </row>
    <row r="359519" spans="14:14">
      <c r="N359519" s="10"/>
    </row>
    <row r="359520" spans="14:14">
      <c r="N359520" s="10"/>
    </row>
    <row r="359521" spans="14:14">
      <c r="N359521" s="10"/>
    </row>
    <row r="359522" spans="14:14">
      <c r="N359522" s="10"/>
    </row>
    <row r="359523" spans="14:14">
      <c r="N359523" s="10"/>
    </row>
    <row r="359524" spans="14:14">
      <c r="N359524" s="10"/>
    </row>
    <row r="359525" spans="14:14">
      <c r="N359525" s="10"/>
    </row>
    <row r="359526" spans="14:14">
      <c r="N359526" s="10"/>
    </row>
    <row r="359527" spans="14:14">
      <c r="N359527" s="10"/>
    </row>
    <row r="359528" spans="14:14">
      <c r="N359528" s="10"/>
    </row>
    <row r="359529" spans="14:14">
      <c r="N359529" s="10"/>
    </row>
    <row r="359530" spans="14:14">
      <c r="N359530" s="10"/>
    </row>
    <row r="359531" spans="14:14">
      <c r="N359531" s="10"/>
    </row>
    <row r="359532" spans="14:14">
      <c r="N359532" s="10"/>
    </row>
    <row r="359533" spans="14:14">
      <c r="N359533" s="10"/>
    </row>
    <row r="359534" spans="14:14">
      <c r="N359534" s="10"/>
    </row>
    <row r="359535" spans="14:14">
      <c r="N359535" s="10"/>
    </row>
    <row r="359536" spans="14:14">
      <c r="N359536" s="10"/>
    </row>
    <row r="359537" spans="14:14">
      <c r="N359537" s="10"/>
    </row>
    <row r="359538" spans="14:14">
      <c r="N359538" s="10"/>
    </row>
    <row r="359539" spans="14:14">
      <c r="N359539" s="10"/>
    </row>
    <row r="359540" spans="14:14">
      <c r="N359540" s="10"/>
    </row>
    <row r="359541" spans="14:14">
      <c r="N359541" s="10"/>
    </row>
    <row r="359542" spans="14:14">
      <c r="N359542" s="10"/>
    </row>
    <row r="359543" spans="14:14">
      <c r="N359543" s="10"/>
    </row>
    <row r="359544" spans="14:14">
      <c r="N359544" s="10"/>
    </row>
    <row r="359545" spans="14:14">
      <c r="N359545" s="10"/>
    </row>
    <row r="359546" spans="14:14">
      <c r="N359546" s="10"/>
    </row>
    <row r="359547" spans="14:14">
      <c r="N359547" s="10"/>
    </row>
    <row r="359548" spans="14:14">
      <c r="N359548" s="10"/>
    </row>
    <row r="359549" spans="14:14">
      <c r="N359549" s="10"/>
    </row>
    <row r="359550" spans="14:14">
      <c r="N359550" s="10"/>
    </row>
    <row r="359551" spans="14:14">
      <c r="N359551" s="10"/>
    </row>
    <row r="359552" spans="14:14">
      <c r="N359552" s="10"/>
    </row>
    <row r="359553" spans="14:14">
      <c r="N359553" s="10"/>
    </row>
    <row r="359554" spans="14:14">
      <c r="N359554" s="10"/>
    </row>
    <row r="359555" spans="14:14">
      <c r="N359555" s="10"/>
    </row>
    <row r="359556" spans="14:14">
      <c r="N359556" s="10"/>
    </row>
    <row r="359557" spans="14:14">
      <c r="N359557" s="10"/>
    </row>
    <row r="359558" spans="14:14">
      <c r="N359558" s="10"/>
    </row>
    <row r="359559" spans="14:14">
      <c r="N359559" s="10"/>
    </row>
    <row r="359560" spans="14:14">
      <c r="N359560" s="10"/>
    </row>
    <row r="359561" spans="14:14">
      <c r="N359561" s="10"/>
    </row>
    <row r="359562" spans="14:14">
      <c r="N359562" s="10"/>
    </row>
    <row r="359563" spans="14:14">
      <c r="N359563" s="10"/>
    </row>
    <row r="359564" spans="14:14">
      <c r="N359564" s="10"/>
    </row>
    <row r="359565" spans="14:14">
      <c r="N359565" s="10"/>
    </row>
    <row r="359566" spans="14:14">
      <c r="N359566" s="10"/>
    </row>
    <row r="359567" spans="14:14">
      <c r="N359567" s="10"/>
    </row>
    <row r="359568" spans="14:14">
      <c r="N359568" s="10"/>
    </row>
    <row r="359569" spans="14:14">
      <c r="N359569" s="10"/>
    </row>
    <row r="359570" spans="14:14">
      <c r="N359570" s="10"/>
    </row>
    <row r="359571" spans="14:14">
      <c r="N359571" s="10"/>
    </row>
    <row r="359572" spans="14:14">
      <c r="N359572" s="10"/>
    </row>
    <row r="359573" spans="14:14">
      <c r="N359573" s="10"/>
    </row>
    <row r="359574" spans="14:14">
      <c r="N359574" s="10"/>
    </row>
    <row r="359575" spans="14:14">
      <c r="N359575" s="10"/>
    </row>
    <row r="359576" spans="14:14">
      <c r="N359576" s="10"/>
    </row>
    <row r="359577" spans="14:14">
      <c r="N359577" s="10"/>
    </row>
    <row r="359578" spans="14:14">
      <c r="N359578" s="10"/>
    </row>
    <row r="359579" spans="14:14">
      <c r="N359579" s="10"/>
    </row>
    <row r="359580" spans="14:14">
      <c r="N359580" s="10"/>
    </row>
    <row r="359581" spans="14:14">
      <c r="N359581" s="10"/>
    </row>
    <row r="359582" spans="14:14">
      <c r="N359582" s="10"/>
    </row>
    <row r="359583" spans="14:14">
      <c r="N359583" s="10"/>
    </row>
    <row r="359584" spans="14:14">
      <c r="N359584" s="10"/>
    </row>
    <row r="359585" spans="14:14">
      <c r="N359585" s="10"/>
    </row>
    <row r="359586" spans="14:14">
      <c r="N359586" s="10"/>
    </row>
    <row r="359587" spans="14:14">
      <c r="N359587" s="10"/>
    </row>
    <row r="359588" spans="14:14">
      <c r="N359588" s="10"/>
    </row>
    <row r="359589" spans="14:14">
      <c r="N359589" s="10"/>
    </row>
    <row r="359590" spans="14:14">
      <c r="N359590" s="10"/>
    </row>
    <row r="359591" spans="14:14">
      <c r="N359591" s="10"/>
    </row>
    <row r="359592" spans="14:14">
      <c r="N359592" s="10"/>
    </row>
    <row r="359593" spans="14:14">
      <c r="N359593" s="10"/>
    </row>
    <row r="359594" spans="14:14">
      <c r="N359594" s="10"/>
    </row>
    <row r="359595" spans="14:14">
      <c r="N359595" s="10"/>
    </row>
    <row r="359596" spans="14:14">
      <c r="N359596" s="10"/>
    </row>
    <row r="359597" spans="14:14">
      <c r="N359597" s="10"/>
    </row>
    <row r="359598" spans="14:14">
      <c r="N359598" s="10"/>
    </row>
    <row r="359599" spans="14:14">
      <c r="N359599" s="10"/>
    </row>
    <row r="359600" spans="14:14">
      <c r="N359600" s="10"/>
    </row>
    <row r="359601" spans="14:14">
      <c r="N359601" s="10"/>
    </row>
    <row r="359602" spans="14:14">
      <c r="N359602" s="10"/>
    </row>
    <row r="359603" spans="14:14">
      <c r="N359603" s="10"/>
    </row>
    <row r="359604" spans="14:14">
      <c r="N359604" s="10"/>
    </row>
    <row r="359605" spans="14:14">
      <c r="N359605" s="10"/>
    </row>
    <row r="359606" spans="14:14">
      <c r="N359606" s="10"/>
    </row>
    <row r="359607" spans="14:14">
      <c r="N359607" s="10"/>
    </row>
    <row r="359608" spans="14:14">
      <c r="N359608" s="10"/>
    </row>
    <row r="359609" spans="14:14">
      <c r="N359609" s="10"/>
    </row>
    <row r="359610" spans="14:14">
      <c r="N359610" s="10"/>
    </row>
    <row r="359611" spans="14:14">
      <c r="N359611" s="10"/>
    </row>
    <row r="359612" spans="14:14">
      <c r="N359612" s="10"/>
    </row>
    <row r="359613" spans="14:14">
      <c r="N359613" s="10"/>
    </row>
    <row r="359614" spans="14:14">
      <c r="N359614" s="10"/>
    </row>
    <row r="359615" spans="14:14">
      <c r="N359615" s="10"/>
    </row>
    <row r="359616" spans="14:14">
      <c r="N359616" s="10"/>
    </row>
    <row r="359617" spans="14:14">
      <c r="N359617" s="10"/>
    </row>
    <row r="359618" spans="14:14">
      <c r="N359618" s="10"/>
    </row>
    <row r="359619" spans="14:14">
      <c r="N359619" s="10"/>
    </row>
    <row r="359620" spans="14:14">
      <c r="N359620" s="10"/>
    </row>
    <row r="359621" spans="14:14">
      <c r="N359621" s="10"/>
    </row>
    <row r="359622" spans="14:14">
      <c r="N359622" s="10"/>
    </row>
    <row r="359623" spans="14:14">
      <c r="N359623" s="10"/>
    </row>
    <row r="359624" spans="14:14">
      <c r="N359624" s="10"/>
    </row>
    <row r="359625" spans="14:14">
      <c r="N359625" s="10"/>
    </row>
    <row r="359626" spans="14:14">
      <c r="N359626" s="10"/>
    </row>
    <row r="359627" spans="14:14">
      <c r="N359627" s="10"/>
    </row>
    <row r="359628" spans="14:14">
      <c r="N359628" s="10"/>
    </row>
    <row r="359629" spans="14:14">
      <c r="N359629" s="10"/>
    </row>
    <row r="359630" spans="14:14">
      <c r="N359630" s="10"/>
    </row>
    <row r="359631" spans="14:14">
      <c r="N359631" s="10"/>
    </row>
    <row r="359632" spans="14:14">
      <c r="N359632" s="10"/>
    </row>
    <row r="359633" spans="14:14">
      <c r="N359633" s="10"/>
    </row>
    <row r="359634" spans="14:14">
      <c r="N359634" s="10"/>
    </row>
    <row r="359635" spans="14:14">
      <c r="N359635" s="10"/>
    </row>
    <row r="359636" spans="14:14">
      <c r="N359636" s="10"/>
    </row>
    <row r="359637" spans="14:14">
      <c r="N359637" s="10"/>
    </row>
    <row r="359638" spans="14:14">
      <c r="N359638" s="10"/>
    </row>
    <row r="359639" spans="14:14">
      <c r="N359639" s="10"/>
    </row>
    <row r="359640" spans="14:14">
      <c r="N359640" s="10"/>
    </row>
    <row r="359641" spans="14:14">
      <c r="N359641" s="10"/>
    </row>
    <row r="359642" spans="14:14">
      <c r="N359642" s="10"/>
    </row>
    <row r="359643" spans="14:14">
      <c r="N359643" s="10"/>
    </row>
    <row r="359644" spans="14:14">
      <c r="N359644" s="10"/>
    </row>
    <row r="359645" spans="14:14">
      <c r="N359645" s="10"/>
    </row>
    <row r="359646" spans="14:14">
      <c r="N359646" s="10"/>
    </row>
    <row r="359647" spans="14:14">
      <c r="N359647" s="10"/>
    </row>
    <row r="359648" spans="14:14">
      <c r="N359648" s="10"/>
    </row>
    <row r="359649" spans="14:14">
      <c r="N359649" s="10"/>
    </row>
    <row r="359650" spans="14:14">
      <c r="N359650" s="10"/>
    </row>
    <row r="359651" spans="14:14">
      <c r="N359651" s="10"/>
    </row>
    <row r="359652" spans="14:14">
      <c r="N359652" s="10"/>
    </row>
    <row r="359653" spans="14:14">
      <c r="N359653" s="10"/>
    </row>
    <row r="359654" spans="14:14">
      <c r="N359654" s="10"/>
    </row>
    <row r="359655" spans="14:14">
      <c r="N359655" s="10"/>
    </row>
    <row r="359656" spans="14:14">
      <c r="N359656" s="10"/>
    </row>
    <row r="359657" spans="14:14">
      <c r="N359657" s="10"/>
    </row>
    <row r="359658" spans="14:14">
      <c r="N359658" s="10"/>
    </row>
    <row r="359659" spans="14:14">
      <c r="N359659" s="10"/>
    </row>
    <row r="359660" spans="14:14">
      <c r="N359660" s="10"/>
    </row>
    <row r="359661" spans="14:14">
      <c r="N359661" s="10"/>
    </row>
    <row r="359662" spans="14:14">
      <c r="N359662" s="10"/>
    </row>
    <row r="359663" spans="14:14">
      <c r="N359663" s="10"/>
    </row>
    <row r="359664" spans="14:14">
      <c r="N359664" s="10"/>
    </row>
    <row r="359665" spans="14:14">
      <c r="N359665" s="10"/>
    </row>
    <row r="359666" spans="14:14">
      <c r="N359666" s="10"/>
    </row>
    <row r="359667" spans="14:14">
      <c r="N359667" s="10"/>
    </row>
    <row r="359668" spans="14:14">
      <c r="N359668" s="10"/>
    </row>
    <row r="359669" spans="14:14">
      <c r="N359669" s="10"/>
    </row>
    <row r="359670" spans="14:14">
      <c r="N359670" s="10"/>
    </row>
    <row r="359671" spans="14:14">
      <c r="N359671" s="10"/>
    </row>
    <row r="359672" spans="14:14">
      <c r="N359672" s="10"/>
    </row>
    <row r="359673" spans="14:14">
      <c r="N359673" s="10"/>
    </row>
    <row r="359674" spans="14:14">
      <c r="N359674" s="10"/>
    </row>
    <row r="359675" spans="14:14">
      <c r="N359675" s="10"/>
    </row>
    <row r="359676" spans="14:14">
      <c r="N359676" s="10"/>
    </row>
    <row r="359677" spans="14:14">
      <c r="N359677" s="10"/>
    </row>
    <row r="359678" spans="14:14">
      <c r="N359678" s="10"/>
    </row>
    <row r="359679" spans="14:14">
      <c r="N359679" s="10"/>
    </row>
    <row r="359680" spans="14:14">
      <c r="N359680" s="10"/>
    </row>
    <row r="359681" spans="14:14">
      <c r="N359681" s="10"/>
    </row>
    <row r="359682" spans="14:14">
      <c r="N359682" s="10"/>
    </row>
    <row r="359683" spans="14:14">
      <c r="N359683" s="10"/>
    </row>
    <row r="359684" spans="14:14">
      <c r="N359684" s="10"/>
    </row>
    <row r="359685" spans="14:14">
      <c r="N359685" s="10"/>
    </row>
    <row r="359686" spans="14:14">
      <c r="N359686" s="10"/>
    </row>
    <row r="359687" spans="14:14">
      <c r="N359687" s="10"/>
    </row>
    <row r="359688" spans="14:14">
      <c r="N359688" s="10"/>
    </row>
    <row r="359689" spans="14:14">
      <c r="N359689" s="10"/>
    </row>
    <row r="359690" spans="14:14">
      <c r="N359690" s="10"/>
    </row>
    <row r="359691" spans="14:14">
      <c r="N359691" s="10"/>
    </row>
    <row r="359692" spans="14:14">
      <c r="N359692" s="10"/>
    </row>
    <row r="359693" spans="14:14">
      <c r="N359693" s="10"/>
    </row>
    <row r="359694" spans="14:14">
      <c r="N359694" s="10"/>
    </row>
    <row r="359695" spans="14:14">
      <c r="N359695" s="10"/>
    </row>
    <row r="359696" spans="14:14">
      <c r="N359696" s="10"/>
    </row>
    <row r="359697" spans="14:14">
      <c r="N359697" s="10"/>
    </row>
    <row r="359698" spans="14:14">
      <c r="N359698" s="10"/>
    </row>
    <row r="359699" spans="14:14">
      <c r="N359699" s="10"/>
    </row>
    <row r="359700" spans="14:14">
      <c r="N359700" s="10"/>
    </row>
    <row r="359701" spans="14:14">
      <c r="N359701" s="10"/>
    </row>
    <row r="359702" spans="14:14">
      <c r="N359702" s="10"/>
    </row>
    <row r="359703" spans="14:14">
      <c r="N359703" s="10"/>
    </row>
    <row r="359704" spans="14:14">
      <c r="N359704" s="10"/>
    </row>
    <row r="359705" spans="14:14">
      <c r="N359705" s="10"/>
    </row>
    <row r="359706" spans="14:14">
      <c r="N359706" s="10"/>
    </row>
    <row r="359707" spans="14:14">
      <c r="N359707" s="10"/>
    </row>
    <row r="359708" spans="14:14">
      <c r="N359708" s="10"/>
    </row>
    <row r="359709" spans="14:14">
      <c r="N359709" s="10"/>
    </row>
    <row r="359710" spans="14:14">
      <c r="N359710" s="10"/>
    </row>
    <row r="359711" spans="14:14">
      <c r="N359711" s="10"/>
    </row>
    <row r="359712" spans="14:14">
      <c r="N359712" s="10"/>
    </row>
    <row r="359713" spans="14:14">
      <c r="N359713" s="10"/>
    </row>
    <row r="359714" spans="14:14">
      <c r="N359714" s="10"/>
    </row>
    <row r="359715" spans="14:14">
      <c r="N359715" s="10"/>
    </row>
    <row r="359716" spans="14:14">
      <c r="N359716" s="10"/>
    </row>
    <row r="359717" spans="14:14">
      <c r="N359717" s="10"/>
    </row>
    <row r="359718" spans="14:14">
      <c r="N359718" s="10"/>
    </row>
    <row r="359719" spans="14:14">
      <c r="N359719" s="10"/>
    </row>
    <row r="359720" spans="14:14">
      <c r="N359720" s="10"/>
    </row>
    <row r="359721" spans="14:14">
      <c r="N359721" s="10"/>
    </row>
    <row r="359722" spans="14:14">
      <c r="N359722" s="10"/>
    </row>
    <row r="359723" spans="14:14">
      <c r="N359723" s="10"/>
    </row>
    <row r="359724" spans="14:14">
      <c r="N359724" s="10"/>
    </row>
    <row r="359725" spans="14:14">
      <c r="N359725" s="10"/>
    </row>
    <row r="359726" spans="14:14">
      <c r="N359726" s="10"/>
    </row>
    <row r="359727" spans="14:14">
      <c r="N359727" s="10"/>
    </row>
    <row r="359728" spans="14:14">
      <c r="N359728" s="10"/>
    </row>
    <row r="359729" spans="14:14">
      <c r="N359729" s="10"/>
    </row>
    <row r="359730" spans="14:14">
      <c r="N359730" s="10"/>
    </row>
    <row r="359731" spans="14:14">
      <c r="N359731" s="10"/>
    </row>
    <row r="359732" spans="14:14">
      <c r="N359732" s="10"/>
    </row>
    <row r="359733" spans="14:14">
      <c r="N359733" s="10"/>
    </row>
    <row r="359734" spans="14:14">
      <c r="N359734" s="10"/>
    </row>
    <row r="359735" spans="14:14">
      <c r="N359735" s="10"/>
    </row>
    <row r="359736" spans="14:14">
      <c r="N359736" s="10"/>
    </row>
    <row r="359737" spans="14:14">
      <c r="N359737" s="10"/>
    </row>
    <row r="359738" spans="14:14">
      <c r="N359738" s="10"/>
    </row>
    <row r="359739" spans="14:14">
      <c r="N359739" s="10"/>
    </row>
    <row r="359740" spans="14:14">
      <c r="N359740" s="10"/>
    </row>
    <row r="359741" spans="14:14">
      <c r="N359741" s="10"/>
    </row>
    <row r="359742" spans="14:14">
      <c r="N359742" s="10"/>
    </row>
    <row r="359743" spans="14:14">
      <c r="N359743" s="10"/>
    </row>
    <row r="359744" spans="14:14">
      <c r="N359744" s="10"/>
    </row>
    <row r="359745" spans="14:14">
      <c r="N359745" s="10"/>
    </row>
    <row r="359746" spans="14:14">
      <c r="N359746" s="10"/>
    </row>
    <row r="359747" spans="14:14">
      <c r="N359747" s="10"/>
    </row>
    <row r="359748" spans="14:14">
      <c r="N359748" s="10"/>
    </row>
    <row r="359749" spans="14:14">
      <c r="N359749" s="10"/>
    </row>
    <row r="359750" spans="14:14">
      <c r="N359750" s="10"/>
    </row>
    <row r="359751" spans="14:14">
      <c r="N359751" s="10"/>
    </row>
    <row r="359752" spans="14:14">
      <c r="N359752" s="10"/>
    </row>
    <row r="359753" spans="14:14">
      <c r="N359753" s="10"/>
    </row>
    <row r="359754" spans="14:14">
      <c r="N359754" s="10"/>
    </row>
    <row r="359755" spans="14:14">
      <c r="N359755" s="10"/>
    </row>
    <row r="359756" spans="14:14">
      <c r="N359756" s="10"/>
    </row>
    <row r="359757" spans="14:14">
      <c r="N359757" s="10"/>
    </row>
    <row r="359758" spans="14:14">
      <c r="N359758" s="10"/>
    </row>
    <row r="359759" spans="14:14">
      <c r="N359759" s="10"/>
    </row>
    <row r="359760" spans="14:14">
      <c r="N359760" s="10"/>
    </row>
    <row r="359761" spans="14:14">
      <c r="N359761" s="10"/>
    </row>
    <row r="359762" spans="14:14">
      <c r="N359762" s="10"/>
    </row>
    <row r="359763" spans="14:14">
      <c r="N359763" s="10"/>
    </row>
    <row r="359764" spans="14:14">
      <c r="N359764" s="10"/>
    </row>
    <row r="359765" spans="14:14">
      <c r="N359765" s="10"/>
    </row>
    <row r="359766" spans="14:14">
      <c r="N359766" s="10"/>
    </row>
    <row r="359767" spans="14:14">
      <c r="N359767" s="10"/>
    </row>
    <row r="359768" spans="14:14">
      <c r="N359768" s="10"/>
    </row>
    <row r="359769" spans="14:14">
      <c r="N359769" s="10"/>
    </row>
    <row r="359770" spans="14:14">
      <c r="N359770" s="10"/>
    </row>
    <row r="359771" spans="14:14">
      <c r="N359771" s="10"/>
    </row>
    <row r="359772" spans="14:14">
      <c r="N359772" s="10"/>
    </row>
    <row r="359773" spans="14:14">
      <c r="N359773" s="10"/>
    </row>
    <row r="359774" spans="14:14">
      <c r="N359774" s="10"/>
    </row>
    <row r="359775" spans="14:14">
      <c r="N359775" s="10"/>
    </row>
    <row r="359776" spans="14:14">
      <c r="N359776" s="10"/>
    </row>
    <row r="359777" spans="14:14">
      <c r="N359777" s="10"/>
    </row>
    <row r="359778" spans="14:14">
      <c r="N359778" s="10"/>
    </row>
    <row r="359779" spans="14:14">
      <c r="N359779" s="10"/>
    </row>
    <row r="359780" spans="14:14">
      <c r="N359780" s="10"/>
    </row>
    <row r="359781" spans="14:14">
      <c r="N359781" s="10"/>
    </row>
    <row r="359782" spans="14:14">
      <c r="N359782" s="10"/>
    </row>
    <row r="359783" spans="14:14">
      <c r="N359783" s="10"/>
    </row>
    <row r="359784" spans="14:14">
      <c r="N359784" s="10"/>
    </row>
    <row r="359785" spans="14:14">
      <c r="N359785" s="10"/>
    </row>
    <row r="359786" spans="14:14">
      <c r="N359786" s="10"/>
    </row>
    <row r="359787" spans="14:14">
      <c r="N359787" s="10"/>
    </row>
    <row r="359788" spans="14:14">
      <c r="N359788" s="10"/>
    </row>
    <row r="359789" spans="14:14">
      <c r="N359789" s="10"/>
    </row>
    <row r="359790" spans="14:14">
      <c r="N359790" s="10"/>
    </row>
    <row r="359791" spans="14:14">
      <c r="N359791" s="10"/>
    </row>
    <row r="359792" spans="14:14">
      <c r="N359792" s="10"/>
    </row>
    <row r="359793" spans="14:14">
      <c r="N359793" s="10"/>
    </row>
    <row r="359794" spans="14:14">
      <c r="N359794" s="10"/>
    </row>
    <row r="359795" spans="14:14">
      <c r="N359795" s="10"/>
    </row>
    <row r="359796" spans="14:14">
      <c r="N359796" s="10"/>
    </row>
    <row r="359797" spans="14:14">
      <c r="N359797" s="10"/>
    </row>
    <row r="359798" spans="14:14">
      <c r="N359798" s="10"/>
    </row>
    <row r="359799" spans="14:14">
      <c r="N359799" s="10"/>
    </row>
    <row r="359800" spans="14:14">
      <c r="N359800" s="10"/>
    </row>
    <row r="359801" spans="14:14">
      <c r="N359801" s="10"/>
    </row>
    <row r="359802" spans="14:14">
      <c r="N359802" s="10"/>
    </row>
    <row r="359803" spans="14:14">
      <c r="N359803" s="10"/>
    </row>
    <row r="359804" spans="14:14">
      <c r="N359804" s="10"/>
    </row>
    <row r="359805" spans="14:14">
      <c r="N359805" s="10"/>
    </row>
    <row r="359806" spans="14:14">
      <c r="N359806" s="10"/>
    </row>
    <row r="359807" spans="14:14">
      <c r="N359807" s="10"/>
    </row>
    <row r="359808" spans="14:14">
      <c r="N359808" s="10"/>
    </row>
    <row r="359809" spans="14:14">
      <c r="N359809" s="10"/>
    </row>
    <row r="359810" spans="14:14">
      <c r="N359810" s="10"/>
    </row>
    <row r="359811" spans="14:14">
      <c r="N359811" s="10"/>
    </row>
    <row r="359812" spans="14:14">
      <c r="N359812" s="10"/>
    </row>
    <row r="359813" spans="14:14">
      <c r="N359813" s="10"/>
    </row>
    <row r="359814" spans="14:14">
      <c r="N359814" s="10"/>
    </row>
    <row r="359815" spans="14:14">
      <c r="N359815" s="10"/>
    </row>
    <row r="359816" spans="14:14">
      <c r="N359816" s="10"/>
    </row>
    <row r="359817" spans="14:14">
      <c r="N359817" s="10"/>
    </row>
    <row r="359818" spans="14:14">
      <c r="N359818" s="10"/>
    </row>
    <row r="359819" spans="14:14">
      <c r="N359819" s="10"/>
    </row>
    <row r="359820" spans="14:14">
      <c r="N359820" s="10"/>
    </row>
    <row r="359821" spans="14:14">
      <c r="N359821" s="10"/>
    </row>
    <row r="359822" spans="14:14">
      <c r="N359822" s="10"/>
    </row>
    <row r="359823" spans="14:14">
      <c r="N359823" s="10"/>
    </row>
    <row r="359824" spans="14:14">
      <c r="N359824" s="10"/>
    </row>
    <row r="359825" spans="14:14">
      <c r="N359825" s="10"/>
    </row>
    <row r="359826" spans="14:14">
      <c r="N359826" s="10"/>
    </row>
    <row r="359827" spans="14:14">
      <c r="N359827" s="10"/>
    </row>
    <row r="359828" spans="14:14">
      <c r="N359828" s="10"/>
    </row>
    <row r="359829" spans="14:14">
      <c r="N359829" s="10"/>
    </row>
    <row r="359830" spans="14:14">
      <c r="N359830" s="10"/>
    </row>
    <row r="359831" spans="14:14">
      <c r="N359831" s="10"/>
    </row>
    <row r="359832" spans="14:14">
      <c r="N359832" s="10"/>
    </row>
    <row r="359833" spans="14:14">
      <c r="N359833" s="10"/>
    </row>
    <row r="359834" spans="14:14">
      <c r="N359834" s="10"/>
    </row>
    <row r="359835" spans="14:14">
      <c r="N359835" s="10"/>
    </row>
    <row r="359836" spans="14:14">
      <c r="N359836" s="10"/>
    </row>
    <row r="359837" spans="14:14">
      <c r="N359837" s="10"/>
    </row>
    <row r="359838" spans="14:14">
      <c r="N359838" s="10"/>
    </row>
    <row r="359839" spans="14:14">
      <c r="N359839" s="10"/>
    </row>
    <row r="359840" spans="14:14">
      <c r="N359840" s="10"/>
    </row>
    <row r="359841" spans="14:14">
      <c r="N359841" s="10"/>
    </row>
    <row r="359842" spans="14:14">
      <c r="N359842" s="10"/>
    </row>
    <row r="359843" spans="14:14">
      <c r="N359843" s="10"/>
    </row>
    <row r="359844" spans="14:14">
      <c r="N359844" s="10"/>
    </row>
    <row r="359845" spans="14:14">
      <c r="N359845" s="10"/>
    </row>
    <row r="359846" spans="14:14">
      <c r="N359846" s="10"/>
    </row>
    <row r="359847" spans="14:14">
      <c r="N359847" s="10"/>
    </row>
    <row r="359848" spans="14:14">
      <c r="N359848" s="10"/>
    </row>
    <row r="359849" spans="14:14">
      <c r="N359849" s="10"/>
    </row>
    <row r="359850" spans="14:14">
      <c r="N359850" s="10"/>
    </row>
    <row r="359851" spans="14:14">
      <c r="N359851" s="10"/>
    </row>
    <row r="359852" spans="14:14">
      <c r="N359852" s="10"/>
    </row>
    <row r="359853" spans="14:14">
      <c r="N359853" s="10"/>
    </row>
    <row r="359854" spans="14:14">
      <c r="N359854" s="10"/>
    </row>
    <row r="359855" spans="14:14">
      <c r="N359855" s="10"/>
    </row>
    <row r="359856" spans="14:14">
      <c r="N359856" s="10"/>
    </row>
    <row r="359857" spans="14:14">
      <c r="N359857" s="10"/>
    </row>
    <row r="359858" spans="14:14">
      <c r="N359858" s="10"/>
    </row>
    <row r="359859" spans="14:14">
      <c r="N359859" s="10"/>
    </row>
    <row r="359860" spans="14:14">
      <c r="N359860" s="10"/>
    </row>
    <row r="359861" spans="14:14">
      <c r="N359861" s="10"/>
    </row>
    <row r="359862" spans="14:14">
      <c r="N359862" s="10"/>
    </row>
    <row r="359863" spans="14:14">
      <c r="N359863" s="10"/>
    </row>
    <row r="359864" spans="14:14">
      <c r="N359864" s="10"/>
    </row>
    <row r="359865" spans="14:14">
      <c r="N359865" s="10"/>
    </row>
    <row r="359866" spans="14:14">
      <c r="N359866" s="10"/>
    </row>
    <row r="359867" spans="14:14">
      <c r="N359867" s="10"/>
    </row>
    <row r="359868" spans="14:14">
      <c r="N359868" s="10"/>
    </row>
    <row r="359869" spans="14:14">
      <c r="N359869" s="10"/>
    </row>
    <row r="359870" spans="14:14">
      <c r="N359870" s="10"/>
    </row>
    <row r="359871" spans="14:14">
      <c r="N359871" s="10"/>
    </row>
    <row r="359872" spans="14:14">
      <c r="N359872" s="10"/>
    </row>
    <row r="359873" spans="14:14">
      <c r="N359873" s="10"/>
    </row>
    <row r="359874" spans="14:14">
      <c r="N359874" s="10"/>
    </row>
    <row r="359875" spans="14:14">
      <c r="N359875" s="10"/>
    </row>
    <row r="359876" spans="14:14">
      <c r="N359876" s="10"/>
    </row>
    <row r="359877" spans="14:14">
      <c r="N359877" s="10"/>
    </row>
    <row r="359878" spans="14:14">
      <c r="N359878" s="10"/>
    </row>
    <row r="359879" spans="14:14">
      <c r="N359879" s="10"/>
    </row>
    <row r="359880" spans="14:14">
      <c r="N359880" s="10"/>
    </row>
    <row r="359881" spans="14:14">
      <c r="N359881" s="10"/>
    </row>
    <row r="359882" spans="14:14">
      <c r="N359882" s="10"/>
    </row>
    <row r="359883" spans="14:14">
      <c r="N359883" s="10"/>
    </row>
    <row r="359884" spans="14:14">
      <c r="N359884" s="10"/>
    </row>
    <row r="359885" spans="14:14">
      <c r="N359885" s="10"/>
    </row>
    <row r="359886" spans="14:14">
      <c r="N359886" s="10"/>
    </row>
    <row r="359887" spans="14:14">
      <c r="N359887" s="10"/>
    </row>
    <row r="359888" spans="14:14">
      <c r="N359888" s="10"/>
    </row>
    <row r="359889" spans="14:14">
      <c r="N359889" s="10"/>
    </row>
    <row r="359890" spans="14:14">
      <c r="N359890" s="10"/>
    </row>
    <row r="359891" spans="14:14">
      <c r="N359891" s="10"/>
    </row>
    <row r="359892" spans="14:14">
      <c r="N359892" s="10"/>
    </row>
    <row r="359893" spans="14:14">
      <c r="N359893" s="10"/>
    </row>
    <row r="359894" spans="14:14">
      <c r="N359894" s="10"/>
    </row>
    <row r="359895" spans="14:14">
      <c r="N359895" s="10"/>
    </row>
    <row r="359896" spans="14:14">
      <c r="N359896" s="10"/>
    </row>
    <row r="359897" spans="14:14">
      <c r="N359897" s="10"/>
    </row>
    <row r="359898" spans="14:14">
      <c r="N359898" s="10"/>
    </row>
    <row r="359899" spans="14:14">
      <c r="N359899" s="10"/>
    </row>
    <row r="359900" spans="14:14">
      <c r="N359900" s="10"/>
    </row>
    <row r="359901" spans="14:14">
      <c r="N359901" s="10"/>
    </row>
    <row r="359902" spans="14:14">
      <c r="N359902" s="10"/>
    </row>
    <row r="359903" spans="14:14">
      <c r="N359903" s="10"/>
    </row>
    <row r="359904" spans="14:14">
      <c r="N359904" s="10"/>
    </row>
    <row r="359905" spans="14:14">
      <c r="N359905" s="10"/>
    </row>
    <row r="359906" spans="14:14">
      <c r="N359906" s="10"/>
    </row>
    <row r="359907" spans="14:14">
      <c r="N359907" s="10"/>
    </row>
    <row r="359908" spans="14:14">
      <c r="N359908" s="10"/>
    </row>
    <row r="359909" spans="14:14">
      <c r="N359909" s="10"/>
    </row>
    <row r="359910" spans="14:14">
      <c r="N359910" s="10"/>
    </row>
    <row r="359911" spans="14:14">
      <c r="N359911" s="10"/>
    </row>
    <row r="359912" spans="14:14">
      <c r="N359912" s="10"/>
    </row>
    <row r="359913" spans="14:14">
      <c r="N359913" s="10"/>
    </row>
    <row r="359914" spans="14:14">
      <c r="N359914" s="10"/>
    </row>
    <row r="359915" spans="14:14">
      <c r="N359915" s="10"/>
    </row>
    <row r="359916" spans="14:14">
      <c r="N359916" s="10"/>
    </row>
    <row r="359917" spans="14:14">
      <c r="N359917" s="10"/>
    </row>
    <row r="359918" spans="14:14">
      <c r="N359918" s="10"/>
    </row>
    <row r="359919" spans="14:14">
      <c r="N359919" s="10"/>
    </row>
    <row r="359920" spans="14:14">
      <c r="N359920" s="10"/>
    </row>
    <row r="359921" spans="14:14">
      <c r="N359921" s="10"/>
    </row>
    <row r="359922" spans="14:14">
      <c r="N359922" s="10"/>
    </row>
    <row r="359923" spans="14:14">
      <c r="N359923" s="10"/>
    </row>
    <row r="359924" spans="14:14">
      <c r="N359924" s="10"/>
    </row>
    <row r="359925" spans="14:14">
      <c r="N359925" s="10"/>
    </row>
    <row r="359926" spans="14:14">
      <c r="N359926" s="10"/>
    </row>
    <row r="359927" spans="14:14">
      <c r="N359927" s="10"/>
    </row>
    <row r="359928" spans="14:14">
      <c r="N359928" s="10"/>
    </row>
    <row r="359929" spans="14:14">
      <c r="N359929" s="10"/>
    </row>
    <row r="359930" spans="14:14">
      <c r="N359930" s="10"/>
    </row>
    <row r="359931" spans="14:14">
      <c r="N359931" s="10"/>
    </row>
    <row r="359932" spans="14:14">
      <c r="N359932" s="10"/>
    </row>
    <row r="359933" spans="14:14">
      <c r="N359933" s="10"/>
    </row>
    <row r="359934" spans="14:14">
      <c r="N359934" s="10"/>
    </row>
    <row r="359935" spans="14:14">
      <c r="N359935" s="10"/>
    </row>
    <row r="359936" spans="14:14">
      <c r="N359936" s="10"/>
    </row>
    <row r="359937" spans="14:14">
      <c r="N359937" s="10"/>
    </row>
    <row r="359938" spans="14:14">
      <c r="N359938" s="10"/>
    </row>
    <row r="359939" spans="14:14">
      <c r="N359939" s="10"/>
    </row>
    <row r="359940" spans="14:14">
      <c r="N359940" s="10"/>
    </row>
    <row r="359941" spans="14:14">
      <c r="N359941" s="10"/>
    </row>
    <row r="359942" spans="14:14">
      <c r="N359942" s="10"/>
    </row>
    <row r="359943" spans="14:14">
      <c r="N359943" s="10"/>
    </row>
    <row r="359944" spans="14:14">
      <c r="N359944" s="10"/>
    </row>
    <row r="359945" spans="14:14">
      <c r="N359945" s="10"/>
    </row>
    <row r="359946" spans="14:14">
      <c r="N359946" s="10"/>
    </row>
    <row r="359947" spans="14:14">
      <c r="N359947" s="10"/>
    </row>
    <row r="359948" spans="14:14">
      <c r="N359948" s="10"/>
    </row>
    <row r="359949" spans="14:14">
      <c r="N359949" s="10"/>
    </row>
    <row r="359950" spans="14:14">
      <c r="N359950" s="10"/>
    </row>
    <row r="359951" spans="14:14">
      <c r="N359951" s="10"/>
    </row>
    <row r="359952" spans="14:14">
      <c r="N359952" s="10"/>
    </row>
    <row r="359953" spans="14:14">
      <c r="N359953" s="10"/>
    </row>
    <row r="359954" spans="14:14">
      <c r="N359954" s="10"/>
    </row>
    <row r="359955" spans="14:14">
      <c r="N359955" s="10"/>
    </row>
    <row r="359956" spans="14:14">
      <c r="N359956" s="10"/>
    </row>
    <row r="359957" spans="14:14">
      <c r="N359957" s="10"/>
    </row>
    <row r="359958" spans="14:14">
      <c r="N359958" s="10"/>
    </row>
    <row r="359959" spans="14:14">
      <c r="N359959" s="10"/>
    </row>
    <row r="359960" spans="14:14">
      <c r="N359960" s="10"/>
    </row>
    <row r="359961" spans="14:14">
      <c r="N359961" s="10"/>
    </row>
    <row r="359962" spans="14:14">
      <c r="N359962" s="10"/>
    </row>
    <row r="359963" spans="14:14">
      <c r="N359963" s="10"/>
    </row>
    <row r="359964" spans="14:14">
      <c r="N359964" s="10"/>
    </row>
    <row r="359965" spans="14:14">
      <c r="N359965" s="10"/>
    </row>
    <row r="359966" spans="14:14">
      <c r="N359966" s="10"/>
    </row>
    <row r="359967" spans="14:14">
      <c r="N359967" s="10"/>
    </row>
    <row r="359968" spans="14:14">
      <c r="N359968" s="10"/>
    </row>
    <row r="359969" spans="14:14">
      <c r="N359969" s="10"/>
    </row>
    <row r="359970" spans="14:14">
      <c r="N359970" s="10"/>
    </row>
    <row r="359971" spans="14:14">
      <c r="N359971" s="10"/>
    </row>
    <row r="359972" spans="14:14">
      <c r="N359972" s="10"/>
    </row>
    <row r="359973" spans="14:14">
      <c r="N359973" s="10"/>
    </row>
    <row r="359974" spans="14:14">
      <c r="N359974" s="10"/>
    </row>
    <row r="359975" spans="14:14">
      <c r="N359975" s="10"/>
    </row>
    <row r="359976" spans="14:14">
      <c r="N359976" s="10"/>
    </row>
    <row r="359977" spans="14:14">
      <c r="N359977" s="10"/>
    </row>
    <row r="359978" spans="14:14">
      <c r="N359978" s="10"/>
    </row>
    <row r="359979" spans="14:14">
      <c r="N359979" s="10"/>
    </row>
    <row r="359980" spans="14:14">
      <c r="N359980" s="10"/>
    </row>
    <row r="359981" spans="14:14">
      <c r="N359981" s="10"/>
    </row>
    <row r="359982" spans="14:14">
      <c r="N359982" s="10"/>
    </row>
    <row r="359983" spans="14:14">
      <c r="N359983" s="10"/>
    </row>
    <row r="359984" spans="14:14">
      <c r="N359984" s="10"/>
    </row>
    <row r="359985" spans="14:14">
      <c r="N359985" s="10"/>
    </row>
    <row r="359986" spans="14:14">
      <c r="N359986" s="10"/>
    </row>
    <row r="359987" spans="14:14">
      <c r="N359987" s="10"/>
    </row>
    <row r="359988" spans="14:14">
      <c r="N359988" s="10"/>
    </row>
    <row r="359989" spans="14:14">
      <c r="N359989" s="10"/>
    </row>
    <row r="359990" spans="14:14">
      <c r="N359990" s="10"/>
    </row>
    <row r="359991" spans="14:14">
      <c r="N359991" s="10"/>
    </row>
    <row r="359992" spans="14:14">
      <c r="N359992" s="10"/>
    </row>
    <row r="359993" spans="14:14">
      <c r="N359993" s="10"/>
    </row>
    <row r="359994" spans="14:14">
      <c r="N359994" s="10"/>
    </row>
    <row r="359995" spans="14:14">
      <c r="N359995" s="10"/>
    </row>
    <row r="359996" spans="14:14">
      <c r="N359996" s="10"/>
    </row>
    <row r="359997" spans="14:14">
      <c r="N359997" s="10"/>
    </row>
    <row r="359998" spans="14:14">
      <c r="N359998" s="10"/>
    </row>
    <row r="359999" spans="14:14">
      <c r="N359999" s="10"/>
    </row>
    <row r="360000" spans="14:14">
      <c r="N360000" s="10"/>
    </row>
    <row r="360001" spans="14:14">
      <c r="N360001" s="10"/>
    </row>
    <row r="360002" spans="14:14">
      <c r="N360002" s="10"/>
    </row>
    <row r="360003" spans="14:14">
      <c r="N360003" s="10"/>
    </row>
    <row r="360004" spans="14:14">
      <c r="N360004" s="10"/>
    </row>
    <row r="360005" spans="14:14">
      <c r="N360005" s="10"/>
    </row>
    <row r="360006" spans="14:14">
      <c r="N360006" s="10"/>
    </row>
    <row r="360007" spans="14:14">
      <c r="N360007" s="10"/>
    </row>
    <row r="360008" spans="14:14">
      <c r="N360008" s="10"/>
    </row>
    <row r="360009" spans="14:14">
      <c r="N360009" s="10"/>
    </row>
    <row r="360010" spans="14:14">
      <c r="N360010" s="10"/>
    </row>
    <row r="360011" spans="14:14">
      <c r="N360011" s="10"/>
    </row>
    <row r="360012" spans="14:14">
      <c r="N360012" s="10"/>
    </row>
    <row r="360013" spans="14:14">
      <c r="N360013" s="10"/>
    </row>
    <row r="360014" spans="14:14">
      <c r="N360014" s="10"/>
    </row>
    <row r="360015" spans="14:14">
      <c r="N360015" s="10"/>
    </row>
    <row r="360016" spans="14:14">
      <c r="N360016" s="10"/>
    </row>
    <row r="360017" spans="14:14">
      <c r="N360017" s="10"/>
    </row>
    <row r="360018" spans="14:14">
      <c r="N360018" s="10"/>
    </row>
    <row r="360019" spans="14:14">
      <c r="N360019" s="10"/>
    </row>
    <row r="360020" spans="14:14">
      <c r="N360020" s="10"/>
    </row>
    <row r="360021" spans="14:14">
      <c r="N360021" s="10"/>
    </row>
    <row r="360022" spans="14:14">
      <c r="N360022" s="10"/>
    </row>
    <row r="360023" spans="14:14">
      <c r="N360023" s="10"/>
    </row>
    <row r="360024" spans="14:14">
      <c r="N360024" s="10"/>
    </row>
    <row r="360025" spans="14:14">
      <c r="N360025" s="10"/>
    </row>
    <row r="360026" spans="14:14">
      <c r="N360026" s="10"/>
    </row>
    <row r="360027" spans="14:14">
      <c r="N360027" s="10"/>
    </row>
    <row r="360028" spans="14:14">
      <c r="N360028" s="10"/>
    </row>
    <row r="360029" spans="14:14">
      <c r="N360029" s="10"/>
    </row>
    <row r="360030" spans="14:14">
      <c r="N360030" s="10"/>
    </row>
    <row r="360031" spans="14:14">
      <c r="N360031" s="10"/>
    </row>
    <row r="360032" spans="14:14">
      <c r="N360032" s="10"/>
    </row>
    <row r="360033" spans="14:14">
      <c r="N360033" s="10"/>
    </row>
    <row r="360034" spans="14:14">
      <c r="N360034" s="10"/>
    </row>
    <row r="360035" spans="14:14">
      <c r="N360035" s="10"/>
    </row>
    <row r="360036" spans="14:14">
      <c r="N360036" s="10"/>
    </row>
    <row r="360037" spans="14:14">
      <c r="N360037" s="10"/>
    </row>
    <row r="360038" spans="14:14">
      <c r="N360038" s="10"/>
    </row>
    <row r="360039" spans="14:14">
      <c r="N360039" s="10"/>
    </row>
    <row r="360040" spans="14:14">
      <c r="N360040" s="10"/>
    </row>
    <row r="360041" spans="14:14">
      <c r="N360041" s="10"/>
    </row>
    <row r="360042" spans="14:14">
      <c r="N360042" s="10"/>
    </row>
    <row r="360043" spans="14:14">
      <c r="N360043" s="10"/>
    </row>
    <row r="360044" spans="14:14">
      <c r="N360044" s="10"/>
    </row>
    <row r="360045" spans="14:14">
      <c r="N360045" s="10"/>
    </row>
    <row r="360046" spans="14:14">
      <c r="N360046" s="10"/>
    </row>
    <row r="360047" spans="14:14">
      <c r="N360047" s="10"/>
    </row>
    <row r="360048" spans="14:14">
      <c r="N360048" s="10"/>
    </row>
    <row r="360049" spans="14:14">
      <c r="N360049" s="10"/>
    </row>
    <row r="360050" spans="14:14">
      <c r="N360050" s="10"/>
    </row>
    <row r="360051" spans="14:14">
      <c r="N360051" s="10"/>
    </row>
    <row r="360052" spans="14:14">
      <c r="N360052" s="10"/>
    </row>
    <row r="360053" spans="14:14">
      <c r="N360053" s="10"/>
    </row>
    <row r="360054" spans="14:14">
      <c r="N360054" s="10"/>
    </row>
    <row r="360055" spans="14:14">
      <c r="N360055" s="10"/>
    </row>
    <row r="360056" spans="14:14">
      <c r="N360056" s="10"/>
    </row>
    <row r="360057" spans="14:14">
      <c r="N360057" s="10"/>
    </row>
    <row r="360058" spans="14:14">
      <c r="N360058" s="10"/>
    </row>
    <row r="360059" spans="14:14">
      <c r="N360059" s="10"/>
    </row>
    <row r="360060" spans="14:14">
      <c r="N360060" s="10"/>
    </row>
    <row r="360061" spans="14:14">
      <c r="N360061" s="10"/>
    </row>
    <row r="360062" spans="14:14">
      <c r="N360062" s="10"/>
    </row>
    <row r="360063" spans="14:14">
      <c r="N360063" s="10"/>
    </row>
    <row r="360064" spans="14:14">
      <c r="N360064" s="10"/>
    </row>
    <row r="360065" spans="14:14">
      <c r="N360065" s="10"/>
    </row>
    <row r="360066" spans="14:14">
      <c r="N360066" s="10"/>
    </row>
    <row r="360067" spans="14:14">
      <c r="N360067" s="10"/>
    </row>
    <row r="360068" spans="14:14">
      <c r="N360068" s="10"/>
    </row>
    <row r="360069" spans="14:14">
      <c r="N360069" s="10"/>
    </row>
    <row r="360070" spans="14:14">
      <c r="N360070" s="10"/>
    </row>
    <row r="360071" spans="14:14">
      <c r="N360071" s="10"/>
    </row>
    <row r="360072" spans="14:14">
      <c r="N360072" s="10"/>
    </row>
    <row r="360073" spans="14:14">
      <c r="N360073" s="10"/>
    </row>
    <row r="360074" spans="14:14">
      <c r="N360074" s="10"/>
    </row>
    <row r="360075" spans="14:14">
      <c r="N360075" s="10"/>
    </row>
    <row r="360076" spans="14:14">
      <c r="N360076" s="10"/>
    </row>
    <row r="360077" spans="14:14">
      <c r="N360077" s="10"/>
    </row>
    <row r="360078" spans="14:14">
      <c r="N360078" s="10"/>
    </row>
    <row r="360079" spans="14:14">
      <c r="N360079" s="10"/>
    </row>
    <row r="360080" spans="14:14">
      <c r="N360080" s="10"/>
    </row>
    <row r="360081" spans="14:14">
      <c r="N360081" s="10"/>
    </row>
    <row r="360082" spans="14:14">
      <c r="N360082" s="10"/>
    </row>
    <row r="360083" spans="14:14">
      <c r="N360083" s="10"/>
    </row>
    <row r="360084" spans="14:14">
      <c r="N360084" s="10"/>
    </row>
    <row r="360085" spans="14:14">
      <c r="N360085" s="10"/>
    </row>
    <row r="360086" spans="14:14">
      <c r="N360086" s="10"/>
    </row>
    <row r="360087" spans="14:14">
      <c r="N360087" s="10"/>
    </row>
    <row r="360088" spans="14:14">
      <c r="N360088" s="10"/>
    </row>
    <row r="360089" spans="14:14">
      <c r="N360089" s="10"/>
    </row>
    <row r="360090" spans="14:14">
      <c r="N360090" s="10"/>
    </row>
    <row r="360091" spans="14:14">
      <c r="N360091" s="10"/>
    </row>
    <row r="360092" spans="14:14">
      <c r="N360092" s="10"/>
    </row>
    <row r="360093" spans="14:14">
      <c r="N360093" s="10"/>
    </row>
    <row r="360094" spans="14:14">
      <c r="N360094" s="10"/>
    </row>
    <row r="360095" spans="14:14">
      <c r="N360095" s="10"/>
    </row>
    <row r="360096" spans="14:14">
      <c r="N360096" s="10"/>
    </row>
    <row r="360097" spans="14:14">
      <c r="N360097" s="10"/>
    </row>
    <row r="360098" spans="14:14">
      <c r="N360098" s="10"/>
    </row>
    <row r="360099" spans="14:14">
      <c r="N360099" s="10"/>
    </row>
    <row r="360100" spans="14:14">
      <c r="N360100" s="10"/>
    </row>
    <row r="360101" spans="14:14">
      <c r="N360101" s="10"/>
    </row>
    <row r="360102" spans="14:14">
      <c r="N360102" s="10"/>
    </row>
    <row r="360103" spans="14:14">
      <c r="N360103" s="10"/>
    </row>
    <row r="360104" spans="14:14">
      <c r="N360104" s="10"/>
    </row>
    <row r="360105" spans="14:14">
      <c r="N360105" s="10"/>
    </row>
    <row r="360106" spans="14:14">
      <c r="N360106" s="10"/>
    </row>
    <row r="360107" spans="14:14">
      <c r="N360107" s="10"/>
    </row>
    <row r="360108" spans="14:14">
      <c r="N360108" s="10"/>
    </row>
    <row r="360109" spans="14:14">
      <c r="N360109" s="10"/>
    </row>
    <row r="360110" spans="14:14">
      <c r="N360110" s="10"/>
    </row>
    <row r="360111" spans="14:14">
      <c r="N360111" s="10"/>
    </row>
    <row r="360112" spans="14:14">
      <c r="N360112" s="10"/>
    </row>
    <row r="360113" spans="14:14">
      <c r="N360113" s="10"/>
    </row>
    <row r="360114" spans="14:14">
      <c r="N360114" s="10"/>
    </row>
    <row r="360115" spans="14:14">
      <c r="N360115" s="10"/>
    </row>
    <row r="360116" spans="14:14">
      <c r="N360116" s="10"/>
    </row>
    <row r="360117" spans="14:14">
      <c r="N360117" s="10"/>
    </row>
    <row r="360118" spans="14:14">
      <c r="N360118" s="10"/>
    </row>
    <row r="360119" spans="14:14">
      <c r="N360119" s="10"/>
    </row>
    <row r="360120" spans="14:14">
      <c r="N360120" s="10"/>
    </row>
    <row r="360121" spans="14:14">
      <c r="N360121" s="10"/>
    </row>
    <row r="360122" spans="14:14">
      <c r="N360122" s="10"/>
    </row>
    <row r="360123" spans="14:14">
      <c r="N360123" s="10"/>
    </row>
    <row r="360124" spans="14:14">
      <c r="N360124" s="10"/>
    </row>
    <row r="360125" spans="14:14">
      <c r="N360125" s="10"/>
    </row>
    <row r="360126" spans="14:14">
      <c r="N360126" s="10"/>
    </row>
    <row r="360127" spans="14:14">
      <c r="N360127" s="10"/>
    </row>
    <row r="360128" spans="14:14">
      <c r="N360128" s="10"/>
    </row>
    <row r="360129" spans="14:14">
      <c r="N360129" s="10"/>
    </row>
    <row r="360130" spans="14:14">
      <c r="N360130" s="10"/>
    </row>
    <row r="360131" spans="14:14">
      <c r="N360131" s="10"/>
    </row>
    <row r="360132" spans="14:14">
      <c r="N360132" s="10"/>
    </row>
    <row r="360133" spans="14:14">
      <c r="N360133" s="10"/>
    </row>
    <row r="360134" spans="14:14">
      <c r="N360134" s="10"/>
    </row>
    <row r="360135" spans="14:14">
      <c r="N360135" s="10"/>
    </row>
    <row r="360136" spans="14:14">
      <c r="N360136" s="10"/>
    </row>
    <row r="360137" spans="14:14">
      <c r="N360137" s="10"/>
    </row>
    <row r="360138" spans="14:14">
      <c r="N360138" s="10"/>
    </row>
    <row r="360139" spans="14:14">
      <c r="N360139" s="10"/>
    </row>
    <row r="360140" spans="14:14">
      <c r="N360140" s="10"/>
    </row>
    <row r="360141" spans="14:14">
      <c r="N360141" s="10"/>
    </row>
    <row r="360142" spans="14:14">
      <c r="N360142" s="10"/>
    </row>
    <row r="360143" spans="14:14">
      <c r="N360143" s="10"/>
    </row>
    <row r="360144" spans="14:14">
      <c r="N360144" s="10"/>
    </row>
    <row r="360145" spans="14:14">
      <c r="N360145" s="10"/>
    </row>
    <row r="360146" spans="14:14">
      <c r="N360146" s="10"/>
    </row>
    <row r="360147" spans="14:14">
      <c r="N360147" s="10"/>
    </row>
    <row r="360148" spans="14:14">
      <c r="N360148" s="10"/>
    </row>
    <row r="360149" spans="14:14">
      <c r="N360149" s="10"/>
    </row>
    <row r="360150" spans="14:14">
      <c r="N360150" s="10"/>
    </row>
    <row r="360151" spans="14:14">
      <c r="N360151" s="10"/>
    </row>
    <row r="360152" spans="14:14">
      <c r="N360152" s="10"/>
    </row>
    <row r="360153" spans="14:14">
      <c r="N360153" s="10"/>
    </row>
    <row r="360154" spans="14:14">
      <c r="N360154" s="10"/>
    </row>
    <row r="360155" spans="14:14">
      <c r="N360155" s="10"/>
    </row>
    <row r="360156" spans="14:14">
      <c r="N360156" s="10"/>
    </row>
    <row r="360157" spans="14:14">
      <c r="N360157" s="10"/>
    </row>
    <row r="360158" spans="14:14">
      <c r="N360158" s="10"/>
    </row>
    <row r="360159" spans="14:14">
      <c r="N360159" s="10"/>
    </row>
    <row r="360160" spans="14:14">
      <c r="N360160" s="10"/>
    </row>
    <row r="360161" spans="14:14">
      <c r="N360161" s="10"/>
    </row>
    <row r="360162" spans="14:14">
      <c r="N360162" s="10"/>
    </row>
    <row r="360163" spans="14:14">
      <c r="N360163" s="10"/>
    </row>
    <row r="360164" spans="14:14">
      <c r="N360164" s="10"/>
    </row>
    <row r="360165" spans="14:14">
      <c r="N360165" s="10"/>
    </row>
    <row r="360166" spans="14:14">
      <c r="N360166" s="10"/>
    </row>
    <row r="360167" spans="14:14">
      <c r="N360167" s="10"/>
    </row>
    <row r="360168" spans="14:14">
      <c r="N360168" s="10"/>
    </row>
    <row r="360169" spans="14:14">
      <c r="N360169" s="10"/>
    </row>
    <row r="360170" spans="14:14">
      <c r="N360170" s="10"/>
    </row>
    <row r="360171" spans="14:14">
      <c r="N360171" s="10"/>
    </row>
    <row r="360172" spans="14:14">
      <c r="N360172" s="10"/>
    </row>
    <row r="360173" spans="14:14">
      <c r="N360173" s="10"/>
    </row>
    <row r="360174" spans="14:14">
      <c r="N360174" s="10"/>
    </row>
    <row r="360175" spans="14:14">
      <c r="N360175" s="10"/>
    </row>
    <row r="360176" spans="14:14">
      <c r="N360176" s="10"/>
    </row>
    <row r="360177" spans="14:14">
      <c r="N360177" s="10"/>
    </row>
    <row r="360178" spans="14:14">
      <c r="N360178" s="10"/>
    </row>
    <row r="360179" spans="14:14">
      <c r="N360179" s="10"/>
    </row>
    <row r="360180" spans="14:14">
      <c r="N360180" s="10"/>
    </row>
    <row r="360181" spans="14:14">
      <c r="N360181" s="10"/>
    </row>
    <row r="360182" spans="14:14">
      <c r="N360182" s="10"/>
    </row>
    <row r="360183" spans="14:14">
      <c r="N360183" s="10"/>
    </row>
    <row r="360184" spans="14:14">
      <c r="N360184" s="10"/>
    </row>
    <row r="360185" spans="14:14">
      <c r="N360185" s="10"/>
    </row>
    <row r="360186" spans="14:14">
      <c r="N360186" s="10"/>
    </row>
    <row r="360187" spans="14:14">
      <c r="N360187" s="10"/>
    </row>
    <row r="360188" spans="14:14">
      <c r="N360188" s="10"/>
    </row>
    <row r="360189" spans="14:14">
      <c r="N360189" s="10"/>
    </row>
    <row r="360190" spans="14:14">
      <c r="N360190" s="10"/>
    </row>
    <row r="360191" spans="14:14">
      <c r="N360191" s="10"/>
    </row>
    <row r="360192" spans="14:14">
      <c r="N360192" s="10"/>
    </row>
    <row r="360193" spans="14:14">
      <c r="N360193" s="10"/>
    </row>
    <row r="360194" spans="14:14">
      <c r="N360194" s="10"/>
    </row>
    <row r="360195" spans="14:14">
      <c r="N360195" s="10"/>
    </row>
    <row r="360196" spans="14:14">
      <c r="N360196" s="10"/>
    </row>
    <row r="360197" spans="14:14">
      <c r="N360197" s="10"/>
    </row>
    <row r="360198" spans="14:14">
      <c r="N360198" s="10"/>
    </row>
    <row r="360199" spans="14:14">
      <c r="N360199" s="10"/>
    </row>
    <row r="360200" spans="14:14">
      <c r="N360200" s="10"/>
    </row>
    <row r="360201" spans="14:14">
      <c r="N360201" s="10"/>
    </row>
    <row r="360202" spans="14:14">
      <c r="N360202" s="10"/>
    </row>
    <row r="360203" spans="14:14">
      <c r="N360203" s="10"/>
    </row>
    <row r="360204" spans="14:14">
      <c r="N360204" s="10"/>
    </row>
    <row r="360205" spans="14:14">
      <c r="N360205" s="10"/>
    </row>
    <row r="360206" spans="14:14">
      <c r="N360206" s="10"/>
    </row>
    <row r="360207" spans="14:14">
      <c r="N360207" s="10"/>
    </row>
    <row r="360208" spans="14:14">
      <c r="N360208" s="10"/>
    </row>
    <row r="360209" spans="14:14">
      <c r="N360209" s="10"/>
    </row>
    <row r="360210" spans="14:14">
      <c r="N360210" s="10"/>
    </row>
    <row r="360211" spans="14:14">
      <c r="N360211" s="10"/>
    </row>
    <row r="360212" spans="14:14">
      <c r="N360212" s="10"/>
    </row>
    <row r="360213" spans="14:14">
      <c r="N360213" s="10"/>
    </row>
    <row r="360214" spans="14:14">
      <c r="N360214" s="10"/>
    </row>
    <row r="360215" spans="14:14">
      <c r="N360215" s="10"/>
    </row>
    <row r="360216" spans="14:14">
      <c r="N360216" s="10"/>
    </row>
    <row r="360217" spans="14:14">
      <c r="N360217" s="10"/>
    </row>
    <row r="360218" spans="14:14">
      <c r="N360218" s="10"/>
    </row>
    <row r="360219" spans="14:14">
      <c r="N360219" s="10"/>
    </row>
    <row r="360220" spans="14:14">
      <c r="N360220" s="10"/>
    </row>
    <row r="360221" spans="14:14">
      <c r="N360221" s="10"/>
    </row>
    <row r="360222" spans="14:14">
      <c r="N360222" s="10"/>
    </row>
    <row r="360223" spans="14:14">
      <c r="N360223" s="10"/>
    </row>
    <row r="360224" spans="14:14">
      <c r="N360224" s="10"/>
    </row>
    <row r="360225" spans="14:14">
      <c r="N360225" s="10"/>
    </row>
    <row r="360226" spans="14:14">
      <c r="N360226" s="10"/>
    </row>
    <row r="360227" spans="14:14">
      <c r="N360227" s="10"/>
    </row>
    <row r="360228" spans="14:14">
      <c r="N360228" s="10"/>
    </row>
    <row r="360229" spans="14:14">
      <c r="N360229" s="10"/>
    </row>
    <row r="360230" spans="14:14">
      <c r="N360230" s="10"/>
    </row>
    <row r="360231" spans="14:14">
      <c r="N360231" s="10"/>
    </row>
    <row r="360232" spans="14:14">
      <c r="N360232" s="10"/>
    </row>
    <row r="360233" spans="14:14">
      <c r="N360233" s="10"/>
    </row>
    <row r="360234" spans="14:14">
      <c r="N360234" s="10"/>
    </row>
    <row r="360235" spans="14:14">
      <c r="N360235" s="10"/>
    </row>
    <row r="360236" spans="14:14">
      <c r="N360236" s="10"/>
    </row>
    <row r="360237" spans="14:14">
      <c r="N360237" s="10"/>
    </row>
    <row r="360238" spans="14:14">
      <c r="N360238" s="10"/>
    </row>
    <row r="360239" spans="14:14">
      <c r="N360239" s="10"/>
    </row>
    <row r="360240" spans="14:14">
      <c r="N360240" s="10"/>
    </row>
    <row r="360241" spans="14:14">
      <c r="N360241" s="10"/>
    </row>
    <row r="360242" spans="14:14">
      <c r="N360242" s="10"/>
    </row>
    <row r="360243" spans="14:14">
      <c r="N360243" s="10"/>
    </row>
    <row r="360244" spans="14:14">
      <c r="N360244" s="10"/>
    </row>
    <row r="360245" spans="14:14">
      <c r="N360245" s="10"/>
    </row>
    <row r="360246" spans="14:14">
      <c r="N360246" s="10"/>
    </row>
    <row r="360247" spans="14:14">
      <c r="N360247" s="10"/>
    </row>
    <row r="360248" spans="14:14">
      <c r="N360248" s="10"/>
    </row>
    <row r="360249" spans="14:14">
      <c r="N360249" s="10"/>
    </row>
    <row r="360250" spans="14:14">
      <c r="N360250" s="10"/>
    </row>
    <row r="360251" spans="14:14">
      <c r="N360251" s="10"/>
    </row>
    <row r="360252" spans="14:14">
      <c r="N360252" s="10"/>
    </row>
    <row r="360253" spans="14:14">
      <c r="N360253" s="10"/>
    </row>
    <row r="360254" spans="14:14">
      <c r="N360254" s="10"/>
    </row>
    <row r="360255" spans="14:14">
      <c r="N360255" s="10"/>
    </row>
    <row r="360256" spans="14:14">
      <c r="N360256" s="10"/>
    </row>
    <row r="360257" spans="14:14">
      <c r="N360257" s="10"/>
    </row>
    <row r="360258" spans="14:14">
      <c r="N360258" s="10"/>
    </row>
    <row r="360259" spans="14:14">
      <c r="N360259" s="10"/>
    </row>
    <row r="360260" spans="14:14">
      <c r="N360260" s="10"/>
    </row>
    <row r="360261" spans="14:14">
      <c r="N360261" s="10"/>
    </row>
    <row r="360262" spans="14:14">
      <c r="N360262" s="10"/>
    </row>
    <row r="360263" spans="14:14">
      <c r="N360263" s="10"/>
    </row>
    <row r="360264" spans="14:14">
      <c r="N360264" s="10"/>
    </row>
    <row r="360265" spans="14:14">
      <c r="N360265" s="10"/>
    </row>
    <row r="360266" spans="14:14">
      <c r="N360266" s="10"/>
    </row>
    <row r="360267" spans="14:14">
      <c r="N360267" s="10"/>
    </row>
    <row r="360268" spans="14:14">
      <c r="N360268" s="10"/>
    </row>
    <row r="360269" spans="14:14">
      <c r="N360269" s="10"/>
    </row>
    <row r="360270" spans="14:14">
      <c r="N360270" s="10"/>
    </row>
    <row r="360271" spans="14:14">
      <c r="N360271" s="10"/>
    </row>
    <row r="360272" spans="14:14">
      <c r="N360272" s="10"/>
    </row>
    <row r="360273" spans="14:14">
      <c r="N360273" s="10"/>
    </row>
    <row r="360274" spans="14:14">
      <c r="N360274" s="10"/>
    </row>
    <row r="360275" spans="14:14">
      <c r="N360275" s="10"/>
    </row>
    <row r="360276" spans="14:14">
      <c r="N360276" s="10"/>
    </row>
    <row r="360277" spans="14:14">
      <c r="N360277" s="10"/>
    </row>
    <row r="360278" spans="14:14">
      <c r="N360278" s="10"/>
    </row>
    <row r="360279" spans="14:14">
      <c r="N360279" s="10"/>
    </row>
    <row r="360280" spans="14:14">
      <c r="N360280" s="10"/>
    </row>
    <row r="360281" spans="14:14">
      <c r="N360281" s="10"/>
    </row>
    <row r="360282" spans="14:14">
      <c r="N360282" s="10"/>
    </row>
    <row r="360283" spans="14:14">
      <c r="N360283" s="10"/>
    </row>
    <row r="360284" spans="14:14">
      <c r="N360284" s="10"/>
    </row>
    <row r="360285" spans="14:14">
      <c r="N360285" s="10"/>
    </row>
    <row r="360286" spans="14:14">
      <c r="N360286" s="10"/>
    </row>
    <row r="360287" spans="14:14">
      <c r="N360287" s="10"/>
    </row>
    <row r="360288" spans="14:14">
      <c r="N360288" s="10"/>
    </row>
    <row r="360289" spans="14:14">
      <c r="N360289" s="10"/>
    </row>
    <row r="360290" spans="14:14">
      <c r="N360290" s="10"/>
    </row>
    <row r="360291" spans="14:14">
      <c r="N360291" s="10"/>
    </row>
    <row r="360292" spans="14:14">
      <c r="N360292" s="10"/>
    </row>
    <row r="360293" spans="14:14">
      <c r="N360293" s="10"/>
    </row>
    <row r="360294" spans="14:14">
      <c r="N360294" s="10"/>
    </row>
    <row r="360295" spans="14:14">
      <c r="N360295" s="10"/>
    </row>
    <row r="360296" spans="14:14">
      <c r="N360296" s="10"/>
    </row>
    <row r="360297" spans="14:14">
      <c r="N360297" s="10"/>
    </row>
    <row r="360298" spans="14:14">
      <c r="N360298" s="10"/>
    </row>
    <row r="360299" spans="14:14">
      <c r="N360299" s="10"/>
    </row>
    <row r="360300" spans="14:14">
      <c r="N360300" s="10"/>
    </row>
    <row r="360301" spans="14:14">
      <c r="N360301" s="10"/>
    </row>
    <row r="360302" spans="14:14">
      <c r="N360302" s="10"/>
    </row>
    <row r="360303" spans="14:14">
      <c r="N360303" s="10"/>
    </row>
    <row r="360304" spans="14:14">
      <c r="N360304" s="10"/>
    </row>
    <row r="360305" spans="14:14">
      <c r="N360305" s="10"/>
    </row>
    <row r="360306" spans="14:14">
      <c r="N360306" s="10"/>
    </row>
    <row r="360307" spans="14:14">
      <c r="N360307" s="10"/>
    </row>
    <row r="360308" spans="14:14">
      <c r="N360308" s="10"/>
    </row>
    <row r="360309" spans="14:14">
      <c r="N360309" s="10"/>
    </row>
    <row r="360310" spans="14:14">
      <c r="N360310" s="10"/>
    </row>
    <row r="360311" spans="14:14">
      <c r="N360311" s="10"/>
    </row>
    <row r="360312" spans="14:14">
      <c r="N360312" s="10"/>
    </row>
    <row r="360313" spans="14:14">
      <c r="N360313" s="10"/>
    </row>
    <row r="360314" spans="14:14">
      <c r="N360314" s="10"/>
    </row>
    <row r="360315" spans="14:14">
      <c r="N360315" s="10"/>
    </row>
    <row r="360316" spans="14:14">
      <c r="N360316" s="10"/>
    </row>
    <row r="360317" spans="14:14">
      <c r="N360317" s="10"/>
    </row>
    <row r="360318" spans="14:14">
      <c r="N360318" s="10"/>
    </row>
    <row r="360319" spans="14:14">
      <c r="N360319" s="10"/>
    </row>
    <row r="360320" spans="14:14">
      <c r="N360320" s="10"/>
    </row>
    <row r="360321" spans="14:14">
      <c r="N360321" s="10"/>
    </row>
    <row r="360322" spans="14:14">
      <c r="N360322" s="10"/>
    </row>
    <row r="360323" spans="14:14">
      <c r="N360323" s="10"/>
    </row>
    <row r="360324" spans="14:14">
      <c r="N360324" s="10"/>
    </row>
    <row r="360325" spans="14:14">
      <c r="N360325" s="10"/>
    </row>
    <row r="360326" spans="14:14">
      <c r="N360326" s="10"/>
    </row>
    <row r="360327" spans="14:14">
      <c r="N360327" s="10"/>
    </row>
    <row r="360328" spans="14:14">
      <c r="N360328" s="10"/>
    </row>
    <row r="360329" spans="14:14">
      <c r="N360329" s="10"/>
    </row>
    <row r="360330" spans="14:14">
      <c r="N360330" s="10"/>
    </row>
    <row r="360331" spans="14:14">
      <c r="N360331" s="10"/>
    </row>
    <row r="360332" spans="14:14">
      <c r="N360332" s="10"/>
    </row>
    <row r="360333" spans="14:14">
      <c r="N360333" s="10"/>
    </row>
    <row r="360334" spans="14:14">
      <c r="N360334" s="10"/>
    </row>
    <row r="360335" spans="14:14">
      <c r="N360335" s="10"/>
    </row>
    <row r="360336" spans="14:14">
      <c r="N360336" s="10"/>
    </row>
    <row r="360337" spans="14:14">
      <c r="N360337" s="10"/>
    </row>
    <row r="360338" spans="14:14">
      <c r="N360338" s="10"/>
    </row>
    <row r="360339" spans="14:14">
      <c r="N360339" s="10"/>
    </row>
    <row r="360340" spans="14:14">
      <c r="N360340" s="10"/>
    </row>
    <row r="360341" spans="14:14">
      <c r="N360341" s="10"/>
    </row>
    <row r="360342" spans="14:14">
      <c r="N360342" s="10"/>
    </row>
    <row r="360343" spans="14:14">
      <c r="N360343" s="10"/>
    </row>
    <row r="360344" spans="14:14">
      <c r="N360344" s="10"/>
    </row>
    <row r="360345" spans="14:14">
      <c r="N360345" s="10"/>
    </row>
    <row r="360346" spans="14:14">
      <c r="N360346" s="10"/>
    </row>
    <row r="360347" spans="14:14">
      <c r="N360347" s="10"/>
    </row>
    <row r="360348" spans="14:14">
      <c r="N360348" s="10"/>
    </row>
    <row r="360349" spans="14:14">
      <c r="N360349" s="10"/>
    </row>
    <row r="360350" spans="14:14">
      <c r="N360350" s="10"/>
    </row>
    <row r="360351" spans="14:14">
      <c r="N360351" s="10"/>
    </row>
    <row r="360352" spans="14:14">
      <c r="N360352" s="10"/>
    </row>
    <row r="360353" spans="14:14">
      <c r="N360353" s="10"/>
    </row>
    <row r="360354" spans="14:14">
      <c r="N360354" s="10"/>
    </row>
    <row r="360355" spans="14:14">
      <c r="N360355" s="10"/>
    </row>
    <row r="360356" spans="14:14">
      <c r="N360356" s="10"/>
    </row>
    <row r="360357" spans="14:14">
      <c r="N360357" s="10"/>
    </row>
    <row r="360358" spans="14:14">
      <c r="N360358" s="10"/>
    </row>
    <row r="360359" spans="14:14">
      <c r="N360359" s="10"/>
    </row>
    <row r="360360" spans="14:14">
      <c r="N360360" s="10"/>
    </row>
    <row r="360361" spans="14:14">
      <c r="N360361" s="10"/>
    </row>
    <row r="360362" spans="14:14">
      <c r="N360362" s="10"/>
    </row>
    <row r="360363" spans="14:14">
      <c r="N360363" s="10"/>
    </row>
    <row r="360364" spans="14:14">
      <c r="N360364" s="10"/>
    </row>
    <row r="360365" spans="14:14">
      <c r="N360365" s="10"/>
    </row>
    <row r="360366" spans="14:14">
      <c r="N360366" s="10"/>
    </row>
    <row r="360367" spans="14:14">
      <c r="N360367" s="10"/>
    </row>
    <row r="360368" spans="14:14">
      <c r="N360368" s="10"/>
    </row>
    <row r="360369" spans="14:14">
      <c r="N360369" s="10"/>
    </row>
    <row r="360370" spans="14:14">
      <c r="N360370" s="10"/>
    </row>
    <row r="360371" spans="14:14">
      <c r="N360371" s="10"/>
    </row>
    <row r="360372" spans="14:14">
      <c r="N360372" s="10"/>
    </row>
    <row r="360373" spans="14:14">
      <c r="N360373" s="10"/>
    </row>
    <row r="360374" spans="14:14">
      <c r="N360374" s="10"/>
    </row>
    <row r="360375" spans="14:14">
      <c r="N360375" s="10"/>
    </row>
    <row r="360376" spans="14:14">
      <c r="N360376" s="10"/>
    </row>
    <row r="360377" spans="14:14">
      <c r="N360377" s="10"/>
    </row>
    <row r="360378" spans="14:14">
      <c r="N360378" s="10"/>
    </row>
    <row r="360379" spans="14:14">
      <c r="N360379" s="10"/>
    </row>
    <row r="360380" spans="14:14">
      <c r="N360380" s="10"/>
    </row>
    <row r="360381" spans="14:14">
      <c r="N360381" s="10"/>
    </row>
    <row r="360382" spans="14:14">
      <c r="N360382" s="10"/>
    </row>
    <row r="360383" spans="14:14">
      <c r="N360383" s="10"/>
    </row>
    <row r="360384" spans="14:14">
      <c r="N360384" s="10"/>
    </row>
    <row r="360385" spans="14:14">
      <c r="N360385" s="10"/>
    </row>
    <row r="360386" spans="14:14">
      <c r="N360386" s="10"/>
    </row>
    <row r="360387" spans="14:14">
      <c r="N360387" s="10"/>
    </row>
    <row r="360388" spans="14:14">
      <c r="N360388" s="10"/>
    </row>
    <row r="360389" spans="14:14">
      <c r="N360389" s="10"/>
    </row>
    <row r="360390" spans="14:14">
      <c r="N360390" s="10"/>
    </row>
    <row r="360391" spans="14:14">
      <c r="N360391" s="10"/>
    </row>
    <row r="360392" spans="14:14">
      <c r="N360392" s="10"/>
    </row>
    <row r="360393" spans="14:14">
      <c r="N360393" s="10"/>
    </row>
    <row r="360394" spans="14:14">
      <c r="N360394" s="10"/>
    </row>
    <row r="360395" spans="14:14">
      <c r="N360395" s="10"/>
    </row>
    <row r="360396" spans="14:14">
      <c r="N360396" s="10"/>
    </row>
    <row r="360397" spans="14:14">
      <c r="N360397" s="10"/>
    </row>
    <row r="360398" spans="14:14">
      <c r="N360398" s="10"/>
    </row>
    <row r="360399" spans="14:14">
      <c r="N360399" s="10"/>
    </row>
    <row r="360400" spans="14:14">
      <c r="N360400" s="10"/>
    </row>
    <row r="360401" spans="14:14">
      <c r="N360401" s="10"/>
    </row>
    <row r="360402" spans="14:14">
      <c r="N360402" s="10"/>
    </row>
    <row r="360403" spans="14:14">
      <c r="N360403" s="10"/>
    </row>
    <row r="360404" spans="14:14">
      <c r="N360404" s="10"/>
    </row>
    <row r="360405" spans="14:14">
      <c r="N360405" s="10"/>
    </row>
    <row r="360406" spans="14:14">
      <c r="N360406" s="10"/>
    </row>
    <row r="360407" spans="14:14">
      <c r="N360407" s="10"/>
    </row>
    <row r="360408" spans="14:14">
      <c r="N360408" s="10"/>
    </row>
    <row r="360409" spans="14:14">
      <c r="N360409" s="10"/>
    </row>
    <row r="360410" spans="14:14">
      <c r="N360410" s="10"/>
    </row>
    <row r="360411" spans="14:14">
      <c r="N360411" s="10"/>
    </row>
    <row r="360412" spans="14:14">
      <c r="N360412" s="10"/>
    </row>
    <row r="360413" spans="14:14">
      <c r="N360413" s="10"/>
    </row>
    <row r="360414" spans="14:14">
      <c r="N360414" s="10"/>
    </row>
    <row r="360415" spans="14:14">
      <c r="N360415" s="10"/>
    </row>
    <row r="360416" spans="14:14">
      <c r="N360416" s="10"/>
    </row>
    <row r="360417" spans="14:14">
      <c r="N360417" s="10"/>
    </row>
    <row r="360418" spans="14:14">
      <c r="N360418" s="10"/>
    </row>
    <row r="360419" spans="14:14">
      <c r="N360419" s="10"/>
    </row>
    <row r="360420" spans="14:14">
      <c r="N360420" s="10"/>
    </row>
    <row r="360421" spans="14:14">
      <c r="N360421" s="10"/>
    </row>
    <row r="360422" spans="14:14">
      <c r="N360422" s="10"/>
    </row>
    <row r="360423" spans="14:14">
      <c r="N360423" s="10"/>
    </row>
    <row r="360424" spans="14:14">
      <c r="N360424" s="10"/>
    </row>
    <row r="360425" spans="14:14">
      <c r="N360425" s="10"/>
    </row>
    <row r="360426" spans="14:14">
      <c r="N360426" s="10"/>
    </row>
    <row r="360427" spans="14:14">
      <c r="N360427" s="10"/>
    </row>
    <row r="360428" spans="14:14">
      <c r="N360428" s="10"/>
    </row>
    <row r="360429" spans="14:14">
      <c r="N360429" s="10"/>
    </row>
    <row r="360430" spans="14:14">
      <c r="N360430" s="10"/>
    </row>
    <row r="360431" spans="14:14">
      <c r="N360431" s="10"/>
    </row>
    <row r="360432" spans="14:14">
      <c r="N360432" s="10"/>
    </row>
    <row r="360433" spans="14:14">
      <c r="N360433" s="10"/>
    </row>
    <row r="360434" spans="14:14">
      <c r="N360434" s="10"/>
    </row>
    <row r="360435" spans="14:14">
      <c r="N360435" s="10"/>
    </row>
    <row r="360436" spans="14:14">
      <c r="N360436" s="10"/>
    </row>
    <row r="360437" spans="14:14">
      <c r="N360437" s="10"/>
    </row>
    <row r="360438" spans="14:14">
      <c r="N360438" s="10"/>
    </row>
    <row r="360439" spans="14:14">
      <c r="N360439" s="10"/>
    </row>
    <row r="360440" spans="14:14">
      <c r="N360440" s="10"/>
    </row>
    <row r="360441" spans="14:14">
      <c r="N360441" s="10"/>
    </row>
    <row r="360442" spans="14:14">
      <c r="N360442" s="10"/>
    </row>
    <row r="360443" spans="14:14">
      <c r="N360443" s="10"/>
    </row>
    <row r="360444" spans="14:14">
      <c r="N360444" s="10"/>
    </row>
    <row r="360445" spans="14:14">
      <c r="N360445" s="10"/>
    </row>
    <row r="360446" spans="14:14">
      <c r="N360446" s="10"/>
    </row>
    <row r="360447" spans="14:14">
      <c r="N360447" s="10"/>
    </row>
    <row r="360448" spans="14:14">
      <c r="N360448" s="10"/>
    </row>
    <row r="360449" spans="14:14">
      <c r="N360449" s="10"/>
    </row>
    <row r="360450" spans="14:14">
      <c r="N360450" s="10"/>
    </row>
    <row r="360451" spans="14:14">
      <c r="N360451" s="10"/>
    </row>
    <row r="360452" spans="14:14">
      <c r="N360452" s="10"/>
    </row>
    <row r="360453" spans="14:14">
      <c r="N360453" s="10"/>
    </row>
    <row r="360454" spans="14:14">
      <c r="N360454" s="10"/>
    </row>
    <row r="360455" spans="14:14">
      <c r="N360455" s="10"/>
    </row>
    <row r="360456" spans="14:14">
      <c r="N360456" s="10"/>
    </row>
    <row r="360457" spans="14:14">
      <c r="N360457" s="10"/>
    </row>
    <row r="360458" spans="14:14">
      <c r="N360458" s="10"/>
    </row>
    <row r="360459" spans="14:14">
      <c r="N360459" s="10"/>
    </row>
    <row r="360460" spans="14:14">
      <c r="N360460" s="10"/>
    </row>
    <row r="360461" spans="14:14">
      <c r="N360461" s="10"/>
    </row>
    <row r="360462" spans="14:14">
      <c r="N360462" s="10"/>
    </row>
    <row r="360463" spans="14:14">
      <c r="N360463" s="10"/>
    </row>
    <row r="360464" spans="14:14">
      <c r="N360464" s="10"/>
    </row>
    <row r="360465" spans="14:14">
      <c r="N360465" s="10"/>
    </row>
    <row r="360466" spans="14:14">
      <c r="N360466" s="10"/>
    </row>
    <row r="360467" spans="14:14">
      <c r="N360467" s="10"/>
    </row>
    <row r="360468" spans="14:14">
      <c r="N360468" s="10"/>
    </row>
    <row r="360469" spans="14:14">
      <c r="N360469" s="10"/>
    </row>
    <row r="360470" spans="14:14">
      <c r="N360470" s="10"/>
    </row>
    <row r="360471" spans="14:14">
      <c r="N360471" s="10"/>
    </row>
    <row r="360472" spans="14:14">
      <c r="N360472" s="10"/>
    </row>
    <row r="360473" spans="14:14">
      <c r="N360473" s="10"/>
    </row>
    <row r="360474" spans="14:14">
      <c r="N360474" s="10"/>
    </row>
    <row r="360475" spans="14:14">
      <c r="N360475" s="10"/>
    </row>
    <row r="360476" spans="14:14">
      <c r="N360476" s="10"/>
    </row>
    <row r="360477" spans="14:14">
      <c r="N360477" s="10"/>
    </row>
    <row r="360478" spans="14:14">
      <c r="N360478" s="10"/>
    </row>
    <row r="360479" spans="14:14">
      <c r="N360479" s="10"/>
    </row>
    <row r="360480" spans="14:14">
      <c r="N360480" s="10"/>
    </row>
    <row r="360481" spans="14:14">
      <c r="N360481" s="10"/>
    </row>
    <row r="360482" spans="14:14">
      <c r="N360482" s="10"/>
    </row>
    <row r="360483" spans="14:14">
      <c r="N360483" s="10"/>
    </row>
    <row r="360484" spans="14:14">
      <c r="N360484" s="10"/>
    </row>
    <row r="360485" spans="14:14">
      <c r="N360485" s="10"/>
    </row>
    <row r="360486" spans="14:14">
      <c r="N360486" s="10"/>
    </row>
    <row r="360487" spans="14:14">
      <c r="N360487" s="10"/>
    </row>
    <row r="360488" spans="14:14">
      <c r="N360488" s="10"/>
    </row>
    <row r="360489" spans="14:14">
      <c r="N360489" s="10"/>
    </row>
    <row r="360490" spans="14:14">
      <c r="N360490" s="10"/>
    </row>
    <row r="360491" spans="14:14">
      <c r="N360491" s="10"/>
    </row>
    <row r="360492" spans="14:14">
      <c r="N360492" s="10"/>
    </row>
    <row r="360493" spans="14:14">
      <c r="N360493" s="10"/>
    </row>
    <row r="360494" spans="14:14">
      <c r="N360494" s="10"/>
    </row>
    <row r="360495" spans="14:14">
      <c r="N360495" s="10"/>
    </row>
    <row r="360496" spans="14:14">
      <c r="N360496" s="10"/>
    </row>
    <row r="360497" spans="14:14">
      <c r="N360497" s="10"/>
    </row>
    <row r="360498" spans="14:14">
      <c r="N360498" s="10"/>
    </row>
    <row r="360499" spans="14:14">
      <c r="N360499" s="10"/>
    </row>
    <row r="360500" spans="14:14">
      <c r="N360500" s="10"/>
    </row>
    <row r="360501" spans="14:14">
      <c r="N360501" s="10"/>
    </row>
    <row r="360502" spans="14:14">
      <c r="N360502" s="10"/>
    </row>
    <row r="360503" spans="14:14">
      <c r="N360503" s="10"/>
    </row>
    <row r="360504" spans="14:14">
      <c r="N360504" s="10"/>
    </row>
    <row r="360505" spans="14:14">
      <c r="N360505" s="10"/>
    </row>
    <row r="360506" spans="14:14">
      <c r="N360506" s="10"/>
    </row>
    <row r="360507" spans="14:14">
      <c r="N360507" s="10"/>
    </row>
    <row r="360508" spans="14:14">
      <c r="N360508" s="10"/>
    </row>
    <row r="360509" spans="14:14">
      <c r="N360509" s="10"/>
    </row>
    <row r="360510" spans="14:14">
      <c r="N360510" s="10"/>
    </row>
    <row r="360511" spans="14:14">
      <c r="N360511" s="10"/>
    </row>
    <row r="360512" spans="14:14">
      <c r="N360512" s="10"/>
    </row>
    <row r="360513" spans="14:14">
      <c r="N360513" s="10"/>
    </row>
    <row r="360514" spans="14:14">
      <c r="N360514" s="10"/>
    </row>
    <row r="360515" spans="14:14">
      <c r="N360515" s="10"/>
    </row>
    <row r="360516" spans="14:14">
      <c r="N360516" s="10"/>
    </row>
    <row r="360517" spans="14:14">
      <c r="N360517" s="10"/>
    </row>
    <row r="360518" spans="14:14">
      <c r="N360518" s="10"/>
    </row>
    <row r="360519" spans="14:14">
      <c r="N360519" s="10"/>
    </row>
    <row r="360520" spans="14:14">
      <c r="N360520" s="10"/>
    </row>
    <row r="360521" spans="14:14">
      <c r="N360521" s="10"/>
    </row>
    <row r="360522" spans="14:14">
      <c r="N360522" s="10"/>
    </row>
    <row r="360523" spans="14:14">
      <c r="N360523" s="10"/>
    </row>
    <row r="360524" spans="14:14">
      <c r="N360524" s="10"/>
    </row>
    <row r="360525" spans="14:14">
      <c r="N360525" s="10"/>
    </row>
    <row r="360526" spans="14:14">
      <c r="N360526" s="10"/>
    </row>
    <row r="360527" spans="14:14">
      <c r="N360527" s="10"/>
    </row>
    <row r="360528" spans="14:14">
      <c r="N360528" s="10"/>
    </row>
    <row r="360529" spans="14:14">
      <c r="N360529" s="10"/>
    </row>
    <row r="360530" spans="14:14">
      <c r="N360530" s="10"/>
    </row>
    <row r="360531" spans="14:14">
      <c r="N360531" s="10"/>
    </row>
    <row r="360532" spans="14:14">
      <c r="N360532" s="10"/>
    </row>
    <row r="360533" spans="14:14">
      <c r="N360533" s="10"/>
    </row>
    <row r="360534" spans="14:14">
      <c r="N360534" s="10"/>
    </row>
    <row r="360535" spans="14:14">
      <c r="N360535" s="10"/>
    </row>
    <row r="360536" spans="14:14">
      <c r="N360536" s="10"/>
    </row>
    <row r="360537" spans="14:14">
      <c r="N360537" s="10"/>
    </row>
    <row r="360538" spans="14:14">
      <c r="N360538" s="10"/>
    </row>
    <row r="360539" spans="14:14">
      <c r="N360539" s="10"/>
    </row>
    <row r="360540" spans="14:14">
      <c r="N360540" s="10"/>
    </row>
    <row r="360541" spans="14:14">
      <c r="N360541" s="10"/>
    </row>
    <row r="360542" spans="14:14">
      <c r="N360542" s="10"/>
    </row>
    <row r="360543" spans="14:14">
      <c r="N360543" s="10"/>
    </row>
    <row r="360544" spans="14:14">
      <c r="N360544" s="10"/>
    </row>
    <row r="360545" spans="14:14">
      <c r="N360545" s="10"/>
    </row>
    <row r="360546" spans="14:14">
      <c r="N360546" s="10"/>
    </row>
    <row r="360547" spans="14:14">
      <c r="N360547" s="10"/>
    </row>
    <row r="360548" spans="14:14">
      <c r="N360548" s="10"/>
    </row>
    <row r="360549" spans="14:14">
      <c r="N360549" s="10"/>
    </row>
    <row r="360550" spans="14:14">
      <c r="N360550" s="10"/>
    </row>
    <row r="360551" spans="14:14">
      <c r="N360551" s="10"/>
    </row>
    <row r="360552" spans="14:14">
      <c r="N360552" s="10"/>
    </row>
    <row r="360553" spans="14:14">
      <c r="N360553" s="10"/>
    </row>
    <row r="360554" spans="14:14">
      <c r="N360554" s="10"/>
    </row>
    <row r="360555" spans="14:14">
      <c r="N360555" s="10"/>
    </row>
    <row r="360556" spans="14:14">
      <c r="N360556" s="10"/>
    </row>
    <row r="360557" spans="14:14">
      <c r="N360557" s="10"/>
    </row>
    <row r="360558" spans="14:14">
      <c r="N360558" s="10"/>
    </row>
    <row r="360559" spans="14:14">
      <c r="N360559" s="10"/>
    </row>
    <row r="360560" spans="14:14">
      <c r="N360560" s="10"/>
    </row>
    <row r="360561" spans="14:14">
      <c r="N360561" s="10"/>
    </row>
    <row r="360562" spans="14:14">
      <c r="N360562" s="10"/>
    </row>
    <row r="360563" spans="14:14">
      <c r="N360563" s="10"/>
    </row>
    <row r="360564" spans="14:14">
      <c r="N360564" s="10"/>
    </row>
    <row r="360565" spans="14:14">
      <c r="N360565" s="10"/>
    </row>
    <row r="360566" spans="14:14">
      <c r="N360566" s="10"/>
    </row>
    <row r="360567" spans="14:14">
      <c r="N360567" s="10"/>
    </row>
    <row r="360568" spans="14:14">
      <c r="N360568" s="10"/>
    </row>
    <row r="360569" spans="14:14">
      <c r="N360569" s="10"/>
    </row>
    <row r="360570" spans="14:14">
      <c r="N360570" s="10"/>
    </row>
    <row r="360571" spans="14:14">
      <c r="N360571" s="10"/>
    </row>
    <row r="360572" spans="14:14">
      <c r="N360572" s="10"/>
    </row>
    <row r="360573" spans="14:14">
      <c r="N360573" s="10"/>
    </row>
    <row r="360574" spans="14:14">
      <c r="N360574" s="10"/>
    </row>
    <row r="360575" spans="14:14">
      <c r="N360575" s="10"/>
    </row>
    <row r="360576" spans="14:14">
      <c r="N360576" s="10"/>
    </row>
    <row r="360577" spans="14:14">
      <c r="N360577" s="10"/>
    </row>
    <row r="360578" spans="14:14">
      <c r="N360578" s="10"/>
    </row>
    <row r="360579" spans="14:14">
      <c r="N360579" s="10"/>
    </row>
    <row r="360580" spans="14:14">
      <c r="N360580" s="10"/>
    </row>
    <row r="360581" spans="14:14">
      <c r="N360581" s="10"/>
    </row>
    <row r="360582" spans="14:14">
      <c r="N360582" s="10"/>
    </row>
    <row r="360583" spans="14:14">
      <c r="N360583" s="10"/>
    </row>
    <row r="360584" spans="14:14">
      <c r="N360584" s="10"/>
    </row>
    <row r="360585" spans="14:14">
      <c r="N360585" s="10"/>
    </row>
    <row r="360586" spans="14:14">
      <c r="N360586" s="10"/>
    </row>
    <row r="360587" spans="14:14">
      <c r="N360587" s="10"/>
    </row>
    <row r="360588" spans="14:14">
      <c r="N360588" s="10"/>
    </row>
    <row r="360589" spans="14:14">
      <c r="N360589" s="10"/>
    </row>
    <row r="360590" spans="14:14">
      <c r="N360590" s="10"/>
    </row>
    <row r="360591" spans="14:14">
      <c r="N360591" s="10"/>
    </row>
    <row r="360592" spans="14:14">
      <c r="N360592" s="10"/>
    </row>
    <row r="360593" spans="14:14">
      <c r="N360593" s="10"/>
    </row>
    <row r="360594" spans="14:14">
      <c r="N360594" s="10"/>
    </row>
    <row r="360595" spans="14:14">
      <c r="N360595" s="10"/>
    </row>
    <row r="360596" spans="14:14">
      <c r="N360596" s="10"/>
    </row>
    <row r="360597" spans="14:14">
      <c r="N360597" s="10"/>
    </row>
    <row r="360598" spans="14:14">
      <c r="N360598" s="10"/>
    </row>
    <row r="360599" spans="14:14">
      <c r="N360599" s="10"/>
    </row>
    <row r="360600" spans="14:14">
      <c r="N360600" s="10"/>
    </row>
    <row r="360601" spans="14:14">
      <c r="N360601" s="10"/>
    </row>
    <row r="360602" spans="14:14">
      <c r="N360602" s="10"/>
    </row>
    <row r="360603" spans="14:14">
      <c r="N360603" s="10"/>
    </row>
    <row r="360604" spans="14:14">
      <c r="N360604" s="10"/>
    </row>
    <row r="360605" spans="14:14">
      <c r="N360605" s="10"/>
    </row>
    <row r="360606" spans="14:14">
      <c r="N360606" s="10"/>
    </row>
    <row r="360607" spans="14:14">
      <c r="N360607" s="10"/>
    </row>
    <row r="360608" spans="14:14">
      <c r="N360608" s="10"/>
    </row>
    <row r="360609" spans="14:14">
      <c r="N360609" s="10"/>
    </row>
    <row r="360610" spans="14:14">
      <c r="N360610" s="10"/>
    </row>
    <row r="360611" spans="14:14">
      <c r="N360611" s="10"/>
    </row>
    <row r="360612" spans="14:14">
      <c r="N360612" s="10"/>
    </row>
    <row r="360613" spans="14:14">
      <c r="N360613" s="10"/>
    </row>
    <row r="360614" spans="14:14">
      <c r="N360614" s="10"/>
    </row>
    <row r="360615" spans="14:14">
      <c r="N360615" s="10"/>
    </row>
    <row r="360616" spans="14:14">
      <c r="N360616" s="10"/>
    </row>
    <row r="360617" spans="14:14">
      <c r="N360617" s="10"/>
    </row>
    <row r="360618" spans="14:14">
      <c r="N360618" s="10"/>
    </row>
    <row r="360619" spans="14:14">
      <c r="N360619" s="10"/>
    </row>
    <row r="360620" spans="14:14">
      <c r="N360620" s="10"/>
    </row>
    <row r="360621" spans="14:14">
      <c r="N360621" s="10"/>
    </row>
    <row r="360622" spans="14:14">
      <c r="N360622" s="10"/>
    </row>
    <row r="360623" spans="14:14">
      <c r="N360623" s="10"/>
    </row>
    <row r="360624" spans="14:14">
      <c r="N360624" s="10"/>
    </row>
    <row r="360625" spans="14:14">
      <c r="N360625" s="10"/>
    </row>
    <row r="360626" spans="14:14">
      <c r="N360626" s="10"/>
    </row>
    <row r="360627" spans="14:14">
      <c r="N360627" s="10"/>
    </row>
    <row r="360628" spans="14:14">
      <c r="N360628" s="10"/>
    </row>
    <row r="360629" spans="14:14">
      <c r="N360629" s="10"/>
    </row>
    <row r="360630" spans="14:14">
      <c r="N360630" s="10"/>
    </row>
    <row r="360631" spans="14:14">
      <c r="N360631" s="10"/>
    </row>
    <row r="360632" spans="14:14">
      <c r="N360632" s="10"/>
    </row>
    <row r="360633" spans="14:14">
      <c r="N360633" s="10"/>
    </row>
    <row r="360634" spans="14:14">
      <c r="N360634" s="10"/>
    </row>
    <row r="360635" spans="14:14">
      <c r="N360635" s="10"/>
    </row>
    <row r="360636" spans="14:14">
      <c r="N360636" s="10"/>
    </row>
    <row r="360637" spans="14:14">
      <c r="N360637" s="10"/>
    </row>
    <row r="360638" spans="14:14">
      <c r="N360638" s="10"/>
    </row>
    <row r="360639" spans="14:14">
      <c r="N360639" s="10"/>
    </row>
    <row r="360640" spans="14:14">
      <c r="N360640" s="10"/>
    </row>
    <row r="360641" spans="14:14">
      <c r="N360641" s="10"/>
    </row>
    <row r="360642" spans="14:14">
      <c r="N360642" s="10"/>
    </row>
    <row r="360643" spans="14:14">
      <c r="N360643" s="10"/>
    </row>
    <row r="360644" spans="14:14">
      <c r="N360644" s="10"/>
    </row>
    <row r="360645" spans="14:14">
      <c r="N360645" s="10"/>
    </row>
    <row r="360646" spans="14:14">
      <c r="N360646" s="10"/>
    </row>
    <row r="360647" spans="14:14">
      <c r="N360647" s="10"/>
    </row>
    <row r="360648" spans="14:14">
      <c r="N360648" s="10"/>
    </row>
    <row r="360649" spans="14:14">
      <c r="N360649" s="10"/>
    </row>
    <row r="360650" spans="14:14">
      <c r="N360650" s="10"/>
    </row>
    <row r="360651" spans="14:14">
      <c r="N360651" s="10"/>
    </row>
    <row r="360652" spans="14:14">
      <c r="N360652" s="10"/>
    </row>
    <row r="360653" spans="14:14">
      <c r="N360653" s="10"/>
    </row>
    <row r="360654" spans="14:14">
      <c r="N360654" s="10"/>
    </row>
    <row r="360655" spans="14:14">
      <c r="N360655" s="10"/>
    </row>
    <row r="360656" spans="14:14">
      <c r="N360656" s="10"/>
    </row>
    <row r="360657" spans="14:14">
      <c r="N360657" s="10"/>
    </row>
    <row r="360658" spans="14:14">
      <c r="N360658" s="10"/>
    </row>
    <row r="360659" spans="14:14">
      <c r="N360659" s="10"/>
    </row>
    <row r="360660" spans="14:14">
      <c r="N360660" s="10"/>
    </row>
    <row r="360661" spans="14:14">
      <c r="N360661" s="10"/>
    </row>
    <row r="360662" spans="14:14">
      <c r="N360662" s="10"/>
    </row>
    <row r="360663" spans="14:14">
      <c r="N360663" s="10"/>
    </row>
    <row r="360664" spans="14:14">
      <c r="N360664" s="10"/>
    </row>
    <row r="360665" spans="14:14">
      <c r="N360665" s="10"/>
    </row>
    <row r="360666" spans="14:14">
      <c r="N360666" s="10"/>
    </row>
    <row r="360667" spans="14:14">
      <c r="N360667" s="10"/>
    </row>
    <row r="360668" spans="14:14">
      <c r="N360668" s="10"/>
    </row>
    <row r="360669" spans="14:14">
      <c r="N360669" s="10"/>
    </row>
    <row r="360670" spans="14:14">
      <c r="N360670" s="10"/>
    </row>
    <row r="360671" spans="14:14">
      <c r="N360671" s="10"/>
    </row>
    <row r="360672" spans="14:14">
      <c r="N360672" s="10"/>
    </row>
    <row r="360673" spans="14:14">
      <c r="N360673" s="10"/>
    </row>
    <row r="360674" spans="14:14">
      <c r="N360674" s="10"/>
    </row>
    <row r="360675" spans="14:14">
      <c r="N360675" s="10"/>
    </row>
    <row r="360676" spans="14:14">
      <c r="N360676" s="10"/>
    </row>
    <row r="360677" spans="14:14">
      <c r="N360677" s="10"/>
    </row>
    <row r="360678" spans="14:14">
      <c r="N360678" s="10"/>
    </row>
    <row r="360679" spans="14:14">
      <c r="N360679" s="10"/>
    </row>
    <row r="360680" spans="14:14">
      <c r="N360680" s="10"/>
    </row>
    <row r="360681" spans="14:14">
      <c r="N360681" s="10"/>
    </row>
    <row r="360682" spans="14:14">
      <c r="N360682" s="10"/>
    </row>
    <row r="360683" spans="14:14">
      <c r="N360683" s="10"/>
    </row>
    <row r="360684" spans="14:14">
      <c r="N360684" s="10"/>
    </row>
    <row r="360685" spans="14:14">
      <c r="N360685" s="10"/>
    </row>
    <row r="360686" spans="14:14">
      <c r="N360686" s="10"/>
    </row>
    <row r="360687" spans="14:14">
      <c r="N360687" s="10"/>
    </row>
    <row r="360688" spans="14:14">
      <c r="N360688" s="10"/>
    </row>
    <row r="360689" spans="14:14">
      <c r="N360689" s="10"/>
    </row>
    <row r="360690" spans="14:14">
      <c r="N360690" s="10"/>
    </row>
    <row r="360691" spans="14:14">
      <c r="N360691" s="10"/>
    </row>
    <row r="360692" spans="14:14">
      <c r="N360692" s="10"/>
    </row>
    <row r="360693" spans="14:14">
      <c r="N360693" s="10"/>
    </row>
    <row r="360694" spans="14:14">
      <c r="N360694" s="10"/>
    </row>
    <row r="360695" spans="14:14">
      <c r="N360695" s="10"/>
    </row>
    <row r="360696" spans="14:14">
      <c r="N360696" s="10"/>
    </row>
    <row r="360697" spans="14:14">
      <c r="N360697" s="10"/>
    </row>
    <row r="360698" spans="14:14">
      <c r="N360698" s="10"/>
    </row>
    <row r="360699" spans="14:14">
      <c r="N360699" s="10"/>
    </row>
    <row r="360700" spans="14:14">
      <c r="N360700" s="10"/>
    </row>
    <row r="360701" spans="14:14">
      <c r="N360701" s="10"/>
    </row>
    <row r="360702" spans="14:14">
      <c r="N360702" s="10"/>
    </row>
    <row r="360703" spans="14:14">
      <c r="N360703" s="10"/>
    </row>
    <row r="360704" spans="14:14">
      <c r="N360704" s="10"/>
    </row>
    <row r="360705" spans="14:14">
      <c r="N360705" s="10"/>
    </row>
    <row r="360706" spans="14:14">
      <c r="N360706" s="10"/>
    </row>
    <row r="360707" spans="14:14">
      <c r="N360707" s="10"/>
    </row>
    <row r="360708" spans="14:14">
      <c r="N360708" s="10"/>
    </row>
    <row r="360709" spans="14:14">
      <c r="N360709" s="10"/>
    </row>
    <row r="360710" spans="14:14">
      <c r="N360710" s="10"/>
    </row>
    <row r="360711" spans="14:14">
      <c r="N360711" s="10"/>
    </row>
    <row r="360712" spans="14:14">
      <c r="N360712" s="10"/>
    </row>
    <row r="360713" spans="14:14">
      <c r="N360713" s="10"/>
    </row>
    <row r="360714" spans="14:14">
      <c r="N360714" s="10"/>
    </row>
    <row r="360715" spans="14:14">
      <c r="N360715" s="10"/>
    </row>
    <row r="360716" spans="14:14">
      <c r="N360716" s="10"/>
    </row>
    <row r="360717" spans="14:14">
      <c r="N360717" s="10"/>
    </row>
    <row r="360718" spans="14:14">
      <c r="N360718" s="10"/>
    </row>
    <row r="360719" spans="14:14">
      <c r="N360719" s="10"/>
    </row>
    <row r="360720" spans="14:14">
      <c r="N360720" s="10"/>
    </row>
    <row r="360721" spans="14:14">
      <c r="N360721" s="10"/>
    </row>
    <row r="360722" spans="14:14">
      <c r="N360722" s="10"/>
    </row>
    <row r="360723" spans="14:14">
      <c r="N360723" s="10"/>
    </row>
    <row r="360724" spans="14:14">
      <c r="N360724" s="10"/>
    </row>
    <row r="360725" spans="14:14">
      <c r="N360725" s="10"/>
    </row>
    <row r="360726" spans="14:14">
      <c r="N360726" s="10"/>
    </row>
    <row r="360727" spans="14:14">
      <c r="N360727" s="10"/>
    </row>
    <row r="360728" spans="14:14">
      <c r="N360728" s="10"/>
    </row>
    <row r="360729" spans="14:14">
      <c r="N360729" s="10"/>
    </row>
    <row r="360730" spans="14:14">
      <c r="N360730" s="10"/>
    </row>
    <row r="360731" spans="14:14">
      <c r="N360731" s="10"/>
    </row>
    <row r="360732" spans="14:14">
      <c r="N360732" s="10"/>
    </row>
    <row r="360733" spans="14:14">
      <c r="N360733" s="10"/>
    </row>
    <row r="360734" spans="14:14">
      <c r="N360734" s="10"/>
    </row>
    <row r="360735" spans="14:14">
      <c r="N360735" s="10"/>
    </row>
    <row r="360736" spans="14:14">
      <c r="N360736" s="10"/>
    </row>
    <row r="360737" spans="14:14">
      <c r="N360737" s="10"/>
    </row>
    <row r="360738" spans="14:14">
      <c r="N360738" s="10"/>
    </row>
    <row r="360739" spans="14:14">
      <c r="N360739" s="10"/>
    </row>
    <row r="360740" spans="14:14">
      <c r="N360740" s="10"/>
    </row>
    <row r="360741" spans="14:14">
      <c r="N360741" s="10"/>
    </row>
    <row r="360742" spans="14:14">
      <c r="N360742" s="10"/>
    </row>
    <row r="360743" spans="14:14">
      <c r="N360743" s="10"/>
    </row>
    <row r="360744" spans="14:14">
      <c r="N360744" s="10"/>
    </row>
    <row r="360745" spans="14:14">
      <c r="N360745" s="10"/>
    </row>
    <row r="360746" spans="14:14">
      <c r="N360746" s="10"/>
    </row>
    <row r="360747" spans="14:14">
      <c r="N360747" s="10"/>
    </row>
    <row r="360748" spans="14:14">
      <c r="N360748" s="10"/>
    </row>
    <row r="360749" spans="14:14">
      <c r="N360749" s="10"/>
    </row>
    <row r="360750" spans="14:14">
      <c r="N360750" s="10"/>
    </row>
    <row r="360751" spans="14:14">
      <c r="N360751" s="10"/>
    </row>
    <row r="360752" spans="14:14">
      <c r="N360752" s="10"/>
    </row>
    <row r="360753" spans="14:14">
      <c r="N360753" s="10"/>
    </row>
    <row r="360754" spans="14:14">
      <c r="N360754" s="10"/>
    </row>
    <row r="360755" spans="14:14">
      <c r="N360755" s="10"/>
    </row>
    <row r="360756" spans="14:14">
      <c r="N360756" s="10"/>
    </row>
    <row r="360757" spans="14:14">
      <c r="N360757" s="10"/>
    </row>
    <row r="360758" spans="14:14">
      <c r="N360758" s="10"/>
    </row>
    <row r="360759" spans="14:14">
      <c r="N360759" s="10"/>
    </row>
    <row r="360760" spans="14:14">
      <c r="N360760" s="10"/>
    </row>
    <row r="360761" spans="14:14">
      <c r="N360761" s="10"/>
    </row>
    <row r="360762" spans="14:14">
      <c r="N360762" s="10"/>
    </row>
    <row r="360763" spans="14:14">
      <c r="N360763" s="10"/>
    </row>
    <row r="360764" spans="14:14">
      <c r="N360764" s="10"/>
    </row>
    <row r="360765" spans="14:14">
      <c r="N360765" s="10"/>
    </row>
    <row r="360766" spans="14:14">
      <c r="N360766" s="10"/>
    </row>
    <row r="360767" spans="14:14">
      <c r="N360767" s="10"/>
    </row>
    <row r="360768" spans="14:14">
      <c r="N360768" s="10"/>
    </row>
    <row r="360769" spans="14:14">
      <c r="N360769" s="10"/>
    </row>
    <row r="360770" spans="14:14">
      <c r="N360770" s="10"/>
    </row>
    <row r="360771" spans="14:14">
      <c r="N360771" s="10"/>
    </row>
    <row r="360772" spans="14:14">
      <c r="N360772" s="10"/>
    </row>
    <row r="360773" spans="14:14">
      <c r="N360773" s="10"/>
    </row>
    <row r="360774" spans="14:14">
      <c r="N360774" s="10"/>
    </row>
    <row r="360775" spans="14:14">
      <c r="N360775" s="10"/>
    </row>
    <row r="360776" spans="14:14">
      <c r="N360776" s="10"/>
    </row>
    <row r="360777" spans="14:14">
      <c r="N360777" s="10"/>
    </row>
    <row r="360778" spans="14:14">
      <c r="N360778" s="10"/>
    </row>
    <row r="360779" spans="14:14">
      <c r="N360779" s="10"/>
    </row>
    <row r="360780" spans="14:14">
      <c r="N360780" s="10"/>
    </row>
    <row r="360781" spans="14:14">
      <c r="N360781" s="10"/>
    </row>
    <row r="360782" spans="14:14">
      <c r="N360782" s="10"/>
    </row>
    <row r="360783" spans="14:14">
      <c r="N360783" s="10"/>
    </row>
    <row r="360784" spans="14:14">
      <c r="N360784" s="10"/>
    </row>
    <row r="360785" spans="14:14">
      <c r="N360785" s="10"/>
    </row>
    <row r="360786" spans="14:14">
      <c r="N360786" s="10"/>
    </row>
    <row r="360787" spans="14:14">
      <c r="N360787" s="10"/>
    </row>
    <row r="360788" spans="14:14">
      <c r="N360788" s="10"/>
    </row>
    <row r="360789" spans="14:14">
      <c r="N360789" s="10"/>
    </row>
    <row r="360790" spans="14:14">
      <c r="N360790" s="10"/>
    </row>
    <row r="360791" spans="14:14">
      <c r="N360791" s="10"/>
    </row>
    <row r="360792" spans="14:14">
      <c r="N360792" s="10"/>
    </row>
    <row r="360793" spans="14:14">
      <c r="N360793" s="10"/>
    </row>
    <row r="360794" spans="14:14">
      <c r="N360794" s="10"/>
    </row>
    <row r="360795" spans="14:14">
      <c r="N360795" s="10"/>
    </row>
    <row r="360796" spans="14:14">
      <c r="N360796" s="10"/>
    </row>
    <row r="360797" spans="14:14">
      <c r="N360797" s="10"/>
    </row>
    <row r="360798" spans="14:14">
      <c r="N360798" s="10"/>
    </row>
    <row r="360799" spans="14:14">
      <c r="N360799" s="10"/>
    </row>
    <row r="360800" spans="14:14">
      <c r="N360800" s="10"/>
    </row>
    <row r="360801" spans="14:14">
      <c r="N360801" s="10"/>
    </row>
    <row r="360802" spans="14:14">
      <c r="N360802" s="10"/>
    </row>
    <row r="360803" spans="14:14">
      <c r="N360803" s="10"/>
    </row>
    <row r="360804" spans="14:14">
      <c r="N360804" s="10"/>
    </row>
    <row r="360805" spans="14:14">
      <c r="N360805" s="10"/>
    </row>
    <row r="360806" spans="14:14">
      <c r="N360806" s="10"/>
    </row>
    <row r="360807" spans="14:14">
      <c r="N360807" s="10"/>
    </row>
    <row r="360808" spans="14:14">
      <c r="N360808" s="10"/>
    </row>
    <row r="360809" spans="14:14">
      <c r="N360809" s="10"/>
    </row>
    <row r="360810" spans="14:14">
      <c r="N360810" s="10"/>
    </row>
    <row r="360811" spans="14:14">
      <c r="N360811" s="10"/>
    </row>
    <row r="360812" spans="14:14">
      <c r="N360812" s="10"/>
    </row>
    <row r="360813" spans="14:14">
      <c r="N360813" s="10"/>
    </row>
    <row r="360814" spans="14:14">
      <c r="N360814" s="10"/>
    </row>
    <row r="360815" spans="14:14">
      <c r="N360815" s="10"/>
    </row>
    <row r="360816" spans="14:14">
      <c r="N360816" s="10"/>
    </row>
    <row r="360817" spans="14:14">
      <c r="N360817" s="10"/>
    </row>
    <row r="360818" spans="14:14">
      <c r="N360818" s="10"/>
    </row>
    <row r="360819" spans="14:14">
      <c r="N360819" s="10"/>
    </row>
    <row r="360820" spans="14:14">
      <c r="N360820" s="10"/>
    </row>
    <row r="360821" spans="14:14">
      <c r="N360821" s="10"/>
    </row>
    <row r="360822" spans="14:14">
      <c r="N360822" s="10"/>
    </row>
    <row r="360823" spans="14:14">
      <c r="N360823" s="10"/>
    </row>
    <row r="360824" spans="14:14">
      <c r="N360824" s="10"/>
    </row>
    <row r="360825" spans="14:14">
      <c r="N360825" s="10"/>
    </row>
    <row r="360826" spans="14:14">
      <c r="N360826" s="10"/>
    </row>
    <row r="360827" spans="14:14">
      <c r="N360827" s="10"/>
    </row>
    <row r="360828" spans="14:14">
      <c r="N360828" s="10"/>
    </row>
    <row r="360829" spans="14:14">
      <c r="N360829" s="10"/>
    </row>
    <row r="360830" spans="14:14">
      <c r="N360830" s="10"/>
    </row>
    <row r="360831" spans="14:14">
      <c r="N360831" s="10"/>
    </row>
    <row r="360832" spans="14:14">
      <c r="N360832" s="10"/>
    </row>
    <row r="360833" spans="14:14">
      <c r="N360833" s="10"/>
    </row>
    <row r="360834" spans="14:14">
      <c r="N360834" s="10"/>
    </row>
    <row r="360835" spans="14:14">
      <c r="N360835" s="10"/>
    </row>
    <row r="360836" spans="14:14">
      <c r="N360836" s="10"/>
    </row>
    <row r="360837" spans="14:14">
      <c r="N360837" s="10"/>
    </row>
    <row r="360838" spans="14:14">
      <c r="N360838" s="10"/>
    </row>
    <row r="360839" spans="14:14">
      <c r="N360839" s="10"/>
    </row>
    <row r="360840" spans="14:14">
      <c r="N360840" s="10"/>
    </row>
    <row r="360841" spans="14:14">
      <c r="N360841" s="10"/>
    </row>
    <row r="360842" spans="14:14">
      <c r="N360842" s="10"/>
    </row>
    <row r="360843" spans="14:14">
      <c r="N360843" s="10"/>
    </row>
    <row r="360844" spans="14:14">
      <c r="N360844" s="10"/>
    </row>
    <row r="360845" spans="14:14">
      <c r="N360845" s="10"/>
    </row>
    <row r="360846" spans="14:14">
      <c r="N360846" s="10"/>
    </row>
    <row r="360847" spans="14:14">
      <c r="N360847" s="10"/>
    </row>
    <row r="360848" spans="14:14">
      <c r="N360848" s="10"/>
    </row>
    <row r="360849" spans="14:14">
      <c r="N360849" s="10"/>
    </row>
    <row r="360850" spans="14:14">
      <c r="N360850" s="10"/>
    </row>
    <row r="360851" spans="14:14">
      <c r="N360851" s="10"/>
    </row>
    <row r="360852" spans="14:14">
      <c r="N360852" s="10"/>
    </row>
    <row r="360853" spans="14:14">
      <c r="N360853" s="10"/>
    </row>
    <row r="360854" spans="14:14">
      <c r="N360854" s="10"/>
    </row>
    <row r="360855" spans="14:14">
      <c r="N360855" s="10"/>
    </row>
    <row r="360856" spans="14:14">
      <c r="N360856" s="10"/>
    </row>
    <row r="360857" spans="14:14">
      <c r="N360857" s="10"/>
    </row>
    <row r="360858" spans="14:14">
      <c r="N360858" s="10"/>
    </row>
    <row r="360859" spans="14:14">
      <c r="N360859" s="10"/>
    </row>
    <row r="360860" spans="14:14">
      <c r="N360860" s="10"/>
    </row>
    <row r="360861" spans="14:14">
      <c r="N360861" s="10"/>
    </row>
    <row r="360862" spans="14:14">
      <c r="N360862" s="10"/>
    </row>
    <row r="360863" spans="14:14">
      <c r="N360863" s="10"/>
    </row>
    <row r="360864" spans="14:14">
      <c r="N360864" s="10"/>
    </row>
    <row r="360865" spans="14:14">
      <c r="N360865" s="10"/>
    </row>
    <row r="360866" spans="14:14">
      <c r="N360866" s="10"/>
    </row>
    <row r="360867" spans="14:14">
      <c r="N360867" s="10"/>
    </row>
    <row r="360868" spans="14:14">
      <c r="N360868" s="10"/>
    </row>
    <row r="360869" spans="14:14">
      <c r="N360869" s="10"/>
    </row>
    <row r="360870" spans="14:14">
      <c r="N360870" s="10"/>
    </row>
    <row r="360871" spans="14:14">
      <c r="N360871" s="10"/>
    </row>
    <row r="360872" spans="14:14">
      <c r="N360872" s="10"/>
    </row>
    <row r="360873" spans="14:14">
      <c r="N360873" s="10"/>
    </row>
    <row r="360874" spans="14:14">
      <c r="N360874" s="10"/>
    </row>
    <row r="360875" spans="14:14">
      <c r="N360875" s="10"/>
    </row>
    <row r="360876" spans="14:14">
      <c r="N360876" s="10"/>
    </row>
    <row r="360877" spans="14:14">
      <c r="N360877" s="10"/>
    </row>
    <row r="360878" spans="14:14">
      <c r="N360878" s="10"/>
    </row>
    <row r="360879" spans="14:14">
      <c r="N360879" s="10"/>
    </row>
    <row r="360880" spans="14:14">
      <c r="N360880" s="10"/>
    </row>
    <row r="360881" spans="14:14">
      <c r="N360881" s="10"/>
    </row>
    <row r="360882" spans="14:14">
      <c r="N360882" s="10"/>
    </row>
    <row r="360883" spans="14:14">
      <c r="N360883" s="10"/>
    </row>
    <row r="360884" spans="14:14">
      <c r="N360884" s="10"/>
    </row>
    <row r="360885" spans="14:14">
      <c r="N360885" s="10"/>
    </row>
    <row r="360886" spans="14:14">
      <c r="N360886" s="10"/>
    </row>
    <row r="360887" spans="14:14">
      <c r="N360887" s="10"/>
    </row>
    <row r="360888" spans="14:14">
      <c r="N360888" s="10"/>
    </row>
    <row r="360889" spans="14:14">
      <c r="N360889" s="10"/>
    </row>
    <row r="360890" spans="14:14">
      <c r="N360890" s="10"/>
    </row>
    <row r="360891" spans="14:14">
      <c r="N360891" s="10"/>
    </row>
    <row r="360892" spans="14:14">
      <c r="N360892" s="10"/>
    </row>
    <row r="360893" spans="14:14">
      <c r="N360893" s="10"/>
    </row>
    <row r="360894" spans="14:14">
      <c r="N360894" s="10"/>
    </row>
    <row r="360895" spans="14:14">
      <c r="N360895" s="10"/>
    </row>
    <row r="360896" spans="14:14">
      <c r="N360896" s="10"/>
    </row>
    <row r="360897" spans="14:14">
      <c r="N360897" s="10"/>
    </row>
    <row r="360898" spans="14:14">
      <c r="N360898" s="10"/>
    </row>
    <row r="360899" spans="14:14">
      <c r="N360899" s="10"/>
    </row>
    <row r="360900" spans="14:14">
      <c r="N360900" s="10"/>
    </row>
    <row r="360901" spans="14:14">
      <c r="N360901" s="10"/>
    </row>
    <row r="360902" spans="14:14">
      <c r="N360902" s="10"/>
    </row>
    <row r="360903" spans="14:14">
      <c r="N360903" s="10"/>
    </row>
    <row r="360904" spans="14:14">
      <c r="N360904" s="10"/>
    </row>
    <row r="360905" spans="14:14">
      <c r="N360905" s="10"/>
    </row>
    <row r="360906" spans="14:14">
      <c r="N360906" s="10"/>
    </row>
    <row r="360907" spans="14:14">
      <c r="N360907" s="10"/>
    </row>
    <row r="360908" spans="14:14">
      <c r="N360908" s="10"/>
    </row>
    <row r="360909" spans="14:14">
      <c r="N360909" s="10"/>
    </row>
    <row r="360910" spans="14:14">
      <c r="N360910" s="10"/>
    </row>
    <row r="360911" spans="14:14">
      <c r="N360911" s="10"/>
    </row>
    <row r="360912" spans="14:14">
      <c r="N360912" s="10"/>
    </row>
    <row r="360913" spans="14:14">
      <c r="N360913" s="10"/>
    </row>
    <row r="360914" spans="14:14">
      <c r="N360914" s="10"/>
    </row>
    <row r="360915" spans="14:14">
      <c r="N360915" s="10"/>
    </row>
    <row r="360916" spans="14:14">
      <c r="N360916" s="10"/>
    </row>
    <row r="360917" spans="14:14">
      <c r="N360917" s="10"/>
    </row>
    <row r="360918" spans="14:14">
      <c r="N360918" s="10"/>
    </row>
    <row r="360919" spans="14:14">
      <c r="N360919" s="10"/>
    </row>
    <row r="360920" spans="14:14">
      <c r="N360920" s="10"/>
    </row>
    <row r="360921" spans="14:14">
      <c r="N360921" s="10"/>
    </row>
    <row r="360922" spans="14:14">
      <c r="N360922" s="10"/>
    </row>
    <row r="360923" spans="14:14">
      <c r="N360923" s="10"/>
    </row>
    <row r="360924" spans="14:14">
      <c r="N360924" s="10"/>
    </row>
    <row r="360925" spans="14:14">
      <c r="N360925" s="10"/>
    </row>
    <row r="360926" spans="14:14">
      <c r="N360926" s="10"/>
    </row>
    <row r="360927" spans="14:14">
      <c r="N360927" s="10"/>
    </row>
    <row r="360928" spans="14:14">
      <c r="N360928" s="10"/>
    </row>
    <row r="360929" spans="14:14">
      <c r="N360929" s="10"/>
    </row>
    <row r="360930" spans="14:14">
      <c r="N360930" s="10"/>
    </row>
    <row r="360931" spans="14:14">
      <c r="N360931" s="10"/>
    </row>
    <row r="360932" spans="14:14">
      <c r="N360932" s="10"/>
    </row>
    <row r="360933" spans="14:14">
      <c r="N360933" s="10"/>
    </row>
    <row r="360934" spans="14:14">
      <c r="N360934" s="10"/>
    </row>
    <row r="360935" spans="14:14">
      <c r="N360935" s="10"/>
    </row>
    <row r="360936" spans="14:14">
      <c r="N360936" s="10"/>
    </row>
    <row r="360937" spans="14:14">
      <c r="N360937" s="10"/>
    </row>
    <row r="360938" spans="14:14">
      <c r="N360938" s="10"/>
    </row>
    <row r="360939" spans="14:14">
      <c r="N360939" s="10"/>
    </row>
    <row r="360940" spans="14:14">
      <c r="N360940" s="10"/>
    </row>
    <row r="360941" spans="14:14">
      <c r="N360941" s="10"/>
    </row>
    <row r="360942" spans="14:14">
      <c r="N360942" s="10"/>
    </row>
    <row r="360943" spans="14:14">
      <c r="N360943" s="10"/>
    </row>
    <row r="360944" spans="14:14">
      <c r="N360944" s="10"/>
    </row>
    <row r="360945" spans="14:14">
      <c r="N360945" s="10"/>
    </row>
    <row r="360946" spans="14:14">
      <c r="N360946" s="10"/>
    </row>
    <row r="360947" spans="14:14">
      <c r="N360947" s="10"/>
    </row>
    <row r="360948" spans="14:14">
      <c r="N360948" s="10"/>
    </row>
    <row r="360949" spans="14:14">
      <c r="N360949" s="10"/>
    </row>
    <row r="360950" spans="14:14">
      <c r="N360950" s="10"/>
    </row>
    <row r="360951" spans="14:14">
      <c r="N360951" s="10"/>
    </row>
    <row r="360952" spans="14:14">
      <c r="N360952" s="10"/>
    </row>
    <row r="360953" spans="14:14">
      <c r="N360953" s="10"/>
    </row>
    <row r="360954" spans="14:14">
      <c r="N360954" s="10"/>
    </row>
    <row r="360955" spans="14:14">
      <c r="N360955" s="10"/>
    </row>
    <row r="360956" spans="14:14">
      <c r="N360956" s="10"/>
    </row>
    <row r="360957" spans="14:14">
      <c r="N360957" s="10"/>
    </row>
    <row r="360958" spans="14:14">
      <c r="N360958" s="10"/>
    </row>
    <row r="360959" spans="14:14">
      <c r="N360959" s="10"/>
    </row>
    <row r="360960" spans="14:14">
      <c r="N360960" s="10"/>
    </row>
    <row r="360961" spans="14:14">
      <c r="N360961" s="10"/>
    </row>
    <row r="360962" spans="14:14">
      <c r="N360962" s="10"/>
    </row>
    <row r="360963" spans="14:14">
      <c r="N360963" s="10"/>
    </row>
    <row r="360964" spans="14:14">
      <c r="N360964" s="10"/>
    </row>
    <row r="360965" spans="14:14">
      <c r="N360965" s="10"/>
    </row>
    <row r="360966" spans="14:14">
      <c r="N360966" s="10"/>
    </row>
    <row r="360967" spans="14:14">
      <c r="N360967" s="10"/>
    </row>
    <row r="360968" spans="14:14">
      <c r="N360968" s="10"/>
    </row>
    <row r="360969" spans="14:14">
      <c r="N360969" s="10"/>
    </row>
    <row r="360970" spans="14:14">
      <c r="N360970" s="10"/>
    </row>
    <row r="360971" spans="14:14">
      <c r="N360971" s="10"/>
    </row>
    <row r="360972" spans="14:14">
      <c r="N360972" s="10"/>
    </row>
    <row r="360973" spans="14:14">
      <c r="N360973" s="10"/>
    </row>
    <row r="360974" spans="14:14">
      <c r="N360974" s="10"/>
    </row>
    <row r="360975" spans="14:14">
      <c r="N360975" s="10"/>
    </row>
    <row r="360976" spans="14:14">
      <c r="N360976" s="10"/>
    </row>
    <row r="360977" spans="14:14">
      <c r="N360977" s="10"/>
    </row>
    <row r="360978" spans="14:14">
      <c r="N360978" s="10"/>
    </row>
    <row r="360979" spans="14:14">
      <c r="N360979" s="10"/>
    </row>
    <row r="360980" spans="14:14">
      <c r="N360980" s="10"/>
    </row>
    <row r="360981" spans="14:14">
      <c r="N360981" s="10"/>
    </row>
    <row r="360982" spans="14:14">
      <c r="N360982" s="10"/>
    </row>
    <row r="360983" spans="14:14">
      <c r="N360983" s="10"/>
    </row>
    <row r="360984" spans="14:14">
      <c r="N360984" s="10"/>
    </row>
    <row r="360985" spans="14:14">
      <c r="N360985" s="10"/>
    </row>
    <row r="360986" spans="14:14">
      <c r="N360986" s="10"/>
    </row>
    <row r="360987" spans="14:14">
      <c r="N360987" s="10"/>
    </row>
    <row r="360988" spans="14:14">
      <c r="N360988" s="10"/>
    </row>
    <row r="360989" spans="14:14">
      <c r="N360989" s="10"/>
    </row>
    <row r="360990" spans="14:14">
      <c r="N360990" s="10"/>
    </row>
    <row r="360991" spans="14:14">
      <c r="N360991" s="10"/>
    </row>
    <row r="360992" spans="14:14">
      <c r="N360992" s="10"/>
    </row>
    <row r="360993" spans="14:14">
      <c r="N360993" s="10"/>
    </row>
    <row r="360994" spans="14:14">
      <c r="N360994" s="10"/>
    </row>
    <row r="360995" spans="14:14">
      <c r="N360995" s="10"/>
    </row>
    <row r="360996" spans="14:14">
      <c r="N360996" s="10"/>
    </row>
    <row r="360997" spans="14:14">
      <c r="N360997" s="10"/>
    </row>
    <row r="360998" spans="14:14">
      <c r="N360998" s="10"/>
    </row>
    <row r="360999" spans="14:14">
      <c r="N360999" s="10"/>
    </row>
    <row r="361000" spans="14:14">
      <c r="N361000" s="10"/>
    </row>
    <row r="361001" spans="14:14">
      <c r="N361001" s="10"/>
    </row>
    <row r="361002" spans="14:14">
      <c r="N361002" s="10"/>
    </row>
    <row r="361003" spans="14:14">
      <c r="N361003" s="10"/>
    </row>
    <row r="361004" spans="14:14">
      <c r="N361004" s="10"/>
    </row>
    <row r="361005" spans="14:14">
      <c r="N361005" s="10"/>
    </row>
    <row r="361006" spans="14:14">
      <c r="N361006" s="10"/>
    </row>
    <row r="361007" spans="14:14">
      <c r="N361007" s="10"/>
    </row>
    <row r="361008" spans="14:14">
      <c r="N361008" s="10"/>
    </row>
    <row r="361009" spans="14:14">
      <c r="N361009" s="10"/>
    </row>
    <row r="361010" spans="14:14">
      <c r="N361010" s="10"/>
    </row>
    <row r="361011" spans="14:14">
      <c r="N361011" s="10"/>
    </row>
    <row r="361012" spans="14:14">
      <c r="N361012" s="10"/>
    </row>
    <row r="361013" spans="14:14">
      <c r="N361013" s="10"/>
    </row>
    <row r="361014" spans="14:14">
      <c r="N361014" s="10"/>
    </row>
    <row r="361015" spans="14:14">
      <c r="N361015" s="10"/>
    </row>
    <row r="361016" spans="14:14">
      <c r="N361016" s="10"/>
    </row>
    <row r="361017" spans="14:14">
      <c r="N361017" s="10"/>
    </row>
    <row r="361018" spans="14:14">
      <c r="N361018" s="10"/>
    </row>
    <row r="361019" spans="14:14">
      <c r="N361019" s="10"/>
    </row>
    <row r="361020" spans="14:14">
      <c r="N361020" s="10"/>
    </row>
    <row r="361021" spans="14:14">
      <c r="N361021" s="10"/>
    </row>
    <row r="361022" spans="14:14">
      <c r="N361022" s="10"/>
    </row>
    <row r="361023" spans="14:14">
      <c r="N361023" s="10"/>
    </row>
    <row r="361024" spans="14:14">
      <c r="N361024" s="10"/>
    </row>
    <row r="361025" spans="14:14">
      <c r="N361025" s="10"/>
    </row>
    <row r="361026" spans="14:14">
      <c r="N361026" s="10"/>
    </row>
    <row r="361027" spans="14:14">
      <c r="N361027" s="10"/>
    </row>
    <row r="361028" spans="14:14">
      <c r="N361028" s="10"/>
    </row>
    <row r="361029" spans="14:14">
      <c r="N361029" s="10"/>
    </row>
    <row r="361030" spans="14:14">
      <c r="N361030" s="10"/>
    </row>
    <row r="361031" spans="14:14">
      <c r="N361031" s="10"/>
    </row>
    <row r="361032" spans="14:14">
      <c r="N361032" s="10"/>
    </row>
    <row r="361033" spans="14:14">
      <c r="N361033" s="10"/>
    </row>
    <row r="361034" spans="14:14">
      <c r="N361034" s="10"/>
    </row>
    <row r="361035" spans="14:14">
      <c r="N361035" s="10"/>
    </row>
    <row r="361036" spans="14:14">
      <c r="N361036" s="10"/>
    </row>
    <row r="361037" spans="14:14">
      <c r="N361037" s="10"/>
    </row>
    <row r="361038" spans="14:14">
      <c r="N361038" s="10"/>
    </row>
    <row r="361039" spans="14:14">
      <c r="N361039" s="10"/>
    </row>
    <row r="361040" spans="14:14">
      <c r="N361040" s="10"/>
    </row>
    <row r="361041" spans="14:14">
      <c r="N361041" s="10"/>
    </row>
    <row r="361042" spans="14:14">
      <c r="N361042" s="10"/>
    </row>
    <row r="361043" spans="14:14">
      <c r="N361043" s="10"/>
    </row>
    <row r="361044" spans="14:14">
      <c r="N361044" s="10"/>
    </row>
    <row r="361045" spans="14:14">
      <c r="N361045" s="10"/>
    </row>
    <row r="361046" spans="14:14">
      <c r="N361046" s="10"/>
    </row>
    <row r="361047" spans="14:14">
      <c r="N361047" s="10"/>
    </row>
    <row r="361048" spans="14:14">
      <c r="N361048" s="10"/>
    </row>
    <row r="361049" spans="14:14">
      <c r="N361049" s="10"/>
    </row>
    <row r="361050" spans="14:14">
      <c r="N361050" s="10"/>
    </row>
    <row r="361051" spans="14:14">
      <c r="N361051" s="10"/>
    </row>
    <row r="361052" spans="14:14">
      <c r="N361052" s="10"/>
    </row>
    <row r="361053" spans="14:14">
      <c r="N361053" s="10"/>
    </row>
    <row r="361054" spans="14:14">
      <c r="N361054" s="10"/>
    </row>
    <row r="361055" spans="14:14">
      <c r="N361055" s="10"/>
    </row>
    <row r="361056" spans="14:14">
      <c r="N361056" s="10"/>
    </row>
    <row r="361057" spans="14:14">
      <c r="N361057" s="10"/>
    </row>
    <row r="361058" spans="14:14">
      <c r="N361058" s="10"/>
    </row>
    <row r="361059" spans="14:14">
      <c r="N361059" s="10"/>
    </row>
    <row r="361060" spans="14:14">
      <c r="N361060" s="10"/>
    </row>
    <row r="361061" spans="14:14">
      <c r="N361061" s="10"/>
    </row>
    <row r="361062" spans="14:14">
      <c r="N361062" s="10"/>
    </row>
    <row r="361063" spans="14:14">
      <c r="N361063" s="10"/>
    </row>
    <row r="361064" spans="14:14">
      <c r="N361064" s="10"/>
    </row>
    <row r="361065" spans="14:14">
      <c r="N361065" s="10"/>
    </row>
    <row r="361066" spans="14:14">
      <c r="N361066" s="10"/>
    </row>
    <row r="361067" spans="14:14">
      <c r="N361067" s="10"/>
    </row>
    <row r="361068" spans="14:14">
      <c r="N361068" s="10"/>
    </row>
    <row r="361069" spans="14:14">
      <c r="N361069" s="10"/>
    </row>
    <row r="361070" spans="14:14">
      <c r="N361070" s="10"/>
    </row>
    <row r="361071" spans="14:14">
      <c r="N361071" s="10"/>
    </row>
    <row r="361072" spans="14:14">
      <c r="N361072" s="10"/>
    </row>
    <row r="361073" spans="14:14">
      <c r="N361073" s="10"/>
    </row>
    <row r="361074" spans="14:14">
      <c r="N361074" s="10"/>
    </row>
    <row r="361075" spans="14:14">
      <c r="N361075" s="10"/>
    </row>
    <row r="361076" spans="14:14">
      <c r="N361076" s="10"/>
    </row>
    <row r="361077" spans="14:14">
      <c r="N361077" s="10"/>
    </row>
    <row r="361078" spans="14:14">
      <c r="N361078" s="10"/>
    </row>
    <row r="361079" spans="14:14">
      <c r="N361079" s="10"/>
    </row>
    <row r="361080" spans="14:14">
      <c r="N361080" s="10"/>
    </row>
    <row r="361081" spans="14:14">
      <c r="N361081" s="10"/>
    </row>
    <row r="361082" spans="14:14">
      <c r="N361082" s="10"/>
    </row>
    <row r="361083" spans="14:14">
      <c r="N361083" s="10"/>
    </row>
    <row r="361084" spans="14:14">
      <c r="N361084" s="10"/>
    </row>
    <row r="361085" spans="14:14">
      <c r="N361085" s="10"/>
    </row>
    <row r="361086" spans="14:14">
      <c r="N361086" s="10"/>
    </row>
    <row r="361087" spans="14:14">
      <c r="N361087" s="10"/>
    </row>
    <row r="361088" spans="14:14">
      <c r="N361088" s="10"/>
    </row>
    <row r="361089" spans="14:14">
      <c r="N361089" s="10"/>
    </row>
    <row r="361090" spans="14:14">
      <c r="N361090" s="10"/>
    </row>
    <row r="361091" spans="14:14">
      <c r="N361091" s="10"/>
    </row>
    <row r="361092" spans="14:14">
      <c r="N361092" s="10"/>
    </row>
    <row r="361093" spans="14:14">
      <c r="N361093" s="10"/>
    </row>
    <row r="361094" spans="14:14">
      <c r="N361094" s="10"/>
    </row>
    <row r="361095" spans="14:14">
      <c r="N361095" s="10"/>
    </row>
    <row r="361096" spans="14:14">
      <c r="N361096" s="10"/>
    </row>
    <row r="361097" spans="14:14">
      <c r="N361097" s="10"/>
    </row>
    <row r="361098" spans="14:14">
      <c r="N361098" s="10"/>
    </row>
    <row r="361099" spans="14:14">
      <c r="N361099" s="10"/>
    </row>
    <row r="361100" spans="14:14">
      <c r="N361100" s="10"/>
    </row>
    <row r="361101" spans="14:14">
      <c r="N361101" s="10"/>
    </row>
    <row r="361102" spans="14:14">
      <c r="N361102" s="10"/>
    </row>
    <row r="361103" spans="14:14">
      <c r="N361103" s="10"/>
    </row>
    <row r="361104" spans="14:14">
      <c r="N361104" s="10"/>
    </row>
    <row r="361105" spans="14:14">
      <c r="N361105" s="10"/>
    </row>
    <row r="361106" spans="14:14">
      <c r="N361106" s="10"/>
    </row>
    <row r="361107" spans="14:14">
      <c r="N361107" s="10"/>
    </row>
    <row r="361108" spans="14:14">
      <c r="N361108" s="10"/>
    </row>
    <row r="361109" spans="14:14">
      <c r="N361109" s="10"/>
    </row>
    <row r="361110" spans="14:14">
      <c r="N361110" s="10"/>
    </row>
    <row r="361111" spans="14:14">
      <c r="N361111" s="10"/>
    </row>
    <row r="361112" spans="14:14">
      <c r="N361112" s="10"/>
    </row>
    <row r="361113" spans="14:14">
      <c r="N361113" s="10"/>
    </row>
    <row r="361114" spans="14:14">
      <c r="N361114" s="10"/>
    </row>
    <row r="361115" spans="14:14">
      <c r="N361115" s="10"/>
    </row>
    <row r="361116" spans="14:14">
      <c r="N361116" s="10"/>
    </row>
    <row r="361117" spans="14:14">
      <c r="N361117" s="10"/>
    </row>
    <row r="361118" spans="14:14">
      <c r="N361118" s="10"/>
    </row>
    <row r="361119" spans="14:14">
      <c r="N361119" s="10"/>
    </row>
    <row r="361120" spans="14:14">
      <c r="N361120" s="10"/>
    </row>
    <row r="361121" spans="14:14">
      <c r="N361121" s="10"/>
    </row>
    <row r="361122" spans="14:14">
      <c r="N361122" s="10"/>
    </row>
    <row r="361123" spans="14:14">
      <c r="N361123" s="10"/>
    </row>
    <row r="361124" spans="14:14">
      <c r="N361124" s="10"/>
    </row>
    <row r="361125" spans="14:14">
      <c r="N361125" s="10"/>
    </row>
    <row r="361126" spans="14:14">
      <c r="N361126" s="10"/>
    </row>
    <row r="361127" spans="14:14">
      <c r="N361127" s="10"/>
    </row>
    <row r="361128" spans="14:14">
      <c r="N361128" s="10"/>
    </row>
    <row r="361129" spans="14:14">
      <c r="N361129" s="10"/>
    </row>
    <row r="361130" spans="14:14">
      <c r="N361130" s="10"/>
    </row>
    <row r="361131" spans="14:14">
      <c r="N361131" s="10"/>
    </row>
    <row r="361132" spans="14:14">
      <c r="N361132" s="10"/>
    </row>
    <row r="361133" spans="14:14">
      <c r="N361133" s="10"/>
    </row>
    <row r="361134" spans="14:14">
      <c r="N361134" s="10"/>
    </row>
    <row r="361135" spans="14:14">
      <c r="N361135" s="10"/>
    </row>
    <row r="361136" spans="14:14">
      <c r="N361136" s="10"/>
    </row>
    <row r="361137" spans="14:14">
      <c r="N361137" s="10"/>
    </row>
    <row r="361138" spans="14:14">
      <c r="N361138" s="10"/>
    </row>
    <row r="361139" spans="14:14">
      <c r="N361139" s="10"/>
    </row>
    <row r="361140" spans="14:14">
      <c r="N361140" s="10"/>
    </row>
    <row r="361141" spans="14:14">
      <c r="N361141" s="10"/>
    </row>
    <row r="361142" spans="14:14">
      <c r="N361142" s="10"/>
    </row>
    <row r="361143" spans="14:14">
      <c r="N361143" s="10"/>
    </row>
    <row r="361144" spans="14:14">
      <c r="N361144" s="10"/>
    </row>
    <row r="361145" spans="14:14">
      <c r="N361145" s="10"/>
    </row>
    <row r="361146" spans="14:14">
      <c r="N361146" s="10"/>
    </row>
    <row r="361147" spans="14:14">
      <c r="N361147" s="10"/>
    </row>
    <row r="361148" spans="14:14">
      <c r="N361148" s="10"/>
    </row>
    <row r="361149" spans="14:14">
      <c r="N361149" s="10"/>
    </row>
    <row r="361150" spans="14:14">
      <c r="N361150" s="10"/>
    </row>
    <row r="361151" spans="14:14">
      <c r="N361151" s="10"/>
    </row>
    <row r="361152" spans="14:14">
      <c r="N361152" s="10"/>
    </row>
    <row r="361153" spans="14:14">
      <c r="N361153" s="10"/>
    </row>
    <row r="361154" spans="14:14">
      <c r="N361154" s="10"/>
    </row>
    <row r="361155" spans="14:14">
      <c r="N361155" s="10"/>
    </row>
    <row r="361156" spans="14:14">
      <c r="N361156" s="10"/>
    </row>
    <row r="361157" spans="14:14">
      <c r="N361157" s="10"/>
    </row>
    <row r="361158" spans="14:14">
      <c r="N361158" s="10"/>
    </row>
    <row r="361159" spans="14:14">
      <c r="N361159" s="10"/>
    </row>
    <row r="361160" spans="14:14">
      <c r="N361160" s="10"/>
    </row>
    <row r="361161" spans="14:14">
      <c r="N361161" s="10"/>
    </row>
    <row r="361162" spans="14:14">
      <c r="N361162" s="10"/>
    </row>
    <row r="361163" spans="14:14">
      <c r="N361163" s="10"/>
    </row>
    <row r="361164" spans="14:14">
      <c r="N361164" s="10"/>
    </row>
    <row r="361165" spans="14:14">
      <c r="N361165" s="10"/>
    </row>
    <row r="361166" spans="14:14">
      <c r="N361166" s="10"/>
    </row>
    <row r="361167" spans="14:14">
      <c r="N361167" s="10"/>
    </row>
    <row r="361168" spans="14:14">
      <c r="N361168" s="10"/>
    </row>
    <row r="361169" spans="14:14">
      <c r="N361169" s="10"/>
    </row>
    <row r="361170" spans="14:14">
      <c r="N361170" s="10"/>
    </row>
    <row r="361171" spans="14:14">
      <c r="N361171" s="10"/>
    </row>
    <row r="361172" spans="14:14">
      <c r="N361172" s="10"/>
    </row>
    <row r="361173" spans="14:14">
      <c r="N361173" s="10"/>
    </row>
    <row r="361174" spans="14:14">
      <c r="N361174" s="10"/>
    </row>
    <row r="361175" spans="14:14">
      <c r="N361175" s="10"/>
    </row>
    <row r="361176" spans="14:14">
      <c r="N361176" s="10"/>
    </row>
    <row r="361177" spans="14:14">
      <c r="N361177" s="10"/>
    </row>
    <row r="361178" spans="14:14">
      <c r="N361178" s="10"/>
    </row>
    <row r="361179" spans="14:14">
      <c r="N361179" s="10"/>
    </row>
    <row r="361180" spans="14:14">
      <c r="N361180" s="10"/>
    </row>
    <row r="361181" spans="14:14">
      <c r="N361181" s="10"/>
    </row>
    <row r="361182" spans="14:14">
      <c r="N361182" s="10"/>
    </row>
    <row r="361183" spans="14:14">
      <c r="N361183" s="10"/>
    </row>
    <row r="361184" spans="14:14">
      <c r="N361184" s="10"/>
    </row>
    <row r="361185" spans="14:14">
      <c r="N361185" s="10"/>
    </row>
    <row r="361186" spans="14:14">
      <c r="N361186" s="10"/>
    </row>
    <row r="361187" spans="14:14">
      <c r="N361187" s="10"/>
    </row>
    <row r="361188" spans="14:14">
      <c r="N361188" s="10"/>
    </row>
    <row r="361189" spans="14:14">
      <c r="N361189" s="10"/>
    </row>
    <row r="361190" spans="14:14">
      <c r="N361190" s="10"/>
    </row>
    <row r="361191" spans="14:14">
      <c r="N361191" s="10"/>
    </row>
    <row r="361192" spans="14:14">
      <c r="N361192" s="10"/>
    </row>
    <row r="361193" spans="14:14">
      <c r="N361193" s="10"/>
    </row>
    <row r="361194" spans="14:14">
      <c r="N361194" s="10"/>
    </row>
    <row r="361195" spans="14:14">
      <c r="N361195" s="10"/>
    </row>
    <row r="361196" spans="14:14">
      <c r="N361196" s="10"/>
    </row>
    <row r="361197" spans="14:14">
      <c r="N361197" s="10"/>
    </row>
    <row r="361198" spans="14:14">
      <c r="N361198" s="10"/>
    </row>
    <row r="361199" spans="14:14">
      <c r="N361199" s="10"/>
    </row>
    <row r="361200" spans="14:14">
      <c r="N361200" s="10"/>
    </row>
    <row r="361201" spans="14:14">
      <c r="N361201" s="10"/>
    </row>
    <row r="361202" spans="14:14">
      <c r="N361202" s="10"/>
    </row>
    <row r="361203" spans="14:14">
      <c r="N361203" s="10"/>
    </row>
    <row r="361204" spans="14:14">
      <c r="N361204" s="10"/>
    </row>
    <row r="361205" spans="14:14">
      <c r="N361205" s="10"/>
    </row>
    <row r="361206" spans="14:14">
      <c r="N361206" s="10"/>
    </row>
    <row r="361207" spans="14:14">
      <c r="N361207" s="10"/>
    </row>
    <row r="361208" spans="14:14">
      <c r="N361208" s="10"/>
    </row>
    <row r="361209" spans="14:14">
      <c r="N361209" s="10"/>
    </row>
    <row r="361210" spans="14:14">
      <c r="N361210" s="10"/>
    </row>
    <row r="361211" spans="14:14">
      <c r="N361211" s="10"/>
    </row>
    <row r="361212" spans="14:14">
      <c r="N361212" s="10"/>
    </row>
    <row r="361213" spans="14:14">
      <c r="N361213" s="10"/>
    </row>
    <row r="361214" spans="14:14">
      <c r="N361214" s="10"/>
    </row>
    <row r="361215" spans="14:14">
      <c r="N361215" s="10"/>
    </row>
    <row r="361216" spans="14:14">
      <c r="N361216" s="10"/>
    </row>
    <row r="361217" spans="14:14">
      <c r="N361217" s="10"/>
    </row>
    <row r="361218" spans="14:14">
      <c r="N361218" s="10"/>
    </row>
    <row r="361219" spans="14:14">
      <c r="N361219" s="10"/>
    </row>
    <row r="361220" spans="14:14">
      <c r="N361220" s="10"/>
    </row>
    <row r="361221" spans="14:14">
      <c r="N361221" s="10"/>
    </row>
    <row r="361222" spans="14:14">
      <c r="N361222" s="10"/>
    </row>
    <row r="361223" spans="14:14">
      <c r="N361223" s="10"/>
    </row>
    <row r="361224" spans="14:14">
      <c r="N361224" s="10"/>
    </row>
    <row r="361225" spans="14:14">
      <c r="N361225" s="10"/>
    </row>
    <row r="361226" spans="14:14">
      <c r="N361226" s="10"/>
    </row>
    <row r="361227" spans="14:14">
      <c r="N361227" s="10"/>
    </row>
    <row r="361228" spans="14:14">
      <c r="N361228" s="10"/>
    </row>
    <row r="361229" spans="14:14">
      <c r="N361229" s="10"/>
    </row>
    <row r="361230" spans="14:14">
      <c r="N361230" s="10"/>
    </row>
    <row r="361231" spans="14:14">
      <c r="N361231" s="10"/>
    </row>
    <row r="361232" spans="14:14">
      <c r="N361232" s="10"/>
    </row>
    <row r="361233" spans="14:14">
      <c r="N361233" s="10"/>
    </row>
    <row r="361234" spans="14:14">
      <c r="N361234" s="10"/>
    </row>
    <row r="361235" spans="14:14">
      <c r="N361235" s="10"/>
    </row>
    <row r="361236" spans="14:14">
      <c r="N361236" s="10"/>
    </row>
    <row r="361237" spans="14:14">
      <c r="N361237" s="10"/>
    </row>
    <row r="361238" spans="14:14">
      <c r="N361238" s="10"/>
    </row>
    <row r="361239" spans="14:14">
      <c r="N361239" s="10"/>
    </row>
    <row r="361240" spans="14:14">
      <c r="N361240" s="10"/>
    </row>
    <row r="361241" spans="14:14">
      <c r="N361241" s="10"/>
    </row>
    <row r="361242" spans="14:14">
      <c r="N361242" s="10"/>
    </row>
    <row r="361243" spans="14:14">
      <c r="N361243" s="10"/>
    </row>
    <row r="361244" spans="14:14">
      <c r="N361244" s="10"/>
    </row>
    <row r="361245" spans="14:14">
      <c r="N361245" s="10"/>
    </row>
    <row r="361246" spans="14:14">
      <c r="N361246" s="10"/>
    </row>
    <row r="361247" spans="14:14">
      <c r="N361247" s="10"/>
    </row>
    <row r="361248" spans="14:14">
      <c r="N361248" s="10"/>
    </row>
    <row r="361249" spans="14:14">
      <c r="N361249" s="10"/>
    </row>
    <row r="361250" spans="14:14">
      <c r="N361250" s="10"/>
    </row>
    <row r="361251" spans="14:14">
      <c r="N361251" s="10"/>
    </row>
    <row r="361252" spans="14:14">
      <c r="N361252" s="10"/>
    </row>
    <row r="361253" spans="14:14">
      <c r="N361253" s="10"/>
    </row>
    <row r="361254" spans="14:14">
      <c r="N361254" s="10"/>
    </row>
    <row r="361255" spans="14:14">
      <c r="N361255" s="10"/>
    </row>
    <row r="361256" spans="14:14">
      <c r="N361256" s="10"/>
    </row>
    <row r="361257" spans="14:14">
      <c r="N361257" s="10"/>
    </row>
    <row r="361258" spans="14:14">
      <c r="N361258" s="10"/>
    </row>
    <row r="361259" spans="14:14">
      <c r="N361259" s="10"/>
    </row>
    <row r="361260" spans="14:14">
      <c r="N361260" s="10"/>
    </row>
    <row r="361261" spans="14:14">
      <c r="N361261" s="10"/>
    </row>
    <row r="361262" spans="14:14">
      <c r="N361262" s="10"/>
    </row>
    <row r="361263" spans="14:14">
      <c r="N361263" s="10"/>
    </row>
    <row r="361264" spans="14:14">
      <c r="N361264" s="10"/>
    </row>
    <row r="361265" spans="14:14">
      <c r="N361265" s="10"/>
    </row>
    <row r="361266" spans="14:14">
      <c r="N361266" s="10"/>
    </row>
    <row r="361267" spans="14:14">
      <c r="N361267" s="10"/>
    </row>
    <row r="361268" spans="14:14">
      <c r="N361268" s="10"/>
    </row>
    <row r="361269" spans="14:14">
      <c r="N361269" s="10"/>
    </row>
    <row r="361270" spans="14:14">
      <c r="N361270" s="10"/>
    </row>
    <row r="361271" spans="14:14">
      <c r="N361271" s="10"/>
    </row>
    <row r="361272" spans="14:14">
      <c r="N361272" s="10"/>
    </row>
    <row r="361273" spans="14:14">
      <c r="N361273" s="10"/>
    </row>
    <row r="361274" spans="14:14">
      <c r="N361274" s="10"/>
    </row>
    <row r="361275" spans="14:14">
      <c r="N361275" s="10"/>
    </row>
    <row r="361276" spans="14:14">
      <c r="N361276" s="10"/>
    </row>
    <row r="361277" spans="14:14">
      <c r="N361277" s="10"/>
    </row>
    <row r="361278" spans="14:14">
      <c r="N361278" s="10"/>
    </row>
    <row r="361279" spans="14:14">
      <c r="N361279" s="10"/>
    </row>
    <row r="361280" spans="14:14">
      <c r="N361280" s="10"/>
    </row>
    <row r="361281" spans="14:14">
      <c r="N361281" s="10"/>
    </row>
    <row r="361282" spans="14:14">
      <c r="N361282" s="10"/>
    </row>
    <row r="361283" spans="14:14">
      <c r="N361283" s="10"/>
    </row>
    <row r="361284" spans="14:14">
      <c r="N361284" s="10"/>
    </row>
    <row r="361285" spans="14:14">
      <c r="N361285" s="10"/>
    </row>
    <row r="361286" spans="14:14">
      <c r="N361286" s="10"/>
    </row>
    <row r="361287" spans="14:14">
      <c r="N361287" s="10"/>
    </row>
    <row r="361288" spans="14:14">
      <c r="N361288" s="10"/>
    </row>
    <row r="361289" spans="14:14">
      <c r="N361289" s="10"/>
    </row>
    <row r="361290" spans="14:14">
      <c r="N361290" s="10"/>
    </row>
    <row r="361291" spans="14:14">
      <c r="N361291" s="10"/>
    </row>
    <row r="361292" spans="14:14">
      <c r="N361292" s="10"/>
    </row>
    <row r="361293" spans="14:14">
      <c r="N361293" s="10"/>
    </row>
    <row r="361294" spans="14:14">
      <c r="N361294" s="10"/>
    </row>
    <row r="361295" spans="14:14">
      <c r="N361295" s="10"/>
    </row>
    <row r="361296" spans="14:14">
      <c r="N361296" s="10"/>
    </row>
    <row r="361297" spans="14:14">
      <c r="N361297" s="10"/>
    </row>
    <row r="361298" spans="14:14">
      <c r="N361298" s="10"/>
    </row>
    <row r="361299" spans="14:14">
      <c r="N361299" s="10"/>
    </row>
    <row r="361300" spans="14:14">
      <c r="N361300" s="10"/>
    </row>
    <row r="361301" spans="14:14">
      <c r="N361301" s="10"/>
    </row>
    <row r="361302" spans="14:14">
      <c r="N361302" s="10"/>
    </row>
    <row r="361303" spans="14:14">
      <c r="N361303" s="10"/>
    </row>
    <row r="361304" spans="14:14">
      <c r="N361304" s="10"/>
    </row>
    <row r="361305" spans="14:14">
      <c r="N361305" s="10"/>
    </row>
    <row r="361306" spans="14:14">
      <c r="N361306" s="10"/>
    </row>
    <row r="361307" spans="14:14">
      <c r="N361307" s="10"/>
    </row>
    <row r="361308" spans="14:14">
      <c r="N361308" s="10"/>
    </row>
    <row r="361309" spans="14:14">
      <c r="N361309" s="10"/>
    </row>
    <row r="361310" spans="14:14">
      <c r="N361310" s="10"/>
    </row>
    <row r="361311" spans="14:14">
      <c r="N361311" s="10"/>
    </row>
    <row r="361312" spans="14:14">
      <c r="N361312" s="10"/>
    </row>
    <row r="361313" spans="14:14">
      <c r="N361313" s="10"/>
    </row>
    <row r="361314" spans="14:14">
      <c r="N361314" s="10"/>
    </row>
    <row r="361315" spans="14:14">
      <c r="N361315" s="10"/>
    </row>
    <row r="361316" spans="14:14">
      <c r="N361316" s="10"/>
    </row>
    <row r="361317" spans="14:14">
      <c r="N361317" s="10"/>
    </row>
    <row r="361318" spans="14:14">
      <c r="N361318" s="10"/>
    </row>
    <row r="361319" spans="14:14">
      <c r="N361319" s="10"/>
    </row>
    <row r="361320" spans="14:14">
      <c r="N361320" s="10"/>
    </row>
    <row r="361321" spans="14:14">
      <c r="N361321" s="10"/>
    </row>
    <row r="361322" spans="14:14">
      <c r="N361322" s="10"/>
    </row>
    <row r="361323" spans="14:14">
      <c r="N361323" s="10"/>
    </row>
    <row r="361324" spans="14:14">
      <c r="N361324" s="10"/>
    </row>
    <row r="361325" spans="14:14">
      <c r="N361325" s="10"/>
    </row>
    <row r="361326" spans="14:14">
      <c r="N361326" s="10"/>
    </row>
    <row r="361327" spans="14:14">
      <c r="N361327" s="10"/>
    </row>
    <row r="361328" spans="14:14">
      <c r="N361328" s="10"/>
    </row>
    <row r="361329" spans="14:14">
      <c r="N361329" s="10"/>
    </row>
    <row r="361330" spans="14:14">
      <c r="N361330" s="10"/>
    </row>
    <row r="361331" spans="14:14">
      <c r="N361331" s="10"/>
    </row>
    <row r="361332" spans="14:14">
      <c r="N361332" s="10"/>
    </row>
    <row r="361333" spans="14:14">
      <c r="N361333" s="10"/>
    </row>
    <row r="361334" spans="14:14">
      <c r="N361334" s="10"/>
    </row>
    <row r="361335" spans="14:14">
      <c r="N361335" s="10"/>
    </row>
    <row r="361336" spans="14:14">
      <c r="N361336" s="10"/>
    </row>
    <row r="361337" spans="14:14">
      <c r="N361337" s="10"/>
    </row>
    <row r="361338" spans="14:14">
      <c r="N361338" s="10"/>
    </row>
    <row r="361339" spans="14:14">
      <c r="N361339" s="10"/>
    </row>
    <row r="361340" spans="14:14">
      <c r="N361340" s="10"/>
    </row>
    <row r="361341" spans="14:14">
      <c r="N361341" s="10"/>
    </row>
    <row r="361342" spans="14:14">
      <c r="N361342" s="10"/>
    </row>
    <row r="361343" spans="14:14">
      <c r="N361343" s="10"/>
    </row>
    <row r="361344" spans="14:14">
      <c r="N361344" s="10"/>
    </row>
    <row r="361345" spans="14:14">
      <c r="N361345" s="10"/>
    </row>
    <row r="361346" spans="14:14">
      <c r="N361346" s="10"/>
    </row>
    <row r="361347" spans="14:14">
      <c r="N361347" s="10"/>
    </row>
    <row r="361348" spans="14:14">
      <c r="N361348" s="10"/>
    </row>
    <row r="361349" spans="14:14">
      <c r="N361349" s="10"/>
    </row>
    <row r="361350" spans="14:14">
      <c r="N361350" s="10"/>
    </row>
    <row r="361351" spans="14:14">
      <c r="N361351" s="10"/>
    </row>
    <row r="361352" spans="14:14">
      <c r="N361352" s="10"/>
    </row>
    <row r="361353" spans="14:14">
      <c r="N361353" s="10"/>
    </row>
    <row r="361354" spans="14:14">
      <c r="N361354" s="10"/>
    </row>
    <row r="361355" spans="14:14">
      <c r="N361355" s="10"/>
    </row>
    <row r="361356" spans="14:14">
      <c r="N361356" s="10"/>
    </row>
    <row r="361357" spans="14:14">
      <c r="N361357" s="10"/>
    </row>
    <row r="361358" spans="14:14">
      <c r="N361358" s="10"/>
    </row>
    <row r="361359" spans="14:14">
      <c r="N361359" s="10"/>
    </row>
    <row r="361360" spans="14:14">
      <c r="N361360" s="10"/>
    </row>
    <row r="361361" spans="14:14">
      <c r="N361361" s="10"/>
    </row>
    <row r="361362" spans="14:14">
      <c r="N361362" s="10"/>
    </row>
    <row r="361363" spans="14:14">
      <c r="N361363" s="10"/>
    </row>
    <row r="361364" spans="14:14">
      <c r="N361364" s="10"/>
    </row>
    <row r="361365" spans="14:14">
      <c r="N361365" s="10"/>
    </row>
    <row r="361366" spans="14:14">
      <c r="N361366" s="10"/>
    </row>
    <row r="361367" spans="14:14">
      <c r="N361367" s="10"/>
    </row>
    <row r="361368" spans="14:14">
      <c r="N361368" s="10"/>
    </row>
    <row r="361369" spans="14:14">
      <c r="N361369" s="10"/>
    </row>
    <row r="361370" spans="14:14">
      <c r="N361370" s="10"/>
    </row>
    <row r="361371" spans="14:14">
      <c r="N361371" s="10"/>
    </row>
    <row r="361372" spans="14:14">
      <c r="N361372" s="10"/>
    </row>
    <row r="361373" spans="14:14">
      <c r="N361373" s="10"/>
    </row>
    <row r="361374" spans="14:14">
      <c r="N361374" s="10"/>
    </row>
    <row r="361375" spans="14:14">
      <c r="N361375" s="10"/>
    </row>
    <row r="361376" spans="14:14">
      <c r="N361376" s="10"/>
    </row>
    <row r="361377" spans="14:14">
      <c r="N361377" s="10"/>
    </row>
    <row r="361378" spans="14:14">
      <c r="N361378" s="10"/>
    </row>
    <row r="361379" spans="14:14">
      <c r="N361379" s="10"/>
    </row>
    <row r="361380" spans="14:14">
      <c r="N361380" s="10"/>
    </row>
    <row r="361381" spans="14:14">
      <c r="N361381" s="10"/>
    </row>
    <row r="361382" spans="14:14">
      <c r="N361382" s="10"/>
    </row>
    <row r="361383" spans="14:14">
      <c r="N361383" s="10"/>
    </row>
    <row r="361384" spans="14:14">
      <c r="N361384" s="10"/>
    </row>
    <row r="361385" spans="14:14">
      <c r="N361385" s="10"/>
    </row>
    <row r="361386" spans="14:14">
      <c r="N361386" s="10"/>
    </row>
    <row r="361387" spans="14:14">
      <c r="N361387" s="10"/>
    </row>
    <row r="361388" spans="14:14">
      <c r="N361388" s="10"/>
    </row>
    <row r="361389" spans="14:14">
      <c r="N361389" s="10"/>
    </row>
    <row r="361390" spans="14:14">
      <c r="N361390" s="10"/>
    </row>
    <row r="361391" spans="14:14">
      <c r="N361391" s="10"/>
    </row>
    <row r="361392" spans="14:14">
      <c r="N361392" s="10"/>
    </row>
    <row r="361393" spans="14:14">
      <c r="N361393" s="10"/>
    </row>
    <row r="361394" spans="14:14">
      <c r="N361394" s="10"/>
    </row>
    <row r="361395" spans="14:14">
      <c r="N361395" s="10"/>
    </row>
    <row r="361396" spans="14:14">
      <c r="N361396" s="10"/>
    </row>
    <row r="361397" spans="14:14">
      <c r="N361397" s="10"/>
    </row>
    <row r="361398" spans="14:14">
      <c r="N361398" s="10"/>
    </row>
    <row r="361399" spans="14:14">
      <c r="N361399" s="10"/>
    </row>
    <row r="361400" spans="14:14">
      <c r="N361400" s="10"/>
    </row>
    <row r="361401" spans="14:14">
      <c r="N361401" s="10"/>
    </row>
    <row r="361402" spans="14:14">
      <c r="N361402" s="10"/>
    </row>
    <row r="361403" spans="14:14">
      <c r="N361403" s="10"/>
    </row>
    <row r="361404" spans="14:14">
      <c r="N361404" s="10"/>
    </row>
    <row r="361405" spans="14:14">
      <c r="N361405" s="10"/>
    </row>
    <row r="361406" spans="14:14">
      <c r="N361406" s="10"/>
    </row>
    <row r="361407" spans="14:14">
      <c r="N361407" s="10"/>
    </row>
    <row r="361408" spans="14:14">
      <c r="N361408" s="10"/>
    </row>
    <row r="361409" spans="14:14">
      <c r="N361409" s="10"/>
    </row>
    <row r="361410" spans="14:14">
      <c r="N361410" s="10"/>
    </row>
    <row r="361411" spans="14:14">
      <c r="N361411" s="10"/>
    </row>
    <row r="361412" spans="14:14">
      <c r="N361412" s="10"/>
    </row>
    <row r="361413" spans="14:14">
      <c r="N361413" s="10"/>
    </row>
    <row r="361414" spans="14:14">
      <c r="N361414" s="10"/>
    </row>
    <row r="361415" spans="14:14">
      <c r="N361415" s="10"/>
    </row>
    <row r="361416" spans="14:14">
      <c r="N361416" s="10"/>
    </row>
    <row r="361417" spans="14:14">
      <c r="N361417" s="10"/>
    </row>
    <row r="361418" spans="14:14">
      <c r="N361418" s="10"/>
    </row>
    <row r="361419" spans="14:14">
      <c r="N361419" s="10"/>
    </row>
    <row r="361420" spans="14:14">
      <c r="N361420" s="10"/>
    </row>
    <row r="361421" spans="14:14">
      <c r="N361421" s="10"/>
    </row>
    <row r="361422" spans="14:14">
      <c r="N361422" s="10"/>
    </row>
    <row r="361423" spans="14:14">
      <c r="N361423" s="10"/>
    </row>
    <row r="361424" spans="14:14">
      <c r="N361424" s="10"/>
    </row>
    <row r="361425" spans="14:14">
      <c r="N361425" s="10"/>
    </row>
    <row r="361426" spans="14:14">
      <c r="N361426" s="10"/>
    </row>
    <row r="361427" spans="14:14">
      <c r="N361427" s="10"/>
    </row>
    <row r="361428" spans="14:14">
      <c r="N361428" s="10"/>
    </row>
    <row r="361429" spans="14:14">
      <c r="N361429" s="10"/>
    </row>
    <row r="361430" spans="14:14">
      <c r="N361430" s="10"/>
    </row>
    <row r="361431" spans="14:14">
      <c r="N361431" s="10"/>
    </row>
    <row r="361432" spans="14:14">
      <c r="N361432" s="10"/>
    </row>
    <row r="361433" spans="14:14">
      <c r="N361433" s="10"/>
    </row>
    <row r="361434" spans="14:14">
      <c r="N361434" s="10"/>
    </row>
    <row r="361435" spans="14:14">
      <c r="N361435" s="10"/>
    </row>
    <row r="361436" spans="14:14">
      <c r="N361436" s="10"/>
    </row>
    <row r="361437" spans="14:14">
      <c r="N361437" s="10"/>
    </row>
    <row r="361438" spans="14:14">
      <c r="N361438" s="10"/>
    </row>
    <row r="361439" spans="14:14">
      <c r="N361439" s="10"/>
    </row>
    <row r="361440" spans="14:14">
      <c r="N361440" s="10"/>
    </row>
    <row r="361441" spans="14:14">
      <c r="N361441" s="10"/>
    </row>
    <row r="361442" spans="14:14">
      <c r="N361442" s="10"/>
    </row>
    <row r="361443" spans="14:14">
      <c r="N361443" s="10"/>
    </row>
    <row r="361444" spans="14:14">
      <c r="N361444" s="10"/>
    </row>
    <row r="361445" spans="14:14">
      <c r="N361445" s="10"/>
    </row>
    <row r="361446" spans="14:14">
      <c r="N361446" s="10"/>
    </row>
    <row r="361447" spans="14:14">
      <c r="N361447" s="10"/>
    </row>
    <row r="361448" spans="14:14">
      <c r="N361448" s="10"/>
    </row>
    <row r="361449" spans="14:14">
      <c r="N361449" s="10"/>
    </row>
    <row r="361450" spans="14:14">
      <c r="N361450" s="10"/>
    </row>
    <row r="361451" spans="14:14">
      <c r="N361451" s="10"/>
    </row>
    <row r="361452" spans="14:14">
      <c r="N361452" s="10"/>
    </row>
    <row r="361453" spans="14:14">
      <c r="N361453" s="10"/>
    </row>
    <row r="361454" spans="14:14">
      <c r="N361454" s="10"/>
    </row>
    <row r="361455" spans="14:14">
      <c r="N361455" s="10"/>
    </row>
    <row r="361456" spans="14:14">
      <c r="N361456" s="10"/>
    </row>
    <row r="361457" spans="14:14">
      <c r="N361457" s="10"/>
    </row>
    <row r="361458" spans="14:14">
      <c r="N361458" s="10"/>
    </row>
    <row r="361459" spans="14:14">
      <c r="N361459" s="10"/>
    </row>
    <row r="361460" spans="14:14">
      <c r="N361460" s="10"/>
    </row>
    <row r="361461" spans="14:14">
      <c r="N361461" s="10"/>
    </row>
    <row r="361462" spans="14:14">
      <c r="N361462" s="10"/>
    </row>
    <row r="361463" spans="14:14">
      <c r="N361463" s="10"/>
    </row>
    <row r="361464" spans="14:14">
      <c r="N361464" s="10"/>
    </row>
    <row r="361465" spans="14:14">
      <c r="N361465" s="10"/>
    </row>
    <row r="361466" spans="14:14">
      <c r="N361466" s="10"/>
    </row>
    <row r="361467" spans="14:14">
      <c r="N361467" s="10"/>
    </row>
    <row r="361468" spans="14:14">
      <c r="N361468" s="10"/>
    </row>
    <row r="361469" spans="14:14">
      <c r="N361469" s="10"/>
    </row>
    <row r="361470" spans="14:14">
      <c r="N361470" s="10"/>
    </row>
    <row r="361471" spans="14:14">
      <c r="N361471" s="10"/>
    </row>
    <row r="361472" spans="14:14">
      <c r="N361472" s="10"/>
    </row>
    <row r="361473" spans="14:14">
      <c r="N361473" s="10"/>
    </row>
    <row r="361474" spans="14:14">
      <c r="N361474" s="10"/>
    </row>
    <row r="361475" spans="14:14">
      <c r="N361475" s="10"/>
    </row>
    <row r="361476" spans="14:14">
      <c r="N361476" s="10"/>
    </row>
    <row r="361477" spans="14:14">
      <c r="N361477" s="10"/>
    </row>
    <row r="361478" spans="14:14">
      <c r="N361478" s="10"/>
    </row>
    <row r="361479" spans="14:14">
      <c r="N361479" s="10"/>
    </row>
    <row r="361480" spans="14:14">
      <c r="N361480" s="10"/>
    </row>
    <row r="361481" spans="14:14">
      <c r="N361481" s="10"/>
    </row>
    <row r="361482" spans="14:14">
      <c r="N361482" s="10"/>
    </row>
    <row r="361483" spans="14:14">
      <c r="N361483" s="10"/>
    </row>
    <row r="361484" spans="14:14">
      <c r="N361484" s="10"/>
    </row>
    <row r="361485" spans="14:14">
      <c r="N361485" s="10"/>
    </row>
    <row r="361486" spans="14:14">
      <c r="N361486" s="10"/>
    </row>
    <row r="361487" spans="14:14">
      <c r="N361487" s="10"/>
    </row>
    <row r="361488" spans="14:14">
      <c r="N361488" s="10"/>
    </row>
    <row r="361489" spans="14:14">
      <c r="N361489" s="10"/>
    </row>
    <row r="361490" spans="14:14">
      <c r="N361490" s="10"/>
    </row>
    <row r="361491" spans="14:14">
      <c r="N361491" s="10"/>
    </row>
    <row r="361492" spans="14:14">
      <c r="N361492" s="10"/>
    </row>
    <row r="361493" spans="14:14">
      <c r="N361493" s="10"/>
    </row>
    <row r="361494" spans="14:14">
      <c r="N361494" s="10"/>
    </row>
    <row r="361495" spans="14:14">
      <c r="N361495" s="10"/>
    </row>
    <row r="361496" spans="14:14">
      <c r="N361496" s="10"/>
    </row>
    <row r="361497" spans="14:14">
      <c r="N361497" s="10"/>
    </row>
    <row r="361498" spans="14:14">
      <c r="N361498" s="10"/>
    </row>
    <row r="361499" spans="14:14">
      <c r="N361499" s="10"/>
    </row>
    <row r="361500" spans="14:14">
      <c r="N361500" s="10"/>
    </row>
    <row r="361501" spans="14:14">
      <c r="N361501" s="10"/>
    </row>
    <row r="361502" spans="14:14">
      <c r="N361502" s="10"/>
    </row>
    <row r="361503" spans="14:14">
      <c r="N361503" s="10"/>
    </row>
    <row r="361504" spans="14:14">
      <c r="N361504" s="10"/>
    </row>
    <row r="361505" spans="14:14">
      <c r="N361505" s="10"/>
    </row>
    <row r="361506" spans="14:14">
      <c r="N361506" s="10"/>
    </row>
    <row r="361507" spans="14:14">
      <c r="N361507" s="10"/>
    </row>
    <row r="361508" spans="14:14">
      <c r="N361508" s="10"/>
    </row>
    <row r="361509" spans="14:14">
      <c r="N361509" s="10"/>
    </row>
    <row r="361510" spans="14:14">
      <c r="N361510" s="10"/>
    </row>
    <row r="361511" spans="14:14">
      <c r="N361511" s="10"/>
    </row>
    <row r="361512" spans="14:14">
      <c r="N361512" s="10"/>
    </row>
    <row r="361513" spans="14:14">
      <c r="N361513" s="10"/>
    </row>
    <row r="361514" spans="14:14">
      <c r="N361514" s="10"/>
    </row>
    <row r="361515" spans="14:14">
      <c r="N361515" s="10"/>
    </row>
    <row r="361516" spans="14:14">
      <c r="N361516" s="10"/>
    </row>
    <row r="361517" spans="14:14">
      <c r="N361517" s="10"/>
    </row>
    <row r="361518" spans="14:14">
      <c r="N361518" s="10"/>
    </row>
    <row r="361519" spans="14:14">
      <c r="N361519" s="10"/>
    </row>
    <row r="361520" spans="14:14">
      <c r="N361520" s="10"/>
    </row>
    <row r="361521" spans="14:14">
      <c r="N361521" s="10"/>
    </row>
    <row r="361522" spans="14:14">
      <c r="N361522" s="10"/>
    </row>
    <row r="361523" spans="14:14">
      <c r="N361523" s="10"/>
    </row>
    <row r="361524" spans="14:14">
      <c r="N361524" s="10"/>
    </row>
    <row r="361525" spans="14:14">
      <c r="N361525" s="10"/>
    </row>
    <row r="361526" spans="14:14">
      <c r="N361526" s="10"/>
    </row>
    <row r="361527" spans="14:14">
      <c r="N361527" s="10"/>
    </row>
    <row r="361528" spans="14:14">
      <c r="N361528" s="10"/>
    </row>
    <row r="361529" spans="14:14">
      <c r="N361529" s="10"/>
    </row>
    <row r="361530" spans="14:14">
      <c r="N361530" s="10"/>
    </row>
    <row r="361531" spans="14:14">
      <c r="N361531" s="10"/>
    </row>
    <row r="361532" spans="14:14">
      <c r="N361532" s="10"/>
    </row>
    <row r="361533" spans="14:14">
      <c r="N361533" s="10"/>
    </row>
    <row r="361534" spans="14:14">
      <c r="N361534" s="10"/>
    </row>
    <row r="361535" spans="14:14">
      <c r="N361535" s="10"/>
    </row>
    <row r="361536" spans="14:14">
      <c r="N361536" s="10"/>
    </row>
    <row r="361537" spans="14:14">
      <c r="N361537" s="10"/>
    </row>
    <row r="361538" spans="14:14">
      <c r="N361538" s="10"/>
    </row>
    <row r="361539" spans="14:14">
      <c r="N361539" s="10"/>
    </row>
    <row r="361540" spans="14:14">
      <c r="N361540" s="10"/>
    </row>
    <row r="361541" spans="14:14">
      <c r="N361541" s="10"/>
    </row>
    <row r="361542" spans="14:14">
      <c r="N361542" s="10"/>
    </row>
    <row r="361543" spans="14:14">
      <c r="N361543" s="10"/>
    </row>
    <row r="361544" spans="14:14">
      <c r="N361544" s="10"/>
    </row>
    <row r="361545" spans="14:14">
      <c r="N361545" s="10"/>
    </row>
    <row r="361546" spans="14:14">
      <c r="N361546" s="10"/>
    </row>
    <row r="361547" spans="14:14">
      <c r="N361547" s="10"/>
    </row>
    <row r="361548" spans="14:14">
      <c r="N361548" s="10"/>
    </row>
    <row r="361549" spans="14:14">
      <c r="N361549" s="10"/>
    </row>
    <row r="361550" spans="14:14">
      <c r="N361550" s="10"/>
    </row>
    <row r="361551" spans="14:14">
      <c r="N361551" s="10"/>
    </row>
    <row r="361552" spans="14:14">
      <c r="N361552" s="10"/>
    </row>
    <row r="361553" spans="14:14">
      <c r="N361553" s="10"/>
    </row>
    <row r="361554" spans="14:14">
      <c r="N361554" s="10"/>
    </row>
    <row r="361555" spans="14:14">
      <c r="N361555" s="10"/>
    </row>
    <row r="361556" spans="14:14">
      <c r="N361556" s="10"/>
    </row>
    <row r="361557" spans="14:14">
      <c r="N361557" s="10"/>
    </row>
    <row r="361558" spans="14:14">
      <c r="N361558" s="10"/>
    </row>
    <row r="361559" spans="14:14">
      <c r="N361559" s="10"/>
    </row>
    <row r="361560" spans="14:14">
      <c r="N361560" s="10"/>
    </row>
    <row r="361561" spans="14:14">
      <c r="N361561" s="10"/>
    </row>
    <row r="361562" spans="14:14">
      <c r="N361562" s="10"/>
    </row>
    <row r="361563" spans="14:14">
      <c r="N361563" s="10"/>
    </row>
    <row r="361564" spans="14:14">
      <c r="N361564" s="10"/>
    </row>
    <row r="361565" spans="14:14">
      <c r="N361565" s="10"/>
    </row>
    <row r="361566" spans="14:14">
      <c r="N361566" s="10"/>
    </row>
    <row r="361567" spans="14:14">
      <c r="N361567" s="10"/>
    </row>
    <row r="361568" spans="14:14">
      <c r="N361568" s="10"/>
    </row>
    <row r="361569" spans="14:14">
      <c r="N361569" s="10"/>
    </row>
    <row r="361570" spans="14:14">
      <c r="N361570" s="10"/>
    </row>
    <row r="361571" spans="14:14">
      <c r="N361571" s="10"/>
    </row>
    <row r="361572" spans="14:14">
      <c r="N361572" s="10"/>
    </row>
    <row r="361573" spans="14:14">
      <c r="N361573" s="10"/>
    </row>
    <row r="361574" spans="14:14">
      <c r="N361574" s="10"/>
    </row>
    <row r="361575" spans="14:14">
      <c r="N361575" s="10"/>
    </row>
    <row r="361576" spans="14:14">
      <c r="N361576" s="10"/>
    </row>
    <row r="361577" spans="14:14">
      <c r="N361577" s="10"/>
    </row>
    <row r="361578" spans="14:14">
      <c r="N361578" s="10"/>
    </row>
    <row r="361579" spans="14:14">
      <c r="N361579" s="10"/>
    </row>
    <row r="361580" spans="14:14">
      <c r="N361580" s="10"/>
    </row>
    <row r="361581" spans="14:14">
      <c r="N361581" s="10"/>
    </row>
    <row r="361582" spans="14:14">
      <c r="N361582" s="10"/>
    </row>
    <row r="361583" spans="14:14">
      <c r="N361583" s="10"/>
    </row>
    <row r="361584" spans="14:14">
      <c r="N361584" s="10"/>
    </row>
    <row r="361585" spans="14:14">
      <c r="N361585" s="10"/>
    </row>
    <row r="361586" spans="14:14">
      <c r="N361586" s="10"/>
    </row>
    <row r="361587" spans="14:14">
      <c r="N361587" s="10"/>
    </row>
    <row r="361588" spans="14:14">
      <c r="N361588" s="10"/>
    </row>
    <row r="361589" spans="14:14">
      <c r="N361589" s="10"/>
    </row>
    <row r="361590" spans="14:14">
      <c r="N361590" s="10"/>
    </row>
    <row r="361591" spans="14:14">
      <c r="N361591" s="10"/>
    </row>
    <row r="361592" spans="14:14">
      <c r="N361592" s="10"/>
    </row>
    <row r="361593" spans="14:14">
      <c r="N361593" s="10"/>
    </row>
    <row r="361594" spans="14:14">
      <c r="N361594" s="10"/>
    </row>
    <row r="361595" spans="14:14">
      <c r="N361595" s="10"/>
    </row>
    <row r="361596" spans="14:14">
      <c r="N361596" s="10"/>
    </row>
    <row r="361597" spans="14:14">
      <c r="N361597" s="10"/>
    </row>
    <row r="361598" spans="14:14">
      <c r="N361598" s="10"/>
    </row>
    <row r="361599" spans="14:14">
      <c r="N361599" s="10"/>
    </row>
    <row r="361600" spans="14:14">
      <c r="N361600" s="10"/>
    </row>
    <row r="361601" spans="14:14">
      <c r="N361601" s="10"/>
    </row>
    <row r="361602" spans="14:14">
      <c r="N361602" s="10"/>
    </row>
    <row r="361603" spans="14:14">
      <c r="N361603" s="10"/>
    </row>
    <row r="361604" spans="14:14">
      <c r="N361604" s="10"/>
    </row>
    <row r="361605" spans="14:14">
      <c r="N361605" s="10"/>
    </row>
    <row r="361606" spans="14:14">
      <c r="N361606" s="10"/>
    </row>
    <row r="361607" spans="14:14">
      <c r="N361607" s="10"/>
    </row>
    <row r="361608" spans="14:14">
      <c r="N361608" s="10"/>
    </row>
    <row r="361609" spans="14:14">
      <c r="N361609" s="10"/>
    </row>
    <row r="361610" spans="14:14">
      <c r="N361610" s="10"/>
    </row>
    <row r="361611" spans="14:14">
      <c r="N361611" s="10"/>
    </row>
    <row r="361612" spans="14:14">
      <c r="N361612" s="10"/>
    </row>
    <row r="361613" spans="14:14">
      <c r="N361613" s="10"/>
    </row>
    <row r="361614" spans="14:14">
      <c r="N361614" s="10"/>
    </row>
    <row r="361615" spans="14:14">
      <c r="N361615" s="10"/>
    </row>
    <row r="361616" spans="14:14">
      <c r="N361616" s="10"/>
    </row>
    <row r="361617" spans="14:14">
      <c r="N361617" s="10"/>
    </row>
    <row r="361618" spans="14:14">
      <c r="N361618" s="10"/>
    </row>
    <row r="361619" spans="14:14">
      <c r="N361619" s="10"/>
    </row>
    <row r="361620" spans="14:14">
      <c r="N361620" s="10"/>
    </row>
    <row r="361621" spans="14:14">
      <c r="N361621" s="10"/>
    </row>
    <row r="361622" spans="14:14">
      <c r="N361622" s="10"/>
    </row>
    <row r="361623" spans="14:14">
      <c r="N361623" s="10"/>
    </row>
    <row r="361624" spans="14:14">
      <c r="N361624" s="10"/>
    </row>
    <row r="361625" spans="14:14">
      <c r="N361625" s="10"/>
    </row>
    <row r="361626" spans="14:14">
      <c r="N361626" s="10"/>
    </row>
    <row r="361627" spans="14:14">
      <c r="N361627" s="10"/>
    </row>
    <row r="361628" spans="14:14">
      <c r="N361628" s="10"/>
    </row>
    <row r="361629" spans="14:14">
      <c r="N361629" s="10"/>
    </row>
    <row r="361630" spans="14:14">
      <c r="N361630" s="10"/>
    </row>
    <row r="361631" spans="14:14">
      <c r="N361631" s="10"/>
    </row>
    <row r="361632" spans="14:14">
      <c r="N361632" s="10"/>
    </row>
    <row r="361633" spans="14:14">
      <c r="N361633" s="10"/>
    </row>
    <row r="361634" spans="14:14">
      <c r="N361634" s="10"/>
    </row>
    <row r="361635" spans="14:14">
      <c r="N361635" s="10"/>
    </row>
    <row r="361636" spans="14:14">
      <c r="N361636" s="10"/>
    </row>
    <row r="361637" spans="14:14">
      <c r="N361637" s="10"/>
    </row>
    <row r="361638" spans="14:14">
      <c r="N361638" s="10"/>
    </row>
    <row r="361639" spans="14:14">
      <c r="N361639" s="10"/>
    </row>
    <row r="361640" spans="14:14">
      <c r="N361640" s="10"/>
    </row>
    <row r="361641" spans="14:14">
      <c r="N361641" s="10"/>
    </row>
    <row r="361642" spans="14:14">
      <c r="N361642" s="10"/>
    </row>
    <row r="361643" spans="14:14">
      <c r="N361643" s="10"/>
    </row>
    <row r="361644" spans="14:14">
      <c r="N361644" s="10"/>
    </row>
    <row r="361645" spans="14:14">
      <c r="N361645" s="10"/>
    </row>
    <row r="361646" spans="14:14">
      <c r="N361646" s="10"/>
    </row>
    <row r="361647" spans="14:14">
      <c r="N361647" s="10"/>
    </row>
    <row r="361648" spans="14:14">
      <c r="N361648" s="10"/>
    </row>
    <row r="361649" spans="14:14">
      <c r="N361649" s="10"/>
    </row>
    <row r="361650" spans="14:14">
      <c r="N361650" s="10"/>
    </row>
    <row r="361651" spans="14:14">
      <c r="N361651" s="10"/>
    </row>
    <row r="361652" spans="14:14">
      <c r="N361652" s="10"/>
    </row>
    <row r="361653" spans="14:14">
      <c r="N361653" s="10"/>
    </row>
    <row r="361654" spans="14:14">
      <c r="N361654" s="10"/>
    </row>
    <row r="361655" spans="14:14">
      <c r="N361655" s="10"/>
    </row>
    <row r="361656" spans="14:14">
      <c r="N361656" s="10"/>
    </row>
    <row r="361657" spans="14:14">
      <c r="N361657" s="10"/>
    </row>
    <row r="361658" spans="14:14">
      <c r="N361658" s="10"/>
    </row>
    <row r="361659" spans="14:14">
      <c r="N361659" s="10"/>
    </row>
    <row r="361660" spans="14:14">
      <c r="N361660" s="10"/>
    </row>
    <row r="361661" spans="14:14">
      <c r="N361661" s="10"/>
    </row>
    <row r="361662" spans="14:14">
      <c r="N361662" s="10"/>
    </row>
    <row r="361663" spans="14:14">
      <c r="N361663" s="10"/>
    </row>
    <row r="361664" spans="14:14">
      <c r="N361664" s="10"/>
    </row>
    <row r="361665" spans="14:14">
      <c r="N361665" s="10"/>
    </row>
    <row r="361666" spans="14:14">
      <c r="N361666" s="10"/>
    </row>
    <row r="361667" spans="14:14">
      <c r="N361667" s="10"/>
    </row>
    <row r="361668" spans="14:14">
      <c r="N361668" s="10"/>
    </row>
    <row r="361669" spans="14:14">
      <c r="N361669" s="10"/>
    </row>
    <row r="361670" spans="14:14">
      <c r="N361670" s="10"/>
    </row>
    <row r="361671" spans="14:14">
      <c r="N361671" s="10"/>
    </row>
    <row r="361672" spans="14:14">
      <c r="N361672" s="10"/>
    </row>
    <row r="361673" spans="14:14">
      <c r="N361673" s="10"/>
    </row>
    <row r="361674" spans="14:14">
      <c r="N361674" s="10"/>
    </row>
    <row r="361675" spans="14:14">
      <c r="N361675" s="10"/>
    </row>
    <row r="361676" spans="14:14">
      <c r="N361676" s="10"/>
    </row>
    <row r="361677" spans="14:14">
      <c r="N361677" s="10"/>
    </row>
    <row r="361678" spans="14:14">
      <c r="N361678" s="10"/>
    </row>
    <row r="361679" spans="14:14">
      <c r="N361679" s="10"/>
    </row>
    <row r="361680" spans="14:14">
      <c r="N361680" s="10"/>
    </row>
    <row r="361681" spans="14:14">
      <c r="N361681" s="10"/>
    </row>
    <row r="361682" spans="14:14">
      <c r="N361682" s="10"/>
    </row>
    <row r="361683" spans="14:14">
      <c r="N361683" s="10"/>
    </row>
    <row r="361684" spans="14:14">
      <c r="N361684" s="10"/>
    </row>
    <row r="361685" spans="14:14">
      <c r="N361685" s="10"/>
    </row>
    <row r="361686" spans="14:14">
      <c r="N361686" s="10"/>
    </row>
    <row r="361687" spans="14:14">
      <c r="N361687" s="10"/>
    </row>
    <row r="361688" spans="14:14">
      <c r="N361688" s="10"/>
    </row>
    <row r="361689" spans="14:14">
      <c r="N361689" s="10"/>
    </row>
    <row r="361690" spans="14:14">
      <c r="N361690" s="10"/>
    </row>
    <row r="361691" spans="14:14">
      <c r="N361691" s="10"/>
    </row>
    <row r="361692" spans="14:14">
      <c r="N361692" s="10"/>
    </row>
    <row r="361693" spans="14:14">
      <c r="N361693" s="10"/>
    </row>
    <row r="361694" spans="14:14">
      <c r="N361694" s="10"/>
    </row>
    <row r="361695" spans="14:14">
      <c r="N361695" s="10"/>
    </row>
    <row r="361696" spans="14:14">
      <c r="N361696" s="10"/>
    </row>
    <row r="361697" spans="14:14">
      <c r="N361697" s="10"/>
    </row>
    <row r="361698" spans="14:14">
      <c r="N361698" s="10"/>
    </row>
    <row r="361699" spans="14:14">
      <c r="N361699" s="10"/>
    </row>
    <row r="361700" spans="14:14">
      <c r="N361700" s="10"/>
    </row>
    <row r="361701" spans="14:14">
      <c r="N361701" s="10"/>
    </row>
    <row r="361702" spans="14:14">
      <c r="N361702" s="10"/>
    </row>
    <row r="361703" spans="14:14">
      <c r="N361703" s="10"/>
    </row>
    <row r="361704" spans="14:14">
      <c r="N361704" s="10"/>
    </row>
    <row r="361705" spans="14:14">
      <c r="N361705" s="10"/>
    </row>
    <row r="361706" spans="14:14">
      <c r="N361706" s="10"/>
    </row>
    <row r="361707" spans="14:14">
      <c r="N361707" s="10"/>
    </row>
    <row r="361708" spans="14:14">
      <c r="N361708" s="10"/>
    </row>
    <row r="361709" spans="14:14">
      <c r="N361709" s="10"/>
    </row>
    <row r="361710" spans="14:14">
      <c r="N361710" s="10"/>
    </row>
    <row r="361711" spans="14:14">
      <c r="N361711" s="10"/>
    </row>
    <row r="361712" spans="14:14">
      <c r="N361712" s="10"/>
    </row>
    <row r="361713" spans="14:14">
      <c r="N361713" s="10"/>
    </row>
    <row r="361714" spans="14:14">
      <c r="N361714" s="10"/>
    </row>
    <row r="361715" spans="14:14">
      <c r="N361715" s="10"/>
    </row>
    <row r="361716" spans="14:14">
      <c r="N361716" s="10"/>
    </row>
    <row r="361717" spans="14:14">
      <c r="N361717" s="10"/>
    </row>
    <row r="361718" spans="14:14">
      <c r="N361718" s="10"/>
    </row>
    <row r="361719" spans="14:14">
      <c r="N361719" s="10"/>
    </row>
    <row r="361720" spans="14:14">
      <c r="N361720" s="10"/>
    </row>
    <row r="361721" spans="14:14">
      <c r="N361721" s="10"/>
    </row>
    <row r="361722" spans="14:14">
      <c r="N361722" s="10"/>
    </row>
    <row r="361723" spans="14:14">
      <c r="N361723" s="10"/>
    </row>
    <row r="361724" spans="14:14">
      <c r="N361724" s="10"/>
    </row>
    <row r="361725" spans="14:14">
      <c r="N361725" s="10"/>
    </row>
    <row r="361726" spans="14:14">
      <c r="N361726" s="10"/>
    </row>
    <row r="361727" spans="14:14">
      <c r="N361727" s="10"/>
    </row>
    <row r="361728" spans="14:14">
      <c r="N361728" s="10"/>
    </row>
    <row r="361729" spans="14:14">
      <c r="N361729" s="10"/>
    </row>
    <row r="361730" spans="14:14">
      <c r="N361730" s="10"/>
    </row>
    <row r="361731" spans="14:14">
      <c r="N361731" s="10"/>
    </row>
    <row r="361732" spans="14:14">
      <c r="N361732" s="10"/>
    </row>
    <row r="361733" spans="14:14">
      <c r="N361733" s="10"/>
    </row>
    <row r="361734" spans="14:14">
      <c r="N361734" s="10"/>
    </row>
    <row r="361735" spans="14:14">
      <c r="N361735" s="10"/>
    </row>
    <row r="361736" spans="14:14">
      <c r="N361736" s="10"/>
    </row>
    <row r="361737" spans="14:14">
      <c r="N361737" s="10"/>
    </row>
    <row r="361738" spans="14:14">
      <c r="N361738" s="10"/>
    </row>
    <row r="361739" spans="14:14">
      <c r="N361739" s="10"/>
    </row>
    <row r="361740" spans="14:14">
      <c r="N361740" s="10"/>
    </row>
    <row r="361741" spans="14:14">
      <c r="N361741" s="10"/>
    </row>
    <row r="361742" spans="14:14">
      <c r="N361742" s="10"/>
    </row>
    <row r="361743" spans="14:14">
      <c r="N361743" s="10"/>
    </row>
    <row r="361744" spans="14:14">
      <c r="N361744" s="10"/>
    </row>
    <row r="361745" spans="14:14">
      <c r="N361745" s="10"/>
    </row>
    <row r="361746" spans="14:14">
      <c r="N361746" s="10"/>
    </row>
    <row r="361747" spans="14:14">
      <c r="N361747" s="10"/>
    </row>
    <row r="361748" spans="14:14">
      <c r="N361748" s="10"/>
    </row>
    <row r="361749" spans="14:14">
      <c r="N361749" s="10"/>
    </row>
    <row r="361750" spans="14:14">
      <c r="N361750" s="10"/>
    </row>
    <row r="361751" spans="14:14">
      <c r="N361751" s="10"/>
    </row>
    <row r="361752" spans="14:14">
      <c r="N361752" s="10"/>
    </row>
    <row r="361753" spans="14:14">
      <c r="N361753" s="10"/>
    </row>
    <row r="361754" spans="14:14">
      <c r="N361754" s="10"/>
    </row>
    <row r="361755" spans="14:14">
      <c r="N361755" s="10"/>
    </row>
    <row r="361756" spans="14:14">
      <c r="N361756" s="10"/>
    </row>
    <row r="361757" spans="14:14">
      <c r="N361757" s="10"/>
    </row>
    <row r="361758" spans="14:14">
      <c r="N361758" s="10"/>
    </row>
    <row r="361759" spans="14:14">
      <c r="N361759" s="10"/>
    </row>
    <row r="361760" spans="14:14">
      <c r="N361760" s="10"/>
    </row>
    <row r="361761" spans="14:14">
      <c r="N361761" s="10"/>
    </row>
    <row r="361762" spans="14:14">
      <c r="N361762" s="10"/>
    </row>
    <row r="361763" spans="14:14">
      <c r="N361763" s="10"/>
    </row>
    <row r="361764" spans="14:14">
      <c r="N361764" s="10"/>
    </row>
    <row r="361765" spans="14:14">
      <c r="N361765" s="10"/>
    </row>
    <row r="361766" spans="14:14">
      <c r="N361766" s="10"/>
    </row>
    <row r="361767" spans="14:14">
      <c r="N361767" s="10"/>
    </row>
    <row r="361768" spans="14:14">
      <c r="N361768" s="10"/>
    </row>
    <row r="361769" spans="14:14">
      <c r="N361769" s="10"/>
    </row>
    <row r="361770" spans="14:14">
      <c r="N361770" s="10"/>
    </row>
    <row r="361771" spans="14:14">
      <c r="N361771" s="10"/>
    </row>
    <row r="361772" spans="14:14">
      <c r="N361772" s="10"/>
    </row>
    <row r="361773" spans="14:14">
      <c r="N361773" s="10"/>
    </row>
    <row r="361774" spans="14:14">
      <c r="N361774" s="10"/>
    </row>
    <row r="361775" spans="14:14">
      <c r="N361775" s="10"/>
    </row>
    <row r="361776" spans="14:14">
      <c r="N361776" s="10"/>
    </row>
    <row r="361777" spans="14:14">
      <c r="N361777" s="10"/>
    </row>
    <row r="361778" spans="14:14">
      <c r="N361778" s="10"/>
    </row>
    <row r="361779" spans="14:14">
      <c r="N361779" s="10"/>
    </row>
    <row r="361780" spans="14:14">
      <c r="N361780" s="10"/>
    </row>
    <row r="361781" spans="14:14">
      <c r="N361781" s="10"/>
    </row>
    <row r="361782" spans="14:14">
      <c r="N361782" s="10"/>
    </row>
    <row r="361783" spans="14:14">
      <c r="N361783" s="10"/>
    </row>
    <row r="361784" spans="14:14">
      <c r="N361784" s="10"/>
    </row>
    <row r="361785" spans="14:14">
      <c r="N361785" s="10"/>
    </row>
    <row r="361786" spans="14:14">
      <c r="N361786" s="10"/>
    </row>
    <row r="361787" spans="14:14">
      <c r="N361787" s="10"/>
    </row>
    <row r="361788" spans="14:14">
      <c r="N361788" s="10"/>
    </row>
    <row r="361789" spans="14:14">
      <c r="N361789" s="10"/>
    </row>
    <row r="361790" spans="14:14">
      <c r="N361790" s="10"/>
    </row>
    <row r="361791" spans="14:14">
      <c r="N361791" s="10"/>
    </row>
    <row r="361792" spans="14:14">
      <c r="N361792" s="10"/>
    </row>
    <row r="361793" spans="14:14">
      <c r="N361793" s="10"/>
    </row>
    <row r="361794" spans="14:14">
      <c r="N361794" s="10"/>
    </row>
    <row r="361795" spans="14:14">
      <c r="N361795" s="10"/>
    </row>
    <row r="361796" spans="14:14">
      <c r="N361796" s="10"/>
    </row>
    <row r="361797" spans="14:14">
      <c r="N361797" s="10"/>
    </row>
    <row r="361798" spans="14:14">
      <c r="N361798" s="10"/>
    </row>
    <row r="361799" spans="14:14">
      <c r="N361799" s="10"/>
    </row>
    <row r="361800" spans="14:14">
      <c r="N361800" s="10"/>
    </row>
    <row r="361801" spans="14:14">
      <c r="N361801" s="10"/>
    </row>
    <row r="361802" spans="14:14">
      <c r="N361802" s="10"/>
    </row>
    <row r="361803" spans="14:14">
      <c r="N361803" s="10"/>
    </row>
    <row r="361804" spans="14:14">
      <c r="N361804" s="10"/>
    </row>
    <row r="361805" spans="14:14">
      <c r="N361805" s="10"/>
    </row>
    <row r="361806" spans="14:14">
      <c r="N361806" s="10"/>
    </row>
    <row r="361807" spans="14:14">
      <c r="N361807" s="10"/>
    </row>
    <row r="361808" spans="14:14">
      <c r="N361808" s="10"/>
    </row>
    <row r="361809" spans="14:14">
      <c r="N361809" s="10"/>
    </row>
    <row r="361810" spans="14:14">
      <c r="N361810" s="10"/>
    </row>
    <row r="361811" spans="14:14">
      <c r="N361811" s="10"/>
    </row>
    <row r="361812" spans="14:14">
      <c r="N361812" s="10"/>
    </row>
    <row r="361813" spans="14:14">
      <c r="N361813" s="10"/>
    </row>
    <row r="361814" spans="14:14">
      <c r="N361814" s="10"/>
    </row>
    <row r="361815" spans="14:14">
      <c r="N361815" s="10"/>
    </row>
    <row r="361816" spans="14:14">
      <c r="N361816" s="10"/>
    </row>
    <row r="361817" spans="14:14">
      <c r="N361817" s="10"/>
    </row>
    <row r="361818" spans="14:14">
      <c r="N361818" s="10"/>
    </row>
    <row r="361819" spans="14:14">
      <c r="N361819" s="10"/>
    </row>
    <row r="361820" spans="14:14">
      <c r="N361820" s="10"/>
    </row>
    <row r="361821" spans="14:14">
      <c r="N361821" s="10"/>
    </row>
    <row r="361822" spans="14:14">
      <c r="N361822" s="10"/>
    </row>
    <row r="361823" spans="14:14">
      <c r="N361823" s="10"/>
    </row>
    <row r="361824" spans="14:14">
      <c r="N361824" s="10"/>
    </row>
    <row r="361825" spans="14:14">
      <c r="N361825" s="10"/>
    </row>
    <row r="361826" spans="14:14">
      <c r="N361826" s="10"/>
    </row>
    <row r="361827" spans="14:14">
      <c r="N361827" s="10"/>
    </row>
    <row r="361828" spans="14:14">
      <c r="N361828" s="10"/>
    </row>
    <row r="361829" spans="14:14">
      <c r="N361829" s="10"/>
    </row>
    <row r="361830" spans="14:14">
      <c r="N361830" s="10"/>
    </row>
    <row r="361831" spans="14:14">
      <c r="N361831" s="10"/>
    </row>
    <row r="361832" spans="14:14">
      <c r="N361832" s="10"/>
    </row>
    <row r="361833" spans="14:14">
      <c r="N361833" s="10"/>
    </row>
    <row r="361834" spans="14:14">
      <c r="N361834" s="10"/>
    </row>
    <row r="361835" spans="14:14">
      <c r="N361835" s="10"/>
    </row>
    <row r="361836" spans="14:14">
      <c r="N361836" s="10"/>
    </row>
    <row r="361837" spans="14:14">
      <c r="N361837" s="10"/>
    </row>
    <row r="361838" spans="14:14">
      <c r="N361838" s="10"/>
    </row>
    <row r="361839" spans="14:14">
      <c r="N361839" s="10"/>
    </row>
    <row r="361840" spans="14:14">
      <c r="N361840" s="10"/>
    </row>
    <row r="361841" spans="14:14">
      <c r="N361841" s="10"/>
    </row>
    <row r="361842" spans="14:14">
      <c r="N361842" s="10"/>
    </row>
    <row r="361843" spans="14:14">
      <c r="N361843" s="10"/>
    </row>
    <row r="361844" spans="14:14">
      <c r="N361844" s="10"/>
    </row>
    <row r="361845" spans="14:14">
      <c r="N361845" s="10"/>
    </row>
    <row r="361846" spans="14:14">
      <c r="N361846" s="10"/>
    </row>
    <row r="361847" spans="14:14">
      <c r="N361847" s="10"/>
    </row>
    <row r="361848" spans="14:14">
      <c r="N361848" s="10"/>
    </row>
    <row r="361849" spans="14:14">
      <c r="N361849" s="10"/>
    </row>
    <row r="361850" spans="14:14">
      <c r="N361850" s="10"/>
    </row>
    <row r="361851" spans="14:14">
      <c r="N361851" s="10"/>
    </row>
    <row r="361852" spans="14:14">
      <c r="N361852" s="10"/>
    </row>
    <row r="361853" spans="14:14">
      <c r="N361853" s="10"/>
    </row>
    <row r="361854" spans="14:14">
      <c r="N361854" s="10"/>
    </row>
    <row r="361855" spans="14:14">
      <c r="N361855" s="10"/>
    </row>
    <row r="361856" spans="14:14">
      <c r="N361856" s="10"/>
    </row>
    <row r="361857" spans="14:14">
      <c r="N361857" s="10"/>
    </row>
    <row r="361858" spans="14:14">
      <c r="N361858" s="10"/>
    </row>
    <row r="361859" spans="14:14">
      <c r="N361859" s="10"/>
    </row>
    <row r="361860" spans="14:14">
      <c r="N361860" s="10"/>
    </row>
    <row r="361861" spans="14:14">
      <c r="N361861" s="10"/>
    </row>
    <row r="361862" spans="14:14">
      <c r="N361862" s="10"/>
    </row>
    <row r="361863" spans="14:14">
      <c r="N361863" s="10"/>
    </row>
    <row r="361864" spans="14:14">
      <c r="N361864" s="10"/>
    </row>
    <row r="361865" spans="14:14">
      <c r="N361865" s="10"/>
    </row>
    <row r="361866" spans="14:14">
      <c r="N361866" s="10"/>
    </row>
    <row r="361867" spans="14:14">
      <c r="N361867" s="10"/>
    </row>
    <row r="361868" spans="14:14">
      <c r="N361868" s="10"/>
    </row>
    <row r="361869" spans="14:14">
      <c r="N361869" s="10"/>
    </row>
    <row r="361870" spans="14:14">
      <c r="N361870" s="10"/>
    </row>
    <row r="361871" spans="14:14">
      <c r="N361871" s="10"/>
    </row>
    <row r="361872" spans="14:14">
      <c r="N361872" s="10"/>
    </row>
    <row r="361873" spans="14:14">
      <c r="N361873" s="10"/>
    </row>
    <row r="361874" spans="14:14">
      <c r="N361874" s="10"/>
    </row>
    <row r="361875" spans="14:14">
      <c r="N361875" s="10"/>
    </row>
    <row r="361876" spans="14:14">
      <c r="N361876" s="10"/>
    </row>
    <row r="361877" spans="14:14">
      <c r="N361877" s="10"/>
    </row>
    <row r="361878" spans="14:14">
      <c r="N361878" s="10"/>
    </row>
    <row r="361879" spans="14:14">
      <c r="N361879" s="10"/>
    </row>
    <row r="361880" spans="14:14">
      <c r="N361880" s="10"/>
    </row>
    <row r="361881" spans="14:14">
      <c r="N361881" s="10"/>
    </row>
    <row r="361882" spans="14:14">
      <c r="N361882" s="10"/>
    </row>
    <row r="361883" spans="14:14">
      <c r="N361883" s="10"/>
    </row>
    <row r="361884" spans="14:14">
      <c r="N361884" s="10"/>
    </row>
    <row r="361885" spans="14:14">
      <c r="N361885" s="10"/>
    </row>
    <row r="361886" spans="14:14">
      <c r="N361886" s="10"/>
    </row>
    <row r="361887" spans="14:14">
      <c r="N361887" s="10"/>
    </row>
    <row r="361888" spans="14:14">
      <c r="N361888" s="10"/>
    </row>
    <row r="361889" spans="14:14">
      <c r="N361889" s="10"/>
    </row>
    <row r="361890" spans="14:14">
      <c r="N361890" s="10"/>
    </row>
    <row r="361891" spans="14:14">
      <c r="N361891" s="10"/>
    </row>
    <row r="361892" spans="14:14">
      <c r="N361892" s="10"/>
    </row>
    <row r="361893" spans="14:14">
      <c r="N361893" s="10"/>
    </row>
    <row r="361894" spans="14:14">
      <c r="N361894" s="10"/>
    </row>
    <row r="361895" spans="14:14">
      <c r="N361895" s="10"/>
    </row>
    <row r="361896" spans="14:14">
      <c r="N361896" s="10"/>
    </row>
    <row r="361897" spans="14:14">
      <c r="N361897" s="10"/>
    </row>
    <row r="361898" spans="14:14">
      <c r="N361898" s="10"/>
    </row>
    <row r="361899" spans="14:14">
      <c r="N361899" s="10"/>
    </row>
    <row r="361900" spans="14:14">
      <c r="N361900" s="10"/>
    </row>
    <row r="361901" spans="14:14">
      <c r="N361901" s="10"/>
    </row>
    <row r="361902" spans="14:14">
      <c r="N361902" s="10"/>
    </row>
    <row r="361903" spans="14:14">
      <c r="N361903" s="10"/>
    </row>
    <row r="361904" spans="14:14">
      <c r="N361904" s="10"/>
    </row>
    <row r="361905" spans="14:14">
      <c r="N361905" s="10"/>
    </row>
    <row r="361906" spans="14:14">
      <c r="N361906" s="10"/>
    </row>
    <row r="361907" spans="14:14">
      <c r="N361907" s="10"/>
    </row>
    <row r="361908" spans="14:14">
      <c r="N361908" s="10"/>
    </row>
    <row r="361909" spans="14:14">
      <c r="N361909" s="10"/>
    </row>
    <row r="361910" spans="14:14">
      <c r="N361910" s="10"/>
    </row>
    <row r="361911" spans="14:14">
      <c r="N361911" s="10"/>
    </row>
    <row r="361912" spans="14:14">
      <c r="N361912" s="10"/>
    </row>
    <row r="361913" spans="14:14">
      <c r="N361913" s="10"/>
    </row>
    <row r="361914" spans="14:14">
      <c r="N361914" s="10"/>
    </row>
    <row r="361915" spans="14:14">
      <c r="N361915" s="10"/>
    </row>
    <row r="361916" spans="14:14">
      <c r="N361916" s="10"/>
    </row>
    <row r="361917" spans="14:14">
      <c r="N361917" s="10"/>
    </row>
    <row r="361918" spans="14:14">
      <c r="N361918" s="10"/>
    </row>
    <row r="361919" spans="14:14">
      <c r="N361919" s="10"/>
    </row>
    <row r="361920" spans="14:14">
      <c r="N361920" s="10"/>
    </row>
    <row r="361921" spans="14:14">
      <c r="N361921" s="10"/>
    </row>
    <row r="361922" spans="14:14">
      <c r="N361922" s="10"/>
    </row>
    <row r="361923" spans="14:14">
      <c r="N361923" s="10"/>
    </row>
    <row r="361924" spans="14:14">
      <c r="N361924" s="10"/>
    </row>
    <row r="361925" spans="14:14">
      <c r="N361925" s="10"/>
    </row>
    <row r="361926" spans="14:14">
      <c r="N361926" s="10"/>
    </row>
    <row r="361927" spans="14:14">
      <c r="N361927" s="10"/>
    </row>
    <row r="361928" spans="14:14">
      <c r="N361928" s="10"/>
    </row>
    <row r="361929" spans="14:14">
      <c r="N361929" s="10"/>
    </row>
    <row r="361930" spans="14:14">
      <c r="N361930" s="10"/>
    </row>
    <row r="361931" spans="14:14">
      <c r="N361931" s="10"/>
    </row>
    <row r="361932" spans="14:14">
      <c r="N361932" s="10"/>
    </row>
    <row r="361933" spans="14:14">
      <c r="N361933" s="10"/>
    </row>
    <row r="361934" spans="14:14">
      <c r="N361934" s="10"/>
    </row>
    <row r="361935" spans="14:14">
      <c r="N361935" s="10"/>
    </row>
    <row r="361936" spans="14:14">
      <c r="N361936" s="10"/>
    </row>
    <row r="361937" spans="14:14">
      <c r="N361937" s="10"/>
    </row>
    <row r="361938" spans="14:14">
      <c r="N361938" s="10"/>
    </row>
    <row r="361939" spans="14:14">
      <c r="N361939" s="10"/>
    </row>
    <row r="361940" spans="14:14">
      <c r="N361940" s="10"/>
    </row>
    <row r="361941" spans="14:14">
      <c r="N361941" s="10"/>
    </row>
    <row r="361942" spans="14:14">
      <c r="N361942" s="10"/>
    </row>
    <row r="361943" spans="14:14">
      <c r="N361943" s="10"/>
    </row>
    <row r="361944" spans="14:14">
      <c r="N361944" s="10"/>
    </row>
    <row r="361945" spans="14:14">
      <c r="N361945" s="10"/>
    </row>
    <row r="361946" spans="14:14">
      <c r="N361946" s="10"/>
    </row>
    <row r="361947" spans="14:14">
      <c r="N361947" s="10"/>
    </row>
    <row r="361948" spans="14:14">
      <c r="N361948" s="10"/>
    </row>
    <row r="361949" spans="14:14">
      <c r="N361949" s="10"/>
    </row>
    <row r="361950" spans="14:14">
      <c r="N361950" s="10"/>
    </row>
    <row r="361951" spans="14:14">
      <c r="N361951" s="10"/>
    </row>
    <row r="361952" spans="14:14">
      <c r="N361952" s="10"/>
    </row>
    <row r="361953" spans="14:14">
      <c r="N361953" s="10"/>
    </row>
    <row r="361954" spans="14:14">
      <c r="N361954" s="10"/>
    </row>
    <row r="361955" spans="14:14">
      <c r="N361955" s="10"/>
    </row>
    <row r="361956" spans="14:14">
      <c r="N361956" s="10"/>
    </row>
    <row r="361957" spans="14:14">
      <c r="N361957" s="10"/>
    </row>
    <row r="361958" spans="14:14">
      <c r="N361958" s="10"/>
    </row>
    <row r="361959" spans="14:14">
      <c r="N361959" s="10"/>
    </row>
    <row r="361960" spans="14:14">
      <c r="N361960" s="10"/>
    </row>
    <row r="361961" spans="14:14">
      <c r="N361961" s="10"/>
    </row>
    <row r="361962" spans="14:14">
      <c r="N361962" s="10"/>
    </row>
    <row r="361963" spans="14:14">
      <c r="N361963" s="10"/>
    </row>
    <row r="361964" spans="14:14">
      <c r="N361964" s="10"/>
    </row>
    <row r="361965" spans="14:14">
      <c r="N361965" s="10"/>
    </row>
    <row r="361966" spans="14:14">
      <c r="N361966" s="10"/>
    </row>
    <row r="361967" spans="14:14">
      <c r="N361967" s="10"/>
    </row>
    <row r="361968" spans="14:14">
      <c r="N361968" s="10"/>
    </row>
    <row r="361969" spans="14:14">
      <c r="N361969" s="10"/>
    </row>
    <row r="361970" spans="14:14">
      <c r="N361970" s="10"/>
    </row>
    <row r="361971" spans="14:14">
      <c r="N361971" s="10"/>
    </row>
    <row r="361972" spans="14:14">
      <c r="N361972" s="10"/>
    </row>
    <row r="361973" spans="14:14">
      <c r="N361973" s="10"/>
    </row>
    <row r="361974" spans="14:14">
      <c r="N361974" s="10"/>
    </row>
    <row r="361975" spans="14:14">
      <c r="N361975" s="10"/>
    </row>
    <row r="361976" spans="14:14">
      <c r="N361976" s="10"/>
    </row>
    <row r="361977" spans="14:14">
      <c r="N361977" s="10"/>
    </row>
    <row r="361978" spans="14:14">
      <c r="N361978" s="10"/>
    </row>
    <row r="361979" spans="14:14">
      <c r="N361979" s="10"/>
    </row>
    <row r="361980" spans="14:14">
      <c r="N361980" s="10"/>
    </row>
    <row r="361981" spans="14:14">
      <c r="N361981" s="10"/>
    </row>
    <row r="361982" spans="14:14">
      <c r="N361982" s="10"/>
    </row>
    <row r="361983" spans="14:14">
      <c r="N361983" s="10"/>
    </row>
    <row r="361984" spans="14:14">
      <c r="N361984" s="10"/>
    </row>
    <row r="361985" spans="14:14">
      <c r="N361985" s="10"/>
    </row>
    <row r="361986" spans="14:14">
      <c r="N361986" s="10"/>
    </row>
    <row r="361987" spans="14:14">
      <c r="N361987" s="10"/>
    </row>
    <row r="361988" spans="14:14">
      <c r="N361988" s="10"/>
    </row>
    <row r="361989" spans="14:14">
      <c r="N361989" s="10"/>
    </row>
    <row r="361990" spans="14:14">
      <c r="N361990" s="10"/>
    </row>
    <row r="361991" spans="14:14">
      <c r="N361991" s="10"/>
    </row>
    <row r="361992" spans="14:14">
      <c r="N361992" s="10"/>
    </row>
    <row r="361993" spans="14:14">
      <c r="N361993" s="10"/>
    </row>
    <row r="361994" spans="14:14">
      <c r="N361994" s="10"/>
    </row>
    <row r="361995" spans="14:14">
      <c r="N361995" s="10"/>
    </row>
    <row r="361996" spans="14:14">
      <c r="N361996" s="10"/>
    </row>
    <row r="361997" spans="14:14">
      <c r="N361997" s="10"/>
    </row>
    <row r="361998" spans="14:14">
      <c r="N361998" s="10"/>
    </row>
    <row r="361999" spans="14:14">
      <c r="N361999" s="10"/>
    </row>
    <row r="362000" spans="14:14">
      <c r="N362000" s="10"/>
    </row>
    <row r="362001" spans="14:14">
      <c r="N362001" s="10"/>
    </row>
    <row r="362002" spans="14:14">
      <c r="N362002" s="10"/>
    </row>
    <row r="362003" spans="14:14">
      <c r="N362003" s="10"/>
    </row>
    <row r="362004" spans="14:14">
      <c r="N362004" s="10"/>
    </row>
    <row r="362005" spans="14:14">
      <c r="N362005" s="10"/>
    </row>
    <row r="362006" spans="14:14">
      <c r="N362006" s="10"/>
    </row>
    <row r="362007" spans="14:14">
      <c r="N362007" s="10"/>
    </row>
    <row r="362008" spans="14:14">
      <c r="N362008" s="10"/>
    </row>
    <row r="362009" spans="14:14">
      <c r="N362009" s="10"/>
    </row>
    <row r="362010" spans="14:14">
      <c r="N362010" s="10"/>
    </row>
    <row r="362011" spans="14:14">
      <c r="N362011" s="10"/>
    </row>
    <row r="362012" spans="14:14">
      <c r="N362012" s="10"/>
    </row>
    <row r="362013" spans="14:14">
      <c r="N362013" s="10"/>
    </row>
    <row r="362014" spans="14:14">
      <c r="N362014" s="10"/>
    </row>
    <row r="362015" spans="14:14">
      <c r="N362015" s="10"/>
    </row>
    <row r="362016" spans="14:14">
      <c r="N362016" s="10"/>
    </row>
    <row r="362017" spans="14:14">
      <c r="N362017" s="10"/>
    </row>
    <row r="362018" spans="14:14">
      <c r="N362018" s="10"/>
    </row>
    <row r="362019" spans="14:14">
      <c r="N362019" s="10"/>
    </row>
    <row r="362020" spans="14:14">
      <c r="N362020" s="10"/>
    </row>
    <row r="362021" spans="14:14">
      <c r="N362021" s="10"/>
    </row>
    <row r="362022" spans="14:14">
      <c r="N362022" s="10"/>
    </row>
    <row r="362023" spans="14:14">
      <c r="N362023" s="10"/>
    </row>
    <row r="362024" spans="14:14">
      <c r="N362024" s="10"/>
    </row>
    <row r="362025" spans="14:14">
      <c r="N362025" s="10"/>
    </row>
    <row r="362026" spans="14:14">
      <c r="N362026" s="10"/>
    </row>
    <row r="362027" spans="14:14">
      <c r="N362027" s="10"/>
    </row>
    <row r="362028" spans="14:14">
      <c r="N362028" s="10"/>
    </row>
    <row r="362029" spans="14:14">
      <c r="N362029" s="10"/>
    </row>
    <row r="362030" spans="14:14">
      <c r="N362030" s="10"/>
    </row>
    <row r="362031" spans="14:14">
      <c r="N362031" s="10"/>
    </row>
    <row r="362032" spans="14:14">
      <c r="N362032" s="10"/>
    </row>
    <row r="362033" spans="14:14">
      <c r="N362033" s="10"/>
    </row>
    <row r="362034" spans="14:14">
      <c r="N362034" s="10"/>
    </row>
    <row r="362035" spans="14:14">
      <c r="N362035" s="10"/>
    </row>
    <row r="362036" spans="14:14">
      <c r="N362036" s="10"/>
    </row>
    <row r="362037" spans="14:14">
      <c r="N362037" s="10"/>
    </row>
    <row r="362038" spans="14:14">
      <c r="N362038" s="10"/>
    </row>
    <row r="362039" spans="14:14">
      <c r="N362039" s="10"/>
    </row>
    <row r="362040" spans="14:14">
      <c r="N362040" s="10"/>
    </row>
    <row r="362041" spans="14:14">
      <c r="N362041" s="10"/>
    </row>
    <row r="362042" spans="14:14">
      <c r="N362042" s="10"/>
    </row>
    <row r="362043" spans="14:14">
      <c r="N362043" s="10"/>
    </row>
    <row r="362044" spans="14:14">
      <c r="N362044" s="10"/>
    </row>
    <row r="362045" spans="14:14">
      <c r="N362045" s="10"/>
    </row>
    <row r="362046" spans="14:14">
      <c r="N362046" s="10"/>
    </row>
    <row r="362047" spans="14:14">
      <c r="N362047" s="10"/>
    </row>
    <row r="362048" spans="14:14">
      <c r="N362048" s="10"/>
    </row>
    <row r="362049" spans="14:14">
      <c r="N362049" s="10"/>
    </row>
    <row r="362050" spans="14:14">
      <c r="N362050" s="10"/>
    </row>
    <row r="362051" spans="14:14">
      <c r="N362051" s="10"/>
    </row>
    <row r="362052" spans="14:14">
      <c r="N362052" s="10"/>
    </row>
    <row r="362053" spans="14:14">
      <c r="N362053" s="10"/>
    </row>
    <row r="362054" spans="14:14">
      <c r="N362054" s="10"/>
    </row>
    <row r="362055" spans="14:14">
      <c r="N362055" s="10"/>
    </row>
    <row r="362056" spans="14:14">
      <c r="N362056" s="10"/>
    </row>
    <row r="362057" spans="14:14">
      <c r="N362057" s="10"/>
    </row>
    <row r="362058" spans="14:14">
      <c r="N362058" s="10"/>
    </row>
    <row r="362059" spans="14:14">
      <c r="N362059" s="10"/>
    </row>
    <row r="362060" spans="14:14">
      <c r="N362060" s="10"/>
    </row>
    <row r="362061" spans="14:14">
      <c r="N362061" s="10"/>
    </row>
    <row r="362062" spans="14:14">
      <c r="N362062" s="10"/>
    </row>
    <row r="362063" spans="14:14">
      <c r="N362063" s="10"/>
    </row>
    <row r="362064" spans="14:14">
      <c r="N362064" s="10"/>
    </row>
    <row r="362065" spans="14:14">
      <c r="N362065" s="10"/>
    </row>
    <row r="362066" spans="14:14">
      <c r="N362066" s="10"/>
    </row>
    <row r="362067" spans="14:14">
      <c r="N362067" s="10"/>
    </row>
    <row r="362068" spans="14:14">
      <c r="N362068" s="10"/>
    </row>
    <row r="362069" spans="14:14">
      <c r="N362069" s="10"/>
    </row>
    <row r="362070" spans="14:14">
      <c r="N362070" s="10"/>
    </row>
    <row r="362071" spans="14:14">
      <c r="N362071" s="10"/>
    </row>
    <row r="362072" spans="14:14">
      <c r="N362072" s="10"/>
    </row>
    <row r="362073" spans="14:14">
      <c r="N362073" s="10"/>
    </row>
    <row r="362074" spans="14:14">
      <c r="N362074" s="10"/>
    </row>
    <row r="362075" spans="14:14">
      <c r="N362075" s="10"/>
    </row>
    <row r="362076" spans="14:14">
      <c r="N362076" s="10"/>
    </row>
    <row r="362077" spans="14:14">
      <c r="N362077" s="10"/>
    </row>
    <row r="362078" spans="14:14">
      <c r="N362078" s="10"/>
    </row>
    <row r="362079" spans="14:14">
      <c r="N362079" s="10"/>
    </row>
    <row r="362080" spans="14:14">
      <c r="N362080" s="10"/>
    </row>
    <row r="362081" spans="14:14">
      <c r="N362081" s="10"/>
    </row>
    <row r="362082" spans="14:14">
      <c r="N362082" s="10"/>
    </row>
    <row r="362083" spans="14:14">
      <c r="N362083" s="10"/>
    </row>
    <row r="362084" spans="14:14">
      <c r="N362084" s="10"/>
    </row>
    <row r="362085" spans="14:14">
      <c r="N362085" s="10"/>
    </row>
    <row r="362086" spans="14:14">
      <c r="N362086" s="10"/>
    </row>
    <row r="362087" spans="14:14">
      <c r="N362087" s="10"/>
    </row>
    <row r="362088" spans="14:14">
      <c r="N362088" s="10"/>
    </row>
    <row r="362089" spans="14:14">
      <c r="N362089" s="10"/>
    </row>
    <row r="362090" spans="14:14">
      <c r="N362090" s="10"/>
    </row>
    <row r="362091" spans="14:14">
      <c r="N362091" s="10"/>
    </row>
    <row r="362092" spans="14:14">
      <c r="N362092" s="10"/>
    </row>
    <row r="362093" spans="14:14">
      <c r="N362093" s="10"/>
    </row>
    <row r="362094" spans="14:14">
      <c r="N362094" s="10"/>
    </row>
    <row r="362095" spans="14:14">
      <c r="N362095" s="10"/>
    </row>
    <row r="362096" spans="14:14">
      <c r="N362096" s="10"/>
    </row>
    <row r="362097" spans="14:14">
      <c r="N362097" s="10"/>
    </row>
    <row r="362098" spans="14:14">
      <c r="N362098" s="10"/>
    </row>
    <row r="362099" spans="14:14">
      <c r="N362099" s="10"/>
    </row>
    <row r="362100" spans="14:14">
      <c r="N362100" s="10"/>
    </row>
    <row r="362101" spans="14:14">
      <c r="N362101" s="10"/>
    </row>
    <row r="362102" spans="14:14">
      <c r="N362102" s="10"/>
    </row>
    <row r="362103" spans="14:14">
      <c r="N362103" s="10"/>
    </row>
    <row r="362104" spans="14:14">
      <c r="N362104" s="10"/>
    </row>
    <row r="362105" spans="14:14">
      <c r="N362105" s="10"/>
    </row>
    <row r="362106" spans="14:14">
      <c r="N362106" s="10"/>
    </row>
    <row r="362107" spans="14:14">
      <c r="N362107" s="10"/>
    </row>
    <row r="362108" spans="14:14">
      <c r="N362108" s="10"/>
    </row>
    <row r="362109" spans="14:14">
      <c r="N362109" s="10"/>
    </row>
    <row r="362110" spans="14:14">
      <c r="N362110" s="10"/>
    </row>
    <row r="362111" spans="14:14">
      <c r="N362111" s="10"/>
    </row>
    <row r="362112" spans="14:14">
      <c r="N362112" s="10"/>
    </row>
    <row r="362113" spans="14:14">
      <c r="N362113" s="10"/>
    </row>
    <row r="362114" spans="14:14">
      <c r="N362114" s="10"/>
    </row>
    <row r="362115" spans="14:14">
      <c r="N362115" s="10"/>
    </row>
    <row r="362116" spans="14:14">
      <c r="N362116" s="10"/>
    </row>
    <row r="362117" spans="14:14">
      <c r="N362117" s="10"/>
    </row>
    <row r="362118" spans="14:14">
      <c r="N362118" s="10"/>
    </row>
    <row r="362119" spans="14:14">
      <c r="N362119" s="10"/>
    </row>
    <row r="362120" spans="14:14">
      <c r="N362120" s="10"/>
    </row>
    <row r="362121" spans="14:14">
      <c r="N362121" s="10"/>
    </row>
    <row r="362122" spans="14:14">
      <c r="N362122" s="10"/>
    </row>
    <row r="362123" spans="14:14">
      <c r="N362123" s="10"/>
    </row>
    <row r="362124" spans="14:14">
      <c r="N362124" s="10"/>
    </row>
    <row r="362125" spans="14:14">
      <c r="N362125" s="10"/>
    </row>
    <row r="362126" spans="14:14">
      <c r="N362126" s="10"/>
    </row>
    <row r="362127" spans="14:14">
      <c r="N362127" s="10"/>
    </row>
    <row r="362128" spans="14:14">
      <c r="N362128" s="10"/>
    </row>
    <row r="362129" spans="14:14">
      <c r="N362129" s="10"/>
    </row>
    <row r="362130" spans="14:14">
      <c r="N362130" s="10"/>
    </row>
    <row r="362131" spans="14:14">
      <c r="N362131" s="10"/>
    </row>
    <row r="362132" spans="14:14">
      <c r="N362132" s="10"/>
    </row>
    <row r="362133" spans="14:14">
      <c r="N362133" s="10"/>
    </row>
    <row r="362134" spans="14:14">
      <c r="N362134" s="10"/>
    </row>
    <row r="362135" spans="14:14">
      <c r="N362135" s="10"/>
    </row>
    <row r="362136" spans="14:14">
      <c r="N362136" s="10"/>
    </row>
    <row r="362137" spans="14:14">
      <c r="N362137" s="10"/>
    </row>
    <row r="362138" spans="14:14">
      <c r="N362138" s="10"/>
    </row>
    <row r="362139" spans="14:14">
      <c r="N362139" s="10"/>
    </row>
    <row r="362140" spans="14:14">
      <c r="N362140" s="10"/>
    </row>
    <row r="362141" spans="14:14">
      <c r="N362141" s="10"/>
    </row>
    <row r="362142" spans="14:14">
      <c r="N362142" s="10"/>
    </row>
    <row r="362143" spans="14:14">
      <c r="N362143" s="10"/>
    </row>
    <row r="362144" spans="14:14">
      <c r="N362144" s="10"/>
    </row>
    <row r="362145" spans="14:14">
      <c r="N362145" s="10"/>
    </row>
    <row r="362146" spans="14:14">
      <c r="N362146" s="10"/>
    </row>
    <row r="362147" spans="14:14">
      <c r="N362147" s="10"/>
    </row>
    <row r="362148" spans="14:14">
      <c r="N362148" s="10"/>
    </row>
    <row r="362149" spans="14:14">
      <c r="N362149" s="10"/>
    </row>
    <row r="362150" spans="14:14">
      <c r="N362150" s="10"/>
    </row>
    <row r="362151" spans="14:14">
      <c r="N362151" s="10"/>
    </row>
    <row r="362152" spans="14:14">
      <c r="N362152" s="10"/>
    </row>
    <row r="362153" spans="14:14">
      <c r="N362153" s="10"/>
    </row>
    <row r="362154" spans="14:14">
      <c r="N362154" s="10"/>
    </row>
    <row r="362155" spans="14:14">
      <c r="N362155" s="10"/>
    </row>
    <row r="362156" spans="14:14">
      <c r="N362156" s="10"/>
    </row>
    <row r="362157" spans="14:14">
      <c r="N362157" s="10"/>
    </row>
    <row r="362158" spans="14:14">
      <c r="N362158" s="10"/>
    </row>
    <row r="362159" spans="14:14">
      <c r="N362159" s="10"/>
    </row>
    <row r="362160" spans="14:14">
      <c r="N362160" s="10"/>
    </row>
    <row r="362161" spans="14:14">
      <c r="N362161" s="10"/>
    </row>
    <row r="362162" spans="14:14">
      <c r="N362162" s="10"/>
    </row>
    <row r="362163" spans="14:14">
      <c r="N362163" s="10"/>
    </row>
    <row r="362164" spans="14:14">
      <c r="N362164" s="10"/>
    </row>
    <row r="362165" spans="14:14">
      <c r="N362165" s="10"/>
    </row>
    <row r="362166" spans="14:14">
      <c r="N362166" s="10"/>
    </row>
    <row r="362167" spans="14:14">
      <c r="N362167" s="10"/>
    </row>
    <row r="362168" spans="14:14">
      <c r="N362168" s="10"/>
    </row>
    <row r="362169" spans="14:14">
      <c r="N362169" s="10"/>
    </row>
    <row r="362170" spans="14:14">
      <c r="N362170" s="10"/>
    </row>
    <row r="362171" spans="14:14">
      <c r="N362171" s="10"/>
    </row>
    <row r="362172" spans="14:14">
      <c r="N362172" s="10"/>
    </row>
    <row r="362173" spans="14:14">
      <c r="N362173" s="10"/>
    </row>
    <row r="362174" spans="14:14">
      <c r="N362174" s="10"/>
    </row>
    <row r="362175" spans="14:14">
      <c r="N362175" s="10"/>
    </row>
    <row r="362176" spans="14:14">
      <c r="N362176" s="10"/>
    </row>
    <row r="362177" spans="14:14">
      <c r="N362177" s="10"/>
    </row>
    <row r="362178" spans="14:14">
      <c r="N362178" s="10"/>
    </row>
    <row r="362179" spans="14:14">
      <c r="N362179" s="10"/>
    </row>
    <row r="362180" spans="14:14">
      <c r="N362180" s="10"/>
    </row>
    <row r="362181" spans="14:14">
      <c r="N362181" s="10"/>
    </row>
    <row r="362182" spans="14:14">
      <c r="N362182" s="10"/>
    </row>
    <row r="362183" spans="14:14">
      <c r="N362183" s="10"/>
    </row>
    <row r="362184" spans="14:14">
      <c r="N362184" s="10"/>
    </row>
    <row r="362185" spans="14:14">
      <c r="N362185" s="10"/>
    </row>
    <row r="362186" spans="14:14">
      <c r="N362186" s="10"/>
    </row>
    <row r="362187" spans="14:14">
      <c r="N362187" s="10"/>
    </row>
    <row r="362188" spans="14:14">
      <c r="N362188" s="10"/>
    </row>
    <row r="362189" spans="14:14">
      <c r="N362189" s="10"/>
    </row>
    <row r="362190" spans="14:14">
      <c r="N362190" s="10"/>
    </row>
    <row r="362191" spans="14:14">
      <c r="N362191" s="10"/>
    </row>
    <row r="362192" spans="14:14">
      <c r="N362192" s="10"/>
    </row>
    <row r="362193" spans="14:14">
      <c r="N362193" s="10"/>
    </row>
    <row r="362194" spans="14:14">
      <c r="N362194" s="10"/>
    </row>
    <row r="362195" spans="14:14">
      <c r="N362195" s="10"/>
    </row>
    <row r="362196" spans="14:14">
      <c r="N362196" s="10"/>
    </row>
    <row r="362197" spans="14:14">
      <c r="N362197" s="10"/>
    </row>
    <row r="362198" spans="14:14">
      <c r="N362198" s="10"/>
    </row>
    <row r="362199" spans="14:14">
      <c r="N362199" s="10"/>
    </row>
    <row r="362200" spans="14:14">
      <c r="N362200" s="10"/>
    </row>
    <row r="362201" spans="14:14">
      <c r="N362201" s="10"/>
    </row>
    <row r="362202" spans="14:14">
      <c r="N362202" s="10"/>
    </row>
    <row r="362203" spans="14:14">
      <c r="N362203" s="10"/>
    </row>
    <row r="362204" spans="14:14">
      <c r="N362204" s="10"/>
    </row>
    <row r="362205" spans="14:14">
      <c r="N362205" s="10"/>
    </row>
    <row r="362206" spans="14:14">
      <c r="N362206" s="10"/>
    </row>
    <row r="362207" spans="14:14">
      <c r="N362207" s="10"/>
    </row>
    <row r="362208" spans="14:14">
      <c r="N362208" s="10"/>
    </row>
    <row r="362209" spans="14:14">
      <c r="N362209" s="10"/>
    </row>
    <row r="362210" spans="14:14">
      <c r="N362210" s="10"/>
    </row>
    <row r="362211" spans="14:14">
      <c r="N362211" s="10"/>
    </row>
    <row r="362212" spans="14:14">
      <c r="N362212" s="10"/>
    </row>
    <row r="362213" spans="14:14">
      <c r="N362213" s="10"/>
    </row>
    <row r="362214" spans="14:14">
      <c r="N362214" s="10"/>
    </row>
    <row r="362215" spans="14:14">
      <c r="N362215" s="10"/>
    </row>
    <row r="362216" spans="14:14">
      <c r="N362216" s="10"/>
    </row>
    <row r="362217" spans="14:14">
      <c r="N362217" s="10"/>
    </row>
    <row r="362218" spans="14:14">
      <c r="N362218" s="10"/>
    </row>
    <row r="362219" spans="14:14">
      <c r="N362219" s="10"/>
    </row>
    <row r="362220" spans="14:14">
      <c r="N362220" s="10"/>
    </row>
    <row r="362221" spans="14:14">
      <c r="N362221" s="10"/>
    </row>
    <row r="362222" spans="14:14">
      <c r="N362222" s="10"/>
    </row>
    <row r="362223" spans="14:14">
      <c r="N362223" s="10"/>
    </row>
    <row r="362224" spans="14:14">
      <c r="N362224" s="10"/>
    </row>
    <row r="362225" spans="14:14">
      <c r="N362225" s="10"/>
    </row>
    <row r="362226" spans="14:14">
      <c r="N362226" s="10"/>
    </row>
    <row r="362227" spans="14:14">
      <c r="N362227" s="10"/>
    </row>
    <row r="362228" spans="14:14">
      <c r="N362228" s="10"/>
    </row>
    <row r="362229" spans="14:14">
      <c r="N362229" s="10"/>
    </row>
    <row r="362230" spans="14:14">
      <c r="N362230" s="10"/>
    </row>
    <row r="362231" spans="14:14">
      <c r="N362231" s="10"/>
    </row>
    <row r="362232" spans="14:14">
      <c r="N362232" s="10"/>
    </row>
    <row r="362233" spans="14:14">
      <c r="N362233" s="10"/>
    </row>
    <row r="362234" spans="14:14">
      <c r="N362234" s="10"/>
    </row>
    <row r="362235" spans="14:14">
      <c r="N362235" s="10"/>
    </row>
    <row r="362236" spans="14:14">
      <c r="N362236" s="10"/>
    </row>
    <row r="362237" spans="14:14">
      <c r="N362237" s="10"/>
    </row>
    <row r="362238" spans="14:14">
      <c r="N362238" s="10"/>
    </row>
    <row r="362239" spans="14:14">
      <c r="N362239" s="10"/>
    </row>
    <row r="362240" spans="14:14">
      <c r="N362240" s="10"/>
    </row>
    <row r="362241" spans="14:14">
      <c r="N362241" s="10"/>
    </row>
    <row r="362242" spans="14:14">
      <c r="N362242" s="10"/>
    </row>
    <row r="362243" spans="14:14">
      <c r="N362243" s="10"/>
    </row>
    <row r="362244" spans="14:14">
      <c r="N362244" s="10"/>
    </row>
    <row r="362245" spans="14:14">
      <c r="N362245" s="10"/>
    </row>
    <row r="362246" spans="14:14">
      <c r="N362246" s="10"/>
    </row>
    <row r="362247" spans="14:14">
      <c r="N362247" s="10"/>
    </row>
    <row r="362248" spans="14:14">
      <c r="N362248" s="10"/>
    </row>
    <row r="362249" spans="14:14">
      <c r="N362249" s="10"/>
    </row>
    <row r="362250" spans="14:14">
      <c r="N362250" s="10"/>
    </row>
    <row r="362251" spans="14:14">
      <c r="N362251" s="10"/>
    </row>
    <row r="362252" spans="14:14">
      <c r="N362252" s="10"/>
    </row>
    <row r="362253" spans="14:14">
      <c r="N362253" s="10"/>
    </row>
    <row r="362254" spans="14:14">
      <c r="N362254" s="10"/>
    </row>
    <row r="362255" spans="14:14">
      <c r="N362255" s="10"/>
    </row>
    <row r="362256" spans="14:14">
      <c r="N362256" s="10"/>
    </row>
    <row r="362257" spans="14:14">
      <c r="N362257" s="10"/>
    </row>
    <row r="362258" spans="14:14">
      <c r="N362258" s="10"/>
    </row>
    <row r="362259" spans="14:14">
      <c r="N362259" s="10"/>
    </row>
    <row r="362260" spans="14:14">
      <c r="N362260" s="10"/>
    </row>
    <row r="362261" spans="14:14">
      <c r="N362261" s="10"/>
    </row>
    <row r="362262" spans="14:14">
      <c r="N362262" s="10"/>
    </row>
    <row r="362263" spans="14:14">
      <c r="N362263" s="10"/>
    </row>
    <row r="362264" spans="14:14">
      <c r="N362264" s="10"/>
    </row>
    <row r="362265" spans="14:14">
      <c r="N362265" s="10"/>
    </row>
    <row r="362266" spans="14:14">
      <c r="N362266" s="10"/>
    </row>
    <row r="362267" spans="14:14">
      <c r="N362267" s="10"/>
    </row>
    <row r="362268" spans="14:14">
      <c r="N362268" s="10"/>
    </row>
    <row r="362269" spans="14:14">
      <c r="N362269" s="10"/>
    </row>
    <row r="362270" spans="14:14">
      <c r="N362270" s="10"/>
    </row>
    <row r="362271" spans="14:14">
      <c r="N362271" s="10"/>
    </row>
    <row r="362272" spans="14:14">
      <c r="N362272" s="10"/>
    </row>
    <row r="362273" spans="14:14">
      <c r="N362273" s="10"/>
    </row>
    <row r="362274" spans="14:14">
      <c r="N362274" s="10"/>
    </row>
    <row r="362275" spans="14:14">
      <c r="N362275" s="10"/>
    </row>
    <row r="362276" spans="14:14">
      <c r="N362276" s="10"/>
    </row>
    <row r="362277" spans="14:14">
      <c r="N362277" s="10"/>
    </row>
    <row r="362278" spans="14:14">
      <c r="N362278" s="10"/>
    </row>
    <row r="362279" spans="14:14">
      <c r="N362279" s="10"/>
    </row>
    <row r="362280" spans="14:14">
      <c r="N362280" s="10"/>
    </row>
    <row r="362281" spans="14:14">
      <c r="N362281" s="10"/>
    </row>
    <row r="362282" spans="14:14">
      <c r="N362282" s="10"/>
    </row>
    <row r="362283" spans="14:14">
      <c r="N362283" s="10"/>
    </row>
    <row r="362284" spans="14:14">
      <c r="N362284" s="10"/>
    </row>
    <row r="362285" spans="14:14">
      <c r="N362285" s="10"/>
    </row>
    <row r="362286" spans="14:14">
      <c r="N362286" s="10"/>
    </row>
    <row r="362287" spans="14:14">
      <c r="N362287" s="10"/>
    </row>
    <row r="362288" spans="14:14">
      <c r="N362288" s="10"/>
    </row>
    <row r="362289" spans="14:14">
      <c r="N362289" s="10"/>
    </row>
    <row r="362290" spans="14:14">
      <c r="N362290" s="10"/>
    </row>
    <row r="362291" spans="14:14">
      <c r="N362291" s="10"/>
    </row>
    <row r="362292" spans="14:14">
      <c r="N362292" s="10"/>
    </row>
    <row r="362293" spans="14:14">
      <c r="N362293" s="10"/>
    </row>
    <row r="362294" spans="14:14">
      <c r="N362294" s="10"/>
    </row>
    <row r="362295" spans="14:14">
      <c r="N362295" s="10"/>
    </row>
    <row r="362296" spans="14:14">
      <c r="N362296" s="10"/>
    </row>
    <row r="362297" spans="14:14">
      <c r="N362297" s="10"/>
    </row>
    <row r="362298" spans="14:14">
      <c r="N362298" s="10"/>
    </row>
    <row r="362299" spans="14:14">
      <c r="N362299" s="10"/>
    </row>
    <row r="362300" spans="14:14">
      <c r="N362300" s="10"/>
    </row>
    <row r="362301" spans="14:14">
      <c r="N362301" s="10"/>
    </row>
    <row r="362302" spans="14:14">
      <c r="N362302" s="10"/>
    </row>
    <row r="362303" spans="14:14">
      <c r="N362303" s="10"/>
    </row>
    <row r="362304" spans="14:14">
      <c r="N362304" s="10"/>
    </row>
    <row r="362305" spans="14:14">
      <c r="N362305" s="10"/>
    </row>
    <row r="362306" spans="14:14">
      <c r="N362306" s="10"/>
    </row>
    <row r="362307" spans="14:14">
      <c r="N362307" s="10"/>
    </row>
    <row r="362308" spans="14:14">
      <c r="N362308" s="10"/>
    </row>
    <row r="362309" spans="14:14">
      <c r="N362309" s="10"/>
    </row>
    <row r="362310" spans="14:14">
      <c r="N362310" s="10"/>
    </row>
    <row r="362311" spans="14:14">
      <c r="N362311" s="10"/>
    </row>
    <row r="362312" spans="14:14">
      <c r="N362312" s="10"/>
    </row>
    <row r="362313" spans="14:14">
      <c r="N362313" s="10"/>
    </row>
    <row r="362314" spans="14:14">
      <c r="N362314" s="10"/>
    </row>
    <row r="362315" spans="14:14">
      <c r="N362315" s="10"/>
    </row>
    <row r="362316" spans="14:14">
      <c r="N362316" s="10"/>
    </row>
    <row r="362317" spans="14:14">
      <c r="N362317" s="10"/>
    </row>
    <row r="362318" spans="14:14">
      <c r="N362318" s="10"/>
    </row>
    <row r="362319" spans="14:14">
      <c r="N362319" s="10"/>
    </row>
    <row r="362320" spans="14:14">
      <c r="N362320" s="10"/>
    </row>
    <row r="362321" spans="14:14">
      <c r="N362321" s="10"/>
    </row>
    <row r="362322" spans="14:14">
      <c r="N362322" s="10"/>
    </row>
    <row r="362323" spans="14:14">
      <c r="N362323" s="10"/>
    </row>
    <row r="362324" spans="14:14">
      <c r="N362324" s="10"/>
    </row>
    <row r="362325" spans="14:14">
      <c r="N362325" s="10"/>
    </row>
    <row r="362326" spans="14:14">
      <c r="N362326" s="10"/>
    </row>
    <row r="362327" spans="14:14">
      <c r="N362327" s="10"/>
    </row>
    <row r="362328" spans="14:14">
      <c r="N362328" s="10"/>
    </row>
    <row r="362329" spans="14:14">
      <c r="N362329" s="10"/>
    </row>
    <row r="362330" spans="14:14">
      <c r="N362330" s="10"/>
    </row>
    <row r="362331" spans="14:14">
      <c r="N362331" s="10"/>
    </row>
    <row r="362332" spans="14:14">
      <c r="N362332" s="10"/>
    </row>
    <row r="362333" spans="14:14">
      <c r="N362333" s="10"/>
    </row>
    <row r="362334" spans="14:14">
      <c r="N362334" s="10"/>
    </row>
    <row r="362335" spans="14:14">
      <c r="N362335" s="10"/>
    </row>
    <row r="362336" spans="14:14">
      <c r="N362336" s="10"/>
    </row>
    <row r="362337" spans="14:14">
      <c r="N362337" s="10"/>
    </row>
    <row r="362338" spans="14:14">
      <c r="N362338" s="10"/>
    </row>
    <row r="362339" spans="14:14">
      <c r="N362339" s="10"/>
    </row>
    <row r="362340" spans="14:14">
      <c r="N362340" s="10"/>
    </row>
    <row r="362341" spans="14:14">
      <c r="N362341" s="10"/>
    </row>
    <row r="362342" spans="14:14">
      <c r="N362342" s="10"/>
    </row>
    <row r="362343" spans="14:14">
      <c r="N362343" s="10"/>
    </row>
    <row r="362344" spans="14:14">
      <c r="N362344" s="10"/>
    </row>
    <row r="362345" spans="14:14">
      <c r="N362345" s="10"/>
    </row>
    <row r="362346" spans="14:14">
      <c r="N362346" s="10"/>
    </row>
    <row r="362347" spans="14:14">
      <c r="N362347" s="10"/>
    </row>
    <row r="362348" spans="14:14">
      <c r="N362348" s="10"/>
    </row>
    <row r="362349" spans="14:14">
      <c r="N362349" s="10"/>
    </row>
    <row r="362350" spans="14:14">
      <c r="N362350" s="10"/>
    </row>
    <row r="362351" spans="14:14">
      <c r="N362351" s="10"/>
    </row>
    <row r="362352" spans="14:14">
      <c r="N362352" s="10"/>
    </row>
    <row r="362353" spans="14:14">
      <c r="N362353" s="10"/>
    </row>
    <row r="362354" spans="14:14">
      <c r="N362354" s="10"/>
    </row>
    <row r="362355" spans="14:14">
      <c r="N362355" s="10"/>
    </row>
    <row r="362356" spans="14:14">
      <c r="N362356" s="10"/>
    </row>
    <row r="362357" spans="14:14">
      <c r="N362357" s="10"/>
    </row>
    <row r="362358" spans="14:14">
      <c r="N362358" s="10"/>
    </row>
    <row r="362359" spans="14:14">
      <c r="N362359" s="10"/>
    </row>
    <row r="362360" spans="14:14">
      <c r="N362360" s="10"/>
    </row>
    <row r="362361" spans="14:14">
      <c r="N362361" s="10"/>
    </row>
    <row r="362362" spans="14:14">
      <c r="N362362" s="10"/>
    </row>
    <row r="362363" spans="14:14">
      <c r="N362363" s="10"/>
    </row>
    <row r="362364" spans="14:14">
      <c r="N362364" s="10"/>
    </row>
    <row r="362365" spans="14:14">
      <c r="N362365" s="10"/>
    </row>
    <row r="362366" spans="14:14">
      <c r="N362366" s="10"/>
    </row>
    <row r="362367" spans="14:14">
      <c r="N362367" s="10"/>
    </row>
    <row r="362368" spans="14:14">
      <c r="N362368" s="10"/>
    </row>
    <row r="362369" spans="14:14">
      <c r="N362369" s="10"/>
    </row>
    <row r="362370" spans="14:14">
      <c r="N362370" s="10"/>
    </row>
    <row r="362371" spans="14:14">
      <c r="N362371" s="10"/>
    </row>
    <row r="362372" spans="14:14">
      <c r="N362372" s="10"/>
    </row>
    <row r="362373" spans="14:14">
      <c r="N362373" s="10"/>
    </row>
    <row r="362374" spans="14:14">
      <c r="N362374" s="10"/>
    </row>
    <row r="362375" spans="14:14">
      <c r="N362375" s="10"/>
    </row>
    <row r="362376" spans="14:14">
      <c r="N362376" s="10"/>
    </row>
    <row r="362377" spans="14:14">
      <c r="N362377" s="10"/>
    </row>
    <row r="362378" spans="14:14">
      <c r="N362378" s="10"/>
    </row>
    <row r="362379" spans="14:14">
      <c r="N362379" s="10"/>
    </row>
    <row r="362380" spans="14:14">
      <c r="N362380" s="10"/>
    </row>
    <row r="362381" spans="14:14">
      <c r="N362381" s="10"/>
    </row>
    <row r="362382" spans="14:14">
      <c r="N362382" s="10"/>
    </row>
    <row r="362383" spans="14:14">
      <c r="N362383" s="10"/>
    </row>
    <row r="362384" spans="14:14">
      <c r="N362384" s="10"/>
    </row>
    <row r="362385" spans="14:14">
      <c r="N362385" s="10"/>
    </row>
    <row r="362386" spans="14:14">
      <c r="N362386" s="10"/>
    </row>
    <row r="362387" spans="14:14">
      <c r="N362387" s="10"/>
    </row>
    <row r="362388" spans="14:14">
      <c r="N362388" s="10"/>
    </row>
    <row r="362389" spans="14:14">
      <c r="N362389" s="10"/>
    </row>
    <row r="362390" spans="14:14">
      <c r="N362390" s="10"/>
    </row>
    <row r="362391" spans="14:14">
      <c r="N362391" s="10"/>
    </row>
    <row r="362392" spans="14:14">
      <c r="N362392" s="10"/>
    </row>
    <row r="362393" spans="14:14">
      <c r="N362393" s="10"/>
    </row>
    <row r="362394" spans="14:14">
      <c r="N362394" s="10"/>
    </row>
    <row r="362395" spans="14:14">
      <c r="N362395" s="10"/>
    </row>
    <row r="362396" spans="14:14">
      <c r="N362396" s="10"/>
    </row>
    <row r="362397" spans="14:14">
      <c r="N362397" s="10"/>
    </row>
    <row r="362398" spans="14:14">
      <c r="N362398" s="10"/>
    </row>
    <row r="362399" spans="14:14">
      <c r="N362399" s="10"/>
    </row>
    <row r="362400" spans="14:14">
      <c r="N362400" s="10"/>
    </row>
    <row r="362401" spans="14:14">
      <c r="N362401" s="10"/>
    </row>
    <row r="362402" spans="14:14">
      <c r="N362402" s="10"/>
    </row>
    <row r="362403" spans="14:14">
      <c r="N362403" s="10"/>
    </row>
    <row r="362404" spans="14:14">
      <c r="N362404" s="10"/>
    </row>
    <row r="362405" spans="14:14">
      <c r="N362405" s="10"/>
    </row>
    <row r="362406" spans="14:14">
      <c r="N362406" s="10"/>
    </row>
    <row r="362407" spans="14:14">
      <c r="N362407" s="10"/>
    </row>
    <row r="362408" spans="14:14">
      <c r="N362408" s="10"/>
    </row>
    <row r="362409" spans="14:14">
      <c r="N362409" s="10"/>
    </row>
    <row r="362410" spans="14:14">
      <c r="N362410" s="10"/>
    </row>
    <row r="362411" spans="14:14">
      <c r="N362411" s="10"/>
    </row>
    <row r="362412" spans="14:14">
      <c r="N362412" s="10"/>
    </row>
    <row r="362413" spans="14:14">
      <c r="N362413" s="10"/>
    </row>
    <row r="362414" spans="14:14">
      <c r="N362414" s="10"/>
    </row>
    <row r="362415" spans="14:14">
      <c r="N362415" s="10"/>
    </row>
    <row r="362416" spans="14:14">
      <c r="N362416" s="10"/>
    </row>
    <row r="362417" spans="14:14">
      <c r="N362417" s="10"/>
    </row>
    <row r="362418" spans="14:14">
      <c r="N362418" s="10"/>
    </row>
    <row r="362419" spans="14:14">
      <c r="N362419" s="10"/>
    </row>
    <row r="362420" spans="14:14">
      <c r="N362420" s="10"/>
    </row>
    <row r="362421" spans="14:14">
      <c r="N362421" s="10"/>
    </row>
    <row r="362422" spans="14:14">
      <c r="N362422" s="10"/>
    </row>
    <row r="362423" spans="14:14">
      <c r="N362423" s="10"/>
    </row>
    <row r="362424" spans="14:14">
      <c r="N362424" s="10"/>
    </row>
    <row r="362425" spans="14:14">
      <c r="N362425" s="10"/>
    </row>
    <row r="362426" spans="14:14">
      <c r="N362426" s="10"/>
    </row>
    <row r="362427" spans="14:14">
      <c r="N362427" s="10"/>
    </row>
    <row r="362428" spans="14:14">
      <c r="N362428" s="10"/>
    </row>
    <row r="362429" spans="14:14">
      <c r="N362429" s="10"/>
    </row>
    <row r="362430" spans="14:14">
      <c r="N362430" s="10"/>
    </row>
    <row r="362431" spans="14:14">
      <c r="N362431" s="10"/>
    </row>
    <row r="362432" spans="14:14">
      <c r="N362432" s="10"/>
    </row>
    <row r="362433" spans="14:14">
      <c r="N362433" s="10"/>
    </row>
    <row r="362434" spans="14:14">
      <c r="N362434" s="10"/>
    </row>
    <row r="362435" spans="14:14">
      <c r="N362435" s="10"/>
    </row>
    <row r="362436" spans="14:14">
      <c r="N362436" s="10"/>
    </row>
    <row r="362437" spans="14:14">
      <c r="N362437" s="10"/>
    </row>
    <row r="362438" spans="14:14">
      <c r="N362438" s="10"/>
    </row>
    <row r="362439" spans="14:14">
      <c r="N362439" s="10"/>
    </row>
    <row r="362440" spans="14:14">
      <c r="N362440" s="10"/>
    </row>
    <row r="362441" spans="14:14">
      <c r="N362441" s="10"/>
    </row>
    <row r="362442" spans="14:14">
      <c r="N362442" s="10"/>
    </row>
    <row r="362443" spans="14:14">
      <c r="N362443" s="10"/>
    </row>
    <row r="362444" spans="14:14">
      <c r="N362444" s="10"/>
    </row>
    <row r="362445" spans="14:14">
      <c r="N362445" s="10"/>
    </row>
    <row r="362446" spans="14:14">
      <c r="N362446" s="10"/>
    </row>
    <row r="362447" spans="14:14">
      <c r="N362447" s="10"/>
    </row>
    <row r="362448" spans="14:14">
      <c r="N362448" s="10"/>
    </row>
    <row r="362449" spans="14:14">
      <c r="N362449" s="10"/>
    </row>
    <row r="362450" spans="14:14">
      <c r="N362450" s="10"/>
    </row>
    <row r="362451" spans="14:14">
      <c r="N362451" s="10"/>
    </row>
    <row r="362452" spans="14:14">
      <c r="N362452" s="10"/>
    </row>
    <row r="362453" spans="14:14">
      <c r="N362453" s="10"/>
    </row>
    <row r="362454" spans="14:14">
      <c r="N362454" s="10"/>
    </row>
    <row r="362455" spans="14:14">
      <c r="N362455" s="10"/>
    </row>
    <row r="362456" spans="14:14">
      <c r="N362456" s="10"/>
    </row>
    <row r="362457" spans="14:14">
      <c r="N362457" s="10"/>
    </row>
    <row r="362458" spans="14:14">
      <c r="N362458" s="10"/>
    </row>
    <row r="362459" spans="14:14">
      <c r="N362459" s="10"/>
    </row>
    <row r="362460" spans="14:14">
      <c r="N362460" s="10"/>
    </row>
    <row r="362461" spans="14:14">
      <c r="N362461" s="10"/>
    </row>
    <row r="362462" spans="14:14">
      <c r="N362462" s="10"/>
    </row>
    <row r="362463" spans="14:14">
      <c r="N362463" s="10"/>
    </row>
    <row r="362464" spans="14:14">
      <c r="N362464" s="10"/>
    </row>
    <row r="362465" spans="14:14">
      <c r="N362465" s="10"/>
    </row>
    <row r="362466" spans="14:14">
      <c r="N362466" s="10"/>
    </row>
    <row r="362467" spans="14:14">
      <c r="N362467" s="10"/>
    </row>
    <row r="362468" spans="14:14">
      <c r="N362468" s="10"/>
    </row>
    <row r="362469" spans="14:14">
      <c r="N362469" s="10"/>
    </row>
    <row r="362470" spans="14:14">
      <c r="N362470" s="10"/>
    </row>
    <row r="362471" spans="14:14">
      <c r="N362471" s="10"/>
    </row>
    <row r="362472" spans="14:14">
      <c r="N362472" s="10"/>
    </row>
    <row r="362473" spans="14:14">
      <c r="N362473" s="10"/>
    </row>
    <row r="362474" spans="14:14">
      <c r="N362474" s="10"/>
    </row>
    <row r="362475" spans="14:14">
      <c r="N362475" s="10"/>
    </row>
    <row r="362476" spans="14:14">
      <c r="N362476" s="10"/>
    </row>
    <row r="362477" spans="14:14">
      <c r="N362477" s="10"/>
    </row>
    <row r="362478" spans="14:14">
      <c r="N362478" s="10"/>
    </row>
    <row r="362479" spans="14:14">
      <c r="N362479" s="10"/>
    </row>
    <row r="362480" spans="14:14">
      <c r="N362480" s="10"/>
    </row>
    <row r="362481" spans="14:14">
      <c r="N362481" s="10"/>
    </row>
    <row r="362482" spans="14:14">
      <c r="N362482" s="10"/>
    </row>
    <row r="362483" spans="14:14">
      <c r="N362483" s="10"/>
    </row>
    <row r="362484" spans="14:14">
      <c r="N362484" s="10"/>
    </row>
    <row r="362485" spans="14:14">
      <c r="N362485" s="10"/>
    </row>
    <row r="362486" spans="14:14">
      <c r="N362486" s="10"/>
    </row>
    <row r="362487" spans="14:14">
      <c r="N362487" s="10"/>
    </row>
    <row r="362488" spans="14:14">
      <c r="N362488" s="10"/>
    </row>
    <row r="362489" spans="14:14">
      <c r="N362489" s="10"/>
    </row>
    <row r="362490" spans="14:14">
      <c r="N362490" s="10"/>
    </row>
    <row r="362491" spans="14:14">
      <c r="N362491" s="10"/>
    </row>
    <row r="362492" spans="14:14">
      <c r="N362492" s="10"/>
    </row>
    <row r="362493" spans="14:14">
      <c r="N362493" s="10"/>
    </row>
    <row r="362494" spans="14:14">
      <c r="N362494" s="10"/>
    </row>
    <row r="362495" spans="14:14">
      <c r="N362495" s="10"/>
    </row>
    <row r="362496" spans="14:14">
      <c r="N362496" s="10"/>
    </row>
    <row r="362497" spans="14:14">
      <c r="N362497" s="10"/>
    </row>
    <row r="362498" spans="14:14">
      <c r="N362498" s="10"/>
    </row>
    <row r="362499" spans="14:14">
      <c r="N362499" s="10"/>
    </row>
    <row r="362500" spans="14:14">
      <c r="N362500" s="10"/>
    </row>
    <row r="362501" spans="14:14">
      <c r="N362501" s="10"/>
    </row>
    <row r="362502" spans="14:14">
      <c r="N362502" s="10"/>
    </row>
    <row r="362503" spans="14:14">
      <c r="N362503" s="10"/>
    </row>
    <row r="362504" spans="14:14">
      <c r="N362504" s="10"/>
    </row>
    <row r="362505" spans="14:14">
      <c r="N362505" s="10"/>
    </row>
    <row r="362506" spans="14:14">
      <c r="N362506" s="10"/>
    </row>
    <row r="362507" spans="14:14">
      <c r="N362507" s="10"/>
    </row>
    <row r="362508" spans="14:14">
      <c r="N362508" s="10"/>
    </row>
    <row r="362509" spans="14:14">
      <c r="N362509" s="10"/>
    </row>
    <row r="362510" spans="14:14">
      <c r="N362510" s="10"/>
    </row>
    <row r="362511" spans="14:14">
      <c r="N362511" s="10"/>
    </row>
    <row r="362512" spans="14:14">
      <c r="N362512" s="10"/>
    </row>
    <row r="362513" spans="14:14">
      <c r="N362513" s="10"/>
    </row>
    <row r="362514" spans="14:14">
      <c r="N362514" s="10"/>
    </row>
    <row r="362515" spans="14:14">
      <c r="N362515" s="10"/>
    </row>
    <row r="362516" spans="14:14">
      <c r="N362516" s="10"/>
    </row>
    <row r="362517" spans="14:14">
      <c r="N362517" s="10"/>
    </row>
    <row r="362518" spans="14:14">
      <c r="N362518" s="10"/>
    </row>
    <row r="362519" spans="14:14">
      <c r="N362519" s="10"/>
    </row>
    <row r="362520" spans="14:14">
      <c r="N362520" s="10"/>
    </row>
    <row r="362521" spans="14:14">
      <c r="N362521" s="10"/>
    </row>
    <row r="362522" spans="14:14">
      <c r="N362522" s="10"/>
    </row>
    <row r="362523" spans="14:14">
      <c r="N362523" s="10"/>
    </row>
    <row r="362524" spans="14:14">
      <c r="N362524" s="10"/>
    </row>
    <row r="362525" spans="14:14">
      <c r="N362525" s="10"/>
    </row>
    <row r="362526" spans="14:14">
      <c r="N362526" s="10"/>
    </row>
    <row r="362527" spans="14:14">
      <c r="N362527" s="10"/>
    </row>
    <row r="362528" spans="14:14">
      <c r="N362528" s="10"/>
    </row>
    <row r="362529" spans="14:14">
      <c r="N362529" s="10"/>
    </row>
    <row r="362530" spans="14:14">
      <c r="N362530" s="10"/>
    </row>
    <row r="362531" spans="14:14">
      <c r="N362531" s="10"/>
    </row>
    <row r="362532" spans="14:14">
      <c r="N362532" s="10"/>
    </row>
    <row r="362533" spans="14:14">
      <c r="N362533" s="10"/>
    </row>
    <row r="362534" spans="14:14">
      <c r="N362534" s="10"/>
    </row>
    <row r="362535" spans="14:14">
      <c r="N362535" s="10"/>
    </row>
    <row r="362536" spans="14:14">
      <c r="N362536" s="10"/>
    </row>
    <row r="362537" spans="14:14">
      <c r="N362537" s="10"/>
    </row>
    <row r="362538" spans="14:14">
      <c r="N362538" s="10"/>
    </row>
    <row r="362539" spans="14:14">
      <c r="N362539" s="10"/>
    </row>
    <row r="362540" spans="14:14">
      <c r="N362540" s="10"/>
    </row>
    <row r="362541" spans="14:14">
      <c r="N362541" s="10"/>
    </row>
    <row r="362542" spans="14:14">
      <c r="N362542" s="10"/>
    </row>
    <row r="362543" spans="14:14">
      <c r="N362543" s="10"/>
    </row>
    <row r="362544" spans="14:14">
      <c r="N362544" s="10"/>
    </row>
    <row r="362545" spans="14:14">
      <c r="N362545" s="10"/>
    </row>
    <row r="362546" spans="14:14">
      <c r="N362546" s="10"/>
    </row>
    <row r="362547" spans="14:14">
      <c r="N362547" s="10"/>
    </row>
    <row r="362548" spans="14:14">
      <c r="N362548" s="10"/>
    </row>
    <row r="362549" spans="14:14">
      <c r="N362549" s="10"/>
    </row>
    <row r="362550" spans="14:14">
      <c r="N362550" s="10"/>
    </row>
    <row r="362551" spans="14:14">
      <c r="N362551" s="10"/>
    </row>
    <row r="362552" spans="14:14">
      <c r="N362552" s="10"/>
    </row>
    <row r="362553" spans="14:14">
      <c r="N362553" s="10"/>
    </row>
    <row r="362554" spans="14:14">
      <c r="N362554" s="10"/>
    </row>
    <row r="362555" spans="14:14">
      <c r="N362555" s="10"/>
    </row>
    <row r="362556" spans="14:14">
      <c r="N362556" s="10"/>
    </row>
    <row r="362557" spans="14:14">
      <c r="N362557" s="10"/>
    </row>
    <row r="362558" spans="14:14">
      <c r="N362558" s="10"/>
    </row>
    <row r="362559" spans="14:14">
      <c r="N362559" s="10"/>
    </row>
    <row r="362560" spans="14:14">
      <c r="N362560" s="10"/>
    </row>
    <row r="362561" spans="14:14">
      <c r="N362561" s="10"/>
    </row>
    <row r="362562" spans="14:14">
      <c r="N362562" s="10"/>
    </row>
    <row r="362563" spans="14:14">
      <c r="N362563" s="10"/>
    </row>
    <row r="362564" spans="14:14">
      <c r="N362564" s="10"/>
    </row>
    <row r="362565" spans="14:14">
      <c r="N362565" s="10"/>
    </row>
    <row r="362566" spans="14:14">
      <c r="N362566" s="10"/>
    </row>
    <row r="362567" spans="14:14">
      <c r="N362567" s="10"/>
    </row>
    <row r="362568" spans="14:14">
      <c r="N362568" s="10"/>
    </row>
    <row r="362569" spans="14:14">
      <c r="N362569" s="10"/>
    </row>
    <row r="362570" spans="14:14">
      <c r="N362570" s="10"/>
    </row>
    <row r="362571" spans="14:14">
      <c r="N362571" s="10"/>
    </row>
    <row r="362572" spans="14:14">
      <c r="N362572" s="10"/>
    </row>
    <row r="362573" spans="14:14">
      <c r="N362573" s="10"/>
    </row>
    <row r="362574" spans="14:14">
      <c r="N362574" s="10"/>
    </row>
    <row r="362575" spans="14:14">
      <c r="N362575" s="10"/>
    </row>
    <row r="362576" spans="14:14">
      <c r="N362576" s="10"/>
    </row>
    <row r="362577" spans="14:14">
      <c r="N362577" s="10"/>
    </row>
    <row r="362578" spans="14:14">
      <c r="N362578" s="10"/>
    </row>
    <row r="362579" spans="14:14">
      <c r="N362579" s="10"/>
    </row>
    <row r="362580" spans="14:14">
      <c r="N362580" s="10"/>
    </row>
    <row r="362581" spans="14:14">
      <c r="N362581" s="10"/>
    </row>
    <row r="362582" spans="14:14">
      <c r="N362582" s="10"/>
    </row>
    <row r="362583" spans="14:14">
      <c r="N362583" s="10"/>
    </row>
    <row r="362584" spans="14:14">
      <c r="N362584" s="10"/>
    </row>
    <row r="362585" spans="14:14">
      <c r="N362585" s="10"/>
    </row>
    <row r="362586" spans="14:14">
      <c r="N362586" s="10"/>
    </row>
    <row r="362587" spans="14:14">
      <c r="N362587" s="10"/>
    </row>
    <row r="362588" spans="14:14">
      <c r="N362588" s="10"/>
    </row>
    <row r="362589" spans="14:14">
      <c r="N362589" s="10"/>
    </row>
    <row r="362590" spans="14:14">
      <c r="N362590" s="10"/>
    </row>
    <row r="362591" spans="14:14">
      <c r="N362591" s="10"/>
    </row>
    <row r="362592" spans="14:14">
      <c r="N362592" s="10"/>
    </row>
    <row r="362593" spans="14:14">
      <c r="N362593" s="10"/>
    </row>
    <row r="362594" spans="14:14">
      <c r="N362594" s="10"/>
    </row>
    <row r="362595" spans="14:14">
      <c r="N362595" s="10"/>
    </row>
    <row r="362596" spans="14:14">
      <c r="N362596" s="10"/>
    </row>
    <row r="362597" spans="14:14">
      <c r="N362597" s="10"/>
    </row>
    <row r="362598" spans="14:14">
      <c r="N362598" s="10"/>
    </row>
    <row r="362599" spans="14:14">
      <c r="N362599" s="10"/>
    </row>
    <row r="362600" spans="14:14">
      <c r="N362600" s="10"/>
    </row>
    <row r="362601" spans="14:14">
      <c r="N362601" s="10"/>
    </row>
    <row r="362602" spans="14:14">
      <c r="N362602" s="10"/>
    </row>
    <row r="362603" spans="14:14">
      <c r="N362603" s="10"/>
    </row>
    <row r="362604" spans="14:14">
      <c r="N362604" s="10"/>
    </row>
    <row r="362605" spans="14:14">
      <c r="N362605" s="10"/>
    </row>
    <row r="362606" spans="14:14">
      <c r="N362606" s="10"/>
    </row>
    <row r="362607" spans="14:14">
      <c r="N362607" s="10"/>
    </row>
    <row r="362608" spans="14:14">
      <c r="N362608" s="10"/>
    </row>
    <row r="362609" spans="14:14">
      <c r="N362609" s="10"/>
    </row>
    <row r="362610" spans="14:14">
      <c r="N362610" s="10"/>
    </row>
    <row r="362611" spans="14:14">
      <c r="N362611" s="10"/>
    </row>
    <row r="362612" spans="14:14">
      <c r="N362612" s="10"/>
    </row>
    <row r="362613" spans="14:14">
      <c r="N362613" s="10"/>
    </row>
    <row r="362614" spans="14:14">
      <c r="N362614" s="10"/>
    </row>
    <row r="362615" spans="14:14">
      <c r="N362615" s="10"/>
    </row>
    <row r="362616" spans="14:14">
      <c r="N362616" s="10"/>
    </row>
    <row r="362617" spans="14:14">
      <c r="N362617" s="10"/>
    </row>
    <row r="362618" spans="14:14">
      <c r="N362618" s="10"/>
    </row>
    <row r="362619" spans="14:14">
      <c r="N362619" s="10"/>
    </row>
    <row r="362620" spans="14:14">
      <c r="N362620" s="10"/>
    </row>
    <row r="362621" spans="14:14">
      <c r="N362621" s="10"/>
    </row>
    <row r="362622" spans="14:14">
      <c r="N362622" s="10"/>
    </row>
    <row r="362623" spans="14:14">
      <c r="N362623" s="10"/>
    </row>
    <row r="362624" spans="14:14">
      <c r="N362624" s="10"/>
    </row>
    <row r="362625" spans="14:14">
      <c r="N362625" s="10"/>
    </row>
    <row r="362626" spans="14:14">
      <c r="N362626" s="10"/>
    </row>
    <row r="362627" spans="14:14">
      <c r="N362627" s="10"/>
    </row>
    <row r="362628" spans="14:14">
      <c r="N362628" s="10"/>
    </row>
    <row r="362629" spans="14:14">
      <c r="N362629" s="10"/>
    </row>
    <row r="362630" spans="14:14">
      <c r="N362630" s="10"/>
    </row>
    <row r="362631" spans="14:14">
      <c r="N362631" s="10"/>
    </row>
    <row r="362632" spans="14:14">
      <c r="N362632" s="10"/>
    </row>
    <row r="362633" spans="14:14">
      <c r="N362633" s="10"/>
    </row>
    <row r="362634" spans="14:14">
      <c r="N362634" s="10"/>
    </row>
    <row r="362635" spans="14:14">
      <c r="N362635" s="10"/>
    </row>
    <row r="362636" spans="14:14">
      <c r="N362636" s="10"/>
    </row>
    <row r="362637" spans="14:14">
      <c r="N362637" s="10"/>
    </row>
    <row r="362638" spans="14:14">
      <c r="N362638" s="10"/>
    </row>
    <row r="362639" spans="14:14">
      <c r="N362639" s="10"/>
    </row>
    <row r="362640" spans="14:14">
      <c r="N362640" s="10"/>
    </row>
    <row r="362641" spans="14:14">
      <c r="N362641" s="10"/>
    </row>
    <row r="362642" spans="14:14">
      <c r="N362642" s="10"/>
    </row>
    <row r="362643" spans="14:14">
      <c r="N362643" s="10"/>
    </row>
    <row r="362644" spans="14:14">
      <c r="N362644" s="10"/>
    </row>
    <row r="362645" spans="14:14">
      <c r="N362645" s="10"/>
    </row>
    <row r="362646" spans="14:14">
      <c r="N362646" s="10"/>
    </row>
    <row r="362647" spans="14:14">
      <c r="N362647" s="10"/>
    </row>
    <row r="362648" spans="14:14">
      <c r="N362648" s="10"/>
    </row>
    <row r="362649" spans="14:14">
      <c r="N362649" s="10"/>
    </row>
    <row r="362650" spans="14:14">
      <c r="N362650" s="10"/>
    </row>
    <row r="362651" spans="14:14">
      <c r="N362651" s="10"/>
    </row>
    <row r="362652" spans="14:14">
      <c r="N362652" s="10"/>
    </row>
    <row r="362653" spans="14:14">
      <c r="N362653" s="10"/>
    </row>
    <row r="362654" spans="14:14">
      <c r="N362654" s="10"/>
    </row>
    <row r="362655" spans="14:14">
      <c r="N362655" s="10"/>
    </row>
    <row r="362656" spans="14:14">
      <c r="N362656" s="10"/>
    </row>
    <row r="362657" spans="14:14">
      <c r="N362657" s="10"/>
    </row>
    <row r="362658" spans="14:14">
      <c r="N362658" s="10"/>
    </row>
    <row r="362659" spans="14:14">
      <c r="N362659" s="10"/>
    </row>
    <row r="362660" spans="14:14">
      <c r="N362660" s="10"/>
    </row>
    <row r="362661" spans="14:14">
      <c r="N362661" s="10"/>
    </row>
    <row r="362662" spans="14:14">
      <c r="N362662" s="10"/>
    </row>
    <row r="362663" spans="14:14">
      <c r="N362663" s="10"/>
    </row>
    <row r="362664" spans="14:14">
      <c r="N362664" s="10"/>
    </row>
    <row r="362665" spans="14:14">
      <c r="N362665" s="10"/>
    </row>
    <row r="362666" spans="14:14">
      <c r="N362666" s="10"/>
    </row>
    <row r="362667" spans="14:14">
      <c r="N362667" s="10"/>
    </row>
    <row r="362668" spans="14:14">
      <c r="N362668" s="10"/>
    </row>
    <row r="362669" spans="14:14">
      <c r="N362669" s="10"/>
    </row>
    <row r="362670" spans="14:14">
      <c r="N362670" s="10"/>
    </row>
    <row r="362671" spans="14:14">
      <c r="N362671" s="10"/>
    </row>
    <row r="362672" spans="14:14">
      <c r="N362672" s="10"/>
    </row>
    <row r="362673" spans="14:14">
      <c r="N362673" s="10"/>
    </row>
    <row r="362674" spans="14:14">
      <c r="N362674" s="10"/>
    </row>
    <row r="362675" spans="14:14">
      <c r="N362675" s="10"/>
    </row>
    <row r="362676" spans="14:14">
      <c r="N362676" s="10"/>
    </row>
    <row r="362677" spans="14:14">
      <c r="N362677" s="10"/>
    </row>
    <row r="362678" spans="14:14">
      <c r="N362678" s="10"/>
    </row>
    <row r="362679" spans="14:14">
      <c r="N362679" s="10"/>
    </row>
    <row r="362680" spans="14:14">
      <c r="N362680" s="10"/>
    </row>
    <row r="362681" spans="14:14">
      <c r="N362681" s="10"/>
    </row>
    <row r="362682" spans="14:14">
      <c r="N362682" s="10"/>
    </row>
    <row r="362683" spans="14:14">
      <c r="N362683" s="10"/>
    </row>
    <row r="362684" spans="14:14">
      <c r="N362684" s="10"/>
    </row>
    <row r="362685" spans="14:14">
      <c r="N362685" s="10"/>
    </row>
    <row r="362686" spans="14:14">
      <c r="N362686" s="10"/>
    </row>
    <row r="362687" spans="14:14">
      <c r="N362687" s="10"/>
    </row>
    <row r="362688" spans="14:14">
      <c r="N362688" s="10"/>
    </row>
    <row r="362689" spans="14:14">
      <c r="N362689" s="10"/>
    </row>
    <row r="362690" spans="14:14">
      <c r="N362690" s="10"/>
    </row>
    <row r="362691" spans="14:14">
      <c r="N362691" s="10"/>
    </row>
    <row r="362692" spans="14:14">
      <c r="N362692" s="10"/>
    </row>
    <row r="362693" spans="14:14">
      <c r="N362693" s="10"/>
    </row>
    <row r="362694" spans="14:14">
      <c r="N362694" s="10"/>
    </row>
    <row r="362695" spans="14:14">
      <c r="N362695" s="10"/>
    </row>
    <row r="362696" spans="14:14">
      <c r="N362696" s="10"/>
    </row>
    <row r="362697" spans="14:14">
      <c r="N362697" s="10"/>
    </row>
    <row r="362698" spans="14:14">
      <c r="N362698" s="10"/>
    </row>
    <row r="362699" spans="14:14">
      <c r="N362699" s="10"/>
    </row>
    <row r="362700" spans="14:14">
      <c r="N362700" s="10"/>
    </row>
    <row r="362701" spans="14:14">
      <c r="N362701" s="10"/>
    </row>
    <row r="362702" spans="14:14">
      <c r="N362702" s="10"/>
    </row>
    <row r="362703" spans="14:14">
      <c r="N362703" s="10"/>
    </row>
    <row r="362704" spans="14:14">
      <c r="N362704" s="10"/>
    </row>
    <row r="362705" spans="14:14">
      <c r="N362705" s="10"/>
    </row>
    <row r="362706" spans="14:14">
      <c r="N362706" s="10"/>
    </row>
    <row r="362707" spans="14:14">
      <c r="N362707" s="10"/>
    </row>
    <row r="362708" spans="14:14">
      <c r="N362708" s="10"/>
    </row>
    <row r="362709" spans="14:14">
      <c r="N362709" s="10"/>
    </row>
    <row r="362710" spans="14:14">
      <c r="N362710" s="10"/>
    </row>
    <row r="362711" spans="14:14">
      <c r="N362711" s="10"/>
    </row>
    <row r="362712" spans="14:14">
      <c r="N362712" s="10"/>
    </row>
    <row r="362713" spans="14:14">
      <c r="N362713" s="10"/>
    </row>
    <row r="362714" spans="14:14">
      <c r="N362714" s="10"/>
    </row>
    <row r="362715" spans="14:14">
      <c r="N362715" s="10"/>
    </row>
    <row r="362716" spans="14:14">
      <c r="N362716" s="10"/>
    </row>
    <row r="362717" spans="14:14">
      <c r="N362717" s="10"/>
    </row>
    <row r="362718" spans="14:14">
      <c r="N362718" s="10"/>
    </row>
    <row r="362719" spans="14:14">
      <c r="N362719" s="10"/>
    </row>
    <row r="362720" spans="14:14">
      <c r="N362720" s="10"/>
    </row>
    <row r="362721" spans="14:14">
      <c r="N362721" s="10"/>
    </row>
    <row r="362722" spans="14:14">
      <c r="N362722" s="10"/>
    </row>
    <row r="362723" spans="14:14">
      <c r="N362723" s="10"/>
    </row>
    <row r="362724" spans="14:14">
      <c r="N362724" s="10"/>
    </row>
    <row r="362725" spans="14:14">
      <c r="N362725" s="10"/>
    </row>
    <row r="362726" spans="14:14">
      <c r="N362726" s="10"/>
    </row>
    <row r="362727" spans="14:14">
      <c r="N362727" s="10"/>
    </row>
    <row r="362728" spans="14:14">
      <c r="N362728" s="10"/>
    </row>
    <row r="362729" spans="14:14">
      <c r="N362729" s="10"/>
    </row>
    <row r="362730" spans="14:14">
      <c r="N362730" s="10"/>
    </row>
    <row r="362731" spans="14:14">
      <c r="N362731" s="10"/>
    </row>
    <row r="362732" spans="14:14">
      <c r="N362732" s="10"/>
    </row>
    <row r="362733" spans="14:14">
      <c r="N362733" s="10"/>
    </row>
    <row r="362734" spans="14:14">
      <c r="N362734" s="10"/>
    </row>
    <row r="362735" spans="14:14">
      <c r="N362735" s="10"/>
    </row>
    <row r="362736" spans="14:14">
      <c r="N362736" s="10"/>
    </row>
    <row r="362737" spans="14:14">
      <c r="N362737" s="10"/>
    </row>
    <row r="362738" spans="14:14">
      <c r="N362738" s="10"/>
    </row>
    <row r="362739" spans="14:14">
      <c r="N362739" s="10"/>
    </row>
    <row r="362740" spans="14:14">
      <c r="N362740" s="10"/>
    </row>
    <row r="362741" spans="14:14">
      <c r="N362741" s="10"/>
    </row>
    <row r="362742" spans="14:14">
      <c r="N362742" s="10"/>
    </row>
    <row r="362743" spans="14:14">
      <c r="N362743" s="10"/>
    </row>
    <row r="362744" spans="14:14">
      <c r="N362744" s="10"/>
    </row>
    <row r="362745" spans="14:14">
      <c r="N362745" s="10"/>
    </row>
    <row r="362746" spans="14:14">
      <c r="N362746" s="10"/>
    </row>
    <row r="362747" spans="14:14">
      <c r="N362747" s="10"/>
    </row>
    <row r="362748" spans="14:14">
      <c r="N362748" s="10"/>
    </row>
    <row r="362749" spans="14:14">
      <c r="N362749" s="10"/>
    </row>
    <row r="362750" spans="14:14">
      <c r="N362750" s="10"/>
    </row>
    <row r="362751" spans="14:14">
      <c r="N362751" s="10"/>
    </row>
    <row r="362752" spans="14:14">
      <c r="N362752" s="10"/>
    </row>
    <row r="362753" spans="14:14">
      <c r="N362753" s="10"/>
    </row>
    <row r="362754" spans="14:14">
      <c r="N362754" s="10"/>
    </row>
    <row r="362755" spans="14:14">
      <c r="N362755" s="10"/>
    </row>
    <row r="362756" spans="14:14">
      <c r="N362756" s="10"/>
    </row>
    <row r="362757" spans="14:14">
      <c r="N362757" s="10"/>
    </row>
    <row r="362758" spans="14:14">
      <c r="N362758" s="10"/>
    </row>
    <row r="362759" spans="14:14">
      <c r="N362759" s="10"/>
    </row>
    <row r="362760" spans="14:14">
      <c r="N362760" s="10"/>
    </row>
    <row r="362761" spans="14:14">
      <c r="N362761" s="10"/>
    </row>
    <row r="362762" spans="14:14">
      <c r="N362762" s="10"/>
    </row>
    <row r="362763" spans="14:14">
      <c r="N362763" s="10"/>
    </row>
    <row r="362764" spans="14:14">
      <c r="N362764" s="10"/>
    </row>
    <row r="362765" spans="14:14">
      <c r="N362765" s="10"/>
    </row>
    <row r="362766" spans="14:14">
      <c r="N362766" s="10"/>
    </row>
    <row r="362767" spans="14:14">
      <c r="N362767" s="10"/>
    </row>
    <row r="362768" spans="14:14">
      <c r="N362768" s="10"/>
    </row>
    <row r="362769" spans="14:14">
      <c r="N362769" s="10"/>
    </row>
    <row r="362770" spans="14:14">
      <c r="N362770" s="10"/>
    </row>
    <row r="362771" spans="14:14">
      <c r="N362771" s="10"/>
    </row>
    <row r="362772" spans="14:14">
      <c r="N362772" s="10"/>
    </row>
    <row r="362773" spans="14:14">
      <c r="N362773" s="10"/>
    </row>
    <row r="362774" spans="14:14">
      <c r="N362774" s="10"/>
    </row>
    <row r="362775" spans="14:14">
      <c r="N362775" s="10"/>
    </row>
    <row r="362776" spans="14:14">
      <c r="N362776" s="10"/>
    </row>
    <row r="362777" spans="14:14">
      <c r="N362777" s="10"/>
    </row>
    <row r="362778" spans="14:14">
      <c r="N362778" s="10"/>
    </row>
    <row r="362779" spans="14:14">
      <c r="N362779" s="10"/>
    </row>
    <row r="362780" spans="14:14">
      <c r="N362780" s="10"/>
    </row>
    <row r="362781" spans="14:14">
      <c r="N362781" s="10"/>
    </row>
    <row r="362782" spans="14:14">
      <c r="N362782" s="10"/>
    </row>
    <row r="362783" spans="14:14">
      <c r="N362783" s="10"/>
    </row>
    <row r="362784" spans="14:14">
      <c r="N362784" s="10"/>
    </row>
    <row r="362785" spans="14:14">
      <c r="N362785" s="10"/>
    </row>
    <row r="362786" spans="14:14">
      <c r="N362786" s="10"/>
    </row>
    <row r="362787" spans="14:14">
      <c r="N362787" s="10"/>
    </row>
    <row r="362788" spans="14:14">
      <c r="N362788" s="10"/>
    </row>
    <row r="362789" spans="14:14">
      <c r="N362789" s="10"/>
    </row>
    <row r="362790" spans="14:14">
      <c r="N362790" s="10"/>
    </row>
    <row r="362791" spans="14:14">
      <c r="N362791" s="10"/>
    </row>
    <row r="362792" spans="14:14">
      <c r="N362792" s="10"/>
    </row>
    <row r="362793" spans="14:14">
      <c r="N362793" s="10"/>
    </row>
    <row r="362794" spans="14:14">
      <c r="N362794" s="10"/>
    </row>
    <row r="362795" spans="14:14">
      <c r="N362795" s="10"/>
    </row>
    <row r="362796" spans="14:14">
      <c r="N362796" s="10"/>
    </row>
    <row r="362797" spans="14:14">
      <c r="N362797" s="10"/>
    </row>
    <row r="362798" spans="14:14">
      <c r="N362798" s="10"/>
    </row>
    <row r="362799" spans="14:14">
      <c r="N362799" s="10"/>
    </row>
    <row r="362800" spans="14:14">
      <c r="N362800" s="10"/>
    </row>
    <row r="362801" spans="14:14">
      <c r="N362801" s="10"/>
    </row>
    <row r="362802" spans="14:14">
      <c r="N362802" s="10"/>
    </row>
    <row r="362803" spans="14:14">
      <c r="N362803" s="10"/>
    </row>
    <row r="362804" spans="14:14">
      <c r="N362804" s="10"/>
    </row>
    <row r="362805" spans="14:14">
      <c r="N362805" s="10"/>
    </row>
    <row r="362806" spans="14:14">
      <c r="N362806" s="10"/>
    </row>
    <row r="362807" spans="14:14">
      <c r="N362807" s="10"/>
    </row>
    <row r="362808" spans="14:14">
      <c r="N362808" s="10"/>
    </row>
    <row r="362809" spans="14:14">
      <c r="N362809" s="10"/>
    </row>
    <row r="362810" spans="14:14">
      <c r="N362810" s="10"/>
    </row>
    <row r="362811" spans="14:14">
      <c r="N362811" s="10"/>
    </row>
    <row r="362812" spans="14:14">
      <c r="N362812" s="10"/>
    </row>
    <row r="362813" spans="14:14">
      <c r="N362813" s="10"/>
    </row>
    <row r="362814" spans="14:14">
      <c r="N362814" s="10"/>
    </row>
    <row r="362815" spans="14:14">
      <c r="N362815" s="10"/>
    </row>
    <row r="362816" spans="14:14">
      <c r="N362816" s="10"/>
    </row>
    <row r="362817" spans="14:14">
      <c r="N362817" s="10"/>
    </row>
    <row r="362818" spans="14:14">
      <c r="N362818" s="10"/>
    </row>
    <row r="362819" spans="14:14">
      <c r="N362819" s="10"/>
    </row>
    <row r="362820" spans="14:14">
      <c r="N362820" s="10"/>
    </row>
    <row r="362821" spans="14:14">
      <c r="N362821" s="10"/>
    </row>
    <row r="362822" spans="14:14">
      <c r="N362822" s="10"/>
    </row>
    <row r="362823" spans="14:14">
      <c r="N362823" s="10"/>
    </row>
    <row r="362824" spans="14:14">
      <c r="N362824" s="10"/>
    </row>
    <row r="362825" spans="14:14">
      <c r="N362825" s="10"/>
    </row>
    <row r="362826" spans="14:14">
      <c r="N362826" s="10"/>
    </row>
    <row r="362827" spans="14:14">
      <c r="N362827" s="10"/>
    </row>
    <row r="362828" spans="14:14">
      <c r="N362828" s="10"/>
    </row>
    <row r="362829" spans="14:14">
      <c r="N362829" s="10"/>
    </row>
    <row r="362830" spans="14:14">
      <c r="N362830" s="10"/>
    </row>
    <row r="362831" spans="14:14">
      <c r="N362831" s="10"/>
    </row>
    <row r="362832" spans="14:14">
      <c r="N362832" s="10"/>
    </row>
    <row r="362833" spans="14:14">
      <c r="N362833" s="10"/>
    </row>
    <row r="362834" spans="14:14">
      <c r="N362834" s="10"/>
    </row>
    <row r="362835" spans="14:14">
      <c r="N362835" s="10"/>
    </row>
    <row r="362836" spans="14:14">
      <c r="N362836" s="10"/>
    </row>
    <row r="362837" spans="14:14">
      <c r="N362837" s="10"/>
    </row>
    <row r="362838" spans="14:14">
      <c r="N362838" s="10"/>
    </row>
    <row r="362839" spans="14:14">
      <c r="N362839" s="10"/>
    </row>
    <row r="362840" spans="14:14">
      <c r="N362840" s="10"/>
    </row>
    <row r="362841" spans="14:14">
      <c r="N362841" s="10"/>
    </row>
    <row r="362842" spans="14:14">
      <c r="N362842" s="10"/>
    </row>
    <row r="362843" spans="14:14">
      <c r="N362843" s="10"/>
    </row>
    <row r="362844" spans="14:14">
      <c r="N362844" s="10"/>
    </row>
    <row r="362845" spans="14:14">
      <c r="N362845" s="10"/>
    </row>
    <row r="362846" spans="14:14">
      <c r="N362846" s="10"/>
    </row>
    <row r="362847" spans="14:14">
      <c r="N362847" s="10"/>
    </row>
    <row r="362848" spans="14:14">
      <c r="N362848" s="10"/>
    </row>
    <row r="362849" spans="14:14">
      <c r="N362849" s="10"/>
    </row>
    <row r="362850" spans="14:14">
      <c r="N362850" s="10"/>
    </row>
    <row r="362851" spans="14:14">
      <c r="N362851" s="10"/>
    </row>
    <row r="362852" spans="14:14">
      <c r="N362852" s="10"/>
    </row>
    <row r="362853" spans="14:14">
      <c r="N362853" s="10"/>
    </row>
    <row r="362854" spans="14:14">
      <c r="N362854" s="10"/>
    </row>
    <row r="362855" spans="14:14">
      <c r="N362855" s="10"/>
    </row>
    <row r="362856" spans="14:14">
      <c r="N362856" s="10"/>
    </row>
    <row r="362857" spans="14:14">
      <c r="N362857" s="10"/>
    </row>
    <row r="362858" spans="14:14">
      <c r="N362858" s="10"/>
    </row>
    <row r="362859" spans="14:14">
      <c r="N362859" s="10"/>
    </row>
    <row r="362860" spans="14:14">
      <c r="N362860" s="10"/>
    </row>
    <row r="362861" spans="14:14">
      <c r="N362861" s="10"/>
    </row>
    <row r="362862" spans="14:14">
      <c r="N362862" s="10"/>
    </row>
    <row r="362863" spans="14:14">
      <c r="N362863" s="10"/>
    </row>
    <row r="362864" spans="14:14">
      <c r="N362864" s="10"/>
    </row>
    <row r="362865" spans="14:14">
      <c r="N362865" s="10"/>
    </row>
    <row r="362866" spans="14:14">
      <c r="N362866" s="10"/>
    </row>
    <row r="362867" spans="14:14">
      <c r="N362867" s="10"/>
    </row>
    <row r="362868" spans="14:14">
      <c r="N362868" s="10"/>
    </row>
    <row r="362869" spans="14:14">
      <c r="N362869" s="10"/>
    </row>
    <row r="362870" spans="14:14">
      <c r="N362870" s="10"/>
    </row>
    <row r="362871" spans="14:14">
      <c r="N362871" s="10"/>
    </row>
    <row r="362872" spans="14:14">
      <c r="N362872" s="10"/>
    </row>
    <row r="362873" spans="14:14">
      <c r="N362873" s="10"/>
    </row>
    <row r="362874" spans="14:14">
      <c r="N362874" s="10"/>
    </row>
    <row r="362875" spans="14:14">
      <c r="N362875" s="10"/>
    </row>
    <row r="362876" spans="14:14">
      <c r="N362876" s="10"/>
    </row>
    <row r="362877" spans="14:14">
      <c r="N362877" s="10"/>
    </row>
    <row r="362878" spans="14:14">
      <c r="N362878" s="10"/>
    </row>
    <row r="362879" spans="14:14">
      <c r="N362879" s="10"/>
    </row>
    <row r="362880" spans="14:14">
      <c r="N362880" s="10"/>
    </row>
    <row r="362881" spans="14:14">
      <c r="N362881" s="10"/>
    </row>
    <row r="362882" spans="14:14">
      <c r="N362882" s="10"/>
    </row>
    <row r="362883" spans="14:14">
      <c r="N362883" s="10"/>
    </row>
    <row r="362884" spans="14:14">
      <c r="N362884" s="10"/>
    </row>
    <row r="362885" spans="14:14">
      <c r="N362885" s="10"/>
    </row>
    <row r="362886" spans="14:14">
      <c r="N362886" s="10"/>
    </row>
    <row r="362887" spans="14:14">
      <c r="N362887" s="10"/>
    </row>
    <row r="362888" spans="14:14">
      <c r="N362888" s="10"/>
    </row>
    <row r="362889" spans="14:14">
      <c r="N362889" s="10"/>
    </row>
    <row r="362890" spans="14:14">
      <c r="N362890" s="10"/>
    </row>
    <row r="362891" spans="14:14">
      <c r="N362891" s="10"/>
    </row>
    <row r="362892" spans="14:14">
      <c r="N362892" s="10"/>
    </row>
    <row r="362893" spans="14:14">
      <c r="N362893" s="10"/>
    </row>
    <row r="362894" spans="14:14">
      <c r="N362894" s="10"/>
    </row>
    <row r="362895" spans="14:14">
      <c r="N362895" s="10"/>
    </row>
    <row r="362896" spans="14:14">
      <c r="N362896" s="10"/>
    </row>
    <row r="362897" spans="14:14">
      <c r="N362897" s="10"/>
    </row>
    <row r="362898" spans="14:14">
      <c r="N362898" s="10"/>
    </row>
    <row r="362899" spans="14:14">
      <c r="N362899" s="10"/>
    </row>
    <row r="362900" spans="14:14">
      <c r="N362900" s="10"/>
    </row>
    <row r="362901" spans="14:14">
      <c r="N362901" s="10"/>
    </row>
    <row r="362902" spans="14:14">
      <c r="N362902" s="10"/>
    </row>
    <row r="362903" spans="14:14">
      <c r="N362903" s="10"/>
    </row>
    <row r="362904" spans="14:14">
      <c r="N362904" s="10"/>
    </row>
    <row r="362905" spans="14:14">
      <c r="N362905" s="10"/>
    </row>
    <row r="362906" spans="14:14">
      <c r="N362906" s="10"/>
    </row>
    <row r="362907" spans="14:14">
      <c r="N362907" s="10"/>
    </row>
    <row r="362908" spans="14:14">
      <c r="N362908" s="10"/>
    </row>
    <row r="362909" spans="14:14">
      <c r="N362909" s="10"/>
    </row>
    <row r="362910" spans="14:14">
      <c r="N362910" s="10"/>
    </row>
    <row r="362911" spans="14:14">
      <c r="N362911" s="10"/>
    </row>
    <row r="362912" spans="14:14">
      <c r="N362912" s="10"/>
    </row>
    <row r="362913" spans="14:14">
      <c r="N362913" s="10"/>
    </row>
    <row r="362914" spans="14:14">
      <c r="N362914" s="10"/>
    </row>
    <row r="362915" spans="14:14">
      <c r="N362915" s="10"/>
    </row>
    <row r="362916" spans="14:14">
      <c r="N362916" s="10"/>
    </row>
    <row r="362917" spans="14:14">
      <c r="N362917" s="10"/>
    </row>
    <row r="362918" spans="14:14">
      <c r="N362918" s="10"/>
    </row>
    <row r="362919" spans="14:14">
      <c r="N362919" s="10"/>
    </row>
    <row r="362920" spans="14:14">
      <c r="N362920" s="10"/>
    </row>
    <row r="362921" spans="14:14">
      <c r="N362921" s="10"/>
    </row>
    <row r="362922" spans="14:14">
      <c r="N362922" s="10"/>
    </row>
    <row r="362923" spans="14:14">
      <c r="N362923" s="10"/>
    </row>
    <row r="362924" spans="14:14">
      <c r="N362924" s="10"/>
    </row>
    <row r="362925" spans="14:14">
      <c r="N362925" s="10"/>
    </row>
    <row r="362926" spans="14:14">
      <c r="N362926" s="10"/>
    </row>
    <row r="362927" spans="14:14">
      <c r="N362927" s="10"/>
    </row>
    <row r="362928" spans="14:14">
      <c r="N362928" s="10"/>
    </row>
    <row r="362929" spans="14:14">
      <c r="N362929" s="10"/>
    </row>
    <row r="362930" spans="14:14">
      <c r="N362930" s="10"/>
    </row>
    <row r="362931" spans="14:14">
      <c r="N362931" s="10"/>
    </row>
    <row r="362932" spans="14:14">
      <c r="N362932" s="10"/>
    </row>
    <row r="362933" spans="14:14">
      <c r="N362933" s="10"/>
    </row>
    <row r="362934" spans="14:14">
      <c r="N362934" s="10"/>
    </row>
    <row r="362935" spans="14:14">
      <c r="N362935" s="10"/>
    </row>
    <row r="362936" spans="14:14">
      <c r="N362936" s="10"/>
    </row>
    <row r="362937" spans="14:14">
      <c r="N362937" s="10"/>
    </row>
    <row r="362938" spans="14:14">
      <c r="N362938" s="10"/>
    </row>
    <row r="362939" spans="14:14">
      <c r="N362939" s="10"/>
    </row>
    <row r="362940" spans="14:14">
      <c r="N362940" s="10"/>
    </row>
    <row r="362941" spans="14:14">
      <c r="N362941" s="10"/>
    </row>
    <row r="362942" spans="14:14">
      <c r="N362942" s="10"/>
    </row>
    <row r="362943" spans="14:14">
      <c r="N362943" s="10"/>
    </row>
    <row r="362944" spans="14:14">
      <c r="N362944" s="10"/>
    </row>
    <row r="362945" spans="14:14">
      <c r="N362945" s="10"/>
    </row>
    <row r="362946" spans="14:14">
      <c r="N362946" s="10"/>
    </row>
    <row r="362947" spans="14:14">
      <c r="N362947" s="10"/>
    </row>
    <row r="362948" spans="14:14">
      <c r="N362948" s="10"/>
    </row>
    <row r="362949" spans="14:14">
      <c r="N362949" s="10"/>
    </row>
    <row r="362950" spans="14:14">
      <c r="N362950" s="10"/>
    </row>
    <row r="362951" spans="14:14">
      <c r="N362951" s="10"/>
    </row>
    <row r="362952" spans="14:14">
      <c r="N362952" s="10"/>
    </row>
    <row r="362953" spans="14:14">
      <c r="N362953" s="10"/>
    </row>
    <row r="362954" spans="14:14">
      <c r="N362954" s="10"/>
    </row>
    <row r="362955" spans="14:14">
      <c r="N362955" s="10"/>
    </row>
    <row r="362956" spans="14:14">
      <c r="N362956" s="10"/>
    </row>
    <row r="362957" spans="14:14">
      <c r="N362957" s="10"/>
    </row>
    <row r="362958" spans="14:14">
      <c r="N362958" s="10"/>
    </row>
    <row r="362959" spans="14:14">
      <c r="N362959" s="10"/>
    </row>
    <row r="362960" spans="14:14">
      <c r="N362960" s="10"/>
    </row>
    <row r="362961" spans="14:14">
      <c r="N362961" s="10"/>
    </row>
    <row r="362962" spans="14:14">
      <c r="N362962" s="10"/>
    </row>
    <row r="362963" spans="14:14">
      <c r="N362963" s="10"/>
    </row>
    <row r="362964" spans="14:14">
      <c r="N362964" s="10"/>
    </row>
    <row r="362965" spans="14:14">
      <c r="N362965" s="10"/>
    </row>
    <row r="362966" spans="14:14">
      <c r="N362966" s="10"/>
    </row>
    <row r="362967" spans="14:14">
      <c r="N362967" s="10"/>
    </row>
    <row r="362968" spans="14:14">
      <c r="N362968" s="10"/>
    </row>
    <row r="362969" spans="14:14">
      <c r="N362969" s="10"/>
    </row>
    <row r="362970" spans="14:14">
      <c r="N362970" s="10"/>
    </row>
    <row r="362971" spans="14:14">
      <c r="N362971" s="10"/>
    </row>
    <row r="362972" spans="14:14">
      <c r="N362972" s="10"/>
    </row>
    <row r="362973" spans="14:14">
      <c r="N362973" s="10"/>
    </row>
    <row r="362974" spans="14:14">
      <c r="N362974" s="10"/>
    </row>
    <row r="362975" spans="14:14">
      <c r="N362975" s="10"/>
    </row>
    <row r="362976" spans="14:14">
      <c r="N362976" s="10"/>
    </row>
    <row r="362977" spans="14:14">
      <c r="N362977" s="10"/>
    </row>
    <row r="362978" spans="14:14">
      <c r="N362978" s="10"/>
    </row>
    <row r="362979" spans="14:14">
      <c r="N362979" s="10"/>
    </row>
    <row r="362980" spans="14:14">
      <c r="N362980" s="10"/>
    </row>
    <row r="362981" spans="14:14">
      <c r="N362981" s="10"/>
    </row>
    <row r="362982" spans="14:14">
      <c r="N362982" s="10"/>
    </row>
    <row r="362983" spans="14:14">
      <c r="N362983" s="10"/>
    </row>
    <row r="362984" spans="14:14">
      <c r="N362984" s="10"/>
    </row>
    <row r="362985" spans="14:14">
      <c r="N362985" s="10"/>
    </row>
    <row r="362986" spans="14:14">
      <c r="N362986" s="10"/>
    </row>
    <row r="362987" spans="14:14">
      <c r="N362987" s="10"/>
    </row>
    <row r="362988" spans="14:14">
      <c r="N362988" s="10"/>
    </row>
    <row r="362989" spans="14:14">
      <c r="N362989" s="10"/>
    </row>
    <row r="362990" spans="14:14">
      <c r="N362990" s="10"/>
    </row>
    <row r="362991" spans="14:14">
      <c r="N362991" s="10"/>
    </row>
    <row r="362992" spans="14:14">
      <c r="N362992" s="10"/>
    </row>
    <row r="362993" spans="14:14">
      <c r="N362993" s="10"/>
    </row>
    <row r="362994" spans="14:14">
      <c r="N362994" s="10"/>
    </row>
    <row r="362995" spans="14:14">
      <c r="N362995" s="10"/>
    </row>
    <row r="362996" spans="14:14">
      <c r="N362996" s="10"/>
    </row>
    <row r="362997" spans="14:14">
      <c r="N362997" s="10"/>
    </row>
    <row r="362998" spans="14:14">
      <c r="N362998" s="10"/>
    </row>
    <row r="362999" spans="14:14">
      <c r="N362999" s="10"/>
    </row>
    <row r="363000" spans="14:14">
      <c r="N363000" s="10"/>
    </row>
    <row r="363001" spans="14:14">
      <c r="N363001" s="10"/>
    </row>
    <row r="363002" spans="14:14">
      <c r="N363002" s="10"/>
    </row>
    <row r="363003" spans="14:14">
      <c r="N363003" s="10"/>
    </row>
    <row r="363004" spans="14:14">
      <c r="N363004" s="10"/>
    </row>
    <row r="363005" spans="14:14">
      <c r="N363005" s="10"/>
    </row>
    <row r="363006" spans="14:14">
      <c r="N363006" s="10"/>
    </row>
    <row r="363007" spans="14:14">
      <c r="N363007" s="10"/>
    </row>
    <row r="363008" spans="14:14">
      <c r="N363008" s="10"/>
    </row>
    <row r="363009" spans="14:14">
      <c r="N363009" s="10"/>
    </row>
    <row r="363010" spans="14:14">
      <c r="N363010" s="10"/>
    </row>
    <row r="363011" spans="14:14">
      <c r="N363011" s="10"/>
    </row>
    <row r="363012" spans="14:14">
      <c r="N363012" s="10"/>
    </row>
    <row r="363013" spans="14:14">
      <c r="N363013" s="10"/>
    </row>
    <row r="363014" spans="14:14">
      <c r="N363014" s="10"/>
    </row>
    <row r="363015" spans="14:14">
      <c r="N363015" s="10"/>
    </row>
    <row r="363016" spans="14:14">
      <c r="N363016" s="10"/>
    </row>
    <row r="363017" spans="14:14">
      <c r="N363017" s="10"/>
    </row>
    <row r="363018" spans="14:14">
      <c r="N363018" s="10"/>
    </row>
    <row r="363019" spans="14:14">
      <c r="N363019" s="10"/>
    </row>
    <row r="363020" spans="14:14">
      <c r="N363020" s="10"/>
    </row>
    <row r="363021" spans="14:14">
      <c r="N363021" s="10"/>
    </row>
    <row r="363022" spans="14:14">
      <c r="N363022" s="10"/>
    </row>
    <row r="363023" spans="14:14">
      <c r="N363023" s="10"/>
    </row>
    <row r="363024" spans="14:14">
      <c r="N363024" s="10"/>
    </row>
    <row r="363025" spans="14:14">
      <c r="N363025" s="10"/>
    </row>
    <row r="363026" spans="14:14">
      <c r="N363026" s="10"/>
    </row>
    <row r="363027" spans="14:14">
      <c r="N363027" s="10"/>
    </row>
    <row r="363028" spans="14:14">
      <c r="N363028" s="10"/>
    </row>
    <row r="363029" spans="14:14">
      <c r="N363029" s="10"/>
    </row>
    <row r="363030" spans="14:14">
      <c r="N363030" s="10"/>
    </row>
    <row r="363031" spans="14:14">
      <c r="N363031" s="10"/>
    </row>
    <row r="363032" spans="14:14">
      <c r="N363032" s="10"/>
    </row>
    <row r="363033" spans="14:14">
      <c r="N363033" s="10"/>
    </row>
    <row r="363034" spans="14:14">
      <c r="N363034" s="10"/>
    </row>
    <row r="363035" spans="14:14">
      <c r="N363035" s="10"/>
    </row>
    <row r="363036" spans="14:14">
      <c r="N363036" s="10"/>
    </row>
    <row r="363037" spans="14:14">
      <c r="N363037" s="10"/>
    </row>
    <row r="363038" spans="14:14">
      <c r="N363038" s="10"/>
    </row>
    <row r="363039" spans="14:14">
      <c r="N363039" s="10"/>
    </row>
    <row r="363040" spans="14:14">
      <c r="N363040" s="10"/>
    </row>
    <row r="363041" spans="14:14">
      <c r="N363041" s="10"/>
    </row>
    <row r="363042" spans="14:14">
      <c r="N363042" s="10"/>
    </row>
    <row r="363043" spans="14:14">
      <c r="N363043" s="10"/>
    </row>
    <row r="363044" spans="14:14">
      <c r="N363044" s="10"/>
    </row>
    <row r="363045" spans="14:14">
      <c r="N363045" s="10"/>
    </row>
    <row r="363046" spans="14:14">
      <c r="N363046" s="10"/>
    </row>
    <row r="363047" spans="14:14">
      <c r="N363047" s="10"/>
    </row>
    <row r="363048" spans="14:14">
      <c r="N363048" s="10"/>
    </row>
    <row r="363049" spans="14:14">
      <c r="N363049" s="10"/>
    </row>
    <row r="363050" spans="14:14">
      <c r="N363050" s="10"/>
    </row>
    <row r="363051" spans="14:14">
      <c r="N363051" s="10"/>
    </row>
    <row r="363052" spans="14:14">
      <c r="N363052" s="10"/>
    </row>
    <row r="363053" spans="14:14">
      <c r="N363053" s="10"/>
    </row>
    <row r="363054" spans="14:14">
      <c r="N363054" s="10"/>
    </row>
    <row r="363055" spans="14:14">
      <c r="N363055" s="10"/>
    </row>
    <row r="363056" spans="14:14">
      <c r="N363056" s="10"/>
    </row>
    <row r="363057" spans="14:14">
      <c r="N363057" s="10"/>
    </row>
    <row r="363058" spans="14:14">
      <c r="N363058" s="10"/>
    </row>
    <row r="363059" spans="14:14">
      <c r="N363059" s="10"/>
    </row>
    <row r="363060" spans="14:14">
      <c r="N363060" s="10"/>
    </row>
    <row r="363061" spans="14:14">
      <c r="N363061" s="10"/>
    </row>
    <row r="363062" spans="14:14">
      <c r="N363062" s="10"/>
    </row>
    <row r="363063" spans="14:14">
      <c r="N363063" s="10"/>
    </row>
    <row r="363064" spans="14:14">
      <c r="N363064" s="10"/>
    </row>
    <row r="363065" spans="14:14">
      <c r="N363065" s="10"/>
    </row>
    <row r="363066" spans="14:14">
      <c r="N363066" s="10"/>
    </row>
    <row r="363067" spans="14:14">
      <c r="N363067" s="10"/>
    </row>
    <row r="363068" spans="14:14">
      <c r="N363068" s="10"/>
    </row>
    <row r="363069" spans="14:14">
      <c r="N363069" s="10"/>
    </row>
    <row r="363070" spans="14:14">
      <c r="N363070" s="10"/>
    </row>
    <row r="363071" spans="14:14">
      <c r="N363071" s="10"/>
    </row>
    <row r="363072" spans="14:14">
      <c r="N363072" s="10"/>
    </row>
    <row r="363073" spans="14:14">
      <c r="N363073" s="10"/>
    </row>
    <row r="363074" spans="14:14">
      <c r="N363074" s="10"/>
    </row>
    <row r="363075" spans="14:14">
      <c r="N363075" s="10"/>
    </row>
    <row r="363076" spans="14:14">
      <c r="N363076" s="10"/>
    </row>
    <row r="363077" spans="14:14">
      <c r="N363077" s="10"/>
    </row>
    <row r="363078" spans="14:14">
      <c r="N363078" s="10"/>
    </row>
    <row r="363079" spans="14:14">
      <c r="N363079" s="10"/>
    </row>
    <row r="363080" spans="14:14">
      <c r="N363080" s="10"/>
    </row>
    <row r="363081" spans="14:14">
      <c r="N363081" s="10"/>
    </row>
    <row r="363082" spans="14:14">
      <c r="N363082" s="10"/>
    </row>
    <row r="363083" spans="14:14">
      <c r="N363083" s="10"/>
    </row>
    <row r="363084" spans="14:14">
      <c r="N363084" s="10"/>
    </row>
    <row r="363085" spans="14:14">
      <c r="N363085" s="10"/>
    </row>
    <row r="363086" spans="14:14">
      <c r="N363086" s="10"/>
    </row>
    <row r="363087" spans="14:14">
      <c r="N363087" s="10"/>
    </row>
    <row r="363088" spans="14:14">
      <c r="N363088" s="10"/>
    </row>
    <row r="363089" spans="14:14">
      <c r="N363089" s="10"/>
    </row>
    <row r="363090" spans="14:14">
      <c r="N363090" s="10"/>
    </row>
    <row r="363091" spans="14:14">
      <c r="N363091" s="10"/>
    </row>
    <row r="363092" spans="14:14">
      <c r="N363092" s="10"/>
    </row>
    <row r="363093" spans="14:14">
      <c r="N363093" s="10"/>
    </row>
    <row r="363094" spans="14:14">
      <c r="N363094" s="10"/>
    </row>
    <row r="363095" spans="14:14">
      <c r="N363095" s="10"/>
    </row>
    <row r="363096" spans="14:14">
      <c r="N363096" s="10"/>
    </row>
    <row r="363097" spans="14:14">
      <c r="N363097" s="10"/>
    </row>
    <row r="363098" spans="14:14">
      <c r="N363098" s="10"/>
    </row>
    <row r="363099" spans="14:14">
      <c r="N363099" s="10"/>
    </row>
    <row r="363100" spans="14:14">
      <c r="N363100" s="10"/>
    </row>
    <row r="363101" spans="14:14">
      <c r="N363101" s="10"/>
    </row>
    <row r="363102" spans="14:14">
      <c r="N363102" s="10"/>
    </row>
    <row r="363103" spans="14:14">
      <c r="N363103" s="10"/>
    </row>
    <row r="363104" spans="14:14">
      <c r="N363104" s="10"/>
    </row>
    <row r="363105" spans="14:14">
      <c r="N363105" s="10"/>
    </row>
    <row r="363106" spans="14:14">
      <c r="N363106" s="10"/>
    </row>
    <row r="363107" spans="14:14">
      <c r="N363107" s="10"/>
    </row>
    <row r="363108" spans="14:14">
      <c r="N363108" s="10"/>
    </row>
    <row r="363109" spans="14:14">
      <c r="N363109" s="10"/>
    </row>
    <row r="363110" spans="14:14">
      <c r="N363110" s="10"/>
    </row>
    <row r="363111" spans="14:14">
      <c r="N363111" s="10"/>
    </row>
    <row r="363112" spans="14:14">
      <c r="N363112" s="10"/>
    </row>
    <row r="363113" spans="14:14">
      <c r="N363113" s="10"/>
    </row>
    <row r="363114" spans="14:14">
      <c r="N363114" s="10"/>
    </row>
    <row r="363115" spans="14:14">
      <c r="N363115" s="10"/>
    </row>
    <row r="363116" spans="14:14">
      <c r="N363116" s="10"/>
    </row>
    <row r="363117" spans="14:14">
      <c r="N363117" s="10"/>
    </row>
    <row r="363118" spans="14:14">
      <c r="N363118" s="10"/>
    </row>
    <row r="363119" spans="14:14">
      <c r="N363119" s="10"/>
    </row>
    <row r="363120" spans="14:14">
      <c r="N363120" s="10"/>
    </row>
    <row r="363121" spans="14:14">
      <c r="N363121" s="10"/>
    </row>
    <row r="363122" spans="14:14">
      <c r="N363122" s="10"/>
    </row>
    <row r="363123" spans="14:14">
      <c r="N363123" s="10"/>
    </row>
    <row r="363124" spans="14:14">
      <c r="N363124" s="10"/>
    </row>
    <row r="363125" spans="14:14">
      <c r="N363125" s="10"/>
    </row>
    <row r="363126" spans="14:14">
      <c r="N363126" s="10"/>
    </row>
    <row r="363127" spans="14:14">
      <c r="N363127" s="10"/>
    </row>
    <row r="363128" spans="14:14">
      <c r="N363128" s="10"/>
    </row>
    <row r="363129" spans="14:14">
      <c r="N363129" s="10"/>
    </row>
    <row r="363130" spans="14:14">
      <c r="N363130" s="10"/>
    </row>
    <row r="363131" spans="14:14">
      <c r="N363131" s="10"/>
    </row>
    <row r="363132" spans="14:14">
      <c r="N363132" s="10"/>
    </row>
    <row r="363133" spans="14:14">
      <c r="N363133" s="10"/>
    </row>
    <row r="363134" spans="14:14">
      <c r="N363134" s="10"/>
    </row>
    <row r="363135" spans="14:14">
      <c r="N363135" s="10"/>
    </row>
    <row r="363136" spans="14:14">
      <c r="N363136" s="10"/>
    </row>
    <row r="363137" spans="14:14">
      <c r="N363137" s="10"/>
    </row>
    <row r="363138" spans="14:14">
      <c r="N363138" s="10"/>
    </row>
    <row r="363139" spans="14:14">
      <c r="N363139" s="10"/>
    </row>
    <row r="363140" spans="14:14">
      <c r="N363140" s="10"/>
    </row>
    <row r="363141" spans="14:14">
      <c r="N363141" s="10"/>
    </row>
    <row r="363142" spans="14:14">
      <c r="N363142" s="10"/>
    </row>
    <row r="363143" spans="14:14">
      <c r="N363143" s="10"/>
    </row>
    <row r="363144" spans="14:14">
      <c r="N363144" s="10"/>
    </row>
    <row r="363145" spans="14:14">
      <c r="N363145" s="10"/>
    </row>
    <row r="363146" spans="14:14">
      <c r="N363146" s="10"/>
    </row>
    <row r="363147" spans="14:14">
      <c r="N363147" s="10"/>
    </row>
    <row r="363148" spans="14:14">
      <c r="N363148" s="10"/>
    </row>
    <row r="363149" spans="14:14">
      <c r="N363149" s="10"/>
    </row>
    <row r="363150" spans="14:14">
      <c r="N363150" s="10"/>
    </row>
    <row r="363151" spans="14:14">
      <c r="N363151" s="10"/>
    </row>
    <row r="363152" spans="14:14">
      <c r="N363152" s="10"/>
    </row>
    <row r="363153" spans="14:14">
      <c r="N363153" s="10"/>
    </row>
    <row r="363154" spans="14:14">
      <c r="N363154" s="10"/>
    </row>
    <row r="363155" spans="14:14">
      <c r="N363155" s="10"/>
    </row>
    <row r="363156" spans="14:14">
      <c r="N363156" s="10"/>
    </row>
    <row r="363157" spans="14:14">
      <c r="N363157" s="10"/>
    </row>
    <row r="363158" spans="14:14">
      <c r="N363158" s="10"/>
    </row>
    <row r="363159" spans="14:14">
      <c r="N363159" s="10"/>
    </row>
    <row r="363160" spans="14:14">
      <c r="N363160" s="10"/>
    </row>
    <row r="363161" spans="14:14">
      <c r="N363161" s="10"/>
    </row>
    <row r="363162" spans="14:14">
      <c r="N363162" s="10"/>
    </row>
    <row r="363163" spans="14:14">
      <c r="N363163" s="10"/>
    </row>
    <row r="363164" spans="14:14">
      <c r="N363164" s="10"/>
    </row>
    <row r="363165" spans="14:14">
      <c r="N363165" s="10"/>
    </row>
    <row r="363166" spans="14:14">
      <c r="N363166" s="10"/>
    </row>
    <row r="363167" spans="14:14">
      <c r="N363167" s="10"/>
    </row>
    <row r="363168" spans="14:14">
      <c r="N363168" s="10"/>
    </row>
    <row r="363169" spans="14:14">
      <c r="N363169" s="10"/>
    </row>
    <row r="363170" spans="14:14">
      <c r="N363170" s="10"/>
    </row>
    <row r="363171" spans="14:14">
      <c r="N363171" s="10"/>
    </row>
    <row r="363172" spans="14:14">
      <c r="N363172" s="10"/>
    </row>
    <row r="363173" spans="14:14">
      <c r="N363173" s="10"/>
    </row>
    <row r="363174" spans="14:14">
      <c r="N363174" s="10"/>
    </row>
    <row r="363175" spans="14:14">
      <c r="N363175" s="10"/>
    </row>
    <row r="363176" spans="14:14">
      <c r="N363176" s="10"/>
    </row>
    <row r="363177" spans="14:14">
      <c r="N363177" s="10"/>
    </row>
    <row r="363178" spans="14:14">
      <c r="N363178" s="10"/>
    </row>
    <row r="363179" spans="14:14">
      <c r="N363179" s="10"/>
    </row>
    <row r="363180" spans="14:14">
      <c r="N363180" s="10"/>
    </row>
    <row r="363181" spans="14:14">
      <c r="N363181" s="10"/>
    </row>
    <row r="363182" spans="14:14">
      <c r="N363182" s="10"/>
    </row>
    <row r="363183" spans="14:14">
      <c r="N363183" s="10"/>
    </row>
    <row r="363184" spans="14:14">
      <c r="N363184" s="10"/>
    </row>
    <row r="363185" spans="14:14">
      <c r="N363185" s="10"/>
    </row>
    <row r="363186" spans="14:14">
      <c r="N363186" s="10"/>
    </row>
    <row r="363187" spans="14:14">
      <c r="N363187" s="10"/>
    </row>
    <row r="363188" spans="14:14">
      <c r="N363188" s="10"/>
    </row>
    <row r="363189" spans="14:14">
      <c r="N363189" s="10"/>
    </row>
    <row r="363190" spans="14:14">
      <c r="N363190" s="10"/>
    </row>
    <row r="363191" spans="14:14">
      <c r="N363191" s="10"/>
    </row>
    <row r="363192" spans="14:14">
      <c r="N363192" s="10"/>
    </row>
    <row r="363193" spans="14:14">
      <c r="N363193" s="10"/>
    </row>
    <row r="363194" spans="14:14">
      <c r="N363194" s="10"/>
    </row>
    <row r="363195" spans="14:14">
      <c r="N363195" s="10"/>
    </row>
    <row r="363196" spans="14:14">
      <c r="N363196" s="10"/>
    </row>
    <row r="363197" spans="14:14">
      <c r="N363197" s="10"/>
    </row>
    <row r="363198" spans="14:14">
      <c r="N363198" s="10"/>
    </row>
    <row r="363199" spans="14:14">
      <c r="N363199" s="10"/>
    </row>
    <row r="363200" spans="14:14">
      <c r="N363200" s="10"/>
    </row>
    <row r="363201" spans="14:14">
      <c r="N363201" s="10"/>
    </row>
    <row r="363202" spans="14:14">
      <c r="N363202" s="10"/>
    </row>
    <row r="363203" spans="14:14">
      <c r="N363203" s="10"/>
    </row>
    <row r="363204" spans="14:14">
      <c r="N363204" s="10"/>
    </row>
    <row r="363205" spans="14:14">
      <c r="N363205" s="10"/>
    </row>
    <row r="363206" spans="14:14">
      <c r="N363206" s="10"/>
    </row>
    <row r="363207" spans="14:14">
      <c r="N363207" s="10"/>
    </row>
    <row r="363208" spans="14:14">
      <c r="N363208" s="10"/>
    </row>
    <row r="363209" spans="14:14">
      <c r="N363209" s="10"/>
    </row>
    <row r="363210" spans="14:14">
      <c r="N363210" s="10"/>
    </row>
    <row r="363211" spans="14:14">
      <c r="N363211" s="10"/>
    </row>
    <row r="363212" spans="14:14">
      <c r="N363212" s="10"/>
    </row>
    <row r="363213" spans="14:14">
      <c r="N363213" s="10"/>
    </row>
    <row r="363214" spans="14:14">
      <c r="N363214" s="10"/>
    </row>
    <row r="363215" spans="14:14">
      <c r="N363215" s="10"/>
    </row>
    <row r="363216" spans="14:14">
      <c r="N363216" s="10"/>
    </row>
    <row r="363217" spans="14:14">
      <c r="N363217" s="10"/>
    </row>
    <row r="363218" spans="14:14">
      <c r="N363218" s="10"/>
    </row>
    <row r="363219" spans="14:14">
      <c r="N363219" s="10"/>
    </row>
    <row r="363220" spans="14:14">
      <c r="N363220" s="10"/>
    </row>
    <row r="363221" spans="14:14">
      <c r="N363221" s="10"/>
    </row>
    <row r="363222" spans="14:14">
      <c r="N363222" s="10"/>
    </row>
    <row r="363223" spans="14:14">
      <c r="N363223" s="10"/>
    </row>
    <row r="363224" spans="14:14">
      <c r="N363224" s="10"/>
    </row>
    <row r="363225" spans="14:14">
      <c r="N363225" s="10"/>
    </row>
    <row r="363226" spans="14:14">
      <c r="N363226" s="10"/>
    </row>
    <row r="363227" spans="14:14">
      <c r="N363227" s="10"/>
    </row>
    <row r="363228" spans="14:14">
      <c r="N363228" s="10"/>
    </row>
    <row r="363229" spans="14:14">
      <c r="N363229" s="10"/>
    </row>
    <row r="363230" spans="14:14">
      <c r="N363230" s="10"/>
    </row>
    <row r="363231" spans="14:14">
      <c r="N363231" s="10"/>
    </row>
    <row r="363232" spans="14:14">
      <c r="N363232" s="10"/>
    </row>
    <row r="363233" spans="14:14">
      <c r="N363233" s="10"/>
    </row>
    <row r="363234" spans="14:14">
      <c r="N363234" s="10"/>
    </row>
    <row r="363235" spans="14:14">
      <c r="N363235" s="10"/>
    </row>
    <row r="363236" spans="14:14">
      <c r="N363236" s="10"/>
    </row>
    <row r="363237" spans="14:14">
      <c r="N363237" s="10"/>
    </row>
    <row r="363238" spans="14:14">
      <c r="N363238" s="10"/>
    </row>
    <row r="363239" spans="14:14">
      <c r="N363239" s="10"/>
    </row>
    <row r="363240" spans="14:14">
      <c r="N363240" s="10"/>
    </row>
    <row r="363241" spans="14:14">
      <c r="N363241" s="10"/>
    </row>
    <row r="363242" spans="14:14">
      <c r="N363242" s="10"/>
    </row>
    <row r="363243" spans="14:14">
      <c r="N363243" s="10"/>
    </row>
    <row r="363244" spans="14:14">
      <c r="N363244" s="10"/>
    </row>
    <row r="363245" spans="14:14">
      <c r="N363245" s="10"/>
    </row>
    <row r="363246" spans="14:14">
      <c r="N363246" s="10"/>
    </row>
    <row r="363247" spans="14:14">
      <c r="N363247" s="10"/>
    </row>
    <row r="363248" spans="14:14">
      <c r="N363248" s="10"/>
    </row>
    <row r="363249" spans="14:14">
      <c r="N363249" s="10"/>
    </row>
    <row r="363250" spans="14:14">
      <c r="N363250" s="10"/>
    </row>
    <row r="363251" spans="14:14">
      <c r="N363251" s="10"/>
    </row>
    <row r="363252" spans="14:14">
      <c r="N363252" s="10"/>
    </row>
    <row r="363253" spans="14:14">
      <c r="N363253" s="10"/>
    </row>
    <row r="363254" spans="14:14">
      <c r="N363254" s="10"/>
    </row>
    <row r="363255" spans="14:14">
      <c r="N363255" s="10"/>
    </row>
    <row r="363256" spans="14:14">
      <c r="N363256" s="10"/>
    </row>
    <row r="363257" spans="14:14">
      <c r="N363257" s="10"/>
    </row>
    <row r="363258" spans="14:14">
      <c r="N363258" s="10"/>
    </row>
    <row r="363259" spans="14:14">
      <c r="N363259" s="10"/>
    </row>
    <row r="363260" spans="14:14">
      <c r="N363260" s="10"/>
    </row>
    <row r="363261" spans="14:14">
      <c r="N363261" s="10"/>
    </row>
    <row r="363262" spans="14:14">
      <c r="N363262" s="10"/>
    </row>
    <row r="363263" spans="14:14">
      <c r="N363263" s="10"/>
    </row>
    <row r="363264" spans="14:14">
      <c r="N363264" s="10"/>
    </row>
    <row r="363265" spans="14:14">
      <c r="N363265" s="10"/>
    </row>
    <row r="363266" spans="14:14">
      <c r="N363266" s="10"/>
    </row>
    <row r="363267" spans="14:14">
      <c r="N363267" s="10"/>
    </row>
    <row r="363268" spans="14:14">
      <c r="N363268" s="10"/>
    </row>
    <row r="363269" spans="14:14">
      <c r="N363269" s="10"/>
    </row>
    <row r="363270" spans="14:14">
      <c r="N363270" s="10"/>
    </row>
    <row r="363271" spans="14:14">
      <c r="N363271" s="10"/>
    </row>
    <row r="363272" spans="14:14">
      <c r="N363272" s="10"/>
    </row>
    <row r="363273" spans="14:14">
      <c r="N363273" s="10"/>
    </row>
    <row r="363274" spans="14:14">
      <c r="N363274" s="10"/>
    </row>
    <row r="363275" spans="14:14">
      <c r="N363275" s="10"/>
    </row>
    <row r="363276" spans="14:14">
      <c r="N363276" s="10"/>
    </row>
    <row r="363277" spans="14:14">
      <c r="N363277" s="10"/>
    </row>
    <row r="363278" spans="14:14">
      <c r="N363278" s="10"/>
    </row>
    <row r="363279" spans="14:14">
      <c r="N363279" s="10"/>
    </row>
    <row r="363280" spans="14:14">
      <c r="N363280" s="10"/>
    </row>
    <row r="363281" spans="14:14">
      <c r="N363281" s="10"/>
    </row>
    <row r="363282" spans="14:14">
      <c r="N363282" s="10"/>
    </row>
    <row r="363283" spans="14:14">
      <c r="N363283" s="10"/>
    </row>
    <row r="363284" spans="14:14">
      <c r="N363284" s="10"/>
    </row>
    <row r="363285" spans="14:14">
      <c r="N363285" s="10"/>
    </row>
    <row r="363286" spans="14:14">
      <c r="N363286" s="10"/>
    </row>
    <row r="363287" spans="14:14">
      <c r="N363287" s="10"/>
    </row>
    <row r="363288" spans="14:14">
      <c r="N363288" s="10"/>
    </row>
    <row r="363289" spans="14:14">
      <c r="N363289" s="10"/>
    </row>
    <row r="363290" spans="14:14">
      <c r="N363290" s="10"/>
    </row>
    <row r="363291" spans="14:14">
      <c r="N363291" s="10"/>
    </row>
    <row r="363292" spans="14:14">
      <c r="N363292" s="10"/>
    </row>
    <row r="363293" spans="14:14">
      <c r="N363293" s="10"/>
    </row>
    <row r="363294" spans="14:14">
      <c r="N363294" s="10"/>
    </row>
    <row r="363295" spans="14:14">
      <c r="N363295" s="10"/>
    </row>
    <row r="363296" spans="14:14">
      <c r="N363296" s="10"/>
    </row>
    <row r="363297" spans="14:14">
      <c r="N363297" s="10"/>
    </row>
    <row r="363298" spans="14:14">
      <c r="N363298" s="10"/>
    </row>
    <row r="363299" spans="14:14">
      <c r="N363299" s="10"/>
    </row>
    <row r="363300" spans="14:14">
      <c r="N363300" s="10"/>
    </row>
    <row r="363301" spans="14:14">
      <c r="N363301" s="10"/>
    </row>
    <row r="363302" spans="14:14">
      <c r="N363302" s="10"/>
    </row>
    <row r="363303" spans="14:14">
      <c r="N363303" s="10"/>
    </row>
    <row r="363304" spans="14:14">
      <c r="N363304" s="10"/>
    </row>
    <row r="363305" spans="14:14">
      <c r="N363305" s="10"/>
    </row>
    <row r="363306" spans="14:14">
      <c r="N363306" s="10"/>
    </row>
    <row r="363307" spans="14:14">
      <c r="N363307" s="10"/>
    </row>
    <row r="363308" spans="14:14">
      <c r="N363308" s="10"/>
    </row>
    <row r="363309" spans="14:14">
      <c r="N363309" s="10"/>
    </row>
    <row r="363310" spans="14:14">
      <c r="N363310" s="10"/>
    </row>
    <row r="363311" spans="14:14">
      <c r="N363311" s="10"/>
    </row>
    <row r="363312" spans="14:14">
      <c r="N363312" s="10"/>
    </row>
    <row r="363313" spans="14:14">
      <c r="N363313" s="10"/>
    </row>
    <row r="363314" spans="14:14">
      <c r="N363314" s="10"/>
    </row>
    <row r="363315" spans="14:14">
      <c r="N363315" s="10"/>
    </row>
    <row r="363316" spans="14:14">
      <c r="N363316" s="10"/>
    </row>
    <row r="363317" spans="14:14">
      <c r="N363317" s="10"/>
    </row>
    <row r="363318" spans="14:14">
      <c r="N363318" s="10"/>
    </row>
    <row r="363319" spans="14:14">
      <c r="N363319" s="10"/>
    </row>
    <row r="363320" spans="14:14">
      <c r="N363320" s="10"/>
    </row>
    <row r="363321" spans="14:14">
      <c r="N363321" s="10"/>
    </row>
    <row r="363322" spans="14:14">
      <c r="N363322" s="10"/>
    </row>
    <row r="363323" spans="14:14">
      <c r="N363323" s="10"/>
    </row>
    <row r="363324" spans="14:14">
      <c r="N363324" s="10"/>
    </row>
    <row r="363325" spans="14:14">
      <c r="N363325" s="10"/>
    </row>
    <row r="363326" spans="14:14">
      <c r="N363326" s="10"/>
    </row>
    <row r="363327" spans="14:14">
      <c r="N363327" s="10"/>
    </row>
    <row r="363328" spans="14:14">
      <c r="N363328" s="10"/>
    </row>
    <row r="363329" spans="14:14">
      <c r="N363329" s="10"/>
    </row>
    <row r="363330" spans="14:14">
      <c r="N363330" s="10"/>
    </row>
    <row r="363331" spans="14:14">
      <c r="N363331" s="10"/>
    </row>
    <row r="363332" spans="14:14">
      <c r="N363332" s="10"/>
    </row>
    <row r="363333" spans="14:14">
      <c r="N363333" s="10"/>
    </row>
    <row r="363334" spans="14:14">
      <c r="N363334" s="10"/>
    </row>
    <row r="363335" spans="14:14">
      <c r="N363335" s="10"/>
    </row>
    <row r="363336" spans="14:14">
      <c r="N363336" s="10"/>
    </row>
    <row r="363337" spans="14:14">
      <c r="N363337" s="10"/>
    </row>
    <row r="363338" spans="14:14">
      <c r="N363338" s="10"/>
    </row>
    <row r="363339" spans="14:14">
      <c r="N363339" s="10"/>
    </row>
    <row r="363340" spans="14:14">
      <c r="N363340" s="10"/>
    </row>
    <row r="363341" spans="14:14">
      <c r="N363341" s="10"/>
    </row>
    <row r="363342" spans="14:14">
      <c r="N363342" s="10"/>
    </row>
    <row r="363343" spans="14:14">
      <c r="N363343" s="10"/>
    </row>
    <row r="363344" spans="14:14">
      <c r="N363344" s="10"/>
    </row>
    <row r="363345" spans="14:14">
      <c r="N363345" s="10"/>
    </row>
    <row r="363346" spans="14:14">
      <c r="N363346" s="10"/>
    </row>
    <row r="363347" spans="14:14">
      <c r="N363347" s="10"/>
    </row>
    <row r="363348" spans="14:14">
      <c r="N363348" s="10"/>
    </row>
    <row r="363349" spans="14:14">
      <c r="N363349" s="10"/>
    </row>
    <row r="363350" spans="14:14">
      <c r="N363350" s="10"/>
    </row>
    <row r="363351" spans="14:14">
      <c r="N363351" s="10"/>
    </row>
    <row r="363352" spans="14:14">
      <c r="N363352" s="10"/>
    </row>
    <row r="363353" spans="14:14">
      <c r="N363353" s="10"/>
    </row>
    <row r="363354" spans="14:14">
      <c r="N363354" s="10"/>
    </row>
    <row r="363355" spans="14:14">
      <c r="N363355" s="10"/>
    </row>
    <row r="363356" spans="14:14">
      <c r="N363356" s="10"/>
    </row>
    <row r="363357" spans="14:14">
      <c r="N363357" s="10"/>
    </row>
    <row r="363358" spans="14:14">
      <c r="N363358" s="10"/>
    </row>
    <row r="363359" spans="14:14">
      <c r="N363359" s="10"/>
    </row>
    <row r="363360" spans="14:14">
      <c r="N363360" s="10"/>
    </row>
    <row r="363361" spans="14:14">
      <c r="N363361" s="10"/>
    </row>
    <row r="363362" spans="14:14">
      <c r="N363362" s="10"/>
    </row>
    <row r="363363" spans="14:14">
      <c r="N363363" s="10"/>
    </row>
    <row r="363364" spans="14:14">
      <c r="N363364" s="10"/>
    </row>
    <row r="363365" spans="14:14">
      <c r="N363365" s="10"/>
    </row>
    <row r="363366" spans="14:14">
      <c r="N363366" s="10"/>
    </row>
    <row r="363367" spans="14:14">
      <c r="N363367" s="10"/>
    </row>
    <row r="363368" spans="14:14">
      <c r="N363368" s="10"/>
    </row>
    <row r="363369" spans="14:14">
      <c r="N363369" s="10"/>
    </row>
    <row r="363370" spans="14:14">
      <c r="N363370" s="10"/>
    </row>
    <row r="363371" spans="14:14">
      <c r="N363371" s="10"/>
    </row>
    <row r="363372" spans="14:14">
      <c r="N363372" s="10"/>
    </row>
    <row r="363373" spans="14:14">
      <c r="N363373" s="10"/>
    </row>
    <row r="363374" spans="14:14">
      <c r="N363374" s="10"/>
    </row>
    <row r="363375" spans="14:14">
      <c r="N363375" s="10"/>
    </row>
    <row r="363376" spans="14:14">
      <c r="N363376" s="10"/>
    </row>
    <row r="363377" spans="14:14">
      <c r="N363377" s="10"/>
    </row>
    <row r="363378" spans="14:14">
      <c r="N363378" s="10"/>
    </row>
    <row r="363379" spans="14:14">
      <c r="N363379" s="10"/>
    </row>
    <row r="363380" spans="14:14">
      <c r="N363380" s="10"/>
    </row>
    <row r="363381" spans="14:14">
      <c r="N363381" s="10"/>
    </row>
    <row r="363382" spans="14:14">
      <c r="N363382" s="10"/>
    </row>
    <row r="363383" spans="14:14">
      <c r="N363383" s="10"/>
    </row>
    <row r="363384" spans="14:14">
      <c r="N363384" s="10"/>
    </row>
    <row r="363385" spans="14:14">
      <c r="N363385" s="10"/>
    </row>
    <row r="363386" spans="14:14">
      <c r="N363386" s="10"/>
    </row>
    <row r="363387" spans="14:14">
      <c r="N363387" s="10"/>
    </row>
    <row r="363388" spans="14:14">
      <c r="N363388" s="10"/>
    </row>
    <row r="363389" spans="14:14">
      <c r="N363389" s="10"/>
    </row>
    <row r="363390" spans="14:14">
      <c r="N363390" s="10"/>
    </row>
    <row r="363391" spans="14:14">
      <c r="N363391" s="10"/>
    </row>
    <row r="363392" spans="14:14">
      <c r="N363392" s="10"/>
    </row>
    <row r="363393" spans="14:14">
      <c r="N363393" s="10"/>
    </row>
    <row r="363394" spans="14:14">
      <c r="N363394" s="10"/>
    </row>
    <row r="363395" spans="14:14">
      <c r="N363395" s="10"/>
    </row>
    <row r="363396" spans="14:14">
      <c r="N363396" s="10"/>
    </row>
    <row r="363397" spans="14:14">
      <c r="N363397" s="10"/>
    </row>
    <row r="363398" spans="14:14">
      <c r="N363398" s="10"/>
    </row>
    <row r="363399" spans="14:14">
      <c r="N363399" s="10"/>
    </row>
    <row r="363400" spans="14:14">
      <c r="N363400" s="10"/>
    </row>
    <row r="363401" spans="14:14">
      <c r="N363401" s="10"/>
    </row>
    <row r="363402" spans="14:14">
      <c r="N363402" s="10"/>
    </row>
    <row r="363403" spans="14:14">
      <c r="N363403" s="10"/>
    </row>
    <row r="363404" spans="14:14">
      <c r="N363404" s="10"/>
    </row>
    <row r="363405" spans="14:14">
      <c r="N363405" s="10"/>
    </row>
    <row r="363406" spans="14:14">
      <c r="N363406" s="10"/>
    </row>
    <row r="363407" spans="14:14">
      <c r="N363407" s="10"/>
    </row>
    <row r="363408" spans="14:14">
      <c r="N363408" s="10"/>
    </row>
    <row r="363409" spans="14:14">
      <c r="N363409" s="10"/>
    </row>
    <row r="363410" spans="14:14">
      <c r="N363410" s="10"/>
    </row>
    <row r="363411" spans="14:14">
      <c r="N363411" s="10"/>
    </row>
    <row r="363412" spans="14:14">
      <c r="N363412" s="10"/>
    </row>
    <row r="363413" spans="14:14">
      <c r="N363413" s="10"/>
    </row>
    <row r="363414" spans="14:14">
      <c r="N363414" s="10"/>
    </row>
    <row r="363415" spans="14:14">
      <c r="N363415" s="10"/>
    </row>
    <row r="363416" spans="14:14">
      <c r="N363416" s="10"/>
    </row>
    <row r="363417" spans="14:14">
      <c r="N363417" s="10"/>
    </row>
    <row r="363418" spans="14:14">
      <c r="N363418" s="10"/>
    </row>
    <row r="363419" spans="14:14">
      <c r="N363419" s="10"/>
    </row>
    <row r="363420" spans="14:14">
      <c r="N363420" s="10"/>
    </row>
    <row r="363421" spans="14:14">
      <c r="N363421" s="10"/>
    </row>
    <row r="363422" spans="14:14">
      <c r="N363422" s="10"/>
    </row>
    <row r="363423" spans="14:14">
      <c r="N363423" s="10"/>
    </row>
    <row r="363424" spans="14:14">
      <c r="N363424" s="10"/>
    </row>
    <row r="363425" spans="14:14">
      <c r="N363425" s="10"/>
    </row>
    <row r="363426" spans="14:14">
      <c r="N363426" s="10"/>
    </row>
    <row r="363427" spans="14:14">
      <c r="N363427" s="10"/>
    </row>
    <row r="363428" spans="14:14">
      <c r="N363428" s="10"/>
    </row>
    <row r="363429" spans="14:14">
      <c r="N363429" s="10"/>
    </row>
    <row r="363430" spans="14:14">
      <c r="N363430" s="10"/>
    </row>
    <row r="363431" spans="14:14">
      <c r="N363431" s="10"/>
    </row>
    <row r="363432" spans="14:14">
      <c r="N363432" s="10"/>
    </row>
    <row r="363433" spans="14:14">
      <c r="N363433" s="10"/>
    </row>
    <row r="363434" spans="14:14">
      <c r="N363434" s="10"/>
    </row>
    <row r="363435" spans="14:14">
      <c r="N363435" s="10"/>
    </row>
    <row r="363436" spans="14:14">
      <c r="N363436" s="10"/>
    </row>
    <row r="363437" spans="14:14">
      <c r="N363437" s="10"/>
    </row>
    <row r="363438" spans="14:14">
      <c r="N363438" s="10"/>
    </row>
    <row r="363439" spans="14:14">
      <c r="N363439" s="10"/>
    </row>
    <row r="363440" spans="14:14">
      <c r="N363440" s="10"/>
    </row>
    <row r="363441" spans="14:14">
      <c r="N363441" s="10"/>
    </row>
    <row r="363442" spans="14:14">
      <c r="N363442" s="10"/>
    </row>
    <row r="363443" spans="14:14">
      <c r="N363443" s="10"/>
    </row>
    <row r="363444" spans="14:14">
      <c r="N363444" s="10"/>
    </row>
    <row r="363445" spans="14:14">
      <c r="N363445" s="10"/>
    </row>
    <row r="363446" spans="14:14">
      <c r="N363446" s="10"/>
    </row>
    <row r="363447" spans="14:14">
      <c r="N363447" s="10"/>
    </row>
    <row r="363448" spans="14:14">
      <c r="N363448" s="10"/>
    </row>
    <row r="363449" spans="14:14">
      <c r="N363449" s="10"/>
    </row>
    <row r="363450" spans="14:14">
      <c r="N363450" s="10"/>
    </row>
    <row r="363451" spans="14:14">
      <c r="N363451" s="10"/>
    </row>
    <row r="363452" spans="14:14">
      <c r="N363452" s="10"/>
    </row>
    <row r="363453" spans="14:14">
      <c r="N363453" s="10"/>
    </row>
    <row r="363454" spans="14:14">
      <c r="N363454" s="10"/>
    </row>
    <row r="363455" spans="14:14">
      <c r="N363455" s="10"/>
    </row>
    <row r="363456" spans="14:14">
      <c r="N363456" s="10"/>
    </row>
    <row r="363457" spans="14:14">
      <c r="N363457" s="10"/>
    </row>
    <row r="363458" spans="14:14">
      <c r="N363458" s="10"/>
    </row>
    <row r="363459" spans="14:14">
      <c r="N363459" s="10"/>
    </row>
    <row r="363460" spans="14:14">
      <c r="N363460" s="10"/>
    </row>
    <row r="363461" spans="14:14">
      <c r="N363461" s="10"/>
    </row>
    <row r="363462" spans="14:14">
      <c r="N363462" s="10"/>
    </row>
    <row r="363463" spans="14:14">
      <c r="N363463" s="10"/>
    </row>
    <row r="363464" spans="14:14">
      <c r="N363464" s="10"/>
    </row>
    <row r="363465" spans="14:14">
      <c r="N363465" s="10"/>
    </row>
    <row r="363466" spans="14:14">
      <c r="N363466" s="10"/>
    </row>
    <row r="363467" spans="14:14">
      <c r="N363467" s="10"/>
    </row>
    <row r="363468" spans="14:14">
      <c r="N363468" s="10"/>
    </row>
    <row r="363469" spans="14:14">
      <c r="N363469" s="10"/>
    </row>
    <row r="363470" spans="14:14">
      <c r="N363470" s="10"/>
    </row>
    <row r="363471" spans="14:14">
      <c r="N363471" s="10"/>
    </row>
    <row r="363472" spans="14:14">
      <c r="N363472" s="10"/>
    </row>
    <row r="363473" spans="14:14">
      <c r="N363473" s="10"/>
    </row>
    <row r="363474" spans="14:14">
      <c r="N363474" s="10"/>
    </row>
    <row r="363475" spans="14:14">
      <c r="N363475" s="10"/>
    </row>
    <row r="363476" spans="14:14">
      <c r="N363476" s="10"/>
    </row>
    <row r="363477" spans="14:14">
      <c r="N363477" s="10"/>
    </row>
    <row r="363478" spans="14:14">
      <c r="N363478" s="10"/>
    </row>
    <row r="363479" spans="14:14">
      <c r="N363479" s="10"/>
    </row>
    <row r="363480" spans="14:14">
      <c r="N363480" s="10"/>
    </row>
    <row r="363481" spans="14:14">
      <c r="N363481" s="10"/>
    </row>
    <row r="363482" spans="14:14">
      <c r="N363482" s="10"/>
    </row>
    <row r="363483" spans="14:14">
      <c r="N363483" s="10"/>
    </row>
    <row r="363484" spans="14:14">
      <c r="N363484" s="10"/>
    </row>
    <row r="363485" spans="14:14">
      <c r="N363485" s="10"/>
    </row>
    <row r="363486" spans="14:14">
      <c r="N363486" s="10"/>
    </row>
    <row r="363487" spans="14:14">
      <c r="N363487" s="10"/>
    </row>
    <row r="363488" spans="14:14">
      <c r="N363488" s="10"/>
    </row>
    <row r="363489" spans="14:14">
      <c r="N363489" s="10"/>
    </row>
    <row r="363490" spans="14:14">
      <c r="N363490" s="10"/>
    </row>
    <row r="363491" spans="14:14">
      <c r="N363491" s="10"/>
    </row>
    <row r="363492" spans="14:14">
      <c r="N363492" s="10"/>
    </row>
    <row r="363493" spans="14:14">
      <c r="N363493" s="10"/>
    </row>
    <row r="363494" spans="14:14">
      <c r="N363494" s="10"/>
    </row>
    <row r="363495" spans="14:14">
      <c r="N363495" s="10"/>
    </row>
    <row r="363496" spans="14:14">
      <c r="N363496" s="10"/>
    </row>
    <row r="363497" spans="14:14">
      <c r="N363497" s="10"/>
    </row>
    <row r="363498" spans="14:14">
      <c r="N363498" s="10"/>
    </row>
    <row r="363499" spans="14:14">
      <c r="N363499" s="10"/>
    </row>
    <row r="363500" spans="14:14">
      <c r="N363500" s="10"/>
    </row>
    <row r="363501" spans="14:14">
      <c r="N363501" s="10"/>
    </row>
    <row r="363502" spans="14:14">
      <c r="N363502" s="10"/>
    </row>
    <row r="363503" spans="14:14">
      <c r="N363503" s="10"/>
    </row>
    <row r="363504" spans="14:14">
      <c r="N363504" s="10"/>
    </row>
    <row r="363505" spans="14:14">
      <c r="N363505" s="10"/>
    </row>
    <row r="363506" spans="14:14">
      <c r="N363506" s="10"/>
    </row>
    <row r="363507" spans="14:14">
      <c r="N363507" s="10"/>
    </row>
    <row r="363508" spans="14:14">
      <c r="N363508" s="10"/>
    </row>
    <row r="363509" spans="14:14">
      <c r="N363509" s="10"/>
    </row>
    <row r="363510" spans="14:14">
      <c r="N363510" s="10"/>
    </row>
    <row r="363511" spans="14:14">
      <c r="N363511" s="10"/>
    </row>
    <row r="363512" spans="14:14">
      <c r="N363512" s="10"/>
    </row>
    <row r="363513" spans="14:14">
      <c r="N363513" s="10"/>
    </row>
    <row r="363514" spans="14:14">
      <c r="N363514" s="10"/>
    </row>
    <row r="363515" spans="14:14">
      <c r="N363515" s="10"/>
    </row>
    <row r="363516" spans="14:14">
      <c r="N363516" s="10"/>
    </row>
    <row r="363517" spans="14:14">
      <c r="N363517" s="10"/>
    </row>
    <row r="363518" spans="14:14">
      <c r="N363518" s="10"/>
    </row>
    <row r="363519" spans="14:14">
      <c r="N363519" s="10"/>
    </row>
    <row r="363520" spans="14:14">
      <c r="N363520" s="10"/>
    </row>
    <row r="363521" spans="14:14">
      <c r="N363521" s="10"/>
    </row>
    <row r="363522" spans="14:14">
      <c r="N363522" s="10"/>
    </row>
    <row r="363523" spans="14:14">
      <c r="N363523" s="10"/>
    </row>
    <row r="363524" spans="14:14">
      <c r="N363524" s="10"/>
    </row>
    <row r="363525" spans="14:14">
      <c r="N363525" s="10"/>
    </row>
    <row r="363526" spans="14:14">
      <c r="N363526" s="10"/>
    </row>
    <row r="363527" spans="14:14">
      <c r="N363527" s="10"/>
    </row>
    <row r="363528" spans="14:14">
      <c r="N363528" s="10"/>
    </row>
    <row r="363529" spans="14:14">
      <c r="N363529" s="10"/>
    </row>
    <row r="363530" spans="14:14">
      <c r="N363530" s="10"/>
    </row>
    <row r="363531" spans="14:14">
      <c r="N363531" s="10"/>
    </row>
    <row r="363532" spans="14:14">
      <c r="N363532" s="10"/>
    </row>
    <row r="363533" spans="14:14">
      <c r="N363533" s="10"/>
    </row>
    <row r="363534" spans="14:14">
      <c r="N363534" s="10"/>
    </row>
    <row r="363535" spans="14:14">
      <c r="N363535" s="10"/>
    </row>
    <row r="363536" spans="14:14">
      <c r="N363536" s="10"/>
    </row>
    <row r="363537" spans="14:14">
      <c r="N363537" s="10"/>
    </row>
    <row r="363538" spans="14:14">
      <c r="N363538" s="10"/>
    </row>
    <row r="363539" spans="14:14">
      <c r="N363539" s="10"/>
    </row>
    <row r="363540" spans="14:14">
      <c r="N363540" s="10"/>
    </row>
    <row r="363541" spans="14:14">
      <c r="N363541" s="10"/>
    </row>
    <row r="363542" spans="14:14">
      <c r="N363542" s="10"/>
    </row>
    <row r="363543" spans="14:14">
      <c r="N363543" s="10"/>
    </row>
    <row r="363544" spans="14:14">
      <c r="N363544" s="10"/>
    </row>
    <row r="363545" spans="14:14">
      <c r="N363545" s="10"/>
    </row>
    <row r="363546" spans="14:14">
      <c r="N363546" s="10"/>
    </row>
    <row r="363547" spans="14:14">
      <c r="N363547" s="10"/>
    </row>
    <row r="363548" spans="14:14">
      <c r="N363548" s="10"/>
    </row>
    <row r="363549" spans="14:14">
      <c r="N363549" s="10"/>
    </row>
    <row r="363550" spans="14:14">
      <c r="N363550" s="10"/>
    </row>
    <row r="363551" spans="14:14">
      <c r="N363551" s="10"/>
    </row>
    <row r="363552" spans="14:14">
      <c r="N363552" s="10"/>
    </row>
    <row r="363553" spans="14:14">
      <c r="N363553" s="10"/>
    </row>
    <row r="363554" spans="14:14">
      <c r="N363554" s="10"/>
    </row>
    <row r="363555" spans="14:14">
      <c r="N363555" s="10"/>
    </row>
    <row r="363556" spans="14:14">
      <c r="N363556" s="10"/>
    </row>
    <row r="363557" spans="14:14">
      <c r="N363557" s="10"/>
    </row>
    <row r="363558" spans="14:14">
      <c r="N363558" s="10"/>
    </row>
    <row r="363559" spans="14:14">
      <c r="N363559" s="10"/>
    </row>
    <row r="363560" spans="14:14">
      <c r="N363560" s="10"/>
    </row>
    <row r="363561" spans="14:14">
      <c r="N363561" s="10"/>
    </row>
    <row r="363562" spans="14:14">
      <c r="N363562" s="10"/>
    </row>
    <row r="363563" spans="14:14">
      <c r="N363563" s="10"/>
    </row>
    <row r="363564" spans="14:14">
      <c r="N363564" s="10"/>
    </row>
    <row r="363565" spans="14:14">
      <c r="N363565" s="10"/>
    </row>
    <row r="363566" spans="14:14">
      <c r="N363566" s="10"/>
    </row>
    <row r="363567" spans="14:14">
      <c r="N363567" s="10"/>
    </row>
    <row r="363568" spans="14:14">
      <c r="N363568" s="10"/>
    </row>
    <row r="363569" spans="14:14">
      <c r="N363569" s="10"/>
    </row>
    <row r="363570" spans="14:14">
      <c r="N363570" s="10"/>
    </row>
    <row r="363571" spans="14:14">
      <c r="N363571" s="10"/>
    </row>
    <row r="363572" spans="14:14">
      <c r="N363572" s="10"/>
    </row>
    <row r="363573" spans="14:14">
      <c r="N363573" s="10"/>
    </row>
    <row r="363574" spans="14:14">
      <c r="N363574" s="10"/>
    </row>
    <row r="363575" spans="14:14">
      <c r="N363575" s="10"/>
    </row>
    <row r="363576" spans="14:14">
      <c r="N363576" s="10"/>
    </row>
    <row r="363577" spans="14:14">
      <c r="N363577" s="10"/>
    </row>
    <row r="363578" spans="14:14">
      <c r="N363578" s="10"/>
    </row>
    <row r="363579" spans="14:14">
      <c r="N363579" s="10"/>
    </row>
    <row r="363580" spans="14:14">
      <c r="N363580" s="10"/>
    </row>
    <row r="363581" spans="14:14">
      <c r="N363581" s="10"/>
    </row>
    <row r="363582" spans="14:14">
      <c r="N363582" s="10"/>
    </row>
    <row r="363583" spans="14:14">
      <c r="N363583" s="10"/>
    </row>
    <row r="363584" spans="14:14">
      <c r="N363584" s="10"/>
    </row>
    <row r="363585" spans="14:14">
      <c r="N363585" s="10"/>
    </row>
    <row r="363586" spans="14:14">
      <c r="N363586" s="10"/>
    </row>
    <row r="363587" spans="14:14">
      <c r="N363587" s="10"/>
    </row>
    <row r="363588" spans="14:14">
      <c r="N363588" s="10"/>
    </row>
    <row r="363589" spans="14:14">
      <c r="N363589" s="10"/>
    </row>
    <row r="363590" spans="14:14">
      <c r="N363590" s="10"/>
    </row>
    <row r="363591" spans="14:14">
      <c r="N363591" s="10"/>
    </row>
    <row r="363592" spans="14:14">
      <c r="N363592" s="10"/>
    </row>
    <row r="363593" spans="14:14">
      <c r="N363593" s="10"/>
    </row>
    <row r="363594" spans="14:14">
      <c r="N363594" s="10"/>
    </row>
    <row r="363595" spans="14:14">
      <c r="N363595" s="10"/>
    </row>
    <row r="363596" spans="14:14">
      <c r="N363596" s="10"/>
    </row>
    <row r="363597" spans="14:14">
      <c r="N363597" s="10"/>
    </row>
    <row r="363598" spans="14:14">
      <c r="N363598" s="10"/>
    </row>
    <row r="363599" spans="14:14">
      <c r="N363599" s="10"/>
    </row>
    <row r="363600" spans="14:14">
      <c r="N363600" s="10"/>
    </row>
    <row r="363601" spans="14:14">
      <c r="N363601" s="10"/>
    </row>
    <row r="363602" spans="14:14">
      <c r="N363602" s="10"/>
    </row>
    <row r="363603" spans="14:14">
      <c r="N363603" s="10"/>
    </row>
    <row r="363604" spans="14:14">
      <c r="N363604" s="10"/>
    </row>
    <row r="363605" spans="14:14">
      <c r="N363605" s="10"/>
    </row>
    <row r="363606" spans="14:14">
      <c r="N363606" s="10"/>
    </row>
    <row r="363607" spans="14:14">
      <c r="N363607" s="10"/>
    </row>
    <row r="363608" spans="14:14">
      <c r="N363608" s="10"/>
    </row>
    <row r="363609" spans="14:14">
      <c r="N363609" s="10"/>
    </row>
    <row r="363610" spans="14:14">
      <c r="N363610" s="10"/>
    </row>
    <row r="363611" spans="14:14">
      <c r="N363611" s="10"/>
    </row>
    <row r="363612" spans="14:14">
      <c r="N363612" s="10"/>
    </row>
    <row r="363613" spans="14:14">
      <c r="N363613" s="10"/>
    </row>
    <row r="363614" spans="14:14">
      <c r="N363614" s="10"/>
    </row>
    <row r="363615" spans="14:14">
      <c r="N363615" s="10"/>
    </row>
    <row r="363616" spans="14:14">
      <c r="N363616" s="10"/>
    </row>
    <row r="363617" spans="14:14">
      <c r="N363617" s="10"/>
    </row>
    <row r="363618" spans="14:14">
      <c r="N363618" s="10"/>
    </row>
    <row r="363619" spans="14:14">
      <c r="N363619" s="10"/>
    </row>
    <row r="363620" spans="14:14">
      <c r="N363620" s="10"/>
    </row>
    <row r="363621" spans="14:14">
      <c r="N363621" s="10"/>
    </row>
    <row r="363622" spans="14:14">
      <c r="N363622" s="10"/>
    </row>
    <row r="363623" spans="14:14">
      <c r="N363623" s="10"/>
    </row>
    <row r="363624" spans="14:14">
      <c r="N363624" s="10"/>
    </row>
    <row r="363625" spans="14:14">
      <c r="N363625" s="10"/>
    </row>
    <row r="363626" spans="14:14">
      <c r="N363626" s="10"/>
    </row>
    <row r="363627" spans="14:14">
      <c r="N363627" s="10"/>
    </row>
    <row r="363628" spans="14:14">
      <c r="N363628" s="10"/>
    </row>
    <row r="363629" spans="14:14">
      <c r="N363629" s="10"/>
    </row>
    <row r="363630" spans="14:14">
      <c r="N363630" s="10"/>
    </row>
    <row r="363631" spans="14:14">
      <c r="N363631" s="10"/>
    </row>
    <row r="363632" spans="14:14">
      <c r="N363632" s="10"/>
    </row>
    <row r="363633" spans="14:14">
      <c r="N363633" s="10"/>
    </row>
    <row r="363634" spans="14:14">
      <c r="N363634" s="10"/>
    </row>
    <row r="363635" spans="14:14">
      <c r="N363635" s="10"/>
    </row>
    <row r="363636" spans="14:14">
      <c r="N363636" s="10"/>
    </row>
    <row r="363637" spans="14:14">
      <c r="N363637" s="10"/>
    </row>
    <row r="363638" spans="14:14">
      <c r="N363638" s="10"/>
    </row>
    <row r="363639" spans="14:14">
      <c r="N363639" s="10"/>
    </row>
    <row r="363640" spans="14:14">
      <c r="N363640" s="10"/>
    </row>
    <row r="363641" spans="14:14">
      <c r="N363641" s="10"/>
    </row>
    <row r="363642" spans="14:14">
      <c r="N363642" s="10"/>
    </row>
    <row r="363643" spans="14:14">
      <c r="N363643" s="10"/>
    </row>
    <row r="363644" spans="14:14">
      <c r="N363644" s="10"/>
    </row>
    <row r="363645" spans="14:14">
      <c r="N363645" s="10"/>
    </row>
    <row r="363646" spans="14:14">
      <c r="N363646" s="10"/>
    </row>
    <row r="363647" spans="14:14">
      <c r="N363647" s="10"/>
    </row>
    <row r="363648" spans="14:14">
      <c r="N363648" s="10"/>
    </row>
    <row r="363649" spans="14:14">
      <c r="N363649" s="10"/>
    </row>
    <row r="363650" spans="14:14">
      <c r="N363650" s="10"/>
    </row>
    <row r="363651" spans="14:14">
      <c r="N363651" s="10"/>
    </row>
    <row r="363652" spans="14:14">
      <c r="N363652" s="10"/>
    </row>
    <row r="363653" spans="14:14">
      <c r="N363653" s="10"/>
    </row>
    <row r="363654" spans="14:14">
      <c r="N363654" s="10"/>
    </row>
    <row r="363655" spans="14:14">
      <c r="N363655" s="10"/>
    </row>
    <row r="363656" spans="14:14">
      <c r="N363656" s="10"/>
    </row>
    <row r="363657" spans="14:14">
      <c r="N363657" s="10"/>
    </row>
    <row r="363658" spans="14:14">
      <c r="N363658" s="10"/>
    </row>
    <row r="363659" spans="14:14">
      <c r="N363659" s="10"/>
    </row>
    <row r="363660" spans="14:14">
      <c r="N363660" s="10"/>
    </row>
    <row r="363661" spans="14:14">
      <c r="N363661" s="10"/>
    </row>
    <row r="363662" spans="14:14">
      <c r="N363662" s="10"/>
    </row>
    <row r="363663" spans="14:14">
      <c r="N363663" s="10"/>
    </row>
    <row r="363664" spans="14:14">
      <c r="N363664" s="10"/>
    </row>
    <row r="363665" spans="14:14">
      <c r="N363665" s="10"/>
    </row>
    <row r="363666" spans="14:14">
      <c r="N363666" s="10"/>
    </row>
    <row r="363667" spans="14:14">
      <c r="N363667" s="10"/>
    </row>
    <row r="363668" spans="14:14">
      <c r="N363668" s="10"/>
    </row>
    <row r="363669" spans="14:14">
      <c r="N363669" s="10"/>
    </row>
    <row r="363670" spans="14:14">
      <c r="N363670" s="10"/>
    </row>
    <row r="363671" spans="14:14">
      <c r="N363671" s="10"/>
    </row>
    <row r="363672" spans="14:14">
      <c r="N363672" s="10"/>
    </row>
    <row r="363673" spans="14:14">
      <c r="N363673" s="10"/>
    </row>
    <row r="363674" spans="14:14">
      <c r="N363674" s="10"/>
    </row>
    <row r="363675" spans="14:14">
      <c r="N363675" s="10"/>
    </row>
    <row r="363676" spans="14:14">
      <c r="N363676" s="10"/>
    </row>
    <row r="363677" spans="14:14">
      <c r="N363677" s="10"/>
    </row>
    <row r="363678" spans="14:14">
      <c r="N363678" s="10"/>
    </row>
    <row r="363679" spans="14:14">
      <c r="N363679" s="10"/>
    </row>
    <row r="363680" spans="14:14">
      <c r="N363680" s="10"/>
    </row>
    <row r="363681" spans="14:14">
      <c r="N363681" s="10"/>
    </row>
    <row r="363682" spans="14:14">
      <c r="N363682" s="10"/>
    </row>
    <row r="363683" spans="14:14">
      <c r="N363683" s="10"/>
    </row>
    <row r="363684" spans="14:14">
      <c r="N363684" s="10"/>
    </row>
    <row r="363685" spans="14:14">
      <c r="N363685" s="10"/>
    </row>
    <row r="363686" spans="14:14">
      <c r="N363686" s="10"/>
    </row>
    <row r="363687" spans="14:14">
      <c r="N363687" s="10"/>
    </row>
    <row r="363688" spans="14:14">
      <c r="N363688" s="10"/>
    </row>
    <row r="363689" spans="14:14">
      <c r="N363689" s="10"/>
    </row>
    <row r="363690" spans="14:14">
      <c r="N363690" s="10"/>
    </row>
    <row r="363691" spans="14:14">
      <c r="N363691" s="10"/>
    </row>
    <row r="363692" spans="14:14">
      <c r="N363692" s="10"/>
    </row>
    <row r="363693" spans="14:14">
      <c r="N363693" s="10"/>
    </row>
    <row r="363694" spans="14:14">
      <c r="N363694" s="10"/>
    </row>
    <row r="363695" spans="14:14">
      <c r="N363695" s="10"/>
    </row>
    <row r="363696" spans="14:14">
      <c r="N363696" s="10"/>
    </row>
    <row r="363697" spans="14:14">
      <c r="N363697" s="10"/>
    </row>
    <row r="363698" spans="14:14">
      <c r="N363698" s="10"/>
    </row>
    <row r="363699" spans="14:14">
      <c r="N363699" s="10"/>
    </row>
    <row r="363700" spans="14:14">
      <c r="N363700" s="10"/>
    </row>
    <row r="363701" spans="14:14">
      <c r="N363701" s="10"/>
    </row>
    <row r="363702" spans="14:14">
      <c r="N363702" s="10"/>
    </row>
    <row r="363703" spans="14:14">
      <c r="N363703" s="10"/>
    </row>
    <row r="363704" spans="14:14">
      <c r="N363704" s="10"/>
    </row>
    <row r="363705" spans="14:14">
      <c r="N363705" s="10"/>
    </row>
    <row r="363706" spans="14:14">
      <c r="N363706" s="10"/>
    </row>
    <row r="363707" spans="14:14">
      <c r="N363707" s="10"/>
    </row>
    <row r="363708" spans="14:14">
      <c r="N363708" s="10"/>
    </row>
    <row r="363709" spans="14:14">
      <c r="N363709" s="10"/>
    </row>
    <row r="363710" spans="14:14">
      <c r="N363710" s="10"/>
    </row>
    <row r="363711" spans="14:14">
      <c r="N363711" s="10"/>
    </row>
    <row r="363712" spans="14:14">
      <c r="N363712" s="10"/>
    </row>
    <row r="363713" spans="14:14">
      <c r="N363713" s="10"/>
    </row>
    <row r="363714" spans="14:14">
      <c r="N363714" s="10"/>
    </row>
    <row r="363715" spans="14:14">
      <c r="N363715" s="10"/>
    </row>
    <row r="363716" spans="14:14">
      <c r="N363716" s="10"/>
    </row>
    <row r="363717" spans="14:14">
      <c r="N363717" s="10"/>
    </row>
    <row r="363718" spans="14:14">
      <c r="N363718" s="10"/>
    </row>
    <row r="363719" spans="14:14">
      <c r="N363719" s="10"/>
    </row>
    <row r="363720" spans="14:14">
      <c r="N363720" s="10"/>
    </row>
    <row r="363721" spans="14:14">
      <c r="N363721" s="10"/>
    </row>
    <row r="363722" spans="14:14">
      <c r="N363722" s="10"/>
    </row>
    <row r="363723" spans="14:14">
      <c r="N363723" s="10"/>
    </row>
    <row r="363724" spans="14:14">
      <c r="N363724" s="10"/>
    </row>
    <row r="363725" spans="14:14">
      <c r="N363725" s="10"/>
    </row>
    <row r="363726" spans="14:14">
      <c r="N363726" s="10"/>
    </row>
    <row r="363727" spans="14:14">
      <c r="N363727" s="10"/>
    </row>
    <row r="363728" spans="14:14">
      <c r="N363728" s="10"/>
    </row>
    <row r="363729" spans="14:14">
      <c r="N363729" s="10"/>
    </row>
    <row r="363730" spans="14:14">
      <c r="N363730" s="10"/>
    </row>
    <row r="363731" spans="14:14">
      <c r="N363731" s="10"/>
    </row>
    <row r="363732" spans="14:14">
      <c r="N363732" s="10"/>
    </row>
    <row r="363733" spans="14:14">
      <c r="N363733" s="10"/>
    </row>
    <row r="363734" spans="14:14">
      <c r="N363734" s="10"/>
    </row>
    <row r="363735" spans="14:14">
      <c r="N363735" s="10"/>
    </row>
    <row r="363736" spans="14:14">
      <c r="N363736" s="10"/>
    </row>
    <row r="363737" spans="14:14">
      <c r="N363737" s="10"/>
    </row>
    <row r="363738" spans="14:14">
      <c r="N363738" s="10"/>
    </row>
    <row r="363739" spans="14:14">
      <c r="N363739" s="10"/>
    </row>
    <row r="363740" spans="14:14">
      <c r="N363740" s="10"/>
    </row>
    <row r="363741" spans="14:14">
      <c r="N363741" s="10"/>
    </row>
    <row r="363742" spans="14:14">
      <c r="N363742" s="10"/>
    </row>
    <row r="363743" spans="14:14">
      <c r="N363743" s="10"/>
    </row>
    <row r="363744" spans="14:14">
      <c r="N363744" s="10"/>
    </row>
    <row r="363745" spans="14:14">
      <c r="N363745" s="10"/>
    </row>
    <row r="363746" spans="14:14">
      <c r="N363746" s="10"/>
    </row>
    <row r="363747" spans="14:14">
      <c r="N363747" s="10"/>
    </row>
    <row r="363748" spans="14:14">
      <c r="N363748" s="10"/>
    </row>
    <row r="363749" spans="14:14">
      <c r="N363749" s="10"/>
    </row>
    <row r="363750" spans="14:14">
      <c r="N363750" s="10"/>
    </row>
    <row r="363751" spans="14:14">
      <c r="N363751" s="10"/>
    </row>
    <row r="363752" spans="14:14">
      <c r="N363752" s="10"/>
    </row>
    <row r="363753" spans="14:14">
      <c r="N363753" s="10"/>
    </row>
    <row r="363754" spans="14:14">
      <c r="N363754" s="10"/>
    </row>
    <row r="363755" spans="14:14">
      <c r="N363755" s="10"/>
    </row>
    <row r="363756" spans="14:14">
      <c r="N363756" s="10"/>
    </row>
    <row r="363757" spans="14:14">
      <c r="N363757" s="10"/>
    </row>
    <row r="363758" spans="14:14">
      <c r="N363758" s="10"/>
    </row>
    <row r="363759" spans="14:14">
      <c r="N363759" s="10"/>
    </row>
    <row r="363760" spans="14:14">
      <c r="N363760" s="10"/>
    </row>
    <row r="363761" spans="14:14">
      <c r="N363761" s="10"/>
    </row>
    <row r="363762" spans="14:14">
      <c r="N363762" s="10"/>
    </row>
    <row r="363763" spans="14:14">
      <c r="N363763" s="10"/>
    </row>
    <row r="363764" spans="14:14">
      <c r="N363764" s="10"/>
    </row>
    <row r="363765" spans="14:14">
      <c r="N363765" s="10"/>
    </row>
    <row r="363766" spans="14:14">
      <c r="N363766" s="10"/>
    </row>
    <row r="363767" spans="14:14">
      <c r="N363767" s="10"/>
    </row>
    <row r="363768" spans="14:14">
      <c r="N363768" s="10"/>
    </row>
    <row r="363769" spans="14:14">
      <c r="N363769" s="10"/>
    </row>
    <row r="363770" spans="14:14">
      <c r="N363770" s="10"/>
    </row>
    <row r="363771" spans="14:14">
      <c r="N363771" s="10"/>
    </row>
    <row r="363772" spans="14:14">
      <c r="N363772" s="10"/>
    </row>
    <row r="363773" spans="14:14">
      <c r="N363773" s="10"/>
    </row>
    <row r="363774" spans="14:14">
      <c r="N363774" s="10"/>
    </row>
    <row r="363775" spans="14:14">
      <c r="N363775" s="10"/>
    </row>
    <row r="363776" spans="14:14">
      <c r="N363776" s="10"/>
    </row>
    <row r="363777" spans="14:14">
      <c r="N363777" s="10"/>
    </row>
    <row r="363778" spans="14:14">
      <c r="N363778" s="10"/>
    </row>
    <row r="363779" spans="14:14">
      <c r="N363779" s="10"/>
    </row>
    <row r="363780" spans="14:14">
      <c r="N363780" s="10"/>
    </row>
    <row r="363781" spans="14:14">
      <c r="N363781" s="10"/>
    </row>
    <row r="363782" spans="14:14">
      <c r="N363782" s="10"/>
    </row>
    <row r="363783" spans="14:14">
      <c r="N363783" s="10"/>
    </row>
    <row r="363784" spans="14:14">
      <c r="N363784" s="10"/>
    </row>
    <row r="363785" spans="14:14">
      <c r="N363785" s="10"/>
    </row>
    <row r="363786" spans="14:14">
      <c r="N363786" s="10"/>
    </row>
    <row r="363787" spans="14:14">
      <c r="N363787" s="10"/>
    </row>
    <row r="363788" spans="14:14">
      <c r="N363788" s="10"/>
    </row>
    <row r="363789" spans="14:14">
      <c r="N363789" s="10"/>
    </row>
    <row r="363790" spans="14:14">
      <c r="N363790" s="10"/>
    </row>
    <row r="363791" spans="14:14">
      <c r="N363791" s="10"/>
    </row>
    <row r="363792" spans="14:14">
      <c r="N363792" s="10"/>
    </row>
    <row r="363793" spans="14:14">
      <c r="N363793" s="10"/>
    </row>
    <row r="363794" spans="14:14">
      <c r="N363794" s="10"/>
    </row>
    <row r="363795" spans="14:14">
      <c r="N363795" s="10"/>
    </row>
    <row r="363796" spans="14:14">
      <c r="N363796" s="10"/>
    </row>
    <row r="363797" spans="14:14">
      <c r="N363797" s="10"/>
    </row>
    <row r="363798" spans="14:14">
      <c r="N363798" s="10"/>
    </row>
    <row r="363799" spans="14:14">
      <c r="N363799" s="10"/>
    </row>
    <row r="363800" spans="14:14">
      <c r="N363800" s="10"/>
    </row>
    <row r="363801" spans="14:14">
      <c r="N363801" s="10"/>
    </row>
    <row r="363802" spans="14:14">
      <c r="N363802" s="10"/>
    </row>
    <row r="363803" spans="14:14">
      <c r="N363803" s="10"/>
    </row>
    <row r="363804" spans="14:14">
      <c r="N363804" s="10"/>
    </row>
    <row r="363805" spans="14:14">
      <c r="N363805" s="10"/>
    </row>
    <row r="363806" spans="14:14">
      <c r="N363806" s="10"/>
    </row>
    <row r="363807" spans="14:14">
      <c r="N363807" s="10"/>
    </row>
    <row r="363808" spans="14:14">
      <c r="N363808" s="10"/>
    </row>
    <row r="363809" spans="14:14">
      <c r="N363809" s="10"/>
    </row>
    <row r="363810" spans="14:14">
      <c r="N363810" s="10"/>
    </row>
    <row r="363811" spans="14:14">
      <c r="N363811" s="10"/>
    </row>
    <row r="363812" spans="14:14">
      <c r="N363812" s="10"/>
    </row>
    <row r="363813" spans="14:14">
      <c r="N363813" s="10"/>
    </row>
    <row r="363814" spans="14:14">
      <c r="N363814" s="10"/>
    </row>
    <row r="363815" spans="14:14">
      <c r="N363815" s="10"/>
    </row>
    <row r="363816" spans="14:14">
      <c r="N363816" s="10"/>
    </row>
    <row r="363817" spans="14:14">
      <c r="N363817" s="10"/>
    </row>
    <row r="363818" spans="14:14">
      <c r="N363818" s="10"/>
    </row>
    <row r="363819" spans="14:14">
      <c r="N363819" s="10"/>
    </row>
    <row r="363820" spans="14:14">
      <c r="N363820" s="10"/>
    </row>
    <row r="363821" spans="14:14">
      <c r="N363821" s="10"/>
    </row>
    <row r="363822" spans="14:14">
      <c r="N363822" s="10"/>
    </row>
    <row r="363823" spans="14:14">
      <c r="N363823" s="10"/>
    </row>
    <row r="363824" spans="14:14">
      <c r="N363824" s="10"/>
    </row>
    <row r="363825" spans="14:14">
      <c r="N363825" s="10"/>
    </row>
    <row r="363826" spans="14:14">
      <c r="N363826" s="10"/>
    </row>
    <row r="363827" spans="14:14">
      <c r="N363827" s="10"/>
    </row>
    <row r="363828" spans="14:14">
      <c r="N363828" s="10"/>
    </row>
    <row r="363829" spans="14:14">
      <c r="N363829" s="10"/>
    </row>
    <row r="363830" spans="14:14">
      <c r="N363830" s="10"/>
    </row>
    <row r="363831" spans="14:14">
      <c r="N363831" s="10"/>
    </row>
    <row r="363832" spans="14:14">
      <c r="N363832" s="10"/>
    </row>
    <row r="363833" spans="14:14">
      <c r="N363833" s="10"/>
    </row>
    <row r="363834" spans="14:14">
      <c r="N363834" s="10"/>
    </row>
    <row r="363835" spans="14:14">
      <c r="N363835" s="10"/>
    </row>
    <row r="363836" spans="14:14">
      <c r="N363836" s="10"/>
    </row>
    <row r="363837" spans="14:14">
      <c r="N363837" s="10"/>
    </row>
    <row r="363838" spans="14:14">
      <c r="N363838" s="10"/>
    </row>
    <row r="363839" spans="14:14">
      <c r="N363839" s="10"/>
    </row>
    <row r="363840" spans="14:14">
      <c r="N363840" s="10"/>
    </row>
    <row r="363841" spans="14:14">
      <c r="N363841" s="10"/>
    </row>
    <row r="363842" spans="14:14">
      <c r="N363842" s="10"/>
    </row>
    <row r="363843" spans="14:14">
      <c r="N363843" s="10"/>
    </row>
    <row r="363844" spans="14:14">
      <c r="N363844" s="10"/>
    </row>
    <row r="363845" spans="14:14">
      <c r="N363845" s="10"/>
    </row>
    <row r="363846" spans="14:14">
      <c r="N363846" s="10"/>
    </row>
    <row r="363847" spans="14:14">
      <c r="N363847" s="10"/>
    </row>
    <row r="363848" spans="14:14">
      <c r="N363848" s="10"/>
    </row>
    <row r="363849" spans="14:14">
      <c r="N363849" s="10"/>
    </row>
    <row r="363850" spans="14:14">
      <c r="N363850" s="10"/>
    </row>
    <row r="363851" spans="14:14">
      <c r="N363851" s="10"/>
    </row>
    <row r="363852" spans="14:14">
      <c r="N363852" s="10"/>
    </row>
    <row r="363853" spans="14:14">
      <c r="N363853" s="10"/>
    </row>
    <row r="363854" spans="14:14">
      <c r="N363854" s="10"/>
    </row>
    <row r="363855" spans="14:14">
      <c r="N363855" s="10"/>
    </row>
    <row r="363856" spans="14:14">
      <c r="N363856" s="10"/>
    </row>
    <row r="363857" spans="14:14">
      <c r="N363857" s="10"/>
    </row>
    <row r="363858" spans="14:14">
      <c r="N363858" s="10"/>
    </row>
    <row r="363859" spans="14:14">
      <c r="N363859" s="10"/>
    </row>
    <row r="363860" spans="14:14">
      <c r="N363860" s="10"/>
    </row>
    <row r="363861" spans="14:14">
      <c r="N363861" s="10"/>
    </row>
    <row r="363862" spans="14:14">
      <c r="N363862" s="10"/>
    </row>
    <row r="363863" spans="14:14">
      <c r="N363863" s="10"/>
    </row>
    <row r="363864" spans="14:14">
      <c r="N363864" s="10"/>
    </row>
    <row r="363865" spans="14:14">
      <c r="N363865" s="10"/>
    </row>
    <row r="363866" spans="14:14">
      <c r="N363866" s="10"/>
    </row>
    <row r="363867" spans="14:14">
      <c r="N363867" s="10"/>
    </row>
    <row r="363868" spans="14:14">
      <c r="N363868" s="10"/>
    </row>
    <row r="363869" spans="14:14">
      <c r="N363869" s="10"/>
    </row>
    <row r="363870" spans="14:14">
      <c r="N363870" s="10"/>
    </row>
    <row r="363871" spans="14:14">
      <c r="N363871" s="10"/>
    </row>
    <row r="363872" spans="14:14">
      <c r="N363872" s="10"/>
    </row>
    <row r="363873" spans="14:14">
      <c r="N363873" s="10"/>
    </row>
    <row r="363874" spans="14:14">
      <c r="N363874" s="10"/>
    </row>
    <row r="363875" spans="14:14">
      <c r="N363875" s="10"/>
    </row>
    <row r="363876" spans="14:14">
      <c r="N363876" s="10"/>
    </row>
    <row r="363877" spans="14:14">
      <c r="N363877" s="10"/>
    </row>
    <row r="363878" spans="14:14">
      <c r="N363878" s="10"/>
    </row>
    <row r="363879" spans="14:14">
      <c r="N363879" s="10"/>
    </row>
    <row r="363880" spans="14:14">
      <c r="N363880" s="10"/>
    </row>
    <row r="363881" spans="14:14">
      <c r="N363881" s="10"/>
    </row>
    <row r="363882" spans="14:14">
      <c r="N363882" s="10"/>
    </row>
    <row r="363883" spans="14:14">
      <c r="N363883" s="10"/>
    </row>
    <row r="363884" spans="14:14">
      <c r="N363884" s="10"/>
    </row>
    <row r="363885" spans="14:14">
      <c r="N363885" s="10"/>
    </row>
    <row r="363886" spans="14:14">
      <c r="N363886" s="10"/>
    </row>
    <row r="363887" spans="14:14">
      <c r="N363887" s="10"/>
    </row>
    <row r="363888" spans="14:14">
      <c r="N363888" s="10"/>
    </row>
    <row r="363889" spans="14:14">
      <c r="N363889" s="10"/>
    </row>
    <row r="363890" spans="14:14">
      <c r="N363890" s="10"/>
    </row>
    <row r="363891" spans="14:14">
      <c r="N363891" s="10"/>
    </row>
    <row r="363892" spans="14:14">
      <c r="N363892" s="10"/>
    </row>
    <row r="363893" spans="14:14">
      <c r="N363893" s="10"/>
    </row>
    <row r="363894" spans="14:14">
      <c r="N363894" s="10"/>
    </row>
    <row r="363895" spans="14:14">
      <c r="N363895" s="10"/>
    </row>
    <row r="363896" spans="14:14">
      <c r="N363896" s="10"/>
    </row>
    <row r="363897" spans="14:14">
      <c r="N363897" s="10"/>
    </row>
    <row r="363898" spans="14:14">
      <c r="N363898" s="10"/>
    </row>
    <row r="363899" spans="14:14">
      <c r="N363899" s="10"/>
    </row>
    <row r="363900" spans="14:14">
      <c r="N363900" s="10"/>
    </row>
    <row r="363901" spans="14:14">
      <c r="N363901" s="10"/>
    </row>
    <row r="363902" spans="14:14">
      <c r="N363902" s="10"/>
    </row>
    <row r="363903" spans="14:14">
      <c r="N363903" s="10"/>
    </row>
    <row r="363904" spans="14:14">
      <c r="N363904" s="10"/>
    </row>
    <row r="363905" spans="14:14">
      <c r="N363905" s="10"/>
    </row>
    <row r="363906" spans="14:14">
      <c r="N363906" s="10"/>
    </row>
    <row r="363907" spans="14:14">
      <c r="N363907" s="10"/>
    </row>
    <row r="363908" spans="14:14">
      <c r="N363908" s="10"/>
    </row>
    <row r="363909" spans="14:14">
      <c r="N363909" s="10"/>
    </row>
    <row r="363910" spans="14:14">
      <c r="N363910" s="10"/>
    </row>
    <row r="363911" spans="14:14">
      <c r="N363911" s="10"/>
    </row>
    <row r="363912" spans="14:14">
      <c r="N363912" s="10"/>
    </row>
    <row r="363913" spans="14:14">
      <c r="N363913" s="10"/>
    </row>
    <row r="363914" spans="14:14">
      <c r="N363914" s="10"/>
    </row>
    <row r="363915" spans="14:14">
      <c r="N363915" s="10"/>
    </row>
    <row r="363916" spans="14:14">
      <c r="N363916" s="10"/>
    </row>
    <row r="363917" spans="14:14">
      <c r="N363917" s="10"/>
    </row>
    <row r="363918" spans="14:14">
      <c r="N363918" s="10"/>
    </row>
    <row r="363919" spans="14:14">
      <c r="N363919" s="10"/>
    </row>
    <row r="363920" spans="14:14">
      <c r="N363920" s="10"/>
    </row>
    <row r="363921" spans="14:14">
      <c r="N363921" s="10"/>
    </row>
    <row r="363922" spans="14:14">
      <c r="N363922" s="10"/>
    </row>
    <row r="363923" spans="14:14">
      <c r="N363923" s="10"/>
    </row>
    <row r="363924" spans="14:14">
      <c r="N363924" s="10"/>
    </row>
    <row r="363925" spans="14:14">
      <c r="N363925" s="10"/>
    </row>
    <row r="363926" spans="14:14">
      <c r="N363926" s="10"/>
    </row>
    <row r="363927" spans="14:14">
      <c r="N363927" s="10"/>
    </row>
    <row r="363928" spans="14:14">
      <c r="N363928" s="10"/>
    </row>
    <row r="363929" spans="14:14">
      <c r="N363929" s="10"/>
    </row>
    <row r="363930" spans="14:14">
      <c r="N363930" s="10"/>
    </row>
    <row r="363931" spans="14:14">
      <c r="N363931" s="10"/>
    </row>
    <row r="363932" spans="14:14">
      <c r="N363932" s="10"/>
    </row>
    <row r="363933" spans="14:14">
      <c r="N363933" s="10"/>
    </row>
    <row r="363934" spans="14:14">
      <c r="N363934" s="10"/>
    </row>
    <row r="363935" spans="14:14">
      <c r="N363935" s="10"/>
    </row>
    <row r="363936" spans="14:14">
      <c r="N363936" s="10"/>
    </row>
    <row r="363937" spans="14:14">
      <c r="N363937" s="10"/>
    </row>
    <row r="363938" spans="14:14">
      <c r="N363938" s="10"/>
    </row>
    <row r="363939" spans="14:14">
      <c r="N363939" s="10"/>
    </row>
    <row r="363940" spans="14:14">
      <c r="N363940" s="10"/>
    </row>
    <row r="363941" spans="14:14">
      <c r="N363941" s="10"/>
    </row>
    <row r="363942" spans="14:14">
      <c r="N363942" s="10"/>
    </row>
    <row r="363943" spans="14:14">
      <c r="N363943" s="10"/>
    </row>
    <row r="363944" spans="14:14">
      <c r="N363944" s="10"/>
    </row>
    <row r="363945" spans="14:14">
      <c r="N363945" s="10"/>
    </row>
    <row r="363946" spans="14:14">
      <c r="N363946" s="10"/>
    </row>
    <row r="363947" spans="14:14">
      <c r="N363947" s="10"/>
    </row>
    <row r="363948" spans="14:14">
      <c r="N363948" s="10"/>
    </row>
    <row r="363949" spans="14:14">
      <c r="N363949" s="10"/>
    </row>
    <row r="363950" spans="14:14">
      <c r="N363950" s="10"/>
    </row>
    <row r="363951" spans="14:14">
      <c r="N363951" s="10"/>
    </row>
    <row r="363952" spans="14:14">
      <c r="N363952" s="10"/>
    </row>
    <row r="363953" spans="14:14">
      <c r="N363953" s="10"/>
    </row>
    <row r="363954" spans="14:14">
      <c r="N363954" s="10"/>
    </row>
    <row r="363955" spans="14:14">
      <c r="N363955" s="10"/>
    </row>
    <row r="363956" spans="14:14">
      <c r="N363956" s="10"/>
    </row>
    <row r="363957" spans="14:14">
      <c r="N363957" s="10"/>
    </row>
    <row r="363958" spans="14:14">
      <c r="N363958" s="10"/>
    </row>
    <row r="363959" spans="14:14">
      <c r="N363959" s="10"/>
    </row>
    <row r="363960" spans="14:14">
      <c r="N363960" s="10"/>
    </row>
    <row r="363961" spans="14:14">
      <c r="N363961" s="10"/>
    </row>
    <row r="363962" spans="14:14">
      <c r="N363962" s="10"/>
    </row>
    <row r="363963" spans="14:14">
      <c r="N363963" s="10"/>
    </row>
    <row r="363964" spans="14:14">
      <c r="N363964" s="10"/>
    </row>
    <row r="363965" spans="14:14">
      <c r="N363965" s="10"/>
    </row>
    <row r="363966" spans="14:14">
      <c r="N363966" s="10"/>
    </row>
    <row r="363967" spans="14:14">
      <c r="N363967" s="10"/>
    </row>
    <row r="363968" spans="14:14">
      <c r="N363968" s="10"/>
    </row>
    <row r="363969" spans="14:14">
      <c r="N363969" s="10"/>
    </row>
    <row r="363970" spans="14:14">
      <c r="N363970" s="10"/>
    </row>
    <row r="363971" spans="14:14">
      <c r="N363971" s="10"/>
    </row>
    <row r="363972" spans="14:14">
      <c r="N363972" s="10"/>
    </row>
    <row r="363973" spans="14:14">
      <c r="N363973" s="10"/>
    </row>
    <row r="363974" spans="14:14">
      <c r="N363974" s="10"/>
    </row>
    <row r="363975" spans="14:14">
      <c r="N363975" s="10"/>
    </row>
    <row r="363976" spans="14:14">
      <c r="N363976" s="10"/>
    </row>
    <row r="363977" spans="14:14">
      <c r="N363977" s="10"/>
    </row>
    <row r="363978" spans="14:14">
      <c r="N363978" s="10"/>
    </row>
    <row r="363979" spans="14:14">
      <c r="N363979" s="10"/>
    </row>
    <row r="363980" spans="14:14">
      <c r="N363980" s="10"/>
    </row>
    <row r="363981" spans="14:14">
      <c r="N363981" s="10"/>
    </row>
    <row r="363982" spans="14:14">
      <c r="N363982" s="10"/>
    </row>
    <row r="363983" spans="14:14">
      <c r="N363983" s="10"/>
    </row>
    <row r="363984" spans="14:14">
      <c r="N363984" s="10"/>
    </row>
    <row r="363985" spans="14:14">
      <c r="N363985" s="10"/>
    </row>
    <row r="363986" spans="14:14">
      <c r="N363986" s="10"/>
    </row>
    <row r="363987" spans="14:14">
      <c r="N363987" s="10"/>
    </row>
    <row r="363988" spans="14:14">
      <c r="N363988" s="10"/>
    </row>
    <row r="363989" spans="14:14">
      <c r="N363989" s="10"/>
    </row>
    <row r="363990" spans="14:14">
      <c r="N363990" s="10"/>
    </row>
    <row r="363991" spans="14:14">
      <c r="N363991" s="10"/>
    </row>
    <row r="363992" spans="14:14">
      <c r="N363992" s="10"/>
    </row>
    <row r="363993" spans="14:14">
      <c r="N363993" s="10"/>
    </row>
    <row r="363994" spans="14:14">
      <c r="N363994" s="10"/>
    </row>
    <row r="363995" spans="14:14">
      <c r="N363995" s="10"/>
    </row>
    <row r="363996" spans="14:14">
      <c r="N363996" s="10"/>
    </row>
    <row r="363997" spans="14:14">
      <c r="N363997" s="10"/>
    </row>
    <row r="363998" spans="14:14">
      <c r="N363998" s="10"/>
    </row>
    <row r="363999" spans="14:14">
      <c r="N363999" s="10"/>
    </row>
    <row r="364000" spans="14:14">
      <c r="N364000" s="10"/>
    </row>
    <row r="364001" spans="14:14">
      <c r="N364001" s="10"/>
    </row>
    <row r="364002" spans="14:14">
      <c r="N364002" s="10"/>
    </row>
    <row r="364003" spans="14:14">
      <c r="N364003" s="10"/>
    </row>
    <row r="364004" spans="14:14">
      <c r="N364004" s="10"/>
    </row>
    <row r="364005" spans="14:14">
      <c r="N364005" s="10"/>
    </row>
    <row r="364006" spans="14:14">
      <c r="N364006" s="10"/>
    </row>
    <row r="364007" spans="14:14">
      <c r="N364007" s="10"/>
    </row>
    <row r="364008" spans="14:14">
      <c r="N364008" s="10"/>
    </row>
    <row r="364009" spans="14:14">
      <c r="N364009" s="10"/>
    </row>
    <row r="364010" spans="14:14">
      <c r="N364010" s="10"/>
    </row>
    <row r="364011" spans="14:14">
      <c r="N364011" s="10"/>
    </row>
    <row r="364012" spans="14:14">
      <c r="N364012" s="10"/>
    </row>
    <row r="364013" spans="14:14">
      <c r="N364013" s="10"/>
    </row>
    <row r="364014" spans="14:14">
      <c r="N364014" s="10"/>
    </row>
    <row r="364015" spans="14:14">
      <c r="N364015" s="10"/>
    </row>
    <row r="364016" spans="14:14">
      <c r="N364016" s="10"/>
    </row>
    <row r="364017" spans="14:14">
      <c r="N364017" s="10"/>
    </row>
    <row r="364018" spans="14:14">
      <c r="N364018" s="10"/>
    </row>
    <row r="364019" spans="14:14">
      <c r="N364019" s="10"/>
    </row>
    <row r="364020" spans="14:14">
      <c r="N364020" s="10"/>
    </row>
    <row r="364021" spans="14:14">
      <c r="N364021" s="10"/>
    </row>
    <row r="364022" spans="14:14">
      <c r="N364022" s="10"/>
    </row>
    <row r="364023" spans="14:14">
      <c r="N364023" s="10"/>
    </row>
    <row r="364024" spans="14:14">
      <c r="N364024" s="10"/>
    </row>
    <row r="364025" spans="14:14">
      <c r="N364025" s="10"/>
    </row>
    <row r="364026" spans="14:14">
      <c r="N364026" s="10"/>
    </row>
    <row r="364027" spans="14:14">
      <c r="N364027" s="10"/>
    </row>
    <row r="364028" spans="14:14">
      <c r="N364028" s="10"/>
    </row>
    <row r="364029" spans="14:14">
      <c r="N364029" s="10"/>
    </row>
    <row r="364030" spans="14:14">
      <c r="N364030" s="10"/>
    </row>
    <row r="364031" spans="14:14">
      <c r="N364031" s="10"/>
    </row>
    <row r="364032" spans="14:14">
      <c r="N364032" s="10"/>
    </row>
    <row r="364033" spans="14:14">
      <c r="N364033" s="10"/>
    </row>
    <row r="364034" spans="14:14">
      <c r="N364034" s="10"/>
    </row>
    <row r="364035" spans="14:14">
      <c r="N364035" s="10"/>
    </row>
    <row r="364036" spans="14:14">
      <c r="N364036" s="10"/>
    </row>
    <row r="364037" spans="14:14">
      <c r="N364037" s="10"/>
    </row>
    <row r="364038" spans="14:14">
      <c r="N364038" s="10"/>
    </row>
    <row r="364039" spans="14:14">
      <c r="N364039" s="10"/>
    </row>
    <row r="364040" spans="14:14">
      <c r="N364040" s="10"/>
    </row>
    <row r="364041" spans="14:14">
      <c r="N364041" s="10"/>
    </row>
    <row r="364042" spans="14:14">
      <c r="N364042" s="10"/>
    </row>
    <row r="364043" spans="14:14">
      <c r="N364043" s="10"/>
    </row>
    <row r="364044" spans="14:14">
      <c r="N364044" s="10"/>
    </row>
    <row r="364045" spans="14:14">
      <c r="N364045" s="10"/>
    </row>
    <row r="364046" spans="14:14">
      <c r="N364046" s="10"/>
    </row>
    <row r="364047" spans="14:14">
      <c r="N364047" s="10"/>
    </row>
    <row r="364048" spans="14:14">
      <c r="N364048" s="10"/>
    </row>
    <row r="364049" spans="14:14">
      <c r="N364049" s="10"/>
    </row>
    <row r="364050" spans="14:14">
      <c r="N364050" s="10"/>
    </row>
    <row r="364051" spans="14:14">
      <c r="N364051" s="10"/>
    </row>
    <row r="364052" spans="14:14">
      <c r="N364052" s="10"/>
    </row>
    <row r="364053" spans="14:14">
      <c r="N364053" s="10"/>
    </row>
    <row r="364054" spans="14:14">
      <c r="N364054" s="10"/>
    </row>
    <row r="364055" spans="14:14">
      <c r="N364055" s="10"/>
    </row>
    <row r="364056" spans="14:14">
      <c r="N364056" s="10"/>
    </row>
    <row r="364057" spans="14:14">
      <c r="N364057" s="10"/>
    </row>
    <row r="364058" spans="14:14">
      <c r="N364058" s="10"/>
    </row>
    <row r="364059" spans="14:14">
      <c r="N364059" s="10"/>
    </row>
    <row r="364060" spans="14:14">
      <c r="N364060" s="10"/>
    </row>
    <row r="364061" spans="14:14">
      <c r="N364061" s="10"/>
    </row>
    <row r="364062" spans="14:14">
      <c r="N364062" s="10"/>
    </row>
    <row r="364063" spans="14:14">
      <c r="N364063" s="10"/>
    </row>
    <row r="364064" spans="14:14">
      <c r="N364064" s="10"/>
    </row>
    <row r="364065" spans="14:14">
      <c r="N364065" s="10"/>
    </row>
    <row r="364066" spans="14:14">
      <c r="N364066" s="10"/>
    </row>
    <row r="364067" spans="14:14">
      <c r="N364067" s="10"/>
    </row>
    <row r="364068" spans="14:14">
      <c r="N364068" s="10"/>
    </row>
    <row r="364069" spans="14:14">
      <c r="N364069" s="10"/>
    </row>
    <row r="364070" spans="14:14">
      <c r="N364070" s="10"/>
    </row>
    <row r="364071" spans="14:14">
      <c r="N364071" s="10"/>
    </row>
    <row r="364072" spans="14:14">
      <c r="N364072" s="10"/>
    </row>
    <row r="364073" spans="14:14">
      <c r="N364073" s="10"/>
    </row>
    <row r="364074" spans="14:14">
      <c r="N364074" s="10"/>
    </row>
    <row r="364075" spans="14:14">
      <c r="N364075" s="10"/>
    </row>
    <row r="364076" spans="14:14">
      <c r="N364076" s="10"/>
    </row>
    <row r="364077" spans="14:14">
      <c r="N364077" s="10"/>
    </row>
    <row r="364078" spans="14:14">
      <c r="N364078" s="10"/>
    </row>
    <row r="364079" spans="14:14">
      <c r="N364079" s="10"/>
    </row>
    <row r="364080" spans="14:14">
      <c r="N364080" s="10"/>
    </row>
    <row r="364081" spans="14:14">
      <c r="N364081" s="10"/>
    </row>
    <row r="364082" spans="14:14">
      <c r="N364082" s="10"/>
    </row>
    <row r="364083" spans="14:14">
      <c r="N364083" s="10"/>
    </row>
    <row r="364084" spans="14:14">
      <c r="N364084" s="10"/>
    </row>
    <row r="364085" spans="14:14">
      <c r="N364085" s="10"/>
    </row>
    <row r="364086" spans="14:14">
      <c r="N364086" s="10"/>
    </row>
    <row r="364087" spans="14:14">
      <c r="N364087" s="10"/>
    </row>
    <row r="364088" spans="14:14">
      <c r="N364088" s="10"/>
    </row>
    <row r="364089" spans="14:14">
      <c r="N364089" s="10"/>
    </row>
    <row r="364090" spans="14:14">
      <c r="N364090" s="10"/>
    </row>
    <row r="364091" spans="14:14">
      <c r="N364091" s="10"/>
    </row>
    <row r="364092" spans="14:14">
      <c r="N364092" s="10"/>
    </row>
    <row r="364093" spans="14:14">
      <c r="N364093" s="10"/>
    </row>
    <row r="364094" spans="14:14">
      <c r="N364094" s="10"/>
    </row>
    <row r="364095" spans="14:14">
      <c r="N364095" s="10"/>
    </row>
    <row r="364096" spans="14:14">
      <c r="N364096" s="10"/>
    </row>
    <row r="364097" spans="14:14">
      <c r="N364097" s="10"/>
    </row>
    <row r="364098" spans="14:14">
      <c r="N364098" s="10"/>
    </row>
    <row r="364099" spans="14:14">
      <c r="N364099" s="10"/>
    </row>
    <row r="364100" spans="14:14">
      <c r="N364100" s="10"/>
    </row>
    <row r="364101" spans="14:14">
      <c r="N364101" s="10"/>
    </row>
    <row r="364102" spans="14:14">
      <c r="N364102" s="10"/>
    </row>
    <row r="364103" spans="14:14">
      <c r="N364103" s="10"/>
    </row>
    <row r="364104" spans="14:14">
      <c r="N364104" s="10"/>
    </row>
    <row r="364105" spans="14:14">
      <c r="N364105" s="10"/>
    </row>
    <row r="364106" spans="14:14">
      <c r="N364106" s="10"/>
    </row>
    <row r="364107" spans="14:14">
      <c r="N364107" s="10"/>
    </row>
    <row r="364108" spans="14:14">
      <c r="N364108" s="10"/>
    </row>
    <row r="364109" spans="14:14">
      <c r="N364109" s="10"/>
    </row>
    <row r="364110" spans="14:14">
      <c r="N364110" s="10"/>
    </row>
    <row r="364111" spans="14:14">
      <c r="N364111" s="10"/>
    </row>
    <row r="364112" spans="14:14">
      <c r="N364112" s="10"/>
    </row>
    <row r="364113" spans="14:14">
      <c r="N364113" s="10"/>
    </row>
    <row r="364114" spans="14:14">
      <c r="N364114" s="10"/>
    </row>
    <row r="364115" spans="14:14">
      <c r="N364115" s="10"/>
    </row>
    <row r="364116" spans="14:14">
      <c r="N364116" s="10"/>
    </row>
    <row r="364117" spans="14:14">
      <c r="N364117" s="10"/>
    </row>
    <row r="364118" spans="14:14">
      <c r="N364118" s="10"/>
    </row>
    <row r="364119" spans="14:14">
      <c r="N364119" s="10"/>
    </row>
    <row r="364120" spans="14:14">
      <c r="N364120" s="10"/>
    </row>
    <row r="364121" spans="14:14">
      <c r="N364121" s="10"/>
    </row>
    <row r="364122" spans="14:14">
      <c r="N364122" s="10"/>
    </row>
    <row r="364123" spans="14:14">
      <c r="N364123" s="10"/>
    </row>
    <row r="364124" spans="14:14">
      <c r="N364124" s="10"/>
    </row>
    <row r="364125" spans="14:14">
      <c r="N364125" s="10"/>
    </row>
    <row r="364126" spans="14:14">
      <c r="N364126" s="10"/>
    </row>
    <row r="364127" spans="14:14">
      <c r="N364127" s="10"/>
    </row>
    <row r="364128" spans="14:14">
      <c r="N364128" s="10"/>
    </row>
    <row r="364129" spans="14:14">
      <c r="N364129" s="10"/>
    </row>
    <row r="364130" spans="14:14">
      <c r="N364130" s="10"/>
    </row>
    <row r="364131" spans="14:14">
      <c r="N364131" s="10"/>
    </row>
    <row r="364132" spans="14:14">
      <c r="N364132" s="10"/>
    </row>
    <row r="364133" spans="14:14">
      <c r="N364133" s="10"/>
    </row>
    <row r="364134" spans="14:14">
      <c r="N364134" s="10"/>
    </row>
    <row r="364135" spans="14:14">
      <c r="N364135" s="10"/>
    </row>
    <row r="364136" spans="14:14">
      <c r="N364136" s="10"/>
    </row>
    <row r="364137" spans="14:14">
      <c r="N364137" s="10"/>
    </row>
    <row r="364138" spans="14:14">
      <c r="N364138" s="10"/>
    </row>
    <row r="364139" spans="14:14">
      <c r="N364139" s="10"/>
    </row>
    <row r="364140" spans="14:14">
      <c r="N364140" s="10"/>
    </row>
    <row r="364141" spans="14:14">
      <c r="N364141" s="10"/>
    </row>
    <row r="364142" spans="14:14">
      <c r="N364142" s="10"/>
    </row>
    <row r="364143" spans="14:14">
      <c r="N364143" s="10"/>
    </row>
    <row r="364144" spans="14:14">
      <c r="N364144" s="10"/>
    </row>
    <row r="364145" spans="14:14">
      <c r="N364145" s="10"/>
    </row>
    <row r="364146" spans="14:14">
      <c r="N364146" s="10"/>
    </row>
    <row r="364147" spans="14:14">
      <c r="N364147" s="10"/>
    </row>
    <row r="364148" spans="14:14">
      <c r="N364148" s="10"/>
    </row>
    <row r="364149" spans="14:14">
      <c r="N364149" s="10"/>
    </row>
    <row r="364150" spans="14:14">
      <c r="N364150" s="10"/>
    </row>
    <row r="364151" spans="14:14">
      <c r="N364151" s="10"/>
    </row>
    <row r="364152" spans="14:14">
      <c r="N364152" s="10"/>
    </row>
    <row r="364153" spans="14:14">
      <c r="N364153" s="10"/>
    </row>
    <row r="364154" spans="14:14">
      <c r="N364154" s="10"/>
    </row>
    <row r="364155" spans="14:14">
      <c r="N364155" s="10"/>
    </row>
    <row r="364156" spans="14:14">
      <c r="N364156" s="10"/>
    </row>
    <row r="364157" spans="14:14">
      <c r="N364157" s="10"/>
    </row>
    <row r="364158" spans="14:14">
      <c r="N364158" s="10"/>
    </row>
    <row r="364159" spans="14:14">
      <c r="N364159" s="10"/>
    </row>
    <row r="364160" spans="14:14">
      <c r="N364160" s="10"/>
    </row>
    <row r="364161" spans="14:14">
      <c r="N364161" s="10"/>
    </row>
    <row r="364162" spans="14:14">
      <c r="N364162" s="10"/>
    </row>
    <row r="364163" spans="14:14">
      <c r="N364163" s="10"/>
    </row>
    <row r="364164" spans="14:14">
      <c r="N364164" s="10"/>
    </row>
    <row r="364165" spans="14:14">
      <c r="N364165" s="10"/>
    </row>
    <row r="364166" spans="14:14">
      <c r="N364166" s="10"/>
    </row>
    <row r="364167" spans="14:14">
      <c r="N364167" s="10"/>
    </row>
    <row r="364168" spans="14:14">
      <c r="N364168" s="10"/>
    </row>
    <row r="364169" spans="14:14">
      <c r="N364169" s="10"/>
    </row>
    <row r="364170" spans="14:14">
      <c r="N364170" s="10"/>
    </row>
    <row r="364171" spans="14:14">
      <c r="N364171" s="10"/>
    </row>
    <row r="364172" spans="14:14">
      <c r="N364172" s="10"/>
    </row>
    <row r="364173" spans="14:14">
      <c r="N364173" s="10"/>
    </row>
    <row r="364174" spans="14:14">
      <c r="N364174" s="10"/>
    </row>
    <row r="364175" spans="14:14">
      <c r="N364175" s="10"/>
    </row>
    <row r="364176" spans="14:14">
      <c r="N364176" s="10"/>
    </row>
    <row r="364177" spans="14:14">
      <c r="N364177" s="10"/>
    </row>
    <row r="364178" spans="14:14">
      <c r="N364178" s="10"/>
    </row>
    <row r="364179" spans="14:14">
      <c r="N364179" s="10"/>
    </row>
    <row r="364180" spans="14:14">
      <c r="N364180" s="10"/>
    </row>
    <row r="364181" spans="14:14">
      <c r="N364181" s="10"/>
    </row>
    <row r="364182" spans="14:14">
      <c r="N364182" s="10"/>
    </row>
    <row r="364183" spans="14:14">
      <c r="N364183" s="10"/>
    </row>
    <row r="364184" spans="14:14">
      <c r="N364184" s="10"/>
    </row>
    <row r="364185" spans="14:14">
      <c r="N364185" s="10"/>
    </row>
    <row r="364186" spans="14:14">
      <c r="N364186" s="10"/>
    </row>
    <row r="364187" spans="14:14">
      <c r="N364187" s="10"/>
    </row>
    <row r="364188" spans="14:14">
      <c r="N364188" s="10"/>
    </row>
    <row r="364189" spans="14:14">
      <c r="N364189" s="10"/>
    </row>
    <row r="364190" spans="14:14">
      <c r="N364190" s="10"/>
    </row>
    <row r="364191" spans="14:14">
      <c r="N364191" s="10"/>
    </row>
    <row r="364192" spans="14:14">
      <c r="N364192" s="10"/>
    </row>
    <row r="364193" spans="14:14">
      <c r="N364193" s="10"/>
    </row>
    <row r="364194" spans="14:14">
      <c r="N364194" s="10"/>
    </row>
    <row r="364195" spans="14:14">
      <c r="N364195" s="10"/>
    </row>
    <row r="364196" spans="14:14">
      <c r="N364196" s="10"/>
    </row>
    <row r="364197" spans="14:14">
      <c r="N364197" s="10"/>
    </row>
    <row r="364198" spans="14:14">
      <c r="N364198" s="10"/>
    </row>
    <row r="364199" spans="14:14">
      <c r="N364199" s="10"/>
    </row>
    <row r="364200" spans="14:14">
      <c r="N364200" s="10"/>
    </row>
    <row r="364201" spans="14:14">
      <c r="N364201" s="10"/>
    </row>
    <row r="364202" spans="14:14">
      <c r="N364202" s="10"/>
    </row>
    <row r="364203" spans="14:14">
      <c r="N364203" s="10"/>
    </row>
    <row r="364204" spans="14:14">
      <c r="N364204" s="10"/>
    </row>
    <row r="364205" spans="14:14">
      <c r="N364205" s="10"/>
    </row>
    <row r="364206" spans="14:14">
      <c r="N364206" s="10"/>
    </row>
    <row r="364207" spans="14:14">
      <c r="N364207" s="10"/>
    </row>
    <row r="364208" spans="14:14">
      <c r="N364208" s="10"/>
    </row>
    <row r="364209" spans="14:14">
      <c r="N364209" s="10"/>
    </row>
    <row r="364210" spans="14:14">
      <c r="N364210" s="10"/>
    </row>
    <row r="364211" spans="14:14">
      <c r="N364211" s="10"/>
    </row>
    <row r="364212" spans="14:14">
      <c r="N364212" s="10"/>
    </row>
    <row r="364213" spans="14:14">
      <c r="N364213" s="10"/>
    </row>
    <row r="364214" spans="14:14">
      <c r="N364214" s="10"/>
    </row>
    <row r="364215" spans="14:14">
      <c r="N364215" s="10"/>
    </row>
    <row r="364216" spans="14:14">
      <c r="N364216" s="10"/>
    </row>
    <row r="364217" spans="14:14">
      <c r="N364217" s="10"/>
    </row>
    <row r="364218" spans="14:14">
      <c r="N364218" s="10"/>
    </row>
    <row r="364219" spans="14:14">
      <c r="N364219" s="10"/>
    </row>
    <row r="364220" spans="14:14">
      <c r="N364220" s="10"/>
    </row>
    <row r="364221" spans="14:14">
      <c r="N364221" s="10"/>
    </row>
    <row r="364222" spans="14:14">
      <c r="N364222" s="10"/>
    </row>
    <row r="364223" spans="14:14">
      <c r="N364223" s="10"/>
    </row>
    <row r="364224" spans="14:14">
      <c r="N364224" s="10"/>
    </row>
    <row r="364225" spans="14:14">
      <c r="N364225" s="10"/>
    </row>
    <row r="364226" spans="14:14">
      <c r="N364226" s="10"/>
    </row>
    <row r="364227" spans="14:14">
      <c r="N364227" s="10"/>
    </row>
    <row r="364228" spans="14:14">
      <c r="N364228" s="10"/>
    </row>
    <row r="364229" spans="14:14">
      <c r="N364229" s="10"/>
    </row>
    <row r="364230" spans="14:14">
      <c r="N364230" s="10"/>
    </row>
    <row r="364231" spans="14:14">
      <c r="N364231" s="10"/>
    </row>
    <row r="364232" spans="14:14">
      <c r="N364232" s="10"/>
    </row>
    <row r="364233" spans="14:14">
      <c r="N364233" s="10"/>
    </row>
    <row r="364234" spans="14:14">
      <c r="N364234" s="10"/>
    </row>
    <row r="364235" spans="14:14">
      <c r="N364235" s="10"/>
    </row>
    <row r="364236" spans="14:14">
      <c r="N364236" s="10"/>
    </row>
    <row r="364237" spans="14:14">
      <c r="N364237" s="10"/>
    </row>
    <row r="364238" spans="14:14">
      <c r="N364238" s="10"/>
    </row>
    <row r="364239" spans="14:14">
      <c r="N364239" s="10"/>
    </row>
    <row r="364240" spans="14:14">
      <c r="N364240" s="10"/>
    </row>
    <row r="364241" spans="14:14">
      <c r="N364241" s="10"/>
    </row>
    <row r="364242" spans="14:14">
      <c r="N364242" s="10"/>
    </row>
    <row r="364243" spans="14:14">
      <c r="N364243" s="10"/>
    </row>
    <row r="364244" spans="14:14">
      <c r="N364244" s="10"/>
    </row>
    <row r="364245" spans="14:14">
      <c r="N364245" s="10"/>
    </row>
    <row r="364246" spans="14:14">
      <c r="N364246" s="10"/>
    </row>
    <row r="364247" spans="14:14">
      <c r="N364247" s="10"/>
    </row>
    <row r="364248" spans="14:14">
      <c r="N364248" s="10"/>
    </row>
    <row r="364249" spans="14:14">
      <c r="N364249" s="10"/>
    </row>
    <row r="364250" spans="14:14">
      <c r="N364250" s="10"/>
    </row>
    <row r="364251" spans="14:14">
      <c r="N364251" s="10"/>
    </row>
    <row r="364252" spans="14:14">
      <c r="N364252" s="10"/>
    </row>
    <row r="364253" spans="14:14">
      <c r="N364253" s="10"/>
    </row>
    <row r="364254" spans="14:14">
      <c r="N364254" s="10"/>
    </row>
    <row r="364255" spans="14:14">
      <c r="N364255" s="10"/>
    </row>
    <row r="364256" spans="14:14">
      <c r="N364256" s="10"/>
    </row>
    <row r="364257" spans="14:14">
      <c r="N364257" s="10"/>
    </row>
    <row r="364258" spans="14:14">
      <c r="N364258" s="10"/>
    </row>
    <row r="364259" spans="14:14">
      <c r="N364259" s="10"/>
    </row>
    <row r="364260" spans="14:14">
      <c r="N364260" s="10"/>
    </row>
    <row r="364261" spans="14:14">
      <c r="N364261" s="10"/>
    </row>
    <row r="364262" spans="14:14">
      <c r="N364262" s="10"/>
    </row>
    <row r="364263" spans="14:14">
      <c r="N364263" s="10"/>
    </row>
    <row r="364264" spans="14:14">
      <c r="N364264" s="10"/>
    </row>
    <row r="364265" spans="14:14">
      <c r="N364265" s="10"/>
    </row>
    <row r="364266" spans="14:14">
      <c r="N364266" s="10"/>
    </row>
    <row r="364267" spans="14:14">
      <c r="N364267" s="10"/>
    </row>
    <row r="364268" spans="14:14">
      <c r="N364268" s="10"/>
    </row>
    <row r="364269" spans="14:14">
      <c r="N364269" s="10"/>
    </row>
    <row r="364270" spans="14:14">
      <c r="N364270" s="10"/>
    </row>
    <row r="364271" spans="14:14">
      <c r="N364271" s="10"/>
    </row>
    <row r="364272" spans="14:14">
      <c r="N364272" s="10"/>
    </row>
    <row r="364273" spans="14:14">
      <c r="N364273" s="10"/>
    </row>
    <row r="364274" spans="14:14">
      <c r="N364274" s="10"/>
    </row>
    <row r="364275" spans="14:14">
      <c r="N364275" s="10"/>
    </row>
    <row r="364276" spans="14:14">
      <c r="N364276" s="10"/>
    </row>
    <row r="364277" spans="14:14">
      <c r="N364277" s="10"/>
    </row>
    <row r="364278" spans="14:14">
      <c r="N364278" s="10"/>
    </row>
    <row r="364279" spans="14:14">
      <c r="N364279" s="10"/>
    </row>
    <row r="364280" spans="14:14">
      <c r="N364280" s="10"/>
    </row>
    <row r="364281" spans="14:14">
      <c r="N364281" s="10"/>
    </row>
    <row r="364282" spans="14:14">
      <c r="N364282" s="10"/>
    </row>
    <row r="364283" spans="14:14">
      <c r="N364283" s="10"/>
    </row>
    <row r="364284" spans="14:14">
      <c r="N364284" s="10"/>
    </row>
    <row r="364285" spans="14:14">
      <c r="N364285" s="10"/>
    </row>
    <row r="364286" spans="14:14">
      <c r="N364286" s="10"/>
    </row>
    <row r="364287" spans="14:14">
      <c r="N364287" s="10"/>
    </row>
    <row r="364288" spans="14:14">
      <c r="N364288" s="10"/>
    </row>
    <row r="364289" spans="14:14">
      <c r="N364289" s="10"/>
    </row>
    <row r="364290" spans="14:14">
      <c r="N364290" s="10"/>
    </row>
    <row r="364291" spans="14:14">
      <c r="N364291" s="10"/>
    </row>
    <row r="364292" spans="14:14">
      <c r="N364292" s="10"/>
    </row>
    <row r="364293" spans="14:14">
      <c r="N364293" s="10"/>
    </row>
    <row r="364294" spans="14:14">
      <c r="N364294" s="10"/>
    </row>
    <row r="364295" spans="14:14">
      <c r="N364295" s="10"/>
    </row>
    <row r="364296" spans="14:14">
      <c r="N364296" s="10"/>
    </row>
    <row r="364297" spans="14:14">
      <c r="N364297" s="10"/>
    </row>
    <row r="364298" spans="14:14">
      <c r="N364298" s="10"/>
    </row>
    <row r="364299" spans="14:14">
      <c r="N364299" s="10"/>
    </row>
    <row r="364300" spans="14:14">
      <c r="N364300" s="10"/>
    </row>
    <row r="364301" spans="14:14">
      <c r="N364301" s="10"/>
    </row>
    <row r="364302" spans="14:14">
      <c r="N364302" s="10"/>
    </row>
    <row r="364303" spans="14:14">
      <c r="N364303" s="10"/>
    </row>
    <row r="364304" spans="14:14">
      <c r="N364304" s="10"/>
    </row>
    <row r="364305" spans="14:14">
      <c r="N364305" s="10"/>
    </row>
    <row r="364306" spans="14:14">
      <c r="N364306" s="10"/>
    </row>
    <row r="364307" spans="14:14">
      <c r="N364307" s="10"/>
    </row>
    <row r="364308" spans="14:14">
      <c r="N364308" s="10"/>
    </row>
    <row r="364309" spans="14:14">
      <c r="N364309" s="10"/>
    </row>
    <row r="364310" spans="14:14">
      <c r="N364310" s="10"/>
    </row>
    <row r="364311" spans="14:14">
      <c r="N364311" s="10"/>
    </row>
    <row r="364312" spans="14:14">
      <c r="N364312" s="10"/>
    </row>
    <row r="364313" spans="14:14">
      <c r="N364313" s="10"/>
    </row>
    <row r="364314" spans="14:14">
      <c r="N364314" s="10"/>
    </row>
    <row r="364315" spans="14:14">
      <c r="N364315" s="10"/>
    </row>
    <row r="364316" spans="14:14">
      <c r="N364316" s="10"/>
    </row>
    <row r="364317" spans="14:14">
      <c r="N364317" s="10"/>
    </row>
    <row r="364318" spans="14:14">
      <c r="N364318" s="10"/>
    </row>
    <row r="364319" spans="14:14">
      <c r="N364319" s="10"/>
    </row>
    <row r="364320" spans="14:14">
      <c r="N364320" s="10"/>
    </row>
    <row r="364321" spans="14:14">
      <c r="N364321" s="10"/>
    </row>
    <row r="364322" spans="14:14">
      <c r="N364322" s="10"/>
    </row>
    <row r="364323" spans="14:14">
      <c r="N364323" s="10"/>
    </row>
    <row r="364324" spans="14:14">
      <c r="N364324" s="10"/>
    </row>
    <row r="364325" spans="14:14">
      <c r="N364325" s="10"/>
    </row>
    <row r="364326" spans="14:14">
      <c r="N364326" s="10"/>
    </row>
    <row r="364327" spans="14:14">
      <c r="N364327" s="10"/>
    </row>
    <row r="364328" spans="14:14">
      <c r="N364328" s="10"/>
    </row>
    <row r="364329" spans="14:14">
      <c r="N364329" s="10"/>
    </row>
    <row r="364330" spans="14:14">
      <c r="N364330" s="10"/>
    </row>
    <row r="364331" spans="14:14">
      <c r="N364331" s="10"/>
    </row>
    <row r="364332" spans="14:14">
      <c r="N364332" s="10"/>
    </row>
    <row r="364333" spans="14:14">
      <c r="N364333" s="10"/>
    </row>
    <row r="364334" spans="14:14">
      <c r="N364334" s="10"/>
    </row>
    <row r="364335" spans="14:14">
      <c r="N364335" s="10"/>
    </row>
    <row r="364336" spans="14:14">
      <c r="N364336" s="10"/>
    </row>
    <row r="364337" spans="14:14">
      <c r="N364337" s="10"/>
    </row>
    <row r="364338" spans="14:14">
      <c r="N364338" s="10"/>
    </row>
    <row r="364339" spans="14:14">
      <c r="N364339" s="10"/>
    </row>
    <row r="364340" spans="14:14">
      <c r="N364340" s="10"/>
    </row>
    <row r="364341" spans="14:14">
      <c r="N364341" s="10"/>
    </row>
    <row r="364342" spans="14:14">
      <c r="N364342" s="10"/>
    </row>
    <row r="364343" spans="14:14">
      <c r="N364343" s="10"/>
    </row>
    <row r="364344" spans="14:14">
      <c r="N364344" s="10"/>
    </row>
    <row r="364345" spans="14:14">
      <c r="N364345" s="10"/>
    </row>
    <row r="364346" spans="14:14">
      <c r="N364346" s="10"/>
    </row>
    <row r="364347" spans="14:14">
      <c r="N364347" s="10"/>
    </row>
    <row r="364348" spans="14:14">
      <c r="N364348" s="10"/>
    </row>
    <row r="364349" spans="14:14">
      <c r="N364349" s="10"/>
    </row>
    <row r="364350" spans="14:14">
      <c r="N364350" s="10"/>
    </row>
    <row r="364351" spans="14:14">
      <c r="N364351" s="10"/>
    </row>
    <row r="364352" spans="14:14">
      <c r="N364352" s="10"/>
    </row>
    <row r="364353" spans="14:14">
      <c r="N364353" s="10"/>
    </row>
    <row r="364354" spans="14:14">
      <c r="N364354" s="10"/>
    </row>
    <row r="364355" spans="14:14">
      <c r="N364355" s="10"/>
    </row>
    <row r="364356" spans="14:14">
      <c r="N364356" s="10"/>
    </row>
    <row r="364357" spans="14:14">
      <c r="N364357" s="10"/>
    </row>
    <row r="364358" spans="14:14">
      <c r="N364358" s="10"/>
    </row>
    <row r="364359" spans="14:14">
      <c r="N364359" s="10"/>
    </row>
    <row r="364360" spans="14:14">
      <c r="N364360" s="10"/>
    </row>
    <row r="364361" spans="14:14">
      <c r="N364361" s="10"/>
    </row>
    <row r="364362" spans="14:14">
      <c r="N364362" s="10"/>
    </row>
    <row r="364363" spans="14:14">
      <c r="N364363" s="10"/>
    </row>
    <row r="364364" spans="14:14">
      <c r="N364364" s="10"/>
    </row>
    <row r="364365" spans="14:14">
      <c r="N364365" s="10"/>
    </row>
    <row r="364366" spans="14:14">
      <c r="N364366" s="10"/>
    </row>
    <row r="364367" spans="14:14">
      <c r="N364367" s="10"/>
    </row>
    <row r="364368" spans="14:14">
      <c r="N364368" s="10"/>
    </row>
    <row r="364369" spans="14:14">
      <c r="N364369" s="10"/>
    </row>
    <row r="364370" spans="14:14">
      <c r="N364370" s="10"/>
    </row>
    <row r="364371" spans="14:14">
      <c r="N364371" s="10"/>
    </row>
    <row r="364372" spans="14:14">
      <c r="N364372" s="10"/>
    </row>
    <row r="364373" spans="14:14">
      <c r="N364373" s="10"/>
    </row>
    <row r="364374" spans="14:14">
      <c r="N364374" s="10"/>
    </row>
    <row r="364375" spans="14:14">
      <c r="N364375" s="10"/>
    </row>
    <row r="364376" spans="14:14">
      <c r="N364376" s="10"/>
    </row>
    <row r="364377" spans="14:14">
      <c r="N364377" s="10"/>
    </row>
    <row r="364378" spans="14:14">
      <c r="N364378" s="10"/>
    </row>
    <row r="364379" spans="14:14">
      <c r="N364379" s="10"/>
    </row>
    <row r="364380" spans="14:14">
      <c r="N364380" s="10"/>
    </row>
    <row r="364381" spans="14:14">
      <c r="N364381" s="10"/>
    </row>
    <row r="364382" spans="14:14">
      <c r="N364382" s="10"/>
    </row>
    <row r="364383" spans="14:14">
      <c r="N364383" s="10"/>
    </row>
    <row r="364384" spans="14:14">
      <c r="N364384" s="10"/>
    </row>
    <row r="364385" spans="14:14">
      <c r="N364385" s="10"/>
    </row>
    <row r="364386" spans="14:14">
      <c r="N364386" s="10"/>
    </row>
    <row r="364387" spans="14:14">
      <c r="N364387" s="10"/>
    </row>
    <row r="364388" spans="14:14">
      <c r="N364388" s="10"/>
    </row>
    <row r="364389" spans="14:14">
      <c r="N364389" s="10"/>
    </row>
    <row r="364390" spans="14:14">
      <c r="N364390" s="10"/>
    </row>
    <row r="364391" spans="14:14">
      <c r="N364391" s="10"/>
    </row>
    <row r="364392" spans="14:14">
      <c r="N364392" s="10"/>
    </row>
    <row r="364393" spans="14:14">
      <c r="N364393" s="10"/>
    </row>
    <row r="364394" spans="14:14">
      <c r="N364394" s="10"/>
    </row>
    <row r="364395" spans="14:14">
      <c r="N364395" s="10"/>
    </row>
    <row r="364396" spans="14:14">
      <c r="N364396" s="10"/>
    </row>
    <row r="364397" spans="14:14">
      <c r="N364397" s="10"/>
    </row>
    <row r="364398" spans="14:14">
      <c r="N364398" s="10"/>
    </row>
    <row r="364399" spans="14:14">
      <c r="N364399" s="10"/>
    </row>
    <row r="364400" spans="14:14">
      <c r="N364400" s="10"/>
    </row>
    <row r="364401" spans="14:14">
      <c r="N364401" s="10"/>
    </row>
    <row r="364402" spans="14:14">
      <c r="N364402" s="10"/>
    </row>
    <row r="364403" spans="14:14">
      <c r="N364403" s="10"/>
    </row>
    <row r="364404" spans="14:14">
      <c r="N364404" s="10"/>
    </row>
    <row r="364405" spans="14:14">
      <c r="N364405" s="10"/>
    </row>
    <row r="364406" spans="14:14">
      <c r="N364406" s="10"/>
    </row>
    <row r="364407" spans="14:14">
      <c r="N364407" s="10"/>
    </row>
    <row r="364408" spans="14:14">
      <c r="N364408" s="10"/>
    </row>
    <row r="364409" spans="14:14">
      <c r="N364409" s="10"/>
    </row>
    <row r="364410" spans="14:14">
      <c r="N364410" s="10"/>
    </row>
    <row r="364411" spans="14:14">
      <c r="N364411" s="10"/>
    </row>
    <row r="364412" spans="14:14">
      <c r="N364412" s="10"/>
    </row>
    <row r="364413" spans="14:14">
      <c r="N364413" s="10"/>
    </row>
    <row r="364414" spans="14:14">
      <c r="N364414" s="10"/>
    </row>
    <row r="364415" spans="14:14">
      <c r="N364415" s="10"/>
    </row>
    <row r="364416" spans="14:14">
      <c r="N364416" s="10"/>
    </row>
    <row r="364417" spans="14:14">
      <c r="N364417" s="10"/>
    </row>
    <row r="364418" spans="14:14">
      <c r="N364418" s="10"/>
    </row>
    <row r="364419" spans="14:14">
      <c r="N364419" s="10"/>
    </row>
    <row r="364420" spans="14:14">
      <c r="N364420" s="10"/>
    </row>
    <row r="364421" spans="14:14">
      <c r="N364421" s="10"/>
    </row>
    <row r="364422" spans="14:14">
      <c r="N364422" s="10"/>
    </row>
    <row r="364423" spans="14:14">
      <c r="N364423" s="10"/>
    </row>
    <row r="364424" spans="14:14">
      <c r="N364424" s="10"/>
    </row>
    <row r="364425" spans="14:14">
      <c r="N364425" s="10"/>
    </row>
    <row r="364426" spans="14:14">
      <c r="N364426" s="10"/>
    </row>
    <row r="364427" spans="14:14">
      <c r="N364427" s="10"/>
    </row>
    <row r="364428" spans="14:14">
      <c r="N364428" s="10"/>
    </row>
    <row r="364429" spans="14:14">
      <c r="N364429" s="10"/>
    </row>
    <row r="364430" spans="14:14">
      <c r="N364430" s="10"/>
    </row>
    <row r="364431" spans="14:14">
      <c r="N364431" s="10"/>
    </row>
    <row r="364432" spans="14:14">
      <c r="N364432" s="10"/>
    </row>
    <row r="364433" spans="14:14">
      <c r="N364433" s="10"/>
    </row>
    <row r="364434" spans="14:14">
      <c r="N364434" s="10"/>
    </row>
    <row r="364435" spans="14:14">
      <c r="N364435" s="10"/>
    </row>
    <row r="364436" spans="14:14">
      <c r="N364436" s="10"/>
    </row>
    <row r="364437" spans="14:14">
      <c r="N364437" s="10"/>
    </row>
    <row r="364438" spans="14:14">
      <c r="N364438" s="10"/>
    </row>
    <row r="364439" spans="14:14">
      <c r="N364439" s="10"/>
    </row>
    <row r="364440" spans="14:14">
      <c r="N364440" s="10"/>
    </row>
    <row r="364441" spans="14:14">
      <c r="N364441" s="10"/>
    </row>
    <row r="364442" spans="14:14">
      <c r="N364442" s="10"/>
    </row>
    <row r="364443" spans="14:14">
      <c r="N364443" s="10"/>
    </row>
    <row r="364444" spans="14:14">
      <c r="N364444" s="10"/>
    </row>
    <row r="364445" spans="14:14">
      <c r="N364445" s="10"/>
    </row>
    <row r="364446" spans="14:14">
      <c r="N364446" s="10"/>
    </row>
    <row r="364447" spans="14:14">
      <c r="N364447" s="10"/>
    </row>
    <row r="364448" spans="14:14">
      <c r="N364448" s="10"/>
    </row>
    <row r="364449" spans="14:14">
      <c r="N364449" s="10"/>
    </row>
    <row r="364450" spans="14:14">
      <c r="N364450" s="10"/>
    </row>
    <row r="364451" spans="14:14">
      <c r="N364451" s="10"/>
    </row>
    <row r="364452" spans="14:14">
      <c r="N364452" s="10"/>
    </row>
    <row r="364453" spans="14:14">
      <c r="N364453" s="10"/>
    </row>
    <row r="364454" spans="14:14">
      <c r="N364454" s="10"/>
    </row>
    <row r="364455" spans="14:14">
      <c r="N364455" s="10"/>
    </row>
    <row r="364456" spans="14:14">
      <c r="N364456" s="10"/>
    </row>
    <row r="364457" spans="14:14">
      <c r="N364457" s="10"/>
    </row>
    <row r="364458" spans="14:14">
      <c r="N364458" s="10"/>
    </row>
    <row r="364459" spans="14:14">
      <c r="N364459" s="10"/>
    </row>
    <row r="364460" spans="14:14">
      <c r="N364460" s="10"/>
    </row>
    <row r="364461" spans="14:14">
      <c r="N364461" s="10"/>
    </row>
    <row r="364462" spans="14:14">
      <c r="N364462" s="10"/>
    </row>
    <row r="364463" spans="14:14">
      <c r="N364463" s="10"/>
    </row>
    <row r="364464" spans="14:14">
      <c r="N364464" s="10"/>
    </row>
    <row r="364465" spans="14:14">
      <c r="N364465" s="10"/>
    </row>
    <row r="364466" spans="14:14">
      <c r="N364466" s="10"/>
    </row>
    <row r="364467" spans="14:14">
      <c r="N364467" s="10"/>
    </row>
    <row r="364468" spans="14:14">
      <c r="N364468" s="10"/>
    </row>
    <row r="364469" spans="14:14">
      <c r="N364469" s="10"/>
    </row>
    <row r="364470" spans="14:14">
      <c r="N364470" s="10"/>
    </row>
    <row r="364471" spans="14:14">
      <c r="N364471" s="10"/>
    </row>
    <row r="364472" spans="14:14">
      <c r="N364472" s="10"/>
    </row>
    <row r="364473" spans="14:14">
      <c r="N364473" s="10"/>
    </row>
    <row r="364474" spans="14:14">
      <c r="N364474" s="10"/>
    </row>
    <row r="364475" spans="14:14">
      <c r="N364475" s="10"/>
    </row>
    <row r="364476" spans="14:14">
      <c r="N364476" s="10"/>
    </row>
    <row r="364477" spans="14:14">
      <c r="N364477" s="10"/>
    </row>
    <row r="364478" spans="14:14">
      <c r="N364478" s="10"/>
    </row>
    <row r="364479" spans="14:14">
      <c r="N364479" s="10"/>
    </row>
    <row r="364480" spans="14:14">
      <c r="N364480" s="10"/>
    </row>
    <row r="364481" spans="14:14">
      <c r="N364481" s="10"/>
    </row>
    <row r="364482" spans="14:14">
      <c r="N364482" s="10"/>
    </row>
    <row r="364483" spans="14:14">
      <c r="N364483" s="10"/>
    </row>
    <row r="364484" spans="14:14">
      <c r="N364484" s="10"/>
    </row>
    <row r="364485" spans="14:14">
      <c r="N364485" s="10"/>
    </row>
    <row r="364486" spans="14:14">
      <c r="N364486" s="10"/>
    </row>
    <row r="364487" spans="14:14">
      <c r="N364487" s="10"/>
    </row>
    <row r="364488" spans="14:14">
      <c r="N364488" s="10"/>
    </row>
    <row r="364489" spans="14:14">
      <c r="N364489" s="10"/>
    </row>
    <row r="364490" spans="14:14">
      <c r="N364490" s="10"/>
    </row>
    <row r="364491" spans="14:14">
      <c r="N364491" s="10"/>
    </row>
    <row r="364492" spans="14:14">
      <c r="N364492" s="10"/>
    </row>
    <row r="364493" spans="14:14">
      <c r="N364493" s="10"/>
    </row>
    <row r="364494" spans="14:14">
      <c r="N364494" s="10"/>
    </row>
    <row r="364495" spans="14:14">
      <c r="N364495" s="10"/>
    </row>
    <row r="364496" spans="14:14">
      <c r="N364496" s="10"/>
    </row>
    <row r="364497" spans="14:14">
      <c r="N364497" s="10"/>
    </row>
    <row r="364498" spans="14:14">
      <c r="N364498" s="10"/>
    </row>
    <row r="364499" spans="14:14">
      <c r="N364499" s="10"/>
    </row>
    <row r="364500" spans="14:14">
      <c r="N364500" s="10"/>
    </row>
    <row r="364501" spans="14:14">
      <c r="N364501" s="10"/>
    </row>
    <row r="364502" spans="14:14">
      <c r="N364502" s="10"/>
    </row>
    <row r="364503" spans="14:14">
      <c r="N364503" s="10"/>
    </row>
    <row r="364504" spans="14:14">
      <c r="N364504" s="10"/>
    </row>
    <row r="364505" spans="14:14">
      <c r="N364505" s="10"/>
    </row>
    <row r="364506" spans="14:14">
      <c r="N364506" s="10"/>
    </row>
    <row r="364507" spans="14:14">
      <c r="N364507" s="10"/>
    </row>
    <row r="364508" spans="14:14">
      <c r="N364508" s="10"/>
    </row>
    <row r="364509" spans="14:14">
      <c r="N364509" s="10"/>
    </row>
    <row r="364510" spans="14:14">
      <c r="N364510" s="10"/>
    </row>
    <row r="364511" spans="14:14">
      <c r="N364511" s="10"/>
    </row>
    <row r="364512" spans="14:14">
      <c r="N364512" s="10"/>
    </row>
    <row r="364513" spans="14:14">
      <c r="N364513" s="10"/>
    </row>
    <row r="364514" spans="14:14">
      <c r="N364514" s="10"/>
    </row>
    <row r="364515" spans="14:14">
      <c r="N364515" s="10"/>
    </row>
    <row r="364516" spans="14:14">
      <c r="N364516" s="10"/>
    </row>
    <row r="364517" spans="14:14">
      <c r="N364517" s="10"/>
    </row>
    <row r="364518" spans="14:14">
      <c r="N364518" s="10"/>
    </row>
    <row r="364519" spans="14:14">
      <c r="N364519" s="10"/>
    </row>
    <row r="364520" spans="14:14">
      <c r="N364520" s="10"/>
    </row>
    <row r="364521" spans="14:14">
      <c r="N364521" s="10"/>
    </row>
    <row r="364522" spans="14:14">
      <c r="N364522" s="10"/>
    </row>
    <row r="364523" spans="14:14">
      <c r="N364523" s="10"/>
    </row>
    <row r="364524" spans="14:14">
      <c r="N364524" s="10"/>
    </row>
    <row r="364525" spans="14:14">
      <c r="N364525" s="10"/>
    </row>
    <row r="364526" spans="14:14">
      <c r="N364526" s="10"/>
    </row>
    <row r="364527" spans="14:14">
      <c r="N364527" s="10"/>
    </row>
    <row r="364528" spans="14:14">
      <c r="N364528" s="10"/>
    </row>
    <row r="364529" spans="14:14">
      <c r="N364529" s="10"/>
    </row>
    <row r="364530" spans="14:14">
      <c r="N364530" s="10"/>
    </row>
    <row r="364531" spans="14:14">
      <c r="N364531" s="10"/>
    </row>
    <row r="364532" spans="14:14">
      <c r="N364532" s="10"/>
    </row>
    <row r="364533" spans="14:14">
      <c r="N364533" s="10"/>
    </row>
    <row r="364534" spans="14:14">
      <c r="N364534" s="10"/>
    </row>
    <row r="364535" spans="14:14">
      <c r="N364535" s="10"/>
    </row>
    <row r="364536" spans="14:14">
      <c r="N364536" s="10"/>
    </row>
    <row r="364537" spans="14:14">
      <c r="N364537" s="10"/>
    </row>
    <row r="364538" spans="14:14">
      <c r="N364538" s="10"/>
    </row>
    <row r="364539" spans="14:14">
      <c r="N364539" s="10"/>
    </row>
    <row r="364540" spans="14:14">
      <c r="N364540" s="10"/>
    </row>
    <row r="364541" spans="14:14">
      <c r="N364541" s="10"/>
    </row>
    <row r="364542" spans="14:14">
      <c r="N364542" s="10"/>
    </row>
    <row r="364543" spans="14:14">
      <c r="N364543" s="10"/>
    </row>
    <row r="364544" spans="14:14">
      <c r="N364544" s="10"/>
    </row>
    <row r="364545" spans="14:14">
      <c r="N364545" s="10"/>
    </row>
    <row r="364546" spans="14:14">
      <c r="N364546" s="10"/>
    </row>
    <row r="364547" spans="14:14">
      <c r="N364547" s="10"/>
    </row>
    <row r="364548" spans="14:14">
      <c r="N364548" s="10"/>
    </row>
    <row r="364549" spans="14:14">
      <c r="N364549" s="10"/>
    </row>
    <row r="364550" spans="14:14">
      <c r="N364550" s="10"/>
    </row>
    <row r="364551" spans="14:14">
      <c r="N364551" s="10"/>
    </row>
    <row r="364552" spans="14:14">
      <c r="N364552" s="10"/>
    </row>
    <row r="364553" spans="14:14">
      <c r="N364553" s="10"/>
    </row>
    <row r="364554" spans="14:14">
      <c r="N364554" s="10"/>
    </row>
    <row r="364555" spans="14:14">
      <c r="N364555" s="10"/>
    </row>
    <row r="364556" spans="14:14">
      <c r="N364556" s="10"/>
    </row>
    <row r="364557" spans="14:14">
      <c r="N364557" s="10"/>
    </row>
    <row r="364558" spans="14:14">
      <c r="N364558" s="10"/>
    </row>
    <row r="364559" spans="14:14">
      <c r="N364559" s="10"/>
    </row>
    <row r="364560" spans="14:14">
      <c r="N364560" s="10"/>
    </row>
    <row r="364561" spans="14:14">
      <c r="N364561" s="10"/>
    </row>
    <row r="364562" spans="14:14">
      <c r="N364562" s="10"/>
    </row>
    <row r="364563" spans="14:14">
      <c r="N364563" s="10"/>
    </row>
    <row r="364564" spans="14:14">
      <c r="N364564" s="10"/>
    </row>
    <row r="364565" spans="14:14">
      <c r="N364565" s="10"/>
    </row>
    <row r="364566" spans="14:14">
      <c r="N364566" s="10"/>
    </row>
    <row r="364567" spans="14:14">
      <c r="N364567" s="10"/>
    </row>
    <row r="364568" spans="14:14">
      <c r="N364568" s="10"/>
    </row>
    <row r="364569" spans="14:14">
      <c r="N364569" s="10"/>
    </row>
    <row r="364570" spans="14:14">
      <c r="N364570" s="10"/>
    </row>
    <row r="364571" spans="14:14">
      <c r="N364571" s="10"/>
    </row>
    <row r="364572" spans="14:14">
      <c r="N364572" s="10"/>
    </row>
    <row r="364573" spans="14:14">
      <c r="N364573" s="10"/>
    </row>
    <row r="364574" spans="14:14">
      <c r="N364574" s="10"/>
    </row>
    <row r="364575" spans="14:14">
      <c r="N364575" s="10"/>
    </row>
    <row r="364576" spans="14:14">
      <c r="N364576" s="10"/>
    </row>
    <row r="364577" spans="14:14">
      <c r="N364577" s="10"/>
    </row>
    <row r="364578" spans="14:14">
      <c r="N364578" s="10"/>
    </row>
    <row r="364579" spans="14:14">
      <c r="N364579" s="10"/>
    </row>
    <row r="364580" spans="14:14">
      <c r="N364580" s="10"/>
    </row>
    <row r="364581" spans="14:14">
      <c r="N364581" s="10"/>
    </row>
    <row r="364582" spans="14:14">
      <c r="N364582" s="10"/>
    </row>
    <row r="364583" spans="14:14">
      <c r="N364583" s="10"/>
    </row>
    <row r="364584" spans="14:14">
      <c r="N364584" s="10"/>
    </row>
    <row r="364585" spans="14:14">
      <c r="N364585" s="10"/>
    </row>
    <row r="364586" spans="14:14">
      <c r="N364586" s="10"/>
    </row>
    <row r="364587" spans="14:14">
      <c r="N364587" s="10"/>
    </row>
    <row r="364588" spans="14:14">
      <c r="N364588" s="10"/>
    </row>
    <row r="364589" spans="14:14">
      <c r="N364589" s="10"/>
    </row>
    <row r="364590" spans="14:14">
      <c r="N364590" s="10"/>
    </row>
    <row r="364591" spans="14:14">
      <c r="N364591" s="10"/>
    </row>
    <row r="364592" spans="14:14">
      <c r="N364592" s="10"/>
    </row>
    <row r="364593" spans="14:14">
      <c r="N364593" s="10"/>
    </row>
    <row r="364594" spans="14:14">
      <c r="N364594" s="10"/>
    </row>
    <row r="364595" spans="14:14">
      <c r="N364595" s="10"/>
    </row>
    <row r="364596" spans="14:14">
      <c r="N364596" s="10"/>
    </row>
    <row r="364597" spans="14:14">
      <c r="N364597" s="10"/>
    </row>
    <row r="364598" spans="14:14">
      <c r="N364598" s="10"/>
    </row>
    <row r="364599" spans="14:14">
      <c r="N364599" s="10"/>
    </row>
    <row r="364600" spans="14:14">
      <c r="N364600" s="10"/>
    </row>
    <row r="364601" spans="14:14">
      <c r="N364601" s="10"/>
    </row>
    <row r="364602" spans="14:14">
      <c r="N364602" s="10"/>
    </row>
    <row r="364603" spans="14:14">
      <c r="N364603" s="10"/>
    </row>
    <row r="364604" spans="14:14">
      <c r="N364604" s="10"/>
    </row>
    <row r="364605" spans="14:14">
      <c r="N364605" s="10"/>
    </row>
    <row r="364606" spans="14:14">
      <c r="N364606" s="10"/>
    </row>
    <row r="364607" spans="14:14">
      <c r="N364607" s="10"/>
    </row>
    <row r="364608" spans="14:14">
      <c r="N364608" s="10"/>
    </row>
    <row r="364609" spans="14:14">
      <c r="N364609" s="10"/>
    </row>
    <row r="364610" spans="14:14">
      <c r="N364610" s="10"/>
    </row>
    <row r="364611" spans="14:14">
      <c r="N364611" s="10"/>
    </row>
    <row r="364612" spans="14:14">
      <c r="N364612" s="10"/>
    </row>
    <row r="364613" spans="14:14">
      <c r="N364613" s="10"/>
    </row>
    <row r="364614" spans="14:14">
      <c r="N364614" s="10"/>
    </row>
    <row r="364615" spans="14:14">
      <c r="N364615" s="10"/>
    </row>
    <row r="364616" spans="14:14">
      <c r="N364616" s="10"/>
    </row>
    <row r="364617" spans="14:14">
      <c r="N364617" s="10"/>
    </row>
    <row r="364618" spans="14:14">
      <c r="N364618" s="10"/>
    </row>
    <row r="364619" spans="14:14">
      <c r="N364619" s="10"/>
    </row>
    <row r="364620" spans="14:14">
      <c r="N364620" s="10"/>
    </row>
    <row r="364621" spans="14:14">
      <c r="N364621" s="10"/>
    </row>
    <row r="364622" spans="14:14">
      <c r="N364622" s="10"/>
    </row>
    <row r="364623" spans="14:14">
      <c r="N364623" s="10"/>
    </row>
    <row r="364624" spans="14:14">
      <c r="N364624" s="10"/>
    </row>
    <row r="364625" spans="14:14">
      <c r="N364625" s="10"/>
    </row>
    <row r="364626" spans="14:14">
      <c r="N364626" s="10"/>
    </row>
    <row r="364627" spans="14:14">
      <c r="N364627" s="10"/>
    </row>
    <row r="364628" spans="14:14">
      <c r="N364628" s="10"/>
    </row>
    <row r="364629" spans="14:14">
      <c r="N364629" s="10"/>
    </row>
    <row r="364630" spans="14:14">
      <c r="N364630" s="10"/>
    </row>
    <row r="364631" spans="14:14">
      <c r="N364631" s="10"/>
    </row>
    <row r="364632" spans="14:14">
      <c r="N364632" s="10"/>
    </row>
    <row r="364633" spans="14:14">
      <c r="N364633" s="10"/>
    </row>
    <row r="364634" spans="14:14">
      <c r="N364634" s="10"/>
    </row>
    <row r="364635" spans="14:14">
      <c r="N364635" s="10"/>
    </row>
    <row r="364636" spans="14:14">
      <c r="N364636" s="10"/>
    </row>
    <row r="364637" spans="14:14">
      <c r="N364637" s="10"/>
    </row>
    <row r="364638" spans="14:14">
      <c r="N364638" s="10"/>
    </row>
    <row r="364639" spans="14:14">
      <c r="N364639" s="10"/>
    </row>
    <row r="364640" spans="14:14">
      <c r="N364640" s="10"/>
    </row>
    <row r="364641" spans="14:14">
      <c r="N364641" s="10"/>
    </row>
    <row r="364642" spans="14:14">
      <c r="N364642" s="10"/>
    </row>
    <row r="364643" spans="14:14">
      <c r="N364643" s="10"/>
    </row>
    <row r="364644" spans="14:14">
      <c r="N364644" s="10"/>
    </row>
    <row r="364645" spans="14:14">
      <c r="N364645" s="10"/>
    </row>
    <row r="364646" spans="14:14">
      <c r="N364646" s="10"/>
    </row>
    <row r="364647" spans="14:14">
      <c r="N364647" s="10"/>
    </row>
    <row r="364648" spans="14:14">
      <c r="N364648" s="10"/>
    </row>
    <row r="364649" spans="14:14">
      <c r="N364649" s="10"/>
    </row>
    <row r="364650" spans="14:14">
      <c r="N364650" s="10"/>
    </row>
    <row r="364651" spans="14:14">
      <c r="N364651" s="10"/>
    </row>
    <row r="364652" spans="14:14">
      <c r="N364652" s="10"/>
    </row>
    <row r="364653" spans="14:14">
      <c r="N364653" s="10"/>
    </row>
    <row r="364654" spans="14:14">
      <c r="N364654" s="10"/>
    </row>
    <row r="364655" spans="14:14">
      <c r="N364655" s="10"/>
    </row>
    <row r="364656" spans="14:14">
      <c r="N364656" s="10"/>
    </row>
    <row r="364657" spans="14:14">
      <c r="N364657" s="10"/>
    </row>
    <row r="364658" spans="14:14">
      <c r="N364658" s="10"/>
    </row>
    <row r="364659" spans="14:14">
      <c r="N364659" s="10"/>
    </row>
    <row r="364660" spans="14:14">
      <c r="N364660" s="10"/>
    </row>
    <row r="364661" spans="14:14">
      <c r="N364661" s="10"/>
    </row>
    <row r="364662" spans="14:14">
      <c r="N364662" s="10"/>
    </row>
    <row r="364663" spans="14:14">
      <c r="N364663" s="10"/>
    </row>
    <row r="364664" spans="14:14">
      <c r="N364664" s="10"/>
    </row>
    <row r="364665" spans="14:14">
      <c r="N364665" s="10"/>
    </row>
    <row r="364666" spans="14:14">
      <c r="N364666" s="10"/>
    </row>
    <row r="364667" spans="14:14">
      <c r="N364667" s="10"/>
    </row>
    <row r="364668" spans="14:14">
      <c r="N364668" s="10"/>
    </row>
    <row r="364669" spans="14:14">
      <c r="N364669" s="10"/>
    </row>
    <row r="364670" spans="14:14">
      <c r="N364670" s="10"/>
    </row>
    <row r="364671" spans="14:14">
      <c r="N364671" s="10"/>
    </row>
    <row r="364672" spans="14:14">
      <c r="N364672" s="10"/>
    </row>
    <row r="364673" spans="14:14">
      <c r="N364673" s="10"/>
    </row>
    <row r="364674" spans="14:14">
      <c r="N364674" s="10"/>
    </row>
    <row r="364675" spans="14:14">
      <c r="N364675" s="10"/>
    </row>
    <row r="364676" spans="14:14">
      <c r="N364676" s="10"/>
    </row>
    <row r="364677" spans="14:14">
      <c r="N364677" s="10"/>
    </row>
    <row r="364678" spans="14:14">
      <c r="N364678" s="10"/>
    </row>
    <row r="364679" spans="14:14">
      <c r="N364679" s="10"/>
    </row>
    <row r="364680" spans="14:14">
      <c r="N364680" s="10"/>
    </row>
    <row r="364681" spans="14:14">
      <c r="N364681" s="10"/>
    </row>
    <row r="364682" spans="14:14">
      <c r="N364682" s="10"/>
    </row>
    <row r="364683" spans="14:14">
      <c r="N364683" s="10"/>
    </row>
    <row r="364684" spans="14:14">
      <c r="N364684" s="10"/>
    </row>
    <row r="364685" spans="14:14">
      <c r="N364685" s="10"/>
    </row>
    <row r="364686" spans="14:14">
      <c r="N364686" s="10"/>
    </row>
    <row r="364687" spans="14:14">
      <c r="N364687" s="10"/>
    </row>
    <row r="364688" spans="14:14">
      <c r="N364688" s="10"/>
    </row>
    <row r="364689" spans="14:14">
      <c r="N364689" s="10"/>
    </row>
    <row r="364690" spans="14:14">
      <c r="N364690" s="10"/>
    </row>
    <row r="364691" spans="14:14">
      <c r="N364691" s="10"/>
    </row>
    <row r="364692" spans="14:14">
      <c r="N364692" s="10"/>
    </row>
    <row r="364693" spans="14:14">
      <c r="N364693" s="10"/>
    </row>
    <row r="364694" spans="14:14">
      <c r="N364694" s="10"/>
    </row>
    <row r="364695" spans="14:14">
      <c r="N364695" s="10"/>
    </row>
    <row r="364696" spans="14:14">
      <c r="N364696" s="10"/>
    </row>
    <row r="364697" spans="14:14">
      <c r="N364697" s="10"/>
    </row>
    <row r="364698" spans="14:14">
      <c r="N364698" s="10"/>
    </row>
    <row r="364699" spans="14:14">
      <c r="N364699" s="10"/>
    </row>
    <row r="364700" spans="14:14">
      <c r="N364700" s="10"/>
    </row>
    <row r="364701" spans="14:14">
      <c r="N364701" s="10"/>
    </row>
    <row r="364702" spans="14:14">
      <c r="N364702" s="10"/>
    </row>
    <row r="364703" spans="14:14">
      <c r="N364703" s="10"/>
    </row>
    <row r="364704" spans="14:14">
      <c r="N364704" s="10"/>
    </row>
    <row r="364705" spans="14:14">
      <c r="N364705" s="10"/>
    </row>
    <row r="364706" spans="14:14">
      <c r="N364706" s="10"/>
    </row>
    <row r="364707" spans="14:14">
      <c r="N364707" s="10"/>
    </row>
    <row r="364708" spans="14:14">
      <c r="N364708" s="10"/>
    </row>
    <row r="364709" spans="14:14">
      <c r="N364709" s="10"/>
    </row>
    <row r="364710" spans="14:14">
      <c r="N364710" s="10"/>
    </row>
    <row r="364711" spans="14:14">
      <c r="N364711" s="10"/>
    </row>
    <row r="364712" spans="14:14">
      <c r="N364712" s="10"/>
    </row>
    <row r="364713" spans="14:14">
      <c r="N364713" s="10"/>
    </row>
    <row r="364714" spans="14:14">
      <c r="N364714" s="10"/>
    </row>
    <row r="364715" spans="14:14">
      <c r="N364715" s="10"/>
    </row>
    <row r="364716" spans="14:14">
      <c r="N364716" s="10"/>
    </row>
    <row r="364717" spans="14:14">
      <c r="N364717" s="10"/>
    </row>
    <row r="364718" spans="14:14">
      <c r="N364718" s="10"/>
    </row>
    <row r="364719" spans="14:14">
      <c r="N364719" s="10"/>
    </row>
    <row r="364720" spans="14:14">
      <c r="N364720" s="10"/>
    </row>
    <row r="364721" spans="14:14">
      <c r="N364721" s="10"/>
    </row>
    <row r="364722" spans="14:14">
      <c r="N364722" s="10"/>
    </row>
    <row r="364723" spans="14:14">
      <c r="N364723" s="10"/>
    </row>
    <row r="364724" spans="14:14">
      <c r="N364724" s="10"/>
    </row>
    <row r="364725" spans="14:14">
      <c r="N364725" s="10"/>
    </row>
    <row r="364726" spans="14:14">
      <c r="N364726" s="10"/>
    </row>
    <row r="364727" spans="14:14">
      <c r="N364727" s="10"/>
    </row>
    <row r="364728" spans="14:14">
      <c r="N364728" s="10"/>
    </row>
    <row r="364729" spans="14:14">
      <c r="N364729" s="10"/>
    </row>
    <row r="364730" spans="14:14">
      <c r="N364730" s="10"/>
    </row>
    <row r="364731" spans="14:14">
      <c r="N364731" s="10"/>
    </row>
    <row r="364732" spans="14:14">
      <c r="N364732" s="10"/>
    </row>
    <row r="364733" spans="14:14">
      <c r="N364733" s="10"/>
    </row>
    <row r="364734" spans="14:14">
      <c r="N364734" s="10"/>
    </row>
    <row r="364735" spans="14:14">
      <c r="N364735" s="10"/>
    </row>
    <row r="364736" spans="14:14">
      <c r="N364736" s="10"/>
    </row>
    <row r="364737" spans="14:14">
      <c r="N364737" s="10"/>
    </row>
    <row r="364738" spans="14:14">
      <c r="N364738" s="10"/>
    </row>
    <row r="364739" spans="14:14">
      <c r="N364739" s="10"/>
    </row>
    <row r="364740" spans="14:14">
      <c r="N364740" s="10"/>
    </row>
    <row r="364741" spans="14:14">
      <c r="N364741" s="10"/>
    </row>
    <row r="364742" spans="14:14">
      <c r="N364742" s="10"/>
    </row>
    <row r="364743" spans="14:14">
      <c r="N364743" s="10"/>
    </row>
    <row r="364744" spans="14:14">
      <c r="N364744" s="10"/>
    </row>
    <row r="364745" spans="14:14">
      <c r="N364745" s="10"/>
    </row>
    <row r="364746" spans="14:14">
      <c r="N364746" s="10"/>
    </row>
    <row r="364747" spans="14:14">
      <c r="N364747" s="10"/>
    </row>
    <row r="364748" spans="14:14">
      <c r="N364748" s="10"/>
    </row>
    <row r="364749" spans="14:14">
      <c r="N364749" s="10"/>
    </row>
    <row r="364750" spans="14:14">
      <c r="N364750" s="10"/>
    </row>
    <row r="364751" spans="14:14">
      <c r="N364751" s="10"/>
    </row>
    <row r="364752" spans="14:14">
      <c r="N364752" s="10"/>
    </row>
    <row r="364753" spans="14:14">
      <c r="N364753" s="10"/>
    </row>
    <row r="364754" spans="14:14">
      <c r="N364754" s="10"/>
    </row>
    <row r="364755" spans="14:14">
      <c r="N364755" s="10"/>
    </row>
    <row r="364756" spans="14:14">
      <c r="N364756" s="10"/>
    </row>
    <row r="364757" spans="14:14">
      <c r="N364757" s="10"/>
    </row>
    <row r="364758" spans="14:14">
      <c r="N364758" s="10"/>
    </row>
    <row r="364759" spans="14:14">
      <c r="N364759" s="10"/>
    </row>
    <row r="364760" spans="14:14">
      <c r="N364760" s="10"/>
    </row>
    <row r="364761" spans="14:14">
      <c r="N364761" s="10"/>
    </row>
    <row r="364762" spans="14:14">
      <c r="N364762" s="10"/>
    </row>
    <row r="364763" spans="14:14">
      <c r="N364763" s="10"/>
    </row>
    <row r="364764" spans="14:14">
      <c r="N364764" s="10"/>
    </row>
    <row r="364765" spans="14:14">
      <c r="N364765" s="10"/>
    </row>
    <row r="364766" spans="14:14">
      <c r="N364766" s="10"/>
    </row>
    <row r="364767" spans="14:14">
      <c r="N364767" s="10"/>
    </row>
    <row r="364768" spans="14:14">
      <c r="N364768" s="10"/>
    </row>
    <row r="364769" spans="14:14">
      <c r="N364769" s="10"/>
    </row>
    <row r="364770" spans="14:14">
      <c r="N364770" s="10"/>
    </row>
    <row r="364771" spans="14:14">
      <c r="N364771" s="10"/>
    </row>
    <row r="364772" spans="14:14">
      <c r="N364772" s="10"/>
    </row>
    <row r="364773" spans="14:14">
      <c r="N364773" s="10"/>
    </row>
    <row r="364774" spans="14:14">
      <c r="N364774" s="10"/>
    </row>
    <row r="364775" spans="14:14">
      <c r="N364775" s="10"/>
    </row>
    <row r="364776" spans="14:14">
      <c r="N364776" s="10"/>
    </row>
    <row r="364777" spans="14:14">
      <c r="N364777" s="10"/>
    </row>
    <row r="364778" spans="14:14">
      <c r="N364778" s="10"/>
    </row>
    <row r="364779" spans="14:14">
      <c r="N364779" s="10"/>
    </row>
    <row r="364780" spans="14:14">
      <c r="N364780" s="10"/>
    </row>
    <row r="364781" spans="14:14">
      <c r="N364781" s="10"/>
    </row>
    <row r="364782" spans="14:14">
      <c r="N364782" s="10"/>
    </row>
    <row r="364783" spans="14:14">
      <c r="N364783" s="10"/>
    </row>
    <row r="364784" spans="14:14">
      <c r="N364784" s="10"/>
    </row>
    <row r="364785" spans="14:14">
      <c r="N364785" s="10"/>
    </row>
    <row r="364786" spans="14:14">
      <c r="N364786" s="10"/>
    </row>
    <row r="364787" spans="14:14">
      <c r="N364787" s="10"/>
    </row>
    <row r="364788" spans="14:14">
      <c r="N364788" s="10"/>
    </row>
    <row r="364789" spans="14:14">
      <c r="N364789" s="10"/>
    </row>
    <row r="364790" spans="14:14">
      <c r="N364790" s="10"/>
    </row>
    <row r="364791" spans="14:14">
      <c r="N364791" s="10"/>
    </row>
    <row r="364792" spans="14:14">
      <c r="N364792" s="10"/>
    </row>
    <row r="364793" spans="14:14">
      <c r="N364793" s="10"/>
    </row>
    <row r="364794" spans="14:14">
      <c r="N364794" s="10"/>
    </row>
    <row r="364795" spans="14:14">
      <c r="N364795" s="10"/>
    </row>
    <row r="364796" spans="14:14">
      <c r="N364796" s="10"/>
    </row>
    <row r="364797" spans="14:14">
      <c r="N364797" s="10"/>
    </row>
    <row r="364798" spans="14:14">
      <c r="N364798" s="10"/>
    </row>
    <row r="364799" spans="14:14">
      <c r="N364799" s="10"/>
    </row>
    <row r="364800" spans="14:14">
      <c r="N364800" s="10"/>
    </row>
    <row r="364801" spans="14:14">
      <c r="N364801" s="10"/>
    </row>
    <row r="364802" spans="14:14">
      <c r="N364802" s="10"/>
    </row>
    <row r="364803" spans="14:14">
      <c r="N364803" s="10"/>
    </row>
    <row r="364804" spans="14:14">
      <c r="N364804" s="10"/>
    </row>
    <row r="364805" spans="14:14">
      <c r="N364805" s="10"/>
    </row>
    <row r="364806" spans="14:14">
      <c r="N364806" s="10"/>
    </row>
    <row r="364807" spans="14:14">
      <c r="N364807" s="10"/>
    </row>
    <row r="364808" spans="14:14">
      <c r="N364808" s="10"/>
    </row>
    <row r="364809" spans="14:14">
      <c r="N364809" s="10"/>
    </row>
    <row r="364810" spans="14:14">
      <c r="N364810" s="10"/>
    </row>
    <row r="364811" spans="14:14">
      <c r="N364811" s="10"/>
    </row>
    <row r="364812" spans="14:14">
      <c r="N364812" s="10"/>
    </row>
    <row r="364813" spans="14:14">
      <c r="N364813" s="10"/>
    </row>
    <row r="364814" spans="14:14">
      <c r="N364814" s="10"/>
    </row>
    <row r="364815" spans="14:14">
      <c r="N364815" s="10"/>
    </row>
    <row r="364816" spans="14:14">
      <c r="N364816" s="10"/>
    </row>
    <row r="364817" spans="14:14">
      <c r="N364817" s="10"/>
    </row>
    <row r="364818" spans="14:14">
      <c r="N364818" s="10"/>
    </row>
    <row r="364819" spans="14:14">
      <c r="N364819" s="10"/>
    </row>
    <row r="364820" spans="14:14">
      <c r="N364820" s="10"/>
    </row>
    <row r="364821" spans="14:14">
      <c r="N364821" s="10"/>
    </row>
    <row r="364822" spans="14:14">
      <c r="N364822" s="10"/>
    </row>
    <row r="364823" spans="14:14">
      <c r="N364823" s="10"/>
    </row>
    <row r="364824" spans="14:14">
      <c r="N364824" s="10"/>
    </row>
    <row r="364825" spans="14:14">
      <c r="N364825" s="10"/>
    </row>
    <row r="364826" spans="14:14">
      <c r="N364826" s="10"/>
    </row>
    <row r="364827" spans="14:14">
      <c r="N364827" s="10"/>
    </row>
    <row r="364828" spans="14:14">
      <c r="N364828" s="10"/>
    </row>
    <row r="364829" spans="14:14">
      <c r="N364829" s="10"/>
    </row>
    <row r="364830" spans="14:14">
      <c r="N364830" s="10"/>
    </row>
    <row r="364831" spans="14:14">
      <c r="N364831" s="10"/>
    </row>
    <row r="364832" spans="14:14">
      <c r="N364832" s="10"/>
    </row>
    <row r="364833" spans="14:14">
      <c r="N364833" s="10"/>
    </row>
    <row r="364834" spans="14:14">
      <c r="N364834" s="10"/>
    </row>
    <row r="364835" spans="14:14">
      <c r="N364835" s="10"/>
    </row>
    <row r="364836" spans="14:14">
      <c r="N364836" s="10"/>
    </row>
    <row r="364837" spans="14:14">
      <c r="N364837" s="10"/>
    </row>
    <row r="364838" spans="14:14">
      <c r="N364838" s="10"/>
    </row>
    <row r="364839" spans="14:14">
      <c r="N364839" s="10"/>
    </row>
    <row r="364840" spans="14:14">
      <c r="N364840" s="10"/>
    </row>
    <row r="364841" spans="14:14">
      <c r="N364841" s="10"/>
    </row>
    <row r="364842" spans="14:14">
      <c r="N364842" s="10"/>
    </row>
    <row r="364843" spans="14:14">
      <c r="N364843" s="10"/>
    </row>
    <row r="364844" spans="14:14">
      <c r="N364844" s="10"/>
    </row>
    <row r="364845" spans="14:14">
      <c r="N364845" s="10"/>
    </row>
    <row r="364846" spans="14:14">
      <c r="N364846" s="10"/>
    </row>
    <row r="364847" spans="14:14">
      <c r="N364847" s="10"/>
    </row>
    <row r="364848" spans="14:14">
      <c r="N364848" s="10"/>
    </row>
    <row r="364849" spans="14:14">
      <c r="N364849" s="10"/>
    </row>
    <row r="364850" spans="14:14">
      <c r="N364850" s="10"/>
    </row>
    <row r="364851" spans="14:14">
      <c r="N364851" s="10"/>
    </row>
    <row r="364852" spans="14:14">
      <c r="N364852" s="10"/>
    </row>
    <row r="364853" spans="14:14">
      <c r="N364853" s="10"/>
    </row>
    <row r="364854" spans="14:14">
      <c r="N364854" s="10"/>
    </row>
    <row r="364855" spans="14:14">
      <c r="N364855" s="10"/>
    </row>
    <row r="364856" spans="14:14">
      <c r="N364856" s="10"/>
    </row>
    <row r="364857" spans="14:14">
      <c r="N364857" s="10"/>
    </row>
    <row r="364858" spans="14:14">
      <c r="N364858" s="10"/>
    </row>
    <row r="364859" spans="14:14">
      <c r="N364859" s="10"/>
    </row>
    <row r="364860" spans="14:14">
      <c r="N364860" s="10"/>
    </row>
    <row r="364861" spans="14:14">
      <c r="N364861" s="10"/>
    </row>
    <row r="364862" spans="14:14">
      <c r="N364862" s="10"/>
    </row>
    <row r="364863" spans="14:14">
      <c r="N364863" s="10"/>
    </row>
    <row r="364864" spans="14:14">
      <c r="N364864" s="10"/>
    </row>
    <row r="364865" spans="14:14">
      <c r="N364865" s="10"/>
    </row>
    <row r="364866" spans="14:14">
      <c r="N364866" s="10"/>
    </row>
    <row r="364867" spans="14:14">
      <c r="N364867" s="10"/>
    </row>
    <row r="364868" spans="14:14">
      <c r="N364868" s="10"/>
    </row>
    <row r="364869" spans="14:14">
      <c r="N364869" s="10"/>
    </row>
    <row r="364870" spans="14:14">
      <c r="N364870" s="10"/>
    </row>
    <row r="364871" spans="14:14">
      <c r="N364871" s="10"/>
    </row>
    <row r="364872" spans="14:14">
      <c r="N364872" s="10"/>
    </row>
    <row r="364873" spans="14:14">
      <c r="N364873" s="10"/>
    </row>
    <row r="364874" spans="14:14">
      <c r="N364874" s="10"/>
    </row>
    <row r="364875" spans="14:14">
      <c r="N364875" s="10"/>
    </row>
    <row r="364876" spans="14:14">
      <c r="N364876" s="10"/>
    </row>
    <row r="364877" spans="14:14">
      <c r="N364877" s="10"/>
    </row>
    <row r="364878" spans="14:14">
      <c r="N364878" s="10"/>
    </row>
    <row r="364879" spans="14:14">
      <c r="N364879" s="10"/>
    </row>
    <row r="364880" spans="14:14">
      <c r="N364880" s="10"/>
    </row>
    <row r="364881" spans="14:14">
      <c r="N364881" s="10"/>
    </row>
    <row r="364882" spans="14:14">
      <c r="N364882" s="10"/>
    </row>
    <row r="364883" spans="14:14">
      <c r="N364883" s="10"/>
    </row>
    <row r="364884" spans="14:14">
      <c r="N364884" s="10"/>
    </row>
    <row r="364885" spans="14:14">
      <c r="N364885" s="10"/>
    </row>
    <row r="364886" spans="14:14">
      <c r="N364886" s="10"/>
    </row>
    <row r="364887" spans="14:14">
      <c r="N364887" s="10"/>
    </row>
    <row r="364888" spans="14:14">
      <c r="N364888" s="10"/>
    </row>
    <row r="364889" spans="14:14">
      <c r="N364889" s="10"/>
    </row>
    <row r="364890" spans="14:14">
      <c r="N364890" s="10"/>
    </row>
    <row r="364891" spans="14:14">
      <c r="N364891" s="10"/>
    </row>
    <row r="364892" spans="14:14">
      <c r="N364892" s="10"/>
    </row>
    <row r="364893" spans="14:14">
      <c r="N364893" s="10"/>
    </row>
    <row r="364894" spans="14:14">
      <c r="N364894" s="10"/>
    </row>
    <row r="364895" spans="14:14">
      <c r="N364895" s="10"/>
    </row>
    <row r="364896" spans="14:14">
      <c r="N364896" s="10"/>
    </row>
    <row r="364897" spans="14:14">
      <c r="N364897" s="10"/>
    </row>
    <row r="364898" spans="14:14">
      <c r="N364898" s="10"/>
    </row>
    <row r="364899" spans="14:14">
      <c r="N364899" s="10"/>
    </row>
    <row r="364900" spans="14:14">
      <c r="N364900" s="10"/>
    </row>
    <row r="364901" spans="14:14">
      <c r="N364901" s="10"/>
    </row>
    <row r="364902" spans="14:14">
      <c r="N364902" s="10"/>
    </row>
    <row r="364903" spans="14:14">
      <c r="N364903" s="10"/>
    </row>
    <row r="364904" spans="14:14">
      <c r="N364904" s="10"/>
    </row>
    <row r="364905" spans="14:14">
      <c r="N364905" s="10"/>
    </row>
    <row r="364906" spans="14:14">
      <c r="N364906" s="10"/>
    </row>
    <row r="364907" spans="14:14">
      <c r="N364907" s="10"/>
    </row>
    <row r="364908" spans="14:14">
      <c r="N364908" s="10"/>
    </row>
    <row r="364909" spans="14:14">
      <c r="N364909" s="10"/>
    </row>
    <row r="364910" spans="14:14">
      <c r="N364910" s="10"/>
    </row>
    <row r="364911" spans="14:14">
      <c r="N364911" s="10"/>
    </row>
    <row r="364912" spans="14:14">
      <c r="N364912" s="10"/>
    </row>
    <row r="364913" spans="14:14">
      <c r="N364913" s="10"/>
    </row>
    <row r="364914" spans="14:14">
      <c r="N364914" s="10"/>
    </row>
    <row r="364915" spans="14:14">
      <c r="N364915" s="10"/>
    </row>
    <row r="364916" spans="14:14">
      <c r="N364916" s="10"/>
    </row>
    <row r="364917" spans="14:14">
      <c r="N364917" s="10"/>
    </row>
    <row r="364918" spans="14:14">
      <c r="N364918" s="10"/>
    </row>
    <row r="364919" spans="14:14">
      <c r="N364919" s="10"/>
    </row>
    <row r="364920" spans="14:14">
      <c r="N364920" s="10"/>
    </row>
    <row r="364921" spans="14:14">
      <c r="N364921" s="10"/>
    </row>
    <row r="364922" spans="14:14">
      <c r="N364922" s="10"/>
    </row>
    <row r="364923" spans="14:14">
      <c r="N364923" s="10"/>
    </row>
    <row r="364924" spans="14:14">
      <c r="N364924" s="10"/>
    </row>
    <row r="364925" spans="14:14">
      <c r="N364925" s="10"/>
    </row>
    <row r="364926" spans="14:14">
      <c r="N364926" s="10"/>
    </row>
    <row r="364927" spans="14:14">
      <c r="N364927" s="10"/>
    </row>
    <row r="364928" spans="14:14">
      <c r="N364928" s="10"/>
    </row>
    <row r="364929" spans="14:14">
      <c r="N364929" s="10"/>
    </row>
    <row r="364930" spans="14:14">
      <c r="N364930" s="10"/>
    </row>
    <row r="364931" spans="14:14">
      <c r="N364931" s="10"/>
    </row>
    <row r="364932" spans="14:14">
      <c r="N364932" s="10"/>
    </row>
    <row r="364933" spans="14:14">
      <c r="N364933" s="10"/>
    </row>
    <row r="364934" spans="14:14">
      <c r="N364934" s="10"/>
    </row>
    <row r="364935" spans="14:14">
      <c r="N364935" s="10"/>
    </row>
    <row r="364936" spans="14:14">
      <c r="N364936" s="10"/>
    </row>
    <row r="364937" spans="14:14">
      <c r="N364937" s="10"/>
    </row>
    <row r="364938" spans="14:14">
      <c r="N364938" s="10"/>
    </row>
    <row r="364939" spans="14:14">
      <c r="N364939" s="10"/>
    </row>
    <row r="364940" spans="14:14">
      <c r="N364940" s="10"/>
    </row>
    <row r="364941" spans="14:14">
      <c r="N364941" s="10"/>
    </row>
    <row r="364942" spans="14:14">
      <c r="N364942" s="10"/>
    </row>
    <row r="364943" spans="14:14">
      <c r="N364943" s="10"/>
    </row>
    <row r="364944" spans="14:14">
      <c r="N364944" s="10"/>
    </row>
    <row r="364945" spans="14:14">
      <c r="N364945" s="10"/>
    </row>
    <row r="364946" spans="14:14">
      <c r="N364946" s="10"/>
    </row>
    <row r="364947" spans="14:14">
      <c r="N364947" s="10"/>
    </row>
    <row r="364948" spans="14:14">
      <c r="N364948" s="10"/>
    </row>
    <row r="364949" spans="14:14">
      <c r="N364949" s="10"/>
    </row>
    <row r="364950" spans="14:14">
      <c r="N364950" s="10"/>
    </row>
    <row r="364951" spans="14:14">
      <c r="N364951" s="10"/>
    </row>
    <row r="364952" spans="14:14">
      <c r="N364952" s="10"/>
    </row>
    <row r="364953" spans="14:14">
      <c r="N364953" s="10"/>
    </row>
    <row r="364954" spans="14:14">
      <c r="N364954" s="10"/>
    </row>
    <row r="364955" spans="14:14">
      <c r="N364955" s="10"/>
    </row>
    <row r="364956" spans="14:14">
      <c r="N364956" s="10"/>
    </row>
    <row r="364957" spans="14:14">
      <c r="N364957" s="10"/>
    </row>
    <row r="364958" spans="14:14">
      <c r="N364958" s="10"/>
    </row>
    <row r="364959" spans="14:14">
      <c r="N364959" s="10"/>
    </row>
    <row r="364960" spans="14:14">
      <c r="N364960" s="10"/>
    </row>
    <row r="364961" spans="14:14">
      <c r="N364961" s="10"/>
    </row>
    <row r="364962" spans="14:14">
      <c r="N364962" s="10"/>
    </row>
    <row r="364963" spans="14:14">
      <c r="N364963" s="10"/>
    </row>
    <row r="364964" spans="14:14">
      <c r="N364964" s="10"/>
    </row>
    <row r="364965" spans="14:14">
      <c r="N364965" s="10"/>
    </row>
    <row r="364966" spans="14:14">
      <c r="N364966" s="10"/>
    </row>
    <row r="364967" spans="14:14">
      <c r="N364967" s="10"/>
    </row>
    <row r="364968" spans="14:14">
      <c r="N364968" s="10"/>
    </row>
    <row r="364969" spans="14:14">
      <c r="N364969" s="10"/>
    </row>
    <row r="364970" spans="14:14">
      <c r="N364970" s="10"/>
    </row>
    <row r="364971" spans="14:14">
      <c r="N364971" s="10"/>
    </row>
    <row r="364972" spans="14:14">
      <c r="N364972" s="10"/>
    </row>
    <row r="364973" spans="14:14">
      <c r="N364973" s="10"/>
    </row>
    <row r="364974" spans="14:14">
      <c r="N364974" s="10"/>
    </row>
    <row r="364975" spans="14:14">
      <c r="N364975" s="10"/>
    </row>
    <row r="364976" spans="14:14">
      <c r="N364976" s="10"/>
    </row>
    <row r="364977" spans="14:14">
      <c r="N364977" s="10"/>
    </row>
    <row r="364978" spans="14:14">
      <c r="N364978" s="10"/>
    </row>
    <row r="364979" spans="14:14">
      <c r="N364979" s="10"/>
    </row>
    <row r="364980" spans="14:14">
      <c r="N364980" s="10"/>
    </row>
    <row r="364981" spans="14:14">
      <c r="N364981" s="10"/>
    </row>
    <row r="364982" spans="14:14">
      <c r="N364982" s="10"/>
    </row>
    <row r="364983" spans="14:14">
      <c r="N364983" s="10"/>
    </row>
    <row r="364984" spans="14:14">
      <c r="N364984" s="10"/>
    </row>
    <row r="364985" spans="14:14">
      <c r="N364985" s="10"/>
    </row>
    <row r="364986" spans="14:14">
      <c r="N364986" s="10"/>
    </row>
    <row r="364987" spans="14:14">
      <c r="N364987" s="10"/>
    </row>
    <row r="364988" spans="14:14">
      <c r="N364988" s="10"/>
    </row>
    <row r="364989" spans="14:14">
      <c r="N364989" s="10"/>
    </row>
    <row r="364990" spans="14:14">
      <c r="N364990" s="10"/>
    </row>
    <row r="364991" spans="14:14">
      <c r="N364991" s="10"/>
    </row>
    <row r="364992" spans="14:14">
      <c r="N364992" s="10"/>
    </row>
    <row r="364993" spans="14:14">
      <c r="N364993" s="10"/>
    </row>
    <row r="364994" spans="14:14">
      <c r="N364994" s="10"/>
    </row>
    <row r="364995" spans="14:14">
      <c r="N364995" s="10"/>
    </row>
    <row r="364996" spans="14:14">
      <c r="N364996" s="10"/>
    </row>
    <row r="364997" spans="14:14">
      <c r="N364997" s="10"/>
    </row>
    <row r="364998" spans="14:14">
      <c r="N364998" s="10"/>
    </row>
    <row r="364999" spans="14:14">
      <c r="N364999" s="10"/>
    </row>
    <row r="365000" spans="14:14">
      <c r="N365000" s="10"/>
    </row>
    <row r="365001" spans="14:14">
      <c r="N365001" s="10"/>
    </row>
    <row r="365002" spans="14:14">
      <c r="N365002" s="10"/>
    </row>
    <row r="365003" spans="14:14">
      <c r="N365003" s="10"/>
    </row>
    <row r="365004" spans="14:14">
      <c r="N365004" s="10"/>
    </row>
    <row r="365005" spans="14:14">
      <c r="N365005" s="10"/>
    </row>
    <row r="365006" spans="14:14">
      <c r="N365006" s="10"/>
    </row>
    <row r="365007" spans="14:14">
      <c r="N365007" s="10"/>
    </row>
    <row r="365008" spans="14:14">
      <c r="N365008" s="10"/>
    </row>
    <row r="365009" spans="14:14">
      <c r="N365009" s="10"/>
    </row>
    <row r="365010" spans="14:14">
      <c r="N365010" s="10"/>
    </row>
    <row r="365011" spans="14:14">
      <c r="N365011" s="10"/>
    </row>
    <row r="365012" spans="14:14">
      <c r="N365012" s="10"/>
    </row>
    <row r="365013" spans="14:14">
      <c r="N365013" s="10"/>
    </row>
    <row r="365014" spans="14:14">
      <c r="N365014" s="10"/>
    </row>
    <row r="365015" spans="14:14">
      <c r="N365015" s="10"/>
    </row>
    <row r="365016" spans="14:14">
      <c r="N365016" s="10"/>
    </row>
    <row r="365017" spans="14:14">
      <c r="N365017" s="10"/>
    </row>
    <row r="365018" spans="14:14">
      <c r="N365018" s="10"/>
    </row>
    <row r="365019" spans="14:14">
      <c r="N365019" s="10"/>
    </row>
    <row r="365020" spans="14:14">
      <c r="N365020" s="10"/>
    </row>
    <row r="365021" spans="14:14">
      <c r="N365021" s="10"/>
    </row>
    <row r="365022" spans="14:14">
      <c r="N365022" s="10"/>
    </row>
    <row r="365023" spans="14:14">
      <c r="N365023" s="10"/>
    </row>
    <row r="365024" spans="14:14">
      <c r="N365024" s="10"/>
    </row>
    <row r="365025" spans="14:14">
      <c r="N365025" s="10"/>
    </row>
    <row r="365026" spans="14:14">
      <c r="N365026" s="10"/>
    </row>
    <row r="365027" spans="14:14">
      <c r="N365027" s="10"/>
    </row>
    <row r="365028" spans="14:14">
      <c r="N365028" s="10"/>
    </row>
    <row r="365029" spans="14:14">
      <c r="N365029" s="10"/>
    </row>
    <row r="365030" spans="14:14">
      <c r="N365030" s="10"/>
    </row>
    <row r="365031" spans="14:14">
      <c r="N365031" s="10"/>
    </row>
    <row r="365032" spans="14:14">
      <c r="N365032" s="10"/>
    </row>
    <row r="365033" spans="14:14">
      <c r="N365033" s="10"/>
    </row>
    <row r="365034" spans="14:14">
      <c r="N365034" s="10"/>
    </row>
    <row r="365035" spans="14:14">
      <c r="N365035" s="10"/>
    </row>
    <row r="365036" spans="14:14">
      <c r="N365036" s="10"/>
    </row>
    <row r="365037" spans="14:14">
      <c r="N365037" s="10"/>
    </row>
    <row r="365038" spans="14:14">
      <c r="N365038" s="10"/>
    </row>
    <row r="365039" spans="14:14">
      <c r="N365039" s="10"/>
    </row>
    <row r="365040" spans="14:14">
      <c r="N365040" s="10"/>
    </row>
    <row r="365041" spans="14:14">
      <c r="N365041" s="10"/>
    </row>
    <row r="365042" spans="14:14">
      <c r="N365042" s="10"/>
    </row>
    <row r="365043" spans="14:14">
      <c r="N365043" s="10"/>
    </row>
    <row r="365044" spans="14:14">
      <c r="N365044" s="10"/>
    </row>
    <row r="365045" spans="14:14">
      <c r="N365045" s="10"/>
    </row>
    <row r="365046" spans="14:14">
      <c r="N365046" s="10"/>
    </row>
    <row r="365047" spans="14:14">
      <c r="N365047" s="10"/>
    </row>
    <row r="365048" spans="14:14">
      <c r="N365048" s="10"/>
    </row>
    <row r="365049" spans="14:14">
      <c r="N365049" s="10"/>
    </row>
    <row r="365050" spans="14:14">
      <c r="N365050" s="10"/>
    </row>
    <row r="365051" spans="14:14">
      <c r="N365051" s="10"/>
    </row>
    <row r="365052" spans="14:14">
      <c r="N365052" s="10"/>
    </row>
    <row r="365053" spans="14:14">
      <c r="N365053" s="10"/>
    </row>
    <row r="365054" spans="14:14">
      <c r="N365054" s="10"/>
    </row>
    <row r="365055" spans="14:14">
      <c r="N365055" s="10"/>
    </row>
    <row r="365056" spans="14:14">
      <c r="N365056" s="10"/>
    </row>
    <row r="365057" spans="14:14">
      <c r="N365057" s="10"/>
    </row>
    <row r="365058" spans="14:14">
      <c r="N365058" s="10"/>
    </row>
    <row r="365059" spans="14:14">
      <c r="N365059" s="10"/>
    </row>
    <row r="365060" spans="14:14">
      <c r="N365060" s="10"/>
    </row>
    <row r="365061" spans="14:14">
      <c r="N365061" s="10"/>
    </row>
    <row r="365062" spans="14:14">
      <c r="N365062" s="10"/>
    </row>
    <row r="365063" spans="14:14">
      <c r="N365063" s="10"/>
    </row>
    <row r="365064" spans="14:14">
      <c r="N365064" s="10"/>
    </row>
    <row r="365065" spans="14:14">
      <c r="N365065" s="10"/>
    </row>
    <row r="365066" spans="14:14">
      <c r="N365066" s="10"/>
    </row>
    <row r="365067" spans="14:14">
      <c r="N365067" s="10"/>
    </row>
    <row r="365068" spans="14:14">
      <c r="N365068" s="10"/>
    </row>
    <row r="365069" spans="14:14">
      <c r="N365069" s="10"/>
    </row>
    <row r="365070" spans="14:14">
      <c r="N365070" s="10"/>
    </row>
    <row r="365071" spans="14:14">
      <c r="N365071" s="10"/>
    </row>
    <row r="365072" spans="14:14">
      <c r="N365072" s="10"/>
    </row>
    <row r="365073" spans="14:14">
      <c r="N365073" s="10"/>
    </row>
    <row r="365074" spans="14:14">
      <c r="N365074" s="10"/>
    </row>
    <row r="365075" spans="14:14">
      <c r="N365075" s="10"/>
    </row>
    <row r="365076" spans="14:14">
      <c r="N365076" s="10"/>
    </row>
    <row r="365077" spans="14:14">
      <c r="N365077" s="10"/>
    </row>
    <row r="365078" spans="14:14">
      <c r="N365078" s="10"/>
    </row>
    <row r="365079" spans="14:14">
      <c r="N365079" s="10"/>
    </row>
    <row r="365080" spans="14:14">
      <c r="N365080" s="10"/>
    </row>
    <row r="365081" spans="14:14">
      <c r="N365081" s="10"/>
    </row>
    <row r="365082" spans="14:14">
      <c r="N365082" s="10"/>
    </row>
    <row r="365083" spans="14:14">
      <c r="N365083" s="10"/>
    </row>
    <row r="365084" spans="14:14">
      <c r="N365084" s="10"/>
    </row>
    <row r="365085" spans="14:14">
      <c r="N365085" s="10"/>
    </row>
    <row r="365086" spans="14:14">
      <c r="N365086" s="10"/>
    </row>
    <row r="365087" spans="14:14">
      <c r="N365087" s="10"/>
    </row>
    <row r="365088" spans="14:14">
      <c r="N365088" s="10"/>
    </row>
    <row r="365089" spans="14:14">
      <c r="N365089" s="10"/>
    </row>
    <row r="365090" spans="14:14">
      <c r="N365090" s="10"/>
    </row>
    <row r="365091" spans="14:14">
      <c r="N365091" s="10"/>
    </row>
    <row r="365092" spans="14:14">
      <c r="N365092" s="10"/>
    </row>
    <row r="365093" spans="14:14">
      <c r="N365093" s="10"/>
    </row>
    <row r="365094" spans="14:14">
      <c r="N365094" s="10"/>
    </row>
    <row r="365095" spans="14:14">
      <c r="N365095" s="10"/>
    </row>
    <row r="365096" spans="14:14">
      <c r="N365096" s="10"/>
    </row>
    <row r="365097" spans="14:14">
      <c r="N365097" s="10"/>
    </row>
    <row r="365098" spans="14:14">
      <c r="N365098" s="10"/>
    </row>
    <row r="365099" spans="14:14">
      <c r="N365099" s="10"/>
    </row>
    <row r="365100" spans="14:14">
      <c r="N365100" s="10"/>
    </row>
    <row r="365101" spans="14:14">
      <c r="N365101" s="10"/>
    </row>
    <row r="365102" spans="14:14">
      <c r="N365102" s="10"/>
    </row>
    <row r="365103" spans="14:14">
      <c r="N365103" s="10"/>
    </row>
    <row r="365104" spans="14:14">
      <c r="N365104" s="10"/>
    </row>
    <row r="365105" spans="14:14">
      <c r="N365105" s="10"/>
    </row>
    <row r="365106" spans="14:14">
      <c r="N365106" s="10"/>
    </row>
    <row r="365107" spans="14:14">
      <c r="N365107" s="10"/>
    </row>
    <row r="365108" spans="14:14">
      <c r="N365108" s="10"/>
    </row>
    <row r="365109" spans="14:14">
      <c r="N365109" s="10"/>
    </row>
    <row r="365110" spans="14:14">
      <c r="N365110" s="10"/>
    </row>
    <row r="365111" spans="14:14">
      <c r="N365111" s="10"/>
    </row>
    <row r="365112" spans="14:14">
      <c r="N365112" s="10"/>
    </row>
    <row r="365113" spans="14:14">
      <c r="N365113" s="10"/>
    </row>
    <row r="365114" spans="14:14">
      <c r="N365114" s="10"/>
    </row>
    <row r="365115" spans="14:14">
      <c r="N365115" s="10"/>
    </row>
    <row r="365116" spans="14:14">
      <c r="N365116" s="10"/>
    </row>
    <row r="365117" spans="14:14">
      <c r="N365117" s="10"/>
    </row>
    <row r="365118" spans="14:14">
      <c r="N365118" s="10"/>
    </row>
    <row r="365119" spans="14:14">
      <c r="N365119" s="10"/>
    </row>
    <row r="365120" spans="14:14">
      <c r="N365120" s="10"/>
    </row>
    <row r="365121" spans="14:14">
      <c r="N365121" s="10"/>
    </row>
    <row r="365122" spans="14:14">
      <c r="N365122" s="10"/>
    </row>
    <row r="365123" spans="14:14">
      <c r="N365123" s="10"/>
    </row>
    <row r="365124" spans="14:14">
      <c r="N365124" s="10"/>
    </row>
    <row r="365125" spans="14:14">
      <c r="N365125" s="10"/>
    </row>
    <row r="365126" spans="14:14">
      <c r="N365126" s="10"/>
    </row>
    <row r="365127" spans="14:14">
      <c r="N365127" s="10"/>
    </row>
    <row r="365128" spans="14:14">
      <c r="N365128" s="10"/>
    </row>
    <row r="365129" spans="14:14">
      <c r="N365129" s="10"/>
    </row>
    <row r="365130" spans="14:14">
      <c r="N365130" s="10"/>
    </row>
    <row r="365131" spans="14:14">
      <c r="N365131" s="10"/>
    </row>
    <row r="365132" spans="14:14">
      <c r="N365132" s="10"/>
    </row>
    <row r="365133" spans="14:14">
      <c r="N365133" s="10"/>
    </row>
    <row r="365134" spans="14:14">
      <c r="N365134" s="10"/>
    </row>
    <row r="365135" spans="14:14">
      <c r="N365135" s="10"/>
    </row>
    <row r="365136" spans="14:14">
      <c r="N365136" s="10"/>
    </row>
    <row r="365137" spans="14:14">
      <c r="N365137" s="10"/>
    </row>
    <row r="365138" spans="14:14">
      <c r="N365138" s="10"/>
    </row>
    <row r="365139" spans="14:14">
      <c r="N365139" s="10"/>
    </row>
    <row r="365140" spans="14:14">
      <c r="N365140" s="10"/>
    </row>
    <row r="365141" spans="14:14">
      <c r="N365141" s="10"/>
    </row>
    <row r="365142" spans="14:14">
      <c r="N365142" s="10"/>
    </row>
    <row r="365143" spans="14:14">
      <c r="N365143" s="10"/>
    </row>
    <row r="365144" spans="14:14">
      <c r="N365144" s="10"/>
    </row>
    <row r="365145" spans="14:14">
      <c r="N365145" s="10"/>
    </row>
    <row r="365146" spans="14:14">
      <c r="N365146" s="10"/>
    </row>
    <row r="365147" spans="14:14">
      <c r="N365147" s="10"/>
    </row>
    <row r="365148" spans="14:14">
      <c r="N365148" s="10"/>
    </row>
    <row r="365149" spans="14:14">
      <c r="N365149" s="10"/>
    </row>
    <row r="365150" spans="14:14">
      <c r="N365150" s="10"/>
    </row>
    <row r="365151" spans="14:14">
      <c r="N365151" s="10"/>
    </row>
    <row r="365152" spans="14:14">
      <c r="N365152" s="10"/>
    </row>
    <row r="365153" spans="14:14">
      <c r="N365153" s="10"/>
    </row>
    <row r="365154" spans="14:14">
      <c r="N365154" s="10"/>
    </row>
    <row r="365155" spans="14:14">
      <c r="N365155" s="10"/>
    </row>
    <row r="365156" spans="14:14">
      <c r="N365156" s="10"/>
    </row>
    <row r="365157" spans="14:14">
      <c r="N365157" s="10"/>
    </row>
    <row r="365158" spans="14:14">
      <c r="N365158" s="10"/>
    </row>
    <row r="365159" spans="14:14">
      <c r="N365159" s="10"/>
    </row>
    <row r="365160" spans="14:14">
      <c r="N365160" s="10"/>
    </row>
    <row r="365161" spans="14:14">
      <c r="N365161" s="10"/>
    </row>
    <row r="365162" spans="14:14">
      <c r="N365162" s="10"/>
    </row>
    <row r="365163" spans="14:14">
      <c r="N365163" s="10"/>
    </row>
    <row r="365164" spans="14:14">
      <c r="N365164" s="10"/>
    </row>
    <row r="365165" spans="14:14">
      <c r="N365165" s="10"/>
    </row>
    <row r="365166" spans="14:14">
      <c r="N365166" s="10"/>
    </row>
    <row r="365167" spans="14:14">
      <c r="N365167" s="10"/>
    </row>
    <row r="365168" spans="14:14">
      <c r="N365168" s="10"/>
    </row>
    <row r="365169" spans="14:14">
      <c r="N365169" s="10"/>
    </row>
    <row r="365170" spans="14:14">
      <c r="N365170" s="10"/>
    </row>
    <row r="365171" spans="14:14">
      <c r="N365171" s="10"/>
    </row>
    <row r="365172" spans="14:14">
      <c r="N365172" s="10"/>
    </row>
    <row r="365173" spans="14:14">
      <c r="N365173" s="10"/>
    </row>
    <row r="365174" spans="14:14">
      <c r="N365174" s="10"/>
    </row>
    <row r="365175" spans="14:14">
      <c r="N365175" s="10"/>
    </row>
    <row r="365176" spans="14:14">
      <c r="N365176" s="10"/>
    </row>
    <row r="365177" spans="14:14">
      <c r="N365177" s="10"/>
    </row>
    <row r="365178" spans="14:14">
      <c r="N365178" s="10"/>
    </row>
    <row r="365179" spans="14:14">
      <c r="N365179" s="10"/>
    </row>
    <row r="365180" spans="14:14">
      <c r="N365180" s="10"/>
    </row>
    <row r="365181" spans="14:14">
      <c r="N365181" s="10"/>
    </row>
    <row r="365182" spans="14:14">
      <c r="N365182" s="10"/>
    </row>
    <row r="365183" spans="14:14">
      <c r="N365183" s="10"/>
    </row>
    <row r="365184" spans="14:14">
      <c r="N365184" s="10"/>
    </row>
    <row r="365185" spans="14:14">
      <c r="N365185" s="10"/>
    </row>
    <row r="365186" spans="14:14">
      <c r="N365186" s="10"/>
    </row>
    <row r="365187" spans="14:14">
      <c r="N365187" s="10"/>
    </row>
    <row r="365188" spans="14:14">
      <c r="N365188" s="10"/>
    </row>
    <row r="365189" spans="14:14">
      <c r="N365189" s="10"/>
    </row>
    <row r="365190" spans="14:14">
      <c r="N365190" s="10"/>
    </row>
    <row r="365191" spans="14:14">
      <c r="N365191" s="10"/>
    </row>
    <row r="365192" spans="14:14">
      <c r="N365192" s="10"/>
    </row>
    <row r="365193" spans="14:14">
      <c r="N365193" s="10"/>
    </row>
    <row r="365194" spans="14:14">
      <c r="N365194" s="10"/>
    </row>
    <row r="365195" spans="14:14">
      <c r="N365195" s="10"/>
    </row>
    <row r="365196" spans="14:14">
      <c r="N365196" s="10"/>
    </row>
    <row r="365197" spans="14:14">
      <c r="N365197" s="10"/>
    </row>
    <row r="365198" spans="14:14">
      <c r="N365198" s="10"/>
    </row>
    <row r="365199" spans="14:14">
      <c r="N365199" s="10"/>
    </row>
    <row r="365200" spans="14:14">
      <c r="N365200" s="10"/>
    </row>
    <row r="365201" spans="14:14">
      <c r="N365201" s="10"/>
    </row>
    <row r="365202" spans="14:14">
      <c r="N365202" s="10"/>
    </row>
    <row r="365203" spans="14:14">
      <c r="N365203" s="10"/>
    </row>
    <row r="365204" spans="14:14">
      <c r="N365204" s="10"/>
    </row>
    <row r="365205" spans="14:14">
      <c r="N365205" s="10"/>
    </row>
    <row r="365206" spans="14:14">
      <c r="N365206" s="10"/>
    </row>
    <row r="365207" spans="14:14">
      <c r="N365207" s="10"/>
    </row>
    <row r="365208" spans="14:14">
      <c r="N365208" s="10"/>
    </row>
    <row r="365209" spans="14:14">
      <c r="N365209" s="10"/>
    </row>
    <row r="365210" spans="14:14">
      <c r="N365210" s="10"/>
    </row>
    <row r="365211" spans="14:14">
      <c r="N365211" s="10"/>
    </row>
    <row r="365212" spans="14:14">
      <c r="N365212" s="10"/>
    </row>
    <row r="365213" spans="14:14">
      <c r="N365213" s="10"/>
    </row>
    <row r="365214" spans="14:14">
      <c r="N365214" s="10"/>
    </row>
    <row r="365215" spans="14:14">
      <c r="N365215" s="10"/>
    </row>
    <row r="365216" spans="14:14">
      <c r="N365216" s="10"/>
    </row>
    <row r="365217" spans="14:14">
      <c r="N365217" s="10"/>
    </row>
    <row r="365218" spans="14:14">
      <c r="N365218" s="10"/>
    </row>
    <row r="365219" spans="14:14">
      <c r="N365219" s="10"/>
    </row>
    <row r="365220" spans="14:14">
      <c r="N365220" s="10"/>
    </row>
    <row r="365221" spans="14:14">
      <c r="N365221" s="10"/>
    </row>
    <row r="365222" spans="14:14">
      <c r="N365222" s="10"/>
    </row>
    <row r="365223" spans="14:14">
      <c r="N365223" s="10"/>
    </row>
    <row r="365224" spans="14:14">
      <c r="N365224" s="10"/>
    </row>
    <row r="365225" spans="14:14">
      <c r="N365225" s="10"/>
    </row>
    <row r="365226" spans="14:14">
      <c r="N365226" s="10"/>
    </row>
    <row r="365227" spans="14:14">
      <c r="N365227" s="10"/>
    </row>
    <row r="365228" spans="14:14">
      <c r="N365228" s="10"/>
    </row>
    <row r="365229" spans="14:14">
      <c r="N365229" s="10"/>
    </row>
    <row r="365230" spans="14:14">
      <c r="N365230" s="10"/>
    </row>
    <row r="365231" spans="14:14">
      <c r="N365231" s="10"/>
    </row>
    <row r="365232" spans="14:14">
      <c r="N365232" s="10"/>
    </row>
    <row r="365233" spans="14:14">
      <c r="N365233" s="10"/>
    </row>
    <row r="365234" spans="14:14">
      <c r="N365234" s="10"/>
    </row>
    <row r="365235" spans="14:14">
      <c r="N365235" s="10"/>
    </row>
    <row r="365236" spans="14:14">
      <c r="N365236" s="10"/>
    </row>
    <row r="365237" spans="14:14">
      <c r="N365237" s="10"/>
    </row>
    <row r="365238" spans="14:14">
      <c r="N365238" s="10"/>
    </row>
    <row r="365239" spans="14:14">
      <c r="N365239" s="10"/>
    </row>
    <row r="365240" spans="14:14">
      <c r="N365240" s="10"/>
    </row>
    <row r="365241" spans="14:14">
      <c r="N365241" s="10"/>
    </row>
    <row r="365242" spans="14:14">
      <c r="N365242" s="10"/>
    </row>
    <row r="365243" spans="14:14">
      <c r="N365243" s="10"/>
    </row>
    <row r="365244" spans="14:14">
      <c r="N365244" s="10"/>
    </row>
    <row r="365245" spans="14:14">
      <c r="N365245" s="10"/>
    </row>
    <row r="365246" spans="14:14">
      <c r="N365246" s="10"/>
    </row>
    <row r="365247" spans="14:14">
      <c r="N365247" s="10"/>
    </row>
    <row r="365248" spans="14:14">
      <c r="N365248" s="10"/>
    </row>
    <row r="365249" spans="14:14">
      <c r="N365249" s="10"/>
    </row>
    <row r="365250" spans="14:14">
      <c r="N365250" s="10"/>
    </row>
    <row r="365251" spans="14:14">
      <c r="N365251" s="10"/>
    </row>
    <row r="365252" spans="14:14">
      <c r="N365252" s="10"/>
    </row>
    <row r="365253" spans="14:14">
      <c r="N365253" s="10"/>
    </row>
    <row r="365254" spans="14:14">
      <c r="N365254" s="10"/>
    </row>
    <row r="365255" spans="14:14">
      <c r="N365255" s="10"/>
    </row>
    <row r="365256" spans="14:14">
      <c r="N365256" s="10"/>
    </row>
    <row r="365257" spans="14:14">
      <c r="N365257" s="10"/>
    </row>
    <row r="365258" spans="14:14">
      <c r="N365258" s="10"/>
    </row>
    <row r="365259" spans="14:14">
      <c r="N365259" s="10"/>
    </row>
    <row r="365260" spans="14:14">
      <c r="N365260" s="10"/>
    </row>
    <row r="365261" spans="14:14">
      <c r="N365261" s="10"/>
    </row>
    <row r="365262" spans="14:14">
      <c r="N365262" s="10"/>
    </row>
    <row r="365263" spans="14:14">
      <c r="N365263" s="10"/>
    </row>
    <row r="365264" spans="14:14">
      <c r="N365264" s="10"/>
    </row>
    <row r="365265" spans="14:14">
      <c r="N365265" s="10"/>
    </row>
    <row r="365266" spans="14:14">
      <c r="N365266" s="10"/>
    </row>
    <row r="365267" spans="14:14">
      <c r="N365267" s="10"/>
    </row>
    <row r="365268" spans="14:14">
      <c r="N365268" s="10"/>
    </row>
    <row r="365269" spans="14:14">
      <c r="N365269" s="10"/>
    </row>
    <row r="365270" spans="14:14">
      <c r="N365270" s="10"/>
    </row>
    <row r="365271" spans="14:14">
      <c r="N365271" s="10"/>
    </row>
    <row r="365272" spans="14:14">
      <c r="N365272" s="10"/>
    </row>
    <row r="365273" spans="14:14">
      <c r="N365273" s="10"/>
    </row>
    <row r="365274" spans="14:14">
      <c r="N365274" s="10"/>
    </row>
    <row r="365275" spans="14:14">
      <c r="N365275" s="10"/>
    </row>
    <row r="365276" spans="14:14">
      <c r="N365276" s="10"/>
    </row>
    <row r="365277" spans="14:14">
      <c r="N365277" s="10"/>
    </row>
    <row r="365278" spans="14:14">
      <c r="N365278" s="10"/>
    </row>
    <row r="365279" spans="14:14">
      <c r="N365279" s="10"/>
    </row>
    <row r="365280" spans="14:14">
      <c r="N365280" s="10"/>
    </row>
    <row r="365281" spans="14:14">
      <c r="N365281" s="10"/>
    </row>
    <row r="365282" spans="14:14">
      <c r="N365282" s="10"/>
    </row>
    <row r="365283" spans="14:14">
      <c r="N365283" s="10"/>
    </row>
    <row r="365284" spans="14:14">
      <c r="N365284" s="10"/>
    </row>
    <row r="365285" spans="14:14">
      <c r="N365285" s="10"/>
    </row>
    <row r="365286" spans="14:14">
      <c r="N365286" s="10"/>
    </row>
    <row r="365287" spans="14:14">
      <c r="N365287" s="10"/>
    </row>
    <row r="365288" spans="14:14">
      <c r="N365288" s="10"/>
    </row>
    <row r="365289" spans="14:14">
      <c r="N365289" s="10"/>
    </row>
    <row r="365290" spans="14:14">
      <c r="N365290" s="10"/>
    </row>
    <row r="365291" spans="14:14">
      <c r="N365291" s="10"/>
    </row>
    <row r="365292" spans="14:14">
      <c r="N365292" s="10"/>
    </row>
    <row r="365293" spans="14:14">
      <c r="N365293" s="10"/>
    </row>
    <row r="365294" spans="14:14">
      <c r="N365294" s="10"/>
    </row>
    <row r="365295" spans="14:14">
      <c r="N365295" s="10"/>
    </row>
    <row r="365296" spans="14:14">
      <c r="N365296" s="10"/>
    </row>
    <row r="365297" spans="14:14">
      <c r="N365297" s="10"/>
    </row>
    <row r="365298" spans="14:14">
      <c r="N365298" s="10"/>
    </row>
    <row r="365299" spans="14:14">
      <c r="N365299" s="10"/>
    </row>
    <row r="365300" spans="14:14">
      <c r="N365300" s="10"/>
    </row>
    <row r="365301" spans="14:14">
      <c r="N365301" s="10"/>
    </row>
    <row r="365302" spans="14:14">
      <c r="N365302" s="10"/>
    </row>
    <row r="365303" spans="14:14">
      <c r="N365303" s="10"/>
    </row>
    <row r="365304" spans="14:14">
      <c r="N365304" s="10"/>
    </row>
    <row r="365305" spans="14:14">
      <c r="N365305" s="10"/>
    </row>
    <row r="365306" spans="14:14">
      <c r="N365306" s="10"/>
    </row>
    <row r="365307" spans="14:14">
      <c r="N365307" s="10"/>
    </row>
    <row r="365308" spans="14:14">
      <c r="N365308" s="10"/>
    </row>
    <row r="365309" spans="14:14">
      <c r="N365309" s="10"/>
    </row>
    <row r="365310" spans="14:14">
      <c r="N365310" s="10"/>
    </row>
    <row r="365311" spans="14:14">
      <c r="N365311" s="10"/>
    </row>
    <row r="365312" spans="14:14">
      <c r="N365312" s="10"/>
    </row>
    <row r="365313" spans="14:14">
      <c r="N365313" s="10"/>
    </row>
    <row r="365314" spans="14:14">
      <c r="N365314" s="10"/>
    </row>
    <row r="365315" spans="14:14">
      <c r="N365315" s="10"/>
    </row>
    <row r="365316" spans="14:14">
      <c r="N365316" s="10"/>
    </row>
    <row r="365317" spans="14:14">
      <c r="N365317" s="10"/>
    </row>
    <row r="365318" spans="14:14">
      <c r="N365318" s="10"/>
    </row>
    <row r="365319" spans="14:14">
      <c r="N365319" s="10"/>
    </row>
    <row r="365320" spans="14:14">
      <c r="N365320" s="10"/>
    </row>
    <row r="365321" spans="14:14">
      <c r="N365321" s="10"/>
    </row>
    <row r="365322" spans="14:14">
      <c r="N365322" s="10"/>
    </row>
    <row r="365323" spans="14:14">
      <c r="N365323" s="10"/>
    </row>
    <row r="365324" spans="14:14">
      <c r="N365324" s="10"/>
    </row>
    <row r="365325" spans="14:14">
      <c r="N365325" s="10"/>
    </row>
    <row r="365326" spans="14:14">
      <c r="N365326" s="10"/>
    </row>
    <row r="365327" spans="14:14">
      <c r="N365327" s="10"/>
    </row>
    <row r="365328" spans="14:14">
      <c r="N365328" s="10"/>
    </row>
    <row r="365329" spans="14:14">
      <c r="N365329" s="10"/>
    </row>
    <row r="365330" spans="14:14">
      <c r="N365330" s="10"/>
    </row>
    <row r="365331" spans="14:14">
      <c r="N365331" s="10"/>
    </row>
    <row r="365332" spans="14:14">
      <c r="N365332" s="10"/>
    </row>
    <row r="365333" spans="14:14">
      <c r="N365333" s="10"/>
    </row>
    <row r="365334" spans="14:14">
      <c r="N365334" s="10"/>
    </row>
    <row r="365335" spans="14:14">
      <c r="N365335" s="10"/>
    </row>
    <row r="365336" spans="14:14">
      <c r="N365336" s="10"/>
    </row>
    <row r="365337" spans="14:14">
      <c r="N365337" s="10"/>
    </row>
    <row r="365338" spans="14:14">
      <c r="N365338" s="10"/>
    </row>
    <row r="365339" spans="14:14">
      <c r="N365339" s="10"/>
    </row>
    <row r="365340" spans="14:14">
      <c r="N365340" s="10"/>
    </row>
    <row r="365341" spans="14:14">
      <c r="N365341" s="10"/>
    </row>
    <row r="365342" spans="14:14">
      <c r="N365342" s="10"/>
    </row>
    <row r="365343" spans="14:14">
      <c r="N365343" s="10"/>
    </row>
    <row r="365344" spans="14:14">
      <c r="N365344" s="10"/>
    </row>
    <row r="365345" spans="14:14">
      <c r="N365345" s="10"/>
    </row>
    <row r="365346" spans="14:14">
      <c r="N365346" s="10"/>
    </row>
    <row r="365347" spans="14:14">
      <c r="N365347" s="10"/>
    </row>
    <row r="365348" spans="14:14">
      <c r="N365348" s="10"/>
    </row>
    <row r="365349" spans="14:14">
      <c r="N365349" s="10"/>
    </row>
    <row r="365350" spans="14:14">
      <c r="N365350" s="10"/>
    </row>
    <row r="365351" spans="14:14">
      <c r="N365351" s="10"/>
    </row>
    <row r="365352" spans="14:14">
      <c r="N365352" s="10"/>
    </row>
    <row r="365353" spans="14:14">
      <c r="N365353" s="10"/>
    </row>
    <row r="365354" spans="14:14">
      <c r="N365354" s="10"/>
    </row>
    <row r="365355" spans="14:14">
      <c r="N365355" s="10"/>
    </row>
    <row r="365356" spans="14:14">
      <c r="N365356" s="10"/>
    </row>
    <row r="365357" spans="14:14">
      <c r="N365357" s="10"/>
    </row>
    <row r="365358" spans="14:14">
      <c r="N365358" s="10"/>
    </row>
    <row r="365359" spans="14:14">
      <c r="N365359" s="10"/>
    </row>
    <row r="365360" spans="14:14">
      <c r="N365360" s="10"/>
    </row>
    <row r="365361" spans="14:14">
      <c r="N365361" s="10"/>
    </row>
    <row r="365362" spans="14:14">
      <c r="N365362" s="10"/>
    </row>
    <row r="365363" spans="14:14">
      <c r="N365363" s="10"/>
    </row>
    <row r="365364" spans="14:14">
      <c r="N365364" s="10"/>
    </row>
    <row r="365365" spans="14:14">
      <c r="N365365" s="10"/>
    </row>
    <row r="365366" spans="14:14">
      <c r="N365366" s="10"/>
    </row>
    <row r="365367" spans="14:14">
      <c r="N365367" s="10"/>
    </row>
    <row r="365368" spans="14:14">
      <c r="N365368" s="10"/>
    </row>
    <row r="365369" spans="14:14">
      <c r="N365369" s="10"/>
    </row>
    <row r="365370" spans="14:14">
      <c r="N365370" s="10"/>
    </row>
    <row r="365371" spans="14:14">
      <c r="N365371" s="10"/>
    </row>
    <row r="365372" spans="14:14">
      <c r="N365372" s="10"/>
    </row>
    <row r="365373" spans="14:14">
      <c r="N365373" s="10"/>
    </row>
    <row r="365374" spans="14:14">
      <c r="N365374" s="10"/>
    </row>
    <row r="365375" spans="14:14">
      <c r="N365375" s="10"/>
    </row>
    <row r="365376" spans="14:14">
      <c r="N365376" s="10"/>
    </row>
    <row r="365377" spans="14:14">
      <c r="N365377" s="10"/>
    </row>
    <row r="365378" spans="14:14">
      <c r="N365378" s="10"/>
    </row>
    <row r="365379" spans="14:14">
      <c r="N365379" s="10"/>
    </row>
    <row r="365380" spans="14:14">
      <c r="N365380" s="10"/>
    </row>
    <row r="365381" spans="14:14">
      <c r="N365381" s="10"/>
    </row>
    <row r="365382" spans="14:14">
      <c r="N365382" s="10"/>
    </row>
    <row r="365383" spans="14:14">
      <c r="N365383" s="10"/>
    </row>
    <row r="365384" spans="14:14">
      <c r="N365384" s="10"/>
    </row>
    <row r="365385" spans="14:14">
      <c r="N365385" s="10"/>
    </row>
    <row r="365386" spans="14:14">
      <c r="N365386" s="10"/>
    </row>
    <row r="365387" spans="14:14">
      <c r="N365387" s="10"/>
    </row>
    <row r="365388" spans="14:14">
      <c r="N365388" s="10"/>
    </row>
    <row r="365389" spans="14:14">
      <c r="N365389" s="10"/>
    </row>
    <row r="365390" spans="14:14">
      <c r="N365390" s="10"/>
    </row>
    <row r="365391" spans="14:14">
      <c r="N365391" s="10"/>
    </row>
    <row r="365392" spans="14:14">
      <c r="N365392" s="10"/>
    </row>
    <row r="365393" spans="14:14">
      <c r="N365393" s="10"/>
    </row>
    <row r="365394" spans="14:14">
      <c r="N365394" s="10"/>
    </row>
    <row r="365395" spans="14:14">
      <c r="N365395" s="10"/>
    </row>
    <row r="365396" spans="14:14">
      <c r="N365396" s="10"/>
    </row>
    <row r="365397" spans="14:14">
      <c r="N365397" s="10"/>
    </row>
    <row r="365398" spans="14:14">
      <c r="N365398" s="10"/>
    </row>
    <row r="365399" spans="14:14">
      <c r="N365399" s="10"/>
    </row>
    <row r="365400" spans="14:14">
      <c r="N365400" s="10"/>
    </row>
    <row r="365401" spans="14:14">
      <c r="N365401" s="10"/>
    </row>
    <row r="365402" spans="14:14">
      <c r="N365402" s="10"/>
    </row>
    <row r="365403" spans="14:14">
      <c r="N365403" s="10"/>
    </row>
    <row r="365404" spans="14:14">
      <c r="N365404" s="10"/>
    </row>
    <row r="365405" spans="14:14">
      <c r="N365405" s="10"/>
    </row>
    <row r="365406" spans="14:14">
      <c r="N365406" s="10"/>
    </row>
    <row r="365407" spans="14:14">
      <c r="N365407" s="10"/>
    </row>
    <row r="365408" spans="14:14">
      <c r="N365408" s="10"/>
    </row>
    <row r="365409" spans="14:14">
      <c r="N365409" s="10"/>
    </row>
    <row r="365410" spans="14:14">
      <c r="N365410" s="10"/>
    </row>
    <row r="365411" spans="14:14">
      <c r="N365411" s="10"/>
    </row>
    <row r="365412" spans="14:14">
      <c r="N365412" s="10"/>
    </row>
    <row r="365413" spans="14:14">
      <c r="N365413" s="10"/>
    </row>
    <row r="365414" spans="14:14">
      <c r="N365414" s="10"/>
    </row>
    <row r="365415" spans="14:14">
      <c r="N365415" s="10"/>
    </row>
    <row r="365416" spans="14:14">
      <c r="N365416" s="10"/>
    </row>
    <row r="365417" spans="14:14">
      <c r="N365417" s="10"/>
    </row>
    <row r="365418" spans="14:14">
      <c r="N365418" s="10"/>
    </row>
    <row r="365419" spans="14:14">
      <c r="N365419" s="10"/>
    </row>
    <row r="365420" spans="14:14">
      <c r="N365420" s="10"/>
    </row>
    <row r="365421" spans="14:14">
      <c r="N365421" s="10"/>
    </row>
    <row r="365422" spans="14:14">
      <c r="N365422" s="10"/>
    </row>
    <row r="365423" spans="14:14">
      <c r="N365423" s="10"/>
    </row>
    <row r="365424" spans="14:14">
      <c r="N365424" s="10"/>
    </row>
    <row r="365425" spans="14:14">
      <c r="N365425" s="10"/>
    </row>
    <row r="365426" spans="14:14">
      <c r="N365426" s="10"/>
    </row>
    <row r="365427" spans="14:14">
      <c r="N365427" s="10"/>
    </row>
    <row r="365428" spans="14:14">
      <c r="N365428" s="10"/>
    </row>
    <row r="365429" spans="14:14">
      <c r="N365429" s="10"/>
    </row>
    <row r="365430" spans="14:14">
      <c r="N365430" s="10"/>
    </row>
    <row r="365431" spans="14:14">
      <c r="N365431" s="10"/>
    </row>
    <row r="365432" spans="14:14">
      <c r="N365432" s="10"/>
    </row>
    <row r="365433" spans="14:14">
      <c r="N365433" s="10"/>
    </row>
    <row r="365434" spans="14:14">
      <c r="N365434" s="10"/>
    </row>
    <row r="365435" spans="14:14">
      <c r="N365435" s="10"/>
    </row>
    <row r="365436" spans="14:14">
      <c r="N365436" s="10"/>
    </row>
    <row r="365437" spans="14:14">
      <c r="N365437" s="10"/>
    </row>
    <row r="365438" spans="14:14">
      <c r="N365438" s="10"/>
    </row>
    <row r="365439" spans="14:14">
      <c r="N365439" s="10"/>
    </row>
    <row r="365440" spans="14:14">
      <c r="N365440" s="10"/>
    </row>
    <row r="365441" spans="14:14">
      <c r="N365441" s="10"/>
    </row>
    <row r="365442" spans="14:14">
      <c r="N365442" s="10"/>
    </row>
    <row r="365443" spans="14:14">
      <c r="N365443" s="10"/>
    </row>
    <row r="365444" spans="14:14">
      <c r="N365444" s="10"/>
    </row>
    <row r="365445" spans="14:14">
      <c r="N365445" s="10"/>
    </row>
    <row r="365446" spans="14:14">
      <c r="N365446" s="10"/>
    </row>
    <row r="365447" spans="14:14">
      <c r="N365447" s="10"/>
    </row>
    <row r="365448" spans="14:14">
      <c r="N365448" s="10"/>
    </row>
    <row r="365449" spans="14:14">
      <c r="N365449" s="10"/>
    </row>
    <row r="365450" spans="14:14">
      <c r="N365450" s="10"/>
    </row>
    <row r="365451" spans="14:14">
      <c r="N365451" s="10"/>
    </row>
    <row r="365452" spans="14:14">
      <c r="N365452" s="10"/>
    </row>
    <row r="365453" spans="14:14">
      <c r="N365453" s="10"/>
    </row>
    <row r="365454" spans="14:14">
      <c r="N365454" s="10"/>
    </row>
    <row r="365455" spans="14:14">
      <c r="N365455" s="10"/>
    </row>
    <row r="365456" spans="14:14">
      <c r="N365456" s="10"/>
    </row>
    <row r="365457" spans="14:14">
      <c r="N365457" s="10"/>
    </row>
    <row r="365458" spans="14:14">
      <c r="N365458" s="10"/>
    </row>
    <row r="365459" spans="14:14">
      <c r="N365459" s="10"/>
    </row>
    <row r="365460" spans="14:14">
      <c r="N365460" s="10"/>
    </row>
    <row r="365461" spans="14:14">
      <c r="N365461" s="10"/>
    </row>
    <row r="365462" spans="14:14">
      <c r="N365462" s="10"/>
    </row>
    <row r="365463" spans="14:14">
      <c r="N365463" s="10"/>
    </row>
    <row r="365464" spans="14:14">
      <c r="N365464" s="10"/>
    </row>
    <row r="365465" spans="14:14">
      <c r="N365465" s="10"/>
    </row>
    <row r="365466" spans="14:14">
      <c r="N365466" s="10"/>
    </row>
    <row r="365467" spans="14:14">
      <c r="N365467" s="10"/>
    </row>
    <row r="365468" spans="14:14">
      <c r="N365468" s="10"/>
    </row>
    <row r="365469" spans="14:14">
      <c r="N365469" s="10"/>
    </row>
    <row r="365470" spans="14:14">
      <c r="N365470" s="10"/>
    </row>
    <row r="365471" spans="14:14">
      <c r="N365471" s="10"/>
    </row>
    <row r="365472" spans="14:14">
      <c r="N365472" s="10"/>
    </row>
    <row r="365473" spans="14:14">
      <c r="N365473" s="10"/>
    </row>
    <row r="365474" spans="14:14">
      <c r="N365474" s="10"/>
    </row>
    <row r="365475" spans="14:14">
      <c r="N365475" s="10"/>
    </row>
    <row r="365476" spans="14:14">
      <c r="N365476" s="10"/>
    </row>
    <row r="365477" spans="14:14">
      <c r="N365477" s="10"/>
    </row>
    <row r="365478" spans="14:14">
      <c r="N365478" s="10"/>
    </row>
    <row r="365479" spans="14:14">
      <c r="N365479" s="10"/>
    </row>
    <row r="365480" spans="14:14">
      <c r="N365480" s="10"/>
    </row>
    <row r="365481" spans="14:14">
      <c r="N365481" s="10"/>
    </row>
    <row r="365482" spans="14:14">
      <c r="N365482" s="10"/>
    </row>
    <row r="365483" spans="14:14">
      <c r="N365483" s="10"/>
    </row>
    <row r="365484" spans="14:14">
      <c r="N365484" s="10"/>
    </row>
    <row r="365485" spans="14:14">
      <c r="N365485" s="10"/>
    </row>
    <row r="365486" spans="14:14">
      <c r="N365486" s="10"/>
    </row>
    <row r="365487" spans="14:14">
      <c r="N365487" s="10"/>
    </row>
    <row r="365488" spans="14:14">
      <c r="N365488" s="10"/>
    </row>
    <row r="365489" spans="14:14">
      <c r="N365489" s="10"/>
    </row>
    <row r="365490" spans="14:14">
      <c r="N365490" s="10"/>
    </row>
    <row r="365491" spans="14:14">
      <c r="N365491" s="10"/>
    </row>
    <row r="365492" spans="14:14">
      <c r="N365492" s="10"/>
    </row>
    <row r="365493" spans="14:14">
      <c r="N365493" s="10"/>
    </row>
    <row r="365494" spans="14:14">
      <c r="N365494" s="10"/>
    </row>
    <row r="365495" spans="14:14">
      <c r="N365495" s="10"/>
    </row>
    <row r="365496" spans="14:14">
      <c r="N365496" s="10"/>
    </row>
    <row r="365497" spans="14:14">
      <c r="N365497" s="10"/>
    </row>
    <row r="365498" spans="14:14">
      <c r="N365498" s="10"/>
    </row>
    <row r="365499" spans="14:14">
      <c r="N365499" s="10"/>
    </row>
    <row r="365500" spans="14:14">
      <c r="N365500" s="10"/>
    </row>
    <row r="365501" spans="14:14">
      <c r="N365501" s="10"/>
    </row>
    <row r="365502" spans="14:14">
      <c r="N365502" s="10"/>
    </row>
    <row r="365503" spans="14:14">
      <c r="N365503" s="10"/>
    </row>
    <row r="365504" spans="14:14">
      <c r="N365504" s="10"/>
    </row>
    <row r="365505" spans="14:14">
      <c r="N365505" s="10"/>
    </row>
    <row r="365506" spans="14:14">
      <c r="N365506" s="10"/>
    </row>
    <row r="365507" spans="14:14">
      <c r="N365507" s="10"/>
    </row>
    <row r="365508" spans="14:14">
      <c r="N365508" s="10"/>
    </row>
    <row r="365509" spans="14:14">
      <c r="N365509" s="10"/>
    </row>
    <row r="365510" spans="14:14">
      <c r="N365510" s="10"/>
    </row>
    <row r="365511" spans="14:14">
      <c r="N365511" s="10"/>
    </row>
    <row r="365512" spans="14:14">
      <c r="N365512" s="10"/>
    </row>
    <row r="365513" spans="14:14">
      <c r="N365513" s="10"/>
    </row>
    <row r="365514" spans="14:14">
      <c r="N365514" s="10"/>
    </row>
    <row r="365515" spans="14:14">
      <c r="N365515" s="10"/>
    </row>
    <row r="365516" spans="14:14">
      <c r="N365516" s="10"/>
    </row>
    <row r="365517" spans="14:14">
      <c r="N365517" s="10"/>
    </row>
    <row r="365518" spans="14:14">
      <c r="N365518" s="10"/>
    </row>
    <row r="365519" spans="14:14">
      <c r="N365519" s="10"/>
    </row>
    <row r="365520" spans="14:14">
      <c r="N365520" s="10"/>
    </row>
    <row r="365521" spans="14:14">
      <c r="N365521" s="10"/>
    </row>
    <row r="365522" spans="14:14">
      <c r="N365522" s="10"/>
    </row>
    <row r="365523" spans="14:14">
      <c r="N365523" s="10"/>
    </row>
    <row r="365524" spans="14:14">
      <c r="N365524" s="10"/>
    </row>
    <row r="365525" spans="14:14">
      <c r="N365525" s="10"/>
    </row>
    <row r="365526" spans="14:14">
      <c r="N365526" s="10"/>
    </row>
    <row r="365527" spans="14:14">
      <c r="N365527" s="10"/>
    </row>
    <row r="365528" spans="14:14">
      <c r="N365528" s="10"/>
    </row>
    <row r="365529" spans="14:14">
      <c r="N365529" s="10"/>
    </row>
    <row r="365530" spans="14:14">
      <c r="N365530" s="10"/>
    </row>
    <row r="365531" spans="14:14">
      <c r="N365531" s="10"/>
    </row>
    <row r="365532" spans="14:14">
      <c r="N365532" s="10"/>
    </row>
    <row r="365533" spans="14:14">
      <c r="N365533" s="10"/>
    </row>
    <row r="365534" spans="14:14">
      <c r="N365534" s="10"/>
    </row>
    <row r="365535" spans="14:14">
      <c r="N365535" s="10"/>
    </row>
    <row r="365536" spans="14:14">
      <c r="N365536" s="10"/>
    </row>
    <row r="365537" spans="14:14">
      <c r="N365537" s="10"/>
    </row>
    <row r="365538" spans="14:14">
      <c r="N365538" s="10"/>
    </row>
    <row r="365539" spans="14:14">
      <c r="N365539" s="10"/>
    </row>
    <row r="365540" spans="14:14">
      <c r="N365540" s="10"/>
    </row>
    <row r="365541" spans="14:14">
      <c r="N365541" s="10"/>
    </row>
    <row r="365542" spans="14:14">
      <c r="N365542" s="10"/>
    </row>
    <row r="365543" spans="14:14">
      <c r="N365543" s="10"/>
    </row>
    <row r="365544" spans="14:14">
      <c r="N365544" s="10"/>
    </row>
    <row r="365545" spans="14:14">
      <c r="N365545" s="10"/>
    </row>
    <row r="365546" spans="14:14">
      <c r="N365546" s="10"/>
    </row>
    <row r="365547" spans="14:14">
      <c r="N365547" s="10"/>
    </row>
    <row r="365548" spans="14:14">
      <c r="N365548" s="10"/>
    </row>
    <row r="365549" spans="14:14">
      <c r="N365549" s="10"/>
    </row>
    <row r="365550" spans="14:14">
      <c r="N365550" s="10"/>
    </row>
    <row r="365551" spans="14:14">
      <c r="N365551" s="10"/>
    </row>
    <row r="365552" spans="14:14">
      <c r="N365552" s="10"/>
    </row>
    <row r="365553" spans="14:14">
      <c r="N365553" s="10"/>
    </row>
    <row r="365554" spans="14:14">
      <c r="N365554" s="10"/>
    </row>
    <row r="365555" spans="14:14">
      <c r="N365555" s="10"/>
    </row>
    <row r="365556" spans="14:14">
      <c r="N365556" s="10"/>
    </row>
    <row r="365557" spans="14:14">
      <c r="N365557" s="10"/>
    </row>
    <row r="365558" spans="14:14">
      <c r="N365558" s="10"/>
    </row>
    <row r="365559" spans="14:14">
      <c r="N365559" s="10"/>
    </row>
    <row r="365560" spans="14:14">
      <c r="N365560" s="10"/>
    </row>
    <row r="365561" spans="14:14">
      <c r="N365561" s="10"/>
    </row>
    <row r="365562" spans="14:14">
      <c r="N365562" s="10"/>
    </row>
    <row r="365563" spans="14:14">
      <c r="N365563" s="10"/>
    </row>
    <row r="365564" spans="14:14">
      <c r="N365564" s="10"/>
    </row>
    <row r="365565" spans="14:14">
      <c r="N365565" s="10"/>
    </row>
    <row r="365566" spans="14:14">
      <c r="N365566" s="10"/>
    </row>
    <row r="365567" spans="14:14">
      <c r="N365567" s="10"/>
    </row>
    <row r="365568" spans="14:14">
      <c r="N365568" s="10"/>
    </row>
    <row r="365569" spans="14:14">
      <c r="N365569" s="10"/>
    </row>
    <row r="365570" spans="14:14">
      <c r="N365570" s="10"/>
    </row>
    <row r="365571" spans="14:14">
      <c r="N365571" s="10"/>
    </row>
    <row r="365572" spans="14:14">
      <c r="N365572" s="10"/>
    </row>
    <row r="365573" spans="14:14">
      <c r="N365573" s="10"/>
    </row>
    <row r="365574" spans="14:14">
      <c r="N365574" s="10"/>
    </row>
    <row r="365575" spans="14:14">
      <c r="N365575" s="10"/>
    </row>
    <row r="365576" spans="14:14">
      <c r="N365576" s="10"/>
    </row>
    <row r="365577" spans="14:14">
      <c r="N365577" s="10"/>
    </row>
    <row r="365578" spans="14:14">
      <c r="N365578" s="10"/>
    </row>
    <row r="365579" spans="14:14">
      <c r="N365579" s="10"/>
    </row>
    <row r="365580" spans="14:14">
      <c r="N365580" s="10"/>
    </row>
    <row r="365581" spans="14:14">
      <c r="N365581" s="10"/>
    </row>
    <row r="365582" spans="14:14">
      <c r="N365582" s="10"/>
    </row>
    <row r="365583" spans="14:14">
      <c r="N365583" s="10"/>
    </row>
    <row r="365584" spans="14:14">
      <c r="N365584" s="10"/>
    </row>
    <row r="365585" spans="14:14">
      <c r="N365585" s="10"/>
    </row>
    <row r="365586" spans="14:14">
      <c r="N365586" s="10"/>
    </row>
    <row r="365587" spans="14:14">
      <c r="N365587" s="10"/>
    </row>
    <row r="365588" spans="14:14">
      <c r="N365588" s="10"/>
    </row>
    <row r="365589" spans="14:14">
      <c r="N365589" s="10"/>
    </row>
    <row r="365590" spans="14:14">
      <c r="N365590" s="10"/>
    </row>
    <row r="365591" spans="14:14">
      <c r="N365591" s="10"/>
    </row>
    <row r="365592" spans="14:14">
      <c r="N365592" s="10"/>
    </row>
    <row r="365593" spans="14:14">
      <c r="N365593" s="10"/>
    </row>
    <row r="365594" spans="14:14">
      <c r="N365594" s="10"/>
    </row>
    <row r="365595" spans="14:14">
      <c r="N365595" s="10"/>
    </row>
    <row r="365596" spans="14:14">
      <c r="N365596" s="10"/>
    </row>
    <row r="365597" spans="14:14">
      <c r="N365597" s="10"/>
    </row>
    <row r="365598" spans="14:14">
      <c r="N365598" s="10"/>
    </row>
    <row r="365599" spans="14:14">
      <c r="N365599" s="10"/>
    </row>
    <row r="365600" spans="14:14">
      <c r="N365600" s="10"/>
    </row>
    <row r="365601" spans="14:14">
      <c r="N365601" s="10"/>
    </row>
    <row r="365602" spans="14:14">
      <c r="N365602" s="10"/>
    </row>
    <row r="365603" spans="14:14">
      <c r="N365603" s="10"/>
    </row>
    <row r="365604" spans="14:14">
      <c r="N365604" s="10"/>
    </row>
    <row r="365605" spans="14:14">
      <c r="N365605" s="10"/>
    </row>
    <row r="365606" spans="14:14">
      <c r="N365606" s="10"/>
    </row>
    <row r="365607" spans="14:14">
      <c r="N365607" s="10"/>
    </row>
    <row r="365608" spans="14:14">
      <c r="N365608" s="10"/>
    </row>
    <row r="365609" spans="14:14">
      <c r="N365609" s="10"/>
    </row>
    <row r="365610" spans="14:14">
      <c r="N365610" s="10"/>
    </row>
    <row r="365611" spans="14:14">
      <c r="N365611" s="10"/>
    </row>
    <row r="365612" spans="14:14">
      <c r="N365612" s="10"/>
    </row>
    <row r="365613" spans="14:14">
      <c r="N365613" s="10"/>
    </row>
    <row r="365614" spans="14:14">
      <c r="N365614" s="10"/>
    </row>
    <row r="365615" spans="14:14">
      <c r="N365615" s="10"/>
    </row>
    <row r="365616" spans="14:14">
      <c r="N365616" s="10"/>
    </row>
    <row r="365617" spans="14:14">
      <c r="N365617" s="10"/>
    </row>
    <row r="365618" spans="14:14">
      <c r="N365618" s="10"/>
    </row>
    <row r="365619" spans="14:14">
      <c r="N365619" s="10"/>
    </row>
    <row r="365620" spans="14:14">
      <c r="N365620" s="10"/>
    </row>
    <row r="365621" spans="14:14">
      <c r="N365621" s="10"/>
    </row>
    <row r="365622" spans="14:14">
      <c r="N365622" s="10"/>
    </row>
    <row r="365623" spans="14:14">
      <c r="N365623" s="10"/>
    </row>
    <row r="365624" spans="14:14">
      <c r="N365624" s="10"/>
    </row>
    <row r="365625" spans="14:14">
      <c r="N365625" s="10"/>
    </row>
    <row r="365626" spans="14:14">
      <c r="N365626" s="10"/>
    </row>
    <row r="365627" spans="14:14">
      <c r="N365627" s="10"/>
    </row>
    <row r="365628" spans="14:14">
      <c r="N365628" s="10"/>
    </row>
    <row r="365629" spans="14:14">
      <c r="N365629" s="10"/>
    </row>
    <row r="365630" spans="14:14">
      <c r="N365630" s="10"/>
    </row>
    <row r="365631" spans="14:14">
      <c r="N365631" s="10"/>
    </row>
    <row r="365632" spans="14:14">
      <c r="N365632" s="10"/>
    </row>
    <row r="365633" spans="14:14">
      <c r="N365633" s="10"/>
    </row>
    <row r="365634" spans="14:14">
      <c r="N365634" s="10"/>
    </row>
    <row r="365635" spans="14:14">
      <c r="N365635" s="10"/>
    </row>
    <row r="365636" spans="14:14">
      <c r="N365636" s="10"/>
    </row>
    <row r="365637" spans="14:14">
      <c r="N365637" s="10"/>
    </row>
    <row r="365638" spans="14:14">
      <c r="N365638" s="10"/>
    </row>
    <row r="365639" spans="14:14">
      <c r="N365639" s="10"/>
    </row>
    <row r="365640" spans="14:14">
      <c r="N365640" s="10"/>
    </row>
    <row r="365641" spans="14:14">
      <c r="N365641" s="10"/>
    </row>
    <row r="365642" spans="14:14">
      <c r="N365642" s="10"/>
    </row>
    <row r="365643" spans="14:14">
      <c r="N365643" s="10"/>
    </row>
    <row r="365644" spans="14:14">
      <c r="N365644" s="10"/>
    </row>
    <row r="365645" spans="14:14">
      <c r="N365645" s="10"/>
    </row>
    <row r="365646" spans="14:14">
      <c r="N365646" s="10"/>
    </row>
    <row r="365647" spans="14:14">
      <c r="N365647" s="10"/>
    </row>
    <row r="365648" spans="14:14">
      <c r="N365648" s="10"/>
    </row>
    <row r="365649" spans="14:14">
      <c r="N365649" s="10"/>
    </row>
    <row r="365650" spans="14:14">
      <c r="N365650" s="10"/>
    </row>
    <row r="365651" spans="14:14">
      <c r="N365651" s="10"/>
    </row>
    <row r="365652" spans="14:14">
      <c r="N365652" s="10"/>
    </row>
    <row r="365653" spans="14:14">
      <c r="N365653" s="10"/>
    </row>
    <row r="365654" spans="14:14">
      <c r="N365654" s="10"/>
    </row>
    <row r="365655" spans="14:14">
      <c r="N365655" s="10"/>
    </row>
    <row r="365656" spans="14:14">
      <c r="N365656" s="10"/>
    </row>
    <row r="365657" spans="14:14">
      <c r="N365657" s="10"/>
    </row>
    <row r="365658" spans="14:14">
      <c r="N365658" s="10"/>
    </row>
    <row r="365659" spans="14:14">
      <c r="N365659" s="10"/>
    </row>
    <row r="365660" spans="14:14">
      <c r="N365660" s="10"/>
    </row>
    <row r="365661" spans="14:14">
      <c r="N365661" s="10"/>
    </row>
    <row r="365662" spans="14:14">
      <c r="N365662" s="10"/>
    </row>
    <row r="365663" spans="14:14">
      <c r="N365663" s="10"/>
    </row>
    <row r="365664" spans="14:14">
      <c r="N365664" s="10"/>
    </row>
    <row r="365665" spans="14:14">
      <c r="N365665" s="10"/>
    </row>
    <row r="365666" spans="14:14">
      <c r="N365666" s="10"/>
    </row>
    <row r="365667" spans="14:14">
      <c r="N365667" s="10"/>
    </row>
    <row r="365668" spans="14:14">
      <c r="N365668" s="10"/>
    </row>
    <row r="365669" spans="14:14">
      <c r="N365669" s="10"/>
    </row>
    <row r="365670" spans="14:14">
      <c r="N365670" s="10"/>
    </row>
    <row r="365671" spans="14:14">
      <c r="N365671" s="10"/>
    </row>
    <row r="365672" spans="14:14">
      <c r="N365672" s="10"/>
    </row>
    <row r="365673" spans="14:14">
      <c r="N365673" s="10"/>
    </row>
    <row r="365674" spans="14:14">
      <c r="N365674" s="10"/>
    </row>
    <row r="365675" spans="14:14">
      <c r="N365675" s="10"/>
    </row>
    <row r="365676" spans="14:14">
      <c r="N365676" s="10"/>
    </row>
    <row r="365677" spans="14:14">
      <c r="N365677" s="10"/>
    </row>
    <row r="365678" spans="14:14">
      <c r="N365678" s="10"/>
    </row>
    <row r="365679" spans="14:14">
      <c r="N365679" s="10"/>
    </row>
    <row r="365680" spans="14:14">
      <c r="N365680" s="10"/>
    </row>
    <row r="365681" spans="14:14">
      <c r="N365681" s="10"/>
    </row>
    <row r="365682" spans="14:14">
      <c r="N365682" s="10"/>
    </row>
    <row r="365683" spans="14:14">
      <c r="N365683" s="10"/>
    </row>
    <row r="365684" spans="14:14">
      <c r="N365684" s="10"/>
    </row>
    <row r="365685" spans="14:14">
      <c r="N365685" s="10"/>
    </row>
    <row r="365686" spans="14:14">
      <c r="N365686" s="10"/>
    </row>
    <row r="365687" spans="14:14">
      <c r="N365687" s="10"/>
    </row>
    <row r="365688" spans="14:14">
      <c r="N365688" s="10"/>
    </row>
    <row r="365689" spans="14:14">
      <c r="N365689" s="10"/>
    </row>
    <row r="365690" spans="14:14">
      <c r="N365690" s="10"/>
    </row>
    <row r="365691" spans="14:14">
      <c r="N365691" s="10"/>
    </row>
    <row r="365692" spans="14:14">
      <c r="N365692" s="10"/>
    </row>
    <row r="365693" spans="14:14">
      <c r="N365693" s="10"/>
    </row>
    <row r="365694" spans="14:14">
      <c r="N365694" s="10"/>
    </row>
    <row r="365695" spans="14:14">
      <c r="N365695" s="10"/>
    </row>
    <row r="365696" spans="14:14">
      <c r="N365696" s="10"/>
    </row>
    <row r="365697" spans="14:14">
      <c r="N365697" s="10"/>
    </row>
    <row r="365698" spans="14:14">
      <c r="N365698" s="10"/>
    </row>
    <row r="365699" spans="14:14">
      <c r="N365699" s="10"/>
    </row>
    <row r="365700" spans="14:14">
      <c r="N365700" s="10"/>
    </row>
    <row r="365701" spans="14:14">
      <c r="N365701" s="10"/>
    </row>
    <row r="365702" spans="14:14">
      <c r="N365702" s="10"/>
    </row>
    <row r="365703" spans="14:14">
      <c r="N365703" s="10"/>
    </row>
    <row r="365704" spans="14:14">
      <c r="N365704" s="10"/>
    </row>
    <row r="365705" spans="14:14">
      <c r="N365705" s="10"/>
    </row>
    <row r="365706" spans="14:14">
      <c r="N365706" s="10"/>
    </row>
    <row r="365707" spans="14:14">
      <c r="N365707" s="10"/>
    </row>
    <row r="365708" spans="14:14">
      <c r="N365708" s="10"/>
    </row>
    <row r="365709" spans="14:14">
      <c r="N365709" s="10"/>
    </row>
    <row r="365710" spans="14:14">
      <c r="N365710" s="10"/>
    </row>
    <row r="365711" spans="14:14">
      <c r="N365711" s="10"/>
    </row>
    <row r="365712" spans="14:14">
      <c r="N365712" s="10"/>
    </row>
    <row r="365713" spans="14:14">
      <c r="N365713" s="10"/>
    </row>
    <row r="365714" spans="14:14">
      <c r="N365714" s="10"/>
    </row>
    <row r="365715" spans="14:14">
      <c r="N365715" s="10"/>
    </row>
    <row r="365716" spans="14:14">
      <c r="N365716" s="10"/>
    </row>
    <row r="365717" spans="14:14">
      <c r="N365717" s="10"/>
    </row>
    <row r="365718" spans="14:14">
      <c r="N365718" s="10"/>
    </row>
    <row r="365719" spans="14:14">
      <c r="N365719" s="10"/>
    </row>
    <row r="365720" spans="14:14">
      <c r="N365720" s="10"/>
    </row>
    <row r="365721" spans="14:14">
      <c r="N365721" s="10"/>
    </row>
    <row r="365722" spans="14:14">
      <c r="N365722" s="10"/>
    </row>
    <row r="365723" spans="14:14">
      <c r="N365723" s="10"/>
    </row>
    <row r="365724" spans="14:14">
      <c r="N365724" s="10"/>
    </row>
    <row r="365725" spans="14:14">
      <c r="N365725" s="10"/>
    </row>
    <row r="365726" spans="14:14">
      <c r="N365726" s="10"/>
    </row>
    <row r="365727" spans="14:14">
      <c r="N365727" s="10"/>
    </row>
    <row r="365728" spans="14:14">
      <c r="N365728" s="10"/>
    </row>
    <row r="365729" spans="14:14">
      <c r="N365729" s="10"/>
    </row>
    <row r="365730" spans="14:14">
      <c r="N365730" s="10"/>
    </row>
    <row r="365731" spans="14:14">
      <c r="N365731" s="10"/>
    </row>
    <row r="365732" spans="14:14">
      <c r="N365732" s="10"/>
    </row>
    <row r="365733" spans="14:14">
      <c r="N365733" s="10"/>
    </row>
    <row r="365734" spans="14:14">
      <c r="N365734" s="10"/>
    </row>
    <row r="365735" spans="14:14">
      <c r="N365735" s="10"/>
    </row>
    <row r="365736" spans="14:14">
      <c r="N365736" s="10"/>
    </row>
    <row r="365737" spans="14:14">
      <c r="N365737" s="10"/>
    </row>
    <row r="365738" spans="14:14">
      <c r="N365738" s="10"/>
    </row>
    <row r="365739" spans="14:14">
      <c r="N365739" s="10"/>
    </row>
    <row r="365740" spans="14:14">
      <c r="N365740" s="10"/>
    </row>
    <row r="365741" spans="14:14">
      <c r="N365741" s="10"/>
    </row>
    <row r="365742" spans="14:14">
      <c r="N365742" s="10"/>
    </row>
    <row r="365743" spans="14:14">
      <c r="N365743" s="10"/>
    </row>
    <row r="365744" spans="14:14">
      <c r="N365744" s="10"/>
    </row>
    <row r="365745" spans="14:14">
      <c r="N365745" s="10"/>
    </row>
    <row r="365746" spans="14:14">
      <c r="N365746" s="10"/>
    </row>
    <row r="365747" spans="14:14">
      <c r="N365747" s="10"/>
    </row>
    <row r="365748" spans="14:14">
      <c r="N365748" s="10"/>
    </row>
    <row r="365749" spans="14:14">
      <c r="N365749" s="10"/>
    </row>
    <row r="365750" spans="14:14">
      <c r="N365750" s="10"/>
    </row>
    <row r="365751" spans="14:14">
      <c r="N365751" s="10"/>
    </row>
    <row r="365752" spans="14:14">
      <c r="N365752" s="10"/>
    </row>
    <row r="365753" spans="14:14">
      <c r="N365753" s="10"/>
    </row>
    <row r="365754" spans="14:14">
      <c r="N365754" s="10"/>
    </row>
    <row r="365755" spans="14:14">
      <c r="N365755" s="10"/>
    </row>
    <row r="365756" spans="14:14">
      <c r="N365756" s="10"/>
    </row>
    <row r="365757" spans="14:14">
      <c r="N365757" s="10"/>
    </row>
    <row r="365758" spans="14:14">
      <c r="N365758" s="10"/>
    </row>
    <row r="365759" spans="14:14">
      <c r="N365759" s="10"/>
    </row>
    <row r="365760" spans="14:14">
      <c r="N365760" s="10"/>
    </row>
    <row r="365761" spans="14:14">
      <c r="N365761" s="10"/>
    </row>
    <row r="365762" spans="14:14">
      <c r="N365762" s="10"/>
    </row>
    <row r="365763" spans="14:14">
      <c r="N365763" s="10"/>
    </row>
    <row r="365764" spans="14:14">
      <c r="N365764" s="10"/>
    </row>
    <row r="365765" spans="14:14">
      <c r="N365765" s="10"/>
    </row>
    <row r="365766" spans="14:14">
      <c r="N365766" s="10"/>
    </row>
    <row r="365767" spans="14:14">
      <c r="N365767" s="10"/>
    </row>
    <row r="365768" spans="14:14">
      <c r="N365768" s="10"/>
    </row>
    <row r="365769" spans="14:14">
      <c r="N365769" s="10"/>
    </row>
    <row r="365770" spans="14:14">
      <c r="N365770" s="10"/>
    </row>
    <row r="365771" spans="14:14">
      <c r="N365771" s="10"/>
    </row>
    <row r="365772" spans="14:14">
      <c r="N365772" s="10"/>
    </row>
    <row r="365773" spans="14:14">
      <c r="N365773" s="10"/>
    </row>
    <row r="365774" spans="14:14">
      <c r="N365774" s="10"/>
    </row>
    <row r="365775" spans="14:14">
      <c r="N365775" s="10"/>
    </row>
    <row r="365776" spans="14:14">
      <c r="N365776" s="10"/>
    </row>
    <row r="365777" spans="14:14">
      <c r="N365777" s="10"/>
    </row>
    <row r="365778" spans="14:14">
      <c r="N365778" s="10"/>
    </row>
    <row r="365779" spans="14:14">
      <c r="N365779" s="10"/>
    </row>
    <row r="365780" spans="14:14">
      <c r="N365780" s="10"/>
    </row>
    <row r="365781" spans="14:14">
      <c r="N365781" s="10"/>
    </row>
    <row r="365782" spans="14:14">
      <c r="N365782" s="10"/>
    </row>
    <row r="365783" spans="14:14">
      <c r="N365783" s="10"/>
    </row>
    <row r="365784" spans="14:14">
      <c r="N365784" s="10"/>
    </row>
    <row r="365785" spans="14:14">
      <c r="N365785" s="10"/>
    </row>
    <row r="365786" spans="14:14">
      <c r="N365786" s="10"/>
    </row>
    <row r="365787" spans="14:14">
      <c r="N365787" s="10"/>
    </row>
    <row r="365788" spans="14:14">
      <c r="N365788" s="10"/>
    </row>
    <row r="365789" spans="14:14">
      <c r="N365789" s="10"/>
    </row>
    <row r="365790" spans="14:14">
      <c r="N365790" s="10"/>
    </row>
    <row r="365791" spans="14:14">
      <c r="N365791" s="10"/>
    </row>
    <row r="365792" spans="14:14">
      <c r="N365792" s="10"/>
    </row>
    <row r="365793" spans="14:14">
      <c r="N365793" s="10"/>
    </row>
    <row r="365794" spans="14:14">
      <c r="N365794" s="10"/>
    </row>
    <row r="365795" spans="14:14">
      <c r="N365795" s="10"/>
    </row>
    <row r="365796" spans="14:14">
      <c r="N365796" s="10"/>
    </row>
    <row r="365797" spans="14:14">
      <c r="N365797" s="10"/>
    </row>
    <row r="365798" spans="14:14">
      <c r="N365798" s="10"/>
    </row>
    <row r="365799" spans="14:14">
      <c r="N365799" s="10"/>
    </row>
    <row r="365800" spans="14:14">
      <c r="N365800" s="10"/>
    </row>
    <row r="365801" spans="14:14">
      <c r="N365801" s="10"/>
    </row>
    <row r="365802" spans="14:14">
      <c r="N365802" s="10"/>
    </row>
    <row r="365803" spans="14:14">
      <c r="N365803" s="10"/>
    </row>
    <row r="365804" spans="14:14">
      <c r="N365804" s="10"/>
    </row>
    <row r="365805" spans="14:14">
      <c r="N365805" s="10"/>
    </row>
    <row r="365806" spans="14:14">
      <c r="N365806" s="10"/>
    </row>
    <row r="365807" spans="14:14">
      <c r="N365807" s="10"/>
    </row>
    <row r="365808" spans="14:14">
      <c r="N365808" s="10"/>
    </row>
    <row r="365809" spans="14:14">
      <c r="N365809" s="10"/>
    </row>
    <row r="365810" spans="14:14">
      <c r="N365810" s="10"/>
    </row>
    <row r="365811" spans="14:14">
      <c r="N365811" s="10"/>
    </row>
    <row r="365812" spans="14:14">
      <c r="N365812" s="10"/>
    </row>
    <row r="365813" spans="14:14">
      <c r="N365813" s="10"/>
    </row>
    <row r="365814" spans="14:14">
      <c r="N365814" s="10"/>
    </row>
    <row r="365815" spans="14:14">
      <c r="N365815" s="10"/>
    </row>
    <row r="365816" spans="14:14">
      <c r="N365816" s="10"/>
    </row>
    <row r="365817" spans="14:14">
      <c r="N365817" s="10"/>
    </row>
    <row r="365818" spans="14:14">
      <c r="N365818" s="10"/>
    </row>
    <row r="365819" spans="14:14">
      <c r="N365819" s="10"/>
    </row>
    <row r="365820" spans="14:14">
      <c r="N365820" s="10"/>
    </row>
    <row r="365821" spans="14:14">
      <c r="N365821" s="10"/>
    </row>
    <row r="365822" spans="14:14">
      <c r="N365822" s="10"/>
    </row>
    <row r="365823" spans="14:14">
      <c r="N365823" s="10"/>
    </row>
    <row r="365824" spans="14:14">
      <c r="N365824" s="10"/>
    </row>
    <row r="365825" spans="14:14">
      <c r="N365825" s="10"/>
    </row>
    <row r="365826" spans="14:14">
      <c r="N365826" s="10"/>
    </row>
    <row r="365827" spans="14:14">
      <c r="N365827" s="10"/>
    </row>
    <row r="365828" spans="14:14">
      <c r="N365828" s="10"/>
    </row>
    <row r="365829" spans="14:14">
      <c r="N365829" s="10"/>
    </row>
    <row r="365830" spans="14:14">
      <c r="N365830" s="10"/>
    </row>
    <row r="365831" spans="14:14">
      <c r="N365831" s="10"/>
    </row>
    <row r="365832" spans="14:14">
      <c r="N365832" s="10"/>
    </row>
    <row r="365833" spans="14:14">
      <c r="N365833" s="10"/>
    </row>
    <row r="365834" spans="14:14">
      <c r="N365834" s="10"/>
    </row>
    <row r="365835" spans="14:14">
      <c r="N365835" s="10"/>
    </row>
    <row r="365836" spans="14:14">
      <c r="N365836" s="10"/>
    </row>
    <row r="365837" spans="14:14">
      <c r="N365837" s="10"/>
    </row>
    <row r="365838" spans="14:14">
      <c r="N365838" s="10"/>
    </row>
    <row r="365839" spans="14:14">
      <c r="N365839" s="10"/>
    </row>
    <row r="365840" spans="14:14">
      <c r="N365840" s="10"/>
    </row>
    <row r="365841" spans="14:14">
      <c r="N365841" s="10"/>
    </row>
    <row r="365842" spans="14:14">
      <c r="N365842" s="10"/>
    </row>
    <row r="365843" spans="14:14">
      <c r="N365843" s="10"/>
    </row>
    <row r="365844" spans="14:14">
      <c r="N365844" s="10"/>
    </row>
    <row r="365845" spans="14:14">
      <c r="N365845" s="10"/>
    </row>
    <row r="365846" spans="14:14">
      <c r="N365846" s="10"/>
    </row>
    <row r="365847" spans="14:14">
      <c r="N365847" s="10"/>
    </row>
    <row r="365848" spans="14:14">
      <c r="N365848" s="10"/>
    </row>
    <row r="365849" spans="14:14">
      <c r="N365849" s="10"/>
    </row>
    <row r="365850" spans="14:14">
      <c r="N365850" s="10"/>
    </row>
    <row r="365851" spans="14:14">
      <c r="N365851" s="10"/>
    </row>
    <row r="365852" spans="14:14">
      <c r="N365852" s="10"/>
    </row>
    <row r="365853" spans="14:14">
      <c r="N365853" s="10"/>
    </row>
    <row r="365854" spans="14:14">
      <c r="N365854" s="10"/>
    </row>
    <row r="365855" spans="14:14">
      <c r="N365855" s="10"/>
    </row>
    <row r="365856" spans="14:14">
      <c r="N365856" s="10"/>
    </row>
    <row r="365857" spans="14:14">
      <c r="N365857" s="10"/>
    </row>
    <row r="365858" spans="14:14">
      <c r="N365858" s="10"/>
    </row>
    <row r="365859" spans="14:14">
      <c r="N365859" s="10"/>
    </row>
    <row r="365860" spans="14:14">
      <c r="N365860" s="10"/>
    </row>
    <row r="365861" spans="14:14">
      <c r="N365861" s="10"/>
    </row>
    <row r="365862" spans="14:14">
      <c r="N365862" s="10"/>
    </row>
    <row r="365863" spans="14:14">
      <c r="N365863" s="10"/>
    </row>
    <row r="365864" spans="14:14">
      <c r="N365864" s="10"/>
    </row>
    <row r="365865" spans="14:14">
      <c r="N365865" s="10"/>
    </row>
    <row r="365866" spans="14:14">
      <c r="N365866" s="10"/>
    </row>
    <row r="365867" spans="14:14">
      <c r="N365867" s="10"/>
    </row>
    <row r="365868" spans="14:14">
      <c r="N365868" s="10"/>
    </row>
    <row r="365869" spans="14:14">
      <c r="N365869" s="10"/>
    </row>
    <row r="365870" spans="14:14">
      <c r="N365870" s="10"/>
    </row>
    <row r="365871" spans="14:14">
      <c r="N365871" s="10"/>
    </row>
    <row r="365872" spans="14:14">
      <c r="N365872" s="10"/>
    </row>
    <row r="365873" spans="14:14">
      <c r="N365873" s="10"/>
    </row>
    <row r="365874" spans="14:14">
      <c r="N365874" s="10"/>
    </row>
    <row r="365875" spans="14:14">
      <c r="N365875" s="10"/>
    </row>
    <row r="365876" spans="14:14">
      <c r="N365876" s="10"/>
    </row>
    <row r="365877" spans="14:14">
      <c r="N365877" s="10"/>
    </row>
    <row r="365878" spans="14:14">
      <c r="N365878" s="10"/>
    </row>
    <row r="365879" spans="14:14">
      <c r="N365879" s="10"/>
    </row>
    <row r="365880" spans="14:14">
      <c r="N365880" s="10"/>
    </row>
    <row r="365881" spans="14:14">
      <c r="N365881" s="10"/>
    </row>
    <row r="365882" spans="14:14">
      <c r="N365882" s="10"/>
    </row>
    <row r="365883" spans="14:14">
      <c r="N365883" s="10"/>
    </row>
    <row r="365884" spans="14:14">
      <c r="N365884" s="10"/>
    </row>
    <row r="365885" spans="14:14">
      <c r="N365885" s="10"/>
    </row>
    <row r="365886" spans="14:14">
      <c r="N365886" s="10"/>
    </row>
    <row r="365887" spans="14:14">
      <c r="N365887" s="10"/>
    </row>
    <row r="365888" spans="14:14">
      <c r="N365888" s="10"/>
    </row>
    <row r="365889" spans="14:14">
      <c r="N365889" s="10"/>
    </row>
    <row r="365890" spans="14:14">
      <c r="N365890" s="10"/>
    </row>
    <row r="365891" spans="14:14">
      <c r="N365891" s="10"/>
    </row>
    <row r="365892" spans="14:14">
      <c r="N365892" s="10"/>
    </row>
    <row r="365893" spans="14:14">
      <c r="N365893" s="10"/>
    </row>
    <row r="365894" spans="14:14">
      <c r="N365894" s="10"/>
    </row>
    <row r="365895" spans="14:14">
      <c r="N365895" s="10"/>
    </row>
    <row r="365896" spans="14:14">
      <c r="N365896" s="10"/>
    </row>
    <row r="365897" spans="14:14">
      <c r="N365897" s="10"/>
    </row>
    <row r="365898" spans="14:14">
      <c r="N365898" s="10"/>
    </row>
    <row r="365899" spans="14:14">
      <c r="N365899" s="10"/>
    </row>
    <row r="365900" spans="14:14">
      <c r="N365900" s="10"/>
    </row>
    <row r="365901" spans="14:14">
      <c r="N365901" s="10"/>
    </row>
    <row r="365902" spans="14:14">
      <c r="N365902" s="10"/>
    </row>
    <row r="365903" spans="14:14">
      <c r="N365903" s="10"/>
    </row>
    <row r="365904" spans="14:14">
      <c r="N365904" s="10"/>
    </row>
    <row r="365905" spans="14:14">
      <c r="N365905" s="10"/>
    </row>
    <row r="365906" spans="14:14">
      <c r="N365906" s="10"/>
    </row>
    <row r="365907" spans="14:14">
      <c r="N365907" s="10"/>
    </row>
    <row r="365908" spans="14:14">
      <c r="N365908" s="10"/>
    </row>
    <row r="365909" spans="14:14">
      <c r="N365909" s="10"/>
    </row>
    <row r="365910" spans="14:14">
      <c r="N365910" s="10"/>
    </row>
    <row r="365911" spans="14:14">
      <c r="N365911" s="10"/>
    </row>
    <row r="365912" spans="14:14">
      <c r="N365912" s="10"/>
    </row>
    <row r="365913" spans="14:14">
      <c r="N365913" s="10"/>
    </row>
    <row r="365914" spans="14:14">
      <c r="N365914" s="10"/>
    </row>
    <row r="365915" spans="14:14">
      <c r="N365915" s="10"/>
    </row>
    <row r="365916" spans="14:14">
      <c r="N365916" s="10"/>
    </row>
    <row r="365917" spans="14:14">
      <c r="N365917" s="10"/>
    </row>
    <row r="365918" spans="14:14">
      <c r="N365918" s="10"/>
    </row>
    <row r="365919" spans="14:14">
      <c r="N365919" s="10"/>
    </row>
    <row r="365920" spans="14:14">
      <c r="N365920" s="10"/>
    </row>
    <row r="365921" spans="14:14">
      <c r="N365921" s="10"/>
    </row>
    <row r="365922" spans="14:14">
      <c r="N365922" s="10"/>
    </row>
    <row r="365923" spans="14:14">
      <c r="N365923" s="10"/>
    </row>
    <row r="365924" spans="14:14">
      <c r="N365924" s="10"/>
    </row>
    <row r="365925" spans="14:14">
      <c r="N365925" s="10"/>
    </row>
    <row r="365926" spans="14:14">
      <c r="N365926" s="10"/>
    </row>
    <row r="365927" spans="14:14">
      <c r="N365927" s="10"/>
    </row>
    <row r="365928" spans="14:14">
      <c r="N365928" s="10"/>
    </row>
    <row r="365929" spans="14:14">
      <c r="N365929" s="10"/>
    </row>
    <row r="365930" spans="14:14">
      <c r="N365930" s="10"/>
    </row>
    <row r="365931" spans="14:14">
      <c r="N365931" s="10"/>
    </row>
    <row r="365932" spans="14:14">
      <c r="N365932" s="10"/>
    </row>
    <row r="365933" spans="14:14">
      <c r="N365933" s="10"/>
    </row>
    <row r="365934" spans="14:14">
      <c r="N365934" s="10"/>
    </row>
    <row r="365935" spans="14:14">
      <c r="N365935" s="10"/>
    </row>
    <row r="365936" spans="14:14">
      <c r="N365936" s="10"/>
    </row>
    <row r="365937" spans="14:14">
      <c r="N365937" s="10"/>
    </row>
    <row r="365938" spans="14:14">
      <c r="N365938" s="10"/>
    </row>
    <row r="365939" spans="14:14">
      <c r="N365939" s="10"/>
    </row>
    <row r="365940" spans="14:14">
      <c r="N365940" s="10"/>
    </row>
    <row r="365941" spans="14:14">
      <c r="N365941" s="10"/>
    </row>
    <row r="365942" spans="14:14">
      <c r="N365942" s="10"/>
    </row>
    <row r="365943" spans="14:14">
      <c r="N365943" s="10"/>
    </row>
    <row r="365944" spans="14:14">
      <c r="N365944" s="10"/>
    </row>
    <row r="365945" spans="14:14">
      <c r="N365945" s="10"/>
    </row>
    <row r="365946" spans="14:14">
      <c r="N365946" s="10"/>
    </row>
    <row r="365947" spans="14:14">
      <c r="N365947" s="10"/>
    </row>
    <row r="365948" spans="14:14">
      <c r="N365948" s="10"/>
    </row>
    <row r="365949" spans="14:14">
      <c r="N365949" s="10"/>
    </row>
    <row r="365950" spans="14:14">
      <c r="N365950" s="10"/>
    </row>
    <row r="365951" spans="14:14">
      <c r="N365951" s="10"/>
    </row>
    <row r="365952" spans="14:14">
      <c r="N365952" s="10"/>
    </row>
    <row r="365953" spans="14:14">
      <c r="N365953" s="10"/>
    </row>
    <row r="365954" spans="14:14">
      <c r="N365954" s="10"/>
    </row>
    <row r="365955" spans="14:14">
      <c r="N365955" s="10"/>
    </row>
    <row r="365956" spans="14:14">
      <c r="N365956" s="10"/>
    </row>
    <row r="365957" spans="14:14">
      <c r="N365957" s="10"/>
    </row>
    <row r="365958" spans="14:14">
      <c r="N365958" s="10"/>
    </row>
    <row r="365959" spans="14:14">
      <c r="N365959" s="10"/>
    </row>
    <row r="365960" spans="14:14">
      <c r="N365960" s="10"/>
    </row>
    <row r="365961" spans="14:14">
      <c r="N365961" s="10"/>
    </row>
    <row r="365962" spans="14:14">
      <c r="N365962" s="10"/>
    </row>
    <row r="365963" spans="14:14">
      <c r="N365963" s="10"/>
    </row>
    <row r="365964" spans="14:14">
      <c r="N365964" s="10"/>
    </row>
    <row r="365965" spans="14:14">
      <c r="N365965" s="10"/>
    </row>
    <row r="365966" spans="14:14">
      <c r="N365966" s="10"/>
    </row>
    <row r="365967" spans="14:14">
      <c r="N365967" s="10"/>
    </row>
    <row r="365968" spans="14:14">
      <c r="N365968" s="10"/>
    </row>
    <row r="365969" spans="14:14">
      <c r="N365969" s="10"/>
    </row>
    <row r="365970" spans="14:14">
      <c r="N365970" s="10"/>
    </row>
    <row r="365971" spans="14:14">
      <c r="N365971" s="10"/>
    </row>
    <row r="365972" spans="14:14">
      <c r="N365972" s="10"/>
    </row>
    <row r="365973" spans="14:14">
      <c r="N365973" s="10"/>
    </row>
    <row r="365974" spans="14:14">
      <c r="N365974" s="10"/>
    </row>
    <row r="365975" spans="14:14">
      <c r="N365975" s="10"/>
    </row>
    <row r="365976" spans="14:14">
      <c r="N365976" s="10"/>
    </row>
    <row r="365977" spans="14:14">
      <c r="N365977" s="10"/>
    </row>
    <row r="365978" spans="14:14">
      <c r="N365978" s="10"/>
    </row>
    <row r="365979" spans="14:14">
      <c r="N365979" s="10"/>
    </row>
    <row r="365980" spans="14:14">
      <c r="N365980" s="10"/>
    </row>
    <row r="365981" spans="14:14">
      <c r="N365981" s="10"/>
    </row>
    <row r="365982" spans="14:14">
      <c r="N365982" s="10"/>
    </row>
    <row r="365983" spans="14:14">
      <c r="N365983" s="10"/>
    </row>
    <row r="365984" spans="14:14">
      <c r="N365984" s="10"/>
    </row>
    <row r="365985" spans="14:14">
      <c r="N365985" s="10"/>
    </row>
    <row r="365986" spans="14:14">
      <c r="N365986" s="10"/>
    </row>
    <row r="365987" spans="14:14">
      <c r="N365987" s="10"/>
    </row>
    <row r="365988" spans="14:14">
      <c r="N365988" s="10"/>
    </row>
    <row r="365989" spans="14:14">
      <c r="N365989" s="10"/>
    </row>
    <row r="365990" spans="14:14">
      <c r="N365990" s="10"/>
    </row>
    <row r="365991" spans="14:14">
      <c r="N365991" s="10"/>
    </row>
    <row r="365992" spans="14:14">
      <c r="N365992" s="10"/>
    </row>
    <row r="365993" spans="14:14">
      <c r="N365993" s="10"/>
    </row>
    <row r="365994" spans="14:14">
      <c r="N365994" s="10"/>
    </row>
    <row r="365995" spans="14:14">
      <c r="N365995" s="10"/>
    </row>
    <row r="365996" spans="14:14">
      <c r="N365996" s="10"/>
    </row>
    <row r="365997" spans="14:14">
      <c r="N365997" s="10"/>
    </row>
    <row r="365998" spans="14:14">
      <c r="N365998" s="10"/>
    </row>
    <row r="365999" spans="14:14">
      <c r="N365999" s="10"/>
    </row>
    <row r="366000" spans="14:14">
      <c r="N366000" s="10"/>
    </row>
    <row r="366001" spans="14:14">
      <c r="N366001" s="10"/>
    </row>
    <row r="366002" spans="14:14">
      <c r="N366002" s="10"/>
    </row>
    <row r="366003" spans="14:14">
      <c r="N366003" s="10"/>
    </row>
    <row r="366004" spans="14:14">
      <c r="N366004" s="10"/>
    </row>
    <row r="366005" spans="14:14">
      <c r="N366005" s="10"/>
    </row>
    <row r="366006" spans="14:14">
      <c r="N366006" s="10"/>
    </row>
    <row r="366007" spans="14:14">
      <c r="N366007" s="10"/>
    </row>
    <row r="366008" spans="14:14">
      <c r="N366008" s="10"/>
    </row>
    <row r="366009" spans="14:14">
      <c r="N366009" s="10"/>
    </row>
    <row r="366010" spans="14:14">
      <c r="N366010" s="10"/>
    </row>
    <row r="366011" spans="14:14">
      <c r="N366011" s="10"/>
    </row>
    <row r="366012" spans="14:14">
      <c r="N366012" s="10"/>
    </row>
    <row r="366013" spans="14:14">
      <c r="N366013" s="10"/>
    </row>
    <row r="366014" spans="14:14">
      <c r="N366014" s="10"/>
    </row>
    <row r="366015" spans="14:14">
      <c r="N366015" s="10"/>
    </row>
    <row r="366016" spans="14:14">
      <c r="N366016" s="10"/>
    </row>
    <row r="366017" spans="14:14">
      <c r="N366017" s="10"/>
    </row>
    <row r="366018" spans="14:14">
      <c r="N366018" s="10"/>
    </row>
    <row r="366019" spans="14:14">
      <c r="N366019" s="10"/>
    </row>
    <row r="366020" spans="14:14">
      <c r="N366020" s="10"/>
    </row>
    <row r="366021" spans="14:14">
      <c r="N366021" s="10"/>
    </row>
    <row r="366022" spans="14:14">
      <c r="N366022" s="10"/>
    </row>
    <row r="366023" spans="14:14">
      <c r="N366023" s="10"/>
    </row>
    <row r="366024" spans="14:14">
      <c r="N366024" s="10"/>
    </row>
    <row r="366025" spans="14:14">
      <c r="N366025" s="10"/>
    </row>
    <row r="366026" spans="14:14">
      <c r="N366026" s="10"/>
    </row>
    <row r="366027" spans="14:14">
      <c r="N366027" s="10"/>
    </row>
    <row r="366028" spans="14:14">
      <c r="N366028" s="10"/>
    </row>
    <row r="366029" spans="14:14">
      <c r="N366029" s="10"/>
    </row>
    <row r="366030" spans="14:14">
      <c r="N366030" s="10"/>
    </row>
    <row r="366031" spans="14:14">
      <c r="N366031" s="10"/>
    </row>
    <row r="366032" spans="14:14">
      <c r="N366032" s="10"/>
    </row>
    <row r="366033" spans="14:14">
      <c r="N366033" s="10"/>
    </row>
    <row r="366034" spans="14:14">
      <c r="N366034" s="10"/>
    </row>
    <row r="366035" spans="14:14">
      <c r="N366035" s="10"/>
    </row>
    <row r="366036" spans="14:14">
      <c r="N366036" s="10"/>
    </row>
    <row r="366037" spans="14:14">
      <c r="N366037" s="10"/>
    </row>
    <row r="366038" spans="14:14">
      <c r="N366038" s="10"/>
    </row>
    <row r="366039" spans="14:14">
      <c r="N366039" s="10"/>
    </row>
    <row r="366040" spans="14:14">
      <c r="N366040" s="10"/>
    </row>
    <row r="366041" spans="14:14">
      <c r="N366041" s="10"/>
    </row>
    <row r="366042" spans="14:14">
      <c r="N366042" s="10"/>
    </row>
    <row r="366043" spans="14:14">
      <c r="N366043" s="10"/>
    </row>
    <row r="366044" spans="14:14">
      <c r="N366044" s="10"/>
    </row>
    <row r="366045" spans="14:14">
      <c r="N366045" s="10"/>
    </row>
    <row r="366046" spans="14:14">
      <c r="N366046" s="10"/>
    </row>
    <row r="366047" spans="14:14">
      <c r="N366047" s="10"/>
    </row>
    <row r="366048" spans="14:14">
      <c r="N366048" s="10"/>
    </row>
    <row r="366049" spans="14:14">
      <c r="N366049" s="10"/>
    </row>
    <row r="366050" spans="14:14">
      <c r="N366050" s="10"/>
    </row>
    <row r="366051" spans="14:14">
      <c r="N366051" s="10"/>
    </row>
    <row r="366052" spans="14:14">
      <c r="N366052" s="10"/>
    </row>
    <row r="366053" spans="14:14">
      <c r="N366053" s="10"/>
    </row>
    <row r="366054" spans="14:14">
      <c r="N366054" s="10"/>
    </row>
    <row r="366055" spans="14:14">
      <c r="N366055" s="10"/>
    </row>
    <row r="366056" spans="14:14">
      <c r="N366056" s="10"/>
    </row>
    <row r="366057" spans="14:14">
      <c r="N366057" s="10"/>
    </row>
    <row r="366058" spans="14:14">
      <c r="N366058" s="10"/>
    </row>
    <row r="366059" spans="14:14">
      <c r="N366059" s="10"/>
    </row>
    <row r="366060" spans="14:14">
      <c r="N366060" s="10"/>
    </row>
    <row r="366061" spans="14:14">
      <c r="N366061" s="10"/>
    </row>
    <row r="366062" spans="14:14">
      <c r="N366062" s="10"/>
    </row>
    <row r="366063" spans="14:14">
      <c r="N366063" s="10"/>
    </row>
    <row r="366064" spans="14:14">
      <c r="N366064" s="10"/>
    </row>
    <row r="366065" spans="14:14">
      <c r="N366065" s="10"/>
    </row>
    <row r="366066" spans="14:14">
      <c r="N366066" s="10"/>
    </row>
    <row r="366067" spans="14:14">
      <c r="N366067" s="10"/>
    </row>
    <row r="366068" spans="14:14">
      <c r="N366068" s="10"/>
    </row>
    <row r="366069" spans="14:14">
      <c r="N366069" s="10"/>
    </row>
    <row r="366070" spans="14:14">
      <c r="N366070" s="10"/>
    </row>
    <row r="366071" spans="14:14">
      <c r="N366071" s="10"/>
    </row>
    <row r="366072" spans="14:14">
      <c r="N366072" s="10"/>
    </row>
    <row r="366073" spans="14:14">
      <c r="N366073" s="10"/>
    </row>
    <row r="366074" spans="14:14">
      <c r="N366074" s="10"/>
    </row>
    <row r="366075" spans="14:14">
      <c r="N366075" s="10"/>
    </row>
    <row r="366076" spans="14:14">
      <c r="N366076" s="10"/>
    </row>
    <row r="366077" spans="14:14">
      <c r="N366077" s="10"/>
    </row>
    <row r="366078" spans="14:14">
      <c r="N366078" s="10"/>
    </row>
    <row r="366079" spans="14:14">
      <c r="N366079" s="10"/>
    </row>
    <row r="366080" spans="14:14">
      <c r="N366080" s="10"/>
    </row>
    <row r="366081" spans="14:14">
      <c r="N366081" s="10"/>
    </row>
    <row r="366082" spans="14:14">
      <c r="N366082" s="10"/>
    </row>
    <row r="366083" spans="14:14">
      <c r="N366083" s="10"/>
    </row>
    <row r="366084" spans="14:14">
      <c r="N366084" s="10"/>
    </row>
    <row r="366085" spans="14:14">
      <c r="N366085" s="10"/>
    </row>
    <row r="366086" spans="14:14">
      <c r="N366086" s="10"/>
    </row>
    <row r="366087" spans="14:14">
      <c r="N366087" s="10"/>
    </row>
    <row r="366088" spans="14:14">
      <c r="N366088" s="10"/>
    </row>
    <row r="366089" spans="14:14">
      <c r="N366089" s="10"/>
    </row>
    <row r="366090" spans="14:14">
      <c r="N366090" s="10"/>
    </row>
    <row r="366091" spans="14:14">
      <c r="N366091" s="10"/>
    </row>
    <row r="366092" spans="14:14">
      <c r="N366092" s="10"/>
    </row>
    <row r="366093" spans="14:14">
      <c r="N366093" s="10"/>
    </row>
    <row r="366094" spans="14:14">
      <c r="N366094" s="10"/>
    </row>
    <row r="366095" spans="14:14">
      <c r="N366095" s="10"/>
    </row>
    <row r="366096" spans="14:14">
      <c r="N366096" s="10"/>
    </row>
    <row r="366097" spans="14:14">
      <c r="N366097" s="10"/>
    </row>
    <row r="366098" spans="14:14">
      <c r="N366098" s="10"/>
    </row>
    <row r="366099" spans="14:14">
      <c r="N366099" s="10"/>
    </row>
    <row r="366100" spans="14:14">
      <c r="N366100" s="10"/>
    </row>
    <row r="366101" spans="14:14">
      <c r="N366101" s="10"/>
    </row>
    <row r="366102" spans="14:14">
      <c r="N366102" s="10"/>
    </row>
    <row r="366103" spans="14:14">
      <c r="N366103" s="10"/>
    </row>
    <row r="366104" spans="14:14">
      <c r="N366104" s="10"/>
    </row>
    <row r="366105" spans="14:14">
      <c r="N366105" s="10"/>
    </row>
    <row r="366106" spans="14:14">
      <c r="N366106" s="10"/>
    </row>
    <row r="366107" spans="14:14">
      <c r="N366107" s="10"/>
    </row>
    <row r="366108" spans="14:14">
      <c r="N366108" s="10"/>
    </row>
    <row r="366109" spans="14:14">
      <c r="N366109" s="10"/>
    </row>
    <row r="366110" spans="14:14">
      <c r="N366110" s="10"/>
    </row>
    <row r="366111" spans="14:14">
      <c r="N366111" s="10"/>
    </row>
    <row r="366112" spans="14:14">
      <c r="N366112" s="10"/>
    </row>
    <row r="366113" spans="14:14">
      <c r="N366113" s="10"/>
    </row>
    <row r="366114" spans="14:14">
      <c r="N366114" s="10"/>
    </row>
    <row r="366115" spans="14:14">
      <c r="N366115" s="10"/>
    </row>
    <row r="366116" spans="14:14">
      <c r="N366116" s="10"/>
    </row>
    <row r="366117" spans="14:14">
      <c r="N366117" s="10"/>
    </row>
    <row r="366118" spans="14:14">
      <c r="N366118" s="10"/>
    </row>
    <row r="366119" spans="14:14">
      <c r="N366119" s="10"/>
    </row>
    <row r="366120" spans="14:14">
      <c r="N366120" s="10"/>
    </row>
    <row r="366121" spans="14:14">
      <c r="N366121" s="10"/>
    </row>
    <row r="366122" spans="14:14">
      <c r="N366122" s="10"/>
    </row>
    <row r="366123" spans="14:14">
      <c r="N366123" s="10"/>
    </row>
    <row r="366124" spans="14:14">
      <c r="N366124" s="10"/>
    </row>
    <row r="366125" spans="14:14">
      <c r="N366125" s="10"/>
    </row>
    <row r="366126" spans="14:14">
      <c r="N366126" s="10"/>
    </row>
    <row r="366127" spans="14:14">
      <c r="N366127" s="10"/>
    </row>
    <row r="366128" spans="14:14">
      <c r="N366128" s="10"/>
    </row>
    <row r="366129" spans="14:14">
      <c r="N366129" s="10"/>
    </row>
    <row r="366130" spans="14:14">
      <c r="N366130" s="10"/>
    </row>
    <row r="366131" spans="14:14">
      <c r="N366131" s="10"/>
    </row>
    <row r="366132" spans="14:14">
      <c r="N366132" s="10"/>
    </row>
    <row r="366133" spans="14:14">
      <c r="N366133" s="10"/>
    </row>
    <row r="366134" spans="14:14">
      <c r="N366134" s="10"/>
    </row>
    <row r="366135" spans="14:14">
      <c r="N366135" s="10"/>
    </row>
    <row r="366136" spans="14:14">
      <c r="N366136" s="10"/>
    </row>
    <row r="366137" spans="14:14">
      <c r="N366137" s="10"/>
    </row>
    <row r="366138" spans="14:14">
      <c r="N366138" s="10"/>
    </row>
    <row r="366139" spans="14:14">
      <c r="N366139" s="10"/>
    </row>
    <row r="366140" spans="14:14">
      <c r="N366140" s="10"/>
    </row>
    <row r="366141" spans="14:14">
      <c r="N366141" s="10"/>
    </row>
    <row r="366142" spans="14:14">
      <c r="N366142" s="10"/>
    </row>
    <row r="366143" spans="14:14">
      <c r="N366143" s="10"/>
    </row>
    <row r="366144" spans="14:14">
      <c r="N366144" s="10"/>
    </row>
    <row r="366145" spans="14:14">
      <c r="N366145" s="10"/>
    </row>
    <row r="366146" spans="14:14">
      <c r="N366146" s="10"/>
    </row>
    <row r="366147" spans="14:14">
      <c r="N366147" s="10"/>
    </row>
    <row r="366148" spans="14:14">
      <c r="N366148" s="10"/>
    </row>
    <row r="366149" spans="14:14">
      <c r="N366149" s="10"/>
    </row>
    <row r="366150" spans="14:14">
      <c r="N366150" s="10"/>
    </row>
    <row r="366151" spans="14:14">
      <c r="N366151" s="10"/>
    </row>
    <row r="366152" spans="14:14">
      <c r="N366152" s="10"/>
    </row>
    <row r="366153" spans="14:14">
      <c r="N366153" s="10"/>
    </row>
    <row r="366154" spans="14:14">
      <c r="N366154" s="10"/>
    </row>
    <row r="366155" spans="14:14">
      <c r="N366155" s="10"/>
    </row>
    <row r="366156" spans="14:14">
      <c r="N366156" s="10"/>
    </row>
    <row r="366157" spans="14:14">
      <c r="N366157" s="10"/>
    </row>
    <row r="366158" spans="14:14">
      <c r="N366158" s="10"/>
    </row>
    <row r="366159" spans="14:14">
      <c r="N366159" s="10"/>
    </row>
    <row r="366160" spans="14:14">
      <c r="N366160" s="10"/>
    </row>
    <row r="366161" spans="14:14">
      <c r="N366161" s="10"/>
    </row>
    <row r="366162" spans="14:14">
      <c r="N366162" s="10"/>
    </row>
    <row r="366163" spans="14:14">
      <c r="N366163" s="10"/>
    </row>
    <row r="366164" spans="14:14">
      <c r="N366164" s="10"/>
    </row>
    <row r="366165" spans="14:14">
      <c r="N366165" s="10"/>
    </row>
    <row r="366166" spans="14:14">
      <c r="N366166" s="10"/>
    </row>
    <row r="366167" spans="14:14">
      <c r="N366167" s="10"/>
    </row>
    <row r="366168" spans="14:14">
      <c r="N366168" s="10"/>
    </row>
    <row r="366169" spans="14:14">
      <c r="N366169" s="10"/>
    </row>
    <row r="366170" spans="14:14">
      <c r="N366170" s="10"/>
    </row>
    <row r="366171" spans="14:14">
      <c r="N366171" s="10"/>
    </row>
    <row r="366172" spans="14:14">
      <c r="N366172" s="10"/>
    </row>
    <row r="366173" spans="14:14">
      <c r="N366173" s="10"/>
    </row>
    <row r="366174" spans="14:14">
      <c r="N366174" s="10"/>
    </row>
    <row r="366175" spans="14:14">
      <c r="N366175" s="10"/>
    </row>
    <row r="366176" spans="14:14">
      <c r="N366176" s="10"/>
    </row>
    <row r="366177" spans="14:14">
      <c r="N366177" s="10"/>
    </row>
    <row r="366178" spans="14:14">
      <c r="N366178" s="10"/>
    </row>
    <row r="366179" spans="14:14">
      <c r="N366179" s="10"/>
    </row>
    <row r="366180" spans="14:14">
      <c r="N366180" s="10"/>
    </row>
    <row r="366181" spans="14:14">
      <c r="N366181" s="10"/>
    </row>
    <row r="366182" spans="14:14">
      <c r="N366182" s="10"/>
    </row>
    <row r="366183" spans="14:14">
      <c r="N366183" s="10"/>
    </row>
    <row r="366184" spans="14:14">
      <c r="N366184" s="10"/>
    </row>
    <row r="366185" spans="14:14">
      <c r="N366185" s="10"/>
    </row>
    <row r="366186" spans="14:14">
      <c r="N366186" s="10"/>
    </row>
    <row r="366187" spans="14:14">
      <c r="N366187" s="10"/>
    </row>
    <row r="366188" spans="14:14">
      <c r="N366188" s="10"/>
    </row>
    <row r="366189" spans="14:14">
      <c r="N366189" s="10"/>
    </row>
    <row r="366190" spans="14:14">
      <c r="N366190" s="10"/>
    </row>
    <row r="366191" spans="14:14">
      <c r="N366191" s="10"/>
    </row>
    <row r="366192" spans="14:14">
      <c r="N366192" s="10"/>
    </row>
    <row r="366193" spans="14:14">
      <c r="N366193" s="10"/>
    </row>
    <row r="366194" spans="14:14">
      <c r="N366194" s="10"/>
    </row>
    <row r="366195" spans="14:14">
      <c r="N366195" s="10"/>
    </row>
    <row r="366196" spans="14:14">
      <c r="N366196" s="10"/>
    </row>
    <row r="366197" spans="14:14">
      <c r="N366197" s="10"/>
    </row>
    <row r="366198" spans="14:14">
      <c r="N366198" s="10"/>
    </row>
    <row r="366199" spans="14:14">
      <c r="N366199" s="10"/>
    </row>
    <row r="366200" spans="14:14">
      <c r="N366200" s="10"/>
    </row>
    <row r="366201" spans="14:14">
      <c r="N366201" s="10"/>
    </row>
    <row r="366202" spans="14:14">
      <c r="N366202" s="10"/>
    </row>
    <row r="366203" spans="14:14">
      <c r="N366203" s="10"/>
    </row>
    <row r="366204" spans="14:14">
      <c r="N366204" s="10"/>
    </row>
    <row r="366205" spans="14:14">
      <c r="N366205" s="10"/>
    </row>
    <row r="366206" spans="14:14">
      <c r="N366206" s="10"/>
    </row>
    <row r="366207" spans="14:14">
      <c r="N366207" s="10"/>
    </row>
    <row r="366208" spans="14:14">
      <c r="N366208" s="10"/>
    </row>
    <row r="366209" spans="14:14">
      <c r="N366209" s="10"/>
    </row>
    <row r="366210" spans="14:14">
      <c r="N366210" s="10"/>
    </row>
    <row r="366211" spans="14:14">
      <c r="N366211" s="10"/>
    </row>
    <row r="366212" spans="14:14">
      <c r="N366212" s="10"/>
    </row>
    <row r="366213" spans="14:14">
      <c r="N366213" s="10"/>
    </row>
    <row r="366214" spans="14:14">
      <c r="N366214" s="10"/>
    </row>
    <row r="366215" spans="14:14">
      <c r="N366215" s="10"/>
    </row>
    <row r="366216" spans="14:14">
      <c r="N366216" s="10"/>
    </row>
    <row r="366217" spans="14:14">
      <c r="N366217" s="10"/>
    </row>
    <row r="366218" spans="14:14">
      <c r="N366218" s="10"/>
    </row>
    <row r="366219" spans="14:14">
      <c r="N366219" s="10"/>
    </row>
    <row r="366220" spans="14:14">
      <c r="N366220" s="10"/>
    </row>
    <row r="366221" spans="14:14">
      <c r="N366221" s="10"/>
    </row>
    <row r="366222" spans="14:14">
      <c r="N366222" s="10"/>
    </row>
    <row r="366223" spans="14:14">
      <c r="N366223" s="10"/>
    </row>
    <row r="366224" spans="14:14">
      <c r="N366224" s="10"/>
    </row>
    <row r="366225" spans="14:14">
      <c r="N366225" s="10"/>
    </row>
    <row r="366226" spans="14:14">
      <c r="N366226" s="10"/>
    </row>
    <row r="366227" spans="14:14">
      <c r="N366227" s="10"/>
    </row>
    <row r="366228" spans="14:14">
      <c r="N366228" s="10"/>
    </row>
    <row r="366229" spans="14:14">
      <c r="N366229" s="10"/>
    </row>
    <row r="366230" spans="14:14">
      <c r="N366230" s="10"/>
    </row>
    <row r="366231" spans="14:14">
      <c r="N366231" s="10"/>
    </row>
    <row r="366232" spans="14:14">
      <c r="N366232" s="10"/>
    </row>
    <row r="366233" spans="14:14">
      <c r="N366233" s="10"/>
    </row>
    <row r="366234" spans="14:14">
      <c r="N366234" s="10"/>
    </row>
    <row r="366235" spans="14:14">
      <c r="N366235" s="10"/>
    </row>
    <row r="366236" spans="14:14">
      <c r="N366236" s="10"/>
    </row>
    <row r="366237" spans="14:14">
      <c r="N366237" s="10"/>
    </row>
    <row r="366238" spans="14:14">
      <c r="N366238" s="10"/>
    </row>
    <row r="366239" spans="14:14">
      <c r="N366239" s="10"/>
    </row>
    <row r="366240" spans="14:14">
      <c r="N366240" s="10"/>
    </row>
    <row r="366241" spans="14:14">
      <c r="N366241" s="10"/>
    </row>
    <row r="366242" spans="14:14">
      <c r="N366242" s="10"/>
    </row>
    <row r="366243" spans="14:14">
      <c r="N366243" s="10"/>
    </row>
    <row r="366244" spans="14:14">
      <c r="N366244" s="10"/>
    </row>
    <row r="366245" spans="14:14">
      <c r="N366245" s="10"/>
    </row>
    <row r="366246" spans="14:14">
      <c r="N366246" s="10"/>
    </row>
    <row r="366247" spans="14:14">
      <c r="N366247" s="10"/>
    </row>
    <row r="366248" spans="14:14">
      <c r="N366248" s="10"/>
    </row>
    <row r="366249" spans="14:14">
      <c r="N366249" s="10"/>
    </row>
    <row r="366250" spans="14:14">
      <c r="N366250" s="10"/>
    </row>
    <row r="366251" spans="14:14">
      <c r="N366251" s="10"/>
    </row>
    <row r="366252" spans="14:14">
      <c r="N366252" s="10"/>
    </row>
    <row r="366253" spans="14:14">
      <c r="N366253" s="10"/>
    </row>
    <row r="366254" spans="14:14">
      <c r="N366254" s="10"/>
    </row>
    <row r="366255" spans="14:14">
      <c r="N366255" s="10"/>
    </row>
    <row r="366256" spans="14:14">
      <c r="N366256" s="10"/>
    </row>
    <row r="366257" spans="14:14">
      <c r="N366257" s="10"/>
    </row>
    <row r="366258" spans="14:14">
      <c r="N366258" s="10"/>
    </row>
    <row r="366259" spans="14:14">
      <c r="N366259" s="10"/>
    </row>
    <row r="366260" spans="14:14">
      <c r="N366260" s="10"/>
    </row>
    <row r="366261" spans="14:14">
      <c r="N366261" s="10"/>
    </row>
    <row r="366262" spans="14:14">
      <c r="N366262" s="10"/>
    </row>
    <row r="366263" spans="14:14">
      <c r="N366263" s="10"/>
    </row>
    <row r="366264" spans="14:14">
      <c r="N366264" s="10"/>
    </row>
    <row r="366265" spans="14:14">
      <c r="N366265" s="10"/>
    </row>
    <row r="366266" spans="14:14">
      <c r="N366266" s="10"/>
    </row>
    <row r="366267" spans="14:14">
      <c r="N366267" s="10"/>
    </row>
    <row r="366268" spans="14:14">
      <c r="N366268" s="10"/>
    </row>
    <row r="366269" spans="14:14">
      <c r="N366269" s="10"/>
    </row>
    <row r="366270" spans="14:14">
      <c r="N366270" s="10"/>
    </row>
    <row r="366271" spans="14:14">
      <c r="N366271" s="10"/>
    </row>
    <row r="366272" spans="14:14">
      <c r="N366272" s="10"/>
    </row>
    <row r="366273" spans="14:14">
      <c r="N366273" s="10"/>
    </row>
    <row r="366274" spans="14:14">
      <c r="N366274" s="10"/>
    </row>
    <row r="366275" spans="14:14">
      <c r="N366275" s="10"/>
    </row>
    <row r="366276" spans="14:14">
      <c r="N366276" s="10"/>
    </row>
    <row r="366277" spans="14:14">
      <c r="N366277" s="10"/>
    </row>
    <row r="366278" spans="14:14">
      <c r="N366278" s="10"/>
    </row>
    <row r="366279" spans="14:14">
      <c r="N366279" s="10"/>
    </row>
    <row r="366280" spans="14:14">
      <c r="N366280" s="10"/>
    </row>
    <row r="366281" spans="14:14">
      <c r="N366281" s="10"/>
    </row>
    <row r="366282" spans="14:14">
      <c r="N366282" s="10"/>
    </row>
    <row r="366283" spans="14:14">
      <c r="N366283" s="10"/>
    </row>
    <row r="366284" spans="14:14">
      <c r="N366284" s="10"/>
    </row>
    <row r="366285" spans="14:14">
      <c r="N366285" s="10"/>
    </row>
    <row r="366286" spans="14:14">
      <c r="N366286" s="10"/>
    </row>
    <row r="366287" spans="14:14">
      <c r="N366287" s="10"/>
    </row>
    <row r="366288" spans="14:14">
      <c r="N366288" s="10"/>
    </row>
    <row r="366289" spans="14:14">
      <c r="N366289" s="10"/>
    </row>
    <row r="366290" spans="14:14">
      <c r="N366290" s="10"/>
    </row>
    <row r="366291" spans="14:14">
      <c r="N366291" s="10"/>
    </row>
    <row r="366292" spans="14:14">
      <c r="N366292" s="10"/>
    </row>
    <row r="366293" spans="14:14">
      <c r="N366293" s="10"/>
    </row>
    <row r="366294" spans="14:14">
      <c r="N366294" s="10"/>
    </row>
    <row r="366295" spans="14:14">
      <c r="N366295" s="10"/>
    </row>
    <row r="366296" spans="14:14">
      <c r="N366296" s="10"/>
    </row>
    <row r="366297" spans="14:14">
      <c r="N366297" s="10"/>
    </row>
    <row r="366298" spans="14:14">
      <c r="N366298" s="10"/>
    </row>
    <row r="366299" spans="14:14">
      <c r="N366299" s="10"/>
    </row>
    <row r="366300" spans="14:14">
      <c r="N366300" s="10"/>
    </row>
    <row r="366301" spans="14:14">
      <c r="N366301" s="10"/>
    </row>
    <row r="366302" spans="14:14">
      <c r="N366302" s="10"/>
    </row>
    <row r="366303" spans="14:14">
      <c r="N366303" s="10"/>
    </row>
    <row r="366304" spans="14:14">
      <c r="N366304" s="10"/>
    </row>
    <row r="366305" spans="14:14">
      <c r="N366305" s="10"/>
    </row>
    <row r="366306" spans="14:14">
      <c r="N366306" s="10"/>
    </row>
    <row r="366307" spans="14:14">
      <c r="N366307" s="10"/>
    </row>
    <row r="366308" spans="14:14">
      <c r="N366308" s="10"/>
    </row>
    <row r="366309" spans="14:14">
      <c r="N366309" s="10"/>
    </row>
    <row r="366310" spans="14:14">
      <c r="N366310" s="10"/>
    </row>
    <row r="366311" spans="14:14">
      <c r="N366311" s="10"/>
    </row>
    <row r="366312" spans="14:14">
      <c r="N366312" s="10"/>
    </row>
    <row r="366313" spans="14:14">
      <c r="N366313" s="10"/>
    </row>
    <row r="366314" spans="14:14">
      <c r="N366314" s="10"/>
    </row>
    <row r="366315" spans="14:14">
      <c r="N366315" s="10"/>
    </row>
    <row r="366316" spans="14:14">
      <c r="N366316" s="10"/>
    </row>
    <row r="366317" spans="14:14">
      <c r="N366317" s="10"/>
    </row>
    <row r="366318" spans="14:14">
      <c r="N366318" s="10"/>
    </row>
    <row r="366319" spans="14:14">
      <c r="N366319" s="10"/>
    </row>
    <row r="366320" spans="14:14">
      <c r="N366320" s="10"/>
    </row>
    <row r="366321" spans="14:14">
      <c r="N366321" s="10"/>
    </row>
    <row r="366322" spans="14:14">
      <c r="N366322" s="10"/>
    </row>
    <row r="366323" spans="14:14">
      <c r="N366323" s="10"/>
    </row>
    <row r="366324" spans="14:14">
      <c r="N366324" s="10"/>
    </row>
    <row r="366325" spans="14:14">
      <c r="N366325" s="10"/>
    </row>
    <row r="366326" spans="14:14">
      <c r="N366326" s="10"/>
    </row>
    <row r="366327" spans="14:14">
      <c r="N366327" s="10"/>
    </row>
    <row r="366328" spans="14:14">
      <c r="N366328" s="10"/>
    </row>
    <row r="366329" spans="14:14">
      <c r="N366329" s="10"/>
    </row>
    <row r="366330" spans="14:14">
      <c r="N366330" s="10"/>
    </row>
    <row r="366331" spans="14:14">
      <c r="N366331" s="10"/>
    </row>
    <row r="366332" spans="14:14">
      <c r="N366332" s="10"/>
    </row>
    <row r="366333" spans="14:14">
      <c r="N366333" s="10"/>
    </row>
    <row r="366334" spans="14:14">
      <c r="N366334" s="10"/>
    </row>
    <row r="366335" spans="14:14">
      <c r="N366335" s="10"/>
    </row>
    <row r="366336" spans="14:14">
      <c r="N366336" s="10"/>
    </row>
    <row r="366337" spans="14:14">
      <c r="N366337" s="10"/>
    </row>
    <row r="366338" spans="14:14">
      <c r="N366338" s="10"/>
    </row>
    <row r="366339" spans="14:14">
      <c r="N366339" s="10"/>
    </row>
    <row r="366340" spans="14:14">
      <c r="N366340" s="10"/>
    </row>
    <row r="366341" spans="14:14">
      <c r="N366341" s="10"/>
    </row>
    <row r="366342" spans="14:14">
      <c r="N366342" s="10"/>
    </row>
    <row r="366343" spans="14:14">
      <c r="N366343" s="10"/>
    </row>
    <row r="366344" spans="14:14">
      <c r="N366344" s="10"/>
    </row>
    <row r="366345" spans="14:14">
      <c r="N366345" s="10"/>
    </row>
    <row r="366346" spans="14:14">
      <c r="N366346" s="10"/>
    </row>
    <row r="366347" spans="14:14">
      <c r="N366347" s="10"/>
    </row>
    <row r="366348" spans="14:14">
      <c r="N366348" s="10"/>
    </row>
    <row r="366349" spans="14:14">
      <c r="N366349" s="10"/>
    </row>
    <row r="366350" spans="14:14">
      <c r="N366350" s="10"/>
    </row>
    <row r="366351" spans="14:14">
      <c r="N366351" s="10"/>
    </row>
    <row r="366352" spans="14:14">
      <c r="N366352" s="10"/>
    </row>
    <row r="366353" spans="14:14">
      <c r="N366353" s="10"/>
    </row>
    <row r="366354" spans="14:14">
      <c r="N366354" s="10"/>
    </row>
    <row r="366355" spans="14:14">
      <c r="N366355" s="10"/>
    </row>
    <row r="366356" spans="14:14">
      <c r="N366356" s="10"/>
    </row>
    <row r="366357" spans="14:14">
      <c r="N366357" s="10"/>
    </row>
    <row r="366358" spans="14:14">
      <c r="N366358" s="10"/>
    </row>
    <row r="366359" spans="14:14">
      <c r="N366359" s="10"/>
    </row>
    <row r="366360" spans="14:14">
      <c r="N366360" s="10"/>
    </row>
    <row r="366361" spans="14:14">
      <c r="N366361" s="10"/>
    </row>
    <row r="366362" spans="14:14">
      <c r="N366362" s="10"/>
    </row>
    <row r="366363" spans="14:14">
      <c r="N366363" s="10"/>
    </row>
    <row r="366364" spans="14:14">
      <c r="N366364" s="10"/>
    </row>
    <row r="366365" spans="14:14">
      <c r="N366365" s="10"/>
    </row>
    <row r="366366" spans="14:14">
      <c r="N366366" s="10"/>
    </row>
    <row r="366367" spans="14:14">
      <c r="N366367" s="10"/>
    </row>
    <row r="366368" spans="14:14">
      <c r="N366368" s="10"/>
    </row>
    <row r="366369" spans="14:14">
      <c r="N366369" s="10"/>
    </row>
    <row r="366370" spans="14:14">
      <c r="N366370" s="10"/>
    </row>
    <row r="366371" spans="14:14">
      <c r="N366371" s="10"/>
    </row>
    <row r="366372" spans="14:14">
      <c r="N366372" s="10"/>
    </row>
    <row r="366373" spans="14:14">
      <c r="N366373" s="10"/>
    </row>
    <row r="366374" spans="14:14">
      <c r="N366374" s="10"/>
    </row>
    <row r="366375" spans="14:14">
      <c r="N366375" s="10"/>
    </row>
    <row r="366376" spans="14:14">
      <c r="N366376" s="10"/>
    </row>
    <row r="366377" spans="14:14">
      <c r="N366377" s="10"/>
    </row>
    <row r="366378" spans="14:14">
      <c r="N366378" s="10"/>
    </row>
    <row r="366379" spans="14:14">
      <c r="N366379" s="10"/>
    </row>
    <row r="366380" spans="14:14">
      <c r="N366380" s="10"/>
    </row>
    <row r="366381" spans="14:14">
      <c r="N366381" s="10"/>
    </row>
    <row r="366382" spans="14:14">
      <c r="N366382" s="10"/>
    </row>
    <row r="366383" spans="14:14">
      <c r="N366383" s="10"/>
    </row>
    <row r="366384" spans="14:14">
      <c r="N366384" s="10"/>
    </row>
    <row r="366385" spans="14:14">
      <c r="N366385" s="10"/>
    </row>
    <row r="366386" spans="14:14">
      <c r="N366386" s="10"/>
    </row>
    <row r="366387" spans="14:14">
      <c r="N366387" s="10"/>
    </row>
    <row r="366388" spans="14:14">
      <c r="N366388" s="10"/>
    </row>
    <row r="366389" spans="14:14">
      <c r="N366389" s="10"/>
    </row>
    <row r="366390" spans="14:14">
      <c r="N366390" s="10"/>
    </row>
    <row r="366391" spans="14:14">
      <c r="N366391" s="10"/>
    </row>
    <row r="366392" spans="14:14">
      <c r="N366392" s="10"/>
    </row>
    <row r="366393" spans="14:14">
      <c r="N366393" s="10"/>
    </row>
    <row r="366394" spans="14:14">
      <c r="N366394" s="10"/>
    </row>
    <row r="366395" spans="14:14">
      <c r="N366395" s="10"/>
    </row>
    <row r="366396" spans="14:14">
      <c r="N366396" s="10"/>
    </row>
    <row r="366397" spans="14:14">
      <c r="N366397" s="10"/>
    </row>
    <row r="366398" spans="14:14">
      <c r="N366398" s="10"/>
    </row>
    <row r="366399" spans="14:14">
      <c r="N366399" s="10"/>
    </row>
    <row r="366400" spans="14:14">
      <c r="N366400" s="10"/>
    </row>
    <row r="366401" spans="14:14">
      <c r="N366401" s="10"/>
    </row>
    <row r="366402" spans="14:14">
      <c r="N366402" s="10"/>
    </row>
    <row r="366403" spans="14:14">
      <c r="N366403" s="10"/>
    </row>
    <row r="366404" spans="14:14">
      <c r="N366404" s="10"/>
    </row>
    <row r="366405" spans="14:14">
      <c r="N366405" s="10"/>
    </row>
    <row r="366406" spans="14:14">
      <c r="N366406" s="10"/>
    </row>
    <row r="366407" spans="14:14">
      <c r="N366407" s="10"/>
    </row>
    <row r="366408" spans="14:14">
      <c r="N366408" s="10"/>
    </row>
    <row r="366409" spans="14:14">
      <c r="N366409" s="10"/>
    </row>
    <row r="366410" spans="14:14">
      <c r="N366410" s="10"/>
    </row>
    <row r="366411" spans="14:14">
      <c r="N366411" s="10"/>
    </row>
    <row r="366412" spans="14:14">
      <c r="N366412" s="10"/>
    </row>
    <row r="366413" spans="14:14">
      <c r="N366413" s="10"/>
    </row>
    <row r="366414" spans="14:14">
      <c r="N366414" s="10"/>
    </row>
    <row r="366415" spans="14:14">
      <c r="N366415" s="10"/>
    </row>
    <row r="366416" spans="14:14">
      <c r="N366416" s="10"/>
    </row>
    <row r="366417" spans="14:14">
      <c r="N366417" s="10"/>
    </row>
    <row r="366418" spans="14:14">
      <c r="N366418" s="10"/>
    </row>
    <row r="366419" spans="14:14">
      <c r="N366419" s="10"/>
    </row>
    <row r="366420" spans="14:14">
      <c r="N366420" s="10"/>
    </row>
    <row r="366421" spans="14:14">
      <c r="N366421" s="10"/>
    </row>
    <row r="366422" spans="14:14">
      <c r="N366422" s="10"/>
    </row>
    <row r="366423" spans="14:14">
      <c r="N366423" s="10"/>
    </row>
    <row r="366424" spans="14:14">
      <c r="N366424" s="10"/>
    </row>
    <row r="366425" spans="14:14">
      <c r="N366425" s="10"/>
    </row>
    <row r="366426" spans="14:14">
      <c r="N366426" s="10"/>
    </row>
    <row r="366427" spans="14:14">
      <c r="N366427" s="10"/>
    </row>
    <row r="366428" spans="14:14">
      <c r="N366428" s="10"/>
    </row>
    <row r="366429" spans="14:14">
      <c r="N366429" s="10"/>
    </row>
    <row r="366430" spans="14:14">
      <c r="N366430" s="10"/>
    </row>
    <row r="366431" spans="14:14">
      <c r="N366431" s="10"/>
    </row>
    <row r="366432" spans="14:14">
      <c r="N366432" s="10"/>
    </row>
    <row r="366433" spans="14:14">
      <c r="N366433" s="10"/>
    </row>
    <row r="366434" spans="14:14">
      <c r="N366434" s="10"/>
    </row>
    <row r="366435" spans="14:14">
      <c r="N366435" s="10"/>
    </row>
    <row r="366436" spans="14:14">
      <c r="N366436" s="10"/>
    </row>
    <row r="366437" spans="14:14">
      <c r="N366437" s="10"/>
    </row>
    <row r="366438" spans="14:14">
      <c r="N366438" s="10"/>
    </row>
    <row r="366439" spans="14:14">
      <c r="N366439" s="10"/>
    </row>
    <row r="366440" spans="14:14">
      <c r="N366440" s="10"/>
    </row>
    <row r="366441" spans="14:14">
      <c r="N366441" s="10"/>
    </row>
    <row r="366442" spans="14:14">
      <c r="N366442" s="10"/>
    </row>
    <row r="366443" spans="14:14">
      <c r="N366443" s="10"/>
    </row>
    <row r="366444" spans="14:14">
      <c r="N366444" s="10"/>
    </row>
    <row r="366445" spans="14:14">
      <c r="N366445" s="10"/>
    </row>
    <row r="366446" spans="14:14">
      <c r="N366446" s="10"/>
    </row>
    <row r="366447" spans="14:14">
      <c r="N366447" s="10"/>
    </row>
    <row r="366448" spans="14:14">
      <c r="N366448" s="10"/>
    </row>
    <row r="366449" spans="14:14">
      <c r="N366449" s="10"/>
    </row>
    <row r="366450" spans="14:14">
      <c r="N366450" s="10"/>
    </row>
    <row r="366451" spans="14:14">
      <c r="N366451" s="10"/>
    </row>
    <row r="366452" spans="14:14">
      <c r="N366452" s="10"/>
    </row>
    <row r="366453" spans="14:14">
      <c r="N366453" s="10"/>
    </row>
    <row r="366454" spans="14:14">
      <c r="N366454" s="10"/>
    </row>
    <row r="366455" spans="14:14">
      <c r="N366455" s="10"/>
    </row>
    <row r="366456" spans="14:14">
      <c r="N366456" s="10"/>
    </row>
    <row r="366457" spans="14:14">
      <c r="N366457" s="10"/>
    </row>
    <row r="366458" spans="14:14">
      <c r="N366458" s="10"/>
    </row>
    <row r="366459" spans="14:14">
      <c r="N366459" s="10"/>
    </row>
    <row r="366460" spans="14:14">
      <c r="N366460" s="10"/>
    </row>
    <row r="366461" spans="14:14">
      <c r="N366461" s="10"/>
    </row>
    <row r="366462" spans="14:14">
      <c r="N366462" s="10"/>
    </row>
    <row r="366463" spans="14:14">
      <c r="N366463" s="10"/>
    </row>
    <row r="366464" spans="14:14">
      <c r="N366464" s="10"/>
    </row>
    <row r="366465" spans="14:14">
      <c r="N366465" s="10"/>
    </row>
    <row r="366466" spans="14:14">
      <c r="N366466" s="10"/>
    </row>
    <row r="366467" spans="14:14">
      <c r="N366467" s="10"/>
    </row>
    <row r="366468" spans="14:14">
      <c r="N366468" s="10"/>
    </row>
    <row r="366469" spans="14:14">
      <c r="N366469" s="10"/>
    </row>
    <row r="366470" spans="14:14">
      <c r="N366470" s="10"/>
    </row>
    <row r="366471" spans="14:14">
      <c r="N366471" s="10"/>
    </row>
    <row r="366472" spans="14:14">
      <c r="N366472" s="10"/>
    </row>
    <row r="366473" spans="14:14">
      <c r="N366473" s="10"/>
    </row>
    <row r="366474" spans="14:14">
      <c r="N366474" s="10"/>
    </row>
    <row r="366475" spans="14:14">
      <c r="N366475" s="10"/>
    </row>
    <row r="366476" spans="14:14">
      <c r="N366476" s="10"/>
    </row>
    <row r="366477" spans="14:14">
      <c r="N366477" s="10"/>
    </row>
    <row r="366478" spans="14:14">
      <c r="N366478" s="10"/>
    </row>
    <row r="366479" spans="14:14">
      <c r="N366479" s="10"/>
    </row>
    <row r="366480" spans="14:14">
      <c r="N366480" s="10"/>
    </row>
    <row r="366481" spans="14:14">
      <c r="N366481" s="10"/>
    </row>
    <row r="366482" spans="14:14">
      <c r="N366482" s="10"/>
    </row>
    <row r="366483" spans="14:14">
      <c r="N366483" s="10"/>
    </row>
    <row r="366484" spans="14:14">
      <c r="N366484" s="10"/>
    </row>
    <row r="366485" spans="14:14">
      <c r="N366485" s="10"/>
    </row>
    <row r="366486" spans="14:14">
      <c r="N366486" s="10"/>
    </row>
    <row r="366487" spans="14:14">
      <c r="N366487" s="10"/>
    </row>
    <row r="366488" spans="14:14">
      <c r="N366488" s="10"/>
    </row>
    <row r="366489" spans="14:14">
      <c r="N366489" s="10"/>
    </row>
    <row r="366490" spans="14:14">
      <c r="N366490" s="10"/>
    </row>
    <row r="366491" spans="14:14">
      <c r="N366491" s="10"/>
    </row>
    <row r="366492" spans="14:14">
      <c r="N366492" s="10"/>
    </row>
    <row r="366493" spans="14:14">
      <c r="N366493" s="10"/>
    </row>
    <row r="366494" spans="14:14">
      <c r="N366494" s="10"/>
    </row>
    <row r="366495" spans="14:14">
      <c r="N366495" s="10"/>
    </row>
    <row r="366496" spans="14:14">
      <c r="N366496" s="10"/>
    </row>
    <row r="366497" spans="14:14">
      <c r="N366497" s="10"/>
    </row>
    <row r="366498" spans="14:14">
      <c r="N366498" s="10"/>
    </row>
    <row r="366499" spans="14:14">
      <c r="N366499" s="10"/>
    </row>
    <row r="366500" spans="14:14">
      <c r="N366500" s="10"/>
    </row>
    <row r="366501" spans="14:14">
      <c r="N366501" s="10"/>
    </row>
    <row r="366502" spans="14:14">
      <c r="N366502" s="10"/>
    </row>
    <row r="366503" spans="14:14">
      <c r="N366503" s="10"/>
    </row>
    <row r="366504" spans="14:14">
      <c r="N366504" s="10"/>
    </row>
    <row r="366505" spans="14:14">
      <c r="N366505" s="10"/>
    </row>
    <row r="366506" spans="14:14">
      <c r="N366506" s="10"/>
    </row>
    <row r="366507" spans="14:14">
      <c r="N366507" s="10"/>
    </row>
    <row r="366508" spans="14:14">
      <c r="N366508" s="10"/>
    </row>
    <row r="366509" spans="14:14">
      <c r="N366509" s="10"/>
    </row>
    <row r="366510" spans="14:14">
      <c r="N366510" s="10"/>
    </row>
    <row r="366511" spans="14:14">
      <c r="N366511" s="10"/>
    </row>
    <row r="366512" spans="14:14">
      <c r="N366512" s="10"/>
    </row>
    <row r="366513" spans="14:14">
      <c r="N366513" s="10"/>
    </row>
    <row r="366514" spans="14:14">
      <c r="N366514" s="10"/>
    </row>
    <row r="366515" spans="14:14">
      <c r="N366515" s="10"/>
    </row>
    <row r="366516" spans="14:14">
      <c r="N366516" s="10"/>
    </row>
    <row r="366517" spans="14:14">
      <c r="N366517" s="10"/>
    </row>
    <row r="366518" spans="14:14">
      <c r="N366518" s="10"/>
    </row>
    <row r="366519" spans="14:14">
      <c r="N366519" s="10"/>
    </row>
    <row r="366520" spans="14:14">
      <c r="N366520" s="10"/>
    </row>
    <row r="366521" spans="14:14">
      <c r="N366521" s="10"/>
    </row>
    <row r="366522" spans="14:14">
      <c r="N366522" s="10"/>
    </row>
    <row r="366523" spans="14:14">
      <c r="N366523" s="10"/>
    </row>
    <row r="366524" spans="14:14">
      <c r="N366524" s="10"/>
    </row>
    <row r="366525" spans="14:14">
      <c r="N366525" s="10"/>
    </row>
    <row r="366526" spans="14:14">
      <c r="N366526" s="10"/>
    </row>
    <row r="366527" spans="14:14">
      <c r="N366527" s="10"/>
    </row>
    <row r="366528" spans="14:14">
      <c r="N366528" s="10"/>
    </row>
    <row r="366529" spans="14:14">
      <c r="N366529" s="10"/>
    </row>
    <row r="366530" spans="14:14">
      <c r="N366530" s="10"/>
    </row>
    <row r="366531" spans="14:14">
      <c r="N366531" s="10"/>
    </row>
    <row r="366532" spans="14:14">
      <c r="N366532" s="10"/>
    </row>
    <row r="366533" spans="14:14">
      <c r="N366533" s="10"/>
    </row>
    <row r="366534" spans="14:14">
      <c r="N366534" s="10"/>
    </row>
    <row r="366535" spans="14:14">
      <c r="N366535" s="10"/>
    </row>
    <row r="366536" spans="14:14">
      <c r="N366536" s="10"/>
    </row>
    <row r="366537" spans="14:14">
      <c r="N366537" s="10"/>
    </row>
    <row r="366538" spans="14:14">
      <c r="N366538" s="10"/>
    </row>
    <row r="366539" spans="14:14">
      <c r="N366539" s="10"/>
    </row>
    <row r="366540" spans="14:14">
      <c r="N366540" s="10"/>
    </row>
    <row r="366541" spans="14:14">
      <c r="N366541" s="10"/>
    </row>
    <row r="366542" spans="14:14">
      <c r="N366542" s="10"/>
    </row>
    <row r="366543" spans="14:14">
      <c r="N366543" s="10"/>
    </row>
    <row r="366544" spans="14:14">
      <c r="N366544" s="10"/>
    </row>
    <row r="366545" spans="14:14">
      <c r="N366545" s="10"/>
    </row>
    <row r="366546" spans="14:14">
      <c r="N366546" s="10"/>
    </row>
    <row r="366547" spans="14:14">
      <c r="N366547" s="10"/>
    </row>
    <row r="366548" spans="14:14">
      <c r="N366548" s="10"/>
    </row>
    <row r="366549" spans="14:14">
      <c r="N366549" s="10"/>
    </row>
    <row r="366550" spans="14:14">
      <c r="N366550" s="10"/>
    </row>
    <row r="366551" spans="14:14">
      <c r="N366551" s="10"/>
    </row>
    <row r="366552" spans="14:14">
      <c r="N366552" s="10"/>
    </row>
    <row r="366553" spans="14:14">
      <c r="N366553" s="10"/>
    </row>
    <row r="366554" spans="14:14">
      <c r="N366554" s="10"/>
    </row>
    <row r="366555" spans="14:14">
      <c r="N366555" s="10"/>
    </row>
    <row r="366556" spans="14:14">
      <c r="N366556" s="10"/>
    </row>
    <row r="366557" spans="14:14">
      <c r="N366557" s="10"/>
    </row>
    <row r="366558" spans="14:14">
      <c r="N366558" s="10"/>
    </row>
    <row r="366559" spans="14:14">
      <c r="N366559" s="10"/>
    </row>
    <row r="366560" spans="14:14">
      <c r="N366560" s="10"/>
    </row>
    <row r="366561" spans="14:14">
      <c r="N366561" s="10"/>
    </row>
    <row r="366562" spans="14:14">
      <c r="N366562" s="10"/>
    </row>
    <row r="366563" spans="14:14">
      <c r="N366563" s="10"/>
    </row>
    <row r="366564" spans="14:14">
      <c r="N366564" s="10"/>
    </row>
    <row r="366565" spans="14:14">
      <c r="N366565" s="10"/>
    </row>
    <row r="366566" spans="14:14">
      <c r="N366566" s="10"/>
    </row>
    <row r="366567" spans="14:14">
      <c r="N366567" s="10"/>
    </row>
    <row r="366568" spans="14:14">
      <c r="N366568" s="10"/>
    </row>
    <row r="366569" spans="14:14">
      <c r="N366569" s="10"/>
    </row>
    <row r="366570" spans="14:14">
      <c r="N366570" s="10"/>
    </row>
    <row r="366571" spans="14:14">
      <c r="N366571" s="10"/>
    </row>
    <row r="366572" spans="14:14">
      <c r="N366572" s="10"/>
    </row>
    <row r="366573" spans="14:14">
      <c r="N366573" s="10"/>
    </row>
    <row r="366574" spans="14:14">
      <c r="N366574" s="10"/>
    </row>
    <row r="366575" spans="14:14">
      <c r="N366575" s="10"/>
    </row>
    <row r="366576" spans="14:14">
      <c r="N366576" s="10"/>
    </row>
    <row r="366577" spans="14:14">
      <c r="N366577" s="10"/>
    </row>
    <row r="366578" spans="14:14">
      <c r="N366578" s="10"/>
    </row>
    <row r="366579" spans="14:14">
      <c r="N366579" s="10"/>
    </row>
    <row r="366580" spans="14:14">
      <c r="N366580" s="10"/>
    </row>
    <row r="366581" spans="14:14">
      <c r="N366581" s="10"/>
    </row>
    <row r="366582" spans="14:14">
      <c r="N366582" s="10"/>
    </row>
    <row r="366583" spans="14:14">
      <c r="N366583" s="10"/>
    </row>
    <row r="366584" spans="14:14">
      <c r="N366584" s="10"/>
    </row>
    <row r="366585" spans="14:14">
      <c r="N366585" s="10"/>
    </row>
    <row r="366586" spans="14:14">
      <c r="N366586" s="10"/>
    </row>
    <row r="366587" spans="14:14">
      <c r="N366587" s="10"/>
    </row>
    <row r="366588" spans="14:14">
      <c r="N366588" s="10"/>
    </row>
    <row r="366589" spans="14:14">
      <c r="N366589" s="10"/>
    </row>
    <row r="366590" spans="14:14">
      <c r="N366590" s="10"/>
    </row>
    <row r="366591" spans="14:14">
      <c r="N366591" s="10"/>
    </row>
    <row r="366592" spans="14:14">
      <c r="N366592" s="10"/>
    </row>
    <row r="366593" spans="14:14">
      <c r="N366593" s="10"/>
    </row>
    <row r="366594" spans="14:14">
      <c r="N366594" s="10"/>
    </row>
    <row r="366595" spans="14:14">
      <c r="N366595" s="10"/>
    </row>
    <row r="366596" spans="14:14">
      <c r="N366596" s="10"/>
    </row>
    <row r="366597" spans="14:14">
      <c r="N366597" s="10"/>
    </row>
    <row r="366598" spans="14:14">
      <c r="N366598" s="10"/>
    </row>
    <row r="366599" spans="14:14">
      <c r="N366599" s="10"/>
    </row>
    <row r="366600" spans="14:14">
      <c r="N366600" s="10"/>
    </row>
    <row r="366601" spans="14:14">
      <c r="N366601" s="10"/>
    </row>
    <row r="366602" spans="14:14">
      <c r="N366602" s="10"/>
    </row>
    <row r="366603" spans="14:14">
      <c r="N366603" s="10"/>
    </row>
    <row r="366604" spans="14:14">
      <c r="N366604" s="10"/>
    </row>
    <row r="366605" spans="14:14">
      <c r="N366605" s="10"/>
    </row>
    <row r="366606" spans="14:14">
      <c r="N366606" s="10"/>
    </row>
    <row r="366607" spans="14:14">
      <c r="N366607" s="10"/>
    </row>
    <row r="366608" spans="14:14">
      <c r="N366608" s="10"/>
    </row>
    <row r="366609" spans="14:14">
      <c r="N366609" s="10"/>
    </row>
    <row r="366610" spans="14:14">
      <c r="N366610" s="10"/>
    </row>
    <row r="366611" spans="14:14">
      <c r="N366611" s="10"/>
    </row>
    <row r="366612" spans="14:14">
      <c r="N366612" s="10"/>
    </row>
    <row r="366613" spans="14:14">
      <c r="N366613" s="10"/>
    </row>
    <row r="366614" spans="14:14">
      <c r="N366614" s="10"/>
    </row>
    <row r="366615" spans="14:14">
      <c r="N366615" s="10"/>
    </row>
    <row r="366616" spans="14:14">
      <c r="N366616" s="10"/>
    </row>
    <row r="366617" spans="14:14">
      <c r="N366617" s="10"/>
    </row>
    <row r="366618" spans="14:14">
      <c r="N366618" s="10"/>
    </row>
    <row r="366619" spans="14:14">
      <c r="N366619" s="10"/>
    </row>
    <row r="366620" spans="14:14">
      <c r="N366620" s="10"/>
    </row>
    <row r="366621" spans="14:14">
      <c r="N366621" s="10"/>
    </row>
    <row r="366622" spans="14:14">
      <c r="N366622" s="10"/>
    </row>
    <row r="366623" spans="14:14">
      <c r="N366623" s="10"/>
    </row>
    <row r="366624" spans="14:14">
      <c r="N366624" s="10"/>
    </row>
    <row r="366625" spans="14:14">
      <c r="N366625" s="10"/>
    </row>
    <row r="366626" spans="14:14">
      <c r="N366626" s="10"/>
    </row>
    <row r="366627" spans="14:14">
      <c r="N366627" s="10"/>
    </row>
    <row r="366628" spans="14:14">
      <c r="N366628" s="10"/>
    </row>
    <row r="366629" spans="14:14">
      <c r="N366629" s="10"/>
    </row>
    <row r="366630" spans="14:14">
      <c r="N366630" s="10"/>
    </row>
    <row r="366631" spans="14:14">
      <c r="N366631" s="10"/>
    </row>
    <row r="366632" spans="14:14">
      <c r="N366632" s="10"/>
    </row>
    <row r="366633" spans="14:14">
      <c r="N366633" s="10"/>
    </row>
    <row r="366634" spans="14:14">
      <c r="N366634" s="10"/>
    </row>
    <row r="366635" spans="14:14">
      <c r="N366635" s="10"/>
    </row>
    <row r="366636" spans="14:14">
      <c r="N366636" s="10"/>
    </row>
    <row r="366637" spans="14:14">
      <c r="N366637" s="10"/>
    </row>
    <row r="366638" spans="14:14">
      <c r="N366638" s="10"/>
    </row>
    <row r="366639" spans="14:14">
      <c r="N366639" s="10"/>
    </row>
    <row r="366640" spans="14:14">
      <c r="N366640" s="10"/>
    </row>
    <row r="366641" spans="14:14">
      <c r="N366641" s="10"/>
    </row>
    <row r="366642" spans="14:14">
      <c r="N366642" s="10"/>
    </row>
    <row r="366643" spans="14:14">
      <c r="N366643" s="10"/>
    </row>
    <row r="366644" spans="14:14">
      <c r="N366644" s="10"/>
    </row>
    <row r="366645" spans="14:14">
      <c r="N366645" s="10"/>
    </row>
    <row r="366646" spans="14:14">
      <c r="N366646" s="10"/>
    </row>
    <row r="366647" spans="14:14">
      <c r="N366647" s="10"/>
    </row>
    <row r="366648" spans="14:14">
      <c r="N366648" s="10"/>
    </row>
    <row r="366649" spans="14:14">
      <c r="N366649" s="10"/>
    </row>
    <row r="366650" spans="14:14">
      <c r="N366650" s="10"/>
    </row>
    <row r="366651" spans="14:14">
      <c r="N366651" s="10"/>
    </row>
    <row r="366652" spans="14:14">
      <c r="N366652" s="10"/>
    </row>
    <row r="366653" spans="14:14">
      <c r="N366653" s="10"/>
    </row>
    <row r="366654" spans="14:14">
      <c r="N366654" s="10"/>
    </row>
    <row r="366655" spans="14:14">
      <c r="N366655" s="10"/>
    </row>
    <row r="366656" spans="14:14">
      <c r="N366656" s="10"/>
    </row>
    <row r="366657" spans="14:14">
      <c r="N366657" s="10"/>
    </row>
    <row r="366658" spans="14:14">
      <c r="N366658" s="10"/>
    </row>
    <row r="366659" spans="14:14">
      <c r="N366659" s="10"/>
    </row>
    <row r="366660" spans="14:14">
      <c r="N366660" s="10"/>
    </row>
    <row r="366661" spans="14:14">
      <c r="N366661" s="10"/>
    </row>
    <row r="366662" spans="14:14">
      <c r="N366662" s="10"/>
    </row>
    <row r="366663" spans="14:14">
      <c r="N366663" s="10"/>
    </row>
    <row r="366664" spans="14:14">
      <c r="N366664" s="10"/>
    </row>
    <row r="366665" spans="14:14">
      <c r="N366665" s="10"/>
    </row>
    <row r="366666" spans="14:14">
      <c r="N366666" s="10"/>
    </row>
    <row r="366667" spans="14:14">
      <c r="N366667" s="10"/>
    </row>
    <row r="366668" spans="14:14">
      <c r="N366668" s="10"/>
    </row>
    <row r="366669" spans="14:14">
      <c r="N366669" s="10"/>
    </row>
    <row r="366670" spans="14:14">
      <c r="N366670" s="10"/>
    </row>
    <row r="366671" spans="14:14">
      <c r="N366671" s="10"/>
    </row>
    <row r="366672" spans="14:14">
      <c r="N366672" s="10"/>
    </row>
    <row r="366673" spans="14:14">
      <c r="N366673" s="10"/>
    </row>
    <row r="366674" spans="14:14">
      <c r="N366674" s="10"/>
    </row>
    <row r="366675" spans="14:14">
      <c r="N366675" s="10"/>
    </row>
    <row r="366676" spans="14:14">
      <c r="N366676" s="10"/>
    </row>
    <row r="366677" spans="14:14">
      <c r="N366677" s="10"/>
    </row>
    <row r="366678" spans="14:14">
      <c r="N366678" s="10"/>
    </row>
    <row r="366679" spans="14:14">
      <c r="N366679" s="10"/>
    </row>
    <row r="366680" spans="14:14">
      <c r="N366680" s="10"/>
    </row>
    <row r="366681" spans="14:14">
      <c r="N366681" s="10"/>
    </row>
    <row r="366682" spans="14:14">
      <c r="N366682" s="10"/>
    </row>
    <row r="366683" spans="14:14">
      <c r="N366683" s="10"/>
    </row>
    <row r="366684" spans="14:14">
      <c r="N366684" s="10"/>
    </row>
    <row r="366685" spans="14:14">
      <c r="N366685" s="10"/>
    </row>
    <row r="366686" spans="14:14">
      <c r="N366686" s="10"/>
    </row>
    <row r="366687" spans="14:14">
      <c r="N366687" s="10"/>
    </row>
    <row r="366688" spans="14:14">
      <c r="N366688" s="10"/>
    </row>
    <row r="366689" spans="14:14">
      <c r="N366689" s="10"/>
    </row>
    <row r="366690" spans="14:14">
      <c r="N366690" s="10"/>
    </row>
    <row r="366691" spans="14:14">
      <c r="N366691" s="10"/>
    </row>
    <row r="366692" spans="14:14">
      <c r="N366692" s="10"/>
    </row>
    <row r="366693" spans="14:14">
      <c r="N366693" s="10"/>
    </row>
    <row r="366694" spans="14:14">
      <c r="N366694" s="10"/>
    </row>
    <row r="366695" spans="14:14">
      <c r="N366695" s="10"/>
    </row>
    <row r="366696" spans="14:14">
      <c r="N366696" s="10"/>
    </row>
    <row r="366697" spans="14:14">
      <c r="N366697" s="10"/>
    </row>
    <row r="366698" spans="14:14">
      <c r="N366698" s="10"/>
    </row>
    <row r="366699" spans="14:14">
      <c r="N366699" s="10"/>
    </row>
    <row r="366700" spans="14:14">
      <c r="N366700" s="10"/>
    </row>
    <row r="366701" spans="14:14">
      <c r="N366701" s="10"/>
    </row>
    <row r="366702" spans="14:14">
      <c r="N366702" s="10"/>
    </row>
    <row r="366703" spans="14:14">
      <c r="N366703" s="10"/>
    </row>
    <row r="366704" spans="14:14">
      <c r="N366704" s="10"/>
    </row>
    <row r="366705" spans="14:14">
      <c r="N366705" s="10"/>
    </row>
    <row r="366706" spans="14:14">
      <c r="N366706" s="10"/>
    </row>
    <row r="366707" spans="14:14">
      <c r="N366707" s="10"/>
    </row>
    <row r="366708" spans="14:14">
      <c r="N366708" s="10"/>
    </row>
    <row r="366709" spans="14:14">
      <c r="N366709" s="10"/>
    </row>
    <row r="366710" spans="14:14">
      <c r="N366710" s="10"/>
    </row>
    <row r="366711" spans="14:14">
      <c r="N366711" s="10"/>
    </row>
    <row r="366712" spans="14:14">
      <c r="N366712" s="10"/>
    </row>
    <row r="366713" spans="14:14">
      <c r="N366713" s="10"/>
    </row>
    <row r="366714" spans="14:14">
      <c r="N366714" s="10"/>
    </row>
    <row r="366715" spans="14:14">
      <c r="N366715" s="10"/>
    </row>
    <row r="366716" spans="14:14">
      <c r="N366716" s="10"/>
    </row>
    <row r="366717" spans="14:14">
      <c r="N366717" s="10"/>
    </row>
    <row r="366718" spans="14:14">
      <c r="N366718" s="10"/>
    </row>
    <row r="366719" spans="14:14">
      <c r="N366719" s="10"/>
    </row>
    <row r="366720" spans="14:14">
      <c r="N366720" s="10"/>
    </row>
    <row r="366721" spans="14:14">
      <c r="N366721" s="10"/>
    </row>
    <row r="366722" spans="14:14">
      <c r="N366722" s="10"/>
    </row>
    <row r="366723" spans="14:14">
      <c r="N366723" s="10"/>
    </row>
    <row r="366724" spans="14:14">
      <c r="N366724" s="10"/>
    </row>
    <row r="366725" spans="14:14">
      <c r="N366725" s="10"/>
    </row>
    <row r="366726" spans="14:14">
      <c r="N366726" s="10"/>
    </row>
    <row r="366727" spans="14:14">
      <c r="N366727" s="10"/>
    </row>
    <row r="366728" spans="14:14">
      <c r="N366728" s="10"/>
    </row>
    <row r="366729" spans="14:14">
      <c r="N366729" s="10"/>
    </row>
    <row r="366730" spans="14:14">
      <c r="N366730" s="10"/>
    </row>
    <row r="366731" spans="14:14">
      <c r="N366731" s="10"/>
    </row>
    <row r="366732" spans="14:14">
      <c r="N366732" s="10"/>
    </row>
    <row r="366733" spans="14:14">
      <c r="N366733" s="10"/>
    </row>
    <row r="366734" spans="14:14">
      <c r="N366734" s="10"/>
    </row>
    <row r="366735" spans="14:14">
      <c r="N366735" s="10"/>
    </row>
    <row r="366736" spans="14:14">
      <c r="N366736" s="10"/>
    </row>
    <row r="366737" spans="14:14">
      <c r="N366737" s="10"/>
    </row>
    <row r="366738" spans="14:14">
      <c r="N366738" s="10"/>
    </row>
    <row r="366739" spans="14:14">
      <c r="N366739" s="10"/>
    </row>
    <row r="366740" spans="14:14">
      <c r="N366740" s="10"/>
    </row>
    <row r="366741" spans="14:14">
      <c r="N366741" s="10"/>
    </row>
    <row r="366742" spans="14:14">
      <c r="N366742" s="10"/>
    </row>
    <row r="366743" spans="14:14">
      <c r="N366743" s="10"/>
    </row>
    <row r="366744" spans="14:14">
      <c r="N366744" s="10"/>
    </row>
    <row r="366745" spans="14:14">
      <c r="N366745" s="10"/>
    </row>
    <row r="366746" spans="14:14">
      <c r="N366746" s="10"/>
    </row>
    <row r="366747" spans="14:14">
      <c r="N366747" s="10"/>
    </row>
    <row r="366748" spans="14:14">
      <c r="N366748" s="10"/>
    </row>
    <row r="366749" spans="14:14">
      <c r="N366749" s="10"/>
    </row>
    <row r="366750" spans="14:14">
      <c r="N366750" s="10"/>
    </row>
    <row r="366751" spans="14:14">
      <c r="N366751" s="10"/>
    </row>
    <row r="366752" spans="14:14">
      <c r="N366752" s="10"/>
    </row>
    <row r="366753" spans="14:14">
      <c r="N366753" s="10"/>
    </row>
    <row r="366754" spans="14:14">
      <c r="N366754" s="10"/>
    </row>
    <row r="366755" spans="14:14">
      <c r="N366755" s="10"/>
    </row>
    <row r="366756" spans="14:14">
      <c r="N366756" s="10"/>
    </row>
    <row r="366757" spans="14:14">
      <c r="N366757" s="10"/>
    </row>
    <row r="366758" spans="14:14">
      <c r="N366758" s="10"/>
    </row>
    <row r="366759" spans="14:14">
      <c r="N366759" s="10"/>
    </row>
    <row r="366760" spans="14:14">
      <c r="N366760" s="10"/>
    </row>
    <row r="366761" spans="14:14">
      <c r="N366761" s="10"/>
    </row>
    <row r="366762" spans="14:14">
      <c r="N366762" s="10"/>
    </row>
    <row r="366763" spans="14:14">
      <c r="N366763" s="10"/>
    </row>
    <row r="366764" spans="14:14">
      <c r="N366764" s="10"/>
    </row>
    <row r="366765" spans="14:14">
      <c r="N366765" s="10"/>
    </row>
    <row r="366766" spans="14:14">
      <c r="N366766" s="10"/>
    </row>
    <row r="366767" spans="14:14">
      <c r="N366767" s="10"/>
    </row>
    <row r="366768" spans="14:14">
      <c r="N366768" s="10"/>
    </row>
    <row r="366769" spans="14:14">
      <c r="N366769" s="10"/>
    </row>
    <row r="366770" spans="14:14">
      <c r="N366770" s="10"/>
    </row>
    <row r="366771" spans="14:14">
      <c r="N366771" s="10"/>
    </row>
    <row r="366772" spans="14:14">
      <c r="N366772" s="10"/>
    </row>
    <row r="366773" spans="14:14">
      <c r="N366773" s="10"/>
    </row>
    <row r="366774" spans="14:14">
      <c r="N366774" s="10"/>
    </row>
    <row r="366775" spans="14:14">
      <c r="N366775" s="10"/>
    </row>
    <row r="366776" spans="14:14">
      <c r="N366776" s="10"/>
    </row>
    <row r="366777" spans="14:14">
      <c r="N366777" s="10"/>
    </row>
    <row r="366778" spans="14:14">
      <c r="N366778" s="10"/>
    </row>
    <row r="366779" spans="14:14">
      <c r="N366779" s="10"/>
    </row>
    <row r="366780" spans="14:14">
      <c r="N366780" s="10"/>
    </row>
    <row r="366781" spans="14:14">
      <c r="N366781" s="10"/>
    </row>
    <row r="366782" spans="14:14">
      <c r="N366782" s="10"/>
    </row>
    <row r="366783" spans="14:14">
      <c r="N366783" s="10"/>
    </row>
    <row r="366784" spans="14:14">
      <c r="N366784" s="10"/>
    </row>
    <row r="366785" spans="14:14">
      <c r="N366785" s="10"/>
    </row>
    <row r="366786" spans="14:14">
      <c r="N366786" s="10"/>
    </row>
    <row r="366787" spans="14:14">
      <c r="N366787" s="10"/>
    </row>
    <row r="366788" spans="14:14">
      <c r="N366788" s="10"/>
    </row>
    <row r="366789" spans="14:14">
      <c r="N366789" s="10"/>
    </row>
    <row r="366790" spans="14:14">
      <c r="N366790" s="10"/>
    </row>
    <row r="366791" spans="14:14">
      <c r="N366791" s="10"/>
    </row>
    <row r="366792" spans="14:14">
      <c r="N366792" s="10"/>
    </row>
    <row r="366793" spans="14:14">
      <c r="N366793" s="10"/>
    </row>
    <row r="366794" spans="14:14">
      <c r="N366794" s="10"/>
    </row>
    <row r="366795" spans="14:14">
      <c r="N366795" s="10"/>
    </row>
    <row r="366796" spans="14:14">
      <c r="N366796" s="10"/>
    </row>
    <row r="366797" spans="14:14">
      <c r="N366797" s="10"/>
    </row>
    <row r="366798" spans="14:14">
      <c r="N366798" s="10"/>
    </row>
    <row r="366799" spans="14:14">
      <c r="N366799" s="10"/>
    </row>
    <row r="366800" spans="14:14">
      <c r="N366800" s="10"/>
    </row>
    <row r="366801" spans="14:14">
      <c r="N366801" s="10"/>
    </row>
    <row r="366802" spans="14:14">
      <c r="N366802" s="10"/>
    </row>
    <row r="366803" spans="14:14">
      <c r="N366803" s="10"/>
    </row>
    <row r="366804" spans="14:14">
      <c r="N366804" s="10"/>
    </row>
    <row r="366805" spans="14:14">
      <c r="N366805" s="10"/>
    </row>
    <row r="366806" spans="14:14">
      <c r="N366806" s="10"/>
    </row>
    <row r="366807" spans="14:14">
      <c r="N366807" s="10"/>
    </row>
    <row r="366808" spans="14:14">
      <c r="N366808" s="10"/>
    </row>
    <row r="366809" spans="14:14">
      <c r="N366809" s="10"/>
    </row>
    <row r="366810" spans="14:14">
      <c r="N366810" s="10"/>
    </row>
    <row r="366811" spans="14:14">
      <c r="N366811" s="10"/>
    </row>
    <row r="366812" spans="14:14">
      <c r="N366812" s="10"/>
    </row>
    <row r="366813" spans="14:14">
      <c r="N366813" s="10"/>
    </row>
    <row r="366814" spans="14:14">
      <c r="N366814" s="10"/>
    </row>
    <row r="366815" spans="14:14">
      <c r="N366815" s="10"/>
    </row>
    <row r="366816" spans="14:14">
      <c r="N366816" s="10"/>
    </row>
    <row r="366817" spans="14:14">
      <c r="N366817" s="10"/>
    </row>
    <row r="366818" spans="14:14">
      <c r="N366818" s="10"/>
    </row>
    <row r="366819" spans="14:14">
      <c r="N366819" s="10"/>
    </row>
    <row r="366820" spans="14:14">
      <c r="N366820" s="10"/>
    </row>
    <row r="366821" spans="14:14">
      <c r="N366821" s="10"/>
    </row>
    <row r="366822" spans="14:14">
      <c r="N366822" s="10"/>
    </row>
    <row r="366823" spans="14:14">
      <c r="N366823" s="10"/>
    </row>
    <row r="366824" spans="14:14">
      <c r="N366824" s="10"/>
    </row>
    <row r="366825" spans="14:14">
      <c r="N366825" s="10"/>
    </row>
    <row r="366826" spans="14:14">
      <c r="N366826" s="10"/>
    </row>
    <row r="366827" spans="14:14">
      <c r="N366827" s="10"/>
    </row>
    <row r="366828" spans="14:14">
      <c r="N366828" s="10"/>
    </row>
    <row r="366829" spans="14:14">
      <c r="N366829" s="10"/>
    </row>
    <row r="366830" spans="14:14">
      <c r="N366830" s="10"/>
    </row>
    <row r="366831" spans="14:14">
      <c r="N366831" s="10"/>
    </row>
    <row r="366832" spans="14:14">
      <c r="N366832" s="10"/>
    </row>
    <row r="366833" spans="14:14">
      <c r="N366833" s="10"/>
    </row>
    <row r="366834" spans="14:14">
      <c r="N366834" s="10"/>
    </row>
    <row r="366835" spans="14:14">
      <c r="N366835" s="10"/>
    </row>
    <row r="366836" spans="14:14">
      <c r="N366836" s="10"/>
    </row>
    <row r="366837" spans="14:14">
      <c r="N366837" s="10"/>
    </row>
    <row r="366838" spans="14:14">
      <c r="N366838" s="10"/>
    </row>
    <row r="366839" spans="14:14">
      <c r="N366839" s="10"/>
    </row>
    <row r="366840" spans="14:14">
      <c r="N366840" s="10"/>
    </row>
    <row r="366841" spans="14:14">
      <c r="N366841" s="10"/>
    </row>
    <row r="366842" spans="14:14">
      <c r="N366842" s="10"/>
    </row>
    <row r="366843" spans="14:14">
      <c r="N366843" s="10"/>
    </row>
    <row r="366844" spans="14:14">
      <c r="N366844" s="10"/>
    </row>
    <row r="366845" spans="14:14">
      <c r="N366845" s="10"/>
    </row>
    <row r="366846" spans="14:14">
      <c r="N366846" s="10"/>
    </row>
    <row r="366847" spans="14:14">
      <c r="N366847" s="10"/>
    </row>
    <row r="366848" spans="14:14">
      <c r="N366848" s="10"/>
    </row>
    <row r="366849" spans="14:14">
      <c r="N366849" s="10"/>
    </row>
    <row r="366850" spans="14:14">
      <c r="N366850" s="10"/>
    </row>
    <row r="366851" spans="14:14">
      <c r="N366851" s="10"/>
    </row>
    <row r="366852" spans="14:14">
      <c r="N366852" s="10"/>
    </row>
    <row r="366853" spans="14:14">
      <c r="N366853" s="10"/>
    </row>
    <row r="366854" spans="14:14">
      <c r="N366854" s="10"/>
    </row>
    <row r="366855" spans="14:14">
      <c r="N366855" s="10"/>
    </row>
    <row r="366856" spans="14:14">
      <c r="N366856" s="10"/>
    </row>
    <row r="366857" spans="14:14">
      <c r="N366857" s="10"/>
    </row>
    <row r="366858" spans="14:14">
      <c r="N366858" s="10"/>
    </row>
    <row r="366859" spans="14:14">
      <c r="N366859" s="10"/>
    </row>
    <row r="366860" spans="14:14">
      <c r="N366860" s="10"/>
    </row>
    <row r="366861" spans="14:14">
      <c r="N366861" s="10"/>
    </row>
    <row r="366862" spans="14:14">
      <c r="N366862" s="10"/>
    </row>
    <row r="366863" spans="14:14">
      <c r="N366863" s="10"/>
    </row>
    <row r="366864" spans="14:14">
      <c r="N366864" s="10"/>
    </row>
    <row r="366865" spans="14:14">
      <c r="N366865" s="10"/>
    </row>
    <row r="366866" spans="14:14">
      <c r="N366866" s="10"/>
    </row>
    <row r="366867" spans="14:14">
      <c r="N366867" s="10"/>
    </row>
    <row r="366868" spans="14:14">
      <c r="N366868" s="10"/>
    </row>
    <row r="366869" spans="14:14">
      <c r="N366869" s="10"/>
    </row>
    <row r="366870" spans="14:14">
      <c r="N366870" s="10"/>
    </row>
    <row r="366871" spans="14:14">
      <c r="N366871" s="10"/>
    </row>
    <row r="366872" spans="14:14">
      <c r="N366872" s="10"/>
    </row>
    <row r="366873" spans="14:14">
      <c r="N366873" s="10"/>
    </row>
    <row r="366874" spans="14:14">
      <c r="N366874" s="10"/>
    </row>
    <row r="366875" spans="14:14">
      <c r="N366875" s="10"/>
    </row>
    <row r="366876" spans="14:14">
      <c r="N366876" s="10"/>
    </row>
    <row r="366877" spans="14:14">
      <c r="N366877" s="10"/>
    </row>
    <row r="366878" spans="14:14">
      <c r="N366878" s="10"/>
    </row>
    <row r="366879" spans="14:14">
      <c r="N366879" s="10"/>
    </row>
    <row r="366880" spans="14:14">
      <c r="N366880" s="10"/>
    </row>
    <row r="366881" spans="14:14">
      <c r="N366881" s="10"/>
    </row>
    <row r="366882" spans="14:14">
      <c r="N366882" s="10"/>
    </row>
    <row r="366883" spans="14:14">
      <c r="N366883" s="10"/>
    </row>
    <row r="366884" spans="14:14">
      <c r="N366884" s="10"/>
    </row>
    <row r="366885" spans="14:14">
      <c r="N366885" s="10"/>
    </row>
    <row r="366886" spans="14:14">
      <c r="N366886" s="10"/>
    </row>
    <row r="366887" spans="14:14">
      <c r="N366887" s="10"/>
    </row>
    <row r="366888" spans="14:14">
      <c r="N366888" s="10"/>
    </row>
    <row r="366889" spans="14:14">
      <c r="N366889" s="10"/>
    </row>
    <row r="366890" spans="14:14">
      <c r="N366890" s="10"/>
    </row>
    <row r="366891" spans="14:14">
      <c r="N366891" s="10"/>
    </row>
    <row r="366892" spans="14:14">
      <c r="N366892" s="10"/>
    </row>
    <row r="366893" spans="14:14">
      <c r="N366893" s="10"/>
    </row>
    <row r="366894" spans="14:14">
      <c r="N366894" s="10"/>
    </row>
    <row r="366895" spans="14:14">
      <c r="N366895" s="10"/>
    </row>
    <row r="366896" spans="14:14">
      <c r="N366896" s="10"/>
    </row>
    <row r="366897" spans="14:14">
      <c r="N366897" s="10"/>
    </row>
    <row r="366898" spans="14:14">
      <c r="N366898" s="10"/>
    </row>
    <row r="366899" spans="14:14">
      <c r="N366899" s="10"/>
    </row>
    <row r="366900" spans="14:14">
      <c r="N366900" s="10"/>
    </row>
    <row r="366901" spans="14:14">
      <c r="N366901" s="10"/>
    </row>
    <row r="366902" spans="14:14">
      <c r="N366902" s="10"/>
    </row>
    <row r="366903" spans="14:14">
      <c r="N366903" s="10"/>
    </row>
    <row r="366904" spans="14:14">
      <c r="N366904" s="10"/>
    </row>
    <row r="366905" spans="14:14">
      <c r="N366905" s="10"/>
    </row>
    <row r="366906" spans="14:14">
      <c r="N366906" s="10"/>
    </row>
    <row r="366907" spans="14:14">
      <c r="N366907" s="10"/>
    </row>
    <row r="366908" spans="14:14">
      <c r="N366908" s="10"/>
    </row>
    <row r="366909" spans="14:14">
      <c r="N366909" s="10"/>
    </row>
    <row r="366910" spans="14:14">
      <c r="N366910" s="10"/>
    </row>
    <row r="366911" spans="14:14">
      <c r="N366911" s="10"/>
    </row>
    <row r="366912" spans="14:14">
      <c r="N366912" s="10"/>
    </row>
    <row r="366913" spans="14:14">
      <c r="N366913" s="10"/>
    </row>
    <row r="366914" spans="14:14">
      <c r="N366914" s="10"/>
    </row>
    <row r="366915" spans="14:14">
      <c r="N366915" s="10"/>
    </row>
    <row r="366916" spans="14:14">
      <c r="N366916" s="10"/>
    </row>
    <row r="366917" spans="14:14">
      <c r="N366917" s="10"/>
    </row>
    <row r="366918" spans="14:14">
      <c r="N366918" s="10"/>
    </row>
    <row r="366919" spans="14:14">
      <c r="N366919" s="10"/>
    </row>
    <row r="366920" spans="14:14">
      <c r="N366920" s="10"/>
    </row>
    <row r="366921" spans="14:14">
      <c r="N366921" s="10"/>
    </row>
    <row r="366922" spans="14:14">
      <c r="N366922" s="10"/>
    </row>
    <row r="366923" spans="14:14">
      <c r="N366923" s="10"/>
    </row>
    <row r="366924" spans="14:14">
      <c r="N366924" s="10"/>
    </row>
    <row r="366925" spans="14:14">
      <c r="N366925" s="10"/>
    </row>
    <row r="366926" spans="14:14">
      <c r="N366926" s="10"/>
    </row>
    <row r="366927" spans="14:14">
      <c r="N366927" s="10"/>
    </row>
    <row r="366928" spans="14:14">
      <c r="N366928" s="10"/>
    </row>
    <row r="366929" spans="14:14">
      <c r="N366929" s="10"/>
    </row>
    <row r="366930" spans="14:14">
      <c r="N366930" s="10"/>
    </row>
    <row r="366931" spans="14:14">
      <c r="N366931" s="10"/>
    </row>
    <row r="366932" spans="14:14">
      <c r="N366932" s="10"/>
    </row>
    <row r="366933" spans="14:14">
      <c r="N366933" s="10"/>
    </row>
    <row r="366934" spans="14:14">
      <c r="N366934" s="10"/>
    </row>
    <row r="366935" spans="14:14">
      <c r="N366935" s="10"/>
    </row>
    <row r="366936" spans="14:14">
      <c r="N366936" s="10"/>
    </row>
    <row r="366937" spans="14:14">
      <c r="N366937" s="10"/>
    </row>
    <row r="366938" spans="14:14">
      <c r="N366938" s="10"/>
    </row>
    <row r="366939" spans="14:14">
      <c r="N366939" s="10"/>
    </row>
    <row r="366940" spans="14:14">
      <c r="N366940" s="10"/>
    </row>
    <row r="366941" spans="14:14">
      <c r="N366941" s="10"/>
    </row>
    <row r="366942" spans="14:14">
      <c r="N366942" s="10"/>
    </row>
    <row r="366943" spans="14:14">
      <c r="N366943" s="10"/>
    </row>
    <row r="366944" spans="14:14">
      <c r="N366944" s="10"/>
    </row>
    <row r="366945" spans="14:14">
      <c r="N366945" s="10"/>
    </row>
    <row r="366946" spans="14:14">
      <c r="N366946" s="10"/>
    </row>
    <row r="366947" spans="14:14">
      <c r="N366947" s="10"/>
    </row>
    <row r="366948" spans="14:14">
      <c r="N366948" s="10"/>
    </row>
    <row r="366949" spans="14:14">
      <c r="N366949" s="10"/>
    </row>
    <row r="366950" spans="14:14">
      <c r="N366950" s="10"/>
    </row>
    <row r="366951" spans="14:14">
      <c r="N366951" s="10"/>
    </row>
    <row r="366952" spans="14:14">
      <c r="N366952" s="10"/>
    </row>
    <row r="366953" spans="14:14">
      <c r="N366953" s="10"/>
    </row>
    <row r="366954" spans="14:14">
      <c r="N366954" s="10"/>
    </row>
    <row r="366955" spans="14:14">
      <c r="N366955" s="10"/>
    </row>
    <row r="366956" spans="14:14">
      <c r="N366956" s="10"/>
    </row>
    <row r="366957" spans="14:14">
      <c r="N366957" s="10"/>
    </row>
    <row r="366958" spans="14:14">
      <c r="N366958" s="10"/>
    </row>
    <row r="366959" spans="14:14">
      <c r="N366959" s="10"/>
    </row>
    <row r="366960" spans="14:14">
      <c r="N366960" s="10"/>
    </row>
    <row r="366961" spans="14:14">
      <c r="N366961" s="10"/>
    </row>
    <row r="366962" spans="14:14">
      <c r="N366962" s="10"/>
    </row>
    <row r="366963" spans="14:14">
      <c r="N366963" s="10"/>
    </row>
    <row r="366964" spans="14:14">
      <c r="N366964" s="10"/>
    </row>
    <row r="366965" spans="14:14">
      <c r="N366965" s="10"/>
    </row>
    <row r="366966" spans="14:14">
      <c r="N366966" s="10"/>
    </row>
    <row r="366967" spans="14:14">
      <c r="N366967" s="10"/>
    </row>
    <row r="366968" spans="14:14">
      <c r="N366968" s="10"/>
    </row>
    <row r="366969" spans="14:14">
      <c r="N366969" s="10"/>
    </row>
    <row r="366970" spans="14:14">
      <c r="N366970" s="10"/>
    </row>
    <row r="366971" spans="14:14">
      <c r="N366971" s="10"/>
    </row>
    <row r="366972" spans="14:14">
      <c r="N366972" s="10"/>
    </row>
    <row r="366973" spans="14:14">
      <c r="N366973" s="10"/>
    </row>
    <row r="366974" spans="14:14">
      <c r="N366974" s="10"/>
    </row>
    <row r="366975" spans="14:14">
      <c r="N366975" s="10"/>
    </row>
    <row r="366976" spans="14:14">
      <c r="N366976" s="10"/>
    </row>
    <row r="366977" spans="14:14">
      <c r="N366977" s="10"/>
    </row>
    <row r="366978" spans="14:14">
      <c r="N366978" s="10"/>
    </row>
    <row r="366979" spans="14:14">
      <c r="N366979" s="10"/>
    </row>
    <row r="366980" spans="14:14">
      <c r="N366980" s="10"/>
    </row>
    <row r="366981" spans="14:14">
      <c r="N366981" s="10"/>
    </row>
    <row r="366982" spans="14:14">
      <c r="N366982" s="10"/>
    </row>
    <row r="366983" spans="14:14">
      <c r="N366983" s="10"/>
    </row>
    <row r="366984" spans="14:14">
      <c r="N366984" s="10"/>
    </row>
    <row r="366985" spans="14:14">
      <c r="N366985" s="10"/>
    </row>
    <row r="366986" spans="14:14">
      <c r="N366986" s="10"/>
    </row>
    <row r="366987" spans="14:14">
      <c r="N366987" s="10"/>
    </row>
    <row r="366988" spans="14:14">
      <c r="N366988" s="10"/>
    </row>
    <row r="366989" spans="14:14">
      <c r="N366989" s="10"/>
    </row>
    <row r="366990" spans="14:14">
      <c r="N366990" s="10"/>
    </row>
    <row r="366991" spans="14:14">
      <c r="N366991" s="10"/>
    </row>
    <row r="366992" spans="14:14">
      <c r="N366992" s="10"/>
    </row>
    <row r="366993" spans="14:14">
      <c r="N366993" s="10"/>
    </row>
    <row r="366994" spans="14:14">
      <c r="N366994" s="10"/>
    </row>
    <row r="366995" spans="14:14">
      <c r="N366995" s="10"/>
    </row>
    <row r="366996" spans="14:14">
      <c r="N366996" s="10"/>
    </row>
    <row r="366997" spans="14:14">
      <c r="N366997" s="10"/>
    </row>
    <row r="366998" spans="14:14">
      <c r="N366998" s="10"/>
    </row>
    <row r="366999" spans="14:14">
      <c r="N366999" s="10"/>
    </row>
    <row r="367000" spans="14:14">
      <c r="N367000" s="10"/>
    </row>
    <row r="367001" spans="14:14">
      <c r="N367001" s="10"/>
    </row>
    <row r="367002" spans="14:14">
      <c r="N367002" s="10"/>
    </row>
    <row r="367003" spans="14:14">
      <c r="N367003" s="10"/>
    </row>
    <row r="367004" spans="14:14">
      <c r="N367004" s="10"/>
    </row>
    <row r="367005" spans="14:14">
      <c r="N367005" s="10"/>
    </row>
    <row r="367006" spans="14:14">
      <c r="N367006" s="10"/>
    </row>
    <row r="367007" spans="14:14">
      <c r="N367007" s="10"/>
    </row>
    <row r="367008" spans="14:14">
      <c r="N367008" s="10"/>
    </row>
    <row r="367009" spans="14:14">
      <c r="N367009" s="10"/>
    </row>
    <row r="367010" spans="14:14">
      <c r="N367010" s="10"/>
    </row>
    <row r="367011" spans="14:14">
      <c r="N367011" s="10"/>
    </row>
    <row r="367012" spans="14:14">
      <c r="N367012" s="10"/>
    </row>
    <row r="367013" spans="14:14">
      <c r="N367013" s="10"/>
    </row>
    <row r="367014" spans="14:14">
      <c r="N367014" s="10"/>
    </row>
    <row r="367015" spans="14:14">
      <c r="N367015" s="10"/>
    </row>
    <row r="367016" spans="14:14">
      <c r="N367016" s="10"/>
    </row>
    <row r="367017" spans="14:14">
      <c r="N367017" s="10"/>
    </row>
    <row r="367018" spans="14:14">
      <c r="N367018" s="10"/>
    </row>
    <row r="367019" spans="14:14">
      <c r="N367019" s="10"/>
    </row>
    <row r="367020" spans="14:14">
      <c r="N367020" s="10"/>
    </row>
    <row r="367021" spans="14:14">
      <c r="N367021" s="10"/>
    </row>
    <row r="367022" spans="14:14">
      <c r="N367022" s="10"/>
    </row>
    <row r="367023" spans="14:14">
      <c r="N367023" s="10"/>
    </row>
    <row r="367024" spans="14:14">
      <c r="N367024" s="10"/>
    </row>
    <row r="367025" spans="14:14">
      <c r="N367025" s="10"/>
    </row>
    <row r="367026" spans="14:14">
      <c r="N367026" s="10"/>
    </row>
    <row r="367027" spans="14:14">
      <c r="N367027" s="10"/>
    </row>
    <row r="367028" spans="14:14">
      <c r="N367028" s="10"/>
    </row>
    <row r="367029" spans="14:14">
      <c r="N367029" s="10"/>
    </row>
    <row r="367030" spans="14:14">
      <c r="N367030" s="10"/>
    </row>
    <row r="367031" spans="14:14">
      <c r="N367031" s="10"/>
    </row>
    <row r="367032" spans="14:14">
      <c r="N367032" s="10"/>
    </row>
    <row r="367033" spans="14:14">
      <c r="N367033" s="10"/>
    </row>
    <row r="367034" spans="14:14">
      <c r="N367034" s="10"/>
    </row>
    <row r="367035" spans="14:14">
      <c r="N367035" s="10"/>
    </row>
    <row r="367036" spans="14:14">
      <c r="N367036" s="10"/>
    </row>
    <row r="367037" spans="14:14">
      <c r="N367037" s="10"/>
    </row>
    <row r="367038" spans="14:14">
      <c r="N367038" s="10"/>
    </row>
    <row r="367039" spans="14:14">
      <c r="N367039" s="10"/>
    </row>
    <row r="367040" spans="14:14">
      <c r="N367040" s="10"/>
    </row>
    <row r="367041" spans="14:14">
      <c r="N367041" s="10"/>
    </row>
    <row r="367042" spans="14:14">
      <c r="N367042" s="10"/>
    </row>
    <row r="367043" spans="14:14">
      <c r="N367043" s="10"/>
    </row>
    <row r="367044" spans="14:14">
      <c r="N367044" s="10"/>
    </row>
    <row r="367045" spans="14:14">
      <c r="N367045" s="10"/>
    </row>
    <row r="367046" spans="14:14">
      <c r="N367046" s="10"/>
    </row>
    <row r="367047" spans="14:14">
      <c r="N367047" s="10"/>
    </row>
    <row r="367048" spans="14:14">
      <c r="N367048" s="10"/>
    </row>
    <row r="367049" spans="14:14">
      <c r="N367049" s="10"/>
    </row>
    <row r="367050" spans="14:14">
      <c r="N367050" s="10"/>
    </row>
    <row r="367051" spans="14:14">
      <c r="N367051" s="10"/>
    </row>
    <row r="367052" spans="14:14">
      <c r="N367052" s="10"/>
    </row>
    <row r="367053" spans="14:14">
      <c r="N367053" s="10"/>
    </row>
    <row r="367054" spans="14:14">
      <c r="N367054" s="10"/>
    </row>
    <row r="367055" spans="14:14">
      <c r="N367055" s="10"/>
    </row>
    <row r="367056" spans="14:14">
      <c r="N367056" s="10"/>
    </row>
    <row r="367057" spans="14:14">
      <c r="N367057" s="10"/>
    </row>
    <row r="367058" spans="14:14">
      <c r="N367058" s="10"/>
    </row>
    <row r="367059" spans="14:14">
      <c r="N367059" s="10"/>
    </row>
    <row r="367060" spans="14:14">
      <c r="N367060" s="10"/>
    </row>
    <row r="367061" spans="14:14">
      <c r="N367061" s="10"/>
    </row>
    <row r="367062" spans="14:14">
      <c r="N367062" s="10"/>
    </row>
    <row r="367063" spans="14:14">
      <c r="N367063" s="10"/>
    </row>
    <row r="367064" spans="14:14">
      <c r="N367064" s="10"/>
    </row>
    <row r="367065" spans="14:14">
      <c r="N367065" s="10"/>
    </row>
    <row r="367066" spans="14:14">
      <c r="N367066" s="10"/>
    </row>
    <row r="367067" spans="14:14">
      <c r="N367067" s="10"/>
    </row>
    <row r="367068" spans="14:14">
      <c r="N367068" s="10"/>
    </row>
    <row r="367069" spans="14:14">
      <c r="N367069" s="10"/>
    </row>
    <row r="367070" spans="14:14">
      <c r="N367070" s="10"/>
    </row>
    <row r="367071" spans="14:14">
      <c r="N367071" s="10"/>
    </row>
    <row r="367072" spans="14:14">
      <c r="N367072" s="10"/>
    </row>
    <row r="367073" spans="14:14">
      <c r="N367073" s="10"/>
    </row>
    <row r="367074" spans="14:14">
      <c r="N367074" s="10"/>
    </row>
    <row r="367075" spans="14:14">
      <c r="N367075" s="10"/>
    </row>
    <row r="367076" spans="14:14">
      <c r="N367076" s="10"/>
    </row>
    <row r="367077" spans="14:14">
      <c r="N367077" s="10"/>
    </row>
    <row r="367078" spans="14:14">
      <c r="N367078" s="10"/>
    </row>
    <row r="367079" spans="14:14">
      <c r="N367079" s="10"/>
    </row>
    <row r="367080" spans="14:14">
      <c r="N367080" s="10"/>
    </row>
    <row r="367081" spans="14:14">
      <c r="N367081" s="10"/>
    </row>
    <row r="367082" spans="14:14">
      <c r="N367082" s="10"/>
    </row>
    <row r="367083" spans="14:14">
      <c r="N367083" s="10"/>
    </row>
    <row r="367084" spans="14:14">
      <c r="N367084" s="10"/>
    </row>
    <row r="367085" spans="14:14">
      <c r="N367085" s="10"/>
    </row>
    <row r="367086" spans="14:14">
      <c r="N367086" s="10"/>
    </row>
    <row r="367087" spans="14:14">
      <c r="N367087" s="10"/>
    </row>
    <row r="367088" spans="14:14">
      <c r="N367088" s="10"/>
    </row>
    <row r="367089" spans="14:14">
      <c r="N367089" s="10"/>
    </row>
    <row r="367090" spans="14:14">
      <c r="N367090" s="10"/>
    </row>
    <row r="367091" spans="14:14">
      <c r="N367091" s="10"/>
    </row>
    <row r="367092" spans="14:14">
      <c r="N367092" s="10"/>
    </row>
    <row r="367093" spans="14:14">
      <c r="N367093" s="10"/>
    </row>
    <row r="367094" spans="14:14">
      <c r="N367094" s="10"/>
    </row>
    <row r="367095" spans="14:14">
      <c r="N367095" s="10"/>
    </row>
    <row r="367096" spans="14:14">
      <c r="N367096" s="10"/>
    </row>
    <row r="367097" spans="14:14">
      <c r="N367097" s="10"/>
    </row>
    <row r="367098" spans="14:14">
      <c r="N367098" s="10"/>
    </row>
    <row r="367099" spans="14:14">
      <c r="N367099" s="10"/>
    </row>
    <row r="367100" spans="14:14">
      <c r="N367100" s="10"/>
    </row>
    <row r="367101" spans="14:14">
      <c r="N367101" s="10"/>
    </row>
    <row r="367102" spans="14:14">
      <c r="N367102" s="10"/>
    </row>
    <row r="367103" spans="14:14">
      <c r="N367103" s="10"/>
    </row>
    <row r="367104" spans="14:14">
      <c r="N367104" s="10"/>
    </row>
    <row r="367105" spans="14:14">
      <c r="N367105" s="10"/>
    </row>
    <row r="367106" spans="14:14">
      <c r="N367106" s="10"/>
    </row>
    <row r="367107" spans="14:14">
      <c r="N367107" s="10"/>
    </row>
    <row r="367108" spans="14:14">
      <c r="N367108" s="10"/>
    </row>
    <row r="367109" spans="14:14">
      <c r="N367109" s="10"/>
    </row>
    <row r="367110" spans="14:14">
      <c r="N367110" s="10"/>
    </row>
    <row r="367111" spans="14:14">
      <c r="N367111" s="10"/>
    </row>
    <row r="367112" spans="14:14">
      <c r="N367112" s="10"/>
    </row>
    <row r="367113" spans="14:14">
      <c r="N367113" s="10"/>
    </row>
    <row r="367114" spans="14:14">
      <c r="N367114" s="10"/>
    </row>
    <row r="367115" spans="14:14">
      <c r="N367115" s="10"/>
    </row>
    <row r="367116" spans="14:14">
      <c r="N367116" s="10"/>
    </row>
    <row r="367117" spans="14:14">
      <c r="N367117" s="10"/>
    </row>
    <row r="367118" spans="14:14">
      <c r="N367118" s="10"/>
    </row>
    <row r="367119" spans="14:14">
      <c r="N367119" s="10"/>
    </row>
    <row r="367120" spans="14:14">
      <c r="N367120" s="10"/>
    </row>
    <row r="367121" spans="14:14">
      <c r="N367121" s="10"/>
    </row>
    <row r="367122" spans="14:14">
      <c r="N367122" s="10"/>
    </row>
    <row r="367123" spans="14:14">
      <c r="N367123" s="10"/>
    </row>
    <row r="367124" spans="14:14">
      <c r="N367124" s="10"/>
    </row>
    <row r="367125" spans="14:14">
      <c r="N367125" s="10"/>
    </row>
    <row r="367126" spans="14:14">
      <c r="N367126" s="10"/>
    </row>
    <row r="367127" spans="14:14">
      <c r="N367127" s="10"/>
    </row>
    <row r="367128" spans="14:14">
      <c r="N367128" s="10"/>
    </row>
    <row r="367129" spans="14:14">
      <c r="N367129" s="10"/>
    </row>
    <row r="367130" spans="14:14">
      <c r="N367130" s="10"/>
    </row>
    <row r="367131" spans="14:14">
      <c r="N367131" s="10"/>
    </row>
    <row r="367132" spans="14:14">
      <c r="N367132" s="10"/>
    </row>
    <row r="367133" spans="14:14">
      <c r="N367133" s="10"/>
    </row>
    <row r="367134" spans="14:14">
      <c r="N367134" s="10"/>
    </row>
    <row r="367135" spans="14:14">
      <c r="N367135" s="10"/>
    </row>
    <row r="367136" spans="14:14">
      <c r="N367136" s="10"/>
    </row>
    <row r="367137" spans="14:14">
      <c r="N367137" s="10"/>
    </row>
    <row r="367138" spans="14:14">
      <c r="N367138" s="10"/>
    </row>
    <row r="367139" spans="14:14">
      <c r="N367139" s="10"/>
    </row>
    <row r="367140" spans="14:14">
      <c r="N367140" s="10"/>
    </row>
    <row r="367141" spans="14:14">
      <c r="N367141" s="10"/>
    </row>
    <row r="367142" spans="14:14">
      <c r="N367142" s="10"/>
    </row>
    <row r="367143" spans="14:14">
      <c r="N367143" s="10"/>
    </row>
    <row r="367144" spans="14:14">
      <c r="N367144" s="10"/>
    </row>
    <row r="367145" spans="14:14">
      <c r="N367145" s="10"/>
    </row>
    <row r="367146" spans="14:14">
      <c r="N367146" s="10"/>
    </row>
    <row r="367147" spans="14:14">
      <c r="N367147" s="10"/>
    </row>
    <row r="367148" spans="14:14">
      <c r="N367148" s="10"/>
    </row>
    <row r="367149" spans="14:14">
      <c r="N367149" s="10"/>
    </row>
    <row r="367150" spans="14:14">
      <c r="N367150" s="10"/>
    </row>
    <row r="367151" spans="14:14">
      <c r="N367151" s="10"/>
    </row>
    <row r="367152" spans="14:14">
      <c r="N367152" s="10"/>
    </row>
    <row r="367153" spans="14:14">
      <c r="N367153" s="10"/>
    </row>
    <row r="367154" spans="14:14">
      <c r="N367154" s="10"/>
    </row>
    <row r="367155" spans="14:14">
      <c r="N367155" s="10"/>
    </row>
    <row r="367156" spans="14:14">
      <c r="N367156" s="10"/>
    </row>
    <row r="367157" spans="14:14">
      <c r="N367157" s="10"/>
    </row>
    <row r="367158" spans="14:14">
      <c r="N367158" s="10"/>
    </row>
    <row r="367159" spans="14:14">
      <c r="N367159" s="10"/>
    </row>
    <row r="367160" spans="14:14">
      <c r="N367160" s="10"/>
    </row>
    <row r="367161" spans="14:14">
      <c r="N367161" s="10"/>
    </row>
    <row r="367162" spans="14:14">
      <c r="N367162" s="10"/>
    </row>
    <row r="367163" spans="14:14">
      <c r="N367163" s="10"/>
    </row>
    <row r="367164" spans="14:14">
      <c r="N367164" s="10"/>
    </row>
    <row r="367165" spans="14:14">
      <c r="N367165" s="10"/>
    </row>
    <row r="367166" spans="14:14">
      <c r="N367166" s="10"/>
    </row>
    <row r="367167" spans="14:14">
      <c r="N367167" s="10"/>
    </row>
    <row r="367168" spans="14:14">
      <c r="N367168" s="10"/>
    </row>
    <row r="367169" spans="14:14">
      <c r="N367169" s="10"/>
    </row>
    <row r="367170" spans="14:14">
      <c r="N367170" s="10"/>
    </row>
    <row r="367171" spans="14:14">
      <c r="N367171" s="10"/>
    </row>
    <row r="367172" spans="14:14">
      <c r="N367172" s="10"/>
    </row>
    <row r="367173" spans="14:14">
      <c r="N367173" s="10"/>
    </row>
    <row r="367174" spans="14:14">
      <c r="N367174" s="10"/>
    </row>
    <row r="367175" spans="14:14">
      <c r="N367175" s="10"/>
    </row>
    <row r="367176" spans="14:14">
      <c r="N367176" s="10"/>
    </row>
    <row r="367177" spans="14:14">
      <c r="N367177" s="10"/>
    </row>
    <row r="367178" spans="14:14">
      <c r="N367178" s="10"/>
    </row>
    <row r="367179" spans="14:14">
      <c r="N367179" s="10"/>
    </row>
    <row r="367180" spans="14:14">
      <c r="N367180" s="10"/>
    </row>
    <row r="367181" spans="14:14">
      <c r="N367181" s="10"/>
    </row>
    <row r="367182" spans="14:14">
      <c r="N367182" s="10"/>
    </row>
    <row r="367183" spans="14:14">
      <c r="N367183" s="10"/>
    </row>
    <row r="367184" spans="14:14">
      <c r="N367184" s="10"/>
    </row>
    <row r="367185" spans="14:14">
      <c r="N367185" s="10"/>
    </row>
    <row r="367186" spans="14:14">
      <c r="N367186" s="10"/>
    </row>
    <row r="367187" spans="14:14">
      <c r="N367187" s="10"/>
    </row>
    <row r="367188" spans="14:14">
      <c r="N367188" s="10"/>
    </row>
    <row r="367189" spans="14:14">
      <c r="N367189" s="10"/>
    </row>
    <row r="367190" spans="14:14">
      <c r="N367190" s="10"/>
    </row>
    <row r="367191" spans="14:14">
      <c r="N367191" s="10"/>
    </row>
    <row r="367192" spans="14:14">
      <c r="N367192" s="10"/>
    </row>
    <row r="367193" spans="14:14">
      <c r="N367193" s="10"/>
    </row>
    <row r="367194" spans="14:14">
      <c r="N367194" s="10"/>
    </row>
    <row r="367195" spans="14:14">
      <c r="N367195" s="10"/>
    </row>
    <row r="367196" spans="14:14">
      <c r="N367196" s="10"/>
    </row>
    <row r="367197" spans="14:14">
      <c r="N367197" s="10"/>
    </row>
    <row r="367198" spans="14:14">
      <c r="N367198" s="10"/>
    </row>
    <row r="367199" spans="14:14">
      <c r="N367199" s="10"/>
    </row>
    <row r="367200" spans="14:14">
      <c r="N367200" s="10"/>
    </row>
    <row r="367201" spans="14:14">
      <c r="N367201" s="10"/>
    </row>
    <row r="367202" spans="14:14">
      <c r="N367202" s="10"/>
    </row>
    <row r="367203" spans="14:14">
      <c r="N367203" s="10"/>
    </row>
    <row r="367204" spans="14:14">
      <c r="N367204" s="10"/>
    </row>
    <row r="367205" spans="14:14">
      <c r="N367205" s="10"/>
    </row>
    <row r="367206" spans="14:14">
      <c r="N367206" s="10"/>
    </row>
    <row r="367207" spans="14:14">
      <c r="N367207" s="10"/>
    </row>
    <row r="367208" spans="14:14">
      <c r="N367208" s="10"/>
    </row>
    <row r="367209" spans="14:14">
      <c r="N367209" s="10"/>
    </row>
    <row r="367210" spans="14:14">
      <c r="N367210" s="10"/>
    </row>
    <row r="367211" spans="14:14">
      <c r="N367211" s="10"/>
    </row>
    <row r="367212" spans="14:14">
      <c r="N367212" s="10"/>
    </row>
    <row r="367213" spans="14:14">
      <c r="N367213" s="10"/>
    </row>
    <row r="367214" spans="14:14">
      <c r="N367214" s="10"/>
    </row>
    <row r="367215" spans="14:14">
      <c r="N367215" s="10"/>
    </row>
    <row r="367216" spans="14:14">
      <c r="N367216" s="10"/>
    </row>
    <row r="367217" spans="14:14">
      <c r="N367217" s="10"/>
    </row>
    <row r="367218" spans="14:14">
      <c r="N367218" s="10"/>
    </row>
    <row r="367219" spans="14:14">
      <c r="N367219" s="10"/>
    </row>
    <row r="367220" spans="14:14">
      <c r="N367220" s="10"/>
    </row>
    <row r="367221" spans="14:14">
      <c r="N367221" s="10"/>
    </row>
    <row r="367222" spans="14:14">
      <c r="N367222" s="10"/>
    </row>
    <row r="367223" spans="14:14">
      <c r="N367223" s="10"/>
    </row>
    <row r="367224" spans="14:14">
      <c r="N367224" s="10"/>
    </row>
    <row r="367225" spans="14:14">
      <c r="N367225" s="10"/>
    </row>
    <row r="367226" spans="14:14">
      <c r="N367226" s="10"/>
    </row>
    <row r="367227" spans="14:14">
      <c r="N367227" s="10"/>
    </row>
    <row r="367228" spans="14:14">
      <c r="N367228" s="10"/>
    </row>
    <row r="367229" spans="14:14">
      <c r="N367229" s="10"/>
    </row>
    <row r="367230" spans="14:14">
      <c r="N367230" s="10"/>
    </row>
    <row r="367231" spans="14:14">
      <c r="N367231" s="10"/>
    </row>
    <row r="367232" spans="14:14">
      <c r="N367232" s="10"/>
    </row>
    <row r="367233" spans="14:14">
      <c r="N367233" s="10"/>
    </row>
    <row r="367234" spans="14:14">
      <c r="N367234" s="10"/>
    </row>
    <row r="367235" spans="14:14">
      <c r="N367235" s="10"/>
    </row>
    <row r="367236" spans="14:14">
      <c r="N367236" s="10"/>
    </row>
    <row r="367237" spans="14:14">
      <c r="N367237" s="10"/>
    </row>
    <row r="367238" spans="14:14">
      <c r="N367238" s="10"/>
    </row>
    <row r="367239" spans="14:14">
      <c r="N367239" s="10"/>
    </row>
    <row r="367240" spans="14:14">
      <c r="N367240" s="10"/>
    </row>
    <row r="367241" spans="14:14">
      <c r="N367241" s="10"/>
    </row>
    <row r="367242" spans="14:14">
      <c r="N367242" s="10"/>
    </row>
    <row r="367243" spans="14:14">
      <c r="N367243" s="10"/>
    </row>
    <row r="367244" spans="14:14">
      <c r="N367244" s="10"/>
    </row>
    <row r="367245" spans="14:14">
      <c r="N367245" s="10"/>
    </row>
    <row r="367246" spans="14:14">
      <c r="N367246" s="10"/>
    </row>
    <row r="367247" spans="14:14">
      <c r="N367247" s="10"/>
    </row>
    <row r="367248" spans="14:14">
      <c r="N367248" s="10"/>
    </row>
    <row r="367249" spans="14:14">
      <c r="N367249" s="10"/>
    </row>
    <row r="367250" spans="14:14">
      <c r="N367250" s="10"/>
    </row>
    <row r="367251" spans="14:14">
      <c r="N367251" s="10"/>
    </row>
    <row r="367252" spans="14:14">
      <c r="N367252" s="10"/>
    </row>
    <row r="367253" spans="14:14">
      <c r="N367253" s="10"/>
    </row>
    <row r="367254" spans="14:14">
      <c r="N367254" s="10"/>
    </row>
    <row r="367255" spans="14:14">
      <c r="N367255" s="10"/>
    </row>
    <row r="367256" spans="14:14">
      <c r="N367256" s="10"/>
    </row>
    <row r="367257" spans="14:14">
      <c r="N367257" s="10"/>
    </row>
    <row r="367258" spans="14:14">
      <c r="N367258" s="10"/>
    </row>
    <row r="367259" spans="14:14">
      <c r="N367259" s="10"/>
    </row>
    <row r="367260" spans="14:14">
      <c r="N367260" s="10"/>
    </row>
    <row r="367261" spans="14:14">
      <c r="N367261" s="10"/>
    </row>
    <row r="367262" spans="14:14">
      <c r="N367262" s="10"/>
    </row>
    <row r="367263" spans="14:14">
      <c r="N367263" s="10"/>
    </row>
    <row r="367264" spans="14:14">
      <c r="N367264" s="10"/>
    </row>
    <row r="367265" spans="14:14">
      <c r="N367265" s="10"/>
    </row>
    <row r="367266" spans="14:14">
      <c r="N367266" s="10"/>
    </row>
    <row r="367267" spans="14:14">
      <c r="N367267" s="10"/>
    </row>
    <row r="367268" spans="14:14">
      <c r="N367268" s="10"/>
    </row>
    <row r="367269" spans="14:14">
      <c r="N367269" s="10"/>
    </row>
    <row r="367270" spans="14:14">
      <c r="N367270" s="10"/>
    </row>
    <row r="367271" spans="14:14">
      <c r="N367271" s="10"/>
    </row>
    <row r="367272" spans="14:14">
      <c r="N367272" s="10"/>
    </row>
    <row r="367273" spans="14:14">
      <c r="N367273" s="10"/>
    </row>
    <row r="367274" spans="14:14">
      <c r="N367274" s="10"/>
    </row>
    <row r="367275" spans="14:14">
      <c r="N367275" s="10"/>
    </row>
    <row r="367276" spans="14:14">
      <c r="N367276" s="10"/>
    </row>
    <row r="367277" spans="14:14">
      <c r="N367277" s="10"/>
    </row>
    <row r="367278" spans="14:14">
      <c r="N367278" s="10"/>
    </row>
    <row r="367279" spans="14:14">
      <c r="N367279" s="10"/>
    </row>
    <row r="367280" spans="14:14">
      <c r="N367280" s="10"/>
    </row>
    <row r="367281" spans="14:14">
      <c r="N367281" s="10"/>
    </row>
    <row r="367282" spans="14:14">
      <c r="N367282" s="10"/>
    </row>
    <row r="367283" spans="14:14">
      <c r="N367283" s="10"/>
    </row>
    <row r="367284" spans="14:14">
      <c r="N367284" s="10"/>
    </row>
    <row r="367285" spans="14:14">
      <c r="N367285" s="10"/>
    </row>
    <row r="367286" spans="14:14">
      <c r="N367286" s="10"/>
    </row>
    <row r="367287" spans="14:14">
      <c r="N367287" s="10"/>
    </row>
    <row r="367288" spans="14:14">
      <c r="N367288" s="10"/>
    </row>
    <row r="367289" spans="14:14">
      <c r="N367289" s="10"/>
    </row>
    <row r="367290" spans="14:14">
      <c r="N367290" s="10"/>
    </row>
    <row r="367291" spans="14:14">
      <c r="N367291" s="10"/>
    </row>
    <row r="367292" spans="14:14">
      <c r="N367292" s="10"/>
    </row>
    <row r="367293" spans="14:14">
      <c r="N367293" s="10"/>
    </row>
    <row r="367294" spans="14:14">
      <c r="N367294" s="10"/>
    </row>
    <row r="367295" spans="14:14">
      <c r="N367295" s="10"/>
    </row>
    <row r="367296" spans="14:14">
      <c r="N367296" s="10"/>
    </row>
    <row r="367297" spans="14:14">
      <c r="N367297" s="10"/>
    </row>
    <row r="367298" spans="14:14">
      <c r="N367298" s="10"/>
    </row>
    <row r="367299" spans="14:14">
      <c r="N367299" s="10"/>
    </row>
    <row r="367300" spans="14:14">
      <c r="N367300" s="10"/>
    </row>
    <row r="367301" spans="14:14">
      <c r="N367301" s="10"/>
    </row>
    <row r="367302" spans="14:14">
      <c r="N367302" s="10"/>
    </row>
    <row r="367303" spans="14:14">
      <c r="N367303" s="10"/>
    </row>
    <row r="367304" spans="14:14">
      <c r="N367304" s="10"/>
    </row>
    <row r="367305" spans="14:14">
      <c r="N367305" s="10"/>
    </row>
    <row r="367306" spans="14:14">
      <c r="N367306" s="10"/>
    </row>
    <row r="367307" spans="14:14">
      <c r="N367307" s="10"/>
    </row>
    <row r="367308" spans="14:14">
      <c r="N367308" s="10"/>
    </row>
    <row r="367309" spans="14:14">
      <c r="N367309" s="10"/>
    </row>
    <row r="367310" spans="14:14">
      <c r="N367310" s="10"/>
    </row>
    <row r="367311" spans="14:14">
      <c r="N367311" s="10"/>
    </row>
    <row r="367312" spans="14:14">
      <c r="N367312" s="10"/>
    </row>
    <row r="367313" spans="14:14">
      <c r="N367313" s="10"/>
    </row>
    <row r="367314" spans="14:14">
      <c r="N367314" s="10"/>
    </row>
    <row r="367315" spans="14:14">
      <c r="N367315" s="10"/>
    </row>
    <row r="367316" spans="14:14">
      <c r="N367316" s="10"/>
    </row>
    <row r="367317" spans="14:14">
      <c r="N367317" s="10"/>
    </row>
    <row r="367318" spans="14:14">
      <c r="N367318" s="10"/>
    </row>
    <row r="367319" spans="14:14">
      <c r="N367319" s="10"/>
    </row>
    <row r="367320" spans="14:14">
      <c r="N367320" s="10"/>
    </row>
    <row r="367321" spans="14:14">
      <c r="N367321" s="10"/>
    </row>
    <row r="367322" spans="14:14">
      <c r="N367322" s="10"/>
    </row>
    <row r="367323" spans="14:14">
      <c r="N367323" s="10"/>
    </row>
    <row r="367324" spans="14:14">
      <c r="N367324" s="10"/>
    </row>
    <row r="367325" spans="14:14">
      <c r="N367325" s="10"/>
    </row>
    <row r="367326" spans="14:14">
      <c r="N367326" s="10"/>
    </row>
    <row r="367327" spans="14:14">
      <c r="N367327" s="10"/>
    </row>
    <row r="367328" spans="14:14">
      <c r="N367328" s="10"/>
    </row>
    <row r="367329" spans="14:14">
      <c r="N367329" s="10"/>
    </row>
    <row r="367330" spans="14:14">
      <c r="N367330" s="10"/>
    </row>
    <row r="367331" spans="14:14">
      <c r="N367331" s="10"/>
    </row>
    <row r="367332" spans="14:14">
      <c r="N367332" s="10"/>
    </row>
    <row r="367333" spans="14:14">
      <c r="N367333" s="10"/>
    </row>
    <row r="367334" spans="14:14">
      <c r="N367334" s="10"/>
    </row>
    <row r="367335" spans="14:14">
      <c r="N367335" s="10"/>
    </row>
    <row r="367336" spans="14:14">
      <c r="N367336" s="10"/>
    </row>
    <row r="367337" spans="14:14">
      <c r="N367337" s="10"/>
    </row>
    <row r="367338" spans="14:14">
      <c r="N367338" s="10"/>
    </row>
    <row r="367339" spans="14:14">
      <c r="N367339" s="10"/>
    </row>
    <row r="367340" spans="14:14">
      <c r="N367340" s="10"/>
    </row>
    <row r="367341" spans="14:14">
      <c r="N367341" s="10"/>
    </row>
    <row r="367342" spans="14:14">
      <c r="N367342" s="10"/>
    </row>
    <row r="367343" spans="14:14">
      <c r="N367343" s="10"/>
    </row>
    <row r="367344" spans="14:14">
      <c r="N367344" s="10"/>
    </row>
    <row r="367345" spans="14:14">
      <c r="N367345" s="10"/>
    </row>
    <row r="367346" spans="14:14">
      <c r="N367346" s="10"/>
    </row>
    <row r="367347" spans="14:14">
      <c r="N367347" s="10"/>
    </row>
    <row r="367348" spans="14:14">
      <c r="N367348" s="10"/>
    </row>
    <row r="367349" spans="14:14">
      <c r="N367349" s="10"/>
    </row>
    <row r="367350" spans="14:14">
      <c r="N367350" s="10"/>
    </row>
    <row r="367351" spans="14:14">
      <c r="N367351" s="10"/>
    </row>
    <row r="367352" spans="14:14">
      <c r="N367352" s="10"/>
    </row>
    <row r="367353" spans="14:14">
      <c r="N367353" s="10"/>
    </row>
    <row r="367354" spans="14:14">
      <c r="N367354" s="10"/>
    </row>
    <row r="367355" spans="14:14">
      <c r="N367355" s="10"/>
    </row>
    <row r="367356" spans="14:14">
      <c r="N367356" s="10"/>
    </row>
    <row r="367357" spans="14:14">
      <c r="N367357" s="10"/>
    </row>
    <row r="367358" spans="14:14">
      <c r="N367358" s="10"/>
    </row>
    <row r="367359" spans="14:14">
      <c r="N367359" s="10"/>
    </row>
    <row r="367360" spans="14:14">
      <c r="N367360" s="10"/>
    </row>
    <row r="367361" spans="14:14">
      <c r="N367361" s="10"/>
    </row>
    <row r="367362" spans="14:14">
      <c r="N367362" s="10"/>
    </row>
    <row r="367363" spans="14:14">
      <c r="N367363" s="10"/>
    </row>
    <row r="367364" spans="14:14">
      <c r="N367364" s="10"/>
    </row>
    <row r="367365" spans="14:14">
      <c r="N367365" s="10"/>
    </row>
    <row r="367366" spans="14:14">
      <c r="N367366" s="10"/>
    </row>
    <row r="367367" spans="14:14">
      <c r="N367367" s="10"/>
    </row>
    <row r="367368" spans="14:14">
      <c r="N367368" s="10"/>
    </row>
    <row r="367369" spans="14:14">
      <c r="N367369" s="10"/>
    </row>
    <row r="367370" spans="14:14">
      <c r="N367370" s="10"/>
    </row>
    <row r="367371" spans="14:14">
      <c r="N367371" s="10"/>
    </row>
    <row r="367372" spans="14:14">
      <c r="N367372" s="10"/>
    </row>
    <row r="367373" spans="14:14">
      <c r="N367373" s="10"/>
    </row>
    <row r="367374" spans="14:14">
      <c r="N367374" s="10"/>
    </row>
    <row r="367375" spans="14:14">
      <c r="N367375" s="10"/>
    </row>
    <row r="367376" spans="14:14">
      <c r="N367376" s="10"/>
    </row>
    <row r="367377" spans="14:14">
      <c r="N367377" s="10"/>
    </row>
    <row r="367378" spans="14:14">
      <c r="N367378" s="10"/>
    </row>
    <row r="367379" spans="14:14">
      <c r="N367379" s="10"/>
    </row>
    <row r="367380" spans="14:14">
      <c r="N367380" s="10"/>
    </row>
    <row r="367381" spans="14:14">
      <c r="N367381" s="10"/>
    </row>
    <row r="367382" spans="14:14">
      <c r="N367382" s="10"/>
    </row>
    <row r="367383" spans="14:14">
      <c r="N367383" s="10"/>
    </row>
    <row r="367384" spans="14:14">
      <c r="N367384" s="10"/>
    </row>
    <row r="367385" spans="14:14">
      <c r="N367385" s="10"/>
    </row>
    <row r="367386" spans="14:14">
      <c r="N367386" s="10"/>
    </row>
    <row r="367387" spans="14:14">
      <c r="N367387" s="10"/>
    </row>
    <row r="367388" spans="14:14">
      <c r="N367388" s="10"/>
    </row>
    <row r="367389" spans="14:14">
      <c r="N367389" s="10"/>
    </row>
    <row r="367390" spans="14:14">
      <c r="N367390" s="10"/>
    </row>
    <row r="367391" spans="14:14">
      <c r="N367391" s="10"/>
    </row>
    <row r="367392" spans="14:14">
      <c r="N367392" s="10"/>
    </row>
    <row r="367393" spans="14:14">
      <c r="N367393" s="10"/>
    </row>
    <row r="367394" spans="14:14">
      <c r="N367394" s="10"/>
    </row>
    <row r="367395" spans="14:14">
      <c r="N367395" s="10"/>
    </row>
    <row r="367396" spans="14:14">
      <c r="N367396" s="10"/>
    </row>
    <row r="367397" spans="14:14">
      <c r="N367397" s="10"/>
    </row>
    <row r="367398" spans="14:14">
      <c r="N367398" s="10"/>
    </row>
    <row r="367399" spans="14:14">
      <c r="N367399" s="10"/>
    </row>
    <row r="367400" spans="14:14">
      <c r="N367400" s="10"/>
    </row>
    <row r="367401" spans="14:14">
      <c r="N367401" s="10"/>
    </row>
    <row r="367402" spans="14:14">
      <c r="N367402" s="10"/>
    </row>
    <row r="367403" spans="14:14">
      <c r="N367403" s="10"/>
    </row>
    <row r="367404" spans="14:14">
      <c r="N367404" s="10"/>
    </row>
    <row r="367405" spans="14:14">
      <c r="N367405" s="10"/>
    </row>
    <row r="367406" spans="14:14">
      <c r="N367406" s="10"/>
    </row>
    <row r="367407" spans="14:14">
      <c r="N367407" s="10"/>
    </row>
    <row r="367408" spans="14:14">
      <c r="N367408" s="10"/>
    </row>
    <row r="367409" spans="14:14">
      <c r="N367409" s="10"/>
    </row>
    <row r="367410" spans="14:14">
      <c r="N367410" s="10"/>
    </row>
    <row r="367411" spans="14:14">
      <c r="N367411" s="10"/>
    </row>
    <row r="367412" spans="14:14">
      <c r="N367412" s="10"/>
    </row>
    <row r="367413" spans="14:14">
      <c r="N367413" s="10"/>
    </row>
    <row r="367414" spans="14:14">
      <c r="N367414" s="10"/>
    </row>
    <row r="367415" spans="14:14">
      <c r="N367415" s="10"/>
    </row>
    <row r="367416" spans="14:14">
      <c r="N367416" s="10"/>
    </row>
    <row r="367417" spans="14:14">
      <c r="N367417" s="10"/>
    </row>
    <row r="367418" spans="14:14">
      <c r="N367418" s="10"/>
    </row>
    <row r="367419" spans="14:14">
      <c r="N367419" s="10"/>
    </row>
    <row r="367420" spans="14:14">
      <c r="N367420" s="10"/>
    </row>
    <row r="367421" spans="14:14">
      <c r="N367421" s="10"/>
    </row>
    <row r="367422" spans="14:14">
      <c r="N367422" s="10"/>
    </row>
    <row r="367423" spans="14:14">
      <c r="N367423" s="10"/>
    </row>
    <row r="367424" spans="14:14">
      <c r="N367424" s="10"/>
    </row>
    <row r="367425" spans="14:14">
      <c r="N367425" s="10"/>
    </row>
    <row r="367426" spans="14:14">
      <c r="N367426" s="10"/>
    </row>
    <row r="367427" spans="14:14">
      <c r="N367427" s="10"/>
    </row>
    <row r="367428" spans="14:14">
      <c r="N367428" s="10"/>
    </row>
    <row r="367429" spans="14:14">
      <c r="N367429" s="10"/>
    </row>
    <row r="367430" spans="14:14">
      <c r="N367430" s="10"/>
    </row>
    <row r="367431" spans="14:14">
      <c r="N367431" s="10"/>
    </row>
    <row r="367432" spans="14:14">
      <c r="N367432" s="10"/>
    </row>
    <row r="367433" spans="14:14">
      <c r="N367433" s="10"/>
    </row>
    <row r="367434" spans="14:14">
      <c r="N367434" s="10"/>
    </row>
    <row r="367435" spans="14:14">
      <c r="N367435" s="10"/>
    </row>
    <row r="367436" spans="14:14">
      <c r="N367436" s="10"/>
    </row>
    <row r="367437" spans="14:14">
      <c r="N367437" s="10"/>
    </row>
    <row r="367438" spans="14:14">
      <c r="N367438" s="10"/>
    </row>
    <row r="367439" spans="14:14">
      <c r="N367439" s="10"/>
    </row>
    <row r="367440" spans="14:14">
      <c r="N367440" s="10"/>
    </row>
    <row r="367441" spans="14:14">
      <c r="N367441" s="10"/>
    </row>
    <row r="367442" spans="14:14">
      <c r="N367442" s="10"/>
    </row>
    <row r="367443" spans="14:14">
      <c r="N367443" s="10"/>
    </row>
    <row r="367444" spans="14:14">
      <c r="N367444" s="10"/>
    </row>
    <row r="367445" spans="14:14">
      <c r="N367445" s="10"/>
    </row>
    <row r="367446" spans="14:14">
      <c r="N367446" s="10"/>
    </row>
    <row r="367447" spans="14:14">
      <c r="N367447" s="10"/>
    </row>
    <row r="367448" spans="14:14">
      <c r="N367448" s="10"/>
    </row>
    <row r="367449" spans="14:14">
      <c r="N367449" s="10"/>
    </row>
    <row r="367450" spans="14:14">
      <c r="N367450" s="10"/>
    </row>
    <row r="367451" spans="14:14">
      <c r="N367451" s="10"/>
    </row>
    <row r="367452" spans="14:14">
      <c r="N367452" s="10"/>
    </row>
    <row r="367453" spans="14:14">
      <c r="N367453" s="10"/>
    </row>
    <row r="367454" spans="14:14">
      <c r="N367454" s="10"/>
    </row>
    <row r="367455" spans="14:14">
      <c r="N367455" s="10"/>
    </row>
    <row r="367456" spans="14:14">
      <c r="N367456" s="10"/>
    </row>
    <row r="367457" spans="14:14">
      <c r="N367457" s="10"/>
    </row>
    <row r="367458" spans="14:14">
      <c r="N367458" s="10"/>
    </row>
    <row r="367459" spans="14:14">
      <c r="N367459" s="10"/>
    </row>
    <row r="367460" spans="14:14">
      <c r="N367460" s="10"/>
    </row>
    <row r="367461" spans="14:14">
      <c r="N367461" s="10"/>
    </row>
    <row r="367462" spans="14:14">
      <c r="N367462" s="10"/>
    </row>
    <row r="367463" spans="14:14">
      <c r="N367463" s="10"/>
    </row>
    <row r="367464" spans="14:14">
      <c r="N367464" s="10"/>
    </row>
    <row r="367465" spans="14:14">
      <c r="N367465" s="10"/>
    </row>
    <row r="367466" spans="14:14">
      <c r="N367466" s="10"/>
    </row>
    <row r="367467" spans="14:14">
      <c r="N367467" s="10"/>
    </row>
    <row r="367468" spans="14:14">
      <c r="N367468" s="10"/>
    </row>
    <row r="367469" spans="14:14">
      <c r="N367469" s="10"/>
    </row>
    <row r="367470" spans="14:14">
      <c r="N367470" s="10"/>
    </row>
    <row r="367471" spans="14:14">
      <c r="N367471" s="10"/>
    </row>
    <row r="367472" spans="14:14">
      <c r="N367472" s="10"/>
    </row>
    <row r="367473" spans="14:14">
      <c r="N367473" s="10"/>
    </row>
    <row r="367474" spans="14:14">
      <c r="N367474" s="10"/>
    </row>
    <row r="367475" spans="14:14">
      <c r="N367475" s="10"/>
    </row>
    <row r="367476" spans="14:14">
      <c r="N367476" s="10"/>
    </row>
    <row r="367477" spans="14:14">
      <c r="N367477" s="10"/>
    </row>
    <row r="367478" spans="14:14">
      <c r="N367478" s="10"/>
    </row>
    <row r="367479" spans="14:14">
      <c r="N367479" s="10"/>
    </row>
    <row r="367480" spans="14:14">
      <c r="N367480" s="10"/>
    </row>
    <row r="367481" spans="14:14">
      <c r="N367481" s="10"/>
    </row>
    <row r="367482" spans="14:14">
      <c r="N367482" s="10"/>
    </row>
    <row r="367483" spans="14:14">
      <c r="N367483" s="10"/>
    </row>
    <row r="367484" spans="14:14">
      <c r="N367484" s="10"/>
    </row>
    <row r="367485" spans="14:14">
      <c r="N367485" s="10"/>
    </row>
    <row r="367486" spans="14:14">
      <c r="N367486" s="10"/>
    </row>
    <row r="367487" spans="14:14">
      <c r="N367487" s="10"/>
    </row>
    <row r="367488" spans="14:14">
      <c r="N367488" s="10"/>
    </row>
    <row r="367489" spans="14:14">
      <c r="N367489" s="10"/>
    </row>
    <row r="367490" spans="14:14">
      <c r="N367490" s="10"/>
    </row>
    <row r="367491" spans="14:14">
      <c r="N367491" s="10"/>
    </row>
    <row r="367492" spans="14:14">
      <c r="N367492" s="10"/>
    </row>
    <row r="367493" spans="14:14">
      <c r="N367493" s="10"/>
    </row>
    <row r="367494" spans="14:14">
      <c r="N367494" s="10"/>
    </row>
    <row r="367495" spans="14:14">
      <c r="N367495" s="10"/>
    </row>
    <row r="367496" spans="14:14">
      <c r="N367496" s="10"/>
    </row>
    <row r="367497" spans="14:14">
      <c r="N367497" s="10"/>
    </row>
    <row r="367498" spans="14:14">
      <c r="N367498" s="10"/>
    </row>
    <row r="367499" spans="14:14">
      <c r="N367499" s="10"/>
    </row>
    <row r="367500" spans="14:14">
      <c r="N367500" s="10"/>
    </row>
    <row r="367501" spans="14:14">
      <c r="N367501" s="10"/>
    </row>
    <row r="367502" spans="14:14">
      <c r="N367502" s="10"/>
    </row>
    <row r="367503" spans="14:14">
      <c r="N367503" s="10"/>
    </row>
    <row r="367504" spans="14:14">
      <c r="N367504" s="10"/>
    </row>
    <row r="367505" spans="14:14">
      <c r="N367505" s="10"/>
    </row>
    <row r="367506" spans="14:14">
      <c r="N367506" s="10"/>
    </row>
    <row r="367507" spans="14:14">
      <c r="N367507" s="10"/>
    </row>
    <row r="367508" spans="14:14">
      <c r="N367508" s="10"/>
    </row>
    <row r="367509" spans="14:14">
      <c r="N367509" s="10"/>
    </row>
    <row r="367510" spans="14:14">
      <c r="N367510" s="10"/>
    </row>
    <row r="367511" spans="14:14">
      <c r="N367511" s="10"/>
    </row>
    <row r="367512" spans="14:14">
      <c r="N367512" s="10"/>
    </row>
    <row r="367513" spans="14:14">
      <c r="N367513" s="10"/>
    </row>
    <row r="367514" spans="14:14">
      <c r="N367514" s="10"/>
    </row>
    <row r="367515" spans="14:14">
      <c r="N367515" s="10"/>
    </row>
    <row r="367516" spans="14:14">
      <c r="N367516" s="10"/>
    </row>
    <row r="367517" spans="14:14">
      <c r="N367517" s="10"/>
    </row>
    <row r="367518" spans="14:14">
      <c r="N367518" s="10"/>
    </row>
    <row r="367519" spans="14:14">
      <c r="N367519" s="10"/>
    </row>
    <row r="367520" spans="14:14">
      <c r="N367520" s="10"/>
    </row>
    <row r="367521" spans="14:14">
      <c r="N367521" s="10"/>
    </row>
    <row r="367522" spans="14:14">
      <c r="N367522" s="10"/>
    </row>
    <row r="367523" spans="14:14">
      <c r="N367523" s="10"/>
    </row>
    <row r="367524" spans="14:14">
      <c r="N367524" s="10"/>
    </row>
    <row r="367525" spans="14:14">
      <c r="N367525" s="10"/>
    </row>
    <row r="367526" spans="14:14">
      <c r="N367526" s="10"/>
    </row>
    <row r="367527" spans="14:14">
      <c r="N367527" s="10"/>
    </row>
    <row r="367528" spans="14:14">
      <c r="N367528" s="10"/>
    </row>
    <row r="367529" spans="14:14">
      <c r="N367529" s="10"/>
    </row>
    <row r="367530" spans="14:14">
      <c r="N367530" s="10"/>
    </row>
    <row r="367531" spans="14:14">
      <c r="N367531" s="10"/>
    </row>
    <row r="367532" spans="14:14">
      <c r="N367532" s="10"/>
    </row>
    <row r="367533" spans="14:14">
      <c r="N367533" s="10"/>
    </row>
    <row r="367534" spans="14:14">
      <c r="N367534" s="10"/>
    </row>
    <row r="367535" spans="14:14">
      <c r="N367535" s="10"/>
    </row>
    <row r="367536" spans="14:14">
      <c r="N367536" s="10"/>
    </row>
    <row r="367537" spans="14:14">
      <c r="N367537" s="10"/>
    </row>
    <row r="367538" spans="14:14">
      <c r="N367538" s="10"/>
    </row>
    <row r="367539" spans="14:14">
      <c r="N367539" s="10"/>
    </row>
    <row r="367540" spans="14:14">
      <c r="N367540" s="10"/>
    </row>
    <row r="367541" spans="14:14">
      <c r="N367541" s="10"/>
    </row>
    <row r="367542" spans="14:14">
      <c r="N367542" s="10"/>
    </row>
    <row r="367543" spans="14:14">
      <c r="N367543" s="10"/>
    </row>
    <row r="367544" spans="14:14">
      <c r="N367544" s="10"/>
    </row>
    <row r="367545" spans="14:14">
      <c r="N367545" s="10"/>
    </row>
    <row r="367546" spans="14:14">
      <c r="N367546" s="10"/>
    </row>
    <row r="367547" spans="14:14">
      <c r="N367547" s="10"/>
    </row>
    <row r="367548" spans="14:14">
      <c r="N367548" s="10"/>
    </row>
    <row r="367549" spans="14:14">
      <c r="N367549" s="10"/>
    </row>
    <row r="367550" spans="14:14">
      <c r="N367550" s="10"/>
    </row>
    <row r="367551" spans="14:14">
      <c r="N367551" s="10"/>
    </row>
    <row r="367552" spans="14:14">
      <c r="N367552" s="10"/>
    </row>
    <row r="367553" spans="14:14">
      <c r="N367553" s="10"/>
    </row>
    <row r="367554" spans="14:14">
      <c r="N367554" s="10"/>
    </row>
    <row r="367555" spans="14:14">
      <c r="N367555" s="10"/>
    </row>
    <row r="367556" spans="14:14">
      <c r="N367556" s="10"/>
    </row>
    <row r="367557" spans="14:14">
      <c r="N367557" s="10"/>
    </row>
    <row r="367558" spans="14:14">
      <c r="N367558" s="10"/>
    </row>
    <row r="367559" spans="14:14">
      <c r="N367559" s="10"/>
    </row>
    <row r="367560" spans="14:14">
      <c r="N367560" s="10"/>
    </row>
    <row r="367561" spans="14:14">
      <c r="N367561" s="10"/>
    </row>
    <row r="367562" spans="14:14">
      <c r="N367562" s="10"/>
    </row>
    <row r="367563" spans="14:14">
      <c r="N367563" s="10"/>
    </row>
    <row r="367564" spans="14:14">
      <c r="N367564" s="10"/>
    </row>
    <row r="367565" spans="14:14">
      <c r="N367565" s="10"/>
    </row>
    <row r="367566" spans="14:14">
      <c r="N367566" s="10"/>
    </row>
    <row r="367567" spans="14:14">
      <c r="N367567" s="10"/>
    </row>
    <row r="367568" spans="14:14">
      <c r="N367568" s="10"/>
    </row>
    <row r="367569" spans="14:14">
      <c r="N367569" s="10"/>
    </row>
    <row r="367570" spans="14:14">
      <c r="N367570" s="10"/>
    </row>
    <row r="367571" spans="14:14">
      <c r="N367571" s="10"/>
    </row>
    <row r="367572" spans="14:14">
      <c r="N367572" s="10"/>
    </row>
    <row r="367573" spans="14:14">
      <c r="N367573" s="10"/>
    </row>
    <row r="367574" spans="14:14">
      <c r="N367574" s="10"/>
    </row>
    <row r="367575" spans="14:14">
      <c r="N367575" s="10"/>
    </row>
    <row r="367576" spans="14:14">
      <c r="N367576" s="10"/>
    </row>
    <row r="367577" spans="14:14">
      <c r="N367577" s="10"/>
    </row>
    <row r="367578" spans="14:14">
      <c r="N367578" s="10"/>
    </row>
    <row r="367579" spans="14:14">
      <c r="N367579" s="10"/>
    </row>
    <row r="367580" spans="14:14">
      <c r="N367580" s="10"/>
    </row>
    <row r="367581" spans="14:14">
      <c r="N367581" s="10"/>
    </row>
    <row r="367582" spans="14:14">
      <c r="N367582" s="10"/>
    </row>
    <row r="367583" spans="14:14">
      <c r="N367583" s="10"/>
    </row>
    <row r="367584" spans="14:14">
      <c r="N367584" s="10"/>
    </row>
    <row r="367585" spans="14:14">
      <c r="N367585" s="10"/>
    </row>
    <row r="367586" spans="14:14">
      <c r="N367586" s="10"/>
    </row>
    <row r="367587" spans="14:14">
      <c r="N367587" s="10"/>
    </row>
    <row r="367588" spans="14:14">
      <c r="N367588" s="10"/>
    </row>
    <row r="367589" spans="14:14">
      <c r="N367589" s="10"/>
    </row>
    <row r="367590" spans="14:14">
      <c r="N367590" s="10"/>
    </row>
    <row r="367591" spans="14:14">
      <c r="N367591" s="10"/>
    </row>
    <row r="367592" spans="14:14">
      <c r="N367592" s="10"/>
    </row>
    <row r="367593" spans="14:14">
      <c r="N367593" s="10"/>
    </row>
    <row r="367594" spans="14:14">
      <c r="N367594" s="10"/>
    </row>
    <row r="367595" spans="14:14">
      <c r="N367595" s="10"/>
    </row>
    <row r="367596" spans="14:14">
      <c r="N367596" s="10"/>
    </row>
    <row r="367597" spans="14:14">
      <c r="N367597" s="10"/>
    </row>
    <row r="367598" spans="14:14">
      <c r="N367598" s="10"/>
    </row>
    <row r="367599" spans="14:14">
      <c r="N367599" s="10"/>
    </row>
    <row r="367600" spans="14:14">
      <c r="N367600" s="10"/>
    </row>
    <row r="367601" spans="14:14">
      <c r="N367601" s="10"/>
    </row>
    <row r="367602" spans="14:14">
      <c r="N367602" s="10"/>
    </row>
    <row r="367603" spans="14:14">
      <c r="N367603" s="10"/>
    </row>
    <row r="367604" spans="14:14">
      <c r="N367604" s="10"/>
    </row>
    <row r="367605" spans="14:14">
      <c r="N367605" s="10"/>
    </row>
    <row r="367606" spans="14:14">
      <c r="N367606" s="10"/>
    </row>
    <row r="367607" spans="14:14">
      <c r="N367607" s="10"/>
    </row>
    <row r="367608" spans="14:14">
      <c r="N367608" s="10"/>
    </row>
    <row r="367609" spans="14:14">
      <c r="N367609" s="10"/>
    </row>
    <row r="367610" spans="14:14">
      <c r="N367610" s="10"/>
    </row>
    <row r="367611" spans="14:14">
      <c r="N367611" s="10"/>
    </row>
    <row r="367612" spans="14:14">
      <c r="N367612" s="10"/>
    </row>
    <row r="367613" spans="14:14">
      <c r="N367613" s="10"/>
    </row>
    <row r="367614" spans="14:14">
      <c r="N367614" s="10"/>
    </row>
    <row r="367615" spans="14:14">
      <c r="N367615" s="10"/>
    </row>
    <row r="367616" spans="14:14">
      <c r="N367616" s="10"/>
    </row>
    <row r="367617" spans="14:14">
      <c r="N367617" s="10"/>
    </row>
    <row r="367618" spans="14:14">
      <c r="N367618" s="10"/>
    </row>
    <row r="367619" spans="14:14">
      <c r="N367619" s="10"/>
    </row>
    <row r="367620" spans="14:14">
      <c r="N367620" s="10"/>
    </row>
    <row r="367621" spans="14:14">
      <c r="N367621" s="10"/>
    </row>
    <row r="367622" spans="14:14">
      <c r="N367622" s="10"/>
    </row>
    <row r="367623" spans="14:14">
      <c r="N367623" s="10"/>
    </row>
    <row r="367624" spans="14:14">
      <c r="N367624" s="10"/>
    </row>
    <row r="367625" spans="14:14">
      <c r="N367625" s="10"/>
    </row>
    <row r="367626" spans="14:14">
      <c r="N367626" s="10"/>
    </row>
    <row r="367627" spans="14:14">
      <c r="N367627" s="10"/>
    </row>
    <row r="367628" spans="14:14">
      <c r="N367628" s="10"/>
    </row>
    <row r="367629" spans="14:14">
      <c r="N367629" s="10"/>
    </row>
    <row r="367630" spans="14:14">
      <c r="N367630" s="10"/>
    </row>
    <row r="367631" spans="14:14">
      <c r="N367631" s="10"/>
    </row>
    <row r="367632" spans="14:14">
      <c r="N367632" s="10"/>
    </row>
    <row r="367633" spans="14:14">
      <c r="N367633" s="10"/>
    </row>
    <row r="367634" spans="14:14">
      <c r="N367634" s="10"/>
    </row>
    <row r="367635" spans="14:14">
      <c r="N367635" s="10"/>
    </row>
    <row r="367636" spans="14:14">
      <c r="N367636" s="10"/>
    </row>
    <row r="367637" spans="14:14">
      <c r="N367637" s="10"/>
    </row>
    <row r="367638" spans="14:14">
      <c r="N367638" s="10"/>
    </row>
    <row r="367639" spans="14:14">
      <c r="N367639" s="10"/>
    </row>
    <row r="367640" spans="14:14">
      <c r="N367640" s="10"/>
    </row>
    <row r="367641" spans="14:14">
      <c r="N367641" s="10"/>
    </row>
    <row r="367642" spans="14:14">
      <c r="N367642" s="10"/>
    </row>
    <row r="367643" spans="14:14">
      <c r="N367643" s="10"/>
    </row>
    <row r="367644" spans="14:14">
      <c r="N367644" s="10"/>
    </row>
    <row r="367645" spans="14:14">
      <c r="N367645" s="10"/>
    </row>
    <row r="367646" spans="14:14">
      <c r="N367646" s="10"/>
    </row>
    <row r="367647" spans="14:14">
      <c r="N367647" s="10"/>
    </row>
    <row r="367648" spans="14:14">
      <c r="N367648" s="10"/>
    </row>
    <row r="367649" spans="14:14">
      <c r="N367649" s="10"/>
    </row>
    <row r="367650" spans="14:14">
      <c r="N367650" s="10"/>
    </row>
    <row r="367651" spans="14:14">
      <c r="N367651" s="10"/>
    </row>
    <row r="367652" spans="14:14">
      <c r="N367652" s="10"/>
    </row>
    <row r="367653" spans="14:14">
      <c r="N367653" s="10"/>
    </row>
    <row r="367654" spans="14:14">
      <c r="N367654" s="10"/>
    </row>
    <row r="367655" spans="14:14">
      <c r="N367655" s="10"/>
    </row>
    <row r="367656" spans="14:14">
      <c r="N367656" s="10"/>
    </row>
    <row r="367657" spans="14:14">
      <c r="N367657" s="10"/>
    </row>
    <row r="367658" spans="14:14">
      <c r="N367658" s="10"/>
    </row>
    <row r="367659" spans="14:14">
      <c r="N367659" s="10"/>
    </row>
    <row r="367660" spans="14:14">
      <c r="N367660" s="10"/>
    </row>
    <row r="367661" spans="14:14">
      <c r="N367661" s="10"/>
    </row>
    <row r="367662" spans="14:14">
      <c r="N367662" s="10"/>
    </row>
    <row r="367663" spans="14:14">
      <c r="N367663" s="10"/>
    </row>
    <row r="367664" spans="14:14">
      <c r="N367664" s="10"/>
    </row>
    <row r="367665" spans="14:14">
      <c r="N367665" s="10"/>
    </row>
    <row r="367666" spans="14:14">
      <c r="N367666" s="10"/>
    </row>
    <row r="367667" spans="14:14">
      <c r="N367667" s="10"/>
    </row>
    <row r="367668" spans="14:14">
      <c r="N367668" s="10"/>
    </row>
    <row r="367669" spans="14:14">
      <c r="N367669" s="10"/>
    </row>
    <row r="367670" spans="14:14">
      <c r="N367670" s="10"/>
    </row>
    <row r="367671" spans="14:14">
      <c r="N367671" s="10"/>
    </row>
    <row r="367672" spans="14:14">
      <c r="N367672" s="10"/>
    </row>
    <row r="367673" spans="14:14">
      <c r="N367673" s="10"/>
    </row>
    <row r="367674" spans="14:14">
      <c r="N367674" s="10"/>
    </row>
    <row r="367675" spans="14:14">
      <c r="N367675" s="10"/>
    </row>
    <row r="367676" spans="14:14">
      <c r="N367676" s="10"/>
    </row>
    <row r="367677" spans="14:14">
      <c r="N367677" s="10"/>
    </row>
    <row r="367678" spans="14:14">
      <c r="N367678" s="10"/>
    </row>
    <row r="367679" spans="14:14">
      <c r="N367679" s="10"/>
    </row>
    <row r="367680" spans="14:14">
      <c r="N367680" s="10"/>
    </row>
    <row r="367681" spans="14:14">
      <c r="N367681" s="10"/>
    </row>
    <row r="367682" spans="14:14">
      <c r="N367682" s="10"/>
    </row>
    <row r="367683" spans="14:14">
      <c r="N367683" s="10"/>
    </row>
    <row r="367684" spans="14:14">
      <c r="N367684" s="10"/>
    </row>
    <row r="367685" spans="14:14">
      <c r="N367685" s="10"/>
    </row>
    <row r="367686" spans="14:14">
      <c r="N367686" s="10"/>
    </row>
    <row r="367687" spans="14:14">
      <c r="N367687" s="10"/>
    </row>
    <row r="367688" spans="14:14">
      <c r="N367688" s="10"/>
    </row>
    <row r="367689" spans="14:14">
      <c r="N367689" s="10"/>
    </row>
    <row r="367690" spans="14:14">
      <c r="N367690" s="10"/>
    </row>
    <row r="367691" spans="14:14">
      <c r="N367691" s="10"/>
    </row>
    <row r="367692" spans="14:14">
      <c r="N367692" s="10"/>
    </row>
    <row r="367693" spans="14:14">
      <c r="N367693" s="10"/>
    </row>
    <row r="367694" spans="14:14">
      <c r="N367694" s="10"/>
    </row>
    <row r="367695" spans="14:14">
      <c r="N367695" s="10"/>
    </row>
    <row r="367696" spans="14:14">
      <c r="N367696" s="10"/>
    </row>
    <row r="367697" spans="14:14">
      <c r="N367697" s="10"/>
    </row>
    <row r="367698" spans="14:14">
      <c r="N367698" s="10"/>
    </row>
    <row r="367699" spans="14:14">
      <c r="N367699" s="10"/>
    </row>
    <row r="367700" spans="14:14">
      <c r="N367700" s="10"/>
    </row>
    <row r="367701" spans="14:14">
      <c r="N367701" s="10"/>
    </row>
    <row r="367702" spans="14:14">
      <c r="N367702" s="10"/>
    </row>
    <row r="367703" spans="14:14">
      <c r="N367703" s="10"/>
    </row>
    <row r="367704" spans="14:14">
      <c r="N367704" s="10"/>
    </row>
    <row r="367705" spans="14:14">
      <c r="N367705" s="10"/>
    </row>
    <row r="367706" spans="14:14">
      <c r="N367706" s="10"/>
    </row>
    <row r="367707" spans="14:14">
      <c r="N367707" s="10"/>
    </row>
    <row r="367708" spans="14:14">
      <c r="N367708" s="10"/>
    </row>
    <row r="367709" spans="14:14">
      <c r="N367709" s="10"/>
    </row>
    <row r="367710" spans="14:14">
      <c r="N367710" s="10"/>
    </row>
    <row r="367711" spans="14:14">
      <c r="N367711" s="10"/>
    </row>
    <row r="367712" spans="14:14">
      <c r="N367712" s="10"/>
    </row>
    <row r="367713" spans="14:14">
      <c r="N367713" s="10"/>
    </row>
    <row r="367714" spans="14:14">
      <c r="N367714" s="10"/>
    </row>
    <row r="367715" spans="14:14">
      <c r="N367715" s="10"/>
    </row>
    <row r="367716" spans="14:14">
      <c r="N367716" s="10"/>
    </row>
    <row r="367717" spans="14:14">
      <c r="N367717" s="10"/>
    </row>
    <row r="367718" spans="14:14">
      <c r="N367718" s="10"/>
    </row>
    <row r="367719" spans="14:14">
      <c r="N367719" s="10"/>
    </row>
    <row r="367720" spans="14:14">
      <c r="N367720" s="10"/>
    </row>
    <row r="367721" spans="14:14">
      <c r="N367721" s="10"/>
    </row>
    <row r="367722" spans="14:14">
      <c r="N367722" s="10"/>
    </row>
    <row r="367723" spans="14:14">
      <c r="N367723" s="10"/>
    </row>
    <row r="367724" spans="14:14">
      <c r="N367724" s="10"/>
    </row>
    <row r="367725" spans="14:14">
      <c r="N367725" s="10"/>
    </row>
    <row r="367726" spans="14:14">
      <c r="N367726" s="10"/>
    </row>
    <row r="367727" spans="14:14">
      <c r="N367727" s="10"/>
    </row>
    <row r="367728" spans="14:14">
      <c r="N367728" s="10"/>
    </row>
    <row r="367729" spans="14:14">
      <c r="N367729" s="10"/>
    </row>
    <row r="367730" spans="14:14">
      <c r="N367730" s="10"/>
    </row>
    <row r="367731" spans="14:14">
      <c r="N367731" s="10"/>
    </row>
    <row r="367732" spans="14:14">
      <c r="N367732" s="10"/>
    </row>
    <row r="367733" spans="14:14">
      <c r="N367733" s="10"/>
    </row>
    <row r="367734" spans="14:14">
      <c r="N367734" s="10"/>
    </row>
    <row r="367735" spans="14:14">
      <c r="N367735" s="10"/>
    </row>
    <row r="367736" spans="14:14">
      <c r="N367736" s="10"/>
    </row>
    <row r="367737" spans="14:14">
      <c r="N367737" s="10"/>
    </row>
    <row r="367738" spans="14:14">
      <c r="N367738" s="10"/>
    </row>
    <row r="367739" spans="14:14">
      <c r="N367739" s="10"/>
    </row>
    <row r="367740" spans="14:14">
      <c r="N367740" s="10"/>
    </row>
    <row r="367741" spans="14:14">
      <c r="N367741" s="10"/>
    </row>
    <row r="367742" spans="14:14">
      <c r="N367742" s="10"/>
    </row>
    <row r="367743" spans="14:14">
      <c r="N367743" s="10"/>
    </row>
    <row r="367744" spans="14:14">
      <c r="N367744" s="10"/>
    </row>
    <row r="367745" spans="14:14">
      <c r="N367745" s="10"/>
    </row>
    <row r="367746" spans="14:14">
      <c r="N367746" s="10"/>
    </row>
    <row r="367747" spans="14:14">
      <c r="N367747" s="10"/>
    </row>
    <row r="367748" spans="14:14">
      <c r="N367748" s="10"/>
    </row>
    <row r="367749" spans="14:14">
      <c r="N367749" s="10"/>
    </row>
    <row r="367750" spans="14:14">
      <c r="N367750" s="10"/>
    </row>
    <row r="367751" spans="14:14">
      <c r="N367751" s="10"/>
    </row>
    <row r="367752" spans="14:14">
      <c r="N367752" s="10"/>
    </row>
    <row r="367753" spans="14:14">
      <c r="N367753" s="10"/>
    </row>
    <row r="367754" spans="14:14">
      <c r="N367754" s="10"/>
    </row>
    <row r="367755" spans="14:14">
      <c r="N367755" s="10"/>
    </row>
    <row r="367756" spans="14:14">
      <c r="N367756" s="10"/>
    </row>
    <row r="367757" spans="14:14">
      <c r="N367757" s="10"/>
    </row>
    <row r="367758" spans="14:14">
      <c r="N367758" s="10"/>
    </row>
    <row r="367759" spans="14:14">
      <c r="N367759" s="10"/>
    </row>
    <row r="367760" spans="14:14">
      <c r="N367760" s="10"/>
    </row>
    <row r="367761" spans="14:14">
      <c r="N367761" s="10"/>
    </row>
    <row r="367762" spans="14:14">
      <c r="N367762" s="10"/>
    </row>
    <row r="367763" spans="14:14">
      <c r="N367763" s="10"/>
    </row>
    <row r="367764" spans="14:14">
      <c r="N367764" s="10"/>
    </row>
    <row r="367765" spans="14:14">
      <c r="N367765" s="10"/>
    </row>
    <row r="367766" spans="14:14">
      <c r="N367766" s="10"/>
    </row>
    <row r="367767" spans="14:14">
      <c r="N367767" s="10"/>
    </row>
    <row r="367768" spans="14:14">
      <c r="N367768" s="10"/>
    </row>
    <row r="367769" spans="14:14">
      <c r="N367769" s="10"/>
    </row>
    <row r="367770" spans="14:14">
      <c r="N367770" s="10"/>
    </row>
    <row r="367771" spans="14:14">
      <c r="N367771" s="10"/>
    </row>
    <row r="367772" spans="14:14">
      <c r="N367772" s="10"/>
    </row>
    <row r="367773" spans="14:14">
      <c r="N367773" s="10"/>
    </row>
    <row r="367774" spans="14:14">
      <c r="N367774" s="10"/>
    </row>
    <row r="367775" spans="14:14">
      <c r="N367775" s="10"/>
    </row>
    <row r="367776" spans="14:14">
      <c r="N367776" s="10"/>
    </row>
    <row r="367777" spans="14:14">
      <c r="N367777" s="10"/>
    </row>
    <row r="367778" spans="14:14">
      <c r="N367778" s="10"/>
    </row>
    <row r="367779" spans="14:14">
      <c r="N367779" s="10"/>
    </row>
    <row r="367780" spans="14:14">
      <c r="N367780" s="10"/>
    </row>
    <row r="367781" spans="14:14">
      <c r="N367781" s="10"/>
    </row>
    <row r="367782" spans="14:14">
      <c r="N367782" s="10"/>
    </row>
    <row r="367783" spans="14:14">
      <c r="N367783" s="10"/>
    </row>
    <row r="367784" spans="14:14">
      <c r="N367784" s="10"/>
    </row>
    <row r="367785" spans="14:14">
      <c r="N367785" s="10"/>
    </row>
    <row r="367786" spans="14:14">
      <c r="N367786" s="10"/>
    </row>
    <row r="367787" spans="14:14">
      <c r="N367787" s="10"/>
    </row>
    <row r="367788" spans="14:14">
      <c r="N367788" s="10"/>
    </row>
    <row r="367789" spans="14:14">
      <c r="N367789" s="10"/>
    </row>
    <row r="367790" spans="14:14">
      <c r="N367790" s="10"/>
    </row>
    <row r="367791" spans="14:14">
      <c r="N367791" s="10"/>
    </row>
    <row r="367792" spans="14:14">
      <c r="N367792" s="10"/>
    </row>
    <row r="367793" spans="14:14">
      <c r="N367793" s="10"/>
    </row>
    <row r="367794" spans="14:14">
      <c r="N367794" s="10"/>
    </row>
    <row r="367795" spans="14:14">
      <c r="N367795" s="10"/>
    </row>
    <row r="367796" spans="14:14">
      <c r="N367796" s="10"/>
    </row>
    <row r="367797" spans="14:14">
      <c r="N367797" s="10"/>
    </row>
    <row r="367798" spans="14:14">
      <c r="N367798" s="10"/>
    </row>
    <row r="367799" spans="14:14">
      <c r="N367799" s="10"/>
    </row>
    <row r="367800" spans="14:14">
      <c r="N367800" s="10"/>
    </row>
    <row r="367801" spans="14:14">
      <c r="N367801" s="10"/>
    </row>
    <row r="367802" spans="14:14">
      <c r="N367802" s="10"/>
    </row>
    <row r="367803" spans="14:14">
      <c r="N367803" s="10"/>
    </row>
    <row r="367804" spans="14:14">
      <c r="N367804" s="10"/>
    </row>
    <row r="367805" spans="14:14">
      <c r="N367805" s="10"/>
    </row>
    <row r="367806" spans="14:14">
      <c r="N367806" s="10"/>
    </row>
    <row r="367807" spans="14:14">
      <c r="N367807" s="10"/>
    </row>
    <row r="367808" spans="14:14">
      <c r="N367808" s="10"/>
    </row>
    <row r="367809" spans="14:14">
      <c r="N367809" s="10"/>
    </row>
    <row r="367810" spans="14:14">
      <c r="N367810" s="10"/>
    </row>
    <row r="367811" spans="14:14">
      <c r="N367811" s="10"/>
    </row>
    <row r="367812" spans="14:14">
      <c r="N367812" s="10"/>
    </row>
    <row r="367813" spans="14:14">
      <c r="N367813" s="10"/>
    </row>
    <row r="367814" spans="14:14">
      <c r="N367814" s="10"/>
    </row>
    <row r="367815" spans="14:14">
      <c r="N367815" s="10"/>
    </row>
    <row r="367816" spans="14:14">
      <c r="N367816" s="10"/>
    </row>
    <row r="367817" spans="14:14">
      <c r="N367817" s="10"/>
    </row>
    <row r="367818" spans="14:14">
      <c r="N367818" s="10"/>
    </row>
    <row r="367819" spans="14:14">
      <c r="N367819" s="10"/>
    </row>
    <row r="367820" spans="14:14">
      <c r="N367820" s="10"/>
    </row>
    <row r="367821" spans="14:14">
      <c r="N367821" s="10"/>
    </row>
    <row r="367822" spans="14:14">
      <c r="N367822" s="10"/>
    </row>
    <row r="367823" spans="14:14">
      <c r="N367823" s="10"/>
    </row>
    <row r="367824" spans="14:14">
      <c r="N367824" s="10"/>
    </row>
    <row r="367825" spans="14:14">
      <c r="N367825" s="10"/>
    </row>
    <row r="367826" spans="14:14">
      <c r="N367826" s="10"/>
    </row>
    <row r="367827" spans="14:14">
      <c r="N367827" s="10"/>
    </row>
    <row r="367828" spans="14:14">
      <c r="N367828" s="10"/>
    </row>
    <row r="367829" spans="14:14">
      <c r="N367829" s="10"/>
    </row>
    <row r="367830" spans="14:14">
      <c r="N367830" s="10"/>
    </row>
    <row r="367831" spans="14:14">
      <c r="N367831" s="10"/>
    </row>
    <row r="367832" spans="14:14">
      <c r="N367832" s="10"/>
    </row>
    <row r="367833" spans="14:14">
      <c r="N367833" s="10"/>
    </row>
    <row r="367834" spans="14:14">
      <c r="N367834" s="10"/>
    </row>
    <row r="367835" spans="14:14">
      <c r="N367835" s="10"/>
    </row>
    <row r="367836" spans="14:14">
      <c r="N367836" s="10"/>
    </row>
    <row r="367837" spans="14:14">
      <c r="N367837" s="10"/>
    </row>
    <row r="367838" spans="14:14">
      <c r="N367838" s="10"/>
    </row>
    <row r="367839" spans="14:14">
      <c r="N367839" s="10"/>
    </row>
    <row r="367840" spans="14:14">
      <c r="N367840" s="10"/>
    </row>
    <row r="367841" spans="14:14">
      <c r="N367841" s="10"/>
    </row>
    <row r="367842" spans="14:14">
      <c r="N367842" s="10"/>
    </row>
    <row r="367843" spans="14:14">
      <c r="N367843" s="10"/>
    </row>
    <row r="367844" spans="14:14">
      <c r="N367844" s="10"/>
    </row>
    <row r="367845" spans="14:14">
      <c r="N367845" s="10"/>
    </row>
    <row r="367846" spans="14:14">
      <c r="N367846" s="10"/>
    </row>
    <row r="367847" spans="14:14">
      <c r="N367847" s="10"/>
    </row>
    <row r="367848" spans="14:14">
      <c r="N367848" s="10"/>
    </row>
    <row r="367849" spans="14:14">
      <c r="N367849" s="10"/>
    </row>
    <row r="367850" spans="14:14">
      <c r="N367850" s="10"/>
    </row>
    <row r="367851" spans="14:14">
      <c r="N367851" s="10"/>
    </row>
    <row r="367852" spans="14:14">
      <c r="N367852" s="10"/>
    </row>
    <row r="367853" spans="14:14">
      <c r="N367853" s="10"/>
    </row>
    <row r="367854" spans="14:14">
      <c r="N367854" s="10"/>
    </row>
    <row r="367855" spans="14:14">
      <c r="N367855" s="10"/>
    </row>
    <row r="367856" spans="14:14">
      <c r="N367856" s="10"/>
    </row>
    <row r="367857" spans="14:14">
      <c r="N367857" s="10"/>
    </row>
    <row r="367858" spans="14:14">
      <c r="N367858" s="10"/>
    </row>
    <row r="367859" spans="14:14">
      <c r="N367859" s="10"/>
    </row>
    <row r="367860" spans="14:14">
      <c r="N367860" s="10"/>
    </row>
    <row r="367861" spans="14:14">
      <c r="N367861" s="10"/>
    </row>
    <row r="367862" spans="14:14">
      <c r="N367862" s="10"/>
    </row>
    <row r="367863" spans="14:14">
      <c r="N367863" s="10"/>
    </row>
    <row r="367864" spans="14:14">
      <c r="N367864" s="10"/>
    </row>
    <row r="367865" spans="14:14">
      <c r="N367865" s="10"/>
    </row>
    <row r="367866" spans="14:14">
      <c r="N367866" s="10"/>
    </row>
    <row r="367867" spans="14:14">
      <c r="N367867" s="10"/>
    </row>
    <row r="367868" spans="14:14">
      <c r="N367868" s="10"/>
    </row>
    <row r="367869" spans="14:14">
      <c r="N367869" s="10"/>
    </row>
    <row r="367870" spans="14:14">
      <c r="N367870" s="10"/>
    </row>
    <row r="367871" spans="14:14">
      <c r="N367871" s="10"/>
    </row>
    <row r="367872" spans="14:14">
      <c r="N367872" s="10"/>
    </row>
    <row r="367873" spans="14:14">
      <c r="N367873" s="10"/>
    </row>
    <row r="367874" spans="14:14">
      <c r="N367874" s="10"/>
    </row>
    <row r="367875" spans="14:14">
      <c r="N367875" s="10"/>
    </row>
    <row r="367876" spans="14:14">
      <c r="N367876" s="10"/>
    </row>
    <row r="367877" spans="14:14">
      <c r="N367877" s="10"/>
    </row>
    <row r="367878" spans="14:14">
      <c r="N367878" s="10"/>
    </row>
    <row r="367879" spans="14:14">
      <c r="N367879" s="10"/>
    </row>
    <row r="367880" spans="14:14">
      <c r="N367880" s="10"/>
    </row>
    <row r="367881" spans="14:14">
      <c r="N367881" s="10"/>
    </row>
    <row r="367882" spans="14:14">
      <c r="N367882" s="10"/>
    </row>
    <row r="367883" spans="14:14">
      <c r="N367883" s="10"/>
    </row>
    <row r="367884" spans="14:14">
      <c r="N367884" s="10"/>
    </row>
    <row r="367885" spans="14:14">
      <c r="N367885" s="10"/>
    </row>
    <row r="367886" spans="14:14">
      <c r="N367886" s="10"/>
    </row>
    <row r="367887" spans="14:14">
      <c r="N367887" s="10"/>
    </row>
    <row r="367888" spans="14:14">
      <c r="N367888" s="10"/>
    </row>
    <row r="367889" spans="14:14">
      <c r="N367889" s="10"/>
    </row>
    <row r="367890" spans="14:14">
      <c r="N367890" s="10"/>
    </row>
    <row r="367891" spans="14:14">
      <c r="N367891" s="10"/>
    </row>
    <row r="367892" spans="14:14">
      <c r="N367892" s="10"/>
    </row>
    <row r="367893" spans="14:14">
      <c r="N367893" s="10"/>
    </row>
    <row r="367894" spans="14:14">
      <c r="N367894" s="10"/>
    </row>
    <row r="367895" spans="14:14">
      <c r="N367895" s="10"/>
    </row>
    <row r="367896" spans="14:14">
      <c r="N367896" s="10"/>
    </row>
    <row r="367897" spans="14:14">
      <c r="N367897" s="10"/>
    </row>
    <row r="367898" spans="14:14">
      <c r="N367898" s="10"/>
    </row>
    <row r="367899" spans="14:14">
      <c r="N367899" s="10"/>
    </row>
    <row r="367900" spans="14:14">
      <c r="N367900" s="10"/>
    </row>
    <row r="367901" spans="14:14">
      <c r="N367901" s="10"/>
    </row>
    <row r="367902" spans="14:14">
      <c r="N367902" s="10"/>
    </row>
    <row r="367903" spans="14:14">
      <c r="N367903" s="10"/>
    </row>
    <row r="367904" spans="14:14">
      <c r="N367904" s="10"/>
    </row>
    <row r="367905" spans="14:14">
      <c r="N367905" s="10"/>
    </row>
    <row r="367906" spans="14:14">
      <c r="N367906" s="10"/>
    </row>
    <row r="367907" spans="14:14">
      <c r="N367907" s="10"/>
    </row>
    <row r="367908" spans="14:14">
      <c r="N367908" s="10"/>
    </row>
    <row r="367909" spans="14:14">
      <c r="N367909" s="10"/>
    </row>
    <row r="367910" spans="14:14">
      <c r="N367910" s="10"/>
    </row>
    <row r="367911" spans="14:14">
      <c r="N367911" s="10"/>
    </row>
    <row r="367912" spans="14:14">
      <c r="N367912" s="10"/>
    </row>
    <row r="367913" spans="14:14">
      <c r="N367913" s="10"/>
    </row>
    <row r="367914" spans="14:14">
      <c r="N367914" s="10"/>
    </row>
    <row r="367915" spans="14:14">
      <c r="N367915" s="10"/>
    </row>
    <row r="367916" spans="14:14">
      <c r="N367916" s="10"/>
    </row>
    <row r="367917" spans="14:14">
      <c r="N367917" s="10"/>
    </row>
    <row r="367918" spans="14:14">
      <c r="N367918" s="10"/>
    </row>
    <row r="367919" spans="14:14">
      <c r="N367919" s="10"/>
    </row>
    <row r="367920" spans="14:14">
      <c r="N367920" s="10"/>
    </row>
    <row r="367921" spans="14:14">
      <c r="N367921" s="10"/>
    </row>
    <row r="367922" spans="14:14">
      <c r="N367922" s="10"/>
    </row>
    <row r="367923" spans="14:14">
      <c r="N367923" s="10"/>
    </row>
    <row r="367924" spans="14:14">
      <c r="N367924" s="10"/>
    </row>
    <row r="367925" spans="14:14">
      <c r="N367925" s="10"/>
    </row>
    <row r="367926" spans="14:14">
      <c r="N367926" s="10"/>
    </row>
    <row r="367927" spans="14:14">
      <c r="N367927" s="10"/>
    </row>
    <row r="367928" spans="14:14">
      <c r="N367928" s="10"/>
    </row>
    <row r="367929" spans="14:14">
      <c r="N367929" s="10"/>
    </row>
    <row r="367930" spans="14:14">
      <c r="N367930" s="10"/>
    </row>
    <row r="367931" spans="14:14">
      <c r="N367931" s="10"/>
    </row>
    <row r="367932" spans="14:14">
      <c r="N367932" s="10"/>
    </row>
    <row r="367933" spans="14:14">
      <c r="N367933" s="10"/>
    </row>
    <row r="367934" spans="14:14">
      <c r="N367934" s="10"/>
    </row>
    <row r="367935" spans="14:14">
      <c r="N367935" s="10"/>
    </row>
    <row r="367936" spans="14:14">
      <c r="N367936" s="10"/>
    </row>
    <row r="367937" spans="14:14">
      <c r="N367937" s="10"/>
    </row>
    <row r="367938" spans="14:14">
      <c r="N367938" s="10"/>
    </row>
    <row r="367939" spans="14:14">
      <c r="N367939" s="10"/>
    </row>
    <row r="367940" spans="14:14">
      <c r="N367940" s="10"/>
    </row>
    <row r="367941" spans="14:14">
      <c r="N367941" s="10"/>
    </row>
    <row r="367942" spans="14:14">
      <c r="N367942" s="10"/>
    </row>
    <row r="367943" spans="14:14">
      <c r="N367943" s="10"/>
    </row>
    <row r="367944" spans="14:14">
      <c r="N367944" s="10"/>
    </row>
    <row r="367945" spans="14:14">
      <c r="N367945" s="10"/>
    </row>
    <row r="367946" spans="14:14">
      <c r="N367946" s="10"/>
    </row>
    <row r="367947" spans="14:14">
      <c r="N367947" s="10"/>
    </row>
    <row r="367948" spans="14:14">
      <c r="N367948" s="10"/>
    </row>
    <row r="367949" spans="14:14">
      <c r="N367949" s="10"/>
    </row>
    <row r="367950" spans="14:14">
      <c r="N367950" s="10"/>
    </row>
    <row r="367951" spans="14:14">
      <c r="N367951" s="10"/>
    </row>
    <row r="367952" spans="14:14">
      <c r="N367952" s="10"/>
    </row>
    <row r="367953" spans="14:14">
      <c r="N367953" s="10"/>
    </row>
    <row r="367954" spans="14:14">
      <c r="N367954" s="10"/>
    </row>
    <row r="367955" spans="14:14">
      <c r="N367955" s="10"/>
    </row>
    <row r="367956" spans="14:14">
      <c r="N367956" s="10"/>
    </row>
    <row r="367957" spans="14:14">
      <c r="N367957" s="10"/>
    </row>
    <row r="367958" spans="14:14">
      <c r="N367958" s="10"/>
    </row>
    <row r="367959" spans="14:14">
      <c r="N367959" s="10"/>
    </row>
    <row r="367960" spans="14:14">
      <c r="N367960" s="10"/>
    </row>
    <row r="367961" spans="14:14">
      <c r="N367961" s="10"/>
    </row>
    <row r="367962" spans="14:14">
      <c r="N367962" s="10"/>
    </row>
    <row r="367963" spans="14:14">
      <c r="N367963" s="10"/>
    </row>
    <row r="367964" spans="14:14">
      <c r="N367964" s="10"/>
    </row>
    <row r="367965" spans="14:14">
      <c r="N367965" s="10"/>
    </row>
    <row r="367966" spans="14:14">
      <c r="N367966" s="10"/>
    </row>
    <row r="367967" spans="14:14">
      <c r="N367967" s="10"/>
    </row>
    <row r="367968" spans="14:14">
      <c r="N367968" s="10"/>
    </row>
    <row r="367969" spans="14:14">
      <c r="N367969" s="10"/>
    </row>
    <row r="367970" spans="14:14">
      <c r="N367970" s="10"/>
    </row>
    <row r="367971" spans="14:14">
      <c r="N367971" s="10"/>
    </row>
    <row r="367972" spans="14:14">
      <c r="N367972" s="10"/>
    </row>
    <row r="367973" spans="14:14">
      <c r="N367973" s="10"/>
    </row>
    <row r="367974" spans="14:14">
      <c r="N367974" s="10"/>
    </row>
    <row r="367975" spans="14:14">
      <c r="N367975" s="10"/>
    </row>
    <row r="367976" spans="14:14">
      <c r="N367976" s="10"/>
    </row>
    <row r="367977" spans="14:14">
      <c r="N367977" s="10"/>
    </row>
    <row r="367978" spans="14:14">
      <c r="N367978" s="10"/>
    </row>
    <row r="367979" spans="14:14">
      <c r="N367979" s="10"/>
    </row>
    <row r="367980" spans="14:14">
      <c r="N367980" s="10"/>
    </row>
    <row r="367981" spans="14:14">
      <c r="N367981" s="10"/>
    </row>
    <row r="367982" spans="14:14">
      <c r="N367982" s="10"/>
    </row>
    <row r="367983" spans="14:14">
      <c r="N367983" s="10"/>
    </row>
    <row r="367984" spans="14:14">
      <c r="N367984" s="10"/>
    </row>
    <row r="367985" spans="14:14">
      <c r="N367985" s="10"/>
    </row>
    <row r="367986" spans="14:14">
      <c r="N367986" s="10"/>
    </row>
    <row r="367987" spans="14:14">
      <c r="N367987" s="10"/>
    </row>
    <row r="367988" spans="14:14">
      <c r="N367988" s="10"/>
    </row>
    <row r="367989" spans="14:14">
      <c r="N367989" s="10"/>
    </row>
    <row r="367990" spans="14:14">
      <c r="N367990" s="10"/>
    </row>
    <row r="367991" spans="14:14">
      <c r="N367991" s="10"/>
    </row>
    <row r="367992" spans="14:14">
      <c r="N367992" s="10"/>
    </row>
    <row r="367993" spans="14:14">
      <c r="N367993" s="10"/>
    </row>
    <row r="367994" spans="14:14">
      <c r="N367994" s="10"/>
    </row>
    <row r="367995" spans="14:14">
      <c r="N367995" s="10"/>
    </row>
    <row r="367996" spans="14:14">
      <c r="N367996" s="10"/>
    </row>
    <row r="367997" spans="14:14">
      <c r="N367997" s="10"/>
    </row>
    <row r="367998" spans="14:14">
      <c r="N367998" s="10"/>
    </row>
    <row r="367999" spans="14:14">
      <c r="N367999" s="10"/>
    </row>
    <row r="368000" spans="14:14">
      <c r="N368000" s="10"/>
    </row>
    <row r="368001" spans="14:14">
      <c r="N368001" s="10"/>
    </row>
    <row r="368002" spans="14:14">
      <c r="N368002" s="10"/>
    </row>
    <row r="368003" spans="14:14">
      <c r="N368003" s="10"/>
    </row>
    <row r="368004" spans="14:14">
      <c r="N368004" s="10"/>
    </row>
    <row r="368005" spans="14:14">
      <c r="N368005" s="10"/>
    </row>
    <row r="368006" spans="14:14">
      <c r="N368006" s="10"/>
    </row>
    <row r="368007" spans="14:14">
      <c r="N368007" s="10"/>
    </row>
    <row r="368008" spans="14:14">
      <c r="N368008" s="10"/>
    </row>
    <row r="368009" spans="14:14">
      <c r="N368009" s="10"/>
    </row>
    <row r="368010" spans="14:14">
      <c r="N368010" s="10"/>
    </row>
    <row r="368011" spans="14:14">
      <c r="N368011" s="10"/>
    </row>
    <row r="368012" spans="14:14">
      <c r="N368012" s="10"/>
    </row>
    <row r="368013" spans="14:14">
      <c r="N368013" s="10"/>
    </row>
    <row r="368014" spans="14:14">
      <c r="N368014" s="10"/>
    </row>
    <row r="368015" spans="14:14">
      <c r="N368015" s="10"/>
    </row>
    <row r="368016" spans="14:14">
      <c r="N368016" s="10"/>
    </row>
    <row r="368017" spans="14:14">
      <c r="N368017" s="10"/>
    </row>
    <row r="368018" spans="14:14">
      <c r="N368018" s="10"/>
    </row>
    <row r="368019" spans="14:14">
      <c r="N368019" s="10"/>
    </row>
    <row r="368020" spans="14:14">
      <c r="N368020" s="10"/>
    </row>
    <row r="368021" spans="14:14">
      <c r="N368021" s="10"/>
    </row>
    <row r="368022" spans="14:14">
      <c r="N368022" s="10"/>
    </row>
    <row r="368023" spans="14:14">
      <c r="N368023" s="10"/>
    </row>
    <row r="368024" spans="14:14">
      <c r="N368024" s="10"/>
    </row>
    <row r="368025" spans="14:14">
      <c r="N368025" s="10"/>
    </row>
    <row r="368026" spans="14:14">
      <c r="N368026" s="10"/>
    </row>
    <row r="368027" spans="14:14">
      <c r="N368027" s="10"/>
    </row>
    <row r="368028" spans="14:14">
      <c r="N368028" s="10"/>
    </row>
    <row r="368029" spans="14:14">
      <c r="N368029" s="10"/>
    </row>
    <row r="368030" spans="14:14">
      <c r="N368030" s="10"/>
    </row>
    <row r="368031" spans="14:14">
      <c r="N368031" s="10"/>
    </row>
    <row r="368032" spans="14:14">
      <c r="N368032" s="10"/>
    </row>
    <row r="368033" spans="14:14">
      <c r="N368033" s="10"/>
    </row>
    <row r="368034" spans="14:14">
      <c r="N368034" s="10"/>
    </row>
    <row r="368035" spans="14:14">
      <c r="N368035" s="10"/>
    </row>
    <row r="368036" spans="14:14">
      <c r="N368036" s="10"/>
    </row>
    <row r="368037" spans="14:14">
      <c r="N368037" s="10"/>
    </row>
    <row r="368038" spans="14:14">
      <c r="N368038" s="10"/>
    </row>
    <row r="368039" spans="14:14">
      <c r="N368039" s="10"/>
    </row>
    <row r="368040" spans="14:14">
      <c r="N368040" s="10"/>
    </row>
    <row r="368041" spans="14:14">
      <c r="N368041" s="10"/>
    </row>
    <row r="368042" spans="14:14">
      <c r="N368042" s="10"/>
    </row>
    <row r="368043" spans="14:14">
      <c r="N368043" s="10"/>
    </row>
    <row r="368044" spans="14:14">
      <c r="N368044" s="10"/>
    </row>
    <row r="368045" spans="14:14">
      <c r="N368045" s="10"/>
    </row>
    <row r="368046" spans="14:14">
      <c r="N368046" s="10"/>
    </row>
    <row r="368047" spans="14:14">
      <c r="N368047" s="10"/>
    </row>
    <row r="368048" spans="14:14">
      <c r="N368048" s="10"/>
    </row>
    <row r="368049" spans="14:14">
      <c r="N368049" s="10"/>
    </row>
    <row r="368050" spans="14:14">
      <c r="N368050" s="10"/>
    </row>
    <row r="368051" spans="14:14">
      <c r="N368051" s="10"/>
    </row>
    <row r="368052" spans="14:14">
      <c r="N368052" s="10"/>
    </row>
    <row r="368053" spans="14:14">
      <c r="N368053" s="10"/>
    </row>
    <row r="368054" spans="14:14">
      <c r="N368054" s="10"/>
    </row>
    <row r="368055" spans="14:14">
      <c r="N368055" s="10"/>
    </row>
    <row r="368056" spans="14:14">
      <c r="N368056" s="10"/>
    </row>
    <row r="368057" spans="14:14">
      <c r="N368057" s="10"/>
    </row>
    <row r="368058" spans="14:14">
      <c r="N368058" s="10"/>
    </row>
    <row r="368059" spans="14:14">
      <c r="N368059" s="10"/>
    </row>
    <row r="368060" spans="14:14">
      <c r="N368060" s="10"/>
    </row>
    <row r="368061" spans="14:14">
      <c r="N368061" s="10"/>
    </row>
    <row r="368062" spans="14:14">
      <c r="N368062" s="10"/>
    </row>
    <row r="368063" spans="14:14">
      <c r="N368063" s="10"/>
    </row>
    <row r="368064" spans="14:14">
      <c r="N368064" s="10"/>
    </row>
    <row r="368065" spans="14:14">
      <c r="N368065" s="10"/>
    </row>
    <row r="368066" spans="14:14">
      <c r="N368066" s="10"/>
    </row>
    <row r="368067" spans="14:14">
      <c r="N368067" s="10"/>
    </row>
    <row r="368068" spans="14:14">
      <c r="N368068" s="10"/>
    </row>
    <row r="368069" spans="14:14">
      <c r="N368069" s="10"/>
    </row>
    <row r="368070" spans="14:14">
      <c r="N368070" s="10"/>
    </row>
    <row r="368071" spans="14:14">
      <c r="N368071" s="10"/>
    </row>
    <row r="368072" spans="14:14">
      <c r="N368072" s="10"/>
    </row>
    <row r="368073" spans="14:14">
      <c r="N368073" s="10"/>
    </row>
    <row r="368074" spans="14:14">
      <c r="N368074" s="10"/>
    </row>
    <row r="368075" spans="14:14">
      <c r="N368075" s="10"/>
    </row>
    <row r="368076" spans="14:14">
      <c r="N368076" s="10"/>
    </row>
    <row r="368077" spans="14:14">
      <c r="N368077" s="10"/>
    </row>
    <row r="368078" spans="14:14">
      <c r="N368078" s="10"/>
    </row>
    <row r="368079" spans="14:14">
      <c r="N368079" s="10"/>
    </row>
    <row r="368080" spans="14:14">
      <c r="N368080" s="10"/>
    </row>
    <row r="368081" spans="14:14">
      <c r="N368081" s="10"/>
    </row>
    <row r="368082" spans="14:14">
      <c r="N368082" s="10"/>
    </row>
    <row r="368083" spans="14:14">
      <c r="N368083" s="10"/>
    </row>
    <row r="368084" spans="14:14">
      <c r="N368084" s="10"/>
    </row>
    <row r="368085" spans="14:14">
      <c r="N368085" s="10"/>
    </row>
    <row r="368086" spans="14:14">
      <c r="N368086" s="10"/>
    </row>
    <row r="368087" spans="14:14">
      <c r="N368087" s="10"/>
    </row>
    <row r="368088" spans="14:14">
      <c r="N368088" s="10"/>
    </row>
    <row r="368089" spans="14:14">
      <c r="N368089" s="10"/>
    </row>
    <row r="368090" spans="14:14">
      <c r="N368090" s="10"/>
    </row>
    <row r="368091" spans="14:14">
      <c r="N368091" s="10"/>
    </row>
    <row r="368092" spans="14:14">
      <c r="N368092" s="10"/>
    </row>
    <row r="368093" spans="14:14">
      <c r="N368093" s="10"/>
    </row>
    <row r="368094" spans="14:14">
      <c r="N368094" s="10"/>
    </row>
    <row r="368095" spans="14:14">
      <c r="N368095" s="10"/>
    </row>
    <row r="368096" spans="14:14">
      <c r="N368096" s="10"/>
    </row>
    <row r="368097" spans="14:14">
      <c r="N368097" s="10"/>
    </row>
    <row r="368098" spans="14:14">
      <c r="N368098" s="10"/>
    </row>
    <row r="368099" spans="14:14">
      <c r="N368099" s="10"/>
    </row>
    <row r="368100" spans="14:14">
      <c r="N368100" s="10"/>
    </row>
    <row r="368101" spans="14:14">
      <c r="N368101" s="10"/>
    </row>
    <row r="368102" spans="14:14">
      <c r="N368102" s="10"/>
    </row>
    <row r="368103" spans="14:14">
      <c r="N368103" s="10"/>
    </row>
    <row r="368104" spans="14:14">
      <c r="N368104" s="10"/>
    </row>
    <row r="368105" spans="14:14">
      <c r="N368105" s="10"/>
    </row>
    <row r="368106" spans="14:14">
      <c r="N368106" s="10"/>
    </row>
    <row r="368107" spans="14:14">
      <c r="N368107" s="10"/>
    </row>
    <row r="368108" spans="14:14">
      <c r="N368108" s="10"/>
    </row>
    <row r="368109" spans="14:14">
      <c r="N368109" s="10"/>
    </row>
    <row r="368110" spans="14:14">
      <c r="N368110" s="10"/>
    </row>
    <row r="368111" spans="14:14">
      <c r="N368111" s="10"/>
    </row>
    <row r="368112" spans="14:14">
      <c r="N368112" s="10"/>
    </row>
    <row r="368113" spans="14:14">
      <c r="N368113" s="10"/>
    </row>
    <row r="368114" spans="14:14">
      <c r="N368114" s="10"/>
    </row>
    <row r="368115" spans="14:14">
      <c r="N368115" s="10"/>
    </row>
    <row r="368116" spans="14:14">
      <c r="N368116" s="10"/>
    </row>
    <row r="368117" spans="14:14">
      <c r="N368117" s="10"/>
    </row>
    <row r="368118" spans="14:14">
      <c r="N368118" s="10"/>
    </row>
    <row r="368119" spans="14:14">
      <c r="N368119" s="10"/>
    </row>
    <row r="368120" spans="14:14">
      <c r="N368120" s="10"/>
    </row>
    <row r="368121" spans="14:14">
      <c r="N368121" s="10"/>
    </row>
    <row r="368122" spans="14:14">
      <c r="N368122" s="10"/>
    </row>
    <row r="368123" spans="14:14">
      <c r="N368123" s="10"/>
    </row>
    <row r="368124" spans="14:14">
      <c r="N368124" s="10"/>
    </row>
    <row r="368125" spans="14:14">
      <c r="N368125" s="10"/>
    </row>
    <row r="368126" spans="14:14">
      <c r="N368126" s="10"/>
    </row>
    <row r="368127" spans="14:14">
      <c r="N368127" s="10"/>
    </row>
    <row r="368128" spans="14:14">
      <c r="N368128" s="10"/>
    </row>
    <row r="368129" spans="14:14">
      <c r="N368129" s="10"/>
    </row>
    <row r="368130" spans="14:14">
      <c r="N368130" s="10"/>
    </row>
    <row r="368131" spans="14:14">
      <c r="N368131" s="10"/>
    </row>
    <row r="368132" spans="14:14">
      <c r="N368132" s="10"/>
    </row>
    <row r="368133" spans="14:14">
      <c r="N368133" s="10"/>
    </row>
    <row r="368134" spans="14:14">
      <c r="N368134" s="10"/>
    </row>
    <row r="368135" spans="14:14">
      <c r="N368135" s="10"/>
    </row>
    <row r="368136" spans="14:14">
      <c r="N368136" s="10"/>
    </row>
    <row r="368137" spans="14:14">
      <c r="N368137" s="10"/>
    </row>
    <row r="368138" spans="14:14">
      <c r="N368138" s="10"/>
    </row>
    <row r="368139" spans="14:14">
      <c r="N368139" s="10"/>
    </row>
    <row r="368140" spans="14:14">
      <c r="N368140" s="10"/>
    </row>
    <row r="368141" spans="14:14">
      <c r="N368141" s="10"/>
    </row>
    <row r="368142" spans="14:14">
      <c r="N368142" s="10"/>
    </row>
    <row r="368143" spans="14:14">
      <c r="N368143" s="10"/>
    </row>
    <row r="368144" spans="14:14">
      <c r="N368144" s="10"/>
    </row>
    <row r="368145" spans="14:14">
      <c r="N368145" s="10"/>
    </row>
    <row r="368146" spans="14:14">
      <c r="N368146" s="10"/>
    </row>
    <row r="368147" spans="14:14">
      <c r="N368147" s="10"/>
    </row>
    <row r="368148" spans="14:14">
      <c r="N368148" s="10"/>
    </row>
    <row r="368149" spans="14:14">
      <c r="N368149" s="10"/>
    </row>
    <row r="368150" spans="14:14">
      <c r="N368150" s="10"/>
    </row>
    <row r="368151" spans="14:14">
      <c r="N368151" s="10"/>
    </row>
    <row r="368152" spans="14:14">
      <c r="N368152" s="10"/>
    </row>
    <row r="368153" spans="14:14">
      <c r="N368153" s="10"/>
    </row>
    <row r="368154" spans="14:14">
      <c r="N368154" s="10"/>
    </row>
    <row r="368155" spans="14:14">
      <c r="N368155" s="10"/>
    </row>
    <row r="368156" spans="14:14">
      <c r="N368156" s="10"/>
    </row>
    <row r="368157" spans="14:14">
      <c r="N368157" s="10"/>
    </row>
    <row r="368158" spans="14:14">
      <c r="N368158" s="10"/>
    </row>
    <row r="368159" spans="14:14">
      <c r="N368159" s="10"/>
    </row>
    <row r="368160" spans="14:14">
      <c r="N368160" s="10"/>
    </row>
    <row r="368161" spans="14:14">
      <c r="N368161" s="10"/>
    </row>
    <row r="368162" spans="14:14">
      <c r="N368162" s="10"/>
    </row>
    <row r="368163" spans="14:14">
      <c r="N368163" s="10"/>
    </row>
    <row r="368164" spans="14:14">
      <c r="N368164" s="10"/>
    </row>
    <row r="368165" spans="14:14">
      <c r="N368165" s="10"/>
    </row>
    <row r="368166" spans="14:14">
      <c r="N368166" s="10"/>
    </row>
    <row r="368167" spans="14:14">
      <c r="N368167" s="10"/>
    </row>
    <row r="368168" spans="14:14">
      <c r="N368168" s="10"/>
    </row>
    <row r="368169" spans="14:14">
      <c r="N368169" s="10"/>
    </row>
    <row r="368170" spans="14:14">
      <c r="N368170" s="10"/>
    </row>
    <row r="368171" spans="14:14">
      <c r="N368171" s="10"/>
    </row>
    <row r="368172" spans="14:14">
      <c r="N368172" s="10"/>
    </row>
    <row r="368173" spans="14:14">
      <c r="N368173" s="10"/>
    </row>
    <row r="368174" spans="14:14">
      <c r="N368174" s="10"/>
    </row>
    <row r="368175" spans="14:14">
      <c r="N368175" s="10"/>
    </row>
    <row r="368176" spans="14:14">
      <c r="N368176" s="10"/>
    </row>
    <row r="368177" spans="14:14">
      <c r="N368177" s="10"/>
    </row>
    <row r="368178" spans="14:14">
      <c r="N368178" s="10"/>
    </row>
    <row r="368179" spans="14:14">
      <c r="N368179" s="10"/>
    </row>
    <row r="368180" spans="14:14">
      <c r="N368180" s="10"/>
    </row>
    <row r="368181" spans="14:14">
      <c r="N368181" s="10"/>
    </row>
    <row r="368182" spans="14:14">
      <c r="N368182" s="10"/>
    </row>
    <row r="368183" spans="14:14">
      <c r="N368183" s="10"/>
    </row>
    <row r="368184" spans="14:14">
      <c r="N368184" s="10"/>
    </row>
    <row r="368185" spans="14:14">
      <c r="N368185" s="10"/>
    </row>
    <row r="368186" spans="14:14">
      <c r="N368186" s="10"/>
    </row>
    <row r="368187" spans="14:14">
      <c r="N368187" s="10"/>
    </row>
    <row r="368188" spans="14:14">
      <c r="N368188" s="10"/>
    </row>
    <row r="368189" spans="14:14">
      <c r="N368189" s="10"/>
    </row>
    <row r="368190" spans="14:14">
      <c r="N368190" s="10"/>
    </row>
    <row r="368191" spans="14:14">
      <c r="N368191" s="10"/>
    </row>
    <row r="368192" spans="14:14">
      <c r="N368192" s="10"/>
    </row>
    <row r="368193" spans="14:14">
      <c r="N368193" s="10"/>
    </row>
    <row r="368194" spans="14:14">
      <c r="N368194" s="10"/>
    </row>
    <row r="368195" spans="14:14">
      <c r="N368195" s="10"/>
    </row>
    <row r="368196" spans="14:14">
      <c r="N368196" s="10"/>
    </row>
    <row r="368197" spans="14:14">
      <c r="N368197" s="10"/>
    </row>
    <row r="368198" spans="14:14">
      <c r="N368198" s="10"/>
    </row>
    <row r="368199" spans="14:14">
      <c r="N368199" s="10"/>
    </row>
    <row r="368200" spans="14:14">
      <c r="N368200" s="10"/>
    </row>
    <row r="368201" spans="14:14">
      <c r="N368201" s="10"/>
    </row>
    <row r="368202" spans="14:14">
      <c r="N368202" s="10"/>
    </row>
    <row r="368203" spans="14:14">
      <c r="N368203" s="10"/>
    </row>
    <row r="368204" spans="14:14">
      <c r="N368204" s="10"/>
    </row>
    <row r="368205" spans="14:14">
      <c r="N368205" s="10"/>
    </row>
    <row r="368206" spans="14:14">
      <c r="N368206" s="10"/>
    </row>
    <row r="368207" spans="14:14">
      <c r="N368207" s="10"/>
    </row>
    <row r="368208" spans="14:14">
      <c r="N368208" s="10"/>
    </row>
    <row r="368209" spans="14:14">
      <c r="N368209" s="10"/>
    </row>
    <row r="368210" spans="14:14">
      <c r="N368210" s="10"/>
    </row>
    <row r="368211" spans="14:14">
      <c r="N368211" s="10"/>
    </row>
    <row r="368212" spans="14:14">
      <c r="N368212" s="10"/>
    </row>
    <row r="368213" spans="14:14">
      <c r="N368213" s="10"/>
    </row>
    <row r="368214" spans="14:14">
      <c r="N368214" s="10"/>
    </row>
    <row r="368215" spans="14:14">
      <c r="N368215" s="10"/>
    </row>
    <row r="368216" spans="14:14">
      <c r="N368216" s="10"/>
    </row>
    <row r="368217" spans="14:14">
      <c r="N368217" s="10"/>
    </row>
    <row r="368218" spans="14:14">
      <c r="N368218" s="10"/>
    </row>
    <row r="368219" spans="14:14">
      <c r="N368219" s="10"/>
    </row>
    <row r="368220" spans="14:14">
      <c r="N368220" s="10"/>
    </row>
    <row r="368221" spans="14:14">
      <c r="N368221" s="10"/>
    </row>
    <row r="368222" spans="14:14">
      <c r="N368222" s="10"/>
    </row>
    <row r="368223" spans="14:14">
      <c r="N368223" s="10"/>
    </row>
    <row r="368224" spans="14:14">
      <c r="N368224" s="10"/>
    </row>
    <row r="368225" spans="14:14">
      <c r="N368225" s="10"/>
    </row>
    <row r="368226" spans="14:14">
      <c r="N368226" s="10"/>
    </row>
    <row r="368227" spans="14:14">
      <c r="N368227" s="10"/>
    </row>
    <row r="368228" spans="14:14">
      <c r="N368228" s="10"/>
    </row>
    <row r="368229" spans="14:14">
      <c r="N368229" s="10"/>
    </row>
    <row r="368230" spans="14:14">
      <c r="N368230" s="10"/>
    </row>
    <row r="368231" spans="14:14">
      <c r="N368231" s="10"/>
    </row>
    <row r="368232" spans="14:14">
      <c r="N368232" s="10"/>
    </row>
    <row r="368233" spans="14:14">
      <c r="N368233" s="10"/>
    </row>
    <row r="368234" spans="14:14">
      <c r="N368234" s="10"/>
    </row>
    <row r="368235" spans="14:14">
      <c r="N368235" s="10"/>
    </row>
    <row r="368236" spans="14:14">
      <c r="N368236" s="10"/>
    </row>
    <row r="368237" spans="14:14">
      <c r="N368237" s="10"/>
    </row>
    <row r="368238" spans="14:14">
      <c r="N368238" s="10"/>
    </row>
    <row r="368239" spans="14:14">
      <c r="N368239" s="10"/>
    </row>
    <row r="368240" spans="14:14">
      <c r="N368240" s="10"/>
    </row>
    <row r="368241" spans="14:14">
      <c r="N368241" s="10"/>
    </row>
    <row r="368242" spans="14:14">
      <c r="N368242" s="10"/>
    </row>
    <row r="368243" spans="14:14">
      <c r="N368243" s="10"/>
    </row>
    <row r="368244" spans="14:14">
      <c r="N368244" s="10"/>
    </row>
    <row r="368245" spans="14:14">
      <c r="N368245" s="10"/>
    </row>
    <row r="368246" spans="14:14">
      <c r="N368246" s="10"/>
    </row>
    <row r="368247" spans="14:14">
      <c r="N368247" s="10"/>
    </row>
    <row r="368248" spans="14:14">
      <c r="N368248" s="10"/>
    </row>
    <row r="368249" spans="14:14">
      <c r="N368249" s="10"/>
    </row>
    <row r="368250" spans="14:14">
      <c r="N368250" s="10"/>
    </row>
    <row r="368251" spans="14:14">
      <c r="N368251" s="10"/>
    </row>
    <row r="368252" spans="14:14">
      <c r="N368252" s="10"/>
    </row>
    <row r="368253" spans="14:14">
      <c r="N368253" s="10"/>
    </row>
    <row r="368254" spans="14:14">
      <c r="N368254" s="10"/>
    </row>
    <row r="368255" spans="14:14">
      <c r="N368255" s="10"/>
    </row>
    <row r="368256" spans="14:14">
      <c r="N368256" s="10"/>
    </row>
    <row r="368257" spans="14:14">
      <c r="N368257" s="10"/>
    </row>
    <row r="368258" spans="14:14">
      <c r="N368258" s="10"/>
    </row>
    <row r="368259" spans="14:14">
      <c r="N368259" s="10"/>
    </row>
    <row r="368260" spans="14:14">
      <c r="N368260" s="10"/>
    </row>
    <row r="368261" spans="14:14">
      <c r="N368261" s="10"/>
    </row>
    <row r="368262" spans="14:14">
      <c r="N368262" s="10"/>
    </row>
    <row r="368263" spans="14:14">
      <c r="N368263" s="10"/>
    </row>
    <row r="368264" spans="14:14">
      <c r="N368264" s="10"/>
    </row>
    <row r="368265" spans="14:14">
      <c r="N368265" s="10"/>
    </row>
    <row r="368266" spans="14:14">
      <c r="N368266" s="10"/>
    </row>
    <row r="368267" spans="14:14">
      <c r="N368267" s="10"/>
    </row>
    <row r="368268" spans="14:14">
      <c r="N368268" s="10"/>
    </row>
    <row r="368269" spans="14:14">
      <c r="N368269" s="10"/>
    </row>
    <row r="368270" spans="14:14">
      <c r="N368270" s="10"/>
    </row>
    <row r="368271" spans="14:14">
      <c r="N368271" s="10"/>
    </row>
    <row r="368272" spans="14:14">
      <c r="N368272" s="10"/>
    </row>
    <row r="368273" spans="14:14">
      <c r="N368273" s="10"/>
    </row>
    <row r="368274" spans="14:14">
      <c r="N368274" s="10"/>
    </row>
    <row r="368275" spans="14:14">
      <c r="N368275" s="10"/>
    </row>
    <row r="368276" spans="14:14">
      <c r="N368276" s="10"/>
    </row>
    <row r="368277" spans="14:14">
      <c r="N368277" s="10"/>
    </row>
    <row r="368278" spans="14:14">
      <c r="N368278" s="10"/>
    </row>
    <row r="368279" spans="14:14">
      <c r="N368279" s="10"/>
    </row>
    <row r="368280" spans="14:14">
      <c r="N368280" s="10"/>
    </row>
    <row r="368281" spans="14:14">
      <c r="N368281" s="10"/>
    </row>
    <row r="368282" spans="14:14">
      <c r="N368282" s="10"/>
    </row>
    <row r="368283" spans="14:14">
      <c r="N368283" s="10"/>
    </row>
    <row r="368284" spans="14:14">
      <c r="N368284" s="10"/>
    </row>
    <row r="368285" spans="14:14">
      <c r="N368285" s="10"/>
    </row>
    <row r="368286" spans="14:14">
      <c r="N368286" s="10"/>
    </row>
    <row r="368287" spans="14:14">
      <c r="N368287" s="10"/>
    </row>
    <row r="368288" spans="14:14">
      <c r="N368288" s="10"/>
    </row>
    <row r="368289" spans="14:14">
      <c r="N368289" s="10"/>
    </row>
    <row r="368290" spans="14:14">
      <c r="N368290" s="10"/>
    </row>
    <row r="368291" spans="14:14">
      <c r="N368291" s="10"/>
    </row>
    <row r="368292" spans="14:14">
      <c r="N368292" s="10"/>
    </row>
    <row r="368293" spans="14:14">
      <c r="N368293" s="10"/>
    </row>
    <row r="368294" spans="14:14">
      <c r="N368294" s="10"/>
    </row>
    <row r="368295" spans="14:14">
      <c r="N368295" s="10"/>
    </row>
    <row r="368296" spans="14:14">
      <c r="N368296" s="10"/>
    </row>
    <row r="368297" spans="14:14">
      <c r="N368297" s="10"/>
    </row>
    <row r="368298" spans="14:14">
      <c r="N368298" s="10"/>
    </row>
    <row r="368299" spans="14:14">
      <c r="N368299" s="10"/>
    </row>
    <row r="368300" spans="14:14">
      <c r="N368300" s="10"/>
    </row>
    <row r="368301" spans="14:14">
      <c r="N368301" s="10"/>
    </row>
    <row r="368302" spans="14:14">
      <c r="N368302" s="10"/>
    </row>
    <row r="368303" spans="14:14">
      <c r="N368303" s="10"/>
    </row>
    <row r="368304" spans="14:14">
      <c r="N368304" s="10"/>
    </row>
    <row r="368305" spans="14:14">
      <c r="N368305" s="10"/>
    </row>
    <row r="368306" spans="14:14">
      <c r="N368306" s="10"/>
    </row>
    <row r="368307" spans="14:14">
      <c r="N368307" s="10"/>
    </row>
    <row r="368308" spans="14:14">
      <c r="N368308" s="10"/>
    </row>
    <row r="368309" spans="14:14">
      <c r="N368309" s="10"/>
    </row>
    <row r="368310" spans="14:14">
      <c r="N368310" s="10"/>
    </row>
    <row r="368311" spans="14:14">
      <c r="N368311" s="10"/>
    </row>
    <row r="368312" spans="14:14">
      <c r="N368312" s="10"/>
    </row>
    <row r="368313" spans="14:14">
      <c r="N368313" s="10"/>
    </row>
    <row r="368314" spans="14:14">
      <c r="N368314" s="10"/>
    </row>
    <row r="368315" spans="14:14">
      <c r="N368315" s="10"/>
    </row>
    <row r="368316" spans="14:14">
      <c r="N368316" s="10"/>
    </row>
    <row r="368317" spans="14:14">
      <c r="N368317" s="10"/>
    </row>
    <row r="368318" spans="14:14">
      <c r="N368318" s="10"/>
    </row>
    <row r="368319" spans="14:14">
      <c r="N368319" s="10"/>
    </row>
    <row r="368320" spans="14:14">
      <c r="N368320" s="10"/>
    </row>
    <row r="368321" spans="14:14">
      <c r="N368321" s="10"/>
    </row>
    <row r="368322" spans="14:14">
      <c r="N368322" s="10"/>
    </row>
    <row r="368323" spans="14:14">
      <c r="N368323" s="10"/>
    </row>
    <row r="368324" spans="14:14">
      <c r="N368324" s="10"/>
    </row>
    <row r="368325" spans="14:14">
      <c r="N368325" s="10"/>
    </row>
    <row r="368326" spans="14:14">
      <c r="N368326" s="10"/>
    </row>
    <row r="368327" spans="14:14">
      <c r="N368327" s="10"/>
    </row>
    <row r="368328" spans="14:14">
      <c r="N368328" s="10"/>
    </row>
    <row r="368329" spans="14:14">
      <c r="N368329" s="10"/>
    </row>
    <row r="368330" spans="14:14">
      <c r="N368330" s="10"/>
    </row>
    <row r="368331" spans="14:14">
      <c r="N368331" s="10"/>
    </row>
    <row r="368332" spans="14:14">
      <c r="N368332" s="10"/>
    </row>
    <row r="368333" spans="14:14">
      <c r="N368333" s="10"/>
    </row>
    <row r="368334" spans="14:14">
      <c r="N368334" s="10"/>
    </row>
    <row r="368335" spans="14:14">
      <c r="N368335" s="10"/>
    </row>
    <row r="368336" spans="14:14">
      <c r="N368336" s="10"/>
    </row>
    <row r="368337" spans="14:14">
      <c r="N368337" s="10"/>
    </row>
    <row r="368338" spans="14:14">
      <c r="N368338" s="10"/>
    </row>
    <row r="368339" spans="14:14">
      <c r="N368339" s="10"/>
    </row>
    <row r="368340" spans="14:14">
      <c r="N368340" s="10"/>
    </row>
    <row r="368341" spans="14:14">
      <c r="N368341" s="10"/>
    </row>
    <row r="368342" spans="14:14">
      <c r="N368342" s="10"/>
    </row>
    <row r="368343" spans="14:14">
      <c r="N368343" s="10"/>
    </row>
    <row r="368344" spans="14:14">
      <c r="N368344" s="10"/>
    </row>
    <row r="368345" spans="14:14">
      <c r="N368345" s="10"/>
    </row>
    <row r="368346" spans="14:14">
      <c r="N368346" s="10"/>
    </row>
    <row r="368347" spans="14:14">
      <c r="N368347" s="10"/>
    </row>
    <row r="368348" spans="14:14">
      <c r="N368348" s="10"/>
    </row>
    <row r="368349" spans="14:14">
      <c r="N368349" s="10"/>
    </row>
    <row r="368350" spans="14:14">
      <c r="N368350" s="10"/>
    </row>
    <row r="368351" spans="14:14">
      <c r="N368351" s="10"/>
    </row>
    <row r="368352" spans="14:14">
      <c r="N368352" s="10"/>
    </row>
    <row r="368353" spans="14:14">
      <c r="N368353" s="10"/>
    </row>
    <row r="368354" spans="14:14">
      <c r="N368354" s="10"/>
    </row>
    <row r="368355" spans="14:14">
      <c r="N368355" s="10"/>
    </row>
    <row r="368356" spans="14:14">
      <c r="N368356" s="10"/>
    </row>
    <row r="368357" spans="14:14">
      <c r="N368357" s="10"/>
    </row>
    <row r="368358" spans="14:14">
      <c r="N368358" s="10"/>
    </row>
    <row r="368359" spans="14:14">
      <c r="N368359" s="10"/>
    </row>
    <row r="368360" spans="14:14">
      <c r="N368360" s="10"/>
    </row>
    <row r="368361" spans="14:14">
      <c r="N368361" s="10"/>
    </row>
    <row r="368362" spans="14:14">
      <c r="N368362" s="10"/>
    </row>
    <row r="368363" spans="14:14">
      <c r="N368363" s="10"/>
    </row>
    <row r="368364" spans="14:14">
      <c r="N368364" s="10"/>
    </row>
    <row r="368365" spans="14:14">
      <c r="N368365" s="10"/>
    </row>
    <row r="368366" spans="14:14">
      <c r="N368366" s="10"/>
    </row>
    <row r="368367" spans="14:14">
      <c r="N368367" s="10"/>
    </row>
    <row r="368368" spans="14:14">
      <c r="N368368" s="10"/>
    </row>
    <row r="368369" spans="14:14">
      <c r="N368369" s="10"/>
    </row>
    <row r="368370" spans="14:14">
      <c r="N368370" s="10"/>
    </row>
    <row r="368371" spans="14:14">
      <c r="N368371" s="10"/>
    </row>
    <row r="368372" spans="14:14">
      <c r="N368372" s="10"/>
    </row>
    <row r="368373" spans="14:14">
      <c r="N368373" s="10"/>
    </row>
    <row r="368374" spans="14:14">
      <c r="N368374" s="10"/>
    </row>
    <row r="368375" spans="14:14">
      <c r="N368375" s="10"/>
    </row>
    <row r="368376" spans="14:14">
      <c r="N368376" s="10"/>
    </row>
    <row r="368377" spans="14:14">
      <c r="N368377" s="10"/>
    </row>
    <row r="368378" spans="14:14">
      <c r="N368378" s="10"/>
    </row>
    <row r="368379" spans="14:14">
      <c r="N368379" s="10"/>
    </row>
    <row r="368380" spans="14:14">
      <c r="N368380" s="10"/>
    </row>
    <row r="368381" spans="14:14">
      <c r="N368381" s="10"/>
    </row>
    <row r="368382" spans="14:14">
      <c r="N368382" s="10"/>
    </row>
    <row r="368383" spans="14:14">
      <c r="N368383" s="10"/>
    </row>
    <row r="368384" spans="14:14">
      <c r="N368384" s="10"/>
    </row>
    <row r="368385" spans="14:14">
      <c r="N368385" s="10"/>
    </row>
    <row r="368386" spans="14:14">
      <c r="N368386" s="10"/>
    </row>
    <row r="368387" spans="14:14">
      <c r="N368387" s="10"/>
    </row>
    <row r="368388" spans="14:14">
      <c r="N368388" s="10"/>
    </row>
    <row r="368389" spans="14:14">
      <c r="N368389" s="10"/>
    </row>
    <row r="368390" spans="14:14">
      <c r="N368390" s="10"/>
    </row>
    <row r="368391" spans="14:14">
      <c r="N368391" s="10"/>
    </row>
    <row r="368392" spans="14:14">
      <c r="N368392" s="10"/>
    </row>
    <row r="368393" spans="14:14">
      <c r="N368393" s="10"/>
    </row>
    <row r="368394" spans="14:14">
      <c r="N368394" s="10"/>
    </row>
    <row r="368395" spans="14:14">
      <c r="N368395" s="10"/>
    </row>
    <row r="368396" spans="14:14">
      <c r="N368396" s="10"/>
    </row>
    <row r="368397" spans="14:14">
      <c r="N368397" s="10"/>
    </row>
    <row r="368398" spans="14:14">
      <c r="N368398" s="10"/>
    </row>
    <row r="368399" spans="14:14">
      <c r="N368399" s="10"/>
    </row>
    <row r="368400" spans="14:14">
      <c r="N368400" s="10"/>
    </row>
    <row r="368401" spans="14:14">
      <c r="N368401" s="10"/>
    </row>
    <row r="368402" spans="14:14">
      <c r="N368402" s="10"/>
    </row>
    <row r="368403" spans="14:14">
      <c r="N368403" s="10"/>
    </row>
    <row r="368404" spans="14:14">
      <c r="N368404" s="10"/>
    </row>
    <row r="368405" spans="14:14">
      <c r="N368405" s="10"/>
    </row>
    <row r="368406" spans="14:14">
      <c r="N368406" s="10"/>
    </row>
    <row r="368407" spans="14:14">
      <c r="N368407" s="10"/>
    </row>
    <row r="368408" spans="14:14">
      <c r="N368408" s="10"/>
    </row>
    <row r="368409" spans="14:14">
      <c r="N368409" s="10"/>
    </row>
    <row r="368410" spans="14:14">
      <c r="N368410" s="10"/>
    </row>
    <row r="368411" spans="14:14">
      <c r="N368411" s="10"/>
    </row>
    <row r="368412" spans="14:14">
      <c r="N368412" s="10"/>
    </row>
    <row r="368413" spans="14:14">
      <c r="N368413" s="10"/>
    </row>
    <row r="368414" spans="14:14">
      <c r="N368414" s="10"/>
    </row>
    <row r="368415" spans="14:14">
      <c r="N368415" s="10"/>
    </row>
    <row r="368416" spans="14:14">
      <c r="N368416" s="10"/>
    </row>
    <row r="368417" spans="14:14">
      <c r="N368417" s="10"/>
    </row>
    <row r="368418" spans="14:14">
      <c r="N368418" s="10"/>
    </row>
    <row r="368419" spans="14:14">
      <c r="N368419" s="10"/>
    </row>
    <row r="368420" spans="14:14">
      <c r="N368420" s="10"/>
    </row>
    <row r="368421" spans="14:14">
      <c r="N368421" s="10"/>
    </row>
    <row r="368422" spans="14:14">
      <c r="N368422" s="10"/>
    </row>
    <row r="368423" spans="14:14">
      <c r="N368423" s="10"/>
    </row>
    <row r="368424" spans="14:14">
      <c r="N368424" s="10"/>
    </row>
    <row r="368425" spans="14:14">
      <c r="N368425" s="10"/>
    </row>
    <row r="368426" spans="14:14">
      <c r="N368426" s="10"/>
    </row>
    <row r="368427" spans="14:14">
      <c r="N368427" s="10"/>
    </row>
    <row r="368428" spans="14:14">
      <c r="N368428" s="10"/>
    </row>
    <row r="368429" spans="14:14">
      <c r="N368429" s="10"/>
    </row>
    <row r="368430" spans="14:14">
      <c r="N368430" s="10"/>
    </row>
    <row r="368431" spans="14:14">
      <c r="N368431" s="10"/>
    </row>
    <row r="368432" spans="14:14">
      <c r="N368432" s="10"/>
    </row>
    <row r="368433" spans="14:14">
      <c r="N368433" s="10"/>
    </row>
    <row r="368434" spans="14:14">
      <c r="N368434" s="10"/>
    </row>
    <row r="368435" spans="14:14">
      <c r="N368435" s="10"/>
    </row>
    <row r="368436" spans="14:14">
      <c r="N368436" s="10"/>
    </row>
    <row r="368437" spans="14:14">
      <c r="N368437" s="10"/>
    </row>
    <row r="368438" spans="14:14">
      <c r="N368438" s="10"/>
    </row>
    <row r="368439" spans="14:14">
      <c r="N368439" s="10"/>
    </row>
    <row r="368440" spans="14:14">
      <c r="N368440" s="10"/>
    </row>
    <row r="368441" spans="14:14">
      <c r="N368441" s="10"/>
    </row>
    <row r="368442" spans="14:14">
      <c r="N368442" s="10"/>
    </row>
    <row r="368443" spans="14:14">
      <c r="N368443" s="10"/>
    </row>
    <row r="368444" spans="14:14">
      <c r="N368444" s="10"/>
    </row>
    <row r="368445" spans="14:14">
      <c r="N368445" s="10"/>
    </row>
    <row r="368446" spans="14:14">
      <c r="N368446" s="10"/>
    </row>
    <row r="368447" spans="14:14">
      <c r="N368447" s="10"/>
    </row>
    <row r="368448" spans="14:14">
      <c r="N368448" s="10"/>
    </row>
    <row r="368449" spans="14:14">
      <c r="N368449" s="10"/>
    </row>
    <row r="368450" spans="14:14">
      <c r="N368450" s="10"/>
    </row>
    <row r="368451" spans="14:14">
      <c r="N368451" s="10"/>
    </row>
    <row r="368452" spans="14:14">
      <c r="N368452" s="10"/>
    </row>
    <row r="368453" spans="14:14">
      <c r="N368453" s="10"/>
    </row>
    <row r="368454" spans="14:14">
      <c r="N368454" s="10"/>
    </row>
    <row r="368455" spans="14:14">
      <c r="N368455" s="10"/>
    </row>
    <row r="368456" spans="14:14">
      <c r="N368456" s="10"/>
    </row>
    <row r="368457" spans="14:14">
      <c r="N368457" s="10"/>
    </row>
    <row r="368458" spans="14:14">
      <c r="N368458" s="10"/>
    </row>
    <row r="368459" spans="14:14">
      <c r="N368459" s="10"/>
    </row>
    <row r="368460" spans="14:14">
      <c r="N368460" s="10"/>
    </row>
    <row r="368461" spans="14:14">
      <c r="N368461" s="10"/>
    </row>
    <row r="368462" spans="14:14">
      <c r="N368462" s="10"/>
    </row>
    <row r="368463" spans="14:14">
      <c r="N368463" s="10"/>
    </row>
    <row r="368464" spans="14:14">
      <c r="N368464" s="10"/>
    </row>
    <row r="368465" spans="14:14">
      <c r="N368465" s="10"/>
    </row>
    <row r="368466" spans="14:14">
      <c r="N368466" s="10"/>
    </row>
    <row r="368467" spans="14:14">
      <c r="N368467" s="10"/>
    </row>
    <row r="368468" spans="14:14">
      <c r="N368468" s="10"/>
    </row>
    <row r="368469" spans="14:14">
      <c r="N368469" s="10"/>
    </row>
    <row r="368470" spans="14:14">
      <c r="N368470" s="10"/>
    </row>
    <row r="368471" spans="14:14">
      <c r="N368471" s="10"/>
    </row>
    <row r="368472" spans="14:14">
      <c r="N368472" s="10"/>
    </row>
    <row r="368473" spans="14:14">
      <c r="N368473" s="10"/>
    </row>
    <row r="368474" spans="14:14">
      <c r="N368474" s="10"/>
    </row>
    <row r="368475" spans="14:14">
      <c r="N368475" s="10"/>
    </row>
    <row r="368476" spans="14:14">
      <c r="N368476" s="10"/>
    </row>
    <row r="368477" spans="14:14">
      <c r="N368477" s="10"/>
    </row>
    <row r="368478" spans="14:14">
      <c r="N368478" s="10"/>
    </row>
    <row r="368479" spans="14:14">
      <c r="N368479" s="10"/>
    </row>
    <row r="368480" spans="14:14">
      <c r="N368480" s="10"/>
    </row>
    <row r="368481" spans="14:14">
      <c r="N368481" s="10"/>
    </row>
    <row r="368482" spans="14:14">
      <c r="N368482" s="10"/>
    </row>
    <row r="368483" spans="14:14">
      <c r="N368483" s="10"/>
    </row>
    <row r="368484" spans="14:14">
      <c r="N368484" s="10"/>
    </row>
    <row r="368485" spans="14:14">
      <c r="N368485" s="10"/>
    </row>
    <row r="368486" spans="14:14">
      <c r="N368486" s="10"/>
    </row>
    <row r="368487" spans="14:14">
      <c r="N368487" s="10"/>
    </row>
    <row r="368488" spans="14:14">
      <c r="N368488" s="10"/>
    </row>
    <row r="368489" spans="14:14">
      <c r="N368489" s="10"/>
    </row>
    <row r="368490" spans="14:14">
      <c r="N368490" s="10"/>
    </row>
    <row r="368491" spans="14:14">
      <c r="N368491" s="10"/>
    </row>
    <row r="368492" spans="14:14">
      <c r="N368492" s="10"/>
    </row>
    <row r="368493" spans="14:14">
      <c r="N368493" s="10"/>
    </row>
    <row r="368494" spans="14:14">
      <c r="N368494" s="10"/>
    </row>
    <row r="368495" spans="14:14">
      <c r="N368495" s="10"/>
    </row>
    <row r="368496" spans="14:14">
      <c r="N368496" s="10"/>
    </row>
    <row r="368497" spans="14:14">
      <c r="N368497" s="10"/>
    </row>
    <row r="368498" spans="14:14">
      <c r="N368498" s="10"/>
    </row>
    <row r="368499" spans="14:14">
      <c r="N368499" s="10"/>
    </row>
    <row r="368500" spans="14:14">
      <c r="N368500" s="10"/>
    </row>
    <row r="368501" spans="14:14">
      <c r="N368501" s="10"/>
    </row>
    <row r="368502" spans="14:14">
      <c r="N368502" s="10"/>
    </row>
    <row r="368503" spans="14:14">
      <c r="N368503" s="10"/>
    </row>
    <row r="368504" spans="14:14">
      <c r="N368504" s="10"/>
    </row>
    <row r="368505" spans="14:14">
      <c r="N368505" s="10"/>
    </row>
    <row r="368506" spans="14:14">
      <c r="N368506" s="10"/>
    </row>
    <row r="368507" spans="14:14">
      <c r="N368507" s="10"/>
    </row>
    <row r="368508" spans="14:14">
      <c r="N368508" s="10"/>
    </row>
    <row r="368509" spans="14:14">
      <c r="N368509" s="10"/>
    </row>
    <row r="368510" spans="14:14">
      <c r="N368510" s="10"/>
    </row>
    <row r="368511" spans="14:14">
      <c r="N368511" s="10"/>
    </row>
    <row r="368512" spans="14:14">
      <c r="N368512" s="10"/>
    </row>
    <row r="368513" spans="14:14">
      <c r="N368513" s="10"/>
    </row>
    <row r="368514" spans="14:14">
      <c r="N368514" s="10"/>
    </row>
    <row r="368515" spans="14:14">
      <c r="N368515" s="10"/>
    </row>
    <row r="368516" spans="14:14">
      <c r="N368516" s="10"/>
    </row>
    <row r="368517" spans="14:14">
      <c r="N368517" s="10"/>
    </row>
    <row r="368518" spans="14:14">
      <c r="N368518" s="10"/>
    </row>
    <row r="368519" spans="14:14">
      <c r="N368519" s="10"/>
    </row>
    <row r="368520" spans="14:14">
      <c r="N368520" s="10"/>
    </row>
    <row r="368521" spans="14:14">
      <c r="N368521" s="10"/>
    </row>
    <row r="368522" spans="14:14">
      <c r="N368522" s="10"/>
    </row>
    <row r="368523" spans="14:14">
      <c r="N368523" s="10"/>
    </row>
    <row r="368524" spans="14:14">
      <c r="N368524" s="10"/>
    </row>
    <row r="368525" spans="14:14">
      <c r="N368525" s="10"/>
    </row>
    <row r="368526" spans="14:14">
      <c r="N368526" s="10"/>
    </row>
    <row r="368527" spans="14:14">
      <c r="N368527" s="10"/>
    </row>
    <row r="368528" spans="14:14">
      <c r="N368528" s="10"/>
    </row>
    <row r="368529" spans="14:14">
      <c r="N368529" s="10"/>
    </row>
    <row r="368530" spans="14:14">
      <c r="N368530" s="10"/>
    </row>
    <row r="368531" spans="14:14">
      <c r="N368531" s="10"/>
    </row>
    <row r="368532" spans="14:14">
      <c r="N368532" s="10"/>
    </row>
    <row r="368533" spans="14:14">
      <c r="N368533" s="10"/>
    </row>
    <row r="368534" spans="14:14">
      <c r="N368534" s="10"/>
    </row>
    <row r="368535" spans="14:14">
      <c r="N368535" s="10"/>
    </row>
    <row r="368536" spans="14:14">
      <c r="N368536" s="10"/>
    </row>
    <row r="368537" spans="14:14">
      <c r="N368537" s="10"/>
    </row>
    <row r="368538" spans="14:14">
      <c r="N368538" s="10"/>
    </row>
    <row r="368539" spans="14:14">
      <c r="N368539" s="10"/>
    </row>
    <row r="368540" spans="14:14">
      <c r="N368540" s="10"/>
    </row>
    <row r="368541" spans="14:14">
      <c r="N368541" s="10"/>
    </row>
    <row r="368542" spans="14:14">
      <c r="N368542" s="10"/>
    </row>
    <row r="368543" spans="14:14">
      <c r="N368543" s="10"/>
    </row>
    <row r="368544" spans="14:14">
      <c r="N368544" s="10"/>
    </row>
    <row r="368545" spans="14:14">
      <c r="N368545" s="10"/>
    </row>
    <row r="368546" spans="14:14">
      <c r="N368546" s="10"/>
    </row>
    <row r="368547" spans="14:14">
      <c r="N368547" s="10"/>
    </row>
    <row r="368548" spans="14:14">
      <c r="N368548" s="10"/>
    </row>
    <row r="368549" spans="14:14">
      <c r="N368549" s="10"/>
    </row>
    <row r="368550" spans="14:14">
      <c r="N368550" s="10"/>
    </row>
    <row r="368551" spans="14:14">
      <c r="N368551" s="10"/>
    </row>
    <row r="368552" spans="14:14">
      <c r="N368552" s="10"/>
    </row>
    <row r="368553" spans="14:14">
      <c r="N368553" s="10"/>
    </row>
    <row r="368554" spans="14:14">
      <c r="N368554" s="10"/>
    </row>
    <row r="368555" spans="14:14">
      <c r="N368555" s="10"/>
    </row>
    <row r="368556" spans="14:14">
      <c r="N368556" s="10"/>
    </row>
    <row r="368557" spans="14:14">
      <c r="N368557" s="10"/>
    </row>
    <row r="368558" spans="14:14">
      <c r="N368558" s="10"/>
    </row>
    <row r="368559" spans="14:14">
      <c r="N368559" s="10"/>
    </row>
    <row r="368560" spans="14:14">
      <c r="N368560" s="10"/>
    </row>
    <row r="368561" spans="14:14">
      <c r="N368561" s="10"/>
    </row>
    <row r="368562" spans="14:14">
      <c r="N368562" s="10"/>
    </row>
    <row r="368563" spans="14:14">
      <c r="N368563" s="10"/>
    </row>
    <row r="368564" spans="14:14">
      <c r="N368564" s="10"/>
    </row>
    <row r="368565" spans="14:14">
      <c r="N368565" s="10"/>
    </row>
    <row r="368566" spans="14:14">
      <c r="N368566" s="10"/>
    </row>
    <row r="368567" spans="14:14">
      <c r="N368567" s="10"/>
    </row>
    <row r="368568" spans="14:14">
      <c r="N368568" s="10"/>
    </row>
    <row r="368569" spans="14:14">
      <c r="N368569" s="10"/>
    </row>
    <row r="368570" spans="14:14">
      <c r="N368570" s="10"/>
    </row>
    <row r="368571" spans="14:14">
      <c r="N368571" s="10"/>
    </row>
    <row r="368572" spans="14:14">
      <c r="N368572" s="10"/>
    </row>
    <row r="368573" spans="14:14">
      <c r="N368573" s="10"/>
    </row>
    <row r="368574" spans="14:14">
      <c r="N368574" s="10"/>
    </row>
    <row r="368575" spans="14:14">
      <c r="N368575" s="10"/>
    </row>
    <row r="368576" spans="14:14">
      <c r="N368576" s="10"/>
    </row>
    <row r="368577" spans="14:14">
      <c r="N368577" s="10"/>
    </row>
    <row r="368578" spans="14:14">
      <c r="N368578" s="10"/>
    </row>
    <row r="368579" spans="14:14">
      <c r="N368579" s="10"/>
    </row>
    <row r="368580" spans="14:14">
      <c r="N368580" s="10"/>
    </row>
    <row r="368581" spans="14:14">
      <c r="N368581" s="10"/>
    </row>
    <row r="368582" spans="14:14">
      <c r="N368582" s="10"/>
    </row>
    <row r="368583" spans="14:14">
      <c r="N368583" s="10"/>
    </row>
    <row r="368584" spans="14:14">
      <c r="N368584" s="10"/>
    </row>
    <row r="368585" spans="14:14">
      <c r="N368585" s="10"/>
    </row>
    <row r="368586" spans="14:14">
      <c r="N368586" s="10"/>
    </row>
    <row r="368587" spans="14:14">
      <c r="N368587" s="10"/>
    </row>
    <row r="368588" spans="14:14">
      <c r="N368588" s="10"/>
    </row>
    <row r="368589" spans="14:14">
      <c r="N368589" s="10"/>
    </row>
    <row r="368590" spans="14:14">
      <c r="N368590" s="10"/>
    </row>
    <row r="368591" spans="14:14">
      <c r="N368591" s="10"/>
    </row>
    <row r="368592" spans="14:14">
      <c r="N368592" s="10"/>
    </row>
    <row r="368593" spans="14:14">
      <c r="N368593" s="10"/>
    </row>
    <row r="368594" spans="14:14">
      <c r="N368594" s="10"/>
    </row>
    <row r="368595" spans="14:14">
      <c r="N368595" s="10"/>
    </row>
    <row r="368596" spans="14:14">
      <c r="N368596" s="10"/>
    </row>
    <row r="368597" spans="14:14">
      <c r="N368597" s="10"/>
    </row>
    <row r="368598" spans="14:14">
      <c r="N368598" s="10"/>
    </row>
    <row r="368599" spans="14:14">
      <c r="N368599" s="10"/>
    </row>
    <row r="368600" spans="14:14">
      <c r="N368600" s="10"/>
    </row>
    <row r="368601" spans="14:14">
      <c r="N368601" s="10"/>
    </row>
    <row r="368602" spans="14:14">
      <c r="N368602" s="10"/>
    </row>
    <row r="368603" spans="14:14">
      <c r="N368603" s="10"/>
    </row>
    <row r="368604" spans="14:14">
      <c r="N368604" s="10"/>
    </row>
    <row r="368605" spans="14:14">
      <c r="N368605" s="10"/>
    </row>
    <row r="368606" spans="14:14">
      <c r="N368606" s="10"/>
    </row>
    <row r="368607" spans="14:14">
      <c r="N368607" s="10"/>
    </row>
    <row r="368608" spans="14:14">
      <c r="N368608" s="10"/>
    </row>
    <row r="368609" spans="14:14">
      <c r="N368609" s="10"/>
    </row>
    <row r="368610" spans="14:14">
      <c r="N368610" s="10"/>
    </row>
    <row r="368611" spans="14:14">
      <c r="N368611" s="10"/>
    </row>
    <row r="368612" spans="14:14">
      <c r="N368612" s="10"/>
    </row>
    <row r="368613" spans="14:14">
      <c r="N368613" s="10"/>
    </row>
    <row r="368614" spans="14:14">
      <c r="N368614" s="10"/>
    </row>
    <row r="368615" spans="14:14">
      <c r="N368615" s="10"/>
    </row>
    <row r="368616" spans="14:14">
      <c r="N368616" s="10"/>
    </row>
    <row r="368617" spans="14:14">
      <c r="N368617" s="10"/>
    </row>
    <row r="368618" spans="14:14">
      <c r="N368618" s="10"/>
    </row>
    <row r="368619" spans="14:14">
      <c r="N368619" s="10"/>
    </row>
    <row r="368620" spans="14:14">
      <c r="N368620" s="10"/>
    </row>
    <row r="368621" spans="14:14">
      <c r="N368621" s="10"/>
    </row>
    <row r="368622" spans="14:14">
      <c r="N368622" s="10"/>
    </row>
    <row r="368623" spans="14:14">
      <c r="N368623" s="10"/>
    </row>
    <row r="368624" spans="14:14">
      <c r="N368624" s="10"/>
    </row>
    <row r="368625" spans="14:14">
      <c r="N368625" s="10"/>
    </row>
    <row r="368626" spans="14:14">
      <c r="N368626" s="10"/>
    </row>
    <row r="368627" spans="14:14">
      <c r="N368627" s="10"/>
    </row>
    <row r="368628" spans="14:14">
      <c r="N368628" s="10"/>
    </row>
    <row r="368629" spans="14:14">
      <c r="N368629" s="10"/>
    </row>
    <row r="368630" spans="14:14">
      <c r="N368630" s="10"/>
    </row>
    <row r="368631" spans="14:14">
      <c r="N368631" s="10"/>
    </row>
    <row r="368632" spans="14:14">
      <c r="N368632" s="10"/>
    </row>
    <row r="368633" spans="14:14">
      <c r="N368633" s="10"/>
    </row>
    <row r="368634" spans="14:14">
      <c r="N368634" s="10"/>
    </row>
    <row r="368635" spans="14:14">
      <c r="N368635" s="10"/>
    </row>
    <row r="368636" spans="14:14">
      <c r="N368636" s="10"/>
    </row>
    <row r="368637" spans="14:14">
      <c r="N368637" s="10"/>
    </row>
    <row r="368638" spans="14:14">
      <c r="N368638" s="10"/>
    </row>
    <row r="368639" spans="14:14">
      <c r="N368639" s="10"/>
    </row>
    <row r="368640" spans="14:14">
      <c r="N368640" s="10"/>
    </row>
    <row r="368641" spans="14:14">
      <c r="N368641" s="10"/>
    </row>
    <row r="368642" spans="14:14">
      <c r="N368642" s="10"/>
    </row>
    <row r="368643" spans="14:14">
      <c r="N368643" s="10"/>
    </row>
    <row r="368644" spans="14:14">
      <c r="N368644" s="10"/>
    </row>
    <row r="368645" spans="14:14">
      <c r="N368645" s="10"/>
    </row>
    <row r="368646" spans="14:14">
      <c r="N368646" s="10"/>
    </row>
    <row r="368647" spans="14:14">
      <c r="N368647" s="10"/>
    </row>
    <row r="368648" spans="14:14">
      <c r="N368648" s="10"/>
    </row>
    <row r="368649" spans="14:14">
      <c r="N368649" s="10"/>
    </row>
    <row r="368650" spans="14:14">
      <c r="N368650" s="10"/>
    </row>
    <row r="368651" spans="14:14">
      <c r="N368651" s="10"/>
    </row>
    <row r="368652" spans="14:14">
      <c r="N368652" s="10"/>
    </row>
    <row r="368653" spans="14:14">
      <c r="N368653" s="10"/>
    </row>
    <row r="368654" spans="14:14">
      <c r="N368654" s="10"/>
    </row>
    <row r="368655" spans="14:14">
      <c r="N368655" s="10"/>
    </row>
    <row r="368656" spans="14:14">
      <c r="N368656" s="10"/>
    </row>
    <row r="368657" spans="14:14">
      <c r="N368657" s="10"/>
    </row>
    <row r="368658" spans="14:14">
      <c r="N368658" s="10"/>
    </row>
    <row r="368659" spans="14:14">
      <c r="N368659" s="10"/>
    </row>
    <row r="368660" spans="14:14">
      <c r="N368660" s="10"/>
    </row>
    <row r="368661" spans="14:14">
      <c r="N368661" s="10"/>
    </row>
    <row r="368662" spans="14:14">
      <c r="N368662" s="10"/>
    </row>
    <row r="368663" spans="14:14">
      <c r="N368663" s="10"/>
    </row>
    <row r="368664" spans="14:14">
      <c r="N368664" s="10"/>
    </row>
    <row r="368665" spans="14:14">
      <c r="N368665" s="10"/>
    </row>
    <row r="368666" spans="14:14">
      <c r="N368666" s="10"/>
    </row>
    <row r="368667" spans="14:14">
      <c r="N368667" s="10"/>
    </row>
    <row r="368668" spans="14:14">
      <c r="N368668" s="10"/>
    </row>
    <row r="368669" spans="14:14">
      <c r="N368669" s="10"/>
    </row>
    <row r="368670" spans="14:14">
      <c r="N368670" s="10"/>
    </row>
    <row r="368671" spans="14:14">
      <c r="N368671" s="10"/>
    </row>
    <row r="368672" spans="14:14">
      <c r="N368672" s="10"/>
    </row>
    <row r="368673" spans="14:14">
      <c r="N368673" s="10"/>
    </row>
    <row r="368674" spans="14:14">
      <c r="N368674" s="10"/>
    </row>
    <row r="368675" spans="14:14">
      <c r="N368675" s="10"/>
    </row>
    <row r="368676" spans="14:14">
      <c r="N368676" s="10"/>
    </row>
    <row r="368677" spans="14:14">
      <c r="N368677" s="10"/>
    </row>
    <row r="368678" spans="14:14">
      <c r="N368678" s="10"/>
    </row>
    <row r="368679" spans="14:14">
      <c r="N368679" s="10"/>
    </row>
    <row r="368680" spans="14:14">
      <c r="N368680" s="10"/>
    </row>
    <row r="368681" spans="14:14">
      <c r="N368681" s="10"/>
    </row>
    <row r="368682" spans="14:14">
      <c r="N368682" s="10"/>
    </row>
    <row r="368683" spans="14:14">
      <c r="N368683" s="10"/>
    </row>
    <row r="368684" spans="14:14">
      <c r="N368684" s="10"/>
    </row>
    <row r="368685" spans="14:14">
      <c r="N368685" s="10"/>
    </row>
    <row r="368686" spans="14:14">
      <c r="N368686" s="10"/>
    </row>
    <row r="368687" spans="14:14">
      <c r="N368687" s="10"/>
    </row>
    <row r="368688" spans="14:14">
      <c r="N368688" s="10"/>
    </row>
    <row r="368689" spans="14:14">
      <c r="N368689" s="10"/>
    </row>
    <row r="368690" spans="14:14">
      <c r="N368690" s="10"/>
    </row>
    <row r="368691" spans="14:14">
      <c r="N368691" s="10"/>
    </row>
    <row r="368692" spans="14:14">
      <c r="N368692" s="10"/>
    </row>
    <row r="368693" spans="14:14">
      <c r="N368693" s="10"/>
    </row>
    <row r="368694" spans="14:14">
      <c r="N368694" s="10"/>
    </row>
    <row r="368695" spans="14:14">
      <c r="N368695" s="10"/>
    </row>
    <row r="368696" spans="14:14">
      <c r="N368696" s="10"/>
    </row>
    <row r="368697" spans="14:14">
      <c r="N368697" s="10"/>
    </row>
    <row r="368698" spans="14:14">
      <c r="N368698" s="10"/>
    </row>
    <row r="368699" spans="14:14">
      <c r="N368699" s="10"/>
    </row>
    <row r="368700" spans="14:14">
      <c r="N368700" s="10"/>
    </row>
    <row r="368701" spans="14:14">
      <c r="N368701" s="10"/>
    </row>
    <row r="368702" spans="14:14">
      <c r="N368702" s="10"/>
    </row>
    <row r="368703" spans="14:14">
      <c r="N368703" s="10"/>
    </row>
    <row r="368704" spans="14:14">
      <c r="N368704" s="10"/>
    </row>
    <row r="368705" spans="14:14">
      <c r="N368705" s="10"/>
    </row>
    <row r="368706" spans="14:14">
      <c r="N368706" s="10"/>
    </row>
    <row r="368707" spans="14:14">
      <c r="N368707" s="10"/>
    </row>
    <row r="368708" spans="14:14">
      <c r="N368708" s="10"/>
    </row>
    <row r="368709" spans="14:14">
      <c r="N368709" s="10"/>
    </row>
    <row r="368710" spans="14:14">
      <c r="N368710" s="10"/>
    </row>
    <row r="368711" spans="14:14">
      <c r="N368711" s="10"/>
    </row>
    <row r="368712" spans="14:14">
      <c r="N368712" s="10"/>
    </row>
    <row r="368713" spans="14:14">
      <c r="N368713" s="10"/>
    </row>
    <row r="368714" spans="14:14">
      <c r="N368714" s="10"/>
    </row>
    <row r="368715" spans="14:14">
      <c r="N368715" s="10"/>
    </row>
    <row r="368716" spans="14:14">
      <c r="N368716" s="10"/>
    </row>
    <row r="368717" spans="14:14">
      <c r="N368717" s="10"/>
    </row>
    <row r="368718" spans="14:14">
      <c r="N368718" s="10"/>
    </row>
    <row r="368719" spans="14:14">
      <c r="N368719" s="10"/>
    </row>
    <row r="368720" spans="14:14">
      <c r="N368720" s="10"/>
    </row>
    <row r="368721" spans="14:14">
      <c r="N368721" s="10"/>
    </row>
    <row r="368722" spans="14:14">
      <c r="N368722" s="10"/>
    </row>
    <row r="368723" spans="14:14">
      <c r="N368723" s="10"/>
    </row>
    <row r="368724" spans="14:14">
      <c r="N368724" s="10"/>
    </row>
    <row r="368725" spans="14:14">
      <c r="N368725" s="10"/>
    </row>
    <row r="368726" spans="14:14">
      <c r="N368726" s="10"/>
    </row>
    <row r="368727" spans="14:14">
      <c r="N368727" s="10"/>
    </row>
    <row r="368728" spans="14:14">
      <c r="N368728" s="10"/>
    </row>
    <row r="368729" spans="14:14">
      <c r="N368729" s="10"/>
    </row>
    <row r="368730" spans="14:14">
      <c r="N368730" s="10"/>
    </row>
    <row r="368731" spans="14:14">
      <c r="N368731" s="10"/>
    </row>
    <row r="368732" spans="14:14">
      <c r="N368732" s="10"/>
    </row>
    <row r="368733" spans="14:14">
      <c r="N368733" s="10"/>
    </row>
    <row r="368734" spans="14:14">
      <c r="N368734" s="10"/>
    </row>
    <row r="368735" spans="14:14">
      <c r="N368735" s="10"/>
    </row>
    <row r="368736" spans="14:14">
      <c r="N368736" s="10"/>
    </row>
    <row r="368737" spans="14:14">
      <c r="N368737" s="10"/>
    </row>
    <row r="368738" spans="14:14">
      <c r="N368738" s="10"/>
    </row>
    <row r="368739" spans="14:14">
      <c r="N368739" s="10"/>
    </row>
    <row r="368740" spans="14:14">
      <c r="N368740" s="10"/>
    </row>
    <row r="368741" spans="14:14">
      <c r="N368741" s="10"/>
    </row>
    <row r="368742" spans="14:14">
      <c r="N368742" s="10"/>
    </row>
    <row r="368743" spans="14:14">
      <c r="N368743" s="10"/>
    </row>
    <row r="368744" spans="14:14">
      <c r="N368744" s="10"/>
    </row>
    <row r="368745" spans="14:14">
      <c r="N368745" s="10"/>
    </row>
    <row r="368746" spans="14:14">
      <c r="N368746" s="10"/>
    </row>
    <row r="368747" spans="14:14">
      <c r="N368747" s="10"/>
    </row>
    <row r="368748" spans="14:14">
      <c r="N368748" s="10"/>
    </row>
    <row r="368749" spans="14:14">
      <c r="N368749" s="10"/>
    </row>
    <row r="368750" spans="14:14">
      <c r="N368750" s="10"/>
    </row>
    <row r="368751" spans="14:14">
      <c r="N368751" s="10"/>
    </row>
    <row r="368752" spans="14:14">
      <c r="N368752" s="10"/>
    </row>
    <row r="368753" spans="14:14">
      <c r="N368753" s="10"/>
    </row>
    <row r="368754" spans="14:14">
      <c r="N368754" s="10"/>
    </row>
    <row r="368755" spans="14:14">
      <c r="N368755" s="10"/>
    </row>
    <row r="368756" spans="14:14">
      <c r="N368756" s="10"/>
    </row>
    <row r="368757" spans="14:14">
      <c r="N368757" s="10"/>
    </row>
    <row r="368758" spans="14:14">
      <c r="N368758" s="10"/>
    </row>
    <row r="368759" spans="14:14">
      <c r="N368759" s="10"/>
    </row>
    <row r="368760" spans="14:14">
      <c r="N368760" s="10"/>
    </row>
    <row r="368761" spans="14:14">
      <c r="N368761" s="10"/>
    </row>
    <row r="368762" spans="14:14">
      <c r="N368762" s="10"/>
    </row>
    <row r="368763" spans="14:14">
      <c r="N368763" s="10"/>
    </row>
    <row r="368764" spans="14:14">
      <c r="N368764" s="10"/>
    </row>
    <row r="368765" spans="14:14">
      <c r="N368765" s="10"/>
    </row>
    <row r="368766" spans="14:14">
      <c r="N368766" s="10"/>
    </row>
    <row r="368767" spans="14:14">
      <c r="N368767" s="10"/>
    </row>
    <row r="368768" spans="14:14">
      <c r="N368768" s="10"/>
    </row>
    <row r="368769" spans="14:14">
      <c r="N368769" s="10"/>
    </row>
    <row r="368770" spans="14:14">
      <c r="N368770" s="10"/>
    </row>
    <row r="368771" spans="14:14">
      <c r="N368771" s="10"/>
    </row>
    <row r="368772" spans="14:14">
      <c r="N368772" s="10"/>
    </row>
    <row r="368773" spans="14:14">
      <c r="N368773" s="10"/>
    </row>
    <row r="368774" spans="14:14">
      <c r="N368774" s="10"/>
    </row>
    <row r="368775" spans="14:14">
      <c r="N368775" s="10"/>
    </row>
    <row r="368776" spans="14:14">
      <c r="N368776" s="10"/>
    </row>
    <row r="368777" spans="14:14">
      <c r="N368777" s="10"/>
    </row>
    <row r="368778" spans="14:14">
      <c r="N368778" s="10"/>
    </row>
    <row r="368779" spans="14:14">
      <c r="N368779" s="10"/>
    </row>
    <row r="368780" spans="14:14">
      <c r="N368780" s="10"/>
    </row>
    <row r="368781" spans="14:14">
      <c r="N368781" s="10"/>
    </row>
    <row r="368782" spans="14:14">
      <c r="N368782" s="10"/>
    </row>
    <row r="368783" spans="14:14">
      <c r="N368783" s="10"/>
    </row>
    <row r="368784" spans="14:14">
      <c r="N368784" s="10"/>
    </row>
    <row r="368785" spans="14:14">
      <c r="N368785" s="10"/>
    </row>
    <row r="368786" spans="14:14">
      <c r="N368786" s="10"/>
    </row>
    <row r="368787" spans="14:14">
      <c r="N368787" s="10"/>
    </row>
    <row r="368788" spans="14:14">
      <c r="N368788" s="10"/>
    </row>
    <row r="368789" spans="14:14">
      <c r="N368789" s="10"/>
    </row>
    <row r="368790" spans="14:14">
      <c r="N368790" s="10"/>
    </row>
    <row r="368791" spans="14:14">
      <c r="N368791" s="10"/>
    </row>
    <row r="368792" spans="14:14">
      <c r="N368792" s="10"/>
    </row>
    <row r="368793" spans="14:14">
      <c r="N368793" s="10"/>
    </row>
    <row r="368794" spans="14:14">
      <c r="N368794" s="10"/>
    </row>
    <row r="368795" spans="14:14">
      <c r="N368795" s="10"/>
    </row>
    <row r="368796" spans="14:14">
      <c r="N368796" s="10"/>
    </row>
    <row r="368797" spans="14:14">
      <c r="N368797" s="10"/>
    </row>
    <row r="368798" spans="14:14">
      <c r="N368798" s="10"/>
    </row>
    <row r="368799" spans="14:14">
      <c r="N368799" s="10"/>
    </row>
    <row r="368800" spans="14:14">
      <c r="N368800" s="10"/>
    </row>
    <row r="368801" spans="14:14">
      <c r="N368801" s="10"/>
    </row>
    <row r="368802" spans="14:14">
      <c r="N368802" s="10"/>
    </row>
    <row r="368803" spans="14:14">
      <c r="N368803" s="10"/>
    </row>
    <row r="368804" spans="14:14">
      <c r="N368804" s="10"/>
    </row>
    <row r="368805" spans="14:14">
      <c r="N368805" s="10"/>
    </row>
    <row r="368806" spans="14:14">
      <c r="N368806" s="10"/>
    </row>
    <row r="368807" spans="14:14">
      <c r="N368807" s="10"/>
    </row>
    <row r="368808" spans="14:14">
      <c r="N368808" s="10"/>
    </row>
    <row r="368809" spans="14:14">
      <c r="N368809" s="10"/>
    </row>
    <row r="368810" spans="14:14">
      <c r="N368810" s="10"/>
    </row>
    <row r="368811" spans="14:14">
      <c r="N368811" s="10"/>
    </row>
    <row r="368812" spans="14:14">
      <c r="N368812" s="10"/>
    </row>
    <row r="368813" spans="14:14">
      <c r="N368813" s="10"/>
    </row>
    <row r="368814" spans="14:14">
      <c r="N368814" s="10"/>
    </row>
    <row r="368815" spans="14:14">
      <c r="N368815" s="10"/>
    </row>
    <row r="368816" spans="14:14">
      <c r="N368816" s="10"/>
    </row>
    <row r="368817" spans="14:14">
      <c r="N368817" s="10"/>
    </row>
    <row r="368818" spans="14:14">
      <c r="N368818" s="10"/>
    </row>
    <row r="368819" spans="14:14">
      <c r="N368819" s="10"/>
    </row>
    <row r="368820" spans="14:14">
      <c r="N368820" s="10"/>
    </row>
    <row r="368821" spans="14:14">
      <c r="N368821" s="10"/>
    </row>
    <row r="368822" spans="14:14">
      <c r="N368822" s="10"/>
    </row>
    <row r="368823" spans="14:14">
      <c r="N368823" s="10"/>
    </row>
    <row r="368824" spans="14:14">
      <c r="N368824" s="10"/>
    </row>
    <row r="368825" spans="14:14">
      <c r="N368825" s="10"/>
    </row>
    <row r="368826" spans="14:14">
      <c r="N368826" s="10"/>
    </row>
    <row r="368827" spans="14:14">
      <c r="N368827" s="10"/>
    </row>
    <row r="368828" spans="14:14">
      <c r="N368828" s="10"/>
    </row>
    <row r="368829" spans="14:14">
      <c r="N368829" s="10"/>
    </row>
    <row r="368830" spans="14:14">
      <c r="N368830" s="10"/>
    </row>
    <row r="368831" spans="14:14">
      <c r="N368831" s="10"/>
    </row>
    <row r="368832" spans="14:14">
      <c r="N368832" s="10"/>
    </row>
    <row r="368833" spans="14:14">
      <c r="N368833" s="10"/>
    </row>
    <row r="368834" spans="14:14">
      <c r="N368834" s="10"/>
    </row>
    <row r="368835" spans="14:14">
      <c r="N368835" s="10"/>
    </row>
    <row r="368836" spans="14:14">
      <c r="N368836" s="10"/>
    </row>
    <row r="368837" spans="14:14">
      <c r="N368837" s="10"/>
    </row>
    <row r="368838" spans="14:14">
      <c r="N368838" s="10"/>
    </row>
    <row r="368839" spans="14:14">
      <c r="N368839" s="10"/>
    </row>
    <row r="368840" spans="14:14">
      <c r="N368840" s="10"/>
    </row>
    <row r="368841" spans="14:14">
      <c r="N368841" s="10"/>
    </row>
    <row r="368842" spans="14:14">
      <c r="N368842" s="10"/>
    </row>
    <row r="368843" spans="14:14">
      <c r="N368843" s="10"/>
    </row>
    <row r="368844" spans="14:14">
      <c r="N368844" s="10"/>
    </row>
    <row r="368845" spans="14:14">
      <c r="N368845" s="10"/>
    </row>
    <row r="368846" spans="14:14">
      <c r="N368846" s="10"/>
    </row>
    <row r="368847" spans="14:14">
      <c r="N368847" s="10"/>
    </row>
    <row r="368848" spans="14:14">
      <c r="N368848" s="10"/>
    </row>
    <row r="368849" spans="14:14">
      <c r="N368849" s="10"/>
    </row>
    <row r="368850" spans="14:14">
      <c r="N368850" s="10"/>
    </row>
    <row r="368851" spans="14:14">
      <c r="N368851" s="10"/>
    </row>
    <row r="368852" spans="14:14">
      <c r="N368852" s="10"/>
    </row>
    <row r="368853" spans="14:14">
      <c r="N368853" s="10"/>
    </row>
    <row r="368854" spans="14:14">
      <c r="N368854" s="10"/>
    </row>
    <row r="368855" spans="14:14">
      <c r="N368855" s="10"/>
    </row>
    <row r="368856" spans="14:14">
      <c r="N368856" s="10"/>
    </row>
    <row r="368857" spans="14:14">
      <c r="N368857" s="10"/>
    </row>
    <row r="368858" spans="14:14">
      <c r="N368858" s="10"/>
    </row>
    <row r="368859" spans="14:14">
      <c r="N368859" s="10"/>
    </row>
    <row r="368860" spans="14:14">
      <c r="N368860" s="10"/>
    </row>
    <row r="368861" spans="14:14">
      <c r="N368861" s="10"/>
    </row>
    <row r="368862" spans="14:14">
      <c r="N368862" s="10"/>
    </row>
    <row r="368863" spans="14:14">
      <c r="N368863" s="10"/>
    </row>
    <row r="368864" spans="14:14">
      <c r="N368864" s="10"/>
    </row>
    <row r="368865" spans="14:14">
      <c r="N368865" s="10"/>
    </row>
    <row r="368866" spans="14:14">
      <c r="N368866" s="10"/>
    </row>
    <row r="368867" spans="14:14">
      <c r="N368867" s="10"/>
    </row>
    <row r="368868" spans="14:14">
      <c r="N368868" s="10"/>
    </row>
    <row r="368869" spans="14:14">
      <c r="N368869" s="10"/>
    </row>
    <row r="368870" spans="14:14">
      <c r="N368870" s="10"/>
    </row>
    <row r="368871" spans="14:14">
      <c r="N368871" s="10"/>
    </row>
    <row r="368872" spans="14:14">
      <c r="N368872" s="10"/>
    </row>
    <row r="368873" spans="14:14">
      <c r="N368873" s="10"/>
    </row>
    <row r="368874" spans="14:14">
      <c r="N368874" s="10"/>
    </row>
    <row r="368875" spans="14:14">
      <c r="N368875" s="10"/>
    </row>
    <row r="368876" spans="14:14">
      <c r="N368876" s="10"/>
    </row>
    <row r="368877" spans="14:14">
      <c r="N368877" s="10"/>
    </row>
    <row r="368878" spans="14:14">
      <c r="N368878" s="10"/>
    </row>
    <row r="368879" spans="14:14">
      <c r="N368879" s="10"/>
    </row>
    <row r="368880" spans="14:14">
      <c r="N368880" s="10"/>
    </row>
    <row r="368881" spans="14:14">
      <c r="N368881" s="10"/>
    </row>
    <row r="368882" spans="14:14">
      <c r="N368882" s="10"/>
    </row>
    <row r="368883" spans="14:14">
      <c r="N368883" s="10"/>
    </row>
    <row r="368884" spans="14:14">
      <c r="N368884" s="10"/>
    </row>
    <row r="368885" spans="14:14">
      <c r="N368885" s="10"/>
    </row>
    <row r="368886" spans="14:14">
      <c r="N368886" s="10"/>
    </row>
    <row r="368887" spans="14:14">
      <c r="N368887" s="10"/>
    </row>
    <row r="368888" spans="14:14">
      <c r="N368888" s="10"/>
    </row>
    <row r="368889" spans="14:14">
      <c r="N368889" s="10"/>
    </row>
    <row r="368890" spans="14:14">
      <c r="N368890" s="10"/>
    </row>
    <row r="368891" spans="14:14">
      <c r="N368891" s="10"/>
    </row>
    <row r="368892" spans="14:14">
      <c r="N368892" s="10"/>
    </row>
    <row r="368893" spans="14:14">
      <c r="N368893" s="10"/>
    </row>
    <row r="368894" spans="14:14">
      <c r="N368894" s="10"/>
    </row>
    <row r="368895" spans="14:14">
      <c r="N368895" s="10"/>
    </row>
    <row r="368896" spans="14:14">
      <c r="N368896" s="10"/>
    </row>
    <row r="368897" spans="14:14">
      <c r="N368897" s="10"/>
    </row>
    <row r="368898" spans="14:14">
      <c r="N368898" s="10"/>
    </row>
    <row r="368899" spans="14:14">
      <c r="N368899" s="10"/>
    </row>
    <row r="368900" spans="14:14">
      <c r="N368900" s="10"/>
    </row>
    <row r="368901" spans="14:14">
      <c r="N368901" s="10"/>
    </row>
    <row r="368902" spans="14:14">
      <c r="N368902" s="10"/>
    </row>
    <row r="368903" spans="14:14">
      <c r="N368903" s="10"/>
    </row>
    <row r="368904" spans="14:14">
      <c r="N368904" s="10"/>
    </row>
    <row r="368905" spans="14:14">
      <c r="N368905" s="10"/>
    </row>
    <row r="368906" spans="14:14">
      <c r="N368906" s="10"/>
    </row>
    <row r="368907" spans="14:14">
      <c r="N368907" s="10"/>
    </row>
    <row r="368908" spans="14:14">
      <c r="N368908" s="10"/>
    </row>
    <row r="368909" spans="14:14">
      <c r="N368909" s="10"/>
    </row>
    <row r="368910" spans="14:14">
      <c r="N368910" s="10"/>
    </row>
    <row r="368911" spans="14:14">
      <c r="N368911" s="10"/>
    </row>
    <row r="368912" spans="14:14">
      <c r="N368912" s="10"/>
    </row>
    <row r="368913" spans="14:14">
      <c r="N368913" s="10"/>
    </row>
    <row r="368914" spans="14:14">
      <c r="N368914" s="10"/>
    </row>
    <row r="368915" spans="14:14">
      <c r="N368915" s="10"/>
    </row>
    <row r="368916" spans="14:14">
      <c r="N368916" s="10"/>
    </row>
    <row r="368917" spans="14:14">
      <c r="N368917" s="10"/>
    </row>
    <row r="368918" spans="14:14">
      <c r="N368918" s="10"/>
    </row>
    <row r="368919" spans="14:14">
      <c r="N368919" s="10"/>
    </row>
    <row r="368920" spans="14:14">
      <c r="N368920" s="10"/>
    </row>
    <row r="368921" spans="14:14">
      <c r="N368921" s="10"/>
    </row>
    <row r="368922" spans="14:14">
      <c r="N368922" s="10"/>
    </row>
    <row r="368923" spans="14:14">
      <c r="N368923" s="10"/>
    </row>
    <row r="368924" spans="14:14">
      <c r="N368924" s="10"/>
    </row>
    <row r="368925" spans="14:14">
      <c r="N368925" s="10"/>
    </row>
    <row r="368926" spans="14:14">
      <c r="N368926" s="10"/>
    </row>
    <row r="368927" spans="14:14">
      <c r="N368927" s="10"/>
    </row>
    <row r="368928" spans="14:14">
      <c r="N368928" s="10"/>
    </row>
    <row r="368929" spans="14:14">
      <c r="N368929" s="10"/>
    </row>
    <row r="368930" spans="14:14">
      <c r="N368930" s="10"/>
    </row>
    <row r="368931" spans="14:14">
      <c r="N368931" s="10"/>
    </row>
    <row r="368932" spans="14:14">
      <c r="N368932" s="10"/>
    </row>
    <row r="368933" spans="14:14">
      <c r="N368933" s="10"/>
    </row>
    <row r="368934" spans="14:14">
      <c r="N368934" s="10"/>
    </row>
    <row r="368935" spans="14:14">
      <c r="N368935" s="10"/>
    </row>
    <row r="368936" spans="14:14">
      <c r="N368936" s="10"/>
    </row>
    <row r="368937" spans="14:14">
      <c r="N368937" s="10"/>
    </row>
    <row r="368938" spans="14:14">
      <c r="N368938" s="10"/>
    </row>
    <row r="368939" spans="14:14">
      <c r="N368939" s="10"/>
    </row>
    <row r="368940" spans="14:14">
      <c r="N368940" s="10"/>
    </row>
    <row r="368941" spans="14:14">
      <c r="N368941" s="10"/>
    </row>
    <row r="368942" spans="14:14">
      <c r="N368942" s="10"/>
    </row>
    <row r="368943" spans="14:14">
      <c r="N368943" s="10"/>
    </row>
    <row r="368944" spans="14:14">
      <c r="N368944" s="10"/>
    </row>
    <row r="368945" spans="14:14">
      <c r="N368945" s="10"/>
    </row>
    <row r="368946" spans="14:14">
      <c r="N368946" s="10"/>
    </row>
    <row r="368947" spans="14:14">
      <c r="N368947" s="10"/>
    </row>
    <row r="368948" spans="14:14">
      <c r="N368948" s="10"/>
    </row>
    <row r="368949" spans="14:14">
      <c r="N368949" s="10"/>
    </row>
    <row r="368950" spans="14:14">
      <c r="N368950" s="10"/>
    </row>
    <row r="368951" spans="14:14">
      <c r="N368951" s="10"/>
    </row>
    <row r="368952" spans="14:14">
      <c r="N368952" s="10"/>
    </row>
    <row r="368953" spans="14:14">
      <c r="N368953" s="10"/>
    </row>
    <row r="368954" spans="14:14">
      <c r="N368954" s="10"/>
    </row>
    <row r="368955" spans="14:14">
      <c r="N368955" s="10"/>
    </row>
    <row r="368956" spans="14:14">
      <c r="N368956" s="10"/>
    </row>
    <row r="368957" spans="14:14">
      <c r="N368957" s="10"/>
    </row>
    <row r="368958" spans="14:14">
      <c r="N368958" s="10"/>
    </row>
    <row r="368959" spans="14:14">
      <c r="N368959" s="10"/>
    </row>
    <row r="368960" spans="14:14">
      <c r="N368960" s="10"/>
    </row>
    <row r="368961" spans="14:14">
      <c r="N368961" s="10"/>
    </row>
    <row r="368962" spans="14:14">
      <c r="N368962" s="10"/>
    </row>
    <row r="368963" spans="14:14">
      <c r="N368963" s="10"/>
    </row>
    <row r="368964" spans="14:14">
      <c r="N368964" s="10"/>
    </row>
    <row r="368965" spans="14:14">
      <c r="N368965" s="10"/>
    </row>
    <row r="368966" spans="14:14">
      <c r="N368966" s="10"/>
    </row>
    <row r="368967" spans="14:14">
      <c r="N368967" s="10"/>
    </row>
    <row r="368968" spans="14:14">
      <c r="N368968" s="10"/>
    </row>
    <row r="368969" spans="14:14">
      <c r="N368969" s="10"/>
    </row>
    <row r="368970" spans="14:14">
      <c r="N368970" s="10"/>
    </row>
    <row r="368971" spans="14:14">
      <c r="N368971" s="10"/>
    </row>
    <row r="368972" spans="14:14">
      <c r="N368972" s="10"/>
    </row>
    <row r="368973" spans="14:14">
      <c r="N368973" s="10"/>
    </row>
    <row r="368974" spans="14:14">
      <c r="N368974" s="10"/>
    </row>
    <row r="368975" spans="14:14">
      <c r="N368975" s="10"/>
    </row>
    <row r="368976" spans="14:14">
      <c r="N368976" s="10"/>
    </row>
    <row r="368977" spans="14:14">
      <c r="N368977" s="10"/>
    </row>
    <row r="368978" spans="14:14">
      <c r="N368978" s="10"/>
    </row>
    <row r="368979" spans="14:14">
      <c r="N368979" s="10"/>
    </row>
    <row r="368980" spans="14:14">
      <c r="N368980" s="10"/>
    </row>
    <row r="368981" spans="14:14">
      <c r="N368981" s="10"/>
    </row>
    <row r="368982" spans="14:14">
      <c r="N368982" s="10"/>
    </row>
    <row r="368983" spans="14:14">
      <c r="N368983" s="10"/>
    </row>
    <row r="368984" spans="14:14">
      <c r="N368984" s="10"/>
    </row>
    <row r="368985" spans="14:14">
      <c r="N368985" s="10"/>
    </row>
    <row r="368986" spans="14:14">
      <c r="N368986" s="10"/>
    </row>
    <row r="368987" spans="14:14">
      <c r="N368987" s="10"/>
    </row>
    <row r="368988" spans="14:14">
      <c r="N368988" s="10"/>
    </row>
    <row r="368989" spans="14:14">
      <c r="N368989" s="10"/>
    </row>
    <row r="368990" spans="14:14">
      <c r="N368990" s="10"/>
    </row>
    <row r="368991" spans="14:14">
      <c r="N368991" s="10"/>
    </row>
    <row r="368992" spans="14:14">
      <c r="N368992" s="10"/>
    </row>
    <row r="368993" spans="14:14">
      <c r="N368993" s="10"/>
    </row>
    <row r="368994" spans="14:14">
      <c r="N368994" s="10"/>
    </row>
    <row r="368995" spans="14:14">
      <c r="N368995" s="10"/>
    </row>
    <row r="368996" spans="14:14">
      <c r="N368996" s="10"/>
    </row>
    <row r="368997" spans="14:14">
      <c r="N368997" s="10"/>
    </row>
    <row r="368998" spans="14:14">
      <c r="N368998" s="10"/>
    </row>
    <row r="368999" spans="14:14">
      <c r="N368999" s="10"/>
    </row>
    <row r="369000" spans="14:14">
      <c r="N369000" s="10"/>
    </row>
    <row r="369001" spans="14:14">
      <c r="N369001" s="10"/>
    </row>
    <row r="369002" spans="14:14">
      <c r="N369002" s="10"/>
    </row>
    <row r="369003" spans="14:14">
      <c r="N369003" s="10"/>
    </row>
    <row r="369004" spans="14:14">
      <c r="N369004" s="10"/>
    </row>
    <row r="369005" spans="14:14">
      <c r="N369005" s="10"/>
    </row>
    <row r="369006" spans="14:14">
      <c r="N369006" s="10"/>
    </row>
    <row r="369007" spans="14:14">
      <c r="N369007" s="10"/>
    </row>
    <row r="369008" spans="14:14">
      <c r="N369008" s="10"/>
    </row>
    <row r="369009" spans="14:14">
      <c r="N369009" s="10"/>
    </row>
    <row r="369010" spans="14:14">
      <c r="N369010" s="10"/>
    </row>
    <row r="369011" spans="14:14">
      <c r="N369011" s="10"/>
    </row>
    <row r="369012" spans="14:14">
      <c r="N369012" s="10"/>
    </row>
    <row r="369013" spans="14:14">
      <c r="N369013" s="10"/>
    </row>
    <row r="369014" spans="14:14">
      <c r="N369014" s="10"/>
    </row>
    <row r="369015" spans="14:14">
      <c r="N369015" s="10"/>
    </row>
    <row r="369016" spans="14:14">
      <c r="N369016" s="10"/>
    </row>
    <row r="369017" spans="14:14">
      <c r="N369017" s="10"/>
    </row>
    <row r="369018" spans="14:14">
      <c r="N369018" s="10"/>
    </row>
    <row r="369019" spans="14:14">
      <c r="N369019" s="10"/>
    </row>
    <row r="369020" spans="14:14">
      <c r="N369020" s="10"/>
    </row>
    <row r="369021" spans="14:14">
      <c r="N369021" s="10"/>
    </row>
    <row r="369022" spans="14:14">
      <c r="N369022" s="10"/>
    </row>
    <row r="369023" spans="14:14">
      <c r="N369023" s="10"/>
    </row>
    <row r="369024" spans="14:14">
      <c r="N369024" s="10"/>
    </row>
    <row r="369025" spans="14:14">
      <c r="N369025" s="10"/>
    </row>
    <row r="369026" spans="14:14">
      <c r="N369026" s="10"/>
    </row>
    <row r="369027" spans="14:14">
      <c r="N369027" s="10"/>
    </row>
    <row r="369028" spans="14:14">
      <c r="N369028" s="10"/>
    </row>
    <row r="369029" spans="14:14">
      <c r="N369029" s="10"/>
    </row>
    <row r="369030" spans="14:14">
      <c r="N369030" s="10"/>
    </row>
    <row r="369031" spans="14:14">
      <c r="N369031" s="10"/>
    </row>
    <row r="369032" spans="14:14">
      <c r="N369032" s="10"/>
    </row>
    <row r="369033" spans="14:14">
      <c r="N369033" s="10"/>
    </row>
    <row r="369034" spans="14:14">
      <c r="N369034" s="10"/>
    </row>
    <row r="369035" spans="14:14">
      <c r="N369035" s="10"/>
    </row>
    <row r="369036" spans="14:14">
      <c r="N369036" s="10"/>
    </row>
    <row r="369037" spans="14:14">
      <c r="N369037" s="10"/>
    </row>
    <row r="369038" spans="14:14">
      <c r="N369038" s="10"/>
    </row>
    <row r="369039" spans="14:14">
      <c r="N369039" s="10"/>
    </row>
    <row r="369040" spans="14:14">
      <c r="N369040" s="10"/>
    </row>
    <row r="369041" spans="14:14">
      <c r="N369041" s="10"/>
    </row>
    <row r="369042" spans="14:14">
      <c r="N369042" s="10"/>
    </row>
    <row r="369043" spans="14:14">
      <c r="N369043" s="10"/>
    </row>
    <row r="369044" spans="14:14">
      <c r="N369044" s="10"/>
    </row>
    <row r="369045" spans="14:14">
      <c r="N369045" s="10"/>
    </row>
    <row r="369046" spans="14:14">
      <c r="N369046" s="10"/>
    </row>
    <row r="369047" spans="14:14">
      <c r="N369047" s="10"/>
    </row>
    <row r="369048" spans="14:14">
      <c r="N369048" s="10"/>
    </row>
    <row r="369049" spans="14:14">
      <c r="N369049" s="10"/>
    </row>
    <row r="369050" spans="14:14">
      <c r="N369050" s="10"/>
    </row>
    <row r="369051" spans="14:14">
      <c r="N369051" s="10"/>
    </row>
    <row r="369052" spans="14:14">
      <c r="N369052" s="10"/>
    </row>
    <row r="369053" spans="14:14">
      <c r="N369053" s="10"/>
    </row>
    <row r="369054" spans="14:14">
      <c r="N369054" s="10"/>
    </row>
    <row r="369055" spans="14:14">
      <c r="N369055" s="10"/>
    </row>
    <row r="369056" spans="14:14">
      <c r="N369056" s="10"/>
    </row>
    <row r="369057" spans="14:14">
      <c r="N369057" s="10"/>
    </row>
    <row r="369058" spans="14:14">
      <c r="N369058" s="10"/>
    </row>
    <row r="369059" spans="14:14">
      <c r="N369059" s="10"/>
    </row>
    <row r="369060" spans="14:14">
      <c r="N369060" s="10"/>
    </row>
    <row r="369061" spans="14:14">
      <c r="N369061" s="10"/>
    </row>
    <row r="369062" spans="14:14">
      <c r="N369062" s="10"/>
    </row>
    <row r="369063" spans="14:14">
      <c r="N369063" s="10"/>
    </row>
    <row r="369064" spans="14:14">
      <c r="N369064" s="10"/>
    </row>
    <row r="369065" spans="14:14">
      <c r="N369065" s="10"/>
    </row>
    <row r="369066" spans="14:14">
      <c r="N369066" s="10"/>
    </row>
    <row r="369067" spans="14:14">
      <c r="N369067" s="10"/>
    </row>
    <row r="369068" spans="14:14">
      <c r="N369068" s="10"/>
    </row>
    <row r="369069" spans="14:14">
      <c r="N369069" s="10"/>
    </row>
    <row r="369070" spans="14:14">
      <c r="N369070" s="10"/>
    </row>
    <row r="369071" spans="14:14">
      <c r="N369071" s="10"/>
    </row>
    <row r="369072" spans="14:14">
      <c r="N369072" s="10"/>
    </row>
    <row r="369073" spans="14:14">
      <c r="N369073" s="10"/>
    </row>
    <row r="369074" spans="14:14">
      <c r="N369074" s="10"/>
    </row>
    <row r="369075" spans="14:14">
      <c r="N369075" s="10"/>
    </row>
    <row r="369076" spans="14:14">
      <c r="N369076" s="10"/>
    </row>
    <row r="369077" spans="14:14">
      <c r="N369077" s="10"/>
    </row>
    <row r="369078" spans="14:14">
      <c r="N369078" s="10"/>
    </row>
    <row r="369079" spans="14:14">
      <c r="N369079" s="10"/>
    </row>
    <row r="369080" spans="14:14">
      <c r="N369080" s="10"/>
    </row>
    <row r="369081" spans="14:14">
      <c r="N369081" s="10"/>
    </row>
    <row r="369082" spans="14:14">
      <c r="N369082" s="10"/>
    </row>
    <row r="369083" spans="14:14">
      <c r="N369083" s="10"/>
    </row>
    <row r="369084" spans="14:14">
      <c r="N369084" s="10"/>
    </row>
    <row r="369085" spans="14:14">
      <c r="N369085" s="10"/>
    </row>
    <row r="369086" spans="14:14">
      <c r="N369086" s="10"/>
    </row>
    <row r="369087" spans="14:14">
      <c r="N369087" s="10"/>
    </row>
    <row r="369088" spans="14:14">
      <c r="N369088" s="10"/>
    </row>
    <row r="369089" spans="14:14">
      <c r="N369089" s="10"/>
    </row>
    <row r="369090" spans="14:14">
      <c r="N369090" s="10"/>
    </row>
    <row r="369091" spans="14:14">
      <c r="N369091" s="10"/>
    </row>
    <row r="369092" spans="14:14">
      <c r="N369092" s="10"/>
    </row>
    <row r="369093" spans="14:14">
      <c r="N369093" s="10"/>
    </row>
    <row r="369094" spans="14:14">
      <c r="N369094" s="10"/>
    </row>
    <row r="369095" spans="14:14">
      <c r="N369095" s="10"/>
    </row>
    <row r="369096" spans="14:14">
      <c r="N369096" s="10"/>
    </row>
    <row r="369097" spans="14:14">
      <c r="N369097" s="10"/>
    </row>
    <row r="369098" spans="14:14">
      <c r="N369098" s="10"/>
    </row>
    <row r="369099" spans="14:14">
      <c r="N369099" s="10"/>
    </row>
    <row r="369100" spans="14:14">
      <c r="N369100" s="10"/>
    </row>
    <row r="369101" spans="14:14">
      <c r="N369101" s="10"/>
    </row>
    <row r="369102" spans="14:14">
      <c r="N369102" s="10"/>
    </row>
    <row r="369103" spans="14:14">
      <c r="N369103" s="10"/>
    </row>
    <row r="369104" spans="14:14">
      <c r="N369104" s="10"/>
    </row>
    <row r="369105" spans="14:14">
      <c r="N369105" s="10"/>
    </row>
    <row r="369106" spans="14:14">
      <c r="N369106" s="10"/>
    </row>
    <row r="369107" spans="14:14">
      <c r="N369107" s="10"/>
    </row>
    <row r="369108" spans="14:14">
      <c r="N369108" s="10"/>
    </row>
    <row r="369109" spans="14:14">
      <c r="N369109" s="10"/>
    </row>
    <row r="369110" spans="14:14">
      <c r="N369110" s="10"/>
    </row>
    <row r="369111" spans="14:14">
      <c r="N369111" s="10"/>
    </row>
    <row r="369112" spans="14:14">
      <c r="N369112" s="10"/>
    </row>
    <row r="369113" spans="14:14">
      <c r="N369113" s="10"/>
    </row>
    <row r="369114" spans="14:14">
      <c r="N369114" s="10"/>
    </row>
    <row r="369115" spans="14:14">
      <c r="N369115" s="10"/>
    </row>
    <row r="369116" spans="14:14">
      <c r="N369116" s="10"/>
    </row>
    <row r="369117" spans="14:14">
      <c r="N369117" s="10"/>
    </row>
    <row r="369118" spans="14:14">
      <c r="N369118" s="10"/>
    </row>
    <row r="369119" spans="14:14">
      <c r="N369119" s="10"/>
    </row>
    <row r="369120" spans="14:14">
      <c r="N369120" s="10"/>
    </row>
    <row r="369121" spans="14:14">
      <c r="N369121" s="10"/>
    </row>
    <row r="369122" spans="14:14">
      <c r="N369122" s="10"/>
    </row>
    <row r="369123" spans="14:14">
      <c r="N369123" s="10"/>
    </row>
    <row r="369124" spans="14:14">
      <c r="N369124" s="10"/>
    </row>
    <row r="369125" spans="14:14">
      <c r="N369125" s="10"/>
    </row>
    <row r="369126" spans="14:14">
      <c r="N369126" s="10"/>
    </row>
    <row r="369127" spans="14:14">
      <c r="N369127" s="10"/>
    </row>
    <row r="369128" spans="14:14">
      <c r="N369128" s="10"/>
    </row>
    <row r="369129" spans="14:14">
      <c r="N369129" s="10"/>
    </row>
    <row r="369130" spans="14:14">
      <c r="N369130" s="10"/>
    </row>
    <row r="369131" spans="14:14">
      <c r="N369131" s="10"/>
    </row>
    <row r="369132" spans="14:14">
      <c r="N369132" s="10"/>
    </row>
    <row r="369133" spans="14:14">
      <c r="N369133" s="10"/>
    </row>
    <row r="369134" spans="14:14">
      <c r="N369134" s="10"/>
    </row>
    <row r="369135" spans="14:14">
      <c r="N369135" s="10"/>
    </row>
    <row r="369136" spans="14:14">
      <c r="N369136" s="10"/>
    </row>
    <row r="369137" spans="14:14">
      <c r="N369137" s="10"/>
    </row>
    <row r="369138" spans="14:14">
      <c r="N369138" s="10"/>
    </row>
    <row r="369139" spans="14:14">
      <c r="N369139" s="10"/>
    </row>
    <row r="369140" spans="14:14">
      <c r="N369140" s="10"/>
    </row>
    <row r="369141" spans="14:14">
      <c r="N369141" s="10"/>
    </row>
    <row r="369142" spans="14:14">
      <c r="N369142" s="10"/>
    </row>
    <row r="369143" spans="14:14">
      <c r="N369143" s="10"/>
    </row>
    <row r="369144" spans="14:14">
      <c r="N369144" s="10"/>
    </row>
    <row r="369145" spans="14:14">
      <c r="N369145" s="10"/>
    </row>
    <row r="369146" spans="14:14">
      <c r="N369146" s="10"/>
    </row>
    <row r="369147" spans="14:14">
      <c r="N369147" s="10"/>
    </row>
    <row r="369148" spans="14:14">
      <c r="N369148" s="10"/>
    </row>
    <row r="369149" spans="14:14">
      <c r="N369149" s="10"/>
    </row>
    <row r="369150" spans="14:14">
      <c r="N369150" s="10"/>
    </row>
    <row r="369151" spans="14:14">
      <c r="N369151" s="10"/>
    </row>
    <row r="369152" spans="14:14">
      <c r="N369152" s="10"/>
    </row>
    <row r="369153" spans="14:14">
      <c r="N369153" s="10"/>
    </row>
    <row r="369154" spans="14:14">
      <c r="N369154" s="10"/>
    </row>
    <row r="369155" spans="14:14">
      <c r="N369155" s="10"/>
    </row>
    <row r="369156" spans="14:14">
      <c r="N369156" s="10"/>
    </row>
    <row r="369157" spans="14:14">
      <c r="N369157" s="10"/>
    </row>
    <row r="369158" spans="14:14">
      <c r="N369158" s="10"/>
    </row>
    <row r="369159" spans="14:14">
      <c r="N369159" s="10"/>
    </row>
    <row r="369160" spans="14:14">
      <c r="N369160" s="10"/>
    </row>
    <row r="369161" spans="14:14">
      <c r="N369161" s="10"/>
    </row>
    <row r="369162" spans="14:14">
      <c r="N369162" s="10"/>
    </row>
    <row r="369163" spans="14:14">
      <c r="N369163" s="10"/>
    </row>
    <row r="369164" spans="14:14">
      <c r="N369164" s="10"/>
    </row>
    <row r="369165" spans="14:14">
      <c r="N369165" s="10"/>
    </row>
    <row r="369166" spans="14:14">
      <c r="N369166" s="10"/>
    </row>
    <row r="369167" spans="14:14">
      <c r="N369167" s="10"/>
    </row>
    <row r="369168" spans="14:14">
      <c r="N369168" s="10"/>
    </row>
    <row r="369169" spans="14:14">
      <c r="N369169" s="10"/>
    </row>
    <row r="369170" spans="14:14">
      <c r="N369170" s="10"/>
    </row>
    <row r="369171" spans="14:14">
      <c r="N369171" s="10"/>
    </row>
    <row r="369172" spans="14:14">
      <c r="N369172" s="10"/>
    </row>
    <row r="369173" spans="14:14">
      <c r="N369173" s="10"/>
    </row>
    <row r="369174" spans="14:14">
      <c r="N369174" s="10"/>
    </row>
    <row r="369175" spans="14:14">
      <c r="N369175" s="10"/>
    </row>
    <row r="369176" spans="14:14">
      <c r="N369176" s="10"/>
    </row>
    <row r="369177" spans="14:14">
      <c r="N369177" s="10"/>
    </row>
    <row r="369178" spans="14:14">
      <c r="N369178" s="10"/>
    </row>
    <row r="369179" spans="14:14">
      <c r="N369179" s="10"/>
    </row>
    <row r="369180" spans="14:14">
      <c r="N369180" s="10"/>
    </row>
    <row r="369181" spans="14:14">
      <c r="N369181" s="10"/>
    </row>
    <row r="369182" spans="14:14">
      <c r="N369182" s="10"/>
    </row>
    <row r="369183" spans="14:14">
      <c r="N369183" s="10"/>
    </row>
    <row r="369184" spans="14:14">
      <c r="N369184" s="10"/>
    </row>
    <row r="369185" spans="14:14">
      <c r="N369185" s="10"/>
    </row>
    <row r="369186" spans="14:14">
      <c r="N369186" s="10"/>
    </row>
    <row r="369187" spans="14:14">
      <c r="N369187" s="10"/>
    </row>
    <row r="369188" spans="14:14">
      <c r="N369188" s="10"/>
    </row>
    <row r="369189" spans="14:14">
      <c r="N369189" s="10"/>
    </row>
    <row r="369190" spans="14:14">
      <c r="N369190" s="10"/>
    </row>
    <row r="369191" spans="14:14">
      <c r="N369191" s="10"/>
    </row>
    <row r="369192" spans="14:14">
      <c r="N369192" s="10"/>
    </row>
    <row r="369193" spans="14:14">
      <c r="N369193" s="10"/>
    </row>
    <row r="369194" spans="14:14">
      <c r="N369194" s="10"/>
    </row>
    <row r="369195" spans="14:14">
      <c r="N369195" s="10"/>
    </row>
    <row r="369196" spans="14:14">
      <c r="N369196" s="10"/>
    </row>
    <row r="369197" spans="14:14">
      <c r="N369197" s="10"/>
    </row>
    <row r="369198" spans="14:14">
      <c r="N369198" s="10"/>
    </row>
    <row r="369199" spans="14:14">
      <c r="N369199" s="10"/>
    </row>
    <row r="369200" spans="14:14">
      <c r="N369200" s="10"/>
    </row>
    <row r="369201" spans="14:14">
      <c r="N369201" s="10"/>
    </row>
    <row r="369202" spans="14:14">
      <c r="N369202" s="10"/>
    </row>
    <row r="369203" spans="14:14">
      <c r="N369203" s="10"/>
    </row>
    <row r="369204" spans="14:14">
      <c r="N369204" s="10"/>
    </row>
    <row r="369205" spans="14:14">
      <c r="N369205" s="10"/>
    </row>
    <row r="369206" spans="14:14">
      <c r="N369206" s="10"/>
    </row>
    <row r="369207" spans="14:14">
      <c r="N369207" s="10"/>
    </row>
    <row r="369208" spans="14:14">
      <c r="N369208" s="10"/>
    </row>
    <row r="369209" spans="14:14">
      <c r="N369209" s="10"/>
    </row>
    <row r="369210" spans="14:14">
      <c r="N369210" s="10"/>
    </row>
    <row r="369211" spans="14:14">
      <c r="N369211" s="10"/>
    </row>
    <row r="369212" spans="14:14">
      <c r="N369212" s="10"/>
    </row>
    <row r="369213" spans="14:14">
      <c r="N369213" s="10"/>
    </row>
    <row r="369214" spans="14:14">
      <c r="N369214" s="10"/>
    </row>
    <row r="369215" spans="14:14">
      <c r="N369215" s="10"/>
    </row>
    <row r="369216" spans="14:14">
      <c r="N369216" s="10"/>
    </row>
    <row r="369217" spans="14:14">
      <c r="N369217" s="10"/>
    </row>
    <row r="369218" spans="14:14">
      <c r="N369218" s="10"/>
    </row>
    <row r="369219" spans="14:14">
      <c r="N369219" s="10"/>
    </row>
    <row r="369220" spans="14:14">
      <c r="N369220" s="10"/>
    </row>
    <row r="369221" spans="14:14">
      <c r="N369221" s="10"/>
    </row>
    <row r="369222" spans="14:14">
      <c r="N369222" s="10"/>
    </row>
    <row r="369223" spans="14:14">
      <c r="N369223" s="10"/>
    </row>
    <row r="369224" spans="14:14">
      <c r="N369224" s="10"/>
    </row>
    <row r="369225" spans="14:14">
      <c r="N369225" s="10"/>
    </row>
    <row r="369226" spans="14:14">
      <c r="N369226" s="10"/>
    </row>
    <row r="369227" spans="14:14">
      <c r="N369227" s="10"/>
    </row>
    <row r="369228" spans="14:14">
      <c r="N369228" s="10"/>
    </row>
    <row r="369229" spans="14:14">
      <c r="N369229" s="10"/>
    </row>
    <row r="369230" spans="14:14">
      <c r="N369230" s="10"/>
    </row>
    <row r="369231" spans="14:14">
      <c r="N369231" s="10"/>
    </row>
    <row r="369232" spans="14:14">
      <c r="N369232" s="10"/>
    </row>
    <row r="369233" spans="14:14">
      <c r="N369233" s="10"/>
    </row>
    <row r="369234" spans="14:14">
      <c r="N369234" s="10"/>
    </row>
    <row r="369235" spans="14:14">
      <c r="N369235" s="10"/>
    </row>
    <row r="369236" spans="14:14">
      <c r="N369236" s="10"/>
    </row>
    <row r="369237" spans="14:14">
      <c r="N369237" s="10"/>
    </row>
    <row r="369238" spans="14:14">
      <c r="N369238" s="10"/>
    </row>
    <row r="369239" spans="14:14">
      <c r="N369239" s="10"/>
    </row>
    <row r="369240" spans="14:14">
      <c r="N369240" s="10"/>
    </row>
    <row r="369241" spans="14:14">
      <c r="N369241" s="10"/>
    </row>
    <row r="369242" spans="14:14">
      <c r="N369242" s="10"/>
    </row>
    <row r="369243" spans="14:14">
      <c r="N369243" s="10"/>
    </row>
    <row r="369244" spans="14:14">
      <c r="N369244" s="10"/>
    </row>
    <row r="369245" spans="14:14">
      <c r="N369245" s="10"/>
    </row>
    <row r="369246" spans="14:14">
      <c r="N369246" s="10"/>
    </row>
    <row r="369247" spans="14:14">
      <c r="N369247" s="10"/>
    </row>
    <row r="369248" spans="14:14">
      <c r="N369248" s="10"/>
    </row>
    <row r="369249" spans="14:14">
      <c r="N369249" s="10"/>
    </row>
    <row r="369250" spans="14:14">
      <c r="N369250" s="10"/>
    </row>
    <row r="369251" spans="14:14">
      <c r="N369251" s="10"/>
    </row>
    <row r="369252" spans="14:14">
      <c r="N369252" s="10"/>
    </row>
    <row r="369253" spans="14:14">
      <c r="N369253" s="10"/>
    </row>
    <row r="369254" spans="14:14">
      <c r="N369254" s="10"/>
    </row>
    <row r="369255" spans="14:14">
      <c r="N369255" s="10"/>
    </row>
    <row r="369256" spans="14:14">
      <c r="N369256" s="10"/>
    </row>
    <row r="369257" spans="14:14">
      <c r="N369257" s="10"/>
    </row>
    <row r="369258" spans="14:14">
      <c r="N369258" s="10"/>
    </row>
    <row r="369259" spans="14:14">
      <c r="N369259" s="10"/>
    </row>
    <row r="369260" spans="14:14">
      <c r="N369260" s="10"/>
    </row>
    <row r="369261" spans="14:14">
      <c r="N369261" s="10"/>
    </row>
    <row r="369262" spans="14:14">
      <c r="N369262" s="10"/>
    </row>
    <row r="369263" spans="14:14">
      <c r="N369263" s="10"/>
    </row>
    <row r="369264" spans="14:14">
      <c r="N369264" s="10"/>
    </row>
    <row r="369265" spans="14:14">
      <c r="N369265" s="10"/>
    </row>
    <row r="369266" spans="14:14">
      <c r="N369266" s="10"/>
    </row>
    <row r="369267" spans="14:14">
      <c r="N369267" s="10"/>
    </row>
    <row r="369268" spans="14:14">
      <c r="N369268" s="10"/>
    </row>
    <row r="369269" spans="14:14">
      <c r="N369269" s="10"/>
    </row>
    <row r="369270" spans="14:14">
      <c r="N369270" s="10"/>
    </row>
    <row r="369271" spans="14:14">
      <c r="N369271" s="10"/>
    </row>
    <row r="369272" spans="14:14">
      <c r="N369272" s="10"/>
    </row>
    <row r="369273" spans="14:14">
      <c r="N369273" s="10"/>
    </row>
    <row r="369274" spans="14:14">
      <c r="N369274" s="10"/>
    </row>
    <row r="369275" spans="14:14">
      <c r="N369275" s="10"/>
    </row>
    <row r="369276" spans="14:14">
      <c r="N369276" s="10"/>
    </row>
    <row r="369277" spans="14:14">
      <c r="N369277" s="10"/>
    </row>
    <row r="369278" spans="14:14">
      <c r="N369278" s="10"/>
    </row>
    <row r="369279" spans="14:14">
      <c r="N369279" s="10"/>
    </row>
    <row r="369280" spans="14:14">
      <c r="N369280" s="10"/>
    </row>
    <row r="369281" spans="14:14">
      <c r="N369281" s="10"/>
    </row>
    <row r="369282" spans="14:14">
      <c r="N369282" s="10"/>
    </row>
    <row r="369283" spans="14:14">
      <c r="N369283" s="10"/>
    </row>
    <row r="369284" spans="14:14">
      <c r="N369284" s="10"/>
    </row>
    <row r="369285" spans="14:14">
      <c r="N369285" s="10"/>
    </row>
    <row r="369286" spans="14:14">
      <c r="N369286" s="10"/>
    </row>
    <row r="369287" spans="14:14">
      <c r="N369287" s="10"/>
    </row>
    <row r="369288" spans="14:14">
      <c r="N369288" s="10"/>
    </row>
    <row r="369289" spans="14:14">
      <c r="N369289" s="10"/>
    </row>
    <row r="369290" spans="14:14">
      <c r="N369290" s="10"/>
    </row>
    <row r="369291" spans="14:14">
      <c r="N369291" s="10"/>
    </row>
    <row r="369292" spans="14:14">
      <c r="N369292" s="10"/>
    </row>
    <row r="369293" spans="14:14">
      <c r="N369293" s="10"/>
    </row>
    <row r="369294" spans="14:14">
      <c r="N369294" s="10"/>
    </row>
    <row r="369295" spans="14:14">
      <c r="N369295" s="10"/>
    </row>
    <row r="369296" spans="14:14">
      <c r="N369296" s="10"/>
    </row>
    <row r="369297" spans="14:14">
      <c r="N369297" s="10"/>
    </row>
    <row r="369298" spans="14:14">
      <c r="N369298" s="10"/>
    </row>
    <row r="369299" spans="14:14">
      <c r="N369299" s="10"/>
    </row>
    <row r="369300" spans="14:14">
      <c r="N369300" s="10"/>
    </row>
    <row r="369301" spans="14:14">
      <c r="N369301" s="10"/>
    </row>
    <row r="369302" spans="14:14">
      <c r="N369302" s="10"/>
    </row>
    <row r="369303" spans="14:14">
      <c r="N369303" s="10"/>
    </row>
    <row r="369304" spans="14:14">
      <c r="N369304" s="10"/>
    </row>
    <row r="369305" spans="14:14">
      <c r="N369305" s="10"/>
    </row>
    <row r="369306" spans="14:14">
      <c r="N369306" s="10"/>
    </row>
    <row r="369307" spans="14:14">
      <c r="N369307" s="10"/>
    </row>
    <row r="369308" spans="14:14">
      <c r="N369308" s="10"/>
    </row>
    <row r="369309" spans="14:14">
      <c r="N369309" s="10"/>
    </row>
    <row r="369310" spans="14:14">
      <c r="N369310" s="10"/>
    </row>
    <row r="369311" spans="14:14">
      <c r="N369311" s="10"/>
    </row>
    <row r="369312" spans="14:14">
      <c r="N369312" s="10"/>
    </row>
    <row r="369313" spans="14:14">
      <c r="N369313" s="10"/>
    </row>
    <row r="369314" spans="14:14">
      <c r="N369314" s="10"/>
    </row>
    <row r="369315" spans="14:14">
      <c r="N369315" s="10"/>
    </row>
    <row r="369316" spans="14:14">
      <c r="N369316" s="10"/>
    </row>
    <row r="369317" spans="14:14">
      <c r="N369317" s="10"/>
    </row>
    <row r="369318" spans="14:14">
      <c r="N369318" s="10"/>
    </row>
    <row r="369319" spans="14:14">
      <c r="N369319" s="10"/>
    </row>
    <row r="369320" spans="14:14">
      <c r="N369320" s="10"/>
    </row>
    <row r="369321" spans="14:14">
      <c r="N369321" s="10"/>
    </row>
    <row r="369322" spans="14:14">
      <c r="N369322" s="10"/>
    </row>
    <row r="369323" spans="14:14">
      <c r="N369323" s="10"/>
    </row>
    <row r="369324" spans="14:14">
      <c r="N369324" s="10"/>
    </row>
    <row r="369325" spans="14:14">
      <c r="N369325" s="10"/>
    </row>
    <row r="369326" spans="14:14">
      <c r="N369326" s="10"/>
    </row>
    <row r="369327" spans="14:14">
      <c r="N369327" s="10"/>
    </row>
    <row r="369328" spans="14:14">
      <c r="N369328" s="10"/>
    </row>
    <row r="369329" spans="14:14">
      <c r="N369329" s="10"/>
    </row>
    <row r="369330" spans="14:14">
      <c r="N369330" s="10"/>
    </row>
    <row r="369331" spans="14:14">
      <c r="N369331" s="10"/>
    </row>
    <row r="369332" spans="14:14">
      <c r="N369332" s="10"/>
    </row>
    <row r="369333" spans="14:14">
      <c r="N369333" s="10"/>
    </row>
    <row r="369334" spans="14:14">
      <c r="N369334" s="10"/>
    </row>
    <row r="369335" spans="14:14">
      <c r="N369335" s="10"/>
    </row>
    <row r="369336" spans="14:14">
      <c r="N369336" s="10"/>
    </row>
    <row r="369337" spans="14:14">
      <c r="N369337" s="10"/>
    </row>
    <row r="369338" spans="14:14">
      <c r="N369338" s="10"/>
    </row>
    <row r="369339" spans="14:14">
      <c r="N369339" s="10"/>
    </row>
    <row r="369340" spans="14:14">
      <c r="N369340" s="10"/>
    </row>
    <row r="369341" spans="14:14">
      <c r="N369341" s="10"/>
    </row>
    <row r="369342" spans="14:14">
      <c r="N369342" s="10"/>
    </row>
    <row r="369343" spans="14:14">
      <c r="N369343" s="10"/>
    </row>
    <row r="369344" spans="14:14">
      <c r="N369344" s="10"/>
    </row>
    <row r="369345" spans="14:14">
      <c r="N369345" s="10"/>
    </row>
    <row r="369346" spans="14:14">
      <c r="N369346" s="10"/>
    </row>
    <row r="369347" spans="14:14">
      <c r="N369347" s="10"/>
    </row>
    <row r="369348" spans="14:14">
      <c r="N369348" s="10"/>
    </row>
    <row r="369349" spans="14:14">
      <c r="N369349" s="10"/>
    </row>
    <row r="369350" spans="14:14">
      <c r="N369350" s="10"/>
    </row>
    <row r="369351" spans="14:14">
      <c r="N369351" s="10"/>
    </row>
    <row r="369352" spans="14:14">
      <c r="N369352" s="10"/>
    </row>
    <row r="369353" spans="14:14">
      <c r="N369353" s="10"/>
    </row>
    <row r="369354" spans="14:14">
      <c r="N369354" s="10"/>
    </row>
    <row r="369355" spans="14:14">
      <c r="N369355" s="10"/>
    </row>
    <row r="369356" spans="14:14">
      <c r="N369356" s="10"/>
    </row>
    <row r="369357" spans="14:14">
      <c r="N369357" s="10"/>
    </row>
    <row r="369358" spans="14:14">
      <c r="N369358" s="10"/>
    </row>
    <row r="369359" spans="14:14">
      <c r="N369359" s="10"/>
    </row>
    <row r="369360" spans="14:14">
      <c r="N369360" s="10"/>
    </row>
    <row r="369361" spans="14:14">
      <c r="N369361" s="10"/>
    </row>
    <row r="369362" spans="14:14">
      <c r="N369362" s="10"/>
    </row>
    <row r="369363" spans="14:14">
      <c r="N369363" s="10"/>
    </row>
    <row r="369364" spans="14:14">
      <c r="N369364" s="10"/>
    </row>
    <row r="369365" spans="14:14">
      <c r="N369365" s="10"/>
    </row>
    <row r="369366" spans="14:14">
      <c r="N369366" s="10"/>
    </row>
    <row r="369367" spans="14:14">
      <c r="N369367" s="10"/>
    </row>
    <row r="369368" spans="14:14">
      <c r="N369368" s="10"/>
    </row>
    <row r="369369" spans="14:14">
      <c r="N369369" s="10"/>
    </row>
    <row r="369370" spans="14:14">
      <c r="N369370" s="10"/>
    </row>
    <row r="369371" spans="14:14">
      <c r="N369371" s="10"/>
    </row>
    <row r="369372" spans="14:14">
      <c r="N369372" s="10"/>
    </row>
    <row r="369373" spans="14:14">
      <c r="N369373" s="10"/>
    </row>
    <row r="369374" spans="14:14">
      <c r="N369374" s="10"/>
    </row>
    <row r="369375" spans="14:14">
      <c r="N369375" s="10"/>
    </row>
    <row r="369376" spans="14:14">
      <c r="N369376" s="10"/>
    </row>
    <row r="369377" spans="14:14">
      <c r="N369377" s="10"/>
    </row>
    <row r="369378" spans="14:14">
      <c r="N369378" s="10"/>
    </row>
    <row r="369379" spans="14:14">
      <c r="N369379" s="10"/>
    </row>
    <row r="369380" spans="14:14">
      <c r="N369380" s="10"/>
    </row>
    <row r="369381" spans="14:14">
      <c r="N369381" s="10"/>
    </row>
    <row r="369382" spans="14:14">
      <c r="N369382" s="10"/>
    </row>
    <row r="369383" spans="14:14">
      <c r="N369383" s="10"/>
    </row>
    <row r="369384" spans="14:14">
      <c r="N369384" s="10"/>
    </row>
    <row r="369385" spans="14:14">
      <c r="N369385" s="10"/>
    </row>
    <row r="369386" spans="14:14">
      <c r="N369386" s="10"/>
    </row>
    <row r="369387" spans="14:14">
      <c r="N369387" s="10"/>
    </row>
    <row r="369388" spans="14:14">
      <c r="N369388" s="10"/>
    </row>
    <row r="369389" spans="14:14">
      <c r="N369389" s="10"/>
    </row>
    <row r="369390" spans="14:14">
      <c r="N369390" s="10"/>
    </row>
    <row r="369391" spans="14:14">
      <c r="N369391" s="10"/>
    </row>
    <row r="369392" spans="14:14">
      <c r="N369392" s="10"/>
    </row>
    <row r="369393" spans="14:14">
      <c r="N369393" s="10"/>
    </row>
    <row r="369394" spans="14:14">
      <c r="N369394" s="10"/>
    </row>
    <row r="369395" spans="14:14">
      <c r="N369395" s="10"/>
    </row>
    <row r="369396" spans="14:14">
      <c r="N369396" s="10"/>
    </row>
    <row r="369397" spans="14:14">
      <c r="N369397" s="10"/>
    </row>
    <row r="369398" spans="14:14">
      <c r="N369398" s="10"/>
    </row>
    <row r="369399" spans="14:14">
      <c r="N369399" s="10"/>
    </row>
    <row r="369400" spans="14:14">
      <c r="N369400" s="10"/>
    </row>
    <row r="369401" spans="14:14">
      <c r="N369401" s="10"/>
    </row>
    <row r="369402" spans="14:14">
      <c r="N369402" s="10"/>
    </row>
    <row r="369403" spans="14:14">
      <c r="N369403" s="10"/>
    </row>
    <row r="369404" spans="14:14">
      <c r="N369404" s="10"/>
    </row>
    <row r="369405" spans="14:14">
      <c r="N369405" s="10"/>
    </row>
    <row r="369406" spans="14:14">
      <c r="N369406" s="10"/>
    </row>
    <row r="369407" spans="14:14">
      <c r="N369407" s="10"/>
    </row>
    <row r="369408" spans="14:14">
      <c r="N369408" s="10"/>
    </row>
    <row r="369409" spans="14:14">
      <c r="N369409" s="10"/>
    </row>
    <row r="369410" spans="14:14">
      <c r="N369410" s="10"/>
    </row>
    <row r="369411" spans="14:14">
      <c r="N369411" s="10"/>
    </row>
    <row r="369412" spans="14:14">
      <c r="N369412" s="10"/>
    </row>
    <row r="369413" spans="14:14">
      <c r="N369413" s="10"/>
    </row>
    <row r="369414" spans="14:14">
      <c r="N369414" s="10"/>
    </row>
    <row r="369415" spans="14:14">
      <c r="N369415" s="10"/>
    </row>
    <row r="369416" spans="14:14">
      <c r="N369416" s="10"/>
    </row>
    <row r="369417" spans="14:14">
      <c r="N369417" s="10"/>
    </row>
    <row r="369418" spans="14:14">
      <c r="N369418" s="10"/>
    </row>
    <row r="369419" spans="14:14">
      <c r="N369419" s="10"/>
    </row>
    <row r="369420" spans="14:14">
      <c r="N369420" s="10"/>
    </row>
    <row r="369421" spans="14:14">
      <c r="N369421" s="10"/>
    </row>
    <row r="369422" spans="14:14">
      <c r="N369422" s="10"/>
    </row>
    <row r="369423" spans="14:14">
      <c r="N369423" s="10"/>
    </row>
    <row r="369424" spans="14:14">
      <c r="N369424" s="10"/>
    </row>
    <row r="369425" spans="14:14">
      <c r="N369425" s="10"/>
    </row>
    <row r="369426" spans="14:14">
      <c r="N369426" s="10"/>
    </row>
    <row r="369427" spans="14:14">
      <c r="N369427" s="10"/>
    </row>
    <row r="369428" spans="14:14">
      <c r="N369428" s="10"/>
    </row>
    <row r="369429" spans="14:14">
      <c r="N369429" s="10"/>
    </row>
    <row r="369430" spans="14:14">
      <c r="N369430" s="10"/>
    </row>
    <row r="369431" spans="14:14">
      <c r="N369431" s="10"/>
    </row>
    <row r="369432" spans="14:14">
      <c r="N369432" s="10"/>
    </row>
    <row r="369433" spans="14:14">
      <c r="N369433" s="10"/>
    </row>
    <row r="369434" spans="14:14">
      <c r="N369434" s="10"/>
    </row>
    <row r="369435" spans="14:14">
      <c r="N369435" s="10"/>
    </row>
    <row r="369436" spans="14:14">
      <c r="N369436" s="10"/>
    </row>
    <row r="369437" spans="14:14">
      <c r="N369437" s="10"/>
    </row>
    <row r="369438" spans="14:14">
      <c r="N369438" s="10"/>
    </row>
    <row r="369439" spans="14:14">
      <c r="N369439" s="10"/>
    </row>
    <row r="369440" spans="14:14">
      <c r="N369440" s="10"/>
    </row>
    <row r="369441" spans="14:14">
      <c r="N369441" s="10"/>
    </row>
    <row r="369442" spans="14:14">
      <c r="N369442" s="10"/>
    </row>
    <row r="369443" spans="14:14">
      <c r="N369443" s="10"/>
    </row>
    <row r="369444" spans="14:14">
      <c r="N369444" s="10"/>
    </row>
    <row r="369445" spans="14:14">
      <c r="N369445" s="10"/>
    </row>
    <row r="369446" spans="14:14">
      <c r="N369446" s="10"/>
    </row>
    <row r="369447" spans="14:14">
      <c r="N369447" s="10"/>
    </row>
    <row r="369448" spans="14:14">
      <c r="N369448" s="10"/>
    </row>
    <row r="369449" spans="14:14">
      <c r="N369449" s="10"/>
    </row>
    <row r="369450" spans="14:14">
      <c r="N369450" s="10"/>
    </row>
    <row r="369451" spans="14:14">
      <c r="N369451" s="10"/>
    </row>
    <row r="369452" spans="14:14">
      <c r="N369452" s="10"/>
    </row>
    <row r="369453" spans="14:14">
      <c r="N369453" s="10"/>
    </row>
    <row r="369454" spans="14:14">
      <c r="N369454" s="10"/>
    </row>
    <row r="369455" spans="14:14">
      <c r="N369455" s="10"/>
    </row>
    <row r="369456" spans="14:14">
      <c r="N369456" s="10"/>
    </row>
    <row r="369457" spans="14:14">
      <c r="N369457" s="10"/>
    </row>
    <row r="369458" spans="14:14">
      <c r="N369458" s="10"/>
    </row>
    <row r="369459" spans="14:14">
      <c r="N369459" s="10"/>
    </row>
    <row r="369460" spans="14:14">
      <c r="N369460" s="10"/>
    </row>
    <row r="369461" spans="14:14">
      <c r="N369461" s="10"/>
    </row>
    <row r="369462" spans="14:14">
      <c r="N369462" s="10"/>
    </row>
    <row r="369463" spans="14:14">
      <c r="N369463" s="10"/>
    </row>
    <row r="369464" spans="14:14">
      <c r="N369464" s="10"/>
    </row>
    <row r="369465" spans="14:14">
      <c r="N369465" s="10"/>
    </row>
    <row r="369466" spans="14:14">
      <c r="N369466" s="10"/>
    </row>
    <row r="369467" spans="14:14">
      <c r="N369467" s="10"/>
    </row>
    <row r="369468" spans="14:14">
      <c r="N369468" s="10"/>
    </row>
    <row r="369469" spans="14:14">
      <c r="N369469" s="10"/>
    </row>
    <row r="369470" spans="14:14">
      <c r="N369470" s="10"/>
    </row>
    <row r="369471" spans="14:14">
      <c r="N369471" s="10"/>
    </row>
    <row r="369472" spans="14:14">
      <c r="N369472" s="10"/>
    </row>
    <row r="369473" spans="14:14">
      <c r="N369473" s="10"/>
    </row>
    <row r="369474" spans="14:14">
      <c r="N369474" s="10"/>
    </row>
    <row r="369475" spans="14:14">
      <c r="N369475" s="10"/>
    </row>
    <row r="369476" spans="14:14">
      <c r="N369476" s="10"/>
    </row>
    <row r="369477" spans="14:14">
      <c r="N369477" s="10"/>
    </row>
    <row r="369478" spans="14:14">
      <c r="N369478" s="10"/>
    </row>
    <row r="369479" spans="14:14">
      <c r="N369479" s="10"/>
    </row>
    <row r="369480" spans="14:14">
      <c r="N369480" s="10"/>
    </row>
    <row r="369481" spans="14:14">
      <c r="N369481" s="10"/>
    </row>
    <row r="369482" spans="14:14">
      <c r="N369482" s="10"/>
    </row>
    <row r="369483" spans="14:14">
      <c r="N369483" s="10"/>
    </row>
    <row r="369484" spans="14:14">
      <c r="N369484" s="10"/>
    </row>
    <row r="369485" spans="14:14">
      <c r="N369485" s="10"/>
    </row>
    <row r="369486" spans="14:14">
      <c r="N369486" s="10"/>
    </row>
    <row r="369487" spans="14:14">
      <c r="N369487" s="10"/>
    </row>
    <row r="369488" spans="14:14">
      <c r="N369488" s="10"/>
    </row>
    <row r="369489" spans="14:14">
      <c r="N369489" s="10"/>
    </row>
    <row r="369490" spans="14:14">
      <c r="N369490" s="10"/>
    </row>
    <row r="369491" spans="14:14">
      <c r="N369491" s="10"/>
    </row>
    <row r="369492" spans="14:14">
      <c r="N369492" s="10"/>
    </row>
    <row r="369493" spans="14:14">
      <c r="N369493" s="10"/>
    </row>
    <row r="369494" spans="14:14">
      <c r="N369494" s="10"/>
    </row>
    <row r="369495" spans="14:14">
      <c r="N369495" s="10"/>
    </row>
    <row r="369496" spans="14:14">
      <c r="N369496" s="10"/>
    </row>
    <row r="369497" spans="14:14">
      <c r="N369497" s="10"/>
    </row>
    <row r="369498" spans="14:14">
      <c r="N369498" s="10"/>
    </row>
    <row r="369499" spans="14:14">
      <c r="N369499" s="10"/>
    </row>
    <row r="369500" spans="14:14">
      <c r="N369500" s="10"/>
    </row>
    <row r="369501" spans="14:14">
      <c r="N369501" s="10"/>
    </row>
    <row r="369502" spans="14:14">
      <c r="N369502" s="10"/>
    </row>
    <row r="369503" spans="14:14">
      <c r="N369503" s="10"/>
    </row>
    <row r="369504" spans="14:14">
      <c r="N369504" s="10"/>
    </row>
    <row r="369505" spans="14:14">
      <c r="N369505" s="10"/>
    </row>
    <row r="369506" spans="14:14">
      <c r="N369506" s="10"/>
    </row>
    <row r="369507" spans="14:14">
      <c r="N369507" s="10"/>
    </row>
    <row r="369508" spans="14:14">
      <c r="N369508" s="10"/>
    </row>
    <row r="369509" spans="14:14">
      <c r="N369509" s="10"/>
    </row>
    <row r="369510" spans="14:14">
      <c r="N369510" s="10"/>
    </row>
    <row r="369511" spans="14:14">
      <c r="N369511" s="10"/>
    </row>
    <row r="369512" spans="14:14">
      <c r="N369512" s="10"/>
    </row>
    <row r="369513" spans="14:14">
      <c r="N369513" s="10"/>
    </row>
    <row r="369514" spans="14:14">
      <c r="N369514" s="10"/>
    </row>
    <row r="369515" spans="14:14">
      <c r="N369515" s="10"/>
    </row>
    <row r="369516" spans="14:14">
      <c r="N369516" s="10"/>
    </row>
    <row r="369517" spans="14:14">
      <c r="N369517" s="10"/>
    </row>
    <row r="369518" spans="14:14">
      <c r="N369518" s="10"/>
    </row>
    <row r="369519" spans="14:14">
      <c r="N369519" s="10"/>
    </row>
    <row r="369520" spans="14:14">
      <c r="N369520" s="10"/>
    </row>
    <row r="369521" spans="14:14">
      <c r="N369521" s="10"/>
    </row>
    <row r="369522" spans="14:14">
      <c r="N369522" s="10"/>
    </row>
    <row r="369523" spans="14:14">
      <c r="N369523" s="10"/>
    </row>
    <row r="369524" spans="14:14">
      <c r="N369524" s="10"/>
    </row>
    <row r="369525" spans="14:14">
      <c r="N369525" s="10"/>
    </row>
    <row r="369526" spans="14:14">
      <c r="N369526" s="10"/>
    </row>
    <row r="369527" spans="14:14">
      <c r="N369527" s="10"/>
    </row>
    <row r="369528" spans="14:14">
      <c r="N369528" s="10"/>
    </row>
    <row r="369529" spans="14:14">
      <c r="N369529" s="10"/>
    </row>
    <row r="369530" spans="14:14">
      <c r="N369530" s="10"/>
    </row>
    <row r="369531" spans="14:14">
      <c r="N369531" s="10"/>
    </row>
    <row r="369532" spans="14:14">
      <c r="N369532" s="10"/>
    </row>
    <row r="369533" spans="14:14">
      <c r="N369533" s="10"/>
    </row>
    <row r="369534" spans="14:14">
      <c r="N369534" s="10"/>
    </row>
    <row r="369535" spans="14:14">
      <c r="N369535" s="10"/>
    </row>
    <row r="369536" spans="14:14">
      <c r="N369536" s="10"/>
    </row>
    <row r="369537" spans="14:14">
      <c r="N369537" s="10"/>
    </row>
    <row r="369538" spans="14:14">
      <c r="N369538" s="10"/>
    </row>
    <row r="369539" spans="14:14">
      <c r="N369539" s="10"/>
    </row>
    <row r="369540" spans="14:14">
      <c r="N369540" s="10"/>
    </row>
    <row r="369541" spans="14:14">
      <c r="N369541" s="10"/>
    </row>
    <row r="369542" spans="14:14">
      <c r="N369542" s="10"/>
    </row>
    <row r="369543" spans="14:14">
      <c r="N369543" s="10"/>
    </row>
    <row r="369544" spans="14:14">
      <c r="N369544" s="10"/>
    </row>
    <row r="369545" spans="14:14">
      <c r="N369545" s="10"/>
    </row>
    <row r="369546" spans="14:14">
      <c r="N369546" s="10"/>
    </row>
    <row r="369547" spans="14:14">
      <c r="N369547" s="10"/>
    </row>
    <row r="369548" spans="14:14">
      <c r="N369548" s="10"/>
    </row>
    <row r="369549" spans="14:14">
      <c r="N369549" s="10"/>
    </row>
    <row r="369550" spans="14:14">
      <c r="N369550" s="10"/>
    </row>
    <row r="369551" spans="14:14">
      <c r="N369551" s="10"/>
    </row>
    <row r="369552" spans="14:14">
      <c r="N369552" s="10"/>
    </row>
    <row r="369553" spans="14:14">
      <c r="N369553" s="10"/>
    </row>
    <row r="369554" spans="14:14">
      <c r="N369554" s="10"/>
    </row>
    <row r="369555" spans="14:14">
      <c r="N369555" s="10"/>
    </row>
    <row r="369556" spans="14:14">
      <c r="N369556" s="10"/>
    </row>
    <row r="369557" spans="14:14">
      <c r="N369557" s="10"/>
    </row>
    <row r="369558" spans="14:14">
      <c r="N369558" s="10"/>
    </row>
    <row r="369559" spans="14:14">
      <c r="N369559" s="10"/>
    </row>
    <row r="369560" spans="14:14">
      <c r="N369560" s="10"/>
    </row>
    <row r="369561" spans="14:14">
      <c r="N369561" s="10"/>
    </row>
    <row r="369562" spans="14:14">
      <c r="N369562" s="10"/>
    </row>
    <row r="369563" spans="14:14">
      <c r="N369563" s="10"/>
    </row>
    <row r="369564" spans="14:14">
      <c r="N369564" s="10"/>
    </row>
    <row r="369565" spans="14:14">
      <c r="N369565" s="10"/>
    </row>
    <row r="369566" spans="14:14">
      <c r="N369566" s="10"/>
    </row>
    <row r="369567" spans="14:14">
      <c r="N369567" s="10"/>
    </row>
    <row r="369568" spans="14:14">
      <c r="N369568" s="10"/>
    </row>
    <row r="369569" spans="14:14">
      <c r="N369569" s="10"/>
    </row>
    <row r="369570" spans="14:14">
      <c r="N369570" s="10"/>
    </row>
    <row r="369571" spans="14:14">
      <c r="N369571" s="10"/>
    </row>
    <row r="369572" spans="14:14">
      <c r="N369572" s="10"/>
    </row>
    <row r="369573" spans="14:14">
      <c r="N369573" s="10"/>
    </row>
    <row r="369574" spans="14:14">
      <c r="N369574" s="10"/>
    </row>
    <row r="369575" spans="14:14">
      <c r="N369575" s="10"/>
    </row>
    <row r="369576" spans="14:14">
      <c r="N369576" s="10"/>
    </row>
    <row r="369577" spans="14:14">
      <c r="N369577" s="10"/>
    </row>
    <row r="369578" spans="14:14">
      <c r="N369578" s="10"/>
    </row>
    <row r="369579" spans="14:14">
      <c r="N369579" s="10"/>
    </row>
    <row r="369580" spans="14:14">
      <c r="N369580" s="10"/>
    </row>
    <row r="369581" spans="14:14">
      <c r="N369581" s="10"/>
    </row>
    <row r="369582" spans="14:14">
      <c r="N369582" s="10"/>
    </row>
    <row r="369583" spans="14:14">
      <c r="N369583" s="10"/>
    </row>
    <row r="369584" spans="14:14">
      <c r="N369584" s="10"/>
    </row>
    <row r="369585" spans="14:14">
      <c r="N369585" s="10"/>
    </row>
    <row r="369586" spans="14:14">
      <c r="N369586" s="10"/>
    </row>
    <row r="369587" spans="14:14">
      <c r="N369587" s="10"/>
    </row>
    <row r="369588" spans="14:14">
      <c r="N369588" s="10"/>
    </row>
    <row r="369589" spans="14:14">
      <c r="N369589" s="10"/>
    </row>
    <row r="369590" spans="14:14">
      <c r="N369590" s="10"/>
    </row>
    <row r="369591" spans="14:14">
      <c r="N369591" s="10"/>
    </row>
    <row r="369592" spans="14:14">
      <c r="N369592" s="10"/>
    </row>
    <row r="369593" spans="14:14">
      <c r="N369593" s="10"/>
    </row>
    <row r="369594" spans="14:14">
      <c r="N369594" s="10"/>
    </row>
    <row r="369595" spans="14:14">
      <c r="N369595" s="10"/>
    </row>
    <row r="369596" spans="14:14">
      <c r="N369596" s="10"/>
    </row>
    <row r="369597" spans="14:14">
      <c r="N369597" s="10"/>
    </row>
    <row r="369598" spans="14:14">
      <c r="N369598" s="10"/>
    </row>
    <row r="369599" spans="14:14">
      <c r="N369599" s="10"/>
    </row>
    <row r="369600" spans="14:14">
      <c r="N369600" s="10"/>
    </row>
    <row r="369601" spans="14:14">
      <c r="N369601" s="10"/>
    </row>
    <row r="369602" spans="14:14">
      <c r="N369602" s="10"/>
    </row>
    <row r="369603" spans="14:14">
      <c r="N369603" s="10"/>
    </row>
    <row r="369604" spans="14:14">
      <c r="N369604" s="10"/>
    </row>
    <row r="369605" spans="14:14">
      <c r="N369605" s="10"/>
    </row>
    <row r="369606" spans="14:14">
      <c r="N369606" s="10"/>
    </row>
    <row r="369607" spans="14:14">
      <c r="N369607" s="10"/>
    </row>
    <row r="369608" spans="14:14">
      <c r="N369608" s="10"/>
    </row>
    <row r="369609" spans="14:14">
      <c r="N369609" s="10"/>
    </row>
    <row r="369610" spans="14:14">
      <c r="N369610" s="10"/>
    </row>
    <row r="369611" spans="14:14">
      <c r="N369611" s="10"/>
    </row>
    <row r="369612" spans="14:14">
      <c r="N369612" s="10"/>
    </row>
    <row r="369613" spans="14:14">
      <c r="N369613" s="10"/>
    </row>
    <row r="369614" spans="14:14">
      <c r="N369614" s="10"/>
    </row>
    <row r="369615" spans="14:14">
      <c r="N369615" s="10"/>
    </row>
    <row r="369616" spans="14:14">
      <c r="N369616" s="10"/>
    </row>
    <row r="369617" spans="14:14">
      <c r="N369617" s="10"/>
    </row>
    <row r="369618" spans="14:14">
      <c r="N369618" s="10"/>
    </row>
    <row r="369619" spans="14:14">
      <c r="N369619" s="10"/>
    </row>
    <row r="369620" spans="14:14">
      <c r="N369620" s="10"/>
    </row>
    <row r="369621" spans="14:14">
      <c r="N369621" s="10"/>
    </row>
    <row r="369622" spans="14:14">
      <c r="N369622" s="10"/>
    </row>
    <row r="369623" spans="14:14">
      <c r="N369623" s="10"/>
    </row>
    <row r="369624" spans="14:14">
      <c r="N369624" s="10"/>
    </row>
    <row r="369625" spans="14:14">
      <c r="N369625" s="10"/>
    </row>
    <row r="369626" spans="14:14">
      <c r="N369626" s="10"/>
    </row>
    <row r="369627" spans="14:14">
      <c r="N369627" s="10"/>
    </row>
    <row r="369628" spans="14:14">
      <c r="N369628" s="10"/>
    </row>
    <row r="369629" spans="14:14">
      <c r="N369629" s="10"/>
    </row>
    <row r="369630" spans="14:14">
      <c r="N369630" s="10"/>
    </row>
    <row r="369631" spans="14:14">
      <c r="N369631" s="10"/>
    </row>
    <row r="369632" spans="14:14">
      <c r="N369632" s="10"/>
    </row>
    <row r="369633" spans="14:14">
      <c r="N369633" s="10"/>
    </row>
    <row r="369634" spans="14:14">
      <c r="N369634" s="10"/>
    </row>
    <row r="369635" spans="14:14">
      <c r="N369635" s="10"/>
    </row>
    <row r="369636" spans="14:14">
      <c r="N369636" s="10"/>
    </row>
    <row r="369637" spans="14:14">
      <c r="N369637" s="10"/>
    </row>
    <row r="369638" spans="14:14">
      <c r="N369638" s="10"/>
    </row>
    <row r="369639" spans="14:14">
      <c r="N369639" s="10"/>
    </row>
    <row r="369640" spans="14:14">
      <c r="N369640" s="10"/>
    </row>
    <row r="369641" spans="14:14">
      <c r="N369641" s="10"/>
    </row>
    <row r="369642" spans="14:14">
      <c r="N369642" s="10"/>
    </row>
    <row r="369643" spans="14:14">
      <c r="N369643" s="10"/>
    </row>
    <row r="369644" spans="14:14">
      <c r="N369644" s="10"/>
    </row>
    <row r="369645" spans="14:14">
      <c r="N369645" s="10"/>
    </row>
    <row r="369646" spans="14:14">
      <c r="N369646" s="10"/>
    </row>
    <row r="369647" spans="14:14">
      <c r="N369647" s="10"/>
    </row>
    <row r="369648" spans="14:14">
      <c r="N369648" s="10"/>
    </row>
    <row r="369649" spans="14:14">
      <c r="N369649" s="10"/>
    </row>
    <row r="369650" spans="14:14">
      <c r="N369650" s="10"/>
    </row>
    <row r="369651" spans="14:14">
      <c r="N369651" s="10"/>
    </row>
    <row r="369652" spans="14:14">
      <c r="N369652" s="10"/>
    </row>
    <row r="369653" spans="14:14">
      <c r="N369653" s="10"/>
    </row>
    <row r="369654" spans="14:14">
      <c r="N369654" s="10"/>
    </row>
    <row r="369655" spans="14:14">
      <c r="N369655" s="10"/>
    </row>
    <row r="369656" spans="14:14">
      <c r="N369656" s="10"/>
    </row>
    <row r="369657" spans="14:14">
      <c r="N369657" s="10"/>
    </row>
    <row r="369658" spans="14:14">
      <c r="N369658" s="10"/>
    </row>
    <row r="369659" spans="14:14">
      <c r="N369659" s="10"/>
    </row>
    <row r="369660" spans="14:14">
      <c r="N369660" s="10"/>
    </row>
    <row r="369661" spans="14:14">
      <c r="N369661" s="10"/>
    </row>
    <row r="369662" spans="14:14">
      <c r="N369662" s="10"/>
    </row>
    <row r="369663" spans="14:14">
      <c r="N369663" s="10"/>
    </row>
    <row r="369664" spans="14:14">
      <c r="N369664" s="10"/>
    </row>
    <row r="369665" spans="14:14">
      <c r="N369665" s="10"/>
    </row>
    <row r="369666" spans="14:14">
      <c r="N369666" s="10"/>
    </row>
    <row r="369667" spans="14:14">
      <c r="N369667" s="10"/>
    </row>
    <row r="369668" spans="14:14">
      <c r="N369668" s="10"/>
    </row>
    <row r="369669" spans="14:14">
      <c r="N369669" s="10"/>
    </row>
    <row r="369670" spans="14:14">
      <c r="N369670" s="10"/>
    </row>
    <row r="369671" spans="14:14">
      <c r="N369671" s="10"/>
    </row>
    <row r="369672" spans="14:14">
      <c r="N369672" s="10"/>
    </row>
    <row r="369673" spans="14:14">
      <c r="N369673" s="10"/>
    </row>
    <row r="369674" spans="14:14">
      <c r="N369674" s="10"/>
    </row>
    <row r="369675" spans="14:14">
      <c r="N369675" s="10"/>
    </row>
    <row r="369676" spans="14:14">
      <c r="N369676" s="10"/>
    </row>
    <row r="369677" spans="14:14">
      <c r="N369677" s="10"/>
    </row>
    <row r="369678" spans="14:14">
      <c r="N369678" s="10"/>
    </row>
    <row r="369679" spans="14:14">
      <c r="N369679" s="10"/>
    </row>
    <row r="369680" spans="14:14">
      <c r="N369680" s="10"/>
    </row>
    <row r="369681" spans="14:14">
      <c r="N369681" s="10"/>
    </row>
    <row r="369682" spans="14:14">
      <c r="N369682" s="10"/>
    </row>
    <row r="369683" spans="14:14">
      <c r="N369683" s="10"/>
    </row>
    <row r="369684" spans="14:14">
      <c r="N369684" s="10"/>
    </row>
    <row r="369685" spans="14:14">
      <c r="N369685" s="10"/>
    </row>
    <row r="369686" spans="14:14">
      <c r="N369686" s="10"/>
    </row>
    <row r="369687" spans="14:14">
      <c r="N369687" s="10"/>
    </row>
    <row r="369688" spans="14:14">
      <c r="N369688" s="10"/>
    </row>
    <row r="369689" spans="14:14">
      <c r="N369689" s="10"/>
    </row>
    <row r="369690" spans="14:14">
      <c r="N369690" s="10"/>
    </row>
    <row r="369691" spans="14:14">
      <c r="N369691" s="10"/>
    </row>
    <row r="369692" spans="14:14">
      <c r="N369692" s="10"/>
    </row>
    <row r="369693" spans="14:14">
      <c r="N369693" s="10"/>
    </row>
    <row r="369694" spans="14:14">
      <c r="N369694" s="10"/>
    </row>
    <row r="369695" spans="14:14">
      <c r="N369695" s="10"/>
    </row>
    <row r="369696" spans="14:14">
      <c r="N369696" s="10"/>
    </row>
    <row r="369697" spans="14:14">
      <c r="N369697" s="10"/>
    </row>
    <row r="369698" spans="14:14">
      <c r="N369698" s="10"/>
    </row>
    <row r="369699" spans="14:14">
      <c r="N369699" s="10"/>
    </row>
    <row r="369700" spans="14:14">
      <c r="N369700" s="10"/>
    </row>
    <row r="369701" spans="14:14">
      <c r="N369701" s="10"/>
    </row>
    <row r="369702" spans="14:14">
      <c r="N369702" s="10"/>
    </row>
    <row r="369703" spans="14:14">
      <c r="N369703" s="10"/>
    </row>
    <row r="369704" spans="14:14">
      <c r="N369704" s="10"/>
    </row>
    <row r="369705" spans="14:14">
      <c r="N369705" s="10"/>
    </row>
    <row r="369706" spans="14:14">
      <c r="N369706" s="10"/>
    </row>
    <row r="369707" spans="14:14">
      <c r="N369707" s="10"/>
    </row>
    <row r="369708" spans="14:14">
      <c r="N369708" s="10"/>
    </row>
    <row r="369709" spans="14:14">
      <c r="N369709" s="10"/>
    </row>
    <row r="369710" spans="14:14">
      <c r="N369710" s="10"/>
    </row>
    <row r="369711" spans="14:14">
      <c r="N369711" s="10"/>
    </row>
    <row r="369712" spans="14:14">
      <c r="N369712" s="10"/>
    </row>
    <row r="369713" spans="14:14">
      <c r="N369713" s="10"/>
    </row>
    <row r="369714" spans="14:14">
      <c r="N369714" s="10"/>
    </row>
    <row r="369715" spans="14:14">
      <c r="N369715" s="10"/>
    </row>
    <row r="369716" spans="14:14">
      <c r="N369716" s="10"/>
    </row>
    <row r="369717" spans="14:14">
      <c r="N369717" s="10"/>
    </row>
    <row r="369718" spans="14:14">
      <c r="N369718" s="10"/>
    </row>
    <row r="369719" spans="14:14">
      <c r="N369719" s="10"/>
    </row>
    <row r="369720" spans="14:14">
      <c r="N369720" s="10"/>
    </row>
    <row r="369721" spans="14:14">
      <c r="N369721" s="10"/>
    </row>
    <row r="369722" spans="14:14">
      <c r="N369722" s="10"/>
    </row>
    <row r="369723" spans="14:14">
      <c r="N369723" s="10"/>
    </row>
    <row r="369724" spans="14:14">
      <c r="N369724" s="10"/>
    </row>
    <row r="369725" spans="14:14">
      <c r="N369725" s="10"/>
    </row>
    <row r="369726" spans="14:14">
      <c r="N369726" s="10"/>
    </row>
    <row r="369727" spans="14:14">
      <c r="N369727" s="10"/>
    </row>
    <row r="369728" spans="14:14">
      <c r="N369728" s="10"/>
    </row>
    <row r="369729" spans="14:14">
      <c r="N369729" s="10"/>
    </row>
    <row r="369730" spans="14:14">
      <c r="N369730" s="10"/>
    </row>
    <row r="369731" spans="14:14">
      <c r="N369731" s="10"/>
    </row>
    <row r="369732" spans="14:14">
      <c r="N369732" s="10"/>
    </row>
    <row r="369733" spans="14:14">
      <c r="N369733" s="10"/>
    </row>
    <row r="369734" spans="14:14">
      <c r="N369734" s="10"/>
    </row>
    <row r="369735" spans="14:14">
      <c r="N369735" s="10"/>
    </row>
    <row r="369736" spans="14:14">
      <c r="N369736" s="10"/>
    </row>
    <row r="369737" spans="14:14">
      <c r="N369737" s="10"/>
    </row>
    <row r="369738" spans="14:14">
      <c r="N369738" s="10"/>
    </row>
    <row r="369739" spans="14:14">
      <c r="N369739" s="10"/>
    </row>
    <row r="369740" spans="14:14">
      <c r="N369740" s="10"/>
    </row>
    <row r="369741" spans="14:14">
      <c r="N369741" s="10"/>
    </row>
    <row r="369742" spans="14:14">
      <c r="N369742" s="10"/>
    </row>
    <row r="369743" spans="14:14">
      <c r="N369743" s="10"/>
    </row>
    <row r="369744" spans="14:14">
      <c r="N369744" s="10"/>
    </row>
    <row r="369745" spans="14:14">
      <c r="N369745" s="10"/>
    </row>
    <row r="369746" spans="14:14">
      <c r="N369746" s="10"/>
    </row>
    <row r="369747" spans="14:14">
      <c r="N369747" s="10"/>
    </row>
    <row r="369748" spans="14:14">
      <c r="N369748" s="10"/>
    </row>
    <row r="369749" spans="14:14">
      <c r="N369749" s="10"/>
    </row>
    <row r="369750" spans="14:14">
      <c r="N369750" s="10"/>
    </row>
    <row r="369751" spans="14:14">
      <c r="N369751" s="10"/>
    </row>
    <row r="369752" spans="14:14">
      <c r="N369752" s="10"/>
    </row>
    <row r="369753" spans="14:14">
      <c r="N369753" s="10"/>
    </row>
    <row r="369754" spans="14:14">
      <c r="N369754" s="10"/>
    </row>
    <row r="369755" spans="14:14">
      <c r="N369755" s="10"/>
    </row>
    <row r="369756" spans="14:14">
      <c r="N369756" s="10"/>
    </row>
    <row r="369757" spans="14:14">
      <c r="N369757" s="10"/>
    </row>
    <row r="369758" spans="14:14">
      <c r="N369758" s="10"/>
    </row>
    <row r="369759" spans="14:14">
      <c r="N369759" s="10"/>
    </row>
    <row r="369760" spans="14:14">
      <c r="N369760" s="10"/>
    </row>
    <row r="369761" spans="14:14">
      <c r="N369761" s="10"/>
    </row>
    <row r="369762" spans="14:14">
      <c r="N369762" s="10"/>
    </row>
    <row r="369763" spans="14:14">
      <c r="N369763" s="10"/>
    </row>
    <row r="369764" spans="14:14">
      <c r="N369764" s="10"/>
    </row>
    <row r="369765" spans="14:14">
      <c r="N369765" s="10"/>
    </row>
    <row r="369766" spans="14:14">
      <c r="N369766" s="10"/>
    </row>
    <row r="369767" spans="14:14">
      <c r="N369767" s="10"/>
    </row>
    <row r="369768" spans="14:14">
      <c r="N369768" s="10"/>
    </row>
    <row r="369769" spans="14:14">
      <c r="N369769" s="10"/>
    </row>
    <row r="369770" spans="14:14">
      <c r="N369770" s="10"/>
    </row>
    <row r="369771" spans="14:14">
      <c r="N369771" s="10"/>
    </row>
    <row r="369772" spans="14:14">
      <c r="N369772" s="10"/>
    </row>
    <row r="369773" spans="14:14">
      <c r="N369773" s="10"/>
    </row>
    <row r="369774" spans="14:14">
      <c r="N369774" s="10"/>
    </row>
    <row r="369775" spans="14:14">
      <c r="N369775" s="10"/>
    </row>
    <row r="369776" spans="14:14">
      <c r="N369776" s="10"/>
    </row>
    <row r="369777" spans="14:14">
      <c r="N369777" s="10"/>
    </row>
    <row r="369778" spans="14:14">
      <c r="N369778" s="10"/>
    </row>
    <row r="369779" spans="14:14">
      <c r="N369779" s="10"/>
    </row>
    <row r="369780" spans="14:14">
      <c r="N369780" s="10"/>
    </row>
    <row r="369781" spans="14:14">
      <c r="N369781" s="10"/>
    </row>
    <row r="369782" spans="14:14">
      <c r="N369782" s="10"/>
    </row>
    <row r="369783" spans="14:14">
      <c r="N369783" s="10"/>
    </row>
    <row r="369784" spans="14:14">
      <c r="N369784" s="10"/>
    </row>
    <row r="369785" spans="14:14">
      <c r="N369785" s="10"/>
    </row>
    <row r="369786" spans="14:14">
      <c r="N369786" s="10"/>
    </row>
    <row r="369787" spans="14:14">
      <c r="N369787" s="10"/>
    </row>
    <row r="369788" spans="14:14">
      <c r="N369788" s="10"/>
    </row>
    <row r="369789" spans="14:14">
      <c r="N369789" s="10"/>
    </row>
    <row r="369790" spans="14:14">
      <c r="N369790" s="10"/>
    </row>
    <row r="369791" spans="14:14">
      <c r="N369791" s="10"/>
    </row>
    <row r="369792" spans="14:14">
      <c r="N369792" s="10"/>
    </row>
    <row r="369793" spans="14:14">
      <c r="N369793" s="10"/>
    </row>
    <row r="369794" spans="14:14">
      <c r="N369794" s="10"/>
    </row>
    <row r="369795" spans="14:14">
      <c r="N369795" s="10"/>
    </row>
    <row r="369796" spans="14:14">
      <c r="N369796" s="10"/>
    </row>
    <row r="369797" spans="14:14">
      <c r="N369797" s="10"/>
    </row>
    <row r="369798" spans="14:14">
      <c r="N369798" s="10"/>
    </row>
    <row r="369799" spans="14:14">
      <c r="N369799" s="10"/>
    </row>
    <row r="369800" spans="14:14">
      <c r="N369800" s="10"/>
    </row>
    <row r="369801" spans="14:14">
      <c r="N369801" s="10"/>
    </row>
    <row r="369802" spans="14:14">
      <c r="N369802" s="10"/>
    </row>
    <row r="369803" spans="14:14">
      <c r="N369803" s="10"/>
    </row>
    <row r="369804" spans="14:14">
      <c r="N369804" s="10"/>
    </row>
    <row r="369805" spans="14:14">
      <c r="N369805" s="10"/>
    </row>
    <row r="369806" spans="14:14">
      <c r="N369806" s="10"/>
    </row>
    <row r="369807" spans="14:14">
      <c r="N369807" s="10"/>
    </row>
    <row r="369808" spans="14:14">
      <c r="N369808" s="10"/>
    </row>
    <row r="369809" spans="14:14">
      <c r="N369809" s="10"/>
    </row>
    <row r="369810" spans="14:14">
      <c r="N369810" s="10"/>
    </row>
    <row r="369811" spans="14:14">
      <c r="N369811" s="10"/>
    </row>
    <row r="369812" spans="14:14">
      <c r="N369812" s="10"/>
    </row>
    <row r="369813" spans="14:14">
      <c r="N369813" s="10"/>
    </row>
    <row r="369814" spans="14:14">
      <c r="N369814" s="10"/>
    </row>
    <row r="369815" spans="14:14">
      <c r="N369815" s="10"/>
    </row>
    <row r="369816" spans="14:14">
      <c r="N369816" s="10"/>
    </row>
    <row r="369817" spans="14:14">
      <c r="N369817" s="10"/>
    </row>
    <row r="369818" spans="14:14">
      <c r="N369818" s="10"/>
    </row>
    <row r="369819" spans="14:14">
      <c r="N369819" s="10"/>
    </row>
    <row r="369820" spans="14:14">
      <c r="N369820" s="10"/>
    </row>
    <row r="369821" spans="14:14">
      <c r="N369821" s="10"/>
    </row>
    <row r="369822" spans="14:14">
      <c r="N369822" s="10"/>
    </row>
    <row r="369823" spans="14:14">
      <c r="N369823" s="10"/>
    </row>
    <row r="369824" spans="14:14">
      <c r="N369824" s="10"/>
    </row>
    <row r="369825" spans="14:14">
      <c r="N369825" s="10"/>
    </row>
    <row r="369826" spans="14:14">
      <c r="N369826" s="10"/>
    </row>
    <row r="369827" spans="14:14">
      <c r="N369827" s="10"/>
    </row>
    <row r="369828" spans="14:14">
      <c r="N369828" s="10"/>
    </row>
    <row r="369829" spans="14:14">
      <c r="N369829" s="10"/>
    </row>
    <row r="369830" spans="14:14">
      <c r="N369830" s="10"/>
    </row>
    <row r="369831" spans="14:14">
      <c r="N369831" s="10"/>
    </row>
    <row r="369832" spans="14:14">
      <c r="N369832" s="10"/>
    </row>
    <row r="369833" spans="14:14">
      <c r="N369833" s="10"/>
    </row>
    <row r="369834" spans="14:14">
      <c r="N369834" s="10"/>
    </row>
    <row r="369835" spans="14:14">
      <c r="N369835" s="10"/>
    </row>
    <row r="369836" spans="14:14">
      <c r="N369836" s="10"/>
    </row>
    <row r="369837" spans="14:14">
      <c r="N369837" s="10"/>
    </row>
    <row r="369838" spans="14:14">
      <c r="N369838" s="10"/>
    </row>
    <row r="369839" spans="14:14">
      <c r="N369839" s="10"/>
    </row>
    <row r="369840" spans="14:14">
      <c r="N369840" s="10"/>
    </row>
    <row r="369841" spans="14:14">
      <c r="N369841" s="10"/>
    </row>
    <row r="369842" spans="14:14">
      <c r="N369842" s="10"/>
    </row>
    <row r="369843" spans="14:14">
      <c r="N369843" s="10"/>
    </row>
    <row r="369844" spans="14:14">
      <c r="N369844" s="10"/>
    </row>
    <row r="369845" spans="14:14">
      <c r="N369845" s="10"/>
    </row>
    <row r="369846" spans="14:14">
      <c r="N369846" s="10"/>
    </row>
    <row r="369847" spans="14:14">
      <c r="N369847" s="10"/>
    </row>
    <row r="369848" spans="14:14">
      <c r="N369848" s="10"/>
    </row>
    <row r="369849" spans="14:14">
      <c r="N369849" s="10"/>
    </row>
    <row r="369850" spans="14:14">
      <c r="N369850" s="10"/>
    </row>
    <row r="369851" spans="14:14">
      <c r="N369851" s="10"/>
    </row>
    <row r="369852" spans="14:14">
      <c r="N369852" s="10"/>
    </row>
    <row r="369853" spans="14:14">
      <c r="N369853" s="10"/>
    </row>
    <row r="369854" spans="14:14">
      <c r="N369854" s="10"/>
    </row>
    <row r="369855" spans="14:14">
      <c r="N369855" s="10"/>
    </row>
    <row r="369856" spans="14:14">
      <c r="N369856" s="10"/>
    </row>
    <row r="369857" spans="14:14">
      <c r="N369857" s="10"/>
    </row>
    <row r="369858" spans="14:14">
      <c r="N369858" s="10"/>
    </row>
    <row r="369859" spans="14:14">
      <c r="N369859" s="10"/>
    </row>
    <row r="369860" spans="14:14">
      <c r="N369860" s="10"/>
    </row>
    <row r="369861" spans="14:14">
      <c r="N369861" s="10"/>
    </row>
    <row r="369862" spans="14:14">
      <c r="N369862" s="10"/>
    </row>
    <row r="369863" spans="14:14">
      <c r="N369863" s="10"/>
    </row>
    <row r="369864" spans="14:14">
      <c r="N369864" s="10"/>
    </row>
    <row r="369865" spans="14:14">
      <c r="N369865" s="10"/>
    </row>
    <row r="369866" spans="14:14">
      <c r="N369866" s="10"/>
    </row>
    <row r="369867" spans="14:14">
      <c r="N369867" s="10"/>
    </row>
    <row r="369868" spans="14:14">
      <c r="N369868" s="10"/>
    </row>
    <row r="369869" spans="14:14">
      <c r="N369869" s="10"/>
    </row>
    <row r="369870" spans="14:14">
      <c r="N369870" s="10"/>
    </row>
    <row r="369871" spans="14:14">
      <c r="N369871" s="10"/>
    </row>
    <row r="369872" spans="14:14">
      <c r="N369872" s="10"/>
    </row>
    <row r="369873" spans="14:14">
      <c r="N369873" s="10"/>
    </row>
    <row r="369874" spans="14:14">
      <c r="N369874" s="10"/>
    </row>
    <row r="369875" spans="14:14">
      <c r="N369875" s="10"/>
    </row>
    <row r="369876" spans="14:14">
      <c r="N369876" s="10"/>
    </row>
    <row r="369877" spans="14:14">
      <c r="N369877" s="10"/>
    </row>
    <row r="369878" spans="14:14">
      <c r="N369878" s="10"/>
    </row>
    <row r="369879" spans="14:14">
      <c r="N369879" s="10"/>
    </row>
    <row r="369880" spans="14:14">
      <c r="N369880" s="10"/>
    </row>
    <row r="369881" spans="14:14">
      <c r="N369881" s="10"/>
    </row>
    <row r="369882" spans="14:14">
      <c r="N369882" s="10"/>
    </row>
    <row r="369883" spans="14:14">
      <c r="N369883" s="10"/>
    </row>
    <row r="369884" spans="14:14">
      <c r="N369884" s="10"/>
    </row>
    <row r="369885" spans="14:14">
      <c r="N369885" s="10"/>
    </row>
    <row r="369886" spans="14:14">
      <c r="N369886" s="10"/>
    </row>
    <row r="369887" spans="14:14">
      <c r="N369887" s="10"/>
    </row>
    <row r="369888" spans="14:14">
      <c r="N369888" s="10"/>
    </row>
    <row r="369889" spans="14:14">
      <c r="N369889" s="10"/>
    </row>
    <row r="369890" spans="14:14">
      <c r="N369890" s="10"/>
    </row>
    <row r="369891" spans="14:14">
      <c r="N369891" s="10"/>
    </row>
    <row r="369892" spans="14:14">
      <c r="N369892" s="10"/>
    </row>
    <row r="369893" spans="14:14">
      <c r="N369893" s="10"/>
    </row>
    <row r="369894" spans="14:14">
      <c r="N369894" s="10"/>
    </row>
    <row r="369895" spans="14:14">
      <c r="N369895" s="10"/>
    </row>
    <row r="369896" spans="14:14">
      <c r="N369896" s="10"/>
    </row>
    <row r="369897" spans="14:14">
      <c r="N369897" s="10"/>
    </row>
    <row r="369898" spans="14:14">
      <c r="N369898" s="10"/>
    </row>
    <row r="369899" spans="14:14">
      <c r="N369899" s="10"/>
    </row>
    <row r="369900" spans="14:14">
      <c r="N369900" s="10"/>
    </row>
    <row r="369901" spans="14:14">
      <c r="N369901" s="10"/>
    </row>
    <row r="369902" spans="14:14">
      <c r="N369902" s="10"/>
    </row>
    <row r="369903" spans="14:14">
      <c r="N369903" s="10"/>
    </row>
    <row r="369904" spans="14:14">
      <c r="N369904" s="10"/>
    </row>
    <row r="369905" spans="14:14">
      <c r="N369905" s="10"/>
    </row>
    <row r="369906" spans="14:14">
      <c r="N369906" s="10"/>
    </row>
    <row r="369907" spans="14:14">
      <c r="N369907" s="10"/>
    </row>
    <row r="369908" spans="14:14">
      <c r="N369908" s="10"/>
    </row>
    <row r="369909" spans="14:14">
      <c r="N369909" s="10"/>
    </row>
    <row r="369910" spans="14:14">
      <c r="N369910" s="10"/>
    </row>
    <row r="369911" spans="14:14">
      <c r="N369911" s="10"/>
    </row>
    <row r="369912" spans="14:14">
      <c r="N369912" s="10"/>
    </row>
    <row r="369913" spans="14:14">
      <c r="N369913" s="10"/>
    </row>
    <row r="369914" spans="14:14">
      <c r="N369914" s="10"/>
    </row>
    <row r="369915" spans="14:14">
      <c r="N369915" s="10"/>
    </row>
    <row r="369916" spans="14:14">
      <c r="N369916" s="10"/>
    </row>
    <row r="369917" spans="14:14">
      <c r="N369917" s="10"/>
    </row>
    <row r="369918" spans="14:14">
      <c r="N369918" s="10"/>
    </row>
    <row r="369919" spans="14:14">
      <c r="N369919" s="10"/>
    </row>
    <row r="369920" spans="14:14">
      <c r="N369920" s="10"/>
    </row>
    <row r="369921" spans="14:14">
      <c r="N369921" s="10"/>
    </row>
    <row r="369922" spans="14:14">
      <c r="N369922" s="10"/>
    </row>
    <row r="369923" spans="14:14">
      <c r="N369923" s="10"/>
    </row>
    <row r="369924" spans="14:14">
      <c r="N369924" s="10"/>
    </row>
    <row r="369925" spans="14:14">
      <c r="N369925" s="10"/>
    </row>
    <row r="369926" spans="14:14">
      <c r="N369926" s="10"/>
    </row>
    <row r="369927" spans="14:14">
      <c r="N369927" s="10"/>
    </row>
    <row r="369928" spans="14:14">
      <c r="N369928" s="10"/>
    </row>
    <row r="369929" spans="14:14">
      <c r="N369929" s="10"/>
    </row>
    <row r="369930" spans="14:14">
      <c r="N369930" s="10"/>
    </row>
    <row r="369931" spans="14:14">
      <c r="N369931" s="10"/>
    </row>
    <row r="369932" spans="14:14">
      <c r="N369932" s="10"/>
    </row>
    <row r="369933" spans="14:14">
      <c r="N369933" s="10"/>
    </row>
    <row r="369934" spans="14:14">
      <c r="N369934" s="10"/>
    </row>
    <row r="369935" spans="14:14">
      <c r="N369935" s="10"/>
    </row>
    <row r="369936" spans="14:14">
      <c r="N369936" s="10"/>
    </row>
    <row r="369937" spans="14:14">
      <c r="N369937" s="10"/>
    </row>
    <row r="369938" spans="14:14">
      <c r="N369938" s="10"/>
    </row>
    <row r="369939" spans="14:14">
      <c r="N369939" s="10"/>
    </row>
    <row r="369940" spans="14:14">
      <c r="N369940" s="10"/>
    </row>
    <row r="369941" spans="14:14">
      <c r="N369941" s="10"/>
    </row>
    <row r="369942" spans="14:14">
      <c r="N369942" s="10"/>
    </row>
    <row r="369943" spans="14:14">
      <c r="N369943" s="10"/>
    </row>
    <row r="369944" spans="14:14">
      <c r="N369944" s="10"/>
    </row>
    <row r="369945" spans="14:14">
      <c r="N369945" s="10"/>
    </row>
    <row r="369946" spans="14:14">
      <c r="N369946" s="10"/>
    </row>
    <row r="369947" spans="14:14">
      <c r="N369947" s="10"/>
    </row>
    <row r="369948" spans="14:14">
      <c r="N369948" s="10"/>
    </row>
    <row r="369949" spans="14:14">
      <c r="N369949" s="10"/>
    </row>
    <row r="369950" spans="14:14">
      <c r="N369950" s="10"/>
    </row>
    <row r="369951" spans="14:14">
      <c r="N369951" s="10"/>
    </row>
    <row r="369952" spans="14:14">
      <c r="N369952" s="10"/>
    </row>
    <row r="369953" spans="14:14">
      <c r="N369953" s="10"/>
    </row>
    <row r="369954" spans="14:14">
      <c r="N369954" s="10"/>
    </row>
    <row r="369955" spans="14:14">
      <c r="N369955" s="10"/>
    </row>
    <row r="369956" spans="14:14">
      <c r="N369956" s="10"/>
    </row>
    <row r="369957" spans="14:14">
      <c r="N369957" s="10"/>
    </row>
    <row r="369958" spans="14:14">
      <c r="N369958" s="10"/>
    </row>
    <row r="369959" spans="14:14">
      <c r="N369959" s="10"/>
    </row>
    <row r="369960" spans="14:14">
      <c r="N369960" s="10"/>
    </row>
    <row r="369961" spans="14:14">
      <c r="N369961" s="10"/>
    </row>
    <row r="369962" spans="14:14">
      <c r="N369962" s="10"/>
    </row>
    <row r="369963" spans="14:14">
      <c r="N369963" s="10"/>
    </row>
    <row r="369964" spans="14:14">
      <c r="N369964" s="10"/>
    </row>
    <row r="369965" spans="14:14">
      <c r="N369965" s="10"/>
    </row>
    <row r="369966" spans="14:14">
      <c r="N369966" s="10"/>
    </row>
    <row r="369967" spans="14:14">
      <c r="N369967" s="10"/>
    </row>
    <row r="369968" spans="14:14">
      <c r="N369968" s="10"/>
    </row>
    <row r="369969" spans="14:14">
      <c r="N369969" s="10"/>
    </row>
    <row r="369970" spans="14:14">
      <c r="N369970" s="10"/>
    </row>
    <row r="369971" spans="14:14">
      <c r="N369971" s="10"/>
    </row>
    <row r="369972" spans="14:14">
      <c r="N369972" s="10"/>
    </row>
    <row r="369973" spans="14:14">
      <c r="N369973" s="10"/>
    </row>
    <row r="369974" spans="14:14">
      <c r="N369974" s="10"/>
    </row>
    <row r="369975" spans="14:14">
      <c r="N369975" s="10"/>
    </row>
    <row r="369976" spans="14:14">
      <c r="N369976" s="10"/>
    </row>
    <row r="369977" spans="14:14">
      <c r="N369977" s="10"/>
    </row>
    <row r="369978" spans="14:14">
      <c r="N369978" s="10"/>
    </row>
    <row r="369979" spans="14:14">
      <c r="N369979" s="10"/>
    </row>
    <row r="369980" spans="14:14">
      <c r="N369980" s="10"/>
    </row>
    <row r="369981" spans="14:14">
      <c r="N369981" s="10"/>
    </row>
    <row r="369982" spans="14:14">
      <c r="N369982" s="10"/>
    </row>
    <row r="369983" spans="14:14">
      <c r="N369983" s="10"/>
    </row>
    <row r="369984" spans="14:14">
      <c r="N369984" s="10"/>
    </row>
    <row r="369985" spans="14:14">
      <c r="N369985" s="10"/>
    </row>
    <row r="369986" spans="14:14">
      <c r="N369986" s="10"/>
    </row>
    <row r="369987" spans="14:14">
      <c r="N369987" s="10"/>
    </row>
    <row r="369988" spans="14:14">
      <c r="N369988" s="10"/>
    </row>
    <row r="369989" spans="14:14">
      <c r="N369989" s="10"/>
    </row>
    <row r="369990" spans="14:14">
      <c r="N369990" s="10"/>
    </row>
    <row r="369991" spans="14:14">
      <c r="N369991" s="10"/>
    </row>
    <row r="369992" spans="14:14">
      <c r="N369992" s="10"/>
    </row>
    <row r="369993" spans="14:14">
      <c r="N369993" s="10"/>
    </row>
    <row r="369994" spans="14:14">
      <c r="N369994" s="10"/>
    </row>
    <row r="369995" spans="14:14">
      <c r="N369995" s="10"/>
    </row>
    <row r="369996" spans="14:14">
      <c r="N369996" s="10"/>
    </row>
    <row r="369997" spans="14:14">
      <c r="N369997" s="10"/>
    </row>
    <row r="369998" spans="14:14">
      <c r="N369998" s="10"/>
    </row>
    <row r="369999" spans="14:14">
      <c r="N369999" s="10"/>
    </row>
    <row r="370000" spans="14:14">
      <c r="N370000" s="10"/>
    </row>
    <row r="370001" spans="14:14">
      <c r="N370001" s="10"/>
    </row>
    <row r="370002" spans="14:14">
      <c r="N370002" s="10"/>
    </row>
    <row r="370003" spans="14:14">
      <c r="N370003" s="10"/>
    </row>
    <row r="370004" spans="14:14">
      <c r="N370004" s="10"/>
    </row>
    <row r="370005" spans="14:14">
      <c r="N370005" s="10"/>
    </row>
    <row r="370006" spans="14:14">
      <c r="N370006" s="10"/>
    </row>
    <row r="370007" spans="14:14">
      <c r="N370007" s="10"/>
    </row>
    <row r="370008" spans="14:14">
      <c r="N370008" s="10"/>
    </row>
    <row r="370009" spans="14:14">
      <c r="N370009" s="10"/>
    </row>
    <row r="370010" spans="14:14">
      <c r="N370010" s="10"/>
    </row>
    <row r="370011" spans="14:14">
      <c r="N370011" s="10"/>
    </row>
    <row r="370012" spans="14:14">
      <c r="N370012" s="10"/>
    </row>
    <row r="370013" spans="14:14">
      <c r="N370013" s="10"/>
    </row>
    <row r="370014" spans="14:14">
      <c r="N370014" s="10"/>
    </row>
    <row r="370015" spans="14:14">
      <c r="N370015" s="10"/>
    </row>
    <row r="370016" spans="14:14">
      <c r="N370016" s="10"/>
    </row>
    <row r="370017" spans="14:14">
      <c r="N370017" s="10"/>
    </row>
    <row r="370018" spans="14:14">
      <c r="N370018" s="10"/>
    </row>
    <row r="370019" spans="14:14">
      <c r="N370019" s="10"/>
    </row>
    <row r="370020" spans="14:14">
      <c r="N370020" s="10"/>
    </row>
    <row r="370021" spans="14:14">
      <c r="N370021" s="10"/>
    </row>
    <row r="370022" spans="14:14">
      <c r="N370022" s="10"/>
    </row>
    <row r="370023" spans="14:14">
      <c r="N370023" s="10"/>
    </row>
    <row r="370024" spans="14:14">
      <c r="N370024" s="10"/>
    </row>
    <row r="370025" spans="14:14">
      <c r="N370025" s="10"/>
    </row>
    <row r="370026" spans="14:14">
      <c r="N370026" s="10"/>
    </row>
    <row r="370027" spans="14:14">
      <c r="N370027" s="10"/>
    </row>
    <row r="370028" spans="14:14">
      <c r="N370028" s="10"/>
    </row>
    <row r="370029" spans="14:14">
      <c r="N370029" s="10"/>
    </row>
    <row r="370030" spans="14:14">
      <c r="N370030" s="10"/>
    </row>
    <row r="370031" spans="14:14">
      <c r="N370031" s="10"/>
    </row>
    <row r="370032" spans="14:14">
      <c r="N370032" s="10"/>
    </row>
    <row r="370033" spans="14:14">
      <c r="N370033" s="10"/>
    </row>
    <row r="370034" spans="14:14">
      <c r="N370034" s="10"/>
    </row>
    <row r="370035" spans="14:14">
      <c r="N370035" s="10"/>
    </row>
    <row r="370036" spans="14:14">
      <c r="N370036" s="10"/>
    </row>
    <row r="370037" spans="14:14">
      <c r="N370037" s="10"/>
    </row>
    <row r="370038" spans="14:14">
      <c r="N370038" s="10"/>
    </row>
    <row r="370039" spans="14:14">
      <c r="N370039" s="10"/>
    </row>
    <row r="370040" spans="14:14">
      <c r="N370040" s="10"/>
    </row>
    <row r="370041" spans="14:14">
      <c r="N370041" s="10"/>
    </row>
    <row r="370042" spans="14:14">
      <c r="N370042" s="10"/>
    </row>
    <row r="370043" spans="14:14">
      <c r="N370043" s="10"/>
    </row>
    <row r="370044" spans="14:14">
      <c r="N370044" s="10"/>
    </row>
    <row r="370045" spans="14:14">
      <c r="N370045" s="10"/>
    </row>
    <row r="370046" spans="14:14">
      <c r="N370046" s="10"/>
    </row>
    <row r="370047" spans="14:14">
      <c r="N370047" s="10"/>
    </row>
    <row r="370048" spans="14:14">
      <c r="N370048" s="10"/>
    </row>
    <row r="370049" spans="14:14">
      <c r="N370049" s="10"/>
    </row>
    <row r="370050" spans="14:14">
      <c r="N370050" s="10"/>
    </row>
    <row r="370051" spans="14:14">
      <c r="N370051" s="10"/>
    </row>
    <row r="370052" spans="14:14">
      <c r="N370052" s="10"/>
    </row>
    <row r="370053" spans="14:14">
      <c r="N370053" s="10"/>
    </row>
    <row r="370054" spans="14:14">
      <c r="N370054" s="10"/>
    </row>
    <row r="370055" spans="14:14">
      <c r="N370055" s="10"/>
    </row>
    <row r="370056" spans="14:14">
      <c r="N370056" s="10"/>
    </row>
    <row r="370057" spans="14:14">
      <c r="N370057" s="10"/>
    </row>
    <row r="370058" spans="14:14">
      <c r="N370058" s="10"/>
    </row>
    <row r="370059" spans="14:14">
      <c r="N370059" s="10"/>
    </row>
    <row r="370060" spans="14:14">
      <c r="N370060" s="10"/>
    </row>
    <row r="370061" spans="14:14">
      <c r="N370061" s="10"/>
    </row>
    <row r="370062" spans="14:14">
      <c r="N370062" s="10"/>
    </row>
    <row r="370063" spans="14:14">
      <c r="N370063" s="10"/>
    </row>
    <row r="370064" spans="14:14">
      <c r="N370064" s="10"/>
    </row>
    <row r="370065" spans="14:14">
      <c r="N370065" s="10"/>
    </row>
    <row r="370066" spans="14:14">
      <c r="N370066" s="10"/>
    </row>
    <row r="370067" spans="14:14">
      <c r="N370067" s="10"/>
    </row>
    <row r="370068" spans="14:14">
      <c r="N370068" s="10"/>
    </row>
    <row r="370069" spans="14:14">
      <c r="N370069" s="10"/>
    </row>
    <row r="370070" spans="14:14">
      <c r="N370070" s="10"/>
    </row>
    <row r="370071" spans="14:14">
      <c r="N370071" s="10"/>
    </row>
    <row r="370072" spans="14:14">
      <c r="N370072" s="10"/>
    </row>
    <row r="370073" spans="14:14">
      <c r="N370073" s="10"/>
    </row>
    <row r="370074" spans="14:14">
      <c r="N370074" s="10"/>
    </row>
    <row r="370075" spans="14:14">
      <c r="N370075" s="10"/>
    </row>
    <row r="370076" spans="14:14">
      <c r="N370076" s="10"/>
    </row>
    <row r="370077" spans="14:14">
      <c r="N370077" s="10"/>
    </row>
    <row r="370078" spans="14:14">
      <c r="N370078" s="10"/>
    </row>
    <row r="370079" spans="14:14">
      <c r="N370079" s="10"/>
    </row>
    <row r="370080" spans="14:14">
      <c r="N370080" s="10"/>
    </row>
    <row r="370081" spans="14:14">
      <c r="N370081" s="10"/>
    </row>
    <row r="370082" spans="14:14">
      <c r="N370082" s="10"/>
    </row>
    <row r="370083" spans="14:14">
      <c r="N370083" s="10"/>
    </row>
    <row r="370084" spans="14:14">
      <c r="N370084" s="10"/>
    </row>
    <row r="370085" spans="14:14">
      <c r="N370085" s="10"/>
    </row>
    <row r="370086" spans="14:14">
      <c r="N370086" s="10"/>
    </row>
    <row r="370087" spans="14:14">
      <c r="N370087" s="10"/>
    </row>
    <row r="370088" spans="14:14">
      <c r="N370088" s="10"/>
    </row>
    <row r="370089" spans="14:14">
      <c r="N370089" s="10"/>
    </row>
    <row r="370090" spans="14:14">
      <c r="N370090" s="10"/>
    </row>
    <row r="370091" spans="14:14">
      <c r="N370091" s="10"/>
    </row>
    <row r="370092" spans="14:14">
      <c r="N370092" s="10"/>
    </row>
    <row r="370093" spans="14:14">
      <c r="N370093" s="10"/>
    </row>
    <row r="370094" spans="14:14">
      <c r="N370094" s="10"/>
    </row>
    <row r="370095" spans="14:14">
      <c r="N370095" s="10"/>
    </row>
    <row r="370096" spans="14:14">
      <c r="N370096" s="10"/>
    </row>
    <row r="370097" spans="14:14">
      <c r="N370097" s="10"/>
    </row>
    <row r="370098" spans="14:14">
      <c r="N370098" s="10"/>
    </row>
    <row r="370099" spans="14:14">
      <c r="N370099" s="10"/>
    </row>
    <row r="370100" spans="14:14">
      <c r="N370100" s="10"/>
    </row>
    <row r="370101" spans="14:14">
      <c r="N370101" s="10"/>
    </row>
    <row r="370102" spans="14:14">
      <c r="N370102" s="10"/>
    </row>
    <row r="370103" spans="14:14">
      <c r="N370103" s="10"/>
    </row>
    <row r="370104" spans="14:14">
      <c r="N370104" s="10"/>
    </row>
    <row r="370105" spans="14:14">
      <c r="N370105" s="10"/>
    </row>
    <row r="370106" spans="14:14">
      <c r="N370106" s="10"/>
    </row>
    <row r="370107" spans="14:14">
      <c r="N370107" s="10"/>
    </row>
    <row r="370108" spans="14:14">
      <c r="N370108" s="10"/>
    </row>
    <row r="370109" spans="14:14">
      <c r="N370109" s="10"/>
    </row>
    <row r="370110" spans="14:14">
      <c r="N370110" s="10"/>
    </row>
    <row r="370111" spans="14:14">
      <c r="N370111" s="10"/>
    </row>
    <row r="370112" spans="14:14">
      <c r="N370112" s="10"/>
    </row>
    <row r="370113" spans="14:14">
      <c r="N370113" s="10"/>
    </row>
    <row r="370114" spans="14:14">
      <c r="N370114" s="10"/>
    </row>
    <row r="370115" spans="14:14">
      <c r="N370115" s="10"/>
    </row>
    <row r="370116" spans="14:14">
      <c r="N370116" s="10"/>
    </row>
    <row r="370117" spans="14:14">
      <c r="N370117" s="10"/>
    </row>
    <row r="370118" spans="14:14">
      <c r="N370118" s="10"/>
    </row>
    <row r="370119" spans="14:14">
      <c r="N370119" s="10"/>
    </row>
    <row r="370120" spans="14:14">
      <c r="N370120" s="10"/>
    </row>
    <row r="370121" spans="14:14">
      <c r="N370121" s="10"/>
    </row>
    <row r="370122" spans="14:14">
      <c r="N370122" s="10"/>
    </row>
    <row r="370123" spans="14:14">
      <c r="N370123" s="10"/>
    </row>
    <row r="370124" spans="14:14">
      <c r="N370124" s="10"/>
    </row>
    <row r="370125" spans="14:14">
      <c r="N370125" s="10"/>
    </row>
    <row r="370126" spans="14:14">
      <c r="N370126" s="10"/>
    </row>
    <row r="370127" spans="14:14">
      <c r="N370127" s="10"/>
    </row>
    <row r="370128" spans="14:14">
      <c r="N370128" s="10"/>
    </row>
    <row r="370129" spans="14:14">
      <c r="N370129" s="10"/>
    </row>
    <row r="370130" spans="14:14">
      <c r="N370130" s="10"/>
    </row>
    <row r="370131" spans="14:14">
      <c r="N370131" s="10"/>
    </row>
    <row r="370132" spans="14:14">
      <c r="N370132" s="10"/>
    </row>
    <row r="370133" spans="14:14">
      <c r="N370133" s="10"/>
    </row>
    <row r="370134" spans="14:14">
      <c r="N370134" s="10"/>
    </row>
    <row r="370135" spans="14:14">
      <c r="N370135" s="10"/>
    </row>
    <row r="370136" spans="14:14">
      <c r="N370136" s="10"/>
    </row>
    <row r="370137" spans="14:14">
      <c r="N370137" s="10"/>
    </row>
    <row r="370138" spans="14:14">
      <c r="N370138" s="10"/>
    </row>
    <row r="370139" spans="14:14">
      <c r="N370139" s="10"/>
    </row>
    <row r="370140" spans="14:14">
      <c r="N370140" s="10"/>
    </row>
    <row r="370141" spans="14:14">
      <c r="N370141" s="10"/>
    </row>
    <row r="370142" spans="14:14">
      <c r="N370142" s="10"/>
    </row>
    <row r="370143" spans="14:14">
      <c r="N370143" s="10"/>
    </row>
    <row r="370144" spans="14:14">
      <c r="N370144" s="10"/>
    </row>
    <row r="370145" spans="14:14">
      <c r="N370145" s="10"/>
    </row>
    <row r="370146" spans="14:14">
      <c r="N370146" s="10"/>
    </row>
    <row r="370147" spans="14:14">
      <c r="N370147" s="10"/>
    </row>
    <row r="370148" spans="14:14">
      <c r="N370148" s="10"/>
    </row>
    <row r="370149" spans="14:14">
      <c r="N370149" s="10"/>
    </row>
    <row r="370150" spans="14:14">
      <c r="N370150" s="10"/>
    </row>
    <row r="370151" spans="14:14">
      <c r="N370151" s="10"/>
    </row>
    <row r="370152" spans="14:14">
      <c r="N370152" s="10"/>
    </row>
    <row r="370153" spans="14:14">
      <c r="N370153" s="10"/>
    </row>
    <row r="370154" spans="14:14">
      <c r="N370154" s="10"/>
    </row>
    <row r="370155" spans="14:14">
      <c r="N370155" s="10"/>
    </row>
    <row r="370156" spans="14:14">
      <c r="N370156" s="10"/>
    </row>
    <row r="370157" spans="14:14">
      <c r="N370157" s="10"/>
    </row>
    <row r="370158" spans="14:14">
      <c r="N370158" s="10"/>
    </row>
    <row r="370159" spans="14:14">
      <c r="N370159" s="10"/>
    </row>
    <row r="370160" spans="14:14">
      <c r="N370160" s="10"/>
    </row>
    <row r="370161" spans="14:14">
      <c r="N370161" s="10"/>
    </row>
    <row r="370162" spans="14:14">
      <c r="N370162" s="10"/>
    </row>
    <row r="370163" spans="14:14">
      <c r="N370163" s="10"/>
    </row>
    <row r="370164" spans="14:14">
      <c r="N370164" s="10"/>
    </row>
    <row r="370165" spans="14:14">
      <c r="N370165" s="10"/>
    </row>
    <row r="370166" spans="14:14">
      <c r="N370166" s="10"/>
    </row>
    <row r="370167" spans="14:14">
      <c r="N370167" s="10"/>
    </row>
    <row r="370168" spans="14:14">
      <c r="N370168" s="10"/>
    </row>
    <row r="370169" spans="14:14">
      <c r="N370169" s="10"/>
    </row>
    <row r="370170" spans="14:14">
      <c r="N370170" s="10"/>
    </row>
    <row r="370171" spans="14:14">
      <c r="N370171" s="10"/>
    </row>
    <row r="370172" spans="14:14">
      <c r="N370172" s="10"/>
    </row>
    <row r="370173" spans="14:14">
      <c r="N370173" s="10"/>
    </row>
    <row r="370174" spans="14:14">
      <c r="N370174" s="10"/>
    </row>
    <row r="370175" spans="14:14">
      <c r="N370175" s="10"/>
    </row>
    <row r="370176" spans="14:14">
      <c r="N370176" s="10"/>
    </row>
    <row r="370177" spans="14:14">
      <c r="N370177" s="10"/>
    </row>
    <row r="370178" spans="14:14">
      <c r="N370178" s="10"/>
    </row>
    <row r="370179" spans="14:14">
      <c r="N370179" s="10"/>
    </row>
    <row r="370180" spans="14:14">
      <c r="N370180" s="10"/>
    </row>
    <row r="370181" spans="14:14">
      <c r="N370181" s="10"/>
    </row>
    <row r="370182" spans="14:14">
      <c r="N370182" s="10"/>
    </row>
    <row r="370183" spans="14:14">
      <c r="N370183" s="10"/>
    </row>
    <row r="370184" spans="14:14">
      <c r="N370184" s="10"/>
    </row>
    <row r="370185" spans="14:14">
      <c r="N370185" s="10"/>
    </row>
    <row r="370186" spans="14:14">
      <c r="N370186" s="10"/>
    </row>
    <row r="370187" spans="14:14">
      <c r="N370187" s="10"/>
    </row>
    <row r="370188" spans="14:14">
      <c r="N370188" s="10"/>
    </row>
    <row r="370189" spans="14:14">
      <c r="N370189" s="10"/>
    </row>
    <row r="370190" spans="14:14">
      <c r="N370190" s="10"/>
    </row>
    <row r="370191" spans="14:14">
      <c r="N370191" s="10"/>
    </row>
    <row r="370192" spans="14:14">
      <c r="N370192" s="10"/>
    </row>
    <row r="370193" spans="14:14">
      <c r="N370193" s="10"/>
    </row>
    <row r="370194" spans="14:14">
      <c r="N370194" s="10"/>
    </row>
    <row r="370195" spans="14:14">
      <c r="N370195" s="10"/>
    </row>
    <row r="370196" spans="14:14">
      <c r="N370196" s="10"/>
    </row>
    <row r="370197" spans="14:14">
      <c r="N370197" s="10"/>
    </row>
    <row r="370198" spans="14:14">
      <c r="N370198" s="10"/>
    </row>
    <row r="370199" spans="14:14">
      <c r="N370199" s="10"/>
    </row>
    <row r="370200" spans="14:14">
      <c r="N370200" s="10"/>
    </row>
    <row r="370201" spans="14:14">
      <c r="N370201" s="10"/>
    </row>
    <row r="370202" spans="14:14">
      <c r="N370202" s="10"/>
    </row>
    <row r="370203" spans="14:14">
      <c r="N370203" s="10"/>
    </row>
    <row r="370204" spans="14:14">
      <c r="N370204" s="10"/>
    </row>
    <row r="370205" spans="14:14">
      <c r="N370205" s="10"/>
    </row>
    <row r="370206" spans="14:14">
      <c r="N370206" s="10"/>
    </row>
    <row r="370207" spans="14:14">
      <c r="N370207" s="10"/>
    </row>
    <row r="370208" spans="14:14">
      <c r="N370208" s="10"/>
    </row>
    <row r="370209" spans="14:14">
      <c r="N370209" s="10"/>
    </row>
    <row r="370210" spans="14:14">
      <c r="N370210" s="10"/>
    </row>
    <row r="370211" spans="14:14">
      <c r="N370211" s="10"/>
    </row>
    <row r="370212" spans="14:14">
      <c r="N370212" s="10"/>
    </row>
    <row r="370213" spans="14:14">
      <c r="N370213" s="10"/>
    </row>
    <row r="370214" spans="14:14">
      <c r="N370214" s="10"/>
    </row>
    <row r="370215" spans="14:14">
      <c r="N370215" s="10"/>
    </row>
    <row r="370216" spans="14:14">
      <c r="N370216" s="10"/>
    </row>
    <row r="370217" spans="14:14">
      <c r="N370217" s="10"/>
    </row>
    <row r="370218" spans="14:14">
      <c r="N370218" s="10"/>
    </row>
    <row r="370219" spans="14:14">
      <c r="N370219" s="10"/>
    </row>
    <row r="370220" spans="14:14">
      <c r="N370220" s="10"/>
    </row>
    <row r="370221" spans="14:14">
      <c r="N370221" s="10"/>
    </row>
    <row r="370222" spans="14:14">
      <c r="N370222" s="10"/>
    </row>
    <row r="370223" spans="14:14">
      <c r="N370223" s="10"/>
    </row>
    <row r="370224" spans="14:14">
      <c r="N370224" s="10"/>
    </row>
    <row r="370225" spans="14:14">
      <c r="N370225" s="10"/>
    </row>
    <row r="370226" spans="14:14">
      <c r="N370226" s="10"/>
    </row>
    <row r="370227" spans="14:14">
      <c r="N370227" s="10"/>
    </row>
    <row r="370228" spans="14:14">
      <c r="N370228" s="10"/>
    </row>
    <row r="370229" spans="14:14">
      <c r="N370229" s="10"/>
    </row>
    <row r="370230" spans="14:14">
      <c r="N370230" s="10"/>
    </row>
    <row r="370231" spans="14:14">
      <c r="N370231" s="10"/>
    </row>
    <row r="370232" spans="14:14">
      <c r="N370232" s="10"/>
    </row>
    <row r="370233" spans="14:14">
      <c r="N370233" s="10"/>
    </row>
    <row r="370234" spans="14:14">
      <c r="N370234" s="10"/>
    </row>
    <row r="370235" spans="14:14">
      <c r="N370235" s="10"/>
    </row>
    <row r="370236" spans="14:14">
      <c r="N370236" s="10"/>
    </row>
    <row r="370237" spans="14:14">
      <c r="N370237" s="10"/>
    </row>
    <row r="370238" spans="14:14">
      <c r="N370238" s="10"/>
    </row>
    <row r="370239" spans="14:14">
      <c r="N370239" s="10"/>
    </row>
    <row r="370240" spans="14:14">
      <c r="N370240" s="10"/>
    </row>
    <row r="370241" spans="14:14">
      <c r="N370241" s="10"/>
    </row>
    <row r="370242" spans="14:14">
      <c r="N370242" s="10"/>
    </row>
    <row r="370243" spans="14:14">
      <c r="N370243" s="10"/>
    </row>
    <row r="370244" spans="14:14">
      <c r="N370244" s="10"/>
    </row>
    <row r="370245" spans="14:14">
      <c r="N370245" s="10"/>
    </row>
    <row r="370246" spans="14:14">
      <c r="N370246" s="10"/>
    </row>
    <row r="370247" spans="14:14">
      <c r="N370247" s="10"/>
    </row>
    <row r="370248" spans="14:14">
      <c r="N370248" s="10"/>
    </row>
    <row r="370249" spans="14:14">
      <c r="N370249" s="10"/>
    </row>
    <row r="370250" spans="14:14">
      <c r="N370250" s="10"/>
    </row>
    <row r="370251" spans="14:14">
      <c r="N370251" s="10"/>
    </row>
    <row r="370252" spans="14:14">
      <c r="N370252" s="10"/>
    </row>
    <row r="370253" spans="14:14">
      <c r="N370253" s="10"/>
    </row>
    <row r="370254" spans="14:14">
      <c r="N370254" s="10"/>
    </row>
    <row r="370255" spans="14:14">
      <c r="N370255" s="10"/>
    </row>
    <row r="370256" spans="14:14">
      <c r="N370256" s="10"/>
    </row>
    <row r="370257" spans="14:14">
      <c r="N370257" s="10"/>
    </row>
    <row r="370258" spans="14:14">
      <c r="N370258" s="10"/>
    </row>
    <row r="370259" spans="14:14">
      <c r="N370259" s="10"/>
    </row>
    <row r="370260" spans="14:14">
      <c r="N370260" s="10"/>
    </row>
    <row r="370261" spans="14:14">
      <c r="N370261" s="10"/>
    </row>
    <row r="370262" spans="14:14">
      <c r="N370262" s="10"/>
    </row>
    <row r="370263" spans="14:14">
      <c r="N370263" s="10"/>
    </row>
    <row r="370264" spans="14:14">
      <c r="N370264" s="10"/>
    </row>
    <row r="370265" spans="14:14">
      <c r="N370265" s="10"/>
    </row>
    <row r="370266" spans="14:14">
      <c r="N370266" s="10"/>
    </row>
    <row r="370267" spans="14:14">
      <c r="N370267" s="10"/>
    </row>
    <row r="370268" spans="14:14">
      <c r="N370268" s="10"/>
    </row>
    <row r="370269" spans="14:14">
      <c r="N370269" s="10"/>
    </row>
    <row r="370270" spans="14:14">
      <c r="N370270" s="10"/>
    </row>
    <row r="370271" spans="14:14">
      <c r="N370271" s="10"/>
    </row>
    <row r="370272" spans="14:14">
      <c r="N370272" s="10"/>
    </row>
    <row r="370273" spans="14:14">
      <c r="N370273" s="10"/>
    </row>
    <row r="370274" spans="14:14">
      <c r="N370274" s="10"/>
    </row>
    <row r="370275" spans="14:14">
      <c r="N370275" s="10"/>
    </row>
    <row r="370276" spans="14:14">
      <c r="N370276" s="10"/>
    </row>
    <row r="370277" spans="14:14">
      <c r="N370277" s="10"/>
    </row>
    <row r="370278" spans="14:14">
      <c r="N370278" s="10"/>
    </row>
    <row r="370279" spans="14:14">
      <c r="N370279" s="10"/>
    </row>
    <row r="370280" spans="14:14">
      <c r="N370280" s="10"/>
    </row>
    <row r="370281" spans="14:14">
      <c r="N370281" s="10"/>
    </row>
    <row r="370282" spans="14:14">
      <c r="N370282" s="10"/>
    </row>
    <row r="370283" spans="14:14">
      <c r="N370283" s="10"/>
    </row>
    <row r="370284" spans="14:14">
      <c r="N370284" s="10"/>
    </row>
    <row r="370285" spans="14:14">
      <c r="N370285" s="10"/>
    </row>
    <row r="370286" spans="14:14">
      <c r="N370286" s="10"/>
    </row>
    <row r="370287" spans="14:14">
      <c r="N370287" s="10"/>
    </row>
    <row r="370288" spans="14:14">
      <c r="N370288" s="10"/>
    </row>
    <row r="370289" spans="14:14">
      <c r="N370289" s="10"/>
    </row>
    <row r="370290" spans="14:14">
      <c r="N370290" s="10"/>
    </row>
    <row r="370291" spans="14:14">
      <c r="N370291" s="10"/>
    </row>
    <row r="370292" spans="14:14">
      <c r="N370292" s="10"/>
    </row>
    <row r="370293" spans="14:14">
      <c r="N370293" s="10"/>
    </row>
    <row r="370294" spans="14:14">
      <c r="N370294" s="10"/>
    </row>
    <row r="370295" spans="14:14">
      <c r="N370295" s="10"/>
    </row>
    <row r="370296" spans="14:14">
      <c r="N370296" s="10"/>
    </row>
    <row r="370297" spans="14:14">
      <c r="N370297" s="10"/>
    </row>
    <row r="370298" spans="14:14">
      <c r="N370298" s="10"/>
    </row>
    <row r="370299" spans="14:14">
      <c r="N370299" s="10"/>
    </row>
    <row r="370300" spans="14:14">
      <c r="N370300" s="10"/>
    </row>
    <row r="370301" spans="14:14">
      <c r="N370301" s="10"/>
    </row>
    <row r="370302" spans="14:14">
      <c r="N370302" s="10"/>
    </row>
    <row r="370303" spans="14:14">
      <c r="N370303" s="10"/>
    </row>
    <row r="370304" spans="14:14">
      <c r="N370304" s="10"/>
    </row>
    <row r="370305" spans="14:14">
      <c r="N370305" s="10"/>
    </row>
    <row r="370306" spans="14:14">
      <c r="N370306" s="10"/>
    </row>
    <row r="370307" spans="14:14">
      <c r="N370307" s="10"/>
    </row>
    <row r="370308" spans="14:14">
      <c r="N370308" s="10"/>
    </row>
    <row r="370309" spans="14:14">
      <c r="N370309" s="10"/>
    </row>
    <row r="370310" spans="14:14">
      <c r="N370310" s="10"/>
    </row>
    <row r="370311" spans="14:14">
      <c r="N370311" s="10"/>
    </row>
    <row r="370312" spans="14:14">
      <c r="N370312" s="10"/>
    </row>
    <row r="370313" spans="14:14">
      <c r="N370313" s="10"/>
    </row>
    <row r="370314" spans="14:14">
      <c r="N370314" s="10"/>
    </row>
    <row r="370315" spans="14:14">
      <c r="N370315" s="10"/>
    </row>
    <row r="370316" spans="14:14">
      <c r="N370316" s="10"/>
    </row>
    <row r="370317" spans="14:14">
      <c r="N370317" s="10"/>
    </row>
    <row r="370318" spans="14:14">
      <c r="N370318" s="10"/>
    </row>
    <row r="370319" spans="14:14">
      <c r="N370319" s="10"/>
    </row>
    <row r="370320" spans="14:14">
      <c r="N370320" s="10"/>
    </row>
    <row r="370321" spans="14:14">
      <c r="N370321" s="10"/>
    </row>
    <row r="370322" spans="14:14">
      <c r="N370322" s="10"/>
    </row>
    <row r="370323" spans="14:14">
      <c r="N370323" s="10"/>
    </row>
    <row r="370324" spans="14:14">
      <c r="N370324" s="10"/>
    </row>
    <row r="370325" spans="14:14">
      <c r="N370325" s="10"/>
    </row>
    <row r="370326" spans="14:14">
      <c r="N370326" s="10"/>
    </row>
    <row r="370327" spans="14:14">
      <c r="N370327" s="10"/>
    </row>
    <row r="370328" spans="14:14">
      <c r="N370328" s="10"/>
    </row>
    <row r="370329" spans="14:14">
      <c r="N370329" s="10"/>
    </row>
    <row r="370330" spans="14:14">
      <c r="N370330" s="10"/>
    </row>
    <row r="370331" spans="14:14">
      <c r="N370331" s="10"/>
    </row>
    <row r="370332" spans="14:14">
      <c r="N370332" s="10"/>
    </row>
    <row r="370333" spans="14:14">
      <c r="N370333" s="10"/>
    </row>
    <row r="370334" spans="14:14">
      <c r="N370334" s="10"/>
    </row>
    <row r="370335" spans="14:14">
      <c r="N370335" s="10"/>
    </row>
    <row r="370336" spans="14:14">
      <c r="N370336" s="10"/>
    </row>
    <row r="370337" spans="14:14">
      <c r="N370337" s="10"/>
    </row>
    <row r="370338" spans="14:14">
      <c r="N370338" s="10"/>
    </row>
    <row r="370339" spans="14:14">
      <c r="N370339" s="10"/>
    </row>
    <row r="370340" spans="14:14">
      <c r="N370340" s="10"/>
    </row>
    <row r="370341" spans="14:14">
      <c r="N370341" s="10"/>
    </row>
    <row r="370342" spans="14:14">
      <c r="N370342" s="10"/>
    </row>
    <row r="370343" spans="14:14">
      <c r="N370343" s="10"/>
    </row>
    <row r="370344" spans="14:14">
      <c r="N370344" s="10"/>
    </row>
    <row r="370345" spans="14:14">
      <c r="N370345" s="10"/>
    </row>
    <row r="370346" spans="14:14">
      <c r="N370346" s="10"/>
    </row>
    <row r="370347" spans="14:14">
      <c r="N370347" s="10"/>
    </row>
    <row r="370348" spans="14:14">
      <c r="N370348" s="10"/>
    </row>
    <row r="370349" spans="14:14">
      <c r="N370349" s="10"/>
    </row>
    <row r="370350" spans="14:14">
      <c r="N370350" s="10"/>
    </row>
    <row r="370351" spans="14:14">
      <c r="N370351" s="10"/>
    </row>
    <row r="370352" spans="14:14">
      <c r="N370352" s="10"/>
    </row>
    <row r="370353" spans="14:14">
      <c r="N370353" s="10"/>
    </row>
    <row r="370354" spans="14:14">
      <c r="N370354" s="10"/>
    </row>
    <row r="370355" spans="14:14">
      <c r="N370355" s="10"/>
    </row>
    <row r="370356" spans="14:14">
      <c r="N370356" s="10"/>
    </row>
    <row r="370357" spans="14:14">
      <c r="N370357" s="10"/>
    </row>
    <row r="370358" spans="14:14">
      <c r="N370358" s="10"/>
    </row>
    <row r="370359" spans="14:14">
      <c r="N370359" s="10"/>
    </row>
    <row r="370360" spans="14:14">
      <c r="N370360" s="10"/>
    </row>
    <row r="370361" spans="14:14">
      <c r="N370361" s="10"/>
    </row>
    <row r="370362" spans="14:14">
      <c r="N370362" s="10"/>
    </row>
    <row r="370363" spans="14:14">
      <c r="N370363" s="10"/>
    </row>
    <row r="370364" spans="14:14">
      <c r="N370364" s="10"/>
    </row>
    <row r="370365" spans="14:14">
      <c r="N370365" s="10"/>
    </row>
    <row r="370366" spans="14:14">
      <c r="N370366" s="10"/>
    </row>
    <row r="370367" spans="14:14">
      <c r="N370367" s="10"/>
    </row>
    <row r="370368" spans="14:14">
      <c r="N370368" s="10"/>
    </row>
    <row r="370369" spans="14:14">
      <c r="N370369" s="10"/>
    </row>
    <row r="370370" spans="14:14">
      <c r="N370370" s="10"/>
    </row>
    <row r="370371" spans="14:14">
      <c r="N370371" s="10"/>
    </row>
    <row r="370372" spans="14:14">
      <c r="N370372" s="10"/>
    </row>
    <row r="370373" spans="14:14">
      <c r="N370373" s="10"/>
    </row>
    <row r="370374" spans="14:14">
      <c r="N370374" s="10"/>
    </row>
    <row r="370375" spans="14:14">
      <c r="N370375" s="10"/>
    </row>
    <row r="370376" spans="14:14">
      <c r="N370376" s="10"/>
    </row>
    <row r="370377" spans="14:14">
      <c r="N370377" s="10"/>
    </row>
    <row r="370378" spans="14:14">
      <c r="N370378" s="10"/>
    </row>
    <row r="370379" spans="14:14">
      <c r="N370379" s="10"/>
    </row>
    <row r="370380" spans="14:14">
      <c r="N370380" s="10"/>
    </row>
    <row r="370381" spans="14:14">
      <c r="N370381" s="10"/>
    </row>
    <row r="370382" spans="14:14">
      <c r="N370382" s="10"/>
    </row>
    <row r="370383" spans="14:14">
      <c r="N370383" s="10"/>
    </row>
    <row r="370384" spans="14:14">
      <c r="N370384" s="10"/>
    </row>
    <row r="370385" spans="14:14">
      <c r="N370385" s="10"/>
    </row>
    <row r="370386" spans="14:14">
      <c r="N370386" s="10"/>
    </row>
    <row r="370387" spans="14:14">
      <c r="N370387" s="10"/>
    </row>
    <row r="370388" spans="14:14">
      <c r="N370388" s="10"/>
    </row>
    <row r="370389" spans="14:14">
      <c r="N370389" s="10"/>
    </row>
    <row r="370390" spans="14:14">
      <c r="N370390" s="10"/>
    </row>
    <row r="370391" spans="14:14">
      <c r="N370391" s="10"/>
    </row>
    <row r="370392" spans="14:14">
      <c r="N370392" s="10"/>
    </row>
    <row r="370393" spans="14:14">
      <c r="N370393" s="10"/>
    </row>
    <row r="370394" spans="14:14">
      <c r="N370394" s="10"/>
    </row>
    <row r="370395" spans="14:14">
      <c r="N370395" s="10"/>
    </row>
    <row r="370396" spans="14:14">
      <c r="N370396" s="10"/>
    </row>
    <row r="370397" spans="14:14">
      <c r="N370397" s="10"/>
    </row>
    <row r="370398" spans="14:14">
      <c r="N370398" s="10"/>
    </row>
    <row r="370399" spans="14:14">
      <c r="N370399" s="10"/>
    </row>
    <row r="370400" spans="14:14">
      <c r="N370400" s="10"/>
    </row>
    <row r="370401" spans="14:14">
      <c r="N370401" s="10"/>
    </row>
    <row r="370402" spans="14:14">
      <c r="N370402" s="10"/>
    </row>
    <row r="370403" spans="14:14">
      <c r="N370403" s="10"/>
    </row>
    <row r="370404" spans="14:14">
      <c r="N370404" s="10"/>
    </row>
    <row r="370405" spans="14:14">
      <c r="N370405" s="10"/>
    </row>
    <row r="370406" spans="14:14">
      <c r="N370406" s="10"/>
    </row>
    <row r="370407" spans="14:14">
      <c r="N370407" s="10"/>
    </row>
    <row r="370408" spans="14:14">
      <c r="N370408" s="10"/>
    </row>
    <row r="370409" spans="14:14">
      <c r="N370409" s="10"/>
    </row>
    <row r="370410" spans="14:14">
      <c r="N370410" s="10"/>
    </row>
    <row r="370411" spans="14:14">
      <c r="N370411" s="10"/>
    </row>
    <row r="370412" spans="14:14">
      <c r="N370412" s="10"/>
    </row>
    <row r="370413" spans="14:14">
      <c r="N370413" s="10"/>
    </row>
    <row r="370414" spans="14:14">
      <c r="N370414" s="10"/>
    </row>
    <row r="370415" spans="14:14">
      <c r="N370415" s="10"/>
    </row>
    <row r="370416" spans="14:14">
      <c r="N370416" s="10"/>
    </row>
    <row r="370417" spans="14:14">
      <c r="N370417" s="10"/>
    </row>
    <row r="370418" spans="14:14">
      <c r="N370418" s="10"/>
    </row>
    <row r="370419" spans="14:14">
      <c r="N370419" s="10"/>
    </row>
    <row r="370420" spans="14:14">
      <c r="N370420" s="10"/>
    </row>
    <row r="370421" spans="14:14">
      <c r="N370421" s="10"/>
    </row>
    <row r="370422" spans="14:14">
      <c r="N370422" s="10"/>
    </row>
    <row r="370423" spans="14:14">
      <c r="N370423" s="10"/>
    </row>
    <row r="370424" spans="14:14">
      <c r="N370424" s="10"/>
    </row>
    <row r="370425" spans="14:14">
      <c r="N370425" s="10"/>
    </row>
    <row r="370426" spans="14:14">
      <c r="N370426" s="10"/>
    </row>
    <row r="370427" spans="14:14">
      <c r="N370427" s="10"/>
    </row>
    <row r="370428" spans="14:14">
      <c r="N370428" s="10"/>
    </row>
    <row r="370429" spans="14:14">
      <c r="N370429" s="10"/>
    </row>
    <row r="370430" spans="14:14">
      <c r="N370430" s="10"/>
    </row>
    <row r="370431" spans="14:14">
      <c r="N370431" s="10"/>
    </row>
    <row r="370432" spans="14:14">
      <c r="N370432" s="10"/>
    </row>
    <row r="370433" spans="14:14">
      <c r="N370433" s="10"/>
    </row>
    <row r="370434" spans="14:14">
      <c r="N370434" s="10"/>
    </row>
    <row r="370435" spans="14:14">
      <c r="N370435" s="10"/>
    </row>
    <row r="370436" spans="14:14">
      <c r="N370436" s="10"/>
    </row>
    <row r="370437" spans="14:14">
      <c r="N370437" s="10"/>
    </row>
    <row r="370438" spans="14:14">
      <c r="N370438" s="10"/>
    </row>
    <row r="370439" spans="14:14">
      <c r="N370439" s="10"/>
    </row>
    <row r="370440" spans="14:14">
      <c r="N370440" s="10"/>
    </row>
    <row r="370441" spans="14:14">
      <c r="N370441" s="10"/>
    </row>
    <row r="370442" spans="14:14">
      <c r="N370442" s="10"/>
    </row>
    <row r="370443" spans="14:14">
      <c r="N370443" s="10"/>
    </row>
    <row r="370444" spans="14:14">
      <c r="N370444" s="10"/>
    </row>
    <row r="370445" spans="14:14">
      <c r="N370445" s="10"/>
    </row>
    <row r="370446" spans="14:14">
      <c r="N370446" s="10"/>
    </row>
    <row r="370447" spans="14:14">
      <c r="N370447" s="10"/>
    </row>
    <row r="370448" spans="14:14">
      <c r="N370448" s="10"/>
    </row>
    <row r="370449" spans="14:14">
      <c r="N370449" s="10"/>
    </row>
    <row r="370450" spans="14:14">
      <c r="N370450" s="10"/>
    </row>
    <row r="370451" spans="14:14">
      <c r="N370451" s="10"/>
    </row>
    <row r="370452" spans="14:14">
      <c r="N370452" s="10"/>
    </row>
    <row r="370453" spans="14:14">
      <c r="N370453" s="10"/>
    </row>
    <row r="370454" spans="14:14">
      <c r="N370454" s="10"/>
    </row>
    <row r="370455" spans="14:14">
      <c r="N370455" s="10"/>
    </row>
    <row r="370456" spans="14:14">
      <c r="N370456" s="10"/>
    </row>
    <row r="370457" spans="14:14">
      <c r="N370457" s="10"/>
    </row>
    <row r="370458" spans="14:14">
      <c r="N370458" s="10"/>
    </row>
    <row r="370459" spans="14:14">
      <c r="N370459" s="10"/>
    </row>
    <row r="370460" spans="14:14">
      <c r="N370460" s="10"/>
    </row>
    <row r="370461" spans="14:14">
      <c r="N370461" s="10"/>
    </row>
    <row r="370462" spans="14:14">
      <c r="N370462" s="10"/>
    </row>
    <row r="370463" spans="14:14">
      <c r="N370463" s="10"/>
    </row>
    <row r="370464" spans="14:14">
      <c r="N370464" s="10"/>
    </row>
    <row r="370465" spans="14:14">
      <c r="N370465" s="10"/>
    </row>
    <row r="370466" spans="14:14">
      <c r="N370466" s="10"/>
    </row>
    <row r="370467" spans="14:14">
      <c r="N370467" s="10"/>
    </row>
    <row r="370468" spans="14:14">
      <c r="N370468" s="10"/>
    </row>
    <row r="370469" spans="14:14">
      <c r="N370469" s="10"/>
    </row>
    <row r="370470" spans="14:14">
      <c r="N370470" s="10"/>
    </row>
    <row r="370471" spans="14:14">
      <c r="N370471" s="10"/>
    </row>
    <row r="370472" spans="14:14">
      <c r="N370472" s="10"/>
    </row>
    <row r="370473" spans="14:14">
      <c r="N370473" s="10"/>
    </row>
    <row r="370474" spans="14:14">
      <c r="N370474" s="10"/>
    </row>
    <row r="370475" spans="14:14">
      <c r="N370475" s="10"/>
    </row>
    <row r="370476" spans="14:14">
      <c r="N370476" s="10"/>
    </row>
    <row r="370477" spans="14:14">
      <c r="N370477" s="10"/>
    </row>
    <row r="370478" spans="14:14">
      <c r="N370478" s="10"/>
    </row>
    <row r="370479" spans="14:14">
      <c r="N370479" s="10"/>
    </row>
    <row r="370480" spans="14:14">
      <c r="N370480" s="10"/>
    </row>
    <row r="370481" spans="14:14">
      <c r="N370481" s="10"/>
    </row>
    <row r="370482" spans="14:14">
      <c r="N370482" s="10"/>
    </row>
    <row r="370483" spans="14:14">
      <c r="N370483" s="10"/>
    </row>
    <row r="370484" spans="14:14">
      <c r="N370484" s="10"/>
    </row>
    <row r="370485" spans="14:14">
      <c r="N370485" s="10"/>
    </row>
    <row r="370486" spans="14:14">
      <c r="N370486" s="10"/>
    </row>
    <row r="370487" spans="14:14">
      <c r="N370487" s="10"/>
    </row>
    <row r="370488" spans="14:14">
      <c r="N370488" s="10"/>
    </row>
    <row r="370489" spans="14:14">
      <c r="N370489" s="10"/>
    </row>
    <row r="370490" spans="14:14">
      <c r="N370490" s="10"/>
    </row>
    <row r="370491" spans="14:14">
      <c r="N370491" s="10"/>
    </row>
    <row r="370492" spans="14:14">
      <c r="N370492" s="10"/>
    </row>
    <row r="370493" spans="14:14">
      <c r="N370493" s="10"/>
    </row>
    <row r="370494" spans="14:14">
      <c r="N370494" s="10"/>
    </row>
    <row r="370495" spans="14:14">
      <c r="N370495" s="10"/>
    </row>
    <row r="370496" spans="14:14">
      <c r="N370496" s="10"/>
    </row>
    <row r="370497" spans="14:14">
      <c r="N370497" s="10"/>
    </row>
    <row r="370498" spans="14:14">
      <c r="N370498" s="10"/>
    </row>
    <row r="370499" spans="14:14">
      <c r="N370499" s="10"/>
    </row>
    <row r="370500" spans="14:14">
      <c r="N370500" s="10"/>
    </row>
    <row r="370501" spans="14:14">
      <c r="N370501" s="10"/>
    </row>
    <row r="370502" spans="14:14">
      <c r="N370502" s="10"/>
    </row>
    <row r="370503" spans="14:14">
      <c r="N370503" s="10"/>
    </row>
    <row r="370504" spans="14:14">
      <c r="N370504" s="10"/>
    </row>
    <row r="370505" spans="14:14">
      <c r="N370505" s="10"/>
    </row>
    <row r="370506" spans="14:14">
      <c r="N370506" s="10"/>
    </row>
    <row r="370507" spans="14:14">
      <c r="N370507" s="10"/>
    </row>
    <row r="370508" spans="14:14">
      <c r="N370508" s="10"/>
    </row>
    <row r="370509" spans="14:14">
      <c r="N370509" s="10"/>
    </row>
    <row r="370510" spans="14:14">
      <c r="N370510" s="10"/>
    </row>
    <row r="370511" spans="14:14">
      <c r="N370511" s="10"/>
    </row>
    <row r="370512" spans="14:14">
      <c r="N370512" s="10"/>
    </row>
    <row r="370513" spans="14:14">
      <c r="N370513" s="10"/>
    </row>
    <row r="370514" spans="14:14">
      <c r="N370514" s="10"/>
    </row>
    <row r="370515" spans="14:14">
      <c r="N370515" s="10"/>
    </row>
    <row r="370516" spans="14:14">
      <c r="N370516" s="10"/>
    </row>
    <row r="370517" spans="14:14">
      <c r="N370517" s="10"/>
    </row>
    <row r="370518" spans="14:14">
      <c r="N370518" s="10"/>
    </row>
    <row r="370519" spans="14:14">
      <c r="N370519" s="10"/>
    </row>
    <row r="370520" spans="14:14">
      <c r="N370520" s="10"/>
    </row>
    <row r="370521" spans="14:14">
      <c r="N370521" s="10"/>
    </row>
    <row r="370522" spans="14:14">
      <c r="N370522" s="10"/>
    </row>
    <row r="370523" spans="14:14">
      <c r="N370523" s="10"/>
    </row>
    <row r="370524" spans="14:14">
      <c r="N370524" s="10"/>
    </row>
    <row r="370525" spans="14:14">
      <c r="N370525" s="10"/>
    </row>
    <row r="370526" spans="14:14">
      <c r="N370526" s="10"/>
    </row>
    <row r="370527" spans="14:14">
      <c r="N370527" s="10"/>
    </row>
    <row r="370528" spans="14:14">
      <c r="N370528" s="10"/>
    </row>
    <row r="370529" spans="14:14">
      <c r="N370529" s="10"/>
    </row>
    <row r="370530" spans="14:14">
      <c r="N370530" s="10"/>
    </row>
    <row r="370531" spans="14:14">
      <c r="N370531" s="10"/>
    </row>
    <row r="370532" spans="14:14">
      <c r="N370532" s="10"/>
    </row>
    <row r="370533" spans="14:14">
      <c r="N370533" s="10"/>
    </row>
    <row r="370534" spans="14:14">
      <c r="N370534" s="10"/>
    </row>
    <row r="370535" spans="14:14">
      <c r="N370535" s="10"/>
    </row>
    <row r="370536" spans="14:14">
      <c r="N370536" s="10"/>
    </row>
    <row r="370537" spans="14:14">
      <c r="N370537" s="10"/>
    </row>
    <row r="370538" spans="14:14">
      <c r="N370538" s="10"/>
    </row>
    <row r="370539" spans="14:14">
      <c r="N370539" s="10"/>
    </row>
    <row r="370540" spans="14:14">
      <c r="N370540" s="10"/>
    </row>
    <row r="370541" spans="14:14">
      <c r="N370541" s="10"/>
    </row>
    <row r="370542" spans="14:14">
      <c r="N370542" s="10"/>
    </row>
    <row r="370543" spans="14:14">
      <c r="N370543" s="10"/>
    </row>
    <row r="370544" spans="14:14">
      <c r="N370544" s="10"/>
    </row>
    <row r="370545" spans="14:14">
      <c r="N370545" s="10"/>
    </row>
    <row r="370546" spans="14:14">
      <c r="N370546" s="10"/>
    </row>
    <row r="370547" spans="14:14">
      <c r="N370547" s="10"/>
    </row>
    <row r="370548" spans="14:14">
      <c r="N370548" s="10"/>
    </row>
    <row r="370549" spans="14:14">
      <c r="N370549" s="10"/>
    </row>
    <row r="370550" spans="14:14">
      <c r="N370550" s="10"/>
    </row>
    <row r="370551" spans="14:14">
      <c r="N370551" s="10"/>
    </row>
    <row r="370552" spans="14:14">
      <c r="N370552" s="10"/>
    </row>
    <row r="370553" spans="14:14">
      <c r="N370553" s="10"/>
    </row>
    <row r="370554" spans="14:14">
      <c r="N370554" s="10"/>
    </row>
    <row r="370555" spans="14:14">
      <c r="N370555" s="10"/>
    </row>
    <row r="370556" spans="14:14">
      <c r="N370556" s="10"/>
    </row>
    <row r="370557" spans="14:14">
      <c r="N370557" s="10"/>
    </row>
    <row r="370558" spans="14:14">
      <c r="N370558" s="10"/>
    </row>
    <row r="370559" spans="14:14">
      <c r="N370559" s="10"/>
    </row>
    <row r="370560" spans="14:14">
      <c r="N370560" s="10"/>
    </row>
    <row r="370561" spans="14:14">
      <c r="N370561" s="10"/>
    </row>
    <row r="370562" spans="14:14">
      <c r="N370562" s="10"/>
    </row>
    <row r="370563" spans="14:14">
      <c r="N370563" s="10"/>
    </row>
    <row r="370564" spans="14:14">
      <c r="N370564" s="10"/>
    </row>
    <row r="370565" spans="14:14">
      <c r="N370565" s="10"/>
    </row>
    <row r="370566" spans="14:14">
      <c r="N370566" s="10"/>
    </row>
    <row r="370567" spans="14:14">
      <c r="N370567" s="10"/>
    </row>
    <row r="370568" spans="14:14">
      <c r="N370568" s="10"/>
    </row>
    <row r="370569" spans="14:14">
      <c r="N370569" s="10"/>
    </row>
    <row r="370570" spans="14:14">
      <c r="N370570" s="10"/>
    </row>
    <row r="370571" spans="14:14">
      <c r="N370571" s="10"/>
    </row>
    <row r="370572" spans="14:14">
      <c r="N370572" s="10"/>
    </row>
    <row r="370573" spans="14:14">
      <c r="N370573" s="10"/>
    </row>
    <row r="370574" spans="14:14">
      <c r="N370574" s="10"/>
    </row>
    <row r="370575" spans="14:14">
      <c r="N370575" s="10"/>
    </row>
    <row r="370576" spans="14:14">
      <c r="N370576" s="10"/>
    </row>
    <row r="370577" spans="14:14">
      <c r="N370577" s="10"/>
    </row>
    <row r="370578" spans="14:14">
      <c r="N370578" s="10"/>
    </row>
    <row r="370579" spans="14:14">
      <c r="N370579" s="10"/>
    </row>
    <row r="370580" spans="14:14">
      <c r="N370580" s="10"/>
    </row>
    <row r="370581" spans="14:14">
      <c r="N370581" s="10"/>
    </row>
    <row r="370582" spans="14:14">
      <c r="N370582" s="10"/>
    </row>
    <row r="370583" spans="14:14">
      <c r="N370583" s="10"/>
    </row>
    <row r="370584" spans="14:14">
      <c r="N370584" s="10"/>
    </row>
    <row r="370585" spans="14:14">
      <c r="N370585" s="10"/>
    </row>
    <row r="370586" spans="14:14">
      <c r="N370586" s="10"/>
    </row>
    <row r="370587" spans="14:14">
      <c r="N370587" s="10"/>
    </row>
    <row r="370588" spans="14:14">
      <c r="N370588" s="10"/>
    </row>
    <row r="370589" spans="14:14">
      <c r="N370589" s="10"/>
    </row>
    <row r="370590" spans="14:14">
      <c r="N370590" s="10"/>
    </row>
    <row r="370591" spans="14:14">
      <c r="N370591" s="10"/>
    </row>
    <row r="370592" spans="14:14">
      <c r="N370592" s="10"/>
    </row>
    <row r="370593" spans="14:14">
      <c r="N370593" s="10"/>
    </row>
    <row r="370594" spans="14:14">
      <c r="N370594" s="10"/>
    </row>
    <row r="370595" spans="14:14">
      <c r="N370595" s="10"/>
    </row>
    <row r="370596" spans="14:14">
      <c r="N370596" s="10"/>
    </row>
    <row r="370597" spans="14:14">
      <c r="N370597" s="10"/>
    </row>
    <row r="370598" spans="14:14">
      <c r="N370598" s="10"/>
    </row>
    <row r="370599" spans="14:14">
      <c r="N370599" s="10"/>
    </row>
    <row r="370600" spans="14:14">
      <c r="N370600" s="10"/>
    </row>
    <row r="370601" spans="14:14">
      <c r="N370601" s="10"/>
    </row>
    <row r="370602" spans="14:14">
      <c r="N370602" s="10"/>
    </row>
    <row r="370603" spans="14:14">
      <c r="N370603" s="10"/>
    </row>
    <row r="370604" spans="14:14">
      <c r="N370604" s="10"/>
    </row>
    <row r="370605" spans="14:14">
      <c r="N370605" s="10"/>
    </row>
    <row r="370606" spans="14:14">
      <c r="N370606" s="10"/>
    </row>
    <row r="370607" spans="14:14">
      <c r="N370607" s="10"/>
    </row>
    <row r="370608" spans="14:14">
      <c r="N370608" s="10"/>
    </row>
    <row r="370609" spans="14:14">
      <c r="N370609" s="10"/>
    </row>
    <row r="370610" spans="14:14">
      <c r="N370610" s="10"/>
    </row>
    <row r="370611" spans="14:14">
      <c r="N370611" s="10"/>
    </row>
    <row r="370612" spans="14:14">
      <c r="N370612" s="10"/>
    </row>
    <row r="370613" spans="14:14">
      <c r="N370613" s="10"/>
    </row>
    <row r="370614" spans="14:14">
      <c r="N370614" s="10"/>
    </row>
    <row r="370615" spans="14:14">
      <c r="N370615" s="10"/>
    </row>
    <row r="370616" spans="14:14">
      <c r="N370616" s="10"/>
    </row>
    <row r="370617" spans="14:14">
      <c r="N370617" s="10"/>
    </row>
    <row r="370618" spans="14:14">
      <c r="N370618" s="10"/>
    </row>
    <row r="370619" spans="14:14">
      <c r="N370619" s="10"/>
    </row>
    <row r="370620" spans="14:14">
      <c r="N370620" s="10"/>
    </row>
    <row r="370621" spans="14:14">
      <c r="N370621" s="10"/>
    </row>
    <row r="370622" spans="14:14">
      <c r="N370622" s="10"/>
    </row>
    <row r="370623" spans="14:14">
      <c r="N370623" s="10"/>
    </row>
    <row r="370624" spans="14:14">
      <c r="N370624" s="10"/>
    </row>
    <row r="370625" spans="14:14">
      <c r="N370625" s="10"/>
    </row>
    <row r="370626" spans="14:14">
      <c r="N370626" s="10"/>
    </row>
    <row r="370627" spans="14:14">
      <c r="N370627" s="10"/>
    </row>
    <row r="370628" spans="14:14">
      <c r="N370628" s="10"/>
    </row>
    <row r="370629" spans="14:14">
      <c r="N370629" s="10"/>
    </row>
    <row r="370630" spans="14:14">
      <c r="N370630" s="10"/>
    </row>
    <row r="370631" spans="14:14">
      <c r="N370631" s="10"/>
    </row>
    <row r="370632" spans="14:14">
      <c r="N370632" s="10"/>
    </row>
    <row r="370633" spans="14:14">
      <c r="N370633" s="10"/>
    </row>
    <row r="370634" spans="14:14">
      <c r="N370634" s="10"/>
    </row>
    <row r="370635" spans="14:14">
      <c r="N370635" s="10"/>
    </row>
    <row r="370636" spans="14:14">
      <c r="N370636" s="10"/>
    </row>
    <row r="370637" spans="14:14">
      <c r="N370637" s="10"/>
    </row>
    <row r="370638" spans="14:14">
      <c r="N370638" s="10"/>
    </row>
    <row r="370639" spans="14:14">
      <c r="N370639" s="10"/>
    </row>
    <row r="370640" spans="14:14">
      <c r="N370640" s="10"/>
    </row>
    <row r="370641" spans="14:14">
      <c r="N370641" s="10"/>
    </row>
    <row r="370642" spans="14:14">
      <c r="N370642" s="10"/>
    </row>
    <row r="370643" spans="14:14">
      <c r="N370643" s="10"/>
    </row>
    <row r="370644" spans="14:14">
      <c r="N370644" s="10"/>
    </row>
    <row r="370645" spans="14:14">
      <c r="N370645" s="10"/>
    </row>
    <row r="370646" spans="14:14">
      <c r="N370646" s="10"/>
    </row>
    <row r="370647" spans="14:14">
      <c r="N370647" s="10"/>
    </row>
    <row r="370648" spans="14:14">
      <c r="N370648" s="10"/>
    </row>
    <row r="370649" spans="14:14">
      <c r="N370649" s="10"/>
    </row>
    <row r="370650" spans="14:14">
      <c r="N370650" s="10"/>
    </row>
    <row r="370651" spans="14:14">
      <c r="N370651" s="10"/>
    </row>
    <row r="370652" spans="14:14">
      <c r="N370652" s="10"/>
    </row>
    <row r="370653" spans="14:14">
      <c r="N370653" s="10"/>
    </row>
    <row r="370654" spans="14:14">
      <c r="N370654" s="10"/>
    </row>
    <row r="370655" spans="14:14">
      <c r="N370655" s="10"/>
    </row>
    <row r="370656" spans="14:14">
      <c r="N370656" s="10"/>
    </row>
    <row r="370657" spans="14:14">
      <c r="N370657" s="10"/>
    </row>
    <row r="370658" spans="14:14">
      <c r="N370658" s="10"/>
    </row>
    <row r="370659" spans="14:14">
      <c r="N370659" s="10"/>
    </row>
    <row r="370660" spans="14:14">
      <c r="N370660" s="10"/>
    </row>
    <row r="370661" spans="14:14">
      <c r="N370661" s="10"/>
    </row>
    <row r="370662" spans="14:14">
      <c r="N370662" s="10"/>
    </row>
    <row r="370663" spans="14:14">
      <c r="N370663" s="10"/>
    </row>
    <row r="370664" spans="14:14">
      <c r="N370664" s="10"/>
    </row>
    <row r="370665" spans="14:14">
      <c r="N370665" s="10"/>
    </row>
    <row r="370666" spans="14:14">
      <c r="N370666" s="10"/>
    </row>
    <row r="370667" spans="14:14">
      <c r="N370667" s="10"/>
    </row>
    <row r="370668" spans="14:14">
      <c r="N370668" s="10"/>
    </row>
    <row r="370669" spans="14:14">
      <c r="N370669" s="10"/>
    </row>
    <row r="370670" spans="14:14">
      <c r="N370670" s="10"/>
    </row>
    <row r="370671" spans="14:14">
      <c r="N370671" s="10"/>
    </row>
    <row r="370672" spans="14:14">
      <c r="N370672" s="10"/>
    </row>
    <row r="370673" spans="14:14">
      <c r="N370673" s="10"/>
    </row>
    <row r="370674" spans="14:14">
      <c r="N370674" s="10"/>
    </row>
    <row r="370675" spans="14:14">
      <c r="N370675" s="10"/>
    </row>
    <row r="370676" spans="14:14">
      <c r="N370676" s="10"/>
    </row>
    <row r="370677" spans="14:14">
      <c r="N370677" s="10"/>
    </row>
    <row r="370678" spans="14:14">
      <c r="N370678" s="10"/>
    </row>
    <row r="370679" spans="14:14">
      <c r="N370679" s="10"/>
    </row>
    <row r="370680" spans="14:14">
      <c r="N370680" s="10"/>
    </row>
    <row r="370681" spans="14:14">
      <c r="N370681" s="10"/>
    </row>
    <row r="370682" spans="14:14">
      <c r="N370682" s="10"/>
    </row>
    <row r="370683" spans="14:14">
      <c r="N370683" s="10"/>
    </row>
    <row r="370684" spans="14:14">
      <c r="N370684" s="10"/>
    </row>
    <row r="370685" spans="14:14">
      <c r="N370685" s="10"/>
    </row>
    <row r="370686" spans="14:14">
      <c r="N370686" s="10"/>
    </row>
    <row r="370687" spans="14:14">
      <c r="N370687" s="10"/>
    </row>
    <row r="370688" spans="14:14">
      <c r="N370688" s="10"/>
    </row>
    <row r="370689" spans="14:14">
      <c r="N370689" s="10"/>
    </row>
    <row r="370690" spans="14:14">
      <c r="N370690" s="10"/>
    </row>
    <row r="370691" spans="14:14">
      <c r="N370691" s="10"/>
    </row>
    <row r="370692" spans="14:14">
      <c r="N370692" s="10"/>
    </row>
    <row r="370693" spans="14:14">
      <c r="N370693" s="10"/>
    </row>
    <row r="370694" spans="14:14">
      <c r="N370694" s="10"/>
    </row>
    <row r="370695" spans="14:14">
      <c r="N370695" s="10"/>
    </row>
    <row r="370696" spans="14:14">
      <c r="N370696" s="10"/>
    </row>
    <row r="370697" spans="14:14">
      <c r="N370697" s="10"/>
    </row>
    <row r="370698" spans="14:14">
      <c r="N370698" s="10"/>
    </row>
    <row r="370699" spans="14:14">
      <c r="N370699" s="10"/>
    </row>
    <row r="370700" spans="14:14">
      <c r="N370700" s="10"/>
    </row>
    <row r="370701" spans="14:14">
      <c r="N370701" s="10"/>
    </row>
    <row r="370702" spans="14:14">
      <c r="N370702" s="10"/>
    </row>
    <row r="370703" spans="14:14">
      <c r="N370703" s="10"/>
    </row>
    <row r="370704" spans="14:14">
      <c r="N370704" s="10"/>
    </row>
    <row r="370705" spans="14:14">
      <c r="N370705" s="10"/>
    </row>
    <row r="370706" spans="14:14">
      <c r="N370706" s="10"/>
    </row>
    <row r="370707" spans="14:14">
      <c r="N370707" s="10"/>
    </row>
    <row r="370708" spans="14:14">
      <c r="N370708" s="10"/>
    </row>
    <row r="370709" spans="14:14">
      <c r="N370709" s="10"/>
    </row>
    <row r="370710" spans="14:14">
      <c r="N370710" s="10"/>
    </row>
    <row r="370711" spans="14:14">
      <c r="N370711" s="10"/>
    </row>
    <row r="370712" spans="14:14">
      <c r="N370712" s="10"/>
    </row>
    <row r="370713" spans="14:14">
      <c r="N370713" s="10"/>
    </row>
    <row r="370714" spans="14:14">
      <c r="N370714" s="10"/>
    </row>
    <row r="370715" spans="14:14">
      <c r="N370715" s="10"/>
    </row>
    <row r="370716" spans="14:14">
      <c r="N370716" s="10"/>
    </row>
    <row r="370717" spans="14:14">
      <c r="N370717" s="10"/>
    </row>
    <row r="370718" spans="14:14">
      <c r="N370718" s="10"/>
    </row>
    <row r="370719" spans="14:14">
      <c r="N370719" s="10"/>
    </row>
    <row r="370720" spans="14:14">
      <c r="N370720" s="10"/>
    </row>
    <row r="370721" spans="14:14">
      <c r="N370721" s="10"/>
    </row>
    <row r="370722" spans="14:14">
      <c r="N370722" s="10"/>
    </row>
    <row r="370723" spans="14:14">
      <c r="N370723" s="10"/>
    </row>
    <row r="370724" spans="14:14">
      <c r="N370724" s="10"/>
    </row>
    <row r="370725" spans="14:14">
      <c r="N370725" s="10"/>
    </row>
    <row r="370726" spans="14:14">
      <c r="N370726" s="10"/>
    </row>
    <row r="370727" spans="14:14">
      <c r="N370727" s="10"/>
    </row>
    <row r="370728" spans="14:14">
      <c r="N370728" s="10"/>
    </row>
    <row r="370729" spans="14:14">
      <c r="N370729" s="10"/>
    </row>
    <row r="370730" spans="14:14">
      <c r="N370730" s="10"/>
    </row>
    <row r="370731" spans="14:14">
      <c r="N370731" s="10"/>
    </row>
    <row r="370732" spans="14:14">
      <c r="N370732" s="10"/>
    </row>
    <row r="370733" spans="14:14">
      <c r="N370733" s="10"/>
    </row>
    <row r="370734" spans="14:14">
      <c r="N370734" s="10"/>
    </row>
    <row r="370735" spans="14:14">
      <c r="N370735" s="10"/>
    </row>
    <row r="370736" spans="14:14">
      <c r="N370736" s="10"/>
    </row>
    <row r="370737" spans="14:14">
      <c r="N370737" s="10"/>
    </row>
    <row r="370738" spans="14:14">
      <c r="N370738" s="10"/>
    </row>
    <row r="370739" spans="14:14">
      <c r="N370739" s="10"/>
    </row>
    <row r="370740" spans="14:14">
      <c r="N370740" s="10"/>
    </row>
    <row r="370741" spans="14:14">
      <c r="N370741" s="10"/>
    </row>
    <row r="370742" spans="14:14">
      <c r="N370742" s="10"/>
    </row>
    <row r="370743" spans="14:14">
      <c r="N370743" s="10"/>
    </row>
    <row r="370744" spans="14:14">
      <c r="N370744" s="10"/>
    </row>
    <row r="370745" spans="14:14">
      <c r="N370745" s="10"/>
    </row>
    <row r="370746" spans="14:14">
      <c r="N370746" s="10"/>
    </row>
    <row r="370747" spans="14:14">
      <c r="N370747" s="10"/>
    </row>
    <row r="370748" spans="14:14">
      <c r="N370748" s="10"/>
    </row>
    <row r="370749" spans="14:14">
      <c r="N370749" s="10"/>
    </row>
    <row r="370750" spans="14:14">
      <c r="N370750" s="10"/>
    </row>
    <row r="370751" spans="14:14">
      <c r="N370751" s="10"/>
    </row>
    <row r="370752" spans="14:14">
      <c r="N370752" s="10"/>
    </row>
    <row r="370753" spans="14:14">
      <c r="N370753" s="10"/>
    </row>
    <row r="370754" spans="14:14">
      <c r="N370754" s="10"/>
    </row>
    <row r="370755" spans="14:14">
      <c r="N370755" s="10"/>
    </row>
    <row r="370756" spans="14:14">
      <c r="N370756" s="10"/>
    </row>
    <row r="370757" spans="14:14">
      <c r="N370757" s="10"/>
    </row>
    <row r="370758" spans="14:14">
      <c r="N370758" s="10"/>
    </row>
    <row r="370759" spans="14:14">
      <c r="N370759" s="10"/>
    </row>
    <row r="370760" spans="14:14">
      <c r="N370760" s="10"/>
    </row>
    <row r="370761" spans="14:14">
      <c r="N370761" s="10"/>
    </row>
    <row r="370762" spans="14:14">
      <c r="N370762" s="10"/>
    </row>
    <row r="370763" spans="14:14">
      <c r="N370763" s="10"/>
    </row>
    <row r="370764" spans="14:14">
      <c r="N370764" s="10"/>
    </row>
    <row r="370765" spans="14:14">
      <c r="N370765" s="10"/>
    </row>
    <row r="370766" spans="14:14">
      <c r="N370766" s="10"/>
    </row>
    <row r="370767" spans="14:14">
      <c r="N370767" s="10"/>
    </row>
    <row r="370768" spans="14:14">
      <c r="N370768" s="10"/>
    </row>
    <row r="370769" spans="14:14">
      <c r="N370769" s="10"/>
    </row>
    <row r="370770" spans="14:14">
      <c r="N370770" s="10"/>
    </row>
    <row r="370771" spans="14:14">
      <c r="N370771" s="10"/>
    </row>
    <row r="370772" spans="14:14">
      <c r="N370772" s="10"/>
    </row>
    <row r="370773" spans="14:14">
      <c r="N370773" s="10"/>
    </row>
    <row r="370774" spans="14:14">
      <c r="N370774" s="10"/>
    </row>
    <row r="370775" spans="14:14">
      <c r="N370775" s="10"/>
    </row>
    <row r="370776" spans="14:14">
      <c r="N370776" s="10"/>
    </row>
    <row r="370777" spans="14:14">
      <c r="N370777" s="10"/>
    </row>
    <row r="370778" spans="14:14">
      <c r="N370778" s="10"/>
    </row>
    <row r="370779" spans="14:14">
      <c r="N370779" s="10"/>
    </row>
    <row r="370780" spans="14:14">
      <c r="N370780" s="10"/>
    </row>
    <row r="370781" spans="14:14">
      <c r="N370781" s="10"/>
    </row>
    <row r="370782" spans="14:14">
      <c r="N370782" s="10"/>
    </row>
    <row r="370783" spans="14:14">
      <c r="N370783" s="10"/>
    </row>
    <row r="370784" spans="14:14">
      <c r="N370784" s="10"/>
    </row>
    <row r="370785" spans="14:14">
      <c r="N370785" s="10"/>
    </row>
    <row r="370786" spans="14:14">
      <c r="N370786" s="10"/>
    </row>
    <row r="370787" spans="14:14">
      <c r="N370787" s="10"/>
    </row>
    <row r="370788" spans="14:14">
      <c r="N370788" s="10"/>
    </row>
    <row r="370789" spans="14:14">
      <c r="N370789" s="10"/>
    </row>
    <row r="370790" spans="14:14">
      <c r="N370790" s="10"/>
    </row>
    <row r="370791" spans="14:14">
      <c r="N370791" s="10"/>
    </row>
    <row r="370792" spans="14:14">
      <c r="N370792" s="10"/>
    </row>
    <row r="370793" spans="14:14">
      <c r="N370793" s="10"/>
    </row>
    <row r="370794" spans="14:14">
      <c r="N370794" s="10"/>
    </row>
    <row r="370795" spans="14:14">
      <c r="N370795" s="10"/>
    </row>
    <row r="370796" spans="14:14">
      <c r="N370796" s="10"/>
    </row>
    <row r="370797" spans="14:14">
      <c r="N370797" s="10"/>
    </row>
    <row r="370798" spans="14:14">
      <c r="N370798" s="10"/>
    </row>
    <row r="370799" spans="14:14">
      <c r="N370799" s="10"/>
    </row>
    <row r="370800" spans="14:14">
      <c r="N370800" s="10"/>
    </row>
    <row r="370801" spans="14:14">
      <c r="N370801" s="10"/>
    </row>
    <row r="370802" spans="14:14">
      <c r="N370802" s="10"/>
    </row>
    <row r="370803" spans="14:14">
      <c r="N370803" s="10"/>
    </row>
    <row r="370804" spans="14:14">
      <c r="N370804" s="10"/>
    </row>
    <row r="370805" spans="14:14">
      <c r="N370805" s="10"/>
    </row>
    <row r="370806" spans="14:14">
      <c r="N370806" s="10"/>
    </row>
    <row r="370807" spans="14:14">
      <c r="N370807" s="10"/>
    </row>
    <row r="370808" spans="14:14">
      <c r="N370808" s="10"/>
    </row>
    <row r="370809" spans="14:14">
      <c r="N370809" s="10"/>
    </row>
    <row r="370810" spans="14:14">
      <c r="N370810" s="10"/>
    </row>
    <row r="370811" spans="14:14">
      <c r="N370811" s="10"/>
    </row>
    <row r="370812" spans="14:14">
      <c r="N370812" s="10"/>
    </row>
    <row r="370813" spans="14:14">
      <c r="N370813" s="10"/>
    </row>
    <row r="370814" spans="14:14">
      <c r="N370814" s="10"/>
    </row>
    <row r="370815" spans="14:14">
      <c r="N370815" s="10"/>
    </row>
    <row r="370816" spans="14:14">
      <c r="N370816" s="10"/>
    </row>
    <row r="370817" spans="14:14">
      <c r="N370817" s="10"/>
    </row>
    <row r="370818" spans="14:14">
      <c r="N370818" s="10"/>
    </row>
    <row r="370819" spans="14:14">
      <c r="N370819" s="10"/>
    </row>
    <row r="370820" spans="14:14">
      <c r="N370820" s="10"/>
    </row>
    <row r="370821" spans="14:14">
      <c r="N370821" s="10"/>
    </row>
    <row r="370822" spans="14:14">
      <c r="N370822" s="10"/>
    </row>
    <row r="370823" spans="14:14">
      <c r="N370823" s="10"/>
    </row>
    <row r="370824" spans="14:14">
      <c r="N370824" s="10"/>
    </row>
    <row r="370825" spans="14:14">
      <c r="N370825" s="10"/>
    </row>
    <row r="370826" spans="14:14">
      <c r="N370826" s="10"/>
    </row>
    <row r="370827" spans="14:14">
      <c r="N370827" s="10"/>
    </row>
    <row r="370828" spans="14:14">
      <c r="N370828" s="10"/>
    </row>
    <row r="370829" spans="14:14">
      <c r="N370829" s="10"/>
    </row>
    <row r="370830" spans="14:14">
      <c r="N370830" s="10"/>
    </row>
    <row r="370831" spans="14:14">
      <c r="N370831" s="10"/>
    </row>
    <row r="370832" spans="14:14">
      <c r="N370832" s="10"/>
    </row>
    <row r="370833" spans="14:14">
      <c r="N370833" s="10"/>
    </row>
    <row r="370834" spans="14:14">
      <c r="N370834" s="10"/>
    </row>
    <row r="370835" spans="14:14">
      <c r="N370835" s="10"/>
    </row>
    <row r="370836" spans="14:14">
      <c r="N370836" s="10"/>
    </row>
    <row r="370837" spans="14:14">
      <c r="N370837" s="10"/>
    </row>
    <row r="370838" spans="14:14">
      <c r="N370838" s="10"/>
    </row>
    <row r="370839" spans="14:14">
      <c r="N370839" s="10"/>
    </row>
    <row r="370840" spans="14:14">
      <c r="N370840" s="10"/>
    </row>
    <row r="370841" spans="14:14">
      <c r="N370841" s="10"/>
    </row>
    <row r="370842" spans="14:14">
      <c r="N370842" s="10"/>
    </row>
    <row r="370843" spans="14:14">
      <c r="N370843" s="10"/>
    </row>
    <row r="370844" spans="14:14">
      <c r="N370844" s="10"/>
    </row>
    <row r="370845" spans="14:14">
      <c r="N370845" s="10"/>
    </row>
    <row r="370846" spans="14:14">
      <c r="N370846" s="10"/>
    </row>
    <row r="370847" spans="14:14">
      <c r="N370847" s="10"/>
    </row>
    <row r="370848" spans="14:14">
      <c r="N370848" s="10"/>
    </row>
    <row r="370849" spans="14:14">
      <c r="N370849" s="10"/>
    </row>
    <row r="370850" spans="14:14">
      <c r="N370850" s="10"/>
    </row>
    <row r="370851" spans="14:14">
      <c r="N370851" s="10"/>
    </row>
    <row r="370852" spans="14:14">
      <c r="N370852" s="10"/>
    </row>
    <row r="370853" spans="14:14">
      <c r="N370853" s="10"/>
    </row>
    <row r="370854" spans="14:14">
      <c r="N370854" s="10"/>
    </row>
    <row r="370855" spans="14:14">
      <c r="N370855" s="10"/>
    </row>
    <row r="370856" spans="14:14">
      <c r="N370856" s="10"/>
    </row>
    <row r="370857" spans="14:14">
      <c r="N370857" s="10"/>
    </row>
    <row r="370858" spans="14:14">
      <c r="N370858" s="10"/>
    </row>
    <row r="370859" spans="14:14">
      <c r="N370859" s="10"/>
    </row>
    <row r="370860" spans="14:14">
      <c r="N370860" s="10"/>
    </row>
    <row r="370861" spans="14:14">
      <c r="N370861" s="10"/>
    </row>
    <row r="370862" spans="14:14">
      <c r="N370862" s="10"/>
    </row>
    <row r="370863" spans="14:14">
      <c r="N370863" s="10"/>
    </row>
    <row r="370864" spans="14:14">
      <c r="N370864" s="10"/>
    </row>
    <row r="370865" spans="14:14">
      <c r="N370865" s="10"/>
    </row>
    <row r="370866" spans="14:14">
      <c r="N370866" s="10"/>
    </row>
    <row r="370867" spans="14:14">
      <c r="N370867" s="10"/>
    </row>
    <row r="370868" spans="14:14">
      <c r="N370868" s="10"/>
    </row>
    <row r="370869" spans="14:14">
      <c r="N370869" s="10"/>
    </row>
    <row r="370870" spans="14:14">
      <c r="N370870" s="10"/>
    </row>
    <row r="370871" spans="14:14">
      <c r="N370871" s="10"/>
    </row>
    <row r="370872" spans="14:14">
      <c r="N370872" s="10"/>
    </row>
    <row r="370873" spans="14:14">
      <c r="N370873" s="10"/>
    </row>
    <row r="370874" spans="14:14">
      <c r="N370874" s="10"/>
    </row>
    <row r="370875" spans="14:14">
      <c r="N370875" s="10"/>
    </row>
    <row r="370876" spans="14:14">
      <c r="N370876" s="10"/>
    </row>
    <row r="370877" spans="14:14">
      <c r="N370877" s="10"/>
    </row>
    <row r="370878" spans="14:14">
      <c r="N370878" s="10"/>
    </row>
    <row r="370879" spans="14:14">
      <c r="N370879" s="10"/>
    </row>
    <row r="370880" spans="14:14">
      <c r="N370880" s="10"/>
    </row>
    <row r="370881" spans="14:14">
      <c r="N370881" s="10"/>
    </row>
    <row r="370882" spans="14:14">
      <c r="N370882" s="10"/>
    </row>
    <row r="370883" spans="14:14">
      <c r="N370883" s="10"/>
    </row>
    <row r="370884" spans="14:14">
      <c r="N370884" s="10"/>
    </row>
    <row r="370885" spans="14:14">
      <c r="N370885" s="10"/>
    </row>
    <row r="370886" spans="14:14">
      <c r="N370886" s="10"/>
    </row>
    <row r="370887" spans="14:14">
      <c r="N370887" s="10"/>
    </row>
    <row r="370888" spans="14:14">
      <c r="N370888" s="10"/>
    </row>
    <row r="370889" spans="14:14">
      <c r="N370889" s="10"/>
    </row>
    <row r="370890" spans="14:14">
      <c r="N370890" s="10"/>
    </row>
    <row r="370891" spans="14:14">
      <c r="N370891" s="10"/>
    </row>
    <row r="370892" spans="14:14">
      <c r="N370892" s="10"/>
    </row>
    <row r="370893" spans="14:14">
      <c r="N370893" s="10"/>
    </row>
    <row r="370894" spans="14:14">
      <c r="N370894" s="10"/>
    </row>
    <row r="370895" spans="14:14">
      <c r="N370895" s="10"/>
    </row>
    <row r="370896" spans="14:14">
      <c r="N370896" s="10"/>
    </row>
    <row r="370897" spans="14:14">
      <c r="N370897" s="10"/>
    </row>
    <row r="370898" spans="14:14">
      <c r="N370898" s="10"/>
    </row>
    <row r="370899" spans="14:14">
      <c r="N370899" s="10"/>
    </row>
    <row r="370900" spans="14:14">
      <c r="N370900" s="10"/>
    </row>
    <row r="370901" spans="14:14">
      <c r="N370901" s="10"/>
    </row>
    <row r="370902" spans="14:14">
      <c r="N370902" s="10"/>
    </row>
    <row r="370903" spans="14:14">
      <c r="N370903" s="10"/>
    </row>
    <row r="370904" spans="14:14">
      <c r="N370904" s="10"/>
    </row>
    <row r="370905" spans="14:14">
      <c r="N370905" s="10"/>
    </row>
    <row r="370906" spans="14:14">
      <c r="N370906" s="10"/>
    </row>
    <row r="370907" spans="14:14">
      <c r="N370907" s="10"/>
    </row>
    <row r="370908" spans="14:14">
      <c r="N370908" s="10"/>
    </row>
    <row r="370909" spans="14:14">
      <c r="N370909" s="10"/>
    </row>
    <row r="370910" spans="14:14">
      <c r="N370910" s="10"/>
    </row>
    <row r="370911" spans="14:14">
      <c r="N370911" s="10"/>
    </row>
    <row r="370912" spans="14:14">
      <c r="N370912" s="10"/>
    </row>
    <row r="370913" spans="14:14">
      <c r="N370913" s="10"/>
    </row>
    <row r="370914" spans="14:14">
      <c r="N370914" s="10"/>
    </row>
    <row r="370915" spans="14:14">
      <c r="N370915" s="10"/>
    </row>
    <row r="370916" spans="14:14">
      <c r="N370916" s="10"/>
    </row>
    <row r="370917" spans="14:14">
      <c r="N370917" s="10"/>
    </row>
    <row r="370918" spans="14:14">
      <c r="N370918" s="10"/>
    </row>
    <row r="370919" spans="14:14">
      <c r="N370919" s="10"/>
    </row>
    <row r="370920" spans="14:14">
      <c r="N370920" s="10"/>
    </row>
    <row r="370921" spans="14:14">
      <c r="N370921" s="10"/>
    </row>
    <row r="370922" spans="14:14">
      <c r="N370922" s="10"/>
    </row>
    <row r="370923" spans="14:14">
      <c r="N370923" s="10"/>
    </row>
    <row r="370924" spans="14:14">
      <c r="N370924" s="10"/>
    </row>
    <row r="370925" spans="14:14">
      <c r="N370925" s="10"/>
    </row>
    <row r="370926" spans="14:14">
      <c r="N370926" s="10"/>
    </row>
    <row r="370927" spans="14:14">
      <c r="N370927" s="10"/>
    </row>
    <row r="370928" spans="14:14">
      <c r="N370928" s="10"/>
    </row>
    <row r="370929" spans="14:14">
      <c r="N370929" s="10"/>
    </row>
    <row r="370930" spans="14:14">
      <c r="N370930" s="10"/>
    </row>
    <row r="370931" spans="14:14">
      <c r="N370931" s="10"/>
    </row>
    <row r="370932" spans="14:14">
      <c r="N370932" s="10"/>
    </row>
    <row r="370933" spans="14:14">
      <c r="N370933" s="10"/>
    </row>
    <row r="370934" spans="14:14">
      <c r="N370934" s="10"/>
    </row>
    <row r="370935" spans="14:14">
      <c r="N370935" s="10"/>
    </row>
    <row r="370936" spans="14:14">
      <c r="N370936" s="10"/>
    </row>
    <row r="370937" spans="14:14">
      <c r="N370937" s="10"/>
    </row>
    <row r="370938" spans="14:14">
      <c r="N370938" s="10"/>
    </row>
    <row r="370939" spans="14:14">
      <c r="N370939" s="10"/>
    </row>
    <row r="370940" spans="14:14">
      <c r="N370940" s="10"/>
    </row>
    <row r="370941" spans="14:14">
      <c r="N370941" s="10"/>
    </row>
    <row r="370942" spans="14:14">
      <c r="N370942" s="10"/>
    </row>
    <row r="370943" spans="14:14">
      <c r="N370943" s="10"/>
    </row>
    <row r="370944" spans="14:14">
      <c r="N370944" s="10"/>
    </row>
    <row r="370945" spans="14:14">
      <c r="N370945" s="10"/>
    </row>
    <row r="370946" spans="14:14">
      <c r="N370946" s="10"/>
    </row>
    <row r="370947" spans="14:14">
      <c r="N370947" s="10"/>
    </row>
    <row r="370948" spans="14:14">
      <c r="N370948" s="10"/>
    </row>
    <row r="370949" spans="14:14">
      <c r="N370949" s="10"/>
    </row>
    <row r="370950" spans="14:14">
      <c r="N370950" s="10"/>
    </row>
    <row r="370951" spans="14:14">
      <c r="N370951" s="10"/>
    </row>
    <row r="370952" spans="14:14">
      <c r="N370952" s="10"/>
    </row>
    <row r="370953" spans="14:14">
      <c r="N370953" s="10"/>
    </row>
    <row r="370954" spans="14:14">
      <c r="N370954" s="10"/>
    </row>
    <row r="370955" spans="14:14">
      <c r="N370955" s="10"/>
    </row>
    <row r="370956" spans="14:14">
      <c r="N370956" s="10"/>
    </row>
    <row r="370957" spans="14:14">
      <c r="N370957" s="10"/>
    </row>
    <row r="370958" spans="14:14">
      <c r="N370958" s="10"/>
    </row>
    <row r="370959" spans="14:14">
      <c r="N370959" s="10"/>
    </row>
    <row r="370960" spans="14:14">
      <c r="N370960" s="10"/>
    </row>
    <row r="370961" spans="14:14">
      <c r="N370961" s="10"/>
    </row>
    <row r="370962" spans="14:14">
      <c r="N370962" s="10"/>
    </row>
    <row r="370963" spans="14:14">
      <c r="N370963" s="10"/>
    </row>
    <row r="370964" spans="14:14">
      <c r="N370964" s="10"/>
    </row>
    <row r="370965" spans="14:14">
      <c r="N370965" s="10"/>
    </row>
    <row r="370966" spans="14:14">
      <c r="N370966" s="10"/>
    </row>
    <row r="370967" spans="14:14">
      <c r="N370967" s="10"/>
    </row>
    <row r="370968" spans="14:14">
      <c r="N370968" s="10"/>
    </row>
    <row r="370969" spans="14:14">
      <c r="N370969" s="10"/>
    </row>
    <row r="370970" spans="14:14">
      <c r="N370970" s="10"/>
    </row>
    <row r="370971" spans="14:14">
      <c r="N370971" s="10"/>
    </row>
    <row r="370972" spans="14:14">
      <c r="N370972" s="10"/>
    </row>
    <row r="370973" spans="14:14">
      <c r="N370973" s="10"/>
    </row>
    <row r="370974" spans="14:14">
      <c r="N370974" s="10"/>
    </row>
    <row r="370975" spans="14:14">
      <c r="N370975" s="10"/>
    </row>
    <row r="370976" spans="14:14">
      <c r="N370976" s="10"/>
    </row>
    <row r="370977" spans="14:14">
      <c r="N370977" s="10"/>
    </row>
    <row r="370978" spans="14:14">
      <c r="N370978" s="10"/>
    </row>
    <row r="370979" spans="14:14">
      <c r="N370979" s="10"/>
    </row>
    <row r="370980" spans="14:14">
      <c r="N370980" s="10"/>
    </row>
    <row r="370981" spans="14:14">
      <c r="N370981" s="10"/>
    </row>
    <row r="370982" spans="14:14">
      <c r="N370982" s="10"/>
    </row>
    <row r="370983" spans="14:14">
      <c r="N370983" s="10"/>
    </row>
    <row r="370984" spans="14:14">
      <c r="N370984" s="10"/>
    </row>
    <row r="370985" spans="14:14">
      <c r="N370985" s="10"/>
    </row>
    <row r="370986" spans="14:14">
      <c r="N370986" s="10"/>
    </row>
    <row r="370987" spans="14:14">
      <c r="N370987" s="10"/>
    </row>
    <row r="370988" spans="14:14">
      <c r="N370988" s="10"/>
    </row>
    <row r="370989" spans="14:14">
      <c r="N370989" s="10"/>
    </row>
    <row r="370990" spans="14:14">
      <c r="N370990" s="10"/>
    </row>
    <row r="370991" spans="14:14">
      <c r="N370991" s="10"/>
    </row>
    <row r="370992" spans="14:14">
      <c r="N370992" s="10"/>
    </row>
    <row r="370993" spans="14:14">
      <c r="N370993" s="10"/>
    </row>
    <row r="370994" spans="14:14">
      <c r="N370994" s="10"/>
    </row>
    <row r="370995" spans="14:14">
      <c r="N370995" s="10"/>
    </row>
    <row r="370996" spans="14:14">
      <c r="N370996" s="10"/>
    </row>
    <row r="370997" spans="14:14">
      <c r="N370997" s="10"/>
    </row>
    <row r="370998" spans="14:14">
      <c r="N370998" s="10"/>
    </row>
    <row r="370999" spans="14:14">
      <c r="N370999" s="10"/>
    </row>
    <row r="371000" spans="14:14">
      <c r="N371000" s="10"/>
    </row>
    <row r="371001" spans="14:14">
      <c r="N371001" s="10"/>
    </row>
    <row r="371002" spans="14:14">
      <c r="N371002" s="10"/>
    </row>
    <row r="371003" spans="14:14">
      <c r="N371003" s="10"/>
    </row>
    <row r="371004" spans="14:14">
      <c r="N371004" s="10"/>
    </row>
    <row r="371005" spans="14:14">
      <c r="N371005" s="10"/>
    </row>
    <row r="371006" spans="14:14">
      <c r="N371006" s="10"/>
    </row>
    <row r="371007" spans="14:14">
      <c r="N371007" s="10"/>
    </row>
    <row r="371008" spans="14:14">
      <c r="N371008" s="10"/>
    </row>
    <row r="371009" spans="14:14">
      <c r="N371009" s="10"/>
    </row>
    <row r="371010" spans="14:14">
      <c r="N371010" s="10"/>
    </row>
    <row r="371011" spans="14:14">
      <c r="N371011" s="10"/>
    </row>
    <row r="371012" spans="14:14">
      <c r="N371012" s="10"/>
    </row>
    <row r="371013" spans="14:14">
      <c r="N371013" s="10"/>
    </row>
    <row r="371014" spans="14:14">
      <c r="N371014" s="10"/>
    </row>
    <row r="371015" spans="14:14">
      <c r="N371015" s="10"/>
    </row>
    <row r="371016" spans="14:14">
      <c r="N371016" s="10"/>
    </row>
    <row r="371017" spans="14:14">
      <c r="N371017" s="10"/>
    </row>
    <row r="371018" spans="14:14">
      <c r="N371018" s="10"/>
    </row>
    <row r="371019" spans="14:14">
      <c r="N371019" s="10"/>
    </row>
    <row r="371020" spans="14:14">
      <c r="N371020" s="10"/>
    </row>
    <row r="371021" spans="14:14">
      <c r="N371021" s="10"/>
    </row>
    <row r="371022" spans="14:14">
      <c r="N371022" s="10"/>
    </row>
    <row r="371023" spans="14:14">
      <c r="N371023" s="10"/>
    </row>
    <row r="371024" spans="14:14">
      <c r="N371024" s="10"/>
    </row>
    <row r="371025" spans="14:14">
      <c r="N371025" s="10"/>
    </row>
    <row r="371026" spans="14:14">
      <c r="N371026" s="10"/>
    </row>
    <row r="371027" spans="14:14">
      <c r="N371027" s="10"/>
    </row>
    <row r="371028" spans="14:14">
      <c r="N371028" s="10"/>
    </row>
    <row r="371029" spans="14:14">
      <c r="N371029" s="10"/>
    </row>
    <row r="371030" spans="14:14">
      <c r="N371030" s="10"/>
    </row>
    <row r="371031" spans="14:14">
      <c r="N371031" s="10"/>
    </row>
    <row r="371032" spans="14:14">
      <c r="N371032" s="10"/>
    </row>
    <row r="371033" spans="14:14">
      <c r="N371033" s="10"/>
    </row>
    <row r="371034" spans="14:14">
      <c r="N371034" s="10"/>
    </row>
    <row r="371035" spans="14:14">
      <c r="N371035" s="10"/>
    </row>
    <row r="371036" spans="14:14">
      <c r="N371036" s="10"/>
    </row>
    <row r="371037" spans="14:14">
      <c r="N371037" s="10"/>
    </row>
    <row r="371038" spans="14:14">
      <c r="N371038" s="10"/>
    </row>
    <row r="371039" spans="14:14">
      <c r="N371039" s="10"/>
    </row>
    <row r="371040" spans="14:14">
      <c r="N371040" s="10"/>
    </row>
    <row r="371041" spans="14:14">
      <c r="N371041" s="10"/>
    </row>
    <row r="371042" spans="14:14">
      <c r="N371042" s="10"/>
    </row>
    <row r="371043" spans="14:14">
      <c r="N371043" s="10"/>
    </row>
    <row r="371044" spans="14:14">
      <c r="N371044" s="10"/>
    </row>
    <row r="371045" spans="14:14">
      <c r="N371045" s="10"/>
    </row>
    <row r="371046" spans="14:14">
      <c r="N371046" s="10"/>
    </row>
    <row r="371047" spans="14:14">
      <c r="N371047" s="10"/>
    </row>
    <row r="371048" spans="14:14">
      <c r="N371048" s="10"/>
    </row>
    <row r="371049" spans="14:14">
      <c r="N371049" s="10"/>
    </row>
    <row r="371050" spans="14:14">
      <c r="N371050" s="10"/>
    </row>
    <row r="371051" spans="14:14">
      <c r="N371051" s="10"/>
    </row>
    <row r="371052" spans="14:14">
      <c r="N371052" s="10"/>
    </row>
    <row r="371053" spans="14:14">
      <c r="N371053" s="10"/>
    </row>
    <row r="371054" spans="14:14">
      <c r="N371054" s="10"/>
    </row>
    <row r="371055" spans="14:14">
      <c r="N371055" s="10"/>
    </row>
    <row r="371056" spans="14:14">
      <c r="N371056" s="10"/>
    </row>
    <row r="371057" spans="14:14">
      <c r="N371057" s="10"/>
    </row>
    <row r="371058" spans="14:14">
      <c r="N371058" s="10"/>
    </row>
    <row r="371059" spans="14:14">
      <c r="N371059" s="10"/>
    </row>
    <row r="371060" spans="14:14">
      <c r="N371060" s="10"/>
    </row>
    <row r="371061" spans="14:14">
      <c r="N371061" s="10"/>
    </row>
    <row r="371062" spans="14:14">
      <c r="N371062" s="10"/>
    </row>
    <row r="371063" spans="14:14">
      <c r="N371063" s="10"/>
    </row>
    <row r="371064" spans="14:14">
      <c r="N371064" s="10"/>
    </row>
    <row r="371065" spans="14:14">
      <c r="N371065" s="10"/>
    </row>
    <row r="371066" spans="14:14">
      <c r="N371066" s="10"/>
    </row>
    <row r="371067" spans="14:14">
      <c r="N371067" s="10"/>
    </row>
    <row r="371068" spans="14:14">
      <c r="N371068" s="10"/>
    </row>
    <row r="371069" spans="14:14">
      <c r="N371069" s="10"/>
    </row>
    <row r="371070" spans="14:14">
      <c r="N371070" s="10"/>
    </row>
    <row r="371071" spans="14:14">
      <c r="N371071" s="10"/>
    </row>
    <row r="371072" spans="14:14">
      <c r="N371072" s="10"/>
    </row>
    <row r="371073" spans="14:14">
      <c r="N371073" s="10"/>
    </row>
    <row r="371074" spans="14:14">
      <c r="N371074" s="10"/>
    </row>
    <row r="371075" spans="14:14">
      <c r="N371075" s="10"/>
    </row>
    <row r="371076" spans="14:14">
      <c r="N371076" s="10"/>
    </row>
    <row r="371077" spans="14:14">
      <c r="N371077" s="10"/>
    </row>
    <row r="371078" spans="14:14">
      <c r="N371078" s="10"/>
    </row>
    <row r="371079" spans="14:14">
      <c r="N371079" s="10"/>
    </row>
    <row r="371080" spans="14:14">
      <c r="N371080" s="10"/>
    </row>
    <row r="371081" spans="14:14">
      <c r="N371081" s="10"/>
    </row>
    <row r="371082" spans="14:14">
      <c r="N371082" s="10"/>
    </row>
    <row r="371083" spans="14:14">
      <c r="N371083" s="10"/>
    </row>
    <row r="371084" spans="14:14">
      <c r="N371084" s="10"/>
    </row>
    <row r="371085" spans="14:14">
      <c r="N371085" s="10"/>
    </row>
    <row r="371086" spans="14:14">
      <c r="N371086" s="10"/>
    </row>
    <row r="371087" spans="14:14">
      <c r="N371087" s="10"/>
    </row>
    <row r="371088" spans="14:14">
      <c r="N371088" s="10"/>
    </row>
    <row r="371089" spans="14:14">
      <c r="N371089" s="10"/>
    </row>
    <row r="371090" spans="14:14">
      <c r="N371090" s="10"/>
    </row>
    <row r="371091" spans="14:14">
      <c r="N371091" s="10"/>
    </row>
    <row r="371092" spans="14:14">
      <c r="N371092" s="10"/>
    </row>
    <row r="371093" spans="14:14">
      <c r="N371093" s="10"/>
    </row>
    <row r="371094" spans="14:14">
      <c r="N371094" s="10"/>
    </row>
    <row r="371095" spans="14:14">
      <c r="N371095" s="10"/>
    </row>
    <row r="371096" spans="14:14">
      <c r="N371096" s="10"/>
    </row>
    <row r="371097" spans="14:14">
      <c r="N371097" s="10"/>
    </row>
    <row r="371098" spans="14:14">
      <c r="N371098" s="10"/>
    </row>
    <row r="371099" spans="14:14">
      <c r="N371099" s="10"/>
    </row>
    <row r="371100" spans="14:14">
      <c r="N371100" s="10"/>
    </row>
    <row r="371101" spans="14:14">
      <c r="N371101" s="10"/>
    </row>
    <row r="371102" spans="14:14">
      <c r="N371102" s="10"/>
    </row>
    <row r="371103" spans="14:14">
      <c r="N371103" s="10"/>
    </row>
    <row r="371104" spans="14:14">
      <c r="N371104" s="10"/>
    </row>
    <row r="371105" spans="14:14">
      <c r="N371105" s="10"/>
    </row>
    <row r="371106" spans="14:14">
      <c r="N371106" s="10"/>
    </row>
    <row r="371107" spans="14:14">
      <c r="N371107" s="10"/>
    </row>
    <row r="371108" spans="14:14">
      <c r="N371108" s="10"/>
    </row>
    <row r="371109" spans="14:14">
      <c r="N371109" s="10"/>
    </row>
    <row r="371110" spans="14:14">
      <c r="N371110" s="10"/>
    </row>
    <row r="371111" spans="14:14">
      <c r="N371111" s="10"/>
    </row>
    <row r="371112" spans="14:14">
      <c r="N371112" s="10"/>
    </row>
    <row r="371113" spans="14:14">
      <c r="N371113" s="10"/>
    </row>
    <row r="371114" spans="14:14">
      <c r="N371114" s="10"/>
    </row>
    <row r="371115" spans="14:14">
      <c r="N371115" s="10"/>
    </row>
    <row r="371116" spans="14:14">
      <c r="N371116" s="10"/>
    </row>
    <row r="371117" spans="14:14">
      <c r="N371117" s="10"/>
    </row>
    <row r="371118" spans="14:14">
      <c r="N371118" s="10"/>
    </row>
    <row r="371119" spans="14:14">
      <c r="N371119" s="10"/>
    </row>
    <row r="371120" spans="14:14">
      <c r="N371120" s="10"/>
    </row>
    <row r="371121" spans="14:14">
      <c r="N371121" s="10"/>
    </row>
    <row r="371122" spans="14:14">
      <c r="N371122" s="10"/>
    </row>
    <row r="371123" spans="14:14">
      <c r="N371123" s="10"/>
    </row>
    <row r="371124" spans="14:14">
      <c r="N371124" s="10"/>
    </row>
    <row r="371125" spans="14:14">
      <c r="N371125" s="10"/>
    </row>
    <row r="371126" spans="14:14">
      <c r="N371126" s="10"/>
    </row>
    <row r="371127" spans="14:14">
      <c r="N371127" s="10"/>
    </row>
    <row r="371128" spans="14:14">
      <c r="N371128" s="10"/>
    </row>
    <row r="371129" spans="14:14">
      <c r="N371129" s="10"/>
    </row>
    <row r="371130" spans="14:14">
      <c r="N371130" s="10"/>
    </row>
    <row r="371131" spans="14:14">
      <c r="N371131" s="10"/>
    </row>
    <row r="371132" spans="14:14">
      <c r="N371132" s="10"/>
    </row>
    <row r="371133" spans="14:14">
      <c r="N371133" s="10"/>
    </row>
    <row r="371134" spans="14:14">
      <c r="N371134" s="10"/>
    </row>
    <row r="371135" spans="14:14">
      <c r="N371135" s="10"/>
    </row>
    <row r="371136" spans="14:14">
      <c r="N371136" s="10"/>
    </row>
    <row r="371137" spans="14:14">
      <c r="N371137" s="10"/>
    </row>
    <row r="371138" spans="14:14">
      <c r="N371138" s="10"/>
    </row>
    <row r="371139" spans="14:14">
      <c r="N371139" s="10"/>
    </row>
    <row r="371140" spans="14:14">
      <c r="N371140" s="10"/>
    </row>
    <row r="371141" spans="14:14">
      <c r="N371141" s="10"/>
    </row>
    <row r="371142" spans="14:14">
      <c r="N371142" s="10"/>
    </row>
    <row r="371143" spans="14:14">
      <c r="N371143" s="10"/>
    </row>
    <row r="371144" spans="14:14">
      <c r="N371144" s="10"/>
    </row>
    <row r="371145" spans="14:14">
      <c r="N371145" s="10"/>
    </row>
    <row r="371146" spans="14:14">
      <c r="N371146" s="10"/>
    </row>
    <row r="371147" spans="14:14">
      <c r="N371147" s="10"/>
    </row>
    <row r="371148" spans="14:14">
      <c r="N371148" s="10"/>
    </row>
    <row r="371149" spans="14:14">
      <c r="N371149" s="10"/>
    </row>
    <row r="371150" spans="14:14">
      <c r="N371150" s="10"/>
    </row>
    <row r="371151" spans="14:14">
      <c r="N371151" s="10"/>
    </row>
    <row r="371152" spans="14:14">
      <c r="N371152" s="10"/>
    </row>
    <row r="371153" spans="14:14">
      <c r="N371153" s="10"/>
    </row>
    <row r="371154" spans="14:14">
      <c r="N371154" s="10"/>
    </row>
    <row r="371155" spans="14:14">
      <c r="N371155" s="10"/>
    </row>
    <row r="371156" spans="14:14">
      <c r="N371156" s="10"/>
    </row>
    <row r="371157" spans="14:14">
      <c r="N371157" s="10"/>
    </row>
    <row r="371158" spans="14:14">
      <c r="N371158" s="10"/>
    </row>
    <row r="371159" spans="14:14">
      <c r="N371159" s="10"/>
    </row>
    <row r="371160" spans="14:14">
      <c r="N371160" s="10"/>
    </row>
    <row r="371161" spans="14:14">
      <c r="N371161" s="10"/>
    </row>
    <row r="371162" spans="14:14">
      <c r="N371162" s="10"/>
    </row>
    <row r="371163" spans="14:14">
      <c r="N371163" s="10"/>
    </row>
    <row r="371164" spans="14:14">
      <c r="N371164" s="10"/>
    </row>
    <row r="371165" spans="14:14">
      <c r="N371165" s="10"/>
    </row>
    <row r="371166" spans="14:14">
      <c r="N371166" s="10"/>
    </row>
    <row r="371167" spans="14:14">
      <c r="N371167" s="10"/>
    </row>
    <row r="371168" spans="14:14">
      <c r="N371168" s="10"/>
    </row>
    <row r="371169" spans="14:14">
      <c r="N371169" s="10"/>
    </row>
    <row r="371170" spans="14:14">
      <c r="N371170" s="10"/>
    </row>
    <row r="371171" spans="14:14">
      <c r="N371171" s="10"/>
    </row>
    <row r="371172" spans="14:14">
      <c r="N371172" s="10"/>
    </row>
    <row r="371173" spans="14:14">
      <c r="N371173" s="10"/>
    </row>
    <row r="371174" spans="14:14">
      <c r="N371174" s="10"/>
    </row>
    <row r="371175" spans="14:14">
      <c r="N371175" s="10"/>
    </row>
    <row r="371176" spans="14:14">
      <c r="N371176" s="10"/>
    </row>
    <row r="371177" spans="14:14">
      <c r="N371177" s="10"/>
    </row>
    <row r="371178" spans="14:14">
      <c r="N371178" s="10"/>
    </row>
    <row r="371179" spans="14:14">
      <c r="N371179" s="10"/>
    </row>
    <row r="371180" spans="14:14">
      <c r="N371180" s="10"/>
    </row>
    <row r="371181" spans="14:14">
      <c r="N371181" s="10"/>
    </row>
    <row r="371182" spans="14:14">
      <c r="N371182" s="10"/>
    </row>
    <row r="371183" spans="14:14">
      <c r="N371183" s="10"/>
    </row>
    <row r="371184" spans="14:14">
      <c r="N371184" s="10"/>
    </row>
    <row r="371185" spans="14:14">
      <c r="N371185" s="10"/>
    </row>
    <row r="371186" spans="14:14">
      <c r="N371186" s="10"/>
    </row>
    <row r="371187" spans="14:14">
      <c r="N371187" s="10"/>
    </row>
    <row r="371188" spans="14:14">
      <c r="N371188" s="10"/>
    </row>
    <row r="371189" spans="14:14">
      <c r="N371189" s="10"/>
    </row>
    <row r="371190" spans="14:14">
      <c r="N371190" s="10"/>
    </row>
    <row r="371191" spans="14:14">
      <c r="N371191" s="10"/>
    </row>
    <row r="371192" spans="14:14">
      <c r="N371192" s="10"/>
    </row>
    <row r="371193" spans="14:14">
      <c r="N371193" s="10"/>
    </row>
    <row r="371194" spans="14:14">
      <c r="N371194" s="10"/>
    </row>
    <row r="371195" spans="14:14">
      <c r="N371195" s="10"/>
    </row>
    <row r="371196" spans="14:14">
      <c r="N371196" s="10"/>
    </row>
    <row r="371197" spans="14:14">
      <c r="N371197" s="10"/>
    </row>
    <row r="371198" spans="14:14">
      <c r="N371198" s="10"/>
    </row>
    <row r="371199" spans="14:14">
      <c r="N371199" s="10"/>
    </row>
    <row r="371200" spans="14:14">
      <c r="N371200" s="10"/>
    </row>
    <row r="371201" spans="14:14">
      <c r="N371201" s="10"/>
    </row>
    <row r="371202" spans="14:14">
      <c r="N371202" s="10"/>
    </row>
    <row r="371203" spans="14:14">
      <c r="N371203" s="10"/>
    </row>
    <row r="371204" spans="14:14">
      <c r="N371204" s="10"/>
    </row>
    <row r="371205" spans="14:14">
      <c r="N371205" s="10"/>
    </row>
    <row r="371206" spans="14:14">
      <c r="N371206" s="10"/>
    </row>
    <row r="371207" spans="14:14">
      <c r="N371207" s="10"/>
    </row>
    <row r="371208" spans="14:14">
      <c r="N371208" s="10"/>
    </row>
    <row r="371209" spans="14:14">
      <c r="N371209" s="10"/>
    </row>
    <row r="371210" spans="14:14">
      <c r="N371210" s="10"/>
    </row>
    <row r="371211" spans="14:14">
      <c r="N371211" s="10"/>
    </row>
    <row r="371212" spans="14:14">
      <c r="N371212" s="10"/>
    </row>
    <row r="371213" spans="14:14">
      <c r="N371213" s="10"/>
    </row>
    <row r="371214" spans="14:14">
      <c r="N371214" s="10"/>
    </row>
    <row r="371215" spans="14:14">
      <c r="N371215" s="10"/>
    </row>
    <row r="371216" spans="14:14">
      <c r="N371216" s="10"/>
    </row>
    <row r="371217" spans="14:14">
      <c r="N371217" s="10"/>
    </row>
    <row r="371218" spans="14:14">
      <c r="N371218" s="10"/>
    </row>
    <row r="371219" spans="14:14">
      <c r="N371219" s="10"/>
    </row>
    <row r="371220" spans="14:14">
      <c r="N371220" s="10"/>
    </row>
    <row r="371221" spans="14:14">
      <c r="N371221" s="10"/>
    </row>
    <row r="371222" spans="14:14">
      <c r="N371222" s="10"/>
    </row>
    <row r="371223" spans="14:14">
      <c r="N371223" s="10"/>
    </row>
    <row r="371224" spans="14:14">
      <c r="N371224" s="10"/>
    </row>
    <row r="371225" spans="14:14">
      <c r="N371225" s="10"/>
    </row>
    <row r="371226" spans="14:14">
      <c r="N371226" s="10"/>
    </row>
    <row r="371227" spans="14:14">
      <c r="N371227" s="10"/>
    </row>
    <row r="371228" spans="14:14">
      <c r="N371228" s="10"/>
    </row>
    <row r="371229" spans="14:14">
      <c r="N371229" s="10"/>
    </row>
    <row r="371230" spans="14:14">
      <c r="N371230" s="10"/>
    </row>
    <row r="371231" spans="14:14">
      <c r="N371231" s="10"/>
    </row>
    <row r="371232" spans="14:14">
      <c r="N371232" s="10"/>
    </row>
    <row r="371233" spans="14:14">
      <c r="N371233" s="10"/>
    </row>
    <row r="371234" spans="14:14">
      <c r="N371234" s="10"/>
    </row>
    <row r="371235" spans="14:14">
      <c r="N371235" s="10"/>
    </row>
    <row r="371236" spans="14:14">
      <c r="N371236" s="10"/>
    </row>
    <row r="371237" spans="14:14">
      <c r="N371237" s="10"/>
    </row>
    <row r="371238" spans="14:14">
      <c r="N371238" s="10"/>
    </row>
    <row r="371239" spans="14:14">
      <c r="N371239" s="10"/>
    </row>
    <row r="371240" spans="14:14">
      <c r="N371240" s="10"/>
    </row>
    <row r="371241" spans="14:14">
      <c r="N371241" s="10"/>
    </row>
    <row r="371242" spans="14:14">
      <c r="N371242" s="10"/>
    </row>
    <row r="371243" spans="14:14">
      <c r="N371243" s="10"/>
    </row>
    <row r="371244" spans="14:14">
      <c r="N371244" s="10"/>
    </row>
    <row r="371245" spans="14:14">
      <c r="N371245" s="10"/>
    </row>
    <row r="371246" spans="14:14">
      <c r="N371246" s="10"/>
    </row>
    <row r="371247" spans="14:14">
      <c r="N371247" s="10"/>
    </row>
    <row r="371248" spans="14:14">
      <c r="N371248" s="10"/>
    </row>
    <row r="371249" spans="14:14">
      <c r="N371249" s="10"/>
    </row>
    <row r="371250" spans="14:14">
      <c r="N371250" s="10"/>
    </row>
    <row r="371251" spans="14:14">
      <c r="N371251" s="10"/>
    </row>
    <row r="371252" spans="14:14">
      <c r="N371252" s="10"/>
    </row>
    <row r="371253" spans="14:14">
      <c r="N371253" s="10"/>
    </row>
    <row r="371254" spans="14:14">
      <c r="N371254" s="10"/>
    </row>
    <row r="371255" spans="14:14">
      <c r="N371255" s="10"/>
    </row>
    <row r="371256" spans="14:14">
      <c r="N371256" s="10"/>
    </row>
    <row r="371257" spans="14:14">
      <c r="N371257" s="10"/>
    </row>
    <row r="371258" spans="14:14">
      <c r="N371258" s="10"/>
    </row>
    <row r="371259" spans="14:14">
      <c r="N371259" s="10"/>
    </row>
    <row r="371260" spans="14:14">
      <c r="N371260" s="10"/>
    </row>
    <row r="371261" spans="14:14">
      <c r="N371261" s="10"/>
    </row>
    <row r="371262" spans="14:14">
      <c r="N371262" s="10"/>
    </row>
    <row r="371263" spans="14:14">
      <c r="N371263" s="10"/>
    </row>
    <row r="371264" spans="14:14">
      <c r="N371264" s="10"/>
    </row>
    <row r="371265" spans="14:14">
      <c r="N371265" s="10"/>
    </row>
    <row r="371266" spans="14:14">
      <c r="N371266" s="10"/>
    </row>
    <row r="371267" spans="14:14">
      <c r="N371267" s="10"/>
    </row>
    <row r="371268" spans="14:14">
      <c r="N371268" s="10"/>
    </row>
    <row r="371269" spans="14:14">
      <c r="N371269" s="10"/>
    </row>
    <row r="371270" spans="14:14">
      <c r="N371270" s="10"/>
    </row>
    <row r="371271" spans="14:14">
      <c r="N371271" s="10"/>
    </row>
    <row r="371272" spans="14:14">
      <c r="N371272" s="10"/>
    </row>
    <row r="371273" spans="14:14">
      <c r="N371273" s="10"/>
    </row>
    <row r="371274" spans="14:14">
      <c r="N371274" s="10"/>
    </row>
    <row r="371275" spans="14:14">
      <c r="N371275" s="10"/>
    </row>
    <row r="371276" spans="14:14">
      <c r="N371276" s="10"/>
    </row>
    <row r="371277" spans="14:14">
      <c r="N371277" s="10"/>
    </row>
    <row r="371278" spans="14:14">
      <c r="N371278" s="10"/>
    </row>
    <row r="371279" spans="14:14">
      <c r="N371279" s="10"/>
    </row>
    <row r="371280" spans="14:14">
      <c r="N371280" s="10"/>
    </row>
    <row r="371281" spans="14:14">
      <c r="N371281" s="10"/>
    </row>
    <row r="371282" spans="14:14">
      <c r="N371282" s="10"/>
    </row>
    <row r="371283" spans="14:14">
      <c r="N371283" s="10"/>
    </row>
    <row r="371284" spans="14:14">
      <c r="N371284" s="10"/>
    </row>
    <row r="371285" spans="14:14">
      <c r="N371285" s="10"/>
    </row>
    <row r="371286" spans="14:14">
      <c r="N371286" s="10"/>
    </row>
    <row r="371287" spans="14:14">
      <c r="N371287" s="10"/>
    </row>
    <row r="371288" spans="14:14">
      <c r="N371288" s="10"/>
    </row>
    <row r="371289" spans="14:14">
      <c r="N371289" s="10"/>
    </row>
    <row r="371290" spans="14:14">
      <c r="N371290" s="10"/>
    </row>
    <row r="371291" spans="14:14">
      <c r="N371291" s="10"/>
    </row>
    <row r="371292" spans="14:14">
      <c r="N371292" s="10"/>
    </row>
    <row r="371293" spans="14:14">
      <c r="N371293" s="10"/>
    </row>
    <row r="371294" spans="14:14">
      <c r="N371294" s="10"/>
    </row>
    <row r="371295" spans="14:14">
      <c r="N371295" s="10"/>
    </row>
    <row r="371296" spans="14:14">
      <c r="N371296" s="10"/>
    </row>
    <row r="371297" spans="14:14">
      <c r="N371297" s="10"/>
    </row>
    <row r="371298" spans="14:14">
      <c r="N371298" s="10"/>
    </row>
    <row r="371299" spans="14:14">
      <c r="N371299" s="10"/>
    </row>
    <row r="371300" spans="14:14">
      <c r="N371300" s="10"/>
    </row>
    <row r="371301" spans="14:14">
      <c r="N371301" s="10"/>
    </row>
    <row r="371302" spans="14:14">
      <c r="N371302" s="10"/>
    </row>
    <row r="371303" spans="14:14">
      <c r="N371303" s="10"/>
    </row>
    <row r="371304" spans="14:14">
      <c r="N371304" s="10"/>
    </row>
    <row r="371305" spans="14:14">
      <c r="N371305" s="10"/>
    </row>
    <row r="371306" spans="14:14">
      <c r="N371306" s="10"/>
    </row>
    <row r="371307" spans="14:14">
      <c r="N371307" s="10"/>
    </row>
    <row r="371308" spans="14:14">
      <c r="N371308" s="10"/>
    </row>
    <row r="371309" spans="14:14">
      <c r="N371309" s="10"/>
    </row>
    <row r="371310" spans="14:14">
      <c r="N371310" s="10"/>
    </row>
    <row r="371311" spans="14:14">
      <c r="N371311" s="10"/>
    </row>
    <row r="371312" spans="14:14">
      <c r="N371312" s="10"/>
    </row>
    <row r="371313" spans="14:14">
      <c r="N371313" s="10"/>
    </row>
    <row r="371314" spans="14:14">
      <c r="N371314" s="10"/>
    </row>
    <row r="371315" spans="14:14">
      <c r="N371315" s="10"/>
    </row>
    <row r="371316" spans="14:14">
      <c r="N371316" s="10"/>
    </row>
    <row r="371317" spans="14:14">
      <c r="N371317" s="10"/>
    </row>
    <row r="371318" spans="14:14">
      <c r="N371318" s="10"/>
    </row>
    <row r="371319" spans="14:14">
      <c r="N371319" s="10"/>
    </row>
    <row r="371320" spans="14:14">
      <c r="N371320" s="10"/>
    </row>
    <row r="371321" spans="14:14">
      <c r="N371321" s="10"/>
    </row>
    <row r="371322" spans="14:14">
      <c r="N371322" s="10"/>
    </row>
    <row r="371323" spans="14:14">
      <c r="N371323" s="10"/>
    </row>
    <row r="371324" spans="14:14">
      <c r="N371324" s="10"/>
    </row>
    <row r="371325" spans="14:14">
      <c r="N371325" s="10"/>
    </row>
    <row r="371326" spans="14:14">
      <c r="N371326" s="10"/>
    </row>
    <row r="371327" spans="14:14">
      <c r="N371327" s="10"/>
    </row>
    <row r="371328" spans="14:14">
      <c r="N371328" s="10"/>
    </row>
    <row r="371329" spans="14:14">
      <c r="N371329" s="10"/>
    </row>
    <row r="371330" spans="14:14">
      <c r="N371330" s="10"/>
    </row>
    <row r="371331" spans="14:14">
      <c r="N371331" s="10"/>
    </row>
    <row r="371332" spans="14:14">
      <c r="N371332" s="10"/>
    </row>
    <row r="371333" spans="14:14">
      <c r="N371333" s="10"/>
    </row>
    <row r="371334" spans="14:14">
      <c r="N371334" s="10"/>
    </row>
    <row r="371335" spans="14:14">
      <c r="N371335" s="10"/>
    </row>
    <row r="371336" spans="14:14">
      <c r="N371336" s="10"/>
    </row>
    <row r="371337" spans="14:14">
      <c r="N371337" s="10"/>
    </row>
    <row r="371338" spans="14:14">
      <c r="N371338" s="10"/>
    </row>
    <row r="371339" spans="14:14">
      <c r="N371339" s="10"/>
    </row>
    <row r="371340" spans="14:14">
      <c r="N371340" s="10"/>
    </row>
    <row r="371341" spans="14:14">
      <c r="N371341" s="10"/>
    </row>
    <row r="371342" spans="14:14">
      <c r="N371342" s="10"/>
    </row>
    <row r="371343" spans="14:14">
      <c r="N371343" s="10"/>
    </row>
    <row r="371344" spans="14:14">
      <c r="N371344" s="10"/>
    </row>
    <row r="371345" spans="14:14">
      <c r="N371345" s="10"/>
    </row>
    <row r="371346" spans="14:14">
      <c r="N371346" s="10"/>
    </row>
    <row r="371347" spans="14:14">
      <c r="N371347" s="10"/>
    </row>
    <row r="371348" spans="14:14">
      <c r="N371348" s="10"/>
    </row>
    <row r="371349" spans="14:14">
      <c r="N371349" s="10"/>
    </row>
    <row r="371350" spans="14:14">
      <c r="N371350" s="10"/>
    </row>
    <row r="371351" spans="14:14">
      <c r="N371351" s="10"/>
    </row>
    <row r="371352" spans="14:14">
      <c r="N371352" s="10"/>
    </row>
    <row r="371353" spans="14:14">
      <c r="N371353" s="10"/>
    </row>
    <row r="371354" spans="14:14">
      <c r="N371354" s="10"/>
    </row>
    <row r="371355" spans="14:14">
      <c r="N371355" s="10"/>
    </row>
    <row r="371356" spans="14:14">
      <c r="N371356" s="10"/>
    </row>
    <row r="371357" spans="14:14">
      <c r="N371357" s="10"/>
    </row>
    <row r="371358" spans="14:14">
      <c r="N371358" s="10"/>
    </row>
    <row r="371359" spans="14:14">
      <c r="N371359" s="10"/>
    </row>
    <row r="371360" spans="14:14">
      <c r="N371360" s="10"/>
    </row>
    <row r="371361" spans="14:14">
      <c r="N371361" s="10"/>
    </row>
    <row r="371362" spans="14:14">
      <c r="N371362" s="10"/>
    </row>
    <row r="371363" spans="14:14">
      <c r="N371363" s="10"/>
    </row>
    <row r="371364" spans="14:14">
      <c r="N371364" s="10"/>
    </row>
    <row r="371365" spans="14:14">
      <c r="N371365" s="10"/>
    </row>
    <row r="371366" spans="14:14">
      <c r="N371366" s="10"/>
    </row>
    <row r="371367" spans="14:14">
      <c r="N371367" s="10"/>
    </row>
    <row r="371368" spans="14:14">
      <c r="N371368" s="10"/>
    </row>
    <row r="371369" spans="14:14">
      <c r="N371369" s="10"/>
    </row>
    <row r="371370" spans="14:14">
      <c r="N371370" s="10"/>
    </row>
    <row r="371371" spans="14:14">
      <c r="N371371" s="10"/>
    </row>
    <row r="371372" spans="14:14">
      <c r="N371372" s="10"/>
    </row>
    <row r="371373" spans="14:14">
      <c r="N371373" s="10"/>
    </row>
    <row r="371374" spans="14:14">
      <c r="N371374" s="10"/>
    </row>
    <row r="371375" spans="14:14">
      <c r="N371375" s="10"/>
    </row>
    <row r="371376" spans="14:14">
      <c r="N371376" s="10"/>
    </row>
    <row r="371377" spans="14:14">
      <c r="N371377" s="10"/>
    </row>
    <row r="371378" spans="14:14">
      <c r="N371378" s="10"/>
    </row>
    <row r="371379" spans="14:14">
      <c r="N371379" s="10"/>
    </row>
    <row r="371380" spans="14:14">
      <c r="N371380" s="10"/>
    </row>
    <row r="371381" spans="14:14">
      <c r="N371381" s="10"/>
    </row>
    <row r="371382" spans="14:14">
      <c r="N371382" s="10"/>
    </row>
    <row r="371383" spans="14:14">
      <c r="N371383" s="10"/>
    </row>
    <row r="371384" spans="14:14">
      <c r="N371384" s="10"/>
    </row>
    <row r="371385" spans="14:14">
      <c r="N371385" s="10"/>
    </row>
    <row r="371386" spans="14:14">
      <c r="N371386" s="10"/>
    </row>
    <row r="371387" spans="14:14">
      <c r="N371387" s="10"/>
    </row>
    <row r="371388" spans="14:14">
      <c r="N371388" s="10"/>
    </row>
    <row r="371389" spans="14:14">
      <c r="N371389" s="10"/>
    </row>
    <row r="371390" spans="14:14">
      <c r="N371390" s="10"/>
    </row>
    <row r="371391" spans="14:14">
      <c r="N371391" s="10"/>
    </row>
    <row r="371392" spans="14:14">
      <c r="N371392" s="10"/>
    </row>
    <row r="371393" spans="14:14">
      <c r="N371393" s="10"/>
    </row>
    <row r="371394" spans="14:14">
      <c r="N371394" s="10"/>
    </row>
    <row r="371395" spans="14:14">
      <c r="N371395" s="10"/>
    </row>
    <row r="371396" spans="14:14">
      <c r="N371396" s="10"/>
    </row>
    <row r="371397" spans="14:14">
      <c r="N371397" s="10"/>
    </row>
    <row r="371398" spans="14:14">
      <c r="N371398" s="10"/>
    </row>
    <row r="371399" spans="14:14">
      <c r="N371399" s="10"/>
    </row>
    <row r="371400" spans="14:14">
      <c r="N371400" s="10"/>
    </row>
    <row r="371401" spans="14:14">
      <c r="N371401" s="10"/>
    </row>
    <row r="371402" spans="14:14">
      <c r="N371402" s="10"/>
    </row>
    <row r="371403" spans="14:14">
      <c r="N371403" s="10"/>
    </row>
    <row r="371404" spans="14:14">
      <c r="N371404" s="10"/>
    </row>
    <row r="371405" spans="14:14">
      <c r="N371405" s="10"/>
    </row>
    <row r="371406" spans="14:14">
      <c r="N371406" s="10"/>
    </row>
    <row r="371407" spans="14:14">
      <c r="N371407" s="10"/>
    </row>
    <row r="371408" spans="14:14">
      <c r="N371408" s="10"/>
    </row>
    <row r="371409" spans="14:14">
      <c r="N371409" s="10"/>
    </row>
    <row r="371410" spans="14:14">
      <c r="N371410" s="10"/>
    </row>
    <row r="371411" spans="14:14">
      <c r="N371411" s="10"/>
    </row>
    <row r="371412" spans="14:14">
      <c r="N371412" s="10"/>
    </row>
    <row r="371413" spans="14:14">
      <c r="N371413" s="10"/>
    </row>
    <row r="371414" spans="14:14">
      <c r="N371414" s="10"/>
    </row>
    <row r="371415" spans="14:14">
      <c r="N371415" s="10"/>
    </row>
    <row r="371416" spans="14:14">
      <c r="N371416" s="10"/>
    </row>
    <row r="371417" spans="14:14">
      <c r="N371417" s="10"/>
    </row>
    <row r="371418" spans="14:14">
      <c r="N371418" s="10"/>
    </row>
    <row r="371419" spans="14:14">
      <c r="N371419" s="10"/>
    </row>
    <row r="371420" spans="14:14">
      <c r="N371420" s="10"/>
    </row>
    <row r="371421" spans="14:14">
      <c r="N371421" s="10"/>
    </row>
    <row r="371422" spans="14:14">
      <c r="N371422" s="10"/>
    </row>
    <row r="371423" spans="14:14">
      <c r="N371423" s="10"/>
    </row>
    <row r="371424" spans="14:14">
      <c r="N371424" s="10"/>
    </row>
    <row r="371425" spans="14:14">
      <c r="N371425" s="10"/>
    </row>
    <row r="371426" spans="14:14">
      <c r="N371426" s="10"/>
    </row>
    <row r="371427" spans="14:14">
      <c r="N371427" s="10"/>
    </row>
    <row r="371428" spans="14:14">
      <c r="N371428" s="10"/>
    </row>
    <row r="371429" spans="14:14">
      <c r="N371429" s="10"/>
    </row>
    <row r="371430" spans="14:14">
      <c r="N371430" s="10"/>
    </row>
    <row r="371431" spans="14:14">
      <c r="N371431" s="10"/>
    </row>
    <row r="371432" spans="14:14">
      <c r="N371432" s="10"/>
    </row>
    <row r="371433" spans="14:14">
      <c r="N371433" s="10"/>
    </row>
    <row r="371434" spans="14:14">
      <c r="N371434" s="10"/>
    </row>
    <row r="371435" spans="14:14">
      <c r="N371435" s="10"/>
    </row>
    <row r="371436" spans="14:14">
      <c r="N371436" s="10"/>
    </row>
    <row r="371437" spans="14:14">
      <c r="N371437" s="10"/>
    </row>
    <row r="371438" spans="14:14">
      <c r="N371438" s="10"/>
    </row>
    <row r="371439" spans="14:14">
      <c r="N371439" s="10"/>
    </row>
    <row r="371440" spans="14:14">
      <c r="N371440" s="10"/>
    </row>
    <row r="371441" spans="14:14">
      <c r="N371441" s="10"/>
    </row>
    <row r="371442" spans="14:14">
      <c r="N371442" s="10"/>
    </row>
    <row r="371443" spans="14:14">
      <c r="N371443" s="10"/>
    </row>
    <row r="371444" spans="14:14">
      <c r="N371444" s="10"/>
    </row>
    <row r="371445" spans="14:14">
      <c r="N371445" s="10"/>
    </row>
    <row r="371446" spans="14:14">
      <c r="N371446" s="10"/>
    </row>
    <row r="371447" spans="14:14">
      <c r="N371447" s="10"/>
    </row>
    <row r="371448" spans="14:14">
      <c r="N371448" s="10"/>
    </row>
    <row r="371449" spans="14:14">
      <c r="N371449" s="10"/>
    </row>
    <row r="371450" spans="14:14">
      <c r="N371450" s="10"/>
    </row>
    <row r="371451" spans="14:14">
      <c r="N371451" s="10"/>
    </row>
    <row r="371452" spans="14:14">
      <c r="N371452" s="10"/>
    </row>
    <row r="371453" spans="14:14">
      <c r="N371453" s="10"/>
    </row>
    <row r="371454" spans="14:14">
      <c r="N371454" s="10"/>
    </row>
    <row r="371455" spans="14:14">
      <c r="N371455" s="10"/>
    </row>
    <row r="371456" spans="14:14">
      <c r="N371456" s="10"/>
    </row>
    <row r="371457" spans="14:14">
      <c r="N371457" s="10"/>
    </row>
    <row r="371458" spans="14:14">
      <c r="N371458" s="10"/>
    </row>
    <row r="371459" spans="14:14">
      <c r="N371459" s="10"/>
    </row>
    <row r="371460" spans="14:14">
      <c r="N371460" s="10"/>
    </row>
    <row r="371461" spans="14:14">
      <c r="N371461" s="10"/>
    </row>
    <row r="371462" spans="14:14">
      <c r="N371462" s="10"/>
    </row>
    <row r="371463" spans="14:14">
      <c r="N371463" s="10"/>
    </row>
    <row r="371464" spans="14:14">
      <c r="N371464" s="10"/>
    </row>
    <row r="371465" spans="14:14">
      <c r="N371465" s="10"/>
    </row>
    <row r="371466" spans="14:14">
      <c r="N371466" s="10"/>
    </row>
    <row r="371467" spans="14:14">
      <c r="N371467" s="10"/>
    </row>
    <row r="371468" spans="14:14">
      <c r="N371468" s="10"/>
    </row>
    <row r="371469" spans="14:14">
      <c r="N371469" s="10"/>
    </row>
    <row r="371470" spans="14:14">
      <c r="N371470" s="10"/>
    </row>
    <row r="371471" spans="14:14">
      <c r="N371471" s="10"/>
    </row>
    <row r="371472" spans="14:14">
      <c r="N371472" s="10"/>
    </row>
    <row r="371473" spans="14:14">
      <c r="N371473" s="10"/>
    </row>
    <row r="371474" spans="14:14">
      <c r="N371474" s="10"/>
    </row>
    <row r="371475" spans="14:14">
      <c r="N371475" s="10"/>
    </row>
    <row r="371476" spans="14:14">
      <c r="N371476" s="10"/>
    </row>
    <row r="371477" spans="14:14">
      <c r="N371477" s="10"/>
    </row>
    <row r="371478" spans="14:14">
      <c r="N371478" s="10"/>
    </row>
    <row r="371479" spans="14:14">
      <c r="N371479" s="10"/>
    </row>
    <row r="371480" spans="14:14">
      <c r="N371480" s="10"/>
    </row>
    <row r="371481" spans="14:14">
      <c r="N371481" s="10"/>
    </row>
    <row r="371482" spans="14:14">
      <c r="N371482" s="10"/>
    </row>
    <row r="371483" spans="14:14">
      <c r="N371483" s="10"/>
    </row>
    <row r="371484" spans="14:14">
      <c r="N371484" s="10"/>
    </row>
    <row r="371485" spans="14:14">
      <c r="N371485" s="10"/>
    </row>
    <row r="371486" spans="14:14">
      <c r="N371486" s="10"/>
    </row>
    <row r="371487" spans="14:14">
      <c r="N371487" s="10"/>
    </row>
    <row r="371488" spans="14:14">
      <c r="N371488" s="10"/>
    </row>
    <row r="371489" spans="14:14">
      <c r="N371489" s="10"/>
    </row>
    <row r="371490" spans="14:14">
      <c r="N371490" s="10"/>
    </row>
    <row r="371491" spans="14:14">
      <c r="N371491" s="10"/>
    </row>
    <row r="371492" spans="14:14">
      <c r="N371492" s="10"/>
    </row>
    <row r="371493" spans="14:14">
      <c r="N371493" s="10"/>
    </row>
    <row r="371494" spans="14:14">
      <c r="N371494" s="10"/>
    </row>
    <row r="371495" spans="14:14">
      <c r="N371495" s="10"/>
    </row>
    <row r="371496" spans="14:14">
      <c r="N371496" s="10"/>
    </row>
    <row r="371497" spans="14:14">
      <c r="N371497" s="10"/>
    </row>
    <row r="371498" spans="14:14">
      <c r="N371498" s="10"/>
    </row>
    <row r="371499" spans="14:14">
      <c r="N371499" s="10"/>
    </row>
    <row r="371500" spans="14:14">
      <c r="N371500" s="10"/>
    </row>
    <row r="371501" spans="14:14">
      <c r="N371501" s="10"/>
    </row>
    <row r="371502" spans="14:14">
      <c r="N371502" s="10"/>
    </row>
    <row r="371503" spans="14:14">
      <c r="N371503" s="10"/>
    </row>
    <row r="371504" spans="14:14">
      <c r="N371504" s="10"/>
    </row>
    <row r="371505" spans="14:14">
      <c r="N371505" s="10"/>
    </row>
    <row r="371506" spans="14:14">
      <c r="N371506" s="10"/>
    </row>
    <row r="371507" spans="14:14">
      <c r="N371507" s="10"/>
    </row>
    <row r="371508" spans="14:14">
      <c r="N371508" s="10"/>
    </row>
    <row r="371509" spans="14:14">
      <c r="N371509" s="10"/>
    </row>
    <row r="371510" spans="14:14">
      <c r="N371510" s="10"/>
    </row>
    <row r="371511" spans="14:14">
      <c r="N371511" s="10"/>
    </row>
    <row r="371512" spans="14:14">
      <c r="N371512" s="10"/>
    </row>
    <row r="371513" spans="14:14">
      <c r="N371513" s="10"/>
    </row>
    <row r="371514" spans="14:14">
      <c r="N371514" s="10"/>
    </row>
    <row r="371515" spans="14:14">
      <c r="N371515" s="10"/>
    </row>
    <row r="371516" spans="14:14">
      <c r="N371516" s="10"/>
    </row>
    <row r="371517" spans="14:14">
      <c r="N371517" s="10"/>
    </row>
    <row r="371518" spans="14:14">
      <c r="N371518" s="10"/>
    </row>
    <row r="371519" spans="14:14">
      <c r="N371519" s="10"/>
    </row>
    <row r="371520" spans="14:14">
      <c r="N371520" s="10"/>
    </row>
    <row r="371521" spans="14:14">
      <c r="N371521" s="10"/>
    </row>
    <row r="371522" spans="14:14">
      <c r="N371522" s="10"/>
    </row>
    <row r="371523" spans="14:14">
      <c r="N371523" s="10"/>
    </row>
    <row r="371524" spans="14:14">
      <c r="N371524" s="10"/>
    </row>
    <row r="371525" spans="14:14">
      <c r="N371525" s="10"/>
    </row>
    <row r="371526" spans="14:14">
      <c r="N371526" s="10"/>
    </row>
    <row r="371527" spans="14:14">
      <c r="N371527" s="10"/>
    </row>
    <row r="371528" spans="14:14">
      <c r="N371528" s="10"/>
    </row>
    <row r="371529" spans="14:14">
      <c r="N371529" s="10"/>
    </row>
    <row r="371530" spans="14:14">
      <c r="N371530" s="10"/>
    </row>
    <row r="371531" spans="14:14">
      <c r="N371531" s="10"/>
    </row>
    <row r="371532" spans="14:14">
      <c r="N371532" s="10"/>
    </row>
    <row r="371533" spans="14:14">
      <c r="N371533" s="10"/>
    </row>
    <row r="371534" spans="14:14">
      <c r="N371534" s="10"/>
    </row>
    <row r="371535" spans="14:14">
      <c r="N371535" s="10"/>
    </row>
    <row r="371536" spans="14:14">
      <c r="N371536" s="10"/>
    </row>
    <row r="371537" spans="14:14">
      <c r="N371537" s="10"/>
    </row>
    <row r="371538" spans="14:14">
      <c r="N371538" s="10"/>
    </row>
    <row r="371539" spans="14:14">
      <c r="N371539" s="10"/>
    </row>
    <row r="371540" spans="14:14">
      <c r="N371540" s="10"/>
    </row>
    <row r="371541" spans="14:14">
      <c r="N371541" s="10"/>
    </row>
    <row r="371542" spans="14:14">
      <c r="N371542" s="10"/>
    </row>
    <row r="371543" spans="14:14">
      <c r="N371543" s="10"/>
    </row>
    <row r="371544" spans="14:14">
      <c r="N371544" s="10"/>
    </row>
    <row r="371545" spans="14:14">
      <c r="N371545" s="10"/>
    </row>
    <row r="371546" spans="14:14">
      <c r="N371546" s="10"/>
    </row>
    <row r="371547" spans="14:14">
      <c r="N371547" s="10"/>
    </row>
    <row r="371548" spans="14:14">
      <c r="N371548" s="10"/>
    </row>
    <row r="371549" spans="14:14">
      <c r="N371549" s="10"/>
    </row>
    <row r="371550" spans="14:14">
      <c r="N371550" s="10"/>
    </row>
    <row r="371551" spans="14:14">
      <c r="N371551" s="10"/>
    </row>
    <row r="371552" spans="14:14">
      <c r="N371552" s="10"/>
    </row>
    <row r="371553" spans="14:14">
      <c r="N371553" s="10"/>
    </row>
    <row r="371554" spans="14:14">
      <c r="N371554" s="10"/>
    </row>
    <row r="371555" spans="14:14">
      <c r="N371555" s="10"/>
    </row>
    <row r="371556" spans="14:14">
      <c r="N371556" s="10"/>
    </row>
    <row r="371557" spans="14:14">
      <c r="N371557" s="10"/>
    </row>
    <row r="371558" spans="14:14">
      <c r="N371558" s="10"/>
    </row>
    <row r="371559" spans="14:14">
      <c r="N371559" s="10"/>
    </row>
    <row r="371560" spans="14:14">
      <c r="N371560" s="10"/>
    </row>
    <row r="371561" spans="14:14">
      <c r="N371561" s="10"/>
    </row>
    <row r="371562" spans="14:14">
      <c r="N371562" s="10"/>
    </row>
    <row r="371563" spans="14:14">
      <c r="N371563" s="10"/>
    </row>
    <row r="371564" spans="14:14">
      <c r="N371564" s="10"/>
    </row>
    <row r="371565" spans="14:14">
      <c r="N371565" s="10"/>
    </row>
    <row r="371566" spans="14:14">
      <c r="N371566" s="10"/>
    </row>
    <row r="371567" spans="14:14">
      <c r="N371567" s="10"/>
    </row>
    <row r="371568" spans="14:14">
      <c r="N371568" s="10"/>
    </row>
    <row r="371569" spans="14:14">
      <c r="N371569" s="10"/>
    </row>
    <row r="371570" spans="14:14">
      <c r="N371570" s="10"/>
    </row>
    <row r="371571" spans="14:14">
      <c r="N371571" s="10"/>
    </row>
    <row r="371572" spans="14:14">
      <c r="N371572" s="10"/>
    </row>
    <row r="371573" spans="14:14">
      <c r="N371573" s="10"/>
    </row>
    <row r="371574" spans="14:14">
      <c r="N371574" s="10"/>
    </row>
    <row r="371575" spans="14:14">
      <c r="N371575" s="10"/>
    </row>
    <row r="371576" spans="14:14">
      <c r="N371576" s="10"/>
    </row>
    <row r="371577" spans="14:14">
      <c r="N371577" s="10"/>
    </row>
    <row r="371578" spans="14:14">
      <c r="N371578" s="10"/>
    </row>
    <row r="371579" spans="14:14">
      <c r="N371579" s="10"/>
    </row>
    <row r="371580" spans="14:14">
      <c r="N371580" s="10"/>
    </row>
    <row r="371581" spans="14:14">
      <c r="N371581" s="10"/>
    </row>
    <row r="371582" spans="14:14">
      <c r="N371582" s="10"/>
    </row>
    <row r="371583" spans="14:14">
      <c r="N371583" s="10"/>
    </row>
    <row r="371584" spans="14:14">
      <c r="N371584" s="10"/>
    </row>
    <row r="371585" spans="14:14">
      <c r="N371585" s="10"/>
    </row>
    <row r="371586" spans="14:14">
      <c r="N371586" s="10"/>
    </row>
    <row r="371587" spans="14:14">
      <c r="N371587" s="10"/>
    </row>
    <row r="371588" spans="14:14">
      <c r="N371588" s="10"/>
    </row>
    <row r="371589" spans="14:14">
      <c r="N371589" s="10"/>
    </row>
    <row r="371590" spans="14:14">
      <c r="N371590" s="10"/>
    </row>
    <row r="371591" spans="14:14">
      <c r="N371591" s="10"/>
    </row>
    <row r="371592" spans="14:14">
      <c r="N371592" s="10"/>
    </row>
    <row r="371593" spans="14:14">
      <c r="N371593" s="10"/>
    </row>
    <row r="371594" spans="14:14">
      <c r="N371594" s="10"/>
    </row>
    <row r="371595" spans="14:14">
      <c r="N371595" s="10"/>
    </row>
    <row r="371596" spans="14:14">
      <c r="N371596" s="10"/>
    </row>
    <row r="371597" spans="14:14">
      <c r="N371597" s="10"/>
    </row>
    <row r="371598" spans="14:14">
      <c r="N371598" s="10"/>
    </row>
    <row r="371599" spans="14:14">
      <c r="N371599" s="10"/>
    </row>
    <row r="371600" spans="14:14">
      <c r="N371600" s="10"/>
    </row>
    <row r="371601" spans="14:14">
      <c r="N371601" s="10"/>
    </row>
    <row r="371602" spans="14:14">
      <c r="N371602" s="10"/>
    </row>
    <row r="371603" spans="14:14">
      <c r="N371603" s="10"/>
    </row>
    <row r="371604" spans="14:14">
      <c r="N371604" s="10"/>
    </row>
    <row r="371605" spans="14:14">
      <c r="N371605" s="10"/>
    </row>
    <row r="371606" spans="14:14">
      <c r="N371606" s="10"/>
    </row>
    <row r="371607" spans="14:14">
      <c r="N371607" s="10"/>
    </row>
    <row r="371608" spans="14:14">
      <c r="N371608" s="10"/>
    </row>
    <row r="371609" spans="14:14">
      <c r="N371609" s="10"/>
    </row>
    <row r="371610" spans="14:14">
      <c r="N371610" s="10"/>
    </row>
    <row r="371611" spans="14:14">
      <c r="N371611" s="10"/>
    </row>
    <row r="371612" spans="14:14">
      <c r="N371612" s="10"/>
    </row>
    <row r="371613" spans="14:14">
      <c r="N371613" s="10"/>
    </row>
    <row r="371614" spans="14:14">
      <c r="N371614" s="10"/>
    </row>
    <row r="371615" spans="14:14">
      <c r="N371615" s="10"/>
    </row>
    <row r="371616" spans="14:14">
      <c r="N371616" s="10"/>
    </row>
    <row r="371617" spans="14:14">
      <c r="N371617" s="10"/>
    </row>
    <row r="371618" spans="14:14">
      <c r="N371618" s="10"/>
    </row>
    <row r="371619" spans="14:14">
      <c r="N371619" s="10"/>
    </row>
    <row r="371620" spans="14:14">
      <c r="N371620" s="10"/>
    </row>
    <row r="371621" spans="14:14">
      <c r="N371621" s="10"/>
    </row>
    <row r="371622" spans="14:14">
      <c r="N371622" s="10"/>
    </row>
    <row r="371623" spans="14:14">
      <c r="N371623" s="10"/>
    </row>
    <row r="371624" spans="14:14">
      <c r="N371624" s="10"/>
    </row>
    <row r="371625" spans="14:14">
      <c r="N371625" s="10"/>
    </row>
    <row r="371626" spans="14:14">
      <c r="N371626" s="10"/>
    </row>
    <row r="371627" spans="14:14">
      <c r="N371627" s="10"/>
    </row>
    <row r="371628" spans="14:14">
      <c r="N371628" s="10"/>
    </row>
    <row r="371629" spans="14:14">
      <c r="N371629" s="10"/>
    </row>
    <row r="371630" spans="14:14">
      <c r="N371630" s="10"/>
    </row>
    <row r="371631" spans="14:14">
      <c r="N371631" s="10"/>
    </row>
    <row r="371632" spans="14:14">
      <c r="N371632" s="10"/>
    </row>
    <row r="371633" spans="14:14">
      <c r="N371633" s="10"/>
    </row>
    <row r="371634" spans="14:14">
      <c r="N371634" s="10"/>
    </row>
    <row r="371635" spans="14:14">
      <c r="N371635" s="10"/>
    </row>
    <row r="371636" spans="14:14">
      <c r="N371636" s="10"/>
    </row>
    <row r="371637" spans="14:14">
      <c r="N371637" s="10"/>
    </row>
    <row r="371638" spans="14:14">
      <c r="N371638" s="10"/>
    </row>
    <row r="371639" spans="14:14">
      <c r="N371639" s="10"/>
    </row>
    <row r="371640" spans="14:14">
      <c r="N371640" s="10"/>
    </row>
    <row r="371641" spans="14:14">
      <c r="N371641" s="10"/>
    </row>
    <row r="371642" spans="14:14">
      <c r="N371642" s="10"/>
    </row>
    <row r="371643" spans="14:14">
      <c r="N371643" s="10"/>
    </row>
    <row r="371644" spans="14:14">
      <c r="N371644" s="10"/>
    </row>
    <row r="371645" spans="14:14">
      <c r="N371645" s="10"/>
    </row>
    <row r="371646" spans="14:14">
      <c r="N371646" s="10"/>
    </row>
    <row r="371647" spans="14:14">
      <c r="N371647" s="10"/>
    </row>
    <row r="371648" spans="14:14">
      <c r="N371648" s="10"/>
    </row>
    <row r="371649" spans="14:14">
      <c r="N371649" s="10"/>
    </row>
    <row r="371650" spans="14:14">
      <c r="N371650" s="10"/>
    </row>
    <row r="371651" spans="14:14">
      <c r="N371651" s="10"/>
    </row>
    <row r="371652" spans="14:14">
      <c r="N371652" s="10"/>
    </row>
    <row r="371653" spans="14:14">
      <c r="N371653" s="10"/>
    </row>
    <row r="371654" spans="14:14">
      <c r="N371654" s="10"/>
    </row>
    <row r="371655" spans="14:14">
      <c r="N371655" s="10"/>
    </row>
    <row r="371656" spans="14:14">
      <c r="N371656" s="10"/>
    </row>
    <row r="371657" spans="14:14">
      <c r="N371657" s="10"/>
    </row>
    <row r="371658" spans="14:14">
      <c r="N371658" s="10"/>
    </row>
    <row r="371659" spans="14:14">
      <c r="N371659" s="10"/>
    </row>
    <row r="371660" spans="14:14">
      <c r="N371660" s="10"/>
    </row>
    <row r="371661" spans="14:14">
      <c r="N371661" s="10"/>
    </row>
    <row r="371662" spans="14:14">
      <c r="N371662" s="10"/>
    </row>
    <row r="371663" spans="14:14">
      <c r="N371663" s="10"/>
    </row>
    <row r="371664" spans="14:14">
      <c r="N371664" s="10"/>
    </row>
    <row r="371665" spans="14:14">
      <c r="N371665" s="10"/>
    </row>
    <row r="371666" spans="14:14">
      <c r="N371666" s="10"/>
    </row>
    <row r="371667" spans="14:14">
      <c r="N371667" s="10"/>
    </row>
    <row r="371668" spans="14:14">
      <c r="N371668" s="10"/>
    </row>
    <row r="371669" spans="14:14">
      <c r="N371669" s="10"/>
    </row>
    <row r="371670" spans="14:14">
      <c r="N371670" s="10"/>
    </row>
    <row r="371671" spans="14:14">
      <c r="N371671" s="10"/>
    </row>
    <row r="371672" spans="14:14">
      <c r="N371672" s="10"/>
    </row>
    <row r="371673" spans="14:14">
      <c r="N371673" s="10"/>
    </row>
    <row r="371674" spans="14:14">
      <c r="N371674" s="10"/>
    </row>
    <row r="371675" spans="14:14">
      <c r="N371675" s="10"/>
    </row>
    <row r="371676" spans="14:14">
      <c r="N371676" s="10"/>
    </row>
    <row r="371677" spans="14:14">
      <c r="N371677" s="10"/>
    </row>
    <row r="371678" spans="14:14">
      <c r="N371678" s="10"/>
    </row>
    <row r="371679" spans="14:14">
      <c r="N371679" s="10"/>
    </row>
    <row r="371680" spans="14:14">
      <c r="N371680" s="10"/>
    </row>
    <row r="371681" spans="14:14">
      <c r="N371681" s="10"/>
    </row>
    <row r="371682" spans="14:14">
      <c r="N371682" s="10"/>
    </row>
    <row r="371683" spans="14:14">
      <c r="N371683" s="10"/>
    </row>
    <row r="371684" spans="14:14">
      <c r="N371684" s="10"/>
    </row>
    <row r="371685" spans="14:14">
      <c r="N371685" s="10"/>
    </row>
    <row r="371686" spans="14:14">
      <c r="N371686" s="10"/>
    </row>
    <row r="371687" spans="14:14">
      <c r="N371687" s="10"/>
    </row>
    <row r="371688" spans="14:14">
      <c r="N371688" s="10"/>
    </row>
    <row r="371689" spans="14:14">
      <c r="N371689" s="10"/>
    </row>
    <row r="371690" spans="14:14">
      <c r="N371690" s="10"/>
    </row>
    <row r="371691" spans="14:14">
      <c r="N371691" s="10"/>
    </row>
    <row r="371692" spans="14:14">
      <c r="N371692" s="10"/>
    </row>
    <row r="371693" spans="14:14">
      <c r="N371693" s="10"/>
    </row>
    <row r="371694" spans="14:14">
      <c r="N371694" s="10"/>
    </row>
    <row r="371695" spans="14:14">
      <c r="N371695" s="10"/>
    </row>
    <row r="371696" spans="14:14">
      <c r="N371696" s="10"/>
    </row>
    <row r="371697" spans="14:14">
      <c r="N371697" s="10"/>
    </row>
    <row r="371698" spans="14:14">
      <c r="N371698" s="10"/>
    </row>
    <row r="371699" spans="14:14">
      <c r="N371699" s="10"/>
    </row>
    <row r="371700" spans="14:14">
      <c r="N371700" s="10"/>
    </row>
    <row r="371701" spans="14:14">
      <c r="N371701" s="10"/>
    </row>
    <row r="371702" spans="14:14">
      <c r="N371702" s="10"/>
    </row>
    <row r="371703" spans="14:14">
      <c r="N371703" s="10"/>
    </row>
    <row r="371704" spans="14:14">
      <c r="N371704" s="10"/>
    </row>
    <row r="371705" spans="14:14">
      <c r="N371705" s="10"/>
    </row>
    <row r="371706" spans="14:14">
      <c r="N371706" s="10"/>
    </row>
    <row r="371707" spans="14:14">
      <c r="N371707" s="10"/>
    </row>
    <row r="371708" spans="14:14">
      <c r="N371708" s="10"/>
    </row>
    <row r="371709" spans="14:14">
      <c r="N371709" s="10"/>
    </row>
    <row r="371710" spans="14:14">
      <c r="N371710" s="10"/>
    </row>
    <row r="371711" spans="14:14">
      <c r="N371711" s="10"/>
    </row>
    <row r="371712" spans="14:14">
      <c r="N371712" s="10"/>
    </row>
    <row r="371713" spans="14:14">
      <c r="N371713" s="10"/>
    </row>
    <row r="371714" spans="14:14">
      <c r="N371714" s="10"/>
    </row>
    <row r="371715" spans="14:14">
      <c r="N371715" s="10"/>
    </row>
    <row r="371716" spans="14:14">
      <c r="N371716" s="10"/>
    </row>
    <row r="371717" spans="14:14">
      <c r="N371717" s="10"/>
    </row>
    <row r="371718" spans="14:14">
      <c r="N371718" s="10"/>
    </row>
    <row r="371719" spans="14:14">
      <c r="N371719" s="10"/>
    </row>
    <row r="371720" spans="14:14">
      <c r="N371720" s="10"/>
    </row>
    <row r="371721" spans="14:14">
      <c r="N371721" s="10"/>
    </row>
    <row r="371722" spans="14:14">
      <c r="N371722" s="10"/>
    </row>
    <row r="371723" spans="14:14">
      <c r="N371723" s="10"/>
    </row>
    <row r="371724" spans="14:14">
      <c r="N371724" s="10"/>
    </row>
    <row r="371725" spans="14:14">
      <c r="N371725" s="10"/>
    </row>
    <row r="371726" spans="14:14">
      <c r="N371726" s="10"/>
    </row>
    <row r="371727" spans="14:14">
      <c r="N371727" s="10"/>
    </row>
    <row r="371728" spans="14:14">
      <c r="N371728" s="10"/>
    </row>
    <row r="371729" spans="14:14">
      <c r="N371729" s="10"/>
    </row>
    <row r="371730" spans="14:14">
      <c r="N371730" s="10"/>
    </row>
    <row r="371731" spans="14:14">
      <c r="N371731" s="10"/>
    </row>
    <row r="371732" spans="14:14">
      <c r="N371732" s="10"/>
    </row>
    <row r="371733" spans="14:14">
      <c r="N371733" s="10"/>
    </row>
    <row r="371734" spans="14:14">
      <c r="N371734" s="10"/>
    </row>
    <row r="371735" spans="14:14">
      <c r="N371735" s="10"/>
    </row>
    <row r="371736" spans="14:14">
      <c r="N371736" s="10"/>
    </row>
    <row r="371737" spans="14:14">
      <c r="N371737" s="10"/>
    </row>
    <row r="371738" spans="14:14">
      <c r="N371738" s="10"/>
    </row>
    <row r="371739" spans="14:14">
      <c r="N371739" s="10"/>
    </row>
    <row r="371740" spans="14:14">
      <c r="N371740" s="10"/>
    </row>
    <row r="371741" spans="14:14">
      <c r="N371741" s="10"/>
    </row>
    <row r="371742" spans="14:14">
      <c r="N371742" s="10"/>
    </row>
    <row r="371743" spans="14:14">
      <c r="N371743" s="10"/>
    </row>
    <row r="371744" spans="14:14">
      <c r="N371744" s="10"/>
    </row>
    <row r="371745" spans="14:14">
      <c r="N371745" s="10"/>
    </row>
    <row r="371746" spans="14:14">
      <c r="N371746" s="10"/>
    </row>
    <row r="371747" spans="14:14">
      <c r="N371747" s="10"/>
    </row>
    <row r="371748" spans="14:14">
      <c r="N371748" s="10"/>
    </row>
    <row r="371749" spans="14:14">
      <c r="N371749" s="10"/>
    </row>
    <row r="371750" spans="14:14">
      <c r="N371750" s="10"/>
    </row>
    <row r="371751" spans="14:14">
      <c r="N371751" s="10"/>
    </row>
    <row r="371752" spans="14:14">
      <c r="N371752" s="10"/>
    </row>
    <row r="371753" spans="14:14">
      <c r="N371753" s="10"/>
    </row>
    <row r="371754" spans="14:14">
      <c r="N371754" s="10"/>
    </row>
    <row r="371755" spans="14:14">
      <c r="N371755" s="10"/>
    </row>
    <row r="371756" spans="14:14">
      <c r="N371756" s="10"/>
    </row>
    <row r="371757" spans="14:14">
      <c r="N371757" s="10"/>
    </row>
    <row r="371758" spans="14:14">
      <c r="N371758" s="10"/>
    </row>
    <row r="371759" spans="14:14">
      <c r="N371759" s="10"/>
    </row>
    <row r="371760" spans="14:14">
      <c r="N371760" s="10"/>
    </row>
    <row r="371761" spans="14:14">
      <c r="N371761" s="10"/>
    </row>
    <row r="371762" spans="14:14">
      <c r="N371762" s="10"/>
    </row>
    <row r="371763" spans="14:14">
      <c r="N371763" s="10"/>
    </row>
    <row r="371764" spans="14:14">
      <c r="N371764" s="10"/>
    </row>
    <row r="371765" spans="14:14">
      <c r="N371765" s="10"/>
    </row>
    <row r="371766" spans="14:14">
      <c r="N371766" s="10"/>
    </row>
    <row r="371767" spans="14:14">
      <c r="N371767" s="10"/>
    </row>
    <row r="371768" spans="14:14">
      <c r="N371768" s="10"/>
    </row>
    <row r="371769" spans="14:14">
      <c r="N371769" s="10"/>
    </row>
    <row r="371770" spans="14:14">
      <c r="N371770" s="10"/>
    </row>
    <row r="371771" spans="14:14">
      <c r="N371771" s="10"/>
    </row>
    <row r="371772" spans="14:14">
      <c r="N371772" s="10"/>
    </row>
    <row r="371773" spans="14:14">
      <c r="N371773" s="10"/>
    </row>
    <row r="371774" spans="14:14">
      <c r="N371774" s="10"/>
    </row>
    <row r="371775" spans="14:14">
      <c r="N371775" s="10"/>
    </row>
    <row r="371776" spans="14:14">
      <c r="N371776" s="10"/>
    </row>
    <row r="371777" spans="14:14">
      <c r="N371777" s="10"/>
    </row>
    <row r="371778" spans="14:14">
      <c r="N371778" s="10"/>
    </row>
    <row r="371779" spans="14:14">
      <c r="N371779" s="10"/>
    </row>
    <row r="371780" spans="14:14">
      <c r="N371780" s="10"/>
    </row>
    <row r="371781" spans="14:14">
      <c r="N371781" s="10"/>
    </row>
    <row r="371782" spans="14:14">
      <c r="N371782" s="10"/>
    </row>
    <row r="371783" spans="14:14">
      <c r="N371783" s="10"/>
    </row>
    <row r="371784" spans="14:14">
      <c r="N371784" s="10"/>
    </row>
    <row r="371785" spans="14:14">
      <c r="N371785" s="10"/>
    </row>
    <row r="371786" spans="14:14">
      <c r="N371786" s="10"/>
    </row>
    <row r="371787" spans="14:14">
      <c r="N371787" s="10"/>
    </row>
    <row r="371788" spans="14:14">
      <c r="N371788" s="10"/>
    </row>
    <row r="371789" spans="14:14">
      <c r="N371789" s="10"/>
    </row>
    <row r="371790" spans="14:14">
      <c r="N371790" s="10"/>
    </row>
    <row r="371791" spans="14:14">
      <c r="N371791" s="10"/>
    </row>
    <row r="371792" spans="14:14">
      <c r="N371792" s="10"/>
    </row>
    <row r="371793" spans="14:14">
      <c r="N371793" s="10"/>
    </row>
    <row r="371794" spans="14:14">
      <c r="N371794" s="10"/>
    </row>
    <row r="371795" spans="14:14">
      <c r="N371795" s="10"/>
    </row>
    <row r="371796" spans="14:14">
      <c r="N371796" s="10"/>
    </row>
    <row r="371797" spans="14:14">
      <c r="N371797" s="10"/>
    </row>
    <row r="371798" spans="14:14">
      <c r="N371798" s="10"/>
    </row>
    <row r="371799" spans="14:14">
      <c r="N371799" s="10"/>
    </row>
    <row r="371800" spans="14:14">
      <c r="N371800" s="10"/>
    </row>
    <row r="371801" spans="14:14">
      <c r="N371801" s="10"/>
    </row>
    <row r="371802" spans="14:14">
      <c r="N371802" s="10"/>
    </row>
    <row r="371803" spans="14:14">
      <c r="N371803" s="10"/>
    </row>
    <row r="371804" spans="14:14">
      <c r="N371804" s="10"/>
    </row>
    <row r="371805" spans="14:14">
      <c r="N371805" s="10"/>
    </row>
    <row r="371806" spans="14:14">
      <c r="N371806" s="10"/>
    </row>
    <row r="371807" spans="14:14">
      <c r="N371807" s="10"/>
    </row>
    <row r="371808" spans="14:14">
      <c r="N371808" s="10"/>
    </row>
    <row r="371809" spans="14:14">
      <c r="N371809" s="10"/>
    </row>
    <row r="371810" spans="14:14">
      <c r="N371810" s="10"/>
    </row>
    <row r="371811" spans="14:14">
      <c r="N371811" s="10"/>
    </row>
    <row r="371812" spans="14:14">
      <c r="N371812" s="10"/>
    </row>
    <row r="371813" spans="14:14">
      <c r="N371813" s="10"/>
    </row>
    <row r="371814" spans="14:14">
      <c r="N371814" s="10"/>
    </row>
    <row r="371815" spans="14:14">
      <c r="N371815" s="10"/>
    </row>
    <row r="371816" spans="14:14">
      <c r="N371816" s="10"/>
    </row>
    <row r="371817" spans="14:14">
      <c r="N371817" s="10"/>
    </row>
    <row r="371818" spans="14:14">
      <c r="N371818" s="10"/>
    </row>
    <row r="371819" spans="14:14">
      <c r="N371819" s="10"/>
    </row>
    <row r="371820" spans="14:14">
      <c r="N371820" s="10"/>
    </row>
    <row r="371821" spans="14:14">
      <c r="N371821" s="10"/>
    </row>
    <row r="371822" spans="14:14">
      <c r="N371822" s="10"/>
    </row>
    <row r="371823" spans="14:14">
      <c r="N371823" s="10"/>
    </row>
    <row r="371824" spans="14:14">
      <c r="N371824" s="10"/>
    </row>
    <row r="371825" spans="14:14">
      <c r="N371825" s="10"/>
    </row>
    <row r="371826" spans="14:14">
      <c r="N371826" s="10"/>
    </row>
    <row r="371827" spans="14:14">
      <c r="N371827" s="10"/>
    </row>
    <row r="371828" spans="14:14">
      <c r="N371828" s="10"/>
    </row>
    <row r="371829" spans="14:14">
      <c r="N371829" s="10"/>
    </row>
    <row r="371830" spans="14:14">
      <c r="N371830" s="10"/>
    </row>
    <row r="371831" spans="14:14">
      <c r="N371831" s="10"/>
    </row>
    <row r="371832" spans="14:14">
      <c r="N371832" s="10"/>
    </row>
    <row r="371833" spans="14:14">
      <c r="N371833" s="10"/>
    </row>
    <row r="371834" spans="14:14">
      <c r="N371834" s="10"/>
    </row>
    <row r="371835" spans="14:14">
      <c r="N371835" s="10"/>
    </row>
    <row r="371836" spans="14:14">
      <c r="N371836" s="10"/>
    </row>
    <row r="371837" spans="14:14">
      <c r="N371837" s="10"/>
    </row>
    <row r="371838" spans="14:14">
      <c r="N371838" s="10"/>
    </row>
    <row r="371839" spans="14:14">
      <c r="N371839" s="10"/>
    </row>
    <row r="371840" spans="14:14">
      <c r="N371840" s="10"/>
    </row>
    <row r="371841" spans="14:14">
      <c r="N371841" s="10"/>
    </row>
    <row r="371842" spans="14:14">
      <c r="N371842" s="10"/>
    </row>
    <row r="371843" spans="14:14">
      <c r="N371843" s="10"/>
    </row>
    <row r="371844" spans="14:14">
      <c r="N371844" s="10"/>
    </row>
    <row r="371845" spans="14:14">
      <c r="N371845" s="10"/>
    </row>
    <row r="371846" spans="14:14">
      <c r="N371846" s="10"/>
    </row>
    <row r="371847" spans="14:14">
      <c r="N371847" s="10"/>
    </row>
    <row r="371848" spans="14:14">
      <c r="N371848" s="10"/>
    </row>
    <row r="371849" spans="14:14">
      <c r="N371849" s="10"/>
    </row>
    <row r="371850" spans="14:14">
      <c r="N371850" s="10"/>
    </row>
    <row r="371851" spans="14:14">
      <c r="N371851" s="10"/>
    </row>
    <row r="371852" spans="14:14">
      <c r="N371852" s="10"/>
    </row>
    <row r="371853" spans="14:14">
      <c r="N371853" s="10"/>
    </row>
    <row r="371854" spans="14:14">
      <c r="N371854" s="10"/>
    </row>
    <row r="371855" spans="14:14">
      <c r="N371855" s="10"/>
    </row>
    <row r="371856" spans="14:14">
      <c r="N371856" s="10"/>
    </row>
    <row r="371857" spans="14:14">
      <c r="N371857" s="10"/>
    </row>
    <row r="371858" spans="14:14">
      <c r="N371858" s="10"/>
    </row>
    <row r="371859" spans="14:14">
      <c r="N371859" s="10"/>
    </row>
    <row r="371860" spans="14:14">
      <c r="N371860" s="10"/>
    </row>
    <row r="371861" spans="14:14">
      <c r="N371861" s="10"/>
    </row>
    <row r="371862" spans="14:14">
      <c r="N371862" s="10"/>
    </row>
    <row r="371863" spans="14:14">
      <c r="N371863" s="10"/>
    </row>
    <row r="371864" spans="14:14">
      <c r="N371864" s="10"/>
    </row>
    <row r="371865" spans="14:14">
      <c r="N371865" s="10"/>
    </row>
    <row r="371866" spans="14:14">
      <c r="N371866" s="10"/>
    </row>
    <row r="371867" spans="14:14">
      <c r="N371867" s="10"/>
    </row>
    <row r="371868" spans="14:14">
      <c r="N371868" s="10"/>
    </row>
    <row r="371869" spans="14:14">
      <c r="N371869" s="10"/>
    </row>
    <row r="371870" spans="14:14">
      <c r="N371870" s="10"/>
    </row>
    <row r="371871" spans="14:14">
      <c r="N371871" s="10"/>
    </row>
    <row r="371872" spans="14:14">
      <c r="N371872" s="10"/>
    </row>
    <row r="371873" spans="14:14">
      <c r="N371873" s="10"/>
    </row>
    <row r="371874" spans="14:14">
      <c r="N371874" s="10"/>
    </row>
    <row r="371875" spans="14:14">
      <c r="N371875" s="10"/>
    </row>
    <row r="371876" spans="14:14">
      <c r="N371876" s="10"/>
    </row>
    <row r="371877" spans="14:14">
      <c r="N371877" s="10"/>
    </row>
    <row r="371878" spans="14:14">
      <c r="N371878" s="10"/>
    </row>
    <row r="371879" spans="14:14">
      <c r="N371879" s="10"/>
    </row>
    <row r="371880" spans="14:14">
      <c r="N371880" s="10"/>
    </row>
    <row r="371881" spans="14:14">
      <c r="N371881" s="10"/>
    </row>
    <row r="371882" spans="14:14">
      <c r="N371882" s="10"/>
    </row>
    <row r="371883" spans="14:14">
      <c r="N371883" s="10"/>
    </row>
    <row r="371884" spans="14:14">
      <c r="N371884" s="10"/>
    </row>
    <row r="371885" spans="14:14">
      <c r="N371885" s="10"/>
    </row>
    <row r="371886" spans="14:14">
      <c r="N371886" s="10"/>
    </row>
    <row r="371887" spans="14:14">
      <c r="N371887" s="10"/>
    </row>
    <row r="371888" spans="14:14">
      <c r="N371888" s="10"/>
    </row>
    <row r="371889" spans="14:14">
      <c r="N371889" s="10"/>
    </row>
    <row r="371890" spans="14:14">
      <c r="N371890" s="10"/>
    </row>
    <row r="371891" spans="14:14">
      <c r="N371891" s="10"/>
    </row>
    <row r="371892" spans="14:14">
      <c r="N371892" s="10"/>
    </row>
    <row r="371893" spans="14:14">
      <c r="N371893" s="10"/>
    </row>
    <row r="371894" spans="14:14">
      <c r="N371894" s="10"/>
    </row>
    <row r="371895" spans="14:14">
      <c r="N371895" s="10"/>
    </row>
    <row r="371896" spans="14:14">
      <c r="N371896" s="10"/>
    </row>
    <row r="371897" spans="14:14">
      <c r="N371897" s="10"/>
    </row>
    <row r="371898" spans="14:14">
      <c r="N371898" s="10"/>
    </row>
    <row r="371899" spans="14:14">
      <c r="N371899" s="10"/>
    </row>
    <row r="371900" spans="14:14">
      <c r="N371900" s="10"/>
    </row>
    <row r="371901" spans="14:14">
      <c r="N371901" s="10"/>
    </row>
    <row r="371902" spans="14:14">
      <c r="N371902" s="10"/>
    </row>
    <row r="371903" spans="14:14">
      <c r="N371903" s="10"/>
    </row>
    <row r="371904" spans="14:14">
      <c r="N371904" s="10"/>
    </row>
    <row r="371905" spans="14:14">
      <c r="N371905" s="10"/>
    </row>
    <row r="371906" spans="14:14">
      <c r="N371906" s="10"/>
    </row>
    <row r="371907" spans="14:14">
      <c r="N371907" s="10"/>
    </row>
    <row r="371908" spans="14:14">
      <c r="N371908" s="10"/>
    </row>
    <row r="371909" spans="14:14">
      <c r="N371909" s="10"/>
    </row>
    <row r="371910" spans="14:14">
      <c r="N371910" s="10"/>
    </row>
    <row r="371911" spans="14:14">
      <c r="N371911" s="10"/>
    </row>
    <row r="371912" spans="14:14">
      <c r="N371912" s="10"/>
    </row>
    <row r="371913" spans="14:14">
      <c r="N371913" s="10"/>
    </row>
    <row r="371914" spans="14:14">
      <c r="N371914" s="10"/>
    </row>
    <row r="371915" spans="14:14">
      <c r="N371915" s="10"/>
    </row>
    <row r="371916" spans="14:14">
      <c r="N371916" s="10"/>
    </row>
    <row r="371917" spans="14:14">
      <c r="N371917" s="10"/>
    </row>
    <row r="371918" spans="14:14">
      <c r="N371918" s="10"/>
    </row>
    <row r="371919" spans="14:14">
      <c r="N371919" s="10"/>
    </row>
    <row r="371920" spans="14:14">
      <c r="N371920" s="10"/>
    </row>
    <row r="371921" spans="14:14">
      <c r="N371921" s="10"/>
    </row>
    <row r="371922" spans="14:14">
      <c r="N371922" s="10"/>
    </row>
    <row r="371923" spans="14:14">
      <c r="N371923" s="10"/>
    </row>
    <row r="371924" spans="14:14">
      <c r="N371924" s="10"/>
    </row>
    <row r="371925" spans="14:14">
      <c r="N371925" s="10"/>
    </row>
    <row r="371926" spans="14:14">
      <c r="N371926" s="10"/>
    </row>
    <row r="371927" spans="14:14">
      <c r="N371927" s="10"/>
    </row>
    <row r="371928" spans="14:14">
      <c r="N371928" s="10"/>
    </row>
    <row r="371929" spans="14:14">
      <c r="N371929" s="10"/>
    </row>
    <row r="371930" spans="14:14">
      <c r="N371930" s="10"/>
    </row>
    <row r="371931" spans="14:14">
      <c r="N371931" s="10"/>
    </row>
    <row r="371932" spans="14:14">
      <c r="N371932" s="10"/>
    </row>
    <row r="371933" spans="14:14">
      <c r="N371933" s="10"/>
    </row>
    <row r="371934" spans="14:14">
      <c r="N371934" s="10"/>
    </row>
    <row r="371935" spans="14:14">
      <c r="N371935" s="10"/>
    </row>
    <row r="371936" spans="14:14">
      <c r="N371936" s="10"/>
    </row>
    <row r="371937" spans="14:14">
      <c r="N371937" s="10"/>
    </row>
    <row r="371938" spans="14:14">
      <c r="N371938" s="10"/>
    </row>
    <row r="371939" spans="14:14">
      <c r="N371939" s="10"/>
    </row>
    <row r="371940" spans="14:14">
      <c r="N371940" s="10"/>
    </row>
    <row r="371941" spans="14:14">
      <c r="N371941" s="10"/>
    </row>
    <row r="371942" spans="14:14">
      <c r="N371942" s="10"/>
    </row>
    <row r="371943" spans="14:14">
      <c r="N371943" s="10"/>
    </row>
    <row r="371944" spans="14:14">
      <c r="N371944" s="10"/>
    </row>
    <row r="371945" spans="14:14">
      <c r="N371945" s="10"/>
    </row>
    <row r="371946" spans="14:14">
      <c r="N371946" s="10"/>
    </row>
    <row r="371947" spans="14:14">
      <c r="N371947" s="10"/>
    </row>
    <row r="371948" spans="14:14">
      <c r="N371948" s="10"/>
    </row>
    <row r="371949" spans="14:14">
      <c r="N371949" s="10"/>
    </row>
    <row r="371950" spans="14:14">
      <c r="N371950" s="10"/>
    </row>
    <row r="371951" spans="14:14">
      <c r="N371951" s="10"/>
    </row>
    <row r="371952" spans="14:14">
      <c r="N371952" s="10"/>
    </row>
    <row r="371953" spans="14:14">
      <c r="N371953" s="10"/>
    </row>
    <row r="371954" spans="14:14">
      <c r="N371954" s="10"/>
    </row>
    <row r="371955" spans="14:14">
      <c r="N371955" s="10"/>
    </row>
    <row r="371956" spans="14:14">
      <c r="N371956" s="10"/>
    </row>
    <row r="371957" spans="14:14">
      <c r="N371957" s="10"/>
    </row>
    <row r="371958" spans="14:14">
      <c r="N371958" s="10"/>
    </row>
    <row r="371959" spans="14:14">
      <c r="N371959" s="10"/>
    </row>
    <row r="371960" spans="14:14">
      <c r="N371960" s="10"/>
    </row>
    <row r="371961" spans="14:14">
      <c r="N371961" s="10"/>
    </row>
    <row r="371962" spans="14:14">
      <c r="N371962" s="10"/>
    </row>
    <row r="371963" spans="14:14">
      <c r="N371963" s="10"/>
    </row>
    <row r="371964" spans="14:14">
      <c r="N371964" s="10"/>
    </row>
    <row r="371965" spans="14:14">
      <c r="N371965" s="10"/>
    </row>
    <row r="371966" spans="14:14">
      <c r="N371966" s="10"/>
    </row>
    <row r="371967" spans="14:14">
      <c r="N371967" s="10"/>
    </row>
    <row r="371968" spans="14:14">
      <c r="N371968" s="10"/>
    </row>
    <row r="371969" spans="14:14">
      <c r="N371969" s="10"/>
    </row>
    <row r="371970" spans="14:14">
      <c r="N371970" s="10"/>
    </row>
    <row r="371971" spans="14:14">
      <c r="N371971" s="10"/>
    </row>
    <row r="371972" spans="14:14">
      <c r="N371972" s="10"/>
    </row>
    <row r="371973" spans="14:14">
      <c r="N371973" s="10"/>
    </row>
    <row r="371974" spans="14:14">
      <c r="N371974" s="10"/>
    </row>
    <row r="371975" spans="14:14">
      <c r="N371975" s="10"/>
    </row>
    <row r="371976" spans="14:14">
      <c r="N371976" s="10"/>
    </row>
    <row r="371977" spans="14:14">
      <c r="N371977" s="10"/>
    </row>
    <row r="371978" spans="14:14">
      <c r="N371978" s="10"/>
    </row>
    <row r="371979" spans="14:14">
      <c r="N371979" s="10"/>
    </row>
    <row r="371980" spans="14:14">
      <c r="N371980" s="10"/>
    </row>
    <row r="371981" spans="14:14">
      <c r="N371981" s="10"/>
    </row>
    <row r="371982" spans="14:14">
      <c r="N371982" s="10"/>
    </row>
    <row r="371983" spans="14:14">
      <c r="N371983" s="10"/>
    </row>
    <row r="371984" spans="14:14">
      <c r="N371984" s="10"/>
    </row>
    <row r="371985" spans="14:14">
      <c r="N371985" s="10"/>
    </row>
    <row r="371986" spans="14:14">
      <c r="N371986" s="10"/>
    </row>
    <row r="371987" spans="14:14">
      <c r="N371987" s="10"/>
    </row>
    <row r="371988" spans="14:14">
      <c r="N371988" s="10"/>
    </row>
    <row r="371989" spans="14:14">
      <c r="N371989" s="10"/>
    </row>
    <row r="371990" spans="14:14">
      <c r="N371990" s="10"/>
    </row>
    <row r="371991" spans="14:14">
      <c r="N371991" s="10"/>
    </row>
    <row r="371992" spans="14:14">
      <c r="N371992" s="10"/>
    </row>
    <row r="371993" spans="14:14">
      <c r="N371993" s="10"/>
    </row>
    <row r="371994" spans="14:14">
      <c r="N371994" s="10"/>
    </row>
    <row r="371995" spans="14:14">
      <c r="N371995" s="10"/>
    </row>
    <row r="371996" spans="14:14">
      <c r="N371996" s="10"/>
    </row>
    <row r="371997" spans="14:14">
      <c r="N371997" s="10"/>
    </row>
    <row r="371998" spans="14:14">
      <c r="N371998" s="10"/>
    </row>
    <row r="371999" spans="14:14">
      <c r="N371999" s="10"/>
    </row>
    <row r="372000" spans="14:14">
      <c r="N372000" s="10"/>
    </row>
    <row r="372001" spans="14:14">
      <c r="N372001" s="10"/>
    </row>
    <row r="372002" spans="14:14">
      <c r="N372002" s="10"/>
    </row>
    <row r="372003" spans="14:14">
      <c r="N372003" s="10"/>
    </row>
    <row r="372004" spans="14:14">
      <c r="N372004" s="10"/>
    </row>
    <row r="372005" spans="14:14">
      <c r="N372005" s="10"/>
    </row>
    <row r="372006" spans="14:14">
      <c r="N372006" s="10"/>
    </row>
    <row r="372007" spans="14:14">
      <c r="N372007" s="10"/>
    </row>
    <row r="372008" spans="14:14">
      <c r="N372008" s="10"/>
    </row>
    <row r="372009" spans="14:14">
      <c r="N372009" s="10"/>
    </row>
    <row r="372010" spans="14:14">
      <c r="N372010" s="10"/>
    </row>
    <row r="372011" spans="14:14">
      <c r="N372011" s="10"/>
    </row>
    <row r="372012" spans="14:14">
      <c r="N372012" s="10"/>
    </row>
    <row r="372013" spans="14:14">
      <c r="N372013" s="10"/>
    </row>
    <row r="372014" spans="14:14">
      <c r="N372014" s="10"/>
    </row>
    <row r="372015" spans="14:14">
      <c r="N372015" s="10"/>
    </row>
    <row r="372016" spans="14:14">
      <c r="N372016" s="10"/>
    </row>
    <row r="372017" spans="14:14">
      <c r="N372017" s="10"/>
    </row>
    <row r="372018" spans="14:14">
      <c r="N372018" s="10"/>
    </row>
    <row r="372019" spans="14:14">
      <c r="N372019" s="10"/>
    </row>
    <row r="372020" spans="14:14">
      <c r="N372020" s="10"/>
    </row>
    <row r="372021" spans="14:14">
      <c r="N372021" s="10"/>
    </row>
    <row r="372022" spans="14:14">
      <c r="N372022" s="10"/>
    </row>
    <row r="372023" spans="14:14">
      <c r="N372023" s="10"/>
    </row>
    <row r="372024" spans="14:14">
      <c r="N372024" s="10"/>
    </row>
    <row r="372025" spans="14:14">
      <c r="N372025" s="10"/>
    </row>
    <row r="372026" spans="14:14">
      <c r="N372026" s="10"/>
    </row>
    <row r="372027" spans="14:14">
      <c r="N372027" s="10"/>
    </row>
    <row r="372028" spans="14:14">
      <c r="N372028" s="10"/>
    </row>
    <row r="372029" spans="14:14">
      <c r="N372029" s="10"/>
    </row>
    <row r="372030" spans="14:14">
      <c r="N372030" s="10"/>
    </row>
    <row r="372031" spans="14:14">
      <c r="N372031" s="10"/>
    </row>
    <row r="372032" spans="14:14">
      <c r="N372032" s="10"/>
    </row>
    <row r="372033" spans="14:14">
      <c r="N372033" s="10"/>
    </row>
    <row r="372034" spans="14:14">
      <c r="N372034" s="10"/>
    </row>
    <row r="372035" spans="14:14">
      <c r="N372035" s="10"/>
    </row>
    <row r="372036" spans="14:14">
      <c r="N372036" s="10"/>
    </row>
    <row r="372037" spans="14:14">
      <c r="N372037" s="10"/>
    </row>
    <row r="372038" spans="14:14">
      <c r="N372038" s="10"/>
    </row>
    <row r="372039" spans="14:14">
      <c r="N372039" s="10"/>
    </row>
    <row r="372040" spans="14:14">
      <c r="N372040" s="10"/>
    </row>
    <row r="372041" spans="14:14">
      <c r="N372041" s="10"/>
    </row>
    <row r="372042" spans="14:14">
      <c r="N372042" s="10"/>
    </row>
    <row r="372043" spans="14:14">
      <c r="N372043" s="10"/>
    </row>
    <row r="372044" spans="14:14">
      <c r="N372044" s="10"/>
    </row>
    <row r="372045" spans="14:14">
      <c r="N372045" s="10"/>
    </row>
    <row r="372046" spans="14:14">
      <c r="N372046" s="10"/>
    </row>
    <row r="372047" spans="14:14">
      <c r="N372047" s="10"/>
    </row>
    <row r="372048" spans="14:14">
      <c r="N372048" s="10"/>
    </row>
    <row r="372049" spans="14:14">
      <c r="N372049" s="10"/>
    </row>
    <row r="372050" spans="14:14">
      <c r="N372050" s="10"/>
    </row>
    <row r="372051" spans="14:14">
      <c r="N372051" s="10"/>
    </row>
    <row r="372052" spans="14:14">
      <c r="N372052" s="10"/>
    </row>
    <row r="372053" spans="14:14">
      <c r="N372053" s="10"/>
    </row>
    <row r="372054" spans="14:14">
      <c r="N372054" s="10"/>
    </row>
    <row r="372055" spans="14:14">
      <c r="N372055" s="10"/>
    </row>
    <row r="372056" spans="14:14">
      <c r="N372056" s="10"/>
    </row>
    <row r="372057" spans="14:14">
      <c r="N372057" s="10"/>
    </row>
    <row r="372058" spans="14:14">
      <c r="N372058" s="10"/>
    </row>
    <row r="372059" spans="14:14">
      <c r="N372059" s="10"/>
    </row>
    <row r="372060" spans="14:14">
      <c r="N372060" s="10"/>
    </row>
    <row r="372061" spans="14:14">
      <c r="N372061" s="10"/>
    </row>
    <row r="372062" spans="14:14">
      <c r="N372062" s="10"/>
    </row>
    <row r="372063" spans="14:14">
      <c r="N372063" s="10"/>
    </row>
    <row r="372064" spans="14:14">
      <c r="N372064" s="10"/>
    </row>
    <row r="372065" spans="14:14">
      <c r="N372065" s="10"/>
    </row>
    <row r="372066" spans="14:14">
      <c r="N372066" s="10"/>
    </row>
    <row r="372067" spans="14:14">
      <c r="N372067" s="10"/>
    </row>
    <row r="372068" spans="14:14">
      <c r="N372068" s="10"/>
    </row>
    <row r="372069" spans="14:14">
      <c r="N372069" s="10"/>
    </row>
    <row r="372070" spans="14:14">
      <c r="N372070" s="10"/>
    </row>
    <row r="372071" spans="14:14">
      <c r="N372071" s="10"/>
    </row>
    <row r="372072" spans="14:14">
      <c r="N372072" s="10"/>
    </row>
    <row r="372073" spans="14:14">
      <c r="N372073" s="10"/>
    </row>
    <row r="372074" spans="14:14">
      <c r="N372074" s="10"/>
    </row>
    <row r="372075" spans="14:14">
      <c r="N372075" s="10"/>
    </row>
    <row r="372076" spans="14:14">
      <c r="N372076" s="10"/>
    </row>
    <row r="372077" spans="14:14">
      <c r="N372077" s="10"/>
    </row>
    <row r="372078" spans="14:14">
      <c r="N372078" s="10"/>
    </row>
    <row r="372079" spans="14:14">
      <c r="N372079" s="10"/>
    </row>
    <row r="372080" spans="14:14">
      <c r="N372080" s="10"/>
    </row>
    <row r="372081" spans="14:14">
      <c r="N372081" s="10"/>
    </row>
    <row r="372082" spans="14:14">
      <c r="N372082" s="10"/>
    </row>
    <row r="372083" spans="14:14">
      <c r="N372083" s="10"/>
    </row>
    <row r="372084" spans="14:14">
      <c r="N372084" s="10"/>
    </row>
    <row r="372085" spans="14:14">
      <c r="N372085" s="10"/>
    </row>
    <row r="372086" spans="14:14">
      <c r="N372086" s="10"/>
    </row>
    <row r="372087" spans="14:14">
      <c r="N372087" s="10"/>
    </row>
    <row r="372088" spans="14:14">
      <c r="N372088" s="10"/>
    </row>
    <row r="372089" spans="14:14">
      <c r="N372089" s="10"/>
    </row>
    <row r="372090" spans="14:14">
      <c r="N372090" s="10"/>
    </row>
    <row r="372091" spans="14:14">
      <c r="N372091" s="10"/>
    </row>
    <row r="372092" spans="14:14">
      <c r="N372092" s="10"/>
    </row>
    <row r="372093" spans="14:14">
      <c r="N372093" s="10"/>
    </row>
    <row r="372094" spans="14:14">
      <c r="N372094" s="10"/>
    </row>
    <row r="372095" spans="14:14">
      <c r="N372095" s="10"/>
    </row>
    <row r="372096" spans="14:14">
      <c r="N372096" s="10"/>
    </row>
    <row r="372097" spans="14:14">
      <c r="N372097" s="10"/>
    </row>
    <row r="372098" spans="14:14">
      <c r="N372098" s="10"/>
    </row>
    <row r="372099" spans="14:14">
      <c r="N372099" s="10"/>
    </row>
    <row r="372100" spans="14:14">
      <c r="N372100" s="10"/>
    </row>
    <row r="372101" spans="14:14">
      <c r="N372101" s="10"/>
    </row>
    <row r="372102" spans="14:14">
      <c r="N372102" s="10"/>
    </row>
    <row r="372103" spans="14:14">
      <c r="N372103" s="10"/>
    </row>
    <row r="372104" spans="14:14">
      <c r="N372104" s="10"/>
    </row>
    <row r="372105" spans="14:14">
      <c r="N372105" s="10"/>
    </row>
    <row r="372106" spans="14:14">
      <c r="N372106" s="10"/>
    </row>
    <row r="372107" spans="14:14">
      <c r="N372107" s="10"/>
    </row>
    <row r="372108" spans="14:14">
      <c r="N372108" s="10"/>
    </row>
    <row r="372109" spans="14:14">
      <c r="N372109" s="10"/>
    </row>
    <row r="372110" spans="14:14">
      <c r="N372110" s="10"/>
    </row>
    <row r="372111" spans="14:14">
      <c r="N372111" s="10"/>
    </row>
    <row r="372112" spans="14:14">
      <c r="N372112" s="10"/>
    </row>
    <row r="372113" spans="14:14">
      <c r="N372113" s="10"/>
    </row>
    <row r="372114" spans="14:14">
      <c r="N372114" s="10"/>
    </row>
    <row r="372115" spans="14:14">
      <c r="N372115" s="10"/>
    </row>
    <row r="372116" spans="14:14">
      <c r="N372116" s="10"/>
    </row>
    <row r="372117" spans="14:14">
      <c r="N372117" s="10"/>
    </row>
    <row r="372118" spans="14:14">
      <c r="N372118" s="10"/>
    </row>
    <row r="372119" spans="14:14">
      <c r="N372119" s="10"/>
    </row>
    <row r="372120" spans="14:14">
      <c r="N372120" s="10"/>
    </row>
    <row r="372121" spans="14:14">
      <c r="N372121" s="10"/>
    </row>
    <row r="372122" spans="14:14">
      <c r="N372122" s="10"/>
    </row>
    <row r="372123" spans="14:14">
      <c r="N372123" s="10"/>
    </row>
    <row r="372124" spans="14:14">
      <c r="N372124" s="10"/>
    </row>
    <row r="372125" spans="14:14">
      <c r="N372125" s="10"/>
    </row>
    <row r="372126" spans="14:14">
      <c r="N372126" s="10"/>
    </row>
    <row r="372127" spans="14:14">
      <c r="N372127" s="10"/>
    </row>
    <row r="372128" spans="14:14">
      <c r="N372128" s="10"/>
    </row>
    <row r="372129" spans="14:14">
      <c r="N372129" s="10"/>
    </row>
    <row r="372130" spans="14:14">
      <c r="N372130" s="10"/>
    </row>
    <row r="372131" spans="14:14">
      <c r="N372131" s="10"/>
    </row>
    <row r="372132" spans="14:14">
      <c r="N372132" s="10"/>
    </row>
    <row r="372133" spans="14:14">
      <c r="N372133" s="10"/>
    </row>
    <row r="372134" spans="14:14">
      <c r="N372134" s="10"/>
    </row>
    <row r="372135" spans="14:14">
      <c r="N372135" s="10"/>
    </row>
    <row r="372136" spans="14:14">
      <c r="N372136" s="10"/>
    </row>
    <row r="372137" spans="14:14">
      <c r="N372137" s="10"/>
    </row>
    <row r="372138" spans="14:14">
      <c r="N372138" s="10"/>
    </row>
    <row r="372139" spans="14:14">
      <c r="N372139" s="10"/>
    </row>
    <row r="372140" spans="14:14">
      <c r="N372140" s="10"/>
    </row>
    <row r="372141" spans="14:14">
      <c r="N372141" s="10"/>
    </row>
    <row r="372142" spans="14:14">
      <c r="N372142" s="10"/>
    </row>
    <row r="372143" spans="14:14">
      <c r="N372143" s="10"/>
    </row>
    <row r="372144" spans="14:14">
      <c r="N372144" s="10"/>
    </row>
    <row r="372145" spans="14:14">
      <c r="N372145" s="10"/>
    </row>
    <row r="372146" spans="14:14">
      <c r="N372146" s="10"/>
    </row>
    <row r="372147" spans="14:14">
      <c r="N372147" s="10"/>
    </row>
    <row r="372148" spans="14:14">
      <c r="N372148" s="10"/>
    </row>
    <row r="372149" spans="14:14">
      <c r="N372149" s="10"/>
    </row>
    <row r="372150" spans="14:14">
      <c r="N372150" s="10"/>
    </row>
    <row r="372151" spans="14:14">
      <c r="N372151" s="10"/>
    </row>
    <row r="372152" spans="14:14">
      <c r="N372152" s="10"/>
    </row>
    <row r="372153" spans="14:14">
      <c r="N372153" s="10"/>
    </row>
    <row r="372154" spans="14:14">
      <c r="N372154" s="10"/>
    </row>
    <row r="372155" spans="14:14">
      <c r="N372155" s="10"/>
    </row>
    <row r="372156" spans="14:14">
      <c r="N372156" s="10"/>
    </row>
    <row r="372157" spans="14:14">
      <c r="N372157" s="10"/>
    </row>
    <row r="372158" spans="14:14">
      <c r="N372158" s="10"/>
    </row>
    <row r="372159" spans="14:14">
      <c r="N372159" s="10"/>
    </row>
    <row r="372160" spans="14:14">
      <c r="N372160" s="10"/>
    </row>
    <row r="372161" spans="14:14">
      <c r="N372161" s="10"/>
    </row>
    <row r="372162" spans="14:14">
      <c r="N372162" s="10"/>
    </row>
    <row r="372163" spans="14:14">
      <c r="N372163" s="10"/>
    </row>
    <row r="372164" spans="14:14">
      <c r="N372164" s="10"/>
    </row>
    <row r="372165" spans="14:14">
      <c r="N372165" s="10"/>
    </row>
    <row r="372166" spans="14:14">
      <c r="N372166" s="10"/>
    </row>
    <row r="372167" spans="14:14">
      <c r="N372167" s="10"/>
    </row>
    <row r="372168" spans="14:14">
      <c r="N372168" s="10"/>
    </row>
    <row r="372169" spans="14:14">
      <c r="N372169" s="10"/>
    </row>
    <row r="372170" spans="14:14">
      <c r="N372170" s="10"/>
    </row>
    <row r="372171" spans="14:14">
      <c r="N372171" s="10"/>
    </row>
    <row r="372172" spans="14:14">
      <c r="N372172" s="10"/>
    </row>
    <row r="372173" spans="14:14">
      <c r="N372173" s="10"/>
    </row>
    <row r="372174" spans="14:14">
      <c r="N372174" s="10"/>
    </row>
    <row r="372175" spans="14:14">
      <c r="N372175" s="10"/>
    </row>
    <row r="372176" spans="14:14">
      <c r="N372176" s="10"/>
    </row>
    <row r="372177" spans="14:14">
      <c r="N372177" s="10"/>
    </row>
    <row r="372178" spans="14:14">
      <c r="N372178" s="10"/>
    </row>
    <row r="372179" spans="14:14">
      <c r="N372179" s="10"/>
    </row>
    <row r="372180" spans="14:14">
      <c r="N372180" s="10"/>
    </row>
    <row r="372181" spans="14:14">
      <c r="N372181" s="10"/>
    </row>
    <row r="372182" spans="14:14">
      <c r="N372182" s="10"/>
    </row>
    <row r="372183" spans="14:14">
      <c r="N372183" s="10"/>
    </row>
    <row r="372184" spans="14:14">
      <c r="N372184" s="10"/>
    </row>
    <row r="372185" spans="14:14">
      <c r="N372185" s="10"/>
    </row>
    <row r="372186" spans="14:14">
      <c r="N372186" s="10"/>
    </row>
    <row r="372187" spans="14:14">
      <c r="N372187" s="10"/>
    </row>
    <row r="372188" spans="14:14">
      <c r="N372188" s="10"/>
    </row>
    <row r="372189" spans="14:14">
      <c r="N372189" s="10"/>
    </row>
    <row r="372190" spans="14:14">
      <c r="N372190" s="10"/>
    </row>
    <row r="372191" spans="14:14">
      <c r="N372191" s="10"/>
    </row>
    <row r="372192" spans="14:14">
      <c r="N372192" s="10"/>
    </row>
    <row r="372193" spans="14:14">
      <c r="N372193" s="10"/>
    </row>
    <row r="372194" spans="14:14">
      <c r="N372194" s="10"/>
    </row>
    <row r="372195" spans="14:14">
      <c r="N372195" s="10"/>
    </row>
    <row r="372196" spans="14:14">
      <c r="N372196" s="10"/>
    </row>
    <row r="372197" spans="14:14">
      <c r="N372197" s="10"/>
    </row>
    <row r="372198" spans="14:14">
      <c r="N372198" s="10"/>
    </row>
    <row r="372199" spans="14:14">
      <c r="N372199" s="10"/>
    </row>
    <row r="372200" spans="14:14">
      <c r="N372200" s="10"/>
    </row>
    <row r="372201" spans="14:14">
      <c r="N372201" s="10"/>
    </row>
    <row r="372202" spans="14:14">
      <c r="N372202" s="10"/>
    </row>
    <row r="372203" spans="14:14">
      <c r="N372203" s="10"/>
    </row>
    <row r="372204" spans="14:14">
      <c r="N372204" s="10"/>
    </row>
    <row r="372205" spans="14:14">
      <c r="N372205" s="10"/>
    </row>
    <row r="372206" spans="14:14">
      <c r="N372206" s="10"/>
    </row>
    <row r="372207" spans="14:14">
      <c r="N372207" s="10"/>
    </row>
    <row r="372208" spans="14:14">
      <c r="N372208" s="10"/>
    </row>
    <row r="372209" spans="14:14">
      <c r="N372209" s="10"/>
    </row>
    <row r="372210" spans="14:14">
      <c r="N372210" s="10"/>
    </row>
    <row r="372211" spans="14:14">
      <c r="N372211" s="10"/>
    </row>
    <row r="372212" spans="14:14">
      <c r="N372212" s="10"/>
    </row>
    <row r="372213" spans="14:14">
      <c r="N372213" s="10"/>
    </row>
    <row r="372214" spans="14:14">
      <c r="N372214" s="10"/>
    </row>
    <row r="372215" spans="14:14">
      <c r="N372215" s="10"/>
    </row>
    <row r="372216" spans="14:14">
      <c r="N372216" s="10"/>
    </row>
    <row r="372217" spans="14:14">
      <c r="N372217" s="10"/>
    </row>
    <row r="372218" spans="14:14">
      <c r="N372218" s="10"/>
    </row>
    <row r="372219" spans="14:14">
      <c r="N372219" s="10"/>
    </row>
    <row r="372220" spans="14:14">
      <c r="N372220" s="10"/>
    </row>
    <row r="372221" spans="14:14">
      <c r="N372221" s="10"/>
    </row>
    <row r="372222" spans="14:14">
      <c r="N372222" s="10"/>
    </row>
    <row r="372223" spans="14:14">
      <c r="N372223" s="10"/>
    </row>
    <row r="372224" spans="14:14">
      <c r="N372224" s="10"/>
    </row>
    <row r="372225" spans="14:14">
      <c r="N372225" s="10"/>
    </row>
    <row r="372226" spans="14:14">
      <c r="N372226" s="10"/>
    </row>
    <row r="372227" spans="14:14">
      <c r="N372227" s="10"/>
    </row>
    <row r="372228" spans="14:14">
      <c r="N372228" s="10"/>
    </row>
    <row r="372229" spans="14:14">
      <c r="N372229" s="10"/>
    </row>
    <row r="372230" spans="14:14">
      <c r="N372230" s="10"/>
    </row>
    <row r="372231" spans="14:14">
      <c r="N372231" s="10"/>
    </row>
    <row r="372232" spans="14:14">
      <c r="N372232" s="10"/>
    </row>
    <row r="372233" spans="14:14">
      <c r="N372233" s="10"/>
    </row>
    <row r="372234" spans="14:14">
      <c r="N372234" s="10"/>
    </row>
    <row r="372235" spans="14:14">
      <c r="N372235" s="10"/>
    </row>
    <row r="372236" spans="14:14">
      <c r="N372236" s="10"/>
    </row>
    <row r="372237" spans="14:14">
      <c r="N372237" s="10"/>
    </row>
    <row r="372238" spans="14:14">
      <c r="N372238" s="10"/>
    </row>
    <row r="372239" spans="14:14">
      <c r="N372239" s="10"/>
    </row>
    <row r="372240" spans="14:14">
      <c r="N372240" s="10"/>
    </row>
    <row r="372241" spans="14:14">
      <c r="N372241" s="10"/>
    </row>
    <row r="372242" spans="14:14">
      <c r="N372242" s="10"/>
    </row>
    <row r="372243" spans="14:14">
      <c r="N372243" s="10"/>
    </row>
    <row r="372244" spans="14:14">
      <c r="N372244" s="10"/>
    </row>
    <row r="372245" spans="14:14">
      <c r="N372245" s="10"/>
    </row>
    <row r="372246" spans="14:14">
      <c r="N372246" s="10"/>
    </row>
    <row r="372247" spans="14:14">
      <c r="N372247" s="10"/>
    </row>
    <row r="372248" spans="14:14">
      <c r="N372248" s="10"/>
    </row>
    <row r="372249" spans="14:14">
      <c r="N372249" s="10"/>
    </row>
    <row r="372250" spans="14:14">
      <c r="N372250" s="10"/>
    </row>
    <row r="372251" spans="14:14">
      <c r="N372251" s="10"/>
    </row>
    <row r="372252" spans="14:14">
      <c r="N372252" s="10"/>
    </row>
    <row r="372253" spans="14:14">
      <c r="N372253" s="10"/>
    </row>
    <row r="372254" spans="14:14">
      <c r="N372254" s="10"/>
    </row>
    <row r="372255" spans="14:14">
      <c r="N372255" s="10"/>
    </row>
    <row r="372256" spans="14:14">
      <c r="N372256" s="10"/>
    </row>
    <row r="372257" spans="14:14">
      <c r="N372257" s="10"/>
    </row>
    <row r="372258" spans="14:14">
      <c r="N372258" s="10"/>
    </row>
    <row r="372259" spans="14:14">
      <c r="N372259" s="10"/>
    </row>
    <row r="372260" spans="14:14">
      <c r="N372260" s="10"/>
    </row>
    <row r="372261" spans="14:14">
      <c r="N372261" s="10"/>
    </row>
    <row r="372262" spans="14:14">
      <c r="N372262" s="10"/>
    </row>
    <row r="372263" spans="14:14">
      <c r="N372263" s="10"/>
    </row>
    <row r="372264" spans="14:14">
      <c r="N372264" s="10"/>
    </row>
    <row r="372265" spans="14:14">
      <c r="N372265" s="10"/>
    </row>
    <row r="372266" spans="14:14">
      <c r="N372266" s="10"/>
    </row>
    <row r="372267" spans="14:14">
      <c r="N372267" s="10"/>
    </row>
    <row r="372268" spans="14:14">
      <c r="N372268" s="10"/>
    </row>
    <row r="372269" spans="14:14">
      <c r="N372269" s="10"/>
    </row>
    <row r="372270" spans="14:14">
      <c r="N372270" s="10"/>
    </row>
    <row r="372271" spans="14:14">
      <c r="N372271" s="10"/>
    </row>
    <row r="372272" spans="14:14">
      <c r="N372272" s="10"/>
    </row>
    <row r="372273" spans="14:14">
      <c r="N372273" s="10"/>
    </row>
    <row r="372274" spans="14:14">
      <c r="N372274" s="10"/>
    </row>
    <row r="372275" spans="14:14">
      <c r="N372275" s="10"/>
    </row>
    <row r="372276" spans="14:14">
      <c r="N372276" s="10"/>
    </row>
    <row r="372277" spans="14:14">
      <c r="N372277" s="10"/>
    </row>
    <row r="372278" spans="14:14">
      <c r="N372278" s="10"/>
    </row>
    <row r="372279" spans="14:14">
      <c r="N372279" s="10"/>
    </row>
    <row r="372280" spans="14:14">
      <c r="N372280" s="10"/>
    </row>
    <row r="372281" spans="14:14">
      <c r="N372281" s="10"/>
    </row>
    <row r="372282" spans="14:14">
      <c r="N372282" s="10"/>
    </row>
    <row r="372283" spans="14:14">
      <c r="N372283" s="10"/>
    </row>
    <row r="372284" spans="14:14">
      <c r="N372284" s="10"/>
    </row>
    <row r="372285" spans="14:14">
      <c r="N372285" s="10"/>
    </row>
    <row r="372286" spans="14:14">
      <c r="N372286" s="10"/>
    </row>
    <row r="372287" spans="14:14">
      <c r="N372287" s="10"/>
    </row>
    <row r="372288" spans="14:14">
      <c r="N372288" s="10"/>
    </row>
    <row r="372289" spans="14:14">
      <c r="N372289" s="10"/>
    </row>
    <row r="372290" spans="14:14">
      <c r="N372290" s="10"/>
    </row>
    <row r="372291" spans="14:14">
      <c r="N372291" s="10"/>
    </row>
    <row r="372292" spans="14:14">
      <c r="N372292" s="10"/>
    </row>
    <row r="372293" spans="14:14">
      <c r="N372293" s="10"/>
    </row>
    <row r="372294" spans="14:14">
      <c r="N372294" s="10"/>
    </row>
    <row r="372295" spans="14:14">
      <c r="N372295" s="10"/>
    </row>
    <row r="372296" spans="14:14">
      <c r="N372296" s="10"/>
    </row>
    <row r="372297" spans="14:14">
      <c r="N372297" s="10"/>
    </row>
    <row r="372298" spans="14:14">
      <c r="N372298" s="10"/>
    </row>
    <row r="372299" spans="14:14">
      <c r="N372299" s="10"/>
    </row>
    <row r="372300" spans="14:14">
      <c r="N372300" s="10"/>
    </row>
    <row r="372301" spans="14:14">
      <c r="N372301" s="10"/>
    </row>
    <row r="372302" spans="14:14">
      <c r="N372302" s="10"/>
    </row>
    <row r="372303" spans="14:14">
      <c r="N372303" s="10"/>
    </row>
    <row r="372304" spans="14:14">
      <c r="N372304" s="10"/>
    </row>
    <row r="372305" spans="14:14">
      <c r="N372305" s="10"/>
    </row>
    <row r="372306" spans="14:14">
      <c r="N372306" s="10"/>
    </row>
    <row r="372307" spans="14:14">
      <c r="N372307" s="10"/>
    </row>
    <row r="372308" spans="14:14">
      <c r="N372308" s="10"/>
    </row>
    <row r="372309" spans="14:14">
      <c r="N372309" s="10"/>
    </row>
    <row r="372310" spans="14:14">
      <c r="N372310" s="10"/>
    </row>
    <row r="372311" spans="14:14">
      <c r="N372311" s="10"/>
    </row>
    <row r="372312" spans="14:14">
      <c r="N372312" s="10"/>
    </row>
    <row r="372313" spans="14:14">
      <c r="N372313" s="10"/>
    </row>
    <row r="372314" spans="14:14">
      <c r="N372314" s="10"/>
    </row>
    <row r="372315" spans="14:14">
      <c r="N372315" s="10"/>
    </row>
    <row r="372316" spans="14:14">
      <c r="N372316" s="10"/>
    </row>
    <row r="372317" spans="14:14">
      <c r="N372317" s="10"/>
    </row>
    <row r="372318" spans="14:14">
      <c r="N372318" s="10"/>
    </row>
    <row r="372319" spans="14:14">
      <c r="N372319" s="10"/>
    </row>
    <row r="372320" spans="14:14">
      <c r="N372320" s="10"/>
    </row>
    <row r="372321" spans="14:14">
      <c r="N372321" s="10"/>
    </row>
    <row r="372322" spans="14:14">
      <c r="N372322" s="10"/>
    </row>
    <row r="372323" spans="14:14">
      <c r="N372323" s="10"/>
    </row>
    <row r="372324" spans="14:14">
      <c r="N372324" s="10"/>
    </row>
    <row r="372325" spans="14:14">
      <c r="N372325" s="10"/>
    </row>
    <row r="372326" spans="14:14">
      <c r="N372326" s="10"/>
    </row>
    <row r="372327" spans="14:14">
      <c r="N372327" s="10"/>
    </row>
    <row r="372328" spans="14:14">
      <c r="N372328" s="10"/>
    </row>
    <row r="372329" spans="14:14">
      <c r="N372329" s="10"/>
    </row>
    <row r="372330" spans="14:14">
      <c r="N372330" s="10"/>
    </row>
    <row r="372331" spans="14:14">
      <c r="N372331" s="10"/>
    </row>
    <row r="372332" spans="14:14">
      <c r="N372332" s="10"/>
    </row>
    <row r="372333" spans="14:14">
      <c r="N372333" s="10"/>
    </row>
    <row r="372334" spans="14:14">
      <c r="N372334" s="10"/>
    </row>
    <row r="372335" spans="14:14">
      <c r="N372335" s="10"/>
    </row>
    <row r="372336" spans="14:14">
      <c r="N372336" s="10"/>
    </row>
    <row r="372337" spans="14:14">
      <c r="N372337" s="10"/>
    </row>
    <row r="372338" spans="14:14">
      <c r="N372338" s="10"/>
    </row>
    <row r="372339" spans="14:14">
      <c r="N372339" s="10"/>
    </row>
    <row r="372340" spans="14:14">
      <c r="N372340" s="10"/>
    </row>
    <row r="372341" spans="14:14">
      <c r="N372341" s="10"/>
    </row>
    <row r="372342" spans="14:14">
      <c r="N372342" s="10"/>
    </row>
    <row r="372343" spans="14:14">
      <c r="N372343" s="10"/>
    </row>
    <row r="372344" spans="14:14">
      <c r="N372344" s="10"/>
    </row>
    <row r="372345" spans="14:14">
      <c r="N372345" s="10"/>
    </row>
    <row r="372346" spans="14:14">
      <c r="N372346" s="10"/>
    </row>
    <row r="372347" spans="14:14">
      <c r="N372347" s="10"/>
    </row>
    <row r="372348" spans="14:14">
      <c r="N372348" s="10"/>
    </row>
    <row r="372349" spans="14:14">
      <c r="N372349" s="10"/>
    </row>
    <row r="372350" spans="14:14">
      <c r="N372350" s="10"/>
    </row>
    <row r="372351" spans="14:14">
      <c r="N372351" s="10"/>
    </row>
    <row r="372352" spans="14:14">
      <c r="N372352" s="10"/>
    </row>
    <row r="372353" spans="14:14">
      <c r="N372353" s="10"/>
    </row>
    <row r="372354" spans="14:14">
      <c r="N372354" s="10"/>
    </row>
    <row r="372355" spans="14:14">
      <c r="N372355" s="10"/>
    </row>
    <row r="372356" spans="14:14">
      <c r="N372356" s="10"/>
    </row>
    <row r="372357" spans="14:14">
      <c r="N372357" s="10"/>
    </row>
    <row r="372358" spans="14:14">
      <c r="N372358" s="10"/>
    </row>
    <row r="372359" spans="14:14">
      <c r="N372359" s="10"/>
    </row>
    <row r="372360" spans="14:14">
      <c r="N372360" s="10"/>
    </row>
    <row r="372361" spans="14:14">
      <c r="N372361" s="10"/>
    </row>
    <row r="372362" spans="14:14">
      <c r="N372362" s="10"/>
    </row>
    <row r="372363" spans="14:14">
      <c r="N372363" s="10"/>
    </row>
    <row r="372364" spans="14:14">
      <c r="N372364" s="10"/>
    </row>
    <row r="372365" spans="14:14">
      <c r="N372365" s="10"/>
    </row>
    <row r="372366" spans="14:14">
      <c r="N372366" s="10"/>
    </row>
    <row r="372367" spans="14:14">
      <c r="N372367" s="10"/>
    </row>
    <row r="372368" spans="14:14">
      <c r="N372368" s="10"/>
    </row>
    <row r="372369" spans="14:14">
      <c r="N372369" s="10"/>
    </row>
    <row r="372370" spans="14:14">
      <c r="N372370" s="10"/>
    </row>
    <row r="372371" spans="14:14">
      <c r="N372371" s="10"/>
    </row>
    <row r="372372" spans="14:14">
      <c r="N372372" s="10"/>
    </row>
    <row r="372373" spans="14:14">
      <c r="N372373" s="10"/>
    </row>
    <row r="372374" spans="14:14">
      <c r="N372374" s="10"/>
    </row>
    <row r="372375" spans="14:14">
      <c r="N372375" s="10"/>
    </row>
    <row r="372376" spans="14:14">
      <c r="N372376" s="10"/>
    </row>
    <row r="372377" spans="14:14">
      <c r="N372377" s="10"/>
    </row>
    <row r="372378" spans="14:14">
      <c r="N372378" s="10"/>
    </row>
    <row r="372379" spans="14:14">
      <c r="N372379" s="10"/>
    </row>
    <row r="372380" spans="14:14">
      <c r="N372380" s="10"/>
    </row>
    <row r="372381" spans="14:14">
      <c r="N372381" s="10"/>
    </row>
    <row r="372382" spans="14:14">
      <c r="N372382" s="10"/>
    </row>
    <row r="372383" spans="14:14">
      <c r="N372383" s="10"/>
    </row>
    <row r="372384" spans="14:14">
      <c r="N372384" s="10"/>
    </row>
    <row r="372385" spans="14:14">
      <c r="N372385" s="10"/>
    </row>
    <row r="372386" spans="14:14">
      <c r="N372386" s="10"/>
    </row>
    <row r="372387" spans="14:14">
      <c r="N372387" s="10"/>
    </row>
    <row r="372388" spans="14:14">
      <c r="N372388" s="10"/>
    </row>
    <row r="372389" spans="14:14">
      <c r="N372389" s="10"/>
    </row>
    <row r="372390" spans="14:14">
      <c r="N372390" s="10"/>
    </row>
    <row r="372391" spans="14:14">
      <c r="N372391" s="10"/>
    </row>
    <row r="372392" spans="14:14">
      <c r="N372392" s="10"/>
    </row>
    <row r="372393" spans="14:14">
      <c r="N372393" s="10"/>
    </row>
    <row r="372394" spans="14:14">
      <c r="N372394" s="10"/>
    </row>
    <row r="372395" spans="14:14">
      <c r="N372395" s="10"/>
    </row>
    <row r="372396" spans="14:14">
      <c r="N372396" s="10"/>
    </row>
    <row r="372397" spans="14:14">
      <c r="N372397" s="10"/>
    </row>
    <row r="372398" spans="14:14">
      <c r="N372398" s="10"/>
    </row>
    <row r="372399" spans="14:14">
      <c r="N372399" s="10"/>
    </row>
    <row r="372400" spans="14:14">
      <c r="N372400" s="10"/>
    </row>
    <row r="372401" spans="14:14">
      <c r="N372401" s="10"/>
    </row>
    <row r="372402" spans="14:14">
      <c r="N372402" s="10"/>
    </row>
    <row r="372403" spans="14:14">
      <c r="N372403" s="10"/>
    </row>
    <row r="372404" spans="14:14">
      <c r="N372404" s="10"/>
    </row>
    <row r="372405" spans="14:14">
      <c r="N372405" s="10"/>
    </row>
    <row r="372406" spans="14:14">
      <c r="N372406" s="10"/>
    </row>
    <row r="372407" spans="14:14">
      <c r="N372407" s="10"/>
    </row>
    <row r="372408" spans="14:14">
      <c r="N372408" s="10"/>
    </row>
    <row r="372409" spans="14:14">
      <c r="N372409" s="10"/>
    </row>
    <row r="372410" spans="14:14">
      <c r="N372410" s="10"/>
    </row>
    <row r="372411" spans="14:14">
      <c r="N372411" s="10"/>
    </row>
    <row r="372412" spans="14:14">
      <c r="N372412" s="10"/>
    </row>
    <row r="372413" spans="14:14">
      <c r="N372413" s="10"/>
    </row>
    <row r="372414" spans="14:14">
      <c r="N372414" s="10"/>
    </row>
    <row r="372415" spans="14:14">
      <c r="N372415" s="10"/>
    </row>
    <row r="372416" spans="14:14">
      <c r="N372416" s="10"/>
    </row>
    <row r="372417" spans="14:14">
      <c r="N372417" s="10"/>
    </row>
    <row r="372418" spans="14:14">
      <c r="N372418" s="10"/>
    </row>
    <row r="372419" spans="14:14">
      <c r="N372419" s="10"/>
    </row>
    <row r="372420" spans="14:14">
      <c r="N372420" s="10"/>
    </row>
    <row r="372421" spans="14:14">
      <c r="N372421" s="10"/>
    </row>
    <row r="372422" spans="14:14">
      <c r="N372422" s="10"/>
    </row>
    <row r="372423" spans="14:14">
      <c r="N372423" s="10"/>
    </row>
    <row r="372424" spans="14:14">
      <c r="N372424" s="10"/>
    </row>
    <row r="372425" spans="14:14">
      <c r="N372425" s="10"/>
    </row>
    <row r="372426" spans="14:14">
      <c r="N372426" s="10"/>
    </row>
    <row r="372427" spans="14:14">
      <c r="N372427" s="10"/>
    </row>
    <row r="372428" spans="14:14">
      <c r="N372428" s="10"/>
    </row>
    <row r="372429" spans="14:14">
      <c r="N372429" s="10"/>
    </row>
    <row r="372430" spans="14:14">
      <c r="N372430" s="10"/>
    </row>
    <row r="372431" spans="14:14">
      <c r="N372431" s="10"/>
    </row>
    <row r="372432" spans="14:14">
      <c r="N372432" s="10"/>
    </row>
    <row r="372433" spans="14:14">
      <c r="N372433" s="10"/>
    </row>
    <row r="372434" spans="14:14">
      <c r="N372434" s="10"/>
    </row>
    <row r="372435" spans="14:14">
      <c r="N372435" s="10"/>
    </row>
    <row r="372436" spans="14:14">
      <c r="N372436" s="10"/>
    </row>
    <row r="372437" spans="14:14">
      <c r="N372437" s="10"/>
    </row>
    <row r="372438" spans="14:14">
      <c r="N372438" s="10"/>
    </row>
    <row r="372439" spans="14:14">
      <c r="N372439" s="10"/>
    </row>
    <row r="372440" spans="14:14">
      <c r="N372440" s="10"/>
    </row>
    <row r="372441" spans="14:14">
      <c r="N372441" s="10"/>
    </row>
    <row r="372442" spans="14:14">
      <c r="N372442" s="10"/>
    </row>
    <row r="372443" spans="14:14">
      <c r="N372443" s="10"/>
    </row>
    <row r="372444" spans="14:14">
      <c r="N372444" s="10"/>
    </row>
    <row r="372445" spans="14:14">
      <c r="N372445" s="10"/>
    </row>
    <row r="372446" spans="14:14">
      <c r="N372446" s="10"/>
    </row>
    <row r="372447" spans="14:14">
      <c r="N372447" s="10"/>
    </row>
    <row r="372448" spans="14:14">
      <c r="N372448" s="10"/>
    </row>
    <row r="372449" spans="14:14">
      <c r="N372449" s="10"/>
    </row>
    <row r="372450" spans="14:14">
      <c r="N372450" s="10"/>
    </row>
    <row r="372451" spans="14:14">
      <c r="N372451" s="10"/>
    </row>
    <row r="372452" spans="14:14">
      <c r="N372452" s="10"/>
    </row>
    <row r="372453" spans="14:14">
      <c r="N372453" s="10"/>
    </row>
    <row r="372454" spans="14:14">
      <c r="N372454" s="10"/>
    </row>
    <row r="372455" spans="14:14">
      <c r="N372455" s="10"/>
    </row>
    <row r="372456" spans="14:14">
      <c r="N372456" s="10"/>
    </row>
    <row r="372457" spans="14:14">
      <c r="N372457" s="10"/>
    </row>
    <row r="372458" spans="14:14">
      <c r="N372458" s="10"/>
    </row>
    <row r="372459" spans="14:14">
      <c r="N372459" s="10"/>
    </row>
    <row r="372460" spans="14:14">
      <c r="N372460" s="10"/>
    </row>
    <row r="372461" spans="14:14">
      <c r="N372461" s="10"/>
    </row>
    <row r="372462" spans="14:14">
      <c r="N372462" s="10"/>
    </row>
    <row r="372463" spans="14:14">
      <c r="N372463" s="10"/>
    </row>
    <row r="372464" spans="14:14">
      <c r="N372464" s="10"/>
    </row>
    <row r="372465" spans="14:14">
      <c r="N372465" s="10"/>
    </row>
    <row r="372466" spans="14:14">
      <c r="N372466" s="10"/>
    </row>
    <row r="372467" spans="14:14">
      <c r="N372467" s="10"/>
    </row>
    <row r="372468" spans="14:14">
      <c r="N372468" s="10"/>
    </row>
    <row r="372469" spans="14:14">
      <c r="N372469" s="10"/>
    </row>
    <row r="372470" spans="14:14">
      <c r="N372470" s="10"/>
    </row>
    <row r="372471" spans="14:14">
      <c r="N372471" s="10"/>
    </row>
    <row r="372472" spans="14:14">
      <c r="N372472" s="10"/>
    </row>
    <row r="372473" spans="14:14">
      <c r="N372473" s="10"/>
    </row>
    <row r="372474" spans="14:14">
      <c r="N372474" s="10"/>
    </row>
    <row r="372475" spans="14:14">
      <c r="N372475" s="10"/>
    </row>
    <row r="372476" spans="14:14">
      <c r="N372476" s="10"/>
    </row>
    <row r="372477" spans="14:14">
      <c r="N372477" s="10"/>
    </row>
    <row r="372478" spans="14:14">
      <c r="N372478" s="10"/>
    </row>
    <row r="372479" spans="14:14">
      <c r="N372479" s="10"/>
    </row>
    <row r="372480" spans="14:14">
      <c r="N372480" s="10"/>
    </row>
    <row r="372481" spans="14:14">
      <c r="N372481" s="10"/>
    </row>
    <row r="372482" spans="14:14">
      <c r="N372482" s="10"/>
    </row>
    <row r="372483" spans="14:14">
      <c r="N372483" s="10"/>
    </row>
    <row r="372484" spans="14:14">
      <c r="N372484" s="10"/>
    </row>
    <row r="372485" spans="14:14">
      <c r="N372485" s="10"/>
    </row>
    <row r="372486" spans="14:14">
      <c r="N372486" s="10"/>
    </row>
    <row r="372487" spans="14:14">
      <c r="N372487" s="10"/>
    </row>
    <row r="372488" spans="14:14">
      <c r="N372488" s="10"/>
    </row>
    <row r="372489" spans="14:14">
      <c r="N372489" s="10"/>
    </row>
    <row r="372490" spans="14:14">
      <c r="N372490" s="10"/>
    </row>
    <row r="372491" spans="14:14">
      <c r="N372491" s="10"/>
    </row>
    <row r="372492" spans="14:14">
      <c r="N372492" s="10"/>
    </row>
    <row r="372493" spans="14:14">
      <c r="N372493" s="10"/>
    </row>
    <row r="372494" spans="14:14">
      <c r="N372494" s="10"/>
    </row>
    <row r="372495" spans="14:14">
      <c r="N372495" s="10"/>
    </row>
    <row r="372496" spans="14:14">
      <c r="N372496" s="10"/>
    </row>
    <row r="372497" spans="14:14">
      <c r="N372497" s="10"/>
    </row>
    <row r="372498" spans="14:14">
      <c r="N372498" s="10"/>
    </row>
    <row r="372499" spans="14:14">
      <c r="N372499" s="10"/>
    </row>
    <row r="372500" spans="14:14">
      <c r="N372500" s="10"/>
    </row>
    <row r="372501" spans="14:14">
      <c r="N372501" s="10"/>
    </row>
    <row r="372502" spans="14:14">
      <c r="N372502" s="10"/>
    </row>
    <row r="372503" spans="14:14">
      <c r="N372503" s="10"/>
    </row>
    <row r="372504" spans="14:14">
      <c r="N372504" s="10"/>
    </row>
    <row r="372505" spans="14:14">
      <c r="N372505" s="10"/>
    </row>
    <row r="372506" spans="14:14">
      <c r="N372506" s="10"/>
    </row>
    <row r="372507" spans="14:14">
      <c r="N372507" s="10"/>
    </row>
    <row r="372508" spans="14:14">
      <c r="N372508" s="10"/>
    </row>
    <row r="372509" spans="14:14">
      <c r="N372509" s="10"/>
    </row>
    <row r="372510" spans="14:14">
      <c r="N372510" s="10"/>
    </row>
    <row r="372511" spans="14:14">
      <c r="N372511" s="10"/>
    </row>
    <row r="372512" spans="14:14">
      <c r="N372512" s="10"/>
    </row>
    <row r="372513" spans="14:14">
      <c r="N372513" s="10"/>
    </row>
    <row r="372514" spans="14:14">
      <c r="N372514" s="10"/>
    </row>
    <row r="372515" spans="14:14">
      <c r="N372515" s="10"/>
    </row>
    <row r="372516" spans="14:14">
      <c r="N372516" s="10"/>
    </row>
    <row r="372517" spans="14:14">
      <c r="N372517" s="10"/>
    </row>
    <row r="372518" spans="14:14">
      <c r="N372518" s="10"/>
    </row>
    <row r="372519" spans="14:14">
      <c r="N372519" s="10"/>
    </row>
    <row r="372520" spans="14:14">
      <c r="N372520" s="10"/>
    </row>
    <row r="372521" spans="14:14">
      <c r="N372521" s="10"/>
    </row>
    <row r="372522" spans="14:14">
      <c r="N372522" s="10"/>
    </row>
    <row r="372523" spans="14:14">
      <c r="N372523" s="10"/>
    </row>
    <row r="372524" spans="14:14">
      <c r="N372524" s="10"/>
    </row>
    <row r="372525" spans="14:14">
      <c r="N372525" s="10"/>
    </row>
    <row r="372526" spans="14:14">
      <c r="N372526" s="10"/>
    </row>
    <row r="372527" spans="14:14">
      <c r="N372527" s="10"/>
    </row>
    <row r="372528" spans="14:14">
      <c r="N372528" s="10"/>
    </row>
    <row r="372529" spans="14:14">
      <c r="N372529" s="10"/>
    </row>
    <row r="372530" spans="14:14">
      <c r="N372530" s="10"/>
    </row>
    <row r="372531" spans="14:14">
      <c r="N372531" s="10"/>
    </row>
    <row r="372532" spans="14:14">
      <c r="N372532" s="10"/>
    </row>
    <row r="372533" spans="14:14">
      <c r="N372533" s="10"/>
    </row>
    <row r="372534" spans="14:14">
      <c r="N372534" s="10"/>
    </row>
    <row r="372535" spans="14:14">
      <c r="N372535" s="10"/>
    </row>
    <row r="372536" spans="14:14">
      <c r="N372536" s="10"/>
    </row>
    <row r="372537" spans="14:14">
      <c r="N372537" s="10"/>
    </row>
    <row r="372538" spans="14:14">
      <c r="N372538" s="10"/>
    </row>
    <row r="372539" spans="14:14">
      <c r="N372539" s="10"/>
    </row>
    <row r="372540" spans="14:14">
      <c r="N372540" s="10"/>
    </row>
    <row r="372541" spans="14:14">
      <c r="N372541" s="10"/>
    </row>
    <row r="372542" spans="14:14">
      <c r="N372542" s="10"/>
    </row>
    <row r="372543" spans="14:14">
      <c r="N372543" s="10"/>
    </row>
    <row r="372544" spans="14:14">
      <c r="N372544" s="10"/>
    </row>
    <row r="372545" spans="14:14">
      <c r="N372545" s="10"/>
    </row>
    <row r="372546" spans="14:14">
      <c r="N372546" s="10"/>
    </row>
    <row r="372547" spans="14:14">
      <c r="N372547" s="10"/>
    </row>
    <row r="372548" spans="14:14">
      <c r="N372548" s="10"/>
    </row>
    <row r="372549" spans="14:14">
      <c r="N372549" s="10"/>
    </row>
    <row r="372550" spans="14:14">
      <c r="N372550" s="10"/>
    </row>
    <row r="372551" spans="14:14">
      <c r="N372551" s="10"/>
    </row>
    <row r="372552" spans="14:14">
      <c r="N372552" s="10"/>
    </row>
    <row r="372553" spans="14:14">
      <c r="N372553" s="10"/>
    </row>
    <row r="372554" spans="14:14">
      <c r="N372554" s="10"/>
    </row>
    <row r="372555" spans="14:14">
      <c r="N372555" s="10"/>
    </row>
    <row r="372556" spans="14:14">
      <c r="N372556" s="10"/>
    </row>
    <row r="372557" spans="14:14">
      <c r="N372557" s="10"/>
    </row>
    <row r="372558" spans="14:14">
      <c r="N372558" s="10"/>
    </row>
    <row r="372559" spans="14:14">
      <c r="N372559" s="10"/>
    </row>
    <row r="372560" spans="14:14">
      <c r="N372560" s="10"/>
    </row>
    <row r="372561" spans="14:14">
      <c r="N372561" s="10"/>
    </row>
    <row r="372562" spans="14:14">
      <c r="N372562" s="10"/>
    </row>
    <row r="372563" spans="14:14">
      <c r="N372563" s="10"/>
    </row>
    <row r="372564" spans="14:14">
      <c r="N372564" s="10"/>
    </row>
    <row r="372565" spans="14:14">
      <c r="N372565" s="10"/>
    </row>
    <row r="372566" spans="14:14">
      <c r="N372566" s="10"/>
    </row>
    <row r="372567" spans="14:14">
      <c r="N372567" s="10"/>
    </row>
    <row r="372568" spans="14:14">
      <c r="N372568" s="10"/>
    </row>
    <row r="372569" spans="14:14">
      <c r="N372569" s="10"/>
    </row>
    <row r="372570" spans="14:14">
      <c r="N372570" s="10"/>
    </row>
    <row r="372571" spans="14:14">
      <c r="N372571" s="10"/>
    </row>
    <row r="372572" spans="14:14">
      <c r="N372572" s="10"/>
    </row>
    <row r="372573" spans="14:14">
      <c r="N372573" s="10"/>
    </row>
    <row r="372574" spans="14:14">
      <c r="N372574" s="10"/>
    </row>
    <row r="372575" spans="14:14">
      <c r="N372575" s="10"/>
    </row>
    <row r="372576" spans="14:14">
      <c r="N372576" s="10"/>
    </row>
    <row r="372577" spans="14:14">
      <c r="N372577" s="10"/>
    </row>
    <row r="372578" spans="14:14">
      <c r="N372578" s="10"/>
    </row>
    <row r="372579" spans="14:14">
      <c r="N372579" s="10"/>
    </row>
    <row r="372580" spans="14:14">
      <c r="N372580" s="10"/>
    </row>
    <row r="372581" spans="14:14">
      <c r="N372581" s="10"/>
    </row>
    <row r="372582" spans="14:14">
      <c r="N372582" s="10"/>
    </row>
    <row r="372583" spans="14:14">
      <c r="N372583" s="10"/>
    </row>
    <row r="372584" spans="14:14">
      <c r="N372584" s="10"/>
    </row>
    <row r="372585" spans="14:14">
      <c r="N372585" s="10"/>
    </row>
    <row r="372586" spans="14:14">
      <c r="N372586" s="10"/>
    </row>
    <row r="372587" spans="14:14">
      <c r="N372587" s="10"/>
    </row>
    <row r="372588" spans="14:14">
      <c r="N372588" s="10"/>
    </row>
    <row r="372589" spans="14:14">
      <c r="N372589" s="10"/>
    </row>
    <row r="372590" spans="14:14">
      <c r="N372590" s="10"/>
    </row>
    <row r="372591" spans="14:14">
      <c r="N372591" s="10"/>
    </row>
    <row r="372592" spans="14:14">
      <c r="N372592" s="10"/>
    </row>
    <row r="372593" spans="14:14">
      <c r="N372593" s="10"/>
    </row>
    <row r="372594" spans="14:14">
      <c r="N372594" s="10"/>
    </row>
    <row r="372595" spans="14:14">
      <c r="N372595" s="10"/>
    </row>
    <row r="372596" spans="14:14">
      <c r="N372596" s="10"/>
    </row>
    <row r="372597" spans="14:14">
      <c r="N372597" s="10"/>
    </row>
    <row r="372598" spans="14:14">
      <c r="N372598" s="10"/>
    </row>
    <row r="372599" spans="14:14">
      <c r="N372599" s="10"/>
    </row>
    <row r="372600" spans="14:14">
      <c r="N372600" s="10"/>
    </row>
    <row r="372601" spans="14:14">
      <c r="N372601" s="10"/>
    </row>
    <row r="372602" spans="14:14">
      <c r="N372602" s="10"/>
    </row>
    <row r="372603" spans="14:14">
      <c r="N372603" s="10"/>
    </row>
    <row r="372604" spans="14:14">
      <c r="N372604" s="10"/>
    </row>
    <row r="372605" spans="14:14">
      <c r="N372605" s="10"/>
    </row>
    <row r="372606" spans="14:14">
      <c r="N372606" s="10"/>
    </row>
    <row r="372607" spans="14:14">
      <c r="N372607" s="10"/>
    </row>
    <row r="372608" spans="14:14">
      <c r="N372608" s="10"/>
    </row>
    <row r="372609" spans="14:14">
      <c r="N372609" s="10"/>
    </row>
    <row r="372610" spans="14:14">
      <c r="N372610" s="10"/>
    </row>
    <row r="372611" spans="14:14">
      <c r="N372611" s="10"/>
    </row>
    <row r="372612" spans="14:14">
      <c r="N372612" s="10"/>
    </row>
    <row r="372613" spans="14:14">
      <c r="N372613" s="10"/>
    </row>
    <row r="372614" spans="14:14">
      <c r="N372614" s="10"/>
    </row>
    <row r="372615" spans="14:14">
      <c r="N372615" s="10"/>
    </row>
    <row r="372616" spans="14:14">
      <c r="N372616" s="10"/>
    </row>
    <row r="372617" spans="14:14">
      <c r="N372617" s="10"/>
    </row>
    <row r="372618" spans="14:14">
      <c r="N372618" s="10"/>
    </row>
    <row r="372619" spans="14:14">
      <c r="N372619" s="10"/>
    </row>
    <row r="372620" spans="14:14">
      <c r="N372620" s="10"/>
    </row>
    <row r="372621" spans="14:14">
      <c r="N372621" s="10"/>
    </row>
    <row r="372622" spans="14:14">
      <c r="N372622" s="10"/>
    </row>
    <row r="372623" spans="14:14">
      <c r="N372623" s="10"/>
    </row>
    <row r="372624" spans="14:14">
      <c r="N372624" s="10"/>
    </row>
    <row r="372625" spans="14:14">
      <c r="N372625" s="10"/>
    </row>
    <row r="372626" spans="14:14">
      <c r="N372626" s="10"/>
    </row>
    <row r="372627" spans="14:14">
      <c r="N372627" s="10"/>
    </row>
    <row r="372628" spans="14:14">
      <c r="N372628" s="10"/>
    </row>
    <row r="372629" spans="14:14">
      <c r="N372629" s="10"/>
    </row>
    <row r="372630" spans="14:14">
      <c r="N372630" s="10"/>
    </row>
    <row r="372631" spans="14:14">
      <c r="N372631" s="10"/>
    </row>
    <row r="372632" spans="14:14">
      <c r="N372632" s="10"/>
    </row>
    <row r="372633" spans="14:14">
      <c r="N372633" s="10"/>
    </row>
    <row r="372634" spans="14:14">
      <c r="N372634" s="10"/>
    </row>
    <row r="372635" spans="14:14">
      <c r="N372635" s="10"/>
    </row>
    <row r="372636" spans="14:14">
      <c r="N372636" s="10"/>
    </row>
    <row r="372637" spans="14:14">
      <c r="N372637" s="10"/>
    </row>
    <row r="372638" spans="14:14">
      <c r="N372638" s="10"/>
    </row>
    <row r="372639" spans="14:14">
      <c r="N372639" s="10"/>
    </row>
    <row r="372640" spans="14:14">
      <c r="N372640" s="10"/>
    </row>
    <row r="372641" spans="14:14">
      <c r="N372641" s="10"/>
    </row>
    <row r="372642" spans="14:14">
      <c r="N372642" s="10"/>
    </row>
    <row r="372643" spans="14:14">
      <c r="N372643" s="10"/>
    </row>
    <row r="372644" spans="14:14">
      <c r="N372644" s="10"/>
    </row>
    <row r="372645" spans="14:14">
      <c r="N372645" s="10"/>
    </row>
    <row r="372646" spans="14:14">
      <c r="N372646" s="10"/>
    </row>
    <row r="372647" spans="14:14">
      <c r="N372647" s="10"/>
    </row>
    <row r="372648" spans="14:14">
      <c r="N372648" s="10"/>
    </row>
    <row r="372649" spans="14:14">
      <c r="N372649" s="10"/>
    </row>
    <row r="372650" spans="14:14">
      <c r="N372650" s="10"/>
    </row>
    <row r="372651" spans="14:14">
      <c r="N372651" s="10"/>
    </row>
    <row r="372652" spans="14:14">
      <c r="N372652" s="10"/>
    </row>
    <row r="372653" spans="14:14">
      <c r="N372653" s="10"/>
    </row>
    <row r="372654" spans="14:14">
      <c r="N372654" s="10"/>
    </row>
    <row r="372655" spans="14:14">
      <c r="N372655" s="10"/>
    </row>
    <row r="372656" spans="14:14">
      <c r="N372656" s="10"/>
    </row>
    <row r="372657" spans="14:14">
      <c r="N372657" s="10"/>
    </row>
    <row r="372658" spans="14:14">
      <c r="N372658" s="10"/>
    </row>
    <row r="372659" spans="14:14">
      <c r="N372659" s="10"/>
    </row>
    <row r="372660" spans="14:14">
      <c r="N372660" s="10"/>
    </row>
    <row r="372661" spans="14:14">
      <c r="N372661" s="10"/>
    </row>
    <row r="372662" spans="14:14">
      <c r="N372662" s="10"/>
    </row>
    <row r="372663" spans="14:14">
      <c r="N372663" s="10"/>
    </row>
    <row r="372664" spans="14:14">
      <c r="N372664" s="10"/>
    </row>
    <row r="372665" spans="14:14">
      <c r="N372665" s="10"/>
    </row>
    <row r="372666" spans="14:14">
      <c r="N372666" s="10"/>
    </row>
    <row r="372667" spans="14:14">
      <c r="N372667" s="10"/>
    </row>
    <row r="372668" spans="14:14">
      <c r="N372668" s="10"/>
    </row>
    <row r="372669" spans="14:14">
      <c r="N372669" s="10"/>
    </row>
    <row r="372670" spans="14:14">
      <c r="N372670" s="10"/>
    </row>
    <row r="372671" spans="14:14">
      <c r="N372671" s="10"/>
    </row>
    <row r="372672" spans="14:14">
      <c r="N372672" s="10"/>
    </row>
    <row r="372673" spans="14:14">
      <c r="N372673" s="10"/>
    </row>
    <row r="372674" spans="14:14">
      <c r="N372674" s="10"/>
    </row>
    <row r="372675" spans="14:14">
      <c r="N372675" s="10"/>
    </row>
    <row r="372676" spans="14:14">
      <c r="N372676" s="10"/>
    </row>
    <row r="372677" spans="14:14">
      <c r="N372677" s="10"/>
    </row>
    <row r="372678" spans="14:14">
      <c r="N372678" s="10"/>
    </row>
    <row r="372679" spans="14:14">
      <c r="N372679" s="10"/>
    </row>
    <row r="372680" spans="14:14">
      <c r="N372680" s="10"/>
    </row>
    <row r="372681" spans="14:14">
      <c r="N372681" s="10"/>
    </row>
    <row r="372682" spans="14:14">
      <c r="N372682" s="10"/>
    </row>
    <row r="372683" spans="14:14">
      <c r="N372683" s="10"/>
    </row>
    <row r="372684" spans="14:14">
      <c r="N372684" s="10"/>
    </row>
    <row r="372685" spans="14:14">
      <c r="N372685" s="10"/>
    </row>
    <row r="372686" spans="14:14">
      <c r="N372686" s="10"/>
    </row>
    <row r="372687" spans="14:14">
      <c r="N372687" s="10"/>
    </row>
    <row r="372688" spans="14:14">
      <c r="N372688" s="10"/>
    </row>
    <row r="372689" spans="14:14">
      <c r="N372689" s="10"/>
    </row>
    <row r="372690" spans="14:14">
      <c r="N372690" s="10"/>
    </row>
    <row r="372691" spans="14:14">
      <c r="N372691" s="10"/>
    </row>
    <row r="372692" spans="14:14">
      <c r="N372692" s="10"/>
    </row>
    <row r="372693" spans="14:14">
      <c r="N372693" s="10"/>
    </row>
    <row r="372694" spans="14:14">
      <c r="N372694" s="10"/>
    </row>
    <row r="372695" spans="14:14">
      <c r="N372695" s="10"/>
    </row>
    <row r="372696" spans="14:14">
      <c r="N372696" s="10"/>
    </row>
    <row r="372697" spans="14:14">
      <c r="N372697" s="10"/>
    </row>
    <row r="372698" spans="14:14">
      <c r="N372698" s="10"/>
    </row>
    <row r="372699" spans="14:14">
      <c r="N372699" s="10"/>
    </row>
    <row r="372700" spans="14:14">
      <c r="N372700" s="10"/>
    </row>
    <row r="372701" spans="14:14">
      <c r="N372701" s="10"/>
    </row>
    <row r="372702" spans="14:14">
      <c r="N372702" s="10"/>
    </row>
    <row r="372703" spans="14:14">
      <c r="N372703" s="10"/>
    </row>
    <row r="372704" spans="14:14">
      <c r="N372704" s="10"/>
    </row>
    <row r="372705" spans="14:14">
      <c r="N372705" s="10"/>
    </row>
    <row r="372706" spans="14:14">
      <c r="N372706" s="10"/>
    </row>
    <row r="372707" spans="14:14">
      <c r="N372707" s="10"/>
    </row>
    <row r="372708" spans="14:14">
      <c r="N372708" s="10"/>
    </row>
    <row r="372709" spans="14:14">
      <c r="N372709" s="10"/>
    </row>
    <row r="372710" spans="14:14">
      <c r="N372710" s="10"/>
    </row>
    <row r="372711" spans="14:14">
      <c r="N372711" s="10"/>
    </row>
    <row r="372712" spans="14:14">
      <c r="N372712" s="10"/>
    </row>
    <row r="372713" spans="14:14">
      <c r="N372713" s="10"/>
    </row>
    <row r="372714" spans="14:14">
      <c r="N372714" s="10"/>
    </row>
    <row r="372715" spans="14:14">
      <c r="N372715" s="10"/>
    </row>
    <row r="372716" spans="14:14">
      <c r="N372716" s="10"/>
    </row>
    <row r="372717" spans="14:14">
      <c r="N372717" s="10"/>
    </row>
    <row r="372718" spans="14:14">
      <c r="N372718" s="10"/>
    </row>
    <row r="372719" spans="14:14">
      <c r="N372719" s="10"/>
    </row>
    <row r="372720" spans="14:14">
      <c r="N372720" s="10"/>
    </row>
    <row r="372721" spans="14:14">
      <c r="N372721" s="10"/>
    </row>
    <row r="372722" spans="14:14">
      <c r="N372722" s="10"/>
    </row>
    <row r="372723" spans="14:14">
      <c r="N372723" s="10"/>
    </row>
    <row r="372724" spans="14:14">
      <c r="N372724" s="10"/>
    </row>
    <row r="372725" spans="14:14">
      <c r="N372725" s="10"/>
    </row>
    <row r="372726" spans="14:14">
      <c r="N372726" s="10"/>
    </row>
    <row r="372727" spans="14:14">
      <c r="N372727" s="10"/>
    </row>
    <row r="372728" spans="14:14">
      <c r="N372728" s="10"/>
    </row>
    <row r="372729" spans="14:14">
      <c r="N372729" s="10"/>
    </row>
    <row r="372730" spans="14:14">
      <c r="N372730" s="10"/>
    </row>
    <row r="372731" spans="14:14">
      <c r="N372731" s="10"/>
    </row>
    <row r="372732" spans="14:14">
      <c r="N372732" s="10"/>
    </row>
    <row r="372733" spans="14:14">
      <c r="N372733" s="10"/>
    </row>
    <row r="372734" spans="14:14">
      <c r="N372734" s="10"/>
    </row>
    <row r="372735" spans="14:14">
      <c r="N372735" s="10"/>
    </row>
    <row r="372736" spans="14:14">
      <c r="N372736" s="10"/>
    </row>
    <row r="372737" spans="14:14">
      <c r="N372737" s="10"/>
    </row>
    <row r="372738" spans="14:14">
      <c r="N372738" s="10"/>
    </row>
    <row r="372739" spans="14:14">
      <c r="N372739" s="10"/>
    </row>
    <row r="372740" spans="14:14">
      <c r="N372740" s="10"/>
    </row>
    <row r="372741" spans="14:14">
      <c r="N372741" s="10"/>
    </row>
    <row r="372742" spans="14:14">
      <c r="N372742" s="10"/>
    </row>
    <row r="372743" spans="14:14">
      <c r="N372743" s="10"/>
    </row>
    <row r="372744" spans="14:14">
      <c r="N372744" s="10"/>
    </row>
    <row r="372745" spans="14:14">
      <c r="N372745" s="10"/>
    </row>
    <row r="372746" spans="14:14">
      <c r="N372746" s="10"/>
    </row>
    <row r="372747" spans="14:14">
      <c r="N372747" s="10"/>
    </row>
    <row r="372748" spans="14:14">
      <c r="N372748" s="10"/>
    </row>
    <row r="372749" spans="14:14">
      <c r="N372749" s="10"/>
    </row>
    <row r="372750" spans="14:14">
      <c r="N372750" s="10"/>
    </row>
    <row r="372751" spans="14:14">
      <c r="N372751" s="10"/>
    </row>
    <row r="372752" spans="14:14">
      <c r="N372752" s="10"/>
    </row>
    <row r="372753" spans="14:14">
      <c r="N372753" s="10"/>
    </row>
    <row r="372754" spans="14:14">
      <c r="N372754" s="10"/>
    </row>
    <row r="372755" spans="14:14">
      <c r="N372755" s="10"/>
    </row>
    <row r="372756" spans="14:14">
      <c r="N372756" s="10"/>
    </row>
    <row r="372757" spans="14:14">
      <c r="N372757" s="10"/>
    </row>
    <row r="372758" spans="14:14">
      <c r="N372758" s="10"/>
    </row>
    <row r="372759" spans="14:14">
      <c r="N372759" s="10"/>
    </row>
    <row r="372760" spans="14:14">
      <c r="N372760" s="10"/>
    </row>
    <row r="372761" spans="14:14">
      <c r="N372761" s="10"/>
    </row>
    <row r="372762" spans="14:14">
      <c r="N372762" s="10"/>
    </row>
    <row r="372763" spans="14:14">
      <c r="N372763" s="10"/>
    </row>
    <row r="372764" spans="14:14">
      <c r="N372764" s="10"/>
    </row>
    <row r="372765" spans="14:14">
      <c r="N372765" s="10"/>
    </row>
    <row r="372766" spans="14:14">
      <c r="N372766" s="10"/>
    </row>
    <row r="372767" spans="14:14">
      <c r="N372767" s="10"/>
    </row>
    <row r="372768" spans="14:14">
      <c r="N372768" s="10"/>
    </row>
    <row r="372769" spans="14:14">
      <c r="N372769" s="10"/>
    </row>
    <row r="372770" spans="14:14">
      <c r="N372770" s="10"/>
    </row>
    <row r="372771" spans="14:14">
      <c r="N372771" s="10"/>
    </row>
    <row r="372772" spans="14:14">
      <c r="N372772" s="10"/>
    </row>
    <row r="372773" spans="14:14">
      <c r="N372773" s="10"/>
    </row>
    <row r="372774" spans="14:14">
      <c r="N372774" s="10"/>
    </row>
    <row r="372775" spans="14:14">
      <c r="N372775" s="10"/>
    </row>
    <row r="372776" spans="14:14">
      <c r="N372776" s="10"/>
    </row>
    <row r="372777" spans="14:14">
      <c r="N372777" s="10"/>
    </row>
    <row r="372778" spans="14:14">
      <c r="N372778" s="10"/>
    </row>
    <row r="372779" spans="14:14">
      <c r="N372779" s="10"/>
    </row>
    <row r="372780" spans="14:14">
      <c r="N372780" s="10"/>
    </row>
    <row r="372781" spans="14:14">
      <c r="N372781" s="10"/>
    </row>
    <row r="372782" spans="14:14">
      <c r="N372782" s="10"/>
    </row>
    <row r="372783" spans="14:14">
      <c r="N372783" s="10"/>
    </row>
    <row r="372784" spans="14:14">
      <c r="N372784" s="10"/>
    </row>
    <row r="372785" spans="14:14">
      <c r="N372785" s="10"/>
    </row>
    <row r="372786" spans="14:14">
      <c r="N372786" s="10"/>
    </row>
    <row r="372787" spans="14:14">
      <c r="N372787" s="10"/>
    </row>
    <row r="372788" spans="14:14">
      <c r="N372788" s="10"/>
    </row>
    <row r="372789" spans="14:14">
      <c r="N372789" s="10"/>
    </row>
    <row r="372790" spans="14:14">
      <c r="N372790" s="10"/>
    </row>
    <row r="372791" spans="14:14">
      <c r="N372791" s="10"/>
    </row>
    <row r="372792" spans="14:14">
      <c r="N372792" s="10"/>
    </row>
    <row r="372793" spans="14:14">
      <c r="N372793" s="10"/>
    </row>
    <row r="372794" spans="14:14">
      <c r="N372794" s="10"/>
    </row>
    <row r="372795" spans="14:14">
      <c r="N372795" s="10"/>
    </row>
    <row r="372796" spans="14:14">
      <c r="N372796" s="10"/>
    </row>
    <row r="372797" spans="14:14">
      <c r="N372797" s="10"/>
    </row>
    <row r="372798" spans="14:14">
      <c r="N372798" s="10"/>
    </row>
    <row r="372799" spans="14:14">
      <c r="N372799" s="10"/>
    </row>
    <row r="372800" spans="14:14">
      <c r="N372800" s="10"/>
    </row>
    <row r="372801" spans="14:14">
      <c r="N372801" s="10"/>
    </row>
    <row r="372802" spans="14:14">
      <c r="N372802" s="10"/>
    </row>
    <row r="372803" spans="14:14">
      <c r="N372803" s="10"/>
    </row>
    <row r="372804" spans="14:14">
      <c r="N372804" s="10"/>
    </row>
    <row r="372805" spans="14:14">
      <c r="N372805" s="10"/>
    </row>
    <row r="372806" spans="14:14">
      <c r="N372806" s="10"/>
    </row>
    <row r="372807" spans="14:14">
      <c r="N372807" s="10"/>
    </row>
    <row r="372808" spans="14:14">
      <c r="N372808" s="10"/>
    </row>
    <row r="372809" spans="14:14">
      <c r="N372809" s="10"/>
    </row>
    <row r="372810" spans="14:14">
      <c r="N372810" s="10"/>
    </row>
    <row r="372811" spans="14:14">
      <c r="N372811" s="10"/>
    </row>
    <row r="372812" spans="14:14">
      <c r="N372812" s="10"/>
    </row>
    <row r="372813" spans="14:14">
      <c r="N372813" s="10"/>
    </row>
    <row r="372814" spans="14:14">
      <c r="N372814" s="10"/>
    </row>
    <row r="372815" spans="14:14">
      <c r="N372815" s="10"/>
    </row>
    <row r="372816" spans="14:14">
      <c r="N372816" s="10"/>
    </row>
    <row r="372817" spans="14:14">
      <c r="N372817" s="10"/>
    </row>
    <row r="372818" spans="14:14">
      <c r="N372818" s="10"/>
    </row>
    <row r="372819" spans="14:14">
      <c r="N372819" s="10"/>
    </row>
    <row r="372820" spans="14:14">
      <c r="N372820" s="10"/>
    </row>
    <row r="372821" spans="14:14">
      <c r="N372821" s="10"/>
    </row>
    <row r="372822" spans="14:14">
      <c r="N372822" s="10"/>
    </row>
    <row r="372823" spans="14:14">
      <c r="N372823" s="10"/>
    </row>
    <row r="372824" spans="14:14">
      <c r="N372824" s="10"/>
    </row>
    <row r="372825" spans="14:14">
      <c r="N372825" s="10"/>
    </row>
    <row r="372826" spans="14:14">
      <c r="N372826" s="10"/>
    </row>
    <row r="372827" spans="14:14">
      <c r="N372827" s="10"/>
    </row>
    <row r="372828" spans="14:14">
      <c r="N372828" s="10"/>
    </row>
    <row r="372829" spans="14:14">
      <c r="N372829" s="10"/>
    </row>
    <row r="372830" spans="14:14">
      <c r="N372830" s="10"/>
    </row>
    <row r="372831" spans="14:14">
      <c r="N372831" s="10"/>
    </row>
    <row r="372832" spans="14:14">
      <c r="N372832" s="10"/>
    </row>
    <row r="372833" spans="14:14">
      <c r="N372833" s="10"/>
    </row>
    <row r="372834" spans="14:14">
      <c r="N372834" s="10"/>
    </row>
    <row r="372835" spans="14:14">
      <c r="N372835" s="10"/>
    </row>
    <row r="372836" spans="14:14">
      <c r="N372836" s="10"/>
    </row>
    <row r="372837" spans="14:14">
      <c r="N372837" s="10"/>
    </row>
    <row r="372838" spans="14:14">
      <c r="N372838" s="10"/>
    </row>
    <row r="372839" spans="14:14">
      <c r="N372839" s="10"/>
    </row>
    <row r="372840" spans="14:14">
      <c r="N372840" s="10"/>
    </row>
    <row r="372841" spans="14:14">
      <c r="N372841" s="10"/>
    </row>
    <row r="372842" spans="14:14">
      <c r="N372842" s="10"/>
    </row>
    <row r="372843" spans="14:14">
      <c r="N372843" s="10"/>
    </row>
    <row r="372844" spans="14:14">
      <c r="N372844" s="10"/>
    </row>
    <row r="372845" spans="14:14">
      <c r="N372845" s="10"/>
    </row>
    <row r="372846" spans="14:14">
      <c r="N372846" s="10"/>
    </row>
    <row r="372847" spans="14:14">
      <c r="N372847" s="10"/>
    </row>
    <row r="372848" spans="14:14">
      <c r="N372848" s="10"/>
    </row>
    <row r="372849" spans="14:14">
      <c r="N372849" s="10"/>
    </row>
    <row r="372850" spans="14:14">
      <c r="N372850" s="10"/>
    </row>
    <row r="372851" spans="14:14">
      <c r="N372851" s="10"/>
    </row>
    <row r="372852" spans="14:14">
      <c r="N372852" s="10"/>
    </row>
    <row r="372853" spans="14:14">
      <c r="N372853" s="10"/>
    </row>
    <row r="372854" spans="14:14">
      <c r="N372854" s="10"/>
    </row>
    <row r="372855" spans="14:14">
      <c r="N372855" s="10"/>
    </row>
    <row r="372856" spans="14:14">
      <c r="N372856" s="10"/>
    </row>
    <row r="372857" spans="14:14">
      <c r="N372857" s="10"/>
    </row>
    <row r="372858" spans="14:14">
      <c r="N372858" s="10"/>
    </row>
    <row r="372859" spans="14:14">
      <c r="N372859" s="10"/>
    </row>
    <row r="372860" spans="14:14">
      <c r="N372860" s="10"/>
    </row>
    <row r="372861" spans="14:14">
      <c r="N372861" s="10"/>
    </row>
    <row r="372862" spans="14:14">
      <c r="N372862" s="10"/>
    </row>
    <row r="372863" spans="14:14">
      <c r="N372863" s="10"/>
    </row>
    <row r="372864" spans="14:14">
      <c r="N372864" s="10"/>
    </row>
    <row r="372865" spans="14:14">
      <c r="N372865" s="10"/>
    </row>
    <row r="372866" spans="14:14">
      <c r="N372866" s="10"/>
    </row>
    <row r="372867" spans="14:14">
      <c r="N372867" s="10"/>
    </row>
    <row r="372868" spans="14:14">
      <c r="N372868" s="10"/>
    </row>
    <row r="372869" spans="14:14">
      <c r="N372869" s="10"/>
    </row>
    <row r="372870" spans="14:14">
      <c r="N372870" s="10"/>
    </row>
    <row r="372871" spans="14:14">
      <c r="N372871" s="10"/>
    </row>
    <row r="372872" spans="14:14">
      <c r="N372872" s="10"/>
    </row>
    <row r="372873" spans="14:14">
      <c r="N372873" s="10"/>
    </row>
    <row r="372874" spans="14:14">
      <c r="N372874" s="10"/>
    </row>
    <row r="372875" spans="14:14">
      <c r="N372875" s="10"/>
    </row>
    <row r="372876" spans="14:14">
      <c r="N372876" s="10"/>
    </row>
    <row r="372877" spans="14:14">
      <c r="N372877" s="10"/>
    </row>
    <row r="372878" spans="14:14">
      <c r="N372878" s="10"/>
    </row>
    <row r="372879" spans="14:14">
      <c r="N372879" s="10"/>
    </row>
    <row r="372880" spans="14:14">
      <c r="N372880" s="10"/>
    </row>
    <row r="372881" spans="14:14">
      <c r="N372881" s="10"/>
    </row>
    <row r="372882" spans="14:14">
      <c r="N372882" s="10"/>
    </row>
    <row r="372883" spans="14:14">
      <c r="N372883" s="10"/>
    </row>
    <row r="372884" spans="14:14">
      <c r="N372884" s="10"/>
    </row>
    <row r="372885" spans="14:14">
      <c r="N372885" s="10"/>
    </row>
    <row r="372886" spans="14:14">
      <c r="N372886" s="10"/>
    </row>
    <row r="372887" spans="14:14">
      <c r="N372887" s="10"/>
    </row>
    <row r="372888" spans="14:14">
      <c r="N372888" s="10"/>
    </row>
    <row r="372889" spans="14:14">
      <c r="N372889" s="10"/>
    </row>
    <row r="372890" spans="14:14">
      <c r="N372890" s="10"/>
    </row>
    <row r="372891" spans="14:14">
      <c r="N372891" s="10"/>
    </row>
    <row r="372892" spans="14:14">
      <c r="N372892" s="10"/>
    </row>
    <row r="372893" spans="14:14">
      <c r="N372893" s="10"/>
    </row>
    <row r="372894" spans="14:14">
      <c r="N372894" s="10"/>
    </row>
    <row r="372895" spans="14:14">
      <c r="N372895" s="10"/>
    </row>
    <row r="372896" spans="14:14">
      <c r="N372896" s="10"/>
    </row>
    <row r="372897" spans="14:14">
      <c r="N372897" s="10"/>
    </row>
    <row r="372898" spans="14:14">
      <c r="N372898" s="10"/>
    </row>
    <row r="372899" spans="14:14">
      <c r="N372899" s="10"/>
    </row>
    <row r="372900" spans="14:14">
      <c r="N372900" s="10"/>
    </row>
    <row r="372901" spans="14:14">
      <c r="N372901" s="10"/>
    </row>
    <row r="372902" spans="14:14">
      <c r="N372902" s="10"/>
    </row>
    <row r="372903" spans="14:14">
      <c r="N372903" s="10"/>
    </row>
    <row r="372904" spans="14:14">
      <c r="N372904" s="10"/>
    </row>
    <row r="372905" spans="14:14">
      <c r="N372905" s="10"/>
    </row>
    <row r="372906" spans="14:14">
      <c r="N372906" s="10"/>
    </row>
    <row r="372907" spans="14:14">
      <c r="N372907" s="10"/>
    </row>
    <row r="372908" spans="14:14">
      <c r="N372908" s="10"/>
    </row>
    <row r="372909" spans="14:14">
      <c r="N372909" s="10"/>
    </row>
    <row r="372910" spans="14:14">
      <c r="N372910" s="10"/>
    </row>
    <row r="372911" spans="14:14">
      <c r="N372911" s="10"/>
    </row>
    <row r="372912" spans="14:14">
      <c r="N372912" s="10"/>
    </row>
    <row r="372913" spans="14:14">
      <c r="N372913" s="10"/>
    </row>
    <row r="372914" spans="14:14">
      <c r="N372914" s="10"/>
    </row>
    <row r="372915" spans="14:14">
      <c r="N372915" s="10"/>
    </row>
    <row r="372916" spans="14:14">
      <c r="N372916" s="10"/>
    </row>
    <row r="372917" spans="14:14">
      <c r="N372917" s="10"/>
    </row>
    <row r="372918" spans="14:14">
      <c r="N372918" s="10"/>
    </row>
    <row r="372919" spans="14:14">
      <c r="N372919" s="10"/>
    </row>
    <row r="372920" spans="14:14">
      <c r="N372920" s="10"/>
    </row>
    <row r="372921" spans="14:14">
      <c r="N372921" s="10"/>
    </row>
    <row r="372922" spans="14:14">
      <c r="N372922" s="10"/>
    </row>
    <row r="372923" spans="14:14">
      <c r="N372923" s="10"/>
    </row>
    <row r="372924" spans="14:14">
      <c r="N372924" s="10"/>
    </row>
    <row r="372925" spans="14:14">
      <c r="N372925" s="10"/>
    </row>
    <row r="372926" spans="14:14">
      <c r="N372926" s="10"/>
    </row>
    <row r="372927" spans="14:14">
      <c r="N372927" s="10"/>
    </row>
    <row r="372928" spans="14:14">
      <c r="N372928" s="10"/>
    </row>
    <row r="372929" spans="14:14">
      <c r="N372929" s="10"/>
    </row>
    <row r="372930" spans="14:14">
      <c r="N372930" s="10"/>
    </row>
    <row r="372931" spans="14:14">
      <c r="N372931" s="10"/>
    </row>
    <row r="372932" spans="14:14">
      <c r="N372932" s="10"/>
    </row>
    <row r="372933" spans="14:14">
      <c r="N372933" s="10"/>
    </row>
    <row r="372934" spans="14:14">
      <c r="N372934" s="10"/>
    </row>
    <row r="372935" spans="14:14">
      <c r="N372935" s="10"/>
    </row>
    <row r="372936" spans="14:14">
      <c r="N372936" s="10"/>
    </row>
    <row r="372937" spans="14:14">
      <c r="N372937" s="10"/>
    </row>
    <row r="372938" spans="14:14">
      <c r="N372938" s="10"/>
    </row>
    <row r="372939" spans="14:14">
      <c r="N372939" s="10"/>
    </row>
    <row r="372940" spans="14:14">
      <c r="N372940" s="10"/>
    </row>
    <row r="372941" spans="14:14">
      <c r="N372941" s="10"/>
    </row>
    <row r="372942" spans="14:14">
      <c r="N372942" s="10"/>
    </row>
    <row r="372943" spans="14:14">
      <c r="N372943" s="10"/>
    </row>
    <row r="372944" spans="14:14">
      <c r="N372944" s="10"/>
    </row>
    <row r="372945" spans="14:14">
      <c r="N372945" s="10"/>
    </row>
    <row r="372946" spans="14:14">
      <c r="N372946" s="10"/>
    </row>
    <row r="372947" spans="14:14">
      <c r="N372947" s="10"/>
    </row>
    <row r="372948" spans="14:14">
      <c r="N372948" s="10"/>
    </row>
    <row r="372949" spans="14:14">
      <c r="N372949" s="10"/>
    </row>
    <row r="372950" spans="14:14">
      <c r="N372950" s="10"/>
    </row>
    <row r="372951" spans="14:14">
      <c r="N372951" s="10"/>
    </row>
    <row r="372952" spans="14:14">
      <c r="N372952" s="10"/>
    </row>
    <row r="372953" spans="14:14">
      <c r="N372953" s="10"/>
    </row>
    <row r="372954" spans="14:14">
      <c r="N372954" s="10"/>
    </row>
    <row r="372955" spans="14:14">
      <c r="N372955" s="10"/>
    </row>
    <row r="372956" spans="14:14">
      <c r="N372956" s="10"/>
    </row>
    <row r="372957" spans="14:14">
      <c r="N372957" s="10"/>
    </row>
    <row r="372958" spans="14:14">
      <c r="N372958" s="10"/>
    </row>
    <row r="372959" spans="14:14">
      <c r="N372959" s="10"/>
    </row>
    <row r="372960" spans="14:14">
      <c r="N372960" s="10"/>
    </row>
    <row r="372961" spans="14:14">
      <c r="N372961" s="10"/>
    </row>
    <row r="372962" spans="14:14">
      <c r="N372962" s="10"/>
    </row>
    <row r="372963" spans="14:14">
      <c r="N372963" s="10"/>
    </row>
    <row r="372964" spans="14:14">
      <c r="N372964" s="10"/>
    </row>
    <row r="372965" spans="14:14">
      <c r="N372965" s="10"/>
    </row>
    <row r="372966" spans="14:14">
      <c r="N372966" s="10"/>
    </row>
    <row r="372967" spans="14:14">
      <c r="N372967" s="10"/>
    </row>
    <row r="372968" spans="14:14">
      <c r="N372968" s="10"/>
    </row>
    <row r="372969" spans="14:14">
      <c r="N372969" s="10"/>
    </row>
    <row r="372970" spans="14:14">
      <c r="N372970" s="10"/>
    </row>
    <row r="372971" spans="14:14">
      <c r="N372971" s="10"/>
    </row>
    <row r="372972" spans="14:14">
      <c r="N372972" s="10"/>
    </row>
    <row r="372973" spans="14:14">
      <c r="N372973" s="10"/>
    </row>
    <row r="372974" spans="14:14">
      <c r="N372974" s="10"/>
    </row>
    <row r="372975" spans="14:14">
      <c r="N372975" s="10"/>
    </row>
    <row r="372976" spans="14:14">
      <c r="N372976" s="10"/>
    </row>
    <row r="372977" spans="14:14">
      <c r="N372977" s="10"/>
    </row>
    <row r="372978" spans="14:14">
      <c r="N372978" s="10"/>
    </row>
    <row r="372979" spans="14:14">
      <c r="N372979" s="10"/>
    </row>
    <row r="372980" spans="14:14">
      <c r="N372980" s="10"/>
    </row>
    <row r="372981" spans="14:14">
      <c r="N372981" s="10"/>
    </row>
    <row r="372982" spans="14:14">
      <c r="N372982" s="10"/>
    </row>
    <row r="372983" spans="14:14">
      <c r="N372983" s="10"/>
    </row>
    <row r="372984" spans="14:14">
      <c r="N372984" s="10"/>
    </row>
    <row r="372985" spans="14:14">
      <c r="N372985" s="10"/>
    </row>
    <row r="372986" spans="14:14">
      <c r="N372986" s="10"/>
    </row>
    <row r="372987" spans="14:14">
      <c r="N372987" s="10"/>
    </row>
    <row r="372988" spans="14:14">
      <c r="N372988" s="10"/>
    </row>
    <row r="372989" spans="14:14">
      <c r="N372989" s="10"/>
    </row>
    <row r="372990" spans="14:14">
      <c r="N372990" s="10"/>
    </row>
    <row r="372991" spans="14:14">
      <c r="N372991" s="10"/>
    </row>
    <row r="372992" spans="14:14">
      <c r="N372992" s="10"/>
    </row>
    <row r="372993" spans="14:14">
      <c r="N372993" s="10"/>
    </row>
    <row r="372994" spans="14:14">
      <c r="N372994" s="10"/>
    </row>
    <row r="372995" spans="14:14">
      <c r="N372995" s="10"/>
    </row>
    <row r="372996" spans="14:14">
      <c r="N372996" s="10"/>
    </row>
    <row r="372997" spans="14:14">
      <c r="N372997" s="10"/>
    </row>
    <row r="372998" spans="14:14">
      <c r="N372998" s="10"/>
    </row>
    <row r="372999" spans="14:14">
      <c r="N372999" s="10"/>
    </row>
    <row r="373000" spans="14:14">
      <c r="N373000" s="10"/>
    </row>
    <row r="373001" spans="14:14">
      <c r="N373001" s="10"/>
    </row>
    <row r="373002" spans="14:14">
      <c r="N373002" s="10"/>
    </row>
    <row r="373003" spans="14:14">
      <c r="N373003" s="10"/>
    </row>
    <row r="373004" spans="14:14">
      <c r="N373004" s="10"/>
    </row>
    <row r="373005" spans="14:14">
      <c r="N373005" s="10"/>
    </row>
    <row r="373006" spans="14:14">
      <c r="N373006" s="10"/>
    </row>
    <row r="373007" spans="14:14">
      <c r="N373007" s="10"/>
    </row>
    <row r="373008" spans="14:14">
      <c r="N373008" s="10"/>
    </row>
    <row r="373009" spans="14:14">
      <c r="N373009" s="10"/>
    </row>
    <row r="373010" spans="14:14">
      <c r="N373010" s="10"/>
    </row>
    <row r="373011" spans="14:14">
      <c r="N373011" s="10"/>
    </row>
    <row r="373012" spans="14:14">
      <c r="N373012" s="10"/>
    </row>
    <row r="373013" spans="14:14">
      <c r="N373013" s="10"/>
    </row>
    <row r="373014" spans="14:14">
      <c r="N373014" s="10"/>
    </row>
    <row r="373015" spans="14:14">
      <c r="N373015" s="10"/>
    </row>
    <row r="373016" spans="14:14">
      <c r="N373016" s="10"/>
    </row>
    <row r="373017" spans="14:14">
      <c r="N373017" s="10"/>
    </row>
    <row r="373018" spans="14:14">
      <c r="N373018" s="10"/>
    </row>
    <row r="373019" spans="14:14">
      <c r="N373019" s="10"/>
    </row>
    <row r="373020" spans="14:14">
      <c r="N373020" s="10"/>
    </row>
    <row r="373021" spans="14:14">
      <c r="N373021" s="10"/>
    </row>
    <row r="373022" spans="14:14">
      <c r="N373022" s="10"/>
    </row>
    <row r="373023" spans="14:14">
      <c r="N373023" s="10"/>
    </row>
    <row r="373024" spans="14:14">
      <c r="N373024" s="10"/>
    </row>
    <row r="373025" spans="14:14">
      <c r="N373025" s="10"/>
    </row>
    <row r="373026" spans="14:14">
      <c r="N373026" s="10"/>
    </row>
    <row r="373027" spans="14:14">
      <c r="N373027" s="10"/>
    </row>
    <row r="373028" spans="14:14">
      <c r="N373028" s="10"/>
    </row>
    <row r="373029" spans="14:14">
      <c r="N373029" s="10"/>
    </row>
    <row r="373030" spans="14:14">
      <c r="N373030" s="10"/>
    </row>
    <row r="373031" spans="14:14">
      <c r="N373031" s="10"/>
    </row>
    <row r="373032" spans="14:14">
      <c r="N373032" s="10"/>
    </row>
    <row r="373033" spans="14:14">
      <c r="N373033" s="10"/>
    </row>
    <row r="373034" spans="14:14">
      <c r="N373034" s="10"/>
    </row>
    <row r="373035" spans="14:14">
      <c r="N373035" s="10"/>
    </row>
    <row r="373036" spans="14:14">
      <c r="N373036" s="10"/>
    </row>
    <row r="373037" spans="14:14">
      <c r="N373037" s="10"/>
    </row>
    <row r="373038" spans="14:14">
      <c r="N373038" s="10"/>
    </row>
    <row r="373039" spans="14:14">
      <c r="N373039" s="10"/>
    </row>
    <row r="373040" spans="14:14">
      <c r="N373040" s="10"/>
    </row>
    <row r="373041" spans="14:14">
      <c r="N373041" s="10"/>
    </row>
    <row r="373042" spans="14:14">
      <c r="N373042" s="10"/>
    </row>
    <row r="373043" spans="14:14">
      <c r="N373043" s="10"/>
    </row>
    <row r="373044" spans="14:14">
      <c r="N373044" s="10"/>
    </row>
    <row r="373045" spans="14:14">
      <c r="N373045" s="10"/>
    </row>
    <row r="373046" spans="14:14">
      <c r="N373046" s="10"/>
    </row>
    <row r="373047" spans="14:14">
      <c r="N373047" s="10"/>
    </row>
    <row r="373048" spans="14:14">
      <c r="N373048" s="10"/>
    </row>
    <row r="373049" spans="14:14">
      <c r="N373049" s="10"/>
    </row>
    <row r="373050" spans="14:14">
      <c r="N373050" s="10"/>
    </row>
    <row r="373051" spans="14:14">
      <c r="N373051" s="10"/>
    </row>
    <row r="373052" spans="14:14">
      <c r="N373052" s="10"/>
    </row>
    <row r="373053" spans="14:14">
      <c r="N373053" s="10"/>
    </row>
    <row r="373054" spans="14:14">
      <c r="N373054" s="10"/>
    </row>
    <row r="373055" spans="14:14">
      <c r="N373055" s="10"/>
    </row>
    <row r="373056" spans="14:14">
      <c r="N373056" s="10"/>
    </row>
    <row r="373057" spans="14:14">
      <c r="N373057" s="10"/>
    </row>
    <row r="373058" spans="14:14">
      <c r="N373058" s="10"/>
    </row>
    <row r="373059" spans="14:14">
      <c r="N373059" s="10"/>
    </row>
    <row r="373060" spans="14:14">
      <c r="N373060" s="10"/>
    </row>
    <row r="373061" spans="14:14">
      <c r="N373061" s="10"/>
    </row>
    <row r="373062" spans="14:14">
      <c r="N373062" s="10"/>
    </row>
    <row r="373063" spans="14:14">
      <c r="N373063" s="10"/>
    </row>
    <row r="373064" spans="14:14">
      <c r="N373064" s="10"/>
    </row>
    <row r="373065" spans="14:14">
      <c r="N373065" s="10"/>
    </row>
    <row r="373066" spans="14:14">
      <c r="N373066" s="10"/>
    </row>
    <row r="373067" spans="14:14">
      <c r="N373067" s="10"/>
    </row>
    <row r="373068" spans="14:14">
      <c r="N373068" s="10"/>
    </row>
    <row r="373069" spans="14:14">
      <c r="N373069" s="10"/>
    </row>
    <row r="373070" spans="14:14">
      <c r="N373070" s="10"/>
    </row>
    <row r="373071" spans="14:14">
      <c r="N373071" s="10"/>
    </row>
    <row r="373072" spans="14:14">
      <c r="N373072" s="10"/>
    </row>
    <row r="373073" spans="14:14">
      <c r="N373073" s="10"/>
    </row>
    <row r="373074" spans="14:14">
      <c r="N373074" s="10"/>
    </row>
    <row r="373075" spans="14:14">
      <c r="N373075" s="10"/>
    </row>
    <row r="373076" spans="14:14">
      <c r="N373076" s="10"/>
    </row>
    <row r="373077" spans="14:14">
      <c r="N373077" s="10"/>
    </row>
    <row r="373078" spans="14:14">
      <c r="N373078" s="10"/>
    </row>
    <row r="373079" spans="14:14">
      <c r="N373079" s="10"/>
    </row>
    <row r="373080" spans="14:14">
      <c r="N373080" s="10"/>
    </row>
    <row r="373081" spans="14:14">
      <c r="N373081" s="10"/>
    </row>
    <row r="373082" spans="14:14">
      <c r="N373082" s="10"/>
    </row>
    <row r="373083" spans="14:14">
      <c r="N373083" s="10"/>
    </row>
    <row r="373084" spans="14:14">
      <c r="N373084" s="10"/>
    </row>
    <row r="373085" spans="14:14">
      <c r="N373085" s="10"/>
    </row>
    <row r="373086" spans="14:14">
      <c r="N373086" s="10"/>
    </row>
    <row r="373087" spans="14:14">
      <c r="N373087" s="10"/>
    </row>
    <row r="373088" spans="14:14">
      <c r="N373088" s="10"/>
    </row>
    <row r="373089" spans="14:14">
      <c r="N373089" s="10"/>
    </row>
    <row r="373090" spans="14:14">
      <c r="N373090" s="10"/>
    </row>
    <row r="373091" spans="14:14">
      <c r="N373091" s="10"/>
    </row>
    <row r="373092" spans="14:14">
      <c r="N373092" s="10"/>
    </row>
    <row r="373093" spans="14:14">
      <c r="N373093" s="10"/>
    </row>
    <row r="373094" spans="14:14">
      <c r="N373094" s="10"/>
    </row>
    <row r="373095" spans="14:14">
      <c r="N373095" s="10"/>
    </row>
    <row r="373096" spans="14:14">
      <c r="N373096" s="10"/>
    </row>
    <row r="373097" spans="14:14">
      <c r="N373097" s="10"/>
    </row>
    <row r="373098" spans="14:14">
      <c r="N373098" s="10"/>
    </row>
    <row r="373099" spans="14:14">
      <c r="N373099" s="10"/>
    </row>
    <row r="373100" spans="14:14">
      <c r="N373100" s="10"/>
    </row>
    <row r="373101" spans="14:14">
      <c r="N373101" s="10"/>
    </row>
    <row r="373102" spans="14:14">
      <c r="N373102" s="10"/>
    </row>
    <row r="373103" spans="14:14">
      <c r="N373103" s="10"/>
    </row>
    <row r="373104" spans="14:14">
      <c r="N373104" s="10"/>
    </row>
    <row r="373105" spans="14:14">
      <c r="N373105" s="10"/>
    </row>
    <row r="373106" spans="14:14">
      <c r="N373106" s="10"/>
    </row>
    <row r="373107" spans="14:14">
      <c r="N373107" s="10"/>
    </row>
    <row r="373108" spans="14:14">
      <c r="N373108" s="10"/>
    </row>
    <row r="373109" spans="14:14">
      <c r="N373109" s="10"/>
    </row>
    <row r="373110" spans="14:14">
      <c r="N373110" s="10"/>
    </row>
    <row r="373111" spans="14:14">
      <c r="N373111" s="10"/>
    </row>
    <row r="373112" spans="14:14">
      <c r="N373112" s="10"/>
    </row>
    <row r="373113" spans="14:14">
      <c r="N373113" s="10"/>
    </row>
    <row r="373114" spans="14:14">
      <c r="N373114" s="10"/>
    </row>
    <row r="373115" spans="14:14">
      <c r="N373115" s="10"/>
    </row>
    <row r="373116" spans="14:14">
      <c r="N373116" s="10"/>
    </row>
    <row r="373117" spans="14:14">
      <c r="N373117" s="10"/>
    </row>
    <row r="373118" spans="14:14">
      <c r="N373118" s="10"/>
    </row>
    <row r="373119" spans="14:14">
      <c r="N373119" s="10"/>
    </row>
    <row r="373120" spans="14:14">
      <c r="N373120" s="10"/>
    </row>
    <row r="373121" spans="14:14">
      <c r="N373121" s="10"/>
    </row>
    <row r="373122" spans="14:14">
      <c r="N373122" s="10"/>
    </row>
    <row r="373123" spans="14:14">
      <c r="N373123" s="10"/>
    </row>
    <row r="373124" spans="14:14">
      <c r="N373124" s="10"/>
    </row>
    <row r="373125" spans="14:14">
      <c r="N373125" s="10"/>
    </row>
    <row r="373126" spans="14:14">
      <c r="N373126" s="10"/>
    </row>
    <row r="373127" spans="14:14">
      <c r="N373127" s="10"/>
    </row>
    <row r="373128" spans="14:14">
      <c r="N373128" s="10"/>
    </row>
    <row r="373129" spans="14:14">
      <c r="N373129" s="10"/>
    </row>
    <row r="373130" spans="14:14">
      <c r="N373130" s="10"/>
    </row>
    <row r="373131" spans="14:14">
      <c r="N373131" s="10"/>
    </row>
    <row r="373132" spans="14:14">
      <c r="N373132" s="10"/>
    </row>
    <row r="373133" spans="14:14">
      <c r="N373133" s="10"/>
    </row>
    <row r="373134" spans="14:14">
      <c r="N373134" s="10"/>
    </row>
    <row r="373135" spans="14:14">
      <c r="N373135" s="10"/>
    </row>
    <row r="373136" spans="14:14">
      <c r="N373136" s="10"/>
    </row>
    <row r="373137" spans="14:14">
      <c r="N373137" s="10"/>
    </row>
    <row r="373138" spans="14:14">
      <c r="N373138" s="10"/>
    </row>
    <row r="373139" spans="14:14">
      <c r="N373139" s="10"/>
    </row>
    <row r="373140" spans="14:14">
      <c r="N373140" s="10"/>
    </row>
    <row r="373141" spans="14:14">
      <c r="N373141" s="10"/>
    </row>
    <row r="373142" spans="14:14">
      <c r="N373142" s="10"/>
    </row>
    <row r="373143" spans="14:14">
      <c r="N373143" s="10"/>
    </row>
    <row r="373144" spans="14:14">
      <c r="N373144" s="10"/>
    </row>
    <row r="373145" spans="14:14">
      <c r="N373145" s="10"/>
    </row>
    <row r="373146" spans="14:14">
      <c r="N373146" s="10"/>
    </row>
    <row r="373147" spans="14:14">
      <c r="N373147" s="10"/>
    </row>
    <row r="373148" spans="14:14">
      <c r="N373148" s="10"/>
    </row>
    <row r="373149" spans="14:14">
      <c r="N373149" s="10"/>
    </row>
    <row r="373150" spans="14:14">
      <c r="N373150" s="10"/>
    </row>
    <row r="373151" spans="14:14">
      <c r="N373151" s="10"/>
    </row>
    <row r="373152" spans="14:14">
      <c r="N373152" s="10"/>
    </row>
    <row r="373153" spans="14:14">
      <c r="N373153" s="10"/>
    </row>
    <row r="373154" spans="14:14">
      <c r="N373154" s="10"/>
    </row>
    <row r="373155" spans="14:14">
      <c r="N373155" s="10"/>
    </row>
    <row r="373156" spans="14:14">
      <c r="N373156" s="10"/>
    </row>
    <row r="373157" spans="14:14">
      <c r="N373157" s="10"/>
    </row>
    <row r="373158" spans="14:14">
      <c r="N373158" s="10"/>
    </row>
    <row r="373159" spans="14:14">
      <c r="N373159" s="10"/>
    </row>
    <row r="373160" spans="14:14">
      <c r="N373160" s="10"/>
    </row>
    <row r="373161" spans="14:14">
      <c r="N373161" s="10"/>
    </row>
    <row r="373162" spans="14:14">
      <c r="N373162" s="10"/>
    </row>
    <row r="373163" spans="14:14">
      <c r="N373163" s="10"/>
    </row>
    <row r="373164" spans="14:14">
      <c r="N373164" s="10"/>
    </row>
    <row r="373165" spans="14:14">
      <c r="N373165" s="10"/>
    </row>
    <row r="373166" spans="14:14">
      <c r="N373166" s="10"/>
    </row>
    <row r="373167" spans="14:14">
      <c r="N373167" s="10"/>
    </row>
    <row r="373168" spans="14:14">
      <c r="N373168" s="10"/>
    </row>
    <row r="373169" spans="14:14">
      <c r="N373169" s="10"/>
    </row>
    <row r="373170" spans="14:14">
      <c r="N373170" s="10"/>
    </row>
    <row r="373171" spans="14:14">
      <c r="N373171" s="10"/>
    </row>
    <row r="373172" spans="14:14">
      <c r="N373172" s="10"/>
    </row>
    <row r="373173" spans="14:14">
      <c r="N373173" s="10"/>
    </row>
    <row r="373174" spans="14:14">
      <c r="N373174" s="10"/>
    </row>
    <row r="373175" spans="14:14">
      <c r="N373175" s="10"/>
    </row>
    <row r="373176" spans="14:14">
      <c r="N373176" s="10"/>
    </row>
    <row r="373177" spans="14:14">
      <c r="N373177" s="10"/>
    </row>
    <row r="373178" spans="14:14">
      <c r="N373178" s="10"/>
    </row>
    <row r="373179" spans="14:14">
      <c r="N373179" s="10"/>
    </row>
    <row r="373180" spans="14:14">
      <c r="N373180" s="10"/>
    </row>
    <row r="373181" spans="14:14">
      <c r="N373181" s="10"/>
    </row>
    <row r="373182" spans="14:14">
      <c r="N373182" s="10"/>
    </row>
    <row r="373183" spans="14:14">
      <c r="N373183" s="10"/>
    </row>
    <row r="373184" spans="14:14">
      <c r="N373184" s="10"/>
    </row>
    <row r="373185" spans="14:14">
      <c r="N373185" s="10"/>
    </row>
    <row r="373186" spans="14:14">
      <c r="N373186" s="10"/>
    </row>
    <row r="373187" spans="14:14">
      <c r="N373187" s="10"/>
    </row>
    <row r="373188" spans="14:14">
      <c r="N373188" s="10"/>
    </row>
    <row r="373189" spans="14:14">
      <c r="N373189" s="10"/>
    </row>
    <row r="373190" spans="14:14">
      <c r="N373190" s="10"/>
    </row>
    <row r="373191" spans="14:14">
      <c r="N373191" s="10"/>
    </row>
    <row r="373192" spans="14:14">
      <c r="N373192" s="10"/>
    </row>
    <row r="373193" spans="14:14">
      <c r="N373193" s="10"/>
    </row>
    <row r="373194" spans="14:14">
      <c r="N373194" s="10"/>
    </row>
    <row r="373195" spans="14:14">
      <c r="N373195" s="10"/>
    </row>
    <row r="373196" spans="14:14">
      <c r="N373196" s="10"/>
    </row>
    <row r="373197" spans="14:14">
      <c r="N373197" s="10"/>
    </row>
    <row r="373198" spans="14:14">
      <c r="N373198" s="10"/>
    </row>
    <row r="373199" spans="14:14">
      <c r="N373199" s="10"/>
    </row>
    <row r="373200" spans="14:14">
      <c r="N373200" s="10"/>
    </row>
    <row r="373201" spans="14:14">
      <c r="N373201" s="10"/>
    </row>
    <row r="373202" spans="14:14">
      <c r="N373202" s="10"/>
    </row>
    <row r="373203" spans="14:14">
      <c r="N373203" s="10"/>
    </row>
    <row r="373204" spans="14:14">
      <c r="N373204" s="10"/>
    </row>
    <row r="373205" spans="14:14">
      <c r="N373205" s="10"/>
    </row>
    <row r="373206" spans="14:14">
      <c r="N373206" s="10"/>
    </row>
    <row r="373207" spans="14:14">
      <c r="N373207" s="10"/>
    </row>
    <row r="373208" spans="14:14">
      <c r="N373208" s="10"/>
    </row>
    <row r="373209" spans="14:14">
      <c r="N373209" s="10"/>
    </row>
    <row r="373210" spans="14:14">
      <c r="N373210" s="10"/>
    </row>
    <row r="373211" spans="14:14">
      <c r="N373211" s="10"/>
    </row>
    <row r="373212" spans="14:14">
      <c r="N373212" s="10"/>
    </row>
    <row r="373213" spans="14:14">
      <c r="N373213" s="10"/>
    </row>
    <row r="373214" spans="14:14">
      <c r="N373214" s="10"/>
    </row>
    <row r="373215" spans="14:14">
      <c r="N373215" s="10"/>
    </row>
    <row r="373216" spans="14:14">
      <c r="N373216" s="10"/>
    </row>
    <row r="373217" spans="14:14">
      <c r="N373217" s="10"/>
    </row>
    <row r="373218" spans="14:14">
      <c r="N373218" s="10"/>
    </row>
    <row r="373219" spans="14:14">
      <c r="N373219" s="10"/>
    </row>
    <row r="373220" spans="14:14">
      <c r="N373220" s="10"/>
    </row>
    <row r="373221" spans="14:14">
      <c r="N373221" s="10"/>
    </row>
    <row r="373222" spans="14:14">
      <c r="N373222" s="10"/>
    </row>
    <row r="373223" spans="14:14">
      <c r="N373223" s="10"/>
    </row>
    <row r="373224" spans="14:14">
      <c r="N373224" s="10"/>
    </row>
    <row r="373225" spans="14:14">
      <c r="N373225" s="10"/>
    </row>
    <row r="373226" spans="14:14">
      <c r="N373226" s="10"/>
    </row>
    <row r="373227" spans="14:14">
      <c r="N373227" s="10"/>
    </row>
    <row r="373228" spans="14:14">
      <c r="N373228" s="10"/>
    </row>
    <row r="373229" spans="14:14">
      <c r="N373229" s="10"/>
    </row>
    <row r="373230" spans="14:14">
      <c r="N373230" s="10"/>
    </row>
    <row r="373231" spans="14:14">
      <c r="N373231" s="10"/>
    </row>
    <row r="373232" spans="14:14">
      <c r="N373232" s="10"/>
    </row>
    <row r="373233" spans="14:14">
      <c r="N373233" s="10"/>
    </row>
    <row r="373234" spans="14:14">
      <c r="N373234" s="10"/>
    </row>
    <row r="373235" spans="14:14">
      <c r="N373235" s="10"/>
    </row>
    <row r="373236" spans="14:14">
      <c r="N373236" s="10"/>
    </row>
    <row r="373237" spans="14:14">
      <c r="N373237" s="10"/>
    </row>
    <row r="373238" spans="14:14">
      <c r="N373238" s="10"/>
    </row>
    <row r="373239" spans="14:14">
      <c r="N373239" s="10"/>
    </row>
    <row r="373240" spans="14:14">
      <c r="N373240" s="10"/>
    </row>
    <row r="373241" spans="14:14">
      <c r="N373241" s="10"/>
    </row>
    <row r="373242" spans="14:14">
      <c r="N373242" s="10"/>
    </row>
    <row r="373243" spans="14:14">
      <c r="N373243" s="10"/>
    </row>
    <row r="373244" spans="14:14">
      <c r="N373244" s="10"/>
    </row>
    <row r="373245" spans="14:14">
      <c r="N373245" s="10"/>
    </row>
    <row r="373246" spans="14:14">
      <c r="N373246" s="10"/>
    </row>
    <row r="373247" spans="14:14">
      <c r="N373247" s="10"/>
    </row>
    <row r="373248" spans="14:14">
      <c r="N373248" s="10"/>
    </row>
    <row r="373249" spans="14:14">
      <c r="N373249" s="10"/>
    </row>
    <row r="373250" spans="14:14">
      <c r="N373250" s="10"/>
    </row>
    <row r="373251" spans="14:14">
      <c r="N373251" s="10"/>
    </row>
    <row r="373252" spans="14:14">
      <c r="N373252" s="10"/>
    </row>
    <row r="373253" spans="14:14">
      <c r="N373253" s="10"/>
    </row>
    <row r="373254" spans="14:14">
      <c r="N373254" s="10"/>
    </row>
    <row r="373255" spans="14:14">
      <c r="N373255" s="10"/>
    </row>
    <row r="373256" spans="14:14">
      <c r="N373256" s="10"/>
    </row>
    <row r="373257" spans="14:14">
      <c r="N373257" s="10"/>
    </row>
    <row r="373258" spans="14:14">
      <c r="N373258" s="10"/>
    </row>
    <row r="373259" spans="14:14">
      <c r="N373259" s="10"/>
    </row>
    <row r="373260" spans="14:14">
      <c r="N373260" s="10"/>
    </row>
    <row r="373261" spans="14:14">
      <c r="N373261" s="10"/>
    </row>
    <row r="373262" spans="14:14">
      <c r="N373262" s="10"/>
    </row>
    <row r="373263" spans="14:14">
      <c r="N373263" s="10"/>
    </row>
    <row r="373264" spans="14:14">
      <c r="N373264" s="10"/>
    </row>
    <row r="373265" spans="14:14">
      <c r="N373265" s="10"/>
    </row>
    <row r="373266" spans="14:14">
      <c r="N373266" s="10"/>
    </row>
    <row r="373267" spans="14:14">
      <c r="N373267" s="10"/>
    </row>
    <row r="373268" spans="14:14">
      <c r="N373268" s="10"/>
    </row>
    <row r="373269" spans="14:14">
      <c r="N373269" s="10"/>
    </row>
    <row r="373270" spans="14:14">
      <c r="N373270" s="10"/>
    </row>
    <row r="373271" spans="14:14">
      <c r="N373271" s="10"/>
    </row>
    <row r="373272" spans="14:14">
      <c r="N373272" s="10"/>
    </row>
    <row r="373273" spans="14:14">
      <c r="N373273" s="10"/>
    </row>
    <row r="373274" spans="14:14">
      <c r="N373274" s="10"/>
    </row>
    <row r="373275" spans="14:14">
      <c r="N373275" s="10"/>
    </row>
    <row r="373276" spans="14:14">
      <c r="N373276" s="10"/>
    </row>
    <row r="373277" spans="14:14">
      <c r="N373277" s="10"/>
    </row>
    <row r="373278" spans="14:14">
      <c r="N373278" s="10"/>
    </row>
    <row r="373279" spans="14:14">
      <c r="N373279" s="10"/>
    </row>
    <row r="373280" spans="14:14">
      <c r="N373280" s="10"/>
    </row>
    <row r="373281" spans="14:14">
      <c r="N373281" s="10"/>
    </row>
    <row r="373282" spans="14:14">
      <c r="N373282" s="10"/>
    </row>
    <row r="373283" spans="14:14">
      <c r="N373283" s="10"/>
    </row>
    <row r="373284" spans="14:14">
      <c r="N373284" s="10"/>
    </row>
    <row r="373285" spans="14:14">
      <c r="N373285" s="10"/>
    </row>
    <row r="373286" spans="14:14">
      <c r="N373286" s="10"/>
    </row>
    <row r="373287" spans="14:14">
      <c r="N373287" s="10"/>
    </row>
    <row r="373288" spans="14:14">
      <c r="N373288" s="10"/>
    </row>
    <row r="373289" spans="14:14">
      <c r="N373289" s="10"/>
    </row>
    <row r="373290" spans="14:14">
      <c r="N373290" s="10"/>
    </row>
    <row r="373291" spans="14:14">
      <c r="N373291" s="10"/>
    </row>
    <row r="373292" spans="14:14">
      <c r="N373292" s="10"/>
    </row>
    <row r="373293" spans="14:14">
      <c r="N373293" s="10"/>
    </row>
    <row r="373294" spans="14:14">
      <c r="N373294" s="10"/>
    </row>
    <row r="373295" spans="14:14">
      <c r="N373295" s="10"/>
    </row>
    <row r="373296" spans="14:14">
      <c r="N373296" s="10"/>
    </row>
    <row r="373297" spans="14:14">
      <c r="N373297" s="10"/>
    </row>
    <row r="373298" spans="14:14">
      <c r="N373298" s="10"/>
    </row>
    <row r="373299" spans="14:14">
      <c r="N373299" s="10"/>
    </row>
    <row r="373300" spans="14:14">
      <c r="N373300" s="10"/>
    </row>
    <row r="373301" spans="14:14">
      <c r="N373301" s="10"/>
    </row>
    <row r="373302" spans="14:14">
      <c r="N373302" s="10"/>
    </row>
    <row r="373303" spans="14:14">
      <c r="N373303" s="10"/>
    </row>
    <row r="373304" spans="14:14">
      <c r="N373304" s="10"/>
    </row>
    <row r="373305" spans="14:14">
      <c r="N373305" s="10"/>
    </row>
    <row r="373306" spans="14:14">
      <c r="N373306" s="10"/>
    </row>
    <row r="373307" spans="14:14">
      <c r="N373307" s="10"/>
    </row>
    <row r="373308" spans="14:14">
      <c r="N373308" s="10"/>
    </row>
    <row r="373309" spans="14:14">
      <c r="N373309" s="10"/>
    </row>
    <row r="373310" spans="14:14">
      <c r="N373310" s="10"/>
    </row>
    <row r="373311" spans="14:14">
      <c r="N373311" s="10"/>
    </row>
    <row r="373312" spans="14:14">
      <c r="N373312" s="10"/>
    </row>
    <row r="373313" spans="14:14">
      <c r="N373313" s="10"/>
    </row>
    <row r="373314" spans="14:14">
      <c r="N373314" s="10"/>
    </row>
    <row r="373315" spans="14:14">
      <c r="N373315" s="10"/>
    </row>
    <row r="373316" spans="14:14">
      <c r="N373316" s="10"/>
    </row>
    <row r="373317" spans="14:14">
      <c r="N373317" s="10"/>
    </row>
    <row r="373318" spans="14:14">
      <c r="N373318" s="10"/>
    </row>
    <row r="373319" spans="14:14">
      <c r="N373319" s="10"/>
    </row>
    <row r="373320" spans="14:14">
      <c r="N373320" s="10"/>
    </row>
    <row r="373321" spans="14:14">
      <c r="N373321" s="10"/>
    </row>
    <row r="373322" spans="14:14">
      <c r="N373322" s="10"/>
    </row>
    <row r="373323" spans="14:14">
      <c r="N373323" s="10"/>
    </row>
    <row r="373324" spans="14:14">
      <c r="N373324" s="10"/>
    </row>
    <row r="373325" spans="14:14">
      <c r="N373325" s="10"/>
    </row>
    <row r="373326" spans="14:14">
      <c r="N373326" s="10"/>
    </row>
    <row r="373327" spans="14:14">
      <c r="N373327" s="10"/>
    </row>
    <row r="373328" spans="14:14">
      <c r="N373328" s="10"/>
    </row>
    <row r="373329" spans="14:14">
      <c r="N373329" s="10"/>
    </row>
    <row r="373330" spans="14:14">
      <c r="N373330" s="10"/>
    </row>
    <row r="373331" spans="14:14">
      <c r="N373331" s="10"/>
    </row>
    <row r="373332" spans="14:14">
      <c r="N373332" s="10"/>
    </row>
    <row r="373333" spans="14:14">
      <c r="N373333" s="10"/>
    </row>
    <row r="373334" spans="14:14">
      <c r="N373334" s="10"/>
    </row>
    <row r="373335" spans="14:14">
      <c r="N373335" s="10"/>
    </row>
    <row r="373336" spans="14:14">
      <c r="N373336" s="10"/>
    </row>
    <row r="373337" spans="14:14">
      <c r="N373337" s="10"/>
    </row>
    <row r="373338" spans="14:14">
      <c r="N373338" s="10"/>
    </row>
    <row r="373339" spans="14:14">
      <c r="N373339" s="10"/>
    </row>
    <row r="373340" spans="14:14">
      <c r="N373340" s="10"/>
    </row>
    <row r="373341" spans="14:14">
      <c r="N373341" s="10"/>
    </row>
    <row r="373342" spans="14:14">
      <c r="N373342" s="10"/>
    </row>
    <row r="373343" spans="14:14">
      <c r="N373343" s="10"/>
    </row>
    <row r="373344" spans="14:14">
      <c r="N373344" s="10"/>
    </row>
    <row r="373345" spans="14:14">
      <c r="N373345" s="10"/>
    </row>
    <row r="373346" spans="14:14">
      <c r="N373346" s="10"/>
    </row>
    <row r="373347" spans="14:14">
      <c r="N373347" s="10"/>
    </row>
    <row r="373348" spans="14:14">
      <c r="N373348" s="10"/>
    </row>
    <row r="373349" spans="14:14">
      <c r="N373349" s="10"/>
    </row>
    <row r="373350" spans="14:14">
      <c r="N373350" s="10"/>
    </row>
    <row r="373351" spans="14:14">
      <c r="N373351" s="10"/>
    </row>
    <row r="373352" spans="14:14">
      <c r="N373352" s="10"/>
    </row>
    <row r="373353" spans="14:14">
      <c r="N373353" s="10"/>
    </row>
    <row r="373354" spans="14:14">
      <c r="N373354" s="10"/>
    </row>
    <row r="373355" spans="14:14">
      <c r="N373355" s="10"/>
    </row>
    <row r="373356" spans="14:14">
      <c r="N373356" s="10"/>
    </row>
    <row r="373357" spans="14:14">
      <c r="N373357" s="10"/>
    </row>
    <row r="373358" spans="14:14">
      <c r="N373358" s="10"/>
    </row>
    <row r="373359" spans="14:14">
      <c r="N373359" s="10"/>
    </row>
    <row r="373360" spans="14:14">
      <c r="N373360" s="10"/>
    </row>
    <row r="373361" spans="14:14">
      <c r="N373361" s="10"/>
    </row>
    <row r="373362" spans="14:14">
      <c r="N373362" s="10"/>
    </row>
    <row r="373363" spans="14:14">
      <c r="N373363" s="10"/>
    </row>
    <row r="373364" spans="14:14">
      <c r="N373364" s="10"/>
    </row>
    <row r="373365" spans="14:14">
      <c r="N373365" s="10"/>
    </row>
    <row r="373366" spans="14:14">
      <c r="N373366" s="10"/>
    </row>
    <row r="373367" spans="14:14">
      <c r="N373367" s="10"/>
    </row>
    <row r="373368" spans="14:14">
      <c r="N373368" s="10"/>
    </row>
    <row r="373369" spans="14:14">
      <c r="N373369" s="10"/>
    </row>
    <row r="373370" spans="14:14">
      <c r="N373370" s="10"/>
    </row>
    <row r="373371" spans="14:14">
      <c r="N373371" s="10"/>
    </row>
    <row r="373372" spans="14:14">
      <c r="N373372" s="10"/>
    </row>
    <row r="373373" spans="14:14">
      <c r="N373373" s="10"/>
    </row>
    <row r="373374" spans="14:14">
      <c r="N373374" s="10"/>
    </row>
    <row r="373375" spans="14:14">
      <c r="N373375" s="10"/>
    </row>
    <row r="373376" spans="14:14">
      <c r="N373376" s="10"/>
    </row>
    <row r="373377" spans="14:14">
      <c r="N373377" s="10"/>
    </row>
    <row r="373378" spans="14:14">
      <c r="N373378" s="10"/>
    </row>
    <row r="373379" spans="14:14">
      <c r="N373379" s="10"/>
    </row>
    <row r="373380" spans="14:14">
      <c r="N373380" s="10"/>
    </row>
    <row r="373381" spans="14:14">
      <c r="N373381" s="10"/>
    </row>
    <row r="373382" spans="14:14">
      <c r="N373382" s="10"/>
    </row>
    <row r="373383" spans="14:14">
      <c r="N373383" s="10"/>
    </row>
    <row r="373384" spans="14:14">
      <c r="N373384" s="10"/>
    </row>
    <row r="373385" spans="14:14">
      <c r="N373385" s="10"/>
    </row>
    <row r="373386" spans="14:14">
      <c r="N373386" s="10"/>
    </row>
    <row r="373387" spans="14:14">
      <c r="N373387" s="10"/>
    </row>
    <row r="373388" spans="14:14">
      <c r="N373388" s="10"/>
    </row>
    <row r="373389" spans="14:14">
      <c r="N373389" s="10"/>
    </row>
    <row r="373390" spans="14:14">
      <c r="N373390" s="10"/>
    </row>
    <row r="373391" spans="14:14">
      <c r="N373391" s="10"/>
    </row>
    <row r="373392" spans="14:14">
      <c r="N373392" s="10"/>
    </row>
    <row r="373393" spans="14:14">
      <c r="N373393" s="10"/>
    </row>
    <row r="373394" spans="14:14">
      <c r="N373394" s="10"/>
    </row>
    <row r="373395" spans="14:14">
      <c r="N373395" s="10"/>
    </row>
    <row r="373396" spans="14:14">
      <c r="N373396" s="10"/>
    </row>
    <row r="373397" spans="14:14">
      <c r="N373397" s="10"/>
    </row>
    <row r="373398" spans="14:14">
      <c r="N373398" s="10"/>
    </row>
    <row r="373399" spans="14:14">
      <c r="N373399" s="10"/>
    </row>
    <row r="373400" spans="14:14">
      <c r="N373400" s="10"/>
    </row>
    <row r="373401" spans="14:14">
      <c r="N373401" s="10"/>
    </row>
    <row r="373402" spans="14:14">
      <c r="N373402" s="10"/>
    </row>
    <row r="373403" spans="14:14">
      <c r="N373403" s="10"/>
    </row>
    <row r="373404" spans="14:14">
      <c r="N373404" s="10"/>
    </row>
    <row r="373405" spans="14:14">
      <c r="N373405" s="10"/>
    </row>
    <row r="373406" spans="14:14">
      <c r="N373406" s="10"/>
    </row>
    <row r="373407" spans="14:14">
      <c r="N373407" s="10"/>
    </row>
    <row r="373408" spans="14:14">
      <c r="N373408" s="10"/>
    </row>
    <row r="373409" spans="14:14">
      <c r="N373409" s="10"/>
    </row>
    <row r="373410" spans="14:14">
      <c r="N373410" s="10"/>
    </row>
    <row r="373411" spans="14:14">
      <c r="N373411" s="10"/>
    </row>
    <row r="373412" spans="14:14">
      <c r="N373412" s="10"/>
    </row>
    <row r="373413" spans="14:14">
      <c r="N373413" s="10"/>
    </row>
    <row r="373414" spans="14:14">
      <c r="N373414" s="10"/>
    </row>
    <row r="373415" spans="14:14">
      <c r="N373415" s="10"/>
    </row>
    <row r="373416" spans="14:14">
      <c r="N373416" s="10"/>
    </row>
    <row r="373417" spans="14:14">
      <c r="N373417" s="10"/>
    </row>
    <row r="373418" spans="14:14">
      <c r="N373418" s="10"/>
    </row>
    <row r="373419" spans="14:14">
      <c r="N373419" s="10"/>
    </row>
    <row r="373420" spans="14:14">
      <c r="N373420" s="10"/>
    </row>
    <row r="373421" spans="14:14">
      <c r="N373421" s="10"/>
    </row>
    <row r="373422" spans="14:14">
      <c r="N373422" s="10"/>
    </row>
    <row r="373423" spans="14:14">
      <c r="N373423" s="10"/>
    </row>
    <row r="373424" spans="14:14">
      <c r="N373424" s="10"/>
    </row>
    <row r="373425" spans="14:14">
      <c r="N373425" s="10"/>
    </row>
    <row r="373426" spans="14:14">
      <c r="N373426" s="10"/>
    </row>
    <row r="373427" spans="14:14">
      <c r="N373427" s="10"/>
    </row>
    <row r="373428" spans="14:14">
      <c r="N373428" s="10"/>
    </row>
    <row r="373429" spans="14:14">
      <c r="N373429" s="10"/>
    </row>
    <row r="373430" spans="14:14">
      <c r="N373430" s="10"/>
    </row>
    <row r="373431" spans="14:14">
      <c r="N373431" s="10"/>
    </row>
    <row r="373432" spans="14:14">
      <c r="N373432" s="10"/>
    </row>
    <row r="373433" spans="14:14">
      <c r="N373433" s="10"/>
    </row>
    <row r="373434" spans="14:14">
      <c r="N373434" s="10"/>
    </row>
    <row r="373435" spans="14:14">
      <c r="N373435" s="10"/>
    </row>
    <row r="373436" spans="14:14">
      <c r="N373436" s="10"/>
    </row>
    <row r="373437" spans="14:14">
      <c r="N373437" s="10"/>
    </row>
    <row r="373438" spans="14:14">
      <c r="N373438" s="10"/>
    </row>
    <row r="373439" spans="14:14">
      <c r="N373439" s="10"/>
    </row>
    <row r="373440" spans="14:14">
      <c r="N373440" s="10"/>
    </row>
    <row r="373441" spans="14:14">
      <c r="N373441" s="10"/>
    </row>
    <row r="373442" spans="14:14">
      <c r="N373442" s="10"/>
    </row>
    <row r="373443" spans="14:14">
      <c r="N373443" s="10"/>
    </row>
    <row r="373444" spans="14:14">
      <c r="N373444" s="10"/>
    </row>
    <row r="373445" spans="14:14">
      <c r="N373445" s="10"/>
    </row>
    <row r="373446" spans="14:14">
      <c r="N373446" s="10"/>
    </row>
    <row r="373447" spans="14:14">
      <c r="N373447" s="10"/>
    </row>
    <row r="373448" spans="14:14">
      <c r="N373448" s="10"/>
    </row>
    <row r="373449" spans="14:14">
      <c r="N373449" s="10"/>
    </row>
    <row r="373450" spans="14:14">
      <c r="N373450" s="10"/>
    </row>
    <row r="373451" spans="14:14">
      <c r="N373451" s="10"/>
    </row>
    <row r="373452" spans="14:14">
      <c r="N373452" s="10"/>
    </row>
    <row r="373453" spans="14:14">
      <c r="N373453" s="10"/>
    </row>
    <row r="373454" spans="14:14">
      <c r="N373454" s="10"/>
    </row>
    <row r="373455" spans="14:14">
      <c r="N373455" s="10"/>
    </row>
    <row r="373456" spans="14:14">
      <c r="N373456" s="10"/>
    </row>
    <row r="373457" spans="14:14">
      <c r="N373457" s="10"/>
    </row>
    <row r="373458" spans="14:14">
      <c r="N373458" s="10"/>
    </row>
    <row r="373459" spans="14:14">
      <c r="N373459" s="10"/>
    </row>
    <row r="373460" spans="14:14">
      <c r="N373460" s="10"/>
    </row>
    <row r="373461" spans="14:14">
      <c r="N373461" s="10"/>
    </row>
    <row r="373462" spans="14:14">
      <c r="N373462" s="10"/>
    </row>
    <row r="373463" spans="14:14">
      <c r="N373463" s="10"/>
    </row>
    <row r="373464" spans="14:14">
      <c r="N373464" s="10"/>
    </row>
    <row r="373465" spans="14:14">
      <c r="N373465" s="10"/>
    </row>
    <row r="373466" spans="14:14">
      <c r="N373466" s="10"/>
    </row>
    <row r="373467" spans="14:14">
      <c r="N373467" s="10"/>
    </row>
    <row r="373468" spans="14:14">
      <c r="N373468" s="10"/>
    </row>
    <row r="373469" spans="14:14">
      <c r="N373469" s="10"/>
    </row>
    <row r="373470" spans="14:14">
      <c r="N373470" s="10"/>
    </row>
    <row r="373471" spans="14:14">
      <c r="N373471" s="10"/>
    </row>
    <row r="373472" spans="14:14">
      <c r="N373472" s="10"/>
    </row>
    <row r="373473" spans="14:14">
      <c r="N373473" s="10"/>
    </row>
    <row r="373474" spans="14:14">
      <c r="N373474" s="10"/>
    </row>
    <row r="373475" spans="14:14">
      <c r="N373475" s="10"/>
    </row>
    <row r="373476" spans="14:14">
      <c r="N373476" s="10"/>
    </row>
    <row r="373477" spans="14:14">
      <c r="N373477" s="10"/>
    </row>
    <row r="373478" spans="14:14">
      <c r="N373478" s="10"/>
    </row>
    <row r="373479" spans="14:14">
      <c r="N373479" s="10"/>
    </row>
    <row r="373480" spans="14:14">
      <c r="N373480" s="10"/>
    </row>
    <row r="373481" spans="14:14">
      <c r="N373481" s="10"/>
    </row>
    <row r="373482" spans="14:14">
      <c r="N373482" s="10"/>
    </row>
    <row r="373483" spans="14:14">
      <c r="N373483" s="10"/>
    </row>
    <row r="373484" spans="14:14">
      <c r="N373484" s="10"/>
    </row>
    <row r="373485" spans="14:14">
      <c r="N373485" s="10"/>
    </row>
    <row r="373486" spans="14:14">
      <c r="N373486" s="10"/>
    </row>
    <row r="373487" spans="14:14">
      <c r="N373487" s="10"/>
    </row>
    <row r="373488" spans="14:14">
      <c r="N373488" s="10"/>
    </row>
    <row r="373489" spans="14:14">
      <c r="N373489" s="10"/>
    </row>
    <row r="373490" spans="14:14">
      <c r="N373490" s="10"/>
    </row>
    <row r="373491" spans="14:14">
      <c r="N373491" s="10"/>
    </row>
    <row r="373492" spans="14:14">
      <c r="N373492" s="10"/>
    </row>
    <row r="373493" spans="14:14">
      <c r="N373493" s="10"/>
    </row>
    <row r="373494" spans="14:14">
      <c r="N373494" s="10"/>
    </row>
    <row r="373495" spans="14:14">
      <c r="N373495" s="10"/>
    </row>
    <row r="373496" spans="14:14">
      <c r="N373496" s="10"/>
    </row>
    <row r="373497" spans="14:14">
      <c r="N373497" s="10"/>
    </row>
    <row r="373498" spans="14:14">
      <c r="N373498" s="10"/>
    </row>
    <row r="373499" spans="14:14">
      <c r="N373499" s="10"/>
    </row>
    <row r="373500" spans="14:14">
      <c r="N373500" s="10"/>
    </row>
    <row r="373501" spans="14:14">
      <c r="N373501" s="10"/>
    </row>
    <row r="373502" spans="14:14">
      <c r="N373502" s="10"/>
    </row>
    <row r="373503" spans="14:14">
      <c r="N373503" s="10"/>
    </row>
    <row r="373504" spans="14:14">
      <c r="N373504" s="10"/>
    </row>
    <row r="373505" spans="14:14">
      <c r="N373505" s="10"/>
    </row>
    <row r="373506" spans="14:14">
      <c r="N373506" s="10"/>
    </row>
    <row r="373507" spans="14:14">
      <c r="N373507" s="10"/>
    </row>
    <row r="373508" spans="14:14">
      <c r="N373508" s="10"/>
    </row>
    <row r="373509" spans="14:14">
      <c r="N373509" s="10"/>
    </row>
    <row r="373510" spans="14:14">
      <c r="N373510" s="10"/>
    </row>
    <row r="373511" spans="14:14">
      <c r="N373511" s="10"/>
    </row>
    <row r="373512" spans="14:14">
      <c r="N373512" s="10"/>
    </row>
    <row r="373513" spans="14:14">
      <c r="N373513" s="10"/>
    </row>
    <row r="373514" spans="14:14">
      <c r="N373514" s="10"/>
    </row>
    <row r="373515" spans="14:14">
      <c r="N373515" s="10"/>
    </row>
    <row r="373516" spans="14:14">
      <c r="N373516" s="10"/>
    </row>
    <row r="373517" spans="14:14">
      <c r="N373517" s="10"/>
    </row>
    <row r="373518" spans="14:14">
      <c r="N373518" s="10"/>
    </row>
    <row r="373519" spans="14:14">
      <c r="N373519" s="10"/>
    </row>
    <row r="373520" spans="14:14">
      <c r="N373520" s="10"/>
    </row>
    <row r="373521" spans="14:14">
      <c r="N373521" s="10"/>
    </row>
    <row r="373522" spans="14:14">
      <c r="N373522" s="10"/>
    </row>
    <row r="373523" spans="14:14">
      <c r="N373523" s="10"/>
    </row>
    <row r="373524" spans="14:14">
      <c r="N373524" s="10"/>
    </row>
    <row r="373525" spans="14:14">
      <c r="N373525" s="10"/>
    </row>
    <row r="373526" spans="14:14">
      <c r="N373526" s="10"/>
    </row>
    <row r="373527" spans="14:14">
      <c r="N373527" s="10"/>
    </row>
    <row r="373528" spans="14:14">
      <c r="N373528" s="10"/>
    </row>
    <row r="373529" spans="14:14">
      <c r="N373529" s="10"/>
    </row>
    <row r="373530" spans="14:14">
      <c r="N373530" s="10"/>
    </row>
    <row r="373531" spans="14:14">
      <c r="N373531" s="10"/>
    </row>
    <row r="373532" spans="14:14">
      <c r="N373532" s="10"/>
    </row>
    <row r="373533" spans="14:14">
      <c r="N373533" s="10"/>
    </row>
    <row r="373534" spans="14:14">
      <c r="N373534" s="10"/>
    </row>
    <row r="373535" spans="14:14">
      <c r="N373535" s="10"/>
    </row>
    <row r="373536" spans="14:14">
      <c r="N373536" s="10"/>
    </row>
    <row r="373537" spans="14:14">
      <c r="N373537" s="10"/>
    </row>
    <row r="373538" spans="14:14">
      <c r="N373538" s="10"/>
    </row>
    <row r="373539" spans="14:14">
      <c r="N373539" s="10"/>
    </row>
    <row r="373540" spans="14:14">
      <c r="N373540" s="10"/>
    </row>
    <row r="373541" spans="14:14">
      <c r="N373541" s="10"/>
    </row>
    <row r="373542" spans="14:14">
      <c r="N373542" s="10"/>
    </row>
    <row r="373543" spans="14:14">
      <c r="N373543" s="10"/>
    </row>
    <row r="373544" spans="14:14">
      <c r="N373544" s="10"/>
    </row>
    <row r="373545" spans="14:14">
      <c r="N373545" s="10"/>
    </row>
    <row r="373546" spans="14:14">
      <c r="N373546" s="10"/>
    </row>
    <row r="373547" spans="14:14">
      <c r="N373547" s="10"/>
    </row>
    <row r="373548" spans="14:14">
      <c r="N373548" s="10"/>
    </row>
    <row r="373549" spans="14:14">
      <c r="N373549" s="10"/>
    </row>
    <row r="373550" spans="14:14">
      <c r="N373550" s="10"/>
    </row>
    <row r="373551" spans="14:14">
      <c r="N373551" s="10"/>
    </row>
    <row r="373552" spans="14:14">
      <c r="N373552" s="10"/>
    </row>
    <row r="373553" spans="14:14">
      <c r="N373553" s="10"/>
    </row>
    <row r="373554" spans="14:14">
      <c r="N373554" s="10"/>
    </row>
    <row r="373555" spans="14:14">
      <c r="N373555" s="10"/>
    </row>
    <row r="373556" spans="14:14">
      <c r="N373556" s="10"/>
    </row>
    <row r="373557" spans="14:14">
      <c r="N373557" s="10"/>
    </row>
    <row r="373558" spans="14:14">
      <c r="N373558" s="10"/>
    </row>
    <row r="373559" spans="14:14">
      <c r="N373559" s="10"/>
    </row>
    <row r="373560" spans="14:14">
      <c r="N373560" s="10"/>
    </row>
    <row r="373561" spans="14:14">
      <c r="N373561" s="10"/>
    </row>
    <row r="373562" spans="14:14">
      <c r="N373562" s="10"/>
    </row>
    <row r="373563" spans="14:14">
      <c r="N373563" s="10"/>
    </row>
    <row r="373564" spans="14:14">
      <c r="N373564" s="10"/>
    </row>
    <row r="373565" spans="14:14">
      <c r="N373565" s="10"/>
    </row>
    <row r="373566" spans="14:14">
      <c r="N373566" s="10"/>
    </row>
    <row r="373567" spans="14:14">
      <c r="N373567" s="10"/>
    </row>
    <row r="373568" spans="14:14">
      <c r="N373568" s="10"/>
    </row>
    <row r="373569" spans="14:14">
      <c r="N373569" s="10"/>
    </row>
    <row r="373570" spans="14:14">
      <c r="N373570" s="10"/>
    </row>
    <row r="373571" spans="14:14">
      <c r="N373571" s="10"/>
    </row>
    <row r="373572" spans="14:14">
      <c r="N373572" s="10"/>
    </row>
    <row r="373573" spans="14:14">
      <c r="N373573" s="10"/>
    </row>
    <row r="373574" spans="14:14">
      <c r="N373574" s="10"/>
    </row>
    <row r="373575" spans="14:14">
      <c r="N373575" s="10"/>
    </row>
    <row r="373576" spans="14:14">
      <c r="N373576" s="10"/>
    </row>
    <row r="373577" spans="14:14">
      <c r="N373577" s="10"/>
    </row>
    <row r="373578" spans="14:14">
      <c r="N373578" s="10"/>
    </row>
    <row r="373579" spans="14:14">
      <c r="N373579" s="10"/>
    </row>
    <row r="373580" spans="14:14">
      <c r="N373580" s="10"/>
    </row>
    <row r="373581" spans="14:14">
      <c r="N373581" s="10"/>
    </row>
    <row r="373582" spans="14:14">
      <c r="N373582" s="10"/>
    </row>
    <row r="373583" spans="14:14">
      <c r="N373583" s="10"/>
    </row>
    <row r="373584" spans="14:14">
      <c r="N373584" s="10"/>
    </row>
    <row r="373585" spans="14:14">
      <c r="N373585" s="10"/>
    </row>
    <row r="373586" spans="14:14">
      <c r="N373586" s="10"/>
    </row>
    <row r="373587" spans="14:14">
      <c r="N373587" s="10"/>
    </row>
    <row r="373588" spans="14:14">
      <c r="N373588" s="10"/>
    </row>
    <row r="373589" spans="14:14">
      <c r="N373589" s="10"/>
    </row>
    <row r="373590" spans="14:14">
      <c r="N373590" s="10"/>
    </row>
    <row r="373591" spans="14:14">
      <c r="N373591" s="10"/>
    </row>
    <row r="373592" spans="14:14">
      <c r="N373592" s="10"/>
    </row>
    <row r="373593" spans="14:14">
      <c r="N373593" s="10"/>
    </row>
    <row r="373594" spans="14:14">
      <c r="N373594" s="10"/>
    </row>
    <row r="373595" spans="14:14">
      <c r="N373595" s="10"/>
    </row>
    <row r="373596" spans="14:14">
      <c r="N373596" s="10"/>
    </row>
    <row r="373597" spans="14:14">
      <c r="N373597" s="10"/>
    </row>
    <row r="373598" spans="14:14">
      <c r="N373598" s="10"/>
    </row>
    <row r="373599" spans="14:14">
      <c r="N373599" s="10"/>
    </row>
    <row r="373600" spans="14:14">
      <c r="N373600" s="10"/>
    </row>
    <row r="373601" spans="14:14">
      <c r="N373601" s="10"/>
    </row>
    <row r="373602" spans="14:14">
      <c r="N373602" s="10"/>
    </row>
    <row r="373603" spans="14:14">
      <c r="N373603" s="10"/>
    </row>
    <row r="373604" spans="14:14">
      <c r="N373604" s="10"/>
    </row>
    <row r="373605" spans="14:14">
      <c r="N373605" s="10"/>
    </row>
    <row r="373606" spans="14:14">
      <c r="N373606" s="10"/>
    </row>
    <row r="373607" spans="14:14">
      <c r="N373607" s="10"/>
    </row>
    <row r="373608" spans="14:14">
      <c r="N373608" s="10"/>
    </row>
    <row r="373609" spans="14:14">
      <c r="N373609" s="10"/>
    </row>
    <row r="373610" spans="14:14">
      <c r="N373610" s="10"/>
    </row>
    <row r="373611" spans="14:14">
      <c r="N373611" s="10"/>
    </row>
    <row r="373612" spans="14:14">
      <c r="N373612" s="10"/>
    </row>
    <row r="373613" spans="14:14">
      <c r="N373613" s="10"/>
    </row>
    <row r="373614" spans="14:14">
      <c r="N373614" s="10"/>
    </row>
    <row r="373615" spans="14:14">
      <c r="N373615" s="10"/>
    </row>
    <row r="373616" spans="14:14">
      <c r="N373616" s="10"/>
    </row>
    <row r="373617" spans="14:14">
      <c r="N373617" s="10"/>
    </row>
    <row r="373618" spans="14:14">
      <c r="N373618" s="10"/>
    </row>
    <row r="373619" spans="14:14">
      <c r="N373619" s="10"/>
    </row>
    <row r="373620" spans="14:14">
      <c r="N373620" s="10"/>
    </row>
    <row r="373621" spans="14:14">
      <c r="N373621" s="10"/>
    </row>
    <row r="373622" spans="14:14">
      <c r="N373622" s="10"/>
    </row>
    <row r="373623" spans="14:14">
      <c r="N373623" s="10"/>
    </row>
    <row r="373624" spans="14:14">
      <c r="N373624" s="10"/>
    </row>
    <row r="373625" spans="14:14">
      <c r="N373625" s="10"/>
    </row>
    <row r="373626" spans="14:14">
      <c r="N373626" s="10"/>
    </row>
    <row r="373627" spans="14:14">
      <c r="N373627" s="10"/>
    </row>
    <row r="373628" spans="14:14">
      <c r="N373628" s="10"/>
    </row>
    <row r="373629" spans="14:14">
      <c r="N373629" s="10"/>
    </row>
    <row r="373630" spans="14:14">
      <c r="N373630" s="10"/>
    </row>
    <row r="373631" spans="14:14">
      <c r="N373631" s="10"/>
    </row>
    <row r="373632" spans="14:14">
      <c r="N373632" s="10"/>
    </row>
    <row r="373633" spans="14:14">
      <c r="N373633" s="10"/>
    </row>
    <row r="373634" spans="14:14">
      <c r="N373634" s="10"/>
    </row>
    <row r="373635" spans="14:14">
      <c r="N373635" s="10"/>
    </row>
    <row r="373636" spans="14:14">
      <c r="N373636" s="10"/>
    </row>
    <row r="373637" spans="14:14">
      <c r="N373637" s="10"/>
    </row>
    <row r="373638" spans="14:14">
      <c r="N373638" s="10"/>
    </row>
    <row r="373639" spans="14:14">
      <c r="N373639" s="10"/>
    </row>
    <row r="373640" spans="14:14">
      <c r="N373640" s="10"/>
    </row>
    <row r="373641" spans="14:14">
      <c r="N373641" s="10"/>
    </row>
    <row r="373642" spans="14:14">
      <c r="N373642" s="10"/>
    </row>
    <row r="373643" spans="14:14">
      <c r="N373643" s="10"/>
    </row>
    <row r="373644" spans="14:14">
      <c r="N373644" s="10"/>
    </row>
    <row r="373645" spans="14:14">
      <c r="N373645" s="10"/>
    </row>
    <row r="373646" spans="14:14">
      <c r="N373646" s="10"/>
    </row>
    <row r="373647" spans="14:14">
      <c r="N373647" s="10"/>
    </row>
    <row r="373648" spans="14:14">
      <c r="N373648" s="10"/>
    </row>
    <row r="373649" spans="14:14">
      <c r="N373649" s="10"/>
    </row>
    <row r="373650" spans="14:14">
      <c r="N373650" s="10"/>
    </row>
    <row r="373651" spans="14:14">
      <c r="N373651" s="10"/>
    </row>
    <row r="373652" spans="14:14">
      <c r="N373652" s="10"/>
    </row>
    <row r="373653" spans="14:14">
      <c r="N373653" s="10"/>
    </row>
    <row r="373654" spans="14:14">
      <c r="N373654" s="10"/>
    </row>
    <row r="373655" spans="14:14">
      <c r="N373655" s="10"/>
    </row>
    <row r="373656" spans="14:14">
      <c r="N373656" s="10"/>
    </row>
    <row r="373657" spans="14:14">
      <c r="N373657" s="10"/>
    </row>
    <row r="373658" spans="14:14">
      <c r="N373658" s="10"/>
    </row>
    <row r="373659" spans="14:14">
      <c r="N373659" s="10"/>
    </row>
    <row r="373660" spans="14:14">
      <c r="N373660" s="10"/>
    </row>
    <row r="373661" spans="14:14">
      <c r="N373661" s="10"/>
    </row>
    <row r="373662" spans="14:14">
      <c r="N373662" s="10"/>
    </row>
    <row r="373663" spans="14:14">
      <c r="N373663" s="10"/>
    </row>
    <row r="373664" spans="14:14">
      <c r="N373664" s="10"/>
    </row>
    <row r="373665" spans="14:14">
      <c r="N373665" s="10"/>
    </row>
    <row r="373666" spans="14:14">
      <c r="N373666" s="10"/>
    </row>
    <row r="373667" spans="14:14">
      <c r="N373667" s="10"/>
    </row>
    <row r="373668" spans="14:14">
      <c r="N373668" s="10"/>
    </row>
    <row r="373669" spans="14:14">
      <c r="N373669" s="10"/>
    </row>
    <row r="373670" spans="14:14">
      <c r="N373670" s="10"/>
    </row>
    <row r="373671" spans="14:14">
      <c r="N373671" s="10"/>
    </row>
    <row r="373672" spans="14:14">
      <c r="N373672" s="10"/>
    </row>
    <row r="373673" spans="14:14">
      <c r="N373673" s="10"/>
    </row>
    <row r="373674" spans="14:14">
      <c r="N373674" s="10"/>
    </row>
    <row r="373675" spans="14:14">
      <c r="N373675" s="10"/>
    </row>
    <row r="373676" spans="14:14">
      <c r="N373676" s="10"/>
    </row>
    <row r="373677" spans="14:14">
      <c r="N373677" s="10"/>
    </row>
    <row r="373678" spans="14:14">
      <c r="N373678" s="10"/>
    </row>
    <row r="373679" spans="14:14">
      <c r="N373679" s="10"/>
    </row>
    <row r="373680" spans="14:14">
      <c r="N373680" s="10"/>
    </row>
    <row r="373681" spans="14:14">
      <c r="N373681" s="10"/>
    </row>
    <row r="373682" spans="14:14">
      <c r="N373682" s="10"/>
    </row>
    <row r="373683" spans="14:14">
      <c r="N373683" s="10"/>
    </row>
    <row r="373684" spans="14:14">
      <c r="N373684" s="10"/>
    </row>
    <row r="373685" spans="14:14">
      <c r="N373685" s="10"/>
    </row>
    <row r="373686" spans="14:14">
      <c r="N373686" s="10"/>
    </row>
    <row r="373687" spans="14:14">
      <c r="N373687" s="10"/>
    </row>
    <row r="373688" spans="14:14">
      <c r="N373688" s="10"/>
    </row>
    <row r="373689" spans="14:14">
      <c r="N373689" s="10"/>
    </row>
    <row r="373690" spans="14:14">
      <c r="N373690" s="10"/>
    </row>
    <row r="373691" spans="14:14">
      <c r="N373691" s="10"/>
    </row>
    <row r="373692" spans="14:14">
      <c r="N373692" s="10"/>
    </row>
    <row r="373693" spans="14:14">
      <c r="N373693" s="10"/>
    </row>
    <row r="373694" spans="14:14">
      <c r="N373694" s="10"/>
    </row>
    <row r="373695" spans="14:14">
      <c r="N373695" s="10"/>
    </row>
    <row r="373696" spans="14:14">
      <c r="N373696" s="10"/>
    </row>
    <row r="373697" spans="14:14">
      <c r="N373697" s="10"/>
    </row>
    <row r="373698" spans="14:14">
      <c r="N373698" s="10"/>
    </row>
    <row r="373699" spans="14:14">
      <c r="N373699" s="10"/>
    </row>
    <row r="373700" spans="14:14">
      <c r="N373700" s="10"/>
    </row>
    <row r="373701" spans="14:14">
      <c r="N373701" s="10"/>
    </row>
    <row r="373702" spans="14:14">
      <c r="N373702" s="10"/>
    </row>
    <row r="373703" spans="14:14">
      <c r="N373703" s="10"/>
    </row>
    <row r="373704" spans="14:14">
      <c r="N373704" s="10"/>
    </row>
    <row r="373705" spans="14:14">
      <c r="N373705" s="10"/>
    </row>
    <row r="373706" spans="14:14">
      <c r="N373706" s="10"/>
    </row>
    <row r="373707" spans="14:14">
      <c r="N373707" s="10"/>
    </row>
    <row r="373708" spans="14:14">
      <c r="N373708" s="10"/>
    </row>
    <row r="373709" spans="14:14">
      <c r="N373709" s="10"/>
    </row>
    <row r="373710" spans="14:14">
      <c r="N373710" s="10"/>
    </row>
    <row r="373711" spans="14:14">
      <c r="N373711" s="10"/>
    </row>
    <row r="373712" spans="14:14">
      <c r="N373712" s="10"/>
    </row>
    <row r="373713" spans="14:14">
      <c r="N373713" s="10"/>
    </row>
    <row r="373714" spans="14:14">
      <c r="N373714" s="10"/>
    </row>
    <row r="373715" spans="14:14">
      <c r="N373715" s="10"/>
    </row>
    <row r="373716" spans="14:14">
      <c r="N373716" s="10"/>
    </row>
    <row r="373717" spans="14:14">
      <c r="N373717" s="10"/>
    </row>
    <row r="373718" spans="14:14">
      <c r="N373718" s="10"/>
    </row>
    <row r="373719" spans="14:14">
      <c r="N373719" s="10"/>
    </row>
    <row r="373720" spans="14:14">
      <c r="N373720" s="10"/>
    </row>
    <row r="373721" spans="14:14">
      <c r="N373721" s="10"/>
    </row>
    <row r="373722" spans="14:14">
      <c r="N373722" s="10"/>
    </row>
    <row r="373723" spans="14:14">
      <c r="N373723" s="10"/>
    </row>
    <row r="373724" spans="14:14">
      <c r="N373724" s="10"/>
    </row>
    <row r="373725" spans="14:14">
      <c r="N373725" s="10"/>
    </row>
    <row r="373726" spans="14:14">
      <c r="N373726" s="10"/>
    </row>
    <row r="373727" spans="14:14">
      <c r="N373727" s="10"/>
    </row>
    <row r="373728" spans="14:14">
      <c r="N373728" s="10"/>
    </row>
    <row r="373729" spans="14:14">
      <c r="N373729" s="10"/>
    </row>
    <row r="373730" spans="14:14">
      <c r="N373730" s="10"/>
    </row>
    <row r="373731" spans="14:14">
      <c r="N373731" s="10"/>
    </row>
    <row r="373732" spans="14:14">
      <c r="N373732" s="10"/>
    </row>
    <row r="373733" spans="14:14">
      <c r="N373733" s="10"/>
    </row>
    <row r="373734" spans="14:14">
      <c r="N373734" s="10"/>
    </row>
    <row r="373735" spans="14:14">
      <c r="N373735" s="10"/>
    </row>
    <row r="373736" spans="14:14">
      <c r="N373736" s="10"/>
    </row>
    <row r="373737" spans="14:14">
      <c r="N373737" s="10"/>
    </row>
    <row r="373738" spans="14:14">
      <c r="N373738" s="10"/>
    </row>
    <row r="373739" spans="14:14">
      <c r="N373739" s="10"/>
    </row>
    <row r="373740" spans="14:14">
      <c r="N373740" s="10"/>
    </row>
    <row r="373741" spans="14:14">
      <c r="N373741" s="10"/>
    </row>
    <row r="373742" spans="14:14">
      <c r="N373742" s="10"/>
    </row>
    <row r="373743" spans="14:14">
      <c r="N373743" s="10"/>
    </row>
    <row r="373744" spans="14:14">
      <c r="N373744" s="10"/>
    </row>
    <row r="373745" spans="14:14">
      <c r="N373745" s="10"/>
    </row>
    <row r="373746" spans="14:14">
      <c r="N373746" s="10"/>
    </row>
    <row r="373747" spans="14:14">
      <c r="N373747" s="10"/>
    </row>
    <row r="373748" spans="14:14">
      <c r="N373748" s="10"/>
    </row>
    <row r="373749" spans="14:14">
      <c r="N373749" s="10"/>
    </row>
    <row r="373750" spans="14:14">
      <c r="N373750" s="10"/>
    </row>
    <row r="373751" spans="14:14">
      <c r="N373751" s="10"/>
    </row>
    <row r="373752" spans="14:14">
      <c r="N373752" s="10"/>
    </row>
    <row r="373753" spans="14:14">
      <c r="N373753" s="10"/>
    </row>
    <row r="373754" spans="14:14">
      <c r="N373754" s="10"/>
    </row>
    <row r="373755" spans="14:14">
      <c r="N373755" s="10"/>
    </row>
    <row r="373756" spans="14:14">
      <c r="N373756" s="10"/>
    </row>
    <row r="373757" spans="14:14">
      <c r="N373757" s="10"/>
    </row>
    <row r="373758" spans="14:14">
      <c r="N373758" s="10"/>
    </row>
    <row r="373759" spans="14:14">
      <c r="N373759" s="10"/>
    </row>
    <row r="373760" spans="14:14">
      <c r="N373760" s="10"/>
    </row>
    <row r="373761" spans="14:14">
      <c r="N373761" s="10"/>
    </row>
    <row r="373762" spans="14:14">
      <c r="N373762" s="10"/>
    </row>
    <row r="373763" spans="14:14">
      <c r="N373763" s="10"/>
    </row>
    <row r="373764" spans="14:14">
      <c r="N373764" s="10"/>
    </row>
    <row r="373765" spans="14:14">
      <c r="N373765" s="10"/>
    </row>
    <row r="373766" spans="14:14">
      <c r="N373766" s="10"/>
    </row>
    <row r="373767" spans="14:14">
      <c r="N373767" s="10"/>
    </row>
    <row r="373768" spans="14:14">
      <c r="N373768" s="10"/>
    </row>
    <row r="373769" spans="14:14">
      <c r="N373769" s="10"/>
    </row>
    <row r="373770" spans="14:14">
      <c r="N373770" s="10"/>
    </row>
    <row r="373771" spans="14:14">
      <c r="N373771" s="10"/>
    </row>
    <row r="373772" spans="14:14">
      <c r="N373772" s="10"/>
    </row>
    <row r="373773" spans="14:14">
      <c r="N373773" s="10"/>
    </row>
    <row r="373774" spans="14:14">
      <c r="N373774" s="10"/>
    </row>
    <row r="373775" spans="14:14">
      <c r="N373775" s="10"/>
    </row>
    <row r="373776" spans="14:14">
      <c r="N373776" s="10"/>
    </row>
    <row r="373777" spans="14:14">
      <c r="N373777" s="10"/>
    </row>
    <row r="373778" spans="14:14">
      <c r="N373778" s="10"/>
    </row>
    <row r="373779" spans="14:14">
      <c r="N373779" s="10"/>
    </row>
    <row r="373780" spans="14:14">
      <c r="N373780" s="10"/>
    </row>
    <row r="373781" spans="14:14">
      <c r="N373781" s="10"/>
    </row>
    <row r="373782" spans="14:14">
      <c r="N373782" s="10"/>
    </row>
    <row r="373783" spans="14:14">
      <c r="N373783" s="10"/>
    </row>
    <row r="373784" spans="14:14">
      <c r="N373784" s="10"/>
    </row>
    <row r="373785" spans="14:14">
      <c r="N373785" s="10"/>
    </row>
    <row r="373786" spans="14:14">
      <c r="N373786" s="10"/>
    </row>
    <row r="373787" spans="14:14">
      <c r="N373787" s="10"/>
    </row>
    <row r="373788" spans="14:14">
      <c r="N373788" s="10"/>
    </row>
    <row r="373789" spans="14:14">
      <c r="N373789" s="10"/>
    </row>
    <row r="373790" spans="14:14">
      <c r="N373790" s="10"/>
    </row>
    <row r="373791" spans="14:14">
      <c r="N373791" s="10"/>
    </row>
    <row r="373792" spans="14:14">
      <c r="N373792" s="10"/>
    </row>
    <row r="373793" spans="14:14">
      <c r="N373793" s="10"/>
    </row>
    <row r="373794" spans="14:14">
      <c r="N373794" s="10"/>
    </row>
    <row r="373795" spans="14:14">
      <c r="N373795" s="10"/>
    </row>
    <row r="373796" spans="14:14">
      <c r="N373796" s="10"/>
    </row>
    <row r="373797" spans="14:14">
      <c r="N373797" s="10"/>
    </row>
    <row r="373798" spans="14:14">
      <c r="N373798" s="10"/>
    </row>
    <row r="373799" spans="14:14">
      <c r="N373799" s="10"/>
    </row>
    <row r="373800" spans="14:14">
      <c r="N373800" s="10"/>
    </row>
    <row r="373801" spans="14:14">
      <c r="N373801" s="10"/>
    </row>
    <row r="373802" spans="14:14">
      <c r="N373802" s="10"/>
    </row>
    <row r="373803" spans="14:14">
      <c r="N373803" s="10"/>
    </row>
    <row r="373804" spans="14:14">
      <c r="N373804" s="10"/>
    </row>
    <row r="373805" spans="14:14">
      <c r="N373805" s="10"/>
    </row>
    <row r="373806" spans="14:14">
      <c r="N373806" s="10"/>
    </row>
    <row r="373807" spans="14:14">
      <c r="N373807" s="10"/>
    </row>
    <row r="373808" spans="14:14">
      <c r="N373808" s="10"/>
    </row>
    <row r="373809" spans="14:14">
      <c r="N373809" s="10"/>
    </row>
    <row r="373810" spans="14:14">
      <c r="N373810" s="10"/>
    </row>
    <row r="373811" spans="14:14">
      <c r="N373811" s="10"/>
    </row>
    <row r="373812" spans="14:14">
      <c r="N373812" s="10"/>
    </row>
    <row r="373813" spans="14:14">
      <c r="N373813" s="10"/>
    </row>
    <row r="373814" spans="14:14">
      <c r="N373814" s="10"/>
    </row>
    <row r="373815" spans="14:14">
      <c r="N373815" s="10"/>
    </row>
    <row r="373816" spans="14:14">
      <c r="N373816" s="10"/>
    </row>
    <row r="373817" spans="14:14">
      <c r="N373817" s="10"/>
    </row>
    <row r="373818" spans="14:14">
      <c r="N373818" s="10"/>
    </row>
    <row r="373819" spans="14:14">
      <c r="N373819" s="10"/>
    </row>
    <row r="373820" spans="14:14">
      <c r="N373820" s="10"/>
    </row>
    <row r="373821" spans="14:14">
      <c r="N373821" s="10"/>
    </row>
    <row r="373822" spans="14:14">
      <c r="N373822" s="10"/>
    </row>
    <row r="373823" spans="14:14">
      <c r="N373823" s="10"/>
    </row>
    <row r="373824" spans="14:14">
      <c r="N373824" s="10"/>
    </row>
    <row r="373825" spans="14:14">
      <c r="N373825" s="10"/>
    </row>
    <row r="373826" spans="14:14">
      <c r="N373826" s="10"/>
    </row>
    <row r="373827" spans="14:14">
      <c r="N373827" s="10"/>
    </row>
    <row r="373828" spans="14:14">
      <c r="N373828" s="10"/>
    </row>
    <row r="373829" spans="14:14">
      <c r="N373829" s="10"/>
    </row>
    <row r="373830" spans="14:14">
      <c r="N373830" s="10"/>
    </row>
    <row r="373831" spans="14:14">
      <c r="N373831" s="10"/>
    </row>
    <row r="373832" spans="14:14">
      <c r="N373832" s="10"/>
    </row>
    <row r="373833" spans="14:14">
      <c r="N373833" s="10"/>
    </row>
    <row r="373834" spans="14:14">
      <c r="N373834" s="10"/>
    </row>
    <row r="373835" spans="14:14">
      <c r="N373835" s="10"/>
    </row>
    <row r="373836" spans="14:14">
      <c r="N373836" s="10"/>
    </row>
    <row r="373837" spans="14:14">
      <c r="N373837" s="10"/>
    </row>
    <row r="373838" spans="14:14">
      <c r="N373838" s="10"/>
    </row>
    <row r="373839" spans="14:14">
      <c r="N373839" s="10"/>
    </row>
    <row r="373840" spans="14:14">
      <c r="N373840" s="10"/>
    </row>
    <row r="373841" spans="14:14">
      <c r="N373841" s="10"/>
    </row>
    <row r="373842" spans="14:14">
      <c r="N373842" s="10"/>
    </row>
    <row r="373843" spans="14:14">
      <c r="N373843" s="10"/>
    </row>
    <row r="373844" spans="14:14">
      <c r="N373844" s="10"/>
    </row>
    <row r="373845" spans="14:14">
      <c r="N373845" s="10"/>
    </row>
    <row r="373846" spans="14:14">
      <c r="N373846" s="10"/>
    </row>
    <row r="373847" spans="14:14">
      <c r="N373847" s="10"/>
    </row>
    <row r="373848" spans="14:14">
      <c r="N373848" s="10"/>
    </row>
    <row r="373849" spans="14:14">
      <c r="N373849" s="10"/>
    </row>
    <row r="373850" spans="14:14">
      <c r="N373850" s="10"/>
    </row>
    <row r="373851" spans="14:14">
      <c r="N373851" s="10"/>
    </row>
    <row r="373852" spans="14:14">
      <c r="N373852" s="10"/>
    </row>
    <row r="373853" spans="14:14">
      <c r="N373853" s="10"/>
    </row>
    <row r="373854" spans="14:14">
      <c r="N373854" s="10"/>
    </row>
    <row r="373855" spans="14:14">
      <c r="N373855" s="10"/>
    </row>
    <row r="373856" spans="14:14">
      <c r="N373856" s="10"/>
    </row>
    <row r="373857" spans="14:14">
      <c r="N373857" s="10"/>
    </row>
    <row r="373858" spans="14:14">
      <c r="N373858" s="10"/>
    </row>
    <row r="373859" spans="14:14">
      <c r="N373859" s="10"/>
    </row>
    <row r="373860" spans="14:14">
      <c r="N373860" s="10"/>
    </row>
    <row r="373861" spans="14:14">
      <c r="N373861" s="10"/>
    </row>
    <row r="373862" spans="14:14">
      <c r="N373862" s="10"/>
    </row>
    <row r="373863" spans="14:14">
      <c r="N373863" s="10"/>
    </row>
    <row r="373864" spans="14:14">
      <c r="N373864" s="10"/>
    </row>
    <row r="373865" spans="14:14">
      <c r="N373865" s="10"/>
    </row>
    <row r="373866" spans="14:14">
      <c r="N373866" s="10"/>
    </row>
    <row r="373867" spans="14:14">
      <c r="N373867" s="10"/>
    </row>
    <row r="373868" spans="14:14">
      <c r="N373868" s="10"/>
    </row>
    <row r="373869" spans="14:14">
      <c r="N373869" s="10"/>
    </row>
    <row r="373870" spans="14:14">
      <c r="N373870" s="10"/>
    </row>
    <row r="373871" spans="14:14">
      <c r="N373871" s="10"/>
    </row>
    <row r="373872" spans="14:14">
      <c r="N373872" s="10"/>
    </row>
    <row r="373873" spans="14:14">
      <c r="N373873" s="10"/>
    </row>
    <row r="373874" spans="14:14">
      <c r="N373874" s="10"/>
    </row>
    <row r="373875" spans="14:14">
      <c r="N373875" s="10"/>
    </row>
    <row r="373876" spans="14:14">
      <c r="N373876" s="10"/>
    </row>
    <row r="373877" spans="14:14">
      <c r="N373877" s="10"/>
    </row>
    <row r="373878" spans="14:14">
      <c r="N373878" s="10"/>
    </row>
    <row r="373879" spans="14:14">
      <c r="N373879" s="10"/>
    </row>
    <row r="373880" spans="14:14">
      <c r="N373880" s="10"/>
    </row>
    <row r="373881" spans="14:14">
      <c r="N373881" s="10"/>
    </row>
    <row r="373882" spans="14:14">
      <c r="N373882" s="10"/>
    </row>
    <row r="373883" spans="14:14">
      <c r="N373883" s="10"/>
    </row>
    <row r="373884" spans="14:14">
      <c r="N373884" s="10"/>
    </row>
    <row r="373885" spans="14:14">
      <c r="N373885" s="10"/>
    </row>
    <row r="373886" spans="14:14">
      <c r="N373886" s="10"/>
    </row>
    <row r="373887" spans="14:14">
      <c r="N373887" s="10"/>
    </row>
    <row r="373888" spans="14:14">
      <c r="N373888" s="10"/>
    </row>
    <row r="373889" spans="14:14">
      <c r="N373889" s="10"/>
    </row>
    <row r="373890" spans="14:14">
      <c r="N373890" s="10"/>
    </row>
    <row r="373891" spans="14:14">
      <c r="N373891" s="10"/>
    </row>
    <row r="373892" spans="14:14">
      <c r="N373892" s="10"/>
    </row>
    <row r="373893" spans="14:14">
      <c r="N373893" s="10"/>
    </row>
    <row r="373894" spans="14:14">
      <c r="N373894" s="10"/>
    </row>
    <row r="373895" spans="14:14">
      <c r="N373895" s="10"/>
    </row>
    <row r="373896" spans="14:14">
      <c r="N373896" s="10"/>
    </row>
    <row r="373897" spans="14:14">
      <c r="N373897" s="10"/>
    </row>
    <row r="373898" spans="14:14">
      <c r="N373898" s="10"/>
    </row>
    <row r="373899" spans="14:14">
      <c r="N373899" s="10"/>
    </row>
    <row r="373900" spans="14:14">
      <c r="N373900" s="10"/>
    </row>
    <row r="373901" spans="14:14">
      <c r="N373901" s="10"/>
    </row>
    <row r="373902" spans="14:14">
      <c r="N373902" s="10"/>
    </row>
    <row r="373903" spans="14:14">
      <c r="N373903" s="10"/>
    </row>
    <row r="373904" spans="14:14">
      <c r="N373904" s="10"/>
    </row>
    <row r="373905" spans="14:14">
      <c r="N373905" s="10"/>
    </row>
    <row r="373906" spans="14:14">
      <c r="N373906" s="10"/>
    </row>
    <row r="373907" spans="14:14">
      <c r="N373907" s="10"/>
    </row>
    <row r="373908" spans="14:14">
      <c r="N373908" s="10"/>
    </row>
    <row r="373909" spans="14:14">
      <c r="N373909" s="10"/>
    </row>
    <row r="373910" spans="14:14">
      <c r="N373910" s="10"/>
    </row>
    <row r="373911" spans="14:14">
      <c r="N373911" s="10"/>
    </row>
    <row r="373912" spans="14:14">
      <c r="N373912" s="10"/>
    </row>
    <row r="373913" spans="14:14">
      <c r="N373913" s="10"/>
    </row>
    <row r="373914" spans="14:14">
      <c r="N373914" s="10"/>
    </row>
    <row r="373915" spans="14:14">
      <c r="N373915" s="10"/>
    </row>
    <row r="373916" spans="14:14">
      <c r="N373916" s="10"/>
    </row>
    <row r="373917" spans="14:14">
      <c r="N373917" s="10"/>
    </row>
    <row r="373918" spans="14:14">
      <c r="N373918" s="10"/>
    </row>
    <row r="373919" spans="14:14">
      <c r="N373919" s="10"/>
    </row>
    <row r="373920" spans="14:14">
      <c r="N373920" s="10"/>
    </row>
    <row r="373921" spans="14:14">
      <c r="N373921" s="10"/>
    </row>
    <row r="373922" spans="14:14">
      <c r="N373922" s="10"/>
    </row>
    <row r="373923" spans="14:14">
      <c r="N373923" s="10"/>
    </row>
    <row r="373924" spans="14:14">
      <c r="N373924" s="10"/>
    </row>
    <row r="373925" spans="14:14">
      <c r="N373925" s="10"/>
    </row>
    <row r="373926" spans="14:14">
      <c r="N373926" s="10"/>
    </row>
    <row r="373927" spans="14:14">
      <c r="N373927" s="10"/>
    </row>
    <row r="373928" spans="14:14">
      <c r="N373928" s="10"/>
    </row>
    <row r="373929" spans="14:14">
      <c r="N373929" s="10"/>
    </row>
    <row r="373930" spans="14:14">
      <c r="N373930" s="10"/>
    </row>
    <row r="373931" spans="14:14">
      <c r="N373931" s="10"/>
    </row>
    <row r="373932" spans="14:14">
      <c r="N373932" s="10"/>
    </row>
    <row r="373933" spans="14:14">
      <c r="N373933" s="10"/>
    </row>
    <row r="373934" spans="14:14">
      <c r="N373934" s="10"/>
    </row>
    <row r="373935" spans="14:14">
      <c r="N373935" s="10"/>
    </row>
    <row r="373936" spans="14:14">
      <c r="N373936" s="10"/>
    </row>
    <row r="373937" spans="14:14">
      <c r="N373937" s="10"/>
    </row>
    <row r="373938" spans="14:14">
      <c r="N373938" s="10"/>
    </row>
    <row r="373939" spans="14:14">
      <c r="N373939" s="10"/>
    </row>
    <row r="373940" spans="14:14">
      <c r="N373940" s="10"/>
    </row>
    <row r="373941" spans="14:14">
      <c r="N373941" s="10"/>
    </row>
    <row r="373942" spans="14:14">
      <c r="N373942" s="10"/>
    </row>
    <row r="373943" spans="14:14">
      <c r="N373943" s="10"/>
    </row>
    <row r="373944" spans="14:14">
      <c r="N373944" s="10"/>
    </row>
    <row r="373945" spans="14:14">
      <c r="N373945" s="10"/>
    </row>
    <row r="373946" spans="14:14">
      <c r="N373946" s="10"/>
    </row>
    <row r="373947" spans="14:14">
      <c r="N373947" s="10"/>
    </row>
    <row r="373948" spans="14:14">
      <c r="N373948" s="10"/>
    </row>
    <row r="373949" spans="14:14">
      <c r="N373949" s="10"/>
    </row>
    <row r="373950" spans="14:14">
      <c r="N373950" s="10"/>
    </row>
    <row r="373951" spans="14:14">
      <c r="N373951" s="10"/>
    </row>
    <row r="373952" spans="14:14">
      <c r="N373952" s="10"/>
    </row>
    <row r="373953" spans="14:14">
      <c r="N373953" s="10"/>
    </row>
    <row r="373954" spans="14:14">
      <c r="N373954" s="10"/>
    </row>
    <row r="373955" spans="14:14">
      <c r="N373955" s="10"/>
    </row>
    <row r="373956" spans="14:14">
      <c r="N373956" s="10"/>
    </row>
    <row r="373957" spans="14:14">
      <c r="N373957" s="10"/>
    </row>
    <row r="373958" spans="14:14">
      <c r="N373958" s="10"/>
    </row>
    <row r="373959" spans="14:14">
      <c r="N373959" s="10"/>
    </row>
    <row r="373960" spans="14:14">
      <c r="N373960" s="10"/>
    </row>
    <row r="373961" spans="14:14">
      <c r="N373961" s="10"/>
    </row>
    <row r="373962" spans="14:14">
      <c r="N373962" s="10"/>
    </row>
    <row r="373963" spans="14:14">
      <c r="N373963" s="10"/>
    </row>
    <row r="373964" spans="14:14">
      <c r="N373964" s="10"/>
    </row>
    <row r="373965" spans="14:14">
      <c r="N373965" s="10"/>
    </row>
    <row r="373966" spans="14:14">
      <c r="N373966" s="10"/>
    </row>
    <row r="373967" spans="14:14">
      <c r="N373967" s="10"/>
    </row>
    <row r="373968" spans="14:14">
      <c r="N373968" s="10"/>
    </row>
    <row r="373969" spans="14:14">
      <c r="N373969" s="10"/>
    </row>
    <row r="373970" spans="14:14">
      <c r="N373970" s="10"/>
    </row>
    <row r="373971" spans="14:14">
      <c r="N373971" s="10"/>
    </row>
    <row r="373972" spans="14:14">
      <c r="N373972" s="10"/>
    </row>
    <row r="373973" spans="14:14">
      <c r="N373973" s="10"/>
    </row>
    <row r="373974" spans="14:14">
      <c r="N373974" s="10"/>
    </row>
    <row r="373975" spans="14:14">
      <c r="N373975" s="10"/>
    </row>
    <row r="373976" spans="14:14">
      <c r="N373976" s="10"/>
    </row>
    <row r="373977" spans="14:14">
      <c r="N373977" s="10"/>
    </row>
    <row r="373978" spans="14:14">
      <c r="N373978" s="10"/>
    </row>
    <row r="373979" spans="14:14">
      <c r="N373979" s="10"/>
    </row>
    <row r="373980" spans="14:14">
      <c r="N373980" s="10"/>
    </row>
    <row r="373981" spans="14:14">
      <c r="N373981" s="10"/>
    </row>
    <row r="373982" spans="14:14">
      <c r="N373982" s="10"/>
    </row>
    <row r="373983" spans="14:14">
      <c r="N373983" s="10"/>
    </row>
    <row r="373984" spans="14:14">
      <c r="N373984" s="10"/>
    </row>
    <row r="373985" spans="14:14">
      <c r="N373985" s="10"/>
    </row>
    <row r="373986" spans="14:14">
      <c r="N373986" s="10"/>
    </row>
    <row r="373987" spans="14:14">
      <c r="N373987" s="10"/>
    </row>
    <row r="373988" spans="14:14">
      <c r="N373988" s="10"/>
    </row>
    <row r="373989" spans="14:14">
      <c r="N373989" s="10"/>
    </row>
    <row r="373990" spans="14:14">
      <c r="N373990" s="10"/>
    </row>
    <row r="373991" spans="14:14">
      <c r="N373991" s="10"/>
    </row>
    <row r="373992" spans="14:14">
      <c r="N373992" s="10"/>
    </row>
    <row r="373993" spans="14:14">
      <c r="N373993" s="10"/>
    </row>
    <row r="373994" spans="14:14">
      <c r="N373994" s="10"/>
    </row>
    <row r="373995" spans="14:14">
      <c r="N373995" s="10"/>
    </row>
    <row r="373996" spans="14:14">
      <c r="N373996" s="10"/>
    </row>
    <row r="373997" spans="14:14">
      <c r="N373997" s="10"/>
    </row>
    <row r="373998" spans="14:14">
      <c r="N373998" s="10"/>
    </row>
    <row r="373999" spans="14:14">
      <c r="N373999" s="10"/>
    </row>
    <row r="374000" spans="14:14">
      <c r="N374000" s="10"/>
    </row>
    <row r="374001" spans="14:14">
      <c r="N374001" s="10"/>
    </row>
    <row r="374002" spans="14:14">
      <c r="N374002" s="10"/>
    </row>
    <row r="374003" spans="14:14">
      <c r="N374003" s="10"/>
    </row>
    <row r="374004" spans="14:14">
      <c r="N374004" s="10"/>
    </row>
    <row r="374005" spans="14:14">
      <c r="N374005" s="10"/>
    </row>
    <row r="374006" spans="14:14">
      <c r="N374006" s="10"/>
    </row>
    <row r="374007" spans="14:14">
      <c r="N374007" s="10"/>
    </row>
    <row r="374008" spans="14:14">
      <c r="N374008" s="10"/>
    </row>
    <row r="374009" spans="14:14">
      <c r="N374009" s="10"/>
    </row>
    <row r="374010" spans="14:14">
      <c r="N374010" s="10"/>
    </row>
    <row r="374011" spans="14:14">
      <c r="N374011" s="10"/>
    </row>
    <row r="374012" spans="14:14">
      <c r="N374012" s="10"/>
    </row>
    <row r="374013" spans="14:14">
      <c r="N374013" s="10"/>
    </row>
    <row r="374014" spans="14:14">
      <c r="N374014" s="10"/>
    </row>
    <row r="374015" spans="14:14">
      <c r="N374015" s="10"/>
    </row>
    <row r="374016" spans="14:14">
      <c r="N374016" s="10"/>
    </row>
    <row r="374017" spans="14:14">
      <c r="N374017" s="10"/>
    </row>
    <row r="374018" spans="14:14">
      <c r="N374018" s="10"/>
    </row>
    <row r="374019" spans="14:14">
      <c r="N374019" s="10"/>
    </row>
    <row r="374020" spans="14:14">
      <c r="N374020" s="10"/>
    </row>
    <row r="374021" spans="14:14">
      <c r="N374021" s="10"/>
    </row>
    <row r="374022" spans="14:14">
      <c r="N374022" s="10"/>
    </row>
    <row r="374023" spans="14:14">
      <c r="N374023" s="10"/>
    </row>
    <row r="374024" spans="14:14">
      <c r="N374024" s="10"/>
    </row>
    <row r="374025" spans="14:14">
      <c r="N374025" s="10"/>
    </row>
    <row r="374026" spans="14:14">
      <c r="N374026" s="10"/>
    </row>
    <row r="374027" spans="14:14">
      <c r="N374027" s="10"/>
    </row>
    <row r="374028" spans="14:14">
      <c r="N374028" s="10"/>
    </row>
    <row r="374029" spans="14:14">
      <c r="N374029" s="10"/>
    </row>
    <row r="374030" spans="14:14">
      <c r="N374030" s="10"/>
    </row>
    <row r="374031" spans="14:14">
      <c r="N374031" s="10"/>
    </row>
    <row r="374032" spans="14:14">
      <c r="N374032" s="10"/>
    </row>
    <row r="374033" spans="14:14">
      <c r="N374033" s="10"/>
    </row>
    <row r="374034" spans="14:14">
      <c r="N374034" s="10"/>
    </row>
    <row r="374035" spans="14:14">
      <c r="N374035" s="10"/>
    </row>
    <row r="374036" spans="14:14">
      <c r="N374036" s="10"/>
    </row>
    <row r="374037" spans="14:14">
      <c r="N374037" s="10"/>
    </row>
    <row r="374038" spans="14:14">
      <c r="N374038" s="10"/>
    </row>
    <row r="374039" spans="14:14">
      <c r="N374039" s="10"/>
    </row>
    <row r="374040" spans="14:14">
      <c r="N374040" s="10"/>
    </row>
    <row r="374041" spans="14:14">
      <c r="N374041" s="10"/>
    </row>
    <row r="374042" spans="14:14">
      <c r="N374042" s="10"/>
    </row>
    <row r="374043" spans="14:14">
      <c r="N374043" s="10"/>
    </row>
    <row r="374044" spans="14:14">
      <c r="N374044" s="10"/>
    </row>
    <row r="374045" spans="14:14">
      <c r="N374045" s="10"/>
    </row>
    <row r="374046" spans="14:14">
      <c r="N374046" s="10"/>
    </row>
    <row r="374047" spans="14:14">
      <c r="N374047" s="10"/>
    </row>
    <row r="374048" spans="14:14">
      <c r="N374048" s="10"/>
    </row>
    <row r="374049" spans="14:14">
      <c r="N374049" s="10"/>
    </row>
    <row r="374050" spans="14:14">
      <c r="N374050" s="10"/>
    </row>
    <row r="374051" spans="14:14">
      <c r="N374051" s="10"/>
    </row>
    <row r="374052" spans="14:14">
      <c r="N374052" s="10"/>
    </row>
    <row r="374053" spans="14:14">
      <c r="N374053" s="10"/>
    </row>
    <row r="374054" spans="14:14">
      <c r="N374054" s="10"/>
    </row>
    <row r="374055" spans="14:14">
      <c r="N374055" s="10"/>
    </row>
    <row r="374056" spans="14:14">
      <c r="N374056" s="10"/>
    </row>
    <row r="374057" spans="14:14">
      <c r="N374057" s="10"/>
    </row>
    <row r="374058" spans="14:14">
      <c r="N374058" s="10"/>
    </row>
    <row r="374059" spans="14:14">
      <c r="N374059" s="10"/>
    </row>
    <row r="374060" spans="14:14">
      <c r="N374060" s="10"/>
    </row>
    <row r="374061" spans="14:14">
      <c r="N374061" s="10"/>
    </row>
    <row r="374062" spans="14:14">
      <c r="N374062" s="10"/>
    </row>
    <row r="374063" spans="14:14">
      <c r="N374063" s="10"/>
    </row>
    <row r="374064" spans="14:14">
      <c r="N374064" s="10"/>
    </row>
    <row r="374065" spans="14:14">
      <c r="N374065" s="10"/>
    </row>
    <row r="374066" spans="14:14">
      <c r="N374066" s="10"/>
    </row>
    <row r="374067" spans="14:14">
      <c r="N374067" s="10"/>
    </row>
    <row r="374068" spans="14:14">
      <c r="N374068" s="10"/>
    </row>
    <row r="374069" spans="14:14">
      <c r="N374069" s="10"/>
    </row>
    <row r="374070" spans="14:14">
      <c r="N374070" s="10"/>
    </row>
    <row r="374071" spans="14:14">
      <c r="N374071" s="10"/>
    </row>
    <row r="374072" spans="14:14">
      <c r="N374072" s="10"/>
    </row>
    <row r="374073" spans="14:14">
      <c r="N374073" s="10"/>
    </row>
    <row r="374074" spans="14:14">
      <c r="N374074" s="10"/>
    </row>
    <row r="374075" spans="14:14">
      <c r="N374075" s="10"/>
    </row>
    <row r="374076" spans="14:14">
      <c r="N374076" s="10"/>
    </row>
    <row r="374077" spans="14:14">
      <c r="N374077" s="10"/>
    </row>
    <row r="374078" spans="14:14">
      <c r="N374078" s="10"/>
    </row>
    <row r="374079" spans="14:14">
      <c r="N374079" s="10"/>
    </row>
    <row r="374080" spans="14:14">
      <c r="N374080" s="10"/>
    </row>
    <row r="374081" spans="14:14">
      <c r="N374081" s="10"/>
    </row>
    <row r="374082" spans="14:14">
      <c r="N374082" s="10"/>
    </row>
    <row r="374083" spans="14:14">
      <c r="N374083" s="10"/>
    </row>
    <row r="374084" spans="14:14">
      <c r="N374084" s="10"/>
    </row>
    <row r="374085" spans="14:14">
      <c r="N374085" s="10"/>
    </row>
    <row r="374086" spans="14:14">
      <c r="N374086" s="10"/>
    </row>
    <row r="374087" spans="14:14">
      <c r="N374087" s="10"/>
    </row>
    <row r="374088" spans="14:14">
      <c r="N374088" s="10"/>
    </row>
    <row r="374089" spans="14:14">
      <c r="N374089" s="10"/>
    </row>
    <row r="374090" spans="14:14">
      <c r="N374090" s="10"/>
    </row>
    <row r="374091" spans="14:14">
      <c r="N374091" s="10"/>
    </row>
    <row r="374092" spans="14:14">
      <c r="N374092" s="10"/>
    </row>
    <row r="374093" spans="14:14">
      <c r="N374093" s="10"/>
    </row>
    <row r="374094" spans="14:14">
      <c r="N374094" s="10"/>
    </row>
    <row r="374095" spans="14:14">
      <c r="N374095" s="10"/>
    </row>
    <row r="374096" spans="14:14">
      <c r="N374096" s="10"/>
    </row>
    <row r="374097" spans="14:14">
      <c r="N374097" s="10"/>
    </row>
    <row r="374098" spans="14:14">
      <c r="N374098" s="10"/>
    </row>
    <row r="374099" spans="14:14">
      <c r="N374099" s="10"/>
    </row>
    <row r="374100" spans="14:14">
      <c r="N374100" s="10"/>
    </row>
    <row r="374101" spans="14:14">
      <c r="N374101" s="10"/>
    </row>
    <row r="374102" spans="14:14">
      <c r="N374102" s="10"/>
    </row>
    <row r="374103" spans="14:14">
      <c r="N374103" s="10"/>
    </row>
    <row r="374104" spans="14:14">
      <c r="N374104" s="10"/>
    </row>
    <row r="374105" spans="14:14">
      <c r="N374105" s="10"/>
    </row>
    <row r="374106" spans="14:14">
      <c r="N374106" s="10"/>
    </row>
    <row r="374107" spans="14:14">
      <c r="N374107" s="10"/>
    </row>
    <row r="374108" spans="14:14">
      <c r="N374108" s="10"/>
    </row>
    <row r="374109" spans="14:14">
      <c r="N374109" s="10"/>
    </row>
    <row r="374110" spans="14:14">
      <c r="N374110" s="10"/>
    </row>
    <row r="374111" spans="14:14">
      <c r="N374111" s="10"/>
    </row>
    <row r="374112" spans="14:14">
      <c r="N374112" s="10"/>
    </row>
    <row r="374113" spans="14:14">
      <c r="N374113" s="10"/>
    </row>
    <row r="374114" spans="14:14">
      <c r="N374114" s="10"/>
    </row>
    <row r="374115" spans="14:14">
      <c r="N374115" s="10"/>
    </row>
    <row r="374116" spans="14:14">
      <c r="N374116" s="10"/>
    </row>
    <row r="374117" spans="14:14">
      <c r="N374117" s="10"/>
    </row>
    <row r="374118" spans="14:14">
      <c r="N374118" s="10"/>
    </row>
    <row r="374119" spans="14:14">
      <c r="N374119" s="10"/>
    </row>
    <row r="374120" spans="14:14">
      <c r="N374120" s="10"/>
    </row>
    <row r="374121" spans="14:14">
      <c r="N374121" s="10"/>
    </row>
    <row r="374122" spans="14:14">
      <c r="N374122" s="10"/>
    </row>
    <row r="374123" spans="14:14">
      <c r="N374123" s="10"/>
    </row>
    <row r="374124" spans="14:14">
      <c r="N374124" s="10"/>
    </row>
    <row r="374125" spans="14:14">
      <c r="N374125" s="10"/>
    </row>
    <row r="374126" spans="14:14">
      <c r="N374126" s="10"/>
    </row>
    <row r="374127" spans="14:14">
      <c r="N374127" s="10"/>
    </row>
    <row r="374128" spans="14:14">
      <c r="N374128" s="10"/>
    </row>
    <row r="374129" spans="14:14">
      <c r="N374129" s="10"/>
    </row>
    <row r="374130" spans="14:14">
      <c r="N374130" s="10"/>
    </row>
    <row r="374131" spans="14:14">
      <c r="N374131" s="10"/>
    </row>
    <row r="374132" spans="14:14">
      <c r="N374132" s="10"/>
    </row>
    <row r="374133" spans="14:14">
      <c r="N374133" s="10"/>
    </row>
    <row r="374134" spans="14:14">
      <c r="N374134" s="10"/>
    </row>
    <row r="374135" spans="14:14">
      <c r="N374135" s="10"/>
    </row>
    <row r="374136" spans="14:14">
      <c r="N374136" s="10"/>
    </row>
    <row r="374137" spans="14:14">
      <c r="N374137" s="10"/>
    </row>
    <row r="374138" spans="14:14">
      <c r="N374138" s="10"/>
    </row>
    <row r="374139" spans="14:14">
      <c r="N374139" s="10"/>
    </row>
    <row r="374140" spans="14:14">
      <c r="N374140" s="10"/>
    </row>
    <row r="374141" spans="14:14">
      <c r="N374141" s="10"/>
    </row>
    <row r="374142" spans="14:14">
      <c r="N374142" s="10"/>
    </row>
    <row r="374143" spans="14:14">
      <c r="N374143" s="10"/>
    </row>
    <row r="374144" spans="14:14">
      <c r="N374144" s="10"/>
    </row>
    <row r="374145" spans="14:14">
      <c r="N374145" s="10"/>
    </row>
    <row r="374146" spans="14:14">
      <c r="N374146" s="10"/>
    </row>
    <row r="374147" spans="14:14">
      <c r="N374147" s="10"/>
    </row>
    <row r="374148" spans="14:14">
      <c r="N374148" s="10"/>
    </row>
    <row r="374149" spans="14:14">
      <c r="N374149" s="10"/>
    </row>
    <row r="374150" spans="14:14">
      <c r="N374150" s="10"/>
    </row>
    <row r="374151" spans="14:14">
      <c r="N374151" s="10"/>
    </row>
    <row r="374152" spans="14:14">
      <c r="N374152" s="10"/>
    </row>
    <row r="374153" spans="14:14">
      <c r="N374153" s="10"/>
    </row>
    <row r="374154" spans="14:14">
      <c r="N374154" s="10"/>
    </row>
    <row r="374155" spans="14:14">
      <c r="N374155" s="10"/>
    </row>
    <row r="374156" spans="14:14">
      <c r="N374156" s="10"/>
    </row>
    <row r="374157" spans="14:14">
      <c r="N374157" s="10"/>
    </row>
    <row r="374158" spans="14:14">
      <c r="N374158" s="10"/>
    </row>
    <row r="374159" spans="14:14">
      <c r="N374159" s="10"/>
    </row>
    <row r="374160" spans="14:14">
      <c r="N374160" s="10"/>
    </row>
    <row r="374161" spans="14:14">
      <c r="N374161" s="10"/>
    </row>
    <row r="374162" spans="14:14">
      <c r="N374162" s="10"/>
    </row>
    <row r="374163" spans="14:14">
      <c r="N374163" s="10"/>
    </row>
    <row r="374164" spans="14:14">
      <c r="N374164" s="10"/>
    </row>
    <row r="374165" spans="14:14">
      <c r="N374165" s="10"/>
    </row>
    <row r="374166" spans="14:14">
      <c r="N374166" s="10"/>
    </row>
    <row r="374167" spans="14:14">
      <c r="N374167" s="10"/>
    </row>
    <row r="374168" spans="14:14">
      <c r="N374168" s="10"/>
    </row>
    <row r="374169" spans="14:14">
      <c r="N374169" s="10"/>
    </row>
    <row r="374170" spans="14:14">
      <c r="N374170" s="10"/>
    </row>
    <row r="374171" spans="14:14">
      <c r="N374171" s="10"/>
    </row>
    <row r="374172" spans="14:14">
      <c r="N374172" s="10"/>
    </row>
    <row r="374173" spans="14:14">
      <c r="N374173" s="10"/>
    </row>
    <row r="374174" spans="14:14">
      <c r="N374174" s="10"/>
    </row>
    <row r="374175" spans="14:14">
      <c r="N374175" s="10"/>
    </row>
    <row r="374176" spans="14:14">
      <c r="N374176" s="10"/>
    </row>
    <row r="374177" spans="14:14">
      <c r="N374177" s="10"/>
    </row>
    <row r="374178" spans="14:14">
      <c r="N374178" s="10"/>
    </row>
    <row r="374179" spans="14:14">
      <c r="N374179" s="10"/>
    </row>
    <row r="374180" spans="14:14">
      <c r="N374180" s="10"/>
    </row>
    <row r="374181" spans="14:14">
      <c r="N374181" s="10"/>
    </row>
    <row r="374182" spans="14:14">
      <c r="N374182" s="10"/>
    </row>
    <row r="374183" spans="14:14">
      <c r="N374183" s="10"/>
    </row>
    <row r="374184" spans="14:14">
      <c r="N374184" s="10"/>
    </row>
    <row r="374185" spans="14:14">
      <c r="N374185" s="10"/>
    </row>
    <row r="374186" spans="14:14">
      <c r="N374186" s="10"/>
    </row>
    <row r="374187" spans="14:14">
      <c r="N374187" s="10"/>
    </row>
    <row r="374188" spans="14:14">
      <c r="N374188" s="10"/>
    </row>
    <row r="374189" spans="14:14">
      <c r="N374189" s="10"/>
    </row>
    <row r="374190" spans="14:14">
      <c r="N374190" s="10"/>
    </row>
    <row r="374191" spans="14:14">
      <c r="N374191" s="10"/>
    </row>
    <row r="374192" spans="14:14">
      <c r="N374192" s="10"/>
    </row>
    <row r="374193" spans="14:14">
      <c r="N374193" s="10"/>
    </row>
    <row r="374194" spans="14:14">
      <c r="N374194" s="10"/>
    </row>
    <row r="374195" spans="14:14">
      <c r="N374195" s="10"/>
    </row>
    <row r="374196" spans="14:14">
      <c r="N374196" s="10"/>
    </row>
    <row r="374197" spans="14:14">
      <c r="N374197" s="10"/>
    </row>
    <row r="374198" spans="14:14">
      <c r="N374198" s="10"/>
    </row>
    <row r="374199" spans="14:14">
      <c r="N374199" s="10"/>
    </row>
    <row r="374200" spans="14:14">
      <c r="N374200" s="10"/>
    </row>
    <row r="374201" spans="14:14">
      <c r="N374201" s="10"/>
    </row>
    <row r="374202" spans="14:14">
      <c r="N374202" s="10"/>
    </row>
    <row r="374203" spans="14:14">
      <c r="N374203" s="10"/>
    </row>
    <row r="374204" spans="14:14">
      <c r="N374204" s="10"/>
    </row>
    <row r="374205" spans="14:14">
      <c r="N374205" s="10"/>
    </row>
    <row r="374206" spans="14:14">
      <c r="N374206" s="10"/>
    </row>
    <row r="374207" spans="14:14">
      <c r="N374207" s="10"/>
    </row>
    <row r="374208" spans="14:14">
      <c r="N374208" s="10"/>
    </row>
    <row r="374209" spans="14:14">
      <c r="N374209" s="10"/>
    </row>
    <row r="374210" spans="14:14">
      <c r="N374210" s="10"/>
    </row>
    <row r="374211" spans="14:14">
      <c r="N374211" s="10"/>
    </row>
    <row r="374212" spans="14:14">
      <c r="N374212" s="10"/>
    </row>
    <row r="374213" spans="14:14">
      <c r="N374213" s="10"/>
    </row>
    <row r="374214" spans="14:14">
      <c r="N374214" s="10"/>
    </row>
    <row r="374215" spans="14:14">
      <c r="N374215" s="10"/>
    </row>
    <row r="374216" spans="14:14">
      <c r="N374216" s="10"/>
    </row>
    <row r="374217" spans="14:14">
      <c r="N374217" s="10"/>
    </row>
    <row r="374218" spans="14:14">
      <c r="N374218" s="10"/>
    </row>
    <row r="374219" spans="14:14">
      <c r="N374219" s="10"/>
    </row>
    <row r="374220" spans="14:14">
      <c r="N374220" s="10"/>
    </row>
    <row r="374221" spans="14:14">
      <c r="N374221" s="10"/>
    </row>
    <row r="374222" spans="14:14">
      <c r="N374222" s="10"/>
    </row>
    <row r="374223" spans="14:14">
      <c r="N374223" s="10"/>
    </row>
    <row r="374224" spans="14:14">
      <c r="N374224" s="10"/>
    </row>
    <row r="374225" spans="14:14">
      <c r="N374225" s="10"/>
    </row>
    <row r="374226" spans="14:14">
      <c r="N374226" s="10"/>
    </row>
    <row r="374227" spans="14:14">
      <c r="N374227" s="10"/>
    </row>
    <row r="374228" spans="14:14">
      <c r="N374228" s="10"/>
    </row>
    <row r="374229" spans="14:14">
      <c r="N374229" s="10"/>
    </row>
    <row r="374230" spans="14:14">
      <c r="N374230" s="10"/>
    </row>
    <row r="374231" spans="14:14">
      <c r="N374231" s="10"/>
    </row>
    <row r="374232" spans="14:14">
      <c r="N374232" s="10"/>
    </row>
    <row r="374233" spans="14:14">
      <c r="N374233" s="10"/>
    </row>
    <row r="374234" spans="14:14">
      <c r="N374234" s="10"/>
    </row>
    <row r="374235" spans="14:14">
      <c r="N374235" s="10"/>
    </row>
    <row r="374236" spans="14:14">
      <c r="N374236" s="10"/>
    </row>
    <row r="374237" spans="14:14">
      <c r="N374237" s="10"/>
    </row>
    <row r="374238" spans="14:14">
      <c r="N374238" s="10"/>
    </row>
    <row r="374239" spans="14:14">
      <c r="N374239" s="10"/>
    </row>
    <row r="374240" spans="14:14">
      <c r="N374240" s="10"/>
    </row>
    <row r="374241" spans="14:14">
      <c r="N374241" s="10"/>
    </row>
    <row r="374242" spans="14:14">
      <c r="N374242" s="10"/>
    </row>
    <row r="374243" spans="14:14">
      <c r="N374243" s="10"/>
    </row>
    <row r="374244" spans="14:14">
      <c r="N374244" s="10"/>
    </row>
    <row r="374245" spans="14:14">
      <c r="N374245" s="10"/>
    </row>
    <row r="374246" spans="14:14">
      <c r="N374246" s="10"/>
    </row>
    <row r="374247" spans="14:14">
      <c r="N374247" s="10"/>
    </row>
    <row r="374248" spans="14:14">
      <c r="N374248" s="10"/>
    </row>
    <row r="374249" spans="14:14">
      <c r="N374249" s="10"/>
    </row>
    <row r="374250" spans="14:14">
      <c r="N374250" s="10"/>
    </row>
    <row r="374251" spans="14:14">
      <c r="N374251" s="10"/>
    </row>
    <row r="374252" spans="14:14">
      <c r="N374252" s="10"/>
    </row>
    <row r="374253" spans="14:14">
      <c r="N374253" s="10"/>
    </row>
    <row r="374254" spans="14:14">
      <c r="N374254" s="10"/>
    </row>
    <row r="374255" spans="14:14">
      <c r="N374255" s="10"/>
    </row>
    <row r="374256" spans="14:14">
      <c r="N374256" s="10"/>
    </row>
    <row r="374257" spans="14:14">
      <c r="N374257" s="10"/>
    </row>
    <row r="374258" spans="14:14">
      <c r="N374258" s="10"/>
    </row>
    <row r="374259" spans="14:14">
      <c r="N374259" s="10"/>
    </row>
    <row r="374260" spans="14:14">
      <c r="N374260" s="10"/>
    </row>
    <row r="374261" spans="14:14">
      <c r="N374261" s="10"/>
    </row>
    <row r="374262" spans="14:14">
      <c r="N374262" s="10"/>
    </row>
    <row r="374263" spans="14:14">
      <c r="N374263" s="10"/>
    </row>
    <row r="374264" spans="14:14">
      <c r="N374264" s="10"/>
    </row>
    <row r="374265" spans="14:14">
      <c r="N374265" s="10"/>
    </row>
    <row r="374266" spans="14:14">
      <c r="N374266" s="10"/>
    </row>
    <row r="374267" spans="14:14">
      <c r="N374267" s="10"/>
    </row>
    <row r="374268" spans="14:14">
      <c r="N374268" s="10"/>
    </row>
    <row r="374269" spans="14:14">
      <c r="N374269" s="10"/>
    </row>
    <row r="374270" spans="14:14">
      <c r="N374270" s="10"/>
    </row>
    <row r="374271" spans="14:14">
      <c r="N374271" s="10"/>
    </row>
    <row r="374272" spans="14:14">
      <c r="N374272" s="10"/>
    </row>
    <row r="374273" spans="14:14">
      <c r="N374273" s="10"/>
    </row>
    <row r="374274" spans="14:14">
      <c r="N374274" s="10"/>
    </row>
    <row r="374275" spans="14:14">
      <c r="N374275" s="10"/>
    </row>
    <row r="374276" spans="14:14">
      <c r="N374276" s="10"/>
    </row>
    <row r="374277" spans="14:14">
      <c r="N374277" s="10"/>
    </row>
    <row r="374278" spans="14:14">
      <c r="N374278" s="10"/>
    </row>
    <row r="374279" spans="14:14">
      <c r="N374279" s="10"/>
    </row>
    <row r="374280" spans="14:14">
      <c r="N374280" s="10"/>
    </row>
    <row r="374281" spans="14:14">
      <c r="N374281" s="10"/>
    </row>
    <row r="374282" spans="14:14">
      <c r="N374282" s="10"/>
    </row>
    <row r="374283" spans="14:14">
      <c r="N374283" s="10"/>
    </row>
    <row r="374284" spans="14:14">
      <c r="N374284" s="10"/>
    </row>
    <row r="374285" spans="14:14">
      <c r="N374285" s="10"/>
    </row>
    <row r="374286" spans="14:14">
      <c r="N374286" s="10"/>
    </row>
    <row r="374287" spans="14:14">
      <c r="N374287" s="10"/>
    </row>
    <row r="374288" spans="14:14">
      <c r="N374288" s="10"/>
    </row>
    <row r="374289" spans="14:14">
      <c r="N374289" s="10"/>
    </row>
    <row r="374290" spans="14:14">
      <c r="N374290" s="10"/>
    </row>
    <row r="374291" spans="14:14">
      <c r="N374291" s="10"/>
    </row>
    <row r="374292" spans="14:14">
      <c r="N374292" s="10"/>
    </row>
    <row r="374293" spans="14:14">
      <c r="N374293" s="10"/>
    </row>
    <row r="374294" spans="14:14">
      <c r="N374294" s="10"/>
    </row>
    <row r="374295" spans="14:14">
      <c r="N374295" s="10"/>
    </row>
    <row r="374296" spans="14:14">
      <c r="N374296" s="10"/>
    </row>
    <row r="374297" spans="14:14">
      <c r="N374297" s="10"/>
    </row>
    <row r="374298" spans="14:14">
      <c r="N374298" s="10"/>
    </row>
    <row r="374299" spans="14:14">
      <c r="N374299" s="10"/>
    </row>
    <row r="374300" spans="14:14">
      <c r="N374300" s="10"/>
    </row>
    <row r="374301" spans="14:14">
      <c r="N374301" s="10"/>
    </row>
    <row r="374302" spans="14:14">
      <c r="N374302" s="10"/>
    </row>
    <row r="374303" spans="14:14">
      <c r="N374303" s="10"/>
    </row>
    <row r="374304" spans="14:14">
      <c r="N374304" s="10"/>
    </row>
    <row r="374305" spans="14:14">
      <c r="N374305" s="10"/>
    </row>
    <row r="374306" spans="14:14">
      <c r="N374306" s="10"/>
    </row>
    <row r="374307" spans="14:14">
      <c r="N374307" s="10"/>
    </row>
    <row r="374308" spans="14:14">
      <c r="N374308" s="10"/>
    </row>
    <row r="374309" spans="14:14">
      <c r="N374309" s="10"/>
    </row>
    <row r="374310" spans="14:14">
      <c r="N374310" s="10"/>
    </row>
    <row r="374311" spans="14:14">
      <c r="N374311" s="10"/>
    </row>
    <row r="374312" spans="14:14">
      <c r="N374312" s="10"/>
    </row>
    <row r="374313" spans="14:14">
      <c r="N374313" s="10"/>
    </row>
    <row r="374314" spans="14:14">
      <c r="N374314" s="10"/>
    </row>
    <row r="374315" spans="14:14">
      <c r="N374315" s="10"/>
    </row>
    <row r="374316" spans="14:14">
      <c r="N374316" s="10"/>
    </row>
    <row r="374317" spans="14:14">
      <c r="N374317" s="10"/>
    </row>
    <row r="374318" spans="14:14">
      <c r="N374318" s="10"/>
    </row>
    <row r="374319" spans="14:14">
      <c r="N374319" s="10"/>
    </row>
    <row r="374320" spans="14:14">
      <c r="N374320" s="10"/>
    </row>
    <row r="374321" spans="14:14">
      <c r="N374321" s="10"/>
    </row>
    <row r="374322" spans="14:14">
      <c r="N374322" s="10"/>
    </row>
    <row r="374323" spans="14:14">
      <c r="N374323" s="10"/>
    </row>
    <row r="374324" spans="14:14">
      <c r="N374324" s="10"/>
    </row>
    <row r="374325" spans="14:14">
      <c r="N374325" s="10"/>
    </row>
    <row r="374326" spans="14:14">
      <c r="N374326" s="10"/>
    </row>
    <row r="374327" spans="14:14">
      <c r="N374327" s="10"/>
    </row>
    <row r="374328" spans="14:14">
      <c r="N374328" s="10"/>
    </row>
    <row r="374329" spans="14:14">
      <c r="N374329" s="10"/>
    </row>
    <row r="374330" spans="14:14">
      <c r="N374330" s="10"/>
    </row>
    <row r="374331" spans="14:14">
      <c r="N374331" s="10"/>
    </row>
    <row r="374332" spans="14:14">
      <c r="N374332" s="10"/>
    </row>
    <row r="374333" spans="14:14">
      <c r="N374333" s="10"/>
    </row>
    <row r="374334" spans="14:14">
      <c r="N374334" s="10"/>
    </row>
    <row r="374335" spans="14:14">
      <c r="N374335" s="10"/>
    </row>
    <row r="374336" spans="14:14">
      <c r="N374336" s="10"/>
    </row>
    <row r="374337" spans="14:14">
      <c r="N374337" s="10"/>
    </row>
    <row r="374338" spans="14:14">
      <c r="N374338" s="10"/>
    </row>
    <row r="374339" spans="14:14">
      <c r="N374339" s="10"/>
    </row>
    <row r="374340" spans="14:14">
      <c r="N374340" s="10"/>
    </row>
    <row r="374341" spans="14:14">
      <c r="N374341" s="10"/>
    </row>
    <row r="374342" spans="14:14">
      <c r="N374342" s="10"/>
    </row>
    <row r="374343" spans="14:14">
      <c r="N374343" s="10"/>
    </row>
    <row r="374344" spans="14:14">
      <c r="N374344" s="10"/>
    </row>
    <row r="374345" spans="14:14">
      <c r="N374345" s="10"/>
    </row>
    <row r="374346" spans="14:14">
      <c r="N374346" s="10"/>
    </row>
    <row r="374347" spans="14:14">
      <c r="N374347" s="10"/>
    </row>
    <row r="374348" spans="14:14">
      <c r="N374348" s="10"/>
    </row>
    <row r="374349" spans="14:14">
      <c r="N374349" s="10"/>
    </row>
    <row r="374350" spans="14:14">
      <c r="N374350" s="10"/>
    </row>
    <row r="374351" spans="14:14">
      <c r="N374351" s="10"/>
    </row>
    <row r="374352" spans="14:14">
      <c r="N374352" s="10"/>
    </row>
    <row r="374353" spans="14:14">
      <c r="N374353" s="10"/>
    </row>
    <row r="374354" spans="14:14">
      <c r="N374354" s="10"/>
    </row>
    <row r="374355" spans="14:14">
      <c r="N374355" s="10"/>
    </row>
    <row r="374356" spans="14:14">
      <c r="N374356" s="10"/>
    </row>
    <row r="374357" spans="14:14">
      <c r="N374357" s="10"/>
    </row>
    <row r="374358" spans="14:14">
      <c r="N374358" s="10"/>
    </row>
    <row r="374359" spans="14:14">
      <c r="N374359" s="10"/>
    </row>
    <row r="374360" spans="14:14">
      <c r="N374360" s="10"/>
    </row>
    <row r="374361" spans="14:14">
      <c r="N374361" s="10"/>
    </row>
    <row r="374362" spans="14:14">
      <c r="N374362" s="10"/>
    </row>
    <row r="374363" spans="14:14">
      <c r="N374363" s="10"/>
    </row>
    <row r="374364" spans="14:14">
      <c r="N374364" s="10"/>
    </row>
    <row r="374365" spans="14:14">
      <c r="N374365" s="10"/>
    </row>
    <row r="374366" spans="14:14">
      <c r="N374366" s="10"/>
    </row>
    <row r="374367" spans="14:14">
      <c r="N374367" s="10"/>
    </row>
    <row r="374368" spans="14:14">
      <c r="N374368" s="10"/>
    </row>
    <row r="374369" spans="14:14">
      <c r="N374369" s="10"/>
    </row>
    <row r="374370" spans="14:14">
      <c r="N374370" s="10"/>
    </row>
    <row r="374371" spans="14:14">
      <c r="N374371" s="10"/>
    </row>
    <row r="374372" spans="14:14">
      <c r="N374372" s="10"/>
    </row>
    <row r="374373" spans="14:14">
      <c r="N374373" s="10"/>
    </row>
    <row r="374374" spans="14:14">
      <c r="N374374" s="10"/>
    </row>
    <row r="374375" spans="14:14">
      <c r="N374375" s="10"/>
    </row>
    <row r="374376" spans="14:14">
      <c r="N374376" s="10"/>
    </row>
    <row r="374377" spans="14:14">
      <c r="N374377" s="10"/>
    </row>
    <row r="374378" spans="14:14">
      <c r="N374378" s="10"/>
    </row>
    <row r="374379" spans="14:14">
      <c r="N374379" s="10"/>
    </row>
    <row r="374380" spans="14:14">
      <c r="N374380" s="10"/>
    </row>
    <row r="374381" spans="14:14">
      <c r="N374381" s="10"/>
    </row>
    <row r="374382" spans="14:14">
      <c r="N374382" s="10"/>
    </row>
    <row r="374383" spans="14:14">
      <c r="N374383" s="10"/>
    </row>
    <row r="374384" spans="14:14">
      <c r="N374384" s="10"/>
    </row>
    <row r="374385" spans="14:14">
      <c r="N374385" s="10"/>
    </row>
    <row r="374386" spans="14:14">
      <c r="N374386" s="10"/>
    </row>
    <row r="374387" spans="14:14">
      <c r="N374387" s="10"/>
    </row>
    <row r="374388" spans="14:14">
      <c r="N374388" s="10"/>
    </row>
    <row r="374389" spans="14:14">
      <c r="N374389" s="10"/>
    </row>
    <row r="374390" spans="14:14">
      <c r="N374390" s="10"/>
    </row>
    <row r="374391" spans="14:14">
      <c r="N374391" s="10"/>
    </row>
    <row r="374392" spans="14:14">
      <c r="N374392" s="10"/>
    </row>
    <row r="374393" spans="14:14">
      <c r="N374393" s="10"/>
    </row>
    <row r="374394" spans="14:14">
      <c r="N374394" s="10"/>
    </row>
    <row r="374395" spans="14:14">
      <c r="N374395" s="10"/>
    </row>
    <row r="374396" spans="14:14">
      <c r="N374396" s="10"/>
    </row>
    <row r="374397" spans="14:14">
      <c r="N374397" s="10"/>
    </row>
    <row r="374398" spans="14:14">
      <c r="N374398" s="10"/>
    </row>
    <row r="374399" spans="14:14">
      <c r="N374399" s="10"/>
    </row>
    <row r="374400" spans="14:14">
      <c r="N374400" s="10"/>
    </row>
    <row r="374401" spans="14:14">
      <c r="N374401" s="10"/>
    </row>
    <row r="374402" spans="14:14">
      <c r="N374402" s="10"/>
    </row>
    <row r="374403" spans="14:14">
      <c r="N374403" s="10"/>
    </row>
    <row r="374404" spans="14:14">
      <c r="N374404" s="10"/>
    </row>
    <row r="374405" spans="14:14">
      <c r="N374405" s="10"/>
    </row>
    <row r="374406" spans="14:14">
      <c r="N374406" s="10"/>
    </row>
    <row r="374407" spans="14:14">
      <c r="N374407" s="10"/>
    </row>
    <row r="374408" spans="14:14">
      <c r="N374408" s="10"/>
    </row>
    <row r="374409" spans="14:14">
      <c r="N374409" s="10"/>
    </row>
    <row r="374410" spans="14:14">
      <c r="N374410" s="10"/>
    </row>
    <row r="374411" spans="14:14">
      <c r="N374411" s="10"/>
    </row>
    <row r="374412" spans="14:14">
      <c r="N374412" s="10"/>
    </row>
    <row r="374413" spans="14:14">
      <c r="N374413" s="10"/>
    </row>
    <row r="374414" spans="14:14">
      <c r="N374414" s="10"/>
    </row>
    <row r="374415" spans="14:14">
      <c r="N374415" s="10"/>
    </row>
    <row r="374416" spans="14:14">
      <c r="N374416" s="10"/>
    </row>
    <row r="374417" spans="14:14">
      <c r="N374417" s="10"/>
    </row>
    <row r="374418" spans="14:14">
      <c r="N374418" s="10"/>
    </row>
    <row r="374419" spans="14:14">
      <c r="N374419" s="10"/>
    </row>
    <row r="374420" spans="14:14">
      <c r="N374420" s="10"/>
    </row>
    <row r="374421" spans="14:14">
      <c r="N374421" s="10"/>
    </row>
    <row r="374422" spans="14:14">
      <c r="N374422" s="10"/>
    </row>
    <row r="374423" spans="14:14">
      <c r="N374423" s="10"/>
    </row>
    <row r="374424" spans="14:14">
      <c r="N374424" s="10"/>
    </row>
    <row r="374425" spans="14:14">
      <c r="N374425" s="10"/>
    </row>
    <row r="374426" spans="14:14">
      <c r="N374426" s="10"/>
    </row>
    <row r="374427" spans="14:14">
      <c r="N374427" s="10"/>
    </row>
    <row r="374428" spans="14:14">
      <c r="N374428" s="10"/>
    </row>
    <row r="374429" spans="14:14">
      <c r="N374429" s="10"/>
    </row>
    <row r="374430" spans="14:14">
      <c r="N374430" s="10"/>
    </row>
    <row r="374431" spans="14:14">
      <c r="N374431" s="10"/>
    </row>
    <row r="374432" spans="14:14">
      <c r="N374432" s="10"/>
    </row>
    <row r="374433" spans="14:14">
      <c r="N374433" s="10"/>
    </row>
    <row r="374434" spans="14:14">
      <c r="N374434" s="10"/>
    </row>
    <row r="374435" spans="14:14">
      <c r="N374435" s="10"/>
    </row>
    <row r="374436" spans="14:14">
      <c r="N374436" s="10"/>
    </row>
    <row r="374437" spans="14:14">
      <c r="N374437" s="10"/>
    </row>
    <row r="374438" spans="14:14">
      <c r="N374438" s="10"/>
    </row>
    <row r="374439" spans="14:14">
      <c r="N374439" s="10"/>
    </row>
    <row r="374440" spans="14:14">
      <c r="N374440" s="10"/>
    </row>
    <row r="374441" spans="14:14">
      <c r="N374441" s="10"/>
    </row>
    <row r="374442" spans="14:14">
      <c r="N374442" s="10"/>
    </row>
    <row r="374443" spans="14:14">
      <c r="N374443" s="10"/>
    </row>
    <row r="374444" spans="14:14">
      <c r="N374444" s="10"/>
    </row>
    <row r="374445" spans="14:14">
      <c r="N374445" s="10"/>
    </row>
    <row r="374446" spans="14:14">
      <c r="N374446" s="10"/>
    </row>
    <row r="374447" spans="14:14">
      <c r="N374447" s="10"/>
    </row>
    <row r="374448" spans="14:14">
      <c r="N374448" s="10"/>
    </row>
    <row r="374449" spans="14:14">
      <c r="N374449" s="10"/>
    </row>
    <row r="374450" spans="14:14">
      <c r="N374450" s="10"/>
    </row>
    <row r="374451" spans="14:14">
      <c r="N374451" s="10"/>
    </row>
    <row r="374452" spans="14:14">
      <c r="N374452" s="10"/>
    </row>
    <row r="374453" spans="14:14">
      <c r="N374453" s="10"/>
    </row>
    <row r="374454" spans="14:14">
      <c r="N374454" s="10"/>
    </row>
    <row r="374455" spans="14:14">
      <c r="N374455" s="10"/>
    </row>
    <row r="374456" spans="14:14">
      <c r="N374456" s="10"/>
    </row>
    <row r="374457" spans="14:14">
      <c r="N374457" s="10"/>
    </row>
    <row r="374458" spans="14:14">
      <c r="N374458" s="10"/>
    </row>
    <row r="374459" spans="14:14">
      <c r="N374459" s="10"/>
    </row>
    <row r="374460" spans="14:14">
      <c r="N374460" s="10"/>
    </row>
    <row r="374461" spans="14:14">
      <c r="N374461" s="10"/>
    </row>
    <row r="374462" spans="14:14">
      <c r="N374462" s="10"/>
    </row>
    <row r="374463" spans="14:14">
      <c r="N374463" s="10"/>
    </row>
    <row r="374464" spans="14:14">
      <c r="N374464" s="10"/>
    </row>
    <row r="374465" spans="14:14">
      <c r="N374465" s="10"/>
    </row>
    <row r="374466" spans="14:14">
      <c r="N374466" s="10"/>
    </row>
    <row r="374467" spans="14:14">
      <c r="N374467" s="10"/>
    </row>
    <row r="374468" spans="14:14">
      <c r="N374468" s="10"/>
    </row>
    <row r="374469" spans="14:14">
      <c r="N374469" s="10"/>
    </row>
    <row r="374470" spans="14:14">
      <c r="N374470" s="10"/>
    </row>
    <row r="374471" spans="14:14">
      <c r="N374471" s="10"/>
    </row>
    <row r="374472" spans="14:14">
      <c r="N374472" s="10"/>
    </row>
    <row r="374473" spans="14:14">
      <c r="N374473" s="10"/>
    </row>
    <row r="374474" spans="14:14">
      <c r="N374474" s="10"/>
    </row>
    <row r="374475" spans="14:14">
      <c r="N374475" s="10"/>
    </row>
    <row r="374476" spans="14:14">
      <c r="N374476" s="10"/>
    </row>
    <row r="374477" spans="14:14">
      <c r="N374477" s="10"/>
    </row>
    <row r="374478" spans="14:14">
      <c r="N374478" s="10"/>
    </row>
    <row r="374479" spans="14:14">
      <c r="N374479" s="10"/>
    </row>
    <row r="374480" spans="14:14">
      <c r="N374480" s="10"/>
    </row>
    <row r="374481" spans="14:14">
      <c r="N374481" s="10"/>
    </row>
    <row r="374482" spans="14:14">
      <c r="N374482" s="10"/>
    </row>
    <row r="374483" spans="14:14">
      <c r="N374483" s="10"/>
    </row>
    <row r="374484" spans="14:14">
      <c r="N374484" s="10"/>
    </row>
    <row r="374485" spans="14:14">
      <c r="N374485" s="10"/>
    </row>
    <row r="374486" spans="14:14">
      <c r="N374486" s="10"/>
    </row>
    <row r="374487" spans="14:14">
      <c r="N374487" s="10"/>
    </row>
    <row r="374488" spans="14:14">
      <c r="N374488" s="10"/>
    </row>
    <row r="374489" spans="14:14">
      <c r="N374489" s="10"/>
    </row>
    <row r="374490" spans="14:14">
      <c r="N374490" s="10"/>
    </row>
    <row r="374491" spans="14:14">
      <c r="N374491" s="10"/>
    </row>
    <row r="374492" spans="14:14">
      <c r="N374492" s="10"/>
    </row>
    <row r="374493" spans="14:14">
      <c r="N374493" s="10"/>
    </row>
    <row r="374494" spans="14:14">
      <c r="N374494" s="10"/>
    </row>
    <row r="374495" spans="14:14">
      <c r="N374495" s="10"/>
    </row>
    <row r="374496" spans="14:14">
      <c r="N374496" s="10"/>
    </row>
    <row r="374497" spans="14:14">
      <c r="N374497" s="10"/>
    </row>
    <row r="374498" spans="14:14">
      <c r="N374498" s="10"/>
    </row>
    <row r="374499" spans="14:14">
      <c r="N374499" s="10"/>
    </row>
    <row r="374500" spans="14:14">
      <c r="N374500" s="10"/>
    </row>
    <row r="374501" spans="14:14">
      <c r="N374501" s="10"/>
    </row>
    <row r="374502" spans="14:14">
      <c r="N374502" s="10"/>
    </row>
    <row r="374503" spans="14:14">
      <c r="N374503" s="10"/>
    </row>
    <row r="374504" spans="14:14">
      <c r="N374504" s="10"/>
    </row>
    <row r="374505" spans="14:14">
      <c r="N374505" s="10"/>
    </row>
    <row r="374506" spans="14:14">
      <c r="N374506" s="10"/>
    </row>
    <row r="374507" spans="14:14">
      <c r="N374507" s="10"/>
    </row>
    <row r="374508" spans="14:14">
      <c r="N374508" s="10"/>
    </row>
    <row r="374509" spans="14:14">
      <c r="N374509" s="10"/>
    </row>
    <row r="374510" spans="14:14">
      <c r="N374510" s="10"/>
    </row>
    <row r="374511" spans="14:14">
      <c r="N374511" s="10"/>
    </row>
    <row r="374512" spans="14:14">
      <c r="N374512" s="10"/>
    </row>
    <row r="374513" spans="14:14">
      <c r="N374513" s="10"/>
    </row>
    <row r="374514" spans="14:14">
      <c r="N374514" s="10"/>
    </row>
    <row r="374515" spans="14:14">
      <c r="N374515" s="10"/>
    </row>
    <row r="374516" spans="14:14">
      <c r="N374516" s="10"/>
    </row>
    <row r="374517" spans="14:14">
      <c r="N374517" s="10"/>
    </row>
    <row r="374518" spans="14:14">
      <c r="N374518" s="10"/>
    </row>
    <row r="374519" spans="14:14">
      <c r="N374519" s="10"/>
    </row>
    <row r="374520" spans="14:14">
      <c r="N374520" s="10"/>
    </row>
    <row r="374521" spans="14:14">
      <c r="N374521" s="10"/>
    </row>
    <row r="374522" spans="14:14">
      <c r="N374522" s="10"/>
    </row>
    <row r="374523" spans="14:14">
      <c r="N374523" s="10"/>
    </row>
    <row r="374524" spans="14:14">
      <c r="N374524" s="10"/>
    </row>
    <row r="374525" spans="14:14">
      <c r="N374525" s="10"/>
    </row>
    <row r="374526" spans="14:14">
      <c r="N374526" s="10"/>
    </row>
    <row r="374527" spans="14:14">
      <c r="N374527" s="10"/>
    </row>
    <row r="374528" spans="14:14">
      <c r="N374528" s="10"/>
    </row>
    <row r="374529" spans="14:14">
      <c r="N374529" s="10"/>
    </row>
    <row r="374530" spans="14:14">
      <c r="N374530" s="10"/>
    </row>
    <row r="374531" spans="14:14">
      <c r="N374531" s="10"/>
    </row>
    <row r="374532" spans="14:14">
      <c r="N374532" s="10"/>
    </row>
    <row r="374533" spans="14:14">
      <c r="N374533" s="10"/>
    </row>
    <row r="374534" spans="14:14">
      <c r="N374534" s="10"/>
    </row>
    <row r="374535" spans="14:14">
      <c r="N374535" s="10"/>
    </row>
    <row r="374536" spans="14:14">
      <c r="N374536" s="10"/>
    </row>
    <row r="374537" spans="14:14">
      <c r="N374537" s="10"/>
    </row>
    <row r="374538" spans="14:14">
      <c r="N374538" s="10"/>
    </row>
    <row r="374539" spans="14:14">
      <c r="N374539" s="10"/>
    </row>
    <row r="374540" spans="14:14">
      <c r="N374540" s="10"/>
    </row>
    <row r="374541" spans="14:14">
      <c r="N374541" s="10"/>
    </row>
    <row r="374542" spans="14:14">
      <c r="N374542" s="10"/>
    </row>
    <row r="374543" spans="14:14">
      <c r="N374543" s="10"/>
    </row>
    <row r="374544" spans="14:14">
      <c r="N374544" s="10"/>
    </row>
    <row r="374545" spans="14:14">
      <c r="N374545" s="10"/>
    </row>
    <row r="374546" spans="14:14">
      <c r="N374546" s="10"/>
    </row>
    <row r="374547" spans="14:14">
      <c r="N374547" s="10"/>
    </row>
    <row r="374548" spans="14:14">
      <c r="N374548" s="10"/>
    </row>
    <row r="374549" spans="14:14">
      <c r="N374549" s="10"/>
    </row>
    <row r="374550" spans="14:14">
      <c r="N374550" s="10"/>
    </row>
    <row r="374551" spans="14:14">
      <c r="N374551" s="10"/>
    </row>
    <row r="374552" spans="14:14">
      <c r="N374552" s="10"/>
    </row>
    <row r="374553" spans="14:14">
      <c r="N374553" s="10"/>
    </row>
    <row r="374554" spans="14:14">
      <c r="N374554" s="10"/>
    </row>
    <row r="374555" spans="14:14">
      <c r="N374555" s="10"/>
    </row>
    <row r="374556" spans="14:14">
      <c r="N374556" s="10"/>
    </row>
    <row r="374557" spans="14:14">
      <c r="N374557" s="10"/>
    </row>
    <row r="374558" spans="14:14">
      <c r="N374558" s="10"/>
    </row>
    <row r="374559" spans="14:14">
      <c r="N374559" s="10"/>
    </row>
    <row r="374560" spans="14:14">
      <c r="N374560" s="10"/>
    </row>
    <row r="374561" spans="14:14">
      <c r="N374561" s="10"/>
    </row>
    <row r="374562" spans="14:14">
      <c r="N374562" s="10"/>
    </row>
    <row r="374563" spans="14:14">
      <c r="N374563" s="10"/>
    </row>
    <row r="374564" spans="14:14">
      <c r="N374564" s="10"/>
    </row>
    <row r="374565" spans="14:14">
      <c r="N374565" s="10"/>
    </row>
    <row r="374566" spans="14:14">
      <c r="N374566" s="10"/>
    </row>
    <row r="374567" spans="14:14">
      <c r="N374567" s="10"/>
    </row>
    <row r="374568" spans="14:14">
      <c r="N374568" s="10"/>
    </row>
    <row r="374569" spans="14:14">
      <c r="N374569" s="10"/>
    </row>
    <row r="374570" spans="14:14">
      <c r="N374570" s="10"/>
    </row>
    <row r="374571" spans="14:14">
      <c r="N374571" s="10"/>
    </row>
    <row r="374572" spans="14:14">
      <c r="N374572" s="10"/>
    </row>
    <row r="374573" spans="14:14">
      <c r="N374573" s="10"/>
    </row>
    <row r="374574" spans="14:14">
      <c r="N374574" s="10"/>
    </row>
    <row r="374575" spans="14:14">
      <c r="N374575" s="10"/>
    </row>
    <row r="374576" spans="14:14">
      <c r="N374576" s="10"/>
    </row>
    <row r="374577" spans="14:14">
      <c r="N374577" s="10"/>
    </row>
    <row r="374578" spans="14:14">
      <c r="N374578" s="10"/>
    </row>
    <row r="374579" spans="14:14">
      <c r="N374579" s="10"/>
    </row>
    <row r="374580" spans="14:14">
      <c r="N374580" s="10"/>
    </row>
    <row r="374581" spans="14:14">
      <c r="N374581" s="10"/>
    </row>
    <row r="374582" spans="14:14">
      <c r="N374582" s="10"/>
    </row>
    <row r="374583" spans="14:14">
      <c r="N374583" s="10"/>
    </row>
    <row r="374584" spans="14:14">
      <c r="N374584" s="10"/>
    </row>
    <row r="374585" spans="14:14">
      <c r="N374585" s="10"/>
    </row>
    <row r="374586" spans="14:14">
      <c r="N374586" s="10"/>
    </row>
    <row r="374587" spans="14:14">
      <c r="N374587" s="10"/>
    </row>
    <row r="374588" spans="14:14">
      <c r="N374588" s="10"/>
    </row>
    <row r="374589" spans="14:14">
      <c r="N374589" s="10"/>
    </row>
    <row r="374590" spans="14:14">
      <c r="N374590" s="10"/>
    </row>
    <row r="374591" spans="14:14">
      <c r="N374591" s="10"/>
    </row>
    <row r="374592" spans="14:14">
      <c r="N374592" s="10"/>
    </row>
    <row r="374593" spans="14:14">
      <c r="N374593" s="10"/>
    </row>
    <row r="374594" spans="14:14">
      <c r="N374594" s="10"/>
    </row>
    <row r="374595" spans="14:14">
      <c r="N374595" s="10"/>
    </row>
    <row r="374596" spans="14:14">
      <c r="N374596" s="10"/>
    </row>
    <row r="374597" spans="14:14">
      <c r="N374597" s="10"/>
    </row>
    <row r="374598" spans="14:14">
      <c r="N374598" s="10"/>
    </row>
    <row r="374599" spans="14:14">
      <c r="N374599" s="10"/>
    </row>
    <row r="374600" spans="14:14">
      <c r="N374600" s="10"/>
    </row>
    <row r="374601" spans="14:14">
      <c r="N374601" s="10"/>
    </row>
    <row r="374602" spans="14:14">
      <c r="N374602" s="10"/>
    </row>
    <row r="374603" spans="14:14">
      <c r="N374603" s="10"/>
    </row>
    <row r="374604" spans="14:14">
      <c r="N374604" s="10"/>
    </row>
    <row r="374605" spans="14:14">
      <c r="N374605" s="10"/>
    </row>
    <row r="374606" spans="14:14">
      <c r="N374606" s="10"/>
    </row>
    <row r="374607" spans="14:14">
      <c r="N374607" s="10"/>
    </row>
    <row r="374608" spans="14:14">
      <c r="N374608" s="10"/>
    </row>
    <row r="374609" spans="14:14">
      <c r="N374609" s="10"/>
    </row>
    <row r="374610" spans="14:14">
      <c r="N374610" s="10"/>
    </row>
    <row r="374611" spans="14:14">
      <c r="N374611" s="10"/>
    </row>
    <row r="374612" spans="14:14">
      <c r="N374612" s="10"/>
    </row>
    <row r="374613" spans="14:14">
      <c r="N374613" s="10"/>
    </row>
    <row r="374614" spans="14:14">
      <c r="N374614" s="10"/>
    </row>
    <row r="374615" spans="14:14">
      <c r="N374615" s="10"/>
    </row>
    <row r="374616" spans="14:14">
      <c r="N374616" s="10"/>
    </row>
    <row r="374617" spans="14:14">
      <c r="N374617" s="10"/>
    </row>
    <row r="374618" spans="14:14">
      <c r="N374618" s="10"/>
    </row>
    <row r="374619" spans="14:14">
      <c r="N374619" s="10"/>
    </row>
    <row r="374620" spans="14:14">
      <c r="N374620" s="10"/>
    </row>
    <row r="374621" spans="14:14">
      <c r="N374621" s="10"/>
    </row>
    <row r="374622" spans="14:14">
      <c r="N374622" s="10"/>
    </row>
    <row r="374623" spans="14:14">
      <c r="N374623" s="10"/>
    </row>
    <row r="374624" spans="14:14">
      <c r="N374624" s="10"/>
    </row>
    <row r="374625" spans="14:14">
      <c r="N374625" s="10"/>
    </row>
    <row r="374626" spans="14:14">
      <c r="N374626" s="10"/>
    </row>
    <row r="374627" spans="14:14">
      <c r="N374627" s="10"/>
    </row>
    <row r="374628" spans="14:14">
      <c r="N374628" s="10"/>
    </row>
    <row r="374629" spans="14:14">
      <c r="N374629" s="10"/>
    </row>
    <row r="374630" spans="14:14">
      <c r="N374630" s="10"/>
    </row>
    <row r="374631" spans="14:14">
      <c r="N374631" s="10"/>
    </row>
    <row r="374632" spans="14:14">
      <c r="N374632" s="10"/>
    </row>
    <row r="374633" spans="14:14">
      <c r="N374633" s="10"/>
    </row>
    <row r="374634" spans="14:14">
      <c r="N374634" s="10"/>
    </row>
    <row r="374635" spans="14:14">
      <c r="N374635" s="10"/>
    </row>
    <row r="374636" spans="14:14">
      <c r="N374636" s="10"/>
    </row>
    <row r="374637" spans="14:14">
      <c r="N374637" s="10"/>
    </row>
    <row r="374638" spans="14:14">
      <c r="N374638" s="10"/>
    </row>
    <row r="374639" spans="14:14">
      <c r="N374639" s="10"/>
    </row>
    <row r="374640" spans="14:14">
      <c r="N374640" s="10"/>
    </row>
    <row r="374641" spans="14:14">
      <c r="N374641" s="10"/>
    </row>
    <row r="374642" spans="14:14">
      <c r="N374642" s="10"/>
    </row>
    <row r="374643" spans="14:14">
      <c r="N374643" s="10"/>
    </row>
    <row r="374644" spans="14:14">
      <c r="N374644" s="10"/>
    </row>
    <row r="374645" spans="14:14">
      <c r="N374645" s="10"/>
    </row>
    <row r="374646" spans="14:14">
      <c r="N374646" s="10"/>
    </row>
    <row r="374647" spans="14:14">
      <c r="N374647" s="10"/>
    </row>
    <row r="374648" spans="14:14">
      <c r="N374648" s="10"/>
    </row>
    <row r="374649" spans="14:14">
      <c r="N374649" s="10"/>
    </row>
    <row r="374650" spans="14:14">
      <c r="N374650" s="10"/>
    </row>
    <row r="374651" spans="14:14">
      <c r="N374651" s="10"/>
    </row>
    <row r="374652" spans="14:14">
      <c r="N374652" s="10"/>
    </row>
    <row r="374653" spans="14:14">
      <c r="N374653" s="10"/>
    </row>
    <row r="374654" spans="14:14">
      <c r="N374654" s="10"/>
    </row>
    <row r="374655" spans="14:14">
      <c r="N374655" s="10"/>
    </row>
    <row r="374656" spans="14:14">
      <c r="N374656" s="10"/>
    </row>
    <row r="374657" spans="14:14">
      <c r="N374657" s="10"/>
    </row>
    <row r="374658" spans="14:14">
      <c r="N374658" s="10"/>
    </row>
    <row r="374659" spans="14:14">
      <c r="N374659" s="10"/>
    </row>
    <row r="374660" spans="14:14">
      <c r="N374660" s="10"/>
    </row>
    <row r="374661" spans="14:14">
      <c r="N374661" s="10"/>
    </row>
    <row r="374662" spans="14:14">
      <c r="N374662" s="10"/>
    </row>
    <row r="374663" spans="14:14">
      <c r="N374663" s="10"/>
    </row>
    <row r="374664" spans="14:14">
      <c r="N374664" s="10"/>
    </row>
    <row r="374665" spans="14:14">
      <c r="N374665" s="10"/>
    </row>
    <row r="374666" spans="14:14">
      <c r="N374666" s="10"/>
    </row>
    <row r="374667" spans="14:14">
      <c r="N374667" s="10"/>
    </row>
    <row r="374668" spans="14:14">
      <c r="N374668" s="10"/>
    </row>
    <row r="374669" spans="14:14">
      <c r="N374669" s="10"/>
    </row>
    <row r="374670" spans="14:14">
      <c r="N374670" s="10"/>
    </row>
    <row r="374671" spans="14:14">
      <c r="N374671" s="10"/>
    </row>
    <row r="374672" spans="14:14">
      <c r="N374672" s="10"/>
    </row>
    <row r="374673" spans="14:14">
      <c r="N374673" s="10"/>
    </row>
    <row r="374674" spans="14:14">
      <c r="N374674" s="10"/>
    </row>
    <row r="374675" spans="14:14">
      <c r="N374675" s="10"/>
    </row>
    <row r="374676" spans="14:14">
      <c r="N374676" s="10"/>
    </row>
    <row r="374677" spans="14:14">
      <c r="N374677" s="10"/>
    </row>
    <row r="374678" spans="14:14">
      <c r="N374678" s="10"/>
    </row>
    <row r="374679" spans="14:14">
      <c r="N374679" s="10"/>
    </row>
    <row r="374680" spans="14:14">
      <c r="N374680" s="10"/>
    </row>
    <row r="374681" spans="14:14">
      <c r="N374681" s="10"/>
    </row>
    <row r="374682" spans="14:14">
      <c r="N374682" s="10"/>
    </row>
    <row r="374683" spans="14:14">
      <c r="N374683" s="10"/>
    </row>
    <row r="374684" spans="14:14">
      <c r="N374684" s="10"/>
    </row>
    <row r="374685" spans="14:14">
      <c r="N374685" s="10"/>
    </row>
    <row r="374686" spans="14:14">
      <c r="N374686" s="10"/>
    </row>
    <row r="374687" spans="14:14">
      <c r="N374687" s="10"/>
    </row>
    <row r="374688" spans="14:14">
      <c r="N374688" s="10"/>
    </row>
    <row r="374689" spans="14:14">
      <c r="N374689" s="10"/>
    </row>
    <row r="374690" spans="14:14">
      <c r="N374690" s="10"/>
    </row>
    <row r="374691" spans="14:14">
      <c r="N374691" s="10"/>
    </row>
    <row r="374692" spans="14:14">
      <c r="N374692" s="10"/>
    </row>
    <row r="374693" spans="14:14">
      <c r="N374693" s="10"/>
    </row>
    <row r="374694" spans="14:14">
      <c r="N374694" s="10"/>
    </row>
    <row r="374695" spans="14:14">
      <c r="N374695" s="10"/>
    </row>
    <row r="374696" spans="14:14">
      <c r="N374696" s="10"/>
    </row>
    <row r="374697" spans="14:14">
      <c r="N374697" s="10"/>
    </row>
    <row r="374698" spans="14:14">
      <c r="N374698" s="10"/>
    </row>
    <row r="374699" spans="14:14">
      <c r="N374699" s="10"/>
    </row>
    <row r="374700" spans="14:14">
      <c r="N374700" s="10"/>
    </row>
    <row r="374701" spans="14:14">
      <c r="N374701" s="10"/>
    </row>
    <row r="374702" spans="14:14">
      <c r="N374702" s="10"/>
    </row>
    <row r="374703" spans="14:14">
      <c r="N374703" s="10"/>
    </row>
    <row r="374704" spans="14:14">
      <c r="N374704" s="10"/>
    </row>
    <row r="374705" spans="14:14">
      <c r="N374705" s="10"/>
    </row>
    <row r="374706" spans="14:14">
      <c r="N374706" s="10"/>
    </row>
    <row r="374707" spans="14:14">
      <c r="N374707" s="10"/>
    </row>
    <row r="374708" spans="14:14">
      <c r="N374708" s="10"/>
    </row>
    <row r="374709" spans="14:14">
      <c r="N374709" s="10"/>
    </row>
    <row r="374710" spans="14:14">
      <c r="N374710" s="10"/>
    </row>
    <row r="374711" spans="14:14">
      <c r="N374711" s="10"/>
    </row>
    <row r="374712" spans="14:14">
      <c r="N374712" s="10"/>
    </row>
    <row r="374713" spans="14:14">
      <c r="N374713" s="10"/>
    </row>
    <row r="374714" spans="14:14">
      <c r="N374714" s="10"/>
    </row>
    <row r="374715" spans="14:14">
      <c r="N374715" s="10"/>
    </row>
    <row r="374716" spans="14:14">
      <c r="N374716" s="10"/>
    </row>
    <row r="374717" spans="14:14">
      <c r="N374717" s="10"/>
    </row>
    <row r="374718" spans="14:14">
      <c r="N374718" s="10"/>
    </row>
    <row r="374719" spans="14:14">
      <c r="N374719" s="10"/>
    </row>
    <row r="374720" spans="14:14">
      <c r="N374720" s="10"/>
    </row>
    <row r="374721" spans="14:14">
      <c r="N374721" s="10"/>
    </row>
    <row r="374722" spans="14:14">
      <c r="N374722" s="10"/>
    </row>
    <row r="374723" spans="14:14">
      <c r="N374723" s="10"/>
    </row>
    <row r="374724" spans="14:14">
      <c r="N374724" s="10"/>
    </row>
    <row r="374725" spans="14:14">
      <c r="N374725" s="10"/>
    </row>
    <row r="374726" spans="14:14">
      <c r="N374726" s="10"/>
    </row>
    <row r="374727" spans="14:14">
      <c r="N374727" s="10"/>
    </row>
    <row r="374728" spans="14:14">
      <c r="N374728" s="10"/>
    </row>
    <row r="374729" spans="14:14">
      <c r="N374729" s="10"/>
    </row>
    <row r="374730" spans="14:14">
      <c r="N374730" s="10"/>
    </row>
    <row r="374731" spans="14:14">
      <c r="N374731" s="10"/>
    </row>
    <row r="374732" spans="14:14">
      <c r="N374732" s="10"/>
    </row>
    <row r="374733" spans="14:14">
      <c r="N374733" s="10"/>
    </row>
    <row r="374734" spans="14:14">
      <c r="N374734" s="10"/>
    </row>
    <row r="374735" spans="14:14">
      <c r="N374735" s="10"/>
    </row>
    <row r="374736" spans="14:14">
      <c r="N374736" s="10"/>
    </row>
    <row r="374737" spans="14:14">
      <c r="N374737" s="10"/>
    </row>
    <row r="374738" spans="14:14">
      <c r="N374738" s="10"/>
    </row>
    <row r="374739" spans="14:14">
      <c r="N374739" s="10"/>
    </row>
    <row r="374740" spans="14:14">
      <c r="N374740" s="10"/>
    </row>
    <row r="374741" spans="14:14">
      <c r="N374741" s="10"/>
    </row>
    <row r="374742" spans="14:14">
      <c r="N374742" s="10"/>
    </row>
    <row r="374743" spans="14:14">
      <c r="N374743" s="10"/>
    </row>
    <row r="374744" spans="14:14">
      <c r="N374744" s="10"/>
    </row>
    <row r="374745" spans="14:14">
      <c r="N374745" s="10"/>
    </row>
    <row r="374746" spans="14:14">
      <c r="N374746" s="10"/>
    </row>
    <row r="374747" spans="14:14">
      <c r="N374747" s="10"/>
    </row>
    <row r="374748" spans="14:14">
      <c r="N374748" s="10"/>
    </row>
    <row r="374749" spans="14:14">
      <c r="N374749" s="10"/>
    </row>
    <row r="374750" spans="14:14">
      <c r="N374750" s="10"/>
    </row>
    <row r="374751" spans="14:14">
      <c r="N374751" s="10"/>
    </row>
    <row r="374752" spans="14:14">
      <c r="N374752" s="10"/>
    </row>
    <row r="374753" spans="14:14">
      <c r="N374753" s="10"/>
    </row>
    <row r="374754" spans="14:14">
      <c r="N374754" s="10"/>
    </row>
    <row r="374755" spans="14:14">
      <c r="N374755" s="10"/>
    </row>
    <row r="374756" spans="14:14">
      <c r="N374756" s="10"/>
    </row>
    <row r="374757" spans="14:14">
      <c r="N374757" s="10"/>
    </row>
    <row r="374758" spans="14:14">
      <c r="N374758" s="10"/>
    </row>
    <row r="374759" spans="14:14">
      <c r="N374759" s="10"/>
    </row>
    <row r="374760" spans="14:14">
      <c r="N374760" s="10"/>
    </row>
    <row r="374761" spans="14:14">
      <c r="N374761" s="10"/>
    </row>
    <row r="374762" spans="14:14">
      <c r="N374762" s="10"/>
    </row>
    <row r="374763" spans="14:14">
      <c r="N374763" s="10"/>
    </row>
    <row r="374764" spans="14:14">
      <c r="N374764" s="10"/>
    </row>
    <row r="374765" spans="14:14">
      <c r="N374765" s="10"/>
    </row>
    <row r="374766" spans="14:14">
      <c r="N374766" s="10"/>
    </row>
    <row r="374767" spans="14:14">
      <c r="N374767" s="10"/>
    </row>
    <row r="374768" spans="14:14">
      <c r="N374768" s="10"/>
    </row>
    <row r="374769" spans="14:14">
      <c r="N374769" s="10"/>
    </row>
    <row r="374770" spans="14:14">
      <c r="N374770" s="10"/>
    </row>
    <row r="374771" spans="14:14">
      <c r="N374771" s="10"/>
    </row>
    <row r="374772" spans="14:14">
      <c r="N374772" s="10"/>
    </row>
    <row r="374773" spans="14:14">
      <c r="N374773" s="10"/>
    </row>
    <row r="374774" spans="14:14">
      <c r="N374774" s="10"/>
    </row>
    <row r="374775" spans="14:14">
      <c r="N374775" s="10"/>
    </row>
    <row r="374776" spans="14:14">
      <c r="N374776" s="10"/>
    </row>
    <row r="374777" spans="14:14">
      <c r="N374777" s="10"/>
    </row>
    <row r="374778" spans="14:14">
      <c r="N374778" s="10"/>
    </row>
    <row r="374779" spans="14:14">
      <c r="N374779" s="10"/>
    </row>
    <row r="374780" spans="14:14">
      <c r="N374780" s="10"/>
    </row>
    <row r="374781" spans="14:14">
      <c r="N374781" s="10"/>
    </row>
    <row r="374782" spans="14:14">
      <c r="N374782" s="10"/>
    </row>
    <row r="374783" spans="14:14">
      <c r="N374783" s="10"/>
    </row>
    <row r="374784" spans="14:14">
      <c r="N374784" s="10"/>
    </row>
    <row r="374785" spans="14:14">
      <c r="N374785" s="10"/>
    </row>
    <row r="374786" spans="14:14">
      <c r="N374786" s="10"/>
    </row>
    <row r="374787" spans="14:14">
      <c r="N374787" s="10"/>
    </row>
    <row r="374788" spans="14:14">
      <c r="N374788" s="10"/>
    </row>
    <row r="374789" spans="14:14">
      <c r="N374789" s="10"/>
    </row>
    <row r="374790" spans="14:14">
      <c r="N374790" s="10"/>
    </row>
    <row r="374791" spans="14:14">
      <c r="N374791" s="10"/>
    </row>
    <row r="374792" spans="14:14">
      <c r="N374792" s="10"/>
    </row>
    <row r="374793" spans="14:14">
      <c r="N374793" s="10"/>
    </row>
    <row r="374794" spans="14:14">
      <c r="N374794" s="10"/>
    </row>
    <row r="374795" spans="14:14">
      <c r="N374795" s="10"/>
    </row>
    <row r="374796" spans="14:14">
      <c r="N374796" s="10"/>
    </row>
    <row r="374797" spans="14:14">
      <c r="N374797" s="10"/>
    </row>
    <row r="374798" spans="14:14">
      <c r="N374798" s="10"/>
    </row>
    <row r="374799" spans="14:14">
      <c r="N374799" s="10"/>
    </row>
    <row r="374800" spans="14:14">
      <c r="N374800" s="10"/>
    </row>
    <row r="374801" spans="14:14">
      <c r="N374801" s="10"/>
    </row>
    <row r="374802" spans="14:14">
      <c r="N374802" s="10"/>
    </row>
    <row r="374803" spans="14:14">
      <c r="N374803" s="10"/>
    </row>
    <row r="374804" spans="14:14">
      <c r="N374804" s="10"/>
    </row>
    <row r="374805" spans="14:14">
      <c r="N374805" s="10"/>
    </row>
    <row r="374806" spans="14:14">
      <c r="N374806" s="10"/>
    </row>
    <row r="374807" spans="14:14">
      <c r="N374807" s="10"/>
    </row>
    <row r="374808" spans="14:14">
      <c r="N374808" s="10"/>
    </row>
    <row r="374809" spans="14:14">
      <c r="N374809" s="10"/>
    </row>
    <row r="374810" spans="14:14">
      <c r="N374810" s="10"/>
    </row>
    <row r="374811" spans="14:14">
      <c r="N374811" s="10"/>
    </row>
    <row r="374812" spans="14:14">
      <c r="N374812" s="10"/>
    </row>
    <row r="374813" spans="14:14">
      <c r="N374813" s="10"/>
    </row>
    <row r="374814" spans="14:14">
      <c r="N374814" s="10"/>
    </row>
    <row r="374815" spans="14:14">
      <c r="N374815" s="10"/>
    </row>
    <row r="374816" spans="14:14">
      <c r="N374816" s="10"/>
    </row>
    <row r="374817" spans="14:14">
      <c r="N374817" s="10"/>
    </row>
    <row r="374818" spans="14:14">
      <c r="N374818" s="10"/>
    </row>
    <row r="374819" spans="14:14">
      <c r="N374819" s="10"/>
    </row>
    <row r="374820" spans="14:14">
      <c r="N374820" s="10"/>
    </row>
    <row r="374821" spans="14:14">
      <c r="N374821" s="10"/>
    </row>
    <row r="374822" spans="14:14">
      <c r="N374822" s="10"/>
    </row>
    <row r="374823" spans="14:14">
      <c r="N374823" s="10"/>
    </row>
    <row r="374824" spans="14:14">
      <c r="N374824" s="10"/>
    </row>
    <row r="374825" spans="14:14">
      <c r="N374825" s="10"/>
    </row>
    <row r="374826" spans="14:14">
      <c r="N374826" s="10"/>
    </row>
    <row r="374827" spans="14:14">
      <c r="N374827" s="10"/>
    </row>
    <row r="374828" spans="14:14">
      <c r="N374828" s="10"/>
    </row>
    <row r="374829" spans="14:14">
      <c r="N374829" s="10"/>
    </row>
    <row r="374830" spans="14:14">
      <c r="N374830" s="10"/>
    </row>
    <row r="374831" spans="14:14">
      <c r="N374831" s="10"/>
    </row>
    <row r="374832" spans="14:14">
      <c r="N374832" s="10"/>
    </row>
    <row r="374833" spans="14:14">
      <c r="N374833" s="10"/>
    </row>
    <row r="374834" spans="14:14">
      <c r="N374834" s="10"/>
    </row>
    <row r="374835" spans="14:14">
      <c r="N374835" s="10"/>
    </row>
    <row r="374836" spans="14:14">
      <c r="N374836" s="10"/>
    </row>
    <row r="374837" spans="14:14">
      <c r="N374837" s="10"/>
    </row>
    <row r="374838" spans="14:14">
      <c r="N374838" s="10"/>
    </row>
    <row r="374839" spans="14:14">
      <c r="N374839" s="10"/>
    </row>
    <row r="374840" spans="14:14">
      <c r="N374840" s="10"/>
    </row>
    <row r="374841" spans="14:14">
      <c r="N374841" s="10"/>
    </row>
    <row r="374842" spans="14:14">
      <c r="N374842" s="10"/>
    </row>
    <row r="374843" spans="14:14">
      <c r="N374843" s="10"/>
    </row>
    <row r="374844" spans="14:14">
      <c r="N374844" s="10"/>
    </row>
    <row r="374845" spans="14:14">
      <c r="N374845" s="10"/>
    </row>
    <row r="374846" spans="14:14">
      <c r="N374846" s="10"/>
    </row>
    <row r="374847" spans="14:14">
      <c r="N374847" s="10"/>
    </row>
    <row r="374848" spans="14:14">
      <c r="N374848" s="10"/>
    </row>
    <row r="374849" spans="14:14">
      <c r="N374849" s="10"/>
    </row>
    <row r="374850" spans="14:14">
      <c r="N374850" s="10"/>
    </row>
    <row r="374851" spans="14:14">
      <c r="N374851" s="10"/>
    </row>
    <row r="374852" spans="14:14">
      <c r="N374852" s="10"/>
    </row>
    <row r="374853" spans="14:14">
      <c r="N374853" s="10"/>
    </row>
    <row r="374854" spans="14:14">
      <c r="N374854" s="10"/>
    </row>
    <row r="374855" spans="14:14">
      <c r="N374855" s="10"/>
    </row>
    <row r="374856" spans="14:14">
      <c r="N374856" s="10"/>
    </row>
    <row r="374857" spans="14:14">
      <c r="N374857" s="10"/>
    </row>
    <row r="374858" spans="14:14">
      <c r="N374858" s="10"/>
    </row>
    <row r="374859" spans="14:14">
      <c r="N374859" s="10"/>
    </row>
    <row r="374860" spans="14:14">
      <c r="N374860" s="10"/>
    </row>
    <row r="374861" spans="14:14">
      <c r="N374861" s="10"/>
    </row>
    <row r="374862" spans="14:14">
      <c r="N374862" s="10"/>
    </row>
    <row r="374863" spans="14:14">
      <c r="N374863" s="10"/>
    </row>
    <row r="374864" spans="14:14">
      <c r="N374864" s="10"/>
    </row>
    <row r="374865" spans="14:14">
      <c r="N374865" s="10"/>
    </row>
    <row r="374866" spans="14:14">
      <c r="N374866" s="10"/>
    </row>
    <row r="374867" spans="14:14">
      <c r="N374867" s="10"/>
    </row>
    <row r="374868" spans="14:14">
      <c r="N374868" s="10"/>
    </row>
    <row r="374869" spans="14:14">
      <c r="N374869" s="10"/>
    </row>
    <row r="374870" spans="14:14">
      <c r="N374870" s="10"/>
    </row>
    <row r="374871" spans="14:14">
      <c r="N374871" s="10"/>
    </row>
    <row r="374872" spans="14:14">
      <c r="N374872" s="10"/>
    </row>
    <row r="374873" spans="14:14">
      <c r="N374873" s="10"/>
    </row>
    <row r="374874" spans="14:14">
      <c r="N374874" s="10"/>
    </row>
    <row r="374875" spans="14:14">
      <c r="N374875" s="10"/>
    </row>
    <row r="374876" spans="14:14">
      <c r="N374876" s="10"/>
    </row>
    <row r="374877" spans="14:14">
      <c r="N374877" s="10"/>
    </row>
    <row r="374878" spans="14:14">
      <c r="N374878" s="10"/>
    </row>
    <row r="374879" spans="14:14">
      <c r="N374879" s="10"/>
    </row>
    <row r="374880" spans="14:14">
      <c r="N374880" s="10"/>
    </row>
    <row r="374881" spans="14:14">
      <c r="N374881" s="10"/>
    </row>
    <row r="374882" spans="14:14">
      <c r="N374882" s="10"/>
    </row>
    <row r="374883" spans="14:14">
      <c r="N374883" s="10"/>
    </row>
    <row r="374884" spans="14:14">
      <c r="N374884" s="10"/>
    </row>
    <row r="374885" spans="14:14">
      <c r="N374885" s="10"/>
    </row>
    <row r="374886" spans="14:14">
      <c r="N374886" s="10"/>
    </row>
    <row r="374887" spans="14:14">
      <c r="N374887" s="10"/>
    </row>
    <row r="374888" spans="14:14">
      <c r="N374888" s="10"/>
    </row>
    <row r="374889" spans="14:14">
      <c r="N374889" s="10"/>
    </row>
    <row r="374890" spans="14:14">
      <c r="N374890" s="10"/>
    </row>
    <row r="374891" spans="14:14">
      <c r="N374891" s="10"/>
    </row>
    <row r="374892" spans="14:14">
      <c r="N374892" s="10"/>
    </row>
    <row r="374893" spans="14:14">
      <c r="N374893" s="10"/>
    </row>
    <row r="374894" spans="14:14">
      <c r="N374894" s="10"/>
    </row>
    <row r="374895" spans="14:14">
      <c r="N374895" s="10"/>
    </row>
    <row r="374896" spans="14:14">
      <c r="N374896" s="10"/>
    </row>
    <row r="374897" spans="14:14">
      <c r="N374897" s="10"/>
    </row>
    <row r="374898" spans="14:14">
      <c r="N374898" s="10"/>
    </row>
    <row r="374899" spans="14:14">
      <c r="N374899" s="10"/>
    </row>
    <row r="374900" spans="14:14">
      <c r="N374900" s="10"/>
    </row>
    <row r="374901" spans="14:14">
      <c r="N374901" s="10"/>
    </row>
    <row r="374902" spans="14:14">
      <c r="N374902" s="10"/>
    </row>
    <row r="374903" spans="14:14">
      <c r="N374903" s="10"/>
    </row>
    <row r="374904" spans="14:14">
      <c r="N374904" s="10"/>
    </row>
    <row r="374905" spans="14:14">
      <c r="N374905" s="10"/>
    </row>
    <row r="374906" spans="14:14">
      <c r="N374906" s="10"/>
    </row>
    <row r="374907" spans="14:14">
      <c r="N374907" s="10"/>
    </row>
    <row r="374908" spans="14:14">
      <c r="N374908" s="10"/>
    </row>
    <row r="374909" spans="14:14">
      <c r="N374909" s="10"/>
    </row>
    <row r="374910" spans="14:14">
      <c r="N374910" s="10"/>
    </row>
    <row r="374911" spans="14:14">
      <c r="N374911" s="10"/>
    </row>
    <row r="374912" spans="14:14">
      <c r="N374912" s="10"/>
    </row>
    <row r="374913" spans="14:14">
      <c r="N374913" s="10"/>
    </row>
    <row r="374914" spans="14:14">
      <c r="N374914" s="10"/>
    </row>
    <row r="374915" spans="14:14">
      <c r="N374915" s="10"/>
    </row>
    <row r="374916" spans="14:14">
      <c r="N374916" s="10"/>
    </row>
    <row r="374917" spans="14:14">
      <c r="N374917" s="10"/>
    </row>
    <row r="374918" spans="14:14">
      <c r="N374918" s="10"/>
    </row>
    <row r="374919" spans="14:14">
      <c r="N374919" s="10"/>
    </row>
    <row r="374920" spans="14:14">
      <c r="N374920" s="10"/>
    </row>
    <row r="374921" spans="14:14">
      <c r="N374921" s="10"/>
    </row>
    <row r="374922" spans="14:14">
      <c r="N374922" s="10"/>
    </row>
    <row r="374923" spans="14:14">
      <c r="N374923" s="10"/>
    </row>
    <row r="374924" spans="14:14">
      <c r="N374924" s="10"/>
    </row>
    <row r="374925" spans="14:14">
      <c r="N374925" s="10"/>
    </row>
    <row r="374926" spans="14:14">
      <c r="N374926" s="10"/>
    </row>
    <row r="374927" spans="14:14">
      <c r="N374927" s="10"/>
    </row>
    <row r="374928" spans="14:14">
      <c r="N374928" s="10"/>
    </row>
    <row r="374929" spans="14:14">
      <c r="N374929" s="10"/>
    </row>
    <row r="374930" spans="14:14">
      <c r="N374930" s="10"/>
    </row>
    <row r="374931" spans="14:14">
      <c r="N374931" s="10"/>
    </row>
    <row r="374932" spans="14:14">
      <c r="N374932" s="10"/>
    </row>
    <row r="374933" spans="14:14">
      <c r="N374933" s="10"/>
    </row>
    <row r="374934" spans="14:14">
      <c r="N374934" s="10"/>
    </row>
    <row r="374935" spans="14:14">
      <c r="N374935" s="10"/>
    </row>
    <row r="374936" spans="14:14">
      <c r="N374936" s="10"/>
    </row>
    <row r="374937" spans="14:14">
      <c r="N374937" s="10"/>
    </row>
    <row r="374938" spans="14:14">
      <c r="N374938" s="10"/>
    </row>
    <row r="374939" spans="14:14">
      <c r="N374939" s="10"/>
    </row>
    <row r="374940" spans="14:14">
      <c r="N374940" s="10"/>
    </row>
    <row r="374941" spans="14:14">
      <c r="N374941" s="10"/>
    </row>
    <row r="374942" spans="14:14">
      <c r="N374942" s="10"/>
    </row>
    <row r="374943" spans="14:14">
      <c r="N374943" s="10"/>
    </row>
    <row r="374944" spans="14:14">
      <c r="N374944" s="10"/>
    </row>
    <row r="374945" spans="14:14">
      <c r="N374945" s="10"/>
    </row>
    <row r="374946" spans="14:14">
      <c r="N374946" s="10"/>
    </row>
    <row r="374947" spans="14:14">
      <c r="N374947" s="10"/>
    </row>
    <row r="374948" spans="14:14">
      <c r="N374948" s="10"/>
    </row>
    <row r="374949" spans="14:14">
      <c r="N374949" s="10"/>
    </row>
    <row r="374950" spans="14:14">
      <c r="N374950" s="10"/>
    </row>
    <row r="374951" spans="14:14">
      <c r="N374951" s="10"/>
    </row>
    <row r="374952" spans="14:14">
      <c r="N374952" s="10"/>
    </row>
    <row r="374953" spans="14:14">
      <c r="N374953" s="10"/>
    </row>
    <row r="374954" spans="14:14">
      <c r="N374954" s="10"/>
    </row>
    <row r="374955" spans="14:14">
      <c r="N374955" s="10"/>
    </row>
    <row r="374956" spans="14:14">
      <c r="N374956" s="10"/>
    </row>
    <row r="374957" spans="14:14">
      <c r="N374957" s="10"/>
    </row>
    <row r="374958" spans="14:14">
      <c r="N374958" s="10"/>
    </row>
    <row r="374959" spans="14:14">
      <c r="N374959" s="10"/>
    </row>
    <row r="374960" spans="14:14">
      <c r="N374960" s="10"/>
    </row>
    <row r="374961" spans="14:14">
      <c r="N374961" s="10"/>
    </row>
    <row r="374962" spans="14:14">
      <c r="N374962" s="10"/>
    </row>
    <row r="374963" spans="14:14">
      <c r="N374963" s="10"/>
    </row>
    <row r="374964" spans="14:14">
      <c r="N374964" s="10"/>
    </row>
    <row r="374965" spans="14:14">
      <c r="N374965" s="10"/>
    </row>
    <row r="374966" spans="14:14">
      <c r="N374966" s="10"/>
    </row>
    <row r="374967" spans="14:14">
      <c r="N374967" s="10"/>
    </row>
    <row r="374968" spans="14:14">
      <c r="N374968" s="10"/>
    </row>
    <row r="374969" spans="14:14">
      <c r="N374969" s="10"/>
    </row>
    <row r="374970" spans="14:14">
      <c r="N374970" s="10"/>
    </row>
    <row r="374971" spans="14:14">
      <c r="N374971" s="10"/>
    </row>
    <row r="374972" spans="14:14">
      <c r="N374972" s="10"/>
    </row>
    <row r="374973" spans="14:14">
      <c r="N374973" s="10"/>
    </row>
    <row r="374974" spans="14:14">
      <c r="N374974" s="10"/>
    </row>
    <row r="374975" spans="14:14">
      <c r="N374975" s="10"/>
    </row>
    <row r="374976" spans="14:14">
      <c r="N374976" s="10"/>
    </row>
    <row r="374977" spans="14:14">
      <c r="N374977" s="10"/>
    </row>
    <row r="374978" spans="14:14">
      <c r="N374978" s="10"/>
    </row>
    <row r="374979" spans="14:14">
      <c r="N374979" s="10"/>
    </row>
    <row r="374980" spans="14:14">
      <c r="N374980" s="10"/>
    </row>
    <row r="374981" spans="14:14">
      <c r="N374981" s="10"/>
    </row>
    <row r="374982" spans="14:14">
      <c r="N374982" s="10"/>
    </row>
    <row r="374983" spans="14:14">
      <c r="N374983" s="10"/>
    </row>
    <row r="374984" spans="14:14">
      <c r="N374984" s="10"/>
    </row>
    <row r="374985" spans="14:14">
      <c r="N374985" s="10"/>
    </row>
    <row r="374986" spans="14:14">
      <c r="N374986" s="10"/>
    </row>
    <row r="374987" spans="14:14">
      <c r="N374987" s="10"/>
    </row>
    <row r="374988" spans="14:14">
      <c r="N374988" s="10"/>
    </row>
    <row r="374989" spans="14:14">
      <c r="N374989" s="10"/>
    </row>
    <row r="374990" spans="14:14">
      <c r="N374990" s="10"/>
    </row>
    <row r="374991" spans="14:14">
      <c r="N374991" s="10"/>
    </row>
    <row r="374992" spans="14:14">
      <c r="N374992" s="10"/>
    </row>
    <row r="374993" spans="14:14">
      <c r="N374993" s="10"/>
    </row>
    <row r="374994" spans="14:14">
      <c r="N374994" s="10"/>
    </row>
    <row r="374995" spans="14:14">
      <c r="N374995" s="10"/>
    </row>
    <row r="374996" spans="14:14">
      <c r="N374996" s="10"/>
    </row>
    <row r="374997" spans="14:14">
      <c r="N374997" s="10"/>
    </row>
    <row r="374998" spans="14:14">
      <c r="N374998" s="10"/>
    </row>
    <row r="374999" spans="14:14">
      <c r="N374999" s="10"/>
    </row>
    <row r="375000" spans="14:14">
      <c r="N375000" s="10"/>
    </row>
    <row r="375001" spans="14:14">
      <c r="N375001" s="10"/>
    </row>
    <row r="375002" spans="14:14">
      <c r="N375002" s="10"/>
    </row>
    <row r="375003" spans="14:14">
      <c r="N375003" s="10"/>
    </row>
    <row r="375004" spans="14:14">
      <c r="N375004" s="10"/>
    </row>
    <row r="375005" spans="14:14">
      <c r="N375005" s="10"/>
    </row>
    <row r="375006" spans="14:14">
      <c r="N375006" s="10"/>
    </row>
    <row r="375007" spans="14:14">
      <c r="N375007" s="10"/>
    </row>
    <row r="375008" spans="14:14">
      <c r="N375008" s="10"/>
    </row>
    <row r="375009" spans="14:14">
      <c r="N375009" s="10"/>
    </row>
    <row r="375010" spans="14:14">
      <c r="N375010" s="10"/>
    </row>
    <row r="375011" spans="14:14">
      <c r="N375011" s="10"/>
    </row>
    <row r="375012" spans="14:14">
      <c r="N375012" s="10"/>
    </row>
    <row r="375013" spans="14:14">
      <c r="N375013" s="10"/>
    </row>
    <row r="375014" spans="14:14">
      <c r="N375014" s="10"/>
    </row>
    <row r="375015" spans="14:14">
      <c r="N375015" s="10"/>
    </row>
    <row r="375016" spans="14:14">
      <c r="N375016" s="10"/>
    </row>
    <row r="375017" spans="14:14">
      <c r="N375017" s="10"/>
    </row>
    <row r="375018" spans="14:14">
      <c r="N375018" s="10"/>
    </row>
    <row r="375019" spans="14:14">
      <c r="N375019" s="10"/>
    </row>
    <row r="375020" spans="14:14">
      <c r="N375020" s="10"/>
    </row>
    <row r="375021" spans="14:14">
      <c r="N375021" s="10"/>
    </row>
    <row r="375022" spans="14:14">
      <c r="N375022" s="10"/>
    </row>
    <row r="375023" spans="14:14">
      <c r="N375023" s="10"/>
    </row>
    <row r="375024" spans="14:14">
      <c r="N375024" s="10"/>
    </row>
    <row r="375025" spans="14:14">
      <c r="N375025" s="10"/>
    </row>
    <row r="375026" spans="14:14">
      <c r="N375026" s="10"/>
    </row>
    <row r="375027" spans="14:14">
      <c r="N375027" s="10"/>
    </row>
    <row r="375028" spans="14:14">
      <c r="N375028" s="10"/>
    </row>
    <row r="375029" spans="14:14">
      <c r="N375029" s="10"/>
    </row>
    <row r="375030" spans="14:14">
      <c r="N375030" s="10"/>
    </row>
    <row r="375031" spans="14:14">
      <c r="N375031" s="10"/>
    </row>
    <row r="375032" spans="14:14">
      <c r="N375032" s="10"/>
    </row>
    <row r="375033" spans="14:14">
      <c r="N375033" s="10"/>
    </row>
    <row r="375034" spans="14:14">
      <c r="N375034" s="10"/>
    </row>
    <row r="375035" spans="14:14">
      <c r="N375035" s="10"/>
    </row>
    <row r="375036" spans="14:14">
      <c r="N375036" s="10"/>
    </row>
    <row r="375037" spans="14:14">
      <c r="N375037" s="10"/>
    </row>
    <row r="375038" spans="14:14">
      <c r="N375038" s="10"/>
    </row>
    <row r="375039" spans="14:14">
      <c r="N375039" s="10"/>
    </row>
    <row r="375040" spans="14:14">
      <c r="N375040" s="10"/>
    </row>
    <row r="375041" spans="14:14">
      <c r="N375041" s="10"/>
    </row>
    <row r="375042" spans="14:14">
      <c r="N375042" s="10"/>
    </row>
    <row r="375043" spans="14:14">
      <c r="N375043" s="10"/>
    </row>
    <row r="375044" spans="14:14">
      <c r="N375044" s="10"/>
    </row>
    <row r="375045" spans="14:14">
      <c r="N375045" s="10"/>
    </row>
    <row r="375046" spans="14:14">
      <c r="N375046" s="10"/>
    </row>
    <row r="375047" spans="14:14">
      <c r="N375047" s="10"/>
    </row>
    <row r="375048" spans="14:14">
      <c r="N375048" s="10"/>
    </row>
    <row r="375049" spans="14:14">
      <c r="N375049" s="10"/>
    </row>
    <row r="375050" spans="14:14">
      <c r="N375050" s="10"/>
    </row>
    <row r="375051" spans="14:14">
      <c r="N375051" s="10"/>
    </row>
    <row r="375052" spans="14:14">
      <c r="N375052" s="10"/>
    </row>
    <row r="375053" spans="14:14">
      <c r="N375053" s="10"/>
    </row>
    <row r="375054" spans="14:14">
      <c r="N375054" s="10"/>
    </row>
    <row r="375055" spans="14:14">
      <c r="N375055" s="10"/>
    </row>
    <row r="375056" spans="14:14">
      <c r="N375056" s="10"/>
    </row>
    <row r="375057" spans="14:14">
      <c r="N375057" s="10"/>
    </row>
    <row r="375058" spans="14:14">
      <c r="N375058" s="10"/>
    </row>
    <row r="375059" spans="14:14">
      <c r="N375059" s="10"/>
    </row>
    <row r="375060" spans="14:14">
      <c r="N375060" s="10"/>
    </row>
    <row r="375061" spans="14:14">
      <c r="N375061" s="10"/>
    </row>
    <row r="375062" spans="14:14">
      <c r="N375062" s="10"/>
    </row>
    <row r="375063" spans="14:14">
      <c r="N375063" s="10"/>
    </row>
    <row r="375064" spans="14:14">
      <c r="N375064" s="10"/>
    </row>
    <row r="375065" spans="14:14">
      <c r="N375065" s="10"/>
    </row>
    <row r="375066" spans="14:14">
      <c r="N375066" s="10"/>
    </row>
    <row r="375067" spans="14:14">
      <c r="N375067" s="10"/>
    </row>
    <row r="375068" spans="14:14">
      <c r="N375068" s="10"/>
    </row>
    <row r="375069" spans="14:14">
      <c r="N375069" s="10"/>
    </row>
    <row r="375070" spans="14:14">
      <c r="N375070" s="10"/>
    </row>
    <row r="375071" spans="14:14">
      <c r="N375071" s="10"/>
    </row>
    <row r="375072" spans="14:14">
      <c r="N375072" s="10"/>
    </row>
    <row r="375073" spans="14:14">
      <c r="N375073" s="10"/>
    </row>
    <row r="375074" spans="14:14">
      <c r="N375074" s="10"/>
    </row>
    <row r="375075" spans="14:14">
      <c r="N375075" s="10"/>
    </row>
    <row r="375076" spans="14:14">
      <c r="N375076" s="10"/>
    </row>
    <row r="375077" spans="14:14">
      <c r="N375077" s="10"/>
    </row>
    <row r="375078" spans="14:14">
      <c r="N375078" s="10"/>
    </row>
    <row r="375079" spans="14:14">
      <c r="N375079" s="10"/>
    </row>
    <row r="375080" spans="14:14">
      <c r="N375080" s="10"/>
    </row>
    <row r="375081" spans="14:14">
      <c r="N375081" s="10"/>
    </row>
    <row r="375082" spans="14:14">
      <c r="N375082" s="10"/>
    </row>
    <row r="375083" spans="14:14">
      <c r="N375083" s="10"/>
    </row>
    <row r="375084" spans="14:14">
      <c r="N375084" s="10"/>
    </row>
    <row r="375085" spans="14:14">
      <c r="N375085" s="10"/>
    </row>
    <row r="375086" spans="14:14">
      <c r="N375086" s="10"/>
    </row>
    <row r="375087" spans="14:14">
      <c r="N375087" s="10"/>
    </row>
    <row r="375088" spans="14:14">
      <c r="N375088" s="10"/>
    </row>
    <row r="375089" spans="14:14">
      <c r="N375089" s="10"/>
    </row>
    <row r="375090" spans="14:14">
      <c r="N375090" s="10"/>
    </row>
    <row r="375091" spans="14:14">
      <c r="N375091" s="10"/>
    </row>
    <row r="375092" spans="14:14">
      <c r="N375092" s="10"/>
    </row>
    <row r="375093" spans="14:14">
      <c r="N375093" s="10"/>
    </row>
    <row r="375094" spans="14:14">
      <c r="N375094" s="10"/>
    </row>
    <row r="375095" spans="14:14">
      <c r="N375095" s="10"/>
    </row>
    <row r="375096" spans="14:14">
      <c r="N375096" s="10"/>
    </row>
    <row r="375097" spans="14:14">
      <c r="N375097" s="10"/>
    </row>
    <row r="375098" spans="14:14">
      <c r="N375098" s="10"/>
    </row>
    <row r="375099" spans="14:14">
      <c r="N375099" s="10"/>
    </row>
    <row r="375100" spans="14:14">
      <c r="N375100" s="10"/>
    </row>
    <row r="375101" spans="14:14">
      <c r="N375101" s="10"/>
    </row>
    <row r="375102" spans="14:14">
      <c r="N375102" s="10"/>
    </row>
    <row r="375103" spans="14:14">
      <c r="N375103" s="10"/>
    </row>
    <row r="375104" spans="14:14">
      <c r="N375104" s="10"/>
    </row>
    <row r="375105" spans="14:14">
      <c r="N375105" s="10"/>
    </row>
    <row r="375106" spans="14:14">
      <c r="N375106" s="10"/>
    </row>
    <row r="375107" spans="14:14">
      <c r="N375107" s="10"/>
    </row>
    <row r="375108" spans="14:14">
      <c r="N375108" s="10"/>
    </row>
    <row r="375109" spans="14:14">
      <c r="N375109" s="10"/>
    </row>
    <row r="375110" spans="14:14">
      <c r="N375110" s="10"/>
    </row>
    <row r="375111" spans="14:14">
      <c r="N375111" s="10"/>
    </row>
    <row r="375112" spans="14:14">
      <c r="N375112" s="10"/>
    </row>
    <row r="375113" spans="14:14">
      <c r="N375113" s="10"/>
    </row>
    <row r="375114" spans="14:14">
      <c r="N375114" s="10"/>
    </row>
    <row r="375115" spans="14:14">
      <c r="N375115" s="10"/>
    </row>
    <row r="375116" spans="14:14">
      <c r="N375116" s="10"/>
    </row>
    <row r="375117" spans="14:14">
      <c r="N375117" s="10"/>
    </row>
    <row r="375118" spans="14:14">
      <c r="N375118" s="10"/>
    </row>
    <row r="375119" spans="14:14">
      <c r="N375119" s="10"/>
    </row>
    <row r="375120" spans="14:14">
      <c r="N375120" s="10"/>
    </row>
    <row r="375121" spans="14:14">
      <c r="N375121" s="10"/>
    </row>
    <row r="375122" spans="14:14">
      <c r="N375122" s="10"/>
    </row>
    <row r="375123" spans="14:14">
      <c r="N375123" s="10"/>
    </row>
    <row r="375124" spans="14:14">
      <c r="N375124" s="10"/>
    </row>
    <row r="375125" spans="14:14">
      <c r="N375125" s="10"/>
    </row>
    <row r="375126" spans="14:14">
      <c r="N375126" s="10"/>
    </row>
    <row r="375127" spans="14:14">
      <c r="N375127" s="10"/>
    </row>
    <row r="375128" spans="14:14">
      <c r="N375128" s="10"/>
    </row>
    <row r="375129" spans="14:14">
      <c r="N375129" s="10"/>
    </row>
    <row r="375130" spans="14:14">
      <c r="N375130" s="10"/>
    </row>
    <row r="375131" spans="14:14">
      <c r="N375131" s="10"/>
    </row>
    <row r="375132" spans="14:14">
      <c r="N375132" s="10"/>
    </row>
    <row r="375133" spans="14:14">
      <c r="N375133" s="10"/>
    </row>
    <row r="375134" spans="14:14">
      <c r="N375134" s="10"/>
    </row>
    <row r="375135" spans="14:14">
      <c r="N375135" s="10"/>
    </row>
    <row r="375136" spans="14:14">
      <c r="N375136" s="10"/>
    </row>
    <row r="375137" spans="14:14">
      <c r="N375137" s="10"/>
    </row>
    <row r="375138" spans="14:14">
      <c r="N375138" s="10"/>
    </row>
    <row r="375139" spans="14:14">
      <c r="N375139" s="10"/>
    </row>
    <row r="375140" spans="14:14">
      <c r="N375140" s="10"/>
    </row>
    <row r="375141" spans="14:14">
      <c r="N375141" s="10"/>
    </row>
    <row r="375142" spans="14:14">
      <c r="N375142" s="10"/>
    </row>
    <row r="375143" spans="14:14">
      <c r="N375143" s="10"/>
    </row>
    <row r="375144" spans="14:14">
      <c r="N375144" s="10"/>
    </row>
    <row r="375145" spans="14:14">
      <c r="N375145" s="10"/>
    </row>
    <row r="375146" spans="14:14">
      <c r="N375146" s="10"/>
    </row>
    <row r="375147" spans="14:14">
      <c r="N375147" s="10"/>
    </row>
    <row r="375148" spans="14:14">
      <c r="N375148" s="10"/>
    </row>
    <row r="375149" spans="14:14">
      <c r="N375149" s="10"/>
    </row>
    <row r="375150" spans="14:14">
      <c r="N375150" s="10"/>
    </row>
    <row r="375151" spans="14:14">
      <c r="N375151" s="10"/>
    </row>
    <row r="375152" spans="14:14">
      <c r="N375152" s="10"/>
    </row>
    <row r="375153" spans="14:14">
      <c r="N375153" s="10"/>
    </row>
    <row r="375154" spans="14:14">
      <c r="N375154" s="10"/>
    </row>
    <row r="375155" spans="14:14">
      <c r="N375155" s="10"/>
    </row>
    <row r="375156" spans="14:14">
      <c r="N375156" s="10"/>
    </row>
    <row r="375157" spans="14:14">
      <c r="N375157" s="10"/>
    </row>
    <row r="375158" spans="14:14">
      <c r="N375158" s="10"/>
    </row>
    <row r="375159" spans="14:14">
      <c r="N375159" s="10"/>
    </row>
    <row r="375160" spans="14:14">
      <c r="N375160" s="10"/>
    </row>
    <row r="375161" spans="14:14">
      <c r="N375161" s="10"/>
    </row>
    <row r="375162" spans="14:14">
      <c r="N375162" s="10"/>
    </row>
    <row r="375163" spans="14:14">
      <c r="N375163" s="10"/>
    </row>
    <row r="375164" spans="14:14">
      <c r="N375164" s="10"/>
    </row>
    <row r="375165" spans="14:14">
      <c r="N375165" s="10"/>
    </row>
    <row r="375166" spans="14:14">
      <c r="N375166" s="10"/>
    </row>
    <row r="375167" spans="14:14">
      <c r="N375167" s="10"/>
    </row>
    <row r="375168" spans="14:14">
      <c r="N375168" s="10"/>
    </row>
    <row r="375169" spans="14:14">
      <c r="N375169" s="10"/>
    </row>
    <row r="375170" spans="14:14">
      <c r="N375170" s="10"/>
    </row>
    <row r="375171" spans="14:14">
      <c r="N375171" s="10"/>
    </row>
    <row r="375172" spans="14:14">
      <c r="N375172" s="10"/>
    </row>
    <row r="375173" spans="14:14">
      <c r="N375173" s="10"/>
    </row>
    <row r="375174" spans="14:14">
      <c r="N375174" s="10"/>
    </row>
    <row r="375175" spans="14:14">
      <c r="N375175" s="10"/>
    </row>
    <row r="375176" spans="14:14">
      <c r="N375176" s="10"/>
    </row>
    <row r="375177" spans="14:14">
      <c r="N375177" s="10"/>
    </row>
    <row r="375178" spans="14:14">
      <c r="N375178" s="10"/>
    </row>
    <row r="375179" spans="14:14">
      <c r="N375179" s="10"/>
    </row>
    <row r="375180" spans="14:14">
      <c r="N375180" s="10"/>
    </row>
    <row r="375181" spans="14:14">
      <c r="N375181" s="10"/>
    </row>
    <row r="375182" spans="14:14">
      <c r="N375182" s="10"/>
    </row>
    <row r="375183" spans="14:14">
      <c r="N375183" s="10"/>
    </row>
    <row r="375184" spans="14:14">
      <c r="N375184" s="10"/>
    </row>
    <row r="375185" spans="14:14">
      <c r="N375185" s="10"/>
    </row>
    <row r="375186" spans="14:14">
      <c r="N375186" s="10"/>
    </row>
    <row r="375187" spans="14:14">
      <c r="N375187" s="10"/>
    </row>
    <row r="375188" spans="14:14">
      <c r="N375188" s="10"/>
    </row>
    <row r="375189" spans="14:14">
      <c r="N375189" s="10"/>
    </row>
    <row r="375190" spans="14:14">
      <c r="N375190" s="10"/>
    </row>
    <row r="375191" spans="14:14">
      <c r="N375191" s="10"/>
    </row>
    <row r="375192" spans="14:14">
      <c r="N375192" s="10"/>
    </row>
    <row r="375193" spans="14:14">
      <c r="N375193" s="10"/>
    </row>
    <row r="375194" spans="14:14">
      <c r="N375194" s="10"/>
    </row>
    <row r="375195" spans="14:14">
      <c r="N375195" s="10"/>
    </row>
    <row r="375196" spans="14:14">
      <c r="N375196" s="10"/>
    </row>
    <row r="375197" spans="14:14">
      <c r="N375197" s="10"/>
    </row>
    <row r="375198" spans="14:14">
      <c r="N375198" s="10"/>
    </row>
    <row r="375199" spans="14:14">
      <c r="N375199" s="10"/>
    </row>
    <row r="375200" spans="14:14">
      <c r="N375200" s="10"/>
    </row>
    <row r="375201" spans="14:14">
      <c r="N375201" s="10"/>
    </row>
    <row r="375202" spans="14:14">
      <c r="N375202" s="10"/>
    </row>
    <row r="375203" spans="14:14">
      <c r="N375203" s="10"/>
    </row>
    <row r="375204" spans="14:14">
      <c r="N375204" s="10"/>
    </row>
    <row r="375205" spans="14:14">
      <c r="N375205" s="10"/>
    </row>
    <row r="375206" spans="14:14">
      <c r="N375206" s="10"/>
    </row>
    <row r="375207" spans="14:14">
      <c r="N375207" s="10"/>
    </row>
    <row r="375208" spans="14:14">
      <c r="N375208" s="10"/>
    </row>
    <row r="375209" spans="14:14">
      <c r="N375209" s="10"/>
    </row>
    <row r="375210" spans="14:14">
      <c r="N375210" s="10"/>
    </row>
    <row r="375211" spans="14:14">
      <c r="N375211" s="10"/>
    </row>
    <row r="375212" spans="14:14">
      <c r="N375212" s="10"/>
    </row>
    <row r="375213" spans="14:14">
      <c r="N375213" s="10"/>
    </row>
    <row r="375214" spans="14:14">
      <c r="N375214" s="10"/>
    </row>
    <row r="375215" spans="14:14">
      <c r="N375215" s="10"/>
    </row>
    <row r="375216" spans="14:14">
      <c r="N375216" s="10"/>
    </row>
    <row r="375217" spans="14:14">
      <c r="N375217" s="10"/>
    </row>
    <row r="375218" spans="14:14">
      <c r="N375218" s="10"/>
    </row>
    <row r="375219" spans="14:14">
      <c r="N375219" s="10"/>
    </row>
    <row r="375220" spans="14:14">
      <c r="N375220" s="10"/>
    </row>
    <row r="375221" spans="14:14">
      <c r="N375221" s="10"/>
    </row>
    <row r="375222" spans="14:14">
      <c r="N375222" s="10"/>
    </row>
    <row r="375223" spans="14:14">
      <c r="N375223" s="10"/>
    </row>
    <row r="375224" spans="14:14">
      <c r="N375224" s="10"/>
    </row>
    <row r="375225" spans="14:14">
      <c r="N375225" s="10"/>
    </row>
    <row r="375226" spans="14:14">
      <c r="N375226" s="10"/>
    </row>
    <row r="375227" spans="14:14">
      <c r="N375227" s="10"/>
    </row>
    <row r="375228" spans="14:14">
      <c r="N375228" s="10"/>
    </row>
    <row r="375229" spans="14:14">
      <c r="N375229" s="10"/>
    </row>
    <row r="375230" spans="14:14">
      <c r="N375230" s="10"/>
    </row>
    <row r="375231" spans="14:14">
      <c r="N375231" s="10"/>
    </row>
    <row r="375232" spans="14:14">
      <c r="N375232" s="10"/>
    </row>
    <row r="375233" spans="14:14">
      <c r="N375233" s="10"/>
    </row>
    <row r="375234" spans="14:14">
      <c r="N375234" s="10"/>
    </row>
    <row r="375235" spans="14:14">
      <c r="N375235" s="10"/>
    </row>
    <row r="375236" spans="14:14">
      <c r="N375236" s="10"/>
    </row>
    <row r="375237" spans="14:14">
      <c r="N375237" s="10"/>
    </row>
    <row r="375238" spans="14:14">
      <c r="N375238" s="10"/>
    </row>
    <row r="375239" spans="14:14">
      <c r="N375239" s="10"/>
    </row>
    <row r="375240" spans="14:14">
      <c r="N375240" s="10"/>
    </row>
    <row r="375241" spans="14:14">
      <c r="N375241" s="10"/>
    </row>
    <row r="375242" spans="14:14">
      <c r="N375242" s="10"/>
    </row>
    <row r="375243" spans="14:14">
      <c r="N375243" s="10"/>
    </row>
    <row r="375244" spans="14:14">
      <c r="N375244" s="10"/>
    </row>
    <row r="375245" spans="14:14">
      <c r="N375245" s="10"/>
    </row>
    <row r="375246" spans="14:14">
      <c r="N375246" s="10"/>
    </row>
    <row r="375247" spans="14:14">
      <c r="N375247" s="10"/>
    </row>
    <row r="375248" spans="14:14">
      <c r="N375248" s="10"/>
    </row>
    <row r="375249" spans="14:14">
      <c r="N375249" s="10"/>
    </row>
    <row r="375250" spans="14:14">
      <c r="N375250" s="10"/>
    </row>
    <row r="375251" spans="14:14">
      <c r="N375251" s="10"/>
    </row>
    <row r="375252" spans="14:14">
      <c r="N375252" s="10"/>
    </row>
    <row r="375253" spans="14:14">
      <c r="N375253" s="10"/>
    </row>
    <row r="375254" spans="14:14">
      <c r="N375254" s="10"/>
    </row>
    <row r="375255" spans="14:14">
      <c r="N375255" s="10"/>
    </row>
    <row r="375256" spans="14:14">
      <c r="N375256" s="10"/>
    </row>
    <row r="375257" spans="14:14">
      <c r="N375257" s="10"/>
    </row>
    <row r="375258" spans="14:14">
      <c r="N375258" s="10"/>
    </row>
    <row r="375259" spans="14:14">
      <c r="N375259" s="10"/>
    </row>
    <row r="375260" spans="14:14">
      <c r="N375260" s="10"/>
    </row>
    <row r="375261" spans="14:14">
      <c r="N375261" s="10"/>
    </row>
    <row r="375262" spans="14:14">
      <c r="N375262" s="10"/>
    </row>
    <row r="375263" spans="14:14">
      <c r="N375263" s="10"/>
    </row>
    <row r="375264" spans="14:14">
      <c r="N375264" s="10"/>
    </row>
    <row r="375265" spans="14:14">
      <c r="N375265" s="10"/>
    </row>
    <row r="375266" spans="14:14">
      <c r="N375266" s="10"/>
    </row>
    <row r="375267" spans="14:14">
      <c r="N375267" s="10"/>
    </row>
    <row r="375268" spans="14:14">
      <c r="N375268" s="10"/>
    </row>
    <row r="375269" spans="14:14">
      <c r="N375269" s="10"/>
    </row>
    <row r="375270" spans="14:14">
      <c r="N375270" s="10"/>
    </row>
    <row r="375271" spans="14:14">
      <c r="N375271" s="10"/>
    </row>
    <row r="375272" spans="14:14">
      <c r="N375272" s="10"/>
    </row>
    <row r="375273" spans="14:14">
      <c r="N375273" s="10"/>
    </row>
    <row r="375274" spans="14:14">
      <c r="N375274" s="10"/>
    </row>
    <row r="375275" spans="14:14">
      <c r="N375275" s="10"/>
    </row>
    <row r="375276" spans="14:14">
      <c r="N375276" s="10"/>
    </row>
    <row r="375277" spans="14:14">
      <c r="N375277" s="10"/>
    </row>
    <row r="375278" spans="14:14">
      <c r="N375278" s="10"/>
    </row>
    <row r="375279" spans="14:14">
      <c r="N375279" s="10"/>
    </row>
    <row r="375280" spans="14:14">
      <c r="N375280" s="10"/>
    </row>
    <row r="375281" spans="14:14">
      <c r="N375281" s="10"/>
    </row>
    <row r="375282" spans="14:14">
      <c r="N375282" s="10"/>
    </row>
    <row r="375283" spans="14:14">
      <c r="N375283" s="10"/>
    </row>
    <row r="375284" spans="14:14">
      <c r="N375284" s="10"/>
    </row>
    <row r="375285" spans="14:14">
      <c r="N375285" s="10"/>
    </row>
    <row r="375286" spans="14:14">
      <c r="N375286" s="10"/>
    </row>
    <row r="375287" spans="14:14">
      <c r="N375287" s="10"/>
    </row>
    <row r="375288" spans="14:14">
      <c r="N375288" s="10"/>
    </row>
    <row r="375289" spans="14:14">
      <c r="N375289" s="10"/>
    </row>
    <row r="375290" spans="14:14">
      <c r="N375290" s="10"/>
    </row>
    <row r="375291" spans="14:14">
      <c r="N375291" s="10"/>
    </row>
    <row r="375292" spans="14:14">
      <c r="N375292" s="10"/>
    </row>
    <row r="375293" spans="14:14">
      <c r="N375293" s="10"/>
    </row>
    <row r="375294" spans="14:14">
      <c r="N375294" s="10"/>
    </row>
    <row r="375295" spans="14:14">
      <c r="N375295" s="10"/>
    </row>
    <row r="375296" spans="14:14">
      <c r="N375296" s="10"/>
    </row>
    <row r="375297" spans="14:14">
      <c r="N375297" s="10"/>
    </row>
    <row r="375298" spans="14:14">
      <c r="N375298" s="10"/>
    </row>
    <row r="375299" spans="14:14">
      <c r="N375299" s="10"/>
    </row>
    <row r="375300" spans="14:14">
      <c r="N375300" s="10"/>
    </row>
    <row r="375301" spans="14:14">
      <c r="N375301" s="10"/>
    </row>
    <row r="375302" spans="14:14">
      <c r="N375302" s="10"/>
    </row>
    <row r="375303" spans="14:14">
      <c r="N375303" s="10"/>
    </row>
    <row r="375304" spans="14:14">
      <c r="N375304" s="10"/>
    </row>
    <row r="375305" spans="14:14">
      <c r="N375305" s="10"/>
    </row>
    <row r="375306" spans="14:14">
      <c r="N375306" s="10"/>
    </row>
    <row r="375307" spans="14:14">
      <c r="N375307" s="10"/>
    </row>
    <row r="375308" spans="14:14">
      <c r="N375308" s="10"/>
    </row>
    <row r="375309" spans="14:14">
      <c r="N375309" s="10"/>
    </row>
    <row r="375310" spans="14:14">
      <c r="N375310" s="10"/>
    </row>
    <row r="375311" spans="14:14">
      <c r="N375311" s="10"/>
    </row>
    <row r="375312" spans="14:14">
      <c r="N375312" s="10"/>
    </row>
    <row r="375313" spans="14:14">
      <c r="N375313" s="10"/>
    </row>
    <row r="375314" spans="14:14">
      <c r="N375314" s="10"/>
    </row>
    <row r="375315" spans="14:14">
      <c r="N375315" s="10"/>
    </row>
    <row r="375316" spans="14:14">
      <c r="N375316" s="10"/>
    </row>
    <row r="375317" spans="14:14">
      <c r="N375317" s="10"/>
    </row>
    <row r="375318" spans="14:14">
      <c r="N375318" s="10"/>
    </row>
    <row r="375319" spans="14:14">
      <c r="N375319" s="10"/>
    </row>
    <row r="375320" spans="14:14">
      <c r="N375320" s="10"/>
    </row>
    <row r="375321" spans="14:14">
      <c r="N375321" s="10"/>
    </row>
    <row r="375322" spans="14:14">
      <c r="N375322" s="10"/>
    </row>
    <row r="375323" spans="14:14">
      <c r="N375323" s="10"/>
    </row>
    <row r="375324" spans="14:14">
      <c r="N375324" s="10"/>
    </row>
    <row r="375325" spans="14:14">
      <c r="N375325" s="10"/>
    </row>
    <row r="375326" spans="14:14">
      <c r="N375326" s="10"/>
    </row>
    <row r="375327" spans="14:14">
      <c r="N375327" s="10"/>
    </row>
    <row r="375328" spans="14:14">
      <c r="N375328" s="10"/>
    </row>
    <row r="375329" spans="14:14">
      <c r="N375329" s="10"/>
    </row>
    <row r="375330" spans="14:14">
      <c r="N375330" s="10"/>
    </row>
    <row r="375331" spans="14:14">
      <c r="N375331" s="10"/>
    </row>
    <row r="375332" spans="14:14">
      <c r="N375332" s="10"/>
    </row>
    <row r="375333" spans="14:14">
      <c r="N375333" s="10"/>
    </row>
    <row r="375334" spans="14:14">
      <c r="N375334" s="10"/>
    </row>
    <row r="375335" spans="14:14">
      <c r="N375335" s="10"/>
    </row>
    <row r="375336" spans="14:14">
      <c r="N375336" s="10"/>
    </row>
    <row r="375337" spans="14:14">
      <c r="N375337" s="10"/>
    </row>
    <row r="375338" spans="14:14">
      <c r="N375338" s="10"/>
    </row>
    <row r="375339" spans="14:14">
      <c r="N375339" s="10"/>
    </row>
    <row r="375340" spans="14:14">
      <c r="N375340" s="10"/>
    </row>
    <row r="375341" spans="14:14">
      <c r="N375341" s="10"/>
    </row>
    <row r="375342" spans="14:14">
      <c r="N375342" s="10"/>
    </row>
    <row r="375343" spans="14:14">
      <c r="N375343" s="10"/>
    </row>
    <row r="375344" spans="14:14">
      <c r="N375344" s="10"/>
    </row>
    <row r="375345" spans="14:14">
      <c r="N375345" s="10"/>
    </row>
    <row r="375346" spans="14:14">
      <c r="N375346" s="10"/>
    </row>
    <row r="375347" spans="14:14">
      <c r="N375347" s="10"/>
    </row>
    <row r="375348" spans="14:14">
      <c r="N375348" s="10"/>
    </row>
    <row r="375349" spans="14:14">
      <c r="N375349" s="10"/>
    </row>
    <row r="375350" spans="14:14">
      <c r="N375350" s="10"/>
    </row>
    <row r="375351" spans="14:14">
      <c r="N375351" s="10"/>
    </row>
    <row r="375352" spans="14:14">
      <c r="N375352" s="10"/>
    </row>
    <row r="375353" spans="14:14">
      <c r="N375353" s="10"/>
    </row>
    <row r="375354" spans="14:14">
      <c r="N375354" s="10"/>
    </row>
    <row r="375355" spans="14:14">
      <c r="N375355" s="10"/>
    </row>
    <row r="375356" spans="14:14">
      <c r="N375356" s="10"/>
    </row>
    <row r="375357" spans="14:14">
      <c r="N375357" s="10"/>
    </row>
    <row r="375358" spans="14:14">
      <c r="N375358" s="10"/>
    </row>
    <row r="375359" spans="14:14">
      <c r="N375359" s="10"/>
    </row>
    <row r="375360" spans="14:14">
      <c r="N375360" s="10"/>
    </row>
    <row r="375361" spans="14:14">
      <c r="N375361" s="10"/>
    </row>
    <row r="375362" spans="14:14">
      <c r="N375362" s="10"/>
    </row>
    <row r="375363" spans="14:14">
      <c r="N375363" s="10"/>
    </row>
    <row r="375364" spans="14:14">
      <c r="N375364" s="10"/>
    </row>
    <row r="375365" spans="14:14">
      <c r="N375365" s="10"/>
    </row>
    <row r="375366" spans="14:14">
      <c r="N375366" s="10"/>
    </row>
    <row r="375367" spans="14:14">
      <c r="N375367" s="10"/>
    </row>
    <row r="375368" spans="14:14">
      <c r="N375368" s="10"/>
    </row>
    <row r="375369" spans="14:14">
      <c r="N375369" s="10"/>
    </row>
    <row r="375370" spans="14:14">
      <c r="N375370" s="10"/>
    </row>
    <row r="375371" spans="14:14">
      <c r="N375371" s="10"/>
    </row>
    <row r="375372" spans="14:14">
      <c r="N375372" s="10"/>
    </row>
    <row r="375373" spans="14:14">
      <c r="N375373" s="10"/>
    </row>
    <row r="375374" spans="14:14">
      <c r="N375374" s="10"/>
    </row>
    <row r="375375" spans="14:14">
      <c r="N375375" s="10"/>
    </row>
    <row r="375376" spans="14:14">
      <c r="N375376" s="10"/>
    </row>
    <row r="375377" spans="14:14">
      <c r="N375377" s="10"/>
    </row>
    <row r="375378" spans="14:14">
      <c r="N375378" s="10"/>
    </row>
    <row r="375379" spans="14:14">
      <c r="N375379" s="10"/>
    </row>
    <row r="375380" spans="14:14">
      <c r="N375380" s="10"/>
    </row>
    <row r="375381" spans="14:14">
      <c r="N375381" s="10"/>
    </row>
    <row r="375382" spans="14:14">
      <c r="N375382" s="10"/>
    </row>
    <row r="375383" spans="14:14">
      <c r="N375383" s="10"/>
    </row>
    <row r="375384" spans="14:14">
      <c r="N375384" s="10"/>
    </row>
    <row r="375385" spans="14:14">
      <c r="N375385" s="10"/>
    </row>
    <row r="375386" spans="14:14">
      <c r="N375386" s="10"/>
    </row>
    <row r="375387" spans="14:14">
      <c r="N375387" s="10"/>
    </row>
    <row r="375388" spans="14:14">
      <c r="N375388" s="10"/>
    </row>
    <row r="375389" spans="14:14">
      <c r="N375389" s="10"/>
    </row>
    <row r="375390" spans="14:14">
      <c r="N375390" s="10"/>
    </row>
    <row r="375391" spans="14:14">
      <c r="N375391" s="10"/>
    </row>
    <row r="375392" spans="14:14">
      <c r="N375392" s="10"/>
    </row>
    <row r="375393" spans="14:14">
      <c r="N375393" s="10"/>
    </row>
    <row r="375394" spans="14:14">
      <c r="N375394" s="10"/>
    </row>
    <row r="375395" spans="14:14">
      <c r="N375395" s="10"/>
    </row>
    <row r="375396" spans="14:14">
      <c r="N375396" s="10"/>
    </row>
    <row r="375397" spans="14:14">
      <c r="N375397" s="10"/>
    </row>
    <row r="375398" spans="14:14">
      <c r="N375398" s="10"/>
    </row>
    <row r="375399" spans="14:14">
      <c r="N375399" s="10"/>
    </row>
    <row r="375400" spans="14:14">
      <c r="N375400" s="10"/>
    </row>
    <row r="375401" spans="14:14">
      <c r="N375401" s="10"/>
    </row>
    <row r="375402" spans="14:14">
      <c r="N375402" s="10"/>
    </row>
    <row r="375403" spans="14:14">
      <c r="N375403" s="10"/>
    </row>
    <row r="375404" spans="14:14">
      <c r="N375404" s="10"/>
    </row>
    <row r="375405" spans="14:14">
      <c r="N375405" s="10"/>
    </row>
    <row r="375406" spans="14:14">
      <c r="N375406" s="10"/>
    </row>
    <row r="375407" spans="14:14">
      <c r="N375407" s="10"/>
    </row>
    <row r="375408" spans="14:14">
      <c r="N375408" s="10"/>
    </row>
    <row r="375409" spans="14:14">
      <c r="N375409" s="10"/>
    </row>
    <row r="375410" spans="14:14">
      <c r="N375410" s="10"/>
    </row>
    <row r="375411" spans="14:14">
      <c r="N375411" s="10"/>
    </row>
    <row r="375412" spans="14:14">
      <c r="N375412" s="10"/>
    </row>
    <row r="375413" spans="14:14">
      <c r="N375413" s="10"/>
    </row>
    <row r="375414" spans="14:14">
      <c r="N375414" s="10"/>
    </row>
    <row r="375415" spans="14:14">
      <c r="N375415" s="10"/>
    </row>
    <row r="375416" spans="14:14">
      <c r="N375416" s="10"/>
    </row>
    <row r="375417" spans="14:14">
      <c r="N375417" s="10"/>
    </row>
    <row r="375418" spans="14:14">
      <c r="N375418" s="10"/>
    </row>
    <row r="375419" spans="14:14">
      <c r="N375419" s="10"/>
    </row>
    <row r="375420" spans="14:14">
      <c r="N375420" s="10"/>
    </row>
    <row r="375421" spans="14:14">
      <c r="N375421" s="10"/>
    </row>
    <row r="375422" spans="14:14">
      <c r="N375422" s="10"/>
    </row>
    <row r="375423" spans="14:14">
      <c r="N375423" s="10"/>
    </row>
    <row r="375424" spans="14:14">
      <c r="N375424" s="10"/>
    </row>
    <row r="375425" spans="14:14">
      <c r="N375425" s="10"/>
    </row>
    <row r="375426" spans="14:14">
      <c r="N375426" s="10"/>
    </row>
    <row r="375427" spans="14:14">
      <c r="N375427" s="10"/>
    </row>
    <row r="375428" spans="14:14">
      <c r="N375428" s="10"/>
    </row>
    <row r="375429" spans="14:14">
      <c r="N375429" s="10"/>
    </row>
    <row r="375430" spans="14:14">
      <c r="N375430" s="10"/>
    </row>
    <row r="375431" spans="14:14">
      <c r="N375431" s="10"/>
    </row>
    <row r="375432" spans="14:14">
      <c r="N375432" s="10"/>
    </row>
    <row r="375433" spans="14:14">
      <c r="N375433" s="10"/>
    </row>
    <row r="375434" spans="14:14">
      <c r="N375434" s="10"/>
    </row>
    <row r="375435" spans="14:14">
      <c r="N375435" s="10"/>
    </row>
    <row r="375436" spans="14:14">
      <c r="N375436" s="10"/>
    </row>
    <row r="375437" spans="14:14">
      <c r="N375437" s="10"/>
    </row>
    <row r="375438" spans="14:14">
      <c r="N375438" s="10"/>
    </row>
    <row r="375439" spans="14:14">
      <c r="N375439" s="10"/>
    </row>
    <row r="375440" spans="14:14">
      <c r="N375440" s="10"/>
    </row>
    <row r="375441" spans="14:14">
      <c r="N375441" s="10"/>
    </row>
    <row r="375442" spans="14:14">
      <c r="N375442" s="10"/>
    </row>
    <row r="375443" spans="14:14">
      <c r="N375443" s="10"/>
    </row>
    <row r="375444" spans="14:14">
      <c r="N375444" s="10"/>
    </row>
    <row r="375445" spans="14:14">
      <c r="N375445" s="10"/>
    </row>
    <row r="375446" spans="14:14">
      <c r="N375446" s="10"/>
    </row>
    <row r="375447" spans="14:14">
      <c r="N375447" s="10"/>
    </row>
    <row r="375448" spans="14:14">
      <c r="N375448" s="10"/>
    </row>
    <row r="375449" spans="14:14">
      <c r="N375449" s="10"/>
    </row>
    <row r="375450" spans="14:14">
      <c r="N375450" s="10"/>
    </row>
    <row r="375451" spans="14:14">
      <c r="N375451" s="10"/>
    </row>
    <row r="375452" spans="14:14">
      <c r="N375452" s="10"/>
    </row>
    <row r="375453" spans="14:14">
      <c r="N375453" s="10"/>
    </row>
    <row r="375454" spans="14:14">
      <c r="N375454" s="10"/>
    </row>
    <row r="375455" spans="14:14">
      <c r="N375455" s="10"/>
    </row>
    <row r="375456" spans="14:14">
      <c r="N375456" s="10"/>
    </row>
    <row r="375457" spans="14:14">
      <c r="N375457" s="10"/>
    </row>
    <row r="375458" spans="14:14">
      <c r="N375458" s="10"/>
    </row>
    <row r="375459" spans="14:14">
      <c r="N375459" s="10"/>
    </row>
    <row r="375460" spans="14:14">
      <c r="N375460" s="10"/>
    </row>
    <row r="375461" spans="14:14">
      <c r="N375461" s="10"/>
    </row>
    <row r="375462" spans="14:14">
      <c r="N375462" s="10"/>
    </row>
    <row r="375463" spans="14:14">
      <c r="N375463" s="10"/>
    </row>
    <row r="375464" spans="14:14">
      <c r="N375464" s="10"/>
    </row>
    <row r="375465" spans="14:14">
      <c r="N375465" s="10"/>
    </row>
    <row r="375466" spans="14:14">
      <c r="N375466" s="10"/>
    </row>
    <row r="375467" spans="14:14">
      <c r="N375467" s="10"/>
    </row>
    <row r="375468" spans="14:14">
      <c r="N375468" s="10"/>
    </row>
    <row r="375469" spans="14:14">
      <c r="N375469" s="10"/>
    </row>
    <row r="375470" spans="14:14">
      <c r="N375470" s="10"/>
    </row>
    <row r="375471" spans="14:14">
      <c r="N375471" s="10"/>
    </row>
    <row r="375472" spans="14:14">
      <c r="N375472" s="10"/>
    </row>
    <row r="375473" spans="14:14">
      <c r="N375473" s="10"/>
    </row>
    <row r="375474" spans="14:14">
      <c r="N375474" s="10"/>
    </row>
    <row r="375475" spans="14:14">
      <c r="N375475" s="10"/>
    </row>
    <row r="375476" spans="14:14">
      <c r="N375476" s="10"/>
    </row>
    <row r="375477" spans="14:14">
      <c r="N375477" s="10"/>
    </row>
    <row r="375478" spans="14:14">
      <c r="N375478" s="10"/>
    </row>
    <row r="375479" spans="14:14">
      <c r="N375479" s="10"/>
    </row>
    <row r="375480" spans="14:14">
      <c r="N375480" s="10"/>
    </row>
    <row r="375481" spans="14:14">
      <c r="N375481" s="10"/>
    </row>
    <row r="375482" spans="14:14">
      <c r="N375482" s="10"/>
    </row>
    <row r="375483" spans="14:14">
      <c r="N375483" s="10"/>
    </row>
    <row r="375484" spans="14:14">
      <c r="N375484" s="10"/>
    </row>
    <row r="375485" spans="14:14">
      <c r="N375485" s="10"/>
    </row>
    <row r="375486" spans="14:14">
      <c r="N375486" s="10"/>
    </row>
    <row r="375487" spans="14:14">
      <c r="N375487" s="10"/>
    </row>
    <row r="375488" spans="14:14">
      <c r="N375488" s="10"/>
    </row>
    <row r="375489" spans="14:14">
      <c r="N375489" s="10"/>
    </row>
    <row r="375490" spans="14:14">
      <c r="N375490" s="10"/>
    </row>
    <row r="375491" spans="14:14">
      <c r="N375491" s="10"/>
    </row>
    <row r="375492" spans="14:14">
      <c r="N375492" s="10"/>
    </row>
    <row r="375493" spans="14:14">
      <c r="N375493" s="10"/>
    </row>
    <row r="375494" spans="14:14">
      <c r="N375494" s="10"/>
    </row>
    <row r="375495" spans="14:14">
      <c r="N375495" s="10"/>
    </row>
    <row r="375496" spans="14:14">
      <c r="N375496" s="10"/>
    </row>
    <row r="375497" spans="14:14">
      <c r="N375497" s="10"/>
    </row>
    <row r="375498" spans="14:14">
      <c r="N375498" s="10"/>
    </row>
    <row r="375499" spans="14:14">
      <c r="N375499" s="10"/>
    </row>
    <row r="375500" spans="14:14">
      <c r="N375500" s="10"/>
    </row>
    <row r="375501" spans="14:14">
      <c r="N375501" s="10"/>
    </row>
    <row r="375502" spans="14:14">
      <c r="N375502" s="10"/>
    </row>
    <row r="375503" spans="14:14">
      <c r="N375503" s="10"/>
    </row>
    <row r="375504" spans="14:14">
      <c r="N375504" s="10"/>
    </row>
    <row r="375505" spans="14:14">
      <c r="N375505" s="10"/>
    </row>
    <row r="375506" spans="14:14">
      <c r="N375506" s="10"/>
    </row>
    <row r="375507" spans="14:14">
      <c r="N375507" s="10"/>
    </row>
    <row r="375508" spans="14:14">
      <c r="N375508" s="10"/>
    </row>
    <row r="375509" spans="14:14">
      <c r="N375509" s="10"/>
    </row>
    <row r="375510" spans="14:14">
      <c r="N375510" s="10"/>
    </row>
    <row r="375511" spans="14:14">
      <c r="N375511" s="10"/>
    </row>
    <row r="375512" spans="14:14">
      <c r="N375512" s="10"/>
    </row>
    <row r="375513" spans="14:14">
      <c r="N375513" s="10"/>
    </row>
    <row r="375514" spans="14:14">
      <c r="N375514" s="10"/>
    </row>
    <row r="375515" spans="14:14">
      <c r="N375515" s="10"/>
    </row>
    <row r="375516" spans="14:14">
      <c r="N375516" s="10"/>
    </row>
    <row r="375517" spans="14:14">
      <c r="N375517" s="10"/>
    </row>
    <row r="375518" spans="14:14">
      <c r="N375518" s="10"/>
    </row>
    <row r="375519" spans="14:14">
      <c r="N375519" s="10"/>
    </row>
    <row r="375520" spans="14:14">
      <c r="N375520" s="10"/>
    </row>
    <row r="375521" spans="14:14">
      <c r="N375521" s="10"/>
    </row>
    <row r="375522" spans="14:14">
      <c r="N375522" s="10"/>
    </row>
    <row r="375523" spans="14:14">
      <c r="N375523" s="10"/>
    </row>
    <row r="375524" spans="14:14">
      <c r="N375524" s="10"/>
    </row>
    <row r="375525" spans="14:14">
      <c r="N375525" s="10"/>
    </row>
    <row r="375526" spans="14:14">
      <c r="N375526" s="10"/>
    </row>
    <row r="375527" spans="14:14">
      <c r="N375527" s="10"/>
    </row>
    <row r="375528" spans="14:14">
      <c r="N375528" s="10"/>
    </row>
    <row r="375529" spans="14:14">
      <c r="N375529" s="10"/>
    </row>
    <row r="375530" spans="14:14">
      <c r="N375530" s="10"/>
    </row>
    <row r="375531" spans="14:14">
      <c r="N375531" s="10"/>
    </row>
    <row r="375532" spans="14:14">
      <c r="N375532" s="10"/>
    </row>
    <row r="375533" spans="14:14">
      <c r="N375533" s="10"/>
    </row>
    <row r="375534" spans="14:14">
      <c r="N375534" s="10"/>
    </row>
    <row r="375535" spans="14:14">
      <c r="N375535" s="10"/>
    </row>
    <row r="375536" spans="14:14">
      <c r="N375536" s="10"/>
    </row>
    <row r="375537" spans="14:14">
      <c r="N375537" s="10"/>
    </row>
    <row r="375538" spans="14:14">
      <c r="N375538" s="10"/>
    </row>
    <row r="375539" spans="14:14">
      <c r="N375539" s="10"/>
    </row>
    <row r="375540" spans="14:14">
      <c r="N375540" s="10"/>
    </row>
    <row r="375541" spans="14:14">
      <c r="N375541" s="10"/>
    </row>
    <row r="375542" spans="14:14">
      <c r="N375542" s="10"/>
    </row>
    <row r="375543" spans="14:14">
      <c r="N375543" s="10"/>
    </row>
    <row r="375544" spans="14:14">
      <c r="N375544" s="10"/>
    </row>
    <row r="375545" spans="14:14">
      <c r="N375545" s="10"/>
    </row>
    <row r="375546" spans="14:14">
      <c r="N375546" s="10"/>
    </row>
    <row r="375547" spans="14:14">
      <c r="N375547" s="10"/>
    </row>
    <row r="375548" spans="14:14">
      <c r="N375548" s="10"/>
    </row>
    <row r="375549" spans="14:14">
      <c r="N375549" s="10"/>
    </row>
    <row r="375550" spans="14:14">
      <c r="N375550" s="10"/>
    </row>
    <row r="375551" spans="14:14">
      <c r="N375551" s="10"/>
    </row>
    <row r="375552" spans="14:14">
      <c r="N375552" s="10"/>
    </row>
    <row r="375553" spans="14:14">
      <c r="N375553" s="10"/>
    </row>
    <row r="375554" spans="14:14">
      <c r="N375554" s="10"/>
    </row>
    <row r="375555" spans="14:14">
      <c r="N375555" s="10"/>
    </row>
    <row r="375556" spans="14:14">
      <c r="N375556" s="10"/>
    </row>
    <row r="375557" spans="14:14">
      <c r="N375557" s="10"/>
    </row>
    <row r="375558" spans="14:14">
      <c r="N375558" s="10"/>
    </row>
    <row r="375559" spans="14:14">
      <c r="N375559" s="10"/>
    </row>
    <row r="375560" spans="14:14">
      <c r="N375560" s="10"/>
    </row>
    <row r="375561" spans="14:14">
      <c r="N375561" s="10"/>
    </row>
    <row r="375562" spans="14:14">
      <c r="N375562" s="10"/>
    </row>
    <row r="375563" spans="14:14">
      <c r="N375563" s="10"/>
    </row>
    <row r="375564" spans="14:14">
      <c r="N375564" s="10"/>
    </row>
    <row r="375565" spans="14:14">
      <c r="N375565" s="10"/>
    </row>
    <row r="375566" spans="14:14">
      <c r="N375566" s="10"/>
    </row>
    <row r="375567" spans="14:14">
      <c r="N375567" s="10"/>
    </row>
    <row r="375568" spans="14:14">
      <c r="N375568" s="10"/>
    </row>
    <row r="375569" spans="14:14">
      <c r="N375569" s="10"/>
    </row>
    <row r="375570" spans="14:14">
      <c r="N375570" s="10"/>
    </row>
    <row r="375571" spans="14:14">
      <c r="N375571" s="10"/>
    </row>
    <row r="375572" spans="14:14">
      <c r="N375572" s="10"/>
    </row>
    <row r="375573" spans="14:14">
      <c r="N375573" s="10"/>
    </row>
    <row r="375574" spans="14:14">
      <c r="N375574" s="10"/>
    </row>
    <row r="375575" spans="14:14">
      <c r="N375575" s="10"/>
    </row>
    <row r="375576" spans="14:14">
      <c r="N375576" s="10"/>
    </row>
    <row r="375577" spans="14:14">
      <c r="N375577" s="10"/>
    </row>
    <row r="375578" spans="14:14">
      <c r="N375578" s="10"/>
    </row>
    <row r="375579" spans="14:14">
      <c r="N375579" s="10"/>
    </row>
    <row r="375580" spans="14:14">
      <c r="N375580" s="10"/>
    </row>
    <row r="375581" spans="14:14">
      <c r="N375581" s="10"/>
    </row>
    <row r="375582" spans="14:14">
      <c r="N375582" s="10"/>
    </row>
    <row r="375583" spans="14:14">
      <c r="N375583" s="10"/>
    </row>
    <row r="375584" spans="14:14">
      <c r="N375584" s="10"/>
    </row>
    <row r="375585" spans="14:14">
      <c r="N375585" s="10"/>
    </row>
    <row r="375586" spans="14:14">
      <c r="N375586" s="10"/>
    </row>
    <row r="375587" spans="14:14">
      <c r="N375587" s="10"/>
    </row>
    <row r="375588" spans="14:14">
      <c r="N375588" s="10"/>
    </row>
    <row r="375589" spans="14:14">
      <c r="N375589" s="10"/>
    </row>
    <row r="375590" spans="14:14">
      <c r="N375590" s="10"/>
    </row>
    <row r="375591" spans="14:14">
      <c r="N375591" s="10"/>
    </row>
    <row r="375592" spans="14:14">
      <c r="N375592" s="10"/>
    </row>
    <row r="375593" spans="14:14">
      <c r="N375593" s="10"/>
    </row>
    <row r="375594" spans="14:14">
      <c r="N375594" s="10"/>
    </row>
    <row r="375595" spans="14:14">
      <c r="N375595" s="10"/>
    </row>
    <row r="375596" spans="14:14">
      <c r="N375596" s="10"/>
    </row>
    <row r="375597" spans="14:14">
      <c r="N375597" s="10"/>
    </row>
    <row r="375598" spans="14:14">
      <c r="N375598" s="10"/>
    </row>
    <row r="375599" spans="14:14">
      <c r="N375599" s="10"/>
    </row>
    <row r="375600" spans="14:14">
      <c r="N375600" s="10"/>
    </row>
    <row r="375601" spans="14:14">
      <c r="N375601" s="10"/>
    </row>
    <row r="375602" spans="14:14">
      <c r="N375602" s="10"/>
    </row>
    <row r="375603" spans="14:14">
      <c r="N375603" s="10"/>
    </row>
    <row r="375604" spans="14:14">
      <c r="N375604" s="10"/>
    </row>
    <row r="375605" spans="14:14">
      <c r="N375605" s="10"/>
    </row>
    <row r="375606" spans="14:14">
      <c r="N375606" s="10"/>
    </row>
    <row r="375607" spans="14:14">
      <c r="N375607" s="10"/>
    </row>
    <row r="375608" spans="14:14">
      <c r="N375608" s="10"/>
    </row>
    <row r="375609" spans="14:14">
      <c r="N375609" s="10"/>
    </row>
    <row r="375610" spans="14:14">
      <c r="N375610" s="10"/>
    </row>
    <row r="375611" spans="14:14">
      <c r="N375611" s="10"/>
    </row>
    <row r="375612" spans="14:14">
      <c r="N375612" s="10"/>
    </row>
    <row r="375613" spans="14:14">
      <c r="N375613" s="10"/>
    </row>
    <row r="375614" spans="14:14">
      <c r="N375614" s="10"/>
    </row>
    <row r="375615" spans="14:14">
      <c r="N375615" s="10"/>
    </row>
    <row r="375616" spans="14:14">
      <c r="N375616" s="10"/>
    </row>
    <row r="375617" spans="14:14">
      <c r="N375617" s="10"/>
    </row>
    <row r="375618" spans="14:14">
      <c r="N375618" s="10"/>
    </row>
    <row r="375619" spans="14:14">
      <c r="N375619" s="10"/>
    </row>
    <row r="375620" spans="14:14">
      <c r="N375620" s="10"/>
    </row>
    <row r="375621" spans="14:14">
      <c r="N375621" s="10"/>
    </row>
    <row r="375622" spans="14:14">
      <c r="N375622" s="10"/>
    </row>
    <row r="375623" spans="14:14">
      <c r="N375623" s="10"/>
    </row>
    <row r="375624" spans="14:14">
      <c r="N375624" s="10"/>
    </row>
    <row r="375625" spans="14:14">
      <c r="N375625" s="10"/>
    </row>
    <row r="375626" spans="14:14">
      <c r="N375626" s="10"/>
    </row>
    <row r="375627" spans="14:14">
      <c r="N375627" s="10"/>
    </row>
    <row r="375628" spans="14:14">
      <c r="N375628" s="10"/>
    </row>
    <row r="375629" spans="14:14">
      <c r="N375629" s="10"/>
    </row>
    <row r="375630" spans="14:14">
      <c r="N375630" s="10"/>
    </row>
    <row r="375631" spans="14:14">
      <c r="N375631" s="10"/>
    </row>
    <row r="375632" spans="14:14">
      <c r="N375632" s="10"/>
    </row>
    <row r="375633" spans="14:14">
      <c r="N375633" s="10"/>
    </row>
    <row r="375634" spans="14:14">
      <c r="N375634" s="10"/>
    </row>
    <row r="375635" spans="14:14">
      <c r="N375635" s="10"/>
    </row>
    <row r="375636" spans="14:14">
      <c r="N375636" s="10"/>
    </row>
    <row r="375637" spans="14:14">
      <c r="N375637" s="10"/>
    </row>
    <row r="375638" spans="14:14">
      <c r="N375638" s="10"/>
    </row>
    <row r="375639" spans="14:14">
      <c r="N375639" s="10"/>
    </row>
    <row r="375640" spans="14:14">
      <c r="N375640" s="10"/>
    </row>
    <row r="375641" spans="14:14">
      <c r="N375641" s="10"/>
    </row>
    <row r="375642" spans="14:14">
      <c r="N375642" s="10"/>
    </row>
    <row r="375643" spans="14:14">
      <c r="N375643" s="10"/>
    </row>
    <row r="375644" spans="14:14">
      <c r="N375644" s="10"/>
    </row>
    <row r="375645" spans="14:14">
      <c r="N375645" s="10"/>
    </row>
    <row r="375646" spans="14:14">
      <c r="N375646" s="10"/>
    </row>
    <row r="375647" spans="14:14">
      <c r="N375647" s="10"/>
    </row>
    <row r="375648" spans="14:14">
      <c r="N375648" s="10"/>
    </row>
    <row r="375649" spans="14:14">
      <c r="N375649" s="10"/>
    </row>
    <row r="375650" spans="14:14">
      <c r="N375650" s="10"/>
    </row>
    <row r="375651" spans="14:14">
      <c r="N375651" s="10"/>
    </row>
    <row r="375652" spans="14:14">
      <c r="N375652" s="10"/>
    </row>
    <row r="375653" spans="14:14">
      <c r="N375653" s="10"/>
    </row>
    <row r="375654" spans="14:14">
      <c r="N375654" s="10"/>
    </row>
    <row r="375655" spans="14:14">
      <c r="N375655" s="10"/>
    </row>
    <row r="375656" spans="14:14">
      <c r="N375656" s="10"/>
    </row>
    <row r="375657" spans="14:14">
      <c r="N375657" s="10"/>
    </row>
    <row r="375658" spans="14:14">
      <c r="N375658" s="10"/>
    </row>
    <row r="375659" spans="14:14">
      <c r="N375659" s="10"/>
    </row>
    <row r="375660" spans="14:14">
      <c r="N375660" s="10"/>
    </row>
    <row r="375661" spans="14:14">
      <c r="N375661" s="10"/>
    </row>
    <row r="375662" spans="14:14">
      <c r="N375662" s="10"/>
    </row>
    <row r="375663" spans="14:14">
      <c r="N375663" s="10"/>
    </row>
    <row r="375664" spans="14:14">
      <c r="N375664" s="10"/>
    </row>
    <row r="375665" spans="14:14">
      <c r="N375665" s="10"/>
    </row>
    <row r="375666" spans="14:14">
      <c r="N375666" s="10"/>
    </row>
    <row r="375667" spans="14:14">
      <c r="N375667" s="10"/>
    </row>
    <row r="375668" spans="14:14">
      <c r="N375668" s="10"/>
    </row>
    <row r="375669" spans="14:14">
      <c r="N375669" s="10"/>
    </row>
    <row r="375670" spans="14:14">
      <c r="N375670" s="10"/>
    </row>
    <row r="375671" spans="14:14">
      <c r="N375671" s="10"/>
    </row>
    <row r="375672" spans="14:14">
      <c r="N375672" s="10"/>
    </row>
    <row r="375673" spans="14:14">
      <c r="N375673" s="10"/>
    </row>
    <row r="375674" spans="14:14">
      <c r="N375674" s="10"/>
    </row>
    <row r="375675" spans="14:14">
      <c r="N375675" s="10"/>
    </row>
    <row r="375676" spans="14:14">
      <c r="N375676" s="10"/>
    </row>
    <row r="375677" spans="14:14">
      <c r="N375677" s="10"/>
    </row>
    <row r="375678" spans="14:14">
      <c r="N375678" s="10"/>
    </row>
    <row r="375679" spans="14:14">
      <c r="N375679" s="10"/>
    </row>
    <row r="375680" spans="14:14">
      <c r="N375680" s="10"/>
    </row>
    <row r="375681" spans="14:14">
      <c r="N375681" s="10"/>
    </row>
    <row r="375682" spans="14:14">
      <c r="N375682" s="10"/>
    </row>
    <row r="375683" spans="14:14">
      <c r="N375683" s="10"/>
    </row>
    <row r="375684" spans="14:14">
      <c r="N375684" s="10"/>
    </row>
    <row r="375685" spans="14:14">
      <c r="N375685" s="10"/>
    </row>
    <row r="375686" spans="14:14">
      <c r="N375686" s="10"/>
    </row>
    <row r="375687" spans="14:14">
      <c r="N375687" s="10"/>
    </row>
    <row r="375688" spans="14:14">
      <c r="N375688" s="10"/>
    </row>
    <row r="375689" spans="14:14">
      <c r="N375689" s="10"/>
    </row>
    <row r="375690" spans="14:14">
      <c r="N375690" s="10"/>
    </row>
    <row r="375691" spans="14:14">
      <c r="N375691" s="10"/>
    </row>
    <row r="375692" spans="14:14">
      <c r="N375692" s="10"/>
    </row>
    <row r="375693" spans="14:14">
      <c r="N375693" s="10"/>
    </row>
    <row r="375694" spans="14:14">
      <c r="N375694" s="10"/>
    </row>
    <row r="375695" spans="14:14">
      <c r="N375695" s="10"/>
    </row>
    <row r="375696" spans="14:14">
      <c r="N375696" s="10"/>
    </row>
    <row r="375697" spans="14:14">
      <c r="N375697" s="10"/>
    </row>
    <row r="375698" spans="14:14">
      <c r="N375698" s="10"/>
    </row>
    <row r="375699" spans="14:14">
      <c r="N375699" s="10"/>
    </row>
    <row r="375700" spans="14:14">
      <c r="N375700" s="10"/>
    </row>
    <row r="375701" spans="14:14">
      <c r="N375701" s="10"/>
    </row>
    <row r="375702" spans="14:14">
      <c r="N375702" s="10"/>
    </row>
    <row r="375703" spans="14:14">
      <c r="N375703" s="10"/>
    </row>
    <row r="375704" spans="14:14">
      <c r="N375704" s="10"/>
    </row>
    <row r="375705" spans="14:14">
      <c r="N375705" s="10"/>
    </row>
    <row r="375706" spans="14:14">
      <c r="N375706" s="10"/>
    </row>
    <row r="375707" spans="14:14">
      <c r="N375707" s="10"/>
    </row>
    <row r="375708" spans="14:14">
      <c r="N375708" s="10"/>
    </row>
    <row r="375709" spans="14:14">
      <c r="N375709" s="10"/>
    </row>
    <row r="375710" spans="14:14">
      <c r="N375710" s="10"/>
    </row>
    <row r="375711" spans="14:14">
      <c r="N375711" s="10"/>
    </row>
    <row r="375712" spans="14:14">
      <c r="N375712" s="10"/>
    </row>
    <row r="375713" spans="14:14">
      <c r="N375713" s="10"/>
    </row>
    <row r="375714" spans="14:14">
      <c r="N375714" s="10"/>
    </row>
    <row r="375715" spans="14:14">
      <c r="N375715" s="10"/>
    </row>
    <row r="375716" spans="14:14">
      <c r="N375716" s="10"/>
    </row>
    <row r="375717" spans="14:14">
      <c r="N375717" s="10"/>
    </row>
    <row r="375718" spans="14:14">
      <c r="N375718" s="10"/>
    </row>
    <row r="375719" spans="14:14">
      <c r="N375719" s="10"/>
    </row>
    <row r="375720" spans="14:14">
      <c r="N375720" s="10"/>
    </row>
    <row r="375721" spans="14:14">
      <c r="N375721" s="10"/>
    </row>
    <row r="375722" spans="14:14">
      <c r="N375722" s="10"/>
    </row>
    <row r="375723" spans="14:14">
      <c r="N375723" s="10"/>
    </row>
    <row r="375724" spans="14:14">
      <c r="N375724" s="10"/>
    </row>
    <row r="375725" spans="14:14">
      <c r="N375725" s="10"/>
    </row>
    <row r="375726" spans="14:14">
      <c r="N375726" s="10"/>
    </row>
    <row r="375727" spans="14:14">
      <c r="N375727" s="10"/>
    </row>
    <row r="375728" spans="14:14">
      <c r="N375728" s="10"/>
    </row>
    <row r="375729" spans="14:14">
      <c r="N375729" s="10"/>
    </row>
    <row r="375730" spans="14:14">
      <c r="N375730" s="10"/>
    </row>
    <row r="375731" spans="14:14">
      <c r="N375731" s="10"/>
    </row>
    <row r="375732" spans="14:14">
      <c r="N375732" s="10"/>
    </row>
    <row r="375733" spans="14:14">
      <c r="N375733" s="10"/>
    </row>
    <row r="375734" spans="14:14">
      <c r="N375734" s="10"/>
    </row>
    <row r="375735" spans="14:14">
      <c r="N375735" s="10"/>
    </row>
    <row r="375736" spans="14:14">
      <c r="N375736" s="10"/>
    </row>
    <row r="375737" spans="14:14">
      <c r="N375737" s="10"/>
    </row>
    <row r="375738" spans="14:14">
      <c r="N375738" s="10"/>
    </row>
    <row r="375739" spans="14:14">
      <c r="N375739" s="10"/>
    </row>
    <row r="375740" spans="14:14">
      <c r="N375740" s="10"/>
    </row>
    <row r="375741" spans="14:14">
      <c r="N375741" s="10"/>
    </row>
    <row r="375742" spans="14:14">
      <c r="N375742" s="10"/>
    </row>
    <row r="375743" spans="14:14">
      <c r="N375743" s="10"/>
    </row>
    <row r="375744" spans="14:14">
      <c r="N375744" s="10"/>
    </row>
    <row r="375745" spans="14:14">
      <c r="N375745" s="10"/>
    </row>
    <row r="375746" spans="14:14">
      <c r="N375746" s="10"/>
    </row>
    <row r="375747" spans="14:14">
      <c r="N375747" s="10"/>
    </row>
    <row r="375748" spans="14:14">
      <c r="N375748" s="10"/>
    </row>
    <row r="375749" spans="14:14">
      <c r="N375749" s="10"/>
    </row>
    <row r="375750" spans="14:14">
      <c r="N375750" s="10"/>
    </row>
    <row r="375751" spans="14:14">
      <c r="N375751" s="10"/>
    </row>
    <row r="375752" spans="14:14">
      <c r="N375752" s="10"/>
    </row>
    <row r="375753" spans="14:14">
      <c r="N375753" s="10"/>
    </row>
    <row r="375754" spans="14:14">
      <c r="N375754" s="10"/>
    </row>
    <row r="375755" spans="14:14">
      <c r="N375755" s="10"/>
    </row>
    <row r="375756" spans="14:14">
      <c r="N375756" s="10"/>
    </row>
    <row r="375757" spans="14:14">
      <c r="N375757" s="10"/>
    </row>
    <row r="375758" spans="14:14">
      <c r="N375758" s="10"/>
    </row>
    <row r="375759" spans="14:14">
      <c r="N375759" s="10"/>
    </row>
    <row r="375760" spans="14:14">
      <c r="N375760" s="10"/>
    </row>
    <row r="375761" spans="14:14">
      <c r="N375761" s="10"/>
    </row>
    <row r="375762" spans="14:14">
      <c r="N375762" s="10"/>
    </row>
    <row r="375763" spans="14:14">
      <c r="N375763" s="10"/>
    </row>
    <row r="375764" spans="14:14">
      <c r="N375764" s="10"/>
    </row>
    <row r="375765" spans="14:14">
      <c r="N375765" s="10"/>
    </row>
    <row r="375766" spans="14:14">
      <c r="N375766" s="10"/>
    </row>
    <row r="375767" spans="14:14">
      <c r="N375767" s="10"/>
    </row>
    <row r="375768" spans="14:14">
      <c r="N375768" s="10"/>
    </row>
    <row r="375769" spans="14:14">
      <c r="N375769" s="10"/>
    </row>
    <row r="375770" spans="14:14">
      <c r="N375770" s="10"/>
    </row>
    <row r="375771" spans="14:14">
      <c r="N375771" s="10"/>
    </row>
    <row r="375772" spans="14:14">
      <c r="N375772" s="10"/>
    </row>
    <row r="375773" spans="14:14">
      <c r="N375773" s="10"/>
    </row>
    <row r="375774" spans="14:14">
      <c r="N375774" s="10"/>
    </row>
    <row r="375775" spans="14:14">
      <c r="N375775" s="10"/>
    </row>
    <row r="375776" spans="14:14">
      <c r="N375776" s="10"/>
    </row>
    <row r="375777" spans="14:14">
      <c r="N375777" s="10"/>
    </row>
    <row r="375778" spans="14:14">
      <c r="N375778" s="10"/>
    </row>
    <row r="375779" spans="14:14">
      <c r="N375779" s="10"/>
    </row>
    <row r="375780" spans="14:14">
      <c r="N375780" s="10"/>
    </row>
    <row r="375781" spans="14:14">
      <c r="N375781" s="10"/>
    </row>
    <row r="375782" spans="14:14">
      <c r="N375782" s="10"/>
    </row>
    <row r="375783" spans="14:14">
      <c r="N375783" s="10"/>
    </row>
    <row r="375784" spans="14:14">
      <c r="N375784" s="10"/>
    </row>
    <row r="375785" spans="14:14">
      <c r="N375785" s="10"/>
    </row>
    <row r="375786" spans="14:14">
      <c r="N375786" s="10"/>
    </row>
    <row r="375787" spans="14:14">
      <c r="N375787" s="10"/>
    </row>
    <row r="375788" spans="14:14">
      <c r="N375788" s="10"/>
    </row>
    <row r="375789" spans="14:14">
      <c r="N375789" s="10"/>
    </row>
    <row r="375790" spans="14:14">
      <c r="N375790" s="10"/>
    </row>
    <row r="375791" spans="14:14">
      <c r="N375791" s="10"/>
    </row>
    <row r="375792" spans="14:14">
      <c r="N375792" s="10"/>
    </row>
    <row r="375793" spans="14:14">
      <c r="N375793" s="10"/>
    </row>
    <row r="375794" spans="14:14">
      <c r="N375794" s="10"/>
    </row>
    <row r="375795" spans="14:14">
      <c r="N375795" s="10"/>
    </row>
    <row r="375796" spans="14:14">
      <c r="N375796" s="10"/>
    </row>
    <row r="375797" spans="14:14">
      <c r="N375797" s="10"/>
    </row>
    <row r="375798" spans="14:14">
      <c r="N375798" s="10"/>
    </row>
    <row r="375799" spans="14:14">
      <c r="N375799" s="10"/>
    </row>
    <row r="375800" spans="14:14">
      <c r="N375800" s="10"/>
    </row>
    <row r="375801" spans="14:14">
      <c r="N375801" s="10"/>
    </row>
    <row r="375802" spans="14:14">
      <c r="N375802" s="10"/>
    </row>
    <row r="375803" spans="14:14">
      <c r="N375803" s="10"/>
    </row>
    <row r="375804" spans="14:14">
      <c r="N375804" s="10"/>
    </row>
    <row r="375805" spans="14:14">
      <c r="N375805" s="10"/>
    </row>
    <row r="375806" spans="14:14">
      <c r="N375806" s="10"/>
    </row>
    <row r="375807" spans="14:14">
      <c r="N375807" s="10"/>
    </row>
    <row r="375808" spans="14:14">
      <c r="N375808" s="10"/>
    </row>
    <row r="375809" spans="14:14">
      <c r="N375809" s="10"/>
    </row>
    <row r="375810" spans="14:14">
      <c r="N375810" s="10"/>
    </row>
    <row r="375811" spans="14:14">
      <c r="N375811" s="10"/>
    </row>
    <row r="375812" spans="14:14">
      <c r="N375812" s="10"/>
    </row>
    <row r="375813" spans="14:14">
      <c r="N375813" s="10"/>
    </row>
    <row r="375814" spans="14:14">
      <c r="N375814" s="10"/>
    </row>
    <row r="375815" spans="14:14">
      <c r="N375815" s="10"/>
    </row>
    <row r="375816" spans="14:14">
      <c r="N375816" s="10"/>
    </row>
    <row r="375817" spans="14:14">
      <c r="N375817" s="10"/>
    </row>
    <row r="375818" spans="14:14">
      <c r="N375818" s="10"/>
    </row>
    <row r="375819" spans="14:14">
      <c r="N375819" s="10"/>
    </row>
    <row r="375820" spans="14:14">
      <c r="N375820" s="10"/>
    </row>
    <row r="375821" spans="14:14">
      <c r="N375821" s="10"/>
    </row>
    <row r="375822" spans="14:14">
      <c r="N375822" s="10"/>
    </row>
    <row r="375823" spans="14:14">
      <c r="N375823" s="10"/>
    </row>
    <row r="375824" spans="14:14">
      <c r="N375824" s="10"/>
    </row>
    <row r="375825" spans="14:14">
      <c r="N375825" s="10"/>
    </row>
    <row r="375826" spans="14:14">
      <c r="N375826" s="10"/>
    </row>
    <row r="375827" spans="14:14">
      <c r="N375827" s="10"/>
    </row>
    <row r="375828" spans="14:14">
      <c r="N375828" s="10"/>
    </row>
    <row r="375829" spans="14:14">
      <c r="N375829" s="10"/>
    </row>
    <row r="375830" spans="14:14">
      <c r="N375830" s="10"/>
    </row>
    <row r="375831" spans="14:14">
      <c r="N375831" s="10"/>
    </row>
    <row r="375832" spans="14:14">
      <c r="N375832" s="10"/>
    </row>
    <row r="375833" spans="14:14">
      <c r="N375833" s="10"/>
    </row>
    <row r="375834" spans="14:14">
      <c r="N375834" s="10"/>
    </row>
    <row r="375835" spans="14:14">
      <c r="N375835" s="10"/>
    </row>
    <row r="375836" spans="14:14">
      <c r="N375836" s="10"/>
    </row>
    <row r="375837" spans="14:14">
      <c r="N375837" s="10"/>
    </row>
    <row r="375838" spans="14:14">
      <c r="N375838" s="10"/>
    </row>
    <row r="375839" spans="14:14">
      <c r="N375839" s="10"/>
    </row>
    <row r="375840" spans="14:14">
      <c r="N375840" s="10"/>
    </row>
    <row r="375841" spans="14:14">
      <c r="N375841" s="10"/>
    </row>
    <row r="375842" spans="14:14">
      <c r="N375842" s="10"/>
    </row>
    <row r="375843" spans="14:14">
      <c r="N375843" s="10"/>
    </row>
    <row r="375844" spans="14:14">
      <c r="N375844" s="10"/>
    </row>
    <row r="375845" spans="14:14">
      <c r="N375845" s="10"/>
    </row>
    <row r="375846" spans="14:14">
      <c r="N375846" s="10"/>
    </row>
    <row r="375847" spans="14:14">
      <c r="N375847" s="10"/>
    </row>
    <row r="375848" spans="14:14">
      <c r="N375848" s="10"/>
    </row>
    <row r="375849" spans="14:14">
      <c r="N375849" s="10"/>
    </row>
    <row r="375850" spans="14:14">
      <c r="N375850" s="10"/>
    </row>
    <row r="375851" spans="14:14">
      <c r="N375851" s="10"/>
    </row>
    <row r="375852" spans="14:14">
      <c r="N375852" s="10"/>
    </row>
    <row r="375853" spans="14:14">
      <c r="N375853" s="10"/>
    </row>
    <row r="375854" spans="14:14">
      <c r="N375854" s="10"/>
    </row>
    <row r="375855" spans="14:14">
      <c r="N375855" s="10"/>
    </row>
    <row r="375856" spans="14:14">
      <c r="N375856" s="10"/>
    </row>
    <row r="375857" spans="14:14">
      <c r="N375857" s="10"/>
    </row>
    <row r="375858" spans="14:14">
      <c r="N375858" s="10"/>
    </row>
    <row r="375859" spans="14:14">
      <c r="N375859" s="10"/>
    </row>
    <row r="375860" spans="14:14">
      <c r="N375860" s="10"/>
    </row>
    <row r="375861" spans="14:14">
      <c r="N375861" s="10"/>
    </row>
    <row r="375862" spans="14:14">
      <c r="N375862" s="10"/>
    </row>
    <row r="375863" spans="14:14">
      <c r="N375863" s="10"/>
    </row>
    <row r="375864" spans="14:14">
      <c r="N375864" s="10"/>
    </row>
    <row r="375865" spans="14:14">
      <c r="N375865" s="10"/>
    </row>
    <row r="375866" spans="14:14">
      <c r="N375866" s="10"/>
    </row>
    <row r="375867" spans="14:14">
      <c r="N375867" s="10"/>
    </row>
    <row r="375868" spans="14:14">
      <c r="N375868" s="10"/>
    </row>
    <row r="375869" spans="14:14">
      <c r="N375869" s="10"/>
    </row>
    <row r="375870" spans="14:14">
      <c r="N375870" s="10"/>
    </row>
    <row r="375871" spans="14:14">
      <c r="N375871" s="10"/>
    </row>
    <row r="375872" spans="14:14">
      <c r="N375872" s="10"/>
    </row>
    <row r="375873" spans="14:14">
      <c r="N375873" s="10"/>
    </row>
    <row r="375874" spans="14:14">
      <c r="N375874" s="10"/>
    </row>
    <row r="375875" spans="14:14">
      <c r="N375875" s="10"/>
    </row>
    <row r="375876" spans="14:14">
      <c r="N375876" s="10"/>
    </row>
    <row r="375877" spans="14:14">
      <c r="N375877" s="10"/>
    </row>
    <row r="375878" spans="14:14">
      <c r="N375878" s="10"/>
    </row>
    <row r="375879" spans="14:14">
      <c r="N375879" s="10"/>
    </row>
    <row r="375880" spans="14:14">
      <c r="N375880" s="10"/>
    </row>
    <row r="375881" spans="14:14">
      <c r="N375881" s="10"/>
    </row>
    <row r="375882" spans="14:14">
      <c r="N375882" s="10"/>
    </row>
    <row r="375883" spans="14:14">
      <c r="N375883" s="10"/>
    </row>
    <row r="375884" spans="14:14">
      <c r="N375884" s="10"/>
    </row>
    <row r="375885" spans="14:14">
      <c r="N375885" s="10"/>
    </row>
    <row r="375886" spans="14:14">
      <c r="N375886" s="10"/>
    </row>
    <row r="375887" spans="14:14">
      <c r="N375887" s="10"/>
    </row>
    <row r="375888" spans="14:14">
      <c r="N375888" s="10"/>
    </row>
    <row r="375889" spans="14:14">
      <c r="N375889" s="10"/>
    </row>
    <row r="375890" spans="14:14">
      <c r="N375890" s="10"/>
    </row>
    <row r="375891" spans="14:14">
      <c r="N375891" s="10"/>
    </row>
    <row r="375892" spans="14:14">
      <c r="N375892" s="10"/>
    </row>
    <row r="375893" spans="14:14">
      <c r="N375893" s="10"/>
    </row>
    <row r="375894" spans="14:14">
      <c r="N375894" s="10"/>
    </row>
    <row r="375895" spans="14:14">
      <c r="N375895" s="10"/>
    </row>
    <row r="375896" spans="14:14">
      <c r="N375896" s="10"/>
    </row>
    <row r="375897" spans="14:14">
      <c r="N375897" s="10"/>
    </row>
    <row r="375898" spans="14:14">
      <c r="N375898" s="10"/>
    </row>
    <row r="375899" spans="14:14">
      <c r="N375899" s="10"/>
    </row>
    <row r="375900" spans="14:14">
      <c r="N375900" s="10"/>
    </row>
    <row r="375901" spans="14:14">
      <c r="N375901" s="10"/>
    </row>
    <row r="375902" spans="14:14">
      <c r="N375902" s="10"/>
    </row>
    <row r="375903" spans="14:14">
      <c r="N375903" s="10"/>
    </row>
    <row r="375904" spans="14:14">
      <c r="N375904" s="10"/>
    </row>
    <row r="375905" spans="14:14">
      <c r="N375905" s="10"/>
    </row>
    <row r="375906" spans="14:14">
      <c r="N375906" s="10"/>
    </row>
    <row r="375907" spans="14:14">
      <c r="N375907" s="10"/>
    </row>
    <row r="375908" spans="14:14">
      <c r="N375908" s="10"/>
    </row>
    <row r="375909" spans="14:14">
      <c r="N375909" s="10"/>
    </row>
    <row r="375910" spans="14:14">
      <c r="N375910" s="10"/>
    </row>
    <row r="375911" spans="14:14">
      <c r="N375911" s="10"/>
    </row>
    <row r="375912" spans="14:14">
      <c r="N375912" s="10"/>
    </row>
    <row r="375913" spans="14:14">
      <c r="N375913" s="10"/>
    </row>
    <row r="375914" spans="14:14">
      <c r="N375914" s="10"/>
    </row>
    <row r="375915" spans="14:14">
      <c r="N375915" s="10"/>
    </row>
    <row r="375916" spans="14:14">
      <c r="N375916" s="10"/>
    </row>
    <row r="375917" spans="14:14">
      <c r="N375917" s="10"/>
    </row>
    <row r="375918" spans="14:14">
      <c r="N375918" s="10"/>
    </row>
    <row r="375919" spans="14:14">
      <c r="N375919" s="10"/>
    </row>
    <row r="375920" spans="14:14">
      <c r="N375920" s="10"/>
    </row>
    <row r="375921" spans="14:14">
      <c r="N375921" s="10"/>
    </row>
    <row r="375922" spans="14:14">
      <c r="N375922" s="10"/>
    </row>
    <row r="375923" spans="14:14">
      <c r="N375923" s="10"/>
    </row>
    <row r="375924" spans="14:14">
      <c r="N375924" s="10"/>
    </row>
    <row r="375925" spans="14:14">
      <c r="N375925" s="10"/>
    </row>
    <row r="375926" spans="14:14">
      <c r="N375926" s="10"/>
    </row>
    <row r="375927" spans="14:14">
      <c r="N375927" s="10"/>
    </row>
    <row r="375928" spans="14:14">
      <c r="N375928" s="10"/>
    </row>
    <row r="375929" spans="14:14">
      <c r="N375929" s="10"/>
    </row>
    <row r="375930" spans="14:14">
      <c r="N375930" s="10"/>
    </row>
    <row r="375931" spans="14:14">
      <c r="N375931" s="10"/>
    </row>
    <row r="375932" spans="14:14">
      <c r="N375932" s="10"/>
    </row>
    <row r="375933" spans="14:14">
      <c r="N375933" s="10"/>
    </row>
    <row r="375934" spans="14:14">
      <c r="N375934" s="10"/>
    </row>
    <row r="375935" spans="14:14">
      <c r="N375935" s="10"/>
    </row>
    <row r="375936" spans="14:14">
      <c r="N375936" s="10"/>
    </row>
    <row r="375937" spans="14:14">
      <c r="N375937" s="10"/>
    </row>
    <row r="375938" spans="14:14">
      <c r="N375938" s="10"/>
    </row>
    <row r="375939" spans="14:14">
      <c r="N375939" s="10"/>
    </row>
    <row r="375940" spans="14:14">
      <c r="N375940" s="10"/>
    </row>
    <row r="375941" spans="14:14">
      <c r="N375941" s="10"/>
    </row>
    <row r="375942" spans="14:14">
      <c r="N375942" s="10"/>
    </row>
    <row r="375943" spans="14:14">
      <c r="N375943" s="10"/>
    </row>
    <row r="375944" spans="14:14">
      <c r="N375944" s="10"/>
    </row>
    <row r="375945" spans="14:14">
      <c r="N375945" s="10"/>
    </row>
    <row r="375946" spans="14:14">
      <c r="N375946" s="10"/>
    </row>
    <row r="375947" spans="14:14">
      <c r="N375947" s="10"/>
    </row>
    <row r="375948" spans="14:14">
      <c r="N375948" s="10"/>
    </row>
    <row r="375949" spans="14:14">
      <c r="N375949" s="10"/>
    </row>
    <row r="375950" spans="14:14">
      <c r="N375950" s="10"/>
    </row>
    <row r="375951" spans="14:14">
      <c r="N375951" s="10"/>
    </row>
    <row r="375952" spans="14:14">
      <c r="N375952" s="10"/>
    </row>
    <row r="375953" spans="14:14">
      <c r="N375953" s="10"/>
    </row>
    <row r="375954" spans="14:14">
      <c r="N375954" s="10"/>
    </row>
    <row r="375955" spans="14:14">
      <c r="N375955" s="10"/>
    </row>
    <row r="375956" spans="14:14">
      <c r="N375956" s="10"/>
    </row>
    <row r="375957" spans="14:14">
      <c r="N375957" s="10"/>
    </row>
    <row r="375958" spans="14:14">
      <c r="N375958" s="10"/>
    </row>
    <row r="375959" spans="14:14">
      <c r="N375959" s="10"/>
    </row>
    <row r="375960" spans="14:14">
      <c r="N375960" s="10"/>
    </row>
    <row r="375961" spans="14:14">
      <c r="N375961" s="10"/>
    </row>
    <row r="375962" spans="14:14">
      <c r="N375962" s="10"/>
    </row>
    <row r="375963" spans="14:14">
      <c r="N375963" s="10"/>
    </row>
    <row r="375964" spans="14:14">
      <c r="N375964" s="10"/>
    </row>
    <row r="375965" spans="14:14">
      <c r="N375965" s="10"/>
    </row>
    <row r="375966" spans="14:14">
      <c r="N375966" s="10"/>
    </row>
    <row r="375967" spans="14:14">
      <c r="N375967" s="10"/>
    </row>
    <row r="375968" spans="14:14">
      <c r="N375968" s="10"/>
    </row>
    <row r="375969" spans="14:14">
      <c r="N375969" s="10"/>
    </row>
    <row r="375970" spans="14:14">
      <c r="N375970" s="10"/>
    </row>
    <row r="375971" spans="14:14">
      <c r="N375971" s="10"/>
    </row>
    <row r="375972" spans="14:14">
      <c r="N375972" s="10"/>
    </row>
    <row r="375973" spans="14:14">
      <c r="N375973" s="10"/>
    </row>
    <row r="375974" spans="14:14">
      <c r="N375974" s="10"/>
    </row>
    <row r="375975" spans="14:14">
      <c r="N375975" s="10"/>
    </row>
    <row r="375976" spans="14:14">
      <c r="N375976" s="10"/>
    </row>
    <row r="375977" spans="14:14">
      <c r="N375977" s="10"/>
    </row>
    <row r="375978" spans="14:14">
      <c r="N375978" s="10"/>
    </row>
    <row r="375979" spans="14:14">
      <c r="N375979" s="10"/>
    </row>
    <row r="375980" spans="14:14">
      <c r="N375980" s="10"/>
    </row>
    <row r="375981" spans="14:14">
      <c r="N375981" s="10"/>
    </row>
    <row r="375982" spans="14:14">
      <c r="N375982" s="10"/>
    </row>
    <row r="375983" spans="14:14">
      <c r="N375983" s="10"/>
    </row>
    <row r="375984" spans="14:14">
      <c r="N375984" s="10"/>
    </row>
    <row r="375985" spans="14:14">
      <c r="N375985" s="10"/>
    </row>
    <row r="375986" spans="14:14">
      <c r="N375986" s="10"/>
    </row>
    <row r="375987" spans="14:14">
      <c r="N375987" s="10"/>
    </row>
    <row r="375988" spans="14:14">
      <c r="N375988" s="10"/>
    </row>
    <row r="375989" spans="14:14">
      <c r="N375989" s="10"/>
    </row>
    <row r="375990" spans="14:14">
      <c r="N375990" s="10"/>
    </row>
    <row r="375991" spans="14:14">
      <c r="N375991" s="10"/>
    </row>
    <row r="375992" spans="14:14">
      <c r="N375992" s="10"/>
    </row>
    <row r="375993" spans="14:14">
      <c r="N375993" s="10"/>
    </row>
    <row r="375994" spans="14:14">
      <c r="N375994" s="10"/>
    </row>
    <row r="375995" spans="14:14">
      <c r="N375995" s="10"/>
    </row>
    <row r="375996" spans="14:14">
      <c r="N375996" s="10"/>
    </row>
    <row r="375997" spans="14:14">
      <c r="N375997" s="10"/>
    </row>
    <row r="375998" spans="14:14">
      <c r="N375998" s="10"/>
    </row>
    <row r="375999" spans="14:14">
      <c r="N375999" s="10"/>
    </row>
    <row r="376000" spans="14:14">
      <c r="N376000" s="10"/>
    </row>
    <row r="376001" spans="14:14">
      <c r="N376001" s="10"/>
    </row>
    <row r="376002" spans="14:14">
      <c r="N376002" s="10"/>
    </row>
    <row r="376003" spans="14:14">
      <c r="N376003" s="10"/>
    </row>
    <row r="376004" spans="14:14">
      <c r="N376004" s="10"/>
    </row>
    <row r="376005" spans="14:14">
      <c r="N376005" s="10"/>
    </row>
    <row r="376006" spans="14:14">
      <c r="N376006" s="10"/>
    </row>
    <row r="376007" spans="14:14">
      <c r="N376007" s="10"/>
    </row>
    <row r="376008" spans="14:14">
      <c r="N376008" s="10"/>
    </row>
    <row r="376009" spans="14:14">
      <c r="N376009" s="10"/>
    </row>
    <row r="376010" spans="14:14">
      <c r="N376010" s="10"/>
    </row>
    <row r="376011" spans="14:14">
      <c r="N376011" s="10"/>
    </row>
    <row r="376012" spans="14:14">
      <c r="N376012" s="10"/>
    </row>
    <row r="376013" spans="14:14">
      <c r="N376013" s="10"/>
    </row>
    <row r="376014" spans="14:14">
      <c r="N376014" s="10"/>
    </row>
    <row r="376015" spans="14:14">
      <c r="N376015" s="10"/>
    </row>
    <row r="376016" spans="14:14">
      <c r="N376016" s="10"/>
    </row>
    <row r="376017" spans="14:14">
      <c r="N376017" s="10"/>
    </row>
    <row r="376018" spans="14:14">
      <c r="N376018" s="10"/>
    </row>
    <row r="376019" spans="14:14">
      <c r="N376019" s="10"/>
    </row>
    <row r="376020" spans="14:14">
      <c r="N376020" s="10"/>
    </row>
    <row r="376021" spans="14:14">
      <c r="N376021" s="10"/>
    </row>
    <row r="376022" spans="14:14">
      <c r="N376022" s="10"/>
    </row>
    <row r="376023" spans="14:14">
      <c r="N376023" s="10"/>
    </row>
    <row r="376024" spans="14:14">
      <c r="N376024" s="10"/>
    </row>
    <row r="376025" spans="14:14">
      <c r="N376025" s="10"/>
    </row>
    <row r="376026" spans="14:14">
      <c r="N376026" s="10"/>
    </row>
    <row r="376027" spans="14:14">
      <c r="N376027" s="10"/>
    </row>
    <row r="376028" spans="14:14">
      <c r="N376028" s="10"/>
    </row>
    <row r="376029" spans="14:14">
      <c r="N376029" s="10"/>
    </row>
    <row r="376030" spans="14:14">
      <c r="N376030" s="10"/>
    </row>
    <row r="376031" spans="14:14">
      <c r="N376031" s="10"/>
    </row>
    <row r="376032" spans="14:14">
      <c r="N376032" s="10"/>
    </row>
    <row r="376033" spans="14:14">
      <c r="N376033" s="10"/>
    </row>
    <row r="376034" spans="14:14">
      <c r="N376034" s="10"/>
    </row>
    <row r="376035" spans="14:14">
      <c r="N376035" s="10"/>
    </row>
    <row r="376036" spans="14:14">
      <c r="N376036" s="10"/>
    </row>
    <row r="376037" spans="14:14">
      <c r="N376037" s="10"/>
    </row>
    <row r="376038" spans="14:14">
      <c r="N376038" s="10"/>
    </row>
    <row r="376039" spans="14:14">
      <c r="N376039" s="10"/>
    </row>
    <row r="376040" spans="14:14">
      <c r="N376040" s="10"/>
    </row>
    <row r="376041" spans="14:14">
      <c r="N376041" s="10"/>
    </row>
    <row r="376042" spans="14:14">
      <c r="N376042" s="10"/>
    </row>
    <row r="376043" spans="14:14">
      <c r="N376043" s="10"/>
    </row>
    <row r="376044" spans="14:14">
      <c r="N376044" s="10"/>
    </row>
    <row r="376045" spans="14:14">
      <c r="N376045" s="10"/>
    </row>
    <row r="376046" spans="14:14">
      <c r="N376046" s="10"/>
    </row>
    <row r="376047" spans="14:14">
      <c r="N376047" s="10"/>
    </row>
    <row r="376048" spans="14:14">
      <c r="N376048" s="10"/>
    </row>
    <row r="376049" spans="14:14">
      <c r="N376049" s="10"/>
    </row>
    <row r="376050" spans="14:14">
      <c r="N376050" s="10"/>
    </row>
    <row r="376051" spans="14:14">
      <c r="N376051" s="10"/>
    </row>
    <row r="376052" spans="14:14">
      <c r="N376052" s="10"/>
    </row>
    <row r="376053" spans="14:14">
      <c r="N376053" s="10"/>
    </row>
    <row r="376054" spans="14:14">
      <c r="N376054" s="10"/>
    </row>
    <row r="376055" spans="14:14">
      <c r="N376055" s="10"/>
    </row>
    <row r="376056" spans="14:14">
      <c r="N376056" s="10"/>
    </row>
    <row r="376057" spans="14:14">
      <c r="N376057" s="10"/>
    </row>
    <row r="376058" spans="14:14">
      <c r="N376058" s="10"/>
    </row>
    <row r="376059" spans="14:14">
      <c r="N376059" s="10"/>
    </row>
    <row r="376060" spans="14:14">
      <c r="N376060" s="10"/>
    </row>
    <row r="376061" spans="14:14">
      <c r="N376061" s="10"/>
    </row>
    <row r="376062" spans="14:14">
      <c r="N376062" s="10"/>
    </row>
    <row r="376063" spans="14:14">
      <c r="N376063" s="10"/>
    </row>
    <row r="376064" spans="14:14">
      <c r="N376064" s="10"/>
    </row>
    <row r="376065" spans="14:14">
      <c r="N376065" s="10"/>
    </row>
    <row r="376066" spans="14:14">
      <c r="N376066" s="10"/>
    </row>
    <row r="376067" spans="14:14">
      <c r="N376067" s="10"/>
    </row>
    <row r="376068" spans="14:14">
      <c r="N376068" s="10"/>
    </row>
    <row r="376069" spans="14:14">
      <c r="N376069" s="10"/>
    </row>
    <row r="376070" spans="14:14">
      <c r="N376070" s="10"/>
    </row>
    <row r="376071" spans="14:14">
      <c r="N376071" s="10"/>
    </row>
    <row r="376072" spans="14:14">
      <c r="N376072" s="10"/>
    </row>
    <row r="376073" spans="14:14">
      <c r="N376073" s="10"/>
    </row>
    <row r="376074" spans="14:14">
      <c r="N376074" s="10"/>
    </row>
    <row r="376075" spans="14:14">
      <c r="N376075" s="10"/>
    </row>
    <row r="376076" spans="14:14">
      <c r="N376076" s="10"/>
    </row>
    <row r="376077" spans="14:14">
      <c r="N376077" s="10"/>
    </row>
    <row r="376078" spans="14:14">
      <c r="N376078" s="10"/>
    </row>
    <row r="376079" spans="14:14">
      <c r="N376079" s="10"/>
    </row>
    <row r="376080" spans="14:14">
      <c r="N376080" s="10"/>
    </row>
    <row r="376081" spans="14:14">
      <c r="N376081" s="10"/>
    </row>
    <row r="376082" spans="14:14">
      <c r="N376082" s="10"/>
    </row>
    <row r="376083" spans="14:14">
      <c r="N376083" s="10"/>
    </row>
    <row r="376084" spans="14:14">
      <c r="N376084" s="10"/>
    </row>
    <row r="376085" spans="14:14">
      <c r="N376085" s="10"/>
    </row>
    <row r="376086" spans="14:14">
      <c r="N376086" s="10"/>
    </row>
    <row r="376087" spans="14:14">
      <c r="N376087" s="10"/>
    </row>
    <row r="376088" spans="14:14">
      <c r="N376088" s="10"/>
    </row>
    <row r="376089" spans="14:14">
      <c r="N376089" s="10"/>
    </row>
    <row r="376090" spans="14:14">
      <c r="N376090" s="10"/>
    </row>
    <row r="376091" spans="14:14">
      <c r="N376091" s="10"/>
    </row>
    <row r="376092" spans="14:14">
      <c r="N376092" s="10"/>
    </row>
    <row r="376093" spans="14:14">
      <c r="N376093" s="10"/>
    </row>
    <row r="376094" spans="14:14">
      <c r="N376094" s="10"/>
    </row>
    <row r="376095" spans="14:14">
      <c r="N376095" s="10"/>
    </row>
    <row r="376096" spans="14:14">
      <c r="N376096" s="10"/>
    </row>
    <row r="376097" spans="14:14">
      <c r="N376097" s="10"/>
    </row>
    <row r="376098" spans="14:14">
      <c r="N376098" s="10"/>
    </row>
    <row r="376099" spans="14:14">
      <c r="N376099" s="10"/>
    </row>
    <row r="376100" spans="14:14">
      <c r="N376100" s="10"/>
    </row>
    <row r="376101" spans="14:14">
      <c r="N376101" s="10"/>
    </row>
    <row r="376102" spans="14:14">
      <c r="N376102" s="10"/>
    </row>
    <row r="376103" spans="14:14">
      <c r="N376103" s="10"/>
    </row>
    <row r="376104" spans="14:14">
      <c r="N376104" s="10"/>
    </row>
    <row r="376105" spans="14:14">
      <c r="N376105" s="10"/>
    </row>
    <row r="376106" spans="14:14">
      <c r="N376106" s="10"/>
    </row>
    <row r="376107" spans="14:14">
      <c r="N376107" s="10"/>
    </row>
    <row r="376108" spans="14:14">
      <c r="N376108" s="10"/>
    </row>
    <row r="376109" spans="14:14">
      <c r="N376109" s="10"/>
    </row>
    <row r="376110" spans="14:14">
      <c r="N376110" s="10"/>
    </row>
    <row r="376111" spans="14:14">
      <c r="N376111" s="10"/>
    </row>
    <row r="376112" spans="14:14">
      <c r="N376112" s="10"/>
    </row>
    <row r="376113" spans="14:14">
      <c r="N376113" s="10"/>
    </row>
    <row r="376114" spans="14:14">
      <c r="N376114" s="10"/>
    </row>
    <row r="376115" spans="14:14">
      <c r="N376115" s="10"/>
    </row>
    <row r="376116" spans="14:14">
      <c r="N376116" s="10"/>
    </row>
    <row r="376117" spans="14:14">
      <c r="N376117" s="10"/>
    </row>
    <row r="376118" spans="14:14">
      <c r="N376118" s="10"/>
    </row>
    <row r="376119" spans="14:14">
      <c r="N376119" s="10"/>
    </row>
    <row r="376120" spans="14:14">
      <c r="N376120" s="10"/>
    </row>
    <row r="376121" spans="14:14">
      <c r="N376121" s="10"/>
    </row>
    <row r="376122" spans="14:14">
      <c r="N376122" s="10"/>
    </row>
    <row r="376123" spans="14:14">
      <c r="N376123" s="10"/>
    </row>
    <row r="376124" spans="14:14">
      <c r="N376124" s="10"/>
    </row>
    <row r="376125" spans="14:14">
      <c r="N376125" s="10"/>
    </row>
    <row r="376126" spans="14:14">
      <c r="N376126" s="10"/>
    </row>
    <row r="376127" spans="14:14">
      <c r="N376127" s="10"/>
    </row>
    <row r="376128" spans="14:14">
      <c r="N376128" s="10"/>
    </row>
    <row r="376129" spans="14:14">
      <c r="N376129" s="10"/>
    </row>
    <row r="376130" spans="14:14">
      <c r="N376130" s="10"/>
    </row>
    <row r="376131" spans="14:14">
      <c r="N376131" s="10"/>
    </row>
    <row r="376132" spans="14:14">
      <c r="N376132" s="10"/>
    </row>
    <row r="376133" spans="14:14">
      <c r="N376133" s="10"/>
    </row>
    <row r="376134" spans="14:14">
      <c r="N376134" s="10"/>
    </row>
    <row r="376135" spans="14:14">
      <c r="N376135" s="10"/>
    </row>
    <row r="376136" spans="14:14">
      <c r="N376136" s="10"/>
    </row>
    <row r="376137" spans="14:14">
      <c r="N376137" s="10"/>
    </row>
    <row r="376138" spans="14:14">
      <c r="N376138" s="10"/>
    </row>
    <row r="376139" spans="14:14">
      <c r="N376139" s="10"/>
    </row>
    <row r="376140" spans="14:14">
      <c r="N376140" s="10"/>
    </row>
    <row r="376141" spans="14:14">
      <c r="N376141" s="10"/>
    </row>
    <row r="376142" spans="14:14">
      <c r="N376142" s="10"/>
    </row>
    <row r="376143" spans="14:14">
      <c r="N376143" s="10"/>
    </row>
    <row r="376144" spans="14:14">
      <c r="N376144" s="10"/>
    </row>
    <row r="376145" spans="14:14">
      <c r="N376145" s="10"/>
    </row>
    <row r="376146" spans="14:14">
      <c r="N376146" s="10"/>
    </row>
    <row r="376147" spans="14:14">
      <c r="N376147" s="10"/>
    </row>
    <row r="376148" spans="14:14">
      <c r="N376148" s="10"/>
    </row>
    <row r="376149" spans="14:14">
      <c r="N376149" s="10"/>
    </row>
    <row r="376150" spans="14:14">
      <c r="N376150" s="10"/>
    </row>
    <row r="376151" spans="14:14">
      <c r="N376151" s="10"/>
    </row>
    <row r="376152" spans="14:14">
      <c r="N376152" s="10"/>
    </row>
    <row r="376153" spans="14:14">
      <c r="N376153" s="10"/>
    </row>
    <row r="376154" spans="14:14">
      <c r="N376154" s="10"/>
    </row>
    <row r="376155" spans="14:14">
      <c r="N376155" s="10"/>
    </row>
    <row r="376156" spans="14:14">
      <c r="N376156" s="10"/>
    </row>
    <row r="376157" spans="14:14">
      <c r="N376157" s="10"/>
    </row>
    <row r="376158" spans="14:14">
      <c r="N376158" s="10"/>
    </row>
    <row r="376159" spans="14:14">
      <c r="N376159" s="10"/>
    </row>
    <row r="376160" spans="14:14">
      <c r="N376160" s="10"/>
    </row>
    <row r="376161" spans="14:14">
      <c r="N376161" s="10"/>
    </row>
    <row r="376162" spans="14:14">
      <c r="N376162" s="10"/>
    </row>
    <row r="376163" spans="14:14">
      <c r="N376163" s="10"/>
    </row>
    <row r="376164" spans="14:14">
      <c r="N376164" s="10"/>
    </row>
    <row r="376165" spans="14:14">
      <c r="N376165" s="10"/>
    </row>
    <row r="376166" spans="14:14">
      <c r="N376166" s="10"/>
    </row>
    <row r="376167" spans="14:14">
      <c r="N376167" s="10"/>
    </row>
    <row r="376168" spans="14:14">
      <c r="N376168" s="10"/>
    </row>
    <row r="376169" spans="14:14">
      <c r="N376169" s="10"/>
    </row>
    <row r="376170" spans="14:14">
      <c r="N376170" s="10"/>
    </row>
    <row r="376171" spans="14:14">
      <c r="N376171" s="10"/>
    </row>
    <row r="376172" spans="14:14">
      <c r="N376172" s="10"/>
    </row>
    <row r="376173" spans="14:14">
      <c r="N376173" s="10"/>
    </row>
    <row r="376174" spans="14:14">
      <c r="N376174" s="10"/>
    </row>
    <row r="376175" spans="14:14">
      <c r="N376175" s="10"/>
    </row>
    <row r="376176" spans="14:14">
      <c r="N376176" s="10"/>
    </row>
    <row r="376177" spans="14:14">
      <c r="N376177" s="10"/>
    </row>
    <row r="376178" spans="14:14">
      <c r="N376178" s="10"/>
    </row>
    <row r="376179" spans="14:14">
      <c r="N376179" s="10"/>
    </row>
    <row r="376180" spans="14:14">
      <c r="N376180" s="10"/>
    </row>
    <row r="376181" spans="14:14">
      <c r="N376181" s="10"/>
    </row>
    <row r="376182" spans="14:14">
      <c r="N376182" s="10"/>
    </row>
    <row r="376183" spans="14:14">
      <c r="N376183" s="10"/>
    </row>
    <row r="376184" spans="14:14">
      <c r="N376184" s="10"/>
    </row>
    <row r="376185" spans="14:14">
      <c r="N376185" s="10"/>
    </row>
    <row r="376186" spans="14:14">
      <c r="N376186" s="10"/>
    </row>
    <row r="376187" spans="14:14">
      <c r="N376187" s="10"/>
    </row>
    <row r="376188" spans="14:14">
      <c r="N376188" s="10"/>
    </row>
    <row r="376189" spans="14:14">
      <c r="N376189" s="10"/>
    </row>
    <row r="376190" spans="14:14">
      <c r="N376190" s="10"/>
    </row>
    <row r="376191" spans="14:14">
      <c r="N376191" s="10"/>
    </row>
    <row r="376192" spans="14:14">
      <c r="N376192" s="10"/>
    </row>
    <row r="376193" spans="14:14">
      <c r="N376193" s="10"/>
    </row>
    <row r="376194" spans="14:14">
      <c r="N376194" s="10"/>
    </row>
    <row r="376195" spans="14:14">
      <c r="N376195" s="10"/>
    </row>
    <row r="376196" spans="14:14">
      <c r="N376196" s="10"/>
    </row>
    <row r="376197" spans="14:14">
      <c r="N376197" s="10"/>
    </row>
    <row r="376198" spans="14:14">
      <c r="N376198" s="10"/>
    </row>
    <row r="376199" spans="14:14">
      <c r="N376199" s="10"/>
    </row>
    <row r="376200" spans="14:14">
      <c r="N376200" s="10"/>
    </row>
    <row r="376201" spans="14:14">
      <c r="N376201" s="10"/>
    </row>
    <row r="376202" spans="14:14">
      <c r="N376202" s="10"/>
    </row>
    <row r="376203" spans="14:14">
      <c r="N376203" s="10"/>
    </row>
    <row r="376204" spans="14:14">
      <c r="N376204" s="10"/>
    </row>
    <row r="376205" spans="14:14">
      <c r="N376205" s="10"/>
    </row>
    <row r="376206" spans="14:14">
      <c r="N376206" s="10"/>
    </row>
    <row r="376207" spans="14:14">
      <c r="N376207" s="10"/>
    </row>
    <row r="376208" spans="14:14">
      <c r="N376208" s="10"/>
    </row>
    <row r="376209" spans="14:14">
      <c r="N376209" s="10"/>
    </row>
    <row r="376210" spans="14:14">
      <c r="N376210" s="10"/>
    </row>
    <row r="376211" spans="14:14">
      <c r="N376211" s="10"/>
    </row>
    <row r="376212" spans="14:14">
      <c r="N376212" s="10"/>
    </row>
    <row r="376213" spans="14:14">
      <c r="N376213" s="10"/>
    </row>
    <row r="376214" spans="14:14">
      <c r="N376214" s="10"/>
    </row>
    <row r="376215" spans="14:14">
      <c r="N376215" s="10"/>
    </row>
    <row r="376216" spans="14:14">
      <c r="N376216" s="10"/>
    </row>
    <row r="376217" spans="14:14">
      <c r="N376217" s="10"/>
    </row>
    <row r="376218" spans="14:14">
      <c r="N376218" s="10"/>
    </row>
    <row r="376219" spans="14:14">
      <c r="N376219" s="10"/>
    </row>
    <row r="376220" spans="14:14">
      <c r="N376220" s="10"/>
    </row>
    <row r="376221" spans="14:14">
      <c r="N376221" s="10"/>
    </row>
    <row r="376222" spans="14:14">
      <c r="N376222" s="10"/>
    </row>
    <row r="376223" spans="14:14">
      <c r="N376223" s="10"/>
    </row>
    <row r="376224" spans="14:14">
      <c r="N376224" s="10"/>
    </row>
    <row r="376225" spans="14:14">
      <c r="N376225" s="10"/>
    </row>
    <row r="376226" spans="14:14">
      <c r="N376226" s="10"/>
    </row>
    <row r="376227" spans="14:14">
      <c r="N376227" s="10"/>
    </row>
    <row r="376228" spans="14:14">
      <c r="N376228" s="10"/>
    </row>
    <row r="376229" spans="14:14">
      <c r="N376229" s="10"/>
    </row>
    <row r="376230" spans="14:14">
      <c r="N376230" s="10"/>
    </row>
    <row r="376231" spans="14:14">
      <c r="N376231" s="10"/>
    </row>
    <row r="376232" spans="14:14">
      <c r="N376232" s="10"/>
    </row>
    <row r="376233" spans="14:14">
      <c r="N376233" s="10"/>
    </row>
    <row r="376234" spans="14:14">
      <c r="N376234" s="10"/>
    </row>
    <row r="376235" spans="14:14">
      <c r="N376235" s="10"/>
    </row>
    <row r="376236" spans="14:14">
      <c r="N376236" s="10"/>
    </row>
    <row r="376237" spans="14:14">
      <c r="N376237" s="10"/>
    </row>
    <row r="376238" spans="14:14">
      <c r="N376238" s="10"/>
    </row>
    <row r="376239" spans="14:14">
      <c r="N376239" s="10"/>
    </row>
    <row r="376240" spans="14:14">
      <c r="N376240" s="10"/>
    </row>
    <row r="376241" spans="14:14">
      <c r="N376241" s="10"/>
    </row>
    <row r="376242" spans="14:14">
      <c r="N376242" s="10"/>
    </row>
    <row r="376243" spans="14:14">
      <c r="N376243" s="10"/>
    </row>
    <row r="376244" spans="14:14">
      <c r="N376244" s="10"/>
    </row>
    <row r="376245" spans="14:14">
      <c r="N376245" s="10"/>
    </row>
    <row r="376246" spans="14:14">
      <c r="N376246" s="10"/>
    </row>
    <row r="376247" spans="14:14">
      <c r="N376247" s="10"/>
    </row>
    <row r="376248" spans="14:14">
      <c r="N376248" s="10"/>
    </row>
    <row r="376249" spans="14:14">
      <c r="N376249" s="10"/>
    </row>
    <row r="376250" spans="14:14">
      <c r="N376250" s="10"/>
    </row>
    <row r="376251" spans="14:14">
      <c r="N376251" s="10"/>
    </row>
    <row r="376252" spans="14:14">
      <c r="N376252" s="10"/>
    </row>
    <row r="376253" spans="14:14">
      <c r="N376253" s="10"/>
    </row>
    <row r="376254" spans="14:14">
      <c r="N376254" s="10"/>
    </row>
    <row r="376255" spans="14:14">
      <c r="N376255" s="10"/>
    </row>
    <row r="376256" spans="14:14">
      <c r="N376256" s="10"/>
    </row>
    <row r="376257" spans="14:14">
      <c r="N376257" s="10"/>
    </row>
    <row r="376258" spans="14:14">
      <c r="N376258" s="10"/>
    </row>
    <row r="376259" spans="14:14">
      <c r="N376259" s="10"/>
    </row>
    <row r="376260" spans="14:14">
      <c r="N376260" s="10"/>
    </row>
    <row r="376261" spans="14:14">
      <c r="N376261" s="10"/>
    </row>
    <row r="376262" spans="14:14">
      <c r="N376262" s="10"/>
    </row>
    <row r="376263" spans="14:14">
      <c r="N376263" s="10"/>
    </row>
    <row r="376264" spans="14:14">
      <c r="N376264" s="10"/>
    </row>
    <row r="376265" spans="14:14">
      <c r="N376265" s="10"/>
    </row>
    <row r="376266" spans="14:14">
      <c r="N376266" s="10"/>
    </row>
    <row r="376267" spans="14:14">
      <c r="N376267" s="10"/>
    </row>
    <row r="376268" spans="14:14">
      <c r="N376268" s="10"/>
    </row>
    <row r="376269" spans="14:14">
      <c r="N376269" s="10"/>
    </row>
    <row r="376270" spans="14:14">
      <c r="N376270" s="10"/>
    </row>
    <row r="376271" spans="14:14">
      <c r="N376271" s="10"/>
    </row>
    <row r="376272" spans="14:14">
      <c r="N376272" s="10"/>
    </row>
    <row r="376273" spans="14:14">
      <c r="N376273" s="10"/>
    </row>
    <row r="376274" spans="14:14">
      <c r="N376274" s="10"/>
    </row>
    <row r="376275" spans="14:14">
      <c r="N376275" s="10"/>
    </row>
    <row r="376276" spans="14:14">
      <c r="N376276" s="10"/>
    </row>
    <row r="376277" spans="14:14">
      <c r="N376277" s="10"/>
    </row>
    <row r="376278" spans="14:14">
      <c r="N376278" s="10"/>
    </row>
    <row r="376279" spans="14:14">
      <c r="N376279" s="10"/>
    </row>
    <row r="376280" spans="14:14">
      <c r="N376280" s="10"/>
    </row>
    <row r="376281" spans="14:14">
      <c r="N376281" s="10"/>
    </row>
    <row r="376282" spans="14:14">
      <c r="N376282" s="10"/>
    </row>
    <row r="376283" spans="14:14">
      <c r="N376283" s="10"/>
    </row>
    <row r="376284" spans="14:14">
      <c r="N376284" s="10"/>
    </row>
    <row r="376285" spans="14:14">
      <c r="N376285" s="10"/>
    </row>
    <row r="376286" spans="14:14">
      <c r="N376286" s="10"/>
    </row>
    <row r="376287" spans="14:14">
      <c r="N376287" s="10"/>
    </row>
    <row r="376288" spans="14:14">
      <c r="N376288" s="10"/>
    </row>
    <row r="376289" spans="14:14">
      <c r="N376289" s="10"/>
    </row>
    <row r="376290" spans="14:14">
      <c r="N376290" s="10"/>
    </row>
    <row r="376291" spans="14:14">
      <c r="N376291" s="10"/>
    </row>
    <row r="376292" spans="14:14">
      <c r="N376292" s="10"/>
    </row>
    <row r="376293" spans="14:14">
      <c r="N376293" s="10"/>
    </row>
    <row r="376294" spans="14:14">
      <c r="N376294" s="10"/>
    </row>
    <row r="376295" spans="14:14">
      <c r="N376295" s="10"/>
    </row>
    <row r="376296" spans="14:14">
      <c r="N376296" s="10"/>
    </row>
    <row r="376297" spans="14:14">
      <c r="N376297" s="10"/>
    </row>
    <row r="376298" spans="14:14">
      <c r="N376298" s="10"/>
    </row>
    <row r="376299" spans="14:14">
      <c r="N376299" s="10"/>
    </row>
    <row r="376300" spans="14:14">
      <c r="N376300" s="10"/>
    </row>
    <row r="376301" spans="14:14">
      <c r="N376301" s="10"/>
    </row>
    <row r="376302" spans="14:14">
      <c r="N376302" s="10"/>
    </row>
    <row r="376303" spans="14:14">
      <c r="N376303" s="10"/>
    </row>
    <row r="376304" spans="14:14">
      <c r="N376304" s="10"/>
    </row>
    <row r="376305" spans="14:14">
      <c r="N376305" s="10"/>
    </row>
    <row r="376306" spans="14:14">
      <c r="N376306" s="10"/>
    </row>
    <row r="376307" spans="14:14">
      <c r="N376307" s="10"/>
    </row>
    <row r="376308" spans="14:14">
      <c r="N376308" s="10"/>
    </row>
    <row r="376309" spans="14:14">
      <c r="N376309" s="10"/>
    </row>
    <row r="376310" spans="14:14">
      <c r="N376310" s="10"/>
    </row>
    <row r="376311" spans="14:14">
      <c r="N376311" s="10"/>
    </row>
    <row r="376312" spans="14:14">
      <c r="N376312" s="10"/>
    </row>
    <row r="376313" spans="14:14">
      <c r="N376313" s="10"/>
    </row>
    <row r="376314" spans="14:14">
      <c r="N376314" s="10"/>
    </row>
    <row r="376315" spans="14:14">
      <c r="N376315" s="10"/>
    </row>
    <row r="376316" spans="14:14">
      <c r="N376316" s="10"/>
    </row>
    <row r="376317" spans="14:14">
      <c r="N376317" s="10"/>
    </row>
    <row r="376318" spans="14:14">
      <c r="N376318" s="10"/>
    </row>
    <row r="376319" spans="14:14">
      <c r="N376319" s="10"/>
    </row>
    <row r="376320" spans="14:14">
      <c r="N376320" s="10"/>
    </row>
    <row r="376321" spans="14:14">
      <c r="N376321" s="10"/>
    </row>
    <row r="376322" spans="14:14">
      <c r="N376322" s="10"/>
    </row>
    <row r="376323" spans="14:14">
      <c r="N376323" s="10"/>
    </row>
    <row r="376324" spans="14:14">
      <c r="N376324" s="10"/>
    </row>
    <row r="376325" spans="14:14">
      <c r="N376325" s="10"/>
    </row>
    <row r="376326" spans="14:14">
      <c r="N376326" s="10"/>
    </row>
    <row r="376327" spans="14:14">
      <c r="N376327" s="10"/>
    </row>
    <row r="376328" spans="14:14">
      <c r="N376328" s="10"/>
    </row>
    <row r="376329" spans="14:14">
      <c r="N376329" s="10"/>
    </row>
    <row r="376330" spans="14:14">
      <c r="N376330" s="10"/>
    </row>
    <row r="376331" spans="14:14">
      <c r="N376331" s="10"/>
    </row>
    <row r="376332" spans="14:14">
      <c r="N376332" s="10"/>
    </row>
    <row r="376333" spans="14:14">
      <c r="N376333" s="10"/>
    </row>
    <row r="376334" spans="14:14">
      <c r="N376334" s="10"/>
    </row>
    <row r="376335" spans="14:14">
      <c r="N376335" s="10"/>
    </row>
    <row r="376336" spans="14:14">
      <c r="N376336" s="10"/>
    </row>
    <row r="376337" spans="14:14">
      <c r="N376337" s="10"/>
    </row>
    <row r="376338" spans="14:14">
      <c r="N376338" s="10"/>
    </row>
    <row r="376339" spans="14:14">
      <c r="N376339" s="10"/>
    </row>
    <row r="376340" spans="14:14">
      <c r="N376340" s="10"/>
    </row>
    <row r="376341" spans="14:14">
      <c r="N376341" s="10"/>
    </row>
    <row r="376342" spans="14:14">
      <c r="N376342" s="10"/>
    </row>
    <row r="376343" spans="14:14">
      <c r="N376343" s="10"/>
    </row>
    <row r="376344" spans="14:14">
      <c r="N376344" s="10"/>
    </row>
    <row r="376345" spans="14:14">
      <c r="N376345" s="10"/>
    </row>
    <row r="376346" spans="14:14">
      <c r="N376346" s="10"/>
    </row>
    <row r="376347" spans="14:14">
      <c r="N376347" s="10"/>
    </row>
    <row r="376348" spans="14:14">
      <c r="N376348" s="10"/>
    </row>
    <row r="376349" spans="14:14">
      <c r="N376349" s="10"/>
    </row>
    <row r="376350" spans="14:14">
      <c r="N376350" s="10"/>
    </row>
    <row r="376351" spans="14:14">
      <c r="N376351" s="10"/>
    </row>
    <row r="376352" spans="14:14">
      <c r="N376352" s="10"/>
    </row>
    <row r="376353" spans="14:14">
      <c r="N376353" s="10"/>
    </row>
    <row r="376354" spans="14:14">
      <c r="N376354" s="10"/>
    </row>
    <row r="376355" spans="14:14">
      <c r="N376355" s="10"/>
    </row>
    <row r="376356" spans="14:14">
      <c r="N376356" s="10"/>
    </row>
    <row r="376357" spans="14:14">
      <c r="N376357" s="10"/>
    </row>
    <row r="376358" spans="14:14">
      <c r="N376358" s="10"/>
    </row>
    <row r="376359" spans="14:14">
      <c r="N376359" s="10"/>
    </row>
    <row r="376360" spans="14:14">
      <c r="N376360" s="10"/>
    </row>
    <row r="376361" spans="14:14">
      <c r="N376361" s="10"/>
    </row>
    <row r="376362" spans="14:14">
      <c r="N376362" s="10"/>
    </row>
    <row r="376363" spans="14:14">
      <c r="N376363" s="10"/>
    </row>
    <row r="376364" spans="14:14">
      <c r="N376364" s="10"/>
    </row>
    <row r="376365" spans="14:14">
      <c r="N376365" s="10"/>
    </row>
    <row r="376366" spans="14:14">
      <c r="N376366" s="10"/>
    </row>
    <row r="376367" spans="14:14">
      <c r="N376367" s="10"/>
    </row>
    <row r="376368" spans="14:14">
      <c r="N376368" s="10"/>
    </row>
    <row r="376369" spans="14:14">
      <c r="N376369" s="10"/>
    </row>
    <row r="376370" spans="14:14">
      <c r="N376370" s="10"/>
    </row>
    <row r="376371" spans="14:14">
      <c r="N376371" s="10"/>
    </row>
    <row r="376372" spans="14:14">
      <c r="N376372" s="10"/>
    </row>
    <row r="376373" spans="14:14">
      <c r="N376373" s="10"/>
    </row>
    <row r="376374" spans="14:14">
      <c r="N376374" s="10"/>
    </row>
    <row r="376375" spans="14:14">
      <c r="N376375" s="10"/>
    </row>
    <row r="376376" spans="14:14">
      <c r="N376376" s="10"/>
    </row>
    <row r="376377" spans="14:14">
      <c r="N376377" s="10"/>
    </row>
    <row r="376378" spans="14:14">
      <c r="N376378" s="10"/>
    </row>
    <row r="376379" spans="14:14">
      <c r="N376379" s="10"/>
    </row>
    <row r="376380" spans="14:14">
      <c r="N376380" s="10"/>
    </row>
    <row r="376381" spans="14:14">
      <c r="N376381" s="10"/>
    </row>
    <row r="376382" spans="14:14">
      <c r="N376382" s="10"/>
    </row>
    <row r="376383" spans="14:14">
      <c r="N376383" s="10"/>
    </row>
    <row r="376384" spans="14:14">
      <c r="N376384" s="10"/>
    </row>
    <row r="376385" spans="14:14">
      <c r="N376385" s="10"/>
    </row>
    <row r="376386" spans="14:14">
      <c r="N376386" s="10"/>
    </row>
    <row r="376387" spans="14:14">
      <c r="N376387" s="10"/>
    </row>
    <row r="376388" spans="14:14">
      <c r="N376388" s="10"/>
    </row>
    <row r="376389" spans="14:14">
      <c r="N376389" s="10"/>
    </row>
    <row r="376390" spans="14:14">
      <c r="N376390" s="10"/>
    </row>
    <row r="376391" spans="14:14">
      <c r="N376391" s="10"/>
    </row>
    <row r="376392" spans="14:14">
      <c r="N376392" s="10"/>
    </row>
    <row r="376393" spans="14:14">
      <c r="N376393" s="10"/>
    </row>
    <row r="376394" spans="14:14">
      <c r="N376394" s="10"/>
    </row>
    <row r="376395" spans="14:14">
      <c r="N376395" s="10"/>
    </row>
    <row r="376396" spans="14:14">
      <c r="N376396" s="10"/>
    </row>
    <row r="376397" spans="14:14">
      <c r="N376397" s="10"/>
    </row>
    <row r="376398" spans="14:14">
      <c r="N376398" s="10"/>
    </row>
    <row r="376399" spans="14:14">
      <c r="N376399" s="10"/>
    </row>
    <row r="376400" spans="14:14">
      <c r="N376400" s="10"/>
    </row>
    <row r="376401" spans="14:14">
      <c r="N376401" s="10"/>
    </row>
    <row r="376402" spans="14:14">
      <c r="N376402" s="10"/>
    </row>
    <row r="376403" spans="14:14">
      <c r="N376403" s="10"/>
    </row>
    <row r="376404" spans="14:14">
      <c r="N376404" s="10"/>
    </row>
    <row r="376405" spans="14:14">
      <c r="N376405" s="10"/>
    </row>
    <row r="376406" spans="14:14">
      <c r="N376406" s="10"/>
    </row>
    <row r="376407" spans="14:14">
      <c r="N376407" s="10"/>
    </row>
    <row r="376408" spans="14:14">
      <c r="N376408" s="10"/>
    </row>
    <row r="376409" spans="14:14">
      <c r="N376409" s="10"/>
    </row>
    <row r="376410" spans="14:14">
      <c r="N376410" s="10"/>
    </row>
    <row r="376411" spans="14:14">
      <c r="N376411" s="10"/>
    </row>
    <row r="376412" spans="14:14">
      <c r="N376412" s="10"/>
    </row>
    <row r="376413" spans="14:14">
      <c r="N376413" s="10"/>
    </row>
    <row r="376414" spans="14:14">
      <c r="N376414" s="10"/>
    </row>
    <row r="376415" spans="14:14">
      <c r="N376415" s="10"/>
    </row>
    <row r="376416" spans="14:14">
      <c r="N376416" s="10"/>
    </row>
    <row r="376417" spans="14:14">
      <c r="N376417" s="10"/>
    </row>
    <row r="376418" spans="14:14">
      <c r="N376418" s="10"/>
    </row>
    <row r="376419" spans="14:14">
      <c r="N376419" s="10"/>
    </row>
    <row r="376420" spans="14:14">
      <c r="N376420" s="10"/>
    </row>
    <row r="376421" spans="14:14">
      <c r="N376421" s="10"/>
    </row>
    <row r="376422" spans="14:14">
      <c r="N376422" s="10"/>
    </row>
    <row r="376423" spans="14:14">
      <c r="N376423" s="10"/>
    </row>
    <row r="376424" spans="14:14">
      <c r="N376424" s="10"/>
    </row>
    <row r="376425" spans="14:14">
      <c r="N376425" s="10"/>
    </row>
    <row r="376426" spans="14:14">
      <c r="N376426" s="10"/>
    </row>
    <row r="376427" spans="14:14">
      <c r="N376427" s="10"/>
    </row>
    <row r="376428" spans="14:14">
      <c r="N376428" s="10"/>
    </row>
    <row r="376429" spans="14:14">
      <c r="N376429" s="10"/>
    </row>
    <row r="376430" spans="14:14">
      <c r="N376430" s="10"/>
    </row>
    <row r="376431" spans="14:14">
      <c r="N376431" s="10"/>
    </row>
    <row r="376432" spans="14:14">
      <c r="N376432" s="10"/>
    </row>
    <row r="376433" spans="14:14">
      <c r="N376433" s="10"/>
    </row>
    <row r="376434" spans="14:14">
      <c r="N376434" s="10"/>
    </row>
    <row r="376435" spans="14:14">
      <c r="N376435" s="10"/>
    </row>
    <row r="376436" spans="14:14">
      <c r="N376436" s="10"/>
    </row>
    <row r="376437" spans="14:14">
      <c r="N376437" s="10"/>
    </row>
    <row r="376438" spans="14:14">
      <c r="N376438" s="10"/>
    </row>
    <row r="376439" spans="14:14">
      <c r="N376439" s="10"/>
    </row>
    <row r="376440" spans="14:14">
      <c r="N376440" s="10"/>
    </row>
    <row r="376441" spans="14:14">
      <c r="N376441" s="10"/>
    </row>
    <row r="376442" spans="14:14">
      <c r="N376442" s="10"/>
    </row>
    <row r="376443" spans="14:14">
      <c r="N376443" s="10"/>
    </row>
    <row r="376444" spans="14:14">
      <c r="N376444" s="10"/>
    </row>
    <row r="376445" spans="14:14">
      <c r="N376445" s="10"/>
    </row>
    <row r="376446" spans="14:14">
      <c r="N376446" s="10"/>
    </row>
    <row r="376447" spans="14:14">
      <c r="N376447" s="10"/>
    </row>
    <row r="376448" spans="14:14">
      <c r="N376448" s="10"/>
    </row>
    <row r="376449" spans="14:14">
      <c r="N376449" s="10"/>
    </row>
    <row r="376450" spans="14:14">
      <c r="N376450" s="10"/>
    </row>
    <row r="376451" spans="14:14">
      <c r="N376451" s="10"/>
    </row>
    <row r="376452" spans="14:14">
      <c r="N376452" s="10"/>
    </row>
    <row r="376453" spans="14:14">
      <c r="N376453" s="10"/>
    </row>
    <row r="376454" spans="14:14">
      <c r="N376454" s="10"/>
    </row>
    <row r="376455" spans="14:14">
      <c r="N376455" s="10"/>
    </row>
    <row r="376456" spans="14:14">
      <c r="N376456" s="10"/>
    </row>
    <row r="376457" spans="14:14">
      <c r="N376457" s="10"/>
    </row>
    <row r="376458" spans="14:14">
      <c r="N376458" s="10"/>
    </row>
    <row r="376459" spans="14:14">
      <c r="N376459" s="10"/>
    </row>
    <row r="376460" spans="14:14">
      <c r="N376460" s="10"/>
    </row>
    <row r="376461" spans="14:14">
      <c r="N376461" s="10"/>
    </row>
    <row r="376462" spans="14:14">
      <c r="N376462" s="10"/>
    </row>
    <row r="376463" spans="14:14">
      <c r="N376463" s="10"/>
    </row>
    <row r="376464" spans="14:14">
      <c r="N376464" s="10"/>
    </row>
    <row r="376465" spans="14:14">
      <c r="N376465" s="10"/>
    </row>
    <row r="376466" spans="14:14">
      <c r="N376466" s="10"/>
    </row>
    <row r="376467" spans="14:14">
      <c r="N376467" s="10"/>
    </row>
    <row r="376468" spans="14:14">
      <c r="N376468" s="10"/>
    </row>
    <row r="376469" spans="14:14">
      <c r="N376469" s="10"/>
    </row>
    <row r="376470" spans="14:14">
      <c r="N376470" s="10"/>
    </row>
    <row r="376471" spans="14:14">
      <c r="N376471" s="10"/>
    </row>
    <row r="376472" spans="14:14">
      <c r="N376472" s="10"/>
    </row>
    <row r="376473" spans="14:14">
      <c r="N376473" s="10"/>
    </row>
    <row r="376474" spans="14:14">
      <c r="N376474" s="10"/>
    </row>
    <row r="376475" spans="14:14">
      <c r="N376475" s="10"/>
    </row>
    <row r="376476" spans="14:14">
      <c r="N376476" s="10"/>
    </row>
    <row r="376477" spans="14:14">
      <c r="N376477" s="10"/>
    </row>
    <row r="376478" spans="14:14">
      <c r="N376478" s="10"/>
    </row>
    <row r="376479" spans="14:14">
      <c r="N376479" s="10"/>
    </row>
    <row r="376480" spans="14:14">
      <c r="N376480" s="10"/>
    </row>
    <row r="376481" spans="14:14">
      <c r="N376481" s="10"/>
    </row>
    <row r="376482" spans="14:14">
      <c r="N376482" s="10"/>
    </row>
    <row r="376483" spans="14:14">
      <c r="N376483" s="10"/>
    </row>
    <row r="376484" spans="14:14">
      <c r="N376484" s="10"/>
    </row>
    <row r="376485" spans="14:14">
      <c r="N376485" s="10"/>
    </row>
    <row r="376486" spans="14:14">
      <c r="N376486" s="10"/>
    </row>
    <row r="376487" spans="14:14">
      <c r="N376487" s="10"/>
    </row>
    <row r="376488" spans="14:14">
      <c r="N376488" s="10"/>
    </row>
    <row r="376489" spans="14:14">
      <c r="N376489" s="10"/>
    </row>
    <row r="376490" spans="14:14">
      <c r="N376490" s="10"/>
    </row>
    <row r="376491" spans="14:14">
      <c r="N376491" s="10"/>
    </row>
    <row r="376492" spans="14:14">
      <c r="N376492" s="10"/>
    </row>
    <row r="376493" spans="14:14">
      <c r="N376493" s="10"/>
    </row>
    <row r="376494" spans="14:14">
      <c r="N376494" s="10"/>
    </row>
    <row r="376495" spans="14:14">
      <c r="N376495" s="10"/>
    </row>
    <row r="376496" spans="14:14">
      <c r="N376496" s="10"/>
    </row>
    <row r="376497" spans="14:14">
      <c r="N376497" s="10"/>
    </row>
    <row r="376498" spans="14:14">
      <c r="N376498" s="10"/>
    </row>
    <row r="376499" spans="14:14">
      <c r="N376499" s="10"/>
    </row>
    <row r="376500" spans="14:14">
      <c r="N376500" s="10"/>
    </row>
    <row r="376501" spans="14:14">
      <c r="N376501" s="10"/>
    </row>
    <row r="376502" spans="14:14">
      <c r="N376502" s="10"/>
    </row>
    <row r="376503" spans="14:14">
      <c r="N376503" s="10"/>
    </row>
    <row r="376504" spans="14:14">
      <c r="N376504" s="10"/>
    </row>
    <row r="376505" spans="14:14">
      <c r="N376505" s="10"/>
    </row>
    <row r="376506" spans="14:14">
      <c r="N376506" s="10"/>
    </row>
    <row r="376507" spans="14:14">
      <c r="N376507" s="10"/>
    </row>
    <row r="376508" spans="14:14">
      <c r="N376508" s="10"/>
    </row>
    <row r="376509" spans="14:14">
      <c r="N376509" s="10"/>
    </row>
    <row r="376510" spans="14:14">
      <c r="N376510" s="10"/>
    </row>
    <row r="376511" spans="14:14">
      <c r="N376511" s="10"/>
    </row>
    <row r="376512" spans="14:14">
      <c r="N376512" s="10"/>
    </row>
    <row r="376513" spans="14:14">
      <c r="N376513" s="10"/>
    </row>
    <row r="376514" spans="14:14">
      <c r="N376514" s="10"/>
    </row>
    <row r="376515" spans="14:14">
      <c r="N376515" s="10"/>
    </row>
    <row r="376516" spans="14:14">
      <c r="N376516" s="10"/>
    </row>
    <row r="376517" spans="14:14">
      <c r="N376517" s="10"/>
    </row>
    <row r="376518" spans="14:14">
      <c r="N376518" s="10"/>
    </row>
    <row r="376519" spans="14:14">
      <c r="N376519" s="10"/>
    </row>
    <row r="376520" spans="14:14">
      <c r="N376520" s="10"/>
    </row>
    <row r="376521" spans="14:14">
      <c r="N376521" s="10"/>
    </row>
    <row r="376522" spans="14:14">
      <c r="N376522" s="10"/>
    </row>
    <row r="376523" spans="14:14">
      <c r="N376523" s="10"/>
    </row>
    <row r="376524" spans="14:14">
      <c r="N376524" s="10"/>
    </row>
    <row r="376525" spans="14:14">
      <c r="N376525" s="10"/>
    </row>
    <row r="376526" spans="14:14">
      <c r="N376526" s="10"/>
    </row>
    <row r="376527" spans="14:14">
      <c r="N376527" s="10"/>
    </row>
    <row r="376528" spans="14:14">
      <c r="N376528" s="10"/>
    </row>
    <row r="376529" spans="14:14">
      <c r="N376529" s="10"/>
    </row>
    <row r="376530" spans="14:14">
      <c r="N376530" s="10"/>
    </row>
    <row r="376531" spans="14:14">
      <c r="N376531" s="10"/>
    </row>
    <row r="376532" spans="14:14">
      <c r="N376532" s="10"/>
    </row>
    <row r="376533" spans="14:14">
      <c r="N376533" s="10"/>
    </row>
    <row r="376534" spans="14:14">
      <c r="N376534" s="10"/>
    </row>
    <row r="376535" spans="14:14">
      <c r="N376535" s="10"/>
    </row>
    <row r="376536" spans="14:14">
      <c r="N376536" s="10"/>
    </row>
    <row r="376537" spans="14:14">
      <c r="N376537" s="10"/>
    </row>
    <row r="376538" spans="14:14">
      <c r="N376538" s="10"/>
    </row>
    <row r="376539" spans="14:14">
      <c r="N376539" s="10"/>
    </row>
    <row r="376540" spans="14:14">
      <c r="N376540" s="10"/>
    </row>
    <row r="376541" spans="14:14">
      <c r="N376541" s="10"/>
    </row>
    <row r="376542" spans="14:14">
      <c r="N376542" s="10"/>
    </row>
    <row r="376543" spans="14:14">
      <c r="N376543" s="10"/>
    </row>
    <row r="376544" spans="14:14">
      <c r="N376544" s="10"/>
    </row>
    <row r="376545" spans="14:14">
      <c r="N376545" s="10"/>
    </row>
    <row r="376546" spans="14:14">
      <c r="N376546" s="10"/>
    </row>
    <row r="376547" spans="14:14">
      <c r="N376547" s="10"/>
    </row>
    <row r="376548" spans="14:14">
      <c r="N376548" s="10"/>
    </row>
    <row r="376549" spans="14:14">
      <c r="N376549" s="10"/>
    </row>
    <row r="376550" spans="14:14">
      <c r="N376550" s="10"/>
    </row>
    <row r="376551" spans="14:14">
      <c r="N376551" s="10"/>
    </row>
    <row r="376552" spans="14:14">
      <c r="N376552" s="10"/>
    </row>
    <row r="376553" spans="14:14">
      <c r="N376553" s="10"/>
    </row>
    <row r="376554" spans="14:14">
      <c r="N376554" s="10"/>
    </row>
    <row r="376555" spans="14:14">
      <c r="N376555" s="10"/>
    </row>
    <row r="376556" spans="14:14">
      <c r="N376556" s="10"/>
    </row>
    <row r="376557" spans="14:14">
      <c r="N376557" s="10"/>
    </row>
    <row r="376558" spans="14:14">
      <c r="N376558" s="10"/>
    </row>
    <row r="376559" spans="14:14">
      <c r="N376559" s="10"/>
    </row>
    <row r="376560" spans="14:14">
      <c r="N376560" s="10"/>
    </row>
    <row r="376561" spans="14:14">
      <c r="N376561" s="10"/>
    </row>
    <row r="376562" spans="14:14">
      <c r="N376562" s="10"/>
    </row>
    <row r="376563" spans="14:14">
      <c r="N376563" s="10"/>
    </row>
    <row r="376564" spans="14:14">
      <c r="N376564" s="10"/>
    </row>
    <row r="376565" spans="14:14">
      <c r="N376565" s="10"/>
    </row>
    <row r="376566" spans="14:14">
      <c r="N376566" s="10"/>
    </row>
    <row r="376567" spans="14:14">
      <c r="N376567" s="10"/>
    </row>
    <row r="376568" spans="14:14">
      <c r="N376568" s="10"/>
    </row>
    <row r="376569" spans="14:14">
      <c r="N376569" s="10"/>
    </row>
    <row r="376570" spans="14:14">
      <c r="N376570" s="10"/>
    </row>
    <row r="376571" spans="14:14">
      <c r="N376571" s="10"/>
    </row>
    <row r="376572" spans="14:14">
      <c r="N376572" s="10"/>
    </row>
    <row r="376573" spans="14:14">
      <c r="N376573" s="10"/>
    </row>
    <row r="376574" spans="14:14">
      <c r="N376574" s="10"/>
    </row>
    <row r="376575" spans="14:14">
      <c r="N376575" s="10"/>
    </row>
    <row r="376576" spans="14:14">
      <c r="N376576" s="10"/>
    </row>
    <row r="376577" spans="14:14">
      <c r="N376577" s="10"/>
    </row>
    <row r="376578" spans="14:14">
      <c r="N376578" s="10"/>
    </row>
    <row r="376579" spans="14:14">
      <c r="N376579" s="10"/>
    </row>
    <row r="376580" spans="14:14">
      <c r="N376580" s="10"/>
    </row>
    <row r="376581" spans="14:14">
      <c r="N376581" s="10"/>
    </row>
    <row r="376582" spans="14:14">
      <c r="N376582" s="10"/>
    </row>
    <row r="376583" spans="14:14">
      <c r="N376583" s="10"/>
    </row>
    <row r="376584" spans="14:14">
      <c r="N376584" s="10"/>
    </row>
    <row r="376585" spans="14:14">
      <c r="N376585" s="10"/>
    </row>
    <row r="376586" spans="14:14">
      <c r="N376586" s="10"/>
    </row>
    <row r="376587" spans="14:14">
      <c r="N376587" s="10"/>
    </row>
    <row r="376588" spans="14:14">
      <c r="N376588" s="10"/>
    </row>
    <row r="376589" spans="14:14">
      <c r="N376589" s="10"/>
    </row>
    <row r="376590" spans="14:14">
      <c r="N376590" s="10"/>
    </row>
    <row r="376591" spans="14:14">
      <c r="N376591" s="10"/>
    </row>
    <row r="376592" spans="14:14">
      <c r="N376592" s="10"/>
    </row>
    <row r="376593" spans="14:14">
      <c r="N376593" s="10"/>
    </row>
    <row r="376594" spans="14:14">
      <c r="N376594" s="10"/>
    </row>
    <row r="376595" spans="14:14">
      <c r="N376595" s="10"/>
    </row>
    <row r="376596" spans="14:14">
      <c r="N376596" s="10"/>
    </row>
    <row r="376597" spans="14:14">
      <c r="N376597" s="10"/>
    </row>
    <row r="376598" spans="14:14">
      <c r="N376598" s="10"/>
    </row>
    <row r="376599" spans="14:14">
      <c r="N376599" s="10"/>
    </row>
    <row r="376600" spans="14:14">
      <c r="N376600" s="10"/>
    </row>
    <row r="376601" spans="14:14">
      <c r="N376601" s="10"/>
    </row>
    <row r="376602" spans="14:14">
      <c r="N376602" s="10"/>
    </row>
    <row r="376603" spans="14:14">
      <c r="N376603" s="10"/>
    </row>
    <row r="376604" spans="14:14">
      <c r="N376604" s="10"/>
    </row>
    <row r="376605" spans="14:14">
      <c r="N376605" s="10"/>
    </row>
    <row r="376606" spans="14:14">
      <c r="N376606" s="10"/>
    </row>
    <row r="376607" spans="14:14">
      <c r="N376607" s="10"/>
    </row>
    <row r="376608" spans="14:14">
      <c r="N376608" s="10"/>
    </row>
    <row r="376609" spans="14:14">
      <c r="N376609" s="10"/>
    </row>
    <row r="376610" spans="14:14">
      <c r="N376610" s="10"/>
    </row>
    <row r="376611" spans="14:14">
      <c r="N376611" s="10"/>
    </row>
    <row r="376612" spans="14:14">
      <c r="N376612" s="10"/>
    </row>
    <row r="376613" spans="14:14">
      <c r="N376613" s="10"/>
    </row>
    <row r="376614" spans="14:14">
      <c r="N376614" s="10"/>
    </row>
    <row r="376615" spans="14:14">
      <c r="N376615" s="10"/>
    </row>
    <row r="376616" spans="14:14">
      <c r="N376616" s="10"/>
    </row>
    <row r="376617" spans="14:14">
      <c r="N376617" s="10"/>
    </row>
    <row r="376618" spans="14:14">
      <c r="N376618" s="10"/>
    </row>
    <row r="376619" spans="14:14">
      <c r="N376619" s="10"/>
    </row>
    <row r="376620" spans="14:14">
      <c r="N376620" s="10"/>
    </row>
    <row r="376621" spans="14:14">
      <c r="N376621" s="10"/>
    </row>
    <row r="376622" spans="14:14">
      <c r="N376622" s="10"/>
    </row>
    <row r="376623" spans="14:14">
      <c r="N376623" s="10"/>
    </row>
    <row r="376624" spans="14:14">
      <c r="N376624" s="10"/>
    </row>
    <row r="376625" spans="14:14">
      <c r="N376625" s="10"/>
    </row>
    <row r="376626" spans="14:14">
      <c r="N376626" s="10"/>
    </row>
    <row r="376627" spans="14:14">
      <c r="N376627" s="10"/>
    </row>
    <row r="376628" spans="14:14">
      <c r="N376628" s="10"/>
    </row>
    <row r="376629" spans="14:14">
      <c r="N376629" s="10"/>
    </row>
    <row r="376630" spans="14:14">
      <c r="N376630" s="10"/>
    </row>
    <row r="376631" spans="14:14">
      <c r="N376631" s="10"/>
    </row>
    <row r="376632" spans="14:14">
      <c r="N376632" s="10"/>
    </row>
    <row r="376633" spans="14:14">
      <c r="N376633" s="10"/>
    </row>
    <row r="376634" spans="14:14">
      <c r="N376634" s="10"/>
    </row>
    <row r="376635" spans="14:14">
      <c r="N376635" s="10"/>
    </row>
    <row r="376636" spans="14:14">
      <c r="N376636" s="10"/>
    </row>
    <row r="376637" spans="14:14">
      <c r="N376637" s="10"/>
    </row>
    <row r="376638" spans="14:14">
      <c r="N376638" s="10"/>
    </row>
    <row r="376639" spans="14:14">
      <c r="N376639" s="10"/>
    </row>
    <row r="376640" spans="14:14">
      <c r="N376640" s="10"/>
    </row>
    <row r="376641" spans="14:14">
      <c r="N376641" s="10"/>
    </row>
    <row r="376642" spans="14:14">
      <c r="N376642" s="10"/>
    </row>
    <row r="376643" spans="14:14">
      <c r="N376643" s="10"/>
    </row>
    <row r="376644" spans="14:14">
      <c r="N376644" s="10"/>
    </row>
    <row r="376645" spans="14:14">
      <c r="N376645" s="10"/>
    </row>
    <row r="376646" spans="14:14">
      <c r="N376646" s="10"/>
    </row>
    <row r="376647" spans="14:14">
      <c r="N376647" s="10"/>
    </row>
    <row r="376648" spans="14:14">
      <c r="N376648" s="10"/>
    </row>
    <row r="376649" spans="14:14">
      <c r="N376649" s="10"/>
    </row>
    <row r="376650" spans="14:14">
      <c r="N376650" s="10"/>
    </row>
    <row r="376651" spans="14:14">
      <c r="N376651" s="10"/>
    </row>
    <row r="376652" spans="14:14">
      <c r="N376652" s="10"/>
    </row>
    <row r="376653" spans="14:14">
      <c r="N376653" s="10"/>
    </row>
    <row r="376654" spans="14:14">
      <c r="N376654" s="10"/>
    </row>
    <row r="376655" spans="14:14">
      <c r="N376655" s="10"/>
    </row>
    <row r="376656" spans="14:14">
      <c r="N376656" s="10"/>
    </row>
    <row r="376657" spans="14:14">
      <c r="N376657" s="10"/>
    </row>
    <row r="376658" spans="14:14">
      <c r="N376658" s="10"/>
    </row>
    <row r="376659" spans="14:14">
      <c r="N376659" s="10"/>
    </row>
    <row r="376660" spans="14:14">
      <c r="N376660" s="10"/>
    </row>
    <row r="376661" spans="14:14">
      <c r="N376661" s="10"/>
    </row>
    <row r="376662" spans="14:14">
      <c r="N376662" s="10"/>
    </row>
    <row r="376663" spans="14:14">
      <c r="N376663" s="10"/>
    </row>
    <row r="376664" spans="14:14">
      <c r="N376664" s="10"/>
    </row>
    <row r="376665" spans="14:14">
      <c r="N376665" s="10"/>
    </row>
    <row r="376666" spans="14:14">
      <c r="N376666" s="10"/>
    </row>
    <row r="376667" spans="14:14">
      <c r="N376667" s="10"/>
    </row>
    <row r="376668" spans="14:14">
      <c r="N376668" s="10"/>
    </row>
    <row r="376669" spans="14:14">
      <c r="N376669" s="10"/>
    </row>
    <row r="376670" spans="14:14">
      <c r="N376670" s="10"/>
    </row>
    <row r="376671" spans="14:14">
      <c r="N376671" s="10"/>
    </row>
    <row r="376672" spans="14:14">
      <c r="N376672" s="10"/>
    </row>
    <row r="376673" spans="14:14">
      <c r="N376673" s="10"/>
    </row>
    <row r="376674" spans="14:14">
      <c r="N376674" s="10"/>
    </row>
    <row r="376675" spans="14:14">
      <c r="N376675" s="10"/>
    </row>
    <row r="376676" spans="14:14">
      <c r="N376676" s="10"/>
    </row>
    <row r="376677" spans="14:14">
      <c r="N376677" s="10"/>
    </row>
    <row r="376678" spans="14:14">
      <c r="N376678" s="10"/>
    </row>
    <row r="376679" spans="14:14">
      <c r="N376679" s="10"/>
    </row>
    <row r="376680" spans="14:14">
      <c r="N376680" s="10"/>
    </row>
    <row r="376681" spans="14:14">
      <c r="N376681" s="10"/>
    </row>
    <row r="376682" spans="14:14">
      <c r="N376682" s="10"/>
    </row>
    <row r="376683" spans="14:14">
      <c r="N376683" s="10"/>
    </row>
    <row r="376684" spans="14:14">
      <c r="N376684" s="10"/>
    </row>
    <row r="376685" spans="14:14">
      <c r="N376685" s="10"/>
    </row>
    <row r="376686" spans="14:14">
      <c r="N376686" s="10"/>
    </row>
    <row r="376687" spans="14:14">
      <c r="N376687" s="10"/>
    </row>
    <row r="376688" spans="14:14">
      <c r="N376688" s="10"/>
    </row>
    <row r="376689" spans="14:14">
      <c r="N376689" s="10"/>
    </row>
    <row r="376690" spans="14:14">
      <c r="N376690" s="10"/>
    </row>
    <row r="376691" spans="14:14">
      <c r="N376691" s="10"/>
    </row>
    <row r="376692" spans="14:14">
      <c r="N376692" s="10"/>
    </row>
    <row r="376693" spans="14:14">
      <c r="N376693" s="10"/>
    </row>
    <row r="376694" spans="14:14">
      <c r="N376694" s="10"/>
    </row>
    <row r="376695" spans="14:14">
      <c r="N376695" s="10"/>
    </row>
    <row r="376696" spans="14:14">
      <c r="N376696" s="10"/>
    </row>
    <row r="376697" spans="14:14">
      <c r="N376697" s="10"/>
    </row>
    <row r="376698" spans="14:14">
      <c r="N376698" s="10"/>
    </row>
    <row r="376699" spans="14:14">
      <c r="N376699" s="10"/>
    </row>
    <row r="376700" spans="14:14">
      <c r="N376700" s="10"/>
    </row>
    <row r="376701" spans="14:14">
      <c r="N376701" s="10"/>
    </row>
    <row r="376702" spans="14:14">
      <c r="N376702" s="10"/>
    </row>
    <row r="376703" spans="14:14">
      <c r="N376703" s="10"/>
    </row>
    <row r="376704" spans="14:14">
      <c r="N376704" s="10"/>
    </row>
    <row r="376705" spans="14:14">
      <c r="N376705" s="10"/>
    </row>
    <row r="376706" spans="14:14">
      <c r="N376706" s="10"/>
    </row>
    <row r="376707" spans="14:14">
      <c r="N376707" s="10"/>
    </row>
    <row r="376708" spans="14:14">
      <c r="N376708" s="10"/>
    </row>
    <row r="376709" spans="14:14">
      <c r="N376709" s="10"/>
    </row>
    <row r="376710" spans="14:14">
      <c r="N376710" s="10"/>
    </row>
    <row r="376711" spans="14:14">
      <c r="N376711" s="10"/>
    </row>
    <row r="376712" spans="14:14">
      <c r="N376712" s="10"/>
    </row>
    <row r="376713" spans="14:14">
      <c r="N376713" s="10"/>
    </row>
    <row r="376714" spans="14:14">
      <c r="N376714" s="10"/>
    </row>
    <row r="376715" spans="14:14">
      <c r="N376715" s="10"/>
    </row>
    <row r="376716" spans="14:14">
      <c r="N376716" s="10"/>
    </row>
    <row r="376717" spans="14:14">
      <c r="N376717" s="10"/>
    </row>
    <row r="376718" spans="14:14">
      <c r="N376718" s="10"/>
    </row>
    <row r="376719" spans="14:14">
      <c r="N376719" s="10"/>
    </row>
    <row r="376720" spans="14:14">
      <c r="N376720" s="10"/>
    </row>
    <row r="376721" spans="14:14">
      <c r="N376721" s="10"/>
    </row>
    <row r="376722" spans="14:14">
      <c r="N376722" s="10"/>
    </row>
    <row r="376723" spans="14:14">
      <c r="N376723" s="10"/>
    </row>
    <row r="376724" spans="14:14">
      <c r="N376724" s="10"/>
    </row>
    <row r="376725" spans="14:14">
      <c r="N376725" s="10"/>
    </row>
    <row r="376726" spans="14:14">
      <c r="N376726" s="10"/>
    </row>
    <row r="376727" spans="14:14">
      <c r="N376727" s="10"/>
    </row>
    <row r="376728" spans="14:14">
      <c r="N376728" s="10"/>
    </row>
    <row r="376729" spans="14:14">
      <c r="N376729" s="10"/>
    </row>
    <row r="376730" spans="14:14">
      <c r="N376730" s="10"/>
    </row>
    <row r="376731" spans="14:14">
      <c r="N376731" s="10"/>
    </row>
    <row r="376732" spans="14:14">
      <c r="N376732" s="10"/>
    </row>
    <row r="376733" spans="14:14">
      <c r="N376733" s="10"/>
    </row>
    <row r="376734" spans="14:14">
      <c r="N376734" s="10"/>
    </row>
    <row r="376735" spans="14:14">
      <c r="N376735" s="10"/>
    </row>
    <row r="376736" spans="14:14">
      <c r="N376736" s="10"/>
    </row>
    <row r="376737" spans="14:14">
      <c r="N376737" s="10"/>
    </row>
    <row r="376738" spans="14:14">
      <c r="N376738" s="10"/>
    </row>
    <row r="376739" spans="14:14">
      <c r="N376739" s="10"/>
    </row>
    <row r="376740" spans="14:14">
      <c r="N376740" s="10"/>
    </row>
    <row r="376741" spans="14:14">
      <c r="N376741" s="10"/>
    </row>
    <row r="376742" spans="14:14">
      <c r="N376742" s="10"/>
    </row>
    <row r="376743" spans="14:14">
      <c r="N376743" s="10"/>
    </row>
    <row r="376744" spans="14:14">
      <c r="N376744" s="10"/>
    </row>
    <row r="376745" spans="14:14">
      <c r="N376745" s="10"/>
    </row>
    <row r="376746" spans="14:14">
      <c r="N376746" s="10"/>
    </row>
    <row r="376747" spans="14:14">
      <c r="N376747" s="10"/>
    </row>
    <row r="376748" spans="14:14">
      <c r="N376748" s="10"/>
    </row>
    <row r="376749" spans="14:14">
      <c r="N376749" s="10"/>
    </row>
    <row r="376750" spans="14:14">
      <c r="N376750" s="10"/>
    </row>
    <row r="376751" spans="14:14">
      <c r="N376751" s="10"/>
    </row>
    <row r="376752" spans="14:14">
      <c r="N376752" s="10"/>
    </row>
    <row r="376753" spans="14:14">
      <c r="N376753" s="10"/>
    </row>
    <row r="376754" spans="14:14">
      <c r="N376754" s="10"/>
    </row>
    <row r="376755" spans="14:14">
      <c r="N376755" s="10"/>
    </row>
    <row r="376756" spans="14:14">
      <c r="N376756" s="10"/>
    </row>
    <row r="376757" spans="14:14">
      <c r="N376757" s="10"/>
    </row>
    <row r="376758" spans="14:14">
      <c r="N376758" s="10"/>
    </row>
    <row r="376759" spans="14:14">
      <c r="N376759" s="10"/>
    </row>
    <row r="376760" spans="14:14">
      <c r="N376760" s="10"/>
    </row>
    <row r="376761" spans="14:14">
      <c r="N376761" s="10"/>
    </row>
    <row r="376762" spans="14:14">
      <c r="N376762" s="10"/>
    </row>
    <row r="376763" spans="14:14">
      <c r="N376763" s="10"/>
    </row>
    <row r="376764" spans="14:14">
      <c r="N376764" s="10"/>
    </row>
    <row r="376765" spans="14:14">
      <c r="N376765" s="10"/>
    </row>
    <row r="376766" spans="14:14">
      <c r="N376766" s="10"/>
    </row>
    <row r="376767" spans="14:14">
      <c r="N376767" s="10"/>
    </row>
    <row r="376768" spans="14:14">
      <c r="N376768" s="10"/>
    </row>
    <row r="376769" spans="14:14">
      <c r="N376769" s="10"/>
    </row>
    <row r="376770" spans="14:14">
      <c r="N376770" s="10"/>
    </row>
    <row r="376771" spans="14:14">
      <c r="N376771" s="10"/>
    </row>
    <row r="376772" spans="14:14">
      <c r="N376772" s="10"/>
    </row>
    <row r="376773" spans="14:14">
      <c r="N376773" s="10"/>
    </row>
    <row r="376774" spans="14:14">
      <c r="N376774" s="10"/>
    </row>
    <row r="376775" spans="14:14">
      <c r="N376775" s="10"/>
    </row>
    <row r="376776" spans="14:14">
      <c r="N376776" s="10"/>
    </row>
    <row r="376777" spans="14:14">
      <c r="N376777" s="10"/>
    </row>
    <row r="376778" spans="14:14">
      <c r="N376778" s="10"/>
    </row>
    <row r="376779" spans="14:14">
      <c r="N376779" s="10"/>
    </row>
    <row r="376780" spans="14:14">
      <c r="N376780" s="10"/>
    </row>
    <row r="376781" spans="14:14">
      <c r="N376781" s="10"/>
    </row>
    <row r="376782" spans="14:14">
      <c r="N376782" s="10"/>
    </row>
    <row r="376783" spans="14:14">
      <c r="N376783" s="10"/>
    </row>
    <row r="376784" spans="14:14">
      <c r="N376784" s="10"/>
    </row>
    <row r="376785" spans="14:14">
      <c r="N376785" s="10"/>
    </row>
    <row r="376786" spans="14:14">
      <c r="N376786" s="10"/>
    </row>
    <row r="376787" spans="14:14">
      <c r="N376787" s="10"/>
    </row>
    <row r="376788" spans="14:14">
      <c r="N376788" s="10"/>
    </row>
    <row r="376789" spans="14:14">
      <c r="N376789" s="10"/>
    </row>
    <row r="376790" spans="14:14">
      <c r="N376790" s="10"/>
    </row>
    <row r="376791" spans="14:14">
      <c r="N376791" s="10"/>
    </row>
    <row r="376792" spans="14:14">
      <c r="N376792" s="10"/>
    </row>
    <row r="376793" spans="14:14">
      <c r="N376793" s="10"/>
    </row>
    <row r="376794" spans="14:14">
      <c r="N376794" s="10"/>
    </row>
    <row r="376795" spans="14:14">
      <c r="N376795" s="10"/>
    </row>
    <row r="376796" spans="14:14">
      <c r="N376796" s="10"/>
    </row>
    <row r="376797" spans="14:14">
      <c r="N376797" s="10"/>
    </row>
    <row r="376798" spans="14:14">
      <c r="N376798" s="10"/>
    </row>
    <row r="376799" spans="14:14">
      <c r="N376799" s="10"/>
    </row>
    <row r="376800" spans="14:14">
      <c r="N376800" s="10"/>
    </row>
    <row r="376801" spans="14:14">
      <c r="N376801" s="10"/>
    </row>
    <row r="376802" spans="14:14">
      <c r="N376802" s="10"/>
    </row>
    <row r="376803" spans="14:14">
      <c r="N376803" s="10"/>
    </row>
    <row r="376804" spans="14:14">
      <c r="N376804" s="10"/>
    </row>
    <row r="376805" spans="14:14">
      <c r="N376805" s="10"/>
    </row>
    <row r="376806" spans="14:14">
      <c r="N376806" s="10"/>
    </row>
    <row r="376807" spans="14:14">
      <c r="N376807" s="10"/>
    </row>
    <row r="376808" spans="14:14">
      <c r="N376808" s="10"/>
    </row>
    <row r="376809" spans="14:14">
      <c r="N376809" s="10"/>
    </row>
    <row r="376810" spans="14:14">
      <c r="N376810" s="10"/>
    </row>
    <row r="376811" spans="14:14">
      <c r="N376811" s="10"/>
    </row>
    <row r="376812" spans="14:14">
      <c r="N376812" s="10"/>
    </row>
    <row r="376813" spans="14:14">
      <c r="N376813" s="10"/>
    </row>
    <row r="376814" spans="14:14">
      <c r="N376814" s="10"/>
    </row>
    <row r="376815" spans="14:14">
      <c r="N376815" s="10"/>
    </row>
    <row r="376816" spans="14:14">
      <c r="N376816" s="10"/>
    </row>
    <row r="376817" spans="14:14">
      <c r="N376817" s="10"/>
    </row>
    <row r="376818" spans="14:14">
      <c r="N376818" s="10"/>
    </row>
    <row r="376819" spans="14:14">
      <c r="N376819" s="10"/>
    </row>
    <row r="376820" spans="14:14">
      <c r="N376820" s="10"/>
    </row>
    <row r="376821" spans="14:14">
      <c r="N376821" s="10"/>
    </row>
    <row r="376822" spans="14:14">
      <c r="N376822" s="10"/>
    </row>
    <row r="376823" spans="14:14">
      <c r="N376823" s="10"/>
    </row>
    <row r="376824" spans="14:14">
      <c r="N376824" s="10"/>
    </row>
    <row r="376825" spans="14:14">
      <c r="N376825" s="10"/>
    </row>
    <row r="376826" spans="14:14">
      <c r="N376826" s="10"/>
    </row>
    <row r="376827" spans="14:14">
      <c r="N376827" s="10"/>
    </row>
    <row r="376828" spans="14:14">
      <c r="N376828" s="10"/>
    </row>
    <row r="376829" spans="14:14">
      <c r="N376829" s="10"/>
    </row>
    <row r="376830" spans="14:14">
      <c r="N376830" s="10"/>
    </row>
    <row r="376831" spans="14:14">
      <c r="N376831" s="10"/>
    </row>
    <row r="376832" spans="14:14">
      <c r="N376832" s="10"/>
    </row>
    <row r="376833" spans="14:14">
      <c r="N376833" s="10"/>
    </row>
    <row r="376834" spans="14:14">
      <c r="N376834" s="10"/>
    </row>
    <row r="376835" spans="14:14">
      <c r="N376835" s="10"/>
    </row>
    <row r="376836" spans="14:14">
      <c r="N376836" s="10"/>
    </row>
    <row r="376837" spans="14:14">
      <c r="N376837" s="10"/>
    </row>
    <row r="376838" spans="14:14">
      <c r="N376838" s="10"/>
    </row>
    <row r="376839" spans="14:14">
      <c r="N376839" s="10"/>
    </row>
    <row r="376840" spans="14:14">
      <c r="N376840" s="10"/>
    </row>
    <row r="376841" spans="14:14">
      <c r="N376841" s="10"/>
    </row>
    <row r="376842" spans="14:14">
      <c r="N376842" s="10"/>
    </row>
    <row r="376843" spans="14:14">
      <c r="N376843" s="10"/>
    </row>
    <row r="376844" spans="14:14">
      <c r="N376844" s="10"/>
    </row>
    <row r="376845" spans="14:14">
      <c r="N376845" s="10"/>
    </row>
    <row r="376846" spans="14:14">
      <c r="N376846" s="10"/>
    </row>
    <row r="376847" spans="14:14">
      <c r="N376847" s="10"/>
    </row>
    <row r="376848" spans="14:14">
      <c r="N376848" s="10"/>
    </row>
    <row r="376849" spans="14:14">
      <c r="N376849" s="10"/>
    </row>
    <row r="376850" spans="14:14">
      <c r="N376850" s="10"/>
    </row>
    <row r="376851" spans="14:14">
      <c r="N376851" s="10"/>
    </row>
    <row r="376852" spans="14:14">
      <c r="N376852" s="10"/>
    </row>
    <row r="376853" spans="14:14">
      <c r="N376853" s="10"/>
    </row>
    <row r="376854" spans="14:14">
      <c r="N376854" s="10"/>
    </row>
    <row r="376855" spans="14:14">
      <c r="N376855" s="10"/>
    </row>
    <row r="376856" spans="14:14">
      <c r="N376856" s="10"/>
    </row>
    <row r="376857" spans="14:14">
      <c r="N376857" s="10"/>
    </row>
    <row r="376858" spans="14:14">
      <c r="N376858" s="10"/>
    </row>
    <row r="376859" spans="14:14">
      <c r="N376859" s="10"/>
    </row>
    <row r="376860" spans="14:14">
      <c r="N376860" s="10"/>
    </row>
    <row r="376861" spans="14:14">
      <c r="N376861" s="10"/>
    </row>
    <row r="376862" spans="14:14">
      <c r="N376862" s="10"/>
    </row>
    <row r="376863" spans="14:14">
      <c r="N376863" s="10"/>
    </row>
    <row r="376864" spans="14:14">
      <c r="N376864" s="10"/>
    </row>
    <row r="376865" spans="14:14">
      <c r="N376865" s="10"/>
    </row>
    <row r="376866" spans="14:14">
      <c r="N376866" s="10"/>
    </row>
    <row r="376867" spans="14:14">
      <c r="N376867" s="10"/>
    </row>
    <row r="376868" spans="14:14">
      <c r="N376868" s="10"/>
    </row>
    <row r="376869" spans="14:14">
      <c r="N376869" s="10"/>
    </row>
    <row r="376870" spans="14:14">
      <c r="N376870" s="10"/>
    </row>
    <row r="376871" spans="14:14">
      <c r="N376871" s="10"/>
    </row>
    <row r="376872" spans="14:14">
      <c r="N376872" s="10"/>
    </row>
    <row r="376873" spans="14:14">
      <c r="N376873" s="10"/>
    </row>
    <row r="376874" spans="14:14">
      <c r="N376874" s="10"/>
    </row>
    <row r="376875" spans="14:14">
      <c r="N376875" s="10"/>
    </row>
    <row r="376876" spans="14:14">
      <c r="N376876" s="10"/>
    </row>
    <row r="376877" spans="14:14">
      <c r="N376877" s="10"/>
    </row>
    <row r="376878" spans="14:14">
      <c r="N376878" s="10"/>
    </row>
    <row r="376879" spans="14:14">
      <c r="N376879" s="10"/>
    </row>
    <row r="376880" spans="14:14">
      <c r="N376880" s="10"/>
    </row>
    <row r="376881" spans="14:14">
      <c r="N376881" s="10"/>
    </row>
    <row r="376882" spans="14:14">
      <c r="N376882" s="10"/>
    </row>
    <row r="376883" spans="14:14">
      <c r="N376883" s="10"/>
    </row>
    <row r="376884" spans="14:14">
      <c r="N376884" s="10"/>
    </row>
    <row r="376885" spans="14:14">
      <c r="N376885" s="10"/>
    </row>
    <row r="376886" spans="14:14">
      <c r="N376886" s="10"/>
    </row>
    <row r="376887" spans="14:14">
      <c r="N376887" s="10"/>
    </row>
    <row r="376888" spans="14:14">
      <c r="N376888" s="10"/>
    </row>
    <row r="376889" spans="14:14">
      <c r="N376889" s="10"/>
    </row>
    <row r="376890" spans="14:14">
      <c r="N376890" s="10"/>
    </row>
    <row r="376891" spans="14:14">
      <c r="N376891" s="10"/>
    </row>
    <row r="376892" spans="14:14">
      <c r="N376892" s="10"/>
    </row>
    <row r="376893" spans="14:14">
      <c r="N376893" s="10"/>
    </row>
    <row r="376894" spans="14:14">
      <c r="N376894" s="10"/>
    </row>
    <row r="376895" spans="14:14">
      <c r="N376895" s="10"/>
    </row>
    <row r="376896" spans="14:14">
      <c r="N376896" s="10"/>
    </row>
    <row r="376897" spans="14:14">
      <c r="N376897" s="10"/>
    </row>
    <row r="376898" spans="14:14">
      <c r="N376898" s="10"/>
    </row>
    <row r="376899" spans="14:14">
      <c r="N376899" s="10"/>
    </row>
    <row r="376900" spans="14:14">
      <c r="N376900" s="10"/>
    </row>
    <row r="376901" spans="14:14">
      <c r="N376901" s="10"/>
    </row>
    <row r="376902" spans="14:14">
      <c r="N376902" s="10"/>
    </row>
    <row r="376903" spans="14:14">
      <c r="N376903" s="10"/>
    </row>
    <row r="376904" spans="14:14">
      <c r="N376904" s="10"/>
    </row>
    <row r="376905" spans="14:14">
      <c r="N376905" s="10"/>
    </row>
    <row r="376906" spans="14:14">
      <c r="N376906" s="10"/>
    </row>
    <row r="376907" spans="14:14">
      <c r="N376907" s="10"/>
    </row>
    <row r="376908" spans="14:14">
      <c r="N376908" s="10"/>
    </row>
    <row r="376909" spans="14:14">
      <c r="N376909" s="10"/>
    </row>
    <row r="376910" spans="14:14">
      <c r="N376910" s="10"/>
    </row>
    <row r="376911" spans="14:14">
      <c r="N376911" s="10"/>
    </row>
    <row r="376912" spans="14:14">
      <c r="N376912" s="10"/>
    </row>
    <row r="376913" spans="14:14">
      <c r="N376913" s="10"/>
    </row>
    <row r="376914" spans="14:14">
      <c r="N376914" s="10"/>
    </row>
    <row r="376915" spans="14:14">
      <c r="N376915" s="10"/>
    </row>
    <row r="376916" spans="14:14">
      <c r="N376916" s="10"/>
    </row>
    <row r="376917" spans="14:14">
      <c r="N376917" s="10"/>
    </row>
    <row r="376918" spans="14:14">
      <c r="N376918" s="10"/>
    </row>
    <row r="376919" spans="14:14">
      <c r="N376919" s="10"/>
    </row>
    <row r="376920" spans="14:14">
      <c r="N376920" s="10"/>
    </row>
    <row r="376921" spans="14:14">
      <c r="N376921" s="10"/>
    </row>
    <row r="376922" spans="14:14">
      <c r="N376922" s="10"/>
    </row>
    <row r="376923" spans="14:14">
      <c r="N376923" s="10"/>
    </row>
    <row r="376924" spans="14:14">
      <c r="N376924" s="10"/>
    </row>
    <row r="376925" spans="14:14">
      <c r="N376925" s="10"/>
    </row>
    <row r="376926" spans="14:14">
      <c r="N376926" s="10"/>
    </row>
    <row r="376927" spans="14:14">
      <c r="N376927" s="10"/>
    </row>
    <row r="376928" spans="14:14">
      <c r="N376928" s="10"/>
    </row>
    <row r="376929" spans="14:14">
      <c r="N376929" s="10"/>
    </row>
    <row r="376930" spans="14:14">
      <c r="N376930" s="10"/>
    </row>
    <row r="376931" spans="14:14">
      <c r="N376931" s="10"/>
    </row>
    <row r="376932" spans="14:14">
      <c r="N376932" s="10"/>
    </row>
    <row r="376933" spans="14:14">
      <c r="N376933" s="10"/>
    </row>
    <row r="376934" spans="14:14">
      <c r="N376934" s="10"/>
    </row>
    <row r="376935" spans="14:14">
      <c r="N376935" s="10"/>
    </row>
    <row r="376936" spans="14:14">
      <c r="N376936" s="10"/>
    </row>
    <row r="376937" spans="14:14">
      <c r="N376937" s="10"/>
    </row>
    <row r="376938" spans="14:14">
      <c r="N376938" s="10"/>
    </row>
    <row r="376939" spans="14:14">
      <c r="N376939" s="10"/>
    </row>
    <row r="376940" spans="14:14">
      <c r="N376940" s="10"/>
    </row>
    <row r="376941" spans="14:14">
      <c r="N376941" s="10"/>
    </row>
    <row r="376942" spans="14:14">
      <c r="N376942" s="10"/>
    </row>
    <row r="376943" spans="14:14">
      <c r="N376943" s="10"/>
    </row>
    <row r="376944" spans="14:14">
      <c r="N376944" s="10"/>
    </row>
    <row r="376945" spans="14:14">
      <c r="N376945" s="10"/>
    </row>
    <row r="376946" spans="14:14">
      <c r="N376946" s="10"/>
    </row>
    <row r="376947" spans="14:14">
      <c r="N376947" s="10"/>
    </row>
    <row r="376948" spans="14:14">
      <c r="N376948" s="10"/>
    </row>
    <row r="376949" spans="14:14">
      <c r="N376949" s="10"/>
    </row>
    <row r="376950" spans="14:14">
      <c r="N376950" s="10"/>
    </row>
    <row r="376951" spans="14:14">
      <c r="N376951" s="10"/>
    </row>
    <row r="376952" spans="14:14">
      <c r="N376952" s="10"/>
    </row>
    <row r="376953" spans="14:14">
      <c r="N376953" s="10"/>
    </row>
    <row r="376954" spans="14:14">
      <c r="N376954" s="10"/>
    </row>
    <row r="376955" spans="14:14">
      <c r="N376955" s="10"/>
    </row>
    <row r="376956" spans="14:14">
      <c r="N376956" s="10"/>
    </row>
    <row r="376957" spans="14:14">
      <c r="N376957" s="10"/>
    </row>
    <row r="376958" spans="14:14">
      <c r="N376958" s="10"/>
    </row>
    <row r="376959" spans="14:14">
      <c r="N376959" s="10"/>
    </row>
    <row r="376960" spans="14:14">
      <c r="N376960" s="10"/>
    </row>
    <row r="376961" spans="14:14">
      <c r="N376961" s="10"/>
    </row>
    <row r="376962" spans="14:14">
      <c r="N376962" s="10"/>
    </row>
    <row r="376963" spans="14:14">
      <c r="N376963" s="10"/>
    </row>
    <row r="376964" spans="14:14">
      <c r="N376964" s="10"/>
    </row>
    <row r="376965" spans="14:14">
      <c r="N376965" s="10"/>
    </row>
    <row r="376966" spans="14:14">
      <c r="N376966" s="10"/>
    </row>
    <row r="376967" spans="14:14">
      <c r="N376967" s="10"/>
    </row>
    <row r="376968" spans="14:14">
      <c r="N376968" s="10"/>
    </row>
    <row r="376969" spans="14:14">
      <c r="N376969" s="10"/>
    </row>
    <row r="376970" spans="14:14">
      <c r="N376970" s="10"/>
    </row>
    <row r="376971" spans="14:14">
      <c r="N376971" s="10"/>
    </row>
    <row r="376972" spans="14:14">
      <c r="N376972" s="10"/>
    </row>
    <row r="376973" spans="14:14">
      <c r="N376973" s="10"/>
    </row>
    <row r="376974" spans="14:14">
      <c r="N376974" s="10"/>
    </row>
    <row r="376975" spans="14:14">
      <c r="N376975" s="10"/>
    </row>
    <row r="376976" spans="14:14">
      <c r="N376976" s="10"/>
    </row>
    <row r="376977" spans="14:14">
      <c r="N376977" s="10"/>
    </row>
    <row r="376978" spans="14:14">
      <c r="N376978" s="10"/>
    </row>
    <row r="376979" spans="14:14">
      <c r="N376979" s="10"/>
    </row>
    <row r="376980" spans="14:14">
      <c r="N376980" s="10"/>
    </row>
    <row r="376981" spans="14:14">
      <c r="N376981" s="10"/>
    </row>
    <row r="376982" spans="14:14">
      <c r="N376982" s="10"/>
    </row>
    <row r="376983" spans="14:14">
      <c r="N376983" s="10"/>
    </row>
    <row r="376984" spans="14:14">
      <c r="N376984" s="10"/>
    </row>
    <row r="376985" spans="14:14">
      <c r="N376985" s="10"/>
    </row>
    <row r="376986" spans="14:14">
      <c r="N376986" s="10"/>
    </row>
    <row r="376987" spans="14:14">
      <c r="N376987" s="10"/>
    </row>
    <row r="376988" spans="14:14">
      <c r="N376988" s="10"/>
    </row>
    <row r="376989" spans="14:14">
      <c r="N376989" s="10"/>
    </row>
    <row r="376990" spans="14:14">
      <c r="N376990" s="10"/>
    </row>
    <row r="376991" spans="14:14">
      <c r="N376991" s="10"/>
    </row>
    <row r="376992" spans="14:14">
      <c r="N376992" s="10"/>
    </row>
    <row r="376993" spans="14:14">
      <c r="N376993" s="10"/>
    </row>
    <row r="376994" spans="14:14">
      <c r="N376994" s="10"/>
    </row>
    <row r="376995" spans="14:14">
      <c r="N376995" s="10"/>
    </row>
    <row r="376996" spans="14:14">
      <c r="N376996" s="10"/>
    </row>
    <row r="376997" spans="14:14">
      <c r="N376997" s="10"/>
    </row>
    <row r="376998" spans="14:14">
      <c r="N376998" s="10"/>
    </row>
    <row r="376999" spans="14:14">
      <c r="N376999" s="10"/>
    </row>
    <row r="377000" spans="14:14">
      <c r="N377000" s="10"/>
    </row>
    <row r="377001" spans="14:14">
      <c r="N377001" s="10"/>
    </row>
    <row r="377002" spans="14:14">
      <c r="N377002" s="10"/>
    </row>
    <row r="377003" spans="14:14">
      <c r="N377003" s="10"/>
    </row>
    <row r="377004" spans="14:14">
      <c r="N377004" s="10"/>
    </row>
    <row r="377005" spans="14:14">
      <c r="N377005" s="10"/>
    </row>
    <row r="377006" spans="14:14">
      <c r="N377006" s="10"/>
    </row>
    <row r="377007" spans="14:14">
      <c r="N377007" s="10"/>
    </row>
    <row r="377008" spans="14:14">
      <c r="N377008" s="10"/>
    </row>
    <row r="377009" spans="14:14">
      <c r="N377009" s="10"/>
    </row>
    <row r="377010" spans="14:14">
      <c r="N377010" s="10"/>
    </row>
    <row r="377011" spans="14:14">
      <c r="N377011" s="10"/>
    </row>
    <row r="377012" spans="14:14">
      <c r="N377012" s="10"/>
    </row>
    <row r="377013" spans="14:14">
      <c r="N377013" s="10"/>
    </row>
    <row r="377014" spans="14:14">
      <c r="N377014" s="10"/>
    </row>
    <row r="377015" spans="14:14">
      <c r="N377015" s="10"/>
    </row>
    <row r="377016" spans="14:14">
      <c r="N377016" s="10"/>
    </row>
    <row r="377017" spans="14:14">
      <c r="N377017" s="10"/>
    </row>
    <row r="377018" spans="14:14">
      <c r="N377018" s="10"/>
    </row>
    <row r="377019" spans="14:14">
      <c r="N377019" s="10"/>
    </row>
    <row r="377020" spans="14:14">
      <c r="N377020" s="10"/>
    </row>
    <row r="377021" spans="14:14">
      <c r="N377021" s="10"/>
    </row>
    <row r="377022" spans="14:14">
      <c r="N377022" s="10"/>
    </row>
    <row r="377023" spans="14:14">
      <c r="N377023" s="10"/>
    </row>
    <row r="377024" spans="14:14">
      <c r="N377024" s="10"/>
    </row>
    <row r="377025" spans="14:14">
      <c r="N377025" s="10"/>
    </row>
    <row r="377026" spans="14:14">
      <c r="N377026" s="10"/>
    </row>
    <row r="377027" spans="14:14">
      <c r="N377027" s="10"/>
    </row>
    <row r="377028" spans="14:14">
      <c r="N377028" s="10"/>
    </row>
    <row r="377029" spans="14:14">
      <c r="N377029" s="10"/>
    </row>
    <row r="377030" spans="14:14">
      <c r="N377030" s="10"/>
    </row>
    <row r="377031" spans="14:14">
      <c r="N377031" s="10"/>
    </row>
    <row r="377032" spans="14:14">
      <c r="N377032" s="10"/>
    </row>
    <row r="377033" spans="14:14">
      <c r="N377033" s="10"/>
    </row>
    <row r="377034" spans="14:14">
      <c r="N377034" s="10"/>
    </row>
    <row r="377035" spans="14:14">
      <c r="N377035" s="10"/>
    </row>
    <row r="377036" spans="14:14">
      <c r="N377036" s="10"/>
    </row>
    <row r="377037" spans="14:14">
      <c r="N377037" s="10"/>
    </row>
    <row r="377038" spans="14:14">
      <c r="N377038" s="10"/>
    </row>
    <row r="377039" spans="14:14">
      <c r="N377039" s="10"/>
    </row>
    <row r="377040" spans="14:14">
      <c r="N377040" s="10"/>
    </row>
    <row r="377041" spans="14:14">
      <c r="N377041" s="10"/>
    </row>
    <row r="377042" spans="14:14">
      <c r="N377042" s="10"/>
    </row>
    <row r="377043" spans="14:14">
      <c r="N377043" s="10"/>
    </row>
    <row r="377044" spans="14:14">
      <c r="N377044" s="10"/>
    </row>
    <row r="377045" spans="14:14">
      <c r="N377045" s="10"/>
    </row>
    <row r="377046" spans="14:14">
      <c r="N377046" s="10"/>
    </row>
    <row r="377047" spans="14:14">
      <c r="N377047" s="10"/>
    </row>
    <row r="377048" spans="14:14">
      <c r="N377048" s="10"/>
    </row>
    <row r="377049" spans="14:14">
      <c r="N377049" s="10"/>
    </row>
    <row r="377050" spans="14:14">
      <c r="N377050" s="10"/>
    </row>
    <row r="377051" spans="14:14">
      <c r="N377051" s="10"/>
    </row>
    <row r="377052" spans="14:14">
      <c r="N377052" s="10"/>
    </row>
    <row r="377053" spans="14:14">
      <c r="N377053" s="10"/>
    </row>
    <row r="377054" spans="14:14">
      <c r="N377054" s="10"/>
    </row>
    <row r="377055" spans="14:14">
      <c r="N377055" s="10"/>
    </row>
    <row r="377056" spans="14:14">
      <c r="N377056" s="10"/>
    </row>
    <row r="377057" spans="14:14">
      <c r="N377057" s="10"/>
    </row>
    <row r="377058" spans="14:14">
      <c r="N377058" s="10"/>
    </row>
    <row r="377059" spans="14:14">
      <c r="N377059" s="10"/>
    </row>
    <row r="377060" spans="14:14">
      <c r="N377060" s="10"/>
    </row>
    <row r="377061" spans="14:14">
      <c r="N377061" s="10"/>
    </row>
    <row r="377062" spans="14:14">
      <c r="N377062" s="10"/>
    </row>
    <row r="377063" spans="14:14">
      <c r="N377063" s="10"/>
    </row>
    <row r="377064" spans="14:14">
      <c r="N377064" s="10"/>
    </row>
    <row r="377065" spans="14:14">
      <c r="N377065" s="10"/>
    </row>
    <row r="377066" spans="14:14">
      <c r="N377066" s="10"/>
    </row>
    <row r="377067" spans="14:14">
      <c r="N377067" s="10"/>
    </row>
    <row r="377068" spans="14:14">
      <c r="N377068" s="10"/>
    </row>
    <row r="377069" spans="14:14">
      <c r="N377069" s="10"/>
    </row>
    <row r="377070" spans="14:14">
      <c r="N377070" s="10"/>
    </row>
    <row r="377071" spans="14:14">
      <c r="N377071" s="10"/>
    </row>
    <row r="377072" spans="14:14">
      <c r="N377072" s="10"/>
    </row>
    <row r="377073" spans="14:14">
      <c r="N377073" s="10"/>
    </row>
    <row r="377074" spans="14:14">
      <c r="N377074" s="10"/>
    </row>
    <row r="377075" spans="14:14">
      <c r="N377075" s="10"/>
    </row>
    <row r="377076" spans="14:14">
      <c r="N377076" s="10"/>
    </row>
    <row r="377077" spans="14:14">
      <c r="N377077" s="10"/>
    </row>
    <row r="377078" spans="14:14">
      <c r="N377078" s="10"/>
    </row>
    <row r="377079" spans="14:14">
      <c r="N377079" s="10"/>
    </row>
    <row r="377080" spans="14:14">
      <c r="N377080" s="10"/>
    </row>
    <row r="377081" spans="14:14">
      <c r="N377081" s="10"/>
    </row>
    <row r="377082" spans="14:14">
      <c r="N377082" s="10"/>
    </row>
    <row r="377083" spans="14:14">
      <c r="N377083" s="10"/>
    </row>
    <row r="377084" spans="14:14">
      <c r="N377084" s="10"/>
    </row>
    <row r="377085" spans="14:14">
      <c r="N377085" s="10"/>
    </row>
    <row r="377086" spans="14:14">
      <c r="N377086" s="10"/>
    </row>
    <row r="377087" spans="14:14">
      <c r="N377087" s="10"/>
    </row>
    <row r="377088" spans="14:14">
      <c r="N377088" s="10"/>
    </row>
    <row r="377089" spans="14:14">
      <c r="N377089" s="10"/>
    </row>
    <row r="377090" spans="14:14">
      <c r="N377090" s="10"/>
    </row>
    <row r="377091" spans="14:14">
      <c r="N377091" s="10"/>
    </row>
    <row r="377092" spans="14:14">
      <c r="N377092" s="10"/>
    </row>
    <row r="377093" spans="14:14">
      <c r="N377093" s="10"/>
    </row>
    <row r="377094" spans="14:14">
      <c r="N377094" s="10"/>
    </row>
    <row r="377095" spans="14:14">
      <c r="N377095" s="10"/>
    </row>
    <row r="377096" spans="14:14">
      <c r="N377096" s="10"/>
    </row>
    <row r="377097" spans="14:14">
      <c r="N377097" s="10"/>
    </row>
    <row r="377098" spans="14:14">
      <c r="N377098" s="10"/>
    </row>
    <row r="377099" spans="14:14">
      <c r="N377099" s="10"/>
    </row>
    <row r="377100" spans="14:14">
      <c r="N377100" s="10"/>
    </row>
    <row r="377101" spans="14:14">
      <c r="N377101" s="10"/>
    </row>
    <row r="377102" spans="14:14">
      <c r="N377102" s="10"/>
    </row>
    <row r="377103" spans="14:14">
      <c r="N377103" s="10"/>
    </row>
    <row r="377104" spans="14:14">
      <c r="N377104" s="10"/>
    </row>
    <row r="377105" spans="14:14">
      <c r="N377105" s="10"/>
    </row>
    <row r="377106" spans="14:14">
      <c r="N377106" s="10"/>
    </row>
    <row r="377107" spans="14:14">
      <c r="N377107" s="10"/>
    </row>
    <row r="377108" spans="14:14">
      <c r="N377108" s="10"/>
    </row>
    <row r="377109" spans="14:14">
      <c r="N377109" s="10"/>
    </row>
    <row r="377110" spans="14:14">
      <c r="N377110" s="10"/>
    </row>
    <row r="377111" spans="14:14">
      <c r="N377111" s="10"/>
    </row>
    <row r="377112" spans="14:14">
      <c r="N377112" s="10"/>
    </row>
    <row r="377113" spans="14:14">
      <c r="N377113" s="10"/>
    </row>
    <row r="377114" spans="14:14">
      <c r="N377114" s="10"/>
    </row>
    <row r="377115" spans="14:14">
      <c r="N377115" s="10"/>
    </row>
    <row r="377116" spans="14:14">
      <c r="N377116" s="10"/>
    </row>
    <row r="377117" spans="14:14">
      <c r="N377117" s="10"/>
    </row>
    <row r="377118" spans="14:14">
      <c r="N377118" s="10"/>
    </row>
    <row r="377119" spans="14:14">
      <c r="N377119" s="10"/>
    </row>
    <row r="377120" spans="14:14">
      <c r="N377120" s="10"/>
    </row>
    <row r="377121" spans="14:14">
      <c r="N377121" s="10"/>
    </row>
    <row r="377122" spans="14:14">
      <c r="N377122" s="10"/>
    </row>
    <row r="377123" spans="14:14">
      <c r="N377123" s="10"/>
    </row>
    <row r="377124" spans="14:14">
      <c r="N377124" s="10"/>
    </row>
    <row r="377125" spans="14:14">
      <c r="N377125" s="10"/>
    </row>
    <row r="377126" spans="14:14">
      <c r="N377126" s="10"/>
    </row>
    <row r="377127" spans="14:14">
      <c r="N377127" s="10"/>
    </row>
    <row r="377128" spans="14:14">
      <c r="N377128" s="10"/>
    </row>
    <row r="377129" spans="14:14">
      <c r="N377129" s="10"/>
    </row>
    <row r="377130" spans="14:14">
      <c r="N377130" s="10"/>
    </row>
    <row r="377131" spans="14:14">
      <c r="N377131" s="10"/>
    </row>
    <row r="377132" spans="14:14">
      <c r="N377132" s="10"/>
    </row>
    <row r="377133" spans="14:14">
      <c r="N377133" s="10"/>
    </row>
    <row r="377134" spans="14:14">
      <c r="N377134" s="10"/>
    </row>
    <row r="377135" spans="14:14">
      <c r="N377135" s="10"/>
    </row>
    <row r="377136" spans="14:14">
      <c r="N377136" s="10"/>
    </row>
    <row r="377137" spans="14:14">
      <c r="N377137" s="10"/>
    </row>
    <row r="377138" spans="14:14">
      <c r="N377138" s="10"/>
    </row>
    <row r="377139" spans="14:14">
      <c r="N377139" s="10"/>
    </row>
    <row r="377140" spans="14:14">
      <c r="N377140" s="10"/>
    </row>
    <row r="377141" spans="14:14">
      <c r="N377141" s="10"/>
    </row>
    <row r="377142" spans="14:14">
      <c r="N377142" s="10"/>
    </row>
    <row r="377143" spans="14:14">
      <c r="N377143" s="10"/>
    </row>
    <row r="377144" spans="14:14">
      <c r="N377144" s="10"/>
    </row>
    <row r="377145" spans="14:14">
      <c r="N377145" s="10"/>
    </row>
    <row r="377146" spans="14:14">
      <c r="N377146" s="10"/>
    </row>
    <row r="377147" spans="14:14">
      <c r="N377147" s="10"/>
    </row>
    <row r="377148" spans="14:14">
      <c r="N377148" s="10"/>
    </row>
    <row r="377149" spans="14:14">
      <c r="N377149" s="10"/>
    </row>
    <row r="377150" spans="14:14">
      <c r="N377150" s="10"/>
    </row>
    <row r="377151" spans="14:14">
      <c r="N377151" s="10"/>
    </row>
    <row r="377152" spans="14:14">
      <c r="N377152" s="10"/>
    </row>
    <row r="377153" spans="14:14">
      <c r="N377153" s="10"/>
    </row>
    <row r="377154" spans="14:14">
      <c r="N377154" s="10"/>
    </row>
    <row r="377155" spans="14:14">
      <c r="N377155" s="10"/>
    </row>
    <row r="377156" spans="14:14">
      <c r="N377156" s="10"/>
    </row>
    <row r="377157" spans="14:14">
      <c r="N377157" s="10"/>
    </row>
    <row r="377158" spans="14:14">
      <c r="N377158" s="10"/>
    </row>
    <row r="377159" spans="14:14">
      <c r="N377159" s="10"/>
    </row>
    <row r="377160" spans="14:14">
      <c r="N377160" s="10"/>
    </row>
    <row r="377161" spans="14:14">
      <c r="N377161" s="10"/>
    </row>
    <row r="377162" spans="14:14">
      <c r="N377162" s="10"/>
    </row>
    <row r="377163" spans="14:14">
      <c r="N377163" s="10"/>
    </row>
    <row r="377164" spans="14:14">
      <c r="N377164" s="10"/>
    </row>
    <row r="377165" spans="14:14">
      <c r="N377165" s="10"/>
    </row>
    <row r="377166" spans="14:14">
      <c r="N377166" s="10"/>
    </row>
    <row r="377167" spans="14:14">
      <c r="N377167" s="10"/>
    </row>
    <row r="377168" spans="14:14">
      <c r="N377168" s="10"/>
    </row>
    <row r="377169" spans="14:14">
      <c r="N377169" s="10"/>
    </row>
    <row r="377170" spans="14:14">
      <c r="N377170" s="10"/>
    </row>
    <row r="377171" spans="14:14">
      <c r="N377171" s="10"/>
    </row>
    <row r="377172" spans="14:14">
      <c r="N377172" s="10"/>
    </row>
    <row r="377173" spans="14:14">
      <c r="N377173" s="10"/>
    </row>
    <row r="377174" spans="14:14">
      <c r="N377174" s="10"/>
    </row>
    <row r="377175" spans="14:14">
      <c r="N377175" s="10"/>
    </row>
    <row r="377176" spans="14:14">
      <c r="N377176" s="10"/>
    </row>
    <row r="377177" spans="14:14">
      <c r="N377177" s="10"/>
    </row>
    <row r="377178" spans="14:14">
      <c r="N377178" s="10"/>
    </row>
    <row r="377179" spans="14:14">
      <c r="N377179" s="10"/>
    </row>
    <row r="377180" spans="14:14">
      <c r="N377180" s="10"/>
    </row>
    <row r="377181" spans="14:14">
      <c r="N377181" s="10"/>
    </row>
    <row r="377182" spans="14:14">
      <c r="N377182" s="10"/>
    </row>
    <row r="377183" spans="14:14">
      <c r="N377183" s="10"/>
    </row>
    <row r="377184" spans="14:14">
      <c r="N377184" s="10"/>
    </row>
    <row r="377185" spans="14:14">
      <c r="N377185" s="10"/>
    </row>
    <row r="377186" spans="14:14">
      <c r="N377186" s="10"/>
    </row>
    <row r="377187" spans="14:14">
      <c r="N377187" s="10"/>
    </row>
    <row r="377188" spans="14:14">
      <c r="N377188" s="10"/>
    </row>
    <row r="377189" spans="14:14">
      <c r="N377189" s="10"/>
    </row>
    <row r="377190" spans="14:14">
      <c r="N377190" s="10"/>
    </row>
    <row r="377191" spans="14:14">
      <c r="N377191" s="10"/>
    </row>
    <row r="377192" spans="14:14">
      <c r="N377192" s="10"/>
    </row>
    <row r="377193" spans="14:14">
      <c r="N377193" s="10"/>
    </row>
    <row r="377194" spans="14:14">
      <c r="N377194" s="10"/>
    </row>
    <row r="377195" spans="14:14">
      <c r="N377195" s="10"/>
    </row>
    <row r="377196" spans="14:14">
      <c r="N377196" s="10"/>
    </row>
    <row r="377197" spans="14:14">
      <c r="N377197" s="10"/>
    </row>
    <row r="377198" spans="14:14">
      <c r="N377198" s="10"/>
    </row>
    <row r="377199" spans="14:14">
      <c r="N377199" s="10"/>
    </row>
    <row r="377200" spans="14:14">
      <c r="N377200" s="10"/>
    </row>
    <row r="377201" spans="14:14">
      <c r="N377201" s="10"/>
    </row>
    <row r="377202" spans="14:14">
      <c r="N377202" s="10"/>
    </row>
    <row r="377203" spans="14:14">
      <c r="N377203" s="10"/>
    </row>
    <row r="377204" spans="14:14">
      <c r="N377204" s="10"/>
    </row>
    <row r="377205" spans="14:14">
      <c r="N377205" s="10"/>
    </row>
    <row r="377206" spans="14:14">
      <c r="N377206" s="10"/>
    </row>
    <row r="377207" spans="14:14">
      <c r="N377207" s="10"/>
    </row>
    <row r="377208" spans="14:14">
      <c r="N377208" s="10"/>
    </row>
    <row r="377209" spans="14:14">
      <c r="N377209" s="10"/>
    </row>
    <row r="377210" spans="14:14">
      <c r="N377210" s="10"/>
    </row>
    <row r="377211" spans="14:14">
      <c r="N377211" s="10"/>
    </row>
    <row r="377212" spans="14:14">
      <c r="N377212" s="10"/>
    </row>
    <row r="377213" spans="14:14">
      <c r="N377213" s="10"/>
    </row>
    <row r="377214" spans="14:14">
      <c r="N377214" s="10"/>
    </row>
    <row r="377215" spans="14:14">
      <c r="N377215" s="10"/>
    </row>
    <row r="377216" spans="14:14">
      <c r="N377216" s="10"/>
    </row>
    <row r="377217" spans="14:14">
      <c r="N377217" s="10"/>
    </row>
    <row r="377218" spans="14:14">
      <c r="N377218" s="10"/>
    </row>
    <row r="377219" spans="14:14">
      <c r="N377219" s="10"/>
    </row>
    <row r="377220" spans="14:14">
      <c r="N377220" s="10"/>
    </row>
    <row r="377221" spans="14:14">
      <c r="N377221" s="10"/>
    </row>
    <row r="377222" spans="14:14">
      <c r="N377222" s="10"/>
    </row>
    <row r="377223" spans="14:14">
      <c r="N377223" s="10"/>
    </row>
    <row r="377224" spans="14:14">
      <c r="N377224" s="10"/>
    </row>
    <row r="377225" spans="14:14">
      <c r="N377225" s="10"/>
    </row>
    <row r="377226" spans="14:14">
      <c r="N377226" s="10"/>
    </row>
    <row r="377227" spans="14:14">
      <c r="N377227" s="10"/>
    </row>
    <row r="377228" spans="14:14">
      <c r="N377228" s="10"/>
    </row>
    <row r="377229" spans="14:14">
      <c r="N377229" s="10"/>
    </row>
    <row r="377230" spans="14:14">
      <c r="N377230" s="10"/>
    </row>
    <row r="377231" spans="14:14">
      <c r="N377231" s="10"/>
    </row>
    <row r="377232" spans="14:14">
      <c r="N377232" s="10"/>
    </row>
    <row r="377233" spans="14:14">
      <c r="N377233" s="10"/>
    </row>
    <row r="377234" spans="14:14">
      <c r="N377234" s="10"/>
    </row>
    <row r="377235" spans="14:14">
      <c r="N377235" s="10"/>
    </row>
    <row r="377236" spans="14:14">
      <c r="N377236" s="10"/>
    </row>
    <row r="377237" spans="14:14">
      <c r="N377237" s="10"/>
    </row>
    <row r="377238" spans="14:14">
      <c r="N377238" s="10"/>
    </row>
    <row r="377239" spans="14:14">
      <c r="N377239" s="10"/>
    </row>
    <row r="377240" spans="14:14">
      <c r="N377240" s="10"/>
    </row>
    <row r="377241" spans="14:14">
      <c r="N377241" s="10"/>
    </row>
    <row r="377242" spans="14:14">
      <c r="N377242" s="10"/>
    </row>
    <row r="377243" spans="14:14">
      <c r="N377243" s="10"/>
    </row>
    <row r="377244" spans="14:14">
      <c r="N377244" s="10"/>
    </row>
    <row r="377245" spans="14:14">
      <c r="N377245" s="10"/>
    </row>
    <row r="377246" spans="14:14">
      <c r="N377246" s="10"/>
    </row>
    <row r="377247" spans="14:14">
      <c r="N377247" s="10"/>
    </row>
    <row r="377248" spans="14:14">
      <c r="N377248" s="10"/>
    </row>
    <row r="377249" spans="14:14">
      <c r="N377249" s="10"/>
    </row>
    <row r="377250" spans="14:14">
      <c r="N377250" s="10"/>
    </row>
    <row r="377251" spans="14:14">
      <c r="N377251" s="10"/>
    </row>
    <row r="377252" spans="14:14">
      <c r="N377252" s="10"/>
    </row>
    <row r="377253" spans="14:14">
      <c r="N377253" s="10"/>
    </row>
    <row r="377254" spans="14:14">
      <c r="N377254" s="10"/>
    </row>
    <row r="377255" spans="14:14">
      <c r="N377255" s="10"/>
    </row>
    <row r="377256" spans="14:14">
      <c r="N377256" s="10"/>
    </row>
    <row r="377257" spans="14:14">
      <c r="N377257" s="10"/>
    </row>
    <row r="377258" spans="14:14">
      <c r="N377258" s="10"/>
    </row>
    <row r="377259" spans="14:14">
      <c r="N377259" s="10"/>
    </row>
    <row r="377260" spans="14:14">
      <c r="N377260" s="10"/>
    </row>
    <row r="377261" spans="14:14">
      <c r="N377261" s="10"/>
    </row>
    <row r="377262" spans="14:14">
      <c r="N377262" s="10"/>
    </row>
    <row r="377263" spans="14:14">
      <c r="N377263" s="10"/>
    </row>
    <row r="377264" spans="14:14">
      <c r="N377264" s="10"/>
    </row>
    <row r="377265" spans="14:14">
      <c r="N377265" s="10"/>
    </row>
    <row r="377266" spans="14:14">
      <c r="N377266" s="10"/>
    </row>
    <row r="377267" spans="14:14">
      <c r="N377267" s="10"/>
    </row>
    <row r="377268" spans="14:14">
      <c r="N377268" s="10"/>
    </row>
    <row r="377269" spans="14:14">
      <c r="N377269" s="10"/>
    </row>
    <row r="377270" spans="14:14">
      <c r="N377270" s="10"/>
    </row>
    <row r="377271" spans="14:14">
      <c r="N377271" s="10"/>
    </row>
    <row r="377272" spans="14:14">
      <c r="N377272" s="10"/>
    </row>
    <row r="377273" spans="14:14">
      <c r="N377273" s="10"/>
    </row>
    <row r="377274" spans="14:14">
      <c r="N377274" s="10"/>
    </row>
    <row r="377275" spans="14:14">
      <c r="N377275" s="10"/>
    </row>
    <row r="377276" spans="14:14">
      <c r="N377276" s="10"/>
    </row>
    <row r="377277" spans="14:14">
      <c r="N377277" s="10"/>
    </row>
    <row r="377278" spans="14:14">
      <c r="N377278" s="10"/>
    </row>
    <row r="377279" spans="14:14">
      <c r="N377279" s="10"/>
    </row>
    <row r="377280" spans="14:14">
      <c r="N377280" s="10"/>
    </row>
    <row r="377281" spans="14:14">
      <c r="N377281" s="10"/>
    </row>
    <row r="377282" spans="14:14">
      <c r="N377282" s="10"/>
    </row>
    <row r="377283" spans="14:14">
      <c r="N377283" s="10"/>
    </row>
    <row r="377284" spans="14:14">
      <c r="N377284" s="10"/>
    </row>
    <row r="377285" spans="14:14">
      <c r="N377285" s="10"/>
    </row>
    <row r="377286" spans="14:14">
      <c r="N377286" s="10"/>
    </row>
    <row r="377287" spans="14:14">
      <c r="N377287" s="10"/>
    </row>
    <row r="377288" spans="14:14">
      <c r="N377288" s="10"/>
    </row>
    <row r="377289" spans="14:14">
      <c r="N377289" s="10"/>
    </row>
    <row r="377290" spans="14:14">
      <c r="N377290" s="10"/>
    </row>
    <row r="377291" spans="14:14">
      <c r="N377291" s="10"/>
    </row>
    <row r="377292" spans="14:14">
      <c r="N377292" s="10"/>
    </row>
    <row r="377293" spans="14:14">
      <c r="N377293" s="10"/>
    </row>
    <row r="377294" spans="14:14">
      <c r="N377294" s="10"/>
    </row>
    <row r="377295" spans="14:14">
      <c r="N377295" s="10"/>
    </row>
    <row r="377296" spans="14:14">
      <c r="N377296" s="10"/>
    </row>
    <row r="377297" spans="14:14">
      <c r="N377297" s="10"/>
    </row>
    <row r="377298" spans="14:14">
      <c r="N377298" s="10"/>
    </row>
    <row r="377299" spans="14:14">
      <c r="N377299" s="10"/>
    </row>
    <row r="377300" spans="14:14">
      <c r="N377300" s="10"/>
    </row>
    <row r="377301" spans="14:14">
      <c r="N377301" s="10"/>
    </row>
    <row r="377302" spans="14:14">
      <c r="N377302" s="10"/>
    </row>
    <row r="377303" spans="14:14">
      <c r="N377303" s="10"/>
    </row>
    <row r="377304" spans="14:14">
      <c r="N377304" s="10"/>
    </row>
    <row r="377305" spans="14:14">
      <c r="N377305" s="10"/>
    </row>
    <row r="377306" spans="14:14">
      <c r="N377306" s="10"/>
    </row>
    <row r="377307" spans="14:14">
      <c r="N377307" s="10"/>
    </row>
    <row r="377308" spans="14:14">
      <c r="N377308" s="10"/>
    </row>
    <row r="377309" spans="14:14">
      <c r="N377309" s="10"/>
    </row>
    <row r="377310" spans="14:14">
      <c r="N377310" s="10"/>
    </row>
    <row r="377311" spans="14:14">
      <c r="N377311" s="10"/>
    </row>
    <row r="377312" spans="14:14">
      <c r="N377312" s="10"/>
    </row>
    <row r="377313" spans="14:14">
      <c r="N377313" s="10"/>
    </row>
    <row r="377314" spans="14:14">
      <c r="N377314" s="10"/>
    </row>
    <row r="377315" spans="14:14">
      <c r="N377315" s="10"/>
    </row>
    <row r="377316" spans="14:14">
      <c r="N377316" s="10"/>
    </row>
    <row r="377317" spans="14:14">
      <c r="N377317" s="10"/>
    </row>
    <row r="377318" spans="14:14">
      <c r="N377318" s="10"/>
    </row>
    <row r="377319" spans="14:14">
      <c r="N377319" s="10"/>
    </row>
    <row r="377320" spans="14:14">
      <c r="N377320" s="10"/>
    </row>
    <row r="377321" spans="14:14">
      <c r="N377321" s="10"/>
    </row>
    <row r="377322" spans="14:14">
      <c r="N377322" s="10"/>
    </row>
    <row r="377323" spans="14:14">
      <c r="N377323" s="10"/>
    </row>
    <row r="377324" spans="14:14">
      <c r="N377324" s="10"/>
    </row>
    <row r="377325" spans="14:14">
      <c r="N377325" s="10"/>
    </row>
    <row r="377326" spans="14:14">
      <c r="N377326" s="10"/>
    </row>
    <row r="377327" spans="14:14">
      <c r="N377327" s="10"/>
    </row>
    <row r="377328" spans="14:14">
      <c r="N377328" s="10"/>
    </row>
    <row r="377329" spans="14:14">
      <c r="N377329" s="10"/>
    </row>
    <row r="377330" spans="14:14">
      <c r="N377330" s="10"/>
    </row>
    <row r="377331" spans="14:14">
      <c r="N377331" s="10"/>
    </row>
    <row r="377332" spans="14:14">
      <c r="N377332" s="10"/>
    </row>
    <row r="377333" spans="14:14">
      <c r="N377333" s="10"/>
    </row>
    <row r="377334" spans="14:14">
      <c r="N377334" s="10"/>
    </row>
    <row r="377335" spans="14:14">
      <c r="N377335" s="10"/>
    </row>
    <row r="377336" spans="14:14">
      <c r="N377336" s="10"/>
    </row>
    <row r="377337" spans="14:14">
      <c r="N377337" s="10"/>
    </row>
    <row r="377338" spans="14:14">
      <c r="N377338" s="10"/>
    </row>
    <row r="377339" spans="14:14">
      <c r="N377339" s="10"/>
    </row>
    <row r="377340" spans="14:14">
      <c r="N377340" s="10"/>
    </row>
    <row r="377341" spans="14:14">
      <c r="N377341" s="10"/>
    </row>
    <row r="377342" spans="14:14">
      <c r="N377342" s="10"/>
    </row>
    <row r="377343" spans="14:14">
      <c r="N377343" s="10"/>
    </row>
    <row r="377344" spans="14:14">
      <c r="N377344" s="10"/>
    </row>
    <row r="377345" spans="14:14">
      <c r="N377345" s="10"/>
    </row>
    <row r="377346" spans="14:14">
      <c r="N377346" s="10"/>
    </row>
    <row r="377347" spans="14:14">
      <c r="N377347" s="10"/>
    </row>
    <row r="377348" spans="14:14">
      <c r="N377348" s="10"/>
    </row>
    <row r="377349" spans="14:14">
      <c r="N377349" s="10"/>
    </row>
    <row r="377350" spans="14:14">
      <c r="N377350" s="10"/>
    </row>
    <row r="377351" spans="14:14">
      <c r="N377351" s="10"/>
    </row>
    <row r="377352" spans="14:14">
      <c r="N377352" s="10"/>
    </row>
    <row r="377353" spans="14:14">
      <c r="N377353" s="10"/>
    </row>
    <row r="377354" spans="14:14">
      <c r="N377354" s="10"/>
    </row>
    <row r="377355" spans="14:14">
      <c r="N377355" s="10"/>
    </row>
    <row r="377356" spans="14:14">
      <c r="N377356" s="10"/>
    </row>
    <row r="377357" spans="14:14">
      <c r="N377357" s="10"/>
    </row>
    <row r="377358" spans="14:14">
      <c r="N377358" s="10"/>
    </row>
    <row r="377359" spans="14:14">
      <c r="N377359" s="10"/>
    </row>
    <row r="377360" spans="14:14">
      <c r="N377360" s="10"/>
    </row>
    <row r="377361" spans="14:14">
      <c r="N377361" s="10"/>
    </row>
    <row r="377362" spans="14:14">
      <c r="N377362" s="10"/>
    </row>
    <row r="377363" spans="14:14">
      <c r="N377363" s="10"/>
    </row>
    <row r="377364" spans="14:14">
      <c r="N377364" s="10"/>
    </row>
    <row r="377365" spans="14:14">
      <c r="N377365" s="10"/>
    </row>
    <row r="377366" spans="14:14">
      <c r="N377366" s="10"/>
    </row>
    <row r="377367" spans="14:14">
      <c r="N377367" s="10"/>
    </row>
    <row r="377368" spans="14:14">
      <c r="N377368" s="10"/>
    </row>
    <row r="377369" spans="14:14">
      <c r="N377369" s="10"/>
    </row>
    <row r="377370" spans="14:14">
      <c r="N377370" s="10"/>
    </row>
    <row r="377371" spans="14:14">
      <c r="N377371" s="10"/>
    </row>
    <row r="377372" spans="14:14">
      <c r="N377372" s="10"/>
    </row>
    <row r="377373" spans="14:14">
      <c r="N377373" s="10"/>
    </row>
    <row r="377374" spans="14:14">
      <c r="N377374" s="10"/>
    </row>
    <row r="377375" spans="14:14">
      <c r="N377375" s="10"/>
    </row>
    <row r="377376" spans="14:14">
      <c r="N377376" s="10"/>
    </row>
    <row r="377377" spans="14:14">
      <c r="N377377" s="10"/>
    </row>
    <row r="377378" spans="14:14">
      <c r="N377378" s="10"/>
    </row>
    <row r="377379" spans="14:14">
      <c r="N377379" s="10"/>
    </row>
    <row r="377380" spans="14:14">
      <c r="N377380" s="10"/>
    </row>
    <row r="377381" spans="14:14">
      <c r="N377381" s="10"/>
    </row>
    <row r="377382" spans="14:14">
      <c r="N377382" s="10"/>
    </row>
    <row r="377383" spans="14:14">
      <c r="N377383" s="10"/>
    </row>
    <row r="377384" spans="14:14">
      <c r="N377384" s="10"/>
    </row>
    <row r="377385" spans="14:14">
      <c r="N377385" s="10"/>
    </row>
    <row r="377386" spans="14:14">
      <c r="N377386" s="10"/>
    </row>
    <row r="377387" spans="14:14">
      <c r="N377387" s="10"/>
    </row>
    <row r="377388" spans="14:14">
      <c r="N377388" s="10"/>
    </row>
    <row r="377389" spans="14:14">
      <c r="N377389" s="10"/>
    </row>
    <row r="377390" spans="14:14">
      <c r="N377390" s="10"/>
    </row>
    <row r="377391" spans="14:14">
      <c r="N377391" s="10"/>
    </row>
    <row r="377392" spans="14:14">
      <c r="N377392" s="10"/>
    </row>
    <row r="377393" spans="14:14">
      <c r="N377393" s="10"/>
    </row>
    <row r="377394" spans="14:14">
      <c r="N377394" s="10"/>
    </row>
    <row r="377395" spans="14:14">
      <c r="N377395" s="10"/>
    </row>
    <row r="377396" spans="14:14">
      <c r="N377396" s="10"/>
    </row>
    <row r="377397" spans="14:14">
      <c r="N377397" s="10"/>
    </row>
    <row r="377398" spans="14:14">
      <c r="N377398" s="10"/>
    </row>
    <row r="377399" spans="14:14">
      <c r="N377399" s="10"/>
    </row>
    <row r="377400" spans="14:14">
      <c r="N377400" s="10"/>
    </row>
    <row r="377401" spans="14:14">
      <c r="N377401" s="10"/>
    </row>
    <row r="377402" spans="14:14">
      <c r="N377402" s="10"/>
    </row>
    <row r="377403" spans="14:14">
      <c r="N377403" s="10"/>
    </row>
    <row r="377404" spans="14:14">
      <c r="N377404" s="10"/>
    </row>
    <row r="377405" spans="14:14">
      <c r="N377405" s="10"/>
    </row>
    <row r="377406" spans="14:14">
      <c r="N377406" s="10"/>
    </row>
    <row r="377407" spans="14:14">
      <c r="N377407" s="10"/>
    </row>
    <row r="377408" spans="14:14">
      <c r="N377408" s="10"/>
    </row>
    <row r="377409" spans="14:14">
      <c r="N377409" s="10"/>
    </row>
    <row r="377410" spans="14:14">
      <c r="N377410" s="10"/>
    </row>
    <row r="377411" spans="14:14">
      <c r="N377411" s="10"/>
    </row>
    <row r="377412" spans="14:14">
      <c r="N377412" s="10"/>
    </row>
    <row r="377413" spans="14:14">
      <c r="N377413" s="10"/>
    </row>
    <row r="377414" spans="14:14">
      <c r="N377414" s="10"/>
    </row>
    <row r="377415" spans="14:14">
      <c r="N377415" s="10"/>
    </row>
    <row r="377416" spans="14:14">
      <c r="N377416" s="10"/>
    </row>
    <row r="377417" spans="14:14">
      <c r="N377417" s="10"/>
    </row>
    <row r="377418" spans="14:14">
      <c r="N377418" s="10"/>
    </row>
    <row r="377419" spans="14:14">
      <c r="N377419" s="10"/>
    </row>
    <row r="377420" spans="14:14">
      <c r="N377420" s="10"/>
    </row>
    <row r="377421" spans="14:14">
      <c r="N377421" s="10"/>
    </row>
    <row r="377422" spans="14:14">
      <c r="N377422" s="10"/>
    </row>
    <row r="377423" spans="14:14">
      <c r="N377423" s="10"/>
    </row>
    <row r="377424" spans="14:14">
      <c r="N377424" s="10"/>
    </row>
    <row r="377425" spans="14:14">
      <c r="N377425" s="10"/>
    </row>
    <row r="377426" spans="14:14">
      <c r="N377426" s="10"/>
    </row>
    <row r="377427" spans="14:14">
      <c r="N377427" s="10"/>
    </row>
    <row r="377428" spans="14:14">
      <c r="N377428" s="10"/>
    </row>
    <row r="377429" spans="14:14">
      <c r="N377429" s="10"/>
    </row>
    <row r="377430" spans="14:14">
      <c r="N377430" s="10"/>
    </row>
    <row r="377431" spans="14:14">
      <c r="N377431" s="10"/>
    </row>
    <row r="377432" spans="14:14">
      <c r="N377432" s="10"/>
    </row>
    <row r="377433" spans="14:14">
      <c r="N377433" s="10"/>
    </row>
    <row r="377434" spans="14:14">
      <c r="N377434" s="10"/>
    </row>
    <row r="377435" spans="14:14">
      <c r="N377435" s="10"/>
    </row>
    <row r="377436" spans="14:14">
      <c r="N377436" s="10"/>
    </row>
    <row r="377437" spans="14:14">
      <c r="N377437" s="10"/>
    </row>
    <row r="377438" spans="14:14">
      <c r="N377438" s="10"/>
    </row>
    <row r="377439" spans="14:14">
      <c r="N377439" s="10"/>
    </row>
    <row r="377440" spans="14:14">
      <c r="N377440" s="10"/>
    </row>
    <row r="377441" spans="14:14">
      <c r="N377441" s="10"/>
    </row>
    <row r="377442" spans="14:14">
      <c r="N377442" s="10"/>
    </row>
    <row r="377443" spans="14:14">
      <c r="N377443" s="10"/>
    </row>
    <row r="377444" spans="14:14">
      <c r="N377444" s="10"/>
    </row>
    <row r="377445" spans="14:14">
      <c r="N377445" s="10"/>
    </row>
    <row r="377446" spans="14:14">
      <c r="N377446" s="10"/>
    </row>
    <row r="377447" spans="14:14">
      <c r="N377447" s="10"/>
    </row>
    <row r="377448" spans="14:14">
      <c r="N377448" s="10"/>
    </row>
    <row r="377449" spans="14:14">
      <c r="N377449" s="10"/>
    </row>
    <row r="377450" spans="14:14">
      <c r="N377450" s="10"/>
    </row>
    <row r="377451" spans="14:14">
      <c r="N377451" s="10"/>
    </row>
    <row r="377452" spans="14:14">
      <c r="N377452" s="10"/>
    </row>
    <row r="377453" spans="14:14">
      <c r="N377453" s="10"/>
    </row>
    <row r="377454" spans="14:14">
      <c r="N377454" s="10"/>
    </row>
    <row r="377455" spans="14:14">
      <c r="N377455" s="10"/>
    </row>
    <row r="377456" spans="14:14">
      <c r="N377456" s="10"/>
    </row>
    <row r="377457" spans="14:14">
      <c r="N377457" s="10"/>
    </row>
    <row r="377458" spans="14:14">
      <c r="N377458" s="10"/>
    </row>
    <row r="377459" spans="14:14">
      <c r="N377459" s="10"/>
    </row>
    <row r="377460" spans="14:14">
      <c r="N377460" s="10"/>
    </row>
    <row r="377461" spans="14:14">
      <c r="N377461" s="10"/>
    </row>
    <row r="377462" spans="14:14">
      <c r="N377462" s="10"/>
    </row>
    <row r="377463" spans="14:14">
      <c r="N377463" s="10"/>
    </row>
    <row r="377464" spans="14:14">
      <c r="N377464" s="10"/>
    </row>
    <row r="377465" spans="14:14">
      <c r="N377465" s="10"/>
    </row>
    <row r="377466" spans="14:14">
      <c r="N377466" s="10"/>
    </row>
    <row r="377467" spans="14:14">
      <c r="N377467" s="10"/>
    </row>
    <row r="377468" spans="14:14">
      <c r="N377468" s="10"/>
    </row>
    <row r="377469" spans="14:14">
      <c r="N377469" s="10"/>
    </row>
    <row r="377470" spans="14:14">
      <c r="N377470" s="10"/>
    </row>
    <row r="377471" spans="14:14">
      <c r="N377471" s="10"/>
    </row>
    <row r="377472" spans="14:14">
      <c r="N377472" s="10"/>
    </row>
    <row r="377473" spans="14:14">
      <c r="N377473" s="10"/>
    </row>
    <row r="377474" spans="14:14">
      <c r="N377474" s="10"/>
    </row>
    <row r="377475" spans="14:14">
      <c r="N377475" s="10"/>
    </row>
    <row r="377476" spans="14:14">
      <c r="N377476" s="10"/>
    </row>
    <row r="377477" spans="14:14">
      <c r="N377477" s="10"/>
    </row>
    <row r="377478" spans="14:14">
      <c r="N377478" s="10"/>
    </row>
    <row r="377479" spans="14:14">
      <c r="N377479" s="10"/>
    </row>
    <row r="377480" spans="14:14">
      <c r="N377480" s="10"/>
    </row>
    <row r="377481" spans="14:14">
      <c r="N377481" s="10"/>
    </row>
    <row r="377482" spans="14:14">
      <c r="N377482" s="10"/>
    </row>
    <row r="377483" spans="14:14">
      <c r="N377483" s="10"/>
    </row>
    <row r="377484" spans="14:14">
      <c r="N377484" s="10"/>
    </row>
    <row r="377485" spans="14:14">
      <c r="N377485" s="10"/>
    </row>
    <row r="377486" spans="14:14">
      <c r="N377486" s="10"/>
    </row>
    <row r="377487" spans="14:14">
      <c r="N377487" s="10"/>
    </row>
    <row r="377488" spans="14:14">
      <c r="N377488" s="10"/>
    </row>
    <row r="377489" spans="14:14">
      <c r="N377489" s="10"/>
    </row>
    <row r="377490" spans="14:14">
      <c r="N377490" s="10"/>
    </row>
    <row r="377491" spans="14:14">
      <c r="N377491" s="10"/>
    </row>
    <row r="377492" spans="14:14">
      <c r="N377492" s="10"/>
    </row>
    <row r="377493" spans="14:14">
      <c r="N377493" s="10"/>
    </row>
    <row r="377494" spans="14:14">
      <c r="N377494" s="10"/>
    </row>
    <row r="377495" spans="14:14">
      <c r="N377495" s="10"/>
    </row>
    <row r="377496" spans="14:14">
      <c r="N377496" s="10"/>
    </row>
    <row r="377497" spans="14:14">
      <c r="N377497" s="10"/>
    </row>
    <row r="377498" spans="14:14">
      <c r="N377498" s="10"/>
    </row>
    <row r="377499" spans="14:14">
      <c r="N377499" s="10"/>
    </row>
    <row r="377500" spans="14:14">
      <c r="N377500" s="10"/>
    </row>
    <row r="377501" spans="14:14">
      <c r="N377501" s="10"/>
    </row>
    <row r="377502" spans="14:14">
      <c r="N377502" s="10"/>
    </row>
    <row r="377503" spans="14:14">
      <c r="N377503" s="10"/>
    </row>
    <row r="377504" spans="14:14">
      <c r="N377504" s="10"/>
    </row>
    <row r="377505" spans="14:14">
      <c r="N377505" s="10"/>
    </row>
    <row r="377506" spans="14:14">
      <c r="N377506" s="10"/>
    </row>
    <row r="377507" spans="14:14">
      <c r="N377507" s="10"/>
    </row>
    <row r="377508" spans="14:14">
      <c r="N377508" s="10"/>
    </row>
    <row r="377509" spans="14:14">
      <c r="N377509" s="10"/>
    </row>
    <row r="377510" spans="14:14">
      <c r="N377510" s="10"/>
    </row>
    <row r="377511" spans="14:14">
      <c r="N377511" s="10"/>
    </row>
    <row r="377512" spans="14:14">
      <c r="N377512" s="10"/>
    </row>
    <row r="377513" spans="14:14">
      <c r="N377513" s="10"/>
    </row>
    <row r="377514" spans="14:14">
      <c r="N377514" s="10"/>
    </row>
    <row r="377515" spans="14:14">
      <c r="N377515" s="10"/>
    </row>
    <row r="377516" spans="14:14">
      <c r="N377516" s="10"/>
    </row>
    <row r="377517" spans="14:14">
      <c r="N377517" s="10"/>
    </row>
    <row r="377518" spans="14:14">
      <c r="N377518" s="10"/>
    </row>
    <row r="377519" spans="14:14">
      <c r="N377519" s="10"/>
    </row>
    <row r="377520" spans="14:14">
      <c r="N377520" s="10"/>
    </row>
    <row r="377521" spans="14:14">
      <c r="N377521" s="10"/>
    </row>
    <row r="377522" spans="14:14">
      <c r="N377522" s="10"/>
    </row>
    <row r="377523" spans="14:14">
      <c r="N377523" s="10"/>
    </row>
    <row r="377524" spans="14:14">
      <c r="N377524" s="10"/>
    </row>
    <row r="377525" spans="14:14">
      <c r="N377525" s="10"/>
    </row>
    <row r="377526" spans="14:14">
      <c r="N377526" s="10"/>
    </row>
    <row r="377527" spans="14:14">
      <c r="N377527" s="10"/>
    </row>
    <row r="377528" spans="14:14">
      <c r="N377528" s="10"/>
    </row>
    <row r="377529" spans="14:14">
      <c r="N377529" s="10"/>
    </row>
    <row r="377530" spans="14:14">
      <c r="N377530" s="10"/>
    </row>
    <row r="377531" spans="14:14">
      <c r="N377531" s="10"/>
    </row>
    <row r="377532" spans="14:14">
      <c r="N377532" s="10"/>
    </row>
    <row r="377533" spans="14:14">
      <c r="N377533" s="10"/>
    </row>
    <row r="377534" spans="14:14">
      <c r="N377534" s="10"/>
    </row>
    <row r="377535" spans="14:14">
      <c r="N377535" s="10"/>
    </row>
    <row r="377536" spans="14:14">
      <c r="N377536" s="10"/>
    </row>
    <row r="377537" spans="14:14">
      <c r="N377537" s="10"/>
    </row>
    <row r="377538" spans="14:14">
      <c r="N377538" s="10"/>
    </row>
    <row r="377539" spans="14:14">
      <c r="N377539" s="10"/>
    </row>
    <row r="377540" spans="14:14">
      <c r="N377540" s="10"/>
    </row>
    <row r="377541" spans="14:14">
      <c r="N377541" s="10"/>
    </row>
    <row r="377542" spans="14:14">
      <c r="N377542" s="10"/>
    </row>
    <row r="377543" spans="14:14">
      <c r="N377543" s="10"/>
    </row>
    <row r="377544" spans="14:14">
      <c r="N377544" s="10"/>
    </row>
    <row r="377545" spans="14:14">
      <c r="N377545" s="10"/>
    </row>
    <row r="377546" spans="14:14">
      <c r="N377546" s="10"/>
    </row>
    <row r="377547" spans="14:14">
      <c r="N377547" s="10"/>
    </row>
    <row r="377548" spans="14:14">
      <c r="N377548" s="10"/>
    </row>
    <row r="377549" spans="14:14">
      <c r="N377549" s="10"/>
    </row>
    <row r="377550" spans="14:14">
      <c r="N377550" s="10"/>
    </row>
    <row r="377551" spans="14:14">
      <c r="N377551" s="10"/>
    </row>
    <row r="377552" spans="14:14">
      <c r="N377552" s="10"/>
    </row>
    <row r="377553" spans="14:14">
      <c r="N377553" s="10"/>
    </row>
    <row r="377554" spans="14:14">
      <c r="N377554" s="10"/>
    </row>
    <row r="377555" spans="14:14">
      <c r="N377555" s="10"/>
    </row>
    <row r="377556" spans="14:14">
      <c r="N377556" s="10"/>
    </row>
    <row r="377557" spans="14:14">
      <c r="N377557" s="10"/>
    </row>
    <row r="377558" spans="14:14">
      <c r="N377558" s="10"/>
    </row>
    <row r="377559" spans="14:14">
      <c r="N377559" s="10"/>
    </row>
    <row r="377560" spans="14:14">
      <c r="N377560" s="10"/>
    </row>
    <row r="377561" spans="14:14">
      <c r="N377561" s="10"/>
    </row>
    <row r="377562" spans="14:14">
      <c r="N377562" s="10"/>
    </row>
    <row r="377563" spans="14:14">
      <c r="N377563" s="10"/>
    </row>
    <row r="377564" spans="14:14">
      <c r="N377564" s="10"/>
    </row>
    <row r="377565" spans="14:14">
      <c r="N377565" s="10"/>
    </row>
    <row r="377566" spans="14:14">
      <c r="N377566" s="10"/>
    </row>
    <row r="377567" spans="14:14">
      <c r="N377567" s="10"/>
    </row>
    <row r="377568" spans="14:14">
      <c r="N377568" s="10"/>
    </row>
    <row r="377569" spans="14:14">
      <c r="N377569" s="10"/>
    </row>
    <row r="377570" spans="14:14">
      <c r="N377570" s="10"/>
    </row>
    <row r="377571" spans="14:14">
      <c r="N377571" s="10"/>
    </row>
    <row r="377572" spans="14:14">
      <c r="N377572" s="10"/>
    </row>
    <row r="377573" spans="14:14">
      <c r="N377573" s="10"/>
    </row>
    <row r="377574" spans="14:14">
      <c r="N377574" s="10"/>
    </row>
    <row r="377575" spans="14:14">
      <c r="N377575" s="10"/>
    </row>
    <row r="377576" spans="14:14">
      <c r="N377576" s="10"/>
    </row>
    <row r="377577" spans="14:14">
      <c r="N377577" s="10"/>
    </row>
    <row r="377578" spans="14:14">
      <c r="N377578" s="10"/>
    </row>
    <row r="377579" spans="14:14">
      <c r="N377579" s="10"/>
    </row>
    <row r="377580" spans="14:14">
      <c r="N377580" s="10"/>
    </row>
    <row r="377581" spans="14:14">
      <c r="N377581" s="10"/>
    </row>
    <row r="377582" spans="14:14">
      <c r="N377582" s="10"/>
    </row>
    <row r="377583" spans="14:14">
      <c r="N377583" s="10"/>
    </row>
    <row r="377584" spans="14:14">
      <c r="N377584" s="10"/>
    </row>
    <row r="377585" spans="14:14">
      <c r="N377585" s="10"/>
    </row>
    <row r="377586" spans="14:14">
      <c r="N377586" s="10"/>
    </row>
    <row r="377587" spans="14:14">
      <c r="N377587" s="10"/>
    </row>
    <row r="377588" spans="14:14">
      <c r="N377588" s="10"/>
    </row>
    <row r="377589" spans="14:14">
      <c r="N377589" s="10"/>
    </row>
    <row r="377590" spans="14:14">
      <c r="N377590" s="10"/>
    </row>
    <row r="377591" spans="14:14">
      <c r="N377591" s="10"/>
    </row>
    <row r="377592" spans="14:14">
      <c r="N377592" s="10"/>
    </row>
    <row r="377593" spans="14:14">
      <c r="N377593" s="10"/>
    </row>
    <row r="377594" spans="14:14">
      <c r="N377594" s="10"/>
    </row>
    <row r="377595" spans="14:14">
      <c r="N377595" s="10"/>
    </row>
    <row r="377596" spans="14:14">
      <c r="N377596" s="10"/>
    </row>
    <row r="377597" spans="14:14">
      <c r="N377597" s="10"/>
    </row>
    <row r="377598" spans="14:14">
      <c r="N377598" s="10"/>
    </row>
    <row r="377599" spans="14:14">
      <c r="N377599" s="10"/>
    </row>
    <row r="377600" spans="14:14">
      <c r="N377600" s="10"/>
    </row>
    <row r="377601" spans="14:14">
      <c r="N377601" s="10"/>
    </row>
    <row r="377602" spans="14:14">
      <c r="N377602" s="10"/>
    </row>
    <row r="377603" spans="14:14">
      <c r="N377603" s="10"/>
    </row>
    <row r="377604" spans="14:14">
      <c r="N377604" s="10"/>
    </row>
    <row r="377605" spans="14:14">
      <c r="N377605" s="10"/>
    </row>
    <row r="377606" spans="14:14">
      <c r="N377606" s="10"/>
    </row>
    <row r="377607" spans="14:14">
      <c r="N377607" s="10"/>
    </row>
    <row r="377608" spans="14:14">
      <c r="N377608" s="10"/>
    </row>
    <row r="377609" spans="14:14">
      <c r="N377609" s="10"/>
    </row>
    <row r="377610" spans="14:14">
      <c r="N377610" s="10"/>
    </row>
    <row r="377611" spans="14:14">
      <c r="N377611" s="10"/>
    </row>
    <row r="377612" spans="14:14">
      <c r="N377612" s="10"/>
    </row>
    <row r="377613" spans="14:14">
      <c r="N377613" s="10"/>
    </row>
    <row r="377614" spans="14:14">
      <c r="N377614" s="10"/>
    </row>
    <row r="377615" spans="14:14">
      <c r="N377615" s="10"/>
    </row>
    <row r="377616" spans="14:14">
      <c r="N377616" s="10"/>
    </row>
    <row r="377617" spans="14:14">
      <c r="N377617" s="10"/>
    </row>
    <row r="377618" spans="14:14">
      <c r="N377618" s="10"/>
    </row>
    <row r="377619" spans="14:14">
      <c r="N377619" s="10"/>
    </row>
    <row r="377620" spans="14:14">
      <c r="N377620" s="10"/>
    </row>
    <row r="377621" spans="14:14">
      <c r="N377621" s="10"/>
    </row>
    <row r="377622" spans="14:14">
      <c r="N377622" s="10"/>
    </row>
    <row r="377623" spans="14:14">
      <c r="N377623" s="10"/>
    </row>
    <row r="377624" spans="14:14">
      <c r="N377624" s="10"/>
    </row>
    <row r="377625" spans="14:14">
      <c r="N377625" s="10"/>
    </row>
    <row r="377626" spans="14:14">
      <c r="N377626" s="10"/>
    </row>
    <row r="377627" spans="14:14">
      <c r="N377627" s="10"/>
    </row>
    <row r="377628" spans="14:14">
      <c r="N377628" s="10"/>
    </row>
    <row r="377629" spans="14:14">
      <c r="N377629" s="10"/>
    </row>
    <row r="377630" spans="14:14">
      <c r="N377630" s="10"/>
    </row>
    <row r="377631" spans="14:14">
      <c r="N377631" s="10"/>
    </row>
    <row r="377632" spans="14:14">
      <c r="N377632" s="10"/>
    </row>
    <row r="377633" spans="14:14">
      <c r="N377633" s="10"/>
    </row>
    <row r="377634" spans="14:14">
      <c r="N377634" s="10"/>
    </row>
    <row r="377635" spans="14:14">
      <c r="N377635" s="10"/>
    </row>
    <row r="377636" spans="14:14">
      <c r="N377636" s="10"/>
    </row>
    <row r="377637" spans="14:14">
      <c r="N377637" s="10"/>
    </row>
    <row r="377638" spans="14:14">
      <c r="N377638" s="10"/>
    </row>
    <row r="377639" spans="14:14">
      <c r="N377639" s="10"/>
    </row>
    <row r="377640" spans="14:14">
      <c r="N377640" s="10"/>
    </row>
    <row r="377641" spans="14:14">
      <c r="N377641" s="10"/>
    </row>
    <row r="377642" spans="14:14">
      <c r="N377642" s="10"/>
    </row>
    <row r="377643" spans="14:14">
      <c r="N377643" s="10"/>
    </row>
    <row r="377644" spans="14:14">
      <c r="N377644" s="10"/>
    </row>
    <row r="377645" spans="14:14">
      <c r="N377645" s="10"/>
    </row>
    <row r="377646" spans="14:14">
      <c r="N377646" s="10"/>
    </row>
    <row r="377647" spans="14:14">
      <c r="N377647" s="10"/>
    </row>
    <row r="377648" spans="14:14">
      <c r="N377648" s="10"/>
    </row>
    <row r="377649" spans="14:14">
      <c r="N377649" s="10"/>
    </row>
    <row r="377650" spans="14:14">
      <c r="N377650" s="10"/>
    </row>
    <row r="377651" spans="14:14">
      <c r="N377651" s="10"/>
    </row>
    <row r="377652" spans="14:14">
      <c r="N377652" s="10"/>
    </row>
    <row r="377653" spans="14:14">
      <c r="N377653" s="10"/>
    </row>
    <row r="377654" spans="14:14">
      <c r="N377654" s="10"/>
    </row>
    <row r="377655" spans="14:14">
      <c r="N377655" s="10"/>
    </row>
    <row r="377656" spans="14:14">
      <c r="N377656" s="10"/>
    </row>
    <row r="377657" spans="14:14">
      <c r="N377657" s="10"/>
    </row>
    <row r="377658" spans="14:14">
      <c r="N377658" s="10"/>
    </row>
    <row r="377659" spans="14:14">
      <c r="N377659" s="10"/>
    </row>
    <row r="377660" spans="14:14">
      <c r="N377660" s="10"/>
    </row>
    <row r="377661" spans="14:14">
      <c r="N377661" s="10"/>
    </row>
    <row r="377662" spans="14:14">
      <c r="N377662" s="10"/>
    </row>
    <row r="377663" spans="14:14">
      <c r="N377663" s="10"/>
    </row>
    <row r="377664" spans="14:14">
      <c r="N377664" s="10"/>
    </row>
    <row r="377665" spans="14:14">
      <c r="N377665" s="10"/>
    </row>
    <row r="377666" spans="14:14">
      <c r="N377666" s="10"/>
    </row>
    <row r="377667" spans="14:14">
      <c r="N377667" s="10"/>
    </row>
    <row r="377668" spans="14:14">
      <c r="N377668" s="10"/>
    </row>
    <row r="377669" spans="14:14">
      <c r="N377669" s="10"/>
    </row>
    <row r="377670" spans="14:14">
      <c r="N377670" s="10"/>
    </row>
    <row r="377671" spans="14:14">
      <c r="N377671" s="10"/>
    </row>
    <row r="377672" spans="14:14">
      <c r="N377672" s="10"/>
    </row>
    <row r="377673" spans="14:14">
      <c r="N377673" s="10"/>
    </row>
    <row r="377674" spans="14:14">
      <c r="N377674" s="10"/>
    </row>
    <row r="377675" spans="14:14">
      <c r="N377675" s="10"/>
    </row>
    <row r="377676" spans="14:14">
      <c r="N377676" s="10"/>
    </row>
    <row r="377677" spans="14:14">
      <c r="N377677" s="10"/>
    </row>
    <row r="377678" spans="14:14">
      <c r="N377678" s="10"/>
    </row>
    <row r="377679" spans="14:14">
      <c r="N377679" s="10"/>
    </row>
    <row r="377680" spans="14:14">
      <c r="N377680" s="10"/>
    </row>
    <row r="377681" spans="14:14">
      <c r="N377681" s="10"/>
    </row>
    <row r="377682" spans="14:14">
      <c r="N377682" s="10"/>
    </row>
    <row r="377683" spans="14:14">
      <c r="N377683" s="10"/>
    </row>
    <row r="377684" spans="14:14">
      <c r="N377684" s="10"/>
    </row>
    <row r="377685" spans="14:14">
      <c r="N377685" s="10"/>
    </row>
    <row r="377686" spans="14:14">
      <c r="N377686" s="10"/>
    </row>
    <row r="377687" spans="14:14">
      <c r="N377687" s="10"/>
    </row>
    <row r="377688" spans="14:14">
      <c r="N377688" s="10"/>
    </row>
    <row r="377689" spans="14:14">
      <c r="N377689" s="10"/>
    </row>
    <row r="377690" spans="14:14">
      <c r="N377690" s="10"/>
    </row>
    <row r="377691" spans="14:14">
      <c r="N377691" s="10"/>
    </row>
    <row r="377692" spans="14:14">
      <c r="N377692" s="10"/>
    </row>
    <row r="377693" spans="14:14">
      <c r="N377693" s="10"/>
    </row>
    <row r="377694" spans="14:14">
      <c r="N377694" s="10"/>
    </row>
    <row r="377695" spans="14:14">
      <c r="N377695" s="10"/>
    </row>
    <row r="377696" spans="14:14">
      <c r="N377696" s="10"/>
    </row>
    <row r="377697" spans="14:14">
      <c r="N377697" s="10"/>
    </row>
    <row r="377698" spans="14:14">
      <c r="N377698" s="10"/>
    </row>
    <row r="377699" spans="14:14">
      <c r="N377699" s="10"/>
    </row>
    <row r="377700" spans="14:14">
      <c r="N377700" s="10"/>
    </row>
    <row r="377701" spans="14:14">
      <c r="N377701" s="10"/>
    </row>
    <row r="377702" spans="14:14">
      <c r="N377702" s="10"/>
    </row>
    <row r="377703" spans="14:14">
      <c r="N377703" s="10"/>
    </row>
    <row r="377704" spans="14:14">
      <c r="N377704" s="10"/>
    </row>
    <row r="377705" spans="14:14">
      <c r="N377705" s="10"/>
    </row>
    <row r="377706" spans="14:14">
      <c r="N377706" s="10"/>
    </row>
    <row r="377707" spans="14:14">
      <c r="N377707" s="10"/>
    </row>
    <row r="377708" spans="14:14">
      <c r="N377708" s="10"/>
    </row>
    <row r="377709" spans="14:14">
      <c r="N377709" s="10"/>
    </row>
    <row r="377710" spans="14:14">
      <c r="N377710" s="10"/>
    </row>
    <row r="377711" spans="14:14">
      <c r="N377711" s="10"/>
    </row>
    <row r="377712" spans="14:14">
      <c r="N377712" s="10"/>
    </row>
    <row r="377713" spans="14:14">
      <c r="N377713" s="10"/>
    </row>
    <row r="377714" spans="14:14">
      <c r="N377714" s="10"/>
    </row>
    <row r="377715" spans="14:14">
      <c r="N377715" s="10"/>
    </row>
    <row r="377716" spans="14:14">
      <c r="N377716" s="10"/>
    </row>
    <row r="377717" spans="14:14">
      <c r="N377717" s="10"/>
    </row>
    <row r="377718" spans="14:14">
      <c r="N377718" s="10"/>
    </row>
    <row r="377719" spans="14:14">
      <c r="N377719" s="10"/>
    </row>
    <row r="377720" spans="14:14">
      <c r="N377720" s="10"/>
    </row>
    <row r="377721" spans="14:14">
      <c r="N377721" s="10"/>
    </row>
    <row r="377722" spans="14:14">
      <c r="N377722" s="10"/>
    </row>
    <row r="377723" spans="14:14">
      <c r="N377723" s="10"/>
    </row>
    <row r="377724" spans="14:14">
      <c r="N377724" s="10"/>
    </row>
    <row r="377725" spans="14:14">
      <c r="N377725" s="10"/>
    </row>
    <row r="377726" spans="14:14">
      <c r="N377726" s="10"/>
    </row>
    <row r="377727" spans="14:14">
      <c r="N377727" s="10"/>
    </row>
    <row r="377728" spans="14:14">
      <c r="N377728" s="10"/>
    </row>
    <row r="377729" spans="14:14">
      <c r="N377729" s="10"/>
    </row>
    <row r="377730" spans="14:14">
      <c r="N377730" s="10"/>
    </row>
    <row r="377731" spans="14:14">
      <c r="N377731" s="10"/>
    </row>
    <row r="377732" spans="14:14">
      <c r="N377732" s="10"/>
    </row>
    <row r="377733" spans="14:14">
      <c r="N377733" s="10"/>
    </row>
    <row r="377734" spans="14:14">
      <c r="N377734" s="10"/>
    </row>
    <row r="377735" spans="14:14">
      <c r="N377735" s="10"/>
    </row>
    <row r="377736" spans="14:14">
      <c r="N377736" s="10"/>
    </row>
    <row r="377737" spans="14:14">
      <c r="N377737" s="10"/>
    </row>
    <row r="377738" spans="14:14">
      <c r="N377738" s="10"/>
    </row>
    <row r="377739" spans="14:14">
      <c r="N377739" s="10"/>
    </row>
    <row r="377740" spans="14:14">
      <c r="N377740" s="10"/>
    </row>
    <row r="377741" spans="14:14">
      <c r="N377741" s="10"/>
    </row>
    <row r="377742" spans="14:14">
      <c r="N377742" s="10"/>
    </row>
    <row r="377743" spans="14:14">
      <c r="N377743" s="10"/>
    </row>
    <row r="377744" spans="14:14">
      <c r="N377744" s="10"/>
    </row>
    <row r="377745" spans="14:14">
      <c r="N377745" s="10"/>
    </row>
    <row r="377746" spans="14:14">
      <c r="N377746" s="10"/>
    </row>
    <row r="377747" spans="14:14">
      <c r="N377747" s="10"/>
    </row>
    <row r="377748" spans="14:14">
      <c r="N377748" s="10"/>
    </row>
    <row r="377749" spans="14:14">
      <c r="N377749" s="10"/>
    </row>
    <row r="377750" spans="14:14">
      <c r="N377750" s="10"/>
    </row>
    <row r="377751" spans="14:14">
      <c r="N377751" s="10"/>
    </row>
    <row r="377752" spans="14:14">
      <c r="N377752" s="10"/>
    </row>
    <row r="377753" spans="14:14">
      <c r="N377753" s="10"/>
    </row>
    <row r="377754" spans="14:14">
      <c r="N377754" s="10"/>
    </row>
    <row r="377755" spans="14:14">
      <c r="N377755" s="10"/>
    </row>
    <row r="377756" spans="14:14">
      <c r="N377756" s="10"/>
    </row>
    <row r="377757" spans="14:14">
      <c r="N377757" s="10"/>
    </row>
    <row r="377758" spans="14:14">
      <c r="N377758" s="10"/>
    </row>
    <row r="377759" spans="14:14">
      <c r="N377759" s="10"/>
    </row>
    <row r="377760" spans="14:14">
      <c r="N377760" s="10"/>
    </row>
    <row r="377761" spans="14:14">
      <c r="N377761" s="10"/>
    </row>
    <row r="377762" spans="14:14">
      <c r="N377762" s="10"/>
    </row>
    <row r="377763" spans="14:14">
      <c r="N377763" s="10"/>
    </row>
    <row r="377764" spans="14:14">
      <c r="N377764" s="10"/>
    </row>
    <row r="377765" spans="14:14">
      <c r="N377765" s="10"/>
    </row>
    <row r="377766" spans="14:14">
      <c r="N377766" s="10"/>
    </row>
    <row r="377767" spans="14:14">
      <c r="N377767" s="10"/>
    </row>
    <row r="377768" spans="14:14">
      <c r="N377768" s="10"/>
    </row>
    <row r="377769" spans="14:14">
      <c r="N377769" s="10"/>
    </row>
    <row r="377770" spans="14:14">
      <c r="N377770" s="10"/>
    </row>
    <row r="377771" spans="14:14">
      <c r="N377771" s="10"/>
    </row>
    <row r="377772" spans="14:14">
      <c r="N377772" s="10"/>
    </row>
    <row r="377773" spans="14:14">
      <c r="N377773" s="10"/>
    </row>
    <row r="377774" spans="14:14">
      <c r="N377774" s="10"/>
    </row>
    <row r="377775" spans="14:14">
      <c r="N377775" s="10"/>
    </row>
    <row r="377776" spans="14:14">
      <c r="N377776" s="10"/>
    </row>
    <row r="377777" spans="14:14">
      <c r="N377777" s="10"/>
    </row>
    <row r="377778" spans="14:14">
      <c r="N377778" s="10"/>
    </row>
    <row r="377779" spans="14:14">
      <c r="N377779" s="10"/>
    </row>
    <row r="377780" spans="14:14">
      <c r="N377780" s="10"/>
    </row>
    <row r="377781" spans="14:14">
      <c r="N377781" s="10"/>
    </row>
    <row r="377782" spans="14:14">
      <c r="N377782" s="10"/>
    </row>
    <row r="377783" spans="14:14">
      <c r="N377783" s="10"/>
    </row>
    <row r="377784" spans="14:14">
      <c r="N377784" s="10"/>
    </row>
    <row r="377785" spans="14:14">
      <c r="N377785" s="10"/>
    </row>
    <row r="377786" spans="14:14">
      <c r="N377786" s="10"/>
    </row>
    <row r="377787" spans="14:14">
      <c r="N377787" s="10"/>
    </row>
    <row r="377788" spans="14:14">
      <c r="N377788" s="10"/>
    </row>
    <row r="377789" spans="14:14">
      <c r="N377789" s="10"/>
    </row>
    <row r="377790" spans="14:14">
      <c r="N377790" s="10"/>
    </row>
    <row r="377791" spans="14:14">
      <c r="N377791" s="10"/>
    </row>
    <row r="377792" spans="14:14">
      <c r="N377792" s="10"/>
    </row>
    <row r="377793" spans="14:14">
      <c r="N377793" s="10"/>
    </row>
    <row r="377794" spans="14:14">
      <c r="N377794" s="10"/>
    </row>
    <row r="377795" spans="14:14">
      <c r="N377795" s="10"/>
    </row>
    <row r="377796" spans="14:14">
      <c r="N377796" s="10"/>
    </row>
    <row r="377797" spans="14:14">
      <c r="N377797" s="10"/>
    </row>
    <row r="377798" spans="14:14">
      <c r="N377798" s="10"/>
    </row>
    <row r="377799" spans="14:14">
      <c r="N377799" s="10"/>
    </row>
    <row r="377800" spans="14:14">
      <c r="N377800" s="10"/>
    </row>
    <row r="377801" spans="14:14">
      <c r="N377801" s="10"/>
    </row>
    <row r="377802" spans="14:14">
      <c r="N377802" s="10"/>
    </row>
    <row r="377803" spans="14:14">
      <c r="N377803" s="10"/>
    </row>
    <row r="377804" spans="14:14">
      <c r="N377804" s="10"/>
    </row>
    <row r="377805" spans="14:14">
      <c r="N377805" s="10"/>
    </row>
    <row r="377806" spans="14:14">
      <c r="N377806" s="10"/>
    </row>
    <row r="377807" spans="14:14">
      <c r="N377807" s="10"/>
    </row>
    <row r="377808" spans="14:14">
      <c r="N377808" s="10"/>
    </row>
    <row r="377809" spans="14:14">
      <c r="N377809" s="10"/>
    </row>
    <row r="377810" spans="14:14">
      <c r="N377810" s="10"/>
    </row>
    <row r="377811" spans="14:14">
      <c r="N377811" s="10"/>
    </row>
    <row r="377812" spans="14:14">
      <c r="N377812" s="10"/>
    </row>
    <row r="377813" spans="14:14">
      <c r="N377813" s="10"/>
    </row>
    <row r="377814" spans="14:14">
      <c r="N377814" s="10"/>
    </row>
    <row r="377815" spans="14:14">
      <c r="N377815" s="10"/>
    </row>
    <row r="377816" spans="14:14">
      <c r="N377816" s="10"/>
    </row>
    <row r="377817" spans="14:14">
      <c r="N377817" s="10"/>
    </row>
    <row r="377818" spans="14:14">
      <c r="N377818" s="10"/>
    </row>
    <row r="377819" spans="14:14">
      <c r="N377819" s="10"/>
    </row>
    <row r="377820" spans="14:14">
      <c r="N377820" s="10"/>
    </row>
    <row r="377821" spans="14:14">
      <c r="N377821" s="10"/>
    </row>
    <row r="377822" spans="14:14">
      <c r="N377822" s="10"/>
    </row>
    <row r="377823" spans="14:14">
      <c r="N377823" s="10"/>
    </row>
    <row r="377824" spans="14:14">
      <c r="N377824" s="10"/>
    </row>
    <row r="377825" spans="14:14">
      <c r="N377825" s="10"/>
    </row>
    <row r="377826" spans="14:14">
      <c r="N377826" s="10"/>
    </row>
    <row r="377827" spans="14:14">
      <c r="N377827" s="10"/>
    </row>
    <row r="377828" spans="14:14">
      <c r="N377828" s="10"/>
    </row>
    <row r="377829" spans="14:14">
      <c r="N377829" s="10"/>
    </row>
    <row r="377830" spans="14:14">
      <c r="N377830" s="10"/>
    </row>
    <row r="377831" spans="14:14">
      <c r="N377831" s="10"/>
    </row>
    <row r="377832" spans="14:14">
      <c r="N377832" s="10"/>
    </row>
    <row r="377833" spans="14:14">
      <c r="N377833" s="10"/>
    </row>
    <row r="377834" spans="14:14">
      <c r="N377834" s="10"/>
    </row>
    <row r="377835" spans="14:14">
      <c r="N377835" s="10"/>
    </row>
    <row r="377836" spans="14:14">
      <c r="N377836" s="10"/>
    </row>
    <row r="377837" spans="14:14">
      <c r="N377837" s="10"/>
    </row>
    <row r="377838" spans="14:14">
      <c r="N377838" s="10"/>
    </row>
    <row r="377839" spans="14:14">
      <c r="N377839" s="10"/>
    </row>
    <row r="377840" spans="14:14">
      <c r="N377840" s="10"/>
    </row>
    <row r="377841" spans="14:14">
      <c r="N377841" s="10"/>
    </row>
    <row r="377842" spans="14:14">
      <c r="N377842" s="10"/>
    </row>
    <row r="377843" spans="14:14">
      <c r="N377843" s="10"/>
    </row>
    <row r="377844" spans="14:14">
      <c r="N377844" s="10"/>
    </row>
    <row r="377845" spans="14:14">
      <c r="N377845" s="10"/>
    </row>
    <row r="377846" spans="14:14">
      <c r="N377846" s="10"/>
    </row>
    <row r="377847" spans="14:14">
      <c r="N377847" s="10"/>
    </row>
    <row r="377848" spans="14:14">
      <c r="N377848" s="10"/>
    </row>
    <row r="377849" spans="14:14">
      <c r="N377849" s="10"/>
    </row>
    <row r="377850" spans="14:14">
      <c r="N377850" s="10"/>
    </row>
    <row r="377851" spans="14:14">
      <c r="N377851" s="10"/>
    </row>
    <row r="377852" spans="14:14">
      <c r="N377852" s="10"/>
    </row>
    <row r="377853" spans="14:14">
      <c r="N377853" s="10"/>
    </row>
    <row r="377854" spans="14:14">
      <c r="N377854" s="10"/>
    </row>
    <row r="377855" spans="14:14">
      <c r="N377855" s="10"/>
    </row>
    <row r="377856" spans="14:14">
      <c r="N377856" s="10"/>
    </row>
    <row r="377857" spans="14:14">
      <c r="N377857" s="10"/>
    </row>
    <row r="377858" spans="14:14">
      <c r="N377858" s="10"/>
    </row>
    <row r="377859" spans="14:14">
      <c r="N377859" s="10"/>
    </row>
    <row r="377860" spans="14:14">
      <c r="N377860" s="10"/>
    </row>
    <row r="377861" spans="14:14">
      <c r="N377861" s="10"/>
    </row>
    <row r="377862" spans="14:14">
      <c r="N377862" s="10"/>
    </row>
    <row r="377863" spans="14:14">
      <c r="N377863" s="10"/>
    </row>
    <row r="377864" spans="14:14">
      <c r="N377864" s="10"/>
    </row>
    <row r="377865" spans="14:14">
      <c r="N377865" s="10"/>
    </row>
    <row r="377866" spans="14:14">
      <c r="N377866" s="10"/>
    </row>
    <row r="377867" spans="14:14">
      <c r="N377867" s="10"/>
    </row>
    <row r="377868" spans="14:14">
      <c r="N377868" s="10"/>
    </row>
    <row r="377869" spans="14:14">
      <c r="N377869" s="10"/>
    </row>
    <row r="377870" spans="14:14">
      <c r="N377870" s="10"/>
    </row>
    <row r="377871" spans="14:14">
      <c r="N377871" s="10"/>
    </row>
    <row r="377872" spans="14:14">
      <c r="N377872" s="10"/>
    </row>
    <row r="377873" spans="14:14">
      <c r="N377873" s="10"/>
    </row>
    <row r="377874" spans="14:14">
      <c r="N377874" s="10"/>
    </row>
    <row r="377875" spans="14:14">
      <c r="N377875" s="10"/>
    </row>
    <row r="377876" spans="14:14">
      <c r="N377876" s="10"/>
    </row>
    <row r="377877" spans="14:14">
      <c r="N377877" s="10"/>
    </row>
    <row r="377878" spans="14:14">
      <c r="N377878" s="10"/>
    </row>
    <row r="377879" spans="14:14">
      <c r="N377879" s="10"/>
    </row>
    <row r="377880" spans="14:14">
      <c r="N377880" s="10"/>
    </row>
    <row r="377881" spans="14:14">
      <c r="N377881" s="10"/>
    </row>
    <row r="377882" spans="14:14">
      <c r="N377882" s="10"/>
    </row>
    <row r="377883" spans="14:14">
      <c r="N377883" s="10"/>
    </row>
    <row r="377884" spans="14:14">
      <c r="N377884" s="10"/>
    </row>
    <row r="377885" spans="14:14">
      <c r="N377885" s="10"/>
    </row>
    <row r="377886" spans="14:14">
      <c r="N377886" s="10"/>
    </row>
    <row r="377887" spans="14:14">
      <c r="N377887" s="10"/>
    </row>
    <row r="377888" spans="14:14">
      <c r="N377888" s="10"/>
    </row>
    <row r="377889" spans="14:14">
      <c r="N377889" s="10"/>
    </row>
    <row r="377890" spans="14:14">
      <c r="N377890" s="10"/>
    </row>
    <row r="377891" spans="14:14">
      <c r="N377891" s="10"/>
    </row>
    <row r="377892" spans="14:14">
      <c r="N377892" s="10"/>
    </row>
    <row r="377893" spans="14:14">
      <c r="N377893" s="10"/>
    </row>
    <row r="377894" spans="14:14">
      <c r="N377894" s="10"/>
    </row>
    <row r="377895" spans="14:14">
      <c r="N377895" s="10"/>
    </row>
    <row r="377896" spans="14:14">
      <c r="N377896" s="10"/>
    </row>
    <row r="377897" spans="14:14">
      <c r="N377897" s="10"/>
    </row>
    <row r="377898" spans="14:14">
      <c r="N377898" s="10"/>
    </row>
    <row r="377899" spans="14:14">
      <c r="N377899" s="10"/>
    </row>
    <row r="377900" spans="14:14">
      <c r="N377900" s="10"/>
    </row>
    <row r="377901" spans="14:14">
      <c r="N377901" s="10"/>
    </row>
    <row r="377902" spans="14:14">
      <c r="N377902" s="10"/>
    </row>
    <row r="377903" spans="14:14">
      <c r="N377903" s="10"/>
    </row>
    <row r="377904" spans="14:14">
      <c r="N377904" s="10"/>
    </row>
    <row r="377905" spans="14:14">
      <c r="N377905" s="10"/>
    </row>
    <row r="377906" spans="14:14">
      <c r="N377906" s="10"/>
    </row>
    <row r="377907" spans="14:14">
      <c r="N377907" s="10"/>
    </row>
    <row r="377908" spans="14:14">
      <c r="N377908" s="10"/>
    </row>
    <row r="377909" spans="14:14">
      <c r="N377909" s="10"/>
    </row>
    <row r="377910" spans="14:14">
      <c r="N377910" s="10"/>
    </row>
    <row r="377911" spans="14:14">
      <c r="N377911" s="10"/>
    </row>
    <row r="377912" spans="14:14">
      <c r="N377912" s="10"/>
    </row>
    <row r="377913" spans="14:14">
      <c r="N377913" s="10"/>
    </row>
    <row r="377914" spans="14:14">
      <c r="N377914" s="10"/>
    </row>
    <row r="377915" spans="14:14">
      <c r="N377915" s="10"/>
    </row>
    <row r="377916" spans="14:14">
      <c r="N377916" s="10"/>
    </row>
    <row r="377917" spans="14:14">
      <c r="N377917" s="10"/>
    </row>
    <row r="377918" spans="14:14">
      <c r="N377918" s="10"/>
    </row>
    <row r="377919" spans="14:14">
      <c r="N377919" s="10"/>
    </row>
    <row r="377920" spans="14:14">
      <c r="N377920" s="10"/>
    </row>
    <row r="377921" spans="14:14">
      <c r="N377921" s="10"/>
    </row>
    <row r="377922" spans="14:14">
      <c r="N377922" s="10"/>
    </row>
    <row r="377923" spans="14:14">
      <c r="N377923" s="10"/>
    </row>
    <row r="377924" spans="14:14">
      <c r="N377924" s="10"/>
    </row>
    <row r="377925" spans="14:14">
      <c r="N377925" s="10"/>
    </row>
    <row r="377926" spans="14:14">
      <c r="N377926" s="10"/>
    </row>
    <row r="377927" spans="14:14">
      <c r="N377927" s="10"/>
    </row>
    <row r="377928" spans="14:14">
      <c r="N377928" s="10"/>
    </row>
    <row r="377929" spans="14:14">
      <c r="N377929" s="10"/>
    </row>
    <row r="377930" spans="14:14">
      <c r="N377930" s="10"/>
    </row>
    <row r="377931" spans="14:14">
      <c r="N377931" s="10"/>
    </row>
    <row r="377932" spans="14:14">
      <c r="N377932" s="10"/>
    </row>
    <row r="377933" spans="14:14">
      <c r="N377933" s="10"/>
    </row>
    <row r="377934" spans="14:14">
      <c r="N377934" s="10"/>
    </row>
    <row r="377935" spans="14:14">
      <c r="N377935" s="10"/>
    </row>
    <row r="377936" spans="14:14">
      <c r="N377936" s="10"/>
    </row>
    <row r="377937" spans="14:14">
      <c r="N377937" s="10"/>
    </row>
    <row r="377938" spans="14:14">
      <c r="N377938" s="10"/>
    </row>
    <row r="377939" spans="14:14">
      <c r="N377939" s="10"/>
    </row>
    <row r="377940" spans="14:14">
      <c r="N377940" s="10"/>
    </row>
    <row r="377941" spans="14:14">
      <c r="N377941" s="10"/>
    </row>
    <row r="377942" spans="14:14">
      <c r="N377942" s="10"/>
    </row>
    <row r="377943" spans="14:14">
      <c r="N377943" s="10"/>
    </row>
    <row r="377944" spans="14:14">
      <c r="N377944" s="10"/>
    </row>
    <row r="377945" spans="14:14">
      <c r="N377945" s="10"/>
    </row>
    <row r="377946" spans="14:14">
      <c r="N377946" s="10"/>
    </row>
    <row r="377947" spans="14:14">
      <c r="N377947" s="10"/>
    </row>
    <row r="377948" spans="14:14">
      <c r="N377948" s="10"/>
    </row>
    <row r="377949" spans="14:14">
      <c r="N377949" s="10"/>
    </row>
    <row r="377950" spans="14:14">
      <c r="N377950" s="10"/>
    </row>
    <row r="377951" spans="14:14">
      <c r="N377951" s="10"/>
    </row>
    <row r="377952" spans="14:14">
      <c r="N377952" s="10"/>
    </row>
    <row r="377953" spans="14:14">
      <c r="N377953" s="10"/>
    </row>
    <row r="377954" spans="14:14">
      <c r="N377954" s="10"/>
    </row>
    <row r="377955" spans="14:14">
      <c r="N377955" s="10"/>
    </row>
    <row r="377956" spans="14:14">
      <c r="N377956" s="10"/>
    </row>
    <row r="377957" spans="14:14">
      <c r="N377957" s="10"/>
    </row>
    <row r="377958" spans="14:14">
      <c r="N377958" s="10"/>
    </row>
    <row r="377959" spans="14:14">
      <c r="N377959" s="10"/>
    </row>
    <row r="377960" spans="14:14">
      <c r="N377960" s="10"/>
    </row>
    <row r="377961" spans="14:14">
      <c r="N377961" s="10"/>
    </row>
    <row r="377962" spans="14:14">
      <c r="N377962" s="10"/>
    </row>
    <row r="377963" spans="14:14">
      <c r="N377963" s="10"/>
    </row>
    <row r="377964" spans="14:14">
      <c r="N377964" s="10"/>
    </row>
    <row r="377965" spans="14:14">
      <c r="N377965" s="10"/>
    </row>
    <row r="377966" spans="14:14">
      <c r="N377966" s="10"/>
    </row>
    <row r="377967" spans="14:14">
      <c r="N377967" s="10"/>
    </row>
    <row r="377968" spans="14:14">
      <c r="N377968" s="10"/>
    </row>
    <row r="377969" spans="14:14">
      <c r="N377969" s="10"/>
    </row>
    <row r="377970" spans="14:14">
      <c r="N377970" s="10"/>
    </row>
    <row r="377971" spans="14:14">
      <c r="N377971" s="10"/>
    </row>
    <row r="377972" spans="14:14">
      <c r="N377972" s="10"/>
    </row>
    <row r="377973" spans="14:14">
      <c r="N377973" s="10"/>
    </row>
    <row r="377974" spans="14:14">
      <c r="N377974" s="10"/>
    </row>
    <row r="377975" spans="14:14">
      <c r="N377975" s="10"/>
    </row>
    <row r="377976" spans="14:14">
      <c r="N377976" s="10"/>
    </row>
    <row r="377977" spans="14:14">
      <c r="N377977" s="10"/>
    </row>
    <row r="377978" spans="14:14">
      <c r="N377978" s="10"/>
    </row>
    <row r="377979" spans="14:14">
      <c r="N377979" s="10"/>
    </row>
    <row r="377980" spans="14:14">
      <c r="N377980" s="10"/>
    </row>
    <row r="377981" spans="14:14">
      <c r="N377981" s="10"/>
    </row>
    <row r="377982" spans="14:14">
      <c r="N377982" s="10"/>
    </row>
    <row r="377983" spans="14:14">
      <c r="N377983" s="10"/>
    </row>
    <row r="377984" spans="14:14">
      <c r="N377984" s="10"/>
    </row>
    <row r="377985" spans="14:14">
      <c r="N377985" s="10"/>
    </row>
    <row r="377986" spans="14:14">
      <c r="N377986" s="10"/>
    </row>
    <row r="377987" spans="14:14">
      <c r="N377987" s="10"/>
    </row>
    <row r="377988" spans="14:14">
      <c r="N377988" s="10"/>
    </row>
    <row r="377989" spans="14:14">
      <c r="N377989" s="10"/>
    </row>
    <row r="377990" spans="14:14">
      <c r="N377990" s="10"/>
    </row>
    <row r="377991" spans="14:14">
      <c r="N377991" s="10"/>
    </row>
    <row r="377992" spans="14:14">
      <c r="N377992" s="10"/>
    </row>
    <row r="377993" spans="14:14">
      <c r="N377993" s="10"/>
    </row>
    <row r="377994" spans="14:14">
      <c r="N377994" s="10"/>
    </row>
    <row r="377995" spans="14:14">
      <c r="N377995" s="10"/>
    </row>
    <row r="377996" spans="14:14">
      <c r="N377996" s="10"/>
    </row>
    <row r="377997" spans="14:14">
      <c r="N377997" s="10"/>
    </row>
    <row r="377998" spans="14:14">
      <c r="N377998" s="10"/>
    </row>
    <row r="377999" spans="14:14">
      <c r="N377999" s="10"/>
    </row>
    <row r="378000" spans="14:14">
      <c r="N378000" s="10"/>
    </row>
    <row r="378001" spans="14:14">
      <c r="N378001" s="10"/>
    </row>
    <row r="378002" spans="14:14">
      <c r="N378002" s="10"/>
    </row>
    <row r="378003" spans="14:14">
      <c r="N378003" s="10"/>
    </row>
    <row r="378004" spans="14:14">
      <c r="N378004" s="10"/>
    </row>
    <row r="378005" spans="14:14">
      <c r="N378005" s="10"/>
    </row>
    <row r="378006" spans="14:14">
      <c r="N378006" s="10"/>
    </row>
    <row r="378007" spans="14:14">
      <c r="N378007" s="10"/>
    </row>
    <row r="378008" spans="14:14">
      <c r="N378008" s="10"/>
    </row>
    <row r="378009" spans="14:14">
      <c r="N378009" s="10"/>
    </row>
    <row r="378010" spans="14:14">
      <c r="N378010" s="10"/>
    </row>
    <row r="378011" spans="14:14">
      <c r="N378011" s="10"/>
    </row>
    <row r="378012" spans="14:14">
      <c r="N378012" s="10"/>
    </row>
    <row r="378013" spans="14:14">
      <c r="N378013" s="10"/>
    </row>
    <row r="378014" spans="14:14">
      <c r="N378014" s="10"/>
    </row>
    <row r="378015" spans="14:14">
      <c r="N378015" s="10"/>
    </row>
    <row r="378016" spans="14:14">
      <c r="N378016" s="10"/>
    </row>
    <row r="378017" spans="14:14">
      <c r="N378017" s="10"/>
    </row>
    <row r="378018" spans="14:14">
      <c r="N378018" s="10"/>
    </row>
    <row r="378019" spans="14:14">
      <c r="N378019" s="10"/>
    </row>
    <row r="378020" spans="14:14">
      <c r="N378020" s="10"/>
    </row>
    <row r="378021" spans="14:14">
      <c r="N378021" s="10"/>
    </row>
    <row r="378022" spans="14:14">
      <c r="N378022" s="10"/>
    </row>
    <row r="378023" spans="14:14">
      <c r="N378023" s="10"/>
    </row>
    <row r="378024" spans="14:14">
      <c r="N378024" s="10"/>
    </row>
    <row r="378025" spans="14:14">
      <c r="N378025" s="10"/>
    </row>
    <row r="378026" spans="14:14">
      <c r="N378026" s="10"/>
    </row>
    <row r="378027" spans="14:14">
      <c r="N378027" s="10"/>
    </row>
    <row r="378028" spans="14:14">
      <c r="N378028" s="10"/>
    </row>
    <row r="378029" spans="14:14">
      <c r="N378029" s="10"/>
    </row>
    <row r="378030" spans="14:14">
      <c r="N378030" s="10"/>
    </row>
    <row r="378031" spans="14:14">
      <c r="N378031" s="10"/>
    </row>
    <row r="378032" spans="14:14">
      <c r="N378032" s="10"/>
    </row>
    <row r="378033" spans="14:14">
      <c r="N378033" s="10"/>
    </row>
    <row r="378034" spans="14:14">
      <c r="N378034" s="10"/>
    </row>
    <row r="378035" spans="14:14">
      <c r="N378035" s="10"/>
    </row>
    <row r="378036" spans="14:14">
      <c r="N378036" s="10"/>
    </row>
    <row r="378037" spans="14:14">
      <c r="N378037" s="10"/>
    </row>
    <row r="378038" spans="14:14">
      <c r="N378038" s="10"/>
    </row>
    <row r="378039" spans="14:14">
      <c r="N378039" s="10"/>
    </row>
    <row r="378040" spans="14:14">
      <c r="N378040" s="10"/>
    </row>
    <row r="378041" spans="14:14">
      <c r="N378041" s="10"/>
    </row>
    <row r="378042" spans="14:14">
      <c r="N378042" s="10"/>
    </row>
    <row r="378043" spans="14:14">
      <c r="N378043" s="10"/>
    </row>
    <row r="378044" spans="14:14">
      <c r="N378044" s="10"/>
    </row>
    <row r="378045" spans="14:14">
      <c r="N378045" s="10"/>
    </row>
    <row r="378046" spans="14:14">
      <c r="N378046" s="10"/>
    </row>
    <row r="378047" spans="14:14">
      <c r="N378047" s="10"/>
    </row>
    <row r="378048" spans="14:14">
      <c r="N378048" s="10"/>
    </row>
    <row r="378049" spans="14:14">
      <c r="N378049" s="10"/>
    </row>
    <row r="378050" spans="14:14">
      <c r="N378050" s="10"/>
    </row>
    <row r="378051" spans="14:14">
      <c r="N378051" s="10"/>
    </row>
    <row r="378052" spans="14:14">
      <c r="N378052" s="10"/>
    </row>
    <row r="378053" spans="14:14">
      <c r="N378053" s="10"/>
    </row>
    <row r="378054" spans="14:14">
      <c r="N378054" s="10"/>
    </row>
    <row r="378055" spans="14:14">
      <c r="N378055" s="10"/>
    </row>
    <row r="378056" spans="14:14">
      <c r="N378056" s="10"/>
    </row>
    <row r="378057" spans="14:14">
      <c r="N378057" s="10"/>
    </row>
    <row r="378058" spans="14:14">
      <c r="N378058" s="10"/>
    </row>
    <row r="378059" spans="14:14">
      <c r="N378059" s="10"/>
    </row>
    <row r="378060" spans="14:14">
      <c r="N378060" s="10"/>
    </row>
    <row r="378061" spans="14:14">
      <c r="N378061" s="10"/>
    </row>
    <row r="378062" spans="14:14">
      <c r="N378062" s="10"/>
    </row>
    <row r="378063" spans="14:14">
      <c r="N378063" s="10"/>
    </row>
    <row r="378064" spans="14:14">
      <c r="N378064" s="10"/>
    </row>
    <row r="378065" spans="14:14">
      <c r="N378065" s="10"/>
    </row>
    <row r="378066" spans="14:14">
      <c r="N378066" s="10"/>
    </row>
    <row r="378067" spans="14:14">
      <c r="N378067" s="10"/>
    </row>
    <row r="378068" spans="14:14">
      <c r="N378068" s="10"/>
    </row>
    <row r="378069" spans="14:14">
      <c r="N378069" s="10"/>
    </row>
    <row r="378070" spans="14:14">
      <c r="N378070" s="10"/>
    </row>
    <row r="378071" spans="14:14">
      <c r="N378071" s="10"/>
    </row>
    <row r="378072" spans="14:14">
      <c r="N378072" s="10"/>
    </row>
    <row r="378073" spans="14:14">
      <c r="N378073" s="10"/>
    </row>
    <row r="378074" spans="14:14">
      <c r="N378074" s="10"/>
    </row>
    <row r="378075" spans="14:14">
      <c r="N378075" s="10"/>
    </row>
    <row r="378076" spans="14:14">
      <c r="N378076" s="10"/>
    </row>
    <row r="378077" spans="14:14">
      <c r="N378077" s="10"/>
    </row>
    <row r="378078" spans="14:14">
      <c r="N378078" s="10"/>
    </row>
    <row r="378079" spans="14:14">
      <c r="N378079" s="10"/>
    </row>
    <row r="378080" spans="14:14">
      <c r="N378080" s="10"/>
    </row>
    <row r="378081" spans="14:14">
      <c r="N378081" s="10"/>
    </row>
    <row r="378082" spans="14:14">
      <c r="N378082" s="10"/>
    </row>
    <row r="378083" spans="14:14">
      <c r="N378083" s="10"/>
    </row>
    <row r="378084" spans="14:14">
      <c r="N378084" s="10"/>
    </row>
    <row r="378085" spans="14:14">
      <c r="N378085" s="10"/>
    </row>
    <row r="378086" spans="14:14">
      <c r="N378086" s="10"/>
    </row>
    <row r="378087" spans="14:14">
      <c r="N378087" s="10"/>
    </row>
    <row r="378088" spans="14:14">
      <c r="N378088" s="10"/>
    </row>
    <row r="378089" spans="14:14">
      <c r="N378089" s="10"/>
    </row>
    <row r="378090" spans="14:14">
      <c r="N378090" s="10"/>
    </row>
    <row r="378091" spans="14:14">
      <c r="N378091" s="10"/>
    </row>
    <row r="378092" spans="14:14">
      <c r="N378092" s="10"/>
    </row>
    <row r="378093" spans="14:14">
      <c r="N378093" s="10"/>
    </row>
    <row r="378094" spans="14:14">
      <c r="N378094" s="10"/>
    </row>
    <row r="378095" spans="14:14">
      <c r="N378095" s="10"/>
    </row>
    <row r="378096" spans="14:14">
      <c r="N378096" s="10"/>
    </row>
    <row r="378097" spans="14:14">
      <c r="N378097" s="10"/>
    </row>
    <row r="378098" spans="14:14">
      <c r="N378098" s="10"/>
    </row>
    <row r="378099" spans="14:14">
      <c r="N378099" s="10"/>
    </row>
    <row r="378100" spans="14:14">
      <c r="N378100" s="10"/>
    </row>
    <row r="378101" spans="14:14">
      <c r="N378101" s="10"/>
    </row>
    <row r="378102" spans="14:14">
      <c r="N378102" s="10"/>
    </row>
    <row r="378103" spans="14:14">
      <c r="N378103" s="10"/>
    </row>
    <row r="378104" spans="14:14">
      <c r="N378104" s="10"/>
    </row>
    <row r="378105" spans="14:14">
      <c r="N378105" s="10"/>
    </row>
    <row r="378106" spans="14:14">
      <c r="N378106" s="10"/>
    </row>
    <row r="378107" spans="14:14">
      <c r="N378107" s="10"/>
    </row>
    <row r="378108" spans="14:14">
      <c r="N378108" s="10"/>
    </row>
    <row r="378109" spans="14:14">
      <c r="N378109" s="10"/>
    </row>
    <row r="378110" spans="14:14">
      <c r="N378110" s="10"/>
    </row>
    <row r="378111" spans="14:14">
      <c r="N378111" s="10"/>
    </row>
    <row r="378112" spans="14:14">
      <c r="N378112" s="10"/>
    </row>
    <row r="378113" spans="14:14">
      <c r="N378113" s="10"/>
    </row>
    <row r="378114" spans="14:14">
      <c r="N378114" s="10"/>
    </row>
    <row r="378115" spans="14:14">
      <c r="N378115" s="10"/>
    </row>
    <row r="378116" spans="14:14">
      <c r="N378116" s="10"/>
    </row>
    <row r="378117" spans="14:14">
      <c r="N378117" s="10"/>
    </row>
    <row r="378118" spans="14:14">
      <c r="N378118" s="10"/>
    </row>
    <row r="378119" spans="14:14">
      <c r="N378119" s="10"/>
    </row>
    <row r="378120" spans="14:14">
      <c r="N378120" s="10"/>
    </row>
    <row r="378121" spans="14:14">
      <c r="N378121" s="10"/>
    </row>
    <row r="378122" spans="14:14">
      <c r="N378122" s="10"/>
    </row>
    <row r="378123" spans="14:14">
      <c r="N378123" s="10"/>
    </row>
    <row r="378124" spans="14:14">
      <c r="N378124" s="10"/>
    </row>
    <row r="378125" spans="14:14">
      <c r="N378125" s="10"/>
    </row>
    <row r="378126" spans="14:14">
      <c r="N378126" s="10"/>
    </row>
    <row r="378127" spans="14:14">
      <c r="N378127" s="10"/>
    </row>
    <row r="378128" spans="14:14">
      <c r="N378128" s="10"/>
    </row>
    <row r="378129" spans="14:14">
      <c r="N378129" s="10"/>
    </row>
    <row r="378130" spans="14:14">
      <c r="N378130" s="10"/>
    </row>
    <row r="378131" spans="14:14">
      <c r="N378131" s="10"/>
    </row>
    <row r="378132" spans="14:14">
      <c r="N378132" s="10"/>
    </row>
    <row r="378133" spans="14:14">
      <c r="N378133" s="10"/>
    </row>
    <row r="378134" spans="14:14">
      <c r="N378134" s="10"/>
    </row>
    <row r="378135" spans="14:14">
      <c r="N378135" s="10"/>
    </row>
    <row r="378136" spans="14:14">
      <c r="N378136" s="10"/>
    </row>
    <row r="378137" spans="14:14">
      <c r="N378137" s="10"/>
    </row>
    <row r="378138" spans="14:14">
      <c r="N378138" s="10"/>
    </row>
    <row r="378139" spans="14:14">
      <c r="N378139" s="10"/>
    </row>
    <row r="378140" spans="14:14">
      <c r="N378140" s="10"/>
    </row>
    <row r="378141" spans="14:14">
      <c r="N378141" s="10"/>
    </row>
    <row r="378142" spans="14:14">
      <c r="N378142" s="10"/>
    </row>
    <row r="378143" spans="14:14">
      <c r="N378143" s="10"/>
    </row>
    <row r="378144" spans="14:14">
      <c r="N378144" s="10"/>
    </row>
    <row r="378145" spans="14:14">
      <c r="N378145" s="10"/>
    </row>
    <row r="378146" spans="14:14">
      <c r="N378146" s="10"/>
    </row>
    <row r="378147" spans="14:14">
      <c r="N378147" s="10"/>
    </row>
    <row r="378148" spans="14:14">
      <c r="N378148" s="10"/>
    </row>
    <row r="378149" spans="14:14">
      <c r="N378149" s="10"/>
    </row>
    <row r="378150" spans="14:14">
      <c r="N378150" s="10"/>
    </row>
    <row r="378151" spans="14:14">
      <c r="N378151" s="10"/>
    </row>
    <row r="378152" spans="14:14">
      <c r="N378152" s="10"/>
    </row>
    <row r="378153" spans="14:14">
      <c r="N378153" s="10"/>
    </row>
    <row r="378154" spans="14:14">
      <c r="N378154" s="10"/>
    </row>
    <row r="378155" spans="14:14">
      <c r="N378155" s="10"/>
    </row>
    <row r="378156" spans="14:14">
      <c r="N378156" s="10"/>
    </row>
    <row r="378157" spans="14:14">
      <c r="N378157" s="10"/>
    </row>
    <row r="378158" spans="14:14">
      <c r="N378158" s="10"/>
    </row>
    <row r="378159" spans="14:14">
      <c r="N378159" s="10"/>
    </row>
    <row r="378160" spans="14:14">
      <c r="N378160" s="10"/>
    </row>
    <row r="378161" spans="14:14">
      <c r="N378161" s="10"/>
    </row>
    <row r="378162" spans="14:14">
      <c r="N378162" s="10"/>
    </row>
    <row r="378163" spans="14:14">
      <c r="N378163" s="10"/>
    </row>
    <row r="378164" spans="14:14">
      <c r="N378164" s="10"/>
    </row>
    <row r="378165" spans="14:14">
      <c r="N378165" s="10"/>
    </row>
    <row r="378166" spans="14:14">
      <c r="N378166" s="10"/>
    </row>
    <row r="378167" spans="14:14">
      <c r="N378167" s="10"/>
    </row>
    <row r="378168" spans="14:14">
      <c r="N378168" s="10"/>
    </row>
    <row r="378169" spans="14:14">
      <c r="N378169" s="10"/>
    </row>
    <row r="378170" spans="14:14">
      <c r="N378170" s="10"/>
    </row>
    <row r="378171" spans="14:14">
      <c r="N378171" s="10"/>
    </row>
    <row r="378172" spans="14:14">
      <c r="N378172" s="10"/>
    </row>
    <row r="378173" spans="14:14">
      <c r="N378173" s="10"/>
    </row>
    <row r="378174" spans="14:14">
      <c r="N378174" s="10"/>
    </row>
    <row r="378175" spans="14:14">
      <c r="N378175" s="10"/>
    </row>
    <row r="378176" spans="14:14">
      <c r="N378176" s="10"/>
    </row>
    <row r="378177" spans="14:14">
      <c r="N378177" s="10"/>
    </row>
    <row r="378178" spans="14:14">
      <c r="N378178" s="10"/>
    </row>
    <row r="378179" spans="14:14">
      <c r="N378179" s="10"/>
    </row>
    <row r="378180" spans="14:14">
      <c r="N378180" s="10"/>
    </row>
    <row r="378181" spans="14:14">
      <c r="N378181" s="10"/>
    </row>
    <row r="378182" spans="14:14">
      <c r="N378182" s="10"/>
    </row>
    <row r="378183" spans="14:14">
      <c r="N378183" s="10"/>
    </row>
    <row r="378184" spans="14:14">
      <c r="N378184" s="10"/>
    </row>
    <row r="378185" spans="14:14">
      <c r="N378185" s="10"/>
    </row>
    <row r="378186" spans="14:14">
      <c r="N378186" s="10"/>
    </row>
    <row r="378187" spans="14:14">
      <c r="N378187" s="10"/>
    </row>
    <row r="378188" spans="14:14">
      <c r="N378188" s="10"/>
    </row>
    <row r="378189" spans="14:14">
      <c r="N378189" s="10"/>
    </row>
    <row r="378190" spans="14:14">
      <c r="N378190" s="10"/>
    </row>
    <row r="378191" spans="14:14">
      <c r="N378191" s="10"/>
    </row>
    <row r="378192" spans="14:14">
      <c r="N378192" s="10"/>
    </row>
    <row r="378193" spans="14:14">
      <c r="N378193" s="10"/>
    </row>
    <row r="378194" spans="14:14">
      <c r="N378194" s="10"/>
    </row>
    <row r="378195" spans="14:14">
      <c r="N378195" s="10"/>
    </row>
    <row r="378196" spans="14:14">
      <c r="N378196" s="10"/>
    </row>
    <row r="378197" spans="14:14">
      <c r="N378197" s="10"/>
    </row>
    <row r="378198" spans="14:14">
      <c r="N378198" s="10"/>
    </row>
    <row r="378199" spans="14:14">
      <c r="N378199" s="10"/>
    </row>
    <row r="378200" spans="14:14">
      <c r="N378200" s="10"/>
    </row>
    <row r="378201" spans="14:14">
      <c r="N378201" s="10"/>
    </row>
    <row r="378202" spans="14:14">
      <c r="N378202" s="10"/>
    </row>
    <row r="378203" spans="14:14">
      <c r="N378203" s="10"/>
    </row>
    <row r="378204" spans="14:14">
      <c r="N378204" s="10"/>
    </row>
    <row r="378205" spans="14:14">
      <c r="N378205" s="10"/>
    </row>
    <row r="378206" spans="14:14">
      <c r="N378206" s="10"/>
    </row>
    <row r="378207" spans="14:14">
      <c r="N378207" s="10"/>
    </row>
    <row r="378208" spans="14:14">
      <c r="N378208" s="10"/>
    </row>
    <row r="378209" spans="14:14">
      <c r="N378209" s="10"/>
    </row>
    <row r="378210" spans="14:14">
      <c r="N378210" s="10"/>
    </row>
    <row r="378211" spans="14:14">
      <c r="N378211" s="10"/>
    </row>
    <row r="378212" spans="14:14">
      <c r="N378212" s="10"/>
    </row>
    <row r="378213" spans="14:14">
      <c r="N378213" s="10"/>
    </row>
    <row r="378214" spans="14:14">
      <c r="N378214" s="10"/>
    </row>
    <row r="378215" spans="14:14">
      <c r="N378215" s="10"/>
    </row>
    <row r="378216" spans="14:14">
      <c r="N378216" s="10"/>
    </row>
    <row r="378217" spans="14:14">
      <c r="N378217" s="10"/>
    </row>
    <row r="378218" spans="14:14">
      <c r="N378218" s="10"/>
    </row>
    <row r="378219" spans="14:14">
      <c r="N378219" s="10"/>
    </row>
    <row r="378220" spans="14:14">
      <c r="N378220" s="10"/>
    </row>
    <row r="378221" spans="14:14">
      <c r="N378221" s="10"/>
    </row>
    <row r="378222" spans="14:14">
      <c r="N378222" s="10"/>
    </row>
    <row r="378223" spans="14:14">
      <c r="N378223" s="10"/>
    </row>
    <row r="378224" spans="14:14">
      <c r="N378224" s="10"/>
    </row>
    <row r="378225" spans="14:14">
      <c r="N378225" s="10"/>
    </row>
    <row r="378226" spans="14:14">
      <c r="N378226" s="10"/>
    </row>
    <row r="378227" spans="14:14">
      <c r="N378227" s="10"/>
    </row>
    <row r="378228" spans="14:14">
      <c r="N378228" s="10"/>
    </row>
    <row r="378229" spans="14:14">
      <c r="N378229" s="10"/>
    </row>
    <row r="378230" spans="14:14">
      <c r="N378230" s="10"/>
    </row>
    <row r="378231" spans="14:14">
      <c r="N378231" s="10"/>
    </row>
    <row r="378232" spans="14:14">
      <c r="N378232" s="10"/>
    </row>
    <row r="378233" spans="14:14">
      <c r="N378233" s="10"/>
    </row>
    <row r="378234" spans="14:14">
      <c r="N378234" s="10"/>
    </row>
    <row r="378235" spans="14:14">
      <c r="N378235" s="10"/>
    </row>
    <row r="378236" spans="14:14">
      <c r="N378236" s="10"/>
    </row>
    <row r="378237" spans="14:14">
      <c r="N378237" s="10"/>
    </row>
    <row r="378238" spans="14:14">
      <c r="N378238" s="10"/>
    </row>
    <row r="378239" spans="14:14">
      <c r="N378239" s="10"/>
    </row>
    <row r="378240" spans="14:14">
      <c r="N378240" s="10"/>
    </row>
    <row r="378241" spans="14:14">
      <c r="N378241" s="10"/>
    </row>
    <row r="378242" spans="14:14">
      <c r="N378242" s="10"/>
    </row>
    <row r="378243" spans="14:14">
      <c r="N378243" s="10"/>
    </row>
    <row r="378244" spans="14:14">
      <c r="N378244" s="10"/>
    </row>
    <row r="378245" spans="14:14">
      <c r="N378245" s="10"/>
    </row>
    <row r="378246" spans="14:14">
      <c r="N378246" s="10"/>
    </row>
    <row r="378247" spans="14:14">
      <c r="N378247" s="10"/>
    </row>
    <row r="378248" spans="14:14">
      <c r="N378248" s="10"/>
    </row>
    <row r="378249" spans="14:14">
      <c r="N378249" s="10"/>
    </row>
    <row r="378250" spans="14:14">
      <c r="N378250" s="10"/>
    </row>
    <row r="378251" spans="14:14">
      <c r="N378251" s="10"/>
    </row>
    <row r="378252" spans="14:14">
      <c r="N378252" s="10"/>
    </row>
    <row r="378253" spans="14:14">
      <c r="N378253" s="10"/>
    </row>
    <row r="378254" spans="14:14">
      <c r="N378254" s="10"/>
    </row>
    <row r="378255" spans="14:14">
      <c r="N378255" s="10"/>
    </row>
    <row r="378256" spans="14:14">
      <c r="N378256" s="10"/>
    </row>
    <row r="378257" spans="14:14">
      <c r="N378257" s="10"/>
    </row>
    <row r="378258" spans="14:14">
      <c r="N378258" s="10"/>
    </row>
    <row r="378259" spans="14:14">
      <c r="N378259" s="10"/>
    </row>
    <row r="378260" spans="14:14">
      <c r="N378260" s="10"/>
    </row>
    <row r="378261" spans="14:14">
      <c r="N378261" s="10"/>
    </row>
    <row r="378262" spans="14:14">
      <c r="N378262" s="10"/>
    </row>
    <row r="378263" spans="14:14">
      <c r="N378263" s="10"/>
    </row>
    <row r="378264" spans="14:14">
      <c r="N378264" s="10"/>
    </row>
    <row r="378265" spans="14:14">
      <c r="N378265" s="10"/>
    </row>
    <row r="378266" spans="14:14">
      <c r="N378266" s="10"/>
    </row>
    <row r="378267" spans="14:14">
      <c r="N378267" s="10"/>
    </row>
    <row r="378268" spans="14:14">
      <c r="N378268" s="10"/>
    </row>
    <row r="378269" spans="14:14">
      <c r="N378269" s="10"/>
    </row>
    <row r="378270" spans="14:14">
      <c r="N378270" s="10"/>
    </row>
    <row r="378271" spans="14:14">
      <c r="N378271" s="10"/>
    </row>
    <row r="378272" spans="14:14">
      <c r="N378272" s="10"/>
    </row>
    <row r="378273" spans="14:14">
      <c r="N378273" s="10"/>
    </row>
    <row r="378274" spans="14:14">
      <c r="N378274" s="10"/>
    </row>
    <row r="378275" spans="14:14">
      <c r="N378275" s="10"/>
    </row>
    <row r="378276" spans="14:14">
      <c r="N378276" s="10"/>
    </row>
    <row r="378277" spans="14:14">
      <c r="N378277" s="10"/>
    </row>
    <row r="378278" spans="14:14">
      <c r="N378278" s="10"/>
    </row>
    <row r="378279" spans="14:14">
      <c r="N378279" s="10"/>
    </row>
    <row r="378280" spans="14:14">
      <c r="N378280" s="10"/>
    </row>
    <row r="378281" spans="14:14">
      <c r="N378281" s="10"/>
    </row>
    <row r="378282" spans="14:14">
      <c r="N378282" s="10"/>
    </row>
    <row r="378283" spans="14:14">
      <c r="N378283" s="10"/>
    </row>
    <row r="378284" spans="14:14">
      <c r="N378284" s="10"/>
    </row>
    <row r="378285" spans="14:14">
      <c r="N378285" s="10"/>
    </row>
    <row r="378286" spans="14:14">
      <c r="N378286" s="10"/>
    </row>
    <row r="378287" spans="14:14">
      <c r="N378287" s="10"/>
    </row>
    <row r="378288" spans="14:14">
      <c r="N378288" s="10"/>
    </row>
    <row r="378289" spans="14:14">
      <c r="N378289" s="10"/>
    </row>
    <row r="378290" spans="14:14">
      <c r="N378290" s="10"/>
    </row>
    <row r="378291" spans="14:14">
      <c r="N378291" s="10"/>
    </row>
    <row r="378292" spans="14:14">
      <c r="N378292" s="10"/>
    </row>
    <row r="378293" spans="14:14">
      <c r="N378293" s="10"/>
    </row>
    <row r="378294" spans="14:14">
      <c r="N378294" s="10"/>
    </row>
    <row r="378295" spans="14:14">
      <c r="N378295" s="10"/>
    </row>
    <row r="378296" spans="14:14">
      <c r="N378296" s="10"/>
    </row>
    <row r="378297" spans="14:14">
      <c r="N378297" s="10"/>
    </row>
    <row r="378298" spans="14:14">
      <c r="N378298" s="10"/>
    </row>
    <row r="378299" spans="14:14">
      <c r="N378299" s="10"/>
    </row>
    <row r="378300" spans="14:14">
      <c r="N378300" s="10"/>
    </row>
    <row r="378301" spans="14:14">
      <c r="N378301" s="10"/>
    </row>
    <row r="378302" spans="14:14">
      <c r="N378302" s="10"/>
    </row>
    <row r="378303" spans="14:14">
      <c r="N378303" s="10"/>
    </row>
    <row r="378304" spans="14:14">
      <c r="N378304" s="10"/>
    </row>
    <row r="378305" spans="14:14">
      <c r="N378305" s="10"/>
    </row>
    <row r="378306" spans="14:14">
      <c r="N378306" s="10"/>
    </row>
    <row r="378307" spans="14:14">
      <c r="N378307" s="10"/>
    </row>
    <row r="378308" spans="14:14">
      <c r="N378308" s="10"/>
    </row>
    <row r="378309" spans="14:14">
      <c r="N378309" s="10"/>
    </row>
    <row r="378310" spans="14:14">
      <c r="N378310" s="10"/>
    </row>
    <row r="378311" spans="14:14">
      <c r="N378311" s="10"/>
    </row>
    <row r="378312" spans="14:14">
      <c r="N378312" s="10"/>
    </row>
    <row r="378313" spans="14:14">
      <c r="N378313" s="10"/>
    </row>
    <row r="378314" spans="14:14">
      <c r="N378314" s="10"/>
    </row>
    <row r="378315" spans="14:14">
      <c r="N378315" s="10"/>
    </row>
    <row r="378316" spans="14:14">
      <c r="N378316" s="10"/>
    </row>
    <row r="378317" spans="14:14">
      <c r="N378317" s="10"/>
    </row>
    <row r="378318" spans="14:14">
      <c r="N378318" s="10"/>
    </row>
    <row r="378319" spans="14:14">
      <c r="N378319" s="10"/>
    </row>
    <row r="378320" spans="14:14">
      <c r="N378320" s="10"/>
    </row>
    <row r="378321" spans="14:14">
      <c r="N378321" s="10"/>
    </row>
    <row r="378322" spans="14:14">
      <c r="N378322" s="10"/>
    </row>
    <row r="378323" spans="14:14">
      <c r="N378323" s="10"/>
    </row>
    <row r="378324" spans="14:14">
      <c r="N378324" s="10"/>
    </row>
    <row r="378325" spans="14:14">
      <c r="N378325" s="10"/>
    </row>
    <row r="378326" spans="14:14">
      <c r="N378326" s="10"/>
    </row>
    <row r="378327" spans="14:14">
      <c r="N378327" s="10"/>
    </row>
    <row r="378328" spans="14:14">
      <c r="N378328" s="10"/>
    </row>
    <row r="378329" spans="14:14">
      <c r="N378329" s="10"/>
    </row>
    <row r="378330" spans="14:14">
      <c r="N378330" s="10"/>
    </row>
    <row r="378331" spans="14:14">
      <c r="N378331" s="10"/>
    </row>
    <row r="378332" spans="14:14">
      <c r="N378332" s="10"/>
    </row>
    <row r="378333" spans="14:14">
      <c r="N378333" s="10"/>
    </row>
    <row r="378334" spans="14:14">
      <c r="N378334" s="10"/>
    </row>
    <row r="378335" spans="14:14">
      <c r="N378335" s="10"/>
    </row>
    <row r="378336" spans="14:14">
      <c r="N378336" s="10"/>
    </row>
    <row r="378337" spans="14:14">
      <c r="N378337" s="10"/>
    </row>
    <row r="378338" spans="14:14">
      <c r="N378338" s="10"/>
    </row>
    <row r="378339" spans="14:14">
      <c r="N378339" s="10"/>
    </row>
    <row r="378340" spans="14:14">
      <c r="N378340" s="10"/>
    </row>
    <row r="378341" spans="14:14">
      <c r="N378341" s="10"/>
    </row>
    <row r="378342" spans="14:14">
      <c r="N378342" s="10"/>
    </row>
    <row r="378343" spans="14:14">
      <c r="N378343" s="10"/>
    </row>
    <row r="378344" spans="14:14">
      <c r="N378344" s="10"/>
    </row>
    <row r="378345" spans="14:14">
      <c r="N378345" s="10"/>
    </row>
    <row r="378346" spans="14:14">
      <c r="N378346" s="10"/>
    </row>
    <row r="378347" spans="14:14">
      <c r="N378347" s="10"/>
    </row>
    <row r="378348" spans="14:14">
      <c r="N378348" s="10"/>
    </row>
    <row r="378349" spans="14:14">
      <c r="N378349" s="10"/>
    </row>
    <row r="378350" spans="14:14">
      <c r="N378350" s="10"/>
    </row>
    <row r="378351" spans="14:14">
      <c r="N378351" s="10"/>
    </row>
    <row r="378352" spans="14:14">
      <c r="N378352" s="10"/>
    </row>
    <row r="378353" spans="14:14">
      <c r="N378353" s="10"/>
    </row>
    <row r="378354" spans="14:14">
      <c r="N378354" s="10"/>
    </row>
    <row r="378355" spans="14:14">
      <c r="N378355" s="10"/>
    </row>
    <row r="378356" spans="14:14">
      <c r="N378356" s="10"/>
    </row>
    <row r="378357" spans="14:14">
      <c r="N378357" s="10"/>
    </row>
    <row r="378358" spans="14:14">
      <c r="N378358" s="10"/>
    </row>
    <row r="378359" spans="14:14">
      <c r="N378359" s="10"/>
    </row>
    <row r="378360" spans="14:14">
      <c r="N378360" s="10"/>
    </row>
    <row r="378361" spans="14:14">
      <c r="N378361" s="10"/>
    </row>
    <row r="378362" spans="14:14">
      <c r="N378362" s="10"/>
    </row>
    <row r="378363" spans="14:14">
      <c r="N378363" s="10"/>
    </row>
    <row r="378364" spans="14:14">
      <c r="N378364" s="10"/>
    </row>
    <row r="378365" spans="14:14">
      <c r="N378365" s="10"/>
    </row>
    <row r="378366" spans="14:14">
      <c r="N378366" s="10"/>
    </row>
    <row r="378367" spans="14:14">
      <c r="N378367" s="10"/>
    </row>
    <row r="378368" spans="14:14">
      <c r="N378368" s="10"/>
    </row>
    <row r="378369" spans="14:14">
      <c r="N378369" s="10"/>
    </row>
    <row r="378370" spans="14:14">
      <c r="N378370" s="10"/>
    </row>
    <row r="378371" spans="14:14">
      <c r="N378371" s="10"/>
    </row>
    <row r="378372" spans="14:14">
      <c r="N378372" s="10"/>
    </row>
    <row r="378373" spans="14:14">
      <c r="N378373" s="10"/>
    </row>
    <row r="378374" spans="14:14">
      <c r="N378374" s="10"/>
    </row>
    <row r="378375" spans="14:14">
      <c r="N378375" s="10"/>
    </row>
    <row r="378376" spans="14:14">
      <c r="N378376" s="10"/>
    </row>
    <row r="378377" spans="14:14">
      <c r="N378377" s="10"/>
    </row>
    <row r="378378" spans="14:14">
      <c r="N378378" s="10"/>
    </row>
    <row r="378379" spans="14:14">
      <c r="N378379" s="10"/>
    </row>
    <row r="378380" spans="14:14">
      <c r="N378380" s="10"/>
    </row>
    <row r="378381" spans="14:14">
      <c r="N378381" s="10"/>
    </row>
    <row r="378382" spans="14:14">
      <c r="N378382" s="10"/>
    </row>
    <row r="378383" spans="14:14">
      <c r="N378383" s="10"/>
    </row>
    <row r="378384" spans="14:14">
      <c r="N378384" s="10"/>
    </row>
    <row r="378385" spans="14:14">
      <c r="N378385" s="10"/>
    </row>
    <row r="378386" spans="14:14">
      <c r="N378386" s="10"/>
    </row>
    <row r="378387" spans="14:14">
      <c r="N378387" s="10"/>
    </row>
    <row r="378388" spans="14:14">
      <c r="N378388" s="10"/>
    </row>
    <row r="378389" spans="14:14">
      <c r="N378389" s="10"/>
    </row>
    <row r="378390" spans="14:14">
      <c r="N378390" s="10"/>
    </row>
    <row r="378391" spans="14:14">
      <c r="N378391" s="10"/>
    </row>
    <row r="378392" spans="14:14">
      <c r="N378392" s="10"/>
    </row>
    <row r="378393" spans="14:14">
      <c r="N378393" s="10"/>
    </row>
    <row r="378394" spans="14:14">
      <c r="N378394" s="10"/>
    </row>
    <row r="378395" spans="14:14">
      <c r="N378395" s="10"/>
    </row>
    <row r="378396" spans="14:14">
      <c r="N378396" s="10"/>
    </row>
    <row r="378397" spans="14:14">
      <c r="N378397" s="10"/>
    </row>
    <row r="378398" spans="14:14">
      <c r="N378398" s="10"/>
    </row>
    <row r="378399" spans="14:14">
      <c r="N378399" s="10"/>
    </row>
    <row r="378400" spans="14:14">
      <c r="N378400" s="10"/>
    </row>
    <row r="378401" spans="14:14">
      <c r="N378401" s="10"/>
    </row>
    <row r="378402" spans="14:14">
      <c r="N378402" s="10"/>
    </row>
    <row r="378403" spans="14:14">
      <c r="N378403" s="10"/>
    </row>
    <row r="378404" spans="14:14">
      <c r="N378404" s="10"/>
    </row>
    <row r="378405" spans="14:14">
      <c r="N378405" s="10"/>
    </row>
    <row r="378406" spans="14:14">
      <c r="N378406" s="10"/>
    </row>
    <row r="378407" spans="14:14">
      <c r="N378407" s="10"/>
    </row>
    <row r="378408" spans="14:14">
      <c r="N378408" s="10"/>
    </row>
    <row r="378409" spans="14:14">
      <c r="N378409" s="10"/>
    </row>
    <row r="378410" spans="14:14">
      <c r="N378410" s="10"/>
    </row>
    <row r="378411" spans="14:14">
      <c r="N378411" s="10"/>
    </row>
    <row r="378412" spans="14:14">
      <c r="N378412" s="10"/>
    </row>
    <row r="378413" spans="14:14">
      <c r="N378413" s="10"/>
    </row>
    <row r="378414" spans="14:14">
      <c r="N378414" s="10"/>
    </row>
    <row r="378415" spans="14:14">
      <c r="N378415" s="10"/>
    </row>
    <row r="378416" spans="14:14">
      <c r="N378416" s="10"/>
    </row>
    <row r="378417" spans="14:14">
      <c r="N378417" s="10"/>
    </row>
    <row r="378418" spans="14:14">
      <c r="N378418" s="10"/>
    </row>
    <row r="378419" spans="14:14">
      <c r="N378419" s="10"/>
    </row>
    <row r="378420" spans="14:14">
      <c r="N378420" s="10"/>
    </row>
    <row r="378421" spans="14:14">
      <c r="N378421" s="10"/>
    </row>
    <row r="378422" spans="14:14">
      <c r="N378422" s="10"/>
    </row>
    <row r="378423" spans="14:14">
      <c r="N378423" s="10"/>
    </row>
    <row r="378424" spans="14:14">
      <c r="N378424" s="10"/>
    </row>
    <row r="378425" spans="14:14">
      <c r="N378425" s="10"/>
    </row>
    <row r="378426" spans="14:14">
      <c r="N378426" s="10"/>
    </row>
    <row r="378427" spans="14:14">
      <c r="N378427" s="10"/>
    </row>
    <row r="378428" spans="14:14">
      <c r="N378428" s="10"/>
    </row>
    <row r="378429" spans="14:14">
      <c r="N378429" s="10"/>
    </row>
    <row r="378430" spans="14:14">
      <c r="N378430" s="10"/>
    </row>
    <row r="378431" spans="14:14">
      <c r="N378431" s="10"/>
    </row>
    <row r="378432" spans="14:14">
      <c r="N378432" s="10"/>
    </row>
    <row r="378433" spans="14:14">
      <c r="N378433" s="10"/>
    </row>
    <row r="378434" spans="14:14">
      <c r="N378434" s="10"/>
    </row>
    <row r="378435" spans="14:14">
      <c r="N378435" s="10"/>
    </row>
    <row r="378436" spans="14:14">
      <c r="N378436" s="10"/>
    </row>
    <row r="378437" spans="14:14">
      <c r="N378437" s="10"/>
    </row>
    <row r="378438" spans="14:14">
      <c r="N378438" s="10"/>
    </row>
    <row r="378439" spans="14:14">
      <c r="N378439" s="10"/>
    </row>
    <row r="378440" spans="14:14">
      <c r="N378440" s="10"/>
    </row>
    <row r="378441" spans="14:14">
      <c r="N378441" s="10"/>
    </row>
    <row r="378442" spans="14:14">
      <c r="N378442" s="10"/>
    </row>
    <row r="378443" spans="14:14">
      <c r="N378443" s="10"/>
    </row>
    <row r="378444" spans="14:14">
      <c r="N378444" s="10"/>
    </row>
    <row r="378445" spans="14:14">
      <c r="N378445" s="10"/>
    </row>
    <row r="378446" spans="14:14">
      <c r="N378446" s="10"/>
    </row>
    <row r="378447" spans="14:14">
      <c r="N378447" s="10"/>
    </row>
    <row r="378448" spans="14:14">
      <c r="N378448" s="10"/>
    </row>
    <row r="378449" spans="14:14">
      <c r="N378449" s="10"/>
    </row>
    <row r="378450" spans="14:14">
      <c r="N378450" s="10"/>
    </row>
    <row r="378451" spans="14:14">
      <c r="N378451" s="10"/>
    </row>
    <row r="378452" spans="14:14">
      <c r="N378452" s="10"/>
    </row>
    <row r="378453" spans="14:14">
      <c r="N378453" s="10"/>
    </row>
    <row r="378454" spans="14:14">
      <c r="N378454" s="10"/>
    </row>
    <row r="378455" spans="14:14">
      <c r="N378455" s="10"/>
    </row>
    <row r="378456" spans="14:14">
      <c r="N378456" s="10"/>
    </row>
    <row r="378457" spans="14:14">
      <c r="N378457" s="10"/>
    </row>
    <row r="378458" spans="14:14">
      <c r="N378458" s="10"/>
    </row>
    <row r="378459" spans="14:14">
      <c r="N378459" s="10"/>
    </row>
    <row r="378460" spans="14:14">
      <c r="N378460" s="10"/>
    </row>
    <row r="378461" spans="14:14">
      <c r="N378461" s="10"/>
    </row>
    <row r="378462" spans="14:14">
      <c r="N378462" s="10"/>
    </row>
    <row r="378463" spans="14:14">
      <c r="N378463" s="10"/>
    </row>
    <row r="378464" spans="14:14">
      <c r="N378464" s="10"/>
    </row>
    <row r="378465" spans="14:14">
      <c r="N378465" s="10"/>
    </row>
    <row r="378466" spans="14:14">
      <c r="N378466" s="10"/>
    </row>
    <row r="378467" spans="14:14">
      <c r="N378467" s="10"/>
    </row>
    <row r="378468" spans="14:14">
      <c r="N378468" s="10"/>
    </row>
    <row r="378469" spans="14:14">
      <c r="N378469" s="10"/>
    </row>
    <row r="378470" spans="14:14">
      <c r="N378470" s="10"/>
    </row>
    <row r="378471" spans="14:14">
      <c r="N378471" s="10"/>
    </row>
    <row r="378472" spans="14:14">
      <c r="N378472" s="10"/>
    </row>
    <row r="378473" spans="14:14">
      <c r="N378473" s="10"/>
    </row>
    <row r="378474" spans="14:14">
      <c r="N378474" s="10"/>
    </row>
    <row r="378475" spans="14:14">
      <c r="N378475" s="10"/>
    </row>
    <row r="378476" spans="14:14">
      <c r="N378476" s="10"/>
    </row>
    <row r="378477" spans="14:14">
      <c r="N378477" s="10"/>
    </row>
    <row r="378478" spans="14:14">
      <c r="N378478" s="10"/>
    </row>
    <row r="378479" spans="14:14">
      <c r="N378479" s="10"/>
    </row>
    <row r="378480" spans="14:14">
      <c r="N378480" s="10"/>
    </row>
    <row r="378481" spans="14:14">
      <c r="N378481" s="10"/>
    </row>
    <row r="378482" spans="14:14">
      <c r="N378482" s="10"/>
    </row>
    <row r="378483" spans="14:14">
      <c r="N378483" s="10"/>
    </row>
    <row r="378484" spans="14:14">
      <c r="N378484" s="10"/>
    </row>
    <row r="378485" spans="14:14">
      <c r="N378485" s="10"/>
    </row>
    <row r="378486" spans="14:14">
      <c r="N378486" s="10"/>
    </row>
    <row r="378487" spans="14:14">
      <c r="N378487" s="10"/>
    </row>
    <row r="378488" spans="14:14">
      <c r="N378488" s="10"/>
    </row>
    <row r="378489" spans="14:14">
      <c r="N378489" s="10"/>
    </row>
    <row r="378490" spans="14:14">
      <c r="N378490" s="10"/>
    </row>
    <row r="378491" spans="14:14">
      <c r="N378491" s="10"/>
    </row>
    <row r="378492" spans="14:14">
      <c r="N378492" s="10"/>
    </row>
    <row r="378493" spans="14:14">
      <c r="N378493" s="10"/>
    </row>
    <row r="378494" spans="14:14">
      <c r="N378494" s="10"/>
    </row>
    <row r="378495" spans="14:14">
      <c r="N378495" s="10"/>
    </row>
    <row r="378496" spans="14:14">
      <c r="N378496" s="10"/>
    </row>
    <row r="378497" spans="14:14">
      <c r="N378497" s="10"/>
    </row>
    <row r="378498" spans="14:14">
      <c r="N378498" s="10"/>
    </row>
    <row r="378499" spans="14:14">
      <c r="N378499" s="10"/>
    </row>
    <row r="378500" spans="14:14">
      <c r="N378500" s="10"/>
    </row>
    <row r="378501" spans="14:14">
      <c r="N378501" s="10"/>
    </row>
    <row r="378502" spans="14:14">
      <c r="N378502" s="10"/>
    </row>
    <row r="378503" spans="14:14">
      <c r="N378503" s="10"/>
    </row>
    <row r="378504" spans="14:14">
      <c r="N378504" s="10"/>
    </row>
    <row r="378505" spans="14:14">
      <c r="N378505" s="10"/>
    </row>
    <row r="378506" spans="14:14">
      <c r="N378506" s="10"/>
    </row>
    <row r="378507" spans="14:14">
      <c r="N378507" s="10"/>
    </row>
    <row r="378508" spans="14:14">
      <c r="N378508" s="10"/>
    </row>
    <row r="378509" spans="14:14">
      <c r="N378509" s="10"/>
    </row>
    <row r="378510" spans="14:14">
      <c r="N378510" s="10"/>
    </row>
    <row r="378511" spans="14:14">
      <c r="N378511" s="10"/>
    </row>
    <row r="378512" spans="14:14">
      <c r="N378512" s="10"/>
    </row>
    <row r="378513" spans="14:14">
      <c r="N378513" s="10"/>
    </row>
    <row r="378514" spans="14:14">
      <c r="N378514" s="10"/>
    </row>
    <row r="378515" spans="14:14">
      <c r="N378515" s="10"/>
    </row>
    <row r="378516" spans="14:14">
      <c r="N378516" s="10"/>
    </row>
    <row r="378517" spans="14:14">
      <c r="N378517" s="10"/>
    </row>
    <row r="378518" spans="14:14">
      <c r="N378518" s="10"/>
    </row>
    <row r="378519" spans="14:14">
      <c r="N378519" s="10"/>
    </row>
    <row r="378520" spans="14:14">
      <c r="N378520" s="10"/>
    </row>
    <row r="378521" spans="14:14">
      <c r="N378521" s="10"/>
    </row>
    <row r="378522" spans="14:14">
      <c r="N378522" s="10"/>
    </row>
    <row r="378523" spans="14:14">
      <c r="N378523" s="10"/>
    </row>
    <row r="378524" spans="14:14">
      <c r="N378524" s="10"/>
    </row>
    <row r="378525" spans="14:14">
      <c r="N378525" s="10"/>
    </row>
    <row r="378526" spans="14:14">
      <c r="N378526" s="10"/>
    </row>
    <row r="378527" spans="14:14">
      <c r="N378527" s="10"/>
    </row>
    <row r="378528" spans="14:14">
      <c r="N378528" s="10"/>
    </row>
    <row r="378529" spans="14:14">
      <c r="N378529" s="10"/>
    </row>
    <row r="378530" spans="14:14">
      <c r="N378530" s="10"/>
    </row>
    <row r="378531" spans="14:14">
      <c r="N378531" s="10"/>
    </row>
    <row r="378532" spans="14:14">
      <c r="N378532" s="10"/>
    </row>
    <row r="378533" spans="14:14">
      <c r="N378533" s="10"/>
    </row>
    <row r="378534" spans="14:14">
      <c r="N378534" s="10"/>
    </row>
    <row r="378535" spans="14:14">
      <c r="N378535" s="10"/>
    </row>
    <row r="378536" spans="14:14">
      <c r="N378536" s="10"/>
    </row>
    <row r="378537" spans="14:14">
      <c r="N378537" s="10"/>
    </row>
    <row r="378538" spans="14:14">
      <c r="N378538" s="10"/>
    </row>
    <row r="378539" spans="14:14">
      <c r="N378539" s="10"/>
    </row>
    <row r="378540" spans="14:14">
      <c r="N378540" s="10"/>
    </row>
    <row r="378541" spans="14:14">
      <c r="N378541" s="10"/>
    </row>
    <row r="378542" spans="14:14">
      <c r="N378542" s="10"/>
    </row>
    <row r="378543" spans="14:14">
      <c r="N378543" s="10"/>
    </row>
    <row r="378544" spans="14:14">
      <c r="N378544" s="10"/>
    </row>
    <row r="378545" spans="14:14">
      <c r="N378545" s="10"/>
    </row>
    <row r="378546" spans="14:14">
      <c r="N378546" s="10"/>
    </row>
    <row r="378547" spans="14:14">
      <c r="N378547" s="10"/>
    </row>
    <row r="378548" spans="14:14">
      <c r="N378548" s="10"/>
    </row>
    <row r="378549" spans="14:14">
      <c r="N378549" s="10"/>
    </row>
    <row r="378550" spans="14:14">
      <c r="N378550" s="10"/>
    </row>
    <row r="378551" spans="14:14">
      <c r="N378551" s="10"/>
    </row>
    <row r="378552" spans="14:14">
      <c r="N378552" s="10"/>
    </row>
    <row r="378553" spans="14:14">
      <c r="N378553" s="10"/>
    </row>
    <row r="378554" spans="14:14">
      <c r="N378554" s="10"/>
    </row>
    <row r="378555" spans="14:14">
      <c r="N378555" s="10"/>
    </row>
    <row r="378556" spans="14:14">
      <c r="N378556" s="10"/>
    </row>
    <row r="378557" spans="14:14">
      <c r="N378557" s="10"/>
    </row>
    <row r="378558" spans="14:14">
      <c r="N378558" s="10"/>
    </row>
    <row r="378559" spans="14:14">
      <c r="N378559" s="10"/>
    </row>
    <row r="378560" spans="14:14">
      <c r="N378560" s="10"/>
    </row>
    <row r="378561" spans="14:14">
      <c r="N378561" s="10"/>
    </row>
    <row r="378562" spans="14:14">
      <c r="N378562" s="10"/>
    </row>
    <row r="378563" spans="14:14">
      <c r="N378563" s="10"/>
    </row>
    <row r="378564" spans="14:14">
      <c r="N378564" s="10"/>
    </row>
    <row r="378565" spans="14:14">
      <c r="N378565" s="10"/>
    </row>
    <row r="378566" spans="14:14">
      <c r="N378566" s="10"/>
    </row>
    <row r="378567" spans="14:14">
      <c r="N378567" s="10"/>
    </row>
    <row r="378568" spans="14:14">
      <c r="N378568" s="10"/>
    </row>
    <row r="378569" spans="14:14">
      <c r="N378569" s="10"/>
    </row>
    <row r="378570" spans="14:14">
      <c r="N378570" s="10"/>
    </row>
    <row r="378571" spans="14:14">
      <c r="N378571" s="10"/>
    </row>
    <row r="378572" spans="14:14">
      <c r="N378572" s="10"/>
    </row>
    <row r="378573" spans="14:14">
      <c r="N378573" s="10"/>
    </row>
    <row r="378574" spans="14:14">
      <c r="N378574" s="10"/>
    </row>
    <row r="378575" spans="14:14">
      <c r="N378575" s="10"/>
    </row>
    <row r="378576" spans="14:14">
      <c r="N378576" s="10"/>
    </row>
    <row r="378577" spans="14:14">
      <c r="N378577" s="10"/>
    </row>
    <row r="378578" spans="14:14">
      <c r="N378578" s="10"/>
    </row>
    <row r="378579" spans="14:14">
      <c r="N378579" s="10"/>
    </row>
    <row r="378580" spans="14:14">
      <c r="N378580" s="10"/>
    </row>
    <row r="378581" spans="14:14">
      <c r="N378581" s="10"/>
    </row>
    <row r="378582" spans="14:14">
      <c r="N378582" s="10"/>
    </row>
    <row r="378583" spans="14:14">
      <c r="N378583" s="10"/>
    </row>
    <row r="378584" spans="14:14">
      <c r="N378584" s="10"/>
    </row>
    <row r="378585" spans="14:14">
      <c r="N378585" s="10"/>
    </row>
    <row r="378586" spans="14:14">
      <c r="N378586" s="10"/>
    </row>
    <row r="378587" spans="14:14">
      <c r="N378587" s="10"/>
    </row>
    <row r="378588" spans="14:14">
      <c r="N378588" s="10"/>
    </row>
    <row r="378589" spans="14:14">
      <c r="N378589" s="10"/>
    </row>
    <row r="378590" spans="14:14">
      <c r="N378590" s="10"/>
    </row>
    <row r="378591" spans="14:14">
      <c r="N378591" s="10"/>
    </row>
    <row r="378592" spans="14:14">
      <c r="N378592" s="10"/>
    </row>
    <row r="378593" spans="14:14">
      <c r="N378593" s="10"/>
    </row>
    <row r="378594" spans="14:14">
      <c r="N378594" s="10"/>
    </row>
    <row r="378595" spans="14:14">
      <c r="N378595" s="10"/>
    </row>
    <row r="378596" spans="14:14">
      <c r="N378596" s="10"/>
    </row>
    <row r="378597" spans="14:14">
      <c r="N378597" s="10"/>
    </row>
    <row r="378598" spans="14:14">
      <c r="N378598" s="10"/>
    </row>
    <row r="378599" spans="14:14">
      <c r="N378599" s="10"/>
    </row>
    <row r="378600" spans="14:14">
      <c r="N378600" s="10"/>
    </row>
    <row r="378601" spans="14:14">
      <c r="N378601" s="10"/>
    </row>
    <row r="378602" spans="14:14">
      <c r="N378602" s="10"/>
    </row>
    <row r="378603" spans="14:14">
      <c r="N378603" s="10"/>
    </row>
    <row r="378604" spans="14:14">
      <c r="N378604" s="10"/>
    </row>
    <row r="378605" spans="14:14">
      <c r="N378605" s="10"/>
    </row>
    <row r="378606" spans="14:14">
      <c r="N378606" s="10"/>
    </row>
    <row r="378607" spans="14:14">
      <c r="N378607" s="10"/>
    </row>
    <row r="378608" spans="14:14">
      <c r="N378608" s="10"/>
    </row>
    <row r="378609" spans="14:14">
      <c r="N378609" s="10"/>
    </row>
    <row r="378610" spans="14:14">
      <c r="N378610" s="10"/>
    </row>
    <row r="378611" spans="14:14">
      <c r="N378611" s="10"/>
    </row>
    <row r="378612" spans="14:14">
      <c r="N378612" s="10"/>
    </row>
    <row r="378613" spans="14:14">
      <c r="N378613" s="10"/>
    </row>
    <row r="378614" spans="14:14">
      <c r="N378614" s="10"/>
    </row>
    <row r="378615" spans="14:14">
      <c r="N378615" s="10"/>
    </row>
    <row r="378616" spans="14:14">
      <c r="N378616" s="10"/>
    </row>
    <row r="378617" spans="14:14">
      <c r="N378617" s="10"/>
    </row>
    <row r="378618" spans="14:14">
      <c r="N378618" s="10"/>
    </row>
    <row r="378619" spans="14:14">
      <c r="N378619" s="10"/>
    </row>
    <row r="378620" spans="14:14">
      <c r="N378620" s="10"/>
    </row>
    <row r="378621" spans="14:14">
      <c r="N378621" s="10"/>
    </row>
    <row r="378622" spans="14:14">
      <c r="N378622" s="10"/>
    </row>
    <row r="378623" spans="14:14">
      <c r="N378623" s="10"/>
    </row>
    <row r="378624" spans="14:14">
      <c r="N378624" s="10"/>
    </row>
    <row r="378625" spans="14:14">
      <c r="N378625" s="10"/>
    </row>
    <row r="378626" spans="14:14">
      <c r="N378626" s="10"/>
    </row>
    <row r="378627" spans="14:14">
      <c r="N378627" s="10"/>
    </row>
    <row r="378628" spans="14:14">
      <c r="N378628" s="10"/>
    </row>
    <row r="378629" spans="14:14">
      <c r="N378629" s="10"/>
    </row>
    <row r="378630" spans="14:14">
      <c r="N378630" s="10"/>
    </row>
    <row r="378631" spans="14:14">
      <c r="N378631" s="10"/>
    </row>
    <row r="378632" spans="14:14">
      <c r="N378632" s="10"/>
    </row>
    <row r="378633" spans="14:14">
      <c r="N378633" s="10"/>
    </row>
    <row r="378634" spans="14:14">
      <c r="N378634" s="10"/>
    </row>
    <row r="378635" spans="14:14">
      <c r="N378635" s="10"/>
    </row>
    <row r="378636" spans="14:14">
      <c r="N378636" s="10"/>
    </row>
    <row r="378637" spans="14:14">
      <c r="N378637" s="10"/>
    </row>
    <row r="378638" spans="14:14">
      <c r="N378638" s="10"/>
    </row>
    <row r="378639" spans="14:14">
      <c r="N378639" s="10"/>
    </row>
    <row r="378640" spans="14:14">
      <c r="N378640" s="10"/>
    </row>
    <row r="378641" spans="14:14">
      <c r="N378641" s="10"/>
    </row>
    <row r="378642" spans="14:14">
      <c r="N378642" s="10"/>
    </row>
    <row r="378643" spans="14:14">
      <c r="N378643" s="10"/>
    </row>
    <row r="378644" spans="14:14">
      <c r="N378644" s="10"/>
    </row>
    <row r="378645" spans="14:14">
      <c r="N378645" s="10"/>
    </row>
    <row r="378646" spans="14:14">
      <c r="N378646" s="10"/>
    </row>
    <row r="378647" spans="14:14">
      <c r="N378647" s="10"/>
    </row>
    <row r="378648" spans="14:14">
      <c r="N378648" s="10"/>
    </row>
    <row r="378649" spans="14:14">
      <c r="N378649" s="10"/>
    </row>
    <row r="378650" spans="14:14">
      <c r="N378650" s="10"/>
    </row>
    <row r="378651" spans="14:14">
      <c r="N378651" s="10"/>
    </row>
    <row r="378652" spans="14:14">
      <c r="N378652" s="10"/>
    </row>
    <row r="378653" spans="14:14">
      <c r="N378653" s="10"/>
    </row>
    <row r="378654" spans="14:14">
      <c r="N378654" s="10"/>
    </row>
    <row r="378655" spans="14:14">
      <c r="N378655" s="10"/>
    </row>
    <row r="378656" spans="14:14">
      <c r="N378656" s="10"/>
    </row>
    <row r="378657" spans="14:14">
      <c r="N378657" s="10"/>
    </row>
    <row r="378658" spans="14:14">
      <c r="N378658" s="10"/>
    </row>
    <row r="378659" spans="14:14">
      <c r="N378659" s="10"/>
    </row>
    <row r="378660" spans="14:14">
      <c r="N378660" s="10"/>
    </row>
    <row r="378661" spans="14:14">
      <c r="N378661" s="10"/>
    </row>
    <row r="378662" spans="14:14">
      <c r="N378662" s="10"/>
    </row>
    <row r="378663" spans="14:14">
      <c r="N378663" s="10"/>
    </row>
    <row r="378664" spans="14:14">
      <c r="N378664" s="10"/>
    </row>
    <row r="378665" spans="14:14">
      <c r="N378665" s="10"/>
    </row>
    <row r="378666" spans="14:14">
      <c r="N378666" s="10"/>
    </row>
    <row r="378667" spans="14:14">
      <c r="N378667" s="10"/>
    </row>
    <row r="378668" spans="14:14">
      <c r="N378668" s="10"/>
    </row>
    <row r="378669" spans="14:14">
      <c r="N378669" s="10"/>
    </row>
    <row r="378670" spans="14:14">
      <c r="N378670" s="10"/>
    </row>
    <row r="378671" spans="14:14">
      <c r="N378671" s="10"/>
    </row>
    <row r="378672" spans="14:14">
      <c r="N378672" s="10"/>
    </row>
    <row r="378673" spans="14:14">
      <c r="N378673" s="10"/>
    </row>
    <row r="378674" spans="14:14">
      <c r="N378674" s="10"/>
    </row>
    <row r="378675" spans="14:14">
      <c r="N378675" s="10"/>
    </row>
    <row r="378676" spans="14:14">
      <c r="N378676" s="10"/>
    </row>
    <row r="378677" spans="14:14">
      <c r="N378677" s="10"/>
    </row>
    <row r="378678" spans="14:14">
      <c r="N378678" s="10"/>
    </row>
    <row r="378679" spans="14:14">
      <c r="N378679" s="10"/>
    </row>
    <row r="378680" spans="14:14">
      <c r="N378680" s="10"/>
    </row>
    <row r="378681" spans="14:14">
      <c r="N378681" s="10"/>
    </row>
    <row r="378682" spans="14:14">
      <c r="N378682" s="10"/>
    </row>
    <row r="378683" spans="14:14">
      <c r="N378683" s="10"/>
    </row>
    <row r="378684" spans="14:14">
      <c r="N378684" s="10"/>
    </row>
    <row r="378685" spans="14:14">
      <c r="N378685" s="10"/>
    </row>
    <row r="378686" spans="14:14">
      <c r="N378686" s="10"/>
    </row>
    <row r="378687" spans="14:14">
      <c r="N378687" s="10"/>
    </row>
    <row r="378688" spans="14:14">
      <c r="N378688" s="10"/>
    </row>
    <row r="378689" spans="14:14">
      <c r="N378689" s="10"/>
    </row>
    <row r="378690" spans="14:14">
      <c r="N378690" s="10"/>
    </row>
    <row r="378691" spans="14:14">
      <c r="N378691" s="10"/>
    </row>
    <row r="378692" spans="14:14">
      <c r="N378692" s="10"/>
    </row>
    <row r="378693" spans="14:14">
      <c r="N378693" s="10"/>
    </row>
    <row r="378694" spans="14:14">
      <c r="N378694" s="10"/>
    </row>
    <row r="378695" spans="14:14">
      <c r="N378695" s="10"/>
    </row>
    <row r="378696" spans="14:14">
      <c r="N378696" s="10"/>
    </row>
    <row r="378697" spans="14:14">
      <c r="N378697" s="10"/>
    </row>
    <row r="378698" spans="14:14">
      <c r="N378698" s="10"/>
    </row>
    <row r="378699" spans="14:14">
      <c r="N378699" s="10"/>
    </row>
    <row r="378700" spans="14:14">
      <c r="N378700" s="10"/>
    </row>
    <row r="378701" spans="14:14">
      <c r="N378701" s="10"/>
    </row>
    <row r="378702" spans="14:14">
      <c r="N378702" s="10"/>
    </row>
    <row r="378703" spans="14:14">
      <c r="N378703" s="10"/>
    </row>
    <row r="378704" spans="14:14">
      <c r="N378704" s="10"/>
    </row>
    <row r="378705" spans="14:14">
      <c r="N378705" s="10"/>
    </row>
    <row r="378706" spans="14:14">
      <c r="N378706" s="10"/>
    </row>
    <row r="378707" spans="14:14">
      <c r="N378707" s="10"/>
    </row>
    <row r="378708" spans="14:14">
      <c r="N378708" s="10"/>
    </row>
    <row r="378709" spans="14:14">
      <c r="N378709" s="10"/>
    </row>
    <row r="378710" spans="14:14">
      <c r="N378710" s="10"/>
    </row>
    <row r="378711" spans="14:14">
      <c r="N378711" s="10"/>
    </row>
    <row r="378712" spans="14:14">
      <c r="N378712" s="10"/>
    </row>
    <row r="378713" spans="14:14">
      <c r="N378713" s="10"/>
    </row>
    <row r="378714" spans="14:14">
      <c r="N378714" s="10"/>
    </row>
    <row r="378715" spans="14:14">
      <c r="N378715" s="10"/>
    </row>
    <row r="378716" spans="14:14">
      <c r="N378716" s="10"/>
    </row>
    <row r="378717" spans="14:14">
      <c r="N378717" s="10"/>
    </row>
    <row r="378718" spans="14:14">
      <c r="N378718" s="10"/>
    </row>
    <row r="378719" spans="14:14">
      <c r="N378719" s="10"/>
    </row>
    <row r="378720" spans="14:14">
      <c r="N378720" s="10"/>
    </row>
    <row r="378721" spans="14:14">
      <c r="N378721" s="10"/>
    </row>
    <row r="378722" spans="14:14">
      <c r="N378722" s="10"/>
    </row>
    <row r="378723" spans="14:14">
      <c r="N378723" s="10"/>
    </row>
    <row r="378724" spans="14:14">
      <c r="N378724" s="10"/>
    </row>
    <row r="378725" spans="14:14">
      <c r="N378725" s="10"/>
    </row>
    <row r="378726" spans="14:14">
      <c r="N378726" s="10"/>
    </row>
    <row r="378727" spans="14:14">
      <c r="N378727" s="10"/>
    </row>
    <row r="378728" spans="14:14">
      <c r="N378728" s="10"/>
    </row>
    <row r="378729" spans="14:14">
      <c r="N378729" s="10"/>
    </row>
    <row r="378730" spans="14:14">
      <c r="N378730" s="10"/>
    </row>
    <row r="378731" spans="14:14">
      <c r="N378731" s="10"/>
    </row>
    <row r="378732" spans="14:14">
      <c r="N378732" s="10"/>
    </row>
    <row r="378733" spans="14:14">
      <c r="N378733" s="10"/>
    </row>
    <row r="378734" spans="14:14">
      <c r="N378734" s="10"/>
    </row>
    <row r="378735" spans="14:14">
      <c r="N378735" s="10"/>
    </row>
    <row r="378736" spans="14:14">
      <c r="N378736" s="10"/>
    </row>
    <row r="378737" spans="14:14">
      <c r="N378737" s="10"/>
    </row>
    <row r="378738" spans="14:14">
      <c r="N378738" s="10"/>
    </row>
    <row r="378739" spans="14:14">
      <c r="N378739" s="10"/>
    </row>
    <row r="378740" spans="14:14">
      <c r="N378740" s="10"/>
    </row>
    <row r="378741" spans="14:14">
      <c r="N378741" s="10"/>
    </row>
    <row r="378742" spans="14:14">
      <c r="N378742" s="10"/>
    </row>
    <row r="378743" spans="14:14">
      <c r="N378743" s="10"/>
    </row>
    <row r="378744" spans="14:14">
      <c r="N378744" s="10"/>
    </row>
    <row r="378745" spans="14:14">
      <c r="N378745" s="10"/>
    </row>
    <row r="378746" spans="14:14">
      <c r="N378746" s="10"/>
    </row>
    <row r="378747" spans="14:14">
      <c r="N378747" s="10"/>
    </row>
    <row r="378748" spans="14:14">
      <c r="N378748" s="10"/>
    </row>
    <row r="378749" spans="14:14">
      <c r="N378749" s="10"/>
    </row>
    <row r="378750" spans="14:14">
      <c r="N378750" s="10"/>
    </row>
    <row r="378751" spans="14:14">
      <c r="N378751" s="10"/>
    </row>
    <row r="378752" spans="14:14">
      <c r="N378752" s="10"/>
    </row>
    <row r="378753" spans="14:14">
      <c r="N378753" s="10"/>
    </row>
    <row r="378754" spans="14:14">
      <c r="N378754" s="10"/>
    </row>
    <row r="378755" spans="14:14">
      <c r="N378755" s="10"/>
    </row>
    <row r="378756" spans="14:14">
      <c r="N378756" s="10"/>
    </row>
    <row r="378757" spans="14:14">
      <c r="N378757" s="10"/>
    </row>
    <row r="378758" spans="14:14">
      <c r="N378758" s="10"/>
    </row>
    <row r="378759" spans="14:14">
      <c r="N378759" s="10"/>
    </row>
    <row r="378760" spans="14:14">
      <c r="N378760" s="10"/>
    </row>
    <row r="378761" spans="14:14">
      <c r="N378761" s="10"/>
    </row>
    <row r="378762" spans="14:14">
      <c r="N378762" s="10"/>
    </row>
    <row r="378763" spans="14:14">
      <c r="N378763" s="10"/>
    </row>
    <row r="378764" spans="14:14">
      <c r="N378764" s="10"/>
    </row>
    <row r="378765" spans="14:14">
      <c r="N378765" s="10"/>
    </row>
    <row r="378766" spans="14:14">
      <c r="N378766" s="10"/>
    </row>
    <row r="378767" spans="14:14">
      <c r="N378767" s="10"/>
    </row>
    <row r="378768" spans="14:14">
      <c r="N378768" s="10"/>
    </row>
    <row r="378769" spans="14:14">
      <c r="N378769" s="10"/>
    </row>
    <row r="378770" spans="14:14">
      <c r="N378770" s="10"/>
    </row>
    <row r="378771" spans="14:14">
      <c r="N378771" s="10"/>
    </row>
    <row r="378772" spans="14:14">
      <c r="N378772" s="10"/>
    </row>
    <row r="378773" spans="14:14">
      <c r="N378773" s="10"/>
    </row>
    <row r="378774" spans="14:14">
      <c r="N378774" s="10"/>
    </row>
    <row r="378775" spans="14:14">
      <c r="N378775" s="10"/>
    </row>
    <row r="378776" spans="14:14">
      <c r="N378776" s="10"/>
    </row>
    <row r="378777" spans="14:14">
      <c r="N378777" s="10"/>
    </row>
    <row r="378778" spans="14:14">
      <c r="N378778" s="10"/>
    </row>
    <row r="378779" spans="14:14">
      <c r="N378779" s="10"/>
    </row>
    <row r="378780" spans="14:14">
      <c r="N378780" s="10"/>
    </row>
    <row r="378781" spans="14:14">
      <c r="N378781" s="10"/>
    </row>
    <row r="378782" spans="14:14">
      <c r="N378782" s="10"/>
    </row>
    <row r="378783" spans="14:14">
      <c r="N378783" s="10"/>
    </row>
    <row r="378784" spans="14:14">
      <c r="N378784" s="10"/>
    </row>
    <row r="378785" spans="14:14">
      <c r="N378785" s="10"/>
    </row>
    <row r="378786" spans="14:14">
      <c r="N378786" s="10"/>
    </row>
    <row r="378787" spans="14:14">
      <c r="N378787" s="10"/>
    </row>
    <row r="378788" spans="14:14">
      <c r="N378788" s="10"/>
    </row>
    <row r="378789" spans="14:14">
      <c r="N378789" s="10"/>
    </row>
    <row r="378790" spans="14:14">
      <c r="N378790" s="10"/>
    </row>
    <row r="378791" spans="14:14">
      <c r="N378791" s="10"/>
    </row>
    <row r="378792" spans="14:14">
      <c r="N378792" s="10"/>
    </row>
    <row r="378793" spans="14:14">
      <c r="N378793" s="10"/>
    </row>
    <row r="378794" spans="14:14">
      <c r="N378794" s="10"/>
    </row>
    <row r="378795" spans="14:14">
      <c r="N378795" s="10"/>
    </row>
    <row r="378796" spans="14:14">
      <c r="N378796" s="10"/>
    </row>
    <row r="378797" spans="14:14">
      <c r="N378797" s="10"/>
    </row>
    <row r="378798" spans="14:14">
      <c r="N378798" s="10"/>
    </row>
    <row r="378799" spans="14:14">
      <c r="N378799" s="10"/>
    </row>
    <row r="378800" spans="14:14">
      <c r="N378800" s="10"/>
    </row>
    <row r="378801" spans="14:14">
      <c r="N378801" s="10"/>
    </row>
    <row r="378802" spans="14:14">
      <c r="N378802" s="10"/>
    </row>
    <row r="378803" spans="14:14">
      <c r="N378803" s="10"/>
    </row>
    <row r="378804" spans="14:14">
      <c r="N378804" s="10"/>
    </row>
    <row r="378805" spans="14:14">
      <c r="N378805" s="10"/>
    </row>
    <row r="378806" spans="14:14">
      <c r="N378806" s="10"/>
    </row>
    <row r="378807" spans="14:14">
      <c r="N378807" s="10"/>
    </row>
    <row r="378808" spans="14:14">
      <c r="N378808" s="10"/>
    </row>
    <row r="378809" spans="14:14">
      <c r="N378809" s="10"/>
    </row>
    <row r="378810" spans="14:14">
      <c r="N378810" s="10"/>
    </row>
    <row r="378811" spans="14:14">
      <c r="N378811" s="10"/>
    </row>
    <row r="378812" spans="14:14">
      <c r="N378812" s="10"/>
    </row>
    <row r="378813" spans="14:14">
      <c r="N378813" s="10"/>
    </row>
    <row r="378814" spans="14:14">
      <c r="N378814" s="10"/>
    </row>
    <row r="378815" spans="14:14">
      <c r="N378815" s="10"/>
    </row>
    <row r="378816" spans="14:14">
      <c r="N378816" s="10"/>
    </row>
    <row r="378817" spans="14:14">
      <c r="N378817" s="10"/>
    </row>
    <row r="378818" spans="14:14">
      <c r="N378818" s="10"/>
    </row>
    <row r="378819" spans="14:14">
      <c r="N378819" s="10"/>
    </row>
    <row r="378820" spans="14:14">
      <c r="N378820" s="10"/>
    </row>
    <row r="378821" spans="14:14">
      <c r="N378821" s="10"/>
    </row>
    <row r="378822" spans="14:14">
      <c r="N378822" s="10"/>
    </row>
    <row r="378823" spans="14:14">
      <c r="N378823" s="10"/>
    </row>
    <row r="378824" spans="14:14">
      <c r="N378824" s="10"/>
    </row>
    <row r="378825" spans="14:14">
      <c r="N378825" s="10"/>
    </row>
    <row r="378826" spans="14:14">
      <c r="N378826" s="10"/>
    </row>
    <row r="378827" spans="14:14">
      <c r="N378827" s="10"/>
    </row>
    <row r="378828" spans="14:14">
      <c r="N378828" s="10"/>
    </row>
    <row r="378829" spans="14:14">
      <c r="N378829" s="10"/>
    </row>
    <row r="378830" spans="14:14">
      <c r="N378830" s="10"/>
    </row>
    <row r="378831" spans="14:14">
      <c r="N378831" s="10"/>
    </row>
    <row r="378832" spans="14:14">
      <c r="N378832" s="10"/>
    </row>
    <row r="378833" spans="14:14">
      <c r="N378833" s="10"/>
    </row>
    <row r="378834" spans="14:14">
      <c r="N378834" s="10"/>
    </row>
    <row r="378835" spans="14:14">
      <c r="N378835" s="10"/>
    </row>
    <row r="378836" spans="14:14">
      <c r="N378836" s="10"/>
    </row>
    <row r="378837" spans="14:14">
      <c r="N378837" s="10"/>
    </row>
    <row r="378838" spans="14:14">
      <c r="N378838" s="10"/>
    </row>
    <row r="378839" spans="14:14">
      <c r="N378839" s="10"/>
    </row>
    <row r="378840" spans="14:14">
      <c r="N378840" s="10"/>
    </row>
    <row r="378841" spans="14:14">
      <c r="N378841" s="10"/>
    </row>
    <row r="378842" spans="14:14">
      <c r="N378842" s="10"/>
    </row>
    <row r="378843" spans="14:14">
      <c r="N378843" s="10"/>
    </row>
    <row r="378844" spans="14:14">
      <c r="N378844" s="10"/>
    </row>
    <row r="378845" spans="14:14">
      <c r="N378845" s="10"/>
    </row>
    <row r="378846" spans="14:14">
      <c r="N378846" s="10"/>
    </row>
    <row r="378847" spans="14:14">
      <c r="N378847" s="10"/>
    </row>
    <row r="378848" spans="14:14">
      <c r="N378848" s="10"/>
    </row>
    <row r="378849" spans="14:14">
      <c r="N378849" s="10"/>
    </row>
    <row r="378850" spans="14:14">
      <c r="N378850" s="10"/>
    </row>
    <row r="378851" spans="14:14">
      <c r="N378851" s="10"/>
    </row>
    <row r="378852" spans="14:14">
      <c r="N378852" s="10"/>
    </row>
    <row r="378853" spans="14:14">
      <c r="N378853" s="10"/>
    </row>
    <row r="378854" spans="14:14">
      <c r="N378854" s="10"/>
    </row>
    <row r="378855" spans="14:14">
      <c r="N378855" s="10"/>
    </row>
    <row r="378856" spans="14:14">
      <c r="N378856" s="10"/>
    </row>
    <row r="378857" spans="14:14">
      <c r="N378857" s="10"/>
    </row>
    <row r="378858" spans="14:14">
      <c r="N378858" s="10"/>
    </row>
    <row r="378859" spans="14:14">
      <c r="N378859" s="10"/>
    </row>
    <row r="378860" spans="14:14">
      <c r="N378860" s="10"/>
    </row>
    <row r="378861" spans="14:14">
      <c r="N378861" s="10"/>
    </row>
    <row r="378862" spans="14:14">
      <c r="N378862" s="10"/>
    </row>
    <row r="378863" spans="14:14">
      <c r="N378863" s="10"/>
    </row>
    <row r="378864" spans="14:14">
      <c r="N378864" s="10"/>
    </row>
    <row r="378865" spans="14:14">
      <c r="N378865" s="10"/>
    </row>
    <row r="378866" spans="14:14">
      <c r="N378866" s="10"/>
    </row>
    <row r="378867" spans="14:14">
      <c r="N378867" s="10"/>
    </row>
    <row r="378868" spans="14:14">
      <c r="N378868" s="10"/>
    </row>
    <row r="378869" spans="14:14">
      <c r="N378869" s="10"/>
    </row>
    <row r="378870" spans="14:14">
      <c r="N378870" s="10"/>
    </row>
    <row r="378871" spans="14:14">
      <c r="N378871" s="10"/>
    </row>
    <row r="378872" spans="14:14">
      <c r="N378872" s="10"/>
    </row>
    <row r="378873" spans="14:14">
      <c r="N378873" s="10"/>
    </row>
    <row r="378874" spans="14:14">
      <c r="N378874" s="10"/>
    </row>
    <row r="378875" spans="14:14">
      <c r="N378875" s="10"/>
    </row>
    <row r="378876" spans="14:14">
      <c r="N378876" s="10"/>
    </row>
    <row r="378877" spans="14:14">
      <c r="N378877" s="10"/>
    </row>
    <row r="378878" spans="14:14">
      <c r="N378878" s="10"/>
    </row>
    <row r="378879" spans="14:14">
      <c r="N378879" s="10"/>
    </row>
    <row r="378880" spans="14:14">
      <c r="N378880" s="10"/>
    </row>
    <row r="378881" spans="14:14">
      <c r="N378881" s="10"/>
    </row>
    <row r="378882" spans="14:14">
      <c r="N378882" s="10"/>
    </row>
    <row r="378883" spans="14:14">
      <c r="N378883" s="10"/>
    </row>
    <row r="378884" spans="14:14">
      <c r="N378884" s="10"/>
    </row>
    <row r="378885" spans="14:14">
      <c r="N378885" s="10"/>
    </row>
    <row r="378886" spans="14:14">
      <c r="N378886" s="10"/>
    </row>
    <row r="378887" spans="14:14">
      <c r="N378887" s="10"/>
    </row>
    <row r="378888" spans="14:14">
      <c r="N378888" s="10"/>
    </row>
    <row r="378889" spans="14:14">
      <c r="N378889" s="10"/>
    </row>
    <row r="378890" spans="14:14">
      <c r="N378890" s="10"/>
    </row>
    <row r="378891" spans="14:14">
      <c r="N378891" s="10"/>
    </row>
    <row r="378892" spans="14:14">
      <c r="N378892" s="10"/>
    </row>
    <row r="378893" spans="14:14">
      <c r="N378893" s="10"/>
    </row>
    <row r="378894" spans="14:14">
      <c r="N378894" s="10"/>
    </row>
    <row r="378895" spans="14:14">
      <c r="N378895" s="10"/>
    </row>
    <row r="378896" spans="14:14">
      <c r="N378896" s="10"/>
    </row>
    <row r="378897" spans="14:14">
      <c r="N378897" s="10"/>
    </row>
    <row r="378898" spans="14:14">
      <c r="N378898" s="10"/>
    </row>
    <row r="378899" spans="14:14">
      <c r="N378899" s="10"/>
    </row>
    <row r="378900" spans="14:14">
      <c r="N378900" s="10"/>
    </row>
    <row r="378901" spans="14:14">
      <c r="N378901" s="10"/>
    </row>
    <row r="378902" spans="14:14">
      <c r="N378902" s="10"/>
    </row>
    <row r="378903" spans="14:14">
      <c r="N378903" s="10"/>
    </row>
    <row r="378904" spans="14:14">
      <c r="N378904" s="10"/>
    </row>
    <row r="378905" spans="14:14">
      <c r="N378905" s="10"/>
    </row>
    <row r="378906" spans="14:14">
      <c r="N378906" s="10"/>
    </row>
    <row r="378907" spans="14:14">
      <c r="N378907" s="10"/>
    </row>
    <row r="378908" spans="14:14">
      <c r="N378908" s="10"/>
    </row>
    <row r="378909" spans="14:14">
      <c r="N378909" s="10"/>
    </row>
    <row r="378910" spans="14:14">
      <c r="N378910" s="10"/>
    </row>
    <row r="378911" spans="14:14">
      <c r="N378911" s="10"/>
    </row>
    <row r="378912" spans="14:14">
      <c r="N378912" s="10"/>
    </row>
    <row r="378913" spans="14:14">
      <c r="N378913" s="10"/>
    </row>
    <row r="378914" spans="14:14">
      <c r="N378914" s="10"/>
    </row>
    <row r="378915" spans="14:14">
      <c r="N378915" s="10"/>
    </row>
    <row r="378916" spans="14:14">
      <c r="N378916" s="10"/>
    </row>
    <row r="378917" spans="14:14">
      <c r="N378917" s="10"/>
    </row>
    <row r="378918" spans="14:14">
      <c r="N378918" s="10"/>
    </row>
    <row r="378919" spans="14:14">
      <c r="N378919" s="10"/>
    </row>
    <row r="378920" spans="14:14">
      <c r="N378920" s="10"/>
    </row>
    <row r="378921" spans="14:14">
      <c r="N378921" s="10"/>
    </row>
    <row r="378922" spans="14:14">
      <c r="N378922" s="10"/>
    </row>
    <row r="378923" spans="14:14">
      <c r="N378923" s="10"/>
    </row>
    <row r="378924" spans="14:14">
      <c r="N378924" s="10"/>
    </row>
    <row r="378925" spans="14:14">
      <c r="N378925" s="10"/>
    </row>
    <row r="378926" spans="14:14">
      <c r="N378926" s="10"/>
    </row>
    <row r="378927" spans="14:14">
      <c r="N378927" s="10"/>
    </row>
    <row r="378928" spans="14:14">
      <c r="N378928" s="10"/>
    </row>
    <row r="378929" spans="14:14">
      <c r="N378929" s="10"/>
    </row>
    <row r="378930" spans="14:14">
      <c r="N378930" s="10"/>
    </row>
    <row r="378931" spans="14:14">
      <c r="N378931" s="10"/>
    </row>
    <row r="378932" spans="14:14">
      <c r="N378932" s="10"/>
    </row>
    <row r="378933" spans="14:14">
      <c r="N378933" s="10"/>
    </row>
    <row r="378934" spans="14:14">
      <c r="N378934" s="10"/>
    </row>
    <row r="378935" spans="14:14">
      <c r="N378935" s="10"/>
    </row>
    <row r="378936" spans="14:14">
      <c r="N378936" s="10"/>
    </row>
    <row r="378937" spans="14:14">
      <c r="N378937" s="10"/>
    </row>
    <row r="378938" spans="14:14">
      <c r="N378938" s="10"/>
    </row>
    <row r="378939" spans="14:14">
      <c r="N378939" s="10"/>
    </row>
    <row r="378940" spans="14:14">
      <c r="N378940" s="10"/>
    </row>
    <row r="378941" spans="14:14">
      <c r="N378941" s="10"/>
    </row>
    <row r="378942" spans="14:14">
      <c r="N378942" s="10"/>
    </row>
    <row r="378943" spans="14:14">
      <c r="N378943" s="10"/>
    </row>
    <row r="378944" spans="14:14">
      <c r="N378944" s="10"/>
    </row>
    <row r="378945" spans="14:14">
      <c r="N378945" s="10"/>
    </row>
    <row r="378946" spans="14:14">
      <c r="N378946" s="10"/>
    </row>
    <row r="378947" spans="14:14">
      <c r="N378947" s="10"/>
    </row>
    <row r="378948" spans="14:14">
      <c r="N378948" s="10"/>
    </row>
    <row r="378949" spans="14:14">
      <c r="N378949" s="10"/>
    </row>
    <row r="378950" spans="14:14">
      <c r="N378950" s="10"/>
    </row>
    <row r="378951" spans="14:14">
      <c r="N378951" s="10"/>
    </row>
    <row r="378952" spans="14:14">
      <c r="N378952" s="10"/>
    </row>
    <row r="378953" spans="14:14">
      <c r="N378953" s="10"/>
    </row>
    <row r="378954" spans="14:14">
      <c r="N378954" s="10"/>
    </row>
    <row r="378955" spans="14:14">
      <c r="N378955" s="10"/>
    </row>
    <row r="378956" spans="14:14">
      <c r="N378956" s="10"/>
    </row>
    <row r="378957" spans="14:14">
      <c r="N378957" s="10"/>
    </row>
    <row r="378958" spans="14:14">
      <c r="N378958" s="10"/>
    </row>
    <row r="378959" spans="14:14">
      <c r="N378959" s="10"/>
    </row>
    <row r="378960" spans="14:14">
      <c r="N378960" s="10"/>
    </row>
    <row r="378961" spans="14:14">
      <c r="N378961" s="10"/>
    </row>
    <row r="378962" spans="14:14">
      <c r="N378962" s="10"/>
    </row>
    <row r="378963" spans="14:14">
      <c r="N378963" s="10"/>
    </row>
    <row r="378964" spans="14:14">
      <c r="N378964" s="10"/>
    </row>
    <row r="378965" spans="14:14">
      <c r="N378965" s="10"/>
    </row>
    <row r="378966" spans="14:14">
      <c r="N378966" s="10"/>
    </row>
    <row r="378967" spans="14:14">
      <c r="N378967" s="10"/>
    </row>
    <row r="378968" spans="14:14">
      <c r="N378968" s="10"/>
    </row>
    <row r="378969" spans="14:14">
      <c r="N378969" s="10"/>
    </row>
    <row r="378970" spans="14:14">
      <c r="N378970" s="10"/>
    </row>
    <row r="378971" spans="14:14">
      <c r="N378971" s="10"/>
    </row>
    <row r="378972" spans="14:14">
      <c r="N378972" s="10"/>
    </row>
    <row r="378973" spans="14:14">
      <c r="N378973" s="10"/>
    </row>
    <row r="378974" spans="14:14">
      <c r="N378974" s="10"/>
    </row>
    <row r="378975" spans="14:14">
      <c r="N378975" s="10"/>
    </row>
    <row r="378976" spans="14:14">
      <c r="N378976" s="10"/>
    </row>
    <row r="378977" spans="14:14">
      <c r="N378977" s="10"/>
    </row>
    <row r="378978" spans="14:14">
      <c r="N378978" s="10"/>
    </row>
    <row r="378979" spans="14:14">
      <c r="N378979" s="10"/>
    </row>
    <row r="378980" spans="14:14">
      <c r="N378980" s="10"/>
    </row>
    <row r="378981" spans="14:14">
      <c r="N378981" s="10"/>
    </row>
    <row r="378982" spans="14:14">
      <c r="N378982" s="10"/>
    </row>
    <row r="378983" spans="14:14">
      <c r="N378983" s="10"/>
    </row>
    <row r="378984" spans="14:14">
      <c r="N378984" s="10"/>
    </row>
    <row r="378985" spans="14:14">
      <c r="N378985" s="10"/>
    </row>
    <row r="378986" spans="14:14">
      <c r="N378986" s="10"/>
    </row>
    <row r="378987" spans="14:14">
      <c r="N378987" s="10"/>
    </row>
    <row r="378988" spans="14:14">
      <c r="N378988" s="10"/>
    </row>
    <row r="378989" spans="14:14">
      <c r="N378989" s="10"/>
    </row>
    <row r="378990" spans="14:14">
      <c r="N378990" s="10"/>
    </row>
    <row r="378991" spans="14:14">
      <c r="N378991" s="10"/>
    </row>
    <row r="378992" spans="14:14">
      <c r="N378992" s="10"/>
    </row>
    <row r="378993" spans="14:14">
      <c r="N378993" s="10"/>
    </row>
    <row r="378994" spans="14:14">
      <c r="N378994" s="10"/>
    </row>
    <row r="378995" spans="14:14">
      <c r="N378995" s="10"/>
    </row>
    <row r="378996" spans="14:14">
      <c r="N378996" s="10"/>
    </row>
    <row r="378997" spans="14:14">
      <c r="N378997" s="10"/>
    </row>
    <row r="378998" spans="14:14">
      <c r="N378998" s="10"/>
    </row>
    <row r="378999" spans="14:14">
      <c r="N378999" s="10"/>
    </row>
    <row r="379000" spans="14:14">
      <c r="N379000" s="10"/>
    </row>
    <row r="379001" spans="14:14">
      <c r="N379001" s="10"/>
    </row>
    <row r="379002" spans="14:14">
      <c r="N379002" s="10"/>
    </row>
    <row r="379003" spans="14:14">
      <c r="N379003" s="10"/>
    </row>
    <row r="379004" spans="14:14">
      <c r="N379004" s="10"/>
    </row>
    <row r="379005" spans="14:14">
      <c r="N379005" s="10"/>
    </row>
    <row r="379006" spans="14:14">
      <c r="N379006" s="10"/>
    </row>
    <row r="379007" spans="14:14">
      <c r="N379007" s="10"/>
    </row>
    <row r="379008" spans="14:14">
      <c r="N379008" s="10"/>
    </row>
    <row r="379009" spans="14:14">
      <c r="N379009" s="10"/>
    </row>
    <row r="379010" spans="14:14">
      <c r="N379010" s="10"/>
    </row>
    <row r="379011" spans="14:14">
      <c r="N379011" s="10"/>
    </row>
    <row r="379012" spans="14:14">
      <c r="N379012" s="10"/>
    </row>
    <row r="379013" spans="14:14">
      <c r="N379013" s="10"/>
    </row>
    <row r="379014" spans="14:14">
      <c r="N379014" s="10"/>
    </row>
    <row r="379015" spans="14:14">
      <c r="N379015" s="10"/>
    </row>
    <row r="379016" spans="14:14">
      <c r="N379016" s="10"/>
    </row>
    <row r="379017" spans="14:14">
      <c r="N379017" s="10"/>
    </row>
    <row r="379018" spans="14:14">
      <c r="N379018" s="10"/>
    </row>
    <row r="379019" spans="14:14">
      <c r="N379019" s="10"/>
    </row>
    <row r="379020" spans="14:14">
      <c r="N379020" s="10"/>
    </row>
    <row r="379021" spans="14:14">
      <c r="N379021" s="10"/>
    </row>
    <row r="379022" spans="14:14">
      <c r="N379022" s="10"/>
    </row>
    <row r="379023" spans="14:14">
      <c r="N379023" s="10"/>
    </row>
    <row r="379024" spans="14:14">
      <c r="N379024" s="10"/>
    </row>
    <row r="379025" spans="14:14">
      <c r="N379025" s="10"/>
    </row>
    <row r="379026" spans="14:14">
      <c r="N379026" s="10"/>
    </row>
    <row r="379027" spans="14:14">
      <c r="N379027" s="10"/>
    </row>
    <row r="379028" spans="14:14">
      <c r="N379028" s="10"/>
    </row>
    <row r="379029" spans="14:14">
      <c r="N379029" s="10"/>
    </row>
    <row r="379030" spans="14:14">
      <c r="N379030" s="10"/>
    </row>
    <row r="379031" spans="14:14">
      <c r="N379031" s="10"/>
    </row>
    <row r="379032" spans="14:14">
      <c r="N379032" s="10"/>
    </row>
    <row r="379033" spans="14:14">
      <c r="N379033" s="10"/>
    </row>
    <row r="379034" spans="14:14">
      <c r="N379034" s="10"/>
    </row>
    <row r="379035" spans="14:14">
      <c r="N379035" s="10"/>
    </row>
    <row r="379036" spans="14:14">
      <c r="N379036" s="10"/>
    </row>
    <row r="379037" spans="14:14">
      <c r="N379037" s="10"/>
    </row>
    <row r="379038" spans="14:14">
      <c r="N379038" s="10"/>
    </row>
    <row r="379039" spans="14:14">
      <c r="N379039" s="10"/>
    </row>
    <row r="379040" spans="14:14">
      <c r="N379040" s="10"/>
    </row>
    <row r="379041" spans="14:14">
      <c r="N379041" s="10"/>
    </row>
    <row r="379042" spans="14:14">
      <c r="N379042" s="10"/>
    </row>
    <row r="379043" spans="14:14">
      <c r="N379043" s="10"/>
    </row>
    <row r="379044" spans="14:14">
      <c r="N379044" s="10"/>
    </row>
    <row r="379045" spans="14:14">
      <c r="N379045" s="10"/>
    </row>
    <row r="379046" spans="14:14">
      <c r="N379046" s="10"/>
    </row>
    <row r="379047" spans="14:14">
      <c r="N379047" s="10"/>
    </row>
    <row r="379048" spans="14:14">
      <c r="N379048" s="10"/>
    </row>
    <row r="379049" spans="14:14">
      <c r="N379049" s="10"/>
    </row>
    <row r="379050" spans="14:14">
      <c r="N379050" s="10"/>
    </row>
    <row r="379051" spans="14:14">
      <c r="N379051" s="10"/>
    </row>
    <row r="379052" spans="14:14">
      <c r="N379052" s="10"/>
    </row>
    <row r="379053" spans="14:14">
      <c r="N379053" s="10"/>
    </row>
    <row r="379054" spans="14:14">
      <c r="N379054" s="10"/>
    </row>
    <row r="379055" spans="14:14">
      <c r="N379055" s="10"/>
    </row>
    <row r="379056" spans="14:14">
      <c r="N379056" s="10"/>
    </row>
    <row r="379057" spans="14:14">
      <c r="N379057" s="10"/>
    </row>
    <row r="379058" spans="14:14">
      <c r="N379058" s="10"/>
    </row>
    <row r="379059" spans="14:14">
      <c r="N379059" s="10"/>
    </row>
    <row r="379060" spans="14:14">
      <c r="N379060" s="10"/>
    </row>
    <row r="379061" spans="14:14">
      <c r="N379061" s="10"/>
    </row>
    <row r="379062" spans="14:14">
      <c r="N379062" s="10"/>
    </row>
    <row r="379063" spans="14:14">
      <c r="N379063" s="10"/>
    </row>
    <row r="379064" spans="14:14">
      <c r="N379064" s="10"/>
    </row>
    <row r="379065" spans="14:14">
      <c r="N379065" s="10"/>
    </row>
    <row r="379066" spans="14:14">
      <c r="N379066" s="10"/>
    </row>
    <row r="379067" spans="14:14">
      <c r="N379067" s="10"/>
    </row>
    <row r="379068" spans="14:14">
      <c r="N379068" s="10"/>
    </row>
    <row r="379069" spans="14:14">
      <c r="N379069" s="10"/>
    </row>
    <row r="379070" spans="14:14">
      <c r="N379070" s="10"/>
    </row>
    <row r="379071" spans="14:14">
      <c r="N379071" s="10"/>
    </row>
    <row r="379072" spans="14:14">
      <c r="N379072" s="10"/>
    </row>
    <row r="379073" spans="14:14">
      <c r="N379073" s="10"/>
    </row>
    <row r="379074" spans="14:14">
      <c r="N379074" s="10"/>
    </row>
    <row r="379075" spans="14:14">
      <c r="N379075" s="10"/>
    </row>
    <row r="379076" spans="14:14">
      <c r="N379076" s="10"/>
    </row>
    <row r="379077" spans="14:14">
      <c r="N379077" s="10"/>
    </row>
    <row r="379078" spans="14:14">
      <c r="N379078" s="10"/>
    </row>
    <row r="379079" spans="14:14">
      <c r="N379079" s="10"/>
    </row>
    <row r="379080" spans="14:14">
      <c r="N379080" s="10"/>
    </row>
    <row r="379081" spans="14:14">
      <c r="N379081" s="10"/>
    </row>
    <row r="379082" spans="14:14">
      <c r="N379082" s="10"/>
    </row>
    <row r="379083" spans="14:14">
      <c r="N379083" s="10"/>
    </row>
    <row r="379084" spans="14:14">
      <c r="N379084" s="10"/>
    </row>
    <row r="379085" spans="14:14">
      <c r="N379085" s="10"/>
    </row>
    <row r="379086" spans="14:14">
      <c r="N379086" s="10"/>
    </row>
    <row r="379087" spans="14:14">
      <c r="N379087" s="10"/>
    </row>
    <row r="379088" spans="14:14">
      <c r="N379088" s="10"/>
    </row>
    <row r="379089" spans="14:14">
      <c r="N379089" s="10"/>
    </row>
    <row r="379090" spans="14:14">
      <c r="N379090" s="10"/>
    </row>
    <row r="379091" spans="14:14">
      <c r="N379091" s="10"/>
    </row>
    <row r="379092" spans="14:14">
      <c r="N379092" s="10"/>
    </row>
    <row r="379093" spans="14:14">
      <c r="N379093" s="10"/>
    </row>
    <row r="379094" spans="14:14">
      <c r="N379094" s="10"/>
    </row>
    <row r="379095" spans="14:14">
      <c r="N379095" s="10"/>
    </row>
    <row r="379096" spans="14:14">
      <c r="N379096" s="10"/>
    </row>
    <row r="379097" spans="14:14">
      <c r="N379097" s="10"/>
    </row>
    <row r="379098" spans="14:14">
      <c r="N379098" s="10"/>
    </row>
    <row r="379099" spans="14:14">
      <c r="N379099" s="10"/>
    </row>
    <row r="379100" spans="14:14">
      <c r="N379100" s="10"/>
    </row>
    <row r="379101" spans="14:14">
      <c r="N379101" s="10"/>
    </row>
    <row r="379102" spans="14:14">
      <c r="N379102" s="10"/>
    </row>
    <row r="379103" spans="14:14">
      <c r="N379103" s="10"/>
    </row>
    <row r="379104" spans="14:14">
      <c r="N379104" s="10"/>
    </row>
    <row r="379105" spans="14:14">
      <c r="N379105" s="10"/>
    </row>
    <row r="379106" spans="14:14">
      <c r="N379106" s="10"/>
    </row>
    <row r="379107" spans="14:14">
      <c r="N379107" s="10"/>
    </row>
    <row r="379108" spans="14:14">
      <c r="N379108" s="10"/>
    </row>
    <row r="379109" spans="14:14">
      <c r="N379109" s="10"/>
    </row>
    <row r="379110" spans="14:14">
      <c r="N379110" s="10"/>
    </row>
    <row r="379111" spans="14:14">
      <c r="N379111" s="10"/>
    </row>
    <row r="379112" spans="14:14">
      <c r="N379112" s="10"/>
    </row>
    <row r="379113" spans="14:14">
      <c r="N379113" s="10"/>
    </row>
    <row r="379114" spans="14:14">
      <c r="N379114" s="10"/>
    </row>
    <row r="379115" spans="14:14">
      <c r="N379115" s="10"/>
    </row>
    <row r="379116" spans="14:14">
      <c r="N379116" s="10"/>
    </row>
    <row r="379117" spans="14:14">
      <c r="N379117" s="10"/>
    </row>
    <row r="379118" spans="14:14">
      <c r="N379118" s="10"/>
    </row>
    <row r="379119" spans="14:14">
      <c r="N379119" s="10"/>
    </row>
    <row r="379120" spans="14:14">
      <c r="N379120" s="10"/>
    </row>
    <row r="379121" spans="14:14">
      <c r="N379121" s="10"/>
    </row>
    <row r="379122" spans="14:14">
      <c r="N379122" s="10"/>
    </row>
    <row r="379123" spans="14:14">
      <c r="N379123" s="10"/>
    </row>
    <row r="379124" spans="14:14">
      <c r="N379124" s="10"/>
    </row>
    <row r="379125" spans="14:14">
      <c r="N379125" s="10"/>
    </row>
    <row r="379126" spans="14:14">
      <c r="N379126" s="10"/>
    </row>
    <row r="379127" spans="14:14">
      <c r="N379127" s="10"/>
    </row>
    <row r="379128" spans="14:14">
      <c r="N379128" s="10"/>
    </row>
    <row r="379129" spans="14:14">
      <c r="N379129" s="10"/>
    </row>
    <row r="379130" spans="14:14">
      <c r="N379130" s="10"/>
    </row>
    <row r="379131" spans="14:14">
      <c r="N379131" s="10"/>
    </row>
    <row r="379132" spans="14:14">
      <c r="N379132" s="10"/>
    </row>
    <row r="379133" spans="14:14">
      <c r="N379133" s="10"/>
    </row>
    <row r="379134" spans="14:14">
      <c r="N379134" s="10"/>
    </row>
    <row r="379135" spans="14:14">
      <c r="N379135" s="10"/>
    </row>
    <row r="379136" spans="14:14">
      <c r="N379136" s="10"/>
    </row>
    <row r="379137" spans="14:14">
      <c r="N379137" s="10"/>
    </row>
    <row r="379138" spans="14:14">
      <c r="N379138" s="10"/>
    </row>
    <row r="379139" spans="14:14">
      <c r="N379139" s="10"/>
    </row>
    <row r="379140" spans="14:14">
      <c r="N379140" s="10"/>
    </row>
    <row r="379141" spans="14:14">
      <c r="N379141" s="10"/>
    </row>
    <row r="379142" spans="14:14">
      <c r="N379142" s="10"/>
    </row>
    <row r="379143" spans="14:14">
      <c r="N379143" s="10"/>
    </row>
    <row r="379144" spans="14:14">
      <c r="N379144" s="10"/>
    </row>
    <row r="379145" spans="14:14">
      <c r="N379145" s="10"/>
    </row>
    <row r="379146" spans="14:14">
      <c r="N379146" s="10"/>
    </row>
    <row r="379147" spans="14:14">
      <c r="N379147" s="10"/>
    </row>
    <row r="379148" spans="14:14">
      <c r="N379148" s="10"/>
    </row>
    <row r="379149" spans="14:14">
      <c r="N379149" s="10"/>
    </row>
    <row r="379150" spans="14:14">
      <c r="N379150" s="10"/>
    </row>
    <row r="379151" spans="14:14">
      <c r="N379151" s="10"/>
    </row>
    <row r="379152" spans="14:14">
      <c r="N379152" s="10"/>
    </row>
    <row r="379153" spans="14:14">
      <c r="N379153" s="10"/>
    </row>
    <row r="379154" spans="14:14">
      <c r="N379154" s="10"/>
    </row>
    <row r="379155" spans="14:14">
      <c r="N379155" s="10"/>
    </row>
    <row r="379156" spans="14:14">
      <c r="N379156" s="10"/>
    </row>
    <row r="379157" spans="14:14">
      <c r="N379157" s="10"/>
    </row>
    <row r="379158" spans="14:14">
      <c r="N379158" s="10"/>
    </row>
    <row r="379159" spans="14:14">
      <c r="N379159" s="10"/>
    </row>
    <row r="379160" spans="14:14">
      <c r="N379160" s="10"/>
    </row>
    <row r="379161" spans="14:14">
      <c r="N379161" s="10"/>
    </row>
    <row r="379162" spans="14:14">
      <c r="N379162" s="10"/>
    </row>
    <row r="379163" spans="14:14">
      <c r="N379163" s="10"/>
    </row>
    <row r="379164" spans="14:14">
      <c r="N379164" s="10"/>
    </row>
    <row r="379165" spans="14:14">
      <c r="N379165" s="10"/>
    </row>
    <row r="379166" spans="14:14">
      <c r="N379166" s="10"/>
    </row>
    <row r="379167" spans="14:14">
      <c r="N379167" s="10"/>
    </row>
    <row r="379168" spans="14:14">
      <c r="N379168" s="10"/>
    </row>
    <row r="379169" spans="14:14">
      <c r="N379169" s="10"/>
    </row>
    <row r="379170" spans="14:14">
      <c r="N379170" s="10"/>
    </row>
    <row r="379171" spans="14:14">
      <c r="N379171" s="10"/>
    </row>
    <row r="379172" spans="14:14">
      <c r="N379172" s="10"/>
    </row>
    <row r="379173" spans="14:14">
      <c r="N379173" s="10"/>
    </row>
    <row r="379174" spans="14:14">
      <c r="N379174" s="10"/>
    </row>
    <row r="379175" spans="14:14">
      <c r="N379175" s="10"/>
    </row>
    <row r="379176" spans="14:14">
      <c r="N379176" s="10"/>
    </row>
    <row r="379177" spans="14:14">
      <c r="N379177" s="10"/>
    </row>
    <row r="379178" spans="14:14">
      <c r="N379178" s="10"/>
    </row>
    <row r="379179" spans="14:14">
      <c r="N379179" s="10"/>
    </row>
    <row r="379180" spans="14:14">
      <c r="N379180" s="10"/>
    </row>
    <row r="379181" spans="14:14">
      <c r="N379181" s="10"/>
    </row>
    <row r="379182" spans="14:14">
      <c r="N379182" s="10"/>
    </row>
    <row r="379183" spans="14:14">
      <c r="N379183" s="10"/>
    </row>
    <row r="379184" spans="14:14">
      <c r="N379184" s="10"/>
    </row>
    <row r="379185" spans="14:14">
      <c r="N379185" s="10"/>
    </row>
    <row r="379186" spans="14:14">
      <c r="N379186" s="10"/>
    </row>
    <row r="379187" spans="14:14">
      <c r="N379187" s="10"/>
    </row>
    <row r="379188" spans="14:14">
      <c r="N379188" s="10"/>
    </row>
    <row r="379189" spans="14:14">
      <c r="N379189" s="10"/>
    </row>
    <row r="379190" spans="14:14">
      <c r="N379190" s="10"/>
    </row>
    <row r="379191" spans="14:14">
      <c r="N379191" s="10"/>
    </row>
    <row r="379192" spans="14:14">
      <c r="N379192" s="10"/>
    </row>
    <row r="379193" spans="14:14">
      <c r="N379193" s="10"/>
    </row>
    <row r="379194" spans="14:14">
      <c r="N379194" s="10"/>
    </row>
    <row r="379195" spans="14:14">
      <c r="N379195" s="10"/>
    </row>
    <row r="379196" spans="14:14">
      <c r="N379196" s="10"/>
    </row>
    <row r="379197" spans="14:14">
      <c r="N379197" s="10"/>
    </row>
    <row r="379198" spans="14:14">
      <c r="N379198" s="10"/>
    </row>
    <row r="379199" spans="14:14">
      <c r="N379199" s="10"/>
    </row>
    <row r="379200" spans="14:14">
      <c r="N379200" s="10"/>
    </row>
    <row r="379201" spans="14:14">
      <c r="N379201" s="10"/>
    </row>
    <row r="379202" spans="14:14">
      <c r="N379202" s="10"/>
    </row>
    <row r="379203" spans="14:14">
      <c r="N379203" s="10"/>
    </row>
    <row r="379204" spans="14:14">
      <c r="N379204" s="10"/>
    </row>
    <row r="379205" spans="14:14">
      <c r="N379205" s="10"/>
    </row>
    <row r="379206" spans="14:14">
      <c r="N379206" s="10"/>
    </row>
    <row r="379207" spans="14:14">
      <c r="N379207" s="10"/>
    </row>
    <row r="379208" spans="14:14">
      <c r="N379208" s="10"/>
    </row>
    <row r="379209" spans="14:14">
      <c r="N379209" s="10"/>
    </row>
    <row r="379210" spans="14:14">
      <c r="N379210" s="10"/>
    </row>
    <row r="379211" spans="14:14">
      <c r="N379211" s="10"/>
    </row>
    <row r="379212" spans="14:14">
      <c r="N379212" s="10"/>
    </row>
    <row r="379213" spans="14:14">
      <c r="N379213" s="10"/>
    </row>
    <row r="379214" spans="14:14">
      <c r="N379214" s="10"/>
    </row>
    <row r="379215" spans="14:14">
      <c r="N379215" s="10"/>
    </row>
    <row r="379216" spans="14:14">
      <c r="N379216" s="10"/>
    </row>
    <row r="379217" spans="14:14">
      <c r="N379217" s="10"/>
    </row>
    <row r="379218" spans="14:14">
      <c r="N379218" s="10"/>
    </row>
    <row r="379219" spans="14:14">
      <c r="N379219" s="10"/>
    </row>
    <row r="379220" spans="14:14">
      <c r="N379220" s="10"/>
    </row>
    <row r="379221" spans="14:14">
      <c r="N379221" s="10"/>
    </row>
    <row r="379222" spans="14:14">
      <c r="N379222" s="10"/>
    </row>
    <row r="379223" spans="14:14">
      <c r="N379223" s="10"/>
    </row>
    <row r="379224" spans="14:14">
      <c r="N379224" s="10"/>
    </row>
    <row r="379225" spans="14:14">
      <c r="N379225" s="10"/>
    </row>
    <row r="379226" spans="14:14">
      <c r="N379226" s="10"/>
    </row>
    <row r="379227" spans="14:14">
      <c r="N379227" s="10"/>
    </row>
    <row r="379228" spans="14:14">
      <c r="N379228" s="10"/>
    </row>
    <row r="379229" spans="14:14">
      <c r="N379229" s="10"/>
    </row>
    <row r="379230" spans="14:14">
      <c r="N379230" s="10"/>
    </row>
    <row r="379231" spans="14:14">
      <c r="N379231" s="10"/>
    </row>
    <row r="379232" spans="14:14">
      <c r="N379232" s="10"/>
    </row>
    <row r="379233" spans="14:14">
      <c r="N379233" s="10"/>
    </row>
    <row r="379234" spans="14:14">
      <c r="N379234" s="10"/>
    </row>
    <row r="379235" spans="14:14">
      <c r="N379235" s="10"/>
    </row>
    <row r="379236" spans="14:14">
      <c r="N379236" s="10"/>
    </row>
    <row r="379237" spans="14:14">
      <c r="N379237" s="10"/>
    </row>
    <row r="379238" spans="14:14">
      <c r="N379238" s="10"/>
    </row>
    <row r="379239" spans="14:14">
      <c r="N379239" s="10"/>
    </row>
    <row r="379240" spans="14:14">
      <c r="N379240" s="10"/>
    </row>
    <row r="379241" spans="14:14">
      <c r="N379241" s="10"/>
    </row>
    <row r="379242" spans="14:14">
      <c r="N379242" s="10"/>
    </row>
    <row r="379243" spans="14:14">
      <c r="N379243" s="10"/>
    </row>
    <row r="379244" spans="14:14">
      <c r="N379244" s="10"/>
    </row>
    <row r="379245" spans="14:14">
      <c r="N379245" s="10"/>
    </row>
    <row r="379246" spans="14:14">
      <c r="N379246" s="10"/>
    </row>
    <row r="379247" spans="14:14">
      <c r="N379247" s="10"/>
    </row>
    <row r="379248" spans="14:14">
      <c r="N379248" s="10"/>
    </row>
    <row r="379249" spans="14:14">
      <c r="N379249" s="10"/>
    </row>
    <row r="379250" spans="14:14">
      <c r="N379250" s="10"/>
    </row>
    <row r="379251" spans="14:14">
      <c r="N379251" s="10"/>
    </row>
    <row r="379252" spans="14:14">
      <c r="N379252" s="10"/>
    </row>
    <row r="379253" spans="14:14">
      <c r="N379253" s="10"/>
    </row>
    <row r="379254" spans="14:14">
      <c r="N379254" s="10"/>
    </row>
    <row r="379255" spans="14:14">
      <c r="N379255" s="10"/>
    </row>
    <row r="379256" spans="14:14">
      <c r="N379256" s="10"/>
    </row>
    <row r="379257" spans="14:14">
      <c r="N379257" s="10"/>
    </row>
    <row r="379258" spans="14:14">
      <c r="N379258" s="10"/>
    </row>
    <row r="379259" spans="14:14">
      <c r="N379259" s="10"/>
    </row>
    <row r="379260" spans="14:14">
      <c r="N379260" s="10"/>
    </row>
    <row r="379261" spans="14:14">
      <c r="N379261" s="10"/>
    </row>
    <row r="379262" spans="14:14">
      <c r="N379262" s="10"/>
    </row>
    <row r="379263" spans="14:14">
      <c r="N379263" s="10"/>
    </row>
    <row r="379264" spans="14:14">
      <c r="N379264" s="10"/>
    </row>
    <row r="379265" spans="14:14">
      <c r="N379265" s="10"/>
    </row>
    <row r="379266" spans="14:14">
      <c r="N379266" s="10"/>
    </row>
    <row r="379267" spans="14:14">
      <c r="N379267" s="10"/>
    </row>
    <row r="379268" spans="14:14">
      <c r="N379268" s="10"/>
    </row>
    <row r="379269" spans="14:14">
      <c r="N379269" s="10"/>
    </row>
    <row r="379270" spans="14:14">
      <c r="N379270" s="10"/>
    </row>
    <row r="379271" spans="14:14">
      <c r="N379271" s="10"/>
    </row>
    <row r="379272" spans="14:14">
      <c r="N379272" s="10"/>
    </row>
    <row r="379273" spans="14:14">
      <c r="N379273" s="10"/>
    </row>
    <row r="379274" spans="14:14">
      <c r="N379274" s="10"/>
    </row>
    <row r="379275" spans="14:14">
      <c r="N379275" s="10"/>
    </row>
    <row r="379276" spans="14:14">
      <c r="N379276" s="10"/>
    </row>
    <row r="379277" spans="14:14">
      <c r="N379277" s="10"/>
    </row>
    <row r="379278" spans="14:14">
      <c r="N379278" s="10"/>
    </row>
    <row r="379279" spans="14:14">
      <c r="N379279" s="10"/>
    </row>
    <row r="379280" spans="14:14">
      <c r="N379280" s="10"/>
    </row>
    <row r="379281" spans="14:14">
      <c r="N379281" s="10"/>
    </row>
    <row r="379282" spans="14:14">
      <c r="N379282" s="10"/>
    </row>
    <row r="379283" spans="14:14">
      <c r="N379283" s="10"/>
    </row>
    <row r="379284" spans="14:14">
      <c r="N379284" s="10"/>
    </row>
    <row r="379285" spans="14:14">
      <c r="N379285" s="10"/>
    </row>
    <row r="379286" spans="14:14">
      <c r="N379286" s="10"/>
    </row>
    <row r="379287" spans="14:14">
      <c r="N379287" s="10"/>
    </row>
    <row r="379288" spans="14:14">
      <c r="N379288" s="10"/>
    </row>
    <row r="379289" spans="14:14">
      <c r="N379289" s="10"/>
    </row>
    <row r="379290" spans="14:14">
      <c r="N379290" s="10"/>
    </row>
    <row r="379291" spans="14:14">
      <c r="N379291" s="10"/>
    </row>
    <row r="379292" spans="14:14">
      <c r="N379292" s="10"/>
    </row>
    <row r="379293" spans="14:14">
      <c r="N379293" s="10"/>
    </row>
    <row r="379294" spans="14:14">
      <c r="N379294" s="10"/>
    </row>
    <row r="379295" spans="14:14">
      <c r="N379295" s="10"/>
    </row>
    <row r="379296" spans="14:14">
      <c r="N379296" s="10"/>
    </row>
    <row r="379297" spans="14:14">
      <c r="N379297" s="10"/>
    </row>
    <row r="379298" spans="14:14">
      <c r="N379298" s="10"/>
    </row>
    <row r="379299" spans="14:14">
      <c r="N379299" s="10"/>
    </row>
    <row r="379300" spans="14:14">
      <c r="N379300" s="10"/>
    </row>
    <row r="379301" spans="14:14">
      <c r="N379301" s="10"/>
    </row>
    <row r="379302" spans="14:14">
      <c r="N379302" s="10"/>
    </row>
    <row r="379303" spans="14:14">
      <c r="N379303" s="10"/>
    </row>
    <row r="379304" spans="14:14">
      <c r="N379304" s="10"/>
    </row>
    <row r="379305" spans="14:14">
      <c r="N379305" s="10"/>
    </row>
    <row r="379306" spans="14:14">
      <c r="N379306" s="10"/>
    </row>
    <row r="379307" spans="14:14">
      <c r="N379307" s="10"/>
    </row>
    <row r="379308" spans="14:14">
      <c r="N379308" s="10"/>
    </row>
    <row r="379309" spans="14:14">
      <c r="N379309" s="10"/>
    </row>
    <row r="379310" spans="14:14">
      <c r="N379310" s="10"/>
    </row>
    <row r="379311" spans="14:14">
      <c r="N379311" s="10"/>
    </row>
    <row r="379312" spans="14:14">
      <c r="N379312" s="10"/>
    </row>
    <row r="379313" spans="14:14">
      <c r="N379313" s="10"/>
    </row>
    <row r="379314" spans="14:14">
      <c r="N379314" s="10"/>
    </row>
    <row r="379315" spans="14:14">
      <c r="N379315" s="10"/>
    </row>
    <row r="379316" spans="14:14">
      <c r="N379316" s="10"/>
    </row>
    <row r="379317" spans="14:14">
      <c r="N379317" s="10"/>
    </row>
    <row r="379318" spans="14:14">
      <c r="N379318" s="10"/>
    </row>
    <row r="379319" spans="14:14">
      <c r="N379319" s="10"/>
    </row>
    <row r="379320" spans="14:14">
      <c r="N379320" s="10"/>
    </row>
    <row r="379321" spans="14:14">
      <c r="N379321" s="10"/>
    </row>
    <row r="379322" spans="14:14">
      <c r="N379322" s="10"/>
    </row>
    <row r="379323" spans="14:14">
      <c r="N379323" s="10"/>
    </row>
    <row r="379324" spans="14:14">
      <c r="N379324" s="10"/>
    </row>
    <row r="379325" spans="14:14">
      <c r="N379325" s="10"/>
    </row>
    <row r="379326" spans="14:14">
      <c r="N379326" s="10"/>
    </row>
    <row r="379327" spans="14:14">
      <c r="N379327" s="10"/>
    </row>
    <row r="379328" spans="14:14">
      <c r="N379328" s="10"/>
    </row>
    <row r="379329" spans="14:14">
      <c r="N379329" s="10"/>
    </row>
    <row r="379330" spans="14:14">
      <c r="N379330" s="10"/>
    </row>
    <row r="379331" spans="14:14">
      <c r="N379331" s="10"/>
    </row>
    <row r="379332" spans="14:14">
      <c r="N379332" s="10"/>
    </row>
    <row r="379333" spans="14:14">
      <c r="N379333" s="10"/>
    </row>
    <row r="379334" spans="14:14">
      <c r="N379334" s="10"/>
    </row>
    <row r="379335" spans="14:14">
      <c r="N379335" s="10"/>
    </row>
    <row r="379336" spans="14:14">
      <c r="N379336" s="10"/>
    </row>
    <row r="379337" spans="14:14">
      <c r="N379337" s="10"/>
    </row>
    <row r="379338" spans="14:14">
      <c r="N379338" s="10"/>
    </row>
    <row r="379339" spans="14:14">
      <c r="N379339" s="10"/>
    </row>
    <row r="379340" spans="14:14">
      <c r="N379340" s="10"/>
    </row>
    <row r="379341" spans="14:14">
      <c r="N379341" s="10"/>
    </row>
    <row r="379342" spans="14:14">
      <c r="N379342" s="10"/>
    </row>
    <row r="379343" spans="14:14">
      <c r="N379343" s="10"/>
    </row>
    <row r="379344" spans="14:14">
      <c r="N379344" s="10"/>
    </row>
    <row r="379345" spans="14:14">
      <c r="N379345" s="10"/>
    </row>
    <row r="379346" spans="14:14">
      <c r="N379346" s="10"/>
    </row>
    <row r="379347" spans="14:14">
      <c r="N379347" s="10"/>
    </row>
    <row r="379348" spans="14:14">
      <c r="N379348" s="10"/>
    </row>
    <row r="379349" spans="14:14">
      <c r="N379349" s="10"/>
    </row>
    <row r="379350" spans="14:14">
      <c r="N379350" s="10"/>
    </row>
    <row r="379351" spans="14:14">
      <c r="N379351" s="10"/>
    </row>
    <row r="379352" spans="14:14">
      <c r="N379352" s="10"/>
    </row>
    <row r="379353" spans="14:14">
      <c r="N379353" s="10"/>
    </row>
    <row r="379354" spans="14:14">
      <c r="N379354" s="10"/>
    </row>
    <row r="379355" spans="14:14">
      <c r="N379355" s="10"/>
    </row>
    <row r="379356" spans="14:14">
      <c r="N379356" s="10"/>
    </row>
    <row r="379357" spans="14:14">
      <c r="N379357" s="10"/>
    </row>
    <row r="379358" spans="14:14">
      <c r="N379358" s="10"/>
    </row>
    <row r="379359" spans="14:14">
      <c r="N379359" s="10"/>
    </row>
    <row r="379360" spans="14:14">
      <c r="N379360" s="10"/>
    </row>
    <row r="379361" spans="14:14">
      <c r="N379361" s="10"/>
    </row>
    <row r="379362" spans="14:14">
      <c r="N379362" s="10"/>
    </row>
    <row r="379363" spans="14:14">
      <c r="N379363" s="10"/>
    </row>
    <row r="379364" spans="14:14">
      <c r="N379364" s="10"/>
    </row>
    <row r="379365" spans="14:14">
      <c r="N379365" s="10"/>
    </row>
    <row r="379366" spans="14:14">
      <c r="N379366" s="10"/>
    </row>
    <row r="379367" spans="14:14">
      <c r="N379367" s="10"/>
    </row>
    <row r="379368" spans="14:14">
      <c r="N379368" s="10"/>
    </row>
    <row r="379369" spans="14:14">
      <c r="N379369" s="10"/>
    </row>
    <row r="379370" spans="14:14">
      <c r="N379370" s="10"/>
    </row>
    <row r="379371" spans="14:14">
      <c r="N379371" s="10"/>
    </row>
    <row r="379372" spans="14:14">
      <c r="N379372" s="10"/>
    </row>
    <row r="379373" spans="14:14">
      <c r="N379373" s="10"/>
    </row>
    <row r="379374" spans="14:14">
      <c r="N379374" s="10"/>
    </row>
    <row r="379375" spans="14:14">
      <c r="N379375" s="10"/>
    </row>
    <row r="379376" spans="14:14">
      <c r="N379376" s="10"/>
    </row>
    <row r="379377" spans="14:14">
      <c r="N379377" s="10"/>
    </row>
    <row r="379378" spans="14:14">
      <c r="N379378" s="10"/>
    </row>
    <row r="379379" spans="14:14">
      <c r="N379379" s="10"/>
    </row>
    <row r="379380" spans="14:14">
      <c r="N379380" s="10"/>
    </row>
    <row r="379381" spans="14:14">
      <c r="N379381" s="10"/>
    </row>
    <row r="379382" spans="14:14">
      <c r="N379382" s="10"/>
    </row>
    <row r="379383" spans="14:14">
      <c r="N379383" s="10"/>
    </row>
    <row r="379384" spans="14:14">
      <c r="N379384" s="10"/>
    </row>
    <row r="379385" spans="14:14">
      <c r="N379385" s="10"/>
    </row>
    <row r="379386" spans="14:14">
      <c r="N379386" s="10"/>
    </row>
    <row r="379387" spans="14:14">
      <c r="N379387" s="10"/>
    </row>
    <row r="379388" spans="14:14">
      <c r="N379388" s="10"/>
    </row>
    <row r="379389" spans="14:14">
      <c r="N379389" s="10"/>
    </row>
    <row r="379390" spans="14:14">
      <c r="N379390" s="10"/>
    </row>
    <row r="379391" spans="14:14">
      <c r="N379391" s="10"/>
    </row>
    <row r="379392" spans="14:14">
      <c r="N379392" s="10"/>
    </row>
    <row r="379393" spans="14:14">
      <c r="N379393" s="10"/>
    </row>
    <row r="379394" spans="14:14">
      <c r="N379394" s="10"/>
    </row>
    <row r="379395" spans="14:14">
      <c r="N379395" s="10"/>
    </row>
    <row r="379396" spans="14:14">
      <c r="N379396" s="10"/>
    </row>
    <row r="379397" spans="14:14">
      <c r="N379397" s="10"/>
    </row>
    <row r="379398" spans="14:14">
      <c r="N379398" s="10"/>
    </row>
    <row r="379399" spans="14:14">
      <c r="N379399" s="10"/>
    </row>
    <row r="379400" spans="14:14">
      <c r="N379400" s="10"/>
    </row>
    <row r="379401" spans="14:14">
      <c r="N379401" s="10"/>
    </row>
    <row r="379402" spans="14:14">
      <c r="N379402" s="10"/>
    </row>
    <row r="379403" spans="14:14">
      <c r="N379403" s="10"/>
    </row>
    <row r="379404" spans="14:14">
      <c r="N379404" s="10"/>
    </row>
    <row r="379405" spans="14:14">
      <c r="N379405" s="10"/>
    </row>
    <row r="379406" spans="14:14">
      <c r="N379406" s="10"/>
    </row>
    <row r="379407" spans="14:14">
      <c r="N379407" s="10"/>
    </row>
    <row r="379408" spans="14:14">
      <c r="N379408" s="10"/>
    </row>
    <row r="379409" spans="14:14">
      <c r="N379409" s="10"/>
    </row>
    <row r="379410" spans="14:14">
      <c r="N379410" s="10"/>
    </row>
    <row r="379411" spans="14:14">
      <c r="N379411" s="10"/>
    </row>
    <row r="379412" spans="14:14">
      <c r="N379412" s="10"/>
    </row>
    <row r="379413" spans="14:14">
      <c r="N379413" s="10"/>
    </row>
    <row r="379414" spans="14:14">
      <c r="N379414" s="10"/>
    </row>
    <row r="379415" spans="14:14">
      <c r="N379415" s="10"/>
    </row>
    <row r="379416" spans="14:14">
      <c r="N379416" s="10"/>
    </row>
    <row r="379417" spans="14:14">
      <c r="N379417" s="10"/>
    </row>
    <row r="379418" spans="14:14">
      <c r="N379418" s="10"/>
    </row>
    <row r="379419" spans="14:14">
      <c r="N379419" s="10"/>
    </row>
    <row r="379420" spans="14:14">
      <c r="N379420" s="10"/>
    </row>
    <row r="379421" spans="14:14">
      <c r="N379421" s="10"/>
    </row>
    <row r="379422" spans="14:14">
      <c r="N379422" s="10"/>
    </row>
    <row r="379423" spans="14:14">
      <c r="N379423" s="10"/>
    </row>
    <row r="379424" spans="14:14">
      <c r="N379424" s="10"/>
    </row>
    <row r="379425" spans="14:14">
      <c r="N379425" s="10"/>
    </row>
    <row r="379426" spans="14:14">
      <c r="N379426" s="10"/>
    </row>
    <row r="379427" spans="14:14">
      <c r="N379427" s="10"/>
    </row>
    <row r="379428" spans="14:14">
      <c r="N379428" s="10"/>
    </row>
    <row r="379429" spans="14:14">
      <c r="N379429" s="10"/>
    </row>
    <row r="379430" spans="14:14">
      <c r="N379430" s="10"/>
    </row>
    <row r="379431" spans="14:14">
      <c r="N379431" s="10"/>
    </row>
    <row r="379432" spans="14:14">
      <c r="N379432" s="10"/>
    </row>
    <row r="379433" spans="14:14">
      <c r="N379433" s="10"/>
    </row>
    <row r="379434" spans="14:14">
      <c r="N379434" s="10"/>
    </row>
    <row r="379435" spans="14:14">
      <c r="N379435" s="10"/>
    </row>
    <row r="379436" spans="14:14">
      <c r="N379436" s="10"/>
    </row>
    <row r="379437" spans="14:14">
      <c r="N379437" s="10"/>
    </row>
    <row r="379438" spans="14:14">
      <c r="N379438" s="10"/>
    </row>
    <row r="379439" spans="14:14">
      <c r="N379439" s="10"/>
    </row>
    <row r="379440" spans="14:14">
      <c r="N379440" s="10"/>
    </row>
    <row r="379441" spans="14:14">
      <c r="N379441" s="10"/>
    </row>
    <row r="379442" spans="14:14">
      <c r="N379442" s="10"/>
    </row>
    <row r="379443" spans="14:14">
      <c r="N379443" s="10"/>
    </row>
    <row r="379444" spans="14:14">
      <c r="N379444" s="10"/>
    </row>
    <row r="379445" spans="14:14">
      <c r="N379445" s="10"/>
    </row>
    <row r="379446" spans="14:14">
      <c r="N379446" s="10"/>
    </row>
    <row r="379447" spans="14:14">
      <c r="N379447" s="10"/>
    </row>
    <row r="379448" spans="14:14">
      <c r="N379448" s="10"/>
    </row>
    <row r="379449" spans="14:14">
      <c r="N379449" s="10"/>
    </row>
    <row r="379450" spans="14:14">
      <c r="N379450" s="10"/>
    </row>
    <row r="379451" spans="14:14">
      <c r="N379451" s="10"/>
    </row>
    <row r="379452" spans="14:14">
      <c r="N379452" s="10"/>
    </row>
    <row r="379453" spans="14:14">
      <c r="N379453" s="10"/>
    </row>
    <row r="379454" spans="14:14">
      <c r="N379454" s="10"/>
    </row>
    <row r="379455" spans="14:14">
      <c r="N379455" s="10"/>
    </row>
    <row r="379456" spans="14:14">
      <c r="N379456" s="10"/>
    </row>
    <row r="379457" spans="14:14">
      <c r="N379457" s="10"/>
    </row>
    <row r="379458" spans="14:14">
      <c r="N379458" s="10"/>
    </row>
    <row r="379459" spans="14:14">
      <c r="N379459" s="10"/>
    </row>
    <row r="379460" spans="14:14">
      <c r="N379460" s="10"/>
    </row>
    <row r="379461" spans="14:14">
      <c r="N379461" s="10"/>
    </row>
    <row r="379462" spans="14:14">
      <c r="N379462" s="10"/>
    </row>
    <row r="379463" spans="14:14">
      <c r="N379463" s="10"/>
    </row>
    <row r="379464" spans="14:14">
      <c r="N379464" s="10"/>
    </row>
    <row r="379465" spans="14:14">
      <c r="N379465" s="10"/>
    </row>
    <row r="379466" spans="14:14">
      <c r="N379466" s="10"/>
    </row>
    <row r="379467" spans="14:14">
      <c r="N379467" s="10"/>
    </row>
    <row r="379468" spans="14:14">
      <c r="N379468" s="10"/>
    </row>
    <row r="379469" spans="14:14">
      <c r="N379469" s="10"/>
    </row>
    <row r="379470" spans="14:14">
      <c r="N379470" s="10"/>
    </row>
    <row r="379471" spans="14:14">
      <c r="N379471" s="10"/>
    </row>
    <row r="379472" spans="14:14">
      <c r="N379472" s="10"/>
    </row>
    <row r="379473" spans="14:14">
      <c r="N379473" s="10"/>
    </row>
    <row r="379474" spans="14:14">
      <c r="N379474" s="10"/>
    </row>
    <row r="379475" spans="14:14">
      <c r="N379475" s="10"/>
    </row>
    <row r="379476" spans="14:14">
      <c r="N379476" s="10"/>
    </row>
    <row r="379477" spans="14:14">
      <c r="N379477" s="10"/>
    </row>
    <row r="379478" spans="14:14">
      <c r="N379478" s="10"/>
    </row>
    <row r="379479" spans="14:14">
      <c r="N379479" s="10"/>
    </row>
    <row r="379480" spans="14:14">
      <c r="N379480" s="10"/>
    </row>
    <row r="379481" spans="14:14">
      <c r="N379481" s="10"/>
    </row>
    <row r="379482" spans="14:14">
      <c r="N379482" s="10"/>
    </row>
    <row r="379483" spans="14:14">
      <c r="N379483" s="10"/>
    </row>
    <row r="379484" spans="14:14">
      <c r="N379484" s="10"/>
    </row>
    <row r="379485" spans="14:14">
      <c r="N379485" s="10"/>
    </row>
    <row r="379486" spans="14:14">
      <c r="N379486" s="10"/>
    </row>
    <row r="379487" spans="14:14">
      <c r="N379487" s="10"/>
    </row>
    <row r="379488" spans="14:14">
      <c r="N379488" s="10"/>
    </row>
    <row r="379489" spans="14:14">
      <c r="N379489" s="10"/>
    </row>
    <row r="379490" spans="14:14">
      <c r="N379490" s="10"/>
    </row>
    <row r="379491" spans="14:14">
      <c r="N379491" s="10"/>
    </row>
    <row r="379492" spans="14:14">
      <c r="N379492" s="10"/>
    </row>
    <row r="379493" spans="14:14">
      <c r="N379493" s="10"/>
    </row>
    <row r="379494" spans="14:14">
      <c r="N379494" s="10"/>
    </row>
    <row r="379495" spans="14:14">
      <c r="N379495" s="10"/>
    </row>
    <row r="379496" spans="14:14">
      <c r="N379496" s="10"/>
    </row>
    <row r="379497" spans="14:14">
      <c r="N379497" s="10"/>
    </row>
    <row r="379498" spans="14:14">
      <c r="N379498" s="10"/>
    </row>
    <row r="379499" spans="14:14">
      <c r="N379499" s="10"/>
    </row>
    <row r="379500" spans="14:14">
      <c r="N379500" s="10"/>
    </row>
    <row r="379501" spans="14:14">
      <c r="N379501" s="10"/>
    </row>
    <row r="379502" spans="14:14">
      <c r="N379502" s="10"/>
    </row>
    <row r="379503" spans="14:14">
      <c r="N379503" s="10"/>
    </row>
    <row r="379504" spans="14:14">
      <c r="N379504" s="10"/>
    </row>
    <row r="379505" spans="14:14">
      <c r="N379505" s="10"/>
    </row>
    <row r="379506" spans="14:14">
      <c r="N379506" s="10"/>
    </row>
    <row r="379507" spans="14:14">
      <c r="N379507" s="10"/>
    </row>
    <row r="379508" spans="14:14">
      <c r="N379508" s="10"/>
    </row>
    <row r="379509" spans="14:14">
      <c r="N379509" s="10"/>
    </row>
    <row r="379510" spans="14:14">
      <c r="N379510" s="10"/>
    </row>
    <row r="379511" spans="14:14">
      <c r="N379511" s="10"/>
    </row>
    <row r="379512" spans="14:14">
      <c r="N379512" s="10"/>
    </row>
    <row r="379513" spans="14:14">
      <c r="N379513" s="10"/>
    </row>
    <row r="379514" spans="14:14">
      <c r="N379514" s="10"/>
    </row>
    <row r="379515" spans="14:14">
      <c r="N379515" s="10"/>
    </row>
    <row r="379516" spans="14:14">
      <c r="N379516" s="10"/>
    </row>
    <row r="379517" spans="14:14">
      <c r="N379517" s="10"/>
    </row>
    <row r="379518" spans="14:14">
      <c r="N379518" s="10"/>
    </row>
    <row r="379519" spans="14:14">
      <c r="N379519" s="10"/>
    </row>
    <row r="379520" spans="14:14">
      <c r="N379520" s="10"/>
    </row>
    <row r="379521" spans="14:14">
      <c r="N379521" s="10"/>
    </row>
    <row r="379522" spans="14:14">
      <c r="N379522" s="10"/>
    </row>
    <row r="379523" spans="14:14">
      <c r="N379523" s="10"/>
    </row>
    <row r="379524" spans="14:14">
      <c r="N379524" s="10"/>
    </row>
    <row r="379525" spans="14:14">
      <c r="N379525" s="10"/>
    </row>
    <row r="379526" spans="14:14">
      <c r="N379526" s="10"/>
    </row>
    <row r="379527" spans="14:14">
      <c r="N379527" s="10"/>
    </row>
    <row r="379528" spans="14:14">
      <c r="N379528" s="10"/>
    </row>
    <row r="379529" spans="14:14">
      <c r="N379529" s="10"/>
    </row>
    <row r="379530" spans="14:14">
      <c r="N379530" s="10"/>
    </row>
    <row r="379531" spans="14:14">
      <c r="N379531" s="10"/>
    </row>
    <row r="379532" spans="14:14">
      <c r="N379532" s="10"/>
    </row>
    <row r="379533" spans="14:14">
      <c r="N379533" s="10"/>
    </row>
    <row r="379534" spans="14:14">
      <c r="N379534" s="10"/>
    </row>
    <row r="379535" spans="14:14">
      <c r="N379535" s="10"/>
    </row>
    <row r="379536" spans="14:14">
      <c r="N379536" s="10"/>
    </row>
    <row r="379537" spans="14:14">
      <c r="N379537" s="10"/>
    </row>
    <row r="379538" spans="14:14">
      <c r="N379538" s="10"/>
    </row>
    <row r="379539" spans="14:14">
      <c r="N379539" s="10"/>
    </row>
    <row r="379540" spans="14:14">
      <c r="N379540" s="10"/>
    </row>
    <row r="379541" spans="14:14">
      <c r="N379541" s="10"/>
    </row>
    <row r="379542" spans="14:14">
      <c r="N379542" s="10"/>
    </row>
    <row r="379543" spans="14:14">
      <c r="N379543" s="10"/>
    </row>
    <row r="379544" spans="14:14">
      <c r="N379544" s="10"/>
    </row>
    <row r="379545" spans="14:14">
      <c r="N379545" s="10"/>
    </row>
    <row r="379546" spans="14:14">
      <c r="N379546" s="10"/>
    </row>
    <row r="379547" spans="14:14">
      <c r="N379547" s="10"/>
    </row>
    <row r="379548" spans="14:14">
      <c r="N379548" s="10"/>
    </row>
    <row r="379549" spans="14:14">
      <c r="N379549" s="10"/>
    </row>
    <row r="379550" spans="14:14">
      <c r="N379550" s="10"/>
    </row>
    <row r="379551" spans="14:14">
      <c r="N379551" s="10"/>
    </row>
    <row r="379552" spans="14:14">
      <c r="N379552" s="10"/>
    </row>
    <row r="379553" spans="14:14">
      <c r="N379553" s="10"/>
    </row>
    <row r="379554" spans="14:14">
      <c r="N379554" s="10"/>
    </row>
    <row r="379555" spans="14:14">
      <c r="N379555" s="10"/>
    </row>
    <row r="379556" spans="14:14">
      <c r="N379556" s="10"/>
    </row>
    <row r="379557" spans="14:14">
      <c r="N379557" s="10"/>
    </row>
    <row r="379558" spans="14:14">
      <c r="N379558" s="10"/>
    </row>
    <row r="379559" spans="14:14">
      <c r="N379559" s="10"/>
    </row>
    <row r="379560" spans="14:14">
      <c r="N379560" s="10"/>
    </row>
    <row r="379561" spans="14:14">
      <c r="N379561" s="10"/>
    </row>
    <row r="379562" spans="14:14">
      <c r="N379562" s="10"/>
    </row>
    <row r="379563" spans="14:14">
      <c r="N379563" s="10"/>
    </row>
    <row r="379564" spans="14:14">
      <c r="N379564" s="10"/>
    </row>
    <row r="379565" spans="14:14">
      <c r="N379565" s="10"/>
    </row>
    <row r="379566" spans="14:14">
      <c r="N379566" s="10"/>
    </row>
    <row r="379567" spans="14:14">
      <c r="N379567" s="10"/>
    </row>
    <row r="379568" spans="14:14">
      <c r="N379568" s="10"/>
    </row>
    <row r="379569" spans="14:14">
      <c r="N379569" s="10"/>
    </row>
    <row r="379570" spans="14:14">
      <c r="N379570" s="10"/>
    </row>
    <row r="379571" spans="14:14">
      <c r="N379571" s="10"/>
    </row>
    <row r="379572" spans="14:14">
      <c r="N379572" s="10"/>
    </row>
    <row r="379573" spans="14:14">
      <c r="N379573" s="10"/>
    </row>
    <row r="379574" spans="14:14">
      <c r="N379574" s="10"/>
    </row>
    <row r="379575" spans="14:14">
      <c r="N379575" s="10"/>
    </row>
    <row r="379576" spans="14:14">
      <c r="N379576" s="10"/>
    </row>
    <row r="379577" spans="14:14">
      <c r="N379577" s="10"/>
    </row>
    <row r="379578" spans="14:14">
      <c r="N379578" s="10"/>
    </row>
    <row r="379579" spans="14:14">
      <c r="N379579" s="10"/>
    </row>
    <row r="379580" spans="14:14">
      <c r="N379580" s="10"/>
    </row>
    <row r="379581" spans="14:14">
      <c r="N379581" s="10"/>
    </row>
    <row r="379582" spans="14:14">
      <c r="N379582" s="10"/>
    </row>
    <row r="379583" spans="14:14">
      <c r="N379583" s="10"/>
    </row>
    <row r="379584" spans="14:14">
      <c r="N379584" s="10"/>
    </row>
    <row r="379585" spans="14:14">
      <c r="N379585" s="10"/>
    </row>
    <row r="379586" spans="14:14">
      <c r="N379586" s="10"/>
    </row>
    <row r="379587" spans="14:14">
      <c r="N379587" s="10"/>
    </row>
    <row r="379588" spans="14:14">
      <c r="N379588" s="10"/>
    </row>
    <row r="379589" spans="14:14">
      <c r="N379589" s="10"/>
    </row>
    <row r="379590" spans="14:14">
      <c r="N379590" s="10"/>
    </row>
    <row r="379591" spans="14:14">
      <c r="N379591" s="10"/>
    </row>
    <row r="379592" spans="14:14">
      <c r="N379592" s="10"/>
    </row>
    <row r="379593" spans="14:14">
      <c r="N379593" s="10"/>
    </row>
    <row r="379594" spans="14:14">
      <c r="N379594" s="10"/>
    </row>
    <row r="379595" spans="14:14">
      <c r="N379595" s="10"/>
    </row>
    <row r="379596" spans="14:14">
      <c r="N379596" s="10"/>
    </row>
    <row r="379597" spans="14:14">
      <c r="N379597" s="10"/>
    </row>
    <row r="379598" spans="14:14">
      <c r="N379598" s="10"/>
    </row>
    <row r="379599" spans="14:14">
      <c r="N379599" s="10"/>
    </row>
    <row r="379600" spans="14:14">
      <c r="N379600" s="10"/>
    </row>
    <row r="379601" spans="14:14">
      <c r="N379601" s="10"/>
    </row>
    <row r="379602" spans="14:14">
      <c r="N379602" s="10"/>
    </row>
    <row r="379603" spans="14:14">
      <c r="N379603" s="10"/>
    </row>
    <row r="379604" spans="14:14">
      <c r="N379604" s="10"/>
    </row>
    <row r="379605" spans="14:14">
      <c r="N379605" s="10"/>
    </row>
    <row r="379606" spans="14:14">
      <c r="N379606" s="10"/>
    </row>
    <row r="379607" spans="14:14">
      <c r="N379607" s="10"/>
    </row>
    <row r="379608" spans="14:14">
      <c r="N379608" s="10"/>
    </row>
    <row r="379609" spans="14:14">
      <c r="N379609" s="10"/>
    </row>
    <row r="379610" spans="14:14">
      <c r="N379610" s="10"/>
    </row>
    <row r="379611" spans="14:14">
      <c r="N379611" s="10"/>
    </row>
    <row r="379612" spans="14:14">
      <c r="N379612" s="10"/>
    </row>
    <row r="379613" spans="14:14">
      <c r="N379613" s="10"/>
    </row>
    <row r="379614" spans="14:14">
      <c r="N379614" s="10"/>
    </row>
    <row r="379615" spans="14:14">
      <c r="N379615" s="10"/>
    </row>
    <row r="379616" spans="14:14">
      <c r="N379616" s="10"/>
    </row>
    <row r="379617" spans="14:14">
      <c r="N379617" s="10"/>
    </row>
    <row r="379618" spans="14:14">
      <c r="N379618" s="10"/>
    </row>
    <row r="379619" spans="14:14">
      <c r="N379619" s="10"/>
    </row>
    <row r="379620" spans="14:14">
      <c r="N379620" s="10"/>
    </row>
    <row r="379621" spans="14:14">
      <c r="N379621" s="10"/>
    </row>
    <row r="379622" spans="14:14">
      <c r="N379622" s="10"/>
    </row>
    <row r="379623" spans="14:14">
      <c r="N379623" s="10"/>
    </row>
    <row r="379624" spans="14:14">
      <c r="N379624" s="10"/>
    </row>
    <row r="379625" spans="14:14">
      <c r="N379625" s="10"/>
    </row>
    <row r="379626" spans="14:14">
      <c r="N379626" s="10"/>
    </row>
    <row r="379627" spans="14:14">
      <c r="N379627" s="10"/>
    </row>
    <row r="379628" spans="14:14">
      <c r="N379628" s="10"/>
    </row>
    <row r="379629" spans="14:14">
      <c r="N379629" s="10"/>
    </row>
    <row r="379630" spans="14:14">
      <c r="N379630" s="10"/>
    </row>
    <row r="379631" spans="14:14">
      <c r="N379631" s="10"/>
    </row>
    <row r="379632" spans="14:14">
      <c r="N379632" s="10"/>
    </row>
    <row r="379633" spans="14:14">
      <c r="N379633" s="10"/>
    </row>
    <row r="379634" spans="14:14">
      <c r="N379634" s="10"/>
    </row>
    <row r="379635" spans="14:14">
      <c r="N379635" s="10"/>
    </row>
    <row r="379636" spans="14:14">
      <c r="N379636" s="10"/>
    </row>
    <row r="379637" spans="14:14">
      <c r="N379637" s="10"/>
    </row>
    <row r="379638" spans="14:14">
      <c r="N379638" s="10"/>
    </row>
    <row r="379639" spans="14:14">
      <c r="N379639" s="10"/>
    </row>
    <row r="379640" spans="14:14">
      <c r="N379640" s="10"/>
    </row>
    <row r="379641" spans="14:14">
      <c r="N379641" s="10"/>
    </row>
    <row r="379642" spans="14:14">
      <c r="N379642" s="10"/>
    </row>
    <row r="379643" spans="14:14">
      <c r="N379643" s="10"/>
    </row>
    <row r="379644" spans="14:14">
      <c r="N379644" s="10"/>
    </row>
    <row r="379645" spans="14:14">
      <c r="N379645" s="10"/>
    </row>
    <row r="379646" spans="14:14">
      <c r="N379646" s="10"/>
    </row>
    <row r="379647" spans="14:14">
      <c r="N379647" s="10"/>
    </row>
    <row r="379648" spans="14:14">
      <c r="N379648" s="10"/>
    </row>
    <row r="379649" spans="14:14">
      <c r="N379649" s="10"/>
    </row>
    <row r="379650" spans="14:14">
      <c r="N379650" s="10"/>
    </row>
    <row r="379651" spans="14:14">
      <c r="N379651" s="10"/>
    </row>
    <row r="379652" spans="14:14">
      <c r="N379652" s="10"/>
    </row>
    <row r="379653" spans="14:14">
      <c r="N379653" s="10"/>
    </row>
    <row r="379654" spans="14:14">
      <c r="N379654" s="10"/>
    </row>
    <row r="379655" spans="14:14">
      <c r="N379655" s="10"/>
    </row>
    <row r="379656" spans="14:14">
      <c r="N379656" s="10"/>
    </row>
    <row r="379657" spans="14:14">
      <c r="N379657" s="10"/>
    </row>
    <row r="379658" spans="14:14">
      <c r="N379658" s="10"/>
    </row>
    <row r="379659" spans="14:14">
      <c r="N379659" s="10"/>
    </row>
    <row r="379660" spans="14:14">
      <c r="N379660" s="10"/>
    </row>
    <row r="379661" spans="14:14">
      <c r="N379661" s="10"/>
    </row>
    <row r="379662" spans="14:14">
      <c r="N379662" s="10"/>
    </row>
    <row r="379663" spans="14:14">
      <c r="N379663" s="10"/>
    </row>
    <row r="379664" spans="14:14">
      <c r="N379664" s="10"/>
    </row>
    <row r="379665" spans="14:14">
      <c r="N379665" s="10"/>
    </row>
    <row r="379666" spans="14:14">
      <c r="N379666" s="10"/>
    </row>
    <row r="379667" spans="14:14">
      <c r="N379667" s="10"/>
    </row>
    <row r="379668" spans="14:14">
      <c r="N379668" s="10"/>
    </row>
    <row r="379669" spans="14:14">
      <c r="N379669" s="10"/>
    </row>
    <row r="379670" spans="14:14">
      <c r="N379670" s="10"/>
    </row>
    <row r="379671" spans="14:14">
      <c r="N379671" s="10"/>
    </row>
    <row r="379672" spans="14:14">
      <c r="N379672" s="10"/>
    </row>
    <row r="379673" spans="14:14">
      <c r="N379673" s="10"/>
    </row>
    <row r="379674" spans="14:14">
      <c r="N379674" s="10"/>
    </row>
    <row r="379675" spans="14:14">
      <c r="N379675" s="10"/>
    </row>
    <row r="379676" spans="14:14">
      <c r="N379676" s="10"/>
    </row>
    <row r="379677" spans="14:14">
      <c r="N379677" s="10"/>
    </row>
    <row r="379678" spans="14:14">
      <c r="N379678" s="10"/>
    </row>
    <row r="379679" spans="14:14">
      <c r="N379679" s="10"/>
    </row>
    <row r="379680" spans="14:14">
      <c r="N379680" s="10"/>
    </row>
    <row r="379681" spans="14:14">
      <c r="N379681" s="10"/>
    </row>
    <row r="379682" spans="14:14">
      <c r="N379682" s="10"/>
    </row>
    <row r="379683" spans="14:14">
      <c r="N379683" s="10"/>
    </row>
    <row r="379684" spans="14:14">
      <c r="N379684" s="10"/>
    </row>
    <row r="379685" spans="14:14">
      <c r="N379685" s="10"/>
    </row>
    <row r="379686" spans="14:14">
      <c r="N379686" s="10"/>
    </row>
    <row r="379687" spans="14:14">
      <c r="N379687" s="10"/>
    </row>
    <row r="379688" spans="14:14">
      <c r="N379688" s="10"/>
    </row>
    <row r="379689" spans="14:14">
      <c r="N379689" s="10"/>
    </row>
    <row r="379690" spans="14:14">
      <c r="N379690" s="10"/>
    </row>
    <row r="379691" spans="14:14">
      <c r="N379691" s="10"/>
    </row>
    <row r="379692" spans="14:14">
      <c r="N379692" s="10"/>
    </row>
    <row r="379693" spans="14:14">
      <c r="N379693" s="10"/>
    </row>
    <row r="379694" spans="14:14">
      <c r="N379694" s="10"/>
    </row>
    <row r="379695" spans="14:14">
      <c r="N379695" s="10"/>
    </row>
    <row r="379696" spans="14:14">
      <c r="N379696" s="10"/>
    </row>
    <row r="379697" spans="14:14">
      <c r="N379697" s="10"/>
    </row>
    <row r="379698" spans="14:14">
      <c r="N379698" s="10"/>
    </row>
    <row r="379699" spans="14:14">
      <c r="N379699" s="10"/>
    </row>
    <row r="379700" spans="14:14">
      <c r="N379700" s="10"/>
    </row>
    <row r="379701" spans="14:14">
      <c r="N379701" s="10"/>
    </row>
    <row r="379702" spans="14:14">
      <c r="N379702" s="10"/>
    </row>
    <row r="379703" spans="14:14">
      <c r="N379703" s="10"/>
    </row>
    <row r="379704" spans="14:14">
      <c r="N379704" s="10"/>
    </row>
    <row r="379705" spans="14:14">
      <c r="N379705" s="10"/>
    </row>
    <row r="379706" spans="14:14">
      <c r="N379706" s="10"/>
    </row>
    <row r="379707" spans="14:14">
      <c r="N379707" s="10"/>
    </row>
    <row r="379708" spans="14:14">
      <c r="N379708" s="10"/>
    </row>
    <row r="379709" spans="14:14">
      <c r="N379709" s="10"/>
    </row>
    <row r="379710" spans="14:14">
      <c r="N379710" s="10"/>
    </row>
    <row r="379711" spans="14:14">
      <c r="N379711" s="10"/>
    </row>
    <row r="379712" spans="14:14">
      <c r="N379712" s="10"/>
    </row>
    <row r="379713" spans="14:14">
      <c r="N379713" s="10"/>
    </row>
    <row r="379714" spans="14:14">
      <c r="N379714" s="10"/>
    </row>
    <row r="379715" spans="14:14">
      <c r="N379715" s="10"/>
    </row>
    <row r="379716" spans="14:14">
      <c r="N379716" s="10"/>
    </row>
    <row r="379717" spans="14:14">
      <c r="N379717" s="10"/>
    </row>
    <row r="379718" spans="14:14">
      <c r="N379718" s="10"/>
    </row>
    <row r="379719" spans="14:14">
      <c r="N379719" s="10"/>
    </row>
    <row r="379720" spans="14:14">
      <c r="N379720" s="10"/>
    </row>
    <row r="379721" spans="14:14">
      <c r="N379721" s="10"/>
    </row>
    <row r="379722" spans="14:14">
      <c r="N379722" s="10"/>
    </row>
    <row r="379723" spans="14:14">
      <c r="N379723" s="10"/>
    </row>
    <row r="379724" spans="14:14">
      <c r="N379724" s="10"/>
    </row>
    <row r="379725" spans="14:14">
      <c r="N379725" s="10"/>
    </row>
    <row r="379726" spans="14:14">
      <c r="N379726" s="10"/>
    </row>
    <row r="379727" spans="14:14">
      <c r="N379727" s="10"/>
    </row>
    <row r="379728" spans="14:14">
      <c r="N379728" s="10"/>
    </row>
    <row r="379729" spans="14:14">
      <c r="N379729" s="10"/>
    </row>
    <row r="379730" spans="14:14">
      <c r="N379730" s="10"/>
    </row>
    <row r="379731" spans="14:14">
      <c r="N379731" s="10"/>
    </row>
    <row r="379732" spans="14:14">
      <c r="N379732" s="10"/>
    </row>
    <row r="379733" spans="14:14">
      <c r="N379733" s="10"/>
    </row>
    <row r="379734" spans="14:14">
      <c r="N379734" s="10"/>
    </row>
    <row r="379735" spans="14:14">
      <c r="N379735" s="10"/>
    </row>
    <row r="379736" spans="14:14">
      <c r="N379736" s="10"/>
    </row>
    <row r="379737" spans="14:14">
      <c r="N379737" s="10"/>
    </row>
    <row r="379738" spans="14:14">
      <c r="N379738" s="10"/>
    </row>
    <row r="379739" spans="14:14">
      <c r="N379739" s="10"/>
    </row>
    <row r="379740" spans="14:14">
      <c r="N379740" s="10"/>
    </row>
    <row r="379741" spans="14:14">
      <c r="N379741" s="10"/>
    </row>
    <row r="379742" spans="14:14">
      <c r="N379742" s="10"/>
    </row>
    <row r="379743" spans="14:14">
      <c r="N379743" s="10"/>
    </row>
    <row r="379744" spans="14:14">
      <c r="N379744" s="10"/>
    </row>
    <row r="379745" spans="14:14">
      <c r="N379745" s="10"/>
    </row>
    <row r="379746" spans="14:14">
      <c r="N379746" s="10"/>
    </row>
    <row r="379747" spans="14:14">
      <c r="N379747" s="10"/>
    </row>
    <row r="379748" spans="14:14">
      <c r="N379748" s="10"/>
    </row>
    <row r="379749" spans="14:14">
      <c r="N379749" s="10"/>
    </row>
    <row r="379750" spans="14:14">
      <c r="N379750" s="10"/>
    </row>
    <row r="379751" spans="14:14">
      <c r="N379751" s="10"/>
    </row>
    <row r="379752" spans="14:14">
      <c r="N379752" s="10"/>
    </row>
    <row r="379753" spans="14:14">
      <c r="N379753" s="10"/>
    </row>
    <row r="379754" spans="14:14">
      <c r="N379754" s="10"/>
    </row>
    <row r="379755" spans="14:14">
      <c r="N379755" s="10"/>
    </row>
    <row r="379756" spans="14:14">
      <c r="N379756" s="10"/>
    </row>
    <row r="379757" spans="14:14">
      <c r="N379757" s="10"/>
    </row>
    <row r="379758" spans="14:14">
      <c r="N379758" s="10"/>
    </row>
    <row r="379759" spans="14:14">
      <c r="N379759" s="10"/>
    </row>
    <row r="379760" spans="14:14">
      <c r="N379760" s="10"/>
    </row>
    <row r="379761" spans="14:14">
      <c r="N379761" s="10"/>
    </row>
    <row r="379762" spans="14:14">
      <c r="N379762" s="10"/>
    </row>
    <row r="379763" spans="14:14">
      <c r="N379763" s="10"/>
    </row>
    <row r="379764" spans="14:14">
      <c r="N379764" s="10"/>
    </row>
    <row r="379765" spans="14:14">
      <c r="N379765" s="10"/>
    </row>
    <row r="379766" spans="14:14">
      <c r="N379766" s="10"/>
    </row>
    <row r="379767" spans="14:14">
      <c r="N379767" s="10"/>
    </row>
    <row r="379768" spans="14:14">
      <c r="N379768" s="10"/>
    </row>
    <row r="379769" spans="14:14">
      <c r="N379769" s="10"/>
    </row>
    <row r="379770" spans="14:14">
      <c r="N379770" s="10"/>
    </row>
    <row r="379771" spans="14:14">
      <c r="N379771" s="10"/>
    </row>
    <row r="379772" spans="14:14">
      <c r="N379772" s="10"/>
    </row>
    <row r="379773" spans="14:14">
      <c r="N379773" s="10"/>
    </row>
    <row r="379774" spans="14:14">
      <c r="N379774" s="10"/>
    </row>
    <row r="379775" spans="14:14">
      <c r="N379775" s="10"/>
    </row>
    <row r="379776" spans="14:14">
      <c r="N379776" s="10"/>
    </row>
    <row r="379777" spans="14:14">
      <c r="N379777" s="10"/>
    </row>
    <row r="379778" spans="14:14">
      <c r="N379778" s="10"/>
    </row>
    <row r="379779" spans="14:14">
      <c r="N379779" s="10"/>
    </row>
    <row r="379780" spans="14:14">
      <c r="N379780" s="10"/>
    </row>
    <row r="379781" spans="14:14">
      <c r="N379781" s="10"/>
    </row>
    <row r="379782" spans="14:14">
      <c r="N379782" s="10"/>
    </row>
    <row r="379783" spans="14:14">
      <c r="N379783" s="10"/>
    </row>
    <row r="379784" spans="14:14">
      <c r="N379784" s="10"/>
    </row>
    <row r="379785" spans="14:14">
      <c r="N379785" s="10"/>
    </row>
    <row r="379786" spans="14:14">
      <c r="N379786" s="10"/>
    </row>
    <row r="379787" spans="14:14">
      <c r="N379787" s="10"/>
    </row>
    <row r="379788" spans="14:14">
      <c r="N379788" s="10"/>
    </row>
    <row r="379789" spans="14:14">
      <c r="N379789" s="10"/>
    </row>
    <row r="379790" spans="14:14">
      <c r="N379790" s="10"/>
    </row>
    <row r="379791" spans="14:14">
      <c r="N379791" s="10"/>
    </row>
    <row r="379792" spans="14:14">
      <c r="N379792" s="10"/>
    </row>
    <row r="379793" spans="14:14">
      <c r="N379793" s="10"/>
    </row>
    <row r="379794" spans="14:14">
      <c r="N379794" s="10"/>
    </row>
    <row r="379795" spans="14:14">
      <c r="N379795" s="10"/>
    </row>
    <row r="379796" spans="14:14">
      <c r="N379796" s="10"/>
    </row>
    <row r="379797" spans="14:14">
      <c r="N379797" s="10"/>
    </row>
    <row r="379798" spans="14:14">
      <c r="N379798" s="10"/>
    </row>
    <row r="379799" spans="14:14">
      <c r="N379799" s="10"/>
    </row>
    <row r="379800" spans="14:14">
      <c r="N379800" s="10"/>
    </row>
    <row r="379801" spans="14:14">
      <c r="N379801" s="10"/>
    </row>
    <row r="379802" spans="14:14">
      <c r="N379802" s="10"/>
    </row>
    <row r="379803" spans="14:14">
      <c r="N379803" s="10"/>
    </row>
    <row r="379804" spans="14:14">
      <c r="N379804" s="10"/>
    </row>
    <row r="379805" spans="14:14">
      <c r="N379805" s="10"/>
    </row>
    <row r="379806" spans="14:14">
      <c r="N379806" s="10"/>
    </row>
    <row r="379807" spans="14:14">
      <c r="N379807" s="10"/>
    </row>
    <row r="379808" spans="14:14">
      <c r="N379808" s="10"/>
    </row>
    <row r="379809" spans="14:14">
      <c r="N379809" s="10"/>
    </row>
    <row r="379810" spans="14:14">
      <c r="N379810" s="10"/>
    </row>
    <row r="379811" spans="14:14">
      <c r="N379811" s="10"/>
    </row>
    <row r="379812" spans="14:14">
      <c r="N379812" s="10"/>
    </row>
    <row r="379813" spans="14:14">
      <c r="N379813" s="10"/>
    </row>
    <row r="379814" spans="14:14">
      <c r="N379814" s="10"/>
    </row>
    <row r="379815" spans="14:14">
      <c r="N379815" s="10"/>
    </row>
    <row r="379816" spans="14:14">
      <c r="N379816" s="10"/>
    </row>
    <row r="379817" spans="14:14">
      <c r="N379817" s="10"/>
    </row>
    <row r="379818" spans="14:14">
      <c r="N379818" s="10"/>
    </row>
    <row r="379819" spans="14:14">
      <c r="N379819" s="10"/>
    </row>
    <row r="379820" spans="14:14">
      <c r="N379820" s="10"/>
    </row>
    <row r="379821" spans="14:14">
      <c r="N379821" s="10"/>
    </row>
    <row r="379822" spans="14:14">
      <c r="N379822" s="10"/>
    </row>
    <row r="379823" spans="14:14">
      <c r="N379823" s="10"/>
    </row>
    <row r="379824" spans="14:14">
      <c r="N379824" s="10"/>
    </row>
    <row r="379825" spans="14:14">
      <c r="N379825" s="10"/>
    </row>
    <row r="379826" spans="14:14">
      <c r="N379826" s="10"/>
    </row>
    <row r="379827" spans="14:14">
      <c r="N379827" s="10"/>
    </row>
    <row r="379828" spans="14:14">
      <c r="N379828" s="10"/>
    </row>
    <row r="379829" spans="14:14">
      <c r="N379829" s="10"/>
    </row>
    <row r="379830" spans="14:14">
      <c r="N379830" s="10"/>
    </row>
    <row r="379831" spans="14:14">
      <c r="N379831" s="10"/>
    </row>
    <row r="379832" spans="14:14">
      <c r="N379832" s="10"/>
    </row>
    <row r="379833" spans="14:14">
      <c r="N379833" s="10"/>
    </row>
    <row r="379834" spans="14:14">
      <c r="N379834" s="10"/>
    </row>
    <row r="379835" spans="14:14">
      <c r="N379835" s="10"/>
    </row>
    <row r="379836" spans="14:14">
      <c r="N379836" s="10"/>
    </row>
    <row r="379837" spans="14:14">
      <c r="N379837" s="10"/>
    </row>
    <row r="379838" spans="14:14">
      <c r="N379838" s="10"/>
    </row>
    <row r="379839" spans="14:14">
      <c r="N379839" s="10"/>
    </row>
    <row r="379840" spans="14:14">
      <c r="N379840" s="10"/>
    </row>
    <row r="379841" spans="14:14">
      <c r="N379841" s="10"/>
    </row>
    <row r="379842" spans="14:14">
      <c r="N379842" s="10"/>
    </row>
    <row r="379843" spans="14:14">
      <c r="N379843" s="10"/>
    </row>
    <row r="379844" spans="14:14">
      <c r="N379844" s="10"/>
    </row>
    <row r="379845" spans="14:14">
      <c r="N379845" s="10"/>
    </row>
    <row r="379846" spans="14:14">
      <c r="N379846" s="10"/>
    </row>
    <row r="379847" spans="14:14">
      <c r="N379847" s="10"/>
    </row>
    <row r="379848" spans="14:14">
      <c r="N379848" s="10"/>
    </row>
    <row r="379849" spans="14:14">
      <c r="N379849" s="10"/>
    </row>
    <row r="379850" spans="14:14">
      <c r="N379850" s="10"/>
    </row>
    <row r="379851" spans="14:14">
      <c r="N379851" s="10"/>
    </row>
    <row r="379852" spans="14:14">
      <c r="N379852" s="10"/>
    </row>
    <row r="379853" spans="14:14">
      <c r="N379853" s="10"/>
    </row>
    <row r="379854" spans="14:14">
      <c r="N379854" s="10"/>
    </row>
    <row r="379855" spans="14:14">
      <c r="N379855" s="10"/>
    </row>
    <row r="379856" spans="14:14">
      <c r="N379856" s="10"/>
    </row>
    <row r="379857" spans="14:14">
      <c r="N379857" s="10"/>
    </row>
    <row r="379858" spans="14:14">
      <c r="N379858" s="10"/>
    </row>
    <row r="379859" spans="14:14">
      <c r="N379859" s="10"/>
    </row>
    <row r="379860" spans="14:14">
      <c r="N379860" s="10"/>
    </row>
    <row r="379861" spans="14:14">
      <c r="N379861" s="10"/>
    </row>
    <row r="379862" spans="14:14">
      <c r="N379862" s="10"/>
    </row>
    <row r="379863" spans="14:14">
      <c r="N379863" s="10"/>
    </row>
    <row r="379864" spans="14:14">
      <c r="N379864" s="10"/>
    </row>
    <row r="379865" spans="14:14">
      <c r="N379865" s="10"/>
    </row>
    <row r="379866" spans="14:14">
      <c r="N379866" s="10"/>
    </row>
    <row r="379867" spans="14:14">
      <c r="N379867" s="10"/>
    </row>
    <row r="379868" spans="14:14">
      <c r="N379868" s="10"/>
    </row>
    <row r="379869" spans="14:14">
      <c r="N379869" s="10"/>
    </row>
    <row r="379870" spans="14:14">
      <c r="N379870" s="10"/>
    </row>
    <row r="379871" spans="14:14">
      <c r="N379871" s="10"/>
    </row>
    <row r="379872" spans="14:14">
      <c r="N379872" s="10"/>
    </row>
    <row r="379873" spans="14:14">
      <c r="N379873" s="10"/>
    </row>
    <row r="379874" spans="14:14">
      <c r="N379874" s="10"/>
    </row>
    <row r="379875" spans="14:14">
      <c r="N379875" s="10"/>
    </row>
    <row r="379876" spans="14:14">
      <c r="N379876" s="10"/>
    </row>
    <row r="379877" spans="14:14">
      <c r="N379877" s="10"/>
    </row>
    <row r="379878" spans="14:14">
      <c r="N379878" s="10"/>
    </row>
    <row r="379879" spans="14:14">
      <c r="N379879" s="10"/>
    </row>
    <row r="379880" spans="14:14">
      <c r="N379880" s="10"/>
    </row>
    <row r="379881" spans="14:14">
      <c r="N379881" s="10"/>
    </row>
    <row r="379882" spans="14:14">
      <c r="N379882" s="10"/>
    </row>
    <row r="379883" spans="14:14">
      <c r="N379883" s="10"/>
    </row>
    <row r="379884" spans="14:14">
      <c r="N379884" s="10"/>
    </row>
    <row r="379885" spans="14:14">
      <c r="N379885" s="10"/>
    </row>
    <row r="379886" spans="14:14">
      <c r="N379886" s="10"/>
    </row>
    <row r="379887" spans="14:14">
      <c r="N379887" s="10"/>
    </row>
    <row r="379888" spans="14:14">
      <c r="N379888" s="10"/>
    </row>
    <row r="379889" spans="14:14">
      <c r="N379889" s="10"/>
    </row>
    <row r="379890" spans="14:14">
      <c r="N379890" s="10"/>
    </row>
    <row r="379891" spans="14:14">
      <c r="N379891" s="10"/>
    </row>
    <row r="379892" spans="14:14">
      <c r="N379892" s="10"/>
    </row>
    <row r="379893" spans="14:14">
      <c r="N379893" s="10"/>
    </row>
    <row r="379894" spans="14:14">
      <c r="N379894" s="10"/>
    </row>
    <row r="379895" spans="14:14">
      <c r="N379895" s="10"/>
    </row>
    <row r="379896" spans="14:14">
      <c r="N379896" s="10"/>
    </row>
    <row r="379897" spans="14:14">
      <c r="N379897" s="10"/>
    </row>
    <row r="379898" spans="14:14">
      <c r="N379898" s="10"/>
    </row>
    <row r="379899" spans="14:14">
      <c r="N379899" s="10"/>
    </row>
    <row r="379900" spans="14:14">
      <c r="N379900" s="10"/>
    </row>
    <row r="379901" spans="14:14">
      <c r="N379901" s="10"/>
    </row>
    <row r="379902" spans="14:14">
      <c r="N379902" s="10"/>
    </row>
    <row r="379903" spans="14:14">
      <c r="N379903" s="10"/>
    </row>
    <row r="379904" spans="14:14">
      <c r="N379904" s="10"/>
    </row>
    <row r="379905" spans="14:14">
      <c r="N379905" s="10"/>
    </row>
    <row r="379906" spans="14:14">
      <c r="N379906" s="10"/>
    </row>
    <row r="379907" spans="14:14">
      <c r="N379907" s="10"/>
    </row>
    <row r="379908" spans="14:14">
      <c r="N379908" s="10"/>
    </row>
    <row r="379909" spans="14:14">
      <c r="N379909" s="10"/>
    </row>
    <row r="379910" spans="14:14">
      <c r="N379910" s="10"/>
    </row>
    <row r="379911" spans="14:14">
      <c r="N379911" s="10"/>
    </row>
    <row r="379912" spans="14:14">
      <c r="N379912" s="10"/>
    </row>
    <row r="379913" spans="14:14">
      <c r="N379913" s="10"/>
    </row>
    <row r="379914" spans="14:14">
      <c r="N379914" s="10"/>
    </row>
    <row r="379915" spans="14:14">
      <c r="N379915" s="10"/>
    </row>
    <row r="379916" spans="14:14">
      <c r="N379916" s="10"/>
    </row>
    <row r="379917" spans="14:14">
      <c r="N379917" s="10"/>
    </row>
    <row r="379918" spans="14:14">
      <c r="N379918" s="10"/>
    </row>
    <row r="379919" spans="14:14">
      <c r="N379919" s="10"/>
    </row>
    <row r="379920" spans="14:14">
      <c r="N379920" s="10"/>
    </row>
    <row r="379921" spans="14:14">
      <c r="N379921" s="10"/>
    </row>
    <row r="379922" spans="14:14">
      <c r="N379922" s="10"/>
    </row>
    <row r="379923" spans="14:14">
      <c r="N379923" s="10"/>
    </row>
    <row r="379924" spans="14:14">
      <c r="N379924" s="10"/>
    </row>
    <row r="379925" spans="14:14">
      <c r="N379925" s="10"/>
    </row>
    <row r="379926" spans="14:14">
      <c r="N379926" s="10"/>
    </row>
    <row r="379927" spans="14:14">
      <c r="N379927" s="10"/>
    </row>
    <row r="379928" spans="14:14">
      <c r="N379928" s="10"/>
    </row>
    <row r="379929" spans="14:14">
      <c r="N379929" s="10"/>
    </row>
    <row r="379930" spans="14:14">
      <c r="N379930" s="10"/>
    </row>
    <row r="379931" spans="14:14">
      <c r="N379931" s="10"/>
    </row>
    <row r="379932" spans="14:14">
      <c r="N379932" s="10"/>
    </row>
    <row r="379933" spans="14:14">
      <c r="N379933" s="10"/>
    </row>
    <row r="379934" spans="14:14">
      <c r="N379934" s="10"/>
    </row>
    <row r="379935" spans="14:14">
      <c r="N379935" s="10"/>
    </row>
    <row r="379936" spans="14:14">
      <c r="N379936" s="10"/>
    </row>
    <row r="379937" spans="14:14">
      <c r="N379937" s="10"/>
    </row>
    <row r="379938" spans="14:14">
      <c r="N379938" s="10"/>
    </row>
    <row r="379939" spans="14:14">
      <c r="N379939" s="10"/>
    </row>
    <row r="379940" spans="14:14">
      <c r="N379940" s="10"/>
    </row>
    <row r="379941" spans="14:14">
      <c r="N379941" s="10"/>
    </row>
    <row r="379942" spans="14:14">
      <c r="N379942" s="10"/>
    </row>
    <row r="379943" spans="14:14">
      <c r="N379943" s="10"/>
    </row>
    <row r="379944" spans="14:14">
      <c r="N379944" s="10"/>
    </row>
    <row r="379945" spans="14:14">
      <c r="N379945" s="10"/>
    </row>
    <row r="379946" spans="14:14">
      <c r="N379946" s="10"/>
    </row>
    <row r="379947" spans="14:14">
      <c r="N379947" s="10"/>
    </row>
    <row r="379948" spans="14:14">
      <c r="N379948" s="10"/>
    </row>
    <row r="379949" spans="14:14">
      <c r="N379949" s="10"/>
    </row>
    <row r="379950" spans="14:14">
      <c r="N379950" s="10"/>
    </row>
    <row r="379951" spans="14:14">
      <c r="N379951" s="10"/>
    </row>
    <row r="379952" spans="14:14">
      <c r="N379952" s="10"/>
    </row>
    <row r="379953" spans="14:14">
      <c r="N379953" s="10"/>
    </row>
    <row r="379954" spans="14:14">
      <c r="N379954" s="10"/>
    </row>
    <row r="379955" spans="14:14">
      <c r="N379955" s="10"/>
    </row>
    <row r="379956" spans="14:14">
      <c r="N379956" s="10"/>
    </row>
    <row r="379957" spans="14:14">
      <c r="N379957" s="10"/>
    </row>
    <row r="379958" spans="14:14">
      <c r="N379958" s="10"/>
    </row>
    <row r="379959" spans="14:14">
      <c r="N379959" s="10"/>
    </row>
    <row r="379960" spans="14:14">
      <c r="N379960" s="10"/>
    </row>
    <row r="379961" spans="14:14">
      <c r="N379961" s="10"/>
    </row>
    <row r="379962" spans="14:14">
      <c r="N379962" s="10"/>
    </row>
    <row r="379963" spans="14:14">
      <c r="N379963" s="10"/>
    </row>
    <row r="379964" spans="14:14">
      <c r="N379964" s="10"/>
    </row>
    <row r="379965" spans="14:14">
      <c r="N379965" s="10"/>
    </row>
    <row r="379966" spans="14:14">
      <c r="N379966" s="10"/>
    </row>
    <row r="379967" spans="14:14">
      <c r="N379967" s="10"/>
    </row>
    <row r="379968" spans="14:14">
      <c r="N379968" s="10"/>
    </row>
    <row r="379969" spans="14:14">
      <c r="N379969" s="10"/>
    </row>
    <row r="379970" spans="14:14">
      <c r="N379970" s="10"/>
    </row>
    <row r="379971" spans="14:14">
      <c r="N379971" s="10"/>
    </row>
    <row r="379972" spans="14:14">
      <c r="N379972" s="10"/>
    </row>
    <row r="379973" spans="14:14">
      <c r="N379973" s="10"/>
    </row>
    <row r="379974" spans="14:14">
      <c r="N379974" s="10"/>
    </row>
    <row r="379975" spans="14:14">
      <c r="N379975" s="10"/>
    </row>
    <row r="379976" spans="14:14">
      <c r="N379976" s="10"/>
    </row>
    <row r="379977" spans="14:14">
      <c r="N379977" s="10"/>
    </row>
    <row r="379978" spans="14:14">
      <c r="N379978" s="10"/>
    </row>
    <row r="379979" spans="14:14">
      <c r="N379979" s="10"/>
    </row>
    <row r="379980" spans="14:14">
      <c r="N379980" s="10"/>
    </row>
    <row r="379981" spans="14:14">
      <c r="N379981" s="10"/>
    </row>
    <row r="379982" spans="14:14">
      <c r="N379982" s="10"/>
    </row>
    <row r="379983" spans="14:14">
      <c r="N379983" s="10"/>
    </row>
    <row r="379984" spans="14:14">
      <c r="N379984" s="10"/>
    </row>
    <row r="379985" spans="14:14">
      <c r="N379985" s="10"/>
    </row>
    <row r="379986" spans="14:14">
      <c r="N379986" s="10"/>
    </row>
    <row r="379987" spans="14:14">
      <c r="N379987" s="10"/>
    </row>
    <row r="379988" spans="14:14">
      <c r="N379988" s="10"/>
    </row>
    <row r="379989" spans="14:14">
      <c r="N379989" s="10"/>
    </row>
    <row r="379990" spans="14:14">
      <c r="N379990" s="10"/>
    </row>
    <row r="379991" spans="14:14">
      <c r="N379991" s="10"/>
    </row>
    <row r="379992" spans="14:14">
      <c r="N379992" s="10"/>
    </row>
    <row r="379993" spans="14:14">
      <c r="N379993" s="10"/>
    </row>
    <row r="379994" spans="14:14">
      <c r="N379994" s="10"/>
    </row>
    <row r="379995" spans="14:14">
      <c r="N379995" s="10"/>
    </row>
    <row r="379996" spans="14:14">
      <c r="N379996" s="10"/>
    </row>
    <row r="379997" spans="14:14">
      <c r="N379997" s="10"/>
    </row>
    <row r="379998" spans="14:14">
      <c r="N379998" s="10"/>
    </row>
    <row r="379999" spans="14:14">
      <c r="N379999" s="10"/>
    </row>
    <row r="380000" spans="14:14">
      <c r="N380000" s="10"/>
    </row>
    <row r="380001" spans="14:14">
      <c r="N380001" s="10"/>
    </row>
    <row r="380002" spans="14:14">
      <c r="N380002" s="10"/>
    </row>
    <row r="380003" spans="14:14">
      <c r="N380003" s="10"/>
    </row>
    <row r="380004" spans="14:14">
      <c r="N380004" s="10"/>
    </row>
    <row r="380005" spans="14:14">
      <c r="N380005" s="10"/>
    </row>
    <row r="380006" spans="14:14">
      <c r="N380006" s="10"/>
    </row>
    <row r="380007" spans="14:14">
      <c r="N380007" s="10"/>
    </row>
    <row r="380008" spans="14:14">
      <c r="N380008" s="10"/>
    </row>
    <row r="380009" spans="14:14">
      <c r="N380009" s="10"/>
    </row>
    <row r="380010" spans="14:14">
      <c r="N380010" s="10"/>
    </row>
    <row r="380011" spans="14:14">
      <c r="N380011" s="10"/>
    </row>
    <row r="380012" spans="14:14">
      <c r="N380012" s="10"/>
    </row>
    <row r="380013" spans="14:14">
      <c r="N380013" s="10"/>
    </row>
    <row r="380014" spans="14:14">
      <c r="N380014" s="10"/>
    </row>
    <row r="380015" spans="14:14">
      <c r="N380015" s="10"/>
    </row>
    <row r="380016" spans="14:14">
      <c r="N380016" s="10"/>
    </row>
    <row r="380017" spans="14:14">
      <c r="N380017" s="10"/>
    </row>
    <row r="380018" spans="14:14">
      <c r="N380018" s="10"/>
    </row>
    <row r="380019" spans="14:14">
      <c r="N380019" s="10"/>
    </row>
    <row r="380020" spans="14:14">
      <c r="N380020" s="10"/>
    </row>
    <row r="380021" spans="14:14">
      <c r="N380021" s="10"/>
    </row>
    <row r="380022" spans="14:14">
      <c r="N380022" s="10"/>
    </row>
    <row r="380023" spans="14:14">
      <c r="N380023" s="10"/>
    </row>
    <row r="380024" spans="14:14">
      <c r="N380024" s="10"/>
    </row>
    <row r="380025" spans="14:14">
      <c r="N380025" s="10"/>
    </row>
    <row r="380026" spans="14:14">
      <c r="N380026" s="10"/>
    </row>
    <row r="380027" spans="14:14">
      <c r="N380027" s="10"/>
    </row>
    <row r="380028" spans="14:14">
      <c r="N380028" s="10"/>
    </row>
    <row r="380029" spans="14:14">
      <c r="N380029" s="10"/>
    </row>
    <row r="380030" spans="14:14">
      <c r="N380030" s="10"/>
    </row>
    <row r="380031" spans="14:14">
      <c r="N380031" s="10"/>
    </row>
    <row r="380032" spans="14:14">
      <c r="N380032" s="10"/>
    </row>
    <row r="380033" spans="14:14">
      <c r="N380033" s="10"/>
    </row>
    <row r="380034" spans="14:14">
      <c r="N380034" s="10"/>
    </row>
    <row r="380035" spans="14:14">
      <c r="N380035" s="10"/>
    </row>
    <row r="380036" spans="14:14">
      <c r="N380036" s="10"/>
    </row>
    <row r="380037" spans="14:14">
      <c r="N380037" s="10"/>
    </row>
    <row r="380038" spans="14:14">
      <c r="N380038" s="10"/>
    </row>
    <row r="380039" spans="14:14">
      <c r="N380039" s="10"/>
    </row>
    <row r="380040" spans="14:14">
      <c r="N380040" s="10"/>
    </row>
    <row r="380041" spans="14:14">
      <c r="N380041" s="10"/>
    </row>
    <row r="380042" spans="14:14">
      <c r="N380042" s="10"/>
    </row>
    <row r="380043" spans="14:14">
      <c r="N380043" s="10"/>
    </row>
    <row r="380044" spans="14:14">
      <c r="N380044" s="10"/>
    </row>
    <row r="380045" spans="14:14">
      <c r="N380045" s="10"/>
    </row>
    <row r="380046" spans="14:14">
      <c r="N380046" s="10"/>
    </row>
    <row r="380047" spans="14:14">
      <c r="N380047" s="10"/>
    </row>
    <row r="380048" spans="14:14">
      <c r="N380048" s="10"/>
    </row>
    <row r="380049" spans="14:14">
      <c r="N380049" s="10"/>
    </row>
    <row r="380050" spans="14:14">
      <c r="N380050" s="10"/>
    </row>
    <row r="380051" spans="14:14">
      <c r="N380051" s="10"/>
    </row>
    <row r="380052" spans="14:14">
      <c r="N380052" s="10"/>
    </row>
    <row r="380053" spans="14:14">
      <c r="N380053" s="10"/>
    </row>
    <row r="380054" spans="14:14">
      <c r="N380054" s="10"/>
    </row>
    <row r="380055" spans="14:14">
      <c r="N380055" s="10"/>
    </row>
    <row r="380056" spans="14:14">
      <c r="N380056" s="10"/>
    </row>
    <row r="380057" spans="14:14">
      <c r="N380057" s="10"/>
    </row>
    <row r="380058" spans="14:14">
      <c r="N380058" s="10"/>
    </row>
    <row r="380059" spans="14:14">
      <c r="N380059" s="10"/>
    </row>
    <row r="380060" spans="14:14">
      <c r="N380060" s="10"/>
    </row>
    <row r="380061" spans="14:14">
      <c r="N380061" s="10"/>
    </row>
    <row r="380062" spans="14:14">
      <c r="N380062" s="10"/>
    </row>
    <row r="380063" spans="14:14">
      <c r="N380063" s="10"/>
    </row>
    <row r="380064" spans="14:14">
      <c r="N380064" s="10"/>
    </row>
    <row r="380065" spans="14:14">
      <c r="N380065" s="10"/>
    </row>
    <row r="380066" spans="14:14">
      <c r="N380066" s="10"/>
    </row>
    <row r="380067" spans="14:14">
      <c r="N380067" s="10"/>
    </row>
    <row r="380068" spans="14:14">
      <c r="N380068" s="10"/>
    </row>
    <row r="380069" spans="14:14">
      <c r="N380069" s="10"/>
    </row>
    <row r="380070" spans="14:14">
      <c r="N380070" s="10"/>
    </row>
    <row r="380071" spans="14:14">
      <c r="N380071" s="10"/>
    </row>
    <row r="380072" spans="14:14">
      <c r="N380072" s="10"/>
    </row>
    <row r="380073" spans="14:14">
      <c r="N380073" s="10"/>
    </row>
    <row r="380074" spans="14:14">
      <c r="N380074" s="10"/>
    </row>
    <row r="380075" spans="14:14">
      <c r="N380075" s="10"/>
    </row>
    <row r="380076" spans="14:14">
      <c r="N380076" s="10"/>
    </row>
    <row r="380077" spans="14:14">
      <c r="N380077" s="10"/>
    </row>
    <row r="380078" spans="14:14">
      <c r="N380078" s="10"/>
    </row>
    <row r="380079" spans="14:14">
      <c r="N380079" s="10"/>
    </row>
    <row r="380080" spans="14:14">
      <c r="N380080" s="10"/>
    </row>
    <row r="380081" spans="14:14">
      <c r="N380081" s="10"/>
    </row>
    <row r="380082" spans="14:14">
      <c r="N380082" s="10"/>
    </row>
    <row r="380083" spans="14:14">
      <c r="N380083" s="10"/>
    </row>
    <row r="380084" spans="14:14">
      <c r="N380084" s="10"/>
    </row>
    <row r="380085" spans="14:14">
      <c r="N380085" s="10"/>
    </row>
    <row r="380086" spans="14:14">
      <c r="N380086" s="10"/>
    </row>
    <row r="380087" spans="14:14">
      <c r="N380087" s="10"/>
    </row>
    <row r="380088" spans="14:14">
      <c r="N380088" s="10"/>
    </row>
    <row r="380089" spans="14:14">
      <c r="N380089" s="10"/>
    </row>
    <row r="380090" spans="14:14">
      <c r="N380090" s="10"/>
    </row>
    <row r="380091" spans="14:14">
      <c r="N380091" s="10"/>
    </row>
    <row r="380092" spans="14:14">
      <c r="N380092" s="10"/>
    </row>
    <row r="380093" spans="14:14">
      <c r="N380093" s="10"/>
    </row>
    <row r="380094" spans="14:14">
      <c r="N380094" s="10"/>
    </row>
    <row r="380095" spans="14:14">
      <c r="N380095" s="10"/>
    </row>
    <row r="380096" spans="14:14">
      <c r="N380096" s="10"/>
    </row>
    <row r="380097" spans="14:14">
      <c r="N380097" s="10"/>
    </row>
    <row r="380098" spans="14:14">
      <c r="N380098" s="10"/>
    </row>
    <row r="380099" spans="14:14">
      <c r="N380099" s="10"/>
    </row>
    <row r="380100" spans="14:14">
      <c r="N380100" s="10"/>
    </row>
    <row r="380101" spans="14:14">
      <c r="N380101" s="10"/>
    </row>
    <row r="380102" spans="14:14">
      <c r="N380102" s="10"/>
    </row>
    <row r="380103" spans="14:14">
      <c r="N380103" s="10"/>
    </row>
    <row r="380104" spans="14:14">
      <c r="N380104" s="10"/>
    </row>
    <row r="380105" spans="14:14">
      <c r="N380105" s="10"/>
    </row>
    <row r="380106" spans="14:14">
      <c r="N380106" s="10"/>
    </row>
    <row r="380107" spans="14:14">
      <c r="N380107" s="10"/>
    </row>
    <row r="380108" spans="14:14">
      <c r="N380108" s="10"/>
    </row>
    <row r="380109" spans="14:14">
      <c r="N380109" s="10"/>
    </row>
    <row r="380110" spans="14:14">
      <c r="N380110" s="10"/>
    </row>
    <row r="380111" spans="14:14">
      <c r="N380111" s="10"/>
    </row>
    <row r="380112" spans="14:14">
      <c r="N380112" s="10"/>
    </row>
    <row r="380113" spans="14:14">
      <c r="N380113" s="10"/>
    </row>
    <row r="380114" spans="14:14">
      <c r="N380114" s="10"/>
    </row>
    <row r="380115" spans="14:14">
      <c r="N380115" s="10"/>
    </row>
    <row r="380116" spans="14:14">
      <c r="N380116" s="10"/>
    </row>
    <row r="380117" spans="14:14">
      <c r="N380117" s="10"/>
    </row>
    <row r="380118" spans="14:14">
      <c r="N380118" s="10"/>
    </row>
    <row r="380119" spans="14:14">
      <c r="N380119" s="10"/>
    </row>
    <row r="380120" spans="14:14">
      <c r="N380120" s="10"/>
    </row>
    <row r="380121" spans="14:14">
      <c r="N380121" s="10"/>
    </row>
    <row r="380122" spans="14:14">
      <c r="N380122" s="10"/>
    </row>
    <row r="380123" spans="14:14">
      <c r="N380123" s="10"/>
    </row>
    <row r="380124" spans="14:14">
      <c r="N380124" s="10"/>
    </row>
    <row r="380125" spans="14:14">
      <c r="N380125" s="10"/>
    </row>
    <row r="380126" spans="14:14">
      <c r="N380126" s="10"/>
    </row>
    <row r="380127" spans="14:14">
      <c r="N380127" s="10"/>
    </row>
    <row r="380128" spans="14:14">
      <c r="N380128" s="10"/>
    </row>
    <row r="380129" spans="14:14">
      <c r="N380129" s="10"/>
    </row>
    <row r="380130" spans="14:14">
      <c r="N380130" s="10"/>
    </row>
    <row r="380131" spans="14:14">
      <c r="N380131" s="10"/>
    </row>
    <row r="380132" spans="14:14">
      <c r="N380132" s="10"/>
    </row>
    <row r="380133" spans="14:14">
      <c r="N380133" s="10"/>
    </row>
    <row r="380134" spans="14:14">
      <c r="N380134" s="10"/>
    </row>
    <row r="380135" spans="14:14">
      <c r="N380135" s="10"/>
    </row>
    <row r="380136" spans="14:14">
      <c r="N380136" s="10"/>
    </row>
    <row r="380137" spans="14:14">
      <c r="N380137" s="10"/>
    </row>
    <row r="380138" spans="14:14">
      <c r="N380138" s="10"/>
    </row>
    <row r="380139" spans="14:14">
      <c r="N380139" s="10"/>
    </row>
    <row r="380140" spans="14:14">
      <c r="N380140" s="10"/>
    </row>
    <row r="380141" spans="14:14">
      <c r="N380141" s="10"/>
    </row>
    <row r="380142" spans="14:14">
      <c r="N380142" s="10"/>
    </row>
    <row r="380143" spans="14:14">
      <c r="N380143" s="10"/>
    </row>
    <row r="380144" spans="14:14">
      <c r="N380144" s="10"/>
    </row>
    <row r="380145" spans="14:14">
      <c r="N380145" s="10"/>
    </row>
    <row r="380146" spans="14:14">
      <c r="N380146" s="10"/>
    </row>
    <row r="380147" spans="14:14">
      <c r="N380147" s="10"/>
    </row>
    <row r="380148" spans="14:14">
      <c r="N380148" s="10"/>
    </row>
    <row r="380149" spans="14:14">
      <c r="N380149" s="10"/>
    </row>
    <row r="380150" spans="14:14">
      <c r="N380150" s="10"/>
    </row>
    <row r="380151" spans="14:14">
      <c r="N380151" s="10"/>
    </row>
    <row r="380152" spans="14:14">
      <c r="N380152" s="10"/>
    </row>
    <row r="380153" spans="14:14">
      <c r="N380153" s="10"/>
    </row>
    <row r="380154" spans="14:14">
      <c r="N380154" s="10"/>
    </row>
    <row r="380155" spans="14:14">
      <c r="N380155" s="10"/>
    </row>
    <row r="380156" spans="14:14">
      <c r="N380156" s="10"/>
    </row>
    <row r="380157" spans="14:14">
      <c r="N380157" s="10"/>
    </row>
    <row r="380158" spans="14:14">
      <c r="N380158" s="10"/>
    </row>
    <row r="380159" spans="14:14">
      <c r="N380159" s="10"/>
    </row>
    <row r="380160" spans="14:14">
      <c r="N380160" s="10"/>
    </row>
    <row r="380161" spans="14:14">
      <c r="N380161" s="10"/>
    </row>
    <row r="380162" spans="14:14">
      <c r="N380162" s="10"/>
    </row>
    <row r="380163" spans="14:14">
      <c r="N380163" s="10"/>
    </row>
    <row r="380164" spans="14:14">
      <c r="N380164" s="10"/>
    </row>
    <row r="380165" spans="14:14">
      <c r="N380165" s="10"/>
    </row>
    <row r="380166" spans="14:14">
      <c r="N380166" s="10"/>
    </row>
    <row r="380167" spans="14:14">
      <c r="N380167" s="10"/>
    </row>
    <row r="380168" spans="14:14">
      <c r="N380168" s="10"/>
    </row>
    <row r="380169" spans="14:14">
      <c r="N380169" s="10"/>
    </row>
    <row r="380170" spans="14:14">
      <c r="N380170" s="10"/>
    </row>
    <row r="380171" spans="14:14">
      <c r="N380171" s="10"/>
    </row>
    <row r="380172" spans="14:14">
      <c r="N380172" s="10"/>
    </row>
    <row r="380173" spans="14:14">
      <c r="N380173" s="10"/>
    </row>
    <row r="380174" spans="14:14">
      <c r="N380174" s="10"/>
    </row>
    <row r="380175" spans="14:14">
      <c r="N380175" s="10"/>
    </row>
    <row r="380176" spans="14:14">
      <c r="N380176" s="10"/>
    </row>
    <row r="380177" spans="14:14">
      <c r="N380177" s="10"/>
    </row>
    <row r="380178" spans="14:14">
      <c r="N380178" s="10"/>
    </row>
    <row r="380179" spans="14:14">
      <c r="N380179" s="10"/>
    </row>
    <row r="380180" spans="14:14">
      <c r="N380180" s="10"/>
    </row>
    <row r="380181" spans="14:14">
      <c r="N380181" s="10"/>
    </row>
    <row r="380182" spans="14:14">
      <c r="N380182" s="10"/>
    </row>
    <row r="380183" spans="14:14">
      <c r="N380183" s="10"/>
    </row>
    <row r="380184" spans="14:14">
      <c r="N380184" s="10"/>
    </row>
    <row r="380185" spans="14:14">
      <c r="N380185" s="10"/>
    </row>
    <row r="380186" spans="14:14">
      <c r="N380186" s="10"/>
    </row>
    <row r="380187" spans="14:14">
      <c r="N380187" s="10"/>
    </row>
    <row r="380188" spans="14:14">
      <c r="N380188" s="10"/>
    </row>
    <row r="380189" spans="14:14">
      <c r="N380189" s="10"/>
    </row>
    <row r="380190" spans="14:14">
      <c r="N380190" s="10"/>
    </row>
    <row r="380191" spans="14:14">
      <c r="N380191" s="10"/>
    </row>
    <row r="380192" spans="14:14">
      <c r="N380192" s="10"/>
    </row>
    <row r="380193" spans="14:14">
      <c r="N380193" s="10"/>
    </row>
    <row r="380194" spans="14:14">
      <c r="N380194" s="10"/>
    </row>
    <row r="380195" spans="14:14">
      <c r="N380195" s="10"/>
    </row>
    <row r="380196" spans="14:14">
      <c r="N380196" s="10"/>
    </row>
    <row r="380197" spans="14:14">
      <c r="N380197" s="10"/>
    </row>
    <row r="380198" spans="14:14">
      <c r="N380198" s="10"/>
    </row>
    <row r="380199" spans="14:14">
      <c r="N380199" s="10"/>
    </row>
    <row r="380200" spans="14:14">
      <c r="N380200" s="10"/>
    </row>
    <row r="380201" spans="14:14">
      <c r="N380201" s="10"/>
    </row>
    <row r="380202" spans="14:14">
      <c r="N380202" s="10"/>
    </row>
    <row r="380203" spans="14:14">
      <c r="N380203" s="10"/>
    </row>
    <row r="380204" spans="14:14">
      <c r="N380204" s="10"/>
    </row>
    <row r="380205" spans="14:14">
      <c r="N380205" s="10"/>
    </row>
    <row r="380206" spans="14:14">
      <c r="N380206" s="10"/>
    </row>
    <row r="380207" spans="14:14">
      <c r="N380207" s="10"/>
    </row>
    <row r="380208" spans="14:14">
      <c r="N380208" s="10"/>
    </row>
    <row r="380209" spans="14:14">
      <c r="N380209" s="10"/>
    </row>
    <row r="380210" spans="14:14">
      <c r="N380210" s="10"/>
    </row>
    <row r="380211" spans="14:14">
      <c r="N380211" s="10"/>
    </row>
    <row r="380212" spans="14:14">
      <c r="N380212" s="10"/>
    </row>
    <row r="380213" spans="14:14">
      <c r="N380213" s="10"/>
    </row>
    <row r="380214" spans="14:14">
      <c r="N380214" s="10"/>
    </row>
    <row r="380215" spans="14:14">
      <c r="N380215" s="10"/>
    </row>
    <row r="380216" spans="14:14">
      <c r="N380216" s="10"/>
    </row>
    <row r="380217" spans="14:14">
      <c r="N380217" s="10"/>
    </row>
    <row r="380218" spans="14:14">
      <c r="N380218" s="10"/>
    </row>
    <row r="380219" spans="14:14">
      <c r="N380219" s="10"/>
    </row>
    <row r="380220" spans="14:14">
      <c r="N380220" s="10"/>
    </row>
    <row r="380221" spans="14:14">
      <c r="N380221" s="10"/>
    </row>
    <row r="380222" spans="14:14">
      <c r="N380222" s="10"/>
    </row>
    <row r="380223" spans="14:14">
      <c r="N380223" s="10"/>
    </row>
    <row r="380224" spans="14:14">
      <c r="N380224" s="10"/>
    </row>
    <row r="380225" spans="14:14">
      <c r="N380225" s="10"/>
    </row>
    <row r="380226" spans="14:14">
      <c r="N380226" s="10"/>
    </row>
    <row r="380227" spans="14:14">
      <c r="N380227" s="10"/>
    </row>
    <row r="380228" spans="14:14">
      <c r="N380228" s="10"/>
    </row>
    <row r="380229" spans="14:14">
      <c r="N380229" s="10"/>
    </row>
    <row r="380230" spans="14:14">
      <c r="N380230" s="10"/>
    </row>
    <row r="380231" spans="14:14">
      <c r="N380231" s="10"/>
    </row>
    <row r="380232" spans="14:14">
      <c r="N380232" s="10"/>
    </row>
    <row r="380233" spans="14:14">
      <c r="N380233" s="10"/>
    </row>
    <row r="380234" spans="14:14">
      <c r="N380234" s="10"/>
    </row>
    <row r="380235" spans="14:14">
      <c r="N380235" s="10"/>
    </row>
    <row r="380236" spans="14:14">
      <c r="N380236" s="10"/>
    </row>
    <row r="380237" spans="14:14">
      <c r="N380237" s="10"/>
    </row>
    <row r="380238" spans="14:14">
      <c r="N380238" s="10"/>
    </row>
    <row r="380239" spans="14:14">
      <c r="N380239" s="10"/>
    </row>
    <row r="380240" spans="14:14">
      <c r="N380240" s="10"/>
    </row>
    <row r="380241" spans="14:14">
      <c r="N380241" s="10"/>
    </row>
    <row r="380242" spans="14:14">
      <c r="N380242" s="10"/>
    </row>
    <row r="380243" spans="14:14">
      <c r="N380243" s="10"/>
    </row>
    <row r="380244" spans="14:14">
      <c r="N380244" s="10"/>
    </row>
    <row r="380245" spans="14:14">
      <c r="N380245" s="10"/>
    </row>
    <row r="380246" spans="14:14">
      <c r="N380246" s="10"/>
    </row>
    <row r="380247" spans="14:14">
      <c r="N380247" s="10"/>
    </row>
    <row r="380248" spans="14:14">
      <c r="N380248" s="10"/>
    </row>
    <row r="380249" spans="14:14">
      <c r="N380249" s="10"/>
    </row>
    <row r="380250" spans="14:14">
      <c r="N380250" s="10"/>
    </row>
    <row r="380251" spans="14:14">
      <c r="N380251" s="10"/>
    </row>
    <row r="380252" spans="14:14">
      <c r="N380252" s="10"/>
    </row>
    <row r="380253" spans="14:14">
      <c r="N380253" s="10"/>
    </row>
    <row r="380254" spans="14:14">
      <c r="N380254" s="10"/>
    </row>
    <row r="380255" spans="14:14">
      <c r="N380255" s="10"/>
    </row>
    <row r="380256" spans="14:14">
      <c r="N380256" s="10"/>
    </row>
    <row r="380257" spans="14:14">
      <c r="N380257" s="10"/>
    </row>
    <row r="380258" spans="14:14">
      <c r="N380258" s="10"/>
    </row>
    <row r="380259" spans="14:14">
      <c r="N380259" s="10"/>
    </row>
    <row r="380260" spans="14:14">
      <c r="N380260" s="10"/>
    </row>
    <row r="380261" spans="14:14">
      <c r="N380261" s="10"/>
    </row>
    <row r="380262" spans="14:14">
      <c r="N380262" s="10"/>
    </row>
    <row r="380263" spans="14:14">
      <c r="N380263" s="10"/>
    </row>
    <row r="380264" spans="14:14">
      <c r="N380264" s="10"/>
    </row>
    <row r="380265" spans="14:14">
      <c r="N380265" s="10"/>
    </row>
    <row r="380266" spans="14:14">
      <c r="N380266" s="10"/>
    </row>
    <row r="380267" spans="14:14">
      <c r="N380267" s="10"/>
    </row>
    <row r="380268" spans="14:14">
      <c r="N380268" s="10"/>
    </row>
    <row r="380269" spans="14:14">
      <c r="N380269" s="10"/>
    </row>
    <row r="380270" spans="14:14">
      <c r="N380270" s="10"/>
    </row>
    <row r="380271" spans="14:14">
      <c r="N380271" s="10"/>
    </row>
    <row r="380272" spans="14:14">
      <c r="N380272" s="10"/>
    </row>
    <row r="380273" spans="14:14">
      <c r="N380273" s="10"/>
    </row>
    <row r="380274" spans="14:14">
      <c r="N380274" s="10"/>
    </row>
    <row r="380275" spans="14:14">
      <c r="N380275" s="10"/>
    </row>
    <row r="380276" spans="14:14">
      <c r="N380276" s="10"/>
    </row>
    <row r="380277" spans="14:14">
      <c r="N380277" s="10"/>
    </row>
    <row r="380278" spans="14:14">
      <c r="N380278" s="10"/>
    </row>
    <row r="380279" spans="14:14">
      <c r="N380279" s="10"/>
    </row>
    <row r="380280" spans="14:14">
      <c r="N380280" s="10"/>
    </row>
    <row r="380281" spans="14:14">
      <c r="N380281" s="10"/>
    </row>
    <row r="380282" spans="14:14">
      <c r="N380282" s="10"/>
    </row>
    <row r="380283" spans="14:14">
      <c r="N380283" s="10"/>
    </row>
    <row r="380284" spans="14:14">
      <c r="N380284" s="10"/>
    </row>
    <row r="380285" spans="14:14">
      <c r="N380285" s="10"/>
    </row>
    <row r="380286" spans="14:14">
      <c r="N380286" s="10"/>
    </row>
    <row r="380287" spans="14:14">
      <c r="N380287" s="10"/>
    </row>
    <row r="380288" spans="14:14">
      <c r="N380288" s="10"/>
    </row>
    <row r="380289" spans="14:14">
      <c r="N380289" s="10"/>
    </row>
    <row r="380290" spans="14:14">
      <c r="N380290" s="10"/>
    </row>
    <row r="380291" spans="14:14">
      <c r="N380291" s="10"/>
    </row>
    <row r="380292" spans="14:14">
      <c r="N380292" s="10"/>
    </row>
    <row r="380293" spans="14:14">
      <c r="N380293" s="10"/>
    </row>
    <row r="380294" spans="14:14">
      <c r="N380294" s="10"/>
    </row>
    <row r="380295" spans="14:14">
      <c r="N380295" s="10"/>
    </row>
    <row r="380296" spans="14:14">
      <c r="N380296" s="10"/>
    </row>
    <row r="380297" spans="14:14">
      <c r="N380297" s="10"/>
    </row>
    <row r="380298" spans="14:14">
      <c r="N380298" s="10"/>
    </row>
    <row r="380299" spans="14:14">
      <c r="N380299" s="10"/>
    </row>
    <row r="380300" spans="14:14">
      <c r="N380300" s="10"/>
    </row>
    <row r="380301" spans="14:14">
      <c r="N380301" s="10"/>
    </row>
    <row r="380302" spans="14:14">
      <c r="N380302" s="10"/>
    </row>
    <row r="380303" spans="14:14">
      <c r="N380303" s="10"/>
    </row>
    <row r="380304" spans="14:14">
      <c r="N380304" s="10"/>
    </row>
    <row r="380305" spans="14:14">
      <c r="N380305" s="10"/>
    </row>
    <row r="380306" spans="14:14">
      <c r="N380306" s="10"/>
    </row>
    <row r="380307" spans="14:14">
      <c r="N380307" s="10"/>
    </row>
    <row r="380308" spans="14:14">
      <c r="N380308" s="10"/>
    </row>
    <row r="380309" spans="14:14">
      <c r="N380309" s="10"/>
    </row>
    <row r="380310" spans="14:14">
      <c r="N380310" s="10"/>
    </row>
    <row r="380311" spans="14:14">
      <c r="N380311" s="10"/>
    </row>
    <row r="380312" spans="14:14">
      <c r="N380312" s="10"/>
    </row>
    <row r="380313" spans="14:14">
      <c r="N380313" s="10"/>
    </row>
    <row r="380314" spans="14:14">
      <c r="N380314" s="10"/>
    </row>
    <row r="380315" spans="14:14">
      <c r="N380315" s="10"/>
    </row>
    <row r="380316" spans="14:14">
      <c r="N380316" s="10"/>
    </row>
    <row r="380317" spans="14:14">
      <c r="N380317" s="10"/>
    </row>
    <row r="380318" spans="14:14">
      <c r="N380318" s="10"/>
    </row>
    <row r="380319" spans="14:14">
      <c r="N380319" s="10"/>
    </row>
    <row r="380320" spans="14:14">
      <c r="N380320" s="10"/>
    </row>
    <row r="380321" spans="14:14">
      <c r="N380321" s="10"/>
    </row>
    <row r="380322" spans="14:14">
      <c r="N380322" s="10"/>
    </row>
    <row r="380323" spans="14:14">
      <c r="N380323" s="10"/>
    </row>
    <row r="380324" spans="14:14">
      <c r="N380324" s="10"/>
    </row>
    <row r="380325" spans="14:14">
      <c r="N380325" s="10"/>
    </row>
    <row r="380326" spans="14:14">
      <c r="N380326" s="10"/>
    </row>
    <row r="380327" spans="14:14">
      <c r="N380327" s="10"/>
    </row>
    <row r="380328" spans="14:14">
      <c r="N380328" s="10"/>
    </row>
    <row r="380329" spans="14:14">
      <c r="N380329" s="10"/>
    </row>
    <row r="380330" spans="14:14">
      <c r="N380330" s="10"/>
    </row>
    <row r="380331" spans="14:14">
      <c r="N380331" s="10"/>
    </row>
    <row r="380332" spans="14:14">
      <c r="N380332" s="10"/>
    </row>
    <row r="380333" spans="14:14">
      <c r="N380333" s="10"/>
    </row>
    <row r="380334" spans="14:14">
      <c r="N380334" s="10"/>
    </row>
    <row r="380335" spans="14:14">
      <c r="N380335" s="10"/>
    </row>
    <row r="380336" spans="14:14">
      <c r="N380336" s="10"/>
    </row>
    <row r="380337" spans="14:14">
      <c r="N380337" s="10"/>
    </row>
    <row r="380338" spans="14:14">
      <c r="N380338" s="10"/>
    </row>
    <row r="380339" spans="14:14">
      <c r="N380339" s="10"/>
    </row>
    <row r="380340" spans="14:14">
      <c r="N380340" s="10"/>
    </row>
    <row r="380341" spans="14:14">
      <c r="N380341" s="10"/>
    </row>
    <row r="380342" spans="14:14">
      <c r="N380342" s="10"/>
    </row>
    <row r="380343" spans="14:14">
      <c r="N380343" s="10"/>
    </row>
    <row r="380344" spans="14:14">
      <c r="N380344" s="10"/>
    </row>
    <row r="380345" spans="14:14">
      <c r="N380345" s="10"/>
    </row>
    <row r="380346" spans="14:14">
      <c r="N380346" s="10"/>
    </row>
    <row r="380347" spans="14:14">
      <c r="N380347" s="10"/>
    </row>
    <row r="380348" spans="14:14">
      <c r="N380348" s="10"/>
    </row>
    <row r="380349" spans="14:14">
      <c r="N380349" s="10"/>
    </row>
    <row r="380350" spans="14:14">
      <c r="N380350" s="10"/>
    </row>
    <row r="380351" spans="14:14">
      <c r="N380351" s="10"/>
    </row>
    <row r="380352" spans="14:14">
      <c r="N380352" s="10"/>
    </row>
    <row r="380353" spans="14:14">
      <c r="N380353" s="10"/>
    </row>
    <row r="380354" spans="14:14">
      <c r="N380354" s="10"/>
    </row>
    <row r="380355" spans="14:14">
      <c r="N380355" s="10"/>
    </row>
    <row r="380356" spans="14:14">
      <c r="N380356" s="10"/>
    </row>
    <row r="380357" spans="14:14">
      <c r="N380357" s="10"/>
    </row>
    <row r="380358" spans="14:14">
      <c r="N380358" s="10"/>
    </row>
    <row r="380359" spans="14:14">
      <c r="N380359" s="10"/>
    </row>
    <row r="380360" spans="14:14">
      <c r="N380360" s="10"/>
    </row>
    <row r="380361" spans="14:14">
      <c r="N380361" s="10"/>
    </row>
    <row r="380362" spans="14:14">
      <c r="N380362" s="10"/>
    </row>
    <row r="380363" spans="14:14">
      <c r="N380363" s="10"/>
    </row>
    <row r="380364" spans="14:14">
      <c r="N380364" s="10"/>
    </row>
    <row r="380365" spans="14:14">
      <c r="N380365" s="10"/>
    </row>
    <row r="380366" spans="14:14">
      <c r="N380366" s="10"/>
    </row>
    <row r="380367" spans="14:14">
      <c r="N380367" s="10"/>
    </row>
    <row r="380368" spans="14:14">
      <c r="N380368" s="10"/>
    </row>
    <row r="380369" spans="14:14">
      <c r="N380369" s="10"/>
    </row>
    <row r="380370" spans="14:14">
      <c r="N380370" s="10"/>
    </row>
    <row r="380371" spans="14:14">
      <c r="N380371" s="10"/>
    </row>
    <row r="380372" spans="14:14">
      <c r="N380372" s="10"/>
    </row>
    <row r="380373" spans="14:14">
      <c r="N380373" s="10"/>
    </row>
    <row r="380374" spans="14:14">
      <c r="N380374" s="10"/>
    </row>
    <row r="380375" spans="14:14">
      <c r="N380375" s="10"/>
    </row>
    <row r="380376" spans="14:14">
      <c r="N380376" s="10"/>
    </row>
    <row r="380377" spans="14:14">
      <c r="N380377" s="10"/>
    </row>
    <row r="380378" spans="14:14">
      <c r="N380378" s="10"/>
    </row>
    <row r="380379" spans="14:14">
      <c r="N380379" s="10"/>
    </row>
    <row r="380380" spans="14:14">
      <c r="N380380" s="10"/>
    </row>
    <row r="380381" spans="14:14">
      <c r="N380381" s="10"/>
    </row>
    <row r="380382" spans="14:14">
      <c r="N380382" s="10"/>
    </row>
    <row r="380383" spans="14:14">
      <c r="N380383" s="10"/>
    </row>
    <row r="380384" spans="14:14">
      <c r="N380384" s="10"/>
    </row>
    <row r="380385" spans="14:14">
      <c r="N380385" s="10"/>
    </row>
    <row r="380386" spans="14:14">
      <c r="N380386" s="10"/>
    </row>
    <row r="380387" spans="14:14">
      <c r="N380387" s="10"/>
    </row>
    <row r="380388" spans="14:14">
      <c r="N380388" s="10"/>
    </row>
    <row r="380389" spans="14:14">
      <c r="N380389" s="10"/>
    </row>
    <row r="380390" spans="14:14">
      <c r="N380390" s="10"/>
    </row>
    <row r="380391" spans="14:14">
      <c r="N380391" s="10"/>
    </row>
    <row r="380392" spans="14:14">
      <c r="N380392" s="10"/>
    </row>
    <row r="380393" spans="14:14">
      <c r="N380393" s="10"/>
    </row>
    <row r="380394" spans="14:14">
      <c r="N380394" s="10"/>
    </row>
    <row r="380395" spans="14:14">
      <c r="N380395" s="10"/>
    </row>
    <row r="380396" spans="14:14">
      <c r="N380396" s="10"/>
    </row>
    <row r="380397" spans="14:14">
      <c r="N380397" s="10"/>
    </row>
    <row r="380398" spans="14:14">
      <c r="N380398" s="10"/>
    </row>
    <row r="380399" spans="14:14">
      <c r="N380399" s="10"/>
    </row>
    <row r="380400" spans="14:14">
      <c r="N380400" s="10"/>
    </row>
    <row r="380401" spans="14:14">
      <c r="N380401" s="10"/>
    </row>
    <row r="380402" spans="14:14">
      <c r="N380402" s="10"/>
    </row>
    <row r="380403" spans="14:14">
      <c r="N380403" s="10"/>
    </row>
    <row r="380404" spans="14:14">
      <c r="N380404" s="10"/>
    </row>
    <row r="380405" spans="14:14">
      <c r="N380405" s="10"/>
    </row>
    <row r="380406" spans="14:14">
      <c r="N380406" s="10"/>
    </row>
    <row r="380407" spans="14:14">
      <c r="N380407" s="10"/>
    </row>
    <row r="380408" spans="14:14">
      <c r="N380408" s="10"/>
    </row>
    <row r="380409" spans="14:14">
      <c r="N380409" s="10"/>
    </row>
    <row r="380410" spans="14:14">
      <c r="N380410" s="10"/>
    </row>
    <row r="380411" spans="14:14">
      <c r="N380411" s="10"/>
    </row>
    <row r="380412" spans="14:14">
      <c r="N380412" s="10"/>
    </row>
    <row r="380413" spans="14:14">
      <c r="N380413" s="10"/>
    </row>
    <row r="380414" spans="14:14">
      <c r="N380414" s="10"/>
    </row>
    <row r="380415" spans="14:14">
      <c r="N380415" s="10"/>
    </row>
    <row r="380416" spans="14:14">
      <c r="N380416" s="10"/>
    </row>
    <row r="380417" spans="14:14">
      <c r="N380417" s="10"/>
    </row>
    <row r="380418" spans="14:14">
      <c r="N380418" s="10"/>
    </row>
    <row r="380419" spans="14:14">
      <c r="N380419" s="10"/>
    </row>
    <row r="380420" spans="14:14">
      <c r="N380420" s="10"/>
    </row>
    <row r="380421" spans="14:14">
      <c r="N380421" s="10"/>
    </row>
    <row r="380422" spans="14:14">
      <c r="N380422" s="10"/>
    </row>
    <row r="380423" spans="14:14">
      <c r="N380423" s="10"/>
    </row>
    <row r="380424" spans="14:14">
      <c r="N380424" s="10"/>
    </row>
    <row r="380425" spans="14:14">
      <c r="N380425" s="10"/>
    </row>
    <row r="380426" spans="14:14">
      <c r="N380426" s="10"/>
    </row>
    <row r="380427" spans="14:14">
      <c r="N380427" s="10"/>
    </row>
    <row r="380428" spans="14:14">
      <c r="N380428" s="10"/>
    </row>
    <row r="380429" spans="14:14">
      <c r="N380429" s="10"/>
    </row>
    <row r="380430" spans="14:14">
      <c r="N380430" s="10"/>
    </row>
    <row r="380431" spans="14:14">
      <c r="N380431" s="10"/>
    </row>
    <row r="380432" spans="14:14">
      <c r="N380432" s="10"/>
    </row>
    <row r="380433" spans="14:14">
      <c r="N380433" s="10"/>
    </row>
    <row r="380434" spans="14:14">
      <c r="N380434" s="10"/>
    </row>
    <row r="380435" spans="14:14">
      <c r="N380435" s="10"/>
    </row>
    <row r="380436" spans="14:14">
      <c r="N380436" s="10"/>
    </row>
    <row r="380437" spans="14:14">
      <c r="N380437" s="10"/>
    </row>
    <row r="380438" spans="14:14">
      <c r="N380438" s="10"/>
    </row>
    <row r="380439" spans="14:14">
      <c r="N380439" s="10"/>
    </row>
    <row r="380440" spans="14:14">
      <c r="N380440" s="10"/>
    </row>
    <row r="380441" spans="14:14">
      <c r="N380441" s="10"/>
    </row>
    <row r="380442" spans="14:14">
      <c r="N380442" s="10"/>
    </row>
    <row r="380443" spans="14:14">
      <c r="N380443" s="10"/>
    </row>
    <row r="380444" spans="14:14">
      <c r="N380444" s="10"/>
    </row>
    <row r="380445" spans="14:14">
      <c r="N380445" s="10"/>
    </row>
    <row r="380446" spans="14:14">
      <c r="N380446" s="10"/>
    </row>
    <row r="380447" spans="14:14">
      <c r="N380447" s="10"/>
    </row>
    <row r="380448" spans="14:14">
      <c r="N380448" s="10"/>
    </row>
    <row r="380449" spans="14:14">
      <c r="N380449" s="10"/>
    </row>
    <row r="380450" spans="14:14">
      <c r="N380450" s="10"/>
    </row>
    <row r="380451" spans="14:14">
      <c r="N380451" s="10"/>
    </row>
    <row r="380452" spans="14:14">
      <c r="N380452" s="10"/>
    </row>
    <row r="380453" spans="14:14">
      <c r="N380453" s="10"/>
    </row>
    <row r="380454" spans="14:14">
      <c r="N380454" s="10"/>
    </row>
    <row r="380455" spans="14:14">
      <c r="N380455" s="10"/>
    </row>
    <row r="380456" spans="14:14">
      <c r="N380456" s="10"/>
    </row>
    <row r="380457" spans="14:14">
      <c r="N380457" s="10"/>
    </row>
    <row r="380458" spans="14:14">
      <c r="N380458" s="10"/>
    </row>
    <row r="380459" spans="14:14">
      <c r="N380459" s="10"/>
    </row>
    <row r="380460" spans="14:14">
      <c r="N380460" s="10"/>
    </row>
    <row r="380461" spans="14:14">
      <c r="N380461" s="10"/>
    </row>
    <row r="380462" spans="14:14">
      <c r="N380462" s="10"/>
    </row>
    <row r="380463" spans="14:14">
      <c r="N380463" s="10"/>
    </row>
    <row r="380464" spans="14:14">
      <c r="N380464" s="10"/>
    </row>
    <row r="380465" spans="14:14">
      <c r="N380465" s="10"/>
    </row>
    <row r="380466" spans="14:14">
      <c r="N380466" s="10"/>
    </row>
    <row r="380467" spans="14:14">
      <c r="N380467" s="10"/>
    </row>
    <row r="380468" spans="14:14">
      <c r="N380468" s="10"/>
    </row>
    <row r="380469" spans="14:14">
      <c r="N380469" s="10"/>
    </row>
    <row r="380470" spans="14:14">
      <c r="N380470" s="10"/>
    </row>
    <row r="380471" spans="14:14">
      <c r="N380471" s="10"/>
    </row>
    <row r="380472" spans="14:14">
      <c r="N380472" s="10"/>
    </row>
    <row r="380473" spans="14:14">
      <c r="N380473" s="10"/>
    </row>
    <row r="380474" spans="14:14">
      <c r="N380474" s="10"/>
    </row>
    <row r="380475" spans="14:14">
      <c r="N380475" s="10"/>
    </row>
    <row r="380476" spans="14:14">
      <c r="N380476" s="10"/>
    </row>
    <row r="380477" spans="14:14">
      <c r="N380477" s="10"/>
    </row>
    <row r="380478" spans="14:14">
      <c r="N380478" s="10"/>
    </row>
    <row r="380479" spans="14:14">
      <c r="N380479" s="10"/>
    </row>
    <row r="380480" spans="14:14">
      <c r="N380480" s="10"/>
    </row>
    <row r="380481" spans="14:14">
      <c r="N380481" s="10"/>
    </row>
    <row r="380482" spans="14:14">
      <c r="N380482" s="10"/>
    </row>
    <row r="380483" spans="14:14">
      <c r="N380483" s="10"/>
    </row>
    <row r="380484" spans="14:14">
      <c r="N380484" s="10"/>
    </row>
    <row r="380485" spans="14:14">
      <c r="N380485" s="10"/>
    </row>
    <row r="380486" spans="14:14">
      <c r="N380486" s="10"/>
    </row>
    <row r="380487" spans="14:14">
      <c r="N380487" s="10"/>
    </row>
    <row r="380488" spans="14:14">
      <c r="N380488" s="10"/>
    </row>
    <row r="380489" spans="14:14">
      <c r="N380489" s="10"/>
    </row>
    <row r="380490" spans="14:14">
      <c r="N380490" s="10"/>
    </row>
    <row r="380491" spans="14:14">
      <c r="N380491" s="10"/>
    </row>
    <row r="380492" spans="14:14">
      <c r="N380492" s="10"/>
    </row>
    <row r="380493" spans="14:14">
      <c r="N380493" s="10"/>
    </row>
    <row r="380494" spans="14:14">
      <c r="N380494" s="10"/>
    </row>
    <row r="380495" spans="14:14">
      <c r="N380495" s="10"/>
    </row>
    <row r="380496" spans="14:14">
      <c r="N380496" s="10"/>
    </row>
    <row r="380497" spans="14:14">
      <c r="N380497" s="10"/>
    </row>
    <row r="380498" spans="14:14">
      <c r="N380498" s="10"/>
    </row>
    <row r="380499" spans="14:14">
      <c r="N380499" s="10"/>
    </row>
    <row r="380500" spans="14:14">
      <c r="N380500" s="10"/>
    </row>
    <row r="380501" spans="14:14">
      <c r="N380501" s="10"/>
    </row>
    <row r="380502" spans="14:14">
      <c r="N380502" s="10"/>
    </row>
    <row r="380503" spans="14:14">
      <c r="N380503" s="10"/>
    </row>
    <row r="380504" spans="14:14">
      <c r="N380504" s="10"/>
    </row>
    <row r="380505" spans="14:14">
      <c r="N380505" s="10"/>
    </row>
    <row r="380506" spans="14:14">
      <c r="N380506" s="10"/>
    </row>
    <row r="380507" spans="14:14">
      <c r="N380507" s="10"/>
    </row>
    <row r="380508" spans="14:14">
      <c r="N380508" s="10"/>
    </row>
    <row r="380509" spans="14:14">
      <c r="N380509" s="10"/>
    </row>
    <row r="380510" spans="14:14">
      <c r="N380510" s="10"/>
    </row>
    <row r="380511" spans="14:14">
      <c r="N380511" s="10"/>
    </row>
    <row r="380512" spans="14:14">
      <c r="N380512" s="10"/>
    </row>
    <row r="380513" spans="14:14">
      <c r="N380513" s="10"/>
    </row>
    <row r="380514" spans="14:14">
      <c r="N380514" s="10"/>
    </row>
    <row r="380515" spans="14:14">
      <c r="N380515" s="10"/>
    </row>
    <row r="380516" spans="14:14">
      <c r="N380516" s="10"/>
    </row>
    <row r="380517" spans="14:14">
      <c r="N380517" s="10"/>
    </row>
    <row r="380518" spans="14:14">
      <c r="N380518" s="10"/>
    </row>
    <row r="380519" spans="14:14">
      <c r="N380519" s="10"/>
    </row>
    <row r="380520" spans="14:14">
      <c r="N380520" s="10"/>
    </row>
    <row r="380521" spans="14:14">
      <c r="N380521" s="10"/>
    </row>
    <row r="380522" spans="14:14">
      <c r="N380522" s="10"/>
    </row>
    <row r="380523" spans="14:14">
      <c r="N380523" s="10"/>
    </row>
    <row r="380524" spans="14:14">
      <c r="N380524" s="10"/>
    </row>
    <row r="380525" spans="14:14">
      <c r="N380525" s="10"/>
    </row>
    <row r="380526" spans="14:14">
      <c r="N380526" s="10"/>
    </row>
    <row r="380527" spans="14:14">
      <c r="N380527" s="10"/>
    </row>
    <row r="380528" spans="14:14">
      <c r="N380528" s="10"/>
    </row>
    <row r="380529" spans="14:14">
      <c r="N380529" s="10"/>
    </row>
    <row r="380530" spans="14:14">
      <c r="N380530" s="10"/>
    </row>
    <row r="380531" spans="14:14">
      <c r="N380531" s="10"/>
    </row>
    <row r="380532" spans="14:14">
      <c r="N380532" s="10"/>
    </row>
    <row r="380533" spans="14:14">
      <c r="N380533" s="10"/>
    </row>
    <row r="380534" spans="14:14">
      <c r="N380534" s="10"/>
    </row>
    <row r="380535" spans="14:14">
      <c r="N380535" s="10"/>
    </row>
    <row r="380536" spans="14:14">
      <c r="N380536" s="10"/>
    </row>
    <row r="380537" spans="14:14">
      <c r="N380537" s="10"/>
    </row>
    <row r="380538" spans="14:14">
      <c r="N380538" s="10"/>
    </row>
    <row r="380539" spans="14:14">
      <c r="N380539" s="10"/>
    </row>
    <row r="380540" spans="14:14">
      <c r="N380540" s="10"/>
    </row>
    <row r="380541" spans="14:14">
      <c r="N380541" s="10"/>
    </row>
    <row r="380542" spans="14:14">
      <c r="N380542" s="10"/>
    </row>
    <row r="380543" spans="14:14">
      <c r="N380543" s="10"/>
    </row>
    <row r="380544" spans="14:14">
      <c r="N380544" s="10"/>
    </row>
    <row r="380545" spans="14:14">
      <c r="N380545" s="10"/>
    </row>
    <row r="380546" spans="14:14">
      <c r="N380546" s="10"/>
    </row>
    <row r="380547" spans="14:14">
      <c r="N380547" s="10"/>
    </row>
    <row r="380548" spans="14:14">
      <c r="N380548" s="10"/>
    </row>
    <row r="380549" spans="14:14">
      <c r="N380549" s="10"/>
    </row>
    <row r="380550" spans="14:14">
      <c r="N380550" s="10"/>
    </row>
    <row r="380551" spans="14:14">
      <c r="N380551" s="10"/>
    </row>
    <row r="380552" spans="14:14">
      <c r="N380552" s="10"/>
    </row>
    <row r="380553" spans="14:14">
      <c r="N380553" s="10"/>
    </row>
    <row r="380554" spans="14:14">
      <c r="N380554" s="10"/>
    </row>
    <row r="380555" spans="14:14">
      <c r="N380555" s="10"/>
    </row>
    <row r="380556" spans="14:14">
      <c r="N380556" s="10"/>
    </row>
    <row r="380557" spans="14:14">
      <c r="N380557" s="10"/>
    </row>
    <row r="380558" spans="14:14">
      <c r="N380558" s="10"/>
    </row>
    <row r="380559" spans="14:14">
      <c r="N380559" s="10"/>
    </row>
    <row r="380560" spans="14:14">
      <c r="N380560" s="10"/>
    </row>
    <row r="380561" spans="14:14">
      <c r="N380561" s="10"/>
    </row>
    <row r="380562" spans="14:14">
      <c r="N380562" s="10"/>
    </row>
    <row r="380563" spans="14:14">
      <c r="N380563" s="10"/>
    </row>
    <row r="380564" spans="14:14">
      <c r="N380564" s="10"/>
    </row>
    <row r="380565" spans="14:14">
      <c r="N380565" s="10"/>
    </row>
    <row r="380566" spans="14:14">
      <c r="N380566" s="10"/>
    </row>
    <row r="380567" spans="14:14">
      <c r="N380567" s="10"/>
    </row>
    <row r="380568" spans="14:14">
      <c r="N380568" s="10"/>
    </row>
    <row r="380569" spans="14:14">
      <c r="N380569" s="10"/>
    </row>
    <row r="380570" spans="14:14">
      <c r="N380570" s="10"/>
    </row>
    <row r="380571" spans="14:14">
      <c r="N380571" s="10"/>
    </row>
    <row r="380572" spans="14:14">
      <c r="N380572" s="10"/>
    </row>
    <row r="380573" spans="14:14">
      <c r="N380573" s="10"/>
    </row>
    <row r="380574" spans="14:14">
      <c r="N380574" s="10"/>
    </row>
    <row r="380575" spans="14:14">
      <c r="N380575" s="10"/>
    </row>
    <row r="380576" spans="14:14">
      <c r="N380576" s="10"/>
    </row>
    <row r="380577" spans="14:14">
      <c r="N380577" s="10"/>
    </row>
    <row r="380578" spans="14:14">
      <c r="N380578" s="10"/>
    </row>
    <row r="380579" spans="14:14">
      <c r="N380579" s="10"/>
    </row>
    <row r="380580" spans="14:14">
      <c r="N380580" s="10"/>
    </row>
    <row r="380581" spans="14:14">
      <c r="N380581" s="10"/>
    </row>
    <row r="380582" spans="14:14">
      <c r="N380582" s="10"/>
    </row>
    <row r="380583" spans="14:14">
      <c r="N380583" s="10"/>
    </row>
    <row r="380584" spans="14:14">
      <c r="N380584" s="10"/>
    </row>
    <row r="380585" spans="14:14">
      <c r="N380585" s="10"/>
    </row>
    <row r="380586" spans="14:14">
      <c r="N380586" s="10"/>
    </row>
    <row r="380587" spans="14:14">
      <c r="N380587" s="10"/>
    </row>
    <row r="380588" spans="14:14">
      <c r="N380588" s="10"/>
    </row>
    <row r="380589" spans="14:14">
      <c r="N380589" s="10"/>
    </row>
    <row r="380590" spans="14:14">
      <c r="N380590" s="10"/>
    </row>
    <row r="380591" spans="14:14">
      <c r="N380591" s="10"/>
    </row>
    <row r="380592" spans="14:14">
      <c r="N380592" s="10"/>
    </row>
    <row r="380593" spans="14:14">
      <c r="N380593" s="10"/>
    </row>
    <row r="380594" spans="14:14">
      <c r="N380594" s="10"/>
    </row>
    <row r="380595" spans="14:14">
      <c r="N380595" s="10"/>
    </row>
    <row r="380596" spans="14:14">
      <c r="N380596" s="10"/>
    </row>
    <row r="380597" spans="14:14">
      <c r="N380597" s="10"/>
    </row>
    <row r="380598" spans="14:14">
      <c r="N380598" s="10"/>
    </row>
    <row r="380599" spans="14:14">
      <c r="N380599" s="10"/>
    </row>
    <row r="380600" spans="14:14">
      <c r="N380600" s="10"/>
    </row>
    <row r="380601" spans="14:14">
      <c r="N380601" s="10"/>
    </row>
    <row r="380602" spans="14:14">
      <c r="N380602" s="10"/>
    </row>
    <row r="380603" spans="14:14">
      <c r="N380603" s="10"/>
    </row>
    <row r="380604" spans="14:14">
      <c r="N380604" s="10"/>
    </row>
    <row r="380605" spans="14:14">
      <c r="N380605" s="10"/>
    </row>
    <row r="380606" spans="14:14">
      <c r="N380606" s="10"/>
    </row>
    <row r="380607" spans="14:14">
      <c r="N380607" s="10"/>
    </row>
    <row r="380608" spans="14:14">
      <c r="N380608" s="10"/>
    </row>
    <row r="380609" spans="14:14">
      <c r="N380609" s="10"/>
    </row>
    <row r="380610" spans="14:14">
      <c r="N380610" s="10"/>
    </row>
    <row r="380611" spans="14:14">
      <c r="N380611" s="10"/>
    </row>
    <row r="380612" spans="14:14">
      <c r="N380612" s="10"/>
    </row>
    <row r="380613" spans="14:14">
      <c r="N380613" s="10"/>
    </row>
    <row r="380614" spans="14:14">
      <c r="N380614" s="10"/>
    </row>
    <row r="380615" spans="14:14">
      <c r="N380615" s="10"/>
    </row>
    <row r="380616" spans="14:14">
      <c r="N380616" s="10"/>
    </row>
    <row r="380617" spans="14:14">
      <c r="N380617" s="10"/>
    </row>
    <row r="380618" spans="14:14">
      <c r="N380618" s="10"/>
    </row>
    <row r="380619" spans="14:14">
      <c r="N380619" s="10"/>
    </row>
    <row r="380620" spans="14:14">
      <c r="N380620" s="10"/>
    </row>
    <row r="380621" spans="14:14">
      <c r="N380621" s="10"/>
    </row>
    <row r="380622" spans="14:14">
      <c r="N380622" s="10"/>
    </row>
    <row r="380623" spans="14:14">
      <c r="N380623" s="10"/>
    </row>
    <row r="380624" spans="14:14">
      <c r="N380624" s="10"/>
    </row>
    <row r="380625" spans="14:14">
      <c r="N380625" s="10"/>
    </row>
    <row r="380626" spans="14:14">
      <c r="N380626" s="10"/>
    </row>
    <row r="380627" spans="14:14">
      <c r="N380627" s="10"/>
    </row>
    <row r="380628" spans="14:14">
      <c r="N380628" s="10"/>
    </row>
    <row r="380629" spans="14:14">
      <c r="N380629" s="10"/>
    </row>
    <row r="380630" spans="14:14">
      <c r="N380630" s="10"/>
    </row>
    <row r="380631" spans="14:14">
      <c r="N380631" s="10"/>
    </row>
    <row r="380632" spans="14:14">
      <c r="N380632" s="10"/>
    </row>
    <row r="380633" spans="14:14">
      <c r="N380633" s="10"/>
    </row>
    <row r="380634" spans="14:14">
      <c r="N380634" s="10"/>
    </row>
    <row r="380635" spans="14:14">
      <c r="N380635" s="10"/>
    </row>
    <row r="380636" spans="14:14">
      <c r="N380636" s="10"/>
    </row>
    <row r="380637" spans="14:14">
      <c r="N380637" s="10"/>
    </row>
    <row r="380638" spans="14:14">
      <c r="N380638" s="10"/>
    </row>
    <row r="380639" spans="14:14">
      <c r="N380639" s="10"/>
    </row>
    <row r="380640" spans="14:14">
      <c r="N380640" s="10"/>
    </row>
    <row r="380641" spans="14:14">
      <c r="N380641" s="10"/>
    </row>
    <row r="380642" spans="14:14">
      <c r="N380642" s="10"/>
    </row>
    <row r="380643" spans="14:14">
      <c r="N380643" s="10"/>
    </row>
    <row r="380644" spans="14:14">
      <c r="N380644" s="10"/>
    </row>
    <row r="380645" spans="14:14">
      <c r="N380645" s="10"/>
    </row>
    <row r="380646" spans="14:14">
      <c r="N380646" s="10"/>
    </row>
    <row r="380647" spans="14:14">
      <c r="N380647" s="10"/>
    </row>
    <row r="380648" spans="14:14">
      <c r="N380648" s="10"/>
    </row>
    <row r="380649" spans="14:14">
      <c r="N380649" s="10"/>
    </row>
    <row r="380650" spans="14:14">
      <c r="N380650" s="10"/>
    </row>
    <row r="380651" spans="14:14">
      <c r="N380651" s="10"/>
    </row>
    <row r="380652" spans="14:14">
      <c r="N380652" s="10"/>
    </row>
    <row r="380653" spans="14:14">
      <c r="N380653" s="10"/>
    </row>
    <row r="380654" spans="14:14">
      <c r="N380654" s="10"/>
    </row>
    <row r="380655" spans="14:14">
      <c r="N380655" s="10"/>
    </row>
    <row r="380656" spans="14:14">
      <c r="N380656" s="10"/>
    </row>
    <row r="380657" spans="14:14">
      <c r="N380657" s="10"/>
    </row>
    <row r="380658" spans="14:14">
      <c r="N380658" s="10"/>
    </row>
    <row r="380659" spans="14:14">
      <c r="N380659" s="10"/>
    </row>
    <row r="380660" spans="14:14">
      <c r="N380660" s="10"/>
    </row>
    <row r="380661" spans="14:14">
      <c r="N380661" s="10"/>
    </row>
    <row r="380662" spans="14:14">
      <c r="N380662" s="10"/>
    </row>
    <row r="380663" spans="14:14">
      <c r="N380663" s="10"/>
    </row>
    <row r="380664" spans="14:14">
      <c r="N380664" s="10"/>
    </row>
    <row r="380665" spans="14:14">
      <c r="N380665" s="10"/>
    </row>
    <row r="380666" spans="14:14">
      <c r="N380666" s="10"/>
    </row>
    <row r="380667" spans="14:14">
      <c r="N380667" s="10"/>
    </row>
    <row r="380668" spans="14:14">
      <c r="N380668" s="10"/>
    </row>
    <row r="380669" spans="14:14">
      <c r="N380669" s="10"/>
    </row>
    <row r="380670" spans="14:14">
      <c r="N380670" s="10"/>
    </row>
    <row r="380671" spans="14:14">
      <c r="N380671" s="10"/>
    </row>
    <row r="380672" spans="14:14">
      <c r="N380672" s="10"/>
    </row>
    <row r="380673" spans="14:14">
      <c r="N380673" s="10"/>
    </row>
    <row r="380674" spans="14:14">
      <c r="N380674" s="10"/>
    </row>
    <row r="380675" spans="14:14">
      <c r="N380675" s="10"/>
    </row>
    <row r="380676" spans="14:14">
      <c r="N380676" s="10"/>
    </row>
    <row r="380677" spans="14:14">
      <c r="N380677" s="10"/>
    </row>
    <row r="380678" spans="14:14">
      <c r="N380678" s="10"/>
    </row>
    <row r="380679" spans="14:14">
      <c r="N380679" s="10"/>
    </row>
    <row r="380680" spans="14:14">
      <c r="N380680" s="10"/>
    </row>
    <row r="380681" spans="14:14">
      <c r="N380681" s="10"/>
    </row>
    <row r="380682" spans="14:14">
      <c r="N380682" s="10"/>
    </row>
    <row r="380683" spans="14:14">
      <c r="N380683" s="10"/>
    </row>
    <row r="380684" spans="14:14">
      <c r="N380684" s="10"/>
    </row>
    <row r="380685" spans="14:14">
      <c r="N380685" s="10"/>
    </row>
    <row r="380686" spans="14:14">
      <c r="N380686" s="10"/>
    </row>
    <row r="380687" spans="14:14">
      <c r="N380687" s="10"/>
    </row>
    <row r="380688" spans="14:14">
      <c r="N380688" s="10"/>
    </row>
    <row r="380689" spans="14:14">
      <c r="N380689" s="10"/>
    </row>
    <row r="380690" spans="14:14">
      <c r="N380690" s="10"/>
    </row>
    <row r="380691" spans="14:14">
      <c r="N380691" s="10"/>
    </row>
    <row r="380692" spans="14:14">
      <c r="N380692" s="10"/>
    </row>
    <row r="380693" spans="14:14">
      <c r="N380693" s="10"/>
    </row>
    <row r="380694" spans="14:14">
      <c r="N380694" s="10"/>
    </row>
    <row r="380695" spans="14:14">
      <c r="N380695" s="10"/>
    </row>
    <row r="380696" spans="14:14">
      <c r="N380696" s="10"/>
    </row>
    <row r="380697" spans="14:14">
      <c r="N380697" s="10"/>
    </row>
    <row r="380698" spans="14:14">
      <c r="N380698" s="10"/>
    </row>
    <row r="380699" spans="14:14">
      <c r="N380699" s="10"/>
    </row>
    <row r="380700" spans="14:14">
      <c r="N380700" s="10"/>
    </row>
    <row r="380701" spans="14:14">
      <c r="N380701" s="10"/>
    </row>
    <row r="380702" spans="14:14">
      <c r="N380702" s="10"/>
    </row>
    <row r="380703" spans="14:14">
      <c r="N380703" s="10"/>
    </row>
    <row r="380704" spans="14:14">
      <c r="N380704" s="10"/>
    </row>
    <row r="380705" spans="14:14">
      <c r="N380705" s="10"/>
    </row>
    <row r="380706" spans="14:14">
      <c r="N380706" s="10"/>
    </row>
    <row r="380707" spans="14:14">
      <c r="N380707" s="10"/>
    </row>
    <row r="380708" spans="14:14">
      <c r="N380708" s="10"/>
    </row>
    <row r="380709" spans="14:14">
      <c r="N380709" s="10"/>
    </row>
    <row r="380710" spans="14:14">
      <c r="N380710" s="10"/>
    </row>
    <row r="380711" spans="14:14">
      <c r="N380711" s="10"/>
    </row>
    <row r="380712" spans="14:14">
      <c r="N380712" s="10"/>
    </row>
    <row r="380713" spans="14:14">
      <c r="N380713" s="10"/>
    </row>
    <row r="380714" spans="14:14">
      <c r="N380714" s="10"/>
    </row>
    <row r="380715" spans="14:14">
      <c r="N380715" s="10"/>
    </row>
    <row r="380716" spans="14:14">
      <c r="N380716" s="10"/>
    </row>
    <row r="380717" spans="14:14">
      <c r="N380717" s="10"/>
    </row>
    <row r="380718" spans="14:14">
      <c r="N380718" s="10"/>
    </row>
    <row r="380719" spans="14:14">
      <c r="N380719" s="10"/>
    </row>
    <row r="380720" spans="14:14">
      <c r="N380720" s="10"/>
    </row>
    <row r="380721" spans="14:14">
      <c r="N380721" s="10"/>
    </row>
    <row r="380722" spans="14:14">
      <c r="N380722" s="10"/>
    </row>
    <row r="380723" spans="14:14">
      <c r="N380723" s="10"/>
    </row>
    <row r="380724" spans="14:14">
      <c r="N380724" s="10"/>
    </row>
    <row r="380725" spans="14:14">
      <c r="N380725" s="10"/>
    </row>
    <row r="380726" spans="14:14">
      <c r="N380726" s="10"/>
    </row>
    <row r="380727" spans="14:14">
      <c r="N380727" s="10"/>
    </row>
    <row r="380728" spans="14:14">
      <c r="N380728" s="10"/>
    </row>
    <row r="380729" spans="14:14">
      <c r="N380729" s="10"/>
    </row>
    <row r="380730" spans="14:14">
      <c r="N380730" s="10"/>
    </row>
    <row r="380731" spans="14:14">
      <c r="N380731" s="10"/>
    </row>
    <row r="380732" spans="14:14">
      <c r="N380732" s="10"/>
    </row>
    <row r="380733" spans="14:14">
      <c r="N380733" s="10"/>
    </row>
    <row r="380734" spans="14:14">
      <c r="N380734" s="10"/>
    </row>
    <row r="380735" spans="14:14">
      <c r="N380735" s="10"/>
    </row>
    <row r="380736" spans="14:14">
      <c r="N380736" s="10"/>
    </row>
    <row r="380737" spans="14:14">
      <c r="N380737" s="10"/>
    </row>
    <row r="380738" spans="14:14">
      <c r="N380738" s="10"/>
    </row>
    <row r="380739" spans="14:14">
      <c r="N380739" s="10"/>
    </row>
    <row r="380740" spans="14:14">
      <c r="N380740" s="10"/>
    </row>
    <row r="380741" spans="14:14">
      <c r="N380741" s="10"/>
    </row>
    <row r="380742" spans="14:14">
      <c r="N380742" s="10"/>
    </row>
    <row r="380743" spans="14:14">
      <c r="N380743" s="10"/>
    </row>
    <row r="380744" spans="14:14">
      <c r="N380744" s="10"/>
    </row>
    <row r="380745" spans="14:14">
      <c r="N380745" s="10"/>
    </row>
    <row r="380746" spans="14:14">
      <c r="N380746" s="10"/>
    </row>
    <row r="380747" spans="14:14">
      <c r="N380747" s="10"/>
    </row>
    <row r="380748" spans="14:14">
      <c r="N380748" s="10"/>
    </row>
    <row r="380749" spans="14:14">
      <c r="N380749" s="10"/>
    </row>
    <row r="380750" spans="14:14">
      <c r="N380750" s="10"/>
    </row>
    <row r="380751" spans="14:14">
      <c r="N380751" s="10"/>
    </row>
    <row r="380752" spans="14:14">
      <c r="N380752" s="10"/>
    </row>
    <row r="380753" spans="14:14">
      <c r="N380753" s="10"/>
    </row>
    <row r="380754" spans="14:14">
      <c r="N380754" s="10"/>
    </row>
    <row r="380755" spans="14:14">
      <c r="N380755" s="10"/>
    </row>
    <row r="380756" spans="14:14">
      <c r="N380756" s="10"/>
    </row>
    <row r="380757" spans="14:14">
      <c r="N380757" s="10"/>
    </row>
    <row r="380758" spans="14:14">
      <c r="N380758" s="10"/>
    </row>
    <row r="380759" spans="14:14">
      <c r="N380759" s="10"/>
    </row>
    <row r="380760" spans="14:14">
      <c r="N380760" s="10"/>
    </row>
    <row r="380761" spans="14:14">
      <c r="N380761" s="10"/>
    </row>
    <row r="380762" spans="14:14">
      <c r="N380762" s="10"/>
    </row>
    <row r="380763" spans="14:14">
      <c r="N380763" s="10"/>
    </row>
    <row r="380764" spans="14:14">
      <c r="N380764" s="10"/>
    </row>
    <row r="380765" spans="14:14">
      <c r="N380765" s="10"/>
    </row>
    <row r="380766" spans="14:14">
      <c r="N380766" s="10"/>
    </row>
    <row r="380767" spans="14:14">
      <c r="N380767" s="10"/>
    </row>
    <row r="380768" spans="14:14">
      <c r="N380768" s="10"/>
    </row>
    <row r="380769" spans="14:14">
      <c r="N380769" s="10"/>
    </row>
    <row r="380770" spans="14:14">
      <c r="N380770" s="10"/>
    </row>
    <row r="380771" spans="14:14">
      <c r="N380771" s="10"/>
    </row>
    <row r="380772" spans="14:14">
      <c r="N380772" s="10"/>
    </row>
    <row r="380773" spans="14:14">
      <c r="N380773" s="10"/>
    </row>
    <row r="380774" spans="14:14">
      <c r="N380774" s="10"/>
    </row>
    <row r="380775" spans="14:14">
      <c r="N380775" s="10"/>
    </row>
    <row r="380776" spans="14:14">
      <c r="N380776" s="10"/>
    </row>
    <row r="380777" spans="14:14">
      <c r="N380777" s="10"/>
    </row>
    <row r="380778" spans="14:14">
      <c r="N380778" s="10"/>
    </row>
    <row r="380779" spans="14:14">
      <c r="N380779" s="10"/>
    </row>
    <row r="380780" spans="14:14">
      <c r="N380780" s="10"/>
    </row>
    <row r="380781" spans="14:14">
      <c r="N380781" s="10"/>
    </row>
    <row r="380782" spans="14:14">
      <c r="N380782" s="10"/>
    </row>
    <row r="380783" spans="14:14">
      <c r="N380783" s="10"/>
    </row>
    <row r="380784" spans="14:14">
      <c r="N380784" s="10"/>
    </row>
    <row r="380785" spans="14:14">
      <c r="N380785" s="10"/>
    </row>
    <row r="380786" spans="14:14">
      <c r="N380786" s="10"/>
    </row>
    <row r="380787" spans="14:14">
      <c r="N380787" s="10"/>
    </row>
    <row r="380788" spans="14:14">
      <c r="N380788" s="10"/>
    </row>
    <row r="380789" spans="14:14">
      <c r="N380789" s="10"/>
    </row>
    <row r="380790" spans="14:14">
      <c r="N380790" s="10"/>
    </row>
    <row r="380791" spans="14:14">
      <c r="N380791" s="10"/>
    </row>
    <row r="380792" spans="14:14">
      <c r="N380792" s="10"/>
    </row>
    <row r="380793" spans="14:14">
      <c r="N380793" s="10"/>
    </row>
    <row r="380794" spans="14:14">
      <c r="N380794" s="10"/>
    </row>
    <row r="380795" spans="14:14">
      <c r="N380795" s="10"/>
    </row>
    <row r="380796" spans="14:14">
      <c r="N380796" s="10"/>
    </row>
    <row r="380797" spans="14:14">
      <c r="N380797" s="10"/>
    </row>
    <row r="380798" spans="14:14">
      <c r="N380798" s="10"/>
    </row>
    <row r="380799" spans="14:14">
      <c r="N380799" s="10"/>
    </row>
    <row r="380800" spans="14:14">
      <c r="N380800" s="10"/>
    </row>
    <row r="380801" spans="14:14">
      <c r="N380801" s="10"/>
    </row>
    <row r="380802" spans="14:14">
      <c r="N380802" s="10"/>
    </row>
    <row r="380803" spans="14:14">
      <c r="N380803" s="10"/>
    </row>
    <row r="380804" spans="14:14">
      <c r="N380804" s="10"/>
    </row>
    <row r="380805" spans="14:14">
      <c r="N380805" s="10"/>
    </row>
    <row r="380806" spans="14:14">
      <c r="N380806" s="10"/>
    </row>
    <row r="380807" spans="14:14">
      <c r="N380807" s="10"/>
    </row>
    <row r="380808" spans="14:14">
      <c r="N380808" s="10"/>
    </row>
    <row r="380809" spans="14:14">
      <c r="N380809" s="10"/>
    </row>
    <row r="380810" spans="14:14">
      <c r="N380810" s="10"/>
    </row>
    <row r="380811" spans="14:14">
      <c r="N380811" s="10"/>
    </row>
    <row r="380812" spans="14:14">
      <c r="N380812" s="10"/>
    </row>
    <row r="380813" spans="14:14">
      <c r="N380813" s="10"/>
    </row>
    <row r="380814" spans="14:14">
      <c r="N380814" s="10"/>
    </row>
    <row r="380815" spans="14:14">
      <c r="N380815" s="10"/>
    </row>
    <row r="380816" spans="14:14">
      <c r="N380816" s="10"/>
    </row>
    <row r="380817" spans="14:14">
      <c r="N380817" s="10"/>
    </row>
    <row r="380818" spans="14:14">
      <c r="N380818" s="10"/>
    </row>
    <row r="380819" spans="14:14">
      <c r="N380819" s="10"/>
    </row>
    <row r="380820" spans="14:14">
      <c r="N380820" s="10"/>
    </row>
    <row r="380821" spans="14:14">
      <c r="N380821" s="10"/>
    </row>
    <row r="380822" spans="14:14">
      <c r="N380822" s="10"/>
    </row>
    <row r="380823" spans="14:14">
      <c r="N380823" s="10"/>
    </row>
    <row r="380824" spans="14:14">
      <c r="N380824" s="10"/>
    </row>
    <row r="380825" spans="14:14">
      <c r="N380825" s="10"/>
    </row>
    <row r="380826" spans="14:14">
      <c r="N380826" s="10"/>
    </row>
    <row r="380827" spans="14:14">
      <c r="N380827" s="10"/>
    </row>
    <row r="380828" spans="14:14">
      <c r="N380828" s="10"/>
    </row>
    <row r="380829" spans="14:14">
      <c r="N380829" s="10"/>
    </row>
    <row r="380830" spans="14:14">
      <c r="N380830" s="10"/>
    </row>
    <row r="380831" spans="14:14">
      <c r="N380831" s="10"/>
    </row>
    <row r="380832" spans="14:14">
      <c r="N380832" s="10"/>
    </row>
    <row r="380833" spans="14:14">
      <c r="N380833" s="10"/>
    </row>
    <row r="380834" spans="14:14">
      <c r="N380834" s="10"/>
    </row>
    <row r="380835" spans="14:14">
      <c r="N380835" s="10"/>
    </row>
    <row r="380836" spans="14:14">
      <c r="N380836" s="10"/>
    </row>
    <row r="380837" spans="14:14">
      <c r="N380837" s="10"/>
    </row>
    <row r="380838" spans="14:14">
      <c r="N380838" s="10"/>
    </row>
    <row r="380839" spans="14:14">
      <c r="N380839" s="10"/>
    </row>
    <row r="380840" spans="14:14">
      <c r="N380840" s="10"/>
    </row>
    <row r="380841" spans="14:14">
      <c r="N380841" s="10"/>
    </row>
    <row r="380842" spans="14:14">
      <c r="N380842" s="10"/>
    </row>
    <row r="380843" spans="14:14">
      <c r="N380843" s="10"/>
    </row>
    <row r="380844" spans="14:14">
      <c r="N380844" s="10"/>
    </row>
    <row r="380845" spans="14:14">
      <c r="N380845" s="10"/>
    </row>
    <row r="380846" spans="14:14">
      <c r="N380846" s="10"/>
    </row>
    <row r="380847" spans="14:14">
      <c r="N380847" s="10"/>
    </row>
    <row r="380848" spans="14:14">
      <c r="N380848" s="10"/>
    </row>
    <row r="380849" spans="14:14">
      <c r="N380849" s="10"/>
    </row>
    <row r="380850" spans="14:14">
      <c r="N380850" s="10"/>
    </row>
    <row r="380851" spans="14:14">
      <c r="N380851" s="10"/>
    </row>
    <row r="380852" spans="14:14">
      <c r="N380852" s="10"/>
    </row>
    <row r="380853" spans="14:14">
      <c r="N380853" s="10"/>
    </row>
    <row r="380854" spans="14:14">
      <c r="N380854" s="10"/>
    </row>
    <row r="380855" spans="14:14">
      <c r="N380855" s="10"/>
    </row>
    <row r="380856" spans="14:14">
      <c r="N380856" s="10"/>
    </row>
    <row r="380857" spans="14:14">
      <c r="N380857" s="10"/>
    </row>
    <row r="380858" spans="14:14">
      <c r="N380858" s="10"/>
    </row>
    <row r="380859" spans="14:14">
      <c r="N380859" s="10"/>
    </row>
    <row r="380860" spans="14:14">
      <c r="N380860" s="10"/>
    </row>
    <row r="380861" spans="14:14">
      <c r="N380861" s="10"/>
    </row>
    <row r="380862" spans="14:14">
      <c r="N380862" s="10"/>
    </row>
    <row r="380863" spans="14:14">
      <c r="N380863" s="10"/>
    </row>
    <row r="380864" spans="14:14">
      <c r="N380864" s="10"/>
    </row>
    <row r="380865" spans="14:14">
      <c r="N380865" s="10"/>
    </row>
    <row r="380866" spans="14:14">
      <c r="N380866" s="10"/>
    </row>
    <row r="380867" spans="14:14">
      <c r="N380867" s="10"/>
    </row>
    <row r="380868" spans="14:14">
      <c r="N380868" s="10"/>
    </row>
    <row r="380869" spans="14:14">
      <c r="N380869" s="10"/>
    </row>
    <row r="380870" spans="14:14">
      <c r="N380870" s="10"/>
    </row>
    <row r="380871" spans="14:14">
      <c r="N380871" s="10"/>
    </row>
    <row r="380872" spans="14:14">
      <c r="N380872" s="10"/>
    </row>
    <row r="380873" spans="14:14">
      <c r="N380873" s="10"/>
    </row>
    <row r="380874" spans="14:14">
      <c r="N380874" s="10"/>
    </row>
    <row r="380875" spans="14:14">
      <c r="N380875" s="10"/>
    </row>
    <row r="380876" spans="14:14">
      <c r="N380876" s="10"/>
    </row>
    <row r="380877" spans="14:14">
      <c r="N380877" s="10"/>
    </row>
    <row r="380878" spans="14:14">
      <c r="N380878" s="10"/>
    </row>
    <row r="380879" spans="14:14">
      <c r="N380879" s="10"/>
    </row>
    <row r="380880" spans="14:14">
      <c r="N380880" s="10"/>
    </row>
    <row r="380881" spans="14:14">
      <c r="N380881" s="10"/>
    </row>
    <row r="380882" spans="14:14">
      <c r="N380882" s="10"/>
    </row>
    <row r="380883" spans="14:14">
      <c r="N380883" s="10"/>
    </row>
    <row r="380884" spans="14:14">
      <c r="N380884" s="10"/>
    </row>
    <row r="380885" spans="14:14">
      <c r="N380885" s="10"/>
    </row>
    <row r="380886" spans="14:14">
      <c r="N380886" s="10"/>
    </row>
    <row r="380887" spans="14:14">
      <c r="N380887" s="10"/>
    </row>
    <row r="380888" spans="14:14">
      <c r="N380888" s="10"/>
    </row>
    <row r="380889" spans="14:14">
      <c r="N380889" s="10"/>
    </row>
    <row r="380890" spans="14:14">
      <c r="N380890" s="10"/>
    </row>
    <row r="380891" spans="14:14">
      <c r="N380891" s="10"/>
    </row>
    <row r="380892" spans="14:14">
      <c r="N380892" s="10"/>
    </row>
    <row r="380893" spans="14:14">
      <c r="N380893" s="10"/>
    </row>
    <row r="380894" spans="14:14">
      <c r="N380894" s="10"/>
    </row>
    <row r="380895" spans="14:14">
      <c r="N380895" s="10"/>
    </row>
    <row r="380896" spans="14:14">
      <c r="N380896" s="10"/>
    </row>
    <row r="380897" spans="14:14">
      <c r="N380897" s="10"/>
    </row>
    <row r="380898" spans="14:14">
      <c r="N380898" s="10"/>
    </row>
    <row r="380899" spans="14:14">
      <c r="N380899" s="10"/>
    </row>
    <row r="380900" spans="14:14">
      <c r="N380900" s="10"/>
    </row>
    <row r="380901" spans="14:14">
      <c r="N380901" s="10"/>
    </row>
    <row r="380902" spans="14:14">
      <c r="N380902" s="10"/>
    </row>
    <row r="380903" spans="14:14">
      <c r="N380903" s="10"/>
    </row>
    <row r="380904" spans="14:14">
      <c r="N380904" s="10"/>
    </row>
    <row r="380905" spans="14:14">
      <c r="N380905" s="10"/>
    </row>
    <row r="380906" spans="14:14">
      <c r="N380906" s="10"/>
    </row>
    <row r="380907" spans="14:14">
      <c r="N380907" s="10"/>
    </row>
    <row r="380908" spans="14:14">
      <c r="N380908" s="10"/>
    </row>
    <row r="380909" spans="14:14">
      <c r="N380909" s="10"/>
    </row>
    <row r="380910" spans="14:14">
      <c r="N380910" s="10"/>
    </row>
    <row r="380911" spans="14:14">
      <c r="N380911" s="10"/>
    </row>
    <row r="380912" spans="14:14">
      <c r="N380912" s="10"/>
    </row>
    <row r="380913" spans="14:14">
      <c r="N380913" s="10"/>
    </row>
    <row r="380914" spans="14:14">
      <c r="N380914" s="10"/>
    </row>
    <row r="380915" spans="14:14">
      <c r="N380915" s="10"/>
    </row>
    <row r="380916" spans="14:14">
      <c r="N380916" s="10"/>
    </row>
    <row r="380917" spans="14:14">
      <c r="N380917" s="10"/>
    </row>
    <row r="380918" spans="14:14">
      <c r="N380918" s="10"/>
    </row>
    <row r="380919" spans="14:14">
      <c r="N380919" s="10"/>
    </row>
    <row r="380920" spans="14:14">
      <c r="N380920" s="10"/>
    </row>
    <row r="380921" spans="14:14">
      <c r="N380921" s="10"/>
    </row>
    <row r="380922" spans="14:14">
      <c r="N380922" s="10"/>
    </row>
    <row r="380923" spans="14:14">
      <c r="N380923" s="10"/>
    </row>
    <row r="380924" spans="14:14">
      <c r="N380924" s="10"/>
    </row>
    <row r="380925" spans="14:14">
      <c r="N380925" s="10"/>
    </row>
    <row r="380926" spans="14:14">
      <c r="N380926" s="10"/>
    </row>
    <row r="380927" spans="14:14">
      <c r="N380927" s="10"/>
    </row>
    <row r="380928" spans="14:14">
      <c r="N380928" s="10"/>
    </row>
    <row r="380929" spans="14:14">
      <c r="N380929" s="10"/>
    </row>
    <row r="380930" spans="14:14">
      <c r="N380930" s="10"/>
    </row>
    <row r="380931" spans="14:14">
      <c r="N380931" s="10"/>
    </row>
    <row r="380932" spans="14:14">
      <c r="N380932" s="10"/>
    </row>
    <row r="380933" spans="14:14">
      <c r="N380933" s="10"/>
    </row>
    <row r="380934" spans="14:14">
      <c r="N380934" s="10"/>
    </row>
    <row r="380935" spans="14:14">
      <c r="N380935" s="10"/>
    </row>
    <row r="380936" spans="14:14">
      <c r="N380936" s="10"/>
    </row>
    <row r="380937" spans="14:14">
      <c r="N380937" s="10"/>
    </row>
    <row r="380938" spans="14:14">
      <c r="N380938" s="10"/>
    </row>
    <row r="380939" spans="14:14">
      <c r="N380939" s="10"/>
    </row>
    <row r="380940" spans="14:14">
      <c r="N380940" s="10"/>
    </row>
    <row r="380941" spans="14:14">
      <c r="N380941" s="10"/>
    </row>
    <row r="380942" spans="14:14">
      <c r="N380942" s="10"/>
    </row>
    <row r="380943" spans="14:14">
      <c r="N380943" s="10"/>
    </row>
    <row r="380944" spans="14:14">
      <c r="N380944" s="10"/>
    </row>
    <row r="380945" spans="14:14">
      <c r="N380945" s="10"/>
    </row>
    <row r="380946" spans="14:14">
      <c r="N380946" s="10"/>
    </row>
    <row r="380947" spans="14:14">
      <c r="N380947" s="10"/>
    </row>
    <row r="380948" spans="14:14">
      <c r="N380948" s="10"/>
    </row>
    <row r="380949" spans="14:14">
      <c r="N380949" s="10"/>
    </row>
    <row r="380950" spans="14:14">
      <c r="N380950" s="10"/>
    </row>
    <row r="380951" spans="14:14">
      <c r="N380951" s="10"/>
    </row>
    <row r="380952" spans="14:14">
      <c r="N380952" s="10"/>
    </row>
    <row r="380953" spans="14:14">
      <c r="N380953" s="10"/>
    </row>
    <row r="380954" spans="14:14">
      <c r="N380954" s="10"/>
    </row>
    <row r="380955" spans="14:14">
      <c r="N380955" s="10"/>
    </row>
    <row r="380956" spans="14:14">
      <c r="N380956" s="10"/>
    </row>
    <row r="380957" spans="14:14">
      <c r="N380957" s="10"/>
    </row>
    <row r="380958" spans="14:14">
      <c r="N380958" s="10"/>
    </row>
    <row r="380959" spans="14:14">
      <c r="N380959" s="10"/>
    </row>
    <row r="380960" spans="14:14">
      <c r="N380960" s="10"/>
    </row>
    <row r="380961" spans="14:14">
      <c r="N380961" s="10"/>
    </row>
    <row r="380962" spans="14:14">
      <c r="N380962" s="10"/>
    </row>
    <row r="380963" spans="14:14">
      <c r="N380963" s="10"/>
    </row>
    <row r="380964" spans="14:14">
      <c r="N380964" s="10"/>
    </row>
    <row r="380965" spans="14:14">
      <c r="N380965" s="10"/>
    </row>
    <row r="380966" spans="14:14">
      <c r="N380966" s="10"/>
    </row>
    <row r="380967" spans="14:14">
      <c r="N380967" s="10"/>
    </row>
    <row r="380968" spans="14:14">
      <c r="N380968" s="10"/>
    </row>
    <row r="380969" spans="14:14">
      <c r="N380969" s="10"/>
    </row>
    <row r="380970" spans="14:14">
      <c r="N380970" s="10"/>
    </row>
    <row r="380971" spans="14:14">
      <c r="N380971" s="10"/>
    </row>
    <row r="380972" spans="14:14">
      <c r="N380972" s="10"/>
    </row>
    <row r="380973" spans="14:14">
      <c r="N380973" s="10"/>
    </row>
    <row r="380974" spans="14:14">
      <c r="N380974" s="10"/>
    </row>
    <row r="380975" spans="14:14">
      <c r="N380975" s="10"/>
    </row>
    <row r="380976" spans="14:14">
      <c r="N380976" s="10"/>
    </row>
    <row r="380977" spans="14:14">
      <c r="N380977" s="10"/>
    </row>
    <row r="380978" spans="14:14">
      <c r="N380978" s="10"/>
    </row>
    <row r="380979" spans="14:14">
      <c r="N380979" s="10"/>
    </row>
    <row r="380980" spans="14:14">
      <c r="N380980" s="10"/>
    </row>
    <row r="380981" spans="14:14">
      <c r="N380981" s="10"/>
    </row>
    <row r="380982" spans="14:14">
      <c r="N380982" s="10"/>
    </row>
    <row r="380983" spans="14:14">
      <c r="N380983" s="10"/>
    </row>
    <row r="380984" spans="14:14">
      <c r="N380984" s="10"/>
    </row>
    <row r="380985" spans="14:14">
      <c r="N380985" s="10"/>
    </row>
    <row r="380986" spans="14:14">
      <c r="N380986" s="10"/>
    </row>
    <row r="380987" spans="14:14">
      <c r="N380987" s="10"/>
    </row>
    <row r="380988" spans="14:14">
      <c r="N380988" s="10"/>
    </row>
    <row r="380989" spans="14:14">
      <c r="N380989" s="10"/>
    </row>
    <row r="380990" spans="14:14">
      <c r="N380990" s="10"/>
    </row>
    <row r="380991" spans="14:14">
      <c r="N380991" s="10"/>
    </row>
    <row r="380992" spans="14:14">
      <c r="N380992" s="10"/>
    </row>
    <row r="380993" spans="14:14">
      <c r="N380993" s="10"/>
    </row>
    <row r="380994" spans="14:14">
      <c r="N380994" s="10"/>
    </row>
    <row r="380995" spans="14:14">
      <c r="N380995" s="10"/>
    </row>
    <row r="380996" spans="14:14">
      <c r="N380996" s="10"/>
    </row>
    <row r="380997" spans="14:14">
      <c r="N380997" s="10"/>
    </row>
    <row r="380998" spans="14:14">
      <c r="N380998" s="10"/>
    </row>
    <row r="380999" spans="14:14">
      <c r="N380999" s="10"/>
    </row>
    <row r="381000" spans="14:14">
      <c r="N381000" s="10"/>
    </row>
    <row r="381001" spans="14:14">
      <c r="N381001" s="10"/>
    </row>
    <row r="381002" spans="14:14">
      <c r="N381002" s="10"/>
    </row>
    <row r="381003" spans="14:14">
      <c r="N381003" s="10"/>
    </row>
    <row r="381004" spans="14:14">
      <c r="N381004" s="10"/>
    </row>
    <row r="381005" spans="14:14">
      <c r="N381005" s="10"/>
    </row>
    <row r="381006" spans="14:14">
      <c r="N381006" s="10"/>
    </row>
    <row r="381007" spans="14:14">
      <c r="N381007" s="10"/>
    </row>
    <row r="381008" spans="14:14">
      <c r="N381008" s="10"/>
    </row>
    <row r="381009" spans="14:14">
      <c r="N381009" s="10"/>
    </row>
    <row r="381010" spans="14:14">
      <c r="N381010" s="10"/>
    </row>
    <row r="381011" spans="14:14">
      <c r="N381011" s="10"/>
    </row>
    <row r="381012" spans="14:14">
      <c r="N381012" s="10"/>
    </row>
    <row r="381013" spans="14:14">
      <c r="N381013" s="10"/>
    </row>
    <row r="381014" spans="14:14">
      <c r="N381014" s="10"/>
    </row>
    <row r="381015" spans="14:14">
      <c r="N381015" s="10"/>
    </row>
    <row r="381016" spans="14:14">
      <c r="N381016" s="10"/>
    </row>
    <row r="381017" spans="14:14">
      <c r="N381017" s="10"/>
    </row>
    <row r="381018" spans="14:14">
      <c r="N381018" s="10"/>
    </row>
    <row r="381019" spans="14:14">
      <c r="N381019" s="10"/>
    </row>
    <row r="381020" spans="14:14">
      <c r="N381020" s="10"/>
    </row>
    <row r="381021" spans="14:14">
      <c r="N381021" s="10"/>
    </row>
    <row r="381022" spans="14:14">
      <c r="N381022" s="10"/>
    </row>
    <row r="381023" spans="14:14">
      <c r="N381023" s="10"/>
    </row>
    <row r="381024" spans="14:14">
      <c r="N381024" s="10"/>
    </row>
    <row r="381025" spans="14:14">
      <c r="N381025" s="10"/>
    </row>
    <row r="381026" spans="14:14">
      <c r="N381026" s="10"/>
    </row>
    <row r="381027" spans="14:14">
      <c r="N381027" s="10"/>
    </row>
    <row r="381028" spans="14:14">
      <c r="N381028" s="10"/>
    </row>
    <row r="381029" spans="14:14">
      <c r="N381029" s="10"/>
    </row>
    <row r="381030" spans="14:14">
      <c r="N381030" s="10"/>
    </row>
    <row r="381031" spans="14:14">
      <c r="N381031" s="10"/>
    </row>
    <row r="381032" spans="14:14">
      <c r="N381032" s="10"/>
    </row>
    <row r="381033" spans="14:14">
      <c r="N381033" s="10"/>
    </row>
    <row r="381034" spans="14:14">
      <c r="N381034" s="10"/>
    </row>
    <row r="381035" spans="14:14">
      <c r="N381035" s="10"/>
    </row>
    <row r="381036" spans="14:14">
      <c r="N381036" s="10"/>
    </row>
    <row r="381037" spans="14:14">
      <c r="N381037" s="10"/>
    </row>
    <row r="381038" spans="14:14">
      <c r="N381038" s="10"/>
    </row>
    <row r="381039" spans="14:14">
      <c r="N381039" s="10"/>
    </row>
    <row r="381040" spans="14:14">
      <c r="N381040" s="10"/>
    </row>
    <row r="381041" spans="14:14">
      <c r="N381041" s="10"/>
    </row>
    <row r="381042" spans="14:14">
      <c r="N381042" s="10"/>
    </row>
    <row r="381043" spans="14:14">
      <c r="N381043" s="10"/>
    </row>
    <row r="381044" spans="14:14">
      <c r="N381044" s="10"/>
    </row>
    <row r="381045" spans="14:14">
      <c r="N381045" s="10"/>
    </row>
    <row r="381046" spans="14:14">
      <c r="N381046" s="10"/>
    </row>
    <row r="381047" spans="14:14">
      <c r="N381047" s="10"/>
    </row>
    <row r="381048" spans="14:14">
      <c r="N381048" s="10"/>
    </row>
    <row r="381049" spans="14:14">
      <c r="N381049" s="10"/>
    </row>
    <row r="381050" spans="14:14">
      <c r="N381050" s="10"/>
    </row>
    <row r="381051" spans="14:14">
      <c r="N381051" s="10"/>
    </row>
    <row r="381052" spans="14:14">
      <c r="N381052" s="10"/>
    </row>
    <row r="381053" spans="14:14">
      <c r="N381053" s="10"/>
    </row>
    <row r="381054" spans="14:14">
      <c r="N381054" s="10"/>
    </row>
    <row r="381055" spans="14:14">
      <c r="N381055" s="10"/>
    </row>
    <row r="381056" spans="14:14">
      <c r="N381056" s="10"/>
    </row>
    <row r="381057" spans="14:14">
      <c r="N381057" s="10"/>
    </row>
    <row r="381058" spans="14:14">
      <c r="N381058" s="10"/>
    </row>
    <row r="381059" spans="14:14">
      <c r="N381059" s="10"/>
    </row>
    <row r="381060" spans="14:14">
      <c r="N381060" s="10"/>
    </row>
    <row r="381061" spans="14:14">
      <c r="N381061" s="10"/>
    </row>
    <row r="381062" spans="14:14">
      <c r="N381062" s="10"/>
    </row>
    <row r="381063" spans="14:14">
      <c r="N381063" s="10"/>
    </row>
    <row r="381064" spans="14:14">
      <c r="N381064" s="10"/>
    </row>
    <row r="381065" spans="14:14">
      <c r="N381065" s="10"/>
    </row>
    <row r="381066" spans="14:14">
      <c r="N381066" s="10"/>
    </row>
    <row r="381067" spans="14:14">
      <c r="N381067" s="10"/>
    </row>
    <row r="381068" spans="14:14">
      <c r="N381068" s="10"/>
    </row>
    <row r="381069" spans="14:14">
      <c r="N381069" s="10"/>
    </row>
    <row r="381070" spans="14:14">
      <c r="N381070" s="10"/>
    </row>
    <row r="381071" spans="14:14">
      <c r="N381071" s="10"/>
    </row>
    <row r="381072" spans="14:14">
      <c r="N381072" s="10"/>
    </row>
    <row r="381073" spans="14:14">
      <c r="N381073" s="10"/>
    </row>
    <row r="381074" spans="14:14">
      <c r="N381074" s="10"/>
    </row>
    <row r="381075" spans="14:14">
      <c r="N381075" s="10"/>
    </row>
    <row r="381076" spans="14:14">
      <c r="N381076" s="10"/>
    </row>
    <row r="381077" spans="14:14">
      <c r="N381077" s="10"/>
    </row>
    <row r="381078" spans="14:14">
      <c r="N381078" s="10"/>
    </row>
    <row r="381079" spans="14:14">
      <c r="N381079" s="10"/>
    </row>
    <row r="381080" spans="14:14">
      <c r="N381080" s="10"/>
    </row>
    <row r="381081" spans="14:14">
      <c r="N381081" s="10"/>
    </row>
    <row r="381082" spans="14:14">
      <c r="N381082" s="10"/>
    </row>
    <row r="381083" spans="14:14">
      <c r="N381083" s="10"/>
    </row>
    <row r="381084" spans="14:14">
      <c r="N381084" s="10"/>
    </row>
    <row r="381085" spans="14:14">
      <c r="N381085" s="10"/>
    </row>
    <row r="381086" spans="14:14">
      <c r="N381086" s="10"/>
    </row>
    <row r="381087" spans="14:14">
      <c r="N381087" s="10"/>
    </row>
    <row r="381088" spans="14:14">
      <c r="N381088" s="10"/>
    </row>
    <row r="381089" spans="14:14">
      <c r="N381089" s="10"/>
    </row>
    <row r="381090" spans="14:14">
      <c r="N381090" s="10"/>
    </row>
    <row r="381091" spans="14:14">
      <c r="N381091" s="10"/>
    </row>
    <row r="381092" spans="14:14">
      <c r="N381092" s="10"/>
    </row>
    <row r="381093" spans="14:14">
      <c r="N381093" s="10"/>
    </row>
    <row r="381094" spans="14:14">
      <c r="N381094" s="10"/>
    </row>
    <row r="381095" spans="14:14">
      <c r="N381095" s="10"/>
    </row>
    <row r="381096" spans="14:14">
      <c r="N381096" s="10"/>
    </row>
    <row r="381097" spans="14:14">
      <c r="N381097" s="10"/>
    </row>
    <row r="381098" spans="14:14">
      <c r="N381098" s="10"/>
    </row>
    <row r="381099" spans="14:14">
      <c r="N381099" s="10"/>
    </row>
    <row r="381100" spans="14:14">
      <c r="N381100" s="10"/>
    </row>
    <row r="381101" spans="14:14">
      <c r="N381101" s="10"/>
    </row>
    <row r="381102" spans="14:14">
      <c r="N381102" s="10"/>
    </row>
    <row r="381103" spans="14:14">
      <c r="N381103" s="10"/>
    </row>
    <row r="381104" spans="14:14">
      <c r="N381104" s="10"/>
    </row>
    <row r="381105" spans="14:14">
      <c r="N381105" s="10"/>
    </row>
    <row r="381106" spans="14:14">
      <c r="N381106" s="10"/>
    </row>
    <row r="381107" spans="14:14">
      <c r="N381107" s="10"/>
    </row>
    <row r="381108" spans="14:14">
      <c r="N381108" s="10"/>
    </row>
    <row r="381109" spans="14:14">
      <c r="N381109" s="10"/>
    </row>
    <row r="381110" spans="14:14">
      <c r="N381110" s="10"/>
    </row>
    <row r="381111" spans="14:14">
      <c r="N381111" s="10"/>
    </row>
    <row r="381112" spans="14:14">
      <c r="N381112" s="10"/>
    </row>
    <row r="381113" spans="14:14">
      <c r="N381113" s="10"/>
    </row>
    <row r="381114" spans="14:14">
      <c r="N381114" s="10"/>
    </row>
    <row r="381115" spans="14:14">
      <c r="N381115" s="10"/>
    </row>
    <row r="381116" spans="14:14">
      <c r="N381116" s="10"/>
    </row>
    <row r="381117" spans="14:14">
      <c r="N381117" s="10"/>
    </row>
    <row r="381118" spans="14:14">
      <c r="N381118" s="10"/>
    </row>
    <row r="381119" spans="14:14">
      <c r="N381119" s="10"/>
    </row>
    <row r="381120" spans="14:14">
      <c r="N381120" s="10"/>
    </row>
    <row r="381121" spans="14:14">
      <c r="N381121" s="10"/>
    </row>
    <row r="381122" spans="14:14">
      <c r="N381122" s="10"/>
    </row>
    <row r="381123" spans="14:14">
      <c r="N381123" s="10"/>
    </row>
    <row r="381124" spans="14:14">
      <c r="N381124" s="10"/>
    </row>
    <row r="381125" spans="14:14">
      <c r="N381125" s="10"/>
    </row>
    <row r="381126" spans="14:14">
      <c r="N381126" s="10"/>
    </row>
    <row r="381127" spans="14:14">
      <c r="N381127" s="10"/>
    </row>
    <row r="381128" spans="14:14">
      <c r="N381128" s="10"/>
    </row>
    <row r="381129" spans="14:14">
      <c r="N381129" s="10"/>
    </row>
    <row r="381130" spans="14:14">
      <c r="N381130" s="10"/>
    </row>
    <row r="381131" spans="14:14">
      <c r="N381131" s="10"/>
    </row>
    <row r="381132" spans="14:14">
      <c r="N381132" s="10"/>
    </row>
    <row r="381133" spans="14:14">
      <c r="N381133" s="10"/>
    </row>
    <row r="381134" spans="14:14">
      <c r="N381134" s="10"/>
    </row>
    <row r="381135" spans="14:14">
      <c r="N381135" s="10"/>
    </row>
    <row r="381136" spans="14:14">
      <c r="N381136" s="10"/>
    </row>
    <row r="381137" spans="14:14">
      <c r="N381137" s="10"/>
    </row>
    <row r="381138" spans="14:14">
      <c r="N381138" s="10"/>
    </row>
    <row r="381139" spans="14:14">
      <c r="N381139" s="10"/>
    </row>
    <row r="381140" spans="14:14">
      <c r="N381140" s="10"/>
    </row>
    <row r="381141" spans="14:14">
      <c r="N381141" s="10"/>
    </row>
    <row r="381142" spans="14:14">
      <c r="N381142" s="10"/>
    </row>
    <row r="381143" spans="14:14">
      <c r="N381143" s="10"/>
    </row>
    <row r="381144" spans="14:14">
      <c r="N381144" s="10"/>
    </row>
    <row r="381145" spans="14:14">
      <c r="N381145" s="10"/>
    </row>
    <row r="381146" spans="14:14">
      <c r="N381146" s="10"/>
    </row>
    <row r="381147" spans="14:14">
      <c r="N381147" s="10"/>
    </row>
    <row r="381148" spans="14:14">
      <c r="N381148" s="10"/>
    </row>
    <row r="381149" spans="14:14">
      <c r="N381149" s="10"/>
    </row>
    <row r="381150" spans="14:14">
      <c r="N381150" s="10"/>
    </row>
    <row r="381151" spans="14:14">
      <c r="N381151" s="10"/>
    </row>
    <row r="381152" spans="14:14">
      <c r="N381152" s="10"/>
    </row>
    <row r="381153" spans="14:14">
      <c r="N381153" s="10"/>
    </row>
    <row r="381154" spans="14:14">
      <c r="N381154" s="10"/>
    </row>
    <row r="381155" spans="14:14">
      <c r="N381155" s="10"/>
    </row>
    <row r="381156" spans="14:14">
      <c r="N381156" s="10"/>
    </row>
    <row r="381157" spans="14:14">
      <c r="N381157" s="10"/>
    </row>
    <row r="381158" spans="14:14">
      <c r="N381158" s="10"/>
    </row>
    <row r="381159" spans="14:14">
      <c r="N381159" s="10"/>
    </row>
    <row r="381160" spans="14:14">
      <c r="N381160" s="10"/>
    </row>
    <row r="381161" spans="14:14">
      <c r="N381161" s="10"/>
    </row>
    <row r="381162" spans="14:14">
      <c r="N381162" s="10"/>
    </row>
    <row r="381163" spans="14:14">
      <c r="N381163" s="10"/>
    </row>
    <row r="381164" spans="14:14">
      <c r="N381164" s="10"/>
    </row>
    <row r="381165" spans="14:14">
      <c r="N381165" s="10"/>
    </row>
    <row r="381166" spans="14:14">
      <c r="N381166" s="10"/>
    </row>
    <row r="381167" spans="14:14">
      <c r="N381167" s="10"/>
    </row>
    <row r="381168" spans="14:14">
      <c r="N381168" s="10"/>
    </row>
    <row r="381169" spans="14:14">
      <c r="N381169" s="10"/>
    </row>
    <row r="381170" spans="14:14">
      <c r="N381170" s="10"/>
    </row>
    <row r="381171" spans="14:14">
      <c r="N381171" s="10"/>
    </row>
    <row r="381172" spans="14:14">
      <c r="N381172" s="10"/>
    </row>
    <row r="381173" spans="14:14">
      <c r="N381173" s="10"/>
    </row>
    <row r="381174" spans="14:14">
      <c r="N381174" s="10"/>
    </row>
    <row r="381175" spans="14:14">
      <c r="N381175" s="10"/>
    </row>
    <row r="381176" spans="14:14">
      <c r="N381176" s="10"/>
    </row>
    <row r="381177" spans="14:14">
      <c r="N381177" s="10"/>
    </row>
    <row r="381178" spans="14:14">
      <c r="N381178" s="10"/>
    </row>
    <row r="381179" spans="14:14">
      <c r="N381179" s="10"/>
    </row>
    <row r="381180" spans="14:14">
      <c r="N381180" s="10"/>
    </row>
    <row r="381181" spans="14:14">
      <c r="N381181" s="10"/>
    </row>
    <row r="381182" spans="14:14">
      <c r="N381182" s="10"/>
    </row>
    <row r="381183" spans="14:14">
      <c r="N381183" s="10"/>
    </row>
    <row r="381184" spans="14:14">
      <c r="N381184" s="10"/>
    </row>
    <row r="381185" spans="14:14">
      <c r="N381185" s="10"/>
    </row>
    <row r="381186" spans="14:14">
      <c r="N381186" s="10"/>
    </row>
    <row r="381187" spans="14:14">
      <c r="N381187" s="10"/>
    </row>
    <row r="381188" spans="14:14">
      <c r="N381188" s="10"/>
    </row>
    <row r="381189" spans="14:14">
      <c r="N381189" s="10"/>
    </row>
    <row r="381190" spans="14:14">
      <c r="N381190" s="10"/>
    </row>
    <row r="381191" spans="14:14">
      <c r="N381191" s="10"/>
    </row>
    <row r="381192" spans="14:14">
      <c r="N381192" s="10"/>
    </row>
    <row r="381193" spans="14:14">
      <c r="N381193" s="10"/>
    </row>
    <row r="381194" spans="14:14">
      <c r="N381194" s="10"/>
    </row>
    <row r="381195" spans="14:14">
      <c r="N381195" s="10"/>
    </row>
    <row r="381196" spans="14:14">
      <c r="N381196" s="10"/>
    </row>
    <row r="381197" spans="14:14">
      <c r="N381197" s="10"/>
    </row>
    <row r="381198" spans="14:14">
      <c r="N381198" s="10"/>
    </row>
    <row r="381199" spans="14:14">
      <c r="N381199" s="10"/>
    </row>
    <row r="381200" spans="14:14">
      <c r="N381200" s="10"/>
    </row>
    <row r="381201" spans="14:14">
      <c r="N381201" s="10"/>
    </row>
    <row r="381202" spans="14:14">
      <c r="N381202" s="10"/>
    </row>
    <row r="381203" spans="14:14">
      <c r="N381203" s="10"/>
    </row>
    <row r="381204" spans="14:14">
      <c r="N381204" s="10"/>
    </row>
    <row r="381205" spans="14:14">
      <c r="N381205" s="10"/>
    </row>
    <row r="381206" spans="14:14">
      <c r="N381206" s="10"/>
    </row>
    <row r="381207" spans="14:14">
      <c r="N381207" s="10"/>
    </row>
    <row r="381208" spans="14:14">
      <c r="N381208" s="10"/>
    </row>
    <row r="381209" spans="14:14">
      <c r="N381209" s="10"/>
    </row>
    <row r="381210" spans="14:14">
      <c r="N381210" s="10"/>
    </row>
    <row r="381211" spans="14:14">
      <c r="N381211" s="10"/>
    </row>
    <row r="381212" spans="14:14">
      <c r="N381212" s="10"/>
    </row>
    <row r="381213" spans="14:14">
      <c r="N381213" s="10"/>
    </row>
    <row r="381214" spans="14:14">
      <c r="N381214" s="10"/>
    </row>
    <row r="381215" spans="14:14">
      <c r="N381215" s="10"/>
    </row>
    <row r="381216" spans="14:14">
      <c r="N381216" s="10"/>
    </row>
    <row r="381217" spans="14:14">
      <c r="N381217" s="10"/>
    </row>
    <row r="381218" spans="14:14">
      <c r="N381218" s="10"/>
    </row>
    <row r="381219" spans="14:14">
      <c r="N381219" s="10"/>
    </row>
    <row r="381220" spans="14:14">
      <c r="N381220" s="10"/>
    </row>
    <row r="381221" spans="14:14">
      <c r="N381221" s="10"/>
    </row>
    <row r="381222" spans="14:14">
      <c r="N381222" s="10"/>
    </row>
    <row r="381223" spans="14:14">
      <c r="N381223" s="10"/>
    </row>
    <row r="381224" spans="14:14">
      <c r="N381224" s="10"/>
    </row>
    <row r="381225" spans="14:14">
      <c r="N381225" s="10"/>
    </row>
    <row r="381226" spans="14:14">
      <c r="N381226" s="10"/>
    </row>
    <row r="381227" spans="14:14">
      <c r="N381227" s="10"/>
    </row>
    <row r="381228" spans="14:14">
      <c r="N381228" s="10"/>
    </row>
    <row r="381229" spans="14:14">
      <c r="N381229" s="10"/>
    </row>
    <row r="381230" spans="14:14">
      <c r="N381230" s="10"/>
    </row>
    <row r="381231" spans="14:14">
      <c r="N381231" s="10"/>
    </row>
    <row r="381232" spans="14:14">
      <c r="N381232" s="10"/>
    </row>
    <row r="381233" spans="14:14">
      <c r="N381233" s="10"/>
    </row>
    <row r="381234" spans="14:14">
      <c r="N381234" s="10"/>
    </row>
    <row r="381235" spans="14:14">
      <c r="N381235" s="10"/>
    </row>
    <row r="381236" spans="14:14">
      <c r="N381236" s="10"/>
    </row>
    <row r="381237" spans="14:14">
      <c r="N381237" s="10"/>
    </row>
    <row r="381238" spans="14:14">
      <c r="N381238" s="10"/>
    </row>
    <row r="381239" spans="14:14">
      <c r="N381239" s="10"/>
    </row>
    <row r="381240" spans="14:14">
      <c r="N381240" s="10"/>
    </row>
    <row r="381241" spans="14:14">
      <c r="N381241" s="10"/>
    </row>
    <row r="381242" spans="14:14">
      <c r="N381242" s="10"/>
    </row>
    <row r="381243" spans="14:14">
      <c r="N381243" s="10"/>
    </row>
    <row r="381244" spans="14:14">
      <c r="N381244" s="10"/>
    </row>
    <row r="381245" spans="14:14">
      <c r="N381245" s="10"/>
    </row>
    <row r="381246" spans="14:14">
      <c r="N381246" s="10"/>
    </row>
    <row r="381247" spans="14:14">
      <c r="N381247" s="10"/>
    </row>
    <row r="381248" spans="14:14">
      <c r="N381248" s="10"/>
    </row>
    <row r="381249" spans="14:14">
      <c r="N381249" s="10"/>
    </row>
    <row r="381250" spans="14:14">
      <c r="N381250" s="10"/>
    </row>
    <row r="381251" spans="14:14">
      <c r="N381251" s="10"/>
    </row>
    <row r="381252" spans="14:14">
      <c r="N381252" s="10"/>
    </row>
    <row r="381253" spans="14:14">
      <c r="N381253" s="10"/>
    </row>
    <row r="381254" spans="14:14">
      <c r="N381254" s="10"/>
    </row>
    <row r="381255" spans="14:14">
      <c r="N381255" s="10"/>
    </row>
    <row r="381256" spans="14:14">
      <c r="N381256" s="10"/>
    </row>
    <row r="381257" spans="14:14">
      <c r="N381257" s="10"/>
    </row>
    <row r="381258" spans="14:14">
      <c r="N381258" s="10"/>
    </row>
    <row r="381259" spans="14:14">
      <c r="N381259" s="10"/>
    </row>
    <row r="381260" spans="14:14">
      <c r="N381260" s="10"/>
    </row>
    <row r="381261" spans="14:14">
      <c r="N381261" s="10"/>
    </row>
    <row r="381262" spans="14:14">
      <c r="N381262" s="10"/>
    </row>
    <row r="381263" spans="14:14">
      <c r="N381263" s="10"/>
    </row>
    <row r="381264" spans="14:14">
      <c r="N381264" s="10"/>
    </row>
    <row r="381265" spans="14:14">
      <c r="N381265" s="10"/>
    </row>
    <row r="381266" spans="14:14">
      <c r="N381266" s="10"/>
    </row>
    <row r="381267" spans="14:14">
      <c r="N381267" s="10"/>
    </row>
    <row r="381268" spans="14:14">
      <c r="N381268" s="10"/>
    </row>
    <row r="381269" spans="14:14">
      <c r="N381269" s="10"/>
    </row>
    <row r="381270" spans="14:14">
      <c r="N381270" s="10"/>
    </row>
    <row r="381271" spans="14:14">
      <c r="N381271" s="10"/>
    </row>
    <row r="381272" spans="14:14">
      <c r="N381272" s="10"/>
    </row>
    <row r="381273" spans="14:14">
      <c r="N381273" s="10"/>
    </row>
    <row r="381274" spans="14:14">
      <c r="N381274" s="10"/>
    </row>
    <row r="381275" spans="14:14">
      <c r="N381275" s="10"/>
    </row>
    <row r="381276" spans="14:14">
      <c r="N381276" s="10"/>
    </row>
    <row r="381277" spans="14:14">
      <c r="N381277" s="10"/>
    </row>
    <row r="381278" spans="14:14">
      <c r="N381278" s="10"/>
    </row>
    <row r="381279" spans="14:14">
      <c r="N381279" s="10"/>
    </row>
    <row r="381280" spans="14:14">
      <c r="N381280" s="10"/>
    </row>
    <row r="381281" spans="14:14">
      <c r="N381281" s="10"/>
    </row>
    <row r="381282" spans="14:14">
      <c r="N381282" s="10"/>
    </row>
    <row r="381283" spans="14:14">
      <c r="N381283" s="10"/>
    </row>
    <row r="381284" spans="14:14">
      <c r="N381284" s="10"/>
    </row>
    <row r="381285" spans="14:14">
      <c r="N381285" s="10"/>
    </row>
    <row r="381286" spans="14:14">
      <c r="N381286" s="10"/>
    </row>
    <row r="381287" spans="14:14">
      <c r="N381287" s="10"/>
    </row>
    <row r="381288" spans="14:14">
      <c r="N381288" s="10"/>
    </row>
    <row r="381289" spans="14:14">
      <c r="N381289" s="10"/>
    </row>
    <row r="381290" spans="14:14">
      <c r="N381290" s="10"/>
    </row>
    <row r="381291" spans="14:14">
      <c r="N381291" s="10"/>
    </row>
    <row r="381292" spans="14:14">
      <c r="N381292" s="10"/>
    </row>
    <row r="381293" spans="14:14">
      <c r="N381293" s="10"/>
    </row>
    <row r="381294" spans="14:14">
      <c r="N381294" s="10"/>
    </row>
    <row r="381295" spans="14:14">
      <c r="N381295" s="10"/>
    </row>
    <row r="381296" spans="14:14">
      <c r="N381296" s="10"/>
    </row>
    <row r="381297" spans="14:14">
      <c r="N381297" s="10"/>
    </row>
    <row r="381298" spans="14:14">
      <c r="N381298" s="10"/>
    </row>
    <row r="381299" spans="14:14">
      <c r="N381299" s="10"/>
    </row>
    <row r="381300" spans="14:14">
      <c r="N381300" s="10"/>
    </row>
    <row r="381301" spans="14:14">
      <c r="N381301" s="10"/>
    </row>
    <row r="381302" spans="14:14">
      <c r="N381302" s="10"/>
    </row>
    <row r="381303" spans="14:14">
      <c r="N381303" s="10"/>
    </row>
    <row r="381304" spans="14:14">
      <c r="N381304" s="10"/>
    </row>
    <row r="381305" spans="14:14">
      <c r="N381305" s="10"/>
    </row>
    <row r="381306" spans="14:14">
      <c r="N381306" s="10"/>
    </row>
    <row r="381307" spans="14:14">
      <c r="N381307" s="10"/>
    </row>
    <row r="381308" spans="14:14">
      <c r="N381308" s="10"/>
    </row>
    <row r="381309" spans="14:14">
      <c r="N381309" s="10"/>
    </row>
    <row r="381310" spans="14:14">
      <c r="N381310" s="10"/>
    </row>
    <row r="381311" spans="14:14">
      <c r="N381311" s="10"/>
    </row>
    <row r="381312" spans="14:14">
      <c r="N381312" s="10"/>
    </row>
    <row r="381313" spans="14:14">
      <c r="N381313" s="10"/>
    </row>
    <row r="381314" spans="14:14">
      <c r="N381314" s="10"/>
    </row>
    <row r="381315" spans="14:14">
      <c r="N381315" s="10"/>
    </row>
    <row r="381316" spans="14:14">
      <c r="N381316" s="10"/>
    </row>
    <row r="381317" spans="14:14">
      <c r="N381317" s="10"/>
    </row>
    <row r="381318" spans="14:14">
      <c r="N381318" s="10"/>
    </row>
    <row r="381319" spans="14:14">
      <c r="N381319" s="10"/>
    </row>
    <row r="381320" spans="14:14">
      <c r="N381320" s="10"/>
    </row>
    <row r="381321" spans="14:14">
      <c r="N381321" s="10"/>
    </row>
    <row r="381322" spans="14:14">
      <c r="N381322" s="10"/>
    </row>
    <row r="381323" spans="14:14">
      <c r="N381323" s="10"/>
    </row>
    <row r="381324" spans="14:14">
      <c r="N381324" s="10"/>
    </row>
    <row r="381325" spans="14:14">
      <c r="N381325" s="10"/>
    </row>
    <row r="381326" spans="14:14">
      <c r="N381326" s="10"/>
    </row>
    <row r="381327" spans="14:14">
      <c r="N381327" s="10"/>
    </row>
    <row r="381328" spans="14:14">
      <c r="N381328" s="10"/>
    </row>
    <row r="381329" spans="14:14">
      <c r="N381329" s="10"/>
    </row>
    <row r="381330" spans="14:14">
      <c r="N381330" s="10"/>
    </row>
    <row r="381331" spans="14:14">
      <c r="N381331" s="10"/>
    </row>
    <row r="381332" spans="14:14">
      <c r="N381332" s="10"/>
    </row>
    <row r="381333" spans="14:14">
      <c r="N381333" s="10"/>
    </row>
    <row r="381334" spans="14:14">
      <c r="N381334" s="10"/>
    </row>
    <row r="381335" spans="14:14">
      <c r="N381335" s="10"/>
    </row>
    <row r="381336" spans="14:14">
      <c r="N381336" s="10"/>
    </row>
    <row r="381337" spans="14:14">
      <c r="N381337" s="10"/>
    </row>
    <row r="381338" spans="14:14">
      <c r="N381338" s="10"/>
    </row>
    <row r="381339" spans="14:14">
      <c r="N381339" s="10"/>
    </row>
    <row r="381340" spans="14:14">
      <c r="N381340" s="10"/>
    </row>
    <row r="381341" spans="14:14">
      <c r="N381341" s="10"/>
    </row>
    <row r="381342" spans="14:14">
      <c r="N381342" s="10"/>
    </row>
    <row r="381343" spans="14:14">
      <c r="N381343" s="10"/>
    </row>
    <row r="381344" spans="14:14">
      <c r="N381344" s="10"/>
    </row>
    <row r="381345" spans="14:14">
      <c r="N381345" s="10"/>
    </row>
    <row r="381346" spans="14:14">
      <c r="N381346" s="10"/>
    </row>
    <row r="381347" spans="14:14">
      <c r="N381347" s="10"/>
    </row>
    <row r="381348" spans="14:14">
      <c r="N381348" s="10"/>
    </row>
    <row r="381349" spans="14:14">
      <c r="N381349" s="10"/>
    </row>
    <row r="381350" spans="14:14">
      <c r="N381350" s="10"/>
    </row>
    <row r="381351" spans="14:14">
      <c r="N381351" s="10"/>
    </row>
    <row r="381352" spans="14:14">
      <c r="N381352" s="10"/>
    </row>
    <row r="381353" spans="14:14">
      <c r="N381353" s="10"/>
    </row>
    <row r="381354" spans="14:14">
      <c r="N381354" s="10"/>
    </row>
    <row r="381355" spans="14:14">
      <c r="N381355" s="10"/>
    </row>
    <row r="381356" spans="14:14">
      <c r="N381356" s="10"/>
    </row>
    <row r="381357" spans="14:14">
      <c r="N381357" s="10"/>
    </row>
    <row r="381358" spans="14:14">
      <c r="N381358" s="10"/>
    </row>
    <row r="381359" spans="14:14">
      <c r="N381359" s="10"/>
    </row>
    <row r="381360" spans="14:14">
      <c r="N381360" s="10"/>
    </row>
    <row r="381361" spans="14:14">
      <c r="N381361" s="10"/>
    </row>
    <row r="381362" spans="14:14">
      <c r="N381362" s="10"/>
    </row>
    <row r="381363" spans="14:14">
      <c r="N381363" s="10"/>
    </row>
    <row r="381364" spans="14:14">
      <c r="N381364" s="10"/>
    </row>
    <row r="381365" spans="14:14">
      <c r="N381365" s="10"/>
    </row>
    <row r="381366" spans="14:14">
      <c r="N381366" s="10"/>
    </row>
    <row r="381367" spans="14:14">
      <c r="N381367" s="10"/>
    </row>
    <row r="381368" spans="14:14">
      <c r="N381368" s="10"/>
    </row>
    <row r="381369" spans="14:14">
      <c r="N381369" s="10"/>
    </row>
    <row r="381370" spans="14:14">
      <c r="N381370" s="10"/>
    </row>
    <row r="381371" spans="14:14">
      <c r="N381371" s="10"/>
    </row>
    <row r="381372" spans="14:14">
      <c r="N381372" s="10"/>
    </row>
    <row r="381373" spans="14:14">
      <c r="N381373" s="10"/>
    </row>
    <row r="381374" spans="14:14">
      <c r="N381374" s="10"/>
    </row>
    <row r="381375" spans="14:14">
      <c r="N381375" s="10"/>
    </row>
    <row r="381376" spans="14:14">
      <c r="N381376" s="10"/>
    </row>
    <row r="381377" spans="14:14">
      <c r="N381377" s="10"/>
    </row>
    <row r="381378" spans="14:14">
      <c r="N381378" s="10"/>
    </row>
    <row r="381379" spans="14:14">
      <c r="N381379" s="10"/>
    </row>
    <row r="381380" spans="14:14">
      <c r="N381380" s="10"/>
    </row>
    <row r="381381" spans="14:14">
      <c r="N381381" s="10"/>
    </row>
    <row r="381382" spans="14:14">
      <c r="N381382" s="10"/>
    </row>
    <row r="381383" spans="14:14">
      <c r="N381383" s="10"/>
    </row>
    <row r="381384" spans="14:14">
      <c r="N381384" s="10"/>
    </row>
    <row r="381385" spans="14:14">
      <c r="N381385" s="10"/>
    </row>
    <row r="381386" spans="14:14">
      <c r="N381386" s="10"/>
    </row>
    <row r="381387" spans="14:14">
      <c r="N381387" s="10"/>
    </row>
    <row r="381388" spans="14:14">
      <c r="N381388" s="10"/>
    </row>
    <row r="381389" spans="14:14">
      <c r="N381389" s="10"/>
    </row>
    <row r="381390" spans="14:14">
      <c r="N381390" s="10"/>
    </row>
    <row r="381391" spans="14:14">
      <c r="N381391" s="10"/>
    </row>
    <row r="381392" spans="14:14">
      <c r="N381392" s="10"/>
    </row>
    <row r="381393" spans="14:14">
      <c r="N381393" s="10"/>
    </row>
    <row r="381394" spans="14:14">
      <c r="N381394" s="10"/>
    </row>
    <row r="381395" spans="14:14">
      <c r="N381395" s="10"/>
    </row>
    <row r="381396" spans="14:14">
      <c r="N381396" s="10"/>
    </row>
    <row r="381397" spans="14:14">
      <c r="N381397" s="10"/>
    </row>
    <row r="381398" spans="14:14">
      <c r="N381398" s="10"/>
    </row>
    <row r="381399" spans="14:14">
      <c r="N381399" s="10"/>
    </row>
    <row r="381400" spans="14:14">
      <c r="N381400" s="10"/>
    </row>
    <row r="381401" spans="14:14">
      <c r="N381401" s="10"/>
    </row>
    <row r="381402" spans="14:14">
      <c r="N381402" s="10"/>
    </row>
    <row r="381403" spans="14:14">
      <c r="N381403" s="10"/>
    </row>
    <row r="381404" spans="14:14">
      <c r="N381404" s="10"/>
    </row>
    <row r="381405" spans="14:14">
      <c r="N381405" s="10"/>
    </row>
    <row r="381406" spans="14:14">
      <c r="N381406" s="10"/>
    </row>
    <row r="381407" spans="14:14">
      <c r="N381407" s="10"/>
    </row>
    <row r="381408" spans="14:14">
      <c r="N381408" s="10"/>
    </row>
    <row r="381409" spans="14:14">
      <c r="N381409" s="10"/>
    </row>
    <row r="381410" spans="14:14">
      <c r="N381410" s="10"/>
    </row>
    <row r="381411" spans="14:14">
      <c r="N381411" s="10"/>
    </row>
    <row r="381412" spans="14:14">
      <c r="N381412" s="10"/>
    </row>
    <row r="381413" spans="14:14">
      <c r="N381413" s="10"/>
    </row>
    <row r="381414" spans="14:14">
      <c r="N381414" s="10"/>
    </row>
    <row r="381415" spans="14:14">
      <c r="N381415" s="10"/>
    </row>
    <row r="381416" spans="14:14">
      <c r="N381416" s="10"/>
    </row>
    <row r="381417" spans="14:14">
      <c r="N381417" s="10"/>
    </row>
    <row r="381418" spans="14:14">
      <c r="N381418" s="10"/>
    </row>
    <row r="381419" spans="14:14">
      <c r="N381419" s="10"/>
    </row>
    <row r="381420" spans="14:14">
      <c r="N381420" s="10"/>
    </row>
    <row r="381421" spans="14:14">
      <c r="N381421" s="10"/>
    </row>
    <row r="381422" spans="14:14">
      <c r="N381422" s="10"/>
    </row>
    <row r="381423" spans="14:14">
      <c r="N381423" s="10"/>
    </row>
    <row r="381424" spans="14:14">
      <c r="N381424" s="10"/>
    </row>
    <row r="381425" spans="14:14">
      <c r="N381425" s="10"/>
    </row>
    <row r="381426" spans="14:14">
      <c r="N381426" s="10"/>
    </row>
    <row r="381427" spans="14:14">
      <c r="N381427" s="10"/>
    </row>
    <row r="381428" spans="14:14">
      <c r="N381428" s="10"/>
    </row>
    <row r="381429" spans="14:14">
      <c r="N381429" s="10"/>
    </row>
    <row r="381430" spans="14:14">
      <c r="N381430" s="10"/>
    </row>
    <row r="381431" spans="14:14">
      <c r="N381431" s="10"/>
    </row>
    <row r="381432" spans="14:14">
      <c r="N381432" s="10"/>
    </row>
    <row r="381433" spans="14:14">
      <c r="N381433" s="10"/>
    </row>
    <row r="381434" spans="14:14">
      <c r="N381434" s="10"/>
    </row>
    <row r="381435" spans="14:14">
      <c r="N381435" s="10"/>
    </row>
    <row r="381436" spans="14:14">
      <c r="N381436" s="10"/>
    </row>
    <row r="381437" spans="14:14">
      <c r="N381437" s="10"/>
    </row>
    <row r="381438" spans="14:14">
      <c r="N381438" s="10"/>
    </row>
    <row r="381439" spans="14:14">
      <c r="N381439" s="10"/>
    </row>
    <row r="381440" spans="14:14">
      <c r="N381440" s="10"/>
    </row>
    <row r="381441" spans="14:14">
      <c r="N381441" s="10"/>
    </row>
    <row r="381442" spans="14:14">
      <c r="N381442" s="10"/>
    </row>
    <row r="381443" spans="14:14">
      <c r="N381443" s="10"/>
    </row>
    <row r="381444" spans="14:14">
      <c r="N381444" s="10"/>
    </row>
    <row r="381445" spans="14:14">
      <c r="N381445" s="10"/>
    </row>
    <row r="381446" spans="14:14">
      <c r="N381446" s="10"/>
    </row>
    <row r="381447" spans="14:14">
      <c r="N381447" s="10"/>
    </row>
    <row r="381448" spans="14:14">
      <c r="N381448" s="10"/>
    </row>
    <row r="381449" spans="14:14">
      <c r="N381449" s="10"/>
    </row>
    <row r="381450" spans="14:14">
      <c r="N381450" s="10"/>
    </row>
    <row r="381451" spans="14:14">
      <c r="N381451" s="10"/>
    </row>
    <row r="381452" spans="14:14">
      <c r="N381452" s="10"/>
    </row>
    <row r="381453" spans="14:14">
      <c r="N381453" s="10"/>
    </row>
    <row r="381454" spans="14:14">
      <c r="N381454" s="10"/>
    </row>
    <row r="381455" spans="14:14">
      <c r="N381455" s="10"/>
    </row>
    <row r="381456" spans="14:14">
      <c r="N381456" s="10"/>
    </row>
    <row r="381457" spans="14:14">
      <c r="N381457" s="10"/>
    </row>
    <row r="381458" spans="14:14">
      <c r="N381458" s="10"/>
    </row>
    <row r="381459" spans="14:14">
      <c r="N381459" s="10"/>
    </row>
    <row r="381460" spans="14:14">
      <c r="N381460" s="10"/>
    </row>
    <row r="381461" spans="14:14">
      <c r="N381461" s="10"/>
    </row>
    <row r="381462" spans="14:14">
      <c r="N381462" s="10"/>
    </row>
    <row r="381463" spans="14:14">
      <c r="N381463" s="10"/>
    </row>
    <row r="381464" spans="14:14">
      <c r="N381464" s="10"/>
    </row>
    <row r="381465" spans="14:14">
      <c r="N381465" s="10"/>
    </row>
    <row r="381466" spans="14:14">
      <c r="N381466" s="10"/>
    </row>
    <row r="381467" spans="14:14">
      <c r="N381467" s="10"/>
    </row>
    <row r="381468" spans="14:14">
      <c r="N381468" s="10"/>
    </row>
    <row r="381469" spans="14:14">
      <c r="N381469" s="10"/>
    </row>
    <row r="381470" spans="14:14">
      <c r="N381470" s="10"/>
    </row>
    <row r="381471" spans="14:14">
      <c r="N381471" s="10"/>
    </row>
    <row r="381472" spans="14:14">
      <c r="N381472" s="10"/>
    </row>
    <row r="381473" spans="14:14">
      <c r="N381473" s="10"/>
    </row>
    <row r="381474" spans="14:14">
      <c r="N381474" s="10"/>
    </row>
    <row r="381475" spans="14:14">
      <c r="N381475" s="10"/>
    </row>
    <row r="381476" spans="14:14">
      <c r="N381476" s="10"/>
    </row>
    <row r="381477" spans="14:14">
      <c r="N381477" s="10"/>
    </row>
    <row r="381478" spans="14:14">
      <c r="N381478" s="10"/>
    </row>
    <row r="381479" spans="14:14">
      <c r="N381479" s="10"/>
    </row>
    <row r="381480" spans="14:14">
      <c r="N381480" s="10"/>
    </row>
    <row r="381481" spans="14:14">
      <c r="N381481" s="10"/>
    </row>
    <row r="381482" spans="14:14">
      <c r="N381482" s="10"/>
    </row>
    <row r="381483" spans="14:14">
      <c r="N381483" s="10"/>
    </row>
    <row r="381484" spans="14:14">
      <c r="N381484" s="10"/>
    </row>
    <row r="381485" spans="14:14">
      <c r="N381485" s="10"/>
    </row>
    <row r="381486" spans="14:14">
      <c r="N381486" s="10"/>
    </row>
    <row r="381487" spans="14:14">
      <c r="N381487" s="10"/>
    </row>
    <row r="381488" spans="14:14">
      <c r="N381488" s="10"/>
    </row>
    <row r="381489" spans="14:14">
      <c r="N381489" s="10"/>
    </row>
    <row r="381490" spans="14:14">
      <c r="N381490" s="10"/>
    </row>
    <row r="381491" spans="14:14">
      <c r="N381491" s="10"/>
    </row>
    <row r="381492" spans="14:14">
      <c r="N381492" s="10"/>
    </row>
    <row r="381493" spans="14:14">
      <c r="N381493" s="10"/>
    </row>
    <row r="381494" spans="14:14">
      <c r="N381494" s="10"/>
    </row>
    <row r="381495" spans="14:14">
      <c r="N381495" s="10"/>
    </row>
    <row r="381496" spans="14:14">
      <c r="N381496" s="10"/>
    </row>
    <row r="381497" spans="14:14">
      <c r="N381497" s="10"/>
    </row>
    <row r="381498" spans="14:14">
      <c r="N381498" s="10"/>
    </row>
    <row r="381499" spans="14:14">
      <c r="N381499" s="10"/>
    </row>
    <row r="381500" spans="14:14">
      <c r="N381500" s="10"/>
    </row>
    <row r="381501" spans="14:14">
      <c r="N381501" s="10"/>
    </row>
    <row r="381502" spans="14:14">
      <c r="N381502" s="10"/>
    </row>
    <row r="381503" spans="14:14">
      <c r="N381503" s="10"/>
    </row>
    <row r="381504" spans="14:14">
      <c r="N381504" s="10"/>
    </row>
    <row r="381505" spans="14:14">
      <c r="N381505" s="10"/>
    </row>
    <row r="381506" spans="14:14">
      <c r="N381506" s="10"/>
    </row>
    <row r="381507" spans="14:14">
      <c r="N381507" s="10"/>
    </row>
    <row r="381508" spans="14:14">
      <c r="N381508" s="10"/>
    </row>
    <row r="381509" spans="14:14">
      <c r="N381509" s="10"/>
    </row>
    <row r="381510" spans="14:14">
      <c r="N381510" s="10"/>
    </row>
    <row r="381511" spans="14:14">
      <c r="N381511" s="10"/>
    </row>
    <row r="381512" spans="14:14">
      <c r="N381512" s="10"/>
    </row>
    <row r="381513" spans="14:14">
      <c r="N381513" s="10"/>
    </row>
    <row r="381514" spans="14:14">
      <c r="N381514" s="10"/>
    </row>
    <row r="381515" spans="14:14">
      <c r="N381515" s="10"/>
    </row>
    <row r="381516" spans="14:14">
      <c r="N381516" s="10"/>
    </row>
    <row r="381517" spans="14:14">
      <c r="N381517" s="10"/>
    </row>
    <row r="381518" spans="14:14">
      <c r="N381518" s="10"/>
    </row>
    <row r="381519" spans="14:14">
      <c r="N381519" s="10"/>
    </row>
    <row r="381520" spans="14:14">
      <c r="N381520" s="10"/>
    </row>
    <row r="381521" spans="14:14">
      <c r="N381521" s="10"/>
    </row>
    <row r="381522" spans="14:14">
      <c r="N381522" s="10"/>
    </row>
    <row r="381523" spans="14:14">
      <c r="N381523" s="10"/>
    </row>
    <row r="381524" spans="14:14">
      <c r="N381524" s="10"/>
    </row>
    <row r="381525" spans="14:14">
      <c r="N381525" s="10"/>
    </row>
    <row r="381526" spans="14:14">
      <c r="N381526" s="10"/>
    </row>
    <row r="381527" spans="14:14">
      <c r="N381527" s="10"/>
    </row>
    <row r="381528" spans="14:14">
      <c r="N381528" s="10"/>
    </row>
    <row r="381529" spans="14:14">
      <c r="N381529" s="10"/>
    </row>
    <row r="381530" spans="14:14">
      <c r="N381530" s="10"/>
    </row>
    <row r="381531" spans="14:14">
      <c r="N381531" s="10"/>
    </row>
    <row r="381532" spans="14:14">
      <c r="N381532" s="10"/>
    </row>
    <row r="381533" spans="14:14">
      <c r="N381533" s="10"/>
    </row>
    <row r="381534" spans="14:14">
      <c r="N381534" s="10"/>
    </row>
    <row r="381535" spans="14:14">
      <c r="N381535" s="10"/>
    </row>
    <row r="381536" spans="14:14">
      <c r="N381536" s="10"/>
    </row>
    <row r="381537" spans="14:14">
      <c r="N381537" s="10"/>
    </row>
    <row r="381538" spans="14:14">
      <c r="N381538" s="10"/>
    </row>
    <row r="381539" spans="14:14">
      <c r="N381539" s="10"/>
    </row>
    <row r="381540" spans="14:14">
      <c r="N381540" s="10"/>
    </row>
    <row r="381541" spans="14:14">
      <c r="N381541" s="10"/>
    </row>
    <row r="381542" spans="14:14">
      <c r="N381542" s="10"/>
    </row>
    <row r="381543" spans="14:14">
      <c r="N381543" s="10"/>
    </row>
    <row r="381544" spans="14:14">
      <c r="N381544" s="10"/>
    </row>
    <row r="381545" spans="14:14">
      <c r="N381545" s="10"/>
    </row>
    <row r="381546" spans="14:14">
      <c r="N381546" s="10"/>
    </row>
    <row r="381547" spans="14:14">
      <c r="N381547" s="10"/>
    </row>
    <row r="381548" spans="14:14">
      <c r="N381548" s="10"/>
    </row>
    <row r="381549" spans="14:14">
      <c r="N381549" s="10"/>
    </row>
    <row r="381550" spans="14:14">
      <c r="N381550" s="10"/>
    </row>
    <row r="381551" spans="14:14">
      <c r="N381551" s="10"/>
    </row>
    <row r="381552" spans="14:14">
      <c r="N381552" s="10"/>
    </row>
    <row r="381553" spans="14:14">
      <c r="N381553" s="10"/>
    </row>
    <row r="381554" spans="14:14">
      <c r="N381554" s="10"/>
    </row>
    <row r="381555" spans="14:14">
      <c r="N381555" s="10"/>
    </row>
    <row r="381556" spans="14:14">
      <c r="N381556" s="10"/>
    </row>
    <row r="381557" spans="14:14">
      <c r="N381557" s="10"/>
    </row>
    <row r="381558" spans="14:14">
      <c r="N381558" s="10"/>
    </row>
    <row r="381559" spans="14:14">
      <c r="N381559" s="10"/>
    </row>
    <row r="381560" spans="14:14">
      <c r="N381560" s="10"/>
    </row>
    <row r="381561" spans="14:14">
      <c r="N381561" s="10"/>
    </row>
    <row r="381562" spans="14:14">
      <c r="N381562" s="10"/>
    </row>
    <row r="381563" spans="14:14">
      <c r="N381563" s="10"/>
    </row>
    <row r="381564" spans="14:14">
      <c r="N381564" s="10"/>
    </row>
    <row r="381565" spans="14:14">
      <c r="N381565" s="10"/>
    </row>
    <row r="381566" spans="14:14">
      <c r="N381566" s="10"/>
    </row>
    <row r="381567" spans="14:14">
      <c r="N381567" s="10"/>
    </row>
    <row r="381568" spans="14:14">
      <c r="N381568" s="10"/>
    </row>
    <row r="381569" spans="14:14">
      <c r="N381569" s="10"/>
    </row>
    <row r="381570" spans="14:14">
      <c r="N381570" s="10"/>
    </row>
    <row r="381571" spans="14:14">
      <c r="N381571" s="10"/>
    </row>
    <row r="381572" spans="14:14">
      <c r="N381572" s="10"/>
    </row>
    <row r="381573" spans="14:14">
      <c r="N381573" s="10"/>
    </row>
    <row r="381574" spans="14:14">
      <c r="N381574" s="10"/>
    </row>
    <row r="381575" spans="14:14">
      <c r="N381575" s="10"/>
    </row>
    <row r="381576" spans="14:14">
      <c r="N381576" s="10"/>
    </row>
    <row r="381577" spans="14:14">
      <c r="N381577" s="10"/>
    </row>
    <row r="381578" spans="14:14">
      <c r="N381578" s="10"/>
    </row>
    <row r="381579" spans="14:14">
      <c r="N381579" s="10"/>
    </row>
    <row r="381580" spans="14:14">
      <c r="N381580" s="10"/>
    </row>
    <row r="381581" spans="14:14">
      <c r="N381581" s="10"/>
    </row>
    <row r="381582" spans="14:14">
      <c r="N381582" s="10"/>
    </row>
    <row r="381583" spans="14:14">
      <c r="N381583" s="10"/>
    </row>
    <row r="381584" spans="14:14">
      <c r="N381584" s="10"/>
    </row>
    <row r="381585" spans="14:14">
      <c r="N381585" s="10"/>
    </row>
    <row r="381586" spans="14:14">
      <c r="N381586" s="10"/>
    </row>
    <row r="381587" spans="14:14">
      <c r="N381587" s="10"/>
    </row>
    <row r="381588" spans="14:14">
      <c r="N381588" s="10"/>
    </row>
    <row r="381589" spans="14:14">
      <c r="N381589" s="10"/>
    </row>
    <row r="381590" spans="14:14">
      <c r="N381590" s="10"/>
    </row>
    <row r="381591" spans="14:14">
      <c r="N381591" s="10"/>
    </row>
    <row r="381592" spans="14:14">
      <c r="N381592" s="10"/>
    </row>
    <row r="381593" spans="14:14">
      <c r="N381593" s="10"/>
    </row>
    <row r="381594" spans="14:14">
      <c r="N381594" s="10"/>
    </row>
    <row r="381595" spans="14:14">
      <c r="N381595" s="10"/>
    </row>
    <row r="381596" spans="14:14">
      <c r="N381596" s="10"/>
    </row>
    <row r="381597" spans="14:14">
      <c r="N381597" s="10"/>
    </row>
    <row r="381598" spans="14:14">
      <c r="N381598" s="10"/>
    </row>
    <row r="381599" spans="14:14">
      <c r="N381599" s="10"/>
    </row>
    <row r="381600" spans="14:14">
      <c r="N381600" s="10"/>
    </row>
    <row r="381601" spans="14:14">
      <c r="N381601" s="10"/>
    </row>
    <row r="381602" spans="14:14">
      <c r="N381602" s="10"/>
    </row>
    <row r="381603" spans="14:14">
      <c r="N381603" s="10"/>
    </row>
    <row r="381604" spans="14:14">
      <c r="N381604" s="10"/>
    </row>
    <row r="381605" spans="14:14">
      <c r="N381605" s="10"/>
    </row>
    <row r="381606" spans="14:14">
      <c r="N381606" s="10"/>
    </row>
    <row r="381607" spans="14:14">
      <c r="N381607" s="10"/>
    </row>
    <row r="381608" spans="14:14">
      <c r="N381608" s="10"/>
    </row>
    <row r="381609" spans="14:14">
      <c r="N381609" s="10"/>
    </row>
    <row r="381610" spans="14:14">
      <c r="N381610" s="10"/>
    </row>
    <row r="381611" spans="14:14">
      <c r="N381611" s="10"/>
    </row>
    <row r="381612" spans="14:14">
      <c r="N381612" s="10"/>
    </row>
    <row r="381613" spans="14:14">
      <c r="N381613" s="10"/>
    </row>
    <row r="381614" spans="14:14">
      <c r="N381614" s="10"/>
    </row>
    <row r="381615" spans="14:14">
      <c r="N381615" s="10"/>
    </row>
    <row r="381616" spans="14:14">
      <c r="N381616" s="10"/>
    </row>
    <row r="381617" spans="14:14">
      <c r="N381617" s="10"/>
    </row>
    <row r="381618" spans="14:14">
      <c r="N381618" s="10"/>
    </row>
    <row r="381619" spans="14:14">
      <c r="N381619" s="10"/>
    </row>
    <row r="381620" spans="14:14">
      <c r="N381620" s="10"/>
    </row>
    <row r="381621" spans="14:14">
      <c r="N381621" s="10"/>
    </row>
    <row r="381622" spans="14:14">
      <c r="N381622" s="10"/>
    </row>
    <row r="381623" spans="14:14">
      <c r="N381623" s="10"/>
    </row>
    <row r="381624" spans="14:14">
      <c r="N381624" s="10"/>
    </row>
    <row r="381625" spans="14:14">
      <c r="N381625" s="10"/>
    </row>
    <row r="381626" spans="14:14">
      <c r="N381626" s="10"/>
    </row>
    <row r="381627" spans="14:14">
      <c r="N381627" s="10"/>
    </row>
    <row r="381628" spans="14:14">
      <c r="N381628" s="10"/>
    </row>
    <row r="381629" spans="14:14">
      <c r="N381629" s="10"/>
    </row>
    <row r="381630" spans="14:14">
      <c r="N381630" s="10"/>
    </row>
    <row r="381631" spans="14:14">
      <c r="N381631" s="10"/>
    </row>
    <row r="381632" spans="14:14">
      <c r="N381632" s="10"/>
    </row>
    <row r="381633" spans="14:14">
      <c r="N381633" s="10"/>
    </row>
    <row r="381634" spans="14:14">
      <c r="N381634" s="10"/>
    </row>
    <row r="381635" spans="14:14">
      <c r="N381635" s="10"/>
    </row>
    <row r="381636" spans="14:14">
      <c r="N381636" s="10"/>
    </row>
    <row r="381637" spans="14:14">
      <c r="N381637" s="10"/>
    </row>
    <row r="381638" spans="14:14">
      <c r="N381638" s="10"/>
    </row>
    <row r="381639" spans="14:14">
      <c r="N381639" s="10"/>
    </row>
    <row r="381640" spans="14:14">
      <c r="N381640" s="10"/>
    </row>
    <row r="381641" spans="14:14">
      <c r="N381641" s="10"/>
    </row>
    <row r="381642" spans="14:14">
      <c r="N381642" s="10"/>
    </row>
    <row r="381643" spans="14:14">
      <c r="N381643" s="10"/>
    </row>
    <row r="381644" spans="14:14">
      <c r="N381644" s="10"/>
    </row>
    <row r="381645" spans="14:14">
      <c r="N381645" s="10"/>
    </row>
    <row r="381646" spans="14:14">
      <c r="N381646" s="10"/>
    </row>
    <row r="381647" spans="14:14">
      <c r="N381647" s="10"/>
    </row>
    <row r="381648" spans="14:14">
      <c r="N381648" s="10"/>
    </row>
    <row r="381649" spans="14:14">
      <c r="N381649" s="10"/>
    </row>
    <row r="381650" spans="14:14">
      <c r="N381650" s="10"/>
    </row>
    <row r="381651" spans="14:14">
      <c r="N381651" s="10"/>
    </row>
    <row r="381652" spans="14:14">
      <c r="N381652" s="10"/>
    </row>
    <row r="381653" spans="14:14">
      <c r="N381653" s="10"/>
    </row>
    <row r="381654" spans="14:14">
      <c r="N381654" s="10"/>
    </row>
    <row r="381655" spans="14:14">
      <c r="N381655" s="10"/>
    </row>
    <row r="381656" spans="14:14">
      <c r="N381656" s="10"/>
    </row>
    <row r="381657" spans="14:14">
      <c r="N381657" s="10"/>
    </row>
    <row r="381658" spans="14:14">
      <c r="N381658" s="10"/>
    </row>
    <row r="381659" spans="14:14">
      <c r="N381659" s="10"/>
    </row>
    <row r="381660" spans="14:14">
      <c r="N381660" s="10"/>
    </row>
    <row r="381661" spans="14:14">
      <c r="N381661" s="10"/>
    </row>
    <row r="381662" spans="14:14">
      <c r="N381662" s="10"/>
    </row>
    <row r="381663" spans="14:14">
      <c r="N381663" s="10"/>
    </row>
    <row r="381664" spans="14:14">
      <c r="N381664" s="10"/>
    </row>
    <row r="381665" spans="14:14">
      <c r="N381665" s="10"/>
    </row>
    <row r="381666" spans="14:14">
      <c r="N381666" s="10"/>
    </row>
    <row r="381667" spans="14:14">
      <c r="N381667" s="10"/>
    </row>
    <row r="381668" spans="14:14">
      <c r="N381668" s="10"/>
    </row>
    <row r="381669" spans="14:14">
      <c r="N381669" s="10"/>
    </row>
    <row r="381670" spans="14:14">
      <c r="N381670" s="10"/>
    </row>
    <row r="381671" spans="14:14">
      <c r="N381671" s="10"/>
    </row>
    <row r="381672" spans="14:14">
      <c r="N381672" s="10"/>
    </row>
    <row r="381673" spans="14:14">
      <c r="N381673" s="10"/>
    </row>
    <row r="381674" spans="14:14">
      <c r="N381674" s="10"/>
    </row>
    <row r="381675" spans="14:14">
      <c r="N381675" s="10"/>
    </row>
    <row r="381676" spans="14:14">
      <c r="N381676" s="10"/>
    </row>
    <row r="381677" spans="14:14">
      <c r="N381677" s="10"/>
    </row>
    <row r="381678" spans="14:14">
      <c r="N381678" s="10"/>
    </row>
    <row r="381679" spans="14:14">
      <c r="N381679" s="10"/>
    </row>
    <row r="381680" spans="14:14">
      <c r="N381680" s="10"/>
    </row>
    <row r="381681" spans="14:14">
      <c r="N381681" s="10"/>
    </row>
    <row r="381682" spans="14:14">
      <c r="N381682" s="10"/>
    </row>
    <row r="381683" spans="14:14">
      <c r="N381683" s="10"/>
    </row>
    <row r="381684" spans="14:14">
      <c r="N381684" s="10"/>
    </row>
    <row r="381685" spans="14:14">
      <c r="N381685" s="10"/>
    </row>
    <row r="381686" spans="14:14">
      <c r="N381686" s="10"/>
    </row>
    <row r="381687" spans="14:14">
      <c r="N381687" s="10"/>
    </row>
    <row r="381688" spans="14:14">
      <c r="N381688" s="10"/>
    </row>
    <row r="381689" spans="14:14">
      <c r="N381689" s="10"/>
    </row>
    <row r="381690" spans="14:14">
      <c r="N381690" s="10"/>
    </row>
    <row r="381691" spans="14:14">
      <c r="N381691" s="10"/>
    </row>
    <row r="381692" spans="14:14">
      <c r="N381692" s="10"/>
    </row>
    <row r="381693" spans="14:14">
      <c r="N381693" s="10"/>
    </row>
    <row r="381694" spans="14:14">
      <c r="N381694" s="10"/>
    </row>
    <row r="381695" spans="14:14">
      <c r="N381695" s="10"/>
    </row>
    <row r="381696" spans="14:14">
      <c r="N381696" s="10"/>
    </row>
    <row r="381697" spans="14:14">
      <c r="N381697" s="10"/>
    </row>
    <row r="381698" spans="14:14">
      <c r="N381698" s="10"/>
    </row>
    <row r="381699" spans="14:14">
      <c r="N381699" s="10"/>
    </row>
    <row r="381700" spans="14:14">
      <c r="N381700" s="10"/>
    </row>
    <row r="381701" spans="14:14">
      <c r="N381701" s="10"/>
    </row>
    <row r="381702" spans="14:14">
      <c r="N381702" s="10"/>
    </row>
    <row r="381703" spans="14:14">
      <c r="N381703" s="10"/>
    </row>
    <row r="381704" spans="14:14">
      <c r="N381704" s="10"/>
    </row>
    <row r="381705" spans="14:14">
      <c r="N381705" s="10"/>
    </row>
    <row r="381706" spans="14:14">
      <c r="N381706" s="10"/>
    </row>
    <row r="381707" spans="14:14">
      <c r="N381707" s="10"/>
    </row>
    <row r="381708" spans="14:14">
      <c r="N381708" s="10"/>
    </row>
    <row r="381709" spans="14:14">
      <c r="N381709" s="10"/>
    </row>
    <row r="381710" spans="14:14">
      <c r="N381710" s="10"/>
    </row>
    <row r="381711" spans="14:14">
      <c r="N381711" s="10"/>
    </row>
    <row r="381712" spans="14:14">
      <c r="N381712" s="10"/>
    </row>
    <row r="381713" spans="14:14">
      <c r="N381713" s="10"/>
    </row>
    <row r="381714" spans="14:14">
      <c r="N381714" s="10"/>
    </row>
    <row r="381715" spans="14:14">
      <c r="N381715" s="10"/>
    </row>
    <row r="381716" spans="14:14">
      <c r="N381716" s="10"/>
    </row>
    <row r="381717" spans="14:14">
      <c r="N381717" s="10"/>
    </row>
    <row r="381718" spans="14:14">
      <c r="N381718" s="10"/>
    </row>
    <row r="381719" spans="14:14">
      <c r="N381719" s="10"/>
    </row>
    <row r="381720" spans="14:14">
      <c r="N381720" s="10"/>
    </row>
    <row r="381721" spans="14:14">
      <c r="N381721" s="10"/>
    </row>
    <row r="381722" spans="14:14">
      <c r="N381722" s="10"/>
    </row>
    <row r="381723" spans="14:14">
      <c r="N381723" s="10"/>
    </row>
    <row r="381724" spans="14:14">
      <c r="N381724" s="10"/>
    </row>
    <row r="381725" spans="14:14">
      <c r="N381725" s="10"/>
    </row>
    <row r="381726" spans="14:14">
      <c r="N381726" s="10"/>
    </row>
    <row r="381727" spans="14:14">
      <c r="N381727" s="10"/>
    </row>
    <row r="381728" spans="14:14">
      <c r="N381728" s="10"/>
    </row>
    <row r="381729" spans="14:14">
      <c r="N381729" s="10"/>
    </row>
    <row r="381730" spans="14:14">
      <c r="N381730" s="10"/>
    </row>
    <row r="381731" spans="14:14">
      <c r="N381731" s="10"/>
    </row>
    <row r="381732" spans="14:14">
      <c r="N381732" s="10"/>
    </row>
    <row r="381733" spans="14:14">
      <c r="N381733" s="10"/>
    </row>
    <row r="381734" spans="14:14">
      <c r="N381734" s="10"/>
    </row>
    <row r="381735" spans="14:14">
      <c r="N381735" s="10"/>
    </row>
    <row r="381736" spans="14:14">
      <c r="N381736" s="10"/>
    </row>
    <row r="381737" spans="14:14">
      <c r="N381737" s="10"/>
    </row>
    <row r="381738" spans="14:14">
      <c r="N381738" s="10"/>
    </row>
    <row r="381739" spans="14:14">
      <c r="N381739" s="10"/>
    </row>
    <row r="381740" spans="14:14">
      <c r="N381740" s="10"/>
    </row>
    <row r="381741" spans="14:14">
      <c r="N381741" s="10"/>
    </row>
    <row r="381742" spans="14:14">
      <c r="N381742" s="10"/>
    </row>
    <row r="381743" spans="14:14">
      <c r="N381743" s="10"/>
    </row>
    <row r="381744" spans="14:14">
      <c r="N381744" s="10"/>
    </row>
    <row r="381745" spans="14:14">
      <c r="N381745" s="10"/>
    </row>
    <row r="381746" spans="14:14">
      <c r="N381746" s="10"/>
    </row>
    <row r="381747" spans="14:14">
      <c r="N381747" s="10"/>
    </row>
    <row r="381748" spans="14:14">
      <c r="N381748" s="10"/>
    </row>
    <row r="381749" spans="14:14">
      <c r="N381749" s="10"/>
    </row>
    <row r="381750" spans="14:14">
      <c r="N381750" s="10"/>
    </row>
    <row r="381751" spans="14:14">
      <c r="N381751" s="10"/>
    </row>
    <row r="381752" spans="14:14">
      <c r="N381752" s="10"/>
    </row>
    <row r="381753" spans="14:14">
      <c r="N381753" s="10"/>
    </row>
    <row r="381754" spans="14:14">
      <c r="N381754" s="10"/>
    </row>
    <row r="381755" spans="14:14">
      <c r="N381755" s="10"/>
    </row>
    <row r="381756" spans="14:14">
      <c r="N381756" s="10"/>
    </row>
    <row r="381757" spans="14:14">
      <c r="N381757" s="10"/>
    </row>
    <row r="381758" spans="14:14">
      <c r="N381758" s="10"/>
    </row>
    <row r="381759" spans="14:14">
      <c r="N381759" s="10"/>
    </row>
    <row r="381760" spans="14:14">
      <c r="N381760" s="10"/>
    </row>
    <row r="381761" spans="14:14">
      <c r="N381761" s="10"/>
    </row>
    <row r="381762" spans="14:14">
      <c r="N381762" s="10"/>
    </row>
    <row r="381763" spans="14:14">
      <c r="N381763" s="10"/>
    </row>
    <row r="381764" spans="14:14">
      <c r="N381764" s="10"/>
    </row>
    <row r="381765" spans="14:14">
      <c r="N381765" s="10"/>
    </row>
    <row r="381766" spans="14:14">
      <c r="N381766" s="10"/>
    </row>
    <row r="381767" spans="14:14">
      <c r="N381767" s="10"/>
    </row>
    <row r="381768" spans="14:14">
      <c r="N381768" s="10"/>
    </row>
    <row r="381769" spans="14:14">
      <c r="N381769" s="10"/>
    </row>
    <row r="381770" spans="14:14">
      <c r="N381770" s="10"/>
    </row>
    <row r="381771" spans="14:14">
      <c r="N381771" s="10"/>
    </row>
    <row r="381772" spans="14:14">
      <c r="N381772" s="10"/>
    </row>
    <row r="381773" spans="14:14">
      <c r="N381773" s="10"/>
    </row>
    <row r="381774" spans="14:14">
      <c r="N381774" s="10"/>
    </row>
    <row r="381775" spans="14:14">
      <c r="N381775" s="10"/>
    </row>
    <row r="381776" spans="14:14">
      <c r="N381776" s="10"/>
    </row>
    <row r="381777" spans="14:14">
      <c r="N381777" s="10"/>
    </row>
    <row r="381778" spans="14:14">
      <c r="N381778" s="10"/>
    </row>
    <row r="381779" spans="14:14">
      <c r="N381779" s="10"/>
    </row>
    <row r="381780" spans="14:14">
      <c r="N381780" s="10"/>
    </row>
    <row r="381781" spans="14:14">
      <c r="N381781" s="10"/>
    </row>
    <row r="381782" spans="14:14">
      <c r="N381782" s="10"/>
    </row>
    <row r="381783" spans="14:14">
      <c r="N381783" s="10"/>
    </row>
    <row r="381784" spans="14:14">
      <c r="N381784" s="10"/>
    </row>
    <row r="381785" spans="14:14">
      <c r="N381785" s="10"/>
    </row>
    <row r="381786" spans="14:14">
      <c r="N381786" s="10"/>
    </row>
    <row r="381787" spans="14:14">
      <c r="N381787" s="10"/>
    </row>
    <row r="381788" spans="14:14">
      <c r="N381788" s="10"/>
    </row>
    <row r="381789" spans="14:14">
      <c r="N381789" s="10"/>
    </row>
    <row r="381790" spans="14:14">
      <c r="N381790" s="10"/>
    </row>
    <row r="381791" spans="14:14">
      <c r="N381791" s="10"/>
    </row>
    <row r="381792" spans="14:14">
      <c r="N381792" s="10"/>
    </row>
    <row r="381793" spans="14:14">
      <c r="N381793" s="10"/>
    </row>
    <row r="381794" spans="14:14">
      <c r="N381794" s="10"/>
    </row>
    <row r="381795" spans="14:14">
      <c r="N381795" s="10"/>
    </row>
    <row r="381796" spans="14:14">
      <c r="N381796" s="10"/>
    </row>
    <row r="381797" spans="14:14">
      <c r="N381797" s="10"/>
    </row>
    <row r="381798" spans="14:14">
      <c r="N381798" s="10"/>
    </row>
    <row r="381799" spans="14:14">
      <c r="N381799" s="10"/>
    </row>
    <row r="381800" spans="14:14">
      <c r="N381800" s="10"/>
    </row>
    <row r="381801" spans="14:14">
      <c r="N381801" s="10"/>
    </row>
    <row r="381802" spans="14:14">
      <c r="N381802" s="10"/>
    </row>
    <row r="381803" spans="14:14">
      <c r="N381803" s="10"/>
    </row>
    <row r="381804" spans="14:14">
      <c r="N381804" s="10"/>
    </row>
    <row r="381805" spans="14:14">
      <c r="N381805" s="10"/>
    </row>
    <row r="381806" spans="14:14">
      <c r="N381806" s="10"/>
    </row>
    <row r="381807" spans="14:14">
      <c r="N381807" s="10"/>
    </row>
    <row r="381808" spans="14:14">
      <c r="N381808" s="10"/>
    </row>
    <row r="381809" spans="14:14">
      <c r="N381809" s="10"/>
    </row>
    <row r="381810" spans="14:14">
      <c r="N381810" s="10"/>
    </row>
    <row r="381811" spans="14:14">
      <c r="N381811" s="10"/>
    </row>
    <row r="381812" spans="14:14">
      <c r="N381812" s="10"/>
    </row>
    <row r="381813" spans="14:14">
      <c r="N381813" s="10"/>
    </row>
    <row r="381814" spans="14:14">
      <c r="N381814" s="10"/>
    </row>
    <row r="381815" spans="14:14">
      <c r="N381815" s="10"/>
    </row>
    <row r="381816" spans="14:14">
      <c r="N381816" s="10"/>
    </row>
    <row r="381817" spans="14:14">
      <c r="N381817" s="10"/>
    </row>
    <row r="381818" spans="14:14">
      <c r="N381818" s="10"/>
    </row>
    <row r="381819" spans="14:14">
      <c r="N381819" s="10"/>
    </row>
    <row r="381820" spans="14:14">
      <c r="N381820" s="10"/>
    </row>
    <row r="381821" spans="14:14">
      <c r="N381821" s="10"/>
    </row>
    <row r="381822" spans="14:14">
      <c r="N381822" s="10"/>
    </row>
    <row r="381823" spans="14:14">
      <c r="N381823" s="10"/>
    </row>
    <row r="381824" spans="14:14">
      <c r="N381824" s="10"/>
    </row>
    <row r="381825" spans="14:14">
      <c r="N381825" s="10"/>
    </row>
    <row r="381826" spans="14:14">
      <c r="N381826" s="10"/>
    </row>
    <row r="381827" spans="14:14">
      <c r="N381827" s="10"/>
    </row>
    <row r="381828" spans="14:14">
      <c r="N381828" s="10"/>
    </row>
    <row r="381829" spans="14:14">
      <c r="N381829" s="10"/>
    </row>
    <row r="381830" spans="14:14">
      <c r="N381830" s="10"/>
    </row>
    <row r="381831" spans="14:14">
      <c r="N381831" s="10"/>
    </row>
    <row r="381832" spans="14:14">
      <c r="N381832" s="10"/>
    </row>
    <row r="381833" spans="14:14">
      <c r="N381833" s="10"/>
    </row>
    <row r="381834" spans="14:14">
      <c r="N381834" s="10"/>
    </row>
    <row r="381835" spans="14:14">
      <c r="N381835" s="10"/>
    </row>
    <row r="381836" spans="14:14">
      <c r="N381836" s="10"/>
    </row>
    <row r="381837" spans="14:14">
      <c r="N381837" s="10"/>
    </row>
    <row r="381838" spans="14:14">
      <c r="N381838" s="10"/>
    </row>
    <row r="381839" spans="14:14">
      <c r="N381839" s="10"/>
    </row>
    <row r="381840" spans="14:14">
      <c r="N381840" s="10"/>
    </row>
    <row r="381841" spans="14:14">
      <c r="N381841" s="10"/>
    </row>
    <row r="381842" spans="14:14">
      <c r="N381842" s="10"/>
    </row>
    <row r="381843" spans="14:14">
      <c r="N381843" s="10"/>
    </row>
    <row r="381844" spans="14:14">
      <c r="N381844" s="10"/>
    </row>
    <row r="381845" spans="14:14">
      <c r="N381845" s="10"/>
    </row>
    <row r="381846" spans="14:14">
      <c r="N381846" s="10"/>
    </row>
    <row r="381847" spans="14:14">
      <c r="N381847" s="10"/>
    </row>
    <row r="381848" spans="14:14">
      <c r="N381848" s="10"/>
    </row>
    <row r="381849" spans="14:14">
      <c r="N381849" s="10"/>
    </row>
    <row r="381850" spans="14:14">
      <c r="N381850" s="10"/>
    </row>
    <row r="381851" spans="14:14">
      <c r="N381851" s="10"/>
    </row>
    <row r="381852" spans="14:14">
      <c r="N381852" s="10"/>
    </row>
    <row r="381853" spans="14:14">
      <c r="N381853" s="10"/>
    </row>
    <row r="381854" spans="14:14">
      <c r="N381854" s="10"/>
    </row>
    <row r="381855" spans="14:14">
      <c r="N381855" s="10"/>
    </row>
    <row r="381856" spans="14:14">
      <c r="N381856" s="10"/>
    </row>
    <row r="381857" spans="14:14">
      <c r="N381857" s="10"/>
    </row>
    <row r="381858" spans="14:14">
      <c r="N381858" s="10"/>
    </row>
    <row r="381859" spans="14:14">
      <c r="N381859" s="10"/>
    </row>
    <row r="381860" spans="14:14">
      <c r="N381860" s="10"/>
    </row>
    <row r="381861" spans="14:14">
      <c r="N381861" s="10"/>
    </row>
    <row r="381862" spans="14:14">
      <c r="N381862" s="10"/>
    </row>
    <row r="381863" spans="14:14">
      <c r="N381863" s="10"/>
    </row>
    <row r="381864" spans="14:14">
      <c r="N381864" s="10"/>
    </row>
    <row r="381865" spans="14:14">
      <c r="N381865" s="10"/>
    </row>
    <row r="381866" spans="14:14">
      <c r="N381866" s="10"/>
    </row>
    <row r="381867" spans="14:14">
      <c r="N381867" s="10"/>
    </row>
    <row r="381868" spans="14:14">
      <c r="N381868" s="10"/>
    </row>
    <row r="381869" spans="14:14">
      <c r="N381869" s="10"/>
    </row>
    <row r="381870" spans="14:14">
      <c r="N381870" s="10"/>
    </row>
    <row r="381871" spans="14:14">
      <c r="N381871" s="10"/>
    </row>
    <row r="381872" spans="14:14">
      <c r="N381872" s="10"/>
    </row>
    <row r="381873" spans="14:14">
      <c r="N381873" s="10"/>
    </row>
    <row r="381874" spans="14:14">
      <c r="N381874" s="10"/>
    </row>
    <row r="381875" spans="14:14">
      <c r="N381875" s="10"/>
    </row>
    <row r="381876" spans="14:14">
      <c r="N381876" s="10"/>
    </row>
    <row r="381877" spans="14:14">
      <c r="N381877" s="10"/>
    </row>
    <row r="381878" spans="14:14">
      <c r="N381878" s="10"/>
    </row>
    <row r="381879" spans="14:14">
      <c r="N381879" s="10"/>
    </row>
    <row r="381880" spans="14:14">
      <c r="N381880" s="10"/>
    </row>
    <row r="381881" spans="14:14">
      <c r="N381881" s="10"/>
    </row>
    <row r="381882" spans="14:14">
      <c r="N381882" s="10"/>
    </row>
    <row r="381883" spans="14:14">
      <c r="N381883" s="10"/>
    </row>
    <row r="381884" spans="14:14">
      <c r="N381884" s="10"/>
    </row>
    <row r="381885" spans="14:14">
      <c r="N381885" s="10"/>
    </row>
    <row r="381886" spans="14:14">
      <c r="N381886" s="10"/>
    </row>
    <row r="381887" spans="14:14">
      <c r="N381887" s="10"/>
    </row>
    <row r="381888" spans="14:14">
      <c r="N381888" s="10"/>
    </row>
    <row r="381889" spans="14:14">
      <c r="N381889" s="10"/>
    </row>
    <row r="381890" spans="14:14">
      <c r="N381890" s="10"/>
    </row>
    <row r="381891" spans="14:14">
      <c r="N381891" s="10"/>
    </row>
    <row r="381892" spans="14:14">
      <c r="N381892" s="10"/>
    </row>
    <row r="381893" spans="14:14">
      <c r="N381893" s="10"/>
    </row>
    <row r="381894" spans="14:14">
      <c r="N381894" s="10"/>
    </row>
    <row r="381895" spans="14:14">
      <c r="N381895" s="10"/>
    </row>
    <row r="381896" spans="14:14">
      <c r="N381896" s="10"/>
    </row>
    <row r="381897" spans="14:14">
      <c r="N381897" s="10"/>
    </row>
    <row r="381898" spans="14:14">
      <c r="N381898" s="10"/>
    </row>
    <row r="381899" spans="14:14">
      <c r="N381899" s="10"/>
    </row>
    <row r="381900" spans="14:14">
      <c r="N381900" s="10"/>
    </row>
    <row r="381901" spans="14:14">
      <c r="N381901" s="10"/>
    </row>
    <row r="381902" spans="14:14">
      <c r="N381902" s="10"/>
    </row>
    <row r="381903" spans="14:14">
      <c r="N381903" s="10"/>
    </row>
    <row r="381904" spans="14:14">
      <c r="N381904" s="10"/>
    </row>
    <row r="381905" spans="14:14">
      <c r="N381905" s="10"/>
    </row>
    <row r="381906" spans="14:14">
      <c r="N381906" s="10"/>
    </row>
    <row r="381907" spans="14:14">
      <c r="N381907" s="10"/>
    </row>
    <row r="381908" spans="14:14">
      <c r="N381908" s="10"/>
    </row>
    <row r="381909" spans="14:14">
      <c r="N381909" s="10"/>
    </row>
    <row r="381910" spans="14:14">
      <c r="N381910" s="10"/>
    </row>
    <row r="381911" spans="14:14">
      <c r="N381911" s="10"/>
    </row>
    <row r="381912" spans="14:14">
      <c r="N381912" s="10"/>
    </row>
    <row r="381913" spans="14:14">
      <c r="N381913" s="10"/>
    </row>
    <row r="381914" spans="14:14">
      <c r="N381914" s="10"/>
    </row>
    <row r="381915" spans="14:14">
      <c r="N381915" s="10"/>
    </row>
    <row r="381916" spans="14:14">
      <c r="N381916" s="10"/>
    </row>
    <row r="381917" spans="14:14">
      <c r="N381917" s="10"/>
    </row>
    <row r="381918" spans="14:14">
      <c r="N381918" s="10"/>
    </row>
    <row r="381919" spans="14:14">
      <c r="N381919" s="10"/>
    </row>
    <row r="381920" spans="14:14">
      <c r="N381920" s="10"/>
    </row>
    <row r="381921" spans="14:14">
      <c r="N381921" s="10"/>
    </row>
    <row r="381922" spans="14:14">
      <c r="N381922" s="10"/>
    </row>
    <row r="381923" spans="14:14">
      <c r="N381923" s="10"/>
    </row>
    <row r="381924" spans="14:14">
      <c r="N381924" s="10"/>
    </row>
    <row r="381925" spans="14:14">
      <c r="N381925" s="10"/>
    </row>
    <row r="381926" spans="14:14">
      <c r="N381926" s="10"/>
    </row>
    <row r="381927" spans="14:14">
      <c r="N381927" s="10"/>
    </row>
    <row r="381928" spans="14:14">
      <c r="N381928" s="10"/>
    </row>
    <row r="381929" spans="14:14">
      <c r="N381929" s="10"/>
    </row>
    <row r="381930" spans="14:14">
      <c r="N381930" s="10"/>
    </row>
    <row r="381931" spans="14:14">
      <c r="N381931" s="10"/>
    </row>
    <row r="381932" spans="14:14">
      <c r="N381932" s="10"/>
    </row>
    <row r="381933" spans="14:14">
      <c r="N381933" s="10"/>
    </row>
    <row r="381934" spans="14:14">
      <c r="N381934" s="10"/>
    </row>
    <row r="381935" spans="14:14">
      <c r="N381935" s="10"/>
    </row>
    <row r="381936" spans="14:14">
      <c r="N381936" s="10"/>
    </row>
    <row r="381937" spans="14:14">
      <c r="N381937" s="10"/>
    </row>
    <row r="381938" spans="14:14">
      <c r="N381938" s="10"/>
    </row>
    <row r="381939" spans="14:14">
      <c r="N381939" s="10"/>
    </row>
    <row r="381940" spans="14:14">
      <c r="N381940" s="10"/>
    </row>
    <row r="381941" spans="14:14">
      <c r="N381941" s="10"/>
    </row>
    <row r="381942" spans="14:14">
      <c r="N381942" s="10"/>
    </row>
    <row r="381943" spans="14:14">
      <c r="N381943" s="10"/>
    </row>
    <row r="381944" spans="14:14">
      <c r="N381944" s="10"/>
    </row>
    <row r="381945" spans="14:14">
      <c r="N381945" s="10"/>
    </row>
    <row r="381946" spans="14:14">
      <c r="N381946" s="10"/>
    </row>
    <row r="381947" spans="14:14">
      <c r="N381947" s="10"/>
    </row>
    <row r="381948" spans="14:14">
      <c r="N381948" s="10"/>
    </row>
    <row r="381949" spans="14:14">
      <c r="N381949" s="10"/>
    </row>
    <row r="381950" spans="14:14">
      <c r="N381950" s="10"/>
    </row>
    <row r="381951" spans="14:14">
      <c r="N381951" s="10"/>
    </row>
    <row r="381952" spans="14:14">
      <c r="N381952" s="10"/>
    </row>
    <row r="381953" spans="14:14">
      <c r="N381953" s="10"/>
    </row>
    <row r="381954" spans="14:14">
      <c r="N381954" s="10"/>
    </row>
    <row r="381955" spans="14:14">
      <c r="N381955" s="10"/>
    </row>
    <row r="381956" spans="14:14">
      <c r="N381956" s="10"/>
    </row>
    <row r="381957" spans="14:14">
      <c r="N381957" s="10"/>
    </row>
    <row r="381958" spans="14:14">
      <c r="N381958" s="10"/>
    </row>
    <row r="381959" spans="14:14">
      <c r="N381959" s="10"/>
    </row>
    <row r="381960" spans="14:14">
      <c r="N381960" s="10"/>
    </row>
    <row r="381961" spans="14:14">
      <c r="N381961" s="10"/>
    </row>
    <row r="381962" spans="14:14">
      <c r="N381962" s="10"/>
    </row>
    <row r="381963" spans="14:14">
      <c r="N381963" s="10"/>
    </row>
    <row r="381964" spans="14:14">
      <c r="N381964" s="10"/>
    </row>
    <row r="381965" spans="14:14">
      <c r="N381965" s="10"/>
    </row>
    <row r="381966" spans="14:14">
      <c r="N381966" s="10"/>
    </row>
    <row r="381967" spans="14:14">
      <c r="N381967" s="10"/>
    </row>
    <row r="381968" spans="14:14">
      <c r="N381968" s="10"/>
    </row>
    <row r="381969" spans="14:14">
      <c r="N381969" s="10"/>
    </row>
    <row r="381970" spans="14:14">
      <c r="N381970" s="10"/>
    </row>
    <row r="381971" spans="14:14">
      <c r="N381971" s="10"/>
    </row>
    <row r="381972" spans="14:14">
      <c r="N381972" s="10"/>
    </row>
    <row r="381973" spans="14:14">
      <c r="N381973" s="10"/>
    </row>
    <row r="381974" spans="14:14">
      <c r="N381974" s="10"/>
    </row>
    <row r="381975" spans="14:14">
      <c r="N381975" s="10"/>
    </row>
    <row r="381976" spans="14:14">
      <c r="N381976" s="10"/>
    </row>
    <row r="381977" spans="14:14">
      <c r="N381977" s="10"/>
    </row>
    <row r="381978" spans="14:14">
      <c r="N381978" s="10"/>
    </row>
    <row r="381979" spans="14:14">
      <c r="N381979" s="10"/>
    </row>
    <row r="381980" spans="14:14">
      <c r="N381980" s="10"/>
    </row>
    <row r="381981" spans="14:14">
      <c r="N381981" s="10"/>
    </row>
    <row r="381982" spans="14:14">
      <c r="N381982" s="10"/>
    </row>
    <row r="381983" spans="14:14">
      <c r="N381983" s="10"/>
    </row>
    <row r="381984" spans="14:14">
      <c r="N381984" s="10"/>
    </row>
    <row r="381985" spans="14:14">
      <c r="N381985" s="10"/>
    </row>
    <row r="381986" spans="14:14">
      <c r="N381986" s="10"/>
    </row>
    <row r="381987" spans="14:14">
      <c r="N381987" s="10"/>
    </row>
    <row r="381988" spans="14:14">
      <c r="N381988" s="10"/>
    </row>
    <row r="381989" spans="14:14">
      <c r="N381989" s="10"/>
    </row>
    <row r="381990" spans="14:14">
      <c r="N381990" s="10"/>
    </row>
    <row r="381991" spans="14:14">
      <c r="N381991" s="10"/>
    </row>
    <row r="381992" spans="14:14">
      <c r="N381992" s="10"/>
    </row>
    <row r="381993" spans="14:14">
      <c r="N381993" s="10"/>
    </row>
    <row r="381994" spans="14:14">
      <c r="N381994" s="10"/>
    </row>
    <row r="381995" spans="14:14">
      <c r="N381995" s="10"/>
    </row>
    <row r="381996" spans="14:14">
      <c r="N381996" s="10"/>
    </row>
    <row r="381997" spans="14:14">
      <c r="N381997" s="10"/>
    </row>
    <row r="381998" spans="14:14">
      <c r="N381998" s="10"/>
    </row>
    <row r="381999" spans="14:14">
      <c r="N381999" s="10"/>
    </row>
    <row r="382000" spans="14:14">
      <c r="N382000" s="10"/>
    </row>
    <row r="382001" spans="14:14">
      <c r="N382001" s="10"/>
    </row>
    <row r="382002" spans="14:14">
      <c r="N382002" s="10"/>
    </row>
    <row r="382003" spans="14:14">
      <c r="N382003" s="10"/>
    </row>
    <row r="382004" spans="14:14">
      <c r="N382004" s="10"/>
    </row>
    <row r="382005" spans="14:14">
      <c r="N382005" s="10"/>
    </row>
    <row r="382006" spans="14:14">
      <c r="N382006" s="10"/>
    </row>
    <row r="382007" spans="14:14">
      <c r="N382007" s="10"/>
    </row>
    <row r="382008" spans="14:14">
      <c r="N382008" s="10"/>
    </row>
    <row r="382009" spans="14:14">
      <c r="N382009" s="10"/>
    </row>
    <row r="382010" spans="14:14">
      <c r="N382010" s="10"/>
    </row>
    <row r="382011" spans="14:14">
      <c r="N382011" s="10"/>
    </row>
    <row r="382012" spans="14:14">
      <c r="N382012" s="10"/>
    </row>
    <row r="382013" spans="14:14">
      <c r="N382013" s="10"/>
    </row>
    <row r="382014" spans="14:14">
      <c r="N382014" s="10"/>
    </row>
    <row r="382015" spans="14:14">
      <c r="N382015" s="10"/>
    </row>
    <row r="382016" spans="14:14">
      <c r="N382016" s="10"/>
    </row>
    <row r="382017" spans="14:14">
      <c r="N382017" s="10"/>
    </row>
    <row r="382018" spans="14:14">
      <c r="N382018" s="10"/>
    </row>
    <row r="382019" spans="14:14">
      <c r="N382019" s="10"/>
    </row>
    <row r="382020" spans="14:14">
      <c r="N382020" s="10"/>
    </row>
    <row r="382021" spans="14:14">
      <c r="N382021" s="10"/>
    </row>
    <row r="382022" spans="14:14">
      <c r="N382022" s="10"/>
    </row>
    <row r="382023" spans="14:14">
      <c r="N382023" s="10"/>
    </row>
    <row r="382024" spans="14:14">
      <c r="N382024" s="10"/>
    </row>
    <row r="382025" spans="14:14">
      <c r="N382025" s="10"/>
    </row>
    <row r="382026" spans="14:14">
      <c r="N382026" s="10"/>
    </row>
    <row r="382027" spans="14:14">
      <c r="N382027" s="10"/>
    </row>
    <row r="382028" spans="14:14">
      <c r="N382028" s="10"/>
    </row>
    <row r="382029" spans="14:14">
      <c r="N382029" s="10"/>
    </row>
    <row r="382030" spans="14:14">
      <c r="N382030" s="10"/>
    </row>
    <row r="382031" spans="14:14">
      <c r="N382031" s="10"/>
    </row>
    <row r="382032" spans="14:14">
      <c r="N382032" s="10"/>
    </row>
    <row r="382033" spans="14:14">
      <c r="N382033" s="10"/>
    </row>
    <row r="382034" spans="14:14">
      <c r="N382034" s="10"/>
    </row>
    <row r="382035" spans="14:14">
      <c r="N382035" s="10"/>
    </row>
    <row r="382036" spans="14:14">
      <c r="N382036" s="10"/>
    </row>
    <row r="382037" spans="14:14">
      <c r="N382037" s="10"/>
    </row>
    <row r="382038" spans="14:14">
      <c r="N382038" s="10"/>
    </row>
    <row r="382039" spans="14:14">
      <c r="N382039" s="10"/>
    </row>
    <row r="382040" spans="14:14">
      <c r="N382040" s="10"/>
    </row>
    <row r="382041" spans="14:14">
      <c r="N382041" s="10"/>
    </row>
    <row r="382042" spans="14:14">
      <c r="N382042" s="10"/>
    </row>
    <row r="382043" spans="14:14">
      <c r="N382043" s="10"/>
    </row>
    <row r="382044" spans="14:14">
      <c r="N382044" s="10"/>
    </row>
    <row r="382045" spans="14:14">
      <c r="N382045" s="10"/>
    </row>
    <row r="382046" spans="14:14">
      <c r="N382046" s="10"/>
    </row>
    <row r="382047" spans="14:14">
      <c r="N382047" s="10"/>
    </row>
    <row r="382048" spans="14:14">
      <c r="N382048" s="10"/>
    </row>
    <row r="382049" spans="14:14">
      <c r="N382049" s="10"/>
    </row>
    <row r="382050" spans="14:14">
      <c r="N382050" s="10"/>
    </row>
    <row r="382051" spans="14:14">
      <c r="N382051" s="10"/>
    </row>
    <row r="382052" spans="14:14">
      <c r="N382052" s="10"/>
    </row>
    <row r="382053" spans="14:14">
      <c r="N382053" s="10"/>
    </row>
    <row r="382054" spans="14:14">
      <c r="N382054" s="10"/>
    </row>
    <row r="382055" spans="14:14">
      <c r="N382055" s="10"/>
    </row>
    <row r="382056" spans="14:14">
      <c r="N382056" s="10"/>
    </row>
    <row r="382057" spans="14:14">
      <c r="N382057" s="10"/>
    </row>
    <row r="382058" spans="14:14">
      <c r="N382058" s="10"/>
    </row>
    <row r="382059" spans="14:14">
      <c r="N382059" s="10"/>
    </row>
    <row r="382060" spans="14:14">
      <c r="N382060" s="10"/>
    </row>
    <row r="382061" spans="14:14">
      <c r="N382061" s="10"/>
    </row>
    <row r="382062" spans="14:14">
      <c r="N382062" s="10"/>
    </row>
    <row r="382063" spans="14:14">
      <c r="N382063" s="10"/>
    </row>
    <row r="382064" spans="14:14">
      <c r="N382064" s="10"/>
    </row>
    <row r="382065" spans="14:14">
      <c r="N382065" s="10"/>
    </row>
    <row r="382066" spans="14:14">
      <c r="N382066" s="10"/>
    </row>
    <row r="382067" spans="14:14">
      <c r="N382067" s="10"/>
    </row>
    <row r="382068" spans="14:14">
      <c r="N382068" s="10"/>
    </row>
    <row r="382069" spans="14:14">
      <c r="N382069" s="10"/>
    </row>
    <row r="382070" spans="14:14">
      <c r="N382070" s="10"/>
    </row>
    <row r="382071" spans="14:14">
      <c r="N382071" s="10"/>
    </row>
    <row r="382072" spans="14:14">
      <c r="N382072" s="10"/>
    </row>
    <row r="382073" spans="14:14">
      <c r="N382073" s="10"/>
    </row>
    <row r="382074" spans="14:14">
      <c r="N382074" s="10"/>
    </row>
    <row r="382075" spans="14:14">
      <c r="N382075" s="10"/>
    </row>
    <row r="382076" spans="14:14">
      <c r="N382076" s="10"/>
    </row>
    <row r="382077" spans="14:14">
      <c r="N382077" s="10"/>
    </row>
    <row r="382078" spans="14:14">
      <c r="N382078" s="10"/>
    </row>
    <row r="382079" spans="14:14">
      <c r="N382079" s="10"/>
    </row>
    <row r="382080" spans="14:14">
      <c r="N382080" s="10"/>
    </row>
    <row r="382081" spans="14:14">
      <c r="N382081" s="10"/>
    </row>
    <row r="382082" spans="14:14">
      <c r="N382082" s="10"/>
    </row>
    <row r="382083" spans="14:14">
      <c r="N382083" s="10"/>
    </row>
    <row r="382084" spans="14:14">
      <c r="N382084" s="10"/>
    </row>
    <row r="382085" spans="14:14">
      <c r="N382085" s="10"/>
    </row>
    <row r="382086" spans="14:14">
      <c r="N382086" s="10"/>
    </row>
    <row r="382087" spans="14:14">
      <c r="N382087" s="10"/>
    </row>
    <row r="382088" spans="14:14">
      <c r="N382088" s="10"/>
    </row>
    <row r="382089" spans="14:14">
      <c r="N382089" s="10"/>
    </row>
    <row r="382090" spans="14:14">
      <c r="N382090" s="10"/>
    </row>
    <row r="382091" spans="14:14">
      <c r="N382091" s="10"/>
    </row>
    <row r="382092" spans="14:14">
      <c r="N382092" s="10"/>
    </row>
    <row r="382093" spans="14:14">
      <c r="N382093" s="10"/>
    </row>
    <row r="382094" spans="14:14">
      <c r="N382094" s="10"/>
    </row>
    <row r="382095" spans="14:14">
      <c r="N382095" s="10"/>
    </row>
    <row r="382096" spans="14:14">
      <c r="N382096" s="10"/>
    </row>
    <row r="382097" spans="14:14">
      <c r="N382097" s="10"/>
    </row>
    <row r="382098" spans="14:14">
      <c r="N382098" s="10"/>
    </row>
    <row r="382099" spans="14:14">
      <c r="N382099" s="10"/>
    </row>
    <row r="382100" spans="14:14">
      <c r="N382100" s="10"/>
    </row>
    <row r="382101" spans="14:14">
      <c r="N382101" s="10"/>
    </row>
    <row r="382102" spans="14:14">
      <c r="N382102" s="10"/>
    </row>
    <row r="382103" spans="14:14">
      <c r="N382103" s="10"/>
    </row>
    <row r="382104" spans="14:14">
      <c r="N382104" s="10"/>
    </row>
    <row r="382105" spans="14:14">
      <c r="N382105" s="10"/>
    </row>
    <row r="382106" spans="14:14">
      <c r="N382106" s="10"/>
    </row>
    <row r="382107" spans="14:14">
      <c r="N382107" s="10"/>
    </row>
    <row r="382108" spans="14:14">
      <c r="N382108" s="10"/>
    </row>
    <row r="382109" spans="14:14">
      <c r="N382109" s="10"/>
    </row>
    <row r="382110" spans="14:14">
      <c r="N382110" s="10"/>
    </row>
    <row r="382111" spans="14:14">
      <c r="N382111" s="10"/>
    </row>
    <row r="382112" spans="14:14">
      <c r="N382112" s="10"/>
    </row>
    <row r="382113" spans="14:14">
      <c r="N382113" s="10"/>
    </row>
    <row r="382114" spans="14:14">
      <c r="N382114" s="10"/>
    </row>
    <row r="382115" spans="14:14">
      <c r="N382115" s="10"/>
    </row>
    <row r="382116" spans="14:14">
      <c r="N382116" s="10"/>
    </row>
    <row r="382117" spans="14:14">
      <c r="N382117" s="10"/>
    </row>
    <row r="382118" spans="14:14">
      <c r="N382118" s="10"/>
    </row>
    <row r="382119" spans="14:14">
      <c r="N382119" s="10"/>
    </row>
    <row r="382120" spans="14:14">
      <c r="N382120" s="10"/>
    </row>
    <row r="382121" spans="14:14">
      <c r="N382121" s="10"/>
    </row>
    <row r="382122" spans="14:14">
      <c r="N382122" s="10"/>
    </row>
    <row r="382123" spans="14:14">
      <c r="N382123" s="10"/>
    </row>
    <row r="382124" spans="14:14">
      <c r="N382124" s="10"/>
    </row>
    <row r="382125" spans="14:14">
      <c r="N382125" s="10"/>
    </row>
    <row r="382126" spans="14:14">
      <c r="N382126" s="10"/>
    </row>
    <row r="382127" spans="14:14">
      <c r="N382127" s="10"/>
    </row>
    <row r="382128" spans="14:14">
      <c r="N382128" s="10"/>
    </row>
    <row r="382129" spans="14:14">
      <c r="N382129" s="10"/>
    </row>
    <row r="382130" spans="14:14">
      <c r="N382130" s="10"/>
    </row>
    <row r="382131" spans="14:14">
      <c r="N382131" s="10"/>
    </row>
    <row r="382132" spans="14:14">
      <c r="N382132" s="10"/>
    </row>
    <row r="382133" spans="14:14">
      <c r="N382133" s="10"/>
    </row>
    <row r="382134" spans="14:14">
      <c r="N382134" s="10"/>
    </row>
    <row r="382135" spans="14:14">
      <c r="N382135" s="10"/>
    </row>
    <row r="382136" spans="14:14">
      <c r="N382136" s="10"/>
    </row>
    <row r="382137" spans="14:14">
      <c r="N382137" s="10"/>
    </row>
    <row r="382138" spans="14:14">
      <c r="N382138" s="10"/>
    </row>
    <row r="382139" spans="14:14">
      <c r="N382139" s="10"/>
    </row>
    <row r="382140" spans="14:14">
      <c r="N382140" s="10"/>
    </row>
    <row r="382141" spans="14:14">
      <c r="N382141" s="10"/>
    </row>
    <row r="382142" spans="14:14">
      <c r="N382142" s="10"/>
    </row>
    <row r="382143" spans="14:14">
      <c r="N382143" s="10"/>
    </row>
    <row r="382144" spans="14:14">
      <c r="N382144" s="10"/>
    </row>
    <row r="382145" spans="14:14">
      <c r="N382145" s="10"/>
    </row>
    <row r="382146" spans="14:14">
      <c r="N382146" s="10"/>
    </row>
    <row r="382147" spans="14:14">
      <c r="N382147" s="10"/>
    </row>
    <row r="382148" spans="14:14">
      <c r="N382148" s="10"/>
    </row>
    <row r="382149" spans="14:14">
      <c r="N382149" s="10"/>
    </row>
    <row r="382150" spans="14:14">
      <c r="N382150" s="10"/>
    </row>
    <row r="382151" spans="14:14">
      <c r="N382151" s="10"/>
    </row>
    <row r="382152" spans="14:14">
      <c r="N382152" s="10"/>
    </row>
    <row r="382153" spans="14:14">
      <c r="N382153" s="10"/>
    </row>
    <row r="382154" spans="14:14">
      <c r="N382154" s="10"/>
    </row>
    <row r="382155" spans="14:14">
      <c r="N382155" s="10"/>
    </row>
    <row r="382156" spans="14:14">
      <c r="N382156" s="10"/>
    </row>
    <row r="382157" spans="14:14">
      <c r="N382157" s="10"/>
    </row>
    <row r="382158" spans="14:14">
      <c r="N382158" s="10"/>
    </row>
    <row r="382159" spans="14:14">
      <c r="N382159" s="10"/>
    </row>
    <row r="382160" spans="14:14">
      <c r="N382160" s="10"/>
    </row>
    <row r="382161" spans="14:14">
      <c r="N382161" s="10"/>
    </row>
    <row r="382162" spans="14:14">
      <c r="N382162" s="10"/>
    </row>
    <row r="382163" spans="14:14">
      <c r="N382163" s="10"/>
    </row>
    <row r="382164" spans="14:14">
      <c r="N382164" s="10"/>
    </row>
    <row r="382165" spans="14:14">
      <c r="N382165" s="10"/>
    </row>
    <row r="382166" spans="14:14">
      <c r="N382166" s="10"/>
    </row>
    <row r="382167" spans="14:14">
      <c r="N382167" s="10"/>
    </row>
    <row r="382168" spans="14:14">
      <c r="N382168" s="10"/>
    </row>
    <row r="382169" spans="14:14">
      <c r="N382169" s="10"/>
    </row>
    <row r="382170" spans="14:14">
      <c r="N382170" s="10"/>
    </row>
    <row r="382171" spans="14:14">
      <c r="N382171" s="10"/>
    </row>
    <row r="382172" spans="14:14">
      <c r="N382172" s="10"/>
    </row>
    <row r="382173" spans="14:14">
      <c r="N382173" s="10"/>
    </row>
    <row r="382174" spans="14:14">
      <c r="N382174" s="10"/>
    </row>
    <row r="382175" spans="14:14">
      <c r="N382175" s="10"/>
    </row>
    <row r="382176" spans="14:14">
      <c r="N382176" s="10"/>
    </row>
    <row r="382177" spans="14:14">
      <c r="N382177" s="10"/>
    </row>
    <row r="382178" spans="14:14">
      <c r="N382178" s="10"/>
    </row>
    <row r="382179" spans="14:14">
      <c r="N382179" s="10"/>
    </row>
    <row r="382180" spans="14:14">
      <c r="N382180" s="10"/>
    </row>
    <row r="382181" spans="14:14">
      <c r="N382181" s="10"/>
    </row>
    <row r="382182" spans="14:14">
      <c r="N382182" s="10"/>
    </row>
    <row r="382183" spans="14:14">
      <c r="N382183" s="10"/>
    </row>
    <row r="382184" spans="14:14">
      <c r="N382184" s="10"/>
    </row>
    <row r="382185" spans="14:14">
      <c r="N382185" s="10"/>
    </row>
    <row r="382186" spans="14:14">
      <c r="N382186" s="10"/>
    </row>
    <row r="382187" spans="14:14">
      <c r="N382187" s="10"/>
    </row>
    <row r="382188" spans="14:14">
      <c r="N382188" s="10"/>
    </row>
    <row r="382189" spans="14:14">
      <c r="N382189" s="10"/>
    </row>
    <row r="382190" spans="14:14">
      <c r="N382190" s="10"/>
    </row>
    <row r="382191" spans="14:14">
      <c r="N382191" s="10"/>
    </row>
    <row r="382192" spans="14:14">
      <c r="N382192" s="10"/>
    </row>
    <row r="382193" spans="14:14">
      <c r="N382193" s="10"/>
    </row>
    <row r="382194" spans="14:14">
      <c r="N382194" s="10"/>
    </row>
    <row r="382195" spans="14:14">
      <c r="N382195" s="10"/>
    </row>
    <row r="382196" spans="14:14">
      <c r="N382196" s="10"/>
    </row>
    <row r="382197" spans="14:14">
      <c r="N382197" s="10"/>
    </row>
    <row r="382198" spans="14:14">
      <c r="N382198" s="10"/>
    </row>
    <row r="382199" spans="14:14">
      <c r="N382199" s="10"/>
    </row>
    <row r="382200" spans="14:14">
      <c r="N382200" s="10"/>
    </row>
    <row r="382201" spans="14:14">
      <c r="N382201" s="10"/>
    </row>
    <row r="382202" spans="14:14">
      <c r="N382202" s="10"/>
    </row>
    <row r="382203" spans="14:14">
      <c r="N382203" s="10"/>
    </row>
    <row r="382204" spans="14:14">
      <c r="N382204" s="10"/>
    </row>
    <row r="382205" spans="14:14">
      <c r="N382205" s="10"/>
    </row>
    <row r="382206" spans="14:14">
      <c r="N382206" s="10"/>
    </row>
    <row r="382207" spans="14:14">
      <c r="N382207" s="10"/>
    </row>
    <row r="382208" spans="14:14">
      <c r="N382208" s="10"/>
    </row>
    <row r="382209" spans="14:14">
      <c r="N382209" s="10"/>
    </row>
    <row r="382210" spans="14:14">
      <c r="N382210" s="10"/>
    </row>
    <row r="382211" spans="14:14">
      <c r="N382211" s="10"/>
    </row>
    <row r="382212" spans="14:14">
      <c r="N382212" s="10"/>
    </row>
    <row r="382213" spans="14:14">
      <c r="N382213" s="10"/>
    </row>
    <row r="382214" spans="14:14">
      <c r="N382214" s="10"/>
    </row>
    <row r="382215" spans="14:14">
      <c r="N382215" s="10"/>
    </row>
    <row r="382216" spans="14:14">
      <c r="N382216" s="10"/>
    </row>
    <row r="382217" spans="14:14">
      <c r="N382217" s="10"/>
    </row>
    <row r="382218" spans="14:14">
      <c r="N382218" s="10"/>
    </row>
    <row r="382219" spans="14:14">
      <c r="N382219" s="10"/>
    </row>
    <row r="382220" spans="14:14">
      <c r="N382220" s="10"/>
    </row>
    <row r="382221" spans="14:14">
      <c r="N382221" s="10"/>
    </row>
    <row r="382222" spans="14:14">
      <c r="N382222" s="10"/>
    </row>
    <row r="382223" spans="14:14">
      <c r="N382223" s="10"/>
    </row>
    <row r="382224" spans="14:14">
      <c r="N382224" s="10"/>
    </row>
    <row r="382225" spans="14:14">
      <c r="N382225" s="10"/>
    </row>
    <row r="382226" spans="14:14">
      <c r="N382226" s="10"/>
    </row>
    <row r="382227" spans="14:14">
      <c r="N382227" s="10"/>
    </row>
    <row r="382228" spans="14:14">
      <c r="N382228" s="10"/>
    </row>
    <row r="382229" spans="14:14">
      <c r="N382229" s="10"/>
    </row>
    <row r="382230" spans="14:14">
      <c r="N382230" s="10"/>
    </row>
    <row r="382231" spans="14:14">
      <c r="N382231" s="10"/>
    </row>
    <row r="382232" spans="14:14">
      <c r="N382232" s="10"/>
    </row>
    <row r="382233" spans="14:14">
      <c r="N382233" s="10"/>
    </row>
    <row r="382234" spans="14:14">
      <c r="N382234" s="10"/>
    </row>
    <row r="382235" spans="14:14">
      <c r="N382235" s="10"/>
    </row>
    <row r="382236" spans="14:14">
      <c r="N382236" s="10"/>
    </row>
    <row r="382237" spans="14:14">
      <c r="N382237" s="10"/>
    </row>
    <row r="382238" spans="14:14">
      <c r="N382238" s="10"/>
    </row>
    <row r="382239" spans="14:14">
      <c r="N382239" s="10"/>
    </row>
    <row r="382240" spans="14:14">
      <c r="N382240" s="10"/>
    </row>
    <row r="382241" spans="14:14">
      <c r="N382241" s="10"/>
    </row>
    <row r="382242" spans="14:14">
      <c r="N382242" s="10"/>
    </row>
    <row r="382243" spans="14:14">
      <c r="N382243" s="10"/>
    </row>
    <row r="382244" spans="14:14">
      <c r="N382244" s="10"/>
    </row>
    <row r="382245" spans="14:14">
      <c r="N382245" s="10"/>
    </row>
    <row r="382246" spans="14:14">
      <c r="N382246" s="10"/>
    </row>
    <row r="382247" spans="14:14">
      <c r="N382247" s="10"/>
    </row>
    <row r="382248" spans="14:14">
      <c r="N382248" s="10"/>
    </row>
    <row r="382249" spans="14:14">
      <c r="N382249" s="10"/>
    </row>
    <row r="382250" spans="14:14">
      <c r="N382250" s="10"/>
    </row>
    <row r="382251" spans="14:14">
      <c r="N382251" s="10"/>
    </row>
    <row r="382252" spans="14:14">
      <c r="N382252" s="10"/>
    </row>
    <row r="382253" spans="14:14">
      <c r="N382253" s="10"/>
    </row>
    <row r="382254" spans="14:14">
      <c r="N382254" s="10"/>
    </row>
    <row r="382255" spans="14:14">
      <c r="N382255" s="10"/>
    </row>
    <row r="382256" spans="14:14">
      <c r="N382256" s="10"/>
    </row>
    <row r="382257" spans="14:14">
      <c r="N382257" s="10"/>
    </row>
    <row r="382258" spans="14:14">
      <c r="N382258" s="10"/>
    </row>
    <row r="382259" spans="14:14">
      <c r="N382259" s="10"/>
    </row>
    <row r="382260" spans="14:14">
      <c r="N382260" s="10"/>
    </row>
    <row r="382261" spans="14:14">
      <c r="N382261" s="10"/>
    </row>
    <row r="382262" spans="14:14">
      <c r="N382262" s="10"/>
    </row>
    <row r="382263" spans="14:14">
      <c r="N382263" s="10"/>
    </row>
    <row r="382264" spans="14:14">
      <c r="N382264" s="10"/>
    </row>
    <row r="382265" spans="14:14">
      <c r="N382265" s="10"/>
    </row>
    <row r="382266" spans="14:14">
      <c r="N382266" s="10"/>
    </row>
    <row r="382267" spans="14:14">
      <c r="N382267" s="10"/>
    </row>
    <row r="382268" spans="14:14">
      <c r="N382268" s="10"/>
    </row>
    <row r="382269" spans="14:14">
      <c r="N382269" s="10"/>
    </row>
    <row r="382270" spans="14:14">
      <c r="N382270" s="10"/>
    </row>
    <row r="382271" spans="14:14">
      <c r="N382271" s="10"/>
    </row>
    <row r="382272" spans="14:14">
      <c r="N382272" s="10"/>
    </row>
    <row r="382273" spans="14:14">
      <c r="N382273" s="10"/>
    </row>
    <row r="382274" spans="14:14">
      <c r="N382274" s="10"/>
    </row>
    <row r="382275" spans="14:14">
      <c r="N382275" s="10"/>
    </row>
    <row r="382276" spans="14:14">
      <c r="N382276" s="10"/>
    </row>
    <row r="382277" spans="14:14">
      <c r="N382277" s="10"/>
    </row>
    <row r="382278" spans="14:14">
      <c r="N382278" s="10"/>
    </row>
    <row r="382279" spans="14:14">
      <c r="N382279" s="10"/>
    </row>
    <row r="382280" spans="14:14">
      <c r="N382280" s="10"/>
    </row>
    <row r="382281" spans="14:14">
      <c r="N382281" s="10"/>
    </row>
    <row r="382282" spans="14:14">
      <c r="N382282" s="10"/>
    </row>
    <row r="382283" spans="14:14">
      <c r="N382283" s="10"/>
    </row>
    <row r="382284" spans="14:14">
      <c r="N382284" s="10"/>
    </row>
    <row r="382285" spans="14:14">
      <c r="N382285" s="10"/>
    </row>
    <row r="382286" spans="14:14">
      <c r="N382286" s="10"/>
    </row>
    <row r="382287" spans="14:14">
      <c r="N382287" s="10"/>
    </row>
    <row r="382288" spans="14:14">
      <c r="N382288" s="10"/>
    </row>
    <row r="382289" spans="14:14">
      <c r="N382289" s="10"/>
    </row>
    <row r="382290" spans="14:14">
      <c r="N382290" s="10"/>
    </row>
    <row r="382291" spans="14:14">
      <c r="N382291" s="10"/>
    </row>
    <row r="382292" spans="14:14">
      <c r="N382292" s="10"/>
    </row>
    <row r="382293" spans="14:14">
      <c r="N382293" s="10"/>
    </row>
    <row r="382294" spans="14:14">
      <c r="N382294" s="10"/>
    </row>
    <row r="382295" spans="14:14">
      <c r="N382295" s="10"/>
    </row>
    <row r="382296" spans="14:14">
      <c r="N382296" s="10"/>
    </row>
    <row r="382297" spans="14:14">
      <c r="N382297" s="10"/>
    </row>
    <row r="382298" spans="14:14">
      <c r="N382298" s="10"/>
    </row>
    <row r="382299" spans="14:14">
      <c r="N382299" s="10"/>
    </row>
    <row r="382300" spans="14:14">
      <c r="N382300" s="10"/>
    </row>
    <row r="382301" spans="14:14">
      <c r="N382301" s="10"/>
    </row>
    <row r="382302" spans="14:14">
      <c r="N382302" s="10"/>
    </row>
    <row r="382303" spans="14:14">
      <c r="N382303" s="10"/>
    </row>
    <row r="382304" spans="14:14">
      <c r="N382304" s="10"/>
    </row>
    <row r="382305" spans="14:14">
      <c r="N382305" s="10"/>
    </row>
    <row r="382306" spans="14:14">
      <c r="N382306" s="10"/>
    </row>
    <row r="382307" spans="14:14">
      <c r="N382307" s="10"/>
    </row>
    <row r="382308" spans="14:14">
      <c r="N382308" s="10"/>
    </row>
    <row r="382309" spans="14:14">
      <c r="N382309" s="10"/>
    </row>
    <row r="382310" spans="14:14">
      <c r="N382310" s="10"/>
    </row>
    <row r="382311" spans="14:14">
      <c r="N382311" s="10"/>
    </row>
    <row r="382312" spans="14:14">
      <c r="N382312" s="10"/>
    </row>
    <row r="382313" spans="14:14">
      <c r="N382313" s="10"/>
    </row>
    <row r="382314" spans="14:14">
      <c r="N382314" s="10"/>
    </row>
    <row r="382315" spans="14:14">
      <c r="N382315" s="10"/>
    </row>
    <row r="382316" spans="14:14">
      <c r="N382316" s="10"/>
    </row>
    <row r="382317" spans="14:14">
      <c r="N382317" s="10"/>
    </row>
    <row r="382318" spans="14:14">
      <c r="N382318" s="10"/>
    </row>
    <row r="382319" spans="14:14">
      <c r="N382319" s="10"/>
    </row>
    <row r="382320" spans="14:14">
      <c r="N382320" s="10"/>
    </row>
    <row r="382321" spans="14:14">
      <c r="N382321" s="10"/>
    </row>
    <row r="382322" spans="14:14">
      <c r="N382322" s="10"/>
    </row>
    <row r="382323" spans="14:14">
      <c r="N382323" s="10"/>
    </row>
    <row r="382324" spans="14:14">
      <c r="N382324" s="10"/>
    </row>
    <row r="382325" spans="14:14">
      <c r="N382325" s="10"/>
    </row>
    <row r="382326" spans="14:14">
      <c r="N382326" s="10"/>
    </row>
    <row r="382327" spans="14:14">
      <c r="N382327" s="10"/>
    </row>
    <row r="382328" spans="14:14">
      <c r="N382328" s="10"/>
    </row>
    <row r="382329" spans="14:14">
      <c r="N382329" s="10"/>
    </row>
    <row r="382330" spans="14:14">
      <c r="N382330" s="10"/>
    </row>
    <row r="382331" spans="14:14">
      <c r="N382331" s="10"/>
    </row>
    <row r="382332" spans="14:14">
      <c r="N382332" s="10"/>
    </row>
    <row r="382333" spans="14:14">
      <c r="N382333" s="10"/>
    </row>
    <row r="382334" spans="14:14">
      <c r="N382334" s="10"/>
    </row>
    <row r="382335" spans="14:14">
      <c r="N382335" s="10"/>
    </row>
    <row r="382336" spans="14:14">
      <c r="N382336" s="10"/>
    </row>
    <row r="382337" spans="14:14">
      <c r="N382337" s="10"/>
    </row>
    <row r="382338" spans="14:14">
      <c r="N382338" s="10"/>
    </row>
    <row r="382339" spans="14:14">
      <c r="N382339" s="10"/>
    </row>
    <row r="382340" spans="14:14">
      <c r="N382340" s="10"/>
    </row>
    <row r="382341" spans="14:14">
      <c r="N382341" s="10"/>
    </row>
    <row r="382342" spans="14:14">
      <c r="N382342" s="10"/>
    </row>
    <row r="382343" spans="14:14">
      <c r="N382343" s="10"/>
    </row>
    <row r="382344" spans="14:14">
      <c r="N382344" s="10"/>
    </row>
    <row r="382345" spans="14:14">
      <c r="N382345" s="10"/>
    </row>
    <row r="382346" spans="14:14">
      <c r="N382346" s="10"/>
    </row>
    <row r="382347" spans="14:14">
      <c r="N382347" s="10"/>
    </row>
    <row r="382348" spans="14:14">
      <c r="N382348" s="10"/>
    </row>
    <row r="382349" spans="14:14">
      <c r="N382349" s="10"/>
    </row>
    <row r="382350" spans="14:14">
      <c r="N382350" s="10"/>
    </row>
    <row r="382351" spans="14:14">
      <c r="N382351" s="10"/>
    </row>
    <row r="382352" spans="14:14">
      <c r="N382352" s="10"/>
    </row>
    <row r="382353" spans="14:14">
      <c r="N382353" s="10"/>
    </row>
    <row r="382354" spans="14:14">
      <c r="N382354" s="10"/>
    </row>
    <row r="382355" spans="14:14">
      <c r="N382355" s="10"/>
    </row>
    <row r="382356" spans="14:14">
      <c r="N382356" s="10"/>
    </row>
    <row r="382357" spans="14:14">
      <c r="N382357" s="10"/>
    </row>
    <row r="382358" spans="14:14">
      <c r="N382358" s="10"/>
    </row>
    <row r="382359" spans="14:14">
      <c r="N382359" s="10"/>
    </row>
    <row r="382360" spans="14:14">
      <c r="N382360" s="10"/>
    </row>
    <row r="382361" spans="14:14">
      <c r="N382361" s="10"/>
    </row>
    <row r="382362" spans="14:14">
      <c r="N382362" s="10"/>
    </row>
    <row r="382363" spans="14:14">
      <c r="N382363" s="10"/>
    </row>
    <row r="382364" spans="14:14">
      <c r="N382364" s="10"/>
    </row>
    <row r="382365" spans="14:14">
      <c r="N382365" s="10"/>
    </row>
    <row r="382366" spans="14:14">
      <c r="N382366" s="10"/>
    </row>
    <row r="382367" spans="14:14">
      <c r="N382367" s="10"/>
    </row>
    <row r="382368" spans="14:14">
      <c r="N382368" s="10"/>
    </row>
    <row r="382369" spans="14:14">
      <c r="N382369" s="10"/>
    </row>
    <row r="382370" spans="14:14">
      <c r="N382370" s="10"/>
    </row>
    <row r="382371" spans="14:14">
      <c r="N382371" s="10"/>
    </row>
    <row r="382372" spans="14:14">
      <c r="N382372" s="10"/>
    </row>
    <row r="382373" spans="14:14">
      <c r="N382373" s="10"/>
    </row>
    <row r="382374" spans="14:14">
      <c r="N382374" s="10"/>
    </row>
    <row r="382375" spans="14:14">
      <c r="N382375" s="10"/>
    </row>
    <row r="382376" spans="14:14">
      <c r="N382376" s="10"/>
    </row>
    <row r="382377" spans="14:14">
      <c r="N382377" s="10"/>
    </row>
    <row r="382378" spans="14:14">
      <c r="N382378" s="10"/>
    </row>
    <row r="382379" spans="14:14">
      <c r="N382379" s="10"/>
    </row>
    <row r="382380" spans="14:14">
      <c r="N382380" s="10"/>
    </row>
    <row r="382381" spans="14:14">
      <c r="N382381" s="10"/>
    </row>
    <row r="382382" spans="14:14">
      <c r="N382382" s="10"/>
    </row>
    <row r="382383" spans="14:14">
      <c r="N382383" s="10"/>
    </row>
    <row r="382384" spans="14:14">
      <c r="N382384" s="10"/>
    </row>
    <row r="382385" spans="14:14">
      <c r="N382385" s="10"/>
    </row>
    <row r="382386" spans="14:14">
      <c r="N382386" s="10"/>
    </row>
    <row r="382387" spans="14:14">
      <c r="N382387" s="10"/>
    </row>
    <row r="382388" spans="14:14">
      <c r="N382388" s="10"/>
    </row>
    <row r="382389" spans="14:14">
      <c r="N382389" s="10"/>
    </row>
    <row r="382390" spans="14:14">
      <c r="N382390" s="10"/>
    </row>
    <row r="382391" spans="14:14">
      <c r="N382391" s="10"/>
    </row>
    <row r="382392" spans="14:14">
      <c r="N382392" s="10"/>
    </row>
    <row r="382393" spans="14:14">
      <c r="N382393" s="10"/>
    </row>
    <row r="382394" spans="14:14">
      <c r="N382394" s="10"/>
    </row>
    <row r="382395" spans="14:14">
      <c r="N382395" s="10"/>
    </row>
    <row r="382396" spans="14:14">
      <c r="N382396" s="10"/>
    </row>
    <row r="382397" spans="14:14">
      <c r="N382397" s="10"/>
    </row>
    <row r="382398" spans="14:14">
      <c r="N382398" s="10"/>
    </row>
    <row r="382399" spans="14:14">
      <c r="N382399" s="10"/>
    </row>
    <row r="382400" spans="14:14">
      <c r="N382400" s="10"/>
    </row>
    <row r="382401" spans="14:14">
      <c r="N382401" s="10"/>
    </row>
    <row r="382402" spans="14:14">
      <c r="N382402" s="10"/>
    </row>
    <row r="382403" spans="14:14">
      <c r="N382403" s="10"/>
    </row>
    <row r="382404" spans="14:14">
      <c r="N382404" s="10"/>
    </row>
    <row r="382405" spans="14:14">
      <c r="N382405" s="10"/>
    </row>
    <row r="382406" spans="14:14">
      <c r="N382406" s="10"/>
    </row>
    <row r="382407" spans="14:14">
      <c r="N382407" s="10"/>
    </row>
    <row r="382408" spans="14:14">
      <c r="N382408" s="10"/>
    </row>
    <row r="382409" spans="14:14">
      <c r="N382409" s="10"/>
    </row>
    <row r="382410" spans="14:14">
      <c r="N382410" s="10"/>
    </row>
    <row r="382411" spans="14:14">
      <c r="N382411" s="10"/>
    </row>
    <row r="382412" spans="14:14">
      <c r="N382412" s="10"/>
    </row>
    <row r="382413" spans="14:14">
      <c r="N382413" s="10"/>
    </row>
    <row r="382414" spans="14:14">
      <c r="N382414" s="10"/>
    </row>
    <row r="382415" spans="14:14">
      <c r="N382415" s="10"/>
    </row>
    <row r="382416" spans="14:14">
      <c r="N382416" s="10"/>
    </row>
    <row r="382417" spans="14:14">
      <c r="N382417" s="10"/>
    </row>
    <row r="382418" spans="14:14">
      <c r="N382418" s="10"/>
    </row>
    <row r="382419" spans="14:14">
      <c r="N382419" s="10"/>
    </row>
    <row r="382420" spans="14:14">
      <c r="N382420" s="10"/>
    </row>
    <row r="382421" spans="14:14">
      <c r="N382421" s="10"/>
    </row>
    <row r="382422" spans="14:14">
      <c r="N382422" s="10"/>
    </row>
    <row r="382423" spans="14:14">
      <c r="N382423" s="10"/>
    </row>
    <row r="382424" spans="14:14">
      <c r="N382424" s="10"/>
    </row>
    <row r="382425" spans="14:14">
      <c r="N382425" s="10"/>
    </row>
    <row r="382426" spans="14:14">
      <c r="N382426" s="10"/>
    </row>
    <row r="382427" spans="14:14">
      <c r="N382427" s="10"/>
    </row>
    <row r="382428" spans="14:14">
      <c r="N382428" s="10"/>
    </row>
    <row r="382429" spans="14:14">
      <c r="N382429" s="10"/>
    </row>
    <row r="382430" spans="14:14">
      <c r="N382430" s="10"/>
    </row>
    <row r="382431" spans="14:14">
      <c r="N382431" s="10"/>
    </row>
    <row r="382432" spans="14:14">
      <c r="N382432" s="10"/>
    </row>
    <row r="382433" spans="14:14">
      <c r="N382433" s="10"/>
    </row>
    <row r="382434" spans="14:14">
      <c r="N382434" s="10"/>
    </row>
    <row r="382435" spans="14:14">
      <c r="N382435" s="10"/>
    </row>
    <row r="382436" spans="14:14">
      <c r="N382436" s="10"/>
    </row>
    <row r="382437" spans="14:14">
      <c r="N382437" s="10"/>
    </row>
    <row r="382438" spans="14:14">
      <c r="N382438" s="10"/>
    </row>
    <row r="382439" spans="14:14">
      <c r="N382439" s="10"/>
    </row>
    <row r="382440" spans="14:14">
      <c r="N382440" s="10"/>
    </row>
    <row r="382441" spans="14:14">
      <c r="N382441" s="10"/>
    </row>
    <row r="382442" spans="14:14">
      <c r="N382442" s="10"/>
    </row>
    <row r="382443" spans="14:14">
      <c r="N382443" s="10"/>
    </row>
    <row r="382444" spans="14:14">
      <c r="N382444" s="10"/>
    </row>
    <row r="382445" spans="14:14">
      <c r="N382445" s="10"/>
    </row>
    <row r="382446" spans="14:14">
      <c r="N382446" s="10"/>
    </row>
    <row r="382447" spans="14:14">
      <c r="N382447" s="10"/>
    </row>
    <row r="382448" spans="14:14">
      <c r="N382448" s="10"/>
    </row>
    <row r="382449" spans="14:14">
      <c r="N382449" s="10"/>
    </row>
    <row r="382450" spans="14:14">
      <c r="N382450" s="10"/>
    </row>
    <row r="382451" spans="14:14">
      <c r="N382451" s="10"/>
    </row>
    <row r="382452" spans="14:14">
      <c r="N382452" s="10"/>
    </row>
    <row r="382453" spans="14:14">
      <c r="N382453" s="10"/>
    </row>
    <row r="382454" spans="14:14">
      <c r="N382454" s="10"/>
    </row>
    <row r="382455" spans="14:14">
      <c r="N382455" s="10"/>
    </row>
    <row r="382456" spans="14:14">
      <c r="N382456" s="10"/>
    </row>
    <row r="382457" spans="14:14">
      <c r="N382457" s="10"/>
    </row>
    <row r="382458" spans="14:14">
      <c r="N382458" s="10"/>
    </row>
    <row r="382459" spans="14:14">
      <c r="N382459" s="10"/>
    </row>
    <row r="382460" spans="14:14">
      <c r="N382460" s="10"/>
    </row>
    <row r="382461" spans="14:14">
      <c r="N382461" s="10"/>
    </row>
    <row r="382462" spans="14:14">
      <c r="N382462" s="10"/>
    </row>
    <row r="382463" spans="14:14">
      <c r="N382463" s="10"/>
    </row>
    <row r="382464" spans="14:14">
      <c r="N382464" s="10"/>
    </row>
    <row r="382465" spans="14:14">
      <c r="N382465" s="10"/>
    </row>
    <row r="382466" spans="14:14">
      <c r="N382466" s="10"/>
    </row>
    <row r="382467" spans="14:14">
      <c r="N382467" s="10"/>
    </row>
    <row r="382468" spans="14:14">
      <c r="N382468" s="10"/>
    </row>
    <row r="382469" spans="14:14">
      <c r="N382469" s="10"/>
    </row>
    <row r="382470" spans="14:14">
      <c r="N382470" s="10"/>
    </row>
    <row r="382471" spans="14:14">
      <c r="N382471" s="10"/>
    </row>
    <row r="382472" spans="14:14">
      <c r="N382472" s="10"/>
    </row>
    <row r="382473" spans="14:14">
      <c r="N382473" s="10"/>
    </row>
    <row r="382474" spans="14:14">
      <c r="N382474" s="10"/>
    </row>
    <row r="382475" spans="14:14">
      <c r="N382475" s="10"/>
    </row>
    <row r="382476" spans="14:14">
      <c r="N382476" s="10"/>
    </row>
    <row r="382477" spans="14:14">
      <c r="N382477" s="10"/>
    </row>
    <row r="382478" spans="14:14">
      <c r="N382478" s="10"/>
    </row>
    <row r="382479" spans="14:14">
      <c r="N382479" s="10"/>
    </row>
    <row r="382480" spans="14:14">
      <c r="N382480" s="10"/>
    </row>
    <row r="382481" spans="14:14">
      <c r="N382481" s="10"/>
    </row>
    <row r="382482" spans="14:14">
      <c r="N382482" s="10"/>
    </row>
    <row r="382483" spans="14:14">
      <c r="N382483" s="10"/>
    </row>
    <row r="382484" spans="14:14">
      <c r="N382484" s="10"/>
    </row>
    <row r="382485" spans="14:14">
      <c r="N382485" s="10"/>
    </row>
    <row r="382486" spans="14:14">
      <c r="N382486" s="10"/>
    </row>
    <row r="382487" spans="14:14">
      <c r="N382487" s="10"/>
    </row>
    <row r="382488" spans="14:14">
      <c r="N382488" s="10"/>
    </row>
    <row r="382489" spans="14:14">
      <c r="N382489" s="10"/>
    </row>
    <row r="382490" spans="14:14">
      <c r="N382490" s="10"/>
    </row>
    <row r="382491" spans="14:14">
      <c r="N382491" s="10"/>
    </row>
    <row r="382492" spans="14:14">
      <c r="N382492" s="10"/>
    </row>
    <row r="382493" spans="14:14">
      <c r="N382493" s="10"/>
    </row>
    <row r="382494" spans="14:14">
      <c r="N382494" s="10"/>
    </row>
    <row r="382495" spans="14:14">
      <c r="N382495" s="10"/>
    </row>
    <row r="382496" spans="14:14">
      <c r="N382496" s="10"/>
    </row>
    <row r="382497" spans="14:14">
      <c r="N382497" s="10"/>
    </row>
    <row r="382498" spans="14:14">
      <c r="N382498" s="10"/>
    </row>
    <row r="382499" spans="14:14">
      <c r="N382499" s="10"/>
    </row>
    <row r="382500" spans="14:14">
      <c r="N382500" s="10"/>
    </row>
    <row r="382501" spans="14:14">
      <c r="N382501" s="10"/>
    </row>
    <row r="382502" spans="14:14">
      <c r="N382502" s="10"/>
    </row>
    <row r="382503" spans="14:14">
      <c r="N382503" s="10"/>
    </row>
    <row r="382504" spans="14:14">
      <c r="N382504" s="10"/>
    </row>
    <row r="382505" spans="14:14">
      <c r="N382505" s="10"/>
    </row>
    <row r="382506" spans="14:14">
      <c r="N382506" s="10"/>
    </row>
    <row r="382507" spans="14:14">
      <c r="N382507" s="10"/>
    </row>
    <row r="382508" spans="14:14">
      <c r="N382508" s="10"/>
    </row>
    <row r="382509" spans="14:14">
      <c r="N382509" s="10"/>
    </row>
    <row r="382510" spans="14:14">
      <c r="N382510" s="10"/>
    </row>
    <row r="382511" spans="14:14">
      <c r="N382511" s="10"/>
    </row>
    <row r="382512" spans="14:14">
      <c r="N382512" s="10"/>
    </row>
    <row r="382513" spans="14:14">
      <c r="N382513" s="10"/>
    </row>
    <row r="382514" spans="14:14">
      <c r="N382514" s="10"/>
    </row>
    <row r="382515" spans="14:14">
      <c r="N382515" s="10"/>
    </row>
    <row r="382516" spans="14:14">
      <c r="N382516" s="10"/>
    </row>
    <row r="382517" spans="14:14">
      <c r="N382517" s="10"/>
    </row>
    <row r="382518" spans="14:14">
      <c r="N382518" s="10"/>
    </row>
    <row r="382519" spans="14:14">
      <c r="N382519" s="10"/>
    </row>
    <row r="382520" spans="14:14">
      <c r="N382520" s="10"/>
    </row>
    <row r="382521" spans="14:14">
      <c r="N382521" s="10"/>
    </row>
    <row r="382522" spans="14:14">
      <c r="N382522" s="10"/>
    </row>
    <row r="382523" spans="14:14">
      <c r="N382523" s="10"/>
    </row>
    <row r="382524" spans="14:14">
      <c r="N382524" s="10"/>
    </row>
    <row r="382525" spans="14:14">
      <c r="N382525" s="10"/>
    </row>
    <row r="382526" spans="14:14">
      <c r="N382526" s="10"/>
    </row>
    <row r="382527" spans="14:14">
      <c r="N382527" s="10"/>
    </row>
    <row r="382528" spans="14:14">
      <c r="N382528" s="10"/>
    </row>
    <row r="382529" spans="14:14">
      <c r="N382529" s="10"/>
    </row>
    <row r="382530" spans="14:14">
      <c r="N382530" s="10"/>
    </row>
    <row r="382531" spans="14:14">
      <c r="N382531" s="10"/>
    </row>
    <row r="382532" spans="14:14">
      <c r="N382532" s="10"/>
    </row>
    <row r="382533" spans="14:14">
      <c r="N382533" s="10"/>
    </row>
    <row r="382534" spans="14:14">
      <c r="N382534" s="10"/>
    </row>
    <row r="382535" spans="14:14">
      <c r="N382535" s="10"/>
    </row>
    <row r="382536" spans="14:14">
      <c r="N382536" s="10"/>
    </row>
    <row r="382537" spans="14:14">
      <c r="N382537" s="10"/>
    </row>
    <row r="382538" spans="14:14">
      <c r="N382538" s="10"/>
    </row>
    <row r="382539" spans="14:14">
      <c r="N382539" s="10"/>
    </row>
    <row r="382540" spans="14:14">
      <c r="N382540" s="10"/>
    </row>
    <row r="382541" spans="14:14">
      <c r="N382541" s="10"/>
    </row>
    <row r="382542" spans="14:14">
      <c r="N382542" s="10"/>
    </row>
    <row r="382543" spans="14:14">
      <c r="N382543" s="10"/>
    </row>
    <row r="382544" spans="14:14">
      <c r="N382544" s="10"/>
    </row>
    <row r="382545" spans="14:14">
      <c r="N382545" s="10"/>
    </row>
    <row r="382546" spans="14:14">
      <c r="N382546" s="10"/>
    </row>
    <row r="382547" spans="14:14">
      <c r="N382547" s="10"/>
    </row>
    <row r="382548" spans="14:14">
      <c r="N382548" s="10"/>
    </row>
    <row r="382549" spans="14:14">
      <c r="N382549" s="10"/>
    </row>
    <row r="382550" spans="14:14">
      <c r="N382550" s="10"/>
    </row>
    <row r="382551" spans="14:14">
      <c r="N382551" s="10"/>
    </row>
    <row r="382552" spans="14:14">
      <c r="N382552" s="10"/>
    </row>
    <row r="382553" spans="14:14">
      <c r="N382553" s="10"/>
    </row>
    <row r="382554" spans="14:14">
      <c r="N382554" s="10"/>
    </row>
    <row r="382555" spans="14:14">
      <c r="N382555" s="10"/>
    </row>
    <row r="382556" spans="14:14">
      <c r="N382556" s="10"/>
    </row>
    <row r="382557" spans="14:14">
      <c r="N382557" s="10"/>
    </row>
    <row r="382558" spans="14:14">
      <c r="N382558" s="10"/>
    </row>
    <row r="382559" spans="14:14">
      <c r="N382559" s="10"/>
    </row>
    <row r="382560" spans="14:14">
      <c r="N382560" s="10"/>
    </row>
    <row r="382561" spans="14:14">
      <c r="N382561" s="10"/>
    </row>
    <row r="382562" spans="14:14">
      <c r="N382562" s="10"/>
    </row>
    <row r="382563" spans="14:14">
      <c r="N382563" s="10"/>
    </row>
    <row r="382564" spans="14:14">
      <c r="N382564" s="10"/>
    </row>
    <row r="382565" spans="14:14">
      <c r="N382565" s="10"/>
    </row>
    <row r="382566" spans="14:14">
      <c r="N382566" s="10"/>
    </row>
    <row r="382567" spans="14:14">
      <c r="N382567" s="10"/>
    </row>
    <row r="382568" spans="14:14">
      <c r="N382568" s="10"/>
    </row>
    <row r="382569" spans="14:14">
      <c r="N382569" s="10"/>
    </row>
    <row r="382570" spans="14:14">
      <c r="N382570" s="10"/>
    </row>
    <row r="382571" spans="14:14">
      <c r="N382571" s="10"/>
    </row>
    <row r="382572" spans="14:14">
      <c r="N382572" s="10"/>
    </row>
    <row r="382573" spans="14:14">
      <c r="N382573" s="10"/>
    </row>
    <row r="382574" spans="14:14">
      <c r="N382574" s="10"/>
    </row>
    <row r="382575" spans="14:14">
      <c r="N382575" s="10"/>
    </row>
    <row r="382576" spans="14:14">
      <c r="N382576" s="10"/>
    </row>
    <row r="382577" spans="14:14">
      <c r="N382577" s="10"/>
    </row>
    <row r="382578" spans="14:14">
      <c r="N382578" s="10"/>
    </row>
    <row r="382579" spans="14:14">
      <c r="N382579" s="10"/>
    </row>
    <row r="382580" spans="14:14">
      <c r="N382580" s="10"/>
    </row>
    <row r="382581" spans="14:14">
      <c r="N382581" s="10"/>
    </row>
    <row r="382582" spans="14:14">
      <c r="N382582" s="10"/>
    </row>
    <row r="382583" spans="14:14">
      <c r="N382583" s="10"/>
    </row>
    <row r="382584" spans="14:14">
      <c r="N382584" s="10"/>
    </row>
    <row r="382585" spans="14:14">
      <c r="N382585" s="10"/>
    </row>
    <row r="382586" spans="14:14">
      <c r="N382586" s="10"/>
    </row>
    <row r="382587" spans="14:14">
      <c r="N382587" s="10"/>
    </row>
    <row r="382588" spans="14:14">
      <c r="N382588" s="10"/>
    </row>
    <row r="382589" spans="14:14">
      <c r="N382589" s="10"/>
    </row>
    <row r="382590" spans="14:14">
      <c r="N382590" s="10"/>
    </row>
    <row r="382591" spans="14:14">
      <c r="N382591" s="10"/>
    </row>
    <row r="382592" spans="14:14">
      <c r="N382592" s="10"/>
    </row>
    <row r="382593" spans="14:14">
      <c r="N382593" s="10"/>
    </row>
    <row r="382594" spans="14:14">
      <c r="N382594" s="10"/>
    </row>
    <row r="382595" spans="14:14">
      <c r="N382595" s="10"/>
    </row>
    <row r="382596" spans="14:14">
      <c r="N382596" s="10"/>
    </row>
    <row r="382597" spans="14:14">
      <c r="N382597" s="10"/>
    </row>
    <row r="382598" spans="14:14">
      <c r="N382598" s="10"/>
    </row>
    <row r="382599" spans="14:14">
      <c r="N382599" s="10"/>
    </row>
    <row r="382600" spans="14:14">
      <c r="N382600" s="10"/>
    </row>
    <row r="382601" spans="14:14">
      <c r="N382601" s="10"/>
    </row>
    <row r="382602" spans="14:14">
      <c r="N382602" s="10"/>
    </row>
    <row r="382603" spans="14:14">
      <c r="N382603" s="10"/>
    </row>
    <row r="382604" spans="14:14">
      <c r="N382604" s="10"/>
    </row>
    <row r="382605" spans="14:14">
      <c r="N382605" s="10"/>
    </row>
    <row r="382606" spans="14:14">
      <c r="N382606" s="10"/>
    </row>
    <row r="382607" spans="14:14">
      <c r="N382607" s="10"/>
    </row>
    <row r="382608" spans="14:14">
      <c r="N382608" s="10"/>
    </row>
    <row r="382609" spans="14:14">
      <c r="N382609" s="10"/>
    </row>
    <row r="382610" spans="14:14">
      <c r="N382610" s="10"/>
    </row>
    <row r="382611" spans="14:14">
      <c r="N382611" s="10"/>
    </row>
    <row r="382612" spans="14:14">
      <c r="N382612" s="10"/>
    </row>
    <row r="382613" spans="14:14">
      <c r="N382613" s="10"/>
    </row>
    <row r="382614" spans="14:14">
      <c r="N382614" s="10"/>
    </row>
    <row r="382615" spans="14:14">
      <c r="N382615" s="10"/>
    </row>
    <row r="382616" spans="14:14">
      <c r="N382616" s="10"/>
    </row>
    <row r="382617" spans="14:14">
      <c r="N382617" s="10"/>
    </row>
    <row r="382618" spans="14:14">
      <c r="N382618" s="10"/>
    </row>
    <row r="382619" spans="14:14">
      <c r="N382619" s="10"/>
    </row>
    <row r="382620" spans="14:14">
      <c r="N382620" s="10"/>
    </row>
    <row r="382621" spans="14:14">
      <c r="N382621" s="10"/>
    </row>
    <row r="382622" spans="14:14">
      <c r="N382622" s="10"/>
    </row>
    <row r="382623" spans="14:14">
      <c r="N382623" s="10"/>
    </row>
    <row r="382624" spans="14:14">
      <c r="N382624" s="10"/>
    </row>
    <row r="382625" spans="14:14">
      <c r="N382625" s="10"/>
    </row>
    <row r="382626" spans="14:14">
      <c r="N382626" s="10"/>
    </row>
    <row r="382627" spans="14:14">
      <c r="N382627" s="10"/>
    </row>
    <row r="382628" spans="14:14">
      <c r="N382628" s="10"/>
    </row>
    <row r="382629" spans="14:14">
      <c r="N382629" s="10"/>
    </row>
    <row r="382630" spans="14:14">
      <c r="N382630" s="10"/>
    </row>
    <row r="382631" spans="14:14">
      <c r="N382631" s="10"/>
    </row>
    <row r="382632" spans="14:14">
      <c r="N382632" s="10"/>
    </row>
    <row r="382633" spans="14:14">
      <c r="N382633" s="10"/>
    </row>
    <row r="382634" spans="14:14">
      <c r="N382634" s="10"/>
    </row>
    <row r="382635" spans="14:14">
      <c r="N382635" s="10"/>
    </row>
    <row r="382636" spans="14:14">
      <c r="N382636" s="10"/>
    </row>
    <row r="382637" spans="14:14">
      <c r="N382637" s="10"/>
    </row>
    <row r="382638" spans="14:14">
      <c r="N382638" s="10"/>
    </row>
    <row r="382639" spans="14:14">
      <c r="N382639" s="10"/>
    </row>
    <row r="382640" spans="14:14">
      <c r="N382640" s="10"/>
    </row>
    <row r="382641" spans="14:14">
      <c r="N382641" s="10"/>
    </row>
    <row r="382642" spans="14:14">
      <c r="N382642" s="10"/>
    </row>
    <row r="382643" spans="14:14">
      <c r="N382643" s="10"/>
    </row>
    <row r="382644" spans="14:14">
      <c r="N382644" s="10"/>
    </row>
    <row r="382645" spans="14:14">
      <c r="N382645" s="10"/>
    </row>
    <row r="382646" spans="14:14">
      <c r="N382646" s="10"/>
    </row>
    <row r="382647" spans="14:14">
      <c r="N382647" s="10"/>
    </row>
    <row r="382648" spans="14:14">
      <c r="N382648" s="10"/>
    </row>
    <row r="382649" spans="14:14">
      <c r="N382649" s="10"/>
    </row>
    <row r="382650" spans="14:14">
      <c r="N382650" s="10"/>
    </row>
    <row r="382651" spans="14:14">
      <c r="N382651" s="10"/>
    </row>
    <row r="382652" spans="14:14">
      <c r="N382652" s="10"/>
    </row>
    <row r="382653" spans="14:14">
      <c r="N382653" s="10"/>
    </row>
    <row r="382654" spans="14:14">
      <c r="N382654" s="10"/>
    </row>
    <row r="382655" spans="14:14">
      <c r="N382655" s="10"/>
    </row>
    <row r="382656" spans="14:14">
      <c r="N382656" s="10"/>
    </row>
    <row r="382657" spans="14:14">
      <c r="N382657" s="10"/>
    </row>
    <row r="382658" spans="14:14">
      <c r="N382658" s="10"/>
    </row>
    <row r="382659" spans="14:14">
      <c r="N382659" s="10"/>
    </row>
    <row r="382660" spans="14:14">
      <c r="N382660" s="10"/>
    </row>
    <row r="382661" spans="14:14">
      <c r="N382661" s="10"/>
    </row>
    <row r="382662" spans="14:14">
      <c r="N382662" s="10"/>
    </row>
    <row r="382663" spans="14:14">
      <c r="N382663" s="10"/>
    </row>
    <row r="382664" spans="14:14">
      <c r="N382664" s="10"/>
    </row>
    <row r="382665" spans="14:14">
      <c r="N382665" s="10"/>
    </row>
    <row r="382666" spans="14:14">
      <c r="N382666" s="10"/>
    </row>
    <row r="382667" spans="14:14">
      <c r="N382667" s="10"/>
    </row>
    <row r="382668" spans="14:14">
      <c r="N382668" s="10"/>
    </row>
    <row r="382669" spans="14:14">
      <c r="N382669" s="10"/>
    </row>
    <row r="382670" spans="14:14">
      <c r="N382670" s="10"/>
    </row>
    <row r="382671" spans="14:14">
      <c r="N382671" s="10"/>
    </row>
    <row r="382672" spans="14:14">
      <c r="N382672" s="10"/>
    </row>
    <row r="382673" spans="14:14">
      <c r="N382673" s="10"/>
    </row>
    <row r="382674" spans="14:14">
      <c r="N382674" s="10"/>
    </row>
    <row r="382675" spans="14:14">
      <c r="N382675" s="10"/>
    </row>
    <row r="382676" spans="14:14">
      <c r="N382676" s="10"/>
    </row>
    <row r="382677" spans="14:14">
      <c r="N382677" s="10"/>
    </row>
    <row r="382678" spans="14:14">
      <c r="N382678" s="10"/>
    </row>
    <row r="382679" spans="14:14">
      <c r="N382679" s="10"/>
    </row>
    <row r="382680" spans="14:14">
      <c r="N382680" s="10"/>
    </row>
    <row r="382681" spans="14:14">
      <c r="N382681" s="10"/>
    </row>
    <row r="382682" spans="14:14">
      <c r="N382682" s="10"/>
    </row>
    <row r="382683" spans="14:14">
      <c r="N382683" s="10"/>
    </row>
    <row r="382684" spans="14:14">
      <c r="N382684" s="10"/>
    </row>
    <row r="382685" spans="14:14">
      <c r="N382685" s="10"/>
    </row>
    <row r="382686" spans="14:14">
      <c r="N382686" s="10"/>
    </row>
    <row r="382687" spans="14:14">
      <c r="N382687" s="10"/>
    </row>
    <row r="382688" spans="14:14">
      <c r="N382688" s="10"/>
    </row>
    <row r="382689" spans="14:14">
      <c r="N382689" s="10"/>
    </row>
    <row r="382690" spans="14:14">
      <c r="N382690" s="10"/>
    </row>
    <row r="382691" spans="14:14">
      <c r="N382691" s="10"/>
    </row>
    <row r="382692" spans="14:14">
      <c r="N382692" s="10"/>
    </row>
    <row r="382693" spans="14:14">
      <c r="N382693" s="10"/>
    </row>
    <row r="382694" spans="14:14">
      <c r="N382694" s="10"/>
    </row>
    <row r="382695" spans="14:14">
      <c r="N382695" s="10"/>
    </row>
    <row r="382696" spans="14:14">
      <c r="N382696" s="10"/>
    </row>
    <row r="382697" spans="14:14">
      <c r="N382697" s="10"/>
    </row>
    <row r="382698" spans="14:14">
      <c r="N382698" s="10"/>
    </row>
    <row r="382699" spans="14:14">
      <c r="N382699" s="10"/>
    </row>
    <row r="382700" spans="14:14">
      <c r="N382700" s="10"/>
    </row>
    <row r="382701" spans="14:14">
      <c r="N382701" s="10"/>
    </row>
    <row r="382702" spans="14:14">
      <c r="N382702" s="10"/>
    </row>
    <row r="382703" spans="14:14">
      <c r="N382703" s="10"/>
    </row>
    <row r="382704" spans="14:14">
      <c r="N382704" s="10"/>
    </row>
    <row r="382705" spans="14:14">
      <c r="N382705" s="10"/>
    </row>
    <row r="382706" spans="14:14">
      <c r="N382706" s="10"/>
    </row>
    <row r="382707" spans="14:14">
      <c r="N382707" s="10"/>
    </row>
    <row r="382708" spans="14:14">
      <c r="N382708" s="10"/>
    </row>
    <row r="382709" spans="14:14">
      <c r="N382709" s="10"/>
    </row>
    <row r="382710" spans="14:14">
      <c r="N382710" s="10"/>
    </row>
    <row r="382711" spans="14:14">
      <c r="N382711" s="10"/>
    </row>
    <row r="382712" spans="14:14">
      <c r="N382712" s="10"/>
    </row>
    <row r="382713" spans="14:14">
      <c r="N382713" s="10"/>
    </row>
    <row r="382714" spans="14:14">
      <c r="N382714" s="10"/>
    </row>
    <row r="382715" spans="14:14">
      <c r="N382715" s="10"/>
    </row>
    <row r="382716" spans="14:14">
      <c r="N382716" s="10"/>
    </row>
    <row r="382717" spans="14:14">
      <c r="N382717" s="10"/>
    </row>
    <row r="382718" spans="14:14">
      <c r="N382718" s="10"/>
    </row>
    <row r="382719" spans="14:14">
      <c r="N382719" s="10"/>
    </row>
    <row r="382720" spans="14:14">
      <c r="N382720" s="10"/>
    </row>
    <row r="382721" spans="14:14">
      <c r="N382721" s="10"/>
    </row>
    <row r="382722" spans="14:14">
      <c r="N382722" s="10"/>
    </row>
    <row r="382723" spans="14:14">
      <c r="N382723" s="10"/>
    </row>
    <row r="382724" spans="14:14">
      <c r="N382724" s="10"/>
    </row>
    <row r="382725" spans="14:14">
      <c r="N382725" s="10"/>
    </row>
    <row r="382726" spans="14:14">
      <c r="N382726" s="10"/>
    </row>
    <row r="382727" spans="14:14">
      <c r="N382727" s="10"/>
    </row>
    <row r="382728" spans="14:14">
      <c r="N382728" s="10"/>
    </row>
    <row r="382729" spans="14:14">
      <c r="N382729" s="10"/>
    </row>
    <row r="382730" spans="14:14">
      <c r="N382730" s="10"/>
    </row>
    <row r="382731" spans="14:14">
      <c r="N382731" s="10"/>
    </row>
    <row r="382732" spans="14:14">
      <c r="N382732" s="10"/>
    </row>
    <row r="382733" spans="14:14">
      <c r="N382733" s="10"/>
    </row>
    <row r="382734" spans="14:14">
      <c r="N382734" s="10"/>
    </row>
    <row r="382735" spans="14:14">
      <c r="N382735" s="10"/>
    </row>
    <row r="382736" spans="14:14">
      <c r="N382736" s="10"/>
    </row>
    <row r="382737" spans="14:14">
      <c r="N382737" s="10"/>
    </row>
    <row r="382738" spans="14:14">
      <c r="N382738" s="10"/>
    </row>
    <row r="382739" spans="14:14">
      <c r="N382739" s="10"/>
    </row>
    <row r="382740" spans="14:14">
      <c r="N382740" s="10"/>
    </row>
    <row r="382741" spans="14:14">
      <c r="N382741" s="10"/>
    </row>
    <row r="382742" spans="14:14">
      <c r="N382742" s="10"/>
    </row>
    <row r="382743" spans="14:14">
      <c r="N382743" s="10"/>
    </row>
    <row r="382744" spans="14:14">
      <c r="N382744" s="10"/>
    </row>
    <row r="382745" spans="14:14">
      <c r="N382745" s="10"/>
    </row>
    <row r="382746" spans="14:14">
      <c r="N382746" s="10"/>
    </row>
    <row r="382747" spans="14:14">
      <c r="N382747" s="10"/>
    </row>
    <row r="382748" spans="14:14">
      <c r="N382748" s="10"/>
    </row>
    <row r="382749" spans="14:14">
      <c r="N382749" s="10"/>
    </row>
    <row r="382750" spans="14:14">
      <c r="N382750" s="10"/>
    </row>
    <row r="382751" spans="14:14">
      <c r="N382751" s="10"/>
    </row>
    <row r="382752" spans="14:14">
      <c r="N382752" s="10"/>
    </row>
    <row r="382753" spans="14:14">
      <c r="N382753" s="10"/>
    </row>
    <row r="382754" spans="14:14">
      <c r="N382754" s="10"/>
    </row>
    <row r="382755" spans="14:14">
      <c r="N382755" s="10"/>
    </row>
    <row r="382756" spans="14:14">
      <c r="N382756" s="10"/>
    </row>
    <row r="382757" spans="14:14">
      <c r="N382757" s="10"/>
    </row>
    <row r="382758" spans="14:14">
      <c r="N382758" s="10"/>
    </row>
    <row r="382759" spans="14:14">
      <c r="N382759" s="10"/>
    </row>
    <row r="382760" spans="14:14">
      <c r="N382760" s="10"/>
    </row>
    <row r="382761" spans="14:14">
      <c r="N382761" s="10"/>
    </row>
    <row r="382762" spans="14:14">
      <c r="N382762" s="10"/>
    </row>
    <row r="382763" spans="14:14">
      <c r="N382763" s="10"/>
    </row>
    <row r="382764" spans="14:14">
      <c r="N382764" s="10"/>
    </row>
    <row r="382765" spans="14:14">
      <c r="N382765" s="10"/>
    </row>
    <row r="382766" spans="14:14">
      <c r="N382766" s="10"/>
    </row>
    <row r="382767" spans="14:14">
      <c r="N382767" s="10"/>
    </row>
    <row r="382768" spans="14:14">
      <c r="N382768" s="10"/>
    </row>
    <row r="382769" spans="14:14">
      <c r="N382769" s="10"/>
    </row>
    <row r="382770" spans="14:14">
      <c r="N382770" s="10"/>
    </row>
    <row r="382771" spans="14:14">
      <c r="N382771" s="10"/>
    </row>
    <row r="382772" spans="14:14">
      <c r="N382772" s="10"/>
    </row>
    <row r="382773" spans="14:14">
      <c r="N382773" s="10"/>
    </row>
    <row r="382774" spans="14:14">
      <c r="N382774" s="10"/>
    </row>
    <row r="382775" spans="14:14">
      <c r="N382775" s="10"/>
    </row>
    <row r="382776" spans="14:14">
      <c r="N382776" s="10"/>
    </row>
    <row r="382777" spans="14:14">
      <c r="N382777" s="10"/>
    </row>
    <row r="382778" spans="14:14">
      <c r="N382778" s="10"/>
    </row>
    <row r="382779" spans="14:14">
      <c r="N382779" s="10"/>
    </row>
    <row r="382780" spans="14:14">
      <c r="N382780" s="10"/>
    </row>
    <row r="382781" spans="14:14">
      <c r="N382781" s="10"/>
    </row>
    <row r="382782" spans="14:14">
      <c r="N382782" s="10"/>
    </row>
    <row r="382783" spans="14:14">
      <c r="N382783" s="10"/>
    </row>
    <row r="382784" spans="14:14">
      <c r="N382784" s="10"/>
    </row>
    <row r="382785" spans="14:14">
      <c r="N382785" s="10"/>
    </row>
    <row r="382786" spans="14:14">
      <c r="N382786" s="10"/>
    </row>
    <row r="382787" spans="14:14">
      <c r="N382787" s="10"/>
    </row>
    <row r="382788" spans="14:14">
      <c r="N382788" s="10"/>
    </row>
    <row r="382789" spans="14:14">
      <c r="N382789" s="10"/>
    </row>
    <row r="382790" spans="14:14">
      <c r="N382790" s="10"/>
    </row>
    <row r="382791" spans="14:14">
      <c r="N382791" s="10"/>
    </row>
    <row r="382792" spans="14:14">
      <c r="N382792" s="10"/>
    </row>
    <row r="382793" spans="14:14">
      <c r="N382793" s="10"/>
    </row>
    <row r="382794" spans="14:14">
      <c r="N382794" s="10"/>
    </row>
    <row r="382795" spans="14:14">
      <c r="N382795" s="10"/>
    </row>
    <row r="382796" spans="14:14">
      <c r="N382796" s="10"/>
    </row>
    <row r="382797" spans="14:14">
      <c r="N382797" s="10"/>
    </row>
    <row r="382798" spans="14:14">
      <c r="N382798" s="10"/>
    </row>
    <row r="382799" spans="14:14">
      <c r="N382799" s="10"/>
    </row>
    <row r="382800" spans="14:14">
      <c r="N382800" s="10"/>
    </row>
    <row r="382801" spans="14:14">
      <c r="N382801" s="10"/>
    </row>
    <row r="382802" spans="14:14">
      <c r="N382802" s="10"/>
    </row>
    <row r="382803" spans="14:14">
      <c r="N382803" s="10"/>
    </row>
    <row r="382804" spans="14:14">
      <c r="N382804" s="10"/>
    </row>
    <row r="382805" spans="14:14">
      <c r="N382805" s="10"/>
    </row>
    <row r="382806" spans="14:14">
      <c r="N382806" s="10"/>
    </row>
    <row r="382807" spans="14:14">
      <c r="N382807" s="10"/>
    </row>
    <row r="382808" spans="14:14">
      <c r="N382808" s="10"/>
    </row>
    <row r="382809" spans="14:14">
      <c r="N382809" s="10"/>
    </row>
    <row r="382810" spans="14:14">
      <c r="N382810" s="10"/>
    </row>
    <row r="382811" spans="14:14">
      <c r="N382811" s="10"/>
    </row>
    <row r="382812" spans="14:14">
      <c r="N382812" s="10"/>
    </row>
    <row r="382813" spans="14:14">
      <c r="N382813" s="10"/>
    </row>
    <row r="382814" spans="14:14">
      <c r="N382814" s="10"/>
    </row>
    <row r="382815" spans="14:14">
      <c r="N382815" s="10"/>
    </row>
    <row r="382816" spans="14:14">
      <c r="N382816" s="10"/>
    </row>
    <row r="382817" spans="14:14">
      <c r="N382817" s="10"/>
    </row>
    <row r="382818" spans="14:14">
      <c r="N382818" s="10"/>
    </row>
    <row r="382819" spans="14:14">
      <c r="N382819" s="10"/>
    </row>
    <row r="382820" spans="14:14">
      <c r="N382820" s="10"/>
    </row>
    <row r="382821" spans="14:14">
      <c r="N382821" s="10"/>
    </row>
    <row r="382822" spans="14:14">
      <c r="N382822" s="10"/>
    </row>
    <row r="382823" spans="14:14">
      <c r="N382823" s="10"/>
    </row>
    <row r="382824" spans="14:14">
      <c r="N382824" s="10"/>
    </row>
    <row r="382825" spans="14:14">
      <c r="N382825" s="10"/>
    </row>
    <row r="382826" spans="14:14">
      <c r="N382826" s="10"/>
    </row>
    <row r="382827" spans="14:14">
      <c r="N382827" s="10"/>
    </row>
    <row r="382828" spans="14:14">
      <c r="N382828" s="10"/>
    </row>
    <row r="382829" spans="14:14">
      <c r="N382829" s="10"/>
    </row>
    <row r="382830" spans="14:14">
      <c r="N382830" s="10"/>
    </row>
    <row r="382831" spans="14:14">
      <c r="N382831" s="10"/>
    </row>
    <row r="382832" spans="14:14">
      <c r="N382832" s="10"/>
    </row>
    <row r="382833" spans="14:14">
      <c r="N382833" s="10"/>
    </row>
    <row r="382834" spans="14:14">
      <c r="N382834" s="10"/>
    </row>
    <row r="382835" spans="14:14">
      <c r="N382835" s="10"/>
    </row>
    <row r="382836" spans="14:14">
      <c r="N382836" s="10"/>
    </row>
    <row r="382837" spans="14:14">
      <c r="N382837" s="10"/>
    </row>
    <row r="382838" spans="14:14">
      <c r="N382838" s="10"/>
    </row>
    <row r="382839" spans="14:14">
      <c r="N382839" s="10"/>
    </row>
    <row r="382840" spans="14:14">
      <c r="N382840" s="10"/>
    </row>
    <row r="382841" spans="14:14">
      <c r="N382841" s="10"/>
    </row>
    <row r="382842" spans="14:14">
      <c r="N382842" s="10"/>
    </row>
    <row r="382843" spans="14:14">
      <c r="N382843" s="10"/>
    </row>
    <row r="382844" spans="14:14">
      <c r="N382844" s="10"/>
    </row>
    <row r="382845" spans="14:14">
      <c r="N382845" s="10"/>
    </row>
    <row r="382846" spans="14:14">
      <c r="N382846" s="10"/>
    </row>
    <row r="382847" spans="14:14">
      <c r="N382847" s="10"/>
    </row>
    <row r="382848" spans="14:14">
      <c r="N382848" s="10"/>
    </row>
    <row r="382849" spans="14:14">
      <c r="N382849" s="10"/>
    </row>
    <row r="382850" spans="14:14">
      <c r="N382850" s="10"/>
    </row>
    <row r="382851" spans="14:14">
      <c r="N382851" s="10"/>
    </row>
    <row r="382852" spans="14:14">
      <c r="N382852" s="10"/>
    </row>
    <row r="382853" spans="14:14">
      <c r="N382853" s="10"/>
    </row>
    <row r="382854" spans="14:14">
      <c r="N382854" s="10"/>
    </row>
    <row r="382855" spans="14:14">
      <c r="N382855" s="10"/>
    </row>
    <row r="382856" spans="14:14">
      <c r="N382856" s="10"/>
    </row>
    <row r="382857" spans="14:14">
      <c r="N382857" s="10"/>
    </row>
    <row r="382858" spans="14:14">
      <c r="N382858" s="10"/>
    </row>
    <row r="382859" spans="14:14">
      <c r="N382859" s="10"/>
    </row>
    <row r="382860" spans="14:14">
      <c r="N382860" s="10"/>
    </row>
    <row r="382861" spans="14:14">
      <c r="N382861" s="10"/>
    </row>
    <row r="382862" spans="14:14">
      <c r="N382862" s="10"/>
    </row>
    <row r="382863" spans="14:14">
      <c r="N382863" s="10"/>
    </row>
    <row r="382864" spans="14:14">
      <c r="N382864" s="10"/>
    </row>
    <row r="382865" spans="14:14">
      <c r="N382865" s="10"/>
    </row>
    <row r="382866" spans="14:14">
      <c r="N382866" s="10"/>
    </row>
    <row r="382867" spans="14:14">
      <c r="N382867" s="10"/>
    </row>
    <row r="382868" spans="14:14">
      <c r="N382868" s="10"/>
    </row>
    <row r="382869" spans="14:14">
      <c r="N382869" s="10"/>
    </row>
    <row r="382870" spans="14:14">
      <c r="N382870" s="10"/>
    </row>
    <row r="382871" spans="14:14">
      <c r="N382871" s="10"/>
    </row>
    <row r="382872" spans="14:14">
      <c r="N382872" s="10"/>
    </row>
    <row r="382873" spans="14:14">
      <c r="N382873" s="10"/>
    </row>
    <row r="382874" spans="14:14">
      <c r="N382874" s="10"/>
    </row>
    <row r="382875" spans="14:14">
      <c r="N382875" s="10"/>
    </row>
    <row r="382876" spans="14:14">
      <c r="N382876" s="10"/>
    </row>
    <row r="382877" spans="14:14">
      <c r="N382877" s="10"/>
    </row>
    <row r="382878" spans="14:14">
      <c r="N382878" s="10"/>
    </row>
    <row r="382879" spans="14:14">
      <c r="N382879" s="10"/>
    </row>
    <row r="382880" spans="14:14">
      <c r="N382880" s="10"/>
    </row>
    <row r="382881" spans="14:14">
      <c r="N382881" s="10"/>
    </row>
    <row r="382882" spans="14:14">
      <c r="N382882" s="10"/>
    </row>
    <row r="382883" spans="14:14">
      <c r="N382883" s="10"/>
    </row>
    <row r="382884" spans="14:14">
      <c r="N382884" s="10"/>
    </row>
    <row r="382885" spans="14:14">
      <c r="N382885" s="10"/>
    </row>
    <row r="382886" spans="14:14">
      <c r="N382886" s="10"/>
    </row>
    <row r="382887" spans="14:14">
      <c r="N382887" s="10"/>
    </row>
    <row r="382888" spans="14:14">
      <c r="N382888" s="10"/>
    </row>
    <row r="382889" spans="14:14">
      <c r="N382889" s="10"/>
    </row>
    <row r="382890" spans="14:14">
      <c r="N382890" s="10"/>
    </row>
    <row r="382891" spans="14:14">
      <c r="N382891" s="10"/>
    </row>
    <row r="382892" spans="14:14">
      <c r="N382892" s="10"/>
    </row>
    <row r="382893" spans="14:14">
      <c r="N382893" s="10"/>
    </row>
    <row r="382894" spans="14:14">
      <c r="N382894" s="10"/>
    </row>
    <row r="382895" spans="14:14">
      <c r="N382895" s="10"/>
    </row>
    <row r="382896" spans="14:14">
      <c r="N382896" s="10"/>
    </row>
    <row r="382897" spans="14:14">
      <c r="N382897" s="10"/>
    </row>
    <row r="382898" spans="14:14">
      <c r="N382898" s="10"/>
    </row>
    <row r="382899" spans="14:14">
      <c r="N382899" s="10"/>
    </row>
    <row r="382900" spans="14:14">
      <c r="N382900" s="10"/>
    </row>
    <row r="382901" spans="14:14">
      <c r="N382901" s="10"/>
    </row>
    <row r="382902" spans="14:14">
      <c r="N382902" s="10"/>
    </row>
    <row r="382903" spans="14:14">
      <c r="N382903" s="10"/>
    </row>
    <row r="382904" spans="14:14">
      <c r="N382904" s="10"/>
    </row>
    <row r="382905" spans="14:14">
      <c r="N382905" s="10"/>
    </row>
    <row r="382906" spans="14:14">
      <c r="N382906" s="10"/>
    </row>
    <row r="382907" spans="14:14">
      <c r="N382907" s="10"/>
    </row>
    <row r="382908" spans="14:14">
      <c r="N382908" s="10"/>
    </row>
    <row r="382909" spans="14:14">
      <c r="N382909" s="10"/>
    </row>
    <row r="382910" spans="14:14">
      <c r="N382910" s="10"/>
    </row>
    <row r="382911" spans="14:14">
      <c r="N382911" s="10"/>
    </row>
    <row r="382912" spans="14:14">
      <c r="N382912" s="10"/>
    </row>
    <row r="382913" spans="14:14">
      <c r="N382913" s="10"/>
    </row>
    <row r="382914" spans="14:14">
      <c r="N382914" s="10"/>
    </row>
    <row r="382915" spans="14:14">
      <c r="N382915" s="10"/>
    </row>
    <row r="382916" spans="14:14">
      <c r="N382916" s="10"/>
    </row>
    <row r="382917" spans="14:14">
      <c r="N382917" s="10"/>
    </row>
    <row r="382918" spans="14:14">
      <c r="N382918" s="10"/>
    </row>
    <row r="382919" spans="14:14">
      <c r="N382919" s="10"/>
    </row>
    <row r="382920" spans="14:14">
      <c r="N382920" s="10"/>
    </row>
    <row r="382921" spans="14:14">
      <c r="N382921" s="10"/>
    </row>
    <row r="382922" spans="14:14">
      <c r="N382922" s="10"/>
    </row>
    <row r="382923" spans="14:14">
      <c r="N382923" s="10"/>
    </row>
    <row r="382924" spans="14:14">
      <c r="N382924" s="10"/>
    </row>
    <row r="382925" spans="14:14">
      <c r="N382925" s="10"/>
    </row>
    <row r="382926" spans="14:14">
      <c r="N382926" s="10"/>
    </row>
    <row r="382927" spans="14:14">
      <c r="N382927" s="10"/>
    </row>
    <row r="382928" spans="14:14">
      <c r="N382928" s="10"/>
    </row>
    <row r="382929" spans="14:14">
      <c r="N382929" s="10"/>
    </row>
    <row r="382930" spans="14:14">
      <c r="N382930" s="10"/>
    </row>
    <row r="382931" spans="14:14">
      <c r="N382931" s="10"/>
    </row>
    <row r="382932" spans="14:14">
      <c r="N382932" s="10"/>
    </row>
    <row r="382933" spans="14:14">
      <c r="N382933" s="10"/>
    </row>
    <row r="382934" spans="14:14">
      <c r="N382934" s="10"/>
    </row>
    <row r="382935" spans="14:14">
      <c r="N382935" s="10"/>
    </row>
    <row r="382936" spans="14:14">
      <c r="N382936" s="10"/>
    </row>
    <row r="382937" spans="14:14">
      <c r="N382937" s="10"/>
    </row>
    <row r="382938" spans="14:14">
      <c r="N382938" s="10"/>
    </row>
    <row r="382939" spans="14:14">
      <c r="N382939" s="10"/>
    </row>
    <row r="382940" spans="14:14">
      <c r="N382940" s="10"/>
    </row>
    <row r="382941" spans="14:14">
      <c r="N382941" s="10"/>
    </row>
    <row r="382942" spans="14:14">
      <c r="N382942" s="10"/>
    </row>
    <row r="382943" spans="14:14">
      <c r="N382943" s="10"/>
    </row>
    <row r="382944" spans="14:14">
      <c r="N382944" s="10"/>
    </row>
    <row r="382945" spans="14:14">
      <c r="N382945" s="10"/>
    </row>
    <row r="382946" spans="14:14">
      <c r="N382946" s="10"/>
    </row>
    <row r="382947" spans="14:14">
      <c r="N382947" s="10"/>
    </row>
    <row r="382948" spans="14:14">
      <c r="N382948" s="10"/>
    </row>
    <row r="382949" spans="14:14">
      <c r="N382949" s="10"/>
    </row>
    <row r="382950" spans="14:14">
      <c r="N382950" s="10"/>
    </row>
    <row r="382951" spans="14:14">
      <c r="N382951" s="10"/>
    </row>
    <row r="382952" spans="14:14">
      <c r="N382952" s="10"/>
    </row>
    <row r="382953" spans="14:14">
      <c r="N382953" s="10"/>
    </row>
    <row r="382954" spans="14:14">
      <c r="N382954" s="10"/>
    </row>
    <row r="382955" spans="14:14">
      <c r="N382955" s="10"/>
    </row>
    <row r="382956" spans="14:14">
      <c r="N382956" s="10"/>
    </row>
    <row r="382957" spans="14:14">
      <c r="N382957" s="10"/>
    </row>
    <row r="382958" spans="14:14">
      <c r="N382958" s="10"/>
    </row>
    <row r="382959" spans="14:14">
      <c r="N382959" s="10"/>
    </row>
    <row r="382960" spans="14:14">
      <c r="N382960" s="10"/>
    </row>
    <row r="382961" spans="14:14">
      <c r="N382961" s="10"/>
    </row>
    <row r="382962" spans="14:14">
      <c r="N382962" s="10"/>
    </row>
    <row r="382963" spans="14:14">
      <c r="N382963" s="10"/>
    </row>
    <row r="382964" spans="14:14">
      <c r="N382964" s="10"/>
    </row>
    <row r="382965" spans="14:14">
      <c r="N382965" s="10"/>
    </row>
    <row r="382966" spans="14:14">
      <c r="N382966" s="10"/>
    </row>
    <row r="382967" spans="14:14">
      <c r="N382967" s="10"/>
    </row>
    <row r="382968" spans="14:14">
      <c r="N382968" s="10"/>
    </row>
    <row r="382969" spans="14:14">
      <c r="N382969" s="10"/>
    </row>
    <row r="382970" spans="14:14">
      <c r="N382970" s="10"/>
    </row>
    <row r="382971" spans="14:14">
      <c r="N382971" s="10"/>
    </row>
    <row r="382972" spans="14:14">
      <c r="N382972" s="10"/>
    </row>
    <row r="382973" spans="14:14">
      <c r="N382973" s="10"/>
    </row>
    <row r="382974" spans="14:14">
      <c r="N382974" s="10"/>
    </row>
    <row r="382975" spans="14:14">
      <c r="N382975" s="10"/>
    </row>
    <row r="382976" spans="14:14">
      <c r="N382976" s="10"/>
    </row>
    <row r="382977" spans="14:14">
      <c r="N382977" s="10"/>
    </row>
    <row r="382978" spans="14:14">
      <c r="N382978" s="10"/>
    </row>
    <row r="382979" spans="14:14">
      <c r="N382979" s="10"/>
    </row>
    <row r="382980" spans="14:14">
      <c r="N382980" s="10"/>
    </row>
    <row r="382981" spans="14:14">
      <c r="N382981" s="10"/>
    </row>
    <row r="382982" spans="14:14">
      <c r="N382982" s="10"/>
    </row>
    <row r="382983" spans="14:14">
      <c r="N382983" s="10"/>
    </row>
    <row r="382984" spans="14:14">
      <c r="N382984" s="10"/>
    </row>
    <row r="382985" spans="14:14">
      <c r="N382985" s="10"/>
    </row>
    <row r="382986" spans="14:14">
      <c r="N382986" s="10"/>
    </row>
    <row r="382987" spans="14:14">
      <c r="N382987" s="10"/>
    </row>
    <row r="382988" spans="14:14">
      <c r="N382988" s="10"/>
    </row>
    <row r="382989" spans="14:14">
      <c r="N382989" s="10"/>
    </row>
    <row r="382990" spans="14:14">
      <c r="N382990" s="10"/>
    </row>
    <row r="382991" spans="14:14">
      <c r="N382991" s="10"/>
    </row>
    <row r="382992" spans="14:14">
      <c r="N382992" s="10"/>
    </row>
    <row r="382993" spans="14:14">
      <c r="N382993" s="10"/>
    </row>
    <row r="382994" spans="14:14">
      <c r="N382994" s="10"/>
    </row>
    <row r="382995" spans="14:14">
      <c r="N382995" s="10"/>
    </row>
    <row r="382996" spans="14:14">
      <c r="N382996" s="10"/>
    </row>
    <row r="382997" spans="14:14">
      <c r="N382997" s="10"/>
    </row>
    <row r="382998" spans="14:14">
      <c r="N382998" s="10"/>
    </row>
    <row r="382999" spans="14:14">
      <c r="N382999" s="10"/>
    </row>
    <row r="383000" spans="14:14">
      <c r="N383000" s="10"/>
    </row>
    <row r="383001" spans="14:14">
      <c r="N383001" s="10"/>
    </row>
    <row r="383002" spans="14:14">
      <c r="N383002" s="10"/>
    </row>
    <row r="383003" spans="14:14">
      <c r="N383003" s="10"/>
    </row>
    <row r="383004" spans="14:14">
      <c r="N383004" s="10"/>
    </row>
    <row r="383005" spans="14:14">
      <c r="N383005" s="10"/>
    </row>
    <row r="383006" spans="14:14">
      <c r="N383006" s="10"/>
    </row>
    <row r="383007" spans="14:14">
      <c r="N383007" s="10"/>
    </row>
    <row r="383008" spans="14:14">
      <c r="N383008" s="10"/>
    </row>
    <row r="383009" spans="14:14">
      <c r="N383009" s="10"/>
    </row>
    <row r="383010" spans="14:14">
      <c r="N383010" s="10"/>
    </row>
    <row r="383011" spans="14:14">
      <c r="N383011" s="10"/>
    </row>
    <row r="383012" spans="14:14">
      <c r="N383012" s="10"/>
    </row>
    <row r="383013" spans="14:14">
      <c r="N383013" s="10"/>
    </row>
    <row r="383014" spans="14:14">
      <c r="N383014" s="10"/>
    </row>
    <row r="383015" spans="14:14">
      <c r="N383015" s="10"/>
    </row>
    <row r="383016" spans="14:14">
      <c r="N383016" s="10"/>
    </row>
    <row r="383017" spans="14:14">
      <c r="N383017" s="10"/>
    </row>
    <row r="383018" spans="14:14">
      <c r="N383018" s="10"/>
    </row>
    <row r="383019" spans="14:14">
      <c r="N383019" s="10"/>
    </row>
    <row r="383020" spans="14:14">
      <c r="N383020" s="10"/>
    </row>
    <row r="383021" spans="14:14">
      <c r="N383021" s="10"/>
    </row>
    <row r="383022" spans="14:14">
      <c r="N383022" s="10"/>
    </row>
    <row r="383023" spans="14:14">
      <c r="N383023" s="10"/>
    </row>
    <row r="383024" spans="14:14">
      <c r="N383024" s="10"/>
    </row>
    <row r="383025" spans="14:14">
      <c r="N383025" s="10"/>
    </row>
    <row r="383026" spans="14:14">
      <c r="N383026" s="10"/>
    </row>
    <row r="383027" spans="14:14">
      <c r="N383027" s="10"/>
    </row>
    <row r="383028" spans="14:14">
      <c r="N383028" s="10"/>
    </row>
    <row r="383029" spans="14:14">
      <c r="N383029" s="10"/>
    </row>
    <row r="383030" spans="14:14">
      <c r="N383030" s="10"/>
    </row>
    <row r="383031" spans="14:14">
      <c r="N383031" s="10"/>
    </row>
    <row r="383032" spans="14:14">
      <c r="N383032" s="10"/>
    </row>
    <row r="383033" spans="14:14">
      <c r="N383033" s="10"/>
    </row>
    <row r="383034" spans="14:14">
      <c r="N383034" s="10"/>
    </row>
    <row r="383035" spans="14:14">
      <c r="N383035" s="10"/>
    </row>
    <row r="383036" spans="14:14">
      <c r="N383036" s="10"/>
    </row>
    <row r="383037" spans="14:14">
      <c r="N383037" s="10"/>
    </row>
    <row r="383038" spans="14:14">
      <c r="N383038" s="10"/>
    </row>
    <row r="383039" spans="14:14">
      <c r="N383039" s="10"/>
    </row>
    <row r="383040" spans="14:14">
      <c r="N383040" s="10"/>
    </row>
    <row r="383041" spans="14:14">
      <c r="N383041" s="10"/>
    </row>
    <row r="383042" spans="14:14">
      <c r="N383042" s="10"/>
    </row>
    <row r="383043" spans="14:14">
      <c r="N383043" s="10"/>
    </row>
    <row r="383044" spans="14:14">
      <c r="N383044" s="10"/>
    </row>
    <row r="383045" spans="14:14">
      <c r="N383045" s="10"/>
    </row>
    <row r="383046" spans="14:14">
      <c r="N383046" s="10"/>
    </row>
    <row r="383047" spans="14:14">
      <c r="N383047" s="10"/>
    </row>
    <row r="383048" spans="14:14">
      <c r="N383048" s="10"/>
    </row>
    <row r="383049" spans="14:14">
      <c r="N383049" s="10"/>
    </row>
    <row r="383050" spans="14:14">
      <c r="N383050" s="10"/>
    </row>
    <row r="383051" spans="14:14">
      <c r="N383051" s="10"/>
    </row>
    <row r="383052" spans="14:14">
      <c r="N383052" s="10"/>
    </row>
    <row r="383053" spans="14:14">
      <c r="N383053" s="10"/>
    </row>
    <row r="383054" spans="14:14">
      <c r="N383054" s="10"/>
    </row>
    <row r="383055" spans="14:14">
      <c r="N383055" s="10"/>
    </row>
    <row r="383056" spans="14:14">
      <c r="N383056" s="10"/>
    </row>
    <row r="383057" spans="14:14">
      <c r="N383057" s="10"/>
    </row>
    <row r="383058" spans="14:14">
      <c r="N383058" s="10"/>
    </row>
    <row r="383059" spans="14:14">
      <c r="N383059" s="10"/>
    </row>
    <row r="383060" spans="14:14">
      <c r="N383060" s="10"/>
    </row>
    <row r="383061" spans="14:14">
      <c r="N383061" s="10"/>
    </row>
    <row r="383062" spans="14:14">
      <c r="N383062" s="10"/>
    </row>
    <row r="383063" spans="14:14">
      <c r="N383063" s="10"/>
    </row>
    <row r="383064" spans="14:14">
      <c r="N383064" s="10"/>
    </row>
    <row r="383065" spans="14:14">
      <c r="N383065" s="10"/>
    </row>
    <row r="383066" spans="14:14">
      <c r="N383066" s="10"/>
    </row>
    <row r="383067" spans="14:14">
      <c r="N383067" s="10"/>
    </row>
    <row r="383068" spans="14:14">
      <c r="N383068" s="10"/>
    </row>
    <row r="383069" spans="14:14">
      <c r="N383069" s="10"/>
    </row>
    <row r="383070" spans="14:14">
      <c r="N383070" s="10"/>
    </row>
    <row r="383071" spans="14:14">
      <c r="N383071" s="10"/>
    </row>
    <row r="383072" spans="14:14">
      <c r="N383072" s="10"/>
    </row>
    <row r="383073" spans="14:14">
      <c r="N383073" s="10"/>
    </row>
    <row r="383074" spans="14:14">
      <c r="N383074" s="10"/>
    </row>
    <row r="383075" spans="14:14">
      <c r="N383075" s="10"/>
    </row>
    <row r="383076" spans="14:14">
      <c r="N383076" s="10"/>
    </row>
    <row r="383077" spans="14:14">
      <c r="N383077" s="10"/>
    </row>
    <row r="383078" spans="14:14">
      <c r="N383078" s="10"/>
    </row>
    <row r="383079" spans="14:14">
      <c r="N383079" s="10"/>
    </row>
    <row r="383080" spans="14:14">
      <c r="N383080" s="10"/>
    </row>
    <row r="383081" spans="14:14">
      <c r="N383081" s="10"/>
    </row>
    <row r="383082" spans="14:14">
      <c r="N383082" s="10"/>
    </row>
    <row r="383083" spans="14:14">
      <c r="N383083" s="10"/>
    </row>
    <row r="383084" spans="14:14">
      <c r="N383084" s="10"/>
    </row>
    <row r="383085" spans="14:14">
      <c r="N383085" s="10"/>
    </row>
    <row r="383086" spans="14:14">
      <c r="N383086" s="10"/>
    </row>
    <row r="383087" spans="14:14">
      <c r="N383087" s="10"/>
    </row>
    <row r="383088" spans="14:14">
      <c r="N383088" s="10"/>
    </row>
    <row r="383089" spans="14:14">
      <c r="N383089" s="10"/>
    </row>
    <row r="383090" spans="14:14">
      <c r="N383090" s="10"/>
    </row>
    <row r="383091" spans="14:14">
      <c r="N383091" s="10"/>
    </row>
    <row r="383092" spans="14:14">
      <c r="N383092" s="10"/>
    </row>
    <row r="383093" spans="14:14">
      <c r="N383093" s="10"/>
    </row>
    <row r="383094" spans="14:14">
      <c r="N383094" s="10"/>
    </row>
    <row r="383095" spans="14:14">
      <c r="N383095" s="10"/>
    </row>
    <row r="383096" spans="14:14">
      <c r="N383096" s="10"/>
    </row>
    <row r="383097" spans="14:14">
      <c r="N383097" s="10"/>
    </row>
    <row r="383098" spans="14:14">
      <c r="N383098" s="10"/>
    </row>
    <row r="383099" spans="14:14">
      <c r="N383099" s="10"/>
    </row>
    <row r="383100" spans="14:14">
      <c r="N383100" s="10"/>
    </row>
    <row r="383101" spans="14:14">
      <c r="N383101" s="10"/>
    </row>
    <row r="383102" spans="14:14">
      <c r="N383102" s="10"/>
    </row>
    <row r="383103" spans="14:14">
      <c r="N383103" s="10"/>
    </row>
    <row r="383104" spans="14:14">
      <c r="N383104" s="10"/>
    </row>
    <row r="383105" spans="14:14">
      <c r="N383105" s="10"/>
    </row>
    <row r="383106" spans="14:14">
      <c r="N383106" s="10"/>
    </row>
    <row r="383107" spans="14:14">
      <c r="N383107" s="10"/>
    </row>
    <row r="383108" spans="14:14">
      <c r="N383108" s="10"/>
    </row>
    <row r="383109" spans="14:14">
      <c r="N383109" s="10"/>
    </row>
    <row r="383110" spans="14:14">
      <c r="N383110" s="10"/>
    </row>
    <row r="383111" spans="14:14">
      <c r="N383111" s="10"/>
    </row>
    <row r="383112" spans="14:14">
      <c r="N383112" s="10"/>
    </row>
    <row r="383113" spans="14:14">
      <c r="N383113" s="10"/>
    </row>
    <row r="383114" spans="14:14">
      <c r="N383114" s="10"/>
    </row>
    <row r="383115" spans="14:14">
      <c r="N383115" s="10"/>
    </row>
    <row r="383116" spans="14:14">
      <c r="N383116" s="10"/>
    </row>
    <row r="383117" spans="14:14">
      <c r="N383117" s="10"/>
    </row>
    <row r="383118" spans="14:14">
      <c r="N383118" s="10"/>
    </row>
    <row r="383119" spans="14:14">
      <c r="N383119" s="10"/>
    </row>
    <row r="383120" spans="14:14">
      <c r="N383120" s="10"/>
    </row>
    <row r="383121" spans="14:14">
      <c r="N383121" s="10"/>
    </row>
    <row r="383122" spans="14:14">
      <c r="N383122" s="10"/>
    </row>
    <row r="383123" spans="14:14">
      <c r="N383123" s="10"/>
    </row>
    <row r="383124" spans="14:14">
      <c r="N383124" s="10"/>
    </row>
    <row r="383125" spans="14:14">
      <c r="N383125" s="10"/>
    </row>
    <row r="383126" spans="14:14">
      <c r="N383126" s="10"/>
    </row>
    <row r="383127" spans="14:14">
      <c r="N383127" s="10"/>
    </row>
    <row r="383128" spans="14:14">
      <c r="N383128" s="10"/>
    </row>
    <row r="383129" spans="14:14">
      <c r="N383129" s="10"/>
    </row>
    <row r="383130" spans="14:14">
      <c r="N383130" s="10"/>
    </row>
    <row r="383131" spans="14:14">
      <c r="N383131" s="10"/>
    </row>
    <row r="383132" spans="14:14">
      <c r="N383132" s="10"/>
    </row>
    <row r="383133" spans="14:14">
      <c r="N383133" s="10"/>
    </row>
    <row r="383134" spans="14:14">
      <c r="N383134" s="10"/>
    </row>
    <row r="383135" spans="14:14">
      <c r="N383135" s="10"/>
    </row>
    <row r="383136" spans="14:14">
      <c r="N383136" s="10"/>
    </row>
    <row r="383137" spans="14:14">
      <c r="N383137" s="10"/>
    </row>
    <row r="383138" spans="14:14">
      <c r="N383138" s="10"/>
    </row>
    <row r="383139" spans="14:14">
      <c r="N383139" s="10"/>
    </row>
    <row r="383140" spans="14:14">
      <c r="N383140" s="10"/>
    </row>
    <row r="383141" spans="14:14">
      <c r="N383141" s="10"/>
    </row>
    <row r="383142" spans="14:14">
      <c r="N383142" s="10"/>
    </row>
    <row r="383143" spans="14:14">
      <c r="N383143" s="10"/>
    </row>
    <row r="383144" spans="14:14">
      <c r="N383144" s="10"/>
    </row>
    <row r="383145" spans="14:14">
      <c r="N383145" s="10"/>
    </row>
    <row r="383146" spans="14:14">
      <c r="N383146" s="10"/>
    </row>
    <row r="383147" spans="14:14">
      <c r="N383147" s="10"/>
    </row>
    <row r="383148" spans="14:14">
      <c r="N383148" s="10"/>
    </row>
    <row r="383149" spans="14:14">
      <c r="N383149" s="10"/>
    </row>
    <row r="383150" spans="14:14">
      <c r="N383150" s="10"/>
    </row>
    <row r="383151" spans="14:14">
      <c r="N383151" s="10"/>
    </row>
    <row r="383152" spans="14:14">
      <c r="N383152" s="10"/>
    </row>
    <row r="383153" spans="14:14">
      <c r="N383153" s="10"/>
    </row>
    <row r="383154" spans="14:14">
      <c r="N383154" s="10"/>
    </row>
    <row r="383155" spans="14:14">
      <c r="N383155" s="10"/>
    </row>
    <row r="383156" spans="14:14">
      <c r="N383156" s="10"/>
    </row>
    <row r="383157" spans="14:14">
      <c r="N383157" s="10"/>
    </row>
    <row r="383158" spans="14:14">
      <c r="N383158" s="10"/>
    </row>
    <row r="383159" spans="14:14">
      <c r="N383159" s="10"/>
    </row>
    <row r="383160" spans="14:14">
      <c r="N383160" s="10"/>
    </row>
    <row r="383161" spans="14:14">
      <c r="N383161" s="10"/>
    </row>
    <row r="383162" spans="14:14">
      <c r="N383162" s="10"/>
    </row>
    <row r="383163" spans="14:14">
      <c r="N383163" s="10"/>
    </row>
    <row r="383164" spans="14:14">
      <c r="N383164" s="10"/>
    </row>
    <row r="383165" spans="14:14">
      <c r="N383165" s="10"/>
    </row>
    <row r="383166" spans="14:14">
      <c r="N383166" s="10"/>
    </row>
    <row r="383167" spans="14:14">
      <c r="N383167" s="10"/>
    </row>
    <row r="383168" spans="14:14">
      <c r="N383168" s="10"/>
    </row>
    <row r="383169" spans="14:14">
      <c r="N383169" s="10"/>
    </row>
    <row r="383170" spans="14:14">
      <c r="N383170" s="10"/>
    </row>
    <row r="383171" spans="14:14">
      <c r="N383171" s="10"/>
    </row>
    <row r="383172" spans="14:14">
      <c r="N383172" s="10"/>
    </row>
    <row r="383173" spans="14:14">
      <c r="N383173" s="10"/>
    </row>
    <row r="383174" spans="14:14">
      <c r="N383174" s="10"/>
    </row>
    <row r="383175" spans="14:14">
      <c r="N383175" s="10"/>
    </row>
    <row r="383176" spans="14:14">
      <c r="N383176" s="10"/>
    </row>
    <row r="383177" spans="14:14">
      <c r="N383177" s="10"/>
    </row>
    <row r="383178" spans="14:14">
      <c r="N383178" s="10"/>
    </row>
    <row r="383179" spans="14:14">
      <c r="N383179" s="10"/>
    </row>
    <row r="383180" spans="14:14">
      <c r="N383180" s="10"/>
    </row>
    <row r="383181" spans="14:14">
      <c r="N383181" s="10"/>
    </row>
    <row r="383182" spans="14:14">
      <c r="N383182" s="10"/>
    </row>
    <row r="383183" spans="14:14">
      <c r="N383183" s="10"/>
    </row>
    <row r="383184" spans="14:14">
      <c r="N383184" s="10"/>
    </row>
    <row r="383185" spans="14:14">
      <c r="N383185" s="10"/>
    </row>
    <row r="383186" spans="14:14">
      <c r="N383186" s="10"/>
    </row>
    <row r="383187" spans="14:14">
      <c r="N383187" s="10"/>
    </row>
    <row r="383188" spans="14:14">
      <c r="N383188" s="10"/>
    </row>
    <row r="383189" spans="14:14">
      <c r="N383189" s="10"/>
    </row>
    <row r="383190" spans="14:14">
      <c r="N383190" s="10"/>
    </row>
    <row r="383191" spans="14:14">
      <c r="N383191" s="10"/>
    </row>
    <row r="383192" spans="14:14">
      <c r="N383192" s="10"/>
    </row>
    <row r="383193" spans="14:14">
      <c r="N383193" s="10"/>
    </row>
    <row r="383194" spans="14:14">
      <c r="N383194" s="10"/>
    </row>
    <row r="383195" spans="14:14">
      <c r="N383195" s="10"/>
    </row>
    <row r="383196" spans="14:14">
      <c r="N383196" s="10"/>
    </row>
    <row r="383197" spans="14:14">
      <c r="N383197" s="10"/>
    </row>
    <row r="383198" spans="14:14">
      <c r="N383198" s="10"/>
    </row>
    <row r="383199" spans="14:14">
      <c r="N383199" s="10"/>
    </row>
    <row r="383200" spans="14:14">
      <c r="N383200" s="10"/>
    </row>
    <row r="383201" spans="14:14">
      <c r="N383201" s="10"/>
    </row>
    <row r="383202" spans="14:14">
      <c r="N383202" s="10"/>
    </row>
    <row r="383203" spans="14:14">
      <c r="N383203" s="10"/>
    </row>
    <row r="383204" spans="14:14">
      <c r="N383204" s="10"/>
    </row>
    <row r="383205" spans="14:14">
      <c r="N383205" s="10"/>
    </row>
    <row r="383206" spans="14:14">
      <c r="N383206" s="10"/>
    </row>
    <row r="383207" spans="14:14">
      <c r="N383207" s="10"/>
    </row>
    <row r="383208" spans="14:14">
      <c r="N383208" s="10"/>
    </row>
    <row r="383209" spans="14:14">
      <c r="N383209" s="10"/>
    </row>
    <row r="383210" spans="14:14">
      <c r="N383210" s="10"/>
    </row>
    <row r="383211" spans="14:14">
      <c r="N383211" s="10"/>
    </row>
    <row r="383212" spans="14:14">
      <c r="N383212" s="10"/>
    </row>
    <row r="383213" spans="14:14">
      <c r="N383213" s="10"/>
    </row>
    <row r="383214" spans="14:14">
      <c r="N383214" s="10"/>
    </row>
    <row r="383215" spans="14:14">
      <c r="N383215" s="10"/>
    </row>
    <row r="383216" spans="14:14">
      <c r="N383216" s="10"/>
    </row>
    <row r="383217" spans="14:14">
      <c r="N383217" s="10"/>
    </row>
    <row r="383218" spans="14:14">
      <c r="N383218" s="10"/>
    </row>
    <row r="383219" spans="14:14">
      <c r="N383219" s="10"/>
    </row>
    <row r="383220" spans="14:14">
      <c r="N383220" s="10"/>
    </row>
    <row r="383221" spans="14:14">
      <c r="N383221" s="10"/>
    </row>
    <row r="383222" spans="14:14">
      <c r="N383222" s="10"/>
    </row>
    <row r="383223" spans="14:14">
      <c r="N383223" s="10"/>
    </row>
    <row r="383224" spans="14:14">
      <c r="N383224" s="10"/>
    </row>
    <row r="383225" spans="14:14">
      <c r="N383225" s="10"/>
    </row>
    <row r="383226" spans="14:14">
      <c r="N383226" s="10"/>
    </row>
    <row r="383227" spans="14:14">
      <c r="N383227" s="10"/>
    </row>
    <row r="383228" spans="14:14">
      <c r="N383228" s="10"/>
    </row>
    <row r="383229" spans="14:14">
      <c r="N383229" s="10"/>
    </row>
    <row r="383230" spans="14:14">
      <c r="N383230" s="10"/>
    </row>
    <row r="383231" spans="14:14">
      <c r="N383231" s="10"/>
    </row>
    <row r="383232" spans="14:14">
      <c r="N383232" s="10"/>
    </row>
    <row r="383233" spans="14:14">
      <c r="N383233" s="10"/>
    </row>
    <row r="383234" spans="14:14">
      <c r="N383234" s="10"/>
    </row>
    <row r="383235" spans="14:14">
      <c r="N383235" s="10"/>
    </row>
    <row r="383236" spans="14:14">
      <c r="N383236" s="10"/>
    </row>
    <row r="383237" spans="14:14">
      <c r="N383237" s="10"/>
    </row>
    <row r="383238" spans="14:14">
      <c r="N383238" s="10"/>
    </row>
    <row r="383239" spans="14:14">
      <c r="N383239" s="10"/>
    </row>
    <row r="383240" spans="14:14">
      <c r="N383240" s="10"/>
    </row>
    <row r="383241" spans="14:14">
      <c r="N383241" s="10"/>
    </row>
    <row r="383242" spans="14:14">
      <c r="N383242" s="10"/>
    </row>
    <row r="383243" spans="14:14">
      <c r="N383243" s="10"/>
    </row>
    <row r="383244" spans="14:14">
      <c r="N383244" s="10"/>
    </row>
    <row r="383245" spans="14:14">
      <c r="N383245" s="10"/>
    </row>
    <row r="383246" spans="14:14">
      <c r="N383246" s="10"/>
    </row>
    <row r="383247" spans="14:14">
      <c r="N383247" s="10"/>
    </row>
    <row r="383248" spans="14:14">
      <c r="N383248" s="10"/>
    </row>
    <row r="383249" spans="14:14">
      <c r="N383249" s="10"/>
    </row>
    <row r="383250" spans="14:14">
      <c r="N383250" s="10"/>
    </row>
    <row r="383251" spans="14:14">
      <c r="N383251" s="10"/>
    </row>
    <row r="383252" spans="14:14">
      <c r="N383252" s="10"/>
    </row>
    <row r="383253" spans="14:14">
      <c r="N383253" s="10"/>
    </row>
    <row r="383254" spans="14:14">
      <c r="N383254" s="10"/>
    </row>
    <row r="383255" spans="14:14">
      <c r="N383255" s="10"/>
    </row>
    <row r="383256" spans="14:14">
      <c r="N383256" s="10"/>
    </row>
    <row r="383257" spans="14:14">
      <c r="N383257" s="10"/>
    </row>
    <row r="383258" spans="14:14">
      <c r="N383258" s="10"/>
    </row>
    <row r="383259" spans="14:14">
      <c r="N383259" s="10"/>
    </row>
    <row r="383260" spans="14:14">
      <c r="N383260" s="10"/>
    </row>
    <row r="383261" spans="14:14">
      <c r="N383261" s="10"/>
    </row>
    <row r="383262" spans="14:14">
      <c r="N383262" s="10"/>
    </row>
    <row r="383263" spans="14:14">
      <c r="N383263" s="10"/>
    </row>
    <row r="383264" spans="14:14">
      <c r="N383264" s="10"/>
    </row>
    <row r="383265" spans="14:14">
      <c r="N383265" s="10"/>
    </row>
    <row r="383266" spans="14:14">
      <c r="N383266" s="10"/>
    </row>
    <row r="383267" spans="14:14">
      <c r="N383267" s="10"/>
    </row>
    <row r="383268" spans="14:14">
      <c r="N383268" s="10"/>
    </row>
    <row r="383269" spans="14:14">
      <c r="N383269" s="10"/>
    </row>
    <row r="383270" spans="14:14">
      <c r="N383270" s="10"/>
    </row>
    <row r="383271" spans="14:14">
      <c r="N383271" s="10"/>
    </row>
    <row r="383272" spans="14:14">
      <c r="N383272" s="10"/>
    </row>
    <row r="383273" spans="14:14">
      <c r="N383273" s="10"/>
    </row>
    <row r="383274" spans="14:14">
      <c r="N383274" s="10"/>
    </row>
    <row r="383275" spans="14:14">
      <c r="N383275" s="10"/>
    </row>
    <row r="383276" spans="14:14">
      <c r="N383276" s="10"/>
    </row>
    <row r="383277" spans="14:14">
      <c r="N383277" s="10"/>
    </row>
    <row r="383278" spans="14:14">
      <c r="N383278" s="10"/>
    </row>
    <row r="383279" spans="14:14">
      <c r="N383279" s="10"/>
    </row>
    <row r="383280" spans="14:14">
      <c r="N383280" s="10"/>
    </row>
    <row r="383281" spans="14:14">
      <c r="N383281" s="10"/>
    </row>
    <row r="383282" spans="14:14">
      <c r="N383282" s="10"/>
    </row>
    <row r="383283" spans="14:14">
      <c r="N383283" s="10"/>
    </row>
    <row r="383284" spans="14:14">
      <c r="N383284" s="10"/>
    </row>
    <row r="383285" spans="14:14">
      <c r="N383285" s="10"/>
    </row>
    <row r="383286" spans="14:14">
      <c r="N383286" s="10"/>
    </row>
    <row r="383287" spans="14:14">
      <c r="N383287" s="10"/>
    </row>
    <row r="383288" spans="14:14">
      <c r="N383288" s="10"/>
    </row>
    <row r="383289" spans="14:14">
      <c r="N383289" s="10"/>
    </row>
    <row r="383290" spans="14:14">
      <c r="N383290" s="10"/>
    </row>
    <row r="383291" spans="14:14">
      <c r="N383291" s="10"/>
    </row>
    <row r="383292" spans="14:14">
      <c r="N383292" s="10"/>
    </row>
    <row r="383293" spans="14:14">
      <c r="N383293" s="10"/>
    </row>
    <row r="383294" spans="14:14">
      <c r="N383294" s="10"/>
    </row>
    <row r="383295" spans="14:14">
      <c r="N383295" s="10"/>
    </row>
    <row r="383296" spans="14:14">
      <c r="N383296" s="10"/>
    </row>
    <row r="383297" spans="14:14">
      <c r="N383297" s="10"/>
    </row>
    <row r="383298" spans="14:14">
      <c r="N383298" s="10"/>
    </row>
    <row r="383299" spans="14:14">
      <c r="N383299" s="10"/>
    </row>
    <row r="383300" spans="14:14">
      <c r="N383300" s="10"/>
    </row>
    <row r="383301" spans="14:14">
      <c r="N383301" s="10"/>
    </row>
    <row r="383302" spans="14:14">
      <c r="N383302" s="10"/>
    </row>
    <row r="383303" spans="14:14">
      <c r="N383303" s="10"/>
    </row>
    <row r="383304" spans="14:14">
      <c r="N383304" s="10"/>
    </row>
    <row r="383305" spans="14:14">
      <c r="N383305" s="10"/>
    </row>
    <row r="383306" spans="14:14">
      <c r="N383306" s="10"/>
    </row>
    <row r="383307" spans="14:14">
      <c r="N383307" s="10"/>
    </row>
    <row r="383308" spans="14:14">
      <c r="N383308" s="10"/>
    </row>
    <row r="383309" spans="14:14">
      <c r="N383309" s="10"/>
    </row>
    <row r="383310" spans="14:14">
      <c r="N383310" s="10"/>
    </row>
    <row r="383311" spans="14:14">
      <c r="N383311" s="10"/>
    </row>
    <row r="383312" spans="14:14">
      <c r="N383312" s="10"/>
    </row>
    <row r="383313" spans="14:14">
      <c r="N383313" s="10"/>
    </row>
    <row r="383314" spans="14:14">
      <c r="N383314" s="10"/>
    </row>
    <row r="383315" spans="14:14">
      <c r="N383315" s="10"/>
    </row>
    <row r="383316" spans="14:14">
      <c r="N383316" s="10"/>
    </row>
    <row r="383317" spans="14:14">
      <c r="N383317" s="10"/>
    </row>
    <row r="383318" spans="14:14">
      <c r="N383318" s="10"/>
    </row>
    <row r="383319" spans="14:14">
      <c r="N383319" s="10"/>
    </row>
    <row r="383320" spans="14:14">
      <c r="N383320" s="10"/>
    </row>
    <row r="383321" spans="14:14">
      <c r="N383321" s="10"/>
    </row>
    <row r="383322" spans="14:14">
      <c r="N383322" s="10"/>
    </row>
    <row r="383323" spans="14:14">
      <c r="N383323" s="10"/>
    </row>
    <row r="383324" spans="14:14">
      <c r="N383324" s="10"/>
    </row>
    <row r="383325" spans="14:14">
      <c r="N383325" s="10"/>
    </row>
    <row r="383326" spans="14:14">
      <c r="N383326" s="10"/>
    </row>
    <row r="383327" spans="14:14">
      <c r="N383327" s="10"/>
    </row>
    <row r="383328" spans="14:14">
      <c r="N383328" s="10"/>
    </row>
    <row r="383329" spans="14:14">
      <c r="N383329" s="10"/>
    </row>
    <row r="383330" spans="14:14">
      <c r="N383330" s="10"/>
    </row>
    <row r="383331" spans="14:14">
      <c r="N383331" s="10"/>
    </row>
    <row r="383332" spans="14:14">
      <c r="N383332" s="10"/>
    </row>
    <row r="383333" spans="14:14">
      <c r="N383333" s="10"/>
    </row>
    <row r="383334" spans="14:14">
      <c r="N383334" s="10"/>
    </row>
    <row r="383335" spans="14:14">
      <c r="N383335" s="10"/>
    </row>
    <row r="383336" spans="14:14">
      <c r="N383336" s="10"/>
    </row>
    <row r="383337" spans="14:14">
      <c r="N383337" s="10"/>
    </row>
    <row r="383338" spans="14:14">
      <c r="N383338" s="10"/>
    </row>
    <row r="383339" spans="14:14">
      <c r="N383339" s="10"/>
    </row>
    <row r="383340" spans="14:14">
      <c r="N383340" s="10"/>
    </row>
    <row r="383341" spans="14:14">
      <c r="N383341" s="10"/>
    </row>
    <row r="383342" spans="14:14">
      <c r="N383342" s="10"/>
    </row>
    <row r="383343" spans="14:14">
      <c r="N383343" s="10"/>
    </row>
    <row r="383344" spans="14:14">
      <c r="N383344" s="10"/>
    </row>
    <row r="383345" spans="14:14">
      <c r="N383345" s="10"/>
    </row>
    <row r="383346" spans="14:14">
      <c r="N383346" s="10"/>
    </row>
    <row r="383347" spans="14:14">
      <c r="N383347" s="10"/>
    </row>
    <row r="383348" spans="14:14">
      <c r="N383348" s="10"/>
    </row>
    <row r="383349" spans="14:14">
      <c r="N383349" s="10"/>
    </row>
    <row r="383350" spans="14:14">
      <c r="N383350" s="10"/>
    </row>
    <row r="383351" spans="14:14">
      <c r="N383351" s="10"/>
    </row>
    <row r="383352" spans="14:14">
      <c r="N383352" s="10"/>
    </row>
    <row r="383353" spans="14:14">
      <c r="N383353" s="10"/>
    </row>
    <row r="383354" spans="14:14">
      <c r="N383354" s="10"/>
    </row>
    <row r="383355" spans="14:14">
      <c r="N383355" s="10"/>
    </row>
    <row r="383356" spans="14:14">
      <c r="N383356" s="10"/>
    </row>
    <row r="383357" spans="14:14">
      <c r="N383357" s="10"/>
    </row>
    <row r="383358" spans="14:14">
      <c r="N383358" s="10"/>
    </row>
    <row r="383359" spans="14:14">
      <c r="N383359" s="10"/>
    </row>
    <row r="383360" spans="14:14">
      <c r="N383360" s="10"/>
    </row>
    <row r="383361" spans="14:14">
      <c r="N383361" s="10"/>
    </row>
    <row r="383362" spans="14:14">
      <c r="N383362" s="10"/>
    </row>
    <row r="383363" spans="14:14">
      <c r="N383363" s="10"/>
    </row>
    <row r="383364" spans="14:14">
      <c r="N383364" s="10"/>
    </row>
    <row r="383365" spans="14:14">
      <c r="N383365" s="10"/>
    </row>
    <row r="383366" spans="14:14">
      <c r="N383366" s="10"/>
    </row>
    <row r="383367" spans="14:14">
      <c r="N383367" s="10"/>
    </row>
    <row r="383368" spans="14:14">
      <c r="N383368" s="10"/>
    </row>
    <row r="383369" spans="14:14">
      <c r="N383369" s="10"/>
    </row>
    <row r="383370" spans="14:14">
      <c r="N383370" s="10"/>
    </row>
    <row r="383371" spans="14:14">
      <c r="N383371" s="10"/>
    </row>
    <row r="383372" spans="14:14">
      <c r="N383372" s="10"/>
    </row>
    <row r="383373" spans="14:14">
      <c r="N383373" s="10"/>
    </row>
    <row r="383374" spans="14:14">
      <c r="N383374" s="10"/>
    </row>
    <row r="383375" spans="14:14">
      <c r="N383375" s="10"/>
    </row>
    <row r="383376" spans="14:14">
      <c r="N383376" s="10"/>
    </row>
    <row r="383377" spans="14:14">
      <c r="N383377" s="10"/>
    </row>
    <row r="383378" spans="14:14">
      <c r="N383378" s="10"/>
    </row>
    <row r="383379" spans="14:14">
      <c r="N383379" s="10"/>
    </row>
    <row r="383380" spans="14:14">
      <c r="N383380" s="10"/>
    </row>
    <row r="383381" spans="14:14">
      <c r="N383381" s="10"/>
    </row>
    <row r="383382" spans="14:14">
      <c r="N383382" s="10"/>
    </row>
    <row r="383383" spans="14:14">
      <c r="N383383" s="10"/>
    </row>
    <row r="383384" spans="14:14">
      <c r="N383384" s="10"/>
    </row>
    <row r="383385" spans="14:14">
      <c r="N383385" s="10"/>
    </row>
    <row r="383386" spans="14:14">
      <c r="N383386" s="10"/>
    </row>
    <row r="383387" spans="14:14">
      <c r="N383387" s="10"/>
    </row>
    <row r="383388" spans="14:14">
      <c r="N383388" s="10"/>
    </row>
    <row r="383389" spans="14:14">
      <c r="N383389" s="10"/>
    </row>
    <row r="383390" spans="14:14">
      <c r="N383390" s="10"/>
    </row>
    <row r="383391" spans="14:14">
      <c r="N383391" s="10"/>
    </row>
    <row r="383392" spans="14:14">
      <c r="N383392" s="10"/>
    </row>
    <row r="383393" spans="14:14">
      <c r="N383393" s="10"/>
    </row>
    <row r="383394" spans="14:14">
      <c r="N383394" s="10"/>
    </row>
    <row r="383395" spans="14:14">
      <c r="N383395" s="10"/>
    </row>
    <row r="383396" spans="14:14">
      <c r="N383396" s="10"/>
    </row>
    <row r="383397" spans="14:14">
      <c r="N383397" s="10"/>
    </row>
    <row r="383398" spans="14:14">
      <c r="N383398" s="10"/>
    </row>
    <row r="383399" spans="14:14">
      <c r="N383399" s="10"/>
    </row>
    <row r="383400" spans="14:14">
      <c r="N383400" s="10"/>
    </row>
    <row r="383401" spans="14:14">
      <c r="N383401" s="10"/>
    </row>
    <row r="383402" spans="14:14">
      <c r="N383402" s="10"/>
    </row>
    <row r="383403" spans="14:14">
      <c r="N383403" s="10"/>
    </row>
    <row r="383404" spans="14:14">
      <c r="N383404" s="10"/>
    </row>
    <row r="383405" spans="14:14">
      <c r="N383405" s="10"/>
    </row>
    <row r="383406" spans="14:14">
      <c r="N383406" s="10"/>
    </row>
    <row r="383407" spans="14:14">
      <c r="N383407" s="10"/>
    </row>
    <row r="383408" spans="14:14">
      <c r="N383408" s="10"/>
    </row>
    <row r="383409" spans="14:14">
      <c r="N383409" s="10"/>
    </row>
    <row r="383410" spans="14:14">
      <c r="N383410" s="10"/>
    </row>
    <row r="383411" spans="14:14">
      <c r="N383411" s="10"/>
    </row>
    <row r="383412" spans="14:14">
      <c r="N383412" s="10"/>
    </row>
    <row r="383413" spans="14:14">
      <c r="N383413" s="10"/>
    </row>
    <row r="383414" spans="14:14">
      <c r="N383414" s="10"/>
    </row>
    <row r="383415" spans="14:14">
      <c r="N383415" s="10"/>
    </row>
    <row r="383416" spans="14:14">
      <c r="N383416" s="10"/>
    </row>
    <row r="383417" spans="14:14">
      <c r="N383417" s="10"/>
    </row>
    <row r="383418" spans="14:14">
      <c r="N383418" s="10"/>
    </row>
    <row r="383419" spans="14:14">
      <c r="N383419" s="10"/>
    </row>
    <row r="383420" spans="14:14">
      <c r="N383420" s="10"/>
    </row>
    <row r="383421" spans="14:14">
      <c r="N383421" s="10"/>
    </row>
    <row r="383422" spans="14:14">
      <c r="N383422" s="10"/>
    </row>
    <row r="383423" spans="14:14">
      <c r="N383423" s="10"/>
    </row>
    <row r="383424" spans="14:14">
      <c r="N383424" s="10"/>
    </row>
    <row r="383425" spans="14:14">
      <c r="N383425" s="10"/>
    </row>
    <row r="383426" spans="14:14">
      <c r="N383426" s="10"/>
    </row>
    <row r="383427" spans="14:14">
      <c r="N383427" s="10"/>
    </row>
    <row r="383428" spans="14:14">
      <c r="N383428" s="10"/>
    </row>
    <row r="383429" spans="14:14">
      <c r="N383429" s="10"/>
    </row>
    <row r="383430" spans="14:14">
      <c r="N383430" s="10"/>
    </row>
    <row r="383431" spans="14:14">
      <c r="N383431" s="10"/>
    </row>
    <row r="383432" spans="14:14">
      <c r="N383432" s="10"/>
    </row>
    <row r="383433" spans="14:14">
      <c r="N383433" s="10"/>
    </row>
    <row r="383434" spans="14:14">
      <c r="N383434" s="10"/>
    </row>
    <row r="383435" spans="14:14">
      <c r="N383435" s="10"/>
    </row>
    <row r="383436" spans="14:14">
      <c r="N383436" s="10"/>
    </row>
    <row r="383437" spans="14:14">
      <c r="N383437" s="10"/>
    </row>
    <row r="383438" spans="14:14">
      <c r="N383438" s="10"/>
    </row>
    <row r="383439" spans="14:14">
      <c r="N383439" s="10"/>
    </row>
    <row r="383440" spans="14:14">
      <c r="N383440" s="10"/>
    </row>
    <row r="383441" spans="14:14">
      <c r="N383441" s="10"/>
    </row>
    <row r="383442" spans="14:14">
      <c r="N383442" s="10"/>
    </row>
    <row r="383443" spans="14:14">
      <c r="N383443" s="10"/>
    </row>
    <row r="383444" spans="14:14">
      <c r="N383444" s="10"/>
    </row>
    <row r="383445" spans="14:14">
      <c r="N383445" s="10"/>
    </row>
    <row r="383446" spans="14:14">
      <c r="N383446" s="10"/>
    </row>
    <row r="383447" spans="14:14">
      <c r="N383447" s="10"/>
    </row>
    <row r="383448" spans="14:14">
      <c r="N383448" s="10"/>
    </row>
    <row r="383449" spans="14:14">
      <c r="N383449" s="10"/>
    </row>
    <row r="383450" spans="14:14">
      <c r="N383450" s="10"/>
    </row>
    <row r="383451" spans="14:14">
      <c r="N383451" s="10"/>
    </row>
    <row r="383452" spans="14:14">
      <c r="N383452" s="10"/>
    </row>
    <row r="383453" spans="14:14">
      <c r="N383453" s="10"/>
    </row>
    <row r="383454" spans="14:14">
      <c r="N383454" s="10"/>
    </row>
    <row r="383455" spans="14:14">
      <c r="N383455" s="10"/>
    </row>
    <row r="383456" spans="14:14">
      <c r="N383456" s="10"/>
    </row>
    <row r="383457" spans="14:14">
      <c r="N383457" s="10"/>
    </row>
    <row r="383458" spans="14:14">
      <c r="N383458" s="10"/>
    </row>
    <row r="383459" spans="14:14">
      <c r="N383459" s="10"/>
    </row>
    <row r="383460" spans="14:14">
      <c r="N383460" s="10"/>
    </row>
    <row r="383461" spans="14:14">
      <c r="N383461" s="10"/>
    </row>
    <row r="383462" spans="14:14">
      <c r="N383462" s="10"/>
    </row>
    <row r="383463" spans="14:14">
      <c r="N383463" s="10"/>
    </row>
    <row r="383464" spans="14:14">
      <c r="N383464" s="10"/>
    </row>
    <row r="383465" spans="14:14">
      <c r="N383465" s="10"/>
    </row>
    <row r="383466" spans="14:14">
      <c r="N383466" s="10"/>
    </row>
    <row r="383467" spans="14:14">
      <c r="N383467" s="10"/>
    </row>
    <row r="383468" spans="14:14">
      <c r="N383468" s="10"/>
    </row>
    <row r="383469" spans="14:14">
      <c r="N383469" s="10"/>
    </row>
    <row r="383470" spans="14:14">
      <c r="N383470" s="10"/>
    </row>
    <row r="383471" spans="14:14">
      <c r="N383471" s="10"/>
    </row>
    <row r="383472" spans="14:14">
      <c r="N383472" s="10"/>
    </row>
    <row r="383473" spans="14:14">
      <c r="N383473" s="10"/>
    </row>
    <row r="383474" spans="14:14">
      <c r="N383474" s="10"/>
    </row>
    <row r="383475" spans="14:14">
      <c r="N383475" s="10"/>
    </row>
    <row r="383476" spans="14:14">
      <c r="N383476" s="10"/>
    </row>
    <row r="383477" spans="14:14">
      <c r="N383477" s="10"/>
    </row>
    <row r="383478" spans="14:14">
      <c r="N383478" s="10"/>
    </row>
    <row r="383479" spans="14:14">
      <c r="N383479" s="10"/>
    </row>
    <row r="383480" spans="14:14">
      <c r="N383480" s="10"/>
    </row>
    <row r="383481" spans="14:14">
      <c r="N383481" s="10"/>
    </row>
    <row r="383482" spans="14:14">
      <c r="N383482" s="10"/>
    </row>
    <row r="383483" spans="14:14">
      <c r="N383483" s="10"/>
    </row>
    <row r="383484" spans="14:14">
      <c r="N383484" s="10"/>
    </row>
    <row r="383485" spans="14:14">
      <c r="N383485" s="10"/>
    </row>
    <row r="383486" spans="14:14">
      <c r="N383486" s="10"/>
    </row>
    <row r="383487" spans="14:14">
      <c r="N383487" s="10"/>
    </row>
    <row r="383488" spans="14:14">
      <c r="N383488" s="10"/>
    </row>
    <row r="383489" spans="14:14">
      <c r="N383489" s="10"/>
    </row>
    <row r="383490" spans="14:14">
      <c r="N383490" s="10"/>
    </row>
    <row r="383491" spans="14:14">
      <c r="N383491" s="10"/>
    </row>
    <row r="383492" spans="14:14">
      <c r="N383492" s="10"/>
    </row>
    <row r="383493" spans="14:14">
      <c r="N383493" s="10"/>
    </row>
    <row r="383494" spans="14:14">
      <c r="N383494" s="10"/>
    </row>
    <row r="383495" spans="14:14">
      <c r="N383495" s="10"/>
    </row>
    <row r="383496" spans="14:14">
      <c r="N383496" s="10"/>
    </row>
    <row r="383497" spans="14:14">
      <c r="N383497" s="10"/>
    </row>
    <row r="383498" spans="14:14">
      <c r="N383498" s="10"/>
    </row>
    <row r="383499" spans="14:14">
      <c r="N383499" s="10"/>
    </row>
    <row r="383500" spans="14:14">
      <c r="N383500" s="10"/>
    </row>
    <row r="383501" spans="14:14">
      <c r="N383501" s="10"/>
    </row>
    <row r="383502" spans="14:14">
      <c r="N383502" s="10"/>
    </row>
    <row r="383503" spans="14:14">
      <c r="N383503" s="10"/>
    </row>
    <row r="383504" spans="14:14">
      <c r="N383504" s="10"/>
    </row>
    <row r="383505" spans="14:14">
      <c r="N383505" s="10"/>
    </row>
    <row r="383506" spans="14:14">
      <c r="N383506" s="10"/>
    </row>
    <row r="383507" spans="14:14">
      <c r="N383507" s="10"/>
    </row>
    <row r="383508" spans="14:14">
      <c r="N383508" s="10"/>
    </row>
    <row r="383509" spans="14:14">
      <c r="N383509" s="10"/>
    </row>
    <row r="383510" spans="14:14">
      <c r="N383510" s="10"/>
    </row>
    <row r="383511" spans="14:14">
      <c r="N383511" s="10"/>
    </row>
    <row r="383512" spans="14:14">
      <c r="N383512" s="10"/>
    </row>
    <row r="383513" spans="14:14">
      <c r="N383513" s="10"/>
    </row>
    <row r="383514" spans="14:14">
      <c r="N383514" s="10"/>
    </row>
    <row r="383515" spans="14:14">
      <c r="N383515" s="10"/>
    </row>
    <row r="383516" spans="14:14">
      <c r="N383516" s="10"/>
    </row>
    <row r="383517" spans="14:14">
      <c r="N383517" s="10"/>
    </row>
    <row r="383518" spans="14:14">
      <c r="N383518" s="10"/>
    </row>
    <row r="383519" spans="14:14">
      <c r="N383519" s="10"/>
    </row>
    <row r="383520" spans="14:14">
      <c r="N383520" s="10"/>
    </row>
    <row r="383521" spans="14:14">
      <c r="N383521" s="10"/>
    </row>
    <row r="383522" spans="14:14">
      <c r="N383522" s="10"/>
    </row>
    <row r="383523" spans="14:14">
      <c r="N383523" s="10"/>
    </row>
    <row r="383524" spans="14:14">
      <c r="N383524" s="10"/>
    </row>
    <row r="383525" spans="14:14">
      <c r="N383525" s="10"/>
    </row>
    <row r="383526" spans="14:14">
      <c r="N383526" s="10"/>
    </row>
    <row r="383527" spans="14:14">
      <c r="N383527" s="10"/>
    </row>
    <row r="383528" spans="14:14">
      <c r="N383528" s="10"/>
    </row>
    <row r="383529" spans="14:14">
      <c r="N383529" s="10"/>
    </row>
    <row r="383530" spans="14:14">
      <c r="N383530" s="10"/>
    </row>
    <row r="383531" spans="14:14">
      <c r="N383531" s="10"/>
    </row>
    <row r="383532" spans="14:14">
      <c r="N383532" s="10"/>
    </row>
    <row r="383533" spans="14:14">
      <c r="N383533" s="10"/>
    </row>
    <row r="383534" spans="14:14">
      <c r="N383534" s="10"/>
    </row>
    <row r="383535" spans="14:14">
      <c r="N383535" s="10"/>
    </row>
    <row r="383536" spans="14:14">
      <c r="N383536" s="10"/>
    </row>
    <row r="383537" spans="14:14">
      <c r="N383537" s="10"/>
    </row>
    <row r="383538" spans="14:14">
      <c r="N383538" s="10"/>
    </row>
    <row r="383539" spans="14:14">
      <c r="N383539" s="10"/>
    </row>
    <row r="383540" spans="14:14">
      <c r="N383540" s="10"/>
    </row>
    <row r="383541" spans="14:14">
      <c r="N383541" s="10"/>
    </row>
    <row r="383542" spans="14:14">
      <c r="N383542" s="10"/>
    </row>
    <row r="383543" spans="14:14">
      <c r="N383543" s="10"/>
    </row>
    <row r="383544" spans="14:14">
      <c r="N383544" s="10"/>
    </row>
    <row r="383545" spans="14:14">
      <c r="N383545" s="10"/>
    </row>
    <row r="383546" spans="14:14">
      <c r="N383546" s="10"/>
    </row>
    <row r="383547" spans="14:14">
      <c r="N383547" s="10"/>
    </row>
    <row r="383548" spans="14:14">
      <c r="N383548" s="10"/>
    </row>
    <row r="383549" spans="14:14">
      <c r="N383549" s="10"/>
    </row>
    <row r="383550" spans="14:14">
      <c r="N383550" s="10"/>
    </row>
    <row r="383551" spans="14:14">
      <c r="N383551" s="10"/>
    </row>
    <row r="383552" spans="14:14">
      <c r="N383552" s="10"/>
    </row>
    <row r="383553" spans="14:14">
      <c r="N383553" s="10"/>
    </row>
    <row r="383554" spans="14:14">
      <c r="N383554" s="10"/>
    </row>
    <row r="383555" spans="14:14">
      <c r="N383555" s="10"/>
    </row>
    <row r="383556" spans="14:14">
      <c r="N383556" s="10"/>
    </row>
    <row r="383557" spans="14:14">
      <c r="N383557" s="10"/>
    </row>
    <row r="383558" spans="14:14">
      <c r="N383558" s="10"/>
    </row>
    <row r="383559" spans="14:14">
      <c r="N383559" s="10"/>
    </row>
    <row r="383560" spans="14:14">
      <c r="N383560" s="10"/>
    </row>
    <row r="383561" spans="14:14">
      <c r="N383561" s="10"/>
    </row>
    <row r="383562" spans="14:14">
      <c r="N383562" s="10"/>
    </row>
    <row r="383563" spans="14:14">
      <c r="N383563" s="10"/>
    </row>
    <row r="383564" spans="14:14">
      <c r="N383564" s="10"/>
    </row>
    <row r="383565" spans="14:14">
      <c r="N383565" s="10"/>
    </row>
    <row r="383566" spans="14:14">
      <c r="N383566" s="10"/>
    </row>
    <row r="383567" spans="14:14">
      <c r="N383567" s="10"/>
    </row>
    <row r="383568" spans="14:14">
      <c r="N383568" s="10"/>
    </row>
    <row r="383569" spans="14:14">
      <c r="N383569" s="10"/>
    </row>
    <row r="383570" spans="14:14">
      <c r="N383570" s="10"/>
    </row>
    <row r="383571" spans="14:14">
      <c r="N383571" s="10"/>
    </row>
    <row r="383572" spans="14:14">
      <c r="N383572" s="10"/>
    </row>
    <row r="383573" spans="14:14">
      <c r="N383573" s="10"/>
    </row>
    <row r="383574" spans="14:14">
      <c r="N383574" s="10"/>
    </row>
    <row r="383575" spans="14:14">
      <c r="N383575" s="10"/>
    </row>
    <row r="383576" spans="14:14">
      <c r="N383576" s="10"/>
    </row>
    <row r="383577" spans="14:14">
      <c r="N383577" s="10"/>
    </row>
    <row r="383578" spans="14:14">
      <c r="N383578" s="10"/>
    </row>
    <row r="383579" spans="14:14">
      <c r="N383579" s="10"/>
    </row>
    <row r="383580" spans="14:14">
      <c r="N383580" s="10"/>
    </row>
    <row r="383581" spans="14:14">
      <c r="N383581" s="10"/>
    </row>
    <row r="383582" spans="14:14">
      <c r="N383582" s="10"/>
    </row>
    <row r="383583" spans="14:14">
      <c r="N383583" s="10"/>
    </row>
    <row r="383584" spans="14:14">
      <c r="N383584" s="10"/>
    </row>
    <row r="383585" spans="14:14">
      <c r="N383585" s="10"/>
    </row>
    <row r="383586" spans="14:14">
      <c r="N383586" s="10"/>
    </row>
    <row r="383587" spans="14:14">
      <c r="N383587" s="10"/>
    </row>
    <row r="383588" spans="14:14">
      <c r="N383588" s="10"/>
    </row>
    <row r="383589" spans="14:14">
      <c r="N383589" s="10"/>
    </row>
    <row r="383590" spans="14:14">
      <c r="N383590" s="10"/>
    </row>
    <row r="383591" spans="14:14">
      <c r="N383591" s="10"/>
    </row>
    <row r="383592" spans="14:14">
      <c r="N383592" s="10"/>
    </row>
    <row r="383593" spans="14:14">
      <c r="N383593" s="10"/>
    </row>
    <row r="383594" spans="14:14">
      <c r="N383594" s="10"/>
    </row>
    <row r="383595" spans="14:14">
      <c r="N383595" s="10"/>
    </row>
    <row r="383596" spans="14:14">
      <c r="N383596" s="10"/>
    </row>
    <row r="383597" spans="14:14">
      <c r="N383597" s="10"/>
    </row>
    <row r="383598" spans="14:14">
      <c r="N383598" s="10"/>
    </row>
    <row r="383599" spans="14:14">
      <c r="N383599" s="10"/>
    </row>
    <row r="383600" spans="14:14">
      <c r="N383600" s="10"/>
    </row>
    <row r="383601" spans="14:14">
      <c r="N383601" s="10"/>
    </row>
    <row r="383602" spans="14:14">
      <c r="N383602" s="10"/>
    </row>
    <row r="383603" spans="14:14">
      <c r="N383603" s="10"/>
    </row>
    <row r="383604" spans="14:14">
      <c r="N383604" s="10"/>
    </row>
    <row r="383605" spans="14:14">
      <c r="N383605" s="10"/>
    </row>
    <row r="383606" spans="14:14">
      <c r="N383606" s="10"/>
    </row>
    <row r="383607" spans="14:14">
      <c r="N383607" s="10"/>
    </row>
    <row r="383608" spans="14:14">
      <c r="N383608" s="10"/>
    </row>
    <row r="383609" spans="14:14">
      <c r="N383609" s="10"/>
    </row>
    <row r="383610" spans="14:14">
      <c r="N383610" s="10"/>
    </row>
    <row r="383611" spans="14:14">
      <c r="N383611" s="10"/>
    </row>
    <row r="383612" spans="14:14">
      <c r="N383612" s="10"/>
    </row>
    <row r="383613" spans="14:14">
      <c r="N383613" s="10"/>
    </row>
    <row r="383614" spans="14:14">
      <c r="N383614" s="10"/>
    </row>
    <row r="383615" spans="14:14">
      <c r="N383615" s="10"/>
    </row>
    <row r="383616" spans="14:14">
      <c r="N383616" s="10"/>
    </row>
    <row r="383617" spans="14:14">
      <c r="N383617" s="10"/>
    </row>
    <row r="383618" spans="14:14">
      <c r="N383618" s="10"/>
    </row>
    <row r="383619" spans="14:14">
      <c r="N383619" s="10"/>
    </row>
    <row r="383620" spans="14:14">
      <c r="N383620" s="10"/>
    </row>
    <row r="383621" spans="14:14">
      <c r="N383621" s="10"/>
    </row>
    <row r="383622" spans="14:14">
      <c r="N383622" s="10"/>
    </row>
    <row r="383623" spans="14:14">
      <c r="N383623" s="10"/>
    </row>
    <row r="383624" spans="14:14">
      <c r="N383624" s="10"/>
    </row>
    <row r="383625" spans="14:14">
      <c r="N383625" s="10"/>
    </row>
    <row r="383626" spans="14:14">
      <c r="N383626" s="10"/>
    </row>
    <row r="383627" spans="14:14">
      <c r="N383627" s="10"/>
    </row>
    <row r="383628" spans="14:14">
      <c r="N383628" s="10"/>
    </row>
    <row r="383629" spans="14:14">
      <c r="N383629" s="10"/>
    </row>
    <row r="383630" spans="14:14">
      <c r="N383630" s="10"/>
    </row>
    <row r="383631" spans="14:14">
      <c r="N383631" s="10"/>
    </row>
    <row r="383632" spans="14:14">
      <c r="N383632" s="10"/>
    </row>
    <row r="383633" spans="14:14">
      <c r="N383633" s="10"/>
    </row>
    <row r="383634" spans="14:14">
      <c r="N383634" s="10"/>
    </row>
    <row r="383635" spans="14:14">
      <c r="N383635" s="10"/>
    </row>
    <row r="383636" spans="14:14">
      <c r="N383636" s="10"/>
    </row>
    <row r="383637" spans="14:14">
      <c r="N383637" s="10"/>
    </row>
    <row r="383638" spans="14:14">
      <c r="N383638" s="10"/>
    </row>
    <row r="383639" spans="14:14">
      <c r="N383639" s="10"/>
    </row>
    <row r="383640" spans="14:14">
      <c r="N383640" s="10"/>
    </row>
    <row r="383641" spans="14:14">
      <c r="N383641" s="10"/>
    </row>
    <row r="383642" spans="14:14">
      <c r="N383642" s="10"/>
    </row>
    <row r="383643" spans="14:14">
      <c r="N383643" s="10"/>
    </row>
    <row r="383644" spans="14:14">
      <c r="N383644" s="10"/>
    </row>
    <row r="383645" spans="14:14">
      <c r="N383645" s="10"/>
    </row>
    <row r="383646" spans="14:14">
      <c r="N383646" s="10"/>
    </row>
    <row r="383647" spans="14:14">
      <c r="N383647" s="10"/>
    </row>
    <row r="383648" spans="14:14">
      <c r="N383648" s="10"/>
    </row>
    <row r="383649" spans="14:14">
      <c r="N383649" s="10"/>
    </row>
    <row r="383650" spans="14:14">
      <c r="N383650" s="10"/>
    </row>
    <row r="383651" spans="14:14">
      <c r="N383651" s="10"/>
    </row>
    <row r="383652" spans="14:14">
      <c r="N383652" s="10"/>
    </row>
    <row r="383653" spans="14:14">
      <c r="N383653" s="10"/>
    </row>
    <row r="383654" spans="14:14">
      <c r="N383654" s="10"/>
    </row>
    <row r="383655" spans="14:14">
      <c r="N383655" s="10"/>
    </row>
    <row r="383656" spans="14:14">
      <c r="N383656" s="10"/>
    </row>
    <row r="383657" spans="14:14">
      <c r="N383657" s="10"/>
    </row>
    <row r="383658" spans="14:14">
      <c r="N383658" s="10"/>
    </row>
    <row r="383659" spans="14:14">
      <c r="N383659" s="10"/>
    </row>
    <row r="383660" spans="14:14">
      <c r="N383660" s="10"/>
    </row>
    <row r="383661" spans="14:14">
      <c r="N383661" s="10"/>
    </row>
    <row r="383662" spans="14:14">
      <c r="N383662" s="10"/>
    </row>
    <row r="383663" spans="14:14">
      <c r="N383663" s="10"/>
    </row>
    <row r="383664" spans="14:14">
      <c r="N383664" s="10"/>
    </row>
    <row r="383665" spans="14:14">
      <c r="N383665" s="10"/>
    </row>
    <row r="383666" spans="14:14">
      <c r="N383666" s="10"/>
    </row>
    <row r="383667" spans="14:14">
      <c r="N383667" s="10"/>
    </row>
    <row r="383668" spans="14:14">
      <c r="N383668" s="10"/>
    </row>
    <row r="383669" spans="14:14">
      <c r="N383669" s="10"/>
    </row>
    <row r="383670" spans="14:14">
      <c r="N383670" s="10"/>
    </row>
    <row r="383671" spans="14:14">
      <c r="N383671" s="10"/>
    </row>
    <row r="383672" spans="14:14">
      <c r="N383672" s="10"/>
    </row>
    <row r="383673" spans="14:14">
      <c r="N383673" s="10"/>
    </row>
    <row r="383674" spans="14:14">
      <c r="N383674" s="10"/>
    </row>
    <row r="383675" spans="14:14">
      <c r="N383675" s="10"/>
    </row>
    <row r="383676" spans="14:14">
      <c r="N383676" s="10"/>
    </row>
    <row r="383677" spans="14:14">
      <c r="N383677" s="10"/>
    </row>
    <row r="383678" spans="14:14">
      <c r="N383678" s="10"/>
    </row>
    <row r="383679" spans="14:14">
      <c r="N383679" s="10"/>
    </row>
    <row r="383680" spans="14:14">
      <c r="N383680" s="10"/>
    </row>
    <row r="383681" spans="14:14">
      <c r="N383681" s="10"/>
    </row>
    <row r="383682" spans="14:14">
      <c r="N383682" s="10"/>
    </row>
    <row r="383683" spans="14:14">
      <c r="N383683" s="10"/>
    </row>
    <row r="383684" spans="14:14">
      <c r="N383684" s="10"/>
    </row>
    <row r="383685" spans="14:14">
      <c r="N383685" s="10"/>
    </row>
    <row r="383686" spans="14:14">
      <c r="N383686" s="10"/>
    </row>
    <row r="383687" spans="14:14">
      <c r="N383687" s="10"/>
    </row>
    <row r="383688" spans="14:14">
      <c r="N383688" s="10"/>
    </row>
    <row r="383689" spans="14:14">
      <c r="N383689" s="10"/>
    </row>
    <row r="383690" spans="14:14">
      <c r="N383690" s="10"/>
    </row>
    <row r="383691" spans="14:14">
      <c r="N383691" s="10"/>
    </row>
    <row r="383692" spans="14:14">
      <c r="N383692" s="10"/>
    </row>
    <row r="383693" spans="14:14">
      <c r="N383693" s="10"/>
    </row>
    <row r="383694" spans="14:14">
      <c r="N383694" s="10"/>
    </row>
    <row r="383695" spans="14:14">
      <c r="N383695" s="10"/>
    </row>
    <row r="383696" spans="14:14">
      <c r="N383696" s="10"/>
    </row>
    <row r="383697" spans="14:14">
      <c r="N383697" s="10"/>
    </row>
    <row r="383698" spans="14:14">
      <c r="N383698" s="10"/>
    </row>
    <row r="383699" spans="14:14">
      <c r="N383699" s="10"/>
    </row>
    <row r="383700" spans="14:14">
      <c r="N383700" s="10"/>
    </row>
    <row r="383701" spans="14:14">
      <c r="N383701" s="10"/>
    </row>
    <row r="383702" spans="14:14">
      <c r="N383702" s="10"/>
    </row>
    <row r="383703" spans="14:14">
      <c r="N383703" s="10"/>
    </row>
    <row r="383704" spans="14:14">
      <c r="N383704" s="10"/>
    </row>
    <row r="383705" spans="14:14">
      <c r="N383705" s="10"/>
    </row>
    <row r="383706" spans="14:14">
      <c r="N383706" s="10"/>
    </row>
    <row r="383707" spans="14:14">
      <c r="N383707" s="10"/>
    </row>
    <row r="383708" spans="14:14">
      <c r="N383708" s="10"/>
    </row>
    <row r="383709" spans="14:14">
      <c r="N383709" s="10"/>
    </row>
    <row r="383710" spans="14:14">
      <c r="N383710" s="10"/>
    </row>
    <row r="383711" spans="14:14">
      <c r="N383711" s="10"/>
    </row>
    <row r="383712" spans="14:14">
      <c r="N383712" s="10"/>
    </row>
    <row r="383713" spans="14:14">
      <c r="N383713" s="10"/>
    </row>
    <row r="383714" spans="14:14">
      <c r="N383714" s="10"/>
    </row>
    <row r="383715" spans="14:14">
      <c r="N383715" s="10"/>
    </row>
    <row r="383716" spans="14:14">
      <c r="N383716" s="10"/>
    </row>
    <row r="383717" spans="14:14">
      <c r="N383717" s="10"/>
    </row>
    <row r="383718" spans="14:14">
      <c r="N383718" s="10"/>
    </row>
    <row r="383719" spans="14:14">
      <c r="N383719" s="10"/>
    </row>
    <row r="383720" spans="14:14">
      <c r="N383720" s="10"/>
    </row>
    <row r="383721" spans="14:14">
      <c r="N383721" s="10"/>
    </row>
    <row r="383722" spans="14:14">
      <c r="N383722" s="10"/>
    </row>
    <row r="383723" spans="14:14">
      <c r="N383723" s="10"/>
    </row>
    <row r="383724" spans="14:14">
      <c r="N383724" s="10"/>
    </row>
    <row r="383725" spans="14:14">
      <c r="N383725" s="10"/>
    </row>
    <row r="383726" spans="14:14">
      <c r="N383726" s="10"/>
    </row>
    <row r="383727" spans="14:14">
      <c r="N383727" s="10"/>
    </row>
    <row r="383728" spans="14:14">
      <c r="N383728" s="10"/>
    </row>
    <row r="383729" spans="14:14">
      <c r="N383729" s="10"/>
    </row>
    <row r="383730" spans="14:14">
      <c r="N383730" s="10"/>
    </row>
    <row r="383731" spans="14:14">
      <c r="N383731" s="10"/>
    </row>
    <row r="383732" spans="14:14">
      <c r="N383732" s="10"/>
    </row>
    <row r="383733" spans="14:14">
      <c r="N383733" s="10"/>
    </row>
    <row r="383734" spans="14:14">
      <c r="N383734" s="10"/>
    </row>
    <row r="383735" spans="14:14">
      <c r="N383735" s="10"/>
    </row>
    <row r="383736" spans="14:14">
      <c r="N383736" s="10"/>
    </row>
    <row r="383737" spans="14:14">
      <c r="N383737" s="10"/>
    </row>
    <row r="383738" spans="14:14">
      <c r="N383738" s="10"/>
    </row>
    <row r="383739" spans="14:14">
      <c r="N383739" s="10"/>
    </row>
    <row r="383740" spans="14:14">
      <c r="N383740" s="10"/>
    </row>
    <row r="383741" spans="14:14">
      <c r="N383741" s="10"/>
    </row>
    <row r="383742" spans="14:14">
      <c r="N383742" s="10"/>
    </row>
    <row r="383743" spans="14:14">
      <c r="N383743" s="10"/>
    </row>
    <row r="383744" spans="14:14">
      <c r="N383744" s="10"/>
    </row>
    <row r="383745" spans="14:14">
      <c r="N383745" s="10"/>
    </row>
    <row r="383746" spans="14:14">
      <c r="N383746" s="10"/>
    </row>
    <row r="383747" spans="14:14">
      <c r="N383747" s="10"/>
    </row>
    <row r="383748" spans="14:14">
      <c r="N383748" s="10"/>
    </row>
    <row r="383749" spans="14:14">
      <c r="N383749" s="10"/>
    </row>
    <row r="383750" spans="14:14">
      <c r="N383750" s="10"/>
    </row>
    <row r="383751" spans="14:14">
      <c r="N383751" s="10"/>
    </row>
    <row r="383752" spans="14:14">
      <c r="N383752" s="10"/>
    </row>
    <row r="383753" spans="14:14">
      <c r="N383753" s="10"/>
    </row>
    <row r="383754" spans="14:14">
      <c r="N383754" s="10"/>
    </row>
    <row r="383755" spans="14:14">
      <c r="N383755" s="10"/>
    </row>
    <row r="383756" spans="14:14">
      <c r="N383756" s="10"/>
    </row>
    <row r="383757" spans="14:14">
      <c r="N383757" s="10"/>
    </row>
    <row r="383758" spans="14:14">
      <c r="N383758" s="10"/>
    </row>
    <row r="383759" spans="14:14">
      <c r="N383759" s="10"/>
    </row>
    <row r="383760" spans="14:14">
      <c r="N383760" s="10"/>
    </row>
    <row r="383761" spans="14:14">
      <c r="N383761" s="10"/>
    </row>
    <row r="383762" spans="14:14">
      <c r="N383762" s="10"/>
    </row>
    <row r="383763" spans="14:14">
      <c r="N383763" s="10"/>
    </row>
    <row r="383764" spans="14:14">
      <c r="N383764" s="10"/>
    </row>
    <row r="383765" spans="14:14">
      <c r="N383765" s="10"/>
    </row>
    <row r="383766" spans="14:14">
      <c r="N383766" s="10"/>
    </row>
    <row r="383767" spans="14:14">
      <c r="N383767" s="10"/>
    </row>
    <row r="383768" spans="14:14">
      <c r="N383768" s="10"/>
    </row>
    <row r="383769" spans="14:14">
      <c r="N383769" s="10"/>
    </row>
    <row r="383770" spans="14:14">
      <c r="N383770" s="10"/>
    </row>
    <row r="383771" spans="14:14">
      <c r="N383771" s="10"/>
    </row>
    <row r="383772" spans="14:14">
      <c r="N383772" s="10"/>
    </row>
    <row r="383773" spans="14:14">
      <c r="N383773" s="10"/>
    </row>
    <row r="383774" spans="14:14">
      <c r="N383774" s="10"/>
    </row>
    <row r="383775" spans="14:14">
      <c r="N383775" s="10"/>
    </row>
    <row r="383776" spans="14:14">
      <c r="N383776" s="10"/>
    </row>
    <row r="383777" spans="14:14">
      <c r="N383777" s="10"/>
    </row>
    <row r="383778" spans="14:14">
      <c r="N383778" s="10"/>
    </row>
    <row r="383779" spans="14:14">
      <c r="N383779" s="10"/>
    </row>
    <row r="383780" spans="14:14">
      <c r="N383780" s="10"/>
    </row>
    <row r="383781" spans="14:14">
      <c r="N383781" s="10"/>
    </row>
    <row r="383782" spans="14:14">
      <c r="N383782" s="10"/>
    </row>
    <row r="383783" spans="14:14">
      <c r="N383783" s="10"/>
    </row>
    <row r="383784" spans="14:14">
      <c r="N383784" s="10"/>
    </row>
    <row r="383785" spans="14:14">
      <c r="N383785" s="10"/>
    </row>
    <row r="383786" spans="14:14">
      <c r="N383786" s="10"/>
    </row>
    <row r="383787" spans="14:14">
      <c r="N383787" s="10"/>
    </row>
    <row r="383788" spans="14:14">
      <c r="N383788" s="10"/>
    </row>
    <row r="383789" spans="14:14">
      <c r="N383789" s="10"/>
    </row>
    <row r="383790" spans="14:14">
      <c r="N383790" s="10"/>
    </row>
    <row r="383791" spans="14:14">
      <c r="N383791" s="10"/>
    </row>
    <row r="383792" spans="14:14">
      <c r="N383792" s="10"/>
    </row>
    <row r="383793" spans="14:14">
      <c r="N383793" s="10"/>
    </row>
    <row r="383794" spans="14:14">
      <c r="N383794" s="10"/>
    </row>
    <row r="383795" spans="14:14">
      <c r="N383795" s="10"/>
    </row>
    <row r="383796" spans="14:14">
      <c r="N383796" s="10"/>
    </row>
    <row r="383797" spans="14:14">
      <c r="N383797" s="10"/>
    </row>
    <row r="383798" spans="14:14">
      <c r="N383798" s="10"/>
    </row>
    <row r="383799" spans="14:14">
      <c r="N383799" s="10"/>
    </row>
    <row r="383800" spans="14:14">
      <c r="N383800" s="10"/>
    </row>
    <row r="383801" spans="14:14">
      <c r="N383801" s="10"/>
    </row>
    <row r="383802" spans="14:14">
      <c r="N383802" s="10"/>
    </row>
    <row r="383803" spans="14:14">
      <c r="N383803" s="10"/>
    </row>
    <row r="383804" spans="14:14">
      <c r="N383804" s="10"/>
    </row>
    <row r="383805" spans="14:14">
      <c r="N383805" s="10"/>
    </row>
    <row r="383806" spans="14:14">
      <c r="N383806" s="10"/>
    </row>
    <row r="383807" spans="14:14">
      <c r="N383807" s="10"/>
    </row>
    <row r="383808" spans="14:14">
      <c r="N383808" s="10"/>
    </row>
    <row r="383809" spans="14:14">
      <c r="N383809" s="10"/>
    </row>
    <row r="383810" spans="14:14">
      <c r="N383810" s="10"/>
    </row>
    <row r="383811" spans="14:14">
      <c r="N383811" s="10"/>
    </row>
    <row r="383812" spans="14:14">
      <c r="N383812" s="10"/>
    </row>
    <row r="383813" spans="14:14">
      <c r="N383813" s="10"/>
    </row>
    <row r="383814" spans="14:14">
      <c r="N383814" s="10"/>
    </row>
    <row r="383815" spans="14:14">
      <c r="N383815" s="10"/>
    </row>
    <row r="383816" spans="14:14">
      <c r="N383816" s="10"/>
    </row>
    <row r="383817" spans="14:14">
      <c r="N383817" s="10"/>
    </row>
    <row r="383818" spans="14:14">
      <c r="N383818" s="10"/>
    </row>
    <row r="383819" spans="14:14">
      <c r="N383819" s="10"/>
    </row>
    <row r="383820" spans="14:14">
      <c r="N383820" s="10"/>
    </row>
    <row r="383821" spans="14:14">
      <c r="N383821" s="10"/>
    </row>
    <row r="383822" spans="14:14">
      <c r="N383822" s="10"/>
    </row>
    <row r="383823" spans="14:14">
      <c r="N383823" s="10"/>
    </row>
    <row r="383824" spans="14:14">
      <c r="N383824" s="10"/>
    </row>
    <row r="383825" spans="14:14">
      <c r="N383825" s="10"/>
    </row>
    <row r="383826" spans="14:14">
      <c r="N383826" s="10"/>
    </row>
    <row r="383827" spans="14:14">
      <c r="N383827" s="10"/>
    </row>
    <row r="383828" spans="14:14">
      <c r="N383828" s="10"/>
    </row>
    <row r="383829" spans="14:14">
      <c r="N383829" s="10"/>
    </row>
    <row r="383830" spans="14:14">
      <c r="N383830" s="10"/>
    </row>
    <row r="383831" spans="14:14">
      <c r="N383831" s="10"/>
    </row>
    <row r="383832" spans="14:14">
      <c r="N383832" s="10"/>
    </row>
    <row r="383833" spans="14:14">
      <c r="N383833" s="10"/>
    </row>
    <row r="383834" spans="14:14">
      <c r="N383834" s="10"/>
    </row>
    <row r="383835" spans="14:14">
      <c r="N383835" s="10"/>
    </row>
    <row r="383836" spans="14:14">
      <c r="N383836" s="10"/>
    </row>
    <row r="383837" spans="14:14">
      <c r="N383837" s="10"/>
    </row>
    <row r="383838" spans="14:14">
      <c r="N383838" s="10"/>
    </row>
    <row r="383839" spans="14:14">
      <c r="N383839" s="10"/>
    </row>
    <row r="383840" spans="14:14">
      <c r="N383840" s="10"/>
    </row>
    <row r="383841" spans="14:14">
      <c r="N383841" s="10"/>
    </row>
    <row r="383842" spans="14:14">
      <c r="N383842" s="10"/>
    </row>
    <row r="383843" spans="14:14">
      <c r="N383843" s="10"/>
    </row>
    <row r="383844" spans="14:14">
      <c r="N383844" s="10"/>
    </row>
    <row r="383845" spans="14:14">
      <c r="N383845" s="10"/>
    </row>
    <row r="383846" spans="14:14">
      <c r="N383846" s="10"/>
    </row>
    <row r="383847" spans="14:14">
      <c r="N383847" s="10"/>
    </row>
    <row r="383848" spans="14:14">
      <c r="N383848" s="10"/>
    </row>
    <row r="383849" spans="14:14">
      <c r="N383849" s="10"/>
    </row>
    <row r="383850" spans="14:14">
      <c r="N383850" s="10"/>
    </row>
    <row r="383851" spans="14:14">
      <c r="N383851" s="10"/>
    </row>
    <row r="383852" spans="14:14">
      <c r="N383852" s="10"/>
    </row>
    <row r="383853" spans="14:14">
      <c r="N383853" s="10"/>
    </row>
    <row r="383854" spans="14:14">
      <c r="N383854" s="10"/>
    </row>
    <row r="383855" spans="14:14">
      <c r="N383855" s="10"/>
    </row>
    <row r="383856" spans="14:14">
      <c r="N383856" s="10"/>
    </row>
    <row r="383857" spans="14:14">
      <c r="N383857" s="10"/>
    </row>
    <row r="383858" spans="14:14">
      <c r="N383858" s="10"/>
    </row>
    <row r="383859" spans="14:14">
      <c r="N383859" s="10"/>
    </row>
    <row r="383860" spans="14:14">
      <c r="N383860" s="10"/>
    </row>
    <row r="383861" spans="14:14">
      <c r="N383861" s="10"/>
    </row>
    <row r="383862" spans="14:14">
      <c r="N383862" s="10"/>
    </row>
    <row r="383863" spans="14:14">
      <c r="N383863" s="10"/>
    </row>
    <row r="383864" spans="14:14">
      <c r="N383864" s="10"/>
    </row>
    <row r="383865" spans="14:14">
      <c r="N383865" s="10"/>
    </row>
    <row r="383866" spans="14:14">
      <c r="N383866" s="10"/>
    </row>
    <row r="383867" spans="14:14">
      <c r="N383867" s="10"/>
    </row>
    <row r="383868" spans="14:14">
      <c r="N383868" s="10"/>
    </row>
    <row r="383869" spans="14:14">
      <c r="N383869" s="10"/>
    </row>
    <row r="383870" spans="14:14">
      <c r="N383870" s="10"/>
    </row>
    <row r="383871" spans="14:14">
      <c r="N383871" s="10"/>
    </row>
    <row r="383872" spans="14:14">
      <c r="N383872" s="10"/>
    </row>
    <row r="383873" spans="14:14">
      <c r="N383873" s="10"/>
    </row>
    <row r="383874" spans="14:14">
      <c r="N383874" s="10"/>
    </row>
    <row r="383875" spans="14:14">
      <c r="N383875" s="10"/>
    </row>
    <row r="383876" spans="14:14">
      <c r="N383876" s="10"/>
    </row>
    <row r="383877" spans="14:14">
      <c r="N383877" s="10"/>
    </row>
    <row r="383878" spans="14:14">
      <c r="N383878" s="10"/>
    </row>
    <row r="383879" spans="14:14">
      <c r="N383879" s="10"/>
    </row>
    <row r="383880" spans="14:14">
      <c r="N383880" s="10"/>
    </row>
    <row r="383881" spans="14:14">
      <c r="N383881" s="10"/>
    </row>
    <row r="383882" spans="14:14">
      <c r="N383882" s="10"/>
    </row>
    <row r="383883" spans="14:14">
      <c r="N383883" s="10"/>
    </row>
    <row r="383884" spans="14:14">
      <c r="N383884" s="10"/>
    </row>
    <row r="383885" spans="14:14">
      <c r="N383885" s="10"/>
    </row>
    <row r="383886" spans="14:14">
      <c r="N383886" s="10"/>
    </row>
    <row r="383887" spans="14:14">
      <c r="N383887" s="10"/>
    </row>
    <row r="383888" spans="14:14">
      <c r="N383888" s="10"/>
    </row>
    <row r="383889" spans="14:14">
      <c r="N383889" s="10"/>
    </row>
    <row r="383890" spans="14:14">
      <c r="N383890" s="10"/>
    </row>
    <row r="383891" spans="14:14">
      <c r="N383891" s="10"/>
    </row>
    <row r="383892" spans="14:14">
      <c r="N383892" s="10"/>
    </row>
    <row r="383893" spans="14:14">
      <c r="N383893" s="10"/>
    </row>
    <row r="383894" spans="14:14">
      <c r="N383894" s="10"/>
    </row>
    <row r="383895" spans="14:14">
      <c r="N383895" s="10"/>
    </row>
    <row r="383896" spans="14:14">
      <c r="N383896" s="10"/>
    </row>
    <row r="383897" spans="14:14">
      <c r="N383897" s="10"/>
    </row>
    <row r="383898" spans="14:14">
      <c r="N383898" s="10"/>
    </row>
    <row r="383899" spans="14:14">
      <c r="N383899" s="10"/>
    </row>
    <row r="383900" spans="14:14">
      <c r="N383900" s="10"/>
    </row>
    <row r="383901" spans="14:14">
      <c r="N383901" s="10"/>
    </row>
    <row r="383902" spans="14:14">
      <c r="N383902" s="10"/>
    </row>
    <row r="383903" spans="14:14">
      <c r="N383903" s="10"/>
    </row>
    <row r="383904" spans="14:14">
      <c r="N383904" s="10"/>
    </row>
    <row r="383905" spans="14:14">
      <c r="N383905" s="10"/>
    </row>
    <row r="383906" spans="14:14">
      <c r="N383906" s="10"/>
    </row>
    <row r="383907" spans="14:14">
      <c r="N383907" s="10"/>
    </row>
    <row r="383908" spans="14:14">
      <c r="N383908" s="10"/>
    </row>
    <row r="383909" spans="14:14">
      <c r="N383909" s="10"/>
    </row>
    <row r="383910" spans="14:14">
      <c r="N383910" s="10"/>
    </row>
    <row r="383911" spans="14:14">
      <c r="N383911" s="10"/>
    </row>
    <row r="383912" spans="14:14">
      <c r="N383912" s="10"/>
    </row>
    <row r="383913" spans="14:14">
      <c r="N383913" s="10"/>
    </row>
    <row r="383914" spans="14:14">
      <c r="N383914" s="10"/>
    </row>
    <row r="383915" spans="14:14">
      <c r="N383915" s="10"/>
    </row>
    <row r="383916" spans="14:14">
      <c r="N383916" s="10"/>
    </row>
    <row r="383917" spans="14:14">
      <c r="N383917" s="10"/>
    </row>
    <row r="383918" spans="14:14">
      <c r="N383918" s="10"/>
    </row>
    <row r="383919" spans="14:14">
      <c r="N383919" s="10"/>
    </row>
    <row r="383920" spans="14:14">
      <c r="N383920" s="10"/>
    </row>
    <row r="383921" spans="14:14">
      <c r="N383921" s="10"/>
    </row>
    <row r="383922" spans="14:14">
      <c r="N383922" s="10"/>
    </row>
    <row r="383923" spans="14:14">
      <c r="N383923" s="10"/>
    </row>
    <row r="383924" spans="14:14">
      <c r="N383924" s="10"/>
    </row>
    <row r="383925" spans="14:14">
      <c r="N383925" s="10"/>
    </row>
    <row r="383926" spans="14:14">
      <c r="N383926" s="10"/>
    </row>
    <row r="383927" spans="14:14">
      <c r="N383927" s="10"/>
    </row>
    <row r="383928" spans="14:14">
      <c r="N383928" s="10"/>
    </row>
    <row r="383929" spans="14:14">
      <c r="N383929" s="10"/>
    </row>
    <row r="383930" spans="14:14">
      <c r="N383930" s="10"/>
    </row>
    <row r="383931" spans="14:14">
      <c r="N383931" s="10"/>
    </row>
    <row r="383932" spans="14:14">
      <c r="N383932" s="10"/>
    </row>
    <row r="383933" spans="14:14">
      <c r="N383933" s="10"/>
    </row>
    <row r="383934" spans="14:14">
      <c r="N383934" s="10"/>
    </row>
    <row r="383935" spans="14:14">
      <c r="N383935" s="10"/>
    </row>
    <row r="383936" spans="14:14">
      <c r="N383936" s="10"/>
    </row>
    <row r="383937" spans="14:14">
      <c r="N383937" s="10"/>
    </row>
    <row r="383938" spans="14:14">
      <c r="N383938" s="10"/>
    </row>
    <row r="383939" spans="14:14">
      <c r="N383939" s="10"/>
    </row>
    <row r="383940" spans="14:14">
      <c r="N383940" s="10"/>
    </row>
    <row r="383941" spans="14:14">
      <c r="N383941" s="10"/>
    </row>
    <row r="383942" spans="14:14">
      <c r="N383942" s="10"/>
    </row>
    <row r="383943" spans="14:14">
      <c r="N383943" s="10"/>
    </row>
    <row r="383944" spans="14:14">
      <c r="N383944" s="10"/>
    </row>
    <row r="383945" spans="14:14">
      <c r="N383945" s="10"/>
    </row>
    <row r="383946" spans="14:14">
      <c r="N383946" s="10"/>
    </row>
    <row r="383947" spans="14:14">
      <c r="N383947" s="10"/>
    </row>
    <row r="383948" spans="14:14">
      <c r="N383948" s="10"/>
    </row>
    <row r="383949" spans="14:14">
      <c r="N383949" s="10"/>
    </row>
    <row r="383950" spans="14:14">
      <c r="N383950" s="10"/>
    </row>
    <row r="383951" spans="14:14">
      <c r="N383951" s="10"/>
    </row>
    <row r="383952" spans="14:14">
      <c r="N383952" s="10"/>
    </row>
    <row r="383953" spans="14:14">
      <c r="N383953" s="10"/>
    </row>
    <row r="383954" spans="14:14">
      <c r="N383954" s="10"/>
    </row>
    <row r="383955" spans="14:14">
      <c r="N383955" s="10"/>
    </row>
    <row r="383956" spans="14:14">
      <c r="N383956" s="10"/>
    </row>
    <row r="383957" spans="14:14">
      <c r="N383957" s="10"/>
    </row>
    <row r="383958" spans="14:14">
      <c r="N383958" s="10"/>
    </row>
    <row r="383959" spans="14:14">
      <c r="N383959" s="10"/>
    </row>
    <row r="383960" spans="14:14">
      <c r="N383960" s="10"/>
    </row>
    <row r="383961" spans="14:14">
      <c r="N383961" s="10"/>
    </row>
    <row r="383962" spans="14:14">
      <c r="N383962" s="10"/>
    </row>
    <row r="383963" spans="14:14">
      <c r="N383963" s="10"/>
    </row>
    <row r="383964" spans="14:14">
      <c r="N383964" s="10"/>
    </row>
    <row r="383965" spans="14:14">
      <c r="N383965" s="10"/>
    </row>
    <row r="383966" spans="14:14">
      <c r="N383966" s="10"/>
    </row>
    <row r="383967" spans="14:14">
      <c r="N383967" s="10"/>
    </row>
    <row r="383968" spans="14:14">
      <c r="N383968" s="10"/>
    </row>
    <row r="383969" spans="14:14">
      <c r="N383969" s="10"/>
    </row>
    <row r="383970" spans="14:14">
      <c r="N383970" s="10"/>
    </row>
    <row r="383971" spans="14:14">
      <c r="N383971" s="10"/>
    </row>
    <row r="383972" spans="14:14">
      <c r="N383972" s="10"/>
    </row>
    <row r="383973" spans="14:14">
      <c r="N383973" s="10"/>
    </row>
    <row r="383974" spans="14:14">
      <c r="N383974" s="10"/>
    </row>
    <row r="383975" spans="14:14">
      <c r="N383975" s="10"/>
    </row>
    <row r="383976" spans="14:14">
      <c r="N383976" s="10"/>
    </row>
    <row r="383977" spans="14:14">
      <c r="N383977" s="10"/>
    </row>
    <row r="383978" spans="14:14">
      <c r="N383978" s="10"/>
    </row>
    <row r="383979" spans="14:14">
      <c r="N383979" s="10"/>
    </row>
    <row r="383980" spans="14:14">
      <c r="N383980" s="10"/>
    </row>
    <row r="383981" spans="14:14">
      <c r="N383981" s="10"/>
    </row>
    <row r="383982" spans="14:14">
      <c r="N383982" s="10"/>
    </row>
    <row r="383983" spans="14:14">
      <c r="N383983" s="10"/>
    </row>
    <row r="383984" spans="14:14">
      <c r="N383984" s="10"/>
    </row>
    <row r="383985" spans="14:14">
      <c r="N383985" s="10"/>
    </row>
    <row r="383986" spans="14:14">
      <c r="N383986" s="10"/>
    </row>
    <row r="383987" spans="14:14">
      <c r="N383987" s="10"/>
    </row>
    <row r="383988" spans="14:14">
      <c r="N383988" s="10"/>
    </row>
    <row r="383989" spans="14:14">
      <c r="N383989" s="10"/>
    </row>
    <row r="383990" spans="14:14">
      <c r="N383990" s="10"/>
    </row>
    <row r="383991" spans="14:14">
      <c r="N383991" s="10"/>
    </row>
    <row r="383992" spans="14:14">
      <c r="N383992" s="10"/>
    </row>
    <row r="383993" spans="14:14">
      <c r="N383993" s="10"/>
    </row>
    <row r="383994" spans="14:14">
      <c r="N383994" s="10"/>
    </row>
    <row r="383995" spans="14:14">
      <c r="N383995" s="10"/>
    </row>
    <row r="383996" spans="14:14">
      <c r="N383996" s="10"/>
    </row>
    <row r="383997" spans="14:14">
      <c r="N383997" s="10"/>
    </row>
    <row r="383998" spans="14:14">
      <c r="N383998" s="10"/>
    </row>
    <row r="383999" spans="14:14">
      <c r="N383999" s="10"/>
    </row>
    <row r="384000" spans="14:14">
      <c r="N384000" s="10"/>
    </row>
    <row r="384001" spans="14:14">
      <c r="N384001" s="10"/>
    </row>
    <row r="384002" spans="14:14">
      <c r="N384002" s="10"/>
    </row>
    <row r="384003" spans="14:14">
      <c r="N384003" s="10"/>
    </row>
    <row r="384004" spans="14:14">
      <c r="N384004" s="10"/>
    </row>
    <row r="384005" spans="14:14">
      <c r="N384005" s="10"/>
    </row>
    <row r="384006" spans="14:14">
      <c r="N384006" s="10"/>
    </row>
    <row r="384007" spans="14:14">
      <c r="N384007" s="10"/>
    </row>
    <row r="384008" spans="14:14">
      <c r="N384008" s="10"/>
    </row>
    <row r="384009" spans="14:14">
      <c r="N384009" s="10"/>
    </row>
    <row r="384010" spans="14:14">
      <c r="N384010" s="10"/>
    </row>
    <row r="384011" spans="14:14">
      <c r="N384011" s="10"/>
    </row>
    <row r="384012" spans="14:14">
      <c r="N384012" s="10"/>
    </row>
    <row r="384013" spans="14:14">
      <c r="N384013" s="10"/>
    </row>
    <row r="384014" spans="14:14">
      <c r="N384014" s="10"/>
    </row>
    <row r="384015" spans="14:14">
      <c r="N384015" s="10"/>
    </row>
    <row r="384016" spans="14:14">
      <c r="N384016" s="10"/>
    </row>
    <row r="384017" spans="14:14">
      <c r="N384017" s="10"/>
    </row>
    <row r="384018" spans="14:14">
      <c r="N384018" s="10"/>
    </row>
    <row r="384019" spans="14:14">
      <c r="N384019" s="10"/>
    </row>
    <row r="384020" spans="14:14">
      <c r="N384020" s="10"/>
    </row>
    <row r="384021" spans="14:14">
      <c r="N384021" s="10"/>
    </row>
    <row r="384022" spans="14:14">
      <c r="N384022" s="10"/>
    </row>
    <row r="384023" spans="14:14">
      <c r="N384023" s="10"/>
    </row>
    <row r="384024" spans="14:14">
      <c r="N384024" s="10"/>
    </row>
    <row r="384025" spans="14:14">
      <c r="N384025" s="10"/>
    </row>
    <row r="384026" spans="14:14">
      <c r="N384026" s="10"/>
    </row>
    <row r="384027" spans="14:14">
      <c r="N384027" s="10"/>
    </row>
    <row r="384028" spans="14:14">
      <c r="N384028" s="10"/>
    </row>
    <row r="384029" spans="14:14">
      <c r="N384029" s="10"/>
    </row>
    <row r="384030" spans="14:14">
      <c r="N384030" s="10"/>
    </row>
    <row r="384031" spans="14:14">
      <c r="N384031" s="10"/>
    </row>
    <row r="384032" spans="14:14">
      <c r="N384032" s="10"/>
    </row>
    <row r="384033" spans="14:14">
      <c r="N384033" s="10"/>
    </row>
    <row r="384034" spans="14:14">
      <c r="N384034" s="10"/>
    </row>
    <row r="384035" spans="14:14">
      <c r="N384035" s="10"/>
    </row>
    <row r="384036" spans="14:14">
      <c r="N384036" s="10"/>
    </row>
    <row r="384037" spans="14:14">
      <c r="N384037" s="10"/>
    </row>
    <row r="384038" spans="14:14">
      <c r="N384038" s="10"/>
    </row>
    <row r="384039" spans="14:14">
      <c r="N384039" s="10"/>
    </row>
    <row r="384040" spans="14:14">
      <c r="N384040" s="10"/>
    </row>
    <row r="384041" spans="14:14">
      <c r="N384041" s="10"/>
    </row>
    <row r="384042" spans="14:14">
      <c r="N384042" s="10"/>
    </row>
    <row r="384043" spans="14:14">
      <c r="N384043" s="10"/>
    </row>
    <row r="384044" spans="14:14">
      <c r="N384044" s="10"/>
    </row>
    <row r="384045" spans="14:14">
      <c r="N384045" s="10"/>
    </row>
    <row r="384046" spans="14:14">
      <c r="N384046" s="10"/>
    </row>
    <row r="384047" spans="14:14">
      <c r="N384047" s="10"/>
    </row>
    <row r="384048" spans="14:14">
      <c r="N384048" s="10"/>
    </row>
    <row r="384049" spans="14:14">
      <c r="N384049" s="10"/>
    </row>
    <row r="384050" spans="14:14">
      <c r="N384050" s="10"/>
    </row>
    <row r="384051" spans="14:14">
      <c r="N384051" s="10"/>
    </row>
    <row r="384052" spans="14:14">
      <c r="N384052" s="10"/>
    </row>
    <row r="384053" spans="14:14">
      <c r="N384053" s="10"/>
    </row>
    <row r="384054" spans="14:14">
      <c r="N384054" s="10"/>
    </row>
    <row r="384055" spans="14:14">
      <c r="N384055" s="10"/>
    </row>
    <row r="384056" spans="14:14">
      <c r="N384056" s="10"/>
    </row>
    <row r="384057" spans="14:14">
      <c r="N384057" s="10"/>
    </row>
    <row r="384058" spans="14:14">
      <c r="N384058" s="10"/>
    </row>
    <row r="384059" spans="14:14">
      <c r="N384059" s="10"/>
    </row>
    <row r="384060" spans="14:14">
      <c r="N384060" s="10"/>
    </row>
    <row r="384061" spans="14:14">
      <c r="N384061" s="10"/>
    </row>
    <row r="384062" spans="14:14">
      <c r="N384062" s="10"/>
    </row>
    <row r="384063" spans="14:14">
      <c r="N384063" s="10"/>
    </row>
    <row r="384064" spans="14:14">
      <c r="N384064" s="10"/>
    </row>
    <row r="384065" spans="14:14">
      <c r="N384065" s="10"/>
    </row>
    <row r="384066" spans="14:14">
      <c r="N384066" s="10"/>
    </row>
    <row r="384067" spans="14:14">
      <c r="N384067" s="10"/>
    </row>
    <row r="384068" spans="14:14">
      <c r="N384068" s="10"/>
    </row>
    <row r="384069" spans="14:14">
      <c r="N384069" s="10"/>
    </row>
    <row r="384070" spans="14:14">
      <c r="N384070" s="10"/>
    </row>
    <row r="384071" spans="14:14">
      <c r="N384071" s="10"/>
    </row>
    <row r="384072" spans="14:14">
      <c r="N384072" s="10"/>
    </row>
    <row r="384073" spans="14:14">
      <c r="N384073" s="10"/>
    </row>
    <row r="384074" spans="14:14">
      <c r="N384074" s="10"/>
    </row>
    <row r="384075" spans="14:14">
      <c r="N384075" s="10"/>
    </row>
    <row r="384076" spans="14:14">
      <c r="N384076" s="10"/>
    </row>
    <row r="384077" spans="14:14">
      <c r="N384077" s="10"/>
    </row>
    <row r="384078" spans="14:14">
      <c r="N384078" s="10"/>
    </row>
    <row r="384079" spans="14:14">
      <c r="N384079" s="10"/>
    </row>
    <row r="384080" spans="14:14">
      <c r="N384080" s="10"/>
    </row>
    <row r="384081" spans="14:14">
      <c r="N384081" s="10"/>
    </row>
    <row r="384082" spans="14:14">
      <c r="N384082" s="10"/>
    </row>
    <row r="384083" spans="14:14">
      <c r="N384083" s="10"/>
    </row>
    <row r="384084" spans="14:14">
      <c r="N384084" s="10"/>
    </row>
    <row r="384085" spans="14:14">
      <c r="N384085" s="10"/>
    </row>
    <row r="384086" spans="14:14">
      <c r="N384086" s="10"/>
    </row>
    <row r="384087" spans="14:14">
      <c r="N384087" s="10"/>
    </row>
    <row r="384088" spans="14:14">
      <c r="N384088" s="10"/>
    </row>
    <row r="384089" spans="14:14">
      <c r="N384089" s="10"/>
    </row>
    <row r="384090" spans="14:14">
      <c r="N384090" s="10"/>
    </row>
    <row r="384091" spans="14:14">
      <c r="N384091" s="10"/>
    </row>
    <row r="384092" spans="14:14">
      <c r="N384092" s="10"/>
    </row>
    <row r="384093" spans="14:14">
      <c r="N384093" s="10"/>
    </row>
    <row r="384094" spans="14:14">
      <c r="N384094" s="10"/>
    </row>
    <row r="384095" spans="14:14">
      <c r="N384095" s="10"/>
    </row>
    <row r="384096" spans="14:14">
      <c r="N384096" s="10"/>
    </row>
    <row r="384097" spans="14:14">
      <c r="N384097" s="10"/>
    </row>
    <row r="384098" spans="14:14">
      <c r="N384098" s="10"/>
    </row>
    <row r="384099" spans="14:14">
      <c r="N384099" s="10"/>
    </row>
    <row r="384100" spans="14:14">
      <c r="N384100" s="10"/>
    </row>
    <row r="384101" spans="14:14">
      <c r="N384101" s="10"/>
    </row>
    <row r="384102" spans="14:14">
      <c r="N384102" s="10"/>
    </row>
    <row r="384103" spans="14:14">
      <c r="N384103" s="10"/>
    </row>
    <row r="384104" spans="14:14">
      <c r="N384104" s="10"/>
    </row>
    <row r="384105" spans="14:14">
      <c r="N384105" s="10"/>
    </row>
    <row r="384106" spans="14:14">
      <c r="N384106" s="10"/>
    </row>
    <row r="384107" spans="14:14">
      <c r="N384107" s="10"/>
    </row>
    <row r="384108" spans="14:14">
      <c r="N384108" s="10"/>
    </row>
    <row r="384109" spans="14:14">
      <c r="N384109" s="10"/>
    </row>
    <row r="384110" spans="14:14">
      <c r="N384110" s="10"/>
    </row>
    <row r="384111" spans="14:14">
      <c r="N384111" s="10"/>
    </row>
    <row r="384112" spans="14:14">
      <c r="N384112" s="10"/>
    </row>
    <row r="384113" spans="14:14">
      <c r="N384113" s="10"/>
    </row>
    <row r="384114" spans="14:14">
      <c r="N384114" s="10"/>
    </row>
    <row r="384115" spans="14:14">
      <c r="N384115" s="10"/>
    </row>
    <row r="384116" spans="14:14">
      <c r="N384116" s="10"/>
    </row>
    <row r="384117" spans="14:14">
      <c r="N384117" s="10"/>
    </row>
    <row r="384118" spans="14:14">
      <c r="N384118" s="10"/>
    </row>
    <row r="384119" spans="14:14">
      <c r="N384119" s="10"/>
    </row>
    <row r="384120" spans="14:14">
      <c r="N384120" s="10"/>
    </row>
    <row r="384121" spans="14:14">
      <c r="N384121" s="10"/>
    </row>
    <row r="384122" spans="14:14">
      <c r="N384122" s="10"/>
    </row>
    <row r="384123" spans="14:14">
      <c r="N384123" s="10"/>
    </row>
    <row r="384124" spans="14:14">
      <c r="N384124" s="10"/>
    </row>
    <row r="384125" spans="14:14">
      <c r="N384125" s="10"/>
    </row>
    <row r="384126" spans="14:14">
      <c r="N384126" s="10"/>
    </row>
    <row r="384127" spans="14:14">
      <c r="N384127" s="10"/>
    </row>
    <row r="384128" spans="14:14">
      <c r="N384128" s="10"/>
    </row>
    <row r="384129" spans="14:14">
      <c r="N384129" s="10"/>
    </row>
    <row r="384130" spans="14:14">
      <c r="N384130" s="10"/>
    </row>
    <row r="384131" spans="14:14">
      <c r="N384131" s="10"/>
    </row>
    <row r="384132" spans="14:14">
      <c r="N384132" s="10"/>
    </row>
    <row r="384133" spans="14:14">
      <c r="N384133" s="10"/>
    </row>
    <row r="384134" spans="14:14">
      <c r="N384134" s="10"/>
    </row>
    <row r="384135" spans="14:14">
      <c r="N384135" s="10"/>
    </row>
    <row r="384136" spans="14:14">
      <c r="N384136" s="10"/>
    </row>
    <row r="384137" spans="14:14">
      <c r="N384137" s="10"/>
    </row>
    <row r="384138" spans="14:14">
      <c r="N384138" s="10"/>
    </row>
    <row r="384139" spans="14:14">
      <c r="N384139" s="10"/>
    </row>
    <row r="384140" spans="14:14">
      <c r="N384140" s="10"/>
    </row>
    <row r="384141" spans="14:14">
      <c r="N384141" s="10"/>
    </row>
    <row r="384142" spans="14:14">
      <c r="N384142" s="10"/>
    </row>
    <row r="384143" spans="14:14">
      <c r="N384143" s="10"/>
    </row>
    <row r="384144" spans="14:14">
      <c r="N384144" s="10"/>
    </row>
    <row r="384145" spans="14:14">
      <c r="N384145" s="10"/>
    </row>
    <row r="384146" spans="14:14">
      <c r="N384146" s="10"/>
    </row>
    <row r="384147" spans="14:14">
      <c r="N384147" s="10"/>
    </row>
    <row r="384148" spans="14:14">
      <c r="N384148" s="10"/>
    </row>
    <row r="384149" spans="14:14">
      <c r="N384149" s="10"/>
    </row>
    <row r="384150" spans="14:14">
      <c r="N384150" s="10"/>
    </row>
    <row r="384151" spans="14:14">
      <c r="N384151" s="10"/>
    </row>
    <row r="384152" spans="14:14">
      <c r="N384152" s="10"/>
    </row>
    <row r="384153" spans="14:14">
      <c r="N384153" s="10"/>
    </row>
    <row r="384154" spans="14:14">
      <c r="N384154" s="10"/>
    </row>
    <row r="384155" spans="14:14">
      <c r="N384155" s="10"/>
    </row>
    <row r="384156" spans="14:14">
      <c r="N384156" s="10"/>
    </row>
    <row r="384157" spans="14:14">
      <c r="N384157" s="10"/>
    </row>
    <row r="384158" spans="14:14">
      <c r="N384158" s="10"/>
    </row>
    <row r="384159" spans="14:14">
      <c r="N384159" s="10"/>
    </row>
    <row r="384160" spans="14:14">
      <c r="N384160" s="10"/>
    </row>
    <row r="384161" spans="14:14">
      <c r="N384161" s="10"/>
    </row>
    <row r="384162" spans="14:14">
      <c r="N384162" s="10"/>
    </row>
    <row r="384163" spans="14:14">
      <c r="N384163" s="10"/>
    </row>
    <row r="384164" spans="14:14">
      <c r="N384164" s="10"/>
    </row>
    <row r="384165" spans="14:14">
      <c r="N384165" s="10"/>
    </row>
    <row r="384166" spans="14:14">
      <c r="N384166" s="10"/>
    </row>
    <row r="384167" spans="14:14">
      <c r="N384167" s="10"/>
    </row>
    <row r="384168" spans="14:14">
      <c r="N384168" s="10"/>
    </row>
    <row r="384169" spans="14:14">
      <c r="N384169" s="10"/>
    </row>
    <row r="384170" spans="14:14">
      <c r="N384170" s="10"/>
    </row>
    <row r="384171" spans="14:14">
      <c r="N384171" s="10"/>
    </row>
    <row r="384172" spans="14:14">
      <c r="N384172" s="10"/>
    </row>
    <row r="384173" spans="14:14">
      <c r="N384173" s="10"/>
    </row>
    <row r="384174" spans="14:14">
      <c r="N384174" s="10"/>
    </row>
    <row r="384175" spans="14:14">
      <c r="N384175" s="10"/>
    </row>
    <row r="384176" spans="14:14">
      <c r="N384176" s="10"/>
    </row>
    <row r="384177" spans="14:14">
      <c r="N384177" s="10"/>
    </row>
    <row r="384178" spans="14:14">
      <c r="N384178" s="10"/>
    </row>
    <row r="384179" spans="14:14">
      <c r="N384179" s="10"/>
    </row>
    <row r="384180" spans="14:14">
      <c r="N384180" s="10"/>
    </row>
    <row r="384181" spans="14:14">
      <c r="N384181" s="10"/>
    </row>
    <row r="384182" spans="14:14">
      <c r="N384182" s="10"/>
    </row>
    <row r="384183" spans="14:14">
      <c r="N384183" s="10"/>
    </row>
    <row r="384184" spans="14:14">
      <c r="N384184" s="10"/>
    </row>
    <row r="384185" spans="14:14">
      <c r="N384185" s="10"/>
    </row>
    <row r="384186" spans="14:14">
      <c r="N384186" s="10"/>
    </row>
    <row r="384187" spans="14:14">
      <c r="N384187" s="10"/>
    </row>
    <row r="384188" spans="14:14">
      <c r="N384188" s="10"/>
    </row>
    <row r="384189" spans="14:14">
      <c r="N384189" s="10"/>
    </row>
    <row r="384190" spans="14:14">
      <c r="N384190" s="10"/>
    </row>
    <row r="384191" spans="14:14">
      <c r="N384191" s="10"/>
    </row>
    <row r="384192" spans="14:14">
      <c r="N384192" s="10"/>
    </row>
    <row r="384193" spans="14:14">
      <c r="N384193" s="10"/>
    </row>
    <row r="384194" spans="14:14">
      <c r="N384194" s="10"/>
    </row>
    <row r="384195" spans="14:14">
      <c r="N384195" s="10"/>
    </row>
    <row r="384196" spans="14:14">
      <c r="N384196" s="10"/>
    </row>
    <row r="384197" spans="14:14">
      <c r="N384197" s="10"/>
    </row>
    <row r="384198" spans="14:14">
      <c r="N384198" s="10"/>
    </row>
    <row r="384199" spans="14:14">
      <c r="N384199" s="10"/>
    </row>
    <row r="384200" spans="14:14">
      <c r="N384200" s="10"/>
    </row>
    <row r="384201" spans="14:14">
      <c r="N384201" s="10"/>
    </row>
    <row r="384202" spans="14:14">
      <c r="N384202" s="10"/>
    </row>
    <row r="384203" spans="14:14">
      <c r="N384203" s="10"/>
    </row>
    <row r="384204" spans="14:14">
      <c r="N384204" s="10"/>
    </row>
    <row r="384205" spans="14:14">
      <c r="N384205" s="10"/>
    </row>
    <row r="384206" spans="14:14">
      <c r="N384206" s="10"/>
    </row>
    <row r="384207" spans="14:14">
      <c r="N384207" s="10"/>
    </row>
    <row r="384208" spans="14:14">
      <c r="N384208" s="10"/>
    </row>
    <row r="384209" spans="14:14">
      <c r="N384209" s="10"/>
    </row>
    <row r="384210" spans="14:14">
      <c r="N384210" s="10"/>
    </row>
    <row r="384211" spans="14:14">
      <c r="N384211" s="10"/>
    </row>
    <row r="384212" spans="14:14">
      <c r="N384212" s="10"/>
    </row>
    <row r="384213" spans="14:14">
      <c r="N384213" s="10"/>
    </row>
    <row r="384214" spans="14:14">
      <c r="N384214" s="10"/>
    </row>
    <row r="384215" spans="14:14">
      <c r="N384215" s="10"/>
    </row>
    <row r="384216" spans="14:14">
      <c r="N384216" s="10"/>
    </row>
    <row r="384217" spans="14:14">
      <c r="N384217" s="10"/>
    </row>
    <row r="384218" spans="14:14">
      <c r="N384218" s="10"/>
    </row>
    <row r="384219" spans="14:14">
      <c r="N384219" s="10"/>
    </row>
    <row r="384220" spans="14:14">
      <c r="N384220" s="10"/>
    </row>
    <row r="384221" spans="14:14">
      <c r="N384221" s="10"/>
    </row>
    <row r="384222" spans="14:14">
      <c r="N384222" s="10"/>
    </row>
    <row r="384223" spans="14:14">
      <c r="N384223" s="10"/>
    </row>
    <row r="384224" spans="14:14">
      <c r="N384224" s="10"/>
    </row>
    <row r="384225" spans="14:14">
      <c r="N384225" s="10"/>
    </row>
    <row r="384226" spans="14:14">
      <c r="N384226" s="10"/>
    </row>
    <row r="384227" spans="14:14">
      <c r="N384227" s="10"/>
    </row>
    <row r="384228" spans="14:14">
      <c r="N384228" s="10"/>
    </row>
    <row r="384229" spans="14:14">
      <c r="N384229" s="10"/>
    </row>
    <row r="384230" spans="14:14">
      <c r="N384230" s="10"/>
    </row>
    <row r="384231" spans="14:14">
      <c r="N384231" s="10"/>
    </row>
    <row r="384232" spans="14:14">
      <c r="N384232" s="10"/>
    </row>
    <row r="384233" spans="14:14">
      <c r="N384233" s="10"/>
    </row>
    <row r="384234" spans="14:14">
      <c r="N384234" s="10"/>
    </row>
    <row r="384235" spans="14:14">
      <c r="N384235" s="10"/>
    </row>
    <row r="384236" spans="14:14">
      <c r="N384236" s="10"/>
    </row>
    <row r="384237" spans="14:14">
      <c r="N384237" s="10"/>
    </row>
    <row r="384238" spans="14:14">
      <c r="N384238" s="10"/>
    </row>
    <row r="384239" spans="14:14">
      <c r="N384239" s="10"/>
    </row>
    <row r="384240" spans="14:14">
      <c r="N384240" s="10"/>
    </row>
    <row r="384241" spans="14:14">
      <c r="N384241" s="10"/>
    </row>
    <row r="384242" spans="14:14">
      <c r="N384242" s="10"/>
    </row>
    <row r="384243" spans="14:14">
      <c r="N384243" s="10"/>
    </row>
    <row r="384244" spans="14:14">
      <c r="N384244" s="10"/>
    </row>
    <row r="384245" spans="14:14">
      <c r="N384245" s="10"/>
    </row>
    <row r="384246" spans="14:14">
      <c r="N384246" s="10"/>
    </row>
    <row r="384247" spans="14:14">
      <c r="N384247" s="10"/>
    </row>
    <row r="384248" spans="14:14">
      <c r="N384248" s="10"/>
    </row>
    <row r="384249" spans="14:14">
      <c r="N384249" s="10"/>
    </row>
    <row r="384250" spans="14:14">
      <c r="N384250" s="10"/>
    </row>
    <row r="384251" spans="14:14">
      <c r="N384251" s="10"/>
    </row>
    <row r="384252" spans="14:14">
      <c r="N384252" s="10"/>
    </row>
    <row r="384253" spans="14:14">
      <c r="N384253" s="10"/>
    </row>
    <row r="384254" spans="14:14">
      <c r="N384254" s="10"/>
    </row>
    <row r="384255" spans="14:14">
      <c r="N384255" s="10"/>
    </row>
    <row r="384256" spans="14:14">
      <c r="N384256" s="10"/>
    </row>
    <row r="384257" spans="14:14">
      <c r="N384257" s="10"/>
    </row>
    <row r="384258" spans="14:14">
      <c r="N384258" s="10"/>
    </row>
    <row r="384259" spans="14:14">
      <c r="N384259" s="10"/>
    </row>
    <row r="384260" spans="14:14">
      <c r="N384260" s="10"/>
    </row>
    <row r="384261" spans="14:14">
      <c r="N384261" s="10"/>
    </row>
    <row r="384262" spans="14:14">
      <c r="N384262" s="10"/>
    </row>
    <row r="384263" spans="14:14">
      <c r="N384263" s="10"/>
    </row>
    <row r="384264" spans="14:14">
      <c r="N384264" s="10"/>
    </row>
    <row r="384265" spans="14:14">
      <c r="N384265" s="10"/>
    </row>
    <row r="384266" spans="14:14">
      <c r="N384266" s="10"/>
    </row>
    <row r="384267" spans="14:14">
      <c r="N384267" s="10"/>
    </row>
    <row r="384268" spans="14:14">
      <c r="N384268" s="10"/>
    </row>
    <row r="384269" spans="14:14">
      <c r="N384269" s="10"/>
    </row>
    <row r="384270" spans="14:14">
      <c r="N384270" s="10"/>
    </row>
    <row r="384271" spans="14:14">
      <c r="N384271" s="10"/>
    </row>
    <row r="384272" spans="14:14">
      <c r="N384272" s="10"/>
    </row>
    <row r="384273" spans="14:14">
      <c r="N384273" s="10"/>
    </row>
    <row r="384274" spans="14:14">
      <c r="N384274" s="10"/>
    </row>
    <row r="384275" spans="14:14">
      <c r="N384275" s="10"/>
    </row>
    <row r="384276" spans="14:14">
      <c r="N384276" s="10"/>
    </row>
    <row r="384277" spans="14:14">
      <c r="N384277" s="10"/>
    </row>
    <row r="384278" spans="14:14">
      <c r="N384278" s="10"/>
    </row>
    <row r="384279" spans="14:14">
      <c r="N384279" s="10"/>
    </row>
    <row r="384280" spans="14:14">
      <c r="N384280" s="10"/>
    </row>
    <row r="384281" spans="14:14">
      <c r="N384281" s="10"/>
    </row>
    <row r="384282" spans="14:14">
      <c r="N384282" s="10"/>
    </row>
    <row r="384283" spans="14:14">
      <c r="N384283" s="10"/>
    </row>
    <row r="384284" spans="14:14">
      <c r="N384284" s="10"/>
    </row>
    <row r="384285" spans="14:14">
      <c r="N384285" s="10"/>
    </row>
    <row r="384286" spans="14:14">
      <c r="N384286" s="10"/>
    </row>
    <row r="384287" spans="14:14">
      <c r="N384287" s="10"/>
    </row>
    <row r="384288" spans="14:14">
      <c r="N384288" s="10"/>
    </row>
    <row r="384289" spans="14:14">
      <c r="N384289" s="10"/>
    </row>
    <row r="384290" spans="14:14">
      <c r="N384290" s="10"/>
    </row>
    <row r="384291" spans="14:14">
      <c r="N384291" s="10"/>
    </row>
    <row r="384292" spans="14:14">
      <c r="N384292" s="10"/>
    </row>
    <row r="384293" spans="14:14">
      <c r="N384293" s="10"/>
    </row>
    <row r="384294" spans="14:14">
      <c r="N384294" s="10"/>
    </row>
    <row r="384295" spans="14:14">
      <c r="N384295" s="10"/>
    </row>
    <row r="384296" spans="14:14">
      <c r="N384296" s="10"/>
    </row>
    <row r="384297" spans="14:14">
      <c r="N384297" s="10"/>
    </row>
    <row r="384298" spans="14:14">
      <c r="N384298" s="10"/>
    </row>
    <row r="384299" spans="14:14">
      <c r="N384299" s="10"/>
    </row>
    <row r="384300" spans="14:14">
      <c r="N384300" s="10"/>
    </row>
    <row r="384301" spans="14:14">
      <c r="N384301" s="10"/>
    </row>
    <row r="384302" spans="14:14">
      <c r="N384302" s="10"/>
    </row>
    <row r="384303" spans="14:14">
      <c r="N384303" s="10"/>
    </row>
    <row r="384304" spans="14:14">
      <c r="N384304" s="10"/>
    </row>
    <row r="384305" spans="14:14">
      <c r="N384305" s="10"/>
    </row>
    <row r="384306" spans="14:14">
      <c r="N384306" s="10"/>
    </row>
    <row r="384307" spans="14:14">
      <c r="N384307" s="10"/>
    </row>
    <row r="384308" spans="14:14">
      <c r="N384308" s="10"/>
    </row>
    <row r="384309" spans="14:14">
      <c r="N384309" s="10"/>
    </row>
    <row r="384310" spans="14:14">
      <c r="N384310" s="10"/>
    </row>
    <row r="384311" spans="14:14">
      <c r="N384311" s="10"/>
    </row>
    <row r="384312" spans="14:14">
      <c r="N384312" s="10"/>
    </row>
    <row r="384313" spans="14:14">
      <c r="N384313" s="10"/>
    </row>
    <row r="384314" spans="14:14">
      <c r="N384314" s="10"/>
    </row>
    <row r="384315" spans="14:14">
      <c r="N384315" s="10"/>
    </row>
    <row r="384316" spans="14:14">
      <c r="N384316" s="10"/>
    </row>
    <row r="384317" spans="14:14">
      <c r="N384317" s="10"/>
    </row>
    <row r="384318" spans="14:14">
      <c r="N384318" s="10"/>
    </row>
    <row r="384319" spans="14:14">
      <c r="N384319" s="10"/>
    </row>
    <row r="384320" spans="14:14">
      <c r="N384320" s="10"/>
    </row>
    <row r="384321" spans="14:14">
      <c r="N384321" s="10"/>
    </row>
    <row r="384322" spans="14:14">
      <c r="N384322" s="10"/>
    </row>
    <row r="384323" spans="14:14">
      <c r="N384323" s="10"/>
    </row>
    <row r="384324" spans="14:14">
      <c r="N384324" s="10"/>
    </row>
    <row r="384325" spans="14:14">
      <c r="N384325" s="10"/>
    </row>
    <row r="384326" spans="14:14">
      <c r="N384326" s="10"/>
    </row>
    <row r="384327" spans="14:14">
      <c r="N384327" s="10"/>
    </row>
    <row r="384328" spans="14:14">
      <c r="N384328" s="10"/>
    </row>
    <row r="384329" spans="14:14">
      <c r="N384329" s="10"/>
    </row>
    <row r="384330" spans="14:14">
      <c r="N384330" s="10"/>
    </row>
    <row r="384331" spans="14:14">
      <c r="N384331" s="10"/>
    </row>
    <row r="384332" spans="14:14">
      <c r="N384332" s="10"/>
    </row>
    <row r="384333" spans="14:14">
      <c r="N384333" s="10"/>
    </row>
    <row r="384334" spans="14:14">
      <c r="N384334" s="10"/>
    </row>
    <row r="384335" spans="14:14">
      <c r="N384335" s="10"/>
    </row>
    <row r="384336" spans="14:14">
      <c r="N384336" s="10"/>
    </row>
    <row r="384337" spans="14:14">
      <c r="N384337" s="10"/>
    </row>
    <row r="384338" spans="14:14">
      <c r="N384338" s="10"/>
    </row>
    <row r="384339" spans="14:14">
      <c r="N384339" s="10"/>
    </row>
    <row r="384340" spans="14:14">
      <c r="N384340" s="10"/>
    </row>
    <row r="384341" spans="14:14">
      <c r="N384341" s="10"/>
    </row>
    <row r="384342" spans="14:14">
      <c r="N384342" s="10"/>
    </row>
    <row r="384343" spans="14:14">
      <c r="N384343" s="10"/>
    </row>
    <row r="384344" spans="14:14">
      <c r="N384344" s="10"/>
    </row>
    <row r="384345" spans="14:14">
      <c r="N384345" s="10"/>
    </row>
    <row r="384346" spans="14:14">
      <c r="N384346" s="10"/>
    </row>
    <row r="384347" spans="14:14">
      <c r="N384347" s="10"/>
    </row>
    <row r="384348" spans="14:14">
      <c r="N384348" s="10"/>
    </row>
    <row r="384349" spans="14:14">
      <c r="N384349" s="10"/>
    </row>
    <row r="384350" spans="14:14">
      <c r="N384350" s="10"/>
    </row>
    <row r="384351" spans="14:14">
      <c r="N384351" s="10"/>
    </row>
    <row r="384352" spans="14:14">
      <c r="N384352" s="10"/>
    </row>
    <row r="384353" spans="14:14">
      <c r="N384353" s="10"/>
    </row>
    <row r="384354" spans="14:14">
      <c r="N384354" s="10"/>
    </row>
    <row r="384355" spans="14:14">
      <c r="N384355" s="10"/>
    </row>
    <row r="384356" spans="14:14">
      <c r="N384356" s="10"/>
    </row>
    <row r="384357" spans="14:14">
      <c r="N384357" s="10"/>
    </row>
    <row r="384358" spans="14:14">
      <c r="N384358" s="10"/>
    </row>
    <row r="384359" spans="14:14">
      <c r="N384359" s="10"/>
    </row>
    <row r="384360" spans="14:14">
      <c r="N384360" s="10"/>
    </row>
    <row r="384361" spans="14:14">
      <c r="N384361" s="10"/>
    </row>
    <row r="384362" spans="14:14">
      <c r="N384362" s="10"/>
    </row>
    <row r="384363" spans="14:14">
      <c r="N384363" s="10"/>
    </row>
    <row r="384364" spans="14:14">
      <c r="N384364" s="10"/>
    </row>
    <row r="384365" spans="14:14">
      <c r="N384365" s="10"/>
    </row>
    <row r="384366" spans="14:14">
      <c r="N384366" s="10"/>
    </row>
    <row r="384367" spans="14:14">
      <c r="N384367" s="10"/>
    </row>
    <row r="384368" spans="14:14">
      <c r="N384368" s="10"/>
    </row>
    <row r="384369" spans="14:14">
      <c r="N384369" s="10"/>
    </row>
    <row r="384370" spans="14:14">
      <c r="N384370" s="10"/>
    </row>
    <row r="384371" spans="14:14">
      <c r="N384371" s="10"/>
    </row>
    <row r="384372" spans="14:14">
      <c r="N384372" s="10"/>
    </row>
    <row r="384373" spans="14:14">
      <c r="N384373" s="10"/>
    </row>
    <row r="384374" spans="14:14">
      <c r="N384374" s="10"/>
    </row>
    <row r="384375" spans="14:14">
      <c r="N384375" s="10"/>
    </row>
    <row r="384376" spans="14:14">
      <c r="N384376" s="10"/>
    </row>
    <row r="384377" spans="14:14">
      <c r="N384377" s="10"/>
    </row>
    <row r="384378" spans="14:14">
      <c r="N384378" s="10"/>
    </row>
    <row r="384379" spans="14:14">
      <c r="N384379" s="10"/>
    </row>
    <row r="384380" spans="14:14">
      <c r="N384380" s="10"/>
    </row>
    <row r="384381" spans="14:14">
      <c r="N384381" s="10"/>
    </row>
    <row r="384382" spans="14:14">
      <c r="N384382" s="10"/>
    </row>
    <row r="384383" spans="14:14">
      <c r="N384383" s="10"/>
    </row>
    <row r="384384" spans="14:14">
      <c r="N384384" s="10"/>
    </row>
    <row r="384385" spans="14:14">
      <c r="N384385" s="10"/>
    </row>
    <row r="384386" spans="14:14">
      <c r="N384386" s="10"/>
    </row>
    <row r="384387" spans="14:14">
      <c r="N384387" s="10"/>
    </row>
    <row r="384388" spans="14:14">
      <c r="N384388" s="10"/>
    </row>
    <row r="384389" spans="14:14">
      <c r="N384389" s="10"/>
    </row>
    <row r="384390" spans="14:14">
      <c r="N384390" s="10"/>
    </row>
    <row r="384391" spans="14:14">
      <c r="N384391" s="10"/>
    </row>
    <row r="384392" spans="14:14">
      <c r="N384392" s="10"/>
    </row>
    <row r="384393" spans="14:14">
      <c r="N384393" s="10"/>
    </row>
    <row r="384394" spans="14:14">
      <c r="N384394" s="10"/>
    </row>
    <row r="384395" spans="14:14">
      <c r="N384395" s="10"/>
    </row>
    <row r="384396" spans="14:14">
      <c r="N384396" s="10"/>
    </row>
    <row r="384397" spans="14:14">
      <c r="N384397" s="10"/>
    </row>
    <row r="384398" spans="14:14">
      <c r="N384398" s="10"/>
    </row>
    <row r="384399" spans="14:14">
      <c r="N384399" s="10"/>
    </row>
    <row r="384400" spans="14:14">
      <c r="N384400" s="10"/>
    </row>
    <row r="384401" spans="14:14">
      <c r="N384401" s="10"/>
    </row>
    <row r="384402" spans="14:14">
      <c r="N384402" s="10"/>
    </row>
    <row r="384403" spans="14:14">
      <c r="N384403" s="10"/>
    </row>
    <row r="384404" spans="14:14">
      <c r="N384404" s="10"/>
    </row>
    <row r="384405" spans="14:14">
      <c r="N384405" s="10"/>
    </row>
    <row r="384406" spans="14:14">
      <c r="N384406" s="10"/>
    </row>
    <row r="384407" spans="14:14">
      <c r="N384407" s="10"/>
    </row>
    <row r="384408" spans="14:14">
      <c r="N384408" s="10"/>
    </row>
    <row r="384409" spans="14:14">
      <c r="N384409" s="10"/>
    </row>
    <row r="384410" spans="14:14">
      <c r="N384410" s="10"/>
    </row>
    <row r="384411" spans="14:14">
      <c r="N384411" s="10"/>
    </row>
    <row r="384412" spans="14:14">
      <c r="N384412" s="10"/>
    </row>
    <row r="384413" spans="14:14">
      <c r="N384413" s="10"/>
    </row>
    <row r="384414" spans="14:14">
      <c r="N384414" s="10"/>
    </row>
    <row r="384415" spans="14:14">
      <c r="N384415" s="10"/>
    </row>
    <row r="384416" spans="14:14">
      <c r="N384416" s="10"/>
    </row>
    <row r="384417" spans="14:14">
      <c r="N384417" s="10"/>
    </row>
    <row r="384418" spans="14:14">
      <c r="N384418" s="10"/>
    </row>
    <row r="384419" spans="14:14">
      <c r="N384419" s="10"/>
    </row>
    <row r="384420" spans="14:14">
      <c r="N384420" s="10"/>
    </row>
    <row r="384421" spans="14:14">
      <c r="N384421" s="10"/>
    </row>
    <row r="384422" spans="14:14">
      <c r="N384422" s="10"/>
    </row>
    <row r="384423" spans="14:14">
      <c r="N384423" s="10"/>
    </row>
    <row r="384424" spans="14:14">
      <c r="N384424" s="10"/>
    </row>
    <row r="384425" spans="14:14">
      <c r="N384425" s="10"/>
    </row>
    <row r="384426" spans="14:14">
      <c r="N384426" s="10"/>
    </row>
    <row r="384427" spans="14:14">
      <c r="N384427" s="10"/>
    </row>
    <row r="384428" spans="14:14">
      <c r="N384428" s="10"/>
    </row>
    <row r="384429" spans="14:14">
      <c r="N384429" s="10"/>
    </row>
    <row r="384430" spans="14:14">
      <c r="N384430" s="10"/>
    </row>
    <row r="384431" spans="14:14">
      <c r="N384431" s="10"/>
    </row>
    <row r="384432" spans="14:14">
      <c r="N384432" s="10"/>
    </row>
    <row r="384433" spans="14:14">
      <c r="N384433" s="10"/>
    </row>
    <row r="384434" spans="14:14">
      <c r="N384434" s="10"/>
    </row>
    <row r="384435" spans="14:14">
      <c r="N384435" s="10"/>
    </row>
    <row r="384436" spans="14:14">
      <c r="N384436" s="10"/>
    </row>
    <row r="384437" spans="14:14">
      <c r="N384437" s="10"/>
    </row>
    <row r="384438" spans="14:14">
      <c r="N384438" s="10"/>
    </row>
    <row r="384439" spans="14:14">
      <c r="N384439" s="10"/>
    </row>
    <row r="384440" spans="14:14">
      <c r="N384440" s="10"/>
    </row>
    <row r="384441" spans="14:14">
      <c r="N384441" s="10"/>
    </row>
    <row r="384442" spans="14:14">
      <c r="N384442" s="10"/>
    </row>
    <row r="384443" spans="14:14">
      <c r="N384443" s="10"/>
    </row>
    <row r="384444" spans="14:14">
      <c r="N384444" s="10"/>
    </row>
    <row r="384445" spans="14:14">
      <c r="N384445" s="10"/>
    </row>
    <row r="384446" spans="14:14">
      <c r="N384446" s="10"/>
    </row>
    <row r="384447" spans="14:14">
      <c r="N384447" s="10"/>
    </row>
    <row r="384448" spans="14:14">
      <c r="N384448" s="10"/>
    </row>
    <row r="384449" spans="14:14">
      <c r="N384449" s="10"/>
    </row>
    <row r="384450" spans="14:14">
      <c r="N384450" s="10"/>
    </row>
    <row r="384451" spans="14:14">
      <c r="N384451" s="10"/>
    </row>
    <row r="384452" spans="14:14">
      <c r="N384452" s="10"/>
    </row>
    <row r="384453" spans="14:14">
      <c r="N384453" s="10"/>
    </row>
    <row r="384454" spans="14:14">
      <c r="N384454" s="10"/>
    </row>
    <row r="384455" spans="14:14">
      <c r="N384455" s="10"/>
    </row>
    <row r="384456" spans="14:14">
      <c r="N384456" s="10"/>
    </row>
    <row r="384457" spans="14:14">
      <c r="N384457" s="10"/>
    </row>
    <row r="384458" spans="14:14">
      <c r="N384458" s="10"/>
    </row>
    <row r="384459" spans="14:14">
      <c r="N384459" s="10"/>
    </row>
    <row r="384460" spans="14:14">
      <c r="N384460" s="10"/>
    </row>
    <row r="384461" spans="14:14">
      <c r="N384461" s="10"/>
    </row>
    <row r="384462" spans="14:14">
      <c r="N384462" s="10"/>
    </row>
    <row r="384463" spans="14:14">
      <c r="N384463" s="10"/>
    </row>
    <row r="384464" spans="14:14">
      <c r="N384464" s="10"/>
    </row>
    <row r="384465" spans="14:14">
      <c r="N384465" s="10"/>
    </row>
    <row r="384466" spans="14:14">
      <c r="N384466" s="10"/>
    </row>
    <row r="384467" spans="14:14">
      <c r="N384467" s="10"/>
    </row>
    <row r="384468" spans="14:14">
      <c r="N384468" s="10"/>
    </row>
    <row r="384469" spans="14:14">
      <c r="N384469" s="10"/>
    </row>
    <row r="384470" spans="14:14">
      <c r="N384470" s="10"/>
    </row>
    <row r="384471" spans="14:14">
      <c r="N384471" s="10"/>
    </row>
    <row r="384472" spans="14:14">
      <c r="N384472" s="10"/>
    </row>
    <row r="384473" spans="14:14">
      <c r="N384473" s="10"/>
    </row>
    <row r="384474" spans="14:14">
      <c r="N384474" s="10"/>
    </row>
    <row r="384475" spans="14:14">
      <c r="N384475" s="10"/>
    </row>
    <row r="384476" spans="14:14">
      <c r="N384476" s="10"/>
    </row>
    <row r="384477" spans="14:14">
      <c r="N384477" s="10"/>
    </row>
    <row r="384478" spans="14:14">
      <c r="N384478" s="10"/>
    </row>
    <row r="384479" spans="14:14">
      <c r="N384479" s="10"/>
    </row>
    <row r="384480" spans="14:14">
      <c r="N384480" s="10"/>
    </row>
    <row r="384481" spans="14:14">
      <c r="N384481" s="10"/>
    </row>
    <row r="384482" spans="14:14">
      <c r="N384482" s="10"/>
    </row>
    <row r="384483" spans="14:14">
      <c r="N384483" s="10"/>
    </row>
    <row r="384484" spans="14:14">
      <c r="N384484" s="10"/>
    </row>
    <row r="384485" spans="14:14">
      <c r="N384485" s="10"/>
    </row>
    <row r="384486" spans="14:14">
      <c r="N384486" s="10"/>
    </row>
    <row r="384487" spans="14:14">
      <c r="N384487" s="10"/>
    </row>
    <row r="384488" spans="14:14">
      <c r="N384488" s="10"/>
    </row>
    <row r="384489" spans="14:14">
      <c r="N384489" s="10"/>
    </row>
    <row r="384490" spans="14:14">
      <c r="N384490" s="10"/>
    </row>
    <row r="384491" spans="14:14">
      <c r="N384491" s="10"/>
    </row>
    <row r="384492" spans="14:14">
      <c r="N384492" s="10"/>
    </row>
    <row r="384493" spans="14:14">
      <c r="N384493" s="10"/>
    </row>
    <row r="384494" spans="14:14">
      <c r="N384494" s="10"/>
    </row>
    <row r="384495" spans="14:14">
      <c r="N384495" s="10"/>
    </row>
    <row r="384496" spans="14:14">
      <c r="N384496" s="10"/>
    </row>
    <row r="384497" spans="14:14">
      <c r="N384497" s="10"/>
    </row>
    <row r="384498" spans="14:14">
      <c r="N384498" s="10"/>
    </row>
    <row r="384499" spans="14:14">
      <c r="N384499" s="10"/>
    </row>
    <row r="384500" spans="14:14">
      <c r="N384500" s="10"/>
    </row>
    <row r="384501" spans="14:14">
      <c r="N384501" s="10"/>
    </row>
    <row r="384502" spans="14:14">
      <c r="N384502" s="10"/>
    </row>
    <row r="384503" spans="14:14">
      <c r="N384503" s="10"/>
    </row>
    <row r="384504" spans="14:14">
      <c r="N384504" s="10"/>
    </row>
    <row r="384505" spans="14:14">
      <c r="N384505" s="10"/>
    </row>
    <row r="384506" spans="14:14">
      <c r="N384506" s="10"/>
    </row>
    <row r="384507" spans="14:14">
      <c r="N384507" s="10"/>
    </row>
    <row r="384508" spans="14:14">
      <c r="N384508" s="10"/>
    </row>
    <row r="384509" spans="14:14">
      <c r="N384509" s="10"/>
    </row>
    <row r="384510" spans="14:14">
      <c r="N384510" s="10"/>
    </row>
    <row r="384511" spans="14:14">
      <c r="N384511" s="10"/>
    </row>
    <row r="384512" spans="14:14">
      <c r="N384512" s="10"/>
    </row>
    <row r="384513" spans="14:14">
      <c r="N384513" s="10"/>
    </row>
    <row r="384514" spans="14:14">
      <c r="N384514" s="10"/>
    </row>
    <row r="384515" spans="14:14">
      <c r="N384515" s="10"/>
    </row>
    <row r="384516" spans="14:14">
      <c r="N384516" s="10"/>
    </row>
    <row r="384517" spans="14:14">
      <c r="N384517" s="10"/>
    </row>
    <row r="384518" spans="14:14">
      <c r="N384518" s="10"/>
    </row>
    <row r="384519" spans="14:14">
      <c r="N384519" s="10"/>
    </row>
    <row r="384520" spans="14:14">
      <c r="N384520" s="10"/>
    </row>
    <row r="384521" spans="14:14">
      <c r="N384521" s="10"/>
    </row>
    <row r="384522" spans="14:14">
      <c r="N384522" s="10"/>
    </row>
    <row r="384523" spans="14:14">
      <c r="N384523" s="10"/>
    </row>
    <row r="384524" spans="14:14">
      <c r="N384524" s="10"/>
    </row>
    <row r="384525" spans="14:14">
      <c r="N384525" s="10"/>
    </row>
    <row r="384526" spans="14:14">
      <c r="N384526" s="10"/>
    </row>
    <row r="384527" spans="14:14">
      <c r="N384527" s="10"/>
    </row>
    <row r="384528" spans="14:14">
      <c r="N384528" s="10"/>
    </row>
    <row r="384529" spans="14:14">
      <c r="N384529" s="10"/>
    </row>
    <row r="384530" spans="14:14">
      <c r="N384530" s="10"/>
    </row>
    <row r="384531" spans="14:14">
      <c r="N384531" s="10"/>
    </row>
    <row r="384532" spans="14:14">
      <c r="N384532" s="10"/>
    </row>
    <row r="384533" spans="14:14">
      <c r="N384533" s="10"/>
    </row>
    <row r="384534" spans="14:14">
      <c r="N384534" s="10"/>
    </row>
    <row r="384535" spans="14:14">
      <c r="N384535" s="10"/>
    </row>
    <row r="384536" spans="14:14">
      <c r="N384536" s="10"/>
    </row>
    <row r="384537" spans="14:14">
      <c r="N384537" s="10"/>
    </row>
    <row r="384538" spans="14:14">
      <c r="N384538" s="10"/>
    </row>
    <row r="384539" spans="14:14">
      <c r="N384539" s="10"/>
    </row>
    <row r="384540" spans="14:14">
      <c r="N384540" s="10"/>
    </row>
    <row r="384541" spans="14:14">
      <c r="N384541" s="10"/>
    </row>
    <row r="384542" spans="14:14">
      <c r="N384542" s="10"/>
    </row>
    <row r="384543" spans="14:14">
      <c r="N384543" s="10"/>
    </row>
    <row r="384544" spans="14:14">
      <c r="N384544" s="10"/>
    </row>
    <row r="384545" spans="14:14">
      <c r="N384545" s="10"/>
    </row>
    <row r="384546" spans="14:14">
      <c r="N384546" s="10"/>
    </row>
    <row r="384547" spans="14:14">
      <c r="N384547" s="10"/>
    </row>
    <row r="384548" spans="14:14">
      <c r="N384548" s="10"/>
    </row>
    <row r="384549" spans="14:14">
      <c r="N384549" s="10"/>
    </row>
    <row r="384550" spans="14:14">
      <c r="N384550" s="10"/>
    </row>
    <row r="384551" spans="14:14">
      <c r="N384551" s="10"/>
    </row>
    <row r="384552" spans="14:14">
      <c r="N384552" s="10"/>
    </row>
    <row r="384553" spans="14:14">
      <c r="N384553" s="10"/>
    </row>
    <row r="384554" spans="14:14">
      <c r="N384554" s="10"/>
    </row>
    <row r="384555" spans="14:14">
      <c r="N384555" s="10"/>
    </row>
    <row r="384556" spans="14:14">
      <c r="N384556" s="10"/>
    </row>
    <row r="384557" spans="14:14">
      <c r="N384557" s="10"/>
    </row>
    <row r="384558" spans="14:14">
      <c r="N384558" s="10"/>
    </row>
    <row r="384559" spans="14:14">
      <c r="N384559" s="10"/>
    </row>
    <row r="384560" spans="14:14">
      <c r="N384560" s="10"/>
    </row>
    <row r="384561" spans="14:14">
      <c r="N384561" s="10"/>
    </row>
    <row r="384562" spans="14:14">
      <c r="N384562" s="10"/>
    </row>
    <row r="384563" spans="14:14">
      <c r="N384563" s="10"/>
    </row>
    <row r="384564" spans="14:14">
      <c r="N384564" s="10"/>
    </row>
    <row r="384565" spans="14:14">
      <c r="N384565" s="10"/>
    </row>
    <row r="384566" spans="14:14">
      <c r="N384566" s="10"/>
    </row>
    <row r="384567" spans="14:14">
      <c r="N384567" s="10"/>
    </row>
    <row r="384568" spans="14:14">
      <c r="N384568" s="10"/>
    </row>
    <row r="384569" spans="14:14">
      <c r="N384569" s="10"/>
    </row>
    <row r="384570" spans="14:14">
      <c r="N384570" s="10"/>
    </row>
    <row r="384571" spans="14:14">
      <c r="N384571" s="10"/>
    </row>
    <row r="384572" spans="14:14">
      <c r="N384572" s="10"/>
    </row>
    <row r="384573" spans="14:14">
      <c r="N384573" s="10"/>
    </row>
    <row r="384574" spans="14:14">
      <c r="N384574" s="10"/>
    </row>
    <row r="384575" spans="14:14">
      <c r="N384575" s="10"/>
    </row>
    <row r="384576" spans="14:14">
      <c r="N384576" s="10"/>
    </row>
    <row r="384577" spans="14:14">
      <c r="N384577" s="10"/>
    </row>
    <row r="384578" spans="14:14">
      <c r="N384578" s="10"/>
    </row>
    <row r="384579" spans="14:14">
      <c r="N384579" s="10"/>
    </row>
    <row r="384580" spans="14:14">
      <c r="N384580" s="10"/>
    </row>
    <row r="384581" spans="14:14">
      <c r="N384581" s="10"/>
    </row>
    <row r="384582" spans="14:14">
      <c r="N384582" s="10"/>
    </row>
    <row r="384583" spans="14:14">
      <c r="N384583" s="10"/>
    </row>
    <row r="384584" spans="14:14">
      <c r="N384584" s="10"/>
    </row>
    <row r="384585" spans="14:14">
      <c r="N384585" s="10"/>
    </row>
    <row r="384586" spans="14:14">
      <c r="N384586" s="10"/>
    </row>
    <row r="384587" spans="14:14">
      <c r="N384587" s="10"/>
    </row>
    <row r="384588" spans="14:14">
      <c r="N384588" s="10"/>
    </row>
    <row r="384589" spans="14:14">
      <c r="N384589" s="10"/>
    </row>
    <row r="384590" spans="14:14">
      <c r="N384590" s="10"/>
    </row>
    <row r="384591" spans="14:14">
      <c r="N384591" s="10"/>
    </row>
    <row r="384592" spans="14:14">
      <c r="N384592" s="10"/>
    </row>
    <row r="384593" spans="14:14">
      <c r="N384593" s="10"/>
    </row>
    <row r="384594" spans="14:14">
      <c r="N384594" s="10"/>
    </row>
    <row r="384595" spans="14:14">
      <c r="N384595" s="10"/>
    </row>
    <row r="384596" spans="14:14">
      <c r="N384596" s="10"/>
    </row>
    <row r="384597" spans="14:14">
      <c r="N384597" s="10"/>
    </row>
    <row r="384598" spans="14:14">
      <c r="N384598" s="10"/>
    </row>
    <row r="384599" spans="14:14">
      <c r="N384599" s="10"/>
    </row>
    <row r="384600" spans="14:14">
      <c r="N384600" s="10"/>
    </row>
    <row r="384601" spans="14:14">
      <c r="N384601" s="10"/>
    </row>
    <row r="384602" spans="14:14">
      <c r="N384602" s="10"/>
    </row>
    <row r="384603" spans="14:14">
      <c r="N384603" s="10"/>
    </row>
    <row r="384604" spans="14:14">
      <c r="N384604" s="10"/>
    </row>
    <row r="384605" spans="14:14">
      <c r="N384605" s="10"/>
    </row>
    <row r="384606" spans="14:14">
      <c r="N384606" s="10"/>
    </row>
    <row r="384607" spans="14:14">
      <c r="N384607" s="10"/>
    </row>
    <row r="384608" spans="14:14">
      <c r="N384608" s="10"/>
    </row>
    <row r="384609" spans="14:14">
      <c r="N384609" s="10"/>
    </row>
    <row r="384610" spans="14:14">
      <c r="N384610" s="10"/>
    </row>
    <row r="384611" spans="14:14">
      <c r="N384611" s="10"/>
    </row>
    <row r="384612" spans="14:14">
      <c r="N384612" s="10"/>
    </row>
    <row r="384613" spans="14:14">
      <c r="N384613" s="10"/>
    </row>
    <row r="384614" spans="14:14">
      <c r="N384614" s="10"/>
    </row>
    <row r="384615" spans="14:14">
      <c r="N384615" s="10"/>
    </row>
    <row r="384616" spans="14:14">
      <c r="N384616" s="10"/>
    </row>
    <row r="384617" spans="14:14">
      <c r="N384617" s="10"/>
    </row>
    <row r="384618" spans="14:14">
      <c r="N384618" s="10"/>
    </row>
    <row r="384619" spans="14:14">
      <c r="N384619" s="10"/>
    </row>
    <row r="384620" spans="14:14">
      <c r="N384620" s="10"/>
    </row>
    <row r="384621" spans="14:14">
      <c r="N384621" s="10"/>
    </row>
    <row r="384622" spans="14:14">
      <c r="N384622" s="10"/>
    </row>
    <row r="384623" spans="14:14">
      <c r="N384623" s="10"/>
    </row>
    <row r="384624" spans="14:14">
      <c r="N384624" s="10"/>
    </row>
    <row r="384625" spans="14:14">
      <c r="N384625" s="10"/>
    </row>
    <row r="384626" spans="14:14">
      <c r="N384626" s="10"/>
    </row>
    <row r="384627" spans="14:14">
      <c r="N384627" s="10"/>
    </row>
    <row r="384628" spans="14:14">
      <c r="N384628" s="10"/>
    </row>
    <row r="384629" spans="14:14">
      <c r="N384629" s="10"/>
    </row>
    <row r="384630" spans="14:14">
      <c r="N384630" s="10"/>
    </row>
    <row r="384631" spans="14:14">
      <c r="N384631" s="10"/>
    </row>
    <row r="384632" spans="14:14">
      <c r="N384632" s="10"/>
    </row>
    <row r="384633" spans="14:14">
      <c r="N384633" s="10"/>
    </row>
    <row r="384634" spans="14:14">
      <c r="N384634" s="10"/>
    </row>
    <row r="384635" spans="14:14">
      <c r="N384635" s="10"/>
    </row>
    <row r="384636" spans="14:14">
      <c r="N384636" s="10"/>
    </row>
    <row r="384637" spans="14:14">
      <c r="N384637" s="10"/>
    </row>
    <row r="384638" spans="14:14">
      <c r="N384638" s="10"/>
    </row>
    <row r="384639" spans="14:14">
      <c r="N384639" s="10"/>
    </row>
    <row r="384640" spans="14:14">
      <c r="N384640" s="10"/>
    </row>
    <row r="384641" spans="14:14">
      <c r="N384641" s="10"/>
    </row>
    <row r="384642" spans="14:14">
      <c r="N384642" s="10"/>
    </row>
    <row r="384643" spans="14:14">
      <c r="N384643" s="10"/>
    </row>
    <row r="384644" spans="14:14">
      <c r="N384644" s="10"/>
    </row>
    <row r="384645" spans="14:14">
      <c r="N384645" s="10"/>
    </row>
    <row r="384646" spans="14:14">
      <c r="N384646" s="10"/>
    </row>
    <row r="384647" spans="14:14">
      <c r="N384647" s="10"/>
    </row>
    <row r="384648" spans="14:14">
      <c r="N384648" s="10"/>
    </row>
    <row r="384649" spans="14:14">
      <c r="N384649" s="10"/>
    </row>
    <row r="384650" spans="14:14">
      <c r="N384650" s="10"/>
    </row>
    <row r="384651" spans="14:14">
      <c r="N384651" s="10"/>
    </row>
    <row r="384652" spans="14:14">
      <c r="N384652" s="10"/>
    </row>
    <row r="384653" spans="14:14">
      <c r="N384653" s="10"/>
    </row>
    <row r="384654" spans="14:14">
      <c r="N384654" s="10"/>
    </row>
    <row r="384655" spans="14:14">
      <c r="N384655" s="10"/>
    </row>
    <row r="384656" spans="14:14">
      <c r="N384656" s="10"/>
    </row>
    <row r="384657" spans="14:14">
      <c r="N384657" s="10"/>
    </row>
    <row r="384658" spans="14:14">
      <c r="N384658" s="10"/>
    </row>
    <row r="384659" spans="14:14">
      <c r="N384659" s="10"/>
    </row>
    <row r="384660" spans="14:14">
      <c r="N384660" s="10"/>
    </row>
    <row r="384661" spans="14:14">
      <c r="N384661" s="10"/>
    </row>
    <row r="384662" spans="14:14">
      <c r="N384662" s="10"/>
    </row>
    <row r="384663" spans="14:14">
      <c r="N384663" s="10"/>
    </row>
    <row r="384664" spans="14:14">
      <c r="N384664" s="10"/>
    </row>
    <row r="384665" spans="14:14">
      <c r="N384665" s="10"/>
    </row>
    <row r="384666" spans="14:14">
      <c r="N384666" s="10"/>
    </row>
    <row r="384667" spans="14:14">
      <c r="N384667" s="10"/>
    </row>
    <row r="384668" spans="14:14">
      <c r="N384668" s="10"/>
    </row>
    <row r="384669" spans="14:14">
      <c r="N384669" s="10"/>
    </row>
    <row r="384670" spans="14:14">
      <c r="N384670" s="10"/>
    </row>
    <row r="384671" spans="14:14">
      <c r="N384671" s="10"/>
    </row>
    <row r="384672" spans="14:14">
      <c r="N384672" s="10"/>
    </row>
    <row r="384673" spans="14:14">
      <c r="N384673" s="10"/>
    </row>
    <row r="384674" spans="14:14">
      <c r="N384674" s="10"/>
    </row>
    <row r="384675" spans="14:14">
      <c r="N384675" s="10"/>
    </row>
    <row r="384676" spans="14:14">
      <c r="N384676" s="10"/>
    </row>
    <row r="384677" spans="14:14">
      <c r="N384677" s="10"/>
    </row>
    <row r="384678" spans="14:14">
      <c r="N384678" s="10"/>
    </row>
    <row r="384679" spans="14:14">
      <c r="N384679" s="10"/>
    </row>
    <row r="384680" spans="14:14">
      <c r="N384680" s="10"/>
    </row>
    <row r="384681" spans="14:14">
      <c r="N384681" s="10"/>
    </row>
    <row r="384682" spans="14:14">
      <c r="N384682" s="10"/>
    </row>
    <row r="384683" spans="14:14">
      <c r="N384683" s="10"/>
    </row>
    <row r="384684" spans="14:14">
      <c r="N384684" s="10"/>
    </row>
    <row r="384685" spans="14:14">
      <c r="N384685" s="10"/>
    </row>
    <row r="384686" spans="14:14">
      <c r="N384686" s="10"/>
    </row>
    <row r="384687" spans="14:14">
      <c r="N384687" s="10"/>
    </row>
    <row r="384688" spans="14:14">
      <c r="N384688" s="10"/>
    </row>
    <row r="384689" spans="14:14">
      <c r="N384689" s="10"/>
    </row>
    <row r="384690" spans="14:14">
      <c r="N384690" s="10"/>
    </row>
    <row r="384691" spans="14:14">
      <c r="N384691" s="10"/>
    </row>
    <row r="384692" spans="14:14">
      <c r="N384692" s="10"/>
    </row>
    <row r="384693" spans="14:14">
      <c r="N384693" s="10"/>
    </row>
    <row r="384694" spans="14:14">
      <c r="N384694" s="10"/>
    </row>
    <row r="384695" spans="14:14">
      <c r="N384695" s="10"/>
    </row>
    <row r="384696" spans="14:14">
      <c r="N384696" s="10"/>
    </row>
    <row r="384697" spans="14:14">
      <c r="N384697" s="10"/>
    </row>
    <row r="384698" spans="14:14">
      <c r="N384698" s="10"/>
    </row>
    <row r="384699" spans="14:14">
      <c r="N384699" s="10"/>
    </row>
    <row r="384700" spans="14:14">
      <c r="N384700" s="10"/>
    </row>
    <row r="384701" spans="14:14">
      <c r="N384701" s="10"/>
    </row>
    <row r="384702" spans="14:14">
      <c r="N384702" s="10"/>
    </row>
    <row r="384703" spans="14:14">
      <c r="N384703" s="10"/>
    </row>
    <row r="384704" spans="14:14">
      <c r="N384704" s="10"/>
    </row>
    <row r="384705" spans="14:14">
      <c r="N384705" s="10"/>
    </row>
    <row r="384706" spans="14:14">
      <c r="N384706" s="10"/>
    </row>
    <row r="384707" spans="14:14">
      <c r="N384707" s="10"/>
    </row>
    <row r="384708" spans="14:14">
      <c r="N384708" s="10"/>
    </row>
    <row r="384709" spans="14:14">
      <c r="N384709" s="10"/>
    </row>
    <row r="384710" spans="14:14">
      <c r="N384710" s="10"/>
    </row>
    <row r="384711" spans="14:14">
      <c r="N384711" s="10"/>
    </row>
    <row r="384712" spans="14:14">
      <c r="N384712" s="10"/>
    </row>
    <row r="384713" spans="14:14">
      <c r="N384713" s="10"/>
    </row>
    <row r="384714" spans="14:14">
      <c r="N384714" s="10"/>
    </row>
    <row r="384715" spans="14:14">
      <c r="N384715" s="10"/>
    </row>
    <row r="384716" spans="14:14">
      <c r="N384716" s="10"/>
    </row>
    <row r="384717" spans="14:14">
      <c r="N384717" s="10"/>
    </row>
    <row r="384718" spans="14:14">
      <c r="N384718" s="10"/>
    </row>
    <row r="384719" spans="14:14">
      <c r="N384719" s="10"/>
    </row>
    <row r="384720" spans="14:14">
      <c r="N384720" s="10"/>
    </row>
    <row r="384721" spans="14:14">
      <c r="N384721" s="10"/>
    </row>
    <row r="384722" spans="14:14">
      <c r="N384722" s="10"/>
    </row>
    <row r="384723" spans="14:14">
      <c r="N384723" s="10"/>
    </row>
    <row r="384724" spans="14:14">
      <c r="N384724" s="10"/>
    </row>
    <row r="384725" spans="14:14">
      <c r="N384725" s="10"/>
    </row>
    <row r="384726" spans="14:14">
      <c r="N384726" s="10"/>
    </row>
    <row r="384727" spans="14:14">
      <c r="N384727" s="10"/>
    </row>
    <row r="384728" spans="14:14">
      <c r="N384728" s="10"/>
    </row>
    <row r="384729" spans="14:14">
      <c r="N384729" s="10"/>
    </row>
    <row r="384730" spans="14:14">
      <c r="N384730" s="10"/>
    </row>
    <row r="384731" spans="14:14">
      <c r="N384731" s="10"/>
    </row>
    <row r="384732" spans="14:14">
      <c r="N384732" s="10"/>
    </row>
    <row r="384733" spans="14:14">
      <c r="N384733" s="10"/>
    </row>
    <row r="384734" spans="14:14">
      <c r="N384734" s="10"/>
    </row>
    <row r="384735" spans="14:14">
      <c r="N384735" s="10"/>
    </row>
    <row r="384736" spans="14:14">
      <c r="N384736" s="10"/>
    </row>
    <row r="384737" spans="14:14">
      <c r="N384737" s="10"/>
    </row>
    <row r="384738" spans="14:14">
      <c r="N384738" s="10"/>
    </row>
    <row r="384739" spans="14:14">
      <c r="N384739" s="10"/>
    </row>
    <row r="384740" spans="14:14">
      <c r="N384740" s="10"/>
    </row>
    <row r="384741" spans="14:14">
      <c r="N384741" s="10"/>
    </row>
    <row r="384742" spans="14:14">
      <c r="N384742" s="10"/>
    </row>
    <row r="384743" spans="14:14">
      <c r="N384743" s="10"/>
    </row>
    <row r="384744" spans="14:14">
      <c r="N384744" s="10"/>
    </row>
    <row r="384745" spans="14:14">
      <c r="N384745" s="10"/>
    </row>
    <row r="384746" spans="14:14">
      <c r="N384746" s="10"/>
    </row>
    <row r="384747" spans="14:14">
      <c r="N384747" s="10"/>
    </row>
    <row r="384748" spans="14:14">
      <c r="N384748" s="10"/>
    </row>
    <row r="384749" spans="14:14">
      <c r="N384749" s="10"/>
    </row>
    <row r="384750" spans="14:14">
      <c r="N384750" s="10"/>
    </row>
    <row r="384751" spans="14:14">
      <c r="N384751" s="10"/>
    </row>
    <row r="384752" spans="14:14">
      <c r="N384752" s="10"/>
    </row>
    <row r="384753" spans="14:14">
      <c r="N384753" s="10"/>
    </row>
    <row r="384754" spans="14:14">
      <c r="N384754" s="10"/>
    </row>
    <row r="384755" spans="14:14">
      <c r="N384755" s="10"/>
    </row>
    <row r="384756" spans="14:14">
      <c r="N384756" s="10"/>
    </row>
    <row r="384757" spans="14:14">
      <c r="N384757" s="10"/>
    </row>
    <row r="384758" spans="14:14">
      <c r="N384758" s="10"/>
    </row>
    <row r="384759" spans="14:14">
      <c r="N384759" s="10"/>
    </row>
    <row r="384760" spans="14:14">
      <c r="N384760" s="10"/>
    </row>
    <row r="384761" spans="14:14">
      <c r="N384761" s="10"/>
    </row>
    <row r="384762" spans="14:14">
      <c r="N384762" s="10"/>
    </row>
    <row r="384763" spans="14:14">
      <c r="N384763" s="10"/>
    </row>
    <row r="384764" spans="14:14">
      <c r="N384764" s="10"/>
    </row>
    <row r="384765" spans="14:14">
      <c r="N384765" s="10"/>
    </row>
    <row r="384766" spans="14:14">
      <c r="N384766" s="10"/>
    </row>
    <row r="384767" spans="14:14">
      <c r="N384767" s="10"/>
    </row>
    <row r="384768" spans="14:14">
      <c r="N384768" s="10"/>
    </row>
    <row r="384769" spans="14:14">
      <c r="N384769" s="10"/>
    </row>
    <row r="384770" spans="14:14">
      <c r="N384770" s="10"/>
    </row>
    <row r="384771" spans="14:14">
      <c r="N384771" s="10"/>
    </row>
    <row r="384772" spans="14:14">
      <c r="N384772" s="10"/>
    </row>
    <row r="384773" spans="14:14">
      <c r="N384773" s="10"/>
    </row>
    <row r="384774" spans="14:14">
      <c r="N384774" s="10"/>
    </row>
    <row r="384775" spans="14:14">
      <c r="N384775" s="10"/>
    </row>
    <row r="384776" spans="14:14">
      <c r="N384776" s="10"/>
    </row>
    <row r="384777" spans="14:14">
      <c r="N384777" s="10"/>
    </row>
    <row r="384778" spans="14:14">
      <c r="N384778" s="10"/>
    </row>
    <row r="384779" spans="14:14">
      <c r="N384779" s="10"/>
    </row>
    <row r="384780" spans="14:14">
      <c r="N384780" s="10"/>
    </row>
    <row r="384781" spans="14:14">
      <c r="N384781" s="10"/>
    </row>
    <row r="384782" spans="14:14">
      <c r="N384782" s="10"/>
    </row>
    <row r="384783" spans="14:14">
      <c r="N384783" s="10"/>
    </row>
    <row r="384784" spans="14:14">
      <c r="N384784" s="10"/>
    </row>
    <row r="384785" spans="14:14">
      <c r="N384785" s="10"/>
    </row>
    <row r="384786" spans="14:14">
      <c r="N384786" s="10"/>
    </row>
    <row r="384787" spans="14:14">
      <c r="N384787" s="10"/>
    </row>
    <row r="384788" spans="14:14">
      <c r="N384788" s="10"/>
    </row>
    <row r="384789" spans="14:14">
      <c r="N384789" s="10"/>
    </row>
    <row r="384790" spans="14:14">
      <c r="N384790" s="10"/>
    </row>
    <row r="384791" spans="14:14">
      <c r="N384791" s="10"/>
    </row>
    <row r="384792" spans="14:14">
      <c r="N384792" s="10"/>
    </row>
    <row r="384793" spans="14:14">
      <c r="N384793" s="10"/>
    </row>
    <row r="384794" spans="14:14">
      <c r="N384794" s="10"/>
    </row>
    <row r="384795" spans="14:14">
      <c r="N384795" s="10"/>
    </row>
    <row r="384796" spans="14:14">
      <c r="N384796" s="10"/>
    </row>
    <row r="384797" spans="14:14">
      <c r="N384797" s="10"/>
    </row>
    <row r="384798" spans="14:14">
      <c r="N384798" s="10"/>
    </row>
    <row r="384799" spans="14:14">
      <c r="N384799" s="10"/>
    </row>
    <row r="384800" spans="14:14">
      <c r="N384800" s="10"/>
    </row>
    <row r="384801" spans="14:14">
      <c r="N384801" s="10"/>
    </row>
    <row r="384802" spans="14:14">
      <c r="N384802" s="10"/>
    </row>
    <row r="384803" spans="14:14">
      <c r="N384803" s="10"/>
    </row>
    <row r="384804" spans="14:14">
      <c r="N384804" s="10"/>
    </row>
    <row r="384805" spans="14:14">
      <c r="N384805" s="10"/>
    </row>
    <row r="384806" spans="14:14">
      <c r="N384806" s="10"/>
    </row>
    <row r="384807" spans="14:14">
      <c r="N384807" s="10"/>
    </row>
    <row r="384808" spans="14:14">
      <c r="N384808" s="10"/>
    </row>
    <row r="384809" spans="14:14">
      <c r="N384809" s="10"/>
    </row>
    <row r="384810" spans="14:14">
      <c r="N384810" s="10"/>
    </row>
    <row r="384811" spans="14:14">
      <c r="N384811" s="10"/>
    </row>
    <row r="384812" spans="14:14">
      <c r="N384812" s="10"/>
    </row>
    <row r="384813" spans="14:14">
      <c r="N384813" s="10"/>
    </row>
    <row r="384814" spans="14:14">
      <c r="N384814" s="10"/>
    </row>
    <row r="384815" spans="14:14">
      <c r="N384815" s="10"/>
    </row>
    <row r="384816" spans="14:14">
      <c r="N384816" s="10"/>
    </row>
    <row r="384817" spans="14:14">
      <c r="N384817" s="10"/>
    </row>
    <row r="384818" spans="14:14">
      <c r="N384818" s="10"/>
    </row>
    <row r="384819" spans="14:14">
      <c r="N384819" s="10"/>
    </row>
    <row r="384820" spans="14:14">
      <c r="N384820" s="10"/>
    </row>
    <row r="384821" spans="14:14">
      <c r="N384821" s="10"/>
    </row>
    <row r="384822" spans="14:14">
      <c r="N384822" s="10"/>
    </row>
    <row r="384823" spans="14:14">
      <c r="N384823" s="10"/>
    </row>
    <row r="384824" spans="14:14">
      <c r="N384824" s="10"/>
    </row>
    <row r="384825" spans="14:14">
      <c r="N384825" s="10"/>
    </row>
    <row r="384826" spans="14:14">
      <c r="N384826" s="10"/>
    </row>
    <row r="384827" spans="14:14">
      <c r="N384827" s="10"/>
    </row>
    <row r="384828" spans="14:14">
      <c r="N384828" s="10"/>
    </row>
    <row r="384829" spans="14:14">
      <c r="N384829" s="10"/>
    </row>
    <row r="384830" spans="14:14">
      <c r="N384830" s="10"/>
    </row>
    <row r="384831" spans="14:14">
      <c r="N384831" s="10"/>
    </row>
    <row r="384832" spans="14:14">
      <c r="N384832" s="10"/>
    </row>
    <row r="384833" spans="14:14">
      <c r="N384833" s="10"/>
    </row>
    <row r="384834" spans="14:14">
      <c r="N384834" s="10"/>
    </row>
    <row r="384835" spans="14:14">
      <c r="N384835" s="10"/>
    </row>
    <row r="384836" spans="14:14">
      <c r="N384836" s="10"/>
    </row>
    <row r="384837" spans="14:14">
      <c r="N384837" s="10"/>
    </row>
    <row r="384838" spans="14:14">
      <c r="N384838" s="10"/>
    </row>
    <row r="384839" spans="14:14">
      <c r="N384839" s="10"/>
    </row>
    <row r="384840" spans="14:14">
      <c r="N384840" s="10"/>
    </row>
    <row r="384841" spans="14:14">
      <c r="N384841" s="10"/>
    </row>
    <row r="384842" spans="14:14">
      <c r="N384842" s="10"/>
    </row>
    <row r="384843" spans="14:14">
      <c r="N384843" s="10"/>
    </row>
    <row r="384844" spans="14:14">
      <c r="N384844" s="10"/>
    </row>
    <row r="384845" spans="14:14">
      <c r="N384845" s="10"/>
    </row>
    <row r="384846" spans="14:14">
      <c r="N384846" s="10"/>
    </row>
    <row r="384847" spans="14:14">
      <c r="N384847" s="10"/>
    </row>
    <row r="384848" spans="14:14">
      <c r="N384848" s="10"/>
    </row>
    <row r="384849" spans="14:14">
      <c r="N384849" s="10"/>
    </row>
    <row r="384850" spans="14:14">
      <c r="N384850" s="10"/>
    </row>
    <row r="384851" spans="14:14">
      <c r="N384851" s="10"/>
    </row>
    <row r="384852" spans="14:14">
      <c r="N384852" s="10"/>
    </row>
    <row r="384853" spans="14:14">
      <c r="N384853" s="10"/>
    </row>
    <row r="384854" spans="14:14">
      <c r="N384854" s="10"/>
    </row>
    <row r="384855" spans="14:14">
      <c r="N384855" s="10"/>
    </row>
    <row r="384856" spans="14:14">
      <c r="N384856" s="10"/>
    </row>
    <row r="384857" spans="14:14">
      <c r="N384857" s="10"/>
    </row>
    <row r="384858" spans="14:14">
      <c r="N384858" s="10"/>
    </row>
    <row r="384859" spans="14:14">
      <c r="N384859" s="10"/>
    </row>
    <row r="384860" spans="14:14">
      <c r="N384860" s="10"/>
    </row>
    <row r="384861" spans="14:14">
      <c r="N384861" s="10"/>
    </row>
    <row r="384862" spans="14:14">
      <c r="N384862" s="10"/>
    </row>
    <row r="384863" spans="14:14">
      <c r="N384863" s="10"/>
    </row>
    <row r="384864" spans="14:14">
      <c r="N384864" s="10"/>
    </row>
    <row r="384865" spans="14:14">
      <c r="N384865" s="10"/>
    </row>
    <row r="384866" spans="14:14">
      <c r="N384866" s="10"/>
    </row>
    <row r="384867" spans="14:14">
      <c r="N384867" s="10"/>
    </row>
    <row r="384868" spans="14:14">
      <c r="N384868" s="10"/>
    </row>
    <row r="384869" spans="14:14">
      <c r="N384869" s="10"/>
    </row>
    <row r="384870" spans="14:14">
      <c r="N384870" s="10"/>
    </row>
    <row r="384871" spans="14:14">
      <c r="N384871" s="10"/>
    </row>
    <row r="384872" spans="14:14">
      <c r="N384872" s="10"/>
    </row>
    <row r="384873" spans="14:14">
      <c r="N384873" s="10"/>
    </row>
    <row r="384874" spans="14:14">
      <c r="N384874" s="10"/>
    </row>
    <row r="384875" spans="14:14">
      <c r="N384875" s="10"/>
    </row>
    <row r="384876" spans="14:14">
      <c r="N384876" s="10"/>
    </row>
    <row r="384877" spans="14:14">
      <c r="N384877" s="10"/>
    </row>
    <row r="384878" spans="14:14">
      <c r="N384878" s="10"/>
    </row>
    <row r="384879" spans="14:14">
      <c r="N384879" s="10"/>
    </row>
    <row r="384880" spans="14:14">
      <c r="N384880" s="10"/>
    </row>
    <row r="384881" spans="14:14">
      <c r="N384881" s="10"/>
    </row>
    <row r="384882" spans="14:14">
      <c r="N384882" s="10"/>
    </row>
    <row r="384883" spans="14:14">
      <c r="N384883" s="10"/>
    </row>
    <row r="384884" spans="14:14">
      <c r="N384884" s="10"/>
    </row>
    <row r="384885" spans="14:14">
      <c r="N384885" s="10"/>
    </row>
    <row r="384886" spans="14:14">
      <c r="N384886" s="10"/>
    </row>
    <row r="384887" spans="14:14">
      <c r="N384887" s="10"/>
    </row>
    <row r="384888" spans="14:14">
      <c r="N384888" s="10"/>
    </row>
    <row r="384889" spans="14:14">
      <c r="N384889" s="10"/>
    </row>
    <row r="384890" spans="14:14">
      <c r="N384890" s="10"/>
    </row>
    <row r="384891" spans="14:14">
      <c r="N384891" s="10"/>
    </row>
    <row r="384892" spans="14:14">
      <c r="N384892" s="10"/>
    </row>
    <row r="384893" spans="14:14">
      <c r="N384893" s="10"/>
    </row>
    <row r="384894" spans="14:14">
      <c r="N384894" s="10"/>
    </row>
    <row r="384895" spans="14:14">
      <c r="N384895" s="10"/>
    </row>
    <row r="384896" spans="14:14">
      <c r="N384896" s="10"/>
    </row>
    <row r="384897" spans="14:14">
      <c r="N384897" s="10"/>
    </row>
    <row r="384898" spans="14:14">
      <c r="N384898" s="10"/>
    </row>
    <row r="384899" spans="14:14">
      <c r="N384899" s="10"/>
    </row>
    <row r="384900" spans="14:14">
      <c r="N384900" s="10"/>
    </row>
    <row r="384901" spans="14:14">
      <c r="N384901" s="10"/>
    </row>
    <row r="384902" spans="14:14">
      <c r="N384902" s="10"/>
    </row>
    <row r="384903" spans="14:14">
      <c r="N384903" s="10"/>
    </row>
    <row r="384904" spans="14:14">
      <c r="N384904" s="10"/>
    </row>
    <row r="384905" spans="14:14">
      <c r="N384905" s="10"/>
    </row>
    <row r="384906" spans="14:14">
      <c r="N384906" s="10"/>
    </row>
    <row r="384907" spans="14:14">
      <c r="N384907" s="10"/>
    </row>
    <row r="384908" spans="14:14">
      <c r="N384908" s="10"/>
    </row>
    <row r="384909" spans="14:14">
      <c r="N384909" s="10"/>
    </row>
    <row r="384910" spans="14:14">
      <c r="N384910" s="10"/>
    </row>
    <row r="384911" spans="14:14">
      <c r="N384911" s="10"/>
    </row>
    <row r="384912" spans="14:14">
      <c r="N384912" s="10"/>
    </row>
    <row r="384913" spans="14:14">
      <c r="N384913" s="10"/>
    </row>
    <row r="384914" spans="14:14">
      <c r="N384914" s="10"/>
    </row>
    <row r="384915" spans="14:14">
      <c r="N384915" s="10"/>
    </row>
    <row r="384916" spans="14:14">
      <c r="N384916" s="10"/>
    </row>
    <row r="384917" spans="14:14">
      <c r="N384917" s="10"/>
    </row>
    <row r="384918" spans="14:14">
      <c r="N384918" s="10"/>
    </row>
    <row r="384919" spans="14:14">
      <c r="N384919" s="10"/>
    </row>
    <row r="384920" spans="14:14">
      <c r="N384920" s="10"/>
    </row>
    <row r="384921" spans="14:14">
      <c r="N384921" s="10"/>
    </row>
    <row r="384922" spans="14:14">
      <c r="N384922" s="10"/>
    </row>
    <row r="384923" spans="14:14">
      <c r="N384923" s="10"/>
    </row>
    <row r="384924" spans="14:14">
      <c r="N384924" s="10"/>
    </row>
    <row r="384925" spans="14:14">
      <c r="N384925" s="10"/>
    </row>
    <row r="384926" spans="14:14">
      <c r="N384926" s="10"/>
    </row>
    <row r="384927" spans="14:14">
      <c r="N384927" s="10"/>
    </row>
    <row r="384928" spans="14:14">
      <c r="N384928" s="10"/>
    </row>
    <row r="384929" spans="14:14">
      <c r="N384929" s="10"/>
    </row>
    <row r="384930" spans="14:14">
      <c r="N384930" s="10"/>
    </row>
    <row r="384931" spans="14:14">
      <c r="N384931" s="10"/>
    </row>
    <row r="384932" spans="14:14">
      <c r="N384932" s="10"/>
    </row>
    <row r="384933" spans="14:14">
      <c r="N384933" s="10"/>
    </row>
    <row r="384934" spans="14:14">
      <c r="N384934" s="10"/>
    </row>
    <row r="384935" spans="14:14">
      <c r="N384935" s="10"/>
    </row>
    <row r="384936" spans="14:14">
      <c r="N384936" s="10"/>
    </row>
    <row r="384937" spans="14:14">
      <c r="N384937" s="10"/>
    </row>
    <row r="384938" spans="14:14">
      <c r="N384938" s="10"/>
    </row>
    <row r="384939" spans="14:14">
      <c r="N384939" s="10"/>
    </row>
    <row r="384940" spans="14:14">
      <c r="N384940" s="10"/>
    </row>
    <row r="384941" spans="14:14">
      <c r="N384941" s="10"/>
    </row>
    <row r="384942" spans="14:14">
      <c r="N384942" s="10"/>
    </row>
    <row r="384943" spans="14:14">
      <c r="N384943" s="10"/>
    </row>
    <row r="384944" spans="14:14">
      <c r="N384944" s="10"/>
    </row>
    <row r="384945" spans="14:14">
      <c r="N384945" s="10"/>
    </row>
    <row r="384946" spans="14:14">
      <c r="N384946" s="10"/>
    </row>
    <row r="384947" spans="14:14">
      <c r="N384947" s="10"/>
    </row>
    <row r="384948" spans="14:14">
      <c r="N384948" s="10"/>
    </row>
    <row r="384949" spans="14:14">
      <c r="N384949" s="10"/>
    </row>
    <row r="384950" spans="14:14">
      <c r="N384950" s="10"/>
    </row>
    <row r="384951" spans="14:14">
      <c r="N384951" s="10"/>
    </row>
    <row r="384952" spans="14:14">
      <c r="N384952" s="10"/>
    </row>
    <row r="384953" spans="14:14">
      <c r="N384953" s="10"/>
    </row>
    <row r="384954" spans="14:14">
      <c r="N384954" s="10"/>
    </row>
    <row r="384955" spans="14:14">
      <c r="N384955" s="10"/>
    </row>
    <row r="384956" spans="14:14">
      <c r="N384956" s="10"/>
    </row>
    <row r="384957" spans="14:14">
      <c r="N384957" s="10"/>
    </row>
    <row r="384958" spans="14:14">
      <c r="N384958" s="10"/>
    </row>
    <row r="384959" spans="14:14">
      <c r="N384959" s="10"/>
    </row>
    <row r="384960" spans="14:14">
      <c r="N384960" s="10"/>
    </row>
    <row r="384961" spans="14:14">
      <c r="N384961" s="10"/>
    </row>
    <row r="384962" spans="14:14">
      <c r="N384962" s="10"/>
    </row>
    <row r="384963" spans="14:14">
      <c r="N384963" s="10"/>
    </row>
    <row r="384964" spans="14:14">
      <c r="N384964" s="10"/>
    </row>
    <row r="384965" spans="14:14">
      <c r="N384965" s="10"/>
    </row>
    <row r="384966" spans="14:14">
      <c r="N384966" s="10"/>
    </row>
    <row r="384967" spans="14:14">
      <c r="N384967" s="10"/>
    </row>
    <row r="384968" spans="14:14">
      <c r="N384968" s="10"/>
    </row>
    <row r="384969" spans="14:14">
      <c r="N384969" s="10"/>
    </row>
    <row r="384970" spans="14:14">
      <c r="N384970" s="10"/>
    </row>
    <row r="384971" spans="14:14">
      <c r="N384971" s="10"/>
    </row>
    <row r="384972" spans="14:14">
      <c r="N384972" s="10"/>
    </row>
    <row r="384973" spans="14:14">
      <c r="N384973" s="10"/>
    </row>
    <row r="384974" spans="14:14">
      <c r="N384974" s="10"/>
    </row>
    <row r="384975" spans="14:14">
      <c r="N384975" s="10"/>
    </row>
    <row r="384976" spans="14:14">
      <c r="N384976" s="10"/>
    </row>
    <row r="384977" spans="14:14">
      <c r="N384977" s="10"/>
    </row>
    <row r="384978" spans="14:14">
      <c r="N384978" s="10"/>
    </row>
    <row r="384979" spans="14:14">
      <c r="N384979" s="10"/>
    </row>
    <row r="384980" spans="14:14">
      <c r="N384980" s="10"/>
    </row>
    <row r="384981" spans="14:14">
      <c r="N384981" s="10"/>
    </row>
    <row r="384982" spans="14:14">
      <c r="N384982" s="10"/>
    </row>
    <row r="384983" spans="14:14">
      <c r="N384983" s="10"/>
    </row>
    <row r="384984" spans="14:14">
      <c r="N384984" s="10"/>
    </row>
    <row r="384985" spans="14:14">
      <c r="N384985" s="10"/>
    </row>
    <row r="384986" spans="14:14">
      <c r="N384986" s="10"/>
    </row>
    <row r="384987" spans="14:14">
      <c r="N384987" s="10"/>
    </row>
    <row r="384988" spans="14:14">
      <c r="N384988" s="10"/>
    </row>
    <row r="384989" spans="14:14">
      <c r="N384989" s="10"/>
    </row>
    <row r="384990" spans="14:14">
      <c r="N384990" s="10"/>
    </row>
    <row r="384991" spans="14:14">
      <c r="N384991" s="10"/>
    </row>
    <row r="384992" spans="14:14">
      <c r="N384992" s="10"/>
    </row>
    <row r="384993" spans="14:14">
      <c r="N384993" s="10"/>
    </row>
    <row r="384994" spans="14:14">
      <c r="N384994" s="10"/>
    </row>
    <row r="384995" spans="14:14">
      <c r="N384995" s="10"/>
    </row>
    <row r="384996" spans="14:14">
      <c r="N384996" s="10"/>
    </row>
    <row r="384997" spans="14:14">
      <c r="N384997" s="10"/>
    </row>
    <row r="384998" spans="14:14">
      <c r="N384998" s="10"/>
    </row>
    <row r="384999" spans="14:14">
      <c r="N384999" s="10"/>
    </row>
    <row r="385000" spans="14:14">
      <c r="N385000" s="10"/>
    </row>
    <row r="385001" spans="14:14">
      <c r="N385001" s="10"/>
    </row>
    <row r="385002" spans="14:14">
      <c r="N385002" s="10"/>
    </row>
    <row r="385003" spans="14:14">
      <c r="N385003" s="10"/>
    </row>
    <row r="385004" spans="14:14">
      <c r="N385004" s="10"/>
    </row>
    <row r="385005" spans="14:14">
      <c r="N385005" s="10"/>
    </row>
    <row r="385006" spans="14:14">
      <c r="N385006" s="10"/>
    </row>
    <row r="385007" spans="14:14">
      <c r="N385007" s="10"/>
    </row>
    <row r="385008" spans="14:14">
      <c r="N385008" s="10"/>
    </row>
    <row r="385009" spans="14:14">
      <c r="N385009" s="10"/>
    </row>
    <row r="385010" spans="14:14">
      <c r="N385010" s="10"/>
    </row>
    <row r="385011" spans="14:14">
      <c r="N385011" s="10"/>
    </row>
    <row r="385012" spans="14:14">
      <c r="N385012" s="10"/>
    </row>
    <row r="385013" spans="14:14">
      <c r="N385013" s="10"/>
    </row>
    <row r="385014" spans="14:14">
      <c r="N385014" s="10"/>
    </row>
    <row r="385015" spans="14:14">
      <c r="N385015" s="10"/>
    </row>
    <row r="385016" spans="14:14">
      <c r="N385016" s="10"/>
    </row>
    <row r="385017" spans="14:14">
      <c r="N385017" s="10"/>
    </row>
    <row r="385018" spans="14:14">
      <c r="N385018" s="10"/>
    </row>
    <row r="385019" spans="14:14">
      <c r="N385019" s="10"/>
    </row>
    <row r="385020" spans="14:14">
      <c r="N385020" s="10"/>
    </row>
    <row r="385021" spans="14:14">
      <c r="N385021" s="10"/>
    </row>
    <row r="385022" spans="14:14">
      <c r="N385022" s="10"/>
    </row>
    <row r="385023" spans="14:14">
      <c r="N385023" s="10"/>
    </row>
    <row r="385024" spans="14:14">
      <c r="N385024" s="10"/>
    </row>
    <row r="385025" spans="14:14">
      <c r="N385025" s="10"/>
    </row>
    <row r="385026" spans="14:14">
      <c r="N385026" s="10"/>
    </row>
    <row r="385027" spans="14:14">
      <c r="N385027" s="10"/>
    </row>
    <row r="385028" spans="14:14">
      <c r="N385028" s="10"/>
    </row>
    <row r="385029" spans="14:14">
      <c r="N385029" s="10"/>
    </row>
    <row r="385030" spans="14:14">
      <c r="N385030" s="10"/>
    </row>
    <row r="385031" spans="14:14">
      <c r="N385031" s="10"/>
    </row>
    <row r="385032" spans="14:14">
      <c r="N385032" s="10"/>
    </row>
    <row r="385033" spans="14:14">
      <c r="N385033" s="10"/>
    </row>
    <row r="385034" spans="14:14">
      <c r="N385034" s="10"/>
    </row>
    <row r="385035" spans="14:14">
      <c r="N385035" s="10"/>
    </row>
    <row r="385036" spans="14:14">
      <c r="N385036" s="10"/>
    </row>
    <row r="385037" spans="14:14">
      <c r="N385037" s="10"/>
    </row>
    <row r="385038" spans="14:14">
      <c r="N385038" s="10"/>
    </row>
    <row r="385039" spans="14:14">
      <c r="N385039" s="10"/>
    </row>
    <row r="385040" spans="14:14">
      <c r="N385040" s="10"/>
    </row>
    <row r="385041" spans="14:14">
      <c r="N385041" s="10"/>
    </row>
    <row r="385042" spans="14:14">
      <c r="N385042" s="10"/>
    </row>
    <row r="385043" spans="14:14">
      <c r="N385043" s="10"/>
    </row>
    <row r="385044" spans="14:14">
      <c r="N385044" s="10"/>
    </row>
    <row r="385045" spans="14:14">
      <c r="N385045" s="10"/>
    </row>
    <row r="385046" spans="14:14">
      <c r="N385046" s="10"/>
    </row>
    <row r="385047" spans="14:14">
      <c r="N385047" s="10"/>
    </row>
    <row r="385048" spans="14:14">
      <c r="N385048" s="10"/>
    </row>
    <row r="385049" spans="14:14">
      <c r="N385049" s="10"/>
    </row>
    <row r="385050" spans="14:14">
      <c r="N385050" s="10"/>
    </row>
    <row r="385051" spans="14:14">
      <c r="N385051" s="10"/>
    </row>
    <row r="385052" spans="14:14">
      <c r="N385052" s="10"/>
    </row>
    <row r="385053" spans="14:14">
      <c r="N385053" s="10"/>
    </row>
    <row r="385054" spans="14:14">
      <c r="N385054" s="10"/>
    </row>
    <row r="385055" spans="14:14">
      <c r="N385055" s="10"/>
    </row>
    <row r="385056" spans="14:14">
      <c r="N385056" s="10"/>
    </row>
    <row r="385057" spans="14:14">
      <c r="N385057" s="10"/>
    </row>
    <row r="385058" spans="14:14">
      <c r="N385058" s="10"/>
    </row>
    <row r="385059" spans="14:14">
      <c r="N385059" s="10"/>
    </row>
    <row r="385060" spans="14:14">
      <c r="N385060" s="10"/>
    </row>
    <row r="385061" spans="14:14">
      <c r="N385061" s="10"/>
    </row>
    <row r="385062" spans="14:14">
      <c r="N385062" s="10"/>
    </row>
    <row r="385063" spans="14:14">
      <c r="N385063" s="10"/>
    </row>
    <row r="385064" spans="14:14">
      <c r="N385064" s="10"/>
    </row>
    <row r="385065" spans="14:14">
      <c r="N385065" s="10"/>
    </row>
    <row r="385066" spans="14:14">
      <c r="N385066" s="10"/>
    </row>
    <row r="385067" spans="14:14">
      <c r="N385067" s="10"/>
    </row>
    <row r="385068" spans="14:14">
      <c r="N385068" s="10"/>
    </row>
    <row r="385069" spans="14:14">
      <c r="N385069" s="10"/>
    </row>
    <row r="385070" spans="14:14">
      <c r="N385070" s="10"/>
    </row>
    <row r="385071" spans="14:14">
      <c r="N385071" s="10"/>
    </row>
    <row r="385072" spans="14:14">
      <c r="N385072" s="10"/>
    </row>
    <row r="385073" spans="14:14">
      <c r="N385073" s="10"/>
    </row>
    <row r="385074" spans="14:14">
      <c r="N385074" s="10"/>
    </row>
    <row r="385075" spans="14:14">
      <c r="N385075" s="10"/>
    </row>
    <row r="385076" spans="14:14">
      <c r="N385076" s="10"/>
    </row>
    <row r="385077" spans="14:14">
      <c r="N385077" s="10"/>
    </row>
    <row r="385078" spans="14:14">
      <c r="N385078" s="10"/>
    </row>
    <row r="385079" spans="14:14">
      <c r="N385079" s="10"/>
    </row>
    <row r="385080" spans="14:14">
      <c r="N385080" s="10"/>
    </row>
    <row r="385081" spans="14:14">
      <c r="N385081" s="10"/>
    </row>
    <row r="385082" spans="14:14">
      <c r="N385082" s="10"/>
    </row>
    <row r="385083" spans="14:14">
      <c r="N385083" s="10"/>
    </row>
    <row r="385084" spans="14:14">
      <c r="N385084" s="10"/>
    </row>
    <row r="385085" spans="14:14">
      <c r="N385085" s="10"/>
    </row>
    <row r="385086" spans="14:14">
      <c r="N385086" s="10"/>
    </row>
    <row r="385087" spans="14:14">
      <c r="N385087" s="10"/>
    </row>
    <row r="385088" spans="14:14">
      <c r="N385088" s="10"/>
    </row>
    <row r="385089" spans="14:14">
      <c r="N385089" s="10"/>
    </row>
    <row r="385090" spans="14:14">
      <c r="N385090" s="10"/>
    </row>
    <row r="385091" spans="14:14">
      <c r="N385091" s="10"/>
    </row>
    <row r="385092" spans="14:14">
      <c r="N385092" s="10"/>
    </row>
    <row r="385093" spans="14:14">
      <c r="N385093" s="10"/>
    </row>
    <row r="385094" spans="14:14">
      <c r="N385094" s="10"/>
    </row>
    <row r="385095" spans="14:14">
      <c r="N385095" s="10"/>
    </row>
    <row r="385096" spans="14:14">
      <c r="N385096" s="10"/>
    </row>
    <row r="385097" spans="14:14">
      <c r="N385097" s="10"/>
    </row>
    <row r="385098" spans="14:14">
      <c r="N385098" s="10"/>
    </row>
    <row r="385099" spans="14:14">
      <c r="N385099" s="10"/>
    </row>
    <row r="385100" spans="14:14">
      <c r="N385100" s="10"/>
    </row>
    <row r="385101" spans="14:14">
      <c r="N385101" s="10"/>
    </row>
    <row r="385102" spans="14:14">
      <c r="N385102" s="10"/>
    </row>
    <row r="385103" spans="14:14">
      <c r="N385103" s="10"/>
    </row>
    <row r="385104" spans="14:14">
      <c r="N385104" s="10"/>
    </row>
    <row r="385105" spans="14:14">
      <c r="N385105" s="10"/>
    </row>
    <row r="385106" spans="14:14">
      <c r="N385106" s="10"/>
    </row>
    <row r="385107" spans="14:14">
      <c r="N385107" s="10"/>
    </row>
    <row r="385108" spans="14:14">
      <c r="N385108" s="10"/>
    </row>
    <row r="385109" spans="14:14">
      <c r="N385109" s="10"/>
    </row>
    <row r="385110" spans="14:14">
      <c r="N385110" s="10"/>
    </row>
    <row r="385111" spans="14:14">
      <c r="N385111" s="10"/>
    </row>
    <row r="385112" spans="14:14">
      <c r="N385112" s="10"/>
    </row>
    <row r="385113" spans="14:14">
      <c r="N385113" s="10"/>
    </row>
    <row r="385114" spans="14:14">
      <c r="N385114" s="10"/>
    </row>
    <row r="385115" spans="14:14">
      <c r="N385115" s="10"/>
    </row>
    <row r="385116" spans="14:14">
      <c r="N385116" s="10"/>
    </row>
    <row r="385117" spans="14:14">
      <c r="N385117" s="10"/>
    </row>
    <row r="385118" spans="14:14">
      <c r="N385118" s="10"/>
    </row>
    <row r="385119" spans="14:14">
      <c r="N385119" s="10"/>
    </row>
    <row r="385120" spans="14:14">
      <c r="N385120" s="10"/>
    </row>
    <row r="385121" spans="14:14">
      <c r="N385121" s="10"/>
    </row>
    <row r="385122" spans="14:14">
      <c r="N385122" s="10"/>
    </row>
    <row r="385123" spans="14:14">
      <c r="N385123" s="10"/>
    </row>
    <row r="385124" spans="14:14">
      <c r="N385124" s="10"/>
    </row>
    <row r="385125" spans="14:14">
      <c r="N385125" s="10"/>
    </row>
    <row r="385126" spans="14:14">
      <c r="N385126" s="10"/>
    </row>
    <row r="385127" spans="14:14">
      <c r="N385127" s="10"/>
    </row>
    <row r="385128" spans="14:14">
      <c r="N385128" s="10"/>
    </row>
    <row r="385129" spans="14:14">
      <c r="N385129" s="10"/>
    </row>
    <row r="385130" spans="14:14">
      <c r="N385130" s="10"/>
    </row>
    <row r="385131" spans="14:14">
      <c r="N385131" s="10"/>
    </row>
    <row r="385132" spans="14:14">
      <c r="N385132" s="10"/>
    </row>
    <row r="385133" spans="14:14">
      <c r="N385133" s="10"/>
    </row>
    <row r="385134" spans="14:14">
      <c r="N385134" s="10"/>
    </row>
    <row r="385135" spans="14:14">
      <c r="N385135" s="10"/>
    </row>
    <row r="385136" spans="14:14">
      <c r="N385136" s="10"/>
    </row>
    <row r="385137" spans="14:14">
      <c r="N385137" s="10"/>
    </row>
    <row r="385138" spans="14:14">
      <c r="N385138" s="10"/>
    </row>
    <row r="385139" spans="14:14">
      <c r="N385139" s="10"/>
    </row>
    <row r="385140" spans="14:14">
      <c r="N385140" s="10"/>
    </row>
    <row r="385141" spans="14:14">
      <c r="N385141" s="10"/>
    </row>
    <row r="385142" spans="14:14">
      <c r="N385142" s="10"/>
    </row>
    <row r="385143" spans="14:14">
      <c r="N385143" s="10"/>
    </row>
    <row r="385144" spans="14:14">
      <c r="N385144" s="10"/>
    </row>
    <row r="385145" spans="14:14">
      <c r="N385145" s="10"/>
    </row>
    <row r="385146" spans="14:14">
      <c r="N385146" s="10"/>
    </row>
    <row r="385147" spans="14:14">
      <c r="N385147" s="10"/>
    </row>
    <row r="385148" spans="14:14">
      <c r="N385148" s="10"/>
    </row>
    <row r="385149" spans="14:14">
      <c r="N385149" s="10"/>
    </row>
    <row r="385150" spans="14:14">
      <c r="N385150" s="10"/>
    </row>
    <row r="385151" spans="14:14">
      <c r="N385151" s="10"/>
    </row>
    <row r="385152" spans="14:14">
      <c r="N385152" s="10"/>
    </row>
    <row r="385153" spans="14:14">
      <c r="N385153" s="10"/>
    </row>
    <row r="385154" spans="14:14">
      <c r="N385154" s="10"/>
    </row>
    <row r="385155" spans="14:14">
      <c r="N385155" s="10"/>
    </row>
    <row r="385156" spans="14:14">
      <c r="N385156" s="10"/>
    </row>
    <row r="385157" spans="14:14">
      <c r="N385157" s="10"/>
    </row>
    <row r="385158" spans="14:14">
      <c r="N385158" s="10"/>
    </row>
    <row r="385159" spans="14:14">
      <c r="N385159" s="10"/>
    </row>
    <row r="385160" spans="14:14">
      <c r="N385160" s="10"/>
    </row>
    <row r="385161" spans="14:14">
      <c r="N385161" s="10"/>
    </row>
    <row r="385162" spans="14:14">
      <c r="N385162" s="10"/>
    </row>
    <row r="385163" spans="14:14">
      <c r="N385163" s="10"/>
    </row>
    <row r="385164" spans="14:14">
      <c r="N385164" s="10"/>
    </row>
    <row r="385165" spans="14:14">
      <c r="N385165" s="10"/>
    </row>
    <row r="385166" spans="14:14">
      <c r="N385166" s="10"/>
    </row>
    <row r="385167" spans="14:14">
      <c r="N385167" s="10"/>
    </row>
    <row r="385168" spans="14:14">
      <c r="N385168" s="10"/>
    </row>
    <row r="385169" spans="14:14">
      <c r="N385169" s="10"/>
    </row>
    <row r="385170" spans="14:14">
      <c r="N385170" s="10"/>
    </row>
    <row r="385171" spans="14:14">
      <c r="N385171" s="10"/>
    </row>
    <row r="385172" spans="14:14">
      <c r="N385172" s="10"/>
    </row>
    <row r="385173" spans="14:14">
      <c r="N385173" s="10"/>
    </row>
    <row r="385174" spans="14:14">
      <c r="N385174" s="10"/>
    </row>
    <row r="385175" spans="14:14">
      <c r="N385175" s="10"/>
    </row>
    <row r="385176" spans="14:14">
      <c r="N385176" s="10"/>
    </row>
    <row r="385177" spans="14:14">
      <c r="N385177" s="10"/>
    </row>
    <row r="385178" spans="14:14">
      <c r="N385178" s="10"/>
    </row>
    <row r="385179" spans="14:14">
      <c r="N385179" s="10"/>
    </row>
    <row r="385180" spans="14:14">
      <c r="N385180" s="10"/>
    </row>
    <row r="385181" spans="14:14">
      <c r="N385181" s="10"/>
    </row>
    <row r="385182" spans="14:14">
      <c r="N385182" s="10"/>
    </row>
    <row r="385183" spans="14:14">
      <c r="N385183" s="10"/>
    </row>
    <row r="385184" spans="14:14">
      <c r="N385184" s="10"/>
    </row>
    <row r="385185" spans="14:14">
      <c r="N385185" s="10"/>
    </row>
    <row r="385186" spans="14:14">
      <c r="N385186" s="10"/>
    </row>
    <row r="385187" spans="14:14">
      <c r="N385187" s="10"/>
    </row>
    <row r="385188" spans="14:14">
      <c r="N385188" s="10"/>
    </row>
    <row r="385189" spans="14:14">
      <c r="N385189" s="10"/>
    </row>
    <row r="385190" spans="14:14">
      <c r="N385190" s="10"/>
    </row>
    <row r="385191" spans="14:14">
      <c r="N385191" s="10"/>
    </row>
    <row r="385192" spans="14:14">
      <c r="N385192" s="10"/>
    </row>
    <row r="385193" spans="14:14">
      <c r="N385193" s="10"/>
    </row>
    <row r="385194" spans="14:14">
      <c r="N385194" s="10"/>
    </row>
    <row r="385195" spans="14:14">
      <c r="N385195" s="10"/>
    </row>
    <row r="385196" spans="14:14">
      <c r="N385196" s="10"/>
    </row>
    <row r="385197" spans="14:14">
      <c r="N385197" s="10"/>
    </row>
    <row r="385198" spans="14:14">
      <c r="N385198" s="10"/>
    </row>
    <row r="385199" spans="14:14">
      <c r="N385199" s="10"/>
    </row>
    <row r="385200" spans="14:14">
      <c r="N385200" s="10"/>
    </row>
    <row r="385201" spans="14:14">
      <c r="N385201" s="10"/>
    </row>
    <row r="385202" spans="14:14">
      <c r="N385202" s="10"/>
    </row>
    <row r="385203" spans="14:14">
      <c r="N385203" s="10"/>
    </row>
    <row r="385204" spans="14:14">
      <c r="N385204" s="10"/>
    </row>
    <row r="385205" spans="14:14">
      <c r="N385205" s="10"/>
    </row>
    <row r="385206" spans="14:14">
      <c r="N385206" s="10"/>
    </row>
    <row r="385207" spans="14:14">
      <c r="N385207" s="10"/>
    </row>
    <row r="385208" spans="14:14">
      <c r="N385208" s="10"/>
    </row>
    <row r="385209" spans="14:14">
      <c r="N385209" s="10"/>
    </row>
    <row r="385210" spans="14:14">
      <c r="N385210" s="10"/>
    </row>
    <row r="385211" spans="14:14">
      <c r="N385211" s="10"/>
    </row>
    <row r="385212" spans="14:14">
      <c r="N385212" s="10"/>
    </row>
    <row r="385213" spans="14:14">
      <c r="N385213" s="10"/>
    </row>
    <row r="385214" spans="14:14">
      <c r="N385214" s="10"/>
    </row>
    <row r="385215" spans="14:14">
      <c r="N385215" s="10"/>
    </row>
    <row r="385216" spans="14:14">
      <c r="N385216" s="10"/>
    </row>
    <row r="385217" spans="14:14">
      <c r="N385217" s="10"/>
    </row>
    <row r="385218" spans="14:14">
      <c r="N385218" s="10"/>
    </row>
    <row r="385219" spans="14:14">
      <c r="N385219" s="10"/>
    </row>
    <row r="385220" spans="14:14">
      <c r="N385220" s="10"/>
    </row>
    <row r="385221" spans="14:14">
      <c r="N385221" s="10"/>
    </row>
    <row r="385222" spans="14:14">
      <c r="N385222" s="10"/>
    </row>
    <row r="385223" spans="14:14">
      <c r="N385223" s="10"/>
    </row>
    <row r="385224" spans="14:14">
      <c r="N385224" s="10"/>
    </row>
    <row r="385225" spans="14:14">
      <c r="N385225" s="10"/>
    </row>
    <row r="385226" spans="14:14">
      <c r="N385226" s="10"/>
    </row>
    <row r="385227" spans="14:14">
      <c r="N385227" s="10"/>
    </row>
    <row r="385228" spans="14:14">
      <c r="N385228" s="10"/>
    </row>
    <row r="385229" spans="14:14">
      <c r="N385229" s="10"/>
    </row>
    <row r="385230" spans="14:14">
      <c r="N385230" s="10"/>
    </row>
    <row r="385231" spans="14:14">
      <c r="N385231" s="10"/>
    </row>
    <row r="385232" spans="14:14">
      <c r="N385232" s="10"/>
    </row>
    <row r="385233" spans="14:14">
      <c r="N385233" s="10"/>
    </row>
    <row r="385234" spans="14:14">
      <c r="N385234" s="10"/>
    </row>
    <row r="385235" spans="14:14">
      <c r="N385235" s="10"/>
    </row>
    <row r="385236" spans="14:14">
      <c r="N385236" s="10"/>
    </row>
    <row r="385237" spans="14:14">
      <c r="N385237" s="10"/>
    </row>
    <row r="385238" spans="14:14">
      <c r="N385238" s="10"/>
    </row>
    <row r="385239" spans="14:14">
      <c r="N385239" s="10"/>
    </row>
    <row r="385240" spans="14:14">
      <c r="N385240" s="10"/>
    </row>
    <row r="385241" spans="14:14">
      <c r="N385241" s="10"/>
    </row>
    <row r="385242" spans="14:14">
      <c r="N385242" s="10"/>
    </row>
    <row r="385243" spans="14:14">
      <c r="N385243" s="10"/>
    </row>
    <row r="385244" spans="14:14">
      <c r="N385244" s="10"/>
    </row>
    <row r="385245" spans="14:14">
      <c r="N385245" s="10"/>
    </row>
    <row r="385246" spans="14:14">
      <c r="N385246" s="10"/>
    </row>
    <row r="385247" spans="14:14">
      <c r="N385247" s="10"/>
    </row>
    <row r="385248" spans="14:14">
      <c r="N385248" s="10"/>
    </row>
    <row r="385249" spans="14:14">
      <c r="N385249" s="10"/>
    </row>
    <row r="385250" spans="14:14">
      <c r="N385250" s="10"/>
    </row>
    <row r="385251" spans="14:14">
      <c r="N385251" s="10"/>
    </row>
    <row r="385252" spans="14:14">
      <c r="N385252" s="10"/>
    </row>
    <row r="385253" spans="14:14">
      <c r="N385253" s="10"/>
    </row>
    <row r="385254" spans="14:14">
      <c r="N385254" s="10"/>
    </row>
    <row r="385255" spans="14:14">
      <c r="N385255" s="10"/>
    </row>
    <row r="385256" spans="14:14">
      <c r="N385256" s="10"/>
    </row>
    <row r="385257" spans="14:14">
      <c r="N385257" s="10"/>
    </row>
    <row r="385258" spans="14:14">
      <c r="N385258" s="10"/>
    </row>
    <row r="385259" spans="14:14">
      <c r="N385259" s="10"/>
    </row>
    <row r="385260" spans="14:14">
      <c r="N385260" s="10"/>
    </row>
    <row r="385261" spans="14:14">
      <c r="N385261" s="10"/>
    </row>
    <row r="385262" spans="14:14">
      <c r="N385262" s="10"/>
    </row>
    <row r="385263" spans="14:14">
      <c r="N385263" s="10"/>
    </row>
    <row r="385264" spans="14:14">
      <c r="N385264" s="10"/>
    </row>
    <row r="385265" spans="14:14">
      <c r="N385265" s="10"/>
    </row>
    <row r="385266" spans="14:14">
      <c r="N385266" s="10"/>
    </row>
    <row r="385267" spans="14:14">
      <c r="N385267" s="10"/>
    </row>
    <row r="385268" spans="14:14">
      <c r="N385268" s="10"/>
    </row>
    <row r="385269" spans="14:14">
      <c r="N385269" s="10"/>
    </row>
    <row r="385270" spans="14:14">
      <c r="N385270" s="10"/>
    </row>
    <row r="385271" spans="14:14">
      <c r="N385271" s="10"/>
    </row>
    <row r="385272" spans="14:14">
      <c r="N385272" s="10"/>
    </row>
    <row r="385273" spans="14:14">
      <c r="N385273" s="10"/>
    </row>
    <row r="385274" spans="14:14">
      <c r="N385274" s="10"/>
    </row>
    <row r="385275" spans="14:14">
      <c r="N385275" s="10"/>
    </row>
    <row r="385276" spans="14:14">
      <c r="N385276" s="10"/>
    </row>
    <row r="385277" spans="14:14">
      <c r="N385277" s="10"/>
    </row>
    <row r="385278" spans="14:14">
      <c r="N385278" s="10"/>
    </row>
    <row r="385279" spans="14:14">
      <c r="N385279" s="10"/>
    </row>
    <row r="385280" spans="14:14">
      <c r="N385280" s="10"/>
    </row>
    <row r="385281" spans="14:14">
      <c r="N385281" s="10"/>
    </row>
    <row r="385282" spans="14:14">
      <c r="N385282" s="10"/>
    </row>
    <row r="385283" spans="14:14">
      <c r="N385283" s="10"/>
    </row>
    <row r="385284" spans="14:14">
      <c r="N385284" s="10"/>
    </row>
    <row r="385285" spans="14:14">
      <c r="N385285" s="10"/>
    </row>
    <row r="385286" spans="14:14">
      <c r="N385286" s="10"/>
    </row>
    <row r="385287" spans="14:14">
      <c r="N385287" s="10"/>
    </row>
    <row r="385288" spans="14:14">
      <c r="N385288" s="10"/>
    </row>
    <row r="385289" spans="14:14">
      <c r="N385289" s="10"/>
    </row>
    <row r="385290" spans="14:14">
      <c r="N385290" s="10"/>
    </row>
    <row r="385291" spans="14:14">
      <c r="N385291" s="10"/>
    </row>
    <row r="385292" spans="14:14">
      <c r="N385292" s="10"/>
    </row>
    <row r="385293" spans="14:14">
      <c r="N385293" s="10"/>
    </row>
    <row r="385294" spans="14:14">
      <c r="N385294" s="10"/>
    </row>
    <row r="385295" spans="14:14">
      <c r="N385295" s="10"/>
    </row>
    <row r="385296" spans="14:14">
      <c r="N385296" s="10"/>
    </row>
    <row r="385297" spans="14:14">
      <c r="N385297" s="10"/>
    </row>
    <row r="385298" spans="14:14">
      <c r="N385298" s="10"/>
    </row>
    <row r="385299" spans="14:14">
      <c r="N385299" s="10"/>
    </row>
    <row r="385300" spans="14:14">
      <c r="N385300" s="10"/>
    </row>
    <row r="385301" spans="14:14">
      <c r="N385301" s="10"/>
    </row>
    <row r="385302" spans="14:14">
      <c r="N385302" s="10"/>
    </row>
    <row r="385303" spans="14:14">
      <c r="N385303" s="10"/>
    </row>
    <row r="385304" spans="14:14">
      <c r="N385304" s="10"/>
    </row>
    <row r="385305" spans="14:14">
      <c r="N385305" s="10"/>
    </row>
    <row r="385306" spans="14:14">
      <c r="N385306" s="10"/>
    </row>
    <row r="385307" spans="14:14">
      <c r="N385307" s="10"/>
    </row>
    <row r="385308" spans="14:14">
      <c r="N385308" s="10"/>
    </row>
    <row r="385309" spans="14:14">
      <c r="N385309" s="10"/>
    </row>
    <row r="385310" spans="14:14">
      <c r="N385310" s="10"/>
    </row>
    <row r="385311" spans="14:14">
      <c r="N385311" s="10"/>
    </row>
    <row r="385312" spans="14:14">
      <c r="N385312" s="10"/>
    </row>
    <row r="385313" spans="14:14">
      <c r="N385313" s="10"/>
    </row>
    <row r="385314" spans="14:14">
      <c r="N385314" s="10"/>
    </row>
    <row r="385315" spans="14:14">
      <c r="N385315" s="10"/>
    </row>
    <row r="385316" spans="14:14">
      <c r="N385316" s="10"/>
    </row>
    <row r="385317" spans="14:14">
      <c r="N385317" s="10"/>
    </row>
    <row r="385318" spans="14:14">
      <c r="N385318" s="10"/>
    </row>
    <row r="385319" spans="14:14">
      <c r="N385319" s="10"/>
    </row>
    <row r="385320" spans="14:14">
      <c r="N385320" s="10"/>
    </row>
    <row r="385321" spans="14:14">
      <c r="N385321" s="10"/>
    </row>
    <row r="385322" spans="14:14">
      <c r="N385322" s="10"/>
    </row>
    <row r="385323" spans="14:14">
      <c r="N385323" s="10"/>
    </row>
    <row r="385324" spans="14:14">
      <c r="N385324" s="10"/>
    </row>
    <row r="385325" spans="14:14">
      <c r="N385325" s="10"/>
    </row>
    <row r="385326" spans="14:14">
      <c r="N385326" s="10"/>
    </row>
    <row r="385327" spans="14:14">
      <c r="N385327" s="10"/>
    </row>
    <row r="385328" spans="14:14">
      <c r="N385328" s="10"/>
    </row>
    <row r="385329" spans="14:14">
      <c r="N385329" s="10"/>
    </row>
    <row r="385330" spans="14:14">
      <c r="N385330" s="10"/>
    </row>
    <row r="385331" spans="14:14">
      <c r="N385331" s="10"/>
    </row>
    <row r="385332" spans="14:14">
      <c r="N385332" s="10"/>
    </row>
    <row r="385333" spans="14:14">
      <c r="N385333" s="10"/>
    </row>
    <row r="385334" spans="14:14">
      <c r="N385334" s="10"/>
    </row>
    <row r="385335" spans="14:14">
      <c r="N385335" s="10"/>
    </row>
    <row r="385336" spans="14:14">
      <c r="N385336" s="10"/>
    </row>
    <row r="385337" spans="14:14">
      <c r="N385337" s="10"/>
    </row>
    <row r="385338" spans="14:14">
      <c r="N385338" s="10"/>
    </row>
    <row r="385339" spans="14:14">
      <c r="N385339" s="10"/>
    </row>
    <row r="385340" spans="14:14">
      <c r="N385340" s="10"/>
    </row>
    <row r="385341" spans="14:14">
      <c r="N385341" s="10"/>
    </row>
    <row r="385342" spans="14:14">
      <c r="N385342" s="10"/>
    </row>
    <row r="385343" spans="14:14">
      <c r="N385343" s="10"/>
    </row>
    <row r="385344" spans="14:14">
      <c r="N385344" s="10"/>
    </row>
    <row r="385345" spans="14:14">
      <c r="N385345" s="10"/>
    </row>
    <row r="385346" spans="14:14">
      <c r="N385346" s="10"/>
    </row>
    <row r="385347" spans="14:14">
      <c r="N385347" s="10"/>
    </row>
    <row r="385348" spans="14:14">
      <c r="N385348" s="10"/>
    </row>
    <row r="385349" spans="14:14">
      <c r="N385349" s="10"/>
    </row>
    <row r="385350" spans="14:14">
      <c r="N385350" s="10"/>
    </row>
    <row r="385351" spans="14:14">
      <c r="N385351" s="10"/>
    </row>
    <row r="385352" spans="14:14">
      <c r="N385352" s="10"/>
    </row>
    <row r="385353" spans="14:14">
      <c r="N385353" s="10"/>
    </row>
    <row r="385354" spans="14:14">
      <c r="N385354" s="10"/>
    </row>
    <row r="385355" spans="14:14">
      <c r="N385355" s="10"/>
    </row>
    <row r="385356" spans="14:14">
      <c r="N385356" s="10"/>
    </row>
    <row r="385357" spans="14:14">
      <c r="N385357" s="10"/>
    </row>
    <row r="385358" spans="14:14">
      <c r="N385358" s="10"/>
    </row>
    <row r="385359" spans="14:14">
      <c r="N385359" s="10"/>
    </row>
    <row r="385360" spans="14:14">
      <c r="N385360" s="10"/>
    </row>
    <row r="385361" spans="14:14">
      <c r="N385361" s="10"/>
    </row>
    <row r="385362" spans="14:14">
      <c r="N385362" s="10"/>
    </row>
    <row r="385363" spans="14:14">
      <c r="N385363" s="10"/>
    </row>
    <row r="385364" spans="14:14">
      <c r="N385364" s="10"/>
    </row>
    <row r="385365" spans="14:14">
      <c r="N385365" s="10"/>
    </row>
    <row r="385366" spans="14:14">
      <c r="N385366" s="10"/>
    </row>
    <row r="385367" spans="14:14">
      <c r="N385367" s="10"/>
    </row>
    <row r="385368" spans="14:14">
      <c r="N385368" s="10"/>
    </row>
    <row r="385369" spans="14:14">
      <c r="N385369" s="10"/>
    </row>
    <row r="385370" spans="14:14">
      <c r="N385370" s="10"/>
    </row>
    <row r="385371" spans="14:14">
      <c r="N385371" s="10"/>
    </row>
    <row r="385372" spans="14:14">
      <c r="N385372" s="10"/>
    </row>
    <row r="385373" spans="14:14">
      <c r="N385373" s="10"/>
    </row>
    <row r="385374" spans="14:14">
      <c r="N385374" s="10"/>
    </row>
    <row r="385375" spans="14:14">
      <c r="N385375" s="10"/>
    </row>
    <row r="385376" spans="14:14">
      <c r="N385376" s="10"/>
    </row>
    <row r="385377" spans="14:14">
      <c r="N385377" s="10"/>
    </row>
    <row r="385378" spans="14:14">
      <c r="N385378" s="10"/>
    </row>
    <row r="385379" spans="14:14">
      <c r="N385379" s="10"/>
    </row>
    <row r="385380" spans="14:14">
      <c r="N385380" s="10"/>
    </row>
    <row r="385381" spans="14:14">
      <c r="N385381" s="10"/>
    </row>
    <row r="385382" spans="14:14">
      <c r="N385382" s="10"/>
    </row>
    <row r="385383" spans="14:14">
      <c r="N385383" s="10"/>
    </row>
    <row r="385384" spans="14:14">
      <c r="N385384" s="10"/>
    </row>
    <row r="385385" spans="14:14">
      <c r="N385385" s="10"/>
    </row>
    <row r="385386" spans="14:14">
      <c r="N385386" s="10"/>
    </row>
    <row r="385387" spans="14:14">
      <c r="N385387" s="10"/>
    </row>
    <row r="385388" spans="14:14">
      <c r="N385388" s="10"/>
    </row>
    <row r="385389" spans="14:14">
      <c r="N385389" s="10"/>
    </row>
    <row r="385390" spans="14:14">
      <c r="N385390" s="10"/>
    </row>
    <row r="385391" spans="14:14">
      <c r="N385391" s="10"/>
    </row>
    <row r="385392" spans="14:14">
      <c r="N385392" s="10"/>
    </row>
    <row r="385393" spans="14:14">
      <c r="N385393" s="10"/>
    </row>
    <row r="385394" spans="14:14">
      <c r="N385394" s="10"/>
    </row>
    <row r="385395" spans="14:14">
      <c r="N385395" s="10"/>
    </row>
    <row r="385396" spans="14:14">
      <c r="N385396" s="10"/>
    </row>
    <row r="385397" spans="14:14">
      <c r="N385397" s="10"/>
    </row>
    <row r="385398" spans="14:14">
      <c r="N385398" s="10"/>
    </row>
    <row r="385399" spans="14:14">
      <c r="N385399" s="10"/>
    </row>
    <row r="385400" spans="14:14">
      <c r="N385400" s="10"/>
    </row>
    <row r="385401" spans="14:14">
      <c r="N385401" s="10"/>
    </row>
    <row r="385402" spans="14:14">
      <c r="N385402" s="10"/>
    </row>
    <row r="385403" spans="14:14">
      <c r="N385403" s="10"/>
    </row>
    <row r="385404" spans="14:14">
      <c r="N385404" s="10"/>
    </row>
    <row r="385405" spans="14:14">
      <c r="N385405" s="10"/>
    </row>
    <row r="385406" spans="14:14">
      <c r="N385406" s="10"/>
    </row>
    <row r="385407" spans="14:14">
      <c r="N385407" s="10"/>
    </row>
    <row r="385408" spans="14:14">
      <c r="N385408" s="10"/>
    </row>
    <row r="385409" spans="14:14">
      <c r="N385409" s="10"/>
    </row>
    <row r="385410" spans="14:14">
      <c r="N385410" s="10"/>
    </row>
    <row r="385411" spans="14:14">
      <c r="N385411" s="10"/>
    </row>
    <row r="385412" spans="14:14">
      <c r="N385412" s="10"/>
    </row>
    <row r="385413" spans="14:14">
      <c r="N385413" s="10"/>
    </row>
    <row r="385414" spans="14:14">
      <c r="N385414" s="10"/>
    </row>
    <row r="385415" spans="14:14">
      <c r="N385415" s="10"/>
    </row>
    <row r="385416" spans="14:14">
      <c r="N385416" s="10"/>
    </row>
    <row r="385417" spans="14:14">
      <c r="N385417" s="10"/>
    </row>
    <row r="385418" spans="14:14">
      <c r="N385418" s="10"/>
    </row>
    <row r="385419" spans="14:14">
      <c r="N385419" s="10"/>
    </row>
    <row r="385420" spans="14:14">
      <c r="N385420" s="10"/>
    </row>
    <row r="385421" spans="14:14">
      <c r="N385421" s="10"/>
    </row>
    <row r="385422" spans="14:14">
      <c r="N385422" s="10"/>
    </row>
    <row r="385423" spans="14:14">
      <c r="N385423" s="10"/>
    </row>
    <row r="385424" spans="14:14">
      <c r="N385424" s="10"/>
    </row>
    <row r="385425" spans="14:14">
      <c r="N385425" s="10"/>
    </row>
    <row r="385426" spans="14:14">
      <c r="N385426" s="10"/>
    </row>
    <row r="385427" spans="14:14">
      <c r="N385427" s="10"/>
    </row>
    <row r="385428" spans="14:14">
      <c r="N385428" s="10"/>
    </row>
    <row r="385429" spans="14:14">
      <c r="N385429" s="10"/>
    </row>
    <row r="385430" spans="14:14">
      <c r="N385430" s="10"/>
    </row>
    <row r="385431" spans="14:14">
      <c r="N385431" s="10"/>
    </row>
    <row r="385432" spans="14:14">
      <c r="N385432" s="10"/>
    </row>
    <row r="385433" spans="14:14">
      <c r="N385433" s="10"/>
    </row>
    <row r="385434" spans="14:14">
      <c r="N385434" s="10"/>
    </row>
    <row r="385435" spans="14:14">
      <c r="N385435" s="10"/>
    </row>
    <row r="385436" spans="14:14">
      <c r="N385436" s="10"/>
    </row>
    <row r="385437" spans="14:14">
      <c r="N385437" s="10"/>
    </row>
    <row r="385438" spans="14:14">
      <c r="N385438" s="10"/>
    </row>
    <row r="385439" spans="14:14">
      <c r="N385439" s="10"/>
    </row>
    <row r="385440" spans="14:14">
      <c r="N385440" s="10"/>
    </row>
    <row r="385441" spans="14:14">
      <c r="N385441" s="10"/>
    </row>
    <row r="385442" spans="14:14">
      <c r="N385442" s="10"/>
    </row>
    <row r="385443" spans="14:14">
      <c r="N385443" s="10"/>
    </row>
    <row r="385444" spans="14:14">
      <c r="N385444" s="10"/>
    </row>
    <row r="385445" spans="14:14">
      <c r="N385445" s="10"/>
    </row>
    <row r="385446" spans="14:14">
      <c r="N385446" s="10"/>
    </row>
    <row r="385447" spans="14:14">
      <c r="N385447" s="10"/>
    </row>
    <row r="385448" spans="14:14">
      <c r="N385448" s="10"/>
    </row>
    <row r="385449" spans="14:14">
      <c r="N385449" s="10"/>
    </row>
    <row r="385450" spans="14:14">
      <c r="N385450" s="10"/>
    </row>
    <row r="385451" spans="14:14">
      <c r="N385451" s="10"/>
    </row>
    <row r="385452" spans="14:14">
      <c r="N385452" s="10"/>
    </row>
    <row r="385453" spans="14:14">
      <c r="N385453" s="10"/>
    </row>
    <row r="385454" spans="14:14">
      <c r="N385454" s="10"/>
    </row>
    <row r="385455" spans="14:14">
      <c r="N385455" s="10"/>
    </row>
    <row r="385456" spans="14:14">
      <c r="N385456" s="10"/>
    </row>
    <row r="385457" spans="14:14">
      <c r="N385457" s="10"/>
    </row>
    <row r="385458" spans="14:14">
      <c r="N385458" s="10"/>
    </row>
    <row r="385459" spans="14:14">
      <c r="N385459" s="10"/>
    </row>
    <row r="385460" spans="14:14">
      <c r="N385460" s="10"/>
    </row>
    <row r="385461" spans="14:14">
      <c r="N385461" s="10"/>
    </row>
    <row r="385462" spans="14:14">
      <c r="N385462" s="10"/>
    </row>
    <row r="385463" spans="14:14">
      <c r="N385463" s="10"/>
    </row>
    <row r="385464" spans="14:14">
      <c r="N385464" s="10"/>
    </row>
    <row r="385465" spans="14:14">
      <c r="N385465" s="10"/>
    </row>
    <row r="385466" spans="14:14">
      <c r="N385466" s="10"/>
    </row>
    <row r="385467" spans="14:14">
      <c r="N385467" s="10"/>
    </row>
    <row r="385468" spans="14:14">
      <c r="N385468" s="10"/>
    </row>
    <row r="385469" spans="14:14">
      <c r="N385469" s="10"/>
    </row>
    <row r="385470" spans="14:14">
      <c r="N385470" s="10"/>
    </row>
    <row r="385471" spans="14:14">
      <c r="N385471" s="10"/>
    </row>
    <row r="385472" spans="14:14">
      <c r="N385472" s="10"/>
    </row>
    <row r="385473" spans="14:14">
      <c r="N385473" s="10"/>
    </row>
    <row r="385474" spans="14:14">
      <c r="N385474" s="10"/>
    </row>
    <row r="385475" spans="14:14">
      <c r="N385475" s="10"/>
    </row>
    <row r="385476" spans="14:14">
      <c r="N385476" s="10"/>
    </row>
    <row r="385477" spans="14:14">
      <c r="N385477" s="10"/>
    </row>
    <row r="385478" spans="14:14">
      <c r="N385478" s="10"/>
    </row>
    <row r="385479" spans="14:14">
      <c r="N385479" s="10"/>
    </row>
    <row r="385480" spans="14:14">
      <c r="N385480" s="10"/>
    </row>
    <row r="385481" spans="14:14">
      <c r="N385481" s="10"/>
    </row>
    <row r="385482" spans="14:14">
      <c r="N385482" s="10"/>
    </row>
    <row r="385483" spans="14:14">
      <c r="N385483" s="10"/>
    </row>
    <row r="385484" spans="14:14">
      <c r="N385484" s="10"/>
    </row>
    <row r="385485" spans="14:14">
      <c r="N385485" s="10"/>
    </row>
    <row r="385486" spans="14:14">
      <c r="N385486" s="10"/>
    </row>
    <row r="385487" spans="14:14">
      <c r="N385487" s="10"/>
    </row>
    <row r="385488" spans="14:14">
      <c r="N385488" s="10"/>
    </row>
    <row r="385489" spans="14:14">
      <c r="N385489" s="10"/>
    </row>
    <row r="385490" spans="14:14">
      <c r="N385490" s="10"/>
    </row>
    <row r="385491" spans="14:14">
      <c r="N385491" s="10"/>
    </row>
    <row r="385492" spans="14:14">
      <c r="N385492" s="10"/>
    </row>
    <row r="385493" spans="14:14">
      <c r="N385493" s="10"/>
    </row>
    <row r="385494" spans="14:14">
      <c r="N385494" s="10"/>
    </row>
    <row r="385495" spans="14:14">
      <c r="N385495" s="10"/>
    </row>
    <row r="385496" spans="14:14">
      <c r="N385496" s="10"/>
    </row>
    <row r="385497" spans="14:14">
      <c r="N385497" s="10"/>
    </row>
    <row r="385498" spans="14:14">
      <c r="N385498" s="10"/>
    </row>
    <row r="385499" spans="14:14">
      <c r="N385499" s="10"/>
    </row>
    <row r="385500" spans="14:14">
      <c r="N385500" s="10"/>
    </row>
    <row r="385501" spans="14:14">
      <c r="N385501" s="10"/>
    </row>
    <row r="385502" spans="14:14">
      <c r="N385502" s="10"/>
    </row>
    <row r="385503" spans="14:14">
      <c r="N385503" s="10"/>
    </row>
    <row r="385504" spans="14:14">
      <c r="N385504" s="10"/>
    </row>
    <row r="385505" spans="14:14">
      <c r="N385505" s="10"/>
    </row>
    <row r="385506" spans="14:14">
      <c r="N385506" s="10"/>
    </row>
    <row r="385507" spans="14:14">
      <c r="N385507" s="10"/>
    </row>
    <row r="385508" spans="14:14">
      <c r="N385508" s="10"/>
    </row>
    <row r="385509" spans="14:14">
      <c r="N385509" s="10"/>
    </row>
    <row r="385510" spans="14:14">
      <c r="N385510" s="10"/>
    </row>
    <row r="385511" spans="14:14">
      <c r="N385511" s="10"/>
    </row>
    <row r="385512" spans="14:14">
      <c r="N385512" s="10"/>
    </row>
    <row r="385513" spans="14:14">
      <c r="N385513" s="10"/>
    </row>
    <row r="385514" spans="14:14">
      <c r="N385514" s="10"/>
    </row>
    <row r="385515" spans="14:14">
      <c r="N385515" s="10"/>
    </row>
    <row r="385516" spans="14:14">
      <c r="N385516" s="10"/>
    </row>
    <row r="385517" spans="14:14">
      <c r="N385517" s="10"/>
    </row>
    <row r="385518" spans="14:14">
      <c r="N385518" s="10"/>
    </row>
    <row r="385519" spans="14:14">
      <c r="N385519" s="10"/>
    </row>
    <row r="385520" spans="14:14">
      <c r="N385520" s="10"/>
    </row>
    <row r="385521" spans="14:14">
      <c r="N385521" s="10"/>
    </row>
    <row r="385522" spans="14:14">
      <c r="N385522" s="10"/>
    </row>
    <row r="385523" spans="14:14">
      <c r="N385523" s="10"/>
    </row>
    <row r="385524" spans="14:14">
      <c r="N385524" s="10"/>
    </row>
    <row r="385525" spans="14:14">
      <c r="N385525" s="10"/>
    </row>
    <row r="385526" spans="14:14">
      <c r="N385526" s="10"/>
    </row>
    <row r="385527" spans="14:14">
      <c r="N385527" s="10"/>
    </row>
    <row r="385528" spans="14:14">
      <c r="N385528" s="10"/>
    </row>
    <row r="385529" spans="14:14">
      <c r="N385529" s="10"/>
    </row>
    <row r="385530" spans="14:14">
      <c r="N385530" s="10"/>
    </row>
    <row r="385531" spans="14:14">
      <c r="N385531" s="10"/>
    </row>
    <row r="385532" spans="14:14">
      <c r="N385532" s="10"/>
    </row>
    <row r="385533" spans="14:14">
      <c r="N385533" s="10"/>
    </row>
    <row r="385534" spans="14:14">
      <c r="N385534" s="10"/>
    </row>
    <row r="385535" spans="14:14">
      <c r="N385535" s="10"/>
    </row>
    <row r="385536" spans="14:14">
      <c r="N385536" s="10"/>
    </row>
    <row r="385537" spans="14:14">
      <c r="N385537" s="10"/>
    </row>
    <row r="385538" spans="14:14">
      <c r="N385538" s="10"/>
    </row>
    <row r="385539" spans="14:14">
      <c r="N385539" s="10"/>
    </row>
    <row r="385540" spans="14:14">
      <c r="N385540" s="10"/>
    </row>
    <row r="385541" spans="14:14">
      <c r="N385541" s="10"/>
    </row>
    <row r="385542" spans="14:14">
      <c r="N385542" s="10"/>
    </row>
    <row r="385543" spans="14:14">
      <c r="N385543" s="10"/>
    </row>
    <row r="385544" spans="14:14">
      <c r="N385544" s="10"/>
    </row>
    <row r="385545" spans="14:14">
      <c r="N385545" s="10"/>
    </row>
    <row r="385546" spans="14:14">
      <c r="N385546" s="10"/>
    </row>
    <row r="385547" spans="14:14">
      <c r="N385547" s="10"/>
    </row>
    <row r="385548" spans="14:14">
      <c r="N385548" s="10"/>
    </row>
    <row r="385549" spans="14:14">
      <c r="N385549" s="10"/>
    </row>
    <row r="385550" spans="14:14">
      <c r="N385550" s="10"/>
    </row>
    <row r="385551" spans="14:14">
      <c r="N385551" s="10"/>
    </row>
    <row r="385552" spans="14:14">
      <c r="N385552" s="10"/>
    </row>
    <row r="385553" spans="14:14">
      <c r="N385553" s="10"/>
    </row>
    <row r="385554" spans="14:14">
      <c r="N385554" s="10"/>
    </row>
    <row r="385555" spans="14:14">
      <c r="N385555" s="10"/>
    </row>
    <row r="385556" spans="14:14">
      <c r="N385556" s="10"/>
    </row>
    <row r="385557" spans="14:14">
      <c r="N385557" s="10"/>
    </row>
    <row r="385558" spans="14:14">
      <c r="N385558" s="10"/>
    </row>
    <row r="385559" spans="14:14">
      <c r="N385559" s="10"/>
    </row>
    <row r="385560" spans="14:14">
      <c r="N385560" s="10"/>
    </row>
    <row r="385561" spans="14:14">
      <c r="N385561" s="10"/>
    </row>
    <row r="385562" spans="14:14">
      <c r="N385562" s="10"/>
    </row>
    <row r="385563" spans="14:14">
      <c r="N385563" s="10"/>
    </row>
    <row r="385564" spans="14:14">
      <c r="N385564" s="10"/>
    </row>
    <row r="385565" spans="14:14">
      <c r="N385565" s="10"/>
    </row>
    <row r="385566" spans="14:14">
      <c r="N385566" s="10"/>
    </row>
    <row r="385567" spans="14:14">
      <c r="N385567" s="10"/>
    </row>
    <row r="385568" spans="14:14">
      <c r="N385568" s="10"/>
    </row>
    <row r="385569" spans="14:14">
      <c r="N385569" s="10"/>
    </row>
    <row r="385570" spans="14:14">
      <c r="N385570" s="10"/>
    </row>
    <row r="385571" spans="14:14">
      <c r="N385571" s="10"/>
    </row>
    <row r="385572" spans="14:14">
      <c r="N385572" s="10"/>
    </row>
    <row r="385573" spans="14:14">
      <c r="N385573" s="10"/>
    </row>
    <row r="385574" spans="14:14">
      <c r="N385574" s="10"/>
    </row>
    <row r="385575" spans="14:14">
      <c r="N385575" s="10"/>
    </row>
    <row r="385576" spans="14:14">
      <c r="N385576" s="10"/>
    </row>
    <row r="385577" spans="14:14">
      <c r="N385577" s="10"/>
    </row>
    <row r="385578" spans="14:14">
      <c r="N385578" s="10"/>
    </row>
    <row r="385579" spans="14:14">
      <c r="N385579" s="10"/>
    </row>
    <row r="385580" spans="14:14">
      <c r="N385580" s="10"/>
    </row>
    <row r="385581" spans="14:14">
      <c r="N385581" s="10"/>
    </row>
    <row r="385582" spans="14:14">
      <c r="N385582" s="10"/>
    </row>
    <row r="385583" spans="14:14">
      <c r="N385583" s="10"/>
    </row>
    <row r="385584" spans="14:14">
      <c r="N385584" s="10"/>
    </row>
    <row r="385585" spans="14:14">
      <c r="N385585" s="10"/>
    </row>
    <row r="385586" spans="14:14">
      <c r="N385586" s="10"/>
    </row>
    <row r="385587" spans="14:14">
      <c r="N385587" s="10"/>
    </row>
    <row r="385588" spans="14:14">
      <c r="N385588" s="10"/>
    </row>
    <row r="385589" spans="14:14">
      <c r="N385589" s="10"/>
    </row>
    <row r="385590" spans="14:14">
      <c r="N385590" s="10"/>
    </row>
    <row r="385591" spans="14:14">
      <c r="N385591" s="10"/>
    </row>
    <row r="385592" spans="14:14">
      <c r="N385592" s="10"/>
    </row>
    <row r="385593" spans="14:14">
      <c r="N385593" s="10"/>
    </row>
    <row r="385594" spans="14:14">
      <c r="N385594" s="10"/>
    </row>
    <row r="385595" spans="14:14">
      <c r="N385595" s="10"/>
    </row>
    <row r="385596" spans="14:14">
      <c r="N385596" s="10"/>
    </row>
    <row r="385597" spans="14:14">
      <c r="N385597" s="10"/>
    </row>
    <row r="385598" spans="14:14">
      <c r="N385598" s="10"/>
    </row>
    <row r="385599" spans="14:14">
      <c r="N385599" s="10"/>
    </row>
    <row r="385600" spans="14:14">
      <c r="N385600" s="10"/>
    </row>
    <row r="385601" spans="14:14">
      <c r="N385601" s="10"/>
    </row>
    <row r="385602" spans="14:14">
      <c r="N385602" s="10"/>
    </row>
    <row r="385603" spans="14:14">
      <c r="N385603" s="10"/>
    </row>
    <row r="385604" spans="14:14">
      <c r="N385604" s="10"/>
    </row>
    <row r="385605" spans="14:14">
      <c r="N385605" s="10"/>
    </row>
    <row r="385606" spans="14:14">
      <c r="N385606" s="10"/>
    </row>
    <row r="385607" spans="14:14">
      <c r="N385607" s="10"/>
    </row>
    <row r="385608" spans="14:14">
      <c r="N385608" s="10"/>
    </row>
    <row r="385609" spans="14:14">
      <c r="N385609" s="10"/>
    </row>
    <row r="385610" spans="14:14">
      <c r="N385610" s="10"/>
    </row>
    <row r="385611" spans="14:14">
      <c r="N385611" s="10"/>
    </row>
    <row r="385612" spans="14:14">
      <c r="N385612" s="10"/>
    </row>
    <row r="385613" spans="14:14">
      <c r="N385613" s="10"/>
    </row>
    <row r="385614" spans="14:14">
      <c r="N385614" s="10"/>
    </row>
    <row r="385615" spans="14:14">
      <c r="N385615" s="10"/>
    </row>
    <row r="385616" spans="14:14">
      <c r="N385616" s="10"/>
    </row>
    <row r="385617" spans="14:14">
      <c r="N385617" s="10"/>
    </row>
    <row r="385618" spans="14:14">
      <c r="N385618" s="10"/>
    </row>
    <row r="385619" spans="14:14">
      <c r="N385619" s="10"/>
    </row>
    <row r="385620" spans="14:14">
      <c r="N385620" s="10"/>
    </row>
    <row r="385621" spans="14:14">
      <c r="N385621" s="10"/>
    </row>
    <row r="385622" spans="14:14">
      <c r="N385622" s="10"/>
    </row>
    <row r="385623" spans="14:14">
      <c r="N385623" s="10"/>
    </row>
    <row r="385624" spans="14:14">
      <c r="N385624" s="10"/>
    </row>
    <row r="385625" spans="14:14">
      <c r="N385625" s="10"/>
    </row>
    <row r="385626" spans="14:14">
      <c r="N385626" s="10"/>
    </row>
    <row r="385627" spans="14:14">
      <c r="N385627" s="10"/>
    </row>
    <row r="385628" spans="14:14">
      <c r="N385628" s="10"/>
    </row>
    <row r="385629" spans="14:14">
      <c r="N385629" s="10"/>
    </row>
    <row r="385630" spans="14:14">
      <c r="N385630" s="10"/>
    </row>
    <row r="385631" spans="14:14">
      <c r="N385631" s="10"/>
    </row>
    <row r="385632" spans="14:14">
      <c r="N385632" s="10"/>
    </row>
    <row r="385633" spans="14:14">
      <c r="N385633" s="10"/>
    </row>
    <row r="385634" spans="14:14">
      <c r="N385634" s="10"/>
    </row>
    <row r="385635" spans="14:14">
      <c r="N385635" s="10"/>
    </row>
    <row r="385636" spans="14:14">
      <c r="N385636" s="10"/>
    </row>
    <row r="385637" spans="14:14">
      <c r="N385637" s="10"/>
    </row>
    <row r="385638" spans="14:14">
      <c r="N385638" s="10"/>
    </row>
    <row r="385639" spans="14:14">
      <c r="N385639" s="10"/>
    </row>
    <row r="385640" spans="14:14">
      <c r="N385640" s="10"/>
    </row>
    <row r="385641" spans="14:14">
      <c r="N385641" s="10"/>
    </row>
    <row r="385642" spans="14:14">
      <c r="N385642" s="10"/>
    </row>
    <row r="385643" spans="14:14">
      <c r="N385643" s="10"/>
    </row>
    <row r="385644" spans="14:14">
      <c r="N385644" s="10"/>
    </row>
    <row r="385645" spans="14:14">
      <c r="N385645" s="10"/>
    </row>
    <row r="385646" spans="14:14">
      <c r="N385646" s="10"/>
    </row>
    <row r="385647" spans="14:14">
      <c r="N385647" s="10"/>
    </row>
    <row r="385648" spans="14:14">
      <c r="N385648" s="10"/>
    </row>
    <row r="385649" spans="14:14">
      <c r="N385649" s="10"/>
    </row>
    <row r="385650" spans="14:14">
      <c r="N385650" s="10"/>
    </row>
    <row r="385651" spans="14:14">
      <c r="N385651" s="10"/>
    </row>
    <row r="385652" spans="14:14">
      <c r="N385652" s="10"/>
    </row>
    <row r="385653" spans="14:14">
      <c r="N385653" s="10"/>
    </row>
    <row r="385654" spans="14:14">
      <c r="N385654" s="10"/>
    </row>
    <row r="385655" spans="14:14">
      <c r="N385655" s="10"/>
    </row>
    <row r="385656" spans="14:14">
      <c r="N385656" s="10"/>
    </row>
    <row r="385657" spans="14:14">
      <c r="N385657" s="10"/>
    </row>
    <row r="385658" spans="14:14">
      <c r="N385658" s="10"/>
    </row>
    <row r="385659" spans="14:14">
      <c r="N385659" s="10"/>
    </row>
    <row r="385660" spans="14:14">
      <c r="N385660" s="10"/>
    </row>
    <row r="385661" spans="14:14">
      <c r="N385661" s="10"/>
    </row>
    <row r="385662" spans="14:14">
      <c r="N385662" s="10"/>
    </row>
    <row r="385663" spans="14:14">
      <c r="N385663" s="10"/>
    </row>
    <row r="385664" spans="14:14">
      <c r="N385664" s="10"/>
    </row>
    <row r="385665" spans="14:14">
      <c r="N385665" s="10"/>
    </row>
    <row r="385666" spans="14:14">
      <c r="N385666" s="10"/>
    </row>
    <row r="385667" spans="14:14">
      <c r="N385667" s="10"/>
    </row>
    <row r="385668" spans="14:14">
      <c r="N385668" s="10"/>
    </row>
    <row r="385669" spans="14:14">
      <c r="N385669" s="10"/>
    </row>
    <row r="385670" spans="14:14">
      <c r="N385670" s="10"/>
    </row>
    <row r="385671" spans="14:14">
      <c r="N385671" s="10"/>
    </row>
    <row r="385672" spans="14:14">
      <c r="N385672" s="10"/>
    </row>
    <row r="385673" spans="14:14">
      <c r="N385673" s="10"/>
    </row>
    <row r="385674" spans="14:14">
      <c r="N385674" s="10"/>
    </row>
    <row r="385675" spans="14:14">
      <c r="N385675" s="10"/>
    </row>
    <row r="385676" spans="14:14">
      <c r="N385676" s="10"/>
    </row>
    <row r="385677" spans="14:14">
      <c r="N385677" s="10"/>
    </row>
    <row r="385678" spans="14:14">
      <c r="N385678" s="10"/>
    </row>
    <row r="385679" spans="14:14">
      <c r="N385679" s="10"/>
    </row>
    <row r="385680" spans="14:14">
      <c r="N385680" s="10"/>
    </row>
    <row r="385681" spans="14:14">
      <c r="N385681" s="10"/>
    </row>
    <row r="385682" spans="14:14">
      <c r="N385682" s="10"/>
    </row>
    <row r="385683" spans="14:14">
      <c r="N385683" s="10"/>
    </row>
    <row r="385684" spans="14:14">
      <c r="N385684" s="10"/>
    </row>
    <row r="385685" spans="14:14">
      <c r="N385685" s="10"/>
    </row>
    <row r="385686" spans="14:14">
      <c r="N385686" s="10"/>
    </row>
    <row r="385687" spans="14:14">
      <c r="N385687" s="10"/>
    </row>
    <row r="385688" spans="14:14">
      <c r="N385688" s="10"/>
    </row>
    <row r="385689" spans="14:14">
      <c r="N385689" s="10"/>
    </row>
    <row r="385690" spans="14:14">
      <c r="N385690" s="10"/>
    </row>
    <row r="385691" spans="14:14">
      <c r="N385691" s="10"/>
    </row>
    <row r="385692" spans="14:14">
      <c r="N385692" s="10"/>
    </row>
    <row r="385693" spans="14:14">
      <c r="N385693" s="10"/>
    </row>
    <row r="385694" spans="14:14">
      <c r="N385694" s="10"/>
    </row>
    <row r="385695" spans="14:14">
      <c r="N385695" s="10"/>
    </row>
    <row r="385696" spans="14:14">
      <c r="N385696" s="10"/>
    </row>
    <row r="385697" spans="14:14">
      <c r="N385697" s="10"/>
    </row>
    <row r="385698" spans="14:14">
      <c r="N385698" s="10"/>
    </row>
    <row r="385699" spans="14:14">
      <c r="N385699" s="10"/>
    </row>
    <row r="385700" spans="14:14">
      <c r="N385700" s="10"/>
    </row>
    <row r="385701" spans="14:14">
      <c r="N385701" s="10"/>
    </row>
    <row r="385702" spans="14:14">
      <c r="N385702" s="10"/>
    </row>
    <row r="385703" spans="14:14">
      <c r="N385703" s="10"/>
    </row>
    <row r="385704" spans="14:14">
      <c r="N385704" s="10"/>
    </row>
    <row r="385705" spans="14:14">
      <c r="N385705" s="10"/>
    </row>
    <row r="385706" spans="14:14">
      <c r="N385706" s="10"/>
    </row>
    <row r="385707" spans="14:14">
      <c r="N385707" s="10"/>
    </row>
    <row r="385708" spans="14:14">
      <c r="N385708" s="10"/>
    </row>
    <row r="385709" spans="14:14">
      <c r="N385709" s="10"/>
    </row>
    <row r="385710" spans="14:14">
      <c r="N385710" s="10"/>
    </row>
    <row r="385711" spans="14:14">
      <c r="N385711" s="10"/>
    </row>
    <row r="385712" spans="14:14">
      <c r="N385712" s="10"/>
    </row>
    <row r="385713" spans="14:14">
      <c r="N385713" s="10"/>
    </row>
    <row r="385714" spans="14:14">
      <c r="N385714" s="10"/>
    </row>
    <row r="385715" spans="14:14">
      <c r="N385715" s="10"/>
    </row>
    <row r="385716" spans="14:14">
      <c r="N385716" s="10"/>
    </row>
    <row r="385717" spans="14:14">
      <c r="N385717" s="10"/>
    </row>
    <row r="385718" spans="14:14">
      <c r="N385718" s="10"/>
    </row>
    <row r="385719" spans="14:14">
      <c r="N385719" s="10"/>
    </row>
    <row r="385720" spans="14:14">
      <c r="N385720" s="10"/>
    </row>
    <row r="385721" spans="14:14">
      <c r="N385721" s="10"/>
    </row>
    <row r="385722" spans="14:14">
      <c r="N385722" s="10"/>
    </row>
    <row r="385723" spans="14:14">
      <c r="N385723" s="10"/>
    </row>
    <row r="385724" spans="14:14">
      <c r="N385724" s="10"/>
    </row>
    <row r="385725" spans="14:14">
      <c r="N385725" s="10"/>
    </row>
    <row r="385726" spans="14:14">
      <c r="N385726" s="10"/>
    </row>
    <row r="385727" spans="14:14">
      <c r="N385727" s="10"/>
    </row>
    <row r="385728" spans="14:14">
      <c r="N385728" s="10"/>
    </row>
    <row r="385729" spans="14:14">
      <c r="N385729" s="10"/>
    </row>
    <row r="385730" spans="14:14">
      <c r="N385730" s="10"/>
    </row>
    <row r="385731" spans="14:14">
      <c r="N385731" s="10"/>
    </row>
    <row r="385732" spans="14:14">
      <c r="N385732" s="10"/>
    </row>
    <row r="385733" spans="14:14">
      <c r="N385733" s="10"/>
    </row>
    <row r="385734" spans="14:14">
      <c r="N385734" s="10"/>
    </row>
    <row r="385735" spans="14:14">
      <c r="N385735" s="10"/>
    </row>
    <row r="385736" spans="14:14">
      <c r="N385736" s="10"/>
    </row>
    <row r="385737" spans="14:14">
      <c r="N385737" s="10"/>
    </row>
    <row r="385738" spans="14:14">
      <c r="N385738" s="10"/>
    </row>
    <row r="385739" spans="14:14">
      <c r="N385739" s="10"/>
    </row>
    <row r="385740" spans="14:14">
      <c r="N385740" s="10"/>
    </row>
    <row r="385741" spans="14:14">
      <c r="N385741" s="10"/>
    </row>
    <row r="385742" spans="14:14">
      <c r="N385742" s="10"/>
    </row>
    <row r="385743" spans="14:14">
      <c r="N385743" s="10"/>
    </row>
    <row r="385744" spans="14:14">
      <c r="N385744" s="10"/>
    </row>
    <row r="385745" spans="14:14">
      <c r="N385745" s="10"/>
    </row>
    <row r="385746" spans="14:14">
      <c r="N385746" s="10"/>
    </row>
    <row r="385747" spans="14:14">
      <c r="N385747" s="10"/>
    </row>
    <row r="385748" spans="14:14">
      <c r="N385748" s="10"/>
    </row>
    <row r="385749" spans="14:14">
      <c r="N385749" s="10"/>
    </row>
    <row r="385750" spans="14:14">
      <c r="N385750" s="10"/>
    </row>
    <row r="385751" spans="14:14">
      <c r="N385751" s="10"/>
    </row>
    <row r="385752" spans="14:14">
      <c r="N385752" s="10"/>
    </row>
    <row r="385753" spans="14:14">
      <c r="N385753" s="10"/>
    </row>
    <row r="385754" spans="14:14">
      <c r="N385754" s="10"/>
    </row>
    <row r="385755" spans="14:14">
      <c r="N385755" s="10"/>
    </row>
    <row r="385756" spans="14:14">
      <c r="N385756" s="10"/>
    </row>
    <row r="385757" spans="14:14">
      <c r="N385757" s="10"/>
    </row>
    <row r="385758" spans="14:14">
      <c r="N385758" s="10"/>
    </row>
    <row r="385759" spans="14:14">
      <c r="N385759" s="10"/>
    </row>
    <row r="385760" spans="14:14">
      <c r="N385760" s="10"/>
    </row>
    <row r="385761" spans="14:14">
      <c r="N385761" s="10"/>
    </row>
    <row r="385762" spans="14:14">
      <c r="N385762" s="10"/>
    </row>
    <row r="385763" spans="14:14">
      <c r="N385763" s="10"/>
    </row>
    <row r="385764" spans="14:14">
      <c r="N385764" s="10"/>
    </row>
    <row r="385765" spans="14:14">
      <c r="N385765" s="10"/>
    </row>
    <row r="385766" spans="14:14">
      <c r="N385766" s="10"/>
    </row>
    <row r="385767" spans="14:14">
      <c r="N385767" s="10"/>
    </row>
    <row r="385768" spans="14:14">
      <c r="N385768" s="10"/>
    </row>
    <row r="385769" spans="14:14">
      <c r="N385769" s="10"/>
    </row>
    <row r="385770" spans="14:14">
      <c r="N385770" s="10"/>
    </row>
    <row r="385771" spans="14:14">
      <c r="N385771" s="10"/>
    </row>
    <row r="385772" spans="14:14">
      <c r="N385772" s="10"/>
    </row>
    <row r="385773" spans="14:14">
      <c r="N385773" s="10"/>
    </row>
    <row r="385774" spans="14:14">
      <c r="N385774" s="10"/>
    </row>
    <row r="385775" spans="14:14">
      <c r="N385775" s="10"/>
    </row>
    <row r="385776" spans="14:14">
      <c r="N385776" s="10"/>
    </row>
    <row r="385777" spans="14:14">
      <c r="N385777" s="10"/>
    </row>
    <row r="385778" spans="14:14">
      <c r="N385778" s="10"/>
    </row>
    <row r="385779" spans="14:14">
      <c r="N385779" s="10"/>
    </row>
    <row r="385780" spans="14:14">
      <c r="N385780" s="10"/>
    </row>
    <row r="385781" spans="14:14">
      <c r="N385781" s="10"/>
    </row>
    <row r="385782" spans="14:14">
      <c r="N385782" s="10"/>
    </row>
    <row r="385783" spans="14:14">
      <c r="N385783" s="10"/>
    </row>
    <row r="385784" spans="14:14">
      <c r="N385784" s="10"/>
    </row>
    <row r="385785" spans="14:14">
      <c r="N385785" s="10"/>
    </row>
    <row r="385786" spans="14:14">
      <c r="N385786" s="10"/>
    </row>
    <row r="385787" spans="14:14">
      <c r="N385787" s="10"/>
    </row>
    <row r="385788" spans="14:14">
      <c r="N385788" s="10"/>
    </row>
    <row r="385789" spans="14:14">
      <c r="N385789" s="10"/>
    </row>
    <row r="385790" spans="14:14">
      <c r="N385790" s="10"/>
    </row>
    <row r="385791" spans="14:14">
      <c r="N385791" s="10"/>
    </row>
    <row r="385792" spans="14:14">
      <c r="N385792" s="10"/>
    </row>
    <row r="385793" spans="14:14">
      <c r="N385793" s="10"/>
    </row>
    <row r="385794" spans="14:14">
      <c r="N385794" s="10"/>
    </row>
    <row r="385795" spans="14:14">
      <c r="N385795" s="10"/>
    </row>
    <row r="385796" spans="14:14">
      <c r="N385796" s="10"/>
    </row>
    <row r="385797" spans="14:14">
      <c r="N385797" s="10"/>
    </row>
    <row r="385798" spans="14:14">
      <c r="N385798" s="10"/>
    </row>
    <row r="385799" spans="14:14">
      <c r="N385799" s="10"/>
    </row>
    <row r="385800" spans="14:14">
      <c r="N385800" s="10"/>
    </row>
    <row r="385801" spans="14:14">
      <c r="N385801" s="10"/>
    </row>
    <row r="385802" spans="14:14">
      <c r="N385802" s="10"/>
    </row>
    <row r="385803" spans="14:14">
      <c r="N385803" s="10"/>
    </row>
    <row r="385804" spans="14:14">
      <c r="N385804" s="10"/>
    </row>
    <row r="385805" spans="14:14">
      <c r="N385805" s="10"/>
    </row>
    <row r="385806" spans="14:14">
      <c r="N385806" s="10"/>
    </row>
    <row r="385807" spans="14:14">
      <c r="N385807" s="10"/>
    </row>
    <row r="385808" spans="14:14">
      <c r="N385808" s="10"/>
    </row>
    <row r="385809" spans="14:14">
      <c r="N385809" s="10"/>
    </row>
    <row r="385810" spans="14:14">
      <c r="N385810" s="10"/>
    </row>
    <row r="385811" spans="14:14">
      <c r="N385811" s="10"/>
    </row>
    <row r="385812" spans="14:14">
      <c r="N385812" s="10"/>
    </row>
    <row r="385813" spans="14:14">
      <c r="N385813" s="10"/>
    </row>
    <row r="385814" spans="14:14">
      <c r="N385814" s="10"/>
    </row>
    <row r="385815" spans="14:14">
      <c r="N385815" s="10"/>
    </row>
    <row r="385816" spans="14:14">
      <c r="N385816" s="10"/>
    </row>
    <row r="385817" spans="14:14">
      <c r="N385817" s="10"/>
    </row>
    <row r="385818" spans="14:14">
      <c r="N385818" s="10"/>
    </row>
    <row r="385819" spans="14:14">
      <c r="N385819" s="10"/>
    </row>
    <row r="385820" spans="14:14">
      <c r="N385820" s="10"/>
    </row>
    <row r="385821" spans="14:14">
      <c r="N385821" s="10"/>
    </row>
    <row r="385822" spans="14:14">
      <c r="N385822" s="10"/>
    </row>
    <row r="385823" spans="14:14">
      <c r="N385823" s="10"/>
    </row>
    <row r="385824" spans="14:14">
      <c r="N385824" s="10"/>
    </row>
    <row r="385825" spans="14:14">
      <c r="N385825" s="10"/>
    </row>
    <row r="385826" spans="14:14">
      <c r="N385826" s="10"/>
    </row>
    <row r="385827" spans="14:14">
      <c r="N385827" s="10"/>
    </row>
    <row r="385828" spans="14:14">
      <c r="N385828" s="10"/>
    </row>
    <row r="385829" spans="14:14">
      <c r="N385829" s="10"/>
    </row>
    <row r="385830" spans="14:14">
      <c r="N385830" s="10"/>
    </row>
    <row r="385831" spans="14:14">
      <c r="N385831" s="10"/>
    </row>
    <row r="385832" spans="14:14">
      <c r="N385832" s="10"/>
    </row>
    <row r="385833" spans="14:14">
      <c r="N385833" s="10"/>
    </row>
    <row r="385834" spans="14:14">
      <c r="N385834" s="10"/>
    </row>
    <row r="385835" spans="14:14">
      <c r="N385835" s="10"/>
    </row>
    <row r="385836" spans="14:14">
      <c r="N385836" s="10"/>
    </row>
    <row r="385837" spans="14:14">
      <c r="N385837" s="10"/>
    </row>
    <row r="385838" spans="14:14">
      <c r="N385838" s="10"/>
    </row>
    <row r="385839" spans="14:14">
      <c r="N385839" s="10"/>
    </row>
    <row r="385840" spans="14:14">
      <c r="N385840" s="10"/>
    </row>
    <row r="385841" spans="14:14">
      <c r="N385841" s="10"/>
    </row>
    <row r="385842" spans="14:14">
      <c r="N385842" s="10"/>
    </row>
    <row r="385843" spans="14:14">
      <c r="N385843" s="10"/>
    </row>
    <row r="385844" spans="14:14">
      <c r="N385844" s="10"/>
    </row>
    <row r="385845" spans="14:14">
      <c r="N385845" s="10"/>
    </row>
    <row r="385846" spans="14:14">
      <c r="N385846" s="10"/>
    </row>
    <row r="385847" spans="14:14">
      <c r="N385847" s="10"/>
    </row>
    <row r="385848" spans="14:14">
      <c r="N385848" s="10"/>
    </row>
    <row r="385849" spans="14:14">
      <c r="N385849" s="10"/>
    </row>
    <row r="385850" spans="14:14">
      <c r="N385850" s="10"/>
    </row>
    <row r="385851" spans="14:14">
      <c r="N385851" s="10"/>
    </row>
    <row r="385852" spans="14:14">
      <c r="N385852" s="10"/>
    </row>
    <row r="385853" spans="14:14">
      <c r="N385853" s="10"/>
    </row>
    <row r="385854" spans="14:14">
      <c r="N385854" s="10"/>
    </row>
    <row r="385855" spans="14:14">
      <c r="N385855" s="10"/>
    </row>
    <row r="385856" spans="14:14">
      <c r="N385856" s="10"/>
    </row>
    <row r="385857" spans="14:14">
      <c r="N385857" s="10"/>
    </row>
    <row r="385858" spans="14:14">
      <c r="N385858" s="10"/>
    </row>
    <row r="385859" spans="14:14">
      <c r="N385859" s="10"/>
    </row>
    <row r="385860" spans="14:14">
      <c r="N385860" s="10"/>
    </row>
    <row r="385861" spans="14:14">
      <c r="N385861" s="10"/>
    </row>
    <row r="385862" spans="14:14">
      <c r="N385862" s="10"/>
    </row>
    <row r="385863" spans="14:14">
      <c r="N385863" s="10"/>
    </row>
    <row r="385864" spans="14:14">
      <c r="N385864" s="10"/>
    </row>
    <row r="385865" spans="14:14">
      <c r="N385865" s="10"/>
    </row>
    <row r="385866" spans="14:14">
      <c r="N385866" s="10"/>
    </row>
    <row r="385867" spans="14:14">
      <c r="N385867" s="10"/>
    </row>
    <row r="385868" spans="14:14">
      <c r="N385868" s="10"/>
    </row>
    <row r="385869" spans="14:14">
      <c r="N385869" s="10"/>
    </row>
    <row r="385870" spans="14:14">
      <c r="N385870" s="10"/>
    </row>
    <row r="385871" spans="14:14">
      <c r="N385871" s="10"/>
    </row>
    <row r="385872" spans="14:14">
      <c r="N385872" s="10"/>
    </row>
    <row r="385873" spans="14:14">
      <c r="N385873" s="10"/>
    </row>
    <row r="385874" spans="14:14">
      <c r="N385874" s="10"/>
    </row>
    <row r="385875" spans="14:14">
      <c r="N385875" s="10"/>
    </row>
    <row r="385876" spans="14:14">
      <c r="N385876" s="10"/>
    </row>
    <row r="385877" spans="14:14">
      <c r="N385877" s="10"/>
    </row>
    <row r="385878" spans="14:14">
      <c r="N385878" s="10"/>
    </row>
    <row r="385879" spans="14:14">
      <c r="N385879" s="10"/>
    </row>
    <row r="385880" spans="14:14">
      <c r="N385880" s="10"/>
    </row>
    <row r="385881" spans="14:14">
      <c r="N385881" s="10"/>
    </row>
    <row r="385882" spans="14:14">
      <c r="N385882" s="10"/>
    </row>
    <row r="385883" spans="14:14">
      <c r="N385883" s="10"/>
    </row>
    <row r="385884" spans="14:14">
      <c r="N385884" s="10"/>
    </row>
    <row r="385885" spans="14:14">
      <c r="N385885" s="10"/>
    </row>
    <row r="385886" spans="14:14">
      <c r="N385886" s="10"/>
    </row>
    <row r="385887" spans="14:14">
      <c r="N385887" s="10"/>
    </row>
    <row r="385888" spans="14:14">
      <c r="N385888" s="10"/>
    </row>
    <row r="385889" spans="14:14">
      <c r="N385889" s="10"/>
    </row>
    <row r="385890" spans="14:14">
      <c r="N385890" s="10"/>
    </row>
    <row r="385891" spans="14:14">
      <c r="N385891" s="10"/>
    </row>
    <row r="385892" spans="14:14">
      <c r="N385892" s="10"/>
    </row>
    <row r="385893" spans="14:14">
      <c r="N385893" s="10"/>
    </row>
    <row r="385894" spans="14:14">
      <c r="N385894" s="10"/>
    </row>
    <row r="385895" spans="14:14">
      <c r="N385895" s="10"/>
    </row>
    <row r="385896" spans="14:14">
      <c r="N385896" s="10"/>
    </row>
    <row r="385897" spans="14:14">
      <c r="N385897" s="10"/>
    </row>
    <row r="385898" spans="14:14">
      <c r="N385898" s="10"/>
    </row>
    <row r="385899" spans="14:14">
      <c r="N385899" s="10"/>
    </row>
    <row r="385900" spans="14:14">
      <c r="N385900" s="10"/>
    </row>
    <row r="385901" spans="14:14">
      <c r="N385901" s="10"/>
    </row>
    <row r="385902" spans="14:14">
      <c r="N385902" s="10"/>
    </row>
    <row r="385903" spans="14:14">
      <c r="N385903" s="10"/>
    </row>
    <row r="385904" spans="14:14">
      <c r="N385904" s="10"/>
    </row>
    <row r="385905" spans="14:14">
      <c r="N385905" s="10"/>
    </row>
    <row r="385906" spans="14:14">
      <c r="N385906" s="10"/>
    </row>
    <row r="385907" spans="14:14">
      <c r="N385907" s="10"/>
    </row>
    <row r="385908" spans="14:14">
      <c r="N385908" s="10"/>
    </row>
    <row r="385909" spans="14:14">
      <c r="N385909" s="10"/>
    </row>
    <row r="385910" spans="14:14">
      <c r="N385910" s="10"/>
    </row>
    <row r="385911" spans="14:14">
      <c r="N385911" s="10"/>
    </row>
    <row r="385912" spans="14:14">
      <c r="N385912" s="10"/>
    </row>
    <row r="385913" spans="14:14">
      <c r="N385913" s="10"/>
    </row>
    <row r="385914" spans="14:14">
      <c r="N385914" s="10"/>
    </row>
    <row r="385915" spans="14:14">
      <c r="N385915" s="10"/>
    </row>
    <row r="385916" spans="14:14">
      <c r="N385916" s="10"/>
    </row>
    <row r="385917" spans="14:14">
      <c r="N385917" s="10"/>
    </row>
    <row r="385918" spans="14:14">
      <c r="N385918" s="10"/>
    </row>
    <row r="385919" spans="14:14">
      <c r="N385919" s="10"/>
    </row>
    <row r="385920" spans="14:14">
      <c r="N385920" s="10"/>
    </row>
    <row r="385921" spans="14:14">
      <c r="N385921" s="10"/>
    </row>
    <row r="385922" spans="14:14">
      <c r="N385922" s="10"/>
    </row>
    <row r="385923" spans="14:14">
      <c r="N385923" s="10"/>
    </row>
    <row r="385924" spans="14:14">
      <c r="N385924" s="10"/>
    </row>
    <row r="385925" spans="14:14">
      <c r="N385925" s="10"/>
    </row>
    <row r="385926" spans="14:14">
      <c r="N385926" s="10"/>
    </row>
    <row r="385927" spans="14:14">
      <c r="N385927" s="10"/>
    </row>
    <row r="385928" spans="14:14">
      <c r="N385928" s="10"/>
    </row>
    <row r="385929" spans="14:14">
      <c r="N385929" s="10"/>
    </row>
    <row r="385930" spans="14:14">
      <c r="N385930" s="10"/>
    </row>
    <row r="385931" spans="14:14">
      <c r="N385931" s="10"/>
    </row>
    <row r="385932" spans="14:14">
      <c r="N385932" s="10"/>
    </row>
    <row r="385933" spans="14:14">
      <c r="N385933" s="10"/>
    </row>
    <row r="385934" spans="14:14">
      <c r="N385934" s="10"/>
    </row>
    <row r="385935" spans="14:14">
      <c r="N385935" s="10"/>
    </row>
    <row r="385936" spans="14:14">
      <c r="N385936" s="10"/>
    </row>
    <row r="385937" spans="14:14">
      <c r="N385937" s="10"/>
    </row>
    <row r="385938" spans="14:14">
      <c r="N385938" s="10"/>
    </row>
    <row r="385939" spans="14:14">
      <c r="N385939" s="10"/>
    </row>
    <row r="385940" spans="14:14">
      <c r="N385940" s="10"/>
    </row>
    <row r="385941" spans="14:14">
      <c r="N385941" s="10"/>
    </row>
    <row r="385942" spans="14:14">
      <c r="N385942" s="10"/>
    </row>
    <row r="385943" spans="14:14">
      <c r="N385943" s="10"/>
    </row>
    <row r="385944" spans="14:14">
      <c r="N385944" s="10"/>
    </row>
    <row r="385945" spans="14:14">
      <c r="N385945" s="10"/>
    </row>
    <row r="385946" spans="14:14">
      <c r="N385946" s="10"/>
    </row>
    <row r="385947" spans="14:14">
      <c r="N385947" s="10"/>
    </row>
    <row r="385948" spans="14:14">
      <c r="N385948" s="10"/>
    </row>
    <row r="385949" spans="14:14">
      <c r="N385949" s="10"/>
    </row>
    <row r="385950" spans="14:14">
      <c r="N385950" s="10"/>
    </row>
    <row r="385951" spans="14:14">
      <c r="N385951" s="10"/>
    </row>
    <row r="385952" spans="14:14">
      <c r="N385952" s="10"/>
    </row>
    <row r="385953" spans="14:14">
      <c r="N385953" s="10"/>
    </row>
    <row r="385954" spans="14:14">
      <c r="N385954" s="10"/>
    </row>
    <row r="385955" spans="14:14">
      <c r="N385955" s="10"/>
    </row>
    <row r="385956" spans="14:14">
      <c r="N385956" s="10"/>
    </row>
    <row r="385957" spans="14:14">
      <c r="N385957" s="10"/>
    </row>
    <row r="385958" spans="14:14">
      <c r="N385958" s="10"/>
    </row>
    <row r="385959" spans="14:14">
      <c r="N385959" s="10"/>
    </row>
    <row r="385960" spans="14:14">
      <c r="N385960" s="10"/>
    </row>
    <row r="385961" spans="14:14">
      <c r="N385961" s="10"/>
    </row>
    <row r="385962" spans="14:14">
      <c r="N385962" s="10"/>
    </row>
    <row r="385963" spans="14:14">
      <c r="N385963" s="10"/>
    </row>
    <row r="385964" spans="14:14">
      <c r="N385964" s="10"/>
    </row>
    <row r="385965" spans="14:14">
      <c r="N385965" s="10"/>
    </row>
    <row r="385966" spans="14:14">
      <c r="N385966" s="10"/>
    </row>
    <row r="385967" spans="14:14">
      <c r="N385967" s="10"/>
    </row>
    <row r="385968" spans="14:14">
      <c r="N385968" s="10"/>
    </row>
    <row r="385969" spans="14:14">
      <c r="N385969" s="10"/>
    </row>
    <row r="385970" spans="14:14">
      <c r="N385970" s="10"/>
    </row>
    <row r="385971" spans="14:14">
      <c r="N385971" s="10"/>
    </row>
    <row r="385972" spans="14:14">
      <c r="N385972" s="10"/>
    </row>
    <row r="385973" spans="14:14">
      <c r="N385973" s="10"/>
    </row>
    <row r="385974" spans="14:14">
      <c r="N385974" s="10"/>
    </row>
    <row r="385975" spans="14:14">
      <c r="N385975" s="10"/>
    </row>
    <row r="385976" spans="14:14">
      <c r="N385976" s="10"/>
    </row>
    <row r="385977" spans="14:14">
      <c r="N385977" s="10"/>
    </row>
    <row r="385978" spans="14:14">
      <c r="N385978" s="10"/>
    </row>
    <row r="385979" spans="14:14">
      <c r="N385979" s="10"/>
    </row>
    <row r="385980" spans="14:14">
      <c r="N385980" s="10"/>
    </row>
    <row r="385981" spans="14:14">
      <c r="N385981" s="10"/>
    </row>
    <row r="385982" spans="14:14">
      <c r="N385982" s="10"/>
    </row>
    <row r="385983" spans="14:14">
      <c r="N385983" s="10"/>
    </row>
    <row r="385984" spans="14:14">
      <c r="N385984" s="10"/>
    </row>
    <row r="385985" spans="14:14">
      <c r="N385985" s="10"/>
    </row>
    <row r="385986" spans="14:14">
      <c r="N385986" s="10"/>
    </row>
    <row r="385987" spans="14:14">
      <c r="N385987" s="10"/>
    </row>
    <row r="385988" spans="14:14">
      <c r="N385988" s="10"/>
    </row>
    <row r="385989" spans="14:14">
      <c r="N385989" s="10"/>
    </row>
    <row r="385990" spans="14:14">
      <c r="N385990" s="10"/>
    </row>
    <row r="385991" spans="14:14">
      <c r="N385991" s="10"/>
    </row>
    <row r="385992" spans="14:14">
      <c r="N385992" s="10"/>
    </row>
    <row r="385993" spans="14:14">
      <c r="N385993" s="10"/>
    </row>
    <row r="385994" spans="14:14">
      <c r="N385994" s="10"/>
    </row>
    <row r="385995" spans="14:14">
      <c r="N385995" s="10"/>
    </row>
    <row r="385996" spans="14:14">
      <c r="N385996" s="10"/>
    </row>
    <row r="385997" spans="14:14">
      <c r="N385997" s="10"/>
    </row>
    <row r="385998" spans="14:14">
      <c r="N385998" s="10"/>
    </row>
    <row r="385999" spans="14:14">
      <c r="N385999" s="10"/>
    </row>
    <row r="386000" spans="14:14">
      <c r="N386000" s="10"/>
    </row>
    <row r="386001" spans="14:14">
      <c r="N386001" s="10"/>
    </row>
    <row r="386002" spans="14:14">
      <c r="N386002" s="10"/>
    </row>
    <row r="386003" spans="14:14">
      <c r="N386003" s="10"/>
    </row>
    <row r="386004" spans="14:14">
      <c r="N386004" s="10"/>
    </row>
    <row r="386005" spans="14:14">
      <c r="N386005" s="10"/>
    </row>
    <row r="386006" spans="14:14">
      <c r="N386006" s="10"/>
    </row>
    <row r="386007" spans="14:14">
      <c r="N386007" s="10"/>
    </row>
    <row r="386008" spans="14:14">
      <c r="N386008" s="10"/>
    </row>
    <row r="386009" spans="14:14">
      <c r="N386009" s="10"/>
    </row>
    <row r="386010" spans="14:14">
      <c r="N386010" s="10"/>
    </row>
    <row r="386011" spans="14:14">
      <c r="N386011" s="10"/>
    </row>
    <row r="386012" spans="14:14">
      <c r="N386012" s="10"/>
    </row>
    <row r="386013" spans="14:14">
      <c r="N386013" s="10"/>
    </row>
    <row r="386014" spans="14:14">
      <c r="N386014" s="10"/>
    </row>
    <row r="386015" spans="14:14">
      <c r="N386015" s="10"/>
    </row>
    <row r="386016" spans="14:14">
      <c r="N386016" s="10"/>
    </row>
    <row r="386017" spans="14:14">
      <c r="N386017" s="10"/>
    </row>
    <row r="386018" spans="14:14">
      <c r="N386018" s="10"/>
    </row>
    <row r="386019" spans="14:14">
      <c r="N386019" s="10"/>
    </row>
    <row r="386020" spans="14:14">
      <c r="N386020" s="10"/>
    </row>
    <row r="386021" spans="14:14">
      <c r="N386021" s="10"/>
    </row>
    <row r="386022" spans="14:14">
      <c r="N386022" s="10"/>
    </row>
    <row r="386023" spans="14:14">
      <c r="N386023" s="10"/>
    </row>
    <row r="386024" spans="14:14">
      <c r="N386024" s="10"/>
    </row>
    <row r="386025" spans="14:14">
      <c r="N386025" s="10"/>
    </row>
    <row r="386026" spans="14:14">
      <c r="N386026" s="10"/>
    </row>
    <row r="386027" spans="14:14">
      <c r="N386027" s="10"/>
    </row>
    <row r="386028" spans="14:14">
      <c r="N386028" s="10"/>
    </row>
    <row r="386029" spans="14:14">
      <c r="N386029" s="10"/>
    </row>
    <row r="386030" spans="14:14">
      <c r="N386030" s="10"/>
    </row>
    <row r="386031" spans="14:14">
      <c r="N386031" s="10"/>
    </row>
    <row r="386032" spans="14:14">
      <c r="N386032" s="10"/>
    </row>
    <row r="386033" spans="14:14">
      <c r="N386033" s="10"/>
    </row>
    <row r="386034" spans="14:14">
      <c r="N386034" s="10"/>
    </row>
    <row r="386035" spans="14:14">
      <c r="N386035" s="10"/>
    </row>
    <row r="386036" spans="14:14">
      <c r="N386036" s="10"/>
    </row>
    <row r="386037" spans="14:14">
      <c r="N386037" s="10"/>
    </row>
    <row r="386038" spans="14:14">
      <c r="N386038" s="10"/>
    </row>
    <row r="386039" spans="14:14">
      <c r="N386039" s="10"/>
    </row>
    <row r="386040" spans="14:14">
      <c r="N386040" s="10"/>
    </row>
    <row r="386041" spans="14:14">
      <c r="N386041" s="10"/>
    </row>
    <row r="386042" spans="14:14">
      <c r="N386042" s="10"/>
    </row>
    <row r="386043" spans="14:14">
      <c r="N386043" s="10"/>
    </row>
    <row r="386044" spans="14:14">
      <c r="N386044" s="10"/>
    </row>
    <row r="386045" spans="14:14">
      <c r="N386045" s="10"/>
    </row>
    <row r="386046" spans="14:14">
      <c r="N386046" s="10"/>
    </row>
    <row r="386047" spans="14:14">
      <c r="N386047" s="10"/>
    </row>
    <row r="386048" spans="14:14">
      <c r="N386048" s="10"/>
    </row>
    <row r="386049" spans="14:14">
      <c r="N386049" s="10"/>
    </row>
    <row r="386050" spans="14:14">
      <c r="N386050" s="10"/>
    </row>
    <row r="386051" spans="14:14">
      <c r="N386051" s="10"/>
    </row>
    <row r="386052" spans="14:14">
      <c r="N386052" s="10"/>
    </row>
    <row r="386053" spans="14:14">
      <c r="N386053" s="10"/>
    </row>
    <row r="386054" spans="14:14">
      <c r="N386054" s="10"/>
    </row>
    <row r="386055" spans="14:14">
      <c r="N386055" s="10"/>
    </row>
    <row r="386056" spans="14:14">
      <c r="N386056" s="10"/>
    </row>
    <row r="386057" spans="14:14">
      <c r="N386057" s="10"/>
    </row>
    <row r="386058" spans="14:14">
      <c r="N386058" s="10"/>
    </row>
    <row r="386059" spans="14:14">
      <c r="N386059" s="10"/>
    </row>
    <row r="386060" spans="14:14">
      <c r="N386060" s="10"/>
    </row>
    <row r="386061" spans="14:14">
      <c r="N386061" s="10"/>
    </row>
    <row r="386062" spans="14:14">
      <c r="N386062" s="10"/>
    </row>
    <row r="386063" spans="14:14">
      <c r="N386063" s="10"/>
    </row>
    <row r="386064" spans="14:14">
      <c r="N386064" s="10"/>
    </row>
    <row r="386065" spans="14:14">
      <c r="N386065" s="10"/>
    </row>
    <row r="386066" spans="14:14">
      <c r="N386066" s="10"/>
    </row>
    <row r="386067" spans="14:14">
      <c r="N386067" s="10"/>
    </row>
    <row r="386068" spans="14:14">
      <c r="N386068" s="10"/>
    </row>
    <row r="386069" spans="14:14">
      <c r="N386069" s="10"/>
    </row>
    <row r="386070" spans="14:14">
      <c r="N386070" s="10"/>
    </row>
    <row r="386071" spans="14:14">
      <c r="N386071" s="10"/>
    </row>
    <row r="386072" spans="14:14">
      <c r="N386072" s="10"/>
    </row>
    <row r="386073" spans="14:14">
      <c r="N386073" s="10"/>
    </row>
    <row r="386074" spans="14:14">
      <c r="N386074" s="10"/>
    </row>
    <row r="386075" spans="14:14">
      <c r="N386075" s="10"/>
    </row>
    <row r="386076" spans="14:14">
      <c r="N386076" s="10"/>
    </row>
    <row r="386077" spans="14:14">
      <c r="N386077" s="10"/>
    </row>
    <row r="386078" spans="14:14">
      <c r="N386078" s="10"/>
    </row>
    <row r="386079" spans="14:14">
      <c r="N386079" s="10"/>
    </row>
    <row r="386080" spans="14:14">
      <c r="N386080" s="10"/>
    </row>
    <row r="386081" spans="14:14">
      <c r="N386081" s="10"/>
    </row>
    <row r="386082" spans="14:14">
      <c r="N386082" s="10"/>
    </row>
    <row r="386083" spans="14:14">
      <c r="N386083" s="10"/>
    </row>
    <row r="386084" spans="14:14">
      <c r="N386084" s="10"/>
    </row>
    <row r="386085" spans="14:14">
      <c r="N386085" s="10"/>
    </row>
    <row r="386086" spans="14:14">
      <c r="N386086" s="10"/>
    </row>
    <row r="386087" spans="14:14">
      <c r="N386087" s="10"/>
    </row>
    <row r="386088" spans="14:14">
      <c r="N386088" s="10"/>
    </row>
    <row r="386089" spans="14:14">
      <c r="N386089" s="10"/>
    </row>
    <row r="386090" spans="14:14">
      <c r="N386090" s="10"/>
    </row>
    <row r="386091" spans="14:14">
      <c r="N386091" s="10"/>
    </row>
    <row r="386092" spans="14:14">
      <c r="N386092" s="10"/>
    </row>
    <row r="386093" spans="14:14">
      <c r="N386093" s="10"/>
    </row>
    <row r="386094" spans="14:14">
      <c r="N386094" s="10"/>
    </row>
    <row r="386095" spans="14:14">
      <c r="N386095" s="10"/>
    </row>
    <row r="386096" spans="14:14">
      <c r="N386096" s="10"/>
    </row>
    <row r="386097" spans="14:14">
      <c r="N386097" s="10"/>
    </row>
    <row r="386098" spans="14:14">
      <c r="N386098" s="10"/>
    </row>
    <row r="386099" spans="14:14">
      <c r="N386099" s="10"/>
    </row>
    <row r="386100" spans="14:14">
      <c r="N386100" s="10"/>
    </row>
    <row r="386101" spans="14:14">
      <c r="N386101" s="10"/>
    </row>
    <row r="386102" spans="14:14">
      <c r="N386102" s="10"/>
    </row>
    <row r="386103" spans="14:14">
      <c r="N386103" s="10"/>
    </row>
    <row r="386104" spans="14:14">
      <c r="N386104" s="10"/>
    </row>
    <row r="386105" spans="14:14">
      <c r="N386105" s="10"/>
    </row>
    <row r="386106" spans="14:14">
      <c r="N386106" s="10"/>
    </row>
    <row r="386107" spans="14:14">
      <c r="N386107" s="10"/>
    </row>
    <row r="386108" spans="14:14">
      <c r="N386108" s="10"/>
    </row>
    <row r="386109" spans="14:14">
      <c r="N386109" s="10"/>
    </row>
    <row r="386110" spans="14:14">
      <c r="N386110" s="10"/>
    </row>
    <row r="386111" spans="14:14">
      <c r="N386111" s="10"/>
    </row>
    <row r="386112" spans="14:14">
      <c r="N386112" s="10"/>
    </row>
    <row r="386113" spans="14:14">
      <c r="N386113" s="10"/>
    </row>
    <row r="386114" spans="14:14">
      <c r="N386114" s="10"/>
    </row>
    <row r="386115" spans="14:14">
      <c r="N386115" s="10"/>
    </row>
    <row r="386116" spans="14:14">
      <c r="N386116" s="10"/>
    </row>
    <row r="386117" spans="14:14">
      <c r="N386117" s="10"/>
    </row>
    <row r="386118" spans="14:14">
      <c r="N386118" s="10"/>
    </row>
    <row r="386119" spans="14:14">
      <c r="N386119" s="10"/>
    </row>
    <row r="386120" spans="14:14">
      <c r="N386120" s="10"/>
    </row>
    <row r="386121" spans="14:14">
      <c r="N386121" s="10"/>
    </row>
    <row r="386122" spans="14:14">
      <c r="N386122" s="10"/>
    </row>
    <row r="386123" spans="14:14">
      <c r="N386123" s="10"/>
    </row>
    <row r="386124" spans="14:14">
      <c r="N386124" s="10"/>
    </row>
    <row r="386125" spans="14:14">
      <c r="N386125" s="10"/>
    </row>
    <row r="386126" spans="14:14">
      <c r="N386126" s="10"/>
    </row>
    <row r="386127" spans="14:14">
      <c r="N386127" s="10"/>
    </row>
    <row r="386128" spans="14:14">
      <c r="N386128" s="10"/>
    </row>
    <row r="386129" spans="14:14">
      <c r="N386129" s="10"/>
    </row>
    <row r="386130" spans="14:14">
      <c r="N386130" s="10"/>
    </row>
    <row r="386131" spans="14:14">
      <c r="N386131" s="10"/>
    </row>
    <row r="386132" spans="14:14">
      <c r="N386132" s="10"/>
    </row>
    <row r="386133" spans="14:14">
      <c r="N386133" s="10"/>
    </row>
    <row r="386134" spans="14:14">
      <c r="N386134" s="10"/>
    </row>
    <row r="386135" spans="14:14">
      <c r="N386135" s="10"/>
    </row>
    <row r="386136" spans="14:14">
      <c r="N386136" s="10"/>
    </row>
    <row r="386137" spans="14:14">
      <c r="N386137" s="10"/>
    </row>
    <row r="386138" spans="14:14">
      <c r="N386138" s="10"/>
    </row>
    <row r="386139" spans="14:14">
      <c r="N386139" s="10"/>
    </row>
    <row r="386140" spans="14:14">
      <c r="N386140" s="10"/>
    </row>
    <row r="386141" spans="14:14">
      <c r="N386141" s="10"/>
    </row>
    <row r="386142" spans="14:14">
      <c r="N386142" s="10"/>
    </row>
    <row r="386143" spans="14:14">
      <c r="N386143" s="10"/>
    </row>
    <row r="386144" spans="14:14">
      <c r="N386144" s="10"/>
    </row>
    <row r="386145" spans="14:14">
      <c r="N386145" s="10"/>
    </row>
    <row r="386146" spans="14:14">
      <c r="N386146" s="10"/>
    </row>
    <row r="386147" spans="14:14">
      <c r="N386147" s="10"/>
    </row>
    <row r="386148" spans="14:14">
      <c r="N386148" s="10"/>
    </row>
    <row r="386149" spans="14:14">
      <c r="N386149" s="10"/>
    </row>
    <row r="386150" spans="14:14">
      <c r="N386150" s="10"/>
    </row>
    <row r="386151" spans="14:14">
      <c r="N386151" s="10"/>
    </row>
    <row r="386152" spans="14:14">
      <c r="N386152" s="10"/>
    </row>
    <row r="386153" spans="14:14">
      <c r="N386153" s="10"/>
    </row>
    <row r="386154" spans="14:14">
      <c r="N386154" s="10"/>
    </row>
    <row r="386155" spans="14:14">
      <c r="N386155" s="10"/>
    </row>
    <row r="386156" spans="14:14">
      <c r="N386156" s="10"/>
    </row>
    <row r="386157" spans="14:14">
      <c r="N386157" s="10"/>
    </row>
    <row r="386158" spans="14:14">
      <c r="N386158" s="10"/>
    </row>
    <row r="386159" spans="14:14">
      <c r="N386159" s="10"/>
    </row>
    <row r="386160" spans="14:14">
      <c r="N386160" s="10"/>
    </row>
    <row r="386161" spans="14:14">
      <c r="N386161" s="10"/>
    </row>
    <row r="386162" spans="14:14">
      <c r="N386162" s="10"/>
    </row>
    <row r="386163" spans="14:14">
      <c r="N386163" s="10"/>
    </row>
    <row r="386164" spans="14:14">
      <c r="N386164" s="10"/>
    </row>
    <row r="386165" spans="14:14">
      <c r="N386165" s="10"/>
    </row>
    <row r="386166" spans="14:14">
      <c r="N386166" s="10"/>
    </row>
    <row r="386167" spans="14:14">
      <c r="N386167" s="10"/>
    </row>
    <row r="386168" spans="14:14">
      <c r="N386168" s="10"/>
    </row>
    <row r="386169" spans="14:14">
      <c r="N386169" s="10"/>
    </row>
    <row r="386170" spans="14:14">
      <c r="N386170" s="10"/>
    </row>
    <row r="386171" spans="14:14">
      <c r="N386171" s="10"/>
    </row>
    <row r="386172" spans="14:14">
      <c r="N386172" s="10"/>
    </row>
    <row r="386173" spans="14:14">
      <c r="N386173" s="10"/>
    </row>
    <row r="386174" spans="14:14">
      <c r="N386174" s="10"/>
    </row>
    <row r="386175" spans="14:14">
      <c r="N386175" s="10"/>
    </row>
    <row r="386176" spans="14:14">
      <c r="N386176" s="10"/>
    </row>
    <row r="386177" spans="14:14">
      <c r="N386177" s="10"/>
    </row>
    <row r="386178" spans="14:14">
      <c r="N386178" s="10"/>
    </row>
    <row r="386179" spans="14:14">
      <c r="N386179" s="10"/>
    </row>
    <row r="386180" spans="14:14">
      <c r="N386180" s="10"/>
    </row>
    <row r="386181" spans="14:14">
      <c r="N386181" s="10"/>
    </row>
    <row r="386182" spans="14:14">
      <c r="N386182" s="10"/>
    </row>
    <row r="386183" spans="14:14">
      <c r="N386183" s="10"/>
    </row>
    <row r="386184" spans="14:14">
      <c r="N386184" s="10"/>
    </row>
    <row r="386185" spans="14:14">
      <c r="N386185" s="10"/>
    </row>
    <row r="386186" spans="14:14">
      <c r="N386186" s="10"/>
    </row>
    <row r="386187" spans="14:14">
      <c r="N386187" s="10"/>
    </row>
    <row r="386188" spans="14:14">
      <c r="N386188" s="10"/>
    </row>
    <row r="386189" spans="14:14">
      <c r="N386189" s="10"/>
    </row>
    <row r="386190" spans="14:14">
      <c r="N386190" s="10"/>
    </row>
    <row r="386191" spans="14:14">
      <c r="N386191" s="10"/>
    </row>
    <row r="386192" spans="14:14">
      <c r="N386192" s="10"/>
    </row>
    <row r="386193" spans="14:14">
      <c r="N386193" s="10"/>
    </row>
    <row r="386194" spans="14:14">
      <c r="N386194" s="10"/>
    </row>
    <row r="386195" spans="14:14">
      <c r="N386195" s="10"/>
    </row>
    <row r="386196" spans="14:14">
      <c r="N386196" s="10"/>
    </row>
    <row r="386197" spans="14:14">
      <c r="N386197" s="10"/>
    </row>
    <row r="386198" spans="14:14">
      <c r="N386198" s="10"/>
    </row>
    <row r="386199" spans="14:14">
      <c r="N386199" s="10"/>
    </row>
    <row r="386200" spans="14:14">
      <c r="N386200" s="10"/>
    </row>
    <row r="386201" spans="14:14">
      <c r="N386201" s="10"/>
    </row>
    <row r="386202" spans="14:14">
      <c r="N386202" s="10"/>
    </row>
    <row r="386203" spans="14:14">
      <c r="N386203" s="10"/>
    </row>
    <row r="386204" spans="14:14">
      <c r="N386204" s="10"/>
    </row>
    <row r="386205" spans="14:14">
      <c r="N386205" s="10"/>
    </row>
    <row r="386206" spans="14:14">
      <c r="N386206" s="10"/>
    </row>
    <row r="386207" spans="14:14">
      <c r="N386207" s="10"/>
    </row>
    <row r="386208" spans="14:14">
      <c r="N386208" s="10"/>
    </row>
    <row r="386209" spans="14:14">
      <c r="N386209" s="10"/>
    </row>
    <row r="386210" spans="14:14">
      <c r="N386210" s="10"/>
    </row>
    <row r="386211" spans="14:14">
      <c r="N386211" s="10"/>
    </row>
    <row r="386212" spans="14:14">
      <c r="N386212" s="10"/>
    </row>
    <row r="386213" spans="14:14">
      <c r="N386213" s="10"/>
    </row>
    <row r="386214" spans="14:14">
      <c r="N386214" s="10"/>
    </row>
    <row r="386215" spans="14:14">
      <c r="N386215" s="10"/>
    </row>
    <row r="386216" spans="14:14">
      <c r="N386216" s="10"/>
    </row>
    <row r="386217" spans="14:14">
      <c r="N386217" s="10"/>
    </row>
    <row r="386218" spans="14:14">
      <c r="N386218" s="10"/>
    </row>
    <row r="386219" spans="14:14">
      <c r="N386219" s="10"/>
    </row>
    <row r="386220" spans="14:14">
      <c r="N386220" s="10"/>
    </row>
    <row r="386221" spans="14:14">
      <c r="N386221" s="10"/>
    </row>
    <row r="386222" spans="14:14">
      <c r="N386222" s="10"/>
    </row>
    <row r="386223" spans="14:14">
      <c r="N386223" s="10"/>
    </row>
    <row r="386224" spans="14:14">
      <c r="N386224" s="10"/>
    </row>
    <row r="386225" spans="14:14">
      <c r="N386225" s="10"/>
    </row>
    <row r="386226" spans="14:14">
      <c r="N386226" s="10"/>
    </row>
    <row r="386227" spans="14:14">
      <c r="N386227" s="10"/>
    </row>
    <row r="386228" spans="14:14">
      <c r="N386228" s="10"/>
    </row>
    <row r="386229" spans="14:14">
      <c r="N386229" s="10"/>
    </row>
    <row r="386230" spans="14:14">
      <c r="N386230" s="10"/>
    </row>
    <row r="386231" spans="14:14">
      <c r="N386231" s="10"/>
    </row>
    <row r="386232" spans="14:14">
      <c r="N386232" s="10"/>
    </row>
    <row r="386233" spans="14:14">
      <c r="N386233" s="10"/>
    </row>
    <row r="386234" spans="14:14">
      <c r="N386234" s="10"/>
    </row>
    <row r="386235" spans="14:14">
      <c r="N386235" s="10"/>
    </row>
    <row r="386236" spans="14:14">
      <c r="N386236" s="10"/>
    </row>
    <row r="386237" spans="14:14">
      <c r="N386237" s="10"/>
    </row>
    <row r="386238" spans="14:14">
      <c r="N386238" s="10"/>
    </row>
    <row r="386239" spans="14:14">
      <c r="N386239" s="10"/>
    </row>
    <row r="386240" spans="14:14">
      <c r="N386240" s="10"/>
    </row>
    <row r="386241" spans="14:14">
      <c r="N386241" s="10"/>
    </row>
    <row r="386242" spans="14:14">
      <c r="N386242" s="10"/>
    </row>
    <row r="386243" spans="14:14">
      <c r="N386243" s="10"/>
    </row>
    <row r="386244" spans="14:14">
      <c r="N386244" s="10"/>
    </row>
    <row r="386245" spans="14:14">
      <c r="N386245" s="10"/>
    </row>
    <row r="386246" spans="14:14">
      <c r="N386246" s="10"/>
    </row>
    <row r="386247" spans="14:14">
      <c r="N386247" s="10"/>
    </row>
    <row r="386248" spans="14:14">
      <c r="N386248" s="10"/>
    </row>
    <row r="386249" spans="14:14">
      <c r="N386249" s="10"/>
    </row>
    <row r="386250" spans="14:14">
      <c r="N386250" s="10"/>
    </row>
    <row r="386251" spans="14:14">
      <c r="N386251" s="10"/>
    </row>
    <row r="386252" spans="14:14">
      <c r="N386252" s="10"/>
    </row>
    <row r="386253" spans="14:14">
      <c r="N386253" s="10"/>
    </row>
    <row r="386254" spans="14:14">
      <c r="N386254" s="10"/>
    </row>
    <row r="386255" spans="14:14">
      <c r="N386255" s="10"/>
    </row>
    <row r="386256" spans="14:14">
      <c r="N386256" s="10"/>
    </row>
    <row r="386257" spans="14:14">
      <c r="N386257" s="10"/>
    </row>
    <row r="386258" spans="14:14">
      <c r="N386258" s="10"/>
    </row>
    <row r="386259" spans="14:14">
      <c r="N386259" s="10"/>
    </row>
    <row r="386260" spans="14:14">
      <c r="N386260" s="10"/>
    </row>
    <row r="386261" spans="14:14">
      <c r="N386261" s="10"/>
    </row>
    <row r="386262" spans="14:14">
      <c r="N386262" s="10"/>
    </row>
    <row r="386263" spans="14:14">
      <c r="N386263" s="10"/>
    </row>
    <row r="386264" spans="14:14">
      <c r="N386264" s="10"/>
    </row>
    <row r="386265" spans="14:14">
      <c r="N386265" s="10"/>
    </row>
    <row r="386266" spans="14:14">
      <c r="N386266" s="10"/>
    </row>
    <row r="386267" spans="14:14">
      <c r="N386267" s="10"/>
    </row>
    <row r="386268" spans="14:14">
      <c r="N386268" s="10"/>
    </row>
    <row r="386269" spans="14:14">
      <c r="N386269" s="10"/>
    </row>
    <row r="386270" spans="14:14">
      <c r="N386270" s="10"/>
    </row>
    <row r="386271" spans="14:14">
      <c r="N386271" s="10"/>
    </row>
    <row r="386272" spans="14:14">
      <c r="N386272" s="10"/>
    </row>
    <row r="386273" spans="14:14">
      <c r="N386273" s="10"/>
    </row>
    <row r="386274" spans="14:14">
      <c r="N386274" s="10"/>
    </row>
    <row r="386275" spans="14:14">
      <c r="N386275" s="10"/>
    </row>
    <row r="386276" spans="14:14">
      <c r="N386276" s="10"/>
    </row>
    <row r="386277" spans="14:14">
      <c r="N386277" s="10"/>
    </row>
    <row r="386278" spans="14:14">
      <c r="N386278" s="10"/>
    </row>
    <row r="386279" spans="14:14">
      <c r="N386279" s="10"/>
    </row>
    <row r="386280" spans="14:14">
      <c r="N386280" s="10"/>
    </row>
    <row r="386281" spans="14:14">
      <c r="N386281" s="10"/>
    </row>
    <row r="386282" spans="14:14">
      <c r="N386282" s="10"/>
    </row>
    <row r="386283" spans="14:14">
      <c r="N386283" s="10"/>
    </row>
    <row r="386284" spans="14:14">
      <c r="N386284" s="10"/>
    </row>
    <row r="386285" spans="14:14">
      <c r="N386285" s="10"/>
    </row>
    <row r="386286" spans="14:14">
      <c r="N386286" s="10"/>
    </row>
    <row r="386287" spans="14:14">
      <c r="N386287" s="10"/>
    </row>
    <row r="386288" spans="14:14">
      <c r="N386288" s="10"/>
    </row>
    <row r="386289" spans="14:14">
      <c r="N386289" s="10"/>
    </row>
    <row r="386290" spans="14:14">
      <c r="N386290" s="10"/>
    </row>
    <row r="386291" spans="14:14">
      <c r="N386291" s="10"/>
    </row>
    <row r="386292" spans="14:14">
      <c r="N386292" s="10"/>
    </row>
    <row r="386293" spans="14:14">
      <c r="N386293" s="10"/>
    </row>
    <row r="386294" spans="14:14">
      <c r="N386294" s="10"/>
    </row>
    <row r="386295" spans="14:14">
      <c r="N386295" s="10"/>
    </row>
    <row r="386296" spans="14:14">
      <c r="N386296" s="10"/>
    </row>
    <row r="386297" spans="14:14">
      <c r="N386297" s="10"/>
    </row>
    <row r="386298" spans="14:14">
      <c r="N386298" s="10"/>
    </row>
    <row r="386299" spans="14:14">
      <c r="N386299" s="10"/>
    </row>
    <row r="386300" spans="14:14">
      <c r="N386300" s="10"/>
    </row>
    <row r="386301" spans="14:14">
      <c r="N386301" s="10"/>
    </row>
    <row r="386302" spans="14:14">
      <c r="N386302" s="10"/>
    </row>
    <row r="386303" spans="14:14">
      <c r="N386303" s="10"/>
    </row>
    <row r="386304" spans="14:14">
      <c r="N386304" s="10"/>
    </row>
    <row r="386305" spans="14:14">
      <c r="N386305" s="10"/>
    </row>
    <row r="386306" spans="14:14">
      <c r="N386306" s="10"/>
    </row>
    <row r="386307" spans="14:14">
      <c r="N386307" s="10"/>
    </row>
    <row r="386308" spans="14:14">
      <c r="N386308" s="10"/>
    </row>
    <row r="386309" spans="14:14">
      <c r="N386309" s="10"/>
    </row>
    <row r="386310" spans="14:14">
      <c r="N386310" s="10"/>
    </row>
    <row r="386311" spans="14:14">
      <c r="N386311" s="10"/>
    </row>
    <row r="386312" spans="14:14">
      <c r="N386312" s="10"/>
    </row>
    <row r="386313" spans="14:14">
      <c r="N386313" s="10"/>
    </row>
    <row r="386314" spans="14:14">
      <c r="N386314" s="10"/>
    </row>
    <row r="386315" spans="14:14">
      <c r="N386315" s="10"/>
    </row>
    <row r="386316" spans="14:14">
      <c r="N386316" s="10"/>
    </row>
    <row r="386317" spans="14:14">
      <c r="N386317" s="10"/>
    </row>
    <row r="386318" spans="14:14">
      <c r="N386318" s="10"/>
    </row>
    <row r="386319" spans="14:14">
      <c r="N386319" s="10"/>
    </row>
    <row r="386320" spans="14:14">
      <c r="N386320" s="10"/>
    </row>
    <row r="386321" spans="14:14">
      <c r="N386321" s="10"/>
    </row>
    <row r="386322" spans="14:14">
      <c r="N386322" s="10"/>
    </row>
    <row r="386323" spans="14:14">
      <c r="N386323" s="10"/>
    </row>
    <row r="386324" spans="14:14">
      <c r="N386324" s="10"/>
    </row>
    <row r="386325" spans="14:14">
      <c r="N386325" s="10"/>
    </row>
    <row r="386326" spans="14:14">
      <c r="N386326" s="10"/>
    </row>
    <row r="386327" spans="14:14">
      <c r="N386327" s="10"/>
    </row>
    <row r="386328" spans="14:14">
      <c r="N386328" s="10"/>
    </row>
    <row r="386329" spans="14:14">
      <c r="N386329" s="10"/>
    </row>
    <row r="386330" spans="14:14">
      <c r="N386330" s="10"/>
    </row>
    <row r="386331" spans="14:14">
      <c r="N386331" s="10"/>
    </row>
    <row r="386332" spans="14:14">
      <c r="N386332" s="10"/>
    </row>
    <row r="386333" spans="14:14">
      <c r="N386333" s="10"/>
    </row>
    <row r="386334" spans="14:14">
      <c r="N386334" s="10"/>
    </row>
    <row r="386335" spans="14:14">
      <c r="N386335" s="10"/>
    </row>
    <row r="386336" spans="14:14">
      <c r="N386336" s="10"/>
    </row>
    <row r="386337" spans="14:14">
      <c r="N386337" s="10"/>
    </row>
    <row r="386338" spans="14:14">
      <c r="N386338" s="10"/>
    </row>
    <row r="386339" spans="14:14">
      <c r="N386339" s="10"/>
    </row>
    <row r="386340" spans="14:14">
      <c r="N386340" s="10"/>
    </row>
    <row r="386341" spans="14:14">
      <c r="N386341" s="10"/>
    </row>
    <row r="386342" spans="14:14">
      <c r="N386342" s="10"/>
    </row>
    <row r="386343" spans="14:14">
      <c r="N386343" s="10"/>
    </row>
    <row r="386344" spans="14:14">
      <c r="N386344" s="10"/>
    </row>
    <row r="386345" spans="14:14">
      <c r="N386345" s="10"/>
    </row>
    <row r="386346" spans="14:14">
      <c r="N386346" s="10"/>
    </row>
    <row r="386347" spans="14:14">
      <c r="N386347" s="10"/>
    </row>
    <row r="386348" spans="14:14">
      <c r="N386348" s="10"/>
    </row>
    <row r="386349" spans="14:14">
      <c r="N386349" s="10"/>
    </row>
    <row r="386350" spans="14:14">
      <c r="N386350" s="10"/>
    </row>
    <row r="386351" spans="14:14">
      <c r="N386351" s="10"/>
    </row>
    <row r="386352" spans="14:14">
      <c r="N386352" s="10"/>
    </row>
    <row r="386353" spans="14:14">
      <c r="N386353" s="10"/>
    </row>
    <row r="386354" spans="14:14">
      <c r="N386354" s="10"/>
    </row>
    <row r="386355" spans="14:14">
      <c r="N386355" s="10"/>
    </row>
    <row r="386356" spans="14:14">
      <c r="N386356" s="10"/>
    </row>
    <row r="386357" spans="14:14">
      <c r="N386357" s="10"/>
    </row>
    <row r="386358" spans="14:14">
      <c r="N386358" s="10"/>
    </row>
    <row r="386359" spans="14:14">
      <c r="N386359" s="10"/>
    </row>
    <row r="386360" spans="14:14">
      <c r="N386360" s="10"/>
    </row>
    <row r="386361" spans="14:14">
      <c r="N386361" s="10"/>
    </row>
    <row r="386362" spans="14:14">
      <c r="N386362" s="10"/>
    </row>
    <row r="386363" spans="14:14">
      <c r="N386363" s="10"/>
    </row>
    <row r="386364" spans="14:14">
      <c r="N386364" s="10"/>
    </row>
    <row r="386365" spans="14:14">
      <c r="N386365" s="10"/>
    </row>
    <row r="386366" spans="14:14">
      <c r="N386366" s="10"/>
    </row>
    <row r="386367" spans="14:14">
      <c r="N386367" s="10"/>
    </row>
    <row r="386368" spans="14:14">
      <c r="N386368" s="10"/>
    </row>
    <row r="386369" spans="14:14">
      <c r="N386369" s="10"/>
    </row>
    <row r="386370" spans="14:14">
      <c r="N386370" s="10"/>
    </row>
    <row r="386371" spans="14:14">
      <c r="N386371" s="10"/>
    </row>
    <row r="386372" spans="14:14">
      <c r="N386372" s="10"/>
    </row>
    <row r="386373" spans="14:14">
      <c r="N386373" s="10"/>
    </row>
    <row r="386374" spans="14:14">
      <c r="N386374" s="10"/>
    </row>
    <row r="386375" spans="14:14">
      <c r="N386375" s="10"/>
    </row>
    <row r="386376" spans="14:14">
      <c r="N386376" s="10"/>
    </row>
    <row r="386377" spans="14:14">
      <c r="N386377" s="10"/>
    </row>
    <row r="386378" spans="14:14">
      <c r="N386378" s="10"/>
    </row>
    <row r="386379" spans="14:14">
      <c r="N386379" s="10"/>
    </row>
    <row r="386380" spans="14:14">
      <c r="N386380" s="10"/>
    </row>
    <row r="386381" spans="14:14">
      <c r="N386381" s="10"/>
    </row>
    <row r="386382" spans="14:14">
      <c r="N386382" s="10"/>
    </row>
    <row r="386383" spans="14:14">
      <c r="N386383" s="10"/>
    </row>
    <row r="386384" spans="14:14">
      <c r="N386384" s="10"/>
    </row>
    <row r="386385" spans="14:14">
      <c r="N386385" s="10"/>
    </row>
    <row r="386386" spans="14:14">
      <c r="N386386" s="10"/>
    </row>
    <row r="386387" spans="14:14">
      <c r="N386387" s="10"/>
    </row>
    <row r="386388" spans="14:14">
      <c r="N386388" s="10"/>
    </row>
    <row r="386389" spans="14:14">
      <c r="N386389" s="10"/>
    </row>
    <row r="386390" spans="14:14">
      <c r="N386390" s="10"/>
    </row>
    <row r="386391" spans="14:14">
      <c r="N386391" s="10"/>
    </row>
    <row r="386392" spans="14:14">
      <c r="N386392" s="10"/>
    </row>
    <row r="386393" spans="14:14">
      <c r="N386393" s="10"/>
    </row>
    <row r="386394" spans="14:14">
      <c r="N386394" s="10"/>
    </row>
    <row r="386395" spans="14:14">
      <c r="N386395" s="10"/>
    </row>
    <row r="386396" spans="14:14">
      <c r="N386396" s="10"/>
    </row>
    <row r="386397" spans="14:14">
      <c r="N386397" s="10"/>
    </row>
    <row r="386398" spans="14:14">
      <c r="N386398" s="10"/>
    </row>
    <row r="386399" spans="14:14">
      <c r="N386399" s="10"/>
    </row>
    <row r="386400" spans="14:14">
      <c r="N386400" s="10"/>
    </row>
    <row r="386401" spans="14:14">
      <c r="N386401" s="10"/>
    </row>
    <row r="386402" spans="14:14">
      <c r="N386402" s="10"/>
    </row>
    <row r="386403" spans="14:14">
      <c r="N386403" s="10"/>
    </row>
    <row r="386404" spans="14:14">
      <c r="N386404" s="10"/>
    </row>
    <row r="386405" spans="14:14">
      <c r="N386405" s="10"/>
    </row>
    <row r="386406" spans="14:14">
      <c r="N386406" s="10"/>
    </row>
    <row r="386407" spans="14:14">
      <c r="N386407" s="10"/>
    </row>
    <row r="386408" spans="14:14">
      <c r="N386408" s="10"/>
    </row>
    <row r="386409" spans="14:14">
      <c r="N386409" s="10"/>
    </row>
    <row r="386410" spans="14:14">
      <c r="N386410" s="10"/>
    </row>
    <row r="386411" spans="14:14">
      <c r="N386411" s="10"/>
    </row>
    <row r="386412" spans="14:14">
      <c r="N386412" s="10"/>
    </row>
    <row r="386413" spans="14:14">
      <c r="N386413" s="10"/>
    </row>
    <row r="386414" spans="14:14">
      <c r="N386414" s="10"/>
    </row>
    <row r="386415" spans="14:14">
      <c r="N386415" s="10"/>
    </row>
    <row r="386416" spans="14:14">
      <c r="N386416" s="10"/>
    </row>
    <row r="386417" spans="14:14">
      <c r="N386417" s="10"/>
    </row>
    <row r="386418" spans="14:14">
      <c r="N386418" s="10"/>
    </row>
    <row r="386419" spans="14:14">
      <c r="N386419" s="10"/>
    </row>
    <row r="386420" spans="14:14">
      <c r="N386420" s="10"/>
    </row>
    <row r="386421" spans="14:14">
      <c r="N386421" s="10"/>
    </row>
    <row r="386422" spans="14:14">
      <c r="N386422" s="10"/>
    </row>
    <row r="386423" spans="14:14">
      <c r="N386423" s="10"/>
    </row>
    <row r="386424" spans="14:14">
      <c r="N386424" s="10"/>
    </row>
    <row r="386425" spans="14:14">
      <c r="N386425" s="10"/>
    </row>
    <row r="386426" spans="14:14">
      <c r="N386426" s="10"/>
    </row>
    <row r="386427" spans="14:14">
      <c r="N386427" s="10"/>
    </row>
    <row r="386428" spans="14:14">
      <c r="N386428" s="10"/>
    </row>
    <row r="386429" spans="14:14">
      <c r="N386429" s="10"/>
    </row>
    <row r="386430" spans="14:14">
      <c r="N386430" s="10"/>
    </row>
    <row r="386431" spans="14:14">
      <c r="N386431" s="10"/>
    </row>
    <row r="386432" spans="14:14">
      <c r="N386432" s="10"/>
    </row>
    <row r="386433" spans="14:14">
      <c r="N386433" s="10"/>
    </row>
    <row r="386434" spans="14:14">
      <c r="N386434" s="10"/>
    </row>
    <row r="386435" spans="14:14">
      <c r="N386435" s="10"/>
    </row>
    <row r="386436" spans="14:14">
      <c r="N386436" s="10"/>
    </row>
    <row r="386437" spans="14:14">
      <c r="N386437" s="10"/>
    </row>
    <row r="386438" spans="14:14">
      <c r="N386438" s="10"/>
    </row>
    <row r="386439" spans="14:14">
      <c r="N386439" s="10"/>
    </row>
    <row r="386440" spans="14:14">
      <c r="N386440" s="10"/>
    </row>
    <row r="386441" spans="14:14">
      <c r="N386441" s="10"/>
    </row>
    <row r="386442" spans="14:14">
      <c r="N386442" s="10"/>
    </row>
    <row r="386443" spans="14:14">
      <c r="N386443" s="10"/>
    </row>
    <row r="386444" spans="14:14">
      <c r="N386444" s="10"/>
    </row>
    <row r="386445" spans="14:14">
      <c r="N386445" s="10"/>
    </row>
    <row r="386446" spans="14:14">
      <c r="N386446" s="10"/>
    </row>
    <row r="386447" spans="14:14">
      <c r="N386447" s="10"/>
    </row>
    <row r="386448" spans="14:14">
      <c r="N386448" s="10"/>
    </row>
    <row r="386449" spans="14:14">
      <c r="N386449" s="10"/>
    </row>
    <row r="386450" spans="14:14">
      <c r="N386450" s="10"/>
    </row>
    <row r="386451" spans="14:14">
      <c r="N386451" s="10"/>
    </row>
    <row r="386452" spans="14:14">
      <c r="N386452" s="10"/>
    </row>
    <row r="386453" spans="14:14">
      <c r="N386453" s="10"/>
    </row>
    <row r="386454" spans="14:14">
      <c r="N386454" s="10"/>
    </row>
    <row r="386455" spans="14:14">
      <c r="N386455" s="10"/>
    </row>
    <row r="386456" spans="14:14">
      <c r="N386456" s="10"/>
    </row>
    <row r="386457" spans="14:14">
      <c r="N386457" s="10"/>
    </row>
    <row r="386458" spans="14:14">
      <c r="N386458" s="10"/>
    </row>
    <row r="386459" spans="14:14">
      <c r="N386459" s="10"/>
    </row>
    <row r="386460" spans="14:14">
      <c r="N386460" s="10"/>
    </row>
    <row r="386461" spans="14:14">
      <c r="N386461" s="10"/>
    </row>
    <row r="386462" spans="14:14">
      <c r="N386462" s="10"/>
    </row>
    <row r="386463" spans="14:14">
      <c r="N386463" s="10"/>
    </row>
    <row r="386464" spans="14:14">
      <c r="N386464" s="10"/>
    </row>
    <row r="386465" spans="14:14">
      <c r="N386465" s="10"/>
    </row>
    <row r="386466" spans="14:14">
      <c r="N386466" s="10"/>
    </row>
    <row r="386467" spans="14:14">
      <c r="N386467" s="10"/>
    </row>
    <row r="386468" spans="14:14">
      <c r="N386468" s="10"/>
    </row>
    <row r="386469" spans="14:14">
      <c r="N386469" s="10"/>
    </row>
    <row r="386470" spans="14:14">
      <c r="N386470" s="10"/>
    </row>
    <row r="386471" spans="14:14">
      <c r="N386471" s="10"/>
    </row>
    <row r="386472" spans="14:14">
      <c r="N386472" s="10"/>
    </row>
    <row r="386473" spans="14:14">
      <c r="N386473" s="10"/>
    </row>
    <row r="386474" spans="14:14">
      <c r="N386474" s="10"/>
    </row>
    <row r="386475" spans="14:14">
      <c r="N386475" s="10"/>
    </row>
    <row r="386476" spans="14:14">
      <c r="N386476" s="10"/>
    </row>
    <row r="386477" spans="14:14">
      <c r="N386477" s="10"/>
    </row>
    <row r="386478" spans="14:14">
      <c r="N386478" s="10"/>
    </row>
    <row r="386479" spans="14:14">
      <c r="N386479" s="10"/>
    </row>
    <row r="386480" spans="14:14">
      <c r="N386480" s="10"/>
    </row>
    <row r="386481" spans="14:14">
      <c r="N386481" s="10"/>
    </row>
    <row r="386482" spans="14:14">
      <c r="N386482" s="10"/>
    </row>
    <row r="386483" spans="14:14">
      <c r="N386483" s="10"/>
    </row>
    <row r="386484" spans="14:14">
      <c r="N386484" s="10"/>
    </row>
    <row r="386485" spans="14:14">
      <c r="N386485" s="10"/>
    </row>
    <row r="386486" spans="14:14">
      <c r="N386486" s="10"/>
    </row>
    <row r="386487" spans="14:14">
      <c r="N386487" s="10"/>
    </row>
    <row r="386488" spans="14:14">
      <c r="N386488" s="10"/>
    </row>
    <row r="386489" spans="14:14">
      <c r="N386489" s="10"/>
    </row>
    <row r="386490" spans="14:14">
      <c r="N386490" s="10"/>
    </row>
    <row r="386491" spans="14:14">
      <c r="N386491" s="10"/>
    </row>
    <row r="386492" spans="14:14">
      <c r="N386492" s="10"/>
    </row>
    <row r="386493" spans="14:14">
      <c r="N386493" s="10"/>
    </row>
    <row r="386494" spans="14:14">
      <c r="N386494" s="10"/>
    </row>
    <row r="386495" spans="14:14">
      <c r="N386495" s="10"/>
    </row>
    <row r="386496" spans="14:14">
      <c r="N386496" s="10"/>
    </row>
    <row r="386497" spans="14:14">
      <c r="N386497" s="10"/>
    </row>
    <row r="386498" spans="14:14">
      <c r="N386498" s="10"/>
    </row>
    <row r="386499" spans="14:14">
      <c r="N386499" s="10"/>
    </row>
    <row r="386500" spans="14:14">
      <c r="N386500" s="10"/>
    </row>
    <row r="386501" spans="14:14">
      <c r="N386501" s="10"/>
    </row>
    <row r="386502" spans="14:14">
      <c r="N386502" s="10"/>
    </row>
    <row r="386503" spans="14:14">
      <c r="N386503" s="10"/>
    </row>
    <row r="386504" spans="14:14">
      <c r="N386504" s="10"/>
    </row>
    <row r="386505" spans="14:14">
      <c r="N386505" s="10"/>
    </row>
    <row r="386506" spans="14:14">
      <c r="N386506" s="10"/>
    </row>
    <row r="386507" spans="14:14">
      <c r="N386507" s="10"/>
    </row>
    <row r="386508" spans="14:14">
      <c r="N386508" s="10"/>
    </row>
    <row r="386509" spans="14:14">
      <c r="N386509" s="10"/>
    </row>
    <row r="386510" spans="14:14">
      <c r="N386510" s="10"/>
    </row>
    <row r="386511" spans="14:14">
      <c r="N386511" s="10"/>
    </row>
    <row r="386512" spans="14:14">
      <c r="N386512" s="10"/>
    </row>
    <row r="386513" spans="14:14">
      <c r="N386513" s="10"/>
    </row>
    <row r="386514" spans="14:14">
      <c r="N386514" s="10"/>
    </row>
    <row r="386515" spans="14:14">
      <c r="N386515" s="10"/>
    </row>
    <row r="386516" spans="14:14">
      <c r="N386516" s="10"/>
    </row>
    <row r="386517" spans="14:14">
      <c r="N386517" s="10"/>
    </row>
    <row r="386518" spans="14:14">
      <c r="N386518" s="10"/>
    </row>
    <row r="386519" spans="14:14">
      <c r="N386519" s="10"/>
    </row>
    <row r="386520" spans="14:14">
      <c r="N386520" s="10"/>
    </row>
    <row r="386521" spans="14:14">
      <c r="N386521" s="10"/>
    </row>
    <row r="386522" spans="14:14">
      <c r="N386522" s="10"/>
    </row>
    <row r="386523" spans="14:14">
      <c r="N386523" s="10"/>
    </row>
    <row r="386524" spans="14:14">
      <c r="N386524" s="10"/>
    </row>
    <row r="386525" spans="14:14">
      <c r="N386525" s="10"/>
    </row>
    <row r="386526" spans="14:14">
      <c r="N386526" s="10"/>
    </row>
    <row r="386527" spans="14:14">
      <c r="N386527" s="10"/>
    </row>
    <row r="386528" spans="14:14">
      <c r="N386528" s="10"/>
    </row>
    <row r="386529" spans="14:14">
      <c r="N386529" s="10"/>
    </row>
    <row r="386530" spans="14:14">
      <c r="N386530" s="10"/>
    </row>
    <row r="386531" spans="14:14">
      <c r="N386531" s="10"/>
    </row>
    <row r="386532" spans="14:14">
      <c r="N386532" s="10"/>
    </row>
    <row r="386533" spans="14:14">
      <c r="N386533" s="10"/>
    </row>
    <row r="386534" spans="14:14">
      <c r="N386534" s="10"/>
    </row>
    <row r="386535" spans="14:14">
      <c r="N386535" s="10"/>
    </row>
    <row r="386536" spans="14:14">
      <c r="N386536" s="10"/>
    </row>
    <row r="386537" spans="14:14">
      <c r="N386537" s="10"/>
    </row>
    <row r="386538" spans="14:14">
      <c r="N386538" s="10"/>
    </row>
    <row r="386539" spans="14:14">
      <c r="N386539" s="10"/>
    </row>
    <row r="386540" spans="14:14">
      <c r="N386540" s="10"/>
    </row>
    <row r="386541" spans="14:14">
      <c r="N386541" s="10"/>
    </row>
    <row r="386542" spans="14:14">
      <c r="N386542" s="10"/>
    </row>
    <row r="386543" spans="14:14">
      <c r="N386543" s="10"/>
    </row>
    <row r="386544" spans="14:14">
      <c r="N386544" s="10"/>
    </row>
    <row r="386545" spans="14:14">
      <c r="N386545" s="10"/>
    </row>
    <row r="386546" spans="14:14">
      <c r="N386546" s="10"/>
    </row>
    <row r="386547" spans="14:14">
      <c r="N386547" s="10"/>
    </row>
    <row r="386548" spans="14:14">
      <c r="N386548" s="10"/>
    </row>
    <row r="386549" spans="14:14">
      <c r="N386549" s="10"/>
    </row>
    <row r="386550" spans="14:14">
      <c r="N386550" s="10"/>
    </row>
    <row r="386551" spans="14:14">
      <c r="N386551" s="10"/>
    </row>
    <row r="386552" spans="14:14">
      <c r="N386552" s="10"/>
    </row>
    <row r="386553" spans="14:14">
      <c r="N386553" s="10"/>
    </row>
    <row r="386554" spans="14:14">
      <c r="N386554" s="10"/>
    </row>
    <row r="386555" spans="14:14">
      <c r="N386555" s="10"/>
    </row>
    <row r="386556" spans="14:14">
      <c r="N386556" s="10"/>
    </row>
    <row r="386557" spans="14:14">
      <c r="N386557" s="10"/>
    </row>
    <row r="386558" spans="14:14">
      <c r="N386558" s="10"/>
    </row>
    <row r="386559" spans="14:14">
      <c r="N386559" s="10"/>
    </row>
    <row r="386560" spans="14:14">
      <c r="N386560" s="10"/>
    </row>
    <row r="386561" spans="14:14">
      <c r="N386561" s="10"/>
    </row>
    <row r="386562" spans="14:14">
      <c r="N386562" s="10"/>
    </row>
    <row r="386563" spans="14:14">
      <c r="N386563" s="10"/>
    </row>
    <row r="386564" spans="14:14">
      <c r="N386564" s="10"/>
    </row>
    <row r="386565" spans="14:14">
      <c r="N386565" s="10"/>
    </row>
    <row r="386566" spans="14:14">
      <c r="N386566" s="10"/>
    </row>
    <row r="386567" spans="14:14">
      <c r="N386567" s="10"/>
    </row>
    <row r="386568" spans="14:14">
      <c r="N386568" s="10"/>
    </row>
    <row r="386569" spans="14:14">
      <c r="N386569" s="10"/>
    </row>
    <row r="386570" spans="14:14">
      <c r="N386570" s="10"/>
    </row>
    <row r="386571" spans="14:14">
      <c r="N386571" s="10"/>
    </row>
    <row r="386572" spans="14:14">
      <c r="N386572" s="10"/>
    </row>
    <row r="386573" spans="14:14">
      <c r="N386573" s="10"/>
    </row>
    <row r="386574" spans="14:14">
      <c r="N386574" s="10"/>
    </row>
    <row r="386575" spans="14:14">
      <c r="N386575" s="10"/>
    </row>
    <row r="386576" spans="14:14">
      <c r="N386576" s="10"/>
    </row>
    <row r="386577" spans="14:14">
      <c r="N386577" s="10"/>
    </row>
    <row r="386578" spans="14:14">
      <c r="N386578" s="10"/>
    </row>
    <row r="386579" spans="14:14">
      <c r="N386579" s="10"/>
    </row>
    <row r="386580" spans="14:14">
      <c r="N386580" s="10"/>
    </row>
    <row r="386581" spans="14:14">
      <c r="N386581" s="10"/>
    </row>
    <row r="386582" spans="14:14">
      <c r="N386582" s="10"/>
    </row>
    <row r="386583" spans="14:14">
      <c r="N386583" s="10"/>
    </row>
    <row r="386584" spans="14:14">
      <c r="N386584" s="10"/>
    </row>
    <row r="386585" spans="14:14">
      <c r="N386585" s="10"/>
    </row>
    <row r="386586" spans="14:14">
      <c r="N386586" s="10"/>
    </row>
    <row r="386587" spans="14:14">
      <c r="N386587" s="10"/>
    </row>
    <row r="386588" spans="14:14">
      <c r="N386588" s="10"/>
    </row>
    <row r="386589" spans="14:14">
      <c r="N386589" s="10"/>
    </row>
    <row r="386590" spans="14:14">
      <c r="N386590" s="10"/>
    </row>
    <row r="386591" spans="14:14">
      <c r="N386591" s="10"/>
    </row>
    <row r="386592" spans="14:14">
      <c r="N386592" s="10"/>
    </row>
    <row r="386593" spans="14:14">
      <c r="N386593" s="10"/>
    </row>
    <row r="386594" spans="14:14">
      <c r="N386594" s="10"/>
    </row>
    <row r="386595" spans="14:14">
      <c r="N386595" s="10"/>
    </row>
    <row r="386596" spans="14:14">
      <c r="N386596" s="10"/>
    </row>
    <row r="386597" spans="14:14">
      <c r="N386597" s="10"/>
    </row>
    <row r="386598" spans="14:14">
      <c r="N386598" s="10"/>
    </row>
    <row r="386599" spans="14:14">
      <c r="N386599" s="10"/>
    </row>
    <row r="386600" spans="14:14">
      <c r="N386600" s="10"/>
    </row>
    <row r="386601" spans="14:14">
      <c r="N386601" s="10"/>
    </row>
    <row r="386602" spans="14:14">
      <c r="N386602" s="10"/>
    </row>
    <row r="386603" spans="14:14">
      <c r="N386603" s="10"/>
    </row>
    <row r="386604" spans="14:14">
      <c r="N386604" s="10"/>
    </row>
    <row r="386605" spans="14:14">
      <c r="N386605" s="10"/>
    </row>
    <row r="386606" spans="14:14">
      <c r="N386606" s="10"/>
    </row>
    <row r="386607" spans="14:14">
      <c r="N386607" s="10"/>
    </row>
    <row r="386608" spans="14:14">
      <c r="N386608" s="10"/>
    </row>
    <row r="386609" spans="14:14">
      <c r="N386609" s="10"/>
    </row>
    <row r="386610" spans="14:14">
      <c r="N386610" s="10"/>
    </row>
    <row r="386611" spans="14:14">
      <c r="N386611" s="10"/>
    </row>
    <row r="386612" spans="14:14">
      <c r="N386612" s="10"/>
    </row>
    <row r="386613" spans="14:14">
      <c r="N386613" s="10"/>
    </row>
    <row r="386614" spans="14:14">
      <c r="N386614" s="10"/>
    </row>
    <row r="386615" spans="14:14">
      <c r="N386615" s="10"/>
    </row>
    <row r="386616" spans="14:14">
      <c r="N386616" s="10"/>
    </row>
    <row r="386617" spans="14:14">
      <c r="N386617" s="10"/>
    </row>
    <row r="386618" spans="14:14">
      <c r="N386618" s="10"/>
    </row>
    <row r="386619" spans="14:14">
      <c r="N386619" s="10"/>
    </row>
    <row r="386620" spans="14:14">
      <c r="N386620" s="10"/>
    </row>
    <row r="386621" spans="14:14">
      <c r="N386621" s="10"/>
    </row>
    <row r="386622" spans="14:14">
      <c r="N386622" s="10"/>
    </row>
    <row r="386623" spans="14:14">
      <c r="N386623" s="10"/>
    </row>
    <row r="386624" spans="14:14">
      <c r="N386624" s="10"/>
    </row>
    <row r="386625" spans="14:14">
      <c r="N386625" s="10"/>
    </row>
    <row r="386626" spans="14:14">
      <c r="N386626" s="10"/>
    </row>
    <row r="386627" spans="14:14">
      <c r="N386627" s="10"/>
    </row>
    <row r="386628" spans="14:14">
      <c r="N386628" s="10"/>
    </row>
    <row r="386629" spans="14:14">
      <c r="N386629" s="10"/>
    </row>
    <row r="386630" spans="14:14">
      <c r="N386630" s="10"/>
    </row>
    <row r="386631" spans="14:14">
      <c r="N386631" s="10"/>
    </row>
    <row r="386632" spans="14:14">
      <c r="N386632" s="10"/>
    </row>
    <row r="386633" spans="14:14">
      <c r="N386633" s="10"/>
    </row>
    <row r="386634" spans="14:14">
      <c r="N386634" s="10"/>
    </row>
    <row r="386635" spans="14:14">
      <c r="N386635" s="10"/>
    </row>
    <row r="386636" spans="14:14">
      <c r="N386636" s="10"/>
    </row>
    <row r="386637" spans="14:14">
      <c r="N386637" s="10"/>
    </row>
    <row r="386638" spans="14:14">
      <c r="N386638" s="10"/>
    </row>
    <row r="386639" spans="14:14">
      <c r="N386639" s="10"/>
    </row>
    <row r="386640" spans="14:14">
      <c r="N386640" s="10"/>
    </row>
    <row r="386641" spans="14:14">
      <c r="N386641" s="10"/>
    </row>
    <row r="386642" spans="14:14">
      <c r="N386642" s="10"/>
    </row>
    <row r="386643" spans="14:14">
      <c r="N386643" s="10"/>
    </row>
    <row r="386644" spans="14:14">
      <c r="N386644" s="10"/>
    </row>
    <row r="386645" spans="14:14">
      <c r="N386645" s="10"/>
    </row>
    <row r="386646" spans="14:14">
      <c r="N386646" s="10"/>
    </row>
    <row r="386647" spans="14:14">
      <c r="N386647" s="10"/>
    </row>
    <row r="386648" spans="14:14">
      <c r="N386648" s="10"/>
    </row>
    <row r="386649" spans="14:14">
      <c r="N386649" s="10"/>
    </row>
    <row r="386650" spans="14:14">
      <c r="N386650" s="10"/>
    </row>
    <row r="386651" spans="14:14">
      <c r="N386651" s="10"/>
    </row>
    <row r="386652" spans="14:14">
      <c r="N386652" s="10"/>
    </row>
    <row r="386653" spans="14:14">
      <c r="N386653" s="10"/>
    </row>
    <row r="386654" spans="14:14">
      <c r="N386654" s="10"/>
    </row>
    <row r="386655" spans="14:14">
      <c r="N386655" s="10"/>
    </row>
    <row r="386656" spans="14:14">
      <c r="N386656" s="10"/>
    </row>
    <row r="386657" spans="14:14">
      <c r="N386657" s="10"/>
    </row>
    <row r="386658" spans="14:14">
      <c r="N386658" s="10"/>
    </row>
    <row r="386659" spans="14:14">
      <c r="N386659" s="10"/>
    </row>
    <row r="386660" spans="14:14">
      <c r="N386660" s="10"/>
    </row>
    <row r="386661" spans="14:14">
      <c r="N386661" s="10"/>
    </row>
    <row r="386662" spans="14:14">
      <c r="N386662" s="10"/>
    </row>
    <row r="386663" spans="14:14">
      <c r="N386663" s="10"/>
    </row>
    <row r="386664" spans="14:14">
      <c r="N386664" s="10"/>
    </row>
    <row r="386665" spans="14:14">
      <c r="N386665" s="10"/>
    </row>
    <row r="386666" spans="14:14">
      <c r="N386666" s="10"/>
    </row>
    <row r="386667" spans="14:14">
      <c r="N386667" s="10"/>
    </row>
    <row r="386668" spans="14:14">
      <c r="N386668" s="10"/>
    </row>
    <row r="386669" spans="14:14">
      <c r="N386669" s="10"/>
    </row>
    <row r="386670" spans="14:14">
      <c r="N386670" s="10"/>
    </row>
    <row r="386671" spans="14:14">
      <c r="N386671" s="10"/>
    </row>
    <row r="386672" spans="14:14">
      <c r="N386672" s="10"/>
    </row>
    <row r="386673" spans="14:14">
      <c r="N386673" s="10"/>
    </row>
    <row r="386674" spans="14:14">
      <c r="N386674" s="10"/>
    </row>
    <row r="386675" spans="14:14">
      <c r="N386675" s="10"/>
    </row>
    <row r="386676" spans="14:14">
      <c r="N386676" s="10"/>
    </row>
    <row r="386677" spans="14:14">
      <c r="N386677" s="10"/>
    </row>
    <row r="386678" spans="14:14">
      <c r="N386678" s="10"/>
    </row>
    <row r="386679" spans="14:14">
      <c r="N386679" s="10"/>
    </row>
    <row r="386680" spans="14:14">
      <c r="N386680" s="10"/>
    </row>
    <row r="386681" spans="14:14">
      <c r="N386681" s="10"/>
    </row>
    <row r="386682" spans="14:14">
      <c r="N386682" s="10"/>
    </row>
    <row r="386683" spans="14:14">
      <c r="N386683" s="10"/>
    </row>
    <row r="386684" spans="14:14">
      <c r="N386684" s="10"/>
    </row>
    <row r="386685" spans="14:14">
      <c r="N386685" s="10"/>
    </row>
    <row r="386686" spans="14:14">
      <c r="N386686" s="10"/>
    </row>
    <row r="386687" spans="14:14">
      <c r="N386687" s="10"/>
    </row>
    <row r="386688" spans="14:14">
      <c r="N386688" s="10"/>
    </row>
    <row r="386689" spans="14:14">
      <c r="N386689" s="10"/>
    </row>
    <row r="386690" spans="14:14">
      <c r="N386690" s="10"/>
    </row>
    <row r="386691" spans="14:14">
      <c r="N386691" s="10"/>
    </row>
    <row r="386692" spans="14:14">
      <c r="N386692" s="10"/>
    </row>
    <row r="386693" spans="14:14">
      <c r="N386693" s="10"/>
    </row>
    <row r="386694" spans="14:14">
      <c r="N386694" s="10"/>
    </row>
    <row r="386695" spans="14:14">
      <c r="N386695" s="10"/>
    </row>
    <row r="386696" spans="14:14">
      <c r="N386696" s="10"/>
    </row>
    <row r="386697" spans="14:14">
      <c r="N386697" s="10"/>
    </row>
    <row r="386698" spans="14:14">
      <c r="N386698" s="10"/>
    </row>
    <row r="386699" spans="14:14">
      <c r="N386699" s="10"/>
    </row>
    <row r="386700" spans="14:14">
      <c r="N386700" s="10"/>
    </row>
    <row r="386701" spans="14:14">
      <c r="N386701" s="10"/>
    </row>
    <row r="386702" spans="14:14">
      <c r="N386702" s="10"/>
    </row>
    <row r="386703" spans="14:14">
      <c r="N386703" s="10"/>
    </row>
    <row r="386704" spans="14:14">
      <c r="N386704" s="10"/>
    </row>
    <row r="386705" spans="14:14">
      <c r="N386705" s="10"/>
    </row>
    <row r="386706" spans="14:14">
      <c r="N386706" s="10"/>
    </row>
    <row r="386707" spans="14:14">
      <c r="N386707" s="10"/>
    </row>
    <row r="386708" spans="14:14">
      <c r="N386708" s="10"/>
    </row>
    <row r="386709" spans="14:14">
      <c r="N386709" s="10"/>
    </row>
    <row r="386710" spans="14:14">
      <c r="N386710" s="10"/>
    </row>
    <row r="386711" spans="14:14">
      <c r="N386711" s="10"/>
    </row>
    <row r="386712" spans="14:14">
      <c r="N386712" s="10"/>
    </row>
    <row r="386713" spans="14:14">
      <c r="N386713" s="10"/>
    </row>
    <row r="386714" spans="14:14">
      <c r="N386714" s="10"/>
    </row>
    <row r="386715" spans="14:14">
      <c r="N386715" s="10"/>
    </row>
    <row r="386716" spans="14:14">
      <c r="N386716" s="10"/>
    </row>
    <row r="386717" spans="14:14">
      <c r="N386717" s="10"/>
    </row>
    <row r="386718" spans="14:14">
      <c r="N386718" s="10"/>
    </row>
    <row r="386719" spans="14:14">
      <c r="N386719" s="10"/>
    </row>
    <row r="386720" spans="14:14">
      <c r="N386720" s="10"/>
    </row>
    <row r="386721" spans="14:14">
      <c r="N386721" s="10"/>
    </row>
    <row r="386722" spans="14:14">
      <c r="N386722" s="10"/>
    </row>
    <row r="386723" spans="14:14">
      <c r="N386723" s="10"/>
    </row>
    <row r="386724" spans="14:14">
      <c r="N386724" s="10"/>
    </row>
    <row r="386725" spans="14:14">
      <c r="N386725" s="10"/>
    </row>
    <row r="386726" spans="14:14">
      <c r="N386726" s="10"/>
    </row>
    <row r="386727" spans="14:14">
      <c r="N386727" s="10"/>
    </row>
    <row r="386728" spans="14:14">
      <c r="N386728" s="10"/>
    </row>
    <row r="386729" spans="14:14">
      <c r="N386729" s="10"/>
    </row>
    <row r="386730" spans="14:14">
      <c r="N386730" s="10"/>
    </row>
    <row r="386731" spans="14:14">
      <c r="N386731" s="10"/>
    </row>
    <row r="386732" spans="14:14">
      <c r="N386732" s="10"/>
    </row>
    <row r="386733" spans="14:14">
      <c r="N386733" s="10"/>
    </row>
    <row r="386734" spans="14:14">
      <c r="N386734" s="10"/>
    </row>
    <row r="386735" spans="14:14">
      <c r="N386735" s="10"/>
    </row>
    <row r="386736" spans="14:14">
      <c r="N386736" s="10"/>
    </row>
    <row r="386737" spans="14:14">
      <c r="N386737" s="10"/>
    </row>
    <row r="386738" spans="14:14">
      <c r="N386738" s="10"/>
    </row>
    <row r="386739" spans="14:14">
      <c r="N386739" s="10"/>
    </row>
    <row r="386740" spans="14:14">
      <c r="N386740" s="10"/>
    </row>
    <row r="386741" spans="14:14">
      <c r="N386741" s="10"/>
    </row>
    <row r="386742" spans="14:14">
      <c r="N386742" s="10"/>
    </row>
    <row r="386743" spans="14:14">
      <c r="N386743" s="10"/>
    </row>
    <row r="386744" spans="14:14">
      <c r="N386744" s="10"/>
    </row>
    <row r="386745" spans="14:14">
      <c r="N386745" s="10"/>
    </row>
    <row r="386746" spans="14:14">
      <c r="N386746" s="10"/>
    </row>
    <row r="386747" spans="14:14">
      <c r="N386747" s="10"/>
    </row>
    <row r="386748" spans="14:14">
      <c r="N386748" s="10"/>
    </row>
    <row r="386749" spans="14:14">
      <c r="N386749" s="10"/>
    </row>
    <row r="386750" spans="14:14">
      <c r="N386750" s="10"/>
    </row>
    <row r="386751" spans="14:14">
      <c r="N386751" s="10"/>
    </row>
    <row r="386752" spans="14:14">
      <c r="N386752" s="10"/>
    </row>
    <row r="386753" spans="14:14">
      <c r="N386753" s="10"/>
    </row>
    <row r="386754" spans="14:14">
      <c r="N386754" s="10"/>
    </row>
    <row r="386755" spans="14:14">
      <c r="N386755" s="10"/>
    </row>
    <row r="386756" spans="14:14">
      <c r="N386756" s="10"/>
    </row>
    <row r="386757" spans="14:14">
      <c r="N386757" s="10"/>
    </row>
    <row r="386758" spans="14:14">
      <c r="N386758" s="10"/>
    </row>
    <row r="386759" spans="14:14">
      <c r="N386759" s="10"/>
    </row>
    <row r="386760" spans="14:14">
      <c r="N386760" s="10"/>
    </row>
    <row r="386761" spans="14:14">
      <c r="N386761" s="10"/>
    </row>
    <row r="386762" spans="14:14">
      <c r="N386762" s="10"/>
    </row>
    <row r="386763" spans="14:14">
      <c r="N386763" s="10"/>
    </row>
    <row r="386764" spans="14:14">
      <c r="N386764" s="10"/>
    </row>
    <row r="386765" spans="14:14">
      <c r="N386765" s="10"/>
    </row>
    <row r="386766" spans="14:14">
      <c r="N386766" s="10"/>
    </row>
    <row r="386767" spans="14:14">
      <c r="N386767" s="10"/>
    </row>
    <row r="386768" spans="14:14">
      <c r="N386768" s="10"/>
    </row>
    <row r="386769" spans="14:14">
      <c r="N386769" s="10"/>
    </row>
    <row r="386770" spans="14:14">
      <c r="N386770" s="10"/>
    </row>
    <row r="386771" spans="14:14">
      <c r="N386771" s="10"/>
    </row>
    <row r="386772" spans="14:14">
      <c r="N386772" s="10"/>
    </row>
    <row r="386773" spans="14:14">
      <c r="N386773" s="10"/>
    </row>
    <row r="386774" spans="14:14">
      <c r="N386774" s="10"/>
    </row>
    <row r="386775" spans="14:14">
      <c r="N386775" s="10"/>
    </row>
    <row r="386776" spans="14:14">
      <c r="N386776" s="10"/>
    </row>
    <row r="386777" spans="14:14">
      <c r="N386777" s="10"/>
    </row>
    <row r="386778" spans="14:14">
      <c r="N386778" s="10"/>
    </row>
    <row r="386779" spans="14:14">
      <c r="N386779" s="10"/>
    </row>
    <row r="386780" spans="14:14">
      <c r="N386780" s="10"/>
    </row>
    <row r="386781" spans="14:14">
      <c r="N386781" s="10"/>
    </row>
    <row r="386782" spans="14:14">
      <c r="N386782" s="10"/>
    </row>
    <row r="386783" spans="14:14">
      <c r="N386783" s="10"/>
    </row>
    <row r="386784" spans="14:14">
      <c r="N386784" s="10"/>
    </row>
    <row r="386785" spans="14:14">
      <c r="N386785" s="10"/>
    </row>
    <row r="386786" spans="14:14">
      <c r="N386786" s="10"/>
    </row>
    <row r="386787" spans="14:14">
      <c r="N386787" s="10"/>
    </row>
    <row r="386788" spans="14:14">
      <c r="N386788" s="10"/>
    </row>
    <row r="386789" spans="14:14">
      <c r="N386789" s="10"/>
    </row>
    <row r="386790" spans="14:14">
      <c r="N386790" s="10"/>
    </row>
    <row r="386791" spans="14:14">
      <c r="N386791" s="10"/>
    </row>
    <row r="386792" spans="14:14">
      <c r="N386792" s="10"/>
    </row>
    <row r="386793" spans="14:14">
      <c r="N386793" s="10"/>
    </row>
    <row r="386794" spans="14:14">
      <c r="N386794" s="10"/>
    </row>
    <row r="386795" spans="14:14">
      <c r="N386795" s="10"/>
    </row>
    <row r="386796" spans="14:14">
      <c r="N386796" s="10"/>
    </row>
    <row r="386797" spans="14:14">
      <c r="N386797" s="10"/>
    </row>
    <row r="386798" spans="14:14">
      <c r="N386798" s="10"/>
    </row>
    <row r="386799" spans="14:14">
      <c r="N386799" s="10"/>
    </row>
    <row r="386800" spans="14:14">
      <c r="N386800" s="10"/>
    </row>
    <row r="386801" spans="14:14">
      <c r="N386801" s="10"/>
    </row>
    <row r="386802" spans="14:14">
      <c r="N386802" s="10"/>
    </row>
    <row r="386803" spans="14:14">
      <c r="N386803" s="10"/>
    </row>
    <row r="386804" spans="14:14">
      <c r="N386804" s="10"/>
    </row>
    <row r="386805" spans="14:14">
      <c r="N386805" s="10"/>
    </row>
    <row r="386806" spans="14:14">
      <c r="N386806" s="10"/>
    </row>
    <row r="386807" spans="14:14">
      <c r="N386807" s="10"/>
    </row>
    <row r="386808" spans="14:14">
      <c r="N386808" s="10"/>
    </row>
    <row r="386809" spans="14:14">
      <c r="N386809" s="10"/>
    </row>
    <row r="386810" spans="14:14">
      <c r="N386810" s="10"/>
    </row>
    <row r="386811" spans="14:14">
      <c r="N386811" s="10"/>
    </row>
    <row r="386812" spans="14:14">
      <c r="N386812" s="10"/>
    </row>
    <row r="386813" spans="14:14">
      <c r="N386813" s="10"/>
    </row>
    <row r="386814" spans="14:14">
      <c r="N386814" s="10"/>
    </row>
    <row r="386815" spans="14:14">
      <c r="N386815" s="10"/>
    </row>
    <row r="386816" spans="14:14">
      <c r="N386816" s="10"/>
    </row>
    <row r="386817" spans="14:14">
      <c r="N386817" s="10"/>
    </row>
    <row r="386818" spans="14:14">
      <c r="N386818" s="10"/>
    </row>
    <row r="386819" spans="14:14">
      <c r="N386819" s="10"/>
    </row>
    <row r="386820" spans="14:14">
      <c r="N386820" s="10"/>
    </row>
    <row r="386821" spans="14:14">
      <c r="N386821" s="10"/>
    </row>
    <row r="386822" spans="14:14">
      <c r="N386822" s="10"/>
    </row>
    <row r="386823" spans="14:14">
      <c r="N386823" s="10"/>
    </row>
    <row r="386824" spans="14:14">
      <c r="N386824" s="10"/>
    </row>
    <row r="386825" spans="14:14">
      <c r="N386825" s="10"/>
    </row>
    <row r="386826" spans="14:14">
      <c r="N386826" s="10"/>
    </row>
    <row r="386827" spans="14:14">
      <c r="N386827" s="10"/>
    </row>
    <row r="386828" spans="14:14">
      <c r="N386828" s="10"/>
    </row>
    <row r="386829" spans="14:14">
      <c r="N386829" s="10"/>
    </row>
    <row r="386830" spans="14:14">
      <c r="N386830" s="10"/>
    </row>
    <row r="386831" spans="14:14">
      <c r="N386831" s="10"/>
    </row>
    <row r="386832" spans="14:14">
      <c r="N386832" s="10"/>
    </row>
    <row r="386833" spans="14:14">
      <c r="N386833" s="10"/>
    </row>
    <row r="386834" spans="14:14">
      <c r="N386834" s="10"/>
    </row>
    <row r="386835" spans="14:14">
      <c r="N386835" s="10"/>
    </row>
    <row r="386836" spans="14:14">
      <c r="N386836" s="10"/>
    </row>
    <row r="386837" spans="14:14">
      <c r="N386837" s="10"/>
    </row>
    <row r="386838" spans="14:14">
      <c r="N386838" s="10"/>
    </row>
    <row r="386839" spans="14:14">
      <c r="N386839" s="10"/>
    </row>
    <row r="386840" spans="14:14">
      <c r="N386840" s="10"/>
    </row>
    <row r="386841" spans="14:14">
      <c r="N386841" s="10"/>
    </row>
    <row r="386842" spans="14:14">
      <c r="N386842" s="10"/>
    </row>
    <row r="386843" spans="14:14">
      <c r="N386843" s="10"/>
    </row>
    <row r="386844" spans="14:14">
      <c r="N386844" s="10"/>
    </row>
    <row r="386845" spans="14:14">
      <c r="N386845" s="10"/>
    </row>
    <row r="386846" spans="14:14">
      <c r="N386846" s="10"/>
    </row>
    <row r="386847" spans="14:14">
      <c r="N386847" s="10"/>
    </row>
    <row r="386848" spans="14:14">
      <c r="N386848" s="10"/>
    </row>
    <row r="386849" spans="14:14">
      <c r="N386849" s="10"/>
    </row>
    <row r="386850" spans="14:14">
      <c r="N386850" s="10"/>
    </row>
    <row r="386851" spans="14:14">
      <c r="N386851" s="10"/>
    </row>
    <row r="386852" spans="14:14">
      <c r="N386852" s="10"/>
    </row>
    <row r="386853" spans="14:14">
      <c r="N386853" s="10"/>
    </row>
    <row r="386854" spans="14:14">
      <c r="N386854" s="10"/>
    </row>
    <row r="386855" spans="14:14">
      <c r="N386855" s="10"/>
    </row>
    <row r="386856" spans="14:14">
      <c r="N386856" s="10"/>
    </row>
    <row r="386857" spans="14:14">
      <c r="N386857" s="10"/>
    </row>
    <row r="386858" spans="14:14">
      <c r="N386858" s="10"/>
    </row>
    <row r="386859" spans="14:14">
      <c r="N386859" s="10"/>
    </row>
    <row r="386860" spans="14:14">
      <c r="N386860" s="10"/>
    </row>
    <row r="386861" spans="14:14">
      <c r="N386861" s="10"/>
    </row>
    <row r="386862" spans="14:14">
      <c r="N386862" s="10"/>
    </row>
    <row r="386863" spans="14:14">
      <c r="N386863" s="10"/>
    </row>
    <row r="386864" spans="14:14">
      <c r="N386864" s="10"/>
    </row>
    <row r="386865" spans="14:14">
      <c r="N386865" s="10"/>
    </row>
    <row r="386866" spans="14:14">
      <c r="N386866" s="10"/>
    </row>
    <row r="386867" spans="14:14">
      <c r="N386867" s="10"/>
    </row>
    <row r="386868" spans="14:14">
      <c r="N386868" s="10"/>
    </row>
    <row r="386869" spans="14:14">
      <c r="N386869" s="10"/>
    </row>
    <row r="386870" spans="14:14">
      <c r="N386870" s="10"/>
    </row>
    <row r="386871" spans="14:14">
      <c r="N386871" s="10"/>
    </row>
    <row r="386872" spans="14:14">
      <c r="N386872" s="10"/>
    </row>
    <row r="386873" spans="14:14">
      <c r="N386873" s="10"/>
    </row>
    <row r="386874" spans="14:14">
      <c r="N386874" s="10"/>
    </row>
    <row r="386875" spans="14:14">
      <c r="N386875" s="10"/>
    </row>
    <row r="386876" spans="14:14">
      <c r="N386876" s="10"/>
    </row>
    <row r="386877" spans="14:14">
      <c r="N386877" s="10"/>
    </row>
    <row r="386878" spans="14:14">
      <c r="N386878" s="10"/>
    </row>
    <row r="386879" spans="14:14">
      <c r="N386879" s="10"/>
    </row>
    <row r="386880" spans="14:14">
      <c r="N386880" s="10"/>
    </row>
    <row r="386881" spans="14:14">
      <c r="N386881" s="10"/>
    </row>
    <row r="386882" spans="14:14">
      <c r="N386882" s="10"/>
    </row>
    <row r="386883" spans="14:14">
      <c r="N386883" s="10"/>
    </row>
    <row r="386884" spans="14:14">
      <c r="N386884" s="10"/>
    </row>
    <row r="386885" spans="14:14">
      <c r="N386885" s="10"/>
    </row>
    <row r="386886" spans="14:14">
      <c r="N386886" s="10"/>
    </row>
    <row r="386887" spans="14:14">
      <c r="N386887" s="10"/>
    </row>
    <row r="386888" spans="14:14">
      <c r="N386888" s="10"/>
    </row>
    <row r="386889" spans="14:14">
      <c r="N386889" s="10"/>
    </row>
    <row r="386890" spans="14:14">
      <c r="N386890" s="10"/>
    </row>
    <row r="386891" spans="14:14">
      <c r="N386891" s="10"/>
    </row>
    <row r="386892" spans="14:14">
      <c r="N386892" s="10"/>
    </row>
    <row r="386893" spans="14:14">
      <c r="N386893" s="10"/>
    </row>
    <row r="386894" spans="14:14">
      <c r="N386894" s="10"/>
    </row>
    <row r="386895" spans="14:14">
      <c r="N386895" s="10"/>
    </row>
    <row r="386896" spans="14:14">
      <c r="N386896" s="10"/>
    </row>
    <row r="386897" spans="14:14">
      <c r="N386897" s="10"/>
    </row>
    <row r="386898" spans="14:14">
      <c r="N386898" s="10"/>
    </row>
    <row r="386899" spans="14:14">
      <c r="N386899" s="10"/>
    </row>
    <row r="386900" spans="14:14">
      <c r="N386900" s="10"/>
    </row>
    <row r="386901" spans="14:14">
      <c r="N386901" s="10"/>
    </row>
    <row r="386902" spans="14:14">
      <c r="N386902" s="10"/>
    </row>
    <row r="386903" spans="14:14">
      <c r="N386903" s="10"/>
    </row>
    <row r="386904" spans="14:14">
      <c r="N386904" s="10"/>
    </row>
    <row r="386905" spans="14:14">
      <c r="N386905" s="10"/>
    </row>
    <row r="386906" spans="14:14">
      <c r="N386906" s="10"/>
    </row>
    <row r="386907" spans="14:14">
      <c r="N386907" s="10"/>
    </row>
    <row r="386908" spans="14:14">
      <c r="N386908" s="10"/>
    </row>
    <row r="386909" spans="14:14">
      <c r="N386909" s="10"/>
    </row>
    <row r="386910" spans="14:14">
      <c r="N386910" s="10"/>
    </row>
    <row r="386911" spans="14:14">
      <c r="N386911" s="10"/>
    </row>
    <row r="386912" spans="14:14">
      <c r="N386912" s="10"/>
    </row>
    <row r="386913" spans="14:14">
      <c r="N386913" s="10"/>
    </row>
    <row r="386914" spans="14:14">
      <c r="N386914" s="10"/>
    </row>
    <row r="386915" spans="14:14">
      <c r="N386915" s="10"/>
    </row>
    <row r="386916" spans="14:14">
      <c r="N386916" s="10"/>
    </row>
    <row r="386917" spans="14:14">
      <c r="N386917" s="10"/>
    </row>
    <row r="386918" spans="14:14">
      <c r="N386918" s="10"/>
    </row>
    <row r="386919" spans="14:14">
      <c r="N386919" s="10"/>
    </row>
    <row r="386920" spans="14:14">
      <c r="N386920" s="10"/>
    </row>
    <row r="386921" spans="14:14">
      <c r="N386921" s="10"/>
    </row>
    <row r="386922" spans="14:14">
      <c r="N386922" s="10"/>
    </row>
    <row r="386923" spans="14:14">
      <c r="N386923" s="10"/>
    </row>
    <row r="386924" spans="14:14">
      <c r="N386924" s="10"/>
    </row>
    <row r="386925" spans="14:14">
      <c r="N386925" s="10"/>
    </row>
    <row r="386926" spans="14:14">
      <c r="N386926" s="10"/>
    </row>
    <row r="386927" spans="14:14">
      <c r="N386927" s="10"/>
    </row>
    <row r="386928" spans="14:14">
      <c r="N386928" s="10"/>
    </row>
    <row r="386929" spans="14:14">
      <c r="N386929" s="10"/>
    </row>
    <row r="386930" spans="14:14">
      <c r="N386930" s="10"/>
    </row>
    <row r="386931" spans="14:14">
      <c r="N386931" s="10"/>
    </row>
    <row r="386932" spans="14:14">
      <c r="N386932" s="10"/>
    </row>
    <row r="386933" spans="14:14">
      <c r="N386933" s="10"/>
    </row>
    <row r="386934" spans="14:14">
      <c r="N386934" s="10"/>
    </row>
    <row r="386935" spans="14:14">
      <c r="N386935" s="10"/>
    </row>
    <row r="386936" spans="14:14">
      <c r="N386936" s="10"/>
    </row>
    <row r="386937" spans="14:14">
      <c r="N386937" s="10"/>
    </row>
    <row r="386938" spans="14:14">
      <c r="N386938" s="10"/>
    </row>
    <row r="386939" spans="14:14">
      <c r="N386939" s="10"/>
    </row>
    <row r="386940" spans="14:14">
      <c r="N386940" s="10"/>
    </row>
    <row r="386941" spans="14:14">
      <c r="N386941" s="10"/>
    </row>
    <row r="386942" spans="14:14">
      <c r="N386942" s="10"/>
    </row>
    <row r="386943" spans="14:14">
      <c r="N386943" s="10"/>
    </row>
    <row r="386944" spans="14:14">
      <c r="N386944" s="10"/>
    </row>
    <row r="386945" spans="14:14">
      <c r="N386945" s="10"/>
    </row>
    <row r="386946" spans="14:14">
      <c r="N386946" s="10"/>
    </row>
    <row r="386947" spans="14:14">
      <c r="N386947" s="10"/>
    </row>
    <row r="386948" spans="14:14">
      <c r="N386948" s="10"/>
    </row>
    <row r="386949" spans="14:14">
      <c r="N386949" s="10"/>
    </row>
    <row r="386950" spans="14:14">
      <c r="N386950" s="10"/>
    </row>
    <row r="386951" spans="14:14">
      <c r="N386951" s="10"/>
    </row>
    <row r="386952" spans="14:14">
      <c r="N386952" s="10"/>
    </row>
    <row r="386953" spans="14:14">
      <c r="N386953" s="10"/>
    </row>
    <row r="386954" spans="14:14">
      <c r="N386954" s="10"/>
    </row>
    <row r="386955" spans="14:14">
      <c r="N386955" s="10"/>
    </row>
    <row r="386956" spans="14:14">
      <c r="N386956" s="10"/>
    </row>
    <row r="386957" spans="14:14">
      <c r="N386957" s="10"/>
    </row>
    <row r="386958" spans="14:14">
      <c r="N386958" s="10"/>
    </row>
    <row r="386959" spans="14:14">
      <c r="N386959" s="10"/>
    </row>
    <row r="386960" spans="14:14">
      <c r="N386960" s="10"/>
    </row>
    <row r="386961" spans="14:14">
      <c r="N386961" s="10"/>
    </row>
    <row r="386962" spans="14:14">
      <c r="N386962" s="10"/>
    </row>
    <row r="386963" spans="14:14">
      <c r="N386963" s="10"/>
    </row>
    <row r="386964" spans="14:14">
      <c r="N386964" s="10"/>
    </row>
    <row r="386965" spans="14:14">
      <c r="N386965" s="10"/>
    </row>
    <row r="386966" spans="14:14">
      <c r="N386966" s="10"/>
    </row>
    <row r="386967" spans="14:14">
      <c r="N386967" s="10"/>
    </row>
    <row r="386968" spans="14:14">
      <c r="N386968" s="10"/>
    </row>
    <row r="386969" spans="14:14">
      <c r="N386969" s="10"/>
    </row>
    <row r="386970" spans="14:14">
      <c r="N386970" s="10"/>
    </row>
    <row r="386971" spans="14:14">
      <c r="N386971" s="10"/>
    </row>
    <row r="386972" spans="14:14">
      <c r="N386972" s="10"/>
    </row>
    <row r="386973" spans="14:14">
      <c r="N386973" s="10"/>
    </row>
    <row r="386974" spans="14:14">
      <c r="N386974" s="10"/>
    </row>
    <row r="386975" spans="14:14">
      <c r="N386975" s="10"/>
    </row>
    <row r="386976" spans="14:14">
      <c r="N386976" s="10"/>
    </row>
    <row r="386977" spans="14:14">
      <c r="N386977" s="10"/>
    </row>
    <row r="386978" spans="14:14">
      <c r="N386978" s="10"/>
    </row>
    <row r="386979" spans="14:14">
      <c r="N386979" s="10"/>
    </row>
    <row r="386980" spans="14:14">
      <c r="N386980" s="10"/>
    </row>
    <row r="386981" spans="14:14">
      <c r="N386981" s="10"/>
    </row>
    <row r="386982" spans="14:14">
      <c r="N386982" s="10"/>
    </row>
    <row r="386983" spans="14:14">
      <c r="N386983" s="10"/>
    </row>
    <row r="386984" spans="14:14">
      <c r="N386984" s="10"/>
    </row>
    <row r="386985" spans="14:14">
      <c r="N386985" s="10"/>
    </row>
    <row r="386986" spans="14:14">
      <c r="N386986" s="10"/>
    </row>
    <row r="386987" spans="14:14">
      <c r="N386987" s="10"/>
    </row>
    <row r="386988" spans="14:14">
      <c r="N386988" s="10"/>
    </row>
    <row r="386989" spans="14:14">
      <c r="N386989" s="10"/>
    </row>
    <row r="386990" spans="14:14">
      <c r="N386990" s="10"/>
    </row>
    <row r="386991" spans="14:14">
      <c r="N386991" s="10"/>
    </row>
    <row r="386992" spans="14:14">
      <c r="N386992" s="10"/>
    </row>
    <row r="386993" spans="14:14">
      <c r="N386993" s="10"/>
    </row>
    <row r="386994" spans="14:14">
      <c r="N386994" s="10"/>
    </row>
    <row r="386995" spans="14:14">
      <c r="N386995" s="10"/>
    </row>
    <row r="386996" spans="14:14">
      <c r="N386996" s="10"/>
    </row>
    <row r="386997" spans="14:14">
      <c r="N386997" s="10"/>
    </row>
    <row r="386998" spans="14:14">
      <c r="N386998" s="10"/>
    </row>
    <row r="386999" spans="14:14">
      <c r="N386999" s="10"/>
    </row>
    <row r="387000" spans="14:14">
      <c r="N387000" s="10"/>
    </row>
    <row r="387001" spans="14:14">
      <c r="N387001" s="10"/>
    </row>
    <row r="387002" spans="14:14">
      <c r="N387002" s="10"/>
    </row>
    <row r="387003" spans="14:14">
      <c r="N387003" s="10"/>
    </row>
    <row r="387004" spans="14:14">
      <c r="N387004" s="10"/>
    </row>
    <row r="387005" spans="14:14">
      <c r="N387005" s="10"/>
    </row>
    <row r="387006" spans="14:14">
      <c r="N387006" s="10"/>
    </row>
    <row r="387007" spans="14:14">
      <c r="N387007" s="10"/>
    </row>
    <row r="387008" spans="14:14">
      <c r="N387008" s="10"/>
    </row>
    <row r="387009" spans="14:14">
      <c r="N387009" s="10"/>
    </row>
    <row r="387010" spans="14:14">
      <c r="N387010" s="10"/>
    </row>
    <row r="387011" spans="14:14">
      <c r="N387011" s="10"/>
    </row>
    <row r="387012" spans="14:14">
      <c r="N387012" s="10"/>
    </row>
    <row r="387013" spans="14:14">
      <c r="N387013" s="10"/>
    </row>
    <row r="387014" spans="14:14">
      <c r="N387014" s="10"/>
    </row>
    <row r="387015" spans="14:14">
      <c r="N387015" s="10"/>
    </row>
    <row r="387016" spans="14:14">
      <c r="N387016" s="10"/>
    </row>
    <row r="387017" spans="14:14">
      <c r="N387017" s="10"/>
    </row>
    <row r="387018" spans="14:14">
      <c r="N387018" s="10"/>
    </row>
    <row r="387019" spans="14:14">
      <c r="N387019" s="10"/>
    </row>
    <row r="387020" spans="14:14">
      <c r="N387020" s="10"/>
    </row>
    <row r="387021" spans="14:14">
      <c r="N387021" s="10"/>
    </row>
    <row r="387022" spans="14:14">
      <c r="N387022" s="10"/>
    </row>
    <row r="387023" spans="14:14">
      <c r="N387023" s="10"/>
    </row>
    <row r="387024" spans="14:14">
      <c r="N387024" s="10"/>
    </row>
    <row r="387025" spans="14:14">
      <c r="N387025" s="10"/>
    </row>
    <row r="387026" spans="14:14">
      <c r="N387026" s="10"/>
    </row>
    <row r="387027" spans="14:14">
      <c r="N387027" s="10"/>
    </row>
    <row r="387028" spans="14:14">
      <c r="N387028" s="10"/>
    </row>
    <row r="387029" spans="14:14">
      <c r="N387029" s="10"/>
    </row>
    <row r="387030" spans="14:14">
      <c r="N387030" s="10"/>
    </row>
    <row r="387031" spans="14:14">
      <c r="N387031" s="10"/>
    </row>
    <row r="387032" spans="14:14">
      <c r="N387032" s="10"/>
    </row>
    <row r="387033" spans="14:14">
      <c r="N387033" s="10"/>
    </row>
    <row r="387034" spans="14:14">
      <c r="N387034" s="10"/>
    </row>
    <row r="387035" spans="14:14">
      <c r="N387035" s="10"/>
    </row>
    <row r="387036" spans="14:14">
      <c r="N387036" s="10"/>
    </row>
    <row r="387037" spans="14:14">
      <c r="N387037" s="10"/>
    </row>
    <row r="387038" spans="14:14">
      <c r="N387038" s="10"/>
    </row>
    <row r="387039" spans="14:14">
      <c r="N387039" s="10"/>
    </row>
    <row r="387040" spans="14:14">
      <c r="N387040" s="10"/>
    </row>
    <row r="387041" spans="14:14">
      <c r="N387041" s="10"/>
    </row>
    <row r="387042" spans="14:14">
      <c r="N387042" s="10"/>
    </row>
    <row r="387043" spans="14:14">
      <c r="N387043" s="10"/>
    </row>
    <row r="387044" spans="14:14">
      <c r="N387044" s="10"/>
    </row>
    <row r="387045" spans="14:14">
      <c r="N387045" s="10"/>
    </row>
    <row r="387046" spans="14:14">
      <c r="N387046" s="10"/>
    </row>
    <row r="387047" spans="14:14">
      <c r="N387047" s="10"/>
    </row>
    <row r="387048" spans="14:14">
      <c r="N387048" s="10"/>
    </row>
    <row r="387049" spans="14:14">
      <c r="N387049" s="10"/>
    </row>
    <row r="387050" spans="14:14">
      <c r="N387050" s="10"/>
    </row>
    <row r="387051" spans="14:14">
      <c r="N387051" s="10"/>
    </row>
    <row r="387052" spans="14:14">
      <c r="N387052" s="10"/>
    </row>
    <row r="387053" spans="14:14">
      <c r="N387053" s="10"/>
    </row>
    <row r="387054" spans="14:14">
      <c r="N387054" s="10"/>
    </row>
    <row r="387055" spans="14:14">
      <c r="N387055" s="10"/>
    </row>
    <row r="387056" spans="14:14">
      <c r="N387056" s="10"/>
    </row>
    <row r="387057" spans="14:14">
      <c r="N387057" s="10"/>
    </row>
    <row r="387058" spans="14:14">
      <c r="N387058" s="10"/>
    </row>
    <row r="387059" spans="14:14">
      <c r="N387059" s="10"/>
    </row>
    <row r="387060" spans="14:14">
      <c r="N387060" s="10"/>
    </row>
    <row r="387061" spans="14:14">
      <c r="N387061" s="10"/>
    </row>
    <row r="387062" spans="14:14">
      <c r="N387062" s="10"/>
    </row>
    <row r="387063" spans="14:14">
      <c r="N387063" s="10"/>
    </row>
    <row r="387064" spans="14:14">
      <c r="N387064" s="10"/>
    </row>
    <row r="387065" spans="14:14">
      <c r="N387065" s="10"/>
    </row>
    <row r="387066" spans="14:14">
      <c r="N387066" s="10"/>
    </row>
    <row r="387067" spans="14:14">
      <c r="N387067" s="10"/>
    </row>
    <row r="387068" spans="14:14">
      <c r="N387068" s="10"/>
    </row>
    <row r="387069" spans="14:14">
      <c r="N387069" s="10"/>
    </row>
    <row r="387070" spans="14:14">
      <c r="N387070" s="10"/>
    </row>
    <row r="387071" spans="14:14">
      <c r="N387071" s="10"/>
    </row>
    <row r="387072" spans="14:14">
      <c r="N387072" s="10"/>
    </row>
    <row r="387073" spans="14:14">
      <c r="N387073" s="10"/>
    </row>
    <row r="387074" spans="14:14">
      <c r="N387074" s="10"/>
    </row>
    <row r="387075" spans="14:14">
      <c r="N387075" s="10"/>
    </row>
    <row r="387076" spans="14:14">
      <c r="N387076" s="10"/>
    </row>
    <row r="387077" spans="14:14">
      <c r="N387077" s="10"/>
    </row>
    <row r="387078" spans="14:14">
      <c r="N387078" s="10"/>
    </row>
    <row r="387079" spans="14:14">
      <c r="N387079" s="10"/>
    </row>
    <row r="387080" spans="14:14">
      <c r="N387080" s="10"/>
    </row>
    <row r="387081" spans="14:14">
      <c r="N387081" s="10"/>
    </row>
    <row r="387082" spans="14:14">
      <c r="N387082" s="10"/>
    </row>
    <row r="387083" spans="14:14">
      <c r="N387083" s="10"/>
    </row>
    <row r="387084" spans="14:14">
      <c r="N387084" s="10"/>
    </row>
    <row r="387085" spans="14:14">
      <c r="N387085" s="10"/>
    </row>
    <row r="387086" spans="14:14">
      <c r="N387086" s="10"/>
    </row>
    <row r="387087" spans="14:14">
      <c r="N387087" s="10"/>
    </row>
    <row r="387088" spans="14:14">
      <c r="N387088" s="10"/>
    </row>
    <row r="387089" spans="14:14">
      <c r="N387089" s="10"/>
    </row>
    <row r="387090" spans="14:14">
      <c r="N387090" s="10"/>
    </row>
    <row r="387091" spans="14:14">
      <c r="N387091" s="10"/>
    </row>
    <row r="387092" spans="14:14">
      <c r="N387092" s="10"/>
    </row>
    <row r="387093" spans="14:14">
      <c r="N387093" s="10"/>
    </row>
    <row r="387094" spans="14:14">
      <c r="N387094" s="10"/>
    </row>
    <row r="387095" spans="14:14">
      <c r="N387095" s="10"/>
    </row>
    <row r="387096" spans="14:14">
      <c r="N387096" s="10"/>
    </row>
    <row r="387097" spans="14:14">
      <c r="N387097" s="10"/>
    </row>
    <row r="387098" spans="14:14">
      <c r="N387098" s="10"/>
    </row>
    <row r="387099" spans="14:14">
      <c r="N387099" s="10"/>
    </row>
    <row r="387100" spans="14:14">
      <c r="N387100" s="10"/>
    </row>
    <row r="387101" spans="14:14">
      <c r="N387101" s="10"/>
    </row>
    <row r="387102" spans="14:14">
      <c r="N387102" s="10"/>
    </row>
    <row r="387103" spans="14:14">
      <c r="N387103" s="10"/>
    </row>
    <row r="387104" spans="14:14">
      <c r="N387104" s="10"/>
    </row>
    <row r="387105" spans="14:14">
      <c r="N387105" s="10"/>
    </row>
    <row r="387106" spans="14:14">
      <c r="N387106" s="10"/>
    </row>
    <row r="387107" spans="14:14">
      <c r="N387107" s="10"/>
    </row>
    <row r="387108" spans="14:14">
      <c r="N387108" s="10"/>
    </row>
    <row r="387109" spans="14:14">
      <c r="N387109" s="10"/>
    </row>
    <row r="387110" spans="14:14">
      <c r="N387110" s="10"/>
    </row>
    <row r="387111" spans="14:14">
      <c r="N387111" s="10"/>
    </row>
    <row r="387112" spans="14:14">
      <c r="N387112" s="10"/>
    </row>
    <row r="387113" spans="14:14">
      <c r="N387113" s="10"/>
    </row>
    <row r="387114" spans="14:14">
      <c r="N387114" s="10"/>
    </row>
    <row r="387115" spans="14:14">
      <c r="N387115" s="10"/>
    </row>
    <row r="387116" spans="14:14">
      <c r="N387116" s="10"/>
    </row>
    <row r="387117" spans="14:14">
      <c r="N387117" s="10"/>
    </row>
    <row r="387118" spans="14:14">
      <c r="N387118" s="10"/>
    </row>
    <row r="387119" spans="14:14">
      <c r="N387119" s="10"/>
    </row>
    <row r="387120" spans="14:14">
      <c r="N387120" s="10"/>
    </row>
    <row r="387121" spans="14:14">
      <c r="N387121" s="10"/>
    </row>
    <row r="387122" spans="14:14">
      <c r="N387122" s="10"/>
    </row>
    <row r="387123" spans="14:14">
      <c r="N387123" s="10"/>
    </row>
    <row r="387124" spans="14:14">
      <c r="N387124" s="10"/>
    </row>
    <row r="387125" spans="14:14">
      <c r="N387125" s="10"/>
    </row>
    <row r="387126" spans="14:14">
      <c r="N387126" s="10"/>
    </row>
    <row r="387127" spans="14:14">
      <c r="N387127" s="10"/>
    </row>
    <row r="387128" spans="14:14">
      <c r="N387128" s="10"/>
    </row>
    <row r="387129" spans="14:14">
      <c r="N387129" s="10"/>
    </row>
    <row r="387130" spans="14:14">
      <c r="N387130" s="10"/>
    </row>
    <row r="387131" spans="14:14">
      <c r="N387131" s="10"/>
    </row>
    <row r="387132" spans="14:14">
      <c r="N387132" s="10"/>
    </row>
    <row r="387133" spans="14:14">
      <c r="N387133" s="10"/>
    </row>
    <row r="387134" spans="14:14">
      <c r="N387134" s="10"/>
    </row>
    <row r="387135" spans="14:14">
      <c r="N387135" s="10"/>
    </row>
    <row r="387136" spans="14:14">
      <c r="N387136" s="10"/>
    </row>
    <row r="387137" spans="14:14">
      <c r="N387137" s="10"/>
    </row>
    <row r="387138" spans="14:14">
      <c r="N387138" s="10"/>
    </row>
    <row r="387139" spans="14:14">
      <c r="N387139" s="10"/>
    </row>
    <row r="387140" spans="14:14">
      <c r="N387140" s="10"/>
    </row>
    <row r="387141" spans="14:14">
      <c r="N387141" s="10"/>
    </row>
    <row r="387142" spans="14:14">
      <c r="N387142" s="10"/>
    </row>
    <row r="387143" spans="14:14">
      <c r="N387143" s="10"/>
    </row>
    <row r="387144" spans="14:14">
      <c r="N387144" s="10"/>
    </row>
    <row r="387145" spans="14:14">
      <c r="N387145" s="10"/>
    </row>
    <row r="387146" spans="14:14">
      <c r="N387146" s="10"/>
    </row>
    <row r="387147" spans="14:14">
      <c r="N387147" s="10"/>
    </row>
    <row r="387148" spans="14:14">
      <c r="N387148" s="10"/>
    </row>
    <row r="387149" spans="14:14">
      <c r="N387149" s="10"/>
    </row>
    <row r="387150" spans="14:14">
      <c r="N387150" s="10"/>
    </row>
    <row r="387151" spans="14:14">
      <c r="N387151" s="10"/>
    </row>
    <row r="387152" spans="14:14">
      <c r="N387152" s="10"/>
    </row>
    <row r="387153" spans="14:14">
      <c r="N387153" s="10"/>
    </row>
    <row r="387154" spans="14:14">
      <c r="N387154" s="10"/>
    </row>
    <row r="387155" spans="14:14">
      <c r="N387155" s="10"/>
    </row>
    <row r="387156" spans="14:14">
      <c r="N387156" s="10"/>
    </row>
    <row r="387157" spans="14:14">
      <c r="N387157" s="10"/>
    </row>
    <row r="387158" spans="14:14">
      <c r="N387158" s="10"/>
    </row>
    <row r="387159" spans="14:14">
      <c r="N387159" s="10"/>
    </row>
    <row r="387160" spans="14:14">
      <c r="N387160" s="10"/>
    </row>
    <row r="387161" spans="14:14">
      <c r="N387161" s="10"/>
    </row>
    <row r="387162" spans="14:14">
      <c r="N387162" s="10"/>
    </row>
    <row r="387163" spans="14:14">
      <c r="N387163" s="10"/>
    </row>
    <row r="387164" spans="14:14">
      <c r="N387164" s="10"/>
    </row>
    <row r="387165" spans="14:14">
      <c r="N387165" s="10"/>
    </row>
    <row r="387166" spans="14:14">
      <c r="N387166" s="10"/>
    </row>
    <row r="387167" spans="14:14">
      <c r="N387167" s="10"/>
    </row>
    <row r="387168" spans="14:14">
      <c r="N387168" s="10"/>
    </row>
    <row r="387169" spans="14:14">
      <c r="N387169" s="10"/>
    </row>
    <row r="387170" spans="14:14">
      <c r="N387170" s="10"/>
    </row>
    <row r="387171" spans="14:14">
      <c r="N387171" s="10"/>
    </row>
    <row r="387172" spans="14:14">
      <c r="N387172" s="10"/>
    </row>
    <row r="387173" spans="14:14">
      <c r="N387173" s="10"/>
    </row>
    <row r="387174" spans="14:14">
      <c r="N387174" s="10"/>
    </row>
    <row r="387175" spans="14:14">
      <c r="N387175" s="10"/>
    </row>
    <row r="387176" spans="14:14">
      <c r="N387176" s="10"/>
    </row>
    <row r="387177" spans="14:14">
      <c r="N387177" s="10"/>
    </row>
    <row r="387178" spans="14:14">
      <c r="N387178" s="10"/>
    </row>
    <row r="387179" spans="14:14">
      <c r="N387179" s="10"/>
    </row>
    <row r="387180" spans="14:14">
      <c r="N387180" s="10"/>
    </row>
    <row r="387181" spans="14:14">
      <c r="N387181" s="10"/>
    </row>
    <row r="387182" spans="14:14">
      <c r="N387182" s="10"/>
    </row>
    <row r="387183" spans="14:14">
      <c r="N387183" s="10"/>
    </row>
    <row r="387184" spans="14:14">
      <c r="N387184" s="10"/>
    </row>
    <row r="387185" spans="14:14">
      <c r="N387185" s="10"/>
    </row>
    <row r="387186" spans="14:14">
      <c r="N387186" s="10"/>
    </row>
    <row r="387187" spans="14:14">
      <c r="N387187" s="10"/>
    </row>
    <row r="387188" spans="14:14">
      <c r="N387188" s="10"/>
    </row>
    <row r="387189" spans="14:14">
      <c r="N387189" s="10"/>
    </row>
    <row r="387190" spans="14:14">
      <c r="N387190" s="10"/>
    </row>
    <row r="387191" spans="14:14">
      <c r="N387191" s="10"/>
    </row>
    <row r="387192" spans="14:14">
      <c r="N387192" s="10"/>
    </row>
    <row r="387193" spans="14:14">
      <c r="N387193" s="10"/>
    </row>
    <row r="387194" spans="14:14">
      <c r="N387194" s="10"/>
    </row>
    <row r="387195" spans="14:14">
      <c r="N387195" s="10"/>
    </row>
    <row r="387196" spans="14:14">
      <c r="N387196" s="10"/>
    </row>
    <row r="387197" spans="14:14">
      <c r="N387197" s="10"/>
    </row>
    <row r="387198" spans="14:14">
      <c r="N387198" s="10"/>
    </row>
    <row r="387199" spans="14:14">
      <c r="N387199" s="10"/>
    </row>
    <row r="387200" spans="14:14">
      <c r="N387200" s="10"/>
    </row>
    <row r="387201" spans="14:14">
      <c r="N387201" s="10"/>
    </row>
    <row r="387202" spans="14:14">
      <c r="N387202" s="10"/>
    </row>
    <row r="387203" spans="14:14">
      <c r="N387203" s="10"/>
    </row>
    <row r="387204" spans="14:14">
      <c r="N387204" s="10"/>
    </row>
    <row r="387205" spans="14:14">
      <c r="N387205" s="10"/>
    </row>
    <row r="387206" spans="14:14">
      <c r="N387206" s="10"/>
    </row>
    <row r="387207" spans="14:14">
      <c r="N387207" s="10"/>
    </row>
    <row r="387208" spans="14:14">
      <c r="N387208" s="10"/>
    </row>
    <row r="387209" spans="14:14">
      <c r="N387209" s="10"/>
    </row>
    <row r="387210" spans="14:14">
      <c r="N387210" s="10"/>
    </row>
    <row r="387211" spans="14:14">
      <c r="N387211" s="10"/>
    </row>
    <row r="387212" spans="14:14">
      <c r="N387212" s="10"/>
    </row>
    <row r="387213" spans="14:14">
      <c r="N387213" s="10"/>
    </row>
    <row r="387214" spans="14:14">
      <c r="N387214" s="10"/>
    </row>
    <row r="387215" spans="14:14">
      <c r="N387215" s="10"/>
    </row>
    <row r="387216" spans="14:14">
      <c r="N387216" s="10"/>
    </row>
    <row r="387217" spans="14:14">
      <c r="N387217" s="10"/>
    </row>
    <row r="387218" spans="14:14">
      <c r="N387218" s="10"/>
    </row>
    <row r="387219" spans="14:14">
      <c r="N387219" s="10"/>
    </row>
    <row r="387220" spans="14:14">
      <c r="N387220" s="10"/>
    </row>
    <row r="387221" spans="14:14">
      <c r="N387221" s="10"/>
    </row>
    <row r="387222" spans="14:14">
      <c r="N387222" s="10"/>
    </row>
    <row r="387223" spans="14:14">
      <c r="N387223" s="10"/>
    </row>
    <row r="387224" spans="14:14">
      <c r="N387224" s="10"/>
    </row>
    <row r="387225" spans="14:14">
      <c r="N387225" s="10"/>
    </row>
    <row r="387226" spans="14:14">
      <c r="N387226" s="10"/>
    </row>
    <row r="387227" spans="14:14">
      <c r="N387227" s="10"/>
    </row>
    <row r="387228" spans="14:14">
      <c r="N387228" s="10"/>
    </row>
    <row r="387229" spans="14:14">
      <c r="N387229" s="10"/>
    </row>
    <row r="387230" spans="14:14">
      <c r="N387230" s="10"/>
    </row>
    <row r="387231" spans="14:14">
      <c r="N387231" s="10"/>
    </row>
    <row r="387232" spans="14:14">
      <c r="N387232" s="10"/>
    </row>
    <row r="387233" spans="14:14">
      <c r="N387233" s="10"/>
    </row>
    <row r="387234" spans="14:14">
      <c r="N387234" s="10"/>
    </row>
    <row r="387235" spans="14:14">
      <c r="N387235" s="10"/>
    </row>
    <row r="387236" spans="14:14">
      <c r="N387236" s="10"/>
    </row>
    <row r="387237" spans="14:14">
      <c r="N387237" s="10"/>
    </row>
    <row r="387238" spans="14:14">
      <c r="N387238" s="10"/>
    </row>
    <row r="387239" spans="14:14">
      <c r="N387239" s="10"/>
    </row>
    <row r="387240" spans="14:14">
      <c r="N387240" s="10"/>
    </row>
    <row r="387241" spans="14:14">
      <c r="N387241" s="10"/>
    </row>
    <row r="387242" spans="14:14">
      <c r="N387242" s="10"/>
    </row>
    <row r="387243" spans="14:14">
      <c r="N387243" s="10"/>
    </row>
    <row r="387244" spans="14:14">
      <c r="N387244" s="10"/>
    </row>
    <row r="387245" spans="14:14">
      <c r="N387245" s="10"/>
    </row>
    <row r="387246" spans="14:14">
      <c r="N387246" s="10"/>
    </row>
    <row r="387247" spans="14:14">
      <c r="N387247" s="10"/>
    </row>
    <row r="387248" spans="14:14">
      <c r="N387248" s="10"/>
    </row>
    <row r="387249" spans="14:14">
      <c r="N387249" s="10"/>
    </row>
    <row r="387250" spans="14:14">
      <c r="N387250" s="10"/>
    </row>
    <row r="387251" spans="14:14">
      <c r="N387251" s="10"/>
    </row>
    <row r="387252" spans="14:14">
      <c r="N387252" s="10"/>
    </row>
    <row r="387253" spans="14:14">
      <c r="N387253" s="10"/>
    </row>
    <row r="387254" spans="14:14">
      <c r="N387254" s="10"/>
    </row>
    <row r="387255" spans="14:14">
      <c r="N387255" s="10"/>
    </row>
    <row r="387256" spans="14:14">
      <c r="N387256" s="10"/>
    </row>
    <row r="387257" spans="14:14">
      <c r="N387257" s="10"/>
    </row>
    <row r="387258" spans="14:14">
      <c r="N387258" s="10"/>
    </row>
    <row r="387259" spans="14:14">
      <c r="N387259" s="10"/>
    </row>
    <row r="387260" spans="14:14">
      <c r="N387260" s="10"/>
    </row>
    <row r="387261" spans="14:14">
      <c r="N387261" s="10"/>
    </row>
    <row r="387262" spans="14:14">
      <c r="N387262" s="10"/>
    </row>
    <row r="387263" spans="14:14">
      <c r="N387263" s="10"/>
    </row>
    <row r="387264" spans="14:14">
      <c r="N387264" s="10"/>
    </row>
    <row r="387265" spans="14:14">
      <c r="N387265" s="10"/>
    </row>
    <row r="387266" spans="14:14">
      <c r="N387266" s="10"/>
    </row>
    <row r="387267" spans="14:14">
      <c r="N387267" s="10"/>
    </row>
    <row r="387268" spans="14:14">
      <c r="N387268" s="10"/>
    </row>
    <row r="387269" spans="14:14">
      <c r="N387269" s="10"/>
    </row>
    <row r="387270" spans="14:14">
      <c r="N387270" s="10"/>
    </row>
    <row r="387271" spans="14:14">
      <c r="N387271" s="10"/>
    </row>
    <row r="387272" spans="14:14">
      <c r="N387272" s="10"/>
    </row>
    <row r="387273" spans="14:14">
      <c r="N387273" s="10"/>
    </row>
    <row r="387274" spans="14:14">
      <c r="N387274" s="10"/>
    </row>
    <row r="387275" spans="14:14">
      <c r="N387275" s="10"/>
    </row>
    <row r="387276" spans="14:14">
      <c r="N387276" s="10"/>
    </row>
    <row r="387277" spans="14:14">
      <c r="N387277" s="10"/>
    </row>
    <row r="387278" spans="14:14">
      <c r="N387278" s="10"/>
    </row>
    <row r="387279" spans="14:14">
      <c r="N387279" s="10"/>
    </row>
    <row r="387280" spans="14:14">
      <c r="N387280" s="10"/>
    </row>
    <row r="387281" spans="14:14">
      <c r="N387281" s="10"/>
    </row>
    <row r="387282" spans="14:14">
      <c r="N387282" s="10"/>
    </row>
    <row r="387283" spans="14:14">
      <c r="N387283" s="10"/>
    </row>
    <row r="387284" spans="14:14">
      <c r="N387284" s="10"/>
    </row>
    <row r="387285" spans="14:14">
      <c r="N387285" s="10"/>
    </row>
    <row r="387286" spans="14:14">
      <c r="N387286" s="10"/>
    </row>
    <row r="387287" spans="14:14">
      <c r="N387287" s="10"/>
    </row>
    <row r="387288" spans="14:14">
      <c r="N387288" s="10"/>
    </row>
    <row r="387289" spans="14:14">
      <c r="N387289" s="10"/>
    </row>
    <row r="387290" spans="14:14">
      <c r="N387290" s="10"/>
    </row>
    <row r="387291" spans="14:14">
      <c r="N387291" s="10"/>
    </row>
    <row r="387292" spans="14:14">
      <c r="N387292" s="10"/>
    </row>
    <row r="387293" spans="14:14">
      <c r="N387293" s="10"/>
    </row>
    <row r="387294" spans="14:14">
      <c r="N387294" s="10"/>
    </row>
    <row r="387295" spans="14:14">
      <c r="N387295" s="10"/>
    </row>
    <row r="387296" spans="14:14">
      <c r="N387296" s="10"/>
    </row>
    <row r="387297" spans="14:14">
      <c r="N387297" s="10"/>
    </row>
    <row r="387298" spans="14:14">
      <c r="N387298" s="10"/>
    </row>
    <row r="387299" spans="14:14">
      <c r="N387299" s="10"/>
    </row>
    <row r="387300" spans="14:14">
      <c r="N387300" s="10"/>
    </row>
    <row r="387301" spans="14:14">
      <c r="N387301" s="10"/>
    </row>
    <row r="387302" spans="14:14">
      <c r="N387302" s="10"/>
    </row>
    <row r="387303" spans="14:14">
      <c r="N387303" s="10"/>
    </row>
    <row r="387304" spans="14:14">
      <c r="N387304" s="10"/>
    </row>
    <row r="387305" spans="14:14">
      <c r="N387305" s="10"/>
    </row>
    <row r="387306" spans="14:14">
      <c r="N387306" s="10"/>
    </row>
    <row r="387307" spans="14:14">
      <c r="N387307" s="10"/>
    </row>
    <row r="387308" spans="14:14">
      <c r="N387308" s="10"/>
    </row>
    <row r="387309" spans="14:14">
      <c r="N387309" s="10"/>
    </row>
    <row r="387310" spans="14:14">
      <c r="N387310" s="10"/>
    </row>
    <row r="387311" spans="14:14">
      <c r="N387311" s="10"/>
    </row>
    <row r="387312" spans="14:14">
      <c r="N387312" s="10"/>
    </row>
    <row r="387313" spans="14:14">
      <c r="N387313" s="10"/>
    </row>
    <row r="387314" spans="14:14">
      <c r="N387314" s="10"/>
    </row>
    <row r="387315" spans="14:14">
      <c r="N387315" s="10"/>
    </row>
    <row r="387316" spans="14:14">
      <c r="N387316" s="10"/>
    </row>
    <row r="387317" spans="14:14">
      <c r="N387317" s="10"/>
    </row>
    <row r="387318" spans="14:14">
      <c r="N387318" s="10"/>
    </row>
    <row r="387319" spans="14:14">
      <c r="N387319" s="10"/>
    </row>
    <row r="387320" spans="14:14">
      <c r="N387320" s="10"/>
    </row>
    <row r="387321" spans="14:14">
      <c r="N387321" s="10"/>
    </row>
    <row r="387322" spans="14:14">
      <c r="N387322" s="10"/>
    </row>
    <row r="387323" spans="14:14">
      <c r="N387323" s="10"/>
    </row>
    <row r="387324" spans="14:14">
      <c r="N387324" s="10"/>
    </row>
    <row r="387325" spans="14:14">
      <c r="N387325" s="10"/>
    </row>
    <row r="387326" spans="14:14">
      <c r="N387326" s="10"/>
    </row>
    <row r="387327" spans="14:14">
      <c r="N387327" s="10"/>
    </row>
    <row r="387328" spans="14:14">
      <c r="N387328" s="10"/>
    </row>
    <row r="387329" spans="14:14">
      <c r="N387329" s="10"/>
    </row>
    <row r="387330" spans="14:14">
      <c r="N387330" s="10"/>
    </row>
    <row r="387331" spans="14:14">
      <c r="N387331" s="10"/>
    </row>
    <row r="387332" spans="14:14">
      <c r="N387332" s="10"/>
    </row>
    <row r="387333" spans="14:14">
      <c r="N387333" s="10"/>
    </row>
    <row r="387334" spans="14:14">
      <c r="N387334" s="10"/>
    </row>
    <row r="387335" spans="14:14">
      <c r="N387335" s="10"/>
    </row>
    <row r="387336" spans="14:14">
      <c r="N387336" s="10"/>
    </row>
    <row r="387337" spans="14:14">
      <c r="N387337" s="10"/>
    </row>
    <row r="387338" spans="14:14">
      <c r="N387338" s="10"/>
    </row>
    <row r="387339" spans="14:14">
      <c r="N387339" s="10"/>
    </row>
    <row r="387340" spans="14:14">
      <c r="N387340" s="10"/>
    </row>
    <row r="387341" spans="14:14">
      <c r="N387341" s="10"/>
    </row>
    <row r="387342" spans="14:14">
      <c r="N387342" s="10"/>
    </row>
    <row r="387343" spans="14:14">
      <c r="N387343" s="10"/>
    </row>
    <row r="387344" spans="14:14">
      <c r="N387344" s="10"/>
    </row>
    <row r="387345" spans="14:14">
      <c r="N387345" s="10"/>
    </row>
    <row r="387346" spans="14:14">
      <c r="N387346" s="10"/>
    </row>
    <row r="387347" spans="14:14">
      <c r="N387347" s="10"/>
    </row>
    <row r="387348" spans="14:14">
      <c r="N387348" s="10"/>
    </row>
    <row r="387349" spans="14:14">
      <c r="N387349" s="10"/>
    </row>
    <row r="387350" spans="14:14">
      <c r="N387350" s="10"/>
    </row>
    <row r="387351" spans="14:14">
      <c r="N387351" s="10"/>
    </row>
    <row r="387352" spans="14:14">
      <c r="N387352" s="10"/>
    </row>
    <row r="387353" spans="14:14">
      <c r="N387353" s="10"/>
    </row>
    <row r="387354" spans="14:14">
      <c r="N387354" s="10"/>
    </row>
    <row r="387355" spans="14:14">
      <c r="N387355" s="10"/>
    </row>
    <row r="387356" spans="14:14">
      <c r="N387356" s="10"/>
    </row>
    <row r="387357" spans="14:14">
      <c r="N387357" s="10"/>
    </row>
    <row r="387358" spans="14:14">
      <c r="N387358" s="10"/>
    </row>
    <row r="387359" spans="14:14">
      <c r="N387359" s="10"/>
    </row>
    <row r="387360" spans="14:14">
      <c r="N387360" s="10"/>
    </row>
    <row r="387361" spans="14:14">
      <c r="N387361" s="10"/>
    </row>
    <row r="387362" spans="14:14">
      <c r="N387362" s="10"/>
    </row>
    <row r="387363" spans="14:14">
      <c r="N387363" s="10"/>
    </row>
    <row r="387364" spans="14:14">
      <c r="N387364" s="10"/>
    </row>
    <row r="387365" spans="14:14">
      <c r="N387365" s="10"/>
    </row>
    <row r="387366" spans="14:14">
      <c r="N387366" s="10"/>
    </row>
    <row r="387367" spans="14:14">
      <c r="N387367" s="10"/>
    </row>
    <row r="387368" spans="14:14">
      <c r="N387368" s="10"/>
    </row>
    <row r="387369" spans="14:14">
      <c r="N387369" s="10"/>
    </row>
    <row r="387370" spans="14:14">
      <c r="N387370" s="10"/>
    </row>
    <row r="387371" spans="14:14">
      <c r="N387371" s="10"/>
    </row>
    <row r="387372" spans="14:14">
      <c r="N387372" s="10"/>
    </row>
    <row r="387373" spans="14:14">
      <c r="N387373" s="10"/>
    </row>
    <row r="387374" spans="14:14">
      <c r="N387374" s="10"/>
    </row>
    <row r="387375" spans="14:14">
      <c r="N387375" s="10"/>
    </row>
    <row r="387376" spans="14:14">
      <c r="N387376" s="10"/>
    </row>
    <row r="387377" spans="14:14">
      <c r="N387377" s="10"/>
    </row>
    <row r="387378" spans="14:14">
      <c r="N387378" s="10"/>
    </row>
    <row r="387379" spans="14:14">
      <c r="N387379" s="10"/>
    </row>
    <row r="387380" spans="14:14">
      <c r="N387380" s="10"/>
    </row>
    <row r="387381" spans="14:14">
      <c r="N387381" s="10"/>
    </row>
    <row r="387382" spans="14:14">
      <c r="N387382" s="10"/>
    </row>
    <row r="387383" spans="14:14">
      <c r="N387383" s="10"/>
    </row>
    <row r="387384" spans="14:14">
      <c r="N387384" s="10"/>
    </row>
    <row r="387385" spans="14:14">
      <c r="N387385" s="10"/>
    </row>
    <row r="387386" spans="14:14">
      <c r="N387386" s="10"/>
    </row>
    <row r="387387" spans="14:14">
      <c r="N387387" s="10"/>
    </row>
    <row r="387388" spans="14:14">
      <c r="N387388" s="10"/>
    </row>
    <row r="387389" spans="14:14">
      <c r="N387389" s="10"/>
    </row>
    <row r="387390" spans="14:14">
      <c r="N387390" s="10"/>
    </row>
    <row r="387391" spans="14:14">
      <c r="N387391" s="10"/>
    </row>
    <row r="387392" spans="14:14">
      <c r="N387392" s="10"/>
    </row>
    <row r="387393" spans="14:14">
      <c r="N387393" s="10"/>
    </row>
    <row r="387394" spans="14:14">
      <c r="N387394" s="10"/>
    </row>
    <row r="387395" spans="14:14">
      <c r="N387395" s="10"/>
    </row>
    <row r="387396" spans="14:14">
      <c r="N387396" s="10"/>
    </row>
    <row r="387397" spans="14:14">
      <c r="N387397" s="10"/>
    </row>
    <row r="387398" spans="14:14">
      <c r="N387398" s="10"/>
    </row>
    <row r="387399" spans="14:14">
      <c r="N387399" s="10"/>
    </row>
    <row r="387400" spans="14:14">
      <c r="N387400" s="10"/>
    </row>
    <row r="387401" spans="14:14">
      <c r="N387401" s="10"/>
    </row>
    <row r="387402" spans="14:14">
      <c r="N387402" s="10"/>
    </row>
    <row r="387403" spans="14:14">
      <c r="N387403" s="10"/>
    </row>
    <row r="387404" spans="14:14">
      <c r="N387404" s="10"/>
    </row>
    <row r="387405" spans="14:14">
      <c r="N387405" s="10"/>
    </row>
    <row r="387406" spans="14:14">
      <c r="N387406" s="10"/>
    </row>
    <row r="387407" spans="14:14">
      <c r="N387407" s="10"/>
    </row>
    <row r="387408" spans="14:14">
      <c r="N387408" s="10"/>
    </row>
    <row r="387409" spans="14:14">
      <c r="N387409" s="10"/>
    </row>
    <row r="387410" spans="14:14">
      <c r="N387410" s="10"/>
    </row>
    <row r="387411" spans="14:14">
      <c r="N387411" s="10"/>
    </row>
    <row r="387412" spans="14:14">
      <c r="N387412" s="10"/>
    </row>
    <row r="387413" spans="14:14">
      <c r="N387413" s="10"/>
    </row>
    <row r="387414" spans="14:14">
      <c r="N387414" s="10"/>
    </row>
    <row r="387415" spans="14:14">
      <c r="N387415" s="10"/>
    </row>
    <row r="387416" spans="14:14">
      <c r="N387416" s="10"/>
    </row>
    <row r="387417" spans="14:14">
      <c r="N387417" s="10"/>
    </row>
    <row r="387418" spans="14:14">
      <c r="N387418" s="10"/>
    </row>
    <row r="387419" spans="14:14">
      <c r="N387419" s="10"/>
    </row>
    <row r="387420" spans="14:14">
      <c r="N387420" s="10"/>
    </row>
    <row r="387421" spans="14:14">
      <c r="N387421" s="10"/>
    </row>
    <row r="387422" spans="14:14">
      <c r="N387422" s="10"/>
    </row>
    <row r="387423" spans="14:14">
      <c r="N387423" s="10"/>
    </row>
    <row r="387424" spans="14:14">
      <c r="N387424" s="10"/>
    </row>
    <row r="387425" spans="14:14">
      <c r="N387425" s="10"/>
    </row>
    <row r="387426" spans="14:14">
      <c r="N387426" s="10"/>
    </row>
    <row r="387427" spans="14:14">
      <c r="N387427" s="10"/>
    </row>
    <row r="387428" spans="14:14">
      <c r="N387428" s="10"/>
    </row>
    <row r="387429" spans="14:14">
      <c r="N387429" s="10"/>
    </row>
    <row r="387430" spans="14:14">
      <c r="N387430" s="10"/>
    </row>
    <row r="387431" spans="14:14">
      <c r="N387431" s="10"/>
    </row>
    <row r="387432" spans="14:14">
      <c r="N387432" s="10"/>
    </row>
    <row r="387433" spans="14:14">
      <c r="N387433" s="10"/>
    </row>
    <row r="387434" spans="14:14">
      <c r="N387434" s="10"/>
    </row>
    <row r="387435" spans="14:14">
      <c r="N387435" s="10"/>
    </row>
    <row r="387436" spans="14:14">
      <c r="N387436" s="10"/>
    </row>
    <row r="387437" spans="14:14">
      <c r="N387437" s="10"/>
    </row>
    <row r="387438" spans="14:14">
      <c r="N387438" s="10"/>
    </row>
    <row r="387439" spans="14:14">
      <c r="N387439" s="10"/>
    </row>
    <row r="387440" spans="14:14">
      <c r="N387440" s="10"/>
    </row>
    <row r="387441" spans="14:14">
      <c r="N387441" s="10"/>
    </row>
    <row r="387442" spans="14:14">
      <c r="N387442" s="10"/>
    </row>
    <row r="387443" spans="14:14">
      <c r="N387443" s="10"/>
    </row>
    <row r="387444" spans="14:14">
      <c r="N387444" s="10"/>
    </row>
    <row r="387445" spans="14:14">
      <c r="N387445" s="10"/>
    </row>
    <row r="387446" spans="14:14">
      <c r="N387446" s="10"/>
    </row>
    <row r="387447" spans="14:14">
      <c r="N387447" s="10"/>
    </row>
    <row r="387448" spans="14:14">
      <c r="N387448" s="10"/>
    </row>
    <row r="387449" spans="14:14">
      <c r="N387449" s="10"/>
    </row>
    <row r="387450" spans="14:14">
      <c r="N387450" s="10"/>
    </row>
    <row r="387451" spans="14:14">
      <c r="N387451" s="10"/>
    </row>
    <row r="387452" spans="14:14">
      <c r="N387452" s="10"/>
    </row>
    <row r="387453" spans="14:14">
      <c r="N387453" s="10"/>
    </row>
    <row r="387454" spans="14:14">
      <c r="N387454" s="10"/>
    </row>
    <row r="387455" spans="14:14">
      <c r="N387455" s="10"/>
    </row>
    <row r="387456" spans="14:14">
      <c r="N387456" s="10"/>
    </row>
    <row r="387457" spans="14:14">
      <c r="N387457" s="10"/>
    </row>
    <row r="387458" spans="14:14">
      <c r="N387458" s="10"/>
    </row>
    <row r="387459" spans="14:14">
      <c r="N387459" s="10"/>
    </row>
    <row r="387460" spans="14:14">
      <c r="N387460" s="10"/>
    </row>
    <row r="387461" spans="14:14">
      <c r="N387461" s="10"/>
    </row>
    <row r="387462" spans="14:14">
      <c r="N387462" s="10"/>
    </row>
    <row r="387463" spans="14:14">
      <c r="N387463" s="10"/>
    </row>
    <row r="387464" spans="14:14">
      <c r="N387464" s="10"/>
    </row>
    <row r="387465" spans="14:14">
      <c r="N387465" s="10"/>
    </row>
    <row r="387466" spans="14:14">
      <c r="N387466" s="10"/>
    </row>
    <row r="387467" spans="14:14">
      <c r="N387467" s="10"/>
    </row>
    <row r="387468" spans="14:14">
      <c r="N387468" s="10"/>
    </row>
    <row r="387469" spans="14:14">
      <c r="N387469" s="10"/>
    </row>
    <row r="387470" spans="14:14">
      <c r="N387470" s="10"/>
    </row>
    <row r="387471" spans="14:14">
      <c r="N387471" s="10"/>
    </row>
    <row r="387472" spans="14:14">
      <c r="N387472" s="10"/>
    </row>
    <row r="387473" spans="14:14">
      <c r="N387473" s="10"/>
    </row>
    <row r="387474" spans="14:14">
      <c r="N387474" s="10"/>
    </row>
    <row r="387475" spans="14:14">
      <c r="N387475" s="10"/>
    </row>
    <row r="387476" spans="14:14">
      <c r="N387476" s="10"/>
    </row>
    <row r="387477" spans="14:14">
      <c r="N387477" s="10"/>
    </row>
    <row r="387478" spans="14:14">
      <c r="N387478" s="10"/>
    </row>
    <row r="387479" spans="14:14">
      <c r="N387479" s="10"/>
    </row>
    <row r="387480" spans="14:14">
      <c r="N387480" s="10"/>
    </row>
    <row r="387481" spans="14:14">
      <c r="N387481" s="10"/>
    </row>
    <row r="387482" spans="14:14">
      <c r="N387482" s="10"/>
    </row>
    <row r="387483" spans="14:14">
      <c r="N387483" s="10"/>
    </row>
    <row r="387484" spans="14:14">
      <c r="N387484" s="10"/>
    </row>
    <row r="387485" spans="14:14">
      <c r="N387485" s="10"/>
    </row>
    <row r="387486" spans="14:14">
      <c r="N387486" s="10"/>
    </row>
    <row r="387487" spans="14:14">
      <c r="N387487" s="10"/>
    </row>
    <row r="387488" spans="14:14">
      <c r="N387488" s="10"/>
    </row>
    <row r="387489" spans="14:14">
      <c r="N387489" s="10"/>
    </row>
    <row r="387490" spans="14:14">
      <c r="N387490" s="10"/>
    </row>
    <row r="387491" spans="14:14">
      <c r="N387491" s="10"/>
    </row>
    <row r="387492" spans="14:14">
      <c r="N387492" s="10"/>
    </row>
    <row r="387493" spans="14:14">
      <c r="N387493" s="10"/>
    </row>
    <row r="387494" spans="14:14">
      <c r="N387494" s="10"/>
    </row>
    <row r="387495" spans="14:14">
      <c r="N387495" s="10"/>
    </row>
    <row r="387496" spans="14:14">
      <c r="N387496" s="10"/>
    </row>
    <row r="387497" spans="14:14">
      <c r="N387497" s="10"/>
    </row>
    <row r="387498" spans="14:14">
      <c r="N387498" s="10"/>
    </row>
    <row r="387499" spans="14:14">
      <c r="N387499" s="10"/>
    </row>
    <row r="387500" spans="14:14">
      <c r="N387500" s="10"/>
    </row>
    <row r="387501" spans="14:14">
      <c r="N387501" s="10"/>
    </row>
    <row r="387502" spans="14:14">
      <c r="N387502" s="10"/>
    </row>
    <row r="387503" spans="14:14">
      <c r="N387503" s="10"/>
    </row>
    <row r="387504" spans="14:14">
      <c r="N387504" s="10"/>
    </row>
    <row r="387505" spans="14:14">
      <c r="N387505" s="10"/>
    </row>
    <row r="387506" spans="14:14">
      <c r="N387506" s="10"/>
    </row>
    <row r="387507" spans="14:14">
      <c r="N387507" s="10"/>
    </row>
    <row r="387508" spans="14:14">
      <c r="N387508" s="10"/>
    </row>
    <row r="387509" spans="14:14">
      <c r="N387509" s="10"/>
    </row>
    <row r="387510" spans="14:14">
      <c r="N387510" s="10"/>
    </row>
    <row r="387511" spans="14:14">
      <c r="N387511" s="10"/>
    </row>
    <row r="387512" spans="14:14">
      <c r="N387512" s="10"/>
    </row>
    <row r="387513" spans="14:14">
      <c r="N387513" s="10"/>
    </row>
    <row r="387514" spans="14:14">
      <c r="N387514" s="10"/>
    </row>
    <row r="387515" spans="14:14">
      <c r="N387515" s="10"/>
    </row>
    <row r="387516" spans="14:14">
      <c r="N387516" s="10"/>
    </row>
    <row r="387517" spans="14:14">
      <c r="N387517" s="10"/>
    </row>
    <row r="387518" spans="14:14">
      <c r="N387518" s="10"/>
    </row>
    <row r="387519" spans="14:14">
      <c r="N387519" s="10"/>
    </row>
    <row r="387520" spans="14:14">
      <c r="N387520" s="10"/>
    </row>
    <row r="387521" spans="14:14">
      <c r="N387521" s="10"/>
    </row>
    <row r="387522" spans="14:14">
      <c r="N387522" s="10"/>
    </row>
    <row r="387523" spans="14:14">
      <c r="N387523" s="10"/>
    </row>
    <row r="387524" spans="14:14">
      <c r="N387524" s="10"/>
    </row>
    <row r="387525" spans="14:14">
      <c r="N387525" s="10"/>
    </row>
    <row r="387526" spans="14:14">
      <c r="N387526" s="10"/>
    </row>
    <row r="387527" spans="14:14">
      <c r="N387527" s="10"/>
    </row>
    <row r="387528" spans="14:14">
      <c r="N387528" s="10"/>
    </row>
    <row r="387529" spans="14:14">
      <c r="N387529" s="10"/>
    </row>
    <row r="387530" spans="14:14">
      <c r="N387530" s="10"/>
    </row>
    <row r="387531" spans="14:14">
      <c r="N387531" s="10"/>
    </row>
    <row r="387532" spans="14:14">
      <c r="N387532" s="10"/>
    </row>
    <row r="387533" spans="14:14">
      <c r="N387533" s="10"/>
    </row>
    <row r="387534" spans="14:14">
      <c r="N387534" s="10"/>
    </row>
    <row r="387535" spans="14:14">
      <c r="N387535" s="10"/>
    </row>
    <row r="387536" spans="14:14">
      <c r="N387536" s="10"/>
    </row>
    <row r="387537" spans="14:14">
      <c r="N387537" s="10"/>
    </row>
    <row r="387538" spans="14:14">
      <c r="N387538" s="10"/>
    </row>
    <row r="387539" spans="14:14">
      <c r="N387539" s="10"/>
    </row>
    <row r="387540" spans="14:14">
      <c r="N387540" s="10"/>
    </row>
    <row r="387541" spans="14:14">
      <c r="N387541" s="10"/>
    </row>
    <row r="387542" spans="14:14">
      <c r="N387542" s="10"/>
    </row>
    <row r="387543" spans="14:14">
      <c r="N387543" s="10"/>
    </row>
    <row r="387544" spans="14:14">
      <c r="N387544" s="10"/>
    </row>
    <row r="387545" spans="14:14">
      <c r="N387545" s="10"/>
    </row>
    <row r="387546" spans="14:14">
      <c r="N387546" s="10"/>
    </row>
    <row r="387547" spans="14:14">
      <c r="N387547" s="10"/>
    </row>
    <row r="387548" spans="14:14">
      <c r="N387548" s="10"/>
    </row>
    <row r="387549" spans="14:14">
      <c r="N387549" s="10"/>
    </row>
    <row r="387550" spans="14:14">
      <c r="N387550" s="10"/>
    </row>
    <row r="387551" spans="14:14">
      <c r="N387551" s="10"/>
    </row>
    <row r="387552" spans="14:14">
      <c r="N387552" s="10"/>
    </row>
    <row r="387553" spans="14:14">
      <c r="N387553" s="10"/>
    </row>
    <row r="387554" spans="14:14">
      <c r="N387554" s="10"/>
    </row>
    <row r="387555" spans="14:14">
      <c r="N387555" s="10"/>
    </row>
    <row r="387556" spans="14:14">
      <c r="N387556" s="10"/>
    </row>
    <row r="387557" spans="14:14">
      <c r="N387557" s="10"/>
    </row>
    <row r="387558" spans="14:14">
      <c r="N387558" s="10"/>
    </row>
    <row r="387559" spans="14:14">
      <c r="N387559" s="10"/>
    </row>
    <row r="387560" spans="14:14">
      <c r="N387560" s="10"/>
    </row>
    <row r="387561" spans="14:14">
      <c r="N387561" s="10"/>
    </row>
    <row r="387562" spans="14:14">
      <c r="N387562" s="10"/>
    </row>
    <row r="387563" spans="14:14">
      <c r="N387563" s="10"/>
    </row>
    <row r="387564" spans="14:14">
      <c r="N387564" s="10"/>
    </row>
    <row r="387565" spans="14:14">
      <c r="N387565" s="10"/>
    </row>
    <row r="387566" spans="14:14">
      <c r="N387566" s="10"/>
    </row>
    <row r="387567" spans="14:14">
      <c r="N387567" s="10"/>
    </row>
    <row r="387568" spans="14:14">
      <c r="N387568" s="10"/>
    </row>
    <row r="387569" spans="14:14">
      <c r="N387569" s="10"/>
    </row>
    <row r="387570" spans="14:14">
      <c r="N387570" s="10"/>
    </row>
    <row r="387571" spans="14:14">
      <c r="N387571" s="10"/>
    </row>
    <row r="387572" spans="14:14">
      <c r="N387572" s="10"/>
    </row>
    <row r="387573" spans="14:14">
      <c r="N387573" s="10"/>
    </row>
    <row r="387574" spans="14:14">
      <c r="N387574" s="10"/>
    </row>
    <row r="387575" spans="14:14">
      <c r="N387575" s="10"/>
    </row>
    <row r="387576" spans="14:14">
      <c r="N387576" s="10"/>
    </row>
    <row r="387577" spans="14:14">
      <c r="N387577" s="10"/>
    </row>
    <row r="387578" spans="14:14">
      <c r="N387578" s="10"/>
    </row>
    <row r="387579" spans="14:14">
      <c r="N387579" s="10"/>
    </row>
    <row r="387580" spans="14:14">
      <c r="N387580" s="10"/>
    </row>
    <row r="387581" spans="14:14">
      <c r="N387581" s="10"/>
    </row>
    <row r="387582" spans="14:14">
      <c r="N387582" s="10"/>
    </row>
    <row r="387583" spans="14:14">
      <c r="N387583" s="10"/>
    </row>
    <row r="387584" spans="14:14">
      <c r="N387584" s="10"/>
    </row>
    <row r="387585" spans="14:14">
      <c r="N387585" s="10"/>
    </row>
    <row r="387586" spans="14:14">
      <c r="N387586" s="10"/>
    </row>
    <row r="387587" spans="14:14">
      <c r="N387587" s="10"/>
    </row>
    <row r="387588" spans="14:14">
      <c r="N387588" s="10"/>
    </row>
    <row r="387589" spans="14:14">
      <c r="N387589" s="10"/>
    </row>
    <row r="387590" spans="14:14">
      <c r="N387590" s="10"/>
    </row>
    <row r="387591" spans="14:14">
      <c r="N387591" s="10"/>
    </row>
    <row r="387592" spans="14:14">
      <c r="N387592" s="10"/>
    </row>
    <row r="387593" spans="14:14">
      <c r="N387593" s="10"/>
    </row>
    <row r="387594" spans="14:14">
      <c r="N387594" s="10"/>
    </row>
    <row r="387595" spans="14:14">
      <c r="N387595" s="10"/>
    </row>
    <row r="387596" spans="14:14">
      <c r="N387596" s="10"/>
    </row>
    <row r="387597" spans="14:14">
      <c r="N387597" s="10"/>
    </row>
    <row r="387598" spans="14:14">
      <c r="N387598" s="10"/>
    </row>
    <row r="387599" spans="14:14">
      <c r="N387599" s="10"/>
    </row>
    <row r="387600" spans="14:14">
      <c r="N387600" s="10"/>
    </row>
    <row r="387601" spans="14:14">
      <c r="N387601" s="10"/>
    </row>
    <row r="387602" spans="14:14">
      <c r="N387602" s="10"/>
    </row>
    <row r="387603" spans="14:14">
      <c r="N387603" s="10"/>
    </row>
    <row r="387604" spans="14:14">
      <c r="N387604" s="10"/>
    </row>
    <row r="387605" spans="14:14">
      <c r="N387605" s="10"/>
    </row>
    <row r="387606" spans="14:14">
      <c r="N387606" s="10"/>
    </row>
    <row r="387607" spans="14:14">
      <c r="N387607" s="10"/>
    </row>
    <row r="387608" spans="14:14">
      <c r="N387608" s="10"/>
    </row>
    <row r="387609" spans="14:14">
      <c r="N387609" s="10"/>
    </row>
    <row r="387610" spans="14:14">
      <c r="N387610" s="10"/>
    </row>
    <row r="387611" spans="14:14">
      <c r="N387611" s="10"/>
    </row>
    <row r="387612" spans="14:14">
      <c r="N387612" s="10"/>
    </row>
    <row r="387613" spans="14:14">
      <c r="N387613" s="10"/>
    </row>
    <row r="387614" spans="14:14">
      <c r="N387614" s="10"/>
    </row>
    <row r="387615" spans="14:14">
      <c r="N387615" s="10"/>
    </row>
    <row r="387616" spans="14:14">
      <c r="N387616" s="10"/>
    </row>
    <row r="387617" spans="14:14">
      <c r="N387617" s="10"/>
    </row>
    <row r="387618" spans="14:14">
      <c r="N387618" s="10"/>
    </row>
    <row r="387619" spans="14:14">
      <c r="N387619" s="10"/>
    </row>
    <row r="387620" spans="14:14">
      <c r="N387620" s="10"/>
    </row>
    <row r="387621" spans="14:14">
      <c r="N387621" s="10"/>
    </row>
    <row r="387622" spans="14:14">
      <c r="N387622" s="10"/>
    </row>
    <row r="387623" spans="14:14">
      <c r="N387623" s="10"/>
    </row>
    <row r="387624" spans="14:14">
      <c r="N387624" s="10"/>
    </row>
    <row r="387625" spans="14:14">
      <c r="N387625" s="10"/>
    </row>
    <row r="387626" spans="14:14">
      <c r="N387626" s="10"/>
    </row>
    <row r="387627" spans="14:14">
      <c r="N387627" s="10"/>
    </row>
    <row r="387628" spans="14:14">
      <c r="N387628" s="10"/>
    </row>
    <row r="387629" spans="14:14">
      <c r="N387629" s="10"/>
    </row>
    <row r="387630" spans="14:14">
      <c r="N387630" s="10"/>
    </row>
    <row r="387631" spans="14:14">
      <c r="N387631" s="10"/>
    </row>
    <row r="387632" spans="14:14">
      <c r="N387632" s="10"/>
    </row>
    <row r="387633" spans="14:14">
      <c r="N387633" s="10"/>
    </row>
    <row r="387634" spans="14:14">
      <c r="N387634" s="10"/>
    </row>
    <row r="387635" spans="14:14">
      <c r="N387635" s="10"/>
    </row>
    <row r="387636" spans="14:14">
      <c r="N387636" s="10"/>
    </row>
    <row r="387637" spans="14:14">
      <c r="N387637" s="10"/>
    </row>
    <row r="387638" spans="14:14">
      <c r="N387638" s="10"/>
    </row>
    <row r="387639" spans="14:14">
      <c r="N387639" s="10"/>
    </row>
    <row r="387640" spans="14:14">
      <c r="N387640" s="10"/>
    </row>
    <row r="387641" spans="14:14">
      <c r="N387641" s="10"/>
    </row>
    <row r="387642" spans="14:14">
      <c r="N387642" s="10"/>
    </row>
    <row r="387643" spans="14:14">
      <c r="N387643" s="10"/>
    </row>
    <row r="387644" spans="14:14">
      <c r="N387644" s="10"/>
    </row>
    <row r="387645" spans="14:14">
      <c r="N387645" s="10"/>
    </row>
    <row r="387646" spans="14:14">
      <c r="N387646" s="10"/>
    </row>
    <row r="387647" spans="14:14">
      <c r="N387647" s="10"/>
    </row>
    <row r="387648" spans="14:14">
      <c r="N387648" s="10"/>
    </row>
    <row r="387649" spans="14:14">
      <c r="N387649" s="10"/>
    </row>
    <row r="387650" spans="14:14">
      <c r="N387650" s="10"/>
    </row>
    <row r="387651" spans="14:14">
      <c r="N387651" s="10"/>
    </row>
    <row r="387652" spans="14:14">
      <c r="N387652" s="10"/>
    </row>
    <row r="387653" spans="14:14">
      <c r="N387653" s="10"/>
    </row>
    <row r="387654" spans="14:14">
      <c r="N387654" s="10"/>
    </row>
    <row r="387655" spans="14:14">
      <c r="N387655" s="10"/>
    </row>
    <row r="387656" spans="14:14">
      <c r="N387656" s="10"/>
    </row>
    <row r="387657" spans="14:14">
      <c r="N387657" s="10"/>
    </row>
    <row r="387658" spans="14:14">
      <c r="N387658" s="10"/>
    </row>
    <row r="387659" spans="14:14">
      <c r="N387659" s="10"/>
    </row>
    <row r="387660" spans="14:14">
      <c r="N387660" s="10"/>
    </row>
    <row r="387661" spans="14:14">
      <c r="N387661" s="10"/>
    </row>
    <row r="387662" spans="14:14">
      <c r="N387662" s="10"/>
    </row>
    <row r="387663" spans="14:14">
      <c r="N387663" s="10"/>
    </row>
    <row r="387664" spans="14:14">
      <c r="N387664" s="10"/>
    </row>
    <row r="387665" spans="14:14">
      <c r="N387665" s="10"/>
    </row>
    <row r="387666" spans="14:14">
      <c r="N387666" s="10"/>
    </row>
    <row r="387667" spans="14:14">
      <c r="N387667" s="10"/>
    </row>
    <row r="387668" spans="14:14">
      <c r="N387668" s="10"/>
    </row>
    <row r="387669" spans="14:14">
      <c r="N387669" s="10"/>
    </row>
    <row r="387670" spans="14:14">
      <c r="N387670" s="10"/>
    </row>
    <row r="387671" spans="14:14">
      <c r="N387671" s="10"/>
    </row>
    <row r="387672" spans="14:14">
      <c r="N387672" s="10"/>
    </row>
    <row r="387673" spans="14:14">
      <c r="N387673" s="10"/>
    </row>
    <row r="387674" spans="14:14">
      <c r="N387674" s="10"/>
    </row>
    <row r="387675" spans="14:14">
      <c r="N387675" s="10"/>
    </row>
    <row r="387676" spans="14:14">
      <c r="N387676" s="10"/>
    </row>
    <row r="387677" spans="14:14">
      <c r="N387677" s="10"/>
    </row>
    <row r="387678" spans="14:14">
      <c r="N387678" s="10"/>
    </row>
    <row r="387679" spans="14:14">
      <c r="N387679" s="10"/>
    </row>
    <row r="387680" spans="14:14">
      <c r="N387680" s="10"/>
    </row>
    <row r="387681" spans="14:14">
      <c r="N387681" s="10"/>
    </row>
    <row r="387682" spans="14:14">
      <c r="N387682" s="10"/>
    </row>
    <row r="387683" spans="14:14">
      <c r="N387683" s="10"/>
    </row>
    <row r="387684" spans="14:14">
      <c r="N387684" s="10"/>
    </row>
    <row r="387685" spans="14:14">
      <c r="N387685" s="10"/>
    </row>
    <row r="387686" spans="14:14">
      <c r="N387686" s="10"/>
    </row>
    <row r="387687" spans="14:14">
      <c r="N387687" s="10"/>
    </row>
    <row r="387688" spans="14:14">
      <c r="N387688" s="10"/>
    </row>
    <row r="387689" spans="14:14">
      <c r="N387689" s="10"/>
    </row>
    <row r="387690" spans="14:14">
      <c r="N387690" s="10"/>
    </row>
    <row r="387691" spans="14:14">
      <c r="N387691" s="10"/>
    </row>
    <row r="387692" spans="14:14">
      <c r="N387692" s="10"/>
    </row>
    <row r="387693" spans="14:14">
      <c r="N387693" s="10"/>
    </row>
    <row r="387694" spans="14:14">
      <c r="N387694" s="10"/>
    </row>
    <row r="387695" spans="14:14">
      <c r="N387695" s="10"/>
    </row>
    <row r="387696" spans="14:14">
      <c r="N387696" s="10"/>
    </row>
    <row r="387697" spans="14:14">
      <c r="N387697" s="10"/>
    </row>
    <row r="387698" spans="14:14">
      <c r="N387698" s="10"/>
    </row>
    <row r="387699" spans="14:14">
      <c r="N387699" s="10"/>
    </row>
    <row r="387700" spans="14:14">
      <c r="N387700" s="10"/>
    </row>
    <row r="387701" spans="14:14">
      <c r="N387701" s="10"/>
    </row>
    <row r="387702" spans="14:14">
      <c r="N387702" s="10"/>
    </row>
    <row r="387703" spans="14:14">
      <c r="N387703" s="10"/>
    </row>
    <row r="387704" spans="14:14">
      <c r="N387704" s="10"/>
    </row>
    <row r="387705" spans="14:14">
      <c r="N387705" s="10"/>
    </row>
    <row r="387706" spans="14:14">
      <c r="N387706" s="10"/>
    </row>
    <row r="387707" spans="14:14">
      <c r="N387707" s="10"/>
    </row>
    <row r="387708" spans="14:14">
      <c r="N387708" s="10"/>
    </row>
    <row r="387709" spans="14:14">
      <c r="N387709" s="10"/>
    </row>
    <row r="387710" spans="14:14">
      <c r="N387710" s="10"/>
    </row>
    <row r="387711" spans="14:14">
      <c r="N387711" s="10"/>
    </row>
    <row r="387712" spans="14:14">
      <c r="N387712" s="10"/>
    </row>
    <row r="387713" spans="14:14">
      <c r="N387713" s="10"/>
    </row>
    <row r="387714" spans="14:14">
      <c r="N387714" s="10"/>
    </row>
    <row r="387715" spans="14:14">
      <c r="N387715" s="10"/>
    </row>
    <row r="387716" spans="14:14">
      <c r="N387716" s="10"/>
    </row>
    <row r="387717" spans="14:14">
      <c r="N387717" s="10"/>
    </row>
    <row r="387718" spans="14:14">
      <c r="N387718" s="10"/>
    </row>
    <row r="387719" spans="14:14">
      <c r="N387719" s="10"/>
    </row>
    <row r="387720" spans="14:14">
      <c r="N387720" s="10"/>
    </row>
    <row r="387721" spans="14:14">
      <c r="N387721" s="10"/>
    </row>
    <row r="387722" spans="14:14">
      <c r="N387722" s="10"/>
    </row>
    <row r="387723" spans="14:14">
      <c r="N387723" s="10"/>
    </row>
    <row r="387724" spans="14:14">
      <c r="N387724" s="10"/>
    </row>
    <row r="387725" spans="14:14">
      <c r="N387725" s="10"/>
    </row>
    <row r="387726" spans="14:14">
      <c r="N387726" s="10"/>
    </row>
    <row r="387727" spans="14:14">
      <c r="N387727" s="10"/>
    </row>
    <row r="387728" spans="14:14">
      <c r="N387728" s="10"/>
    </row>
    <row r="387729" spans="14:14">
      <c r="N387729" s="10"/>
    </row>
    <row r="387730" spans="14:14">
      <c r="N387730" s="10"/>
    </row>
    <row r="387731" spans="14:14">
      <c r="N387731" s="10"/>
    </row>
    <row r="387732" spans="14:14">
      <c r="N387732" s="10"/>
    </row>
    <row r="387733" spans="14:14">
      <c r="N387733" s="10"/>
    </row>
    <row r="387734" spans="14:14">
      <c r="N387734" s="10"/>
    </row>
    <row r="387735" spans="14:14">
      <c r="N387735" s="10"/>
    </row>
    <row r="387736" spans="14:14">
      <c r="N387736" s="10"/>
    </row>
    <row r="387737" spans="14:14">
      <c r="N387737" s="10"/>
    </row>
    <row r="387738" spans="14:14">
      <c r="N387738" s="10"/>
    </row>
    <row r="387739" spans="14:14">
      <c r="N387739" s="10"/>
    </row>
    <row r="387740" spans="14:14">
      <c r="N387740" s="10"/>
    </row>
    <row r="387741" spans="14:14">
      <c r="N387741" s="10"/>
    </row>
    <row r="387742" spans="14:14">
      <c r="N387742" s="10"/>
    </row>
    <row r="387743" spans="14:14">
      <c r="N387743" s="10"/>
    </row>
    <row r="387744" spans="14:14">
      <c r="N387744" s="10"/>
    </row>
    <row r="387745" spans="14:14">
      <c r="N387745" s="10"/>
    </row>
    <row r="387746" spans="14:14">
      <c r="N387746" s="10"/>
    </row>
    <row r="387747" spans="14:14">
      <c r="N387747" s="10"/>
    </row>
    <row r="387748" spans="14:14">
      <c r="N387748" s="10"/>
    </row>
    <row r="387749" spans="14:14">
      <c r="N387749" s="10"/>
    </row>
    <row r="387750" spans="14:14">
      <c r="N387750" s="10"/>
    </row>
    <row r="387751" spans="14:14">
      <c r="N387751" s="10"/>
    </row>
    <row r="387752" spans="14:14">
      <c r="N387752" s="10"/>
    </row>
    <row r="387753" spans="14:14">
      <c r="N387753" s="10"/>
    </row>
    <row r="387754" spans="14:14">
      <c r="N387754" s="10"/>
    </row>
    <row r="387755" spans="14:14">
      <c r="N387755" s="10"/>
    </row>
    <row r="387756" spans="14:14">
      <c r="N387756" s="10"/>
    </row>
    <row r="387757" spans="14:14">
      <c r="N387757" s="10"/>
    </row>
    <row r="387758" spans="14:14">
      <c r="N387758" s="10"/>
    </row>
    <row r="387759" spans="14:14">
      <c r="N387759" s="10"/>
    </row>
    <row r="387760" spans="14:14">
      <c r="N387760" s="10"/>
    </row>
    <row r="387761" spans="14:14">
      <c r="N387761" s="10"/>
    </row>
    <row r="387762" spans="14:14">
      <c r="N387762" s="10"/>
    </row>
    <row r="387763" spans="14:14">
      <c r="N387763" s="10"/>
    </row>
    <row r="387764" spans="14:14">
      <c r="N387764" s="10"/>
    </row>
    <row r="387765" spans="14:14">
      <c r="N387765" s="10"/>
    </row>
    <row r="387766" spans="14:14">
      <c r="N387766" s="10"/>
    </row>
    <row r="387767" spans="14:14">
      <c r="N387767" s="10"/>
    </row>
    <row r="387768" spans="14:14">
      <c r="N387768" s="10"/>
    </row>
    <row r="387769" spans="14:14">
      <c r="N387769" s="10"/>
    </row>
    <row r="387770" spans="14:14">
      <c r="N387770" s="10"/>
    </row>
    <row r="387771" spans="14:14">
      <c r="N387771" s="10"/>
    </row>
    <row r="387772" spans="14:14">
      <c r="N387772" s="10"/>
    </row>
    <row r="387773" spans="14:14">
      <c r="N387773" s="10"/>
    </row>
    <row r="387774" spans="14:14">
      <c r="N387774" s="10"/>
    </row>
    <row r="387775" spans="14:14">
      <c r="N387775" s="10"/>
    </row>
    <row r="387776" spans="14:14">
      <c r="N387776" s="10"/>
    </row>
    <row r="387777" spans="14:14">
      <c r="N387777" s="10"/>
    </row>
    <row r="387778" spans="14:14">
      <c r="N387778" s="10"/>
    </row>
    <row r="387779" spans="14:14">
      <c r="N387779" s="10"/>
    </row>
    <row r="387780" spans="14:14">
      <c r="N387780" s="10"/>
    </row>
    <row r="387781" spans="14:14">
      <c r="N387781" s="10"/>
    </row>
    <row r="387782" spans="14:14">
      <c r="N387782" s="10"/>
    </row>
    <row r="387783" spans="14:14">
      <c r="N387783" s="10"/>
    </row>
    <row r="387784" spans="14:14">
      <c r="N387784" s="10"/>
    </row>
    <row r="387785" spans="14:14">
      <c r="N387785" s="10"/>
    </row>
    <row r="387786" spans="14:14">
      <c r="N387786" s="10"/>
    </row>
    <row r="387787" spans="14:14">
      <c r="N387787" s="10"/>
    </row>
    <row r="387788" spans="14:14">
      <c r="N387788" s="10"/>
    </row>
    <row r="387789" spans="14:14">
      <c r="N387789" s="10"/>
    </row>
    <row r="387790" spans="14:14">
      <c r="N387790" s="10"/>
    </row>
    <row r="387791" spans="14:14">
      <c r="N387791" s="10"/>
    </row>
    <row r="387792" spans="14:14">
      <c r="N387792" s="10"/>
    </row>
    <row r="387793" spans="14:14">
      <c r="N387793" s="10"/>
    </row>
    <row r="387794" spans="14:14">
      <c r="N387794" s="10"/>
    </row>
    <row r="387795" spans="14:14">
      <c r="N387795" s="10"/>
    </row>
    <row r="387796" spans="14:14">
      <c r="N387796" s="10"/>
    </row>
    <row r="387797" spans="14:14">
      <c r="N387797" s="10"/>
    </row>
    <row r="387798" spans="14:14">
      <c r="N387798" s="10"/>
    </row>
    <row r="387799" spans="14:14">
      <c r="N387799" s="10"/>
    </row>
    <row r="387800" spans="14:14">
      <c r="N387800" s="10"/>
    </row>
    <row r="387801" spans="14:14">
      <c r="N387801" s="10"/>
    </row>
    <row r="387802" spans="14:14">
      <c r="N387802" s="10"/>
    </row>
    <row r="387803" spans="14:14">
      <c r="N387803" s="10"/>
    </row>
    <row r="387804" spans="14:14">
      <c r="N387804" s="10"/>
    </row>
    <row r="387805" spans="14:14">
      <c r="N387805" s="10"/>
    </row>
    <row r="387806" spans="14:14">
      <c r="N387806" s="10"/>
    </row>
    <row r="387807" spans="14:14">
      <c r="N387807" s="10"/>
    </row>
    <row r="387808" spans="14:14">
      <c r="N387808" s="10"/>
    </row>
    <row r="387809" spans="14:14">
      <c r="N387809" s="10"/>
    </row>
    <row r="387810" spans="14:14">
      <c r="N387810" s="10"/>
    </row>
    <row r="387811" spans="14:14">
      <c r="N387811" s="10"/>
    </row>
    <row r="387812" spans="14:14">
      <c r="N387812" s="10"/>
    </row>
    <row r="387813" spans="14:14">
      <c r="N387813" s="10"/>
    </row>
    <row r="387814" spans="14:14">
      <c r="N387814" s="10"/>
    </row>
    <row r="387815" spans="14:14">
      <c r="N387815" s="10"/>
    </row>
    <row r="387816" spans="14:14">
      <c r="N387816" s="10"/>
    </row>
    <row r="387817" spans="14:14">
      <c r="N387817" s="10"/>
    </row>
    <row r="387818" spans="14:14">
      <c r="N387818" s="10"/>
    </row>
    <row r="387819" spans="14:14">
      <c r="N387819" s="10"/>
    </row>
    <row r="387820" spans="14:14">
      <c r="N387820" s="10"/>
    </row>
    <row r="387821" spans="14:14">
      <c r="N387821" s="10"/>
    </row>
    <row r="387822" spans="14:14">
      <c r="N387822" s="10"/>
    </row>
    <row r="387823" spans="14:14">
      <c r="N387823" s="10"/>
    </row>
    <row r="387824" spans="14:14">
      <c r="N387824" s="10"/>
    </row>
    <row r="387825" spans="14:14">
      <c r="N387825" s="10"/>
    </row>
    <row r="387826" spans="14:14">
      <c r="N387826" s="10"/>
    </row>
    <row r="387827" spans="14:14">
      <c r="N387827" s="10"/>
    </row>
    <row r="387828" spans="14:14">
      <c r="N387828" s="10"/>
    </row>
    <row r="387829" spans="14:14">
      <c r="N387829" s="10"/>
    </row>
    <row r="387830" spans="14:14">
      <c r="N387830" s="10"/>
    </row>
    <row r="387831" spans="14:14">
      <c r="N387831" s="10"/>
    </row>
    <row r="387832" spans="14:14">
      <c r="N387832" s="10"/>
    </row>
    <row r="387833" spans="14:14">
      <c r="N387833" s="10"/>
    </row>
    <row r="387834" spans="14:14">
      <c r="N387834" s="10"/>
    </row>
    <row r="387835" spans="14:14">
      <c r="N387835" s="10"/>
    </row>
    <row r="387836" spans="14:14">
      <c r="N387836" s="10"/>
    </row>
    <row r="387837" spans="14:14">
      <c r="N387837" s="10"/>
    </row>
    <row r="387838" spans="14:14">
      <c r="N387838" s="10"/>
    </row>
    <row r="387839" spans="14:14">
      <c r="N387839" s="10"/>
    </row>
    <row r="387840" spans="14:14">
      <c r="N387840" s="10"/>
    </row>
    <row r="387841" spans="14:14">
      <c r="N387841" s="10"/>
    </row>
    <row r="387842" spans="14:14">
      <c r="N387842" s="10"/>
    </row>
    <row r="387843" spans="14:14">
      <c r="N387843" s="10"/>
    </row>
    <row r="387844" spans="14:14">
      <c r="N387844" s="10"/>
    </row>
    <row r="387845" spans="14:14">
      <c r="N387845" s="10"/>
    </row>
    <row r="387846" spans="14:14">
      <c r="N387846" s="10"/>
    </row>
    <row r="387847" spans="14:14">
      <c r="N387847" s="10"/>
    </row>
    <row r="387848" spans="14:14">
      <c r="N387848" s="10"/>
    </row>
    <row r="387849" spans="14:14">
      <c r="N387849" s="10"/>
    </row>
    <row r="387850" spans="14:14">
      <c r="N387850" s="10"/>
    </row>
    <row r="387851" spans="14:14">
      <c r="N387851" s="10"/>
    </row>
    <row r="387852" spans="14:14">
      <c r="N387852" s="10"/>
    </row>
    <row r="387853" spans="14:14">
      <c r="N387853" s="10"/>
    </row>
    <row r="387854" spans="14:14">
      <c r="N387854" s="10"/>
    </row>
    <row r="387855" spans="14:14">
      <c r="N387855" s="10"/>
    </row>
    <row r="387856" spans="14:14">
      <c r="N387856" s="10"/>
    </row>
    <row r="387857" spans="14:14">
      <c r="N387857" s="10"/>
    </row>
    <row r="387858" spans="14:14">
      <c r="N387858" s="10"/>
    </row>
    <row r="387859" spans="14:14">
      <c r="N387859" s="10"/>
    </row>
    <row r="387860" spans="14:14">
      <c r="N387860" s="10"/>
    </row>
    <row r="387861" spans="14:14">
      <c r="N387861" s="10"/>
    </row>
    <row r="387862" spans="14:14">
      <c r="N387862" s="10"/>
    </row>
    <row r="387863" spans="14:14">
      <c r="N387863" s="10"/>
    </row>
    <row r="387864" spans="14:14">
      <c r="N387864" s="10"/>
    </row>
    <row r="387865" spans="14:14">
      <c r="N387865" s="10"/>
    </row>
    <row r="387866" spans="14:14">
      <c r="N387866" s="10"/>
    </row>
    <row r="387867" spans="14:14">
      <c r="N387867" s="10"/>
    </row>
    <row r="387868" spans="14:14">
      <c r="N387868" s="10"/>
    </row>
    <row r="387869" spans="14:14">
      <c r="N387869" s="10"/>
    </row>
    <row r="387870" spans="14:14">
      <c r="N387870" s="10"/>
    </row>
    <row r="387871" spans="14:14">
      <c r="N387871" s="10"/>
    </row>
    <row r="387872" spans="14:14">
      <c r="N387872" s="10"/>
    </row>
    <row r="387873" spans="14:14">
      <c r="N387873" s="10"/>
    </row>
    <row r="387874" spans="14:14">
      <c r="N387874" s="10"/>
    </row>
    <row r="387875" spans="14:14">
      <c r="N387875" s="10"/>
    </row>
    <row r="387876" spans="14:14">
      <c r="N387876" s="10"/>
    </row>
    <row r="387877" spans="14:14">
      <c r="N387877" s="10"/>
    </row>
    <row r="387878" spans="14:14">
      <c r="N387878" s="10"/>
    </row>
    <row r="387879" spans="14:14">
      <c r="N387879" s="10"/>
    </row>
    <row r="387880" spans="14:14">
      <c r="N387880" s="10"/>
    </row>
    <row r="387881" spans="14:14">
      <c r="N387881" s="10"/>
    </row>
    <row r="387882" spans="14:14">
      <c r="N387882" s="10"/>
    </row>
    <row r="387883" spans="14:14">
      <c r="N387883" s="10"/>
    </row>
    <row r="387884" spans="14:14">
      <c r="N387884" s="10"/>
    </row>
    <row r="387885" spans="14:14">
      <c r="N387885" s="10"/>
    </row>
    <row r="387886" spans="14:14">
      <c r="N387886" s="10"/>
    </row>
    <row r="387887" spans="14:14">
      <c r="N387887" s="10"/>
    </row>
    <row r="387888" spans="14:14">
      <c r="N387888" s="10"/>
    </row>
    <row r="387889" spans="14:14">
      <c r="N387889" s="10"/>
    </row>
    <row r="387890" spans="14:14">
      <c r="N387890" s="10"/>
    </row>
    <row r="387891" spans="14:14">
      <c r="N387891" s="10"/>
    </row>
    <row r="387892" spans="14:14">
      <c r="N387892" s="10"/>
    </row>
    <row r="387893" spans="14:14">
      <c r="N387893" s="10"/>
    </row>
    <row r="387894" spans="14:14">
      <c r="N387894" s="10"/>
    </row>
    <row r="387895" spans="14:14">
      <c r="N387895" s="10"/>
    </row>
    <row r="387896" spans="14:14">
      <c r="N387896" s="10"/>
    </row>
    <row r="387897" spans="14:14">
      <c r="N387897" s="10"/>
    </row>
    <row r="387898" spans="14:14">
      <c r="N387898" s="10"/>
    </row>
    <row r="387899" spans="14:14">
      <c r="N387899" s="10"/>
    </row>
    <row r="387900" spans="14:14">
      <c r="N387900" s="10"/>
    </row>
    <row r="387901" spans="14:14">
      <c r="N387901" s="10"/>
    </row>
    <row r="387902" spans="14:14">
      <c r="N387902" s="10"/>
    </row>
    <row r="387903" spans="14:14">
      <c r="N387903" s="10"/>
    </row>
    <row r="387904" spans="14:14">
      <c r="N387904" s="10"/>
    </row>
    <row r="387905" spans="14:14">
      <c r="N387905" s="10"/>
    </row>
    <row r="387906" spans="14:14">
      <c r="N387906" s="10"/>
    </row>
    <row r="387907" spans="14:14">
      <c r="N387907" s="10"/>
    </row>
    <row r="387908" spans="14:14">
      <c r="N387908" s="10"/>
    </row>
    <row r="387909" spans="14:14">
      <c r="N387909" s="10"/>
    </row>
    <row r="387910" spans="14:14">
      <c r="N387910" s="10"/>
    </row>
    <row r="387911" spans="14:14">
      <c r="N387911" s="10"/>
    </row>
    <row r="387912" spans="14:14">
      <c r="N387912" s="10"/>
    </row>
    <row r="387913" spans="14:14">
      <c r="N387913" s="10"/>
    </row>
    <row r="387914" spans="14:14">
      <c r="N387914" s="10"/>
    </row>
    <row r="387915" spans="14:14">
      <c r="N387915" s="10"/>
    </row>
    <row r="387916" spans="14:14">
      <c r="N387916" s="10"/>
    </row>
    <row r="387917" spans="14:14">
      <c r="N387917" s="10"/>
    </row>
    <row r="387918" spans="14:14">
      <c r="N387918" s="10"/>
    </row>
    <row r="387919" spans="14:14">
      <c r="N387919" s="10"/>
    </row>
    <row r="387920" spans="14:14">
      <c r="N387920" s="10"/>
    </row>
    <row r="387921" spans="14:14">
      <c r="N387921" s="10"/>
    </row>
    <row r="387922" spans="14:14">
      <c r="N387922" s="10"/>
    </row>
    <row r="387923" spans="14:14">
      <c r="N387923" s="10"/>
    </row>
    <row r="387924" spans="14:14">
      <c r="N387924" s="10"/>
    </row>
    <row r="387925" spans="14:14">
      <c r="N387925" s="10"/>
    </row>
    <row r="387926" spans="14:14">
      <c r="N387926" s="10"/>
    </row>
    <row r="387927" spans="14:14">
      <c r="N387927" s="10"/>
    </row>
    <row r="387928" spans="14:14">
      <c r="N387928" s="10"/>
    </row>
    <row r="387929" spans="14:14">
      <c r="N387929" s="10"/>
    </row>
    <row r="387930" spans="14:14">
      <c r="N387930" s="10"/>
    </row>
    <row r="387931" spans="14:14">
      <c r="N387931" s="10"/>
    </row>
    <row r="387932" spans="14:14">
      <c r="N387932" s="10"/>
    </row>
    <row r="387933" spans="14:14">
      <c r="N387933" s="10"/>
    </row>
    <row r="387934" spans="14:14">
      <c r="N387934" s="10"/>
    </row>
    <row r="387935" spans="14:14">
      <c r="N387935" s="10"/>
    </row>
    <row r="387936" spans="14:14">
      <c r="N387936" s="10"/>
    </row>
    <row r="387937" spans="14:14">
      <c r="N387937" s="10"/>
    </row>
    <row r="387938" spans="14:14">
      <c r="N387938" s="10"/>
    </row>
    <row r="387939" spans="14:14">
      <c r="N387939" s="10"/>
    </row>
    <row r="387940" spans="14:14">
      <c r="N387940" s="10"/>
    </row>
    <row r="387941" spans="14:14">
      <c r="N387941" s="10"/>
    </row>
    <row r="387942" spans="14:14">
      <c r="N387942" s="10"/>
    </row>
    <row r="387943" spans="14:14">
      <c r="N387943" s="10"/>
    </row>
    <row r="387944" spans="14:14">
      <c r="N387944" s="10"/>
    </row>
    <row r="387945" spans="14:14">
      <c r="N387945" s="10"/>
    </row>
    <row r="387946" spans="14:14">
      <c r="N387946" s="10"/>
    </row>
    <row r="387947" spans="14:14">
      <c r="N387947" s="10"/>
    </row>
    <row r="387948" spans="14:14">
      <c r="N387948" s="10"/>
    </row>
    <row r="387949" spans="14:14">
      <c r="N387949" s="10"/>
    </row>
    <row r="387950" spans="14:14">
      <c r="N387950" s="10"/>
    </row>
    <row r="387951" spans="14:14">
      <c r="N387951" s="10"/>
    </row>
    <row r="387952" spans="14:14">
      <c r="N387952" s="10"/>
    </row>
    <row r="387953" spans="14:14">
      <c r="N387953" s="10"/>
    </row>
    <row r="387954" spans="14:14">
      <c r="N387954" s="10"/>
    </row>
    <row r="387955" spans="14:14">
      <c r="N387955" s="10"/>
    </row>
    <row r="387956" spans="14:14">
      <c r="N387956" s="10"/>
    </row>
    <row r="387957" spans="14:14">
      <c r="N387957" s="10"/>
    </row>
    <row r="387958" spans="14:14">
      <c r="N387958" s="10"/>
    </row>
    <row r="387959" spans="14:14">
      <c r="N387959" s="10"/>
    </row>
    <row r="387960" spans="14:14">
      <c r="N387960" s="10"/>
    </row>
    <row r="387961" spans="14:14">
      <c r="N387961" s="10"/>
    </row>
    <row r="387962" spans="14:14">
      <c r="N387962" s="10"/>
    </row>
    <row r="387963" spans="14:14">
      <c r="N387963" s="10"/>
    </row>
    <row r="387964" spans="14:14">
      <c r="N387964" s="10"/>
    </row>
    <row r="387965" spans="14:14">
      <c r="N387965" s="10"/>
    </row>
    <row r="387966" spans="14:14">
      <c r="N387966" s="10"/>
    </row>
    <row r="387967" spans="14:14">
      <c r="N387967" s="10"/>
    </row>
    <row r="387968" spans="14:14">
      <c r="N387968" s="10"/>
    </row>
    <row r="387969" spans="14:14">
      <c r="N387969" s="10"/>
    </row>
    <row r="387970" spans="14:14">
      <c r="N387970" s="10"/>
    </row>
    <row r="387971" spans="14:14">
      <c r="N387971" s="10"/>
    </row>
    <row r="387972" spans="14:14">
      <c r="N387972" s="10"/>
    </row>
    <row r="387973" spans="14:14">
      <c r="N387973" s="10"/>
    </row>
    <row r="387974" spans="14:14">
      <c r="N387974" s="10"/>
    </row>
    <row r="387975" spans="14:14">
      <c r="N387975" s="10"/>
    </row>
    <row r="387976" spans="14:14">
      <c r="N387976" s="10"/>
    </row>
    <row r="387977" spans="14:14">
      <c r="N387977" s="10"/>
    </row>
    <row r="387978" spans="14:14">
      <c r="N387978" s="10"/>
    </row>
    <row r="387979" spans="14:14">
      <c r="N387979" s="10"/>
    </row>
    <row r="387980" spans="14:14">
      <c r="N387980" s="10"/>
    </row>
    <row r="387981" spans="14:14">
      <c r="N387981" s="10"/>
    </row>
    <row r="387982" spans="14:14">
      <c r="N387982" s="10"/>
    </row>
    <row r="387983" spans="14:14">
      <c r="N387983" s="10"/>
    </row>
    <row r="387984" spans="14:14">
      <c r="N387984" s="10"/>
    </row>
    <row r="387985" spans="14:14">
      <c r="N387985" s="10"/>
    </row>
    <row r="387986" spans="14:14">
      <c r="N387986" s="10"/>
    </row>
    <row r="387987" spans="14:14">
      <c r="N387987" s="10"/>
    </row>
    <row r="387988" spans="14:14">
      <c r="N387988" s="10"/>
    </row>
    <row r="387989" spans="14:14">
      <c r="N387989" s="10"/>
    </row>
    <row r="387990" spans="14:14">
      <c r="N387990" s="10"/>
    </row>
    <row r="387991" spans="14:14">
      <c r="N387991" s="10"/>
    </row>
    <row r="387992" spans="14:14">
      <c r="N387992" s="10"/>
    </row>
    <row r="387993" spans="14:14">
      <c r="N387993" s="10"/>
    </row>
    <row r="387994" spans="14:14">
      <c r="N387994" s="10"/>
    </row>
    <row r="387995" spans="14:14">
      <c r="N387995" s="10"/>
    </row>
    <row r="387996" spans="14:14">
      <c r="N387996" s="10"/>
    </row>
    <row r="387997" spans="14:14">
      <c r="N387997" s="10"/>
    </row>
    <row r="387998" spans="14:14">
      <c r="N387998" s="10"/>
    </row>
    <row r="387999" spans="14:14">
      <c r="N387999" s="10"/>
    </row>
    <row r="388000" spans="14:14">
      <c r="N388000" s="10"/>
    </row>
    <row r="388001" spans="14:14">
      <c r="N388001" s="10"/>
    </row>
    <row r="388002" spans="14:14">
      <c r="N388002" s="10"/>
    </row>
    <row r="388003" spans="14:14">
      <c r="N388003" s="10"/>
    </row>
    <row r="388004" spans="14:14">
      <c r="N388004" s="10"/>
    </row>
    <row r="388005" spans="14:14">
      <c r="N388005" s="10"/>
    </row>
    <row r="388006" spans="14:14">
      <c r="N388006" s="10"/>
    </row>
    <row r="388007" spans="14:14">
      <c r="N388007" s="10"/>
    </row>
    <row r="388008" spans="14:14">
      <c r="N388008" s="10"/>
    </row>
    <row r="388009" spans="14:14">
      <c r="N388009" s="10"/>
    </row>
    <row r="388010" spans="14:14">
      <c r="N388010" s="10"/>
    </row>
    <row r="388011" spans="14:14">
      <c r="N388011" s="10"/>
    </row>
    <row r="388012" spans="14:14">
      <c r="N388012" s="10"/>
    </row>
    <row r="388013" spans="14:14">
      <c r="N388013" s="10"/>
    </row>
    <row r="388014" spans="14:14">
      <c r="N388014" s="10"/>
    </row>
    <row r="388015" spans="14:14">
      <c r="N388015" s="10"/>
    </row>
    <row r="388016" spans="14:14">
      <c r="N388016" s="10"/>
    </row>
    <row r="388017" spans="14:14">
      <c r="N388017" s="10"/>
    </row>
    <row r="388018" spans="14:14">
      <c r="N388018" s="10"/>
    </row>
    <row r="388019" spans="14:14">
      <c r="N388019" s="10"/>
    </row>
    <row r="388020" spans="14:14">
      <c r="N388020" s="10"/>
    </row>
    <row r="388021" spans="14:14">
      <c r="N388021" s="10"/>
    </row>
    <row r="388022" spans="14:14">
      <c r="N388022" s="10"/>
    </row>
    <row r="388023" spans="14:14">
      <c r="N388023" s="10"/>
    </row>
    <row r="388024" spans="14:14">
      <c r="N388024" s="10"/>
    </row>
    <row r="388025" spans="14:14">
      <c r="N388025" s="10"/>
    </row>
    <row r="388026" spans="14:14">
      <c r="N388026" s="10"/>
    </row>
    <row r="388027" spans="14:14">
      <c r="N388027" s="10"/>
    </row>
    <row r="388028" spans="14:14">
      <c r="N388028" s="10"/>
    </row>
    <row r="388029" spans="14:14">
      <c r="N388029" s="10"/>
    </row>
    <row r="388030" spans="14:14">
      <c r="N388030" s="10"/>
    </row>
    <row r="388031" spans="14:14">
      <c r="N388031" s="10"/>
    </row>
    <row r="388032" spans="14:14">
      <c r="N388032" s="10"/>
    </row>
    <row r="388033" spans="14:14">
      <c r="N388033" s="10"/>
    </row>
    <row r="388034" spans="14:14">
      <c r="N388034" s="10"/>
    </row>
    <row r="388035" spans="14:14">
      <c r="N388035" s="10"/>
    </row>
    <row r="388036" spans="14:14">
      <c r="N388036" s="10"/>
    </row>
    <row r="388037" spans="14:14">
      <c r="N388037" s="10"/>
    </row>
    <row r="388038" spans="14:14">
      <c r="N388038" s="10"/>
    </row>
    <row r="388039" spans="14:14">
      <c r="N388039" s="10"/>
    </row>
    <row r="388040" spans="14:14">
      <c r="N388040" s="10"/>
    </row>
    <row r="388041" spans="14:14">
      <c r="N388041" s="10"/>
    </row>
    <row r="388042" spans="14:14">
      <c r="N388042" s="10"/>
    </row>
    <row r="388043" spans="14:14">
      <c r="N388043" s="10"/>
    </row>
    <row r="388044" spans="14:14">
      <c r="N388044" s="10"/>
    </row>
    <row r="388045" spans="14:14">
      <c r="N388045" s="10"/>
    </row>
    <row r="388046" spans="14:14">
      <c r="N388046" s="10"/>
    </row>
    <row r="388047" spans="14:14">
      <c r="N388047" s="10"/>
    </row>
    <row r="388048" spans="14:14">
      <c r="N388048" s="10"/>
    </row>
    <row r="388049" spans="14:14">
      <c r="N388049" s="10"/>
    </row>
    <row r="388050" spans="14:14">
      <c r="N388050" s="10"/>
    </row>
    <row r="388051" spans="14:14">
      <c r="N388051" s="10"/>
    </row>
    <row r="388052" spans="14:14">
      <c r="N388052" s="10"/>
    </row>
    <row r="388053" spans="14:14">
      <c r="N388053" s="10"/>
    </row>
    <row r="388054" spans="14:14">
      <c r="N388054" s="10"/>
    </row>
    <row r="388055" spans="14:14">
      <c r="N388055" s="10"/>
    </row>
    <row r="388056" spans="14:14">
      <c r="N388056" s="10"/>
    </row>
    <row r="388057" spans="14:14">
      <c r="N388057" s="10"/>
    </row>
    <row r="388058" spans="14:14">
      <c r="N388058" s="10"/>
    </row>
    <row r="388059" spans="14:14">
      <c r="N388059" s="10"/>
    </row>
    <row r="388060" spans="14:14">
      <c r="N388060" s="10"/>
    </row>
    <row r="388061" spans="14:14">
      <c r="N388061" s="10"/>
    </row>
    <row r="388062" spans="14:14">
      <c r="N388062" s="10"/>
    </row>
    <row r="388063" spans="14:14">
      <c r="N388063" s="10"/>
    </row>
    <row r="388064" spans="14:14">
      <c r="N388064" s="10"/>
    </row>
    <row r="388065" spans="14:14">
      <c r="N388065" s="10"/>
    </row>
    <row r="388066" spans="14:14">
      <c r="N388066" s="10"/>
    </row>
    <row r="388067" spans="14:14">
      <c r="N388067" s="10"/>
    </row>
    <row r="388068" spans="14:14">
      <c r="N388068" s="10"/>
    </row>
    <row r="388069" spans="14:14">
      <c r="N388069" s="10"/>
    </row>
    <row r="388070" spans="14:14">
      <c r="N388070" s="10"/>
    </row>
    <row r="388071" spans="14:14">
      <c r="N388071" s="10"/>
    </row>
    <row r="388072" spans="14:14">
      <c r="N388072" s="10"/>
    </row>
    <row r="388073" spans="14:14">
      <c r="N388073" s="10"/>
    </row>
    <row r="388074" spans="14:14">
      <c r="N388074" s="10"/>
    </row>
    <row r="388075" spans="14:14">
      <c r="N388075" s="10"/>
    </row>
    <row r="388076" spans="14:14">
      <c r="N388076" s="10"/>
    </row>
    <row r="388077" spans="14:14">
      <c r="N388077" s="10"/>
    </row>
    <row r="388078" spans="14:14">
      <c r="N388078" s="10"/>
    </row>
    <row r="388079" spans="14:14">
      <c r="N388079" s="10"/>
    </row>
    <row r="388080" spans="14:14">
      <c r="N388080" s="10"/>
    </row>
    <row r="388081" spans="14:14">
      <c r="N388081" s="10"/>
    </row>
    <row r="388082" spans="14:14">
      <c r="N388082" s="10"/>
    </row>
    <row r="388083" spans="14:14">
      <c r="N388083" s="10"/>
    </row>
    <row r="388084" spans="14:14">
      <c r="N388084" s="10"/>
    </row>
    <row r="388085" spans="14:14">
      <c r="N388085" s="10"/>
    </row>
    <row r="388086" spans="14:14">
      <c r="N388086" s="10"/>
    </row>
    <row r="388087" spans="14:14">
      <c r="N388087" s="10"/>
    </row>
    <row r="388088" spans="14:14">
      <c r="N388088" s="10"/>
    </row>
    <row r="388089" spans="14:14">
      <c r="N388089" s="10"/>
    </row>
    <row r="388090" spans="14:14">
      <c r="N388090" s="10"/>
    </row>
    <row r="388091" spans="14:14">
      <c r="N388091" s="10"/>
    </row>
    <row r="388092" spans="14:14">
      <c r="N388092" s="10"/>
    </row>
    <row r="388093" spans="14:14">
      <c r="N388093" s="10"/>
    </row>
    <row r="388094" spans="14:14">
      <c r="N388094" s="10"/>
    </row>
    <row r="388095" spans="14:14">
      <c r="N388095" s="10"/>
    </row>
    <row r="388096" spans="14:14">
      <c r="N388096" s="10"/>
    </row>
    <row r="388097" spans="14:14">
      <c r="N388097" s="10"/>
    </row>
    <row r="388098" spans="14:14">
      <c r="N388098" s="10"/>
    </row>
    <row r="388099" spans="14:14">
      <c r="N388099" s="10"/>
    </row>
    <row r="388100" spans="14:14">
      <c r="N388100" s="10"/>
    </row>
    <row r="388101" spans="14:14">
      <c r="N388101" s="10"/>
    </row>
    <row r="388102" spans="14:14">
      <c r="N388102" s="10"/>
    </row>
    <row r="388103" spans="14:14">
      <c r="N388103" s="10"/>
    </row>
    <row r="388104" spans="14:14">
      <c r="N388104" s="10"/>
    </row>
    <row r="388105" spans="14:14">
      <c r="N388105" s="10"/>
    </row>
    <row r="388106" spans="14:14">
      <c r="N388106" s="10"/>
    </row>
    <row r="388107" spans="14:14">
      <c r="N388107" s="10"/>
    </row>
    <row r="388108" spans="14:14">
      <c r="N388108" s="10"/>
    </row>
    <row r="388109" spans="14:14">
      <c r="N388109" s="10"/>
    </row>
    <row r="388110" spans="14:14">
      <c r="N388110" s="10"/>
    </row>
    <row r="388111" spans="14:14">
      <c r="N388111" s="10"/>
    </row>
    <row r="388112" spans="14:14">
      <c r="N388112" s="10"/>
    </row>
    <row r="388113" spans="14:14">
      <c r="N388113" s="10"/>
    </row>
    <row r="388114" spans="14:14">
      <c r="N388114" s="10"/>
    </row>
    <row r="388115" spans="14:14">
      <c r="N388115" s="10"/>
    </row>
    <row r="388116" spans="14:14">
      <c r="N388116" s="10"/>
    </row>
    <row r="388117" spans="14:14">
      <c r="N388117" s="10"/>
    </row>
    <row r="388118" spans="14:14">
      <c r="N388118" s="10"/>
    </row>
    <row r="388119" spans="14:14">
      <c r="N388119" s="10"/>
    </row>
    <row r="388120" spans="14:14">
      <c r="N388120" s="10"/>
    </row>
    <row r="388121" spans="14:14">
      <c r="N388121" s="10"/>
    </row>
    <row r="388122" spans="14:14">
      <c r="N388122" s="10"/>
    </row>
    <row r="388123" spans="14:14">
      <c r="N388123" s="10"/>
    </row>
    <row r="388124" spans="14:14">
      <c r="N388124" s="10"/>
    </row>
    <row r="388125" spans="14:14">
      <c r="N388125" s="10"/>
    </row>
    <row r="388126" spans="14:14">
      <c r="N388126" s="10"/>
    </row>
    <row r="388127" spans="14:14">
      <c r="N388127" s="10"/>
    </row>
    <row r="388128" spans="14:14">
      <c r="N388128" s="10"/>
    </row>
    <row r="388129" spans="14:14">
      <c r="N388129" s="10"/>
    </row>
    <row r="388130" spans="14:14">
      <c r="N388130" s="10"/>
    </row>
    <row r="388131" spans="14:14">
      <c r="N388131" s="10"/>
    </row>
    <row r="388132" spans="14:14">
      <c r="N388132" s="10"/>
    </row>
    <row r="388133" spans="14:14">
      <c r="N388133" s="10"/>
    </row>
    <row r="388134" spans="14:14">
      <c r="N388134" s="10"/>
    </row>
    <row r="388135" spans="14:14">
      <c r="N388135" s="10"/>
    </row>
    <row r="388136" spans="14:14">
      <c r="N388136" s="10"/>
    </row>
    <row r="388137" spans="14:14">
      <c r="N388137" s="10"/>
    </row>
    <row r="388138" spans="14:14">
      <c r="N388138" s="10"/>
    </row>
    <row r="388139" spans="14:14">
      <c r="N388139" s="10"/>
    </row>
    <row r="388140" spans="14:14">
      <c r="N388140" s="10"/>
    </row>
    <row r="388141" spans="14:14">
      <c r="N388141" s="10"/>
    </row>
    <row r="388142" spans="14:14">
      <c r="N388142" s="10"/>
    </row>
    <row r="388143" spans="14:14">
      <c r="N388143" s="10"/>
    </row>
    <row r="388144" spans="14:14">
      <c r="N388144" s="10"/>
    </row>
    <row r="388145" spans="14:14">
      <c r="N388145" s="10"/>
    </row>
    <row r="388146" spans="14:14">
      <c r="N388146" s="10"/>
    </row>
    <row r="388147" spans="14:14">
      <c r="N388147" s="10"/>
    </row>
    <row r="388148" spans="14:14">
      <c r="N388148" s="10"/>
    </row>
    <row r="388149" spans="14:14">
      <c r="N388149" s="10"/>
    </row>
    <row r="388150" spans="14:14">
      <c r="N388150" s="10"/>
    </row>
    <row r="388151" spans="14:14">
      <c r="N388151" s="10"/>
    </row>
    <row r="388152" spans="14:14">
      <c r="N388152" s="10"/>
    </row>
    <row r="388153" spans="14:14">
      <c r="N388153" s="10"/>
    </row>
    <row r="388154" spans="14:14">
      <c r="N388154" s="10"/>
    </row>
    <row r="388155" spans="14:14">
      <c r="N388155" s="10"/>
    </row>
    <row r="388156" spans="14:14">
      <c r="N388156" s="10"/>
    </row>
    <row r="388157" spans="14:14">
      <c r="N388157" s="10"/>
    </row>
    <row r="388158" spans="14:14">
      <c r="N388158" s="10"/>
    </row>
    <row r="388159" spans="14:14">
      <c r="N388159" s="10"/>
    </row>
    <row r="388160" spans="14:14">
      <c r="N388160" s="10"/>
    </row>
    <row r="388161" spans="14:14">
      <c r="N388161" s="10"/>
    </row>
    <row r="388162" spans="14:14">
      <c r="N388162" s="10"/>
    </row>
    <row r="388163" spans="14:14">
      <c r="N388163" s="10"/>
    </row>
    <row r="388164" spans="14:14">
      <c r="N388164" s="10"/>
    </row>
    <row r="388165" spans="14:14">
      <c r="N388165" s="10"/>
    </row>
    <row r="388166" spans="14:14">
      <c r="N388166" s="10"/>
    </row>
    <row r="388167" spans="14:14">
      <c r="N388167" s="10"/>
    </row>
    <row r="388168" spans="14:14">
      <c r="N388168" s="10"/>
    </row>
    <row r="388169" spans="14:14">
      <c r="N388169" s="10"/>
    </row>
    <row r="388170" spans="14:14">
      <c r="N388170" s="10"/>
    </row>
    <row r="388171" spans="14:14">
      <c r="N388171" s="10"/>
    </row>
    <row r="388172" spans="14:14">
      <c r="N388172" s="10"/>
    </row>
    <row r="388173" spans="14:14">
      <c r="N388173" s="10"/>
    </row>
    <row r="388174" spans="14:14">
      <c r="N388174" s="10"/>
    </row>
    <row r="388175" spans="14:14">
      <c r="N388175" s="10"/>
    </row>
    <row r="388176" spans="14:14">
      <c r="N388176" s="10"/>
    </row>
    <row r="388177" spans="14:14">
      <c r="N388177" s="10"/>
    </row>
    <row r="388178" spans="14:14">
      <c r="N388178" s="10"/>
    </row>
    <row r="388179" spans="14:14">
      <c r="N388179" s="10"/>
    </row>
    <row r="388180" spans="14:14">
      <c r="N388180" s="10"/>
    </row>
    <row r="388181" spans="14:14">
      <c r="N388181" s="10"/>
    </row>
    <row r="388182" spans="14:14">
      <c r="N388182" s="10"/>
    </row>
    <row r="388183" spans="14:14">
      <c r="N388183" s="10"/>
    </row>
    <row r="388184" spans="14:14">
      <c r="N388184" s="10"/>
    </row>
    <row r="388185" spans="14:14">
      <c r="N388185" s="10"/>
    </row>
    <row r="388186" spans="14:14">
      <c r="N388186" s="10"/>
    </row>
    <row r="388187" spans="14:14">
      <c r="N388187" s="10"/>
    </row>
    <row r="388188" spans="14:14">
      <c r="N388188" s="10"/>
    </row>
    <row r="388189" spans="14:14">
      <c r="N388189" s="10"/>
    </row>
    <row r="388190" spans="14:14">
      <c r="N388190" s="10"/>
    </row>
    <row r="388191" spans="14:14">
      <c r="N388191" s="10"/>
    </row>
    <row r="388192" spans="14:14">
      <c r="N388192" s="10"/>
    </row>
    <row r="388193" spans="14:14">
      <c r="N388193" s="10"/>
    </row>
    <row r="388194" spans="14:14">
      <c r="N388194" s="10"/>
    </row>
    <row r="388195" spans="14:14">
      <c r="N388195" s="10"/>
    </row>
    <row r="388196" spans="14:14">
      <c r="N388196" s="10"/>
    </row>
    <row r="388197" spans="14:14">
      <c r="N388197" s="10"/>
    </row>
    <row r="388198" spans="14:14">
      <c r="N388198" s="10"/>
    </row>
    <row r="388199" spans="14:14">
      <c r="N388199" s="10"/>
    </row>
    <row r="388200" spans="14:14">
      <c r="N388200" s="10"/>
    </row>
    <row r="388201" spans="14:14">
      <c r="N388201" s="10"/>
    </row>
    <row r="388202" spans="14:14">
      <c r="N388202" s="10"/>
    </row>
    <row r="388203" spans="14:14">
      <c r="N388203" s="10"/>
    </row>
    <row r="388204" spans="14:14">
      <c r="N388204" s="10"/>
    </row>
    <row r="388205" spans="14:14">
      <c r="N388205" s="10"/>
    </row>
    <row r="388206" spans="14:14">
      <c r="N388206" s="10"/>
    </row>
    <row r="388207" spans="14:14">
      <c r="N388207" s="10"/>
    </row>
    <row r="388208" spans="14:14">
      <c r="N388208" s="10"/>
    </row>
    <row r="388209" spans="14:14">
      <c r="N388209" s="10"/>
    </row>
    <row r="388210" spans="14:14">
      <c r="N388210" s="10"/>
    </row>
    <row r="388211" spans="14:14">
      <c r="N388211" s="10"/>
    </row>
    <row r="388212" spans="14:14">
      <c r="N388212" s="10"/>
    </row>
    <row r="388213" spans="14:14">
      <c r="N388213" s="10"/>
    </row>
    <row r="388214" spans="14:14">
      <c r="N388214" s="10"/>
    </row>
    <row r="388215" spans="14:14">
      <c r="N388215" s="10"/>
    </row>
    <row r="388216" spans="14:14">
      <c r="N388216" s="10"/>
    </row>
    <row r="388217" spans="14:14">
      <c r="N388217" s="10"/>
    </row>
    <row r="388218" spans="14:14">
      <c r="N388218" s="10"/>
    </row>
    <row r="388219" spans="14:14">
      <c r="N388219" s="10"/>
    </row>
    <row r="388220" spans="14:14">
      <c r="N388220" s="10"/>
    </row>
    <row r="388221" spans="14:14">
      <c r="N388221" s="10"/>
    </row>
    <row r="388222" spans="14:14">
      <c r="N388222" s="10"/>
    </row>
    <row r="388223" spans="14:14">
      <c r="N388223" s="10"/>
    </row>
    <row r="388224" spans="14:14">
      <c r="N388224" s="10"/>
    </row>
    <row r="388225" spans="14:14">
      <c r="N388225" s="10"/>
    </row>
    <row r="388226" spans="14:14">
      <c r="N388226" s="10"/>
    </row>
    <row r="388227" spans="14:14">
      <c r="N388227" s="10"/>
    </row>
    <row r="388228" spans="14:14">
      <c r="N388228" s="10"/>
    </row>
    <row r="388229" spans="14:14">
      <c r="N388229" s="10"/>
    </row>
    <row r="388230" spans="14:14">
      <c r="N388230" s="10"/>
    </row>
    <row r="388231" spans="14:14">
      <c r="N388231" s="10"/>
    </row>
    <row r="388232" spans="14:14">
      <c r="N388232" s="10"/>
    </row>
    <row r="388233" spans="14:14">
      <c r="N388233" s="10"/>
    </row>
    <row r="388234" spans="14:14">
      <c r="N388234" s="10"/>
    </row>
    <row r="388235" spans="14:14">
      <c r="N388235" s="10"/>
    </row>
    <row r="388236" spans="14:14">
      <c r="N388236" s="10"/>
    </row>
    <row r="388237" spans="14:14">
      <c r="N388237" s="10"/>
    </row>
    <row r="388238" spans="14:14">
      <c r="N388238" s="10"/>
    </row>
    <row r="388239" spans="14:14">
      <c r="N388239" s="10"/>
    </row>
    <row r="388240" spans="14:14">
      <c r="N388240" s="10"/>
    </row>
    <row r="388241" spans="14:14">
      <c r="N388241" s="10"/>
    </row>
    <row r="388242" spans="14:14">
      <c r="N388242" s="10"/>
    </row>
    <row r="388243" spans="14:14">
      <c r="N388243" s="10"/>
    </row>
    <row r="388244" spans="14:14">
      <c r="N388244" s="10"/>
    </row>
    <row r="388245" spans="14:14">
      <c r="N388245" s="10"/>
    </row>
    <row r="388246" spans="14:14">
      <c r="N388246" s="10"/>
    </row>
    <row r="388247" spans="14:14">
      <c r="N388247" s="10"/>
    </row>
    <row r="388248" spans="14:14">
      <c r="N388248" s="10"/>
    </row>
    <row r="388249" spans="14:14">
      <c r="N388249" s="10"/>
    </row>
    <row r="388250" spans="14:14">
      <c r="N388250" s="10"/>
    </row>
    <row r="388251" spans="14:14">
      <c r="N388251" s="10"/>
    </row>
    <row r="388252" spans="14:14">
      <c r="N388252" s="10"/>
    </row>
    <row r="388253" spans="14:14">
      <c r="N388253" s="10"/>
    </row>
    <row r="388254" spans="14:14">
      <c r="N388254" s="10"/>
    </row>
    <row r="388255" spans="14:14">
      <c r="N388255" s="10"/>
    </row>
    <row r="388256" spans="14:14">
      <c r="N388256" s="10"/>
    </row>
    <row r="388257" spans="14:14">
      <c r="N388257" s="10"/>
    </row>
    <row r="388258" spans="14:14">
      <c r="N388258" s="10"/>
    </row>
    <row r="388259" spans="14:14">
      <c r="N388259" s="10"/>
    </row>
    <row r="388260" spans="14:14">
      <c r="N388260" s="10"/>
    </row>
    <row r="388261" spans="14:14">
      <c r="N388261" s="10"/>
    </row>
    <row r="388262" spans="14:14">
      <c r="N388262" s="10"/>
    </row>
    <row r="388263" spans="14:14">
      <c r="N388263" s="10"/>
    </row>
    <row r="388264" spans="14:14">
      <c r="N388264" s="10"/>
    </row>
    <row r="388265" spans="14:14">
      <c r="N388265" s="10"/>
    </row>
    <row r="388266" spans="14:14">
      <c r="N388266" s="10"/>
    </row>
    <row r="388267" spans="14:14">
      <c r="N388267" s="10"/>
    </row>
    <row r="388268" spans="14:14">
      <c r="N388268" s="10"/>
    </row>
    <row r="388269" spans="14:14">
      <c r="N388269" s="10"/>
    </row>
    <row r="388270" spans="14:14">
      <c r="N388270" s="10"/>
    </row>
    <row r="388271" spans="14:14">
      <c r="N388271" s="10"/>
    </row>
    <row r="388272" spans="14:14">
      <c r="N388272" s="10"/>
    </row>
    <row r="388273" spans="14:14">
      <c r="N388273" s="10"/>
    </row>
    <row r="388274" spans="14:14">
      <c r="N388274" s="10"/>
    </row>
    <row r="388275" spans="14:14">
      <c r="N388275" s="10"/>
    </row>
    <row r="388276" spans="14:14">
      <c r="N388276" s="10"/>
    </row>
    <row r="388277" spans="14:14">
      <c r="N388277" s="10"/>
    </row>
    <row r="388278" spans="14:14">
      <c r="N388278" s="10"/>
    </row>
    <row r="388279" spans="14:14">
      <c r="N388279" s="10"/>
    </row>
    <row r="388280" spans="14:14">
      <c r="N388280" s="10"/>
    </row>
    <row r="388281" spans="14:14">
      <c r="N388281" s="10"/>
    </row>
    <row r="388282" spans="14:14">
      <c r="N388282" s="10"/>
    </row>
    <row r="388283" spans="14:14">
      <c r="N388283" s="10"/>
    </row>
    <row r="388284" spans="14:14">
      <c r="N388284" s="10"/>
    </row>
    <row r="388285" spans="14:14">
      <c r="N388285" s="10"/>
    </row>
    <row r="388286" spans="14:14">
      <c r="N388286" s="10"/>
    </row>
    <row r="388287" spans="14:14">
      <c r="N388287" s="10"/>
    </row>
    <row r="388288" spans="14:14">
      <c r="N388288" s="10"/>
    </row>
    <row r="388289" spans="14:14">
      <c r="N388289" s="10"/>
    </row>
    <row r="388290" spans="14:14">
      <c r="N388290" s="10"/>
    </row>
    <row r="388291" spans="14:14">
      <c r="N388291" s="10"/>
    </row>
    <row r="388292" spans="14:14">
      <c r="N388292" s="10"/>
    </row>
    <row r="388293" spans="14:14">
      <c r="N388293" s="10"/>
    </row>
    <row r="388294" spans="14:14">
      <c r="N388294" s="10"/>
    </row>
    <row r="388295" spans="14:14">
      <c r="N388295" s="10"/>
    </row>
    <row r="388296" spans="14:14">
      <c r="N388296" s="10"/>
    </row>
    <row r="388297" spans="14:14">
      <c r="N388297" s="10"/>
    </row>
    <row r="388298" spans="14:14">
      <c r="N388298" s="10"/>
    </row>
    <row r="388299" spans="14:14">
      <c r="N388299" s="10"/>
    </row>
    <row r="388300" spans="14:14">
      <c r="N388300" s="10"/>
    </row>
    <row r="388301" spans="14:14">
      <c r="N388301" s="10"/>
    </row>
    <row r="388302" spans="14:14">
      <c r="N388302" s="10"/>
    </row>
    <row r="388303" spans="14:14">
      <c r="N388303" s="10"/>
    </row>
    <row r="388304" spans="14:14">
      <c r="N388304" s="10"/>
    </row>
    <row r="388305" spans="14:14">
      <c r="N388305" s="10"/>
    </row>
    <row r="388306" spans="14:14">
      <c r="N388306" s="10"/>
    </row>
    <row r="388307" spans="14:14">
      <c r="N388307" s="10"/>
    </row>
    <row r="388308" spans="14:14">
      <c r="N388308" s="10"/>
    </row>
    <row r="388309" spans="14:14">
      <c r="N388309" s="10"/>
    </row>
    <row r="388310" spans="14:14">
      <c r="N388310" s="10"/>
    </row>
    <row r="388311" spans="14:14">
      <c r="N388311" s="10"/>
    </row>
    <row r="388312" spans="14:14">
      <c r="N388312" s="10"/>
    </row>
    <row r="388313" spans="14:14">
      <c r="N388313" s="10"/>
    </row>
    <row r="388314" spans="14:14">
      <c r="N388314" s="10"/>
    </row>
    <row r="388315" spans="14:14">
      <c r="N388315" s="10"/>
    </row>
    <row r="388316" spans="14:14">
      <c r="N388316" s="10"/>
    </row>
    <row r="388317" spans="14:14">
      <c r="N388317" s="10"/>
    </row>
    <row r="388318" spans="14:14">
      <c r="N388318" s="10"/>
    </row>
    <row r="388319" spans="14:14">
      <c r="N388319" s="10"/>
    </row>
    <row r="388320" spans="14:14">
      <c r="N388320" s="10"/>
    </row>
    <row r="388321" spans="14:14">
      <c r="N388321" s="10"/>
    </row>
    <row r="388322" spans="14:14">
      <c r="N388322" s="10"/>
    </row>
    <row r="388323" spans="14:14">
      <c r="N388323" s="10"/>
    </row>
    <row r="388324" spans="14:14">
      <c r="N388324" s="10"/>
    </row>
    <row r="388325" spans="14:14">
      <c r="N388325" s="10"/>
    </row>
    <row r="388326" spans="14:14">
      <c r="N388326" s="10"/>
    </row>
    <row r="388327" spans="14:14">
      <c r="N388327" s="10"/>
    </row>
    <row r="388328" spans="14:14">
      <c r="N388328" s="10"/>
    </row>
    <row r="388329" spans="14:14">
      <c r="N388329" s="10"/>
    </row>
    <row r="388330" spans="14:14">
      <c r="N388330" s="10"/>
    </row>
    <row r="388331" spans="14:14">
      <c r="N388331" s="10"/>
    </row>
    <row r="388332" spans="14:14">
      <c r="N388332" s="10"/>
    </row>
    <row r="388333" spans="14:14">
      <c r="N388333" s="10"/>
    </row>
    <row r="388334" spans="14:14">
      <c r="N388334" s="10"/>
    </row>
    <row r="388335" spans="14:14">
      <c r="N388335" s="10"/>
    </row>
    <row r="388336" spans="14:14">
      <c r="N388336" s="10"/>
    </row>
    <row r="388337" spans="14:14">
      <c r="N388337" s="10"/>
    </row>
    <row r="388338" spans="14:14">
      <c r="N388338" s="10"/>
    </row>
    <row r="388339" spans="14:14">
      <c r="N388339" s="10"/>
    </row>
    <row r="388340" spans="14:14">
      <c r="N388340" s="10"/>
    </row>
    <row r="388341" spans="14:14">
      <c r="N388341" s="10"/>
    </row>
    <row r="388342" spans="14:14">
      <c r="N388342" s="10"/>
    </row>
    <row r="388343" spans="14:14">
      <c r="N388343" s="10"/>
    </row>
    <row r="388344" spans="14:14">
      <c r="N388344" s="10"/>
    </row>
    <row r="388345" spans="14:14">
      <c r="N388345" s="10"/>
    </row>
    <row r="388346" spans="14:14">
      <c r="N388346" s="10"/>
    </row>
    <row r="388347" spans="14:14">
      <c r="N388347" s="10"/>
    </row>
    <row r="388348" spans="14:14">
      <c r="N388348" s="10"/>
    </row>
    <row r="388349" spans="14:14">
      <c r="N388349" s="10"/>
    </row>
    <row r="388350" spans="14:14">
      <c r="N388350" s="10"/>
    </row>
    <row r="388351" spans="14:14">
      <c r="N388351" s="10"/>
    </row>
    <row r="388352" spans="14:14">
      <c r="N388352" s="10"/>
    </row>
    <row r="388353" spans="14:14">
      <c r="N388353" s="10"/>
    </row>
    <row r="388354" spans="14:14">
      <c r="N388354" s="10"/>
    </row>
    <row r="388355" spans="14:14">
      <c r="N388355" s="10"/>
    </row>
    <row r="388356" spans="14:14">
      <c r="N388356" s="10"/>
    </row>
    <row r="388357" spans="14:14">
      <c r="N388357" s="10"/>
    </row>
    <row r="388358" spans="14:14">
      <c r="N388358" s="10"/>
    </row>
    <row r="388359" spans="14:14">
      <c r="N388359" s="10"/>
    </row>
    <row r="388360" spans="14:14">
      <c r="N388360" s="10"/>
    </row>
    <row r="388361" spans="14:14">
      <c r="N388361" s="10"/>
    </row>
    <row r="388362" spans="14:14">
      <c r="N388362" s="10"/>
    </row>
    <row r="388363" spans="14:14">
      <c r="N388363" s="10"/>
    </row>
    <row r="388364" spans="14:14">
      <c r="N388364" s="10"/>
    </row>
    <row r="388365" spans="14:14">
      <c r="N388365" s="10"/>
    </row>
    <row r="388366" spans="14:14">
      <c r="N388366" s="10"/>
    </row>
    <row r="388367" spans="14:14">
      <c r="N388367" s="10"/>
    </row>
    <row r="388368" spans="14:14">
      <c r="N388368" s="10"/>
    </row>
    <row r="388369" spans="14:14">
      <c r="N388369" s="10"/>
    </row>
    <row r="388370" spans="14:14">
      <c r="N388370" s="10"/>
    </row>
    <row r="388371" spans="14:14">
      <c r="N388371" s="10"/>
    </row>
    <row r="388372" spans="14:14">
      <c r="N388372" s="10"/>
    </row>
    <row r="388373" spans="14:14">
      <c r="N388373" s="10"/>
    </row>
    <row r="388374" spans="14:14">
      <c r="N388374" s="10"/>
    </row>
    <row r="388375" spans="14:14">
      <c r="N388375" s="10"/>
    </row>
    <row r="388376" spans="14:14">
      <c r="N388376" s="10"/>
    </row>
    <row r="388377" spans="14:14">
      <c r="N388377" s="10"/>
    </row>
    <row r="388378" spans="14:14">
      <c r="N388378" s="10"/>
    </row>
    <row r="388379" spans="14:14">
      <c r="N388379" s="10"/>
    </row>
    <row r="388380" spans="14:14">
      <c r="N388380" s="10"/>
    </row>
    <row r="388381" spans="14:14">
      <c r="N388381" s="10"/>
    </row>
    <row r="388382" spans="14:14">
      <c r="N388382" s="10"/>
    </row>
    <row r="388383" spans="14:14">
      <c r="N388383" s="10"/>
    </row>
    <row r="388384" spans="14:14">
      <c r="N388384" s="10"/>
    </row>
    <row r="388385" spans="14:14">
      <c r="N388385" s="10"/>
    </row>
    <row r="388386" spans="14:14">
      <c r="N388386" s="10"/>
    </row>
    <row r="388387" spans="14:14">
      <c r="N388387" s="10"/>
    </row>
    <row r="388388" spans="14:14">
      <c r="N388388" s="10"/>
    </row>
    <row r="388389" spans="14:14">
      <c r="N388389" s="10"/>
    </row>
    <row r="388390" spans="14:14">
      <c r="N388390" s="10"/>
    </row>
    <row r="388391" spans="14:14">
      <c r="N388391" s="10"/>
    </row>
    <row r="388392" spans="14:14">
      <c r="N388392" s="10"/>
    </row>
    <row r="388393" spans="14:14">
      <c r="N388393" s="10"/>
    </row>
    <row r="388394" spans="14:14">
      <c r="N388394" s="10"/>
    </row>
    <row r="388395" spans="14:14">
      <c r="N388395" s="10"/>
    </row>
    <row r="388396" spans="14:14">
      <c r="N388396" s="10"/>
    </row>
    <row r="388397" spans="14:14">
      <c r="N388397" s="10"/>
    </row>
    <row r="388398" spans="14:14">
      <c r="N388398" s="10"/>
    </row>
    <row r="388399" spans="14:14">
      <c r="N388399" s="10"/>
    </row>
    <row r="388400" spans="14:14">
      <c r="N388400" s="10"/>
    </row>
    <row r="388401" spans="14:14">
      <c r="N388401" s="10"/>
    </row>
    <row r="388402" spans="14:14">
      <c r="N388402" s="10"/>
    </row>
    <row r="388403" spans="14:14">
      <c r="N388403" s="10"/>
    </row>
    <row r="388404" spans="14:14">
      <c r="N388404" s="10"/>
    </row>
    <row r="388405" spans="14:14">
      <c r="N388405" s="10"/>
    </row>
    <row r="388406" spans="14:14">
      <c r="N388406" s="10"/>
    </row>
    <row r="388407" spans="14:14">
      <c r="N388407" s="10"/>
    </row>
    <row r="388408" spans="14:14">
      <c r="N388408" s="10"/>
    </row>
    <row r="388409" spans="14:14">
      <c r="N388409" s="10"/>
    </row>
    <row r="388410" spans="14:14">
      <c r="N388410" s="10"/>
    </row>
    <row r="388411" spans="14:14">
      <c r="N388411" s="10"/>
    </row>
    <row r="388412" spans="14:14">
      <c r="N388412" s="10"/>
    </row>
    <row r="388413" spans="14:14">
      <c r="N388413" s="10"/>
    </row>
    <row r="388414" spans="14:14">
      <c r="N388414" s="10"/>
    </row>
    <row r="388415" spans="14:14">
      <c r="N388415" s="10"/>
    </row>
    <row r="388416" spans="14:14">
      <c r="N388416" s="10"/>
    </row>
    <row r="388417" spans="14:14">
      <c r="N388417" s="10"/>
    </row>
    <row r="388418" spans="14:14">
      <c r="N388418" s="10"/>
    </row>
    <row r="388419" spans="14:14">
      <c r="N388419" s="10"/>
    </row>
    <row r="388420" spans="14:14">
      <c r="N388420" s="10"/>
    </row>
    <row r="388421" spans="14:14">
      <c r="N388421" s="10"/>
    </row>
    <row r="388422" spans="14:14">
      <c r="N388422" s="10"/>
    </row>
    <row r="388423" spans="14:14">
      <c r="N388423" s="10"/>
    </row>
    <row r="388424" spans="14:14">
      <c r="N388424" s="10"/>
    </row>
    <row r="388425" spans="14:14">
      <c r="N388425" s="10"/>
    </row>
    <row r="388426" spans="14:14">
      <c r="N388426" s="10"/>
    </row>
    <row r="388427" spans="14:14">
      <c r="N388427" s="10"/>
    </row>
    <row r="388428" spans="14:14">
      <c r="N388428" s="10"/>
    </row>
    <row r="388429" spans="14:14">
      <c r="N388429" s="10"/>
    </row>
    <row r="388430" spans="14:14">
      <c r="N388430" s="10"/>
    </row>
    <row r="388431" spans="14:14">
      <c r="N388431" s="10"/>
    </row>
    <row r="388432" spans="14:14">
      <c r="N388432" s="10"/>
    </row>
    <row r="388433" spans="14:14">
      <c r="N388433" s="10"/>
    </row>
    <row r="388434" spans="14:14">
      <c r="N388434" s="10"/>
    </row>
    <row r="388435" spans="14:14">
      <c r="N388435" s="10"/>
    </row>
    <row r="388436" spans="14:14">
      <c r="N388436" s="10"/>
    </row>
    <row r="388437" spans="14:14">
      <c r="N388437" s="10"/>
    </row>
    <row r="388438" spans="14:14">
      <c r="N388438" s="10"/>
    </row>
    <row r="388439" spans="14:14">
      <c r="N388439" s="10"/>
    </row>
    <row r="388440" spans="14:14">
      <c r="N388440" s="10"/>
    </row>
    <row r="388441" spans="14:14">
      <c r="N388441" s="10"/>
    </row>
    <row r="388442" spans="14:14">
      <c r="N388442" s="10"/>
    </row>
    <row r="388443" spans="14:14">
      <c r="N388443" s="10"/>
    </row>
    <row r="388444" spans="14:14">
      <c r="N388444" s="10"/>
    </row>
    <row r="388445" spans="14:14">
      <c r="N388445" s="10"/>
    </row>
    <row r="388446" spans="14:14">
      <c r="N388446" s="10"/>
    </row>
    <row r="388447" spans="14:14">
      <c r="N388447" s="10"/>
    </row>
    <row r="388448" spans="14:14">
      <c r="N388448" s="10"/>
    </row>
    <row r="388449" spans="14:14">
      <c r="N388449" s="10"/>
    </row>
    <row r="388450" spans="14:14">
      <c r="N388450" s="10"/>
    </row>
    <row r="388451" spans="14:14">
      <c r="N388451" s="10"/>
    </row>
    <row r="388452" spans="14:14">
      <c r="N388452" s="10"/>
    </row>
    <row r="388453" spans="14:14">
      <c r="N388453" s="10"/>
    </row>
    <row r="388454" spans="14:14">
      <c r="N388454" s="10"/>
    </row>
    <row r="388455" spans="14:14">
      <c r="N388455" s="10"/>
    </row>
    <row r="388456" spans="14:14">
      <c r="N388456" s="10"/>
    </row>
    <row r="388457" spans="14:14">
      <c r="N388457" s="10"/>
    </row>
    <row r="388458" spans="14:14">
      <c r="N388458" s="10"/>
    </row>
    <row r="388459" spans="14:14">
      <c r="N388459" s="10"/>
    </row>
    <row r="388460" spans="14:14">
      <c r="N388460" s="10"/>
    </row>
    <row r="388461" spans="14:14">
      <c r="N388461" s="10"/>
    </row>
    <row r="388462" spans="14:14">
      <c r="N388462" s="10"/>
    </row>
    <row r="388463" spans="14:14">
      <c r="N388463" s="10"/>
    </row>
    <row r="388464" spans="14:14">
      <c r="N388464" s="10"/>
    </row>
    <row r="388465" spans="14:14">
      <c r="N388465" s="10"/>
    </row>
    <row r="388466" spans="14:14">
      <c r="N388466" s="10"/>
    </row>
    <row r="388467" spans="14:14">
      <c r="N388467" s="10"/>
    </row>
    <row r="388468" spans="14:14">
      <c r="N388468" s="10"/>
    </row>
    <row r="388469" spans="14:14">
      <c r="N388469" s="10"/>
    </row>
    <row r="388470" spans="14:14">
      <c r="N388470" s="10"/>
    </row>
    <row r="388471" spans="14:14">
      <c r="N388471" s="10"/>
    </row>
    <row r="388472" spans="14:14">
      <c r="N388472" s="10"/>
    </row>
    <row r="388473" spans="14:14">
      <c r="N388473" s="10"/>
    </row>
    <row r="388474" spans="14:14">
      <c r="N388474" s="10"/>
    </row>
    <row r="388475" spans="14:14">
      <c r="N388475" s="10"/>
    </row>
    <row r="388476" spans="14:14">
      <c r="N388476" s="10"/>
    </row>
    <row r="388477" spans="14:14">
      <c r="N388477" s="10"/>
    </row>
    <row r="388478" spans="14:14">
      <c r="N388478" s="10"/>
    </row>
    <row r="388479" spans="14:14">
      <c r="N388479" s="10"/>
    </row>
    <row r="388480" spans="14:14">
      <c r="N388480" s="10"/>
    </row>
    <row r="388481" spans="14:14">
      <c r="N388481" s="10"/>
    </row>
    <row r="388482" spans="14:14">
      <c r="N388482" s="10"/>
    </row>
    <row r="388483" spans="14:14">
      <c r="N388483" s="10"/>
    </row>
    <row r="388484" spans="14:14">
      <c r="N388484" s="10"/>
    </row>
    <row r="388485" spans="14:14">
      <c r="N388485" s="10"/>
    </row>
    <row r="388486" spans="14:14">
      <c r="N388486" s="10"/>
    </row>
    <row r="388487" spans="14:14">
      <c r="N388487" s="10"/>
    </row>
    <row r="388488" spans="14:14">
      <c r="N388488" s="10"/>
    </row>
    <row r="388489" spans="14:14">
      <c r="N388489" s="10"/>
    </row>
    <row r="388490" spans="14:14">
      <c r="N388490" s="10"/>
    </row>
    <row r="388491" spans="14:14">
      <c r="N388491" s="10"/>
    </row>
    <row r="388492" spans="14:14">
      <c r="N388492" s="10"/>
    </row>
    <row r="388493" spans="14:14">
      <c r="N388493" s="10"/>
    </row>
    <row r="388494" spans="14:14">
      <c r="N388494" s="10"/>
    </row>
    <row r="388495" spans="14:14">
      <c r="N388495" s="10"/>
    </row>
    <row r="388496" spans="14:14">
      <c r="N388496" s="10"/>
    </row>
    <row r="388497" spans="14:14">
      <c r="N388497" s="10"/>
    </row>
    <row r="388498" spans="14:14">
      <c r="N388498" s="10"/>
    </row>
    <row r="388499" spans="14:14">
      <c r="N388499" s="10"/>
    </row>
    <row r="388500" spans="14:14">
      <c r="N388500" s="10"/>
    </row>
    <row r="388501" spans="14:14">
      <c r="N388501" s="10"/>
    </row>
    <row r="388502" spans="14:14">
      <c r="N388502" s="10"/>
    </row>
    <row r="388503" spans="14:14">
      <c r="N388503" s="10"/>
    </row>
    <row r="388504" spans="14:14">
      <c r="N388504" s="10"/>
    </row>
    <row r="388505" spans="14:14">
      <c r="N388505" s="10"/>
    </row>
    <row r="388506" spans="14:14">
      <c r="N388506" s="10"/>
    </row>
    <row r="388507" spans="14:14">
      <c r="N388507" s="10"/>
    </row>
    <row r="388508" spans="14:14">
      <c r="N388508" s="10"/>
    </row>
    <row r="388509" spans="14:14">
      <c r="N388509" s="10"/>
    </row>
    <row r="388510" spans="14:14">
      <c r="N388510" s="10"/>
    </row>
    <row r="388511" spans="14:14">
      <c r="N388511" s="10"/>
    </row>
    <row r="388512" spans="14:14">
      <c r="N388512" s="10"/>
    </row>
    <row r="388513" spans="14:14">
      <c r="N388513" s="10"/>
    </row>
    <row r="388514" spans="14:14">
      <c r="N388514" s="10"/>
    </row>
    <row r="388515" spans="14:14">
      <c r="N388515" s="10"/>
    </row>
    <row r="388516" spans="14:14">
      <c r="N388516" s="10"/>
    </row>
    <row r="388517" spans="14:14">
      <c r="N388517" s="10"/>
    </row>
    <row r="388518" spans="14:14">
      <c r="N388518" s="10"/>
    </row>
    <row r="388519" spans="14:14">
      <c r="N388519" s="10"/>
    </row>
    <row r="388520" spans="14:14">
      <c r="N388520" s="10"/>
    </row>
    <row r="388521" spans="14:14">
      <c r="N388521" s="10"/>
    </row>
    <row r="388522" spans="14:14">
      <c r="N388522" s="10"/>
    </row>
    <row r="388523" spans="14:14">
      <c r="N388523" s="10"/>
    </row>
    <row r="388524" spans="14:14">
      <c r="N388524" s="10"/>
    </row>
    <row r="388525" spans="14:14">
      <c r="N388525" s="10"/>
    </row>
    <row r="388526" spans="14:14">
      <c r="N388526" s="10"/>
    </row>
    <row r="388527" spans="14:14">
      <c r="N388527" s="10"/>
    </row>
    <row r="388528" spans="14:14">
      <c r="N388528" s="10"/>
    </row>
    <row r="388529" spans="14:14">
      <c r="N388529" s="10"/>
    </row>
    <row r="388530" spans="14:14">
      <c r="N388530" s="10"/>
    </row>
    <row r="388531" spans="14:14">
      <c r="N388531" s="10"/>
    </row>
    <row r="388532" spans="14:14">
      <c r="N388532" s="10"/>
    </row>
    <row r="388533" spans="14:14">
      <c r="N388533" s="10"/>
    </row>
    <row r="388534" spans="14:14">
      <c r="N388534" s="10"/>
    </row>
    <row r="388535" spans="14:14">
      <c r="N388535" s="10"/>
    </row>
    <row r="388536" spans="14:14">
      <c r="N388536" s="10"/>
    </row>
    <row r="388537" spans="14:14">
      <c r="N388537" s="10"/>
    </row>
    <row r="388538" spans="14:14">
      <c r="N388538" s="10"/>
    </row>
    <row r="388539" spans="14:14">
      <c r="N388539" s="10"/>
    </row>
    <row r="388540" spans="14:14">
      <c r="N388540" s="10"/>
    </row>
    <row r="388541" spans="14:14">
      <c r="N388541" s="10"/>
    </row>
    <row r="388542" spans="14:14">
      <c r="N388542" s="10"/>
    </row>
    <row r="388543" spans="14:14">
      <c r="N388543" s="10"/>
    </row>
    <row r="388544" spans="14:14">
      <c r="N388544" s="10"/>
    </row>
    <row r="388545" spans="14:14">
      <c r="N388545" s="10"/>
    </row>
    <row r="388546" spans="14:14">
      <c r="N388546" s="10"/>
    </row>
    <row r="388547" spans="14:14">
      <c r="N388547" s="10"/>
    </row>
    <row r="388548" spans="14:14">
      <c r="N388548" s="10"/>
    </row>
    <row r="388549" spans="14:14">
      <c r="N388549" s="10"/>
    </row>
    <row r="388550" spans="14:14">
      <c r="N388550" s="10"/>
    </row>
    <row r="388551" spans="14:14">
      <c r="N388551" s="10"/>
    </row>
    <row r="388552" spans="14:14">
      <c r="N388552" s="10"/>
    </row>
    <row r="388553" spans="14:14">
      <c r="N388553" s="10"/>
    </row>
    <row r="388554" spans="14:14">
      <c r="N388554" s="10"/>
    </row>
    <row r="388555" spans="14:14">
      <c r="N388555" s="10"/>
    </row>
    <row r="388556" spans="14:14">
      <c r="N388556" s="10"/>
    </row>
    <row r="388557" spans="14:14">
      <c r="N388557" s="10"/>
    </row>
    <row r="388558" spans="14:14">
      <c r="N388558" s="10"/>
    </row>
    <row r="388559" spans="14:14">
      <c r="N388559" s="10"/>
    </row>
    <row r="388560" spans="14:14">
      <c r="N388560" s="10"/>
    </row>
    <row r="388561" spans="14:14">
      <c r="N388561" s="10"/>
    </row>
    <row r="388562" spans="14:14">
      <c r="N388562" s="10"/>
    </row>
    <row r="388563" spans="14:14">
      <c r="N388563" s="10"/>
    </row>
    <row r="388564" spans="14:14">
      <c r="N388564" s="10"/>
    </row>
    <row r="388565" spans="14:14">
      <c r="N388565" s="10"/>
    </row>
    <row r="388566" spans="14:14">
      <c r="N388566" s="10"/>
    </row>
    <row r="388567" spans="14:14">
      <c r="N388567" s="10"/>
    </row>
    <row r="388568" spans="14:14">
      <c r="N388568" s="10"/>
    </row>
    <row r="388569" spans="14:14">
      <c r="N388569" s="10"/>
    </row>
    <row r="388570" spans="14:14">
      <c r="N388570" s="10"/>
    </row>
    <row r="388571" spans="14:14">
      <c r="N388571" s="10"/>
    </row>
    <row r="388572" spans="14:14">
      <c r="N388572" s="10"/>
    </row>
    <row r="388573" spans="14:14">
      <c r="N388573" s="10"/>
    </row>
    <row r="388574" spans="14:14">
      <c r="N388574" s="10"/>
    </row>
    <row r="388575" spans="14:14">
      <c r="N388575" s="10"/>
    </row>
    <row r="388576" spans="14:14">
      <c r="N388576" s="10"/>
    </row>
    <row r="388577" spans="14:14">
      <c r="N388577" s="10"/>
    </row>
    <row r="388578" spans="14:14">
      <c r="N388578" s="10"/>
    </row>
    <row r="388579" spans="14:14">
      <c r="N388579" s="10"/>
    </row>
    <row r="388580" spans="14:14">
      <c r="N388580" s="10"/>
    </row>
    <row r="388581" spans="14:14">
      <c r="N388581" s="10"/>
    </row>
    <row r="388582" spans="14:14">
      <c r="N388582" s="10"/>
    </row>
    <row r="388583" spans="14:14">
      <c r="N388583" s="10"/>
    </row>
    <row r="388584" spans="14:14">
      <c r="N388584" s="10"/>
    </row>
    <row r="388585" spans="14:14">
      <c r="N388585" s="10"/>
    </row>
    <row r="388586" spans="14:14">
      <c r="N388586" s="10"/>
    </row>
    <row r="388587" spans="14:14">
      <c r="N388587" s="10"/>
    </row>
    <row r="388588" spans="14:14">
      <c r="N388588" s="10"/>
    </row>
    <row r="388589" spans="14:14">
      <c r="N388589" s="10"/>
    </row>
    <row r="388590" spans="14:14">
      <c r="N388590" s="10"/>
    </row>
    <row r="388591" spans="14:14">
      <c r="N388591" s="10"/>
    </row>
    <row r="388592" spans="14:14">
      <c r="N388592" s="10"/>
    </row>
    <row r="388593" spans="14:14">
      <c r="N388593" s="10"/>
    </row>
    <row r="388594" spans="14:14">
      <c r="N388594" s="10"/>
    </row>
    <row r="388595" spans="14:14">
      <c r="N388595" s="10"/>
    </row>
    <row r="388596" spans="14:14">
      <c r="N388596" s="10"/>
    </row>
    <row r="388597" spans="14:14">
      <c r="N388597" s="10"/>
    </row>
    <row r="388598" spans="14:14">
      <c r="N388598" s="10"/>
    </row>
    <row r="388599" spans="14:14">
      <c r="N388599" s="10"/>
    </row>
    <row r="388600" spans="14:14">
      <c r="N388600" s="10"/>
    </row>
    <row r="388601" spans="14:14">
      <c r="N388601" s="10"/>
    </row>
    <row r="388602" spans="14:14">
      <c r="N388602" s="10"/>
    </row>
    <row r="388603" spans="14:14">
      <c r="N388603" s="10"/>
    </row>
    <row r="388604" spans="14:14">
      <c r="N388604" s="10"/>
    </row>
    <row r="388605" spans="14:14">
      <c r="N388605" s="10"/>
    </row>
    <row r="388606" spans="14:14">
      <c r="N388606" s="10"/>
    </row>
    <row r="388607" spans="14:14">
      <c r="N388607" s="10"/>
    </row>
    <row r="388608" spans="14:14">
      <c r="N388608" s="10"/>
    </row>
    <row r="388609" spans="14:14">
      <c r="N388609" s="10"/>
    </row>
    <row r="388610" spans="14:14">
      <c r="N388610" s="10"/>
    </row>
    <row r="388611" spans="14:14">
      <c r="N388611" s="10"/>
    </row>
    <row r="388612" spans="14:14">
      <c r="N388612" s="10"/>
    </row>
    <row r="388613" spans="14:14">
      <c r="N388613" s="10"/>
    </row>
    <row r="388614" spans="14:14">
      <c r="N388614" s="10"/>
    </row>
    <row r="388615" spans="14:14">
      <c r="N388615" s="10"/>
    </row>
    <row r="388616" spans="14:14">
      <c r="N388616" s="10"/>
    </row>
    <row r="388617" spans="14:14">
      <c r="N388617" s="10"/>
    </row>
    <row r="388618" spans="14:14">
      <c r="N388618" s="10"/>
    </row>
    <row r="388619" spans="14:14">
      <c r="N388619" s="10"/>
    </row>
    <row r="388620" spans="14:14">
      <c r="N388620" s="10"/>
    </row>
    <row r="388621" spans="14:14">
      <c r="N388621" s="10"/>
    </row>
    <row r="388622" spans="14:14">
      <c r="N388622" s="10"/>
    </row>
    <row r="388623" spans="14:14">
      <c r="N388623" s="10"/>
    </row>
    <row r="388624" spans="14:14">
      <c r="N388624" s="10"/>
    </row>
    <row r="388625" spans="14:14">
      <c r="N388625" s="10"/>
    </row>
    <row r="388626" spans="14:14">
      <c r="N388626" s="10"/>
    </row>
    <row r="388627" spans="14:14">
      <c r="N388627" s="10"/>
    </row>
    <row r="388628" spans="14:14">
      <c r="N388628" s="10"/>
    </row>
    <row r="388629" spans="14:14">
      <c r="N388629" s="10"/>
    </row>
    <row r="388630" spans="14:14">
      <c r="N388630" s="10"/>
    </row>
    <row r="388631" spans="14:14">
      <c r="N388631" s="10"/>
    </row>
    <row r="388632" spans="14:14">
      <c r="N388632" s="10"/>
    </row>
    <row r="388633" spans="14:14">
      <c r="N388633" s="10"/>
    </row>
    <row r="388634" spans="14:14">
      <c r="N388634" s="10"/>
    </row>
    <row r="388635" spans="14:14">
      <c r="N388635" s="10"/>
    </row>
    <row r="388636" spans="14:14">
      <c r="N388636" s="10"/>
    </row>
    <row r="388637" spans="14:14">
      <c r="N388637" s="10"/>
    </row>
    <row r="388638" spans="14:14">
      <c r="N388638" s="10"/>
    </row>
    <row r="388639" spans="14:14">
      <c r="N388639" s="10"/>
    </row>
    <row r="388640" spans="14:14">
      <c r="N388640" s="10"/>
    </row>
    <row r="388641" spans="14:14">
      <c r="N388641" s="10"/>
    </row>
    <row r="388642" spans="14:14">
      <c r="N388642" s="10"/>
    </row>
    <row r="388643" spans="14:14">
      <c r="N388643" s="10"/>
    </row>
    <row r="388644" spans="14:14">
      <c r="N388644" s="10"/>
    </row>
    <row r="388645" spans="14:14">
      <c r="N388645" s="10"/>
    </row>
    <row r="388646" spans="14:14">
      <c r="N388646" s="10"/>
    </row>
    <row r="388647" spans="14:14">
      <c r="N388647" s="10"/>
    </row>
    <row r="388648" spans="14:14">
      <c r="N388648" s="10"/>
    </row>
    <row r="388649" spans="14:14">
      <c r="N388649" s="10"/>
    </row>
    <row r="388650" spans="14:14">
      <c r="N388650" s="10"/>
    </row>
    <row r="388651" spans="14:14">
      <c r="N388651" s="10"/>
    </row>
    <row r="388652" spans="14:14">
      <c r="N388652" s="10"/>
    </row>
    <row r="388653" spans="14:14">
      <c r="N388653" s="10"/>
    </row>
    <row r="388654" spans="14:14">
      <c r="N388654" s="10"/>
    </row>
    <row r="388655" spans="14:14">
      <c r="N388655" s="10"/>
    </row>
    <row r="388656" spans="14:14">
      <c r="N388656" s="10"/>
    </row>
    <row r="388657" spans="14:14">
      <c r="N388657" s="10"/>
    </row>
    <row r="388658" spans="14:14">
      <c r="N388658" s="10"/>
    </row>
    <row r="388659" spans="14:14">
      <c r="N388659" s="10"/>
    </row>
    <row r="388660" spans="14:14">
      <c r="N388660" s="10"/>
    </row>
    <row r="388661" spans="14:14">
      <c r="N388661" s="10"/>
    </row>
    <row r="388662" spans="14:14">
      <c r="N388662" s="10"/>
    </row>
    <row r="388663" spans="14:14">
      <c r="N388663" s="10"/>
    </row>
    <row r="388664" spans="14:14">
      <c r="N388664" s="10"/>
    </row>
    <row r="388665" spans="14:14">
      <c r="N388665" s="10"/>
    </row>
    <row r="388666" spans="14:14">
      <c r="N388666" s="10"/>
    </row>
    <row r="388667" spans="14:14">
      <c r="N388667" s="10"/>
    </row>
    <row r="388668" spans="14:14">
      <c r="N388668" s="10"/>
    </row>
    <row r="388669" spans="14:14">
      <c r="N388669" s="10"/>
    </row>
    <row r="388670" spans="14:14">
      <c r="N388670" s="10"/>
    </row>
    <row r="388671" spans="14:14">
      <c r="N388671" s="10"/>
    </row>
    <row r="388672" spans="14:14">
      <c r="N388672" s="10"/>
    </row>
    <row r="388673" spans="14:14">
      <c r="N388673" s="10"/>
    </row>
    <row r="388674" spans="14:14">
      <c r="N388674" s="10"/>
    </row>
    <row r="388675" spans="14:14">
      <c r="N388675" s="10"/>
    </row>
    <row r="388676" spans="14:14">
      <c r="N388676" s="10"/>
    </row>
    <row r="388677" spans="14:14">
      <c r="N388677" s="10"/>
    </row>
    <row r="388678" spans="14:14">
      <c r="N388678" s="10"/>
    </row>
    <row r="388679" spans="14:14">
      <c r="N388679" s="10"/>
    </row>
    <row r="388680" spans="14:14">
      <c r="N388680" s="10"/>
    </row>
    <row r="388681" spans="14:14">
      <c r="N388681" s="10"/>
    </row>
    <row r="388682" spans="14:14">
      <c r="N388682" s="10"/>
    </row>
    <row r="388683" spans="14:14">
      <c r="N388683" s="10"/>
    </row>
    <row r="388684" spans="14:14">
      <c r="N388684" s="10"/>
    </row>
    <row r="388685" spans="14:14">
      <c r="N388685" s="10"/>
    </row>
    <row r="388686" spans="14:14">
      <c r="N388686" s="10"/>
    </row>
    <row r="388687" spans="14:14">
      <c r="N388687" s="10"/>
    </row>
    <row r="388688" spans="14:14">
      <c r="N388688" s="10"/>
    </row>
    <row r="388689" spans="14:14">
      <c r="N388689" s="10"/>
    </row>
    <row r="388690" spans="14:14">
      <c r="N388690" s="10"/>
    </row>
    <row r="388691" spans="14:14">
      <c r="N388691" s="10"/>
    </row>
    <row r="388692" spans="14:14">
      <c r="N388692" s="10"/>
    </row>
    <row r="388693" spans="14:14">
      <c r="N388693" s="10"/>
    </row>
    <row r="388694" spans="14:14">
      <c r="N388694" s="10"/>
    </row>
    <row r="388695" spans="14:14">
      <c r="N388695" s="10"/>
    </row>
    <row r="388696" spans="14:14">
      <c r="N388696" s="10"/>
    </row>
    <row r="388697" spans="14:14">
      <c r="N388697" s="10"/>
    </row>
    <row r="388698" spans="14:14">
      <c r="N388698" s="10"/>
    </row>
    <row r="388699" spans="14:14">
      <c r="N388699" s="10"/>
    </row>
    <row r="388700" spans="14:14">
      <c r="N388700" s="10"/>
    </row>
    <row r="388701" spans="14:14">
      <c r="N388701" s="10"/>
    </row>
    <row r="388702" spans="14:14">
      <c r="N388702" s="10"/>
    </row>
    <row r="388703" spans="14:14">
      <c r="N388703" s="10"/>
    </row>
    <row r="388704" spans="14:14">
      <c r="N388704" s="10"/>
    </row>
    <row r="388705" spans="14:14">
      <c r="N388705" s="10"/>
    </row>
    <row r="388706" spans="14:14">
      <c r="N388706" s="10"/>
    </row>
    <row r="388707" spans="14:14">
      <c r="N388707" s="10"/>
    </row>
    <row r="388708" spans="14:14">
      <c r="N388708" s="10"/>
    </row>
    <row r="388709" spans="14:14">
      <c r="N388709" s="10"/>
    </row>
    <row r="388710" spans="14:14">
      <c r="N388710" s="10"/>
    </row>
    <row r="388711" spans="14:14">
      <c r="N388711" s="10"/>
    </row>
    <row r="388712" spans="14:14">
      <c r="N388712" s="10"/>
    </row>
    <row r="388713" spans="14:14">
      <c r="N388713" s="10"/>
    </row>
    <row r="388714" spans="14:14">
      <c r="N388714" s="10"/>
    </row>
    <row r="388715" spans="14:14">
      <c r="N388715" s="10"/>
    </row>
    <row r="388716" spans="14:14">
      <c r="N388716" s="10"/>
    </row>
    <row r="388717" spans="14:14">
      <c r="N388717" s="10"/>
    </row>
    <row r="388718" spans="14:14">
      <c r="N388718" s="10"/>
    </row>
    <row r="388719" spans="14:14">
      <c r="N388719" s="10"/>
    </row>
    <row r="388720" spans="14:14">
      <c r="N388720" s="10"/>
    </row>
    <row r="388721" spans="14:14">
      <c r="N388721" s="10"/>
    </row>
    <row r="388722" spans="14:14">
      <c r="N388722" s="10"/>
    </row>
    <row r="388723" spans="14:14">
      <c r="N388723" s="10"/>
    </row>
    <row r="388724" spans="14:14">
      <c r="N388724" s="10"/>
    </row>
    <row r="388725" spans="14:14">
      <c r="N388725" s="10"/>
    </row>
    <row r="388726" spans="14:14">
      <c r="N388726" s="10"/>
    </row>
    <row r="388727" spans="14:14">
      <c r="N388727" s="10"/>
    </row>
    <row r="388728" spans="14:14">
      <c r="N388728" s="10"/>
    </row>
    <row r="388729" spans="14:14">
      <c r="N388729" s="10"/>
    </row>
    <row r="388730" spans="14:14">
      <c r="N388730" s="10"/>
    </row>
    <row r="388731" spans="14:14">
      <c r="N388731" s="10"/>
    </row>
    <row r="388732" spans="14:14">
      <c r="N388732" s="10"/>
    </row>
    <row r="388733" spans="14:14">
      <c r="N388733" s="10"/>
    </row>
    <row r="388734" spans="14:14">
      <c r="N388734" s="10"/>
    </row>
    <row r="388735" spans="14:14">
      <c r="N388735" s="10"/>
    </row>
    <row r="388736" spans="14:14">
      <c r="N388736" s="10"/>
    </row>
    <row r="388737" spans="14:14">
      <c r="N388737" s="10"/>
    </row>
    <row r="388738" spans="14:14">
      <c r="N388738" s="10"/>
    </row>
    <row r="388739" spans="14:14">
      <c r="N388739" s="10"/>
    </row>
    <row r="388740" spans="14:14">
      <c r="N388740" s="10"/>
    </row>
    <row r="388741" spans="14:14">
      <c r="N388741" s="10"/>
    </row>
    <row r="388742" spans="14:14">
      <c r="N388742" s="10"/>
    </row>
    <row r="388743" spans="14:14">
      <c r="N388743" s="10"/>
    </row>
    <row r="388744" spans="14:14">
      <c r="N388744" s="10"/>
    </row>
    <row r="388745" spans="14:14">
      <c r="N388745" s="10"/>
    </row>
    <row r="388746" spans="14:14">
      <c r="N388746" s="10"/>
    </row>
    <row r="388747" spans="14:14">
      <c r="N388747" s="10"/>
    </row>
    <row r="388748" spans="14:14">
      <c r="N388748" s="10"/>
    </row>
    <row r="388749" spans="14:14">
      <c r="N388749" s="10"/>
    </row>
    <row r="388750" spans="14:14">
      <c r="N388750" s="10"/>
    </row>
    <row r="388751" spans="14:14">
      <c r="N388751" s="10"/>
    </row>
    <row r="388752" spans="14:14">
      <c r="N388752" s="10"/>
    </row>
    <row r="388753" spans="14:14">
      <c r="N388753" s="10"/>
    </row>
    <row r="388754" spans="14:14">
      <c r="N388754" s="10"/>
    </row>
    <row r="388755" spans="14:14">
      <c r="N388755" s="10"/>
    </row>
    <row r="388756" spans="14:14">
      <c r="N388756" s="10"/>
    </row>
    <row r="388757" spans="14:14">
      <c r="N388757" s="10"/>
    </row>
    <row r="388758" spans="14:14">
      <c r="N388758" s="10"/>
    </row>
    <row r="388759" spans="14:14">
      <c r="N388759" s="10"/>
    </row>
    <row r="388760" spans="14:14">
      <c r="N388760" s="10"/>
    </row>
    <row r="388761" spans="14:14">
      <c r="N388761" s="10"/>
    </row>
    <row r="388762" spans="14:14">
      <c r="N388762" s="10"/>
    </row>
    <row r="388763" spans="14:14">
      <c r="N388763" s="10"/>
    </row>
    <row r="388764" spans="14:14">
      <c r="N388764" s="10"/>
    </row>
    <row r="388765" spans="14:14">
      <c r="N388765" s="10"/>
    </row>
    <row r="388766" spans="14:14">
      <c r="N388766" s="10"/>
    </row>
    <row r="388767" spans="14:14">
      <c r="N388767" s="10"/>
    </row>
    <row r="388768" spans="14:14">
      <c r="N388768" s="10"/>
    </row>
    <row r="388769" spans="14:14">
      <c r="N388769" s="10"/>
    </row>
    <row r="388770" spans="14:14">
      <c r="N388770" s="10"/>
    </row>
    <row r="388771" spans="14:14">
      <c r="N388771" s="10"/>
    </row>
    <row r="388772" spans="14:14">
      <c r="N388772" s="10"/>
    </row>
    <row r="388773" spans="14:14">
      <c r="N388773" s="10"/>
    </row>
    <row r="388774" spans="14:14">
      <c r="N388774" s="10"/>
    </row>
    <row r="388775" spans="14:14">
      <c r="N388775" s="10"/>
    </row>
    <row r="388776" spans="14:14">
      <c r="N388776" s="10"/>
    </row>
    <row r="388777" spans="14:14">
      <c r="N388777" s="10"/>
    </row>
    <row r="388778" spans="14:14">
      <c r="N388778" s="10"/>
    </row>
    <row r="388779" spans="14:14">
      <c r="N388779" s="10"/>
    </row>
    <row r="388780" spans="14:14">
      <c r="N388780" s="10"/>
    </row>
    <row r="388781" spans="14:14">
      <c r="N388781" s="10"/>
    </row>
    <row r="388782" spans="14:14">
      <c r="N388782" s="10"/>
    </row>
    <row r="388783" spans="14:14">
      <c r="N388783" s="10"/>
    </row>
    <row r="388784" spans="14:14">
      <c r="N388784" s="10"/>
    </row>
    <row r="388785" spans="14:14">
      <c r="N388785" s="10"/>
    </row>
    <row r="388786" spans="14:14">
      <c r="N388786" s="10"/>
    </row>
    <row r="388787" spans="14:14">
      <c r="N388787" s="10"/>
    </row>
    <row r="388788" spans="14:14">
      <c r="N388788" s="10"/>
    </row>
    <row r="388789" spans="14:14">
      <c r="N388789" s="10"/>
    </row>
    <row r="388790" spans="14:14">
      <c r="N388790" s="10"/>
    </row>
    <row r="388791" spans="14:14">
      <c r="N388791" s="10"/>
    </row>
    <row r="388792" spans="14:14">
      <c r="N388792" s="10"/>
    </row>
    <row r="388793" spans="14:14">
      <c r="N388793" s="10"/>
    </row>
    <row r="388794" spans="14:14">
      <c r="N388794" s="10"/>
    </row>
    <row r="388795" spans="14:14">
      <c r="N388795" s="10"/>
    </row>
    <row r="388796" spans="14:14">
      <c r="N388796" s="10"/>
    </row>
    <row r="388797" spans="14:14">
      <c r="N388797" s="10"/>
    </row>
    <row r="388798" spans="14:14">
      <c r="N388798" s="10"/>
    </row>
    <row r="388799" spans="14:14">
      <c r="N388799" s="10"/>
    </row>
    <row r="388800" spans="14:14">
      <c r="N388800" s="10"/>
    </row>
    <row r="388801" spans="14:14">
      <c r="N388801" s="10"/>
    </row>
    <row r="388802" spans="14:14">
      <c r="N388802" s="10"/>
    </row>
    <row r="388803" spans="14:14">
      <c r="N388803" s="10"/>
    </row>
    <row r="388804" spans="14:14">
      <c r="N388804" s="10"/>
    </row>
    <row r="388805" spans="14:14">
      <c r="N388805" s="10"/>
    </row>
    <row r="388806" spans="14:14">
      <c r="N388806" s="10"/>
    </row>
    <row r="388807" spans="14:14">
      <c r="N388807" s="10"/>
    </row>
    <row r="388808" spans="14:14">
      <c r="N388808" s="10"/>
    </row>
    <row r="388809" spans="14:14">
      <c r="N388809" s="10"/>
    </row>
    <row r="388810" spans="14:14">
      <c r="N388810" s="10"/>
    </row>
    <row r="388811" spans="14:14">
      <c r="N388811" s="10"/>
    </row>
    <row r="388812" spans="14:14">
      <c r="N388812" s="10"/>
    </row>
    <row r="388813" spans="14:14">
      <c r="N388813" s="10"/>
    </row>
    <row r="388814" spans="14:14">
      <c r="N388814" s="10"/>
    </row>
    <row r="388815" spans="14:14">
      <c r="N388815" s="10"/>
    </row>
    <row r="388816" spans="14:14">
      <c r="N388816" s="10"/>
    </row>
    <row r="388817" spans="14:14">
      <c r="N388817" s="10"/>
    </row>
    <row r="388818" spans="14:14">
      <c r="N388818" s="10"/>
    </row>
    <row r="388819" spans="14:14">
      <c r="N388819" s="10"/>
    </row>
    <row r="388820" spans="14:14">
      <c r="N388820" s="10"/>
    </row>
    <row r="388821" spans="14:14">
      <c r="N388821" s="10"/>
    </row>
    <row r="388822" spans="14:14">
      <c r="N388822" s="10"/>
    </row>
    <row r="388823" spans="14:14">
      <c r="N388823" s="10"/>
    </row>
    <row r="388824" spans="14:14">
      <c r="N388824" s="10"/>
    </row>
    <row r="388825" spans="14:14">
      <c r="N388825" s="10"/>
    </row>
    <row r="388826" spans="14:14">
      <c r="N388826" s="10"/>
    </row>
    <row r="388827" spans="14:14">
      <c r="N388827" s="10"/>
    </row>
    <row r="388828" spans="14:14">
      <c r="N388828" s="10"/>
    </row>
    <row r="388829" spans="14:14">
      <c r="N388829" s="10"/>
    </row>
    <row r="388830" spans="14:14">
      <c r="N388830" s="10"/>
    </row>
    <row r="388831" spans="14:14">
      <c r="N388831" s="10"/>
    </row>
    <row r="388832" spans="14:14">
      <c r="N388832" s="10"/>
    </row>
    <row r="388833" spans="14:14">
      <c r="N388833" s="10"/>
    </row>
    <row r="388834" spans="14:14">
      <c r="N388834" s="10"/>
    </row>
    <row r="388835" spans="14:14">
      <c r="N388835" s="10"/>
    </row>
    <row r="388836" spans="14:14">
      <c r="N388836" s="10"/>
    </row>
    <row r="388837" spans="14:14">
      <c r="N388837" s="10"/>
    </row>
    <row r="388838" spans="14:14">
      <c r="N388838" s="10"/>
    </row>
    <row r="388839" spans="14:14">
      <c r="N388839" s="10"/>
    </row>
    <row r="388840" spans="14:14">
      <c r="N388840" s="10"/>
    </row>
    <row r="388841" spans="14:14">
      <c r="N388841" s="10"/>
    </row>
    <row r="388842" spans="14:14">
      <c r="N388842" s="10"/>
    </row>
    <row r="388843" spans="14:14">
      <c r="N388843" s="10"/>
    </row>
    <row r="388844" spans="14:14">
      <c r="N388844" s="10"/>
    </row>
    <row r="388845" spans="14:14">
      <c r="N388845" s="10"/>
    </row>
    <row r="388846" spans="14:14">
      <c r="N388846" s="10"/>
    </row>
    <row r="388847" spans="14:14">
      <c r="N388847" s="10"/>
    </row>
    <row r="388848" spans="14:14">
      <c r="N388848" s="10"/>
    </row>
    <row r="388849" spans="14:14">
      <c r="N388849" s="10"/>
    </row>
    <row r="388850" spans="14:14">
      <c r="N388850" s="10"/>
    </row>
    <row r="388851" spans="14:14">
      <c r="N388851" s="10"/>
    </row>
    <row r="388852" spans="14:14">
      <c r="N388852" s="10"/>
    </row>
    <row r="388853" spans="14:14">
      <c r="N388853" s="10"/>
    </row>
    <row r="388854" spans="14:14">
      <c r="N388854" s="10"/>
    </row>
    <row r="388855" spans="14:14">
      <c r="N388855" s="10"/>
    </row>
    <row r="388856" spans="14:14">
      <c r="N388856" s="10"/>
    </row>
    <row r="388857" spans="14:14">
      <c r="N388857" s="10"/>
    </row>
    <row r="388858" spans="14:14">
      <c r="N388858" s="10"/>
    </row>
    <row r="388859" spans="14:14">
      <c r="N388859" s="10"/>
    </row>
    <row r="388860" spans="14:14">
      <c r="N388860" s="10"/>
    </row>
    <row r="388861" spans="14:14">
      <c r="N388861" s="10"/>
    </row>
    <row r="388862" spans="14:14">
      <c r="N388862" s="10"/>
    </row>
    <row r="388863" spans="14:14">
      <c r="N388863" s="10"/>
    </row>
    <row r="388864" spans="14:14">
      <c r="N388864" s="10"/>
    </row>
    <row r="388865" spans="14:14">
      <c r="N388865" s="10"/>
    </row>
    <row r="388866" spans="14:14">
      <c r="N388866" s="10"/>
    </row>
    <row r="388867" spans="14:14">
      <c r="N388867" s="10"/>
    </row>
    <row r="388868" spans="14:14">
      <c r="N388868" s="10"/>
    </row>
    <row r="388869" spans="14:14">
      <c r="N388869" s="10"/>
    </row>
    <row r="388870" spans="14:14">
      <c r="N388870" s="10"/>
    </row>
    <row r="388871" spans="14:14">
      <c r="N388871" s="10"/>
    </row>
    <row r="388872" spans="14:14">
      <c r="N388872" s="10"/>
    </row>
    <row r="388873" spans="14:14">
      <c r="N388873" s="10"/>
    </row>
    <row r="388874" spans="14:14">
      <c r="N388874" s="10"/>
    </row>
    <row r="388875" spans="14:14">
      <c r="N388875" s="10"/>
    </row>
    <row r="388876" spans="14:14">
      <c r="N388876" s="10"/>
    </row>
    <row r="388877" spans="14:14">
      <c r="N388877" s="10"/>
    </row>
    <row r="388878" spans="14:14">
      <c r="N388878" s="10"/>
    </row>
    <row r="388879" spans="14:14">
      <c r="N388879" s="10"/>
    </row>
    <row r="388880" spans="14:14">
      <c r="N388880" s="10"/>
    </row>
    <row r="388881" spans="14:14">
      <c r="N388881" s="10"/>
    </row>
    <row r="388882" spans="14:14">
      <c r="N388882" s="10"/>
    </row>
    <row r="388883" spans="14:14">
      <c r="N388883" s="10"/>
    </row>
    <row r="388884" spans="14:14">
      <c r="N388884" s="10"/>
    </row>
    <row r="388885" spans="14:14">
      <c r="N388885" s="10"/>
    </row>
    <row r="388886" spans="14:14">
      <c r="N388886" s="10"/>
    </row>
    <row r="388887" spans="14:14">
      <c r="N388887" s="10"/>
    </row>
    <row r="388888" spans="14:14">
      <c r="N388888" s="10"/>
    </row>
    <row r="388889" spans="14:14">
      <c r="N388889" s="10"/>
    </row>
    <row r="388890" spans="14:14">
      <c r="N388890" s="10"/>
    </row>
    <row r="388891" spans="14:14">
      <c r="N388891" s="10"/>
    </row>
    <row r="388892" spans="14:14">
      <c r="N388892" s="10"/>
    </row>
    <row r="388893" spans="14:14">
      <c r="N388893" s="10"/>
    </row>
    <row r="388894" spans="14:14">
      <c r="N388894" s="10"/>
    </row>
    <row r="388895" spans="14:14">
      <c r="N388895" s="10"/>
    </row>
    <row r="388896" spans="14:14">
      <c r="N388896" s="10"/>
    </row>
    <row r="388897" spans="14:14">
      <c r="N388897" s="10"/>
    </row>
    <row r="388898" spans="14:14">
      <c r="N388898" s="10"/>
    </row>
    <row r="388899" spans="14:14">
      <c r="N388899" s="10"/>
    </row>
    <row r="388900" spans="14:14">
      <c r="N388900" s="10"/>
    </row>
    <row r="388901" spans="14:14">
      <c r="N388901" s="10"/>
    </row>
    <row r="388902" spans="14:14">
      <c r="N388902" s="10"/>
    </row>
    <row r="388903" spans="14:14">
      <c r="N388903" s="10"/>
    </row>
    <row r="388904" spans="14:14">
      <c r="N388904" s="10"/>
    </row>
    <row r="388905" spans="14:14">
      <c r="N388905" s="10"/>
    </row>
    <row r="388906" spans="14:14">
      <c r="N388906" s="10"/>
    </row>
    <row r="388907" spans="14:14">
      <c r="N388907" s="10"/>
    </row>
    <row r="388908" spans="14:14">
      <c r="N388908" s="10"/>
    </row>
    <row r="388909" spans="14:14">
      <c r="N388909" s="10"/>
    </row>
    <row r="388910" spans="14:14">
      <c r="N388910" s="10"/>
    </row>
    <row r="388911" spans="14:14">
      <c r="N388911" s="10"/>
    </row>
    <row r="388912" spans="14:14">
      <c r="N388912" s="10"/>
    </row>
    <row r="388913" spans="14:14">
      <c r="N388913" s="10"/>
    </row>
    <row r="388914" spans="14:14">
      <c r="N388914" s="10"/>
    </row>
    <row r="388915" spans="14:14">
      <c r="N388915" s="10"/>
    </row>
    <row r="388916" spans="14:14">
      <c r="N388916" s="10"/>
    </row>
    <row r="388917" spans="14:14">
      <c r="N388917" s="10"/>
    </row>
    <row r="388918" spans="14:14">
      <c r="N388918" s="10"/>
    </row>
    <row r="388919" spans="14:14">
      <c r="N388919" s="10"/>
    </row>
    <row r="388920" spans="14:14">
      <c r="N388920" s="10"/>
    </row>
    <row r="388921" spans="14:14">
      <c r="N388921" s="10"/>
    </row>
    <row r="388922" spans="14:14">
      <c r="N388922" s="10"/>
    </row>
    <row r="388923" spans="14:14">
      <c r="N388923" s="10"/>
    </row>
    <row r="388924" spans="14:14">
      <c r="N388924" s="10"/>
    </row>
    <row r="388925" spans="14:14">
      <c r="N388925" s="10"/>
    </row>
    <row r="388926" spans="14:14">
      <c r="N388926" s="10"/>
    </row>
    <row r="388927" spans="14:14">
      <c r="N388927" s="10"/>
    </row>
    <row r="388928" spans="14:14">
      <c r="N388928" s="10"/>
    </row>
    <row r="388929" spans="14:14">
      <c r="N388929" s="10"/>
    </row>
    <row r="388930" spans="14:14">
      <c r="N388930" s="10"/>
    </row>
    <row r="388931" spans="14:14">
      <c r="N388931" s="10"/>
    </row>
    <row r="388932" spans="14:14">
      <c r="N388932" s="10"/>
    </row>
    <row r="388933" spans="14:14">
      <c r="N388933" s="10"/>
    </row>
    <row r="388934" spans="14:14">
      <c r="N388934" s="10"/>
    </row>
    <row r="388935" spans="14:14">
      <c r="N388935" s="10"/>
    </row>
    <row r="388936" spans="14:14">
      <c r="N388936" s="10"/>
    </row>
    <row r="388937" spans="14:14">
      <c r="N388937" s="10"/>
    </row>
    <row r="388938" spans="14:14">
      <c r="N388938" s="10"/>
    </row>
    <row r="388939" spans="14:14">
      <c r="N388939" s="10"/>
    </row>
    <row r="388940" spans="14:14">
      <c r="N388940" s="10"/>
    </row>
    <row r="388941" spans="14:14">
      <c r="N388941" s="10"/>
    </row>
    <row r="388942" spans="14:14">
      <c r="N388942" s="10"/>
    </row>
    <row r="388943" spans="14:14">
      <c r="N388943" s="10"/>
    </row>
    <row r="388944" spans="14:14">
      <c r="N388944" s="10"/>
    </row>
    <row r="388945" spans="14:14">
      <c r="N388945" s="10"/>
    </row>
    <row r="388946" spans="14:14">
      <c r="N388946" s="10"/>
    </row>
    <row r="388947" spans="14:14">
      <c r="N388947" s="10"/>
    </row>
    <row r="388948" spans="14:14">
      <c r="N388948" s="10"/>
    </row>
    <row r="388949" spans="14:14">
      <c r="N388949" s="10"/>
    </row>
    <row r="388950" spans="14:14">
      <c r="N388950" s="10"/>
    </row>
    <row r="388951" spans="14:14">
      <c r="N388951" s="10"/>
    </row>
    <row r="388952" spans="14:14">
      <c r="N388952" s="10"/>
    </row>
    <row r="388953" spans="14:14">
      <c r="N388953" s="10"/>
    </row>
    <row r="388954" spans="14:14">
      <c r="N388954" s="10"/>
    </row>
    <row r="388955" spans="14:14">
      <c r="N388955" s="10"/>
    </row>
    <row r="388956" spans="14:14">
      <c r="N388956" s="10"/>
    </row>
    <row r="388957" spans="14:14">
      <c r="N388957" s="10"/>
    </row>
    <row r="388958" spans="14:14">
      <c r="N388958" s="10"/>
    </row>
    <row r="388959" spans="14:14">
      <c r="N388959" s="10"/>
    </row>
    <row r="388960" spans="14:14">
      <c r="N388960" s="10"/>
    </row>
    <row r="388961" spans="14:14">
      <c r="N388961" s="10"/>
    </row>
    <row r="388962" spans="14:14">
      <c r="N388962" s="10"/>
    </row>
    <row r="388963" spans="14:14">
      <c r="N388963" s="10"/>
    </row>
    <row r="388964" spans="14:14">
      <c r="N388964" s="10"/>
    </row>
    <row r="388965" spans="14:14">
      <c r="N388965" s="10"/>
    </row>
    <row r="388966" spans="14:14">
      <c r="N388966" s="10"/>
    </row>
    <row r="388967" spans="14:14">
      <c r="N388967" s="10"/>
    </row>
    <row r="388968" spans="14:14">
      <c r="N388968" s="10"/>
    </row>
    <row r="388969" spans="14:14">
      <c r="N388969" s="10"/>
    </row>
    <row r="388970" spans="14:14">
      <c r="N388970" s="10"/>
    </row>
    <row r="388971" spans="14:14">
      <c r="N388971" s="10"/>
    </row>
    <row r="388972" spans="14:14">
      <c r="N388972" s="10"/>
    </row>
    <row r="388973" spans="14:14">
      <c r="N388973" s="10"/>
    </row>
    <row r="388974" spans="14:14">
      <c r="N388974" s="10"/>
    </row>
    <row r="388975" spans="14:14">
      <c r="N388975" s="10"/>
    </row>
    <row r="388976" spans="14:14">
      <c r="N388976" s="10"/>
    </row>
    <row r="388977" spans="14:14">
      <c r="N388977" s="10"/>
    </row>
    <row r="388978" spans="14:14">
      <c r="N388978" s="10"/>
    </row>
    <row r="388979" spans="14:14">
      <c r="N388979" s="10"/>
    </row>
    <row r="388980" spans="14:14">
      <c r="N388980" s="10"/>
    </row>
    <row r="388981" spans="14:14">
      <c r="N388981" s="10"/>
    </row>
    <row r="388982" spans="14:14">
      <c r="N388982" s="10"/>
    </row>
    <row r="388983" spans="14:14">
      <c r="N388983" s="10"/>
    </row>
    <row r="388984" spans="14:14">
      <c r="N388984" s="10"/>
    </row>
    <row r="388985" spans="14:14">
      <c r="N388985" s="10"/>
    </row>
    <row r="388986" spans="14:14">
      <c r="N388986" s="10"/>
    </row>
    <row r="388987" spans="14:14">
      <c r="N388987" s="10"/>
    </row>
    <row r="388988" spans="14:14">
      <c r="N388988" s="10"/>
    </row>
    <row r="388989" spans="14:14">
      <c r="N388989" s="10"/>
    </row>
    <row r="388990" spans="14:14">
      <c r="N388990" s="10"/>
    </row>
    <row r="388991" spans="14:14">
      <c r="N388991" s="10"/>
    </row>
    <row r="388992" spans="14:14">
      <c r="N388992" s="10"/>
    </row>
    <row r="388993" spans="14:14">
      <c r="N388993" s="10"/>
    </row>
    <row r="388994" spans="14:14">
      <c r="N388994" s="10"/>
    </row>
    <row r="388995" spans="14:14">
      <c r="N388995" s="10"/>
    </row>
    <row r="388996" spans="14:14">
      <c r="N388996" s="10"/>
    </row>
    <row r="388997" spans="14:14">
      <c r="N388997" s="10"/>
    </row>
    <row r="388998" spans="14:14">
      <c r="N388998" s="10"/>
    </row>
    <row r="388999" spans="14:14">
      <c r="N388999" s="10"/>
    </row>
    <row r="389000" spans="14:14">
      <c r="N389000" s="10"/>
    </row>
    <row r="389001" spans="14:14">
      <c r="N389001" s="10"/>
    </row>
    <row r="389002" spans="14:14">
      <c r="N389002" s="10"/>
    </row>
    <row r="389003" spans="14:14">
      <c r="N389003" s="10"/>
    </row>
    <row r="389004" spans="14:14">
      <c r="N389004" s="10"/>
    </row>
    <row r="389005" spans="14:14">
      <c r="N389005" s="10"/>
    </row>
    <row r="389006" spans="14:14">
      <c r="N389006" s="10"/>
    </row>
    <row r="389007" spans="14:14">
      <c r="N389007" s="10"/>
    </row>
    <row r="389008" spans="14:14">
      <c r="N389008" s="10"/>
    </row>
    <row r="389009" spans="14:14">
      <c r="N389009" s="10"/>
    </row>
    <row r="389010" spans="14:14">
      <c r="N389010" s="10"/>
    </row>
    <row r="389011" spans="14:14">
      <c r="N389011" s="10"/>
    </row>
    <row r="389012" spans="14:14">
      <c r="N389012" s="10"/>
    </row>
    <row r="389013" spans="14:14">
      <c r="N389013" s="10"/>
    </row>
    <row r="389014" spans="14:14">
      <c r="N389014" s="10"/>
    </row>
    <row r="389015" spans="14:14">
      <c r="N389015" s="10"/>
    </row>
    <row r="389016" spans="14:14">
      <c r="N389016" s="10"/>
    </row>
    <row r="389017" spans="14:14">
      <c r="N389017" s="10"/>
    </row>
    <row r="389018" spans="14:14">
      <c r="N389018" s="10"/>
    </row>
    <row r="389019" spans="14:14">
      <c r="N389019" s="10"/>
    </row>
    <row r="389020" spans="14:14">
      <c r="N389020" s="10"/>
    </row>
    <row r="389021" spans="14:14">
      <c r="N389021" s="10"/>
    </row>
    <row r="389022" spans="14:14">
      <c r="N389022" s="10"/>
    </row>
    <row r="389023" spans="14:14">
      <c r="N389023" s="10"/>
    </row>
    <row r="389024" spans="14:14">
      <c r="N389024" s="10"/>
    </row>
    <row r="389025" spans="14:14">
      <c r="N389025" s="10"/>
    </row>
    <row r="389026" spans="14:14">
      <c r="N389026" s="10"/>
    </row>
    <row r="389027" spans="14:14">
      <c r="N389027" s="10"/>
    </row>
    <row r="389028" spans="14:14">
      <c r="N389028" s="10"/>
    </row>
    <row r="389029" spans="14:14">
      <c r="N389029" s="10"/>
    </row>
    <row r="389030" spans="14:14">
      <c r="N389030" s="10"/>
    </row>
    <row r="389031" spans="14:14">
      <c r="N389031" s="10"/>
    </row>
    <row r="389032" spans="14:14">
      <c r="N389032" s="10"/>
    </row>
    <row r="389033" spans="14:14">
      <c r="N389033" s="10"/>
    </row>
    <row r="389034" spans="14:14">
      <c r="N389034" s="10"/>
    </row>
    <row r="389035" spans="14:14">
      <c r="N389035" s="10"/>
    </row>
    <row r="389036" spans="14:14">
      <c r="N389036" s="10"/>
    </row>
    <row r="389037" spans="14:14">
      <c r="N389037" s="10"/>
    </row>
    <row r="389038" spans="14:14">
      <c r="N389038" s="10"/>
    </row>
    <row r="389039" spans="14:14">
      <c r="N389039" s="10"/>
    </row>
    <row r="389040" spans="14:14">
      <c r="N389040" s="10"/>
    </row>
    <row r="389041" spans="14:14">
      <c r="N389041" s="10"/>
    </row>
    <row r="389042" spans="14:14">
      <c r="N389042" s="10"/>
    </row>
    <row r="389043" spans="14:14">
      <c r="N389043" s="10"/>
    </row>
    <row r="389044" spans="14:14">
      <c r="N389044" s="10"/>
    </row>
    <row r="389045" spans="14:14">
      <c r="N389045" s="10"/>
    </row>
    <row r="389046" spans="14:14">
      <c r="N389046" s="10"/>
    </row>
    <row r="389047" spans="14:14">
      <c r="N389047" s="10"/>
    </row>
    <row r="389048" spans="14:14">
      <c r="N389048" s="10"/>
    </row>
    <row r="389049" spans="14:14">
      <c r="N389049" s="10"/>
    </row>
    <row r="389050" spans="14:14">
      <c r="N389050" s="10"/>
    </row>
    <row r="389051" spans="14:14">
      <c r="N389051" s="10"/>
    </row>
    <row r="389052" spans="14:14">
      <c r="N389052" s="10"/>
    </row>
    <row r="389053" spans="14:14">
      <c r="N389053" s="10"/>
    </row>
    <row r="389054" spans="14:14">
      <c r="N389054" s="10"/>
    </row>
    <row r="389055" spans="14:14">
      <c r="N389055" s="10"/>
    </row>
    <row r="389056" spans="14:14">
      <c r="N389056" s="10"/>
    </row>
    <row r="389057" spans="14:14">
      <c r="N389057" s="10"/>
    </row>
    <row r="389058" spans="14:14">
      <c r="N389058" s="10"/>
    </row>
    <row r="389059" spans="14:14">
      <c r="N389059" s="10"/>
    </row>
    <row r="389060" spans="14:14">
      <c r="N389060" s="10"/>
    </row>
    <row r="389061" spans="14:14">
      <c r="N389061" s="10"/>
    </row>
    <row r="389062" spans="14:14">
      <c r="N389062" s="10"/>
    </row>
    <row r="389063" spans="14:14">
      <c r="N389063" s="10"/>
    </row>
    <row r="389064" spans="14:14">
      <c r="N389064" s="10"/>
    </row>
    <row r="389065" spans="14:14">
      <c r="N389065" s="10"/>
    </row>
    <row r="389066" spans="14:14">
      <c r="N389066" s="10"/>
    </row>
    <row r="389067" spans="14:14">
      <c r="N389067" s="10"/>
    </row>
    <row r="389068" spans="14:14">
      <c r="N389068" s="10"/>
    </row>
    <row r="389069" spans="14:14">
      <c r="N389069" s="10"/>
    </row>
    <row r="389070" spans="14:14">
      <c r="N389070" s="10"/>
    </row>
    <row r="389071" spans="14:14">
      <c r="N389071" s="10"/>
    </row>
    <row r="389072" spans="14:14">
      <c r="N389072" s="10"/>
    </row>
    <row r="389073" spans="14:14">
      <c r="N389073" s="10"/>
    </row>
    <row r="389074" spans="14:14">
      <c r="N389074" s="10"/>
    </row>
    <row r="389075" spans="14:14">
      <c r="N389075" s="10"/>
    </row>
    <row r="389076" spans="14:14">
      <c r="N389076" s="10"/>
    </row>
    <row r="389077" spans="14:14">
      <c r="N389077" s="10"/>
    </row>
    <row r="389078" spans="14:14">
      <c r="N389078" s="10"/>
    </row>
    <row r="389079" spans="14:14">
      <c r="N389079" s="10"/>
    </row>
    <row r="389080" spans="14:14">
      <c r="N389080" s="10"/>
    </row>
    <row r="389081" spans="14:14">
      <c r="N389081" s="10"/>
    </row>
    <row r="389082" spans="14:14">
      <c r="N389082" s="10"/>
    </row>
    <row r="389083" spans="14:14">
      <c r="N389083" s="10"/>
    </row>
    <row r="389084" spans="14:14">
      <c r="N389084" s="10"/>
    </row>
    <row r="389085" spans="14:14">
      <c r="N389085" s="10"/>
    </row>
    <row r="389086" spans="14:14">
      <c r="N389086" s="10"/>
    </row>
    <row r="389087" spans="14:14">
      <c r="N389087" s="10"/>
    </row>
    <row r="389088" spans="14:14">
      <c r="N389088" s="10"/>
    </row>
    <row r="389089" spans="14:14">
      <c r="N389089" s="10"/>
    </row>
    <row r="389090" spans="14:14">
      <c r="N389090" s="10"/>
    </row>
    <row r="389091" spans="14:14">
      <c r="N389091" s="10"/>
    </row>
    <row r="389092" spans="14:14">
      <c r="N389092" s="10"/>
    </row>
    <row r="389093" spans="14:14">
      <c r="N389093" s="10"/>
    </row>
    <row r="389094" spans="14:14">
      <c r="N389094" s="10"/>
    </row>
    <row r="389095" spans="14:14">
      <c r="N389095" s="10"/>
    </row>
    <row r="389096" spans="14:14">
      <c r="N389096" s="10"/>
    </row>
    <row r="389097" spans="14:14">
      <c r="N389097" s="10"/>
    </row>
    <row r="389098" spans="14:14">
      <c r="N389098" s="10"/>
    </row>
    <row r="389099" spans="14:14">
      <c r="N389099" s="10"/>
    </row>
    <row r="389100" spans="14:14">
      <c r="N389100" s="10"/>
    </row>
    <row r="389101" spans="14:14">
      <c r="N389101" s="10"/>
    </row>
    <row r="389102" spans="14:14">
      <c r="N389102" s="10"/>
    </row>
    <row r="389103" spans="14:14">
      <c r="N389103" s="10"/>
    </row>
    <row r="389104" spans="14:14">
      <c r="N389104" s="10"/>
    </row>
    <row r="389105" spans="14:14">
      <c r="N389105" s="10"/>
    </row>
    <row r="389106" spans="14:14">
      <c r="N389106" s="10"/>
    </row>
    <row r="389107" spans="14:14">
      <c r="N389107" s="10"/>
    </row>
    <row r="389108" spans="14:14">
      <c r="N389108" s="10"/>
    </row>
    <row r="389109" spans="14:14">
      <c r="N389109" s="10"/>
    </row>
    <row r="389110" spans="14:14">
      <c r="N389110" s="10"/>
    </row>
    <row r="389111" spans="14:14">
      <c r="N389111" s="10"/>
    </row>
    <row r="389112" spans="14:14">
      <c r="N389112" s="10"/>
    </row>
    <row r="389113" spans="14:14">
      <c r="N389113" s="10"/>
    </row>
    <row r="389114" spans="14:14">
      <c r="N389114" s="10"/>
    </row>
    <row r="389115" spans="14:14">
      <c r="N389115" s="10"/>
    </row>
    <row r="389116" spans="14:14">
      <c r="N389116" s="10"/>
    </row>
    <row r="389117" spans="14:14">
      <c r="N389117" s="10"/>
    </row>
    <row r="389118" spans="14:14">
      <c r="N389118" s="10"/>
    </row>
    <row r="389119" spans="14:14">
      <c r="N389119" s="10"/>
    </row>
    <row r="389120" spans="14:14">
      <c r="N389120" s="10"/>
    </row>
    <row r="389121" spans="14:14">
      <c r="N389121" s="10"/>
    </row>
    <row r="389122" spans="14:14">
      <c r="N389122" s="10"/>
    </row>
    <row r="389123" spans="14:14">
      <c r="N389123" s="10"/>
    </row>
    <row r="389124" spans="14:14">
      <c r="N389124" s="10"/>
    </row>
    <row r="389125" spans="14:14">
      <c r="N389125" s="10"/>
    </row>
    <row r="389126" spans="14:14">
      <c r="N389126" s="10"/>
    </row>
    <row r="389127" spans="14:14">
      <c r="N389127" s="10"/>
    </row>
    <row r="389128" spans="14:14">
      <c r="N389128" s="10"/>
    </row>
    <row r="389129" spans="14:14">
      <c r="N389129" s="10"/>
    </row>
    <row r="389130" spans="14:14">
      <c r="N389130" s="10"/>
    </row>
    <row r="389131" spans="14:14">
      <c r="N389131" s="10"/>
    </row>
    <row r="389132" spans="14:14">
      <c r="N389132" s="10"/>
    </row>
    <row r="389133" spans="14:14">
      <c r="N389133" s="10"/>
    </row>
    <row r="389134" spans="14:14">
      <c r="N389134" s="10"/>
    </row>
    <row r="389135" spans="14:14">
      <c r="N389135" s="10"/>
    </row>
    <row r="389136" spans="14:14">
      <c r="N389136" s="10"/>
    </row>
    <row r="389137" spans="14:14">
      <c r="N389137" s="10"/>
    </row>
    <row r="389138" spans="14:14">
      <c r="N389138" s="10"/>
    </row>
    <row r="389139" spans="14:14">
      <c r="N389139" s="10"/>
    </row>
    <row r="389140" spans="14:14">
      <c r="N389140" s="10"/>
    </row>
    <row r="389141" spans="14:14">
      <c r="N389141" s="10"/>
    </row>
    <row r="389142" spans="14:14">
      <c r="N389142" s="10"/>
    </row>
    <row r="389143" spans="14:14">
      <c r="N389143" s="10"/>
    </row>
    <row r="389144" spans="14:14">
      <c r="N389144" s="10"/>
    </row>
    <row r="389145" spans="14:14">
      <c r="N389145" s="10"/>
    </row>
    <row r="389146" spans="14:14">
      <c r="N389146" s="10"/>
    </row>
    <row r="389147" spans="14:14">
      <c r="N389147" s="10"/>
    </row>
    <row r="389148" spans="14:14">
      <c r="N389148" s="10"/>
    </row>
    <row r="389149" spans="14:14">
      <c r="N389149" s="10"/>
    </row>
    <row r="389150" spans="14:14">
      <c r="N389150" s="10"/>
    </row>
    <row r="389151" spans="14:14">
      <c r="N389151" s="10"/>
    </row>
    <row r="389152" spans="14:14">
      <c r="N389152" s="10"/>
    </row>
    <row r="389153" spans="14:14">
      <c r="N389153" s="10"/>
    </row>
    <row r="389154" spans="14:14">
      <c r="N389154" s="10"/>
    </row>
    <row r="389155" spans="14:14">
      <c r="N389155" s="10"/>
    </row>
    <row r="389156" spans="14:14">
      <c r="N389156" s="10"/>
    </row>
    <row r="389157" spans="14:14">
      <c r="N389157" s="10"/>
    </row>
    <row r="389158" spans="14:14">
      <c r="N389158" s="10"/>
    </row>
    <row r="389159" spans="14:14">
      <c r="N389159" s="10"/>
    </row>
    <row r="389160" spans="14:14">
      <c r="N389160" s="10"/>
    </row>
    <row r="389161" spans="14:14">
      <c r="N389161" s="10"/>
    </row>
    <row r="389162" spans="14:14">
      <c r="N389162" s="10"/>
    </row>
    <row r="389163" spans="14:14">
      <c r="N389163" s="10"/>
    </row>
    <row r="389164" spans="14:14">
      <c r="N389164" s="10"/>
    </row>
    <row r="389165" spans="14:14">
      <c r="N389165" s="10"/>
    </row>
    <row r="389166" spans="14:14">
      <c r="N389166" s="10"/>
    </row>
    <row r="389167" spans="14:14">
      <c r="N389167" s="10"/>
    </row>
    <row r="389168" spans="14:14">
      <c r="N389168" s="10"/>
    </row>
    <row r="389169" spans="14:14">
      <c r="N389169" s="10"/>
    </row>
    <row r="389170" spans="14:14">
      <c r="N389170" s="10"/>
    </row>
    <row r="389171" spans="14:14">
      <c r="N389171" s="10"/>
    </row>
    <row r="389172" spans="14:14">
      <c r="N389172" s="10"/>
    </row>
    <row r="389173" spans="14:14">
      <c r="N389173" s="10"/>
    </row>
    <row r="389174" spans="14:14">
      <c r="N389174" s="10"/>
    </row>
    <row r="389175" spans="14:14">
      <c r="N389175" s="10"/>
    </row>
    <row r="389176" spans="14:14">
      <c r="N389176" s="10"/>
    </row>
    <row r="389177" spans="14:14">
      <c r="N389177" s="10"/>
    </row>
    <row r="389178" spans="14:14">
      <c r="N389178" s="10"/>
    </row>
    <row r="389179" spans="14:14">
      <c r="N389179" s="10"/>
    </row>
    <row r="389180" spans="14:14">
      <c r="N389180" s="10"/>
    </row>
    <row r="389181" spans="14:14">
      <c r="N389181" s="10"/>
    </row>
    <row r="389182" spans="14:14">
      <c r="N389182" s="10"/>
    </row>
    <row r="389183" spans="14:14">
      <c r="N389183" s="10"/>
    </row>
    <row r="389184" spans="14:14">
      <c r="N389184" s="10"/>
    </row>
    <row r="389185" spans="14:14">
      <c r="N389185" s="10"/>
    </row>
    <row r="389186" spans="14:14">
      <c r="N389186" s="10"/>
    </row>
    <row r="389187" spans="14:14">
      <c r="N389187" s="10"/>
    </row>
    <row r="389188" spans="14:14">
      <c r="N389188" s="10"/>
    </row>
    <row r="389189" spans="14:14">
      <c r="N389189" s="10"/>
    </row>
    <row r="389190" spans="14:14">
      <c r="N389190" s="10"/>
    </row>
    <row r="389191" spans="14:14">
      <c r="N389191" s="10"/>
    </row>
    <row r="389192" spans="14:14">
      <c r="N389192" s="10"/>
    </row>
    <row r="389193" spans="14:14">
      <c r="N389193" s="10"/>
    </row>
    <row r="389194" spans="14:14">
      <c r="N389194" s="10"/>
    </row>
    <row r="389195" spans="14:14">
      <c r="N389195" s="10"/>
    </row>
    <row r="389196" spans="14:14">
      <c r="N389196" s="10"/>
    </row>
    <row r="389197" spans="14:14">
      <c r="N389197" s="10"/>
    </row>
    <row r="389198" spans="14:14">
      <c r="N389198" s="10"/>
    </row>
    <row r="389199" spans="14:14">
      <c r="N389199" s="10"/>
    </row>
    <row r="389200" spans="14:14">
      <c r="N389200" s="10"/>
    </row>
    <row r="389201" spans="14:14">
      <c r="N389201" s="10"/>
    </row>
    <row r="389202" spans="14:14">
      <c r="N389202" s="10"/>
    </row>
    <row r="389203" spans="14:14">
      <c r="N389203" s="10"/>
    </row>
    <row r="389204" spans="14:14">
      <c r="N389204" s="10"/>
    </row>
    <row r="389205" spans="14:14">
      <c r="N389205" s="10"/>
    </row>
    <row r="389206" spans="14:14">
      <c r="N389206" s="10"/>
    </row>
    <row r="389207" spans="14:14">
      <c r="N389207" s="10"/>
    </row>
    <row r="389208" spans="14:14">
      <c r="N389208" s="10"/>
    </row>
    <row r="389209" spans="14:14">
      <c r="N389209" s="10"/>
    </row>
    <row r="389210" spans="14:14">
      <c r="N389210" s="10"/>
    </row>
    <row r="389211" spans="14:14">
      <c r="N389211" s="10"/>
    </row>
    <row r="389212" spans="14:14">
      <c r="N389212" s="10"/>
    </row>
    <row r="389213" spans="14:14">
      <c r="N389213" s="10"/>
    </row>
    <row r="389214" spans="14:14">
      <c r="N389214" s="10"/>
    </row>
    <row r="389215" spans="14:14">
      <c r="N389215" s="10"/>
    </row>
    <row r="389216" spans="14:14">
      <c r="N389216" s="10"/>
    </row>
    <row r="389217" spans="14:14">
      <c r="N389217" s="10"/>
    </row>
    <row r="389218" spans="14:14">
      <c r="N389218" s="10"/>
    </row>
    <row r="389219" spans="14:14">
      <c r="N389219" s="10"/>
    </row>
    <row r="389220" spans="14:14">
      <c r="N389220" s="10"/>
    </row>
    <row r="389221" spans="14:14">
      <c r="N389221" s="10"/>
    </row>
    <row r="389222" spans="14:14">
      <c r="N389222" s="10"/>
    </row>
    <row r="389223" spans="14:14">
      <c r="N389223" s="10"/>
    </row>
    <row r="389224" spans="14:14">
      <c r="N389224" s="10"/>
    </row>
    <row r="389225" spans="14:14">
      <c r="N389225" s="10"/>
    </row>
    <row r="389226" spans="14:14">
      <c r="N389226" s="10"/>
    </row>
    <row r="389227" spans="14:14">
      <c r="N389227" s="10"/>
    </row>
    <row r="389228" spans="14:14">
      <c r="N389228" s="10"/>
    </row>
    <row r="389229" spans="14:14">
      <c r="N389229" s="10"/>
    </row>
    <row r="389230" spans="14:14">
      <c r="N389230" s="10"/>
    </row>
    <row r="389231" spans="14:14">
      <c r="N389231" s="10"/>
    </row>
    <row r="389232" spans="14:14">
      <c r="N389232" s="10"/>
    </row>
    <row r="389233" spans="14:14">
      <c r="N389233" s="10"/>
    </row>
    <row r="389234" spans="14:14">
      <c r="N389234" s="10"/>
    </row>
    <row r="389235" spans="14:14">
      <c r="N389235" s="10"/>
    </row>
    <row r="389236" spans="14:14">
      <c r="N389236" s="10"/>
    </row>
    <row r="389237" spans="14:14">
      <c r="N389237" s="10"/>
    </row>
    <row r="389238" spans="14:14">
      <c r="N389238" s="10"/>
    </row>
    <row r="389239" spans="14:14">
      <c r="N389239" s="10"/>
    </row>
    <row r="389240" spans="14:14">
      <c r="N389240" s="10"/>
    </row>
    <row r="389241" spans="14:14">
      <c r="N389241" s="10"/>
    </row>
    <row r="389242" spans="14:14">
      <c r="N389242" s="10"/>
    </row>
    <row r="389243" spans="14:14">
      <c r="N389243" s="10"/>
    </row>
    <row r="389244" spans="14:14">
      <c r="N389244" s="10"/>
    </row>
    <row r="389245" spans="14:14">
      <c r="N389245" s="10"/>
    </row>
    <row r="389246" spans="14:14">
      <c r="N389246" s="10"/>
    </row>
    <row r="389247" spans="14:14">
      <c r="N389247" s="10"/>
    </row>
    <row r="389248" spans="14:14">
      <c r="N389248" s="10"/>
    </row>
    <row r="389249" spans="14:14">
      <c r="N389249" s="10"/>
    </row>
    <row r="389250" spans="14:14">
      <c r="N389250" s="10"/>
    </row>
    <row r="389251" spans="14:14">
      <c r="N389251" s="10"/>
    </row>
    <row r="389252" spans="14:14">
      <c r="N389252" s="10"/>
    </row>
    <row r="389253" spans="14:14">
      <c r="N389253" s="10"/>
    </row>
    <row r="389254" spans="14:14">
      <c r="N389254" s="10"/>
    </row>
    <row r="389255" spans="14:14">
      <c r="N389255" s="10"/>
    </row>
    <row r="389256" spans="14:14">
      <c r="N389256" s="10"/>
    </row>
    <row r="389257" spans="14:14">
      <c r="N389257" s="10"/>
    </row>
    <row r="389258" spans="14:14">
      <c r="N389258" s="10"/>
    </row>
    <row r="389259" spans="14:14">
      <c r="N389259" s="10"/>
    </row>
    <row r="389260" spans="14:14">
      <c r="N389260" s="10"/>
    </row>
    <row r="389261" spans="14:14">
      <c r="N389261" s="10"/>
    </row>
    <row r="389262" spans="14:14">
      <c r="N389262" s="10"/>
    </row>
    <row r="389263" spans="14:14">
      <c r="N389263" s="10"/>
    </row>
    <row r="389264" spans="14:14">
      <c r="N389264" s="10"/>
    </row>
    <row r="389265" spans="14:14">
      <c r="N389265" s="10"/>
    </row>
    <row r="389266" spans="14:14">
      <c r="N389266" s="10"/>
    </row>
    <row r="389267" spans="14:14">
      <c r="N389267" s="10"/>
    </row>
    <row r="389268" spans="14:14">
      <c r="N389268" s="10"/>
    </row>
    <row r="389269" spans="14:14">
      <c r="N389269" s="10"/>
    </row>
    <row r="389270" spans="14:14">
      <c r="N389270" s="10"/>
    </row>
    <row r="389271" spans="14:14">
      <c r="N389271" s="10"/>
    </row>
    <row r="389272" spans="14:14">
      <c r="N389272" s="10"/>
    </row>
    <row r="389273" spans="14:14">
      <c r="N389273" s="10"/>
    </row>
    <row r="389274" spans="14:14">
      <c r="N389274" s="10"/>
    </row>
    <row r="389275" spans="14:14">
      <c r="N389275" s="10"/>
    </row>
    <row r="389276" spans="14:14">
      <c r="N389276" s="10"/>
    </row>
    <row r="389277" spans="14:14">
      <c r="N389277" s="10"/>
    </row>
    <row r="389278" spans="14:14">
      <c r="N389278" s="10"/>
    </row>
    <row r="389279" spans="14:14">
      <c r="N389279" s="10"/>
    </row>
    <row r="389280" spans="14:14">
      <c r="N389280" s="10"/>
    </row>
    <row r="389281" spans="14:14">
      <c r="N389281" s="10"/>
    </row>
    <row r="389282" spans="14:14">
      <c r="N389282" s="10"/>
    </row>
    <row r="389283" spans="14:14">
      <c r="N389283" s="10"/>
    </row>
    <row r="389284" spans="14:14">
      <c r="N389284" s="10"/>
    </row>
    <row r="389285" spans="14:14">
      <c r="N389285" s="10"/>
    </row>
    <row r="389286" spans="14:14">
      <c r="N389286" s="10"/>
    </row>
    <row r="389287" spans="14:14">
      <c r="N389287" s="10"/>
    </row>
    <row r="389288" spans="14:14">
      <c r="N389288" s="10"/>
    </row>
    <row r="389289" spans="14:14">
      <c r="N389289" s="10"/>
    </row>
    <row r="389290" spans="14:14">
      <c r="N389290" s="10"/>
    </row>
    <row r="389291" spans="14:14">
      <c r="N389291" s="10"/>
    </row>
    <row r="389292" spans="14:14">
      <c r="N389292" s="10"/>
    </row>
    <row r="389293" spans="14:14">
      <c r="N389293" s="10"/>
    </row>
    <row r="389294" spans="14:14">
      <c r="N389294" s="10"/>
    </row>
    <row r="389295" spans="14:14">
      <c r="N389295" s="10"/>
    </row>
    <row r="389296" spans="14:14">
      <c r="N389296" s="10"/>
    </row>
    <row r="389297" spans="14:14">
      <c r="N389297" s="10"/>
    </row>
    <row r="389298" spans="14:14">
      <c r="N389298" s="10"/>
    </row>
    <row r="389299" spans="14:14">
      <c r="N389299" s="10"/>
    </row>
    <row r="389300" spans="14:14">
      <c r="N389300" s="10"/>
    </row>
    <row r="389301" spans="14:14">
      <c r="N389301" s="10"/>
    </row>
    <row r="389302" spans="14:14">
      <c r="N389302" s="10"/>
    </row>
    <row r="389303" spans="14:14">
      <c r="N389303" s="10"/>
    </row>
    <row r="389304" spans="14:14">
      <c r="N389304" s="10"/>
    </row>
    <row r="389305" spans="14:14">
      <c r="N389305" s="10"/>
    </row>
    <row r="389306" spans="14:14">
      <c r="N389306" s="10"/>
    </row>
    <row r="389307" spans="14:14">
      <c r="N389307" s="10"/>
    </row>
    <row r="389308" spans="14:14">
      <c r="N389308" s="10"/>
    </row>
    <row r="389309" spans="14:14">
      <c r="N389309" s="10"/>
    </row>
    <row r="389310" spans="14:14">
      <c r="N389310" s="10"/>
    </row>
    <row r="389311" spans="14:14">
      <c r="N389311" s="10"/>
    </row>
    <row r="389312" spans="14:14">
      <c r="N389312" s="10"/>
    </row>
    <row r="389313" spans="14:14">
      <c r="N389313" s="10"/>
    </row>
    <row r="389314" spans="14:14">
      <c r="N389314" s="10"/>
    </row>
    <row r="389315" spans="14:14">
      <c r="N389315" s="10"/>
    </row>
    <row r="389316" spans="14:14">
      <c r="N389316" s="10"/>
    </row>
    <row r="389317" spans="14:14">
      <c r="N389317" s="10"/>
    </row>
    <row r="389318" spans="14:14">
      <c r="N389318" s="10"/>
    </row>
    <row r="389319" spans="14:14">
      <c r="N389319" s="10"/>
    </row>
    <row r="389320" spans="14:14">
      <c r="N389320" s="10"/>
    </row>
    <row r="389321" spans="14:14">
      <c r="N389321" s="10"/>
    </row>
    <row r="389322" spans="14:14">
      <c r="N389322" s="10"/>
    </row>
    <row r="389323" spans="14:14">
      <c r="N389323" s="10"/>
    </row>
    <row r="389324" spans="14:14">
      <c r="N389324" s="10"/>
    </row>
    <row r="389325" spans="14:14">
      <c r="N389325" s="10"/>
    </row>
    <row r="389326" spans="14:14">
      <c r="N389326" s="10"/>
    </row>
    <row r="389327" spans="14:14">
      <c r="N389327" s="10"/>
    </row>
    <row r="389328" spans="14:14">
      <c r="N389328" s="10"/>
    </row>
    <row r="389329" spans="14:14">
      <c r="N389329" s="10"/>
    </row>
    <row r="389330" spans="14:14">
      <c r="N389330" s="10"/>
    </row>
    <row r="389331" spans="14:14">
      <c r="N389331" s="10"/>
    </row>
    <row r="389332" spans="14:14">
      <c r="N389332" s="10"/>
    </row>
    <row r="389333" spans="14:14">
      <c r="N389333" s="10"/>
    </row>
    <row r="389334" spans="14:14">
      <c r="N389334" s="10"/>
    </row>
    <row r="389335" spans="14:14">
      <c r="N389335" s="10"/>
    </row>
    <row r="389336" spans="14:14">
      <c r="N389336" s="10"/>
    </row>
    <row r="389337" spans="14:14">
      <c r="N389337" s="10"/>
    </row>
    <row r="389338" spans="14:14">
      <c r="N389338" s="10"/>
    </row>
    <row r="389339" spans="14:14">
      <c r="N389339" s="10"/>
    </row>
    <row r="389340" spans="14:14">
      <c r="N389340" s="10"/>
    </row>
    <row r="389341" spans="14:14">
      <c r="N389341" s="10"/>
    </row>
    <row r="389342" spans="14:14">
      <c r="N389342" s="10"/>
    </row>
    <row r="389343" spans="14:14">
      <c r="N389343" s="10"/>
    </row>
    <row r="389344" spans="14:14">
      <c r="N389344" s="10"/>
    </row>
    <row r="389345" spans="14:14">
      <c r="N389345" s="10"/>
    </row>
    <row r="389346" spans="14:14">
      <c r="N389346" s="10"/>
    </row>
    <row r="389347" spans="14:14">
      <c r="N389347" s="10"/>
    </row>
    <row r="389348" spans="14:14">
      <c r="N389348" s="10"/>
    </row>
    <row r="389349" spans="14:14">
      <c r="N389349" s="10"/>
    </row>
    <row r="389350" spans="14:14">
      <c r="N389350" s="10"/>
    </row>
    <row r="389351" spans="14:14">
      <c r="N389351" s="10"/>
    </row>
    <row r="389352" spans="14:14">
      <c r="N389352" s="10"/>
    </row>
    <row r="389353" spans="14:14">
      <c r="N389353" s="10"/>
    </row>
    <row r="389354" spans="14:14">
      <c r="N389354" s="10"/>
    </row>
    <row r="389355" spans="14:14">
      <c r="N389355" s="10"/>
    </row>
    <row r="389356" spans="14:14">
      <c r="N389356" s="10"/>
    </row>
    <row r="389357" spans="14:14">
      <c r="N389357" s="10"/>
    </row>
    <row r="389358" spans="14:14">
      <c r="N389358" s="10"/>
    </row>
    <row r="389359" spans="14:14">
      <c r="N389359" s="10"/>
    </row>
    <row r="389360" spans="14:14">
      <c r="N389360" s="10"/>
    </row>
    <row r="389361" spans="14:14">
      <c r="N389361" s="10"/>
    </row>
    <row r="389362" spans="14:14">
      <c r="N389362" s="10"/>
    </row>
    <row r="389363" spans="14:14">
      <c r="N389363" s="10"/>
    </row>
    <row r="389364" spans="14:14">
      <c r="N389364" s="10"/>
    </row>
    <row r="389365" spans="14:14">
      <c r="N389365" s="10"/>
    </row>
    <row r="389366" spans="14:14">
      <c r="N389366" s="10"/>
    </row>
    <row r="389367" spans="14:14">
      <c r="N389367" s="10"/>
    </row>
    <row r="389368" spans="14:14">
      <c r="N389368" s="10"/>
    </row>
    <row r="389369" spans="14:14">
      <c r="N389369" s="10"/>
    </row>
    <row r="389370" spans="14:14">
      <c r="N389370" s="10"/>
    </row>
    <row r="389371" spans="14:14">
      <c r="N389371" s="10"/>
    </row>
    <row r="389372" spans="14:14">
      <c r="N389372" s="10"/>
    </row>
    <row r="389373" spans="14:14">
      <c r="N389373" s="10"/>
    </row>
    <row r="389374" spans="14:14">
      <c r="N389374" s="10"/>
    </row>
    <row r="389375" spans="14:14">
      <c r="N389375" s="10"/>
    </row>
    <row r="389376" spans="14:14">
      <c r="N389376" s="10"/>
    </row>
    <row r="389377" spans="14:14">
      <c r="N389377" s="10"/>
    </row>
    <row r="389378" spans="14:14">
      <c r="N389378" s="10"/>
    </row>
    <row r="389379" spans="14:14">
      <c r="N389379" s="10"/>
    </row>
    <row r="389380" spans="14:14">
      <c r="N389380" s="10"/>
    </row>
    <row r="389381" spans="14:14">
      <c r="N389381" s="10"/>
    </row>
    <row r="389382" spans="14:14">
      <c r="N389382" s="10"/>
    </row>
    <row r="389383" spans="14:14">
      <c r="N389383" s="10"/>
    </row>
    <row r="389384" spans="14:14">
      <c r="N389384" s="10"/>
    </row>
    <row r="389385" spans="14:14">
      <c r="N389385" s="10"/>
    </row>
    <row r="389386" spans="14:14">
      <c r="N389386" s="10"/>
    </row>
    <row r="389387" spans="14:14">
      <c r="N389387" s="10"/>
    </row>
    <row r="389388" spans="14:14">
      <c r="N389388" s="10"/>
    </row>
    <row r="389389" spans="14:14">
      <c r="N389389" s="10"/>
    </row>
    <row r="389390" spans="14:14">
      <c r="N389390" s="10"/>
    </row>
    <row r="389391" spans="14:14">
      <c r="N389391" s="10"/>
    </row>
    <row r="389392" spans="14:14">
      <c r="N389392" s="10"/>
    </row>
    <row r="389393" spans="14:14">
      <c r="N389393" s="10"/>
    </row>
    <row r="389394" spans="14:14">
      <c r="N389394" s="10"/>
    </row>
    <row r="389395" spans="14:14">
      <c r="N389395" s="10"/>
    </row>
    <row r="389396" spans="14:14">
      <c r="N389396" s="10"/>
    </row>
    <row r="389397" spans="14:14">
      <c r="N389397" s="10"/>
    </row>
    <row r="389398" spans="14:14">
      <c r="N389398" s="10"/>
    </row>
    <row r="389399" spans="14:14">
      <c r="N389399" s="10"/>
    </row>
    <row r="389400" spans="14:14">
      <c r="N389400" s="10"/>
    </row>
    <row r="389401" spans="14:14">
      <c r="N389401" s="10"/>
    </row>
    <row r="389402" spans="14:14">
      <c r="N389402" s="10"/>
    </row>
    <row r="389403" spans="14:14">
      <c r="N389403" s="10"/>
    </row>
    <row r="389404" spans="14:14">
      <c r="N389404" s="10"/>
    </row>
    <row r="389405" spans="14:14">
      <c r="N389405" s="10"/>
    </row>
    <row r="389406" spans="14:14">
      <c r="N389406" s="10"/>
    </row>
    <row r="389407" spans="14:14">
      <c r="N389407" s="10"/>
    </row>
    <row r="389408" spans="14:14">
      <c r="N389408" s="10"/>
    </row>
    <row r="389409" spans="14:14">
      <c r="N389409" s="10"/>
    </row>
    <row r="389410" spans="14:14">
      <c r="N389410" s="10"/>
    </row>
    <row r="389411" spans="14:14">
      <c r="N389411" s="10"/>
    </row>
    <row r="389412" spans="14:14">
      <c r="N389412" s="10"/>
    </row>
    <row r="389413" spans="14:14">
      <c r="N389413" s="10"/>
    </row>
    <row r="389414" spans="14:14">
      <c r="N389414" s="10"/>
    </row>
    <row r="389415" spans="14:14">
      <c r="N389415" s="10"/>
    </row>
    <row r="389416" spans="14:14">
      <c r="N389416" s="10"/>
    </row>
    <row r="389417" spans="14:14">
      <c r="N389417" s="10"/>
    </row>
    <row r="389418" spans="14:14">
      <c r="N389418" s="10"/>
    </row>
    <row r="389419" spans="14:14">
      <c r="N389419" s="10"/>
    </row>
    <row r="389420" spans="14:14">
      <c r="N389420" s="10"/>
    </row>
    <row r="389421" spans="14:14">
      <c r="N389421" s="10"/>
    </row>
    <row r="389422" spans="14:14">
      <c r="N389422" s="10"/>
    </row>
    <row r="389423" spans="14:14">
      <c r="N389423" s="10"/>
    </row>
    <row r="389424" spans="14:14">
      <c r="N389424" s="10"/>
    </row>
    <row r="389425" spans="14:14">
      <c r="N389425" s="10"/>
    </row>
    <row r="389426" spans="14:14">
      <c r="N389426" s="10"/>
    </row>
    <row r="389427" spans="14:14">
      <c r="N389427" s="10"/>
    </row>
    <row r="389428" spans="14:14">
      <c r="N389428" s="10"/>
    </row>
    <row r="389429" spans="14:14">
      <c r="N389429" s="10"/>
    </row>
    <row r="389430" spans="14:14">
      <c r="N389430" s="10"/>
    </row>
    <row r="389431" spans="14:14">
      <c r="N389431" s="10"/>
    </row>
    <row r="389432" spans="14:14">
      <c r="N389432" s="10"/>
    </row>
    <row r="389433" spans="14:14">
      <c r="N389433" s="10"/>
    </row>
    <row r="389434" spans="14:14">
      <c r="N389434" s="10"/>
    </row>
    <row r="389435" spans="14:14">
      <c r="N389435" s="10"/>
    </row>
    <row r="389436" spans="14:14">
      <c r="N389436" s="10"/>
    </row>
    <row r="389437" spans="14:14">
      <c r="N389437" s="10"/>
    </row>
    <row r="389438" spans="14:14">
      <c r="N389438" s="10"/>
    </row>
    <row r="389439" spans="14:14">
      <c r="N389439" s="10"/>
    </row>
    <row r="389440" spans="14:14">
      <c r="N389440" s="10"/>
    </row>
    <row r="389441" spans="14:14">
      <c r="N389441" s="10"/>
    </row>
    <row r="389442" spans="14:14">
      <c r="N389442" s="10"/>
    </row>
    <row r="389443" spans="14:14">
      <c r="N389443" s="10"/>
    </row>
    <row r="389444" spans="14:14">
      <c r="N389444" s="10"/>
    </row>
    <row r="389445" spans="14:14">
      <c r="N389445" s="10"/>
    </row>
    <row r="389446" spans="14:14">
      <c r="N389446" s="10"/>
    </row>
    <row r="389447" spans="14:14">
      <c r="N389447" s="10"/>
    </row>
    <row r="389448" spans="14:14">
      <c r="N389448" s="10"/>
    </row>
    <row r="389449" spans="14:14">
      <c r="N389449" s="10"/>
    </row>
    <row r="389450" spans="14:14">
      <c r="N389450" s="10"/>
    </row>
    <row r="389451" spans="14:14">
      <c r="N389451" s="10"/>
    </row>
    <row r="389452" spans="14:14">
      <c r="N389452" s="10"/>
    </row>
    <row r="389453" spans="14:14">
      <c r="N389453" s="10"/>
    </row>
    <row r="389454" spans="14:14">
      <c r="N389454" s="10"/>
    </row>
    <row r="389455" spans="14:14">
      <c r="N389455" s="10"/>
    </row>
    <row r="389456" spans="14:14">
      <c r="N389456" s="10"/>
    </row>
    <row r="389457" spans="14:14">
      <c r="N389457" s="10"/>
    </row>
    <row r="389458" spans="14:14">
      <c r="N389458" s="10"/>
    </row>
    <row r="389459" spans="14:14">
      <c r="N389459" s="10"/>
    </row>
    <row r="389460" spans="14:14">
      <c r="N389460" s="10"/>
    </row>
    <row r="389461" spans="14:14">
      <c r="N389461" s="10"/>
    </row>
    <row r="389462" spans="14:14">
      <c r="N389462" s="10"/>
    </row>
    <row r="389463" spans="14:14">
      <c r="N389463" s="10"/>
    </row>
    <row r="389464" spans="14:14">
      <c r="N389464" s="10"/>
    </row>
    <row r="389465" spans="14:14">
      <c r="N389465" s="10"/>
    </row>
    <row r="389466" spans="14:14">
      <c r="N389466" s="10"/>
    </row>
    <row r="389467" spans="14:14">
      <c r="N389467" s="10"/>
    </row>
    <row r="389468" spans="14:14">
      <c r="N389468" s="10"/>
    </row>
    <row r="389469" spans="14:14">
      <c r="N389469" s="10"/>
    </row>
    <row r="389470" spans="14:14">
      <c r="N389470" s="10"/>
    </row>
    <row r="389471" spans="14:14">
      <c r="N389471" s="10"/>
    </row>
    <row r="389472" spans="14:14">
      <c r="N389472" s="10"/>
    </row>
    <row r="389473" spans="14:14">
      <c r="N389473" s="10"/>
    </row>
    <row r="389474" spans="14:14">
      <c r="N389474" s="10"/>
    </row>
    <row r="389475" spans="14:14">
      <c r="N389475" s="10"/>
    </row>
    <row r="389476" spans="14:14">
      <c r="N389476" s="10"/>
    </row>
    <row r="389477" spans="14:14">
      <c r="N389477" s="10"/>
    </row>
    <row r="389478" spans="14:14">
      <c r="N389478" s="10"/>
    </row>
    <row r="389479" spans="14:14">
      <c r="N389479" s="10"/>
    </row>
    <row r="389480" spans="14:14">
      <c r="N389480" s="10"/>
    </row>
    <row r="389481" spans="14:14">
      <c r="N389481" s="10"/>
    </row>
    <row r="389482" spans="14:14">
      <c r="N389482" s="10"/>
    </row>
    <row r="389483" spans="14:14">
      <c r="N389483" s="10"/>
    </row>
    <row r="389484" spans="14:14">
      <c r="N389484" s="10"/>
    </row>
    <row r="389485" spans="14:14">
      <c r="N389485" s="10"/>
    </row>
    <row r="389486" spans="14:14">
      <c r="N389486" s="10"/>
    </row>
    <row r="389487" spans="14:14">
      <c r="N389487" s="10"/>
    </row>
    <row r="389488" spans="14:14">
      <c r="N389488" s="10"/>
    </row>
    <row r="389489" spans="14:14">
      <c r="N389489" s="10"/>
    </row>
    <row r="389490" spans="14:14">
      <c r="N389490" s="10"/>
    </row>
    <row r="389491" spans="14:14">
      <c r="N389491" s="10"/>
    </row>
    <row r="389492" spans="14:14">
      <c r="N389492" s="10"/>
    </row>
    <row r="389493" spans="14:14">
      <c r="N389493" s="10"/>
    </row>
    <row r="389494" spans="14:14">
      <c r="N389494" s="10"/>
    </row>
    <row r="389495" spans="14:14">
      <c r="N389495" s="10"/>
    </row>
    <row r="389496" spans="14:14">
      <c r="N389496" s="10"/>
    </row>
    <row r="389497" spans="14:14">
      <c r="N389497" s="10"/>
    </row>
    <row r="389498" spans="14:14">
      <c r="N389498" s="10"/>
    </row>
    <row r="389499" spans="14:14">
      <c r="N389499" s="10"/>
    </row>
    <row r="389500" spans="14:14">
      <c r="N389500" s="10"/>
    </row>
    <row r="389501" spans="14:14">
      <c r="N389501" s="10"/>
    </row>
    <row r="389502" spans="14:14">
      <c r="N389502" s="10"/>
    </row>
    <row r="389503" spans="14:14">
      <c r="N389503" s="10"/>
    </row>
    <row r="389504" spans="14:14">
      <c r="N389504" s="10"/>
    </row>
    <row r="389505" spans="14:14">
      <c r="N389505" s="10"/>
    </row>
    <row r="389506" spans="14:14">
      <c r="N389506" s="10"/>
    </row>
    <row r="389507" spans="14:14">
      <c r="N389507" s="10"/>
    </row>
    <row r="389508" spans="14:14">
      <c r="N389508" s="10"/>
    </row>
    <row r="389509" spans="14:14">
      <c r="N389509" s="10"/>
    </row>
    <row r="389510" spans="14:14">
      <c r="N389510" s="10"/>
    </row>
    <row r="389511" spans="14:14">
      <c r="N389511" s="10"/>
    </row>
    <row r="389512" spans="14:14">
      <c r="N389512" s="10"/>
    </row>
    <row r="389513" spans="14:14">
      <c r="N389513" s="10"/>
    </row>
    <row r="389514" spans="14:14">
      <c r="N389514" s="10"/>
    </row>
    <row r="389515" spans="14:14">
      <c r="N389515" s="10"/>
    </row>
    <row r="389516" spans="14:14">
      <c r="N389516" s="10"/>
    </row>
    <row r="389517" spans="14:14">
      <c r="N389517" s="10"/>
    </row>
    <row r="389518" spans="14:14">
      <c r="N389518" s="10"/>
    </row>
    <row r="389519" spans="14:14">
      <c r="N389519" s="10"/>
    </row>
    <row r="389520" spans="14:14">
      <c r="N389520" s="10"/>
    </row>
    <row r="389521" spans="14:14">
      <c r="N389521" s="10"/>
    </row>
    <row r="389522" spans="14:14">
      <c r="N389522" s="10"/>
    </row>
    <row r="389523" spans="14:14">
      <c r="N389523" s="10"/>
    </row>
    <row r="389524" spans="14:14">
      <c r="N389524" s="10"/>
    </row>
    <row r="389525" spans="14:14">
      <c r="N389525" s="10"/>
    </row>
    <row r="389526" spans="14:14">
      <c r="N389526" s="10"/>
    </row>
    <row r="389527" spans="14:14">
      <c r="N389527" s="10"/>
    </row>
    <row r="389528" spans="14:14">
      <c r="N389528" s="10"/>
    </row>
    <row r="389529" spans="14:14">
      <c r="N389529" s="10"/>
    </row>
    <row r="389530" spans="14:14">
      <c r="N389530" s="10"/>
    </row>
    <row r="389531" spans="14:14">
      <c r="N389531" s="10"/>
    </row>
    <row r="389532" spans="14:14">
      <c r="N389532" s="10"/>
    </row>
    <row r="389533" spans="14:14">
      <c r="N389533" s="10"/>
    </row>
    <row r="389534" spans="14:14">
      <c r="N389534" s="10"/>
    </row>
    <row r="389535" spans="14:14">
      <c r="N389535" s="10"/>
    </row>
    <row r="389536" spans="14:14">
      <c r="N389536" s="10"/>
    </row>
    <row r="389537" spans="14:14">
      <c r="N389537" s="10"/>
    </row>
    <row r="389538" spans="14:14">
      <c r="N389538" s="10"/>
    </row>
    <row r="389539" spans="14:14">
      <c r="N389539" s="10"/>
    </row>
    <row r="389540" spans="14:14">
      <c r="N389540" s="10"/>
    </row>
    <row r="389541" spans="14:14">
      <c r="N389541" s="10"/>
    </row>
    <row r="389542" spans="14:14">
      <c r="N389542" s="10"/>
    </row>
    <row r="389543" spans="14:14">
      <c r="N389543" s="10"/>
    </row>
    <row r="389544" spans="14:14">
      <c r="N389544" s="10"/>
    </row>
    <row r="389545" spans="14:14">
      <c r="N389545" s="10"/>
    </row>
    <row r="389546" spans="14:14">
      <c r="N389546" s="10"/>
    </row>
    <row r="389547" spans="14:14">
      <c r="N389547" s="10"/>
    </row>
    <row r="389548" spans="14:14">
      <c r="N389548" s="10"/>
    </row>
    <row r="389549" spans="14:14">
      <c r="N389549" s="10"/>
    </row>
    <row r="389550" spans="14:14">
      <c r="N389550" s="10"/>
    </row>
    <row r="389551" spans="14:14">
      <c r="N389551" s="10"/>
    </row>
    <row r="389552" spans="14:14">
      <c r="N389552" s="10"/>
    </row>
    <row r="389553" spans="14:14">
      <c r="N389553" s="10"/>
    </row>
    <row r="389554" spans="14:14">
      <c r="N389554" s="10"/>
    </row>
    <row r="389555" spans="14:14">
      <c r="N389555" s="10"/>
    </row>
    <row r="389556" spans="14:14">
      <c r="N389556" s="10"/>
    </row>
    <row r="389557" spans="14:14">
      <c r="N389557" s="10"/>
    </row>
    <row r="389558" spans="14:14">
      <c r="N389558" s="10"/>
    </row>
    <row r="389559" spans="14:14">
      <c r="N389559" s="10"/>
    </row>
    <row r="389560" spans="14:14">
      <c r="N389560" s="10"/>
    </row>
    <row r="389561" spans="14:14">
      <c r="N389561" s="10"/>
    </row>
    <row r="389562" spans="14:14">
      <c r="N389562" s="10"/>
    </row>
    <row r="389563" spans="14:14">
      <c r="N389563" s="10"/>
    </row>
    <row r="389564" spans="14:14">
      <c r="N389564" s="10"/>
    </row>
    <row r="389565" spans="14:14">
      <c r="N389565" s="10"/>
    </row>
    <row r="389566" spans="14:14">
      <c r="N389566" s="10"/>
    </row>
    <row r="389567" spans="14:14">
      <c r="N389567" s="10"/>
    </row>
    <row r="389568" spans="14:14">
      <c r="N389568" s="10"/>
    </row>
    <row r="389569" spans="14:14">
      <c r="N389569" s="10"/>
    </row>
    <row r="389570" spans="14:14">
      <c r="N389570" s="10"/>
    </row>
    <row r="389571" spans="14:14">
      <c r="N389571" s="10"/>
    </row>
    <row r="389572" spans="14:14">
      <c r="N389572" s="10"/>
    </row>
    <row r="389573" spans="14:14">
      <c r="N389573" s="10"/>
    </row>
    <row r="389574" spans="14:14">
      <c r="N389574" s="10"/>
    </row>
    <row r="389575" spans="14:14">
      <c r="N389575" s="10"/>
    </row>
    <row r="389576" spans="14:14">
      <c r="N389576" s="10"/>
    </row>
    <row r="389577" spans="14:14">
      <c r="N389577" s="10"/>
    </row>
    <row r="389578" spans="14:14">
      <c r="N389578" s="10"/>
    </row>
    <row r="389579" spans="14:14">
      <c r="N389579" s="10"/>
    </row>
    <row r="389580" spans="14:14">
      <c r="N389580" s="10"/>
    </row>
    <row r="389581" spans="14:14">
      <c r="N389581" s="10"/>
    </row>
    <row r="389582" spans="14:14">
      <c r="N389582" s="10"/>
    </row>
    <row r="389583" spans="14:14">
      <c r="N389583" s="10"/>
    </row>
    <row r="389584" spans="14:14">
      <c r="N389584" s="10"/>
    </row>
    <row r="389585" spans="14:14">
      <c r="N389585" s="10"/>
    </row>
    <row r="389586" spans="14:14">
      <c r="N389586" s="10"/>
    </row>
    <row r="389587" spans="14:14">
      <c r="N389587" s="10"/>
    </row>
    <row r="389588" spans="14:14">
      <c r="N389588" s="10"/>
    </row>
    <row r="389589" spans="14:14">
      <c r="N389589" s="10"/>
    </row>
    <row r="389590" spans="14:14">
      <c r="N389590" s="10"/>
    </row>
    <row r="389591" spans="14:14">
      <c r="N389591" s="10"/>
    </row>
    <row r="389592" spans="14:14">
      <c r="N389592" s="10"/>
    </row>
    <row r="389593" spans="14:14">
      <c r="N389593" s="10"/>
    </row>
    <row r="389594" spans="14:14">
      <c r="N389594" s="10"/>
    </row>
    <row r="389595" spans="14:14">
      <c r="N389595" s="10"/>
    </row>
    <row r="389596" spans="14:14">
      <c r="N389596" s="10"/>
    </row>
    <row r="389597" spans="14:14">
      <c r="N389597" s="10"/>
    </row>
    <row r="389598" spans="14:14">
      <c r="N389598" s="10"/>
    </row>
    <row r="389599" spans="14:14">
      <c r="N389599" s="10"/>
    </row>
    <row r="389600" spans="14:14">
      <c r="N389600" s="10"/>
    </row>
    <row r="389601" spans="14:14">
      <c r="N389601" s="10"/>
    </row>
    <row r="389602" spans="14:14">
      <c r="N389602" s="10"/>
    </row>
    <row r="389603" spans="14:14">
      <c r="N389603" s="10"/>
    </row>
    <row r="389604" spans="14:14">
      <c r="N389604" s="10"/>
    </row>
    <row r="389605" spans="14:14">
      <c r="N389605" s="10"/>
    </row>
    <row r="389606" spans="14:14">
      <c r="N389606" s="10"/>
    </row>
    <row r="389607" spans="14:14">
      <c r="N389607" s="10"/>
    </row>
    <row r="389608" spans="14:14">
      <c r="N389608" s="10"/>
    </row>
    <row r="389609" spans="14:14">
      <c r="N389609" s="10"/>
    </row>
    <row r="389610" spans="14:14">
      <c r="N389610" s="10"/>
    </row>
    <row r="389611" spans="14:14">
      <c r="N389611" s="10"/>
    </row>
    <row r="389612" spans="14:14">
      <c r="N389612" s="10"/>
    </row>
    <row r="389613" spans="14:14">
      <c r="N389613" s="10"/>
    </row>
    <row r="389614" spans="14:14">
      <c r="N389614" s="10"/>
    </row>
    <row r="389615" spans="14:14">
      <c r="N389615" s="10"/>
    </row>
    <row r="389616" spans="14:14">
      <c r="N389616" s="10"/>
    </row>
    <row r="389617" spans="14:14">
      <c r="N389617" s="10"/>
    </row>
    <row r="389618" spans="14:14">
      <c r="N389618" s="10"/>
    </row>
    <row r="389619" spans="14:14">
      <c r="N389619" s="10"/>
    </row>
    <row r="389620" spans="14:14">
      <c r="N389620" s="10"/>
    </row>
    <row r="389621" spans="14:14">
      <c r="N389621" s="10"/>
    </row>
    <row r="389622" spans="14:14">
      <c r="N389622" s="10"/>
    </row>
    <row r="389623" spans="14:14">
      <c r="N389623" s="10"/>
    </row>
    <row r="389624" spans="14:14">
      <c r="N389624" s="10"/>
    </row>
    <row r="389625" spans="14:14">
      <c r="N389625" s="10"/>
    </row>
    <row r="389626" spans="14:14">
      <c r="N389626" s="10"/>
    </row>
    <row r="389627" spans="14:14">
      <c r="N389627" s="10"/>
    </row>
    <row r="389628" spans="14:14">
      <c r="N389628" s="10"/>
    </row>
    <row r="389629" spans="14:14">
      <c r="N389629" s="10"/>
    </row>
    <row r="389630" spans="14:14">
      <c r="N389630" s="10"/>
    </row>
    <row r="389631" spans="14:14">
      <c r="N389631" s="10"/>
    </row>
    <row r="389632" spans="14:14">
      <c r="N389632" s="10"/>
    </row>
    <row r="389633" spans="14:14">
      <c r="N389633" s="10"/>
    </row>
    <row r="389634" spans="14:14">
      <c r="N389634" s="10"/>
    </row>
    <row r="389635" spans="14:14">
      <c r="N389635" s="10"/>
    </row>
    <row r="389636" spans="14:14">
      <c r="N389636" s="10"/>
    </row>
    <row r="389637" spans="14:14">
      <c r="N389637" s="10"/>
    </row>
    <row r="389638" spans="14:14">
      <c r="N389638" s="10"/>
    </row>
    <row r="389639" spans="14:14">
      <c r="N389639" s="10"/>
    </row>
    <row r="389640" spans="14:14">
      <c r="N389640" s="10"/>
    </row>
    <row r="389641" spans="14:14">
      <c r="N389641" s="10"/>
    </row>
    <row r="389642" spans="14:14">
      <c r="N389642" s="10"/>
    </row>
    <row r="389643" spans="14:14">
      <c r="N389643" s="10"/>
    </row>
    <row r="389644" spans="14:14">
      <c r="N389644" s="10"/>
    </row>
    <row r="389645" spans="14:14">
      <c r="N389645" s="10"/>
    </row>
    <row r="389646" spans="14:14">
      <c r="N389646" s="10"/>
    </row>
    <row r="389647" spans="14:14">
      <c r="N389647" s="10"/>
    </row>
    <row r="389648" spans="14:14">
      <c r="N389648" s="10"/>
    </row>
    <row r="389649" spans="14:14">
      <c r="N389649" s="10"/>
    </row>
    <row r="389650" spans="14:14">
      <c r="N389650" s="10"/>
    </row>
    <row r="389651" spans="14:14">
      <c r="N389651" s="10"/>
    </row>
    <row r="389652" spans="14:14">
      <c r="N389652" s="10"/>
    </row>
    <row r="389653" spans="14:14">
      <c r="N389653" s="10"/>
    </row>
    <row r="389654" spans="14:14">
      <c r="N389654" s="10"/>
    </row>
    <row r="389655" spans="14:14">
      <c r="N389655" s="10"/>
    </row>
    <row r="389656" spans="14:14">
      <c r="N389656" s="10"/>
    </row>
    <row r="389657" spans="14:14">
      <c r="N389657" s="10"/>
    </row>
    <row r="389658" spans="14:14">
      <c r="N389658" s="10"/>
    </row>
    <row r="389659" spans="14:14">
      <c r="N389659" s="10"/>
    </row>
    <row r="389660" spans="14:14">
      <c r="N389660" s="10"/>
    </row>
    <row r="389661" spans="14:14">
      <c r="N389661" s="10"/>
    </row>
    <row r="389662" spans="14:14">
      <c r="N389662" s="10"/>
    </row>
    <row r="389663" spans="14:14">
      <c r="N389663" s="10"/>
    </row>
    <row r="389664" spans="14:14">
      <c r="N389664" s="10"/>
    </row>
    <row r="389665" spans="14:14">
      <c r="N389665" s="10"/>
    </row>
    <row r="389666" spans="14:14">
      <c r="N389666" s="10"/>
    </row>
    <row r="389667" spans="14:14">
      <c r="N389667" s="10"/>
    </row>
    <row r="389668" spans="14:14">
      <c r="N389668" s="10"/>
    </row>
    <row r="389669" spans="14:14">
      <c r="N389669" s="10"/>
    </row>
    <row r="389670" spans="14:14">
      <c r="N389670" s="10"/>
    </row>
    <row r="389671" spans="14:14">
      <c r="N389671" s="10"/>
    </row>
    <row r="389672" spans="14:14">
      <c r="N389672" s="10"/>
    </row>
    <row r="389673" spans="14:14">
      <c r="N389673" s="10"/>
    </row>
    <row r="389674" spans="14:14">
      <c r="N389674" s="10"/>
    </row>
    <row r="389675" spans="14:14">
      <c r="N389675" s="10"/>
    </row>
    <row r="389676" spans="14:14">
      <c r="N389676" s="10"/>
    </row>
    <row r="389677" spans="14:14">
      <c r="N389677" s="10"/>
    </row>
    <row r="389678" spans="14:14">
      <c r="N389678" s="10"/>
    </row>
    <row r="389679" spans="14:14">
      <c r="N389679" s="10"/>
    </row>
    <row r="389680" spans="14:14">
      <c r="N389680" s="10"/>
    </row>
    <row r="389681" spans="14:14">
      <c r="N389681" s="10"/>
    </row>
    <row r="389682" spans="14:14">
      <c r="N389682" s="10"/>
    </row>
    <row r="389683" spans="14:14">
      <c r="N389683" s="10"/>
    </row>
    <row r="389684" spans="14:14">
      <c r="N389684" s="10"/>
    </row>
    <row r="389685" spans="14:14">
      <c r="N389685" s="10"/>
    </row>
    <row r="389686" spans="14:14">
      <c r="N389686" s="10"/>
    </row>
    <row r="389687" spans="14:14">
      <c r="N389687" s="10"/>
    </row>
    <row r="389688" spans="14:14">
      <c r="N389688" s="10"/>
    </row>
    <row r="389689" spans="14:14">
      <c r="N389689" s="10"/>
    </row>
    <row r="389690" spans="14:14">
      <c r="N389690" s="10"/>
    </row>
    <row r="389691" spans="14:14">
      <c r="N389691" s="10"/>
    </row>
    <row r="389692" spans="14:14">
      <c r="N389692" s="10"/>
    </row>
    <row r="389693" spans="14:14">
      <c r="N389693" s="10"/>
    </row>
    <row r="389694" spans="14:14">
      <c r="N389694" s="10"/>
    </row>
    <row r="389695" spans="14:14">
      <c r="N389695" s="10"/>
    </row>
    <row r="389696" spans="14:14">
      <c r="N389696" s="10"/>
    </row>
    <row r="389697" spans="14:14">
      <c r="N389697" s="10"/>
    </row>
    <row r="389698" spans="14:14">
      <c r="N389698" s="10"/>
    </row>
    <row r="389699" spans="14:14">
      <c r="N389699" s="10"/>
    </row>
    <row r="389700" spans="14:14">
      <c r="N389700" s="10"/>
    </row>
    <row r="389701" spans="14:14">
      <c r="N389701" s="10"/>
    </row>
    <row r="389702" spans="14:14">
      <c r="N389702" s="10"/>
    </row>
    <row r="389703" spans="14:14">
      <c r="N389703" s="10"/>
    </row>
    <row r="389704" spans="14:14">
      <c r="N389704" s="10"/>
    </row>
    <row r="389705" spans="14:14">
      <c r="N389705" s="10"/>
    </row>
    <row r="389706" spans="14:14">
      <c r="N389706" s="10"/>
    </row>
    <row r="389707" spans="14:14">
      <c r="N389707" s="10"/>
    </row>
    <row r="389708" spans="14:14">
      <c r="N389708" s="10"/>
    </row>
    <row r="389709" spans="14:14">
      <c r="N389709" s="10"/>
    </row>
    <row r="389710" spans="14:14">
      <c r="N389710" s="10"/>
    </row>
    <row r="389711" spans="14:14">
      <c r="N389711" s="10"/>
    </row>
    <row r="389712" spans="14:14">
      <c r="N389712" s="10"/>
    </row>
    <row r="389713" spans="14:14">
      <c r="N389713" s="10"/>
    </row>
    <row r="389714" spans="14:14">
      <c r="N389714" s="10"/>
    </row>
    <row r="389715" spans="14:14">
      <c r="N389715" s="10"/>
    </row>
    <row r="389716" spans="14:14">
      <c r="N389716" s="10"/>
    </row>
    <row r="389717" spans="14:14">
      <c r="N389717" s="10"/>
    </row>
    <row r="389718" spans="14:14">
      <c r="N389718" s="10"/>
    </row>
    <row r="389719" spans="14:14">
      <c r="N389719" s="10"/>
    </row>
    <row r="389720" spans="14:14">
      <c r="N389720" s="10"/>
    </row>
    <row r="389721" spans="14:14">
      <c r="N389721" s="10"/>
    </row>
    <row r="389722" spans="14:14">
      <c r="N389722" s="10"/>
    </row>
    <row r="389723" spans="14:14">
      <c r="N389723" s="10"/>
    </row>
    <row r="389724" spans="14:14">
      <c r="N389724" s="10"/>
    </row>
    <row r="389725" spans="14:14">
      <c r="N389725" s="10"/>
    </row>
    <row r="389726" spans="14:14">
      <c r="N389726" s="10"/>
    </row>
    <row r="389727" spans="14:14">
      <c r="N389727" s="10"/>
    </row>
    <row r="389728" spans="14:14">
      <c r="N389728" s="10"/>
    </row>
    <row r="389729" spans="14:14">
      <c r="N389729" s="10"/>
    </row>
    <row r="389730" spans="14:14">
      <c r="N389730" s="10"/>
    </row>
    <row r="389731" spans="14:14">
      <c r="N389731" s="10"/>
    </row>
    <row r="389732" spans="14:14">
      <c r="N389732" s="10"/>
    </row>
    <row r="389733" spans="14:14">
      <c r="N389733" s="10"/>
    </row>
    <row r="389734" spans="14:14">
      <c r="N389734" s="10"/>
    </row>
    <row r="389735" spans="14:14">
      <c r="N389735" s="10"/>
    </row>
    <row r="389736" spans="14:14">
      <c r="N389736" s="10"/>
    </row>
    <row r="389737" spans="14:14">
      <c r="N389737" s="10"/>
    </row>
    <row r="389738" spans="14:14">
      <c r="N389738" s="10"/>
    </row>
    <row r="389739" spans="14:14">
      <c r="N389739" s="10"/>
    </row>
    <row r="389740" spans="14:14">
      <c r="N389740" s="10"/>
    </row>
    <row r="389741" spans="14:14">
      <c r="N389741" s="10"/>
    </row>
    <row r="389742" spans="14:14">
      <c r="N389742" s="10"/>
    </row>
    <row r="389743" spans="14:14">
      <c r="N389743" s="10"/>
    </row>
    <row r="389744" spans="14:14">
      <c r="N389744" s="10"/>
    </row>
    <row r="389745" spans="14:14">
      <c r="N389745" s="10"/>
    </row>
    <row r="389746" spans="14:14">
      <c r="N389746" s="10"/>
    </row>
    <row r="389747" spans="14:14">
      <c r="N389747" s="10"/>
    </row>
    <row r="389748" spans="14:14">
      <c r="N389748" s="10"/>
    </row>
    <row r="389749" spans="14:14">
      <c r="N389749" s="10"/>
    </row>
    <row r="389750" spans="14:14">
      <c r="N389750" s="10"/>
    </row>
    <row r="389751" spans="14:14">
      <c r="N389751" s="10"/>
    </row>
    <row r="389752" spans="14:14">
      <c r="N389752" s="10"/>
    </row>
    <row r="389753" spans="14:14">
      <c r="N389753" s="10"/>
    </row>
    <row r="389754" spans="14:14">
      <c r="N389754" s="10"/>
    </row>
    <row r="389755" spans="14:14">
      <c r="N389755" s="10"/>
    </row>
    <row r="389756" spans="14:14">
      <c r="N389756" s="10"/>
    </row>
    <row r="389757" spans="14:14">
      <c r="N389757" s="10"/>
    </row>
    <row r="389758" spans="14:14">
      <c r="N389758" s="10"/>
    </row>
    <row r="389759" spans="14:14">
      <c r="N389759" s="10"/>
    </row>
    <row r="389760" spans="14:14">
      <c r="N389760" s="10"/>
    </row>
    <row r="389761" spans="14:14">
      <c r="N389761" s="10"/>
    </row>
    <row r="389762" spans="14:14">
      <c r="N389762" s="10"/>
    </row>
    <row r="389763" spans="14:14">
      <c r="N389763" s="10"/>
    </row>
    <row r="389764" spans="14:14">
      <c r="N389764" s="10"/>
    </row>
    <row r="389765" spans="14:14">
      <c r="N389765" s="10"/>
    </row>
    <row r="389766" spans="14:14">
      <c r="N389766" s="10"/>
    </row>
    <row r="389767" spans="14:14">
      <c r="N389767" s="10"/>
    </row>
    <row r="389768" spans="14:14">
      <c r="N389768" s="10"/>
    </row>
    <row r="389769" spans="14:14">
      <c r="N389769" s="10"/>
    </row>
    <row r="389770" spans="14:14">
      <c r="N389770" s="10"/>
    </row>
    <row r="389771" spans="14:14">
      <c r="N389771" s="10"/>
    </row>
    <row r="389772" spans="14:14">
      <c r="N389772" s="10"/>
    </row>
    <row r="389773" spans="14:14">
      <c r="N389773" s="10"/>
    </row>
    <row r="389774" spans="14:14">
      <c r="N389774" s="10"/>
    </row>
    <row r="389775" spans="14:14">
      <c r="N389775" s="10"/>
    </row>
    <row r="389776" spans="14:14">
      <c r="N389776" s="10"/>
    </row>
    <row r="389777" spans="14:14">
      <c r="N389777" s="10"/>
    </row>
    <row r="389778" spans="14:14">
      <c r="N389778" s="10"/>
    </row>
    <row r="389779" spans="14:14">
      <c r="N389779" s="10"/>
    </row>
    <row r="389780" spans="14:14">
      <c r="N389780" s="10"/>
    </row>
    <row r="389781" spans="14:14">
      <c r="N389781" s="10"/>
    </row>
    <row r="389782" spans="14:14">
      <c r="N389782" s="10"/>
    </row>
    <row r="389783" spans="14:14">
      <c r="N389783" s="10"/>
    </row>
    <row r="389784" spans="14:14">
      <c r="N389784" s="10"/>
    </row>
    <row r="389785" spans="14:14">
      <c r="N389785" s="10"/>
    </row>
    <row r="389786" spans="14:14">
      <c r="N389786" s="10"/>
    </row>
    <row r="389787" spans="14:14">
      <c r="N389787" s="10"/>
    </row>
    <row r="389788" spans="14:14">
      <c r="N389788" s="10"/>
    </row>
    <row r="389789" spans="14:14">
      <c r="N389789" s="10"/>
    </row>
    <row r="389790" spans="14:14">
      <c r="N389790" s="10"/>
    </row>
    <row r="389791" spans="14:14">
      <c r="N389791" s="10"/>
    </row>
    <row r="389792" spans="14:14">
      <c r="N389792" s="10"/>
    </row>
    <row r="389793" spans="14:14">
      <c r="N389793" s="10"/>
    </row>
    <row r="389794" spans="14:14">
      <c r="N389794" s="10"/>
    </row>
    <row r="389795" spans="14:14">
      <c r="N389795" s="10"/>
    </row>
    <row r="389796" spans="14:14">
      <c r="N389796" s="10"/>
    </row>
    <row r="389797" spans="14:14">
      <c r="N389797" s="10"/>
    </row>
    <row r="389798" spans="14:14">
      <c r="N389798" s="10"/>
    </row>
    <row r="389799" spans="14:14">
      <c r="N389799" s="10"/>
    </row>
    <row r="389800" spans="14:14">
      <c r="N389800" s="10"/>
    </row>
    <row r="389801" spans="14:14">
      <c r="N389801" s="10"/>
    </row>
    <row r="389802" spans="14:14">
      <c r="N389802" s="10"/>
    </row>
    <row r="389803" spans="14:14">
      <c r="N389803" s="10"/>
    </row>
    <row r="389804" spans="14:14">
      <c r="N389804" s="10"/>
    </row>
    <row r="389805" spans="14:14">
      <c r="N389805" s="10"/>
    </row>
    <row r="389806" spans="14:14">
      <c r="N389806" s="10"/>
    </row>
    <row r="389807" spans="14:14">
      <c r="N389807" s="10"/>
    </row>
    <row r="389808" spans="14:14">
      <c r="N389808" s="10"/>
    </row>
    <row r="389809" spans="14:14">
      <c r="N389809" s="10"/>
    </row>
    <row r="389810" spans="14:14">
      <c r="N389810" s="10"/>
    </row>
    <row r="389811" spans="14:14">
      <c r="N389811" s="10"/>
    </row>
    <row r="389812" spans="14:14">
      <c r="N389812" s="10"/>
    </row>
    <row r="389813" spans="14:14">
      <c r="N389813" s="10"/>
    </row>
    <row r="389814" spans="14:14">
      <c r="N389814" s="10"/>
    </row>
    <row r="389815" spans="14:14">
      <c r="N389815" s="10"/>
    </row>
    <row r="389816" spans="14:14">
      <c r="N389816" s="10"/>
    </row>
    <row r="389817" spans="14:14">
      <c r="N389817" s="10"/>
    </row>
    <row r="389818" spans="14:14">
      <c r="N389818" s="10"/>
    </row>
    <row r="389819" spans="14:14">
      <c r="N389819" s="10"/>
    </row>
    <row r="389820" spans="14:14">
      <c r="N389820" s="10"/>
    </row>
    <row r="389821" spans="14:14">
      <c r="N389821" s="10"/>
    </row>
    <row r="389822" spans="14:14">
      <c r="N389822" s="10"/>
    </row>
    <row r="389823" spans="14:14">
      <c r="N389823" s="10"/>
    </row>
    <row r="389824" spans="14:14">
      <c r="N389824" s="10"/>
    </row>
    <row r="389825" spans="14:14">
      <c r="N389825" s="10"/>
    </row>
    <row r="389826" spans="14:14">
      <c r="N389826" s="10"/>
    </row>
    <row r="389827" spans="14:14">
      <c r="N389827" s="10"/>
    </row>
    <row r="389828" spans="14:14">
      <c r="N389828" s="10"/>
    </row>
    <row r="389829" spans="14:14">
      <c r="N389829" s="10"/>
    </row>
    <row r="389830" spans="14:14">
      <c r="N389830" s="10"/>
    </row>
    <row r="389831" spans="14:14">
      <c r="N389831" s="10"/>
    </row>
    <row r="389832" spans="14:14">
      <c r="N389832" s="10"/>
    </row>
    <row r="389833" spans="14:14">
      <c r="N389833" s="10"/>
    </row>
    <row r="389834" spans="14:14">
      <c r="N389834" s="10"/>
    </row>
    <row r="389835" spans="14:14">
      <c r="N389835" s="10"/>
    </row>
    <row r="389836" spans="14:14">
      <c r="N389836" s="10"/>
    </row>
    <row r="389837" spans="14:14">
      <c r="N389837" s="10"/>
    </row>
    <row r="389838" spans="14:14">
      <c r="N389838" s="10"/>
    </row>
    <row r="389839" spans="14:14">
      <c r="N389839" s="10"/>
    </row>
    <row r="389840" spans="14:14">
      <c r="N389840" s="10"/>
    </row>
    <row r="389841" spans="14:14">
      <c r="N389841" s="10"/>
    </row>
    <row r="389842" spans="14:14">
      <c r="N389842" s="10"/>
    </row>
    <row r="389843" spans="14:14">
      <c r="N389843" s="10"/>
    </row>
    <row r="389844" spans="14:14">
      <c r="N389844" s="10"/>
    </row>
    <row r="389845" spans="14:14">
      <c r="N389845" s="10"/>
    </row>
    <row r="389846" spans="14:14">
      <c r="N389846" s="10"/>
    </row>
    <row r="389847" spans="14:14">
      <c r="N389847" s="10"/>
    </row>
    <row r="389848" spans="14:14">
      <c r="N389848" s="10"/>
    </row>
    <row r="389849" spans="14:14">
      <c r="N389849" s="10"/>
    </row>
    <row r="389850" spans="14:14">
      <c r="N389850" s="10"/>
    </row>
    <row r="389851" spans="14:14">
      <c r="N389851" s="10"/>
    </row>
    <row r="389852" spans="14:14">
      <c r="N389852" s="10"/>
    </row>
    <row r="389853" spans="14:14">
      <c r="N389853" s="10"/>
    </row>
    <row r="389854" spans="14:14">
      <c r="N389854" s="10"/>
    </row>
    <row r="389855" spans="14:14">
      <c r="N389855" s="10"/>
    </row>
    <row r="389856" spans="14:14">
      <c r="N389856" s="10"/>
    </row>
    <row r="389857" spans="14:14">
      <c r="N389857" s="10"/>
    </row>
    <row r="389858" spans="14:14">
      <c r="N389858" s="10"/>
    </row>
    <row r="389859" spans="14:14">
      <c r="N389859" s="10"/>
    </row>
    <row r="389860" spans="14:14">
      <c r="N389860" s="10"/>
    </row>
    <row r="389861" spans="14:14">
      <c r="N389861" s="10"/>
    </row>
    <row r="389862" spans="14:14">
      <c r="N389862" s="10"/>
    </row>
    <row r="389863" spans="14:14">
      <c r="N389863" s="10"/>
    </row>
    <row r="389864" spans="14:14">
      <c r="N389864" s="10"/>
    </row>
    <row r="389865" spans="14:14">
      <c r="N389865" s="10"/>
    </row>
    <row r="389866" spans="14:14">
      <c r="N389866" s="10"/>
    </row>
    <row r="389867" spans="14:14">
      <c r="N389867" s="10"/>
    </row>
    <row r="389868" spans="14:14">
      <c r="N389868" s="10"/>
    </row>
    <row r="389869" spans="14:14">
      <c r="N389869" s="10"/>
    </row>
    <row r="389870" spans="14:14">
      <c r="N389870" s="10"/>
    </row>
    <row r="389871" spans="14:14">
      <c r="N389871" s="10"/>
    </row>
    <row r="389872" spans="14:14">
      <c r="N389872" s="10"/>
    </row>
    <row r="389873" spans="14:14">
      <c r="N389873" s="10"/>
    </row>
    <row r="389874" spans="14:14">
      <c r="N389874" s="10"/>
    </row>
    <row r="389875" spans="14:14">
      <c r="N389875" s="10"/>
    </row>
    <row r="389876" spans="14:14">
      <c r="N389876" s="10"/>
    </row>
    <row r="389877" spans="14:14">
      <c r="N389877" s="10"/>
    </row>
    <row r="389878" spans="14:14">
      <c r="N389878" s="10"/>
    </row>
    <row r="389879" spans="14:14">
      <c r="N389879" s="10"/>
    </row>
    <row r="389880" spans="14:14">
      <c r="N389880" s="10"/>
    </row>
    <row r="389881" spans="14:14">
      <c r="N389881" s="10"/>
    </row>
    <row r="389882" spans="14:14">
      <c r="N389882" s="10"/>
    </row>
    <row r="389883" spans="14:14">
      <c r="N389883" s="10"/>
    </row>
    <row r="389884" spans="14:14">
      <c r="N389884" s="10"/>
    </row>
    <row r="389885" spans="14:14">
      <c r="N389885" s="10"/>
    </row>
    <row r="389886" spans="14:14">
      <c r="N389886" s="10"/>
    </row>
    <row r="389887" spans="14:14">
      <c r="N389887" s="10"/>
    </row>
    <row r="389888" spans="14:14">
      <c r="N389888" s="10"/>
    </row>
    <row r="389889" spans="14:14">
      <c r="N389889" s="10"/>
    </row>
    <row r="389890" spans="14:14">
      <c r="N389890" s="10"/>
    </row>
    <row r="389891" spans="14:14">
      <c r="N389891" s="10"/>
    </row>
    <row r="389892" spans="14:14">
      <c r="N389892" s="10"/>
    </row>
    <row r="389893" spans="14:14">
      <c r="N389893" s="10"/>
    </row>
    <row r="389894" spans="14:14">
      <c r="N389894" s="10"/>
    </row>
    <row r="389895" spans="14:14">
      <c r="N389895" s="10"/>
    </row>
    <row r="389896" spans="14:14">
      <c r="N389896" s="10"/>
    </row>
    <row r="389897" spans="14:14">
      <c r="N389897" s="10"/>
    </row>
    <row r="389898" spans="14:14">
      <c r="N389898" s="10"/>
    </row>
    <row r="389899" spans="14:14">
      <c r="N389899" s="10"/>
    </row>
    <row r="389900" spans="14:14">
      <c r="N389900" s="10"/>
    </row>
    <row r="389901" spans="14:14">
      <c r="N389901" s="10"/>
    </row>
    <row r="389902" spans="14:14">
      <c r="N389902" s="10"/>
    </row>
    <row r="389903" spans="14:14">
      <c r="N389903" s="10"/>
    </row>
    <row r="389904" spans="14:14">
      <c r="N389904" s="10"/>
    </row>
    <row r="389905" spans="14:14">
      <c r="N389905" s="10"/>
    </row>
    <row r="389906" spans="14:14">
      <c r="N389906" s="10"/>
    </row>
    <row r="389907" spans="14:14">
      <c r="N389907" s="10"/>
    </row>
    <row r="389908" spans="14:14">
      <c r="N389908" s="10"/>
    </row>
    <row r="389909" spans="14:14">
      <c r="N389909" s="10"/>
    </row>
    <row r="389910" spans="14:14">
      <c r="N389910" s="10"/>
    </row>
    <row r="389911" spans="14:14">
      <c r="N389911" s="10"/>
    </row>
    <row r="389912" spans="14:14">
      <c r="N389912" s="10"/>
    </row>
    <row r="389913" spans="14:14">
      <c r="N389913" s="10"/>
    </row>
    <row r="389914" spans="14:14">
      <c r="N389914" s="10"/>
    </row>
    <row r="389915" spans="14:14">
      <c r="N389915" s="10"/>
    </row>
    <row r="389916" spans="14:14">
      <c r="N389916" s="10"/>
    </row>
    <row r="389917" spans="14:14">
      <c r="N389917" s="10"/>
    </row>
    <row r="389918" spans="14:14">
      <c r="N389918" s="10"/>
    </row>
    <row r="389919" spans="14:14">
      <c r="N389919" s="10"/>
    </row>
    <row r="389920" spans="14:14">
      <c r="N389920" s="10"/>
    </row>
    <row r="389921" spans="14:14">
      <c r="N389921" s="10"/>
    </row>
    <row r="389922" spans="14:14">
      <c r="N389922" s="10"/>
    </row>
    <row r="389923" spans="14:14">
      <c r="N389923" s="10"/>
    </row>
    <row r="389924" spans="14:14">
      <c r="N389924" s="10"/>
    </row>
    <row r="389925" spans="14:14">
      <c r="N389925" s="10"/>
    </row>
    <row r="389926" spans="14:14">
      <c r="N389926" s="10"/>
    </row>
    <row r="389927" spans="14:14">
      <c r="N389927" s="10"/>
    </row>
    <row r="389928" spans="14:14">
      <c r="N389928" s="10"/>
    </row>
    <row r="389929" spans="14:14">
      <c r="N389929" s="10"/>
    </row>
    <row r="389930" spans="14:14">
      <c r="N389930" s="10"/>
    </row>
    <row r="389931" spans="14:14">
      <c r="N389931" s="10"/>
    </row>
    <row r="389932" spans="14:14">
      <c r="N389932" s="10"/>
    </row>
    <row r="389933" spans="14:14">
      <c r="N389933" s="10"/>
    </row>
    <row r="389934" spans="14:14">
      <c r="N389934" s="10"/>
    </row>
    <row r="389935" spans="14:14">
      <c r="N389935" s="10"/>
    </row>
    <row r="389936" spans="14:14">
      <c r="N389936" s="10"/>
    </row>
    <row r="389937" spans="14:14">
      <c r="N389937" s="10"/>
    </row>
    <row r="389938" spans="14:14">
      <c r="N389938" s="10"/>
    </row>
    <row r="389939" spans="14:14">
      <c r="N389939" s="10"/>
    </row>
    <row r="389940" spans="14:14">
      <c r="N389940" s="10"/>
    </row>
    <row r="389941" spans="14:14">
      <c r="N389941" s="10"/>
    </row>
    <row r="389942" spans="14:14">
      <c r="N389942" s="10"/>
    </row>
    <row r="389943" spans="14:14">
      <c r="N389943" s="10"/>
    </row>
    <row r="389944" spans="14:14">
      <c r="N389944" s="10"/>
    </row>
    <row r="389945" spans="14:14">
      <c r="N389945" s="10"/>
    </row>
    <row r="389946" spans="14:14">
      <c r="N389946" s="10"/>
    </row>
    <row r="389947" spans="14:14">
      <c r="N389947" s="10"/>
    </row>
    <row r="389948" spans="14:14">
      <c r="N389948" s="10"/>
    </row>
    <row r="389949" spans="14:14">
      <c r="N389949" s="10"/>
    </row>
    <row r="389950" spans="14:14">
      <c r="N389950" s="10"/>
    </row>
    <row r="389951" spans="14:14">
      <c r="N389951" s="10"/>
    </row>
    <row r="389952" spans="14:14">
      <c r="N389952" s="10"/>
    </row>
    <row r="389953" spans="14:14">
      <c r="N389953" s="10"/>
    </row>
    <row r="389954" spans="14:14">
      <c r="N389954" s="10"/>
    </row>
    <row r="389955" spans="14:14">
      <c r="N389955" s="10"/>
    </row>
    <row r="389956" spans="14:14">
      <c r="N389956" s="10"/>
    </row>
    <row r="389957" spans="14:14">
      <c r="N389957" s="10"/>
    </row>
    <row r="389958" spans="14:14">
      <c r="N389958" s="10"/>
    </row>
    <row r="389959" spans="14:14">
      <c r="N389959" s="10"/>
    </row>
    <row r="389960" spans="14:14">
      <c r="N389960" s="10"/>
    </row>
    <row r="389961" spans="14:14">
      <c r="N389961" s="10"/>
    </row>
    <row r="389962" spans="14:14">
      <c r="N389962" s="10"/>
    </row>
    <row r="389963" spans="14:14">
      <c r="N389963" s="10"/>
    </row>
    <row r="389964" spans="14:14">
      <c r="N389964" s="10"/>
    </row>
    <row r="389965" spans="14:14">
      <c r="N389965" s="10"/>
    </row>
    <row r="389966" spans="14:14">
      <c r="N389966" s="10"/>
    </row>
    <row r="389967" spans="14:14">
      <c r="N389967" s="10"/>
    </row>
    <row r="389968" spans="14:14">
      <c r="N389968" s="10"/>
    </row>
    <row r="389969" spans="14:14">
      <c r="N389969" s="10"/>
    </row>
    <row r="389970" spans="14:14">
      <c r="N389970" s="10"/>
    </row>
    <row r="389971" spans="14:14">
      <c r="N389971" s="10"/>
    </row>
    <row r="389972" spans="14:14">
      <c r="N389972" s="10"/>
    </row>
    <row r="389973" spans="14:14">
      <c r="N389973" s="10"/>
    </row>
    <row r="389974" spans="14:14">
      <c r="N389974" s="10"/>
    </row>
    <row r="389975" spans="14:14">
      <c r="N389975" s="10"/>
    </row>
    <row r="389976" spans="14:14">
      <c r="N389976" s="10"/>
    </row>
    <row r="389977" spans="14:14">
      <c r="N389977" s="10"/>
    </row>
    <row r="389978" spans="14:14">
      <c r="N389978" s="10"/>
    </row>
    <row r="389979" spans="14:14">
      <c r="N389979" s="10"/>
    </row>
    <row r="389980" spans="14:14">
      <c r="N389980" s="10"/>
    </row>
    <row r="389981" spans="14:14">
      <c r="N389981" s="10"/>
    </row>
    <row r="389982" spans="14:14">
      <c r="N389982" s="10"/>
    </row>
    <row r="389983" spans="14:14">
      <c r="N389983" s="10"/>
    </row>
    <row r="389984" spans="14:14">
      <c r="N389984" s="10"/>
    </row>
    <row r="389985" spans="14:14">
      <c r="N389985" s="10"/>
    </row>
    <row r="389986" spans="14:14">
      <c r="N389986" s="10"/>
    </row>
    <row r="389987" spans="14:14">
      <c r="N389987" s="10"/>
    </row>
    <row r="389988" spans="14:14">
      <c r="N389988" s="10"/>
    </row>
    <row r="389989" spans="14:14">
      <c r="N389989" s="10"/>
    </row>
    <row r="389990" spans="14:14">
      <c r="N389990" s="10"/>
    </row>
    <row r="389991" spans="14:14">
      <c r="N389991" s="10"/>
    </row>
    <row r="389992" spans="14:14">
      <c r="N389992" s="10"/>
    </row>
    <row r="389993" spans="14:14">
      <c r="N389993" s="10"/>
    </row>
    <row r="389994" spans="14:14">
      <c r="N389994" s="10"/>
    </row>
    <row r="389995" spans="14:14">
      <c r="N389995" s="10"/>
    </row>
    <row r="389996" spans="14:14">
      <c r="N389996" s="10"/>
    </row>
    <row r="389997" spans="14:14">
      <c r="N389997" s="10"/>
    </row>
    <row r="389998" spans="14:14">
      <c r="N389998" s="10"/>
    </row>
    <row r="389999" spans="14:14">
      <c r="N389999" s="10"/>
    </row>
    <row r="390000" spans="14:14">
      <c r="N390000" s="10"/>
    </row>
    <row r="390001" spans="14:14">
      <c r="N390001" s="10"/>
    </row>
    <row r="390002" spans="14:14">
      <c r="N390002" s="10"/>
    </row>
    <row r="390003" spans="14:14">
      <c r="N390003" s="10"/>
    </row>
    <row r="390004" spans="14:14">
      <c r="N390004" s="10"/>
    </row>
    <row r="390005" spans="14:14">
      <c r="N390005" s="10"/>
    </row>
    <row r="390006" spans="14:14">
      <c r="N390006" s="10"/>
    </row>
    <row r="390007" spans="14:14">
      <c r="N390007" s="10"/>
    </row>
    <row r="390008" spans="14:14">
      <c r="N390008" s="10"/>
    </row>
    <row r="390009" spans="14:14">
      <c r="N390009" s="10"/>
    </row>
    <row r="390010" spans="14:14">
      <c r="N390010" s="10"/>
    </row>
    <row r="390011" spans="14:14">
      <c r="N390011" s="10"/>
    </row>
    <row r="390012" spans="14:14">
      <c r="N390012" s="10"/>
    </row>
    <row r="390013" spans="14:14">
      <c r="N390013" s="10"/>
    </row>
    <row r="390014" spans="14:14">
      <c r="N390014" s="10"/>
    </row>
    <row r="390015" spans="14:14">
      <c r="N390015" s="10"/>
    </row>
    <row r="390016" spans="14:14">
      <c r="N390016" s="10"/>
    </row>
    <row r="390017" spans="14:14">
      <c r="N390017" s="10"/>
    </row>
    <row r="390018" spans="14:14">
      <c r="N390018" s="10"/>
    </row>
    <row r="390019" spans="14:14">
      <c r="N390019" s="10"/>
    </row>
    <row r="390020" spans="14:14">
      <c r="N390020" s="10"/>
    </row>
    <row r="390021" spans="14:14">
      <c r="N390021" s="10"/>
    </row>
    <row r="390022" spans="14:14">
      <c r="N390022" s="10"/>
    </row>
    <row r="390023" spans="14:14">
      <c r="N390023" s="10"/>
    </row>
    <row r="390024" spans="14:14">
      <c r="N390024" s="10"/>
    </row>
    <row r="390025" spans="14:14">
      <c r="N390025" s="10"/>
    </row>
    <row r="390026" spans="14:14">
      <c r="N390026" s="10"/>
    </row>
    <row r="390027" spans="14:14">
      <c r="N390027" s="10"/>
    </row>
    <row r="390028" spans="14:14">
      <c r="N390028" s="10"/>
    </row>
    <row r="390029" spans="14:14">
      <c r="N390029" s="10"/>
    </row>
    <row r="390030" spans="14:14">
      <c r="N390030" s="10"/>
    </row>
    <row r="390031" spans="14:14">
      <c r="N390031" s="10"/>
    </row>
    <row r="390032" spans="14:14">
      <c r="N390032" s="10"/>
    </row>
    <row r="390033" spans="14:14">
      <c r="N390033" s="10"/>
    </row>
    <row r="390034" spans="14:14">
      <c r="N390034" s="10"/>
    </row>
    <row r="390035" spans="14:14">
      <c r="N390035" s="10"/>
    </row>
    <row r="390036" spans="14:14">
      <c r="N390036" s="10"/>
    </row>
    <row r="390037" spans="14:14">
      <c r="N390037" s="10"/>
    </row>
    <row r="390038" spans="14:14">
      <c r="N390038" s="10"/>
    </row>
    <row r="390039" spans="14:14">
      <c r="N390039" s="10"/>
    </row>
    <row r="390040" spans="14:14">
      <c r="N390040" s="10"/>
    </row>
    <row r="390041" spans="14:14">
      <c r="N390041" s="10"/>
    </row>
    <row r="390042" spans="14:14">
      <c r="N390042" s="10"/>
    </row>
    <row r="390043" spans="14:14">
      <c r="N390043" s="10"/>
    </row>
    <row r="390044" spans="14:14">
      <c r="N390044" s="10"/>
    </row>
    <row r="390045" spans="14:14">
      <c r="N390045" s="10"/>
    </row>
    <row r="390046" spans="14:14">
      <c r="N390046" s="10"/>
    </row>
    <row r="390047" spans="14:14">
      <c r="N390047" s="10"/>
    </row>
    <row r="390048" spans="14:14">
      <c r="N390048" s="10"/>
    </row>
    <row r="390049" spans="14:14">
      <c r="N390049" s="10"/>
    </row>
    <row r="390050" spans="14:14">
      <c r="N390050" s="10"/>
    </row>
    <row r="390051" spans="14:14">
      <c r="N390051" s="10"/>
    </row>
    <row r="390052" spans="14:14">
      <c r="N390052" s="10"/>
    </row>
    <row r="390053" spans="14:14">
      <c r="N390053" s="10"/>
    </row>
    <row r="390054" spans="14:14">
      <c r="N390054" s="10"/>
    </row>
    <row r="390055" spans="14:14">
      <c r="N390055" s="10"/>
    </row>
    <row r="390056" spans="14:14">
      <c r="N390056" s="10"/>
    </row>
    <row r="390057" spans="14:14">
      <c r="N390057" s="10"/>
    </row>
    <row r="390058" spans="14:14">
      <c r="N390058" s="10"/>
    </row>
    <row r="390059" spans="14:14">
      <c r="N390059" s="10"/>
    </row>
    <row r="390060" spans="14:14">
      <c r="N390060" s="10"/>
    </row>
    <row r="390061" spans="14:14">
      <c r="N390061" s="10"/>
    </row>
    <row r="390062" spans="14:14">
      <c r="N390062" s="10"/>
    </row>
    <row r="390063" spans="14:14">
      <c r="N390063" s="10"/>
    </row>
    <row r="390064" spans="14:14">
      <c r="N390064" s="10"/>
    </row>
    <row r="390065" spans="14:14">
      <c r="N390065" s="10"/>
    </row>
    <row r="390066" spans="14:14">
      <c r="N390066" s="10"/>
    </row>
    <row r="390067" spans="14:14">
      <c r="N390067" s="10"/>
    </row>
    <row r="390068" spans="14:14">
      <c r="N390068" s="10"/>
    </row>
    <row r="390069" spans="14:14">
      <c r="N390069" s="10"/>
    </row>
    <row r="390070" spans="14:14">
      <c r="N390070" s="10"/>
    </row>
    <row r="390071" spans="14:14">
      <c r="N390071" s="10"/>
    </row>
    <row r="390072" spans="14:14">
      <c r="N390072" s="10"/>
    </row>
    <row r="390073" spans="14:14">
      <c r="N390073" s="10"/>
    </row>
    <row r="390074" spans="14:14">
      <c r="N390074" s="10"/>
    </row>
    <row r="390075" spans="14:14">
      <c r="N390075" s="10"/>
    </row>
    <row r="390076" spans="14:14">
      <c r="N390076" s="10"/>
    </row>
    <row r="390077" spans="14:14">
      <c r="N390077" s="10"/>
    </row>
    <row r="390078" spans="14:14">
      <c r="N390078" s="10"/>
    </row>
    <row r="390079" spans="14:14">
      <c r="N390079" s="10"/>
    </row>
    <row r="390080" spans="14:14">
      <c r="N390080" s="10"/>
    </row>
    <row r="390081" spans="14:14">
      <c r="N390081" s="10"/>
    </row>
    <row r="390082" spans="14:14">
      <c r="N390082" s="10"/>
    </row>
    <row r="390083" spans="14:14">
      <c r="N390083" s="10"/>
    </row>
    <row r="390084" spans="14:14">
      <c r="N390084" s="10"/>
    </row>
    <row r="390085" spans="14:14">
      <c r="N390085" s="10"/>
    </row>
    <row r="390086" spans="14:14">
      <c r="N390086" s="10"/>
    </row>
    <row r="390087" spans="14:14">
      <c r="N390087" s="10"/>
    </row>
    <row r="390088" spans="14:14">
      <c r="N390088" s="10"/>
    </row>
    <row r="390089" spans="14:14">
      <c r="N390089" s="10"/>
    </row>
    <row r="390090" spans="14:14">
      <c r="N390090" s="10"/>
    </row>
    <row r="390091" spans="14:14">
      <c r="N390091" s="10"/>
    </row>
    <row r="390092" spans="14:14">
      <c r="N390092" s="10"/>
    </row>
    <row r="390093" spans="14:14">
      <c r="N390093" s="10"/>
    </row>
    <row r="390094" spans="14:14">
      <c r="N390094" s="10"/>
    </row>
    <row r="390095" spans="14:14">
      <c r="N390095" s="10"/>
    </row>
    <row r="390096" spans="14:14">
      <c r="N390096" s="10"/>
    </row>
    <row r="390097" spans="14:14">
      <c r="N390097" s="10"/>
    </row>
    <row r="390098" spans="14:14">
      <c r="N390098" s="10"/>
    </row>
    <row r="390099" spans="14:14">
      <c r="N390099" s="10"/>
    </row>
    <row r="390100" spans="14:14">
      <c r="N390100" s="10"/>
    </row>
    <row r="390101" spans="14:14">
      <c r="N390101" s="10"/>
    </row>
    <row r="390102" spans="14:14">
      <c r="N390102" s="10"/>
    </row>
    <row r="390103" spans="14:14">
      <c r="N390103" s="10"/>
    </row>
    <row r="390104" spans="14:14">
      <c r="N390104" s="10"/>
    </row>
    <row r="390105" spans="14:14">
      <c r="N390105" s="10"/>
    </row>
    <row r="390106" spans="14:14">
      <c r="N390106" s="10"/>
    </row>
    <row r="390107" spans="14:14">
      <c r="N390107" s="10"/>
    </row>
    <row r="390108" spans="14:14">
      <c r="N390108" s="10"/>
    </row>
    <row r="390109" spans="14:14">
      <c r="N390109" s="10"/>
    </row>
    <row r="390110" spans="14:14">
      <c r="N390110" s="10"/>
    </row>
    <row r="390111" spans="14:14">
      <c r="N390111" s="10"/>
    </row>
    <row r="390112" spans="14:14">
      <c r="N390112" s="10"/>
    </row>
    <row r="390113" spans="14:14">
      <c r="N390113" s="10"/>
    </row>
    <row r="390114" spans="14:14">
      <c r="N390114" s="10"/>
    </row>
    <row r="390115" spans="14:14">
      <c r="N390115" s="10"/>
    </row>
    <row r="390116" spans="14:14">
      <c r="N390116" s="10"/>
    </row>
    <row r="390117" spans="14:14">
      <c r="N390117" s="10"/>
    </row>
    <row r="390118" spans="14:14">
      <c r="N390118" s="10"/>
    </row>
    <row r="390119" spans="14:14">
      <c r="N390119" s="10"/>
    </row>
    <row r="390120" spans="14:14">
      <c r="N390120" s="10"/>
    </row>
    <row r="390121" spans="14:14">
      <c r="N390121" s="10"/>
    </row>
    <row r="390122" spans="14:14">
      <c r="N390122" s="10"/>
    </row>
    <row r="390123" spans="14:14">
      <c r="N390123" s="10"/>
    </row>
    <row r="390124" spans="14:14">
      <c r="N390124" s="10"/>
    </row>
    <row r="390125" spans="14:14">
      <c r="N390125" s="10"/>
    </row>
    <row r="390126" spans="14:14">
      <c r="N390126" s="10"/>
    </row>
    <row r="390127" spans="14:14">
      <c r="N390127" s="10"/>
    </row>
    <row r="390128" spans="14:14">
      <c r="N390128" s="10"/>
    </row>
    <row r="390129" spans="14:14">
      <c r="N390129" s="10"/>
    </row>
    <row r="390130" spans="14:14">
      <c r="N390130" s="10"/>
    </row>
    <row r="390131" spans="14:14">
      <c r="N390131" s="10"/>
    </row>
    <row r="390132" spans="14:14">
      <c r="N390132" s="10"/>
    </row>
    <row r="390133" spans="14:14">
      <c r="N390133" s="10"/>
    </row>
    <row r="390134" spans="14:14">
      <c r="N390134" s="10"/>
    </row>
    <row r="390135" spans="14:14">
      <c r="N390135" s="10"/>
    </row>
    <row r="390136" spans="14:14">
      <c r="N390136" s="10"/>
    </row>
    <row r="390137" spans="14:14">
      <c r="N390137" s="10"/>
    </row>
    <row r="390138" spans="14:14">
      <c r="N390138" s="10"/>
    </row>
    <row r="390139" spans="14:14">
      <c r="N390139" s="10"/>
    </row>
    <row r="390140" spans="14:14">
      <c r="N390140" s="10"/>
    </row>
    <row r="390141" spans="14:14">
      <c r="N390141" s="10"/>
    </row>
    <row r="390142" spans="14:14">
      <c r="N390142" s="10"/>
    </row>
    <row r="390143" spans="14:14">
      <c r="N390143" s="10"/>
    </row>
    <row r="390144" spans="14:14">
      <c r="N390144" s="10"/>
    </row>
    <row r="390145" spans="14:14">
      <c r="N390145" s="10"/>
    </row>
    <row r="390146" spans="14:14">
      <c r="N390146" s="10"/>
    </row>
    <row r="390147" spans="14:14">
      <c r="N390147" s="10"/>
    </row>
    <row r="390148" spans="14:14">
      <c r="N390148" s="10"/>
    </row>
    <row r="390149" spans="14:14">
      <c r="N390149" s="10"/>
    </row>
    <row r="390150" spans="14:14">
      <c r="N390150" s="10"/>
    </row>
    <row r="390151" spans="14:14">
      <c r="N390151" s="10"/>
    </row>
    <row r="390152" spans="14:14">
      <c r="N390152" s="10"/>
    </row>
    <row r="390153" spans="14:14">
      <c r="N390153" s="10"/>
    </row>
    <row r="390154" spans="14:14">
      <c r="N390154" s="10"/>
    </row>
    <row r="390155" spans="14:14">
      <c r="N390155" s="10"/>
    </row>
    <row r="390156" spans="14:14">
      <c r="N390156" s="10"/>
    </row>
    <row r="390157" spans="14:14">
      <c r="N390157" s="10"/>
    </row>
    <row r="390158" spans="14:14">
      <c r="N390158" s="10"/>
    </row>
    <row r="390159" spans="14:14">
      <c r="N390159" s="10"/>
    </row>
    <row r="390160" spans="14:14">
      <c r="N390160" s="10"/>
    </row>
    <row r="390161" spans="14:14">
      <c r="N390161" s="10"/>
    </row>
    <row r="390162" spans="14:14">
      <c r="N390162" s="10"/>
    </row>
    <row r="390163" spans="14:14">
      <c r="N390163" s="10"/>
    </row>
    <row r="390164" spans="14:14">
      <c r="N390164" s="10"/>
    </row>
    <row r="390165" spans="14:14">
      <c r="N390165" s="10"/>
    </row>
    <row r="390166" spans="14:14">
      <c r="N390166" s="10"/>
    </row>
    <row r="390167" spans="14:14">
      <c r="N390167" s="10"/>
    </row>
    <row r="390168" spans="14:14">
      <c r="N390168" s="10"/>
    </row>
    <row r="390169" spans="14:14">
      <c r="N390169" s="10"/>
    </row>
    <row r="390170" spans="14:14">
      <c r="N390170" s="10"/>
    </row>
    <row r="390171" spans="14:14">
      <c r="N390171" s="10"/>
    </row>
    <row r="390172" spans="14:14">
      <c r="N390172" s="10"/>
    </row>
    <row r="390173" spans="14:14">
      <c r="N390173" s="10"/>
    </row>
    <row r="390174" spans="14:14">
      <c r="N390174" s="10"/>
    </row>
    <row r="390175" spans="14:14">
      <c r="N390175" s="10"/>
    </row>
    <row r="390176" spans="14:14">
      <c r="N390176" s="10"/>
    </row>
    <row r="390177" spans="14:14">
      <c r="N390177" s="10"/>
    </row>
    <row r="390178" spans="14:14">
      <c r="N390178" s="10"/>
    </row>
    <row r="390179" spans="14:14">
      <c r="N390179" s="10"/>
    </row>
    <row r="390180" spans="14:14">
      <c r="N390180" s="10"/>
    </row>
    <row r="390181" spans="14:14">
      <c r="N390181" s="10"/>
    </row>
    <row r="390182" spans="14:14">
      <c r="N390182" s="10"/>
    </row>
    <row r="390183" spans="14:14">
      <c r="N390183" s="10"/>
    </row>
    <row r="390184" spans="14:14">
      <c r="N390184" s="10"/>
    </row>
    <row r="390185" spans="14:14">
      <c r="N390185" s="10"/>
    </row>
    <row r="390186" spans="14:14">
      <c r="N390186" s="10"/>
    </row>
    <row r="390187" spans="14:14">
      <c r="N390187" s="10"/>
    </row>
    <row r="390188" spans="14:14">
      <c r="N390188" s="10"/>
    </row>
    <row r="390189" spans="14:14">
      <c r="N390189" s="10"/>
    </row>
    <row r="390190" spans="14:14">
      <c r="N390190" s="10"/>
    </row>
    <row r="390191" spans="14:14">
      <c r="N390191" s="10"/>
    </row>
    <row r="390192" spans="14:14">
      <c r="N390192" s="10"/>
    </row>
    <row r="390193" spans="14:14">
      <c r="N390193" s="10"/>
    </row>
    <row r="390194" spans="14:14">
      <c r="N390194" s="10"/>
    </row>
    <row r="390195" spans="14:14">
      <c r="N390195" s="10"/>
    </row>
    <row r="390196" spans="14:14">
      <c r="N390196" s="10"/>
    </row>
    <row r="390197" spans="14:14">
      <c r="N390197" s="10"/>
    </row>
    <row r="390198" spans="14:14">
      <c r="N390198" s="10"/>
    </row>
    <row r="390199" spans="14:14">
      <c r="N390199" s="10"/>
    </row>
    <row r="390200" spans="14:14">
      <c r="N390200" s="10"/>
    </row>
    <row r="390201" spans="14:14">
      <c r="N390201" s="10"/>
    </row>
    <row r="390202" spans="14:14">
      <c r="N390202" s="10"/>
    </row>
    <row r="390203" spans="14:14">
      <c r="N390203" s="10"/>
    </row>
    <row r="390204" spans="14:14">
      <c r="N390204" s="10"/>
    </row>
    <row r="390205" spans="14:14">
      <c r="N390205" s="10"/>
    </row>
    <row r="390206" spans="14:14">
      <c r="N390206" s="10"/>
    </row>
    <row r="390207" spans="14:14">
      <c r="N390207" s="10"/>
    </row>
    <row r="390208" spans="14:14">
      <c r="N390208" s="10"/>
    </row>
    <row r="390209" spans="14:14">
      <c r="N390209" s="10"/>
    </row>
    <row r="390210" spans="14:14">
      <c r="N390210" s="10"/>
    </row>
    <row r="390211" spans="14:14">
      <c r="N390211" s="10"/>
    </row>
    <row r="390212" spans="14:14">
      <c r="N390212" s="10"/>
    </row>
    <row r="390213" spans="14:14">
      <c r="N390213" s="10"/>
    </row>
    <row r="390214" spans="14:14">
      <c r="N390214" s="10"/>
    </row>
    <row r="390215" spans="14:14">
      <c r="N390215" s="10"/>
    </row>
    <row r="390216" spans="14:14">
      <c r="N390216" s="10"/>
    </row>
    <row r="390217" spans="14:14">
      <c r="N390217" s="10"/>
    </row>
    <row r="390218" spans="14:14">
      <c r="N390218" s="10"/>
    </row>
    <row r="390219" spans="14:14">
      <c r="N390219" s="10"/>
    </row>
    <row r="390220" spans="14:14">
      <c r="N390220" s="10"/>
    </row>
    <row r="390221" spans="14:14">
      <c r="N390221" s="10"/>
    </row>
    <row r="390222" spans="14:14">
      <c r="N390222" s="10"/>
    </row>
    <row r="390223" spans="14:14">
      <c r="N390223" s="10"/>
    </row>
    <row r="390224" spans="14:14">
      <c r="N390224" s="10"/>
    </row>
    <row r="390225" spans="14:14">
      <c r="N390225" s="10"/>
    </row>
    <row r="390226" spans="14:14">
      <c r="N390226" s="10"/>
    </row>
    <row r="390227" spans="14:14">
      <c r="N390227" s="10"/>
    </row>
    <row r="390228" spans="14:14">
      <c r="N390228" s="10"/>
    </row>
    <row r="390229" spans="14:14">
      <c r="N390229" s="10"/>
    </row>
    <row r="390230" spans="14:14">
      <c r="N390230" s="10"/>
    </row>
    <row r="390231" spans="14:14">
      <c r="N390231" s="10"/>
    </row>
    <row r="390232" spans="14:14">
      <c r="N390232" s="10"/>
    </row>
    <row r="390233" spans="14:14">
      <c r="N390233" s="10"/>
    </row>
    <row r="390234" spans="14:14">
      <c r="N390234" s="10"/>
    </row>
    <row r="390235" spans="14:14">
      <c r="N390235" s="10"/>
    </row>
    <row r="390236" spans="14:14">
      <c r="N390236" s="10"/>
    </row>
    <row r="390237" spans="14:14">
      <c r="N390237" s="10"/>
    </row>
    <row r="390238" spans="14:14">
      <c r="N390238" s="10"/>
    </row>
    <row r="390239" spans="14:14">
      <c r="N390239" s="10"/>
    </row>
    <row r="390240" spans="14:14">
      <c r="N390240" s="10"/>
    </row>
    <row r="390241" spans="14:14">
      <c r="N390241" s="10"/>
    </row>
    <row r="390242" spans="14:14">
      <c r="N390242" s="10"/>
    </row>
    <row r="390243" spans="14:14">
      <c r="N390243" s="10"/>
    </row>
    <row r="390244" spans="14:14">
      <c r="N390244" s="10"/>
    </row>
    <row r="390245" spans="14:14">
      <c r="N390245" s="10"/>
    </row>
    <row r="390246" spans="14:14">
      <c r="N390246" s="10"/>
    </row>
    <row r="390247" spans="14:14">
      <c r="N390247" s="10"/>
    </row>
    <row r="390248" spans="14:14">
      <c r="N390248" s="10"/>
    </row>
    <row r="390249" spans="14:14">
      <c r="N390249" s="10"/>
    </row>
    <row r="390250" spans="14:14">
      <c r="N390250" s="10"/>
    </row>
    <row r="390251" spans="14:14">
      <c r="N390251" s="10"/>
    </row>
    <row r="390252" spans="14:14">
      <c r="N390252" s="10"/>
    </row>
    <row r="390253" spans="14:14">
      <c r="N390253" s="10"/>
    </row>
    <row r="390254" spans="14:14">
      <c r="N390254" s="10"/>
    </row>
    <row r="390255" spans="14:14">
      <c r="N390255" s="10"/>
    </row>
    <row r="390256" spans="14:14">
      <c r="N390256" s="10"/>
    </row>
    <row r="390257" spans="14:14">
      <c r="N390257" s="10"/>
    </row>
    <row r="390258" spans="14:14">
      <c r="N390258" s="10"/>
    </row>
    <row r="390259" spans="14:14">
      <c r="N390259" s="10"/>
    </row>
    <row r="390260" spans="14:14">
      <c r="N390260" s="10"/>
    </row>
    <row r="390261" spans="14:14">
      <c r="N390261" s="10"/>
    </row>
    <row r="390262" spans="14:14">
      <c r="N390262" s="10"/>
    </row>
    <row r="390263" spans="14:14">
      <c r="N390263" s="10"/>
    </row>
    <row r="390264" spans="14:14">
      <c r="N390264" s="10"/>
    </row>
    <row r="390265" spans="14:14">
      <c r="N390265" s="10"/>
    </row>
    <row r="390266" spans="14:14">
      <c r="N390266" s="10"/>
    </row>
    <row r="390267" spans="14:14">
      <c r="N390267" s="10"/>
    </row>
    <row r="390268" spans="14:14">
      <c r="N390268" s="10"/>
    </row>
    <row r="390269" spans="14:14">
      <c r="N390269" s="10"/>
    </row>
    <row r="390270" spans="14:14">
      <c r="N390270" s="10"/>
    </row>
    <row r="390271" spans="14:14">
      <c r="N390271" s="10"/>
    </row>
    <row r="390272" spans="14:14">
      <c r="N390272" s="10"/>
    </row>
    <row r="390273" spans="14:14">
      <c r="N390273" s="10"/>
    </row>
    <row r="390274" spans="14:14">
      <c r="N390274" s="10"/>
    </row>
    <row r="390275" spans="14:14">
      <c r="N390275" s="10"/>
    </row>
    <row r="390276" spans="14:14">
      <c r="N390276" s="10"/>
    </row>
    <row r="390277" spans="14:14">
      <c r="N390277" s="10"/>
    </row>
    <row r="390278" spans="14:14">
      <c r="N390278" s="10"/>
    </row>
    <row r="390279" spans="14:14">
      <c r="N390279" s="10"/>
    </row>
    <row r="390280" spans="14:14">
      <c r="N390280" s="10"/>
    </row>
    <row r="390281" spans="14:14">
      <c r="N390281" s="10"/>
    </row>
    <row r="390282" spans="14:14">
      <c r="N390282" s="10"/>
    </row>
    <row r="390283" spans="14:14">
      <c r="N390283" s="10"/>
    </row>
    <row r="390284" spans="14:14">
      <c r="N390284" s="10"/>
    </row>
    <row r="390285" spans="14:14">
      <c r="N390285" s="10"/>
    </row>
    <row r="390286" spans="14:14">
      <c r="N390286" s="10"/>
    </row>
    <row r="390287" spans="14:14">
      <c r="N390287" s="10"/>
    </row>
    <row r="390288" spans="14:14">
      <c r="N390288" s="10"/>
    </row>
    <row r="390289" spans="14:14">
      <c r="N390289" s="10"/>
    </row>
    <row r="390290" spans="14:14">
      <c r="N390290" s="10"/>
    </row>
    <row r="390291" spans="14:14">
      <c r="N390291" s="10"/>
    </row>
    <row r="390292" spans="14:14">
      <c r="N390292" s="10"/>
    </row>
    <row r="390293" spans="14:14">
      <c r="N390293" s="10"/>
    </row>
    <row r="390294" spans="14:14">
      <c r="N390294" s="10"/>
    </row>
    <row r="390295" spans="14:14">
      <c r="N390295" s="10"/>
    </row>
    <row r="390296" spans="14:14">
      <c r="N390296" s="10"/>
    </row>
    <row r="390297" spans="14:14">
      <c r="N390297" s="10"/>
    </row>
    <row r="390298" spans="14:14">
      <c r="N390298" s="10"/>
    </row>
    <row r="390299" spans="14:14">
      <c r="N390299" s="10"/>
    </row>
    <row r="390300" spans="14:14">
      <c r="N390300" s="10"/>
    </row>
    <row r="390301" spans="14:14">
      <c r="N390301" s="10"/>
    </row>
    <row r="390302" spans="14:14">
      <c r="N390302" s="10"/>
    </row>
    <row r="390303" spans="14:14">
      <c r="N390303" s="10"/>
    </row>
    <row r="390304" spans="14:14">
      <c r="N390304" s="10"/>
    </row>
    <row r="390305" spans="14:14">
      <c r="N390305" s="10"/>
    </row>
    <row r="390306" spans="14:14">
      <c r="N390306" s="10"/>
    </row>
    <row r="390307" spans="14:14">
      <c r="N390307" s="10"/>
    </row>
    <row r="390308" spans="14:14">
      <c r="N390308" s="10"/>
    </row>
    <row r="390309" spans="14:14">
      <c r="N390309" s="10"/>
    </row>
    <row r="390310" spans="14:14">
      <c r="N390310" s="10"/>
    </row>
    <row r="390311" spans="14:14">
      <c r="N390311" s="10"/>
    </row>
    <row r="390312" spans="14:14">
      <c r="N390312" s="10"/>
    </row>
    <row r="390313" spans="14:14">
      <c r="N390313" s="10"/>
    </row>
    <row r="390314" spans="14:14">
      <c r="N390314" s="10"/>
    </row>
    <row r="390315" spans="14:14">
      <c r="N390315" s="10"/>
    </row>
    <row r="390316" spans="14:14">
      <c r="N390316" s="10"/>
    </row>
    <row r="390317" spans="14:14">
      <c r="N390317" s="10"/>
    </row>
    <row r="390318" spans="14:14">
      <c r="N390318" s="10"/>
    </row>
    <row r="390319" spans="14:14">
      <c r="N390319" s="10"/>
    </row>
    <row r="390320" spans="14:14">
      <c r="N390320" s="10"/>
    </row>
    <row r="390321" spans="14:14">
      <c r="N390321" s="10"/>
    </row>
    <row r="390322" spans="14:14">
      <c r="N390322" s="10"/>
    </row>
    <row r="390323" spans="14:14">
      <c r="N390323" s="10"/>
    </row>
    <row r="390324" spans="14:14">
      <c r="N390324" s="10"/>
    </row>
    <row r="390325" spans="14:14">
      <c r="N390325" s="10"/>
    </row>
    <row r="390326" spans="14:14">
      <c r="N390326" s="10"/>
    </row>
    <row r="390327" spans="14:14">
      <c r="N390327" s="10"/>
    </row>
    <row r="390328" spans="14:14">
      <c r="N390328" s="10"/>
    </row>
    <row r="390329" spans="14:14">
      <c r="N390329" s="10"/>
    </row>
    <row r="390330" spans="14:14">
      <c r="N390330" s="10"/>
    </row>
    <row r="390331" spans="14:14">
      <c r="N390331" s="10"/>
    </row>
    <row r="390332" spans="14:14">
      <c r="N390332" s="10"/>
    </row>
    <row r="390333" spans="14:14">
      <c r="N390333" s="10"/>
    </row>
    <row r="390334" spans="14:14">
      <c r="N390334" s="10"/>
    </row>
    <row r="390335" spans="14:14">
      <c r="N390335" s="10"/>
    </row>
    <row r="390336" spans="14:14">
      <c r="N390336" s="10"/>
    </row>
    <row r="390337" spans="14:14">
      <c r="N390337" s="10"/>
    </row>
    <row r="390338" spans="14:14">
      <c r="N390338" s="10"/>
    </row>
    <row r="390339" spans="14:14">
      <c r="N390339" s="10"/>
    </row>
    <row r="390340" spans="14:14">
      <c r="N390340" s="10"/>
    </row>
    <row r="390341" spans="14:14">
      <c r="N390341" s="10"/>
    </row>
    <row r="390342" spans="14:14">
      <c r="N390342" s="10"/>
    </row>
    <row r="390343" spans="14:14">
      <c r="N390343" s="10"/>
    </row>
    <row r="390344" spans="14:14">
      <c r="N390344" s="10"/>
    </row>
    <row r="390345" spans="14:14">
      <c r="N390345" s="10"/>
    </row>
    <row r="390346" spans="14:14">
      <c r="N390346" s="10"/>
    </row>
    <row r="390347" spans="14:14">
      <c r="N390347" s="10"/>
    </row>
    <row r="390348" spans="14:14">
      <c r="N390348" s="10"/>
    </row>
    <row r="390349" spans="14:14">
      <c r="N390349" s="10"/>
    </row>
    <row r="390350" spans="14:14">
      <c r="N390350" s="10"/>
    </row>
    <row r="390351" spans="14:14">
      <c r="N390351" s="10"/>
    </row>
    <row r="390352" spans="14:14">
      <c r="N390352" s="10"/>
    </row>
    <row r="390353" spans="14:14">
      <c r="N390353" s="10"/>
    </row>
    <row r="390354" spans="14:14">
      <c r="N390354" s="10"/>
    </row>
    <row r="390355" spans="14:14">
      <c r="N390355" s="10"/>
    </row>
    <row r="390356" spans="14:14">
      <c r="N390356" s="10"/>
    </row>
    <row r="390357" spans="14:14">
      <c r="N390357" s="10"/>
    </row>
    <row r="390358" spans="14:14">
      <c r="N390358" s="10"/>
    </row>
    <row r="390359" spans="14:14">
      <c r="N390359" s="10"/>
    </row>
    <row r="390360" spans="14:14">
      <c r="N390360" s="10"/>
    </row>
    <row r="390361" spans="14:14">
      <c r="N390361" s="10"/>
    </row>
    <row r="390362" spans="14:14">
      <c r="N390362" s="10"/>
    </row>
    <row r="390363" spans="14:14">
      <c r="N390363" s="10"/>
    </row>
    <row r="390364" spans="14:14">
      <c r="N390364" s="10"/>
    </row>
    <row r="390365" spans="14:14">
      <c r="N390365" s="10"/>
    </row>
    <row r="390366" spans="14:14">
      <c r="N390366" s="10"/>
    </row>
    <row r="390367" spans="14:14">
      <c r="N390367" s="10"/>
    </row>
    <row r="390368" spans="14:14">
      <c r="N390368" s="10"/>
    </row>
    <row r="390369" spans="14:14">
      <c r="N390369" s="10"/>
    </row>
    <row r="390370" spans="14:14">
      <c r="N390370" s="10"/>
    </row>
    <row r="390371" spans="14:14">
      <c r="N390371" s="10"/>
    </row>
    <row r="390372" spans="14:14">
      <c r="N390372" s="10"/>
    </row>
    <row r="390373" spans="14:14">
      <c r="N390373" s="10"/>
    </row>
    <row r="390374" spans="14:14">
      <c r="N390374" s="10"/>
    </row>
    <row r="390375" spans="14:14">
      <c r="N390375" s="10"/>
    </row>
    <row r="390376" spans="14:14">
      <c r="N390376" s="10"/>
    </row>
    <row r="390377" spans="14:14">
      <c r="N390377" s="10"/>
    </row>
    <row r="390378" spans="14:14">
      <c r="N390378" s="10"/>
    </row>
    <row r="390379" spans="14:14">
      <c r="N390379" s="10"/>
    </row>
    <row r="390380" spans="14:14">
      <c r="N390380" s="10"/>
    </row>
    <row r="390381" spans="14:14">
      <c r="N390381" s="10"/>
    </row>
    <row r="390382" spans="14:14">
      <c r="N390382" s="10"/>
    </row>
    <row r="390383" spans="14:14">
      <c r="N390383" s="10"/>
    </row>
    <row r="390384" spans="14:14">
      <c r="N390384" s="10"/>
    </row>
    <row r="390385" spans="14:14">
      <c r="N390385" s="10"/>
    </row>
    <row r="390386" spans="14:14">
      <c r="N390386" s="10"/>
    </row>
    <row r="390387" spans="14:14">
      <c r="N390387" s="10"/>
    </row>
    <row r="390388" spans="14:14">
      <c r="N390388" s="10"/>
    </row>
    <row r="390389" spans="14:14">
      <c r="N390389" s="10"/>
    </row>
    <row r="390390" spans="14:14">
      <c r="N390390" s="10"/>
    </row>
    <row r="390391" spans="14:14">
      <c r="N390391" s="10"/>
    </row>
    <row r="390392" spans="14:14">
      <c r="N390392" s="10"/>
    </row>
    <row r="390393" spans="14:14">
      <c r="N390393" s="10"/>
    </row>
    <row r="390394" spans="14:14">
      <c r="N390394" s="10"/>
    </row>
    <row r="390395" spans="14:14">
      <c r="N390395" s="10"/>
    </row>
    <row r="390396" spans="14:14">
      <c r="N390396" s="10"/>
    </row>
    <row r="390397" spans="14:14">
      <c r="N390397" s="10"/>
    </row>
    <row r="390398" spans="14:14">
      <c r="N390398" s="10"/>
    </row>
    <row r="390399" spans="14:14">
      <c r="N390399" s="10"/>
    </row>
    <row r="390400" spans="14:14">
      <c r="N390400" s="10"/>
    </row>
    <row r="390401" spans="14:14">
      <c r="N390401" s="10"/>
    </row>
    <row r="390402" spans="14:14">
      <c r="N390402" s="10"/>
    </row>
    <row r="390403" spans="14:14">
      <c r="N390403" s="10"/>
    </row>
    <row r="390404" spans="14:14">
      <c r="N390404" s="10"/>
    </row>
    <row r="390405" spans="14:14">
      <c r="N390405" s="10"/>
    </row>
    <row r="390406" spans="14:14">
      <c r="N390406" s="10"/>
    </row>
    <row r="390407" spans="14:14">
      <c r="N390407" s="10"/>
    </row>
    <row r="390408" spans="14:14">
      <c r="N390408" s="10"/>
    </row>
    <row r="390409" spans="14:14">
      <c r="N390409" s="10"/>
    </row>
    <row r="390410" spans="14:14">
      <c r="N390410" s="10"/>
    </row>
    <row r="390411" spans="14:14">
      <c r="N390411" s="10"/>
    </row>
    <row r="390412" spans="14:14">
      <c r="N390412" s="10"/>
    </row>
    <row r="390413" spans="14:14">
      <c r="N390413" s="10"/>
    </row>
    <row r="390414" spans="14:14">
      <c r="N390414" s="10"/>
    </row>
    <row r="390415" spans="14:14">
      <c r="N390415" s="10"/>
    </row>
    <row r="390416" spans="14:14">
      <c r="N390416" s="10"/>
    </row>
    <row r="390417" spans="14:14">
      <c r="N390417" s="10"/>
    </row>
    <row r="390418" spans="14:14">
      <c r="N390418" s="10"/>
    </row>
    <row r="390419" spans="14:14">
      <c r="N390419" s="10"/>
    </row>
    <row r="390420" spans="14:14">
      <c r="N390420" s="10"/>
    </row>
    <row r="390421" spans="14:14">
      <c r="N390421" s="10"/>
    </row>
    <row r="390422" spans="14:14">
      <c r="N390422" s="10"/>
    </row>
    <row r="390423" spans="14:14">
      <c r="N390423" s="10"/>
    </row>
    <row r="390424" spans="14:14">
      <c r="N390424" s="10"/>
    </row>
    <row r="390425" spans="14:14">
      <c r="N390425" s="10"/>
    </row>
    <row r="390426" spans="14:14">
      <c r="N390426" s="10"/>
    </row>
    <row r="390427" spans="14:14">
      <c r="N390427" s="10"/>
    </row>
    <row r="390428" spans="14:14">
      <c r="N390428" s="10"/>
    </row>
    <row r="390429" spans="14:14">
      <c r="N390429" s="10"/>
    </row>
    <row r="390430" spans="14:14">
      <c r="N390430" s="10"/>
    </row>
    <row r="390431" spans="14:14">
      <c r="N390431" s="10"/>
    </row>
    <row r="390432" spans="14:14">
      <c r="N390432" s="10"/>
    </row>
    <row r="390433" spans="14:14">
      <c r="N390433" s="10"/>
    </row>
    <row r="390434" spans="14:14">
      <c r="N390434" s="10"/>
    </row>
    <row r="390435" spans="14:14">
      <c r="N390435" s="10"/>
    </row>
    <row r="390436" spans="14:14">
      <c r="N390436" s="10"/>
    </row>
    <row r="390437" spans="14:14">
      <c r="N390437" s="10"/>
    </row>
    <row r="390438" spans="14:14">
      <c r="N390438" s="10"/>
    </row>
    <row r="390439" spans="14:14">
      <c r="N390439" s="10"/>
    </row>
    <row r="390440" spans="14:14">
      <c r="N390440" s="10"/>
    </row>
    <row r="390441" spans="14:14">
      <c r="N390441" s="10"/>
    </row>
    <row r="390442" spans="14:14">
      <c r="N390442" s="10"/>
    </row>
    <row r="390443" spans="14:14">
      <c r="N390443" s="10"/>
    </row>
    <row r="390444" spans="14:14">
      <c r="N390444" s="10"/>
    </row>
    <row r="390445" spans="14:14">
      <c r="N390445" s="10"/>
    </row>
    <row r="390446" spans="14:14">
      <c r="N390446" s="10"/>
    </row>
    <row r="390447" spans="14:14">
      <c r="N390447" s="10"/>
    </row>
    <row r="390448" spans="14:14">
      <c r="N390448" s="10"/>
    </row>
    <row r="390449" spans="14:14">
      <c r="N390449" s="10"/>
    </row>
    <row r="390450" spans="14:14">
      <c r="N390450" s="10"/>
    </row>
    <row r="390451" spans="14:14">
      <c r="N390451" s="10"/>
    </row>
    <row r="390452" spans="14:14">
      <c r="N390452" s="10"/>
    </row>
    <row r="390453" spans="14:14">
      <c r="N390453" s="10"/>
    </row>
    <row r="390454" spans="14:14">
      <c r="N390454" s="10"/>
    </row>
    <row r="390455" spans="14:14">
      <c r="N390455" s="10"/>
    </row>
    <row r="390456" spans="14:14">
      <c r="N390456" s="10"/>
    </row>
    <row r="390457" spans="14:14">
      <c r="N390457" s="10"/>
    </row>
    <row r="390458" spans="14:14">
      <c r="N390458" s="10"/>
    </row>
    <row r="390459" spans="14:14">
      <c r="N390459" s="10"/>
    </row>
    <row r="390460" spans="14:14">
      <c r="N390460" s="10"/>
    </row>
    <row r="390461" spans="14:14">
      <c r="N390461" s="10"/>
    </row>
    <row r="390462" spans="14:14">
      <c r="N390462" s="10"/>
    </row>
    <row r="390463" spans="14:14">
      <c r="N390463" s="10"/>
    </row>
    <row r="390464" spans="14:14">
      <c r="N390464" s="10"/>
    </row>
    <row r="390465" spans="14:14">
      <c r="N390465" s="10"/>
    </row>
    <row r="390466" spans="14:14">
      <c r="N390466" s="10"/>
    </row>
    <row r="390467" spans="14:14">
      <c r="N390467" s="10"/>
    </row>
    <row r="390468" spans="14:14">
      <c r="N390468" s="10"/>
    </row>
    <row r="390469" spans="14:14">
      <c r="N390469" s="10"/>
    </row>
    <row r="390470" spans="14:14">
      <c r="N390470" s="10"/>
    </row>
    <row r="390471" spans="14:14">
      <c r="N390471" s="10"/>
    </row>
    <row r="390472" spans="14:14">
      <c r="N390472" s="10"/>
    </row>
    <row r="390473" spans="14:14">
      <c r="N390473" s="10"/>
    </row>
    <row r="390474" spans="14:14">
      <c r="N390474" s="10"/>
    </row>
    <row r="390475" spans="14:14">
      <c r="N390475" s="10"/>
    </row>
    <row r="390476" spans="14:14">
      <c r="N390476" s="10"/>
    </row>
    <row r="390477" spans="14:14">
      <c r="N390477" s="10"/>
    </row>
    <row r="390478" spans="14:14">
      <c r="N390478" s="10"/>
    </row>
    <row r="390479" spans="14:14">
      <c r="N390479" s="10"/>
    </row>
    <row r="390480" spans="14:14">
      <c r="N390480" s="10"/>
    </row>
    <row r="390481" spans="14:14">
      <c r="N390481" s="10"/>
    </row>
    <row r="390482" spans="14:14">
      <c r="N390482" s="10"/>
    </row>
    <row r="390483" spans="14:14">
      <c r="N390483" s="10"/>
    </row>
    <row r="390484" spans="14:14">
      <c r="N390484" s="10"/>
    </row>
    <row r="390485" spans="14:14">
      <c r="N390485" s="10"/>
    </row>
    <row r="390486" spans="14:14">
      <c r="N390486" s="10"/>
    </row>
    <row r="390487" spans="14:14">
      <c r="N390487" s="10"/>
    </row>
    <row r="390488" spans="14:14">
      <c r="N390488" s="10"/>
    </row>
    <row r="390489" spans="14:14">
      <c r="N390489" s="10"/>
    </row>
    <row r="390490" spans="14:14">
      <c r="N390490" s="10"/>
    </row>
    <row r="390491" spans="14:14">
      <c r="N390491" s="10"/>
    </row>
    <row r="390492" spans="14:14">
      <c r="N390492" s="10"/>
    </row>
    <row r="390493" spans="14:14">
      <c r="N390493" s="10"/>
    </row>
    <row r="390494" spans="14:14">
      <c r="N390494" s="10"/>
    </row>
    <row r="390495" spans="14:14">
      <c r="N390495" s="10"/>
    </row>
    <row r="390496" spans="14:14">
      <c r="N390496" s="10"/>
    </row>
    <row r="390497" spans="14:14">
      <c r="N390497" s="10"/>
    </row>
    <row r="390498" spans="14:14">
      <c r="N390498" s="10"/>
    </row>
    <row r="390499" spans="14:14">
      <c r="N390499" s="10"/>
    </row>
    <row r="390500" spans="14:14">
      <c r="N390500" s="10"/>
    </row>
    <row r="390501" spans="14:14">
      <c r="N390501" s="10"/>
    </row>
    <row r="390502" spans="14:14">
      <c r="N390502" s="10"/>
    </row>
    <row r="390503" spans="14:14">
      <c r="N390503" s="10"/>
    </row>
    <row r="390504" spans="14:14">
      <c r="N390504" s="10"/>
    </row>
    <row r="390505" spans="14:14">
      <c r="N390505" s="10"/>
    </row>
    <row r="390506" spans="14:14">
      <c r="N390506" s="10"/>
    </row>
    <row r="390507" spans="14:14">
      <c r="N390507" s="10"/>
    </row>
    <row r="390508" spans="14:14">
      <c r="N390508" s="10"/>
    </row>
    <row r="390509" spans="14:14">
      <c r="N390509" s="10"/>
    </row>
    <row r="390510" spans="14:14">
      <c r="N390510" s="10"/>
    </row>
    <row r="390511" spans="14:14">
      <c r="N390511" s="10"/>
    </row>
    <row r="390512" spans="14:14">
      <c r="N390512" s="10"/>
    </row>
    <row r="390513" spans="14:14">
      <c r="N390513" s="10"/>
    </row>
    <row r="390514" spans="14:14">
      <c r="N390514" s="10"/>
    </row>
    <row r="390515" spans="14:14">
      <c r="N390515" s="10"/>
    </row>
    <row r="390516" spans="14:14">
      <c r="N390516" s="10"/>
    </row>
    <row r="390517" spans="14:14">
      <c r="N390517" s="10"/>
    </row>
    <row r="390518" spans="14:14">
      <c r="N390518" s="10"/>
    </row>
    <row r="390519" spans="14:14">
      <c r="N390519" s="10"/>
    </row>
    <row r="390520" spans="14:14">
      <c r="N390520" s="10"/>
    </row>
    <row r="390521" spans="14:14">
      <c r="N390521" s="10"/>
    </row>
    <row r="390522" spans="14:14">
      <c r="N390522" s="10"/>
    </row>
    <row r="390523" spans="14:14">
      <c r="N390523" s="10"/>
    </row>
    <row r="390524" spans="14:14">
      <c r="N390524" s="10"/>
    </row>
    <row r="390525" spans="14:14">
      <c r="N390525" s="10"/>
    </row>
    <row r="390526" spans="14:14">
      <c r="N390526" s="10"/>
    </row>
    <row r="390527" spans="14:14">
      <c r="N390527" s="10"/>
    </row>
    <row r="390528" spans="14:14">
      <c r="N390528" s="10"/>
    </row>
    <row r="390529" spans="14:14">
      <c r="N390529" s="10"/>
    </row>
    <row r="390530" spans="14:14">
      <c r="N390530" s="10"/>
    </row>
    <row r="390531" spans="14:14">
      <c r="N390531" s="10"/>
    </row>
    <row r="390532" spans="14:14">
      <c r="N390532" s="10"/>
    </row>
    <row r="390533" spans="14:14">
      <c r="N390533" s="10"/>
    </row>
    <row r="390534" spans="14:14">
      <c r="N390534" s="10"/>
    </row>
    <row r="390535" spans="14:14">
      <c r="N390535" s="10"/>
    </row>
    <row r="390536" spans="14:14">
      <c r="N390536" s="10"/>
    </row>
    <row r="390537" spans="14:14">
      <c r="N390537" s="10"/>
    </row>
    <row r="390538" spans="14:14">
      <c r="N390538" s="10"/>
    </row>
    <row r="390539" spans="14:14">
      <c r="N390539" s="10"/>
    </row>
    <row r="390540" spans="14:14">
      <c r="N390540" s="10"/>
    </row>
    <row r="390541" spans="14:14">
      <c r="N390541" s="10"/>
    </row>
    <row r="390542" spans="14:14">
      <c r="N390542" s="10"/>
    </row>
    <row r="390543" spans="14:14">
      <c r="N390543" s="10"/>
    </row>
    <row r="390544" spans="14:14">
      <c r="N390544" s="10"/>
    </row>
    <row r="390545" spans="14:14">
      <c r="N390545" s="10"/>
    </row>
    <row r="390546" spans="14:14">
      <c r="N390546" s="10"/>
    </row>
    <row r="390547" spans="14:14">
      <c r="N390547" s="10"/>
    </row>
    <row r="390548" spans="14:14">
      <c r="N390548" s="10"/>
    </row>
    <row r="390549" spans="14:14">
      <c r="N390549" s="10"/>
    </row>
    <row r="390550" spans="14:14">
      <c r="N390550" s="10"/>
    </row>
    <row r="390551" spans="14:14">
      <c r="N390551" s="10"/>
    </row>
    <row r="390552" spans="14:14">
      <c r="N390552" s="10"/>
    </row>
    <row r="390553" spans="14:14">
      <c r="N390553" s="10"/>
    </row>
    <row r="390554" spans="14:14">
      <c r="N390554" s="10"/>
    </row>
    <row r="390555" spans="14:14">
      <c r="N390555" s="10"/>
    </row>
    <row r="390556" spans="14:14">
      <c r="N390556" s="10"/>
    </row>
    <row r="390557" spans="14:14">
      <c r="N390557" s="10"/>
    </row>
    <row r="390558" spans="14:14">
      <c r="N390558" s="10"/>
    </row>
    <row r="390559" spans="14:14">
      <c r="N390559" s="10"/>
    </row>
    <row r="390560" spans="14:14">
      <c r="N390560" s="10"/>
    </row>
    <row r="390561" spans="14:14">
      <c r="N390561" s="10"/>
    </row>
    <row r="390562" spans="14:14">
      <c r="N390562" s="10"/>
    </row>
    <row r="390563" spans="14:14">
      <c r="N390563" s="10"/>
    </row>
    <row r="390564" spans="14:14">
      <c r="N390564" s="10"/>
    </row>
    <row r="390565" spans="14:14">
      <c r="N390565" s="10"/>
    </row>
    <row r="390566" spans="14:14">
      <c r="N390566" s="10"/>
    </row>
    <row r="390567" spans="14:14">
      <c r="N390567" s="10"/>
    </row>
    <row r="390568" spans="14:14">
      <c r="N390568" s="10"/>
    </row>
    <row r="390569" spans="14:14">
      <c r="N390569" s="10"/>
    </row>
    <row r="390570" spans="14:14">
      <c r="N390570" s="10"/>
    </row>
    <row r="390571" spans="14:14">
      <c r="N390571" s="10"/>
    </row>
    <row r="390572" spans="14:14">
      <c r="N390572" s="10"/>
    </row>
    <row r="390573" spans="14:14">
      <c r="N390573" s="10"/>
    </row>
    <row r="390574" spans="14:14">
      <c r="N390574" s="10"/>
    </row>
    <row r="390575" spans="14:14">
      <c r="N390575" s="10"/>
    </row>
    <row r="390576" spans="14:14">
      <c r="N390576" s="10"/>
    </row>
    <row r="390577" spans="14:14">
      <c r="N390577" s="10"/>
    </row>
    <row r="390578" spans="14:14">
      <c r="N390578" s="10"/>
    </row>
    <row r="390579" spans="14:14">
      <c r="N390579" s="10"/>
    </row>
    <row r="390580" spans="14:14">
      <c r="N390580" s="10"/>
    </row>
    <row r="390581" spans="14:14">
      <c r="N390581" s="10"/>
    </row>
    <row r="390582" spans="14:14">
      <c r="N390582" s="10"/>
    </row>
    <row r="390583" spans="14:14">
      <c r="N390583" s="10"/>
    </row>
    <row r="390584" spans="14:14">
      <c r="N390584" s="10"/>
    </row>
    <row r="390585" spans="14:14">
      <c r="N390585" s="10"/>
    </row>
    <row r="390586" spans="14:14">
      <c r="N390586" s="10"/>
    </row>
    <row r="390587" spans="14:14">
      <c r="N390587" s="10"/>
    </row>
    <row r="390588" spans="14:14">
      <c r="N390588" s="10"/>
    </row>
    <row r="390589" spans="14:14">
      <c r="N390589" s="10"/>
    </row>
    <row r="390590" spans="14:14">
      <c r="N390590" s="10"/>
    </row>
    <row r="390591" spans="14:14">
      <c r="N390591" s="10"/>
    </row>
    <row r="390592" spans="14:14">
      <c r="N390592" s="10"/>
    </row>
    <row r="390593" spans="14:14">
      <c r="N390593" s="10"/>
    </row>
    <row r="390594" spans="14:14">
      <c r="N390594" s="10"/>
    </row>
    <row r="390595" spans="14:14">
      <c r="N390595" s="10"/>
    </row>
    <row r="390596" spans="14:14">
      <c r="N390596" s="10"/>
    </row>
    <row r="390597" spans="14:14">
      <c r="N390597" s="10"/>
    </row>
    <row r="390598" spans="14:14">
      <c r="N390598" s="10"/>
    </row>
    <row r="390599" spans="14:14">
      <c r="N390599" s="10"/>
    </row>
    <row r="390600" spans="14:14">
      <c r="N390600" s="10"/>
    </row>
    <row r="390601" spans="14:14">
      <c r="N390601" s="10"/>
    </row>
    <row r="390602" spans="14:14">
      <c r="N390602" s="10"/>
    </row>
    <row r="390603" spans="14:14">
      <c r="N390603" s="10"/>
    </row>
    <row r="390604" spans="14:14">
      <c r="N390604" s="10"/>
    </row>
    <row r="390605" spans="14:14">
      <c r="N390605" s="10"/>
    </row>
    <row r="390606" spans="14:14">
      <c r="N390606" s="10"/>
    </row>
    <row r="390607" spans="14:14">
      <c r="N390607" s="10"/>
    </row>
    <row r="390608" spans="14:14">
      <c r="N390608" s="10"/>
    </row>
    <row r="390609" spans="14:14">
      <c r="N390609" s="10"/>
    </row>
    <row r="390610" spans="14:14">
      <c r="N390610" s="10"/>
    </row>
    <row r="390611" spans="14:14">
      <c r="N390611" s="10"/>
    </row>
    <row r="390612" spans="14:14">
      <c r="N390612" s="10"/>
    </row>
    <row r="390613" spans="14:14">
      <c r="N390613" s="10"/>
    </row>
    <row r="390614" spans="14:14">
      <c r="N390614" s="10"/>
    </row>
    <row r="390615" spans="14:14">
      <c r="N390615" s="10"/>
    </row>
    <row r="390616" spans="14:14">
      <c r="N390616" s="10"/>
    </row>
    <row r="390617" spans="14:14">
      <c r="N390617" s="10"/>
    </row>
    <row r="390618" spans="14:14">
      <c r="N390618" s="10"/>
    </row>
    <row r="390619" spans="14:14">
      <c r="N390619" s="10"/>
    </row>
    <row r="390620" spans="14:14">
      <c r="N390620" s="10"/>
    </row>
    <row r="390621" spans="14:14">
      <c r="N390621" s="10"/>
    </row>
    <row r="390622" spans="14:14">
      <c r="N390622" s="10"/>
    </row>
    <row r="390623" spans="14:14">
      <c r="N390623" s="10"/>
    </row>
    <row r="390624" spans="14:14">
      <c r="N390624" s="10"/>
    </row>
    <row r="390625" spans="14:14">
      <c r="N390625" s="10"/>
    </row>
    <row r="390626" spans="14:14">
      <c r="N390626" s="10"/>
    </row>
    <row r="390627" spans="14:14">
      <c r="N390627" s="10"/>
    </row>
    <row r="390628" spans="14:14">
      <c r="N390628" s="10"/>
    </row>
    <row r="390629" spans="14:14">
      <c r="N390629" s="10"/>
    </row>
    <row r="390630" spans="14:14">
      <c r="N390630" s="10"/>
    </row>
    <row r="390631" spans="14:14">
      <c r="N390631" s="10"/>
    </row>
    <row r="390632" spans="14:14">
      <c r="N390632" s="10"/>
    </row>
    <row r="390633" spans="14:14">
      <c r="N390633" s="10"/>
    </row>
    <row r="390634" spans="14:14">
      <c r="N390634" s="10"/>
    </row>
    <row r="390635" spans="14:14">
      <c r="N390635" s="10"/>
    </row>
    <row r="390636" spans="14:14">
      <c r="N390636" s="10"/>
    </row>
    <row r="390637" spans="14:14">
      <c r="N390637" s="10"/>
    </row>
    <row r="390638" spans="14:14">
      <c r="N390638" s="10"/>
    </row>
    <row r="390639" spans="14:14">
      <c r="N390639" s="10"/>
    </row>
    <row r="390640" spans="14:14">
      <c r="N390640" s="10"/>
    </row>
    <row r="390641" spans="14:14">
      <c r="N390641" s="10"/>
    </row>
    <row r="390642" spans="14:14">
      <c r="N390642" s="10"/>
    </row>
    <row r="390643" spans="14:14">
      <c r="N390643" s="10"/>
    </row>
    <row r="390644" spans="14:14">
      <c r="N390644" s="10"/>
    </row>
    <row r="390645" spans="14:14">
      <c r="N390645" s="10"/>
    </row>
    <row r="390646" spans="14:14">
      <c r="N390646" s="10"/>
    </row>
    <row r="390647" spans="14:14">
      <c r="N390647" s="10"/>
    </row>
    <row r="390648" spans="14:14">
      <c r="N390648" s="10"/>
    </row>
    <row r="390649" spans="14:14">
      <c r="N390649" s="10"/>
    </row>
    <row r="390650" spans="14:14">
      <c r="N390650" s="10"/>
    </row>
    <row r="390651" spans="14:14">
      <c r="N390651" s="10"/>
    </row>
    <row r="390652" spans="14:14">
      <c r="N390652" s="10"/>
    </row>
    <row r="390653" spans="14:14">
      <c r="N390653" s="10"/>
    </row>
    <row r="390654" spans="14:14">
      <c r="N390654" s="10"/>
    </row>
    <row r="390655" spans="14:14">
      <c r="N390655" s="10"/>
    </row>
    <row r="390656" spans="14:14">
      <c r="N390656" s="10"/>
    </row>
    <row r="390657" spans="14:14">
      <c r="N390657" s="10"/>
    </row>
    <row r="390658" spans="14:14">
      <c r="N390658" s="10"/>
    </row>
    <row r="390659" spans="14:14">
      <c r="N390659" s="10"/>
    </row>
    <row r="390660" spans="14:14">
      <c r="N390660" s="10"/>
    </row>
    <row r="390661" spans="14:14">
      <c r="N390661" s="10"/>
    </row>
    <row r="390662" spans="14:14">
      <c r="N390662" s="10"/>
    </row>
    <row r="390663" spans="14:14">
      <c r="N390663" s="10"/>
    </row>
    <row r="390664" spans="14:14">
      <c r="N390664" s="10"/>
    </row>
    <row r="390665" spans="14:14">
      <c r="N390665" s="10"/>
    </row>
    <row r="390666" spans="14:14">
      <c r="N390666" s="10"/>
    </row>
    <row r="390667" spans="14:14">
      <c r="N390667" s="10"/>
    </row>
    <row r="390668" spans="14:14">
      <c r="N390668" s="10"/>
    </row>
    <row r="390669" spans="14:14">
      <c r="N390669" s="10"/>
    </row>
    <row r="390670" spans="14:14">
      <c r="N390670" s="10"/>
    </row>
    <row r="390671" spans="14:14">
      <c r="N390671" s="10"/>
    </row>
    <row r="390672" spans="14:14">
      <c r="N390672" s="10"/>
    </row>
    <row r="390673" spans="14:14">
      <c r="N390673" s="10"/>
    </row>
    <row r="390674" spans="14:14">
      <c r="N390674" s="10"/>
    </row>
    <row r="390675" spans="14:14">
      <c r="N390675" s="10"/>
    </row>
    <row r="390676" spans="14:14">
      <c r="N390676" s="10"/>
    </row>
    <row r="390677" spans="14:14">
      <c r="N390677" s="10"/>
    </row>
    <row r="390678" spans="14:14">
      <c r="N390678" s="10"/>
    </row>
    <row r="390679" spans="14:14">
      <c r="N390679" s="10"/>
    </row>
    <row r="390680" spans="14:14">
      <c r="N390680" s="10"/>
    </row>
    <row r="390681" spans="14:14">
      <c r="N390681" s="10"/>
    </row>
    <row r="390682" spans="14:14">
      <c r="N390682" s="10"/>
    </row>
    <row r="390683" spans="14:14">
      <c r="N390683" s="10"/>
    </row>
    <row r="390684" spans="14:14">
      <c r="N390684" s="10"/>
    </row>
    <row r="390685" spans="14:14">
      <c r="N390685" s="10"/>
    </row>
    <row r="390686" spans="14:14">
      <c r="N390686" s="10"/>
    </row>
    <row r="390687" spans="14:14">
      <c r="N390687" s="10"/>
    </row>
    <row r="390688" spans="14:14">
      <c r="N390688" s="10"/>
    </row>
    <row r="390689" spans="14:14">
      <c r="N390689" s="10"/>
    </row>
    <row r="390690" spans="14:14">
      <c r="N390690" s="10"/>
    </row>
    <row r="390691" spans="14:14">
      <c r="N390691" s="10"/>
    </row>
    <row r="390692" spans="14:14">
      <c r="N390692" s="10"/>
    </row>
    <row r="390693" spans="14:14">
      <c r="N390693" s="10"/>
    </row>
    <row r="390694" spans="14:14">
      <c r="N390694" s="10"/>
    </row>
    <row r="390695" spans="14:14">
      <c r="N390695" s="10"/>
    </row>
    <row r="390696" spans="14:14">
      <c r="N390696" s="10"/>
    </row>
    <row r="390697" spans="14:14">
      <c r="N390697" s="10"/>
    </row>
    <row r="390698" spans="14:14">
      <c r="N390698" s="10"/>
    </row>
    <row r="390699" spans="14:14">
      <c r="N390699" s="10"/>
    </row>
    <row r="390700" spans="14:14">
      <c r="N390700" s="10"/>
    </row>
    <row r="390701" spans="14:14">
      <c r="N390701" s="10"/>
    </row>
    <row r="390702" spans="14:14">
      <c r="N390702" s="10"/>
    </row>
    <row r="390703" spans="14:14">
      <c r="N390703" s="10"/>
    </row>
    <row r="390704" spans="14:14">
      <c r="N390704" s="10"/>
    </row>
    <row r="390705" spans="14:14">
      <c r="N390705" s="10"/>
    </row>
    <row r="390706" spans="14:14">
      <c r="N390706" s="10"/>
    </row>
    <row r="390707" spans="14:14">
      <c r="N390707" s="10"/>
    </row>
    <row r="390708" spans="14:14">
      <c r="N390708" s="10"/>
    </row>
    <row r="390709" spans="14:14">
      <c r="N390709" s="10"/>
    </row>
    <row r="390710" spans="14:14">
      <c r="N390710" s="10"/>
    </row>
    <row r="390711" spans="14:14">
      <c r="N390711" s="10"/>
    </row>
    <row r="390712" spans="14:14">
      <c r="N390712" s="10"/>
    </row>
    <row r="390713" spans="14:14">
      <c r="N390713" s="10"/>
    </row>
    <row r="390714" spans="14:14">
      <c r="N390714" s="10"/>
    </row>
    <row r="390715" spans="14:14">
      <c r="N390715" s="10"/>
    </row>
    <row r="390716" spans="14:14">
      <c r="N390716" s="10"/>
    </row>
    <row r="390717" spans="14:14">
      <c r="N390717" s="10"/>
    </row>
    <row r="390718" spans="14:14">
      <c r="N390718" s="10"/>
    </row>
    <row r="390719" spans="14:14">
      <c r="N390719" s="10"/>
    </row>
    <row r="390720" spans="14:14">
      <c r="N390720" s="10"/>
    </row>
    <row r="390721" spans="14:14">
      <c r="N390721" s="10"/>
    </row>
    <row r="390722" spans="14:14">
      <c r="N390722" s="10"/>
    </row>
    <row r="390723" spans="14:14">
      <c r="N390723" s="10"/>
    </row>
    <row r="390724" spans="14:14">
      <c r="N390724" s="10"/>
    </row>
    <row r="390725" spans="14:14">
      <c r="N390725" s="10"/>
    </row>
    <row r="390726" spans="14:14">
      <c r="N390726" s="10"/>
    </row>
    <row r="390727" spans="14:14">
      <c r="N390727" s="10"/>
    </row>
    <row r="390728" spans="14:14">
      <c r="N390728" s="10"/>
    </row>
    <row r="390729" spans="14:14">
      <c r="N390729" s="10"/>
    </row>
    <row r="390730" spans="14:14">
      <c r="N390730" s="10"/>
    </row>
    <row r="390731" spans="14:14">
      <c r="N390731" s="10"/>
    </row>
    <row r="390732" spans="14:14">
      <c r="N390732" s="10"/>
    </row>
    <row r="390733" spans="14:14">
      <c r="N390733" s="10"/>
    </row>
    <row r="390734" spans="14:14">
      <c r="N390734" s="10"/>
    </row>
    <row r="390735" spans="14:14">
      <c r="N390735" s="10"/>
    </row>
    <row r="390736" spans="14:14">
      <c r="N390736" s="10"/>
    </row>
    <row r="390737" spans="14:14">
      <c r="N390737" s="10"/>
    </row>
    <row r="390738" spans="14:14">
      <c r="N390738" s="10"/>
    </row>
    <row r="390739" spans="14:14">
      <c r="N390739" s="10"/>
    </row>
    <row r="390740" spans="14:14">
      <c r="N390740" s="10"/>
    </row>
    <row r="390741" spans="14:14">
      <c r="N390741" s="10"/>
    </row>
    <row r="390742" spans="14:14">
      <c r="N390742" s="10"/>
    </row>
    <row r="390743" spans="14:14">
      <c r="N390743" s="10"/>
    </row>
    <row r="390744" spans="14:14">
      <c r="N390744" s="10"/>
    </row>
    <row r="390745" spans="14:14">
      <c r="N390745" s="10"/>
    </row>
    <row r="390746" spans="14:14">
      <c r="N390746" s="10"/>
    </row>
    <row r="390747" spans="14:14">
      <c r="N390747" s="10"/>
    </row>
    <row r="390748" spans="14:14">
      <c r="N390748" s="10"/>
    </row>
    <row r="390749" spans="14:14">
      <c r="N390749" s="10"/>
    </row>
    <row r="390750" spans="14:14">
      <c r="N390750" s="10"/>
    </row>
    <row r="390751" spans="14:14">
      <c r="N390751" s="10"/>
    </row>
    <row r="390752" spans="14:14">
      <c r="N390752" s="10"/>
    </row>
    <row r="390753" spans="14:14">
      <c r="N390753" s="10"/>
    </row>
    <row r="390754" spans="14:14">
      <c r="N390754" s="10"/>
    </row>
    <row r="390755" spans="14:14">
      <c r="N390755" s="10"/>
    </row>
    <row r="390756" spans="14:14">
      <c r="N390756" s="10"/>
    </row>
    <row r="390757" spans="14:14">
      <c r="N390757" s="10"/>
    </row>
    <row r="390758" spans="14:14">
      <c r="N390758" s="10"/>
    </row>
    <row r="390759" spans="14:14">
      <c r="N390759" s="10"/>
    </row>
    <row r="390760" spans="14:14">
      <c r="N390760" s="10"/>
    </row>
    <row r="390761" spans="14:14">
      <c r="N390761" s="10"/>
    </row>
    <row r="390762" spans="14:14">
      <c r="N390762" s="10"/>
    </row>
    <row r="390763" spans="14:14">
      <c r="N390763" s="10"/>
    </row>
    <row r="390764" spans="14:14">
      <c r="N390764" s="10"/>
    </row>
    <row r="390765" spans="14:14">
      <c r="N390765" s="10"/>
    </row>
    <row r="390766" spans="14:14">
      <c r="N390766" s="10"/>
    </row>
    <row r="390767" spans="14:14">
      <c r="N390767" s="10"/>
    </row>
    <row r="390768" spans="14:14">
      <c r="N390768" s="10"/>
    </row>
    <row r="390769" spans="14:14">
      <c r="N390769" s="10"/>
    </row>
    <row r="390770" spans="14:14">
      <c r="N390770" s="10"/>
    </row>
    <row r="390771" spans="14:14">
      <c r="N390771" s="10"/>
    </row>
    <row r="390772" spans="14:14">
      <c r="N390772" s="10"/>
    </row>
    <row r="390773" spans="14:14">
      <c r="N390773" s="10"/>
    </row>
    <row r="390774" spans="14:14">
      <c r="N390774" s="10"/>
    </row>
    <row r="390775" spans="14:14">
      <c r="N390775" s="10"/>
    </row>
    <row r="390776" spans="14:14">
      <c r="N390776" s="10"/>
    </row>
    <row r="390777" spans="14:14">
      <c r="N390777" s="10"/>
    </row>
    <row r="390778" spans="14:14">
      <c r="N390778" s="10"/>
    </row>
    <row r="390779" spans="14:14">
      <c r="N390779" s="10"/>
    </row>
    <row r="390780" spans="14:14">
      <c r="N390780" s="10"/>
    </row>
    <row r="390781" spans="14:14">
      <c r="N390781" s="10"/>
    </row>
    <row r="390782" spans="14:14">
      <c r="N390782" s="10"/>
    </row>
    <row r="390783" spans="14:14">
      <c r="N390783" s="10"/>
    </row>
    <row r="390784" spans="14:14">
      <c r="N390784" s="10"/>
    </row>
    <row r="390785" spans="14:14">
      <c r="N390785" s="10"/>
    </row>
    <row r="390786" spans="14:14">
      <c r="N390786" s="10"/>
    </row>
    <row r="390787" spans="14:14">
      <c r="N390787" s="10"/>
    </row>
    <row r="390788" spans="14:14">
      <c r="N390788" s="10"/>
    </row>
    <row r="390789" spans="14:14">
      <c r="N390789" s="10"/>
    </row>
    <row r="390790" spans="14:14">
      <c r="N390790" s="10"/>
    </row>
    <row r="390791" spans="14:14">
      <c r="N390791" s="10"/>
    </row>
    <row r="390792" spans="14:14">
      <c r="N390792" s="10"/>
    </row>
    <row r="390793" spans="14:14">
      <c r="N390793" s="10"/>
    </row>
    <row r="390794" spans="14:14">
      <c r="N390794" s="10"/>
    </row>
    <row r="390795" spans="14:14">
      <c r="N390795" s="10"/>
    </row>
    <row r="390796" spans="14:14">
      <c r="N390796" s="10"/>
    </row>
    <row r="390797" spans="14:14">
      <c r="N390797" s="10"/>
    </row>
    <row r="390798" spans="14:14">
      <c r="N390798" s="10"/>
    </row>
    <row r="390799" spans="14:14">
      <c r="N390799" s="10"/>
    </row>
    <row r="390800" spans="14:14">
      <c r="N390800" s="10"/>
    </row>
    <row r="390801" spans="14:14">
      <c r="N390801" s="10"/>
    </row>
    <row r="390802" spans="14:14">
      <c r="N390802" s="10"/>
    </row>
    <row r="390803" spans="14:14">
      <c r="N390803" s="10"/>
    </row>
    <row r="390804" spans="14:14">
      <c r="N390804" s="10"/>
    </row>
    <row r="390805" spans="14:14">
      <c r="N390805" s="10"/>
    </row>
    <row r="390806" spans="14:14">
      <c r="N390806" s="10"/>
    </row>
    <row r="390807" spans="14:14">
      <c r="N390807" s="10"/>
    </row>
    <row r="390808" spans="14:14">
      <c r="N390808" s="10"/>
    </row>
    <row r="390809" spans="14:14">
      <c r="N390809" s="10"/>
    </row>
    <row r="390810" spans="14:14">
      <c r="N390810" s="10"/>
    </row>
    <row r="390811" spans="14:14">
      <c r="N390811" s="10"/>
    </row>
    <row r="390812" spans="14:14">
      <c r="N390812" s="10"/>
    </row>
    <row r="390813" spans="14:14">
      <c r="N390813" s="10"/>
    </row>
    <row r="390814" spans="14:14">
      <c r="N390814" s="10"/>
    </row>
    <row r="390815" spans="14:14">
      <c r="N390815" s="10"/>
    </row>
    <row r="390816" spans="14:14">
      <c r="N390816" s="10"/>
    </row>
    <row r="390817" spans="14:14">
      <c r="N390817" s="10"/>
    </row>
    <row r="390818" spans="14:14">
      <c r="N390818" s="10"/>
    </row>
    <row r="390819" spans="14:14">
      <c r="N390819" s="10"/>
    </row>
    <row r="390820" spans="14:14">
      <c r="N390820" s="10"/>
    </row>
    <row r="390821" spans="14:14">
      <c r="N390821" s="10"/>
    </row>
    <row r="390822" spans="14:14">
      <c r="N390822" s="10"/>
    </row>
    <row r="390823" spans="14:14">
      <c r="N390823" s="10"/>
    </row>
    <row r="390824" spans="14:14">
      <c r="N390824" s="10"/>
    </row>
    <row r="390825" spans="14:14">
      <c r="N390825" s="10"/>
    </row>
    <row r="390826" spans="14:14">
      <c r="N390826" s="10"/>
    </row>
    <row r="390827" spans="14:14">
      <c r="N390827" s="10"/>
    </row>
    <row r="390828" spans="14:14">
      <c r="N390828" s="10"/>
    </row>
    <row r="390829" spans="14:14">
      <c r="N390829" s="10"/>
    </row>
    <row r="390830" spans="14:14">
      <c r="N390830" s="10"/>
    </row>
    <row r="390831" spans="14:14">
      <c r="N390831" s="10"/>
    </row>
    <row r="390832" spans="14:14">
      <c r="N390832" s="10"/>
    </row>
    <row r="390833" spans="14:14">
      <c r="N390833" s="10"/>
    </row>
    <row r="390834" spans="14:14">
      <c r="N390834" s="10"/>
    </row>
    <row r="390835" spans="14:14">
      <c r="N390835" s="10"/>
    </row>
    <row r="390836" spans="14:14">
      <c r="N390836" s="10"/>
    </row>
    <row r="390837" spans="14:14">
      <c r="N390837" s="10"/>
    </row>
    <row r="390838" spans="14:14">
      <c r="N390838" s="10"/>
    </row>
    <row r="390839" spans="14:14">
      <c r="N390839" s="10"/>
    </row>
    <row r="390840" spans="14:14">
      <c r="N390840" s="10"/>
    </row>
    <row r="390841" spans="14:14">
      <c r="N390841" s="10"/>
    </row>
    <row r="390842" spans="14:14">
      <c r="N390842" s="10"/>
    </row>
    <row r="390843" spans="14:14">
      <c r="N390843" s="10"/>
    </row>
    <row r="390844" spans="14:14">
      <c r="N390844" s="10"/>
    </row>
    <row r="390845" spans="14:14">
      <c r="N390845" s="10"/>
    </row>
    <row r="390846" spans="14:14">
      <c r="N390846" s="10"/>
    </row>
    <row r="390847" spans="14:14">
      <c r="N390847" s="10"/>
    </row>
    <row r="390848" spans="14:14">
      <c r="N390848" s="10"/>
    </row>
    <row r="390849" spans="14:14">
      <c r="N390849" s="10"/>
    </row>
    <row r="390850" spans="14:14">
      <c r="N390850" s="10"/>
    </row>
    <row r="390851" spans="14:14">
      <c r="N390851" s="10"/>
    </row>
    <row r="390852" spans="14:14">
      <c r="N390852" s="10"/>
    </row>
    <row r="390853" spans="14:14">
      <c r="N390853" s="10"/>
    </row>
    <row r="390854" spans="14:14">
      <c r="N390854" s="10"/>
    </row>
    <row r="390855" spans="14:14">
      <c r="N390855" s="10"/>
    </row>
    <row r="390856" spans="14:14">
      <c r="N390856" s="10"/>
    </row>
    <row r="390857" spans="14:14">
      <c r="N390857" s="10"/>
    </row>
    <row r="390858" spans="14:14">
      <c r="N390858" s="10"/>
    </row>
    <row r="390859" spans="14:14">
      <c r="N390859" s="10"/>
    </row>
    <row r="390860" spans="14:14">
      <c r="N390860" s="10"/>
    </row>
    <row r="390861" spans="14:14">
      <c r="N390861" s="10"/>
    </row>
    <row r="390862" spans="14:14">
      <c r="N390862" s="10"/>
    </row>
    <row r="390863" spans="14:14">
      <c r="N390863" s="10"/>
    </row>
    <row r="390864" spans="14:14">
      <c r="N390864" s="10"/>
    </row>
    <row r="390865" spans="14:14">
      <c r="N390865" s="10"/>
    </row>
    <row r="390866" spans="14:14">
      <c r="N390866" s="10"/>
    </row>
    <row r="390867" spans="14:14">
      <c r="N390867" s="10"/>
    </row>
    <row r="390868" spans="14:14">
      <c r="N390868" s="10"/>
    </row>
    <row r="390869" spans="14:14">
      <c r="N390869" s="10"/>
    </row>
    <row r="390870" spans="14:14">
      <c r="N390870" s="10"/>
    </row>
    <row r="390871" spans="14:14">
      <c r="N390871" s="10"/>
    </row>
    <row r="390872" spans="14:14">
      <c r="N390872" s="10"/>
    </row>
    <row r="390873" spans="14:14">
      <c r="N390873" s="10"/>
    </row>
    <row r="390874" spans="14:14">
      <c r="N390874" s="10"/>
    </row>
    <row r="390875" spans="14:14">
      <c r="N390875" s="10"/>
    </row>
    <row r="390876" spans="14:14">
      <c r="N390876" s="10"/>
    </row>
    <row r="390877" spans="14:14">
      <c r="N390877" s="10"/>
    </row>
    <row r="390878" spans="14:14">
      <c r="N390878" s="10"/>
    </row>
    <row r="390879" spans="14:14">
      <c r="N390879" s="10"/>
    </row>
    <row r="390880" spans="14:14">
      <c r="N390880" s="10"/>
    </row>
    <row r="390881" spans="14:14">
      <c r="N390881" s="10"/>
    </row>
    <row r="390882" spans="14:14">
      <c r="N390882" s="10"/>
    </row>
    <row r="390883" spans="14:14">
      <c r="N390883" s="10"/>
    </row>
    <row r="390884" spans="14:14">
      <c r="N390884" s="10"/>
    </row>
    <row r="390885" spans="14:14">
      <c r="N390885" s="10"/>
    </row>
    <row r="390886" spans="14:14">
      <c r="N390886" s="10"/>
    </row>
    <row r="390887" spans="14:14">
      <c r="N390887" s="10"/>
    </row>
    <row r="390888" spans="14:14">
      <c r="N390888" s="10"/>
    </row>
    <row r="390889" spans="14:14">
      <c r="N390889" s="10"/>
    </row>
    <row r="390890" spans="14:14">
      <c r="N390890" s="10"/>
    </row>
    <row r="390891" spans="14:14">
      <c r="N390891" s="10"/>
    </row>
    <row r="390892" spans="14:14">
      <c r="N390892" s="10"/>
    </row>
    <row r="390893" spans="14:14">
      <c r="N390893" s="10"/>
    </row>
    <row r="390894" spans="14:14">
      <c r="N390894" s="10"/>
    </row>
    <row r="390895" spans="14:14">
      <c r="N390895" s="10"/>
    </row>
    <row r="390896" spans="14:14">
      <c r="N390896" s="10"/>
    </row>
    <row r="390897" spans="14:14">
      <c r="N390897" s="10"/>
    </row>
    <row r="390898" spans="14:14">
      <c r="N390898" s="10"/>
    </row>
    <row r="390899" spans="14:14">
      <c r="N390899" s="10"/>
    </row>
    <row r="390900" spans="14:14">
      <c r="N390900" s="10"/>
    </row>
    <row r="390901" spans="14:14">
      <c r="N390901" s="10"/>
    </row>
    <row r="390902" spans="14:14">
      <c r="N390902" s="10"/>
    </row>
    <row r="390903" spans="14:14">
      <c r="N390903" s="10"/>
    </row>
    <row r="390904" spans="14:14">
      <c r="N390904" s="10"/>
    </row>
    <row r="390905" spans="14:14">
      <c r="N390905" s="10"/>
    </row>
    <row r="390906" spans="14:14">
      <c r="N390906" s="10"/>
    </row>
    <row r="390907" spans="14:14">
      <c r="N390907" s="10"/>
    </row>
    <row r="390908" spans="14:14">
      <c r="N390908" s="10"/>
    </row>
    <row r="390909" spans="14:14">
      <c r="N390909" s="10"/>
    </row>
    <row r="390910" spans="14:14">
      <c r="N390910" s="10"/>
    </row>
    <row r="390911" spans="14:14">
      <c r="N390911" s="10"/>
    </row>
    <row r="390912" spans="14:14">
      <c r="N390912" s="10"/>
    </row>
    <row r="390913" spans="14:14">
      <c r="N390913" s="10"/>
    </row>
    <row r="390914" spans="14:14">
      <c r="N390914" s="10"/>
    </row>
    <row r="390915" spans="14:14">
      <c r="N390915" s="10"/>
    </row>
    <row r="390916" spans="14:14">
      <c r="N390916" s="10"/>
    </row>
    <row r="390917" spans="14:14">
      <c r="N390917" s="10"/>
    </row>
    <row r="390918" spans="14:14">
      <c r="N390918" s="10"/>
    </row>
    <row r="390919" spans="14:14">
      <c r="N390919" s="10"/>
    </row>
    <row r="390920" spans="14:14">
      <c r="N390920" s="10"/>
    </row>
    <row r="390921" spans="14:14">
      <c r="N390921" s="10"/>
    </row>
    <row r="390922" spans="14:14">
      <c r="N390922" s="10"/>
    </row>
    <row r="390923" spans="14:14">
      <c r="N390923" s="10"/>
    </row>
    <row r="390924" spans="14:14">
      <c r="N390924" s="10"/>
    </row>
    <row r="390925" spans="14:14">
      <c r="N390925" s="10"/>
    </row>
    <row r="390926" spans="14:14">
      <c r="N390926" s="10"/>
    </row>
    <row r="390927" spans="14:14">
      <c r="N390927" s="10"/>
    </row>
    <row r="390928" spans="14:14">
      <c r="N390928" s="10"/>
    </row>
    <row r="390929" spans="14:14">
      <c r="N390929" s="10"/>
    </row>
    <row r="390930" spans="14:14">
      <c r="N390930" s="10"/>
    </row>
    <row r="390931" spans="14:14">
      <c r="N390931" s="10"/>
    </row>
    <row r="390932" spans="14:14">
      <c r="N390932" s="10"/>
    </row>
    <row r="390933" spans="14:14">
      <c r="N390933" s="10"/>
    </row>
    <row r="390934" spans="14:14">
      <c r="N390934" s="10"/>
    </row>
    <row r="390935" spans="14:14">
      <c r="N390935" s="10"/>
    </row>
    <row r="390936" spans="14:14">
      <c r="N390936" s="10"/>
    </row>
    <row r="390937" spans="14:14">
      <c r="N390937" s="10"/>
    </row>
    <row r="390938" spans="14:14">
      <c r="N390938" s="10"/>
    </row>
    <row r="390939" spans="14:14">
      <c r="N390939" s="10"/>
    </row>
    <row r="390940" spans="14:14">
      <c r="N390940" s="10"/>
    </row>
    <row r="390941" spans="14:14">
      <c r="N390941" s="10"/>
    </row>
    <row r="390942" spans="14:14">
      <c r="N390942" s="10"/>
    </row>
    <row r="390943" spans="14:14">
      <c r="N390943" s="10"/>
    </row>
    <row r="390944" spans="14:14">
      <c r="N390944" s="10"/>
    </row>
    <row r="390945" spans="14:14">
      <c r="N390945" s="10"/>
    </row>
    <row r="390946" spans="14:14">
      <c r="N390946" s="10"/>
    </row>
    <row r="390947" spans="14:14">
      <c r="N390947" s="10"/>
    </row>
    <row r="390948" spans="14:14">
      <c r="N390948" s="10"/>
    </row>
    <row r="390949" spans="14:14">
      <c r="N390949" s="10"/>
    </row>
    <row r="390950" spans="14:14">
      <c r="N390950" s="10"/>
    </row>
    <row r="390951" spans="14:14">
      <c r="N390951" s="10"/>
    </row>
    <row r="390952" spans="14:14">
      <c r="N390952" s="10"/>
    </row>
    <row r="390953" spans="14:14">
      <c r="N390953" s="10"/>
    </row>
    <row r="390954" spans="14:14">
      <c r="N390954" s="10"/>
    </row>
    <row r="390955" spans="14:14">
      <c r="N390955" s="10"/>
    </row>
    <row r="390956" spans="14:14">
      <c r="N390956" s="10"/>
    </row>
    <row r="390957" spans="14:14">
      <c r="N390957" s="10"/>
    </row>
    <row r="390958" spans="14:14">
      <c r="N390958" s="10"/>
    </row>
    <row r="390959" spans="14:14">
      <c r="N390959" s="10"/>
    </row>
    <row r="390960" spans="14:14">
      <c r="N390960" s="10"/>
    </row>
    <row r="390961" spans="14:14">
      <c r="N390961" s="10"/>
    </row>
    <row r="390962" spans="14:14">
      <c r="N390962" s="10"/>
    </row>
    <row r="390963" spans="14:14">
      <c r="N390963" s="10"/>
    </row>
    <row r="390964" spans="14:14">
      <c r="N390964" s="10"/>
    </row>
    <row r="390965" spans="14:14">
      <c r="N390965" s="10"/>
    </row>
    <row r="390966" spans="14:14">
      <c r="N390966" s="10"/>
    </row>
    <row r="390967" spans="14:14">
      <c r="N390967" s="10"/>
    </row>
    <row r="390968" spans="14:14">
      <c r="N390968" s="10"/>
    </row>
    <row r="390969" spans="14:14">
      <c r="N390969" s="10"/>
    </row>
    <row r="390970" spans="14:14">
      <c r="N390970" s="10"/>
    </row>
    <row r="390971" spans="14:14">
      <c r="N390971" s="10"/>
    </row>
    <row r="390972" spans="14:14">
      <c r="N390972" s="10"/>
    </row>
    <row r="390973" spans="14:14">
      <c r="N390973" s="10"/>
    </row>
    <row r="390974" spans="14:14">
      <c r="N390974" s="10"/>
    </row>
    <row r="390975" spans="14:14">
      <c r="N390975" s="10"/>
    </row>
    <row r="390976" spans="14:14">
      <c r="N390976" s="10"/>
    </row>
    <row r="390977" spans="14:14">
      <c r="N390977" s="10"/>
    </row>
    <row r="390978" spans="14:14">
      <c r="N390978" s="10"/>
    </row>
    <row r="390979" spans="14:14">
      <c r="N390979" s="10"/>
    </row>
    <row r="390980" spans="14:14">
      <c r="N390980" s="10"/>
    </row>
    <row r="390981" spans="14:14">
      <c r="N390981" s="10"/>
    </row>
    <row r="390982" spans="14:14">
      <c r="N390982" s="10"/>
    </row>
    <row r="390983" spans="14:14">
      <c r="N390983" s="10"/>
    </row>
    <row r="390984" spans="14:14">
      <c r="N390984" s="10"/>
    </row>
    <row r="390985" spans="14:14">
      <c r="N390985" s="10"/>
    </row>
    <row r="390986" spans="14:14">
      <c r="N390986" s="10"/>
    </row>
    <row r="390987" spans="14:14">
      <c r="N390987" s="10"/>
    </row>
    <row r="390988" spans="14:14">
      <c r="N390988" s="10"/>
    </row>
    <row r="390989" spans="14:14">
      <c r="N390989" s="10"/>
    </row>
    <row r="390990" spans="14:14">
      <c r="N390990" s="10"/>
    </row>
    <row r="390991" spans="14:14">
      <c r="N390991" s="10"/>
    </row>
    <row r="390992" spans="14:14">
      <c r="N390992" s="10"/>
    </row>
    <row r="390993" spans="14:14">
      <c r="N390993" s="10"/>
    </row>
    <row r="390994" spans="14:14">
      <c r="N390994" s="10"/>
    </row>
    <row r="390995" spans="14:14">
      <c r="N390995" s="10"/>
    </row>
    <row r="390996" spans="14:14">
      <c r="N390996" s="10"/>
    </row>
    <row r="390997" spans="14:14">
      <c r="N390997" s="10"/>
    </row>
    <row r="390998" spans="14:14">
      <c r="N390998" s="10"/>
    </row>
    <row r="390999" spans="14:14">
      <c r="N390999" s="10"/>
    </row>
    <row r="391000" spans="14:14">
      <c r="N391000" s="10"/>
    </row>
    <row r="391001" spans="14:14">
      <c r="N391001" s="10"/>
    </row>
    <row r="391002" spans="14:14">
      <c r="N391002" s="10"/>
    </row>
    <row r="391003" spans="14:14">
      <c r="N391003" s="10"/>
    </row>
    <row r="391004" spans="14:14">
      <c r="N391004" s="10"/>
    </row>
    <row r="391005" spans="14:14">
      <c r="N391005" s="10"/>
    </row>
    <row r="391006" spans="14:14">
      <c r="N391006" s="10"/>
    </row>
    <row r="391007" spans="14:14">
      <c r="N391007" s="10"/>
    </row>
    <row r="391008" spans="14:14">
      <c r="N391008" s="10"/>
    </row>
    <row r="391009" spans="14:14">
      <c r="N391009" s="10"/>
    </row>
    <row r="391010" spans="14:14">
      <c r="N391010" s="10"/>
    </row>
    <row r="391011" spans="14:14">
      <c r="N391011" s="10"/>
    </row>
    <row r="391012" spans="14:14">
      <c r="N391012" s="10"/>
    </row>
    <row r="391013" spans="14:14">
      <c r="N391013" s="10"/>
    </row>
    <row r="391014" spans="14:14">
      <c r="N391014" s="10"/>
    </row>
    <row r="391015" spans="14:14">
      <c r="N391015" s="10"/>
    </row>
    <row r="391016" spans="14:14">
      <c r="N391016" s="10"/>
    </row>
    <row r="391017" spans="14:14">
      <c r="N391017" s="10"/>
    </row>
    <row r="391018" spans="14:14">
      <c r="N391018" s="10"/>
    </row>
    <row r="391019" spans="14:14">
      <c r="N391019" s="10"/>
    </row>
    <row r="391020" spans="14:14">
      <c r="N391020" s="10"/>
    </row>
    <row r="391021" spans="14:14">
      <c r="N391021" s="10"/>
    </row>
    <row r="391022" spans="14:14">
      <c r="N391022" s="10"/>
    </row>
    <row r="391023" spans="14:14">
      <c r="N391023" s="10"/>
    </row>
    <row r="391024" spans="14:14">
      <c r="N391024" s="10"/>
    </row>
    <row r="391025" spans="14:14">
      <c r="N391025" s="10"/>
    </row>
    <row r="391026" spans="14:14">
      <c r="N391026" s="10"/>
    </row>
    <row r="391027" spans="14:14">
      <c r="N391027" s="10"/>
    </row>
    <row r="391028" spans="14:14">
      <c r="N391028" s="10"/>
    </row>
    <row r="391029" spans="14:14">
      <c r="N391029" s="10"/>
    </row>
    <row r="391030" spans="14:14">
      <c r="N391030" s="10"/>
    </row>
    <row r="391031" spans="14:14">
      <c r="N391031" s="10"/>
    </row>
    <row r="391032" spans="14:14">
      <c r="N391032" s="10"/>
    </row>
    <row r="391033" spans="14:14">
      <c r="N391033" s="10"/>
    </row>
    <row r="391034" spans="14:14">
      <c r="N391034" s="10"/>
    </row>
    <row r="391035" spans="14:14">
      <c r="N391035" s="10"/>
    </row>
    <row r="391036" spans="14:14">
      <c r="N391036" s="10"/>
    </row>
    <row r="391037" spans="14:14">
      <c r="N391037" s="10"/>
    </row>
    <row r="391038" spans="14:14">
      <c r="N391038" s="10"/>
    </row>
    <row r="391039" spans="14:14">
      <c r="N391039" s="10"/>
    </row>
    <row r="391040" spans="14:14">
      <c r="N391040" s="10"/>
    </row>
    <row r="391041" spans="14:14">
      <c r="N391041" s="10"/>
    </row>
    <row r="391042" spans="14:14">
      <c r="N391042" s="10"/>
    </row>
    <row r="391043" spans="14:14">
      <c r="N391043" s="10"/>
    </row>
    <row r="391044" spans="14:14">
      <c r="N391044" s="10"/>
    </row>
    <row r="391045" spans="14:14">
      <c r="N391045" s="10"/>
    </row>
    <row r="391046" spans="14:14">
      <c r="N391046" s="10"/>
    </row>
    <row r="391047" spans="14:14">
      <c r="N391047" s="10"/>
    </row>
    <row r="391048" spans="14:14">
      <c r="N391048" s="10"/>
    </row>
    <row r="391049" spans="14:14">
      <c r="N391049" s="10"/>
    </row>
    <row r="391050" spans="14:14">
      <c r="N391050" s="10"/>
    </row>
    <row r="391051" spans="14:14">
      <c r="N391051" s="10"/>
    </row>
    <row r="391052" spans="14:14">
      <c r="N391052" s="10"/>
    </row>
    <row r="391053" spans="14:14">
      <c r="N391053" s="10"/>
    </row>
    <row r="391054" spans="14:14">
      <c r="N391054" s="10"/>
    </row>
    <row r="391055" spans="14:14">
      <c r="N391055" s="10"/>
    </row>
    <row r="391056" spans="14:14">
      <c r="N391056" s="10"/>
    </row>
    <row r="391057" spans="14:14">
      <c r="N391057" s="10"/>
    </row>
    <row r="391058" spans="14:14">
      <c r="N391058" s="10"/>
    </row>
    <row r="391059" spans="14:14">
      <c r="N391059" s="10"/>
    </row>
    <row r="391060" spans="14:14">
      <c r="N391060" s="10"/>
    </row>
    <row r="391061" spans="14:14">
      <c r="N391061" s="10"/>
    </row>
    <row r="391062" spans="14:14">
      <c r="N391062" s="10"/>
    </row>
    <row r="391063" spans="14:14">
      <c r="N391063" s="10"/>
    </row>
    <row r="391064" spans="14:14">
      <c r="N391064" s="10"/>
    </row>
    <row r="391065" spans="14:14">
      <c r="N391065" s="10"/>
    </row>
    <row r="391066" spans="14:14">
      <c r="N391066" s="10"/>
    </row>
    <row r="391067" spans="14:14">
      <c r="N391067" s="10"/>
    </row>
    <row r="391068" spans="14:14">
      <c r="N391068" s="10"/>
    </row>
    <row r="391069" spans="14:14">
      <c r="N391069" s="10"/>
    </row>
    <row r="391070" spans="14:14">
      <c r="N391070" s="10"/>
    </row>
    <row r="391071" spans="14:14">
      <c r="N391071" s="10"/>
    </row>
    <row r="391072" spans="14:14">
      <c r="N391072" s="10"/>
    </row>
    <row r="391073" spans="14:14">
      <c r="N391073" s="10"/>
    </row>
    <row r="391074" spans="14:14">
      <c r="N391074" s="10"/>
    </row>
    <row r="391075" spans="14:14">
      <c r="N391075" s="10"/>
    </row>
    <row r="391076" spans="14:14">
      <c r="N391076" s="10"/>
    </row>
    <row r="391077" spans="14:14">
      <c r="N391077" s="10"/>
    </row>
    <row r="391078" spans="14:14">
      <c r="N391078" s="10"/>
    </row>
    <row r="391079" spans="14:14">
      <c r="N391079" s="10"/>
    </row>
    <row r="391080" spans="14:14">
      <c r="N391080" s="10"/>
    </row>
    <row r="391081" spans="14:14">
      <c r="N391081" s="10"/>
    </row>
    <row r="391082" spans="14:14">
      <c r="N391082" s="10"/>
    </row>
    <row r="391083" spans="14:14">
      <c r="N391083" s="10"/>
    </row>
    <row r="391084" spans="14:14">
      <c r="N391084" s="10"/>
    </row>
    <row r="391085" spans="14:14">
      <c r="N391085" s="10"/>
    </row>
    <row r="391086" spans="14:14">
      <c r="N391086" s="10"/>
    </row>
    <row r="391087" spans="14:14">
      <c r="N391087" s="10"/>
    </row>
    <row r="391088" spans="14:14">
      <c r="N391088" s="10"/>
    </row>
    <row r="391089" spans="14:14">
      <c r="N391089" s="10"/>
    </row>
    <row r="391090" spans="14:14">
      <c r="N391090" s="10"/>
    </row>
    <row r="391091" spans="14:14">
      <c r="N391091" s="10"/>
    </row>
    <row r="391092" spans="14:14">
      <c r="N391092" s="10"/>
    </row>
    <row r="391093" spans="14:14">
      <c r="N391093" s="10"/>
    </row>
    <row r="391094" spans="14:14">
      <c r="N391094" s="10"/>
    </row>
    <row r="391095" spans="14:14">
      <c r="N391095" s="10"/>
    </row>
    <row r="391096" spans="14:14">
      <c r="N391096" s="10"/>
    </row>
    <row r="391097" spans="14:14">
      <c r="N391097" s="10"/>
    </row>
    <row r="391098" spans="14:14">
      <c r="N391098" s="10"/>
    </row>
    <row r="391099" spans="14:14">
      <c r="N391099" s="10"/>
    </row>
    <row r="391100" spans="14:14">
      <c r="N391100" s="10"/>
    </row>
    <row r="391101" spans="14:14">
      <c r="N391101" s="10"/>
    </row>
    <row r="391102" spans="14:14">
      <c r="N391102" s="10"/>
    </row>
    <row r="391103" spans="14:14">
      <c r="N391103" s="10"/>
    </row>
    <row r="391104" spans="14:14">
      <c r="N391104" s="10"/>
    </row>
    <row r="391105" spans="14:14">
      <c r="N391105" s="10"/>
    </row>
    <row r="391106" spans="14:14">
      <c r="N391106" s="10"/>
    </row>
    <row r="391107" spans="14:14">
      <c r="N391107" s="10"/>
    </row>
    <row r="391108" spans="14:14">
      <c r="N391108" s="10"/>
    </row>
    <row r="391109" spans="14:14">
      <c r="N391109" s="10"/>
    </row>
    <row r="391110" spans="14:14">
      <c r="N391110" s="10"/>
    </row>
    <row r="391111" spans="14:14">
      <c r="N391111" s="10"/>
    </row>
    <row r="391112" spans="14:14">
      <c r="N391112" s="10"/>
    </row>
    <row r="391113" spans="14:14">
      <c r="N391113" s="10"/>
    </row>
    <row r="391114" spans="14:14">
      <c r="N391114" s="10"/>
    </row>
    <row r="391115" spans="14:14">
      <c r="N391115" s="10"/>
    </row>
    <row r="391116" spans="14:14">
      <c r="N391116" s="10"/>
    </row>
    <row r="391117" spans="14:14">
      <c r="N391117" s="10"/>
    </row>
    <row r="391118" spans="14:14">
      <c r="N391118" s="10"/>
    </row>
    <row r="391119" spans="14:14">
      <c r="N391119" s="10"/>
    </row>
    <row r="391120" spans="14:14">
      <c r="N391120" s="10"/>
    </row>
    <row r="391121" spans="14:14">
      <c r="N391121" s="10"/>
    </row>
    <row r="391122" spans="14:14">
      <c r="N391122" s="10"/>
    </row>
    <row r="391123" spans="14:14">
      <c r="N391123" s="10"/>
    </row>
    <row r="391124" spans="14:14">
      <c r="N391124" s="10"/>
    </row>
    <row r="391125" spans="14:14">
      <c r="N391125" s="10"/>
    </row>
    <row r="391126" spans="14:14">
      <c r="N391126" s="10"/>
    </row>
    <row r="391127" spans="14:14">
      <c r="N391127" s="10"/>
    </row>
    <row r="391128" spans="14:14">
      <c r="N391128" s="10"/>
    </row>
    <row r="391129" spans="14:14">
      <c r="N391129" s="10"/>
    </row>
    <row r="391130" spans="14:14">
      <c r="N391130" s="10"/>
    </row>
    <row r="391131" spans="14:14">
      <c r="N391131" s="10"/>
    </row>
    <row r="391132" spans="14:14">
      <c r="N391132" s="10"/>
    </row>
    <row r="391133" spans="14:14">
      <c r="N391133" s="10"/>
    </row>
    <row r="391134" spans="14:14">
      <c r="N391134" s="10"/>
    </row>
    <row r="391135" spans="14:14">
      <c r="N391135" s="10"/>
    </row>
    <row r="391136" spans="14:14">
      <c r="N391136" s="10"/>
    </row>
    <row r="391137" spans="14:14">
      <c r="N391137" s="10"/>
    </row>
    <row r="391138" spans="14:14">
      <c r="N391138" s="10"/>
    </row>
    <row r="391139" spans="14:14">
      <c r="N391139" s="10"/>
    </row>
    <row r="391140" spans="14:14">
      <c r="N391140" s="10"/>
    </row>
    <row r="391141" spans="14:14">
      <c r="N391141" s="10"/>
    </row>
    <row r="391142" spans="14:14">
      <c r="N391142" s="10"/>
    </row>
    <row r="391143" spans="14:14">
      <c r="N391143" s="10"/>
    </row>
    <row r="391144" spans="14:14">
      <c r="N391144" s="10"/>
    </row>
    <row r="391145" spans="14:14">
      <c r="N391145" s="10"/>
    </row>
    <row r="391146" spans="14:14">
      <c r="N391146" s="10"/>
    </row>
    <row r="391147" spans="14:14">
      <c r="N391147" s="10"/>
    </row>
    <row r="391148" spans="14:14">
      <c r="N391148" s="10"/>
    </row>
    <row r="391149" spans="14:14">
      <c r="N391149" s="10"/>
    </row>
    <row r="391150" spans="14:14">
      <c r="N391150" s="10"/>
    </row>
    <row r="391151" spans="14:14">
      <c r="N391151" s="10"/>
    </row>
    <row r="391152" spans="14:14">
      <c r="N391152" s="10"/>
    </row>
    <row r="391153" spans="14:14">
      <c r="N391153" s="10"/>
    </row>
    <row r="391154" spans="14:14">
      <c r="N391154" s="10"/>
    </row>
    <row r="391155" spans="14:14">
      <c r="N391155" s="10"/>
    </row>
    <row r="391156" spans="14:14">
      <c r="N391156" s="10"/>
    </row>
    <row r="391157" spans="14:14">
      <c r="N391157" s="10"/>
    </row>
    <row r="391158" spans="14:14">
      <c r="N391158" s="10"/>
    </row>
    <row r="391159" spans="14:14">
      <c r="N391159" s="10"/>
    </row>
    <row r="391160" spans="14:14">
      <c r="N391160" s="10"/>
    </row>
    <row r="391161" spans="14:14">
      <c r="N391161" s="10"/>
    </row>
    <row r="391162" spans="14:14">
      <c r="N391162" s="10"/>
    </row>
    <row r="391163" spans="14:14">
      <c r="N391163" s="10"/>
    </row>
    <row r="391164" spans="14:14">
      <c r="N391164" s="10"/>
    </row>
    <row r="391165" spans="14:14">
      <c r="N391165" s="10"/>
    </row>
    <row r="391166" spans="14:14">
      <c r="N391166" s="10"/>
    </row>
    <row r="391167" spans="14:14">
      <c r="N391167" s="10"/>
    </row>
    <row r="391168" spans="14:14">
      <c r="N391168" s="10"/>
    </row>
    <row r="391169" spans="14:14">
      <c r="N391169" s="10"/>
    </row>
    <row r="391170" spans="14:14">
      <c r="N391170" s="10"/>
    </row>
    <row r="391171" spans="14:14">
      <c r="N391171" s="10"/>
    </row>
    <row r="391172" spans="14:14">
      <c r="N391172" s="10"/>
    </row>
    <row r="391173" spans="14:14">
      <c r="N391173" s="10"/>
    </row>
    <row r="391174" spans="14:14">
      <c r="N391174" s="10"/>
    </row>
    <row r="391175" spans="14:14">
      <c r="N391175" s="10"/>
    </row>
    <row r="391176" spans="14:14">
      <c r="N391176" s="10"/>
    </row>
    <row r="391177" spans="14:14">
      <c r="N391177" s="10"/>
    </row>
    <row r="391178" spans="14:14">
      <c r="N391178" s="10"/>
    </row>
    <row r="391179" spans="14:14">
      <c r="N391179" s="10"/>
    </row>
    <row r="391180" spans="14:14">
      <c r="N391180" s="10"/>
    </row>
    <row r="391181" spans="14:14">
      <c r="N391181" s="10"/>
    </row>
    <row r="391182" spans="14:14">
      <c r="N391182" s="10"/>
    </row>
    <row r="391183" spans="14:14">
      <c r="N391183" s="10"/>
    </row>
    <row r="391184" spans="14:14">
      <c r="N391184" s="10"/>
    </row>
    <row r="391185" spans="14:14">
      <c r="N391185" s="10"/>
    </row>
    <row r="391186" spans="14:14">
      <c r="N391186" s="10"/>
    </row>
    <row r="391187" spans="14:14">
      <c r="N391187" s="10"/>
    </row>
    <row r="391188" spans="14:14">
      <c r="N391188" s="10"/>
    </row>
    <row r="391189" spans="14:14">
      <c r="N391189" s="10"/>
    </row>
    <row r="391190" spans="14:14">
      <c r="N391190" s="10"/>
    </row>
    <row r="391191" spans="14:14">
      <c r="N391191" s="10"/>
    </row>
    <row r="391192" spans="14:14">
      <c r="N391192" s="10"/>
    </row>
    <row r="391193" spans="14:14">
      <c r="N391193" s="10"/>
    </row>
    <row r="391194" spans="14:14">
      <c r="N391194" s="10"/>
    </row>
    <row r="391195" spans="14:14">
      <c r="N391195" s="10"/>
    </row>
    <row r="391196" spans="14:14">
      <c r="N391196" s="10"/>
    </row>
    <row r="391197" spans="14:14">
      <c r="N391197" s="10"/>
    </row>
    <row r="391198" spans="14:14">
      <c r="N391198" s="10"/>
    </row>
    <row r="391199" spans="14:14">
      <c r="N391199" s="10"/>
    </row>
    <row r="391200" spans="14:14">
      <c r="N391200" s="10"/>
    </row>
    <row r="391201" spans="14:14">
      <c r="N391201" s="10"/>
    </row>
    <row r="391202" spans="14:14">
      <c r="N391202" s="10"/>
    </row>
    <row r="391203" spans="14:14">
      <c r="N391203" s="10"/>
    </row>
    <row r="391204" spans="14:14">
      <c r="N391204" s="10"/>
    </row>
    <row r="391205" spans="14:14">
      <c r="N391205" s="10"/>
    </row>
    <row r="391206" spans="14:14">
      <c r="N391206" s="10"/>
    </row>
    <row r="391207" spans="14:14">
      <c r="N391207" s="10"/>
    </row>
    <row r="391208" spans="14:14">
      <c r="N391208" s="10"/>
    </row>
    <row r="391209" spans="14:14">
      <c r="N391209" s="10"/>
    </row>
    <row r="391210" spans="14:14">
      <c r="N391210" s="10"/>
    </row>
    <row r="391211" spans="14:14">
      <c r="N391211" s="10"/>
    </row>
    <row r="391212" spans="14:14">
      <c r="N391212" s="10"/>
    </row>
    <row r="391213" spans="14:14">
      <c r="N391213" s="10"/>
    </row>
    <row r="391214" spans="14:14">
      <c r="N391214" s="10"/>
    </row>
    <row r="391215" spans="14:14">
      <c r="N391215" s="10"/>
    </row>
    <row r="391216" spans="14:14">
      <c r="N391216" s="10"/>
    </row>
    <row r="391217" spans="14:14">
      <c r="N391217" s="10"/>
    </row>
    <row r="391218" spans="14:14">
      <c r="N391218" s="10"/>
    </row>
    <row r="391219" spans="14:14">
      <c r="N391219" s="10"/>
    </row>
    <row r="391220" spans="14:14">
      <c r="N391220" s="10"/>
    </row>
    <row r="391221" spans="14:14">
      <c r="N391221" s="10"/>
    </row>
    <row r="391222" spans="14:14">
      <c r="N391222" s="10"/>
    </row>
    <row r="391223" spans="14:14">
      <c r="N391223" s="10"/>
    </row>
    <row r="391224" spans="14:14">
      <c r="N391224" s="10"/>
    </row>
    <row r="391225" spans="14:14">
      <c r="N391225" s="10"/>
    </row>
    <row r="391226" spans="14:14">
      <c r="N391226" s="10"/>
    </row>
    <row r="391227" spans="14:14">
      <c r="N391227" s="10"/>
    </row>
    <row r="391228" spans="14:14">
      <c r="N391228" s="10"/>
    </row>
    <row r="391229" spans="14:14">
      <c r="N391229" s="10"/>
    </row>
    <row r="391230" spans="14:14">
      <c r="N391230" s="10"/>
    </row>
    <row r="391231" spans="14:14">
      <c r="N391231" s="10"/>
    </row>
    <row r="391232" spans="14:14">
      <c r="N391232" s="10"/>
    </row>
    <row r="391233" spans="14:14">
      <c r="N391233" s="10"/>
    </row>
    <row r="391234" spans="14:14">
      <c r="N391234" s="10"/>
    </row>
    <row r="391235" spans="14:14">
      <c r="N391235" s="10"/>
    </row>
    <row r="391236" spans="14:14">
      <c r="N391236" s="10"/>
    </row>
    <row r="391237" spans="14:14">
      <c r="N391237" s="10"/>
    </row>
    <row r="391238" spans="14:14">
      <c r="N391238" s="10"/>
    </row>
    <row r="391239" spans="14:14">
      <c r="N391239" s="10"/>
    </row>
    <row r="391240" spans="14:14">
      <c r="N391240" s="10"/>
    </row>
    <row r="391241" spans="14:14">
      <c r="N391241" s="10"/>
    </row>
    <row r="391242" spans="14:14">
      <c r="N391242" s="10"/>
    </row>
    <row r="391243" spans="14:14">
      <c r="N391243" s="10"/>
    </row>
    <row r="391244" spans="14:14">
      <c r="N391244" s="10"/>
    </row>
    <row r="391245" spans="14:14">
      <c r="N391245" s="10"/>
    </row>
    <row r="391246" spans="14:14">
      <c r="N391246" s="10"/>
    </row>
    <row r="391247" spans="14:14">
      <c r="N391247" s="10"/>
    </row>
    <row r="391248" spans="14:14">
      <c r="N391248" s="10"/>
    </row>
    <row r="391249" spans="14:14">
      <c r="N391249" s="10"/>
    </row>
    <row r="391250" spans="14:14">
      <c r="N391250" s="10"/>
    </row>
    <row r="391251" spans="14:14">
      <c r="N391251" s="10"/>
    </row>
    <row r="391252" spans="14:14">
      <c r="N391252" s="10"/>
    </row>
    <row r="391253" spans="14:14">
      <c r="N391253" s="10"/>
    </row>
    <row r="391254" spans="14:14">
      <c r="N391254" s="10"/>
    </row>
    <row r="391255" spans="14:14">
      <c r="N391255" s="10"/>
    </row>
    <row r="391256" spans="14:14">
      <c r="N391256" s="10"/>
    </row>
    <row r="391257" spans="14:14">
      <c r="N391257" s="10"/>
    </row>
    <row r="391258" spans="14:14">
      <c r="N391258" s="10"/>
    </row>
    <row r="391259" spans="14:14">
      <c r="N391259" s="10"/>
    </row>
    <row r="391260" spans="14:14">
      <c r="N391260" s="10"/>
    </row>
    <row r="391261" spans="14:14">
      <c r="N391261" s="10"/>
    </row>
    <row r="391262" spans="14:14">
      <c r="N391262" s="10"/>
    </row>
    <row r="391263" spans="14:14">
      <c r="N391263" s="10"/>
    </row>
    <row r="391264" spans="14:14">
      <c r="N391264" s="10"/>
    </row>
    <row r="391265" spans="14:14">
      <c r="N391265" s="10"/>
    </row>
    <row r="391266" spans="14:14">
      <c r="N391266" s="10"/>
    </row>
    <row r="391267" spans="14:14">
      <c r="N391267" s="10"/>
    </row>
    <row r="391268" spans="14:14">
      <c r="N391268" s="10"/>
    </row>
    <row r="391269" spans="14:14">
      <c r="N391269" s="10"/>
    </row>
    <row r="391270" spans="14:14">
      <c r="N391270" s="10"/>
    </row>
    <row r="391271" spans="14:14">
      <c r="N391271" s="10"/>
    </row>
    <row r="391272" spans="14:14">
      <c r="N391272" s="10"/>
    </row>
    <row r="391273" spans="14:14">
      <c r="N391273" s="10"/>
    </row>
    <row r="391274" spans="14:14">
      <c r="N391274" s="10"/>
    </row>
    <row r="391275" spans="14:14">
      <c r="N391275" s="10"/>
    </row>
    <row r="391276" spans="14:14">
      <c r="N391276" s="10"/>
    </row>
    <row r="391277" spans="14:14">
      <c r="N391277" s="10"/>
    </row>
    <row r="391278" spans="14:14">
      <c r="N391278" s="10"/>
    </row>
    <row r="391279" spans="14:14">
      <c r="N391279" s="10"/>
    </row>
    <row r="391280" spans="14:14">
      <c r="N391280" s="10"/>
    </row>
    <row r="391281" spans="14:14">
      <c r="N391281" s="10"/>
    </row>
    <row r="391282" spans="14:14">
      <c r="N391282" s="10"/>
    </row>
    <row r="391283" spans="14:14">
      <c r="N391283" s="10"/>
    </row>
    <row r="391284" spans="14:14">
      <c r="N391284" s="10"/>
    </row>
    <row r="391285" spans="14:14">
      <c r="N391285" s="10"/>
    </row>
    <row r="391286" spans="14:14">
      <c r="N391286" s="10"/>
    </row>
    <row r="391287" spans="14:14">
      <c r="N391287" s="10"/>
    </row>
    <row r="391288" spans="14:14">
      <c r="N391288" s="10"/>
    </row>
    <row r="391289" spans="14:14">
      <c r="N391289" s="10"/>
    </row>
    <row r="391290" spans="14:14">
      <c r="N391290" s="10"/>
    </row>
    <row r="391291" spans="14:14">
      <c r="N391291" s="10"/>
    </row>
    <row r="391292" spans="14:14">
      <c r="N391292" s="10"/>
    </row>
    <row r="391293" spans="14:14">
      <c r="N391293" s="10"/>
    </row>
    <row r="391294" spans="14:14">
      <c r="N391294" s="10"/>
    </row>
    <row r="391295" spans="14:14">
      <c r="N391295" s="10"/>
    </row>
    <row r="391296" spans="14:14">
      <c r="N391296" s="10"/>
    </row>
    <row r="391297" spans="14:14">
      <c r="N391297" s="10"/>
    </row>
    <row r="391298" spans="14:14">
      <c r="N391298" s="10"/>
    </row>
    <row r="391299" spans="14:14">
      <c r="N391299" s="10"/>
    </row>
    <row r="391300" spans="14:14">
      <c r="N391300" s="10"/>
    </row>
    <row r="391301" spans="14:14">
      <c r="N391301" s="10"/>
    </row>
    <row r="391302" spans="14:14">
      <c r="N391302" s="10"/>
    </row>
    <row r="391303" spans="14:14">
      <c r="N391303" s="10"/>
    </row>
    <row r="391304" spans="14:14">
      <c r="N391304" s="10"/>
    </row>
    <row r="391305" spans="14:14">
      <c r="N391305" s="10"/>
    </row>
    <row r="391306" spans="14:14">
      <c r="N391306" s="10"/>
    </row>
    <row r="391307" spans="14:14">
      <c r="N391307" s="10"/>
    </row>
    <row r="391308" spans="14:14">
      <c r="N391308" s="10"/>
    </row>
    <row r="391309" spans="14:14">
      <c r="N391309" s="10"/>
    </row>
    <row r="391310" spans="14:14">
      <c r="N391310" s="10"/>
    </row>
    <row r="391311" spans="14:14">
      <c r="N391311" s="10"/>
    </row>
    <row r="391312" spans="14:14">
      <c r="N391312" s="10"/>
    </row>
    <row r="391313" spans="14:14">
      <c r="N391313" s="10"/>
    </row>
    <row r="391314" spans="14:14">
      <c r="N391314" s="10"/>
    </row>
    <row r="391315" spans="14:14">
      <c r="N391315" s="10"/>
    </row>
    <row r="391316" spans="14:14">
      <c r="N391316" s="10"/>
    </row>
    <row r="391317" spans="14:14">
      <c r="N391317" s="10"/>
    </row>
    <row r="391318" spans="14:14">
      <c r="N391318" s="10"/>
    </row>
    <row r="391319" spans="14:14">
      <c r="N391319" s="10"/>
    </row>
    <row r="391320" spans="14:14">
      <c r="N391320" s="10"/>
    </row>
    <row r="391321" spans="14:14">
      <c r="N391321" s="10"/>
    </row>
    <row r="391322" spans="14:14">
      <c r="N391322" s="10"/>
    </row>
    <row r="391323" spans="14:14">
      <c r="N391323" s="10"/>
    </row>
    <row r="391324" spans="14:14">
      <c r="N391324" s="10"/>
    </row>
    <row r="391325" spans="14:14">
      <c r="N391325" s="10"/>
    </row>
    <row r="391326" spans="14:14">
      <c r="N391326" s="10"/>
    </row>
    <row r="391327" spans="14:14">
      <c r="N391327" s="10"/>
    </row>
    <row r="391328" spans="14:14">
      <c r="N391328" s="10"/>
    </row>
    <row r="391329" spans="14:14">
      <c r="N391329" s="10"/>
    </row>
    <row r="391330" spans="14:14">
      <c r="N391330" s="10"/>
    </row>
    <row r="391331" spans="14:14">
      <c r="N391331" s="10"/>
    </row>
    <row r="391332" spans="14:14">
      <c r="N391332" s="10"/>
    </row>
    <row r="391333" spans="14:14">
      <c r="N391333" s="10"/>
    </row>
    <row r="391334" spans="14:14">
      <c r="N391334" s="10"/>
    </row>
    <row r="391335" spans="14:14">
      <c r="N391335" s="10"/>
    </row>
    <row r="391336" spans="14:14">
      <c r="N391336" s="10"/>
    </row>
    <row r="391337" spans="14:14">
      <c r="N391337" s="10"/>
    </row>
    <row r="391338" spans="14:14">
      <c r="N391338" s="10"/>
    </row>
    <row r="391339" spans="14:14">
      <c r="N391339" s="10"/>
    </row>
    <row r="391340" spans="14:14">
      <c r="N391340" s="10"/>
    </row>
    <row r="391341" spans="14:14">
      <c r="N391341" s="10"/>
    </row>
    <row r="391342" spans="14:14">
      <c r="N391342" s="10"/>
    </row>
    <row r="391343" spans="14:14">
      <c r="N391343" s="10"/>
    </row>
    <row r="391344" spans="14:14">
      <c r="N391344" s="10"/>
    </row>
    <row r="391345" spans="14:14">
      <c r="N391345" s="10"/>
    </row>
    <row r="391346" spans="14:14">
      <c r="N391346" s="10"/>
    </row>
    <row r="391347" spans="14:14">
      <c r="N391347" s="10"/>
    </row>
    <row r="391348" spans="14:14">
      <c r="N391348" s="10"/>
    </row>
    <row r="391349" spans="14:14">
      <c r="N391349" s="10"/>
    </row>
    <row r="391350" spans="14:14">
      <c r="N391350" s="10"/>
    </row>
    <row r="391351" spans="14:14">
      <c r="N391351" s="10"/>
    </row>
    <row r="391352" spans="14:14">
      <c r="N391352" s="10"/>
    </row>
    <row r="391353" spans="14:14">
      <c r="N391353" s="10"/>
    </row>
    <row r="391354" spans="14:14">
      <c r="N391354" s="10"/>
    </row>
    <row r="391355" spans="14:14">
      <c r="N391355" s="10"/>
    </row>
    <row r="391356" spans="14:14">
      <c r="N391356" s="10"/>
    </row>
    <row r="391357" spans="14:14">
      <c r="N391357" s="10"/>
    </row>
    <row r="391358" spans="14:14">
      <c r="N391358" s="10"/>
    </row>
    <row r="391359" spans="14:14">
      <c r="N391359" s="10"/>
    </row>
    <row r="391360" spans="14:14">
      <c r="N391360" s="10"/>
    </row>
    <row r="391361" spans="14:14">
      <c r="N391361" s="10"/>
    </row>
    <row r="391362" spans="14:14">
      <c r="N391362" s="10"/>
    </row>
    <row r="391363" spans="14:14">
      <c r="N391363" s="10"/>
    </row>
    <row r="391364" spans="14:14">
      <c r="N391364" s="10"/>
    </row>
    <row r="391365" spans="14:14">
      <c r="N391365" s="10"/>
    </row>
    <row r="391366" spans="14:14">
      <c r="N391366" s="10"/>
    </row>
    <row r="391367" spans="14:14">
      <c r="N391367" s="10"/>
    </row>
    <row r="391368" spans="14:14">
      <c r="N391368" s="10"/>
    </row>
    <row r="391369" spans="14:14">
      <c r="N391369" s="10"/>
    </row>
    <row r="391370" spans="14:14">
      <c r="N391370" s="10"/>
    </row>
    <row r="391371" spans="14:14">
      <c r="N391371" s="10"/>
    </row>
    <row r="391372" spans="14:14">
      <c r="N391372" s="10"/>
    </row>
    <row r="391373" spans="14:14">
      <c r="N391373" s="10"/>
    </row>
    <row r="391374" spans="14:14">
      <c r="N391374" s="10"/>
    </row>
    <row r="391375" spans="14:14">
      <c r="N391375" s="10"/>
    </row>
    <row r="391376" spans="14:14">
      <c r="N391376" s="10"/>
    </row>
    <row r="391377" spans="14:14">
      <c r="N391377" s="10"/>
    </row>
    <row r="391378" spans="14:14">
      <c r="N391378" s="10"/>
    </row>
    <row r="391379" spans="14:14">
      <c r="N391379" s="10"/>
    </row>
    <row r="391380" spans="14:14">
      <c r="N391380" s="10"/>
    </row>
    <row r="391381" spans="14:14">
      <c r="N391381" s="10"/>
    </row>
    <row r="391382" spans="14:14">
      <c r="N391382" s="10"/>
    </row>
    <row r="391383" spans="14:14">
      <c r="N391383" s="10"/>
    </row>
    <row r="391384" spans="14:14">
      <c r="N391384" s="10"/>
    </row>
    <row r="391385" spans="14:14">
      <c r="N391385" s="10"/>
    </row>
    <row r="391386" spans="14:14">
      <c r="N391386" s="10"/>
    </row>
    <row r="391387" spans="14:14">
      <c r="N391387" s="10"/>
    </row>
    <row r="391388" spans="14:14">
      <c r="N391388" s="10"/>
    </row>
    <row r="391389" spans="14:14">
      <c r="N391389" s="10"/>
    </row>
    <row r="391390" spans="14:14">
      <c r="N391390" s="10"/>
    </row>
    <row r="391391" spans="14:14">
      <c r="N391391" s="10"/>
    </row>
    <row r="391392" spans="14:14">
      <c r="N391392" s="10"/>
    </row>
    <row r="391393" spans="14:14">
      <c r="N391393" s="10"/>
    </row>
    <row r="391394" spans="14:14">
      <c r="N391394" s="10"/>
    </row>
    <row r="391395" spans="14:14">
      <c r="N391395" s="10"/>
    </row>
    <row r="391396" spans="14:14">
      <c r="N391396" s="10"/>
    </row>
    <row r="391397" spans="14:14">
      <c r="N391397" s="10"/>
    </row>
    <row r="391398" spans="14:14">
      <c r="N391398" s="10"/>
    </row>
    <row r="391399" spans="14:14">
      <c r="N391399" s="10"/>
    </row>
    <row r="391400" spans="14:14">
      <c r="N391400" s="10"/>
    </row>
    <row r="391401" spans="14:14">
      <c r="N391401" s="10"/>
    </row>
    <row r="391402" spans="14:14">
      <c r="N391402" s="10"/>
    </row>
    <row r="391403" spans="14:14">
      <c r="N391403" s="10"/>
    </row>
    <row r="391404" spans="14:14">
      <c r="N391404" s="10"/>
    </row>
    <row r="391405" spans="14:14">
      <c r="N391405" s="10"/>
    </row>
    <row r="391406" spans="14:14">
      <c r="N391406" s="10"/>
    </row>
    <row r="391407" spans="14:14">
      <c r="N391407" s="10"/>
    </row>
    <row r="391408" spans="14:14">
      <c r="N391408" s="10"/>
    </row>
    <row r="391409" spans="14:14">
      <c r="N391409" s="10"/>
    </row>
    <row r="391410" spans="14:14">
      <c r="N391410" s="10"/>
    </row>
    <row r="391411" spans="14:14">
      <c r="N391411" s="10"/>
    </row>
    <row r="391412" spans="14:14">
      <c r="N391412" s="10"/>
    </row>
    <row r="391413" spans="14:14">
      <c r="N391413" s="10"/>
    </row>
    <row r="391414" spans="14:14">
      <c r="N391414" s="10"/>
    </row>
    <row r="391415" spans="14:14">
      <c r="N391415" s="10"/>
    </row>
    <row r="391416" spans="14:14">
      <c r="N391416" s="10"/>
    </row>
    <row r="391417" spans="14:14">
      <c r="N391417" s="10"/>
    </row>
    <row r="391418" spans="14:14">
      <c r="N391418" s="10"/>
    </row>
    <row r="391419" spans="14:14">
      <c r="N391419" s="10"/>
    </row>
    <row r="391420" spans="14:14">
      <c r="N391420" s="10"/>
    </row>
    <row r="391421" spans="14:14">
      <c r="N391421" s="10"/>
    </row>
    <row r="391422" spans="14:14">
      <c r="N391422" s="10"/>
    </row>
    <row r="391423" spans="14:14">
      <c r="N391423" s="10"/>
    </row>
    <row r="391424" spans="14:14">
      <c r="N391424" s="10"/>
    </row>
    <row r="391425" spans="14:14">
      <c r="N391425" s="10"/>
    </row>
    <row r="391426" spans="14:14">
      <c r="N391426" s="10"/>
    </row>
    <row r="391427" spans="14:14">
      <c r="N391427" s="10"/>
    </row>
    <row r="391428" spans="14:14">
      <c r="N391428" s="10"/>
    </row>
    <row r="391429" spans="14:14">
      <c r="N391429" s="10"/>
    </row>
    <row r="391430" spans="14:14">
      <c r="N391430" s="10"/>
    </row>
    <row r="391431" spans="14:14">
      <c r="N391431" s="10"/>
    </row>
    <row r="391432" spans="14:14">
      <c r="N391432" s="10"/>
    </row>
    <row r="391433" spans="14:14">
      <c r="N391433" s="10"/>
    </row>
    <row r="391434" spans="14:14">
      <c r="N391434" s="10"/>
    </row>
    <row r="391435" spans="14:14">
      <c r="N391435" s="10"/>
    </row>
    <row r="391436" spans="14:14">
      <c r="N391436" s="10"/>
    </row>
    <row r="391437" spans="14:14">
      <c r="N391437" s="10"/>
    </row>
    <row r="391438" spans="14:14">
      <c r="N391438" s="10"/>
    </row>
    <row r="391439" spans="14:14">
      <c r="N391439" s="10"/>
    </row>
    <row r="391440" spans="14:14">
      <c r="N391440" s="10"/>
    </row>
    <row r="391441" spans="14:14">
      <c r="N391441" s="10"/>
    </row>
    <row r="391442" spans="14:14">
      <c r="N391442" s="10"/>
    </row>
    <row r="391443" spans="14:14">
      <c r="N391443" s="10"/>
    </row>
    <row r="391444" spans="14:14">
      <c r="N391444" s="10"/>
    </row>
    <row r="391445" spans="14:14">
      <c r="N391445" s="10"/>
    </row>
    <row r="391446" spans="14:14">
      <c r="N391446" s="10"/>
    </row>
    <row r="391447" spans="14:14">
      <c r="N391447" s="10"/>
    </row>
    <row r="391448" spans="14:14">
      <c r="N391448" s="10"/>
    </row>
    <row r="391449" spans="14:14">
      <c r="N391449" s="10"/>
    </row>
    <row r="391450" spans="14:14">
      <c r="N391450" s="10"/>
    </row>
    <row r="391451" spans="14:14">
      <c r="N391451" s="10"/>
    </row>
    <row r="391452" spans="14:14">
      <c r="N391452" s="10"/>
    </row>
    <row r="391453" spans="14:14">
      <c r="N391453" s="10"/>
    </row>
    <row r="391454" spans="14:14">
      <c r="N391454" s="10"/>
    </row>
    <row r="391455" spans="14:14">
      <c r="N391455" s="10"/>
    </row>
    <row r="391456" spans="14:14">
      <c r="N391456" s="10"/>
    </row>
    <row r="391457" spans="14:14">
      <c r="N391457" s="10"/>
    </row>
    <row r="391458" spans="14:14">
      <c r="N391458" s="10"/>
    </row>
    <row r="391459" spans="14:14">
      <c r="N391459" s="10"/>
    </row>
    <row r="391460" spans="14:14">
      <c r="N391460" s="10"/>
    </row>
    <row r="391461" spans="14:14">
      <c r="N391461" s="10"/>
    </row>
    <row r="391462" spans="14:14">
      <c r="N391462" s="10"/>
    </row>
    <row r="391463" spans="14:14">
      <c r="N391463" s="10"/>
    </row>
    <row r="391464" spans="14:14">
      <c r="N391464" s="10"/>
    </row>
    <row r="391465" spans="14:14">
      <c r="N391465" s="10"/>
    </row>
    <row r="391466" spans="14:14">
      <c r="N391466" s="10"/>
    </row>
    <row r="391467" spans="14:14">
      <c r="N391467" s="10"/>
    </row>
    <row r="391468" spans="14:14">
      <c r="N391468" s="10"/>
    </row>
    <row r="391469" spans="14:14">
      <c r="N391469" s="10"/>
    </row>
    <row r="391470" spans="14:14">
      <c r="N391470" s="10"/>
    </row>
    <row r="391471" spans="14:14">
      <c r="N391471" s="10"/>
    </row>
    <row r="391472" spans="14:14">
      <c r="N391472" s="10"/>
    </row>
    <row r="391473" spans="14:14">
      <c r="N391473" s="10"/>
    </row>
    <row r="391474" spans="14:14">
      <c r="N391474" s="10"/>
    </row>
    <row r="391475" spans="14:14">
      <c r="N391475" s="10"/>
    </row>
    <row r="391476" spans="14:14">
      <c r="N391476" s="10"/>
    </row>
    <row r="391477" spans="14:14">
      <c r="N391477" s="10"/>
    </row>
    <row r="391478" spans="14:14">
      <c r="N391478" s="10"/>
    </row>
    <row r="391479" spans="14:14">
      <c r="N391479" s="10"/>
    </row>
    <row r="391480" spans="14:14">
      <c r="N391480" s="10"/>
    </row>
    <row r="391481" spans="14:14">
      <c r="N391481" s="10"/>
    </row>
    <row r="391482" spans="14:14">
      <c r="N391482" s="10"/>
    </row>
    <row r="391483" spans="14:14">
      <c r="N391483" s="10"/>
    </row>
    <row r="391484" spans="14:14">
      <c r="N391484" s="10"/>
    </row>
    <row r="391485" spans="14:14">
      <c r="N391485" s="10"/>
    </row>
    <row r="391486" spans="14:14">
      <c r="N391486" s="10"/>
    </row>
    <row r="391487" spans="14:14">
      <c r="N391487" s="10"/>
    </row>
    <row r="391488" spans="14:14">
      <c r="N391488" s="10"/>
    </row>
    <row r="391489" spans="14:14">
      <c r="N391489" s="10"/>
    </row>
    <row r="391490" spans="14:14">
      <c r="N391490" s="10"/>
    </row>
    <row r="391491" spans="14:14">
      <c r="N391491" s="10"/>
    </row>
    <row r="391492" spans="14:14">
      <c r="N391492" s="10"/>
    </row>
    <row r="391493" spans="14:14">
      <c r="N391493" s="10"/>
    </row>
    <row r="391494" spans="14:14">
      <c r="N391494" s="10"/>
    </row>
    <row r="391495" spans="14:14">
      <c r="N391495" s="10"/>
    </row>
    <row r="391496" spans="14:14">
      <c r="N391496" s="10"/>
    </row>
    <row r="391497" spans="14:14">
      <c r="N391497" s="10"/>
    </row>
    <row r="391498" spans="14:14">
      <c r="N391498" s="10"/>
    </row>
    <row r="391499" spans="14:14">
      <c r="N391499" s="10"/>
    </row>
    <row r="391500" spans="14:14">
      <c r="N391500" s="10"/>
    </row>
    <row r="391501" spans="14:14">
      <c r="N391501" s="10"/>
    </row>
    <row r="391502" spans="14:14">
      <c r="N391502" s="10"/>
    </row>
    <row r="391503" spans="14:14">
      <c r="N391503" s="10"/>
    </row>
    <row r="391504" spans="14:14">
      <c r="N391504" s="10"/>
    </row>
    <row r="391505" spans="14:14">
      <c r="N391505" s="10"/>
    </row>
    <row r="391506" spans="14:14">
      <c r="N391506" s="10"/>
    </row>
    <row r="391507" spans="14:14">
      <c r="N391507" s="10"/>
    </row>
    <row r="391508" spans="14:14">
      <c r="N391508" s="10"/>
    </row>
    <row r="391509" spans="14:14">
      <c r="N391509" s="10"/>
    </row>
    <row r="391510" spans="14:14">
      <c r="N391510" s="10"/>
    </row>
    <row r="391511" spans="14:14">
      <c r="N391511" s="10"/>
    </row>
    <row r="391512" spans="14:14">
      <c r="N391512" s="10"/>
    </row>
    <row r="391513" spans="14:14">
      <c r="N391513" s="10"/>
    </row>
    <row r="391514" spans="14:14">
      <c r="N391514" s="10"/>
    </row>
    <row r="391515" spans="14:14">
      <c r="N391515" s="10"/>
    </row>
    <row r="391516" spans="14:14">
      <c r="N391516" s="10"/>
    </row>
    <row r="391517" spans="14:14">
      <c r="N391517" s="10"/>
    </row>
    <row r="391518" spans="14:14">
      <c r="N391518" s="10"/>
    </row>
    <row r="391519" spans="14:14">
      <c r="N391519" s="10"/>
    </row>
    <row r="391520" spans="14:14">
      <c r="N391520" s="10"/>
    </row>
    <row r="391521" spans="14:14">
      <c r="N391521" s="10"/>
    </row>
    <row r="391522" spans="14:14">
      <c r="N391522" s="10"/>
    </row>
    <row r="391523" spans="14:14">
      <c r="N391523" s="10"/>
    </row>
    <row r="391524" spans="14:14">
      <c r="N391524" s="10"/>
    </row>
    <row r="391525" spans="14:14">
      <c r="N391525" s="10"/>
    </row>
    <row r="391526" spans="14:14">
      <c r="N391526" s="10"/>
    </row>
    <row r="391527" spans="14:14">
      <c r="N391527" s="10"/>
    </row>
    <row r="391528" spans="14:14">
      <c r="N391528" s="10"/>
    </row>
    <row r="391529" spans="14:14">
      <c r="N391529" s="10"/>
    </row>
    <row r="391530" spans="14:14">
      <c r="N391530" s="10"/>
    </row>
    <row r="391531" spans="14:14">
      <c r="N391531" s="10"/>
    </row>
    <row r="391532" spans="14:14">
      <c r="N391532" s="10"/>
    </row>
    <row r="391533" spans="14:14">
      <c r="N391533" s="10"/>
    </row>
    <row r="391534" spans="14:14">
      <c r="N391534" s="10"/>
    </row>
    <row r="391535" spans="14:14">
      <c r="N391535" s="10"/>
    </row>
    <row r="391536" spans="14:14">
      <c r="N391536" s="10"/>
    </row>
    <row r="391537" spans="14:14">
      <c r="N391537" s="10"/>
    </row>
    <row r="391538" spans="14:14">
      <c r="N391538" s="10"/>
    </row>
    <row r="391539" spans="14:14">
      <c r="N391539" s="10"/>
    </row>
    <row r="391540" spans="14:14">
      <c r="N391540" s="10"/>
    </row>
    <row r="391541" spans="14:14">
      <c r="N391541" s="10"/>
    </row>
    <row r="391542" spans="14:14">
      <c r="N391542" s="10"/>
    </row>
    <row r="391543" spans="14:14">
      <c r="N391543" s="10"/>
    </row>
    <row r="391544" spans="14:14">
      <c r="N391544" s="10"/>
    </row>
    <row r="391545" spans="14:14">
      <c r="N391545" s="10"/>
    </row>
    <row r="391546" spans="14:14">
      <c r="N391546" s="10"/>
    </row>
    <row r="391547" spans="14:14">
      <c r="N391547" s="10"/>
    </row>
    <row r="391548" spans="14:14">
      <c r="N391548" s="10"/>
    </row>
    <row r="391549" spans="14:14">
      <c r="N391549" s="10"/>
    </row>
    <row r="391550" spans="14:14">
      <c r="N391550" s="10"/>
    </row>
    <row r="391551" spans="14:14">
      <c r="N391551" s="10"/>
    </row>
    <row r="391552" spans="14:14">
      <c r="N391552" s="10"/>
    </row>
    <row r="391553" spans="14:14">
      <c r="N391553" s="10"/>
    </row>
    <row r="391554" spans="14:14">
      <c r="N391554" s="10"/>
    </row>
    <row r="391555" spans="14:14">
      <c r="N391555" s="10"/>
    </row>
    <row r="391556" spans="14:14">
      <c r="N391556" s="10"/>
    </row>
    <row r="391557" spans="14:14">
      <c r="N391557" s="10"/>
    </row>
    <row r="391558" spans="14:14">
      <c r="N391558" s="10"/>
    </row>
    <row r="391559" spans="14:14">
      <c r="N391559" s="10"/>
    </row>
    <row r="391560" spans="14:14">
      <c r="N391560" s="10"/>
    </row>
    <row r="391561" spans="14:14">
      <c r="N391561" s="10"/>
    </row>
    <row r="391562" spans="14:14">
      <c r="N391562" s="10"/>
    </row>
    <row r="391563" spans="14:14">
      <c r="N391563" s="10"/>
    </row>
    <row r="391564" spans="14:14">
      <c r="N391564" s="10"/>
    </row>
    <row r="391565" spans="14:14">
      <c r="N391565" s="10"/>
    </row>
    <row r="391566" spans="14:14">
      <c r="N391566" s="10"/>
    </row>
    <row r="391567" spans="14:14">
      <c r="N391567" s="10"/>
    </row>
    <row r="391568" spans="14:14">
      <c r="N391568" s="10"/>
    </row>
    <row r="391569" spans="14:14">
      <c r="N391569" s="10"/>
    </row>
    <row r="391570" spans="14:14">
      <c r="N391570" s="10"/>
    </row>
    <row r="391571" spans="14:14">
      <c r="N391571" s="10"/>
    </row>
    <row r="391572" spans="14:14">
      <c r="N391572" s="10"/>
    </row>
    <row r="391573" spans="14:14">
      <c r="N391573" s="10"/>
    </row>
    <row r="391574" spans="14:14">
      <c r="N391574" s="10"/>
    </row>
    <row r="391575" spans="14:14">
      <c r="N391575" s="10"/>
    </row>
    <row r="391576" spans="14:14">
      <c r="N391576" s="10"/>
    </row>
    <row r="391577" spans="14:14">
      <c r="N391577" s="10"/>
    </row>
    <row r="391578" spans="14:14">
      <c r="N391578" s="10"/>
    </row>
    <row r="391579" spans="14:14">
      <c r="N391579" s="10"/>
    </row>
    <row r="391580" spans="14:14">
      <c r="N391580" s="10"/>
    </row>
    <row r="391581" spans="14:14">
      <c r="N391581" s="10"/>
    </row>
    <row r="391582" spans="14:14">
      <c r="N391582" s="10"/>
    </row>
    <row r="391583" spans="14:14">
      <c r="N391583" s="10"/>
    </row>
    <row r="391584" spans="14:14">
      <c r="N391584" s="10"/>
    </row>
    <row r="391585" spans="14:14">
      <c r="N391585" s="10"/>
    </row>
    <row r="391586" spans="14:14">
      <c r="N391586" s="10"/>
    </row>
    <row r="391587" spans="14:14">
      <c r="N391587" s="10"/>
    </row>
    <row r="391588" spans="14:14">
      <c r="N391588" s="10"/>
    </row>
    <row r="391589" spans="14:14">
      <c r="N391589" s="10"/>
    </row>
    <row r="391590" spans="14:14">
      <c r="N391590" s="10"/>
    </row>
    <row r="391591" spans="14:14">
      <c r="N391591" s="10"/>
    </row>
    <row r="391592" spans="14:14">
      <c r="N391592" s="10"/>
    </row>
    <row r="391593" spans="14:14">
      <c r="N391593" s="10"/>
    </row>
    <row r="391594" spans="14:14">
      <c r="N391594" s="10"/>
    </row>
    <row r="391595" spans="14:14">
      <c r="N391595" s="10"/>
    </row>
    <row r="391596" spans="14:14">
      <c r="N391596" s="10"/>
    </row>
    <row r="391597" spans="14:14">
      <c r="N391597" s="10"/>
    </row>
    <row r="391598" spans="14:14">
      <c r="N391598" s="10"/>
    </row>
    <row r="391599" spans="14:14">
      <c r="N391599" s="10"/>
    </row>
    <row r="391600" spans="14:14">
      <c r="N391600" s="10"/>
    </row>
    <row r="391601" spans="14:14">
      <c r="N391601" s="10"/>
    </row>
    <row r="391602" spans="14:14">
      <c r="N391602" s="10"/>
    </row>
    <row r="391603" spans="14:14">
      <c r="N391603" s="10"/>
    </row>
    <row r="391604" spans="14:14">
      <c r="N391604" s="10"/>
    </row>
    <row r="391605" spans="14:14">
      <c r="N391605" s="10"/>
    </row>
    <row r="391606" spans="14:14">
      <c r="N391606" s="10"/>
    </row>
    <row r="391607" spans="14:14">
      <c r="N391607" s="10"/>
    </row>
    <row r="391608" spans="14:14">
      <c r="N391608" s="10"/>
    </row>
    <row r="391609" spans="14:14">
      <c r="N391609" s="10"/>
    </row>
    <row r="391610" spans="14:14">
      <c r="N391610" s="10"/>
    </row>
    <row r="391611" spans="14:14">
      <c r="N391611" s="10"/>
    </row>
    <row r="391612" spans="14:14">
      <c r="N391612" s="10"/>
    </row>
    <row r="391613" spans="14:14">
      <c r="N391613" s="10"/>
    </row>
    <row r="391614" spans="14:14">
      <c r="N391614" s="10"/>
    </row>
    <row r="391615" spans="14:14">
      <c r="N391615" s="10"/>
    </row>
    <row r="391616" spans="14:14">
      <c r="N391616" s="10"/>
    </row>
    <row r="391617" spans="14:14">
      <c r="N391617" s="10"/>
    </row>
    <row r="391618" spans="14:14">
      <c r="N391618" s="10"/>
    </row>
    <row r="391619" spans="14:14">
      <c r="N391619" s="10"/>
    </row>
    <row r="391620" spans="14:14">
      <c r="N391620" s="10"/>
    </row>
    <row r="391621" spans="14:14">
      <c r="N391621" s="10"/>
    </row>
    <row r="391622" spans="14:14">
      <c r="N391622" s="10"/>
    </row>
    <row r="391623" spans="14:14">
      <c r="N391623" s="10"/>
    </row>
    <row r="391624" spans="14:14">
      <c r="N391624" s="10"/>
    </row>
    <row r="391625" spans="14:14">
      <c r="N391625" s="10"/>
    </row>
    <row r="391626" spans="14:14">
      <c r="N391626" s="10"/>
    </row>
    <row r="391627" spans="14:14">
      <c r="N391627" s="10"/>
    </row>
    <row r="391628" spans="14:14">
      <c r="N391628" s="10"/>
    </row>
    <row r="391629" spans="14:14">
      <c r="N391629" s="10"/>
    </row>
    <row r="391630" spans="14:14">
      <c r="N391630" s="10"/>
    </row>
    <row r="391631" spans="14:14">
      <c r="N391631" s="10"/>
    </row>
    <row r="391632" spans="14:14">
      <c r="N391632" s="10"/>
    </row>
    <row r="391633" spans="14:14">
      <c r="N391633" s="10"/>
    </row>
    <row r="391634" spans="14:14">
      <c r="N391634" s="10"/>
    </row>
    <row r="391635" spans="14:14">
      <c r="N391635" s="10"/>
    </row>
    <row r="391636" spans="14:14">
      <c r="N391636" s="10"/>
    </row>
    <row r="391637" spans="14:14">
      <c r="N391637" s="10"/>
    </row>
    <row r="391638" spans="14:14">
      <c r="N391638" s="10"/>
    </row>
    <row r="391639" spans="14:14">
      <c r="N391639" s="10"/>
    </row>
    <row r="391640" spans="14:14">
      <c r="N391640" s="10"/>
    </row>
    <row r="391641" spans="14:14">
      <c r="N391641" s="10"/>
    </row>
    <row r="391642" spans="14:14">
      <c r="N391642" s="10"/>
    </row>
    <row r="391643" spans="14:14">
      <c r="N391643" s="10"/>
    </row>
    <row r="391644" spans="14:14">
      <c r="N391644" s="10"/>
    </row>
    <row r="391645" spans="14:14">
      <c r="N391645" s="10"/>
    </row>
    <row r="391646" spans="14:14">
      <c r="N391646" s="10"/>
    </row>
    <row r="391647" spans="14:14">
      <c r="N391647" s="10"/>
    </row>
    <row r="391648" spans="14:14">
      <c r="N391648" s="10"/>
    </row>
    <row r="391649" spans="14:14">
      <c r="N391649" s="10"/>
    </row>
    <row r="391650" spans="14:14">
      <c r="N391650" s="10"/>
    </row>
    <row r="391651" spans="14:14">
      <c r="N391651" s="10"/>
    </row>
    <row r="391652" spans="14:14">
      <c r="N391652" s="10"/>
    </row>
    <row r="391653" spans="14:14">
      <c r="N391653" s="10"/>
    </row>
    <row r="391654" spans="14:14">
      <c r="N391654" s="10"/>
    </row>
    <row r="391655" spans="14:14">
      <c r="N391655" s="10"/>
    </row>
    <row r="391656" spans="14:14">
      <c r="N391656" s="10"/>
    </row>
    <row r="391657" spans="14:14">
      <c r="N391657" s="10"/>
    </row>
    <row r="391658" spans="14:14">
      <c r="N391658" s="10"/>
    </row>
    <row r="391659" spans="14:14">
      <c r="N391659" s="10"/>
    </row>
    <row r="391660" spans="14:14">
      <c r="N391660" s="10"/>
    </row>
    <row r="391661" spans="14:14">
      <c r="N391661" s="10"/>
    </row>
    <row r="391662" spans="14:14">
      <c r="N391662" s="10"/>
    </row>
    <row r="391663" spans="14:14">
      <c r="N391663" s="10"/>
    </row>
    <row r="391664" spans="14:14">
      <c r="N391664" s="10"/>
    </row>
    <row r="391665" spans="14:14">
      <c r="N391665" s="10"/>
    </row>
    <row r="391666" spans="14:14">
      <c r="N391666" s="10"/>
    </row>
    <row r="391667" spans="14:14">
      <c r="N391667" s="10"/>
    </row>
    <row r="391668" spans="14:14">
      <c r="N391668" s="10"/>
    </row>
    <row r="391669" spans="14:14">
      <c r="N391669" s="10"/>
    </row>
    <row r="391670" spans="14:14">
      <c r="N391670" s="10"/>
    </row>
    <row r="391671" spans="14:14">
      <c r="N391671" s="10"/>
    </row>
    <row r="391672" spans="14:14">
      <c r="N391672" s="10"/>
    </row>
    <row r="391673" spans="14:14">
      <c r="N391673" s="10"/>
    </row>
    <row r="391674" spans="14:14">
      <c r="N391674" s="10"/>
    </row>
    <row r="391675" spans="14:14">
      <c r="N391675" s="10"/>
    </row>
    <row r="391676" spans="14:14">
      <c r="N391676" s="10"/>
    </row>
    <row r="391677" spans="14:14">
      <c r="N391677" s="10"/>
    </row>
    <row r="391678" spans="14:14">
      <c r="N391678" s="10"/>
    </row>
    <row r="391679" spans="14:14">
      <c r="N391679" s="10"/>
    </row>
    <row r="391680" spans="14:14">
      <c r="N391680" s="10"/>
    </row>
    <row r="391681" spans="14:14">
      <c r="N391681" s="10"/>
    </row>
    <row r="391682" spans="14:14">
      <c r="N391682" s="10"/>
    </row>
    <row r="391683" spans="14:14">
      <c r="N391683" s="10"/>
    </row>
    <row r="391684" spans="14:14">
      <c r="N391684" s="10"/>
    </row>
    <row r="391685" spans="14:14">
      <c r="N391685" s="10"/>
    </row>
    <row r="391686" spans="14:14">
      <c r="N391686" s="10"/>
    </row>
    <row r="391687" spans="14:14">
      <c r="N391687" s="10"/>
    </row>
    <row r="391688" spans="14:14">
      <c r="N391688" s="10"/>
    </row>
    <row r="391689" spans="14:14">
      <c r="N391689" s="10"/>
    </row>
    <row r="391690" spans="14:14">
      <c r="N391690" s="10"/>
    </row>
    <row r="391691" spans="14:14">
      <c r="N391691" s="10"/>
    </row>
    <row r="391692" spans="14:14">
      <c r="N391692" s="10"/>
    </row>
    <row r="391693" spans="14:14">
      <c r="N391693" s="10"/>
    </row>
    <row r="391694" spans="14:14">
      <c r="N391694" s="10"/>
    </row>
    <row r="391695" spans="14:14">
      <c r="N391695" s="10"/>
    </row>
    <row r="391696" spans="14:14">
      <c r="N391696" s="10"/>
    </row>
    <row r="391697" spans="14:14">
      <c r="N391697" s="10"/>
    </row>
    <row r="391698" spans="14:14">
      <c r="N391698" s="10"/>
    </row>
    <row r="391699" spans="14:14">
      <c r="N391699" s="10"/>
    </row>
    <row r="391700" spans="14:14">
      <c r="N391700" s="10"/>
    </row>
    <row r="391701" spans="14:14">
      <c r="N391701" s="10"/>
    </row>
    <row r="391702" spans="14:14">
      <c r="N391702" s="10"/>
    </row>
    <row r="391703" spans="14:14">
      <c r="N391703" s="10"/>
    </row>
    <row r="391704" spans="14:14">
      <c r="N391704" s="10"/>
    </row>
    <row r="391705" spans="14:14">
      <c r="N391705" s="10"/>
    </row>
    <row r="391706" spans="14:14">
      <c r="N391706" s="10"/>
    </row>
    <row r="391707" spans="14:14">
      <c r="N391707" s="10"/>
    </row>
    <row r="391708" spans="14:14">
      <c r="N391708" s="10"/>
    </row>
    <row r="391709" spans="14:14">
      <c r="N391709" s="10"/>
    </row>
    <row r="391710" spans="14:14">
      <c r="N391710" s="10"/>
    </row>
    <row r="391711" spans="14:14">
      <c r="N391711" s="10"/>
    </row>
    <row r="391712" spans="14:14">
      <c r="N391712" s="10"/>
    </row>
    <row r="391713" spans="14:14">
      <c r="N391713" s="10"/>
    </row>
    <row r="391714" spans="14:14">
      <c r="N391714" s="10"/>
    </row>
    <row r="391715" spans="14:14">
      <c r="N391715" s="10"/>
    </row>
    <row r="391716" spans="14:14">
      <c r="N391716" s="10"/>
    </row>
    <row r="391717" spans="14:14">
      <c r="N391717" s="10"/>
    </row>
    <row r="391718" spans="14:14">
      <c r="N391718" s="10"/>
    </row>
    <row r="391719" spans="14:14">
      <c r="N391719" s="10"/>
    </row>
    <row r="391720" spans="14:14">
      <c r="N391720" s="10"/>
    </row>
    <row r="391721" spans="14:14">
      <c r="N391721" s="10"/>
    </row>
    <row r="391722" spans="14:14">
      <c r="N391722" s="10"/>
    </row>
    <row r="391723" spans="14:14">
      <c r="N391723" s="10"/>
    </row>
    <row r="391724" spans="14:14">
      <c r="N391724" s="10"/>
    </row>
    <row r="391725" spans="14:14">
      <c r="N391725" s="10"/>
    </row>
    <row r="391726" spans="14:14">
      <c r="N391726" s="10"/>
    </row>
    <row r="391727" spans="14:14">
      <c r="N391727" s="10"/>
    </row>
    <row r="391728" spans="14:14">
      <c r="N391728" s="10"/>
    </row>
    <row r="391729" spans="14:14">
      <c r="N391729" s="10"/>
    </row>
    <row r="391730" spans="14:14">
      <c r="N391730" s="10"/>
    </row>
    <row r="391731" spans="14:14">
      <c r="N391731" s="10"/>
    </row>
    <row r="391732" spans="14:14">
      <c r="N391732" s="10"/>
    </row>
    <row r="391733" spans="14:14">
      <c r="N391733" s="10"/>
    </row>
    <row r="391734" spans="14:14">
      <c r="N391734" s="10"/>
    </row>
    <row r="391735" spans="14:14">
      <c r="N391735" s="10"/>
    </row>
    <row r="391736" spans="14:14">
      <c r="N391736" s="10"/>
    </row>
    <row r="391737" spans="14:14">
      <c r="N391737" s="10"/>
    </row>
    <row r="391738" spans="14:14">
      <c r="N391738" s="10"/>
    </row>
    <row r="391739" spans="14:14">
      <c r="N391739" s="10"/>
    </row>
    <row r="391740" spans="14:14">
      <c r="N391740" s="10"/>
    </row>
    <row r="391741" spans="14:14">
      <c r="N391741" s="10"/>
    </row>
    <row r="391742" spans="14:14">
      <c r="N391742" s="10"/>
    </row>
    <row r="391743" spans="14:14">
      <c r="N391743" s="10"/>
    </row>
    <row r="391744" spans="14:14">
      <c r="N391744" s="10"/>
    </row>
    <row r="391745" spans="14:14">
      <c r="N391745" s="10"/>
    </row>
    <row r="391746" spans="14:14">
      <c r="N391746" s="10"/>
    </row>
    <row r="391747" spans="14:14">
      <c r="N391747" s="10"/>
    </row>
    <row r="391748" spans="14:14">
      <c r="N391748" s="10"/>
    </row>
    <row r="391749" spans="14:14">
      <c r="N391749" s="10"/>
    </row>
    <row r="391750" spans="14:14">
      <c r="N391750" s="10"/>
    </row>
    <row r="391751" spans="14:14">
      <c r="N391751" s="10"/>
    </row>
    <row r="391752" spans="14:14">
      <c r="N391752" s="10"/>
    </row>
    <row r="391753" spans="14:14">
      <c r="N391753" s="10"/>
    </row>
    <row r="391754" spans="14:14">
      <c r="N391754" s="10"/>
    </row>
    <row r="391755" spans="14:14">
      <c r="N391755" s="10"/>
    </row>
    <row r="391756" spans="14:14">
      <c r="N391756" s="10"/>
    </row>
    <row r="391757" spans="14:14">
      <c r="N391757" s="10"/>
    </row>
    <row r="391758" spans="14:14">
      <c r="N391758" s="10"/>
    </row>
    <row r="391759" spans="14:14">
      <c r="N391759" s="10"/>
    </row>
    <row r="391760" spans="14:14">
      <c r="N391760" s="10"/>
    </row>
    <row r="391761" spans="14:14">
      <c r="N391761" s="10"/>
    </row>
    <row r="391762" spans="14:14">
      <c r="N391762" s="10"/>
    </row>
    <row r="391763" spans="14:14">
      <c r="N391763" s="10"/>
    </row>
    <row r="391764" spans="14:14">
      <c r="N391764" s="10"/>
    </row>
    <row r="391765" spans="14:14">
      <c r="N391765" s="10"/>
    </row>
    <row r="391766" spans="14:14">
      <c r="N391766" s="10"/>
    </row>
    <row r="391767" spans="14:14">
      <c r="N391767" s="10"/>
    </row>
    <row r="391768" spans="14:14">
      <c r="N391768" s="10"/>
    </row>
    <row r="391769" spans="14:14">
      <c r="N391769" s="10"/>
    </row>
    <row r="391770" spans="14:14">
      <c r="N391770" s="10"/>
    </row>
    <row r="391771" spans="14:14">
      <c r="N391771" s="10"/>
    </row>
    <row r="391772" spans="14:14">
      <c r="N391772" s="10"/>
    </row>
    <row r="391773" spans="14:14">
      <c r="N391773" s="10"/>
    </row>
    <row r="391774" spans="14:14">
      <c r="N391774" s="10"/>
    </row>
    <row r="391775" spans="14:14">
      <c r="N391775" s="10"/>
    </row>
    <row r="391776" spans="14:14">
      <c r="N391776" s="10"/>
    </row>
    <row r="391777" spans="14:14">
      <c r="N391777" s="10"/>
    </row>
    <row r="391778" spans="14:14">
      <c r="N391778" s="10"/>
    </row>
    <row r="391779" spans="14:14">
      <c r="N391779" s="10"/>
    </row>
    <row r="391780" spans="14:14">
      <c r="N391780" s="10"/>
    </row>
    <row r="391781" spans="14:14">
      <c r="N391781" s="10"/>
    </row>
    <row r="391782" spans="14:14">
      <c r="N391782" s="10"/>
    </row>
    <row r="391783" spans="14:14">
      <c r="N391783" s="10"/>
    </row>
    <row r="391784" spans="14:14">
      <c r="N391784" s="10"/>
    </row>
    <row r="391785" spans="14:14">
      <c r="N391785" s="10"/>
    </row>
    <row r="391786" spans="14:14">
      <c r="N391786" s="10"/>
    </row>
    <row r="391787" spans="14:14">
      <c r="N391787" s="10"/>
    </row>
    <row r="391788" spans="14:14">
      <c r="N391788" s="10"/>
    </row>
    <row r="391789" spans="14:14">
      <c r="N391789" s="10"/>
    </row>
    <row r="391790" spans="14:14">
      <c r="N391790" s="10"/>
    </row>
    <row r="391791" spans="14:14">
      <c r="N391791" s="10"/>
    </row>
    <row r="391792" spans="14:14">
      <c r="N391792" s="10"/>
    </row>
    <row r="391793" spans="14:14">
      <c r="N391793" s="10"/>
    </row>
    <row r="391794" spans="14:14">
      <c r="N391794" s="10"/>
    </row>
    <row r="391795" spans="14:14">
      <c r="N391795" s="10"/>
    </row>
    <row r="391796" spans="14:14">
      <c r="N391796" s="10"/>
    </row>
    <row r="391797" spans="14:14">
      <c r="N391797" s="10"/>
    </row>
    <row r="391798" spans="14:14">
      <c r="N391798" s="10"/>
    </row>
    <row r="391799" spans="14:14">
      <c r="N391799" s="10"/>
    </row>
    <row r="391800" spans="14:14">
      <c r="N391800" s="10"/>
    </row>
    <row r="391801" spans="14:14">
      <c r="N391801" s="10"/>
    </row>
    <row r="391802" spans="14:14">
      <c r="N391802" s="10"/>
    </row>
    <row r="391803" spans="14:14">
      <c r="N391803" s="10"/>
    </row>
    <row r="391804" spans="14:14">
      <c r="N391804" s="10"/>
    </row>
    <row r="391805" spans="14:14">
      <c r="N391805" s="10"/>
    </row>
    <row r="391806" spans="14:14">
      <c r="N391806" s="10"/>
    </row>
    <row r="391807" spans="14:14">
      <c r="N391807" s="10"/>
    </row>
    <row r="391808" spans="14:14">
      <c r="N391808" s="10"/>
    </row>
    <row r="391809" spans="14:14">
      <c r="N391809" s="10"/>
    </row>
    <row r="391810" spans="14:14">
      <c r="N391810" s="10"/>
    </row>
    <row r="391811" spans="14:14">
      <c r="N391811" s="10"/>
    </row>
    <row r="391812" spans="14:14">
      <c r="N391812" s="10"/>
    </row>
    <row r="391813" spans="14:14">
      <c r="N391813" s="10"/>
    </row>
    <row r="391814" spans="14:14">
      <c r="N391814" s="10"/>
    </row>
    <row r="391815" spans="14:14">
      <c r="N391815" s="10"/>
    </row>
    <row r="391816" spans="14:14">
      <c r="N391816" s="10"/>
    </row>
    <row r="391817" spans="14:14">
      <c r="N391817" s="10"/>
    </row>
    <row r="391818" spans="14:14">
      <c r="N391818" s="10"/>
    </row>
    <row r="391819" spans="14:14">
      <c r="N391819" s="10"/>
    </row>
    <row r="391820" spans="14:14">
      <c r="N391820" s="10"/>
    </row>
    <row r="391821" spans="14:14">
      <c r="N391821" s="10"/>
    </row>
    <row r="391822" spans="14:14">
      <c r="N391822" s="10"/>
    </row>
    <row r="391823" spans="14:14">
      <c r="N391823" s="10"/>
    </row>
    <row r="391824" spans="14:14">
      <c r="N391824" s="10"/>
    </row>
    <row r="391825" spans="14:14">
      <c r="N391825" s="10"/>
    </row>
    <row r="391826" spans="14:14">
      <c r="N391826" s="10"/>
    </row>
    <row r="391827" spans="14:14">
      <c r="N391827" s="10"/>
    </row>
    <row r="391828" spans="14:14">
      <c r="N391828" s="10"/>
    </row>
    <row r="391829" spans="14:14">
      <c r="N391829" s="10"/>
    </row>
    <row r="391830" spans="14:14">
      <c r="N391830" s="10"/>
    </row>
    <row r="391831" spans="14:14">
      <c r="N391831" s="10"/>
    </row>
    <row r="391832" spans="14:14">
      <c r="N391832" s="10"/>
    </row>
    <row r="391833" spans="14:14">
      <c r="N391833" s="10"/>
    </row>
    <row r="391834" spans="14:14">
      <c r="N391834" s="10"/>
    </row>
    <row r="391835" spans="14:14">
      <c r="N391835" s="10"/>
    </row>
    <row r="391836" spans="14:14">
      <c r="N391836" s="10"/>
    </row>
    <row r="391837" spans="14:14">
      <c r="N391837" s="10"/>
    </row>
    <row r="391838" spans="14:14">
      <c r="N391838" s="10"/>
    </row>
    <row r="391839" spans="14:14">
      <c r="N391839" s="10"/>
    </row>
    <row r="391840" spans="14:14">
      <c r="N391840" s="10"/>
    </row>
    <row r="391841" spans="14:14">
      <c r="N391841" s="10"/>
    </row>
    <row r="391842" spans="14:14">
      <c r="N391842" s="10"/>
    </row>
    <row r="391843" spans="14:14">
      <c r="N391843" s="10"/>
    </row>
    <row r="391844" spans="14:14">
      <c r="N391844" s="10"/>
    </row>
    <row r="391845" spans="14:14">
      <c r="N391845" s="10"/>
    </row>
    <row r="391846" spans="14:14">
      <c r="N391846" s="10"/>
    </row>
    <row r="391847" spans="14:14">
      <c r="N391847" s="10"/>
    </row>
    <row r="391848" spans="14:14">
      <c r="N391848" s="10"/>
    </row>
    <row r="391849" spans="14:14">
      <c r="N391849" s="10"/>
    </row>
    <row r="391850" spans="14:14">
      <c r="N391850" s="10"/>
    </row>
    <row r="391851" spans="14:14">
      <c r="N391851" s="10"/>
    </row>
    <row r="391852" spans="14:14">
      <c r="N391852" s="10"/>
    </row>
    <row r="391853" spans="14:14">
      <c r="N391853" s="10"/>
    </row>
    <row r="391854" spans="14:14">
      <c r="N391854" s="10"/>
    </row>
    <row r="391855" spans="14:14">
      <c r="N391855" s="10"/>
    </row>
    <row r="391856" spans="14:14">
      <c r="N391856" s="10"/>
    </row>
    <row r="391857" spans="14:14">
      <c r="N391857" s="10"/>
    </row>
    <row r="391858" spans="14:14">
      <c r="N391858" s="10"/>
    </row>
    <row r="391859" spans="14:14">
      <c r="N391859" s="10"/>
    </row>
    <row r="391860" spans="14:14">
      <c r="N391860" s="10"/>
    </row>
    <row r="391861" spans="14:14">
      <c r="N391861" s="10"/>
    </row>
    <row r="391862" spans="14:14">
      <c r="N391862" s="10"/>
    </row>
    <row r="391863" spans="14:14">
      <c r="N391863" s="10"/>
    </row>
    <row r="391864" spans="14:14">
      <c r="N391864" s="10"/>
    </row>
    <row r="391865" spans="14:14">
      <c r="N391865" s="10"/>
    </row>
    <row r="391866" spans="14:14">
      <c r="N391866" s="10"/>
    </row>
    <row r="391867" spans="14:14">
      <c r="N391867" s="10"/>
    </row>
    <row r="391868" spans="14:14">
      <c r="N391868" s="10"/>
    </row>
    <row r="391869" spans="14:14">
      <c r="N391869" s="10"/>
    </row>
    <row r="391870" spans="14:14">
      <c r="N391870" s="10"/>
    </row>
    <row r="391871" spans="14:14">
      <c r="N391871" s="10"/>
    </row>
    <row r="391872" spans="14:14">
      <c r="N391872" s="10"/>
    </row>
    <row r="391873" spans="14:14">
      <c r="N391873" s="10"/>
    </row>
    <row r="391874" spans="14:14">
      <c r="N391874" s="10"/>
    </row>
    <row r="391875" spans="14:14">
      <c r="N391875" s="10"/>
    </row>
    <row r="391876" spans="14:14">
      <c r="N391876" s="10"/>
    </row>
    <row r="391877" spans="14:14">
      <c r="N391877" s="10"/>
    </row>
    <row r="391878" spans="14:14">
      <c r="N391878" s="10"/>
    </row>
    <row r="391879" spans="14:14">
      <c r="N391879" s="10"/>
    </row>
    <row r="391880" spans="14:14">
      <c r="N391880" s="10"/>
    </row>
    <row r="391881" spans="14:14">
      <c r="N391881" s="10"/>
    </row>
    <row r="391882" spans="14:14">
      <c r="N391882" s="10"/>
    </row>
    <row r="391883" spans="14:14">
      <c r="N391883" s="10"/>
    </row>
    <row r="391884" spans="14:14">
      <c r="N391884" s="10"/>
    </row>
    <row r="391885" spans="14:14">
      <c r="N391885" s="10"/>
    </row>
    <row r="391886" spans="14:14">
      <c r="N391886" s="10"/>
    </row>
    <row r="391887" spans="14:14">
      <c r="N391887" s="10"/>
    </row>
    <row r="391888" spans="14:14">
      <c r="N391888" s="10"/>
    </row>
    <row r="391889" spans="14:14">
      <c r="N391889" s="10"/>
    </row>
    <row r="391890" spans="14:14">
      <c r="N391890" s="10"/>
    </row>
    <row r="391891" spans="14:14">
      <c r="N391891" s="10"/>
    </row>
    <row r="391892" spans="14:14">
      <c r="N391892" s="10"/>
    </row>
    <row r="391893" spans="14:14">
      <c r="N391893" s="10"/>
    </row>
    <row r="391894" spans="14:14">
      <c r="N391894" s="10"/>
    </row>
    <row r="391895" spans="14:14">
      <c r="N391895" s="10"/>
    </row>
    <row r="391896" spans="14:14">
      <c r="N391896" s="10"/>
    </row>
    <row r="391897" spans="14:14">
      <c r="N391897" s="10"/>
    </row>
    <row r="391898" spans="14:14">
      <c r="N391898" s="10"/>
    </row>
    <row r="391899" spans="14:14">
      <c r="N391899" s="10"/>
    </row>
    <row r="391900" spans="14:14">
      <c r="N391900" s="10"/>
    </row>
    <row r="391901" spans="14:14">
      <c r="N391901" s="10"/>
    </row>
    <row r="391902" spans="14:14">
      <c r="N391902" s="10"/>
    </row>
    <row r="391903" spans="14:14">
      <c r="N391903" s="10"/>
    </row>
    <row r="391904" spans="14:14">
      <c r="N391904" s="10"/>
    </row>
    <row r="391905" spans="14:14">
      <c r="N391905" s="10"/>
    </row>
    <row r="391906" spans="14:14">
      <c r="N391906" s="10"/>
    </row>
    <row r="391907" spans="14:14">
      <c r="N391907" s="10"/>
    </row>
    <row r="391908" spans="14:14">
      <c r="N391908" s="10"/>
    </row>
    <row r="391909" spans="14:14">
      <c r="N391909" s="10"/>
    </row>
    <row r="391910" spans="14:14">
      <c r="N391910" s="10"/>
    </row>
    <row r="391911" spans="14:14">
      <c r="N391911" s="10"/>
    </row>
    <row r="391912" spans="14:14">
      <c r="N391912" s="10"/>
    </row>
    <row r="391913" spans="14:14">
      <c r="N391913" s="10"/>
    </row>
    <row r="391914" spans="14:14">
      <c r="N391914" s="10"/>
    </row>
    <row r="391915" spans="14:14">
      <c r="N391915" s="10"/>
    </row>
    <row r="391916" spans="14:14">
      <c r="N391916" s="10"/>
    </row>
    <row r="391917" spans="14:14">
      <c r="N391917" s="10"/>
    </row>
    <row r="391918" spans="14:14">
      <c r="N391918" s="10"/>
    </row>
    <row r="391919" spans="14:14">
      <c r="N391919" s="10"/>
    </row>
    <row r="391920" spans="14:14">
      <c r="N391920" s="10"/>
    </row>
    <row r="391921" spans="14:14">
      <c r="N391921" s="10"/>
    </row>
    <row r="391922" spans="14:14">
      <c r="N391922" s="10"/>
    </row>
    <row r="391923" spans="14:14">
      <c r="N391923" s="10"/>
    </row>
    <row r="391924" spans="14:14">
      <c r="N391924" s="10"/>
    </row>
    <row r="391925" spans="14:14">
      <c r="N391925" s="10"/>
    </row>
    <row r="391926" spans="14:14">
      <c r="N391926" s="10"/>
    </row>
    <row r="391927" spans="14:14">
      <c r="N391927" s="10"/>
    </row>
    <row r="391928" spans="14:14">
      <c r="N391928" s="10"/>
    </row>
    <row r="391929" spans="14:14">
      <c r="N391929" s="10"/>
    </row>
    <row r="391930" spans="14:14">
      <c r="N391930" s="10"/>
    </row>
    <row r="391931" spans="14:14">
      <c r="N391931" s="10"/>
    </row>
    <row r="391932" spans="14:14">
      <c r="N391932" s="10"/>
    </row>
    <row r="391933" spans="14:14">
      <c r="N391933" s="10"/>
    </row>
    <row r="391934" spans="14:14">
      <c r="N391934" s="10"/>
    </row>
    <row r="391935" spans="14:14">
      <c r="N391935" s="10"/>
    </row>
    <row r="391936" spans="14:14">
      <c r="N391936" s="10"/>
    </row>
    <row r="391937" spans="14:14">
      <c r="N391937" s="10"/>
    </row>
    <row r="391938" spans="14:14">
      <c r="N391938" s="10"/>
    </row>
    <row r="391939" spans="14:14">
      <c r="N391939" s="10"/>
    </row>
    <row r="391940" spans="14:14">
      <c r="N391940" s="10"/>
    </row>
    <row r="391941" spans="14:14">
      <c r="N391941" s="10"/>
    </row>
    <row r="391942" spans="14:14">
      <c r="N391942" s="10"/>
    </row>
    <row r="391943" spans="14:14">
      <c r="N391943" s="10"/>
    </row>
    <row r="391944" spans="14:14">
      <c r="N391944" s="10"/>
    </row>
    <row r="391945" spans="14:14">
      <c r="N391945" s="10"/>
    </row>
    <row r="391946" spans="14:14">
      <c r="N391946" s="10"/>
    </row>
    <row r="391947" spans="14:14">
      <c r="N391947" s="10"/>
    </row>
    <row r="391948" spans="14:14">
      <c r="N391948" s="10"/>
    </row>
    <row r="391949" spans="14:14">
      <c r="N391949" s="10"/>
    </row>
    <row r="391950" spans="14:14">
      <c r="N391950" s="10"/>
    </row>
    <row r="391951" spans="14:14">
      <c r="N391951" s="10"/>
    </row>
    <row r="391952" spans="14:14">
      <c r="N391952" s="10"/>
    </row>
    <row r="391953" spans="14:14">
      <c r="N391953" s="10"/>
    </row>
    <row r="391954" spans="14:14">
      <c r="N391954" s="10"/>
    </row>
    <row r="391955" spans="14:14">
      <c r="N391955" s="10"/>
    </row>
    <row r="391956" spans="14:14">
      <c r="N391956" s="10"/>
    </row>
    <row r="391957" spans="14:14">
      <c r="N391957" s="10"/>
    </row>
    <row r="391958" spans="14:14">
      <c r="N391958" s="10"/>
    </row>
    <row r="391959" spans="14:14">
      <c r="N391959" s="10"/>
    </row>
    <row r="391960" spans="14:14">
      <c r="N391960" s="10"/>
    </row>
    <row r="391961" spans="14:14">
      <c r="N391961" s="10"/>
    </row>
    <row r="391962" spans="14:14">
      <c r="N391962" s="10"/>
    </row>
    <row r="391963" spans="14:14">
      <c r="N391963" s="10"/>
    </row>
    <row r="391964" spans="14:14">
      <c r="N391964" s="10"/>
    </row>
    <row r="391965" spans="14:14">
      <c r="N391965" s="10"/>
    </row>
    <row r="391966" spans="14:14">
      <c r="N391966" s="10"/>
    </row>
    <row r="391967" spans="14:14">
      <c r="N391967" s="10"/>
    </row>
    <row r="391968" spans="14:14">
      <c r="N391968" s="10"/>
    </row>
    <row r="391969" spans="14:14">
      <c r="N391969" s="10"/>
    </row>
    <row r="391970" spans="14:14">
      <c r="N391970" s="10"/>
    </row>
    <row r="391971" spans="14:14">
      <c r="N391971" s="10"/>
    </row>
    <row r="391972" spans="14:14">
      <c r="N391972" s="10"/>
    </row>
    <row r="391973" spans="14:14">
      <c r="N391973" s="10"/>
    </row>
    <row r="391974" spans="14:14">
      <c r="N391974" s="10"/>
    </row>
    <row r="391975" spans="14:14">
      <c r="N391975" s="10"/>
    </row>
    <row r="391976" spans="14:14">
      <c r="N391976" s="10"/>
    </row>
    <row r="391977" spans="14:14">
      <c r="N391977" s="10"/>
    </row>
    <row r="391978" spans="14:14">
      <c r="N391978" s="10"/>
    </row>
    <row r="391979" spans="14:14">
      <c r="N391979" s="10"/>
    </row>
    <row r="391980" spans="14:14">
      <c r="N391980" s="10"/>
    </row>
    <row r="391981" spans="14:14">
      <c r="N391981" s="10"/>
    </row>
    <row r="391982" spans="14:14">
      <c r="N391982" s="10"/>
    </row>
    <row r="391983" spans="14:14">
      <c r="N391983" s="10"/>
    </row>
    <row r="391984" spans="14:14">
      <c r="N391984" s="10"/>
    </row>
    <row r="391985" spans="14:14">
      <c r="N391985" s="10"/>
    </row>
    <row r="391986" spans="14:14">
      <c r="N391986" s="10"/>
    </row>
    <row r="391987" spans="14:14">
      <c r="N391987" s="10"/>
    </row>
    <row r="391988" spans="14:14">
      <c r="N391988" s="10"/>
    </row>
    <row r="391989" spans="14:14">
      <c r="N391989" s="10"/>
    </row>
    <row r="391990" spans="14:14">
      <c r="N391990" s="10"/>
    </row>
    <row r="391991" spans="14:14">
      <c r="N391991" s="10"/>
    </row>
    <row r="391992" spans="14:14">
      <c r="N391992" s="10"/>
    </row>
    <row r="391993" spans="14:14">
      <c r="N391993" s="10"/>
    </row>
    <row r="391994" spans="14:14">
      <c r="N391994" s="10"/>
    </row>
    <row r="391995" spans="14:14">
      <c r="N391995" s="10"/>
    </row>
    <row r="391996" spans="14:14">
      <c r="N391996" s="10"/>
    </row>
    <row r="391997" spans="14:14">
      <c r="N391997" s="10"/>
    </row>
    <row r="391998" spans="14:14">
      <c r="N391998" s="10"/>
    </row>
    <row r="391999" spans="14:14">
      <c r="N391999" s="10"/>
    </row>
    <row r="392000" spans="14:14">
      <c r="N392000" s="10"/>
    </row>
    <row r="392001" spans="14:14">
      <c r="N392001" s="10"/>
    </row>
    <row r="392002" spans="14:14">
      <c r="N392002" s="10"/>
    </row>
    <row r="392003" spans="14:14">
      <c r="N392003" s="10"/>
    </row>
    <row r="392004" spans="14:14">
      <c r="N392004" s="10"/>
    </row>
    <row r="392005" spans="14:14">
      <c r="N392005" s="10"/>
    </row>
    <row r="392006" spans="14:14">
      <c r="N392006" s="10"/>
    </row>
    <row r="392007" spans="14:14">
      <c r="N392007" s="10"/>
    </row>
    <row r="392008" spans="14:14">
      <c r="N392008" s="10"/>
    </row>
    <row r="392009" spans="14:14">
      <c r="N392009" s="10"/>
    </row>
    <row r="392010" spans="14:14">
      <c r="N392010" s="10"/>
    </row>
    <row r="392011" spans="14:14">
      <c r="N392011" s="10"/>
    </row>
    <row r="392012" spans="14:14">
      <c r="N392012" s="10"/>
    </row>
    <row r="392013" spans="14:14">
      <c r="N392013" s="10"/>
    </row>
    <row r="392014" spans="14:14">
      <c r="N392014" s="10"/>
    </row>
    <row r="392015" spans="14:14">
      <c r="N392015" s="10"/>
    </row>
    <row r="392016" spans="14:14">
      <c r="N392016" s="10"/>
    </row>
    <row r="392017" spans="14:14">
      <c r="N392017" s="10"/>
    </row>
    <row r="392018" spans="14:14">
      <c r="N392018" s="10"/>
    </row>
    <row r="392019" spans="14:14">
      <c r="N392019" s="10"/>
    </row>
    <row r="392020" spans="14:14">
      <c r="N392020" s="10"/>
    </row>
    <row r="392021" spans="14:14">
      <c r="N392021" s="10"/>
    </row>
    <row r="392022" spans="14:14">
      <c r="N392022" s="10"/>
    </row>
    <row r="392023" spans="14:14">
      <c r="N392023" s="10"/>
    </row>
    <row r="392024" spans="14:14">
      <c r="N392024" s="10"/>
    </row>
    <row r="392025" spans="14:14">
      <c r="N392025" s="10"/>
    </row>
    <row r="392026" spans="14:14">
      <c r="N392026" s="10"/>
    </row>
    <row r="392027" spans="14:14">
      <c r="N392027" s="10"/>
    </row>
    <row r="392028" spans="14:14">
      <c r="N392028" s="10"/>
    </row>
    <row r="392029" spans="14:14">
      <c r="N392029" s="10"/>
    </row>
    <row r="392030" spans="14:14">
      <c r="N392030" s="10"/>
    </row>
    <row r="392031" spans="14:14">
      <c r="N392031" s="10"/>
    </row>
    <row r="392032" spans="14:14">
      <c r="N392032" s="10"/>
    </row>
    <row r="392033" spans="14:14">
      <c r="N392033" s="10"/>
    </row>
    <row r="392034" spans="14:14">
      <c r="N392034" s="10"/>
    </row>
    <row r="392035" spans="14:14">
      <c r="N392035" s="10"/>
    </row>
    <row r="392036" spans="14:14">
      <c r="N392036" s="10"/>
    </row>
    <row r="392037" spans="14:14">
      <c r="N392037" s="10"/>
    </row>
    <row r="392038" spans="14:14">
      <c r="N392038" s="10"/>
    </row>
    <row r="392039" spans="14:14">
      <c r="N392039" s="10"/>
    </row>
    <row r="392040" spans="14:14">
      <c r="N392040" s="10"/>
    </row>
    <row r="392041" spans="14:14">
      <c r="N392041" s="10"/>
    </row>
    <row r="392042" spans="14:14">
      <c r="N392042" s="10"/>
    </row>
    <row r="392043" spans="14:14">
      <c r="N392043" s="10"/>
    </row>
    <row r="392044" spans="14:14">
      <c r="N392044" s="10"/>
    </row>
    <row r="392045" spans="14:14">
      <c r="N392045" s="10"/>
    </row>
    <row r="392046" spans="14:14">
      <c r="N392046" s="10"/>
    </row>
    <row r="392047" spans="14:14">
      <c r="N392047" s="10"/>
    </row>
    <row r="392048" spans="14:14">
      <c r="N392048" s="10"/>
    </row>
    <row r="392049" spans="14:14">
      <c r="N392049" s="10"/>
    </row>
    <row r="392050" spans="14:14">
      <c r="N392050" s="10"/>
    </row>
    <row r="392051" spans="14:14">
      <c r="N392051" s="10"/>
    </row>
    <row r="392052" spans="14:14">
      <c r="N392052" s="10"/>
    </row>
    <row r="392053" spans="14:14">
      <c r="N392053" s="10"/>
    </row>
    <row r="392054" spans="14:14">
      <c r="N392054" s="10"/>
    </row>
    <row r="392055" spans="14:14">
      <c r="N392055" s="10"/>
    </row>
    <row r="392056" spans="14:14">
      <c r="N392056" s="10"/>
    </row>
    <row r="392057" spans="14:14">
      <c r="N392057" s="10"/>
    </row>
    <row r="392058" spans="14:14">
      <c r="N392058" s="10"/>
    </row>
    <row r="392059" spans="14:14">
      <c r="N392059" s="10"/>
    </row>
    <row r="392060" spans="14:14">
      <c r="N392060" s="10"/>
    </row>
    <row r="392061" spans="14:14">
      <c r="N392061" s="10"/>
    </row>
    <row r="392062" spans="14:14">
      <c r="N392062" s="10"/>
    </row>
    <row r="392063" spans="14:14">
      <c r="N392063" s="10"/>
    </row>
    <row r="392064" spans="14:14">
      <c r="N392064" s="10"/>
    </row>
    <row r="392065" spans="14:14">
      <c r="N392065" s="10"/>
    </row>
    <row r="392066" spans="14:14">
      <c r="N392066" s="10"/>
    </row>
    <row r="392067" spans="14:14">
      <c r="N392067" s="10"/>
    </row>
    <row r="392068" spans="14:14">
      <c r="N392068" s="10"/>
    </row>
    <row r="392069" spans="14:14">
      <c r="N392069" s="10"/>
    </row>
    <row r="392070" spans="14:14">
      <c r="N392070" s="10"/>
    </row>
    <row r="392071" spans="14:14">
      <c r="N392071" s="10"/>
    </row>
    <row r="392072" spans="14:14">
      <c r="N392072" s="10"/>
    </row>
    <row r="392073" spans="14:14">
      <c r="N392073" s="10"/>
    </row>
    <row r="392074" spans="14:14">
      <c r="N392074" s="10"/>
    </row>
    <row r="392075" spans="14:14">
      <c r="N392075" s="10"/>
    </row>
    <row r="392076" spans="14:14">
      <c r="N392076" s="10"/>
    </row>
    <row r="392077" spans="14:14">
      <c r="N392077" s="10"/>
    </row>
    <row r="392078" spans="14:14">
      <c r="N392078" s="10"/>
    </row>
    <row r="392079" spans="14:14">
      <c r="N392079" s="10"/>
    </row>
    <row r="392080" spans="14:14">
      <c r="N392080" s="10"/>
    </row>
    <row r="392081" spans="14:14">
      <c r="N392081" s="10"/>
    </row>
    <row r="392082" spans="14:14">
      <c r="N392082" s="10"/>
    </row>
    <row r="392083" spans="14:14">
      <c r="N392083" s="10"/>
    </row>
    <row r="392084" spans="14:14">
      <c r="N392084" s="10"/>
    </row>
    <row r="392085" spans="14:14">
      <c r="N392085" s="10"/>
    </row>
    <row r="392086" spans="14:14">
      <c r="N392086" s="10"/>
    </row>
    <row r="392087" spans="14:14">
      <c r="N392087" s="10"/>
    </row>
    <row r="392088" spans="14:14">
      <c r="N392088" s="10"/>
    </row>
    <row r="392089" spans="14:14">
      <c r="N392089" s="10"/>
    </row>
    <row r="392090" spans="14:14">
      <c r="N392090" s="10"/>
    </row>
    <row r="392091" spans="14:14">
      <c r="N392091" s="10"/>
    </row>
    <row r="392092" spans="14:14">
      <c r="N392092" s="10"/>
    </row>
    <row r="392093" spans="14:14">
      <c r="N392093" s="10"/>
    </row>
    <row r="392094" spans="14:14">
      <c r="N392094" s="10"/>
    </row>
    <row r="392095" spans="14:14">
      <c r="N392095" s="10"/>
    </row>
    <row r="392096" spans="14:14">
      <c r="N392096" s="10"/>
    </row>
    <row r="392097" spans="14:14">
      <c r="N392097" s="10"/>
    </row>
    <row r="392098" spans="14:14">
      <c r="N392098" s="10"/>
    </row>
    <row r="392099" spans="14:14">
      <c r="N392099" s="10"/>
    </row>
    <row r="392100" spans="14:14">
      <c r="N392100" s="10"/>
    </row>
    <row r="392101" spans="14:14">
      <c r="N392101" s="10"/>
    </row>
    <row r="392102" spans="14:14">
      <c r="N392102" s="10"/>
    </row>
    <row r="392103" spans="14:14">
      <c r="N392103" s="10"/>
    </row>
    <row r="392104" spans="14:14">
      <c r="N392104" s="10"/>
    </row>
    <row r="392105" spans="14:14">
      <c r="N392105" s="10"/>
    </row>
    <row r="392106" spans="14:14">
      <c r="N392106" s="10"/>
    </row>
    <row r="392107" spans="14:14">
      <c r="N392107" s="10"/>
    </row>
    <row r="392108" spans="14:14">
      <c r="N392108" s="10"/>
    </row>
    <row r="392109" spans="14:14">
      <c r="N392109" s="10"/>
    </row>
    <row r="392110" spans="14:14">
      <c r="N392110" s="10"/>
    </row>
    <row r="392111" spans="14:14">
      <c r="N392111" s="10"/>
    </row>
    <row r="392112" spans="14:14">
      <c r="N392112" s="10"/>
    </row>
    <row r="392113" spans="14:14">
      <c r="N392113" s="10"/>
    </row>
    <row r="392114" spans="14:14">
      <c r="N392114" s="10"/>
    </row>
    <row r="392115" spans="14:14">
      <c r="N392115" s="10"/>
    </row>
    <row r="392116" spans="14:14">
      <c r="N392116" s="10"/>
    </row>
    <row r="392117" spans="14:14">
      <c r="N392117" s="10"/>
    </row>
    <row r="392118" spans="14:14">
      <c r="N392118" s="10"/>
    </row>
    <row r="392119" spans="14:14">
      <c r="N392119" s="10"/>
    </row>
    <row r="392120" spans="14:14">
      <c r="N392120" s="10"/>
    </row>
    <row r="392121" spans="14:14">
      <c r="N392121" s="10"/>
    </row>
    <row r="392122" spans="14:14">
      <c r="N392122" s="10"/>
    </row>
    <row r="392123" spans="14:14">
      <c r="N392123" s="10"/>
    </row>
    <row r="392124" spans="14:14">
      <c r="N392124" s="10"/>
    </row>
    <row r="392125" spans="14:14">
      <c r="N392125" s="10"/>
    </row>
    <row r="392126" spans="14:14">
      <c r="N392126" s="10"/>
    </row>
    <row r="392127" spans="14:14">
      <c r="N392127" s="10"/>
    </row>
    <row r="392128" spans="14:14">
      <c r="N392128" s="10"/>
    </row>
    <row r="392129" spans="14:14">
      <c r="N392129" s="10"/>
    </row>
    <row r="392130" spans="14:14">
      <c r="N392130" s="10"/>
    </row>
    <row r="392131" spans="14:14">
      <c r="N392131" s="10"/>
    </row>
    <row r="392132" spans="14:14">
      <c r="N392132" s="10"/>
    </row>
    <row r="392133" spans="14:14">
      <c r="N392133" s="10"/>
    </row>
    <row r="392134" spans="14:14">
      <c r="N392134" s="10"/>
    </row>
    <row r="392135" spans="14:14">
      <c r="N392135" s="10"/>
    </row>
    <row r="392136" spans="14:14">
      <c r="N392136" s="10"/>
    </row>
    <row r="392137" spans="14:14">
      <c r="N392137" s="10"/>
    </row>
    <row r="392138" spans="14:14">
      <c r="N392138" s="10"/>
    </row>
    <row r="392139" spans="14:14">
      <c r="N392139" s="10"/>
    </row>
    <row r="392140" spans="14:14">
      <c r="N392140" s="10"/>
    </row>
    <row r="392141" spans="14:14">
      <c r="N392141" s="10"/>
    </row>
    <row r="392142" spans="14:14">
      <c r="N392142" s="10"/>
    </row>
    <row r="392143" spans="14:14">
      <c r="N392143" s="10"/>
    </row>
    <row r="392144" spans="14:14">
      <c r="N392144" s="10"/>
    </row>
    <row r="392145" spans="14:14">
      <c r="N392145" s="10"/>
    </row>
    <row r="392146" spans="14:14">
      <c r="N392146" s="10"/>
    </row>
    <row r="392147" spans="14:14">
      <c r="N392147" s="10"/>
    </row>
    <row r="392148" spans="14:14">
      <c r="N392148" s="10"/>
    </row>
    <row r="392149" spans="14:14">
      <c r="N392149" s="10"/>
    </row>
    <row r="392150" spans="14:14">
      <c r="N392150" s="10"/>
    </row>
    <row r="392151" spans="14:14">
      <c r="N392151" s="10"/>
    </row>
    <row r="392152" spans="14:14">
      <c r="N392152" s="10"/>
    </row>
    <row r="392153" spans="14:14">
      <c r="N392153" s="10"/>
    </row>
    <row r="392154" spans="14:14">
      <c r="N392154" s="10"/>
    </row>
    <row r="392155" spans="14:14">
      <c r="N392155" s="10"/>
    </row>
    <row r="392156" spans="14:14">
      <c r="N392156" s="10"/>
    </row>
    <row r="392157" spans="14:14">
      <c r="N392157" s="10"/>
    </row>
    <row r="392158" spans="14:14">
      <c r="N392158" s="10"/>
    </row>
    <row r="392159" spans="14:14">
      <c r="N392159" s="10"/>
    </row>
    <row r="392160" spans="14:14">
      <c r="N392160" s="10"/>
    </row>
    <row r="392161" spans="14:14">
      <c r="N392161" s="10"/>
    </row>
    <row r="392162" spans="14:14">
      <c r="N392162" s="10"/>
    </row>
    <row r="392163" spans="14:14">
      <c r="N392163" s="10"/>
    </row>
    <row r="392164" spans="14:14">
      <c r="N392164" s="10"/>
    </row>
    <row r="392165" spans="14:14">
      <c r="N392165" s="10"/>
    </row>
    <row r="392166" spans="14:14">
      <c r="N392166" s="10"/>
    </row>
    <row r="392167" spans="14:14">
      <c r="N392167" s="10"/>
    </row>
    <row r="392168" spans="14:14">
      <c r="N392168" s="10"/>
    </row>
    <row r="392169" spans="14:14">
      <c r="N392169" s="10"/>
    </row>
    <row r="392170" spans="14:14">
      <c r="N392170" s="10"/>
    </row>
    <row r="392171" spans="14:14">
      <c r="N392171" s="10"/>
    </row>
    <row r="392172" spans="14:14">
      <c r="N392172" s="10"/>
    </row>
    <row r="392173" spans="14:14">
      <c r="N392173" s="10"/>
    </row>
    <row r="392174" spans="14:14">
      <c r="N392174" s="10"/>
    </row>
    <row r="392175" spans="14:14">
      <c r="N392175" s="10"/>
    </row>
    <row r="392176" spans="14:14">
      <c r="N392176" s="10"/>
    </row>
    <row r="392177" spans="14:14">
      <c r="N392177" s="10"/>
    </row>
    <row r="392178" spans="14:14">
      <c r="N392178" s="10"/>
    </row>
    <row r="392179" spans="14:14">
      <c r="N392179" s="10"/>
    </row>
    <row r="392180" spans="14:14">
      <c r="N392180" s="10"/>
    </row>
    <row r="392181" spans="14:14">
      <c r="N392181" s="10"/>
    </row>
    <row r="392182" spans="14:14">
      <c r="N392182" s="10"/>
    </row>
    <row r="392183" spans="14:14">
      <c r="N392183" s="10"/>
    </row>
    <row r="392184" spans="14:14">
      <c r="N392184" s="10"/>
    </row>
    <row r="392185" spans="14:14">
      <c r="N392185" s="10"/>
    </row>
    <row r="392186" spans="14:14">
      <c r="N392186" s="10"/>
    </row>
    <row r="392187" spans="14:14">
      <c r="N392187" s="10"/>
    </row>
    <row r="392188" spans="14:14">
      <c r="N392188" s="10"/>
    </row>
    <row r="392189" spans="14:14">
      <c r="N392189" s="10"/>
    </row>
    <row r="392190" spans="14:14">
      <c r="N392190" s="10"/>
    </row>
    <row r="392191" spans="14:14">
      <c r="N392191" s="10"/>
    </row>
    <row r="392192" spans="14:14">
      <c r="N392192" s="10"/>
    </row>
    <row r="392193" spans="14:14">
      <c r="N392193" s="10"/>
    </row>
    <row r="392194" spans="14:14">
      <c r="N392194" s="10"/>
    </row>
    <row r="392195" spans="14:14">
      <c r="N392195" s="10"/>
    </row>
    <row r="392196" spans="14:14">
      <c r="N392196" s="10"/>
    </row>
    <row r="392197" spans="14:14">
      <c r="N392197" s="10"/>
    </row>
    <row r="392198" spans="14:14">
      <c r="N392198" s="10"/>
    </row>
    <row r="392199" spans="14:14">
      <c r="N392199" s="10"/>
    </row>
    <row r="392200" spans="14:14">
      <c r="N392200" s="10"/>
    </row>
    <row r="392201" spans="14:14">
      <c r="N392201" s="10"/>
    </row>
    <row r="392202" spans="14:14">
      <c r="N392202" s="10"/>
    </row>
    <row r="392203" spans="14:14">
      <c r="N392203" s="10"/>
    </row>
    <row r="392204" spans="14:14">
      <c r="N392204" s="10"/>
    </row>
    <row r="392205" spans="14:14">
      <c r="N392205" s="10"/>
    </row>
    <row r="392206" spans="14:14">
      <c r="N392206" s="10"/>
    </row>
    <row r="392207" spans="14:14">
      <c r="N392207" s="10"/>
    </row>
    <row r="392208" spans="14:14">
      <c r="N392208" s="10"/>
    </row>
    <row r="392209" spans="14:14">
      <c r="N392209" s="10"/>
    </row>
    <row r="392210" spans="14:14">
      <c r="N392210" s="10"/>
    </row>
    <row r="392211" spans="14:14">
      <c r="N392211" s="10"/>
    </row>
    <row r="392212" spans="14:14">
      <c r="N392212" s="10"/>
    </row>
    <row r="392213" spans="14:14">
      <c r="N392213" s="10"/>
    </row>
    <row r="392214" spans="14:14">
      <c r="N392214" s="10"/>
    </row>
    <row r="392215" spans="14:14">
      <c r="N392215" s="10"/>
    </row>
    <row r="392216" spans="14:14">
      <c r="N392216" s="10"/>
    </row>
    <row r="392217" spans="14:14">
      <c r="N392217" s="10"/>
    </row>
    <row r="392218" spans="14:14">
      <c r="N392218" s="10"/>
    </row>
    <row r="392219" spans="14:14">
      <c r="N392219" s="10"/>
    </row>
    <row r="392220" spans="14:14">
      <c r="N392220" s="10"/>
    </row>
    <row r="392221" spans="14:14">
      <c r="N392221" s="10"/>
    </row>
    <row r="392222" spans="14:14">
      <c r="N392222" s="10"/>
    </row>
    <row r="392223" spans="14:14">
      <c r="N392223" s="10"/>
    </row>
    <row r="392224" spans="14:14">
      <c r="N392224" s="10"/>
    </row>
    <row r="392225" spans="14:14">
      <c r="N392225" s="10"/>
    </row>
    <row r="392226" spans="14:14">
      <c r="N392226" s="10"/>
    </row>
    <row r="392227" spans="14:14">
      <c r="N392227" s="10"/>
    </row>
    <row r="392228" spans="14:14">
      <c r="N392228" s="10"/>
    </row>
    <row r="392229" spans="14:14">
      <c r="N392229" s="10"/>
    </row>
    <row r="392230" spans="14:14">
      <c r="N392230" s="10"/>
    </row>
    <row r="392231" spans="14:14">
      <c r="N392231" s="10"/>
    </row>
    <row r="392232" spans="14:14">
      <c r="N392232" s="10"/>
    </row>
    <row r="392233" spans="14:14">
      <c r="N392233" s="10"/>
    </row>
    <row r="392234" spans="14:14">
      <c r="N392234" s="10"/>
    </row>
    <row r="392235" spans="14:14">
      <c r="N392235" s="10"/>
    </row>
    <row r="392236" spans="14:14">
      <c r="N392236" s="10"/>
    </row>
    <row r="392237" spans="14:14">
      <c r="N392237" s="10"/>
    </row>
    <row r="392238" spans="14:14">
      <c r="N392238" s="10"/>
    </row>
    <row r="392239" spans="14:14">
      <c r="N392239" s="10"/>
    </row>
    <row r="392240" spans="14:14">
      <c r="N392240" s="10"/>
    </row>
    <row r="392241" spans="14:14">
      <c r="N392241" s="10"/>
    </row>
    <row r="392242" spans="14:14">
      <c r="N392242" s="10"/>
    </row>
    <row r="392243" spans="14:14">
      <c r="N392243" s="10"/>
    </row>
    <row r="392244" spans="14:14">
      <c r="N392244" s="10"/>
    </row>
    <row r="392245" spans="14:14">
      <c r="N392245" s="10"/>
    </row>
    <row r="392246" spans="14:14">
      <c r="N392246" s="10"/>
    </row>
    <row r="392247" spans="14:14">
      <c r="N392247" s="10"/>
    </row>
    <row r="392248" spans="14:14">
      <c r="N392248" s="10"/>
    </row>
    <row r="392249" spans="14:14">
      <c r="N392249" s="10"/>
    </row>
    <row r="392250" spans="14:14">
      <c r="N392250" s="10"/>
    </row>
    <row r="392251" spans="14:14">
      <c r="N392251" s="10"/>
    </row>
    <row r="392252" spans="14:14">
      <c r="N392252" s="10"/>
    </row>
    <row r="392253" spans="14:14">
      <c r="N392253" s="10"/>
    </row>
    <row r="392254" spans="14:14">
      <c r="N392254" s="10"/>
    </row>
    <row r="392255" spans="14:14">
      <c r="N392255" s="10"/>
    </row>
    <row r="392256" spans="14:14">
      <c r="N392256" s="10"/>
    </row>
    <row r="392257" spans="14:14">
      <c r="N392257" s="10"/>
    </row>
    <row r="392258" spans="14:14">
      <c r="N392258" s="10"/>
    </row>
    <row r="392259" spans="14:14">
      <c r="N392259" s="10"/>
    </row>
    <row r="392260" spans="14:14">
      <c r="N392260" s="10"/>
    </row>
    <row r="392261" spans="14:14">
      <c r="N392261" s="10"/>
    </row>
    <row r="392262" spans="14:14">
      <c r="N392262" s="10"/>
    </row>
    <row r="392263" spans="14:14">
      <c r="N392263" s="10"/>
    </row>
    <row r="392264" spans="14:14">
      <c r="N392264" s="10"/>
    </row>
    <row r="392265" spans="14:14">
      <c r="N392265" s="10"/>
    </row>
    <row r="392266" spans="14:14">
      <c r="N392266" s="10"/>
    </row>
    <row r="392267" spans="14:14">
      <c r="N392267" s="10"/>
    </row>
    <row r="392268" spans="14:14">
      <c r="N392268" s="10"/>
    </row>
    <row r="392269" spans="14:14">
      <c r="N392269" s="10"/>
    </row>
    <row r="392270" spans="14:14">
      <c r="N392270" s="10"/>
    </row>
    <row r="392271" spans="14:14">
      <c r="N392271" s="10"/>
    </row>
    <row r="392272" spans="14:14">
      <c r="N392272" s="10"/>
    </row>
    <row r="392273" spans="14:14">
      <c r="N392273" s="10"/>
    </row>
    <row r="392274" spans="14:14">
      <c r="N392274" s="10"/>
    </row>
    <row r="392275" spans="14:14">
      <c r="N392275" s="10"/>
    </row>
    <row r="392276" spans="14:14">
      <c r="N392276" s="10"/>
    </row>
    <row r="392277" spans="14:14">
      <c r="N392277" s="10"/>
    </row>
    <row r="392278" spans="14:14">
      <c r="N392278" s="10"/>
    </row>
    <row r="392279" spans="14:14">
      <c r="N392279" s="10"/>
    </row>
    <row r="392280" spans="14:14">
      <c r="N392280" s="10"/>
    </row>
    <row r="392281" spans="14:14">
      <c r="N392281" s="10"/>
    </row>
    <row r="392282" spans="14:14">
      <c r="N392282" s="10"/>
    </row>
    <row r="392283" spans="14:14">
      <c r="N392283" s="10"/>
    </row>
    <row r="392284" spans="14:14">
      <c r="N392284" s="10"/>
    </row>
    <row r="392285" spans="14:14">
      <c r="N392285" s="10"/>
    </row>
    <row r="392286" spans="14:14">
      <c r="N392286" s="10"/>
    </row>
    <row r="392287" spans="14:14">
      <c r="N392287" s="10"/>
    </row>
    <row r="392288" spans="14:14">
      <c r="N392288" s="10"/>
    </row>
    <row r="392289" spans="14:14">
      <c r="N392289" s="10"/>
    </row>
    <row r="392290" spans="14:14">
      <c r="N392290" s="10"/>
    </row>
    <row r="392291" spans="14:14">
      <c r="N392291" s="10"/>
    </row>
    <row r="392292" spans="14:14">
      <c r="N392292" s="10"/>
    </row>
    <row r="392293" spans="14:14">
      <c r="N392293" s="10"/>
    </row>
    <row r="392294" spans="14:14">
      <c r="N392294" s="10"/>
    </row>
    <row r="392295" spans="14:14">
      <c r="N392295" s="10"/>
    </row>
    <row r="392296" spans="14:14">
      <c r="N392296" s="10"/>
    </row>
    <row r="392297" spans="14:14">
      <c r="N392297" s="10"/>
    </row>
    <row r="392298" spans="14:14">
      <c r="N392298" s="10"/>
    </row>
    <row r="392299" spans="14:14">
      <c r="N392299" s="10"/>
    </row>
    <row r="392300" spans="14:14">
      <c r="N392300" s="10"/>
    </row>
    <row r="392301" spans="14:14">
      <c r="N392301" s="10"/>
    </row>
    <row r="392302" spans="14:14">
      <c r="N392302" s="10"/>
    </row>
    <row r="392303" spans="14:14">
      <c r="N392303" s="10"/>
    </row>
    <row r="392304" spans="14:14">
      <c r="N392304" s="10"/>
    </row>
    <row r="392305" spans="14:14">
      <c r="N392305" s="10"/>
    </row>
    <row r="392306" spans="14:14">
      <c r="N392306" s="10"/>
    </row>
    <row r="392307" spans="14:14">
      <c r="N392307" s="10"/>
    </row>
    <row r="392308" spans="14:14">
      <c r="N392308" s="10"/>
    </row>
    <row r="392309" spans="14:14">
      <c r="N392309" s="10"/>
    </row>
    <row r="392310" spans="14:14">
      <c r="N392310" s="10"/>
    </row>
    <row r="392311" spans="14:14">
      <c r="N392311" s="10"/>
    </row>
    <row r="392312" spans="14:14">
      <c r="N392312" s="10"/>
    </row>
    <row r="392313" spans="14:14">
      <c r="N392313" s="10"/>
    </row>
    <row r="392314" spans="14:14">
      <c r="N392314" s="10"/>
    </row>
    <row r="392315" spans="14:14">
      <c r="N392315" s="10"/>
    </row>
    <row r="392316" spans="14:14">
      <c r="N392316" s="10"/>
    </row>
    <row r="392317" spans="14:14">
      <c r="N392317" s="10"/>
    </row>
    <row r="392318" spans="14:14">
      <c r="N392318" s="10"/>
    </row>
    <row r="392319" spans="14:14">
      <c r="N392319" s="10"/>
    </row>
    <row r="392320" spans="14:14">
      <c r="N392320" s="10"/>
    </row>
    <row r="392321" spans="14:14">
      <c r="N392321" s="10"/>
    </row>
    <row r="392322" spans="14:14">
      <c r="N392322" s="10"/>
    </row>
    <row r="392323" spans="14:14">
      <c r="N392323" s="10"/>
    </row>
    <row r="392324" spans="14:14">
      <c r="N392324" s="10"/>
    </row>
    <row r="392325" spans="14:14">
      <c r="N392325" s="10"/>
    </row>
    <row r="392326" spans="14:14">
      <c r="N392326" s="10"/>
    </row>
    <row r="392327" spans="14:14">
      <c r="N392327" s="10"/>
    </row>
    <row r="392328" spans="14:14">
      <c r="N392328" s="10"/>
    </row>
    <row r="392329" spans="14:14">
      <c r="N392329" s="10"/>
    </row>
    <row r="392330" spans="14:14">
      <c r="N392330" s="10"/>
    </row>
    <row r="392331" spans="14:14">
      <c r="N392331" s="10"/>
    </row>
    <row r="392332" spans="14:14">
      <c r="N392332" s="10"/>
    </row>
    <row r="392333" spans="14:14">
      <c r="N392333" s="10"/>
    </row>
    <row r="392334" spans="14:14">
      <c r="N392334" s="10"/>
    </row>
    <row r="392335" spans="14:14">
      <c r="N392335" s="10"/>
    </row>
    <row r="392336" spans="14:14">
      <c r="N392336" s="10"/>
    </row>
    <row r="392337" spans="14:14">
      <c r="N392337" s="10"/>
    </row>
    <row r="392338" spans="14:14">
      <c r="N392338" s="10"/>
    </row>
    <row r="392339" spans="14:14">
      <c r="N392339" s="10"/>
    </row>
    <row r="392340" spans="14:14">
      <c r="N392340" s="10"/>
    </row>
    <row r="392341" spans="14:14">
      <c r="N392341" s="10"/>
    </row>
    <row r="392342" spans="14:14">
      <c r="N392342" s="10"/>
    </row>
    <row r="392343" spans="14:14">
      <c r="N392343" s="10"/>
    </row>
    <row r="392344" spans="14:14">
      <c r="N392344" s="10"/>
    </row>
    <row r="392345" spans="14:14">
      <c r="N392345" s="10"/>
    </row>
    <row r="392346" spans="14:14">
      <c r="N392346" s="10"/>
    </row>
    <row r="392347" spans="14:14">
      <c r="N392347" s="10"/>
    </row>
    <row r="392348" spans="14:14">
      <c r="N392348" s="10"/>
    </row>
    <row r="392349" spans="14:14">
      <c r="N392349" s="10"/>
    </row>
    <row r="392350" spans="14:14">
      <c r="N392350" s="10"/>
    </row>
    <row r="392351" spans="14:14">
      <c r="N392351" s="10"/>
    </row>
    <row r="392352" spans="14:14">
      <c r="N392352" s="10"/>
    </row>
    <row r="392353" spans="14:14">
      <c r="N392353" s="10"/>
    </row>
    <row r="392354" spans="14:14">
      <c r="N392354" s="10"/>
    </row>
    <row r="392355" spans="14:14">
      <c r="N392355" s="10"/>
    </row>
    <row r="392356" spans="14:14">
      <c r="N392356" s="10"/>
    </row>
    <row r="392357" spans="14:14">
      <c r="N392357" s="10"/>
    </row>
    <row r="392358" spans="14:14">
      <c r="N392358" s="10"/>
    </row>
    <row r="392359" spans="14:14">
      <c r="N392359" s="10"/>
    </row>
    <row r="392360" spans="14:14">
      <c r="N392360" s="10"/>
    </row>
    <row r="392361" spans="14:14">
      <c r="N392361" s="10"/>
    </row>
    <row r="392362" spans="14:14">
      <c r="N392362" s="10"/>
    </row>
    <row r="392363" spans="14:14">
      <c r="N392363" s="10"/>
    </row>
    <row r="392364" spans="14:14">
      <c r="N392364" s="10"/>
    </row>
    <row r="392365" spans="14:14">
      <c r="N392365" s="10"/>
    </row>
    <row r="392366" spans="14:14">
      <c r="N392366" s="10"/>
    </row>
    <row r="392367" spans="14:14">
      <c r="N392367" s="10"/>
    </row>
    <row r="392368" spans="14:14">
      <c r="N392368" s="10"/>
    </row>
    <row r="392369" spans="14:14">
      <c r="N392369" s="10"/>
    </row>
    <row r="392370" spans="14:14">
      <c r="N392370" s="10"/>
    </row>
    <row r="392371" spans="14:14">
      <c r="N392371" s="10"/>
    </row>
    <row r="392372" spans="14:14">
      <c r="N392372" s="10"/>
    </row>
    <row r="392373" spans="14:14">
      <c r="N392373" s="10"/>
    </row>
    <row r="392374" spans="14:14">
      <c r="N392374" s="10"/>
    </row>
    <row r="392375" spans="14:14">
      <c r="N392375" s="10"/>
    </row>
    <row r="392376" spans="14:14">
      <c r="N392376" s="10"/>
    </row>
    <row r="392377" spans="14:14">
      <c r="N392377" s="10"/>
    </row>
    <row r="392378" spans="14:14">
      <c r="N392378" s="10"/>
    </row>
    <row r="392379" spans="14:14">
      <c r="N392379" s="10"/>
    </row>
    <row r="392380" spans="14:14">
      <c r="N392380" s="10"/>
    </row>
    <row r="392381" spans="14:14">
      <c r="N392381" s="10"/>
    </row>
    <row r="392382" spans="14:14">
      <c r="N392382" s="10"/>
    </row>
    <row r="392383" spans="14:14">
      <c r="N392383" s="10"/>
    </row>
    <row r="392384" spans="14:14">
      <c r="N392384" s="10"/>
    </row>
    <row r="392385" spans="14:14">
      <c r="N392385" s="10"/>
    </row>
    <row r="392386" spans="14:14">
      <c r="N392386" s="10"/>
    </row>
    <row r="392387" spans="14:14">
      <c r="N392387" s="10"/>
    </row>
    <row r="392388" spans="14:14">
      <c r="N392388" s="10"/>
    </row>
    <row r="392389" spans="14:14">
      <c r="N392389" s="10"/>
    </row>
    <row r="392390" spans="14:14">
      <c r="N392390" s="10"/>
    </row>
    <row r="392391" spans="14:14">
      <c r="N392391" s="10"/>
    </row>
    <row r="392392" spans="14:14">
      <c r="N392392" s="10"/>
    </row>
    <row r="392393" spans="14:14">
      <c r="N392393" s="10"/>
    </row>
    <row r="392394" spans="14:14">
      <c r="N392394" s="10"/>
    </row>
    <row r="392395" spans="14:14">
      <c r="N392395" s="10"/>
    </row>
    <row r="392396" spans="14:14">
      <c r="N392396" s="10"/>
    </row>
    <row r="392397" spans="14:14">
      <c r="N392397" s="10"/>
    </row>
    <row r="392398" spans="14:14">
      <c r="N392398" s="10"/>
    </row>
    <row r="392399" spans="14:14">
      <c r="N392399" s="10"/>
    </row>
    <row r="392400" spans="14:14">
      <c r="N392400" s="10"/>
    </row>
    <row r="392401" spans="14:14">
      <c r="N392401" s="10"/>
    </row>
    <row r="392402" spans="14:14">
      <c r="N392402" s="10"/>
    </row>
    <row r="392403" spans="14:14">
      <c r="N392403" s="10"/>
    </row>
    <row r="392404" spans="14:14">
      <c r="N392404" s="10"/>
    </row>
    <row r="392405" spans="14:14">
      <c r="N392405" s="10"/>
    </row>
    <row r="392406" spans="14:14">
      <c r="N392406" s="10"/>
    </row>
    <row r="392407" spans="14:14">
      <c r="N392407" s="10"/>
    </row>
    <row r="392408" spans="14:14">
      <c r="N392408" s="10"/>
    </row>
    <row r="392409" spans="14:14">
      <c r="N392409" s="10"/>
    </row>
    <row r="392410" spans="14:14">
      <c r="N392410" s="10"/>
    </row>
    <row r="392411" spans="14:14">
      <c r="N392411" s="10"/>
    </row>
    <row r="392412" spans="14:14">
      <c r="N392412" s="10"/>
    </row>
    <row r="392413" spans="14:14">
      <c r="N392413" s="10"/>
    </row>
    <row r="392414" spans="14:14">
      <c r="N392414" s="10"/>
    </row>
    <row r="392415" spans="14:14">
      <c r="N392415" s="10"/>
    </row>
    <row r="392416" spans="14:14">
      <c r="N392416" s="10"/>
    </row>
    <row r="392417" spans="14:14">
      <c r="N392417" s="10"/>
    </row>
    <row r="392418" spans="14:14">
      <c r="N392418" s="10"/>
    </row>
    <row r="392419" spans="14:14">
      <c r="N392419" s="10"/>
    </row>
    <row r="392420" spans="14:14">
      <c r="N392420" s="10"/>
    </row>
    <row r="392421" spans="14:14">
      <c r="N392421" s="10"/>
    </row>
    <row r="392422" spans="14:14">
      <c r="N392422" s="10"/>
    </row>
    <row r="392423" spans="14:14">
      <c r="N392423" s="10"/>
    </row>
    <row r="392424" spans="14:14">
      <c r="N392424" s="10"/>
    </row>
    <row r="392425" spans="14:14">
      <c r="N392425" s="10"/>
    </row>
    <row r="392426" spans="14:14">
      <c r="N392426" s="10"/>
    </row>
    <row r="392427" spans="14:14">
      <c r="N392427" s="10"/>
    </row>
    <row r="392428" spans="14:14">
      <c r="N392428" s="10"/>
    </row>
    <row r="392429" spans="14:14">
      <c r="N392429" s="10"/>
    </row>
    <row r="392430" spans="14:14">
      <c r="N392430" s="10"/>
    </row>
    <row r="392431" spans="14:14">
      <c r="N392431" s="10"/>
    </row>
    <row r="392432" spans="14:14">
      <c r="N392432" s="10"/>
    </row>
    <row r="392433" spans="14:14">
      <c r="N392433" s="10"/>
    </row>
    <row r="392434" spans="14:14">
      <c r="N392434" s="10"/>
    </row>
    <row r="392435" spans="14:14">
      <c r="N392435" s="10"/>
    </row>
    <row r="392436" spans="14:14">
      <c r="N392436" s="10"/>
    </row>
    <row r="392437" spans="14:14">
      <c r="N392437" s="10"/>
    </row>
    <row r="392438" spans="14:14">
      <c r="N392438" s="10"/>
    </row>
    <row r="392439" spans="14:14">
      <c r="N392439" s="10"/>
    </row>
    <row r="392440" spans="14:14">
      <c r="N392440" s="10"/>
    </row>
    <row r="392441" spans="14:14">
      <c r="N392441" s="10"/>
    </row>
    <row r="392442" spans="14:14">
      <c r="N392442" s="10"/>
    </row>
    <row r="392443" spans="14:14">
      <c r="N392443" s="10"/>
    </row>
    <row r="392444" spans="14:14">
      <c r="N392444" s="10"/>
    </row>
    <row r="392445" spans="14:14">
      <c r="N392445" s="10"/>
    </row>
    <row r="392446" spans="14:14">
      <c r="N392446" s="10"/>
    </row>
    <row r="392447" spans="14:14">
      <c r="N392447" s="10"/>
    </row>
    <row r="392448" spans="14:14">
      <c r="N392448" s="10"/>
    </row>
    <row r="392449" spans="14:14">
      <c r="N392449" s="10"/>
    </row>
    <row r="392450" spans="14:14">
      <c r="N392450" s="10"/>
    </row>
    <row r="392451" spans="14:14">
      <c r="N392451" s="10"/>
    </row>
    <row r="392452" spans="14:14">
      <c r="N392452" s="10"/>
    </row>
    <row r="392453" spans="14:14">
      <c r="N392453" s="10"/>
    </row>
    <row r="392454" spans="14:14">
      <c r="N392454" s="10"/>
    </row>
    <row r="392455" spans="14:14">
      <c r="N392455" s="10"/>
    </row>
    <row r="392456" spans="14:14">
      <c r="N392456" s="10"/>
    </row>
    <row r="392457" spans="14:14">
      <c r="N392457" s="10"/>
    </row>
    <row r="392458" spans="14:14">
      <c r="N392458" s="10"/>
    </row>
    <row r="392459" spans="14:14">
      <c r="N392459" s="10"/>
    </row>
    <row r="392460" spans="14:14">
      <c r="N392460" s="10"/>
    </row>
    <row r="392461" spans="14:14">
      <c r="N392461" s="10"/>
    </row>
    <row r="392462" spans="14:14">
      <c r="N392462" s="10"/>
    </row>
    <row r="392463" spans="14:14">
      <c r="N392463" s="10"/>
    </row>
    <row r="392464" spans="14:14">
      <c r="N392464" s="10"/>
    </row>
    <row r="392465" spans="14:14">
      <c r="N392465" s="10"/>
    </row>
    <row r="392466" spans="14:14">
      <c r="N392466" s="10"/>
    </row>
    <row r="392467" spans="14:14">
      <c r="N392467" s="10"/>
    </row>
    <row r="392468" spans="14:14">
      <c r="N392468" s="10"/>
    </row>
    <row r="392469" spans="14:14">
      <c r="N392469" s="10"/>
    </row>
    <row r="392470" spans="14:14">
      <c r="N392470" s="10"/>
    </row>
    <row r="392471" spans="14:14">
      <c r="N392471" s="10"/>
    </row>
    <row r="392472" spans="14:14">
      <c r="N392472" s="10"/>
    </row>
    <row r="392473" spans="14:14">
      <c r="N392473" s="10"/>
    </row>
    <row r="392474" spans="14:14">
      <c r="N392474" s="10"/>
    </row>
    <row r="392475" spans="14:14">
      <c r="N392475" s="10"/>
    </row>
    <row r="392476" spans="14:14">
      <c r="N392476" s="10"/>
    </row>
    <row r="392477" spans="14:14">
      <c r="N392477" s="10"/>
    </row>
    <row r="392478" spans="14:14">
      <c r="N392478" s="10"/>
    </row>
    <row r="392479" spans="14:14">
      <c r="N392479" s="10"/>
    </row>
    <row r="392480" spans="14:14">
      <c r="N392480" s="10"/>
    </row>
    <row r="392481" spans="14:14">
      <c r="N392481" s="10"/>
    </row>
    <row r="392482" spans="14:14">
      <c r="N392482" s="10"/>
    </row>
    <row r="392483" spans="14:14">
      <c r="N392483" s="10"/>
    </row>
    <row r="392484" spans="14:14">
      <c r="N392484" s="10"/>
    </row>
    <row r="392485" spans="14:14">
      <c r="N392485" s="10"/>
    </row>
    <row r="392486" spans="14:14">
      <c r="N392486" s="10"/>
    </row>
    <row r="392487" spans="14:14">
      <c r="N392487" s="10"/>
    </row>
    <row r="392488" spans="14:14">
      <c r="N392488" s="10"/>
    </row>
    <row r="392489" spans="14:14">
      <c r="N392489" s="10"/>
    </row>
    <row r="392490" spans="14:14">
      <c r="N392490" s="10"/>
    </row>
    <row r="392491" spans="14:14">
      <c r="N392491" s="10"/>
    </row>
    <row r="392492" spans="14:14">
      <c r="N392492" s="10"/>
    </row>
    <row r="392493" spans="14:14">
      <c r="N392493" s="10"/>
    </row>
    <row r="392494" spans="14:14">
      <c r="N392494" s="10"/>
    </row>
    <row r="392495" spans="14:14">
      <c r="N392495" s="10"/>
    </row>
    <row r="392496" spans="14:14">
      <c r="N392496" s="10"/>
    </row>
    <row r="392497" spans="14:14">
      <c r="N392497" s="10"/>
    </row>
    <row r="392498" spans="14:14">
      <c r="N392498" s="10"/>
    </row>
    <row r="392499" spans="14:14">
      <c r="N392499" s="10"/>
    </row>
    <row r="392500" spans="14:14">
      <c r="N392500" s="10"/>
    </row>
    <row r="392501" spans="14:14">
      <c r="N392501" s="10"/>
    </row>
    <row r="392502" spans="14:14">
      <c r="N392502" s="10"/>
    </row>
    <row r="392503" spans="14:14">
      <c r="N392503" s="10"/>
    </row>
    <row r="392504" spans="14:14">
      <c r="N392504" s="10"/>
    </row>
    <row r="392505" spans="14:14">
      <c r="N392505" s="10"/>
    </row>
    <row r="392506" spans="14:14">
      <c r="N392506" s="10"/>
    </row>
    <row r="392507" spans="14:14">
      <c r="N392507" s="10"/>
    </row>
    <row r="392508" spans="14:14">
      <c r="N392508" s="10"/>
    </row>
    <row r="392509" spans="14:14">
      <c r="N392509" s="10"/>
    </row>
    <row r="392510" spans="14:14">
      <c r="N392510" s="10"/>
    </row>
    <row r="392511" spans="14:14">
      <c r="N392511" s="10"/>
    </row>
    <row r="392512" spans="14:14">
      <c r="N392512" s="10"/>
    </row>
    <row r="392513" spans="14:14">
      <c r="N392513" s="10"/>
    </row>
    <row r="392514" spans="14:14">
      <c r="N392514" s="10"/>
    </row>
    <row r="392515" spans="14:14">
      <c r="N392515" s="10"/>
    </row>
    <row r="392516" spans="14:14">
      <c r="N392516" s="10"/>
    </row>
    <row r="392517" spans="14:14">
      <c r="N392517" s="10"/>
    </row>
    <row r="392518" spans="14:14">
      <c r="N392518" s="10"/>
    </row>
    <row r="392519" spans="14:14">
      <c r="N392519" s="10"/>
    </row>
    <row r="392520" spans="14:14">
      <c r="N392520" s="10"/>
    </row>
    <row r="392521" spans="14:14">
      <c r="N392521" s="10"/>
    </row>
    <row r="392522" spans="14:14">
      <c r="N392522" s="10"/>
    </row>
    <row r="392523" spans="14:14">
      <c r="N392523" s="10"/>
    </row>
    <row r="392524" spans="14:14">
      <c r="N392524" s="10"/>
    </row>
    <row r="392525" spans="14:14">
      <c r="N392525" s="10"/>
    </row>
    <row r="392526" spans="14:14">
      <c r="N392526" s="10"/>
    </row>
    <row r="392527" spans="14:14">
      <c r="N392527" s="10"/>
    </row>
    <row r="392528" spans="14:14">
      <c r="N392528" s="10"/>
    </row>
    <row r="392529" spans="14:14">
      <c r="N392529" s="10"/>
    </row>
    <row r="392530" spans="14:14">
      <c r="N392530" s="10"/>
    </row>
    <row r="392531" spans="14:14">
      <c r="N392531" s="10"/>
    </row>
    <row r="392532" spans="14:14">
      <c r="N392532" s="10"/>
    </row>
    <row r="392533" spans="14:14">
      <c r="N392533" s="10"/>
    </row>
    <row r="392534" spans="14:14">
      <c r="N392534" s="10"/>
    </row>
    <row r="392535" spans="14:14">
      <c r="N392535" s="10"/>
    </row>
    <row r="392536" spans="14:14">
      <c r="N392536" s="10"/>
    </row>
    <row r="392537" spans="14:14">
      <c r="N392537" s="10"/>
    </row>
    <row r="392538" spans="14:14">
      <c r="N392538" s="10"/>
    </row>
    <row r="392539" spans="14:14">
      <c r="N392539" s="10"/>
    </row>
    <row r="392540" spans="14:14">
      <c r="N392540" s="10"/>
    </row>
    <row r="392541" spans="14:14">
      <c r="N392541" s="10"/>
    </row>
    <row r="392542" spans="14:14">
      <c r="N392542" s="10"/>
    </row>
    <row r="392543" spans="14:14">
      <c r="N392543" s="10"/>
    </row>
    <row r="392544" spans="14:14">
      <c r="N392544" s="10"/>
    </row>
    <row r="392545" spans="14:14">
      <c r="N392545" s="10"/>
    </row>
    <row r="392546" spans="14:14">
      <c r="N392546" s="10"/>
    </row>
    <row r="392547" spans="14:14">
      <c r="N392547" s="10"/>
    </row>
    <row r="392548" spans="14:14">
      <c r="N392548" s="10"/>
    </row>
    <row r="392549" spans="14:14">
      <c r="N392549" s="10"/>
    </row>
    <row r="392550" spans="14:14">
      <c r="N392550" s="10"/>
    </row>
    <row r="392551" spans="14:14">
      <c r="N392551" s="10"/>
    </row>
    <row r="392552" spans="14:14">
      <c r="N392552" s="10"/>
    </row>
    <row r="392553" spans="14:14">
      <c r="N392553" s="10"/>
    </row>
    <row r="392554" spans="14:14">
      <c r="N392554" s="10"/>
    </row>
    <row r="392555" spans="14:14">
      <c r="N392555" s="10"/>
    </row>
    <row r="392556" spans="14:14">
      <c r="N392556" s="10"/>
    </row>
    <row r="392557" spans="14:14">
      <c r="N392557" s="10"/>
    </row>
    <row r="392558" spans="14:14">
      <c r="N392558" s="10"/>
    </row>
    <row r="392559" spans="14:14">
      <c r="N392559" s="10"/>
    </row>
    <row r="392560" spans="14:14">
      <c r="N392560" s="10"/>
    </row>
    <row r="392561" spans="14:14">
      <c r="N392561" s="10"/>
    </row>
    <row r="392562" spans="14:14">
      <c r="N392562" s="10"/>
    </row>
    <row r="392563" spans="14:14">
      <c r="N392563" s="10"/>
    </row>
    <row r="392564" spans="14:14">
      <c r="N392564" s="10"/>
    </row>
    <row r="392565" spans="14:14">
      <c r="N392565" s="10"/>
    </row>
    <row r="392566" spans="14:14">
      <c r="N392566" s="10"/>
    </row>
    <row r="392567" spans="14:14">
      <c r="N392567" s="10"/>
    </row>
    <row r="392568" spans="14:14">
      <c r="N392568" s="10"/>
    </row>
    <row r="392569" spans="14:14">
      <c r="N392569" s="10"/>
    </row>
    <row r="392570" spans="14:14">
      <c r="N392570" s="10"/>
    </row>
    <row r="392571" spans="14:14">
      <c r="N392571" s="10"/>
    </row>
    <row r="392572" spans="14:14">
      <c r="N392572" s="10"/>
    </row>
    <row r="392573" spans="14:14">
      <c r="N392573" s="10"/>
    </row>
    <row r="392574" spans="14:14">
      <c r="N392574" s="10"/>
    </row>
    <row r="392575" spans="14:14">
      <c r="N392575" s="10"/>
    </row>
    <row r="392576" spans="14:14">
      <c r="N392576" s="10"/>
    </row>
    <row r="392577" spans="14:14">
      <c r="N392577" s="10"/>
    </row>
    <row r="392578" spans="14:14">
      <c r="N392578" s="10"/>
    </row>
    <row r="392579" spans="14:14">
      <c r="N392579" s="10"/>
    </row>
    <row r="392580" spans="14:14">
      <c r="N392580" s="10"/>
    </row>
    <row r="392581" spans="14:14">
      <c r="N392581" s="10"/>
    </row>
    <row r="392582" spans="14:14">
      <c r="N392582" s="10"/>
    </row>
    <row r="392583" spans="14:14">
      <c r="N392583" s="10"/>
    </row>
    <row r="392584" spans="14:14">
      <c r="N392584" s="10"/>
    </row>
    <row r="392585" spans="14:14">
      <c r="N392585" s="10"/>
    </row>
    <row r="392586" spans="14:14">
      <c r="N392586" s="10"/>
    </row>
    <row r="392587" spans="14:14">
      <c r="N392587" s="10"/>
    </row>
    <row r="392588" spans="14:14">
      <c r="N392588" s="10"/>
    </row>
    <row r="392589" spans="14:14">
      <c r="N392589" s="10"/>
    </row>
    <row r="392590" spans="14:14">
      <c r="N392590" s="10"/>
    </row>
    <row r="392591" spans="14:14">
      <c r="N392591" s="10"/>
    </row>
    <row r="392592" spans="14:14">
      <c r="N392592" s="10"/>
    </row>
    <row r="392593" spans="14:14">
      <c r="N392593" s="10"/>
    </row>
    <row r="392594" spans="14:14">
      <c r="N392594" s="10"/>
    </row>
    <row r="392595" spans="14:14">
      <c r="N392595" s="10"/>
    </row>
    <row r="392596" spans="14:14">
      <c r="N392596" s="10"/>
    </row>
    <row r="392597" spans="14:14">
      <c r="N392597" s="10"/>
    </row>
    <row r="392598" spans="14:14">
      <c r="N392598" s="10"/>
    </row>
    <row r="392599" spans="14:14">
      <c r="N392599" s="10"/>
    </row>
    <row r="392600" spans="14:14">
      <c r="N392600" s="10"/>
    </row>
    <row r="392601" spans="14:14">
      <c r="N392601" s="10"/>
    </row>
    <row r="392602" spans="14:14">
      <c r="N392602" s="10"/>
    </row>
    <row r="392603" spans="14:14">
      <c r="N392603" s="10"/>
    </row>
    <row r="392604" spans="14:14">
      <c r="N392604" s="10"/>
    </row>
    <row r="392605" spans="14:14">
      <c r="N392605" s="10"/>
    </row>
    <row r="392606" spans="14:14">
      <c r="N392606" s="10"/>
    </row>
    <row r="392607" spans="14:14">
      <c r="N392607" s="10"/>
    </row>
    <row r="392608" spans="14:14">
      <c r="N392608" s="10"/>
    </row>
    <row r="392609" spans="14:14">
      <c r="N392609" s="10"/>
    </row>
    <row r="392610" spans="14:14">
      <c r="N392610" s="10"/>
    </row>
    <row r="392611" spans="14:14">
      <c r="N392611" s="10"/>
    </row>
    <row r="392612" spans="14:14">
      <c r="N392612" s="10"/>
    </row>
    <row r="392613" spans="14:14">
      <c r="N392613" s="10"/>
    </row>
    <row r="392614" spans="14:14">
      <c r="N392614" s="10"/>
    </row>
    <row r="392615" spans="14:14">
      <c r="N392615" s="10"/>
    </row>
    <row r="392616" spans="14:14">
      <c r="N392616" s="10"/>
    </row>
    <row r="392617" spans="14:14">
      <c r="N392617" s="10"/>
    </row>
    <row r="392618" spans="14:14">
      <c r="N392618" s="10"/>
    </row>
    <row r="392619" spans="14:14">
      <c r="N392619" s="10"/>
    </row>
    <row r="392620" spans="14:14">
      <c r="N392620" s="10"/>
    </row>
    <row r="392621" spans="14:14">
      <c r="N392621" s="10"/>
    </row>
    <row r="392622" spans="14:14">
      <c r="N392622" s="10"/>
    </row>
    <row r="392623" spans="14:14">
      <c r="N392623" s="10"/>
    </row>
    <row r="392624" spans="14:14">
      <c r="N392624" s="10"/>
    </row>
    <row r="392625" spans="14:14">
      <c r="N392625" s="10"/>
    </row>
    <row r="392626" spans="14:14">
      <c r="N392626" s="10"/>
    </row>
    <row r="392627" spans="14:14">
      <c r="N392627" s="10"/>
    </row>
    <row r="392628" spans="14:14">
      <c r="N392628" s="10"/>
    </row>
    <row r="392629" spans="14:14">
      <c r="N392629" s="10"/>
    </row>
    <row r="392630" spans="14:14">
      <c r="N392630" s="10"/>
    </row>
    <row r="392631" spans="14:14">
      <c r="N392631" s="10"/>
    </row>
    <row r="392632" spans="14:14">
      <c r="N392632" s="10"/>
    </row>
    <row r="392633" spans="14:14">
      <c r="N392633" s="10"/>
    </row>
    <row r="392634" spans="14:14">
      <c r="N392634" s="10"/>
    </row>
    <row r="392635" spans="14:14">
      <c r="N392635" s="10"/>
    </row>
    <row r="392636" spans="14:14">
      <c r="N392636" s="10"/>
    </row>
    <row r="392637" spans="14:14">
      <c r="N392637" s="10"/>
    </row>
    <row r="392638" spans="14:14">
      <c r="N392638" s="10"/>
    </row>
    <row r="392639" spans="14:14">
      <c r="N392639" s="10"/>
    </row>
    <row r="392640" spans="14:14">
      <c r="N392640" s="10"/>
    </row>
    <row r="392641" spans="14:14">
      <c r="N392641" s="10"/>
    </row>
    <row r="392642" spans="14:14">
      <c r="N392642" s="10"/>
    </row>
    <row r="392643" spans="14:14">
      <c r="N392643" s="10"/>
    </row>
    <row r="392644" spans="14:14">
      <c r="N392644" s="10"/>
    </row>
    <row r="392645" spans="14:14">
      <c r="N392645" s="10"/>
    </row>
    <row r="392646" spans="14:14">
      <c r="N392646" s="10"/>
    </row>
    <row r="392647" spans="14:14">
      <c r="N392647" s="10"/>
    </row>
    <row r="392648" spans="14:14">
      <c r="N392648" s="10"/>
    </row>
    <row r="392649" spans="14:14">
      <c r="N392649" s="10"/>
    </row>
    <row r="392650" spans="14:14">
      <c r="N392650" s="10"/>
    </row>
    <row r="392651" spans="14:14">
      <c r="N392651" s="10"/>
    </row>
    <row r="392652" spans="14:14">
      <c r="N392652" s="10"/>
    </row>
    <row r="392653" spans="14:14">
      <c r="N392653" s="10"/>
    </row>
    <row r="392654" spans="14:14">
      <c r="N392654" s="10"/>
    </row>
    <row r="392655" spans="14:14">
      <c r="N392655" s="10"/>
    </row>
    <row r="392656" spans="14:14">
      <c r="N392656" s="10"/>
    </row>
    <row r="392657" spans="14:14">
      <c r="N392657" s="10"/>
    </row>
    <row r="392658" spans="14:14">
      <c r="N392658" s="10"/>
    </row>
    <row r="392659" spans="14:14">
      <c r="N392659" s="10"/>
    </row>
    <row r="392660" spans="14:14">
      <c r="N392660" s="10"/>
    </row>
    <row r="392661" spans="14:14">
      <c r="N392661" s="10"/>
    </row>
    <row r="392662" spans="14:14">
      <c r="N392662" s="10"/>
    </row>
    <row r="392663" spans="14:14">
      <c r="N392663" s="10"/>
    </row>
    <row r="392664" spans="14:14">
      <c r="N392664" s="10"/>
    </row>
    <row r="392665" spans="14:14">
      <c r="N392665" s="10"/>
    </row>
    <row r="392666" spans="14:14">
      <c r="N392666" s="10"/>
    </row>
    <row r="392667" spans="14:14">
      <c r="N392667" s="10"/>
    </row>
    <row r="392668" spans="14:14">
      <c r="N392668" s="10"/>
    </row>
    <row r="392669" spans="14:14">
      <c r="N392669" s="10"/>
    </row>
    <row r="392670" spans="14:14">
      <c r="N392670" s="10"/>
    </row>
    <row r="392671" spans="14:14">
      <c r="N392671" s="10"/>
    </row>
    <row r="392672" spans="14:14">
      <c r="N392672" s="10"/>
    </row>
    <row r="392673" spans="14:14">
      <c r="N392673" s="10"/>
    </row>
    <row r="392674" spans="14:14">
      <c r="N392674" s="10"/>
    </row>
    <row r="392675" spans="14:14">
      <c r="N392675" s="10"/>
    </row>
    <row r="392676" spans="14:14">
      <c r="N392676" s="10"/>
    </row>
    <row r="392677" spans="14:14">
      <c r="N392677" s="10"/>
    </row>
    <row r="392678" spans="14:14">
      <c r="N392678" s="10"/>
    </row>
    <row r="392679" spans="14:14">
      <c r="N392679" s="10"/>
    </row>
    <row r="392680" spans="14:14">
      <c r="N392680" s="10"/>
    </row>
    <row r="392681" spans="14:14">
      <c r="N392681" s="10"/>
    </row>
    <row r="392682" spans="14:14">
      <c r="N392682" s="10"/>
    </row>
    <row r="392683" spans="14:14">
      <c r="N392683" s="10"/>
    </row>
    <row r="392684" spans="14:14">
      <c r="N392684" s="10"/>
    </row>
    <row r="392685" spans="14:14">
      <c r="N392685" s="10"/>
    </row>
    <row r="392686" spans="14:14">
      <c r="N392686" s="10"/>
    </row>
    <row r="392687" spans="14:14">
      <c r="N392687" s="10"/>
    </row>
    <row r="392688" spans="14:14">
      <c r="N392688" s="10"/>
    </row>
    <row r="392689" spans="14:14">
      <c r="N392689" s="10"/>
    </row>
    <row r="392690" spans="14:14">
      <c r="N392690" s="10"/>
    </row>
    <row r="392691" spans="14:14">
      <c r="N392691" s="10"/>
    </row>
    <row r="392692" spans="14:14">
      <c r="N392692" s="10"/>
    </row>
    <row r="392693" spans="14:14">
      <c r="N392693" s="10"/>
    </row>
    <row r="392694" spans="14:14">
      <c r="N392694" s="10"/>
    </row>
    <row r="392695" spans="14:14">
      <c r="N392695" s="10"/>
    </row>
    <row r="392696" spans="14:14">
      <c r="N392696" s="10"/>
    </row>
    <row r="392697" spans="14:14">
      <c r="N392697" s="10"/>
    </row>
    <row r="392698" spans="14:14">
      <c r="N392698" s="10"/>
    </row>
    <row r="392699" spans="14:14">
      <c r="N392699" s="10"/>
    </row>
    <row r="392700" spans="14:14">
      <c r="N392700" s="10"/>
    </row>
    <row r="392701" spans="14:14">
      <c r="N392701" s="10"/>
    </row>
    <row r="392702" spans="14:14">
      <c r="N392702" s="10"/>
    </row>
    <row r="392703" spans="14:14">
      <c r="N392703" s="10"/>
    </row>
    <row r="392704" spans="14:14">
      <c r="N392704" s="10"/>
    </row>
    <row r="392705" spans="14:14">
      <c r="N392705" s="10"/>
    </row>
    <row r="392706" spans="14:14">
      <c r="N392706" s="10"/>
    </row>
    <row r="392707" spans="14:14">
      <c r="N392707" s="10"/>
    </row>
    <row r="392708" spans="14:14">
      <c r="N392708" s="10"/>
    </row>
    <row r="392709" spans="14:14">
      <c r="N392709" s="10"/>
    </row>
    <row r="392710" spans="14:14">
      <c r="N392710" s="10"/>
    </row>
    <row r="392711" spans="14:14">
      <c r="N392711" s="10"/>
    </row>
    <row r="392712" spans="14:14">
      <c r="N392712" s="10"/>
    </row>
    <row r="392713" spans="14:14">
      <c r="N392713" s="10"/>
    </row>
    <row r="392714" spans="14:14">
      <c r="N392714" s="10"/>
    </row>
    <row r="392715" spans="14:14">
      <c r="N392715" s="10"/>
    </row>
    <row r="392716" spans="14:14">
      <c r="N392716" s="10"/>
    </row>
    <row r="392717" spans="14:14">
      <c r="N392717" s="10"/>
    </row>
    <row r="392718" spans="14:14">
      <c r="N392718" s="10"/>
    </row>
    <row r="392719" spans="14:14">
      <c r="N392719" s="10"/>
    </row>
    <row r="392720" spans="14:14">
      <c r="N392720" s="10"/>
    </row>
    <row r="392721" spans="14:14">
      <c r="N392721" s="10"/>
    </row>
    <row r="392722" spans="14:14">
      <c r="N392722" s="10"/>
    </row>
    <row r="392723" spans="14:14">
      <c r="N392723" s="10"/>
    </row>
    <row r="392724" spans="14:14">
      <c r="N392724" s="10"/>
    </row>
    <row r="392725" spans="14:14">
      <c r="N392725" s="10"/>
    </row>
    <row r="392726" spans="14:14">
      <c r="N392726" s="10"/>
    </row>
    <row r="392727" spans="14:14">
      <c r="N392727" s="10"/>
    </row>
    <row r="392728" spans="14:14">
      <c r="N392728" s="10"/>
    </row>
    <row r="392729" spans="14:14">
      <c r="N392729" s="10"/>
    </row>
    <row r="392730" spans="14:14">
      <c r="N392730" s="10"/>
    </row>
    <row r="392731" spans="14:14">
      <c r="N392731" s="10"/>
    </row>
    <row r="392732" spans="14:14">
      <c r="N392732" s="10"/>
    </row>
    <row r="392733" spans="14:14">
      <c r="N392733" s="10"/>
    </row>
    <row r="392734" spans="14:14">
      <c r="N392734" s="10"/>
    </row>
    <row r="392735" spans="14:14">
      <c r="N392735" s="10"/>
    </row>
    <row r="392736" spans="14:14">
      <c r="N392736" s="10"/>
    </row>
    <row r="392737" spans="14:14">
      <c r="N392737" s="10"/>
    </row>
    <row r="392738" spans="14:14">
      <c r="N392738" s="10"/>
    </row>
    <row r="392739" spans="14:14">
      <c r="N392739" s="10"/>
    </row>
    <row r="392740" spans="14:14">
      <c r="N392740" s="10"/>
    </row>
    <row r="392741" spans="14:14">
      <c r="N392741" s="10"/>
    </row>
    <row r="392742" spans="14:14">
      <c r="N392742" s="10"/>
    </row>
    <row r="392743" spans="14:14">
      <c r="N392743" s="10"/>
    </row>
    <row r="392744" spans="14:14">
      <c r="N392744" s="10"/>
    </row>
    <row r="392745" spans="14:14">
      <c r="N392745" s="10"/>
    </row>
    <row r="392746" spans="14:14">
      <c r="N392746" s="10"/>
    </row>
    <row r="392747" spans="14:14">
      <c r="N392747" s="10"/>
    </row>
    <row r="392748" spans="14:14">
      <c r="N392748" s="10"/>
    </row>
    <row r="392749" spans="14:14">
      <c r="N392749" s="10"/>
    </row>
    <row r="392750" spans="14:14">
      <c r="N392750" s="10"/>
    </row>
    <row r="392751" spans="14:14">
      <c r="N392751" s="10"/>
    </row>
    <row r="392752" spans="14:14">
      <c r="N392752" s="10"/>
    </row>
    <row r="392753" spans="14:14">
      <c r="N392753" s="10"/>
    </row>
    <row r="392754" spans="14:14">
      <c r="N392754" s="10"/>
    </row>
    <row r="392755" spans="14:14">
      <c r="N392755" s="10"/>
    </row>
    <row r="392756" spans="14:14">
      <c r="N392756" s="10"/>
    </row>
    <row r="392757" spans="14:14">
      <c r="N392757" s="10"/>
    </row>
    <row r="392758" spans="14:14">
      <c r="N392758" s="10"/>
    </row>
    <row r="392759" spans="14:14">
      <c r="N392759" s="10"/>
    </row>
    <row r="392760" spans="14:14">
      <c r="N392760" s="10"/>
    </row>
    <row r="392761" spans="14:14">
      <c r="N392761" s="10"/>
    </row>
    <row r="392762" spans="14:14">
      <c r="N392762" s="10"/>
    </row>
    <row r="392763" spans="14:14">
      <c r="N392763" s="10"/>
    </row>
    <row r="392764" spans="14:14">
      <c r="N392764" s="10"/>
    </row>
    <row r="392765" spans="14:14">
      <c r="N392765" s="10"/>
    </row>
    <row r="392766" spans="14:14">
      <c r="N392766" s="10"/>
    </row>
    <row r="392767" spans="14:14">
      <c r="N392767" s="10"/>
    </row>
    <row r="392768" spans="14:14">
      <c r="N392768" s="10"/>
    </row>
    <row r="392769" spans="14:14">
      <c r="N392769" s="10"/>
    </row>
    <row r="392770" spans="14:14">
      <c r="N392770" s="10"/>
    </row>
    <row r="392771" spans="14:14">
      <c r="N392771" s="10"/>
    </row>
    <row r="392772" spans="14:14">
      <c r="N392772" s="10"/>
    </row>
    <row r="392773" spans="14:14">
      <c r="N392773" s="10"/>
    </row>
    <row r="392774" spans="14:14">
      <c r="N392774" s="10"/>
    </row>
    <row r="392775" spans="14:14">
      <c r="N392775" s="10"/>
    </row>
    <row r="392776" spans="14:14">
      <c r="N392776" s="10"/>
    </row>
    <row r="392777" spans="14:14">
      <c r="N392777" s="10"/>
    </row>
    <row r="392778" spans="14:14">
      <c r="N392778" s="10"/>
    </row>
    <row r="392779" spans="14:14">
      <c r="N392779" s="10"/>
    </row>
    <row r="392780" spans="14:14">
      <c r="N392780" s="10"/>
    </row>
    <row r="392781" spans="14:14">
      <c r="N392781" s="10"/>
    </row>
    <row r="392782" spans="14:14">
      <c r="N392782" s="10"/>
    </row>
    <row r="392783" spans="14:14">
      <c r="N392783" s="10"/>
    </row>
    <row r="392784" spans="14:14">
      <c r="N392784" s="10"/>
    </row>
    <row r="392785" spans="14:14">
      <c r="N392785" s="10"/>
    </row>
    <row r="392786" spans="14:14">
      <c r="N392786" s="10"/>
    </row>
    <row r="392787" spans="14:14">
      <c r="N392787" s="10"/>
    </row>
    <row r="392788" spans="14:14">
      <c r="N392788" s="10"/>
    </row>
    <row r="392789" spans="14:14">
      <c r="N392789" s="10"/>
    </row>
    <row r="392790" spans="14:14">
      <c r="N392790" s="10"/>
    </row>
    <row r="392791" spans="14:14">
      <c r="N392791" s="10"/>
    </row>
    <row r="392792" spans="14:14">
      <c r="N392792" s="10"/>
    </row>
    <row r="392793" spans="14:14">
      <c r="N392793" s="10"/>
    </row>
    <row r="392794" spans="14:14">
      <c r="N392794" s="10"/>
    </row>
    <row r="392795" spans="14:14">
      <c r="N392795" s="10"/>
    </row>
    <row r="392796" spans="14:14">
      <c r="N392796" s="10"/>
    </row>
    <row r="392797" spans="14:14">
      <c r="N392797" s="10"/>
    </row>
    <row r="392798" spans="14:14">
      <c r="N392798" s="10"/>
    </row>
    <row r="392799" spans="14:14">
      <c r="N392799" s="10"/>
    </row>
    <row r="392800" spans="14:14">
      <c r="N392800" s="10"/>
    </row>
    <row r="392801" spans="14:14">
      <c r="N392801" s="10"/>
    </row>
    <row r="392802" spans="14:14">
      <c r="N392802" s="10"/>
    </row>
    <row r="392803" spans="14:14">
      <c r="N392803" s="10"/>
    </row>
    <row r="392804" spans="14:14">
      <c r="N392804" s="10"/>
    </row>
    <row r="392805" spans="14:14">
      <c r="N392805" s="10"/>
    </row>
    <row r="392806" spans="14:14">
      <c r="N392806" s="10"/>
    </row>
    <row r="392807" spans="14:14">
      <c r="N392807" s="10"/>
    </row>
    <row r="392808" spans="14:14">
      <c r="N392808" s="10"/>
    </row>
    <row r="392809" spans="14:14">
      <c r="N392809" s="10"/>
    </row>
    <row r="392810" spans="14:14">
      <c r="N392810" s="10"/>
    </row>
    <row r="392811" spans="14:14">
      <c r="N392811" s="10"/>
    </row>
    <row r="392812" spans="14:14">
      <c r="N392812" s="10"/>
    </row>
    <row r="392813" spans="14:14">
      <c r="N392813" s="10"/>
    </row>
    <row r="392814" spans="14:14">
      <c r="N392814" s="10"/>
    </row>
    <row r="392815" spans="14:14">
      <c r="N392815" s="10"/>
    </row>
    <row r="392816" spans="14:14">
      <c r="N392816" s="10"/>
    </row>
    <row r="392817" spans="14:14">
      <c r="N392817" s="10"/>
    </row>
    <row r="392818" spans="14:14">
      <c r="N392818" s="10"/>
    </row>
    <row r="392819" spans="14:14">
      <c r="N392819" s="10"/>
    </row>
    <row r="392820" spans="14:14">
      <c r="N392820" s="10"/>
    </row>
    <row r="392821" spans="14:14">
      <c r="N392821" s="10"/>
    </row>
    <row r="392822" spans="14:14">
      <c r="N392822" s="10"/>
    </row>
    <row r="392823" spans="14:14">
      <c r="N392823" s="10"/>
    </row>
    <row r="392824" spans="14:14">
      <c r="N392824" s="10"/>
    </row>
    <row r="392825" spans="14:14">
      <c r="N392825" s="10"/>
    </row>
    <row r="392826" spans="14:14">
      <c r="N392826" s="10"/>
    </row>
    <row r="392827" spans="14:14">
      <c r="N392827" s="10"/>
    </row>
    <row r="392828" spans="14:14">
      <c r="N392828" s="10"/>
    </row>
    <row r="392829" spans="14:14">
      <c r="N392829" s="10"/>
    </row>
    <row r="392830" spans="14:14">
      <c r="N392830" s="10"/>
    </row>
    <row r="392831" spans="14:14">
      <c r="N392831" s="10"/>
    </row>
    <row r="392832" spans="14:14">
      <c r="N392832" s="10"/>
    </row>
    <row r="392833" spans="14:14">
      <c r="N392833" s="10"/>
    </row>
    <row r="392834" spans="14:14">
      <c r="N392834" s="10"/>
    </row>
    <row r="392835" spans="14:14">
      <c r="N392835" s="10"/>
    </row>
    <row r="392836" spans="14:14">
      <c r="N392836" s="10"/>
    </row>
    <row r="392837" spans="14:14">
      <c r="N392837" s="10"/>
    </row>
    <row r="392838" spans="14:14">
      <c r="N392838" s="10"/>
    </row>
    <row r="392839" spans="14:14">
      <c r="N392839" s="10"/>
    </row>
    <row r="392840" spans="14:14">
      <c r="N392840" s="10"/>
    </row>
    <row r="392841" spans="14:14">
      <c r="N392841" s="10"/>
    </row>
    <row r="392842" spans="14:14">
      <c r="N392842" s="10"/>
    </row>
    <row r="392843" spans="14:14">
      <c r="N392843" s="10"/>
    </row>
    <row r="392844" spans="14:14">
      <c r="N392844" s="10"/>
    </row>
    <row r="392845" spans="14:14">
      <c r="N392845" s="10"/>
    </row>
    <row r="392846" spans="14:14">
      <c r="N392846" s="10"/>
    </row>
    <row r="392847" spans="14:14">
      <c r="N392847" s="10"/>
    </row>
    <row r="392848" spans="14:14">
      <c r="N392848" s="10"/>
    </row>
    <row r="392849" spans="14:14">
      <c r="N392849" s="10"/>
    </row>
    <row r="392850" spans="14:14">
      <c r="N392850" s="10"/>
    </row>
    <row r="392851" spans="14:14">
      <c r="N392851" s="10"/>
    </row>
    <row r="392852" spans="14:14">
      <c r="N392852" s="10"/>
    </row>
    <row r="392853" spans="14:14">
      <c r="N392853" s="10"/>
    </row>
    <row r="392854" spans="14:14">
      <c r="N392854" s="10"/>
    </row>
    <row r="392855" spans="14:14">
      <c r="N392855" s="10"/>
    </row>
    <row r="392856" spans="14:14">
      <c r="N392856" s="10"/>
    </row>
    <row r="392857" spans="14:14">
      <c r="N392857" s="10"/>
    </row>
    <row r="392858" spans="14:14">
      <c r="N392858" s="10"/>
    </row>
    <row r="392859" spans="14:14">
      <c r="N392859" s="10"/>
    </row>
    <row r="392860" spans="14:14">
      <c r="N392860" s="10"/>
    </row>
    <row r="392861" spans="14:14">
      <c r="N392861" s="10"/>
    </row>
    <row r="392862" spans="14:14">
      <c r="N392862" s="10"/>
    </row>
    <row r="392863" spans="14:14">
      <c r="N392863" s="10"/>
    </row>
    <row r="392864" spans="14:14">
      <c r="N392864" s="10"/>
    </row>
    <row r="392865" spans="14:14">
      <c r="N392865" s="10"/>
    </row>
    <row r="392866" spans="14:14">
      <c r="N392866" s="10"/>
    </row>
    <row r="392867" spans="14:14">
      <c r="N392867" s="10"/>
    </row>
    <row r="392868" spans="14:14">
      <c r="N392868" s="10"/>
    </row>
    <row r="392869" spans="14:14">
      <c r="N392869" s="10"/>
    </row>
    <row r="392870" spans="14:14">
      <c r="N392870" s="10"/>
    </row>
    <row r="392871" spans="14:14">
      <c r="N392871" s="10"/>
    </row>
    <row r="392872" spans="14:14">
      <c r="N392872" s="10"/>
    </row>
    <row r="392873" spans="14:14">
      <c r="N392873" s="10"/>
    </row>
    <row r="392874" spans="14:14">
      <c r="N392874" s="10"/>
    </row>
    <row r="392875" spans="14:14">
      <c r="N392875" s="10"/>
    </row>
    <row r="392876" spans="14:14">
      <c r="N392876" s="10"/>
    </row>
    <row r="392877" spans="14:14">
      <c r="N392877" s="10"/>
    </row>
    <row r="392878" spans="14:14">
      <c r="N392878" s="10"/>
    </row>
    <row r="392879" spans="14:14">
      <c r="N392879" s="10"/>
    </row>
    <row r="392880" spans="14:14">
      <c r="N392880" s="10"/>
    </row>
    <row r="392881" spans="14:14">
      <c r="N392881" s="10"/>
    </row>
    <row r="392882" spans="14:14">
      <c r="N392882" s="10"/>
    </row>
    <row r="392883" spans="14:14">
      <c r="N392883" s="10"/>
    </row>
    <row r="392884" spans="14:14">
      <c r="N392884" s="10"/>
    </row>
    <row r="392885" spans="14:14">
      <c r="N392885" s="10"/>
    </row>
    <row r="392886" spans="14:14">
      <c r="N392886" s="10"/>
    </row>
    <row r="392887" spans="14:14">
      <c r="N392887" s="10"/>
    </row>
    <row r="392888" spans="14:14">
      <c r="N392888" s="10"/>
    </row>
    <row r="392889" spans="14:14">
      <c r="N392889" s="10"/>
    </row>
    <row r="392890" spans="14:14">
      <c r="N392890" s="10"/>
    </row>
    <row r="392891" spans="14:14">
      <c r="N392891" s="10"/>
    </row>
    <row r="392892" spans="14:14">
      <c r="N392892" s="10"/>
    </row>
    <row r="392893" spans="14:14">
      <c r="N392893" s="10"/>
    </row>
    <row r="392894" spans="14:14">
      <c r="N392894" s="10"/>
    </row>
    <row r="392895" spans="14:14">
      <c r="N392895" s="10"/>
    </row>
    <row r="392896" spans="14:14">
      <c r="N392896" s="10"/>
    </row>
    <row r="392897" spans="14:14">
      <c r="N392897" s="10"/>
    </row>
    <row r="392898" spans="14:14">
      <c r="N392898" s="10"/>
    </row>
    <row r="392899" spans="14:14">
      <c r="N392899" s="10"/>
    </row>
    <row r="392900" spans="14:14">
      <c r="N392900" s="10"/>
    </row>
    <row r="392901" spans="14:14">
      <c r="N392901" s="10"/>
    </row>
    <row r="392902" spans="14:14">
      <c r="N392902" s="10"/>
    </row>
    <row r="392903" spans="14:14">
      <c r="N392903" s="10"/>
    </row>
    <row r="392904" spans="14:14">
      <c r="N392904" s="10"/>
    </row>
    <row r="392905" spans="14:14">
      <c r="N392905" s="10"/>
    </row>
    <row r="392906" spans="14:14">
      <c r="N392906" s="10"/>
    </row>
    <row r="392907" spans="14:14">
      <c r="N392907" s="10"/>
    </row>
    <row r="392908" spans="14:14">
      <c r="N392908" s="10"/>
    </row>
    <row r="392909" spans="14:14">
      <c r="N392909" s="10"/>
    </row>
    <row r="392910" spans="14:14">
      <c r="N392910" s="10"/>
    </row>
    <row r="392911" spans="14:14">
      <c r="N392911" s="10"/>
    </row>
    <row r="392912" spans="14:14">
      <c r="N392912" s="10"/>
    </row>
    <row r="392913" spans="14:14">
      <c r="N392913" s="10"/>
    </row>
    <row r="392914" spans="14:14">
      <c r="N392914" s="10"/>
    </row>
    <row r="392915" spans="14:14">
      <c r="N392915" s="10"/>
    </row>
    <row r="392916" spans="14:14">
      <c r="N392916" s="10"/>
    </row>
    <row r="392917" spans="14:14">
      <c r="N392917" s="10"/>
    </row>
    <row r="392918" spans="14:14">
      <c r="N392918" s="10"/>
    </row>
    <row r="392919" spans="14:14">
      <c r="N392919" s="10"/>
    </row>
    <row r="392920" spans="14:14">
      <c r="N392920" s="10"/>
    </row>
    <row r="392921" spans="14:14">
      <c r="N392921" s="10"/>
    </row>
    <row r="392922" spans="14:14">
      <c r="N392922" s="10"/>
    </row>
    <row r="392923" spans="14:14">
      <c r="N392923" s="10"/>
    </row>
    <row r="392924" spans="14:14">
      <c r="N392924" s="10"/>
    </row>
    <row r="392925" spans="14:14">
      <c r="N392925" s="10"/>
    </row>
    <row r="392926" spans="14:14">
      <c r="N392926" s="10"/>
    </row>
    <row r="392927" spans="14:14">
      <c r="N392927" s="10"/>
    </row>
    <row r="392928" spans="14:14">
      <c r="N392928" s="10"/>
    </row>
    <row r="392929" spans="14:14">
      <c r="N392929" s="10"/>
    </row>
    <row r="392930" spans="14:14">
      <c r="N392930" s="10"/>
    </row>
    <row r="392931" spans="14:14">
      <c r="N392931" s="10"/>
    </row>
    <row r="392932" spans="14:14">
      <c r="N392932" s="10"/>
    </row>
    <row r="392933" spans="14:14">
      <c r="N392933" s="10"/>
    </row>
    <row r="392934" spans="14:14">
      <c r="N392934" s="10"/>
    </row>
    <row r="392935" spans="14:14">
      <c r="N392935" s="10"/>
    </row>
    <row r="392936" spans="14:14">
      <c r="N392936" s="10"/>
    </row>
    <row r="392937" spans="14:14">
      <c r="N392937" s="10"/>
    </row>
    <row r="392938" spans="14:14">
      <c r="N392938" s="10"/>
    </row>
    <row r="392939" spans="14:14">
      <c r="N392939" s="10"/>
    </row>
    <row r="392940" spans="14:14">
      <c r="N392940" s="10"/>
    </row>
    <row r="392941" spans="14:14">
      <c r="N392941" s="10"/>
    </row>
    <row r="392942" spans="14:14">
      <c r="N392942" s="10"/>
    </row>
    <row r="392943" spans="14:14">
      <c r="N392943" s="10"/>
    </row>
    <row r="392944" spans="14:14">
      <c r="N392944" s="10"/>
    </row>
    <row r="392945" spans="14:14">
      <c r="N392945" s="10"/>
    </row>
    <row r="392946" spans="14:14">
      <c r="N392946" s="10"/>
    </row>
    <row r="392947" spans="14:14">
      <c r="N392947" s="10"/>
    </row>
    <row r="392948" spans="14:14">
      <c r="N392948" s="10"/>
    </row>
    <row r="392949" spans="14:14">
      <c r="N392949" s="10"/>
    </row>
    <row r="392950" spans="14:14">
      <c r="N392950" s="10"/>
    </row>
    <row r="392951" spans="14:14">
      <c r="N392951" s="10"/>
    </row>
    <row r="392952" spans="14:14">
      <c r="N392952" s="10"/>
    </row>
    <row r="392953" spans="14:14">
      <c r="N392953" s="10"/>
    </row>
    <row r="392954" spans="14:14">
      <c r="N392954" s="10"/>
    </row>
    <row r="392955" spans="14:14">
      <c r="N392955" s="10"/>
    </row>
    <row r="392956" spans="14:14">
      <c r="N392956" s="10"/>
    </row>
    <row r="392957" spans="14:14">
      <c r="N392957" s="10"/>
    </row>
    <row r="392958" spans="14:14">
      <c r="N392958" s="10"/>
    </row>
    <row r="392959" spans="14:14">
      <c r="N392959" s="10"/>
    </row>
    <row r="392960" spans="14:14">
      <c r="N392960" s="10"/>
    </row>
    <row r="392961" spans="14:14">
      <c r="N392961" s="10"/>
    </row>
    <row r="392962" spans="14:14">
      <c r="N392962" s="10"/>
    </row>
    <row r="392963" spans="14:14">
      <c r="N392963" s="10"/>
    </row>
    <row r="392964" spans="14:14">
      <c r="N392964" s="10"/>
    </row>
    <row r="392965" spans="14:14">
      <c r="N392965" s="10"/>
    </row>
    <row r="392966" spans="14:14">
      <c r="N392966" s="10"/>
    </row>
    <row r="392967" spans="14:14">
      <c r="N392967" s="10"/>
    </row>
    <row r="392968" spans="14:14">
      <c r="N392968" s="10"/>
    </row>
    <row r="392969" spans="14:14">
      <c r="N392969" s="10"/>
    </row>
    <row r="392970" spans="14:14">
      <c r="N392970" s="10"/>
    </row>
    <row r="392971" spans="14:14">
      <c r="N392971" s="10"/>
    </row>
    <row r="392972" spans="14:14">
      <c r="N392972" s="10"/>
    </row>
    <row r="392973" spans="14:14">
      <c r="N392973" s="10"/>
    </row>
    <row r="392974" spans="14:14">
      <c r="N392974" s="10"/>
    </row>
    <row r="392975" spans="14:14">
      <c r="N392975" s="10"/>
    </row>
    <row r="392976" spans="14:14">
      <c r="N392976" s="10"/>
    </row>
    <row r="392977" spans="14:14">
      <c r="N392977" s="10"/>
    </row>
    <row r="392978" spans="14:14">
      <c r="N392978" s="10"/>
    </row>
    <row r="392979" spans="14:14">
      <c r="N392979" s="10"/>
    </row>
    <row r="392980" spans="14:14">
      <c r="N392980" s="10"/>
    </row>
    <row r="392981" spans="14:14">
      <c r="N392981" s="10"/>
    </row>
    <row r="392982" spans="14:14">
      <c r="N392982" s="10"/>
    </row>
    <row r="392983" spans="14:14">
      <c r="N392983" s="10"/>
    </row>
    <row r="392984" spans="14:14">
      <c r="N392984" s="10"/>
    </row>
    <row r="392985" spans="14:14">
      <c r="N392985" s="10"/>
    </row>
    <row r="392986" spans="14:14">
      <c r="N392986" s="10"/>
    </row>
    <row r="392987" spans="14:14">
      <c r="N392987" s="10"/>
    </row>
    <row r="392988" spans="14:14">
      <c r="N392988" s="10"/>
    </row>
    <row r="392989" spans="14:14">
      <c r="N392989" s="10"/>
    </row>
    <row r="392990" spans="14:14">
      <c r="N392990" s="10"/>
    </row>
    <row r="392991" spans="14:14">
      <c r="N392991" s="10"/>
    </row>
    <row r="392992" spans="14:14">
      <c r="N392992" s="10"/>
    </row>
    <row r="392993" spans="14:14">
      <c r="N392993" s="10"/>
    </row>
    <row r="392994" spans="14:14">
      <c r="N392994" s="10"/>
    </row>
    <row r="392995" spans="14:14">
      <c r="N392995" s="10"/>
    </row>
    <row r="392996" spans="14:14">
      <c r="N392996" s="10"/>
    </row>
    <row r="392997" spans="14:14">
      <c r="N392997" s="10"/>
    </row>
    <row r="392998" spans="14:14">
      <c r="N392998" s="10"/>
    </row>
    <row r="392999" spans="14:14">
      <c r="N392999" s="10"/>
    </row>
    <row r="393000" spans="14:14">
      <c r="N393000" s="10"/>
    </row>
    <row r="393001" spans="14:14">
      <c r="N393001" s="10"/>
    </row>
    <row r="393002" spans="14:14">
      <c r="N393002" s="10"/>
    </row>
    <row r="393003" spans="14:14">
      <c r="N393003" s="10"/>
    </row>
    <row r="393004" spans="14:14">
      <c r="N393004" s="10"/>
    </row>
    <row r="393005" spans="14:14">
      <c r="N393005" s="10"/>
    </row>
    <row r="393006" spans="14:14">
      <c r="N393006" s="10"/>
    </row>
    <row r="393007" spans="14:14">
      <c r="N393007" s="10"/>
    </row>
    <row r="393008" spans="14:14">
      <c r="N393008" s="10"/>
    </row>
    <row r="393009" spans="14:14">
      <c r="N393009" s="10"/>
    </row>
    <row r="393010" spans="14:14">
      <c r="N393010" s="10"/>
    </row>
    <row r="393011" spans="14:14">
      <c r="N393011" s="10"/>
    </row>
    <row r="393012" spans="14:14">
      <c r="N393012" s="10"/>
    </row>
    <row r="393013" spans="14:14">
      <c r="N393013" s="10"/>
    </row>
    <row r="393014" spans="14:14">
      <c r="N393014" s="10"/>
    </row>
    <row r="393015" spans="14:14">
      <c r="N393015" s="10"/>
    </row>
    <row r="393016" spans="14:14">
      <c r="N393016" s="10"/>
    </row>
    <row r="393017" spans="14:14">
      <c r="N393017" s="10"/>
    </row>
    <row r="393018" spans="14:14">
      <c r="N393018" s="10"/>
    </row>
    <row r="393019" spans="14:14">
      <c r="N393019" s="10"/>
    </row>
    <row r="393020" spans="14:14">
      <c r="N393020" s="10"/>
    </row>
    <row r="393021" spans="14:14">
      <c r="N393021" s="10"/>
    </row>
    <row r="393022" spans="14:14">
      <c r="N393022" s="10"/>
    </row>
    <row r="393023" spans="14:14">
      <c r="N393023" s="10"/>
    </row>
    <row r="393024" spans="14:14">
      <c r="N393024" s="10"/>
    </row>
    <row r="393025" spans="14:14">
      <c r="N393025" s="10"/>
    </row>
    <row r="393026" spans="14:14">
      <c r="N393026" s="10"/>
    </row>
    <row r="393027" spans="14:14">
      <c r="N393027" s="10"/>
    </row>
    <row r="393028" spans="14:14">
      <c r="N393028" s="10"/>
    </row>
    <row r="393029" spans="14:14">
      <c r="N393029" s="10"/>
    </row>
    <row r="393030" spans="14:14">
      <c r="N393030" s="10"/>
    </row>
    <row r="393031" spans="14:14">
      <c r="N393031" s="10"/>
    </row>
    <row r="393032" spans="14:14">
      <c r="N393032" s="10"/>
    </row>
    <row r="393033" spans="14:14">
      <c r="N393033" s="10"/>
    </row>
    <row r="393034" spans="14:14">
      <c r="N393034" s="10"/>
    </row>
    <row r="393035" spans="14:14">
      <c r="N393035" s="10"/>
    </row>
    <row r="393036" spans="14:14">
      <c r="N393036" s="10"/>
    </row>
    <row r="393037" spans="14:14">
      <c r="N393037" s="10"/>
    </row>
    <row r="393038" spans="14:14">
      <c r="N393038" s="10"/>
    </row>
    <row r="393039" spans="14:14">
      <c r="N393039" s="10"/>
    </row>
    <row r="393040" spans="14:14">
      <c r="N393040" s="10"/>
    </row>
    <row r="393041" spans="14:14">
      <c r="N393041" s="10"/>
    </row>
    <row r="393042" spans="14:14">
      <c r="N393042" s="10"/>
    </row>
    <row r="393043" spans="14:14">
      <c r="N393043" s="10"/>
    </row>
    <row r="393044" spans="14:14">
      <c r="N393044" s="10"/>
    </row>
    <row r="393045" spans="14:14">
      <c r="N393045" s="10"/>
    </row>
    <row r="393046" spans="14:14">
      <c r="N393046" s="10"/>
    </row>
    <row r="393047" spans="14:14">
      <c r="N393047" s="10"/>
    </row>
    <row r="393048" spans="14:14">
      <c r="N393048" s="10"/>
    </row>
    <row r="393049" spans="14:14">
      <c r="N393049" s="10"/>
    </row>
    <row r="393050" spans="14:14">
      <c r="N393050" s="10"/>
    </row>
    <row r="393051" spans="14:14">
      <c r="N393051" s="10"/>
    </row>
    <row r="393052" spans="14:14">
      <c r="N393052" s="10"/>
    </row>
    <row r="393053" spans="14:14">
      <c r="N393053" s="10"/>
    </row>
    <row r="393054" spans="14:14">
      <c r="N393054" s="10"/>
    </row>
    <row r="393055" spans="14:14">
      <c r="N393055" s="10"/>
    </row>
    <row r="393056" spans="14:14">
      <c r="N393056" s="10"/>
    </row>
    <row r="393057" spans="14:14">
      <c r="N393057" s="10"/>
    </row>
    <row r="393058" spans="14:14">
      <c r="N393058" s="10"/>
    </row>
    <row r="393059" spans="14:14">
      <c r="N393059" s="10"/>
    </row>
    <row r="393060" spans="14:14">
      <c r="N393060" s="10"/>
    </row>
    <row r="393061" spans="14:14">
      <c r="N393061" s="10"/>
    </row>
    <row r="393062" spans="14:14">
      <c r="N393062" s="10"/>
    </row>
    <row r="393063" spans="14:14">
      <c r="N393063" s="10"/>
    </row>
    <row r="393064" spans="14:14">
      <c r="N393064" s="10"/>
    </row>
    <row r="393065" spans="14:14">
      <c r="N393065" s="10"/>
    </row>
    <row r="393066" spans="14:14">
      <c r="N393066" s="10"/>
    </row>
    <row r="393067" spans="14:14">
      <c r="N393067" s="10"/>
    </row>
    <row r="393068" spans="14:14">
      <c r="N393068" s="10"/>
    </row>
    <row r="393069" spans="14:14">
      <c r="N393069" s="10"/>
    </row>
    <row r="393070" spans="14:14">
      <c r="N393070" s="10"/>
    </row>
    <row r="393071" spans="14:14">
      <c r="N393071" s="10"/>
    </row>
    <row r="393072" spans="14:14">
      <c r="N393072" s="10"/>
    </row>
    <row r="393073" spans="14:14">
      <c r="N393073" s="10"/>
    </row>
    <row r="393074" spans="14:14">
      <c r="N393074" s="10"/>
    </row>
    <row r="393075" spans="14:14">
      <c r="N393075" s="10"/>
    </row>
    <row r="393076" spans="14:14">
      <c r="N393076" s="10"/>
    </row>
    <row r="393077" spans="14:14">
      <c r="N393077" s="10"/>
    </row>
    <row r="393078" spans="14:14">
      <c r="N393078" s="10"/>
    </row>
    <row r="393079" spans="14:14">
      <c r="N393079" s="10"/>
    </row>
    <row r="393080" spans="14:14">
      <c r="N393080" s="10"/>
    </row>
    <row r="393081" spans="14:14">
      <c r="N393081" s="10"/>
    </row>
    <row r="393082" spans="14:14">
      <c r="N393082" s="10"/>
    </row>
    <row r="393083" spans="14:14">
      <c r="N393083" s="10"/>
    </row>
    <row r="393084" spans="14:14">
      <c r="N393084" s="10"/>
    </row>
    <row r="393085" spans="14:14">
      <c r="N393085" s="10"/>
    </row>
    <row r="393086" spans="14:14">
      <c r="N393086" s="10"/>
    </row>
    <row r="393087" spans="14:14">
      <c r="N393087" s="10"/>
    </row>
    <row r="393088" spans="14:14">
      <c r="N393088" s="10"/>
    </row>
    <row r="393089" spans="14:14">
      <c r="N393089" s="10"/>
    </row>
    <row r="393090" spans="14:14">
      <c r="N393090" s="10"/>
    </row>
    <row r="393091" spans="14:14">
      <c r="N393091" s="10"/>
    </row>
    <row r="393092" spans="14:14">
      <c r="N393092" s="10"/>
    </row>
    <row r="393093" spans="14:14">
      <c r="N393093" s="10"/>
    </row>
    <row r="393094" spans="14:14">
      <c r="N393094" s="10"/>
    </row>
    <row r="393095" spans="14:14">
      <c r="N393095" s="10"/>
    </row>
    <row r="393096" spans="14:14">
      <c r="N393096" s="10"/>
    </row>
    <row r="393097" spans="14:14">
      <c r="N393097" s="10"/>
    </row>
    <row r="393098" spans="14:14">
      <c r="N393098" s="10"/>
    </row>
    <row r="393099" spans="14:14">
      <c r="N393099" s="10"/>
    </row>
    <row r="393100" spans="14:14">
      <c r="N393100" s="10"/>
    </row>
    <row r="393101" spans="14:14">
      <c r="N393101" s="10"/>
    </row>
    <row r="393102" spans="14:14">
      <c r="N393102" s="10"/>
    </row>
    <row r="393103" spans="14:14">
      <c r="N393103" s="10"/>
    </row>
    <row r="393104" spans="14:14">
      <c r="N393104" s="10"/>
    </row>
    <row r="393105" spans="14:14">
      <c r="N393105" s="10"/>
    </row>
    <row r="393106" spans="14:14">
      <c r="N393106" s="10"/>
    </row>
    <row r="393107" spans="14:14">
      <c r="N393107" s="10"/>
    </row>
    <row r="393108" spans="14:14">
      <c r="N393108" s="10"/>
    </row>
    <row r="393109" spans="14:14">
      <c r="N393109" s="10"/>
    </row>
    <row r="393110" spans="14:14">
      <c r="N393110" s="10"/>
    </row>
    <row r="393111" spans="14:14">
      <c r="N393111" s="10"/>
    </row>
    <row r="393112" spans="14:14">
      <c r="N393112" s="10"/>
    </row>
    <row r="393113" spans="14:14">
      <c r="N393113" s="10"/>
    </row>
    <row r="393114" spans="14:14">
      <c r="N393114" s="10"/>
    </row>
    <row r="393115" spans="14:14">
      <c r="N393115" s="10"/>
    </row>
    <row r="393116" spans="14:14">
      <c r="N393116" s="10"/>
    </row>
    <row r="393117" spans="14:14">
      <c r="N393117" s="10"/>
    </row>
    <row r="393118" spans="14:14">
      <c r="N393118" s="10"/>
    </row>
    <row r="393119" spans="14:14">
      <c r="N393119" s="10"/>
    </row>
    <row r="393120" spans="14:14">
      <c r="N393120" s="10"/>
    </row>
    <row r="393121" spans="14:14">
      <c r="N393121" s="10"/>
    </row>
    <row r="393122" spans="14:14">
      <c r="N393122" s="10"/>
    </row>
    <row r="393123" spans="14:14">
      <c r="N393123" s="10"/>
    </row>
    <row r="393124" spans="14:14">
      <c r="N393124" s="10"/>
    </row>
    <row r="393125" spans="14:14">
      <c r="N393125" s="10"/>
    </row>
    <row r="393126" spans="14:14">
      <c r="N393126" s="10"/>
    </row>
    <row r="393127" spans="14:14">
      <c r="N393127" s="10"/>
    </row>
    <row r="393128" spans="14:14">
      <c r="N393128" s="10"/>
    </row>
    <row r="393129" spans="14:14">
      <c r="N393129" s="10"/>
    </row>
    <row r="393130" spans="14:14">
      <c r="N393130" s="10"/>
    </row>
    <row r="393131" spans="14:14">
      <c r="N393131" s="10"/>
    </row>
    <row r="393132" spans="14:14">
      <c r="N393132" s="10"/>
    </row>
    <row r="393133" spans="14:14">
      <c r="N393133" s="10"/>
    </row>
    <row r="393134" spans="14:14">
      <c r="N393134" s="10"/>
    </row>
    <row r="393135" spans="14:14">
      <c r="N393135" s="10"/>
    </row>
    <row r="393136" spans="14:14">
      <c r="N393136" s="10"/>
    </row>
    <row r="393137" spans="14:14">
      <c r="N393137" s="10"/>
    </row>
    <row r="393138" spans="14:14">
      <c r="N393138" s="10"/>
    </row>
    <row r="393139" spans="14:14">
      <c r="N393139" s="10"/>
    </row>
    <row r="393140" spans="14:14">
      <c r="N393140" s="10"/>
    </row>
    <row r="393141" spans="14:14">
      <c r="N393141" s="10"/>
    </row>
    <row r="393142" spans="14:14">
      <c r="N393142" s="10"/>
    </row>
    <row r="393143" spans="14:14">
      <c r="N393143" s="10"/>
    </row>
    <row r="393144" spans="14:14">
      <c r="N393144" s="10"/>
    </row>
    <row r="393145" spans="14:14">
      <c r="N393145" s="10"/>
    </row>
    <row r="393146" spans="14:14">
      <c r="N393146" s="10"/>
    </row>
    <row r="393147" spans="14:14">
      <c r="N393147" s="10"/>
    </row>
    <row r="393148" spans="14:14">
      <c r="N393148" s="10"/>
    </row>
    <row r="393149" spans="14:14">
      <c r="N393149" s="10"/>
    </row>
    <row r="393150" spans="14:14">
      <c r="N393150" s="10"/>
    </row>
    <row r="393151" spans="14:14">
      <c r="N393151" s="10"/>
    </row>
    <row r="393152" spans="14:14">
      <c r="N393152" s="10"/>
    </row>
    <row r="393153" spans="14:14">
      <c r="N393153" s="10"/>
    </row>
    <row r="393154" spans="14:14">
      <c r="N393154" s="10"/>
    </row>
    <row r="393155" spans="14:14">
      <c r="N393155" s="10"/>
    </row>
    <row r="393156" spans="14:14">
      <c r="N393156" s="10"/>
    </row>
    <row r="393157" spans="14:14">
      <c r="N393157" s="10"/>
    </row>
    <row r="393158" spans="14:14">
      <c r="N393158" s="10"/>
    </row>
    <row r="393159" spans="14:14">
      <c r="N393159" s="10"/>
    </row>
    <row r="393160" spans="14:14">
      <c r="N393160" s="10"/>
    </row>
    <row r="393161" spans="14:14">
      <c r="N393161" s="10"/>
    </row>
    <row r="393162" spans="14:14">
      <c r="N393162" s="10"/>
    </row>
    <row r="393163" spans="14:14">
      <c r="N393163" s="10"/>
    </row>
    <row r="393164" spans="14:14">
      <c r="N393164" s="10"/>
    </row>
    <row r="393165" spans="14:14">
      <c r="N393165" s="10"/>
    </row>
    <row r="393166" spans="14:14">
      <c r="N393166" s="10"/>
    </row>
    <row r="393167" spans="14:14">
      <c r="N393167" s="10"/>
    </row>
    <row r="393168" spans="14:14">
      <c r="N393168" s="10"/>
    </row>
    <row r="393169" spans="14:14">
      <c r="N393169" s="10"/>
    </row>
    <row r="393170" spans="14:14">
      <c r="N393170" s="10"/>
    </row>
    <row r="393171" spans="14:14">
      <c r="N393171" s="10"/>
    </row>
    <row r="393172" spans="14:14">
      <c r="N393172" s="10"/>
    </row>
    <row r="393173" spans="14:14">
      <c r="N393173" s="10"/>
    </row>
    <row r="393174" spans="14:14">
      <c r="N393174" s="10"/>
    </row>
    <row r="393175" spans="14:14">
      <c r="N393175" s="10"/>
    </row>
    <row r="393176" spans="14:14">
      <c r="N393176" s="10"/>
    </row>
    <row r="393177" spans="14:14">
      <c r="N393177" s="10"/>
    </row>
    <row r="393178" spans="14:14">
      <c r="N393178" s="10"/>
    </row>
    <row r="393179" spans="14:14">
      <c r="N393179" s="10"/>
    </row>
    <row r="393180" spans="14:14">
      <c r="N393180" s="10"/>
    </row>
    <row r="393181" spans="14:14">
      <c r="N393181" s="10"/>
    </row>
    <row r="393182" spans="14:14">
      <c r="N393182" s="10"/>
    </row>
    <row r="393183" spans="14:14">
      <c r="N393183" s="10"/>
    </row>
    <row r="393184" spans="14:14">
      <c r="N393184" s="10"/>
    </row>
    <row r="393185" spans="14:14">
      <c r="N393185" s="10"/>
    </row>
    <row r="393186" spans="14:14">
      <c r="N393186" s="10"/>
    </row>
    <row r="393187" spans="14:14">
      <c r="N393187" s="10"/>
    </row>
    <row r="393188" spans="14:14">
      <c r="N393188" s="10"/>
    </row>
    <row r="393189" spans="14:14">
      <c r="N393189" s="10"/>
    </row>
    <row r="393190" spans="14:14">
      <c r="N393190" s="10"/>
    </row>
    <row r="393191" spans="14:14">
      <c r="N393191" s="10"/>
    </row>
    <row r="393192" spans="14:14">
      <c r="N393192" s="10"/>
    </row>
    <row r="393193" spans="14:14">
      <c r="N393193" s="10"/>
    </row>
    <row r="393194" spans="14:14">
      <c r="N393194" s="10"/>
    </row>
    <row r="393195" spans="14:14">
      <c r="N393195" s="10"/>
    </row>
    <row r="393196" spans="14:14">
      <c r="N393196" s="10"/>
    </row>
    <row r="393197" spans="14:14">
      <c r="N393197" s="10"/>
    </row>
    <row r="393198" spans="14:14">
      <c r="N393198" s="10"/>
    </row>
    <row r="393199" spans="14:14">
      <c r="N393199" s="10"/>
    </row>
    <row r="393200" spans="14:14">
      <c r="N393200" s="10"/>
    </row>
    <row r="393201" spans="14:14">
      <c r="N393201" s="10"/>
    </row>
    <row r="393202" spans="14:14">
      <c r="N393202" s="10"/>
    </row>
    <row r="393203" spans="14:14">
      <c r="N393203" s="10"/>
    </row>
    <row r="393204" spans="14:14">
      <c r="N393204" s="10"/>
    </row>
    <row r="393205" spans="14:14">
      <c r="N393205" s="10"/>
    </row>
    <row r="393206" spans="14:14">
      <c r="N393206" s="10"/>
    </row>
    <row r="393207" spans="14:14">
      <c r="N393207" s="10"/>
    </row>
    <row r="393208" spans="14:14">
      <c r="N393208" s="10"/>
    </row>
    <row r="393209" spans="14:14">
      <c r="N393209" s="10"/>
    </row>
    <row r="393210" spans="14:14">
      <c r="N393210" s="10"/>
    </row>
    <row r="393211" spans="14:14">
      <c r="N393211" s="10"/>
    </row>
    <row r="393212" spans="14:14">
      <c r="N393212" s="10"/>
    </row>
    <row r="393213" spans="14:14">
      <c r="N393213" s="10"/>
    </row>
    <row r="393214" spans="14:14">
      <c r="N393214" s="10"/>
    </row>
    <row r="393215" spans="14:14">
      <c r="N393215" s="10"/>
    </row>
    <row r="393216" spans="14:14">
      <c r="N393216" s="10"/>
    </row>
    <row r="393217" spans="14:14">
      <c r="N393217" s="10"/>
    </row>
    <row r="393218" spans="14:14">
      <c r="N393218" s="10"/>
    </row>
    <row r="393219" spans="14:14">
      <c r="N393219" s="10"/>
    </row>
    <row r="393220" spans="14:14">
      <c r="N393220" s="10"/>
    </row>
    <row r="393221" spans="14:14">
      <c r="N393221" s="10"/>
    </row>
    <row r="393222" spans="14:14">
      <c r="N393222" s="10"/>
    </row>
    <row r="393223" spans="14:14">
      <c r="N393223" s="10"/>
    </row>
    <row r="393224" spans="14:14">
      <c r="N393224" s="10"/>
    </row>
    <row r="393225" spans="14:14">
      <c r="N393225" s="10"/>
    </row>
    <row r="393226" spans="14:14">
      <c r="N393226" s="10"/>
    </row>
    <row r="393227" spans="14:14">
      <c r="N393227" s="10"/>
    </row>
    <row r="393228" spans="14:14">
      <c r="N393228" s="10"/>
    </row>
    <row r="393229" spans="14:14">
      <c r="N393229" s="10"/>
    </row>
    <row r="393230" spans="14:14">
      <c r="N393230" s="10"/>
    </row>
    <row r="393231" spans="14:14">
      <c r="N393231" s="10"/>
    </row>
    <row r="393232" spans="14:14">
      <c r="N393232" s="10"/>
    </row>
    <row r="393233" spans="14:14">
      <c r="N393233" s="10"/>
    </row>
    <row r="393234" spans="14:14">
      <c r="N393234" s="10"/>
    </row>
    <row r="393235" spans="14:14">
      <c r="N393235" s="10"/>
    </row>
    <row r="393236" spans="14:14">
      <c r="N393236" s="10"/>
    </row>
    <row r="393237" spans="14:14">
      <c r="N393237" s="10"/>
    </row>
    <row r="393238" spans="14:14">
      <c r="N393238" s="10"/>
    </row>
    <row r="393239" spans="14:14">
      <c r="N393239" s="10"/>
    </row>
    <row r="393240" spans="14:14">
      <c r="N393240" s="10"/>
    </row>
    <row r="393241" spans="14:14">
      <c r="N393241" s="10"/>
    </row>
    <row r="393242" spans="14:14">
      <c r="N393242" s="10"/>
    </row>
    <row r="393243" spans="14:14">
      <c r="N393243" s="10"/>
    </row>
    <row r="393244" spans="14:14">
      <c r="N393244" s="10"/>
    </row>
    <row r="393245" spans="14:14">
      <c r="N393245" s="10"/>
    </row>
    <row r="393246" spans="14:14">
      <c r="N393246" s="10"/>
    </row>
    <row r="393247" spans="14:14">
      <c r="N393247" s="10"/>
    </row>
    <row r="393248" spans="14:14">
      <c r="N393248" s="10"/>
    </row>
    <row r="393249" spans="14:14">
      <c r="N393249" s="10"/>
    </row>
    <row r="393250" spans="14:14">
      <c r="N393250" s="10"/>
    </row>
    <row r="393251" spans="14:14">
      <c r="N393251" s="10"/>
    </row>
    <row r="393252" spans="14:14">
      <c r="N393252" s="10"/>
    </row>
    <row r="393253" spans="14:14">
      <c r="N393253" s="10"/>
    </row>
    <row r="393254" spans="14:14">
      <c r="N393254" s="10"/>
    </row>
    <row r="393255" spans="14:14">
      <c r="N393255" s="10"/>
    </row>
    <row r="393256" spans="14:14">
      <c r="N393256" s="10"/>
    </row>
    <row r="393257" spans="14:14">
      <c r="N393257" s="10"/>
    </row>
    <row r="393258" spans="14:14">
      <c r="N393258" s="10"/>
    </row>
    <row r="393259" spans="14:14">
      <c r="N393259" s="10"/>
    </row>
    <row r="393260" spans="14:14">
      <c r="N393260" s="10"/>
    </row>
    <row r="393261" spans="14:14">
      <c r="N393261" s="10"/>
    </row>
    <row r="393262" spans="14:14">
      <c r="N393262" s="10"/>
    </row>
    <row r="393263" spans="14:14">
      <c r="N393263" s="10"/>
    </row>
    <row r="393264" spans="14:14">
      <c r="N393264" s="10"/>
    </row>
    <row r="393265" spans="14:14">
      <c r="N393265" s="10"/>
    </row>
    <row r="393266" spans="14:14">
      <c r="N393266" s="10"/>
    </row>
    <row r="393267" spans="14:14">
      <c r="N393267" s="10"/>
    </row>
    <row r="393268" spans="14:14">
      <c r="N393268" s="10"/>
    </row>
    <row r="393269" spans="14:14">
      <c r="N393269" s="10"/>
    </row>
    <row r="393270" spans="14:14">
      <c r="N393270" s="10"/>
    </row>
    <row r="393271" spans="14:14">
      <c r="N393271" s="10"/>
    </row>
    <row r="393272" spans="14:14">
      <c r="N393272" s="10"/>
    </row>
    <row r="393273" spans="14:14">
      <c r="N393273" s="10"/>
    </row>
    <row r="393274" spans="14:14">
      <c r="N393274" s="10"/>
    </row>
    <row r="393275" spans="14:14">
      <c r="N393275" s="10"/>
    </row>
    <row r="393276" spans="14:14">
      <c r="N393276" s="10"/>
    </row>
    <row r="393277" spans="14:14">
      <c r="N393277" s="10"/>
    </row>
    <row r="393278" spans="14:14">
      <c r="N393278" s="10"/>
    </row>
    <row r="393279" spans="14:14">
      <c r="N393279" s="10"/>
    </row>
    <row r="393280" spans="14:14">
      <c r="N393280" s="10"/>
    </row>
    <row r="393281" spans="14:14">
      <c r="N393281" s="10"/>
    </row>
    <row r="393282" spans="14:14">
      <c r="N393282" s="10"/>
    </row>
    <row r="393283" spans="14:14">
      <c r="N393283" s="10"/>
    </row>
    <row r="393284" spans="14:14">
      <c r="N393284" s="10"/>
    </row>
    <row r="393285" spans="14:14">
      <c r="N393285" s="10"/>
    </row>
    <row r="393286" spans="14:14">
      <c r="N393286" s="10"/>
    </row>
    <row r="393287" spans="14:14">
      <c r="N393287" s="10"/>
    </row>
    <row r="393288" spans="14:14">
      <c r="N393288" s="10"/>
    </row>
    <row r="393289" spans="14:14">
      <c r="N393289" s="10"/>
    </row>
    <row r="393290" spans="14:14">
      <c r="N393290" s="10"/>
    </row>
    <row r="393291" spans="14:14">
      <c r="N393291" s="10"/>
    </row>
    <row r="393292" spans="14:14">
      <c r="N393292" s="10"/>
    </row>
    <row r="393293" spans="14:14">
      <c r="N393293" s="10"/>
    </row>
    <row r="393294" spans="14:14">
      <c r="N393294" s="10"/>
    </row>
    <row r="393295" spans="14:14">
      <c r="N393295" s="10"/>
    </row>
    <row r="393296" spans="14:14">
      <c r="N393296" s="10"/>
    </row>
    <row r="393297" spans="14:14">
      <c r="N393297" s="10"/>
    </row>
    <row r="393298" spans="14:14">
      <c r="N393298" s="10"/>
    </row>
    <row r="393299" spans="14:14">
      <c r="N393299" s="10"/>
    </row>
    <row r="393300" spans="14:14">
      <c r="N393300" s="10"/>
    </row>
    <row r="393301" spans="14:14">
      <c r="N393301" s="10"/>
    </row>
    <row r="393302" spans="14:14">
      <c r="N393302" s="10"/>
    </row>
    <row r="393303" spans="14:14">
      <c r="N393303" s="10"/>
    </row>
    <row r="393304" spans="14:14">
      <c r="N393304" s="10"/>
    </row>
    <row r="393305" spans="14:14">
      <c r="N393305" s="10"/>
    </row>
    <row r="393306" spans="14:14">
      <c r="N393306" s="10"/>
    </row>
    <row r="393307" spans="14:14">
      <c r="N393307" s="10"/>
    </row>
    <row r="393308" spans="14:14">
      <c r="N393308" s="10"/>
    </row>
    <row r="393309" spans="14:14">
      <c r="N393309" s="10"/>
    </row>
    <row r="393310" spans="14:14">
      <c r="N393310" s="10"/>
    </row>
    <row r="393311" spans="14:14">
      <c r="N393311" s="10"/>
    </row>
    <row r="393312" spans="14:14">
      <c r="N393312" s="10"/>
    </row>
    <row r="393313" spans="14:14">
      <c r="N393313" s="10"/>
    </row>
    <row r="393314" spans="14:14">
      <c r="N393314" s="10"/>
    </row>
    <row r="393315" spans="14:14">
      <c r="N393315" s="10"/>
    </row>
    <row r="393316" spans="14:14">
      <c r="N393316" s="10"/>
    </row>
    <row r="393317" spans="14:14">
      <c r="N393317" s="10"/>
    </row>
    <row r="393318" spans="14:14">
      <c r="N393318" s="10"/>
    </row>
    <row r="393319" spans="14:14">
      <c r="N393319" s="10"/>
    </row>
    <row r="393320" spans="14:14">
      <c r="N393320" s="10"/>
    </row>
    <row r="393321" spans="14:14">
      <c r="N393321" s="10"/>
    </row>
    <row r="393322" spans="14:14">
      <c r="N393322" s="10"/>
    </row>
    <row r="393323" spans="14:14">
      <c r="N393323" s="10"/>
    </row>
    <row r="393324" spans="14:14">
      <c r="N393324" s="10"/>
    </row>
    <row r="393325" spans="14:14">
      <c r="N393325" s="10"/>
    </row>
    <row r="393326" spans="14:14">
      <c r="N393326" s="10"/>
    </row>
    <row r="393327" spans="14:14">
      <c r="N393327" s="10"/>
    </row>
    <row r="393328" spans="14:14">
      <c r="N393328" s="10"/>
    </row>
    <row r="393329" spans="14:14">
      <c r="N393329" s="10"/>
    </row>
    <row r="393330" spans="14:14">
      <c r="N393330" s="10"/>
    </row>
    <row r="393331" spans="14:14">
      <c r="N393331" s="10"/>
    </row>
    <row r="393332" spans="14:14">
      <c r="N393332" s="10"/>
    </row>
    <row r="393333" spans="14:14">
      <c r="N393333" s="10"/>
    </row>
    <row r="393334" spans="14:14">
      <c r="N393334" s="10"/>
    </row>
    <row r="393335" spans="14:14">
      <c r="N393335" s="10"/>
    </row>
    <row r="393336" spans="14:14">
      <c r="N393336" s="10"/>
    </row>
    <row r="393337" spans="14:14">
      <c r="N393337" s="10"/>
    </row>
    <row r="393338" spans="14:14">
      <c r="N393338" s="10"/>
    </row>
    <row r="393339" spans="14:14">
      <c r="N393339" s="10"/>
    </row>
    <row r="393340" spans="14:14">
      <c r="N393340" s="10"/>
    </row>
    <row r="393341" spans="14:14">
      <c r="N393341" s="10"/>
    </row>
    <row r="393342" spans="14:14">
      <c r="N393342" s="10"/>
    </row>
    <row r="393343" spans="14:14">
      <c r="N393343" s="10"/>
    </row>
    <row r="393344" spans="14:14">
      <c r="N393344" s="10"/>
    </row>
    <row r="393345" spans="14:14">
      <c r="N393345" s="10"/>
    </row>
    <row r="393346" spans="14:14">
      <c r="N393346" s="10"/>
    </row>
    <row r="393347" spans="14:14">
      <c r="N393347" s="10"/>
    </row>
    <row r="393348" spans="14:14">
      <c r="N393348" s="10"/>
    </row>
    <row r="393349" spans="14:14">
      <c r="N393349" s="10"/>
    </row>
    <row r="393350" spans="14:14">
      <c r="N393350" s="10"/>
    </row>
    <row r="393351" spans="14:14">
      <c r="N393351" s="10"/>
    </row>
    <row r="393352" spans="14:14">
      <c r="N393352" s="10"/>
    </row>
    <row r="393353" spans="14:14">
      <c r="N393353" s="10"/>
    </row>
    <row r="393354" spans="14:14">
      <c r="N393354" s="10"/>
    </row>
    <row r="393355" spans="14:14">
      <c r="N393355" s="10"/>
    </row>
    <row r="393356" spans="14:14">
      <c r="N393356" s="10"/>
    </row>
    <row r="393357" spans="14:14">
      <c r="N393357" s="10"/>
    </row>
    <row r="393358" spans="14:14">
      <c r="N393358" s="10"/>
    </row>
    <row r="393359" spans="14:14">
      <c r="N393359" s="10"/>
    </row>
    <row r="393360" spans="14:14">
      <c r="N393360" s="10"/>
    </row>
    <row r="393361" spans="14:14">
      <c r="N393361" s="10"/>
    </row>
    <row r="393362" spans="14:14">
      <c r="N393362" s="10"/>
    </row>
    <row r="393363" spans="14:14">
      <c r="N393363" s="10"/>
    </row>
    <row r="393364" spans="14:14">
      <c r="N393364" s="10"/>
    </row>
    <row r="393365" spans="14:14">
      <c r="N393365" s="10"/>
    </row>
    <row r="393366" spans="14:14">
      <c r="N393366" s="10"/>
    </row>
    <row r="393367" spans="14:14">
      <c r="N393367" s="10"/>
    </row>
    <row r="393368" spans="14:14">
      <c r="N393368" s="10"/>
    </row>
    <row r="393369" spans="14:14">
      <c r="N393369" s="10"/>
    </row>
    <row r="393370" spans="14:14">
      <c r="N393370" s="10"/>
    </row>
    <row r="393371" spans="14:14">
      <c r="N393371" s="10"/>
    </row>
    <row r="393372" spans="14:14">
      <c r="N393372" s="10"/>
    </row>
    <row r="393373" spans="14:14">
      <c r="N393373" s="10"/>
    </row>
    <row r="393374" spans="14:14">
      <c r="N393374" s="10"/>
    </row>
    <row r="393375" spans="14:14">
      <c r="N393375" s="10"/>
    </row>
    <row r="393376" spans="14:14">
      <c r="N393376" s="10"/>
    </row>
    <row r="393377" spans="14:14">
      <c r="N393377" s="10"/>
    </row>
    <row r="393378" spans="14:14">
      <c r="N393378" s="10"/>
    </row>
    <row r="393379" spans="14:14">
      <c r="N393379" s="10"/>
    </row>
    <row r="393380" spans="14:14">
      <c r="N393380" s="10"/>
    </row>
    <row r="393381" spans="14:14">
      <c r="N393381" s="10"/>
    </row>
    <row r="393382" spans="14:14">
      <c r="N393382" s="10"/>
    </row>
    <row r="393383" spans="14:14">
      <c r="N393383" s="10"/>
    </row>
    <row r="393384" spans="14:14">
      <c r="N393384" s="10"/>
    </row>
    <row r="393385" spans="14:14">
      <c r="N393385" s="10"/>
    </row>
    <row r="393386" spans="14:14">
      <c r="N393386" s="10"/>
    </row>
    <row r="393387" spans="14:14">
      <c r="N393387" s="10"/>
    </row>
    <row r="393388" spans="14:14">
      <c r="N393388" s="10"/>
    </row>
    <row r="393389" spans="14:14">
      <c r="N393389" s="10"/>
    </row>
    <row r="393390" spans="14:14">
      <c r="N393390" s="10"/>
    </row>
    <row r="393391" spans="14:14">
      <c r="N393391" s="10"/>
    </row>
    <row r="393392" spans="14:14">
      <c r="N393392" s="10"/>
    </row>
    <row r="393393" spans="14:14">
      <c r="N393393" s="10"/>
    </row>
    <row r="393394" spans="14:14">
      <c r="N393394" s="10"/>
    </row>
    <row r="393395" spans="14:14">
      <c r="N393395" s="10"/>
    </row>
    <row r="393396" spans="14:14">
      <c r="N393396" s="10"/>
    </row>
    <row r="393397" spans="14:14">
      <c r="N393397" s="10"/>
    </row>
    <row r="393398" spans="14:14">
      <c r="N393398" s="10"/>
    </row>
    <row r="393399" spans="14:14">
      <c r="N393399" s="10"/>
    </row>
    <row r="393400" spans="14:14">
      <c r="N393400" s="10"/>
    </row>
    <row r="393401" spans="14:14">
      <c r="N393401" s="10"/>
    </row>
    <row r="393402" spans="14:14">
      <c r="N393402" s="10"/>
    </row>
    <row r="393403" spans="14:14">
      <c r="N393403" s="10"/>
    </row>
    <row r="393404" spans="14:14">
      <c r="N393404" s="10"/>
    </row>
    <row r="393405" spans="14:14">
      <c r="N393405" s="10"/>
    </row>
    <row r="393406" spans="14:14">
      <c r="N393406" s="10"/>
    </row>
    <row r="393407" spans="14:14">
      <c r="N393407" s="10"/>
    </row>
    <row r="393408" spans="14:14">
      <c r="N393408" s="10"/>
    </row>
    <row r="393409" spans="14:14">
      <c r="N393409" s="10"/>
    </row>
    <row r="393410" spans="14:14">
      <c r="N393410" s="10"/>
    </row>
    <row r="393411" spans="14:14">
      <c r="N393411" s="10"/>
    </row>
    <row r="393412" spans="14:14">
      <c r="N393412" s="10"/>
    </row>
    <row r="393413" spans="14:14">
      <c r="N393413" s="10"/>
    </row>
    <row r="393414" spans="14:14">
      <c r="N393414" s="10"/>
    </row>
    <row r="393415" spans="14:14">
      <c r="N393415" s="10"/>
    </row>
    <row r="393416" spans="14:14">
      <c r="N393416" s="10"/>
    </row>
    <row r="393417" spans="14:14">
      <c r="N393417" s="10"/>
    </row>
    <row r="393418" spans="14:14">
      <c r="N393418" s="10"/>
    </row>
    <row r="393419" spans="14:14">
      <c r="N393419" s="10"/>
    </row>
    <row r="393420" spans="14:14">
      <c r="N393420" s="10"/>
    </row>
    <row r="393421" spans="14:14">
      <c r="N393421" s="10"/>
    </row>
    <row r="393422" spans="14:14">
      <c r="N393422" s="10"/>
    </row>
    <row r="393423" spans="14:14">
      <c r="N393423" s="10"/>
    </row>
    <row r="393424" spans="14:14">
      <c r="N393424" s="10"/>
    </row>
    <row r="393425" spans="14:14">
      <c r="N393425" s="10"/>
    </row>
    <row r="393426" spans="14:14">
      <c r="N393426" s="10"/>
    </row>
    <row r="393427" spans="14:14">
      <c r="N393427" s="10"/>
    </row>
    <row r="393428" spans="14:14">
      <c r="N393428" s="10"/>
    </row>
    <row r="393429" spans="14:14">
      <c r="N393429" s="10"/>
    </row>
    <row r="393430" spans="14:14">
      <c r="N393430" s="10"/>
    </row>
    <row r="393431" spans="14:14">
      <c r="N393431" s="10"/>
    </row>
    <row r="393432" spans="14:14">
      <c r="N393432" s="10"/>
    </row>
    <row r="393433" spans="14:14">
      <c r="N393433" s="10"/>
    </row>
    <row r="393434" spans="14:14">
      <c r="N393434" s="10"/>
    </row>
    <row r="393435" spans="14:14">
      <c r="N393435" s="10"/>
    </row>
    <row r="393436" spans="14:14">
      <c r="N393436" s="10"/>
    </row>
    <row r="393437" spans="14:14">
      <c r="N393437" s="10"/>
    </row>
    <row r="393438" spans="14:14">
      <c r="N393438" s="10"/>
    </row>
    <row r="393439" spans="14:14">
      <c r="N393439" s="10"/>
    </row>
    <row r="393440" spans="14:14">
      <c r="N393440" s="10"/>
    </row>
    <row r="393441" spans="14:14">
      <c r="N393441" s="10"/>
    </row>
    <row r="393442" spans="14:14">
      <c r="N393442" s="10"/>
    </row>
    <row r="393443" spans="14:14">
      <c r="N393443" s="10"/>
    </row>
    <row r="393444" spans="14:14">
      <c r="N393444" s="10"/>
    </row>
    <row r="393445" spans="14:14">
      <c r="N393445" s="10"/>
    </row>
    <row r="393446" spans="14:14">
      <c r="N393446" s="10"/>
    </row>
    <row r="393447" spans="14:14">
      <c r="N393447" s="10"/>
    </row>
    <row r="393448" spans="14:14">
      <c r="N393448" s="10"/>
    </row>
    <row r="393449" spans="14:14">
      <c r="N393449" s="10"/>
    </row>
    <row r="393450" spans="14:14">
      <c r="N393450" s="10"/>
    </row>
    <row r="393451" spans="14:14">
      <c r="N393451" s="10"/>
    </row>
    <row r="393452" spans="14:14">
      <c r="N393452" s="10"/>
    </row>
    <row r="393453" spans="14:14">
      <c r="N393453" s="10"/>
    </row>
    <row r="393454" spans="14:14">
      <c r="N393454" s="10"/>
    </row>
    <row r="393455" spans="14:14">
      <c r="N393455" s="10"/>
    </row>
    <row r="393456" spans="14:14">
      <c r="N393456" s="10"/>
    </row>
    <row r="393457" spans="14:14">
      <c r="N393457" s="10"/>
    </row>
    <row r="393458" spans="14:14">
      <c r="N393458" s="10"/>
    </row>
    <row r="393459" spans="14:14">
      <c r="N393459" s="10"/>
    </row>
    <row r="393460" spans="14:14">
      <c r="N393460" s="10"/>
    </row>
    <row r="393461" spans="14:14">
      <c r="N393461" s="10"/>
    </row>
    <row r="393462" spans="14:14">
      <c r="N393462" s="10"/>
    </row>
    <row r="393463" spans="14:14">
      <c r="N393463" s="10"/>
    </row>
    <row r="393464" spans="14:14">
      <c r="N393464" s="10"/>
    </row>
    <row r="393465" spans="14:14">
      <c r="N393465" s="10"/>
    </row>
    <row r="393466" spans="14:14">
      <c r="N393466" s="10"/>
    </row>
    <row r="393467" spans="14:14">
      <c r="N393467" s="10"/>
    </row>
    <row r="393468" spans="14:14">
      <c r="N393468" s="10"/>
    </row>
    <row r="393469" spans="14:14">
      <c r="N393469" s="10"/>
    </row>
    <row r="393470" spans="14:14">
      <c r="N393470" s="10"/>
    </row>
    <row r="393471" spans="14:14">
      <c r="N393471" s="10"/>
    </row>
    <row r="393472" spans="14:14">
      <c r="N393472" s="10"/>
    </row>
    <row r="393473" spans="14:14">
      <c r="N393473" s="10"/>
    </row>
    <row r="393474" spans="14:14">
      <c r="N393474" s="10"/>
    </row>
    <row r="393475" spans="14:14">
      <c r="N393475" s="10"/>
    </row>
    <row r="393476" spans="14:14">
      <c r="N393476" s="10"/>
    </row>
    <row r="393477" spans="14:14">
      <c r="N393477" s="10"/>
    </row>
    <row r="393478" spans="14:14">
      <c r="N393478" s="10"/>
    </row>
    <row r="393479" spans="14:14">
      <c r="N393479" s="10"/>
    </row>
    <row r="393480" spans="14:14">
      <c r="N393480" s="10"/>
    </row>
    <row r="393481" spans="14:14">
      <c r="N393481" s="10"/>
    </row>
    <row r="393482" spans="14:14">
      <c r="N393482" s="10"/>
    </row>
    <row r="393483" spans="14:14">
      <c r="N393483" s="10"/>
    </row>
    <row r="393484" spans="14:14">
      <c r="N393484" s="10"/>
    </row>
    <row r="393485" spans="14:14">
      <c r="N393485" s="10"/>
    </row>
    <row r="393486" spans="14:14">
      <c r="N393486" s="10"/>
    </row>
    <row r="393487" spans="14:14">
      <c r="N393487" s="10"/>
    </row>
    <row r="393488" spans="14:14">
      <c r="N393488" s="10"/>
    </row>
    <row r="393489" spans="14:14">
      <c r="N393489" s="10"/>
    </row>
    <row r="393490" spans="14:14">
      <c r="N393490" s="10"/>
    </row>
    <row r="393491" spans="14:14">
      <c r="N393491" s="10"/>
    </row>
    <row r="393492" spans="14:14">
      <c r="N393492" s="10"/>
    </row>
    <row r="393493" spans="14:14">
      <c r="N393493" s="10"/>
    </row>
    <row r="393494" spans="14:14">
      <c r="N393494" s="10"/>
    </row>
    <row r="393495" spans="14:14">
      <c r="N393495" s="10"/>
    </row>
    <row r="393496" spans="14:14">
      <c r="N393496" s="10"/>
    </row>
    <row r="393497" spans="14:14">
      <c r="N393497" s="10"/>
    </row>
    <row r="393498" spans="14:14">
      <c r="N393498" s="10"/>
    </row>
    <row r="393499" spans="14:14">
      <c r="N393499" s="10"/>
    </row>
    <row r="393500" spans="14:14">
      <c r="N393500" s="10"/>
    </row>
    <row r="393501" spans="14:14">
      <c r="N393501" s="10"/>
    </row>
    <row r="393502" spans="14:14">
      <c r="N393502" s="10"/>
    </row>
    <row r="393503" spans="14:14">
      <c r="N393503" s="10"/>
    </row>
    <row r="393504" spans="14:14">
      <c r="N393504" s="10"/>
    </row>
    <row r="393505" spans="14:14">
      <c r="N393505" s="10"/>
    </row>
    <row r="393506" spans="14:14">
      <c r="N393506" s="10"/>
    </row>
    <row r="393507" spans="14:14">
      <c r="N393507" s="10"/>
    </row>
    <row r="393508" spans="14:14">
      <c r="N393508" s="10"/>
    </row>
    <row r="393509" spans="14:14">
      <c r="N393509" s="10"/>
    </row>
    <row r="393510" spans="14:14">
      <c r="N393510" s="10"/>
    </row>
    <row r="393511" spans="14:14">
      <c r="N393511" s="10"/>
    </row>
    <row r="393512" spans="14:14">
      <c r="N393512" s="10"/>
    </row>
    <row r="393513" spans="14:14">
      <c r="N393513" s="10"/>
    </row>
    <row r="393514" spans="14:14">
      <c r="N393514" s="10"/>
    </row>
    <row r="393515" spans="14:14">
      <c r="N393515" s="10"/>
    </row>
    <row r="393516" spans="14:14">
      <c r="N393516" s="10"/>
    </row>
    <row r="393517" spans="14:14">
      <c r="N393517" s="10"/>
    </row>
    <row r="393518" spans="14:14">
      <c r="N393518" s="10"/>
    </row>
    <row r="393519" spans="14:14">
      <c r="N393519" s="10"/>
    </row>
    <row r="393520" spans="14:14">
      <c r="N393520" s="10"/>
    </row>
    <row r="393521" spans="14:14">
      <c r="N393521" s="10"/>
    </row>
    <row r="393522" spans="14:14">
      <c r="N393522" s="10"/>
    </row>
    <row r="393523" spans="14:14">
      <c r="N393523" s="10"/>
    </row>
    <row r="393524" spans="14:14">
      <c r="N393524" s="10"/>
    </row>
    <row r="393525" spans="14:14">
      <c r="N393525" s="10"/>
    </row>
    <row r="393526" spans="14:14">
      <c r="N393526" s="10"/>
    </row>
    <row r="393527" spans="14:14">
      <c r="N393527" s="10"/>
    </row>
    <row r="393528" spans="14:14">
      <c r="N393528" s="10"/>
    </row>
    <row r="393529" spans="14:14">
      <c r="N393529" s="10"/>
    </row>
    <row r="393530" spans="14:14">
      <c r="N393530" s="10"/>
    </row>
    <row r="393531" spans="14:14">
      <c r="N393531" s="10"/>
    </row>
    <row r="393532" spans="14:14">
      <c r="N393532" s="10"/>
    </row>
    <row r="393533" spans="14:14">
      <c r="N393533" s="10"/>
    </row>
    <row r="393534" spans="14:14">
      <c r="N393534" s="10"/>
    </row>
    <row r="393535" spans="14:14">
      <c r="N393535" s="10"/>
    </row>
    <row r="393536" spans="14:14">
      <c r="N393536" s="10"/>
    </row>
    <row r="393537" spans="14:14">
      <c r="N393537" s="10"/>
    </row>
    <row r="393538" spans="14:14">
      <c r="N393538" s="10"/>
    </row>
    <row r="393539" spans="14:14">
      <c r="N393539" s="10"/>
    </row>
    <row r="393540" spans="14:14">
      <c r="N393540" s="10"/>
    </row>
    <row r="393541" spans="14:14">
      <c r="N393541" s="10"/>
    </row>
    <row r="393542" spans="14:14">
      <c r="N393542" s="10"/>
    </row>
    <row r="393543" spans="14:14">
      <c r="N393543" s="10"/>
    </row>
    <row r="393544" spans="14:14">
      <c r="N393544" s="10"/>
    </row>
    <row r="393545" spans="14:14">
      <c r="N393545" s="10"/>
    </row>
    <row r="393546" spans="14:14">
      <c r="N393546" s="10"/>
    </row>
    <row r="393547" spans="14:14">
      <c r="N393547" s="10"/>
    </row>
    <row r="393548" spans="14:14">
      <c r="N393548" s="10"/>
    </row>
    <row r="393549" spans="14:14">
      <c r="N393549" s="10"/>
    </row>
    <row r="393550" spans="14:14">
      <c r="N393550" s="10"/>
    </row>
    <row r="393551" spans="14:14">
      <c r="N393551" s="10"/>
    </row>
    <row r="393552" spans="14:14">
      <c r="N393552" s="10"/>
    </row>
    <row r="393553" spans="14:14">
      <c r="N393553" s="10"/>
    </row>
    <row r="393554" spans="14:14">
      <c r="N393554" s="10"/>
    </row>
    <row r="393555" spans="14:14">
      <c r="N393555" s="10"/>
    </row>
    <row r="393556" spans="14:14">
      <c r="N393556" s="10"/>
    </row>
    <row r="393557" spans="14:14">
      <c r="N393557" s="10"/>
    </row>
    <row r="393558" spans="14:14">
      <c r="N393558" s="10"/>
    </row>
    <row r="393559" spans="14:14">
      <c r="N393559" s="10"/>
    </row>
    <row r="393560" spans="14:14">
      <c r="N393560" s="10"/>
    </row>
    <row r="393561" spans="14:14">
      <c r="N393561" s="10"/>
    </row>
    <row r="393562" spans="14:14">
      <c r="N393562" s="10"/>
    </row>
    <row r="393563" spans="14:14">
      <c r="N393563" s="10"/>
    </row>
    <row r="393564" spans="14:14">
      <c r="N393564" s="10"/>
    </row>
    <row r="393565" spans="14:14">
      <c r="N393565" s="10"/>
    </row>
    <row r="393566" spans="14:14">
      <c r="N393566" s="10"/>
    </row>
    <row r="393567" spans="14:14">
      <c r="N393567" s="10"/>
    </row>
    <row r="393568" spans="14:14">
      <c r="N393568" s="10"/>
    </row>
    <row r="393569" spans="14:14">
      <c r="N393569" s="10"/>
    </row>
    <row r="393570" spans="14:14">
      <c r="N393570" s="10"/>
    </row>
    <row r="393571" spans="14:14">
      <c r="N393571" s="10"/>
    </row>
    <row r="393572" spans="14:14">
      <c r="N393572" s="10"/>
    </row>
    <row r="393573" spans="14:14">
      <c r="N393573" s="10"/>
    </row>
    <row r="393574" spans="14:14">
      <c r="N393574" s="10"/>
    </row>
    <row r="393575" spans="14:14">
      <c r="N393575" s="10"/>
    </row>
    <row r="393576" spans="14:14">
      <c r="N393576" s="10"/>
    </row>
    <row r="393577" spans="14:14">
      <c r="N393577" s="10"/>
    </row>
    <row r="393578" spans="14:14">
      <c r="N393578" s="10"/>
    </row>
    <row r="393579" spans="14:14">
      <c r="N393579" s="10"/>
    </row>
    <row r="393580" spans="14:14">
      <c r="N393580" s="10"/>
    </row>
    <row r="393581" spans="14:14">
      <c r="N393581" s="10"/>
    </row>
    <row r="393582" spans="14:14">
      <c r="N393582" s="10"/>
    </row>
    <row r="393583" spans="14:14">
      <c r="N393583" s="10"/>
    </row>
    <row r="393584" spans="14:14">
      <c r="N393584" s="10"/>
    </row>
    <row r="393585" spans="14:14">
      <c r="N393585" s="10"/>
    </row>
    <row r="393586" spans="14:14">
      <c r="N393586" s="10"/>
    </row>
    <row r="393587" spans="14:14">
      <c r="N393587" s="10"/>
    </row>
    <row r="393588" spans="14:14">
      <c r="N393588" s="10"/>
    </row>
    <row r="393589" spans="14:14">
      <c r="N393589" s="10"/>
    </row>
    <row r="393590" spans="14:14">
      <c r="N393590" s="10"/>
    </row>
    <row r="393591" spans="14:14">
      <c r="N393591" s="10"/>
    </row>
    <row r="393592" spans="14:14">
      <c r="N393592" s="10"/>
    </row>
    <row r="393593" spans="14:14">
      <c r="N393593" s="10"/>
    </row>
    <row r="393594" spans="14:14">
      <c r="N393594" s="10"/>
    </row>
    <row r="393595" spans="14:14">
      <c r="N393595" s="10"/>
    </row>
    <row r="393596" spans="14:14">
      <c r="N393596" s="10"/>
    </row>
    <row r="393597" spans="14:14">
      <c r="N393597" s="10"/>
    </row>
    <row r="393598" spans="14:14">
      <c r="N393598" s="10"/>
    </row>
    <row r="393599" spans="14:14">
      <c r="N393599" s="10"/>
    </row>
    <row r="393600" spans="14:14">
      <c r="N393600" s="10"/>
    </row>
    <row r="393601" spans="14:14">
      <c r="N393601" s="10"/>
    </row>
    <row r="393602" spans="14:14">
      <c r="N393602" s="10"/>
    </row>
    <row r="393603" spans="14:14">
      <c r="N393603" s="10"/>
    </row>
    <row r="393604" spans="14:14">
      <c r="N393604" s="10"/>
    </row>
    <row r="393605" spans="14:14">
      <c r="N393605" s="10"/>
    </row>
    <row r="393606" spans="14:14">
      <c r="N393606" s="10"/>
    </row>
    <row r="393607" spans="14:14">
      <c r="N393607" s="10"/>
    </row>
    <row r="393608" spans="14:14">
      <c r="N393608" s="10"/>
    </row>
    <row r="393609" spans="14:14">
      <c r="N393609" s="10"/>
    </row>
    <row r="393610" spans="14:14">
      <c r="N393610" s="10"/>
    </row>
    <row r="393611" spans="14:14">
      <c r="N393611" s="10"/>
    </row>
    <row r="393612" spans="14:14">
      <c r="N393612" s="10"/>
    </row>
    <row r="393613" spans="14:14">
      <c r="N393613" s="10"/>
    </row>
    <row r="393614" spans="14:14">
      <c r="N393614" s="10"/>
    </row>
    <row r="393615" spans="14:14">
      <c r="N393615" s="10"/>
    </row>
    <row r="393616" spans="14:14">
      <c r="N393616" s="10"/>
    </row>
    <row r="393617" spans="14:14">
      <c r="N393617" s="10"/>
    </row>
    <row r="393618" spans="14:14">
      <c r="N393618" s="10"/>
    </row>
    <row r="393619" spans="14:14">
      <c r="N393619" s="10"/>
    </row>
    <row r="393620" spans="14:14">
      <c r="N393620" s="10"/>
    </row>
    <row r="393621" spans="14:14">
      <c r="N393621" s="10"/>
    </row>
    <row r="393622" spans="14:14">
      <c r="N393622" s="10"/>
    </row>
    <row r="393623" spans="14:14">
      <c r="N393623" s="10"/>
    </row>
    <row r="393624" spans="14:14">
      <c r="N393624" s="10"/>
    </row>
    <row r="393625" spans="14:14">
      <c r="N393625" s="10"/>
    </row>
    <row r="393626" spans="14:14">
      <c r="N393626" s="10"/>
    </row>
    <row r="393627" spans="14:14">
      <c r="N393627" s="10"/>
    </row>
    <row r="393628" spans="14:14">
      <c r="N393628" s="10"/>
    </row>
    <row r="393629" spans="14:14">
      <c r="N393629" s="10"/>
    </row>
    <row r="393630" spans="14:14">
      <c r="N393630" s="10"/>
    </row>
    <row r="393631" spans="14:14">
      <c r="N393631" s="10"/>
    </row>
    <row r="393632" spans="14:14">
      <c r="N393632" s="10"/>
    </row>
    <row r="393633" spans="14:14">
      <c r="N393633" s="10"/>
    </row>
    <row r="393634" spans="14:14">
      <c r="N393634" s="10"/>
    </row>
    <row r="393635" spans="14:14">
      <c r="N393635" s="10"/>
    </row>
    <row r="393636" spans="14:14">
      <c r="N393636" s="10"/>
    </row>
    <row r="393637" spans="14:14">
      <c r="N393637" s="10"/>
    </row>
    <row r="393638" spans="14:14">
      <c r="N393638" s="10"/>
    </row>
    <row r="393639" spans="14:14">
      <c r="N393639" s="10"/>
    </row>
    <row r="393640" spans="14:14">
      <c r="N393640" s="10"/>
    </row>
    <row r="393641" spans="14:14">
      <c r="N393641" s="10"/>
    </row>
    <row r="393642" spans="14:14">
      <c r="N393642" s="10"/>
    </row>
    <row r="393643" spans="14:14">
      <c r="N393643" s="10"/>
    </row>
    <row r="393644" spans="14:14">
      <c r="N393644" s="10"/>
    </row>
    <row r="393645" spans="14:14">
      <c r="N393645" s="10"/>
    </row>
    <row r="393646" spans="14:14">
      <c r="N393646" s="10"/>
    </row>
    <row r="393647" spans="14:14">
      <c r="N393647" s="10"/>
    </row>
    <row r="393648" spans="14:14">
      <c r="N393648" s="10"/>
    </row>
    <row r="393649" spans="14:14">
      <c r="N393649" s="10"/>
    </row>
    <row r="393650" spans="14:14">
      <c r="N393650" s="10"/>
    </row>
    <row r="393651" spans="14:14">
      <c r="N393651" s="10"/>
    </row>
    <row r="393652" spans="14:14">
      <c r="N393652" s="10"/>
    </row>
    <row r="393653" spans="14:14">
      <c r="N393653" s="10"/>
    </row>
    <row r="393654" spans="14:14">
      <c r="N393654" s="10"/>
    </row>
    <row r="393655" spans="14:14">
      <c r="N393655" s="10"/>
    </row>
    <row r="393656" spans="14:14">
      <c r="N393656" s="10"/>
    </row>
    <row r="393657" spans="14:14">
      <c r="N393657" s="10"/>
    </row>
    <row r="393658" spans="14:14">
      <c r="N393658" s="10"/>
    </row>
    <row r="393659" spans="14:14">
      <c r="N393659" s="10"/>
    </row>
    <row r="393660" spans="14:14">
      <c r="N393660" s="10"/>
    </row>
    <row r="393661" spans="14:14">
      <c r="N393661" s="10"/>
    </row>
    <row r="393662" spans="14:14">
      <c r="N393662" s="10"/>
    </row>
    <row r="393663" spans="14:14">
      <c r="N393663" s="10"/>
    </row>
    <row r="393664" spans="14:14">
      <c r="N393664" s="10"/>
    </row>
    <row r="393665" spans="14:14">
      <c r="N393665" s="10"/>
    </row>
    <row r="393666" spans="14:14">
      <c r="N393666" s="10"/>
    </row>
    <row r="393667" spans="14:14">
      <c r="N393667" s="10"/>
    </row>
    <row r="393668" spans="14:14">
      <c r="N393668" s="10"/>
    </row>
    <row r="393669" spans="14:14">
      <c r="N393669" s="10"/>
    </row>
    <row r="393670" spans="14:14">
      <c r="N393670" s="10"/>
    </row>
    <row r="393671" spans="14:14">
      <c r="N393671" s="10"/>
    </row>
    <row r="393672" spans="14:14">
      <c r="N393672" s="10"/>
    </row>
    <row r="393673" spans="14:14">
      <c r="N393673" s="10"/>
    </row>
    <row r="393674" spans="14:14">
      <c r="N393674" s="10"/>
    </row>
    <row r="393675" spans="14:14">
      <c r="N393675" s="10"/>
    </row>
    <row r="393676" spans="14:14">
      <c r="N393676" s="10"/>
    </row>
    <row r="393677" spans="14:14">
      <c r="N393677" s="10"/>
    </row>
    <row r="393678" spans="14:14">
      <c r="N393678" s="10"/>
    </row>
    <row r="393679" spans="14:14">
      <c r="N393679" s="10"/>
    </row>
    <row r="393680" spans="14:14">
      <c r="N393680" s="10"/>
    </row>
    <row r="393681" spans="14:14">
      <c r="N393681" s="10"/>
    </row>
    <row r="393682" spans="14:14">
      <c r="N393682" s="10"/>
    </row>
    <row r="393683" spans="14:14">
      <c r="N393683" s="10"/>
    </row>
    <row r="393684" spans="14:14">
      <c r="N393684" s="10"/>
    </row>
    <row r="393685" spans="14:14">
      <c r="N393685" s="10"/>
    </row>
    <row r="393686" spans="14:14">
      <c r="N393686" s="10"/>
    </row>
    <row r="393687" spans="14:14">
      <c r="N393687" s="10"/>
    </row>
    <row r="393688" spans="14:14">
      <c r="N393688" s="10"/>
    </row>
    <row r="393689" spans="14:14">
      <c r="N393689" s="10"/>
    </row>
    <row r="393690" spans="14:14">
      <c r="N393690" s="10"/>
    </row>
    <row r="393691" spans="14:14">
      <c r="N393691" s="10"/>
    </row>
    <row r="393692" spans="14:14">
      <c r="N393692" s="10"/>
    </row>
    <row r="393693" spans="14:14">
      <c r="N393693" s="10"/>
    </row>
    <row r="393694" spans="14:14">
      <c r="N393694" s="10"/>
    </row>
    <row r="393695" spans="14:14">
      <c r="N393695" s="10"/>
    </row>
    <row r="393696" spans="14:14">
      <c r="N393696" s="10"/>
    </row>
    <row r="393697" spans="14:14">
      <c r="N393697" s="10"/>
    </row>
    <row r="393698" spans="14:14">
      <c r="N393698" s="10"/>
    </row>
    <row r="393699" spans="14:14">
      <c r="N393699" s="10"/>
    </row>
    <row r="393700" spans="14:14">
      <c r="N393700" s="10"/>
    </row>
    <row r="393701" spans="14:14">
      <c r="N393701" s="10"/>
    </row>
    <row r="393702" spans="14:14">
      <c r="N393702" s="10"/>
    </row>
    <row r="393703" spans="14:14">
      <c r="N393703" s="10"/>
    </row>
    <row r="393704" spans="14:14">
      <c r="N393704" s="10"/>
    </row>
    <row r="393705" spans="14:14">
      <c r="N393705" s="10"/>
    </row>
    <row r="393706" spans="14:14">
      <c r="N393706" s="10"/>
    </row>
    <row r="393707" spans="14:14">
      <c r="N393707" s="10"/>
    </row>
    <row r="393708" spans="14:14">
      <c r="N393708" s="10"/>
    </row>
    <row r="393709" spans="14:14">
      <c r="N393709" s="10"/>
    </row>
    <row r="393710" spans="14:14">
      <c r="N393710" s="10"/>
    </row>
    <row r="393711" spans="14:14">
      <c r="N393711" s="10"/>
    </row>
    <row r="393712" spans="14:14">
      <c r="N393712" s="10"/>
    </row>
    <row r="393713" spans="14:14">
      <c r="N393713" s="10"/>
    </row>
    <row r="393714" spans="14:14">
      <c r="N393714" s="10"/>
    </row>
    <row r="393715" spans="14:14">
      <c r="N393715" s="10"/>
    </row>
    <row r="393716" spans="14:14">
      <c r="N393716" s="10"/>
    </row>
    <row r="393717" spans="14:14">
      <c r="N393717" s="10"/>
    </row>
    <row r="393718" spans="14:14">
      <c r="N393718" s="10"/>
    </row>
    <row r="393719" spans="14:14">
      <c r="N393719" s="10"/>
    </row>
    <row r="393720" spans="14:14">
      <c r="N393720" s="10"/>
    </row>
    <row r="393721" spans="14:14">
      <c r="N393721" s="10"/>
    </row>
    <row r="393722" spans="14:14">
      <c r="N393722" s="10"/>
    </row>
    <row r="393723" spans="14:14">
      <c r="N393723" s="10"/>
    </row>
    <row r="393724" spans="14:14">
      <c r="N393724" s="10"/>
    </row>
    <row r="393725" spans="14:14">
      <c r="N393725" s="10"/>
    </row>
    <row r="393726" spans="14:14">
      <c r="N393726" s="10"/>
    </row>
    <row r="393727" spans="14:14">
      <c r="N393727" s="10"/>
    </row>
    <row r="393728" spans="14:14">
      <c r="N393728" s="10"/>
    </row>
    <row r="393729" spans="14:14">
      <c r="N393729" s="10"/>
    </row>
    <row r="393730" spans="14:14">
      <c r="N393730" s="10"/>
    </row>
    <row r="393731" spans="14:14">
      <c r="N393731" s="10"/>
    </row>
    <row r="393732" spans="14:14">
      <c r="N393732" s="10"/>
    </row>
    <row r="393733" spans="14:14">
      <c r="N393733" s="10"/>
    </row>
    <row r="393734" spans="14:14">
      <c r="N393734" s="10"/>
    </row>
    <row r="393735" spans="14:14">
      <c r="N393735" s="10"/>
    </row>
    <row r="393736" spans="14:14">
      <c r="N393736" s="10"/>
    </row>
    <row r="393737" spans="14:14">
      <c r="N393737" s="10"/>
    </row>
    <row r="393738" spans="14:14">
      <c r="N393738" s="10"/>
    </row>
    <row r="393739" spans="14:14">
      <c r="N393739" s="10"/>
    </row>
    <row r="393740" spans="14:14">
      <c r="N393740" s="10"/>
    </row>
    <row r="393741" spans="14:14">
      <c r="N393741" s="10"/>
    </row>
    <row r="393742" spans="14:14">
      <c r="N393742" s="10"/>
    </row>
    <row r="393743" spans="14:14">
      <c r="N393743" s="10"/>
    </row>
    <row r="393744" spans="14:14">
      <c r="N393744" s="10"/>
    </row>
    <row r="393745" spans="14:14">
      <c r="N393745" s="10"/>
    </row>
    <row r="393746" spans="14:14">
      <c r="N393746" s="10"/>
    </row>
    <row r="393747" spans="14:14">
      <c r="N393747" s="10"/>
    </row>
    <row r="393748" spans="14:14">
      <c r="N393748" s="10"/>
    </row>
    <row r="393749" spans="14:14">
      <c r="N393749" s="10"/>
    </row>
    <row r="393750" spans="14:14">
      <c r="N393750" s="10"/>
    </row>
    <row r="393751" spans="14:14">
      <c r="N393751" s="10"/>
    </row>
    <row r="393752" spans="14:14">
      <c r="N393752" s="10"/>
    </row>
    <row r="393753" spans="14:14">
      <c r="N393753" s="10"/>
    </row>
    <row r="393754" spans="14:14">
      <c r="N393754" s="10"/>
    </row>
    <row r="393755" spans="14:14">
      <c r="N393755" s="10"/>
    </row>
    <row r="393756" spans="14:14">
      <c r="N393756" s="10"/>
    </row>
    <row r="393757" spans="14:14">
      <c r="N393757" s="10"/>
    </row>
    <row r="393758" spans="14:14">
      <c r="N393758" s="10"/>
    </row>
    <row r="393759" spans="14:14">
      <c r="N393759" s="10"/>
    </row>
    <row r="393760" spans="14:14">
      <c r="N393760" s="10"/>
    </row>
    <row r="393761" spans="14:14">
      <c r="N393761" s="10"/>
    </row>
    <row r="393762" spans="14:14">
      <c r="N393762" s="10"/>
    </row>
    <row r="393763" spans="14:14">
      <c r="N393763" s="10"/>
    </row>
    <row r="393764" spans="14:14">
      <c r="N393764" s="10"/>
    </row>
    <row r="393765" spans="14:14">
      <c r="N393765" s="10"/>
    </row>
    <row r="393766" spans="14:14">
      <c r="N393766" s="10"/>
    </row>
    <row r="393767" spans="14:14">
      <c r="N393767" s="10"/>
    </row>
    <row r="393768" spans="14:14">
      <c r="N393768" s="10"/>
    </row>
    <row r="393769" spans="14:14">
      <c r="N393769" s="10"/>
    </row>
    <row r="393770" spans="14:14">
      <c r="N393770" s="10"/>
    </row>
    <row r="393771" spans="14:14">
      <c r="N393771" s="10"/>
    </row>
    <row r="393772" spans="14:14">
      <c r="N393772" s="10"/>
    </row>
    <row r="393773" spans="14:14">
      <c r="N393773" s="10"/>
    </row>
    <row r="393774" spans="14:14">
      <c r="N393774" s="10"/>
    </row>
    <row r="393775" spans="14:14">
      <c r="N393775" s="10"/>
    </row>
    <row r="393776" spans="14:14">
      <c r="N393776" s="10"/>
    </row>
    <row r="393777" spans="14:14">
      <c r="N393777" s="10"/>
    </row>
    <row r="393778" spans="14:14">
      <c r="N393778" s="10"/>
    </row>
    <row r="393779" spans="14:14">
      <c r="N393779" s="10"/>
    </row>
    <row r="393780" spans="14:14">
      <c r="N393780" s="10"/>
    </row>
    <row r="393781" spans="14:14">
      <c r="N393781" s="10"/>
    </row>
    <row r="393782" spans="14:14">
      <c r="N393782" s="10"/>
    </row>
    <row r="393783" spans="14:14">
      <c r="N393783" s="10"/>
    </row>
    <row r="393784" spans="14:14">
      <c r="N393784" s="10"/>
    </row>
    <row r="393785" spans="14:14">
      <c r="N393785" s="10"/>
    </row>
    <row r="393786" spans="14:14">
      <c r="N393786" s="10"/>
    </row>
    <row r="393787" spans="14:14">
      <c r="N393787" s="10"/>
    </row>
    <row r="393788" spans="14:14">
      <c r="N393788" s="10"/>
    </row>
    <row r="393789" spans="14:14">
      <c r="N393789" s="10"/>
    </row>
    <row r="393790" spans="14:14">
      <c r="N393790" s="10"/>
    </row>
    <row r="393791" spans="14:14">
      <c r="N393791" s="10"/>
    </row>
    <row r="393792" spans="14:14">
      <c r="N393792" s="10"/>
    </row>
    <row r="393793" spans="14:14">
      <c r="N393793" s="10"/>
    </row>
    <row r="393794" spans="14:14">
      <c r="N393794" s="10"/>
    </row>
    <row r="393795" spans="14:14">
      <c r="N393795" s="10"/>
    </row>
    <row r="393796" spans="14:14">
      <c r="N393796" s="10"/>
    </row>
    <row r="393797" spans="14:14">
      <c r="N393797" s="10"/>
    </row>
    <row r="393798" spans="14:14">
      <c r="N393798" s="10"/>
    </row>
    <row r="393799" spans="14:14">
      <c r="N393799" s="10"/>
    </row>
    <row r="393800" spans="14:14">
      <c r="N393800" s="10"/>
    </row>
    <row r="393801" spans="14:14">
      <c r="N393801" s="10"/>
    </row>
    <row r="393802" spans="14:14">
      <c r="N393802" s="10"/>
    </row>
    <row r="393803" spans="14:14">
      <c r="N393803" s="10"/>
    </row>
    <row r="393804" spans="14:14">
      <c r="N393804" s="10"/>
    </row>
    <row r="393805" spans="14:14">
      <c r="N393805" s="10"/>
    </row>
    <row r="393806" spans="14:14">
      <c r="N393806" s="10"/>
    </row>
    <row r="393807" spans="14:14">
      <c r="N393807" s="10"/>
    </row>
    <row r="393808" spans="14:14">
      <c r="N393808" s="10"/>
    </row>
    <row r="393809" spans="14:14">
      <c r="N393809" s="10"/>
    </row>
    <row r="393810" spans="14:14">
      <c r="N393810" s="10"/>
    </row>
    <row r="393811" spans="14:14">
      <c r="N393811" s="10"/>
    </row>
    <row r="393812" spans="14:14">
      <c r="N393812" s="10"/>
    </row>
    <row r="393813" spans="14:14">
      <c r="N393813" s="10"/>
    </row>
    <row r="393814" spans="14:14">
      <c r="N393814" s="10"/>
    </row>
    <row r="393815" spans="14:14">
      <c r="N393815" s="10"/>
    </row>
    <row r="393816" spans="14:14">
      <c r="N393816" s="10"/>
    </row>
    <row r="393817" spans="14:14">
      <c r="N393817" s="10"/>
    </row>
    <row r="393818" spans="14:14">
      <c r="N393818" s="10"/>
    </row>
    <row r="393819" spans="14:14">
      <c r="N393819" s="10"/>
    </row>
    <row r="393820" spans="14:14">
      <c r="N393820" s="10"/>
    </row>
    <row r="393821" spans="14:14">
      <c r="N393821" s="10"/>
    </row>
    <row r="393822" spans="14:14">
      <c r="N393822" s="10"/>
    </row>
    <row r="393823" spans="14:14">
      <c r="N393823" s="10"/>
    </row>
    <row r="393824" spans="14:14">
      <c r="N393824" s="10"/>
    </row>
    <row r="393825" spans="14:14">
      <c r="N393825" s="10"/>
    </row>
    <row r="393826" spans="14:14">
      <c r="N393826" s="10"/>
    </row>
    <row r="393827" spans="14:14">
      <c r="N393827" s="10"/>
    </row>
    <row r="393828" spans="14:14">
      <c r="N393828" s="10"/>
    </row>
    <row r="393829" spans="14:14">
      <c r="N393829" s="10"/>
    </row>
    <row r="393830" spans="14:14">
      <c r="N393830" s="10"/>
    </row>
    <row r="393831" spans="14:14">
      <c r="N393831" s="10"/>
    </row>
    <row r="393832" spans="14:14">
      <c r="N393832" s="10"/>
    </row>
    <row r="393833" spans="14:14">
      <c r="N393833" s="10"/>
    </row>
    <row r="393834" spans="14:14">
      <c r="N393834" s="10"/>
    </row>
    <row r="393835" spans="14:14">
      <c r="N393835" s="10"/>
    </row>
    <row r="393836" spans="14:14">
      <c r="N393836" s="10"/>
    </row>
    <row r="393837" spans="14:14">
      <c r="N393837" s="10"/>
    </row>
    <row r="393838" spans="14:14">
      <c r="N393838" s="10"/>
    </row>
    <row r="393839" spans="14:14">
      <c r="N393839" s="10"/>
    </row>
    <row r="393840" spans="14:14">
      <c r="N393840" s="10"/>
    </row>
    <row r="393841" spans="14:14">
      <c r="N393841" s="10"/>
    </row>
    <row r="393842" spans="14:14">
      <c r="N393842" s="10"/>
    </row>
    <row r="393843" spans="14:14">
      <c r="N393843" s="10"/>
    </row>
    <row r="393844" spans="14:14">
      <c r="N393844" s="10"/>
    </row>
    <row r="393845" spans="14:14">
      <c r="N393845" s="10"/>
    </row>
    <row r="393846" spans="14:14">
      <c r="N393846" s="10"/>
    </row>
    <row r="393847" spans="14:14">
      <c r="N393847" s="10"/>
    </row>
    <row r="393848" spans="14:14">
      <c r="N393848" s="10"/>
    </row>
    <row r="393849" spans="14:14">
      <c r="N393849" s="10"/>
    </row>
    <row r="393850" spans="14:14">
      <c r="N393850" s="10"/>
    </row>
    <row r="393851" spans="14:14">
      <c r="N393851" s="10"/>
    </row>
    <row r="393852" spans="14:14">
      <c r="N393852" s="10"/>
    </row>
    <row r="393853" spans="14:14">
      <c r="N393853" s="10"/>
    </row>
    <row r="393854" spans="14:14">
      <c r="N393854" s="10"/>
    </row>
    <row r="393855" spans="14:14">
      <c r="N393855" s="10"/>
    </row>
    <row r="393856" spans="14:14">
      <c r="N393856" s="10"/>
    </row>
    <row r="393857" spans="14:14">
      <c r="N393857" s="10"/>
    </row>
    <row r="393858" spans="14:14">
      <c r="N393858" s="10"/>
    </row>
    <row r="393859" spans="14:14">
      <c r="N393859" s="10"/>
    </row>
    <row r="393860" spans="14:14">
      <c r="N393860" s="10"/>
    </row>
    <row r="393861" spans="14:14">
      <c r="N393861" s="10"/>
    </row>
    <row r="393862" spans="14:14">
      <c r="N393862" s="10"/>
    </row>
    <row r="393863" spans="14:14">
      <c r="N393863" s="10"/>
    </row>
    <row r="393864" spans="14:14">
      <c r="N393864" s="10"/>
    </row>
    <row r="393865" spans="14:14">
      <c r="N393865" s="10"/>
    </row>
    <row r="393866" spans="14:14">
      <c r="N393866" s="10"/>
    </row>
    <row r="393867" spans="14:14">
      <c r="N393867" s="10"/>
    </row>
    <row r="393868" spans="14:14">
      <c r="N393868" s="10"/>
    </row>
    <row r="393869" spans="14:14">
      <c r="N393869" s="10"/>
    </row>
    <row r="393870" spans="14:14">
      <c r="N393870" s="10"/>
    </row>
    <row r="393871" spans="14:14">
      <c r="N393871" s="10"/>
    </row>
    <row r="393872" spans="14:14">
      <c r="N393872" s="10"/>
    </row>
    <row r="393873" spans="14:14">
      <c r="N393873" s="10"/>
    </row>
    <row r="393874" spans="14:14">
      <c r="N393874" s="10"/>
    </row>
    <row r="393875" spans="14:14">
      <c r="N393875" s="10"/>
    </row>
    <row r="393876" spans="14:14">
      <c r="N393876" s="10"/>
    </row>
    <row r="393877" spans="14:14">
      <c r="N393877" s="10"/>
    </row>
    <row r="393878" spans="14:14">
      <c r="N393878" s="10"/>
    </row>
    <row r="393879" spans="14:14">
      <c r="N393879" s="10"/>
    </row>
    <row r="393880" spans="14:14">
      <c r="N393880" s="10"/>
    </row>
    <row r="393881" spans="14:14">
      <c r="N393881" s="10"/>
    </row>
    <row r="393882" spans="14:14">
      <c r="N393882" s="10"/>
    </row>
    <row r="393883" spans="14:14">
      <c r="N393883" s="10"/>
    </row>
    <row r="393884" spans="14:14">
      <c r="N393884" s="10"/>
    </row>
    <row r="393885" spans="14:14">
      <c r="N393885" s="10"/>
    </row>
    <row r="393886" spans="14:14">
      <c r="N393886" s="10"/>
    </row>
    <row r="393887" spans="14:14">
      <c r="N393887" s="10"/>
    </row>
    <row r="393888" spans="14:14">
      <c r="N393888" s="10"/>
    </row>
    <row r="393889" spans="14:14">
      <c r="N393889" s="10"/>
    </row>
    <row r="393890" spans="14:14">
      <c r="N393890" s="10"/>
    </row>
    <row r="393891" spans="14:14">
      <c r="N393891" s="10"/>
    </row>
    <row r="393892" spans="14:14">
      <c r="N393892" s="10"/>
    </row>
    <row r="393893" spans="14:14">
      <c r="N393893" s="10"/>
    </row>
    <row r="393894" spans="14:14">
      <c r="N393894" s="10"/>
    </row>
    <row r="393895" spans="14:14">
      <c r="N393895" s="10"/>
    </row>
    <row r="393896" spans="14:14">
      <c r="N393896" s="10"/>
    </row>
    <row r="393897" spans="14:14">
      <c r="N393897" s="10"/>
    </row>
    <row r="393898" spans="14:14">
      <c r="N393898" s="10"/>
    </row>
    <row r="393899" spans="14:14">
      <c r="N393899" s="10"/>
    </row>
    <row r="393900" spans="14:14">
      <c r="N393900" s="10"/>
    </row>
    <row r="393901" spans="14:14">
      <c r="N393901" s="10"/>
    </row>
    <row r="393902" spans="14:14">
      <c r="N393902" s="10"/>
    </row>
    <row r="393903" spans="14:14">
      <c r="N393903" s="10"/>
    </row>
    <row r="393904" spans="14:14">
      <c r="N393904" s="10"/>
    </row>
    <row r="393905" spans="14:14">
      <c r="N393905" s="10"/>
    </row>
    <row r="393906" spans="14:14">
      <c r="N393906" s="10"/>
    </row>
    <row r="393907" spans="14:14">
      <c r="N393907" s="10"/>
    </row>
    <row r="393908" spans="14:14">
      <c r="N393908" s="10"/>
    </row>
    <row r="393909" spans="14:14">
      <c r="N393909" s="10"/>
    </row>
    <row r="393910" spans="14:14">
      <c r="N393910" s="10"/>
    </row>
    <row r="393911" spans="14:14">
      <c r="N393911" s="10"/>
    </row>
    <row r="393912" spans="14:14">
      <c r="N393912" s="10"/>
    </row>
    <row r="393913" spans="14:14">
      <c r="N393913" s="10"/>
    </row>
    <row r="393914" spans="14:14">
      <c r="N393914" s="10"/>
    </row>
    <row r="393915" spans="14:14">
      <c r="N393915" s="10"/>
    </row>
    <row r="393916" spans="14:14">
      <c r="N393916" s="10"/>
    </row>
    <row r="393917" spans="14:14">
      <c r="N393917" s="10"/>
    </row>
    <row r="393918" spans="14:14">
      <c r="N393918" s="10"/>
    </row>
    <row r="393919" spans="14:14">
      <c r="N393919" s="10"/>
    </row>
    <row r="393920" spans="14:14">
      <c r="N393920" s="10"/>
    </row>
    <row r="393921" spans="14:14">
      <c r="N393921" s="10"/>
    </row>
    <row r="393922" spans="14:14">
      <c r="N393922" s="10"/>
    </row>
    <row r="393923" spans="14:14">
      <c r="N393923" s="10"/>
    </row>
    <row r="393924" spans="14:14">
      <c r="N393924" s="10"/>
    </row>
    <row r="393925" spans="14:14">
      <c r="N393925" s="10"/>
    </row>
    <row r="393926" spans="14:14">
      <c r="N393926" s="10"/>
    </row>
    <row r="393927" spans="14:14">
      <c r="N393927" s="10"/>
    </row>
    <row r="393928" spans="14:14">
      <c r="N393928" s="10"/>
    </row>
    <row r="393929" spans="14:14">
      <c r="N393929" s="10"/>
    </row>
    <row r="393930" spans="14:14">
      <c r="N393930" s="10"/>
    </row>
    <row r="393931" spans="14:14">
      <c r="N393931" s="10"/>
    </row>
    <row r="393932" spans="14:14">
      <c r="N393932" s="10"/>
    </row>
    <row r="393933" spans="14:14">
      <c r="N393933" s="10"/>
    </row>
    <row r="393934" spans="14:14">
      <c r="N393934" s="10"/>
    </row>
    <row r="393935" spans="14:14">
      <c r="N393935" s="10"/>
    </row>
    <row r="393936" spans="14:14">
      <c r="N393936" s="10"/>
    </row>
    <row r="393937" spans="14:14">
      <c r="N393937" s="10"/>
    </row>
    <row r="393938" spans="14:14">
      <c r="N393938" s="10"/>
    </row>
    <row r="393939" spans="14:14">
      <c r="N393939" s="10"/>
    </row>
    <row r="393940" spans="14:14">
      <c r="N393940" s="10"/>
    </row>
    <row r="393941" spans="14:14">
      <c r="N393941" s="10"/>
    </row>
    <row r="393942" spans="14:14">
      <c r="N393942" s="10"/>
    </row>
    <row r="393943" spans="14:14">
      <c r="N393943" s="10"/>
    </row>
    <row r="393944" spans="14:14">
      <c r="N393944" s="10"/>
    </row>
    <row r="393945" spans="14:14">
      <c r="N393945" s="10"/>
    </row>
    <row r="393946" spans="14:14">
      <c r="N393946" s="10"/>
    </row>
    <row r="393947" spans="14:14">
      <c r="N393947" s="10"/>
    </row>
    <row r="393948" spans="14:14">
      <c r="N393948" s="10"/>
    </row>
    <row r="393949" spans="14:14">
      <c r="N393949" s="10"/>
    </row>
    <row r="393950" spans="14:14">
      <c r="N393950" s="10"/>
    </row>
    <row r="393951" spans="14:14">
      <c r="N393951" s="10"/>
    </row>
    <row r="393952" spans="14:14">
      <c r="N393952" s="10"/>
    </row>
    <row r="393953" spans="14:14">
      <c r="N393953" s="10"/>
    </row>
    <row r="393954" spans="14:14">
      <c r="N393954" s="10"/>
    </row>
    <row r="393955" spans="14:14">
      <c r="N393955" s="10"/>
    </row>
    <row r="393956" spans="14:14">
      <c r="N393956" s="10"/>
    </row>
    <row r="393957" spans="14:14">
      <c r="N393957" s="10"/>
    </row>
    <row r="393958" spans="14:14">
      <c r="N393958" s="10"/>
    </row>
    <row r="393959" spans="14:14">
      <c r="N393959" s="10"/>
    </row>
    <row r="393960" spans="14:14">
      <c r="N393960" s="10"/>
    </row>
    <row r="393961" spans="14:14">
      <c r="N393961" s="10"/>
    </row>
    <row r="393962" spans="14:14">
      <c r="N393962" s="10"/>
    </row>
    <row r="393963" spans="14:14">
      <c r="N393963" s="10"/>
    </row>
    <row r="393964" spans="14:14">
      <c r="N393964" s="10"/>
    </row>
    <row r="393965" spans="14:14">
      <c r="N393965" s="10"/>
    </row>
    <row r="393966" spans="14:14">
      <c r="N393966" s="10"/>
    </row>
    <row r="393967" spans="14:14">
      <c r="N393967" s="10"/>
    </row>
    <row r="393968" spans="14:14">
      <c r="N393968" s="10"/>
    </row>
    <row r="393969" spans="14:14">
      <c r="N393969" s="10"/>
    </row>
    <row r="393970" spans="14:14">
      <c r="N393970" s="10"/>
    </row>
    <row r="393971" spans="14:14">
      <c r="N393971" s="10"/>
    </row>
    <row r="393972" spans="14:14">
      <c r="N393972" s="10"/>
    </row>
    <row r="393973" spans="14:14">
      <c r="N393973" s="10"/>
    </row>
    <row r="393974" spans="14:14">
      <c r="N393974" s="10"/>
    </row>
    <row r="393975" spans="14:14">
      <c r="N393975" s="10"/>
    </row>
    <row r="393976" spans="14:14">
      <c r="N393976" s="10"/>
    </row>
    <row r="393977" spans="14:14">
      <c r="N393977" s="10"/>
    </row>
    <row r="393978" spans="14:14">
      <c r="N393978" s="10"/>
    </row>
    <row r="393979" spans="14:14">
      <c r="N393979" s="10"/>
    </row>
    <row r="393980" spans="14:14">
      <c r="N393980" s="10"/>
    </row>
    <row r="393981" spans="14:14">
      <c r="N393981" s="10"/>
    </row>
    <row r="393982" spans="14:14">
      <c r="N393982" s="10"/>
    </row>
    <row r="393983" spans="14:14">
      <c r="N393983" s="10"/>
    </row>
    <row r="393984" spans="14:14">
      <c r="N393984" s="10"/>
    </row>
    <row r="393985" spans="14:14">
      <c r="N393985" s="10"/>
    </row>
    <row r="393986" spans="14:14">
      <c r="N393986" s="10"/>
    </row>
    <row r="393987" spans="14:14">
      <c r="N393987" s="10"/>
    </row>
    <row r="393988" spans="14:14">
      <c r="N393988" s="10"/>
    </row>
    <row r="393989" spans="14:14">
      <c r="N393989" s="10"/>
    </row>
    <row r="393990" spans="14:14">
      <c r="N393990" s="10"/>
    </row>
    <row r="393991" spans="14:14">
      <c r="N393991" s="10"/>
    </row>
    <row r="393992" spans="14:14">
      <c r="N393992" s="10"/>
    </row>
    <row r="393993" spans="14:14">
      <c r="N393993" s="10"/>
    </row>
    <row r="393994" spans="14:14">
      <c r="N393994" s="10"/>
    </row>
    <row r="393995" spans="14:14">
      <c r="N393995" s="10"/>
    </row>
    <row r="393996" spans="14:14">
      <c r="N393996" s="10"/>
    </row>
    <row r="393997" spans="14:14">
      <c r="N393997" s="10"/>
    </row>
    <row r="393998" spans="14:14">
      <c r="N393998" s="10"/>
    </row>
    <row r="393999" spans="14:14">
      <c r="N393999" s="10"/>
    </row>
    <row r="394000" spans="14:14">
      <c r="N394000" s="10"/>
    </row>
    <row r="394001" spans="14:14">
      <c r="N394001" s="10"/>
    </row>
    <row r="394002" spans="14:14">
      <c r="N394002" s="10"/>
    </row>
    <row r="394003" spans="14:14">
      <c r="N394003" s="10"/>
    </row>
    <row r="394004" spans="14:14">
      <c r="N394004" s="10"/>
    </row>
    <row r="394005" spans="14:14">
      <c r="N394005" s="10"/>
    </row>
    <row r="394006" spans="14:14">
      <c r="N394006" s="10"/>
    </row>
    <row r="394007" spans="14:14">
      <c r="N394007" s="10"/>
    </row>
    <row r="394008" spans="14:14">
      <c r="N394008" s="10"/>
    </row>
    <row r="394009" spans="14:14">
      <c r="N394009" s="10"/>
    </row>
    <row r="394010" spans="14:14">
      <c r="N394010" s="10"/>
    </row>
    <row r="394011" spans="14:14">
      <c r="N394011" s="10"/>
    </row>
    <row r="394012" spans="14:14">
      <c r="N394012" s="10"/>
    </row>
    <row r="394013" spans="14:14">
      <c r="N394013" s="10"/>
    </row>
    <row r="394014" spans="14:14">
      <c r="N394014" s="10"/>
    </row>
    <row r="394015" spans="14:14">
      <c r="N394015" s="10"/>
    </row>
    <row r="394016" spans="14:14">
      <c r="N394016" s="10"/>
    </row>
    <row r="394017" spans="14:14">
      <c r="N394017" s="10"/>
    </row>
    <row r="394018" spans="14:14">
      <c r="N394018" s="10"/>
    </row>
    <row r="394019" spans="14:14">
      <c r="N394019" s="10"/>
    </row>
    <row r="394020" spans="14:14">
      <c r="N394020" s="10"/>
    </row>
    <row r="394021" spans="14:14">
      <c r="N394021" s="10"/>
    </row>
    <row r="394022" spans="14:14">
      <c r="N394022" s="10"/>
    </row>
    <row r="394023" spans="14:14">
      <c r="N394023" s="10"/>
    </row>
    <row r="394024" spans="14:14">
      <c r="N394024" s="10"/>
    </row>
    <row r="394025" spans="14:14">
      <c r="N394025" s="10"/>
    </row>
    <row r="394026" spans="14:14">
      <c r="N394026" s="10"/>
    </row>
    <row r="394027" spans="14:14">
      <c r="N394027" s="10"/>
    </row>
    <row r="394028" spans="14:14">
      <c r="N394028" s="10"/>
    </row>
    <row r="394029" spans="14:14">
      <c r="N394029" s="10"/>
    </row>
    <row r="394030" spans="14:14">
      <c r="N394030" s="10"/>
    </row>
    <row r="394031" spans="14:14">
      <c r="N394031" s="10"/>
    </row>
    <row r="394032" spans="14:14">
      <c r="N394032" s="10"/>
    </row>
    <row r="394033" spans="14:14">
      <c r="N394033" s="10"/>
    </row>
    <row r="394034" spans="14:14">
      <c r="N394034" s="10"/>
    </row>
    <row r="394035" spans="14:14">
      <c r="N394035" s="10"/>
    </row>
    <row r="394036" spans="14:14">
      <c r="N394036" s="10"/>
    </row>
    <row r="394037" spans="14:14">
      <c r="N394037" s="10"/>
    </row>
    <row r="394038" spans="14:14">
      <c r="N394038" s="10"/>
    </row>
    <row r="394039" spans="14:14">
      <c r="N394039" s="10"/>
    </row>
    <row r="394040" spans="14:14">
      <c r="N394040" s="10"/>
    </row>
    <row r="394041" spans="14:14">
      <c r="N394041" s="10"/>
    </row>
    <row r="394042" spans="14:14">
      <c r="N394042" s="10"/>
    </row>
    <row r="394043" spans="14:14">
      <c r="N394043" s="10"/>
    </row>
    <row r="394044" spans="14:14">
      <c r="N394044" s="10"/>
    </row>
    <row r="394045" spans="14:14">
      <c r="N394045" s="10"/>
    </row>
    <row r="394046" spans="14:14">
      <c r="N394046" s="10"/>
    </row>
    <row r="394047" spans="14:14">
      <c r="N394047" s="10"/>
    </row>
    <row r="394048" spans="14:14">
      <c r="N394048" s="10"/>
    </row>
    <row r="394049" spans="14:14">
      <c r="N394049" s="10"/>
    </row>
    <row r="394050" spans="14:14">
      <c r="N394050" s="10"/>
    </row>
    <row r="394051" spans="14:14">
      <c r="N394051" s="10"/>
    </row>
    <row r="394052" spans="14:14">
      <c r="N394052" s="10"/>
    </row>
    <row r="394053" spans="14:14">
      <c r="N394053" s="10"/>
    </row>
    <row r="394054" spans="14:14">
      <c r="N394054" s="10"/>
    </row>
    <row r="394055" spans="14:14">
      <c r="N394055" s="10"/>
    </row>
    <row r="394056" spans="14:14">
      <c r="N394056" s="10"/>
    </row>
    <row r="394057" spans="14:14">
      <c r="N394057" s="10"/>
    </row>
    <row r="394058" spans="14:14">
      <c r="N394058" s="10"/>
    </row>
    <row r="394059" spans="14:14">
      <c r="N394059" s="10"/>
    </row>
    <row r="394060" spans="14:14">
      <c r="N394060" s="10"/>
    </row>
    <row r="394061" spans="14:14">
      <c r="N394061" s="10"/>
    </row>
    <row r="394062" spans="14:14">
      <c r="N394062" s="10"/>
    </row>
    <row r="394063" spans="14:14">
      <c r="N394063" s="10"/>
    </row>
    <row r="394064" spans="14:14">
      <c r="N394064" s="10"/>
    </row>
    <row r="394065" spans="14:14">
      <c r="N394065" s="10"/>
    </row>
    <row r="394066" spans="14:14">
      <c r="N394066" s="10"/>
    </row>
    <row r="394067" spans="14:14">
      <c r="N394067" s="10"/>
    </row>
    <row r="394068" spans="14:14">
      <c r="N394068" s="10"/>
    </row>
    <row r="394069" spans="14:14">
      <c r="N394069" s="10"/>
    </row>
    <row r="394070" spans="14:14">
      <c r="N394070" s="10"/>
    </row>
    <row r="394071" spans="14:14">
      <c r="N394071" s="10"/>
    </row>
    <row r="394072" spans="14:14">
      <c r="N394072" s="10"/>
    </row>
    <row r="394073" spans="14:14">
      <c r="N394073" s="10"/>
    </row>
    <row r="394074" spans="14:14">
      <c r="N394074" s="10"/>
    </row>
    <row r="394075" spans="14:14">
      <c r="N394075" s="10"/>
    </row>
    <row r="394076" spans="14:14">
      <c r="N394076" s="10"/>
    </row>
    <row r="394077" spans="14:14">
      <c r="N394077" s="10"/>
    </row>
    <row r="394078" spans="14:14">
      <c r="N394078" s="10"/>
    </row>
    <row r="394079" spans="14:14">
      <c r="N394079" s="10"/>
    </row>
    <row r="394080" spans="14:14">
      <c r="N394080" s="10"/>
    </row>
    <row r="394081" spans="14:14">
      <c r="N394081" s="10"/>
    </row>
    <row r="394082" spans="14:14">
      <c r="N394082" s="10"/>
    </row>
    <row r="394083" spans="14:14">
      <c r="N394083" s="10"/>
    </row>
    <row r="394084" spans="14:14">
      <c r="N394084" s="10"/>
    </row>
    <row r="394085" spans="14:14">
      <c r="N394085" s="10"/>
    </row>
    <row r="394086" spans="14:14">
      <c r="N394086" s="10"/>
    </row>
    <row r="394087" spans="14:14">
      <c r="N394087" s="10"/>
    </row>
    <row r="394088" spans="14:14">
      <c r="N394088" s="10"/>
    </row>
    <row r="394089" spans="14:14">
      <c r="N394089" s="10"/>
    </row>
    <row r="394090" spans="14:14">
      <c r="N394090" s="10"/>
    </row>
    <row r="394091" spans="14:14">
      <c r="N394091" s="10"/>
    </row>
    <row r="394092" spans="14:14">
      <c r="N394092" s="10"/>
    </row>
    <row r="394093" spans="14:14">
      <c r="N394093" s="10"/>
    </row>
    <row r="394094" spans="14:14">
      <c r="N394094" s="10"/>
    </row>
    <row r="394095" spans="14:14">
      <c r="N394095" s="10"/>
    </row>
    <row r="394096" spans="14:14">
      <c r="N394096" s="10"/>
    </row>
    <row r="394097" spans="14:14">
      <c r="N394097" s="10"/>
    </row>
    <row r="394098" spans="14:14">
      <c r="N394098" s="10"/>
    </row>
    <row r="394099" spans="14:14">
      <c r="N394099" s="10"/>
    </row>
    <row r="394100" spans="14:14">
      <c r="N394100" s="10"/>
    </row>
    <row r="394101" spans="14:14">
      <c r="N394101" s="10"/>
    </row>
    <row r="394102" spans="14:14">
      <c r="N394102" s="10"/>
    </row>
    <row r="394103" spans="14:14">
      <c r="N394103" s="10"/>
    </row>
    <row r="394104" spans="14:14">
      <c r="N394104" s="10"/>
    </row>
    <row r="394105" spans="14:14">
      <c r="N394105" s="10"/>
    </row>
    <row r="394106" spans="14:14">
      <c r="N394106" s="10"/>
    </row>
    <row r="394107" spans="14:14">
      <c r="N394107" s="10"/>
    </row>
    <row r="394108" spans="14:14">
      <c r="N394108" s="10"/>
    </row>
    <row r="394109" spans="14:14">
      <c r="N394109" s="10"/>
    </row>
    <row r="394110" spans="14:14">
      <c r="N394110" s="10"/>
    </row>
    <row r="394111" spans="14:14">
      <c r="N394111" s="10"/>
    </row>
    <row r="394112" spans="14:14">
      <c r="N394112" s="10"/>
    </row>
    <row r="394113" spans="14:14">
      <c r="N394113" s="10"/>
    </row>
    <row r="394114" spans="14:14">
      <c r="N394114" s="10"/>
    </row>
    <row r="394115" spans="14:14">
      <c r="N394115" s="10"/>
    </row>
    <row r="394116" spans="14:14">
      <c r="N394116" s="10"/>
    </row>
    <row r="394117" spans="14:14">
      <c r="N394117" s="10"/>
    </row>
    <row r="394118" spans="14:14">
      <c r="N394118" s="10"/>
    </row>
    <row r="394119" spans="14:14">
      <c r="N394119" s="10"/>
    </row>
    <row r="394120" spans="14:14">
      <c r="N394120" s="10"/>
    </row>
    <row r="394121" spans="14:14">
      <c r="N394121" s="10"/>
    </row>
    <row r="394122" spans="14:14">
      <c r="N394122" s="10"/>
    </row>
    <row r="394123" spans="14:14">
      <c r="N394123" s="10"/>
    </row>
    <row r="394124" spans="14:14">
      <c r="N394124" s="10"/>
    </row>
    <row r="394125" spans="14:14">
      <c r="N394125" s="10"/>
    </row>
    <row r="394126" spans="14:14">
      <c r="N394126" s="10"/>
    </row>
    <row r="394127" spans="14:14">
      <c r="N394127" s="10"/>
    </row>
    <row r="394128" spans="14:14">
      <c r="N394128" s="10"/>
    </row>
    <row r="394129" spans="14:14">
      <c r="N394129" s="10"/>
    </row>
    <row r="394130" spans="14:14">
      <c r="N394130" s="10"/>
    </row>
    <row r="394131" spans="14:14">
      <c r="N394131" s="10"/>
    </row>
    <row r="394132" spans="14:14">
      <c r="N394132" s="10"/>
    </row>
    <row r="394133" spans="14:14">
      <c r="N394133" s="10"/>
    </row>
    <row r="394134" spans="14:14">
      <c r="N394134" s="10"/>
    </row>
    <row r="394135" spans="14:14">
      <c r="N394135" s="10"/>
    </row>
    <row r="394136" spans="14:14">
      <c r="N394136" s="10"/>
    </row>
    <row r="394137" spans="14:14">
      <c r="N394137" s="10"/>
    </row>
    <row r="394138" spans="14:14">
      <c r="N394138" s="10"/>
    </row>
    <row r="394139" spans="14:14">
      <c r="N394139" s="10"/>
    </row>
    <row r="394140" spans="14:14">
      <c r="N394140" s="10"/>
    </row>
    <row r="394141" spans="14:14">
      <c r="N394141" s="10"/>
    </row>
    <row r="394142" spans="14:14">
      <c r="N394142" s="10"/>
    </row>
    <row r="394143" spans="14:14">
      <c r="N394143" s="10"/>
    </row>
    <row r="394144" spans="14:14">
      <c r="N394144" s="10"/>
    </row>
    <row r="394145" spans="14:14">
      <c r="N394145" s="10"/>
    </row>
    <row r="394146" spans="14:14">
      <c r="N394146" s="10"/>
    </row>
    <row r="394147" spans="14:14">
      <c r="N394147" s="10"/>
    </row>
    <row r="394148" spans="14:14">
      <c r="N394148" s="10"/>
    </row>
    <row r="394149" spans="14:14">
      <c r="N394149" s="10"/>
    </row>
    <row r="394150" spans="14:14">
      <c r="N394150" s="10"/>
    </row>
    <row r="394151" spans="14:14">
      <c r="N394151" s="10"/>
    </row>
    <row r="394152" spans="14:14">
      <c r="N394152" s="10"/>
    </row>
    <row r="394153" spans="14:14">
      <c r="N394153" s="10"/>
    </row>
    <row r="394154" spans="14:14">
      <c r="N394154" s="10"/>
    </row>
    <row r="394155" spans="14:14">
      <c r="N394155" s="10"/>
    </row>
    <row r="394156" spans="14:14">
      <c r="N394156" s="10"/>
    </row>
    <row r="394157" spans="14:14">
      <c r="N394157" s="10"/>
    </row>
    <row r="394158" spans="14:14">
      <c r="N394158" s="10"/>
    </row>
    <row r="394159" spans="14:14">
      <c r="N394159" s="10"/>
    </row>
    <row r="394160" spans="14:14">
      <c r="N394160" s="10"/>
    </row>
    <row r="394161" spans="14:14">
      <c r="N394161" s="10"/>
    </row>
    <row r="394162" spans="14:14">
      <c r="N394162" s="10"/>
    </row>
    <row r="394163" spans="14:14">
      <c r="N394163" s="10"/>
    </row>
    <row r="394164" spans="14:14">
      <c r="N394164" s="10"/>
    </row>
    <row r="394165" spans="14:14">
      <c r="N394165" s="10"/>
    </row>
    <row r="394166" spans="14:14">
      <c r="N394166" s="10"/>
    </row>
    <row r="394167" spans="14:14">
      <c r="N394167" s="10"/>
    </row>
    <row r="394168" spans="14:14">
      <c r="N394168" s="10"/>
    </row>
    <row r="394169" spans="14:14">
      <c r="N394169" s="10"/>
    </row>
    <row r="394170" spans="14:14">
      <c r="N394170" s="10"/>
    </row>
    <row r="394171" spans="14:14">
      <c r="N394171" s="10"/>
    </row>
    <row r="394172" spans="14:14">
      <c r="N394172" s="10"/>
    </row>
    <row r="394173" spans="14:14">
      <c r="N394173" s="10"/>
    </row>
    <row r="394174" spans="14:14">
      <c r="N394174" s="10"/>
    </row>
    <row r="394175" spans="14:14">
      <c r="N394175" s="10"/>
    </row>
    <row r="394176" spans="14:14">
      <c r="N394176" s="10"/>
    </row>
    <row r="394177" spans="14:14">
      <c r="N394177" s="10"/>
    </row>
    <row r="394178" spans="14:14">
      <c r="N394178" s="10"/>
    </row>
    <row r="394179" spans="14:14">
      <c r="N394179" s="10"/>
    </row>
    <row r="394180" spans="14:14">
      <c r="N394180" s="10"/>
    </row>
    <row r="394181" spans="14:14">
      <c r="N394181" s="10"/>
    </row>
    <row r="394182" spans="14:14">
      <c r="N394182" s="10"/>
    </row>
    <row r="394183" spans="14:14">
      <c r="N394183" s="10"/>
    </row>
    <row r="394184" spans="14:14">
      <c r="N394184" s="10"/>
    </row>
    <row r="394185" spans="14:14">
      <c r="N394185" s="10"/>
    </row>
    <row r="394186" spans="14:14">
      <c r="N394186" s="10"/>
    </row>
    <row r="394187" spans="14:14">
      <c r="N394187" s="10"/>
    </row>
    <row r="394188" spans="14:14">
      <c r="N394188" s="10"/>
    </row>
    <row r="394189" spans="14:14">
      <c r="N394189" s="10"/>
    </row>
    <row r="394190" spans="14:14">
      <c r="N394190" s="10"/>
    </row>
    <row r="394191" spans="14:14">
      <c r="N394191" s="10"/>
    </row>
    <row r="394192" spans="14:14">
      <c r="N394192" s="10"/>
    </row>
    <row r="394193" spans="14:14">
      <c r="N394193" s="10"/>
    </row>
    <row r="394194" spans="14:14">
      <c r="N394194" s="10"/>
    </row>
    <row r="394195" spans="14:14">
      <c r="N394195" s="10"/>
    </row>
    <row r="394196" spans="14:14">
      <c r="N394196" s="10"/>
    </row>
    <row r="394197" spans="14:14">
      <c r="N394197" s="10"/>
    </row>
    <row r="394198" spans="14:14">
      <c r="N394198" s="10"/>
    </row>
    <row r="394199" spans="14:14">
      <c r="N394199" s="10"/>
    </row>
    <row r="394200" spans="14:14">
      <c r="N394200" s="10"/>
    </row>
    <row r="394201" spans="14:14">
      <c r="N394201" s="10"/>
    </row>
    <row r="394202" spans="14:14">
      <c r="N394202" s="10"/>
    </row>
    <row r="394203" spans="14:14">
      <c r="N394203" s="10"/>
    </row>
    <row r="394204" spans="14:14">
      <c r="N394204" s="10"/>
    </row>
    <row r="394205" spans="14:14">
      <c r="N394205" s="10"/>
    </row>
    <row r="394206" spans="14:14">
      <c r="N394206" s="10"/>
    </row>
    <row r="394207" spans="14:14">
      <c r="N394207" s="10"/>
    </row>
    <row r="394208" spans="14:14">
      <c r="N394208" s="10"/>
    </row>
    <row r="394209" spans="14:14">
      <c r="N394209" s="10"/>
    </row>
    <row r="394210" spans="14:14">
      <c r="N394210" s="10"/>
    </row>
    <row r="394211" spans="14:14">
      <c r="N394211" s="10"/>
    </row>
    <row r="394212" spans="14:14">
      <c r="N394212" s="10"/>
    </row>
    <row r="394213" spans="14:14">
      <c r="N394213" s="10"/>
    </row>
    <row r="394214" spans="14:14">
      <c r="N394214" s="10"/>
    </row>
    <row r="394215" spans="14:14">
      <c r="N394215" s="10"/>
    </row>
    <row r="394216" spans="14:14">
      <c r="N394216" s="10"/>
    </row>
    <row r="394217" spans="14:14">
      <c r="N394217" s="10"/>
    </row>
    <row r="394218" spans="14:14">
      <c r="N394218" s="10"/>
    </row>
    <row r="394219" spans="14:14">
      <c r="N394219" s="10"/>
    </row>
    <row r="394220" spans="14:14">
      <c r="N394220" s="10"/>
    </row>
    <row r="394221" spans="14:14">
      <c r="N394221" s="10"/>
    </row>
    <row r="394222" spans="14:14">
      <c r="N394222" s="10"/>
    </row>
    <row r="394223" spans="14:14">
      <c r="N394223" s="10"/>
    </row>
    <row r="394224" spans="14:14">
      <c r="N394224" s="10"/>
    </row>
    <row r="394225" spans="14:14">
      <c r="N394225" s="10"/>
    </row>
    <row r="394226" spans="14:14">
      <c r="N394226" s="10"/>
    </row>
    <row r="394227" spans="14:14">
      <c r="N394227" s="10"/>
    </row>
    <row r="394228" spans="14:14">
      <c r="N394228" s="10"/>
    </row>
    <row r="394229" spans="14:14">
      <c r="N394229" s="10"/>
    </row>
    <row r="394230" spans="14:14">
      <c r="N394230" s="10"/>
    </row>
    <row r="394231" spans="14:14">
      <c r="N394231" s="10"/>
    </row>
    <row r="394232" spans="14:14">
      <c r="N394232" s="10"/>
    </row>
    <row r="394233" spans="14:14">
      <c r="N394233" s="10"/>
    </row>
    <row r="394234" spans="14:14">
      <c r="N394234" s="10"/>
    </row>
    <row r="394235" spans="14:14">
      <c r="N394235" s="10"/>
    </row>
    <row r="394236" spans="14:14">
      <c r="N394236" s="10"/>
    </row>
    <row r="394237" spans="14:14">
      <c r="N394237" s="10"/>
    </row>
    <row r="394238" spans="14:14">
      <c r="N394238" s="10"/>
    </row>
    <row r="394239" spans="14:14">
      <c r="N394239" s="10"/>
    </row>
    <row r="394240" spans="14:14">
      <c r="N394240" s="10"/>
    </row>
    <row r="394241" spans="14:14">
      <c r="N394241" s="10"/>
    </row>
    <row r="394242" spans="14:14">
      <c r="N394242" s="10"/>
    </row>
    <row r="394243" spans="14:14">
      <c r="N394243" s="10"/>
    </row>
    <row r="394244" spans="14:14">
      <c r="N394244" s="10"/>
    </row>
    <row r="394245" spans="14:14">
      <c r="N394245" s="10"/>
    </row>
    <row r="394246" spans="14:14">
      <c r="N394246" s="10"/>
    </row>
    <row r="394247" spans="14:14">
      <c r="N394247" s="10"/>
    </row>
    <row r="394248" spans="14:14">
      <c r="N394248" s="10"/>
    </row>
    <row r="394249" spans="14:14">
      <c r="N394249" s="10"/>
    </row>
    <row r="394250" spans="14:14">
      <c r="N394250" s="10"/>
    </row>
    <row r="394251" spans="14:14">
      <c r="N394251" s="10"/>
    </row>
    <row r="394252" spans="14:14">
      <c r="N394252" s="10"/>
    </row>
    <row r="394253" spans="14:14">
      <c r="N394253" s="10"/>
    </row>
    <row r="394254" spans="14:14">
      <c r="N394254" s="10"/>
    </row>
    <row r="394255" spans="14:14">
      <c r="N394255" s="10"/>
    </row>
    <row r="394256" spans="14:14">
      <c r="N394256" s="10"/>
    </row>
    <row r="394257" spans="14:14">
      <c r="N394257" s="10"/>
    </row>
    <row r="394258" spans="14:14">
      <c r="N394258" s="10"/>
    </row>
    <row r="394259" spans="14:14">
      <c r="N394259" s="10"/>
    </row>
    <row r="394260" spans="14:14">
      <c r="N394260" s="10"/>
    </row>
    <row r="394261" spans="14:14">
      <c r="N394261" s="10"/>
    </row>
    <row r="394262" spans="14:14">
      <c r="N394262" s="10"/>
    </row>
    <row r="394263" spans="14:14">
      <c r="N394263" s="10"/>
    </row>
    <row r="394264" spans="14:14">
      <c r="N394264" s="10"/>
    </row>
    <row r="394265" spans="14:14">
      <c r="N394265" s="10"/>
    </row>
    <row r="394266" spans="14:14">
      <c r="N394266" s="10"/>
    </row>
    <row r="394267" spans="14:14">
      <c r="N394267" s="10"/>
    </row>
    <row r="394268" spans="14:14">
      <c r="N394268" s="10"/>
    </row>
    <row r="394269" spans="14:14">
      <c r="N394269" s="10"/>
    </row>
    <row r="394270" spans="14:14">
      <c r="N394270" s="10"/>
    </row>
    <row r="394271" spans="14:14">
      <c r="N394271" s="10"/>
    </row>
    <row r="394272" spans="14:14">
      <c r="N394272" s="10"/>
    </row>
    <row r="394273" spans="14:14">
      <c r="N394273" s="10"/>
    </row>
    <row r="394274" spans="14:14">
      <c r="N394274" s="10"/>
    </row>
    <row r="394275" spans="14:14">
      <c r="N394275" s="10"/>
    </row>
    <row r="394276" spans="14:14">
      <c r="N394276" s="10"/>
    </row>
    <row r="394277" spans="14:14">
      <c r="N394277" s="10"/>
    </row>
    <row r="394278" spans="14:14">
      <c r="N394278" s="10"/>
    </row>
    <row r="394279" spans="14:14">
      <c r="N394279" s="10"/>
    </row>
    <row r="394280" spans="14:14">
      <c r="N394280" s="10"/>
    </row>
    <row r="394281" spans="14:14">
      <c r="N394281" s="10"/>
    </row>
    <row r="394282" spans="14:14">
      <c r="N394282" s="10"/>
    </row>
    <row r="394283" spans="14:14">
      <c r="N394283" s="10"/>
    </row>
    <row r="394284" spans="14:14">
      <c r="N394284" s="10"/>
    </row>
    <row r="394285" spans="14:14">
      <c r="N394285" s="10"/>
    </row>
    <row r="394286" spans="14:14">
      <c r="N394286" s="10"/>
    </row>
    <row r="394287" spans="14:14">
      <c r="N394287" s="10"/>
    </row>
    <row r="394288" spans="14:14">
      <c r="N394288" s="10"/>
    </row>
    <row r="394289" spans="14:14">
      <c r="N394289" s="10"/>
    </row>
    <row r="394290" spans="14:14">
      <c r="N394290" s="10"/>
    </row>
    <row r="394291" spans="14:14">
      <c r="N394291" s="10"/>
    </row>
    <row r="394292" spans="14:14">
      <c r="N394292" s="10"/>
    </row>
    <row r="394293" spans="14:14">
      <c r="N394293" s="10"/>
    </row>
    <row r="394294" spans="14:14">
      <c r="N394294" s="10"/>
    </row>
    <row r="394295" spans="14:14">
      <c r="N394295" s="10"/>
    </row>
    <row r="394296" spans="14:14">
      <c r="N394296" s="10"/>
    </row>
    <row r="394297" spans="14:14">
      <c r="N394297" s="10"/>
    </row>
    <row r="394298" spans="14:14">
      <c r="N394298" s="10"/>
    </row>
    <row r="394299" spans="14:14">
      <c r="N394299" s="10"/>
    </row>
    <row r="394300" spans="14:14">
      <c r="N394300" s="10"/>
    </row>
    <row r="394301" spans="14:14">
      <c r="N394301" s="10"/>
    </row>
    <row r="394302" spans="14:14">
      <c r="N394302" s="10"/>
    </row>
    <row r="394303" spans="14:14">
      <c r="N394303" s="10"/>
    </row>
    <row r="394304" spans="14:14">
      <c r="N394304" s="10"/>
    </row>
    <row r="394305" spans="14:14">
      <c r="N394305" s="10"/>
    </row>
    <row r="394306" spans="14:14">
      <c r="N394306" s="10"/>
    </row>
    <row r="394307" spans="14:14">
      <c r="N394307" s="10"/>
    </row>
    <row r="394308" spans="14:14">
      <c r="N394308" s="10"/>
    </row>
    <row r="394309" spans="14:14">
      <c r="N394309" s="10"/>
    </row>
    <row r="394310" spans="14:14">
      <c r="N394310" s="10"/>
    </row>
    <row r="394311" spans="14:14">
      <c r="N394311" s="10"/>
    </row>
    <row r="394312" spans="14:14">
      <c r="N394312" s="10"/>
    </row>
    <row r="394313" spans="14:14">
      <c r="N394313" s="10"/>
    </row>
    <row r="394314" spans="14:14">
      <c r="N394314" s="10"/>
    </row>
    <row r="394315" spans="14:14">
      <c r="N394315" s="10"/>
    </row>
    <row r="394316" spans="14:14">
      <c r="N394316" s="10"/>
    </row>
    <row r="394317" spans="14:14">
      <c r="N394317" s="10"/>
    </row>
    <row r="394318" spans="14:14">
      <c r="N394318" s="10"/>
    </row>
    <row r="394319" spans="14:14">
      <c r="N394319" s="10"/>
    </row>
    <row r="394320" spans="14:14">
      <c r="N394320" s="10"/>
    </row>
    <row r="394321" spans="14:14">
      <c r="N394321" s="10"/>
    </row>
    <row r="394322" spans="14:14">
      <c r="N394322" s="10"/>
    </row>
    <row r="394323" spans="14:14">
      <c r="N394323" s="10"/>
    </row>
    <row r="394324" spans="14:14">
      <c r="N394324" s="10"/>
    </row>
    <row r="394325" spans="14:14">
      <c r="N394325" s="10"/>
    </row>
    <row r="394326" spans="14:14">
      <c r="N394326" s="10"/>
    </row>
    <row r="394327" spans="14:14">
      <c r="N394327" s="10"/>
    </row>
    <row r="394328" spans="14:14">
      <c r="N394328" s="10"/>
    </row>
    <row r="394329" spans="14:14">
      <c r="N394329" s="10"/>
    </row>
    <row r="394330" spans="14:14">
      <c r="N394330" s="10"/>
    </row>
    <row r="394331" spans="14:14">
      <c r="N394331" s="10"/>
    </row>
    <row r="394332" spans="14:14">
      <c r="N394332" s="10"/>
    </row>
    <row r="394333" spans="14:14">
      <c r="N394333" s="10"/>
    </row>
    <row r="394334" spans="14:14">
      <c r="N394334" s="10"/>
    </row>
    <row r="394335" spans="14:14">
      <c r="N394335" s="10"/>
    </row>
    <row r="394336" spans="14:14">
      <c r="N394336" s="10"/>
    </row>
    <row r="394337" spans="14:14">
      <c r="N394337" s="10"/>
    </row>
    <row r="394338" spans="14:14">
      <c r="N394338" s="10"/>
    </row>
    <row r="394339" spans="14:14">
      <c r="N394339" s="10"/>
    </row>
    <row r="394340" spans="14:14">
      <c r="N394340" s="10"/>
    </row>
    <row r="394341" spans="14:14">
      <c r="N394341" s="10"/>
    </row>
    <row r="394342" spans="14:14">
      <c r="N394342" s="10"/>
    </row>
    <row r="394343" spans="14:14">
      <c r="N394343" s="10"/>
    </row>
    <row r="394344" spans="14:14">
      <c r="N394344" s="10"/>
    </row>
    <row r="394345" spans="14:14">
      <c r="N394345" s="10"/>
    </row>
    <row r="394346" spans="14:14">
      <c r="N394346" s="10"/>
    </row>
    <row r="394347" spans="14:14">
      <c r="N394347" s="10"/>
    </row>
    <row r="394348" spans="14:14">
      <c r="N394348" s="10"/>
    </row>
    <row r="394349" spans="14:14">
      <c r="N394349" s="10"/>
    </row>
    <row r="394350" spans="14:14">
      <c r="N394350" s="10"/>
    </row>
    <row r="394351" spans="14:14">
      <c r="N394351" s="10"/>
    </row>
    <row r="394352" spans="14:14">
      <c r="N394352" s="10"/>
    </row>
    <row r="394353" spans="14:14">
      <c r="N394353" s="10"/>
    </row>
    <row r="394354" spans="14:14">
      <c r="N394354" s="10"/>
    </row>
    <row r="394355" spans="14:14">
      <c r="N394355" s="10"/>
    </row>
    <row r="394356" spans="14:14">
      <c r="N394356" s="10"/>
    </row>
    <row r="394357" spans="14:14">
      <c r="N394357" s="10"/>
    </row>
    <row r="394358" spans="14:14">
      <c r="N394358" s="10"/>
    </row>
    <row r="394359" spans="14:14">
      <c r="N394359" s="10"/>
    </row>
    <row r="394360" spans="14:14">
      <c r="N394360" s="10"/>
    </row>
    <row r="394361" spans="14:14">
      <c r="N394361" s="10"/>
    </row>
    <row r="394362" spans="14:14">
      <c r="N394362" s="10"/>
    </row>
    <row r="394363" spans="14:14">
      <c r="N394363" s="10"/>
    </row>
    <row r="394364" spans="14:14">
      <c r="N394364" s="10"/>
    </row>
    <row r="394365" spans="14:14">
      <c r="N394365" s="10"/>
    </row>
    <row r="394366" spans="14:14">
      <c r="N394366" s="10"/>
    </row>
    <row r="394367" spans="14:14">
      <c r="N394367" s="10"/>
    </row>
    <row r="394368" spans="14:14">
      <c r="N394368" s="10"/>
    </row>
    <row r="394369" spans="14:14">
      <c r="N394369" s="10"/>
    </row>
    <row r="394370" spans="14:14">
      <c r="N394370" s="10"/>
    </row>
    <row r="394371" spans="14:14">
      <c r="N394371" s="10"/>
    </row>
    <row r="394372" spans="14:14">
      <c r="N394372" s="10"/>
    </row>
    <row r="394373" spans="14:14">
      <c r="N394373" s="10"/>
    </row>
    <row r="394374" spans="14:14">
      <c r="N394374" s="10"/>
    </row>
    <row r="394375" spans="14:14">
      <c r="N394375" s="10"/>
    </row>
    <row r="394376" spans="14:14">
      <c r="N394376" s="10"/>
    </row>
    <row r="394377" spans="14:14">
      <c r="N394377" s="10"/>
    </row>
    <row r="394378" spans="14:14">
      <c r="N394378" s="10"/>
    </row>
    <row r="394379" spans="14:14">
      <c r="N394379" s="10"/>
    </row>
    <row r="394380" spans="14:14">
      <c r="N394380" s="10"/>
    </row>
    <row r="394381" spans="14:14">
      <c r="N394381" s="10"/>
    </row>
    <row r="394382" spans="14:14">
      <c r="N394382" s="10"/>
    </row>
    <row r="394383" spans="14:14">
      <c r="N394383" s="10"/>
    </row>
    <row r="394384" spans="14:14">
      <c r="N394384" s="10"/>
    </row>
    <row r="394385" spans="14:14">
      <c r="N394385" s="10"/>
    </row>
    <row r="394386" spans="14:14">
      <c r="N394386" s="10"/>
    </row>
    <row r="394387" spans="14:14">
      <c r="N394387" s="10"/>
    </row>
    <row r="394388" spans="14:14">
      <c r="N394388" s="10"/>
    </row>
    <row r="394389" spans="14:14">
      <c r="N394389" s="10"/>
    </row>
    <row r="394390" spans="14:14">
      <c r="N394390" s="10"/>
    </row>
    <row r="394391" spans="14:14">
      <c r="N394391" s="10"/>
    </row>
    <row r="394392" spans="14:14">
      <c r="N394392" s="10"/>
    </row>
    <row r="394393" spans="14:14">
      <c r="N394393" s="10"/>
    </row>
    <row r="394394" spans="14:14">
      <c r="N394394" s="10"/>
    </row>
    <row r="394395" spans="14:14">
      <c r="N394395" s="10"/>
    </row>
    <row r="394396" spans="14:14">
      <c r="N394396" s="10"/>
    </row>
    <row r="394397" spans="14:14">
      <c r="N394397" s="10"/>
    </row>
    <row r="394398" spans="14:14">
      <c r="N394398" s="10"/>
    </row>
    <row r="394399" spans="14:14">
      <c r="N394399" s="10"/>
    </row>
    <row r="394400" spans="14:14">
      <c r="N394400" s="10"/>
    </row>
    <row r="394401" spans="14:14">
      <c r="N394401" s="10"/>
    </row>
    <row r="394402" spans="14:14">
      <c r="N394402" s="10"/>
    </row>
    <row r="394403" spans="14:14">
      <c r="N394403" s="10"/>
    </row>
    <row r="394404" spans="14:14">
      <c r="N394404" s="10"/>
    </row>
    <row r="394405" spans="14:14">
      <c r="N394405" s="10"/>
    </row>
    <row r="394406" spans="14:14">
      <c r="N394406" s="10"/>
    </row>
    <row r="394407" spans="14:14">
      <c r="N394407" s="10"/>
    </row>
    <row r="394408" spans="14:14">
      <c r="N394408" s="10"/>
    </row>
    <row r="394409" spans="14:14">
      <c r="N394409" s="10"/>
    </row>
    <row r="394410" spans="14:14">
      <c r="N394410" s="10"/>
    </row>
    <row r="394411" spans="14:14">
      <c r="N394411" s="10"/>
    </row>
    <row r="394412" spans="14:14">
      <c r="N394412" s="10"/>
    </row>
    <row r="394413" spans="14:14">
      <c r="N394413" s="10"/>
    </row>
    <row r="394414" spans="14:14">
      <c r="N394414" s="10"/>
    </row>
    <row r="394415" spans="14:14">
      <c r="N394415" s="10"/>
    </row>
    <row r="394416" spans="14:14">
      <c r="N394416" s="10"/>
    </row>
    <row r="394417" spans="14:14">
      <c r="N394417" s="10"/>
    </row>
    <row r="394418" spans="14:14">
      <c r="N394418" s="10"/>
    </row>
    <row r="394419" spans="14:14">
      <c r="N394419" s="10"/>
    </row>
    <row r="394420" spans="14:14">
      <c r="N394420" s="10"/>
    </row>
    <row r="394421" spans="14:14">
      <c r="N394421" s="10"/>
    </row>
    <row r="394422" spans="14:14">
      <c r="N394422" s="10"/>
    </row>
    <row r="394423" spans="14:14">
      <c r="N394423" s="10"/>
    </row>
    <row r="394424" spans="14:14">
      <c r="N394424" s="10"/>
    </row>
    <row r="394425" spans="14:14">
      <c r="N394425" s="10"/>
    </row>
    <row r="394426" spans="14:14">
      <c r="N394426" s="10"/>
    </row>
    <row r="394427" spans="14:14">
      <c r="N394427" s="10"/>
    </row>
    <row r="394428" spans="14:14">
      <c r="N394428" s="10"/>
    </row>
    <row r="394429" spans="14:14">
      <c r="N394429" s="10"/>
    </row>
    <row r="394430" spans="14:14">
      <c r="N394430" s="10"/>
    </row>
    <row r="394431" spans="14:14">
      <c r="N394431" s="10"/>
    </row>
    <row r="394432" spans="14:14">
      <c r="N394432" s="10"/>
    </row>
    <row r="394433" spans="14:14">
      <c r="N394433" s="10"/>
    </row>
    <row r="394434" spans="14:14">
      <c r="N394434" s="10"/>
    </row>
    <row r="394435" spans="14:14">
      <c r="N394435" s="10"/>
    </row>
    <row r="394436" spans="14:14">
      <c r="N394436" s="10"/>
    </row>
    <row r="394437" spans="14:14">
      <c r="N394437" s="10"/>
    </row>
    <row r="394438" spans="14:14">
      <c r="N394438" s="10"/>
    </row>
    <row r="394439" spans="14:14">
      <c r="N394439" s="10"/>
    </row>
    <row r="394440" spans="14:14">
      <c r="N394440" s="10"/>
    </row>
    <row r="394441" spans="14:14">
      <c r="N394441" s="10"/>
    </row>
    <row r="394442" spans="14:14">
      <c r="N394442" s="10"/>
    </row>
    <row r="394443" spans="14:14">
      <c r="N394443" s="10"/>
    </row>
    <row r="394444" spans="14:14">
      <c r="N394444" s="10"/>
    </row>
    <row r="394445" spans="14:14">
      <c r="N394445" s="10"/>
    </row>
    <row r="394446" spans="14:14">
      <c r="N394446" s="10"/>
    </row>
    <row r="394447" spans="14:14">
      <c r="N394447" s="10"/>
    </row>
    <row r="394448" spans="14:14">
      <c r="N394448" s="10"/>
    </row>
    <row r="394449" spans="14:14">
      <c r="N394449" s="10"/>
    </row>
    <row r="394450" spans="14:14">
      <c r="N394450" s="10"/>
    </row>
    <row r="394451" spans="14:14">
      <c r="N394451" s="10"/>
    </row>
    <row r="394452" spans="14:14">
      <c r="N394452" s="10"/>
    </row>
    <row r="394453" spans="14:14">
      <c r="N394453" s="10"/>
    </row>
    <row r="394454" spans="14:14">
      <c r="N394454" s="10"/>
    </row>
    <row r="394455" spans="14:14">
      <c r="N394455" s="10"/>
    </row>
    <row r="394456" spans="14:14">
      <c r="N394456" s="10"/>
    </row>
    <row r="394457" spans="14:14">
      <c r="N394457" s="10"/>
    </row>
    <row r="394458" spans="14:14">
      <c r="N394458" s="10"/>
    </row>
    <row r="394459" spans="14:14">
      <c r="N394459" s="10"/>
    </row>
    <row r="394460" spans="14:14">
      <c r="N394460" s="10"/>
    </row>
    <row r="394461" spans="14:14">
      <c r="N394461" s="10"/>
    </row>
    <row r="394462" spans="14:14">
      <c r="N394462" s="10"/>
    </row>
    <row r="394463" spans="14:14">
      <c r="N394463" s="10"/>
    </row>
    <row r="394464" spans="14:14">
      <c r="N394464" s="10"/>
    </row>
    <row r="394465" spans="14:14">
      <c r="N394465" s="10"/>
    </row>
    <row r="394466" spans="14:14">
      <c r="N394466" s="10"/>
    </row>
    <row r="394467" spans="14:14">
      <c r="N394467" s="10"/>
    </row>
    <row r="394468" spans="14:14">
      <c r="N394468" s="10"/>
    </row>
    <row r="394469" spans="14:14">
      <c r="N394469" s="10"/>
    </row>
    <row r="394470" spans="14:14">
      <c r="N394470" s="10"/>
    </row>
    <row r="394471" spans="14:14">
      <c r="N394471" s="10"/>
    </row>
    <row r="394472" spans="14:14">
      <c r="N394472" s="10"/>
    </row>
    <row r="394473" spans="14:14">
      <c r="N394473" s="10"/>
    </row>
    <row r="394474" spans="14:14">
      <c r="N394474" s="10"/>
    </row>
    <row r="394475" spans="14:14">
      <c r="N394475" s="10"/>
    </row>
    <row r="394476" spans="14:14">
      <c r="N394476" s="10"/>
    </row>
    <row r="394477" spans="14:14">
      <c r="N394477" s="10"/>
    </row>
    <row r="394478" spans="14:14">
      <c r="N394478" s="10"/>
    </row>
    <row r="394479" spans="14:14">
      <c r="N394479" s="10"/>
    </row>
    <row r="394480" spans="14:14">
      <c r="N394480" s="10"/>
    </row>
    <row r="394481" spans="14:14">
      <c r="N394481" s="10"/>
    </row>
    <row r="394482" spans="14:14">
      <c r="N394482" s="10"/>
    </row>
    <row r="394483" spans="14:14">
      <c r="N394483" s="10"/>
    </row>
    <row r="394484" spans="14:14">
      <c r="N394484" s="10"/>
    </row>
    <row r="394485" spans="14:14">
      <c r="N394485" s="10"/>
    </row>
    <row r="394486" spans="14:14">
      <c r="N394486" s="10"/>
    </row>
    <row r="394487" spans="14:14">
      <c r="N394487" s="10"/>
    </row>
    <row r="394488" spans="14:14">
      <c r="N394488" s="10"/>
    </row>
    <row r="394489" spans="14:14">
      <c r="N394489" s="10"/>
    </row>
    <row r="394490" spans="14:14">
      <c r="N394490" s="10"/>
    </row>
    <row r="394491" spans="14:14">
      <c r="N394491" s="10"/>
    </row>
    <row r="394492" spans="14:14">
      <c r="N394492" s="10"/>
    </row>
    <row r="394493" spans="14:14">
      <c r="N394493" s="10"/>
    </row>
    <row r="394494" spans="14:14">
      <c r="N394494" s="10"/>
    </row>
    <row r="394495" spans="14:14">
      <c r="N394495" s="10"/>
    </row>
    <row r="394496" spans="14:14">
      <c r="N394496" s="10"/>
    </row>
    <row r="394497" spans="14:14">
      <c r="N394497" s="10"/>
    </row>
    <row r="394498" spans="14:14">
      <c r="N394498" s="10"/>
    </row>
    <row r="394499" spans="14:14">
      <c r="N394499" s="10"/>
    </row>
    <row r="394500" spans="14:14">
      <c r="N394500" s="10"/>
    </row>
    <row r="394501" spans="14:14">
      <c r="N394501" s="10"/>
    </row>
    <row r="394502" spans="14:14">
      <c r="N394502" s="10"/>
    </row>
    <row r="394503" spans="14:14">
      <c r="N394503" s="10"/>
    </row>
    <row r="394504" spans="14:14">
      <c r="N394504" s="10"/>
    </row>
    <row r="394505" spans="14:14">
      <c r="N394505" s="10"/>
    </row>
    <row r="394506" spans="14:14">
      <c r="N394506" s="10"/>
    </row>
    <row r="394507" spans="14:14">
      <c r="N394507" s="10"/>
    </row>
    <row r="394508" spans="14:14">
      <c r="N394508" s="10"/>
    </row>
    <row r="394509" spans="14:14">
      <c r="N394509" s="10"/>
    </row>
    <row r="394510" spans="14:14">
      <c r="N394510" s="10"/>
    </row>
    <row r="394511" spans="14:14">
      <c r="N394511" s="10"/>
    </row>
    <row r="394512" spans="14:14">
      <c r="N394512" s="10"/>
    </row>
    <row r="394513" spans="14:14">
      <c r="N394513" s="10"/>
    </row>
    <row r="394514" spans="14:14">
      <c r="N394514" s="10"/>
    </row>
    <row r="394515" spans="14:14">
      <c r="N394515" s="10"/>
    </row>
    <row r="394516" spans="14:14">
      <c r="N394516" s="10"/>
    </row>
    <row r="394517" spans="14:14">
      <c r="N394517" s="10"/>
    </row>
    <row r="394518" spans="14:14">
      <c r="N394518" s="10"/>
    </row>
    <row r="394519" spans="14:14">
      <c r="N394519" s="10"/>
    </row>
    <row r="394520" spans="14:14">
      <c r="N394520" s="10"/>
    </row>
    <row r="394521" spans="14:14">
      <c r="N394521" s="10"/>
    </row>
    <row r="394522" spans="14:14">
      <c r="N394522" s="10"/>
    </row>
    <row r="394523" spans="14:14">
      <c r="N394523" s="10"/>
    </row>
    <row r="394524" spans="14:14">
      <c r="N394524" s="10"/>
    </row>
    <row r="394525" spans="14:14">
      <c r="N394525" s="10"/>
    </row>
    <row r="394526" spans="14:14">
      <c r="N394526" s="10"/>
    </row>
    <row r="394527" spans="14:14">
      <c r="N394527" s="10"/>
    </row>
    <row r="394528" spans="14:14">
      <c r="N394528" s="10"/>
    </row>
    <row r="394529" spans="14:14">
      <c r="N394529" s="10"/>
    </row>
    <row r="394530" spans="14:14">
      <c r="N394530" s="10"/>
    </row>
    <row r="394531" spans="14:14">
      <c r="N394531" s="10"/>
    </row>
    <row r="394532" spans="14:14">
      <c r="N394532" s="10"/>
    </row>
    <row r="394533" spans="14:14">
      <c r="N394533" s="10"/>
    </row>
    <row r="394534" spans="14:14">
      <c r="N394534" s="10"/>
    </row>
    <row r="394535" spans="14:14">
      <c r="N394535" s="10"/>
    </row>
    <row r="394536" spans="14:14">
      <c r="N394536" s="10"/>
    </row>
    <row r="394537" spans="14:14">
      <c r="N394537" s="10"/>
    </row>
    <row r="394538" spans="14:14">
      <c r="N394538" s="10"/>
    </row>
    <row r="394539" spans="14:14">
      <c r="N394539" s="10"/>
    </row>
    <row r="394540" spans="14:14">
      <c r="N394540" s="10"/>
    </row>
    <row r="394541" spans="14:14">
      <c r="N394541" s="10"/>
    </row>
    <row r="394542" spans="14:14">
      <c r="N394542" s="10"/>
    </row>
    <row r="394543" spans="14:14">
      <c r="N394543" s="10"/>
    </row>
    <row r="394544" spans="14:14">
      <c r="N394544" s="10"/>
    </row>
    <row r="394545" spans="14:14">
      <c r="N394545" s="10"/>
    </row>
    <row r="394546" spans="14:14">
      <c r="N394546" s="10"/>
    </row>
    <row r="394547" spans="14:14">
      <c r="N394547" s="10"/>
    </row>
    <row r="394548" spans="14:14">
      <c r="N394548" s="10"/>
    </row>
    <row r="394549" spans="14:14">
      <c r="N394549" s="10"/>
    </row>
    <row r="394550" spans="14:14">
      <c r="N394550" s="10"/>
    </row>
    <row r="394551" spans="14:14">
      <c r="N394551" s="10"/>
    </row>
    <row r="394552" spans="14:14">
      <c r="N394552" s="10"/>
    </row>
    <row r="394553" spans="14:14">
      <c r="N394553" s="10"/>
    </row>
    <row r="394554" spans="14:14">
      <c r="N394554" s="10"/>
    </row>
    <row r="394555" spans="14:14">
      <c r="N394555" s="10"/>
    </row>
    <row r="394556" spans="14:14">
      <c r="N394556" s="10"/>
    </row>
    <row r="394557" spans="14:14">
      <c r="N394557" s="10"/>
    </row>
    <row r="394558" spans="14:14">
      <c r="N394558" s="10"/>
    </row>
    <row r="394559" spans="14:14">
      <c r="N394559" s="10"/>
    </row>
    <row r="394560" spans="14:14">
      <c r="N394560" s="10"/>
    </row>
    <row r="394561" spans="14:14">
      <c r="N394561" s="10"/>
    </row>
    <row r="394562" spans="14:14">
      <c r="N394562" s="10"/>
    </row>
    <row r="394563" spans="14:14">
      <c r="N394563" s="10"/>
    </row>
    <row r="394564" spans="14:14">
      <c r="N394564" s="10"/>
    </row>
    <row r="394565" spans="14:14">
      <c r="N394565" s="10"/>
    </row>
    <row r="394566" spans="14:14">
      <c r="N394566" s="10"/>
    </row>
    <row r="394567" spans="14:14">
      <c r="N394567" s="10"/>
    </row>
    <row r="394568" spans="14:14">
      <c r="N394568" s="10"/>
    </row>
    <row r="394569" spans="14:14">
      <c r="N394569" s="10"/>
    </row>
    <row r="394570" spans="14:14">
      <c r="N394570" s="10"/>
    </row>
    <row r="394571" spans="14:14">
      <c r="N394571" s="10"/>
    </row>
    <row r="394572" spans="14:14">
      <c r="N394572" s="10"/>
    </row>
    <row r="394573" spans="14:14">
      <c r="N394573" s="10"/>
    </row>
    <row r="394574" spans="14:14">
      <c r="N394574" s="10"/>
    </row>
    <row r="394575" spans="14:14">
      <c r="N394575" s="10"/>
    </row>
    <row r="394576" spans="14:14">
      <c r="N394576" s="10"/>
    </row>
    <row r="394577" spans="14:14">
      <c r="N394577" s="10"/>
    </row>
    <row r="394578" spans="14:14">
      <c r="N394578" s="10"/>
    </row>
    <row r="394579" spans="14:14">
      <c r="N394579" s="10"/>
    </row>
    <row r="394580" spans="14:14">
      <c r="N394580" s="10"/>
    </row>
    <row r="394581" spans="14:14">
      <c r="N394581" s="10"/>
    </row>
    <row r="394582" spans="14:14">
      <c r="N394582" s="10"/>
    </row>
    <row r="394583" spans="14:14">
      <c r="N394583" s="10"/>
    </row>
    <row r="394584" spans="14:14">
      <c r="N394584" s="10"/>
    </row>
    <row r="394585" spans="14:14">
      <c r="N394585" s="10"/>
    </row>
    <row r="394586" spans="14:14">
      <c r="N394586" s="10"/>
    </row>
    <row r="394587" spans="14:14">
      <c r="N394587" s="10"/>
    </row>
    <row r="394588" spans="14:14">
      <c r="N394588" s="10"/>
    </row>
    <row r="394589" spans="14:14">
      <c r="N394589" s="10"/>
    </row>
    <row r="394590" spans="14:14">
      <c r="N394590" s="10"/>
    </row>
    <row r="394591" spans="14:14">
      <c r="N394591" s="10"/>
    </row>
    <row r="394592" spans="14:14">
      <c r="N394592" s="10"/>
    </row>
    <row r="394593" spans="14:14">
      <c r="N394593" s="10"/>
    </row>
    <row r="394594" spans="14:14">
      <c r="N394594" s="10"/>
    </row>
    <row r="394595" spans="14:14">
      <c r="N394595" s="10"/>
    </row>
    <row r="394596" spans="14:14">
      <c r="N394596" s="10"/>
    </row>
    <row r="394597" spans="14:14">
      <c r="N394597" s="10"/>
    </row>
    <row r="394598" spans="14:14">
      <c r="N394598" s="10"/>
    </row>
    <row r="394599" spans="14:14">
      <c r="N394599" s="10"/>
    </row>
    <row r="394600" spans="14:14">
      <c r="N394600" s="10"/>
    </row>
    <row r="394601" spans="14:14">
      <c r="N394601" s="10"/>
    </row>
    <row r="394602" spans="14:14">
      <c r="N394602" s="10"/>
    </row>
    <row r="394603" spans="14:14">
      <c r="N394603" s="10"/>
    </row>
    <row r="394604" spans="14:14">
      <c r="N394604" s="10"/>
    </row>
    <row r="394605" spans="14:14">
      <c r="N394605" s="10"/>
    </row>
    <row r="394606" spans="14:14">
      <c r="N394606" s="10"/>
    </row>
    <row r="394607" spans="14:14">
      <c r="N394607" s="10"/>
    </row>
    <row r="394608" spans="14:14">
      <c r="N394608" s="10"/>
    </row>
    <row r="394609" spans="14:14">
      <c r="N394609" s="10"/>
    </row>
    <row r="394610" spans="14:14">
      <c r="N394610" s="10"/>
    </row>
    <row r="394611" spans="14:14">
      <c r="N394611" s="10"/>
    </row>
    <row r="394612" spans="14:14">
      <c r="N394612" s="10"/>
    </row>
    <row r="394613" spans="14:14">
      <c r="N394613" s="10"/>
    </row>
    <row r="394614" spans="14:14">
      <c r="N394614" s="10"/>
    </row>
    <row r="394615" spans="14:14">
      <c r="N394615" s="10"/>
    </row>
    <row r="394616" spans="14:14">
      <c r="N394616" s="10"/>
    </row>
    <row r="394617" spans="14:14">
      <c r="N394617" s="10"/>
    </row>
    <row r="394618" spans="14:14">
      <c r="N394618" s="10"/>
    </row>
    <row r="394619" spans="14:14">
      <c r="N394619" s="10"/>
    </row>
    <row r="394620" spans="14:14">
      <c r="N394620" s="10"/>
    </row>
    <row r="394621" spans="14:14">
      <c r="N394621" s="10"/>
    </row>
    <row r="394622" spans="14:14">
      <c r="N394622" s="10"/>
    </row>
    <row r="394623" spans="14:14">
      <c r="N394623" s="10"/>
    </row>
    <row r="394624" spans="14:14">
      <c r="N394624" s="10"/>
    </row>
    <row r="394625" spans="14:14">
      <c r="N394625" s="10"/>
    </row>
    <row r="394626" spans="14:14">
      <c r="N394626" s="10"/>
    </row>
    <row r="394627" spans="14:14">
      <c r="N394627" s="10"/>
    </row>
    <row r="394628" spans="14:14">
      <c r="N394628" s="10"/>
    </row>
    <row r="394629" spans="14:14">
      <c r="N394629" s="10"/>
    </row>
    <row r="394630" spans="14:14">
      <c r="N394630" s="10"/>
    </row>
    <row r="394631" spans="14:14">
      <c r="N394631" s="10"/>
    </row>
    <row r="394632" spans="14:14">
      <c r="N394632" s="10"/>
    </row>
    <row r="394633" spans="14:14">
      <c r="N394633" s="10"/>
    </row>
    <row r="394634" spans="14:14">
      <c r="N394634" s="10"/>
    </row>
    <row r="394635" spans="14:14">
      <c r="N394635" s="10"/>
    </row>
    <row r="394636" spans="14:14">
      <c r="N394636" s="10"/>
    </row>
    <row r="394637" spans="14:14">
      <c r="N394637" s="10"/>
    </row>
    <row r="394638" spans="14:14">
      <c r="N394638" s="10"/>
    </row>
    <row r="394639" spans="14:14">
      <c r="N394639" s="10"/>
    </row>
    <row r="394640" spans="14:14">
      <c r="N394640" s="10"/>
    </row>
    <row r="394641" spans="14:14">
      <c r="N394641" s="10"/>
    </row>
    <row r="394642" spans="14:14">
      <c r="N394642" s="10"/>
    </row>
    <row r="394643" spans="14:14">
      <c r="N394643" s="10"/>
    </row>
    <row r="394644" spans="14:14">
      <c r="N394644" s="10"/>
    </row>
    <row r="394645" spans="14:14">
      <c r="N394645" s="10"/>
    </row>
    <row r="394646" spans="14:14">
      <c r="N394646" s="10"/>
    </row>
    <row r="394647" spans="14:14">
      <c r="N394647" s="10"/>
    </row>
    <row r="394648" spans="14:14">
      <c r="N394648" s="10"/>
    </row>
    <row r="394649" spans="14:14">
      <c r="N394649" s="10"/>
    </row>
    <row r="394650" spans="14:14">
      <c r="N394650" s="10"/>
    </row>
    <row r="394651" spans="14:14">
      <c r="N394651" s="10"/>
    </row>
    <row r="394652" spans="14:14">
      <c r="N394652" s="10"/>
    </row>
    <row r="394653" spans="14:14">
      <c r="N394653" s="10"/>
    </row>
    <row r="394654" spans="14:14">
      <c r="N394654" s="10"/>
    </row>
    <row r="394655" spans="14:14">
      <c r="N394655" s="10"/>
    </row>
    <row r="394656" spans="14:14">
      <c r="N394656" s="10"/>
    </row>
    <row r="394657" spans="14:14">
      <c r="N394657" s="10"/>
    </row>
    <row r="394658" spans="14:14">
      <c r="N394658" s="10"/>
    </row>
    <row r="394659" spans="14:14">
      <c r="N394659" s="10"/>
    </row>
    <row r="394660" spans="14:14">
      <c r="N394660" s="10"/>
    </row>
    <row r="394661" spans="14:14">
      <c r="N394661" s="10"/>
    </row>
    <row r="394662" spans="14:14">
      <c r="N394662" s="10"/>
    </row>
    <row r="394663" spans="14:14">
      <c r="N394663" s="10"/>
    </row>
    <row r="394664" spans="14:14">
      <c r="N394664" s="10"/>
    </row>
    <row r="394665" spans="14:14">
      <c r="N394665" s="10"/>
    </row>
    <row r="394666" spans="14:14">
      <c r="N394666" s="10"/>
    </row>
    <row r="394667" spans="14:14">
      <c r="N394667" s="10"/>
    </row>
    <row r="394668" spans="14:14">
      <c r="N394668" s="10"/>
    </row>
    <row r="394669" spans="14:14">
      <c r="N394669" s="10"/>
    </row>
    <row r="394670" spans="14:14">
      <c r="N394670" s="10"/>
    </row>
    <row r="394671" spans="14:14">
      <c r="N394671" s="10"/>
    </row>
    <row r="394672" spans="14:14">
      <c r="N394672" s="10"/>
    </row>
    <row r="394673" spans="14:14">
      <c r="N394673" s="10"/>
    </row>
    <row r="394674" spans="14:14">
      <c r="N394674" s="10"/>
    </row>
    <row r="394675" spans="14:14">
      <c r="N394675" s="10"/>
    </row>
    <row r="394676" spans="14:14">
      <c r="N394676" s="10"/>
    </row>
    <row r="394677" spans="14:14">
      <c r="N394677" s="10"/>
    </row>
    <row r="394678" spans="14:14">
      <c r="N394678" s="10"/>
    </row>
    <row r="394679" spans="14:14">
      <c r="N394679" s="10"/>
    </row>
    <row r="394680" spans="14:14">
      <c r="N394680" s="10"/>
    </row>
    <row r="394681" spans="14:14">
      <c r="N394681" s="10"/>
    </row>
    <row r="394682" spans="14:14">
      <c r="N394682" s="10"/>
    </row>
    <row r="394683" spans="14:14">
      <c r="N394683" s="10"/>
    </row>
    <row r="394684" spans="14:14">
      <c r="N394684" s="10"/>
    </row>
    <row r="394685" spans="14:14">
      <c r="N394685" s="10"/>
    </row>
    <row r="394686" spans="14:14">
      <c r="N394686" s="10"/>
    </row>
    <row r="394687" spans="14:14">
      <c r="N394687" s="10"/>
    </row>
    <row r="394688" spans="14:14">
      <c r="N394688" s="10"/>
    </row>
    <row r="394689" spans="14:14">
      <c r="N394689" s="10"/>
    </row>
    <row r="394690" spans="14:14">
      <c r="N394690" s="10"/>
    </row>
    <row r="394691" spans="14:14">
      <c r="N394691" s="10"/>
    </row>
    <row r="394692" spans="14:14">
      <c r="N394692" s="10"/>
    </row>
    <row r="394693" spans="14:14">
      <c r="N394693" s="10"/>
    </row>
    <row r="394694" spans="14:14">
      <c r="N394694" s="10"/>
    </row>
    <row r="394695" spans="14:14">
      <c r="N394695" s="10"/>
    </row>
    <row r="394696" spans="14:14">
      <c r="N394696" s="10"/>
    </row>
    <row r="394697" spans="14:14">
      <c r="N394697" s="10"/>
    </row>
    <row r="394698" spans="14:14">
      <c r="N394698" s="10"/>
    </row>
    <row r="394699" spans="14:14">
      <c r="N394699" s="10"/>
    </row>
    <row r="394700" spans="14:14">
      <c r="N394700" s="10"/>
    </row>
    <row r="394701" spans="14:14">
      <c r="N394701" s="10"/>
    </row>
    <row r="394702" spans="14:14">
      <c r="N394702" s="10"/>
    </row>
    <row r="394703" spans="14:14">
      <c r="N394703" s="10"/>
    </row>
    <row r="394704" spans="14:14">
      <c r="N394704" s="10"/>
    </row>
    <row r="394705" spans="14:14">
      <c r="N394705" s="10"/>
    </row>
    <row r="394706" spans="14:14">
      <c r="N394706" s="10"/>
    </row>
    <row r="394707" spans="14:14">
      <c r="N394707" s="10"/>
    </row>
    <row r="394708" spans="14:14">
      <c r="N394708" s="10"/>
    </row>
    <row r="394709" spans="14:14">
      <c r="N394709" s="10"/>
    </row>
    <row r="394710" spans="14:14">
      <c r="N394710" s="10"/>
    </row>
    <row r="394711" spans="14:14">
      <c r="N394711" s="10"/>
    </row>
    <row r="394712" spans="14:14">
      <c r="N394712" s="10"/>
    </row>
    <row r="394713" spans="14:14">
      <c r="N394713" s="10"/>
    </row>
    <row r="394714" spans="14:14">
      <c r="N394714" s="10"/>
    </row>
    <row r="394715" spans="14:14">
      <c r="N394715" s="10"/>
    </row>
    <row r="394716" spans="14:14">
      <c r="N394716" s="10"/>
    </row>
    <row r="394717" spans="14:14">
      <c r="N394717" s="10"/>
    </row>
    <row r="394718" spans="14:14">
      <c r="N394718" s="10"/>
    </row>
    <row r="394719" spans="14:14">
      <c r="N394719" s="10"/>
    </row>
    <row r="394720" spans="14:14">
      <c r="N394720" s="10"/>
    </row>
    <row r="394721" spans="14:14">
      <c r="N394721" s="10"/>
    </row>
    <row r="394722" spans="14:14">
      <c r="N394722" s="10"/>
    </row>
    <row r="394723" spans="14:14">
      <c r="N394723" s="10"/>
    </row>
    <row r="394724" spans="14:14">
      <c r="N394724" s="10"/>
    </row>
    <row r="394725" spans="14:14">
      <c r="N394725" s="10"/>
    </row>
    <row r="394726" spans="14:14">
      <c r="N394726" s="10"/>
    </row>
    <row r="394727" spans="14:14">
      <c r="N394727" s="10"/>
    </row>
    <row r="394728" spans="14:14">
      <c r="N394728" s="10"/>
    </row>
    <row r="394729" spans="14:14">
      <c r="N394729" s="10"/>
    </row>
    <row r="394730" spans="14:14">
      <c r="N394730" s="10"/>
    </row>
    <row r="394731" spans="14:14">
      <c r="N394731" s="10"/>
    </row>
    <row r="394732" spans="14:14">
      <c r="N394732" s="10"/>
    </row>
    <row r="394733" spans="14:14">
      <c r="N394733" s="10"/>
    </row>
    <row r="394734" spans="14:14">
      <c r="N394734" s="10"/>
    </row>
    <row r="394735" spans="14:14">
      <c r="N394735" s="10"/>
    </row>
    <row r="394736" spans="14:14">
      <c r="N394736" s="10"/>
    </row>
    <row r="394737" spans="14:14">
      <c r="N394737" s="10"/>
    </row>
    <row r="394738" spans="14:14">
      <c r="N394738" s="10"/>
    </row>
    <row r="394739" spans="14:14">
      <c r="N394739" s="10"/>
    </row>
    <row r="394740" spans="14:14">
      <c r="N394740" s="10"/>
    </row>
    <row r="394741" spans="14:14">
      <c r="N394741" s="10"/>
    </row>
    <row r="394742" spans="14:14">
      <c r="N394742" s="10"/>
    </row>
    <row r="394743" spans="14:14">
      <c r="N394743" s="10"/>
    </row>
    <row r="394744" spans="14:14">
      <c r="N394744" s="10"/>
    </row>
    <row r="394745" spans="14:14">
      <c r="N394745" s="10"/>
    </row>
    <row r="394746" spans="14:14">
      <c r="N394746" s="10"/>
    </row>
    <row r="394747" spans="14:14">
      <c r="N394747" s="10"/>
    </row>
    <row r="394748" spans="14:14">
      <c r="N394748" s="10"/>
    </row>
    <row r="394749" spans="14:14">
      <c r="N394749" s="10"/>
    </row>
    <row r="394750" spans="14:14">
      <c r="N394750" s="10"/>
    </row>
    <row r="394751" spans="14:14">
      <c r="N394751" s="10"/>
    </row>
    <row r="394752" spans="14:14">
      <c r="N394752" s="10"/>
    </row>
    <row r="394753" spans="14:14">
      <c r="N394753" s="10"/>
    </row>
    <row r="394754" spans="14:14">
      <c r="N394754" s="10"/>
    </row>
    <row r="394755" spans="14:14">
      <c r="N394755" s="10"/>
    </row>
    <row r="394756" spans="14:14">
      <c r="N394756" s="10"/>
    </row>
    <row r="394757" spans="14:14">
      <c r="N394757" s="10"/>
    </row>
    <row r="394758" spans="14:14">
      <c r="N394758" s="10"/>
    </row>
    <row r="394759" spans="14:14">
      <c r="N394759" s="10"/>
    </row>
    <row r="394760" spans="14:14">
      <c r="N394760" s="10"/>
    </row>
    <row r="394761" spans="14:14">
      <c r="N394761" s="10"/>
    </row>
    <row r="394762" spans="14:14">
      <c r="N394762" s="10"/>
    </row>
    <row r="394763" spans="14:14">
      <c r="N394763" s="10"/>
    </row>
    <row r="394764" spans="14:14">
      <c r="N394764" s="10"/>
    </row>
    <row r="394765" spans="14:14">
      <c r="N394765" s="10"/>
    </row>
    <row r="394766" spans="14:14">
      <c r="N394766" s="10"/>
    </row>
    <row r="394767" spans="14:14">
      <c r="N394767" s="10"/>
    </row>
    <row r="394768" spans="14:14">
      <c r="N394768" s="10"/>
    </row>
    <row r="394769" spans="14:14">
      <c r="N394769" s="10"/>
    </row>
    <row r="394770" spans="14:14">
      <c r="N394770" s="10"/>
    </row>
    <row r="394771" spans="14:14">
      <c r="N394771" s="10"/>
    </row>
    <row r="394772" spans="14:14">
      <c r="N394772" s="10"/>
    </row>
    <row r="394773" spans="14:14">
      <c r="N394773" s="10"/>
    </row>
    <row r="394774" spans="14:14">
      <c r="N394774" s="10"/>
    </row>
    <row r="394775" spans="14:14">
      <c r="N394775" s="10"/>
    </row>
    <row r="394776" spans="14:14">
      <c r="N394776" s="10"/>
    </row>
    <row r="394777" spans="14:14">
      <c r="N394777" s="10"/>
    </row>
    <row r="394778" spans="14:14">
      <c r="N394778" s="10"/>
    </row>
    <row r="394779" spans="14:14">
      <c r="N394779" s="10"/>
    </row>
    <row r="394780" spans="14:14">
      <c r="N394780" s="10"/>
    </row>
    <row r="394781" spans="14:14">
      <c r="N394781" s="10"/>
    </row>
    <row r="394782" spans="14:14">
      <c r="N394782" s="10"/>
    </row>
    <row r="394783" spans="14:14">
      <c r="N394783" s="10"/>
    </row>
    <row r="394784" spans="14:14">
      <c r="N394784" s="10"/>
    </row>
    <row r="394785" spans="14:14">
      <c r="N394785" s="10"/>
    </row>
    <row r="394786" spans="14:14">
      <c r="N394786" s="10"/>
    </row>
    <row r="394787" spans="14:14">
      <c r="N394787" s="10"/>
    </row>
    <row r="394788" spans="14:14">
      <c r="N394788" s="10"/>
    </row>
    <row r="394789" spans="14:14">
      <c r="N394789" s="10"/>
    </row>
    <row r="394790" spans="14:14">
      <c r="N394790" s="10"/>
    </row>
    <row r="394791" spans="14:14">
      <c r="N394791" s="10"/>
    </row>
    <row r="394792" spans="14:14">
      <c r="N394792" s="10"/>
    </row>
    <row r="394793" spans="14:14">
      <c r="N394793" s="10"/>
    </row>
    <row r="394794" spans="14:14">
      <c r="N394794" s="10"/>
    </row>
    <row r="394795" spans="14:14">
      <c r="N394795" s="10"/>
    </row>
    <row r="394796" spans="14:14">
      <c r="N394796" s="10"/>
    </row>
    <row r="394797" spans="14:14">
      <c r="N394797" s="10"/>
    </row>
    <row r="394798" spans="14:14">
      <c r="N394798" s="10"/>
    </row>
    <row r="394799" spans="14:14">
      <c r="N394799" s="10"/>
    </row>
    <row r="394800" spans="14:14">
      <c r="N394800" s="10"/>
    </row>
    <row r="394801" spans="14:14">
      <c r="N394801" s="10"/>
    </row>
    <row r="394802" spans="14:14">
      <c r="N394802" s="10"/>
    </row>
    <row r="394803" spans="14:14">
      <c r="N394803" s="10"/>
    </row>
    <row r="394804" spans="14:14">
      <c r="N394804" s="10"/>
    </row>
    <row r="394805" spans="14:14">
      <c r="N394805" s="10"/>
    </row>
    <row r="394806" spans="14:14">
      <c r="N394806" s="10"/>
    </row>
    <row r="394807" spans="14:14">
      <c r="N394807" s="10"/>
    </row>
    <row r="394808" spans="14:14">
      <c r="N394808" s="10"/>
    </row>
    <row r="394809" spans="14:14">
      <c r="N394809" s="10"/>
    </row>
    <row r="394810" spans="14:14">
      <c r="N394810" s="10"/>
    </row>
    <row r="394811" spans="14:14">
      <c r="N394811" s="10"/>
    </row>
    <row r="394812" spans="14:14">
      <c r="N394812" s="10"/>
    </row>
    <row r="394813" spans="14:14">
      <c r="N394813" s="10"/>
    </row>
    <row r="394814" spans="14:14">
      <c r="N394814" s="10"/>
    </row>
    <row r="394815" spans="14:14">
      <c r="N394815" s="10"/>
    </row>
    <row r="394816" spans="14:14">
      <c r="N394816" s="10"/>
    </row>
    <row r="394817" spans="14:14">
      <c r="N394817" s="10"/>
    </row>
    <row r="394818" spans="14:14">
      <c r="N394818" s="10"/>
    </row>
    <row r="394819" spans="14:14">
      <c r="N394819" s="10"/>
    </row>
    <row r="394820" spans="14:14">
      <c r="N394820" s="10"/>
    </row>
    <row r="394821" spans="14:14">
      <c r="N394821" s="10"/>
    </row>
    <row r="394822" spans="14:14">
      <c r="N394822" s="10"/>
    </row>
    <row r="394823" spans="14:14">
      <c r="N394823" s="10"/>
    </row>
    <row r="394824" spans="14:14">
      <c r="N394824" s="10"/>
    </row>
    <row r="394825" spans="14:14">
      <c r="N394825" s="10"/>
    </row>
    <row r="394826" spans="14:14">
      <c r="N394826" s="10"/>
    </row>
    <row r="394827" spans="14:14">
      <c r="N394827" s="10"/>
    </row>
    <row r="394828" spans="14:14">
      <c r="N394828" s="10"/>
    </row>
    <row r="394829" spans="14:14">
      <c r="N394829" s="10"/>
    </row>
    <row r="394830" spans="14:14">
      <c r="N394830" s="10"/>
    </row>
    <row r="394831" spans="14:14">
      <c r="N394831" s="10"/>
    </row>
    <row r="394832" spans="14:14">
      <c r="N394832" s="10"/>
    </row>
    <row r="394833" spans="14:14">
      <c r="N394833" s="10"/>
    </row>
    <row r="394834" spans="14:14">
      <c r="N394834" s="10"/>
    </row>
    <row r="394835" spans="14:14">
      <c r="N394835" s="10"/>
    </row>
    <row r="394836" spans="14:14">
      <c r="N394836" s="10"/>
    </row>
    <row r="394837" spans="14:14">
      <c r="N394837" s="10"/>
    </row>
    <row r="394838" spans="14:14">
      <c r="N394838" s="10"/>
    </row>
    <row r="394839" spans="14:14">
      <c r="N394839" s="10"/>
    </row>
    <row r="394840" spans="14:14">
      <c r="N394840" s="10"/>
    </row>
    <row r="394841" spans="14:14">
      <c r="N394841" s="10"/>
    </row>
    <row r="394842" spans="14:14">
      <c r="N394842" s="10"/>
    </row>
    <row r="394843" spans="14:14">
      <c r="N394843" s="10"/>
    </row>
    <row r="394844" spans="14:14">
      <c r="N394844" s="10"/>
    </row>
    <row r="394845" spans="14:14">
      <c r="N394845" s="10"/>
    </row>
    <row r="394846" spans="14:14">
      <c r="N394846" s="10"/>
    </row>
    <row r="394847" spans="14:14">
      <c r="N394847" s="10"/>
    </row>
    <row r="394848" spans="14:14">
      <c r="N394848" s="10"/>
    </row>
    <row r="394849" spans="14:14">
      <c r="N394849" s="10"/>
    </row>
    <row r="394850" spans="14:14">
      <c r="N394850" s="10"/>
    </row>
    <row r="394851" spans="14:14">
      <c r="N394851" s="10"/>
    </row>
    <row r="394852" spans="14:14">
      <c r="N394852" s="10"/>
    </row>
    <row r="394853" spans="14:14">
      <c r="N394853" s="10"/>
    </row>
    <row r="394854" spans="14:14">
      <c r="N394854" s="10"/>
    </row>
    <row r="394855" spans="14:14">
      <c r="N394855" s="10"/>
    </row>
    <row r="394856" spans="14:14">
      <c r="N394856" s="10"/>
    </row>
    <row r="394857" spans="14:14">
      <c r="N394857" s="10"/>
    </row>
    <row r="394858" spans="14:14">
      <c r="N394858" s="10"/>
    </row>
    <row r="394859" spans="14:14">
      <c r="N394859" s="10"/>
    </row>
    <row r="394860" spans="14:14">
      <c r="N394860" s="10"/>
    </row>
    <row r="394861" spans="14:14">
      <c r="N394861" s="10"/>
    </row>
    <row r="394862" spans="14:14">
      <c r="N394862" s="10"/>
    </row>
    <row r="394863" spans="14:14">
      <c r="N394863" s="10"/>
    </row>
    <row r="394864" spans="14:14">
      <c r="N394864" s="10"/>
    </row>
    <row r="394865" spans="14:14">
      <c r="N394865" s="10"/>
    </row>
    <row r="394866" spans="14:14">
      <c r="N394866" s="10"/>
    </row>
    <row r="394867" spans="14:14">
      <c r="N394867" s="10"/>
    </row>
    <row r="394868" spans="14:14">
      <c r="N394868" s="10"/>
    </row>
    <row r="394869" spans="14:14">
      <c r="N394869" s="10"/>
    </row>
    <row r="394870" spans="14:14">
      <c r="N394870" s="10"/>
    </row>
    <row r="394871" spans="14:14">
      <c r="N394871" s="10"/>
    </row>
    <row r="394872" spans="14:14">
      <c r="N394872" s="10"/>
    </row>
    <row r="394873" spans="14:14">
      <c r="N394873" s="10"/>
    </row>
    <row r="394874" spans="14:14">
      <c r="N394874" s="10"/>
    </row>
    <row r="394875" spans="14:14">
      <c r="N394875" s="10"/>
    </row>
    <row r="394876" spans="14:14">
      <c r="N394876" s="10"/>
    </row>
    <row r="394877" spans="14:14">
      <c r="N394877" s="10"/>
    </row>
    <row r="394878" spans="14:14">
      <c r="N394878" s="10"/>
    </row>
    <row r="394879" spans="14:14">
      <c r="N394879" s="10"/>
    </row>
    <row r="394880" spans="14:14">
      <c r="N394880" s="10"/>
    </row>
    <row r="394881" spans="14:14">
      <c r="N394881" s="10"/>
    </row>
    <row r="394882" spans="14:14">
      <c r="N394882" s="10"/>
    </row>
    <row r="394883" spans="14:14">
      <c r="N394883" s="10"/>
    </row>
    <row r="394884" spans="14:14">
      <c r="N394884" s="10"/>
    </row>
    <row r="394885" spans="14:14">
      <c r="N394885" s="10"/>
    </row>
    <row r="394886" spans="14:14">
      <c r="N394886" s="10"/>
    </row>
    <row r="394887" spans="14:14">
      <c r="N394887" s="10"/>
    </row>
    <row r="394888" spans="14:14">
      <c r="N394888" s="10"/>
    </row>
    <row r="394889" spans="14:14">
      <c r="N394889" s="10"/>
    </row>
    <row r="394890" spans="14:14">
      <c r="N394890" s="10"/>
    </row>
    <row r="394891" spans="14:14">
      <c r="N394891" s="10"/>
    </row>
    <row r="394892" spans="14:14">
      <c r="N394892" s="10"/>
    </row>
    <row r="394893" spans="14:14">
      <c r="N394893" s="10"/>
    </row>
    <row r="394894" spans="14:14">
      <c r="N394894" s="10"/>
    </row>
    <row r="394895" spans="14:14">
      <c r="N394895" s="10"/>
    </row>
    <row r="394896" spans="14:14">
      <c r="N394896" s="10"/>
    </row>
    <row r="394897" spans="14:14">
      <c r="N394897" s="10"/>
    </row>
    <row r="394898" spans="14:14">
      <c r="N394898" s="10"/>
    </row>
    <row r="394899" spans="14:14">
      <c r="N394899" s="10"/>
    </row>
    <row r="394900" spans="14:14">
      <c r="N394900" s="10"/>
    </row>
    <row r="394901" spans="14:14">
      <c r="N394901" s="10"/>
    </row>
    <row r="394902" spans="14:14">
      <c r="N394902" s="10"/>
    </row>
    <row r="394903" spans="14:14">
      <c r="N394903" s="10"/>
    </row>
    <row r="394904" spans="14:14">
      <c r="N394904" s="10"/>
    </row>
    <row r="394905" spans="14:14">
      <c r="N394905" s="10"/>
    </row>
    <row r="394906" spans="14:14">
      <c r="N394906" s="10"/>
    </row>
    <row r="394907" spans="14:14">
      <c r="N394907" s="10"/>
    </row>
    <row r="394908" spans="14:14">
      <c r="N394908" s="10"/>
    </row>
    <row r="394909" spans="14:14">
      <c r="N394909" s="10"/>
    </row>
    <row r="394910" spans="14:14">
      <c r="N394910" s="10"/>
    </row>
    <row r="394911" spans="14:14">
      <c r="N394911" s="10"/>
    </row>
    <row r="394912" spans="14:14">
      <c r="N394912" s="10"/>
    </row>
    <row r="394913" spans="14:14">
      <c r="N394913" s="10"/>
    </row>
    <row r="394914" spans="14:14">
      <c r="N394914" s="10"/>
    </row>
    <row r="394915" spans="14:14">
      <c r="N394915" s="10"/>
    </row>
    <row r="394916" spans="14:14">
      <c r="N394916" s="10"/>
    </row>
    <row r="394917" spans="14:14">
      <c r="N394917" s="10"/>
    </row>
    <row r="394918" spans="14:14">
      <c r="N394918" s="10"/>
    </row>
    <row r="394919" spans="14:14">
      <c r="N394919" s="10"/>
    </row>
    <row r="394920" spans="14:14">
      <c r="N394920" s="10"/>
    </row>
    <row r="394921" spans="14:14">
      <c r="N394921" s="10"/>
    </row>
    <row r="394922" spans="14:14">
      <c r="N394922" s="10"/>
    </row>
    <row r="394923" spans="14:14">
      <c r="N394923" s="10"/>
    </row>
    <row r="394924" spans="14:14">
      <c r="N394924" s="10"/>
    </row>
    <row r="394925" spans="14:14">
      <c r="N394925" s="10"/>
    </row>
    <row r="394926" spans="14:14">
      <c r="N394926" s="10"/>
    </row>
    <row r="394927" spans="14:14">
      <c r="N394927" s="10"/>
    </row>
    <row r="394928" spans="14:14">
      <c r="N394928" s="10"/>
    </row>
    <row r="394929" spans="14:14">
      <c r="N394929" s="10"/>
    </row>
    <row r="394930" spans="14:14">
      <c r="N394930" s="10"/>
    </row>
    <row r="394931" spans="14:14">
      <c r="N394931" s="10"/>
    </row>
    <row r="394932" spans="14:14">
      <c r="N394932" s="10"/>
    </row>
    <row r="394933" spans="14:14">
      <c r="N394933" s="10"/>
    </row>
    <row r="394934" spans="14:14">
      <c r="N394934" s="10"/>
    </row>
    <row r="394935" spans="14:14">
      <c r="N394935" s="10"/>
    </row>
    <row r="394936" spans="14:14">
      <c r="N394936" s="10"/>
    </row>
    <row r="394937" spans="14:14">
      <c r="N394937" s="10"/>
    </row>
    <row r="394938" spans="14:14">
      <c r="N394938" s="10"/>
    </row>
    <row r="394939" spans="14:14">
      <c r="N394939" s="10"/>
    </row>
    <row r="394940" spans="14:14">
      <c r="N394940" s="10"/>
    </row>
    <row r="394941" spans="14:14">
      <c r="N394941" s="10"/>
    </row>
    <row r="394942" spans="14:14">
      <c r="N394942" s="10"/>
    </row>
    <row r="394943" spans="14:14">
      <c r="N394943" s="10"/>
    </row>
    <row r="394944" spans="14:14">
      <c r="N394944" s="10"/>
    </row>
    <row r="394945" spans="14:14">
      <c r="N394945" s="10"/>
    </row>
    <row r="394946" spans="14:14">
      <c r="N394946" s="10"/>
    </row>
    <row r="394947" spans="14:14">
      <c r="N394947" s="10"/>
    </row>
    <row r="394948" spans="14:14">
      <c r="N394948" s="10"/>
    </row>
    <row r="394949" spans="14:14">
      <c r="N394949" s="10"/>
    </row>
    <row r="394950" spans="14:14">
      <c r="N394950" s="10"/>
    </row>
    <row r="394951" spans="14:14">
      <c r="N394951" s="10"/>
    </row>
    <row r="394952" spans="14:14">
      <c r="N394952" s="10"/>
    </row>
    <row r="394953" spans="14:14">
      <c r="N394953" s="10"/>
    </row>
    <row r="394954" spans="14:14">
      <c r="N394954" s="10"/>
    </row>
    <row r="394955" spans="14:14">
      <c r="N394955" s="10"/>
    </row>
    <row r="394956" spans="14:14">
      <c r="N394956" s="10"/>
    </row>
    <row r="394957" spans="14:14">
      <c r="N394957" s="10"/>
    </row>
    <row r="394958" spans="14:14">
      <c r="N394958" s="10"/>
    </row>
    <row r="394959" spans="14:14">
      <c r="N394959" s="10"/>
    </row>
    <row r="394960" spans="14:14">
      <c r="N394960" s="10"/>
    </row>
    <row r="394961" spans="14:14">
      <c r="N394961" s="10"/>
    </row>
    <row r="394962" spans="14:14">
      <c r="N394962" s="10"/>
    </row>
    <row r="394963" spans="14:14">
      <c r="N394963" s="10"/>
    </row>
    <row r="394964" spans="14:14">
      <c r="N394964" s="10"/>
    </row>
    <row r="394965" spans="14:14">
      <c r="N394965" s="10"/>
    </row>
    <row r="394966" spans="14:14">
      <c r="N394966" s="10"/>
    </row>
    <row r="394967" spans="14:14">
      <c r="N394967" s="10"/>
    </row>
    <row r="394968" spans="14:14">
      <c r="N394968" s="10"/>
    </row>
    <row r="394969" spans="14:14">
      <c r="N394969" s="10"/>
    </row>
    <row r="394970" spans="14:14">
      <c r="N394970" s="10"/>
    </row>
    <row r="394971" spans="14:14">
      <c r="N394971" s="10"/>
    </row>
    <row r="394972" spans="14:14">
      <c r="N394972" s="10"/>
    </row>
    <row r="394973" spans="14:14">
      <c r="N394973" s="10"/>
    </row>
    <row r="394974" spans="14:14">
      <c r="N394974" s="10"/>
    </row>
    <row r="394975" spans="14:14">
      <c r="N394975" s="10"/>
    </row>
    <row r="394976" spans="14:14">
      <c r="N394976" s="10"/>
    </row>
    <row r="394977" spans="14:14">
      <c r="N394977" s="10"/>
    </row>
    <row r="394978" spans="14:14">
      <c r="N394978" s="10"/>
    </row>
    <row r="394979" spans="14:14">
      <c r="N394979" s="10"/>
    </row>
    <row r="394980" spans="14:14">
      <c r="N394980" s="10"/>
    </row>
    <row r="394981" spans="14:14">
      <c r="N394981" s="10"/>
    </row>
    <row r="394982" spans="14:14">
      <c r="N394982" s="10"/>
    </row>
    <row r="394983" spans="14:14">
      <c r="N394983" s="10"/>
    </row>
    <row r="394984" spans="14:14">
      <c r="N394984" s="10"/>
    </row>
    <row r="394985" spans="14:14">
      <c r="N394985" s="10"/>
    </row>
    <row r="394986" spans="14:14">
      <c r="N394986" s="10"/>
    </row>
    <row r="394987" spans="14:14">
      <c r="N394987" s="10"/>
    </row>
    <row r="394988" spans="14:14">
      <c r="N394988" s="10"/>
    </row>
    <row r="394989" spans="14:14">
      <c r="N394989" s="10"/>
    </row>
    <row r="394990" spans="14:14">
      <c r="N394990" s="10"/>
    </row>
    <row r="394991" spans="14:14">
      <c r="N394991" s="10"/>
    </row>
    <row r="394992" spans="14:14">
      <c r="N394992" s="10"/>
    </row>
    <row r="394993" spans="14:14">
      <c r="N394993" s="10"/>
    </row>
    <row r="394994" spans="14:14">
      <c r="N394994" s="10"/>
    </row>
    <row r="394995" spans="14:14">
      <c r="N394995" s="10"/>
    </row>
    <row r="394996" spans="14:14">
      <c r="N394996" s="10"/>
    </row>
    <row r="394997" spans="14:14">
      <c r="N394997" s="10"/>
    </row>
    <row r="394998" spans="14:14">
      <c r="N394998" s="10"/>
    </row>
    <row r="394999" spans="14:14">
      <c r="N394999" s="10"/>
    </row>
    <row r="395000" spans="14:14">
      <c r="N395000" s="10"/>
    </row>
    <row r="395001" spans="14:14">
      <c r="N395001" s="10"/>
    </row>
    <row r="395002" spans="14:14">
      <c r="N395002" s="10"/>
    </row>
    <row r="395003" spans="14:14">
      <c r="N395003" s="10"/>
    </row>
    <row r="395004" spans="14:14">
      <c r="N395004" s="10"/>
    </row>
    <row r="395005" spans="14:14">
      <c r="N395005" s="10"/>
    </row>
    <row r="395006" spans="14:14">
      <c r="N395006" s="10"/>
    </row>
    <row r="395007" spans="14:14">
      <c r="N395007" s="10"/>
    </row>
    <row r="395008" spans="14:14">
      <c r="N395008" s="10"/>
    </row>
    <row r="395009" spans="14:14">
      <c r="N395009" s="10"/>
    </row>
    <row r="395010" spans="14:14">
      <c r="N395010" s="10"/>
    </row>
    <row r="395011" spans="14:14">
      <c r="N395011" s="10"/>
    </row>
    <row r="395012" spans="14:14">
      <c r="N395012" s="10"/>
    </row>
    <row r="395013" spans="14:14">
      <c r="N395013" s="10"/>
    </row>
    <row r="395014" spans="14:14">
      <c r="N395014" s="10"/>
    </row>
    <row r="395015" spans="14:14">
      <c r="N395015" s="10"/>
    </row>
    <row r="395016" spans="14:14">
      <c r="N395016" s="10"/>
    </row>
    <row r="395017" spans="14:14">
      <c r="N395017" s="10"/>
    </row>
    <row r="395018" spans="14:14">
      <c r="N395018" s="10"/>
    </row>
    <row r="395019" spans="14:14">
      <c r="N395019" s="10"/>
    </row>
    <row r="395020" spans="14:14">
      <c r="N395020" s="10"/>
    </row>
    <row r="395021" spans="14:14">
      <c r="N395021" s="10"/>
    </row>
    <row r="395022" spans="14:14">
      <c r="N395022" s="10"/>
    </row>
    <row r="395023" spans="14:14">
      <c r="N395023" s="10"/>
    </row>
    <row r="395024" spans="14:14">
      <c r="N395024" s="10"/>
    </row>
    <row r="395025" spans="14:14">
      <c r="N395025" s="10"/>
    </row>
    <row r="395026" spans="14:14">
      <c r="N395026" s="10"/>
    </row>
    <row r="395027" spans="14:14">
      <c r="N395027" s="10"/>
    </row>
    <row r="395028" spans="14:14">
      <c r="N395028" s="10"/>
    </row>
    <row r="395029" spans="14:14">
      <c r="N395029" s="10"/>
    </row>
    <row r="395030" spans="14:14">
      <c r="N395030" s="10"/>
    </row>
    <row r="395031" spans="14:14">
      <c r="N395031" s="10"/>
    </row>
    <row r="395032" spans="14:14">
      <c r="N395032" s="10"/>
    </row>
    <row r="395033" spans="14:14">
      <c r="N395033" s="10"/>
    </row>
    <row r="395034" spans="14:14">
      <c r="N395034" s="10"/>
    </row>
    <row r="395035" spans="14:14">
      <c r="N395035" s="10"/>
    </row>
    <row r="395036" spans="14:14">
      <c r="N395036" s="10"/>
    </row>
    <row r="395037" spans="14:14">
      <c r="N395037" s="10"/>
    </row>
    <row r="395038" spans="14:14">
      <c r="N395038" s="10"/>
    </row>
    <row r="395039" spans="14:14">
      <c r="N395039" s="10"/>
    </row>
    <row r="395040" spans="14:14">
      <c r="N395040" s="10"/>
    </row>
    <row r="395041" spans="14:14">
      <c r="N395041" s="10"/>
    </row>
    <row r="395042" spans="14:14">
      <c r="N395042" s="10"/>
    </row>
    <row r="395043" spans="14:14">
      <c r="N395043" s="10"/>
    </row>
    <row r="395044" spans="14:14">
      <c r="N395044" s="10"/>
    </row>
    <row r="395045" spans="14:14">
      <c r="N395045" s="10"/>
    </row>
    <row r="395046" spans="14:14">
      <c r="N395046" s="10"/>
    </row>
    <row r="395047" spans="14:14">
      <c r="N395047" s="10"/>
    </row>
    <row r="395048" spans="14:14">
      <c r="N395048" s="10"/>
    </row>
    <row r="395049" spans="14:14">
      <c r="N395049" s="10"/>
    </row>
    <row r="395050" spans="14:14">
      <c r="N395050" s="10"/>
    </row>
    <row r="395051" spans="14:14">
      <c r="N395051" s="10"/>
    </row>
    <row r="395052" spans="14:14">
      <c r="N395052" s="10"/>
    </row>
    <row r="395053" spans="14:14">
      <c r="N395053" s="10"/>
    </row>
    <row r="395054" spans="14:14">
      <c r="N395054" s="10"/>
    </row>
    <row r="395055" spans="14:14">
      <c r="N395055" s="10"/>
    </row>
    <row r="395056" spans="14:14">
      <c r="N395056" s="10"/>
    </row>
    <row r="395057" spans="14:14">
      <c r="N395057" s="10"/>
    </row>
    <row r="395058" spans="14:14">
      <c r="N395058" s="10"/>
    </row>
    <row r="395059" spans="14:14">
      <c r="N395059" s="10"/>
    </row>
    <row r="395060" spans="14:14">
      <c r="N395060" s="10"/>
    </row>
    <row r="395061" spans="14:14">
      <c r="N395061" s="10"/>
    </row>
    <row r="395062" spans="14:14">
      <c r="N395062" s="10"/>
    </row>
    <row r="395063" spans="14:14">
      <c r="N395063" s="10"/>
    </row>
    <row r="395064" spans="14:14">
      <c r="N395064" s="10"/>
    </row>
    <row r="395065" spans="14:14">
      <c r="N395065" s="10"/>
    </row>
    <row r="395066" spans="14:14">
      <c r="N395066" s="10"/>
    </row>
    <row r="395067" spans="14:14">
      <c r="N395067" s="10"/>
    </row>
    <row r="395068" spans="14:14">
      <c r="N395068" s="10"/>
    </row>
    <row r="395069" spans="14:14">
      <c r="N395069" s="10"/>
    </row>
    <row r="395070" spans="14:14">
      <c r="N395070" s="10"/>
    </row>
    <row r="395071" spans="14:14">
      <c r="N395071" s="10"/>
    </row>
    <row r="395072" spans="14:14">
      <c r="N395072" s="10"/>
    </row>
    <row r="395073" spans="14:14">
      <c r="N395073" s="10"/>
    </row>
    <row r="395074" spans="14:14">
      <c r="N395074" s="10"/>
    </row>
    <row r="395075" spans="14:14">
      <c r="N395075" s="10"/>
    </row>
    <row r="395076" spans="14:14">
      <c r="N395076" s="10"/>
    </row>
    <row r="395077" spans="14:14">
      <c r="N395077" s="10"/>
    </row>
    <row r="395078" spans="14:14">
      <c r="N395078" s="10"/>
    </row>
    <row r="395079" spans="14:14">
      <c r="N395079" s="10"/>
    </row>
    <row r="395080" spans="14:14">
      <c r="N395080" s="10"/>
    </row>
    <row r="395081" spans="14:14">
      <c r="N395081" s="10"/>
    </row>
    <row r="395082" spans="14:14">
      <c r="N395082" s="10"/>
    </row>
    <row r="395083" spans="14:14">
      <c r="N395083" s="10"/>
    </row>
    <row r="395084" spans="14:14">
      <c r="N395084" s="10"/>
    </row>
    <row r="395085" spans="14:14">
      <c r="N395085" s="10"/>
    </row>
    <row r="395086" spans="14:14">
      <c r="N395086" s="10"/>
    </row>
    <row r="395087" spans="14:14">
      <c r="N395087" s="10"/>
    </row>
    <row r="395088" spans="14:14">
      <c r="N395088" s="10"/>
    </row>
    <row r="395089" spans="14:14">
      <c r="N395089" s="10"/>
    </row>
    <row r="395090" spans="14:14">
      <c r="N395090" s="10"/>
    </row>
    <row r="395091" spans="14:14">
      <c r="N395091" s="10"/>
    </row>
    <row r="395092" spans="14:14">
      <c r="N395092" s="10"/>
    </row>
    <row r="395093" spans="14:14">
      <c r="N395093" s="10"/>
    </row>
    <row r="395094" spans="14:14">
      <c r="N395094" s="10"/>
    </row>
    <row r="395095" spans="14:14">
      <c r="N395095" s="10"/>
    </row>
    <row r="395096" spans="14:14">
      <c r="N395096" s="10"/>
    </row>
    <row r="395097" spans="14:14">
      <c r="N395097" s="10"/>
    </row>
    <row r="395098" spans="14:14">
      <c r="N395098" s="10"/>
    </row>
    <row r="395099" spans="14:14">
      <c r="N395099" s="10"/>
    </row>
    <row r="395100" spans="14:14">
      <c r="N395100" s="10"/>
    </row>
    <row r="395101" spans="14:14">
      <c r="N395101" s="10"/>
    </row>
    <row r="395102" spans="14:14">
      <c r="N395102" s="10"/>
    </row>
    <row r="395103" spans="14:14">
      <c r="N395103" s="10"/>
    </row>
    <row r="395104" spans="14:14">
      <c r="N395104" s="10"/>
    </row>
    <row r="395105" spans="14:14">
      <c r="N395105" s="10"/>
    </row>
    <row r="395106" spans="14:14">
      <c r="N395106" s="10"/>
    </row>
    <row r="395107" spans="14:14">
      <c r="N395107" s="10"/>
    </row>
    <row r="395108" spans="14:14">
      <c r="N395108" s="10"/>
    </row>
    <row r="395109" spans="14:14">
      <c r="N395109" s="10"/>
    </row>
    <row r="395110" spans="14:14">
      <c r="N395110" s="10"/>
    </row>
    <row r="395111" spans="14:14">
      <c r="N395111" s="10"/>
    </row>
    <row r="395112" spans="14:14">
      <c r="N395112" s="10"/>
    </row>
    <row r="395113" spans="14:14">
      <c r="N395113" s="10"/>
    </row>
    <row r="395114" spans="14:14">
      <c r="N395114" s="10"/>
    </row>
    <row r="395115" spans="14:14">
      <c r="N395115" s="10"/>
    </row>
    <row r="395116" spans="14:14">
      <c r="N395116" s="10"/>
    </row>
    <row r="395117" spans="14:14">
      <c r="N395117" s="10"/>
    </row>
    <row r="395118" spans="14:14">
      <c r="N395118" s="10"/>
    </row>
    <row r="395119" spans="14:14">
      <c r="N395119" s="10"/>
    </row>
    <row r="395120" spans="14:14">
      <c r="N395120" s="10"/>
    </row>
    <row r="395121" spans="14:14">
      <c r="N395121" s="10"/>
    </row>
    <row r="395122" spans="14:14">
      <c r="N395122" s="10"/>
    </row>
    <row r="395123" spans="14:14">
      <c r="N395123" s="10"/>
    </row>
    <row r="395124" spans="14:14">
      <c r="N395124" s="10"/>
    </row>
    <row r="395125" spans="14:14">
      <c r="N395125" s="10"/>
    </row>
    <row r="395126" spans="14:14">
      <c r="N395126" s="10"/>
    </row>
    <row r="395127" spans="14:14">
      <c r="N395127" s="10"/>
    </row>
    <row r="395128" spans="14:14">
      <c r="N395128" s="10"/>
    </row>
    <row r="395129" spans="14:14">
      <c r="N395129" s="10"/>
    </row>
    <row r="395130" spans="14:14">
      <c r="N395130" s="10"/>
    </row>
    <row r="395131" spans="14:14">
      <c r="N395131" s="10"/>
    </row>
    <row r="395132" spans="14:14">
      <c r="N395132" s="10"/>
    </row>
    <row r="395133" spans="14:14">
      <c r="N395133" s="10"/>
    </row>
    <row r="395134" spans="14:14">
      <c r="N395134" s="10"/>
    </row>
    <row r="395135" spans="14:14">
      <c r="N395135" s="10"/>
    </row>
    <row r="395136" spans="14:14">
      <c r="N395136" s="10"/>
    </row>
    <row r="395137" spans="14:14">
      <c r="N395137" s="10"/>
    </row>
    <row r="395138" spans="14:14">
      <c r="N395138" s="10"/>
    </row>
    <row r="395139" spans="14:14">
      <c r="N395139" s="10"/>
    </row>
    <row r="395140" spans="14:14">
      <c r="N395140" s="10"/>
    </row>
    <row r="395141" spans="14:14">
      <c r="N395141" s="10"/>
    </row>
    <row r="395142" spans="14:14">
      <c r="N395142" s="10"/>
    </row>
    <row r="395143" spans="14:14">
      <c r="N395143" s="10"/>
    </row>
    <row r="395144" spans="14:14">
      <c r="N395144" s="10"/>
    </row>
    <row r="395145" spans="14:14">
      <c r="N395145" s="10"/>
    </row>
    <row r="395146" spans="14:14">
      <c r="N395146" s="10"/>
    </row>
    <row r="395147" spans="14:14">
      <c r="N395147" s="10"/>
    </row>
    <row r="395148" spans="14:14">
      <c r="N395148" s="10"/>
    </row>
    <row r="395149" spans="14:14">
      <c r="N395149" s="10"/>
    </row>
    <row r="395150" spans="14:14">
      <c r="N395150" s="10"/>
    </row>
    <row r="395151" spans="14:14">
      <c r="N395151" s="10"/>
    </row>
    <row r="395152" spans="14:14">
      <c r="N395152" s="10"/>
    </row>
    <row r="395153" spans="14:14">
      <c r="N395153" s="10"/>
    </row>
    <row r="395154" spans="14:14">
      <c r="N395154" s="10"/>
    </row>
    <row r="395155" spans="14:14">
      <c r="N395155" s="10"/>
    </row>
    <row r="395156" spans="14:14">
      <c r="N395156" s="10"/>
    </row>
    <row r="395157" spans="14:14">
      <c r="N395157" s="10"/>
    </row>
    <row r="395158" spans="14:14">
      <c r="N395158" s="10"/>
    </row>
    <row r="395159" spans="14:14">
      <c r="N395159" s="10"/>
    </row>
    <row r="395160" spans="14:14">
      <c r="N395160" s="10"/>
    </row>
    <row r="395161" spans="14:14">
      <c r="N395161" s="10"/>
    </row>
    <row r="395162" spans="14:14">
      <c r="N395162" s="10"/>
    </row>
    <row r="395163" spans="14:14">
      <c r="N395163" s="10"/>
    </row>
    <row r="395164" spans="14:14">
      <c r="N395164" s="10"/>
    </row>
    <row r="395165" spans="14:14">
      <c r="N395165" s="10"/>
    </row>
    <row r="395166" spans="14:14">
      <c r="N395166" s="10"/>
    </row>
    <row r="395167" spans="14:14">
      <c r="N395167" s="10"/>
    </row>
    <row r="395168" spans="14:14">
      <c r="N395168" s="10"/>
    </row>
    <row r="395169" spans="14:14">
      <c r="N395169" s="10"/>
    </row>
    <row r="395170" spans="14:14">
      <c r="N395170" s="10"/>
    </row>
    <row r="395171" spans="14:14">
      <c r="N395171" s="10"/>
    </row>
    <row r="395172" spans="14:14">
      <c r="N395172" s="10"/>
    </row>
    <row r="395173" spans="14:14">
      <c r="N395173" s="10"/>
    </row>
    <row r="395174" spans="14:14">
      <c r="N395174" s="10"/>
    </row>
    <row r="395175" spans="14:14">
      <c r="N395175" s="10"/>
    </row>
    <row r="395176" spans="14:14">
      <c r="N395176" s="10"/>
    </row>
    <row r="395177" spans="14:14">
      <c r="N395177" s="10"/>
    </row>
    <row r="395178" spans="14:14">
      <c r="N395178" s="10"/>
    </row>
    <row r="395179" spans="14:14">
      <c r="N395179" s="10"/>
    </row>
    <row r="395180" spans="14:14">
      <c r="N395180" s="10"/>
    </row>
    <row r="395181" spans="14:14">
      <c r="N395181" s="10"/>
    </row>
    <row r="395182" spans="14:14">
      <c r="N395182" s="10"/>
    </row>
    <row r="395183" spans="14:14">
      <c r="N395183" s="10"/>
    </row>
    <row r="395184" spans="14:14">
      <c r="N395184" s="10"/>
    </row>
    <row r="395185" spans="14:14">
      <c r="N395185" s="10"/>
    </row>
    <row r="395186" spans="14:14">
      <c r="N395186" s="10"/>
    </row>
    <row r="395187" spans="14:14">
      <c r="N395187" s="10"/>
    </row>
    <row r="395188" spans="14:14">
      <c r="N395188" s="10"/>
    </row>
    <row r="395189" spans="14:14">
      <c r="N395189" s="10"/>
    </row>
    <row r="395190" spans="14:14">
      <c r="N395190" s="10"/>
    </row>
    <row r="395191" spans="14:14">
      <c r="N395191" s="10"/>
    </row>
    <row r="395192" spans="14:14">
      <c r="N395192" s="10"/>
    </row>
    <row r="395193" spans="14:14">
      <c r="N395193" s="10"/>
    </row>
    <row r="395194" spans="14:14">
      <c r="N395194" s="10"/>
    </row>
    <row r="395195" spans="14:14">
      <c r="N395195" s="10"/>
    </row>
    <row r="395196" spans="14:14">
      <c r="N395196" s="10"/>
    </row>
    <row r="395197" spans="14:14">
      <c r="N395197" s="10"/>
    </row>
    <row r="395198" spans="14:14">
      <c r="N395198" s="10"/>
    </row>
    <row r="395199" spans="14:14">
      <c r="N395199" s="10"/>
    </row>
    <row r="395200" spans="14:14">
      <c r="N395200" s="10"/>
    </row>
    <row r="395201" spans="14:14">
      <c r="N395201" s="10"/>
    </row>
    <row r="395202" spans="14:14">
      <c r="N395202" s="10"/>
    </row>
    <row r="395203" spans="14:14">
      <c r="N395203" s="10"/>
    </row>
    <row r="395204" spans="14:14">
      <c r="N395204" s="10"/>
    </row>
    <row r="395205" spans="14:14">
      <c r="N395205" s="10"/>
    </row>
    <row r="395206" spans="14:14">
      <c r="N395206" s="10"/>
    </row>
    <row r="395207" spans="14:14">
      <c r="N395207" s="10"/>
    </row>
    <row r="395208" spans="14:14">
      <c r="N395208" s="10"/>
    </row>
    <row r="395209" spans="14:14">
      <c r="N395209" s="10"/>
    </row>
    <row r="395210" spans="14:14">
      <c r="N395210" s="10"/>
    </row>
    <row r="395211" spans="14:14">
      <c r="N395211" s="10"/>
    </row>
    <row r="395212" spans="14:14">
      <c r="N395212" s="10"/>
    </row>
    <row r="395213" spans="14:14">
      <c r="N395213" s="10"/>
    </row>
    <row r="395214" spans="14:14">
      <c r="N395214" s="10"/>
    </row>
    <row r="395215" spans="14:14">
      <c r="N395215" s="10"/>
    </row>
    <row r="395216" spans="14:14">
      <c r="N395216" s="10"/>
    </row>
    <row r="395217" spans="14:14">
      <c r="N395217" s="10"/>
    </row>
    <row r="395218" spans="14:14">
      <c r="N395218" s="10"/>
    </row>
    <row r="395219" spans="14:14">
      <c r="N395219" s="10"/>
    </row>
    <row r="395220" spans="14:14">
      <c r="N395220" s="10"/>
    </row>
    <row r="395221" spans="14:14">
      <c r="N395221" s="10"/>
    </row>
    <row r="395222" spans="14:14">
      <c r="N395222" s="10"/>
    </row>
    <row r="395223" spans="14:14">
      <c r="N395223" s="10"/>
    </row>
    <row r="395224" spans="14:14">
      <c r="N395224" s="10"/>
    </row>
    <row r="395225" spans="14:14">
      <c r="N395225" s="10"/>
    </row>
    <row r="395226" spans="14:14">
      <c r="N395226" s="10"/>
    </row>
    <row r="395227" spans="14:14">
      <c r="N395227" s="10"/>
    </row>
    <row r="395228" spans="14:14">
      <c r="N395228" s="10"/>
    </row>
    <row r="395229" spans="14:14">
      <c r="N395229" s="10"/>
    </row>
    <row r="395230" spans="14:14">
      <c r="N395230" s="10"/>
    </row>
    <row r="395231" spans="14:14">
      <c r="N395231" s="10"/>
    </row>
    <row r="395232" spans="14:14">
      <c r="N395232" s="10"/>
    </row>
    <row r="395233" spans="14:14">
      <c r="N395233" s="10"/>
    </row>
    <row r="395234" spans="14:14">
      <c r="N395234" s="10"/>
    </row>
    <row r="395235" spans="14:14">
      <c r="N395235" s="10"/>
    </row>
    <row r="395236" spans="14:14">
      <c r="N395236" s="10"/>
    </row>
    <row r="395237" spans="14:14">
      <c r="N395237" s="10"/>
    </row>
    <row r="395238" spans="14:14">
      <c r="N395238" s="10"/>
    </row>
    <row r="395239" spans="14:14">
      <c r="N395239" s="10"/>
    </row>
    <row r="395240" spans="14:14">
      <c r="N395240" s="10"/>
    </row>
    <row r="395241" spans="14:14">
      <c r="N395241" s="10"/>
    </row>
    <row r="395242" spans="14:14">
      <c r="N395242" s="10"/>
    </row>
    <row r="395243" spans="14:14">
      <c r="N395243" s="10"/>
    </row>
    <row r="395244" spans="14:14">
      <c r="N395244" s="10"/>
    </row>
    <row r="395245" spans="14:14">
      <c r="N395245" s="10"/>
    </row>
    <row r="395246" spans="14:14">
      <c r="N395246" s="10"/>
    </row>
    <row r="395247" spans="14:14">
      <c r="N395247" s="10"/>
    </row>
    <row r="395248" spans="14:14">
      <c r="N395248" s="10"/>
    </row>
    <row r="395249" spans="14:14">
      <c r="N395249" s="10"/>
    </row>
    <row r="395250" spans="14:14">
      <c r="N395250" s="10"/>
    </row>
    <row r="395251" spans="14:14">
      <c r="N395251" s="10"/>
    </row>
    <row r="395252" spans="14:14">
      <c r="N395252" s="10"/>
    </row>
    <row r="395253" spans="14:14">
      <c r="N395253" s="10"/>
    </row>
    <row r="395254" spans="14:14">
      <c r="N395254" s="10"/>
    </row>
    <row r="395255" spans="14:14">
      <c r="N395255" s="10"/>
    </row>
    <row r="395256" spans="14:14">
      <c r="N395256" s="10"/>
    </row>
    <row r="395257" spans="14:14">
      <c r="N395257" s="10"/>
    </row>
    <row r="395258" spans="14:14">
      <c r="N395258" s="10"/>
    </row>
    <row r="395259" spans="14:14">
      <c r="N395259" s="10"/>
    </row>
    <row r="395260" spans="14:14">
      <c r="N395260" s="10"/>
    </row>
    <row r="395261" spans="14:14">
      <c r="N395261" s="10"/>
    </row>
    <row r="395262" spans="14:14">
      <c r="N395262" s="10"/>
    </row>
    <row r="395263" spans="14:14">
      <c r="N395263" s="10"/>
    </row>
    <row r="395264" spans="14:14">
      <c r="N395264" s="10"/>
    </row>
    <row r="395265" spans="14:14">
      <c r="N395265" s="10"/>
    </row>
    <row r="395266" spans="14:14">
      <c r="N395266" s="10"/>
    </row>
    <row r="395267" spans="14:14">
      <c r="N395267" s="10"/>
    </row>
    <row r="395268" spans="14:14">
      <c r="N395268" s="10"/>
    </row>
    <row r="395269" spans="14:14">
      <c r="N395269" s="10"/>
    </row>
    <row r="395270" spans="14:14">
      <c r="N395270" s="10"/>
    </row>
    <row r="395271" spans="14:14">
      <c r="N395271" s="10"/>
    </row>
    <row r="395272" spans="14:14">
      <c r="N395272" s="10"/>
    </row>
    <row r="395273" spans="14:14">
      <c r="N395273" s="10"/>
    </row>
    <row r="395274" spans="14:14">
      <c r="N395274" s="10"/>
    </row>
    <row r="395275" spans="14:14">
      <c r="N395275" s="10"/>
    </row>
    <row r="395276" spans="14:14">
      <c r="N395276" s="10"/>
    </row>
    <row r="395277" spans="14:14">
      <c r="N395277" s="10"/>
    </row>
    <row r="395278" spans="14:14">
      <c r="N395278" s="10"/>
    </row>
    <row r="395279" spans="14:14">
      <c r="N395279" s="10"/>
    </row>
    <row r="395280" spans="14:14">
      <c r="N395280" s="10"/>
    </row>
    <row r="395281" spans="14:14">
      <c r="N395281" s="10"/>
    </row>
    <row r="395282" spans="14:14">
      <c r="N395282" s="10"/>
    </row>
    <row r="395283" spans="14:14">
      <c r="N395283" s="10"/>
    </row>
    <row r="395284" spans="14:14">
      <c r="N395284" s="10"/>
    </row>
    <row r="395285" spans="14:14">
      <c r="N395285" s="10"/>
    </row>
    <row r="395286" spans="14:14">
      <c r="N395286" s="10"/>
    </row>
    <row r="395287" spans="14:14">
      <c r="N395287" s="10"/>
    </row>
    <row r="395288" spans="14:14">
      <c r="N395288" s="10"/>
    </row>
    <row r="395289" spans="14:14">
      <c r="N395289" s="10"/>
    </row>
    <row r="395290" spans="14:14">
      <c r="N395290" s="10"/>
    </row>
    <row r="395291" spans="14:14">
      <c r="N395291" s="10"/>
    </row>
    <row r="395292" spans="14:14">
      <c r="N395292" s="10"/>
    </row>
    <row r="395293" spans="14:14">
      <c r="N395293" s="10"/>
    </row>
    <row r="395294" spans="14:14">
      <c r="N395294" s="10"/>
    </row>
    <row r="395295" spans="14:14">
      <c r="N395295" s="10"/>
    </row>
    <row r="395296" spans="14:14">
      <c r="N395296" s="10"/>
    </row>
    <row r="395297" spans="14:14">
      <c r="N395297" s="10"/>
    </row>
    <row r="395298" spans="14:14">
      <c r="N395298" s="10"/>
    </row>
    <row r="395299" spans="14:14">
      <c r="N395299" s="10"/>
    </row>
    <row r="395300" spans="14:14">
      <c r="N395300" s="10"/>
    </row>
    <row r="395301" spans="14:14">
      <c r="N395301" s="10"/>
    </row>
    <row r="395302" spans="14:14">
      <c r="N395302" s="10"/>
    </row>
    <row r="395303" spans="14:14">
      <c r="N395303" s="10"/>
    </row>
    <row r="395304" spans="14:14">
      <c r="N395304" s="10"/>
    </row>
    <row r="395305" spans="14:14">
      <c r="N395305" s="10"/>
    </row>
    <row r="395306" spans="14:14">
      <c r="N395306" s="10"/>
    </row>
    <row r="395307" spans="14:14">
      <c r="N395307" s="10"/>
    </row>
    <row r="395308" spans="14:14">
      <c r="N395308" s="10"/>
    </row>
    <row r="395309" spans="14:14">
      <c r="N395309" s="10"/>
    </row>
    <row r="395310" spans="14:14">
      <c r="N395310" s="10"/>
    </row>
    <row r="395311" spans="14:14">
      <c r="N395311" s="10"/>
    </row>
    <row r="395312" spans="14:14">
      <c r="N395312" s="10"/>
    </row>
    <row r="395313" spans="14:14">
      <c r="N395313" s="10"/>
    </row>
    <row r="395314" spans="14:14">
      <c r="N395314" s="10"/>
    </row>
    <row r="395315" spans="14:14">
      <c r="N395315" s="10"/>
    </row>
    <row r="395316" spans="14:14">
      <c r="N395316" s="10"/>
    </row>
    <row r="395317" spans="14:14">
      <c r="N395317" s="10"/>
    </row>
    <row r="395318" spans="14:14">
      <c r="N395318" s="10"/>
    </row>
    <row r="395319" spans="14:14">
      <c r="N395319" s="10"/>
    </row>
    <row r="395320" spans="14:14">
      <c r="N395320" s="10"/>
    </row>
    <row r="395321" spans="14:14">
      <c r="N395321" s="10"/>
    </row>
    <row r="395322" spans="14:14">
      <c r="N395322" s="10"/>
    </row>
    <row r="395323" spans="14:14">
      <c r="N395323" s="10"/>
    </row>
    <row r="395324" spans="14:14">
      <c r="N395324" s="10"/>
    </row>
    <row r="395325" spans="14:14">
      <c r="N395325" s="10"/>
    </row>
    <row r="395326" spans="14:14">
      <c r="N395326" s="10"/>
    </row>
    <row r="395327" spans="14:14">
      <c r="N395327" s="10"/>
    </row>
    <row r="395328" spans="14:14">
      <c r="N395328" s="10"/>
    </row>
    <row r="395329" spans="14:14">
      <c r="N395329" s="10"/>
    </row>
    <row r="395330" spans="14:14">
      <c r="N395330" s="10"/>
    </row>
    <row r="395331" spans="14:14">
      <c r="N395331" s="10"/>
    </row>
    <row r="395332" spans="14:14">
      <c r="N395332" s="10"/>
    </row>
    <row r="395333" spans="14:14">
      <c r="N395333" s="10"/>
    </row>
    <row r="395334" spans="14:14">
      <c r="N395334" s="10"/>
    </row>
    <row r="395335" spans="14:14">
      <c r="N395335" s="10"/>
    </row>
    <row r="395336" spans="14:14">
      <c r="N395336" s="10"/>
    </row>
    <row r="395337" spans="14:14">
      <c r="N395337" s="10"/>
    </row>
    <row r="395338" spans="14:14">
      <c r="N395338" s="10"/>
    </row>
    <row r="395339" spans="14:14">
      <c r="N395339" s="10"/>
    </row>
    <row r="395340" spans="14:14">
      <c r="N395340" s="10"/>
    </row>
    <row r="395341" spans="14:14">
      <c r="N395341" s="10"/>
    </row>
    <row r="395342" spans="14:14">
      <c r="N395342" s="10"/>
    </row>
    <row r="395343" spans="14:14">
      <c r="N395343" s="10"/>
    </row>
    <row r="395344" spans="14:14">
      <c r="N395344" s="10"/>
    </row>
    <row r="395345" spans="14:14">
      <c r="N395345" s="10"/>
    </row>
    <row r="395346" spans="14:14">
      <c r="N395346" s="10"/>
    </row>
    <row r="395347" spans="14:14">
      <c r="N395347" s="10"/>
    </row>
    <row r="395348" spans="14:14">
      <c r="N395348" s="10"/>
    </row>
    <row r="395349" spans="14:14">
      <c r="N395349" s="10"/>
    </row>
    <row r="395350" spans="14:14">
      <c r="N395350" s="10"/>
    </row>
    <row r="395351" spans="14:14">
      <c r="N395351" s="10"/>
    </row>
    <row r="395352" spans="14:14">
      <c r="N395352" s="10"/>
    </row>
    <row r="395353" spans="14:14">
      <c r="N395353" s="10"/>
    </row>
    <row r="395354" spans="14:14">
      <c r="N395354" s="10"/>
    </row>
    <row r="395355" spans="14:14">
      <c r="N395355" s="10"/>
    </row>
    <row r="395356" spans="14:14">
      <c r="N395356" s="10"/>
    </row>
    <row r="395357" spans="14:14">
      <c r="N395357" s="10"/>
    </row>
    <row r="395358" spans="14:14">
      <c r="N395358" s="10"/>
    </row>
    <row r="395359" spans="14:14">
      <c r="N395359" s="10"/>
    </row>
    <row r="395360" spans="14:14">
      <c r="N395360" s="10"/>
    </row>
    <row r="395361" spans="14:14">
      <c r="N395361" s="10"/>
    </row>
    <row r="395362" spans="14:14">
      <c r="N395362" s="10"/>
    </row>
    <row r="395363" spans="14:14">
      <c r="N395363" s="10"/>
    </row>
    <row r="395364" spans="14:14">
      <c r="N395364" s="10"/>
    </row>
    <row r="395365" spans="14:14">
      <c r="N395365" s="10"/>
    </row>
    <row r="395366" spans="14:14">
      <c r="N395366" s="10"/>
    </row>
    <row r="395367" spans="14:14">
      <c r="N395367" s="10"/>
    </row>
    <row r="395368" spans="14:14">
      <c r="N395368" s="10"/>
    </row>
    <row r="395369" spans="14:14">
      <c r="N395369" s="10"/>
    </row>
    <row r="395370" spans="14:14">
      <c r="N395370" s="10"/>
    </row>
    <row r="395371" spans="14:14">
      <c r="N395371" s="10"/>
    </row>
    <row r="395372" spans="14:14">
      <c r="N395372" s="10"/>
    </row>
    <row r="395373" spans="14:14">
      <c r="N395373" s="10"/>
    </row>
    <row r="395374" spans="14:14">
      <c r="N395374" s="10"/>
    </row>
    <row r="395375" spans="14:14">
      <c r="N395375" s="10"/>
    </row>
    <row r="395376" spans="14:14">
      <c r="N395376" s="10"/>
    </row>
    <row r="395377" spans="14:14">
      <c r="N395377" s="10"/>
    </row>
    <row r="395378" spans="14:14">
      <c r="N395378" s="10"/>
    </row>
    <row r="395379" spans="14:14">
      <c r="N395379" s="10"/>
    </row>
    <row r="395380" spans="14:14">
      <c r="N395380" s="10"/>
    </row>
    <row r="395381" spans="14:14">
      <c r="N395381" s="10"/>
    </row>
    <row r="395382" spans="14:14">
      <c r="N395382" s="10"/>
    </row>
    <row r="395383" spans="14:14">
      <c r="N395383" s="10"/>
    </row>
    <row r="395384" spans="14:14">
      <c r="N395384" s="10"/>
    </row>
    <row r="395385" spans="14:14">
      <c r="N395385" s="10"/>
    </row>
    <row r="395386" spans="14:14">
      <c r="N395386" s="10"/>
    </row>
    <row r="395387" spans="14:14">
      <c r="N395387" s="10"/>
    </row>
    <row r="395388" spans="14:14">
      <c r="N395388" s="10"/>
    </row>
    <row r="395389" spans="14:14">
      <c r="N395389" s="10"/>
    </row>
    <row r="395390" spans="14:14">
      <c r="N395390" s="10"/>
    </row>
    <row r="395391" spans="14:14">
      <c r="N395391" s="10"/>
    </row>
    <row r="395392" spans="14:14">
      <c r="N395392" s="10"/>
    </row>
    <row r="395393" spans="14:14">
      <c r="N395393" s="10"/>
    </row>
    <row r="395394" spans="14:14">
      <c r="N395394" s="10"/>
    </row>
    <row r="395395" spans="14:14">
      <c r="N395395" s="10"/>
    </row>
    <row r="395396" spans="14:14">
      <c r="N395396" s="10"/>
    </row>
    <row r="395397" spans="14:14">
      <c r="N395397" s="10"/>
    </row>
    <row r="395398" spans="14:14">
      <c r="N395398" s="10"/>
    </row>
    <row r="395399" spans="14:14">
      <c r="N395399" s="10"/>
    </row>
    <row r="395400" spans="14:14">
      <c r="N395400" s="10"/>
    </row>
    <row r="395401" spans="14:14">
      <c r="N395401" s="10"/>
    </row>
    <row r="395402" spans="14:14">
      <c r="N395402" s="10"/>
    </row>
    <row r="395403" spans="14:14">
      <c r="N395403" s="10"/>
    </row>
    <row r="395404" spans="14:14">
      <c r="N395404" s="10"/>
    </row>
    <row r="395405" spans="14:14">
      <c r="N395405" s="10"/>
    </row>
    <row r="395406" spans="14:14">
      <c r="N395406" s="10"/>
    </row>
    <row r="395407" spans="14:14">
      <c r="N395407" s="10"/>
    </row>
    <row r="395408" spans="14:14">
      <c r="N395408" s="10"/>
    </row>
    <row r="395409" spans="14:14">
      <c r="N395409" s="10"/>
    </row>
    <row r="395410" spans="14:14">
      <c r="N395410" s="10"/>
    </row>
    <row r="395411" spans="14:14">
      <c r="N395411" s="10"/>
    </row>
    <row r="395412" spans="14:14">
      <c r="N395412" s="10"/>
    </row>
    <row r="395413" spans="14:14">
      <c r="N395413" s="10"/>
    </row>
    <row r="395414" spans="14:14">
      <c r="N395414" s="10"/>
    </row>
    <row r="395415" spans="14:14">
      <c r="N395415" s="10"/>
    </row>
    <row r="395416" spans="14:14">
      <c r="N395416" s="10"/>
    </row>
    <row r="395417" spans="14:14">
      <c r="N395417" s="10"/>
    </row>
    <row r="395418" spans="14:14">
      <c r="N395418" s="10"/>
    </row>
    <row r="395419" spans="14:14">
      <c r="N395419" s="10"/>
    </row>
    <row r="395420" spans="14:14">
      <c r="N395420" s="10"/>
    </row>
    <row r="395421" spans="14:14">
      <c r="N395421" s="10"/>
    </row>
    <row r="395422" spans="14:14">
      <c r="N395422" s="10"/>
    </row>
    <row r="395423" spans="14:14">
      <c r="N395423" s="10"/>
    </row>
    <row r="395424" spans="14:14">
      <c r="N395424" s="10"/>
    </row>
    <row r="395425" spans="14:14">
      <c r="N395425" s="10"/>
    </row>
    <row r="395426" spans="14:14">
      <c r="N395426" s="10"/>
    </row>
    <row r="395427" spans="14:14">
      <c r="N395427" s="10"/>
    </row>
    <row r="395428" spans="14:14">
      <c r="N395428" s="10"/>
    </row>
    <row r="395429" spans="14:14">
      <c r="N395429" s="10"/>
    </row>
    <row r="395430" spans="14:14">
      <c r="N395430" s="10"/>
    </row>
    <row r="395431" spans="14:14">
      <c r="N395431" s="10"/>
    </row>
    <row r="395432" spans="14:14">
      <c r="N395432" s="10"/>
    </row>
    <row r="395433" spans="14:14">
      <c r="N395433" s="10"/>
    </row>
    <row r="395434" spans="14:14">
      <c r="N395434" s="10"/>
    </row>
    <row r="395435" spans="14:14">
      <c r="N395435" s="10"/>
    </row>
    <row r="395436" spans="14:14">
      <c r="N395436" s="10"/>
    </row>
    <row r="395437" spans="14:14">
      <c r="N395437" s="10"/>
    </row>
    <row r="395438" spans="14:14">
      <c r="N395438" s="10"/>
    </row>
    <row r="395439" spans="14:14">
      <c r="N395439" s="10"/>
    </row>
    <row r="395440" spans="14:14">
      <c r="N395440" s="10"/>
    </row>
    <row r="395441" spans="14:14">
      <c r="N395441" s="10"/>
    </row>
    <row r="395442" spans="14:14">
      <c r="N395442" s="10"/>
    </row>
    <row r="395443" spans="14:14">
      <c r="N395443" s="10"/>
    </row>
    <row r="395444" spans="14:14">
      <c r="N395444" s="10"/>
    </row>
    <row r="395445" spans="14:14">
      <c r="N395445" s="10"/>
    </row>
    <row r="395446" spans="14:14">
      <c r="N395446" s="10"/>
    </row>
    <row r="395447" spans="14:14">
      <c r="N395447" s="10"/>
    </row>
    <row r="395448" spans="14:14">
      <c r="N395448" s="10"/>
    </row>
    <row r="395449" spans="14:14">
      <c r="N395449" s="10"/>
    </row>
    <row r="395450" spans="14:14">
      <c r="N395450" s="10"/>
    </row>
    <row r="395451" spans="14:14">
      <c r="N395451" s="10"/>
    </row>
    <row r="395452" spans="14:14">
      <c r="N395452" s="10"/>
    </row>
    <row r="395453" spans="14:14">
      <c r="N395453" s="10"/>
    </row>
    <row r="395454" spans="14:14">
      <c r="N395454" s="10"/>
    </row>
    <row r="395455" spans="14:14">
      <c r="N395455" s="10"/>
    </row>
    <row r="395456" spans="14:14">
      <c r="N395456" s="10"/>
    </row>
    <row r="395457" spans="14:14">
      <c r="N395457" s="10"/>
    </row>
    <row r="395458" spans="14:14">
      <c r="N395458" s="10"/>
    </row>
    <row r="395459" spans="14:14">
      <c r="N395459" s="10"/>
    </row>
    <row r="395460" spans="14:14">
      <c r="N395460" s="10"/>
    </row>
    <row r="395461" spans="14:14">
      <c r="N395461" s="10"/>
    </row>
    <row r="395462" spans="14:14">
      <c r="N395462" s="10"/>
    </row>
    <row r="395463" spans="14:14">
      <c r="N395463" s="10"/>
    </row>
    <row r="395464" spans="14:14">
      <c r="N395464" s="10"/>
    </row>
    <row r="395465" spans="14:14">
      <c r="N395465" s="10"/>
    </row>
    <row r="395466" spans="14:14">
      <c r="N395466" s="10"/>
    </row>
    <row r="395467" spans="14:14">
      <c r="N395467" s="10"/>
    </row>
    <row r="395468" spans="14:14">
      <c r="N395468" s="10"/>
    </row>
    <row r="395469" spans="14:14">
      <c r="N395469" s="10"/>
    </row>
    <row r="395470" spans="14:14">
      <c r="N395470" s="10"/>
    </row>
    <row r="395471" spans="14:14">
      <c r="N395471" s="10"/>
    </row>
    <row r="395472" spans="14:14">
      <c r="N395472" s="10"/>
    </row>
    <row r="395473" spans="14:14">
      <c r="N395473" s="10"/>
    </row>
    <row r="395474" spans="14:14">
      <c r="N395474" s="10"/>
    </row>
    <row r="395475" spans="14:14">
      <c r="N395475" s="10"/>
    </row>
    <row r="395476" spans="14:14">
      <c r="N395476" s="10"/>
    </row>
    <row r="395477" spans="14:14">
      <c r="N395477" s="10"/>
    </row>
    <row r="395478" spans="14:14">
      <c r="N395478" s="10"/>
    </row>
    <row r="395479" spans="14:14">
      <c r="N395479" s="10"/>
    </row>
    <row r="395480" spans="14:14">
      <c r="N395480" s="10"/>
    </row>
    <row r="395481" spans="14:14">
      <c r="N395481" s="10"/>
    </row>
    <row r="395482" spans="14:14">
      <c r="N395482" s="10"/>
    </row>
    <row r="395483" spans="14:14">
      <c r="N395483" s="10"/>
    </row>
    <row r="395484" spans="14:14">
      <c r="N395484" s="10"/>
    </row>
    <row r="395485" spans="14:14">
      <c r="N395485" s="10"/>
    </row>
    <row r="395486" spans="14:14">
      <c r="N395486" s="10"/>
    </row>
    <row r="395487" spans="14:14">
      <c r="N395487" s="10"/>
    </row>
    <row r="395488" spans="14:14">
      <c r="N395488" s="10"/>
    </row>
    <row r="395489" spans="14:14">
      <c r="N395489" s="10"/>
    </row>
    <row r="395490" spans="14:14">
      <c r="N395490" s="10"/>
    </row>
    <row r="395491" spans="14:14">
      <c r="N395491" s="10"/>
    </row>
    <row r="395492" spans="14:14">
      <c r="N395492" s="10"/>
    </row>
    <row r="395493" spans="14:14">
      <c r="N395493" s="10"/>
    </row>
    <row r="395494" spans="14:14">
      <c r="N395494" s="10"/>
    </row>
    <row r="395495" spans="14:14">
      <c r="N395495" s="10"/>
    </row>
    <row r="395496" spans="14:14">
      <c r="N395496" s="10"/>
    </row>
    <row r="395497" spans="14:14">
      <c r="N395497" s="10"/>
    </row>
    <row r="395498" spans="14:14">
      <c r="N395498" s="10"/>
    </row>
    <row r="395499" spans="14:14">
      <c r="N395499" s="10"/>
    </row>
    <row r="395500" spans="14:14">
      <c r="N395500" s="10"/>
    </row>
    <row r="395501" spans="14:14">
      <c r="N395501" s="10"/>
    </row>
    <row r="395502" spans="14:14">
      <c r="N395502" s="10"/>
    </row>
    <row r="395503" spans="14:14">
      <c r="N395503" s="10"/>
    </row>
    <row r="395504" spans="14:14">
      <c r="N395504" s="10"/>
    </row>
    <row r="395505" spans="14:14">
      <c r="N395505" s="10"/>
    </row>
    <row r="395506" spans="14:14">
      <c r="N395506" s="10"/>
    </row>
    <row r="395507" spans="14:14">
      <c r="N395507" s="10"/>
    </row>
    <row r="395508" spans="14:14">
      <c r="N395508" s="10"/>
    </row>
    <row r="395509" spans="14:14">
      <c r="N395509" s="10"/>
    </row>
    <row r="395510" spans="14:14">
      <c r="N395510" s="10"/>
    </row>
    <row r="395511" spans="14:14">
      <c r="N395511" s="10"/>
    </row>
    <row r="395512" spans="14:14">
      <c r="N395512" s="10"/>
    </row>
    <row r="395513" spans="14:14">
      <c r="N395513" s="10"/>
    </row>
    <row r="395514" spans="14:14">
      <c r="N395514" s="10"/>
    </row>
    <row r="395515" spans="14:14">
      <c r="N395515" s="10"/>
    </row>
    <row r="395516" spans="14:14">
      <c r="N395516" s="10"/>
    </row>
    <row r="395517" spans="14:14">
      <c r="N395517" s="10"/>
    </row>
    <row r="395518" spans="14:14">
      <c r="N395518" s="10"/>
    </row>
    <row r="395519" spans="14:14">
      <c r="N395519" s="10"/>
    </row>
    <row r="395520" spans="14:14">
      <c r="N395520" s="10"/>
    </row>
    <row r="395521" spans="14:14">
      <c r="N395521" s="10"/>
    </row>
    <row r="395522" spans="14:14">
      <c r="N395522" s="10"/>
    </row>
    <row r="395523" spans="14:14">
      <c r="N395523" s="10"/>
    </row>
    <row r="395524" spans="14:14">
      <c r="N395524" s="10"/>
    </row>
    <row r="395525" spans="14:14">
      <c r="N395525" s="10"/>
    </row>
    <row r="395526" spans="14:14">
      <c r="N395526" s="10"/>
    </row>
    <row r="395527" spans="14:14">
      <c r="N395527" s="10"/>
    </row>
    <row r="395528" spans="14:14">
      <c r="N395528" s="10"/>
    </row>
    <row r="395529" spans="14:14">
      <c r="N395529" s="10"/>
    </row>
    <row r="395530" spans="14:14">
      <c r="N395530" s="10"/>
    </row>
    <row r="395531" spans="14:14">
      <c r="N395531" s="10"/>
    </row>
    <row r="395532" spans="14:14">
      <c r="N395532" s="10"/>
    </row>
    <row r="395533" spans="14:14">
      <c r="N395533" s="10"/>
    </row>
    <row r="395534" spans="14:14">
      <c r="N395534" s="10"/>
    </row>
    <row r="395535" spans="14:14">
      <c r="N395535" s="10"/>
    </row>
    <row r="395536" spans="14:14">
      <c r="N395536" s="10"/>
    </row>
    <row r="395537" spans="14:14">
      <c r="N395537" s="10"/>
    </row>
    <row r="395538" spans="14:14">
      <c r="N395538" s="10"/>
    </row>
    <row r="395539" spans="14:14">
      <c r="N395539" s="10"/>
    </row>
    <row r="395540" spans="14:14">
      <c r="N395540" s="10"/>
    </row>
    <row r="395541" spans="14:14">
      <c r="N395541" s="10"/>
    </row>
    <row r="395542" spans="14:14">
      <c r="N395542" s="10"/>
    </row>
    <row r="395543" spans="14:14">
      <c r="N395543" s="10"/>
    </row>
    <row r="395544" spans="14:14">
      <c r="N395544" s="10"/>
    </row>
    <row r="395545" spans="14:14">
      <c r="N395545" s="10"/>
    </row>
    <row r="395546" spans="14:14">
      <c r="N395546" s="10"/>
    </row>
    <row r="395547" spans="14:14">
      <c r="N395547" s="10"/>
    </row>
    <row r="395548" spans="14:14">
      <c r="N395548" s="10"/>
    </row>
    <row r="395549" spans="14:14">
      <c r="N395549" s="10"/>
    </row>
    <row r="395550" spans="14:14">
      <c r="N395550" s="10"/>
    </row>
    <row r="395551" spans="14:14">
      <c r="N395551" s="10"/>
    </row>
    <row r="395552" spans="14:14">
      <c r="N395552" s="10"/>
    </row>
    <row r="395553" spans="14:14">
      <c r="N395553" s="10"/>
    </row>
    <row r="395554" spans="14:14">
      <c r="N395554" s="10"/>
    </row>
    <row r="395555" spans="14:14">
      <c r="N395555" s="10"/>
    </row>
    <row r="395556" spans="14:14">
      <c r="N395556" s="10"/>
    </row>
    <row r="395557" spans="14:14">
      <c r="N395557" s="10"/>
    </row>
    <row r="395558" spans="14:14">
      <c r="N395558" s="10"/>
    </row>
    <row r="395559" spans="14:14">
      <c r="N395559" s="10"/>
    </row>
    <row r="395560" spans="14:14">
      <c r="N395560" s="10"/>
    </row>
    <row r="395561" spans="14:14">
      <c r="N395561" s="10"/>
    </row>
    <row r="395562" spans="14:14">
      <c r="N395562" s="10"/>
    </row>
    <row r="395563" spans="14:14">
      <c r="N395563" s="10"/>
    </row>
    <row r="395564" spans="14:14">
      <c r="N395564" s="10"/>
    </row>
    <row r="395565" spans="14:14">
      <c r="N395565" s="10"/>
    </row>
    <row r="395566" spans="14:14">
      <c r="N395566" s="10"/>
    </row>
    <row r="395567" spans="14:14">
      <c r="N395567" s="10"/>
    </row>
    <row r="395568" spans="14:14">
      <c r="N395568" s="10"/>
    </row>
    <row r="395569" spans="14:14">
      <c r="N395569" s="10"/>
    </row>
    <row r="395570" spans="14:14">
      <c r="N395570" s="10"/>
    </row>
    <row r="395571" spans="14:14">
      <c r="N395571" s="10"/>
    </row>
    <row r="395572" spans="14:14">
      <c r="N395572" s="10"/>
    </row>
    <row r="395573" spans="14:14">
      <c r="N395573" s="10"/>
    </row>
    <row r="395574" spans="14:14">
      <c r="N395574" s="10"/>
    </row>
    <row r="395575" spans="14:14">
      <c r="N395575" s="10"/>
    </row>
    <row r="395576" spans="14:14">
      <c r="N395576" s="10"/>
    </row>
    <row r="395577" spans="14:14">
      <c r="N395577" s="10"/>
    </row>
    <row r="395578" spans="14:14">
      <c r="N395578" s="10"/>
    </row>
    <row r="395579" spans="14:14">
      <c r="N395579" s="10"/>
    </row>
    <row r="395580" spans="14:14">
      <c r="N395580" s="10"/>
    </row>
    <row r="395581" spans="14:14">
      <c r="N395581" s="10"/>
    </row>
    <row r="395582" spans="14:14">
      <c r="N395582" s="10"/>
    </row>
    <row r="395583" spans="14:14">
      <c r="N395583" s="10"/>
    </row>
    <row r="395584" spans="14:14">
      <c r="N395584" s="10"/>
    </row>
    <row r="395585" spans="14:14">
      <c r="N395585" s="10"/>
    </row>
    <row r="395586" spans="14:14">
      <c r="N395586" s="10"/>
    </row>
    <row r="395587" spans="14:14">
      <c r="N395587" s="10"/>
    </row>
    <row r="395588" spans="14:14">
      <c r="N395588" s="10"/>
    </row>
    <row r="395589" spans="14:14">
      <c r="N395589" s="10"/>
    </row>
    <row r="395590" spans="14:14">
      <c r="N395590" s="10"/>
    </row>
    <row r="395591" spans="14:14">
      <c r="N395591" s="10"/>
    </row>
    <row r="395592" spans="14:14">
      <c r="N395592" s="10"/>
    </row>
    <row r="395593" spans="14:14">
      <c r="N395593" s="10"/>
    </row>
    <row r="395594" spans="14:14">
      <c r="N395594" s="10"/>
    </row>
    <row r="395595" spans="14:14">
      <c r="N395595" s="10"/>
    </row>
    <row r="395596" spans="14:14">
      <c r="N395596" s="10"/>
    </row>
    <row r="395597" spans="14:14">
      <c r="N395597" s="10"/>
    </row>
    <row r="395598" spans="14:14">
      <c r="N395598" s="10"/>
    </row>
    <row r="395599" spans="14:14">
      <c r="N395599" s="10"/>
    </row>
    <row r="395600" spans="14:14">
      <c r="N395600" s="10"/>
    </row>
    <row r="395601" spans="14:14">
      <c r="N395601" s="10"/>
    </row>
    <row r="395602" spans="14:14">
      <c r="N395602" s="10"/>
    </row>
    <row r="395603" spans="14:14">
      <c r="N395603" s="10"/>
    </row>
    <row r="395604" spans="14:14">
      <c r="N395604" s="10"/>
    </row>
    <row r="395605" spans="14:14">
      <c r="N395605" s="10"/>
    </row>
    <row r="395606" spans="14:14">
      <c r="N395606" s="10"/>
    </row>
    <row r="395607" spans="14:14">
      <c r="N395607" s="10"/>
    </row>
    <row r="395608" spans="14:14">
      <c r="N395608" s="10"/>
    </row>
    <row r="395609" spans="14:14">
      <c r="N395609" s="10"/>
    </row>
    <row r="395610" spans="14:14">
      <c r="N395610" s="10"/>
    </row>
    <row r="395611" spans="14:14">
      <c r="N395611" s="10"/>
    </row>
    <row r="395612" spans="14:14">
      <c r="N395612" s="10"/>
    </row>
    <row r="395613" spans="14:14">
      <c r="N395613" s="10"/>
    </row>
    <row r="395614" spans="14:14">
      <c r="N395614" s="10"/>
    </row>
    <row r="395615" spans="14:14">
      <c r="N395615" s="10"/>
    </row>
    <row r="395616" spans="14:14">
      <c r="N395616" s="10"/>
    </row>
    <row r="395617" spans="14:14">
      <c r="N395617" s="10"/>
    </row>
    <row r="395618" spans="14:14">
      <c r="N395618" s="10"/>
    </row>
    <row r="395619" spans="14:14">
      <c r="N395619" s="10"/>
    </row>
    <row r="395620" spans="14:14">
      <c r="N395620" s="10"/>
    </row>
    <row r="395621" spans="14:14">
      <c r="N395621" s="10"/>
    </row>
    <row r="395622" spans="14:14">
      <c r="N395622" s="10"/>
    </row>
    <row r="395623" spans="14:14">
      <c r="N395623" s="10"/>
    </row>
    <row r="395624" spans="14:14">
      <c r="N395624" s="10"/>
    </row>
    <row r="395625" spans="14:14">
      <c r="N395625" s="10"/>
    </row>
    <row r="395626" spans="14:14">
      <c r="N395626" s="10"/>
    </row>
    <row r="395627" spans="14:14">
      <c r="N395627" s="10"/>
    </row>
    <row r="395628" spans="14:14">
      <c r="N395628" s="10"/>
    </row>
    <row r="395629" spans="14:14">
      <c r="N395629" s="10"/>
    </row>
    <row r="395630" spans="14:14">
      <c r="N395630" s="10"/>
    </row>
    <row r="395631" spans="14:14">
      <c r="N395631" s="10"/>
    </row>
    <row r="395632" spans="14:14">
      <c r="N395632" s="10"/>
    </row>
    <row r="395633" spans="14:14">
      <c r="N395633" s="10"/>
    </row>
    <row r="395634" spans="14:14">
      <c r="N395634" s="10"/>
    </row>
    <row r="395635" spans="14:14">
      <c r="N395635" s="10"/>
    </row>
    <row r="395636" spans="14:14">
      <c r="N395636" s="10"/>
    </row>
    <row r="395637" spans="14:14">
      <c r="N395637" s="10"/>
    </row>
    <row r="395638" spans="14:14">
      <c r="N395638" s="10"/>
    </row>
    <row r="395639" spans="14:14">
      <c r="N395639" s="10"/>
    </row>
    <row r="395640" spans="14:14">
      <c r="N395640" s="10"/>
    </row>
    <row r="395641" spans="14:14">
      <c r="N395641" s="10"/>
    </row>
    <row r="395642" spans="14:14">
      <c r="N395642" s="10"/>
    </row>
    <row r="395643" spans="14:14">
      <c r="N395643" s="10"/>
    </row>
    <row r="395644" spans="14:14">
      <c r="N395644" s="10"/>
    </row>
    <row r="395645" spans="14:14">
      <c r="N395645" s="10"/>
    </row>
    <row r="395646" spans="14:14">
      <c r="N395646" s="10"/>
    </row>
    <row r="395647" spans="14:14">
      <c r="N395647" s="10"/>
    </row>
    <row r="395648" spans="14:14">
      <c r="N395648" s="10"/>
    </row>
    <row r="395649" spans="14:14">
      <c r="N395649" s="10"/>
    </row>
    <row r="395650" spans="14:14">
      <c r="N395650" s="10"/>
    </row>
    <row r="395651" spans="14:14">
      <c r="N395651" s="10"/>
    </row>
    <row r="395652" spans="14:14">
      <c r="N395652" s="10"/>
    </row>
    <row r="395653" spans="14:14">
      <c r="N395653" s="10"/>
    </row>
    <row r="395654" spans="14:14">
      <c r="N395654" s="10"/>
    </row>
    <row r="395655" spans="14:14">
      <c r="N395655" s="10"/>
    </row>
    <row r="395656" spans="14:14">
      <c r="N395656" s="10"/>
    </row>
    <row r="395657" spans="14:14">
      <c r="N395657" s="10"/>
    </row>
    <row r="395658" spans="14:14">
      <c r="N395658" s="10"/>
    </row>
    <row r="395659" spans="14:14">
      <c r="N395659" s="10"/>
    </row>
    <row r="395660" spans="14:14">
      <c r="N395660" s="10"/>
    </row>
    <row r="395661" spans="14:14">
      <c r="N395661" s="10"/>
    </row>
    <row r="395662" spans="14:14">
      <c r="N395662" s="10"/>
    </row>
    <row r="395663" spans="14:14">
      <c r="N395663" s="10"/>
    </row>
    <row r="395664" spans="14:14">
      <c r="N395664" s="10"/>
    </row>
    <row r="395665" spans="14:14">
      <c r="N395665" s="10"/>
    </row>
    <row r="395666" spans="14:14">
      <c r="N395666" s="10"/>
    </row>
    <row r="395667" spans="14:14">
      <c r="N395667" s="10"/>
    </row>
    <row r="395668" spans="14:14">
      <c r="N395668" s="10"/>
    </row>
    <row r="395669" spans="14:14">
      <c r="N395669" s="10"/>
    </row>
    <row r="395670" spans="14:14">
      <c r="N395670" s="10"/>
    </row>
    <row r="395671" spans="14:14">
      <c r="N395671" s="10"/>
    </row>
    <row r="395672" spans="14:14">
      <c r="N395672" s="10"/>
    </row>
    <row r="395673" spans="14:14">
      <c r="N395673" s="10"/>
    </row>
    <row r="395674" spans="14:14">
      <c r="N395674" s="10"/>
    </row>
    <row r="395675" spans="14:14">
      <c r="N395675" s="10"/>
    </row>
    <row r="395676" spans="14:14">
      <c r="N395676" s="10"/>
    </row>
    <row r="395677" spans="14:14">
      <c r="N395677" s="10"/>
    </row>
    <row r="395678" spans="14:14">
      <c r="N395678" s="10"/>
    </row>
    <row r="395679" spans="14:14">
      <c r="N395679" s="10"/>
    </row>
    <row r="395680" spans="14:14">
      <c r="N395680" s="10"/>
    </row>
    <row r="395681" spans="14:14">
      <c r="N395681" s="10"/>
    </row>
    <row r="395682" spans="14:14">
      <c r="N395682" s="10"/>
    </row>
    <row r="395683" spans="14:14">
      <c r="N395683" s="10"/>
    </row>
    <row r="395684" spans="14:14">
      <c r="N395684" s="10"/>
    </row>
    <row r="395685" spans="14:14">
      <c r="N395685" s="10"/>
    </row>
    <row r="395686" spans="14:14">
      <c r="N395686" s="10"/>
    </row>
    <row r="395687" spans="14:14">
      <c r="N395687" s="10"/>
    </row>
    <row r="395688" spans="14:14">
      <c r="N395688" s="10"/>
    </row>
    <row r="395689" spans="14:14">
      <c r="N395689" s="10"/>
    </row>
    <row r="395690" spans="14:14">
      <c r="N395690" s="10"/>
    </row>
    <row r="395691" spans="14:14">
      <c r="N395691" s="10"/>
    </row>
    <row r="395692" spans="14:14">
      <c r="N395692" s="10"/>
    </row>
    <row r="395693" spans="14:14">
      <c r="N395693" s="10"/>
    </row>
    <row r="395694" spans="14:14">
      <c r="N395694" s="10"/>
    </row>
    <row r="395695" spans="14:14">
      <c r="N395695" s="10"/>
    </row>
    <row r="395696" spans="14:14">
      <c r="N395696" s="10"/>
    </row>
    <row r="395697" spans="14:14">
      <c r="N395697" s="10"/>
    </row>
    <row r="395698" spans="14:14">
      <c r="N395698" s="10"/>
    </row>
    <row r="395699" spans="14:14">
      <c r="N395699" s="10"/>
    </row>
    <row r="395700" spans="14:14">
      <c r="N395700" s="10"/>
    </row>
    <row r="395701" spans="14:14">
      <c r="N395701" s="10"/>
    </row>
    <row r="395702" spans="14:14">
      <c r="N395702" s="10"/>
    </row>
    <row r="395703" spans="14:14">
      <c r="N395703" s="10"/>
    </row>
    <row r="395704" spans="14:14">
      <c r="N395704" s="10"/>
    </row>
    <row r="395705" spans="14:14">
      <c r="N395705" s="10"/>
    </row>
    <row r="395706" spans="14:14">
      <c r="N395706" s="10"/>
    </row>
    <row r="395707" spans="14:14">
      <c r="N395707" s="10"/>
    </row>
    <row r="395708" spans="14:14">
      <c r="N395708" s="10"/>
    </row>
    <row r="395709" spans="14:14">
      <c r="N395709" s="10"/>
    </row>
    <row r="395710" spans="14:14">
      <c r="N395710" s="10"/>
    </row>
    <row r="395711" spans="14:14">
      <c r="N395711" s="10"/>
    </row>
    <row r="395712" spans="14:14">
      <c r="N395712" s="10"/>
    </row>
    <row r="395713" spans="14:14">
      <c r="N395713" s="10"/>
    </row>
    <row r="395714" spans="14:14">
      <c r="N395714" s="10"/>
    </row>
    <row r="395715" spans="14:14">
      <c r="N395715" s="10"/>
    </row>
    <row r="395716" spans="14:14">
      <c r="N395716" s="10"/>
    </row>
    <row r="395717" spans="14:14">
      <c r="N395717" s="10"/>
    </row>
    <row r="395718" spans="14:14">
      <c r="N395718" s="10"/>
    </row>
    <row r="395719" spans="14:14">
      <c r="N395719" s="10"/>
    </row>
    <row r="395720" spans="14:14">
      <c r="N395720" s="10"/>
    </row>
    <row r="395721" spans="14:14">
      <c r="N395721" s="10"/>
    </row>
    <row r="395722" spans="14:14">
      <c r="N395722" s="10"/>
    </row>
    <row r="395723" spans="14:14">
      <c r="N395723" s="10"/>
    </row>
    <row r="395724" spans="14:14">
      <c r="N395724" s="10"/>
    </row>
    <row r="395725" spans="14:14">
      <c r="N395725" s="10"/>
    </row>
    <row r="395726" spans="14:14">
      <c r="N395726" s="10"/>
    </row>
    <row r="395727" spans="14:14">
      <c r="N395727" s="10"/>
    </row>
    <row r="395728" spans="14:14">
      <c r="N395728" s="10"/>
    </row>
    <row r="395729" spans="14:14">
      <c r="N395729" s="10"/>
    </row>
    <row r="395730" spans="14:14">
      <c r="N395730" s="10"/>
    </row>
    <row r="395731" spans="14:14">
      <c r="N395731" s="10"/>
    </row>
    <row r="395732" spans="14:14">
      <c r="N395732" s="10"/>
    </row>
    <row r="395733" spans="14:14">
      <c r="N395733" s="10"/>
    </row>
    <row r="395734" spans="14:14">
      <c r="N395734" s="10"/>
    </row>
    <row r="395735" spans="14:14">
      <c r="N395735" s="10"/>
    </row>
    <row r="395736" spans="14:14">
      <c r="N395736" s="10"/>
    </row>
    <row r="395737" spans="14:14">
      <c r="N395737" s="10"/>
    </row>
    <row r="395738" spans="14:14">
      <c r="N395738" s="10"/>
    </row>
    <row r="395739" spans="14:14">
      <c r="N395739" s="10"/>
    </row>
    <row r="395740" spans="14:14">
      <c r="N395740" s="10"/>
    </row>
    <row r="395741" spans="14:14">
      <c r="N395741" s="10"/>
    </row>
    <row r="395742" spans="14:14">
      <c r="N395742" s="10"/>
    </row>
    <row r="395743" spans="14:14">
      <c r="N395743" s="10"/>
    </row>
    <row r="395744" spans="14:14">
      <c r="N395744" s="10"/>
    </row>
    <row r="395745" spans="14:14">
      <c r="N395745" s="10"/>
    </row>
    <row r="395746" spans="14:14">
      <c r="N395746" s="10"/>
    </row>
    <row r="395747" spans="14:14">
      <c r="N395747" s="10"/>
    </row>
    <row r="395748" spans="14:14">
      <c r="N395748" s="10"/>
    </row>
    <row r="395749" spans="14:14">
      <c r="N395749" s="10"/>
    </row>
    <row r="395750" spans="14:14">
      <c r="N395750" s="10"/>
    </row>
    <row r="395751" spans="14:14">
      <c r="N395751" s="10"/>
    </row>
    <row r="395752" spans="14:14">
      <c r="N395752" s="10"/>
    </row>
    <row r="395753" spans="14:14">
      <c r="N395753" s="10"/>
    </row>
    <row r="395754" spans="14:14">
      <c r="N395754" s="10"/>
    </row>
    <row r="395755" spans="14:14">
      <c r="N395755" s="10"/>
    </row>
    <row r="395756" spans="14:14">
      <c r="N395756" s="10"/>
    </row>
    <row r="395757" spans="14:14">
      <c r="N395757" s="10"/>
    </row>
    <row r="395758" spans="14:14">
      <c r="N395758" s="10"/>
    </row>
    <row r="395759" spans="14:14">
      <c r="N395759" s="10"/>
    </row>
    <row r="395760" spans="14:14">
      <c r="N395760" s="10"/>
    </row>
    <row r="395761" spans="14:14">
      <c r="N395761" s="10"/>
    </row>
    <row r="395762" spans="14:14">
      <c r="N395762" s="10"/>
    </row>
    <row r="395763" spans="14:14">
      <c r="N395763" s="10"/>
    </row>
    <row r="395764" spans="14:14">
      <c r="N395764" s="10"/>
    </row>
    <row r="395765" spans="14:14">
      <c r="N395765" s="10"/>
    </row>
    <row r="395766" spans="14:14">
      <c r="N395766" s="10"/>
    </row>
    <row r="395767" spans="14:14">
      <c r="N395767" s="10"/>
    </row>
    <row r="395768" spans="14:14">
      <c r="N395768" s="10"/>
    </row>
    <row r="395769" spans="14:14">
      <c r="N395769" s="10"/>
    </row>
    <row r="395770" spans="14:14">
      <c r="N395770" s="10"/>
    </row>
    <row r="395771" spans="14:14">
      <c r="N395771" s="10"/>
    </row>
    <row r="395772" spans="14:14">
      <c r="N395772" s="10"/>
    </row>
    <row r="395773" spans="14:14">
      <c r="N395773" s="10"/>
    </row>
    <row r="395774" spans="14:14">
      <c r="N395774" s="10"/>
    </row>
    <row r="395775" spans="14:14">
      <c r="N395775" s="10"/>
    </row>
    <row r="395776" spans="14:14">
      <c r="N395776" s="10"/>
    </row>
    <row r="395777" spans="14:14">
      <c r="N395777" s="10"/>
    </row>
    <row r="395778" spans="14:14">
      <c r="N395778" s="10"/>
    </row>
    <row r="395779" spans="14:14">
      <c r="N395779" s="10"/>
    </row>
    <row r="395780" spans="14:14">
      <c r="N395780" s="10"/>
    </row>
    <row r="395781" spans="14:14">
      <c r="N395781" s="10"/>
    </row>
    <row r="395782" spans="14:14">
      <c r="N395782" s="10"/>
    </row>
    <row r="395783" spans="14:14">
      <c r="N395783" s="10"/>
    </row>
    <row r="395784" spans="14:14">
      <c r="N395784" s="10"/>
    </row>
    <row r="395785" spans="14:14">
      <c r="N395785" s="10"/>
    </row>
    <row r="395786" spans="14:14">
      <c r="N395786" s="10"/>
    </row>
    <row r="395787" spans="14:14">
      <c r="N395787" s="10"/>
    </row>
    <row r="395788" spans="14:14">
      <c r="N395788" s="10"/>
    </row>
    <row r="395789" spans="14:14">
      <c r="N395789" s="10"/>
    </row>
    <row r="395790" spans="14:14">
      <c r="N395790" s="10"/>
    </row>
    <row r="395791" spans="14:14">
      <c r="N395791" s="10"/>
    </row>
    <row r="395792" spans="14:14">
      <c r="N395792" s="10"/>
    </row>
    <row r="395793" spans="14:14">
      <c r="N395793" s="10"/>
    </row>
    <row r="395794" spans="14:14">
      <c r="N395794" s="10"/>
    </row>
    <row r="395795" spans="14:14">
      <c r="N395795" s="10"/>
    </row>
    <row r="395796" spans="14:14">
      <c r="N395796" s="10"/>
    </row>
    <row r="395797" spans="14:14">
      <c r="N395797" s="10"/>
    </row>
    <row r="395798" spans="14:14">
      <c r="N395798" s="10"/>
    </row>
    <row r="395799" spans="14:14">
      <c r="N395799" s="10"/>
    </row>
    <row r="395800" spans="14:14">
      <c r="N395800" s="10"/>
    </row>
    <row r="395801" spans="14:14">
      <c r="N395801" s="10"/>
    </row>
    <row r="395802" spans="14:14">
      <c r="N395802" s="10"/>
    </row>
    <row r="395803" spans="14:14">
      <c r="N395803" s="10"/>
    </row>
    <row r="395804" spans="14:14">
      <c r="N395804" s="10"/>
    </row>
    <row r="395805" spans="14:14">
      <c r="N395805" s="10"/>
    </row>
    <row r="395806" spans="14:14">
      <c r="N395806" s="10"/>
    </row>
    <row r="395807" spans="14:14">
      <c r="N395807" s="10"/>
    </row>
    <row r="395808" spans="14:14">
      <c r="N395808" s="10"/>
    </row>
    <row r="395809" spans="14:14">
      <c r="N395809" s="10"/>
    </row>
    <row r="395810" spans="14:14">
      <c r="N395810" s="10"/>
    </row>
    <row r="395811" spans="14:14">
      <c r="N395811" s="10"/>
    </row>
    <row r="395812" spans="14:14">
      <c r="N395812" s="10"/>
    </row>
    <row r="395813" spans="14:14">
      <c r="N395813" s="10"/>
    </row>
    <row r="395814" spans="14:14">
      <c r="N395814" s="10"/>
    </row>
    <row r="395815" spans="14:14">
      <c r="N395815" s="10"/>
    </row>
    <row r="395816" spans="14:14">
      <c r="N395816" s="10"/>
    </row>
    <row r="395817" spans="14:14">
      <c r="N395817" s="10"/>
    </row>
    <row r="395818" spans="14:14">
      <c r="N395818" s="10"/>
    </row>
    <row r="395819" spans="14:14">
      <c r="N395819" s="10"/>
    </row>
    <row r="395820" spans="14:14">
      <c r="N395820" s="10"/>
    </row>
    <row r="395821" spans="14:14">
      <c r="N395821" s="10"/>
    </row>
    <row r="395822" spans="14:14">
      <c r="N395822" s="10"/>
    </row>
    <row r="395823" spans="14:14">
      <c r="N395823" s="10"/>
    </row>
    <row r="395824" spans="14:14">
      <c r="N395824" s="10"/>
    </row>
    <row r="395825" spans="14:14">
      <c r="N395825" s="10"/>
    </row>
    <row r="395826" spans="14:14">
      <c r="N395826" s="10"/>
    </row>
    <row r="395827" spans="14:14">
      <c r="N395827" s="10"/>
    </row>
    <row r="395828" spans="14:14">
      <c r="N395828" s="10"/>
    </row>
    <row r="395829" spans="14:14">
      <c r="N395829" s="10"/>
    </row>
    <row r="395830" spans="14:14">
      <c r="N395830" s="10"/>
    </row>
    <row r="395831" spans="14:14">
      <c r="N395831" s="10"/>
    </row>
    <row r="395832" spans="14:14">
      <c r="N395832" s="10"/>
    </row>
    <row r="395833" spans="14:14">
      <c r="N395833" s="10"/>
    </row>
    <row r="395834" spans="14:14">
      <c r="N395834" s="10"/>
    </row>
    <row r="395835" spans="14:14">
      <c r="N395835" s="10"/>
    </row>
    <row r="395836" spans="14:14">
      <c r="N395836" s="10"/>
    </row>
    <row r="395837" spans="14:14">
      <c r="N395837" s="10"/>
    </row>
    <row r="395838" spans="14:14">
      <c r="N395838" s="10"/>
    </row>
    <row r="395839" spans="14:14">
      <c r="N395839" s="10"/>
    </row>
    <row r="395840" spans="14:14">
      <c r="N395840" s="10"/>
    </row>
    <row r="395841" spans="14:14">
      <c r="N395841" s="10"/>
    </row>
    <row r="395842" spans="14:14">
      <c r="N395842" s="10"/>
    </row>
    <row r="395843" spans="14:14">
      <c r="N395843" s="10"/>
    </row>
    <row r="395844" spans="14:14">
      <c r="N395844" s="10"/>
    </row>
    <row r="395845" spans="14:14">
      <c r="N395845" s="10"/>
    </row>
    <row r="395846" spans="14:14">
      <c r="N395846" s="10"/>
    </row>
    <row r="395847" spans="14:14">
      <c r="N395847" s="10"/>
    </row>
    <row r="395848" spans="14:14">
      <c r="N395848" s="10"/>
    </row>
    <row r="395849" spans="14:14">
      <c r="N395849" s="10"/>
    </row>
    <row r="395850" spans="14:14">
      <c r="N395850" s="10"/>
    </row>
    <row r="395851" spans="14:14">
      <c r="N395851" s="10"/>
    </row>
    <row r="395852" spans="14:14">
      <c r="N395852" s="10"/>
    </row>
    <row r="395853" spans="14:14">
      <c r="N395853" s="10"/>
    </row>
    <row r="395854" spans="14:14">
      <c r="N395854" s="10"/>
    </row>
    <row r="395855" spans="14:14">
      <c r="N395855" s="10"/>
    </row>
    <row r="395856" spans="14:14">
      <c r="N395856" s="10"/>
    </row>
    <row r="395857" spans="14:14">
      <c r="N395857" s="10"/>
    </row>
    <row r="395858" spans="14:14">
      <c r="N395858" s="10"/>
    </row>
    <row r="395859" spans="14:14">
      <c r="N395859" s="10"/>
    </row>
    <row r="395860" spans="14:14">
      <c r="N395860" s="10"/>
    </row>
    <row r="395861" spans="14:14">
      <c r="N395861" s="10"/>
    </row>
    <row r="395862" spans="14:14">
      <c r="N395862" s="10"/>
    </row>
    <row r="395863" spans="14:14">
      <c r="N395863" s="10"/>
    </row>
    <row r="395864" spans="14:14">
      <c r="N395864" s="10"/>
    </row>
    <row r="395865" spans="14:14">
      <c r="N395865" s="10"/>
    </row>
    <row r="395866" spans="14:14">
      <c r="N395866" s="10"/>
    </row>
    <row r="395867" spans="14:14">
      <c r="N395867" s="10"/>
    </row>
    <row r="395868" spans="14:14">
      <c r="N395868" s="10"/>
    </row>
    <row r="395869" spans="14:14">
      <c r="N395869" s="10"/>
    </row>
    <row r="395870" spans="14:14">
      <c r="N395870" s="10"/>
    </row>
    <row r="395871" spans="14:14">
      <c r="N395871" s="10"/>
    </row>
    <row r="395872" spans="14:14">
      <c r="N395872" s="10"/>
    </row>
    <row r="395873" spans="14:14">
      <c r="N395873" s="10"/>
    </row>
    <row r="395874" spans="14:14">
      <c r="N395874" s="10"/>
    </row>
    <row r="395875" spans="14:14">
      <c r="N395875" s="10"/>
    </row>
    <row r="395876" spans="14:14">
      <c r="N395876" s="10"/>
    </row>
    <row r="395877" spans="14:14">
      <c r="N395877" s="10"/>
    </row>
    <row r="395878" spans="14:14">
      <c r="N395878" s="10"/>
    </row>
    <row r="395879" spans="14:14">
      <c r="N395879" s="10"/>
    </row>
    <row r="395880" spans="14:14">
      <c r="N395880" s="10"/>
    </row>
    <row r="395881" spans="14:14">
      <c r="N395881" s="10"/>
    </row>
    <row r="395882" spans="14:14">
      <c r="N395882" s="10"/>
    </row>
    <row r="395883" spans="14:14">
      <c r="N395883" s="10"/>
    </row>
    <row r="395884" spans="14:14">
      <c r="N395884" s="10"/>
    </row>
    <row r="395885" spans="14:14">
      <c r="N395885" s="10"/>
    </row>
    <row r="395886" spans="14:14">
      <c r="N395886" s="10"/>
    </row>
    <row r="395887" spans="14:14">
      <c r="N395887" s="10"/>
    </row>
    <row r="395888" spans="14:14">
      <c r="N395888" s="10"/>
    </row>
    <row r="395889" spans="14:14">
      <c r="N395889" s="10"/>
    </row>
    <row r="395890" spans="14:14">
      <c r="N395890" s="10"/>
    </row>
    <row r="395891" spans="14:14">
      <c r="N395891" s="10"/>
    </row>
    <row r="395892" spans="14:14">
      <c r="N395892" s="10"/>
    </row>
    <row r="395893" spans="14:14">
      <c r="N395893" s="10"/>
    </row>
    <row r="395894" spans="14:14">
      <c r="N395894" s="10"/>
    </row>
    <row r="395895" spans="14:14">
      <c r="N395895" s="10"/>
    </row>
    <row r="395896" spans="14:14">
      <c r="N395896" s="10"/>
    </row>
    <row r="395897" spans="14:14">
      <c r="N395897" s="10"/>
    </row>
    <row r="395898" spans="14:14">
      <c r="N395898" s="10"/>
    </row>
    <row r="395899" spans="14:14">
      <c r="N395899" s="10"/>
    </row>
    <row r="395900" spans="14:14">
      <c r="N395900" s="10"/>
    </row>
    <row r="395901" spans="14:14">
      <c r="N395901" s="10"/>
    </row>
    <row r="395902" spans="14:14">
      <c r="N395902" s="10"/>
    </row>
    <row r="395903" spans="14:14">
      <c r="N395903" s="10"/>
    </row>
    <row r="395904" spans="14:14">
      <c r="N395904" s="10"/>
    </row>
    <row r="395905" spans="14:14">
      <c r="N395905" s="10"/>
    </row>
    <row r="395906" spans="14:14">
      <c r="N395906" s="10"/>
    </row>
    <row r="395907" spans="14:14">
      <c r="N395907" s="10"/>
    </row>
    <row r="395908" spans="14:14">
      <c r="N395908" s="10"/>
    </row>
    <row r="395909" spans="14:14">
      <c r="N395909" s="10"/>
    </row>
    <row r="395910" spans="14:14">
      <c r="N395910" s="10"/>
    </row>
    <row r="395911" spans="14:14">
      <c r="N395911" s="10"/>
    </row>
    <row r="395912" spans="14:14">
      <c r="N395912" s="10"/>
    </row>
    <row r="395913" spans="14:14">
      <c r="N395913" s="10"/>
    </row>
    <row r="395914" spans="14:14">
      <c r="N395914" s="10"/>
    </row>
    <row r="395915" spans="14:14">
      <c r="N395915" s="10"/>
    </row>
    <row r="395916" spans="14:14">
      <c r="N395916" s="10"/>
    </row>
    <row r="395917" spans="14:14">
      <c r="N395917" s="10"/>
    </row>
    <row r="395918" spans="14:14">
      <c r="N395918" s="10"/>
    </row>
    <row r="395919" spans="14:14">
      <c r="N395919" s="10"/>
    </row>
    <row r="395920" spans="14:14">
      <c r="N395920" s="10"/>
    </row>
    <row r="395921" spans="14:14">
      <c r="N395921" s="10"/>
    </row>
    <row r="395922" spans="14:14">
      <c r="N395922" s="10"/>
    </row>
    <row r="395923" spans="14:14">
      <c r="N395923" s="10"/>
    </row>
    <row r="395924" spans="14:14">
      <c r="N395924" s="10"/>
    </row>
    <row r="395925" spans="14:14">
      <c r="N395925" s="10"/>
    </row>
    <row r="395926" spans="14:14">
      <c r="N395926" s="10"/>
    </row>
    <row r="395927" spans="14:14">
      <c r="N395927" s="10"/>
    </row>
    <row r="395928" spans="14:14">
      <c r="N395928" s="10"/>
    </row>
    <row r="395929" spans="14:14">
      <c r="N395929" s="10"/>
    </row>
    <row r="395930" spans="14:14">
      <c r="N395930" s="10"/>
    </row>
    <row r="395931" spans="14:14">
      <c r="N395931" s="10"/>
    </row>
    <row r="395932" spans="14:14">
      <c r="N395932" s="10"/>
    </row>
    <row r="395933" spans="14:14">
      <c r="N395933" s="10"/>
    </row>
    <row r="395934" spans="14:14">
      <c r="N395934" s="10"/>
    </row>
    <row r="395935" spans="14:14">
      <c r="N395935" s="10"/>
    </row>
    <row r="395936" spans="14:14">
      <c r="N395936" s="10"/>
    </row>
    <row r="395937" spans="14:14">
      <c r="N395937" s="10"/>
    </row>
    <row r="395938" spans="14:14">
      <c r="N395938" s="10"/>
    </row>
    <row r="395939" spans="14:14">
      <c r="N395939" s="10"/>
    </row>
    <row r="395940" spans="14:14">
      <c r="N395940" s="10"/>
    </row>
    <row r="395941" spans="14:14">
      <c r="N395941" s="10"/>
    </row>
    <row r="395942" spans="14:14">
      <c r="N395942" s="10"/>
    </row>
    <row r="395943" spans="14:14">
      <c r="N395943" s="10"/>
    </row>
    <row r="395944" spans="14:14">
      <c r="N395944" s="10"/>
    </row>
    <row r="395945" spans="14:14">
      <c r="N395945" s="10"/>
    </row>
    <row r="395946" spans="14:14">
      <c r="N395946" s="10"/>
    </row>
    <row r="395947" spans="14:14">
      <c r="N395947" s="10"/>
    </row>
    <row r="395948" spans="14:14">
      <c r="N395948" s="10"/>
    </row>
    <row r="395949" spans="14:14">
      <c r="N395949" s="10"/>
    </row>
    <row r="395950" spans="14:14">
      <c r="N395950" s="10"/>
    </row>
    <row r="395951" spans="14:14">
      <c r="N395951" s="10"/>
    </row>
    <row r="395952" spans="14:14">
      <c r="N395952" s="10"/>
    </row>
    <row r="395953" spans="14:14">
      <c r="N395953" s="10"/>
    </row>
    <row r="395954" spans="14:14">
      <c r="N395954" s="10"/>
    </row>
    <row r="395955" spans="14:14">
      <c r="N395955" s="10"/>
    </row>
    <row r="395956" spans="14:14">
      <c r="N395956" s="10"/>
    </row>
    <row r="395957" spans="14:14">
      <c r="N395957" s="10"/>
    </row>
    <row r="395958" spans="14:14">
      <c r="N395958" s="10"/>
    </row>
    <row r="395959" spans="14:14">
      <c r="N395959" s="10"/>
    </row>
    <row r="395960" spans="14:14">
      <c r="N395960" s="10"/>
    </row>
    <row r="395961" spans="14:14">
      <c r="N395961" s="10"/>
    </row>
    <row r="395962" spans="14:14">
      <c r="N395962" s="10"/>
    </row>
    <row r="395963" spans="14:14">
      <c r="N395963" s="10"/>
    </row>
    <row r="395964" spans="14:14">
      <c r="N395964" s="10"/>
    </row>
    <row r="395965" spans="14:14">
      <c r="N395965" s="10"/>
    </row>
    <row r="395966" spans="14:14">
      <c r="N395966" s="10"/>
    </row>
    <row r="395967" spans="14:14">
      <c r="N395967" s="10"/>
    </row>
    <row r="395968" spans="14:14">
      <c r="N395968" s="10"/>
    </row>
    <row r="395969" spans="14:14">
      <c r="N395969" s="10"/>
    </row>
    <row r="395970" spans="14:14">
      <c r="N395970" s="10"/>
    </row>
    <row r="395971" spans="14:14">
      <c r="N395971" s="10"/>
    </row>
    <row r="395972" spans="14:14">
      <c r="N395972" s="10"/>
    </row>
    <row r="395973" spans="14:14">
      <c r="N395973" s="10"/>
    </row>
    <row r="395974" spans="14:14">
      <c r="N395974" s="10"/>
    </row>
    <row r="395975" spans="14:14">
      <c r="N395975" s="10"/>
    </row>
    <row r="395976" spans="14:14">
      <c r="N395976" s="10"/>
    </row>
    <row r="395977" spans="14:14">
      <c r="N395977" s="10"/>
    </row>
    <row r="395978" spans="14:14">
      <c r="N395978" s="10"/>
    </row>
    <row r="395979" spans="14:14">
      <c r="N395979" s="10"/>
    </row>
    <row r="395980" spans="14:14">
      <c r="N395980" s="10"/>
    </row>
    <row r="395981" spans="14:14">
      <c r="N395981" s="10"/>
    </row>
    <row r="395982" spans="14:14">
      <c r="N395982" s="10"/>
    </row>
    <row r="395983" spans="14:14">
      <c r="N395983" s="10"/>
    </row>
    <row r="395984" spans="14:14">
      <c r="N395984" s="10"/>
    </row>
    <row r="395985" spans="14:14">
      <c r="N395985" s="10"/>
    </row>
    <row r="395986" spans="14:14">
      <c r="N395986" s="10"/>
    </row>
    <row r="395987" spans="14:14">
      <c r="N395987" s="10"/>
    </row>
    <row r="395988" spans="14:14">
      <c r="N395988" s="10"/>
    </row>
    <row r="395989" spans="14:14">
      <c r="N395989" s="10"/>
    </row>
    <row r="395990" spans="14:14">
      <c r="N395990" s="10"/>
    </row>
    <row r="395991" spans="14:14">
      <c r="N395991" s="10"/>
    </row>
    <row r="395992" spans="14:14">
      <c r="N395992" s="10"/>
    </row>
    <row r="395993" spans="14:14">
      <c r="N395993" s="10"/>
    </row>
    <row r="395994" spans="14:14">
      <c r="N395994" s="10"/>
    </row>
    <row r="395995" spans="14:14">
      <c r="N395995" s="10"/>
    </row>
    <row r="395996" spans="14:14">
      <c r="N395996" s="10"/>
    </row>
    <row r="395997" spans="14:14">
      <c r="N395997" s="10"/>
    </row>
    <row r="395998" spans="14:14">
      <c r="N395998" s="10"/>
    </row>
    <row r="395999" spans="14:14">
      <c r="N395999" s="10"/>
    </row>
    <row r="396000" spans="14:14">
      <c r="N396000" s="10"/>
    </row>
    <row r="396001" spans="14:14">
      <c r="N396001" s="10"/>
    </row>
    <row r="396002" spans="14:14">
      <c r="N396002" s="10"/>
    </row>
    <row r="396003" spans="14:14">
      <c r="N396003" s="10"/>
    </row>
    <row r="396004" spans="14:14">
      <c r="N396004" s="10"/>
    </row>
    <row r="396005" spans="14:14">
      <c r="N396005" s="10"/>
    </row>
    <row r="396006" spans="14:14">
      <c r="N396006" s="10"/>
    </row>
    <row r="396007" spans="14:14">
      <c r="N396007" s="10"/>
    </row>
    <row r="396008" spans="14:14">
      <c r="N396008" s="10"/>
    </row>
    <row r="396009" spans="14:14">
      <c r="N396009" s="10"/>
    </row>
    <row r="396010" spans="14:14">
      <c r="N396010" s="10"/>
    </row>
    <row r="396011" spans="14:14">
      <c r="N396011" s="10"/>
    </row>
    <row r="396012" spans="14:14">
      <c r="N396012" s="10"/>
    </row>
    <row r="396013" spans="14:14">
      <c r="N396013" s="10"/>
    </row>
    <row r="396014" spans="14:14">
      <c r="N396014" s="10"/>
    </row>
    <row r="396015" spans="14:14">
      <c r="N396015" s="10"/>
    </row>
    <row r="396016" spans="14:14">
      <c r="N396016" s="10"/>
    </row>
    <row r="396017" spans="14:14">
      <c r="N396017" s="10"/>
    </row>
    <row r="396018" spans="14:14">
      <c r="N396018" s="10"/>
    </row>
    <row r="396019" spans="14:14">
      <c r="N396019" s="10"/>
    </row>
    <row r="396020" spans="14:14">
      <c r="N396020" s="10"/>
    </row>
    <row r="396021" spans="14:14">
      <c r="N396021" s="10"/>
    </row>
    <row r="396022" spans="14:14">
      <c r="N396022" s="10"/>
    </row>
    <row r="396023" spans="14:14">
      <c r="N396023" s="10"/>
    </row>
    <row r="396024" spans="14:14">
      <c r="N396024" s="10"/>
    </row>
    <row r="396025" spans="14:14">
      <c r="N396025" s="10"/>
    </row>
    <row r="396026" spans="14:14">
      <c r="N396026" s="10"/>
    </row>
    <row r="396027" spans="14:14">
      <c r="N396027" s="10"/>
    </row>
    <row r="396028" spans="14:14">
      <c r="N396028" s="10"/>
    </row>
    <row r="396029" spans="14:14">
      <c r="N396029" s="10"/>
    </row>
    <row r="396030" spans="14:14">
      <c r="N396030" s="10"/>
    </row>
    <row r="396031" spans="14:14">
      <c r="N396031" s="10"/>
    </row>
    <row r="396032" spans="14:14">
      <c r="N396032" s="10"/>
    </row>
    <row r="396033" spans="14:14">
      <c r="N396033" s="10"/>
    </row>
    <row r="396034" spans="14:14">
      <c r="N396034" s="10"/>
    </row>
    <row r="396035" spans="14:14">
      <c r="N396035" s="10"/>
    </row>
    <row r="396036" spans="14:14">
      <c r="N396036" s="10"/>
    </row>
    <row r="396037" spans="14:14">
      <c r="N396037" s="10"/>
    </row>
    <row r="396038" spans="14:14">
      <c r="N396038" s="10"/>
    </row>
    <row r="396039" spans="14:14">
      <c r="N396039" s="10"/>
    </row>
    <row r="396040" spans="14:14">
      <c r="N396040" s="10"/>
    </row>
    <row r="396041" spans="14:14">
      <c r="N396041" s="10"/>
    </row>
    <row r="396042" spans="14:14">
      <c r="N396042" s="10"/>
    </row>
    <row r="396043" spans="14:14">
      <c r="N396043" s="10"/>
    </row>
    <row r="396044" spans="14:14">
      <c r="N396044" s="10"/>
    </row>
    <row r="396045" spans="14:14">
      <c r="N396045" s="10"/>
    </row>
    <row r="396046" spans="14:14">
      <c r="N396046" s="10"/>
    </row>
    <row r="396047" spans="14:14">
      <c r="N396047" s="10"/>
    </row>
    <row r="396048" spans="14:14">
      <c r="N396048" s="10"/>
    </row>
    <row r="396049" spans="14:14">
      <c r="N396049" s="10"/>
    </row>
    <row r="396050" spans="14:14">
      <c r="N396050" s="10"/>
    </row>
    <row r="396051" spans="14:14">
      <c r="N396051" s="10"/>
    </row>
    <row r="396052" spans="14:14">
      <c r="N396052" s="10"/>
    </row>
    <row r="396053" spans="14:14">
      <c r="N396053" s="10"/>
    </row>
    <row r="396054" spans="14:14">
      <c r="N396054" s="10"/>
    </row>
    <row r="396055" spans="14:14">
      <c r="N396055" s="10"/>
    </row>
    <row r="396056" spans="14:14">
      <c r="N396056" s="10"/>
    </row>
    <row r="396057" spans="14:14">
      <c r="N396057" s="10"/>
    </row>
    <row r="396058" spans="14:14">
      <c r="N396058" s="10"/>
    </row>
    <row r="396059" spans="14:14">
      <c r="N396059" s="10"/>
    </row>
    <row r="396060" spans="14:14">
      <c r="N396060" s="10"/>
    </row>
    <row r="396061" spans="14:14">
      <c r="N396061" s="10"/>
    </row>
    <row r="396062" spans="14:14">
      <c r="N396062" s="10"/>
    </row>
    <row r="396063" spans="14:14">
      <c r="N396063" s="10"/>
    </row>
    <row r="396064" spans="14:14">
      <c r="N396064" s="10"/>
    </row>
    <row r="396065" spans="14:14">
      <c r="N396065" s="10"/>
    </row>
    <row r="396066" spans="14:14">
      <c r="N396066" s="10"/>
    </row>
    <row r="396067" spans="14:14">
      <c r="N396067" s="10"/>
    </row>
    <row r="396068" spans="14:14">
      <c r="N396068" s="10"/>
    </row>
    <row r="396069" spans="14:14">
      <c r="N396069" s="10"/>
    </row>
    <row r="396070" spans="14:14">
      <c r="N396070" s="10"/>
    </row>
    <row r="396071" spans="14:14">
      <c r="N396071" s="10"/>
    </row>
    <row r="396072" spans="14:14">
      <c r="N396072" s="10"/>
    </row>
    <row r="396073" spans="14:14">
      <c r="N396073" s="10"/>
    </row>
    <row r="396074" spans="14:14">
      <c r="N396074" s="10"/>
    </row>
    <row r="396075" spans="14:14">
      <c r="N396075" s="10"/>
    </row>
    <row r="396076" spans="14:14">
      <c r="N396076" s="10"/>
    </row>
    <row r="396077" spans="14:14">
      <c r="N396077" s="10"/>
    </row>
    <row r="396078" spans="14:14">
      <c r="N396078" s="10"/>
    </row>
    <row r="396079" spans="14:14">
      <c r="N396079" s="10"/>
    </row>
    <row r="396080" spans="14:14">
      <c r="N396080" s="10"/>
    </row>
    <row r="396081" spans="14:14">
      <c r="N396081" s="10"/>
    </row>
    <row r="396082" spans="14:14">
      <c r="N396082" s="10"/>
    </row>
    <row r="396083" spans="14:14">
      <c r="N396083" s="10"/>
    </row>
    <row r="396084" spans="14:14">
      <c r="N396084" s="10"/>
    </row>
    <row r="396085" spans="14:14">
      <c r="N396085" s="10"/>
    </row>
    <row r="396086" spans="14:14">
      <c r="N396086" s="10"/>
    </row>
    <row r="396087" spans="14:14">
      <c r="N396087" s="10"/>
    </row>
    <row r="396088" spans="14:14">
      <c r="N396088" s="10"/>
    </row>
    <row r="396089" spans="14:14">
      <c r="N396089" s="10"/>
    </row>
    <row r="396090" spans="14:14">
      <c r="N396090" s="10"/>
    </row>
    <row r="396091" spans="14:14">
      <c r="N396091" s="10"/>
    </row>
    <row r="396092" spans="14:14">
      <c r="N396092" s="10"/>
    </row>
    <row r="396093" spans="14:14">
      <c r="N396093" s="10"/>
    </row>
    <row r="396094" spans="14:14">
      <c r="N396094" s="10"/>
    </row>
    <row r="396095" spans="14:14">
      <c r="N396095" s="10"/>
    </row>
    <row r="396096" spans="14:14">
      <c r="N396096" s="10"/>
    </row>
    <row r="396097" spans="14:14">
      <c r="N396097" s="10"/>
    </row>
    <row r="396098" spans="14:14">
      <c r="N396098" s="10"/>
    </row>
    <row r="396099" spans="14:14">
      <c r="N396099" s="10"/>
    </row>
    <row r="396100" spans="14:14">
      <c r="N396100" s="10"/>
    </row>
    <row r="396101" spans="14:14">
      <c r="N396101" s="10"/>
    </row>
    <row r="396102" spans="14:14">
      <c r="N396102" s="10"/>
    </row>
    <row r="396103" spans="14:14">
      <c r="N396103" s="10"/>
    </row>
    <row r="396104" spans="14:14">
      <c r="N396104" s="10"/>
    </row>
    <row r="396105" spans="14:14">
      <c r="N396105" s="10"/>
    </row>
    <row r="396106" spans="14:14">
      <c r="N396106" s="10"/>
    </row>
    <row r="396107" spans="14:14">
      <c r="N396107" s="10"/>
    </row>
    <row r="396108" spans="14:14">
      <c r="N396108" s="10"/>
    </row>
    <row r="396109" spans="14:14">
      <c r="N396109" s="10"/>
    </row>
    <row r="396110" spans="14:14">
      <c r="N396110" s="10"/>
    </row>
    <row r="396111" spans="14:14">
      <c r="N396111" s="10"/>
    </row>
    <row r="396112" spans="14:14">
      <c r="N396112" s="10"/>
    </row>
    <row r="396113" spans="14:14">
      <c r="N396113" s="10"/>
    </row>
    <row r="396114" spans="14:14">
      <c r="N396114" s="10"/>
    </row>
    <row r="396115" spans="14:14">
      <c r="N396115" s="10"/>
    </row>
    <row r="396116" spans="14:14">
      <c r="N396116" s="10"/>
    </row>
    <row r="396117" spans="14:14">
      <c r="N396117" s="10"/>
    </row>
    <row r="396118" spans="14:14">
      <c r="N396118" s="10"/>
    </row>
    <row r="396119" spans="14:14">
      <c r="N396119" s="10"/>
    </row>
    <row r="396120" spans="14:14">
      <c r="N396120" s="10"/>
    </row>
    <row r="396121" spans="14:14">
      <c r="N396121" s="10"/>
    </row>
    <row r="396122" spans="14:14">
      <c r="N396122" s="10"/>
    </row>
    <row r="396123" spans="14:14">
      <c r="N396123" s="10"/>
    </row>
    <row r="396124" spans="14:14">
      <c r="N396124" s="10"/>
    </row>
    <row r="396125" spans="14:14">
      <c r="N396125" s="10"/>
    </row>
    <row r="396126" spans="14:14">
      <c r="N396126" s="10"/>
    </row>
    <row r="396127" spans="14:14">
      <c r="N396127" s="10"/>
    </row>
    <row r="396128" spans="14:14">
      <c r="N396128" s="10"/>
    </row>
    <row r="396129" spans="14:14">
      <c r="N396129" s="10"/>
    </row>
    <row r="396130" spans="14:14">
      <c r="N396130" s="10"/>
    </row>
    <row r="396131" spans="14:14">
      <c r="N396131" s="10"/>
    </row>
    <row r="396132" spans="14:14">
      <c r="N396132" s="10"/>
    </row>
    <row r="396133" spans="14:14">
      <c r="N396133" s="10"/>
    </row>
    <row r="396134" spans="14:14">
      <c r="N396134" s="10"/>
    </row>
    <row r="396135" spans="14:14">
      <c r="N396135" s="10"/>
    </row>
    <row r="396136" spans="14:14">
      <c r="N396136" s="10"/>
    </row>
    <row r="396137" spans="14:14">
      <c r="N396137" s="10"/>
    </row>
    <row r="396138" spans="14:14">
      <c r="N396138" s="10"/>
    </row>
    <row r="396139" spans="14:14">
      <c r="N396139" s="10"/>
    </row>
    <row r="396140" spans="14:14">
      <c r="N396140" s="10"/>
    </row>
    <row r="396141" spans="14:14">
      <c r="N396141" s="10"/>
    </row>
    <row r="396142" spans="14:14">
      <c r="N396142" s="10"/>
    </row>
    <row r="396143" spans="14:14">
      <c r="N396143" s="10"/>
    </row>
    <row r="396144" spans="14:14">
      <c r="N396144" s="10"/>
    </row>
    <row r="396145" spans="14:14">
      <c r="N396145" s="10"/>
    </row>
    <row r="396146" spans="14:14">
      <c r="N396146" s="10"/>
    </row>
    <row r="396147" spans="14:14">
      <c r="N396147" s="10"/>
    </row>
    <row r="396148" spans="14:14">
      <c r="N396148" s="10"/>
    </row>
    <row r="396149" spans="14:14">
      <c r="N396149" s="10"/>
    </row>
    <row r="396150" spans="14:14">
      <c r="N396150" s="10"/>
    </row>
    <row r="396151" spans="14:14">
      <c r="N396151" s="10"/>
    </row>
    <row r="396152" spans="14:14">
      <c r="N396152" s="10"/>
    </row>
    <row r="396153" spans="14:14">
      <c r="N396153" s="10"/>
    </row>
    <row r="396154" spans="14:14">
      <c r="N396154" s="10"/>
    </row>
    <row r="396155" spans="14:14">
      <c r="N396155" s="10"/>
    </row>
    <row r="396156" spans="14:14">
      <c r="N396156" s="10"/>
    </row>
    <row r="396157" spans="14:14">
      <c r="N396157" s="10"/>
    </row>
    <row r="396158" spans="14:14">
      <c r="N396158" s="10"/>
    </row>
    <row r="396159" spans="14:14">
      <c r="N396159" s="10"/>
    </row>
    <row r="396160" spans="14:14">
      <c r="N396160" s="10"/>
    </row>
    <row r="396161" spans="14:14">
      <c r="N396161" s="10"/>
    </row>
    <row r="396162" spans="14:14">
      <c r="N396162" s="10"/>
    </row>
    <row r="396163" spans="14:14">
      <c r="N396163" s="10"/>
    </row>
    <row r="396164" spans="14:14">
      <c r="N396164" s="10"/>
    </row>
    <row r="396165" spans="14:14">
      <c r="N396165" s="10"/>
    </row>
    <row r="396166" spans="14:14">
      <c r="N396166" s="10"/>
    </row>
    <row r="396167" spans="14:14">
      <c r="N396167" s="10"/>
    </row>
    <row r="396168" spans="14:14">
      <c r="N396168" s="10"/>
    </row>
    <row r="396169" spans="14:14">
      <c r="N396169" s="10"/>
    </row>
    <row r="396170" spans="14:14">
      <c r="N396170" s="10"/>
    </row>
    <row r="396171" spans="14:14">
      <c r="N396171" s="10"/>
    </row>
    <row r="396172" spans="14:14">
      <c r="N396172" s="10"/>
    </row>
    <row r="396173" spans="14:14">
      <c r="N396173" s="10"/>
    </row>
    <row r="396174" spans="14:14">
      <c r="N396174" s="10"/>
    </row>
    <row r="396175" spans="14:14">
      <c r="N396175" s="10"/>
    </row>
    <row r="396176" spans="14:14">
      <c r="N396176" s="10"/>
    </row>
    <row r="396177" spans="14:14">
      <c r="N396177" s="10"/>
    </row>
    <row r="396178" spans="14:14">
      <c r="N396178" s="10"/>
    </row>
    <row r="396179" spans="14:14">
      <c r="N396179" s="10"/>
    </row>
    <row r="396180" spans="14:14">
      <c r="N396180" s="10"/>
    </row>
    <row r="396181" spans="14:14">
      <c r="N396181" s="10"/>
    </row>
    <row r="396182" spans="14:14">
      <c r="N396182" s="10"/>
    </row>
    <row r="396183" spans="14:14">
      <c r="N396183" s="10"/>
    </row>
    <row r="396184" spans="14:14">
      <c r="N396184" s="10"/>
    </row>
    <row r="396185" spans="14:14">
      <c r="N396185" s="10"/>
    </row>
    <row r="396186" spans="14:14">
      <c r="N396186" s="10"/>
    </row>
    <row r="396187" spans="14:14">
      <c r="N396187" s="10"/>
    </row>
    <row r="396188" spans="14:14">
      <c r="N396188" s="10"/>
    </row>
    <row r="396189" spans="14:14">
      <c r="N396189" s="10"/>
    </row>
    <row r="396190" spans="14:14">
      <c r="N396190" s="10"/>
    </row>
    <row r="396191" spans="14:14">
      <c r="N396191" s="10"/>
    </row>
    <row r="396192" spans="14:14">
      <c r="N396192" s="10"/>
    </row>
    <row r="396193" spans="14:14">
      <c r="N396193" s="10"/>
    </row>
    <row r="396194" spans="14:14">
      <c r="N396194" s="10"/>
    </row>
    <row r="396195" spans="14:14">
      <c r="N396195" s="10"/>
    </row>
    <row r="396196" spans="14:14">
      <c r="N396196" s="10"/>
    </row>
    <row r="396197" spans="14:14">
      <c r="N396197" s="10"/>
    </row>
    <row r="396198" spans="14:14">
      <c r="N396198" s="10"/>
    </row>
    <row r="396199" spans="14:14">
      <c r="N396199" s="10"/>
    </row>
    <row r="396200" spans="14:14">
      <c r="N396200" s="10"/>
    </row>
    <row r="396201" spans="14:14">
      <c r="N396201" s="10"/>
    </row>
    <row r="396202" spans="14:14">
      <c r="N396202" s="10"/>
    </row>
    <row r="396203" spans="14:14">
      <c r="N396203" s="10"/>
    </row>
    <row r="396204" spans="14:14">
      <c r="N396204" s="10"/>
    </row>
    <row r="396205" spans="14:14">
      <c r="N396205" s="10"/>
    </row>
    <row r="396206" spans="14:14">
      <c r="N396206" s="10"/>
    </row>
    <row r="396207" spans="14:14">
      <c r="N396207" s="10"/>
    </row>
    <row r="396208" spans="14:14">
      <c r="N396208" s="10"/>
    </row>
    <row r="396209" spans="14:14">
      <c r="N396209" s="10"/>
    </row>
    <row r="396210" spans="14:14">
      <c r="N396210" s="10"/>
    </row>
    <row r="396211" spans="14:14">
      <c r="N396211" s="10"/>
    </row>
    <row r="396212" spans="14:14">
      <c r="N396212" s="10"/>
    </row>
    <row r="396213" spans="14:14">
      <c r="N396213" s="10"/>
    </row>
    <row r="396214" spans="14:14">
      <c r="N396214" s="10"/>
    </row>
    <row r="396215" spans="14:14">
      <c r="N396215" s="10"/>
    </row>
    <row r="396216" spans="14:14">
      <c r="N396216" s="10"/>
    </row>
    <row r="396217" spans="14:14">
      <c r="N396217" s="10"/>
    </row>
    <row r="396218" spans="14:14">
      <c r="N396218" s="10"/>
    </row>
    <row r="396219" spans="14:14">
      <c r="N396219" s="10"/>
    </row>
    <row r="396220" spans="14:14">
      <c r="N396220" s="10"/>
    </row>
    <row r="396221" spans="14:14">
      <c r="N396221" s="10"/>
    </row>
    <row r="396222" spans="14:14">
      <c r="N396222" s="10"/>
    </row>
    <row r="396223" spans="14:14">
      <c r="N396223" s="10"/>
    </row>
    <row r="396224" spans="14:14">
      <c r="N396224" s="10"/>
    </row>
    <row r="396225" spans="14:14">
      <c r="N396225" s="10"/>
    </row>
    <row r="396226" spans="14:14">
      <c r="N396226" s="10"/>
    </row>
    <row r="396227" spans="14:14">
      <c r="N396227" s="10"/>
    </row>
    <row r="396228" spans="14:14">
      <c r="N396228" s="10"/>
    </row>
    <row r="396229" spans="14:14">
      <c r="N396229" s="10"/>
    </row>
    <row r="396230" spans="14:14">
      <c r="N396230" s="10"/>
    </row>
    <row r="396231" spans="14:14">
      <c r="N396231" s="10"/>
    </row>
    <row r="396232" spans="14:14">
      <c r="N396232" s="10"/>
    </row>
    <row r="396233" spans="14:14">
      <c r="N396233" s="10"/>
    </row>
    <row r="396234" spans="14:14">
      <c r="N396234" s="10"/>
    </row>
    <row r="396235" spans="14:14">
      <c r="N396235" s="10"/>
    </row>
    <row r="396236" spans="14:14">
      <c r="N396236" s="10"/>
    </row>
    <row r="396237" spans="14:14">
      <c r="N396237" s="10"/>
    </row>
    <row r="396238" spans="14:14">
      <c r="N396238" s="10"/>
    </row>
    <row r="396239" spans="14:14">
      <c r="N396239" s="10"/>
    </row>
    <row r="396240" spans="14:14">
      <c r="N396240" s="10"/>
    </row>
    <row r="396241" spans="14:14">
      <c r="N396241" s="10"/>
    </row>
    <row r="396242" spans="14:14">
      <c r="N396242" s="10"/>
    </row>
    <row r="396243" spans="14:14">
      <c r="N396243" s="10"/>
    </row>
    <row r="396244" spans="14:14">
      <c r="N396244" s="10"/>
    </row>
    <row r="396245" spans="14:14">
      <c r="N396245" s="10"/>
    </row>
    <row r="396246" spans="14:14">
      <c r="N396246" s="10"/>
    </row>
    <row r="396247" spans="14:14">
      <c r="N396247" s="10"/>
    </row>
    <row r="396248" spans="14:14">
      <c r="N396248" s="10"/>
    </row>
    <row r="396249" spans="14:14">
      <c r="N396249" s="10"/>
    </row>
    <row r="396250" spans="14:14">
      <c r="N396250" s="10"/>
    </row>
    <row r="396251" spans="14:14">
      <c r="N396251" s="10"/>
    </row>
    <row r="396252" spans="14:14">
      <c r="N396252" s="10"/>
    </row>
    <row r="396253" spans="14:14">
      <c r="N396253" s="10"/>
    </row>
    <row r="396254" spans="14:14">
      <c r="N396254" s="10"/>
    </row>
    <row r="396255" spans="14:14">
      <c r="N396255" s="10"/>
    </row>
    <row r="396256" spans="14:14">
      <c r="N396256" s="10"/>
    </row>
    <row r="396257" spans="14:14">
      <c r="N396257" s="10"/>
    </row>
    <row r="396258" spans="14:14">
      <c r="N396258" s="10"/>
    </row>
    <row r="396259" spans="14:14">
      <c r="N396259" s="10"/>
    </row>
    <row r="396260" spans="14:14">
      <c r="N396260" s="10"/>
    </row>
    <row r="396261" spans="14:14">
      <c r="N396261" s="10"/>
    </row>
    <row r="396262" spans="14:14">
      <c r="N396262" s="10"/>
    </row>
    <row r="396263" spans="14:14">
      <c r="N396263" s="10"/>
    </row>
    <row r="396264" spans="14:14">
      <c r="N396264" s="10"/>
    </row>
    <row r="396265" spans="14:14">
      <c r="N396265" s="10"/>
    </row>
    <row r="396266" spans="14:14">
      <c r="N396266" s="10"/>
    </row>
    <row r="396267" spans="14:14">
      <c r="N396267" s="10"/>
    </row>
    <row r="396268" spans="14:14">
      <c r="N396268" s="10"/>
    </row>
    <row r="396269" spans="14:14">
      <c r="N396269" s="10"/>
    </row>
    <row r="396270" spans="14:14">
      <c r="N396270" s="10"/>
    </row>
    <row r="396271" spans="14:14">
      <c r="N396271" s="10"/>
    </row>
    <row r="396272" spans="14:14">
      <c r="N396272" s="10"/>
    </row>
    <row r="396273" spans="14:14">
      <c r="N396273" s="10"/>
    </row>
    <row r="396274" spans="14:14">
      <c r="N396274" s="10"/>
    </row>
    <row r="396275" spans="14:14">
      <c r="N396275" s="10"/>
    </row>
    <row r="396276" spans="14:14">
      <c r="N396276" s="10"/>
    </row>
    <row r="396277" spans="14:14">
      <c r="N396277" s="10"/>
    </row>
    <row r="396278" spans="14:14">
      <c r="N396278" s="10"/>
    </row>
    <row r="396279" spans="14:14">
      <c r="N396279" s="10"/>
    </row>
    <row r="396280" spans="14:14">
      <c r="N396280" s="10"/>
    </row>
    <row r="396281" spans="14:14">
      <c r="N396281" s="10"/>
    </row>
    <row r="396282" spans="14:14">
      <c r="N396282" s="10"/>
    </row>
    <row r="396283" spans="14:14">
      <c r="N396283" s="10"/>
    </row>
    <row r="396284" spans="14:14">
      <c r="N396284" s="10"/>
    </row>
    <row r="396285" spans="14:14">
      <c r="N396285" s="10"/>
    </row>
    <row r="396286" spans="14:14">
      <c r="N396286" s="10"/>
    </row>
    <row r="396287" spans="14:14">
      <c r="N396287" s="10"/>
    </row>
    <row r="396288" spans="14:14">
      <c r="N396288" s="10"/>
    </row>
    <row r="396289" spans="14:14">
      <c r="N396289" s="10"/>
    </row>
    <row r="396290" spans="14:14">
      <c r="N396290" s="10"/>
    </row>
    <row r="396291" spans="14:14">
      <c r="N396291" s="10"/>
    </row>
    <row r="396292" spans="14:14">
      <c r="N396292" s="10"/>
    </row>
    <row r="396293" spans="14:14">
      <c r="N396293" s="10"/>
    </row>
    <row r="396294" spans="14:14">
      <c r="N396294" s="10"/>
    </row>
    <row r="396295" spans="14:14">
      <c r="N396295" s="10"/>
    </row>
    <row r="396296" spans="14:14">
      <c r="N396296" s="10"/>
    </row>
    <row r="396297" spans="14:14">
      <c r="N396297" s="10"/>
    </row>
    <row r="396298" spans="14:14">
      <c r="N396298" s="10"/>
    </row>
    <row r="396299" spans="14:14">
      <c r="N396299" s="10"/>
    </row>
    <row r="396300" spans="14:14">
      <c r="N396300" s="10"/>
    </row>
    <row r="396301" spans="14:14">
      <c r="N396301" s="10"/>
    </row>
    <row r="396302" spans="14:14">
      <c r="N396302" s="10"/>
    </row>
    <row r="396303" spans="14:14">
      <c r="N396303" s="10"/>
    </row>
    <row r="396304" spans="14:14">
      <c r="N396304" s="10"/>
    </row>
    <row r="396305" spans="14:14">
      <c r="N396305" s="10"/>
    </row>
    <row r="396306" spans="14:14">
      <c r="N396306" s="10"/>
    </row>
    <row r="396307" spans="14:14">
      <c r="N396307" s="10"/>
    </row>
    <row r="396308" spans="14:14">
      <c r="N396308" s="10"/>
    </row>
    <row r="396309" spans="14:14">
      <c r="N396309" s="10"/>
    </row>
    <row r="396310" spans="14:14">
      <c r="N396310" s="10"/>
    </row>
    <row r="396311" spans="14:14">
      <c r="N396311" s="10"/>
    </row>
    <row r="396312" spans="14:14">
      <c r="N396312" s="10"/>
    </row>
    <row r="396313" spans="14:14">
      <c r="N396313" s="10"/>
    </row>
    <row r="396314" spans="14:14">
      <c r="N396314" s="10"/>
    </row>
    <row r="396315" spans="14:14">
      <c r="N396315" s="10"/>
    </row>
    <row r="396316" spans="14:14">
      <c r="N396316" s="10"/>
    </row>
    <row r="396317" spans="14:14">
      <c r="N396317" s="10"/>
    </row>
    <row r="396318" spans="14:14">
      <c r="N396318" s="10"/>
    </row>
    <row r="396319" spans="14:14">
      <c r="N396319" s="10"/>
    </row>
    <row r="396320" spans="14:14">
      <c r="N396320" s="10"/>
    </row>
    <row r="396321" spans="14:14">
      <c r="N396321" s="10"/>
    </row>
    <row r="396322" spans="14:14">
      <c r="N396322" s="10"/>
    </row>
    <row r="396323" spans="14:14">
      <c r="N396323" s="10"/>
    </row>
    <row r="396324" spans="14:14">
      <c r="N396324" s="10"/>
    </row>
    <row r="396325" spans="14:14">
      <c r="N396325" s="10"/>
    </row>
    <row r="396326" spans="14:14">
      <c r="N396326" s="10"/>
    </row>
    <row r="396327" spans="14:14">
      <c r="N396327" s="10"/>
    </row>
    <row r="396328" spans="14:14">
      <c r="N396328" s="10"/>
    </row>
    <row r="396329" spans="14:14">
      <c r="N396329" s="10"/>
    </row>
    <row r="396330" spans="14:14">
      <c r="N396330" s="10"/>
    </row>
    <row r="396331" spans="14:14">
      <c r="N396331" s="10"/>
    </row>
    <row r="396332" spans="14:14">
      <c r="N396332" s="10"/>
    </row>
    <row r="396333" spans="14:14">
      <c r="N396333" s="10"/>
    </row>
    <row r="396334" spans="14:14">
      <c r="N396334" s="10"/>
    </row>
    <row r="396335" spans="14:14">
      <c r="N396335" s="10"/>
    </row>
    <row r="396336" spans="14:14">
      <c r="N396336" s="10"/>
    </row>
    <row r="396337" spans="14:14">
      <c r="N396337" s="10"/>
    </row>
    <row r="396338" spans="14:14">
      <c r="N396338" s="10"/>
    </row>
    <row r="396339" spans="14:14">
      <c r="N396339" s="10"/>
    </row>
    <row r="396340" spans="14:14">
      <c r="N396340" s="10"/>
    </row>
    <row r="396341" spans="14:14">
      <c r="N396341" s="10"/>
    </row>
    <row r="396342" spans="14:14">
      <c r="N396342" s="10"/>
    </row>
    <row r="396343" spans="14:14">
      <c r="N396343" s="10"/>
    </row>
    <row r="396344" spans="14:14">
      <c r="N396344" s="10"/>
    </row>
    <row r="396345" spans="14:14">
      <c r="N396345" s="10"/>
    </row>
    <row r="396346" spans="14:14">
      <c r="N396346" s="10"/>
    </row>
    <row r="396347" spans="14:14">
      <c r="N396347" s="10"/>
    </row>
    <row r="396348" spans="14:14">
      <c r="N396348" s="10"/>
    </row>
    <row r="396349" spans="14:14">
      <c r="N396349" s="10"/>
    </row>
    <row r="396350" spans="14:14">
      <c r="N396350" s="10"/>
    </row>
    <row r="396351" spans="14:14">
      <c r="N396351" s="10"/>
    </row>
    <row r="396352" spans="14:14">
      <c r="N396352" s="10"/>
    </row>
    <row r="396353" spans="14:14">
      <c r="N396353" s="10"/>
    </row>
    <row r="396354" spans="14:14">
      <c r="N396354" s="10"/>
    </row>
    <row r="396355" spans="14:14">
      <c r="N396355" s="10"/>
    </row>
    <row r="396356" spans="14:14">
      <c r="N396356" s="10"/>
    </row>
    <row r="396357" spans="14:14">
      <c r="N396357" s="10"/>
    </row>
    <row r="396358" spans="14:14">
      <c r="N396358" s="10"/>
    </row>
    <row r="396359" spans="14:14">
      <c r="N396359" s="10"/>
    </row>
    <row r="396360" spans="14:14">
      <c r="N396360" s="10"/>
    </row>
    <row r="396361" spans="14:14">
      <c r="N396361" s="10"/>
    </row>
    <row r="396362" spans="14:14">
      <c r="N396362" s="10"/>
    </row>
    <row r="396363" spans="14:14">
      <c r="N396363" s="10"/>
    </row>
    <row r="396364" spans="14:14">
      <c r="N396364" s="10"/>
    </row>
    <row r="396365" spans="14:14">
      <c r="N396365" s="10"/>
    </row>
    <row r="396366" spans="14:14">
      <c r="N396366" s="10"/>
    </row>
    <row r="396367" spans="14:14">
      <c r="N396367" s="10"/>
    </row>
    <row r="396368" spans="14:14">
      <c r="N396368" s="10"/>
    </row>
    <row r="396369" spans="14:14">
      <c r="N396369" s="10"/>
    </row>
    <row r="396370" spans="14:14">
      <c r="N396370" s="10"/>
    </row>
    <row r="396371" spans="14:14">
      <c r="N396371" s="10"/>
    </row>
    <row r="396372" spans="14:14">
      <c r="N396372" s="10"/>
    </row>
    <row r="396373" spans="14:14">
      <c r="N396373" s="10"/>
    </row>
    <row r="396374" spans="14:14">
      <c r="N396374" s="10"/>
    </row>
    <row r="396375" spans="14:14">
      <c r="N396375" s="10"/>
    </row>
    <row r="396376" spans="14:14">
      <c r="N396376" s="10"/>
    </row>
    <row r="396377" spans="14:14">
      <c r="N396377" s="10"/>
    </row>
    <row r="396378" spans="14:14">
      <c r="N396378" s="10"/>
    </row>
    <row r="396379" spans="14:14">
      <c r="N396379" s="10"/>
    </row>
    <row r="396380" spans="14:14">
      <c r="N396380" s="10"/>
    </row>
    <row r="396381" spans="14:14">
      <c r="N396381" s="10"/>
    </row>
    <row r="396382" spans="14:14">
      <c r="N396382" s="10"/>
    </row>
    <row r="396383" spans="14:14">
      <c r="N396383" s="10"/>
    </row>
    <row r="396384" spans="14:14">
      <c r="N396384" s="10"/>
    </row>
    <row r="396385" spans="14:14">
      <c r="N396385" s="10"/>
    </row>
    <row r="396386" spans="14:14">
      <c r="N396386" s="10"/>
    </row>
    <row r="396387" spans="14:14">
      <c r="N396387" s="10"/>
    </row>
    <row r="396388" spans="14:14">
      <c r="N396388" s="10"/>
    </row>
    <row r="396389" spans="14:14">
      <c r="N396389" s="10"/>
    </row>
    <row r="396390" spans="14:14">
      <c r="N396390" s="10"/>
    </row>
    <row r="396391" spans="14:14">
      <c r="N396391" s="10"/>
    </row>
    <row r="396392" spans="14:14">
      <c r="N396392" s="10"/>
    </row>
    <row r="396393" spans="14:14">
      <c r="N396393" s="10"/>
    </row>
    <row r="396394" spans="14:14">
      <c r="N396394" s="10"/>
    </row>
    <row r="396395" spans="14:14">
      <c r="N396395" s="10"/>
    </row>
    <row r="396396" spans="14:14">
      <c r="N396396" s="10"/>
    </row>
    <row r="396397" spans="14:14">
      <c r="N396397" s="10"/>
    </row>
    <row r="396398" spans="14:14">
      <c r="N396398" s="10"/>
    </row>
    <row r="396399" spans="14:14">
      <c r="N396399" s="10"/>
    </row>
    <row r="396400" spans="14:14">
      <c r="N396400" s="10"/>
    </row>
    <row r="396401" spans="14:14">
      <c r="N396401" s="10"/>
    </row>
    <row r="396402" spans="14:14">
      <c r="N396402" s="10"/>
    </row>
    <row r="396403" spans="14:14">
      <c r="N396403" s="10"/>
    </row>
    <row r="396404" spans="14:14">
      <c r="N396404" s="10"/>
    </row>
    <row r="396405" spans="14:14">
      <c r="N396405" s="10"/>
    </row>
    <row r="396406" spans="14:14">
      <c r="N396406" s="10"/>
    </row>
    <row r="396407" spans="14:14">
      <c r="N396407" s="10"/>
    </row>
    <row r="396408" spans="14:14">
      <c r="N396408" s="10"/>
    </row>
    <row r="396409" spans="14:14">
      <c r="N396409" s="10"/>
    </row>
    <row r="396410" spans="14:14">
      <c r="N396410" s="10"/>
    </row>
    <row r="396411" spans="14:14">
      <c r="N396411" s="10"/>
    </row>
    <row r="396412" spans="14:14">
      <c r="N396412" s="10"/>
    </row>
    <row r="396413" spans="14:14">
      <c r="N396413" s="10"/>
    </row>
    <row r="396414" spans="14:14">
      <c r="N396414" s="10"/>
    </row>
    <row r="396415" spans="14:14">
      <c r="N396415" s="10"/>
    </row>
    <row r="396416" spans="14:14">
      <c r="N396416" s="10"/>
    </row>
    <row r="396417" spans="14:14">
      <c r="N396417" s="10"/>
    </row>
    <row r="396418" spans="14:14">
      <c r="N396418" s="10"/>
    </row>
    <row r="396419" spans="14:14">
      <c r="N396419" s="10"/>
    </row>
    <row r="396420" spans="14:14">
      <c r="N396420" s="10"/>
    </row>
    <row r="396421" spans="14:14">
      <c r="N396421" s="10"/>
    </row>
    <row r="396422" spans="14:14">
      <c r="N396422" s="10"/>
    </row>
    <row r="396423" spans="14:14">
      <c r="N396423" s="10"/>
    </row>
    <row r="396424" spans="14:14">
      <c r="N396424" s="10"/>
    </row>
    <row r="396425" spans="14:14">
      <c r="N396425" s="10"/>
    </row>
    <row r="396426" spans="14:14">
      <c r="N396426" s="10"/>
    </row>
    <row r="396427" spans="14:14">
      <c r="N396427" s="10"/>
    </row>
    <row r="396428" spans="14:14">
      <c r="N396428" s="10"/>
    </row>
    <row r="396429" spans="14:14">
      <c r="N396429" s="10"/>
    </row>
    <row r="396430" spans="14:14">
      <c r="N396430" s="10"/>
    </row>
    <row r="396431" spans="14:14">
      <c r="N396431" s="10"/>
    </row>
    <row r="396432" spans="14:14">
      <c r="N396432" s="10"/>
    </row>
    <row r="396433" spans="14:14">
      <c r="N396433" s="10"/>
    </row>
    <row r="396434" spans="14:14">
      <c r="N396434" s="10"/>
    </row>
    <row r="396435" spans="14:14">
      <c r="N396435" s="10"/>
    </row>
    <row r="396436" spans="14:14">
      <c r="N396436" s="10"/>
    </row>
    <row r="396437" spans="14:14">
      <c r="N396437" s="10"/>
    </row>
    <row r="396438" spans="14:14">
      <c r="N396438" s="10"/>
    </row>
    <row r="396439" spans="14:14">
      <c r="N396439" s="10"/>
    </row>
    <row r="396440" spans="14:14">
      <c r="N396440" s="10"/>
    </row>
    <row r="396441" spans="14:14">
      <c r="N396441" s="10"/>
    </row>
    <row r="396442" spans="14:14">
      <c r="N396442" s="10"/>
    </row>
    <row r="396443" spans="14:14">
      <c r="N396443" s="10"/>
    </row>
    <row r="396444" spans="14:14">
      <c r="N396444" s="10"/>
    </row>
    <row r="396445" spans="14:14">
      <c r="N396445" s="10"/>
    </row>
    <row r="396446" spans="14:14">
      <c r="N396446" s="10"/>
    </row>
    <row r="396447" spans="14:14">
      <c r="N396447" s="10"/>
    </row>
    <row r="396448" spans="14:14">
      <c r="N396448" s="10"/>
    </row>
    <row r="396449" spans="14:14">
      <c r="N396449" s="10"/>
    </row>
    <row r="396450" spans="14:14">
      <c r="N396450" s="10"/>
    </row>
    <row r="396451" spans="14:14">
      <c r="N396451" s="10"/>
    </row>
    <row r="396452" spans="14:14">
      <c r="N396452" s="10"/>
    </row>
    <row r="396453" spans="14:14">
      <c r="N396453" s="10"/>
    </row>
    <row r="396454" spans="14:14">
      <c r="N396454" s="10"/>
    </row>
    <row r="396455" spans="14:14">
      <c r="N396455" s="10"/>
    </row>
    <row r="396456" spans="14:14">
      <c r="N396456" s="10"/>
    </row>
    <row r="396457" spans="14:14">
      <c r="N396457" s="10"/>
    </row>
    <row r="396458" spans="14:14">
      <c r="N396458" s="10"/>
    </row>
    <row r="396459" spans="14:14">
      <c r="N396459" s="10"/>
    </row>
    <row r="396460" spans="14:14">
      <c r="N396460" s="10"/>
    </row>
    <row r="396461" spans="14:14">
      <c r="N396461" s="10"/>
    </row>
    <row r="396462" spans="14:14">
      <c r="N396462" s="10"/>
    </row>
    <row r="396463" spans="14:14">
      <c r="N396463" s="10"/>
    </row>
    <row r="396464" spans="14:14">
      <c r="N396464" s="10"/>
    </row>
    <row r="396465" spans="14:14">
      <c r="N396465" s="10"/>
    </row>
    <row r="396466" spans="14:14">
      <c r="N396466" s="10"/>
    </row>
    <row r="396467" spans="14:14">
      <c r="N396467" s="10"/>
    </row>
    <row r="396468" spans="14:14">
      <c r="N396468" s="10"/>
    </row>
    <row r="396469" spans="14:14">
      <c r="N396469" s="10"/>
    </row>
    <row r="396470" spans="14:14">
      <c r="N396470" s="10"/>
    </row>
    <row r="396471" spans="14:14">
      <c r="N396471" s="10"/>
    </row>
    <row r="396472" spans="14:14">
      <c r="N396472" s="10"/>
    </row>
    <row r="396473" spans="14:14">
      <c r="N396473" s="10"/>
    </row>
    <row r="396474" spans="14:14">
      <c r="N396474" s="10"/>
    </row>
    <row r="396475" spans="14:14">
      <c r="N396475" s="10"/>
    </row>
    <row r="396476" spans="14:14">
      <c r="N396476" s="10"/>
    </row>
    <row r="396477" spans="14:14">
      <c r="N396477" s="10"/>
    </row>
    <row r="396478" spans="14:14">
      <c r="N396478" s="10"/>
    </row>
    <row r="396479" spans="14:14">
      <c r="N396479" s="10"/>
    </row>
    <row r="396480" spans="14:14">
      <c r="N396480" s="10"/>
    </row>
    <row r="396481" spans="14:14">
      <c r="N396481" s="10"/>
    </row>
    <row r="396482" spans="14:14">
      <c r="N396482" s="10"/>
    </row>
    <row r="396483" spans="14:14">
      <c r="N396483" s="10"/>
    </row>
    <row r="396484" spans="14:14">
      <c r="N396484" s="10"/>
    </row>
    <row r="396485" spans="14:14">
      <c r="N396485" s="10"/>
    </row>
    <row r="396486" spans="14:14">
      <c r="N396486" s="10"/>
    </row>
    <row r="396487" spans="14:14">
      <c r="N396487" s="10"/>
    </row>
    <row r="396488" spans="14:14">
      <c r="N396488" s="10"/>
    </row>
    <row r="396489" spans="14:14">
      <c r="N396489" s="10"/>
    </row>
    <row r="396490" spans="14:14">
      <c r="N396490" s="10"/>
    </row>
    <row r="396491" spans="14:14">
      <c r="N396491" s="10"/>
    </row>
    <row r="396492" spans="14:14">
      <c r="N396492" s="10"/>
    </row>
    <row r="396493" spans="14:14">
      <c r="N396493" s="10"/>
    </row>
    <row r="396494" spans="14:14">
      <c r="N396494" s="10"/>
    </row>
    <row r="396495" spans="14:14">
      <c r="N396495" s="10"/>
    </row>
    <row r="396496" spans="14:14">
      <c r="N396496" s="10"/>
    </row>
    <row r="396497" spans="14:14">
      <c r="N396497" s="10"/>
    </row>
    <row r="396498" spans="14:14">
      <c r="N396498" s="10"/>
    </row>
    <row r="396499" spans="14:14">
      <c r="N396499" s="10"/>
    </row>
    <row r="396500" spans="14:14">
      <c r="N396500" s="10"/>
    </row>
    <row r="396501" spans="14:14">
      <c r="N396501" s="10"/>
    </row>
    <row r="396502" spans="14:14">
      <c r="N396502" s="10"/>
    </row>
    <row r="396503" spans="14:14">
      <c r="N396503" s="10"/>
    </row>
    <row r="396504" spans="14:14">
      <c r="N396504" s="10"/>
    </row>
    <row r="396505" spans="14:14">
      <c r="N396505" s="10"/>
    </row>
    <row r="396506" spans="14:14">
      <c r="N396506" s="10"/>
    </row>
    <row r="396507" spans="14:14">
      <c r="N396507" s="10"/>
    </row>
    <row r="396508" spans="14:14">
      <c r="N396508" s="10"/>
    </row>
    <row r="396509" spans="14:14">
      <c r="N396509" s="10"/>
    </row>
    <row r="396510" spans="14:14">
      <c r="N396510" s="10"/>
    </row>
    <row r="396511" spans="14:14">
      <c r="N396511" s="10"/>
    </row>
    <row r="396512" spans="14:14">
      <c r="N396512" s="10"/>
    </row>
    <row r="396513" spans="14:14">
      <c r="N396513" s="10"/>
    </row>
    <row r="396514" spans="14:14">
      <c r="N396514" s="10"/>
    </row>
    <row r="396515" spans="14:14">
      <c r="N396515" s="10"/>
    </row>
    <row r="396516" spans="14:14">
      <c r="N396516" s="10"/>
    </row>
    <row r="396517" spans="14:14">
      <c r="N396517" s="10"/>
    </row>
    <row r="396518" spans="14:14">
      <c r="N396518" s="10"/>
    </row>
    <row r="396519" spans="14:14">
      <c r="N396519" s="10"/>
    </row>
    <row r="396520" spans="14:14">
      <c r="N396520" s="10"/>
    </row>
    <row r="396521" spans="14:14">
      <c r="N396521" s="10"/>
    </row>
    <row r="396522" spans="14:14">
      <c r="N396522" s="10"/>
    </row>
    <row r="396523" spans="14:14">
      <c r="N396523" s="10"/>
    </row>
    <row r="396524" spans="14:14">
      <c r="N396524" s="10"/>
    </row>
    <row r="396525" spans="14:14">
      <c r="N396525" s="10"/>
    </row>
    <row r="396526" spans="14:14">
      <c r="N396526" s="10"/>
    </row>
    <row r="396527" spans="14:14">
      <c r="N396527" s="10"/>
    </row>
    <row r="396528" spans="14:14">
      <c r="N396528" s="10"/>
    </row>
    <row r="396529" spans="14:14">
      <c r="N396529" s="10"/>
    </row>
    <row r="396530" spans="14:14">
      <c r="N396530" s="10"/>
    </row>
    <row r="396531" spans="14:14">
      <c r="N396531" s="10"/>
    </row>
    <row r="396532" spans="14:14">
      <c r="N396532" s="10"/>
    </row>
    <row r="396533" spans="14:14">
      <c r="N396533" s="10"/>
    </row>
    <row r="396534" spans="14:14">
      <c r="N396534" s="10"/>
    </row>
    <row r="396535" spans="14:14">
      <c r="N396535" s="10"/>
    </row>
    <row r="396536" spans="14:14">
      <c r="N396536" s="10"/>
    </row>
    <row r="396537" spans="14:14">
      <c r="N396537" s="10"/>
    </row>
    <row r="396538" spans="14:14">
      <c r="N396538" s="10"/>
    </row>
    <row r="396539" spans="14:14">
      <c r="N396539" s="10"/>
    </row>
    <row r="396540" spans="14:14">
      <c r="N396540" s="10"/>
    </row>
    <row r="396541" spans="14:14">
      <c r="N396541" s="10"/>
    </row>
    <row r="396542" spans="14:14">
      <c r="N396542" s="10"/>
    </row>
    <row r="396543" spans="14:14">
      <c r="N396543" s="10"/>
    </row>
    <row r="396544" spans="14:14">
      <c r="N396544" s="10"/>
    </row>
    <row r="396545" spans="14:14">
      <c r="N396545" s="10"/>
    </row>
    <row r="396546" spans="14:14">
      <c r="N396546" s="10"/>
    </row>
    <row r="396547" spans="14:14">
      <c r="N396547" s="10"/>
    </row>
    <row r="396548" spans="14:14">
      <c r="N396548" s="10"/>
    </row>
    <row r="396549" spans="14:14">
      <c r="N396549" s="10"/>
    </row>
    <row r="396550" spans="14:14">
      <c r="N396550" s="10"/>
    </row>
    <row r="396551" spans="14:14">
      <c r="N396551" s="10"/>
    </row>
    <row r="396552" spans="14:14">
      <c r="N396552" s="10"/>
    </row>
    <row r="396553" spans="14:14">
      <c r="N396553" s="10"/>
    </row>
    <row r="396554" spans="14:14">
      <c r="N396554" s="10"/>
    </row>
    <row r="396555" spans="14:14">
      <c r="N396555" s="10"/>
    </row>
    <row r="396556" spans="14:14">
      <c r="N396556" s="10"/>
    </row>
    <row r="396557" spans="14:14">
      <c r="N396557" s="10"/>
    </row>
    <row r="396558" spans="14:14">
      <c r="N396558" s="10"/>
    </row>
    <row r="396559" spans="14:14">
      <c r="N396559" s="10"/>
    </row>
    <row r="396560" spans="14:14">
      <c r="N396560" s="10"/>
    </row>
    <row r="396561" spans="14:14">
      <c r="N396561" s="10"/>
    </row>
    <row r="396562" spans="14:14">
      <c r="N396562" s="10"/>
    </row>
    <row r="396563" spans="14:14">
      <c r="N396563" s="10"/>
    </row>
    <row r="396564" spans="14:14">
      <c r="N396564" s="10"/>
    </row>
    <row r="396565" spans="14:14">
      <c r="N396565" s="10"/>
    </row>
    <row r="396566" spans="14:14">
      <c r="N396566" s="10"/>
    </row>
    <row r="396567" spans="14:14">
      <c r="N396567" s="10"/>
    </row>
    <row r="396568" spans="14:14">
      <c r="N396568" s="10"/>
    </row>
    <row r="396569" spans="14:14">
      <c r="N396569" s="10"/>
    </row>
    <row r="396570" spans="14:14">
      <c r="N396570" s="10"/>
    </row>
    <row r="396571" spans="14:14">
      <c r="N396571" s="10"/>
    </row>
    <row r="396572" spans="14:14">
      <c r="N396572" s="10"/>
    </row>
    <row r="396573" spans="14:14">
      <c r="N396573" s="10"/>
    </row>
    <row r="396574" spans="14:14">
      <c r="N396574" s="10"/>
    </row>
    <row r="396575" spans="14:14">
      <c r="N396575" s="10"/>
    </row>
    <row r="396576" spans="14:14">
      <c r="N396576" s="10"/>
    </row>
    <row r="396577" spans="14:14">
      <c r="N396577" s="10"/>
    </row>
    <row r="396578" spans="14:14">
      <c r="N396578" s="10"/>
    </row>
    <row r="396579" spans="14:14">
      <c r="N396579" s="10"/>
    </row>
    <row r="396580" spans="14:14">
      <c r="N396580" s="10"/>
    </row>
    <row r="396581" spans="14:14">
      <c r="N396581" s="10"/>
    </row>
    <row r="396582" spans="14:14">
      <c r="N396582" s="10"/>
    </row>
    <row r="396583" spans="14:14">
      <c r="N396583" s="10"/>
    </row>
    <row r="396584" spans="14:14">
      <c r="N396584" s="10"/>
    </row>
    <row r="396585" spans="14:14">
      <c r="N396585" s="10"/>
    </row>
    <row r="396586" spans="14:14">
      <c r="N396586" s="10"/>
    </row>
    <row r="396587" spans="14:14">
      <c r="N396587" s="10"/>
    </row>
    <row r="396588" spans="14:14">
      <c r="N396588" s="10"/>
    </row>
    <row r="396589" spans="14:14">
      <c r="N396589" s="10"/>
    </row>
    <row r="396590" spans="14:14">
      <c r="N396590" s="10"/>
    </row>
    <row r="396591" spans="14:14">
      <c r="N396591" s="10"/>
    </row>
    <row r="396592" spans="14:14">
      <c r="N396592" s="10"/>
    </row>
    <row r="396593" spans="14:14">
      <c r="N396593" s="10"/>
    </row>
    <row r="396594" spans="14:14">
      <c r="N396594" s="10"/>
    </row>
    <row r="396595" spans="14:14">
      <c r="N396595" s="10"/>
    </row>
    <row r="396596" spans="14:14">
      <c r="N396596" s="10"/>
    </row>
    <row r="396597" spans="14:14">
      <c r="N396597" s="10"/>
    </row>
    <row r="396598" spans="14:14">
      <c r="N396598" s="10"/>
    </row>
    <row r="396599" spans="14:14">
      <c r="N396599" s="10"/>
    </row>
    <row r="396600" spans="14:14">
      <c r="N396600" s="10"/>
    </row>
    <row r="396601" spans="14:14">
      <c r="N396601" s="10"/>
    </row>
    <row r="396602" spans="14:14">
      <c r="N396602" s="10"/>
    </row>
    <row r="396603" spans="14:14">
      <c r="N396603" s="10"/>
    </row>
    <row r="396604" spans="14:14">
      <c r="N396604" s="10"/>
    </row>
    <row r="396605" spans="14:14">
      <c r="N396605" s="10"/>
    </row>
    <row r="396606" spans="14:14">
      <c r="N396606" s="10"/>
    </row>
    <row r="396607" spans="14:14">
      <c r="N396607" s="10"/>
    </row>
    <row r="396608" spans="14:14">
      <c r="N396608" s="10"/>
    </row>
    <row r="396609" spans="14:14">
      <c r="N396609" s="10"/>
    </row>
    <row r="396610" spans="14:14">
      <c r="N396610" s="10"/>
    </row>
    <row r="396611" spans="14:14">
      <c r="N396611" s="10"/>
    </row>
    <row r="396612" spans="14:14">
      <c r="N396612" s="10"/>
    </row>
    <row r="396613" spans="14:14">
      <c r="N396613" s="10"/>
    </row>
    <row r="396614" spans="14:14">
      <c r="N396614" s="10"/>
    </row>
    <row r="396615" spans="14:14">
      <c r="N396615" s="10"/>
    </row>
    <row r="396616" spans="14:14">
      <c r="N396616" s="10"/>
    </row>
    <row r="396617" spans="14:14">
      <c r="N396617" s="10"/>
    </row>
    <row r="396618" spans="14:14">
      <c r="N396618" s="10"/>
    </row>
    <row r="396619" spans="14:14">
      <c r="N396619" s="10"/>
    </row>
    <row r="396620" spans="14:14">
      <c r="N396620" s="10"/>
    </row>
    <row r="396621" spans="14:14">
      <c r="N396621" s="10"/>
    </row>
    <row r="396622" spans="14:14">
      <c r="N396622" s="10"/>
    </row>
    <row r="396623" spans="14:14">
      <c r="N396623" s="10"/>
    </row>
    <row r="396624" spans="14:14">
      <c r="N396624" s="10"/>
    </row>
    <row r="396625" spans="14:14">
      <c r="N396625" s="10"/>
    </row>
    <row r="396626" spans="14:14">
      <c r="N396626" s="10"/>
    </row>
    <row r="396627" spans="14:14">
      <c r="N396627" s="10"/>
    </row>
    <row r="396628" spans="14:14">
      <c r="N396628" s="10"/>
    </row>
    <row r="396629" spans="14:14">
      <c r="N396629" s="10"/>
    </row>
    <row r="396630" spans="14:14">
      <c r="N396630" s="10"/>
    </row>
    <row r="396631" spans="14:14">
      <c r="N396631" s="10"/>
    </row>
    <row r="396632" spans="14:14">
      <c r="N396632" s="10"/>
    </row>
    <row r="396633" spans="14:14">
      <c r="N396633" s="10"/>
    </row>
    <row r="396634" spans="14:14">
      <c r="N396634" s="10"/>
    </row>
    <row r="396635" spans="14:14">
      <c r="N396635" s="10"/>
    </row>
    <row r="396636" spans="14:14">
      <c r="N396636" s="10"/>
    </row>
    <row r="396637" spans="14:14">
      <c r="N396637" s="10"/>
    </row>
    <row r="396638" spans="14:14">
      <c r="N396638" s="10"/>
    </row>
    <row r="396639" spans="14:14">
      <c r="N396639" s="10"/>
    </row>
    <row r="396640" spans="14:14">
      <c r="N396640" s="10"/>
    </row>
    <row r="396641" spans="14:14">
      <c r="N396641" s="10"/>
    </row>
    <row r="396642" spans="14:14">
      <c r="N396642" s="10"/>
    </row>
    <row r="396643" spans="14:14">
      <c r="N396643" s="10"/>
    </row>
    <row r="396644" spans="14:14">
      <c r="N396644" s="10"/>
    </row>
    <row r="396645" spans="14:14">
      <c r="N396645" s="10"/>
    </row>
    <row r="396646" spans="14:14">
      <c r="N396646" s="10"/>
    </row>
    <row r="396647" spans="14:14">
      <c r="N396647" s="10"/>
    </row>
    <row r="396648" spans="14:14">
      <c r="N396648" s="10"/>
    </row>
    <row r="396649" spans="14:14">
      <c r="N396649" s="10"/>
    </row>
    <row r="396650" spans="14:14">
      <c r="N396650" s="10"/>
    </row>
    <row r="396651" spans="14:14">
      <c r="N396651" s="10"/>
    </row>
    <row r="396652" spans="14:14">
      <c r="N396652" s="10"/>
    </row>
    <row r="396653" spans="14:14">
      <c r="N396653" s="10"/>
    </row>
    <row r="396654" spans="14:14">
      <c r="N396654" s="10"/>
    </row>
    <row r="396655" spans="14:14">
      <c r="N396655" s="10"/>
    </row>
    <row r="396656" spans="14:14">
      <c r="N396656" s="10"/>
    </row>
    <row r="396657" spans="14:14">
      <c r="N396657" s="10"/>
    </row>
    <row r="396658" spans="14:14">
      <c r="N396658" s="10"/>
    </row>
    <row r="396659" spans="14:14">
      <c r="N396659" s="10"/>
    </row>
    <row r="396660" spans="14:14">
      <c r="N396660" s="10"/>
    </row>
    <row r="396661" spans="14:14">
      <c r="N396661" s="10"/>
    </row>
    <row r="396662" spans="14:14">
      <c r="N396662" s="10"/>
    </row>
    <row r="396663" spans="14:14">
      <c r="N396663" s="10"/>
    </row>
    <row r="396664" spans="14:14">
      <c r="N396664" s="10"/>
    </row>
    <row r="396665" spans="14:14">
      <c r="N396665" s="10"/>
    </row>
    <row r="396666" spans="14:14">
      <c r="N396666" s="10"/>
    </row>
    <row r="396667" spans="14:14">
      <c r="N396667" s="10"/>
    </row>
    <row r="396668" spans="14:14">
      <c r="N396668" s="10"/>
    </row>
    <row r="396669" spans="14:14">
      <c r="N396669" s="10"/>
    </row>
    <row r="396670" spans="14:14">
      <c r="N396670" s="10"/>
    </row>
    <row r="396671" spans="14:14">
      <c r="N396671" s="10"/>
    </row>
    <row r="396672" spans="14:14">
      <c r="N396672" s="10"/>
    </row>
    <row r="396673" spans="14:14">
      <c r="N396673" s="10"/>
    </row>
    <row r="396674" spans="14:14">
      <c r="N396674" s="10"/>
    </row>
    <row r="396675" spans="14:14">
      <c r="N396675" s="10"/>
    </row>
    <row r="396676" spans="14:14">
      <c r="N396676" s="10"/>
    </row>
    <row r="396677" spans="14:14">
      <c r="N396677" s="10"/>
    </row>
    <row r="396678" spans="14:14">
      <c r="N396678" s="10"/>
    </row>
    <row r="396679" spans="14:14">
      <c r="N396679" s="10"/>
    </row>
    <row r="396680" spans="14:14">
      <c r="N396680" s="10"/>
    </row>
    <row r="396681" spans="14:14">
      <c r="N396681" s="10"/>
    </row>
    <row r="396682" spans="14:14">
      <c r="N396682" s="10"/>
    </row>
    <row r="396683" spans="14:14">
      <c r="N396683" s="10"/>
    </row>
    <row r="396684" spans="14:14">
      <c r="N396684" s="10"/>
    </row>
    <row r="396685" spans="14:14">
      <c r="N396685" s="10"/>
    </row>
    <row r="396686" spans="14:14">
      <c r="N396686" s="10"/>
    </row>
    <row r="396687" spans="14:14">
      <c r="N396687" s="10"/>
    </row>
    <row r="396688" spans="14:14">
      <c r="N396688" s="10"/>
    </row>
    <row r="396689" spans="14:14">
      <c r="N396689" s="10"/>
    </row>
    <row r="396690" spans="14:14">
      <c r="N396690" s="10"/>
    </row>
    <row r="396691" spans="14:14">
      <c r="N396691" s="10"/>
    </row>
    <row r="396692" spans="14:14">
      <c r="N396692" s="10"/>
    </row>
    <row r="396693" spans="14:14">
      <c r="N396693" s="10"/>
    </row>
    <row r="396694" spans="14:14">
      <c r="N396694" s="10"/>
    </row>
    <row r="396695" spans="14:14">
      <c r="N396695" s="10"/>
    </row>
    <row r="396696" spans="14:14">
      <c r="N396696" s="10"/>
    </row>
    <row r="396697" spans="14:14">
      <c r="N396697" s="10"/>
    </row>
    <row r="396698" spans="14:14">
      <c r="N396698" s="10"/>
    </row>
    <row r="396699" spans="14:14">
      <c r="N396699" s="10"/>
    </row>
    <row r="396700" spans="14:14">
      <c r="N396700" s="10"/>
    </row>
    <row r="396701" spans="14:14">
      <c r="N396701" s="10"/>
    </row>
    <row r="396702" spans="14:14">
      <c r="N396702" s="10"/>
    </row>
    <row r="396703" spans="14:14">
      <c r="N396703" s="10"/>
    </row>
    <row r="396704" spans="14:14">
      <c r="N396704" s="10"/>
    </row>
    <row r="396705" spans="14:14">
      <c r="N396705" s="10"/>
    </row>
    <row r="396706" spans="14:14">
      <c r="N396706" s="10"/>
    </row>
    <row r="396707" spans="14:14">
      <c r="N396707" s="10"/>
    </row>
    <row r="396708" spans="14:14">
      <c r="N396708" s="10"/>
    </row>
    <row r="396709" spans="14:14">
      <c r="N396709" s="10"/>
    </row>
    <row r="396710" spans="14:14">
      <c r="N396710" s="10"/>
    </row>
    <row r="396711" spans="14:14">
      <c r="N396711" s="10"/>
    </row>
    <row r="396712" spans="14:14">
      <c r="N396712" s="10"/>
    </row>
    <row r="396713" spans="14:14">
      <c r="N396713" s="10"/>
    </row>
    <row r="396714" spans="14:14">
      <c r="N396714" s="10"/>
    </row>
    <row r="396715" spans="14:14">
      <c r="N396715" s="10"/>
    </row>
    <row r="396716" spans="14:14">
      <c r="N396716" s="10"/>
    </row>
    <row r="396717" spans="14:14">
      <c r="N396717" s="10"/>
    </row>
    <row r="396718" spans="14:14">
      <c r="N396718" s="10"/>
    </row>
    <row r="396719" spans="14:14">
      <c r="N396719" s="10"/>
    </row>
    <row r="396720" spans="14:14">
      <c r="N396720" s="10"/>
    </row>
    <row r="396721" spans="14:14">
      <c r="N396721" s="10"/>
    </row>
    <row r="396722" spans="14:14">
      <c r="N396722" s="10"/>
    </row>
    <row r="396723" spans="14:14">
      <c r="N396723" s="10"/>
    </row>
    <row r="396724" spans="14:14">
      <c r="N396724" s="10"/>
    </row>
    <row r="396725" spans="14:14">
      <c r="N396725" s="10"/>
    </row>
    <row r="396726" spans="14:14">
      <c r="N396726" s="10"/>
    </row>
    <row r="396727" spans="14:14">
      <c r="N396727" s="10"/>
    </row>
    <row r="396728" spans="14:14">
      <c r="N396728" s="10"/>
    </row>
    <row r="396729" spans="14:14">
      <c r="N396729" s="10"/>
    </row>
    <row r="396730" spans="14:14">
      <c r="N396730" s="10"/>
    </row>
    <row r="396731" spans="14:14">
      <c r="N396731" s="10"/>
    </row>
    <row r="396732" spans="14:14">
      <c r="N396732" s="10"/>
    </row>
    <row r="396733" spans="14:14">
      <c r="N396733" s="10"/>
    </row>
    <row r="396734" spans="14:14">
      <c r="N396734" s="10"/>
    </row>
    <row r="396735" spans="14:14">
      <c r="N396735" s="10"/>
    </row>
    <row r="396736" spans="14:14">
      <c r="N396736" s="10"/>
    </row>
    <row r="396737" spans="14:14">
      <c r="N396737" s="10"/>
    </row>
    <row r="396738" spans="14:14">
      <c r="N396738" s="10"/>
    </row>
    <row r="396739" spans="14:14">
      <c r="N396739" s="10"/>
    </row>
    <row r="396740" spans="14:14">
      <c r="N396740" s="10"/>
    </row>
    <row r="396741" spans="14:14">
      <c r="N396741" s="10"/>
    </row>
    <row r="396742" spans="14:14">
      <c r="N396742" s="10"/>
    </row>
    <row r="396743" spans="14:14">
      <c r="N396743" s="10"/>
    </row>
    <row r="396744" spans="14:14">
      <c r="N396744" s="10"/>
    </row>
    <row r="396745" spans="14:14">
      <c r="N396745" s="10"/>
    </row>
    <row r="396746" spans="14:14">
      <c r="N396746" s="10"/>
    </row>
    <row r="396747" spans="14:14">
      <c r="N396747" s="10"/>
    </row>
    <row r="396748" spans="14:14">
      <c r="N396748" s="10"/>
    </row>
    <row r="396749" spans="14:14">
      <c r="N396749" s="10"/>
    </row>
    <row r="396750" spans="14:14">
      <c r="N396750" s="10"/>
    </row>
    <row r="396751" spans="14:14">
      <c r="N396751" s="10"/>
    </row>
    <row r="396752" spans="14:14">
      <c r="N396752" s="10"/>
    </row>
    <row r="396753" spans="14:14">
      <c r="N396753" s="10"/>
    </row>
    <row r="396754" spans="14:14">
      <c r="N396754" s="10"/>
    </row>
    <row r="396755" spans="14:14">
      <c r="N396755" s="10"/>
    </row>
    <row r="396756" spans="14:14">
      <c r="N396756" s="10"/>
    </row>
    <row r="396757" spans="14:14">
      <c r="N396757" s="10"/>
    </row>
    <row r="396758" spans="14:14">
      <c r="N396758" s="10"/>
    </row>
    <row r="396759" spans="14:14">
      <c r="N396759" s="10"/>
    </row>
    <row r="396760" spans="14:14">
      <c r="N396760" s="10"/>
    </row>
    <row r="396761" spans="14:14">
      <c r="N396761" s="10"/>
    </row>
    <row r="396762" spans="14:14">
      <c r="N396762" s="10"/>
    </row>
    <row r="396763" spans="14:14">
      <c r="N396763" s="10"/>
    </row>
    <row r="396764" spans="14:14">
      <c r="N396764" s="10"/>
    </row>
    <row r="396765" spans="14:14">
      <c r="N396765" s="10"/>
    </row>
    <row r="396766" spans="14:14">
      <c r="N396766" s="10"/>
    </row>
    <row r="396767" spans="14:14">
      <c r="N396767" s="10"/>
    </row>
    <row r="396768" spans="14:14">
      <c r="N396768" s="10"/>
    </row>
    <row r="396769" spans="14:14">
      <c r="N396769" s="10"/>
    </row>
    <row r="396770" spans="14:14">
      <c r="N396770" s="10"/>
    </row>
    <row r="396771" spans="14:14">
      <c r="N396771" s="10"/>
    </row>
    <row r="396772" spans="14:14">
      <c r="N396772" s="10"/>
    </row>
    <row r="396773" spans="14:14">
      <c r="N396773" s="10"/>
    </row>
    <row r="396774" spans="14:14">
      <c r="N396774" s="10"/>
    </row>
    <row r="396775" spans="14:14">
      <c r="N396775" s="10"/>
    </row>
    <row r="396776" spans="14:14">
      <c r="N396776" s="10"/>
    </row>
    <row r="396777" spans="14:14">
      <c r="N396777" s="10"/>
    </row>
    <row r="396778" spans="14:14">
      <c r="N396778" s="10"/>
    </row>
    <row r="396779" spans="14:14">
      <c r="N396779" s="10"/>
    </row>
    <row r="396780" spans="14:14">
      <c r="N396780" s="10"/>
    </row>
    <row r="396781" spans="14:14">
      <c r="N396781" s="10"/>
    </row>
    <row r="396782" spans="14:14">
      <c r="N396782" s="10"/>
    </row>
    <row r="396783" spans="14:14">
      <c r="N396783" s="10"/>
    </row>
    <row r="396784" spans="14:14">
      <c r="N396784" s="10"/>
    </row>
    <row r="396785" spans="14:14">
      <c r="N396785" s="10"/>
    </row>
    <row r="396786" spans="14:14">
      <c r="N396786" s="10"/>
    </row>
    <row r="396787" spans="14:14">
      <c r="N396787" s="10"/>
    </row>
    <row r="396788" spans="14:14">
      <c r="N396788" s="10"/>
    </row>
    <row r="396789" spans="14:14">
      <c r="N396789" s="10"/>
    </row>
    <row r="396790" spans="14:14">
      <c r="N396790" s="10"/>
    </row>
    <row r="396791" spans="14:14">
      <c r="N396791" s="10"/>
    </row>
    <row r="396792" spans="14:14">
      <c r="N396792" s="10"/>
    </row>
    <row r="396793" spans="14:14">
      <c r="N396793" s="10"/>
    </row>
    <row r="396794" spans="14:14">
      <c r="N396794" s="10"/>
    </row>
    <row r="396795" spans="14:14">
      <c r="N396795" s="10"/>
    </row>
    <row r="396796" spans="14:14">
      <c r="N396796" s="10"/>
    </row>
    <row r="396797" spans="14:14">
      <c r="N396797" s="10"/>
    </row>
    <row r="396798" spans="14:14">
      <c r="N396798" s="10"/>
    </row>
    <row r="396799" spans="14:14">
      <c r="N396799" s="10"/>
    </row>
    <row r="396800" spans="14:14">
      <c r="N396800" s="10"/>
    </row>
    <row r="396801" spans="14:14">
      <c r="N396801" s="10"/>
    </row>
    <row r="396802" spans="14:14">
      <c r="N396802" s="10"/>
    </row>
    <row r="396803" spans="14:14">
      <c r="N396803" s="10"/>
    </row>
    <row r="396804" spans="14:14">
      <c r="N396804" s="10"/>
    </row>
    <row r="396805" spans="14:14">
      <c r="N396805" s="10"/>
    </row>
    <row r="396806" spans="14:14">
      <c r="N396806" s="10"/>
    </row>
    <row r="396807" spans="14:14">
      <c r="N396807" s="10"/>
    </row>
    <row r="396808" spans="14:14">
      <c r="N396808" s="10"/>
    </row>
    <row r="396809" spans="14:14">
      <c r="N396809" s="10"/>
    </row>
    <row r="396810" spans="14:14">
      <c r="N396810" s="10"/>
    </row>
    <row r="396811" spans="14:14">
      <c r="N396811" s="10"/>
    </row>
    <row r="396812" spans="14:14">
      <c r="N396812" s="10"/>
    </row>
    <row r="396813" spans="14:14">
      <c r="N396813" s="10"/>
    </row>
    <row r="396814" spans="14:14">
      <c r="N396814" s="10"/>
    </row>
    <row r="396815" spans="14:14">
      <c r="N396815" s="10"/>
    </row>
    <row r="396816" spans="14:14">
      <c r="N396816" s="10"/>
    </row>
    <row r="396817" spans="14:14">
      <c r="N396817" s="10"/>
    </row>
    <row r="396818" spans="14:14">
      <c r="N396818" s="10"/>
    </row>
    <row r="396819" spans="14:14">
      <c r="N396819" s="10"/>
    </row>
    <row r="396820" spans="14:14">
      <c r="N396820" s="10"/>
    </row>
    <row r="396821" spans="14:14">
      <c r="N396821" s="10"/>
    </row>
    <row r="396822" spans="14:14">
      <c r="N396822" s="10"/>
    </row>
    <row r="396823" spans="14:14">
      <c r="N396823" s="10"/>
    </row>
    <row r="396824" spans="14:14">
      <c r="N396824" s="10"/>
    </row>
    <row r="396825" spans="14:14">
      <c r="N396825" s="10"/>
    </row>
    <row r="396826" spans="14:14">
      <c r="N396826" s="10"/>
    </row>
    <row r="396827" spans="14:14">
      <c r="N396827" s="10"/>
    </row>
    <row r="396828" spans="14:14">
      <c r="N396828" s="10"/>
    </row>
    <row r="396829" spans="14:14">
      <c r="N396829" s="10"/>
    </row>
    <row r="396830" spans="14:14">
      <c r="N396830" s="10"/>
    </row>
    <row r="396831" spans="14:14">
      <c r="N396831" s="10"/>
    </row>
    <row r="396832" spans="14:14">
      <c r="N396832" s="10"/>
    </row>
    <row r="396833" spans="14:14">
      <c r="N396833" s="10"/>
    </row>
    <row r="396834" spans="14:14">
      <c r="N396834" s="10"/>
    </row>
    <row r="396835" spans="14:14">
      <c r="N396835" s="10"/>
    </row>
    <row r="396836" spans="14:14">
      <c r="N396836" s="10"/>
    </row>
    <row r="396837" spans="14:14">
      <c r="N396837" s="10"/>
    </row>
    <row r="396838" spans="14:14">
      <c r="N396838" s="10"/>
    </row>
    <row r="396839" spans="14:14">
      <c r="N396839" s="10"/>
    </row>
    <row r="396840" spans="14:14">
      <c r="N396840" s="10"/>
    </row>
    <row r="396841" spans="14:14">
      <c r="N396841" s="10"/>
    </row>
    <row r="396842" spans="14:14">
      <c r="N396842" s="10"/>
    </row>
    <row r="396843" spans="14:14">
      <c r="N396843" s="10"/>
    </row>
    <row r="396844" spans="14:14">
      <c r="N396844" s="10"/>
    </row>
    <row r="396845" spans="14:14">
      <c r="N396845" s="10"/>
    </row>
    <row r="396846" spans="14:14">
      <c r="N396846" s="10"/>
    </row>
    <row r="396847" spans="14:14">
      <c r="N396847" s="10"/>
    </row>
    <row r="396848" spans="14:14">
      <c r="N396848" s="10"/>
    </row>
    <row r="396849" spans="14:14">
      <c r="N396849" s="10"/>
    </row>
    <row r="396850" spans="14:14">
      <c r="N396850" s="10"/>
    </row>
    <row r="396851" spans="14:14">
      <c r="N396851" s="10"/>
    </row>
    <row r="396852" spans="14:14">
      <c r="N396852" s="10"/>
    </row>
    <row r="396853" spans="14:14">
      <c r="N396853" s="10"/>
    </row>
    <row r="396854" spans="14:14">
      <c r="N396854" s="10"/>
    </row>
    <row r="396855" spans="14:14">
      <c r="N396855" s="10"/>
    </row>
    <row r="396856" spans="14:14">
      <c r="N396856" s="10"/>
    </row>
    <row r="396857" spans="14:14">
      <c r="N396857" s="10"/>
    </row>
    <row r="396858" spans="14:14">
      <c r="N396858" s="10"/>
    </row>
    <row r="396859" spans="14:14">
      <c r="N396859" s="10"/>
    </row>
    <row r="396860" spans="14:14">
      <c r="N396860" s="10"/>
    </row>
    <row r="396861" spans="14:14">
      <c r="N396861" s="10"/>
    </row>
    <row r="396862" spans="14:14">
      <c r="N396862" s="10"/>
    </row>
    <row r="396863" spans="14:14">
      <c r="N396863" s="10"/>
    </row>
    <row r="396864" spans="14:14">
      <c r="N396864" s="10"/>
    </row>
    <row r="396865" spans="14:14">
      <c r="N396865" s="10"/>
    </row>
    <row r="396866" spans="14:14">
      <c r="N396866" s="10"/>
    </row>
    <row r="396867" spans="14:14">
      <c r="N396867" s="10"/>
    </row>
    <row r="396868" spans="14:14">
      <c r="N396868" s="10"/>
    </row>
    <row r="396869" spans="14:14">
      <c r="N396869" s="10"/>
    </row>
    <row r="396870" spans="14:14">
      <c r="N396870" s="10"/>
    </row>
    <row r="396871" spans="14:14">
      <c r="N396871" s="10"/>
    </row>
    <row r="396872" spans="14:14">
      <c r="N396872" s="10"/>
    </row>
    <row r="396873" spans="14:14">
      <c r="N396873" s="10"/>
    </row>
    <row r="396874" spans="14:14">
      <c r="N396874" s="10"/>
    </row>
    <row r="396875" spans="14:14">
      <c r="N396875" s="10"/>
    </row>
    <row r="396876" spans="14:14">
      <c r="N396876" s="10"/>
    </row>
    <row r="396877" spans="14:14">
      <c r="N396877" s="10"/>
    </row>
    <row r="396878" spans="14:14">
      <c r="N396878" s="10"/>
    </row>
    <row r="396879" spans="14:14">
      <c r="N396879" s="10"/>
    </row>
    <row r="396880" spans="14:14">
      <c r="N396880" s="10"/>
    </row>
    <row r="396881" spans="14:14">
      <c r="N396881" s="10"/>
    </row>
    <row r="396882" spans="14:14">
      <c r="N396882" s="10"/>
    </row>
    <row r="396883" spans="14:14">
      <c r="N396883" s="10"/>
    </row>
    <row r="396884" spans="14:14">
      <c r="N396884" s="10"/>
    </row>
    <row r="396885" spans="14:14">
      <c r="N396885" s="10"/>
    </row>
    <row r="396886" spans="14:14">
      <c r="N396886" s="10"/>
    </row>
    <row r="396887" spans="14:14">
      <c r="N396887" s="10"/>
    </row>
    <row r="396888" spans="14:14">
      <c r="N396888" s="10"/>
    </row>
    <row r="396889" spans="14:14">
      <c r="N396889" s="10"/>
    </row>
    <row r="396890" spans="14:14">
      <c r="N396890" s="10"/>
    </row>
    <row r="396891" spans="14:14">
      <c r="N396891" s="10"/>
    </row>
    <row r="396892" spans="14:14">
      <c r="N396892" s="10"/>
    </row>
    <row r="396893" spans="14:14">
      <c r="N396893" s="10"/>
    </row>
    <row r="396894" spans="14:14">
      <c r="N396894" s="10"/>
    </row>
    <row r="396895" spans="14:14">
      <c r="N396895" s="10"/>
    </row>
    <row r="396896" spans="14:14">
      <c r="N396896" s="10"/>
    </row>
    <row r="396897" spans="14:14">
      <c r="N396897" s="10"/>
    </row>
    <row r="396898" spans="14:14">
      <c r="N396898" s="10"/>
    </row>
    <row r="396899" spans="14:14">
      <c r="N396899" s="10"/>
    </row>
    <row r="396900" spans="14:14">
      <c r="N396900" s="10"/>
    </row>
    <row r="396901" spans="14:14">
      <c r="N396901" s="10"/>
    </row>
    <row r="396902" spans="14:14">
      <c r="N396902" s="10"/>
    </row>
    <row r="396903" spans="14:14">
      <c r="N396903" s="10"/>
    </row>
    <row r="396904" spans="14:14">
      <c r="N396904" s="10"/>
    </row>
    <row r="396905" spans="14:14">
      <c r="N396905" s="10"/>
    </row>
    <row r="396906" spans="14:14">
      <c r="N396906" s="10"/>
    </row>
    <row r="396907" spans="14:14">
      <c r="N396907" s="10"/>
    </row>
    <row r="396908" spans="14:14">
      <c r="N396908" s="10"/>
    </row>
    <row r="396909" spans="14:14">
      <c r="N396909" s="10"/>
    </row>
    <row r="396910" spans="14:14">
      <c r="N396910" s="10"/>
    </row>
    <row r="396911" spans="14:14">
      <c r="N396911" s="10"/>
    </row>
    <row r="396912" spans="14:14">
      <c r="N396912" s="10"/>
    </row>
    <row r="396913" spans="14:14">
      <c r="N396913" s="10"/>
    </row>
    <row r="396914" spans="14:14">
      <c r="N396914" s="10"/>
    </row>
    <row r="396915" spans="14:14">
      <c r="N396915" s="10"/>
    </row>
    <row r="396916" spans="14:14">
      <c r="N396916" s="10"/>
    </row>
    <row r="396917" spans="14:14">
      <c r="N396917" s="10"/>
    </row>
    <row r="396918" spans="14:14">
      <c r="N396918" s="10"/>
    </row>
    <row r="396919" spans="14:14">
      <c r="N396919" s="10"/>
    </row>
    <row r="396920" spans="14:14">
      <c r="N396920" s="10"/>
    </row>
    <row r="396921" spans="14:14">
      <c r="N396921" s="10"/>
    </row>
    <row r="396922" spans="14:14">
      <c r="N396922" s="10"/>
    </row>
    <row r="396923" spans="14:14">
      <c r="N396923" s="10"/>
    </row>
    <row r="396924" spans="14:14">
      <c r="N396924" s="10"/>
    </row>
    <row r="396925" spans="14:14">
      <c r="N396925" s="10"/>
    </row>
    <row r="396926" spans="14:14">
      <c r="N396926" s="10"/>
    </row>
    <row r="396927" spans="14:14">
      <c r="N396927" s="10"/>
    </row>
    <row r="396928" spans="14:14">
      <c r="N396928" s="10"/>
    </row>
    <row r="396929" spans="14:14">
      <c r="N396929" s="10"/>
    </row>
    <row r="396930" spans="14:14">
      <c r="N396930" s="10"/>
    </row>
    <row r="396931" spans="14:14">
      <c r="N396931" s="10"/>
    </row>
    <row r="396932" spans="14:14">
      <c r="N396932" s="10"/>
    </row>
    <row r="396933" spans="14:14">
      <c r="N396933" s="10"/>
    </row>
    <row r="396934" spans="14:14">
      <c r="N396934" s="10"/>
    </row>
    <row r="396935" spans="14:14">
      <c r="N396935" s="10"/>
    </row>
    <row r="396936" spans="14:14">
      <c r="N396936" s="10"/>
    </row>
    <row r="396937" spans="14:14">
      <c r="N396937" s="10"/>
    </row>
    <row r="396938" spans="14:14">
      <c r="N396938" s="10"/>
    </row>
    <row r="396939" spans="14:14">
      <c r="N396939" s="10"/>
    </row>
    <row r="396940" spans="14:14">
      <c r="N396940" s="10"/>
    </row>
    <row r="396941" spans="14:14">
      <c r="N396941" s="10"/>
    </row>
    <row r="396942" spans="14:14">
      <c r="N396942" s="10"/>
    </row>
    <row r="396943" spans="14:14">
      <c r="N396943" s="10"/>
    </row>
    <row r="396944" spans="14:14">
      <c r="N396944" s="10"/>
    </row>
    <row r="396945" spans="14:14">
      <c r="N396945" s="10"/>
    </row>
    <row r="396946" spans="14:14">
      <c r="N396946" s="10"/>
    </row>
    <row r="396947" spans="14:14">
      <c r="N396947" s="10"/>
    </row>
    <row r="396948" spans="14:14">
      <c r="N396948" s="10"/>
    </row>
    <row r="396949" spans="14:14">
      <c r="N396949" s="10"/>
    </row>
    <row r="396950" spans="14:14">
      <c r="N396950" s="10"/>
    </row>
    <row r="396951" spans="14:14">
      <c r="N396951" s="10"/>
    </row>
    <row r="396952" spans="14:14">
      <c r="N396952" s="10"/>
    </row>
    <row r="396953" spans="14:14">
      <c r="N396953" s="10"/>
    </row>
    <row r="396954" spans="14:14">
      <c r="N396954" s="10"/>
    </row>
    <row r="396955" spans="14:14">
      <c r="N396955" s="10"/>
    </row>
    <row r="396956" spans="14:14">
      <c r="N396956" s="10"/>
    </row>
    <row r="396957" spans="14:14">
      <c r="N396957" s="10"/>
    </row>
    <row r="396958" spans="14:14">
      <c r="N396958" s="10"/>
    </row>
    <row r="396959" spans="14:14">
      <c r="N396959" s="10"/>
    </row>
    <row r="396960" spans="14:14">
      <c r="N396960" s="10"/>
    </row>
    <row r="396961" spans="14:14">
      <c r="N396961" s="10"/>
    </row>
    <row r="396962" spans="14:14">
      <c r="N396962" s="10"/>
    </row>
    <row r="396963" spans="14:14">
      <c r="N396963" s="10"/>
    </row>
    <row r="396964" spans="14:14">
      <c r="N396964" s="10"/>
    </row>
    <row r="396965" spans="14:14">
      <c r="N396965" s="10"/>
    </row>
    <row r="396966" spans="14:14">
      <c r="N396966" s="10"/>
    </row>
    <row r="396967" spans="14:14">
      <c r="N396967" s="10"/>
    </row>
    <row r="396968" spans="14:14">
      <c r="N396968" s="10"/>
    </row>
    <row r="396969" spans="14:14">
      <c r="N396969" s="10"/>
    </row>
    <row r="396970" spans="14:14">
      <c r="N396970" s="10"/>
    </row>
    <row r="396971" spans="14:14">
      <c r="N396971" s="10"/>
    </row>
    <row r="396972" spans="14:14">
      <c r="N396972" s="10"/>
    </row>
    <row r="396973" spans="14:14">
      <c r="N396973" s="10"/>
    </row>
    <row r="396974" spans="14:14">
      <c r="N396974" s="10"/>
    </row>
    <row r="396975" spans="14:14">
      <c r="N396975" s="10"/>
    </row>
    <row r="396976" spans="14:14">
      <c r="N396976" s="10"/>
    </row>
    <row r="396977" spans="14:14">
      <c r="N396977" s="10"/>
    </row>
    <row r="396978" spans="14:14">
      <c r="N396978" s="10"/>
    </row>
    <row r="396979" spans="14:14">
      <c r="N396979" s="10"/>
    </row>
    <row r="396980" spans="14:14">
      <c r="N396980" s="10"/>
    </row>
    <row r="396981" spans="14:14">
      <c r="N396981" s="10"/>
    </row>
    <row r="396982" spans="14:14">
      <c r="N396982" s="10"/>
    </row>
    <row r="396983" spans="14:14">
      <c r="N396983" s="10"/>
    </row>
    <row r="396984" spans="14:14">
      <c r="N396984" s="10"/>
    </row>
    <row r="396985" spans="14:14">
      <c r="N396985" s="10"/>
    </row>
    <row r="396986" spans="14:14">
      <c r="N396986" s="10"/>
    </row>
    <row r="396987" spans="14:14">
      <c r="N396987" s="10"/>
    </row>
    <row r="396988" spans="14:14">
      <c r="N396988" s="10"/>
    </row>
    <row r="396989" spans="14:14">
      <c r="N396989" s="10"/>
    </row>
    <row r="396990" spans="14:14">
      <c r="N396990" s="10"/>
    </row>
    <row r="396991" spans="14:14">
      <c r="N396991" s="10"/>
    </row>
    <row r="396992" spans="14:14">
      <c r="N396992" s="10"/>
    </row>
    <row r="396993" spans="14:14">
      <c r="N396993" s="10"/>
    </row>
    <row r="396994" spans="14:14">
      <c r="N396994" s="10"/>
    </row>
    <row r="396995" spans="14:14">
      <c r="N396995" s="10"/>
    </row>
    <row r="396996" spans="14:14">
      <c r="N396996" s="10"/>
    </row>
    <row r="396997" spans="14:14">
      <c r="N396997" s="10"/>
    </row>
    <row r="396998" spans="14:14">
      <c r="N396998" s="10"/>
    </row>
    <row r="396999" spans="14:14">
      <c r="N396999" s="10"/>
    </row>
    <row r="397000" spans="14:14">
      <c r="N397000" s="10"/>
    </row>
    <row r="397001" spans="14:14">
      <c r="N397001" s="10"/>
    </row>
    <row r="397002" spans="14:14">
      <c r="N397002" s="10"/>
    </row>
    <row r="397003" spans="14:14">
      <c r="N397003" s="10"/>
    </row>
    <row r="397004" spans="14:14">
      <c r="N397004" s="10"/>
    </row>
    <row r="397005" spans="14:14">
      <c r="N397005" s="10"/>
    </row>
    <row r="397006" spans="14:14">
      <c r="N397006" s="10"/>
    </row>
    <row r="397007" spans="14:14">
      <c r="N397007" s="10"/>
    </row>
    <row r="397008" spans="14:14">
      <c r="N397008" s="10"/>
    </row>
    <row r="397009" spans="14:14">
      <c r="N397009" s="10"/>
    </row>
    <row r="397010" spans="14:14">
      <c r="N397010" s="10"/>
    </row>
    <row r="397011" spans="14:14">
      <c r="N397011" s="10"/>
    </row>
    <row r="397012" spans="14:14">
      <c r="N397012" s="10"/>
    </row>
    <row r="397013" spans="14:14">
      <c r="N397013" s="10"/>
    </row>
    <row r="397014" spans="14:14">
      <c r="N397014" s="10"/>
    </row>
    <row r="397015" spans="14:14">
      <c r="N397015" s="10"/>
    </row>
    <row r="397016" spans="14:14">
      <c r="N397016" s="10"/>
    </row>
    <row r="397017" spans="14:14">
      <c r="N397017" s="10"/>
    </row>
    <row r="397018" spans="14:14">
      <c r="N397018" s="10"/>
    </row>
    <row r="397019" spans="14:14">
      <c r="N397019" s="10"/>
    </row>
    <row r="397020" spans="14:14">
      <c r="N397020" s="10"/>
    </row>
    <row r="397021" spans="14:14">
      <c r="N397021" s="10"/>
    </row>
    <row r="397022" spans="14:14">
      <c r="N397022" s="10"/>
    </row>
    <row r="397023" spans="14:14">
      <c r="N397023" s="10"/>
    </row>
    <row r="397024" spans="14:14">
      <c r="N397024" s="10"/>
    </row>
    <row r="397025" spans="14:14">
      <c r="N397025" s="10"/>
    </row>
    <row r="397026" spans="14:14">
      <c r="N397026" s="10"/>
    </row>
    <row r="397027" spans="14:14">
      <c r="N397027" s="10"/>
    </row>
    <row r="397028" spans="14:14">
      <c r="N397028" s="10"/>
    </row>
    <row r="397029" spans="14:14">
      <c r="N397029" s="10"/>
    </row>
    <row r="397030" spans="14:14">
      <c r="N397030" s="10"/>
    </row>
    <row r="397031" spans="14:14">
      <c r="N397031" s="10"/>
    </row>
    <row r="397032" spans="14:14">
      <c r="N397032" s="10"/>
    </row>
    <row r="397033" spans="14:14">
      <c r="N397033" s="10"/>
    </row>
    <row r="397034" spans="14:14">
      <c r="N397034" s="10"/>
    </row>
    <row r="397035" spans="14:14">
      <c r="N397035" s="10"/>
    </row>
    <row r="397036" spans="14:14">
      <c r="N397036" s="10"/>
    </row>
    <row r="397037" spans="14:14">
      <c r="N397037" s="10"/>
    </row>
    <row r="397038" spans="14:14">
      <c r="N397038" s="10"/>
    </row>
    <row r="397039" spans="14:14">
      <c r="N397039" s="10"/>
    </row>
    <row r="397040" spans="14:14">
      <c r="N397040" s="10"/>
    </row>
    <row r="397041" spans="14:14">
      <c r="N397041" s="10"/>
    </row>
    <row r="397042" spans="14:14">
      <c r="N397042" s="10"/>
    </row>
    <row r="397043" spans="14:14">
      <c r="N397043" s="10"/>
    </row>
    <row r="397044" spans="14:14">
      <c r="N397044" s="10"/>
    </row>
    <row r="397045" spans="14:14">
      <c r="N397045" s="10"/>
    </row>
    <row r="397046" spans="14:14">
      <c r="N397046" s="10"/>
    </row>
    <row r="397047" spans="14:14">
      <c r="N397047" s="10"/>
    </row>
    <row r="397048" spans="14:14">
      <c r="N397048" s="10"/>
    </row>
    <row r="397049" spans="14:14">
      <c r="N397049" s="10"/>
    </row>
    <row r="397050" spans="14:14">
      <c r="N397050" s="10"/>
    </row>
    <row r="397051" spans="14:14">
      <c r="N397051" s="10"/>
    </row>
    <row r="397052" spans="14:14">
      <c r="N397052" s="10"/>
    </row>
    <row r="397053" spans="14:14">
      <c r="N397053" s="10"/>
    </row>
    <row r="397054" spans="14:14">
      <c r="N397054" s="10"/>
    </row>
    <row r="397055" spans="14:14">
      <c r="N397055" s="10"/>
    </row>
    <row r="397056" spans="14:14">
      <c r="N397056" s="10"/>
    </row>
    <row r="397057" spans="14:14">
      <c r="N397057" s="10"/>
    </row>
    <row r="397058" spans="14:14">
      <c r="N397058" s="10"/>
    </row>
    <row r="397059" spans="14:14">
      <c r="N397059" s="10"/>
    </row>
    <row r="397060" spans="14:14">
      <c r="N397060" s="10"/>
    </row>
    <row r="397061" spans="14:14">
      <c r="N397061" s="10"/>
    </row>
    <row r="397062" spans="14:14">
      <c r="N397062" s="10"/>
    </row>
    <row r="397063" spans="14:14">
      <c r="N397063" s="10"/>
    </row>
    <row r="397064" spans="14:14">
      <c r="N397064" s="10"/>
    </row>
    <row r="397065" spans="14:14">
      <c r="N397065" s="10"/>
    </row>
    <row r="397066" spans="14:14">
      <c r="N397066" s="10"/>
    </row>
    <row r="397067" spans="14:14">
      <c r="N397067" s="10"/>
    </row>
    <row r="397068" spans="14:14">
      <c r="N397068" s="10"/>
    </row>
    <row r="397069" spans="14:14">
      <c r="N397069" s="10"/>
    </row>
    <row r="397070" spans="14:14">
      <c r="N397070" s="10"/>
    </row>
    <row r="397071" spans="14:14">
      <c r="N397071" s="10"/>
    </row>
    <row r="397072" spans="14:14">
      <c r="N397072" s="10"/>
    </row>
    <row r="397073" spans="14:14">
      <c r="N397073" s="10"/>
    </row>
    <row r="397074" spans="14:14">
      <c r="N397074" s="10"/>
    </row>
    <row r="397075" spans="14:14">
      <c r="N397075" s="10"/>
    </row>
    <row r="397076" spans="14:14">
      <c r="N397076" s="10"/>
    </row>
    <row r="397077" spans="14:14">
      <c r="N397077" s="10"/>
    </row>
    <row r="397078" spans="14:14">
      <c r="N397078" s="10"/>
    </row>
    <row r="397079" spans="14:14">
      <c r="N397079" s="10"/>
    </row>
    <row r="397080" spans="14:14">
      <c r="N397080" s="10"/>
    </row>
    <row r="397081" spans="14:14">
      <c r="N397081" s="10"/>
    </row>
    <row r="397082" spans="14:14">
      <c r="N397082" s="10"/>
    </row>
    <row r="397083" spans="14:14">
      <c r="N397083" s="10"/>
    </row>
    <row r="397084" spans="14:14">
      <c r="N397084" s="10"/>
    </row>
    <row r="397085" spans="14:14">
      <c r="N397085" s="10"/>
    </row>
    <row r="397086" spans="14:14">
      <c r="N397086" s="10"/>
    </row>
    <row r="397087" spans="14:14">
      <c r="N397087" s="10"/>
    </row>
    <row r="397088" spans="14:14">
      <c r="N397088" s="10"/>
    </row>
    <row r="397089" spans="14:14">
      <c r="N397089" s="10"/>
    </row>
    <row r="397090" spans="14:14">
      <c r="N397090" s="10"/>
    </row>
    <row r="397091" spans="14:14">
      <c r="N397091" s="10"/>
    </row>
    <row r="397092" spans="14:14">
      <c r="N397092" s="10"/>
    </row>
    <row r="397093" spans="14:14">
      <c r="N397093" s="10"/>
    </row>
    <row r="397094" spans="14:14">
      <c r="N397094" s="10"/>
    </row>
    <row r="397095" spans="14:14">
      <c r="N397095" s="10"/>
    </row>
    <row r="397096" spans="14:14">
      <c r="N397096" s="10"/>
    </row>
    <row r="397097" spans="14:14">
      <c r="N397097" s="10"/>
    </row>
    <row r="397098" spans="14:14">
      <c r="N397098" s="10"/>
    </row>
    <row r="397099" spans="14:14">
      <c r="N397099" s="10"/>
    </row>
    <row r="397100" spans="14:14">
      <c r="N397100" s="10"/>
    </row>
    <row r="397101" spans="14:14">
      <c r="N397101" s="10"/>
    </row>
    <row r="397102" spans="14:14">
      <c r="N397102" s="10"/>
    </row>
    <row r="397103" spans="14:14">
      <c r="N397103" s="10"/>
    </row>
    <row r="397104" spans="14:14">
      <c r="N397104" s="10"/>
    </row>
    <row r="397105" spans="14:14">
      <c r="N397105" s="10"/>
    </row>
    <row r="397106" spans="14:14">
      <c r="N397106" s="10"/>
    </row>
    <row r="397107" spans="14:14">
      <c r="N397107" s="10"/>
    </row>
    <row r="397108" spans="14:14">
      <c r="N397108" s="10"/>
    </row>
    <row r="397109" spans="14:14">
      <c r="N397109" s="10"/>
    </row>
    <row r="397110" spans="14:14">
      <c r="N397110" s="10"/>
    </row>
    <row r="397111" spans="14:14">
      <c r="N397111" s="10"/>
    </row>
    <row r="397112" spans="14:14">
      <c r="N397112" s="10"/>
    </row>
    <row r="397113" spans="14:14">
      <c r="N397113" s="10"/>
    </row>
    <row r="397114" spans="14:14">
      <c r="N397114" s="10"/>
    </row>
    <row r="397115" spans="14:14">
      <c r="N397115" s="10"/>
    </row>
    <row r="397116" spans="14:14">
      <c r="N397116" s="10"/>
    </row>
    <row r="397117" spans="14:14">
      <c r="N397117" s="10"/>
    </row>
    <row r="397118" spans="14:14">
      <c r="N397118" s="10"/>
    </row>
    <row r="397119" spans="14:14">
      <c r="N397119" s="10"/>
    </row>
    <row r="397120" spans="14:14">
      <c r="N397120" s="10"/>
    </row>
    <row r="397121" spans="14:14">
      <c r="N397121" s="10"/>
    </row>
    <row r="397122" spans="14:14">
      <c r="N397122" s="10"/>
    </row>
    <row r="397123" spans="14:14">
      <c r="N397123" s="10"/>
    </row>
    <row r="397124" spans="14:14">
      <c r="N397124" s="10"/>
    </row>
    <row r="397125" spans="14:14">
      <c r="N397125" s="10"/>
    </row>
    <row r="397126" spans="14:14">
      <c r="N397126" s="10"/>
    </row>
    <row r="397127" spans="14:14">
      <c r="N397127" s="10"/>
    </row>
    <row r="397128" spans="14:14">
      <c r="N397128" s="10"/>
    </row>
    <row r="397129" spans="14:14">
      <c r="N397129" s="10"/>
    </row>
    <row r="397130" spans="14:14">
      <c r="N397130" s="10"/>
    </row>
    <row r="397131" spans="14:14">
      <c r="N397131" s="10"/>
    </row>
    <row r="397132" spans="14:14">
      <c r="N397132" s="10"/>
    </row>
    <row r="397133" spans="14:14">
      <c r="N397133" s="10"/>
    </row>
    <row r="397134" spans="14:14">
      <c r="N397134" s="10"/>
    </row>
    <row r="397135" spans="14:14">
      <c r="N397135" s="10"/>
    </row>
    <row r="397136" spans="14:14">
      <c r="N397136" s="10"/>
    </row>
    <row r="397137" spans="14:14">
      <c r="N397137" s="10"/>
    </row>
    <row r="397138" spans="14:14">
      <c r="N397138" s="10"/>
    </row>
    <row r="397139" spans="14:14">
      <c r="N397139" s="10"/>
    </row>
    <row r="397140" spans="14:14">
      <c r="N397140" s="10"/>
    </row>
    <row r="397141" spans="14:14">
      <c r="N397141" s="10"/>
    </row>
    <row r="397142" spans="14:14">
      <c r="N397142" s="10"/>
    </row>
    <row r="397143" spans="14:14">
      <c r="N397143" s="10"/>
    </row>
    <row r="397144" spans="14:14">
      <c r="N397144" s="10"/>
    </row>
    <row r="397145" spans="14:14">
      <c r="N397145" s="10"/>
    </row>
    <row r="397146" spans="14:14">
      <c r="N397146" s="10"/>
    </row>
    <row r="397147" spans="14:14">
      <c r="N397147" s="10"/>
    </row>
    <row r="397148" spans="14:14">
      <c r="N397148" s="10"/>
    </row>
    <row r="397149" spans="14:14">
      <c r="N397149" s="10"/>
    </row>
    <row r="397150" spans="14:14">
      <c r="N397150" s="10"/>
    </row>
    <row r="397151" spans="14:14">
      <c r="N397151" s="10"/>
    </row>
    <row r="397152" spans="14:14">
      <c r="N397152" s="10"/>
    </row>
    <row r="397153" spans="14:14">
      <c r="N397153" s="10"/>
    </row>
    <row r="397154" spans="14:14">
      <c r="N397154" s="10"/>
    </row>
    <row r="397155" spans="14:14">
      <c r="N397155" s="10"/>
    </row>
    <row r="397156" spans="14:14">
      <c r="N397156" s="10"/>
    </row>
    <row r="397157" spans="14:14">
      <c r="N397157" s="10"/>
    </row>
    <row r="397158" spans="14:14">
      <c r="N397158" s="10"/>
    </row>
    <row r="397159" spans="14:14">
      <c r="N397159" s="10"/>
    </row>
    <row r="397160" spans="14:14">
      <c r="N397160" s="10"/>
    </row>
    <row r="397161" spans="14:14">
      <c r="N397161" s="10"/>
    </row>
    <row r="397162" spans="14:14">
      <c r="N397162" s="10"/>
    </row>
    <row r="397163" spans="14:14">
      <c r="N397163" s="10"/>
    </row>
    <row r="397164" spans="14:14">
      <c r="N397164" s="10"/>
    </row>
    <row r="397165" spans="14:14">
      <c r="N397165" s="10"/>
    </row>
    <row r="397166" spans="14:14">
      <c r="N397166" s="10"/>
    </row>
    <row r="397167" spans="14:14">
      <c r="N397167" s="10"/>
    </row>
    <row r="397168" spans="14:14">
      <c r="N397168" s="10"/>
    </row>
    <row r="397169" spans="14:14">
      <c r="N397169" s="10"/>
    </row>
    <row r="397170" spans="14:14">
      <c r="N397170" s="10"/>
    </row>
    <row r="397171" spans="14:14">
      <c r="N397171" s="10"/>
    </row>
    <row r="397172" spans="14:14">
      <c r="N397172" s="10"/>
    </row>
    <row r="397173" spans="14:14">
      <c r="N397173" s="10"/>
    </row>
    <row r="397174" spans="14:14">
      <c r="N397174" s="10"/>
    </row>
    <row r="397175" spans="14:14">
      <c r="N397175" s="10"/>
    </row>
    <row r="397176" spans="14:14">
      <c r="N397176" s="10"/>
    </row>
    <row r="397177" spans="14:14">
      <c r="N397177" s="10"/>
    </row>
    <row r="397178" spans="14:14">
      <c r="N397178" s="10"/>
    </row>
    <row r="397179" spans="14:14">
      <c r="N397179" s="10"/>
    </row>
    <row r="397180" spans="14:14">
      <c r="N397180" s="10"/>
    </row>
    <row r="397181" spans="14:14">
      <c r="N397181" s="10"/>
    </row>
    <row r="397182" spans="14:14">
      <c r="N397182" s="10"/>
    </row>
    <row r="397183" spans="14:14">
      <c r="N397183" s="10"/>
    </row>
    <row r="397184" spans="14:14">
      <c r="N397184" s="10"/>
    </row>
    <row r="397185" spans="14:14">
      <c r="N397185" s="10"/>
    </row>
    <row r="397186" spans="14:14">
      <c r="N397186" s="10"/>
    </row>
    <row r="397187" spans="14:14">
      <c r="N397187" s="10"/>
    </row>
    <row r="397188" spans="14:14">
      <c r="N397188" s="10"/>
    </row>
    <row r="397189" spans="14:14">
      <c r="N397189" s="10"/>
    </row>
    <row r="397190" spans="14:14">
      <c r="N397190" s="10"/>
    </row>
    <row r="397191" spans="14:14">
      <c r="N397191" s="10"/>
    </row>
    <row r="397192" spans="14:14">
      <c r="N397192" s="10"/>
    </row>
    <row r="397193" spans="14:14">
      <c r="N397193" s="10"/>
    </row>
    <row r="397194" spans="14:14">
      <c r="N397194" s="10"/>
    </row>
    <row r="397195" spans="14:14">
      <c r="N397195" s="10"/>
    </row>
    <row r="397196" spans="14:14">
      <c r="N397196" s="10"/>
    </row>
    <row r="397197" spans="14:14">
      <c r="N397197" s="10"/>
    </row>
    <row r="397198" spans="14:14">
      <c r="N397198" s="10"/>
    </row>
    <row r="397199" spans="14:14">
      <c r="N397199" s="10"/>
    </row>
    <row r="397200" spans="14:14">
      <c r="N397200" s="10"/>
    </row>
    <row r="397201" spans="14:14">
      <c r="N397201" s="10"/>
    </row>
    <row r="397202" spans="14:14">
      <c r="N397202" s="10"/>
    </row>
    <row r="397203" spans="14:14">
      <c r="N397203" s="10"/>
    </row>
    <row r="397204" spans="14:14">
      <c r="N397204" s="10"/>
    </row>
    <row r="397205" spans="14:14">
      <c r="N397205" s="10"/>
    </row>
    <row r="397206" spans="14:14">
      <c r="N397206" s="10"/>
    </row>
    <row r="397207" spans="14:14">
      <c r="N397207" s="10"/>
    </row>
    <row r="397208" spans="14:14">
      <c r="N397208" s="10"/>
    </row>
    <row r="397209" spans="14:14">
      <c r="N397209" s="10"/>
    </row>
    <row r="397210" spans="14:14">
      <c r="N397210" s="10"/>
    </row>
    <row r="397211" spans="14:14">
      <c r="N397211" s="10"/>
    </row>
    <row r="397212" spans="14:14">
      <c r="N397212" s="10"/>
    </row>
    <row r="397213" spans="14:14">
      <c r="N397213" s="10"/>
    </row>
    <row r="397214" spans="14:14">
      <c r="N397214" s="10"/>
    </row>
    <row r="397215" spans="14:14">
      <c r="N397215" s="10"/>
    </row>
    <row r="397216" spans="14:14">
      <c r="N397216" s="10"/>
    </row>
    <row r="397217" spans="14:14">
      <c r="N397217" s="10"/>
    </row>
    <row r="397218" spans="14:14">
      <c r="N397218" s="10"/>
    </row>
    <row r="397219" spans="14:14">
      <c r="N397219" s="10"/>
    </row>
    <row r="397220" spans="14:14">
      <c r="N397220" s="10"/>
    </row>
    <row r="397221" spans="14:14">
      <c r="N397221" s="10"/>
    </row>
    <row r="397222" spans="14:14">
      <c r="N397222" s="10"/>
    </row>
    <row r="397223" spans="14:14">
      <c r="N397223" s="10"/>
    </row>
    <row r="397224" spans="14:14">
      <c r="N397224" s="10"/>
    </row>
    <row r="397225" spans="14:14">
      <c r="N397225" s="10"/>
    </row>
    <row r="397226" spans="14:14">
      <c r="N397226" s="10"/>
    </row>
    <row r="397227" spans="14:14">
      <c r="N397227" s="10"/>
    </row>
    <row r="397228" spans="14:14">
      <c r="N397228" s="10"/>
    </row>
    <row r="397229" spans="14:14">
      <c r="N397229" s="10"/>
    </row>
    <row r="397230" spans="14:14">
      <c r="N397230" s="10"/>
    </row>
    <row r="397231" spans="14:14">
      <c r="N397231" s="10"/>
    </row>
    <row r="397232" spans="14:14">
      <c r="N397232" s="10"/>
    </row>
    <row r="397233" spans="14:14">
      <c r="N397233" s="10"/>
    </row>
    <row r="397234" spans="14:14">
      <c r="N397234" s="10"/>
    </row>
    <row r="397235" spans="14:14">
      <c r="N397235" s="10"/>
    </row>
    <row r="397236" spans="14:14">
      <c r="N397236" s="10"/>
    </row>
    <row r="397237" spans="14:14">
      <c r="N397237" s="10"/>
    </row>
    <row r="397238" spans="14:14">
      <c r="N397238" s="10"/>
    </row>
    <row r="397239" spans="14:14">
      <c r="N397239" s="10"/>
    </row>
    <row r="397240" spans="14:14">
      <c r="N397240" s="10"/>
    </row>
    <row r="397241" spans="14:14">
      <c r="N397241" s="10"/>
    </row>
    <row r="397242" spans="14:14">
      <c r="N397242" s="10"/>
    </row>
    <row r="397243" spans="14:14">
      <c r="N397243" s="10"/>
    </row>
    <row r="397244" spans="14:14">
      <c r="N397244" s="10"/>
    </row>
    <row r="397245" spans="14:14">
      <c r="N397245" s="10"/>
    </row>
    <row r="397246" spans="14:14">
      <c r="N397246" s="10"/>
    </row>
    <row r="397247" spans="14:14">
      <c r="N397247" s="10"/>
    </row>
    <row r="397248" spans="14:14">
      <c r="N397248" s="10"/>
    </row>
    <row r="397249" spans="14:14">
      <c r="N397249" s="10"/>
    </row>
    <row r="397250" spans="14:14">
      <c r="N397250" s="10"/>
    </row>
    <row r="397251" spans="14:14">
      <c r="N397251" s="10"/>
    </row>
    <row r="397252" spans="14:14">
      <c r="N397252" s="10"/>
    </row>
    <row r="397253" spans="14:14">
      <c r="N397253" s="10"/>
    </row>
    <row r="397254" spans="14:14">
      <c r="N397254" s="10"/>
    </row>
    <row r="397255" spans="14:14">
      <c r="N397255" s="10"/>
    </row>
    <row r="397256" spans="14:14">
      <c r="N397256" s="10"/>
    </row>
    <row r="397257" spans="14:14">
      <c r="N397257" s="10"/>
    </row>
    <row r="397258" spans="14:14">
      <c r="N397258" s="10"/>
    </row>
    <row r="397259" spans="14:14">
      <c r="N397259" s="10"/>
    </row>
    <row r="397260" spans="14:14">
      <c r="N397260" s="10"/>
    </row>
    <row r="397261" spans="14:14">
      <c r="N397261" s="10"/>
    </row>
    <row r="397262" spans="14:14">
      <c r="N397262" s="10"/>
    </row>
    <row r="397263" spans="14:14">
      <c r="N397263" s="10"/>
    </row>
    <row r="397264" spans="14:14">
      <c r="N397264" s="10"/>
    </row>
    <row r="397265" spans="14:14">
      <c r="N397265" s="10"/>
    </row>
    <row r="397266" spans="14:14">
      <c r="N397266" s="10"/>
    </row>
    <row r="397267" spans="14:14">
      <c r="N397267" s="10"/>
    </row>
    <row r="397268" spans="14:14">
      <c r="N397268" s="10"/>
    </row>
    <row r="397269" spans="14:14">
      <c r="N397269" s="10"/>
    </row>
    <row r="397270" spans="14:14">
      <c r="N397270" s="10"/>
    </row>
    <row r="397271" spans="14:14">
      <c r="N397271" s="10"/>
    </row>
    <row r="397272" spans="14:14">
      <c r="N397272" s="10"/>
    </row>
    <row r="397273" spans="14:14">
      <c r="N397273" s="10"/>
    </row>
    <row r="397274" spans="14:14">
      <c r="N397274" s="10"/>
    </row>
    <row r="397275" spans="14:14">
      <c r="N397275" s="10"/>
    </row>
    <row r="397276" spans="14:14">
      <c r="N397276" s="10"/>
    </row>
    <row r="397277" spans="14:14">
      <c r="N397277" s="10"/>
    </row>
    <row r="397278" spans="14:14">
      <c r="N397278" s="10"/>
    </row>
    <row r="397279" spans="14:14">
      <c r="N397279" s="10"/>
    </row>
    <row r="397280" spans="14:14">
      <c r="N397280" s="10"/>
    </row>
    <row r="397281" spans="14:14">
      <c r="N397281" s="10"/>
    </row>
    <row r="397282" spans="14:14">
      <c r="N397282" s="10"/>
    </row>
    <row r="397283" spans="14:14">
      <c r="N397283" s="10"/>
    </row>
    <row r="397284" spans="14:14">
      <c r="N397284" s="10"/>
    </row>
    <row r="397285" spans="14:14">
      <c r="N397285" s="10"/>
    </row>
    <row r="397286" spans="14:14">
      <c r="N397286" s="10"/>
    </row>
    <row r="397287" spans="14:14">
      <c r="N397287" s="10"/>
    </row>
    <row r="397288" spans="14:14">
      <c r="N397288" s="10"/>
    </row>
    <row r="397289" spans="14:14">
      <c r="N397289" s="10"/>
    </row>
    <row r="397290" spans="14:14">
      <c r="N397290" s="10"/>
    </row>
    <row r="397291" spans="14:14">
      <c r="N397291" s="10"/>
    </row>
    <row r="397292" spans="14:14">
      <c r="N397292" s="10"/>
    </row>
    <row r="397293" spans="14:14">
      <c r="N397293" s="10"/>
    </row>
    <row r="397294" spans="14:14">
      <c r="N397294" s="10"/>
    </row>
    <row r="397295" spans="14:14">
      <c r="N397295" s="10"/>
    </row>
    <row r="397296" spans="14:14">
      <c r="N397296" s="10"/>
    </row>
    <row r="397297" spans="14:14">
      <c r="N397297" s="10"/>
    </row>
    <row r="397298" spans="14:14">
      <c r="N397298" s="10"/>
    </row>
    <row r="397299" spans="14:14">
      <c r="N397299" s="10"/>
    </row>
    <row r="397300" spans="14:14">
      <c r="N397300" s="10"/>
    </row>
    <row r="397301" spans="14:14">
      <c r="N397301" s="10"/>
    </row>
    <row r="397302" spans="14:14">
      <c r="N397302" s="10"/>
    </row>
    <row r="397303" spans="14:14">
      <c r="N397303" s="10"/>
    </row>
    <row r="397304" spans="14:14">
      <c r="N397304" s="10"/>
    </row>
    <row r="397305" spans="14:14">
      <c r="N397305" s="10"/>
    </row>
    <row r="397306" spans="14:14">
      <c r="N397306" s="10"/>
    </row>
    <row r="397307" spans="14:14">
      <c r="N397307" s="10"/>
    </row>
    <row r="397308" spans="14:14">
      <c r="N397308" s="10"/>
    </row>
    <row r="397309" spans="14:14">
      <c r="N397309" s="10"/>
    </row>
    <row r="397310" spans="14:14">
      <c r="N397310" s="10"/>
    </row>
    <row r="397311" spans="14:14">
      <c r="N397311" s="10"/>
    </row>
    <row r="397312" spans="14:14">
      <c r="N397312" s="10"/>
    </row>
    <row r="397313" spans="14:14">
      <c r="N397313" s="10"/>
    </row>
    <row r="397314" spans="14:14">
      <c r="N397314" s="10"/>
    </row>
    <row r="397315" spans="14:14">
      <c r="N397315" s="10"/>
    </row>
    <row r="397316" spans="14:14">
      <c r="N397316" s="10"/>
    </row>
    <row r="397317" spans="14:14">
      <c r="N397317" s="10"/>
    </row>
    <row r="397318" spans="14:14">
      <c r="N397318" s="10"/>
    </row>
    <row r="397319" spans="14:14">
      <c r="N397319" s="10"/>
    </row>
    <row r="397320" spans="14:14">
      <c r="N397320" s="10"/>
    </row>
    <row r="397321" spans="14:14">
      <c r="N397321" s="10"/>
    </row>
    <row r="397322" spans="14:14">
      <c r="N397322" s="10"/>
    </row>
    <row r="397323" spans="14:14">
      <c r="N397323" s="10"/>
    </row>
    <row r="397324" spans="14:14">
      <c r="N397324" s="10"/>
    </row>
    <row r="397325" spans="14:14">
      <c r="N397325" s="10"/>
    </row>
    <row r="397326" spans="14:14">
      <c r="N397326" s="10"/>
    </row>
    <row r="397327" spans="14:14">
      <c r="N397327" s="10"/>
    </row>
    <row r="397328" spans="14:14">
      <c r="N397328" s="10"/>
    </row>
    <row r="397329" spans="14:14">
      <c r="N397329" s="10"/>
    </row>
    <row r="397330" spans="14:14">
      <c r="N397330" s="10"/>
    </row>
    <row r="397331" spans="14:14">
      <c r="N397331" s="10"/>
    </row>
    <row r="397332" spans="14:14">
      <c r="N397332" s="10"/>
    </row>
    <row r="397333" spans="14:14">
      <c r="N397333" s="10"/>
    </row>
    <row r="397334" spans="14:14">
      <c r="N397334" s="10"/>
    </row>
    <row r="397335" spans="14:14">
      <c r="N397335" s="10"/>
    </row>
    <row r="397336" spans="14:14">
      <c r="N397336" s="10"/>
    </row>
    <row r="397337" spans="14:14">
      <c r="N397337" s="10"/>
    </row>
    <row r="397338" spans="14:14">
      <c r="N397338" s="10"/>
    </row>
    <row r="397339" spans="14:14">
      <c r="N397339" s="10"/>
    </row>
    <row r="397340" spans="14:14">
      <c r="N397340" s="10"/>
    </row>
    <row r="397341" spans="14:14">
      <c r="N397341" s="10"/>
    </row>
    <row r="397342" spans="14:14">
      <c r="N397342" s="10"/>
    </row>
    <row r="397343" spans="14:14">
      <c r="N397343" s="10"/>
    </row>
    <row r="397344" spans="14:14">
      <c r="N397344" s="10"/>
    </row>
    <row r="397345" spans="14:14">
      <c r="N397345" s="10"/>
    </row>
    <row r="397346" spans="14:14">
      <c r="N397346" s="10"/>
    </row>
    <row r="397347" spans="14:14">
      <c r="N397347" s="10"/>
    </row>
    <row r="397348" spans="14:14">
      <c r="N397348" s="10"/>
    </row>
    <row r="397349" spans="14:14">
      <c r="N397349" s="10"/>
    </row>
    <row r="397350" spans="14:14">
      <c r="N397350" s="10"/>
    </row>
    <row r="397351" spans="14:14">
      <c r="N397351" s="10"/>
    </row>
    <row r="397352" spans="14:14">
      <c r="N397352" s="10"/>
    </row>
    <row r="397353" spans="14:14">
      <c r="N397353" s="10"/>
    </row>
    <row r="397354" spans="14:14">
      <c r="N397354" s="10"/>
    </row>
    <row r="397355" spans="14:14">
      <c r="N397355" s="10"/>
    </row>
    <row r="397356" spans="14:14">
      <c r="N397356" s="10"/>
    </row>
    <row r="397357" spans="14:14">
      <c r="N397357" s="10"/>
    </row>
    <row r="397358" spans="14:14">
      <c r="N397358" s="10"/>
    </row>
    <row r="397359" spans="14:14">
      <c r="N397359" s="10"/>
    </row>
    <row r="397360" spans="14:14">
      <c r="N397360" s="10"/>
    </row>
    <row r="397361" spans="14:14">
      <c r="N397361" s="10"/>
    </row>
    <row r="397362" spans="14:14">
      <c r="N397362" s="10"/>
    </row>
    <row r="397363" spans="14:14">
      <c r="N397363" s="10"/>
    </row>
    <row r="397364" spans="14:14">
      <c r="N397364" s="10"/>
    </row>
    <row r="397365" spans="14:14">
      <c r="N397365" s="10"/>
    </row>
    <row r="397366" spans="14:14">
      <c r="N397366" s="10"/>
    </row>
    <row r="397367" spans="14:14">
      <c r="N397367" s="10"/>
    </row>
    <row r="397368" spans="14:14">
      <c r="N397368" s="10"/>
    </row>
    <row r="397369" spans="14:14">
      <c r="N397369" s="10"/>
    </row>
    <row r="397370" spans="14:14">
      <c r="N397370" s="10"/>
    </row>
    <row r="397371" spans="14:14">
      <c r="N397371" s="10"/>
    </row>
    <row r="397372" spans="14:14">
      <c r="N397372" s="10"/>
    </row>
    <row r="397373" spans="14:14">
      <c r="N397373" s="10"/>
    </row>
    <row r="397374" spans="14:14">
      <c r="N397374" s="10"/>
    </row>
    <row r="397375" spans="14:14">
      <c r="N397375" s="10"/>
    </row>
    <row r="397376" spans="14:14">
      <c r="N397376" s="10"/>
    </row>
    <row r="397377" spans="14:14">
      <c r="N397377" s="10"/>
    </row>
    <row r="397378" spans="14:14">
      <c r="N397378" s="10"/>
    </row>
    <row r="397379" spans="14:14">
      <c r="N397379" s="10"/>
    </row>
    <row r="397380" spans="14:14">
      <c r="N397380" s="10"/>
    </row>
    <row r="397381" spans="14:14">
      <c r="N397381" s="10"/>
    </row>
    <row r="397382" spans="14:14">
      <c r="N397382" s="10"/>
    </row>
    <row r="397383" spans="14:14">
      <c r="N397383" s="10"/>
    </row>
    <row r="397384" spans="14:14">
      <c r="N397384" s="10"/>
    </row>
    <row r="397385" spans="14:14">
      <c r="N397385" s="10"/>
    </row>
    <row r="397386" spans="14:14">
      <c r="N397386" s="10"/>
    </row>
    <row r="397387" spans="14:14">
      <c r="N397387" s="10"/>
    </row>
    <row r="397388" spans="14:14">
      <c r="N397388" s="10"/>
    </row>
    <row r="397389" spans="14:14">
      <c r="N397389" s="10"/>
    </row>
    <row r="397390" spans="14:14">
      <c r="N397390" s="10"/>
    </row>
    <row r="397391" spans="14:14">
      <c r="N397391" s="10"/>
    </row>
    <row r="397392" spans="14:14">
      <c r="N397392" s="10"/>
    </row>
    <row r="397393" spans="14:14">
      <c r="N397393" s="10"/>
    </row>
    <row r="397394" spans="14:14">
      <c r="N397394" s="10"/>
    </row>
    <row r="397395" spans="14:14">
      <c r="N397395" s="10"/>
    </row>
    <row r="397396" spans="14:14">
      <c r="N397396" s="10"/>
    </row>
    <row r="397397" spans="14:14">
      <c r="N397397" s="10"/>
    </row>
    <row r="397398" spans="14:14">
      <c r="N397398" s="10"/>
    </row>
    <row r="397399" spans="14:14">
      <c r="N397399" s="10"/>
    </row>
    <row r="397400" spans="14:14">
      <c r="N397400" s="10"/>
    </row>
    <row r="397401" spans="14:14">
      <c r="N397401" s="10"/>
    </row>
    <row r="397402" spans="14:14">
      <c r="N397402" s="10"/>
    </row>
    <row r="397403" spans="14:14">
      <c r="N397403" s="10"/>
    </row>
    <row r="397404" spans="14:14">
      <c r="N397404" s="10"/>
    </row>
    <row r="397405" spans="14:14">
      <c r="N397405" s="10"/>
    </row>
    <row r="397406" spans="14:14">
      <c r="N397406" s="10"/>
    </row>
    <row r="397407" spans="14:14">
      <c r="N397407" s="10"/>
    </row>
    <row r="397408" spans="14:14">
      <c r="N397408" s="10"/>
    </row>
    <row r="397409" spans="14:14">
      <c r="N397409" s="10"/>
    </row>
    <row r="397410" spans="14:14">
      <c r="N397410" s="10"/>
    </row>
    <row r="397411" spans="14:14">
      <c r="N397411" s="10"/>
    </row>
    <row r="397412" spans="14:14">
      <c r="N397412" s="10"/>
    </row>
    <row r="397413" spans="14:14">
      <c r="N397413" s="10"/>
    </row>
    <row r="397414" spans="14:14">
      <c r="N397414" s="10"/>
    </row>
    <row r="397415" spans="14:14">
      <c r="N397415" s="10"/>
    </row>
    <row r="397416" spans="14:14">
      <c r="N397416" s="10"/>
    </row>
    <row r="397417" spans="14:14">
      <c r="N397417" s="10"/>
    </row>
    <row r="397418" spans="14:14">
      <c r="N397418" s="10"/>
    </row>
    <row r="397419" spans="14:14">
      <c r="N397419" s="10"/>
    </row>
    <row r="397420" spans="14:14">
      <c r="N397420" s="10"/>
    </row>
    <row r="397421" spans="14:14">
      <c r="N397421" s="10"/>
    </row>
    <row r="397422" spans="14:14">
      <c r="N397422" s="10"/>
    </row>
    <row r="397423" spans="14:14">
      <c r="N397423" s="10"/>
    </row>
    <row r="397424" spans="14:14">
      <c r="N397424" s="10"/>
    </row>
    <row r="397425" spans="14:14">
      <c r="N397425" s="10"/>
    </row>
    <row r="397426" spans="14:14">
      <c r="N397426" s="10"/>
    </row>
    <row r="397427" spans="14:14">
      <c r="N397427" s="10"/>
    </row>
    <row r="397428" spans="14:14">
      <c r="N397428" s="10"/>
    </row>
    <row r="397429" spans="14:14">
      <c r="N397429" s="10"/>
    </row>
    <row r="397430" spans="14:14">
      <c r="N397430" s="10"/>
    </row>
    <row r="397431" spans="14:14">
      <c r="N397431" s="10"/>
    </row>
    <row r="397432" spans="14:14">
      <c r="N397432" s="10"/>
    </row>
    <row r="397433" spans="14:14">
      <c r="N397433" s="10"/>
    </row>
    <row r="397434" spans="14:14">
      <c r="N397434" s="10"/>
    </row>
    <row r="397435" spans="14:14">
      <c r="N397435" s="10"/>
    </row>
    <row r="397436" spans="14:14">
      <c r="N397436" s="10"/>
    </row>
    <row r="397437" spans="14:14">
      <c r="N397437" s="10"/>
    </row>
    <row r="397438" spans="14:14">
      <c r="N397438" s="10"/>
    </row>
    <row r="397439" spans="14:14">
      <c r="N397439" s="10"/>
    </row>
    <row r="397440" spans="14:14">
      <c r="N397440" s="10"/>
    </row>
    <row r="397441" spans="14:14">
      <c r="N397441" s="10"/>
    </row>
    <row r="397442" spans="14:14">
      <c r="N397442" s="10"/>
    </row>
    <row r="397443" spans="14:14">
      <c r="N397443" s="10"/>
    </row>
    <row r="397444" spans="14:14">
      <c r="N397444" s="10"/>
    </row>
    <row r="397445" spans="14:14">
      <c r="N397445" s="10"/>
    </row>
    <row r="397446" spans="14:14">
      <c r="N397446" s="10"/>
    </row>
    <row r="397447" spans="14:14">
      <c r="N397447" s="10"/>
    </row>
    <row r="397448" spans="14:14">
      <c r="N397448" s="10"/>
    </row>
    <row r="397449" spans="14:14">
      <c r="N397449" s="10"/>
    </row>
    <row r="397450" spans="14:14">
      <c r="N397450" s="10"/>
    </row>
    <row r="397451" spans="14:14">
      <c r="N397451" s="10"/>
    </row>
    <row r="397452" spans="14:14">
      <c r="N397452" s="10"/>
    </row>
    <row r="397453" spans="14:14">
      <c r="N397453" s="10"/>
    </row>
    <row r="397454" spans="14:14">
      <c r="N397454" s="10"/>
    </row>
    <row r="397455" spans="14:14">
      <c r="N397455" s="10"/>
    </row>
    <row r="397456" spans="14:14">
      <c r="N397456" s="10"/>
    </row>
    <row r="397457" spans="14:14">
      <c r="N397457" s="10"/>
    </row>
    <row r="397458" spans="14:14">
      <c r="N397458" s="10"/>
    </row>
    <row r="397459" spans="14:14">
      <c r="N397459" s="10"/>
    </row>
    <row r="397460" spans="14:14">
      <c r="N397460" s="10"/>
    </row>
    <row r="397461" spans="14:14">
      <c r="N397461" s="10"/>
    </row>
    <row r="397462" spans="14:14">
      <c r="N397462" s="10"/>
    </row>
    <row r="397463" spans="14:14">
      <c r="N397463" s="10"/>
    </row>
    <row r="397464" spans="14:14">
      <c r="N397464" s="10"/>
    </row>
    <row r="397465" spans="14:14">
      <c r="N397465" s="10"/>
    </row>
    <row r="397466" spans="14:14">
      <c r="N397466" s="10"/>
    </row>
    <row r="397467" spans="14:14">
      <c r="N397467" s="10"/>
    </row>
    <row r="397468" spans="14:14">
      <c r="N397468" s="10"/>
    </row>
    <row r="397469" spans="14:14">
      <c r="N397469" s="10"/>
    </row>
    <row r="397470" spans="14:14">
      <c r="N397470" s="10"/>
    </row>
    <row r="397471" spans="14:14">
      <c r="N397471" s="10"/>
    </row>
    <row r="397472" spans="14:14">
      <c r="N397472" s="10"/>
    </row>
    <row r="397473" spans="14:14">
      <c r="N397473" s="10"/>
    </row>
    <row r="397474" spans="14:14">
      <c r="N397474" s="10"/>
    </row>
    <row r="397475" spans="14:14">
      <c r="N397475" s="10"/>
    </row>
    <row r="397476" spans="14:14">
      <c r="N397476" s="10"/>
    </row>
    <row r="397477" spans="14:14">
      <c r="N397477" s="10"/>
    </row>
    <row r="397478" spans="14:14">
      <c r="N397478" s="10"/>
    </row>
    <row r="397479" spans="14:14">
      <c r="N397479" s="10"/>
    </row>
    <row r="397480" spans="14:14">
      <c r="N397480" s="10"/>
    </row>
    <row r="397481" spans="14:14">
      <c r="N397481" s="10"/>
    </row>
    <row r="397482" spans="14:14">
      <c r="N397482" s="10"/>
    </row>
    <row r="397483" spans="14:14">
      <c r="N397483" s="10"/>
    </row>
    <row r="397484" spans="14:14">
      <c r="N397484" s="10"/>
    </row>
    <row r="397485" spans="14:14">
      <c r="N397485" s="10"/>
    </row>
    <row r="397486" spans="14:14">
      <c r="N397486" s="10"/>
    </row>
    <row r="397487" spans="14:14">
      <c r="N397487" s="10"/>
    </row>
    <row r="397488" spans="14:14">
      <c r="N397488" s="10"/>
    </row>
    <row r="397489" spans="14:14">
      <c r="N397489" s="10"/>
    </row>
    <row r="397490" spans="14:14">
      <c r="N397490" s="10"/>
    </row>
    <row r="397491" spans="14:14">
      <c r="N397491" s="10"/>
    </row>
    <row r="397492" spans="14:14">
      <c r="N397492" s="10"/>
    </row>
    <row r="397493" spans="14:14">
      <c r="N397493" s="10"/>
    </row>
    <row r="397494" spans="14:14">
      <c r="N397494" s="10"/>
    </row>
    <row r="397495" spans="14:14">
      <c r="N397495" s="10"/>
    </row>
    <row r="397496" spans="14:14">
      <c r="N397496" s="10"/>
    </row>
    <row r="397497" spans="14:14">
      <c r="N397497" s="10"/>
    </row>
    <row r="397498" spans="14:14">
      <c r="N397498" s="10"/>
    </row>
    <row r="397499" spans="14:14">
      <c r="N397499" s="10"/>
    </row>
    <row r="397500" spans="14:14">
      <c r="N397500" s="10"/>
    </row>
    <row r="397501" spans="14:14">
      <c r="N397501" s="10"/>
    </row>
    <row r="397502" spans="14:14">
      <c r="N397502" s="10"/>
    </row>
    <row r="397503" spans="14:14">
      <c r="N397503" s="10"/>
    </row>
    <row r="397504" spans="14:14">
      <c r="N397504" s="10"/>
    </row>
    <row r="397505" spans="14:14">
      <c r="N397505" s="10"/>
    </row>
    <row r="397506" spans="14:14">
      <c r="N397506" s="10"/>
    </row>
    <row r="397507" spans="14:14">
      <c r="N397507" s="10"/>
    </row>
    <row r="397508" spans="14:14">
      <c r="N397508" s="10"/>
    </row>
    <row r="397509" spans="14:14">
      <c r="N397509" s="10"/>
    </row>
    <row r="397510" spans="14:14">
      <c r="N397510" s="10"/>
    </row>
    <row r="397511" spans="14:14">
      <c r="N397511" s="10"/>
    </row>
    <row r="397512" spans="14:14">
      <c r="N397512" s="10"/>
    </row>
    <row r="397513" spans="14:14">
      <c r="N397513" s="10"/>
    </row>
    <row r="397514" spans="14:14">
      <c r="N397514" s="10"/>
    </row>
    <row r="397515" spans="14:14">
      <c r="N397515" s="10"/>
    </row>
    <row r="397516" spans="14:14">
      <c r="N397516" s="10"/>
    </row>
    <row r="397517" spans="14:14">
      <c r="N397517" s="10"/>
    </row>
    <row r="397518" spans="14:14">
      <c r="N397518" s="10"/>
    </row>
    <row r="397519" spans="14:14">
      <c r="N397519" s="10"/>
    </row>
    <row r="397520" spans="14:14">
      <c r="N397520" s="10"/>
    </row>
    <row r="397521" spans="14:14">
      <c r="N397521" s="10"/>
    </row>
    <row r="397522" spans="14:14">
      <c r="N397522" s="10"/>
    </row>
    <row r="397523" spans="14:14">
      <c r="N397523" s="10"/>
    </row>
    <row r="397524" spans="14:14">
      <c r="N397524" s="10"/>
    </row>
    <row r="397525" spans="14:14">
      <c r="N397525" s="10"/>
    </row>
    <row r="397526" spans="14:14">
      <c r="N397526" s="10"/>
    </row>
    <row r="397527" spans="14:14">
      <c r="N397527" s="10"/>
    </row>
    <row r="397528" spans="14:14">
      <c r="N397528" s="10"/>
    </row>
    <row r="397529" spans="14:14">
      <c r="N397529" s="10"/>
    </row>
    <row r="397530" spans="14:14">
      <c r="N397530" s="10"/>
    </row>
    <row r="397531" spans="14:14">
      <c r="N397531" s="10"/>
    </row>
    <row r="397532" spans="14:14">
      <c r="N397532" s="10"/>
    </row>
    <row r="397533" spans="14:14">
      <c r="N397533" s="10"/>
    </row>
    <row r="397534" spans="14:14">
      <c r="N397534" s="10"/>
    </row>
    <row r="397535" spans="14:14">
      <c r="N397535" s="10"/>
    </row>
    <row r="397536" spans="14:14">
      <c r="N397536" s="10"/>
    </row>
    <row r="397537" spans="14:14">
      <c r="N397537" s="10"/>
    </row>
    <row r="397538" spans="14:14">
      <c r="N397538" s="10"/>
    </row>
    <row r="397539" spans="14:14">
      <c r="N397539" s="10"/>
    </row>
    <row r="397540" spans="14:14">
      <c r="N397540" s="10"/>
    </row>
    <row r="397541" spans="14:14">
      <c r="N397541" s="10"/>
    </row>
    <row r="397542" spans="14:14">
      <c r="N397542" s="10"/>
    </row>
    <row r="397543" spans="14:14">
      <c r="N397543" s="10"/>
    </row>
    <row r="397544" spans="14:14">
      <c r="N397544" s="10"/>
    </row>
    <row r="397545" spans="14:14">
      <c r="N397545" s="10"/>
    </row>
    <row r="397546" spans="14:14">
      <c r="N397546" s="10"/>
    </row>
    <row r="397547" spans="14:14">
      <c r="N397547" s="10"/>
    </row>
    <row r="397548" spans="14:14">
      <c r="N397548" s="10"/>
    </row>
    <row r="397549" spans="14:14">
      <c r="N397549" s="10"/>
    </row>
    <row r="397550" spans="14:14">
      <c r="N397550" s="10"/>
    </row>
    <row r="397551" spans="14:14">
      <c r="N397551" s="10"/>
    </row>
    <row r="397552" spans="14:14">
      <c r="N397552" s="10"/>
    </row>
    <row r="397553" spans="14:14">
      <c r="N397553" s="10"/>
    </row>
    <row r="397554" spans="14:14">
      <c r="N397554" s="10"/>
    </row>
    <row r="397555" spans="14:14">
      <c r="N397555" s="10"/>
    </row>
    <row r="397556" spans="14:14">
      <c r="N397556" s="10"/>
    </row>
    <row r="397557" spans="14:14">
      <c r="N397557" s="10"/>
    </row>
    <row r="397558" spans="14:14">
      <c r="N397558" s="10"/>
    </row>
    <row r="397559" spans="14:14">
      <c r="N397559" s="10"/>
    </row>
    <row r="397560" spans="14:14">
      <c r="N397560" s="10"/>
    </row>
    <row r="397561" spans="14:14">
      <c r="N397561" s="10"/>
    </row>
    <row r="397562" spans="14:14">
      <c r="N397562" s="10"/>
    </row>
    <row r="397563" spans="14:14">
      <c r="N397563" s="10"/>
    </row>
    <row r="397564" spans="14:14">
      <c r="N397564" s="10"/>
    </row>
    <row r="397565" spans="14:14">
      <c r="N397565" s="10"/>
    </row>
    <row r="397566" spans="14:14">
      <c r="N397566" s="10"/>
    </row>
    <row r="397567" spans="14:14">
      <c r="N397567" s="10"/>
    </row>
    <row r="397568" spans="14:14">
      <c r="N397568" s="10"/>
    </row>
    <row r="397569" spans="14:14">
      <c r="N397569" s="10"/>
    </row>
    <row r="397570" spans="14:14">
      <c r="N397570" s="10"/>
    </row>
    <row r="397571" spans="14:14">
      <c r="N397571" s="10"/>
    </row>
    <row r="397572" spans="14:14">
      <c r="N397572" s="10"/>
    </row>
    <row r="397573" spans="14:14">
      <c r="N397573" s="10"/>
    </row>
    <row r="397574" spans="14:14">
      <c r="N397574" s="10"/>
    </row>
    <row r="397575" spans="14:14">
      <c r="N397575" s="10"/>
    </row>
    <row r="397576" spans="14:14">
      <c r="N397576" s="10"/>
    </row>
    <row r="397577" spans="14:14">
      <c r="N397577" s="10"/>
    </row>
    <row r="397578" spans="14:14">
      <c r="N397578" s="10"/>
    </row>
    <row r="397579" spans="14:14">
      <c r="N397579" s="10"/>
    </row>
    <row r="397580" spans="14:14">
      <c r="N397580" s="10"/>
    </row>
    <row r="397581" spans="14:14">
      <c r="N397581" s="10"/>
    </row>
    <row r="397582" spans="14:14">
      <c r="N397582" s="10"/>
    </row>
    <row r="397583" spans="14:14">
      <c r="N397583" s="10"/>
    </row>
    <row r="397584" spans="14:14">
      <c r="N397584" s="10"/>
    </row>
    <row r="397585" spans="14:14">
      <c r="N397585" s="10"/>
    </row>
    <row r="397586" spans="14:14">
      <c r="N397586" s="10"/>
    </row>
    <row r="397587" spans="14:14">
      <c r="N397587" s="10"/>
    </row>
    <row r="397588" spans="14:14">
      <c r="N397588" s="10"/>
    </row>
    <row r="397589" spans="14:14">
      <c r="N397589" s="10"/>
    </row>
    <row r="397590" spans="14:14">
      <c r="N397590" s="10"/>
    </row>
    <row r="397591" spans="14:14">
      <c r="N397591" s="10"/>
    </row>
    <row r="397592" spans="14:14">
      <c r="N397592" s="10"/>
    </row>
    <row r="397593" spans="14:14">
      <c r="N397593" s="10"/>
    </row>
    <row r="397594" spans="14:14">
      <c r="N397594" s="10"/>
    </row>
    <row r="397595" spans="14:14">
      <c r="N397595" s="10"/>
    </row>
    <row r="397596" spans="14:14">
      <c r="N397596" s="10"/>
    </row>
    <row r="397597" spans="14:14">
      <c r="N397597" s="10"/>
    </row>
    <row r="397598" spans="14:14">
      <c r="N397598" s="10"/>
    </row>
    <row r="397599" spans="14:14">
      <c r="N397599" s="10"/>
    </row>
    <row r="397600" spans="14:14">
      <c r="N397600" s="10"/>
    </row>
    <row r="397601" spans="14:14">
      <c r="N397601" s="10"/>
    </row>
    <row r="397602" spans="14:14">
      <c r="N397602" s="10"/>
    </row>
    <row r="397603" spans="14:14">
      <c r="N397603" s="10"/>
    </row>
    <row r="397604" spans="14:14">
      <c r="N397604" s="10"/>
    </row>
    <row r="397605" spans="14:14">
      <c r="N397605" s="10"/>
    </row>
    <row r="397606" spans="14:14">
      <c r="N397606" s="10"/>
    </row>
    <row r="397607" spans="14:14">
      <c r="N397607" s="10"/>
    </row>
    <row r="397608" spans="14:14">
      <c r="N397608" s="10"/>
    </row>
    <row r="397609" spans="14:14">
      <c r="N397609" s="10"/>
    </row>
    <row r="397610" spans="14:14">
      <c r="N397610" s="10"/>
    </row>
    <row r="397611" spans="14:14">
      <c r="N397611" s="10"/>
    </row>
    <row r="397612" spans="14:14">
      <c r="N397612" s="10"/>
    </row>
    <row r="397613" spans="14:14">
      <c r="N397613" s="10"/>
    </row>
    <row r="397614" spans="14:14">
      <c r="N397614" s="10"/>
    </row>
    <row r="397615" spans="14:14">
      <c r="N397615" s="10"/>
    </row>
    <row r="397616" spans="14:14">
      <c r="N397616" s="10"/>
    </row>
    <row r="397617" spans="14:14">
      <c r="N397617" s="10"/>
    </row>
    <row r="397618" spans="14:14">
      <c r="N397618" s="10"/>
    </row>
    <row r="397619" spans="14:14">
      <c r="N397619" s="10"/>
    </row>
    <row r="397620" spans="14:14">
      <c r="N397620" s="10"/>
    </row>
    <row r="397621" spans="14:14">
      <c r="N397621" s="10"/>
    </row>
    <row r="397622" spans="14:14">
      <c r="N397622" s="10"/>
    </row>
    <row r="397623" spans="14:14">
      <c r="N397623" s="10"/>
    </row>
    <row r="397624" spans="14:14">
      <c r="N397624" s="10"/>
    </row>
    <row r="397625" spans="14:14">
      <c r="N397625" s="10"/>
    </row>
    <row r="397626" spans="14:14">
      <c r="N397626" s="10"/>
    </row>
    <row r="397627" spans="14:14">
      <c r="N397627" s="10"/>
    </row>
    <row r="397628" spans="14:14">
      <c r="N397628" s="10"/>
    </row>
    <row r="397629" spans="14:14">
      <c r="N397629" s="10"/>
    </row>
    <row r="397630" spans="14:14">
      <c r="N397630" s="10"/>
    </row>
    <row r="397631" spans="14:14">
      <c r="N397631" s="10"/>
    </row>
    <row r="397632" spans="14:14">
      <c r="N397632" s="10"/>
    </row>
    <row r="397633" spans="14:14">
      <c r="N397633" s="10"/>
    </row>
    <row r="397634" spans="14:14">
      <c r="N397634" s="10"/>
    </row>
    <row r="397635" spans="14:14">
      <c r="N397635" s="10"/>
    </row>
    <row r="397636" spans="14:14">
      <c r="N397636" s="10"/>
    </row>
    <row r="397637" spans="14:14">
      <c r="N397637" s="10"/>
    </row>
    <row r="397638" spans="14:14">
      <c r="N397638" s="10"/>
    </row>
    <row r="397639" spans="14:14">
      <c r="N397639" s="10"/>
    </row>
    <row r="397640" spans="14:14">
      <c r="N397640" s="10"/>
    </row>
    <row r="397641" spans="14:14">
      <c r="N397641" s="10"/>
    </row>
    <row r="397642" spans="14:14">
      <c r="N397642" s="10"/>
    </row>
    <row r="397643" spans="14:14">
      <c r="N397643" s="10"/>
    </row>
    <row r="397644" spans="14:14">
      <c r="N397644" s="10"/>
    </row>
    <row r="397645" spans="14:14">
      <c r="N397645" s="10"/>
    </row>
    <row r="397646" spans="14:14">
      <c r="N397646" s="10"/>
    </row>
    <row r="397647" spans="14:14">
      <c r="N397647" s="10"/>
    </row>
    <row r="397648" spans="14:14">
      <c r="N397648" s="10"/>
    </row>
    <row r="397649" spans="14:14">
      <c r="N397649" s="10"/>
    </row>
    <row r="397650" spans="14:14">
      <c r="N397650" s="10"/>
    </row>
    <row r="397651" spans="14:14">
      <c r="N397651" s="10"/>
    </row>
    <row r="397652" spans="14:14">
      <c r="N397652" s="10"/>
    </row>
    <row r="397653" spans="14:14">
      <c r="N397653" s="10"/>
    </row>
    <row r="397654" spans="14:14">
      <c r="N397654" s="10"/>
    </row>
    <row r="397655" spans="14:14">
      <c r="N397655" s="10"/>
    </row>
    <row r="397656" spans="14:14">
      <c r="N397656" s="10"/>
    </row>
    <row r="397657" spans="14:14">
      <c r="N397657" s="10"/>
    </row>
    <row r="397658" spans="14:14">
      <c r="N397658" s="10"/>
    </row>
    <row r="397659" spans="14:14">
      <c r="N397659" s="10"/>
    </row>
    <row r="397660" spans="14:14">
      <c r="N397660" s="10"/>
    </row>
    <row r="397661" spans="14:14">
      <c r="N397661" s="10"/>
    </row>
    <row r="397662" spans="14:14">
      <c r="N397662" s="10"/>
    </row>
    <row r="397663" spans="14:14">
      <c r="N397663" s="10"/>
    </row>
    <row r="397664" spans="14:14">
      <c r="N397664" s="10"/>
    </row>
    <row r="397665" spans="14:14">
      <c r="N397665" s="10"/>
    </row>
    <row r="397666" spans="14:14">
      <c r="N397666" s="10"/>
    </row>
    <row r="397667" spans="14:14">
      <c r="N397667" s="10"/>
    </row>
    <row r="397668" spans="14:14">
      <c r="N397668" s="10"/>
    </row>
    <row r="397669" spans="14:14">
      <c r="N397669" s="10"/>
    </row>
    <row r="397670" spans="14:14">
      <c r="N397670" s="10"/>
    </row>
    <row r="397671" spans="14:14">
      <c r="N397671" s="10"/>
    </row>
    <row r="397672" spans="14:14">
      <c r="N397672" s="10"/>
    </row>
    <row r="397673" spans="14:14">
      <c r="N397673" s="10"/>
    </row>
    <row r="397674" spans="14:14">
      <c r="N397674" s="10"/>
    </row>
    <row r="397675" spans="14:14">
      <c r="N397675" s="10"/>
    </row>
    <row r="397676" spans="14:14">
      <c r="N397676" s="10"/>
    </row>
    <row r="397677" spans="14:14">
      <c r="N397677" s="10"/>
    </row>
    <row r="397678" spans="14:14">
      <c r="N397678" s="10"/>
    </row>
    <row r="397679" spans="14:14">
      <c r="N397679" s="10"/>
    </row>
    <row r="397680" spans="14:14">
      <c r="N397680" s="10"/>
    </row>
    <row r="397681" spans="14:14">
      <c r="N397681" s="10"/>
    </row>
    <row r="397682" spans="14:14">
      <c r="N397682" s="10"/>
    </row>
    <row r="397683" spans="14:14">
      <c r="N397683" s="10"/>
    </row>
    <row r="397684" spans="14:14">
      <c r="N397684" s="10"/>
    </row>
    <row r="397685" spans="14:14">
      <c r="N397685" s="10"/>
    </row>
    <row r="397686" spans="14:14">
      <c r="N397686" s="10"/>
    </row>
    <row r="397687" spans="14:14">
      <c r="N397687" s="10"/>
    </row>
    <row r="397688" spans="14:14">
      <c r="N397688" s="10"/>
    </row>
    <row r="397689" spans="14:14">
      <c r="N397689" s="10"/>
    </row>
    <row r="397690" spans="14:14">
      <c r="N397690" s="10"/>
    </row>
    <row r="397691" spans="14:14">
      <c r="N397691" s="10"/>
    </row>
    <row r="397692" spans="14:14">
      <c r="N397692" s="10"/>
    </row>
    <row r="397693" spans="14:14">
      <c r="N397693" s="10"/>
    </row>
    <row r="397694" spans="14:14">
      <c r="N397694" s="10"/>
    </row>
    <row r="397695" spans="14:14">
      <c r="N397695" s="10"/>
    </row>
    <row r="397696" spans="14:14">
      <c r="N397696" s="10"/>
    </row>
    <row r="397697" spans="14:14">
      <c r="N397697" s="10"/>
    </row>
    <row r="397698" spans="14:14">
      <c r="N397698" s="10"/>
    </row>
    <row r="397699" spans="14:14">
      <c r="N397699" s="10"/>
    </row>
    <row r="397700" spans="14:14">
      <c r="N397700" s="10"/>
    </row>
    <row r="397701" spans="14:14">
      <c r="N397701" s="10"/>
    </row>
    <row r="397702" spans="14:14">
      <c r="N397702" s="10"/>
    </row>
    <row r="397703" spans="14:14">
      <c r="N397703" s="10"/>
    </row>
    <row r="397704" spans="14:14">
      <c r="N397704" s="10"/>
    </row>
    <row r="397705" spans="14:14">
      <c r="N397705" s="10"/>
    </row>
    <row r="397706" spans="14:14">
      <c r="N397706" s="10"/>
    </row>
    <row r="397707" spans="14:14">
      <c r="N397707" s="10"/>
    </row>
    <row r="397708" spans="14:14">
      <c r="N397708" s="10"/>
    </row>
    <row r="397709" spans="14:14">
      <c r="N397709" s="10"/>
    </row>
    <row r="397710" spans="14:14">
      <c r="N397710" s="10"/>
    </row>
    <row r="397711" spans="14:14">
      <c r="N397711" s="10"/>
    </row>
    <row r="397712" spans="14:14">
      <c r="N397712" s="10"/>
    </row>
    <row r="397713" spans="14:14">
      <c r="N397713" s="10"/>
    </row>
    <row r="397714" spans="14:14">
      <c r="N397714" s="10"/>
    </row>
    <row r="397715" spans="14:14">
      <c r="N397715" s="10"/>
    </row>
    <row r="397716" spans="14:14">
      <c r="N397716" s="10"/>
    </row>
    <row r="397717" spans="14:14">
      <c r="N397717" s="10"/>
    </row>
    <row r="397718" spans="14:14">
      <c r="N397718" s="10"/>
    </row>
    <row r="397719" spans="14:14">
      <c r="N397719" s="10"/>
    </row>
    <row r="397720" spans="14:14">
      <c r="N397720" s="10"/>
    </row>
    <row r="397721" spans="14:14">
      <c r="N397721" s="10"/>
    </row>
    <row r="397722" spans="14:14">
      <c r="N397722" s="10"/>
    </row>
    <row r="397723" spans="14:14">
      <c r="N397723" s="10"/>
    </row>
    <row r="397724" spans="14:14">
      <c r="N397724" s="10"/>
    </row>
    <row r="397725" spans="14:14">
      <c r="N397725" s="10"/>
    </row>
    <row r="397726" spans="14:14">
      <c r="N397726" s="10"/>
    </row>
    <row r="397727" spans="14:14">
      <c r="N397727" s="10"/>
    </row>
    <row r="397728" spans="14:14">
      <c r="N397728" s="10"/>
    </row>
    <row r="397729" spans="14:14">
      <c r="N397729" s="10"/>
    </row>
    <row r="397730" spans="14:14">
      <c r="N397730" s="10"/>
    </row>
    <row r="397731" spans="14:14">
      <c r="N397731" s="10"/>
    </row>
    <row r="397732" spans="14:14">
      <c r="N397732" s="10"/>
    </row>
    <row r="397733" spans="14:14">
      <c r="N397733" s="10"/>
    </row>
    <row r="397734" spans="14:14">
      <c r="N397734" s="10"/>
    </row>
    <row r="397735" spans="14:14">
      <c r="N397735" s="10"/>
    </row>
    <row r="397736" spans="14:14">
      <c r="N397736" s="10"/>
    </row>
    <row r="397737" spans="14:14">
      <c r="N397737" s="10"/>
    </row>
    <row r="397738" spans="14:14">
      <c r="N397738" s="10"/>
    </row>
    <row r="397739" spans="14:14">
      <c r="N397739" s="10"/>
    </row>
    <row r="397740" spans="14:14">
      <c r="N397740" s="10"/>
    </row>
    <row r="397741" spans="14:14">
      <c r="N397741" s="10"/>
    </row>
    <row r="397742" spans="14:14">
      <c r="N397742" s="10"/>
    </row>
    <row r="397743" spans="14:14">
      <c r="N397743" s="10"/>
    </row>
    <row r="397744" spans="14:14">
      <c r="N397744" s="10"/>
    </row>
    <row r="397745" spans="14:14">
      <c r="N397745" s="10"/>
    </row>
    <row r="397746" spans="14:14">
      <c r="N397746" s="10"/>
    </row>
    <row r="397747" spans="14:14">
      <c r="N397747" s="10"/>
    </row>
    <row r="397748" spans="14:14">
      <c r="N397748" s="10"/>
    </row>
    <row r="397749" spans="14:14">
      <c r="N397749" s="10"/>
    </row>
    <row r="397750" spans="14:14">
      <c r="N397750" s="10"/>
    </row>
    <row r="397751" spans="14:14">
      <c r="N397751" s="10"/>
    </row>
    <row r="397752" spans="14:14">
      <c r="N397752" s="10"/>
    </row>
    <row r="397753" spans="14:14">
      <c r="N397753" s="10"/>
    </row>
    <row r="397754" spans="14:14">
      <c r="N397754" s="10"/>
    </row>
    <row r="397755" spans="14:14">
      <c r="N397755" s="10"/>
    </row>
    <row r="397756" spans="14:14">
      <c r="N397756" s="10"/>
    </row>
    <row r="397757" spans="14:14">
      <c r="N397757" s="10"/>
    </row>
    <row r="397758" spans="14:14">
      <c r="N397758" s="10"/>
    </row>
    <row r="397759" spans="14:14">
      <c r="N397759" s="10"/>
    </row>
    <row r="397760" spans="14:14">
      <c r="N397760" s="10"/>
    </row>
    <row r="397761" spans="14:14">
      <c r="N397761" s="10"/>
    </row>
    <row r="397762" spans="14:14">
      <c r="N397762" s="10"/>
    </row>
    <row r="397763" spans="14:14">
      <c r="N397763" s="10"/>
    </row>
    <row r="397764" spans="14:14">
      <c r="N397764" s="10"/>
    </row>
    <row r="397765" spans="14:14">
      <c r="N397765" s="10"/>
    </row>
    <row r="397766" spans="14:14">
      <c r="N397766" s="10"/>
    </row>
    <row r="397767" spans="14:14">
      <c r="N397767" s="10"/>
    </row>
    <row r="397768" spans="14:14">
      <c r="N397768" s="10"/>
    </row>
    <row r="397769" spans="14:14">
      <c r="N397769" s="10"/>
    </row>
    <row r="397770" spans="14:14">
      <c r="N397770" s="10"/>
    </row>
    <row r="397771" spans="14:14">
      <c r="N397771" s="10"/>
    </row>
    <row r="397772" spans="14:14">
      <c r="N397772" s="10"/>
    </row>
    <row r="397773" spans="14:14">
      <c r="N397773" s="10"/>
    </row>
    <row r="397774" spans="14:14">
      <c r="N397774" s="10"/>
    </row>
    <row r="397775" spans="14:14">
      <c r="N397775" s="10"/>
    </row>
    <row r="397776" spans="14:14">
      <c r="N397776" s="10"/>
    </row>
    <row r="397777" spans="14:14">
      <c r="N397777" s="10"/>
    </row>
    <row r="397778" spans="14:14">
      <c r="N397778" s="10"/>
    </row>
    <row r="397779" spans="14:14">
      <c r="N397779" s="10"/>
    </row>
    <row r="397780" spans="14:14">
      <c r="N397780" s="10"/>
    </row>
    <row r="397781" spans="14:14">
      <c r="N397781" s="10"/>
    </row>
    <row r="397782" spans="14:14">
      <c r="N397782" s="10"/>
    </row>
    <row r="397783" spans="14:14">
      <c r="N397783" s="10"/>
    </row>
    <row r="397784" spans="14:14">
      <c r="N397784" s="10"/>
    </row>
    <row r="397785" spans="14:14">
      <c r="N397785" s="10"/>
    </row>
    <row r="397786" spans="14:14">
      <c r="N397786" s="10"/>
    </row>
    <row r="397787" spans="14:14">
      <c r="N397787" s="10"/>
    </row>
    <row r="397788" spans="14:14">
      <c r="N397788" s="10"/>
    </row>
    <row r="397789" spans="14:14">
      <c r="N397789" s="10"/>
    </row>
    <row r="397790" spans="14:14">
      <c r="N397790" s="10"/>
    </row>
    <row r="397791" spans="14:14">
      <c r="N397791" s="10"/>
    </row>
    <row r="397792" spans="14:14">
      <c r="N397792" s="10"/>
    </row>
    <row r="397793" spans="14:14">
      <c r="N397793" s="10"/>
    </row>
    <row r="397794" spans="14:14">
      <c r="N397794" s="10"/>
    </row>
    <row r="397795" spans="14:14">
      <c r="N397795" s="10"/>
    </row>
    <row r="397796" spans="14:14">
      <c r="N397796" s="10"/>
    </row>
    <row r="397797" spans="14:14">
      <c r="N397797" s="10"/>
    </row>
    <row r="397798" spans="14:14">
      <c r="N397798" s="10"/>
    </row>
    <row r="397799" spans="14:14">
      <c r="N397799" s="10"/>
    </row>
    <row r="397800" spans="14:14">
      <c r="N397800" s="10"/>
    </row>
    <row r="397801" spans="14:14">
      <c r="N397801" s="10"/>
    </row>
    <row r="397802" spans="14:14">
      <c r="N397802" s="10"/>
    </row>
    <row r="397803" spans="14:14">
      <c r="N397803" s="10"/>
    </row>
    <row r="397804" spans="14:14">
      <c r="N397804" s="10"/>
    </row>
    <row r="397805" spans="14:14">
      <c r="N397805" s="10"/>
    </row>
    <row r="397806" spans="14:14">
      <c r="N397806" s="10"/>
    </row>
    <row r="397807" spans="14:14">
      <c r="N397807" s="10"/>
    </row>
    <row r="397808" spans="14:14">
      <c r="N397808" s="10"/>
    </row>
    <row r="397809" spans="14:14">
      <c r="N397809" s="10"/>
    </row>
    <row r="397810" spans="14:14">
      <c r="N397810" s="10"/>
    </row>
    <row r="397811" spans="14:14">
      <c r="N397811" s="10"/>
    </row>
    <row r="397812" spans="14:14">
      <c r="N397812" s="10"/>
    </row>
    <row r="397813" spans="14:14">
      <c r="N397813" s="10"/>
    </row>
    <row r="397814" spans="14:14">
      <c r="N397814" s="10"/>
    </row>
    <row r="397815" spans="14:14">
      <c r="N397815" s="10"/>
    </row>
    <row r="397816" spans="14:14">
      <c r="N397816" s="10"/>
    </row>
    <row r="397817" spans="14:14">
      <c r="N397817" s="10"/>
    </row>
    <row r="397818" spans="14:14">
      <c r="N397818" s="10"/>
    </row>
    <row r="397819" spans="14:14">
      <c r="N397819" s="10"/>
    </row>
    <row r="397820" spans="14:14">
      <c r="N397820" s="10"/>
    </row>
    <row r="397821" spans="14:14">
      <c r="N397821" s="10"/>
    </row>
    <row r="397822" spans="14:14">
      <c r="N397822" s="10"/>
    </row>
    <row r="397823" spans="14:14">
      <c r="N397823" s="10"/>
    </row>
    <row r="397824" spans="14:14">
      <c r="N397824" s="10"/>
    </row>
    <row r="397825" spans="14:14">
      <c r="N397825" s="10"/>
    </row>
    <row r="397826" spans="14:14">
      <c r="N397826" s="10"/>
    </row>
    <row r="397827" spans="14:14">
      <c r="N397827" s="10"/>
    </row>
    <row r="397828" spans="14:14">
      <c r="N397828" s="10"/>
    </row>
    <row r="397829" spans="14:14">
      <c r="N397829" s="10"/>
    </row>
    <row r="397830" spans="14:14">
      <c r="N397830" s="10"/>
    </row>
    <row r="397831" spans="14:14">
      <c r="N397831" s="10"/>
    </row>
    <row r="397832" spans="14:14">
      <c r="N397832" s="10"/>
    </row>
    <row r="397833" spans="14:14">
      <c r="N397833" s="10"/>
    </row>
    <row r="397834" spans="14:14">
      <c r="N397834" s="10"/>
    </row>
    <row r="397835" spans="14:14">
      <c r="N397835" s="10"/>
    </row>
    <row r="397836" spans="14:14">
      <c r="N397836" s="10"/>
    </row>
    <row r="397837" spans="14:14">
      <c r="N397837" s="10"/>
    </row>
    <row r="397838" spans="14:14">
      <c r="N397838" s="10"/>
    </row>
    <row r="397839" spans="14:14">
      <c r="N397839" s="10"/>
    </row>
    <row r="397840" spans="14:14">
      <c r="N397840" s="10"/>
    </row>
    <row r="397841" spans="14:14">
      <c r="N397841" s="10"/>
    </row>
    <row r="397842" spans="14:14">
      <c r="N397842" s="10"/>
    </row>
    <row r="397843" spans="14:14">
      <c r="N397843" s="10"/>
    </row>
    <row r="397844" spans="14:14">
      <c r="N397844" s="10"/>
    </row>
    <row r="397845" spans="14:14">
      <c r="N397845" s="10"/>
    </row>
    <row r="397846" spans="14:14">
      <c r="N397846" s="10"/>
    </row>
    <row r="397847" spans="14:14">
      <c r="N397847" s="10"/>
    </row>
    <row r="397848" spans="14:14">
      <c r="N397848" s="10"/>
    </row>
    <row r="397849" spans="14:14">
      <c r="N397849" s="10"/>
    </row>
    <row r="397850" spans="14:14">
      <c r="N397850" s="10"/>
    </row>
    <row r="397851" spans="14:14">
      <c r="N397851" s="10"/>
    </row>
    <row r="397852" spans="14:14">
      <c r="N397852" s="10"/>
    </row>
    <row r="397853" spans="14:14">
      <c r="N397853" s="10"/>
    </row>
    <row r="397854" spans="14:14">
      <c r="N397854" s="10"/>
    </row>
    <row r="397855" spans="14:14">
      <c r="N397855" s="10"/>
    </row>
    <row r="397856" spans="14:14">
      <c r="N397856" s="10"/>
    </row>
    <row r="397857" spans="14:14">
      <c r="N397857" s="10"/>
    </row>
    <row r="397858" spans="14:14">
      <c r="N397858" s="10"/>
    </row>
    <row r="397859" spans="14:14">
      <c r="N397859" s="10"/>
    </row>
    <row r="397860" spans="14:14">
      <c r="N397860" s="10"/>
    </row>
    <row r="397861" spans="14:14">
      <c r="N397861" s="10"/>
    </row>
    <row r="397862" spans="14:14">
      <c r="N397862" s="10"/>
    </row>
    <row r="397863" spans="14:14">
      <c r="N397863" s="10"/>
    </row>
    <row r="397864" spans="14:14">
      <c r="N397864" s="10"/>
    </row>
    <row r="397865" spans="14:14">
      <c r="N397865" s="10"/>
    </row>
    <row r="397866" spans="14:14">
      <c r="N397866" s="10"/>
    </row>
    <row r="397867" spans="14:14">
      <c r="N397867" s="10"/>
    </row>
    <row r="397868" spans="14:14">
      <c r="N397868" s="10"/>
    </row>
    <row r="397869" spans="14:14">
      <c r="N397869" s="10"/>
    </row>
    <row r="397870" spans="14:14">
      <c r="N397870" s="10"/>
    </row>
    <row r="397871" spans="14:14">
      <c r="N397871" s="10"/>
    </row>
    <row r="397872" spans="14:14">
      <c r="N397872" s="10"/>
    </row>
    <row r="397873" spans="14:14">
      <c r="N397873" s="10"/>
    </row>
    <row r="397874" spans="14:14">
      <c r="N397874" s="10"/>
    </row>
    <row r="397875" spans="14:14">
      <c r="N397875" s="10"/>
    </row>
    <row r="397876" spans="14:14">
      <c r="N397876" s="10"/>
    </row>
    <row r="397877" spans="14:14">
      <c r="N397877" s="10"/>
    </row>
    <row r="397878" spans="14:14">
      <c r="N397878" s="10"/>
    </row>
    <row r="397879" spans="14:14">
      <c r="N397879" s="10"/>
    </row>
    <row r="397880" spans="14:14">
      <c r="N397880" s="10"/>
    </row>
    <row r="397881" spans="14:14">
      <c r="N397881" s="10"/>
    </row>
    <row r="397882" spans="14:14">
      <c r="N397882" s="10"/>
    </row>
    <row r="397883" spans="14:14">
      <c r="N397883" s="10"/>
    </row>
    <row r="397884" spans="14:14">
      <c r="N397884" s="10"/>
    </row>
    <row r="397885" spans="14:14">
      <c r="N397885" s="10"/>
    </row>
    <row r="397886" spans="14:14">
      <c r="N397886" s="10"/>
    </row>
    <row r="397887" spans="14:14">
      <c r="N397887" s="10"/>
    </row>
    <row r="397888" spans="14:14">
      <c r="N397888" s="10"/>
    </row>
    <row r="397889" spans="14:14">
      <c r="N397889" s="10"/>
    </row>
    <row r="397890" spans="14:14">
      <c r="N397890" s="10"/>
    </row>
    <row r="397891" spans="14:14">
      <c r="N397891" s="10"/>
    </row>
    <row r="397892" spans="14:14">
      <c r="N397892" s="10"/>
    </row>
    <row r="397893" spans="14:14">
      <c r="N397893" s="10"/>
    </row>
    <row r="397894" spans="14:14">
      <c r="N397894" s="10"/>
    </row>
    <row r="397895" spans="14:14">
      <c r="N397895" s="10"/>
    </row>
    <row r="397896" spans="14:14">
      <c r="N397896" s="10"/>
    </row>
    <row r="397897" spans="14:14">
      <c r="N397897" s="10"/>
    </row>
    <row r="397898" spans="14:14">
      <c r="N397898" s="10"/>
    </row>
    <row r="397899" spans="14:14">
      <c r="N397899" s="10"/>
    </row>
    <row r="397900" spans="14:14">
      <c r="N397900" s="10"/>
    </row>
    <row r="397901" spans="14:14">
      <c r="N397901" s="10"/>
    </row>
    <row r="397902" spans="14:14">
      <c r="N397902" s="10"/>
    </row>
    <row r="397903" spans="14:14">
      <c r="N397903" s="10"/>
    </row>
    <row r="397904" spans="14:14">
      <c r="N397904" s="10"/>
    </row>
    <row r="397905" spans="14:14">
      <c r="N397905" s="10"/>
    </row>
    <row r="397906" spans="14:14">
      <c r="N397906" s="10"/>
    </row>
    <row r="397907" spans="14:14">
      <c r="N397907" s="10"/>
    </row>
    <row r="397908" spans="14:14">
      <c r="N397908" s="10"/>
    </row>
    <row r="397909" spans="14:14">
      <c r="N397909" s="10"/>
    </row>
    <row r="397910" spans="14:14">
      <c r="N397910" s="10"/>
    </row>
    <row r="397911" spans="14:14">
      <c r="N397911" s="10"/>
    </row>
    <row r="397912" spans="14:14">
      <c r="N397912" s="10"/>
    </row>
    <row r="397913" spans="14:14">
      <c r="N397913" s="10"/>
    </row>
    <row r="397914" spans="14:14">
      <c r="N397914" s="10"/>
    </row>
    <row r="397915" spans="14:14">
      <c r="N397915" s="10"/>
    </row>
    <row r="397916" spans="14:14">
      <c r="N397916" s="10"/>
    </row>
    <row r="397917" spans="14:14">
      <c r="N397917" s="10"/>
    </row>
    <row r="397918" spans="14:14">
      <c r="N397918" s="10"/>
    </row>
    <row r="397919" spans="14:14">
      <c r="N397919" s="10"/>
    </row>
    <row r="397920" spans="14:14">
      <c r="N397920" s="10"/>
    </row>
    <row r="397921" spans="14:14">
      <c r="N397921" s="10"/>
    </row>
    <row r="397922" spans="14:14">
      <c r="N397922" s="10"/>
    </row>
    <row r="397923" spans="14:14">
      <c r="N397923" s="10"/>
    </row>
    <row r="397924" spans="14:14">
      <c r="N397924" s="10"/>
    </row>
    <row r="397925" spans="14:14">
      <c r="N397925" s="10"/>
    </row>
    <row r="397926" spans="14:14">
      <c r="N397926" s="10"/>
    </row>
    <row r="397927" spans="14:14">
      <c r="N397927" s="10"/>
    </row>
    <row r="397928" spans="14:14">
      <c r="N397928" s="10"/>
    </row>
    <row r="397929" spans="14:14">
      <c r="N397929" s="10"/>
    </row>
    <row r="397930" spans="14:14">
      <c r="N397930" s="10"/>
    </row>
    <row r="397931" spans="14:14">
      <c r="N397931" s="10"/>
    </row>
    <row r="397932" spans="14:14">
      <c r="N397932" s="10"/>
    </row>
    <row r="397933" spans="14:14">
      <c r="N397933" s="10"/>
    </row>
    <row r="397934" spans="14:14">
      <c r="N397934" s="10"/>
    </row>
    <row r="397935" spans="14:14">
      <c r="N397935" s="10"/>
    </row>
    <row r="397936" spans="14:14">
      <c r="N397936" s="10"/>
    </row>
    <row r="397937" spans="14:14">
      <c r="N397937" s="10"/>
    </row>
    <row r="397938" spans="14:14">
      <c r="N397938" s="10"/>
    </row>
    <row r="397939" spans="14:14">
      <c r="N397939" s="10"/>
    </row>
    <row r="397940" spans="14:14">
      <c r="N397940" s="10"/>
    </row>
    <row r="397941" spans="14:14">
      <c r="N397941" s="10"/>
    </row>
    <row r="397942" spans="14:14">
      <c r="N397942" s="10"/>
    </row>
    <row r="397943" spans="14:14">
      <c r="N397943" s="10"/>
    </row>
    <row r="397944" spans="14:14">
      <c r="N397944" s="10"/>
    </row>
    <row r="397945" spans="14:14">
      <c r="N397945" s="10"/>
    </row>
    <row r="397946" spans="14:14">
      <c r="N397946" s="10"/>
    </row>
    <row r="397947" spans="14:14">
      <c r="N397947" s="10"/>
    </row>
    <row r="397948" spans="14:14">
      <c r="N397948" s="10"/>
    </row>
    <row r="397949" spans="14:14">
      <c r="N397949" s="10"/>
    </row>
    <row r="397950" spans="14:14">
      <c r="N397950" s="10"/>
    </row>
    <row r="397951" spans="14:14">
      <c r="N397951" s="10"/>
    </row>
    <row r="397952" spans="14:14">
      <c r="N397952" s="10"/>
    </row>
    <row r="397953" spans="14:14">
      <c r="N397953" s="10"/>
    </row>
    <row r="397954" spans="14:14">
      <c r="N397954" s="10"/>
    </row>
    <row r="397955" spans="14:14">
      <c r="N397955" s="10"/>
    </row>
    <row r="397956" spans="14:14">
      <c r="N397956" s="10"/>
    </row>
    <row r="397957" spans="14:14">
      <c r="N397957" s="10"/>
    </row>
    <row r="397958" spans="14:14">
      <c r="N397958" s="10"/>
    </row>
    <row r="397959" spans="14:14">
      <c r="N397959" s="10"/>
    </row>
    <row r="397960" spans="14:14">
      <c r="N397960" s="10"/>
    </row>
    <row r="397961" spans="14:14">
      <c r="N397961" s="10"/>
    </row>
    <row r="397962" spans="14:14">
      <c r="N397962" s="10"/>
    </row>
    <row r="397963" spans="14:14">
      <c r="N397963" s="10"/>
    </row>
    <row r="397964" spans="14:14">
      <c r="N397964" s="10"/>
    </row>
    <row r="397965" spans="14:14">
      <c r="N397965" s="10"/>
    </row>
    <row r="397966" spans="14:14">
      <c r="N397966" s="10"/>
    </row>
    <row r="397967" spans="14:14">
      <c r="N397967" s="10"/>
    </row>
    <row r="397968" spans="14:14">
      <c r="N397968" s="10"/>
    </row>
    <row r="397969" spans="14:14">
      <c r="N397969" s="10"/>
    </row>
    <row r="397970" spans="14:14">
      <c r="N397970" s="10"/>
    </row>
    <row r="397971" spans="14:14">
      <c r="N397971" s="10"/>
    </row>
    <row r="397972" spans="14:14">
      <c r="N397972" s="10"/>
    </row>
    <row r="397973" spans="14:14">
      <c r="N397973" s="10"/>
    </row>
    <row r="397974" spans="14:14">
      <c r="N397974" s="10"/>
    </row>
    <row r="397975" spans="14:14">
      <c r="N397975" s="10"/>
    </row>
    <row r="397976" spans="14:14">
      <c r="N397976" s="10"/>
    </row>
    <row r="397977" spans="14:14">
      <c r="N397977" s="10"/>
    </row>
    <row r="397978" spans="14:14">
      <c r="N397978" s="10"/>
    </row>
    <row r="397979" spans="14:14">
      <c r="N397979" s="10"/>
    </row>
    <row r="397980" spans="14:14">
      <c r="N397980" s="10"/>
    </row>
    <row r="397981" spans="14:14">
      <c r="N397981" s="10"/>
    </row>
    <row r="397982" spans="14:14">
      <c r="N397982" s="10"/>
    </row>
    <row r="397983" spans="14:14">
      <c r="N397983" s="10"/>
    </row>
    <row r="397984" spans="14:14">
      <c r="N397984" s="10"/>
    </row>
    <row r="397985" spans="14:14">
      <c r="N397985" s="10"/>
    </row>
    <row r="397986" spans="14:14">
      <c r="N397986" s="10"/>
    </row>
    <row r="397987" spans="14:14">
      <c r="N397987" s="10"/>
    </row>
    <row r="397988" spans="14:14">
      <c r="N397988" s="10"/>
    </row>
    <row r="397989" spans="14:14">
      <c r="N397989" s="10"/>
    </row>
    <row r="397990" spans="14:14">
      <c r="N397990" s="10"/>
    </row>
    <row r="397991" spans="14:14">
      <c r="N397991" s="10"/>
    </row>
    <row r="397992" spans="14:14">
      <c r="N397992" s="10"/>
    </row>
    <row r="397993" spans="14:14">
      <c r="N397993" s="10"/>
    </row>
    <row r="397994" spans="14:14">
      <c r="N397994" s="10"/>
    </row>
    <row r="397995" spans="14:14">
      <c r="N397995" s="10"/>
    </row>
    <row r="397996" spans="14:14">
      <c r="N397996" s="10"/>
    </row>
    <row r="397997" spans="14:14">
      <c r="N397997" s="10"/>
    </row>
    <row r="397998" spans="14:14">
      <c r="N397998" s="10"/>
    </row>
    <row r="397999" spans="14:14">
      <c r="N397999" s="10"/>
    </row>
    <row r="398000" spans="14:14">
      <c r="N398000" s="10"/>
    </row>
    <row r="398001" spans="14:14">
      <c r="N398001" s="10"/>
    </row>
    <row r="398002" spans="14:14">
      <c r="N398002" s="10"/>
    </row>
    <row r="398003" spans="14:14">
      <c r="N398003" s="10"/>
    </row>
    <row r="398004" spans="14:14">
      <c r="N398004" s="10"/>
    </row>
    <row r="398005" spans="14:14">
      <c r="N398005" s="10"/>
    </row>
    <row r="398006" spans="14:14">
      <c r="N398006" s="10"/>
    </row>
    <row r="398007" spans="14:14">
      <c r="N398007" s="10"/>
    </row>
    <row r="398008" spans="14:14">
      <c r="N398008" s="10"/>
    </row>
    <row r="398009" spans="14:14">
      <c r="N398009" s="10"/>
    </row>
    <row r="398010" spans="14:14">
      <c r="N398010" s="10"/>
    </row>
    <row r="398011" spans="14:14">
      <c r="N398011" s="10"/>
    </row>
    <row r="398012" spans="14:14">
      <c r="N398012" s="10"/>
    </row>
    <row r="398013" spans="14:14">
      <c r="N398013" s="10"/>
    </row>
    <row r="398014" spans="14:14">
      <c r="N398014" s="10"/>
    </row>
    <row r="398015" spans="14:14">
      <c r="N398015" s="10"/>
    </row>
    <row r="398016" spans="14:14">
      <c r="N398016" s="10"/>
    </row>
    <row r="398017" spans="14:14">
      <c r="N398017" s="10"/>
    </row>
    <row r="398018" spans="14:14">
      <c r="N398018" s="10"/>
    </row>
    <row r="398019" spans="14:14">
      <c r="N398019" s="10"/>
    </row>
    <row r="398020" spans="14:14">
      <c r="N398020" s="10"/>
    </row>
    <row r="398021" spans="14:14">
      <c r="N398021" s="10"/>
    </row>
    <row r="398022" spans="14:14">
      <c r="N398022" s="10"/>
    </row>
    <row r="398023" spans="14:14">
      <c r="N398023" s="10"/>
    </row>
    <row r="398024" spans="14:14">
      <c r="N398024" s="10"/>
    </row>
    <row r="398025" spans="14:14">
      <c r="N398025" s="10"/>
    </row>
    <row r="398026" spans="14:14">
      <c r="N398026" s="10"/>
    </row>
    <row r="398027" spans="14:14">
      <c r="N398027" s="10"/>
    </row>
    <row r="398028" spans="14:14">
      <c r="N398028" s="10"/>
    </row>
    <row r="398029" spans="14:14">
      <c r="N398029" s="10"/>
    </row>
    <row r="398030" spans="14:14">
      <c r="N398030" s="10"/>
    </row>
    <row r="398031" spans="14:14">
      <c r="N398031" s="10"/>
    </row>
    <row r="398032" spans="14:14">
      <c r="N398032" s="10"/>
    </row>
    <row r="398033" spans="14:14">
      <c r="N398033" s="10"/>
    </row>
    <row r="398034" spans="14:14">
      <c r="N398034" s="10"/>
    </row>
    <row r="398035" spans="14:14">
      <c r="N398035" s="10"/>
    </row>
    <row r="398036" spans="14:14">
      <c r="N398036" s="10"/>
    </row>
    <row r="398037" spans="14:14">
      <c r="N398037" s="10"/>
    </row>
    <row r="398038" spans="14:14">
      <c r="N398038" s="10"/>
    </row>
    <row r="398039" spans="14:14">
      <c r="N398039" s="10"/>
    </row>
    <row r="398040" spans="14:14">
      <c r="N398040" s="10"/>
    </row>
    <row r="398041" spans="14:14">
      <c r="N398041" s="10"/>
    </row>
    <row r="398042" spans="14:14">
      <c r="N398042" s="10"/>
    </row>
    <row r="398043" spans="14:14">
      <c r="N398043" s="10"/>
    </row>
    <row r="398044" spans="14:14">
      <c r="N398044" s="10"/>
    </row>
    <row r="398045" spans="14:14">
      <c r="N398045" s="10"/>
    </row>
    <row r="398046" spans="14:14">
      <c r="N398046" s="10"/>
    </row>
    <row r="398047" spans="14:14">
      <c r="N398047" s="10"/>
    </row>
    <row r="398048" spans="14:14">
      <c r="N398048" s="10"/>
    </row>
    <row r="398049" spans="14:14">
      <c r="N398049" s="10"/>
    </row>
    <row r="398050" spans="14:14">
      <c r="N398050" s="10"/>
    </row>
    <row r="398051" spans="14:14">
      <c r="N398051" s="10"/>
    </row>
    <row r="398052" spans="14:14">
      <c r="N398052" s="10"/>
    </row>
    <row r="398053" spans="14:14">
      <c r="N398053" s="10"/>
    </row>
    <row r="398054" spans="14:14">
      <c r="N398054" s="10"/>
    </row>
    <row r="398055" spans="14:14">
      <c r="N398055" s="10"/>
    </row>
    <row r="398056" spans="14:14">
      <c r="N398056" s="10"/>
    </row>
    <row r="398057" spans="14:14">
      <c r="N398057" s="10"/>
    </row>
    <row r="398058" spans="14:14">
      <c r="N398058" s="10"/>
    </row>
    <row r="398059" spans="14:14">
      <c r="N398059" s="10"/>
    </row>
    <row r="398060" spans="14:14">
      <c r="N398060" s="10"/>
    </row>
    <row r="398061" spans="14:14">
      <c r="N398061" s="10"/>
    </row>
    <row r="398062" spans="14:14">
      <c r="N398062" s="10"/>
    </row>
    <row r="398063" spans="14:14">
      <c r="N398063" s="10"/>
    </row>
    <row r="398064" spans="14:14">
      <c r="N398064" s="10"/>
    </row>
    <row r="398065" spans="14:14">
      <c r="N398065" s="10"/>
    </row>
    <row r="398066" spans="14:14">
      <c r="N398066" s="10"/>
    </row>
    <row r="398067" spans="14:14">
      <c r="N398067" s="10"/>
    </row>
    <row r="398068" spans="14:14">
      <c r="N398068" s="10"/>
    </row>
    <row r="398069" spans="14:14">
      <c r="N398069" s="10"/>
    </row>
    <row r="398070" spans="14:14">
      <c r="N398070" s="10"/>
    </row>
    <row r="398071" spans="14:14">
      <c r="N398071" s="10"/>
    </row>
    <row r="398072" spans="14:14">
      <c r="N398072" s="10"/>
    </row>
    <row r="398073" spans="14:14">
      <c r="N398073" s="10"/>
    </row>
    <row r="398074" spans="14:14">
      <c r="N398074" s="10"/>
    </row>
    <row r="398075" spans="14:14">
      <c r="N398075" s="10"/>
    </row>
    <row r="398076" spans="14:14">
      <c r="N398076" s="10"/>
    </row>
    <row r="398077" spans="14:14">
      <c r="N398077" s="10"/>
    </row>
    <row r="398078" spans="14:14">
      <c r="N398078" s="10"/>
    </row>
    <row r="398079" spans="14:14">
      <c r="N398079" s="10"/>
    </row>
    <row r="398080" spans="14:14">
      <c r="N398080" s="10"/>
    </row>
    <row r="398081" spans="14:14">
      <c r="N398081" s="10"/>
    </row>
    <row r="398082" spans="14:14">
      <c r="N398082" s="10"/>
    </row>
    <row r="398083" spans="14:14">
      <c r="N398083" s="10"/>
    </row>
    <row r="398084" spans="14:14">
      <c r="N398084" s="10"/>
    </row>
    <row r="398085" spans="14:14">
      <c r="N398085" s="10"/>
    </row>
    <row r="398086" spans="14:14">
      <c r="N398086" s="10"/>
    </row>
    <row r="398087" spans="14:14">
      <c r="N398087" s="10"/>
    </row>
    <row r="398088" spans="14:14">
      <c r="N398088" s="10"/>
    </row>
    <row r="398089" spans="14:14">
      <c r="N398089" s="10"/>
    </row>
    <row r="398090" spans="14:14">
      <c r="N398090" s="10"/>
    </row>
    <row r="398091" spans="14:14">
      <c r="N398091" s="10"/>
    </row>
    <row r="398092" spans="14:14">
      <c r="N398092" s="10"/>
    </row>
    <row r="398093" spans="14:14">
      <c r="N398093" s="10"/>
    </row>
    <row r="398094" spans="14:14">
      <c r="N398094" s="10"/>
    </row>
    <row r="398095" spans="14:14">
      <c r="N398095" s="10"/>
    </row>
    <row r="398096" spans="14:14">
      <c r="N398096" s="10"/>
    </row>
    <row r="398097" spans="14:14">
      <c r="N398097" s="10"/>
    </row>
    <row r="398098" spans="14:14">
      <c r="N398098" s="10"/>
    </row>
    <row r="398099" spans="14:14">
      <c r="N398099" s="10"/>
    </row>
    <row r="398100" spans="14:14">
      <c r="N398100" s="10"/>
    </row>
    <row r="398101" spans="14:14">
      <c r="N398101" s="10"/>
    </row>
    <row r="398102" spans="14:14">
      <c r="N398102" s="10"/>
    </row>
    <row r="398103" spans="14:14">
      <c r="N398103" s="10"/>
    </row>
    <row r="398104" spans="14:14">
      <c r="N398104" s="10"/>
    </row>
    <row r="398105" spans="14:14">
      <c r="N398105" s="10"/>
    </row>
    <row r="398106" spans="14:14">
      <c r="N398106" s="10"/>
    </row>
    <row r="398107" spans="14:14">
      <c r="N398107" s="10"/>
    </row>
    <row r="398108" spans="14:14">
      <c r="N398108" s="10"/>
    </row>
    <row r="398109" spans="14:14">
      <c r="N398109" s="10"/>
    </row>
    <row r="398110" spans="14:14">
      <c r="N398110" s="10"/>
    </row>
    <row r="398111" spans="14:14">
      <c r="N398111" s="10"/>
    </row>
    <row r="398112" spans="14:14">
      <c r="N398112" s="10"/>
    </row>
    <row r="398113" spans="14:14">
      <c r="N398113" s="10"/>
    </row>
    <row r="398114" spans="14:14">
      <c r="N398114" s="10"/>
    </row>
    <row r="398115" spans="14:14">
      <c r="N398115" s="10"/>
    </row>
    <row r="398116" spans="14:14">
      <c r="N398116" s="10"/>
    </row>
    <row r="398117" spans="14:14">
      <c r="N398117" s="10"/>
    </row>
    <row r="398118" spans="14:14">
      <c r="N398118" s="10"/>
    </row>
    <row r="398119" spans="14:14">
      <c r="N398119" s="10"/>
    </row>
    <row r="398120" spans="14:14">
      <c r="N398120" s="10"/>
    </row>
    <row r="398121" spans="14:14">
      <c r="N398121" s="10"/>
    </row>
    <row r="398122" spans="14:14">
      <c r="N398122" s="10"/>
    </row>
    <row r="398123" spans="14:14">
      <c r="N398123" s="10"/>
    </row>
    <row r="398124" spans="14:14">
      <c r="N398124" s="10"/>
    </row>
    <row r="398125" spans="14:14">
      <c r="N398125" s="10"/>
    </row>
    <row r="398126" spans="14:14">
      <c r="N398126" s="10"/>
    </row>
    <row r="398127" spans="14:14">
      <c r="N398127" s="10"/>
    </row>
    <row r="398128" spans="14:14">
      <c r="N398128" s="10"/>
    </row>
    <row r="398129" spans="14:14">
      <c r="N398129" s="10"/>
    </row>
    <row r="398130" spans="14:14">
      <c r="N398130" s="10"/>
    </row>
    <row r="398131" spans="14:14">
      <c r="N398131" s="10"/>
    </row>
    <row r="398132" spans="14:14">
      <c r="N398132" s="10"/>
    </row>
    <row r="398133" spans="14:14">
      <c r="N398133" s="10"/>
    </row>
    <row r="398134" spans="14:14">
      <c r="N398134" s="10"/>
    </row>
    <row r="398135" spans="14:14">
      <c r="N398135" s="10"/>
    </row>
    <row r="398136" spans="14:14">
      <c r="N398136" s="10"/>
    </row>
    <row r="398137" spans="14:14">
      <c r="N398137" s="10"/>
    </row>
    <row r="398138" spans="14:14">
      <c r="N398138" s="10"/>
    </row>
    <row r="398139" spans="14:14">
      <c r="N398139" s="10"/>
    </row>
    <row r="398140" spans="14:14">
      <c r="N398140" s="10"/>
    </row>
    <row r="398141" spans="14:14">
      <c r="N398141" s="10"/>
    </row>
    <row r="398142" spans="14:14">
      <c r="N398142" s="10"/>
    </row>
    <row r="398143" spans="14:14">
      <c r="N398143" s="10"/>
    </row>
    <row r="398144" spans="14:14">
      <c r="N398144" s="10"/>
    </row>
    <row r="398145" spans="14:14">
      <c r="N398145" s="10"/>
    </row>
    <row r="398146" spans="14:14">
      <c r="N398146" s="10"/>
    </row>
    <row r="398147" spans="14:14">
      <c r="N398147" s="10"/>
    </row>
    <row r="398148" spans="14:14">
      <c r="N398148" s="10"/>
    </row>
    <row r="398149" spans="14:14">
      <c r="N398149" s="10"/>
    </row>
    <row r="398150" spans="14:14">
      <c r="N398150" s="10"/>
    </row>
    <row r="398151" spans="14:14">
      <c r="N398151" s="10"/>
    </row>
    <row r="398152" spans="14:14">
      <c r="N398152" s="10"/>
    </row>
    <row r="398153" spans="14:14">
      <c r="N398153" s="10"/>
    </row>
    <row r="398154" spans="14:14">
      <c r="N398154" s="10"/>
    </row>
    <row r="398155" spans="14:14">
      <c r="N398155" s="10"/>
    </row>
    <row r="398156" spans="14:14">
      <c r="N398156" s="10"/>
    </row>
    <row r="398157" spans="14:14">
      <c r="N398157" s="10"/>
    </row>
    <row r="398158" spans="14:14">
      <c r="N398158" s="10"/>
    </row>
    <row r="398159" spans="14:14">
      <c r="N398159" s="10"/>
    </row>
    <row r="398160" spans="14:14">
      <c r="N398160" s="10"/>
    </row>
    <row r="398161" spans="14:14">
      <c r="N398161" s="10"/>
    </row>
    <row r="398162" spans="14:14">
      <c r="N398162" s="10"/>
    </row>
    <row r="398163" spans="14:14">
      <c r="N398163" s="10"/>
    </row>
    <row r="398164" spans="14:14">
      <c r="N398164" s="10"/>
    </row>
    <row r="398165" spans="14:14">
      <c r="N398165" s="10"/>
    </row>
    <row r="398166" spans="14:14">
      <c r="N398166" s="10"/>
    </row>
    <row r="398167" spans="14:14">
      <c r="N398167" s="10"/>
    </row>
    <row r="398168" spans="14:14">
      <c r="N398168" s="10"/>
    </row>
    <row r="398169" spans="14:14">
      <c r="N398169" s="10"/>
    </row>
    <row r="398170" spans="14:14">
      <c r="N398170" s="10"/>
    </row>
    <row r="398171" spans="14:14">
      <c r="N398171" s="10"/>
    </row>
    <row r="398172" spans="14:14">
      <c r="N398172" s="10"/>
    </row>
    <row r="398173" spans="14:14">
      <c r="N398173" s="10"/>
    </row>
    <row r="398174" spans="14:14">
      <c r="N398174" s="10"/>
    </row>
    <row r="398175" spans="14:14">
      <c r="N398175" s="10"/>
    </row>
    <row r="398176" spans="14:14">
      <c r="N398176" s="10"/>
    </row>
    <row r="398177" spans="14:14">
      <c r="N398177" s="10"/>
    </row>
    <row r="398178" spans="14:14">
      <c r="N398178" s="10"/>
    </row>
    <row r="398179" spans="14:14">
      <c r="N398179" s="10"/>
    </row>
    <row r="398180" spans="14:14">
      <c r="N398180" s="10"/>
    </row>
    <row r="398181" spans="14:14">
      <c r="N398181" s="10"/>
    </row>
    <row r="398182" spans="14:14">
      <c r="N398182" s="10"/>
    </row>
    <row r="398183" spans="14:14">
      <c r="N398183" s="10"/>
    </row>
    <row r="398184" spans="14:14">
      <c r="N398184" s="10"/>
    </row>
    <row r="398185" spans="14:14">
      <c r="N398185" s="10"/>
    </row>
    <row r="398186" spans="14:14">
      <c r="N398186" s="10"/>
    </row>
    <row r="398187" spans="14:14">
      <c r="N398187" s="10"/>
    </row>
    <row r="398188" spans="14:14">
      <c r="N398188" s="10"/>
    </row>
    <row r="398189" spans="14:14">
      <c r="N398189" s="10"/>
    </row>
    <row r="398190" spans="14:14">
      <c r="N398190" s="10"/>
    </row>
    <row r="398191" spans="14:14">
      <c r="N398191" s="10"/>
    </row>
    <row r="398192" spans="14:14">
      <c r="N398192" s="10"/>
    </row>
    <row r="398193" spans="14:14">
      <c r="N398193" s="10"/>
    </row>
    <row r="398194" spans="14:14">
      <c r="N398194" s="10"/>
    </row>
    <row r="398195" spans="14:14">
      <c r="N398195" s="10"/>
    </row>
    <row r="398196" spans="14:14">
      <c r="N398196" s="10"/>
    </row>
    <row r="398197" spans="14:14">
      <c r="N398197" s="10"/>
    </row>
    <row r="398198" spans="14:14">
      <c r="N398198" s="10"/>
    </row>
    <row r="398199" spans="14:14">
      <c r="N398199" s="10"/>
    </row>
    <row r="398200" spans="14:14">
      <c r="N398200" s="10"/>
    </row>
    <row r="398201" spans="14:14">
      <c r="N398201" s="10"/>
    </row>
    <row r="398202" spans="14:14">
      <c r="N398202" s="10"/>
    </row>
    <row r="398203" spans="14:14">
      <c r="N398203" s="10"/>
    </row>
    <row r="398204" spans="14:14">
      <c r="N398204" s="10"/>
    </row>
    <row r="398205" spans="14:14">
      <c r="N398205" s="10"/>
    </row>
    <row r="398206" spans="14:14">
      <c r="N398206" s="10"/>
    </row>
    <row r="398207" spans="14:14">
      <c r="N398207" s="10"/>
    </row>
    <row r="398208" spans="14:14">
      <c r="N398208" s="10"/>
    </row>
    <row r="398209" spans="14:14">
      <c r="N398209" s="10"/>
    </row>
    <row r="398210" spans="14:14">
      <c r="N398210" s="10"/>
    </row>
    <row r="398211" spans="14:14">
      <c r="N398211" s="10"/>
    </row>
    <row r="398212" spans="14:14">
      <c r="N398212" s="10"/>
    </row>
    <row r="398213" spans="14:14">
      <c r="N398213" s="10"/>
    </row>
    <row r="398214" spans="14:14">
      <c r="N398214" s="10"/>
    </row>
    <row r="398215" spans="14:14">
      <c r="N398215" s="10"/>
    </row>
    <row r="398216" spans="14:14">
      <c r="N398216" s="10"/>
    </row>
    <row r="398217" spans="14:14">
      <c r="N398217" s="10"/>
    </row>
    <row r="398218" spans="14:14">
      <c r="N398218" s="10"/>
    </row>
    <row r="398219" spans="14:14">
      <c r="N398219" s="10"/>
    </row>
    <row r="398220" spans="14:14">
      <c r="N398220" s="10"/>
    </row>
    <row r="398221" spans="14:14">
      <c r="N398221" s="10"/>
    </row>
    <row r="398222" spans="14:14">
      <c r="N398222" s="10"/>
    </row>
    <row r="398223" spans="14:14">
      <c r="N398223" s="10"/>
    </row>
    <row r="398224" spans="14:14">
      <c r="N398224" s="10"/>
    </row>
    <row r="398225" spans="14:14">
      <c r="N398225" s="10"/>
    </row>
    <row r="398226" spans="14:14">
      <c r="N398226" s="10"/>
    </row>
    <row r="398227" spans="14:14">
      <c r="N398227" s="10"/>
    </row>
    <row r="398228" spans="14:14">
      <c r="N398228" s="10"/>
    </row>
    <row r="398229" spans="14:14">
      <c r="N398229" s="10"/>
    </row>
    <row r="398230" spans="14:14">
      <c r="N398230" s="10"/>
    </row>
    <row r="398231" spans="14:14">
      <c r="N398231" s="10"/>
    </row>
    <row r="398232" spans="14:14">
      <c r="N398232" s="10"/>
    </row>
    <row r="398233" spans="14:14">
      <c r="N398233" s="10"/>
    </row>
    <row r="398234" spans="14:14">
      <c r="N398234" s="10"/>
    </row>
    <row r="398235" spans="14:14">
      <c r="N398235" s="10"/>
    </row>
    <row r="398236" spans="14:14">
      <c r="N398236" s="10"/>
    </row>
    <row r="398237" spans="14:14">
      <c r="N398237" s="10"/>
    </row>
    <row r="398238" spans="14:14">
      <c r="N398238" s="10"/>
    </row>
    <row r="398239" spans="14:14">
      <c r="N398239" s="10"/>
    </row>
    <row r="398240" spans="14:14">
      <c r="N398240" s="10"/>
    </row>
    <row r="398241" spans="14:14">
      <c r="N398241" s="10"/>
    </row>
    <row r="398242" spans="14:14">
      <c r="N398242" s="10"/>
    </row>
    <row r="398243" spans="14:14">
      <c r="N398243" s="10"/>
    </row>
    <row r="398244" spans="14:14">
      <c r="N398244" s="10"/>
    </row>
    <row r="398245" spans="14:14">
      <c r="N398245" s="10"/>
    </row>
    <row r="398246" spans="14:14">
      <c r="N398246" s="10"/>
    </row>
    <row r="398247" spans="14:14">
      <c r="N398247" s="10"/>
    </row>
    <row r="398248" spans="14:14">
      <c r="N398248" s="10"/>
    </row>
    <row r="398249" spans="14:14">
      <c r="N398249" s="10"/>
    </row>
    <row r="398250" spans="14:14">
      <c r="N398250" s="10"/>
    </row>
    <row r="398251" spans="14:14">
      <c r="N398251" s="10"/>
    </row>
    <row r="398252" spans="14:14">
      <c r="N398252" s="10"/>
    </row>
    <row r="398253" spans="14:14">
      <c r="N398253" s="10"/>
    </row>
    <row r="398254" spans="14:14">
      <c r="N398254" s="10"/>
    </row>
    <row r="398255" spans="14:14">
      <c r="N398255" s="10"/>
    </row>
    <row r="398256" spans="14:14">
      <c r="N398256" s="10"/>
    </row>
    <row r="398257" spans="14:14">
      <c r="N398257" s="10"/>
    </row>
    <row r="398258" spans="14:14">
      <c r="N398258" s="10"/>
    </row>
    <row r="398259" spans="14:14">
      <c r="N398259" s="10"/>
    </row>
    <row r="398260" spans="14:14">
      <c r="N398260" s="10"/>
    </row>
    <row r="398261" spans="14:14">
      <c r="N398261" s="10"/>
    </row>
    <row r="398262" spans="14:14">
      <c r="N398262" s="10"/>
    </row>
    <row r="398263" spans="14:14">
      <c r="N398263" s="10"/>
    </row>
    <row r="398264" spans="14:14">
      <c r="N398264" s="10"/>
    </row>
    <row r="398265" spans="14:14">
      <c r="N398265" s="10"/>
    </row>
    <row r="398266" spans="14:14">
      <c r="N398266" s="10"/>
    </row>
    <row r="398267" spans="14:14">
      <c r="N398267" s="10"/>
    </row>
    <row r="398268" spans="14:14">
      <c r="N398268" s="10"/>
    </row>
    <row r="398269" spans="14:14">
      <c r="N398269" s="10"/>
    </row>
    <row r="398270" spans="14:14">
      <c r="N398270" s="10"/>
    </row>
    <row r="398271" spans="14:14">
      <c r="N398271" s="10"/>
    </row>
    <row r="398272" spans="14:14">
      <c r="N398272" s="10"/>
    </row>
    <row r="398273" spans="14:14">
      <c r="N398273" s="10"/>
    </row>
    <row r="398274" spans="14:14">
      <c r="N398274" s="10"/>
    </row>
    <row r="398275" spans="14:14">
      <c r="N398275" s="10"/>
    </row>
    <row r="398276" spans="14:14">
      <c r="N398276" s="10"/>
    </row>
    <row r="398277" spans="14:14">
      <c r="N398277" s="10"/>
    </row>
    <row r="398278" spans="14:14">
      <c r="N398278" s="10"/>
    </row>
    <row r="398279" spans="14:14">
      <c r="N398279" s="10"/>
    </row>
    <row r="398280" spans="14:14">
      <c r="N398280" s="10"/>
    </row>
    <row r="398281" spans="14:14">
      <c r="N398281" s="10"/>
    </row>
    <row r="398282" spans="14:14">
      <c r="N398282" s="10"/>
    </row>
    <row r="398283" spans="14:14">
      <c r="N398283" s="10"/>
    </row>
    <row r="398284" spans="14:14">
      <c r="N398284" s="10"/>
    </row>
    <row r="398285" spans="14:14">
      <c r="N398285" s="10"/>
    </row>
    <row r="398286" spans="14:14">
      <c r="N398286" s="10"/>
    </row>
    <row r="398287" spans="14:14">
      <c r="N398287" s="10"/>
    </row>
    <row r="398288" spans="14:14">
      <c r="N398288" s="10"/>
    </row>
    <row r="398289" spans="14:14">
      <c r="N398289" s="10"/>
    </row>
    <row r="398290" spans="14:14">
      <c r="N398290" s="10"/>
    </row>
    <row r="398291" spans="14:14">
      <c r="N398291" s="10"/>
    </row>
    <row r="398292" spans="14:14">
      <c r="N398292" s="10"/>
    </row>
    <row r="398293" spans="14:14">
      <c r="N398293" s="10"/>
    </row>
    <row r="398294" spans="14:14">
      <c r="N398294" s="10"/>
    </row>
    <row r="398295" spans="14:14">
      <c r="N398295" s="10"/>
    </row>
    <row r="398296" spans="14:14">
      <c r="N398296" s="10"/>
    </row>
    <row r="398297" spans="14:14">
      <c r="N398297" s="10"/>
    </row>
    <row r="398298" spans="14:14">
      <c r="N398298" s="10"/>
    </row>
    <row r="398299" spans="14:14">
      <c r="N398299" s="10"/>
    </row>
    <row r="398300" spans="14:14">
      <c r="N398300" s="10"/>
    </row>
    <row r="398301" spans="14:14">
      <c r="N398301" s="10"/>
    </row>
    <row r="398302" spans="14:14">
      <c r="N398302" s="10"/>
    </row>
    <row r="398303" spans="14:14">
      <c r="N398303" s="10"/>
    </row>
    <row r="398304" spans="14:14">
      <c r="N398304" s="10"/>
    </row>
    <row r="398305" spans="14:14">
      <c r="N398305" s="10"/>
    </row>
    <row r="398306" spans="14:14">
      <c r="N398306" s="10"/>
    </row>
    <row r="398307" spans="14:14">
      <c r="N398307" s="10"/>
    </row>
    <row r="398308" spans="14:14">
      <c r="N398308" s="10"/>
    </row>
    <row r="398309" spans="14:14">
      <c r="N398309" s="10"/>
    </row>
    <row r="398310" spans="14:14">
      <c r="N398310" s="10"/>
    </row>
    <row r="398311" spans="14:14">
      <c r="N398311" s="10"/>
    </row>
    <row r="398312" spans="14:14">
      <c r="N398312" s="10"/>
    </row>
    <row r="398313" spans="14:14">
      <c r="N398313" s="10"/>
    </row>
    <row r="398314" spans="14:14">
      <c r="N398314" s="10"/>
    </row>
    <row r="398315" spans="14:14">
      <c r="N398315" s="10"/>
    </row>
    <row r="398316" spans="14:14">
      <c r="N398316" s="10"/>
    </row>
    <row r="398317" spans="14:14">
      <c r="N398317" s="10"/>
    </row>
    <row r="398318" spans="14:14">
      <c r="N398318" s="10"/>
    </row>
    <row r="398319" spans="14:14">
      <c r="N398319" s="10"/>
    </row>
    <row r="398320" spans="14:14">
      <c r="N398320" s="10"/>
    </row>
    <row r="398321" spans="14:14">
      <c r="N398321" s="10"/>
    </row>
    <row r="398322" spans="14:14">
      <c r="N398322" s="10"/>
    </row>
    <row r="398323" spans="14:14">
      <c r="N398323" s="10"/>
    </row>
    <row r="398324" spans="14:14">
      <c r="N398324" s="10"/>
    </row>
    <row r="398325" spans="14:14">
      <c r="N398325" s="10"/>
    </row>
    <row r="398326" spans="14:14">
      <c r="N398326" s="10"/>
    </row>
    <row r="398327" spans="14:14">
      <c r="N398327" s="10"/>
    </row>
    <row r="398328" spans="14:14">
      <c r="N398328" s="10"/>
    </row>
    <row r="398329" spans="14:14">
      <c r="N398329" s="10"/>
    </row>
    <row r="398330" spans="14:14">
      <c r="N398330" s="10"/>
    </row>
    <row r="398331" spans="14:14">
      <c r="N398331" s="10"/>
    </row>
    <row r="398332" spans="14:14">
      <c r="N398332" s="10"/>
    </row>
    <row r="398333" spans="14:14">
      <c r="N398333" s="10"/>
    </row>
    <row r="398334" spans="14:14">
      <c r="N398334" s="10"/>
    </row>
    <row r="398335" spans="14:14">
      <c r="N398335" s="10"/>
    </row>
    <row r="398336" spans="14:14">
      <c r="N398336" s="10"/>
    </row>
    <row r="398337" spans="14:14">
      <c r="N398337" s="10"/>
    </row>
    <row r="398338" spans="14:14">
      <c r="N398338" s="10"/>
    </row>
    <row r="398339" spans="14:14">
      <c r="N398339" s="10"/>
    </row>
    <row r="398340" spans="14:14">
      <c r="N398340" s="10"/>
    </row>
    <row r="398341" spans="14:14">
      <c r="N398341" s="10"/>
    </row>
    <row r="398342" spans="14:14">
      <c r="N398342" s="10"/>
    </row>
    <row r="398343" spans="14:14">
      <c r="N398343" s="10"/>
    </row>
    <row r="398344" spans="14:14">
      <c r="N398344" s="10"/>
    </row>
    <row r="398345" spans="14:14">
      <c r="N398345" s="10"/>
    </row>
    <row r="398346" spans="14:14">
      <c r="N398346" s="10"/>
    </row>
    <row r="398347" spans="14:14">
      <c r="N398347" s="10"/>
    </row>
    <row r="398348" spans="14:14">
      <c r="N398348" s="10"/>
    </row>
    <row r="398349" spans="14:14">
      <c r="N398349" s="10"/>
    </row>
    <row r="398350" spans="14:14">
      <c r="N398350" s="10"/>
    </row>
    <row r="398351" spans="14:14">
      <c r="N398351" s="10"/>
    </row>
    <row r="398352" spans="14:14">
      <c r="N398352" s="10"/>
    </row>
    <row r="398353" spans="14:14">
      <c r="N398353" s="10"/>
    </row>
    <row r="398354" spans="14:14">
      <c r="N398354" s="10"/>
    </row>
    <row r="398355" spans="14:14">
      <c r="N398355" s="10"/>
    </row>
    <row r="398356" spans="14:14">
      <c r="N398356" s="10"/>
    </row>
    <row r="398357" spans="14:14">
      <c r="N398357" s="10"/>
    </row>
    <row r="398358" spans="14:14">
      <c r="N398358" s="10"/>
    </row>
    <row r="398359" spans="14:14">
      <c r="N398359" s="10"/>
    </row>
    <row r="398360" spans="14:14">
      <c r="N398360" s="10"/>
    </row>
    <row r="398361" spans="14:14">
      <c r="N398361" s="10"/>
    </row>
    <row r="398362" spans="14:14">
      <c r="N398362" s="10"/>
    </row>
    <row r="398363" spans="14:14">
      <c r="N398363" s="10"/>
    </row>
    <row r="398364" spans="14:14">
      <c r="N398364" s="10"/>
    </row>
    <row r="398365" spans="14:14">
      <c r="N398365" s="10"/>
    </row>
    <row r="398366" spans="14:14">
      <c r="N398366" s="10"/>
    </row>
    <row r="398367" spans="14:14">
      <c r="N398367" s="10"/>
    </row>
    <row r="398368" spans="14:14">
      <c r="N398368" s="10"/>
    </row>
    <row r="398369" spans="14:14">
      <c r="N398369" s="10"/>
    </row>
    <row r="398370" spans="14:14">
      <c r="N398370" s="10"/>
    </row>
    <row r="398371" spans="14:14">
      <c r="N398371" s="10"/>
    </row>
    <row r="398372" spans="14:14">
      <c r="N398372" s="10"/>
    </row>
    <row r="398373" spans="14:14">
      <c r="N398373" s="10"/>
    </row>
    <row r="398374" spans="14:14">
      <c r="N398374" s="10"/>
    </row>
    <row r="398375" spans="14:14">
      <c r="N398375" s="10"/>
    </row>
    <row r="398376" spans="14:14">
      <c r="N398376" s="10"/>
    </row>
    <row r="398377" spans="14:14">
      <c r="N398377" s="10"/>
    </row>
    <row r="398378" spans="14:14">
      <c r="N398378" s="10"/>
    </row>
    <row r="398379" spans="14:14">
      <c r="N398379" s="10"/>
    </row>
    <row r="398380" spans="14:14">
      <c r="N398380" s="10"/>
    </row>
    <row r="398381" spans="14:14">
      <c r="N398381" s="10"/>
    </row>
    <row r="398382" spans="14:14">
      <c r="N398382" s="10"/>
    </row>
    <row r="398383" spans="14:14">
      <c r="N398383" s="10"/>
    </row>
    <row r="398384" spans="14:14">
      <c r="N398384" s="10"/>
    </row>
    <row r="398385" spans="14:14">
      <c r="N398385" s="10"/>
    </row>
    <row r="398386" spans="14:14">
      <c r="N398386" s="10"/>
    </row>
    <row r="398387" spans="14:14">
      <c r="N398387" s="10"/>
    </row>
    <row r="398388" spans="14:14">
      <c r="N398388" s="10"/>
    </row>
    <row r="398389" spans="14:14">
      <c r="N398389" s="10"/>
    </row>
    <row r="398390" spans="14:14">
      <c r="N398390" s="10"/>
    </row>
    <row r="398391" spans="14:14">
      <c r="N398391" s="10"/>
    </row>
    <row r="398392" spans="14:14">
      <c r="N398392" s="10"/>
    </row>
    <row r="398393" spans="14:14">
      <c r="N398393" s="10"/>
    </row>
    <row r="398394" spans="14:14">
      <c r="N398394" s="10"/>
    </row>
    <row r="398395" spans="14:14">
      <c r="N398395" s="10"/>
    </row>
    <row r="398396" spans="14:14">
      <c r="N398396" s="10"/>
    </row>
    <row r="398397" spans="14:14">
      <c r="N398397" s="10"/>
    </row>
    <row r="398398" spans="14:14">
      <c r="N398398" s="10"/>
    </row>
    <row r="398399" spans="14:14">
      <c r="N398399" s="10"/>
    </row>
    <row r="398400" spans="14:14">
      <c r="N398400" s="10"/>
    </row>
    <row r="398401" spans="14:14">
      <c r="N398401" s="10"/>
    </row>
    <row r="398402" spans="14:14">
      <c r="N398402" s="10"/>
    </row>
    <row r="398403" spans="14:14">
      <c r="N398403" s="10"/>
    </row>
    <row r="398404" spans="14:14">
      <c r="N398404" s="10"/>
    </row>
    <row r="398405" spans="14:14">
      <c r="N398405" s="10"/>
    </row>
    <row r="398406" spans="14:14">
      <c r="N398406" s="10"/>
    </row>
    <row r="398407" spans="14:14">
      <c r="N398407" s="10"/>
    </row>
    <row r="398408" spans="14:14">
      <c r="N398408" s="10"/>
    </row>
    <row r="398409" spans="14:14">
      <c r="N398409" s="10"/>
    </row>
    <row r="398410" spans="14:14">
      <c r="N398410" s="10"/>
    </row>
    <row r="398411" spans="14:14">
      <c r="N398411" s="10"/>
    </row>
    <row r="398412" spans="14:14">
      <c r="N398412" s="10"/>
    </row>
    <row r="398413" spans="14:14">
      <c r="N398413" s="10"/>
    </row>
    <row r="398414" spans="14:14">
      <c r="N398414" s="10"/>
    </row>
    <row r="398415" spans="14:14">
      <c r="N398415" s="10"/>
    </row>
    <row r="398416" spans="14:14">
      <c r="N398416" s="10"/>
    </row>
    <row r="398417" spans="14:14">
      <c r="N398417" s="10"/>
    </row>
    <row r="398418" spans="14:14">
      <c r="N398418" s="10"/>
    </row>
    <row r="398419" spans="14:14">
      <c r="N398419" s="10"/>
    </row>
    <row r="398420" spans="14:14">
      <c r="N398420" s="10"/>
    </row>
    <row r="398421" spans="14:14">
      <c r="N398421" s="10"/>
    </row>
    <row r="398422" spans="14:14">
      <c r="N398422" s="10"/>
    </row>
    <row r="398423" spans="14:14">
      <c r="N398423" s="10"/>
    </row>
    <row r="398424" spans="14:14">
      <c r="N398424" s="10"/>
    </row>
    <row r="398425" spans="14:14">
      <c r="N398425" s="10"/>
    </row>
    <row r="398426" spans="14:14">
      <c r="N398426" s="10"/>
    </row>
    <row r="398427" spans="14:14">
      <c r="N398427" s="10"/>
    </row>
    <row r="398428" spans="14:14">
      <c r="N398428" s="10"/>
    </row>
    <row r="398429" spans="14:14">
      <c r="N398429" s="10"/>
    </row>
    <row r="398430" spans="14:14">
      <c r="N398430" s="10"/>
    </row>
    <row r="398431" spans="14:14">
      <c r="N398431" s="10"/>
    </row>
    <row r="398432" spans="14:14">
      <c r="N398432" s="10"/>
    </row>
    <row r="398433" spans="14:14">
      <c r="N398433" s="10"/>
    </row>
    <row r="398434" spans="14:14">
      <c r="N398434" s="10"/>
    </row>
    <row r="398435" spans="14:14">
      <c r="N398435" s="10"/>
    </row>
    <row r="398436" spans="14:14">
      <c r="N398436" s="10"/>
    </row>
    <row r="398437" spans="14:14">
      <c r="N398437" s="10"/>
    </row>
    <row r="398438" spans="14:14">
      <c r="N398438" s="10"/>
    </row>
    <row r="398439" spans="14:14">
      <c r="N398439" s="10"/>
    </row>
    <row r="398440" spans="14:14">
      <c r="N398440" s="10"/>
    </row>
    <row r="398441" spans="14:14">
      <c r="N398441" s="10"/>
    </row>
    <row r="398442" spans="14:14">
      <c r="N398442" s="10"/>
    </row>
    <row r="398443" spans="14:14">
      <c r="N398443" s="10"/>
    </row>
    <row r="398444" spans="14:14">
      <c r="N398444" s="10"/>
    </row>
    <row r="398445" spans="14:14">
      <c r="N398445" s="10"/>
    </row>
    <row r="398446" spans="14:14">
      <c r="N398446" s="10"/>
    </row>
    <row r="398447" spans="14:14">
      <c r="N398447" s="10"/>
    </row>
    <row r="398448" spans="14:14">
      <c r="N398448" s="10"/>
    </row>
    <row r="398449" spans="14:14">
      <c r="N398449" s="10"/>
    </row>
    <row r="398450" spans="14:14">
      <c r="N398450" s="10"/>
    </row>
    <row r="398451" spans="14:14">
      <c r="N398451" s="10"/>
    </row>
    <row r="398452" spans="14:14">
      <c r="N398452" s="10"/>
    </row>
    <row r="398453" spans="14:14">
      <c r="N398453" s="10"/>
    </row>
    <row r="398454" spans="14:14">
      <c r="N398454" s="10"/>
    </row>
    <row r="398455" spans="14:14">
      <c r="N398455" s="10"/>
    </row>
    <row r="398456" spans="14:14">
      <c r="N398456" s="10"/>
    </row>
    <row r="398457" spans="14:14">
      <c r="N398457" s="10"/>
    </row>
    <row r="398458" spans="14:14">
      <c r="N398458" s="10"/>
    </row>
    <row r="398459" spans="14:14">
      <c r="N398459" s="10"/>
    </row>
    <row r="398460" spans="14:14">
      <c r="N398460" s="10"/>
    </row>
    <row r="398461" spans="14:14">
      <c r="N398461" s="10"/>
    </row>
    <row r="398462" spans="14:14">
      <c r="N398462" s="10"/>
    </row>
    <row r="398463" spans="14:14">
      <c r="N398463" s="10"/>
    </row>
    <row r="398464" spans="14:14">
      <c r="N398464" s="10"/>
    </row>
    <row r="398465" spans="14:14">
      <c r="N398465" s="10"/>
    </row>
    <row r="398466" spans="14:14">
      <c r="N398466" s="10"/>
    </row>
    <row r="398467" spans="14:14">
      <c r="N398467" s="10"/>
    </row>
    <row r="398468" spans="14:14">
      <c r="N398468" s="10"/>
    </row>
    <row r="398469" spans="14:14">
      <c r="N398469" s="10"/>
    </row>
    <row r="398470" spans="14:14">
      <c r="N398470" s="10"/>
    </row>
    <row r="398471" spans="14:14">
      <c r="N398471" s="10"/>
    </row>
    <row r="398472" spans="14:14">
      <c r="N398472" s="10"/>
    </row>
    <row r="398473" spans="14:14">
      <c r="N398473" s="10"/>
    </row>
    <row r="398474" spans="14:14">
      <c r="N398474" s="10"/>
    </row>
    <row r="398475" spans="14:14">
      <c r="N398475" s="10"/>
    </row>
    <row r="398476" spans="14:14">
      <c r="N398476" s="10"/>
    </row>
    <row r="398477" spans="14:14">
      <c r="N398477" s="10"/>
    </row>
    <row r="398478" spans="14:14">
      <c r="N398478" s="10"/>
    </row>
    <row r="398479" spans="14:14">
      <c r="N398479" s="10"/>
    </row>
    <row r="398480" spans="14:14">
      <c r="N398480" s="10"/>
    </row>
    <row r="398481" spans="14:14">
      <c r="N398481" s="10"/>
    </row>
    <row r="398482" spans="14:14">
      <c r="N398482" s="10"/>
    </row>
    <row r="398483" spans="14:14">
      <c r="N398483" s="10"/>
    </row>
    <row r="398484" spans="14:14">
      <c r="N398484" s="10"/>
    </row>
    <row r="398485" spans="14:14">
      <c r="N398485" s="10"/>
    </row>
    <row r="398486" spans="14:14">
      <c r="N398486" s="10"/>
    </row>
    <row r="398487" spans="14:14">
      <c r="N398487" s="10"/>
    </row>
    <row r="398488" spans="14:14">
      <c r="N398488" s="10"/>
    </row>
    <row r="398489" spans="14:14">
      <c r="N398489" s="10"/>
    </row>
    <row r="398490" spans="14:14">
      <c r="N398490" s="10"/>
    </row>
    <row r="398491" spans="14:14">
      <c r="N398491" s="10"/>
    </row>
    <row r="398492" spans="14:14">
      <c r="N398492" s="10"/>
    </row>
    <row r="398493" spans="14:14">
      <c r="N398493" s="10"/>
    </row>
    <row r="398494" spans="14:14">
      <c r="N398494" s="10"/>
    </row>
    <row r="398495" spans="14:14">
      <c r="N398495" s="10"/>
    </row>
    <row r="398496" spans="14:14">
      <c r="N398496" s="10"/>
    </row>
    <row r="398497" spans="14:14">
      <c r="N398497" s="10"/>
    </row>
    <row r="398498" spans="14:14">
      <c r="N398498" s="10"/>
    </row>
    <row r="398499" spans="14:14">
      <c r="N398499" s="10"/>
    </row>
    <row r="398500" spans="14:14">
      <c r="N398500" s="10"/>
    </row>
    <row r="398501" spans="14:14">
      <c r="N398501" s="10"/>
    </row>
    <row r="398502" spans="14:14">
      <c r="N398502" s="10"/>
    </row>
    <row r="398503" spans="14:14">
      <c r="N398503" s="10"/>
    </row>
    <row r="398504" spans="14:14">
      <c r="N398504" s="10"/>
    </row>
    <row r="398505" spans="14:14">
      <c r="N398505" s="10"/>
    </row>
    <row r="398506" spans="14:14">
      <c r="N398506" s="10"/>
    </row>
    <row r="398507" spans="14:14">
      <c r="N398507" s="10"/>
    </row>
    <row r="398508" spans="14:14">
      <c r="N398508" s="10"/>
    </row>
    <row r="398509" spans="14:14">
      <c r="N398509" s="10"/>
    </row>
    <row r="398510" spans="14:14">
      <c r="N398510" s="10"/>
    </row>
    <row r="398511" spans="14:14">
      <c r="N398511" s="10"/>
    </row>
    <row r="398512" spans="14:14">
      <c r="N398512" s="10"/>
    </row>
    <row r="398513" spans="14:14">
      <c r="N398513" s="10"/>
    </row>
    <row r="398514" spans="14:14">
      <c r="N398514" s="10"/>
    </row>
    <row r="398515" spans="14:14">
      <c r="N398515" s="10"/>
    </row>
    <row r="398516" spans="14:14">
      <c r="N398516" s="10"/>
    </row>
    <row r="398517" spans="14:14">
      <c r="N398517" s="10"/>
    </row>
    <row r="398518" spans="14:14">
      <c r="N398518" s="10"/>
    </row>
    <row r="398519" spans="14:14">
      <c r="N398519" s="10"/>
    </row>
    <row r="398520" spans="14:14">
      <c r="N398520" s="10"/>
    </row>
    <row r="398521" spans="14:14">
      <c r="N398521" s="10"/>
    </row>
    <row r="398522" spans="14:14">
      <c r="N398522" s="10"/>
    </row>
    <row r="398523" spans="14:14">
      <c r="N398523" s="10"/>
    </row>
    <row r="398524" spans="14:14">
      <c r="N398524" s="10"/>
    </row>
    <row r="398525" spans="14:14">
      <c r="N398525" s="10"/>
    </row>
    <row r="398526" spans="14:14">
      <c r="N398526" s="10"/>
    </row>
    <row r="398527" spans="14:14">
      <c r="N398527" s="10"/>
    </row>
    <row r="398528" spans="14:14">
      <c r="N398528" s="10"/>
    </row>
    <row r="398529" spans="14:14">
      <c r="N398529" s="10"/>
    </row>
    <row r="398530" spans="14:14">
      <c r="N398530" s="10"/>
    </row>
    <row r="398531" spans="14:14">
      <c r="N398531" s="10"/>
    </row>
    <row r="398532" spans="14:14">
      <c r="N398532" s="10"/>
    </row>
    <row r="398533" spans="14:14">
      <c r="N398533" s="10"/>
    </row>
    <row r="398534" spans="14:14">
      <c r="N398534" s="10"/>
    </row>
    <row r="398535" spans="14:14">
      <c r="N398535" s="10"/>
    </row>
    <row r="398536" spans="14:14">
      <c r="N398536" s="10"/>
    </row>
    <row r="398537" spans="14:14">
      <c r="N398537" s="10"/>
    </row>
    <row r="398538" spans="14:14">
      <c r="N398538" s="10"/>
    </row>
    <row r="398539" spans="14:14">
      <c r="N398539" s="10"/>
    </row>
    <row r="398540" spans="14:14">
      <c r="N398540" s="10"/>
    </row>
    <row r="398541" spans="14:14">
      <c r="N398541" s="10"/>
    </row>
    <row r="398542" spans="14:14">
      <c r="N398542" s="10"/>
    </row>
    <row r="398543" spans="14:14">
      <c r="N398543" s="10"/>
    </row>
    <row r="398544" spans="14:14">
      <c r="N398544" s="10"/>
    </row>
    <row r="398545" spans="14:14">
      <c r="N398545" s="10"/>
    </row>
    <row r="398546" spans="14:14">
      <c r="N398546" s="10"/>
    </row>
    <row r="398547" spans="14:14">
      <c r="N398547" s="10"/>
    </row>
    <row r="398548" spans="14:14">
      <c r="N398548" s="10"/>
    </row>
    <row r="398549" spans="14:14">
      <c r="N398549" s="10"/>
    </row>
    <row r="398550" spans="14:14">
      <c r="N398550" s="10"/>
    </row>
    <row r="398551" spans="14:14">
      <c r="N398551" s="10"/>
    </row>
    <row r="398552" spans="14:14">
      <c r="N398552" s="10"/>
    </row>
    <row r="398553" spans="14:14">
      <c r="N398553" s="10"/>
    </row>
    <row r="398554" spans="14:14">
      <c r="N398554" s="10"/>
    </row>
    <row r="398555" spans="14:14">
      <c r="N398555" s="10"/>
    </row>
    <row r="398556" spans="14:14">
      <c r="N398556" s="10"/>
    </row>
    <row r="398557" spans="14:14">
      <c r="N398557" s="10"/>
    </row>
    <row r="398558" spans="14:14">
      <c r="N398558" s="10"/>
    </row>
    <row r="398559" spans="14:14">
      <c r="N398559" s="10"/>
    </row>
    <row r="398560" spans="14:14">
      <c r="N398560" s="10"/>
    </row>
    <row r="398561" spans="14:14">
      <c r="N398561" s="10"/>
    </row>
    <row r="398562" spans="14:14">
      <c r="N398562" s="10"/>
    </row>
    <row r="398563" spans="14:14">
      <c r="N398563" s="10"/>
    </row>
    <row r="398564" spans="14:14">
      <c r="N398564" s="10"/>
    </row>
    <row r="398565" spans="14:14">
      <c r="N398565" s="10"/>
    </row>
    <row r="398566" spans="14:14">
      <c r="N398566" s="10"/>
    </row>
    <row r="398567" spans="14:14">
      <c r="N398567" s="10"/>
    </row>
    <row r="398568" spans="14:14">
      <c r="N398568" s="10"/>
    </row>
    <row r="398569" spans="14:14">
      <c r="N398569" s="10"/>
    </row>
    <row r="398570" spans="14:14">
      <c r="N398570" s="10"/>
    </row>
    <row r="398571" spans="14:14">
      <c r="N398571" s="10"/>
    </row>
    <row r="398572" spans="14:14">
      <c r="N398572" s="10"/>
    </row>
    <row r="398573" spans="14:14">
      <c r="N398573" s="10"/>
    </row>
    <row r="398574" spans="14:14">
      <c r="N398574" s="10"/>
    </row>
    <row r="398575" spans="14:14">
      <c r="N398575" s="10"/>
    </row>
    <row r="398576" spans="14:14">
      <c r="N398576" s="10"/>
    </row>
    <row r="398577" spans="14:14">
      <c r="N398577" s="10"/>
    </row>
    <row r="398578" spans="14:14">
      <c r="N398578" s="10"/>
    </row>
    <row r="398579" spans="14:14">
      <c r="N398579" s="10"/>
    </row>
    <row r="398580" spans="14:14">
      <c r="N398580" s="10"/>
    </row>
    <row r="398581" spans="14:14">
      <c r="N398581" s="10"/>
    </row>
    <row r="398582" spans="14:14">
      <c r="N398582" s="10"/>
    </row>
    <row r="398583" spans="14:14">
      <c r="N398583" s="10"/>
    </row>
    <row r="398584" spans="14:14">
      <c r="N398584" s="10"/>
    </row>
    <row r="398585" spans="14:14">
      <c r="N398585" s="10"/>
    </row>
    <row r="398586" spans="14:14">
      <c r="N398586" s="10"/>
    </row>
    <row r="398587" spans="14:14">
      <c r="N398587" s="10"/>
    </row>
    <row r="398588" spans="14:14">
      <c r="N398588" s="10"/>
    </row>
    <row r="398589" spans="14:14">
      <c r="N398589" s="10"/>
    </row>
    <row r="398590" spans="14:14">
      <c r="N398590" s="10"/>
    </row>
    <row r="398591" spans="14:14">
      <c r="N398591" s="10"/>
    </row>
    <row r="398592" spans="14:14">
      <c r="N398592" s="10"/>
    </row>
    <row r="398593" spans="14:14">
      <c r="N398593" s="10"/>
    </row>
    <row r="398594" spans="14:14">
      <c r="N398594" s="10"/>
    </row>
    <row r="398595" spans="14:14">
      <c r="N398595" s="10"/>
    </row>
    <row r="398596" spans="14:14">
      <c r="N398596" s="10"/>
    </row>
    <row r="398597" spans="14:14">
      <c r="N398597" s="10"/>
    </row>
    <row r="398598" spans="14:14">
      <c r="N398598" s="10"/>
    </row>
    <row r="398599" spans="14:14">
      <c r="N398599" s="10"/>
    </row>
    <row r="398600" spans="14:14">
      <c r="N398600" s="10"/>
    </row>
    <row r="398601" spans="14:14">
      <c r="N398601" s="10"/>
    </row>
    <row r="398602" spans="14:14">
      <c r="N398602" s="10"/>
    </row>
    <row r="398603" spans="14:14">
      <c r="N398603" s="10"/>
    </row>
    <row r="398604" spans="14:14">
      <c r="N398604" s="10"/>
    </row>
    <row r="398605" spans="14:14">
      <c r="N398605" s="10"/>
    </row>
    <row r="398606" spans="14:14">
      <c r="N398606" s="10"/>
    </row>
    <row r="398607" spans="14:14">
      <c r="N398607" s="10"/>
    </row>
    <row r="398608" spans="14:14">
      <c r="N398608" s="10"/>
    </row>
    <row r="398609" spans="14:14">
      <c r="N398609" s="10"/>
    </row>
    <row r="398610" spans="14:14">
      <c r="N398610" s="10"/>
    </row>
    <row r="398611" spans="14:14">
      <c r="N398611" s="10"/>
    </row>
    <row r="398612" spans="14:14">
      <c r="N398612" s="10"/>
    </row>
    <row r="398613" spans="14:14">
      <c r="N398613" s="10"/>
    </row>
    <row r="398614" spans="14:14">
      <c r="N398614" s="10"/>
    </row>
    <row r="398615" spans="14:14">
      <c r="N398615" s="10"/>
    </row>
    <row r="398616" spans="14:14">
      <c r="N398616" s="10"/>
    </row>
    <row r="398617" spans="14:14">
      <c r="N398617" s="10"/>
    </row>
    <row r="398618" spans="14:14">
      <c r="N398618" s="10"/>
    </row>
    <row r="398619" spans="14:14">
      <c r="N398619" s="10"/>
    </row>
    <row r="398620" spans="14:14">
      <c r="N398620" s="10"/>
    </row>
    <row r="398621" spans="14:14">
      <c r="N398621" s="10"/>
    </row>
    <row r="398622" spans="14:14">
      <c r="N398622" s="10"/>
    </row>
    <row r="398623" spans="14:14">
      <c r="N398623" s="10"/>
    </row>
    <row r="398624" spans="14:14">
      <c r="N398624" s="10"/>
    </row>
    <row r="398625" spans="14:14">
      <c r="N398625" s="10"/>
    </row>
    <row r="398626" spans="14:14">
      <c r="N398626" s="10"/>
    </row>
    <row r="398627" spans="14:14">
      <c r="N398627" s="10"/>
    </row>
    <row r="398628" spans="14:14">
      <c r="N398628" s="10"/>
    </row>
    <row r="398629" spans="14:14">
      <c r="N398629" s="10"/>
    </row>
    <row r="398630" spans="14:14">
      <c r="N398630" s="10"/>
    </row>
    <row r="398631" spans="14:14">
      <c r="N398631" s="10"/>
    </row>
    <row r="398632" spans="14:14">
      <c r="N398632" s="10"/>
    </row>
    <row r="398633" spans="14:14">
      <c r="N398633" s="10"/>
    </row>
    <row r="398634" spans="14:14">
      <c r="N398634" s="10"/>
    </row>
    <row r="398635" spans="14:14">
      <c r="N398635" s="10"/>
    </row>
    <row r="398636" spans="14:14">
      <c r="N398636" s="10"/>
    </row>
    <row r="398637" spans="14:14">
      <c r="N398637" s="10"/>
    </row>
    <row r="398638" spans="14:14">
      <c r="N398638" s="10"/>
    </row>
    <row r="398639" spans="14:14">
      <c r="N398639" s="10"/>
    </row>
    <row r="398640" spans="14:14">
      <c r="N398640" s="10"/>
    </row>
    <row r="398641" spans="14:14">
      <c r="N398641" s="10"/>
    </row>
    <row r="398642" spans="14:14">
      <c r="N398642" s="10"/>
    </row>
    <row r="398643" spans="14:14">
      <c r="N398643" s="10"/>
    </row>
    <row r="398644" spans="14:14">
      <c r="N398644" s="10"/>
    </row>
    <row r="398645" spans="14:14">
      <c r="N398645" s="10"/>
    </row>
    <row r="398646" spans="14:14">
      <c r="N398646" s="10"/>
    </row>
    <row r="398647" spans="14:14">
      <c r="N398647" s="10"/>
    </row>
    <row r="398648" spans="14:14">
      <c r="N398648" s="10"/>
    </row>
    <row r="398649" spans="14:14">
      <c r="N398649" s="10"/>
    </row>
    <row r="398650" spans="14:14">
      <c r="N398650" s="10"/>
    </row>
    <row r="398651" spans="14:14">
      <c r="N398651" s="10"/>
    </row>
    <row r="398652" spans="14:14">
      <c r="N398652" s="10"/>
    </row>
    <row r="398653" spans="14:14">
      <c r="N398653" s="10"/>
    </row>
    <row r="398654" spans="14:14">
      <c r="N398654" s="10"/>
    </row>
    <row r="398655" spans="14:14">
      <c r="N398655" s="10"/>
    </row>
    <row r="398656" spans="14:14">
      <c r="N398656" s="10"/>
    </row>
    <row r="398657" spans="14:14">
      <c r="N398657" s="10"/>
    </row>
    <row r="398658" spans="14:14">
      <c r="N398658" s="10"/>
    </row>
    <row r="398659" spans="14:14">
      <c r="N398659" s="10"/>
    </row>
    <row r="398660" spans="14:14">
      <c r="N398660" s="10"/>
    </row>
    <row r="398661" spans="14:14">
      <c r="N398661" s="10"/>
    </row>
    <row r="398662" spans="14:14">
      <c r="N398662" s="10"/>
    </row>
    <row r="398663" spans="14:14">
      <c r="N398663" s="10"/>
    </row>
    <row r="398664" spans="14:14">
      <c r="N398664" s="10"/>
    </row>
    <row r="398665" spans="14:14">
      <c r="N398665" s="10"/>
    </row>
    <row r="398666" spans="14:14">
      <c r="N398666" s="10"/>
    </row>
    <row r="398667" spans="14:14">
      <c r="N398667" s="10"/>
    </row>
    <row r="398668" spans="14:14">
      <c r="N398668" s="10"/>
    </row>
    <row r="398669" spans="14:14">
      <c r="N398669" s="10"/>
    </row>
    <row r="398670" spans="14:14">
      <c r="N398670" s="10"/>
    </row>
    <row r="398671" spans="14:14">
      <c r="N398671" s="10"/>
    </row>
    <row r="398672" spans="14:14">
      <c r="N398672" s="10"/>
    </row>
    <row r="398673" spans="14:14">
      <c r="N398673" s="10"/>
    </row>
    <row r="398674" spans="14:14">
      <c r="N398674" s="10"/>
    </row>
    <row r="398675" spans="14:14">
      <c r="N398675" s="10"/>
    </row>
    <row r="398676" spans="14:14">
      <c r="N398676" s="10"/>
    </row>
    <row r="398677" spans="14:14">
      <c r="N398677" s="10"/>
    </row>
    <row r="398678" spans="14:14">
      <c r="N398678" s="10"/>
    </row>
    <row r="398679" spans="14:14">
      <c r="N398679" s="10"/>
    </row>
    <row r="398680" spans="14:14">
      <c r="N398680" s="10"/>
    </row>
    <row r="398681" spans="14:14">
      <c r="N398681" s="10"/>
    </row>
    <row r="398682" spans="14:14">
      <c r="N398682" s="10"/>
    </row>
    <row r="398683" spans="14:14">
      <c r="N398683" s="10"/>
    </row>
    <row r="398684" spans="14:14">
      <c r="N398684" s="10"/>
    </row>
    <row r="398685" spans="14:14">
      <c r="N398685" s="10"/>
    </row>
    <row r="398686" spans="14:14">
      <c r="N398686" s="10"/>
    </row>
    <row r="398687" spans="14:14">
      <c r="N398687" s="10"/>
    </row>
    <row r="398688" spans="14:14">
      <c r="N398688" s="10"/>
    </row>
    <row r="398689" spans="14:14">
      <c r="N398689" s="10"/>
    </row>
    <row r="398690" spans="14:14">
      <c r="N398690" s="10"/>
    </row>
    <row r="398691" spans="14:14">
      <c r="N398691" s="10"/>
    </row>
    <row r="398692" spans="14:14">
      <c r="N398692" s="10"/>
    </row>
    <row r="398693" spans="14:14">
      <c r="N398693" s="10"/>
    </row>
    <row r="398694" spans="14:14">
      <c r="N398694" s="10"/>
    </row>
    <row r="398695" spans="14:14">
      <c r="N398695" s="10"/>
    </row>
    <row r="398696" spans="14:14">
      <c r="N398696" s="10"/>
    </row>
    <row r="398697" spans="14:14">
      <c r="N398697" s="10"/>
    </row>
    <row r="398698" spans="14:14">
      <c r="N398698" s="10"/>
    </row>
    <row r="398699" spans="14:14">
      <c r="N398699" s="10"/>
    </row>
    <row r="398700" spans="14:14">
      <c r="N398700" s="10"/>
    </row>
    <row r="398701" spans="14:14">
      <c r="N398701" s="10"/>
    </row>
    <row r="398702" spans="14:14">
      <c r="N398702" s="10"/>
    </row>
    <row r="398703" spans="14:14">
      <c r="N398703" s="10"/>
    </row>
    <row r="398704" spans="14:14">
      <c r="N398704" s="10"/>
    </row>
    <row r="398705" spans="14:14">
      <c r="N398705" s="10"/>
    </row>
    <row r="398706" spans="14:14">
      <c r="N398706" s="10"/>
    </row>
    <row r="398707" spans="14:14">
      <c r="N398707" s="10"/>
    </row>
    <row r="398708" spans="14:14">
      <c r="N398708" s="10"/>
    </row>
    <row r="398709" spans="14:14">
      <c r="N398709" s="10"/>
    </row>
    <row r="398710" spans="14:14">
      <c r="N398710" s="10"/>
    </row>
    <row r="398711" spans="14:14">
      <c r="N398711" s="10"/>
    </row>
    <row r="398712" spans="14:14">
      <c r="N398712" s="10"/>
    </row>
    <row r="398713" spans="14:14">
      <c r="N398713" s="10"/>
    </row>
    <row r="398714" spans="14:14">
      <c r="N398714" s="10"/>
    </row>
    <row r="398715" spans="14:14">
      <c r="N398715" s="10"/>
    </row>
    <row r="398716" spans="14:14">
      <c r="N398716" s="10"/>
    </row>
    <row r="398717" spans="14:14">
      <c r="N398717" s="10"/>
    </row>
    <row r="398718" spans="14:14">
      <c r="N398718" s="10"/>
    </row>
    <row r="398719" spans="14:14">
      <c r="N398719" s="10"/>
    </row>
    <row r="398720" spans="14:14">
      <c r="N398720" s="10"/>
    </row>
    <row r="398721" spans="14:14">
      <c r="N398721" s="10"/>
    </row>
    <row r="398722" spans="14:14">
      <c r="N398722" s="10"/>
    </row>
    <row r="398723" spans="14:14">
      <c r="N398723" s="10"/>
    </row>
    <row r="398724" spans="14:14">
      <c r="N398724" s="10"/>
    </row>
    <row r="398725" spans="14:14">
      <c r="N398725" s="10"/>
    </row>
    <row r="398726" spans="14:14">
      <c r="N398726" s="10"/>
    </row>
    <row r="398727" spans="14:14">
      <c r="N398727" s="10"/>
    </row>
    <row r="398728" spans="14:14">
      <c r="N398728" s="10"/>
    </row>
    <row r="398729" spans="14:14">
      <c r="N398729" s="10"/>
    </row>
    <row r="398730" spans="14:14">
      <c r="N398730" s="10"/>
    </row>
    <row r="398731" spans="14:14">
      <c r="N398731" s="10"/>
    </row>
    <row r="398732" spans="14:14">
      <c r="N398732" s="10"/>
    </row>
    <row r="398733" spans="14:14">
      <c r="N398733" s="10"/>
    </row>
    <row r="398734" spans="14:14">
      <c r="N398734" s="10"/>
    </row>
    <row r="398735" spans="14:14">
      <c r="N398735" s="10"/>
    </row>
    <row r="398736" spans="14:14">
      <c r="N398736" s="10"/>
    </row>
    <row r="398737" spans="14:14">
      <c r="N398737" s="10"/>
    </row>
    <row r="398738" spans="14:14">
      <c r="N398738" s="10"/>
    </row>
    <row r="398739" spans="14:14">
      <c r="N398739" s="10"/>
    </row>
    <row r="398740" spans="14:14">
      <c r="N398740" s="10"/>
    </row>
    <row r="398741" spans="14:14">
      <c r="N398741" s="10"/>
    </row>
    <row r="398742" spans="14:14">
      <c r="N398742" s="10"/>
    </row>
    <row r="398743" spans="14:14">
      <c r="N398743" s="10"/>
    </row>
    <row r="398744" spans="14:14">
      <c r="N398744" s="10"/>
    </row>
    <row r="398745" spans="14:14">
      <c r="N398745" s="10"/>
    </row>
    <row r="398746" spans="14:14">
      <c r="N398746" s="10"/>
    </row>
    <row r="398747" spans="14:14">
      <c r="N398747" s="10"/>
    </row>
    <row r="398748" spans="14:14">
      <c r="N398748" s="10"/>
    </row>
    <row r="398749" spans="14:14">
      <c r="N398749" s="10"/>
    </row>
    <row r="398750" spans="14:14">
      <c r="N398750" s="10"/>
    </row>
    <row r="398751" spans="14:14">
      <c r="N398751" s="10"/>
    </row>
    <row r="398752" spans="14:14">
      <c r="N398752" s="10"/>
    </row>
    <row r="398753" spans="14:14">
      <c r="N398753" s="10"/>
    </row>
    <row r="398754" spans="14:14">
      <c r="N398754" s="10"/>
    </row>
    <row r="398755" spans="14:14">
      <c r="N398755" s="10"/>
    </row>
    <row r="398756" spans="14:14">
      <c r="N398756" s="10"/>
    </row>
    <row r="398757" spans="14:14">
      <c r="N398757" s="10"/>
    </row>
    <row r="398758" spans="14:14">
      <c r="N398758" s="10"/>
    </row>
    <row r="398759" spans="14:14">
      <c r="N398759" s="10"/>
    </row>
    <row r="398760" spans="14:14">
      <c r="N398760" s="10"/>
    </row>
    <row r="398761" spans="14:14">
      <c r="N398761" s="10"/>
    </row>
    <row r="398762" spans="14:14">
      <c r="N398762" s="10"/>
    </row>
    <row r="398763" spans="14:14">
      <c r="N398763" s="10"/>
    </row>
    <row r="398764" spans="14:14">
      <c r="N398764" s="10"/>
    </row>
    <row r="398765" spans="14:14">
      <c r="N398765" s="10"/>
    </row>
    <row r="398766" spans="14:14">
      <c r="N398766" s="10"/>
    </row>
    <row r="398767" spans="14:14">
      <c r="N398767" s="10"/>
    </row>
    <row r="398768" spans="14:14">
      <c r="N398768" s="10"/>
    </row>
    <row r="398769" spans="14:14">
      <c r="N398769" s="10"/>
    </row>
    <row r="398770" spans="14:14">
      <c r="N398770" s="10"/>
    </row>
    <row r="398771" spans="14:14">
      <c r="N398771" s="10"/>
    </row>
    <row r="398772" spans="14:14">
      <c r="N398772" s="10"/>
    </row>
    <row r="398773" spans="14:14">
      <c r="N398773" s="10"/>
    </row>
    <row r="398774" spans="14:14">
      <c r="N398774" s="10"/>
    </row>
    <row r="398775" spans="14:14">
      <c r="N398775" s="10"/>
    </row>
    <row r="398776" spans="14:14">
      <c r="N398776" s="10"/>
    </row>
    <row r="398777" spans="14:14">
      <c r="N398777" s="10"/>
    </row>
    <row r="398778" spans="14:14">
      <c r="N398778" s="10"/>
    </row>
    <row r="398779" spans="14:14">
      <c r="N398779" s="10"/>
    </row>
    <row r="398780" spans="14:14">
      <c r="N398780" s="10"/>
    </row>
    <row r="398781" spans="14:14">
      <c r="N398781" s="10"/>
    </row>
    <row r="398782" spans="14:14">
      <c r="N398782" s="10"/>
    </row>
    <row r="398783" spans="14:14">
      <c r="N398783" s="10"/>
    </row>
    <row r="398784" spans="14:14">
      <c r="N398784" s="10"/>
    </row>
    <row r="398785" spans="14:14">
      <c r="N398785" s="10"/>
    </row>
    <row r="398786" spans="14:14">
      <c r="N398786" s="10"/>
    </row>
    <row r="398787" spans="14:14">
      <c r="N398787" s="10"/>
    </row>
    <row r="398788" spans="14:14">
      <c r="N398788" s="10"/>
    </row>
    <row r="398789" spans="14:14">
      <c r="N398789" s="10"/>
    </row>
    <row r="398790" spans="14:14">
      <c r="N398790" s="10"/>
    </row>
    <row r="398791" spans="14:14">
      <c r="N398791" s="10"/>
    </row>
    <row r="398792" spans="14:14">
      <c r="N398792" s="10"/>
    </row>
    <row r="398793" spans="14:14">
      <c r="N398793" s="10"/>
    </row>
    <row r="398794" spans="14:14">
      <c r="N398794" s="10"/>
    </row>
    <row r="398795" spans="14:14">
      <c r="N398795" s="10"/>
    </row>
    <row r="398796" spans="14:14">
      <c r="N398796" s="10"/>
    </row>
    <row r="398797" spans="14:14">
      <c r="N398797" s="10"/>
    </row>
    <row r="398798" spans="14:14">
      <c r="N398798" s="10"/>
    </row>
    <row r="398799" spans="14:14">
      <c r="N398799" s="10"/>
    </row>
    <row r="398800" spans="14:14">
      <c r="N398800" s="10"/>
    </row>
    <row r="398801" spans="14:14">
      <c r="N398801" s="10"/>
    </row>
    <row r="398802" spans="14:14">
      <c r="N398802" s="10"/>
    </row>
    <row r="398803" spans="14:14">
      <c r="N398803" s="10"/>
    </row>
    <row r="398804" spans="14:14">
      <c r="N398804" s="10"/>
    </row>
    <row r="398805" spans="14:14">
      <c r="N398805" s="10"/>
    </row>
    <row r="398806" spans="14:14">
      <c r="N398806" s="10"/>
    </row>
    <row r="398807" spans="14:14">
      <c r="N398807" s="10"/>
    </row>
    <row r="398808" spans="14:14">
      <c r="N398808" s="10"/>
    </row>
    <row r="398809" spans="14:14">
      <c r="N398809" s="10"/>
    </row>
    <row r="398810" spans="14:14">
      <c r="N398810" s="10"/>
    </row>
    <row r="398811" spans="14:14">
      <c r="N398811" s="10"/>
    </row>
    <row r="398812" spans="14:14">
      <c r="N398812" s="10"/>
    </row>
    <row r="398813" spans="14:14">
      <c r="N398813" s="10"/>
    </row>
    <row r="398814" spans="14:14">
      <c r="N398814" s="10"/>
    </row>
    <row r="398815" spans="14:14">
      <c r="N398815" s="10"/>
    </row>
    <row r="398816" spans="14:14">
      <c r="N398816" s="10"/>
    </row>
    <row r="398817" spans="14:14">
      <c r="N398817" s="10"/>
    </row>
    <row r="398818" spans="14:14">
      <c r="N398818" s="10"/>
    </row>
    <row r="398819" spans="14:14">
      <c r="N398819" s="10"/>
    </row>
    <row r="398820" spans="14:14">
      <c r="N398820" s="10"/>
    </row>
    <row r="398821" spans="14:14">
      <c r="N398821" s="10"/>
    </row>
    <row r="398822" spans="14:14">
      <c r="N398822" s="10"/>
    </row>
    <row r="398823" spans="14:14">
      <c r="N398823" s="10"/>
    </row>
    <row r="398824" spans="14:14">
      <c r="N398824" s="10"/>
    </row>
    <row r="398825" spans="14:14">
      <c r="N398825" s="10"/>
    </row>
    <row r="398826" spans="14:14">
      <c r="N398826" s="10"/>
    </row>
    <row r="398827" spans="14:14">
      <c r="N398827" s="10"/>
    </row>
    <row r="398828" spans="14:14">
      <c r="N398828" s="10"/>
    </row>
    <row r="398829" spans="14:14">
      <c r="N398829" s="10"/>
    </row>
    <row r="398830" spans="14:14">
      <c r="N398830" s="10"/>
    </row>
    <row r="398831" spans="14:14">
      <c r="N398831" s="10"/>
    </row>
    <row r="398832" spans="14:14">
      <c r="N398832" s="10"/>
    </row>
    <row r="398833" spans="14:14">
      <c r="N398833" s="10"/>
    </row>
    <row r="398834" spans="14:14">
      <c r="N398834" s="10"/>
    </row>
    <row r="398835" spans="14:14">
      <c r="N398835" s="10"/>
    </row>
    <row r="398836" spans="14:14">
      <c r="N398836" s="10"/>
    </row>
    <row r="398837" spans="14:14">
      <c r="N398837" s="10"/>
    </row>
    <row r="398838" spans="14:14">
      <c r="N398838" s="10"/>
    </row>
    <row r="398839" spans="14:14">
      <c r="N398839" s="10"/>
    </row>
    <row r="398840" spans="14:14">
      <c r="N398840" s="10"/>
    </row>
    <row r="398841" spans="14:14">
      <c r="N398841" s="10"/>
    </row>
    <row r="398842" spans="14:14">
      <c r="N398842" s="10"/>
    </row>
    <row r="398843" spans="14:14">
      <c r="N398843" s="10"/>
    </row>
    <row r="398844" spans="14:14">
      <c r="N398844" s="10"/>
    </row>
    <row r="398845" spans="14:14">
      <c r="N398845" s="10"/>
    </row>
    <row r="398846" spans="14:14">
      <c r="N398846" s="10"/>
    </row>
    <row r="398847" spans="14:14">
      <c r="N398847" s="10"/>
    </row>
    <row r="398848" spans="14:14">
      <c r="N398848" s="10"/>
    </row>
    <row r="398849" spans="14:14">
      <c r="N398849" s="10"/>
    </row>
    <row r="398850" spans="14:14">
      <c r="N398850" s="10"/>
    </row>
    <row r="398851" spans="14:14">
      <c r="N398851" s="10"/>
    </row>
    <row r="398852" spans="14:14">
      <c r="N398852" s="10"/>
    </row>
    <row r="398853" spans="14:14">
      <c r="N398853" s="10"/>
    </row>
    <row r="398854" spans="14:14">
      <c r="N398854" s="10"/>
    </row>
    <row r="398855" spans="14:14">
      <c r="N398855" s="10"/>
    </row>
    <row r="398856" spans="14:14">
      <c r="N398856" s="10"/>
    </row>
    <row r="398857" spans="14:14">
      <c r="N398857" s="10"/>
    </row>
    <row r="398858" spans="14:14">
      <c r="N398858" s="10"/>
    </row>
    <row r="398859" spans="14:14">
      <c r="N398859" s="10"/>
    </row>
    <row r="398860" spans="14:14">
      <c r="N398860" s="10"/>
    </row>
    <row r="398861" spans="14:14">
      <c r="N398861" s="10"/>
    </row>
    <row r="398862" spans="14:14">
      <c r="N398862" s="10"/>
    </row>
    <row r="398863" spans="14:14">
      <c r="N398863" s="10"/>
    </row>
    <row r="398864" spans="14:14">
      <c r="N398864" s="10"/>
    </row>
    <row r="398865" spans="14:14">
      <c r="N398865" s="10"/>
    </row>
    <row r="398866" spans="14:14">
      <c r="N398866" s="10"/>
    </row>
    <row r="398867" spans="14:14">
      <c r="N398867" s="10"/>
    </row>
    <row r="398868" spans="14:14">
      <c r="N398868" s="10"/>
    </row>
    <row r="398869" spans="14:14">
      <c r="N398869" s="10"/>
    </row>
    <row r="398870" spans="14:14">
      <c r="N398870" s="10"/>
    </row>
    <row r="398871" spans="14:14">
      <c r="N398871" s="10"/>
    </row>
    <row r="398872" spans="14:14">
      <c r="N398872" s="10"/>
    </row>
    <row r="398873" spans="14:14">
      <c r="N398873" s="10"/>
    </row>
    <row r="398874" spans="14:14">
      <c r="N398874" s="10"/>
    </row>
    <row r="398875" spans="14:14">
      <c r="N398875" s="10"/>
    </row>
    <row r="398876" spans="14:14">
      <c r="N398876" s="10"/>
    </row>
    <row r="398877" spans="14:14">
      <c r="N398877" s="10"/>
    </row>
    <row r="398878" spans="14:14">
      <c r="N398878" s="10"/>
    </row>
    <row r="398879" spans="14:14">
      <c r="N398879" s="10"/>
    </row>
    <row r="398880" spans="14:14">
      <c r="N398880" s="10"/>
    </row>
    <row r="398881" spans="14:14">
      <c r="N398881" s="10"/>
    </row>
    <row r="398882" spans="14:14">
      <c r="N398882" s="10"/>
    </row>
    <row r="398883" spans="14:14">
      <c r="N398883" s="10"/>
    </row>
    <row r="398884" spans="14:14">
      <c r="N398884" s="10"/>
    </row>
    <row r="398885" spans="14:14">
      <c r="N398885" s="10"/>
    </row>
    <row r="398886" spans="14:14">
      <c r="N398886" s="10"/>
    </row>
    <row r="398887" spans="14:14">
      <c r="N398887" s="10"/>
    </row>
    <row r="398888" spans="14:14">
      <c r="N398888" s="10"/>
    </row>
    <row r="398889" spans="14:14">
      <c r="N398889" s="10"/>
    </row>
    <row r="398890" spans="14:14">
      <c r="N398890" s="10"/>
    </row>
    <row r="398891" spans="14:14">
      <c r="N398891" s="10"/>
    </row>
    <row r="398892" spans="14:14">
      <c r="N398892" s="10"/>
    </row>
    <row r="398893" spans="14:14">
      <c r="N398893" s="10"/>
    </row>
    <row r="398894" spans="14:14">
      <c r="N398894" s="10"/>
    </row>
    <row r="398895" spans="14:14">
      <c r="N398895" s="10"/>
    </row>
    <row r="398896" spans="14:14">
      <c r="N398896" s="10"/>
    </row>
    <row r="398897" spans="14:14">
      <c r="N398897" s="10"/>
    </row>
    <row r="398898" spans="14:14">
      <c r="N398898" s="10"/>
    </row>
    <row r="398899" spans="14:14">
      <c r="N398899" s="10"/>
    </row>
    <row r="398900" spans="14:14">
      <c r="N398900" s="10"/>
    </row>
    <row r="398901" spans="14:14">
      <c r="N398901" s="10"/>
    </row>
    <row r="398902" spans="14:14">
      <c r="N398902" s="10"/>
    </row>
    <row r="398903" spans="14:14">
      <c r="N398903" s="10"/>
    </row>
    <row r="398904" spans="14:14">
      <c r="N398904" s="10"/>
    </row>
    <row r="398905" spans="14:14">
      <c r="N398905" s="10"/>
    </row>
    <row r="398906" spans="14:14">
      <c r="N398906" s="10"/>
    </row>
    <row r="398907" spans="14:14">
      <c r="N398907" s="10"/>
    </row>
    <row r="398908" spans="14:14">
      <c r="N398908" s="10"/>
    </row>
    <row r="398909" spans="14:14">
      <c r="N398909" s="10"/>
    </row>
    <row r="398910" spans="14:14">
      <c r="N398910" s="10"/>
    </row>
    <row r="398911" spans="14:14">
      <c r="N398911" s="10"/>
    </row>
    <row r="398912" spans="14:14">
      <c r="N398912" s="10"/>
    </row>
    <row r="398913" spans="14:14">
      <c r="N398913" s="10"/>
    </row>
    <row r="398914" spans="14:14">
      <c r="N398914" s="10"/>
    </row>
    <row r="398915" spans="14:14">
      <c r="N398915" s="10"/>
    </row>
    <row r="398916" spans="14:14">
      <c r="N398916" s="10"/>
    </row>
    <row r="398917" spans="14:14">
      <c r="N398917" s="10"/>
    </row>
    <row r="398918" spans="14:14">
      <c r="N398918" s="10"/>
    </row>
    <row r="398919" spans="14:14">
      <c r="N398919" s="10"/>
    </row>
    <row r="398920" spans="14:14">
      <c r="N398920" s="10"/>
    </row>
    <row r="398921" spans="14:14">
      <c r="N398921" s="10"/>
    </row>
    <row r="398922" spans="14:14">
      <c r="N398922" s="10"/>
    </row>
    <row r="398923" spans="14:14">
      <c r="N398923" s="10"/>
    </row>
    <row r="398924" spans="14:14">
      <c r="N398924" s="10"/>
    </row>
    <row r="398925" spans="14:14">
      <c r="N398925" s="10"/>
    </row>
    <row r="398926" spans="14:14">
      <c r="N398926" s="10"/>
    </row>
    <row r="398927" spans="14:14">
      <c r="N398927" s="10"/>
    </row>
    <row r="398928" spans="14:14">
      <c r="N398928" s="10"/>
    </row>
    <row r="398929" spans="14:14">
      <c r="N398929" s="10"/>
    </row>
    <row r="398930" spans="14:14">
      <c r="N398930" s="10"/>
    </row>
    <row r="398931" spans="14:14">
      <c r="N398931" s="10"/>
    </row>
    <row r="398932" spans="14:14">
      <c r="N398932" s="10"/>
    </row>
    <row r="398933" spans="14:14">
      <c r="N398933" s="10"/>
    </row>
    <row r="398934" spans="14:14">
      <c r="N398934" s="10"/>
    </row>
    <row r="398935" spans="14:14">
      <c r="N398935" s="10"/>
    </row>
    <row r="398936" spans="14:14">
      <c r="N398936" s="10"/>
    </row>
    <row r="398937" spans="14:14">
      <c r="N398937" s="10"/>
    </row>
    <row r="398938" spans="14:14">
      <c r="N398938" s="10"/>
    </row>
    <row r="398939" spans="14:14">
      <c r="N398939" s="10"/>
    </row>
    <row r="398940" spans="14:14">
      <c r="N398940" s="10"/>
    </row>
    <row r="398941" spans="14:14">
      <c r="N398941" s="10"/>
    </row>
    <row r="398942" spans="14:14">
      <c r="N398942" s="10"/>
    </row>
    <row r="398943" spans="14:14">
      <c r="N398943" s="10"/>
    </row>
    <row r="398944" spans="14:14">
      <c r="N398944" s="10"/>
    </row>
    <row r="398945" spans="14:14">
      <c r="N398945" s="10"/>
    </row>
    <row r="398946" spans="14:14">
      <c r="N398946" s="10"/>
    </row>
    <row r="398947" spans="14:14">
      <c r="N398947" s="10"/>
    </row>
    <row r="398948" spans="14:14">
      <c r="N398948" s="10"/>
    </row>
    <row r="398949" spans="14:14">
      <c r="N398949" s="10"/>
    </row>
    <row r="398950" spans="14:14">
      <c r="N398950" s="10"/>
    </row>
    <row r="398951" spans="14:14">
      <c r="N398951" s="10"/>
    </row>
    <row r="398952" spans="14:14">
      <c r="N398952" s="10"/>
    </row>
    <row r="398953" spans="14:14">
      <c r="N398953" s="10"/>
    </row>
    <row r="398954" spans="14:14">
      <c r="N398954" s="10"/>
    </row>
    <row r="398955" spans="14:14">
      <c r="N398955" s="10"/>
    </row>
    <row r="398956" spans="14:14">
      <c r="N398956" s="10"/>
    </row>
    <row r="398957" spans="14:14">
      <c r="N398957" s="10"/>
    </row>
    <row r="398958" spans="14:14">
      <c r="N398958" s="10"/>
    </row>
    <row r="398959" spans="14:14">
      <c r="N398959" s="10"/>
    </row>
    <row r="398960" spans="14:14">
      <c r="N398960" s="10"/>
    </row>
    <row r="398961" spans="14:14">
      <c r="N398961" s="10"/>
    </row>
    <row r="398962" spans="14:14">
      <c r="N398962" s="10"/>
    </row>
    <row r="398963" spans="14:14">
      <c r="N398963" s="10"/>
    </row>
    <row r="398964" spans="14:14">
      <c r="N398964" s="10"/>
    </row>
    <row r="398965" spans="14:14">
      <c r="N398965" s="10"/>
    </row>
    <row r="398966" spans="14:14">
      <c r="N398966" s="10"/>
    </row>
    <row r="398967" spans="14:14">
      <c r="N398967" s="10"/>
    </row>
    <row r="398968" spans="14:14">
      <c r="N398968" s="10"/>
    </row>
    <row r="398969" spans="14:14">
      <c r="N398969" s="10"/>
    </row>
    <row r="398970" spans="14:14">
      <c r="N398970" s="10"/>
    </row>
    <row r="398971" spans="14:14">
      <c r="N398971" s="10"/>
    </row>
    <row r="398972" spans="14:14">
      <c r="N398972" s="10"/>
    </row>
    <row r="398973" spans="14:14">
      <c r="N398973" s="10"/>
    </row>
    <row r="398974" spans="14:14">
      <c r="N398974" s="10"/>
    </row>
    <row r="398975" spans="14:14">
      <c r="N398975" s="10"/>
    </row>
    <row r="398976" spans="14:14">
      <c r="N398976" s="10"/>
    </row>
    <row r="398977" spans="14:14">
      <c r="N398977" s="10"/>
    </row>
    <row r="398978" spans="14:14">
      <c r="N398978" s="10"/>
    </row>
    <row r="398979" spans="14:14">
      <c r="N398979" s="10"/>
    </row>
    <row r="398980" spans="14:14">
      <c r="N398980" s="10"/>
    </row>
    <row r="398981" spans="14:14">
      <c r="N398981" s="10"/>
    </row>
    <row r="398982" spans="14:14">
      <c r="N398982" s="10"/>
    </row>
    <row r="398983" spans="14:14">
      <c r="N398983" s="10"/>
    </row>
    <row r="398984" spans="14:14">
      <c r="N398984" s="10"/>
    </row>
    <row r="398985" spans="14:14">
      <c r="N398985" s="10"/>
    </row>
    <row r="398986" spans="14:14">
      <c r="N398986" s="10"/>
    </row>
    <row r="398987" spans="14:14">
      <c r="N398987" s="10"/>
    </row>
    <row r="398988" spans="14:14">
      <c r="N398988" s="10"/>
    </row>
    <row r="398989" spans="14:14">
      <c r="N398989" s="10"/>
    </row>
    <row r="398990" spans="14:14">
      <c r="N398990" s="10"/>
    </row>
    <row r="398991" spans="14:14">
      <c r="N398991" s="10"/>
    </row>
    <row r="398992" spans="14:14">
      <c r="N398992" s="10"/>
    </row>
    <row r="398993" spans="14:14">
      <c r="N398993" s="10"/>
    </row>
    <row r="398994" spans="14:14">
      <c r="N398994" s="10"/>
    </row>
    <row r="398995" spans="14:14">
      <c r="N398995" s="10"/>
    </row>
    <row r="398996" spans="14:14">
      <c r="N398996" s="10"/>
    </row>
    <row r="398997" spans="14:14">
      <c r="N398997" s="10"/>
    </row>
    <row r="398998" spans="14:14">
      <c r="N398998" s="10"/>
    </row>
    <row r="398999" spans="14:14">
      <c r="N398999" s="10"/>
    </row>
    <row r="399000" spans="14:14">
      <c r="N399000" s="10"/>
    </row>
    <row r="399001" spans="14:14">
      <c r="N399001" s="10"/>
    </row>
    <row r="399002" spans="14:14">
      <c r="N399002" s="10"/>
    </row>
    <row r="399003" spans="14:14">
      <c r="N399003" s="10"/>
    </row>
    <row r="399004" spans="14:14">
      <c r="N399004" s="10"/>
    </row>
    <row r="399005" spans="14:14">
      <c r="N399005" s="10"/>
    </row>
    <row r="399006" spans="14:14">
      <c r="N399006" s="10"/>
    </row>
    <row r="399007" spans="14:14">
      <c r="N399007" s="10"/>
    </row>
    <row r="399008" spans="14:14">
      <c r="N399008" s="10"/>
    </row>
    <row r="399009" spans="14:14">
      <c r="N399009" s="10"/>
    </row>
    <row r="399010" spans="14:14">
      <c r="N399010" s="10"/>
    </row>
    <row r="399011" spans="14:14">
      <c r="N399011" s="10"/>
    </row>
    <row r="399012" spans="14:14">
      <c r="N399012" s="10"/>
    </row>
    <row r="399013" spans="14:14">
      <c r="N399013" s="10"/>
    </row>
    <row r="399014" spans="14:14">
      <c r="N399014" s="10"/>
    </row>
    <row r="399015" spans="14:14">
      <c r="N399015" s="10"/>
    </row>
    <row r="399016" spans="14:14">
      <c r="N399016" s="10"/>
    </row>
    <row r="399017" spans="14:14">
      <c r="N399017" s="10"/>
    </row>
    <row r="399018" spans="14:14">
      <c r="N399018" s="10"/>
    </row>
    <row r="399019" spans="14:14">
      <c r="N399019" s="10"/>
    </row>
    <row r="399020" spans="14:14">
      <c r="N399020" s="10"/>
    </row>
    <row r="399021" spans="14:14">
      <c r="N399021" s="10"/>
    </row>
    <row r="399022" spans="14:14">
      <c r="N399022" s="10"/>
    </row>
    <row r="399023" spans="14:14">
      <c r="N399023" s="10"/>
    </row>
    <row r="399024" spans="14:14">
      <c r="N399024" s="10"/>
    </row>
    <row r="399025" spans="14:14">
      <c r="N399025" s="10"/>
    </row>
    <row r="399026" spans="14:14">
      <c r="N399026" s="10"/>
    </row>
    <row r="399027" spans="14:14">
      <c r="N399027" s="10"/>
    </row>
    <row r="399028" spans="14:14">
      <c r="N399028" s="10"/>
    </row>
    <row r="399029" spans="14:14">
      <c r="N399029" s="10"/>
    </row>
    <row r="399030" spans="14:14">
      <c r="N399030" s="10"/>
    </row>
    <row r="399031" spans="14:14">
      <c r="N399031" s="10"/>
    </row>
    <row r="399032" spans="14:14">
      <c r="N399032" s="10"/>
    </row>
    <row r="399033" spans="14:14">
      <c r="N399033" s="10"/>
    </row>
    <row r="399034" spans="14:14">
      <c r="N399034" s="10"/>
    </row>
    <row r="399035" spans="14:14">
      <c r="N399035" s="10"/>
    </row>
    <row r="399036" spans="14:14">
      <c r="N399036" s="10"/>
    </row>
    <row r="399037" spans="14:14">
      <c r="N399037" s="10"/>
    </row>
    <row r="399038" spans="14:14">
      <c r="N399038" s="10"/>
    </row>
    <row r="399039" spans="14:14">
      <c r="N399039" s="10"/>
    </row>
    <row r="399040" spans="14:14">
      <c r="N399040" s="10"/>
    </row>
    <row r="399041" spans="14:14">
      <c r="N399041" s="10"/>
    </row>
    <row r="399042" spans="14:14">
      <c r="N399042" s="10"/>
    </row>
    <row r="399043" spans="14:14">
      <c r="N399043" s="10"/>
    </row>
    <row r="399044" spans="14:14">
      <c r="N399044" s="10"/>
    </row>
    <row r="399045" spans="14:14">
      <c r="N399045" s="10"/>
    </row>
    <row r="399046" spans="14:14">
      <c r="N399046" s="10"/>
    </row>
    <row r="399047" spans="14:14">
      <c r="N399047" s="10"/>
    </row>
    <row r="399048" spans="14:14">
      <c r="N399048" s="10"/>
    </row>
    <row r="399049" spans="14:14">
      <c r="N399049" s="10"/>
    </row>
    <row r="399050" spans="14:14">
      <c r="N399050" s="10"/>
    </row>
    <row r="399051" spans="14:14">
      <c r="N399051" s="10"/>
    </row>
    <row r="399052" spans="14:14">
      <c r="N399052" s="10"/>
    </row>
    <row r="399053" spans="14:14">
      <c r="N399053" s="10"/>
    </row>
    <row r="399054" spans="14:14">
      <c r="N399054" s="10"/>
    </row>
    <row r="399055" spans="14:14">
      <c r="N399055" s="10"/>
    </row>
    <row r="399056" spans="14:14">
      <c r="N399056" s="10"/>
    </row>
    <row r="399057" spans="14:14">
      <c r="N399057" s="10"/>
    </row>
    <row r="399058" spans="14:14">
      <c r="N399058" s="10"/>
    </row>
    <row r="399059" spans="14:14">
      <c r="N399059" s="10"/>
    </row>
    <row r="399060" spans="14:14">
      <c r="N399060" s="10"/>
    </row>
    <row r="399061" spans="14:14">
      <c r="N399061" s="10"/>
    </row>
    <row r="399062" spans="14:14">
      <c r="N399062" s="10"/>
    </row>
    <row r="399063" spans="14:14">
      <c r="N399063" s="10"/>
    </row>
    <row r="399064" spans="14:14">
      <c r="N399064" s="10"/>
    </row>
    <row r="399065" spans="14:14">
      <c r="N399065" s="10"/>
    </row>
    <row r="399066" spans="14:14">
      <c r="N399066" s="10"/>
    </row>
    <row r="399067" spans="14:14">
      <c r="N399067" s="10"/>
    </row>
    <row r="399068" spans="14:14">
      <c r="N399068" s="10"/>
    </row>
    <row r="399069" spans="14:14">
      <c r="N399069" s="10"/>
    </row>
    <row r="399070" spans="14:14">
      <c r="N399070" s="10"/>
    </row>
    <row r="399071" spans="14:14">
      <c r="N399071" s="10"/>
    </row>
    <row r="399072" spans="14:14">
      <c r="N399072" s="10"/>
    </row>
    <row r="399073" spans="14:14">
      <c r="N399073" s="10"/>
    </row>
    <row r="399074" spans="14:14">
      <c r="N399074" s="10"/>
    </row>
    <row r="399075" spans="14:14">
      <c r="N399075" s="10"/>
    </row>
    <row r="399076" spans="14:14">
      <c r="N399076" s="10"/>
    </row>
    <row r="399077" spans="14:14">
      <c r="N399077" s="10"/>
    </row>
    <row r="399078" spans="14:14">
      <c r="N399078" s="10"/>
    </row>
    <row r="399079" spans="14:14">
      <c r="N399079" s="10"/>
    </row>
    <row r="399080" spans="14:14">
      <c r="N399080" s="10"/>
    </row>
    <row r="399081" spans="14:14">
      <c r="N399081" s="10"/>
    </row>
    <row r="399082" spans="14:14">
      <c r="N399082" s="10"/>
    </row>
    <row r="399083" spans="14:14">
      <c r="N399083" s="10"/>
    </row>
    <row r="399084" spans="14:14">
      <c r="N399084" s="10"/>
    </row>
    <row r="399085" spans="14:14">
      <c r="N399085" s="10"/>
    </row>
    <row r="399086" spans="14:14">
      <c r="N399086" s="10"/>
    </row>
    <row r="399087" spans="14:14">
      <c r="N399087" s="10"/>
    </row>
    <row r="399088" spans="14:14">
      <c r="N399088" s="10"/>
    </row>
    <row r="399089" spans="14:14">
      <c r="N399089" s="10"/>
    </row>
    <row r="399090" spans="14:14">
      <c r="N399090" s="10"/>
    </row>
    <row r="399091" spans="14:14">
      <c r="N399091" s="10"/>
    </row>
    <row r="399092" spans="14:14">
      <c r="N399092" s="10"/>
    </row>
    <row r="399093" spans="14:14">
      <c r="N399093" s="10"/>
    </row>
    <row r="399094" spans="14:14">
      <c r="N399094" s="10"/>
    </row>
    <row r="399095" spans="14:14">
      <c r="N399095" s="10"/>
    </row>
    <row r="399096" spans="14:14">
      <c r="N399096" s="10"/>
    </row>
    <row r="399097" spans="14:14">
      <c r="N399097" s="10"/>
    </row>
    <row r="399098" spans="14:14">
      <c r="N399098" s="10"/>
    </row>
    <row r="399099" spans="14:14">
      <c r="N399099" s="10"/>
    </row>
    <row r="399100" spans="14:14">
      <c r="N399100" s="10"/>
    </row>
    <row r="399101" spans="14:14">
      <c r="N399101" s="10"/>
    </row>
    <row r="399102" spans="14:14">
      <c r="N399102" s="10"/>
    </row>
    <row r="399103" spans="14:14">
      <c r="N399103" s="10"/>
    </row>
    <row r="399104" spans="14:14">
      <c r="N399104" s="10"/>
    </row>
    <row r="399105" spans="14:14">
      <c r="N399105" s="10"/>
    </row>
    <row r="399106" spans="14:14">
      <c r="N399106" s="10"/>
    </row>
    <row r="399107" spans="14:14">
      <c r="N399107" s="10"/>
    </row>
    <row r="399108" spans="14:14">
      <c r="N399108" s="10"/>
    </row>
    <row r="399109" spans="14:14">
      <c r="N399109" s="10"/>
    </row>
    <row r="399110" spans="14:14">
      <c r="N399110" s="10"/>
    </row>
    <row r="399111" spans="14:14">
      <c r="N399111" s="10"/>
    </row>
    <row r="399112" spans="14:14">
      <c r="N399112" s="10"/>
    </row>
    <row r="399113" spans="14:14">
      <c r="N399113" s="10"/>
    </row>
    <row r="399114" spans="14:14">
      <c r="N399114" s="10"/>
    </row>
    <row r="399115" spans="14:14">
      <c r="N399115" s="10"/>
    </row>
    <row r="399116" spans="14:14">
      <c r="N399116" s="10"/>
    </row>
    <row r="399117" spans="14:14">
      <c r="N399117" s="10"/>
    </row>
    <row r="399118" spans="14:14">
      <c r="N399118" s="10"/>
    </row>
    <row r="399119" spans="14:14">
      <c r="N399119" s="10"/>
    </row>
    <row r="399120" spans="14:14">
      <c r="N399120" s="10"/>
    </row>
    <row r="399121" spans="14:14">
      <c r="N399121" s="10"/>
    </row>
    <row r="399122" spans="14:14">
      <c r="N399122" s="10"/>
    </row>
    <row r="399123" spans="14:14">
      <c r="N399123" s="10"/>
    </row>
    <row r="399124" spans="14:14">
      <c r="N399124" s="10"/>
    </row>
    <row r="399125" spans="14:14">
      <c r="N399125" s="10"/>
    </row>
    <row r="399126" spans="14:14">
      <c r="N399126" s="10"/>
    </row>
    <row r="399127" spans="14:14">
      <c r="N399127" s="10"/>
    </row>
    <row r="399128" spans="14:14">
      <c r="N399128" s="10"/>
    </row>
    <row r="399129" spans="14:14">
      <c r="N399129" s="10"/>
    </row>
    <row r="399130" spans="14:14">
      <c r="N399130" s="10"/>
    </row>
    <row r="399131" spans="14:14">
      <c r="N399131" s="10"/>
    </row>
    <row r="399132" spans="14:14">
      <c r="N399132" s="10"/>
    </row>
    <row r="399133" spans="14:14">
      <c r="N399133" s="10"/>
    </row>
    <row r="399134" spans="14:14">
      <c r="N399134" s="10"/>
    </row>
    <row r="399135" spans="14:14">
      <c r="N399135" s="10"/>
    </row>
    <row r="399136" spans="14:14">
      <c r="N399136" s="10"/>
    </row>
    <row r="399137" spans="14:14">
      <c r="N399137" s="10"/>
    </row>
    <row r="399138" spans="14:14">
      <c r="N399138" s="10"/>
    </row>
    <row r="399139" spans="14:14">
      <c r="N399139" s="10"/>
    </row>
    <row r="399140" spans="14:14">
      <c r="N399140" s="10"/>
    </row>
    <row r="399141" spans="14:14">
      <c r="N399141" s="10"/>
    </row>
    <row r="399142" spans="14:14">
      <c r="N399142" s="10"/>
    </row>
    <row r="399143" spans="14:14">
      <c r="N399143" s="10"/>
    </row>
    <row r="399144" spans="14:14">
      <c r="N399144" s="10"/>
    </row>
    <row r="399145" spans="14:14">
      <c r="N399145" s="10"/>
    </row>
    <row r="399146" spans="14:14">
      <c r="N399146" s="10"/>
    </row>
    <row r="399147" spans="14:14">
      <c r="N399147" s="10"/>
    </row>
    <row r="399148" spans="14:14">
      <c r="N399148" s="10"/>
    </row>
    <row r="399149" spans="14:14">
      <c r="N399149" s="10"/>
    </row>
    <row r="399150" spans="14:14">
      <c r="N399150" s="10"/>
    </row>
    <row r="399151" spans="14:14">
      <c r="N399151" s="10"/>
    </row>
    <row r="399152" spans="14:14">
      <c r="N399152" s="10"/>
    </row>
    <row r="399153" spans="14:14">
      <c r="N399153" s="10"/>
    </row>
    <row r="399154" spans="14:14">
      <c r="N399154" s="10"/>
    </row>
    <row r="399155" spans="14:14">
      <c r="N399155" s="10"/>
    </row>
    <row r="399156" spans="14:14">
      <c r="N399156" s="10"/>
    </row>
    <row r="399157" spans="14:14">
      <c r="N399157" s="10"/>
    </row>
    <row r="399158" spans="14:14">
      <c r="N399158" s="10"/>
    </row>
    <row r="399159" spans="14:14">
      <c r="N399159" s="10"/>
    </row>
    <row r="399160" spans="14:14">
      <c r="N399160" s="10"/>
    </row>
    <row r="399161" spans="14:14">
      <c r="N399161" s="10"/>
    </row>
    <row r="399162" spans="14:14">
      <c r="N399162" s="10"/>
    </row>
    <row r="399163" spans="14:14">
      <c r="N399163" s="10"/>
    </row>
    <row r="399164" spans="14:14">
      <c r="N399164" s="10"/>
    </row>
    <row r="399165" spans="14:14">
      <c r="N399165" s="10"/>
    </row>
    <row r="399166" spans="14:14">
      <c r="N399166" s="10"/>
    </row>
    <row r="399167" spans="14:14">
      <c r="N399167" s="10"/>
    </row>
    <row r="399168" spans="14:14">
      <c r="N399168" s="10"/>
    </row>
    <row r="399169" spans="14:14">
      <c r="N399169" s="10"/>
    </row>
    <row r="399170" spans="14:14">
      <c r="N399170" s="10"/>
    </row>
    <row r="399171" spans="14:14">
      <c r="N399171" s="10"/>
    </row>
    <row r="399172" spans="14:14">
      <c r="N399172" s="10"/>
    </row>
    <row r="399173" spans="14:14">
      <c r="N399173" s="10"/>
    </row>
    <row r="399174" spans="14:14">
      <c r="N399174" s="10"/>
    </row>
    <row r="399175" spans="14:14">
      <c r="N399175" s="10"/>
    </row>
    <row r="399176" spans="14:14">
      <c r="N399176" s="10"/>
    </row>
    <row r="399177" spans="14:14">
      <c r="N399177" s="10"/>
    </row>
    <row r="399178" spans="14:14">
      <c r="N399178" s="10"/>
    </row>
    <row r="399179" spans="14:14">
      <c r="N399179" s="10"/>
    </row>
    <row r="399180" spans="14:14">
      <c r="N399180" s="10"/>
    </row>
    <row r="399181" spans="14:14">
      <c r="N399181" s="10"/>
    </row>
    <row r="399182" spans="14:14">
      <c r="N399182" s="10"/>
    </row>
    <row r="399183" spans="14:14">
      <c r="N399183" s="10"/>
    </row>
    <row r="399184" spans="14:14">
      <c r="N399184" s="10"/>
    </row>
    <row r="399185" spans="14:14">
      <c r="N399185" s="10"/>
    </row>
    <row r="399186" spans="14:14">
      <c r="N399186" s="10"/>
    </row>
    <row r="399187" spans="14:14">
      <c r="N399187" s="10"/>
    </row>
    <row r="399188" spans="14:14">
      <c r="N399188" s="10"/>
    </row>
    <row r="399189" spans="14:14">
      <c r="N399189" s="10"/>
    </row>
    <row r="399190" spans="14:14">
      <c r="N399190" s="10"/>
    </row>
    <row r="399191" spans="14:14">
      <c r="N399191" s="10"/>
    </row>
    <row r="399192" spans="14:14">
      <c r="N399192" s="10"/>
    </row>
    <row r="399193" spans="14:14">
      <c r="N399193" s="10"/>
    </row>
    <row r="399194" spans="14:14">
      <c r="N399194" s="10"/>
    </row>
    <row r="399195" spans="14:14">
      <c r="N399195" s="10"/>
    </row>
    <row r="399196" spans="14:14">
      <c r="N399196" s="10"/>
    </row>
    <row r="399197" spans="14:14">
      <c r="N399197" s="10"/>
    </row>
    <row r="399198" spans="14:14">
      <c r="N399198" s="10"/>
    </row>
    <row r="399199" spans="14:14">
      <c r="N399199" s="10"/>
    </row>
    <row r="399200" spans="14:14">
      <c r="N399200" s="10"/>
    </row>
    <row r="399201" spans="14:14">
      <c r="N399201" s="10"/>
    </row>
    <row r="399202" spans="14:14">
      <c r="N399202" s="10"/>
    </row>
    <row r="399203" spans="14:14">
      <c r="N399203" s="10"/>
    </row>
    <row r="399204" spans="14:14">
      <c r="N399204" s="10"/>
    </row>
    <row r="399205" spans="14:14">
      <c r="N399205" s="10"/>
    </row>
    <row r="399206" spans="14:14">
      <c r="N399206" s="10"/>
    </row>
    <row r="399207" spans="14:14">
      <c r="N399207" s="10"/>
    </row>
    <row r="399208" spans="14:14">
      <c r="N399208" s="10"/>
    </row>
    <row r="399209" spans="14:14">
      <c r="N399209" s="10"/>
    </row>
    <row r="399210" spans="14:14">
      <c r="N399210" s="10"/>
    </row>
    <row r="399211" spans="14:14">
      <c r="N399211" s="10"/>
    </row>
    <row r="399212" spans="14:14">
      <c r="N399212" s="10"/>
    </row>
    <row r="399213" spans="14:14">
      <c r="N399213" s="10"/>
    </row>
    <row r="399214" spans="14:14">
      <c r="N399214" s="10"/>
    </row>
    <row r="399215" spans="14:14">
      <c r="N399215" s="10"/>
    </row>
    <row r="399216" spans="14:14">
      <c r="N399216" s="10"/>
    </row>
    <row r="399217" spans="14:14">
      <c r="N399217" s="10"/>
    </row>
    <row r="399218" spans="14:14">
      <c r="N399218" s="10"/>
    </row>
    <row r="399219" spans="14:14">
      <c r="N399219" s="10"/>
    </row>
    <row r="399220" spans="14:14">
      <c r="N399220" s="10"/>
    </row>
    <row r="399221" spans="14:14">
      <c r="N399221" s="10"/>
    </row>
    <row r="399222" spans="14:14">
      <c r="N399222" s="10"/>
    </row>
    <row r="399223" spans="14:14">
      <c r="N399223" s="10"/>
    </row>
    <row r="399224" spans="14:14">
      <c r="N399224" s="10"/>
    </row>
    <row r="399225" spans="14:14">
      <c r="N399225" s="10"/>
    </row>
    <row r="399226" spans="14:14">
      <c r="N399226" s="10"/>
    </row>
    <row r="399227" spans="14:14">
      <c r="N399227" s="10"/>
    </row>
    <row r="399228" spans="14:14">
      <c r="N399228" s="10"/>
    </row>
    <row r="399229" spans="14:14">
      <c r="N399229" s="10"/>
    </row>
    <row r="399230" spans="14:14">
      <c r="N399230" s="10"/>
    </row>
    <row r="399231" spans="14:14">
      <c r="N399231" s="10"/>
    </row>
    <row r="399232" spans="14:14">
      <c r="N399232" s="10"/>
    </row>
    <row r="399233" spans="14:14">
      <c r="N399233" s="10"/>
    </row>
    <row r="399234" spans="14:14">
      <c r="N399234" s="10"/>
    </row>
    <row r="399235" spans="14:14">
      <c r="N399235" s="10"/>
    </row>
    <row r="399236" spans="14:14">
      <c r="N399236" s="10"/>
    </row>
    <row r="399237" spans="14:14">
      <c r="N399237" s="10"/>
    </row>
    <row r="399238" spans="14:14">
      <c r="N399238" s="10"/>
    </row>
    <row r="399239" spans="14:14">
      <c r="N399239" s="10"/>
    </row>
    <row r="399240" spans="14:14">
      <c r="N399240" s="10"/>
    </row>
    <row r="399241" spans="14:14">
      <c r="N399241" s="10"/>
    </row>
    <row r="399242" spans="14:14">
      <c r="N399242" s="10"/>
    </row>
    <row r="399243" spans="14:14">
      <c r="N399243" s="10"/>
    </row>
    <row r="399244" spans="14:14">
      <c r="N399244" s="10"/>
    </row>
    <row r="399245" spans="14:14">
      <c r="N399245" s="10"/>
    </row>
    <row r="399246" spans="14:14">
      <c r="N399246" s="10"/>
    </row>
    <row r="399247" spans="14:14">
      <c r="N399247" s="10"/>
    </row>
    <row r="399248" spans="14:14">
      <c r="N399248" s="10"/>
    </row>
    <row r="399249" spans="14:14">
      <c r="N399249" s="10"/>
    </row>
    <row r="399250" spans="14:14">
      <c r="N399250" s="10"/>
    </row>
    <row r="399251" spans="14:14">
      <c r="N399251" s="10"/>
    </row>
    <row r="399252" spans="14:14">
      <c r="N399252" s="10"/>
    </row>
    <row r="399253" spans="14:14">
      <c r="N399253" s="10"/>
    </row>
    <row r="399254" spans="14:14">
      <c r="N399254" s="10"/>
    </row>
    <row r="399255" spans="14:14">
      <c r="N399255" s="10"/>
    </row>
    <row r="399256" spans="14:14">
      <c r="N399256" s="10"/>
    </row>
    <row r="399257" spans="14:14">
      <c r="N399257" s="10"/>
    </row>
    <row r="399258" spans="14:14">
      <c r="N399258" s="10"/>
    </row>
    <row r="399259" spans="14:14">
      <c r="N399259" s="10"/>
    </row>
    <row r="399260" spans="14:14">
      <c r="N399260" s="10"/>
    </row>
    <row r="399261" spans="14:14">
      <c r="N399261" s="10"/>
    </row>
    <row r="399262" spans="14:14">
      <c r="N399262" s="10"/>
    </row>
    <row r="399263" spans="14:14">
      <c r="N399263" s="10"/>
    </row>
    <row r="399264" spans="14:14">
      <c r="N399264" s="10"/>
    </row>
    <row r="399265" spans="14:14">
      <c r="N399265" s="10"/>
    </row>
    <row r="399266" spans="14:14">
      <c r="N399266" s="10"/>
    </row>
    <row r="399267" spans="14:14">
      <c r="N399267" s="10"/>
    </row>
    <row r="399268" spans="14:14">
      <c r="N399268" s="10"/>
    </row>
    <row r="399269" spans="14:14">
      <c r="N399269" s="10"/>
    </row>
    <row r="399270" spans="14:14">
      <c r="N399270" s="10"/>
    </row>
    <row r="399271" spans="14:14">
      <c r="N399271" s="10"/>
    </row>
    <row r="399272" spans="14:14">
      <c r="N399272" s="10"/>
    </row>
    <row r="399273" spans="14:14">
      <c r="N399273" s="10"/>
    </row>
    <row r="399274" spans="14:14">
      <c r="N399274" s="10"/>
    </row>
    <row r="399275" spans="14:14">
      <c r="N399275" s="10"/>
    </row>
    <row r="399276" spans="14:14">
      <c r="N399276" s="10"/>
    </row>
    <row r="399277" spans="14:14">
      <c r="N399277" s="10"/>
    </row>
    <row r="399278" spans="14:14">
      <c r="N399278" s="10"/>
    </row>
    <row r="399279" spans="14:14">
      <c r="N399279" s="10"/>
    </row>
    <row r="399280" spans="14:14">
      <c r="N399280" s="10"/>
    </row>
    <row r="399281" spans="14:14">
      <c r="N399281" s="10"/>
    </row>
    <row r="399282" spans="14:14">
      <c r="N399282" s="10"/>
    </row>
    <row r="399283" spans="14:14">
      <c r="N399283" s="10"/>
    </row>
    <row r="399284" spans="14:14">
      <c r="N399284" s="10"/>
    </row>
    <row r="399285" spans="14:14">
      <c r="N399285" s="10"/>
    </row>
    <row r="399286" spans="14:14">
      <c r="N399286" s="10"/>
    </row>
    <row r="399287" spans="14:14">
      <c r="N399287" s="10"/>
    </row>
    <row r="399288" spans="14:14">
      <c r="N399288" s="10"/>
    </row>
    <row r="399289" spans="14:14">
      <c r="N399289" s="10"/>
    </row>
    <row r="399290" spans="14:14">
      <c r="N399290" s="10"/>
    </row>
    <row r="399291" spans="14:14">
      <c r="N399291" s="10"/>
    </row>
    <row r="399292" spans="14:14">
      <c r="N399292" s="10"/>
    </row>
    <row r="399293" spans="14:14">
      <c r="N399293" s="10"/>
    </row>
    <row r="399294" spans="14:14">
      <c r="N399294" s="10"/>
    </row>
    <row r="399295" spans="14:14">
      <c r="N399295" s="10"/>
    </row>
    <row r="399296" spans="14:14">
      <c r="N399296" s="10"/>
    </row>
    <row r="399297" spans="14:14">
      <c r="N399297" s="10"/>
    </row>
    <row r="399298" spans="14:14">
      <c r="N399298" s="10"/>
    </row>
    <row r="399299" spans="14:14">
      <c r="N399299" s="10"/>
    </row>
    <row r="399300" spans="14:14">
      <c r="N399300" s="10"/>
    </row>
    <row r="399301" spans="14:14">
      <c r="N399301" s="10"/>
    </row>
    <row r="399302" spans="14:14">
      <c r="N399302" s="10"/>
    </row>
    <row r="399303" spans="14:14">
      <c r="N399303" s="10"/>
    </row>
    <row r="399304" spans="14:14">
      <c r="N399304" s="10"/>
    </row>
    <row r="399305" spans="14:14">
      <c r="N399305" s="10"/>
    </row>
    <row r="399306" spans="14:14">
      <c r="N399306" s="10"/>
    </row>
    <row r="399307" spans="14:14">
      <c r="N399307" s="10"/>
    </row>
    <row r="399308" spans="14:14">
      <c r="N399308" s="10"/>
    </row>
    <row r="399309" spans="14:14">
      <c r="N399309" s="10"/>
    </row>
    <row r="399310" spans="14:14">
      <c r="N399310" s="10"/>
    </row>
    <row r="399311" spans="14:14">
      <c r="N399311" s="10"/>
    </row>
    <row r="399312" spans="14:14">
      <c r="N399312" s="10"/>
    </row>
    <row r="399313" spans="14:14">
      <c r="N399313" s="10"/>
    </row>
    <row r="399314" spans="14:14">
      <c r="N399314" s="10"/>
    </row>
    <row r="399315" spans="14:14">
      <c r="N399315" s="10"/>
    </row>
    <row r="399316" spans="14:14">
      <c r="N399316" s="10"/>
    </row>
    <row r="399317" spans="14:14">
      <c r="N399317" s="10"/>
    </row>
    <row r="399318" spans="14:14">
      <c r="N399318" s="10"/>
    </row>
    <row r="399319" spans="14:14">
      <c r="N399319" s="10"/>
    </row>
    <row r="399320" spans="14:14">
      <c r="N399320" s="10"/>
    </row>
    <row r="399321" spans="14:14">
      <c r="N399321" s="10"/>
    </row>
    <row r="399322" spans="14:14">
      <c r="N399322" s="10"/>
    </row>
    <row r="399323" spans="14:14">
      <c r="N399323" s="10"/>
    </row>
    <row r="399324" spans="14:14">
      <c r="N399324" s="10"/>
    </row>
    <row r="399325" spans="14:14">
      <c r="N399325" s="10"/>
    </row>
    <row r="399326" spans="14:14">
      <c r="N399326" s="10"/>
    </row>
    <row r="399327" spans="14:14">
      <c r="N399327" s="10"/>
    </row>
    <row r="399328" spans="14:14">
      <c r="N399328" s="10"/>
    </row>
    <row r="399329" spans="14:14">
      <c r="N399329" s="10"/>
    </row>
    <row r="399330" spans="14:14">
      <c r="N399330" s="10"/>
    </row>
    <row r="399331" spans="14:14">
      <c r="N399331" s="10"/>
    </row>
    <row r="399332" spans="14:14">
      <c r="N399332" s="10"/>
    </row>
    <row r="399333" spans="14:14">
      <c r="N399333" s="10"/>
    </row>
    <row r="399334" spans="14:14">
      <c r="N399334" s="10"/>
    </row>
    <row r="399335" spans="14:14">
      <c r="N399335" s="10"/>
    </row>
    <row r="399336" spans="14:14">
      <c r="N399336" s="10"/>
    </row>
    <row r="399337" spans="14:14">
      <c r="N399337" s="10"/>
    </row>
    <row r="399338" spans="14:14">
      <c r="N399338" s="10"/>
    </row>
    <row r="399339" spans="14:14">
      <c r="N399339" s="10"/>
    </row>
    <row r="399340" spans="14:14">
      <c r="N399340" s="10"/>
    </row>
    <row r="399341" spans="14:14">
      <c r="N399341" s="10"/>
    </row>
    <row r="399342" spans="14:14">
      <c r="N399342" s="10"/>
    </row>
    <row r="399343" spans="14:14">
      <c r="N399343" s="10"/>
    </row>
    <row r="399344" spans="14:14">
      <c r="N399344" s="10"/>
    </row>
    <row r="399345" spans="14:14">
      <c r="N399345" s="10"/>
    </row>
    <row r="399346" spans="14:14">
      <c r="N399346" s="10"/>
    </row>
    <row r="399347" spans="14:14">
      <c r="N399347" s="10"/>
    </row>
    <row r="399348" spans="14:14">
      <c r="N399348" s="10"/>
    </row>
    <row r="399349" spans="14:14">
      <c r="N399349" s="10"/>
    </row>
    <row r="399350" spans="14:14">
      <c r="N399350" s="10"/>
    </row>
    <row r="399351" spans="14:14">
      <c r="N399351" s="10"/>
    </row>
    <row r="399352" spans="14:14">
      <c r="N399352" s="10"/>
    </row>
    <row r="399353" spans="14:14">
      <c r="N399353" s="10"/>
    </row>
    <row r="399354" spans="14:14">
      <c r="N399354" s="10"/>
    </row>
    <row r="399355" spans="14:14">
      <c r="N399355" s="10"/>
    </row>
    <row r="399356" spans="14:14">
      <c r="N399356" s="10"/>
    </row>
    <row r="399357" spans="14:14">
      <c r="N399357" s="10"/>
    </row>
    <row r="399358" spans="14:14">
      <c r="N399358" s="10"/>
    </row>
    <row r="399359" spans="14:14">
      <c r="N399359" s="10"/>
    </row>
    <row r="399360" spans="14:14">
      <c r="N399360" s="10"/>
    </row>
    <row r="399361" spans="14:14">
      <c r="N399361" s="10"/>
    </row>
    <row r="399362" spans="14:14">
      <c r="N399362" s="10"/>
    </row>
    <row r="399363" spans="14:14">
      <c r="N399363" s="10"/>
    </row>
    <row r="399364" spans="14:14">
      <c r="N399364" s="10"/>
    </row>
    <row r="399365" spans="14:14">
      <c r="N399365" s="10"/>
    </row>
    <row r="399366" spans="14:14">
      <c r="N399366" s="10"/>
    </row>
    <row r="399367" spans="14:14">
      <c r="N399367" s="10"/>
    </row>
    <row r="399368" spans="14:14">
      <c r="N399368" s="10"/>
    </row>
    <row r="399369" spans="14:14">
      <c r="N399369" s="10"/>
    </row>
    <row r="399370" spans="14:14">
      <c r="N399370" s="10"/>
    </row>
    <row r="399371" spans="14:14">
      <c r="N399371" s="10"/>
    </row>
    <row r="399372" spans="14:14">
      <c r="N399372" s="10"/>
    </row>
    <row r="399373" spans="14:14">
      <c r="N399373" s="10"/>
    </row>
    <row r="399374" spans="14:14">
      <c r="N399374" s="10"/>
    </row>
    <row r="399375" spans="14:14">
      <c r="N399375" s="10"/>
    </row>
    <row r="399376" spans="14:14">
      <c r="N399376" s="10"/>
    </row>
    <row r="399377" spans="14:14">
      <c r="N399377" s="10"/>
    </row>
    <row r="399378" spans="14:14">
      <c r="N399378" s="10"/>
    </row>
    <row r="399379" spans="14:14">
      <c r="N399379" s="10"/>
    </row>
    <row r="399380" spans="14:14">
      <c r="N399380" s="10"/>
    </row>
    <row r="399381" spans="14:14">
      <c r="N399381" s="10"/>
    </row>
    <row r="399382" spans="14:14">
      <c r="N399382" s="10"/>
    </row>
    <row r="399383" spans="14:14">
      <c r="N399383" s="10"/>
    </row>
    <row r="399384" spans="14:14">
      <c r="N399384" s="10"/>
    </row>
    <row r="399385" spans="14:14">
      <c r="N399385" s="10"/>
    </row>
    <row r="399386" spans="14:14">
      <c r="N399386" s="10"/>
    </row>
    <row r="399387" spans="14:14">
      <c r="N399387" s="10"/>
    </row>
    <row r="399388" spans="14:14">
      <c r="N399388" s="10"/>
    </row>
    <row r="399389" spans="14:14">
      <c r="N399389" s="10"/>
    </row>
    <row r="399390" spans="14:14">
      <c r="N399390" s="10"/>
    </row>
    <row r="399391" spans="14:14">
      <c r="N399391" s="10"/>
    </row>
    <row r="399392" spans="14:14">
      <c r="N399392" s="10"/>
    </row>
    <row r="399393" spans="14:14">
      <c r="N399393" s="10"/>
    </row>
    <row r="399394" spans="14:14">
      <c r="N399394" s="10"/>
    </row>
    <row r="399395" spans="14:14">
      <c r="N399395" s="10"/>
    </row>
    <row r="399396" spans="14:14">
      <c r="N399396" s="10"/>
    </row>
    <row r="399397" spans="14:14">
      <c r="N399397" s="10"/>
    </row>
    <row r="399398" spans="14:14">
      <c r="N399398" s="10"/>
    </row>
    <row r="399399" spans="14:14">
      <c r="N399399" s="10"/>
    </row>
    <row r="399400" spans="14:14">
      <c r="N399400" s="10"/>
    </row>
    <row r="399401" spans="14:14">
      <c r="N399401" s="10"/>
    </row>
    <row r="399402" spans="14:14">
      <c r="N399402" s="10"/>
    </row>
    <row r="399403" spans="14:14">
      <c r="N399403" s="10"/>
    </row>
    <row r="399404" spans="14:14">
      <c r="N399404" s="10"/>
    </row>
    <row r="399405" spans="14:14">
      <c r="N399405" s="10"/>
    </row>
    <row r="399406" spans="14:14">
      <c r="N399406" s="10"/>
    </row>
    <row r="399407" spans="14:14">
      <c r="N399407" s="10"/>
    </row>
    <row r="399408" spans="14:14">
      <c r="N399408" s="10"/>
    </row>
    <row r="399409" spans="14:14">
      <c r="N399409" s="10"/>
    </row>
    <row r="399410" spans="14:14">
      <c r="N399410" s="10"/>
    </row>
    <row r="399411" spans="14:14">
      <c r="N399411" s="10"/>
    </row>
    <row r="399412" spans="14:14">
      <c r="N399412" s="10"/>
    </row>
    <row r="399413" spans="14:14">
      <c r="N399413" s="10"/>
    </row>
    <row r="399414" spans="14:14">
      <c r="N399414" s="10"/>
    </row>
    <row r="399415" spans="14:14">
      <c r="N399415" s="10"/>
    </row>
    <row r="399416" spans="14:14">
      <c r="N399416" s="10"/>
    </row>
    <row r="399417" spans="14:14">
      <c r="N399417" s="10"/>
    </row>
    <row r="399418" spans="14:14">
      <c r="N399418" s="10"/>
    </row>
    <row r="399419" spans="14:14">
      <c r="N399419" s="10"/>
    </row>
    <row r="399420" spans="14:14">
      <c r="N399420" s="10"/>
    </row>
    <row r="399421" spans="14:14">
      <c r="N399421" s="10"/>
    </row>
    <row r="399422" spans="14:14">
      <c r="N399422" s="10"/>
    </row>
    <row r="399423" spans="14:14">
      <c r="N399423" s="10"/>
    </row>
    <row r="399424" spans="14:14">
      <c r="N399424" s="10"/>
    </row>
    <row r="399425" spans="14:14">
      <c r="N399425" s="10"/>
    </row>
    <row r="399426" spans="14:14">
      <c r="N399426" s="10"/>
    </row>
    <row r="399427" spans="14:14">
      <c r="N399427" s="10"/>
    </row>
    <row r="399428" spans="14:14">
      <c r="N399428" s="10"/>
    </row>
    <row r="399429" spans="14:14">
      <c r="N399429" s="10"/>
    </row>
    <row r="399430" spans="14:14">
      <c r="N399430" s="10"/>
    </row>
    <row r="399431" spans="14:14">
      <c r="N399431" s="10"/>
    </row>
    <row r="399432" spans="14:14">
      <c r="N399432" s="10"/>
    </row>
    <row r="399433" spans="14:14">
      <c r="N399433" s="10"/>
    </row>
    <row r="399434" spans="14:14">
      <c r="N399434" s="10"/>
    </row>
    <row r="399435" spans="14:14">
      <c r="N399435" s="10"/>
    </row>
    <row r="399436" spans="14:14">
      <c r="N399436" s="10"/>
    </row>
    <row r="399437" spans="14:14">
      <c r="N399437" s="10"/>
    </row>
    <row r="399438" spans="14:14">
      <c r="N399438" s="10"/>
    </row>
    <row r="399439" spans="14:14">
      <c r="N399439" s="10"/>
    </row>
    <row r="399440" spans="14:14">
      <c r="N399440" s="10"/>
    </row>
    <row r="399441" spans="14:14">
      <c r="N399441" s="10"/>
    </row>
    <row r="399442" spans="14:14">
      <c r="N399442" s="10"/>
    </row>
    <row r="399443" spans="14:14">
      <c r="N399443" s="10"/>
    </row>
    <row r="399444" spans="14:14">
      <c r="N399444" s="10"/>
    </row>
    <row r="399445" spans="14:14">
      <c r="N399445" s="10"/>
    </row>
    <row r="399446" spans="14:14">
      <c r="N399446" s="10"/>
    </row>
    <row r="399447" spans="14:14">
      <c r="N399447" s="10"/>
    </row>
    <row r="399448" spans="14:14">
      <c r="N399448" s="10"/>
    </row>
    <row r="399449" spans="14:14">
      <c r="N399449" s="10"/>
    </row>
    <row r="399450" spans="14:14">
      <c r="N399450" s="10"/>
    </row>
    <row r="399451" spans="14:14">
      <c r="N399451" s="10"/>
    </row>
    <row r="399452" spans="14:14">
      <c r="N399452" s="10"/>
    </row>
    <row r="399453" spans="14:14">
      <c r="N399453" s="10"/>
    </row>
    <row r="399454" spans="14:14">
      <c r="N399454" s="10"/>
    </row>
    <row r="399455" spans="14:14">
      <c r="N399455" s="10"/>
    </row>
    <row r="399456" spans="14:14">
      <c r="N399456" s="10"/>
    </row>
    <row r="399457" spans="14:14">
      <c r="N399457" s="10"/>
    </row>
    <row r="399458" spans="14:14">
      <c r="N399458" s="10"/>
    </row>
    <row r="399459" spans="14:14">
      <c r="N399459" s="10"/>
    </row>
    <row r="399460" spans="14:14">
      <c r="N399460" s="10"/>
    </row>
    <row r="399461" spans="14:14">
      <c r="N399461" s="10"/>
    </row>
    <row r="399462" spans="14:14">
      <c r="N399462" s="10"/>
    </row>
    <row r="399463" spans="14:14">
      <c r="N399463" s="10"/>
    </row>
    <row r="399464" spans="14:14">
      <c r="N399464" s="10"/>
    </row>
    <row r="399465" spans="14:14">
      <c r="N399465" s="10"/>
    </row>
    <row r="399466" spans="14:14">
      <c r="N399466" s="10"/>
    </row>
    <row r="399467" spans="14:14">
      <c r="N399467" s="10"/>
    </row>
    <row r="399468" spans="14:14">
      <c r="N399468" s="10"/>
    </row>
    <row r="399469" spans="14:14">
      <c r="N399469" s="10"/>
    </row>
    <row r="399470" spans="14:14">
      <c r="N399470" s="10"/>
    </row>
    <row r="399471" spans="14:14">
      <c r="N399471" s="10"/>
    </row>
    <row r="399472" spans="14:14">
      <c r="N399472" s="10"/>
    </row>
    <row r="399473" spans="14:14">
      <c r="N399473" s="10"/>
    </row>
    <row r="399474" spans="14:14">
      <c r="N399474" s="10"/>
    </row>
    <row r="399475" spans="14:14">
      <c r="N399475" s="10"/>
    </row>
    <row r="399476" spans="14:14">
      <c r="N399476" s="10"/>
    </row>
    <row r="399477" spans="14:14">
      <c r="N399477" s="10"/>
    </row>
    <row r="399478" spans="14:14">
      <c r="N399478" s="10"/>
    </row>
    <row r="399479" spans="14:14">
      <c r="N399479" s="10"/>
    </row>
    <row r="399480" spans="14:14">
      <c r="N399480" s="10"/>
    </row>
    <row r="399481" spans="14:14">
      <c r="N399481" s="10"/>
    </row>
    <row r="399482" spans="14:14">
      <c r="N399482" s="10"/>
    </row>
    <row r="399483" spans="14:14">
      <c r="N399483" s="10"/>
    </row>
    <row r="399484" spans="14:14">
      <c r="N399484" s="10"/>
    </row>
    <row r="399485" spans="14:14">
      <c r="N399485" s="10"/>
    </row>
    <row r="399486" spans="14:14">
      <c r="N399486" s="10"/>
    </row>
    <row r="399487" spans="14:14">
      <c r="N399487" s="10"/>
    </row>
    <row r="399488" spans="14:14">
      <c r="N399488" s="10"/>
    </row>
    <row r="399489" spans="14:14">
      <c r="N399489" s="10"/>
    </row>
    <row r="399490" spans="14:14">
      <c r="N399490" s="10"/>
    </row>
    <row r="399491" spans="14:14">
      <c r="N399491" s="10"/>
    </row>
    <row r="399492" spans="14:14">
      <c r="N399492" s="10"/>
    </row>
    <row r="399493" spans="14:14">
      <c r="N399493" s="10"/>
    </row>
    <row r="399494" spans="14:14">
      <c r="N399494" s="10"/>
    </row>
    <row r="399495" spans="14:14">
      <c r="N399495" s="10"/>
    </row>
    <row r="399496" spans="14:14">
      <c r="N399496" s="10"/>
    </row>
    <row r="399497" spans="14:14">
      <c r="N399497" s="10"/>
    </row>
    <row r="399498" spans="14:14">
      <c r="N399498" s="10"/>
    </row>
    <row r="399499" spans="14:14">
      <c r="N399499" s="10"/>
    </row>
    <row r="399500" spans="14:14">
      <c r="N399500" s="10"/>
    </row>
    <row r="399501" spans="14:14">
      <c r="N399501" s="10"/>
    </row>
    <row r="399502" spans="14:14">
      <c r="N399502" s="10"/>
    </row>
    <row r="399503" spans="14:14">
      <c r="N399503" s="10"/>
    </row>
    <row r="399504" spans="14:14">
      <c r="N399504" s="10"/>
    </row>
    <row r="399505" spans="14:14">
      <c r="N399505" s="10"/>
    </row>
    <row r="399506" spans="14:14">
      <c r="N399506" s="10"/>
    </row>
    <row r="399507" spans="14:14">
      <c r="N399507" s="10"/>
    </row>
    <row r="399508" spans="14:14">
      <c r="N399508" s="10"/>
    </row>
    <row r="399509" spans="14:14">
      <c r="N399509" s="10"/>
    </row>
    <row r="399510" spans="14:14">
      <c r="N399510" s="10"/>
    </row>
    <row r="399511" spans="14:14">
      <c r="N399511" s="10"/>
    </row>
    <row r="399512" spans="14:14">
      <c r="N399512" s="10"/>
    </row>
    <row r="399513" spans="14:14">
      <c r="N399513" s="10"/>
    </row>
    <row r="399514" spans="14:14">
      <c r="N399514" s="10"/>
    </row>
    <row r="399515" spans="14:14">
      <c r="N399515" s="10"/>
    </row>
    <row r="399516" spans="14:14">
      <c r="N399516" s="10"/>
    </row>
    <row r="399517" spans="14:14">
      <c r="N399517" s="10"/>
    </row>
    <row r="399518" spans="14:14">
      <c r="N399518" s="10"/>
    </row>
    <row r="399519" spans="14:14">
      <c r="N399519" s="10"/>
    </row>
    <row r="399520" spans="14:14">
      <c r="N399520" s="10"/>
    </row>
    <row r="399521" spans="14:14">
      <c r="N399521" s="10"/>
    </row>
    <row r="399522" spans="14:14">
      <c r="N399522" s="10"/>
    </row>
    <row r="399523" spans="14:14">
      <c r="N399523" s="10"/>
    </row>
    <row r="399524" spans="14:14">
      <c r="N399524" s="10"/>
    </row>
    <row r="399525" spans="14:14">
      <c r="N399525" s="10"/>
    </row>
    <row r="399526" spans="14:14">
      <c r="N399526" s="10"/>
    </row>
    <row r="399527" spans="14:14">
      <c r="N399527" s="10"/>
    </row>
    <row r="399528" spans="14:14">
      <c r="N399528" s="10"/>
    </row>
    <row r="399529" spans="14:14">
      <c r="N399529" s="10"/>
    </row>
    <row r="399530" spans="14:14">
      <c r="N399530" s="10"/>
    </row>
    <row r="399531" spans="14:14">
      <c r="N399531" s="10"/>
    </row>
    <row r="399532" spans="14:14">
      <c r="N399532" s="10"/>
    </row>
    <row r="399533" spans="14:14">
      <c r="N399533" s="10"/>
    </row>
    <row r="399534" spans="14:14">
      <c r="N399534" s="10"/>
    </row>
    <row r="399535" spans="14:14">
      <c r="N399535" s="10"/>
    </row>
    <row r="399536" spans="14:14">
      <c r="N399536" s="10"/>
    </row>
    <row r="399537" spans="14:14">
      <c r="N399537" s="10"/>
    </row>
    <row r="399538" spans="14:14">
      <c r="N399538" s="10"/>
    </row>
    <row r="399539" spans="14:14">
      <c r="N399539" s="10"/>
    </row>
    <row r="399540" spans="14:14">
      <c r="N399540" s="10"/>
    </row>
    <row r="399541" spans="14:14">
      <c r="N399541" s="10"/>
    </row>
    <row r="399542" spans="14:14">
      <c r="N399542" s="10"/>
    </row>
    <row r="399543" spans="14:14">
      <c r="N399543" s="10"/>
    </row>
    <row r="399544" spans="14:14">
      <c r="N399544" s="10"/>
    </row>
    <row r="399545" spans="14:14">
      <c r="N399545" s="10"/>
    </row>
    <row r="399546" spans="14:14">
      <c r="N399546" s="10"/>
    </row>
    <row r="399547" spans="14:14">
      <c r="N399547" s="10"/>
    </row>
    <row r="399548" spans="14:14">
      <c r="N399548" s="10"/>
    </row>
    <row r="399549" spans="14:14">
      <c r="N399549" s="10"/>
    </row>
    <row r="399550" spans="14:14">
      <c r="N399550" s="10"/>
    </row>
    <row r="399551" spans="14:14">
      <c r="N399551" s="10"/>
    </row>
    <row r="399552" spans="14:14">
      <c r="N399552" s="10"/>
    </row>
    <row r="399553" spans="14:14">
      <c r="N399553" s="10"/>
    </row>
    <row r="399554" spans="14:14">
      <c r="N399554" s="10"/>
    </row>
    <row r="399555" spans="14:14">
      <c r="N399555" s="10"/>
    </row>
    <row r="399556" spans="14:14">
      <c r="N399556" s="10"/>
    </row>
    <row r="399557" spans="14:14">
      <c r="N399557" s="10"/>
    </row>
    <row r="399558" spans="14:14">
      <c r="N399558" s="10"/>
    </row>
    <row r="399559" spans="14:14">
      <c r="N399559" s="10"/>
    </row>
    <row r="399560" spans="14:14">
      <c r="N399560" s="10"/>
    </row>
    <row r="399561" spans="14:14">
      <c r="N399561" s="10"/>
    </row>
    <row r="399562" spans="14:14">
      <c r="N399562" s="10"/>
    </row>
    <row r="399563" spans="14:14">
      <c r="N399563" s="10"/>
    </row>
    <row r="399564" spans="14:14">
      <c r="N399564" s="10"/>
    </row>
    <row r="399565" spans="14:14">
      <c r="N399565" s="10"/>
    </row>
    <row r="399566" spans="14:14">
      <c r="N399566" s="10"/>
    </row>
    <row r="399567" spans="14:14">
      <c r="N399567" s="10"/>
    </row>
    <row r="399568" spans="14:14">
      <c r="N399568" s="10"/>
    </row>
    <row r="399569" spans="14:14">
      <c r="N399569" s="10"/>
    </row>
    <row r="399570" spans="14:14">
      <c r="N399570" s="10"/>
    </row>
    <row r="399571" spans="14:14">
      <c r="N399571" s="10"/>
    </row>
    <row r="399572" spans="14:14">
      <c r="N399572" s="10"/>
    </row>
    <row r="399573" spans="14:14">
      <c r="N399573" s="10"/>
    </row>
    <row r="399574" spans="14:14">
      <c r="N399574" s="10"/>
    </row>
    <row r="399575" spans="14:14">
      <c r="N399575" s="10"/>
    </row>
    <row r="399576" spans="14:14">
      <c r="N399576" s="10"/>
    </row>
    <row r="399577" spans="14:14">
      <c r="N399577" s="10"/>
    </row>
    <row r="399578" spans="14:14">
      <c r="N399578" s="10"/>
    </row>
    <row r="399579" spans="14:14">
      <c r="N399579" s="10"/>
    </row>
    <row r="399580" spans="14:14">
      <c r="N399580" s="10"/>
    </row>
    <row r="399581" spans="14:14">
      <c r="N399581" s="10"/>
    </row>
    <row r="399582" spans="14:14">
      <c r="N399582" s="10"/>
    </row>
    <row r="399583" spans="14:14">
      <c r="N399583" s="10"/>
    </row>
    <row r="399584" spans="14:14">
      <c r="N399584" s="10"/>
    </row>
    <row r="399585" spans="14:14">
      <c r="N399585" s="10"/>
    </row>
    <row r="399586" spans="14:14">
      <c r="N399586" s="10"/>
    </row>
    <row r="399587" spans="14:14">
      <c r="N399587" s="10"/>
    </row>
    <row r="399588" spans="14:14">
      <c r="N399588" s="10"/>
    </row>
    <row r="399589" spans="14:14">
      <c r="N399589" s="10"/>
    </row>
    <row r="399590" spans="14:14">
      <c r="N399590" s="10"/>
    </row>
    <row r="399591" spans="14:14">
      <c r="N399591" s="10"/>
    </row>
    <row r="399592" spans="14:14">
      <c r="N399592" s="10"/>
    </row>
    <row r="399593" spans="14:14">
      <c r="N399593" s="10"/>
    </row>
    <row r="399594" spans="14:14">
      <c r="N399594" s="10"/>
    </row>
    <row r="399595" spans="14:14">
      <c r="N399595" s="10"/>
    </row>
    <row r="399596" spans="14:14">
      <c r="N399596" s="10"/>
    </row>
    <row r="399597" spans="14:14">
      <c r="N399597" s="10"/>
    </row>
    <row r="399598" spans="14:14">
      <c r="N399598" s="10"/>
    </row>
    <row r="399599" spans="14:14">
      <c r="N399599" s="10"/>
    </row>
    <row r="399600" spans="14:14">
      <c r="N399600" s="10"/>
    </row>
    <row r="399601" spans="14:14">
      <c r="N399601" s="10"/>
    </row>
    <row r="399602" spans="14:14">
      <c r="N399602" s="10"/>
    </row>
    <row r="399603" spans="14:14">
      <c r="N399603" s="10"/>
    </row>
    <row r="399604" spans="14:14">
      <c r="N399604" s="10"/>
    </row>
    <row r="399605" spans="14:14">
      <c r="N399605" s="10"/>
    </row>
    <row r="399606" spans="14:14">
      <c r="N399606" s="10"/>
    </row>
    <row r="399607" spans="14:14">
      <c r="N399607" s="10"/>
    </row>
    <row r="399608" spans="14:14">
      <c r="N399608" s="10"/>
    </row>
    <row r="399609" spans="14:14">
      <c r="N399609" s="10"/>
    </row>
    <row r="399610" spans="14:14">
      <c r="N399610" s="10"/>
    </row>
    <row r="399611" spans="14:14">
      <c r="N399611" s="10"/>
    </row>
    <row r="399612" spans="14:14">
      <c r="N399612" s="10"/>
    </row>
    <row r="399613" spans="14:14">
      <c r="N399613" s="10"/>
    </row>
    <row r="399614" spans="14:14">
      <c r="N399614" s="10"/>
    </row>
    <row r="399615" spans="14:14">
      <c r="N399615" s="10"/>
    </row>
    <row r="399616" spans="14:14">
      <c r="N399616" s="10"/>
    </row>
    <row r="399617" spans="14:14">
      <c r="N399617" s="10"/>
    </row>
    <row r="399618" spans="14:14">
      <c r="N399618" s="10"/>
    </row>
    <row r="399619" spans="14:14">
      <c r="N399619" s="10"/>
    </row>
    <row r="399620" spans="14:14">
      <c r="N399620" s="10"/>
    </row>
    <row r="399621" spans="14:14">
      <c r="N399621" s="10"/>
    </row>
    <row r="399622" spans="14:14">
      <c r="N399622" s="10"/>
    </row>
    <row r="399623" spans="14:14">
      <c r="N399623" s="10"/>
    </row>
    <row r="399624" spans="14:14">
      <c r="N399624" s="10"/>
    </row>
    <row r="399625" spans="14:14">
      <c r="N399625" s="10"/>
    </row>
    <row r="399626" spans="14:14">
      <c r="N399626" s="10"/>
    </row>
    <row r="399627" spans="14:14">
      <c r="N399627" s="10"/>
    </row>
    <row r="399628" spans="14:14">
      <c r="N399628" s="10"/>
    </row>
    <row r="399629" spans="14:14">
      <c r="N399629" s="10"/>
    </row>
    <row r="399630" spans="14:14">
      <c r="N399630" s="10"/>
    </row>
    <row r="399631" spans="14:14">
      <c r="N399631" s="10"/>
    </row>
    <row r="399632" spans="14:14">
      <c r="N399632" s="10"/>
    </row>
    <row r="399633" spans="14:14">
      <c r="N399633" s="10"/>
    </row>
    <row r="399634" spans="14:14">
      <c r="N399634" s="10"/>
    </row>
    <row r="399635" spans="14:14">
      <c r="N399635" s="10"/>
    </row>
    <row r="399636" spans="14:14">
      <c r="N399636" s="10"/>
    </row>
    <row r="399637" spans="14:14">
      <c r="N399637" s="10"/>
    </row>
    <row r="399638" spans="14:14">
      <c r="N399638" s="10"/>
    </row>
    <row r="399639" spans="14:14">
      <c r="N399639" s="10"/>
    </row>
    <row r="399640" spans="14:14">
      <c r="N399640" s="10"/>
    </row>
    <row r="399641" spans="14:14">
      <c r="N399641" s="10"/>
    </row>
    <row r="399642" spans="14:14">
      <c r="N399642" s="10"/>
    </row>
    <row r="399643" spans="14:14">
      <c r="N399643" s="10"/>
    </row>
    <row r="399644" spans="14:14">
      <c r="N399644" s="10"/>
    </row>
    <row r="399645" spans="14:14">
      <c r="N399645" s="10"/>
    </row>
    <row r="399646" spans="14:14">
      <c r="N399646" s="10"/>
    </row>
    <row r="399647" spans="14:14">
      <c r="N399647" s="10"/>
    </row>
    <row r="399648" spans="14:14">
      <c r="N399648" s="10"/>
    </row>
    <row r="399649" spans="14:14">
      <c r="N399649" s="10"/>
    </row>
    <row r="399650" spans="14:14">
      <c r="N399650" s="10"/>
    </row>
    <row r="399651" spans="14:14">
      <c r="N399651" s="10"/>
    </row>
    <row r="399652" spans="14:14">
      <c r="N399652" s="10"/>
    </row>
    <row r="399653" spans="14:14">
      <c r="N399653" s="10"/>
    </row>
    <row r="399654" spans="14:14">
      <c r="N399654" s="10"/>
    </row>
    <row r="399655" spans="14:14">
      <c r="N399655" s="10"/>
    </row>
    <row r="399656" spans="14:14">
      <c r="N399656" s="10"/>
    </row>
    <row r="399657" spans="14:14">
      <c r="N399657" s="10"/>
    </row>
    <row r="399658" spans="14:14">
      <c r="N399658" s="10"/>
    </row>
    <row r="399659" spans="14:14">
      <c r="N399659" s="10"/>
    </row>
    <row r="399660" spans="14:14">
      <c r="N399660" s="10"/>
    </row>
    <row r="399661" spans="14:14">
      <c r="N399661" s="10"/>
    </row>
    <row r="399662" spans="14:14">
      <c r="N399662" s="10"/>
    </row>
    <row r="399663" spans="14:14">
      <c r="N399663" s="10"/>
    </row>
    <row r="399664" spans="14:14">
      <c r="N399664" s="10"/>
    </row>
    <row r="399665" spans="14:14">
      <c r="N399665" s="10"/>
    </row>
    <row r="399666" spans="14:14">
      <c r="N399666" s="10"/>
    </row>
    <row r="399667" spans="14:14">
      <c r="N399667" s="10"/>
    </row>
    <row r="399668" spans="14:14">
      <c r="N399668" s="10"/>
    </row>
    <row r="399669" spans="14:14">
      <c r="N399669" s="10"/>
    </row>
    <row r="399670" spans="14:14">
      <c r="N399670" s="10"/>
    </row>
    <row r="399671" spans="14:14">
      <c r="N399671" s="10"/>
    </row>
    <row r="399672" spans="14:14">
      <c r="N399672" s="10"/>
    </row>
    <row r="399673" spans="14:14">
      <c r="N399673" s="10"/>
    </row>
    <row r="399674" spans="14:14">
      <c r="N399674" s="10"/>
    </row>
    <row r="399675" spans="14:14">
      <c r="N399675" s="10"/>
    </row>
    <row r="399676" spans="14:14">
      <c r="N399676" s="10"/>
    </row>
    <row r="399677" spans="14:14">
      <c r="N399677" s="10"/>
    </row>
    <row r="399678" spans="14:14">
      <c r="N399678" s="10"/>
    </row>
    <row r="399679" spans="14:14">
      <c r="N399679" s="10"/>
    </row>
    <row r="399680" spans="14:14">
      <c r="N399680" s="10"/>
    </row>
    <row r="399681" spans="14:14">
      <c r="N399681" s="10"/>
    </row>
    <row r="399682" spans="14:14">
      <c r="N399682" s="10"/>
    </row>
    <row r="399683" spans="14:14">
      <c r="N399683" s="10"/>
    </row>
    <row r="399684" spans="14:14">
      <c r="N399684" s="10"/>
    </row>
    <row r="399685" spans="14:14">
      <c r="N399685" s="10"/>
    </row>
    <row r="399686" spans="14:14">
      <c r="N399686" s="10"/>
    </row>
    <row r="399687" spans="14:14">
      <c r="N399687" s="10"/>
    </row>
    <row r="399688" spans="14:14">
      <c r="N399688" s="10"/>
    </row>
    <row r="399689" spans="14:14">
      <c r="N399689" s="10"/>
    </row>
    <row r="399690" spans="14:14">
      <c r="N399690" s="10"/>
    </row>
    <row r="399691" spans="14:14">
      <c r="N399691" s="10"/>
    </row>
    <row r="399692" spans="14:14">
      <c r="N399692" s="10"/>
    </row>
    <row r="399693" spans="14:14">
      <c r="N399693" s="10"/>
    </row>
    <row r="399694" spans="14:14">
      <c r="N399694" s="10"/>
    </row>
    <row r="399695" spans="14:14">
      <c r="N399695" s="10"/>
    </row>
    <row r="399696" spans="14:14">
      <c r="N399696" s="10"/>
    </row>
    <row r="399697" spans="14:14">
      <c r="N399697" s="10"/>
    </row>
    <row r="399698" spans="14:14">
      <c r="N399698" s="10"/>
    </row>
    <row r="399699" spans="14:14">
      <c r="N399699" s="10"/>
    </row>
    <row r="399700" spans="14:14">
      <c r="N399700" s="10"/>
    </row>
    <row r="399701" spans="14:14">
      <c r="N399701" s="10"/>
    </row>
    <row r="399702" spans="14:14">
      <c r="N399702" s="10"/>
    </row>
    <row r="399703" spans="14:14">
      <c r="N399703" s="10"/>
    </row>
    <row r="399704" spans="14:14">
      <c r="N399704" s="10"/>
    </row>
    <row r="399705" spans="14:14">
      <c r="N399705" s="10"/>
    </row>
    <row r="399706" spans="14:14">
      <c r="N399706" s="10"/>
    </row>
    <row r="399707" spans="14:14">
      <c r="N399707" s="10"/>
    </row>
    <row r="399708" spans="14:14">
      <c r="N399708" s="10"/>
    </row>
    <row r="399709" spans="14:14">
      <c r="N399709" s="10"/>
    </row>
    <row r="399710" spans="14:14">
      <c r="N399710" s="10"/>
    </row>
    <row r="399711" spans="14:14">
      <c r="N399711" s="10"/>
    </row>
    <row r="399712" spans="14:14">
      <c r="N399712" s="10"/>
    </row>
    <row r="399713" spans="14:14">
      <c r="N399713" s="10"/>
    </row>
    <row r="399714" spans="14:14">
      <c r="N399714" s="10"/>
    </row>
    <row r="399715" spans="14:14">
      <c r="N399715" s="10"/>
    </row>
    <row r="399716" spans="14:14">
      <c r="N399716" s="10"/>
    </row>
    <row r="399717" spans="14:14">
      <c r="N399717" s="10"/>
    </row>
    <row r="399718" spans="14:14">
      <c r="N399718" s="10"/>
    </row>
    <row r="399719" spans="14:14">
      <c r="N399719" s="10"/>
    </row>
    <row r="399720" spans="14:14">
      <c r="N399720" s="10"/>
    </row>
    <row r="399721" spans="14:14">
      <c r="N399721" s="10"/>
    </row>
    <row r="399722" spans="14:14">
      <c r="N399722" s="10"/>
    </row>
    <row r="399723" spans="14:14">
      <c r="N399723" s="10"/>
    </row>
    <row r="399724" spans="14:14">
      <c r="N399724" s="10"/>
    </row>
    <row r="399725" spans="14:14">
      <c r="N399725" s="10"/>
    </row>
    <row r="399726" spans="14:14">
      <c r="N399726" s="10"/>
    </row>
    <row r="399727" spans="14:14">
      <c r="N399727" s="10"/>
    </row>
    <row r="399728" spans="14:14">
      <c r="N399728" s="10"/>
    </row>
    <row r="399729" spans="14:14">
      <c r="N399729" s="10"/>
    </row>
    <row r="399730" spans="14:14">
      <c r="N399730" s="10"/>
    </row>
    <row r="399731" spans="14:14">
      <c r="N399731" s="10"/>
    </row>
    <row r="399732" spans="14:14">
      <c r="N399732" s="10"/>
    </row>
    <row r="399733" spans="14:14">
      <c r="N399733" s="10"/>
    </row>
    <row r="399734" spans="14:14">
      <c r="N399734" s="10"/>
    </row>
    <row r="399735" spans="14:14">
      <c r="N399735" s="10"/>
    </row>
    <row r="399736" spans="14:14">
      <c r="N399736" s="10"/>
    </row>
    <row r="399737" spans="14:14">
      <c r="N399737" s="10"/>
    </row>
    <row r="399738" spans="14:14">
      <c r="N399738" s="10"/>
    </row>
    <row r="399739" spans="14:14">
      <c r="N399739" s="10"/>
    </row>
    <row r="399740" spans="14:14">
      <c r="N399740" s="10"/>
    </row>
    <row r="399741" spans="14:14">
      <c r="N399741" s="10"/>
    </row>
    <row r="399742" spans="14:14">
      <c r="N399742" s="10"/>
    </row>
    <row r="399743" spans="14:14">
      <c r="N399743" s="10"/>
    </row>
    <row r="399744" spans="14:14">
      <c r="N399744" s="10"/>
    </row>
    <row r="399745" spans="14:14">
      <c r="N399745" s="10"/>
    </row>
    <row r="399746" spans="14:14">
      <c r="N399746" s="10"/>
    </row>
    <row r="399747" spans="14:14">
      <c r="N399747" s="10"/>
    </row>
    <row r="399748" spans="14:14">
      <c r="N399748" s="10"/>
    </row>
    <row r="399749" spans="14:14">
      <c r="N399749" s="10"/>
    </row>
    <row r="399750" spans="14:14">
      <c r="N399750" s="10"/>
    </row>
    <row r="399751" spans="14:14">
      <c r="N399751" s="10"/>
    </row>
    <row r="399752" spans="14:14">
      <c r="N399752" s="10"/>
    </row>
    <row r="399753" spans="14:14">
      <c r="N399753" s="10"/>
    </row>
    <row r="399754" spans="14:14">
      <c r="N399754" s="10"/>
    </row>
    <row r="399755" spans="14:14">
      <c r="N399755" s="10"/>
    </row>
    <row r="399756" spans="14:14">
      <c r="N399756" s="10"/>
    </row>
    <row r="399757" spans="14:14">
      <c r="N399757" s="10"/>
    </row>
    <row r="399758" spans="14:14">
      <c r="N399758" s="10"/>
    </row>
    <row r="399759" spans="14:14">
      <c r="N399759" s="10"/>
    </row>
    <row r="399760" spans="14:14">
      <c r="N399760" s="10"/>
    </row>
    <row r="399761" spans="14:14">
      <c r="N399761" s="10"/>
    </row>
    <row r="399762" spans="14:14">
      <c r="N399762" s="10"/>
    </row>
    <row r="399763" spans="14:14">
      <c r="N399763" s="10"/>
    </row>
    <row r="399764" spans="14:14">
      <c r="N399764" s="10"/>
    </row>
    <row r="399765" spans="14:14">
      <c r="N399765" s="10"/>
    </row>
    <row r="399766" spans="14:14">
      <c r="N399766" s="10"/>
    </row>
    <row r="399767" spans="14:14">
      <c r="N399767" s="10"/>
    </row>
    <row r="399768" spans="14:14">
      <c r="N399768" s="10"/>
    </row>
    <row r="399769" spans="14:14">
      <c r="N399769" s="10"/>
    </row>
    <row r="399770" spans="14:14">
      <c r="N399770" s="10"/>
    </row>
    <row r="399771" spans="14:14">
      <c r="N399771" s="10"/>
    </row>
    <row r="399772" spans="14:14">
      <c r="N399772" s="10"/>
    </row>
    <row r="399773" spans="14:14">
      <c r="N399773" s="10"/>
    </row>
    <row r="399774" spans="14:14">
      <c r="N399774" s="10"/>
    </row>
    <row r="399775" spans="14:14">
      <c r="N399775" s="10"/>
    </row>
    <row r="399776" spans="14:14">
      <c r="N399776" s="10"/>
    </row>
    <row r="399777" spans="14:14">
      <c r="N399777" s="10"/>
    </row>
    <row r="399778" spans="14:14">
      <c r="N399778" s="10"/>
    </row>
    <row r="399779" spans="14:14">
      <c r="N399779" s="10"/>
    </row>
    <row r="399780" spans="14:14">
      <c r="N399780" s="10"/>
    </row>
    <row r="399781" spans="14:14">
      <c r="N399781" s="10"/>
    </row>
    <row r="399782" spans="14:14">
      <c r="N399782" s="10"/>
    </row>
    <row r="399783" spans="14:14">
      <c r="N399783" s="10"/>
    </row>
    <row r="399784" spans="14:14">
      <c r="N399784" s="10"/>
    </row>
    <row r="399785" spans="14:14">
      <c r="N399785" s="10"/>
    </row>
    <row r="399786" spans="14:14">
      <c r="N399786" s="10"/>
    </row>
    <row r="399787" spans="14:14">
      <c r="N399787" s="10"/>
    </row>
    <row r="399788" spans="14:14">
      <c r="N399788" s="10"/>
    </row>
    <row r="399789" spans="14:14">
      <c r="N399789" s="10"/>
    </row>
    <row r="399790" spans="14:14">
      <c r="N399790" s="10"/>
    </row>
    <row r="399791" spans="14:14">
      <c r="N399791" s="10"/>
    </row>
    <row r="399792" spans="14:14">
      <c r="N399792" s="10"/>
    </row>
    <row r="399793" spans="14:14">
      <c r="N399793" s="10"/>
    </row>
    <row r="399794" spans="14:14">
      <c r="N399794" s="10"/>
    </row>
    <row r="399795" spans="14:14">
      <c r="N399795" s="10"/>
    </row>
    <row r="399796" spans="14:14">
      <c r="N399796" s="10"/>
    </row>
    <row r="399797" spans="14:14">
      <c r="N399797" s="10"/>
    </row>
    <row r="399798" spans="14:14">
      <c r="N399798" s="10"/>
    </row>
    <row r="399799" spans="14:14">
      <c r="N399799" s="10"/>
    </row>
    <row r="399800" spans="14:14">
      <c r="N399800" s="10"/>
    </row>
    <row r="399801" spans="14:14">
      <c r="N399801" s="10"/>
    </row>
    <row r="399802" spans="14:14">
      <c r="N399802" s="10"/>
    </row>
    <row r="399803" spans="14:14">
      <c r="N399803" s="10"/>
    </row>
    <row r="399804" spans="14:14">
      <c r="N399804" s="10"/>
    </row>
    <row r="399805" spans="14:14">
      <c r="N399805" s="10"/>
    </row>
    <row r="399806" spans="14:14">
      <c r="N399806" s="10"/>
    </row>
    <row r="399807" spans="14:14">
      <c r="N399807" s="10"/>
    </row>
    <row r="399808" spans="14:14">
      <c r="N399808" s="10"/>
    </row>
    <row r="399809" spans="14:14">
      <c r="N399809" s="10"/>
    </row>
    <row r="399810" spans="14:14">
      <c r="N399810" s="10"/>
    </row>
    <row r="399811" spans="14:14">
      <c r="N399811" s="10"/>
    </row>
    <row r="399812" spans="14:14">
      <c r="N399812" s="10"/>
    </row>
    <row r="399813" spans="14:14">
      <c r="N399813" s="10"/>
    </row>
    <row r="399814" spans="14:14">
      <c r="N399814" s="10"/>
    </row>
    <row r="399815" spans="14:14">
      <c r="N399815" s="10"/>
    </row>
    <row r="399816" spans="14:14">
      <c r="N399816" s="10"/>
    </row>
    <row r="399817" spans="14:14">
      <c r="N399817" s="10"/>
    </row>
    <row r="399818" spans="14:14">
      <c r="N399818" s="10"/>
    </row>
    <row r="399819" spans="14:14">
      <c r="N399819" s="10"/>
    </row>
    <row r="399820" spans="14:14">
      <c r="N399820" s="10"/>
    </row>
    <row r="399821" spans="14:14">
      <c r="N399821" s="10"/>
    </row>
    <row r="399822" spans="14:14">
      <c r="N399822" s="10"/>
    </row>
    <row r="399823" spans="14:14">
      <c r="N399823" s="10"/>
    </row>
    <row r="399824" spans="14:14">
      <c r="N399824" s="10"/>
    </row>
    <row r="399825" spans="14:14">
      <c r="N399825" s="10"/>
    </row>
    <row r="399826" spans="14:14">
      <c r="N399826" s="10"/>
    </row>
    <row r="399827" spans="14:14">
      <c r="N399827" s="10"/>
    </row>
    <row r="399828" spans="14:14">
      <c r="N399828" s="10"/>
    </row>
    <row r="399829" spans="14:14">
      <c r="N399829" s="10"/>
    </row>
    <row r="399830" spans="14:14">
      <c r="N399830" s="10"/>
    </row>
    <row r="399831" spans="14:14">
      <c r="N399831" s="10"/>
    </row>
    <row r="399832" spans="14:14">
      <c r="N399832" s="10"/>
    </row>
    <row r="399833" spans="14:14">
      <c r="N399833" s="10"/>
    </row>
    <row r="399834" spans="14:14">
      <c r="N399834" s="10"/>
    </row>
    <row r="399835" spans="14:14">
      <c r="N399835" s="10"/>
    </row>
    <row r="399836" spans="14:14">
      <c r="N399836" s="10"/>
    </row>
    <row r="399837" spans="14:14">
      <c r="N399837" s="10"/>
    </row>
    <row r="399838" spans="14:14">
      <c r="N399838" s="10"/>
    </row>
    <row r="399839" spans="14:14">
      <c r="N399839" s="10"/>
    </row>
    <row r="399840" spans="14:14">
      <c r="N399840" s="10"/>
    </row>
    <row r="399841" spans="14:14">
      <c r="N399841" s="10"/>
    </row>
    <row r="399842" spans="14:14">
      <c r="N399842" s="10"/>
    </row>
    <row r="399843" spans="14:14">
      <c r="N399843" s="10"/>
    </row>
    <row r="399844" spans="14:14">
      <c r="N399844" s="10"/>
    </row>
    <row r="399845" spans="14:14">
      <c r="N399845" s="10"/>
    </row>
    <row r="399846" spans="14:14">
      <c r="N399846" s="10"/>
    </row>
    <row r="399847" spans="14:14">
      <c r="N399847" s="10"/>
    </row>
    <row r="399848" spans="14:14">
      <c r="N399848" s="10"/>
    </row>
    <row r="399849" spans="14:14">
      <c r="N399849" s="10"/>
    </row>
    <row r="399850" spans="14:14">
      <c r="N399850" s="10"/>
    </row>
    <row r="399851" spans="14:14">
      <c r="N399851" s="10"/>
    </row>
    <row r="399852" spans="14:14">
      <c r="N399852" s="10"/>
    </row>
    <row r="399853" spans="14:14">
      <c r="N399853" s="10"/>
    </row>
    <row r="399854" spans="14:14">
      <c r="N399854" s="10"/>
    </row>
    <row r="399855" spans="14:14">
      <c r="N399855" s="10"/>
    </row>
    <row r="399856" spans="14:14">
      <c r="N399856" s="10"/>
    </row>
    <row r="399857" spans="14:14">
      <c r="N399857" s="10"/>
    </row>
    <row r="399858" spans="14:14">
      <c r="N399858" s="10"/>
    </row>
    <row r="399859" spans="14:14">
      <c r="N399859" s="10"/>
    </row>
    <row r="399860" spans="14:14">
      <c r="N399860" s="10"/>
    </row>
    <row r="399861" spans="14:14">
      <c r="N399861" s="10"/>
    </row>
    <row r="399862" spans="14:14">
      <c r="N399862" s="10"/>
    </row>
    <row r="399863" spans="14:14">
      <c r="N399863" s="10"/>
    </row>
    <row r="399864" spans="14:14">
      <c r="N399864" s="10"/>
    </row>
    <row r="399865" spans="14:14">
      <c r="N399865" s="10"/>
    </row>
    <row r="399866" spans="14:14">
      <c r="N399866" s="10"/>
    </row>
    <row r="399867" spans="14:14">
      <c r="N399867" s="10"/>
    </row>
    <row r="399868" spans="14:14">
      <c r="N399868" s="10"/>
    </row>
    <row r="399869" spans="14:14">
      <c r="N399869" s="10"/>
    </row>
    <row r="399870" spans="14:14">
      <c r="N399870" s="10"/>
    </row>
    <row r="399871" spans="14:14">
      <c r="N399871" s="10"/>
    </row>
    <row r="399872" spans="14:14">
      <c r="N399872" s="10"/>
    </row>
    <row r="399873" spans="14:14">
      <c r="N399873" s="10"/>
    </row>
    <row r="399874" spans="14:14">
      <c r="N399874" s="10"/>
    </row>
    <row r="399875" spans="14:14">
      <c r="N399875" s="10"/>
    </row>
    <row r="399876" spans="14:14">
      <c r="N399876" s="10"/>
    </row>
    <row r="399877" spans="14:14">
      <c r="N399877" s="10"/>
    </row>
    <row r="399878" spans="14:14">
      <c r="N399878" s="10"/>
    </row>
    <row r="399879" spans="14:14">
      <c r="N399879" s="10"/>
    </row>
    <row r="399880" spans="14:14">
      <c r="N399880" s="10"/>
    </row>
    <row r="399881" spans="14:14">
      <c r="N399881" s="10"/>
    </row>
    <row r="399882" spans="14:14">
      <c r="N399882" s="10"/>
    </row>
    <row r="399883" spans="14:14">
      <c r="N399883" s="10"/>
    </row>
    <row r="399884" spans="14:14">
      <c r="N399884" s="10"/>
    </row>
    <row r="399885" spans="14:14">
      <c r="N399885" s="10"/>
    </row>
    <row r="399886" spans="14:14">
      <c r="N399886" s="10"/>
    </row>
    <row r="399887" spans="14:14">
      <c r="N399887" s="10"/>
    </row>
    <row r="399888" spans="14:14">
      <c r="N399888" s="10"/>
    </row>
    <row r="399889" spans="14:14">
      <c r="N399889" s="10"/>
    </row>
    <row r="399890" spans="14:14">
      <c r="N399890" s="10"/>
    </row>
    <row r="399891" spans="14:14">
      <c r="N399891" s="10"/>
    </row>
    <row r="399892" spans="14:14">
      <c r="N399892" s="10"/>
    </row>
    <row r="399893" spans="14:14">
      <c r="N399893" s="10"/>
    </row>
    <row r="399894" spans="14:14">
      <c r="N399894" s="10"/>
    </row>
    <row r="399895" spans="14:14">
      <c r="N399895" s="10"/>
    </row>
    <row r="399896" spans="14:14">
      <c r="N399896" s="10"/>
    </row>
    <row r="399897" spans="14:14">
      <c r="N399897" s="10"/>
    </row>
    <row r="399898" spans="14:14">
      <c r="N399898" s="10"/>
    </row>
    <row r="399899" spans="14:14">
      <c r="N399899" s="10"/>
    </row>
    <row r="399900" spans="14:14">
      <c r="N399900" s="10"/>
    </row>
    <row r="399901" spans="14:14">
      <c r="N399901" s="10"/>
    </row>
    <row r="399902" spans="14:14">
      <c r="N399902" s="10"/>
    </row>
    <row r="399903" spans="14:14">
      <c r="N399903" s="10"/>
    </row>
    <row r="399904" spans="14:14">
      <c r="N399904" s="10"/>
    </row>
    <row r="399905" spans="14:14">
      <c r="N399905" s="10"/>
    </row>
    <row r="399906" spans="14:14">
      <c r="N399906" s="10"/>
    </row>
    <row r="399907" spans="14:14">
      <c r="N399907" s="10"/>
    </row>
    <row r="399908" spans="14:14">
      <c r="N399908" s="10"/>
    </row>
    <row r="399909" spans="14:14">
      <c r="N399909" s="10"/>
    </row>
    <row r="399910" spans="14:14">
      <c r="N399910" s="10"/>
    </row>
    <row r="399911" spans="14:14">
      <c r="N399911" s="10"/>
    </row>
    <row r="399912" spans="14:14">
      <c r="N399912" s="10"/>
    </row>
    <row r="399913" spans="14:14">
      <c r="N399913" s="10"/>
    </row>
    <row r="399914" spans="14:14">
      <c r="N399914" s="10"/>
    </row>
    <row r="399915" spans="14:14">
      <c r="N399915" s="10"/>
    </row>
    <row r="399916" spans="14:14">
      <c r="N399916" s="10"/>
    </row>
    <row r="399917" spans="14:14">
      <c r="N399917" s="10"/>
    </row>
    <row r="399918" spans="14:14">
      <c r="N399918" s="10"/>
    </row>
    <row r="399919" spans="14:14">
      <c r="N399919" s="10"/>
    </row>
    <row r="399920" spans="14:14">
      <c r="N399920" s="10"/>
    </row>
    <row r="399921" spans="14:14">
      <c r="N399921" s="10"/>
    </row>
    <row r="399922" spans="14:14">
      <c r="N399922" s="10"/>
    </row>
    <row r="399923" spans="14:14">
      <c r="N399923" s="10"/>
    </row>
    <row r="399924" spans="14:14">
      <c r="N399924" s="10"/>
    </row>
    <row r="399925" spans="14:14">
      <c r="N399925" s="10"/>
    </row>
    <row r="399926" spans="14:14">
      <c r="N399926" s="10"/>
    </row>
    <row r="399927" spans="14:14">
      <c r="N399927" s="10"/>
    </row>
    <row r="399928" spans="14:14">
      <c r="N399928" s="10"/>
    </row>
    <row r="399929" spans="14:14">
      <c r="N399929" s="10"/>
    </row>
    <row r="399930" spans="14:14">
      <c r="N399930" s="10"/>
    </row>
    <row r="399931" spans="14:14">
      <c r="N399931" s="10"/>
    </row>
    <row r="399932" spans="14:14">
      <c r="N399932" s="10"/>
    </row>
    <row r="399933" spans="14:14">
      <c r="N399933" s="10"/>
    </row>
    <row r="399934" spans="14:14">
      <c r="N399934" s="10"/>
    </row>
    <row r="399935" spans="14:14">
      <c r="N399935" s="10"/>
    </row>
    <row r="399936" spans="14:14">
      <c r="N399936" s="10"/>
    </row>
    <row r="399937" spans="14:14">
      <c r="N399937" s="10"/>
    </row>
    <row r="399938" spans="14:14">
      <c r="N399938" s="10"/>
    </row>
    <row r="399939" spans="14:14">
      <c r="N399939" s="10"/>
    </row>
    <row r="399940" spans="14:14">
      <c r="N399940" s="10"/>
    </row>
    <row r="399941" spans="14:14">
      <c r="N399941" s="10"/>
    </row>
    <row r="399942" spans="14:14">
      <c r="N399942" s="10"/>
    </row>
    <row r="399943" spans="14:14">
      <c r="N399943" s="10"/>
    </row>
    <row r="399944" spans="14:14">
      <c r="N399944" s="10"/>
    </row>
    <row r="399945" spans="14:14">
      <c r="N399945" s="10"/>
    </row>
    <row r="399946" spans="14:14">
      <c r="N399946" s="10"/>
    </row>
    <row r="399947" spans="14:14">
      <c r="N399947" s="10"/>
    </row>
    <row r="399948" spans="14:14">
      <c r="N399948" s="10"/>
    </row>
    <row r="399949" spans="14:14">
      <c r="N399949" s="10"/>
    </row>
    <row r="399950" spans="14:14">
      <c r="N399950" s="10"/>
    </row>
    <row r="399951" spans="14:14">
      <c r="N399951" s="10"/>
    </row>
    <row r="399952" spans="14:14">
      <c r="N399952" s="10"/>
    </row>
    <row r="399953" spans="14:14">
      <c r="N399953" s="10"/>
    </row>
    <row r="399954" spans="14:14">
      <c r="N399954" s="10"/>
    </row>
    <row r="399955" spans="14:14">
      <c r="N399955" s="10"/>
    </row>
    <row r="399956" spans="14:14">
      <c r="N399956" s="10"/>
    </row>
    <row r="399957" spans="14:14">
      <c r="N399957" s="10"/>
    </row>
    <row r="399958" spans="14:14">
      <c r="N399958" s="10"/>
    </row>
    <row r="399959" spans="14:14">
      <c r="N399959" s="10"/>
    </row>
    <row r="399960" spans="14:14">
      <c r="N399960" s="10"/>
    </row>
    <row r="399961" spans="14:14">
      <c r="N399961" s="10"/>
    </row>
    <row r="399962" spans="14:14">
      <c r="N399962" s="10"/>
    </row>
    <row r="399963" spans="14:14">
      <c r="N399963" s="10"/>
    </row>
    <row r="399964" spans="14:14">
      <c r="N399964" s="10"/>
    </row>
    <row r="399965" spans="14:14">
      <c r="N399965" s="10"/>
    </row>
    <row r="399966" spans="14:14">
      <c r="N399966" s="10"/>
    </row>
    <row r="399967" spans="14:14">
      <c r="N399967" s="10"/>
    </row>
    <row r="399968" spans="14:14">
      <c r="N399968" s="10"/>
    </row>
    <row r="399969" spans="14:14">
      <c r="N399969" s="10"/>
    </row>
    <row r="399970" spans="14:14">
      <c r="N399970" s="10"/>
    </row>
    <row r="399971" spans="14:14">
      <c r="N399971" s="10"/>
    </row>
    <row r="399972" spans="14:14">
      <c r="N399972" s="10"/>
    </row>
    <row r="399973" spans="14:14">
      <c r="N399973" s="10"/>
    </row>
    <row r="399974" spans="14:14">
      <c r="N399974" s="10"/>
    </row>
    <row r="399975" spans="14:14">
      <c r="N399975" s="10"/>
    </row>
    <row r="399976" spans="14:14">
      <c r="N399976" s="10"/>
    </row>
    <row r="399977" spans="14:14">
      <c r="N399977" s="10"/>
    </row>
    <row r="399978" spans="14:14">
      <c r="N399978" s="10"/>
    </row>
    <row r="399979" spans="14:14">
      <c r="N399979" s="10"/>
    </row>
    <row r="399980" spans="14:14">
      <c r="N399980" s="10"/>
    </row>
    <row r="399981" spans="14:14">
      <c r="N399981" s="10"/>
    </row>
    <row r="399982" spans="14:14">
      <c r="N399982" s="10"/>
    </row>
    <row r="399983" spans="14:14">
      <c r="N399983" s="10"/>
    </row>
    <row r="399984" spans="14:14">
      <c r="N399984" s="10"/>
    </row>
    <row r="399985" spans="14:14">
      <c r="N399985" s="10"/>
    </row>
    <row r="399986" spans="14:14">
      <c r="N399986" s="10"/>
    </row>
    <row r="399987" spans="14:14">
      <c r="N399987" s="10"/>
    </row>
    <row r="399988" spans="14:14">
      <c r="N399988" s="10"/>
    </row>
    <row r="399989" spans="14:14">
      <c r="N399989" s="10"/>
    </row>
    <row r="399990" spans="14:14">
      <c r="N399990" s="10"/>
    </row>
    <row r="399991" spans="14:14">
      <c r="N399991" s="10"/>
    </row>
    <row r="399992" spans="14:14">
      <c r="N399992" s="10"/>
    </row>
    <row r="399993" spans="14:14">
      <c r="N399993" s="10"/>
    </row>
    <row r="399994" spans="14:14">
      <c r="N399994" s="10"/>
    </row>
    <row r="399995" spans="14:14">
      <c r="N399995" s="10"/>
    </row>
    <row r="399996" spans="14:14">
      <c r="N399996" s="10"/>
    </row>
    <row r="399997" spans="14:14">
      <c r="N399997" s="10"/>
    </row>
    <row r="399998" spans="14:14">
      <c r="N399998" s="10"/>
    </row>
    <row r="399999" spans="14:14">
      <c r="N399999" s="10"/>
    </row>
    <row r="400000" spans="14:14">
      <c r="N400000" s="10"/>
    </row>
    <row r="400001" spans="14:14">
      <c r="N400001" s="10"/>
    </row>
    <row r="400002" spans="14:14">
      <c r="N400002" s="10"/>
    </row>
    <row r="400003" spans="14:14">
      <c r="N400003" s="10"/>
    </row>
    <row r="400004" spans="14:14">
      <c r="N400004" s="10"/>
    </row>
    <row r="400005" spans="14:14">
      <c r="N400005" s="10"/>
    </row>
    <row r="400006" spans="14:14">
      <c r="N400006" s="10"/>
    </row>
    <row r="400007" spans="14:14">
      <c r="N400007" s="10"/>
    </row>
    <row r="400008" spans="14:14">
      <c r="N400008" s="10"/>
    </row>
    <row r="400009" spans="14:14">
      <c r="N400009" s="10"/>
    </row>
    <row r="400010" spans="14:14">
      <c r="N400010" s="10"/>
    </row>
    <row r="400011" spans="14:14">
      <c r="N400011" s="10"/>
    </row>
    <row r="400012" spans="14:14">
      <c r="N400012" s="10"/>
    </row>
    <row r="400013" spans="14:14">
      <c r="N400013" s="10"/>
    </row>
    <row r="400014" spans="14:14">
      <c r="N400014" s="10"/>
    </row>
    <row r="400015" spans="14:14">
      <c r="N400015" s="10"/>
    </row>
    <row r="400016" spans="14:14">
      <c r="N400016" s="10"/>
    </row>
    <row r="400017" spans="14:14">
      <c r="N400017" s="10"/>
    </row>
    <row r="400018" spans="14:14">
      <c r="N400018" s="10"/>
    </row>
    <row r="400019" spans="14:14">
      <c r="N400019" s="10"/>
    </row>
    <row r="400020" spans="14:14">
      <c r="N400020" s="10"/>
    </row>
    <row r="400021" spans="14:14">
      <c r="N400021" s="10"/>
    </row>
    <row r="400022" spans="14:14">
      <c r="N400022" s="10"/>
    </row>
    <row r="400023" spans="14:14">
      <c r="N400023" s="10"/>
    </row>
    <row r="400024" spans="14:14">
      <c r="N400024" s="10"/>
    </row>
    <row r="400025" spans="14:14">
      <c r="N400025" s="10"/>
    </row>
    <row r="400026" spans="14:14">
      <c r="N400026" s="10"/>
    </row>
    <row r="400027" spans="14:14">
      <c r="N400027" s="10"/>
    </row>
    <row r="400028" spans="14:14">
      <c r="N400028" s="10"/>
    </row>
    <row r="400029" spans="14:14">
      <c r="N400029" s="10"/>
    </row>
    <row r="400030" spans="14:14">
      <c r="N400030" s="10"/>
    </row>
    <row r="400031" spans="14:14">
      <c r="N400031" s="10"/>
    </row>
    <row r="400032" spans="14:14">
      <c r="N400032" s="10"/>
    </row>
    <row r="400033" spans="14:14">
      <c r="N400033" s="10"/>
    </row>
    <row r="400034" spans="14:14">
      <c r="N400034" s="10"/>
    </row>
    <row r="400035" spans="14:14">
      <c r="N400035" s="10"/>
    </row>
    <row r="400036" spans="14:14">
      <c r="N400036" s="10"/>
    </row>
    <row r="400037" spans="14:14">
      <c r="N400037" s="10"/>
    </row>
    <row r="400038" spans="14:14">
      <c r="N400038" s="10"/>
    </row>
    <row r="400039" spans="14:14">
      <c r="N400039" s="10"/>
    </row>
    <row r="400040" spans="14:14">
      <c r="N400040" s="10"/>
    </row>
    <row r="400041" spans="14:14">
      <c r="N400041" s="10"/>
    </row>
    <row r="400042" spans="14:14">
      <c r="N400042" s="10"/>
    </row>
    <row r="400043" spans="14:14">
      <c r="N400043" s="10"/>
    </row>
    <row r="400044" spans="14:14">
      <c r="N400044" s="10"/>
    </row>
    <row r="400045" spans="14:14">
      <c r="N400045" s="10"/>
    </row>
    <row r="400046" spans="14:14">
      <c r="N400046" s="10"/>
    </row>
    <row r="400047" spans="14:14">
      <c r="N400047" s="10"/>
    </row>
    <row r="400048" spans="14:14">
      <c r="N400048" s="10"/>
    </row>
    <row r="400049" spans="14:14">
      <c r="N400049" s="10"/>
    </row>
    <row r="400050" spans="14:14">
      <c r="N400050" s="10"/>
    </row>
    <row r="400051" spans="14:14">
      <c r="N400051" s="10"/>
    </row>
    <row r="400052" spans="14:14">
      <c r="N400052" s="10"/>
    </row>
    <row r="400053" spans="14:14">
      <c r="N400053" s="10"/>
    </row>
    <row r="400054" spans="14:14">
      <c r="N400054" s="10"/>
    </row>
    <row r="400055" spans="14:14">
      <c r="N400055" s="10"/>
    </row>
    <row r="400056" spans="14:14">
      <c r="N400056" s="10"/>
    </row>
    <row r="400057" spans="14:14">
      <c r="N400057" s="10"/>
    </row>
    <row r="400058" spans="14:14">
      <c r="N400058" s="10"/>
    </row>
    <row r="400059" spans="14:14">
      <c r="N400059" s="10"/>
    </row>
    <row r="400060" spans="14:14">
      <c r="N400060" s="10"/>
    </row>
    <row r="400061" spans="14:14">
      <c r="N400061" s="10"/>
    </row>
    <row r="400062" spans="14:14">
      <c r="N400062" s="10"/>
    </row>
    <row r="400063" spans="14:14">
      <c r="N400063" s="10"/>
    </row>
    <row r="400064" spans="14:14">
      <c r="N400064" s="10"/>
    </row>
    <row r="400065" spans="14:14">
      <c r="N400065" s="10"/>
    </row>
    <row r="400066" spans="14:14">
      <c r="N400066" s="10"/>
    </row>
    <row r="400067" spans="14:14">
      <c r="N400067" s="10"/>
    </row>
    <row r="400068" spans="14:14">
      <c r="N400068" s="10"/>
    </row>
    <row r="400069" spans="14:14">
      <c r="N400069" s="10"/>
    </row>
    <row r="400070" spans="14:14">
      <c r="N400070" s="10"/>
    </row>
    <row r="400071" spans="14:14">
      <c r="N400071" s="10"/>
    </row>
    <row r="400072" spans="14:14">
      <c r="N400072" s="10"/>
    </row>
    <row r="400073" spans="14:14">
      <c r="N400073" s="10"/>
    </row>
    <row r="400074" spans="14:14">
      <c r="N400074" s="10"/>
    </row>
    <row r="400075" spans="14:14">
      <c r="N400075" s="10"/>
    </row>
    <row r="400076" spans="14:14">
      <c r="N400076" s="10"/>
    </row>
    <row r="400077" spans="14:14">
      <c r="N400077" s="10"/>
    </row>
    <row r="400078" spans="14:14">
      <c r="N400078" s="10"/>
    </row>
    <row r="400079" spans="14:14">
      <c r="N400079" s="10"/>
    </row>
    <row r="400080" spans="14:14">
      <c r="N400080" s="10"/>
    </row>
    <row r="400081" spans="14:14">
      <c r="N400081" s="10"/>
    </row>
    <row r="400082" spans="14:14">
      <c r="N400082" s="10"/>
    </row>
    <row r="400083" spans="14:14">
      <c r="N400083" s="10"/>
    </row>
    <row r="400084" spans="14:14">
      <c r="N400084" s="10"/>
    </row>
    <row r="400085" spans="14:14">
      <c r="N400085" s="10"/>
    </row>
    <row r="400086" spans="14:14">
      <c r="N400086" s="10"/>
    </row>
    <row r="400087" spans="14:14">
      <c r="N400087" s="10"/>
    </row>
    <row r="400088" spans="14:14">
      <c r="N400088" s="10"/>
    </row>
    <row r="400089" spans="14:14">
      <c r="N400089" s="10"/>
    </row>
    <row r="400090" spans="14:14">
      <c r="N400090" s="10"/>
    </row>
    <row r="400091" spans="14:14">
      <c r="N400091" s="10"/>
    </row>
    <row r="400092" spans="14:14">
      <c r="N400092" s="10"/>
    </row>
    <row r="400093" spans="14:14">
      <c r="N400093" s="10"/>
    </row>
    <row r="400094" spans="14:14">
      <c r="N400094" s="10"/>
    </row>
    <row r="400095" spans="14:14">
      <c r="N400095" s="10"/>
    </row>
    <row r="400096" spans="14:14">
      <c r="N400096" s="10"/>
    </row>
    <row r="400097" spans="14:14">
      <c r="N400097" s="10"/>
    </row>
    <row r="400098" spans="14:14">
      <c r="N400098" s="10"/>
    </row>
    <row r="400099" spans="14:14">
      <c r="N400099" s="10"/>
    </row>
    <row r="400100" spans="14:14">
      <c r="N400100" s="10"/>
    </row>
    <row r="400101" spans="14:14">
      <c r="N400101" s="10"/>
    </row>
    <row r="400102" spans="14:14">
      <c r="N400102" s="10"/>
    </row>
    <row r="400103" spans="14:14">
      <c r="N400103" s="10"/>
    </row>
    <row r="400104" spans="14:14">
      <c r="N400104" s="10"/>
    </row>
    <row r="400105" spans="14:14">
      <c r="N400105" s="10"/>
    </row>
    <row r="400106" spans="14:14">
      <c r="N400106" s="10"/>
    </row>
    <row r="400107" spans="14:14">
      <c r="N400107" s="10"/>
    </row>
    <row r="400108" spans="14:14">
      <c r="N400108" s="10"/>
    </row>
    <row r="400109" spans="14:14">
      <c r="N400109" s="10"/>
    </row>
    <row r="400110" spans="14:14">
      <c r="N400110" s="10"/>
    </row>
    <row r="400111" spans="14:14">
      <c r="N400111" s="10"/>
    </row>
    <row r="400112" spans="14:14">
      <c r="N400112" s="10"/>
    </row>
    <row r="400113" spans="14:14">
      <c r="N400113" s="10"/>
    </row>
    <row r="400114" spans="14:14">
      <c r="N400114" s="10"/>
    </row>
    <row r="400115" spans="14:14">
      <c r="N400115" s="10"/>
    </row>
    <row r="400116" spans="14:14">
      <c r="N400116" s="10"/>
    </row>
    <row r="400117" spans="14:14">
      <c r="N400117" s="10"/>
    </row>
    <row r="400118" spans="14:14">
      <c r="N400118" s="10"/>
    </row>
    <row r="400119" spans="14:14">
      <c r="N400119" s="10"/>
    </row>
    <row r="400120" spans="14:14">
      <c r="N400120" s="10"/>
    </row>
    <row r="400121" spans="14:14">
      <c r="N400121" s="10"/>
    </row>
    <row r="400122" spans="14:14">
      <c r="N400122" s="10"/>
    </row>
    <row r="400123" spans="14:14">
      <c r="N400123" s="10"/>
    </row>
    <row r="400124" spans="14:14">
      <c r="N400124" s="10"/>
    </row>
    <row r="400125" spans="14:14">
      <c r="N400125" s="10"/>
    </row>
    <row r="400126" spans="14:14">
      <c r="N400126" s="10"/>
    </row>
    <row r="400127" spans="14:14">
      <c r="N400127" s="10"/>
    </row>
    <row r="400128" spans="14:14">
      <c r="N400128" s="10"/>
    </row>
    <row r="400129" spans="14:14">
      <c r="N400129" s="10"/>
    </row>
    <row r="400130" spans="14:14">
      <c r="N400130" s="10"/>
    </row>
    <row r="400131" spans="14:14">
      <c r="N400131" s="10"/>
    </row>
    <row r="400132" spans="14:14">
      <c r="N400132" s="10"/>
    </row>
    <row r="400133" spans="14:14">
      <c r="N400133" s="10"/>
    </row>
    <row r="400134" spans="14:14">
      <c r="N400134" s="10"/>
    </row>
    <row r="400135" spans="14:14">
      <c r="N400135" s="10"/>
    </row>
    <row r="400136" spans="14:14">
      <c r="N400136" s="10"/>
    </row>
    <row r="400137" spans="14:14">
      <c r="N400137" s="10"/>
    </row>
    <row r="400138" spans="14:14">
      <c r="N400138" s="10"/>
    </row>
    <row r="400139" spans="14:14">
      <c r="N400139" s="10"/>
    </row>
    <row r="400140" spans="14:14">
      <c r="N400140" s="10"/>
    </row>
    <row r="400141" spans="14:14">
      <c r="N400141" s="10"/>
    </row>
    <row r="400142" spans="14:14">
      <c r="N400142" s="10"/>
    </row>
    <row r="400143" spans="14:14">
      <c r="N400143" s="10"/>
    </row>
    <row r="400144" spans="14:14">
      <c r="N400144" s="10"/>
    </row>
    <row r="400145" spans="14:14">
      <c r="N400145" s="10"/>
    </row>
    <row r="400146" spans="14:14">
      <c r="N400146" s="10"/>
    </row>
    <row r="400147" spans="14:14">
      <c r="N400147" s="10"/>
    </row>
    <row r="400148" spans="14:14">
      <c r="N400148" s="10"/>
    </row>
    <row r="400149" spans="14:14">
      <c r="N400149" s="10"/>
    </row>
    <row r="400150" spans="14:14">
      <c r="N400150" s="10"/>
    </row>
    <row r="400151" spans="14:14">
      <c r="N400151" s="10"/>
    </row>
    <row r="400152" spans="14:14">
      <c r="N400152" s="10"/>
    </row>
    <row r="400153" spans="14:14">
      <c r="N400153" s="10"/>
    </row>
    <row r="400154" spans="14:14">
      <c r="N400154" s="10"/>
    </row>
    <row r="400155" spans="14:14">
      <c r="N400155" s="10"/>
    </row>
    <row r="400156" spans="14:14">
      <c r="N400156" s="10"/>
    </row>
    <row r="400157" spans="14:14">
      <c r="N400157" s="10"/>
    </row>
    <row r="400158" spans="14:14">
      <c r="N400158" s="10"/>
    </row>
    <row r="400159" spans="14:14">
      <c r="N400159" s="10"/>
    </row>
    <row r="400160" spans="14:14">
      <c r="N400160" s="10"/>
    </row>
    <row r="400161" spans="14:14">
      <c r="N400161" s="10"/>
    </row>
    <row r="400162" spans="14:14">
      <c r="N400162" s="10"/>
    </row>
    <row r="400163" spans="14:14">
      <c r="N400163" s="10"/>
    </row>
    <row r="400164" spans="14:14">
      <c r="N400164" s="10"/>
    </row>
    <row r="400165" spans="14:14">
      <c r="N400165" s="10"/>
    </row>
    <row r="400166" spans="14:14">
      <c r="N400166" s="10"/>
    </row>
    <row r="400167" spans="14:14">
      <c r="N400167" s="10"/>
    </row>
    <row r="400168" spans="14:14">
      <c r="N400168" s="10"/>
    </row>
    <row r="400169" spans="14:14">
      <c r="N400169" s="10"/>
    </row>
    <row r="400170" spans="14:14">
      <c r="N400170" s="10"/>
    </row>
    <row r="400171" spans="14:14">
      <c r="N400171" s="10"/>
    </row>
    <row r="400172" spans="14:14">
      <c r="N400172" s="10"/>
    </row>
    <row r="400173" spans="14:14">
      <c r="N400173" s="10"/>
    </row>
    <row r="400174" spans="14:14">
      <c r="N400174" s="10"/>
    </row>
    <row r="400175" spans="14:14">
      <c r="N400175" s="10"/>
    </row>
    <row r="400176" spans="14:14">
      <c r="N400176" s="10"/>
    </row>
    <row r="400177" spans="14:14">
      <c r="N400177" s="10"/>
    </row>
    <row r="400178" spans="14:14">
      <c r="N400178" s="10"/>
    </row>
    <row r="400179" spans="14:14">
      <c r="N400179" s="10"/>
    </row>
    <row r="400180" spans="14:14">
      <c r="N400180" s="10"/>
    </row>
    <row r="400181" spans="14:14">
      <c r="N400181" s="10"/>
    </row>
    <row r="400182" spans="14:14">
      <c r="N400182" s="10"/>
    </row>
    <row r="400183" spans="14:14">
      <c r="N400183" s="10"/>
    </row>
    <row r="400184" spans="14:14">
      <c r="N400184" s="10"/>
    </row>
    <row r="400185" spans="14:14">
      <c r="N400185" s="10"/>
    </row>
    <row r="400186" spans="14:14">
      <c r="N400186" s="10"/>
    </row>
    <row r="400187" spans="14:14">
      <c r="N400187" s="10"/>
    </row>
    <row r="400188" spans="14:14">
      <c r="N400188" s="10"/>
    </row>
    <row r="400189" spans="14:14">
      <c r="N400189" s="10"/>
    </row>
    <row r="400190" spans="14:14">
      <c r="N400190" s="10"/>
    </row>
    <row r="400191" spans="14:14">
      <c r="N400191" s="10"/>
    </row>
    <row r="400192" spans="14:14">
      <c r="N400192" s="10"/>
    </row>
    <row r="400193" spans="14:14">
      <c r="N400193" s="10"/>
    </row>
    <row r="400194" spans="14:14">
      <c r="N400194" s="10"/>
    </row>
    <row r="400195" spans="14:14">
      <c r="N400195" s="10"/>
    </row>
    <row r="400196" spans="14:14">
      <c r="N400196" s="10"/>
    </row>
    <row r="400197" spans="14:14">
      <c r="N400197" s="10"/>
    </row>
    <row r="400198" spans="14:14">
      <c r="N400198" s="10"/>
    </row>
    <row r="400199" spans="14:14">
      <c r="N400199" s="10"/>
    </row>
    <row r="400200" spans="14:14">
      <c r="N400200" s="10"/>
    </row>
    <row r="400201" spans="14:14">
      <c r="N400201" s="10"/>
    </row>
    <row r="400202" spans="14:14">
      <c r="N400202" s="10"/>
    </row>
    <row r="400203" spans="14:14">
      <c r="N400203" s="10"/>
    </row>
    <row r="400204" spans="14:14">
      <c r="N400204" s="10"/>
    </row>
    <row r="400205" spans="14:14">
      <c r="N400205" s="10"/>
    </row>
    <row r="400206" spans="14:14">
      <c r="N400206" s="10"/>
    </row>
    <row r="400207" spans="14:14">
      <c r="N400207" s="10"/>
    </row>
    <row r="400208" spans="14:14">
      <c r="N400208" s="10"/>
    </row>
    <row r="400209" spans="14:14">
      <c r="N400209" s="10"/>
    </row>
    <row r="400210" spans="14:14">
      <c r="N400210" s="10"/>
    </row>
    <row r="400211" spans="14:14">
      <c r="N400211" s="10"/>
    </row>
    <row r="400212" spans="14:14">
      <c r="N400212" s="10"/>
    </row>
    <row r="400213" spans="14:14">
      <c r="N400213" s="10"/>
    </row>
    <row r="400214" spans="14:14">
      <c r="N400214" s="10"/>
    </row>
    <row r="400215" spans="14:14">
      <c r="N400215" s="10"/>
    </row>
    <row r="400216" spans="14:14">
      <c r="N400216" s="10"/>
    </row>
    <row r="400217" spans="14:14">
      <c r="N400217" s="10"/>
    </row>
    <row r="400218" spans="14:14">
      <c r="N400218" s="10"/>
    </row>
    <row r="400219" spans="14:14">
      <c r="N400219" s="10"/>
    </row>
    <row r="400220" spans="14:14">
      <c r="N400220" s="10"/>
    </row>
    <row r="400221" spans="14:14">
      <c r="N400221" s="10"/>
    </row>
    <row r="400222" spans="14:14">
      <c r="N400222" s="10"/>
    </row>
    <row r="400223" spans="14:14">
      <c r="N400223" s="10"/>
    </row>
    <row r="400224" spans="14:14">
      <c r="N400224" s="10"/>
    </row>
    <row r="400225" spans="14:14">
      <c r="N400225" s="10"/>
    </row>
    <row r="400226" spans="14:14">
      <c r="N400226" s="10"/>
    </row>
    <row r="400227" spans="14:14">
      <c r="N400227" s="10"/>
    </row>
    <row r="400228" spans="14:14">
      <c r="N400228" s="10"/>
    </row>
    <row r="400229" spans="14:14">
      <c r="N400229" s="10"/>
    </row>
    <row r="400230" spans="14:14">
      <c r="N400230" s="10"/>
    </row>
    <row r="400231" spans="14:14">
      <c r="N400231" s="10"/>
    </row>
    <row r="400232" spans="14:14">
      <c r="N400232" s="10"/>
    </row>
    <row r="400233" spans="14:14">
      <c r="N400233" s="10"/>
    </row>
    <row r="400234" spans="14:14">
      <c r="N400234" s="10"/>
    </row>
    <row r="400235" spans="14:14">
      <c r="N400235" s="10"/>
    </row>
    <row r="400236" spans="14:14">
      <c r="N400236" s="10"/>
    </row>
    <row r="400237" spans="14:14">
      <c r="N400237" s="10"/>
    </row>
    <row r="400238" spans="14:14">
      <c r="N400238" s="10"/>
    </row>
    <row r="400239" spans="14:14">
      <c r="N400239" s="10"/>
    </row>
    <row r="400240" spans="14:14">
      <c r="N400240" s="10"/>
    </row>
    <row r="400241" spans="14:14">
      <c r="N400241" s="10"/>
    </row>
    <row r="400242" spans="14:14">
      <c r="N400242" s="10"/>
    </row>
    <row r="400243" spans="14:14">
      <c r="N400243" s="10"/>
    </row>
    <row r="400244" spans="14:14">
      <c r="N400244" s="10"/>
    </row>
    <row r="400245" spans="14:14">
      <c r="N400245" s="10"/>
    </row>
    <row r="400246" spans="14:14">
      <c r="N400246" s="10"/>
    </row>
    <row r="400247" spans="14:14">
      <c r="N400247" s="10"/>
    </row>
    <row r="400248" spans="14:14">
      <c r="N400248" s="10"/>
    </row>
    <row r="400249" spans="14:14">
      <c r="N400249" s="10"/>
    </row>
    <row r="400250" spans="14:14">
      <c r="N400250" s="10"/>
    </row>
    <row r="400251" spans="14:14">
      <c r="N400251" s="10"/>
    </row>
    <row r="400252" spans="14:14">
      <c r="N400252" s="10"/>
    </row>
    <row r="400253" spans="14:14">
      <c r="N400253" s="10"/>
    </row>
    <row r="400254" spans="14:14">
      <c r="N400254" s="10"/>
    </row>
    <row r="400255" spans="14:14">
      <c r="N400255" s="10"/>
    </row>
    <row r="400256" spans="14:14">
      <c r="N400256" s="10"/>
    </row>
    <row r="400257" spans="14:14">
      <c r="N400257" s="10"/>
    </row>
    <row r="400258" spans="14:14">
      <c r="N400258" s="10"/>
    </row>
    <row r="400259" spans="14:14">
      <c r="N400259" s="10"/>
    </row>
    <row r="400260" spans="14:14">
      <c r="N400260" s="10"/>
    </row>
    <row r="400261" spans="14:14">
      <c r="N400261" s="10"/>
    </row>
    <row r="400262" spans="14:14">
      <c r="N400262" s="10"/>
    </row>
    <row r="400263" spans="14:14">
      <c r="N400263" s="10"/>
    </row>
    <row r="400264" spans="14:14">
      <c r="N400264" s="10"/>
    </row>
    <row r="400265" spans="14:14">
      <c r="N400265" s="10"/>
    </row>
    <row r="400266" spans="14:14">
      <c r="N400266" s="10"/>
    </row>
    <row r="400267" spans="14:14">
      <c r="N400267" s="10"/>
    </row>
    <row r="400268" spans="14:14">
      <c r="N400268" s="10"/>
    </row>
    <row r="400269" spans="14:14">
      <c r="N400269" s="10"/>
    </row>
    <row r="400270" spans="14:14">
      <c r="N400270" s="10"/>
    </row>
    <row r="400271" spans="14:14">
      <c r="N400271" s="10"/>
    </row>
    <row r="400272" spans="14:14">
      <c r="N400272" s="10"/>
    </row>
    <row r="400273" spans="14:14">
      <c r="N400273" s="10"/>
    </row>
    <row r="400274" spans="14:14">
      <c r="N400274" s="10"/>
    </row>
    <row r="400275" spans="14:14">
      <c r="N400275" s="10"/>
    </row>
    <row r="400276" spans="14:14">
      <c r="N400276" s="10"/>
    </row>
    <row r="400277" spans="14:14">
      <c r="N400277" s="10"/>
    </row>
    <row r="400278" spans="14:14">
      <c r="N400278" s="10"/>
    </row>
    <row r="400279" spans="14:14">
      <c r="N400279" s="10"/>
    </row>
    <row r="400280" spans="14:14">
      <c r="N400280" s="10"/>
    </row>
    <row r="400281" spans="14:14">
      <c r="N400281" s="10"/>
    </row>
    <row r="400282" spans="14:14">
      <c r="N400282" s="10"/>
    </row>
    <row r="400283" spans="14:14">
      <c r="N400283" s="10"/>
    </row>
    <row r="400284" spans="14:14">
      <c r="N400284" s="10"/>
    </row>
    <row r="400285" spans="14:14">
      <c r="N400285" s="10"/>
    </row>
    <row r="400286" spans="14:14">
      <c r="N400286" s="10"/>
    </row>
    <row r="400287" spans="14:14">
      <c r="N400287" s="10"/>
    </row>
    <row r="400288" spans="14:14">
      <c r="N400288" s="10"/>
    </row>
    <row r="400289" spans="14:14">
      <c r="N400289" s="10"/>
    </row>
    <row r="400290" spans="14:14">
      <c r="N400290" s="10"/>
    </row>
    <row r="400291" spans="14:14">
      <c r="N400291" s="10"/>
    </row>
    <row r="400292" spans="14:14">
      <c r="N400292" s="10"/>
    </row>
    <row r="400293" spans="14:14">
      <c r="N400293" s="10"/>
    </row>
    <row r="400294" spans="14:14">
      <c r="N400294" s="10"/>
    </row>
    <row r="400295" spans="14:14">
      <c r="N400295" s="10"/>
    </row>
    <row r="400296" spans="14:14">
      <c r="N400296" s="10"/>
    </row>
    <row r="400297" spans="14:14">
      <c r="N400297" s="10"/>
    </row>
    <row r="400298" spans="14:14">
      <c r="N400298" s="10"/>
    </row>
    <row r="400299" spans="14:14">
      <c r="N400299" s="10"/>
    </row>
    <row r="400300" spans="14:14">
      <c r="N400300" s="10"/>
    </row>
    <row r="400301" spans="14:14">
      <c r="N400301" s="10"/>
    </row>
    <row r="400302" spans="14:14">
      <c r="N400302" s="10"/>
    </row>
    <row r="400303" spans="14:14">
      <c r="N400303" s="10"/>
    </row>
    <row r="400304" spans="14:14">
      <c r="N400304" s="10"/>
    </row>
    <row r="400305" spans="14:14">
      <c r="N400305" s="10"/>
    </row>
    <row r="400306" spans="14:14">
      <c r="N400306" s="10"/>
    </row>
    <row r="400307" spans="14:14">
      <c r="N400307" s="10"/>
    </row>
    <row r="400308" spans="14:14">
      <c r="N400308" s="10"/>
    </row>
    <row r="400309" spans="14:14">
      <c r="N400309" s="10"/>
    </row>
    <row r="400310" spans="14:14">
      <c r="N400310" s="10"/>
    </row>
    <row r="400311" spans="14:14">
      <c r="N400311" s="10"/>
    </row>
    <row r="400312" spans="14:14">
      <c r="N400312" s="10"/>
    </row>
    <row r="400313" spans="14:14">
      <c r="N400313" s="10"/>
    </row>
    <row r="400314" spans="14:14">
      <c r="N400314" s="10"/>
    </row>
    <row r="400315" spans="14:14">
      <c r="N400315" s="10"/>
    </row>
    <row r="400316" spans="14:14">
      <c r="N400316" s="10"/>
    </row>
    <row r="400317" spans="14:14">
      <c r="N400317" s="10"/>
    </row>
    <row r="400318" spans="14:14">
      <c r="N400318" s="10"/>
    </row>
    <row r="400319" spans="14:14">
      <c r="N400319" s="10"/>
    </row>
    <row r="400320" spans="14:14">
      <c r="N400320" s="10"/>
    </row>
    <row r="400321" spans="14:14">
      <c r="N400321" s="10"/>
    </row>
    <row r="400322" spans="14:14">
      <c r="N400322" s="10"/>
    </row>
    <row r="400323" spans="14:14">
      <c r="N400323" s="10"/>
    </row>
    <row r="400324" spans="14:14">
      <c r="N400324" s="10"/>
    </row>
    <row r="400325" spans="14:14">
      <c r="N400325" s="10"/>
    </row>
    <row r="400326" spans="14:14">
      <c r="N400326" s="10"/>
    </row>
    <row r="400327" spans="14:14">
      <c r="N400327" s="10"/>
    </row>
    <row r="400328" spans="14:14">
      <c r="N400328" s="10"/>
    </row>
    <row r="400329" spans="14:14">
      <c r="N400329" s="10"/>
    </row>
    <row r="400330" spans="14:14">
      <c r="N400330" s="10"/>
    </row>
    <row r="400331" spans="14:14">
      <c r="N400331" s="10"/>
    </row>
    <row r="400332" spans="14:14">
      <c r="N400332" s="10"/>
    </row>
    <row r="400333" spans="14:14">
      <c r="N400333" s="10"/>
    </row>
    <row r="400334" spans="14:14">
      <c r="N400334" s="10"/>
    </row>
    <row r="400335" spans="14:14">
      <c r="N400335" s="10"/>
    </row>
    <row r="400336" spans="14:14">
      <c r="N400336" s="10"/>
    </row>
    <row r="400337" spans="14:14">
      <c r="N400337" s="10"/>
    </row>
    <row r="400338" spans="14:14">
      <c r="N400338" s="10"/>
    </row>
    <row r="400339" spans="14:14">
      <c r="N400339" s="10"/>
    </row>
    <row r="400340" spans="14:14">
      <c r="N400340" s="10"/>
    </row>
    <row r="400341" spans="14:14">
      <c r="N400341" s="10"/>
    </row>
    <row r="400342" spans="14:14">
      <c r="N400342" s="10"/>
    </row>
    <row r="400343" spans="14:14">
      <c r="N400343" s="10"/>
    </row>
    <row r="400344" spans="14:14">
      <c r="N400344" s="10"/>
    </row>
    <row r="400345" spans="14:14">
      <c r="N400345" s="10"/>
    </row>
    <row r="400346" spans="14:14">
      <c r="N400346" s="10"/>
    </row>
    <row r="400347" spans="14:14">
      <c r="N400347" s="10"/>
    </row>
    <row r="400348" spans="14:14">
      <c r="N400348" s="10"/>
    </row>
    <row r="400349" spans="14:14">
      <c r="N400349" s="10"/>
    </row>
    <row r="400350" spans="14:14">
      <c r="N400350" s="10"/>
    </row>
    <row r="400351" spans="14:14">
      <c r="N400351" s="10"/>
    </row>
    <row r="400352" spans="14:14">
      <c r="N400352" s="10"/>
    </row>
    <row r="400353" spans="14:14">
      <c r="N400353" s="10"/>
    </row>
    <row r="400354" spans="14:14">
      <c r="N400354" s="10"/>
    </row>
    <row r="400355" spans="14:14">
      <c r="N400355" s="10"/>
    </row>
    <row r="400356" spans="14:14">
      <c r="N400356" s="10"/>
    </row>
    <row r="400357" spans="14:14">
      <c r="N400357" s="10"/>
    </row>
    <row r="400358" spans="14:14">
      <c r="N400358" s="10"/>
    </row>
    <row r="400359" spans="14:14">
      <c r="N400359" s="10"/>
    </row>
    <row r="400360" spans="14:14">
      <c r="N400360" s="10"/>
    </row>
    <row r="400361" spans="14:14">
      <c r="N400361" s="10"/>
    </row>
    <row r="400362" spans="14:14">
      <c r="N400362" s="10"/>
    </row>
    <row r="400363" spans="14:14">
      <c r="N400363" s="10"/>
    </row>
    <row r="400364" spans="14:14">
      <c r="N400364" s="10"/>
    </row>
    <row r="400365" spans="14:14">
      <c r="N400365" s="10"/>
    </row>
    <row r="400366" spans="14:14">
      <c r="N400366" s="10"/>
    </row>
    <row r="400367" spans="14:14">
      <c r="N400367" s="10"/>
    </row>
    <row r="400368" spans="14:14">
      <c r="N400368" s="10"/>
    </row>
    <row r="400369" spans="14:14">
      <c r="N400369" s="10"/>
    </row>
    <row r="400370" spans="14:14">
      <c r="N400370" s="10"/>
    </row>
    <row r="400371" spans="14:14">
      <c r="N400371" s="10"/>
    </row>
    <row r="400372" spans="14:14">
      <c r="N400372" s="10"/>
    </row>
    <row r="400373" spans="14:14">
      <c r="N400373" s="10"/>
    </row>
    <row r="400374" spans="14:14">
      <c r="N400374" s="10"/>
    </row>
    <row r="400375" spans="14:14">
      <c r="N400375" s="10"/>
    </row>
    <row r="400376" spans="14:14">
      <c r="N400376" s="10"/>
    </row>
    <row r="400377" spans="14:14">
      <c r="N400377" s="10"/>
    </row>
    <row r="400378" spans="14:14">
      <c r="N400378" s="10"/>
    </row>
    <row r="400379" spans="14:14">
      <c r="N400379" s="10"/>
    </row>
    <row r="400380" spans="14:14">
      <c r="N400380" s="10"/>
    </row>
    <row r="400381" spans="14:14">
      <c r="N400381" s="10"/>
    </row>
    <row r="400382" spans="14:14">
      <c r="N400382" s="10"/>
    </row>
    <row r="400383" spans="14:14">
      <c r="N400383" s="10"/>
    </row>
    <row r="400384" spans="14:14">
      <c r="N400384" s="10"/>
    </row>
    <row r="400385" spans="14:14">
      <c r="N400385" s="10"/>
    </row>
    <row r="400386" spans="14:14">
      <c r="N400386" s="10"/>
    </row>
    <row r="400387" spans="14:14">
      <c r="N400387" s="10"/>
    </row>
    <row r="400388" spans="14:14">
      <c r="N400388" s="10"/>
    </row>
    <row r="400389" spans="14:14">
      <c r="N400389" s="10"/>
    </row>
    <row r="400390" spans="14:14">
      <c r="N400390" s="10"/>
    </row>
    <row r="400391" spans="14:14">
      <c r="N400391" s="10"/>
    </row>
    <row r="400392" spans="14:14">
      <c r="N400392" s="10"/>
    </row>
    <row r="400393" spans="14:14">
      <c r="N400393" s="10"/>
    </row>
    <row r="400394" spans="14:14">
      <c r="N400394" s="10"/>
    </row>
    <row r="400395" spans="14:14">
      <c r="N400395" s="10"/>
    </row>
    <row r="400396" spans="14:14">
      <c r="N400396" s="10"/>
    </row>
    <row r="400397" spans="14:14">
      <c r="N400397" s="10"/>
    </row>
    <row r="400398" spans="14:14">
      <c r="N400398" s="10"/>
    </row>
    <row r="400399" spans="14:14">
      <c r="N400399" s="10"/>
    </row>
    <row r="400400" spans="14:14">
      <c r="N400400" s="10"/>
    </row>
    <row r="400401" spans="14:14">
      <c r="N400401" s="10"/>
    </row>
    <row r="400402" spans="14:14">
      <c r="N400402" s="10"/>
    </row>
    <row r="400403" spans="14:14">
      <c r="N400403" s="10"/>
    </row>
    <row r="400404" spans="14:14">
      <c r="N400404" s="10"/>
    </row>
    <row r="400405" spans="14:14">
      <c r="N400405" s="10"/>
    </row>
    <row r="400406" spans="14:14">
      <c r="N400406" s="10"/>
    </row>
    <row r="400407" spans="14:14">
      <c r="N400407" s="10"/>
    </row>
    <row r="400408" spans="14:14">
      <c r="N400408" s="10"/>
    </row>
    <row r="400409" spans="14:14">
      <c r="N400409" s="10"/>
    </row>
    <row r="400410" spans="14:14">
      <c r="N400410" s="10"/>
    </row>
    <row r="400411" spans="14:14">
      <c r="N400411" s="10"/>
    </row>
    <row r="400412" spans="14:14">
      <c r="N400412" s="10"/>
    </row>
    <row r="400413" spans="14:14">
      <c r="N400413" s="10"/>
    </row>
    <row r="400414" spans="14:14">
      <c r="N400414" s="10"/>
    </row>
    <row r="400415" spans="14:14">
      <c r="N400415" s="10"/>
    </row>
    <row r="400416" spans="14:14">
      <c r="N400416" s="10"/>
    </row>
    <row r="400417" spans="14:14">
      <c r="N400417" s="10"/>
    </row>
    <row r="400418" spans="14:14">
      <c r="N400418" s="10"/>
    </row>
    <row r="400419" spans="14:14">
      <c r="N400419" s="10"/>
    </row>
    <row r="400420" spans="14:14">
      <c r="N400420" s="10"/>
    </row>
    <row r="400421" spans="14:14">
      <c r="N400421" s="10"/>
    </row>
    <row r="400422" spans="14:14">
      <c r="N400422" s="10"/>
    </row>
    <row r="400423" spans="14:14">
      <c r="N400423" s="10"/>
    </row>
    <row r="400424" spans="14:14">
      <c r="N400424" s="10"/>
    </row>
    <row r="400425" spans="14:14">
      <c r="N400425" s="10"/>
    </row>
    <row r="400426" spans="14:14">
      <c r="N400426" s="10"/>
    </row>
    <row r="400427" spans="14:14">
      <c r="N400427" s="10"/>
    </row>
    <row r="400428" spans="14:14">
      <c r="N400428" s="10"/>
    </row>
    <row r="400429" spans="14:14">
      <c r="N400429" s="10"/>
    </row>
    <row r="400430" spans="14:14">
      <c r="N400430" s="10"/>
    </row>
    <row r="400431" spans="14:14">
      <c r="N400431" s="10"/>
    </row>
    <row r="400432" spans="14:14">
      <c r="N400432" s="10"/>
    </row>
    <row r="400433" spans="14:14">
      <c r="N400433" s="10"/>
    </row>
    <row r="400434" spans="14:14">
      <c r="N400434" s="10"/>
    </row>
    <row r="400435" spans="14:14">
      <c r="N400435" s="10"/>
    </row>
    <row r="400436" spans="14:14">
      <c r="N400436" s="10"/>
    </row>
    <row r="400437" spans="14:14">
      <c r="N400437" s="10"/>
    </row>
    <row r="400438" spans="14:14">
      <c r="N400438" s="10"/>
    </row>
    <row r="400439" spans="14:14">
      <c r="N400439" s="10"/>
    </row>
    <row r="400440" spans="14:14">
      <c r="N400440" s="10"/>
    </row>
    <row r="400441" spans="14:14">
      <c r="N400441" s="10"/>
    </row>
    <row r="400442" spans="14:14">
      <c r="N400442" s="10"/>
    </row>
    <row r="400443" spans="14:14">
      <c r="N400443" s="10"/>
    </row>
    <row r="400444" spans="14:14">
      <c r="N400444" s="10"/>
    </row>
    <row r="400445" spans="14:14">
      <c r="N400445" s="10"/>
    </row>
    <row r="400446" spans="14:14">
      <c r="N400446" s="10"/>
    </row>
    <row r="400447" spans="14:14">
      <c r="N400447" s="10"/>
    </row>
    <row r="400448" spans="14:14">
      <c r="N400448" s="10"/>
    </row>
    <row r="400449" spans="14:14">
      <c r="N400449" s="10"/>
    </row>
    <row r="400450" spans="14:14">
      <c r="N400450" s="10"/>
    </row>
    <row r="400451" spans="14:14">
      <c r="N400451" s="10"/>
    </row>
    <row r="400452" spans="14:14">
      <c r="N400452" s="10"/>
    </row>
    <row r="400453" spans="14:14">
      <c r="N400453" s="10"/>
    </row>
    <row r="400454" spans="14:14">
      <c r="N400454" s="10"/>
    </row>
    <row r="400455" spans="14:14">
      <c r="N400455" s="10"/>
    </row>
    <row r="400456" spans="14:14">
      <c r="N400456" s="10"/>
    </row>
    <row r="400457" spans="14:14">
      <c r="N400457" s="10"/>
    </row>
    <row r="400458" spans="14:14">
      <c r="N400458" s="10"/>
    </row>
    <row r="400459" spans="14:14">
      <c r="N400459" s="10"/>
    </row>
    <row r="400460" spans="14:14">
      <c r="N400460" s="10"/>
    </row>
    <row r="400461" spans="14:14">
      <c r="N400461" s="10"/>
    </row>
    <row r="400462" spans="14:14">
      <c r="N400462" s="10"/>
    </row>
    <row r="400463" spans="14:14">
      <c r="N400463" s="10"/>
    </row>
    <row r="400464" spans="14:14">
      <c r="N400464" s="10"/>
    </row>
    <row r="400465" spans="14:14">
      <c r="N400465" s="10"/>
    </row>
    <row r="400466" spans="14:14">
      <c r="N400466" s="10"/>
    </row>
    <row r="400467" spans="14:14">
      <c r="N400467" s="10"/>
    </row>
    <row r="400468" spans="14:14">
      <c r="N400468" s="10"/>
    </row>
    <row r="400469" spans="14:14">
      <c r="N400469" s="10"/>
    </row>
    <row r="400470" spans="14:14">
      <c r="N400470" s="10"/>
    </row>
    <row r="400471" spans="14:14">
      <c r="N400471" s="10"/>
    </row>
    <row r="400472" spans="14:14">
      <c r="N400472" s="10"/>
    </row>
    <row r="400473" spans="14:14">
      <c r="N400473" s="10"/>
    </row>
    <row r="400474" spans="14:14">
      <c r="N400474" s="10"/>
    </row>
    <row r="400475" spans="14:14">
      <c r="N400475" s="10"/>
    </row>
    <row r="400476" spans="14:14">
      <c r="N400476" s="10"/>
    </row>
    <row r="400477" spans="14:14">
      <c r="N400477" s="10"/>
    </row>
    <row r="400478" spans="14:14">
      <c r="N400478" s="10"/>
    </row>
    <row r="400479" spans="14:14">
      <c r="N400479" s="10"/>
    </row>
    <row r="400480" spans="14:14">
      <c r="N400480" s="10"/>
    </row>
    <row r="400481" spans="14:14">
      <c r="N400481" s="10"/>
    </row>
    <row r="400482" spans="14:14">
      <c r="N400482" s="10"/>
    </row>
    <row r="400483" spans="14:14">
      <c r="N400483" s="10"/>
    </row>
    <row r="400484" spans="14:14">
      <c r="N400484" s="10"/>
    </row>
    <row r="400485" spans="14:14">
      <c r="N400485" s="10"/>
    </row>
    <row r="400486" spans="14:14">
      <c r="N400486" s="10"/>
    </row>
    <row r="400487" spans="14:14">
      <c r="N400487" s="10"/>
    </row>
    <row r="400488" spans="14:14">
      <c r="N400488" s="10"/>
    </row>
    <row r="400489" spans="14:14">
      <c r="N400489" s="10"/>
    </row>
    <row r="400490" spans="14:14">
      <c r="N400490" s="10"/>
    </row>
    <row r="400491" spans="14:14">
      <c r="N400491" s="10"/>
    </row>
    <row r="400492" spans="14:14">
      <c r="N400492" s="10"/>
    </row>
    <row r="400493" spans="14:14">
      <c r="N400493" s="10"/>
    </row>
    <row r="400494" spans="14:14">
      <c r="N400494" s="10"/>
    </row>
    <row r="400495" spans="14:14">
      <c r="N400495" s="10"/>
    </row>
    <row r="400496" spans="14:14">
      <c r="N400496" s="10"/>
    </row>
    <row r="400497" spans="14:14">
      <c r="N400497" s="10"/>
    </row>
    <row r="400498" spans="14:14">
      <c r="N400498" s="10"/>
    </row>
    <row r="400499" spans="14:14">
      <c r="N400499" s="10"/>
    </row>
    <row r="400500" spans="14:14">
      <c r="N400500" s="10"/>
    </row>
    <row r="400501" spans="14:14">
      <c r="N400501" s="10"/>
    </row>
    <row r="400502" spans="14:14">
      <c r="N400502" s="10"/>
    </row>
    <row r="400503" spans="14:14">
      <c r="N400503" s="10"/>
    </row>
    <row r="400504" spans="14:14">
      <c r="N400504" s="10"/>
    </row>
    <row r="400505" spans="14:14">
      <c r="N400505" s="10"/>
    </row>
    <row r="400506" spans="14:14">
      <c r="N400506" s="10"/>
    </row>
    <row r="400507" spans="14:14">
      <c r="N400507" s="10"/>
    </row>
    <row r="400508" spans="14:14">
      <c r="N400508" s="10"/>
    </row>
    <row r="400509" spans="14:14">
      <c r="N400509" s="10"/>
    </row>
    <row r="400510" spans="14:14">
      <c r="N400510" s="10"/>
    </row>
    <row r="400511" spans="14:14">
      <c r="N400511" s="10"/>
    </row>
    <row r="400512" spans="14:14">
      <c r="N400512" s="10"/>
    </row>
    <row r="400513" spans="14:14">
      <c r="N400513" s="10"/>
    </row>
    <row r="400514" spans="14:14">
      <c r="N400514" s="10"/>
    </row>
    <row r="400515" spans="14:14">
      <c r="N400515" s="10"/>
    </row>
    <row r="400516" spans="14:14">
      <c r="N400516" s="10"/>
    </row>
    <row r="400517" spans="14:14">
      <c r="N400517" s="10"/>
    </row>
    <row r="400518" spans="14:14">
      <c r="N400518" s="10"/>
    </row>
    <row r="400519" spans="14:14">
      <c r="N400519" s="10"/>
    </row>
    <row r="400520" spans="14:14">
      <c r="N400520" s="10"/>
    </row>
    <row r="400521" spans="14:14">
      <c r="N400521" s="10"/>
    </row>
    <row r="400522" spans="14:14">
      <c r="N400522" s="10"/>
    </row>
    <row r="400523" spans="14:14">
      <c r="N400523" s="10"/>
    </row>
    <row r="400524" spans="14:14">
      <c r="N400524" s="10"/>
    </row>
    <row r="400525" spans="14:14">
      <c r="N400525" s="10"/>
    </row>
    <row r="400526" spans="14:14">
      <c r="N400526" s="10"/>
    </row>
    <row r="400527" spans="14:14">
      <c r="N400527" s="10"/>
    </row>
    <row r="400528" spans="14:14">
      <c r="N400528" s="10"/>
    </row>
    <row r="400529" spans="14:14">
      <c r="N400529" s="10"/>
    </row>
    <row r="400530" spans="14:14">
      <c r="N400530" s="10"/>
    </row>
    <row r="400531" spans="14:14">
      <c r="N400531" s="10"/>
    </row>
    <row r="400532" spans="14:14">
      <c r="N400532" s="10"/>
    </row>
    <row r="400533" spans="14:14">
      <c r="N400533" s="10"/>
    </row>
    <row r="400534" spans="14:14">
      <c r="N400534" s="10"/>
    </row>
    <row r="400535" spans="14:14">
      <c r="N400535" s="10"/>
    </row>
    <row r="400536" spans="14:14">
      <c r="N400536" s="10"/>
    </row>
    <row r="400537" spans="14:14">
      <c r="N400537" s="10"/>
    </row>
    <row r="400538" spans="14:14">
      <c r="N400538" s="10"/>
    </row>
    <row r="400539" spans="14:14">
      <c r="N400539" s="10"/>
    </row>
    <row r="400540" spans="14:14">
      <c r="N400540" s="10"/>
    </row>
    <row r="400541" spans="14:14">
      <c r="N400541" s="10"/>
    </row>
    <row r="400542" spans="14:14">
      <c r="N400542" s="10"/>
    </row>
    <row r="400543" spans="14:14">
      <c r="N400543" s="10"/>
    </row>
    <row r="400544" spans="14:14">
      <c r="N400544" s="10"/>
    </row>
    <row r="400545" spans="14:14">
      <c r="N400545" s="10"/>
    </row>
    <row r="400546" spans="14:14">
      <c r="N400546" s="10"/>
    </row>
    <row r="400547" spans="14:14">
      <c r="N400547" s="10"/>
    </row>
    <row r="400548" spans="14:14">
      <c r="N400548" s="10"/>
    </row>
    <row r="400549" spans="14:14">
      <c r="N400549" s="10"/>
    </row>
    <row r="400550" spans="14:14">
      <c r="N400550" s="10"/>
    </row>
    <row r="400551" spans="14:14">
      <c r="N400551" s="10"/>
    </row>
    <row r="400552" spans="14:14">
      <c r="N400552" s="10"/>
    </row>
    <row r="400553" spans="14:14">
      <c r="N400553" s="10"/>
    </row>
    <row r="400554" spans="14:14">
      <c r="N400554" s="10"/>
    </row>
    <row r="400555" spans="14:14">
      <c r="N400555" s="10"/>
    </row>
    <row r="400556" spans="14:14">
      <c r="N400556" s="10"/>
    </row>
    <row r="400557" spans="14:14">
      <c r="N400557" s="10"/>
    </row>
    <row r="400558" spans="14:14">
      <c r="N400558" s="10"/>
    </row>
    <row r="400559" spans="14:14">
      <c r="N400559" s="10"/>
    </row>
    <row r="400560" spans="14:14">
      <c r="N400560" s="10"/>
    </row>
    <row r="400561" spans="14:14">
      <c r="N400561" s="10"/>
    </row>
    <row r="400562" spans="14:14">
      <c r="N400562" s="10"/>
    </row>
    <row r="400563" spans="14:14">
      <c r="N400563" s="10"/>
    </row>
    <row r="400564" spans="14:14">
      <c r="N400564" s="10"/>
    </row>
    <row r="400565" spans="14:14">
      <c r="N400565" s="10"/>
    </row>
    <row r="400566" spans="14:14">
      <c r="N400566" s="10"/>
    </row>
    <row r="400567" spans="14:14">
      <c r="N400567" s="10"/>
    </row>
    <row r="400568" spans="14:14">
      <c r="N400568" s="10"/>
    </row>
    <row r="400569" spans="14:14">
      <c r="N400569" s="10"/>
    </row>
    <row r="400570" spans="14:14">
      <c r="N400570" s="10"/>
    </row>
    <row r="400571" spans="14:14">
      <c r="N400571" s="10"/>
    </row>
    <row r="400572" spans="14:14">
      <c r="N400572" s="10"/>
    </row>
    <row r="400573" spans="14:14">
      <c r="N400573" s="10"/>
    </row>
    <row r="400574" spans="14:14">
      <c r="N400574" s="10"/>
    </row>
    <row r="400575" spans="14:14">
      <c r="N400575" s="10"/>
    </row>
    <row r="400576" spans="14:14">
      <c r="N400576" s="10"/>
    </row>
    <row r="400577" spans="14:14">
      <c r="N400577" s="10"/>
    </row>
    <row r="400578" spans="14:14">
      <c r="N400578" s="10"/>
    </row>
    <row r="400579" spans="14:14">
      <c r="N400579" s="10"/>
    </row>
    <row r="400580" spans="14:14">
      <c r="N400580" s="10"/>
    </row>
    <row r="400581" spans="14:14">
      <c r="N400581" s="10"/>
    </row>
    <row r="400582" spans="14:14">
      <c r="N400582" s="10"/>
    </row>
    <row r="400583" spans="14:14">
      <c r="N400583" s="10"/>
    </row>
    <row r="400584" spans="14:14">
      <c r="N400584" s="10"/>
    </row>
    <row r="400585" spans="14:14">
      <c r="N400585" s="10"/>
    </row>
    <row r="400586" spans="14:14">
      <c r="N400586" s="10"/>
    </row>
    <row r="400587" spans="14:14">
      <c r="N400587" s="10"/>
    </row>
    <row r="400588" spans="14:14">
      <c r="N400588" s="10"/>
    </row>
    <row r="400589" spans="14:14">
      <c r="N400589" s="10"/>
    </row>
    <row r="400590" spans="14:14">
      <c r="N400590" s="10"/>
    </row>
    <row r="400591" spans="14:14">
      <c r="N400591" s="10"/>
    </row>
    <row r="400592" spans="14:14">
      <c r="N400592" s="10"/>
    </row>
    <row r="400593" spans="14:14">
      <c r="N400593" s="10"/>
    </row>
    <row r="400594" spans="14:14">
      <c r="N400594" s="10"/>
    </row>
    <row r="400595" spans="14:14">
      <c r="N400595" s="10"/>
    </row>
    <row r="400596" spans="14:14">
      <c r="N400596" s="10"/>
    </row>
    <row r="400597" spans="14:14">
      <c r="N400597" s="10"/>
    </row>
    <row r="400598" spans="14:14">
      <c r="N400598" s="10"/>
    </row>
    <row r="400599" spans="14:14">
      <c r="N400599" s="10"/>
    </row>
    <row r="400600" spans="14:14">
      <c r="N400600" s="10"/>
    </row>
    <row r="400601" spans="14:14">
      <c r="N400601" s="10"/>
    </row>
    <row r="400602" spans="14:14">
      <c r="N400602" s="10"/>
    </row>
    <row r="400603" spans="14:14">
      <c r="N400603" s="10"/>
    </row>
    <row r="400604" spans="14:14">
      <c r="N400604" s="10"/>
    </row>
    <row r="400605" spans="14:14">
      <c r="N400605" s="10"/>
    </row>
    <row r="400606" spans="14:14">
      <c r="N400606" s="10"/>
    </row>
    <row r="400607" spans="14:14">
      <c r="N400607" s="10"/>
    </row>
    <row r="400608" spans="14:14">
      <c r="N400608" s="10"/>
    </row>
    <row r="400609" spans="14:14">
      <c r="N400609" s="10"/>
    </row>
    <row r="400610" spans="14:14">
      <c r="N400610" s="10"/>
    </row>
    <row r="400611" spans="14:14">
      <c r="N400611" s="10"/>
    </row>
    <row r="400612" spans="14:14">
      <c r="N400612" s="10"/>
    </row>
    <row r="400613" spans="14:14">
      <c r="N400613" s="10"/>
    </row>
    <row r="400614" spans="14:14">
      <c r="N400614" s="10"/>
    </row>
    <row r="400615" spans="14:14">
      <c r="N400615" s="10"/>
    </row>
    <row r="400616" spans="14:14">
      <c r="N400616" s="10"/>
    </row>
    <row r="400617" spans="14:14">
      <c r="N400617" s="10"/>
    </row>
    <row r="400618" spans="14:14">
      <c r="N400618" s="10"/>
    </row>
    <row r="400619" spans="14:14">
      <c r="N400619" s="10"/>
    </row>
    <row r="400620" spans="14:14">
      <c r="N400620" s="10"/>
    </row>
    <row r="400621" spans="14:14">
      <c r="N400621" s="10"/>
    </row>
    <row r="400622" spans="14:14">
      <c r="N400622" s="10"/>
    </row>
    <row r="400623" spans="14:14">
      <c r="N400623" s="10"/>
    </row>
    <row r="400624" spans="14:14">
      <c r="N400624" s="10"/>
    </row>
    <row r="400625" spans="14:14">
      <c r="N400625" s="10"/>
    </row>
    <row r="400626" spans="14:14">
      <c r="N400626" s="10"/>
    </row>
    <row r="400627" spans="14:14">
      <c r="N400627" s="10"/>
    </row>
    <row r="400628" spans="14:14">
      <c r="N400628" s="10"/>
    </row>
    <row r="400629" spans="14:14">
      <c r="N400629" s="10"/>
    </row>
    <row r="400630" spans="14:14">
      <c r="N400630" s="10"/>
    </row>
    <row r="400631" spans="14:14">
      <c r="N400631" s="10"/>
    </row>
    <row r="400632" spans="14:14">
      <c r="N400632" s="10"/>
    </row>
    <row r="400633" spans="14:14">
      <c r="N400633" s="10"/>
    </row>
    <row r="400634" spans="14:14">
      <c r="N400634" s="10"/>
    </row>
    <row r="400635" spans="14:14">
      <c r="N400635" s="10"/>
    </row>
    <row r="400636" spans="14:14">
      <c r="N400636" s="10"/>
    </row>
    <row r="400637" spans="14:14">
      <c r="N400637" s="10"/>
    </row>
    <row r="400638" spans="14:14">
      <c r="N400638" s="10"/>
    </row>
    <row r="400639" spans="14:14">
      <c r="N400639" s="10"/>
    </row>
    <row r="400640" spans="14:14">
      <c r="N400640" s="10"/>
    </row>
    <row r="400641" spans="14:14">
      <c r="N400641" s="10"/>
    </row>
    <row r="400642" spans="14:14">
      <c r="N400642" s="10"/>
    </row>
    <row r="400643" spans="14:14">
      <c r="N400643" s="10"/>
    </row>
    <row r="400644" spans="14:14">
      <c r="N400644" s="10"/>
    </row>
    <row r="400645" spans="14:14">
      <c r="N400645" s="10"/>
    </row>
    <row r="400646" spans="14:14">
      <c r="N400646" s="10"/>
    </row>
    <row r="400647" spans="14:14">
      <c r="N400647" s="10"/>
    </row>
    <row r="400648" spans="14:14">
      <c r="N400648" s="10"/>
    </row>
    <row r="400649" spans="14:14">
      <c r="N400649" s="10"/>
    </row>
    <row r="400650" spans="14:14">
      <c r="N400650" s="10"/>
    </row>
    <row r="400651" spans="14:14">
      <c r="N400651" s="10"/>
    </row>
    <row r="400652" spans="14:14">
      <c r="N400652" s="10"/>
    </row>
    <row r="400653" spans="14:14">
      <c r="N400653" s="10"/>
    </row>
    <row r="400654" spans="14:14">
      <c r="N400654" s="10"/>
    </row>
    <row r="400655" spans="14:14">
      <c r="N400655" s="10"/>
    </row>
    <row r="400656" spans="14:14">
      <c r="N400656" s="10"/>
    </row>
    <row r="400657" spans="14:14">
      <c r="N400657" s="10"/>
    </row>
    <row r="400658" spans="14:14">
      <c r="N400658" s="10"/>
    </row>
    <row r="400659" spans="14:14">
      <c r="N400659" s="10"/>
    </row>
    <row r="400660" spans="14:14">
      <c r="N400660" s="10"/>
    </row>
    <row r="400661" spans="14:14">
      <c r="N400661" s="10"/>
    </row>
    <row r="400662" spans="14:14">
      <c r="N400662" s="10"/>
    </row>
    <row r="400663" spans="14:14">
      <c r="N400663" s="10"/>
    </row>
    <row r="400664" spans="14:14">
      <c r="N400664" s="10"/>
    </row>
    <row r="400665" spans="14:14">
      <c r="N400665" s="10"/>
    </row>
    <row r="400666" spans="14:14">
      <c r="N400666" s="10"/>
    </row>
    <row r="400667" spans="14:14">
      <c r="N400667" s="10"/>
    </row>
    <row r="400668" spans="14:14">
      <c r="N400668" s="10"/>
    </row>
    <row r="400669" spans="14:14">
      <c r="N400669" s="10"/>
    </row>
    <row r="400670" spans="14:14">
      <c r="N400670" s="10"/>
    </row>
    <row r="400671" spans="14:14">
      <c r="N400671" s="10"/>
    </row>
    <row r="400672" spans="14:14">
      <c r="N400672" s="10"/>
    </row>
    <row r="400673" spans="14:14">
      <c r="N400673" s="10"/>
    </row>
    <row r="400674" spans="14:14">
      <c r="N400674" s="10"/>
    </row>
    <row r="400675" spans="14:14">
      <c r="N400675" s="10"/>
    </row>
    <row r="400676" spans="14:14">
      <c r="N400676" s="10"/>
    </row>
    <row r="400677" spans="14:14">
      <c r="N400677" s="10"/>
    </row>
    <row r="400678" spans="14:14">
      <c r="N400678" s="10"/>
    </row>
    <row r="400679" spans="14:14">
      <c r="N400679" s="10"/>
    </row>
    <row r="400680" spans="14:14">
      <c r="N400680" s="10"/>
    </row>
    <row r="400681" spans="14:14">
      <c r="N400681" s="10"/>
    </row>
    <row r="400682" spans="14:14">
      <c r="N400682" s="10"/>
    </row>
    <row r="400683" spans="14:14">
      <c r="N400683" s="10"/>
    </row>
    <row r="400684" spans="14:14">
      <c r="N400684" s="10"/>
    </row>
    <row r="400685" spans="14:14">
      <c r="N400685" s="10"/>
    </row>
    <row r="400686" spans="14:14">
      <c r="N400686" s="10"/>
    </row>
    <row r="400687" spans="14:14">
      <c r="N400687" s="10"/>
    </row>
    <row r="400688" spans="14:14">
      <c r="N400688" s="10"/>
    </row>
    <row r="400689" spans="14:14">
      <c r="N400689" s="10"/>
    </row>
    <row r="400690" spans="14:14">
      <c r="N400690" s="10"/>
    </row>
    <row r="400691" spans="14:14">
      <c r="N400691" s="10"/>
    </row>
    <row r="400692" spans="14:14">
      <c r="N400692" s="10"/>
    </row>
    <row r="400693" spans="14:14">
      <c r="N400693" s="10"/>
    </row>
    <row r="400694" spans="14:14">
      <c r="N400694" s="10"/>
    </row>
    <row r="400695" spans="14:14">
      <c r="N400695" s="10"/>
    </row>
    <row r="400696" spans="14:14">
      <c r="N400696" s="10"/>
    </row>
    <row r="400697" spans="14:14">
      <c r="N400697" s="10"/>
    </row>
    <row r="400698" spans="14:14">
      <c r="N400698" s="10"/>
    </row>
    <row r="400699" spans="14:14">
      <c r="N400699" s="10"/>
    </row>
    <row r="400700" spans="14:14">
      <c r="N400700" s="10"/>
    </row>
    <row r="400701" spans="14:14">
      <c r="N400701" s="10"/>
    </row>
    <row r="400702" spans="14:14">
      <c r="N400702" s="10"/>
    </row>
    <row r="400703" spans="14:14">
      <c r="N400703" s="10"/>
    </row>
    <row r="400704" spans="14:14">
      <c r="N400704" s="10"/>
    </row>
    <row r="400705" spans="14:14">
      <c r="N400705" s="10"/>
    </row>
    <row r="400706" spans="14:14">
      <c r="N400706" s="10"/>
    </row>
    <row r="400707" spans="14:14">
      <c r="N400707" s="10"/>
    </row>
    <row r="400708" spans="14:14">
      <c r="N400708" s="10"/>
    </row>
    <row r="400709" spans="14:14">
      <c r="N400709" s="10"/>
    </row>
    <row r="400710" spans="14:14">
      <c r="N400710" s="10"/>
    </row>
    <row r="400711" spans="14:14">
      <c r="N400711" s="10"/>
    </row>
    <row r="400712" spans="14:14">
      <c r="N400712" s="10"/>
    </row>
    <row r="400713" spans="14:14">
      <c r="N400713" s="10"/>
    </row>
    <row r="400714" spans="14:14">
      <c r="N400714" s="10"/>
    </row>
    <row r="400715" spans="14:14">
      <c r="N400715" s="10"/>
    </row>
    <row r="400716" spans="14:14">
      <c r="N400716" s="10"/>
    </row>
    <row r="400717" spans="14:14">
      <c r="N400717" s="10"/>
    </row>
    <row r="400718" spans="14:14">
      <c r="N400718" s="10"/>
    </row>
    <row r="400719" spans="14:14">
      <c r="N400719" s="10"/>
    </row>
    <row r="400720" spans="14:14">
      <c r="N400720" s="10"/>
    </row>
    <row r="400721" spans="14:14">
      <c r="N400721" s="10"/>
    </row>
    <row r="400722" spans="14:14">
      <c r="N400722" s="10"/>
    </row>
    <row r="400723" spans="14:14">
      <c r="N400723" s="10"/>
    </row>
    <row r="400724" spans="14:14">
      <c r="N400724" s="10"/>
    </row>
    <row r="400725" spans="14:14">
      <c r="N400725" s="10"/>
    </row>
    <row r="400726" spans="14:14">
      <c r="N400726" s="10"/>
    </row>
    <row r="400727" spans="14:14">
      <c r="N400727" s="10"/>
    </row>
    <row r="400728" spans="14:14">
      <c r="N400728" s="10"/>
    </row>
    <row r="400729" spans="14:14">
      <c r="N400729" s="10"/>
    </row>
    <row r="400730" spans="14:14">
      <c r="N400730" s="10"/>
    </row>
    <row r="400731" spans="14:14">
      <c r="N400731" s="10"/>
    </row>
    <row r="400732" spans="14:14">
      <c r="N400732" s="10"/>
    </row>
    <row r="400733" spans="14:14">
      <c r="N400733" s="10"/>
    </row>
    <row r="400734" spans="14:14">
      <c r="N400734" s="10"/>
    </row>
    <row r="400735" spans="14:14">
      <c r="N400735" s="10"/>
    </row>
    <row r="400736" spans="14:14">
      <c r="N400736" s="10"/>
    </row>
    <row r="400737" spans="14:14">
      <c r="N400737" s="10"/>
    </row>
    <row r="400738" spans="14:14">
      <c r="N400738" s="10"/>
    </row>
    <row r="400739" spans="14:14">
      <c r="N400739" s="10"/>
    </row>
    <row r="400740" spans="14:14">
      <c r="N400740" s="10"/>
    </row>
    <row r="400741" spans="14:14">
      <c r="N400741" s="10"/>
    </row>
    <row r="400742" spans="14:14">
      <c r="N400742" s="10"/>
    </row>
    <row r="400743" spans="14:14">
      <c r="N400743" s="10"/>
    </row>
    <row r="400744" spans="14:14">
      <c r="N400744" s="10"/>
    </row>
    <row r="400745" spans="14:14">
      <c r="N400745" s="10"/>
    </row>
    <row r="400746" spans="14:14">
      <c r="N400746" s="10"/>
    </row>
    <row r="400747" spans="14:14">
      <c r="N400747" s="10"/>
    </row>
    <row r="400748" spans="14:14">
      <c r="N400748" s="10"/>
    </row>
    <row r="400749" spans="14:14">
      <c r="N400749" s="10"/>
    </row>
    <row r="400750" spans="14:14">
      <c r="N400750" s="10"/>
    </row>
    <row r="400751" spans="14:14">
      <c r="N400751" s="10"/>
    </row>
    <row r="400752" spans="14:14">
      <c r="N400752" s="10"/>
    </row>
    <row r="400753" spans="14:14">
      <c r="N400753" s="10"/>
    </row>
    <row r="400754" spans="14:14">
      <c r="N400754" s="10"/>
    </row>
    <row r="400755" spans="14:14">
      <c r="N400755" s="10"/>
    </row>
    <row r="400756" spans="14:14">
      <c r="N400756" s="10"/>
    </row>
    <row r="400757" spans="14:14">
      <c r="N400757" s="10"/>
    </row>
    <row r="400758" spans="14:14">
      <c r="N400758" s="10"/>
    </row>
    <row r="400759" spans="14:14">
      <c r="N400759" s="10"/>
    </row>
    <row r="400760" spans="14:14">
      <c r="N400760" s="10"/>
    </row>
    <row r="400761" spans="14:14">
      <c r="N400761" s="10"/>
    </row>
    <row r="400762" spans="14:14">
      <c r="N400762" s="10"/>
    </row>
    <row r="400763" spans="14:14">
      <c r="N400763" s="10"/>
    </row>
    <row r="400764" spans="14:14">
      <c r="N400764" s="10"/>
    </row>
    <row r="400765" spans="14:14">
      <c r="N400765" s="10"/>
    </row>
    <row r="400766" spans="14:14">
      <c r="N400766" s="10"/>
    </row>
    <row r="400767" spans="14:14">
      <c r="N400767" s="10"/>
    </row>
    <row r="400768" spans="14:14">
      <c r="N400768" s="10"/>
    </row>
    <row r="400769" spans="14:14">
      <c r="N400769" s="10"/>
    </row>
    <row r="400770" spans="14:14">
      <c r="N400770" s="10"/>
    </row>
    <row r="400771" spans="14:14">
      <c r="N400771" s="10"/>
    </row>
    <row r="400772" spans="14:14">
      <c r="N400772" s="10"/>
    </row>
    <row r="400773" spans="14:14">
      <c r="N400773" s="10"/>
    </row>
    <row r="400774" spans="14:14">
      <c r="N400774" s="10"/>
    </row>
    <row r="400775" spans="14:14">
      <c r="N400775" s="10"/>
    </row>
    <row r="400776" spans="14:14">
      <c r="N400776" s="10"/>
    </row>
    <row r="400777" spans="14:14">
      <c r="N400777" s="10"/>
    </row>
    <row r="400778" spans="14:14">
      <c r="N400778" s="10"/>
    </row>
    <row r="400779" spans="14:14">
      <c r="N400779" s="10"/>
    </row>
    <row r="400780" spans="14:14">
      <c r="N400780" s="10"/>
    </row>
    <row r="400781" spans="14:14">
      <c r="N400781" s="10"/>
    </row>
    <row r="400782" spans="14:14">
      <c r="N400782" s="10"/>
    </row>
    <row r="400783" spans="14:14">
      <c r="N400783" s="10"/>
    </row>
    <row r="400784" spans="14:14">
      <c r="N400784" s="10"/>
    </row>
    <row r="400785" spans="14:14">
      <c r="N400785" s="10"/>
    </row>
    <row r="400786" spans="14:14">
      <c r="N400786" s="10"/>
    </row>
    <row r="400787" spans="14:14">
      <c r="N400787" s="10"/>
    </row>
    <row r="400788" spans="14:14">
      <c r="N400788" s="10"/>
    </row>
    <row r="400789" spans="14:14">
      <c r="N400789" s="10"/>
    </row>
    <row r="400790" spans="14:14">
      <c r="N400790" s="10"/>
    </row>
    <row r="400791" spans="14:14">
      <c r="N400791" s="10"/>
    </row>
    <row r="400792" spans="14:14">
      <c r="N400792" s="10"/>
    </row>
    <row r="400793" spans="14:14">
      <c r="N400793" s="10"/>
    </row>
    <row r="400794" spans="14:14">
      <c r="N400794" s="10"/>
    </row>
    <row r="400795" spans="14:14">
      <c r="N400795" s="10"/>
    </row>
    <row r="400796" spans="14:14">
      <c r="N400796" s="10"/>
    </row>
    <row r="400797" spans="14:14">
      <c r="N400797" s="10"/>
    </row>
    <row r="400798" spans="14:14">
      <c r="N400798" s="10"/>
    </row>
    <row r="400799" spans="14:14">
      <c r="N400799" s="10"/>
    </row>
    <row r="400800" spans="14:14">
      <c r="N400800" s="10"/>
    </row>
    <row r="400801" spans="14:14">
      <c r="N400801" s="10"/>
    </row>
    <row r="400802" spans="14:14">
      <c r="N400802" s="10"/>
    </row>
    <row r="400803" spans="14:14">
      <c r="N400803" s="10"/>
    </row>
    <row r="400804" spans="14:14">
      <c r="N400804" s="10"/>
    </row>
    <row r="400805" spans="14:14">
      <c r="N400805" s="10"/>
    </row>
    <row r="400806" spans="14:14">
      <c r="N400806" s="10"/>
    </row>
    <row r="400807" spans="14:14">
      <c r="N400807" s="10"/>
    </row>
    <row r="400808" spans="14:14">
      <c r="N400808" s="10"/>
    </row>
    <row r="400809" spans="14:14">
      <c r="N400809" s="10"/>
    </row>
    <row r="400810" spans="14:14">
      <c r="N400810" s="10"/>
    </row>
    <row r="400811" spans="14:14">
      <c r="N400811" s="10"/>
    </row>
    <row r="400812" spans="14:14">
      <c r="N400812" s="10"/>
    </row>
    <row r="400813" spans="14:14">
      <c r="N400813" s="10"/>
    </row>
    <row r="400814" spans="14:14">
      <c r="N400814" s="10"/>
    </row>
    <row r="400815" spans="14:14">
      <c r="N400815" s="10"/>
    </row>
    <row r="400816" spans="14:14">
      <c r="N400816" s="10"/>
    </row>
    <row r="400817" spans="14:14">
      <c r="N400817" s="10"/>
    </row>
    <row r="400818" spans="14:14">
      <c r="N400818" s="10"/>
    </row>
    <row r="400819" spans="14:14">
      <c r="N400819" s="10"/>
    </row>
    <row r="400820" spans="14:14">
      <c r="N400820" s="10"/>
    </row>
    <row r="400821" spans="14:14">
      <c r="N400821" s="10"/>
    </row>
    <row r="400822" spans="14:14">
      <c r="N400822" s="10"/>
    </row>
    <row r="400823" spans="14:14">
      <c r="N400823" s="10"/>
    </row>
    <row r="400824" spans="14:14">
      <c r="N400824" s="10"/>
    </row>
    <row r="400825" spans="14:14">
      <c r="N400825" s="10"/>
    </row>
    <row r="400826" spans="14:14">
      <c r="N400826" s="10"/>
    </row>
    <row r="400827" spans="14:14">
      <c r="N400827" s="10"/>
    </row>
    <row r="400828" spans="14:14">
      <c r="N400828" s="10"/>
    </row>
    <row r="400829" spans="14:14">
      <c r="N400829" s="10"/>
    </row>
    <row r="400830" spans="14:14">
      <c r="N400830" s="10"/>
    </row>
    <row r="400831" spans="14:14">
      <c r="N400831" s="10"/>
    </row>
    <row r="400832" spans="14:14">
      <c r="N400832" s="10"/>
    </row>
    <row r="400833" spans="14:14">
      <c r="N400833" s="10"/>
    </row>
    <row r="400834" spans="14:14">
      <c r="N400834" s="10"/>
    </row>
    <row r="400835" spans="14:14">
      <c r="N400835" s="10"/>
    </row>
    <row r="400836" spans="14:14">
      <c r="N400836" s="10"/>
    </row>
    <row r="400837" spans="14:14">
      <c r="N400837" s="10"/>
    </row>
    <row r="400838" spans="14:14">
      <c r="N400838" s="10"/>
    </row>
    <row r="400839" spans="14:14">
      <c r="N400839" s="10"/>
    </row>
    <row r="400840" spans="14:14">
      <c r="N400840" s="10"/>
    </row>
    <row r="400841" spans="14:14">
      <c r="N400841" s="10"/>
    </row>
    <row r="400842" spans="14:14">
      <c r="N400842" s="10"/>
    </row>
    <row r="400843" spans="14:14">
      <c r="N400843" s="10"/>
    </row>
    <row r="400844" spans="14:14">
      <c r="N400844" s="10"/>
    </row>
    <row r="400845" spans="14:14">
      <c r="N400845" s="10"/>
    </row>
    <row r="400846" spans="14:14">
      <c r="N400846" s="10"/>
    </row>
    <row r="400847" spans="14:14">
      <c r="N400847" s="10"/>
    </row>
    <row r="400848" spans="14:14">
      <c r="N400848" s="10"/>
    </row>
    <row r="400849" spans="14:14">
      <c r="N400849" s="10"/>
    </row>
    <row r="400850" spans="14:14">
      <c r="N400850" s="10"/>
    </row>
    <row r="400851" spans="14:14">
      <c r="N400851" s="10"/>
    </row>
    <row r="400852" spans="14:14">
      <c r="N400852" s="10"/>
    </row>
    <row r="400853" spans="14:14">
      <c r="N400853" s="10"/>
    </row>
    <row r="400854" spans="14:14">
      <c r="N400854" s="10"/>
    </row>
    <row r="400855" spans="14:14">
      <c r="N400855" s="10"/>
    </row>
    <row r="400856" spans="14:14">
      <c r="N400856" s="10"/>
    </row>
    <row r="400857" spans="14:14">
      <c r="N400857" s="10"/>
    </row>
    <row r="400858" spans="14:14">
      <c r="N400858" s="10"/>
    </row>
    <row r="400859" spans="14:14">
      <c r="N400859" s="10"/>
    </row>
    <row r="400860" spans="14:14">
      <c r="N400860" s="10"/>
    </row>
    <row r="400861" spans="14:14">
      <c r="N400861" s="10"/>
    </row>
    <row r="400862" spans="14:14">
      <c r="N400862" s="10"/>
    </row>
    <row r="400863" spans="14:14">
      <c r="N400863" s="10"/>
    </row>
    <row r="400864" spans="14:14">
      <c r="N400864" s="10"/>
    </row>
    <row r="400865" spans="14:14">
      <c r="N400865" s="10"/>
    </row>
    <row r="400866" spans="14:14">
      <c r="N400866" s="10"/>
    </row>
    <row r="400867" spans="14:14">
      <c r="N400867" s="10"/>
    </row>
    <row r="400868" spans="14:14">
      <c r="N400868" s="10"/>
    </row>
    <row r="400869" spans="14:14">
      <c r="N400869" s="10"/>
    </row>
    <row r="400870" spans="14:14">
      <c r="N400870" s="10"/>
    </row>
    <row r="400871" spans="14:14">
      <c r="N400871" s="10"/>
    </row>
    <row r="400872" spans="14:14">
      <c r="N400872" s="10"/>
    </row>
    <row r="400873" spans="14:14">
      <c r="N400873" s="10"/>
    </row>
    <row r="400874" spans="14:14">
      <c r="N400874" s="10"/>
    </row>
    <row r="400875" spans="14:14">
      <c r="N400875" s="10"/>
    </row>
    <row r="400876" spans="14:14">
      <c r="N400876" s="10"/>
    </row>
    <row r="400877" spans="14:14">
      <c r="N400877" s="10"/>
    </row>
    <row r="400878" spans="14:14">
      <c r="N400878" s="10"/>
    </row>
    <row r="400879" spans="14:14">
      <c r="N400879" s="10"/>
    </row>
    <row r="400880" spans="14:14">
      <c r="N400880" s="10"/>
    </row>
    <row r="400881" spans="14:14">
      <c r="N400881" s="10"/>
    </row>
    <row r="400882" spans="14:14">
      <c r="N400882" s="10"/>
    </row>
    <row r="400883" spans="14:14">
      <c r="N400883" s="10"/>
    </row>
    <row r="400884" spans="14:14">
      <c r="N400884" s="10"/>
    </row>
    <row r="400885" spans="14:14">
      <c r="N400885" s="10"/>
    </row>
    <row r="400886" spans="14:14">
      <c r="N400886" s="10"/>
    </row>
    <row r="400887" spans="14:14">
      <c r="N400887" s="10"/>
    </row>
    <row r="400888" spans="14:14">
      <c r="N400888" s="10"/>
    </row>
    <row r="400889" spans="14:14">
      <c r="N400889" s="10"/>
    </row>
    <row r="400890" spans="14:14">
      <c r="N400890" s="10"/>
    </row>
    <row r="400891" spans="14:14">
      <c r="N400891" s="10"/>
    </row>
    <row r="400892" spans="14:14">
      <c r="N400892" s="10"/>
    </row>
    <row r="400893" spans="14:14">
      <c r="N400893" s="10"/>
    </row>
    <row r="400894" spans="14:14">
      <c r="N400894" s="10"/>
    </row>
    <row r="400895" spans="14:14">
      <c r="N400895" s="10"/>
    </row>
    <row r="400896" spans="14:14">
      <c r="N400896" s="10"/>
    </row>
    <row r="400897" spans="14:14">
      <c r="N400897" s="10"/>
    </row>
    <row r="400898" spans="14:14">
      <c r="N400898" s="10"/>
    </row>
    <row r="400899" spans="14:14">
      <c r="N400899" s="10"/>
    </row>
    <row r="400900" spans="14:14">
      <c r="N400900" s="10"/>
    </row>
    <row r="400901" spans="14:14">
      <c r="N400901" s="10"/>
    </row>
    <row r="400902" spans="14:14">
      <c r="N400902" s="10"/>
    </row>
    <row r="400903" spans="14:14">
      <c r="N400903" s="10"/>
    </row>
    <row r="400904" spans="14:14">
      <c r="N400904" s="10"/>
    </row>
    <row r="400905" spans="14:14">
      <c r="N400905" s="10"/>
    </row>
    <row r="400906" spans="14:14">
      <c r="N400906" s="10"/>
    </row>
    <row r="400907" spans="14:14">
      <c r="N400907" s="10"/>
    </row>
    <row r="400908" spans="14:14">
      <c r="N400908" s="10"/>
    </row>
    <row r="400909" spans="14:14">
      <c r="N400909" s="10"/>
    </row>
    <row r="400910" spans="14:14">
      <c r="N400910" s="10"/>
    </row>
    <row r="400911" spans="14:14">
      <c r="N400911" s="10"/>
    </row>
    <row r="400912" spans="14:14">
      <c r="N400912" s="10"/>
    </row>
    <row r="400913" spans="14:14">
      <c r="N400913" s="10"/>
    </row>
    <row r="400914" spans="14:14">
      <c r="N400914" s="10"/>
    </row>
    <row r="400915" spans="14:14">
      <c r="N400915" s="10"/>
    </row>
    <row r="400916" spans="14:14">
      <c r="N400916" s="10"/>
    </row>
    <row r="400917" spans="14:14">
      <c r="N400917" s="10"/>
    </row>
    <row r="400918" spans="14:14">
      <c r="N400918" s="10"/>
    </row>
    <row r="400919" spans="14:14">
      <c r="N400919" s="10"/>
    </row>
    <row r="400920" spans="14:14">
      <c r="N400920" s="10"/>
    </row>
    <row r="400921" spans="14:14">
      <c r="N400921" s="10"/>
    </row>
    <row r="400922" spans="14:14">
      <c r="N400922" s="10"/>
    </row>
    <row r="400923" spans="14:14">
      <c r="N400923" s="10"/>
    </row>
    <row r="400924" spans="14:14">
      <c r="N400924" s="10"/>
    </row>
    <row r="400925" spans="14:14">
      <c r="N400925" s="10"/>
    </row>
    <row r="400926" spans="14:14">
      <c r="N400926" s="10"/>
    </row>
    <row r="400927" spans="14:14">
      <c r="N400927" s="10"/>
    </row>
    <row r="400928" spans="14:14">
      <c r="N400928" s="10"/>
    </row>
    <row r="400929" spans="14:14">
      <c r="N400929" s="10"/>
    </row>
    <row r="400930" spans="14:14">
      <c r="N400930" s="10"/>
    </row>
    <row r="400931" spans="14:14">
      <c r="N400931" s="10"/>
    </row>
    <row r="400932" spans="14:14">
      <c r="N400932" s="10"/>
    </row>
    <row r="400933" spans="14:14">
      <c r="N400933" s="10"/>
    </row>
    <row r="400934" spans="14:14">
      <c r="N400934" s="10"/>
    </row>
    <row r="400935" spans="14:14">
      <c r="N400935" s="10"/>
    </row>
    <row r="400936" spans="14:14">
      <c r="N400936" s="10"/>
    </row>
    <row r="400937" spans="14:14">
      <c r="N400937" s="10"/>
    </row>
    <row r="400938" spans="14:14">
      <c r="N400938" s="10"/>
    </row>
    <row r="400939" spans="14:14">
      <c r="N400939" s="10"/>
    </row>
    <row r="400940" spans="14:14">
      <c r="N400940" s="10"/>
    </row>
    <row r="400941" spans="14:14">
      <c r="N400941" s="10"/>
    </row>
    <row r="400942" spans="14:14">
      <c r="N400942" s="10"/>
    </row>
    <row r="400943" spans="14:14">
      <c r="N400943" s="10"/>
    </row>
    <row r="400944" spans="14:14">
      <c r="N400944" s="10"/>
    </row>
    <row r="400945" spans="14:14">
      <c r="N400945" s="10"/>
    </row>
    <row r="400946" spans="14:14">
      <c r="N400946" s="10"/>
    </row>
    <row r="400947" spans="14:14">
      <c r="N400947" s="10"/>
    </row>
    <row r="400948" spans="14:14">
      <c r="N400948" s="10"/>
    </row>
    <row r="400949" spans="14:14">
      <c r="N400949" s="10"/>
    </row>
    <row r="400950" spans="14:14">
      <c r="N400950" s="10"/>
    </row>
    <row r="400951" spans="14:14">
      <c r="N400951" s="10"/>
    </row>
    <row r="400952" spans="14:14">
      <c r="N400952" s="10"/>
    </row>
    <row r="400953" spans="14:14">
      <c r="N400953" s="10"/>
    </row>
    <row r="400954" spans="14:14">
      <c r="N400954" s="10"/>
    </row>
    <row r="400955" spans="14:14">
      <c r="N400955" s="10"/>
    </row>
    <row r="400956" spans="14:14">
      <c r="N400956" s="10"/>
    </row>
    <row r="400957" spans="14:14">
      <c r="N400957" s="10"/>
    </row>
    <row r="400958" spans="14:14">
      <c r="N400958" s="10"/>
    </row>
    <row r="400959" spans="14:14">
      <c r="N400959" s="10"/>
    </row>
    <row r="400960" spans="14:14">
      <c r="N400960" s="10"/>
    </row>
    <row r="400961" spans="14:14">
      <c r="N400961" s="10"/>
    </row>
    <row r="400962" spans="14:14">
      <c r="N400962" s="10"/>
    </row>
    <row r="400963" spans="14:14">
      <c r="N400963" s="10"/>
    </row>
    <row r="400964" spans="14:14">
      <c r="N400964" s="10"/>
    </row>
    <row r="400965" spans="14:14">
      <c r="N400965" s="10"/>
    </row>
    <row r="400966" spans="14:14">
      <c r="N400966" s="10"/>
    </row>
    <row r="400967" spans="14:14">
      <c r="N400967" s="10"/>
    </row>
    <row r="400968" spans="14:14">
      <c r="N400968" s="10"/>
    </row>
    <row r="400969" spans="14:14">
      <c r="N400969" s="10"/>
    </row>
    <row r="400970" spans="14:14">
      <c r="N400970" s="10"/>
    </row>
    <row r="400971" spans="14:14">
      <c r="N400971" s="10"/>
    </row>
    <row r="400972" spans="14:14">
      <c r="N400972" s="10"/>
    </row>
    <row r="400973" spans="14:14">
      <c r="N400973" s="10"/>
    </row>
    <row r="400974" spans="14:14">
      <c r="N400974" s="10"/>
    </row>
    <row r="400975" spans="14:14">
      <c r="N400975" s="10"/>
    </row>
    <row r="400976" spans="14:14">
      <c r="N400976" s="10"/>
    </row>
    <row r="400977" spans="14:14">
      <c r="N400977" s="10"/>
    </row>
    <row r="400978" spans="14:14">
      <c r="N400978" s="10"/>
    </row>
    <row r="400979" spans="14:14">
      <c r="N400979" s="10"/>
    </row>
    <row r="400980" spans="14:14">
      <c r="N400980" s="10"/>
    </row>
    <row r="400981" spans="14:14">
      <c r="N400981" s="10"/>
    </row>
    <row r="400982" spans="14:14">
      <c r="N400982" s="10"/>
    </row>
    <row r="400983" spans="14:14">
      <c r="N400983" s="10"/>
    </row>
    <row r="400984" spans="14:14">
      <c r="N400984" s="10"/>
    </row>
    <row r="400985" spans="14:14">
      <c r="N400985" s="10"/>
    </row>
    <row r="400986" spans="14:14">
      <c r="N400986" s="10"/>
    </row>
    <row r="400987" spans="14:14">
      <c r="N400987" s="10"/>
    </row>
    <row r="400988" spans="14:14">
      <c r="N400988" s="10"/>
    </row>
    <row r="400989" spans="14:14">
      <c r="N400989" s="10"/>
    </row>
    <row r="400990" spans="14:14">
      <c r="N400990" s="10"/>
    </row>
    <row r="400991" spans="14:14">
      <c r="N400991" s="10"/>
    </row>
    <row r="400992" spans="14:14">
      <c r="N400992" s="10"/>
    </row>
    <row r="400993" spans="14:14">
      <c r="N400993" s="10"/>
    </row>
    <row r="400994" spans="14:14">
      <c r="N400994" s="10"/>
    </row>
    <row r="400995" spans="14:14">
      <c r="N400995" s="10"/>
    </row>
    <row r="400996" spans="14:14">
      <c r="N400996" s="10"/>
    </row>
    <row r="400997" spans="14:14">
      <c r="N400997" s="10"/>
    </row>
    <row r="400998" spans="14:14">
      <c r="N400998" s="10"/>
    </row>
    <row r="400999" spans="14:14">
      <c r="N400999" s="10"/>
    </row>
    <row r="401000" spans="14:14">
      <c r="N401000" s="10"/>
    </row>
    <row r="401001" spans="14:14">
      <c r="N401001" s="10"/>
    </row>
    <row r="401002" spans="14:14">
      <c r="N401002" s="10"/>
    </row>
    <row r="401003" spans="14:14">
      <c r="N401003" s="10"/>
    </row>
    <row r="401004" spans="14:14">
      <c r="N401004" s="10"/>
    </row>
    <row r="401005" spans="14:14">
      <c r="N401005" s="10"/>
    </row>
    <row r="401006" spans="14:14">
      <c r="N401006" s="10"/>
    </row>
    <row r="401007" spans="14:14">
      <c r="N401007" s="10"/>
    </row>
    <row r="401008" spans="14:14">
      <c r="N401008" s="10"/>
    </row>
    <row r="401009" spans="14:14">
      <c r="N401009" s="10"/>
    </row>
    <row r="401010" spans="14:14">
      <c r="N401010" s="10"/>
    </row>
    <row r="401011" spans="14:14">
      <c r="N401011" s="10"/>
    </row>
    <row r="401012" spans="14:14">
      <c r="N401012" s="10"/>
    </row>
    <row r="401013" spans="14:14">
      <c r="N401013" s="10"/>
    </row>
    <row r="401014" spans="14:14">
      <c r="N401014" s="10"/>
    </row>
    <row r="401015" spans="14:14">
      <c r="N401015" s="10"/>
    </row>
    <row r="401016" spans="14:14">
      <c r="N401016" s="10"/>
    </row>
    <row r="401017" spans="14:14">
      <c r="N401017" s="10"/>
    </row>
    <row r="401018" spans="14:14">
      <c r="N401018" s="10"/>
    </row>
    <row r="401019" spans="14:14">
      <c r="N401019" s="10"/>
    </row>
    <row r="401020" spans="14:14">
      <c r="N401020" s="10"/>
    </row>
    <row r="401021" spans="14:14">
      <c r="N401021" s="10"/>
    </row>
    <row r="401022" spans="14:14">
      <c r="N401022" s="10"/>
    </row>
    <row r="401023" spans="14:14">
      <c r="N401023" s="10"/>
    </row>
    <row r="401024" spans="14:14">
      <c r="N401024" s="10"/>
    </row>
    <row r="401025" spans="14:14">
      <c r="N401025" s="10"/>
    </row>
    <row r="401026" spans="14:14">
      <c r="N401026" s="10"/>
    </row>
    <row r="401027" spans="14:14">
      <c r="N401027" s="10"/>
    </row>
    <row r="401028" spans="14:14">
      <c r="N401028" s="10"/>
    </row>
    <row r="401029" spans="14:14">
      <c r="N401029" s="10"/>
    </row>
    <row r="401030" spans="14:14">
      <c r="N401030" s="10"/>
    </row>
    <row r="401031" spans="14:14">
      <c r="N401031" s="10"/>
    </row>
    <row r="401032" spans="14:14">
      <c r="N401032" s="10"/>
    </row>
    <row r="401033" spans="14:14">
      <c r="N401033" s="10"/>
    </row>
    <row r="401034" spans="14:14">
      <c r="N401034" s="10"/>
    </row>
    <row r="401035" spans="14:14">
      <c r="N401035" s="10"/>
    </row>
    <row r="401036" spans="14:14">
      <c r="N401036" s="10"/>
    </row>
    <row r="401037" spans="14:14">
      <c r="N401037" s="10"/>
    </row>
    <row r="401038" spans="14:14">
      <c r="N401038" s="10"/>
    </row>
    <row r="401039" spans="14:14">
      <c r="N401039" s="10"/>
    </row>
    <row r="401040" spans="14:14">
      <c r="N401040" s="10"/>
    </row>
    <row r="401041" spans="14:14">
      <c r="N401041" s="10"/>
    </row>
    <row r="401042" spans="14:14">
      <c r="N401042" s="10"/>
    </row>
    <row r="401043" spans="14:14">
      <c r="N401043" s="10"/>
    </row>
    <row r="401044" spans="14:14">
      <c r="N401044" s="10"/>
    </row>
    <row r="401045" spans="14:14">
      <c r="N401045" s="10"/>
    </row>
    <row r="401046" spans="14:14">
      <c r="N401046" s="10"/>
    </row>
    <row r="401047" spans="14:14">
      <c r="N401047" s="10"/>
    </row>
    <row r="401048" spans="14:14">
      <c r="N401048" s="10"/>
    </row>
    <row r="401049" spans="14:14">
      <c r="N401049" s="10"/>
    </row>
    <row r="401050" spans="14:14">
      <c r="N401050" s="10"/>
    </row>
    <row r="401051" spans="14:14">
      <c r="N401051" s="10"/>
    </row>
    <row r="401052" spans="14:14">
      <c r="N401052" s="10"/>
    </row>
    <row r="401053" spans="14:14">
      <c r="N401053" s="10"/>
    </row>
    <row r="401054" spans="14:14">
      <c r="N401054" s="10"/>
    </row>
    <row r="401055" spans="14:14">
      <c r="N401055" s="10"/>
    </row>
    <row r="401056" spans="14:14">
      <c r="N401056" s="10"/>
    </row>
    <row r="401057" spans="14:14">
      <c r="N401057" s="10"/>
    </row>
    <row r="401058" spans="14:14">
      <c r="N401058" s="10"/>
    </row>
    <row r="401059" spans="14:14">
      <c r="N401059" s="10"/>
    </row>
    <row r="401060" spans="14:14">
      <c r="N401060" s="10"/>
    </row>
    <row r="401061" spans="14:14">
      <c r="N401061" s="10"/>
    </row>
    <row r="401062" spans="14:14">
      <c r="N401062" s="10"/>
    </row>
    <row r="401063" spans="14:14">
      <c r="N401063" s="10"/>
    </row>
    <row r="401064" spans="14:14">
      <c r="N401064" s="10"/>
    </row>
    <row r="401065" spans="14:14">
      <c r="N401065" s="10"/>
    </row>
    <row r="401066" spans="14:14">
      <c r="N401066" s="10"/>
    </row>
    <row r="401067" spans="14:14">
      <c r="N401067" s="10"/>
    </row>
    <row r="401068" spans="14:14">
      <c r="N401068" s="10"/>
    </row>
    <row r="401069" spans="14:14">
      <c r="N401069" s="10"/>
    </row>
    <row r="401070" spans="14:14">
      <c r="N401070" s="10"/>
    </row>
    <row r="401071" spans="14:14">
      <c r="N401071" s="10"/>
    </row>
    <row r="401072" spans="14:14">
      <c r="N401072" s="10"/>
    </row>
    <row r="401073" spans="14:14">
      <c r="N401073" s="10"/>
    </row>
    <row r="401074" spans="14:14">
      <c r="N401074" s="10"/>
    </row>
    <row r="401075" spans="14:14">
      <c r="N401075" s="10"/>
    </row>
    <row r="401076" spans="14:14">
      <c r="N401076" s="10"/>
    </row>
    <row r="401077" spans="14:14">
      <c r="N401077" s="10"/>
    </row>
    <row r="401078" spans="14:14">
      <c r="N401078" s="10"/>
    </row>
    <row r="401079" spans="14:14">
      <c r="N401079" s="10"/>
    </row>
    <row r="401080" spans="14:14">
      <c r="N401080" s="10"/>
    </row>
    <row r="401081" spans="14:14">
      <c r="N401081" s="10"/>
    </row>
    <row r="401082" spans="14:14">
      <c r="N401082" s="10"/>
    </row>
    <row r="401083" spans="14:14">
      <c r="N401083" s="10"/>
    </row>
    <row r="401084" spans="14:14">
      <c r="N401084" s="10"/>
    </row>
    <row r="401085" spans="14:14">
      <c r="N401085" s="10"/>
    </row>
    <row r="401086" spans="14:14">
      <c r="N401086" s="10"/>
    </row>
    <row r="401087" spans="14:14">
      <c r="N401087" s="10"/>
    </row>
    <row r="401088" spans="14:14">
      <c r="N401088" s="10"/>
    </row>
    <row r="401089" spans="14:14">
      <c r="N401089" s="10"/>
    </row>
    <row r="401090" spans="14:14">
      <c r="N401090" s="10"/>
    </row>
    <row r="401091" spans="14:14">
      <c r="N401091" s="10"/>
    </row>
    <row r="401092" spans="14:14">
      <c r="N401092" s="10"/>
    </row>
    <row r="401093" spans="14:14">
      <c r="N401093" s="10"/>
    </row>
    <row r="401094" spans="14:14">
      <c r="N401094" s="10"/>
    </row>
    <row r="401095" spans="14:14">
      <c r="N401095" s="10"/>
    </row>
    <row r="401096" spans="14:14">
      <c r="N401096" s="10"/>
    </row>
    <row r="401097" spans="14:14">
      <c r="N401097" s="10"/>
    </row>
    <row r="401098" spans="14:14">
      <c r="N401098" s="10"/>
    </row>
    <row r="401099" spans="14:14">
      <c r="N401099" s="10"/>
    </row>
    <row r="401100" spans="14:14">
      <c r="N401100" s="10"/>
    </row>
    <row r="401101" spans="14:14">
      <c r="N401101" s="10"/>
    </row>
    <row r="401102" spans="14:14">
      <c r="N401102" s="10"/>
    </row>
    <row r="401103" spans="14:14">
      <c r="N401103" s="10"/>
    </row>
    <row r="401104" spans="14:14">
      <c r="N401104" s="10"/>
    </row>
    <row r="401105" spans="14:14">
      <c r="N401105" s="10"/>
    </row>
    <row r="401106" spans="14:14">
      <c r="N401106" s="10"/>
    </row>
    <row r="401107" spans="14:14">
      <c r="N401107" s="10"/>
    </row>
    <row r="401108" spans="14:14">
      <c r="N401108" s="10"/>
    </row>
    <row r="401109" spans="14:14">
      <c r="N401109" s="10"/>
    </row>
    <row r="401110" spans="14:14">
      <c r="N401110" s="10"/>
    </row>
    <row r="401111" spans="14:14">
      <c r="N401111" s="10"/>
    </row>
    <row r="401112" spans="14:14">
      <c r="N401112" s="10"/>
    </row>
    <row r="401113" spans="14:14">
      <c r="N401113" s="10"/>
    </row>
    <row r="401114" spans="14:14">
      <c r="N401114" s="10"/>
    </row>
    <row r="401115" spans="14:14">
      <c r="N401115" s="10"/>
    </row>
    <row r="401116" spans="14:14">
      <c r="N401116" s="10"/>
    </row>
    <row r="401117" spans="14:14">
      <c r="N401117" s="10"/>
    </row>
    <row r="401118" spans="14:14">
      <c r="N401118" s="10"/>
    </row>
    <row r="401119" spans="14:14">
      <c r="N401119" s="10"/>
    </row>
    <row r="401120" spans="14:14">
      <c r="N401120" s="10"/>
    </row>
    <row r="401121" spans="14:14">
      <c r="N401121" s="10"/>
    </row>
    <row r="401122" spans="14:14">
      <c r="N401122" s="10"/>
    </row>
    <row r="401123" spans="14:14">
      <c r="N401123" s="10"/>
    </row>
    <row r="401124" spans="14:14">
      <c r="N401124" s="10"/>
    </row>
    <row r="401125" spans="14:14">
      <c r="N401125" s="10"/>
    </row>
    <row r="401126" spans="14:14">
      <c r="N401126" s="10"/>
    </row>
    <row r="401127" spans="14:14">
      <c r="N401127" s="10"/>
    </row>
    <row r="401128" spans="14:14">
      <c r="N401128" s="10"/>
    </row>
    <row r="401129" spans="14:14">
      <c r="N401129" s="10"/>
    </row>
    <row r="401130" spans="14:14">
      <c r="N401130" s="10"/>
    </row>
    <row r="401131" spans="14:14">
      <c r="N401131" s="10"/>
    </row>
    <row r="401132" spans="14:14">
      <c r="N401132" s="10"/>
    </row>
    <row r="401133" spans="14:14">
      <c r="N401133" s="10"/>
    </row>
    <row r="401134" spans="14:14">
      <c r="N401134" s="10"/>
    </row>
    <row r="401135" spans="14:14">
      <c r="N401135" s="10"/>
    </row>
    <row r="401136" spans="14:14">
      <c r="N401136" s="10"/>
    </row>
    <row r="401137" spans="14:14">
      <c r="N401137" s="10"/>
    </row>
    <row r="401138" spans="14:14">
      <c r="N401138" s="10"/>
    </row>
    <row r="401139" spans="14:14">
      <c r="N401139" s="10"/>
    </row>
    <row r="401140" spans="14:14">
      <c r="N401140" s="10"/>
    </row>
    <row r="401141" spans="14:14">
      <c r="N401141" s="10"/>
    </row>
    <row r="401142" spans="14:14">
      <c r="N401142" s="10"/>
    </row>
    <row r="401143" spans="14:14">
      <c r="N401143" s="10"/>
    </row>
    <row r="401144" spans="14:14">
      <c r="N401144" s="10"/>
    </row>
    <row r="401145" spans="14:14">
      <c r="N401145" s="10"/>
    </row>
    <row r="401146" spans="14:14">
      <c r="N401146" s="10"/>
    </row>
    <row r="401147" spans="14:14">
      <c r="N401147" s="10"/>
    </row>
    <row r="401148" spans="14:14">
      <c r="N401148" s="10"/>
    </row>
    <row r="401149" spans="14:14">
      <c r="N401149" s="10"/>
    </row>
    <row r="401150" spans="14:14">
      <c r="N401150" s="10"/>
    </row>
    <row r="401151" spans="14:14">
      <c r="N401151" s="10"/>
    </row>
    <row r="401152" spans="14:14">
      <c r="N401152" s="10"/>
    </row>
    <row r="401153" spans="14:14">
      <c r="N401153" s="10"/>
    </row>
    <row r="401154" spans="14:14">
      <c r="N401154" s="10"/>
    </row>
    <row r="401155" spans="14:14">
      <c r="N401155" s="10"/>
    </row>
    <row r="401156" spans="14:14">
      <c r="N401156" s="10"/>
    </row>
    <row r="401157" spans="14:14">
      <c r="N401157" s="10"/>
    </row>
    <row r="401158" spans="14:14">
      <c r="N401158" s="10"/>
    </row>
    <row r="401159" spans="14:14">
      <c r="N401159" s="10"/>
    </row>
    <row r="401160" spans="14:14">
      <c r="N401160" s="10"/>
    </row>
    <row r="401161" spans="14:14">
      <c r="N401161" s="10"/>
    </row>
    <row r="401162" spans="14:14">
      <c r="N401162" s="10"/>
    </row>
    <row r="401163" spans="14:14">
      <c r="N401163" s="10"/>
    </row>
    <row r="401164" spans="14:14">
      <c r="N401164" s="10"/>
    </row>
    <row r="401165" spans="14:14">
      <c r="N401165" s="10"/>
    </row>
    <row r="401166" spans="14:14">
      <c r="N401166" s="10"/>
    </row>
    <row r="401167" spans="14:14">
      <c r="N401167" s="10"/>
    </row>
    <row r="401168" spans="14:14">
      <c r="N401168" s="10"/>
    </row>
    <row r="401169" spans="14:14">
      <c r="N401169" s="10"/>
    </row>
    <row r="401170" spans="14:14">
      <c r="N401170" s="10"/>
    </row>
    <row r="401171" spans="14:14">
      <c r="N401171" s="10"/>
    </row>
    <row r="401172" spans="14:14">
      <c r="N401172" s="10"/>
    </row>
    <row r="401173" spans="14:14">
      <c r="N401173" s="10"/>
    </row>
    <row r="401174" spans="14:14">
      <c r="N401174" s="10"/>
    </row>
    <row r="401175" spans="14:14">
      <c r="N401175" s="10"/>
    </row>
    <row r="401176" spans="14:14">
      <c r="N401176" s="10"/>
    </row>
    <row r="401177" spans="14:14">
      <c r="N401177" s="10"/>
    </row>
    <row r="401178" spans="14:14">
      <c r="N401178" s="10"/>
    </row>
    <row r="401179" spans="14:14">
      <c r="N401179" s="10"/>
    </row>
    <row r="401180" spans="14:14">
      <c r="N401180" s="10"/>
    </row>
    <row r="401181" spans="14:14">
      <c r="N401181" s="10"/>
    </row>
    <row r="401182" spans="14:14">
      <c r="N401182" s="10"/>
    </row>
    <row r="401183" spans="14:14">
      <c r="N401183" s="10"/>
    </row>
    <row r="401184" spans="14:14">
      <c r="N401184" s="10"/>
    </row>
    <row r="401185" spans="14:14">
      <c r="N401185" s="10"/>
    </row>
    <row r="401186" spans="14:14">
      <c r="N401186" s="10"/>
    </row>
    <row r="401187" spans="14:14">
      <c r="N401187" s="10"/>
    </row>
    <row r="401188" spans="14:14">
      <c r="N401188" s="10"/>
    </row>
    <row r="401189" spans="14:14">
      <c r="N401189" s="10"/>
    </row>
    <row r="401190" spans="14:14">
      <c r="N401190" s="10"/>
    </row>
    <row r="401191" spans="14:14">
      <c r="N401191" s="10"/>
    </row>
    <row r="401192" spans="14:14">
      <c r="N401192" s="10"/>
    </row>
    <row r="401193" spans="14:14">
      <c r="N401193" s="10"/>
    </row>
    <row r="401194" spans="14:14">
      <c r="N401194" s="10"/>
    </row>
    <row r="401195" spans="14:14">
      <c r="N401195" s="10"/>
    </row>
    <row r="401196" spans="14:14">
      <c r="N401196" s="10"/>
    </row>
    <row r="401197" spans="14:14">
      <c r="N401197" s="10"/>
    </row>
    <row r="401198" spans="14:14">
      <c r="N401198" s="10"/>
    </row>
    <row r="401199" spans="14:14">
      <c r="N401199" s="10"/>
    </row>
    <row r="401200" spans="14:14">
      <c r="N401200" s="10"/>
    </row>
    <row r="401201" spans="14:14">
      <c r="N401201" s="10"/>
    </row>
    <row r="401202" spans="14:14">
      <c r="N401202" s="10"/>
    </row>
    <row r="401203" spans="14:14">
      <c r="N401203" s="10"/>
    </row>
    <row r="401204" spans="14:14">
      <c r="N401204" s="10"/>
    </row>
    <row r="401205" spans="14:14">
      <c r="N401205" s="10"/>
    </row>
    <row r="401206" spans="14:14">
      <c r="N401206" s="10"/>
    </row>
    <row r="401207" spans="14:14">
      <c r="N401207" s="10"/>
    </row>
    <row r="401208" spans="14:14">
      <c r="N401208" s="10"/>
    </row>
    <row r="401209" spans="14:14">
      <c r="N401209" s="10"/>
    </row>
    <row r="401210" spans="14:14">
      <c r="N401210" s="10"/>
    </row>
    <row r="401211" spans="14:14">
      <c r="N401211" s="10"/>
    </row>
    <row r="401212" spans="14:14">
      <c r="N401212" s="10"/>
    </row>
    <row r="401213" spans="14:14">
      <c r="N401213" s="10"/>
    </row>
    <row r="401214" spans="14:14">
      <c r="N401214" s="10"/>
    </row>
    <row r="401215" spans="14:14">
      <c r="N401215" s="10"/>
    </row>
    <row r="401216" spans="14:14">
      <c r="N401216" s="10"/>
    </row>
    <row r="401217" spans="14:14">
      <c r="N401217" s="10"/>
    </row>
    <row r="401218" spans="14:14">
      <c r="N401218" s="10"/>
    </row>
    <row r="401219" spans="14:14">
      <c r="N401219" s="10"/>
    </row>
    <row r="401220" spans="14:14">
      <c r="N401220" s="10"/>
    </row>
    <row r="401221" spans="14:14">
      <c r="N401221" s="10"/>
    </row>
    <row r="401222" spans="14:14">
      <c r="N401222" s="10"/>
    </row>
    <row r="401223" spans="14:14">
      <c r="N401223" s="10"/>
    </row>
    <row r="401224" spans="14:14">
      <c r="N401224" s="10"/>
    </row>
    <row r="401225" spans="14:14">
      <c r="N401225" s="10"/>
    </row>
    <row r="401226" spans="14:14">
      <c r="N401226" s="10"/>
    </row>
    <row r="401227" spans="14:14">
      <c r="N401227" s="10"/>
    </row>
    <row r="401228" spans="14:14">
      <c r="N401228" s="10"/>
    </row>
    <row r="401229" spans="14:14">
      <c r="N401229" s="10"/>
    </row>
    <row r="401230" spans="14:14">
      <c r="N401230" s="10"/>
    </row>
    <row r="401231" spans="14:14">
      <c r="N401231" s="10"/>
    </row>
    <row r="401232" spans="14:14">
      <c r="N401232" s="10"/>
    </row>
    <row r="401233" spans="14:14">
      <c r="N401233" s="10"/>
    </row>
    <row r="401234" spans="14:14">
      <c r="N401234" s="10"/>
    </row>
    <row r="401235" spans="14:14">
      <c r="N401235" s="10"/>
    </row>
    <row r="401236" spans="14:14">
      <c r="N401236" s="10"/>
    </row>
    <row r="401237" spans="14:14">
      <c r="N401237" s="10"/>
    </row>
    <row r="401238" spans="14:14">
      <c r="N401238" s="10"/>
    </row>
    <row r="401239" spans="14:14">
      <c r="N401239" s="10"/>
    </row>
    <row r="401240" spans="14:14">
      <c r="N401240" s="10"/>
    </row>
    <row r="401241" spans="14:14">
      <c r="N401241" s="10"/>
    </row>
    <row r="401242" spans="14:14">
      <c r="N401242" s="10"/>
    </row>
    <row r="401243" spans="14:14">
      <c r="N401243" s="10"/>
    </row>
    <row r="401244" spans="14:14">
      <c r="N401244" s="10"/>
    </row>
    <row r="401245" spans="14:14">
      <c r="N401245" s="10"/>
    </row>
    <row r="401246" spans="14:14">
      <c r="N401246" s="10"/>
    </row>
    <row r="401247" spans="14:14">
      <c r="N401247" s="10"/>
    </row>
    <row r="401248" spans="14:14">
      <c r="N401248" s="10"/>
    </row>
    <row r="401249" spans="14:14">
      <c r="N401249" s="10"/>
    </row>
    <row r="401250" spans="14:14">
      <c r="N401250" s="10"/>
    </row>
    <row r="401251" spans="14:14">
      <c r="N401251" s="10"/>
    </row>
    <row r="401252" spans="14:14">
      <c r="N401252" s="10"/>
    </row>
    <row r="401253" spans="14:14">
      <c r="N401253" s="10"/>
    </row>
    <row r="401254" spans="14:14">
      <c r="N401254" s="10"/>
    </row>
    <row r="401255" spans="14:14">
      <c r="N401255" s="10"/>
    </row>
    <row r="401256" spans="14:14">
      <c r="N401256" s="10"/>
    </row>
    <row r="401257" spans="14:14">
      <c r="N401257" s="10"/>
    </row>
    <row r="401258" spans="14:14">
      <c r="N401258" s="10"/>
    </row>
    <row r="401259" spans="14:14">
      <c r="N401259" s="10"/>
    </row>
    <row r="401260" spans="14:14">
      <c r="N401260" s="10"/>
    </row>
    <row r="401261" spans="14:14">
      <c r="N401261" s="10"/>
    </row>
    <row r="401262" spans="14:14">
      <c r="N401262" s="10"/>
    </row>
    <row r="401263" spans="14:14">
      <c r="N401263" s="10"/>
    </row>
    <row r="401264" spans="14:14">
      <c r="N401264" s="10"/>
    </row>
    <row r="401265" spans="14:14">
      <c r="N401265" s="10"/>
    </row>
    <row r="401266" spans="14:14">
      <c r="N401266" s="10"/>
    </row>
    <row r="401267" spans="14:14">
      <c r="N401267" s="10"/>
    </row>
    <row r="401268" spans="14:14">
      <c r="N401268" s="10"/>
    </row>
    <row r="401269" spans="14:14">
      <c r="N401269" s="10"/>
    </row>
    <row r="401270" spans="14:14">
      <c r="N401270" s="10"/>
    </row>
    <row r="401271" spans="14:14">
      <c r="N401271" s="10"/>
    </row>
    <row r="401272" spans="14:14">
      <c r="N401272" s="10"/>
    </row>
    <row r="401273" spans="14:14">
      <c r="N401273" s="10"/>
    </row>
    <row r="401274" spans="14:14">
      <c r="N401274" s="10"/>
    </row>
    <row r="401275" spans="14:14">
      <c r="N401275" s="10"/>
    </row>
    <row r="401276" spans="14:14">
      <c r="N401276" s="10"/>
    </row>
    <row r="401277" spans="14:14">
      <c r="N401277" s="10"/>
    </row>
    <row r="401278" spans="14:14">
      <c r="N401278" s="10"/>
    </row>
    <row r="401279" spans="14:14">
      <c r="N401279" s="10"/>
    </row>
    <row r="401280" spans="14:14">
      <c r="N401280" s="10"/>
    </row>
    <row r="401281" spans="14:14">
      <c r="N401281" s="10"/>
    </row>
    <row r="401282" spans="14:14">
      <c r="N401282" s="10"/>
    </row>
    <row r="401283" spans="14:14">
      <c r="N401283" s="10"/>
    </row>
    <row r="401284" spans="14:14">
      <c r="N401284" s="10"/>
    </row>
    <row r="401285" spans="14:14">
      <c r="N401285" s="10"/>
    </row>
    <row r="401286" spans="14:14">
      <c r="N401286" s="10"/>
    </row>
    <row r="401287" spans="14:14">
      <c r="N401287" s="10"/>
    </row>
    <row r="401288" spans="14:14">
      <c r="N401288" s="10"/>
    </row>
    <row r="401289" spans="14:14">
      <c r="N401289" s="10"/>
    </row>
    <row r="401290" spans="14:14">
      <c r="N401290" s="10"/>
    </row>
    <row r="401291" spans="14:14">
      <c r="N401291" s="10"/>
    </row>
    <row r="401292" spans="14:14">
      <c r="N401292" s="10"/>
    </row>
    <row r="401293" spans="14:14">
      <c r="N401293" s="10"/>
    </row>
    <row r="401294" spans="14:14">
      <c r="N401294" s="10"/>
    </row>
    <row r="401295" spans="14:14">
      <c r="N401295" s="10"/>
    </row>
    <row r="401296" spans="14:14">
      <c r="N401296" s="10"/>
    </row>
    <row r="401297" spans="14:14">
      <c r="N401297" s="10"/>
    </row>
    <row r="401298" spans="14:14">
      <c r="N401298" s="10"/>
    </row>
    <row r="401299" spans="14:14">
      <c r="N401299" s="10"/>
    </row>
    <row r="401300" spans="14:14">
      <c r="N401300" s="10"/>
    </row>
    <row r="401301" spans="14:14">
      <c r="N401301" s="10"/>
    </row>
    <row r="401302" spans="14:14">
      <c r="N401302" s="10"/>
    </row>
    <row r="401303" spans="14:14">
      <c r="N401303" s="10"/>
    </row>
    <row r="401304" spans="14:14">
      <c r="N401304" s="10"/>
    </row>
    <row r="401305" spans="14:14">
      <c r="N401305" s="10"/>
    </row>
    <row r="401306" spans="14:14">
      <c r="N401306" s="10"/>
    </row>
    <row r="401307" spans="14:14">
      <c r="N401307" s="10"/>
    </row>
    <row r="401308" spans="14:14">
      <c r="N401308" s="10"/>
    </row>
    <row r="401309" spans="14:14">
      <c r="N401309" s="10"/>
    </row>
    <row r="401310" spans="14:14">
      <c r="N401310" s="10"/>
    </row>
    <row r="401311" spans="14:14">
      <c r="N401311" s="10"/>
    </row>
    <row r="401312" spans="14:14">
      <c r="N401312" s="10"/>
    </row>
    <row r="401313" spans="14:14">
      <c r="N401313" s="10"/>
    </row>
    <row r="401314" spans="14:14">
      <c r="N401314" s="10"/>
    </row>
    <row r="401315" spans="14:14">
      <c r="N401315" s="10"/>
    </row>
    <row r="401316" spans="14:14">
      <c r="N401316" s="10"/>
    </row>
    <row r="401317" spans="14:14">
      <c r="N401317" s="10"/>
    </row>
    <row r="401318" spans="14:14">
      <c r="N401318" s="10"/>
    </row>
    <row r="401319" spans="14:14">
      <c r="N401319" s="10"/>
    </row>
    <row r="401320" spans="14:14">
      <c r="N401320" s="10"/>
    </row>
    <row r="401321" spans="14:14">
      <c r="N401321" s="10"/>
    </row>
    <row r="401322" spans="14:14">
      <c r="N401322" s="10"/>
    </row>
    <row r="401323" spans="14:14">
      <c r="N401323" s="10"/>
    </row>
    <row r="401324" spans="14:14">
      <c r="N401324" s="10"/>
    </row>
    <row r="401325" spans="14:14">
      <c r="N401325" s="10"/>
    </row>
    <row r="401326" spans="14:14">
      <c r="N401326" s="10"/>
    </row>
    <row r="401327" spans="14:14">
      <c r="N401327" s="10"/>
    </row>
    <row r="401328" spans="14:14">
      <c r="N401328" s="10"/>
    </row>
    <row r="401329" spans="14:14">
      <c r="N401329" s="10"/>
    </row>
    <row r="401330" spans="14:14">
      <c r="N401330" s="10"/>
    </row>
    <row r="401331" spans="14:14">
      <c r="N401331" s="10"/>
    </row>
    <row r="401332" spans="14:14">
      <c r="N401332" s="10"/>
    </row>
    <row r="401333" spans="14:14">
      <c r="N401333" s="10"/>
    </row>
    <row r="401334" spans="14:14">
      <c r="N401334" s="10"/>
    </row>
    <row r="401335" spans="14:14">
      <c r="N401335" s="10"/>
    </row>
    <row r="401336" spans="14:14">
      <c r="N401336" s="10"/>
    </row>
    <row r="401337" spans="14:14">
      <c r="N401337" s="10"/>
    </row>
    <row r="401338" spans="14:14">
      <c r="N401338" s="10"/>
    </row>
    <row r="401339" spans="14:14">
      <c r="N401339" s="10"/>
    </row>
    <row r="401340" spans="14:14">
      <c r="N401340" s="10"/>
    </row>
    <row r="401341" spans="14:14">
      <c r="N401341" s="10"/>
    </row>
    <row r="401342" spans="14:14">
      <c r="N401342" s="10"/>
    </row>
    <row r="401343" spans="14:14">
      <c r="N401343" s="10"/>
    </row>
    <row r="401344" spans="14:14">
      <c r="N401344" s="10"/>
    </row>
    <row r="401345" spans="14:14">
      <c r="N401345" s="10"/>
    </row>
    <row r="401346" spans="14:14">
      <c r="N401346" s="10"/>
    </row>
    <row r="401347" spans="14:14">
      <c r="N401347" s="10"/>
    </row>
    <row r="401348" spans="14:14">
      <c r="N401348" s="10"/>
    </row>
    <row r="401349" spans="14:14">
      <c r="N401349" s="10"/>
    </row>
    <row r="401350" spans="14:14">
      <c r="N401350" s="10"/>
    </row>
    <row r="401351" spans="14:14">
      <c r="N401351" s="10"/>
    </row>
    <row r="401352" spans="14:14">
      <c r="N401352" s="10"/>
    </row>
    <row r="401353" spans="14:14">
      <c r="N401353" s="10"/>
    </row>
    <row r="401354" spans="14:14">
      <c r="N401354" s="10"/>
    </row>
    <row r="401355" spans="14:14">
      <c r="N401355" s="10"/>
    </row>
    <row r="401356" spans="14:14">
      <c r="N401356" s="10"/>
    </row>
    <row r="401357" spans="14:14">
      <c r="N401357" s="10"/>
    </row>
    <row r="401358" spans="14:14">
      <c r="N401358" s="10"/>
    </row>
    <row r="401359" spans="14:14">
      <c r="N401359" s="10"/>
    </row>
    <row r="401360" spans="14:14">
      <c r="N401360" s="10"/>
    </row>
    <row r="401361" spans="14:14">
      <c r="N401361" s="10"/>
    </row>
    <row r="401362" spans="14:14">
      <c r="N401362" s="10"/>
    </row>
    <row r="401363" spans="14:14">
      <c r="N401363" s="10"/>
    </row>
    <row r="401364" spans="14:14">
      <c r="N401364" s="10"/>
    </row>
    <row r="401365" spans="14:14">
      <c r="N401365" s="10"/>
    </row>
    <row r="401366" spans="14:14">
      <c r="N401366" s="10"/>
    </row>
    <row r="401367" spans="14:14">
      <c r="N401367" s="10"/>
    </row>
    <row r="401368" spans="14:14">
      <c r="N401368" s="10"/>
    </row>
    <row r="401369" spans="14:14">
      <c r="N401369" s="10"/>
    </row>
    <row r="401370" spans="14:14">
      <c r="N401370" s="10"/>
    </row>
    <row r="401371" spans="14:14">
      <c r="N401371" s="10"/>
    </row>
    <row r="401372" spans="14:14">
      <c r="N401372" s="10"/>
    </row>
    <row r="401373" spans="14:14">
      <c r="N401373" s="10"/>
    </row>
    <row r="401374" spans="14:14">
      <c r="N401374" s="10"/>
    </row>
    <row r="401375" spans="14:14">
      <c r="N401375" s="10"/>
    </row>
    <row r="401376" spans="14:14">
      <c r="N401376" s="10"/>
    </row>
    <row r="401377" spans="14:14">
      <c r="N401377" s="10"/>
    </row>
    <row r="401378" spans="14:14">
      <c r="N401378" s="10"/>
    </row>
    <row r="401379" spans="14:14">
      <c r="N401379" s="10"/>
    </row>
    <row r="401380" spans="14:14">
      <c r="N401380" s="10"/>
    </row>
    <row r="401381" spans="14:14">
      <c r="N401381" s="10"/>
    </row>
    <row r="401382" spans="14:14">
      <c r="N401382" s="10"/>
    </row>
    <row r="401383" spans="14:14">
      <c r="N401383" s="10"/>
    </row>
    <row r="401384" spans="14:14">
      <c r="N401384" s="10"/>
    </row>
    <row r="401385" spans="14:14">
      <c r="N401385" s="10"/>
    </row>
    <row r="401386" spans="14:14">
      <c r="N401386" s="10"/>
    </row>
    <row r="401387" spans="14:14">
      <c r="N401387" s="10"/>
    </row>
    <row r="401388" spans="14:14">
      <c r="N401388" s="10"/>
    </row>
    <row r="401389" spans="14:14">
      <c r="N401389" s="10"/>
    </row>
    <row r="401390" spans="14:14">
      <c r="N401390" s="10"/>
    </row>
    <row r="401391" spans="14:14">
      <c r="N401391" s="10"/>
    </row>
    <row r="401392" spans="14:14">
      <c r="N401392" s="10"/>
    </row>
    <row r="401393" spans="14:14">
      <c r="N401393" s="10"/>
    </row>
    <row r="401394" spans="14:14">
      <c r="N401394" s="10"/>
    </row>
    <row r="401395" spans="14:14">
      <c r="N401395" s="10"/>
    </row>
    <row r="401396" spans="14:14">
      <c r="N401396" s="10"/>
    </row>
    <row r="401397" spans="14:14">
      <c r="N401397" s="10"/>
    </row>
    <row r="401398" spans="14:14">
      <c r="N401398" s="10"/>
    </row>
    <row r="401399" spans="14:14">
      <c r="N401399" s="10"/>
    </row>
    <row r="401400" spans="14:14">
      <c r="N401400" s="10"/>
    </row>
    <row r="401401" spans="14:14">
      <c r="N401401" s="10"/>
    </row>
    <row r="401402" spans="14:14">
      <c r="N401402" s="10"/>
    </row>
    <row r="401403" spans="14:14">
      <c r="N401403" s="10"/>
    </row>
    <row r="401404" spans="14:14">
      <c r="N401404" s="10"/>
    </row>
    <row r="401405" spans="14:14">
      <c r="N401405" s="10"/>
    </row>
    <row r="401406" spans="14:14">
      <c r="N401406" s="10"/>
    </row>
    <row r="401407" spans="14:14">
      <c r="N401407" s="10"/>
    </row>
    <row r="401408" spans="14:14">
      <c r="N401408" s="10"/>
    </row>
    <row r="401409" spans="14:14">
      <c r="N401409" s="10"/>
    </row>
    <row r="401410" spans="14:14">
      <c r="N401410" s="10"/>
    </row>
    <row r="401411" spans="14:14">
      <c r="N401411" s="10"/>
    </row>
    <row r="401412" spans="14:14">
      <c r="N401412" s="10"/>
    </row>
    <row r="401413" spans="14:14">
      <c r="N401413" s="10"/>
    </row>
    <row r="401414" spans="14:14">
      <c r="N401414" s="10"/>
    </row>
    <row r="401415" spans="14:14">
      <c r="N401415" s="10"/>
    </row>
    <row r="401416" spans="14:14">
      <c r="N401416" s="10"/>
    </row>
    <row r="401417" spans="14:14">
      <c r="N401417" s="10"/>
    </row>
    <row r="401418" spans="14:14">
      <c r="N401418" s="10"/>
    </row>
    <row r="401419" spans="14:14">
      <c r="N401419" s="10"/>
    </row>
    <row r="401420" spans="14:14">
      <c r="N401420" s="10"/>
    </row>
    <row r="401421" spans="14:14">
      <c r="N401421" s="10"/>
    </row>
    <row r="401422" spans="14:14">
      <c r="N401422" s="10"/>
    </row>
    <row r="401423" spans="14:14">
      <c r="N401423" s="10"/>
    </row>
    <row r="401424" spans="14:14">
      <c r="N401424" s="10"/>
    </row>
    <row r="401425" spans="14:14">
      <c r="N401425" s="10"/>
    </row>
    <row r="401426" spans="14:14">
      <c r="N401426" s="10"/>
    </row>
    <row r="401427" spans="14:14">
      <c r="N401427" s="10"/>
    </row>
    <row r="401428" spans="14:14">
      <c r="N401428" s="10"/>
    </row>
    <row r="401429" spans="14:14">
      <c r="N401429" s="10"/>
    </row>
    <row r="401430" spans="14:14">
      <c r="N401430" s="10"/>
    </row>
    <row r="401431" spans="14:14">
      <c r="N401431" s="10"/>
    </row>
    <row r="401432" spans="14:14">
      <c r="N401432" s="10"/>
    </row>
    <row r="401433" spans="14:14">
      <c r="N401433" s="10"/>
    </row>
    <row r="401434" spans="14:14">
      <c r="N401434" s="10"/>
    </row>
    <row r="401435" spans="14:14">
      <c r="N401435" s="10"/>
    </row>
    <row r="401436" spans="14:14">
      <c r="N401436" s="10"/>
    </row>
    <row r="401437" spans="14:14">
      <c r="N401437" s="10"/>
    </row>
    <row r="401438" spans="14:14">
      <c r="N401438" s="10"/>
    </row>
    <row r="401439" spans="14:14">
      <c r="N401439" s="10"/>
    </row>
    <row r="401440" spans="14:14">
      <c r="N401440" s="10"/>
    </row>
    <row r="401441" spans="14:14">
      <c r="N401441" s="10"/>
    </row>
    <row r="401442" spans="14:14">
      <c r="N401442" s="10"/>
    </row>
    <row r="401443" spans="14:14">
      <c r="N401443" s="10"/>
    </row>
    <row r="401444" spans="14:14">
      <c r="N401444" s="10"/>
    </row>
    <row r="401445" spans="14:14">
      <c r="N401445" s="10"/>
    </row>
    <row r="401446" spans="14:14">
      <c r="N401446" s="10"/>
    </row>
    <row r="401447" spans="14:14">
      <c r="N401447" s="10"/>
    </row>
    <row r="401448" spans="14:14">
      <c r="N401448" s="10"/>
    </row>
    <row r="401449" spans="14:14">
      <c r="N401449" s="10"/>
    </row>
    <row r="401450" spans="14:14">
      <c r="N401450" s="10"/>
    </row>
    <row r="401451" spans="14:14">
      <c r="N401451" s="10"/>
    </row>
    <row r="401452" spans="14:14">
      <c r="N401452" s="10"/>
    </row>
    <row r="401453" spans="14:14">
      <c r="N401453" s="10"/>
    </row>
    <row r="401454" spans="14:14">
      <c r="N401454" s="10"/>
    </row>
    <row r="401455" spans="14:14">
      <c r="N401455" s="10"/>
    </row>
    <row r="401456" spans="14:14">
      <c r="N401456" s="10"/>
    </row>
    <row r="401457" spans="14:14">
      <c r="N401457" s="10"/>
    </row>
    <row r="401458" spans="14:14">
      <c r="N401458" s="10"/>
    </row>
    <row r="401459" spans="14:14">
      <c r="N401459" s="10"/>
    </row>
    <row r="401460" spans="14:14">
      <c r="N401460" s="10"/>
    </row>
    <row r="401461" spans="14:14">
      <c r="N401461" s="10"/>
    </row>
    <row r="401462" spans="14:14">
      <c r="N401462" s="10"/>
    </row>
    <row r="401463" spans="14:14">
      <c r="N401463" s="10"/>
    </row>
    <row r="401464" spans="14:14">
      <c r="N401464" s="10"/>
    </row>
    <row r="401465" spans="14:14">
      <c r="N401465" s="10"/>
    </row>
    <row r="401466" spans="14:14">
      <c r="N401466" s="10"/>
    </row>
    <row r="401467" spans="14:14">
      <c r="N401467" s="10"/>
    </row>
    <row r="401468" spans="14:14">
      <c r="N401468" s="10"/>
    </row>
    <row r="401469" spans="14:14">
      <c r="N401469" s="10"/>
    </row>
    <row r="401470" spans="14:14">
      <c r="N401470" s="10"/>
    </row>
    <row r="401471" spans="14:14">
      <c r="N401471" s="10"/>
    </row>
    <row r="401472" spans="14:14">
      <c r="N401472" s="10"/>
    </row>
    <row r="401473" spans="14:14">
      <c r="N401473" s="10"/>
    </row>
    <row r="401474" spans="14:14">
      <c r="N401474" s="10"/>
    </row>
    <row r="401475" spans="14:14">
      <c r="N401475" s="10"/>
    </row>
    <row r="401476" spans="14:14">
      <c r="N401476" s="10"/>
    </row>
    <row r="401477" spans="14:14">
      <c r="N401477" s="10"/>
    </row>
    <row r="401478" spans="14:14">
      <c r="N401478" s="10"/>
    </row>
    <row r="401479" spans="14:14">
      <c r="N401479" s="10"/>
    </row>
    <row r="401480" spans="14:14">
      <c r="N401480" s="10"/>
    </row>
    <row r="401481" spans="14:14">
      <c r="N401481" s="10"/>
    </row>
    <row r="401482" spans="14:14">
      <c r="N401482" s="10"/>
    </row>
    <row r="401483" spans="14:14">
      <c r="N401483" s="10"/>
    </row>
    <row r="401484" spans="14:14">
      <c r="N401484" s="10"/>
    </row>
    <row r="401485" spans="14:14">
      <c r="N401485" s="10"/>
    </row>
    <row r="401486" spans="14:14">
      <c r="N401486" s="10"/>
    </row>
    <row r="401487" spans="14:14">
      <c r="N401487" s="10"/>
    </row>
    <row r="401488" spans="14:14">
      <c r="N401488" s="10"/>
    </row>
    <row r="401489" spans="14:14">
      <c r="N401489" s="10"/>
    </row>
    <row r="401490" spans="14:14">
      <c r="N401490" s="10"/>
    </row>
    <row r="401491" spans="14:14">
      <c r="N401491" s="10"/>
    </row>
    <row r="401492" spans="14:14">
      <c r="N401492" s="10"/>
    </row>
    <row r="401493" spans="14:14">
      <c r="N401493" s="10"/>
    </row>
    <row r="401494" spans="14:14">
      <c r="N401494" s="10"/>
    </row>
    <row r="401495" spans="14:14">
      <c r="N401495" s="10"/>
    </row>
    <row r="401496" spans="14:14">
      <c r="N401496" s="10"/>
    </row>
    <row r="401497" spans="14:14">
      <c r="N401497" s="10"/>
    </row>
    <row r="401498" spans="14:14">
      <c r="N401498" s="10"/>
    </row>
    <row r="401499" spans="14:14">
      <c r="N401499" s="10"/>
    </row>
    <row r="401500" spans="14:14">
      <c r="N401500" s="10"/>
    </row>
    <row r="401501" spans="14:14">
      <c r="N401501" s="10"/>
    </row>
    <row r="401502" spans="14:14">
      <c r="N401502" s="10"/>
    </row>
    <row r="401503" spans="14:14">
      <c r="N401503" s="10"/>
    </row>
    <row r="401504" spans="14:14">
      <c r="N401504" s="10"/>
    </row>
    <row r="401505" spans="14:14">
      <c r="N401505" s="10"/>
    </row>
    <row r="401506" spans="14:14">
      <c r="N401506" s="10"/>
    </row>
    <row r="401507" spans="14:14">
      <c r="N401507" s="10"/>
    </row>
    <row r="401508" spans="14:14">
      <c r="N401508" s="10"/>
    </row>
    <row r="401509" spans="14:14">
      <c r="N401509" s="10"/>
    </row>
    <row r="401510" spans="14:14">
      <c r="N401510" s="10"/>
    </row>
    <row r="401511" spans="14:14">
      <c r="N401511" s="10"/>
    </row>
    <row r="401512" spans="14:14">
      <c r="N401512" s="10"/>
    </row>
    <row r="401513" spans="14:14">
      <c r="N401513" s="10"/>
    </row>
    <row r="401514" spans="14:14">
      <c r="N401514" s="10"/>
    </row>
    <row r="401515" spans="14:14">
      <c r="N401515" s="10"/>
    </row>
    <row r="401516" spans="14:14">
      <c r="N401516" s="10"/>
    </row>
    <row r="401517" spans="14:14">
      <c r="N401517" s="10"/>
    </row>
    <row r="401518" spans="14:14">
      <c r="N401518" s="10"/>
    </row>
    <row r="401519" spans="14:14">
      <c r="N401519" s="10"/>
    </row>
    <row r="401520" spans="14:14">
      <c r="N401520" s="10"/>
    </row>
    <row r="401521" spans="14:14">
      <c r="N401521" s="10"/>
    </row>
    <row r="401522" spans="14:14">
      <c r="N401522" s="10"/>
    </row>
    <row r="401523" spans="14:14">
      <c r="N401523" s="10"/>
    </row>
    <row r="401524" spans="14:14">
      <c r="N401524" s="10"/>
    </row>
    <row r="401525" spans="14:14">
      <c r="N401525" s="10"/>
    </row>
    <row r="401526" spans="14:14">
      <c r="N401526" s="10"/>
    </row>
    <row r="401527" spans="14:14">
      <c r="N401527" s="10"/>
    </row>
    <row r="401528" spans="14:14">
      <c r="N401528" s="10"/>
    </row>
    <row r="401529" spans="14:14">
      <c r="N401529" s="10"/>
    </row>
    <row r="401530" spans="14:14">
      <c r="N401530" s="10"/>
    </row>
    <row r="401531" spans="14:14">
      <c r="N401531" s="10"/>
    </row>
    <row r="401532" spans="14:14">
      <c r="N401532" s="10"/>
    </row>
    <row r="401533" spans="14:14">
      <c r="N401533" s="10"/>
    </row>
    <row r="401534" spans="14:14">
      <c r="N401534" s="10"/>
    </row>
    <row r="401535" spans="14:14">
      <c r="N401535" s="10"/>
    </row>
    <row r="401536" spans="14:14">
      <c r="N401536" s="10"/>
    </row>
    <row r="401537" spans="14:14">
      <c r="N401537" s="10"/>
    </row>
    <row r="401538" spans="14:14">
      <c r="N401538" s="10"/>
    </row>
    <row r="401539" spans="14:14">
      <c r="N401539" s="10"/>
    </row>
    <row r="401540" spans="14:14">
      <c r="N401540" s="10"/>
    </row>
    <row r="401541" spans="14:14">
      <c r="N401541" s="10"/>
    </row>
    <row r="401542" spans="14:14">
      <c r="N401542" s="10"/>
    </row>
    <row r="401543" spans="14:14">
      <c r="N401543" s="10"/>
    </row>
    <row r="401544" spans="14:14">
      <c r="N401544" s="10"/>
    </row>
    <row r="401545" spans="14:14">
      <c r="N401545" s="10"/>
    </row>
    <row r="401546" spans="14:14">
      <c r="N401546" s="10"/>
    </row>
    <row r="401547" spans="14:14">
      <c r="N401547" s="10"/>
    </row>
    <row r="401548" spans="14:14">
      <c r="N401548" s="10"/>
    </row>
    <row r="401549" spans="14:14">
      <c r="N401549" s="10"/>
    </row>
    <row r="401550" spans="14:14">
      <c r="N401550" s="10"/>
    </row>
    <row r="401551" spans="14:14">
      <c r="N401551" s="10"/>
    </row>
    <row r="401552" spans="14:14">
      <c r="N401552" s="10"/>
    </row>
    <row r="401553" spans="14:14">
      <c r="N401553" s="10"/>
    </row>
    <row r="401554" spans="14:14">
      <c r="N401554" s="10"/>
    </row>
    <row r="401555" spans="14:14">
      <c r="N401555" s="10"/>
    </row>
    <row r="401556" spans="14:14">
      <c r="N401556" s="10"/>
    </row>
    <row r="401557" spans="14:14">
      <c r="N401557" s="10"/>
    </row>
    <row r="401558" spans="14:14">
      <c r="N401558" s="10"/>
    </row>
    <row r="401559" spans="14:14">
      <c r="N401559" s="10"/>
    </row>
    <row r="401560" spans="14:14">
      <c r="N401560" s="10"/>
    </row>
    <row r="401561" spans="14:14">
      <c r="N401561" s="10"/>
    </row>
    <row r="401562" spans="14:14">
      <c r="N401562" s="10"/>
    </row>
    <row r="401563" spans="14:14">
      <c r="N401563" s="10"/>
    </row>
    <row r="401564" spans="14:14">
      <c r="N401564" s="10"/>
    </row>
    <row r="401565" spans="14:14">
      <c r="N401565" s="10"/>
    </row>
    <row r="401566" spans="14:14">
      <c r="N401566" s="10"/>
    </row>
    <row r="401567" spans="14:14">
      <c r="N401567" s="10"/>
    </row>
    <row r="401568" spans="14:14">
      <c r="N401568" s="10"/>
    </row>
    <row r="401569" spans="14:14">
      <c r="N401569" s="10"/>
    </row>
    <row r="401570" spans="14:14">
      <c r="N401570" s="10"/>
    </row>
    <row r="401571" spans="14:14">
      <c r="N401571" s="10"/>
    </row>
    <row r="401572" spans="14:14">
      <c r="N401572" s="10"/>
    </row>
    <row r="401573" spans="14:14">
      <c r="N401573" s="10"/>
    </row>
    <row r="401574" spans="14:14">
      <c r="N401574" s="10"/>
    </row>
    <row r="401575" spans="14:14">
      <c r="N401575" s="10"/>
    </row>
    <row r="401576" spans="14:14">
      <c r="N401576" s="10"/>
    </row>
    <row r="401577" spans="14:14">
      <c r="N401577" s="10"/>
    </row>
    <row r="401578" spans="14:14">
      <c r="N401578" s="10"/>
    </row>
    <row r="401579" spans="14:14">
      <c r="N401579" s="10"/>
    </row>
    <row r="401580" spans="14:14">
      <c r="N401580" s="10"/>
    </row>
    <row r="401581" spans="14:14">
      <c r="N401581" s="10"/>
    </row>
    <row r="401582" spans="14:14">
      <c r="N401582" s="10"/>
    </row>
    <row r="401583" spans="14:14">
      <c r="N401583" s="10"/>
    </row>
    <row r="401584" spans="14:14">
      <c r="N401584" s="10"/>
    </row>
    <row r="401585" spans="14:14">
      <c r="N401585" s="10"/>
    </row>
    <row r="401586" spans="14:14">
      <c r="N401586" s="10"/>
    </row>
    <row r="401587" spans="14:14">
      <c r="N401587" s="10"/>
    </row>
    <row r="401588" spans="14:14">
      <c r="N401588" s="10"/>
    </row>
    <row r="401589" spans="14:14">
      <c r="N401589" s="10"/>
    </row>
    <row r="401590" spans="14:14">
      <c r="N401590" s="10"/>
    </row>
    <row r="401591" spans="14:14">
      <c r="N401591" s="10"/>
    </row>
    <row r="401592" spans="14:14">
      <c r="N401592" s="10"/>
    </row>
    <row r="401593" spans="14:14">
      <c r="N401593" s="10"/>
    </row>
    <row r="401594" spans="14:14">
      <c r="N401594" s="10"/>
    </row>
    <row r="401595" spans="14:14">
      <c r="N401595" s="10"/>
    </row>
    <row r="401596" spans="14:14">
      <c r="N401596" s="10"/>
    </row>
    <row r="401597" spans="14:14">
      <c r="N401597" s="10"/>
    </row>
    <row r="401598" spans="14:14">
      <c r="N401598" s="10"/>
    </row>
    <row r="401599" spans="14:14">
      <c r="N401599" s="10"/>
    </row>
    <row r="401600" spans="14:14">
      <c r="N401600" s="10"/>
    </row>
    <row r="401601" spans="14:14">
      <c r="N401601" s="10"/>
    </row>
    <row r="401602" spans="14:14">
      <c r="N401602" s="10"/>
    </row>
    <row r="401603" spans="14:14">
      <c r="N401603" s="10"/>
    </row>
    <row r="401604" spans="14:14">
      <c r="N401604" s="10"/>
    </row>
    <row r="401605" spans="14:14">
      <c r="N401605" s="10"/>
    </row>
    <row r="401606" spans="14:14">
      <c r="N401606" s="10"/>
    </row>
    <row r="401607" spans="14:14">
      <c r="N401607" s="10"/>
    </row>
    <row r="401608" spans="14:14">
      <c r="N401608" s="10"/>
    </row>
    <row r="401609" spans="14:14">
      <c r="N401609" s="10"/>
    </row>
    <row r="401610" spans="14:14">
      <c r="N401610" s="10"/>
    </row>
    <row r="401611" spans="14:14">
      <c r="N401611" s="10"/>
    </row>
    <row r="401612" spans="14:14">
      <c r="N401612" s="10"/>
    </row>
    <row r="401613" spans="14:14">
      <c r="N401613" s="10"/>
    </row>
    <row r="401614" spans="14:14">
      <c r="N401614" s="10"/>
    </row>
    <row r="401615" spans="14:14">
      <c r="N401615" s="10"/>
    </row>
    <row r="401616" spans="14:14">
      <c r="N401616" s="10"/>
    </row>
    <row r="401617" spans="14:14">
      <c r="N401617" s="10"/>
    </row>
    <row r="401618" spans="14:14">
      <c r="N401618" s="10"/>
    </row>
    <row r="401619" spans="14:14">
      <c r="N401619" s="10"/>
    </row>
    <row r="401620" spans="14:14">
      <c r="N401620" s="10"/>
    </row>
    <row r="401621" spans="14:14">
      <c r="N401621" s="10"/>
    </row>
    <row r="401622" spans="14:14">
      <c r="N401622" s="10"/>
    </row>
    <row r="401623" spans="14:14">
      <c r="N401623" s="10"/>
    </row>
    <row r="401624" spans="14:14">
      <c r="N401624" s="10"/>
    </row>
    <row r="401625" spans="14:14">
      <c r="N401625" s="10"/>
    </row>
    <row r="401626" spans="14:14">
      <c r="N401626" s="10"/>
    </row>
    <row r="401627" spans="14:14">
      <c r="N401627" s="10"/>
    </row>
    <row r="401628" spans="14:14">
      <c r="N401628" s="10"/>
    </row>
    <row r="401629" spans="14:14">
      <c r="N401629" s="10"/>
    </row>
    <row r="401630" spans="14:14">
      <c r="N401630" s="10"/>
    </row>
    <row r="401631" spans="14:14">
      <c r="N401631" s="10"/>
    </row>
    <row r="401632" spans="14:14">
      <c r="N401632" s="10"/>
    </row>
    <row r="401633" spans="14:14">
      <c r="N401633" s="10"/>
    </row>
    <row r="401634" spans="14:14">
      <c r="N401634" s="10"/>
    </row>
    <row r="401635" spans="14:14">
      <c r="N401635" s="10"/>
    </row>
    <row r="401636" spans="14:14">
      <c r="N401636" s="10"/>
    </row>
    <row r="401637" spans="14:14">
      <c r="N401637" s="10"/>
    </row>
    <row r="401638" spans="14:14">
      <c r="N401638" s="10"/>
    </row>
    <row r="401639" spans="14:14">
      <c r="N401639" s="10"/>
    </row>
    <row r="401640" spans="14:14">
      <c r="N401640" s="10"/>
    </row>
    <row r="401641" spans="14:14">
      <c r="N401641" s="10"/>
    </row>
    <row r="401642" spans="14:14">
      <c r="N401642" s="10"/>
    </row>
    <row r="401643" spans="14:14">
      <c r="N401643" s="10"/>
    </row>
    <row r="401644" spans="14:14">
      <c r="N401644" s="10"/>
    </row>
    <row r="401645" spans="14:14">
      <c r="N401645" s="10"/>
    </row>
    <row r="401646" spans="14:14">
      <c r="N401646" s="10"/>
    </row>
    <row r="401647" spans="14:14">
      <c r="N401647" s="10"/>
    </row>
    <row r="401648" spans="14:14">
      <c r="N401648" s="10"/>
    </row>
    <row r="401649" spans="14:14">
      <c r="N401649" s="10"/>
    </row>
    <row r="401650" spans="14:14">
      <c r="N401650" s="10"/>
    </row>
    <row r="401651" spans="14:14">
      <c r="N401651" s="10"/>
    </row>
    <row r="401652" spans="14:14">
      <c r="N401652" s="10"/>
    </row>
    <row r="401653" spans="14:14">
      <c r="N401653" s="10"/>
    </row>
    <row r="401654" spans="14:14">
      <c r="N401654" s="10"/>
    </row>
    <row r="401655" spans="14:14">
      <c r="N401655" s="10"/>
    </row>
    <row r="401656" spans="14:14">
      <c r="N401656" s="10"/>
    </row>
    <row r="401657" spans="14:14">
      <c r="N401657" s="10"/>
    </row>
    <row r="401658" spans="14:14">
      <c r="N401658" s="10"/>
    </row>
    <row r="401659" spans="14:14">
      <c r="N401659" s="10"/>
    </row>
    <row r="401660" spans="14:14">
      <c r="N401660" s="10"/>
    </row>
    <row r="401661" spans="14:14">
      <c r="N401661" s="10"/>
    </row>
    <row r="401662" spans="14:14">
      <c r="N401662" s="10"/>
    </row>
    <row r="401663" spans="14:14">
      <c r="N401663" s="10"/>
    </row>
    <row r="401664" spans="14:14">
      <c r="N401664" s="10"/>
    </row>
    <row r="401665" spans="14:14">
      <c r="N401665" s="10"/>
    </row>
    <row r="401666" spans="14:14">
      <c r="N401666" s="10"/>
    </row>
    <row r="401667" spans="14:14">
      <c r="N401667" s="10"/>
    </row>
    <row r="401668" spans="14:14">
      <c r="N401668" s="10"/>
    </row>
    <row r="401669" spans="14:14">
      <c r="N401669" s="10"/>
    </row>
    <row r="401670" spans="14:14">
      <c r="N401670" s="10"/>
    </row>
    <row r="401671" spans="14:14">
      <c r="N401671" s="10"/>
    </row>
    <row r="401672" spans="14:14">
      <c r="N401672" s="10"/>
    </row>
    <row r="401673" spans="14:14">
      <c r="N401673" s="10"/>
    </row>
    <row r="401674" spans="14:14">
      <c r="N401674" s="10"/>
    </row>
    <row r="401675" spans="14:14">
      <c r="N401675" s="10"/>
    </row>
    <row r="401676" spans="14:14">
      <c r="N401676" s="10"/>
    </row>
    <row r="401677" spans="14:14">
      <c r="N401677" s="10"/>
    </row>
    <row r="401678" spans="14:14">
      <c r="N401678" s="10"/>
    </row>
    <row r="401679" spans="14:14">
      <c r="N401679" s="10"/>
    </row>
    <row r="401680" spans="14:14">
      <c r="N401680" s="10"/>
    </row>
    <row r="401681" spans="14:14">
      <c r="N401681" s="10"/>
    </row>
    <row r="401682" spans="14:14">
      <c r="N401682" s="10"/>
    </row>
    <row r="401683" spans="14:14">
      <c r="N401683" s="10"/>
    </row>
    <row r="401684" spans="14:14">
      <c r="N401684" s="10"/>
    </row>
    <row r="401685" spans="14:14">
      <c r="N401685" s="10"/>
    </row>
    <row r="401686" spans="14:14">
      <c r="N401686" s="10"/>
    </row>
    <row r="401687" spans="14:14">
      <c r="N401687" s="10"/>
    </row>
    <row r="401688" spans="14:14">
      <c r="N401688" s="10"/>
    </row>
    <row r="401689" spans="14:14">
      <c r="N401689" s="10"/>
    </row>
    <row r="401690" spans="14:14">
      <c r="N401690" s="10"/>
    </row>
    <row r="401691" spans="14:14">
      <c r="N401691" s="10"/>
    </row>
    <row r="401692" spans="14:14">
      <c r="N401692" s="10"/>
    </row>
    <row r="401693" spans="14:14">
      <c r="N401693" s="10"/>
    </row>
    <row r="401694" spans="14:14">
      <c r="N401694" s="10"/>
    </row>
    <row r="401695" spans="14:14">
      <c r="N401695" s="10"/>
    </row>
    <row r="401696" spans="14:14">
      <c r="N401696" s="10"/>
    </row>
    <row r="401697" spans="14:14">
      <c r="N401697" s="10"/>
    </row>
    <row r="401698" spans="14:14">
      <c r="N401698" s="10"/>
    </row>
    <row r="401699" spans="14:14">
      <c r="N401699" s="10"/>
    </row>
    <row r="401700" spans="14:14">
      <c r="N401700" s="10"/>
    </row>
    <row r="401701" spans="14:14">
      <c r="N401701" s="10"/>
    </row>
    <row r="401702" spans="14:14">
      <c r="N401702" s="10"/>
    </row>
    <row r="401703" spans="14:14">
      <c r="N401703" s="10"/>
    </row>
    <row r="401704" spans="14:14">
      <c r="N401704" s="10"/>
    </row>
    <row r="401705" spans="14:14">
      <c r="N401705" s="10"/>
    </row>
    <row r="401706" spans="14:14">
      <c r="N401706" s="10"/>
    </row>
    <row r="401707" spans="14:14">
      <c r="N401707" s="10"/>
    </row>
    <row r="401708" spans="14:14">
      <c r="N401708" s="10"/>
    </row>
    <row r="401709" spans="14:14">
      <c r="N401709" s="10"/>
    </row>
    <row r="401710" spans="14:14">
      <c r="N401710" s="10"/>
    </row>
    <row r="401711" spans="14:14">
      <c r="N401711" s="10"/>
    </row>
    <row r="401712" spans="14:14">
      <c r="N401712" s="10"/>
    </row>
    <row r="401713" spans="14:14">
      <c r="N401713" s="10"/>
    </row>
    <row r="401714" spans="14:14">
      <c r="N401714" s="10"/>
    </row>
    <row r="401715" spans="14:14">
      <c r="N401715" s="10"/>
    </row>
    <row r="401716" spans="14:14">
      <c r="N401716" s="10"/>
    </row>
    <row r="401717" spans="14:14">
      <c r="N401717" s="10"/>
    </row>
    <row r="401718" spans="14:14">
      <c r="N401718" s="10"/>
    </row>
    <row r="401719" spans="14:14">
      <c r="N401719" s="10"/>
    </row>
    <row r="401720" spans="14:14">
      <c r="N401720" s="10"/>
    </row>
    <row r="401721" spans="14:14">
      <c r="N401721" s="10"/>
    </row>
    <row r="401722" spans="14:14">
      <c r="N401722" s="10"/>
    </row>
    <row r="401723" spans="14:14">
      <c r="N401723" s="10"/>
    </row>
    <row r="401724" spans="14:14">
      <c r="N401724" s="10"/>
    </row>
    <row r="401725" spans="14:14">
      <c r="N401725" s="10"/>
    </row>
    <row r="401726" spans="14:14">
      <c r="N401726" s="10"/>
    </row>
    <row r="401727" spans="14:14">
      <c r="N401727" s="10"/>
    </row>
    <row r="401728" spans="14:14">
      <c r="N401728" s="10"/>
    </row>
    <row r="401729" spans="14:14">
      <c r="N401729" s="10"/>
    </row>
    <row r="401730" spans="14:14">
      <c r="N401730" s="10"/>
    </row>
    <row r="401731" spans="14:14">
      <c r="N401731" s="10"/>
    </row>
    <row r="401732" spans="14:14">
      <c r="N401732" s="10"/>
    </row>
    <row r="401733" spans="14:14">
      <c r="N401733" s="10"/>
    </row>
    <row r="401734" spans="14:14">
      <c r="N401734" s="10"/>
    </row>
    <row r="401735" spans="14:14">
      <c r="N401735" s="10"/>
    </row>
    <row r="401736" spans="14:14">
      <c r="N401736" s="10"/>
    </row>
    <row r="401737" spans="14:14">
      <c r="N401737" s="10"/>
    </row>
    <row r="401738" spans="14:14">
      <c r="N401738" s="10"/>
    </row>
    <row r="401739" spans="14:14">
      <c r="N401739" s="10"/>
    </row>
    <row r="401740" spans="14:14">
      <c r="N401740" s="10"/>
    </row>
    <row r="401741" spans="14:14">
      <c r="N401741" s="10"/>
    </row>
    <row r="401742" spans="14:14">
      <c r="N401742" s="10"/>
    </row>
    <row r="401743" spans="14:14">
      <c r="N401743" s="10"/>
    </row>
    <row r="401744" spans="14:14">
      <c r="N401744" s="10"/>
    </row>
    <row r="401745" spans="14:14">
      <c r="N401745" s="10"/>
    </row>
    <row r="401746" spans="14:14">
      <c r="N401746" s="10"/>
    </row>
    <row r="401747" spans="14:14">
      <c r="N401747" s="10"/>
    </row>
    <row r="401748" spans="14:14">
      <c r="N401748" s="10"/>
    </row>
    <row r="401749" spans="14:14">
      <c r="N401749" s="10"/>
    </row>
    <row r="401750" spans="14:14">
      <c r="N401750" s="10"/>
    </row>
    <row r="401751" spans="14:14">
      <c r="N401751" s="10"/>
    </row>
    <row r="401752" spans="14:14">
      <c r="N401752" s="10"/>
    </row>
    <row r="401753" spans="14:14">
      <c r="N401753" s="10"/>
    </row>
    <row r="401754" spans="14:14">
      <c r="N401754" s="10"/>
    </row>
    <row r="401755" spans="14:14">
      <c r="N401755" s="10"/>
    </row>
    <row r="401756" spans="14:14">
      <c r="N401756" s="10"/>
    </row>
    <row r="401757" spans="14:14">
      <c r="N401757" s="10"/>
    </row>
    <row r="401758" spans="14:14">
      <c r="N401758" s="10"/>
    </row>
    <row r="401759" spans="14:14">
      <c r="N401759" s="10"/>
    </row>
    <row r="401760" spans="14:14">
      <c r="N401760" s="10"/>
    </row>
    <row r="401761" spans="14:14">
      <c r="N401761" s="10"/>
    </row>
    <row r="401762" spans="14:14">
      <c r="N401762" s="10"/>
    </row>
    <row r="401763" spans="14:14">
      <c r="N401763" s="10"/>
    </row>
    <row r="401764" spans="14:14">
      <c r="N401764" s="10"/>
    </row>
    <row r="401765" spans="14:14">
      <c r="N401765" s="10"/>
    </row>
    <row r="401766" spans="14:14">
      <c r="N401766" s="10"/>
    </row>
    <row r="401767" spans="14:14">
      <c r="N401767" s="10"/>
    </row>
    <row r="401768" spans="14:14">
      <c r="N401768" s="10"/>
    </row>
    <row r="401769" spans="14:14">
      <c r="N401769" s="10"/>
    </row>
    <row r="401770" spans="14:14">
      <c r="N401770" s="10"/>
    </row>
    <row r="401771" spans="14:14">
      <c r="N401771" s="10"/>
    </row>
    <row r="401772" spans="14:14">
      <c r="N401772" s="10"/>
    </row>
    <row r="401773" spans="14:14">
      <c r="N401773" s="10"/>
    </row>
    <row r="401774" spans="14:14">
      <c r="N401774" s="10"/>
    </row>
    <row r="401775" spans="14:14">
      <c r="N401775" s="10"/>
    </row>
    <row r="401776" spans="14:14">
      <c r="N401776" s="10"/>
    </row>
    <row r="401777" spans="14:14">
      <c r="N401777" s="10"/>
    </row>
    <row r="401778" spans="14:14">
      <c r="N401778" s="10"/>
    </row>
    <row r="401779" spans="14:14">
      <c r="N401779" s="10"/>
    </row>
    <row r="401780" spans="14:14">
      <c r="N401780" s="10"/>
    </row>
    <row r="401781" spans="14:14">
      <c r="N401781" s="10"/>
    </row>
    <row r="401782" spans="14:14">
      <c r="N401782" s="10"/>
    </row>
    <row r="401783" spans="14:14">
      <c r="N401783" s="10"/>
    </row>
    <row r="401784" spans="14:14">
      <c r="N401784" s="10"/>
    </row>
    <row r="401785" spans="14:14">
      <c r="N401785" s="10"/>
    </row>
    <row r="401786" spans="14:14">
      <c r="N401786" s="10"/>
    </row>
    <row r="401787" spans="14:14">
      <c r="N401787" s="10"/>
    </row>
    <row r="401788" spans="14:14">
      <c r="N401788" s="10"/>
    </row>
    <row r="401789" spans="14:14">
      <c r="N401789" s="10"/>
    </row>
    <row r="401790" spans="14:14">
      <c r="N401790" s="10"/>
    </row>
    <row r="401791" spans="14:14">
      <c r="N401791" s="10"/>
    </row>
    <row r="401792" spans="14:14">
      <c r="N401792" s="10"/>
    </row>
    <row r="401793" spans="14:14">
      <c r="N401793" s="10"/>
    </row>
    <row r="401794" spans="14:14">
      <c r="N401794" s="10"/>
    </row>
    <row r="401795" spans="14:14">
      <c r="N401795" s="10"/>
    </row>
    <row r="401796" spans="14:14">
      <c r="N401796" s="10"/>
    </row>
    <row r="401797" spans="14:14">
      <c r="N401797" s="10"/>
    </row>
    <row r="401798" spans="14:14">
      <c r="N401798" s="10"/>
    </row>
    <row r="401799" spans="14:14">
      <c r="N401799" s="10"/>
    </row>
    <row r="401800" spans="14:14">
      <c r="N401800" s="10"/>
    </row>
    <row r="401801" spans="14:14">
      <c r="N401801" s="10"/>
    </row>
    <row r="401802" spans="14:14">
      <c r="N401802" s="10"/>
    </row>
    <row r="401803" spans="14:14">
      <c r="N401803" s="10"/>
    </row>
    <row r="401804" spans="14:14">
      <c r="N401804" s="10"/>
    </row>
    <row r="401805" spans="14:14">
      <c r="N401805" s="10"/>
    </row>
    <row r="401806" spans="14:14">
      <c r="N401806" s="10"/>
    </row>
    <row r="401807" spans="14:14">
      <c r="N401807" s="10"/>
    </row>
    <row r="401808" spans="14:14">
      <c r="N401808" s="10"/>
    </row>
    <row r="401809" spans="14:14">
      <c r="N401809" s="10"/>
    </row>
    <row r="401810" spans="14:14">
      <c r="N401810" s="10"/>
    </row>
    <row r="401811" spans="14:14">
      <c r="N401811" s="10"/>
    </row>
    <row r="401812" spans="14:14">
      <c r="N401812" s="10"/>
    </row>
    <row r="401813" spans="14:14">
      <c r="N401813" s="10"/>
    </row>
    <row r="401814" spans="14:14">
      <c r="N401814" s="10"/>
    </row>
    <row r="401815" spans="14:14">
      <c r="N401815" s="10"/>
    </row>
    <row r="401816" spans="14:14">
      <c r="N401816" s="10"/>
    </row>
    <row r="401817" spans="14:14">
      <c r="N401817" s="10"/>
    </row>
    <row r="401818" spans="14:14">
      <c r="N401818" s="10"/>
    </row>
    <row r="401819" spans="14:14">
      <c r="N401819" s="10"/>
    </row>
    <row r="401820" spans="14:14">
      <c r="N401820" s="10"/>
    </row>
    <row r="401821" spans="14:14">
      <c r="N401821" s="10"/>
    </row>
    <row r="401822" spans="14:14">
      <c r="N401822" s="10"/>
    </row>
    <row r="401823" spans="14:14">
      <c r="N401823" s="10"/>
    </row>
    <row r="401824" spans="14:14">
      <c r="N401824" s="10"/>
    </row>
    <row r="401825" spans="14:14">
      <c r="N401825" s="10"/>
    </row>
    <row r="401826" spans="14:14">
      <c r="N401826" s="10"/>
    </row>
    <row r="401827" spans="14:14">
      <c r="N401827" s="10"/>
    </row>
    <row r="401828" spans="14:14">
      <c r="N401828" s="10"/>
    </row>
    <row r="401829" spans="14:14">
      <c r="N401829" s="10"/>
    </row>
    <row r="401830" spans="14:14">
      <c r="N401830" s="10"/>
    </row>
    <row r="401831" spans="14:14">
      <c r="N401831" s="10"/>
    </row>
    <row r="401832" spans="14:14">
      <c r="N401832" s="10"/>
    </row>
    <row r="401833" spans="14:14">
      <c r="N401833" s="10"/>
    </row>
    <row r="401834" spans="14:14">
      <c r="N401834" s="10"/>
    </row>
    <row r="401835" spans="14:14">
      <c r="N401835" s="10"/>
    </row>
    <row r="401836" spans="14:14">
      <c r="N401836" s="10"/>
    </row>
    <row r="401837" spans="14:14">
      <c r="N401837" s="10"/>
    </row>
    <row r="401838" spans="14:14">
      <c r="N401838" s="10"/>
    </row>
    <row r="401839" spans="14:14">
      <c r="N401839" s="10"/>
    </row>
    <row r="401840" spans="14:14">
      <c r="N401840" s="10"/>
    </row>
    <row r="401841" spans="14:14">
      <c r="N401841" s="10"/>
    </row>
    <row r="401842" spans="14:14">
      <c r="N401842" s="10"/>
    </row>
    <row r="401843" spans="14:14">
      <c r="N401843" s="10"/>
    </row>
    <row r="401844" spans="14:14">
      <c r="N401844" s="10"/>
    </row>
    <row r="401845" spans="14:14">
      <c r="N401845" s="10"/>
    </row>
    <row r="401846" spans="14:14">
      <c r="N401846" s="10"/>
    </row>
    <row r="401847" spans="14:14">
      <c r="N401847" s="10"/>
    </row>
    <row r="401848" spans="14:14">
      <c r="N401848" s="10"/>
    </row>
    <row r="401849" spans="14:14">
      <c r="N401849" s="10"/>
    </row>
    <row r="401850" spans="14:14">
      <c r="N401850" s="10"/>
    </row>
    <row r="401851" spans="14:14">
      <c r="N401851" s="10"/>
    </row>
    <row r="401852" spans="14:14">
      <c r="N401852" s="10"/>
    </row>
    <row r="401853" spans="14:14">
      <c r="N401853" s="10"/>
    </row>
    <row r="401854" spans="14:14">
      <c r="N401854" s="10"/>
    </row>
    <row r="401855" spans="14:14">
      <c r="N401855" s="10"/>
    </row>
    <row r="401856" spans="14:14">
      <c r="N401856" s="10"/>
    </row>
    <row r="401857" spans="14:14">
      <c r="N401857" s="10"/>
    </row>
    <row r="401858" spans="14:14">
      <c r="N401858" s="10"/>
    </row>
    <row r="401859" spans="14:14">
      <c r="N401859" s="10"/>
    </row>
    <row r="401860" spans="14:14">
      <c r="N401860" s="10"/>
    </row>
    <row r="401861" spans="14:14">
      <c r="N401861" s="10"/>
    </row>
    <row r="401862" spans="14:14">
      <c r="N401862" s="10"/>
    </row>
    <row r="401863" spans="14:14">
      <c r="N401863" s="10"/>
    </row>
    <row r="401864" spans="14:14">
      <c r="N401864" s="10"/>
    </row>
    <row r="401865" spans="14:14">
      <c r="N401865" s="10"/>
    </row>
    <row r="401866" spans="14:14">
      <c r="N401866" s="10"/>
    </row>
    <row r="401867" spans="14:14">
      <c r="N401867" s="10"/>
    </row>
    <row r="401868" spans="14:14">
      <c r="N401868" s="10"/>
    </row>
    <row r="401869" spans="14:14">
      <c r="N401869" s="10"/>
    </row>
    <row r="401870" spans="14:14">
      <c r="N401870" s="10"/>
    </row>
    <row r="401871" spans="14:14">
      <c r="N401871" s="10"/>
    </row>
    <row r="401872" spans="14:14">
      <c r="N401872" s="10"/>
    </row>
    <row r="401873" spans="14:14">
      <c r="N401873" s="10"/>
    </row>
    <row r="401874" spans="14:14">
      <c r="N401874" s="10"/>
    </row>
    <row r="401875" spans="14:14">
      <c r="N401875" s="10"/>
    </row>
    <row r="401876" spans="14:14">
      <c r="N401876" s="10"/>
    </row>
    <row r="401877" spans="14:14">
      <c r="N401877" s="10"/>
    </row>
    <row r="401878" spans="14:14">
      <c r="N401878" s="10"/>
    </row>
    <row r="401879" spans="14:14">
      <c r="N401879" s="10"/>
    </row>
    <row r="401880" spans="14:14">
      <c r="N401880" s="10"/>
    </row>
    <row r="401881" spans="14:14">
      <c r="N401881" s="10"/>
    </row>
    <row r="401882" spans="14:14">
      <c r="N401882" s="10"/>
    </row>
    <row r="401883" spans="14:14">
      <c r="N401883" s="10"/>
    </row>
    <row r="401884" spans="14:14">
      <c r="N401884" s="10"/>
    </row>
    <row r="401885" spans="14:14">
      <c r="N401885" s="10"/>
    </row>
    <row r="401886" spans="14:14">
      <c r="N401886" s="10"/>
    </row>
    <row r="401887" spans="14:14">
      <c r="N401887" s="10"/>
    </row>
    <row r="401888" spans="14:14">
      <c r="N401888" s="10"/>
    </row>
    <row r="401889" spans="14:14">
      <c r="N401889" s="10"/>
    </row>
    <row r="401890" spans="14:14">
      <c r="N401890" s="10"/>
    </row>
    <row r="401891" spans="14:14">
      <c r="N401891" s="10"/>
    </row>
    <row r="401892" spans="14:14">
      <c r="N401892" s="10"/>
    </row>
    <row r="401893" spans="14:14">
      <c r="N401893" s="10"/>
    </row>
    <row r="401894" spans="14:14">
      <c r="N401894" s="10"/>
    </row>
    <row r="401895" spans="14:14">
      <c r="N401895" s="10"/>
    </row>
    <row r="401896" spans="14:14">
      <c r="N401896" s="10"/>
    </row>
    <row r="401897" spans="14:14">
      <c r="N401897" s="10"/>
    </row>
    <row r="401898" spans="14:14">
      <c r="N401898" s="10"/>
    </row>
    <row r="401899" spans="14:14">
      <c r="N401899" s="10"/>
    </row>
    <row r="401900" spans="14:14">
      <c r="N401900" s="10"/>
    </row>
    <row r="401901" spans="14:14">
      <c r="N401901" s="10"/>
    </row>
    <row r="401902" spans="14:14">
      <c r="N401902" s="10"/>
    </row>
    <row r="401903" spans="14:14">
      <c r="N401903" s="10"/>
    </row>
    <row r="401904" spans="14:14">
      <c r="N401904" s="10"/>
    </row>
    <row r="401905" spans="14:14">
      <c r="N401905" s="10"/>
    </row>
    <row r="401906" spans="14:14">
      <c r="N401906" s="10"/>
    </row>
    <row r="401907" spans="14:14">
      <c r="N401907" s="10"/>
    </row>
    <row r="401908" spans="14:14">
      <c r="N401908" s="10"/>
    </row>
    <row r="401909" spans="14:14">
      <c r="N401909" s="10"/>
    </row>
    <row r="401910" spans="14:14">
      <c r="N401910" s="10"/>
    </row>
    <row r="401911" spans="14:14">
      <c r="N401911" s="10"/>
    </row>
    <row r="401912" spans="14:14">
      <c r="N401912" s="10"/>
    </row>
    <row r="401913" spans="14:14">
      <c r="N401913" s="10"/>
    </row>
    <row r="401914" spans="14:14">
      <c r="N401914" s="10"/>
    </row>
    <row r="401915" spans="14:14">
      <c r="N401915" s="10"/>
    </row>
    <row r="401916" spans="14:14">
      <c r="N401916" s="10"/>
    </row>
    <row r="401917" spans="14:14">
      <c r="N401917" s="10"/>
    </row>
    <row r="401918" spans="14:14">
      <c r="N401918" s="10"/>
    </row>
    <row r="401919" spans="14:14">
      <c r="N401919" s="10"/>
    </row>
    <row r="401920" spans="14:14">
      <c r="N401920" s="10"/>
    </row>
    <row r="401921" spans="14:14">
      <c r="N401921" s="10"/>
    </row>
    <row r="401922" spans="14:14">
      <c r="N401922" s="10"/>
    </row>
    <row r="401923" spans="14:14">
      <c r="N401923" s="10"/>
    </row>
    <row r="401924" spans="14:14">
      <c r="N401924" s="10"/>
    </row>
    <row r="401925" spans="14:14">
      <c r="N401925" s="10"/>
    </row>
    <row r="401926" spans="14:14">
      <c r="N401926" s="10"/>
    </row>
    <row r="401927" spans="14:14">
      <c r="N401927" s="10"/>
    </row>
    <row r="401928" spans="14:14">
      <c r="N401928" s="10"/>
    </row>
    <row r="401929" spans="14:14">
      <c r="N401929" s="10"/>
    </row>
    <row r="401930" spans="14:14">
      <c r="N401930" s="10"/>
    </row>
    <row r="401931" spans="14:14">
      <c r="N401931" s="10"/>
    </row>
    <row r="401932" spans="14:14">
      <c r="N401932" s="10"/>
    </row>
    <row r="401933" spans="14:14">
      <c r="N401933" s="10"/>
    </row>
    <row r="401934" spans="14:14">
      <c r="N401934" s="10"/>
    </row>
    <row r="401935" spans="14:14">
      <c r="N401935" s="10"/>
    </row>
    <row r="401936" spans="14:14">
      <c r="N401936" s="10"/>
    </row>
    <row r="401937" spans="14:14">
      <c r="N401937" s="10"/>
    </row>
    <row r="401938" spans="14:14">
      <c r="N401938" s="10"/>
    </row>
    <row r="401939" spans="14:14">
      <c r="N401939" s="10"/>
    </row>
    <row r="401940" spans="14:14">
      <c r="N401940" s="10"/>
    </row>
    <row r="401941" spans="14:14">
      <c r="N401941" s="10"/>
    </row>
    <row r="401942" spans="14:14">
      <c r="N401942" s="10"/>
    </row>
    <row r="401943" spans="14:14">
      <c r="N401943" s="10"/>
    </row>
    <row r="401944" spans="14:14">
      <c r="N401944" s="10"/>
    </row>
    <row r="401945" spans="14:14">
      <c r="N401945" s="10"/>
    </row>
    <row r="401946" spans="14:14">
      <c r="N401946" s="10"/>
    </row>
    <row r="401947" spans="14:14">
      <c r="N401947" s="10"/>
    </row>
    <row r="401948" spans="14:14">
      <c r="N401948" s="10"/>
    </row>
    <row r="401949" spans="14:14">
      <c r="N401949" s="10"/>
    </row>
    <row r="401950" spans="14:14">
      <c r="N401950" s="10"/>
    </row>
    <row r="401951" spans="14:14">
      <c r="N401951" s="10"/>
    </row>
    <row r="401952" spans="14:14">
      <c r="N401952" s="10"/>
    </row>
    <row r="401953" spans="14:14">
      <c r="N401953" s="10"/>
    </row>
    <row r="401954" spans="14:14">
      <c r="N401954" s="10"/>
    </row>
    <row r="401955" spans="14:14">
      <c r="N401955" s="10"/>
    </row>
    <row r="401956" spans="14:14">
      <c r="N401956" s="10"/>
    </row>
    <row r="401957" spans="14:14">
      <c r="N401957" s="10"/>
    </row>
    <row r="401958" spans="14:14">
      <c r="N401958" s="10"/>
    </row>
    <row r="401959" spans="14:14">
      <c r="N401959" s="10"/>
    </row>
    <row r="401960" spans="14:14">
      <c r="N401960" s="10"/>
    </row>
    <row r="401961" spans="14:14">
      <c r="N401961" s="10"/>
    </row>
    <row r="401962" spans="14:14">
      <c r="N401962" s="10"/>
    </row>
    <row r="401963" spans="14:14">
      <c r="N401963" s="10"/>
    </row>
    <row r="401964" spans="14:14">
      <c r="N401964" s="10"/>
    </row>
    <row r="401965" spans="14:14">
      <c r="N401965" s="10"/>
    </row>
    <row r="401966" spans="14:14">
      <c r="N401966" s="10"/>
    </row>
    <row r="401967" spans="14:14">
      <c r="N401967" s="10"/>
    </row>
    <row r="401968" spans="14:14">
      <c r="N401968" s="10"/>
    </row>
    <row r="401969" spans="14:14">
      <c r="N401969" s="10"/>
    </row>
    <row r="401970" spans="14:14">
      <c r="N401970" s="10"/>
    </row>
    <row r="401971" spans="14:14">
      <c r="N401971" s="10"/>
    </row>
    <row r="401972" spans="14:14">
      <c r="N401972" s="10"/>
    </row>
    <row r="401973" spans="14:14">
      <c r="N401973" s="10"/>
    </row>
    <row r="401974" spans="14:14">
      <c r="N401974" s="10"/>
    </row>
    <row r="401975" spans="14:14">
      <c r="N401975" s="10"/>
    </row>
    <row r="401976" spans="14:14">
      <c r="N401976" s="10"/>
    </row>
    <row r="401977" spans="14:14">
      <c r="N401977" s="10"/>
    </row>
    <row r="401978" spans="14:14">
      <c r="N401978" s="10"/>
    </row>
    <row r="401979" spans="14:14">
      <c r="N401979" s="10"/>
    </row>
    <row r="401980" spans="14:14">
      <c r="N401980" s="10"/>
    </row>
    <row r="401981" spans="14:14">
      <c r="N401981" s="10"/>
    </row>
    <row r="401982" spans="14:14">
      <c r="N401982" s="10"/>
    </row>
    <row r="401983" spans="14:14">
      <c r="N401983" s="10"/>
    </row>
    <row r="401984" spans="14:14">
      <c r="N401984" s="10"/>
    </row>
    <row r="401985" spans="14:14">
      <c r="N401985" s="10"/>
    </row>
    <row r="401986" spans="14:14">
      <c r="N401986" s="10"/>
    </row>
    <row r="401987" spans="14:14">
      <c r="N401987" s="10"/>
    </row>
    <row r="401988" spans="14:14">
      <c r="N401988" s="10"/>
    </row>
    <row r="401989" spans="14:14">
      <c r="N401989" s="10"/>
    </row>
    <row r="401990" spans="14:14">
      <c r="N401990" s="10"/>
    </row>
    <row r="401991" spans="14:14">
      <c r="N401991" s="10"/>
    </row>
    <row r="401992" spans="14:14">
      <c r="N401992" s="10"/>
    </row>
    <row r="401993" spans="14:14">
      <c r="N401993" s="10"/>
    </row>
    <row r="401994" spans="14:14">
      <c r="N401994" s="10"/>
    </row>
    <row r="401995" spans="14:14">
      <c r="N401995" s="10"/>
    </row>
    <row r="401996" spans="14:14">
      <c r="N401996" s="10"/>
    </row>
    <row r="401997" spans="14:14">
      <c r="N401997" s="10"/>
    </row>
    <row r="401998" spans="14:14">
      <c r="N401998" s="10"/>
    </row>
    <row r="401999" spans="14:14">
      <c r="N401999" s="10"/>
    </row>
    <row r="402000" spans="14:14">
      <c r="N402000" s="10"/>
    </row>
    <row r="402001" spans="14:14">
      <c r="N402001" s="10"/>
    </row>
    <row r="402002" spans="14:14">
      <c r="N402002" s="10"/>
    </row>
    <row r="402003" spans="14:14">
      <c r="N402003" s="10"/>
    </row>
    <row r="402004" spans="14:14">
      <c r="N402004" s="10"/>
    </row>
    <row r="402005" spans="14:14">
      <c r="N402005" s="10"/>
    </row>
    <row r="402006" spans="14:14">
      <c r="N402006" s="10"/>
    </row>
    <row r="402007" spans="14:14">
      <c r="N402007" s="10"/>
    </row>
    <row r="402008" spans="14:14">
      <c r="N402008" s="10"/>
    </row>
    <row r="402009" spans="14:14">
      <c r="N402009" s="10"/>
    </row>
    <row r="402010" spans="14:14">
      <c r="N402010" s="10"/>
    </row>
    <row r="402011" spans="14:14">
      <c r="N402011" s="10"/>
    </row>
    <row r="402012" spans="14:14">
      <c r="N402012" s="10"/>
    </row>
    <row r="402013" spans="14:14">
      <c r="N402013" s="10"/>
    </row>
    <row r="402014" spans="14:14">
      <c r="N402014" s="10"/>
    </row>
    <row r="402015" spans="14:14">
      <c r="N402015" s="10"/>
    </row>
    <row r="402016" spans="14:14">
      <c r="N402016" s="10"/>
    </row>
    <row r="402017" spans="14:14">
      <c r="N402017" s="10"/>
    </row>
    <row r="402018" spans="14:14">
      <c r="N402018" s="10"/>
    </row>
    <row r="402019" spans="14:14">
      <c r="N402019" s="10"/>
    </row>
    <row r="402020" spans="14:14">
      <c r="N402020" s="10"/>
    </row>
    <row r="402021" spans="14:14">
      <c r="N402021" s="10"/>
    </row>
    <row r="402022" spans="14:14">
      <c r="N402022" s="10"/>
    </row>
    <row r="402023" spans="14:14">
      <c r="N402023" s="10"/>
    </row>
    <row r="402024" spans="14:14">
      <c r="N402024" s="10"/>
    </row>
    <row r="402025" spans="14:14">
      <c r="N402025" s="10"/>
    </row>
    <row r="402026" spans="14:14">
      <c r="N402026" s="10"/>
    </row>
    <row r="402027" spans="14:14">
      <c r="N402027" s="10"/>
    </row>
    <row r="402028" spans="14:14">
      <c r="N402028" s="10"/>
    </row>
    <row r="402029" spans="14:14">
      <c r="N402029" s="10"/>
    </row>
    <row r="402030" spans="14:14">
      <c r="N402030" s="10"/>
    </row>
    <row r="402031" spans="14:14">
      <c r="N402031" s="10"/>
    </row>
    <row r="402032" spans="14:14">
      <c r="N402032" s="10"/>
    </row>
    <row r="402033" spans="14:14">
      <c r="N402033" s="10"/>
    </row>
    <row r="402034" spans="14:14">
      <c r="N402034" s="10"/>
    </row>
    <row r="402035" spans="14:14">
      <c r="N402035" s="10"/>
    </row>
    <row r="402036" spans="14:14">
      <c r="N402036" s="10"/>
    </row>
    <row r="402037" spans="14:14">
      <c r="N402037" s="10"/>
    </row>
    <row r="402038" spans="14:14">
      <c r="N402038" s="10"/>
    </row>
    <row r="402039" spans="14:14">
      <c r="N402039" s="10"/>
    </row>
    <row r="402040" spans="14:14">
      <c r="N402040" s="10"/>
    </row>
    <row r="402041" spans="14:14">
      <c r="N402041" s="10"/>
    </row>
    <row r="402042" spans="14:14">
      <c r="N402042" s="10"/>
    </row>
    <row r="402043" spans="14:14">
      <c r="N402043" s="10"/>
    </row>
    <row r="402044" spans="14:14">
      <c r="N402044" s="10"/>
    </row>
    <row r="402045" spans="14:14">
      <c r="N402045" s="10"/>
    </row>
    <row r="402046" spans="14:14">
      <c r="N402046" s="10"/>
    </row>
    <row r="402047" spans="14:14">
      <c r="N402047" s="10"/>
    </row>
    <row r="402048" spans="14:14">
      <c r="N402048" s="10"/>
    </row>
    <row r="402049" spans="14:14">
      <c r="N402049" s="10"/>
    </row>
    <row r="402050" spans="14:14">
      <c r="N402050" s="10"/>
    </row>
    <row r="402051" spans="14:14">
      <c r="N402051" s="10"/>
    </row>
    <row r="402052" spans="14:14">
      <c r="N402052" s="10"/>
    </row>
    <row r="402053" spans="14:14">
      <c r="N402053" s="10"/>
    </row>
    <row r="402054" spans="14:14">
      <c r="N402054" s="10"/>
    </row>
    <row r="402055" spans="14:14">
      <c r="N402055" s="10"/>
    </row>
    <row r="402056" spans="14:14">
      <c r="N402056" s="10"/>
    </row>
    <row r="402057" spans="14:14">
      <c r="N402057" s="10"/>
    </row>
    <row r="402058" spans="14:14">
      <c r="N402058" s="10"/>
    </row>
    <row r="402059" spans="14:14">
      <c r="N402059" s="10"/>
    </row>
    <row r="402060" spans="14:14">
      <c r="N402060" s="10"/>
    </row>
    <row r="402061" spans="14:14">
      <c r="N402061" s="10"/>
    </row>
    <row r="402062" spans="14:14">
      <c r="N402062" s="10"/>
    </row>
    <row r="402063" spans="14:14">
      <c r="N402063" s="10"/>
    </row>
    <row r="402064" spans="14:14">
      <c r="N402064" s="10"/>
    </row>
    <row r="402065" spans="14:14">
      <c r="N402065" s="10"/>
    </row>
    <row r="402066" spans="14:14">
      <c r="N402066" s="10"/>
    </row>
    <row r="402067" spans="14:14">
      <c r="N402067" s="10"/>
    </row>
    <row r="402068" spans="14:14">
      <c r="N402068" s="10"/>
    </row>
    <row r="402069" spans="14:14">
      <c r="N402069" s="10"/>
    </row>
    <row r="402070" spans="14:14">
      <c r="N402070" s="10"/>
    </row>
    <row r="402071" spans="14:14">
      <c r="N402071" s="10"/>
    </row>
    <row r="402072" spans="14:14">
      <c r="N402072" s="10"/>
    </row>
    <row r="402073" spans="14:14">
      <c r="N402073" s="10"/>
    </row>
    <row r="402074" spans="14:14">
      <c r="N402074" s="10"/>
    </row>
    <row r="402075" spans="14:14">
      <c r="N402075" s="10"/>
    </row>
    <row r="402076" spans="14:14">
      <c r="N402076" s="10"/>
    </row>
    <row r="402077" spans="14:14">
      <c r="N402077" s="10"/>
    </row>
    <row r="402078" spans="14:14">
      <c r="N402078" s="10"/>
    </row>
    <row r="402079" spans="14:14">
      <c r="N402079" s="10"/>
    </row>
    <row r="402080" spans="14:14">
      <c r="N402080" s="10"/>
    </row>
    <row r="402081" spans="14:14">
      <c r="N402081" s="10"/>
    </row>
    <row r="402082" spans="14:14">
      <c r="N402082" s="10"/>
    </row>
    <row r="402083" spans="14:14">
      <c r="N402083" s="10"/>
    </row>
    <row r="402084" spans="14:14">
      <c r="N402084" s="10"/>
    </row>
    <row r="402085" spans="14:14">
      <c r="N402085" s="10"/>
    </row>
    <row r="402086" spans="14:14">
      <c r="N402086" s="10"/>
    </row>
    <row r="402087" spans="14:14">
      <c r="N402087" s="10"/>
    </row>
    <row r="402088" spans="14:14">
      <c r="N402088" s="10"/>
    </row>
    <row r="402089" spans="14:14">
      <c r="N402089" s="10"/>
    </row>
    <row r="402090" spans="14:14">
      <c r="N402090" s="10"/>
    </row>
    <row r="402091" spans="14:14">
      <c r="N402091" s="10"/>
    </row>
    <row r="402092" spans="14:14">
      <c r="N402092" s="10"/>
    </row>
    <row r="402093" spans="14:14">
      <c r="N402093" s="10"/>
    </row>
    <row r="402094" spans="14:14">
      <c r="N402094" s="10"/>
    </row>
    <row r="402095" spans="14:14">
      <c r="N402095" s="10"/>
    </row>
    <row r="402096" spans="14:14">
      <c r="N402096" s="10"/>
    </row>
    <row r="402097" spans="14:14">
      <c r="N402097" s="10"/>
    </row>
    <row r="402098" spans="14:14">
      <c r="N402098" s="10"/>
    </row>
    <row r="402099" spans="14:14">
      <c r="N402099" s="10"/>
    </row>
    <row r="402100" spans="14:14">
      <c r="N402100" s="10"/>
    </row>
    <row r="402101" spans="14:14">
      <c r="N402101" s="10"/>
    </row>
    <row r="402102" spans="14:14">
      <c r="N402102" s="10"/>
    </row>
    <row r="402103" spans="14:14">
      <c r="N402103" s="10"/>
    </row>
    <row r="402104" spans="14:14">
      <c r="N402104" s="10"/>
    </row>
    <row r="402105" spans="14:14">
      <c r="N402105" s="10"/>
    </row>
    <row r="402106" spans="14:14">
      <c r="N402106" s="10"/>
    </row>
    <row r="402107" spans="14:14">
      <c r="N402107" s="10"/>
    </row>
    <row r="402108" spans="14:14">
      <c r="N402108" s="10"/>
    </row>
    <row r="402109" spans="14:14">
      <c r="N402109" s="10"/>
    </row>
    <row r="402110" spans="14:14">
      <c r="N402110" s="10"/>
    </row>
    <row r="402111" spans="14:14">
      <c r="N402111" s="10"/>
    </row>
    <row r="402112" spans="14:14">
      <c r="N402112" s="10"/>
    </row>
    <row r="402113" spans="14:14">
      <c r="N402113" s="10"/>
    </row>
    <row r="402114" spans="14:14">
      <c r="N402114" s="10"/>
    </row>
    <row r="402115" spans="14:14">
      <c r="N402115" s="10"/>
    </row>
    <row r="402116" spans="14:14">
      <c r="N402116" s="10"/>
    </row>
    <row r="402117" spans="14:14">
      <c r="N402117" s="10"/>
    </row>
    <row r="402118" spans="14:14">
      <c r="N402118" s="10"/>
    </row>
    <row r="402119" spans="14:14">
      <c r="N402119" s="10"/>
    </row>
    <row r="402120" spans="14:14">
      <c r="N402120" s="10"/>
    </row>
    <row r="402121" spans="14:14">
      <c r="N402121" s="10"/>
    </row>
    <row r="402122" spans="14:14">
      <c r="N402122" s="10"/>
    </row>
    <row r="402123" spans="14:14">
      <c r="N402123" s="10"/>
    </row>
    <row r="402124" spans="14:14">
      <c r="N402124" s="10"/>
    </row>
    <row r="402125" spans="14:14">
      <c r="N402125" s="10"/>
    </row>
    <row r="402126" spans="14:14">
      <c r="N402126" s="10"/>
    </row>
    <row r="402127" spans="14:14">
      <c r="N402127" s="10"/>
    </row>
    <row r="402128" spans="14:14">
      <c r="N402128" s="10"/>
    </row>
    <row r="402129" spans="14:14">
      <c r="N402129" s="10"/>
    </row>
    <row r="402130" spans="14:14">
      <c r="N402130" s="10"/>
    </row>
    <row r="402131" spans="14:14">
      <c r="N402131" s="10"/>
    </row>
    <row r="402132" spans="14:14">
      <c r="N402132" s="10"/>
    </row>
    <row r="402133" spans="14:14">
      <c r="N402133" s="10"/>
    </row>
    <row r="402134" spans="14:14">
      <c r="N402134" s="10"/>
    </row>
    <row r="402135" spans="14:14">
      <c r="N402135" s="10"/>
    </row>
    <row r="402136" spans="14:14">
      <c r="N402136" s="10"/>
    </row>
    <row r="402137" spans="14:14">
      <c r="N402137" s="10"/>
    </row>
    <row r="402138" spans="14:14">
      <c r="N402138" s="10"/>
    </row>
    <row r="402139" spans="14:14">
      <c r="N402139" s="10"/>
    </row>
    <row r="402140" spans="14:14">
      <c r="N402140" s="10"/>
    </row>
    <row r="402141" spans="14:14">
      <c r="N402141" s="10"/>
    </row>
    <row r="402142" spans="14:14">
      <c r="N402142" s="10"/>
    </row>
    <row r="402143" spans="14:14">
      <c r="N402143" s="10"/>
    </row>
    <row r="402144" spans="14:14">
      <c r="N402144" s="10"/>
    </row>
    <row r="402145" spans="14:14">
      <c r="N402145" s="10"/>
    </row>
    <row r="402146" spans="14:14">
      <c r="N402146" s="10"/>
    </row>
    <row r="402147" spans="14:14">
      <c r="N402147" s="10"/>
    </row>
    <row r="402148" spans="14:14">
      <c r="N402148" s="10"/>
    </row>
    <row r="402149" spans="14:14">
      <c r="N402149" s="10"/>
    </row>
    <row r="402150" spans="14:14">
      <c r="N402150" s="10"/>
    </row>
    <row r="402151" spans="14:14">
      <c r="N402151" s="10"/>
    </row>
    <row r="402152" spans="14:14">
      <c r="N402152" s="10"/>
    </row>
    <row r="402153" spans="14:14">
      <c r="N402153" s="10"/>
    </row>
    <row r="402154" spans="14:14">
      <c r="N402154" s="10"/>
    </row>
    <row r="402155" spans="14:14">
      <c r="N402155" s="10"/>
    </row>
    <row r="402156" spans="14:14">
      <c r="N402156" s="10"/>
    </row>
    <row r="402157" spans="14:14">
      <c r="N402157" s="10"/>
    </row>
    <row r="402158" spans="14:14">
      <c r="N402158" s="10"/>
    </row>
    <row r="402159" spans="14:14">
      <c r="N402159" s="10"/>
    </row>
    <row r="402160" spans="14:14">
      <c r="N402160" s="10"/>
    </row>
    <row r="402161" spans="14:14">
      <c r="N402161" s="10"/>
    </row>
    <row r="402162" spans="14:14">
      <c r="N402162" s="10"/>
    </row>
    <row r="402163" spans="14:14">
      <c r="N402163" s="10"/>
    </row>
    <row r="402164" spans="14:14">
      <c r="N402164" s="10"/>
    </row>
    <row r="402165" spans="14:14">
      <c r="N402165" s="10"/>
    </row>
    <row r="402166" spans="14:14">
      <c r="N402166" s="10"/>
    </row>
    <row r="402167" spans="14:14">
      <c r="N402167" s="10"/>
    </row>
    <row r="402168" spans="14:14">
      <c r="N402168" s="10"/>
    </row>
    <row r="402169" spans="14:14">
      <c r="N402169" s="10"/>
    </row>
    <row r="402170" spans="14:14">
      <c r="N402170" s="10"/>
    </row>
    <row r="402171" spans="14:14">
      <c r="N402171" s="10"/>
    </row>
    <row r="402172" spans="14:14">
      <c r="N402172" s="10"/>
    </row>
    <row r="402173" spans="14:14">
      <c r="N402173" s="10"/>
    </row>
    <row r="402174" spans="14:14">
      <c r="N402174" s="10"/>
    </row>
    <row r="402175" spans="14:14">
      <c r="N402175" s="10"/>
    </row>
    <row r="402176" spans="14:14">
      <c r="N402176" s="10"/>
    </row>
    <row r="402177" spans="14:14">
      <c r="N402177" s="10"/>
    </row>
    <row r="402178" spans="14:14">
      <c r="N402178" s="10"/>
    </row>
    <row r="402179" spans="14:14">
      <c r="N402179" s="10"/>
    </row>
    <row r="402180" spans="14:14">
      <c r="N402180" s="10"/>
    </row>
    <row r="402181" spans="14:14">
      <c r="N402181" s="10"/>
    </row>
    <row r="402182" spans="14:14">
      <c r="N402182" s="10"/>
    </row>
    <row r="402183" spans="14:14">
      <c r="N402183" s="10"/>
    </row>
    <row r="402184" spans="14:14">
      <c r="N402184" s="10"/>
    </row>
    <row r="402185" spans="14:14">
      <c r="N402185" s="10"/>
    </row>
    <row r="402186" spans="14:14">
      <c r="N402186" s="10"/>
    </row>
    <row r="402187" spans="14:14">
      <c r="N402187" s="10"/>
    </row>
    <row r="402188" spans="14:14">
      <c r="N402188" s="10"/>
    </row>
    <row r="402189" spans="14:14">
      <c r="N402189" s="10"/>
    </row>
    <row r="402190" spans="14:14">
      <c r="N402190" s="10"/>
    </row>
    <row r="402191" spans="14:14">
      <c r="N402191" s="10"/>
    </row>
    <row r="402192" spans="14:14">
      <c r="N402192" s="10"/>
    </row>
    <row r="402193" spans="14:14">
      <c r="N402193" s="10"/>
    </row>
    <row r="402194" spans="14:14">
      <c r="N402194" s="10"/>
    </row>
    <row r="402195" spans="14:14">
      <c r="N402195" s="10"/>
    </row>
    <row r="402196" spans="14:14">
      <c r="N402196" s="10"/>
    </row>
    <row r="402197" spans="14:14">
      <c r="N402197" s="10"/>
    </row>
    <row r="402198" spans="14:14">
      <c r="N402198" s="10"/>
    </row>
    <row r="402199" spans="14:14">
      <c r="N402199" s="10"/>
    </row>
    <row r="402200" spans="14:14">
      <c r="N402200" s="10"/>
    </row>
    <row r="402201" spans="14:14">
      <c r="N402201" s="10"/>
    </row>
    <row r="402202" spans="14:14">
      <c r="N402202" s="10"/>
    </row>
    <row r="402203" spans="14:14">
      <c r="N402203" s="10"/>
    </row>
    <row r="402204" spans="14:14">
      <c r="N402204" s="10"/>
    </row>
    <row r="402205" spans="14:14">
      <c r="N402205" s="10"/>
    </row>
    <row r="402206" spans="14:14">
      <c r="N402206" s="10"/>
    </row>
    <row r="402207" spans="14:14">
      <c r="N402207" s="10"/>
    </row>
    <row r="402208" spans="14:14">
      <c r="N402208" s="10"/>
    </row>
    <row r="402209" spans="14:14">
      <c r="N402209" s="10"/>
    </row>
    <row r="402210" spans="14:14">
      <c r="N402210" s="10"/>
    </row>
    <row r="402211" spans="14:14">
      <c r="N402211" s="10"/>
    </row>
    <row r="402212" spans="14:14">
      <c r="N402212" s="10"/>
    </row>
    <row r="402213" spans="14:14">
      <c r="N402213" s="10"/>
    </row>
    <row r="402214" spans="14:14">
      <c r="N402214" s="10"/>
    </row>
    <row r="402215" spans="14:14">
      <c r="N402215" s="10"/>
    </row>
    <row r="402216" spans="14:14">
      <c r="N402216" s="10"/>
    </row>
    <row r="402217" spans="14:14">
      <c r="N402217" s="10"/>
    </row>
    <row r="402218" spans="14:14">
      <c r="N402218" s="10"/>
    </row>
    <row r="402219" spans="14:14">
      <c r="N402219" s="10"/>
    </row>
    <row r="402220" spans="14:14">
      <c r="N402220" s="10"/>
    </row>
    <row r="402221" spans="14:14">
      <c r="N402221" s="10"/>
    </row>
    <row r="402222" spans="14:14">
      <c r="N402222" s="10"/>
    </row>
    <row r="402223" spans="14:14">
      <c r="N402223" s="10"/>
    </row>
    <row r="402224" spans="14:14">
      <c r="N402224" s="10"/>
    </row>
    <row r="402225" spans="14:14">
      <c r="N402225" s="10"/>
    </row>
    <row r="402226" spans="14:14">
      <c r="N402226" s="10"/>
    </row>
    <row r="402227" spans="14:14">
      <c r="N402227" s="10"/>
    </row>
    <row r="402228" spans="14:14">
      <c r="N402228" s="10"/>
    </row>
    <row r="402229" spans="14:14">
      <c r="N402229" s="10"/>
    </row>
    <row r="402230" spans="14:14">
      <c r="N402230" s="10"/>
    </row>
    <row r="402231" spans="14:14">
      <c r="N402231" s="10"/>
    </row>
    <row r="402232" spans="14:14">
      <c r="N402232" s="10"/>
    </row>
    <row r="402233" spans="14:14">
      <c r="N402233" s="10"/>
    </row>
    <row r="402234" spans="14:14">
      <c r="N402234" s="10"/>
    </row>
    <row r="402235" spans="14:14">
      <c r="N402235" s="10"/>
    </row>
    <row r="402236" spans="14:14">
      <c r="N402236" s="10"/>
    </row>
    <row r="402237" spans="14:14">
      <c r="N402237" s="10"/>
    </row>
    <row r="402238" spans="14:14">
      <c r="N402238" s="10"/>
    </row>
    <row r="402239" spans="14:14">
      <c r="N402239" s="10"/>
    </row>
    <row r="402240" spans="14:14">
      <c r="N402240" s="10"/>
    </row>
    <row r="402241" spans="14:14">
      <c r="N402241" s="10"/>
    </row>
    <row r="402242" spans="14:14">
      <c r="N402242" s="10"/>
    </row>
    <row r="402243" spans="14:14">
      <c r="N402243" s="10"/>
    </row>
    <row r="402244" spans="14:14">
      <c r="N402244" s="10"/>
    </row>
    <row r="402245" spans="14:14">
      <c r="N402245" s="10"/>
    </row>
    <row r="402246" spans="14:14">
      <c r="N402246" s="10"/>
    </row>
    <row r="402247" spans="14:14">
      <c r="N402247" s="10"/>
    </row>
    <row r="402248" spans="14:14">
      <c r="N402248" s="10"/>
    </row>
    <row r="402249" spans="14:14">
      <c r="N402249" s="10"/>
    </row>
    <row r="402250" spans="14:14">
      <c r="N402250" s="10"/>
    </row>
    <row r="402251" spans="14:14">
      <c r="N402251" s="10"/>
    </row>
    <row r="402252" spans="14:14">
      <c r="N402252" s="10"/>
    </row>
    <row r="402253" spans="14:14">
      <c r="N402253" s="10"/>
    </row>
    <row r="402254" spans="14:14">
      <c r="N402254" s="10"/>
    </row>
    <row r="402255" spans="14:14">
      <c r="N402255" s="10"/>
    </row>
    <row r="402256" spans="14:14">
      <c r="N402256" s="10"/>
    </row>
    <row r="402257" spans="14:14">
      <c r="N402257" s="10"/>
    </row>
    <row r="402258" spans="14:14">
      <c r="N402258" s="10"/>
    </row>
    <row r="402259" spans="14:14">
      <c r="N402259" s="10"/>
    </row>
    <row r="402260" spans="14:14">
      <c r="N402260" s="10"/>
    </row>
    <row r="402261" spans="14:14">
      <c r="N402261" s="10"/>
    </row>
    <row r="402262" spans="14:14">
      <c r="N402262" s="10"/>
    </row>
    <row r="402263" spans="14:14">
      <c r="N402263" s="10"/>
    </row>
    <row r="402264" spans="14:14">
      <c r="N402264" s="10"/>
    </row>
    <row r="402265" spans="14:14">
      <c r="N402265" s="10"/>
    </row>
    <row r="402266" spans="14:14">
      <c r="N402266" s="10"/>
    </row>
    <row r="402267" spans="14:14">
      <c r="N402267" s="10"/>
    </row>
    <row r="402268" spans="14:14">
      <c r="N402268" s="10"/>
    </row>
    <row r="402269" spans="14:14">
      <c r="N402269" s="10"/>
    </row>
    <row r="402270" spans="14:14">
      <c r="N402270" s="10"/>
    </row>
    <row r="402271" spans="14:14">
      <c r="N402271" s="10"/>
    </row>
    <row r="402272" spans="14:14">
      <c r="N402272" s="10"/>
    </row>
    <row r="402273" spans="14:14">
      <c r="N402273" s="10"/>
    </row>
    <row r="402274" spans="14:14">
      <c r="N402274" s="10"/>
    </row>
    <row r="402275" spans="14:14">
      <c r="N402275" s="10"/>
    </row>
    <row r="402276" spans="14:14">
      <c r="N402276" s="10"/>
    </row>
    <row r="402277" spans="14:14">
      <c r="N402277" s="10"/>
    </row>
    <row r="402278" spans="14:14">
      <c r="N402278" s="10"/>
    </row>
    <row r="402279" spans="14:14">
      <c r="N402279" s="10"/>
    </row>
    <row r="402280" spans="14:14">
      <c r="N402280" s="10"/>
    </row>
    <row r="402281" spans="14:14">
      <c r="N402281" s="10"/>
    </row>
    <row r="402282" spans="14:14">
      <c r="N402282" s="10"/>
    </row>
    <row r="402283" spans="14:14">
      <c r="N402283" s="10"/>
    </row>
    <row r="402284" spans="14:14">
      <c r="N402284" s="10"/>
    </row>
    <row r="402285" spans="14:14">
      <c r="N402285" s="10"/>
    </row>
    <row r="402286" spans="14:14">
      <c r="N402286" s="10"/>
    </row>
    <row r="402287" spans="14:14">
      <c r="N402287" s="10"/>
    </row>
    <row r="402288" spans="14:14">
      <c r="N402288" s="10"/>
    </row>
    <row r="402289" spans="14:14">
      <c r="N402289" s="10"/>
    </row>
    <row r="402290" spans="14:14">
      <c r="N402290" s="10"/>
    </row>
    <row r="402291" spans="14:14">
      <c r="N402291" s="10"/>
    </row>
    <row r="402292" spans="14:14">
      <c r="N402292" s="10"/>
    </row>
    <row r="402293" spans="14:14">
      <c r="N402293" s="10"/>
    </row>
    <row r="402294" spans="14:14">
      <c r="N402294" s="10"/>
    </row>
    <row r="402295" spans="14:14">
      <c r="N402295" s="10"/>
    </row>
    <row r="402296" spans="14:14">
      <c r="N402296" s="10"/>
    </row>
    <row r="402297" spans="14:14">
      <c r="N402297" s="10"/>
    </row>
    <row r="402298" spans="14:14">
      <c r="N402298" s="10"/>
    </row>
    <row r="402299" spans="14:14">
      <c r="N402299" s="10"/>
    </row>
    <row r="402300" spans="14:14">
      <c r="N402300" s="10"/>
    </row>
    <row r="402301" spans="14:14">
      <c r="N402301" s="10"/>
    </row>
    <row r="402302" spans="14:14">
      <c r="N402302" s="10"/>
    </row>
    <row r="402303" spans="14:14">
      <c r="N402303" s="10"/>
    </row>
    <row r="402304" spans="14:14">
      <c r="N402304" s="10"/>
    </row>
    <row r="402305" spans="14:14">
      <c r="N402305" s="10"/>
    </row>
    <row r="402306" spans="14:14">
      <c r="N402306" s="10"/>
    </row>
    <row r="402307" spans="14:14">
      <c r="N402307" s="10"/>
    </row>
    <row r="402308" spans="14:14">
      <c r="N402308" s="10"/>
    </row>
    <row r="402309" spans="14:14">
      <c r="N402309" s="10"/>
    </row>
    <row r="402310" spans="14:14">
      <c r="N402310" s="10"/>
    </row>
    <row r="402311" spans="14:14">
      <c r="N402311" s="10"/>
    </row>
    <row r="402312" spans="14:14">
      <c r="N402312" s="10"/>
    </row>
    <row r="402313" spans="14:14">
      <c r="N402313" s="10"/>
    </row>
    <row r="402314" spans="14:14">
      <c r="N402314" s="10"/>
    </row>
    <row r="402315" spans="14:14">
      <c r="N402315" s="10"/>
    </row>
    <row r="402316" spans="14:14">
      <c r="N402316" s="10"/>
    </row>
    <row r="402317" spans="14:14">
      <c r="N402317" s="10"/>
    </row>
    <row r="402318" spans="14:14">
      <c r="N402318" s="10"/>
    </row>
    <row r="402319" spans="14:14">
      <c r="N402319" s="10"/>
    </row>
    <row r="402320" spans="14:14">
      <c r="N402320" s="10"/>
    </row>
    <row r="402321" spans="14:14">
      <c r="N402321" s="10"/>
    </row>
    <row r="402322" spans="14:14">
      <c r="N402322" s="10"/>
    </row>
    <row r="402323" spans="14:14">
      <c r="N402323" s="10"/>
    </row>
    <row r="402324" spans="14:14">
      <c r="N402324" s="10"/>
    </row>
    <row r="402325" spans="14:14">
      <c r="N402325" s="10"/>
    </row>
    <row r="402326" spans="14:14">
      <c r="N402326" s="10"/>
    </row>
    <row r="402327" spans="14:14">
      <c r="N402327" s="10"/>
    </row>
    <row r="402328" spans="14:14">
      <c r="N402328" s="10"/>
    </row>
    <row r="402329" spans="14:14">
      <c r="N402329" s="10"/>
    </row>
    <row r="402330" spans="14:14">
      <c r="N402330" s="10"/>
    </row>
    <row r="402331" spans="14:14">
      <c r="N402331" s="10"/>
    </row>
    <row r="402332" spans="14:14">
      <c r="N402332" s="10"/>
    </row>
    <row r="402333" spans="14:14">
      <c r="N402333" s="10"/>
    </row>
    <row r="402334" spans="14:14">
      <c r="N402334" s="10"/>
    </row>
    <row r="402335" spans="14:14">
      <c r="N402335" s="10"/>
    </row>
    <row r="402336" spans="14:14">
      <c r="N402336" s="10"/>
    </row>
    <row r="402337" spans="14:14">
      <c r="N402337" s="10"/>
    </row>
    <row r="402338" spans="14:14">
      <c r="N402338" s="10"/>
    </row>
    <row r="402339" spans="14:14">
      <c r="N402339" s="10"/>
    </row>
    <row r="402340" spans="14:14">
      <c r="N402340" s="10"/>
    </row>
    <row r="402341" spans="14:14">
      <c r="N402341" s="10"/>
    </row>
    <row r="402342" spans="14:14">
      <c r="N402342" s="10"/>
    </row>
    <row r="402343" spans="14:14">
      <c r="N402343" s="10"/>
    </row>
    <row r="402344" spans="14:14">
      <c r="N402344" s="10"/>
    </row>
    <row r="402345" spans="14:14">
      <c r="N402345" s="10"/>
    </row>
    <row r="402346" spans="14:14">
      <c r="N402346" s="10"/>
    </row>
    <row r="402347" spans="14:14">
      <c r="N402347" s="10"/>
    </row>
    <row r="402348" spans="14:14">
      <c r="N402348" s="10"/>
    </row>
    <row r="402349" spans="14:14">
      <c r="N402349" s="10"/>
    </row>
    <row r="402350" spans="14:14">
      <c r="N402350" s="10"/>
    </row>
    <row r="402351" spans="14:14">
      <c r="N402351" s="10"/>
    </row>
    <row r="402352" spans="14:14">
      <c r="N402352" s="10"/>
    </row>
    <row r="402353" spans="14:14">
      <c r="N402353" s="10"/>
    </row>
    <row r="402354" spans="14:14">
      <c r="N402354" s="10"/>
    </row>
    <row r="402355" spans="14:14">
      <c r="N402355" s="10"/>
    </row>
    <row r="402356" spans="14:14">
      <c r="N402356" s="10"/>
    </row>
    <row r="402357" spans="14:14">
      <c r="N402357" s="10"/>
    </row>
    <row r="402358" spans="14:14">
      <c r="N402358" s="10"/>
    </row>
    <row r="402359" spans="14:14">
      <c r="N402359" s="10"/>
    </row>
    <row r="402360" spans="14:14">
      <c r="N402360" s="10"/>
    </row>
    <row r="402361" spans="14:14">
      <c r="N402361" s="10"/>
    </row>
    <row r="402362" spans="14:14">
      <c r="N402362" s="10"/>
    </row>
    <row r="402363" spans="14:14">
      <c r="N402363" s="10"/>
    </row>
    <row r="402364" spans="14:14">
      <c r="N402364" s="10"/>
    </row>
    <row r="402365" spans="14:14">
      <c r="N402365" s="10"/>
    </row>
    <row r="402366" spans="14:14">
      <c r="N402366" s="10"/>
    </row>
    <row r="402367" spans="14:14">
      <c r="N402367" s="10"/>
    </row>
    <row r="402368" spans="14:14">
      <c r="N402368" s="10"/>
    </row>
    <row r="402369" spans="14:14">
      <c r="N402369" s="10"/>
    </row>
    <row r="402370" spans="14:14">
      <c r="N402370" s="10"/>
    </row>
    <row r="402371" spans="14:14">
      <c r="N402371" s="10"/>
    </row>
    <row r="402372" spans="14:14">
      <c r="N402372" s="10"/>
    </row>
    <row r="402373" spans="14:14">
      <c r="N402373" s="10"/>
    </row>
    <row r="402374" spans="14:14">
      <c r="N402374" s="10"/>
    </row>
    <row r="402375" spans="14:14">
      <c r="N402375" s="10"/>
    </row>
    <row r="402376" spans="14:14">
      <c r="N402376" s="10"/>
    </row>
    <row r="402377" spans="14:14">
      <c r="N402377" s="10"/>
    </row>
    <row r="402378" spans="14:14">
      <c r="N402378" s="10"/>
    </row>
    <row r="402379" spans="14:14">
      <c r="N402379" s="10"/>
    </row>
    <row r="402380" spans="14:14">
      <c r="N402380" s="10"/>
    </row>
    <row r="402381" spans="14:14">
      <c r="N402381" s="10"/>
    </row>
    <row r="402382" spans="14:14">
      <c r="N402382" s="10"/>
    </row>
    <row r="402383" spans="14:14">
      <c r="N402383" s="10"/>
    </row>
    <row r="402384" spans="14:14">
      <c r="N402384" s="10"/>
    </row>
    <row r="402385" spans="14:14">
      <c r="N402385" s="10"/>
    </row>
    <row r="402386" spans="14:14">
      <c r="N402386" s="10"/>
    </row>
    <row r="402387" spans="14:14">
      <c r="N402387" s="10"/>
    </row>
    <row r="402388" spans="14:14">
      <c r="N402388" s="10"/>
    </row>
    <row r="402389" spans="14:14">
      <c r="N402389" s="10"/>
    </row>
    <row r="402390" spans="14:14">
      <c r="N402390" s="10"/>
    </row>
    <row r="402391" spans="14:14">
      <c r="N402391" s="10"/>
    </row>
    <row r="402392" spans="14:14">
      <c r="N402392" s="10"/>
    </row>
    <row r="402393" spans="14:14">
      <c r="N402393" s="10"/>
    </row>
    <row r="402394" spans="14:14">
      <c r="N402394" s="10"/>
    </row>
    <row r="402395" spans="14:14">
      <c r="N402395" s="10"/>
    </row>
    <row r="402396" spans="14:14">
      <c r="N402396" s="10"/>
    </row>
    <row r="402397" spans="14:14">
      <c r="N402397" s="10"/>
    </row>
    <row r="402398" spans="14:14">
      <c r="N402398" s="10"/>
    </row>
    <row r="402399" spans="14:14">
      <c r="N402399" s="10"/>
    </row>
    <row r="402400" spans="14:14">
      <c r="N402400" s="10"/>
    </row>
    <row r="402401" spans="14:14">
      <c r="N402401" s="10"/>
    </row>
    <row r="402402" spans="14:14">
      <c r="N402402" s="10"/>
    </row>
    <row r="402403" spans="14:14">
      <c r="N402403" s="10"/>
    </row>
    <row r="402404" spans="14:14">
      <c r="N402404" s="10"/>
    </row>
    <row r="402405" spans="14:14">
      <c r="N402405" s="10"/>
    </row>
    <row r="402406" spans="14:14">
      <c r="N402406" s="10"/>
    </row>
    <row r="402407" spans="14:14">
      <c r="N402407" s="10"/>
    </row>
    <row r="402408" spans="14:14">
      <c r="N402408" s="10"/>
    </row>
    <row r="402409" spans="14:14">
      <c r="N402409" s="10"/>
    </row>
    <row r="402410" spans="14:14">
      <c r="N402410" s="10"/>
    </row>
    <row r="402411" spans="14:14">
      <c r="N402411" s="10"/>
    </row>
    <row r="402412" spans="14:14">
      <c r="N402412" s="10"/>
    </row>
    <row r="402413" spans="14:14">
      <c r="N402413" s="10"/>
    </row>
    <row r="402414" spans="14:14">
      <c r="N402414" s="10"/>
    </row>
    <row r="402415" spans="14:14">
      <c r="N402415" s="10"/>
    </row>
    <row r="402416" spans="14:14">
      <c r="N402416" s="10"/>
    </row>
    <row r="402417" spans="14:14">
      <c r="N402417" s="10"/>
    </row>
    <row r="402418" spans="14:14">
      <c r="N402418" s="10"/>
    </row>
    <row r="402419" spans="14:14">
      <c r="N402419" s="10"/>
    </row>
    <row r="402420" spans="14:14">
      <c r="N402420" s="10"/>
    </row>
    <row r="402421" spans="14:14">
      <c r="N402421" s="10"/>
    </row>
    <row r="402422" spans="14:14">
      <c r="N402422" s="10"/>
    </row>
    <row r="402423" spans="14:14">
      <c r="N402423" s="10"/>
    </row>
    <row r="402424" spans="14:14">
      <c r="N402424" s="10"/>
    </row>
    <row r="402425" spans="14:14">
      <c r="N402425" s="10"/>
    </row>
    <row r="402426" spans="14:14">
      <c r="N402426" s="10"/>
    </row>
    <row r="402427" spans="14:14">
      <c r="N402427" s="10"/>
    </row>
    <row r="402428" spans="14:14">
      <c r="N402428" s="10"/>
    </row>
    <row r="402429" spans="14:14">
      <c r="N402429" s="10"/>
    </row>
    <row r="402430" spans="14:14">
      <c r="N402430" s="10"/>
    </row>
    <row r="402431" spans="14:14">
      <c r="N402431" s="10"/>
    </row>
    <row r="402432" spans="14:14">
      <c r="N402432" s="10"/>
    </row>
    <row r="402433" spans="14:14">
      <c r="N402433" s="10"/>
    </row>
    <row r="402434" spans="14:14">
      <c r="N402434" s="10"/>
    </row>
    <row r="402435" spans="14:14">
      <c r="N402435" s="10"/>
    </row>
    <row r="402436" spans="14:14">
      <c r="N402436" s="10"/>
    </row>
    <row r="402437" spans="14:14">
      <c r="N402437" s="10"/>
    </row>
    <row r="402438" spans="14:14">
      <c r="N402438" s="10"/>
    </row>
    <row r="402439" spans="14:14">
      <c r="N402439" s="10"/>
    </row>
    <row r="402440" spans="14:14">
      <c r="N402440" s="10"/>
    </row>
    <row r="402441" spans="14:14">
      <c r="N402441" s="10"/>
    </row>
    <row r="402442" spans="14:14">
      <c r="N402442" s="10"/>
    </row>
    <row r="402443" spans="14:14">
      <c r="N402443" s="10"/>
    </row>
    <row r="402444" spans="14:14">
      <c r="N402444" s="10"/>
    </row>
    <row r="402445" spans="14:14">
      <c r="N402445" s="10"/>
    </row>
    <row r="402446" spans="14:14">
      <c r="N402446" s="10"/>
    </row>
    <row r="402447" spans="14:14">
      <c r="N402447" s="10"/>
    </row>
    <row r="402448" spans="14:14">
      <c r="N402448" s="10"/>
    </row>
    <row r="402449" spans="14:14">
      <c r="N402449" s="10"/>
    </row>
    <row r="402450" spans="14:14">
      <c r="N402450" s="10"/>
    </row>
    <row r="402451" spans="14:14">
      <c r="N402451" s="10"/>
    </row>
    <row r="402452" spans="14:14">
      <c r="N402452" s="10"/>
    </row>
    <row r="402453" spans="14:14">
      <c r="N402453" s="10"/>
    </row>
    <row r="402454" spans="14:14">
      <c r="N402454" s="10"/>
    </row>
    <row r="402455" spans="14:14">
      <c r="N402455" s="10"/>
    </row>
    <row r="402456" spans="14:14">
      <c r="N402456" s="10"/>
    </row>
    <row r="402457" spans="14:14">
      <c r="N402457" s="10"/>
    </row>
    <row r="402458" spans="14:14">
      <c r="N402458" s="10"/>
    </row>
    <row r="402459" spans="14:14">
      <c r="N402459" s="10"/>
    </row>
    <row r="402460" spans="14:14">
      <c r="N402460" s="10"/>
    </row>
    <row r="402461" spans="14:14">
      <c r="N402461" s="10"/>
    </row>
    <row r="402462" spans="14:14">
      <c r="N402462" s="10"/>
    </row>
    <row r="402463" spans="14:14">
      <c r="N402463" s="10"/>
    </row>
    <row r="402464" spans="14:14">
      <c r="N402464" s="10"/>
    </row>
    <row r="402465" spans="14:14">
      <c r="N402465" s="10"/>
    </row>
    <row r="402466" spans="14:14">
      <c r="N402466" s="10"/>
    </row>
    <row r="402467" spans="14:14">
      <c r="N402467" s="10"/>
    </row>
    <row r="402468" spans="14:14">
      <c r="N402468" s="10"/>
    </row>
    <row r="402469" spans="14:14">
      <c r="N402469" s="10"/>
    </row>
    <row r="402470" spans="14:14">
      <c r="N402470" s="10"/>
    </row>
    <row r="402471" spans="14:14">
      <c r="N402471" s="10"/>
    </row>
    <row r="402472" spans="14:14">
      <c r="N402472" s="10"/>
    </row>
    <row r="402473" spans="14:14">
      <c r="N402473" s="10"/>
    </row>
    <row r="402474" spans="14:14">
      <c r="N402474" s="10"/>
    </row>
    <row r="402475" spans="14:14">
      <c r="N402475" s="10"/>
    </row>
    <row r="402476" spans="14:14">
      <c r="N402476" s="10"/>
    </row>
    <row r="402477" spans="14:14">
      <c r="N402477" s="10"/>
    </row>
    <row r="402478" spans="14:14">
      <c r="N402478" s="10"/>
    </row>
    <row r="402479" spans="14:14">
      <c r="N402479" s="10"/>
    </row>
    <row r="402480" spans="14:14">
      <c r="N402480" s="10"/>
    </row>
    <row r="402481" spans="14:14">
      <c r="N402481" s="10"/>
    </row>
    <row r="402482" spans="14:14">
      <c r="N402482" s="10"/>
    </row>
    <row r="402483" spans="14:14">
      <c r="N402483" s="10"/>
    </row>
    <row r="402484" spans="14:14">
      <c r="N402484" s="10"/>
    </row>
    <row r="402485" spans="14:14">
      <c r="N402485" s="10"/>
    </row>
    <row r="402486" spans="14:14">
      <c r="N402486" s="10"/>
    </row>
    <row r="402487" spans="14:14">
      <c r="N402487" s="10"/>
    </row>
    <row r="402488" spans="14:14">
      <c r="N402488" s="10"/>
    </row>
    <row r="402489" spans="14:14">
      <c r="N402489" s="10"/>
    </row>
    <row r="402490" spans="14:14">
      <c r="N402490" s="10"/>
    </row>
    <row r="402491" spans="14:14">
      <c r="N402491" s="10"/>
    </row>
    <row r="402492" spans="14:14">
      <c r="N402492" s="10"/>
    </row>
    <row r="402493" spans="14:14">
      <c r="N402493" s="10"/>
    </row>
    <row r="402494" spans="14:14">
      <c r="N402494" s="10"/>
    </row>
    <row r="402495" spans="14:14">
      <c r="N402495" s="10"/>
    </row>
    <row r="402496" spans="14:14">
      <c r="N402496" s="10"/>
    </row>
    <row r="402497" spans="14:14">
      <c r="N402497" s="10"/>
    </row>
    <row r="402498" spans="14:14">
      <c r="N402498" s="10"/>
    </row>
    <row r="402499" spans="14:14">
      <c r="N402499" s="10"/>
    </row>
    <row r="402500" spans="14:14">
      <c r="N402500" s="10"/>
    </row>
    <row r="402501" spans="14:14">
      <c r="N402501" s="10"/>
    </row>
    <row r="402502" spans="14:14">
      <c r="N402502" s="10"/>
    </row>
    <row r="402503" spans="14:14">
      <c r="N402503" s="10"/>
    </row>
    <row r="402504" spans="14:14">
      <c r="N402504" s="10"/>
    </row>
    <row r="402505" spans="14:14">
      <c r="N402505" s="10"/>
    </row>
    <row r="402506" spans="14:14">
      <c r="N402506" s="10"/>
    </row>
    <row r="402507" spans="14:14">
      <c r="N402507" s="10"/>
    </row>
    <row r="402508" spans="14:14">
      <c r="N402508" s="10"/>
    </row>
    <row r="402509" spans="14:14">
      <c r="N402509" s="10"/>
    </row>
    <row r="402510" spans="14:14">
      <c r="N402510" s="10"/>
    </row>
    <row r="402511" spans="14:14">
      <c r="N402511" s="10"/>
    </row>
    <row r="402512" spans="14:14">
      <c r="N402512" s="10"/>
    </row>
    <row r="402513" spans="14:14">
      <c r="N402513" s="10"/>
    </row>
    <row r="402514" spans="14:14">
      <c r="N402514" s="10"/>
    </row>
    <row r="402515" spans="14:14">
      <c r="N402515" s="10"/>
    </row>
    <row r="402516" spans="14:14">
      <c r="N402516" s="10"/>
    </row>
    <row r="402517" spans="14:14">
      <c r="N402517" s="10"/>
    </row>
    <row r="402518" spans="14:14">
      <c r="N402518" s="10"/>
    </row>
    <row r="402519" spans="14:14">
      <c r="N402519" s="10"/>
    </row>
    <row r="402520" spans="14:14">
      <c r="N402520" s="10"/>
    </row>
    <row r="402521" spans="14:14">
      <c r="N402521" s="10"/>
    </row>
    <row r="402522" spans="14:14">
      <c r="N402522" s="10"/>
    </row>
    <row r="402523" spans="14:14">
      <c r="N402523" s="10"/>
    </row>
    <row r="402524" spans="14:14">
      <c r="N402524" s="10"/>
    </row>
    <row r="402525" spans="14:14">
      <c r="N402525" s="10"/>
    </row>
    <row r="402526" spans="14:14">
      <c r="N402526" s="10"/>
    </row>
    <row r="402527" spans="14:14">
      <c r="N402527" s="10"/>
    </row>
    <row r="402528" spans="14:14">
      <c r="N402528" s="10"/>
    </row>
    <row r="402529" spans="14:14">
      <c r="N402529" s="10"/>
    </row>
    <row r="402530" spans="14:14">
      <c r="N402530" s="10"/>
    </row>
    <row r="402531" spans="14:14">
      <c r="N402531" s="10"/>
    </row>
    <row r="402532" spans="14:14">
      <c r="N402532" s="10"/>
    </row>
    <row r="402533" spans="14:14">
      <c r="N402533" s="10"/>
    </row>
    <row r="402534" spans="14:14">
      <c r="N402534" s="10"/>
    </row>
    <row r="402535" spans="14:14">
      <c r="N402535" s="10"/>
    </row>
    <row r="402536" spans="14:14">
      <c r="N402536" s="10"/>
    </row>
    <row r="402537" spans="14:14">
      <c r="N402537" s="10"/>
    </row>
    <row r="402538" spans="14:14">
      <c r="N402538" s="10"/>
    </row>
    <row r="402539" spans="14:14">
      <c r="N402539" s="10"/>
    </row>
    <row r="402540" spans="14:14">
      <c r="N402540" s="10"/>
    </row>
    <row r="402541" spans="14:14">
      <c r="N402541" s="10"/>
    </row>
    <row r="402542" spans="14:14">
      <c r="N402542" s="10"/>
    </row>
    <row r="402543" spans="14:14">
      <c r="N402543" s="10"/>
    </row>
    <row r="402544" spans="14:14">
      <c r="N402544" s="10"/>
    </row>
    <row r="402545" spans="14:14">
      <c r="N402545" s="10"/>
    </row>
    <row r="402546" spans="14:14">
      <c r="N402546" s="10"/>
    </row>
    <row r="402547" spans="14:14">
      <c r="N402547" s="10"/>
    </row>
    <row r="402548" spans="14:14">
      <c r="N402548" s="10"/>
    </row>
    <row r="402549" spans="14:14">
      <c r="N402549" s="10"/>
    </row>
    <row r="402550" spans="14:14">
      <c r="N402550" s="10"/>
    </row>
    <row r="402551" spans="14:14">
      <c r="N402551" s="10"/>
    </row>
    <row r="402552" spans="14:14">
      <c r="N402552" s="10"/>
    </row>
    <row r="402553" spans="14:14">
      <c r="N402553" s="10"/>
    </row>
    <row r="402554" spans="14:14">
      <c r="N402554" s="10"/>
    </row>
    <row r="402555" spans="14:14">
      <c r="N402555" s="10"/>
    </row>
    <row r="402556" spans="14:14">
      <c r="N402556" s="10"/>
    </row>
    <row r="402557" spans="14:14">
      <c r="N402557" s="10"/>
    </row>
    <row r="402558" spans="14:14">
      <c r="N402558" s="10"/>
    </row>
    <row r="402559" spans="14:14">
      <c r="N402559" s="10"/>
    </row>
    <row r="402560" spans="14:14">
      <c r="N402560" s="10"/>
    </row>
    <row r="402561" spans="14:14">
      <c r="N402561" s="10"/>
    </row>
    <row r="402562" spans="14:14">
      <c r="N402562" s="10"/>
    </row>
    <row r="402563" spans="14:14">
      <c r="N402563" s="10"/>
    </row>
    <row r="402564" spans="14:14">
      <c r="N402564" s="10"/>
    </row>
    <row r="402565" spans="14:14">
      <c r="N402565" s="10"/>
    </row>
    <row r="402566" spans="14:14">
      <c r="N402566" s="10"/>
    </row>
    <row r="402567" spans="14:14">
      <c r="N402567" s="10"/>
    </row>
    <row r="402568" spans="14:14">
      <c r="N402568" s="10"/>
    </row>
    <row r="402569" spans="14:14">
      <c r="N402569" s="10"/>
    </row>
    <row r="402570" spans="14:14">
      <c r="N402570" s="10"/>
    </row>
    <row r="402571" spans="14:14">
      <c r="N402571" s="10"/>
    </row>
    <row r="402572" spans="14:14">
      <c r="N402572" s="10"/>
    </row>
    <row r="402573" spans="14:14">
      <c r="N402573" s="10"/>
    </row>
    <row r="402574" spans="14:14">
      <c r="N402574" s="10"/>
    </row>
    <row r="402575" spans="14:14">
      <c r="N402575" s="10"/>
    </row>
    <row r="402576" spans="14:14">
      <c r="N402576" s="10"/>
    </row>
    <row r="402577" spans="14:14">
      <c r="N402577" s="10"/>
    </row>
    <row r="402578" spans="14:14">
      <c r="N402578" s="10"/>
    </row>
    <row r="402579" spans="14:14">
      <c r="N402579" s="10"/>
    </row>
    <row r="402580" spans="14:14">
      <c r="N402580" s="10"/>
    </row>
    <row r="402581" spans="14:14">
      <c r="N402581" s="10"/>
    </row>
    <row r="402582" spans="14:14">
      <c r="N402582" s="10"/>
    </row>
    <row r="402583" spans="14:14">
      <c r="N402583" s="10"/>
    </row>
    <row r="402584" spans="14:14">
      <c r="N402584" s="10"/>
    </row>
    <row r="402585" spans="14:14">
      <c r="N402585" s="10"/>
    </row>
    <row r="402586" spans="14:14">
      <c r="N402586" s="10"/>
    </row>
    <row r="402587" spans="14:14">
      <c r="N402587" s="10"/>
    </row>
    <row r="402588" spans="14:14">
      <c r="N402588" s="10"/>
    </row>
    <row r="402589" spans="14:14">
      <c r="N402589" s="10"/>
    </row>
    <row r="402590" spans="14:14">
      <c r="N402590" s="10"/>
    </row>
    <row r="402591" spans="14:14">
      <c r="N402591" s="10"/>
    </row>
    <row r="402592" spans="14:14">
      <c r="N402592" s="10"/>
    </row>
    <row r="402593" spans="14:14">
      <c r="N402593" s="10"/>
    </row>
    <row r="402594" spans="14:14">
      <c r="N402594" s="10"/>
    </row>
    <row r="402595" spans="14:14">
      <c r="N402595" s="10"/>
    </row>
    <row r="402596" spans="14:14">
      <c r="N402596" s="10"/>
    </row>
    <row r="402597" spans="14:14">
      <c r="N402597" s="10"/>
    </row>
    <row r="402598" spans="14:14">
      <c r="N402598" s="10"/>
    </row>
    <row r="402599" spans="14:14">
      <c r="N402599" s="10"/>
    </row>
    <row r="402600" spans="14:14">
      <c r="N402600" s="10"/>
    </row>
    <row r="402601" spans="14:14">
      <c r="N402601" s="10"/>
    </row>
    <row r="402602" spans="14:14">
      <c r="N402602" s="10"/>
    </row>
    <row r="402603" spans="14:14">
      <c r="N402603" s="10"/>
    </row>
    <row r="402604" spans="14:14">
      <c r="N402604" s="10"/>
    </row>
    <row r="402605" spans="14:14">
      <c r="N402605" s="10"/>
    </row>
    <row r="402606" spans="14:14">
      <c r="N402606" s="10"/>
    </row>
    <row r="402607" spans="14:14">
      <c r="N402607" s="10"/>
    </row>
    <row r="402608" spans="14:14">
      <c r="N402608" s="10"/>
    </row>
    <row r="402609" spans="14:14">
      <c r="N402609" s="10"/>
    </row>
    <row r="402610" spans="14:14">
      <c r="N402610" s="10"/>
    </row>
    <row r="402611" spans="14:14">
      <c r="N402611" s="10"/>
    </row>
    <row r="402612" spans="14:14">
      <c r="N402612" s="10"/>
    </row>
    <row r="402613" spans="14:14">
      <c r="N402613" s="10"/>
    </row>
    <row r="402614" spans="14:14">
      <c r="N402614" s="10"/>
    </row>
    <row r="402615" spans="14:14">
      <c r="N402615" s="10"/>
    </row>
    <row r="402616" spans="14:14">
      <c r="N402616" s="10"/>
    </row>
    <row r="402617" spans="14:14">
      <c r="N402617" s="10"/>
    </row>
    <row r="402618" spans="14:14">
      <c r="N402618" s="10"/>
    </row>
    <row r="402619" spans="14:14">
      <c r="N402619" s="10"/>
    </row>
    <row r="402620" spans="14:14">
      <c r="N402620" s="10"/>
    </row>
    <row r="402621" spans="14:14">
      <c r="N402621" s="10"/>
    </row>
    <row r="402622" spans="14:14">
      <c r="N402622" s="10"/>
    </row>
    <row r="402623" spans="14:14">
      <c r="N402623" s="10"/>
    </row>
    <row r="402624" spans="14:14">
      <c r="N402624" s="10"/>
    </row>
    <row r="402625" spans="14:14">
      <c r="N402625" s="10"/>
    </row>
    <row r="402626" spans="14:14">
      <c r="N402626" s="10"/>
    </row>
    <row r="402627" spans="14:14">
      <c r="N402627" s="10"/>
    </row>
    <row r="402628" spans="14:14">
      <c r="N402628" s="10"/>
    </row>
    <row r="402629" spans="14:14">
      <c r="N402629" s="10"/>
    </row>
    <row r="402630" spans="14:14">
      <c r="N402630" s="10"/>
    </row>
    <row r="402631" spans="14:14">
      <c r="N402631" s="10"/>
    </row>
    <row r="402632" spans="14:14">
      <c r="N402632" s="10"/>
    </row>
    <row r="402633" spans="14:14">
      <c r="N402633" s="10"/>
    </row>
    <row r="402634" spans="14:14">
      <c r="N402634" s="10"/>
    </row>
    <row r="402635" spans="14:14">
      <c r="N402635" s="10"/>
    </row>
    <row r="402636" spans="14:14">
      <c r="N402636" s="10"/>
    </row>
    <row r="402637" spans="14:14">
      <c r="N402637" s="10"/>
    </row>
    <row r="402638" spans="14:14">
      <c r="N402638" s="10"/>
    </row>
    <row r="402639" spans="14:14">
      <c r="N402639" s="10"/>
    </row>
    <row r="402640" spans="14:14">
      <c r="N402640" s="10"/>
    </row>
    <row r="402641" spans="14:14">
      <c r="N402641" s="10"/>
    </row>
    <row r="402642" spans="14:14">
      <c r="N402642" s="10"/>
    </row>
    <row r="402643" spans="14:14">
      <c r="N402643" s="10"/>
    </row>
    <row r="402644" spans="14:14">
      <c r="N402644" s="10"/>
    </row>
    <row r="402645" spans="14:14">
      <c r="N402645" s="10"/>
    </row>
    <row r="402646" spans="14:14">
      <c r="N402646" s="10"/>
    </row>
    <row r="402647" spans="14:14">
      <c r="N402647" s="10"/>
    </row>
    <row r="402648" spans="14:14">
      <c r="N402648" s="10"/>
    </row>
    <row r="402649" spans="14:14">
      <c r="N402649" s="10"/>
    </row>
    <row r="402650" spans="14:14">
      <c r="N402650" s="10"/>
    </row>
    <row r="402651" spans="14:14">
      <c r="N402651" s="10"/>
    </row>
    <row r="402652" spans="14:14">
      <c r="N402652" s="10"/>
    </row>
    <row r="402653" spans="14:14">
      <c r="N402653" s="10"/>
    </row>
    <row r="402654" spans="14:14">
      <c r="N402654" s="10"/>
    </row>
    <row r="402655" spans="14:14">
      <c r="N402655" s="10"/>
    </row>
    <row r="402656" spans="14:14">
      <c r="N402656" s="10"/>
    </row>
    <row r="402657" spans="14:14">
      <c r="N402657" s="10"/>
    </row>
    <row r="402658" spans="14:14">
      <c r="N402658" s="10"/>
    </row>
    <row r="402659" spans="14:14">
      <c r="N402659" s="10"/>
    </row>
    <row r="402660" spans="14:14">
      <c r="N402660" s="10"/>
    </row>
    <row r="402661" spans="14:14">
      <c r="N402661" s="10"/>
    </row>
    <row r="402662" spans="14:14">
      <c r="N402662" s="10"/>
    </row>
    <row r="402663" spans="14:14">
      <c r="N402663" s="10"/>
    </row>
    <row r="402664" spans="14:14">
      <c r="N402664" s="10"/>
    </row>
    <row r="402665" spans="14:14">
      <c r="N402665" s="10"/>
    </row>
    <row r="402666" spans="14:14">
      <c r="N402666" s="10"/>
    </row>
    <row r="402667" spans="14:14">
      <c r="N402667" s="10"/>
    </row>
    <row r="402668" spans="14:14">
      <c r="N402668" s="10"/>
    </row>
    <row r="402669" spans="14:14">
      <c r="N402669" s="10"/>
    </row>
    <row r="402670" spans="14:14">
      <c r="N402670" s="10"/>
    </row>
    <row r="402671" spans="14:14">
      <c r="N402671" s="10"/>
    </row>
    <row r="402672" spans="14:14">
      <c r="N402672" s="10"/>
    </row>
    <row r="402673" spans="14:14">
      <c r="N402673" s="10"/>
    </row>
    <row r="402674" spans="14:14">
      <c r="N402674" s="10"/>
    </row>
    <row r="402675" spans="14:14">
      <c r="N402675" s="10"/>
    </row>
    <row r="402676" spans="14:14">
      <c r="N402676" s="10"/>
    </row>
    <row r="402677" spans="14:14">
      <c r="N402677" s="10"/>
    </row>
    <row r="402678" spans="14:14">
      <c r="N402678" s="10"/>
    </row>
    <row r="402679" spans="14:14">
      <c r="N402679" s="10"/>
    </row>
    <row r="402680" spans="14:14">
      <c r="N402680" s="10"/>
    </row>
    <row r="402681" spans="14:14">
      <c r="N402681" s="10"/>
    </row>
    <row r="402682" spans="14:14">
      <c r="N402682" s="10"/>
    </row>
    <row r="402683" spans="14:14">
      <c r="N402683" s="10"/>
    </row>
    <row r="402684" spans="14:14">
      <c r="N402684" s="10"/>
    </row>
    <row r="402685" spans="14:14">
      <c r="N402685" s="10"/>
    </row>
    <row r="402686" spans="14:14">
      <c r="N402686" s="10"/>
    </row>
    <row r="402687" spans="14:14">
      <c r="N402687" s="10"/>
    </row>
    <row r="402688" spans="14:14">
      <c r="N402688" s="10"/>
    </row>
    <row r="402689" spans="14:14">
      <c r="N402689" s="10"/>
    </row>
    <row r="402690" spans="14:14">
      <c r="N402690" s="10"/>
    </row>
    <row r="402691" spans="14:14">
      <c r="N402691" s="10"/>
    </row>
    <row r="402692" spans="14:14">
      <c r="N402692" s="10"/>
    </row>
    <row r="402693" spans="14:14">
      <c r="N402693" s="10"/>
    </row>
    <row r="402694" spans="14:14">
      <c r="N402694" s="10"/>
    </row>
    <row r="402695" spans="14:14">
      <c r="N402695" s="10"/>
    </row>
    <row r="402696" spans="14:14">
      <c r="N402696" s="10"/>
    </row>
    <row r="402697" spans="14:14">
      <c r="N402697" s="10"/>
    </row>
    <row r="402698" spans="14:14">
      <c r="N402698" s="10"/>
    </row>
    <row r="402699" spans="14:14">
      <c r="N402699" s="10"/>
    </row>
    <row r="402700" spans="14:14">
      <c r="N402700" s="10"/>
    </row>
    <row r="402701" spans="14:14">
      <c r="N402701" s="10"/>
    </row>
    <row r="402702" spans="14:14">
      <c r="N402702" s="10"/>
    </row>
    <row r="402703" spans="14:14">
      <c r="N402703" s="10"/>
    </row>
    <row r="402704" spans="14:14">
      <c r="N402704" s="10"/>
    </row>
    <row r="402705" spans="14:14">
      <c r="N402705" s="10"/>
    </row>
    <row r="402706" spans="14:14">
      <c r="N402706" s="10"/>
    </row>
    <row r="402707" spans="14:14">
      <c r="N402707" s="10"/>
    </row>
    <row r="402708" spans="14:14">
      <c r="N402708" s="10"/>
    </row>
    <row r="402709" spans="14:14">
      <c r="N402709" s="10"/>
    </row>
    <row r="402710" spans="14:14">
      <c r="N402710" s="10"/>
    </row>
    <row r="402711" spans="14:14">
      <c r="N402711" s="10"/>
    </row>
    <row r="402712" spans="14:14">
      <c r="N402712" s="10"/>
    </row>
    <row r="402713" spans="14:14">
      <c r="N402713" s="10"/>
    </row>
    <row r="402714" spans="14:14">
      <c r="N402714" s="10"/>
    </row>
    <row r="402715" spans="14:14">
      <c r="N402715" s="10"/>
    </row>
    <row r="402716" spans="14:14">
      <c r="N402716" s="10"/>
    </row>
    <row r="402717" spans="14:14">
      <c r="N402717" s="10"/>
    </row>
    <row r="402718" spans="14:14">
      <c r="N402718" s="10"/>
    </row>
    <row r="402719" spans="14:14">
      <c r="N402719" s="10"/>
    </row>
    <row r="402720" spans="14:14">
      <c r="N402720" s="10"/>
    </row>
    <row r="402721" spans="14:14">
      <c r="N402721" s="10"/>
    </row>
    <row r="402722" spans="14:14">
      <c r="N402722" s="10"/>
    </row>
    <row r="402723" spans="14:14">
      <c r="N402723" s="10"/>
    </row>
    <row r="402724" spans="14:14">
      <c r="N402724" s="10"/>
    </row>
    <row r="402725" spans="14:14">
      <c r="N402725" s="10"/>
    </row>
    <row r="402726" spans="14:14">
      <c r="N402726" s="10"/>
    </row>
    <row r="402727" spans="14:14">
      <c r="N402727" s="10"/>
    </row>
    <row r="402728" spans="14:14">
      <c r="N402728" s="10"/>
    </row>
    <row r="402729" spans="14:14">
      <c r="N402729" s="10"/>
    </row>
    <row r="402730" spans="14:14">
      <c r="N402730" s="10"/>
    </row>
    <row r="402731" spans="14:14">
      <c r="N402731" s="10"/>
    </row>
    <row r="402732" spans="14:14">
      <c r="N402732" s="10"/>
    </row>
    <row r="402733" spans="14:14">
      <c r="N402733" s="10"/>
    </row>
    <row r="402734" spans="14:14">
      <c r="N402734" s="10"/>
    </row>
    <row r="402735" spans="14:14">
      <c r="N402735" s="10"/>
    </row>
    <row r="402736" spans="14:14">
      <c r="N402736" s="10"/>
    </row>
    <row r="402737" spans="14:14">
      <c r="N402737" s="10"/>
    </row>
    <row r="402738" spans="14:14">
      <c r="N402738" s="10"/>
    </row>
    <row r="402739" spans="14:14">
      <c r="N402739" s="10"/>
    </row>
    <row r="402740" spans="14:14">
      <c r="N402740" s="10"/>
    </row>
    <row r="402741" spans="14:14">
      <c r="N402741" s="10"/>
    </row>
    <row r="402742" spans="14:14">
      <c r="N402742" s="10"/>
    </row>
    <row r="402743" spans="14:14">
      <c r="N402743" s="10"/>
    </row>
    <row r="402744" spans="14:14">
      <c r="N402744" s="10"/>
    </row>
    <row r="402745" spans="14:14">
      <c r="N402745" s="10"/>
    </row>
    <row r="402746" spans="14:14">
      <c r="N402746" s="10"/>
    </row>
    <row r="402747" spans="14:14">
      <c r="N402747" s="10"/>
    </row>
    <row r="402748" spans="14:14">
      <c r="N402748" s="10"/>
    </row>
    <row r="402749" spans="14:14">
      <c r="N402749" s="10"/>
    </row>
    <row r="402750" spans="14:14">
      <c r="N402750" s="10"/>
    </row>
    <row r="402751" spans="14:14">
      <c r="N402751" s="10"/>
    </row>
    <row r="402752" spans="14:14">
      <c r="N402752" s="10"/>
    </row>
    <row r="402753" spans="14:14">
      <c r="N402753" s="10"/>
    </row>
    <row r="402754" spans="14:14">
      <c r="N402754" s="10"/>
    </row>
    <row r="402755" spans="14:14">
      <c r="N402755" s="10"/>
    </row>
    <row r="402756" spans="14:14">
      <c r="N402756" s="10"/>
    </row>
    <row r="402757" spans="14:14">
      <c r="N402757" s="10"/>
    </row>
    <row r="402758" spans="14:14">
      <c r="N402758" s="10"/>
    </row>
    <row r="402759" spans="14:14">
      <c r="N402759" s="10"/>
    </row>
    <row r="402760" spans="14:14">
      <c r="N402760" s="10"/>
    </row>
    <row r="402761" spans="14:14">
      <c r="N402761" s="10"/>
    </row>
    <row r="402762" spans="14:14">
      <c r="N402762" s="10"/>
    </row>
    <row r="402763" spans="14:14">
      <c r="N402763" s="10"/>
    </row>
    <row r="402764" spans="14:14">
      <c r="N402764" s="10"/>
    </row>
    <row r="402765" spans="14:14">
      <c r="N402765" s="10"/>
    </row>
    <row r="402766" spans="14:14">
      <c r="N402766" s="10"/>
    </row>
    <row r="402767" spans="14:14">
      <c r="N402767" s="10"/>
    </row>
    <row r="402768" spans="14:14">
      <c r="N402768" s="10"/>
    </row>
    <row r="402769" spans="14:14">
      <c r="N402769" s="10"/>
    </row>
    <row r="402770" spans="14:14">
      <c r="N402770" s="10"/>
    </row>
    <row r="402771" spans="14:14">
      <c r="N402771" s="10"/>
    </row>
    <row r="402772" spans="14:14">
      <c r="N402772" s="10"/>
    </row>
    <row r="402773" spans="14:14">
      <c r="N402773" s="10"/>
    </row>
    <row r="402774" spans="14:14">
      <c r="N402774" s="10"/>
    </row>
    <row r="402775" spans="14:14">
      <c r="N402775" s="10"/>
    </row>
    <row r="402776" spans="14:14">
      <c r="N402776" s="10"/>
    </row>
    <row r="402777" spans="14:14">
      <c r="N402777" s="10"/>
    </row>
    <row r="402778" spans="14:14">
      <c r="N402778" s="10"/>
    </row>
    <row r="402779" spans="14:14">
      <c r="N402779" s="10"/>
    </row>
    <row r="402780" spans="14:14">
      <c r="N402780" s="10"/>
    </row>
    <row r="402781" spans="14:14">
      <c r="N402781" s="10"/>
    </row>
    <row r="402782" spans="14:14">
      <c r="N402782" s="10"/>
    </row>
    <row r="402783" spans="14:14">
      <c r="N402783" s="10"/>
    </row>
    <row r="402784" spans="14:14">
      <c r="N402784" s="10"/>
    </row>
    <row r="402785" spans="14:14">
      <c r="N402785" s="10"/>
    </row>
    <row r="402786" spans="14:14">
      <c r="N402786" s="10"/>
    </row>
    <row r="402787" spans="14:14">
      <c r="N402787" s="10"/>
    </row>
    <row r="402788" spans="14:14">
      <c r="N402788" s="10"/>
    </row>
    <row r="402789" spans="14:14">
      <c r="N402789" s="10"/>
    </row>
    <row r="402790" spans="14:14">
      <c r="N402790" s="10"/>
    </row>
    <row r="402791" spans="14:14">
      <c r="N402791" s="10"/>
    </row>
    <row r="402792" spans="14:14">
      <c r="N402792" s="10"/>
    </row>
    <row r="402793" spans="14:14">
      <c r="N402793" s="10"/>
    </row>
    <row r="402794" spans="14:14">
      <c r="N402794" s="10"/>
    </row>
    <row r="402795" spans="14:14">
      <c r="N402795" s="10"/>
    </row>
    <row r="402796" spans="14:14">
      <c r="N402796" s="10"/>
    </row>
    <row r="402797" spans="14:14">
      <c r="N402797" s="10"/>
    </row>
    <row r="402798" spans="14:14">
      <c r="N402798" s="10"/>
    </row>
    <row r="402799" spans="14:14">
      <c r="N402799" s="10"/>
    </row>
    <row r="402800" spans="14:14">
      <c r="N402800" s="10"/>
    </row>
    <row r="402801" spans="14:14">
      <c r="N402801" s="10"/>
    </row>
    <row r="402802" spans="14:14">
      <c r="N402802" s="10"/>
    </row>
    <row r="402803" spans="14:14">
      <c r="N402803" s="10"/>
    </row>
    <row r="402804" spans="14:14">
      <c r="N402804" s="10"/>
    </row>
    <row r="402805" spans="14:14">
      <c r="N402805" s="10"/>
    </row>
    <row r="402806" spans="14:14">
      <c r="N402806" s="10"/>
    </row>
    <row r="402807" spans="14:14">
      <c r="N402807" s="10"/>
    </row>
    <row r="402808" spans="14:14">
      <c r="N402808" s="10"/>
    </row>
    <row r="402809" spans="14:14">
      <c r="N402809" s="10"/>
    </row>
    <row r="402810" spans="14:14">
      <c r="N402810" s="10"/>
    </row>
    <row r="402811" spans="14:14">
      <c r="N402811" s="10"/>
    </row>
    <row r="402812" spans="14:14">
      <c r="N402812" s="10"/>
    </row>
    <row r="402813" spans="14:14">
      <c r="N402813" s="10"/>
    </row>
    <row r="402814" spans="14:14">
      <c r="N402814" s="10"/>
    </row>
    <row r="402815" spans="14:14">
      <c r="N402815" s="10"/>
    </row>
    <row r="402816" spans="14:14">
      <c r="N402816" s="10"/>
    </row>
    <row r="402817" spans="14:14">
      <c r="N402817" s="10"/>
    </row>
    <row r="402818" spans="14:14">
      <c r="N402818" s="10"/>
    </row>
    <row r="402819" spans="14:14">
      <c r="N402819" s="10"/>
    </row>
    <row r="402820" spans="14:14">
      <c r="N402820" s="10"/>
    </row>
    <row r="402821" spans="14:14">
      <c r="N402821" s="10"/>
    </row>
    <row r="402822" spans="14:14">
      <c r="N402822" s="10"/>
    </row>
    <row r="402823" spans="14:14">
      <c r="N402823" s="10"/>
    </row>
    <row r="402824" spans="14:14">
      <c r="N402824" s="10"/>
    </row>
    <row r="402825" spans="14:14">
      <c r="N402825" s="10"/>
    </row>
    <row r="402826" spans="14:14">
      <c r="N402826" s="10"/>
    </row>
    <row r="402827" spans="14:14">
      <c r="N402827" s="10"/>
    </row>
    <row r="402828" spans="14:14">
      <c r="N402828" s="10"/>
    </row>
    <row r="402829" spans="14:14">
      <c r="N402829" s="10"/>
    </row>
    <row r="402830" spans="14:14">
      <c r="N402830" s="10"/>
    </row>
    <row r="402831" spans="14:14">
      <c r="N402831" s="10"/>
    </row>
    <row r="402832" spans="14:14">
      <c r="N402832" s="10"/>
    </row>
    <row r="402833" spans="14:14">
      <c r="N402833" s="10"/>
    </row>
    <row r="402834" spans="14:14">
      <c r="N402834" s="10"/>
    </row>
    <row r="402835" spans="14:14">
      <c r="N402835" s="10"/>
    </row>
    <row r="402836" spans="14:14">
      <c r="N402836" s="10"/>
    </row>
    <row r="402837" spans="14:14">
      <c r="N402837" s="10"/>
    </row>
    <row r="402838" spans="14:14">
      <c r="N402838" s="10"/>
    </row>
    <row r="402839" spans="14:14">
      <c r="N402839" s="10"/>
    </row>
    <row r="402840" spans="14:14">
      <c r="N402840" s="10"/>
    </row>
    <row r="402841" spans="14:14">
      <c r="N402841" s="10"/>
    </row>
    <row r="402842" spans="14:14">
      <c r="N402842" s="10"/>
    </row>
    <row r="402843" spans="14:14">
      <c r="N402843" s="10"/>
    </row>
    <row r="402844" spans="14:14">
      <c r="N402844" s="10"/>
    </row>
    <row r="402845" spans="14:14">
      <c r="N402845" s="10"/>
    </row>
    <row r="402846" spans="14:14">
      <c r="N402846" s="10"/>
    </row>
    <row r="402847" spans="14:14">
      <c r="N402847" s="10"/>
    </row>
    <row r="402848" spans="14:14">
      <c r="N402848" s="10"/>
    </row>
    <row r="402849" spans="14:14">
      <c r="N402849" s="10"/>
    </row>
    <row r="402850" spans="14:14">
      <c r="N402850" s="10"/>
    </row>
    <row r="402851" spans="14:14">
      <c r="N402851" s="10"/>
    </row>
    <row r="402852" spans="14:14">
      <c r="N402852" s="10"/>
    </row>
    <row r="402853" spans="14:14">
      <c r="N402853" s="10"/>
    </row>
    <row r="402854" spans="14:14">
      <c r="N402854" s="10"/>
    </row>
    <row r="402855" spans="14:14">
      <c r="N402855" s="10"/>
    </row>
    <row r="402856" spans="14:14">
      <c r="N402856" s="10"/>
    </row>
    <row r="402857" spans="14:14">
      <c r="N402857" s="10"/>
    </row>
    <row r="402858" spans="14:14">
      <c r="N402858" s="10"/>
    </row>
    <row r="402859" spans="14:14">
      <c r="N402859" s="10"/>
    </row>
    <row r="402860" spans="14:14">
      <c r="N402860" s="10"/>
    </row>
    <row r="402861" spans="14:14">
      <c r="N402861" s="10"/>
    </row>
    <row r="402862" spans="14:14">
      <c r="N402862" s="10"/>
    </row>
    <row r="402863" spans="14:14">
      <c r="N402863" s="10"/>
    </row>
    <row r="402864" spans="14:14">
      <c r="N402864" s="10"/>
    </row>
    <row r="402865" spans="14:14">
      <c r="N402865" s="10"/>
    </row>
    <row r="402866" spans="14:14">
      <c r="N402866" s="10"/>
    </row>
    <row r="402867" spans="14:14">
      <c r="N402867" s="10"/>
    </row>
    <row r="402868" spans="14:14">
      <c r="N402868" s="10"/>
    </row>
    <row r="402869" spans="14:14">
      <c r="N402869" s="10"/>
    </row>
    <row r="402870" spans="14:14">
      <c r="N402870" s="10"/>
    </row>
    <row r="402871" spans="14:14">
      <c r="N402871" s="10"/>
    </row>
    <row r="402872" spans="14:14">
      <c r="N402872" s="10"/>
    </row>
    <row r="402873" spans="14:14">
      <c r="N402873" s="10"/>
    </row>
    <row r="402874" spans="14:14">
      <c r="N402874" s="10"/>
    </row>
    <row r="402875" spans="14:14">
      <c r="N402875" s="10"/>
    </row>
    <row r="402876" spans="14:14">
      <c r="N402876" s="10"/>
    </row>
    <row r="402877" spans="14:14">
      <c r="N402877" s="10"/>
    </row>
    <row r="402878" spans="14:14">
      <c r="N402878" s="10"/>
    </row>
    <row r="402879" spans="14:14">
      <c r="N402879" s="10"/>
    </row>
    <row r="402880" spans="14:14">
      <c r="N402880" s="10"/>
    </row>
    <row r="402881" spans="14:14">
      <c r="N402881" s="10"/>
    </row>
    <row r="402882" spans="14:14">
      <c r="N402882" s="10"/>
    </row>
    <row r="402883" spans="14:14">
      <c r="N402883" s="10"/>
    </row>
    <row r="402884" spans="14:14">
      <c r="N402884" s="10"/>
    </row>
    <row r="402885" spans="14:14">
      <c r="N402885" s="10"/>
    </row>
    <row r="402886" spans="14:14">
      <c r="N402886" s="10"/>
    </row>
    <row r="402887" spans="14:14">
      <c r="N402887" s="10"/>
    </row>
    <row r="402888" spans="14:14">
      <c r="N402888" s="10"/>
    </row>
    <row r="402889" spans="14:14">
      <c r="N402889" s="10"/>
    </row>
    <row r="402890" spans="14:14">
      <c r="N402890" s="10"/>
    </row>
    <row r="402891" spans="14:14">
      <c r="N402891" s="10"/>
    </row>
    <row r="402892" spans="14:14">
      <c r="N402892" s="10"/>
    </row>
    <row r="402893" spans="14:14">
      <c r="N402893" s="10"/>
    </row>
    <row r="402894" spans="14:14">
      <c r="N402894" s="10"/>
    </row>
    <row r="402895" spans="14:14">
      <c r="N402895" s="10"/>
    </row>
    <row r="402896" spans="14:14">
      <c r="N402896" s="10"/>
    </row>
    <row r="402897" spans="14:14">
      <c r="N402897" s="10"/>
    </row>
    <row r="402898" spans="14:14">
      <c r="N402898" s="10"/>
    </row>
    <row r="402899" spans="14:14">
      <c r="N402899" s="10"/>
    </row>
    <row r="402900" spans="14:14">
      <c r="N402900" s="10"/>
    </row>
    <row r="402901" spans="14:14">
      <c r="N402901" s="10"/>
    </row>
    <row r="402902" spans="14:14">
      <c r="N402902" s="10"/>
    </row>
    <row r="402903" spans="14:14">
      <c r="N402903" s="10"/>
    </row>
    <row r="402904" spans="14:14">
      <c r="N402904" s="10"/>
    </row>
    <row r="402905" spans="14:14">
      <c r="N402905" s="10"/>
    </row>
    <row r="402906" spans="14:14">
      <c r="N402906" s="10"/>
    </row>
    <row r="402907" spans="14:14">
      <c r="N402907" s="10"/>
    </row>
    <row r="402908" spans="14:14">
      <c r="N402908" s="10"/>
    </row>
    <row r="402909" spans="14:14">
      <c r="N402909" s="10"/>
    </row>
    <row r="402910" spans="14:14">
      <c r="N402910" s="10"/>
    </row>
    <row r="402911" spans="14:14">
      <c r="N402911" s="10"/>
    </row>
    <row r="402912" spans="14:14">
      <c r="N402912" s="10"/>
    </row>
    <row r="402913" spans="14:14">
      <c r="N402913" s="10"/>
    </row>
    <row r="402914" spans="14:14">
      <c r="N402914" s="10"/>
    </row>
    <row r="402915" spans="14:14">
      <c r="N402915" s="10"/>
    </row>
    <row r="402916" spans="14:14">
      <c r="N402916" s="10"/>
    </row>
    <row r="402917" spans="14:14">
      <c r="N402917" s="10"/>
    </row>
    <row r="402918" spans="14:14">
      <c r="N402918" s="10"/>
    </row>
    <row r="402919" spans="14:14">
      <c r="N402919" s="10"/>
    </row>
    <row r="402920" spans="14:14">
      <c r="N402920" s="10"/>
    </row>
    <row r="402921" spans="14:14">
      <c r="N402921" s="10"/>
    </row>
    <row r="402922" spans="14:14">
      <c r="N402922" s="10"/>
    </row>
    <row r="402923" spans="14:14">
      <c r="N402923" s="10"/>
    </row>
    <row r="402924" spans="14:14">
      <c r="N402924" s="10"/>
    </row>
    <row r="402925" spans="14:14">
      <c r="N402925" s="10"/>
    </row>
    <row r="402926" spans="14:14">
      <c r="N402926" s="10"/>
    </row>
    <row r="402927" spans="14:14">
      <c r="N402927" s="10"/>
    </row>
    <row r="402928" spans="14:14">
      <c r="N402928" s="10"/>
    </row>
    <row r="402929" spans="14:14">
      <c r="N402929" s="10"/>
    </row>
    <row r="402930" spans="14:14">
      <c r="N402930" s="10"/>
    </row>
    <row r="402931" spans="14:14">
      <c r="N402931" s="10"/>
    </row>
    <row r="402932" spans="14:14">
      <c r="N402932" s="10"/>
    </row>
    <row r="402933" spans="14:14">
      <c r="N402933" s="10"/>
    </row>
    <row r="402934" spans="14:14">
      <c r="N402934" s="10"/>
    </row>
    <row r="402935" spans="14:14">
      <c r="N402935" s="10"/>
    </row>
    <row r="402936" spans="14:14">
      <c r="N402936" s="10"/>
    </row>
    <row r="402937" spans="14:14">
      <c r="N402937" s="10"/>
    </row>
    <row r="402938" spans="14:14">
      <c r="N402938" s="10"/>
    </row>
    <row r="402939" spans="14:14">
      <c r="N402939" s="10"/>
    </row>
    <row r="402940" spans="14:14">
      <c r="N402940" s="10"/>
    </row>
    <row r="402941" spans="14:14">
      <c r="N402941" s="10"/>
    </row>
    <row r="402942" spans="14:14">
      <c r="N402942" s="10"/>
    </row>
    <row r="402943" spans="14:14">
      <c r="N402943" s="10"/>
    </row>
    <row r="402944" spans="14:14">
      <c r="N402944" s="10"/>
    </row>
    <row r="402945" spans="14:14">
      <c r="N402945" s="10"/>
    </row>
    <row r="402946" spans="14:14">
      <c r="N402946" s="10"/>
    </row>
    <row r="402947" spans="14:14">
      <c r="N402947" s="10"/>
    </row>
    <row r="402948" spans="14:14">
      <c r="N402948" s="10"/>
    </row>
    <row r="402949" spans="14:14">
      <c r="N402949" s="10"/>
    </row>
    <row r="402950" spans="14:14">
      <c r="N402950" s="10"/>
    </row>
    <row r="402951" spans="14:14">
      <c r="N402951" s="10"/>
    </row>
    <row r="402952" spans="14:14">
      <c r="N402952" s="10"/>
    </row>
    <row r="402953" spans="14:14">
      <c r="N402953" s="10"/>
    </row>
    <row r="402954" spans="14:14">
      <c r="N402954" s="10"/>
    </row>
    <row r="402955" spans="14:14">
      <c r="N402955" s="10"/>
    </row>
    <row r="402956" spans="14:14">
      <c r="N402956" s="10"/>
    </row>
    <row r="402957" spans="14:14">
      <c r="N402957" s="10"/>
    </row>
    <row r="402958" spans="14:14">
      <c r="N402958" s="10"/>
    </row>
    <row r="402959" spans="14:14">
      <c r="N402959" s="10"/>
    </row>
    <row r="402960" spans="14:14">
      <c r="N402960" s="10"/>
    </row>
    <row r="402961" spans="14:14">
      <c r="N402961" s="10"/>
    </row>
    <row r="402962" spans="14:14">
      <c r="N402962" s="10"/>
    </row>
    <row r="402963" spans="14:14">
      <c r="N402963" s="10"/>
    </row>
    <row r="402964" spans="14:14">
      <c r="N402964" s="10"/>
    </row>
    <row r="402965" spans="14:14">
      <c r="N402965" s="10"/>
    </row>
    <row r="402966" spans="14:14">
      <c r="N402966" s="10"/>
    </row>
    <row r="402967" spans="14:14">
      <c r="N402967" s="10"/>
    </row>
    <row r="402968" spans="14:14">
      <c r="N402968" s="10"/>
    </row>
    <row r="402969" spans="14:14">
      <c r="N402969" s="10"/>
    </row>
    <row r="402970" spans="14:14">
      <c r="N402970" s="10"/>
    </row>
    <row r="402971" spans="14:14">
      <c r="N402971" s="10"/>
    </row>
    <row r="402972" spans="14:14">
      <c r="N402972" s="10"/>
    </row>
    <row r="402973" spans="14:14">
      <c r="N402973" s="10"/>
    </row>
    <row r="402974" spans="14:14">
      <c r="N402974" s="10"/>
    </row>
    <row r="402975" spans="14:14">
      <c r="N402975" s="10"/>
    </row>
    <row r="402976" spans="14:14">
      <c r="N402976" s="10"/>
    </row>
    <row r="402977" spans="14:14">
      <c r="N402977" s="10"/>
    </row>
    <row r="402978" spans="14:14">
      <c r="N402978" s="10"/>
    </row>
    <row r="402979" spans="14:14">
      <c r="N402979" s="10"/>
    </row>
    <row r="402980" spans="14:14">
      <c r="N402980" s="10"/>
    </row>
    <row r="402981" spans="14:14">
      <c r="N402981" s="10"/>
    </row>
    <row r="402982" spans="14:14">
      <c r="N402982" s="10"/>
    </row>
    <row r="402983" spans="14:14">
      <c r="N402983" s="10"/>
    </row>
    <row r="402984" spans="14:14">
      <c r="N402984" s="10"/>
    </row>
    <row r="402985" spans="14:14">
      <c r="N402985" s="10"/>
    </row>
    <row r="402986" spans="14:14">
      <c r="N402986" s="10"/>
    </row>
    <row r="402987" spans="14:14">
      <c r="N402987" s="10"/>
    </row>
    <row r="402988" spans="14:14">
      <c r="N402988" s="10"/>
    </row>
    <row r="402989" spans="14:14">
      <c r="N402989" s="10"/>
    </row>
    <row r="402990" spans="14:14">
      <c r="N402990" s="10"/>
    </row>
    <row r="402991" spans="14:14">
      <c r="N402991" s="10"/>
    </row>
    <row r="402992" spans="14:14">
      <c r="N402992" s="10"/>
    </row>
    <row r="402993" spans="14:14">
      <c r="N402993" s="10"/>
    </row>
    <row r="402994" spans="14:14">
      <c r="N402994" s="10"/>
    </row>
    <row r="402995" spans="14:14">
      <c r="N402995" s="10"/>
    </row>
    <row r="402996" spans="14:14">
      <c r="N402996" s="10"/>
    </row>
    <row r="402997" spans="14:14">
      <c r="N402997" s="10"/>
    </row>
    <row r="402998" spans="14:14">
      <c r="N402998" s="10"/>
    </row>
    <row r="402999" spans="14:14">
      <c r="N402999" s="10"/>
    </row>
    <row r="403000" spans="14:14">
      <c r="N403000" s="10"/>
    </row>
    <row r="403001" spans="14:14">
      <c r="N403001" s="10"/>
    </row>
    <row r="403002" spans="14:14">
      <c r="N403002" s="10"/>
    </row>
    <row r="403003" spans="14:14">
      <c r="N403003" s="10"/>
    </row>
    <row r="403004" spans="14:14">
      <c r="N403004" s="10"/>
    </row>
    <row r="403005" spans="14:14">
      <c r="N403005" s="10"/>
    </row>
    <row r="403006" spans="14:14">
      <c r="N403006" s="10"/>
    </row>
    <row r="403007" spans="14:14">
      <c r="N403007" s="10"/>
    </row>
    <row r="403008" spans="14:14">
      <c r="N403008" s="10"/>
    </row>
    <row r="403009" spans="14:14">
      <c r="N403009" s="10"/>
    </row>
    <row r="403010" spans="14:14">
      <c r="N403010" s="10"/>
    </row>
    <row r="403011" spans="14:14">
      <c r="N403011" s="10"/>
    </row>
    <row r="403012" spans="14:14">
      <c r="N403012" s="10"/>
    </row>
    <row r="403013" spans="14:14">
      <c r="N403013" s="10"/>
    </row>
    <row r="403014" spans="14:14">
      <c r="N403014" s="10"/>
    </row>
    <row r="403015" spans="14:14">
      <c r="N403015" s="10"/>
    </row>
    <row r="403016" spans="14:14">
      <c r="N403016" s="10"/>
    </row>
    <row r="403017" spans="14:14">
      <c r="N403017" s="10"/>
    </row>
    <row r="403018" spans="14:14">
      <c r="N403018" s="10"/>
    </row>
    <row r="403019" spans="14:14">
      <c r="N403019" s="10"/>
    </row>
    <row r="403020" spans="14:14">
      <c r="N403020" s="10"/>
    </row>
    <row r="403021" spans="14:14">
      <c r="N403021" s="10"/>
    </row>
    <row r="403022" spans="14:14">
      <c r="N403022" s="10"/>
    </row>
    <row r="403023" spans="14:14">
      <c r="N403023" s="10"/>
    </row>
    <row r="403024" spans="14:14">
      <c r="N403024" s="10"/>
    </row>
    <row r="403025" spans="14:14">
      <c r="N403025" s="10"/>
    </row>
    <row r="403026" spans="14:14">
      <c r="N403026" s="10"/>
    </row>
    <row r="403027" spans="14:14">
      <c r="N403027" s="10"/>
    </row>
    <row r="403028" spans="14:14">
      <c r="N403028" s="10"/>
    </row>
    <row r="403029" spans="14:14">
      <c r="N403029" s="10"/>
    </row>
    <row r="403030" spans="14:14">
      <c r="N403030" s="10"/>
    </row>
    <row r="403031" spans="14:14">
      <c r="N403031" s="10"/>
    </row>
    <row r="403032" spans="14:14">
      <c r="N403032" s="10"/>
    </row>
    <row r="403033" spans="14:14">
      <c r="N403033" s="10"/>
    </row>
    <row r="403034" spans="14:14">
      <c r="N403034" s="10"/>
    </row>
    <row r="403035" spans="14:14">
      <c r="N403035" s="10"/>
    </row>
    <row r="403036" spans="14:14">
      <c r="N403036" s="10"/>
    </row>
    <row r="403037" spans="14:14">
      <c r="N403037" s="10"/>
    </row>
    <row r="403038" spans="14:14">
      <c r="N403038" s="10"/>
    </row>
    <row r="403039" spans="14:14">
      <c r="N403039" s="10"/>
    </row>
    <row r="403040" spans="14:14">
      <c r="N403040" s="10"/>
    </row>
    <row r="403041" spans="14:14">
      <c r="N403041" s="10"/>
    </row>
    <row r="403042" spans="14:14">
      <c r="N403042" s="10"/>
    </row>
    <row r="403043" spans="14:14">
      <c r="N403043" s="10"/>
    </row>
    <row r="403044" spans="14:14">
      <c r="N403044" s="10"/>
    </row>
    <row r="403045" spans="14:14">
      <c r="N403045" s="10"/>
    </row>
    <row r="403046" spans="14:14">
      <c r="N403046" s="10"/>
    </row>
    <row r="403047" spans="14:14">
      <c r="N403047" s="10"/>
    </row>
    <row r="403048" spans="14:14">
      <c r="N403048" s="10"/>
    </row>
    <row r="403049" spans="14:14">
      <c r="N403049" s="10"/>
    </row>
    <row r="403050" spans="14:14">
      <c r="N403050" s="10"/>
    </row>
    <row r="403051" spans="14:14">
      <c r="N403051" s="10"/>
    </row>
    <row r="403052" spans="14:14">
      <c r="N403052" s="10"/>
    </row>
    <row r="403053" spans="14:14">
      <c r="N403053" s="10"/>
    </row>
    <row r="403054" spans="14:14">
      <c r="N403054" s="10"/>
    </row>
    <row r="403055" spans="14:14">
      <c r="N403055" s="10"/>
    </row>
    <row r="403056" spans="14:14">
      <c r="N403056" s="10"/>
    </row>
    <row r="403057" spans="14:14">
      <c r="N403057" s="10"/>
    </row>
    <row r="403058" spans="14:14">
      <c r="N403058" s="10"/>
    </row>
    <row r="403059" spans="14:14">
      <c r="N403059" s="10"/>
    </row>
    <row r="403060" spans="14:14">
      <c r="N403060" s="10"/>
    </row>
    <row r="403061" spans="14:14">
      <c r="N403061" s="10"/>
    </row>
    <row r="403062" spans="14:14">
      <c r="N403062" s="10"/>
    </row>
    <row r="403063" spans="14:14">
      <c r="N403063" s="10"/>
    </row>
    <row r="403064" spans="14:14">
      <c r="N403064" s="10"/>
    </row>
    <row r="403065" spans="14:14">
      <c r="N403065" s="10"/>
    </row>
    <row r="403066" spans="14:14">
      <c r="N403066" s="10"/>
    </row>
    <row r="403067" spans="14:14">
      <c r="N403067" s="10"/>
    </row>
    <row r="403068" spans="14:14">
      <c r="N403068" s="10"/>
    </row>
    <row r="403069" spans="14:14">
      <c r="N403069" s="10"/>
    </row>
    <row r="403070" spans="14:14">
      <c r="N403070" s="10"/>
    </row>
    <row r="403071" spans="14:14">
      <c r="N403071" s="10"/>
    </row>
    <row r="403072" spans="14:14">
      <c r="N403072" s="10"/>
    </row>
    <row r="403073" spans="14:14">
      <c r="N403073" s="10"/>
    </row>
    <row r="403074" spans="14:14">
      <c r="N403074" s="10"/>
    </row>
    <row r="403075" spans="14:14">
      <c r="N403075" s="10"/>
    </row>
    <row r="403076" spans="14:14">
      <c r="N403076" s="10"/>
    </row>
    <row r="403077" spans="14:14">
      <c r="N403077" s="10"/>
    </row>
    <row r="403078" spans="14:14">
      <c r="N403078" s="10"/>
    </row>
    <row r="403079" spans="14:14">
      <c r="N403079" s="10"/>
    </row>
    <row r="403080" spans="14:14">
      <c r="N403080" s="10"/>
    </row>
    <row r="403081" spans="14:14">
      <c r="N403081" s="10"/>
    </row>
    <row r="403082" spans="14:14">
      <c r="N403082" s="10"/>
    </row>
    <row r="403083" spans="14:14">
      <c r="N403083" s="10"/>
    </row>
    <row r="403084" spans="14:14">
      <c r="N403084" s="10"/>
    </row>
    <row r="403085" spans="14:14">
      <c r="N403085" s="10"/>
    </row>
    <row r="403086" spans="14:14">
      <c r="N403086" s="10"/>
    </row>
    <row r="403087" spans="14:14">
      <c r="N403087" s="10"/>
    </row>
    <row r="403088" spans="14:14">
      <c r="N403088" s="10"/>
    </row>
    <row r="403089" spans="14:14">
      <c r="N403089" s="10"/>
    </row>
    <row r="403090" spans="14:14">
      <c r="N403090" s="10"/>
    </row>
    <row r="403091" spans="14:14">
      <c r="N403091" s="10"/>
    </row>
    <row r="403092" spans="14:14">
      <c r="N403092" s="10"/>
    </row>
    <row r="403093" spans="14:14">
      <c r="N403093" s="10"/>
    </row>
    <row r="403094" spans="14:14">
      <c r="N403094" s="10"/>
    </row>
    <row r="403095" spans="14:14">
      <c r="N403095" s="10"/>
    </row>
    <row r="403096" spans="14:14">
      <c r="N403096" s="10"/>
    </row>
    <row r="403097" spans="14:14">
      <c r="N403097" s="10"/>
    </row>
    <row r="403098" spans="14:14">
      <c r="N403098" s="10"/>
    </row>
    <row r="403099" spans="14:14">
      <c r="N403099" s="10"/>
    </row>
    <row r="403100" spans="14:14">
      <c r="N403100" s="10"/>
    </row>
    <row r="403101" spans="14:14">
      <c r="N403101" s="10"/>
    </row>
    <row r="403102" spans="14:14">
      <c r="N403102" s="10"/>
    </row>
    <row r="403103" spans="14:14">
      <c r="N403103" s="10"/>
    </row>
    <row r="403104" spans="14:14">
      <c r="N403104" s="10"/>
    </row>
    <row r="403105" spans="14:14">
      <c r="N403105" s="10"/>
    </row>
    <row r="403106" spans="14:14">
      <c r="N403106" s="10"/>
    </row>
    <row r="403107" spans="14:14">
      <c r="N403107" s="10"/>
    </row>
    <row r="403108" spans="14:14">
      <c r="N403108" s="10"/>
    </row>
    <row r="403109" spans="14:14">
      <c r="N403109" s="10"/>
    </row>
    <row r="403110" spans="14:14">
      <c r="N403110" s="10"/>
    </row>
    <row r="403111" spans="14:14">
      <c r="N403111" s="10"/>
    </row>
    <row r="403112" spans="14:14">
      <c r="N403112" s="10"/>
    </row>
    <row r="403113" spans="14:14">
      <c r="N403113" s="10"/>
    </row>
    <row r="403114" spans="14:14">
      <c r="N403114" s="10"/>
    </row>
    <row r="403115" spans="14:14">
      <c r="N403115" s="10"/>
    </row>
    <row r="403116" spans="14:14">
      <c r="N403116" s="10"/>
    </row>
    <row r="403117" spans="14:14">
      <c r="N403117" s="10"/>
    </row>
    <row r="403118" spans="14:14">
      <c r="N403118" s="10"/>
    </row>
    <row r="403119" spans="14:14">
      <c r="N403119" s="10"/>
    </row>
    <row r="403120" spans="14:14">
      <c r="N403120" s="10"/>
    </row>
    <row r="403121" spans="14:14">
      <c r="N403121" s="10"/>
    </row>
    <row r="403122" spans="14:14">
      <c r="N403122" s="10"/>
    </row>
    <row r="403123" spans="14:14">
      <c r="N403123" s="10"/>
    </row>
    <row r="403124" spans="14:14">
      <c r="N403124" s="10"/>
    </row>
    <row r="403125" spans="14:14">
      <c r="N403125" s="10"/>
    </row>
    <row r="403126" spans="14:14">
      <c r="N403126" s="10"/>
    </row>
    <row r="403127" spans="14:14">
      <c r="N403127" s="10"/>
    </row>
    <row r="403128" spans="14:14">
      <c r="N403128" s="10"/>
    </row>
    <row r="403129" spans="14:14">
      <c r="N403129" s="10"/>
    </row>
    <row r="403130" spans="14:14">
      <c r="N403130" s="10"/>
    </row>
    <row r="403131" spans="14:14">
      <c r="N403131" s="10"/>
    </row>
    <row r="403132" spans="14:14">
      <c r="N403132" s="10"/>
    </row>
    <row r="403133" spans="14:14">
      <c r="N403133" s="10"/>
    </row>
    <row r="403134" spans="14:14">
      <c r="N403134" s="10"/>
    </row>
    <row r="403135" spans="14:14">
      <c r="N403135" s="10"/>
    </row>
    <row r="403136" spans="14:14">
      <c r="N403136" s="10"/>
    </row>
    <row r="403137" spans="14:14">
      <c r="N403137" s="10"/>
    </row>
    <row r="403138" spans="14:14">
      <c r="N403138" s="10"/>
    </row>
    <row r="403139" spans="14:14">
      <c r="N403139" s="10"/>
    </row>
    <row r="403140" spans="14:14">
      <c r="N403140" s="10"/>
    </row>
    <row r="403141" spans="14:14">
      <c r="N403141" s="10"/>
    </row>
    <row r="403142" spans="14:14">
      <c r="N403142" s="10"/>
    </row>
    <row r="403143" spans="14:14">
      <c r="N403143" s="10"/>
    </row>
    <row r="403144" spans="14:14">
      <c r="N403144" s="10"/>
    </row>
    <row r="403145" spans="14:14">
      <c r="N403145" s="10"/>
    </row>
    <row r="403146" spans="14:14">
      <c r="N403146" s="10"/>
    </row>
    <row r="403147" spans="14:14">
      <c r="N403147" s="10"/>
    </row>
    <row r="403148" spans="14:14">
      <c r="N403148" s="10"/>
    </row>
    <row r="403149" spans="14:14">
      <c r="N403149" s="10"/>
    </row>
    <row r="403150" spans="14:14">
      <c r="N403150" s="10"/>
    </row>
    <row r="403151" spans="14:14">
      <c r="N403151" s="10"/>
    </row>
    <row r="403152" spans="14:14">
      <c r="N403152" s="10"/>
    </row>
    <row r="403153" spans="14:14">
      <c r="N403153" s="10"/>
    </row>
    <row r="403154" spans="14:14">
      <c r="N403154" s="10"/>
    </row>
    <row r="403155" spans="14:14">
      <c r="N403155" s="10"/>
    </row>
    <row r="403156" spans="14:14">
      <c r="N403156" s="10"/>
    </row>
    <row r="403157" spans="14:14">
      <c r="N403157" s="10"/>
    </row>
    <row r="403158" spans="14:14">
      <c r="N403158" s="10"/>
    </row>
    <row r="403159" spans="14:14">
      <c r="N403159" s="10"/>
    </row>
    <row r="403160" spans="14:14">
      <c r="N403160" s="10"/>
    </row>
    <row r="403161" spans="14:14">
      <c r="N403161" s="10"/>
    </row>
    <row r="403162" spans="14:14">
      <c r="N403162" s="10"/>
    </row>
    <row r="403163" spans="14:14">
      <c r="N403163" s="10"/>
    </row>
    <row r="403164" spans="14:14">
      <c r="N403164" s="10"/>
    </row>
    <row r="403165" spans="14:14">
      <c r="N403165" s="10"/>
    </row>
    <row r="403166" spans="14:14">
      <c r="N403166" s="10"/>
    </row>
    <row r="403167" spans="14:14">
      <c r="N403167" s="10"/>
    </row>
    <row r="403168" spans="14:14">
      <c r="N403168" s="10"/>
    </row>
    <row r="403169" spans="14:14">
      <c r="N403169" s="10"/>
    </row>
    <row r="403170" spans="14:14">
      <c r="N403170" s="10"/>
    </row>
    <row r="403171" spans="14:14">
      <c r="N403171" s="10"/>
    </row>
    <row r="403172" spans="14:14">
      <c r="N403172" s="10"/>
    </row>
    <row r="403173" spans="14:14">
      <c r="N403173" s="10"/>
    </row>
    <row r="403174" spans="14:14">
      <c r="N403174" s="10"/>
    </row>
    <row r="403175" spans="14:14">
      <c r="N403175" s="10"/>
    </row>
    <row r="403176" spans="14:14">
      <c r="N403176" s="10"/>
    </row>
    <row r="403177" spans="14:14">
      <c r="N403177" s="10"/>
    </row>
    <row r="403178" spans="14:14">
      <c r="N403178" s="10"/>
    </row>
    <row r="403179" spans="14:14">
      <c r="N403179" s="10"/>
    </row>
    <row r="403180" spans="14:14">
      <c r="N403180" s="10"/>
    </row>
    <row r="403181" spans="14:14">
      <c r="N403181" s="10"/>
    </row>
    <row r="403182" spans="14:14">
      <c r="N403182" s="10"/>
    </row>
    <row r="403183" spans="14:14">
      <c r="N403183" s="10"/>
    </row>
    <row r="403184" spans="14:14">
      <c r="N403184" s="10"/>
    </row>
    <row r="403185" spans="14:14">
      <c r="N403185" s="10"/>
    </row>
    <row r="403186" spans="14:14">
      <c r="N403186" s="10"/>
    </row>
    <row r="403187" spans="14:14">
      <c r="N403187" s="10"/>
    </row>
    <row r="403188" spans="14:14">
      <c r="N403188" s="10"/>
    </row>
    <row r="403189" spans="14:14">
      <c r="N403189" s="10"/>
    </row>
    <row r="403190" spans="14:14">
      <c r="N403190" s="10"/>
    </row>
    <row r="403191" spans="14:14">
      <c r="N403191" s="10"/>
    </row>
    <row r="403192" spans="14:14">
      <c r="N403192" s="10"/>
    </row>
    <row r="403193" spans="14:14">
      <c r="N403193" s="10"/>
    </row>
    <row r="403194" spans="14:14">
      <c r="N403194" s="10"/>
    </row>
    <row r="403195" spans="14:14">
      <c r="N403195" s="10"/>
    </row>
    <row r="403196" spans="14:14">
      <c r="N403196" s="10"/>
    </row>
    <row r="403197" spans="14:14">
      <c r="N403197" s="10"/>
    </row>
    <row r="403198" spans="14:14">
      <c r="N403198" s="10"/>
    </row>
    <row r="403199" spans="14:14">
      <c r="N403199" s="10"/>
    </row>
    <row r="403200" spans="14:14">
      <c r="N403200" s="10"/>
    </row>
    <row r="403201" spans="14:14">
      <c r="N403201" s="10"/>
    </row>
    <row r="403202" spans="14:14">
      <c r="N403202" s="10"/>
    </row>
    <row r="403203" spans="14:14">
      <c r="N403203" s="10"/>
    </row>
    <row r="403204" spans="14:14">
      <c r="N403204" s="10"/>
    </row>
    <row r="403205" spans="14:14">
      <c r="N403205" s="10"/>
    </row>
    <row r="403206" spans="14:14">
      <c r="N403206" s="10"/>
    </row>
    <row r="403207" spans="14:14">
      <c r="N403207" s="10"/>
    </row>
    <row r="403208" spans="14:14">
      <c r="N403208" s="10"/>
    </row>
    <row r="403209" spans="14:14">
      <c r="N403209" s="10"/>
    </row>
    <row r="403210" spans="14:14">
      <c r="N403210" s="10"/>
    </row>
    <row r="403211" spans="14:14">
      <c r="N403211" s="10"/>
    </row>
    <row r="403212" spans="14:14">
      <c r="N403212" s="10"/>
    </row>
    <row r="403213" spans="14:14">
      <c r="N403213" s="10"/>
    </row>
    <row r="403214" spans="14:14">
      <c r="N403214" s="10"/>
    </row>
    <row r="403215" spans="14:14">
      <c r="N403215" s="10"/>
    </row>
    <row r="403216" spans="14:14">
      <c r="N403216" s="10"/>
    </row>
    <row r="403217" spans="14:14">
      <c r="N403217" s="10"/>
    </row>
    <row r="403218" spans="14:14">
      <c r="N403218" s="10"/>
    </row>
    <row r="403219" spans="14:14">
      <c r="N403219" s="10"/>
    </row>
    <row r="403220" spans="14:14">
      <c r="N403220" s="10"/>
    </row>
    <row r="403221" spans="14:14">
      <c r="N403221" s="10"/>
    </row>
    <row r="403222" spans="14:14">
      <c r="N403222" s="10"/>
    </row>
    <row r="403223" spans="14:14">
      <c r="N403223" s="10"/>
    </row>
    <row r="403224" spans="14:14">
      <c r="N403224" s="10"/>
    </row>
    <row r="403225" spans="14:14">
      <c r="N403225" s="10"/>
    </row>
    <row r="403226" spans="14:14">
      <c r="N403226" s="10"/>
    </row>
    <row r="403227" spans="14:14">
      <c r="N403227" s="10"/>
    </row>
    <row r="403228" spans="14:14">
      <c r="N403228" s="10"/>
    </row>
    <row r="403229" spans="14:14">
      <c r="N403229" s="10"/>
    </row>
    <row r="403230" spans="14:14">
      <c r="N403230" s="10"/>
    </row>
    <row r="403231" spans="14:14">
      <c r="N403231" s="10"/>
    </row>
    <row r="403232" spans="14:14">
      <c r="N403232" s="10"/>
    </row>
    <row r="403233" spans="14:14">
      <c r="N403233" s="10"/>
    </row>
    <row r="403234" spans="14:14">
      <c r="N403234" s="10"/>
    </row>
    <row r="403235" spans="14:14">
      <c r="N403235" s="10"/>
    </row>
    <row r="403236" spans="14:14">
      <c r="N403236" s="10"/>
    </row>
    <row r="403237" spans="14:14">
      <c r="N403237" s="10"/>
    </row>
    <row r="403238" spans="14:14">
      <c r="N403238" s="10"/>
    </row>
    <row r="403239" spans="14:14">
      <c r="N403239" s="10"/>
    </row>
    <row r="403240" spans="14:14">
      <c r="N403240" s="10"/>
    </row>
    <row r="403241" spans="14:14">
      <c r="N403241" s="10"/>
    </row>
    <row r="403242" spans="14:14">
      <c r="N403242" s="10"/>
    </row>
    <row r="403243" spans="14:14">
      <c r="N403243" s="10"/>
    </row>
    <row r="403244" spans="14:14">
      <c r="N403244" s="10"/>
    </row>
    <row r="403245" spans="14:14">
      <c r="N403245" s="10"/>
    </row>
    <row r="403246" spans="14:14">
      <c r="N403246" s="10"/>
    </row>
    <row r="403247" spans="14:14">
      <c r="N403247" s="10"/>
    </row>
    <row r="403248" spans="14:14">
      <c r="N403248" s="10"/>
    </row>
    <row r="403249" spans="14:14">
      <c r="N403249" s="10"/>
    </row>
    <row r="403250" spans="14:14">
      <c r="N403250" s="10"/>
    </row>
    <row r="403251" spans="14:14">
      <c r="N403251" s="10"/>
    </row>
    <row r="403252" spans="14:14">
      <c r="N403252" s="10"/>
    </row>
    <row r="403253" spans="14:14">
      <c r="N403253" s="10"/>
    </row>
    <row r="403254" spans="14:14">
      <c r="N403254" s="10"/>
    </row>
    <row r="403255" spans="14:14">
      <c r="N403255" s="10"/>
    </row>
    <row r="403256" spans="14:14">
      <c r="N403256" s="10"/>
    </row>
    <row r="403257" spans="14:14">
      <c r="N403257" s="10"/>
    </row>
    <row r="403258" spans="14:14">
      <c r="N403258" s="10"/>
    </row>
    <row r="403259" spans="14:14">
      <c r="N403259" s="10"/>
    </row>
    <row r="403260" spans="14:14">
      <c r="N403260" s="10"/>
    </row>
    <row r="403261" spans="14:14">
      <c r="N403261" s="10"/>
    </row>
    <row r="403262" spans="14:14">
      <c r="N403262" s="10"/>
    </row>
    <row r="403263" spans="14:14">
      <c r="N403263" s="10"/>
    </row>
    <row r="403264" spans="14:14">
      <c r="N403264" s="10"/>
    </row>
    <row r="403265" spans="14:14">
      <c r="N403265" s="10"/>
    </row>
    <row r="403266" spans="14:14">
      <c r="N403266" s="10"/>
    </row>
    <row r="403267" spans="14:14">
      <c r="N403267" s="10"/>
    </row>
    <row r="403268" spans="14:14">
      <c r="N403268" s="10"/>
    </row>
    <row r="403269" spans="14:14">
      <c r="N403269" s="10"/>
    </row>
    <row r="403270" spans="14:14">
      <c r="N403270" s="10"/>
    </row>
    <row r="403271" spans="14:14">
      <c r="N403271" s="10"/>
    </row>
    <row r="403272" spans="14:14">
      <c r="N403272" s="10"/>
    </row>
    <row r="403273" spans="14:14">
      <c r="N403273" s="10"/>
    </row>
    <row r="403274" spans="14:14">
      <c r="N403274" s="10"/>
    </row>
    <row r="403275" spans="14:14">
      <c r="N403275" s="10"/>
    </row>
    <row r="403276" spans="14:14">
      <c r="N403276" s="10"/>
    </row>
    <row r="403277" spans="14:14">
      <c r="N403277" s="10"/>
    </row>
    <row r="403278" spans="14:14">
      <c r="N403278" s="10"/>
    </row>
    <row r="403279" spans="14:14">
      <c r="N403279" s="10"/>
    </row>
    <row r="403280" spans="14:14">
      <c r="N403280" s="10"/>
    </row>
    <row r="403281" spans="14:14">
      <c r="N403281" s="10"/>
    </row>
    <row r="403282" spans="14:14">
      <c r="N403282" s="10"/>
    </row>
    <row r="403283" spans="14:14">
      <c r="N403283" s="10"/>
    </row>
    <row r="403284" spans="14:14">
      <c r="N403284" s="10"/>
    </row>
    <row r="403285" spans="14:14">
      <c r="N403285" s="10"/>
    </row>
    <row r="403286" spans="14:14">
      <c r="N403286" s="10"/>
    </row>
    <row r="403287" spans="14:14">
      <c r="N403287" s="10"/>
    </row>
    <row r="403288" spans="14:14">
      <c r="N403288" s="10"/>
    </row>
    <row r="403289" spans="14:14">
      <c r="N403289" s="10"/>
    </row>
    <row r="403290" spans="14:14">
      <c r="N403290" s="10"/>
    </row>
    <row r="403291" spans="14:14">
      <c r="N403291" s="10"/>
    </row>
    <row r="403292" spans="14:14">
      <c r="N403292" s="10"/>
    </row>
    <row r="403293" spans="14:14">
      <c r="N403293" s="10"/>
    </row>
    <row r="403294" spans="14:14">
      <c r="N403294" s="10"/>
    </row>
    <row r="403295" spans="14:14">
      <c r="N403295" s="10"/>
    </row>
    <row r="403296" spans="14:14">
      <c r="N403296" s="10"/>
    </row>
    <row r="403297" spans="14:14">
      <c r="N403297" s="10"/>
    </row>
    <row r="403298" spans="14:14">
      <c r="N403298" s="10"/>
    </row>
    <row r="403299" spans="14:14">
      <c r="N403299" s="10"/>
    </row>
    <row r="403300" spans="14:14">
      <c r="N403300" s="10"/>
    </row>
    <row r="403301" spans="14:14">
      <c r="N403301" s="10"/>
    </row>
    <row r="403302" spans="14:14">
      <c r="N403302" s="10"/>
    </row>
    <row r="403303" spans="14:14">
      <c r="N403303" s="10"/>
    </row>
    <row r="403304" spans="14:14">
      <c r="N403304" s="10"/>
    </row>
    <row r="403305" spans="14:14">
      <c r="N403305" s="10"/>
    </row>
    <row r="403306" spans="14:14">
      <c r="N403306" s="10"/>
    </row>
    <row r="403307" spans="14:14">
      <c r="N403307" s="10"/>
    </row>
    <row r="403308" spans="14:14">
      <c r="N403308" s="10"/>
    </row>
    <row r="403309" spans="14:14">
      <c r="N403309" s="10"/>
    </row>
    <row r="403310" spans="14:14">
      <c r="N403310" s="10"/>
    </row>
    <row r="403311" spans="14:14">
      <c r="N403311" s="10"/>
    </row>
    <row r="403312" spans="14:14">
      <c r="N403312" s="10"/>
    </row>
    <row r="403313" spans="14:14">
      <c r="N403313" s="10"/>
    </row>
    <row r="403314" spans="14:14">
      <c r="N403314" s="10"/>
    </row>
    <row r="403315" spans="14:14">
      <c r="N403315" s="10"/>
    </row>
    <row r="403316" spans="14:14">
      <c r="N403316" s="10"/>
    </row>
    <row r="403317" spans="14:14">
      <c r="N403317" s="10"/>
    </row>
    <row r="403318" spans="14:14">
      <c r="N403318" s="10"/>
    </row>
    <row r="403319" spans="14:14">
      <c r="N403319" s="10"/>
    </row>
    <row r="403320" spans="14:14">
      <c r="N403320" s="10"/>
    </row>
    <row r="403321" spans="14:14">
      <c r="N403321" s="10"/>
    </row>
    <row r="403322" spans="14:14">
      <c r="N403322" s="10"/>
    </row>
    <row r="403323" spans="14:14">
      <c r="N403323" s="10"/>
    </row>
    <row r="403324" spans="14:14">
      <c r="N403324" s="10"/>
    </row>
    <row r="403325" spans="14:14">
      <c r="N403325" s="10"/>
    </row>
    <row r="403326" spans="14:14">
      <c r="N403326" s="10"/>
    </row>
    <row r="403327" spans="14:14">
      <c r="N403327" s="10"/>
    </row>
    <row r="403328" spans="14:14">
      <c r="N403328" s="10"/>
    </row>
    <row r="403329" spans="14:14">
      <c r="N403329" s="10"/>
    </row>
    <row r="403330" spans="14:14">
      <c r="N403330" s="10"/>
    </row>
    <row r="403331" spans="14:14">
      <c r="N403331" s="10"/>
    </row>
    <row r="403332" spans="14:14">
      <c r="N403332" s="10"/>
    </row>
    <row r="403333" spans="14:14">
      <c r="N403333" s="10"/>
    </row>
    <row r="403334" spans="14:14">
      <c r="N403334" s="10"/>
    </row>
    <row r="403335" spans="14:14">
      <c r="N403335" s="10"/>
    </row>
    <row r="403336" spans="14:14">
      <c r="N403336" s="10"/>
    </row>
    <row r="403337" spans="14:14">
      <c r="N403337" s="10"/>
    </row>
    <row r="403338" spans="14:14">
      <c r="N403338" s="10"/>
    </row>
    <row r="403339" spans="14:14">
      <c r="N403339" s="10"/>
    </row>
    <row r="403340" spans="14:14">
      <c r="N403340" s="10"/>
    </row>
    <row r="403341" spans="14:14">
      <c r="N403341" s="10"/>
    </row>
    <row r="403342" spans="14:14">
      <c r="N403342" s="10"/>
    </row>
    <row r="403343" spans="14:14">
      <c r="N403343" s="10"/>
    </row>
    <row r="403344" spans="14:14">
      <c r="N403344" s="10"/>
    </row>
    <row r="403345" spans="14:14">
      <c r="N403345" s="10"/>
    </row>
    <row r="403346" spans="14:14">
      <c r="N403346" s="10"/>
    </row>
    <row r="403347" spans="14:14">
      <c r="N403347" s="10"/>
    </row>
    <row r="403348" spans="14:14">
      <c r="N403348" s="10"/>
    </row>
    <row r="403349" spans="14:14">
      <c r="N403349" s="10"/>
    </row>
    <row r="403350" spans="14:14">
      <c r="N403350" s="10"/>
    </row>
    <row r="403351" spans="14:14">
      <c r="N403351" s="10"/>
    </row>
    <row r="403352" spans="14:14">
      <c r="N403352" s="10"/>
    </row>
    <row r="403353" spans="14:14">
      <c r="N403353" s="10"/>
    </row>
    <row r="403354" spans="14:14">
      <c r="N403354" s="10"/>
    </row>
    <row r="403355" spans="14:14">
      <c r="N403355" s="10"/>
    </row>
    <row r="403356" spans="14:14">
      <c r="N403356" s="10"/>
    </row>
    <row r="403357" spans="14:14">
      <c r="N403357" s="10"/>
    </row>
    <row r="403358" spans="14:14">
      <c r="N403358" s="10"/>
    </row>
    <row r="403359" spans="14:14">
      <c r="N403359" s="10"/>
    </row>
    <row r="403360" spans="14:14">
      <c r="N403360" s="10"/>
    </row>
    <row r="403361" spans="14:14">
      <c r="N403361" s="10"/>
    </row>
    <row r="403362" spans="14:14">
      <c r="N403362" s="10"/>
    </row>
    <row r="403363" spans="14:14">
      <c r="N403363" s="10"/>
    </row>
    <row r="403364" spans="14:14">
      <c r="N403364" s="10"/>
    </row>
    <row r="403365" spans="14:14">
      <c r="N403365" s="10"/>
    </row>
    <row r="403366" spans="14:14">
      <c r="N403366" s="10"/>
    </row>
    <row r="403367" spans="14:14">
      <c r="N403367" s="10"/>
    </row>
    <row r="403368" spans="14:14">
      <c r="N403368" s="10"/>
    </row>
    <row r="403369" spans="14:14">
      <c r="N403369" s="10"/>
    </row>
    <row r="403370" spans="14:14">
      <c r="N403370" s="10"/>
    </row>
    <row r="403371" spans="14:14">
      <c r="N403371" s="10"/>
    </row>
    <row r="403372" spans="14:14">
      <c r="N403372" s="10"/>
    </row>
    <row r="403373" spans="14:14">
      <c r="N403373" s="10"/>
    </row>
    <row r="403374" spans="14:14">
      <c r="N403374" s="10"/>
    </row>
    <row r="403375" spans="14:14">
      <c r="N403375" s="10"/>
    </row>
    <row r="403376" spans="14:14">
      <c r="N403376" s="10"/>
    </row>
    <row r="403377" spans="14:14">
      <c r="N403377" s="10"/>
    </row>
    <row r="403378" spans="14:14">
      <c r="N403378" s="10"/>
    </row>
    <row r="403379" spans="14:14">
      <c r="N403379" s="10"/>
    </row>
    <row r="403380" spans="14:14">
      <c r="N403380" s="10"/>
    </row>
    <row r="403381" spans="14:14">
      <c r="N403381" s="10"/>
    </row>
    <row r="403382" spans="14:14">
      <c r="N403382" s="10"/>
    </row>
    <row r="403383" spans="14:14">
      <c r="N403383" s="10"/>
    </row>
    <row r="403384" spans="14:14">
      <c r="N403384" s="10"/>
    </row>
    <row r="403385" spans="14:14">
      <c r="N403385" s="10"/>
    </row>
    <row r="403386" spans="14:14">
      <c r="N403386" s="10"/>
    </row>
    <row r="403387" spans="14:14">
      <c r="N403387" s="10"/>
    </row>
    <row r="403388" spans="14:14">
      <c r="N403388" s="10"/>
    </row>
    <row r="403389" spans="14:14">
      <c r="N403389" s="10"/>
    </row>
    <row r="403390" spans="14:14">
      <c r="N403390" s="10"/>
    </row>
    <row r="403391" spans="14:14">
      <c r="N403391" s="10"/>
    </row>
    <row r="403392" spans="14:14">
      <c r="N403392" s="10"/>
    </row>
    <row r="403393" spans="14:14">
      <c r="N403393" s="10"/>
    </row>
    <row r="403394" spans="14:14">
      <c r="N403394" s="10"/>
    </row>
    <row r="403395" spans="14:14">
      <c r="N403395" s="10"/>
    </row>
    <row r="403396" spans="14:14">
      <c r="N403396" s="10"/>
    </row>
    <row r="403397" spans="14:14">
      <c r="N403397" s="10"/>
    </row>
    <row r="403398" spans="14:14">
      <c r="N403398" s="10"/>
    </row>
    <row r="403399" spans="14:14">
      <c r="N403399" s="10"/>
    </row>
    <row r="403400" spans="14:14">
      <c r="N403400" s="10"/>
    </row>
    <row r="403401" spans="14:14">
      <c r="N403401" s="10"/>
    </row>
    <row r="403402" spans="14:14">
      <c r="N403402" s="10"/>
    </row>
    <row r="403403" spans="14:14">
      <c r="N403403" s="10"/>
    </row>
    <row r="403404" spans="14:14">
      <c r="N403404" s="10"/>
    </row>
    <row r="403405" spans="14:14">
      <c r="N403405" s="10"/>
    </row>
    <row r="403406" spans="14:14">
      <c r="N403406" s="10"/>
    </row>
    <row r="403407" spans="14:14">
      <c r="N403407" s="10"/>
    </row>
    <row r="403408" spans="14:14">
      <c r="N403408" s="10"/>
    </row>
    <row r="403409" spans="14:14">
      <c r="N403409" s="10"/>
    </row>
    <row r="403410" spans="14:14">
      <c r="N403410" s="10"/>
    </row>
    <row r="403411" spans="14:14">
      <c r="N403411" s="10"/>
    </row>
    <row r="403412" spans="14:14">
      <c r="N403412" s="10"/>
    </row>
    <row r="403413" spans="14:14">
      <c r="N403413" s="10"/>
    </row>
    <row r="403414" spans="14:14">
      <c r="N403414" s="10"/>
    </row>
    <row r="403415" spans="14:14">
      <c r="N403415" s="10"/>
    </row>
    <row r="403416" spans="14:14">
      <c r="N403416" s="10"/>
    </row>
    <row r="403417" spans="14:14">
      <c r="N403417" s="10"/>
    </row>
    <row r="403418" spans="14:14">
      <c r="N403418" s="10"/>
    </row>
    <row r="403419" spans="14:14">
      <c r="N403419" s="10"/>
    </row>
    <row r="403420" spans="14:14">
      <c r="N403420" s="10"/>
    </row>
    <row r="403421" spans="14:14">
      <c r="N403421" s="10"/>
    </row>
    <row r="403422" spans="14:14">
      <c r="N403422" s="10"/>
    </row>
    <row r="403423" spans="14:14">
      <c r="N403423" s="10"/>
    </row>
    <row r="403424" spans="14:14">
      <c r="N403424" s="10"/>
    </row>
    <row r="403425" spans="14:14">
      <c r="N403425" s="10"/>
    </row>
    <row r="403426" spans="14:14">
      <c r="N403426" s="10"/>
    </row>
    <row r="403427" spans="14:14">
      <c r="N403427" s="10"/>
    </row>
    <row r="403428" spans="14:14">
      <c r="N403428" s="10"/>
    </row>
    <row r="403429" spans="14:14">
      <c r="N403429" s="10"/>
    </row>
    <row r="403430" spans="14:14">
      <c r="N403430" s="10"/>
    </row>
    <row r="403431" spans="14:14">
      <c r="N403431" s="10"/>
    </row>
    <row r="403432" spans="14:14">
      <c r="N403432" s="10"/>
    </row>
    <row r="403433" spans="14:14">
      <c r="N403433" s="10"/>
    </row>
    <row r="403434" spans="14:14">
      <c r="N403434" s="10"/>
    </row>
    <row r="403435" spans="14:14">
      <c r="N403435" s="10"/>
    </row>
    <row r="403436" spans="14:14">
      <c r="N403436" s="10"/>
    </row>
    <row r="403437" spans="14:14">
      <c r="N403437" s="10"/>
    </row>
    <row r="403438" spans="14:14">
      <c r="N403438" s="10"/>
    </row>
    <row r="403439" spans="14:14">
      <c r="N403439" s="10"/>
    </row>
    <row r="403440" spans="14:14">
      <c r="N403440" s="10"/>
    </row>
    <row r="403441" spans="14:14">
      <c r="N403441" s="10"/>
    </row>
    <row r="403442" spans="14:14">
      <c r="N403442" s="10"/>
    </row>
    <row r="403443" spans="14:14">
      <c r="N403443" s="10"/>
    </row>
    <row r="403444" spans="14:14">
      <c r="N403444" s="10"/>
    </row>
    <row r="403445" spans="14:14">
      <c r="N403445" s="10"/>
    </row>
    <row r="403446" spans="14:14">
      <c r="N403446" s="10"/>
    </row>
    <row r="403447" spans="14:14">
      <c r="N403447" s="10"/>
    </row>
    <row r="403448" spans="14:14">
      <c r="N403448" s="10"/>
    </row>
    <row r="403449" spans="14:14">
      <c r="N403449" s="10"/>
    </row>
    <row r="403450" spans="14:14">
      <c r="N403450" s="10"/>
    </row>
    <row r="403451" spans="14:14">
      <c r="N403451" s="10"/>
    </row>
    <row r="403452" spans="14:14">
      <c r="N403452" s="10"/>
    </row>
    <row r="403453" spans="14:14">
      <c r="N403453" s="10"/>
    </row>
    <row r="403454" spans="14:14">
      <c r="N403454" s="10"/>
    </row>
    <row r="403455" spans="14:14">
      <c r="N403455" s="10"/>
    </row>
    <row r="403456" spans="14:14">
      <c r="N403456" s="10"/>
    </row>
    <row r="403457" spans="14:14">
      <c r="N403457" s="10"/>
    </row>
    <row r="403458" spans="14:14">
      <c r="N403458" s="10"/>
    </row>
    <row r="403459" spans="14:14">
      <c r="N403459" s="10"/>
    </row>
    <row r="403460" spans="14:14">
      <c r="N403460" s="10"/>
    </row>
    <row r="403461" spans="14:14">
      <c r="N403461" s="10"/>
    </row>
    <row r="403462" spans="14:14">
      <c r="N403462" s="10"/>
    </row>
    <row r="403463" spans="14:14">
      <c r="N403463" s="10"/>
    </row>
    <row r="403464" spans="14:14">
      <c r="N403464" s="10"/>
    </row>
    <row r="403465" spans="14:14">
      <c r="N403465" s="10"/>
    </row>
    <row r="403466" spans="14:14">
      <c r="N403466" s="10"/>
    </row>
    <row r="403467" spans="14:14">
      <c r="N403467" s="10"/>
    </row>
    <row r="403468" spans="14:14">
      <c r="N403468" s="10"/>
    </row>
    <row r="403469" spans="14:14">
      <c r="N403469" s="10"/>
    </row>
    <row r="403470" spans="14:14">
      <c r="N403470" s="10"/>
    </row>
    <row r="403471" spans="14:14">
      <c r="N403471" s="10"/>
    </row>
    <row r="403472" spans="14:14">
      <c r="N403472" s="10"/>
    </row>
    <row r="403473" spans="14:14">
      <c r="N403473" s="10"/>
    </row>
    <row r="403474" spans="14:14">
      <c r="N403474" s="10"/>
    </row>
    <row r="403475" spans="14:14">
      <c r="N403475" s="10"/>
    </row>
    <row r="403476" spans="14:14">
      <c r="N403476" s="10"/>
    </row>
    <row r="403477" spans="14:14">
      <c r="N403477" s="10"/>
    </row>
    <row r="403478" spans="14:14">
      <c r="N403478" s="10"/>
    </row>
    <row r="403479" spans="14:14">
      <c r="N403479" s="10"/>
    </row>
    <row r="403480" spans="14:14">
      <c r="N403480" s="10"/>
    </row>
    <row r="403481" spans="14:14">
      <c r="N403481" s="10"/>
    </row>
    <row r="403482" spans="14:14">
      <c r="N403482" s="10"/>
    </row>
    <row r="403483" spans="14:14">
      <c r="N403483" s="10"/>
    </row>
    <row r="403484" spans="14:14">
      <c r="N403484" s="10"/>
    </row>
    <row r="403485" spans="14:14">
      <c r="N403485" s="10"/>
    </row>
    <row r="403486" spans="14:14">
      <c r="N403486" s="10"/>
    </row>
    <row r="403487" spans="14:14">
      <c r="N403487" s="10"/>
    </row>
    <row r="403488" spans="14:14">
      <c r="N403488" s="10"/>
    </row>
    <row r="403489" spans="14:14">
      <c r="N403489" s="10"/>
    </row>
    <row r="403490" spans="14:14">
      <c r="N403490" s="10"/>
    </row>
    <row r="403491" spans="14:14">
      <c r="N403491" s="10"/>
    </row>
    <row r="403492" spans="14:14">
      <c r="N403492" s="10"/>
    </row>
    <row r="403493" spans="14:14">
      <c r="N403493" s="10"/>
    </row>
    <row r="403494" spans="14:14">
      <c r="N403494" s="10"/>
    </row>
    <row r="403495" spans="14:14">
      <c r="N403495" s="10"/>
    </row>
    <row r="403496" spans="14:14">
      <c r="N403496" s="10"/>
    </row>
    <row r="403497" spans="14:14">
      <c r="N403497" s="10"/>
    </row>
    <row r="403498" spans="14:14">
      <c r="N403498" s="10"/>
    </row>
    <row r="403499" spans="14:14">
      <c r="N403499" s="10"/>
    </row>
    <row r="403500" spans="14:14">
      <c r="N403500" s="10"/>
    </row>
    <row r="403501" spans="14:14">
      <c r="N403501" s="10"/>
    </row>
    <row r="403502" spans="14:14">
      <c r="N403502" s="10"/>
    </row>
    <row r="403503" spans="14:14">
      <c r="N403503" s="10"/>
    </row>
    <row r="403504" spans="14:14">
      <c r="N403504" s="10"/>
    </row>
    <row r="403505" spans="14:14">
      <c r="N403505" s="10"/>
    </row>
    <row r="403506" spans="14:14">
      <c r="N403506" s="10"/>
    </row>
    <row r="403507" spans="14:14">
      <c r="N403507" s="10"/>
    </row>
    <row r="403508" spans="14:14">
      <c r="N403508" s="10"/>
    </row>
    <row r="403509" spans="14:14">
      <c r="N403509" s="10"/>
    </row>
    <row r="403510" spans="14:14">
      <c r="N403510" s="10"/>
    </row>
    <row r="403511" spans="14:14">
      <c r="N403511" s="10"/>
    </row>
    <row r="403512" spans="14:14">
      <c r="N403512" s="10"/>
    </row>
    <row r="403513" spans="14:14">
      <c r="N403513" s="10"/>
    </row>
    <row r="403514" spans="14:14">
      <c r="N403514" s="10"/>
    </row>
    <row r="403515" spans="14:14">
      <c r="N403515" s="10"/>
    </row>
    <row r="403516" spans="14:14">
      <c r="N403516" s="10"/>
    </row>
    <row r="403517" spans="14:14">
      <c r="N403517" s="10"/>
    </row>
    <row r="403518" spans="14:14">
      <c r="N403518" s="10"/>
    </row>
    <row r="403519" spans="14:14">
      <c r="N403519" s="10"/>
    </row>
    <row r="403520" spans="14:14">
      <c r="N403520" s="10"/>
    </row>
    <row r="403521" spans="14:14">
      <c r="N403521" s="10"/>
    </row>
    <row r="403522" spans="14:14">
      <c r="N403522" s="10"/>
    </row>
    <row r="403523" spans="14:14">
      <c r="N403523" s="10"/>
    </row>
    <row r="403524" spans="14:14">
      <c r="N403524" s="10"/>
    </row>
    <row r="403525" spans="14:14">
      <c r="N403525" s="10"/>
    </row>
    <row r="403526" spans="14:14">
      <c r="N403526" s="10"/>
    </row>
    <row r="403527" spans="14:14">
      <c r="N403527" s="10"/>
    </row>
    <row r="403528" spans="14:14">
      <c r="N403528" s="10"/>
    </row>
    <row r="403529" spans="14:14">
      <c r="N403529" s="10"/>
    </row>
    <row r="403530" spans="14:14">
      <c r="N403530" s="10"/>
    </row>
    <row r="403531" spans="14:14">
      <c r="N403531" s="10"/>
    </row>
    <row r="403532" spans="14:14">
      <c r="N403532" s="10"/>
    </row>
    <row r="403533" spans="14:14">
      <c r="N403533" s="10"/>
    </row>
    <row r="403534" spans="14:14">
      <c r="N403534" s="10"/>
    </row>
    <row r="403535" spans="14:14">
      <c r="N403535" s="10"/>
    </row>
    <row r="403536" spans="14:14">
      <c r="N403536" s="10"/>
    </row>
    <row r="403537" spans="14:14">
      <c r="N403537" s="10"/>
    </row>
    <row r="403538" spans="14:14">
      <c r="N403538" s="10"/>
    </row>
    <row r="403539" spans="14:14">
      <c r="N403539" s="10"/>
    </row>
    <row r="403540" spans="14:14">
      <c r="N403540" s="10"/>
    </row>
    <row r="403541" spans="14:14">
      <c r="N403541" s="10"/>
    </row>
    <row r="403542" spans="14:14">
      <c r="N403542" s="10"/>
    </row>
    <row r="403543" spans="14:14">
      <c r="N403543" s="10"/>
    </row>
    <row r="403544" spans="14:14">
      <c r="N403544" s="10"/>
    </row>
    <row r="403545" spans="14:14">
      <c r="N403545" s="10"/>
    </row>
    <row r="403546" spans="14:14">
      <c r="N403546" s="10"/>
    </row>
    <row r="403547" spans="14:14">
      <c r="N403547" s="10"/>
    </row>
    <row r="403548" spans="14:14">
      <c r="N403548" s="10"/>
    </row>
    <row r="403549" spans="14:14">
      <c r="N403549" s="10"/>
    </row>
    <row r="403550" spans="14:14">
      <c r="N403550" s="10"/>
    </row>
    <row r="403551" spans="14:14">
      <c r="N403551" s="10"/>
    </row>
    <row r="403552" spans="14:14">
      <c r="N403552" s="10"/>
    </row>
    <row r="403553" spans="14:14">
      <c r="N403553" s="10"/>
    </row>
    <row r="403554" spans="14:14">
      <c r="N403554" s="10"/>
    </row>
    <row r="403555" spans="14:14">
      <c r="N403555" s="10"/>
    </row>
    <row r="403556" spans="14:14">
      <c r="N403556" s="10"/>
    </row>
    <row r="403557" spans="14:14">
      <c r="N403557" s="10"/>
    </row>
    <row r="403558" spans="14:14">
      <c r="N403558" s="10"/>
    </row>
    <row r="403559" spans="14:14">
      <c r="N403559" s="10"/>
    </row>
    <row r="403560" spans="14:14">
      <c r="N403560" s="10"/>
    </row>
    <row r="403561" spans="14:14">
      <c r="N403561" s="10"/>
    </row>
    <row r="403562" spans="14:14">
      <c r="N403562" s="10"/>
    </row>
    <row r="403563" spans="14:14">
      <c r="N403563" s="10"/>
    </row>
    <row r="403564" spans="14:14">
      <c r="N403564" s="10"/>
    </row>
    <row r="403565" spans="14:14">
      <c r="N403565" s="10"/>
    </row>
    <row r="403566" spans="14:14">
      <c r="N403566" s="10"/>
    </row>
    <row r="403567" spans="14:14">
      <c r="N403567" s="10"/>
    </row>
    <row r="403568" spans="14:14">
      <c r="N403568" s="10"/>
    </row>
    <row r="403569" spans="14:14">
      <c r="N403569" s="10"/>
    </row>
    <row r="403570" spans="14:14">
      <c r="N403570" s="10"/>
    </row>
    <row r="403571" spans="14:14">
      <c r="N403571" s="10"/>
    </row>
    <row r="403572" spans="14:14">
      <c r="N403572" s="10"/>
    </row>
    <row r="403573" spans="14:14">
      <c r="N403573" s="10"/>
    </row>
    <row r="403574" spans="14:14">
      <c r="N403574" s="10"/>
    </row>
    <row r="403575" spans="14:14">
      <c r="N403575" s="10"/>
    </row>
    <row r="403576" spans="14:14">
      <c r="N403576" s="10"/>
    </row>
    <row r="403577" spans="14:14">
      <c r="N403577" s="10"/>
    </row>
    <row r="403578" spans="14:14">
      <c r="N403578" s="10"/>
    </row>
    <row r="403579" spans="14:14">
      <c r="N403579" s="10"/>
    </row>
    <row r="403580" spans="14:14">
      <c r="N403580" s="10"/>
    </row>
    <row r="403581" spans="14:14">
      <c r="N403581" s="10"/>
    </row>
    <row r="403582" spans="14:14">
      <c r="N403582" s="10"/>
    </row>
    <row r="403583" spans="14:14">
      <c r="N403583" s="10"/>
    </row>
    <row r="403584" spans="14:14">
      <c r="N403584" s="10"/>
    </row>
    <row r="403585" spans="14:14">
      <c r="N403585" s="10"/>
    </row>
    <row r="403586" spans="14:14">
      <c r="N403586" s="10"/>
    </row>
    <row r="403587" spans="14:14">
      <c r="N403587" s="10"/>
    </row>
    <row r="403588" spans="14:14">
      <c r="N403588" s="10"/>
    </row>
    <row r="403589" spans="14:14">
      <c r="N403589" s="10"/>
    </row>
    <row r="403590" spans="14:14">
      <c r="N403590" s="10"/>
    </row>
    <row r="403591" spans="14:14">
      <c r="N403591" s="10"/>
    </row>
    <row r="403592" spans="14:14">
      <c r="N403592" s="10"/>
    </row>
    <row r="403593" spans="14:14">
      <c r="N403593" s="10"/>
    </row>
    <row r="403594" spans="14:14">
      <c r="N403594" s="10"/>
    </row>
    <row r="403595" spans="14:14">
      <c r="N403595" s="10"/>
    </row>
    <row r="403596" spans="14:14">
      <c r="N403596" s="10"/>
    </row>
    <row r="403597" spans="14:14">
      <c r="N403597" s="10"/>
    </row>
    <row r="403598" spans="14:14">
      <c r="N403598" s="10"/>
    </row>
    <row r="403599" spans="14:14">
      <c r="N403599" s="10"/>
    </row>
    <row r="403600" spans="14:14">
      <c r="N403600" s="10"/>
    </row>
    <row r="403601" spans="14:14">
      <c r="N403601" s="10"/>
    </row>
    <row r="403602" spans="14:14">
      <c r="N403602" s="10"/>
    </row>
    <row r="403603" spans="14:14">
      <c r="N403603" s="10"/>
    </row>
    <row r="403604" spans="14:14">
      <c r="N403604" s="10"/>
    </row>
    <row r="403605" spans="14:14">
      <c r="N403605" s="10"/>
    </row>
    <row r="403606" spans="14:14">
      <c r="N403606" s="10"/>
    </row>
    <row r="403607" spans="14:14">
      <c r="N403607" s="10"/>
    </row>
    <row r="403608" spans="14:14">
      <c r="N403608" s="10"/>
    </row>
    <row r="403609" spans="14:14">
      <c r="N403609" s="10"/>
    </row>
    <row r="403610" spans="14:14">
      <c r="N403610" s="10"/>
    </row>
    <row r="403611" spans="14:14">
      <c r="N403611" s="10"/>
    </row>
    <row r="403612" spans="14:14">
      <c r="N403612" s="10"/>
    </row>
    <row r="403613" spans="14:14">
      <c r="N403613" s="10"/>
    </row>
    <row r="403614" spans="14:14">
      <c r="N403614" s="10"/>
    </row>
    <row r="403615" spans="14:14">
      <c r="N403615" s="10"/>
    </row>
    <row r="403616" spans="14:14">
      <c r="N403616" s="10"/>
    </row>
    <row r="403617" spans="14:14">
      <c r="N403617" s="10"/>
    </row>
    <row r="403618" spans="14:14">
      <c r="N403618" s="10"/>
    </row>
    <row r="403619" spans="14:14">
      <c r="N403619" s="10"/>
    </row>
    <row r="403620" spans="14:14">
      <c r="N403620" s="10"/>
    </row>
    <row r="403621" spans="14:14">
      <c r="N403621" s="10"/>
    </row>
    <row r="403622" spans="14:14">
      <c r="N403622" s="10"/>
    </row>
    <row r="403623" spans="14:14">
      <c r="N403623" s="10"/>
    </row>
    <row r="403624" spans="14:14">
      <c r="N403624" s="10"/>
    </row>
    <row r="403625" spans="14:14">
      <c r="N403625" s="10"/>
    </row>
    <row r="403626" spans="14:14">
      <c r="N403626" s="10"/>
    </row>
    <row r="403627" spans="14:14">
      <c r="N403627" s="10"/>
    </row>
    <row r="403628" spans="14:14">
      <c r="N403628" s="10"/>
    </row>
    <row r="403629" spans="14:14">
      <c r="N403629" s="10"/>
    </row>
    <row r="403630" spans="14:14">
      <c r="N403630" s="10"/>
    </row>
    <row r="403631" spans="14:14">
      <c r="N403631" s="10"/>
    </row>
    <row r="403632" spans="14:14">
      <c r="N403632" s="10"/>
    </row>
    <row r="403633" spans="14:14">
      <c r="N403633" s="10"/>
    </row>
    <row r="403634" spans="14:14">
      <c r="N403634" s="10"/>
    </row>
    <row r="403635" spans="14:14">
      <c r="N403635" s="10"/>
    </row>
    <row r="403636" spans="14:14">
      <c r="N403636" s="10"/>
    </row>
    <row r="403637" spans="14:14">
      <c r="N403637" s="10"/>
    </row>
    <row r="403638" spans="14:14">
      <c r="N403638" s="10"/>
    </row>
    <row r="403639" spans="14:14">
      <c r="N403639" s="10"/>
    </row>
    <row r="403640" spans="14:14">
      <c r="N403640" s="10"/>
    </row>
    <row r="403641" spans="14:14">
      <c r="N403641" s="10"/>
    </row>
    <row r="403642" spans="14:14">
      <c r="N403642" s="10"/>
    </row>
    <row r="403643" spans="14:14">
      <c r="N403643" s="10"/>
    </row>
    <row r="403644" spans="14:14">
      <c r="N403644" s="10"/>
    </row>
    <row r="403645" spans="14:14">
      <c r="N403645" s="10"/>
    </row>
    <row r="403646" spans="14:14">
      <c r="N403646" s="10"/>
    </row>
    <row r="403647" spans="14:14">
      <c r="N403647" s="10"/>
    </row>
    <row r="403648" spans="14:14">
      <c r="N403648" s="10"/>
    </row>
    <row r="403649" spans="14:14">
      <c r="N403649" s="10"/>
    </row>
    <row r="403650" spans="14:14">
      <c r="N403650" s="10"/>
    </row>
    <row r="403651" spans="14:14">
      <c r="N403651" s="10"/>
    </row>
    <row r="403652" spans="14:14">
      <c r="N403652" s="10"/>
    </row>
    <row r="403653" spans="14:14">
      <c r="N403653" s="10"/>
    </row>
    <row r="403654" spans="14:14">
      <c r="N403654" s="10"/>
    </row>
    <row r="403655" spans="14:14">
      <c r="N403655" s="10"/>
    </row>
    <row r="403656" spans="14:14">
      <c r="N403656" s="10"/>
    </row>
    <row r="403657" spans="14:14">
      <c r="N403657" s="10"/>
    </row>
    <row r="403658" spans="14:14">
      <c r="N403658" s="10"/>
    </row>
    <row r="403659" spans="14:14">
      <c r="N403659" s="10"/>
    </row>
    <row r="403660" spans="14:14">
      <c r="N403660" s="10"/>
    </row>
    <row r="403661" spans="14:14">
      <c r="N403661" s="10"/>
    </row>
    <row r="403662" spans="14:14">
      <c r="N403662" s="10"/>
    </row>
    <row r="403663" spans="14:14">
      <c r="N403663" s="10"/>
    </row>
    <row r="403664" spans="14:14">
      <c r="N403664" s="10"/>
    </row>
    <row r="403665" spans="14:14">
      <c r="N403665" s="10"/>
    </row>
    <row r="403666" spans="14:14">
      <c r="N403666" s="10"/>
    </row>
    <row r="403667" spans="14:14">
      <c r="N403667" s="10"/>
    </row>
    <row r="403668" spans="14:14">
      <c r="N403668" s="10"/>
    </row>
    <row r="403669" spans="14:14">
      <c r="N403669" s="10"/>
    </row>
    <row r="403670" spans="14:14">
      <c r="N403670" s="10"/>
    </row>
    <row r="403671" spans="14:14">
      <c r="N403671" s="10"/>
    </row>
    <row r="403672" spans="14:14">
      <c r="N403672" s="10"/>
    </row>
    <row r="403673" spans="14:14">
      <c r="N403673" s="10"/>
    </row>
    <row r="403674" spans="14:14">
      <c r="N403674" s="10"/>
    </row>
    <row r="403675" spans="14:14">
      <c r="N403675" s="10"/>
    </row>
    <row r="403676" spans="14:14">
      <c r="N403676" s="10"/>
    </row>
    <row r="403677" spans="14:14">
      <c r="N403677" s="10"/>
    </row>
    <row r="403678" spans="14:14">
      <c r="N403678" s="10"/>
    </row>
    <row r="403679" spans="14:14">
      <c r="N403679" s="10"/>
    </row>
    <row r="403680" spans="14:14">
      <c r="N403680" s="10"/>
    </row>
    <row r="403681" spans="14:14">
      <c r="N403681" s="10"/>
    </row>
    <row r="403682" spans="14:14">
      <c r="N403682" s="10"/>
    </row>
    <row r="403683" spans="14:14">
      <c r="N403683" s="10"/>
    </row>
    <row r="403684" spans="14:14">
      <c r="N403684" s="10"/>
    </row>
    <row r="403685" spans="14:14">
      <c r="N403685" s="10"/>
    </row>
    <row r="403686" spans="14:14">
      <c r="N403686" s="10"/>
    </row>
    <row r="403687" spans="14:14">
      <c r="N403687" s="10"/>
    </row>
    <row r="403688" spans="14:14">
      <c r="N403688" s="10"/>
    </row>
    <row r="403689" spans="14:14">
      <c r="N403689" s="10"/>
    </row>
    <row r="403690" spans="14:14">
      <c r="N403690" s="10"/>
    </row>
    <row r="403691" spans="14:14">
      <c r="N403691" s="10"/>
    </row>
    <row r="403692" spans="14:14">
      <c r="N403692" s="10"/>
    </row>
    <row r="403693" spans="14:14">
      <c r="N403693" s="10"/>
    </row>
    <row r="403694" spans="14:14">
      <c r="N403694" s="10"/>
    </row>
    <row r="403695" spans="14:14">
      <c r="N403695" s="10"/>
    </row>
    <row r="403696" spans="14:14">
      <c r="N403696" s="10"/>
    </row>
    <row r="403697" spans="14:14">
      <c r="N403697" s="10"/>
    </row>
    <row r="403698" spans="14:14">
      <c r="N403698" s="10"/>
    </row>
    <row r="403699" spans="14:14">
      <c r="N403699" s="10"/>
    </row>
    <row r="403700" spans="14:14">
      <c r="N403700" s="10"/>
    </row>
    <row r="403701" spans="14:14">
      <c r="N403701" s="10"/>
    </row>
    <row r="403702" spans="14:14">
      <c r="N403702" s="10"/>
    </row>
    <row r="403703" spans="14:14">
      <c r="N403703" s="10"/>
    </row>
    <row r="403704" spans="14:14">
      <c r="N403704" s="10"/>
    </row>
    <row r="403705" spans="14:14">
      <c r="N403705" s="10"/>
    </row>
    <row r="403706" spans="14:14">
      <c r="N403706" s="10"/>
    </row>
    <row r="403707" spans="14:14">
      <c r="N403707" s="10"/>
    </row>
    <row r="403708" spans="14:14">
      <c r="N403708" s="10"/>
    </row>
    <row r="403709" spans="14:14">
      <c r="N403709" s="10"/>
    </row>
    <row r="403710" spans="14:14">
      <c r="N403710" s="10"/>
    </row>
    <row r="403711" spans="14:14">
      <c r="N403711" s="10"/>
    </row>
    <row r="403712" spans="14:14">
      <c r="N403712" s="10"/>
    </row>
    <row r="403713" spans="14:14">
      <c r="N403713" s="10"/>
    </row>
    <row r="403714" spans="14:14">
      <c r="N403714" s="10"/>
    </row>
    <row r="403715" spans="14:14">
      <c r="N403715" s="10"/>
    </row>
    <row r="403716" spans="14:14">
      <c r="N403716" s="10"/>
    </row>
    <row r="403717" spans="14:14">
      <c r="N403717" s="10"/>
    </row>
    <row r="403718" spans="14:14">
      <c r="N403718" s="10"/>
    </row>
    <row r="403719" spans="14:14">
      <c r="N403719" s="10"/>
    </row>
    <row r="403720" spans="14:14">
      <c r="N403720" s="10"/>
    </row>
    <row r="403721" spans="14:14">
      <c r="N403721" s="10"/>
    </row>
    <row r="403722" spans="14:14">
      <c r="N403722" s="10"/>
    </row>
    <row r="403723" spans="14:14">
      <c r="N403723" s="10"/>
    </row>
    <row r="403724" spans="14:14">
      <c r="N403724" s="10"/>
    </row>
    <row r="403725" spans="14:14">
      <c r="N403725" s="10"/>
    </row>
    <row r="403726" spans="14:14">
      <c r="N403726" s="10"/>
    </row>
    <row r="403727" spans="14:14">
      <c r="N403727" s="10"/>
    </row>
    <row r="403728" spans="14:14">
      <c r="N403728" s="10"/>
    </row>
    <row r="403729" spans="14:14">
      <c r="N403729" s="10"/>
    </row>
    <row r="403730" spans="14:14">
      <c r="N403730" s="10"/>
    </row>
    <row r="403731" spans="14:14">
      <c r="N403731" s="10"/>
    </row>
    <row r="403732" spans="14:14">
      <c r="N403732" s="10"/>
    </row>
    <row r="403733" spans="14:14">
      <c r="N403733" s="10"/>
    </row>
    <row r="403734" spans="14:14">
      <c r="N403734" s="10"/>
    </row>
    <row r="403735" spans="14:14">
      <c r="N403735" s="10"/>
    </row>
    <row r="403736" spans="14:14">
      <c r="N403736" s="10"/>
    </row>
    <row r="403737" spans="14:14">
      <c r="N403737" s="10"/>
    </row>
    <row r="403738" spans="14:14">
      <c r="N403738" s="10"/>
    </row>
    <row r="403739" spans="14:14">
      <c r="N403739" s="10"/>
    </row>
    <row r="403740" spans="14:14">
      <c r="N403740" s="10"/>
    </row>
    <row r="403741" spans="14:14">
      <c r="N403741" s="10"/>
    </row>
    <row r="403742" spans="14:14">
      <c r="N403742" s="10"/>
    </row>
    <row r="403743" spans="14:14">
      <c r="N403743" s="10"/>
    </row>
    <row r="403744" spans="14:14">
      <c r="N403744" s="10"/>
    </row>
    <row r="403745" spans="14:14">
      <c r="N403745" s="10"/>
    </row>
    <row r="403746" spans="14:14">
      <c r="N403746" s="10"/>
    </row>
    <row r="403747" spans="14:14">
      <c r="N403747" s="10"/>
    </row>
    <row r="403748" spans="14:14">
      <c r="N403748" s="10"/>
    </row>
    <row r="403749" spans="14:14">
      <c r="N403749" s="10"/>
    </row>
    <row r="403750" spans="14:14">
      <c r="N403750" s="10"/>
    </row>
    <row r="403751" spans="14:14">
      <c r="N403751" s="10"/>
    </row>
    <row r="403752" spans="14:14">
      <c r="N403752" s="10"/>
    </row>
    <row r="403753" spans="14:14">
      <c r="N403753" s="10"/>
    </row>
    <row r="403754" spans="14:14">
      <c r="N403754" s="10"/>
    </row>
    <row r="403755" spans="14:14">
      <c r="N403755" s="10"/>
    </row>
    <row r="403756" spans="14:14">
      <c r="N403756" s="10"/>
    </row>
    <row r="403757" spans="14:14">
      <c r="N403757" s="10"/>
    </row>
    <row r="403758" spans="14:14">
      <c r="N403758" s="10"/>
    </row>
    <row r="403759" spans="14:14">
      <c r="N403759" s="10"/>
    </row>
    <row r="403760" spans="14:14">
      <c r="N403760" s="10"/>
    </row>
    <row r="403761" spans="14:14">
      <c r="N403761" s="10"/>
    </row>
    <row r="403762" spans="14:14">
      <c r="N403762" s="10"/>
    </row>
    <row r="403763" spans="14:14">
      <c r="N403763" s="10"/>
    </row>
    <row r="403764" spans="14:14">
      <c r="N403764" s="10"/>
    </row>
    <row r="403765" spans="14:14">
      <c r="N403765" s="10"/>
    </row>
    <row r="403766" spans="14:14">
      <c r="N403766" s="10"/>
    </row>
    <row r="403767" spans="14:14">
      <c r="N403767" s="10"/>
    </row>
    <row r="403768" spans="14:14">
      <c r="N403768" s="10"/>
    </row>
    <row r="403769" spans="14:14">
      <c r="N403769" s="10"/>
    </row>
    <row r="403770" spans="14:14">
      <c r="N403770" s="10"/>
    </row>
    <row r="403771" spans="14:14">
      <c r="N403771" s="10"/>
    </row>
    <row r="403772" spans="14:14">
      <c r="N403772" s="10"/>
    </row>
    <row r="403773" spans="14:14">
      <c r="N403773" s="10"/>
    </row>
    <row r="403774" spans="14:14">
      <c r="N403774" s="10"/>
    </row>
    <row r="403775" spans="14:14">
      <c r="N403775" s="10"/>
    </row>
    <row r="403776" spans="14:14">
      <c r="N403776" s="10"/>
    </row>
    <row r="403777" spans="14:14">
      <c r="N403777" s="10"/>
    </row>
    <row r="403778" spans="14:14">
      <c r="N403778" s="10"/>
    </row>
    <row r="403779" spans="14:14">
      <c r="N403779" s="10"/>
    </row>
    <row r="403780" spans="14:14">
      <c r="N403780" s="10"/>
    </row>
    <row r="403781" spans="14:14">
      <c r="N403781" s="10"/>
    </row>
    <row r="403782" spans="14:14">
      <c r="N403782" s="10"/>
    </row>
    <row r="403783" spans="14:14">
      <c r="N403783" s="10"/>
    </row>
    <row r="403784" spans="14:14">
      <c r="N403784" s="10"/>
    </row>
    <row r="403785" spans="14:14">
      <c r="N403785" s="10"/>
    </row>
    <row r="403786" spans="14:14">
      <c r="N403786" s="10"/>
    </row>
    <row r="403787" spans="14:14">
      <c r="N403787" s="10"/>
    </row>
    <row r="403788" spans="14:14">
      <c r="N403788" s="10"/>
    </row>
    <row r="403789" spans="14:14">
      <c r="N403789" s="10"/>
    </row>
    <row r="403790" spans="14:14">
      <c r="N403790" s="10"/>
    </row>
    <row r="403791" spans="14:14">
      <c r="N403791" s="10"/>
    </row>
    <row r="403792" spans="14:14">
      <c r="N403792" s="10"/>
    </row>
    <row r="403793" spans="14:14">
      <c r="N403793" s="10"/>
    </row>
    <row r="403794" spans="14:14">
      <c r="N403794" s="10"/>
    </row>
    <row r="403795" spans="14:14">
      <c r="N403795" s="10"/>
    </row>
    <row r="403796" spans="14:14">
      <c r="N403796" s="10"/>
    </row>
    <row r="403797" spans="14:14">
      <c r="N403797" s="10"/>
    </row>
    <row r="403798" spans="14:14">
      <c r="N403798" s="10"/>
    </row>
    <row r="403799" spans="14:14">
      <c r="N403799" s="10"/>
    </row>
    <row r="403800" spans="14:14">
      <c r="N403800" s="10"/>
    </row>
    <row r="403801" spans="14:14">
      <c r="N403801" s="10"/>
    </row>
    <row r="403802" spans="14:14">
      <c r="N403802" s="10"/>
    </row>
    <row r="403803" spans="14:14">
      <c r="N403803" s="10"/>
    </row>
    <row r="403804" spans="14:14">
      <c r="N403804" s="10"/>
    </row>
    <row r="403805" spans="14:14">
      <c r="N403805" s="10"/>
    </row>
    <row r="403806" spans="14:14">
      <c r="N403806" s="10"/>
    </row>
    <row r="403807" spans="14:14">
      <c r="N403807" s="10"/>
    </row>
    <row r="403808" spans="14:14">
      <c r="N403808" s="10"/>
    </row>
    <row r="403809" spans="14:14">
      <c r="N403809" s="10"/>
    </row>
    <row r="403810" spans="14:14">
      <c r="N403810" s="10"/>
    </row>
    <row r="403811" spans="14:14">
      <c r="N403811" s="10"/>
    </row>
    <row r="403812" spans="14:14">
      <c r="N403812" s="10"/>
    </row>
    <row r="403813" spans="14:14">
      <c r="N403813" s="10"/>
    </row>
    <row r="403814" spans="14:14">
      <c r="N403814" s="10"/>
    </row>
    <row r="403815" spans="14:14">
      <c r="N403815" s="10"/>
    </row>
    <row r="403816" spans="14:14">
      <c r="N403816" s="10"/>
    </row>
    <row r="403817" spans="14:14">
      <c r="N403817" s="10"/>
    </row>
    <row r="403818" spans="14:14">
      <c r="N403818" s="10"/>
    </row>
    <row r="403819" spans="14:14">
      <c r="N403819" s="10"/>
    </row>
    <row r="403820" spans="14:14">
      <c r="N403820" s="10"/>
    </row>
    <row r="403821" spans="14:14">
      <c r="N403821" s="10"/>
    </row>
    <row r="403822" spans="14:14">
      <c r="N403822" s="10"/>
    </row>
    <row r="403823" spans="14:14">
      <c r="N403823" s="10"/>
    </row>
    <row r="403824" spans="14:14">
      <c r="N403824" s="10"/>
    </row>
    <row r="403825" spans="14:14">
      <c r="N403825" s="10"/>
    </row>
    <row r="403826" spans="14:14">
      <c r="N403826" s="10"/>
    </row>
    <row r="403827" spans="14:14">
      <c r="N403827" s="10"/>
    </row>
    <row r="403828" spans="14:14">
      <c r="N403828" s="10"/>
    </row>
    <row r="403829" spans="14:14">
      <c r="N403829" s="10"/>
    </row>
    <row r="403830" spans="14:14">
      <c r="N403830" s="10"/>
    </row>
    <row r="403831" spans="14:14">
      <c r="N403831" s="10"/>
    </row>
    <row r="403832" spans="14:14">
      <c r="N403832" s="10"/>
    </row>
    <row r="403833" spans="14:14">
      <c r="N403833" s="10"/>
    </row>
    <row r="403834" spans="14:14">
      <c r="N403834" s="10"/>
    </row>
    <row r="403835" spans="14:14">
      <c r="N403835" s="10"/>
    </row>
    <row r="403836" spans="14:14">
      <c r="N403836" s="10"/>
    </row>
    <row r="403837" spans="14:14">
      <c r="N403837" s="10"/>
    </row>
    <row r="403838" spans="14:14">
      <c r="N403838" s="10"/>
    </row>
    <row r="403839" spans="14:14">
      <c r="N403839" s="10"/>
    </row>
    <row r="403840" spans="14:14">
      <c r="N403840" s="10"/>
    </row>
    <row r="403841" spans="14:14">
      <c r="N403841" s="10"/>
    </row>
    <row r="403842" spans="14:14">
      <c r="N403842" s="10"/>
    </row>
    <row r="403843" spans="14:14">
      <c r="N403843" s="10"/>
    </row>
    <row r="403844" spans="14:14">
      <c r="N403844" s="10"/>
    </row>
    <row r="403845" spans="14:14">
      <c r="N403845" s="10"/>
    </row>
    <row r="403846" spans="14:14">
      <c r="N403846" s="10"/>
    </row>
    <row r="403847" spans="14:14">
      <c r="N403847" s="10"/>
    </row>
    <row r="403848" spans="14:14">
      <c r="N403848" s="10"/>
    </row>
    <row r="403849" spans="14:14">
      <c r="N403849" s="10"/>
    </row>
    <row r="403850" spans="14:14">
      <c r="N403850" s="10"/>
    </row>
    <row r="403851" spans="14:14">
      <c r="N403851" s="10"/>
    </row>
    <row r="403852" spans="14:14">
      <c r="N403852" s="10"/>
    </row>
    <row r="403853" spans="14:14">
      <c r="N403853" s="10"/>
    </row>
    <row r="403854" spans="14:14">
      <c r="N403854" s="10"/>
    </row>
    <row r="403855" spans="14:14">
      <c r="N403855" s="10"/>
    </row>
    <row r="403856" spans="14:14">
      <c r="N403856" s="10"/>
    </row>
    <row r="403857" spans="14:14">
      <c r="N403857" s="10"/>
    </row>
    <row r="403858" spans="14:14">
      <c r="N403858" s="10"/>
    </row>
    <row r="403859" spans="14:14">
      <c r="N403859" s="10"/>
    </row>
    <row r="403860" spans="14:14">
      <c r="N403860" s="10"/>
    </row>
    <row r="403861" spans="14:14">
      <c r="N403861" s="10"/>
    </row>
    <row r="403862" spans="14:14">
      <c r="N403862" s="10"/>
    </row>
    <row r="403863" spans="14:14">
      <c r="N403863" s="10"/>
    </row>
    <row r="403864" spans="14:14">
      <c r="N403864" s="10"/>
    </row>
    <row r="403865" spans="14:14">
      <c r="N403865" s="10"/>
    </row>
    <row r="403866" spans="14:14">
      <c r="N403866" s="10"/>
    </row>
    <row r="403867" spans="14:14">
      <c r="N403867" s="10"/>
    </row>
    <row r="403868" spans="14:14">
      <c r="N403868" s="10"/>
    </row>
    <row r="403869" spans="14:14">
      <c r="N403869" s="10"/>
    </row>
    <row r="403870" spans="14:14">
      <c r="N403870" s="10"/>
    </row>
    <row r="403871" spans="14:14">
      <c r="N403871" s="10"/>
    </row>
    <row r="403872" spans="14:14">
      <c r="N403872" s="10"/>
    </row>
    <row r="403873" spans="14:14">
      <c r="N403873" s="10"/>
    </row>
    <row r="403874" spans="14:14">
      <c r="N403874" s="10"/>
    </row>
    <row r="403875" spans="14:14">
      <c r="N403875" s="10"/>
    </row>
    <row r="403876" spans="14:14">
      <c r="N403876" s="10"/>
    </row>
    <row r="403877" spans="14:14">
      <c r="N403877" s="10"/>
    </row>
    <row r="403878" spans="14:14">
      <c r="N403878" s="10"/>
    </row>
    <row r="403879" spans="14:14">
      <c r="N403879" s="10"/>
    </row>
    <row r="403880" spans="14:14">
      <c r="N403880" s="10"/>
    </row>
    <row r="403881" spans="14:14">
      <c r="N403881" s="10"/>
    </row>
    <row r="403882" spans="14:14">
      <c r="N403882" s="10"/>
    </row>
    <row r="403883" spans="14:14">
      <c r="N403883" s="10"/>
    </row>
    <row r="403884" spans="14:14">
      <c r="N403884" s="10"/>
    </row>
    <row r="403885" spans="14:14">
      <c r="N403885" s="10"/>
    </row>
    <row r="403886" spans="14:14">
      <c r="N403886" s="10"/>
    </row>
    <row r="403887" spans="14:14">
      <c r="N403887" s="10"/>
    </row>
    <row r="403888" spans="14:14">
      <c r="N403888" s="10"/>
    </row>
    <row r="403889" spans="14:14">
      <c r="N403889" s="10"/>
    </row>
    <row r="403890" spans="14:14">
      <c r="N403890" s="10"/>
    </row>
    <row r="403891" spans="14:14">
      <c r="N403891" s="10"/>
    </row>
    <row r="403892" spans="14:14">
      <c r="N403892" s="10"/>
    </row>
    <row r="403893" spans="14:14">
      <c r="N403893" s="10"/>
    </row>
    <row r="403894" spans="14:14">
      <c r="N403894" s="10"/>
    </row>
    <row r="403895" spans="14:14">
      <c r="N403895" s="10"/>
    </row>
    <row r="403896" spans="14:14">
      <c r="N403896" s="10"/>
    </row>
    <row r="403897" spans="14:14">
      <c r="N403897" s="10"/>
    </row>
    <row r="403898" spans="14:14">
      <c r="N403898" s="10"/>
    </row>
    <row r="403899" spans="14:14">
      <c r="N403899" s="10"/>
    </row>
    <row r="403900" spans="14:14">
      <c r="N403900" s="10"/>
    </row>
    <row r="403901" spans="14:14">
      <c r="N403901" s="10"/>
    </row>
    <row r="403902" spans="14:14">
      <c r="N403902" s="10"/>
    </row>
    <row r="403903" spans="14:14">
      <c r="N403903" s="10"/>
    </row>
    <row r="403904" spans="14:14">
      <c r="N403904" s="10"/>
    </row>
    <row r="403905" spans="14:14">
      <c r="N403905" s="10"/>
    </row>
    <row r="403906" spans="14:14">
      <c r="N403906" s="10"/>
    </row>
    <row r="403907" spans="14:14">
      <c r="N403907" s="10"/>
    </row>
    <row r="403908" spans="14:14">
      <c r="N403908" s="10"/>
    </row>
    <row r="403909" spans="14:14">
      <c r="N403909" s="10"/>
    </row>
    <row r="403910" spans="14:14">
      <c r="N403910" s="10"/>
    </row>
    <row r="403911" spans="14:14">
      <c r="N403911" s="10"/>
    </row>
    <row r="403912" spans="14:14">
      <c r="N403912" s="10"/>
    </row>
    <row r="403913" spans="14:14">
      <c r="N403913" s="10"/>
    </row>
    <row r="403914" spans="14:14">
      <c r="N403914" s="10"/>
    </row>
    <row r="403915" spans="14:14">
      <c r="N403915" s="10"/>
    </row>
    <row r="403916" spans="14:14">
      <c r="N403916" s="10"/>
    </row>
    <row r="403917" spans="14:14">
      <c r="N403917" s="10"/>
    </row>
    <row r="403918" spans="14:14">
      <c r="N403918" s="10"/>
    </row>
    <row r="403919" spans="14:14">
      <c r="N403919" s="10"/>
    </row>
    <row r="403920" spans="14:14">
      <c r="N403920" s="10"/>
    </row>
    <row r="403921" spans="14:14">
      <c r="N403921" s="10"/>
    </row>
    <row r="403922" spans="14:14">
      <c r="N403922" s="10"/>
    </row>
    <row r="403923" spans="14:14">
      <c r="N403923" s="10"/>
    </row>
    <row r="403924" spans="14:14">
      <c r="N403924" s="10"/>
    </row>
    <row r="403925" spans="14:14">
      <c r="N403925" s="10"/>
    </row>
    <row r="403926" spans="14:14">
      <c r="N403926" s="10"/>
    </row>
    <row r="403927" spans="14:14">
      <c r="N403927" s="10"/>
    </row>
    <row r="403928" spans="14:14">
      <c r="N403928" s="10"/>
    </row>
    <row r="403929" spans="14:14">
      <c r="N403929" s="10"/>
    </row>
    <row r="403930" spans="14:14">
      <c r="N403930" s="10"/>
    </row>
    <row r="403931" spans="14:14">
      <c r="N403931" s="10"/>
    </row>
    <row r="403932" spans="14:14">
      <c r="N403932" s="10"/>
    </row>
    <row r="403933" spans="14:14">
      <c r="N403933" s="10"/>
    </row>
    <row r="403934" spans="14:14">
      <c r="N403934" s="10"/>
    </row>
    <row r="403935" spans="14:14">
      <c r="N403935" s="10"/>
    </row>
    <row r="403936" spans="14:14">
      <c r="N403936" s="10"/>
    </row>
    <row r="403937" spans="14:14">
      <c r="N403937" s="10"/>
    </row>
    <row r="403938" spans="14:14">
      <c r="N403938" s="10"/>
    </row>
    <row r="403939" spans="14:14">
      <c r="N403939" s="10"/>
    </row>
    <row r="403940" spans="14:14">
      <c r="N403940" s="10"/>
    </row>
    <row r="403941" spans="14:14">
      <c r="N403941" s="10"/>
    </row>
    <row r="403942" spans="14:14">
      <c r="N403942" s="10"/>
    </row>
    <row r="403943" spans="14:14">
      <c r="N403943" s="10"/>
    </row>
    <row r="403944" spans="14:14">
      <c r="N403944" s="10"/>
    </row>
    <row r="403945" spans="14:14">
      <c r="N403945" s="10"/>
    </row>
    <row r="403946" spans="14:14">
      <c r="N403946" s="10"/>
    </row>
    <row r="403947" spans="14:14">
      <c r="N403947" s="10"/>
    </row>
    <row r="403948" spans="14:14">
      <c r="N403948" s="10"/>
    </row>
    <row r="403949" spans="14:14">
      <c r="N403949" s="10"/>
    </row>
    <row r="403950" spans="14:14">
      <c r="N403950" s="10"/>
    </row>
    <row r="403951" spans="14:14">
      <c r="N403951" s="10"/>
    </row>
    <row r="403952" spans="14:14">
      <c r="N403952" s="10"/>
    </row>
    <row r="403953" spans="14:14">
      <c r="N403953" s="10"/>
    </row>
    <row r="403954" spans="14:14">
      <c r="N403954" s="10"/>
    </row>
    <row r="403955" spans="14:14">
      <c r="N403955" s="10"/>
    </row>
    <row r="403956" spans="14:14">
      <c r="N403956" s="10"/>
    </row>
    <row r="403957" spans="14:14">
      <c r="N403957" s="10"/>
    </row>
    <row r="403958" spans="14:14">
      <c r="N403958" s="10"/>
    </row>
    <row r="403959" spans="14:14">
      <c r="N403959" s="10"/>
    </row>
    <row r="403960" spans="14:14">
      <c r="N403960" s="10"/>
    </row>
    <row r="403961" spans="14:14">
      <c r="N403961" s="10"/>
    </row>
    <row r="403962" spans="14:14">
      <c r="N403962" s="10"/>
    </row>
    <row r="403963" spans="14:14">
      <c r="N403963" s="10"/>
    </row>
    <row r="403964" spans="14:14">
      <c r="N403964" s="10"/>
    </row>
    <row r="403965" spans="14:14">
      <c r="N403965" s="10"/>
    </row>
    <row r="403966" spans="14:14">
      <c r="N403966" s="10"/>
    </row>
    <row r="403967" spans="14:14">
      <c r="N403967" s="10"/>
    </row>
    <row r="403968" spans="14:14">
      <c r="N403968" s="10"/>
    </row>
    <row r="403969" spans="14:14">
      <c r="N403969" s="10"/>
    </row>
    <row r="403970" spans="14:14">
      <c r="N403970" s="10"/>
    </row>
    <row r="403971" spans="14:14">
      <c r="N403971" s="10"/>
    </row>
    <row r="403972" spans="14:14">
      <c r="N403972" s="10"/>
    </row>
    <row r="403973" spans="14:14">
      <c r="N403973" s="10"/>
    </row>
    <row r="403974" spans="14:14">
      <c r="N403974" s="10"/>
    </row>
    <row r="403975" spans="14:14">
      <c r="N403975" s="10"/>
    </row>
    <row r="403976" spans="14:14">
      <c r="N403976" s="10"/>
    </row>
    <row r="403977" spans="14:14">
      <c r="N403977" s="10"/>
    </row>
    <row r="403978" spans="14:14">
      <c r="N403978" s="10"/>
    </row>
    <row r="403979" spans="14:14">
      <c r="N403979" s="10"/>
    </row>
    <row r="403980" spans="14:14">
      <c r="N403980" s="10"/>
    </row>
    <row r="403981" spans="14:14">
      <c r="N403981" s="10"/>
    </row>
    <row r="403982" spans="14:14">
      <c r="N403982" s="10"/>
    </row>
    <row r="403983" spans="14:14">
      <c r="N403983" s="10"/>
    </row>
    <row r="403984" spans="14:14">
      <c r="N403984" s="10"/>
    </row>
    <row r="403985" spans="14:14">
      <c r="N403985" s="10"/>
    </row>
    <row r="403986" spans="14:14">
      <c r="N403986" s="10"/>
    </row>
    <row r="403987" spans="14:14">
      <c r="N403987" s="10"/>
    </row>
    <row r="403988" spans="14:14">
      <c r="N403988" s="10"/>
    </row>
    <row r="403989" spans="14:14">
      <c r="N403989" s="10"/>
    </row>
    <row r="403990" spans="14:14">
      <c r="N403990" s="10"/>
    </row>
    <row r="403991" spans="14:14">
      <c r="N403991" s="10"/>
    </row>
    <row r="403992" spans="14:14">
      <c r="N403992" s="10"/>
    </row>
    <row r="403993" spans="14:14">
      <c r="N403993" s="10"/>
    </row>
    <row r="403994" spans="14:14">
      <c r="N403994" s="10"/>
    </row>
    <row r="403995" spans="14:14">
      <c r="N403995" s="10"/>
    </row>
    <row r="403996" spans="14:14">
      <c r="N403996" s="10"/>
    </row>
    <row r="403997" spans="14:14">
      <c r="N403997" s="10"/>
    </row>
    <row r="403998" spans="14:14">
      <c r="N403998" s="10"/>
    </row>
    <row r="403999" spans="14:14">
      <c r="N403999" s="10"/>
    </row>
    <row r="404000" spans="14:14">
      <c r="N404000" s="10"/>
    </row>
    <row r="404001" spans="14:14">
      <c r="N404001" s="10"/>
    </row>
    <row r="404002" spans="14:14">
      <c r="N404002" s="10"/>
    </row>
    <row r="404003" spans="14:14">
      <c r="N404003" s="10"/>
    </row>
    <row r="404004" spans="14:14">
      <c r="N404004" s="10"/>
    </row>
    <row r="404005" spans="14:14">
      <c r="N404005" s="10"/>
    </row>
    <row r="404006" spans="14:14">
      <c r="N404006" s="10"/>
    </row>
    <row r="404007" spans="14:14">
      <c r="N404007" s="10"/>
    </row>
    <row r="404008" spans="14:14">
      <c r="N404008" s="10"/>
    </row>
    <row r="404009" spans="14:14">
      <c r="N404009" s="10"/>
    </row>
    <row r="404010" spans="14:14">
      <c r="N404010" s="10"/>
    </row>
    <row r="404011" spans="14:14">
      <c r="N404011" s="10"/>
    </row>
    <row r="404012" spans="14:14">
      <c r="N404012" s="10"/>
    </row>
    <row r="404013" spans="14:14">
      <c r="N404013" s="10"/>
    </row>
    <row r="404014" spans="14:14">
      <c r="N404014" s="10"/>
    </row>
    <row r="404015" spans="14:14">
      <c r="N404015" s="10"/>
    </row>
    <row r="404016" spans="14:14">
      <c r="N404016" s="10"/>
    </row>
    <row r="404017" spans="14:14">
      <c r="N404017" s="10"/>
    </row>
    <row r="404018" spans="14:14">
      <c r="N404018" s="10"/>
    </row>
    <row r="404019" spans="14:14">
      <c r="N404019" s="10"/>
    </row>
    <row r="404020" spans="14:14">
      <c r="N404020" s="10"/>
    </row>
    <row r="404021" spans="14:14">
      <c r="N404021" s="10"/>
    </row>
    <row r="404022" spans="14:14">
      <c r="N404022" s="10"/>
    </row>
    <row r="404023" spans="14:14">
      <c r="N404023" s="10"/>
    </row>
    <row r="404024" spans="14:14">
      <c r="N404024" s="10"/>
    </row>
    <row r="404025" spans="14:14">
      <c r="N404025" s="10"/>
    </row>
    <row r="404026" spans="14:14">
      <c r="N404026" s="10"/>
    </row>
    <row r="404027" spans="14:14">
      <c r="N404027" s="10"/>
    </row>
    <row r="404028" spans="14:14">
      <c r="N404028" s="10"/>
    </row>
    <row r="404029" spans="14:14">
      <c r="N404029" s="10"/>
    </row>
    <row r="404030" spans="14:14">
      <c r="N404030" s="10"/>
    </row>
    <row r="404031" spans="14:14">
      <c r="N404031" s="10"/>
    </row>
    <row r="404032" spans="14:14">
      <c r="N404032" s="10"/>
    </row>
    <row r="404033" spans="14:14">
      <c r="N404033" s="10"/>
    </row>
    <row r="404034" spans="14:14">
      <c r="N404034" s="10"/>
    </row>
    <row r="404035" spans="14:14">
      <c r="N404035" s="10"/>
    </row>
    <row r="404036" spans="14:14">
      <c r="N404036" s="10"/>
    </row>
    <row r="404037" spans="14:14">
      <c r="N404037" s="10"/>
    </row>
    <row r="404038" spans="14:14">
      <c r="N404038" s="10"/>
    </row>
    <row r="404039" spans="14:14">
      <c r="N404039" s="10"/>
    </row>
    <row r="404040" spans="14:14">
      <c r="N404040" s="10"/>
    </row>
    <row r="404041" spans="14:14">
      <c r="N404041" s="10"/>
    </row>
    <row r="404042" spans="14:14">
      <c r="N404042" s="10"/>
    </row>
    <row r="404043" spans="14:14">
      <c r="N404043" s="10"/>
    </row>
    <row r="404044" spans="14:14">
      <c r="N404044" s="10"/>
    </row>
    <row r="404045" spans="14:14">
      <c r="N404045" s="10"/>
    </row>
    <row r="404046" spans="14:14">
      <c r="N404046" s="10"/>
    </row>
    <row r="404047" spans="14:14">
      <c r="N404047" s="10"/>
    </row>
    <row r="404048" spans="14:14">
      <c r="N404048" s="10"/>
    </row>
    <row r="404049" spans="14:14">
      <c r="N404049" s="10"/>
    </row>
    <row r="404050" spans="14:14">
      <c r="N404050" s="10"/>
    </row>
    <row r="404051" spans="14:14">
      <c r="N404051" s="10"/>
    </row>
    <row r="404052" spans="14:14">
      <c r="N404052" s="10"/>
    </row>
    <row r="404053" spans="14:14">
      <c r="N404053" s="10"/>
    </row>
    <row r="404054" spans="14:14">
      <c r="N404054" s="10"/>
    </row>
    <row r="404055" spans="14:14">
      <c r="N404055" s="10"/>
    </row>
    <row r="404056" spans="14:14">
      <c r="N404056" s="10"/>
    </row>
    <row r="404057" spans="14:14">
      <c r="N404057" s="10"/>
    </row>
    <row r="404058" spans="14:14">
      <c r="N404058" s="10"/>
    </row>
    <row r="404059" spans="14:14">
      <c r="N404059" s="10"/>
    </row>
    <row r="404060" spans="14:14">
      <c r="N404060" s="10"/>
    </row>
    <row r="404061" spans="14:14">
      <c r="N404061" s="10"/>
    </row>
    <row r="404062" spans="14:14">
      <c r="N404062" s="10"/>
    </row>
    <row r="404063" spans="14:14">
      <c r="N404063" s="10"/>
    </row>
    <row r="404064" spans="14:14">
      <c r="N404064" s="10"/>
    </row>
    <row r="404065" spans="14:14">
      <c r="N404065" s="10"/>
    </row>
    <row r="404066" spans="14:14">
      <c r="N404066" s="10"/>
    </row>
    <row r="404067" spans="14:14">
      <c r="N404067" s="10"/>
    </row>
    <row r="404068" spans="14:14">
      <c r="N404068" s="10"/>
    </row>
    <row r="404069" spans="14:14">
      <c r="N404069" s="10"/>
    </row>
    <row r="404070" spans="14:14">
      <c r="N404070" s="10"/>
    </row>
    <row r="404071" spans="14:14">
      <c r="N404071" s="10"/>
    </row>
    <row r="404072" spans="14:14">
      <c r="N404072" s="10"/>
    </row>
    <row r="404073" spans="14:14">
      <c r="N404073" s="10"/>
    </row>
    <row r="404074" spans="14:14">
      <c r="N404074" s="10"/>
    </row>
    <row r="404075" spans="14:14">
      <c r="N404075" s="10"/>
    </row>
    <row r="404076" spans="14:14">
      <c r="N404076" s="10"/>
    </row>
    <row r="404077" spans="14:14">
      <c r="N404077" s="10"/>
    </row>
    <row r="404078" spans="14:14">
      <c r="N404078" s="10"/>
    </row>
    <row r="404079" spans="14:14">
      <c r="N404079" s="10"/>
    </row>
    <row r="404080" spans="14:14">
      <c r="N404080" s="10"/>
    </row>
    <row r="404081" spans="14:14">
      <c r="N404081" s="10"/>
    </row>
    <row r="404082" spans="14:14">
      <c r="N404082" s="10"/>
    </row>
    <row r="404083" spans="14:14">
      <c r="N404083" s="10"/>
    </row>
    <row r="404084" spans="14:14">
      <c r="N404084" s="10"/>
    </row>
    <row r="404085" spans="14:14">
      <c r="N404085" s="10"/>
    </row>
    <row r="404086" spans="14:14">
      <c r="N404086" s="10"/>
    </row>
    <row r="404087" spans="14:14">
      <c r="N404087" s="10"/>
    </row>
    <row r="404088" spans="14:14">
      <c r="N404088" s="10"/>
    </row>
    <row r="404089" spans="14:14">
      <c r="N404089" s="10"/>
    </row>
    <row r="404090" spans="14:14">
      <c r="N404090" s="10"/>
    </row>
    <row r="404091" spans="14:14">
      <c r="N404091" s="10"/>
    </row>
    <row r="404092" spans="14:14">
      <c r="N404092" s="10"/>
    </row>
    <row r="404093" spans="14:14">
      <c r="N404093" s="10"/>
    </row>
    <row r="404094" spans="14:14">
      <c r="N404094" s="10"/>
    </row>
    <row r="404095" spans="14:14">
      <c r="N404095" s="10"/>
    </row>
    <row r="404096" spans="14:14">
      <c r="N404096" s="10"/>
    </row>
    <row r="404097" spans="14:14">
      <c r="N404097" s="10"/>
    </row>
    <row r="404098" spans="14:14">
      <c r="N404098" s="10"/>
    </row>
    <row r="404099" spans="14:14">
      <c r="N404099" s="10"/>
    </row>
    <row r="404100" spans="14:14">
      <c r="N404100" s="10"/>
    </row>
    <row r="404101" spans="14:14">
      <c r="N404101" s="10"/>
    </row>
    <row r="404102" spans="14:14">
      <c r="N404102" s="10"/>
    </row>
    <row r="404103" spans="14:14">
      <c r="N404103" s="10"/>
    </row>
    <row r="404104" spans="14:14">
      <c r="N404104" s="10"/>
    </row>
    <row r="404105" spans="14:14">
      <c r="N404105" s="10"/>
    </row>
    <row r="404106" spans="14:14">
      <c r="N404106" s="10"/>
    </row>
    <row r="404107" spans="14:14">
      <c r="N404107" s="10"/>
    </row>
    <row r="404108" spans="14:14">
      <c r="N404108" s="10"/>
    </row>
    <row r="404109" spans="14:14">
      <c r="N404109" s="10"/>
    </row>
    <row r="404110" spans="14:14">
      <c r="N404110" s="10"/>
    </row>
    <row r="404111" spans="14:14">
      <c r="N404111" s="10"/>
    </row>
    <row r="404112" spans="14:14">
      <c r="N404112" s="10"/>
    </row>
    <row r="404113" spans="14:14">
      <c r="N404113" s="10"/>
    </row>
    <row r="404114" spans="14:14">
      <c r="N404114" s="10"/>
    </row>
    <row r="404115" spans="14:14">
      <c r="N404115" s="10"/>
    </row>
    <row r="404116" spans="14:14">
      <c r="N404116" s="10"/>
    </row>
    <row r="404117" spans="14:14">
      <c r="N404117" s="10"/>
    </row>
    <row r="404118" spans="14:14">
      <c r="N404118" s="10"/>
    </row>
    <row r="404119" spans="14:14">
      <c r="N404119" s="10"/>
    </row>
    <row r="404120" spans="14:14">
      <c r="N404120" s="10"/>
    </row>
    <row r="404121" spans="14:14">
      <c r="N404121" s="10"/>
    </row>
    <row r="404122" spans="14:14">
      <c r="N404122" s="10"/>
    </row>
    <row r="404123" spans="14:14">
      <c r="N404123" s="10"/>
    </row>
    <row r="404124" spans="14:14">
      <c r="N404124" s="10"/>
    </row>
    <row r="404125" spans="14:14">
      <c r="N404125" s="10"/>
    </row>
    <row r="404126" spans="14:14">
      <c r="N404126" s="10"/>
    </row>
    <row r="404127" spans="14:14">
      <c r="N404127" s="10"/>
    </row>
    <row r="404128" spans="14:14">
      <c r="N404128" s="10"/>
    </row>
    <row r="404129" spans="14:14">
      <c r="N404129" s="10"/>
    </row>
    <row r="404130" spans="14:14">
      <c r="N404130" s="10"/>
    </row>
    <row r="404131" spans="14:14">
      <c r="N404131" s="10"/>
    </row>
    <row r="404132" spans="14:14">
      <c r="N404132" s="10"/>
    </row>
    <row r="404133" spans="14:14">
      <c r="N404133" s="10"/>
    </row>
    <row r="404134" spans="14:14">
      <c r="N404134" s="10"/>
    </row>
    <row r="404135" spans="14:14">
      <c r="N404135" s="10"/>
    </row>
    <row r="404136" spans="14:14">
      <c r="N404136" s="10"/>
    </row>
    <row r="404137" spans="14:14">
      <c r="N404137" s="10"/>
    </row>
    <row r="404138" spans="14:14">
      <c r="N404138" s="10"/>
    </row>
    <row r="404139" spans="14:14">
      <c r="N404139" s="10"/>
    </row>
    <row r="404140" spans="14:14">
      <c r="N404140" s="10"/>
    </row>
    <row r="404141" spans="14:14">
      <c r="N404141" s="10"/>
    </row>
    <row r="404142" spans="14:14">
      <c r="N404142" s="10"/>
    </row>
    <row r="404143" spans="14:14">
      <c r="N404143" s="10"/>
    </row>
    <row r="404144" spans="14:14">
      <c r="N404144" s="10"/>
    </row>
    <row r="404145" spans="14:14">
      <c r="N404145" s="10"/>
    </row>
    <row r="404146" spans="14:14">
      <c r="N404146" s="10"/>
    </row>
    <row r="404147" spans="14:14">
      <c r="N404147" s="10"/>
    </row>
    <row r="404148" spans="14:14">
      <c r="N404148" s="10"/>
    </row>
    <row r="404149" spans="14:14">
      <c r="N404149" s="10"/>
    </row>
    <row r="404150" spans="14:14">
      <c r="N404150" s="10"/>
    </row>
    <row r="404151" spans="14:14">
      <c r="N404151" s="10"/>
    </row>
    <row r="404152" spans="14:14">
      <c r="N404152" s="10"/>
    </row>
    <row r="404153" spans="14:14">
      <c r="N404153" s="10"/>
    </row>
    <row r="404154" spans="14:14">
      <c r="N404154" s="10"/>
    </row>
    <row r="404155" spans="14:14">
      <c r="N404155" s="10"/>
    </row>
    <row r="404156" spans="14:14">
      <c r="N404156" s="10"/>
    </row>
    <row r="404157" spans="14:14">
      <c r="N404157" s="10"/>
    </row>
    <row r="404158" spans="14:14">
      <c r="N404158" s="10"/>
    </row>
    <row r="404159" spans="14:14">
      <c r="N404159" s="10"/>
    </row>
    <row r="404160" spans="14:14">
      <c r="N404160" s="10"/>
    </row>
    <row r="404161" spans="14:14">
      <c r="N404161" s="10"/>
    </row>
    <row r="404162" spans="14:14">
      <c r="N404162" s="10"/>
    </row>
    <row r="404163" spans="14:14">
      <c r="N404163" s="10"/>
    </row>
    <row r="404164" spans="14:14">
      <c r="N404164" s="10"/>
    </row>
    <row r="404165" spans="14:14">
      <c r="N404165" s="10"/>
    </row>
    <row r="404166" spans="14:14">
      <c r="N404166" s="10"/>
    </row>
    <row r="404167" spans="14:14">
      <c r="N404167" s="10"/>
    </row>
    <row r="404168" spans="14:14">
      <c r="N404168" s="10"/>
    </row>
    <row r="404169" spans="14:14">
      <c r="N404169" s="10"/>
    </row>
    <row r="404170" spans="14:14">
      <c r="N404170" s="10"/>
    </row>
    <row r="404171" spans="14:14">
      <c r="N404171" s="10"/>
    </row>
    <row r="404172" spans="14:14">
      <c r="N404172" s="10"/>
    </row>
    <row r="404173" spans="14:14">
      <c r="N404173" s="10"/>
    </row>
    <row r="404174" spans="14:14">
      <c r="N404174" s="10"/>
    </row>
    <row r="404175" spans="14:14">
      <c r="N404175" s="10"/>
    </row>
    <row r="404176" spans="14:14">
      <c r="N404176" s="10"/>
    </row>
    <row r="404177" spans="14:14">
      <c r="N404177" s="10"/>
    </row>
    <row r="404178" spans="14:14">
      <c r="N404178" s="10"/>
    </row>
    <row r="404179" spans="14:14">
      <c r="N404179" s="10"/>
    </row>
    <row r="404180" spans="14:14">
      <c r="N404180" s="10"/>
    </row>
    <row r="404181" spans="14:14">
      <c r="N404181" s="10"/>
    </row>
    <row r="404182" spans="14:14">
      <c r="N404182" s="10"/>
    </row>
    <row r="404183" spans="14:14">
      <c r="N404183" s="10"/>
    </row>
    <row r="404184" spans="14:14">
      <c r="N404184" s="10"/>
    </row>
    <row r="404185" spans="14:14">
      <c r="N404185" s="10"/>
    </row>
    <row r="404186" spans="14:14">
      <c r="N404186" s="10"/>
    </row>
    <row r="404187" spans="14:14">
      <c r="N404187" s="10"/>
    </row>
    <row r="404188" spans="14:14">
      <c r="N404188" s="10"/>
    </row>
    <row r="404189" spans="14:14">
      <c r="N404189" s="10"/>
    </row>
    <row r="404190" spans="14:14">
      <c r="N404190" s="10"/>
    </row>
    <row r="404191" spans="14:14">
      <c r="N404191" s="10"/>
    </row>
    <row r="404192" spans="14:14">
      <c r="N404192" s="10"/>
    </row>
    <row r="404193" spans="14:14">
      <c r="N404193" s="10"/>
    </row>
    <row r="404194" spans="14:14">
      <c r="N404194" s="10"/>
    </row>
    <row r="404195" spans="14:14">
      <c r="N404195" s="10"/>
    </row>
    <row r="404196" spans="14:14">
      <c r="N404196" s="10"/>
    </row>
    <row r="404197" spans="14:14">
      <c r="N404197" s="10"/>
    </row>
    <row r="404198" spans="14:14">
      <c r="N404198" s="10"/>
    </row>
    <row r="404199" spans="14:14">
      <c r="N404199" s="10"/>
    </row>
    <row r="404200" spans="14:14">
      <c r="N404200" s="10"/>
    </row>
    <row r="404201" spans="14:14">
      <c r="N404201" s="10"/>
    </row>
    <row r="404202" spans="14:14">
      <c r="N404202" s="10"/>
    </row>
    <row r="404203" spans="14:14">
      <c r="N404203" s="10"/>
    </row>
    <row r="404204" spans="14:14">
      <c r="N404204" s="10"/>
    </row>
    <row r="404205" spans="14:14">
      <c r="N404205" s="10"/>
    </row>
    <row r="404206" spans="14:14">
      <c r="N404206" s="10"/>
    </row>
    <row r="404207" spans="14:14">
      <c r="N404207" s="10"/>
    </row>
    <row r="404208" spans="14:14">
      <c r="N404208" s="10"/>
    </row>
    <row r="404209" spans="14:14">
      <c r="N404209" s="10"/>
    </row>
    <row r="404210" spans="14:14">
      <c r="N404210" s="10"/>
    </row>
    <row r="404211" spans="14:14">
      <c r="N404211" s="10"/>
    </row>
    <row r="404212" spans="14:14">
      <c r="N404212" s="10"/>
    </row>
    <row r="404213" spans="14:14">
      <c r="N404213" s="10"/>
    </row>
    <row r="404214" spans="14:14">
      <c r="N404214" s="10"/>
    </row>
    <row r="404215" spans="14:14">
      <c r="N404215" s="10"/>
    </row>
    <row r="404216" spans="14:14">
      <c r="N404216" s="10"/>
    </row>
    <row r="404217" spans="14:14">
      <c r="N404217" s="10"/>
    </row>
    <row r="404218" spans="14:14">
      <c r="N404218" s="10"/>
    </row>
    <row r="404219" spans="14:14">
      <c r="N404219" s="10"/>
    </row>
    <row r="404220" spans="14:14">
      <c r="N404220" s="10"/>
    </row>
    <row r="404221" spans="14:14">
      <c r="N404221" s="10"/>
    </row>
    <row r="404222" spans="14:14">
      <c r="N404222" s="10"/>
    </row>
    <row r="404223" spans="14:14">
      <c r="N404223" s="10"/>
    </row>
    <row r="404224" spans="14:14">
      <c r="N404224" s="10"/>
    </row>
    <row r="404225" spans="14:14">
      <c r="N404225" s="10"/>
    </row>
    <row r="404226" spans="14:14">
      <c r="N404226" s="10"/>
    </row>
    <row r="404227" spans="14:14">
      <c r="N404227" s="10"/>
    </row>
    <row r="404228" spans="14:14">
      <c r="N404228" s="10"/>
    </row>
    <row r="404229" spans="14:14">
      <c r="N404229" s="10"/>
    </row>
    <row r="404230" spans="14:14">
      <c r="N404230" s="10"/>
    </row>
    <row r="404231" spans="14:14">
      <c r="N404231" s="10"/>
    </row>
    <row r="404232" spans="14:14">
      <c r="N404232" s="10"/>
    </row>
    <row r="404233" spans="14:14">
      <c r="N404233" s="10"/>
    </row>
    <row r="404234" spans="14:14">
      <c r="N404234" s="10"/>
    </row>
    <row r="404235" spans="14:14">
      <c r="N404235" s="10"/>
    </row>
    <row r="404236" spans="14:14">
      <c r="N404236" s="10"/>
    </row>
    <row r="404237" spans="14:14">
      <c r="N404237" s="10"/>
    </row>
    <row r="404238" spans="14:14">
      <c r="N404238" s="10"/>
    </row>
    <row r="404239" spans="14:14">
      <c r="N404239" s="10"/>
    </row>
    <row r="404240" spans="14:14">
      <c r="N404240" s="10"/>
    </row>
    <row r="404241" spans="14:14">
      <c r="N404241" s="10"/>
    </row>
    <row r="404242" spans="14:14">
      <c r="N404242" s="10"/>
    </row>
    <row r="404243" spans="14:14">
      <c r="N404243" s="10"/>
    </row>
    <row r="404244" spans="14:14">
      <c r="N404244" s="10"/>
    </row>
    <row r="404245" spans="14:14">
      <c r="N404245" s="10"/>
    </row>
    <row r="404246" spans="14:14">
      <c r="N404246" s="10"/>
    </row>
    <row r="404247" spans="14:14">
      <c r="N404247" s="10"/>
    </row>
    <row r="404248" spans="14:14">
      <c r="N404248" s="10"/>
    </row>
    <row r="404249" spans="14:14">
      <c r="N404249" s="10"/>
    </row>
    <row r="404250" spans="14:14">
      <c r="N404250" s="10"/>
    </row>
    <row r="404251" spans="14:14">
      <c r="N404251" s="10"/>
    </row>
    <row r="404252" spans="14:14">
      <c r="N404252" s="10"/>
    </row>
    <row r="404253" spans="14:14">
      <c r="N404253" s="10"/>
    </row>
    <row r="404254" spans="14:14">
      <c r="N404254" s="10"/>
    </row>
    <row r="404255" spans="14:14">
      <c r="N404255" s="10"/>
    </row>
    <row r="404256" spans="14:14">
      <c r="N404256" s="10"/>
    </row>
    <row r="404257" spans="14:14">
      <c r="N404257" s="10"/>
    </row>
    <row r="404258" spans="14:14">
      <c r="N404258" s="10"/>
    </row>
    <row r="404259" spans="14:14">
      <c r="N404259" s="10"/>
    </row>
    <row r="404260" spans="14:14">
      <c r="N404260" s="10"/>
    </row>
    <row r="404261" spans="14:14">
      <c r="N404261" s="10"/>
    </row>
    <row r="404262" spans="14:14">
      <c r="N404262" s="10"/>
    </row>
    <row r="404263" spans="14:14">
      <c r="N404263" s="10"/>
    </row>
    <row r="404264" spans="14:14">
      <c r="N404264" s="10"/>
    </row>
    <row r="404265" spans="14:14">
      <c r="N404265" s="10"/>
    </row>
    <row r="404266" spans="14:14">
      <c r="N404266" s="10"/>
    </row>
    <row r="404267" spans="14:14">
      <c r="N404267" s="10"/>
    </row>
    <row r="404268" spans="14:14">
      <c r="N404268" s="10"/>
    </row>
    <row r="404269" spans="14:14">
      <c r="N404269" s="10"/>
    </row>
    <row r="404270" spans="14:14">
      <c r="N404270" s="10"/>
    </row>
    <row r="404271" spans="14:14">
      <c r="N404271" s="10"/>
    </row>
    <row r="404272" spans="14:14">
      <c r="N404272" s="10"/>
    </row>
    <row r="404273" spans="14:14">
      <c r="N404273" s="10"/>
    </row>
    <row r="404274" spans="14:14">
      <c r="N404274" s="10"/>
    </row>
    <row r="404275" spans="14:14">
      <c r="N404275" s="10"/>
    </row>
    <row r="404276" spans="14:14">
      <c r="N404276" s="10"/>
    </row>
    <row r="404277" spans="14:14">
      <c r="N404277" s="10"/>
    </row>
    <row r="404278" spans="14:14">
      <c r="N404278" s="10"/>
    </row>
    <row r="404279" spans="14:14">
      <c r="N404279" s="10"/>
    </row>
    <row r="404280" spans="14:14">
      <c r="N404280" s="10"/>
    </row>
    <row r="404281" spans="14:14">
      <c r="N404281" s="10"/>
    </row>
    <row r="404282" spans="14:14">
      <c r="N404282" s="10"/>
    </row>
    <row r="404283" spans="14:14">
      <c r="N404283" s="10"/>
    </row>
    <row r="404284" spans="14:14">
      <c r="N404284" s="10"/>
    </row>
    <row r="404285" spans="14:14">
      <c r="N404285" s="10"/>
    </row>
    <row r="404286" spans="14:14">
      <c r="N404286" s="10"/>
    </row>
    <row r="404287" spans="14:14">
      <c r="N404287" s="10"/>
    </row>
    <row r="404288" spans="14:14">
      <c r="N404288" s="10"/>
    </row>
    <row r="404289" spans="14:14">
      <c r="N404289" s="10"/>
    </row>
    <row r="404290" spans="14:14">
      <c r="N404290" s="10"/>
    </row>
    <row r="404291" spans="14:14">
      <c r="N404291" s="10"/>
    </row>
    <row r="404292" spans="14:14">
      <c r="N404292" s="10"/>
    </row>
    <row r="404293" spans="14:14">
      <c r="N404293" s="10"/>
    </row>
    <row r="404294" spans="14:14">
      <c r="N404294" s="10"/>
    </row>
    <row r="404295" spans="14:14">
      <c r="N404295" s="10"/>
    </row>
    <row r="404296" spans="14:14">
      <c r="N404296" s="10"/>
    </row>
    <row r="404297" spans="14:14">
      <c r="N404297" s="10"/>
    </row>
    <row r="404298" spans="14:14">
      <c r="N404298" s="10"/>
    </row>
    <row r="404299" spans="14:14">
      <c r="N404299" s="10"/>
    </row>
    <row r="404300" spans="14:14">
      <c r="N404300" s="10"/>
    </row>
    <row r="404301" spans="14:14">
      <c r="N404301" s="10"/>
    </row>
    <row r="404302" spans="14:14">
      <c r="N404302" s="10"/>
    </row>
    <row r="404303" spans="14:14">
      <c r="N404303" s="10"/>
    </row>
    <row r="404304" spans="14:14">
      <c r="N404304" s="10"/>
    </row>
    <row r="404305" spans="14:14">
      <c r="N404305" s="10"/>
    </row>
    <row r="404306" spans="14:14">
      <c r="N404306" s="10"/>
    </row>
    <row r="404307" spans="14:14">
      <c r="N404307" s="10"/>
    </row>
    <row r="404308" spans="14:14">
      <c r="N404308" s="10"/>
    </row>
    <row r="404309" spans="14:14">
      <c r="N404309" s="10"/>
    </row>
    <row r="404310" spans="14:14">
      <c r="N404310" s="10"/>
    </row>
    <row r="404311" spans="14:14">
      <c r="N404311" s="10"/>
    </row>
    <row r="404312" spans="14:14">
      <c r="N404312" s="10"/>
    </row>
    <row r="404313" spans="14:14">
      <c r="N404313" s="10"/>
    </row>
    <row r="404314" spans="14:14">
      <c r="N404314" s="10"/>
    </row>
    <row r="404315" spans="14:14">
      <c r="N404315" s="10"/>
    </row>
    <row r="404316" spans="14:14">
      <c r="N404316" s="10"/>
    </row>
    <row r="404317" spans="14:14">
      <c r="N404317" s="10"/>
    </row>
    <row r="404318" spans="14:14">
      <c r="N404318" s="10"/>
    </row>
    <row r="404319" spans="14:14">
      <c r="N404319" s="10"/>
    </row>
    <row r="404320" spans="14:14">
      <c r="N404320" s="10"/>
    </row>
    <row r="404321" spans="14:14">
      <c r="N404321" s="10"/>
    </row>
    <row r="404322" spans="14:14">
      <c r="N404322" s="10"/>
    </row>
    <row r="404323" spans="14:14">
      <c r="N404323" s="10"/>
    </row>
    <row r="404324" spans="14:14">
      <c r="N404324" s="10"/>
    </row>
    <row r="404325" spans="14:14">
      <c r="N404325" s="10"/>
    </row>
    <row r="404326" spans="14:14">
      <c r="N404326" s="10"/>
    </row>
    <row r="404327" spans="14:14">
      <c r="N404327" s="10"/>
    </row>
    <row r="404328" spans="14:14">
      <c r="N404328" s="10"/>
    </row>
    <row r="404329" spans="14:14">
      <c r="N404329" s="10"/>
    </row>
    <row r="404330" spans="14:14">
      <c r="N404330" s="10"/>
    </row>
    <row r="404331" spans="14:14">
      <c r="N404331" s="10"/>
    </row>
    <row r="404332" spans="14:14">
      <c r="N404332" s="10"/>
    </row>
    <row r="404333" spans="14:14">
      <c r="N404333" s="10"/>
    </row>
    <row r="404334" spans="14:14">
      <c r="N404334" s="10"/>
    </row>
    <row r="404335" spans="14:14">
      <c r="N404335" s="10"/>
    </row>
    <row r="404336" spans="14:14">
      <c r="N404336" s="10"/>
    </row>
    <row r="404337" spans="14:14">
      <c r="N404337" s="10"/>
    </row>
    <row r="404338" spans="14:14">
      <c r="N404338" s="10"/>
    </row>
    <row r="404339" spans="14:14">
      <c r="N404339" s="10"/>
    </row>
    <row r="404340" spans="14:14">
      <c r="N404340" s="10"/>
    </row>
    <row r="404341" spans="14:14">
      <c r="N404341" s="10"/>
    </row>
    <row r="404342" spans="14:14">
      <c r="N404342" s="10"/>
    </row>
    <row r="404343" spans="14:14">
      <c r="N404343" s="10"/>
    </row>
    <row r="404344" spans="14:14">
      <c r="N404344" s="10"/>
    </row>
    <row r="404345" spans="14:14">
      <c r="N404345" s="10"/>
    </row>
    <row r="404346" spans="14:14">
      <c r="N404346" s="10"/>
    </row>
    <row r="404347" spans="14:14">
      <c r="N404347" s="10"/>
    </row>
    <row r="404348" spans="14:14">
      <c r="N404348" s="10"/>
    </row>
    <row r="404349" spans="14:14">
      <c r="N404349" s="10"/>
    </row>
    <row r="404350" spans="14:14">
      <c r="N404350" s="10"/>
    </row>
    <row r="404351" spans="14:14">
      <c r="N404351" s="10"/>
    </row>
    <row r="404352" spans="14:14">
      <c r="N404352" s="10"/>
    </row>
    <row r="404353" spans="14:14">
      <c r="N404353" s="10"/>
    </row>
    <row r="404354" spans="14:14">
      <c r="N404354" s="10"/>
    </row>
    <row r="404355" spans="14:14">
      <c r="N404355" s="10"/>
    </row>
    <row r="404356" spans="14:14">
      <c r="N404356" s="10"/>
    </row>
    <row r="404357" spans="14:14">
      <c r="N404357" s="10"/>
    </row>
    <row r="404358" spans="14:14">
      <c r="N404358" s="10"/>
    </row>
    <row r="404359" spans="14:14">
      <c r="N404359" s="10"/>
    </row>
    <row r="404360" spans="14:14">
      <c r="N404360" s="10"/>
    </row>
    <row r="404361" spans="14:14">
      <c r="N404361" s="10"/>
    </row>
    <row r="404362" spans="14:14">
      <c r="N404362" s="10"/>
    </row>
    <row r="404363" spans="14:14">
      <c r="N404363" s="10"/>
    </row>
    <row r="404364" spans="14:14">
      <c r="N404364" s="10"/>
    </row>
    <row r="404365" spans="14:14">
      <c r="N404365" s="10"/>
    </row>
    <row r="404366" spans="14:14">
      <c r="N404366" s="10"/>
    </row>
    <row r="404367" spans="14:14">
      <c r="N404367" s="10"/>
    </row>
    <row r="404368" spans="14:14">
      <c r="N404368" s="10"/>
    </row>
    <row r="404369" spans="14:14">
      <c r="N404369" s="10"/>
    </row>
    <row r="404370" spans="14:14">
      <c r="N404370" s="10"/>
    </row>
    <row r="404371" spans="14:14">
      <c r="N404371" s="10"/>
    </row>
    <row r="404372" spans="14:14">
      <c r="N404372" s="10"/>
    </row>
    <row r="404373" spans="14:14">
      <c r="N404373" s="10"/>
    </row>
    <row r="404374" spans="14:14">
      <c r="N404374" s="10"/>
    </row>
    <row r="404375" spans="14:14">
      <c r="N404375" s="10"/>
    </row>
    <row r="404376" spans="14:14">
      <c r="N404376" s="10"/>
    </row>
    <row r="404377" spans="14:14">
      <c r="N404377" s="10"/>
    </row>
    <row r="404378" spans="14:14">
      <c r="N404378" s="10"/>
    </row>
    <row r="404379" spans="14:14">
      <c r="N404379" s="10"/>
    </row>
    <row r="404380" spans="14:14">
      <c r="N404380" s="10"/>
    </row>
    <row r="404381" spans="14:14">
      <c r="N404381" s="10"/>
    </row>
    <row r="404382" spans="14:14">
      <c r="N404382" s="10"/>
    </row>
    <row r="404383" spans="14:14">
      <c r="N404383" s="10"/>
    </row>
    <row r="404384" spans="14:14">
      <c r="N404384" s="10"/>
    </row>
    <row r="404385" spans="14:14">
      <c r="N404385" s="10"/>
    </row>
    <row r="404386" spans="14:14">
      <c r="N404386" s="10"/>
    </row>
    <row r="404387" spans="14:14">
      <c r="N404387" s="10"/>
    </row>
    <row r="404388" spans="14:14">
      <c r="N404388" s="10"/>
    </row>
    <row r="404389" spans="14:14">
      <c r="N404389" s="10"/>
    </row>
    <row r="404390" spans="14:14">
      <c r="N404390" s="10"/>
    </row>
    <row r="404391" spans="14:14">
      <c r="N404391" s="10"/>
    </row>
    <row r="404392" spans="14:14">
      <c r="N404392" s="10"/>
    </row>
    <row r="404393" spans="14:14">
      <c r="N404393" s="10"/>
    </row>
    <row r="404394" spans="14:14">
      <c r="N404394" s="10"/>
    </row>
    <row r="404395" spans="14:14">
      <c r="N404395" s="10"/>
    </row>
    <row r="404396" spans="14:14">
      <c r="N404396" s="10"/>
    </row>
    <row r="404397" spans="14:14">
      <c r="N404397" s="10"/>
    </row>
    <row r="404398" spans="14:14">
      <c r="N404398" s="10"/>
    </row>
    <row r="404399" spans="14:14">
      <c r="N404399" s="10"/>
    </row>
    <row r="404400" spans="14:14">
      <c r="N404400" s="10"/>
    </row>
    <row r="404401" spans="14:14">
      <c r="N404401" s="10"/>
    </row>
    <row r="404402" spans="14:14">
      <c r="N404402" s="10"/>
    </row>
    <row r="404403" spans="14:14">
      <c r="N404403" s="10"/>
    </row>
    <row r="404404" spans="14:14">
      <c r="N404404" s="10"/>
    </row>
    <row r="404405" spans="14:14">
      <c r="N404405" s="10"/>
    </row>
    <row r="404406" spans="14:14">
      <c r="N404406" s="10"/>
    </row>
    <row r="404407" spans="14:14">
      <c r="N404407" s="10"/>
    </row>
    <row r="404408" spans="14:14">
      <c r="N404408" s="10"/>
    </row>
    <row r="404409" spans="14:14">
      <c r="N404409" s="10"/>
    </row>
    <row r="404410" spans="14:14">
      <c r="N404410" s="10"/>
    </row>
    <row r="404411" spans="14:14">
      <c r="N404411" s="10"/>
    </row>
    <row r="404412" spans="14:14">
      <c r="N404412" s="10"/>
    </row>
    <row r="404413" spans="14:14">
      <c r="N404413" s="10"/>
    </row>
    <row r="404414" spans="14:14">
      <c r="N404414" s="10"/>
    </row>
    <row r="404415" spans="14:14">
      <c r="N404415" s="10"/>
    </row>
    <row r="404416" spans="14:14">
      <c r="N404416" s="10"/>
    </row>
    <row r="404417" spans="14:14">
      <c r="N404417" s="10"/>
    </row>
    <row r="404418" spans="14:14">
      <c r="N404418" s="10"/>
    </row>
    <row r="404419" spans="14:14">
      <c r="N404419" s="10"/>
    </row>
    <row r="404420" spans="14:14">
      <c r="N404420" s="10"/>
    </row>
    <row r="404421" spans="14:14">
      <c r="N404421" s="10"/>
    </row>
    <row r="404422" spans="14:14">
      <c r="N404422" s="10"/>
    </row>
    <row r="404423" spans="14:14">
      <c r="N404423" s="10"/>
    </row>
    <row r="404424" spans="14:14">
      <c r="N404424" s="10"/>
    </row>
    <row r="404425" spans="14:14">
      <c r="N404425" s="10"/>
    </row>
    <row r="404426" spans="14:14">
      <c r="N404426" s="10"/>
    </row>
    <row r="404427" spans="14:14">
      <c r="N404427" s="10"/>
    </row>
    <row r="404428" spans="14:14">
      <c r="N404428" s="10"/>
    </row>
    <row r="404429" spans="14:14">
      <c r="N404429" s="10"/>
    </row>
    <row r="404430" spans="14:14">
      <c r="N404430" s="10"/>
    </row>
    <row r="404431" spans="14:14">
      <c r="N404431" s="10"/>
    </row>
    <row r="404432" spans="14:14">
      <c r="N404432" s="10"/>
    </row>
    <row r="404433" spans="14:14">
      <c r="N404433" s="10"/>
    </row>
    <row r="404434" spans="14:14">
      <c r="N404434" s="10"/>
    </row>
    <row r="404435" spans="14:14">
      <c r="N404435" s="10"/>
    </row>
    <row r="404436" spans="14:14">
      <c r="N404436" s="10"/>
    </row>
    <row r="404437" spans="14:14">
      <c r="N404437" s="10"/>
    </row>
    <row r="404438" spans="14:14">
      <c r="N404438" s="10"/>
    </row>
    <row r="404439" spans="14:14">
      <c r="N404439" s="10"/>
    </row>
    <row r="404440" spans="14:14">
      <c r="N404440" s="10"/>
    </row>
    <row r="404441" spans="14:14">
      <c r="N404441" s="10"/>
    </row>
    <row r="404442" spans="14:14">
      <c r="N404442" s="10"/>
    </row>
    <row r="404443" spans="14:14">
      <c r="N404443" s="10"/>
    </row>
    <row r="404444" spans="14:14">
      <c r="N404444" s="10"/>
    </row>
    <row r="404445" spans="14:14">
      <c r="N404445" s="10"/>
    </row>
    <row r="404446" spans="14:14">
      <c r="N404446" s="10"/>
    </row>
    <row r="404447" spans="14:14">
      <c r="N404447" s="10"/>
    </row>
    <row r="404448" spans="14:14">
      <c r="N404448" s="10"/>
    </row>
    <row r="404449" spans="14:14">
      <c r="N404449" s="10"/>
    </row>
    <row r="404450" spans="14:14">
      <c r="N404450" s="10"/>
    </row>
    <row r="404451" spans="14:14">
      <c r="N404451" s="10"/>
    </row>
    <row r="404452" spans="14:14">
      <c r="N404452" s="10"/>
    </row>
    <row r="404453" spans="14:14">
      <c r="N404453" s="10"/>
    </row>
    <row r="404454" spans="14:14">
      <c r="N404454" s="10"/>
    </row>
    <row r="404455" spans="14:14">
      <c r="N404455" s="10"/>
    </row>
    <row r="404456" spans="14:14">
      <c r="N404456" s="10"/>
    </row>
    <row r="404457" spans="14:14">
      <c r="N404457" s="10"/>
    </row>
    <row r="404458" spans="14:14">
      <c r="N404458" s="10"/>
    </row>
    <row r="404459" spans="14:14">
      <c r="N404459" s="10"/>
    </row>
    <row r="404460" spans="14:14">
      <c r="N404460" s="10"/>
    </row>
    <row r="404461" spans="14:14">
      <c r="N404461" s="10"/>
    </row>
    <row r="404462" spans="14:14">
      <c r="N404462" s="10"/>
    </row>
    <row r="404463" spans="14:14">
      <c r="N404463" s="10"/>
    </row>
    <row r="404464" spans="14:14">
      <c r="N404464" s="10"/>
    </row>
    <row r="404465" spans="14:14">
      <c r="N404465" s="10"/>
    </row>
    <row r="404466" spans="14:14">
      <c r="N404466" s="10"/>
    </row>
    <row r="404467" spans="14:14">
      <c r="N404467" s="10"/>
    </row>
    <row r="404468" spans="14:14">
      <c r="N404468" s="10"/>
    </row>
    <row r="404469" spans="14:14">
      <c r="N404469" s="10"/>
    </row>
    <row r="404470" spans="14:14">
      <c r="N404470" s="10"/>
    </row>
    <row r="404471" spans="14:14">
      <c r="N404471" s="10"/>
    </row>
    <row r="404472" spans="14:14">
      <c r="N404472" s="10"/>
    </row>
    <row r="404473" spans="14:14">
      <c r="N404473" s="10"/>
    </row>
    <row r="404474" spans="14:14">
      <c r="N404474" s="10"/>
    </row>
    <row r="404475" spans="14:14">
      <c r="N404475" s="10"/>
    </row>
    <row r="404476" spans="14:14">
      <c r="N404476" s="10"/>
    </row>
    <row r="404477" spans="14:14">
      <c r="N404477" s="10"/>
    </row>
    <row r="404478" spans="14:14">
      <c r="N404478" s="10"/>
    </row>
    <row r="404479" spans="14:14">
      <c r="N404479" s="10"/>
    </row>
    <row r="404480" spans="14:14">
      <c r="N404480" s="10"/>
    </row>
    <row r="404481" spans="14:14">
      <c r="N404481" s="10"/>
    </row>
    <row r="404482" spans="14:14">
      <c r="N404482" s="10"/>
    </row>
    <row r="404483" spans="14:14">
      <c r="N404483" s="10"/>
    </row>
    <row r="404484" spans="14:14">
      <c r="N404484" s="10"/>
    </row>
    <row r="404485" spans="14:14">
      <c r="N404485" s="10"/>
    </row>
    <row r="404486" spans="14:14">
      <c r="N404486" s="10"/>
    </row>
    <row r="404487" spans="14:14">
      <c r="N404487" s="10"/>
    </row>
    <row r="404488" spans="14:14">
      <c r="N404488" s="10"/>
    </row>
    <row r="404489" spans="14:14">
      <c r="N404489" s="10"/>
    </row>
    <row r="404490" spans="14:14">
      <c r="N404490" s="10"/>
    </row>
    <row r="404491" spans="14:14">
      <c r="N404491" s="10"/>
    </row>
    <row r="404492" spans="14:14">
      <c r="N404492" s="10"/>
    </row>
    <row r="404493" spans="14:14">
      <c r="N404493" s="10"/>
    </row>
    <row r="404494" spans="14:14">
      <c r="N404494" s="10"/>
    </row>
    <row r="404495" spans="14:14">
      <c r="N404495" s="10"/>
    </row>
    <row r="404496" spans="14:14">
      <c r="N404496" s="10"/>
    </row>
    <row r="404497" spans="14:14">
      <c r="N404497" s="10"/>
    </row>
    <row r="404498" spans="14:14">
      <c r="N404498" s="10"/>
    </row>
    <row r="404499" spans="14:14">
      <c r="N404499" s="10"/>
    </row>
    <row r="404500" spans="14:14">
      <c r="N404500" s="10"/>
    </row>
    <row r="404501" spans="14:14">
      <c r="N404501" s="10"/>
    </row>
    <row r="404502" spans="14:14">
      <c r="N404502" s="10"/>
    </row>
    <row r="404503" spans="14:14">
      <c r="N404503" s="10"/>
    </row>
    <row r="404504" spans="14:14">
      <c r="N404504" s="10"/>
    </row>
    <row r="404505" spans="14:14">
      <c r="N404505" s="10"/>
    </row>
    <row r="404506" spans="14:14">
      <c r="N404506" s="10"/>
    </row>
    <row r="404507" spans="14:14">
      <c r="N404507" s="10"/>
    </row>
    <row r="404508" spans="14:14">
      <c r="N404508" s="10"/>
    </row>
    <row r="404509" spans="14:14">
      <c r="N404509" s="10"/>
    </row>
    <row r="404510" spans="14:14">
      <c r="N404510" s="10"/>
    </row>
    <row r="404511" spans="14:14">
      <c r="N404511" s="10"/>
    </row>
    <row r="404512" spans="14:14">
      <c r="N404512" s="10"/>
    </row>
    <row r="404513" spans="14:14">
      <c r="N404513" s="10"/>
    </row>
    <row r="404514" spans="14:14">
      <c r="N404514" s="10"/>
    </row>
    <row r="404515" spans="14:14">
      <c r="N404515" s="10"/>
    </row>
    <row r="404516" spans="14:14">
      <c r="N404516" s="10"/>
    </row>
    <row r="404517" spans="14:14">
      <c r="N404517" s="10"/>
    </row>
    <row r="404518" spans="14:14">
      <c r="N404518" s="10"/>
    </row>
    <row r="404519" spans="14:14">
      <c r="N404519" s="10"/>
    </row>
    <row r="404520" spans="14:14">
      <c r="N404520" s="10"/>
    </row>
    <row r="404521" spans="14:14">
      <c r="N404521" s="10"/>
    </row>
    <row r="404522" spans="14:14">
      <c r="N404522" s="10"/>
    </row>
    <row r="404523" spans="14:14">
      <c r="N404523" s="10"/>
    </row>
    <row r="404524" spans="14:14">
      <c r="N404524" s="10"/>
    </row>
    <row r="404525" spans="14:14">
      <c r="N404525" s="10"/>
    </row>
    <row r="404526" spans="14:14">
      <c r="N404526" s="10"/>
    </row>
    <row r="404527" spans="14:14">
      <c r="N404527" s="10"/>
    </row>
    <row r="404528" spans="14:14">
      <c r="N404528" s="10"/>
    </row>
    <row r="404529" spans="14:14">
      <c r="N404529" s="10"/>
    </row>
    <row r="404530" spans="14:14">
      <c r="N404530" s="10"/>
    </row>
    <row r="404531" spans="14:14">
      <c r="N404531" s="10"/>
    </row>
    <row r="404532" spans="14:14">
      <c r="N404532" s="10"/>
    </row>
    <row r="404533" spans="14:14">
      <c r="N404533" s="10"/>
    </row>
    <row r="404534" spans="14:14">
      <c r="N404534" s="10"/>
    </row>
    <row r="404535" spans="14:14">
      <c r="N404535" s="10"/>
    </row>
    <row r="404536" spans="14:14">
      <c r="N404536" s="10"/>
    </row>
    <row r="404537" spans="14:14">
      <c r="N404537" s="10"/>
    </row>
    <row r="404538" spans="14:14">
      <c r="N404538" s="10"/>
    </row>
    <row r="404539" spans="14:14">
      <c r="N404539" s="10"/>
    </row>
    <row r="404540" spans="14:14">
      <c r="N404540" s="10"/>
    </row>
    <row r="404541" spans="14:14">
      <c r="N404541" s="10"/>
    </row>
    <row r="404542" spans="14:14">
      <c r="N404542" s="10"/>
    </row>
    <row r="404543" spans="14:14">
      <c r="N404543" s="10"/>
    </row>
    <row r="404544" spans="14:14">
      <c r="N404544" s="10"/>
    </row>
    <row r="404545" spans="14:14">
      <c r="N404545" s="10"/>
    </row>
    <row r="404546" spans="14:14">
      <c r="N404546" s="10"/>
    </row>
    <row r="404547" spans="14:14">
      <c r="N404547" s="10"/>
    </row>
    <row r="404548" spans="14:14">
      <c r="N404548" s="10"/>
    </row>
    <row r="404549" spans="14:14">
      <c r="N404549" s="10"/>
    </row>
    <row r="404550" spans="14:14">
      <c r="N404550" s="10"/>
    </row>
    <row r="404551" spans="14:14">
      <c r="N404551" s="10"/>
    </row>
    <row r="404552" spans="14:14">
      <c r="N404552" s="10"/>
    </row>
    <row r="404553" spans="14:14">
      <c r="N404553" s="10"/>
    </row>
    <row r="404554" spans="14:14">
      <c r="N404554" s="10"/>
    </row>
    <row r="404555" spans="14:14">
      <c r="N404555" s="10"/>
    </row>
    <row r="404556" spans="14:14">
      <c r="N404556" s="10"/>
    </row>
    <row r="404557" spans="14:14">
      <c r="N404557" s="10"/>
    </row>
    <row r="404558" spans="14:14">
      <c r="N404558" s="10"/>
    </row>
    <row r="404559" spans="14:14">
      <c r="N404559" s="10"/>
    </row>
    <row r="404560" spans="14:14">
      <c r="N404560" s="10"/>
    </row>
    <row r="404561" spans="14:14">
      <c r="N404561" s="10"/>
    </row>
    <row r="404562" spans="14:14">
      <c r="N404562" s="10"/>
    </row>
    <row r="404563" spans="14:14">
      <c r="N404563" s="10"/>
    </row>
    <row r="404564" spans="14:14">
      <c r="N404564" s="10"/>
    </row>
    <row r="404565" spans="14:14">
      <c r="N404565" s="10"/>
    </row>
    <row r="404566" spans="14:14">
      <c r="N404566" s="10"/>
    </row>
    <row r="404567" spans="14:14">
      <c r="N404567" s="10"/>
    </row>
    <row r="404568" spans="14:14">
      <c r="N404568" s="10"/>
    </row>
    <row r="404569" spans="14:14">
      <c r="N404569" s="10"/>
    </row>
    <row r="404570" spans="14:14">
      <c r="N404570" s="10"/>
    </row>
    <row r="404571" spans="14:14">
      <c r="N404571" s="10"/>
    </row>
    <row r="404572" spans="14:14">
      <c r="N404572" s="10"/>
    </row>
    <row r="404573" spans="14:14">
      <c r="N404573" s="10"/>
    </row>
    <row r="404574" spans="14:14">
      <c r="N404574" s="10"/>
    </row>
    <row r="404575" spans="14:14">
      <c r="N404575" s="10"/>
    </row>
    <row r="404576" spans="14:14">
      <c r="N404576" s="10"/>
    </row>
    <row r="404577" spans="14:14">
      <c r="N404577" s="10"/>
    </row>
    <row r="404578" spans="14:14">
      <c r="N404578" s="10"/>
    </row>
    <row r="404579" spans="14:14">
      <c r="N404579" s="10"/>
    </row>
    <row r="404580" spans="14:14">
      <c r="N404580" s="10"/>
    </row>
    <row r="404581" spans="14:14">
      <c r="N404581" s="10"/>
    </row>
    <row r="404582" spans="14:14">
      <c r="N404582" s="10"/>
    </row>
    <row r="404583" spans="14:14">
      <c r="N404583" s="10"/>
    </row>
    <row r="404584" spans="14:14">
      <c r="N404584" s="10"/>
    </row>
    <row r="404585" spans="14:14">
      <c r="N404585" s="10"/>
    </row>
    <row r="404586" spans="14:14">
      <c r="N404586" s="10"/>
    </row>
    <row r="404587" spans="14:14">
      <c r="N404587" s="10"/>
    </row>
    <row r="404588" spans="14:14">
      <c r="N404588" s="10"/>
    </row>
    <row r="404589" spans="14:14">
      <c r="N404589" s="10"/>
    </row>
    <row r="404590" spans="14:14">
      <c r="N404590" s="10"/>
    </row>
    <row r="404591" spans="14:14">
      <c r="N404591" s="10"/>
    </row>
    <row r="404592" spans="14:14">
      <c r="N404592" s="10"/>
    </row>
    <row r="404593" spans="14:14">
      <c r="N404593" s="10"/>
    </row>
    <row r="404594" spans="14:14">
      <c r="N404594" s="10"/>
    </row>
    <row r="404595" spans="14:14">
      <c r="N404595" s="10"/>
    </row>
    <row r="404596" spans="14:14">
      <c r="N404596" s="10"/>
    </row>
    <row r="404597" spans="14:14">
      <c r="N404597" s="10"/>
    </row>
    <row r="404598" spans="14:14">
      <c r="N404598" s="10"/>
    </row>
    <row r="404599" spans="14:14">
      <c r="N404599" s="10"/>
    </row>
    <row r="404600" spans="14:14">
      <c r="N404600" s="10"/>
    </row>
    <row r="404601" spans="14:14">
      <c r="N404601" s="10"/>
    </row>
    <row r="404602" spans="14:14">
      <c r="N404602" s="10"/>
    </row>
    <row r="404603" spans="14:14">
      <c r="N404603" s="10"/>
    </row>
    <row r="404604" spans="14:14">
      <c r="N404604" s="10"/>
    </row>
    <row r="404605" spans="14:14">
      <c r="N404605" s="10"/>
    </row>
    <row r="404606" spans="14:14">
      <c r="N404606" s="10"/>
    </row>
    <row r="404607" spans="14:14">
      <c r="N404607" s="10"/>
    </row>
    <row r="404608" spans="14:14">
      <c r="N404608" s="10"/>
    </row>
    <row r="404609" spans="14:14">
      <c r="N404609" s="10"/>
    </row>
    <row r="404610" spans="14:14">
      <c r="N404610" s="10"/>
    </row>
    <row r="404611" spans="14:14">
      <c r="N404611" s="10"/>
    </row>
    <row r="404612" spans="14:14">
      <c r="N404612" s="10"/>
    </row>
    <row r="404613" spans="14:14">
      <c r="N404613" s="10"/>
    </row>
    <row r="404614" spans="14:14">
      <c r="N404614" s="10"/>
    </row>
    <row r="404615" spans="14:14">
      <c r="N404615" s="10"/>
    </row>
    <row r="404616" spans="14:14">
      <c r="N404616" s="10"/>
    </row>
    <row r="404617" spans="14:14">
      <c r="N404617" s="10"/>
    </row>
    <row r="404618" spans="14:14">
      <c r="N404618" s="10"/>
    </row>
    <row r="404619" spans="14:14">
      <c r="N404619" s="10"/>
    </row>
    <row r="404620" spans="14:14">
      <c r="N404620" s="10"/>
    </row>
    <row r="404621" spans="14:14">
      <c r="N404621" s="10"/>
    </row>
    <row r="404622" spans="14:14">
      <c r="N404622" s="10"/>
    </row>
    <row r="404623" spans="14:14">
      <c r="N404623" s="10"/>
    </row>
    <row r="404624" spans="14:14">
      <c r="N404624" s="10"/>
    </row>
    <row r="404625" spans="14:14">
      <c r="N404625" s="10"/>
    </row>
    <row r="404626" spans="14:14">
      <c r="N404626" s="10"/>
    </row>
    <row r="404627" spans="14:14">
      <c r="N404627" s="10"/>
    </row>
    <row r="404628" spans="14:14">
      <c r="N404628" s="10"/>
    </row>
    <row r="404629" spans="14:14">
      <c r="N404629" s="10"/>
    </row>
    <row r="404630" spans="14:14">
      <c r="N404630" s="10"/>
    </row>
    <row r="404631" spans="14:14">
      <c r="N404631" s="10"/>
    </row>
    <row r="404632" spans="14:14">
      <c r="N404632" s="10"/>
    </row>
    <row r="404633" spans="14:14">
      <c r="N404633" s="10"/>
    </row>
    <row r="404634" spans="14:14">
      <c r="N404634" s="10"/>
    </row>
    <row r="404635" spans="14:14">
      <c r="N404635" s="10"/>
    </row>
    <row r="404636" spans="14:14">
      <c r="N404636" s="10"/>
    </row>
    <row r="404637" spans="14:14">
      <c r="N404637" s="10"/>
    </row>
    <row r="404638" spans="14:14">
      <c r="N404638" s="10"/>
    </row>
    <row r="404639" spans="14:14">
      <c r="N404639" s="10"/>
    </row>
    <row r="404640" spans="14:14">
      <c r="N404640" s="10"/>
    </row>
    <row r="404641" spans="14:14">
      <c r="N404641" s="10"/>
    </row>
    <row r="404642" spans="14:14">
      <c r="N404642" s="10"/>
    </row>
    <row r="404643" spans="14:14">
      <c r="N404643" s="10"/>
    </row>
    <row r="404644" spans="14:14">
      <c r="N404644" s="10"/>
    </row>
    <row r="404645" spans="14:14">
      <c r="N404645" s="10"/>
    </row>
    <row r="404646" spans="14:14">
      <c r="N404646" s="10"/>
    </row>
    <row r="404647" spans="14:14">
      <c r="N404647" s="10"/>
    </row>
    <row r="404648" spans="14:14">
      <c r="N404648" s="10"/>
    </row>
    <row r="404649" spans="14:14">
      <c r="N404649" s="10"/>
    </row>
    <row r="404650" spans="14:14">
      <c r="N404650" s="10"/>
    </row>
    <row r="404651" spans="14:14">
      <c r="N404651" s="10"/>
    </row>
    <row r="404652" spans="14:14">
      <c r="N404652" s="10"/>
    </row>
    <row r="404653" spans="14:14">
      <c r="N404653" s="10"/>
    </row>
    <row r="404654" spans="14:14">
      <c r="N404654" s="10"/>
    </row>
    <row r="404655" spans="14:14">
      <c r="N404655" s="10"/>
    </row>
    <row r="404656" spans="14:14">
      <c r="N404656" s="10"/>
    </row>
    <row r="404657" spans="14:14">
      <c r="N404657" s="10"/>
    </row>
    <row r="404658" spans="14:14">
      <c r="N404658" s="10"/>
    </row>
    <row r="404659" spans="14:14">
      <c r="N404659" s="10"/>
    </row>
    <row r="404660" spans="14:14">
      <c r="N404660" s="10"/>
    </row>
    <row r="404661" spans="14:14">
      <c r="N404661" s="10"/>
    </row>
    <row r="404662" spans="14:14">
      <c r="N404662" s="10"/>
    </row>
    <row r="404663" spans="14:14">
      <c r="N404663" s="10"/>
    </row>
    <row r="404664" spans="14:14">
      <c r="N404664" s="10"/>
    </row>
    <row r="404665" spans="14:14">
      <c r="N404665" s="10"/>
    </row>
    <row r="404666" spans="14:14">
      <c r="N404666" s="10"/>
    </row>
    <row r="404667" spans="14:14">
      <c r="N404667" s="10"/>
    </row>
    <row r="404668" spans="14:14">
      <c r="N404668" s="10"/>
    </row>
    <row r="404669" spans="14:14">
      <c r="N404669" s="10"/>
    </row>
    <row r="404670" spans="14:14">
      <c r="N404670" s="10"/>
    </row>
    <row r="404671" spans="14:14">
      <c r="N404671" s="10"/>
    </row>
    <row r="404672" spans="14:14">
      <c r="N404672" s="10"/>
    </row>
    <row r="404673" spans="14:14">
      <c r="N404673" s="10"/>
    </row>
    <row r="404674" spans="14:14">
      <c r="N404674" s="10"/>
    </row>
    <row r="404675" spans="14:14">
      <c r="N404675" s="10"/>
    </row>
    <row r="404676" spans="14:14">
      <c r="N404676" s="10"/>
    </row>
    <row r="404677" spans="14:14">
      <c r="N404677" s="10"/>
    </row>
    <row r="404678" spans="14:14">
      <c r="N404678" s="10"/>
    </row>
    <row r="404679" spans="14:14">
      <c r="N404679" s="10"/>
    </row>
    <row r="404680" spans="14:14">
      <c r="N404680" s="10"/>
    </row>
    <row r="404681" spans="14:14">
      <c r="N404681" s="10"/>
    </row>
    <row r="404682" spans="14:14">
      <c r="N404682" s="10"/>
    </row>
    <row r="404683" spans="14:14">
      <c r="N404683" s="10"/>
    </row>
    <row r="404684" spans="14:14">
      <c r="N404684" s="10"/>
    </row>
    <row r="404685" spans="14:14">
      <c r="N404685" s="10"/>
    </row>
    <row r="404686" spans="14:14">
      <c r="N404686" s="10"/>
    </row>
    <row r="404687" spans="14:14">
      <c r="N404687" s="10"/>
    </row>
    <row r="404688" spans="14:14">
      <c r="N404688" s="10"/>
    </row>
    <row r="404689" spans="14:14">
      <c r="N404689" s="10"/>
    </row>
    <row r="404690" spans="14:14">
      <c r="N404690" s="10"/>
    </row>
    <row r="404691" spans="14:14">
      <c r="N404691" s="10"/>
    </row>
    <row r="404692" spans="14:14">
      <c r="N404692" s="10"/>
    </row>
    <row r="404693" spans="14:14">
      <c r="N404693" s="10"/>
    </row>
    <row r="404694" spans="14:14">
      <c r="N404694" s="10"/>
    </row>
    <row r="404695" spans="14:14">
      <c r="N404695" s="10"/>
    </row>
    <row r="404696" spans="14:14">
      <c r="N404696" s="10"/>
    </row>
    <row r="404697" spans="14:14">
      <c r="N404697" s="10"/>
    </row>
    <row r="404698" spans="14:14">
      <c r="N404698" s="10"/>
    </row>
    <row r="404699" spans="14:14">
      <c r="N404699" s="10"/>
    </row>
    <row r="404700" spans="14:14">
      <c r="N404700" s="10"/>
    </row>
    <row r="404701" spans="14:14">
      <c r="N404701" s="10"/>
    </row>
    <row r="404702" spans="14:14">
      <c r="N404702" s="10"/>
    </row>
    <row r="404703" spans="14:14">
      <c r="N404703" s="10"/>
    </row>
    <row r="404704" spans="14:14">
      <c r="N404704" s="10"/>
    </row>
    <row r="404705" spans="14:14">
      <c r="N404705" s="10"/>
    </row>
    <row r="404706" spans="14:14">
      <c r="N404706" s="10"/>
    </row>
    <row r="404707" spans="14:14">
      <c r="N404707" s="10"/>
    </row>
    <row r="404708" spans="14:14">
      <c r="N404708" s="10"/>
    </row>
    <row r="404709" spans="14:14">
      <c r="N404709" s="10"/>
    </row>
    <row r="404710" spans="14:14">
      <c r="N404710" s="10"/>
    </row>
    <row r="404711" spans="14:14">
      <c r="N404711" s="10"/>
    </row>
    <row r="404712" spans="14:14">
      <c r="N404712" s="10"/>
    </row>
    <row r="404713" spans="14:14">
      <c r="N404713" s="10"/>
    </row>
    <row r="404714" spans="14:14">
      <c r="N404714" s="10"/>
    </row>
    <row r="404715" spans="14:14">
      <c r="N404715" s="10"/>
    </row>
    <row r="404716" spans="14:14">
      <c r="N404716" s="10"/>
    </row>
    <row r="404717" spans="14:14">
      <c r="N404717" s="10"/>
    </row>
    <row r="404718" spans="14:14">
      <c r="N404718" s="10"/>
    </row>
    <row r="404719" spans="14:14">
      <c r="N404719" s="10"/>
    </row>
    <row r="404720" spans="14:14">
      <c r="N404720" s="10"/>
    </row>
    <row r="404721" spans="14:14">
      <c r="N404721" s="10"/>
    </row>
    <row r="404722" spans="14:14">
      <c r="N404722" s="10"/>
    </row>
    <row r="404723" spans="14:14">
      <c r="N404723" s="10"/>
    </row>
    <row r="404724" spans="14:14">
      <c r="N404724" s="10"/>
    </row>
    <row r="404725" spans="14:14">
      <c r="N404725" s="10"/>
    </row>
    <row r="404726" spans="14:14">
      <c r="N404726" s="10"/>
    </row>
    <row r="404727" spans="14:14">
      <c r="N404727" s="10"/>
    </row>
    <row r="404728" spans="14:14">
      <c r="N404728" s="10"/>
    </row>
    <row r="404729" spans="14:14">
      <c r="N404729" s="10"/>
    </row>
    <row r="404730" spans="14:14">
      <c r="N404730" s="10"/>
    </row>
    <row r="404731" spans="14:14">
      <c r="N404731" s="10"/>
    </row>
    <row r="404732" spans="14:14">
      <c r="N404732" s="10"/>
    </row>
    <row r="404733" spans="14:14">
      <c r="N404733" s="10"/>
    </row>
    <row r="404734" spans="14:14">
      <c r="N404734" s="10"/>
    </row>
    <row r="404735" spans="14:14">
      <c r="N404735" s="10"/>
    </row>
    <row r="404736" spans="14:14">
      <c r="N404736" s="10"/>
    </row>
    <row r="404737" spans="14:14">
      <c r="N404737" s="10"/>
    </row>
    <row r="404738" spans="14:14">
      <c r="N404738" s="10"/>
    </row>
    <row r="404739" spans="14:14">
      <c r="N404739" s="10"/>
    </row>
    <row r="404740" spans="14:14">
      <c r="N404740" s="10"/>
    </row>
    <row r="404741" spans="14:14">
      <c r="N404741" s="10"/>
    </row>
    <row r="404742" spans="14:14">
      <c r="N404742" s="10"/>
    </row>
    <row r="404743" spans="14:14">
      <c r="N404743" s="10"/>
    </row>
    <row r="404744" spans="14:14">
      <c r="N404744" s="10"/>
    </row>
    <row r="404745" spans="14:14">
      <c r="N404745" s="10"/>
    </row>
    <row r="404746" spans="14:14">
      <c r="N404746" s="10"/>
    </row>
    <row r="404747" spans="14:14">
      <c r="N404747" s="10"/>
    </row>
    <row r="404748" spans="14:14">
      <c r="N404748" s="10"/>
    </row>
    <row r="404749" spans="14:14">
      <c r="N404749" s="10"/>
    </row>
    <row r="404750" spans="14:14">
      <c r="N404750" s="10"/>
    </row>
    <row r="404751" spans="14:14">
      <c r="N404751" s="10"/>
    </row>
    <row r="404752" spans="14:14">
      <c r="N404752" s="10"/>
    </row>
    <row r="404753" spans="14:14">
      <c r="N404753" s="10"/>
    </row>
    <row r="404754" spans="14:14">
      <c r="N404754" s="10"/>
    </row>
    <row r="404755" spans="14:14">
      <c r="N404755" s="10"/>
    </row>
    <row r="404756" spans="14:14">
      <c r="N404756" s="10"/>
    </row>
    <row r="404757" spans="14:14">
      <c r="N404757" s="10"/>
    </row>
    <row r="404758" spans="14:14">
      <c r="N404758" s="10"/>
    </row>
    <row r="404759" spans="14:14">
      <c r="N404759" s="10"/>
    </row>
    <row r="404760" spans="14:14">
      <c r="N404760" s="10"/>
    </row>
    <row r="404761" spans="14:14">
      <c r="N404761" s="10"/>
    </row>
    <row r="404762" spans="14:14">
      <c r="N404762" s="10"/>
    </row>
    <row r="404763" spans="14:14">
      <c r="N404763" s="10"/>
    </row>
    <row r="404764" spans="14:14">
      <c r="N404764" s="10"/>
    </row>
    <row r="404765" spans="14:14">
      <c r="N404765" s="10"/>
    </row>
    <row r="404766" spans="14:14">
      <c r="N404766" s="10"/>
    </row>
    <row r="404767" spans="14:14">
      <c r="N404767" s="10"/>
    </row>
    <row r="404768" spans="14:14">
      <c r="N404768" s="10"/>
    </row>
    <row r="404769" spans="14:14">
      <c r="N404769" s="10"/>
    </row>
    <row r="404770" spans="14:14">
      <c r="N404770" s="10"/>
    </row>
    <row r="404771" spans="14:14">
      <c r="N404771" s="10"/>
    </row>
    <row r="404772" spans="14:14">
      <c r="N404772" s="10"/>
    </row>
    <row r="404773" spans="14:14">
      <c r="N404773" s="10"/>
    </row>
    <row r="404774" spans="14:14">
      <c r="N404774" s="10"/>
    </row>
    <row r="404775" spans="14:14">
      <c r="N404775" s="10"/>
    </row>
    <row r="404776" spans="14:14">
      <c r="N404776" s="10"/>
    </row>
    <row r="404777" spans="14:14">
      <c r="N404777" s="10"/>
    </row>
    <row r="404778" spans="14:14">
      <c r="N404778" s="10"/>
    </row>
    <row r="404779" spans="14:14">
      <c r="N404779" s="10"/>
    </row>
    <row r="404780" spans="14:14">
      <c r="N404780" s="10"/>
    </row>
    <row r="404781" spans="14:14">
      <c r="N404781" s="10"/>
    </row>
    <row r="404782" spans="14:14">
      <c r="N404782" s="10"/>
    </row>
    <row r="404783" spans="14:14">
      <c r="N404783" s="10"/>
    </row>
    <row r="404784" spans="14:14">
      <c r="N404784" s="10"/>
    </row>
    <row r="404785" spans="14:14">
      <c r="N404785" s="10"/>
    </row>
    <row r="404786" spans="14:14">
      <c r="N404786" s="10"/>
    </row>
    <row r="404787" spans="14:14">
      <c r="N404787" s="10"/>
    </row>
    <row r="404788" spans="14:14">
      <c r="N404788" s="10"/>
    </row>
    <row r="404789" spans="14:14">
      <c r="N404789" s="10"/>
    </row>
    <row r="404790" spans="14:14">
      <c r="N404790" s="10"/>
    </row>
    <row r="404791" spans="14:14">
      <c r="N404791" s="10"/>
    </row>
    <row r="404792" spans="14:14">
      <c r="N404792" s="10"/>
    </row>
    <row r="404793" spans="14:14">
      <c r="N404793" s="10"/>
    </row>
    <row r="404794" spans="14:14">
      <c r="N404794" s="10"/>
    </row>
    <row r="404795" spans="14:14">
      <c r="N404795" s="10"/>
    </row>
    <row r="404796" spans="14:14">
      <c r="N404796" s="10"/>
    </row>
    <row r="404797" spans="14:14">
      <c r="N404797" s="10"/>
    </row>
    <row r="404798" spans="14:14">
      <c r="N404798" s="10"/>
    </row>
    <row r="404799" spans="14:14">
      <c r="N404799" s="10"/>
    </row>
    <row r="404800" spans="14:14">
      <c r="N404800" s="10"/>
    </row>
    <row r="404801" spans="14:14">
      <c r="N404801" s="10"/>
    </row>
    <row r="404802" spans="14:14">
      <c r="N404802" s="10"/>
    </row>
    <row r="404803" spans="14:14">
      <c r="N404803" s="10"/>
    </row>
    <row r="404804" spans="14:14">
      <c r="N404804" s="10"/>
    </row>
    <row r="404805" spans="14:14">
      <c r="N404805" s="10"/>
    </row>
    <row r="404806" spans="14:14">
      <c r="N404806" s="10"/>
    </row>
    <row r="404807" spans="14:14">
      <c r="N404807" s="10"/>
    </row>
    <row r="404808" spans="14:14">
      <c r="N404808" s="10"/>
    </row>
    <row r="404809" spans="14:14">
      <c r="N404809" s="10"/>
    </row>
    <row r="404810" spans="14:14">
      <c r="N404810" s="10"/>
    </row>
    <row r="404811" spans="14:14">
      <c r="N404811" s="10"/>
    </row>
    <row r="404812" spans="14:14">
      <c r="N404812" s="10"/>
    </row>
    <row r="404813" spans="14:14">
      <c r="N404813" s="10"/>
    </row>
    <row r="404814" spans="14:14">
      <c r="N404814" s="10"/>
    </row>
    <row r="404815" spans="14:14">
      <c r="N404815" s="10"/>
    </row>
    <row r="404816" spans="14:14">
      <c r="N404816" s="10"/>
    </row>
    <row r="404817" spans="14:14">
      <c r="N404817" s="10"/>
    </row>
    <row r="404818" spans="14:14">
      <c r="N404818" s="10"/>
    </row>
    <row r="404819" spans="14:14">
      <c r="N404819" s="10"/>
    </row>
    <row r="404820" spans="14:14">
      <c r="N404820" s="10"/>
    </row>
    <row r="404821" spans="14:14">
      <c r="N404821" s="10"/>
    </row>
    <row r="404822" spans="14:14">
      <c r="N404822" s="10"/>
    </row>
    <row r="404823" spans="14:14">
      <c r="N404823" s="10"/>
    </row>
    <row r="404824" spans="14:14">
      <c r="N404824" s="10"/>
    </row>
    <row r="404825" spans="14:14">
      <c r="N404825" s="10"/>
    </row>
    <row r="404826" spans="14:14">
      <c r="N404826" s="10"/>
    </row>
    <row r="404827" spans="14:14">
      <c r="N404827" s="10"/>
    </row>
    <row r="404828" spans="14:14">
      <c r="N404828" s="10"/>
    </row>
    <row r="404829" spans="14:14">
      <c r="N404829" s="10"/>
    </row>
    <row r="404830" spans="14:14">
      <c r="N404830" s="10"/>
    </row>
    <row r="404831" spans="14:14">
      <c r="N404831" s="10"/>
    </row>
    <row r="404832" spans="14:14">
      <c r="N404832" s="10"/>
    </row>
    <row r="404833" spans="14:14">
      <c r="N404833" s="10"/>
    </row>
    <row r="404834" spans="14:14">
      <c r="N404834" s="10"/>
    </row>
    <row r="404835" spans="14:14">
      <c r="N404835" s="10"/>
    </row>
    <row r="404836" spans="14:14">
      <c r="N404836" s="10"/>
    </row>
    <row r="404837" spans="14:14">
      <c r="N404837" s="10"/>
    </row>
    <row r="404838" spans="14:14">
      <c r="N404838" s="10"/>
    </row>
    <row r="404839" spans="14:14">
      <c r="N404839" s="10"/>
    </row>
    <row r="404840" spans="14:14">
      <c r="N404840" s="10"/>
    </row>
    <row r="404841" spans="14:14">
      <c r="N404841" s="10"/>
    </row>
    <row r="404842" spans="14:14">
      <c r="N404842" s="10"/>
    </row>
    <row r="404843" spans="14:14">
      <c r="N404843" s="10"/>
    </row>
    <row r="404844" spans="14:14">
      <c r="N404844" s="10"/>
    </row>
    <row r="404845" spans="14:14">
      <c r="N404845" s="10"/>
    </row>
    <row r="404846" spans="14:14">
      <c r="N404846" s="10"/>
    </row>
    <row r="404847" spans="14:14">
      <c r="N404847" s="10"/>
    </row>
    <row r="404848" spans="14:14">
      <c r="N404848" s="10"/>
    </row>
    <row r="404849" spans="14:14">
      <c r="N404849" s="10"/>
    </row>
    <row r="404850" spans="14:14">
      <c r="N404850" s="10"/>
    </row>
    <row r="404851" spans="14:14">
      <c r="N404851" s="10"/>
    </row>
    <row r="404852" spans="14:14">
      <c r="N404852" s="10"/>
    </row>
    <row r="404853" spans="14:14">
      <c r="N404853" s="10"/>
    </row>
    <row r="404854" spans="14:14">
      <c r="N404854" s="10"/>
    </row>
    <row r="404855" spans="14:14">
      <c r="N404855" s="10"/>
    </row>
    <row r="404856" spans="14:14">
      <c r="N404856" s="10"/>
    </row>
    <row r="404857" spans="14:14">
      <c r="N404857" s="10"/>
    </row>
    <row r="404858" spans="14:14">
      <c r="N404858" s="10"/>
    </row>
    <row r="404859" spans="14:14">
      <c r="N404859" s="10"/>
    </row>
    <row r="404860" spans="14:14">
      <c r="N404860" s="10"/>
    </row>
    <row r="404861" spans="14:14">
      <c r="N404861" s="10"/>
    </row>
    <row r="404862" spans="14:14">
      <c r="N404862" s="10"/>
    </row>
    <row r="404863" spans="14:14">
      <c r="N404863" s="10"/>
    </row>
    <row r="404864" spans="14:14">
      <c r="N404864" s="10"/>
    </row>
    <row r="404865" spans="14:14">
      <c r="N404865" s="10"/>
    </row>
    <row r="404866" spans="14:14">
      <c r="N404866" s="10"/>
    </row>
    <row r="404867" spans="14:14">
      <c r="N404867" s="10"/>
    </row>
    <row r="404868" spans="14:14">
      <c r="N404868" s="10"/>
    </row>
    <row r="404869" spans="14:14">
      <c r="N404869" s="10"/>
    </row>
    <row r="404870" spans="14:14">
      <c r="N404870" s="10"/>
    </row>
    <row r="404871" spans="14:14">
      <c r="N404871" s="10"/>
    </row>
    <row r="404872" spans="14:14">
      <c r="N404872" s="10"/>
    </row>
    <row r="404873" spans="14:14">
      <c r="N404873" s="10"/>
    </row>
    <row r="404874" spans="14:14">
      <c r="N404874" s="10"/>
    </row>
    <row r="404875" spans="14:14">
      <c r="N404875" s="10"/>
    </row>
    <row r="404876" spans="14:14">
      <c r="N404876" s="10"/>
    </row>
    <row r="404877" spans="14:14">
      <c r="N404877" s="10"/>
    </row>
    <row r="404878" spans="14:14">
      <c r="N404878" s="10"/>
    </row>
    <row r="404879" spans="14:14">
      <c r="N404879" s="10"/>
    </row>
    <row r="404880" spans="14:14">
      <c r="N404880" s="10"/>
    </row>
    <row r="404881" spans="14:14">
      <c r="N404881" s="10"/>
    </row>
    <row r="404882" spans="14:14">
      <c r="N404882" s="10"/>
    </row>
    <row r="404883" spans="14:14">
      <c r="N404883" s="10"/>
    </row>
    <row r="404884" spans="14:14">
      <c r="N404884" s="10"/>
    </row>
    <row r="404885" spans="14:14">
      <c r="N404885" s="10"/>
    </row>
    <row r="404886" spans="14:14">
      <c r="N404886" s="10"/>
    </row>
    <row r="404887" spans="14:14">
      <c r="N404887" s="10"/>
    </row>
    <row r="404888" spans="14:14">
      <c r="N404888" s="10"/>
    </row>
    <row r="404889" spans="14:14">
      <c r="N404889" s="10"/>
    </row>
    <row r="404890" spans="14:14">
      <c r="N404890" s="10"/>
    </row>
    <row r="404891" spans="14:14">
      <c r="N404891" s="10"/>
    </row>
    <row r="404892" spans="14:14">
      <c r="N404892" s="10"/>
    </row>
    <row r="404893" spans="14:14">
      <c r="N404893" s="10"/>
    </row>
    <row r="404894" spans="14:14">
      <c r="N404894" s="10"/>
    </row>
    <row r="404895" spans="14:14">
      <c r="N404895" s="10"/>
    </row>
    <row r="404896" spans="14:14">
      <c r="N404896" s="10"/>
    </row>
    <row r="404897" spans="14:14">
      <c r="N404897" s="10"/>
    </row>
    <row r="404898" spans="14:14">
      <c r="N404898" s="10"/>
    </row>
    <row r="404899" spans="14:14">
      <c r="N404899" s="10"/>
    </row>
    <row r="404900" spans="14:14">
      <c r="N404900" s="10"/>
    </row>
    <row r="404901" spans="14:14">
      <c r="N404901" s="10"/>
    </row>
    <row r="404902" spans="14:14">
      <c r="N404902" s="10"/>
    </row>
    <row r="404903" spans="14:14">
      <c r="N404903" s="10"/>
    </row>
    <row r="404904" spans="14:14">
      <c r="N404904" s="10"/>
    </row>
    <row r="404905" spans="14:14">
      <c r="N404905" s="10"/>
    </row>
    <row r="404906" spans="14:14">
      <c r="N404906" s="10"/>
    </row>
    <row r="404907" spans="14:14">
      <c r="N404907" s="10"/>
    </row>
    <row r="404908" spans="14:14">
      <c r="N404908" s="10"/>
    </row>
    <row r="404909" spans="14:14">
      <c r="N404909" s="10"/>
    </row>
    <row r="404910" spans="14:14">
      <c r="N404910" s="10"/>
    </row>
    <row r="404911" spans="14:14">
      <c r="N404911" s="10"/>
    </row>
    <row r="404912" spans="14:14">
      <c r="N404912" s="10"/>
    </row>
    <row r="404913" spans="14:14">
      <c r="N404913" s="10"/>
    </row>
    <row r="404914" spans="14:14">
      <c r="N404914" s="10"/>
    </row>
    <row r="404915" spans="14:14">
      <c r="N404915" s="10"/>
    </row>
    <row r="404916" spans="14:14">
      <c r="N404916" s="10"/>
    </row>
    <row r="404917" spans="14:14">
      <c r="N404917" s="10"/>
    </row>
    <row r="404918" spans="14:14">
      <c r="N404918" s="10"/>
    </row>
    <row r="404919" spans="14:14">
      <c r="N404919" s="10"/>
    </row>
    <row r="404920" spans="14:14">
      <c r="N404920" s="10"/>
    </row>
    <row r="404921" spans="14:14">
      <c r="N404921" s="10"/>
    </row>
    <row r="404922" spans="14:14">
      <c r="N404922" s="10"/>
    </row>
    <row r="404923" spans="14:14">
      <c r="N404923" s="10"/>
    </row>
    <row r="404924" spans="14:14">
      <c r="N404924" s="10"/>
    </row>
    <row r="404925" spans="14:14">
      <c r="N404925" s="10"/>
    </row>
    <row r="404926" spans="14:14">
      <c r="N404926" s="10"/>
    </row>
    <row r="404927" spans="14:14">
      <c r="N404927" s="10"/>
    </row>
    <row r="404928" spans="14:14">
      <c r="N404928" s="10"/>
    </row>
    <row r="404929" spans="14:14">
      <c r="N404929" s="10"/>
    </row>
    <row r="404930" spans="14:14">
      <c r="N404930" s="10"/>
    </row>
    <row r="404931" spans="14:14">
      <c r="N404931" s="10"/>
    </row>
    <row r="404932" spans="14:14">
      <c r="N404932" s="10"/>
    </row>
    <row r="404933" spans="14:14">
      <c r="N404933" s="10"/>
    </row>
    <row r="404934" spans="14:14">
      <c r="N404934" s="10"/>
    </row>
    <row r="404935" spans="14:14">
      <c r="N404935" s="10"/>
    </row>
    <row r="404936" spans="14:14">
      <c r="N404936" s="10"/>
    </row>
    <row r="404937" spans="14:14">
      <c r="N404937" s="10"/>
    </row>
    <row r="404938" spans="14:14">
      <c r="N404938" s="10"/>
    </row>
    <row r="404939" spans="14:14">
      <c r="N404939" s="10"/>
    </row>
    <row r="404940" spans="14:14">
      <c r="N404940" s="10"/>
    </row>
    <row r="404941" spans="14:14">
      <c r="N404941" s="10"/>
    </row>
    <row r="404942" spans="14:14">
      <c r="N404942" s="10"/>
    </row>
    <row r="404943" spans="14:14">
      <c r="N404943" s="10"/>
    </row>
    <row r="404944" spans="14:14">
      <c r="N404944" s="10"/>
    </row>
    <row r="404945" spans="14:14">
      <c r="N404945" s="10"/>
    </row>
    <row r="404946" spans="14:14">
      <c r="N404946" s="10"/>
    </row>
    <row r="404947" spans="14:14">
      <c r="N404947" s="10"/>
    </row>
    <row r="404948" spans="14:14">
      <c r="N404948" s="10"/>
    </row>
    <row r="404949" spans="14:14">
      <c r="N404949" s="10"/>
    </row>
    <row r="404950" spans="14:14">
      <c r="N404950" s="10"/>
    </row>
    <row r="404951" spans="14:14">
      <c r="N404951" s="10"/>
    </row>
    <row r="404952" spans="14:14">
      <c r="N404952" s="10"/>
    </row>
    <row r="404953" spans="14:14">
      <c r="N404953" s="10"/>
    </row>
    <row r="404954" spans="14:14">
      <c r="N404954" s="10"/>
    </row>
    <row r="404955" spans="14:14">
      <c r="N404955" s="10"/>
    </row>
    <row r="404956" spans="14:14">
      <c r="N404956" s="10"/>
    </row>
    <row r="404957" spans="14:14">
      <c r="N404957" s="10"/>
    </row>
    <row r="404958" spans="14:14">
      <c r="N404958" s="10"/>
    </row>
    <row r="404959" spans="14:14">
      <c r="N404959" s="10"/>
    </row>
    <row r="404960" spans="14:14">
      <c r="N404960" s="10"/>
    </row>
    <row r="404961" spans="14:14">
      <c r="N404961" s="10"/>
    </row>
    <row r="404962" spans="14:14">
      <c r="N404962" s="10"/>
    </row>
    <row r="404963" spans="14:14">
      <c r="N404963" s="10"/>
    </row>
    <row r="404964" spans="14:14">
      <c r="N404964" s="10"/>
    </row>
    <row r="404965" spans="14:14">
      <c r="N404965" s="10"/>
    </row>
    <row r="404966" spans="14:14">
      <c r="N404966" s="10"/>
    </row>
    <row r="404967" spans="14:14">
      <c r="N404967" s="10"/>
    </row>
    <row r="404968" spans="14:14">
      <c r="N404968" s="10"/>
    </row>
    <row r="404969" spans="14:14">
      <c r="N404969" s="10"/>
    </row>
    <row r="404970" spans="14:14">
      <c r="N404970" s="10"/>
    </row>
    <row r="404971" spans="14:14">
      <c r="N404971" s="10"/>
    </row>
    <row r="404972" spans="14:14">
      <c r="N404972" s="10"/>
    </row>
    <row r="404973" spans="14:14">
      <c r="N404973" s="10"/>
    </row>
    <row r="404974" spans="14:14">
      <c r="N404974" s="10"/>
    </row>
    <row r="404975" spans="14:14">
      <c r="N404975" s="10"/>
    </row>
    <row r="404976" spans="14:14">
      <c r="N404976" s="10"/>
    </row>
    <row r="404977" spans="14:14">
      <c r="N404977" s="10"/>
    </row>
    <row r="404978" spans="14:14">
      <c r="N404978" s="10"/>
    </row>
    <row r="404979" spans="14:14">
      <c r="N404979" s="10"/>
    </row>
    <row r="404980" spans="14:14">
      <c r="N404980" s="10"/>
    </row>
    <row r="404981" spans="14:14">
      <c r="N404981" s="10"/>
    </row>
    <row r="404982" spans="14:14">
      <c r="N404982" s="10"/>
    </row>
    <row r="404983" spans="14:14">
      <c r="N404983" s="10"/>
    </row>
    <row r="404984" spans="14:14">
      <c r="N404984" s="10"/>
    </row>
    <row r="404985" spans="14:14">
      <c r="N404985" s="10"/>
    </row>
    <row r="404986" spans="14:14">
      <c r="N404986" s="10"/>
    </row>
    <row r="404987" spans="14:14">
      <c r="N404987" s="10"/>
    </row>
    <row r="404988" spans="14:14">
      <c r="N404988" s="10"/>
    </row>
    <row r="404989" spans="14:14">
      <c r="N404989" s="10"/>
    </row>
    <row r="404990" spans="14:14">
      <c r="N404990" s="10"/>
    </row>
    <row r="404991" spans="14:14">
      <c r="N404991" s="10"/>
    </row>
    <row r="404992" spans="14:14">
      <c r="N404992" s="10"/>
    </row>
    <row r="404993" spans="14:14">
      <c r="N404993" s="10"/>
    </row>
    <row r="404994" spans="14:14">
      <c r="N404994" s="10"/>
    </row>
    <row r="404995" spans="14:14">
      <c r="N404995" s="10"/>
    </row>
    <row r="404996" spans="14:14">
      <c r="N404996" s="10"/>
    </row>
    <row r="404997" spans="14:14">
      <c r="N404997" s="10"/>
    </row>
    <row r="404998" spans="14:14">
      <c r="N404998" s="10"/>
    </row>
    <row r="404999" spans="14:14">
      <c r="N404999" s="10"/>
    </row>
    <row r="405000" spans="14:14">
      <c r="N405000" s="10"/>
    </row>
    <row r="405001" spans="14:14">
      <c r="N405001" s="10"/>
    </row>
    <row r="405002" spans="14:14">
      <c r="N405002" s="10"/>
    </row>
    <row r="405003" spans="14:14">
      <c r="N405003" s="10"/>
    </row>
    <row r="405004" spans="14:14">
      <c r="N405004" s="10"/>
    </row>
    <row r="405005" spans="14:14">
      <c r="N405005" s="10"/>
    </row>
    <row r="405006" spans="14:14">
      <c r="N405006" s="10"/>
    </row>
    <row r="405007" spans="14:14">
      <c r="N405007" s="10"/>
    </row>
    <row r="405008" spans="14:14">
      <c r="N405008" s="10"/>
    </row>
    <row r="405009" spans="14:14">
      <c r="N405009" s="10"/>
    </row>
    <row r="405010" spans="14:14">
      <c r="N405010" s="10"/>
    </row>
    <row r="405011" spans="14:14">
      <c r="N405011" s="10"/>
    </row>
    <row r="405012" spans="14:14">
      <c r="N405012" s="10"/>
    </row>
    <row r="405013" spans="14:14">
      <c r="N405013" s="10"/>
    </row>
    <row r="405014" spans="14:14">
      <c r="N405014" s="10"/>
    </row>
    <row r="405015" spans="14:14">
      <c r="N405015" s="10"/>
    </row>
    <row r="405016" spans="14:14">
      <c r="N405016" s="10"/>
    </row>
    <row r="405017" spans="14:14">
      <c r="N405017" s="10"/>
    </row>
    <row r="405018" spans="14:14">
      <c r="N405018" s="10"/>
    </row>
    <row r="405019" spans="14:14">
      <c r="N405019" s="10"/>
    </row>
    <row r="405020" spans="14:14">
      <c r="N405020" s="10"/>
    </row>
    <row r="405021" spans="14:14">
      <c r="N405021" s="10"/>
    </row>
    <row r="405022" spans="14:14">
      <c r="N405022" s="10"/>
    </row>
    <row r="405023" spans="14:14">
      <c r="N405023" s="10"/>
    </row>
    <row r="405024" spans="14:14">
      <c r="N405024" s="10"/>
    </row>
    <row r="405025" spans="14:14">
      <c r="N405025" s="10"/>
    </row>
    <row r="405026" spans="14:14">
      <c r="N405026" s="10"/>
    </row>
    <row r="405027" spans="14:14">
      <c r="N405027" s="10"/>
    </row>
    <row r="405028" spans="14:14">
      <c r="N405028" s="10"/>
    </row>
    <row r="405029" spans="14:14">
      <c r="N405029" s="10"/>
    </row>
    <row r="405030" spans="14:14">
      <c r="N405030" s="10"/>
    </row>
    <row r="405031" spans="14:14">
      <c r="N405031" s="10"/>
    </row>
    <row r="405032" spans="14:14">
      <c r="N405032" s="10"/>
    </row>
    <row r="405033" spans="14:14">
      <c r="N405033" s="10"/>
    </row>
    <row r="405034" spans="14:14">
      <c r="N405034" s="10"/>
    </row>
    <row r="405035" spans="14:14">
      <c r="N405035" s="10"/>
    </row>
    <row r="405036" spans="14:14">
      <c r="N405036" s="10"/>
    </row>
    <row r="405037" spans="14:14">
      <c r="N405037" s="10"/>
    </row>
    <row r="405038" spans="14:14">
      <c r="N405038" s="10"/>
    </row>
    <row r="405039" spans="14:14">
      <c r="N405039" s="10"/>
    </row>
    <row r="405040" spans="14:14">
      <c r="N405040" s="10"/>
    </row>
    <row r="405041" spans="14:14">
      <c r="N405041" s="10"/>
    </row>
    <row r="405042" spans="14:14">
      <c r="N405042" s="10"/>
    </row>
    <row r="405043" spans="14:14">
      <c r="N405043" s="10"/>
    </row>
    <row r="405044" spans="14:14">
      <c r="N405044" s="10"/>
    </row>
    <row r="405045" spans="14:14">
      <c r="N405045" s="10"/>
    </row>
    <row r="405046" spans="14:14">
      <c r="N405046" s="10"/>
    </row>
    <row r="405047" spans="14:14">
      <c r="N405047" s="10"/>
    </row>
    <row r="405048" spans="14:14">
      <c r="N405048" s="10"/>
    </row>
    <row r="405049" spans="14:14">
      <c r="N405049" s="10"/>
    </row>
    <row r="405050" spans="14:14">
      <c r="N405050" s="10"/>
    </row>
    <row r="405051" spans="14:14">
      <c r="N405051" s="10"/>
    </row>
    <row r="405052" spans="14:14">
      <c r="N405052" s="10"/>
    </row>
    <row r="405053" spans="14:14">
      <c r="N405053" s="10"/>
    </row>
    <row r="405054" spans="14:14">
      <c r="N405054" s="10"/>
    </row>
    <row r="405055" spans="14:14">
      <c r="N405055" s="10"/>
    </row>
    <row r="405056" spans="14:14">
      <c r="N405056" s="10"/>
    </row>
    <row r="405057" spans="14:14">
      <c r="N405057" s="10"/>
    </row>
    <row r="405058" spans="14:14">
      <c r="N405058" s="10"/>
    </row>
    <row r="405059" spans="14:14">
      <c r="N405059" s="10"/>
    </row>
    <row r="405060" spans="14:14">
      <c r="N405060" s="10"/>
    </row>
    <row r="405061" spans="14:14">
      <c r="N405061" s="10"/>
    </row>
    <row r="405062" spans="14:14">
      <c r="N405062" s="10"/>
    </row>
    <row r="405063" spans="14:14">
      <c r="N405063" s="10"/>
    </row>
    <row r="405064" spans="14:14">
      <c r="N405064" s="10"/>
    </row>
    <row r="405065" spans="14:14">
      <c r="N405065" s="10"/>
    </row>
    <row r="405066" spans="14:14">
      <c r="N405066" s="10"/>
    </row>
    <row r="405067" spans="14:14">
      <c r="N405067" s="10"/>
    </row>
    <row r="405068" spans="14:14">
      <c r="N405068" s="10"/>
    </row>
    <row r="405069" spans="14:14">
      <c r="N405069" s="10"/>
    </row>
    <row r="405070" spans="14:14">
      <c r="N405070" s="10"/>
    </row>
    <row r="405071" spans="14:14">
      <c r="N405071" s="10"/>
    </row>
    <row r="405072" spans="14:14">
      <c r="N405072" s="10"/>
    </row>
    <row r="405073" spans="14:14">
      <c r="N405073" s="10"/>
    </row>
    <row r="405074" spans="14:14">
      <c r="N405074" s="10"/>
    </row>
    <row r="405075" spans="14:14">
      <c r="N405075" s="10"/>
    </row>
    <row r="405076" spans="14:14">
      <c r="N405076" s="10"/>
    </row>
    <row r="405077" spans="14:14">
      <c r="N405077" s="10"/>
    </row>
    <row r="405078" spans="14:14">
      <c r="N405078" s="10"/>
    </row>
    <row r="405079" spans="14:14">
      <c r="N405079" s="10"/>
    </row>
    <row r="405080" spans="14:14">
      <c r="N405080" s="10"/>
    </row>
    <row r="405081" spans="14:14">
      <c r="N405081" s="10"/>
    </row>
    <row r="405082" spans="14:14">
      <c r="N405082" s="10"/>
    </row>
    <row r="405083" spans="14:14">
      <c r="N405083" s="10"/>
    </row>
    <row r="405084" spans="14:14">
      <c r="N405084" s="10"/>
    </row>
    <row r="405085" spans="14:14">
      <c r="N405085" s="10"/>
    </row>
    <row r="405086" spans="14:14">
      <c r="N405086" s="10"/>
    </row>
    <row r="405087" spans="14:14">
      <c r="N405087" s="10"/>
    </row>
    <row r="405088" spans="14:14">
      <c r="N405088" s="10"/>
    </row>
    <row r="405089" spans="14:14">
      <c r="N405089" s="10"/>
    </row>
    <row r="405090" spans="14:14">
      <c r="N405090" s="10"/>
    </row>
    <row r="405091" spans="14:14">
      <c r="N405091" s="10"/>
    </row>
    <row r="405092" spans="14:14">
      <c r="N405092" s="10"/>
    </row>
    <row r="405093" spans="14:14">
      <c r="N405093" s="10"/>
    </row>
    <row r="405094" spans="14:14">
      <c r="N405094" s="10"/>
    </row>
    <row r="405095" spans="14:14">
      <c r="N405095" s="10"/>
    </row>
    <row r="405096" spans="14:14">
      <c r="N405096" s="10"/>
    </row>
    <row r="405097" spans="14:14">
      <c r="N405097" s="10"/>
    </row>
    <row r="405098" spans="14:14">
      <c r="N405098" s="10"/>
    </row>
    <row r="405099" spans="14:14">
      <c r="N405099" s="10"/>
    </row>
    <row r="405100" spans="14:14">
      <c r="N405100" s="10"/>
    </row>
    <row r="405101" spans="14:14">
      <c r="N405101" s="10"/>
    </row>
    <row r="405102" spans="14:14">
      <c r="N405102" s="10"/>
    </row>
    <row r="405103" spans="14:14">
      <c r="N405103" s="10"/>
    </row>
    <row r="405104" spans="14:14">
      <c r="N405104" s="10"/>
    </row>
    <row r="405105" spans="14:14">
      <c r="N405105" s="10"/>
    </row>
    <row r="405106" spans="14:14">
      <c r="N405106" s="10"/>
    </row>
    <row r="405107" spans="14:14">
      <c r="N405107" s="10"/>
    </row>
    <row r="405108" spans="14:14">
      <c r="N405108" s="10"/>
    </row>
    <row r="405109" spans="14:14">
      <c r="N405109" s="10"/>
    </row>
    <row r="405110" spans="14:14">
      <c r="N405110" s="10"/>
    </row>
    <row r="405111" spans="14:14">
      <c r="N405111" s="10"/>
    </row>
    <row r="405112" spans="14:14">
      <c r="N405112" s="10"/>
    </row>
    <row r="405113" spans="14:14">
      <c r="N405113" s="10"/>
    </row>
    <row r="405114" spans="14:14">
      <c r="N405114" s="10"/>
    </row>
    <row r="405115" spans="14:14">
      <c r="N405115" s="10"/>
    </row>
    <row r="405116" spans="14:14">
      <c r="N405116" s="10"/>
    </row>
    <row r="405117" spans="14:14">
      <c r="N405117" s="10"/>
    </row>
    <row r="405118" spans="14:14">
      <c r="N405118" s="10"/>
    </row>
    <row r="405119" spans="14:14">
      <c r="N405119" s="10"/>
    </row>
    <row r="405120" spans="14:14">
      <c r="N405120" s="10"/>
    </row>
    <row r="405121" spans="14:14">
      <c r="N405121" s="10"/>
    </row>
    <row r="405122" spans="14:14">
      <c r="N405122" s="10"/>
    </row>
    <row r="405123" spans="14:14">
      <c r="N405123" s="10"/>
    </row>
    <row r="405124" spans="14:14">
      <c r="N405124" s="10"/>
    </row>
    <row r="405125" spans="14:14">
      <c r="N405125" s="10"/>
    </row>
    <row r="405126" spans="14:14">
      <c r="N405126" s="10"/>
    </row>
    <row r="405127" spans="14:14">
      <c r="N405127" s="10"/>
    </row>
    <row r="405128" spans="14:14">
      <c r="N405128" s="10"/>
    </row>
    <row r="405129" spans="14:14">
      <c r="N405129" s="10"/>
    </row>
    <row r="405130" spans="14:14">
      <c r="N405130" s="10"/>
    </row>
    <row r="405131" spans="14:14">
      <c r="N405131" s="10"/>
    </row>
    <row r="405132" spans="14:14">
      <c r="N405132" s="10"/>
    </row>
    <row r="405133" spans="14:14">
      <c r="N405133" s="10"/>
    </row>
    <row r="405134" spans="14:14">
      <c r="N405134" s="10"/>
    </row>
    <row r="405135" spans="14:14">
      <c r="N405135" s="10"/>
    </row>
    <row r="405136" spans="14:14">
      <c r="N405136" s="10"/>
    </row>
    <row r="405137" spans="14:14">
      <c r="N405137" s="10"/>
    </row>
    <row r="405138" spans="14:14">
      <c r="N405138" s="10"/>
    </row>
    <row r="405139" spans="14:14">
      <c r="N405139" s="10"/>
    </row>
    <row r="405140" spans="14:14">
      <c r="N405140" s="10"/>
    </row>
    <row r="405141" spans="14:14">
      <c r="N405141" s="10"/>
    </row>
    <row r="405142" spans="14:14">
      <c r="N405142" s="10"/>
    </row>
    <row r="405143" spans="14:14">
      <c r="N405143" s="10"/>
    </row>
    <row r="405144" spans="14:14">
      <c r="N405144" s="10"/>
    </row>
    <row r="405145" spans="14:14">
      <c r="N405145" s="10"/>
    </row>
    <row r="405146" spans="14:14">
      <c r="N405146" s="10"/>
    </row>
    <row r="405147" spans="14:14">
      <c r="N405147" s="10"/>
    </row>
    <row r="405148" spans="14:14">
      <c r="N405148" s="10"/>
    </row>
    <row r="405149" spans="14:14">
      <c r="N405149" s="10"/>
    </row>
    <row r="405150" spans="14:14">
      <c r="N405150" s="10"/>
    </row>
    <row r="405151" spans="14:14">
      <c r="N405151" s="10"/>
    </row>
    <row r="405152" spans="14:14">
      <c r="N405152" s="10"/>
    </row>
    <row r="405153" spans="14:14">
      <c r="N405153" s="10"/>
    </row>
    <row r="405154" spans="14:14">
      <c r="N405154" s="10"/>
    </row>
    <row r="405155" spans="14:14">
      <c r="N405155" s="10"/>
    </row>
    <row r="405156" spans="14:14">
      <c r="N405156" s="10"/>
    </row>
    <row r="405157" spans="14:14">
      <c r="N405157" s="10"/>
    </row>
    <row r="405158" spans="14:14">
      <c r="N405158" s="10"/>
    </row>
    <row r="405159" spans="14:14">
      <c r="N405159" s="10"/>
    </row>
    <row r="405160" spans="14:14">
      <c r="N405160" s="10"/>
    </row>
    <row r="405161" spans="14:14">
      <c r="N405161" s="10"/>
    </row>
    <row r="405162" spans="14:14">
      <c r="N405162" s="10"/>
    </row>
    <row r="405163" spans="14:14">
      <c r="N405163" s="10"/>
    </row>
    <row r="405164" spans="14:14">
      <c r="N405164" s="10"/>
    </row>
    <row r="405165" spans="14:14">
      <c r="N405165" s="10"/>
    </row>
    <row r="405166" spans="14:14">
      <c r="N405166" s="10"/>
    </row>
    <row r="405167" spans="14:14">
      <c r="N405167" s="10"/>
    </row>
    <row r="405168" spans="14:14">
      <c r="N405168" s="10"/>
    </row>
    <row r="405169" spans="14:14">
      <c r="N405169" s="10"/>
    </row>
    <row r="405170" spans="14:14">
      <c r="N405170" s="10"/>
    </row>
    <row r="405171" spans="14:14">
      <c r="N405171" s="10"/>
    </row>
    <row r="405172" spans="14:14">
      <c r="N405172" s="10"/>
    </row>
    <row r="405173" spans="14:14">
      <c r="N405173" s="10"/>
    </row>
    <row r="405174" spans="14:14">
      <c r="N405174" s="10"/>
    </row>
    <row r="405175" spans="14:14">
      <c r="N405175" s="10"/>
    </row>
    <row r="405176" spans="14:14">
      <c r="N405176" s="10"/>
    </row>
    <row r="405177" spans="14:14">
      <c r="N405177" s="10"/>
    </row>
    <row r="405178" spans="14:14">
      <c r="N405178" s="10"/>
    </row>
    <row r="405179" spans="14:14">
      <c r="N405179" s="10"/>
    </row>
    <row r="405180" spans="14:14">
      <c r="N405180" s="10"/>
    </row>
    <row r="405181" spans="14:14">
      <c r="N405181" s="10"/>
    </row>
    <row r="405182" spans="14:14">
      <c r="N405182" s="10"/>
    </row>
    <row r="405183" spans="14:14">
      <c r="N405183" s="10"/>
    </row>
    <row r="405184" spans="14:14">
      <c r="N405184" s="10"/>
    </row>
    <row r="405185" spans="14:14">
      <c r="N405185" s="10"/>
    </row>
    <row r="405186" spans="14:14">
      <c r="N405186" s="10"/>
    </row>
    <row r="405187" spans="14:14">
      <c r="N405187" s="10"/>
    </row>
    <row r="405188" spans="14:14">
      <c r="N405188" s="10"/>
    </row>
    <row r="405189" spans="14:14">
      <c r="N405189" s="10"/>
    </row>
    <row r="405190" spans="14:14">
      <c r="N405190" s="10"/>
    </row>
    <row r="405191" spans="14:14">
      <c r="N405191" s="10"/>
    </row>
    <row r="405192" spans="14:14">
      <c r="N405192" s="10"/>
    </row>
    <row r="405193" spans="14:14">
      <c r="N405193" s="10"/>
    </row>
    <row r="405194" spans="14:14">
      <c r="N405194" s="10"/>
    </row>
    <row r="405195" spans="14:14">
      <c r="N405195" s="10"/>
    </row>
    <row r="405196" spans="14:14">
      <c r="N405196" s="10"/>
    </row>
    <row r="405197" spans="14:14">
      <c r="N405197" s="10"/>
    </row>
    <row r="405198" spans="14:14">
      <c r="N405198" s="10"/>
    </row>
    <row r="405199" spans="14:14">
      <c r="N405199" s="10"/>
    </row>
    <row r="405200" spans="14:14">
      <c r="N405200" s="10"/>
    </row>
    <row r="405201" spans="14:14">
      <c r="N405201" s="10"/>
    </row>
    <row r="405202" spans="14:14">
      <c r="N405202" s="10"/>
    </row>
    <row r="405203" spans="14:14">
      <c r="N405203" s="10"/>
    </row>
    <row r="405204" spans="14:14">
      <c r="N405204" s="10"/>
    </row>
    <row r="405205" spans="14:14">
      <c r="N405205" s="10"/>
    </row>
    <row r="405206" spans="14:14">
      <c r="N405206" s="10"/>
    </row>
    <row r="405207" spans="14:14">
      <c r="N405207" s="10"/>
    </row>
    <row r="405208" spans="14:14">
      <c r="N405208" s="10"/>
    </row>
    <row r="405209" spans="14:14">
      <c r="N405209" s="10"/>
    </row>
    <row r="405210" spans="14:14">
      <c r="N405210" s="10"/>
    </row>
    <row r="405211" spans="14:14">
      <c r="N405211" s="10"/>
    </row>
    <row r="405212" spans="14:14">
      <c r="N405212" s="10"/>
    </row>
    <row r="405213" spans="14:14">
      <c r="N405213" s="10"/>
    </row>
    <row r="405214" spans="14:14">
      <c r="N405214" s="10"/>
    </row>
    <row r="405215" spans="14:14">
      <c r="N405215" s="10"/>
    </row>
    <row r="405216" spans="14:14">
      <c r="N405216" s="10"/>
    </row>
    <row r="405217" spans="14:14">
      <c r="N405217" s="10"/>
    </row>
    <row r="405218" spans="14:14">
      <c r="N405218" s="10"/>
    </row>
    <row r="405219" spans="14:14">
      <c r="N405219" s="10"/>
    </row>
    <row r="405220" spans="14:14">
      <c r="N405220" s="10"/>
    </row>
    <row r="405221" spans="14:14">
      <c r="N405221" s="10"/>
    </row>
    <row r="405222" spans="14:14">
      <c r="N405222" s="10"/>
    </row>
    <row r="405223" spans="14:14">
      <c r="N405223" s="10"/>
    </row>
    <row r="405224" spans="14:14">
      <c r="N405224" s="10"/>
    </row>
    <row r="405225" spans="14:14">
      <c r="N405225" s="10"/>
    </row>
    <row r="405226" spans="14:14">
      <c r="N405226" s="10"/>
    </row>
    <row r="405227" spans="14:14">
      <c r="N405227" s="10"/>
    </row>
    <row r="405228" spans="14:14">
      <c r="N405228" s="10"/>
    </row>
    <row r="405229" spans="14:14">
      <c r="N405229" s="10"/>
    </row>
    <row r="405230" spans="14:14">
      <c r="N405230" s="10"/>
    </row>
    <row r="405231" spans="14:14">
      <c r="N405231" s="10"/>
    </row>
    <row r="405232" spans="14:14">
      <c r="N405232" s="10"/>
    </row>
    <row r="405233" spans="14:14">
      <c r="N405233" s="10"/>
    </row>
    <row r="405234" spans="14:14">
      <c r="N405234" s="10"/>
    </row>
    <row r="405235" spans="14:14">
      <c r="N405235" s="10"/>
    </row>
    <row r="405236" spans="14:14">
      <c r="N405236" s="10"/>
    </row>
    <row r="405237" spans="14:14">
      <c r="N405237" s="10"/>
    </row>
    <row r="405238" spans="14:14">
      <c r="N405238" s="10"/>
    </row>
    <row r="405239" spans="14:14">
      <c r="N405239" s="10"/>
    </row>
    <row r="405240" spans="14:14">
      <c r="N405240" s="10"/>
    </row>
    <row r="405241" spans="14:14">
      <c r="N405241" s="10"/>
    </row>
    <row r="405242" spans="14:14">
      <c r="N405242" s="10"/>
    </row>
    <row r="405243" spans="14:14">
      <c r="N405243" s="10"/>
    </row>
    <row r="405244" spans="14:14">
      <c r="N405244" s="10"/>
    </row>
    <row r="405245" spans="14:14">
      <c r="N405245" s="10"/>
    </row>
    <row r="405246" spans="14:14">
      <c r="N405246" s="10"/>
    </row>
    <row r="405247" spans="14:14">
      <c r="N405247" s="10"/>
    </row>
    <row r="405248" spans="14:14">
      <c r="N405248" s="10"/>
    </row>
    <row r="405249" spans="14:14">
      <c r="N405249" s="10"/>
    </row>
    <row r="405250" spans="14:14">
      <c r="N405250" s="10"/>
    </row>
    <row r="405251" spans="14:14">
      <c r="N405251" s="10"/>
    </row>
    <row r="405252" spans="14:14">
      <c r="N405252" s="10"/>
    </row>
    <row r="405253" spans="14:14">
      <c r="N405253" s="10"/>
    </row>
    <row r="405254" spans="14:14">
      <c r="N405254" s="10"/>
    </row>
    <row r="405255" spans="14:14">
      <c r="N405255" s="10"/>
    </row>
    <row r="405256" spans="14:14">
      <c r="N405256" s="10"/>
    </row>
    <row r="405257" spans="14:14">
      <c r="N405257" s="10"/>
    </row>
    <row r="405258" spans="14:14">
      <c r="N405258" s="10"/>
    </row>
    <row r="405259" spans="14:14">
      <c r="N405259" s="10"/>
    </row>
    <row r="405260" spans="14:14">
      <c r="N405260" s="10"/>
    </row>
    <row r="405261" spans="14:14">
      <c r="N405261" s="10"/>
    </row>
    <row r="405262" spans="14:14">
      <c r="N405262" s="10"/>
    </row>
    <row r="405263" spans="14:14">
      <c r="N405263" s="10"/>
    </row>
    <row r="405264" spans="14:14">
      <c r="N405264" s="10"/>
    </row>
    <row r="405265" spans="14:14">
      <c r="N405265" s="10"/>
    </row>
    <row r="405266" spans="14:14">
      <c r="N405266" s="10"/>
    </row>
    <row r="405267" spans="14:14">
      <c r="N405267" s="10"/>
    </row>
    <row r="405268" spans="14:14">
      <c r="N405268" s="10"/>
    </row>
    <row r="405269" spans="14:14">
      <c r="N405269" s="10"/>
    </row>
    <row r="405270" spans="14:14">
      <c r="N405270" s="10"/>
    </row>
    <row r="405271" spans="14:14">
      <c r="N405271" s="10"/>
    </row>
    <row r="405272" spans="14:14">
      <c r="N405272" s="10"/>
    </row>
    <row r="405273" spans="14:14">
      <c r="N405273" s="10"/>
    </row>
    <row r="405274" spans="14:14">
      <c r="N405274" s="10"/>
    </row>
    <row r="405275" spans="14:14">
      <c r="N405275" s="10"/>
    </row>
    <row r="405276" spans="14:14">
      <c r="N405276" s="10"/>
    </row>
    <row r="405277" spans="14:14">
      <c r="N405277" s="10"/>
    </row>
    <row r="405278" spans="14:14">
      <c r="N405278" s="10"/>
    </row>
    <row r="405279" spans="14:14">
      <c r="N405279" s="10"/>
    </row>
    <row r="405280" spans="14:14">
      <c r="N405280" s="10"/>
    </row>
    <row r="405281" spans="14:14">
      <c r="N405281" s="10"/>
    </row>
    <row r="405282" spans="14:14">
      <c r="N405282" s="10"/>
    </row>
    <row r="405283" spans="14:14">
      <c r="N405283" s="10"/>
    </row>
    <row r="405284" spans="14:14">
      <c r="N405284" s="10"/>
    </row>
    <row r="405285" spans="14:14">
      <c r="N405285" s="10"/>
    </row>
    <row r="405286" spans="14:14">
      <c r="N405286" s="10"/>
    </row>
    <row r="405287" spans="14:14">
      <c r="N405287" s="10"/>
    </row>
    <row r="405288" spans="14:14">
      <c r="N405288" s="10"/>
    </row>
    <row r="405289" spans="14:14">
      <c r="N405289" s="10"/>
    </row>
    <row r="405290" spans="14:14">
      <c r="N405290" s="10"/>
    </row>
    <row r="405291" spans="14:14">
      <c r="N405291" s="10"/>
    </row>
    <row r="405292" spans="14:14">
      <c r="N405292" s="10"/>
    </row>
    <row r="405293" spans="14:14">
      <c r="N405293" s="10"/>
    </row>
    <row r="405294" spans="14:14">
      <c r="N405294" s="10"/>
    </row>
    <row r="405295" spans="14:14">
      <c r="N405295" s="10"/>
    </row>
    <row r="405296" spans="14:14">
      <c r="N405296" s="10"/>
    </row>
    <row r="405297" spans="14:14">
      <c r="N405297" s="10"/>
    </row>
    <row r="405298" spans="14:14">
      <c r="N405298" s="10"/>
    </row>
    <row r="405299" spans="14:14">
      <c r="N405299" s="10"/>
    </row>
    <row r="405300" spans="14:14">
      <c r="N405300" s="10"/>
    </row>
    <row r="405301" spans="14:14">
      <c r="N405301" s="10"/>
    </row>
    <row r="405302" spans="14:14">
      <c r="N405302" s="10"/>
    </row>
    <row r="405303" spans="14:14">
      <c r="N405303" s="10"/>
    </row>
    <row r="405304" spans="14:14">
      <c r="N405304" s="10"/>
    </row>
    <row r="405305" spans="14:14">
      <c r="N405305" s="10"/>
    </row>
    <row r="405306" spans="14:14">
      <c r="N405306" s="10"/>
    </row>
    <row r="405307" spans="14:14">
      <c r="N405307" s="10"/>
    </row>
    <row r="405308" spans="14:14">
      <c r="N405308" s="10"/>
    </row>
    <row r="405309" spans="14:14">
      <c r="N405309" s="10"/>
    </row>
    <row r="405310" spans="14:14">
      <c r="N405310" s="10"/>
    </row>
    <row r="405311" spans="14:14">
      <c r="N405311" s="10"/>
    </row>
    <row r="405312" spans="14:14">
      <c r="N405312" s="10"/>
    </row>
    <row r="405313" spans="14:14">
      <c r="N405313" s="10"/>
    </row>
    <row r="405314" spans="14:14">
      <c r="N405314" s="10"/>
    </row>
    <row r="405315" spans="14:14">
      <c r="N405315" s="10"/>
    </row>
    <row r="405316" spans="14:14">
      <c r="N405316" s="10"/>
    </row>
    <row r="405317" spans="14:14">
      <c r="N405317" s="10"/>
    </row>
    <row r="405318" spans="14:14">
      <c r="N405318" s="10"/>
    </row>
    <row r="405319" spans="14:14">
      <c r="N405319" s="10"/>
    </row>
    <row r="405320" spans="14:14">
      <c r="N405320" s="10"/>
    </row>
    <row r="405321" spans="14:14">
      <c r="N405321" s="10"/>
    </row>
    <row r="405322" spans="14:14">
      <c r="N405322" s="10"/>
    </row>
    <row r="405323" spans="14:14">
      <c r="N405323" s="10"/>
    </row>
    <row r="405324" spans="14:14">
      <c r="N405324" s="10"/>
    </row>
    <row r="405325" spans="14:14">
      <c r="N405325" s="10"/>
    </row>
    <row r="405326" spans="14:14">
      <c r="N405326" s="10"/>
    </row>
    <row r="405327" spans="14:14">
      <c r="N405327" s="10"/>
    </row>
    <row r="405328" spans="14:14">
      <c r="N405328" s="10"/>
    </row>
    <row r="405329" spans="14:14">
      <c r="N405329" s="10"/>
    </row>
    <row r="405330" spans="14:14">
      <c r="N405330" s="10"/>
    </row>
    <row r="405331" spans="14:14">
      <c r="N405331" s="10"/>
    </row>
    <row r="405332" spans="14:14">
      <c r="N405332" s="10"/>
    </row>
    <row r="405333" spans="14:14">
      <c r="N405333" s="10"/>
    </row>
    <row r="405334" spans="14:14">
      <c r="N405334" s="10"/>
    </row>
    <row r="405335" spans="14:14">
      <c r="N405335" s="10"/>
    </row>
    <row r="405336" spans="14:14">
      <c r="N405336" s="10"/>
    </row>
    <row r="405337" spans="14:14">
      <c r="N405337" s="10"/>
    </row>
    <row r="405338" spans="14:14">
      <c r="N405338" s="10"/>
    </row>
    <row r="405339" spans="14:14">
      <c r="N405339" s="10"/>
    </row>
    <row r="405340" spans="14:14">
      <c r="N405340" s="10"/>
    </row>
    <row r="405341" spans="14:14">
      <c r="N405341" s="10"/>
    </row>
    <row r="405342" spans="14:14">
      <c r="N405342" s="10"/>
    </row>
    <row r="405343" spans="14:14">
      <c r="N405343" s="10"/>
    </row>
    <row r="405344" spans="14:14">
      <c r="N405344" s="10"/>
    </row>
    <row r="405345" spans="14:14">
      <c r="N405345" s="10"/>
    </row>
    <row r="405346" spans="14:14">
      <c r="N405346" s="10"/>
    </row>
    <row r="405347" spans="14:14">
      <c r="N405347" s="10"/>
    </row>
    <row r="405348" spans="14:14">
      <c r="N405348" s="10"/>
    </row>
    <row r="405349" spans="14:14">
      <c r="N405349" s="10"/>
    </row>
    <row r="405350" spans="14:14">
      <c r="N405350" s="10"/>
    </row>
    <row r="405351" spans="14:14">
      <c r="N405351" s="10"/>
    </row>
    <row r="405352" spans="14:14">
      <c r="N405352" s="10"/>
    </row>
    <row r="405353" spans="14:14">
      <c r="N405353" s="10"/>
    </row>
    <row r="405354" spans="14:14">
      <c r="N405354" s="10"/>
    </row>
    <row r="405355" spans="14:14">
      <c r="N405355" s="10"/>
    </row>
    <row r="405356" spans="14:14">
      <c r="N405356" s="10"/>
    </row>
    <row r="405357" spans="14:14">
      <c r="N405357" s="10"/>
    </row>
    <row r="405358" spans="14:14">
      <c r="N405358" s="10"/>
    </row>
    <row r="405359" spans="14:14">
      <c r="N405359" s="10"/>
    </row>
    <row r="405360" spans="14:14">
      <c r="N405360" s="10"/>
    </row>
    <row r="405361" spans="14:14">
      <c r="N405361" s="10"/>
    </row>
    <row r="405362" spans="14:14">
      <c r="N405362" s="10"/>
    </row>
    <row r="405363" spans="14:14">
      <c r="N405363" s="10"/>
    </row>
    <row r="405364" spans="14:14">
      <c r="N405364" s="10"/>
    </row>
    <row r="405365" spans="14:14">
      <c r="N405365" s="10"/>
    </row>
    <row r="405366" spans="14:14">
      <c r="N405366" s="10"/>
    </row>
    <row r="405367" spans="14:14">
      <c r="N405367" s="10"/>
    </row>
    <row r="405368" spans="14:14">
      <c r="N405368" s="10"/>
    </row>
    <row r="405369" spans="14:14">
      <c r="N405369" s="10"/>
    </row>
    <row r="405370" spans="14:14">
      <c r="N405370" s="10"/>
    </row>
    <row r="405371" spans="14:14">
      <c r="N405371" s="10"/>
    </row>
    <row r="405372" spans="14:14">
      <c r="N405372" s="10"/>
    </row>
    <row r="405373" spans="14:14">
      <c r="N405373" s="10"/>
    </row>
    <row r="405374" spans="14:14">
      <c r="N405374" s="10"/>
    </row>
    <row r="405375" spans="14:14">
      <c r="N405375" s="10"/>
    </row>
    <row r="405376" spans="14:14">
      <c r="N405376" s="10"/>
    </row>
    <row r="405377" spans="14:14">
      <c r="N405377" s="10"/>
    </row>
    <row r="405378" spans="14:14">
      <c r="N405378" s="10"/>
    </row>
    <row r="405379" spans="14:14">
      <c r="N405379" s="10"/>
    </row>
    <row r="405380" spans="14:14">
      <c r="N405380" s="10"/>
    </row>
    <row r="405381" spans="14:14">
      <c r="N405381" s="10"/>
    </row>
    <row r="405382" spans="14:14">
      <c r="N405382" s="10"/>
    </row>
    <row r="405383" spans="14:14">
      <c r="N405383" s="10"/>
    </row>
    <row r="405384" spans="14:14">
      <c r="N405384" s="10"/>
    </row>
    <row r="405385" spans="14:14">
      <c r="N405385" s="10"/>
    </row>
    <row r="405386" spans="14:14">
      <c r="N405386" s="10"/>
    </row>
    <row r="405387" spans="14:14">
      <c r="N405387" s="10"/>
    </row>
    <row r="405388" spans="14:14">
      <c r="N405388" s="10"/>
    </row>
    <row r="405389" spans="14:14">
      <c r="N405389" s="10"/>
    </row>
    <row r="405390" spans="14:14">
      <c r="N405390" s="10"/>
    </row>
    <row r="405391" spans="14:14">
      <c r="N405391" s="10"/>
    </row>
    <row r="405392" spans="14:14">
      <c r="N405392" s="10"/>
    </row>
    <row r="405393" spans="14:14">
      <c r="N405393" s="10"/>
    </row>
    <row r="405394" spans="14:14">
      <c r="N405394" s="10"/>
    </row>
    <row r="405395" spans="14:14">
      <c r="N405395" s="10"/>
    </row>
    <row r="405396" spans="14:14">
      <c r="N405396" s="10"/>
    </row>
    <row r="405397" spans="14:14">
      <c r="N405397" s="10"/>
    </row>
    <row r="405398" spans="14:14">
      <c r="N405398" s="10"/>
    </row>
    <row r="405399" spans="14:14">
      <c r="N405399" s="10"/>
    </row>
    <row r="405400" spans="14:14">
      <c r="N405400" s="10"/>
    </row>
    <row r="405401" spans="14:14">
      <c r="N405401" s="10"/>
    </row>
    <row r="405402" spans="14:14">
      <c r="N405402" s="10"/>
    </row>
    <row r="405403" spans="14:14">
      <c r="N405403" s="10"/>
    </row>
    <row r="405404" spans="14:14">
      <c r="N405404" s="10"/>
    </row>
    <row r="405405" spans="14:14">
      <c r="N405405" s="10"/>
    </row>
    <row r="405406" spans="14:14">
      <c r="N405406" s="10"/>
    </row>
    <row r="405407" spans="14:14">
      <c r="N405407" s="10"/>
    </row>
    <row r="405408" spans="14:14">
      <c r="N405408" s="10"/>
    </row>
    <row r="405409" spans="14:14">
      <c r="N405409" s="10"/>
    </row>
    <row r="405410" spans="14:14">
      <c r="N405410" s="10"/>
    </row>
    <row r="405411" spans="14:14">
      <c r="N405411" s="10"/>
    </row>
    <row r="405412" spans="14:14">
      <c r="N405412" s="10"/>
    </row>
    <row r="405413" spans="14:14">
      <c r="N405413" s="10"/>
    </row>
    <row r="405414" spans="14:14">
      <c r="N405414" s="10"/>
    </row>
    <row r="405415" spans="14:14">
      <c r="N405415" s="10"/>
    </row>
    <row r="405416" spans="14:14">
      <c r="N405416" s="10"/>
    </row>
    <row r="405417" spans="14:14">
      <c r="N405417" s="10"/>
    </row>
    <row r="405418" spans="14:14">
      <c r="N405418" s="10"/>
    </row>
    <row r="405419" spans="14:14">
      <c r="N405419" s="10"/>
    </row>
    <row r="405420" spans="14:14">
      <c r="N405420" s="10"/>
    </row>
    <row r="405421" spans="14:14">
      <c r="N405421" s="10"/>
    </row>
    <row r="405422" spans="14:14">
      <c r="N405422" s="10"/>
    </row>
    <row r="405423" spans="14:14">
      <c r="N405423" s="10"/>
    </row>
    <row r="405424" spans="14:14">
      <c r="N405424" s="10"/>
    </row>
    <row r="405425" spans="14:14">
      <c r="N405425" s="10"/>
    </row>
    <row r="405426" spans="14:14">
      <c r="N405426" s="10"/>
    </row>
    <row r="405427" spans="14:14">
      <c r="N405427" s="10"/>
    </row>
    <row r="405428" spans="14:14">
      <c r="N405428" s="10"/>
    </row>
    <row r="405429" spans="14:14">
      <c r="N405429" s="10"/>
    </row>
    <row r="405430" spans="14:14">
      <c r="N405430" s="10"/>
    </row>
    <row r="405431" spans="14:14">
      <c r="N405431" s="10"/>
    </row>
    <row r="405432" spans="14:14">
      <c r="N405432" s="10"/>
    </row>
    <row r="405433" spans="14:14">
      <c r="N405433" s="10"/>
    </row>
    <row r="405434" spans="14:14">
      <c r="N405434" s="10"/>
    </row>
    <row r="405435" spans="14:14">
      <c r="N405435" s="10"/>
    </row>
    <row r="405436" spans="14:14">
      <c r="N405436" s="10"/>
    </row>
    <row r="405437" spans="14:14">
      <c r="N405437" s="10"/>
    </row>
    <row r="405438" spans="14:14">
      <c r="N405438" s="10"/>
    </row>
    <row r="405439" spans="14:14">
      <c r="N405439" s="10"/>
    </row>
    <row r="405440" spans="14:14">
      <c r="N405440" s="10"/>
    </row>
    <row r="405441" spans="14:14">
      <c r="N405441" s="10"/>
    </row>
    <row r="405442" spans="14:14">
      <c r="N405442" s="10"/>
    </row>
    <row r="405443" spans="14:14">
      <c r="N405443" s="10"/>
    </row>
    <row r="405444" spans="14:14">
      <c r="N405444" s="10"/>
    </row>
    <row r="405445" spans="14:14">
      <c r="N405445" s="10"/>
    </row>
    <row r="405446" spans="14:14">
      <c r="N405446" s="10"/>
    </row>
    <row r="405447" spans="14:14">
      <c r="N405447" s="10"/>
    </row>
    <row r="405448" spans="14:14">
      <c r="N405448" s="10"/>
    </row>
    <row r="405449" spans="14:14">
      <c r="N405449" s="10"/>
    </row>
    <row r="405450" spans="14:14">
      <c r="N405450" s="10"/>
    </row>
    <row r="405451" spans="14:14">
      <c r="N405451" s="10"/>
    </row>
    <row r="405452" spans="14:14">
      <c r="N405452" s="10"/>
    </row>
    <row r="405453" spans="14:14">
      <c r="N405453" s="10"/>
    </row>
    <row r="405454" spans="14:14">
      <c r="N405454" s="10"/>
    </row>
    <row r="405455" spans="14:14">
      <c r="N405455" s="10"/>
    </row>
    <row r="405456" spans="14:14">
      <c r="N405456" s="10"/>
    </row>
    <row r="405457" spans="14:14">
      <c r="N405457" s="10"/>
    </row>
    <row r="405458" spans="14:14">
      <c r="N405458" s="10"/>
    </row>
    <row r="405459" spans="14:14">
      <c r="N405459" s="10"/>
    </row>
    <row r="405460" spans="14:14">
      <c r="N405460" s="10"/>
    </row>
    <row r="405461" spans="14:14">
      <c r="N405461" s="10"/>
    </row>
    <row r="405462" spans="14:14">
      <c r="N405462" s="10"/>
    </row>
    <row r="405463" spans="14:14">
      <c r="N405463" s="10"/>
    </row>
    <row r="405464" spans="14:14">
      <c r="N405464" s="10"/>
    </row>
    <row r="405465" spans="14:14">
      <c r="N405465" s="10"/>
    </row>
    <row r="405466" spans="14:14">
      <c r="N405466" s="10"/>
    </row>
    <row r="405467" spans="14:14">
      <c r="N405467" s="10"/>
    </row>
    <row r="405468" spans="14:14">
      <c r="N405468" s="10"/>
    </row>
    <row r="405469" spans="14:14">
      <c r="N405469" s="10"/>
    </row>
    <row r="405470" spans="14:14">
      <c r="N405470" s="10"/>
    </row>
    <row r="405471" spans="14:14">
      <c r="N405471" s="10"/>
    </row>
    <row r="405472" spans="14:14">
      <c r="N405472" s="10"/>
    </row>
    <row r="405473" spans="14:14">
      <c r="N405473" s="10"/>
    </row>
    <row r="405474" spans="14:14">
      <c r="N405474" s="10"/>
    </row>
    <row r="405475" spans="14:14">
      <c r="N405475" s="10"/>
    </row>
    <row r="405476" spans="14:14">
      <c r="N405476" s="10"/>
    </row>
    <row r="405477" spans="14:14">
      <c r="N405477" s="10"/>
    </row>
    <row r="405478" spans="14:14">
      <c r="N405478" s="10"/>
    </row>
    <row r="405479" spans="14:14">
      <c r="N405479" s="10"/>
    </row>
    <row r="405480" spans="14:14">
      <c r="N405480" s="10"/>
    </row>
    <row r="405481" spans="14:14">
      <c r="N405481" s="10"/>
    </row>
    <row r="405482" spans="14:14">
      <c r="N405482" s="10"/>
    </row>
    <row r="405483" spans="14:14">
      <c r="N405483" s="10"/>
    </row>
    <row r="405484" spans="14:14">
      <c r="N405484" s="10"/>
    </row>
    <row r="405485" spans="14:14">
      <c r="N405485" s="10"/>
    </row>
    <row r="405486" spans="14:14">
      <c r="N405486" s="10"/>
    </row>
    <row r="405487" spans="14:14">
      <c r="N405487" s="10"/>
    </row>
    <row r="405488" spans="14:14">
      <c r="N405488" s="10"/>
    </row>
    <row r="405489" spans="14:14">
      <c r="N405489" s="10"/>
    </row>
    <row r="405490" spans="14:14">
      <c r="N405490" s="10"/>
    </row>
    <row r="405491" spans="14:14">
      <c r="N405491" s="10"/>
    </row>
    <row r="405492" spans="14:14">
      <c r="N405492" s="10"/>
    </row>
    <row r="405493" spans="14:14">
      <c r="N405493" s="10"/>
    </row>
    <row r="405494" spans="14:14">
      <c r="N405494" s="10"/>
    </row>
    <row r="405495" spans="14:14">
      <c r="N405495" s="10"/>
    </row>
    <row r="405496" spans="14:14">
      <c r="N405496" s="10"/>
    </row>
    <row r="405497" spans="14:14">
      <c r="N405497" s="10"/>
    </row>
    <row r="405498" spans="14:14">
      <c r="N405498" s="10"/>
    </row>
    <row r="405499" spans="14:14">
      <c r="N405499" s="10"/>
    </row>
    <row r="405500" spans="14:14">
      <c r="N405500" s="10"/>
    </row>
    <row r="405501" spans="14:14">
      <c r="N405501" s="10"/>
    </row>
    <row r="405502" spans="14:14">
      <c r="N405502" s="10"/>
    </row>
    <row r="405503" spans="14:14">
      <c r="N405503" s="10"/>
    </row>
    <row r="405504" spans="14:14">
      <c r="N405504" s="10"/>
    </row>
    <row r="405505" spans="14:14">
      <c r="N405505" s="10"/>
    </row>
    <row r="405506" spans="14:14">
      <c r="N405506" s="10"/>
    </row>
    <row r="405507" spans="14:14">
      <c r="N405507" s="10"/>
    </row>
    <row r="405508" spans="14:14">
      <c r="N405508" s="10"/>
    </row>
    <row r="405509" spans="14:14">
      <c r="N405509" s="10"/>
    </row>
    <row r="405510" spans="14:14">
      <c r="N405510" s="10"/>
    </row>
    <row r="405511" spans="14:14">
      <c r="N405511" s="10"/>
    </row>
    <row r="405512" spans="14:14">
      <c r="N405512" s="10"/>
    </row>
    <row r="405513" spans="14:14">
      <c r="N405513" s="10"/>
    </row>
    <row r="405514" spans="14:14">
      <c r="N405514" s="10"/>
    </row>
    <row r="405515" spans="14:14">
      <c r="N405515" s="10"/>
    </row>
    <row r="405516" spans="14:14">
      <c r="N405516" s="10"/>
    </row>
    <row r="405517" spans="14:14">
      <c r="N405517" s="10"/>
    </row>
    <row r="405518" spans="14:14">
      <c r="N405518" s="10"/>
    </row>
    <row r="405519" spans="14:14">
      <c r="N405519" s="10"/>
    </row>
    <row r="405520" spans="14:14">
      <c r="N405520" s="10"/>
    </row>
    <row r="405521" spans="14:14">
      <c r="N405521" s="10"/>
    </row>
    <row r="405522" spans="14:14">
      <c r="N405522" s="10"/>
    </row>
    <row r="405523" spans="14:14">
      <c r="N405523" s="10"/>
    </row>
    <row r="405524" spans="14:14">
      <c r="N405524" s="10"/>
    </row>
    <row r="405525" spans="14:14">
      <c r="N405525" s="10"/>
    </row>
    <row r="405526" spans="14:14">
      <c r="N405526" s="10"/>
    </row>
    <row r="405527" spans="14:14">
      <c r="N405527" s="10"/>
    </row>
    <row r="405528" spans="14:14">
      <c r="N405528" s="10"/>
    </row>
    <row r="405529" spans="14:14">
      <c r="N405529" s="10"/>
    </row>
    <row r="405530" spans="14:14">
      <c r="N405530" s="10"/>
    </row>
    <row r="405531" spans="14:14">
      <c r="N405531" s="10"/>
    </row>
    <row r="405532" spans="14:14">
      <c r="N405532" s="10"/>
    </row>
    <row r="405533" spans="14:14">
      <c r="N405533" s="10"/>
    </row>
    <row r="405534" spans="14:14">
      <c r="N405534" s="10"/>
    </row>
    <row r="405535" spans="14:14">
      <c r="N405535" s="10"/>
    </row>
    <row r="405536" spans="14:14">
      <c r="N405536" s="10"/>
    </row>
    <row r="405537" spans="14:14">
      <c r="N405537" s="10"/>
    </row>
    <row r="405538" spans="14:14">
      <c r="N405538" s="10"/>
    </row>
    <row r="405539" spans="14:14">
      <c r="N405539" s="10"/>
    </row>
    <row r="405540" spans="14:14">
      <c r="N405540" s="10"/>
    </row>
    <row r="405541" spans="14:14">
      <c r="N405541" s="10"/>
    </row>
    <row r="405542" spans="14:14">
      <c r="N405542" s="10"/>
    </row>
    <row r="405543" spans="14:14">
      <c r="N405543" s="10"/>
    </row>
    <row r="405544" spans="14:14">
      <c r="N405544" s="10"/>
    </row>
    <row r="405545" spans="14:14">
      <c r="N405545" s="10"/>
    </row>
    <row r="405546" spans="14:14">
      <c r="N405546" s="10"/>
    </row>
    <row r="405547" spans="14:14">
      <c r="N405547" s="10"/>
    </row>
    <row r="405548" spans="14:14">
      <c r="N405548" s="10"/>
    </row>
    <row r="405549" spans="14:14">
      <c r="N405549" s="10"/>
    </row>
    <row r="405550" spans="14:14">
      <c r="N405550" s="10"/>
    </row>
    <row r="405551" spans="14:14">
      <c r="N405551" s="10"/>
    </row>
    <row r="405552" spans="14:14">
      <c r="N405552" s="10"/>
    </row>
    <row r="405553" spans="14:14">
      <c r="N405553" s="10"/>
    </row>
    <row r="405554" spans="14:14">
      <c r="N405554" s="10"/>
    </row>
    <row r="405555" spans="14:14">
      <c r="N405555" s="10"/>
    </row>
    <row r="405556" spans="14:14">
      <c r="N405556" s="10"/>
    </row>
    <row r="405557" spans="14:14">
      <c r="N405557" s="10"/>
    </row>
    <row r="405558" spans="14:14">
      <c r="N405558" s="10"/>
    </row>
    <row r="405559" spans="14:14">
      <c r="N405559" s="10"/>
    </row>
    <row r="405560" spans="14:14">
      <c r="N405560" s="10"/>
    </row>
    <row r="405561" spans="14:14">
      <c r="N405561" s="10"/>
    </row>
    <row r="405562" spans="14:14">
      <c r="N405562" s="10"/>
    </row>
    <row r="405563" spans="14:14">
      <c r="N405563" s="10"/>
    </row>
    <row r="405564" spans="14:14">
      <c r="N405564" s="10"/>
    </row>
    <row r="405565" spans="14:14">
      <c r="N405565" s="10"/>
    </row>
    <row r="405566" spans="14:14">
      <c r="N405566" s="10"/>
    </row>
    <row r="405567" spans="14:14">
      <c r="N405567" s="10"/>
    </row>
    <row r="405568" spans="14:14">
      <c r="N405568" s="10"/>
    </row>
    <row r="405569" spans="14:14">
      <c r="N405569" s="10"/>
    </row>
    <row r="405570" spans="14:14">
      <c r="N405570" s="10"/>
    </row>
    <row r="405571" spans="14:14">
      <c r="N405571" s="10"/>
    </row>
    <row r="405572" spans="14:14">
      <c r="N405572" s="10"/>
    </row>
    <row r="405573" spans="14:14">
      <c r="N405573" s="10"/>
    </row>
    <row r="405574" spans="14:14">
      <c r="N405574" s="10"/>
    </row>
    <row r="405575" spans="14:14">
      <c r="N405575" s="10"/>
    </row>
    <row r="405576" spans="14:14">
      <c r="N405576" s="10"/>
    </row>
    <row r="405577" spans="14:14">
      <c r="N405577" s="10"/>
    </row>
    <row r="405578" spans="14:14">
      <c r="N405578" s="10"/>
    </row>
    <row r="405579" spans="14:14">
      <c r="N405579" s="10"/>
    </row>
    <row r="405580" spans="14:14">
      <c r="N405580" s="10"/>
    </row>
    <row r="405581" spans="14:14">
      <c r="N405581" s="10"/>
    </row>
    <row r="405582" spans="14:14">
      <c r="N405582" s="10"/>
    </row>
    <row r="405583" spans="14:14">
      <c r="N405583" s="10"/>
    </row>
    <row r="405584" spans="14:14">
      <c r="N405584" s="10"/>
    </row>
    <row r="405585" spans="14:14">
      <c r="N405585" s="10"/>
    </row>
    <row r="405586" spans="14:14">
      <c r="N405586" s="10"/>
    </row>
    <row r="405587" spans="14:14">
      <c r="N405587" s="10"/>
    </row>
    <row r="405588" spans="14:14">
      <c r="N405588" s="10"/>
    </row>
    <row r="405589" spans="14:14">
      <c r="N405589" s="10"/>
    </row>
    <row r="405590" spans="14:14">
      <c r="N405590" s="10"/>
    </row>
    <row r="405591" spans="14:14">
      <c r="N405591" s="10"/>
    </row>
    <row r="405592" spans="14:14">
      <c r="N405592" s="10"/>
    </row>
    <row r="405593" spans="14:14">
      <c r="N405593" s="10"/>
    </row>
    <row r="405594" spans="14:14">
      <c r="N405594" s="10"/>
    </row>
    <row r="405595" spans="14:14">
      <c r="N405595" s="10"/>
    </row>
    <row r="405596" spans="14:14">
      <c r="N405596" s="10"/>
    </row>
    <row r="405597" spans="14:14">
      <c r="N405597" s="10"/>
    </row>
    <row r="405598" spans="14:14">
      <c r="N405598" s="10"/>
    </row>
    <row r="405599" spans="14:14">
      <c r="N405599" s="10"/>
    </row>
    <row r="405600" spans="14:14">
      <c r="N405600" s="10"/>
    </row>
    <row r="405601" spans="14:14">
      <c r="N405601" s="10"/>
    </row>
    <row r="405602" spans="14:14">
      <c r="N405602" s="10"/>
    </row>
    <row r="405603" spans="14:14">
      <c r="N405603" s="10"/>
    </row>
    <row r="405604" spans="14:14">
      <c r="N405604" s="10"/>
    </row>
    <row r="405605" spans="14:14">
      <c r="N405605" s="10"/>
    </row>
    <row r="405606" spans="14:14">
      <c r="N405606" s="10"/>
    </row>
    <row r="405607" spans="14:14">
      <c r="N405607" s="10"/>
    </row>
    <row r="405608" spans="14:14">
      <c r="N405608" s="10"/>
    </row>
    <row r="405609" spans="14:14">
      <c r="N405609" s="10"/>
    </row>
    <row r="405610" spans="14:14">
      <c r="N405610" s="10"/>
    </row>
    <row r="405611" spans="14:14">
      <c r="N405611" s="10"/>
    </row>
    <row r="405612" spans="14:14">
      <c r="N405612" s="10"/>
    </row>
    <row r="405613" spans="14:14">
      <c r="N405613" s="10"/>
    </row>
    <row r="405614" spans="14:14">
      <c r="N405614" s="10"/>
    </row>
    <row r="405615" spans="14:14">
      <c r="N405615" s="10"/>
    </row>
    <row r="405616" spans="14:14">
      <c r="N405616" s="10"/>
    </row>
    <row r="405617" spans="14:14">
      <c r="N405617" s="10"/>
    </row>
    <row r="405618" spans="14:14">
      <c r="N405618" s="10"/>
    </row>
    <row r="405619" spans="14:14">
      <c r="N405619" s="10"/>
    </row>
    <row r="405620" spans="14:14">
      <c r="N405620" s="10"/>
    </row>
    <row r="405621" spans="14:14">
      <c r="N405621" s="10"/>
    </row>
    <row r="405622" spans="14:14">
      <c r="N405622" s="10"/>
    </row>
    <row r="405623" spans="14:14">
      <c r="N405623" s="10"/>
    </row>
    <row r="405624" spans="14:14">
      <c r="N405624" s="10"/>
    </row>
    <row r="405625" spans="14:14">
      <c r="N405625" s="10"/>
    </row>
    <row r="405626" spans="14:14">
      <c r="N405626" s="10"/>
    </row>
    <row r="405627" spans="14:14">
      <c r="N405627" s="10"/>
    </row>
    <row r="405628" spans="14:14">
      <c r="N405628" s="10"/>
    </row>
    <row r="405629" spans="14:14">
      <c r="N405629" s="10"/>
    </row>
    <row r="405630" spans="14:14">
      <c r="N405630" s="10"/>
    </row>
    <row r="405631" spans="14:14">
      <c r="N405631" s="10"/>
    </row>
    <row r="405632" spans="14:14">
      <c r="N405632" s="10"/>
    </row>
    <row r="405633" spans="14:14">
      <c r="N405633" s="10"/>
    </row>
    <row r="405634" spans="14:14">
      <c r="N405634" s="10"/>
    </row>
    <row r="405635" spans="14:14">
      <c r="N405635" s="10"/>
    </row>
    <row r="405636" spans="14:14">
      <c r="N405636" s="10"/>
    </row>
    <row r="405637" spans="14:14">
      <c r="N405637" s="10"/>
    </row>
    <row r="405638" spans="14:14">
      <c r="N405638" s="10"/>
    </row>
    <row r="405639" spans="14:14">
      <c r="N405639" s="10"/>
    </row>
    <row r="405640" spans="14:14">
      <c r="N405640" s="10"/>
    </row>
    <row r="405641" spans="14:14">
      <c r="N405641" s="10"/>
    </row>
    <row r="405642" spans="14:14">
      <c r="N405642" s="10"/>
    </row>
    <row r="405643" spans="14:14">
      <c r="N405643" s="10"/>
    </row>
    <row r="405644" spans="14:14">
      <c r="N405644" s="10"/>
    </row>
    <row r="405645" spans="14:14">
      <c r="N405645" s="10"/>
    </row>
    <row r="405646" spans="14:14">
      <c r="N405646" s="10"/>
    </row>
    <row r="405647" spans="14:14">
      <c r="N405647" s="10"/>
    </row>
    <row r="405648" spans="14:14">
      <c r="N405648" s="10"/>
    </row>
    <row r="405649" spans="14:14">
      <c r="N405649" s="10"/>
    </row>
    <row r="405650" spans="14:14">
      <c r="N405650" s="10"/>
    </row>
    <row r="405651" spans="14:14">
      <c r="N405651" s="10"/>
    </row>
    <row r="405652" spans="14:14">
      <c r="N405652" s="10"/>
    </row>
    <row r="405653" spans="14:14">
      <c r="N405653" s="10"/>
    </row>
    <row r="405654" spans="14:14">
      <c r="N405654" s="10"/>
    </row>
    <row r="405655" spans="14:14">
      <c r="N405655" s="10"/>
    </row>
    <row r="405656" spans="14:14">
      <c r="N405656" s="10"/>
    </row>
    <row r="405657" spans="14:14">
      <c r="N405657" s="10"/>
    </row>
    <row r="405658" spans="14:14">
      <c r="N405658" s="10"/>
    </row>
    <row r="405659" spans="14:14">
      <c r="N405659" s="10"/>
    </row>
    <row r="405660" spans="14:14">
      <c r="N405660" s="10"/>
    </row>
    <row r="405661" spans="14:14">
      <c r="N405661" s="10"/>
    </row>
    <row r="405662" spans="14:14">
      <c r="N405662" s="10"/>
    </row>
    <row r="405663" spans="14:14">
      <c r="N405663" s="10"/>
    </row>
    <row r="405664" spans="14:14">
      <c r="N405664" s="10"/>
    </row>
    <row r="405665" spans="14:14">
      <c r="N405665" s="10"/>
    </row>
    <row r="405666" spans="14:14">
      <c r="N405666" s="10"/>
    </row>
    <row r="405667" spans="14:14">
      <c r="N405667" s="10"/>
    </row>
    <row r="405668" spans="14:14">
      <c r="N405668" s="10"/>
    </row>
    <row r="405669" spans="14:14">
      <c r="N405669" s="10"/>
    </row>
    <row r="405670" spans="14:14">
      <c r="N405670" s="10"/>
    </row>
    <row r="405671" spans="14:14">
      <c r="N405671" s="10"/>
    </row>
    <row r="405672" spans="14:14">
      <c r="N405672" s="10"/>
    </row>
    <row r="405673" spans="14:14">
      <c r="N405673" s="10"/>
    </row>
    <row r="405674" spans="14:14">
      <c r="N405674" s="10"/>
    </row>
    <row r="405675" spans="14:14">
      <c r="N405675" s="10"/>
    </row>
    <row r="405676" spans="14:14">
      <c r="N405676" s="10"/>
    </row>
    <row r="405677" spans="14:14">
      <c r="N405677" s="10"/>
    </row>
    <row r="405678" spans="14:14">
      <c r="N405678" s="10"/>
    </row>
    <row r="405679" spans="14:14">
      <c r="N405679" s="10"/>
    </row>
    <row r="405680" spans="14:14">
      <c r="N405680" s="10"/>
    </row>
    <row r="405681" spans="14:14">
      <c r="N405681" s="10"/>
    </row>
    <row r="405682" spans="14:14">
      <c r="N405682" s="10"/>
    </row>
    <row r="405683" spans="14:14">
      <c r="N405683" s="10"/>
    </row>
    <row r="405684" spans="14:14">
      <c r="N405684" s="10"/>
    </row>
    <row r="405685" spans="14:14">
      <c r="N405685" s="10"/>
    </row>
    <row r="405686" spans="14:14">
      <c r="N405686" s="10"/>
    </row>
    <row r="405687" spans="14:14">
      <c r="N405687" s="10"/>
    </row>
    <row r="405688" spans="14:14">
      <c r="N405688" s="10"/>
    </row>
    <row r="405689" spans="14:14">
      <c r="N405689" s="10"/>
    </row>
    <row r="405690" spans="14:14">
      <c r="N405690" s="10"/>
    </row>
    <row r="405691" spans="14:14">
      <c r="N405691" s="10"/>
    </row>
    <row r="405692" spans="14:14">
      <c r="N405692" s="10"/>
    </row>
    <row r="405693" spans="14:14">
      <c r="N405693" s="10"/>
    </row>
    <row r="405694" spans="14:14">
      <c r="N405694" s="10"/>
    </row>
    <row r="405695" spans="14:14">
      <c r="N405695" s="10"/>
    </row>
    <row r="405696" spans="14:14">
      <c r="N405696" s="10"/>
    </row>
    <row r="405697" spans="14:14">
      <c r="N405697" s="10"/>
    </row>
    <row r="405698" spans="14:14">
      <c r="N405698" s="10"/>
    </row>
    <row r="405699" spans="14:14">
      <c r="N405699" s="10"/>
    </row>
    <row r="405700" spans="14:14">
      <c r="N405700" s="10"/>
    </row>
    <row r="405701" spans="14:14">
      <c r="N405701" s="10"/>
    </row>
    <row r="405702" spans="14:14">
      <c r="N405702" s="10"/>
    </row>
    <row r="405703" spans="14:14">
      <c r="N405703" s="10"/>
    </row>
    <row r="405704" spans="14:14">
      <c r="N405704" s="10"/>
    </row>
    <row r="405705" spans="14:14">
      <c r="N405705" s="10"/>
    </row>
    <row r="405706" spans="14:14">
      <c r="N405706" s="10"/>
    </row>
    <row r="405707" spans="14:14">
      <c r="N405707" s="10"/>
    </row>
    <row r="405708" spans="14:14">
      <c r="N405708" s="10"/>
    </row>
    <row r="405709" spans="14:14">
      <c r="N405709" s="10"/>
    </row>
    <row r="405710" spans="14:14">
      <c r="N405710" s="10"/>
    </row>
    <row r="405711" spans="14:14">
      <c r="N405711" s="10"/>
    </row>
    <row r="405712" spans="14:14">
      <c r="N405712" s="10"/>
    </row>
    <row r="405713" spans="14:14">
      <c r="N405713" s="10"/>
    </row>
    <row r="405714" spans="14:14">
      <c r="N405714" s="10"/>
    </row>
    <row r="405715" spans="14:14">
      <c r="N405715" s="10"/>
    </row>
    <row r="405716" spans="14:14">
      <c r="N405716" s="10"/>
    </row>
    <row r="405717" spans="14:14">
      <c r="N405717" s="10"/>
    </row>
    <row r="405718" spans="14:14">
      <c r="N405718" s="10"/>
    </row>
    <row r="405719" spans="14:14">
      <c r="N405719" s="10"/>
    </row>
    <row r="405720" spans="14:14">
      <c r="N405720" s="10"/>
    </row>
    <row r="405721" spans="14:14">
      <c r="N405721" s="10"/>
    </row>
    <row r="405722" spans="14:14">
      <c r="N405722" s="10"/>
    </row>
    <row r="405723" spans="14:14">
      <c r="N405723" s="10"/>
    </row>
    <row r="405724" spans="14:14">
      <c r="N405724" s="10"/>
    </row>
    <row r="405725" spans="14:14">
      <c r="N405725" s="10"/>
    </row>
    <row r="405726" spans="14:14">
      <c r="N405726" s="10"/>
    </row>
    <row r="405727" spans="14:14">
      <c r="N405727" s="10"/>
    </row>
    <row r="405728" spans="14:14">
      <c r="N405728" s="10"/>
    </row>
    <row r="405729" spans="14:14">
      <c r="N405729" s="10"/>
    </row>
    <row r="405730" spans="14:14">
      <c r="N405730" s="10"/>
    </row>
    <row r="405731" spans="14:14">
      <c r="N405731" s="10"/>
    </row>
    <row r="405732" spans="14:14">
      <c r="N405732" s="10"/>
    </row>
    <row r="405733" spans="14:14">
      <c r="N405733" s="10"/>
    </row>
    <row r="405734" spans="14:14">
      <c r="N405734" s="10"/>
    </row>
    <row r="405735" spans="14:14">
      <c r="N405735" s="10"/>
    </row>
    <row r="405736" spans="14:14">
      <c r="N405736" s="10"/>
    </row>
    <row r="405737" spans="14:14">
      <c r="N405737" s="10"/>
    </row>
    <row r="405738" spans="14:14">
      <c r="N405738" s="10"/>
    </row>
    <row r="405739" spans="14:14">
      <c r="N405739" s="10"/>
    </row>
    <row r="405740" spans="14:14">
      <c r="N405740" s="10"/>
    </row>
    <row r="405741" spans="14:14">
      <c r="N405741" s="10"/>
    </row>
    <row r="405742" spans="14:14">
      <c r="N405742" s="10"/>
    </row>
    <row r="405743" spans="14:14">
      <c r="N405743" s="10"/>
    </row>
    <row r="405744" spans="14:14">
      <c r="N405744" s="10"/>
    </row>
    <row r="405745" spans="14:14">
      <c r="N405745" s="10"/>
    </row>
    <row r="405746" spans="14:14">
      <c r="N405746" s="10"/>
    </row>
    <row r="405747" spans="14:14">
      <c r="N405747" s="10"/>
    </row>
    <row r="405748" spans="14:14">
      <c r="N405748" s="10"/>
    </row>
    <row r="405749" spans="14:14">
      <c r="N405749" s="10"/>
    </row>
    <row r="405750" spans="14:14">
      <c r="N405750" s="10"/>
    </row>
    <row r="405751" spans="14:14">
      <c r="N405751" s="10"/>
    </row>
    <row r="405752" spans="14:14">
      <c r="N405752" s="10"/>
    </row>
    <row r="405753" spans="14:14">
      <c r="N405753" s="10"/>
    </row>
    <row r="405754" spans="14:14">
      <c r="N405754" s="10"/>
    </row>
    <row r="405755" spans="14:14">
      <c r="N405755" s="10"/>
    </row>
    <row r="405756" spans="14:14">
      <c r="N405756" s="10"/>
    </row>
    <row r="405757" spans="14:14">
      <c r="N405757" s="10"/>
    </row>
    <row r="405758" spans="14:14">
      <c r="N405758" s="10"/>
    </row>
    <row r="405759" spans="14:14">
      <c r="N405759" s="10"/>
    </row>
    <row r="405760" spans="14:14">
      <c r="N405760" s="10"/>
    </row>
    <row r="405761" spans="14:14">
      <c r="N405761" s="10"/>
    </row>
    <row r="405762" spans="14:14">
      <c r="N405762" s="10"/>
    </row>
    <row r="405763" spans="14:14">
      <c r="N405763" s="10"/>
    </row>
    <row r="405764" spans="14:14">
      <c r="N405764" s="10"/>
    </row>
    <row r="405765" spans="14:14">
      <c r="N405765" s="10"/>
    </row>
    <row r="405766" spans="14:14">
      <c r="N405766" s="10"/>
    </row>
    <row r="405767" spans="14:14">
      <c r="N405767" s="10"/>
    </row>
    <row r="405768" spans="14:14">
      <c r="N405768" s="10"/>
    </row>
    <row r="405769" spans="14:14">
      <c r="N405769" s="10"/>
    </row>
    <row r="405770" spans="14:14">
      <c r="N405770" s="10"/>
    </row>
    <row r="405771" spans="14:14">
      <c r="N405771" s="10"/>
    </row>
    <row r="405772" spans="14:14">
      <c r="N405772" s="10"/>
    </row>
    <row r="405773" spans="14:14">
      <c r="N405773" s="10"/>
    </row>
    <row r="405774" spans="14:14">
      <c r="N405774" s="10"/>
    </row>
    <row r="405775" spans="14:14">
      <c r="N405775" s="10"/>
    </row>
    <row r="405776" spans="14:14">
      <c r="N405776" s="10"/>
    </row>
    <row r="405777" spans="14:14">
      <c r="N405777" s="10"/>
    </row>
    <row r="405778" spans="14:14">
      <c r="N405778" s="10"/>
    </row>
    <row r="405779" spans="14:14">
      <c r="N405779" s="10"/>
    </row>
    <row r="405780" spans="14:14">
      <c r="N405780" s="10"/>
    </row>
    <row r="405781" spans="14:14">
      <c r="N405781" s="10"/>
    </row>
    <row r="405782" spans="14:14">
      <c r="N405782" s="10"/>
    </row>
    <row r="405783" spans="14:14">
      <c r="N405783" s="10"/>
    </row>
    <row r="405784" spans="14:14">
      <c r="N405784" s="10"/>
    </row>
    <row r="405785" spans="14:14">
      <c r="N405785" s="10"/>
    </row>
    <row r="405786" spans="14:14">
      <c r="N405786" s="10"/>
    </row>
    <row r="405787" spans="14:14">
      <c r="N405787" s="10"/>
    </row>
    <row r="405788" spans="14:14">
      <c r="N405788" s="10"/>
    </row>
    <row r="405789" spans="14:14">
      <c r="N405789" s="10"/>
    </row>
    <row r="405790" spans="14:14">
      <c r="N405790" s="10"/>
    </row>
    <row r="405791" spans="14:14">
      <c r="N405791" s="10"/>
    </row>
    <row r="405792" spans="14:14">
      <c r="N405792" s="10"/>
    </row>
    <row r="405793" spans="14:14">
      <c r="N405793" s="10"/>
    </row>
    <row r="405794" spans="14:14">
      <c r="N405794" s="10"/>
    </row>
    <row r="405795" spans="14:14">
      <c r="N405795" s="10"/>
    </row>
    <row r="405796" spans="14:14">
      <c r="N405796" s="10"/>
    </row>
    <row r="405797" spans="14:14">
      <c r="N405797" s="10"/>
    </row>
    <row r="405798" spans="14:14">
      <c r="N405798" s="10"/>
    </row>
    <row r="405799" spans="14:14">
      <c r="N405799" s="10"/>
    </row>
    <row r="405800" spans="14:14">
      <c r="N405800" s="10"/>
    </row>
    <row r="405801" spans="14:14">
      <c r="N405801" s="10"/>
    </row>
    <row r="405802" spans="14:14">
      <c r="N405802" s="10"/>
    </row>
    <row r="405803" spans="14:14">
      <c r="N405803" s="10"/>
    </row>
    <row r="405804" spans="14:14">
      <c r="N405804" s="10"/>
    </row>
    <row r="405805" spans="14:14">
      <c r="N405805" s="10"/>
    </row>
    <row r="405806" spans="14:14">
      <c r="N405806" s="10"/>
    </row>
    <row r="405807" spans="14:14">
      <c r="N405807" s="10"/>
    </row>
    <row r="405808" spans="14:14">
      <c r="N405808" s="10"/>
    </row>
    <row r="405809" spans="14:14">
      <c r="N405809" s="10"/>
    </row>
    <row r="405810" spans="14:14">
      <c r="N405810" s="10"/>
    </row>
    <row r="405811" spans="14:14">
      <c r="N405811" s="10"/>
    </row>
    <row r="405812" spans="14:14">
      <c r="N405812" s="10"/>
    </row>
    <row r="405813" spans="14:14">
      <c r="N405813" s="10"/>
    </row>
    <row r="405814" spans="14:14">
      <c r="N405814" s="10"/>
    </row>
    <row r="405815" spans="14:14">
      <c r="N405815" s="10"/>
    </row>
    <row r="405816" spans="14:14">
      <c r="N405816" s="10"/>
    </row>
    <row r="405817" spans="14:14">
      <c r="N405817" s="10"/>
    </row>
    <row r="405818" spans="14:14">
      <c r="N405818" s="10"/>
    </row>
    <row r="405819" spans="14:14">
      <c r="N405819" s="10"/>
    </row>
    <row r="405820" spans="14:14">
      <c r="N405820" s="10"/>
    </row>
    <row r="405821" spans="14:14">
      <c r="N405821" s="10"/>
    </row>
    <row r="405822" spans="14:14">
      <c r="N405822" s="10"/>
    </row>
    <row r="405823" spans="14:14">
      <c r="N405823" s="10"/>
    </row>
    <row r="405824" spans="14:14">
      <c r="N405824" s="10"/>
    </row>
    <row r="405825" spans="14:14">
      <c r="N405825" s="10"/>
    </row>
    <row r="405826" spans="14:14">
      <c r="N405826" s="10"/>
    </row>
    <row r="405827" spans="14:14">
      <c r="N405827" s="10"/>
    </row>
    <row r="405828" spans="14:14">
      <c r="N405828" s="10"/>
    </row>
    <row r="405829" spans="14:14">
      <c r="N405829" s="10"/>
    </row>
    <row r="405830" spans="14:14">
      <c r="N405830" s="10"/>
    </row>
    <row r="405831" spans="14:14">
      <c r="N405831" s="10"/>
    </row>
    <row r="405832" spans="14:14">
      <c r="N405832" s="10"/>
    </row>
    <row r="405833" spans="14:14">
      <c r="N405833" s="10"/>
    </row>
    <row r="405834" spans="14:14">
      <c r="N405834" s="10"/>
    </row>
    <row r="405835" spans="14:14">
      <c r="N405835" s="10"/>
    </row>
    <row r="405836" spans="14:14">
      <c r="N405836" s="10"/>
    </row>
    <row r="405837" spans="14:14">
      <c r="N405837" s="10"/>
    </row>
    <row r="405838" spans="14:14">
      <c r="N405838" s="10"/>
    </row>
    <row r="405839" spans="14:14">
      <c r="N405839" s="10"/>
    </row>
    <row r="405840" spans="14:14">
      <c r="N405840" s="10"/>
    </row>
    <row r="405841" spans="14:14">
      <c r="N405841" s="10"/>
    </row>
    <row r="405842" spans="14:14">
      <c r="N405842" s="10"/>
    </row>
    <row r="405843" spans="14:14">
      <c r="N405843" s="10"/>
    </row>
    <row r="405844" spans="14:14">
      <c r="N405844" s="10"/>
    </row>
    <row r="405845" spans="14:14">
      <c r="N405845" s="10"/>
    </row>
    <row r="405846" spans="14:14">
      <c r="N405846" s="10"/>
    </row>
    <row r="405847" spans="14:14">
      <c r="N405847" s="10"/>
    </row>
    <row r="405848" spans="14:14">
      <c r="N405848" s="10"/>
    </row>
    <row r="405849" spans="14:14">
      <c r="N405849" s="10"/>
    </row>
    <row r="405850" spans="14:14">
      <c r="N405850" s="10"/>
    </row>
    <row r="405851" spans="14:14">
      <c r="N405851" s="10"/>
    </row>
    <row r="405852" spans="14:14">
      <c r="N405852" s="10"/>
    </row>
    <row r="405853" spans="14:14">
      <c r="N405853" s="10"/>
    </row>
    <row r="405854" spans="14:14">
      <c r="N405854" s="10"/>
    </row>
    <row r="405855" spans="14:14">
      <c r="N405855" s="10"/>
    </row>
    <row r="405856" spans="14:14">
      <c r="N405856" s="10"/>
    </row>
    <row r="405857" spans="14:14">
      <c r="N405857" s="10"/>
    </row>
    <row r="405858" spans="14:14">
      <c r="N405858" s="10"/>
    </row>
    <row r="405859" spans="14:14">
      <c r="N405859" s="10"/>
    </row>
    <row r="405860" spans="14:14">
      <c r="N405860" s="10"/>
    </row>
    <row r="405861" spans="14:14">
      <c r="N405861" s="10"/>
    </row>
    <row r="405862" spans="14:14">
      <c r="N405862" s="10"/>
    </row>
    <row r="405863" spans="14:14">
      <c r="N405863" s="10"/>
    </row>
    <row r="405864" spans="14:14">
      <c r="N405864" s="10"/>
    </row>
    <row r="405865" spans="14:14">
      <c r="N405865" s="10"/>
    </row>
    <row r="405866" spans="14:14">
      <c r="N405866" s="10"/>
    </row>
    <row r="405867" spans="14:14">
      <c r="N405867" s="10"/>
    </row>
    <row r="405868" spans="14:14">
      <c r="N405868" s="10"/>
    </row>
    <row r="405869" spans="14:14">
      <c r="N405869" s="10"/>
    </row>
    <row r="405870" spans="14:14">
      <c r="N405870" s="10"/>
    </row>
    <row r="405871" spans="14:14">
      <c r="N405871" s="10"/>
    </row>
    <row r="405872" spans="14:14">
      <c r="N405872" s="10"/>
    </row>
    <row r="405873" spans="14:14">
      <c r="N405873" s="10"/>
    </row>
    <row r="405874" spans="14:14">
      <c r="N405874" s="10"/>
    </row>
    <row r="405875" spans="14:14">
      <c r="N405875" s="10"/>
    </row>
    <row r="405876" spans="14:14">
      <c r="N405876" s="10"/>
    </row>
    <row r="405877" spans="14:14">
      <c r="N405877" s="10"/>
    </row>
    <row r="405878" spans="14:14">
      <c r="N405878" s="10"/>
    </row>
    <row r="405879" spans="14:14">
      <c r="N405879" s="10"/>
    </row>
    <row r="405880" spans="14:14">
      <c r="N405880" s="10"/>
    </row>
    <row r="405881" spans="14:14">
      <c r="N405881" s="10"/>
    </row>
    <row r="405882" spans="14:14">
      <c r="N405882" s="10"/>
    </row>
    <row r="405883" spans="14:14">
      <c r="N405883" s="10"/>
    </row>
    <row r="405884" spans="14:14">
      <c r="N405884" s="10"/>
    </row>
    <row r="405885" spans="14:14">
      <c r="N405885" s="10"/>
    </row>
    <row r="405886" spans="14:14">
      <c r="N405886" s="10"/>
    </row>
    <row r="405887" spans="14:14">
      <c r="N405887" s="10"/>
    </row>
    <row r="405888" spans="14:14">
      <c r="N405888" s="10"/>
    </row>
    <row r="405889" spans="14:14">
      <c r="N405889" s="10"/>
    </row>
    <row r="405890" spans="14:14">
      <c r="N405890" s="10"/>
    </row>
    <row r="405891" spans="14:14">
      <c r="N405891" s="10"/>
    </row>
    <row r="405892" spans="14:14">
      <c r="N405892" s="10"/>
    </row>
    <row r="405893" spans="14:14">
      <c r="N405893" s="10"/>
    </row>
    <row r="405894" spans="14:14">
      <c r="N405894" s="10"/>
    </row>
    <row r="405895" spans="14:14">
      <c r="N405895" s="10"/>
    </row>
    <row r="405896" spans="14:14">
      <c r="N405896" s="10"/>
    </row>
    <row r="405897" spans="14:14">
      <c r="N405897" s="10"/>
    </row>
    <row r="405898" spans="14:14">
      <c r="N405898" s="10"/>
    </row>
    <row r="405899" spans="14:14">
      <c r="N405899" s="10"/>
    </row>
    <row r="405900" spans="14:14">
      <c r="N405900" s="10"/>
    </row>
    <row r="405901" spans="14:14">
      <c r="N405901" s="10"/>
    </row>
    <row r="405902" spans="14:14">
      <c r="N405902" s="10"/>
    </row>
    <row r="405903" spans="14:14">
      <c r="N405903" s="10"/>
    </row>
    <row r="405904" spans="14:14">
      <c r="N405904" s="10"/>
    </row>
    <row r="405905" spans="14:14">
      <c r="N405905" s="10"/>
    </row>
    <row r="405906" spans="14:14">
      <c r="N405906" s="10"/>
    </row>
    <row r="405907" spans="14:14">
      <c r="N405907" s="10"/>
    </row>
    <row r="405908" spans="14:14">
      <c r="N405908" s="10"/>
    </row>
    <row r="405909" spans="14:14">
      <c r="N405909" s="10"/>
    </row>
    <row r="405910" spans="14:14">
      <c r="N405910" s="10"/>
    </row>
    <row r="405911" spans="14:14">
      <c r="N405911" s="10"/>
    </row>
    <row r="405912" spans="14:14">
      <c r="N405912" s="10"/>
    </row>
    <row r="405913" spans="14:14">
      <c r="N405913" s="10"/>
    </row>
    <row r="405914" spans="14:14">
      <c r="N405914" s="10"/>
    </row>
    <row r="405915" spans="14:14">
      <c r="N405915" s="10"/>
    </row>
    <row r="405916" spans="14:14">
      <c r="N405916" s="10"/>
    </row>
    <row r="405917" spans="14:14">
      <c r="N405917" s="10"/>
    </row>
    <row r="405918" spans="14:14">
      <c r="N405918" s="10"/>
    </row>
    <row r="405919" spans="14:14">
      <c r="N405919" s="10"/>
    </row>
    <row r="405920" spans="14:14">
      <c r="N405920" s="10"/>
    </row>
    <row r="405921" spans="14:14">
      <c r="N405921" s="10"/>
    </row>
    <row r="405922" spans="14:14">
      <c r="N405922" s="10"/>
    </row>
    <row r="405923" spans="14:14">
      <c r="N405923" s="10"/>
    </row>
    <row r="405924" spans="14:14">
      <c r="N405924" s="10"/>
    </row>
    <row r="405925" spans="14:14">
      <c r="N405925" s="10"/>
    </row>
    <row r="405926" spans="14:14">
      <c r="N405926" s="10"/>
    </row>
    <row r="405927" spans="14:14">
      <c r="N405927" s="10"/>
    </row>
    <row r="405928" spans="14:14">
      <c r="N405928" s="10"/>
    </row>
    <row r="405929" spans="14:14">
      <c r="N405929" s="10"/>
    </row>
    <row r="405930" spans="14:14">
      <c r="N405930" s="10"/>
    </row>
    <row r="405931" spans="14:14">
      <c r="N405931" s="10"/>
    </row>
    <row r="405932" spans="14:14">
      <c r="N405932" s="10"/>
    </row>
    <row r="405933" spans="14:14">
      <c r="N405933" s="10"/>
    </row>
    <row r="405934" spans="14:14">
      <c r="N405934" s="10"/>
    </row>
    <row r="405935" spans="14:14">
      <c r="N405935" s="10"/>
    </row>
    <row r="405936" spans="14:14">
      <c r="N405936" s="10"/>
    </row>
    <row r="405937" spans="14:14">
      <c r="N405937" s="10"/>
    </row>
    <row r="405938" spans="14:14">
      <c r="N405938" s="10"/>
    </row>
    <row r="405939" spans="14:14">
      <c r="N405939" s="10"/>
    </row>
    <row r="405940" spans="14:14">
      <c r="N405940" s="10"/>
    </row>
    <row r="405941" spans="14:14">
      <c r="N405941" s="10"/>
    </row>
    <row r="405942" spans="14:14">
      <c r="N405942" s="10"/>
    </row>
    <row r="405943" spans="14:14">
      <c r="N405943" s="10"/>
    </row>
    <row r="405944" spans="14:14">
      <c r="N405944" s="10"/>
    </row>
    <row r="405945" spans="14:14">
      <c r="N405945" s="10"/>
    </row>
    <row r="405946" spans="14:14">
      <c r="N405946" s="10"/>
    </row>
    <row r="405947" spans="14:14">
      <c r="N405947" s="10"/>
    </row>
    <row r="405948" spans="14:14">
      <c r="N405948" s="10"/>
    </row>
    <row r="405949" spans="14:14">
      <c r="N405949" s="10"/>
    </row>
    <row r="405950" spans="14:14">
      <c r="N405950" s="10"/>
    </row>
    <row r="405951" spans="14:14">
      <c r="N405951" s="10"/>
    </row>
    <row r="405952" spans="14:14">
      <c r="N405952" s="10"/>
    </row>
    <row r="405953" spans="14:14">
      <c r="N405953" s="10"/>
    </row>
    <row r="405954" spans="14:14">
      <c r="N405954" s="10"/>
    </row>
    <row r="405955" spans="14:14">
      <c r="N405955" s="10"/>
    </row>
    <row r="405956" spans="14:14">
      <c r="N405956" s="10"/>
    </row>
    <row r="405957" spans="14:14">
      <c r="N405957" s="10"/>
    </row>
    <row r="405958" spans="14:14">
      <c r="N405958" s="10"/>
    </row>
    <row r="405959" spans="14:14">
      <c r="N405959" s="10"/>
    </row>
    <row r="405960" spans="14:14">
      <c r="N405960" s="10"/>
    </row>
    <row r="405961" spans="14:14">
      <c r="N405961" s="10"/>
    </row>
    <row r="405962" spans="14:14">
      <c r="N405962" s="10"/>
    </row>
    <row r="405963" spans="14:14">
      <c r="N405963" s="10"/>
    </row>
    <row r="405964" spans="14:14">
      <c r="N405964" s="10"/>
    </row>
    <row r="405965" spans="14:14">
      <c r="N405965" s="10"/>
    </row>
    <row r="405966" spans="14:14">
      <c r="N405966" s="10"/>
    </row>
    <row r="405967" spans="14:14">
      <c r="N405967" s="10"/>
    </row>
    <row r="405968" spans="14:14">
      <c r="N405968" s="10"/>
    </row>
    <row r="405969" spans="14:14">
      <c r="N405969" s="10"/>
    </row>
    <row r="405970" spans="14:14">
      <c r="N405970" s="10"/>
    </row>
    <row r="405971" spans="14:14">
      <c r="N405971" s="10"/>
    </row>
    <row r="405972" spans="14:14">
      <c r="N405972" s="10"/>
    </row>
    <row r="405973" spans="14:14">
      <c r="N405973" s="10"/>
    </row>
    <row r="405974" spans="14:14">
      <c r="N405974" s="10"/>
    </row>
    <row r="405975" spans="14:14">
      <c r="N405975" s="10"/>
    </row>
    <row r="405976" spans="14:14">
      <c r="N405976" s="10"/>
    </row>
    <row r="405977" spans="14:14">
      <c r="N405977" s="10"/>
    </row>
    <row r="405978" spans="14:14">
      <c r="N405978" s="10"/>
    </row>
    <row r="405979" spans="14:14">
      <c r="N405979" s="10"/>
    </row>
    <row r="405980" spans="14:14">
      <c r="N405980" s="10"/>
    </row>
    <row r="405981" spans="14:14">
      <c r="N405981" s="10"/>
    </row>
    <row r="405982" spans="14:14">
      <c r="N405982" s="10"/>
    </row>
    <row r="405983" spans="14:14">
      <c r="N405983" s="10"/>
    </row>
    <row r="405984" spans="14:14">
      <c r="N405984" s="10"/>
    </row>
    <row r="405985" spans="14:14">
      <c r="N405985" s="10"/>
    </row>
    <row r="405986" spans="14:14">
      <c r="N405986" s="10"/>
    </row>
    <row r="405987" spans="14:14">
      <c r="N405987" s="10"/>
    </row>
    <row r="405988" spans="14:14">
      <c r="N405988" s="10"/>
    </row>
    <row r="405989" spans="14:14">
      <c r="N405989" s="10"/>
    </row>
    <row r="405990" spans="14:14">
      <c r="N405990" s="10"/>
    </row>
    <row r="405991" spans="14:14">
      <c r="N405991" s="10"/>
    </row>
    <row r="405992" spans="14:14">
      <c r="N405992" s="10"/>
    </row>
    <row r="405993" spans="14:14">
      <c r="N405993" s="10"/>
    </row>
    <row r="405994" spans="14:14">
      <c r="N405994" s="10"/>
    </row>
    <row r="405995" spans="14:14">
      <c r="N405995" s="10"/>
    </row>
    <row r="405996" spans="14:14">
      <c r="N405996" s="10"/>
    </row>
    <row r="405997" spans="14:14">
      <c r="N405997" s="10"/>
    </row>
    <row r="405998" spans="14:14">
      <c r="N405998" s="10"/>
    </row>
    <row r="405999" spans="14:14">
      <c r="N405999" s="10"/>
    </row>
    <row r="406000" spans="14:14">
      <c r="N406000" s="10"/>
    </row>
    <row r="406001" spans="14:14">
      <c r="N406001" s="10"/>
    </row>
    <row r="406002" spans="14:14">
      <c r="N406002" s="10"/>
    </row>
    <row r="406003" spans="14:14">
      <c r="N406003" s="10"/>
    </row>
    <row r="406004" spans="14:14">
      <c r="N406004" s="10"/>
    </row>
    <row r="406005" spans="14:14">
      <c r="N406005" s="10"/>
    </row>
    <row r="406006" spans="14:14">
      <c r="N406006" s="10"/>
    </row>
    <row r="406007" spans="14:14">
      <c r="N406007" s="10"/>
    </row>
    <row r="406008" spans="14:14">
      <c r="N406008" s="10"/>
    </row>
    <row r="406009" spans="14:14">
      <c r="N406009" s="10"/>
    </row>
    <row r="406010" spans="14:14">
      <c r="N406010" s="10"/>
    </row>
    <row r="406011" spans="14:14">
      <c r="N406011" s="10"/>
    </row>
    <row r="406012" spans="14:14">
      <c r="N406012" s="10"/>
    </row>
    <row r="406013" spans="14:14">
      <c r="N406013" s="10"/>
    </row>
    <row r="406014" spans="14:14">
      <c r="N406014" s="10"/>
    </row>
    <row r="406015" spans="14:14">
      <c r="N406015" s="10"/>
    </row>
    <row r="406016" spans="14:14">
      <c r="N406016" s="10"/>
    </row>
    <row r="406017" spans="14:14">
      <c r="N406017" s="10"/>
    </row>
    <row r="406018" spans="14:14">
      <c r="N406018" s="10"/>
    </row>
    <row r="406019" spans="14:14">
      <c r="N406019" s="10"/>
    </row>
    <row r="406020" spans="14:14">
      <c r="N406020" s="10"/>
    </row>
    <row r="406021" spans="14:14">
      <c r="N406021" s="10"/>
    </row>
    <row r="406022" spans="14:14">
      <c r="N406022" s="10"/>
    </row>
    <row r="406023" spans="14:14">
      <c r="N406023" s="10"/>
    </row>
    <row r="406024" spans="14:14">
      <c r="N406024" s="10"/>
    </row>
    <row r="406025" spans="14:14">
      <c r="N406025" s="10"/>
    </row>
    <row r="406026" spans="14:14">
      <c r="N406026" s="10"/>
    </row>
    <row r="406027" spans="14:14">
      <c r="N406027" s="10"/>
    </row>
    <row r="406028" spans="14:14">
      <c r="N406028" s="10"/>
    </row>
    <row r="406029" spans="14:14">
      <c r="N406029" s="10"/>
    </row>
    <row r="406030" spans="14:14">
      <c r="N406030" s="10"/>
    </row>
    <row r="406031" spans="14:14">
      <c r="N406031" s="10"/>
    </row>
    <row r="406032" spans="14:14">
      <c r="N406032" s="10"/>
    </row>
    <row r="406033" spans="14:14">
      <c r="N406033" s="10"/>
    </row>
    <row r="406034" spans="14:14">
      <c r="N406034" s="10"/>
    </row>
    <row r="406035" spans="14:14">
      <c r="N406035" s="10"/>
    </row>
    <row r="406036" spans="14:14">
      <c r="N406036" s="10"/>
    </row>
    <row r="406037" spans="14:14">
      <c r="N406037" s="10"/>
    </row>
    <row r="406038" spans="14:14">
      <c r="N406038" s="10"/>
    </row>
    <row r="406039" spans="14:14">
      <c r="N406039" s="10"/>
    </row>
    <row r="406040" spans="14:14">
      <c r="N406040" s="10"/>
    </row>
    <row r="406041" spans="14:14">
      <c r="N406041" s="10"/>
    </row>
    <row r="406042" spans="14:14">
      <c r="N406042" s="10"/>
    </row>
    <row r="406043" spans="14:14">
      <c r="N406043" s="10"/>
    </row>
    <row r="406044" spans="14:14">
      <c r="N406044" s="10"/>
    </row>
    <row r="406045" spans="14:14">
      <c r="N406045" s="10"/>
    </row>
    <row r="406046" spans="14:14">
      <c r="N406046" s="10"/>
    </row>
    <row r="406047" spans="14:14">
      <c r="N406047" s="10"/>
    </row>
    <row r="406048" spans="14:14">
      <c r="N406048" s="10"/>
    </row>
    <row r="406049" spans="14:14">
      <c r="N406049" s="10"/>
    </row>
    <row r="406050" spans="14:14">
      <c r="N406050" s="10"/>
    </row>
    <row r="406051" spans="14:14">
      <c r="N406051" s="10"/>
    </row>
    <row r="406052" spans="14:14">
      <c r="N406052" s="10"/>
    </row>
    <row r="406053" spans="14:14">
      <c r="N406053" s="10"/>
    </row>
    <row r="406054" spans="14:14">
      <c r="N406054" s="10"/>
    </row>
    <row r="406055" spans="14:14">
      <c r="N406055" s="10"/>
    </row>
    <row r="406056" spans="14:14">
      <c r="N406056" s="10"/>
    </row>
    <row r="406057" spans="14:14">
      <c r="N406057" s="10"/>
    </row>
    <row r="406058" spans="14:14">
      <c r="N406058" s="10"/>
    </row>
    <row r="406059" spans="14:14">
      <c r="N406059" s="10"/>
    </row>
    <row r="406060" spans="14:14">
      <c r="N406060" s="10"/>
    </row>
    <row r="406061" spans="14:14">
      <c r="N406061" s="10"/>
    </row>
    <row r="406062" spans="14:14">
      <c r="N406062" s="10"/>
    </row>
    <row r="406063" spans="14:14">
      <c r="N406063" s="10"/>
    </row>
    <row r="406064" spans="14:14">
      <c r="N406064" s="10"/>
    </row>
    <row r="406065" spans="14:14">
      <c r="N406065" s="10"/>
    </row>
    <row r="406066" spans="14:14">
      <c r="N406066" s="10"/>
    </row>
    <row r="406067" spans="14:14">
      <c r="N406067" s="10"/>
    </row>
    <row r="406068" spans="14:14">
      <c r="N406068" s="10"/>
    </row>
    <row r="406069" spans="14:14">
      <c r="N406069" s="10"/>
    </row>
    <row r="406070" spans="14:14">
      <c r="N406070" s="10"/>
    </row>
    <row r="406071" spans="14:14">
      <c r="N406071" s="10"/>
    </row>
    <row r="406072" spans="14:14">
      <c r="N406072" s="10"/>
    </row>
    <row r="406073" spans="14:14">
      <c r="N406073" s="10"/>
    </row>
    <row r="406074" spans="14:14">
      <c r="N406074" s="10"/>
    </row>
    <row r="406075" spans="14:14">
      <c r="N406075" s="10"/>
    </row>
    <row r="406076" spans="14:14">
      <c r="N406076" s="10"/>
    </row>
    <row r="406077" spans="14:14">
      <c r="N406077" s="10"/>
    </row>
    <row r="406078" spans="14:14">
      <c r="N406078" s="10"/>
    </row>
    <row r="406079" spans="14:14">
      <c r="N406079" s="10"/>
    </row>
    <row r="406080" spans="14:14">
      <c r="N406080" s="10"/>
    </row>
    <row r="406081" spans="14:14">
      <c r="N406081" s="10"/>
    </row>
    <row r="406082" spans="14:14">
      <c r="N406082" s="10"/>
    </row>
    <row r="406083" spans="14:14">
      <c r="N406083" s="10"/>
    </row>
    <row r="406084" spans="14:14">
      <c r="N406084" s="10"/>
    </row>
    <row r="406085" spans="14:14">
      <c r="N406085" s="10"/>
    </row>
    <row r="406086" spans="14:14">
      <c r="N406086" s="10"/>
    </row>
    <row r="406087" spans="14:14">
      <c r="N406087" s="10"/>
    </row>
    <row r="406088" spans="14:14">
      <c r="N406088" s="10"/>
    </row>
    <row r="406089" spans="14:14">
      <c r="N406089" s="10"/>
    </row>
    <row r="406090" spans="14:14">
      <c r="N406090" s="10"/>
    </row>
    <row r="406091" spans="14:14">
      <c r="N406091" s="10"/>
    </row>
    <row r="406092" spans="14:14">
      <c r="N406092" s="10"/>
    </row>
    <row r="406093" spans="14:14">
      <c r="N406093" s="10"/>
    </row>
    <row r="406094" spans="14:14">
      <c r="N406094" s="10"/>
    </row>
    <row r="406095" spans="14:14">
      <c r="N406095" s="10"/>
    </row>
    <row r="406096" spans="14:14">
      <c r="N406096" s="10"/>
    </row>
    <row r="406097" spans="14:14">
      <c r="N406097" s="10"/>
    </row>
    <row r="406098" spans="14:14">
      <c r="N406098" s="10"/>
    </row>
    <row r="406099" spans="14:14">
      <c r="N406099" s="10"/>
    </row>
    <row r="406100" spans="14:14">
      <c r="N406100" s="10"/>
    </row>
    <row r="406101" spans="14:14">
      <c r="N406101" s="10"/>
    </row>
    <row r="406102" spans="14:14">
      <c r="N406102" s="10"/>
    </row>
    <row r="406103" spans="14:14">
      <c r="N406103" s="10"/>
    </row>
    <row r="406104" spans="14:14">
      <c r="N406104" s="10"/>
    </row>
    <row r="406105" spans="14:14">
      <c r="N406105" s="10"/>
    </row>
    <row r="406106" spans="14:14">
      <c r="N406106" s="10"/>
    </row>
    <row r="406107" spans="14:14">
      <c r="N406107" s="10"/>
    </row>
    <row r="406108" spans="14:14">
      <c r="N406108" s="10"/>
    </row>
    <row r="406109" spans="14:14">
      <c r="N406109" s="10"/>
    </row>
    <row r="406110" spans="14:14">
      <c r="N406110" s="10"/>
    </row>
    <row r="406111" spans="14:14">
      <c r="N406111" s="10"/>
    </row>
    <row r="406112" spans="14:14">
      <c r="N406112" s="10"/>
    </row>
    <row r="406113" spans="14:14">
      <c r="N406113" s="10"/>
    </row>
    <row r="406114" spans="14:14">
      <c r="N406114" s="10"/>
    </row>
    <row r="406115" spans="14:14">
      <c r="N406115" s="10"/>
    </row>
    <row r="406116" spans="14:14">
      <c r="N406116" s="10"/>
    </row>
    <row r="406117" spans="14:14">
      <c r="N406117" s="10"/>
    </row>
    <row r="406118" spans="14:14">
      <c r="N406118" s="10"/>
    </row>
    <row r="406119" spans="14:14">
      <c r="N406119" s="10"/>
    </row>
    <row r="406120" spans="14:14">
      <c r="N406120" s="10"/>
    </row>
    <row r="406121" spans="14:14">
      <c r="N406121" s="10"/>
    </row>
    <row r="406122" spans="14:14">
      <c r="N406122" s="10"/>
    </row>
    <row r="406123" spans="14:14">
      <c r="N406123" s="10"/>
    </row>
    <row r="406124" spans="14:14">
      <c r="N406124" s="10"/>
    </row>
    <row r="406125" spans="14:14">
      <c r="N406125" s="10"/>
    </row>
    <row r="406126" spans="14:14">
      <c r="N406126" s="10"/>
    </row>
    <row r="406127" spans="14:14">
      <c r="N406127" s="10"/>
    </row>
    <row r="406128" spans="14:14">
      <c r="N406128" s="10"/>
    </row>
    <row r="406129" spans="14:14">
      <c r="N406129" s="10"/>
    </row>
    <row r="406130" spans="14:14">
      <c r="N406130" s="10"/>
    </row>
    <row r="406131" spans="14:14">
      <c r="N406131" s="10"/>
    </row>
    <row r="406132" spans="14:14">
      <c r="N406132" s="10"/>
    </row>
    <row r="406133" spans="14:14">
      <c r="N406133" s="10"/>
    </row>
    <row r="406134" spans="14:14">
      <c r="N406134" s="10"/>
    </row>
    <row r="406135" spans="14:14">
      <c r="N406135" s="10"/>
    </row>
    <row r="406136" spans="14:14">
      <c r="N406136" s="10"/>
    </row>
    <row r="406137" spans="14:14">
      <c r="N406137" s="10"/>
    </row>
    <row r="406138" spans="14:14">
      <c r="N406138" s="10"/>
    </row>
    <row r="406139" spans="14:14">
      <c r="N406139" s="10"/>
    </row>
    <row r="406140" spans="14:14">
      <c r="N406140" s="10"/>
    </row>
    <row r="406141" spans="14:14">
      <c r="N406141" s="10"/>
    </row>
    <row r="406142" spans="14:14">
      <c r="N406142" s="10"/>
    </row>
    <row r="406143" spans="14:14">
      <c r="N406143" s="10"/>
    </row>
    <row r="406144" spans="14:14">
      <c r="N406144" s="10"/>
    </row>
    <row r="406145" spans="14:14">
      <c r="N406145" s="10"/>
    </row>
    <row r="406146" spans="14:14">
      <c r="N406146" s="10"/>
    </row>
    <row r="406147" spans="14:14">
      <c r="N406147" s="10"/>
    </row>
    <row r="406148" spans="14:14">
      <c r="N406148" s="10"/>
    </row>
    <row r="406149" spans="14:14">
      <c r="N406149" s="10"/>
    </row>
    <row r="406150" spans="14:14">
      <c r="N406150" s="10"/>
    </row>
    <row r="406151" spans="14:14">
      <c r="N406151" s="10"/>
    </row>
    <row r="406152" spans="14:14">
      <c r="N406152" s="10"/>
    </row>
    <row r="406153" spans="14:14">
      <c r="N406153" s="10"/>
    </row>
    <row r="406154" spans="14:14">
      <c r="N406154" s="10"/>
    </row>
    <row r="406155" spans="14:14">
      <c r="N406155" s="10"/>
    </row>
    <row r="406156" spans="14:14">
      <c r="N406156" s="10"/>
    </row>
    <row r="406157" spans="14:14">
      <c r="N406157" s="10"/>
    </row>
    <row r="406158" spans="14:14">
      <c r="N406158" s="10"/>
    </row>
    <row r="406159" spans="14:14">
      <c r="N406159" s="10"/>
    </row>
    <row r="406160" spans="14:14">
      <c r="N406160" s="10"/>
    </row>
    <row r="406161" spans="14:14">
      <c r="N406161" s="10"/>
    </row>
    <row r="406162" spans="14:14">
      <c r="N406162" s="10"/>
    </row>
    <row r="406163" spans="14:14">
      <c r="N406163" s="10"/>
    </row>
    <row r="406164" spans="14:14">
      <c r="N406164" s="10"/>
    </row>
    <row r="406165" spans="14:14">
      <c r="N406165" s="10"/>
    </row>
    <row r="406166" spans="14:14">
      <c r="N406166" s="10"/>
    </row>
    <row r="406167" spans="14:14">
      <c r="N406167" s="10"/>
    </row>
    <row r="406168" spans="14:14">
      <c r="N406168" s="10"/>
    </row>
    <row r="406169" spans="14:14">
      <c r="N406169" s="10"/>
    </row>
    <row r="406170" spans="14:14">
      <c r="N406170" s="10"/>
    </row>
    <row r="406171" spans="14:14">
      <c r="N406171" s="10"/>
    </row>
    <row r="406172" spans="14:14">
      <c r="N406172" s="10"/>
    </row>
    <row r="406173" spans="14:14">
      <c r="N406173" s="10"/>
    </row>
    <row r="406174" spans="14:14">
      <c r="N406174" s="10"/>
    </row>
    <row r="406175" spans="14:14">
      <c r="N406175" s="10"/>
    </row>
    <row r="406176" spans="14:14">
      <c r="N406176" s="10"/>
    </row>
    <row r="406177" spans="14:14">
      <c r="N406177" s="10"/>
    </row>
    <row r="406178" spans="14:14">
      <c r="N406178" s="10"/>
    </row>
    <row r="406179" spans="14:14">
      <c r="N406179" s="10"/>
    </row>
    <row r="406180" spans="14:14">
      <c r="N406180" s="10"/>
    </row>
    <row r="406181" spans="14:14">
      <c r="N406181" s="10"/>
    </row>
    <row r="406182" spans="14:14">
      <c r="N406182" s="10"/>
    </row>
    <row r="406183" spans="14:14">
      <c r="N406183" s="10"/>
    </row>
    <row r="406184" spans="14:14">
      <c r="N406184" s="10"/>
    </row>
    <row r="406185" spans="14:14">
      <c r="N406185" s="10"/>
    </row>
    <row r="406186" spans="14:14">
      <c r="N406186" s="10"/>
    </row>
    <row r="406187" spans="14:14">
      <c r="N406187" s="10"/>
    </row>
    <row r="406188" spans="14:14">
      <c r="N406188" s="10"/>
    </row>
    <row r="406189" spans="14:14">
      <c r="N406189" s="10"/>
    </row>
    <row r="406190" spans="14:14">
      <c r="N406190" s="10"/>
    </row>
    <row r="406191" spans="14:14">
      <c r="N406191" s="10"/>
    </row>
    <row r="406192" spans="14:14">
      <c r="N406192" s="10"/>
    </row>
    <row r="406193" spans="14:14">
      <c r="N406193" s="10"/>
    </row>
    <row r="406194" spans="14:14">
      <c r="N406194" s="10"/>
    </row>
    <row r="406195" spans="14:14">
      <c r="N406195" s="10"/>
    </row>
    <row r="406196" spans="14:14">
      <c r="N406196" s="10"/>
    </row>
    <row r="406197" spans="14:14">
      <c r="N406197" s="10"/>
    </row>
    <row r="406198" spans="14:14">
      <c r="N406198" s="10"/>
    </row>
    <row r="406199" spans="14:14">
      <c r="N406199" s="10"/>
    </row>
    <row r="406200" spans="14:14">
      <c r="N406200" s="10"/>
    </row>
    <row r="406201" spans="14:14">
      <c r="N406201" s="10"/>
    </row>
    <row r="406202" spans="14:14">
      <c r="N406202" s="10"/>
    </row>
    <row r="406203" spans="14:14">
      <c r="N406203" s="10"/>
    </row>
    <row r="406204" spans="14:14">
      <c r="N406204" s="10"/>
    </row>
    <row r="406205" spans="14:14">
      <c r="N406205" s="10"/>
    </row>
    <row r="406206" spans="14:14">
      <c r="N406206" s="10"/>
    </row>
    <row r="406207" spans="14:14">
      <c r="N406207" s="10"/>
    </row>
    <row r="406208" spans="14:14">
      <c r="N406208" s="10"/>
    </row>
    <row r="406209" spans="14:14">
      <c r="N406209" s="10"/>
    </row>
    <row r="406210" spans="14:14">
      <c r="N406210" s="10"/>
    </row>
    <row r="406211" spans="14:14">
      <c r="N406211" s="10"/>
    </row>
    <row r="406212" spans="14:14">
      <c r="N406212" s="10"/>
    </row>
    <row r="406213" spans="14:14">
      <c r="N406213" s="10"/>
    </row>
    <row r="406214" spans="14:14">
      <c r="N406214" s="10"/>
    </row>
    <row r="406215" spans="14:14">
      <c r="N406215" s="10"/>
    </row>
    <row r="406216" spans="14:14">
      <c r="N406216" s="10"/>
    </row>
    <row r="406217" spans="14:14">
      <c r="N406217" s="10"/>
    </row>
    <row r="406218" spans="14:14">
      <c r="N406218" s="10"/>
    </row>
    <row r="406219" spans="14:14">
      <c r="N406219" s="10"/>
    </row>
    <row r="406220" spans="14:14">
      <c r="N406220" s="10"/>
    </row>
    <row r="406221" spans="14:14">
      <c r="N406221" s="10"/>
    </row>
    <row r="406222" spans="14:14">
      <c r="N406222" s="10"/>
    </row>
    <row r="406223" spans="14:14">
      <c r="N406223" s="10"/>
    </row>
    <row r="406224" spans="14:14">
      <c r="N406224" s="10"/>
    </row>
    <row r="406225" spans="14:14">
      <c r="N406225" s="10"/>
    </row>
    <row r="406226" spans="14:14">
      <c r="N406226" s="10"/>
    </row>
    <row r="406227" spans="14:14">
      <c r="N406227" s="10"/>
    </row>
    <row r="406228" spans="14:14">
      <c r="N406228" s="10"/>
    </row>
    <row r="406229" spans="14:14">
      <c r="N406229" s="10"/>
    </row>
    <row r="406230" spans="14:14">
      <c r="N406230" s="10"/>
    </row>
    <row r="406231" spans="14:14">
      <c r="N406231" s="10"/>
    </row>
    <row r="406232" spans="14:14">
      <c r="N406232" s="10"/>
    </row>
    <row r="406233" spans="14:14">
      <c r="N406233" s="10"/>
    </row>
    <row r="406234" spans="14:14">
      <c r="N406234" s="10"/>
    </row>
    <row r="406235" spans="14:14">
      <c r="N406235" s="10"/>
    </row>
    <row r="406236" spans="14:14">
      <c r="N406236" s="10"/>
    </row>
    <row r="406237" spans="14:14">
      <c r="N406237" s="10"/>
    </row>
    <row r="406238" spans="14:14">
      <c r="N406238" s="10"/>
    </row>
    <row r="406239" spans="14:14">
      <c r="N406239" s="10"/>
    </row>
    <row r="406240" spans="14:14">
      <c r="N406240" s="10"/>
    </row>
    <row r="406241" spans="14:14">
      <c r="N406241" s="10"/>
    </row>
    <row r="406242" spans="14:14">
      <c r="N406242" s="10"/>
    </row>
    <row r="406243" spans="14:14">
      <c r="N406243" s="10"/>
    </row>
    <row r="406244" spans="14:14">
      <c r="N406244" s="10"/>
    </row>
    <row r="406245" spans="14:14">
      <c r="N406245" s="10"/>
    </row>
    <row r="406246" spans="14:14">
      <c r="N406246" s="10"/>
    </row>
    <row r="406247" spans="14:14">
      <c r="N406247" s="10"/>
    </row>
    <row r="406248" spans="14:14">
      <c r="N406248" s="10"/>
    </row>
    <row r="406249" spans="14:14">
      <c r="N406249" s="10"/>
    </row>
    <row r="406250" spans="14:14">
      <c r="N406250" s="10"/>
    </row>
    <row r="406251" spans="14:14">
      <c r="N406251" s="10"/>
    </row>
    <row r="406252" spans="14:14">
      <c r="N406252" s="10"/>
    </row>
    <row r="406253" spans="14:14">
      <c r="N406253" s="10"/>
    </row>
    <row r="406254" spans="14:14">
      <c r="N406254" s="10"/>
    </row>
    <row r="406255" spans="14:14">
      <c r="N406255" s="10"/>
    </row>
    <row r="406256" spans="14:14">
      <c r="N406256" s="10"/>
    </row>
    <row r="406257" spans="14:14">
      <c r="N406257" s="10"/>
    </row>
    <row r="406258" spans="14:14">
      <c r="N406258" s="10"/>
    </row>
    <row r="406259" spans="14:14">
      <c r="N406259" s="10"/>
    </row>
    <row r="406260" spans="14:14">
      <c r="N406260" s="10"/>
    </row>
    <row r="406261" spans="14:14">
      <c r="N406261" s="10"/>
    </row>
    <row r="406262" spans="14:14">
      <c r="N406262" s="10"/>
    </row>
    <row r="406263" spans="14:14">
      <c r="N406263" s="10"/>
    </row>
    <row r="406264" spans="14:14">
      <c r="N406264" s="10"/>
    </row>
    <row r="406265" spans="14:14">
      <c r="N406265" s="10"/>
    </row>
    <row r="406266" spans="14:14">
      <c r="N406266" s="10"/>
    </row>
    <row r="406267" spans="14:14">
      <c r="N406267" s="10"/>
    </row>
    <row r="406268" spans="14:14">
      <c r="N406268" s="10"/>
    </row>
    <row r="406269" spans="14:14">
      <c r="N406269" s="10"/>
    </row>
    <row r="406270" spans="14:14">
      <c r="N406270" s="10"/>
    </row>
    <row r="406271" spans="14:14">
      <c r="N406271" s="10"/>
    </row>
    <row r="406272" spans="14:14">
      <c r="N406272" s="10"/>
    </row>
    <row r="406273" spans="14:14">
      <c r="N406273" s="10"/>
    </row>
    <row r="406274" spans="14:14">
      <c r="N406274" s="10"/>
    </row>
    <row r="406275" spans="14:14">
      <c r="N406275" s="10"/>
    </row>
    <row r="406276" spans="14:14">
      <c r="N406276" s="10"/>
    </row>
    <row r="406277" spans="14:14">
      <c r="N406277" s="10"/>
    </row>
    <row r="406278" spans="14:14">
      <c r="N406278" s="10"/>
    </row>
    <row r="406279" spans="14:14">
      <c r="N406279" s="10"/>
    </row>
    <row r="406280" spans="14:14">
      <c r="N406280" s="10"/>
    </row>
    <row r="406281" spans="14:14">
      <c r="N406281" s="10"/>
    </row>
    <row r="406282" spans="14:14">
      <c r="N406282" s="10"/>
    </row>
    <row r="406283" spans="14:14">
      <c r="N406283" s="10"/>
    </row>
    <row r="406284" spans="14:14">
      <c r="N406284" s="10"/>
    </row>
    <row r="406285" spans="14:14">
      <c r="N406285" s="10"/>
    </row>
    <row r="406286" spans="14:14">
      <c r="N406286" s="10"/>
    </row>
    <row r="406287" spans="14:14">
      <c r="N406287" s="10"/>
    </row>
    <row r="406288" spans="14:14">
      <c r="N406288" s="10"/>
    </row>
    <row r="406289" spans="14:14">
      <c r="N406289" s="10"/>
    </row>
    <row r="406290" spans="14:14">
      <c r="N406290" s="10"/>
    </row>
    <row r="406291" spans="14:14">
      <c r="N406291" s="10"/>
    </row>
    <row r="406292" spans="14:14">
      <c r="N406292" s="10"/>
    </row>
    <row r="406293" spans="14:14">
      <c r="N406293" s="10"/>
    </row>
    <row r="406294" spans="14:14">
      <c r="N406294" s="10"/>
    </row>
    <row r="406295" spans="14:14">
      <c r="N406295" s="10"/>
    </row>
    <row r="406296" spans="14:14">
      <c r="N406296" s="10"/>
    </row>
    <row r="406297" spans="14:14">
      <c r="N406297" s="10"/>
    </row>
    <row r="406298" spans="14:14">
      <c r="N406298" s="10"/>
    </row>
    <row r="406299" spans="14:14">
      <c r="N406299" s="10"/>
    </row>
    <row r="406300" spans="14:14">
      <c r="N406300" s="10"/>
    </row>
    <row r="406301" spans="14:14">
      <c r="N406301" s="10"/>
    </row>
    <row r="406302" spans="14:14">
      <c r="N406302" s="10"/>
    </row>
    <row r="406303" spans="14:14">
      <c r="N406303" s="10"/>
    </row>
    <row r="406304" spans="14:14">
      <c r="N406304" s="10"/>
    </row>
    <row r="406305" spans="14:14">
      <c r="N406305" s="10"/>
    </row>
    <row r="406306" spans="14:14">
      <c r="N406306" s="10"/>
    </row>
    <row r="406307" spans="14:14">
      <c r="N406307" s="10"/>
    </row>
    <row r="406308" spans="14:14">
      <c r="N406308" s="10"/>
    </row>
    <row r="406309" spans="14:14">
      <c r="N406309" s="10"/>
    </row>
    <row r="406310" spans="14:14">
      <c r="N406310" s="10"/>
    </row>
    <row r="406311" spans="14:14">
      <c r="N406311" s="10"/>
    </row>
    <row r="406312" spans="14:14">
      <c r="N406312" s="10"/>
    </row>
    <row r="406313" spans="14:14">
      <c r="N406313" s="10"/>
    </row>
    <row r="406314" spans="14:14">
      <c r="N406314" s="10"/>
    </row>
    <row r="406315" spans="14:14">
      <c r="N406315" s="10"/>
    </row>
    <row r="406316" spans="14:14">
      <c r="N406316" s="10"/>
    </row>
    <row r="406317" spans="14:14">
      <c r="N406317" s="10"/>
    </row>
    <row r="406318" spans="14:14">
      <c r="N406318" s="10"/>
    </row>
    <row r="406319" spans="14:14">
      <c r="N406319" s="10"/>
    </row>
    <row r="406320" spans="14:14">
      <c r="N406320" s="10"/>
    </row>
    <row r="406321" spans="14:14">
      <c r="N406321" s="10"/>
    </row>
    <row r="406322" spans="14:14">
      <c r="N406322" s="10"/>
    </row>
    <row r="406323" spans="14:14">
      <c r="N406323" s="10"/>
    </row>
    <row r="406324" spans="14:14">
      <c r="N406324" s="10"/>
    </row>
    <row r="406325" spans="14:14">
      <c r="N406325" s="10"/>
    </row>
    <row r="406326" spans="14:14">
      <c r="N406326" s="10"/>
    </row>
    <row r="406327" spans="14:14">
      <c r="N406327" s="10"/>
    </row>
    <row r="406328" spans="14:14">
      <c r="N406328" s="10"/>
    </row>
    <row r="406329" spans="14:14">
      <c r="N406329" s="10"/>
    </row>
    <row r="406330" spans="14:14">
      <c r="N406330" s="10"/>
    </row>
    <row r="406331" spans="14:14">
      <c r="N406331" s="10"/>
    </row>
    <row r="406332" spans="14:14">
      <c r="N406332" s="10"/>
    </row>
    <row r="406333" spans="14:14">
      <c r="N406333" s="10"/>
    </row>
    <row r="406334" spans="14:14">
      <c r="N406334" s="10"/>
    </row>
    <row r="406335" spans="14:14">
      <c r="N406335" s="10"/>
    </row>
    <row r="406336" spans="14:14">
      <c r="N406336" s="10"/>
    </row>
    <row r="406337" spans="14:14">
      <c r="N406337" s="10"/>
    </row>
    <row r="406338" spans="14:14">
      <c r="N406338" s="10"/>
    </row>
    <row r="406339" spans="14:14">
      <c r="N406339" s="10"/>
    </row>
    <row r="406340" spans="14:14">
      <c r="N406340" s="10"/>
    </row>
    <row r="406341" spans="14:14">
      <c r="N406341" s="10"/>
    </row>
    <row r="406342" spans="14:14">
      <c r="N406342" s="10"/>
    </row>
    <row r="406343" spans="14:14">
      <c r="N406343" s="10"/>
    </row>
    <row r="406344" spans="14:14">
      <c r="N406344" s="10"/>
    </row>
    <row r="406345" spans="14:14">
      <c r="N406345" s="10"/>
    </row>
    <row r="406346" spans="14:14">
      <c r="N406346" s="10"/>
    </row>
    <row r="406347" spans="14:14">
      <c r="N406347" s="10"/>
    </row>
    <row r="406348" spans="14:14">
      <c r="N406348" s="10"/>
    </row>
    <row r="406349" spans="14:14">
      <c r="N406349" s="10"/>
    </row>
    <row r="406350" spans="14:14">
      <c r="N406350" s="10"/>
    </row>
    <row r="406351" spans="14:14">
      <c r="N406351" s="10"/>
    </row>
    <row r="406352" spans="14:14">
      <c r="N406352" s="10"/>
    </row>
    <row r="406353" spans="14:14">
      <c r="N406353" s="10"/>
    </row>
    <row r="406354" spans="14:14">
      <c r="N406354" s="10"/>
    </row>
    <row r="406355" spans="14:14">
      <c r="N406355" s="10"/>
    </row>
    <row r="406356" spans="14:14">
      <c r="N406356" s="10"/>
    </row>
    <row r="406357" spans="14:14">
      <c r="N406357" s="10"/>
    </row>
    <row r="406358" spans="14:14">
      <c r="N406358" s="10"/>
    </row>
    <row r="406359" spans="14:14">
      <c r="N406359" s="10"/>
    </row>
    <row r="406360" spans="14:14">
      <c r="N406360" s="10"/>
    </row>
    <row r="406361" spans="14:14">
      <c r="N406361" s="10"/>
    </row>
    <row r="406362" spans="14:14">
      <c r="N406362" s="10"/>
    </row>
    <row r="406363" spans="14:14">
      <c r="N406363" s="10"/>
    </row>
    <row r="406364" spans="14:14">
      <c r="N406364" s="10"/>
    </row>
    <row r="406365" spans="14:14">
      <c r="N406365" s="10"/>
    </row>
    <row r="406366" spans="14:14">
      <c r="N406366" s="10"/>
    </row>
    <row r="406367" spans="14:14">
      <c r="N406367" s="10"/>
    </row>
    <row r="406368" spans="14:14">
      <c r="N406368" s="10"/>
    </row>
    <row r="406369" spans="14:14">
      <c r="N406369" s="10"/>
    </row>
    <row r="406370" spans="14:14">
      <c r="N406370" s="10"/>
    </row>
    <row r="406371" spans="14:14">
      <c r="N406371" s="10"/>
    </row>
    <row r="406372" spans="14:14">
      <c r="N406372" s="10"/>
    </row>
    <row r="406373" spans="14:14">
      <c r="N406373" s="10"/>
    </row>
    <row r="406374" spans="14:14">
      <c r="N406374" s="10"/>
    </row>
    <row r="406375" spans="14:14">
      <c r="N406375" s="10"/>
    </row>
    <row r="406376" spans="14:14">
      <c r="N406376" s="10"/>
    </row>
    <row r="406377" spans="14:14">
      <c r="N406377" s="10"/>
    </row>
    <row r="406378" spans="14:14">
      <c r="N406378" s="10"/>
    </row>
    <row r="406379" spans="14:14">
      <c r="N406379" s="10"/>
    </row>
    <row r="406380" spans="14:14">
      <c r="N406380" s="10"/>
    </row>
    <row r="406381" spans="14:14">
      <c r="N406381" s="10"/>
    </row>
    <row r="406382" spans="14:14">
      <c r="N406382" s="10"/>
    </row>
    <row r="406383" spans="14:14">
      <c r="N406383" s="10"/>
    </row>
    <row r="406384" spans="14:14">
      <c r="N406384" s="10"/>
    </row>
    <row r="406385" spans="14:14">
      <c r="N406385" s="10"/>
    </row>
    <row r="406386" spans="14:14">
      <c r="N406386" s="10"/>
    </row>
    <row r="406387" spans="14:14">
      <c r="N406387" s="10"/>
    </row>
    <row r="406388" spans="14:14">
      <c r="N406388" s="10"/>
    </row>
    <row r="406389" spans="14:14">
      <c r="N406389" s="10"/>
    </row>
    <row r="406390" spans="14:14">
      <c r="N406390" s="10"/>
    </row>
    <row r="406391" spans="14:14">
      <c r="N406391" s="10"/>
    </row>
    <row r="406392" spans="14:14">
      <c r="N406392" s="10"/>
    </row>
    <row r="406393" spans="14:14">
      <c r="N406393" s="10"/>
    </row>
    <row r="406394" spans="14:14">
      <c r="N406394" s="10"/>
    </row>
    <row r="406395" spans="14:14">
      <c r="N406395" s="10"/>
    </row>
    <row r="406396" spans="14:14">
      <c r="N406396" s="10"/>
    </row>
    <row r="406397" spans="14:14">
      <c r="N406397" s="10"/>
    </row>
    <row r="406398" spans="14:14">
      <c r="N406398" s="10"/>
    </row>
    <row r="406399" spans="14:14">
      <c r="N406399" s="10"/>
    </row>
    <row r="406400" spans="14:14">
      <c r="N406400" s="10"/>
    </row>
    <row r="406401" spans="14:14">
      <c r="N406401" s="10"/>
    </row>
    <row r="406402" spans="14:14">
      <c r="N406402" s="10"/>
    </row>
    <row r="406403" spans="14:14">
      <c r="N406403" s="10"/>
    </row>
    <row r="406404" spans="14:14">
      <c r="N406404" s="10"/>
    </row>
    <row r="406405" spans="14:14">
      <c r="N406405" s="10"/>
    </row>
    <row r="406406" spans="14:14">
      <c r="N406406" s="10"/>
    </row>
    <row r="406407" spans="14:14">
      <c r="N406407" s="10"/>
    </row>
    <row r="406408" spans="14:14">
      <c r="N406408" s="10"/>
    </row>
    <row r="406409" spans="14:14">
      <c r="N406409" s="10"/>
    </row>
    <row r="406410" spans="14:14">
      <c r="N406410" s="10"/>
    </row>
    <row r="406411" spans="14:14">
      <c r="N406411" s="10"/>
    </row>
    <row r="406412" spans="14:14">
      <c r="N406412" s="10"/>
    </row>
    <row r="406413" spans="14:14">
      <c r="N406413" s="10"/>
    </row>
    <row r="406414" spans="14:14">
      <c r="N406414" s="10"/>
    </row>
    <row r="406415" spans="14:14">
      <c r="N406415" s="10"/>
    </row>
    <row r="406416" spans="14:14">
      <c r="N406416" s="10"/>
    </row>
    <row r="406417" spans="14:14">
      <c r="N406417" s="10"/>
    </row>
    <row r="406418" spans="14:14">
      <c r="N406418" s="10"/>
    </row>
    <row r="406419" spans="14:14">
      <c r="N406419" s="10"/>
    </row>
    <row r="406420" spans="14:14">
      <c r="N406420" s="10"/>
    </row>
    <row r="406421" spans="14:14">
      <c r="N406421" s="10"/>
    </row>
    <row r="406422" spans="14:14">
      <c r="N406422" s="10"/>
    </row>
    <row r="406423" spans="14:14">
      <c r="N406423" s="10"/>
    </row>
    <row r="406424" spans="14:14">
      <c r="N406424" s="10"/>
    </row>
    <row r="406425" spans="14:14">
      <c r="N406425" s="10"/>
    </row>
    <row r="406426" spans="14:14">
      <c r="N406426" s="10"/>
    </row>
    <row r="406427" spans="14:14">
      <c r="N406427" s="10"/>
    </row>
    <row r="406428" spans="14:14">
      <c r="N406428" s="10"/>
    </row>
    <row r="406429" spans="14:14">
      <c r="N406429" s="10"/>
    </row>
    <row r="406430" spans="14:14">
      <c r="N406430" s="10"/>
    </row>
    <row r="406431" spans="14:14">
      <c r="N406431" s="10"/>
    </row>
    <row r="406432" spans="14:14">
      <c r="N406432" s="10"/>
    </row>
    <row r="406433" spans="14:14">
      <c r="N406433" s="10"/>
    </row>
    <row r="406434" spans="14:14">
      <c r="N406434" s="10"/>
    </row>
    <row r="406435" spans="14:14">
      <c r="N406435" s="10"/>
    </row>
    <row r="406436" spans="14:14">
      <c r="N406436" s="10"/>
    </row>
    <row r="406437" spans="14:14">
      <c r="N406437" s="10"/>
    </row>
    <row r="406438" spans="14:14">
      <c r="N406438" s="10"/>
    </row>
    <row r="406439" spans="14:14">
      <c r="N406439" s="10"/>
    </row>
    <row r="406440" spans="14:14">
      <c r="N406440" s="10"/>
    </row>
    <row r="406441" spans="14:14">
      <c r="N406441" s="10"/>
    </row>
    <row r="406442" spans="14:14">
      <c r="N406442" s="10"/>
    </row>
    <row r="406443" spans="14:14">
      <c r="N406443" s="10"/>
    </row>
    <row r="406444" spans="14:14">
      <c r="N406444" s="10"/>
    </row>
    <row r="406445" spans="14:14">
      <c r="N406445" s="10"/>
    </row>
    <row r="406446" spans="14:14">
      <c r="N406446" s="10"/>
    </row>
    <row r="406447" spans="14:14">
      <c r="N406447" s="10"/>
    </row>
    <row r="406448" spans="14:14">
      <c r="N406448" s="10"/>
    </row>
    <row r="406449" spans="14:14">
      <c r="N406449" s="10"/>
    </row>
    <row r="406450" spans="14:14">
      <c r="N406450" s="10"/>
    </row>
    <row r="406451" spans="14:14">
      <c r="N406451" s="10"/>
    </row>
    <row r="406452" spans="14:14">
      <c r="N406452" s="10"/>
    </row>
    <row r="406453" spans="14:14">
      <c r="N406453" s="10"/>
    </row>
    <row r="406454" spans="14:14">
      <c r="N406454" s="10"/>
    </row>
    <row r="406455" spans="14:14">
      <c r="N406455" s="10"/>
    </row>
    <row r="406456" spans="14:14">
      <c r="N406456" s="10"/>
    </row>
    <row r="406457" spans="14:14">
      <c r="N406457" s="10"/>
    </row>
    <row r="406458" spans="14:14">
      <c r="N406458" s="10"/>
    </row>
    <row r="406459" spans="14:14">
      <c r="N406459" s="10"/>
    </row>
    <row r="406460" spans="14:14">
      <c r="N406460" s="10"/>
    </row>
    <row r="406461" spans="14:14">
      <c r="N406461" s="10"/>
    </row>
    <row r="406462" spans="14:14">
      <c r="N406462" s="10"/>
    </row>
    <row r="406463" spans="14:14">
      <c r="N406463" s="10"/>
    </row>
    <row r="406464" spans="14:14">
      <c r="N406464" s="10"/>
    </row>
    <row r="406465" spans="14:14">
      <c r="N406465" s="10"/>
    </row>
    <row r="406466" spans="14:14">
      <c r="N406466" s="10"/>
    </row>
    <row r="406467" spans="14:14">
      <c r="N406467" s="10"/>
    </row>
    <row r="406468" spans="14:14">
      <c r="N406468" s="10"/>
    </row>
    <row r="406469" spans="14:14">
      <c r="N406469" s="10"/>
    </row>
    <row r="406470" spans="14:14">
      <c r="N406470" s="10"/>
    </row>
    <row r="406471" spans="14:14">
      <c r="N406471" s="10"/>
    </row>
    <row r="406472" spans="14:14">
      <c r="N406472" s="10"/>
    </row>
    <row r="406473" spans="14:14">
      <c r="N406473" s="10"/>
    </row>
    <row r="406474" spans="14:14">
      <c r="N406474" s="10"/>
    </row>
    <row r="406475" spans="14:14">
      <c r="N406475" s="10"/>
    </row>
    <row r="406476" spans="14:14">
      <c r="N406476" s="10"/>
    </row>
    <row r="406477" spans="14:14">
      <c r="N406477" s="10"/>
    </row>
    <row r="406478" spans="14:14">
      <c r="N406478" s="10"/>
    </row>
    <row r="406479" spans="14:14">
      <c r="N406479" s="10"/>
    </row>
    <row r="406480" spans="14:14">
      <c r="N406480" s="10"/>
    </row>
    <row r="406481" spans="14:14">
      <c r="N406481" s="10"/>
    </row>
    <row r="406482" spans="14:14">
      <c r="N406482" s="10"/>
    </row>
    <row r="406483" spans="14:14">
      <c r="N406483" s="10"/>
    </row>
    <row r="406484" spans="14:14">
      <c r="N406484" s="10"/>
    </row>
    <row r="406485" spans="14:14">
      <c r="N406485" s="10"/>
    </row>
    <row r="406486" spans="14:14">
      <c r="N406486" s="10"/>
    </row>
    <row r="406487" spans="14:14">
      <c r="N406487" s="10"/>
    </row>
    <row r="406488" spans="14:14">
      <c r="N406488" s="10"/>
    </row>
    <row r="406489" spans="14:14">
      <c r="N406489" s="10"/>
    </row>
    <row r="406490" spans="14:14">
      <c r="N406490" s="10"/>
    </row>
    <row r="406491" spans="14:14">
      <c r="N406491" s="10"/>
    </row>
    <row r="406492" spans="14:14">
      <c r="N406492" s="10"/>
    </row>
    <row r="406493" spans="14:14">
      <c r="N406493" s="10"/>
    </row>
    <row r="406494" spans="14:14">
      <c r="N406494" s="10"/>
    </row>
    <row r="406495" spans="14:14">
      <c r="N406495" s="10"/>
    </row>
    <row r="406496" spans="14:14">
      <c r="N406496" s="10"/>
    </row>
    <row r="406497" spans="14:14">
      <c r="N406497" s="10"/>
    </row>
    <row r="406498" spans="14:14">
      <c r="N406498" s="10"/>
    </row>
    <row r="406499" spans="14:14">
      <c r="N406499" s="10"/>
    </row>
    <row r="406500" spans="14:14">
      <c r="N406500" s="10"/>
    </row>
    <row r="406501" spans="14:14">
      <c r="N406501" s="10"/>
    </row>
    <row r="406502" spans="14:14">
      <c r="N406502" s="10"/>
    </row>
    <row r="406503" spans="14:14">
      <c r="N406503" s="10"/>
    </row>
    <row r="406504" spans="14:14">
      <c r="N406504" s="10"/>
    </row>
    <row r="406505" spans="14:14">
      <c r="N406505" s="10"/>
    </row>
    <row r="406506" spans="14:14">
      <c r="N406506" s="10"/>
    </row>
    <row r="406507" spans="14:14">
      <c r="N406507" s="10"/>
    </row>
    <row r="406508" spans="14:14">
      <c r="N406508" s="10"/>
    </row>
    <row r="406509" spans="14:14">
      <c r="N406509" s="10"/>
    </row>
    <row r="406510" spans="14:14">
      <c r="N406510" s="10"/>
    </row>
    <row r="406511" spans="14:14">
      <c r="N406511" s="10"/>
    </row>
    <row r="406512" spans="14:14">
      <c r="N406512" s="10"/>
    </row>
    <row r="406513" spans="14:14">
      <c r="N406513" s="10"/>
    </row>
    <row r="406514" spans="14:14">
      <c r="N406514" s="10"/>
    </row>
    <row r="406515" spans="14:14">
      <c r="N406515" s="10"/>
    </row>
    <row r="406516" spans="14:14">
      <c r="N406516" s="10"/>
    </row>
    <row r="406517" spans="14:14">
      <c r="N406517" s="10"/>
    </row>
    <row r="406518" spans="14:14">
      <c r="N406518" s="10"/>
    </row>
    <row r="406519" spans="14:14">
      <c r="N406519" s="10"/>
    </row>
    <row r="406520" spans="14:14">
      <c r="N406520" s="10"/>
    </row>
    <row r="406521" spans="14:14">
      <c r="N406521" s="10"/>
    </row>
    <row r="406522" spans="14:14">
      <c r="N406522" s="10"/>
    </row>
    <row r="406523" spans="14:14">
      <c r="N406523" s="10"/>
    </row>
    <row r="406524" spans="14:14">
      <c r="N406524" s="10"/>
    </row>
    <row r="406525" spans="14:14">
      <c r="N406525" s="10"/>
    </row>
    <row r="406526" spans="14:14">
      <c r="N406526" s="10"/>
    </row>
    <row r="406527" spans="14:14">
      <c r="N406527" s="10"/>
    </row>
    <row r="406528" spans="14:14">
      <c r="N406528" s="10"/>
    </row>
    <row r="406529" spans="14:14">
      <c r="N406529" s="10"/>
    </row>
    <row r="406530" spans="14:14">
      <c r="N406530" s="10"/>
    </row>
    <row r="406531" spans="14:14">
      <c r="N406531" s="10"/>
    </row>
    <row r="406532" spans="14:14">
      <c r="N406532" s="10"/>
    </row>
    <row r="406533" spans="14:14">
      <c r="N406533" s="10"/>
    </row>
    <row r="406534" spans="14:14">
      <c r="N406534" s="10"/>
    </row>
    <row r="406535" spans="14:14">
      <c r="N406535" s="10"/>
    </row>
    <row r="406536" spans="14:14">
      <c r="N406536" s="10"/>
    </row>
    <row r="406537" spans="14:14">
      <c r="N406537" s="10"/>
    </row>
    <row r="406538" spans="14:14">
      <c r="N406538" s="10"/>
    </row>
    <row r="406539" spans="14:14">
      <c r="N406539" s="10"/>
    </row>
    <row r="406540" spans="14:14">
      <c r="N406540" s="10"/>
    </row>
    <row r="406541" spans="14:14">
      <c r="N406541" s="10"/>
    </row>
    <row r="406542" spans="14:14">
      <c r="N406542" s="10"/>
    </row>
    <row r="406543" spans="14:14">
      <c r="N406543" s="10"/>
    </row>
    <row r="406544" spans="14:14">
      <c r="N406544" s="10"/>
    </row>
    <row r="406545" spans="14:14">
      <c r="N406545" s="10"/>
    </row>
    <row r="406546" spans="14:14">
      <c r="N406546" s="10"/>
    </row>
    <row r="406547" spans="14:14">
      <c r="N406547" s="10"/>
    </row>
    <row r="406548" spans="14:14">
      <c r="N406548" s="10"/>
    </row>
    <row r="406549" spans="14:14">
      <c r="N406549" s="10"/>
    </row>
    <row r="406550" spans="14:14">
      <c r="N406550" s="10"/>
    </row>
    <row r="406551" spans="14:14">
      <c r="N406551" s="10"/>
    </row>
    <row r="406552" spans="14:14">
      <c r="N406552" s="10"/>
    </row>
    <row r="406553" spans="14:14">
      <c r="N406553" s="10"/>
    </row>
    <row r="406554" spans="14:14">
      <c r="N406554" s="10"/>
    </row>
    <row r="406555" spans="14:14">
      <c r="N406555" s="10"/>
    </row>
    <row r="406556" spans="14:14">
      <c r="N406556" s="10"/>
    </row>
    <row r="406557" spans="14:14">
      <c r="N406557" s="10"/>
    </row>
    <row r="406558" spans="14:14">
      <c r="N406558" s="10"/>
    </row>
    <row r="406559" spans="14:14">
      <c r="N406559" s="10"/>
    </row>
    <row r="406560" spans="14:14">
      <c r="N406560" s="10"/>
    </row>
    <row r="406561" spans="14:14">
      <c r="N406561" s="10"/>
    </row>
    <row r="406562" spans="14:14">
      <c r="N406562" s="10"/>
    </row>
    <row r="406563" spans="14:14">
      <c r="N406563" s="10"/>
    </row>
    <row r="406564" spans="14:14">
      <c r="N406564" s="10"/>
    </row>
    <row r="406565" spans="14:14">
      <c r="N406565" s="10"/>
    </row>
    <row r="406566" spans="14:14">
      <c r="N406566" s="10"/>
    </row>
    <row r="406567" spans="14:14">
      <c r="N406567" s="10"/>
    </row>
    <row r="406568" spans="14:14">
      <c r="N406568" s="10"/>
    </row>
    <row r="406569" spans="14:14">
      <c r="N406569" s="10"/>
    </row>
    <row r="406570" spans="14:14">
      <c r="N406570" s="10"/>
    </row>
    <row r="406571" spans="14:14">
      <c r="N406571" s="10"/>
    </row>
    <row r="406572" spans="14:14">
      <c r="N406572" s="10"/>
    </row>
    <row r="406573" spans="14:14">
      <c r="N406573" s="10"/>
    </row>
    <row r="406574" spans="14:14">
      <c r="N406574" s="10"/>
    </row>
    <row r="406575" spans="14:14">
      <c r="N406575" s="10"/>
    </row>
    <row r="406576" spans="14:14">
      <c r="N406576" s="10"/>
    </row>
    <row r="406577" spans="14:14">
      <c r="N406577" s="10"/>
    </row>
    <row r="406578" spans="14:14">
      <c r="N406578" s="10"/>
    </row>
    <row r="406579" spans="14:14">
      <c r="N406579" s="10"/>
    </row>
    <row r="406580" spans="14:14">
      <c r="N406580" s="10"/>
    </row>
    <row r="406581" spans="14:14">
      <c r="N406581" s="10"/>
    </row>
    <row r="406582" spans="14:14">
      <c r="N406582" s="10"/>
    </row>
    <row r="406583" spans="14:14">
      <c r="N406583" s="10"/>
    </row>
    <row r="406584" spans="14:14">
      <c r="N406584" s="10"/>
    </row>
    <row r="406585" spans="14:14">
      <c r="N406585" s="10"/>
    </row>
    <row r="406586" spans="14:14">
      <c r="N406586" s="10"/>
    </row>
    <row r="406587" spans="14:14">
      <c r="N406587" s="10"/>
    </row>
    <row r="406588" spans="14:14">
      <c r="N406588" s="10"/>
    </row>
    <row r="406589" spans="14:14">
      <c r="N406589" s="10"/>
    </row>
    <row r="406590" spans="14:14">
      <c r="N406590" s="10"/>
    </row>
    <row r="406591" spans="14:14">
      <c r="N406591" s="10"/>
    </row>
    <row r="406592" spans="14:14">
      <c r="N406592" s="10"/>
    </row>
    <row r="406593" spans="14:14">
      <c r="N406593" s="10"/>
    </row>
    <row r="406594" spans="14:14">
      <c r="N406594" s="10"/>
    </row>
    <row r="406595" spans="14:14">
      <c r="N406595" s="10"/>
    </row>
    <row r="406596" spans="14:14">
      <c r="N406596" s="10"/>
    </row>
    <row r="406597" spans="14:14">
      <c r="N406597" s="10"/>
    </row>
    <row r="406598" spans="14:14">
      <c r="N406598" s="10"/>
    </row>
    <row r="406599" spans="14:14">
      <c r="N406599" s="10"/>
    </row>
    <row r="406600" spans="14:14">
      <c r="N406600" s="10"/>
    </row>
    <row r="406601" spans="14:14">
      <c r="N406601" s="10"/>
    </row>
    <row r="406602" spans="14:14">
      <c r="N406602" s="10"/>
    </row>
    <row r="406603" spans="14:14">
      <c r="N406603" s="10"/>
    </row>
    <row r="406604" spans="14:14">
      <c r="N406604" s="10"/>
    </row>
    <row r="406605" spans="14:14">
      <c r="N406605" s="10"/>
    </row>
    <row r="406606" spans="14:14">
      <c r="N406606" s="10"/>
    </row>
    <row r="406607" spans="14:14">
      <c r="N406607" s="10"/>
    </row>
    <row r="406608" spans="14:14">
      <c r="N406608" s="10"/>
    </row>
    <row r="406609" spans="14:14">
      <c r="N406609" s="10"/>
    </row>
    <row r="406610" spans="14:14">
      <c r="N406610" s="10"/>
    </row>
    <row r="406611" spans="14:14">
      <c r="N406611" s="10"/>
    </row>
    <row r="406612" spans="14:14">
      <c r="N406612" s="10"/>
    </row>
    <row r="406613" spans="14:14">
      <c r="N406613" s="10"/>
    </row>
    <row r="406614" spans="14:14">
      <c r="N406614" s="10"/>
    </row>
    <row r="406615" spans="14:14">
      <c r="N406615" s="10"/>
    </row>
    <row r="406616" spans="14:14">
      <c r="N406616" s="10"/>
    </row>
    <row r="406617" spans="14:14">
      <c r="N406617" s="10"/>
    </row>
    <row r="406618" spans="14:14">
      <c r="N406618" s="10"/>
    </row>
    <row r="406619" spans="14:14">
      <c r="N406619" s="10"/>
    </row>
    <row r="406620" spans="14:14">
      <c r="N406620" s="10"/>
    </row>
    <row r="406621" spans="14:14">
      <c r="N406621" s="10"/>
    </row>
    <row r="406622" spans="14:14">
      <c r="N406622" s="10"/>
    </row>
    <row r="406623" spans="14:14">
      <c r="N406623" s="10"/>
    </row>
    <row r="406624" spans="14:14">
      <c r="N406624" s="10"/>
    </row>
    <row r="406625" spans="14:14">
      <c r="N406625" s="10"/>
    </row>
    <row r="406626" spans="14:14">
      <c r="N406626" s="10"/>
    </row>
    <row r="406627" spans="14:14">
      <c r="N406627" s="10"/>
    </row>
    <row r="406628" spans="14:14">
      <c r="N406628" s="10"/>
    </row>
    <row r="406629" spans="14:14">
      <c r="N406629" s="10"/>
    </row>
    <row r="406630" spans="14:14">
      <c r="N406630" s="10"/>
    </row>
    <row r="406631" spans="14:14">
      <c r="N406631" s="10"/>
    </row>
    <row r="406632" spans="14:14">
      <c r="N406632" s="10"/>
    </row>
    <row r="406633" spans="14:14">
      <c r="N406633" s="10"/>
    </row>
    <row r="406634" spans="14:14">
      <c r="N406634" s="10"/>
    </row>
    <row r="406635" spans="14:14">
      <c r="N406635" s="10"/>
    </row>
    <row r="406636" spans="14:14">
      <c r="N406636" s="10"/>
    </row>
    <row r="406637" spans="14:14">
      <c r="N406637" s="10"/>
    </row>
    <row r="406638" spans="14:14">
      <c r="N406638" s="10"/>
    </row>
    <row r="406639" spans="14:14">
      <c r="N406639" s="10"/>
    </row>
    <row r="406640" spans="14:14">
      <c r="N406640" s="10"/>
    </row>
    <row r="406641" spans="14:14">
      <c r="N406641" s="10"/>
    </row>
    <row r="406642" spans="14:14">
      <c r="N406642" s="10"/>
    </row>
    <row r="406643" spans="14:14">
      <c r="N406643" s="10"/>
    </row>
    <row r="406644" spans="14:14">
      <c r="N406644" s="10"/>
    </row>
    <row r="406645" spans="14:14">
      <c r="N406645" s="10"/>
    </row>
    <row r="406646" spans="14:14">
      <c r="N406646" s="10"/>
    </row>
    <row r="406647" spans="14:14">
      <c r="N406647" s="10"/>
    </row>
    <row r="406648" spans="14:14">
      <c r="N406648" s="10"/>
    </row>
    <row r="406649" spans="14:14">
      <c r="N406649" s="10"/>
    </row>
    <row r="406650" spans="14:14">
      <c r="N406650" s="10"/>
    </row>
    <row r="406651" spans="14:14">
      <c r="N406651" s="10"/>
    </row>
    <row r="406652" spans="14:14">
      <c r="N406652" s="10"/>
    </row>
    <row r="406653" spans="14:14">
      <c r="N406653" s="10"/>
    </row>
    <row r="406654" spans="14:14">
      <c r="N406654" s="10"/>
    </row>
    <row r="406655" spans="14:14">
      <c r="N406655" s="10"/>
    </row>
    <row r="406656" spans="14:14">
      <c r="N406656" s="10"/>
    </row>
    <row r="406657" spans="14:14">
      <c r="N406657" s="10"/>
    </row>
    <row r="406658" spans="14:14">
      <c r="N406658" s="10"/>
    </row>
    <row r="406659" spans="14:14">
      <c r="N406659" s="10"/>
    </row>
    <row r="406660" spans="14:14">
      <c r="N406660" s="10"/>
    </row>
    <row r="406661" spans="14:14">
      <c r="N406661" s="10"/>
    </row>
    <row r="406662" spans="14:14">
      <c r="N406662" s="10"/>
    </row>
    <row r="406663" spans="14:14">
      <c r="N406663" s="10"/>
    </row>
    <row r="406664" spans="14:14">
      <c r="N406664" s="10"/>
    </row>
    <row r="406665" spans="14:14">
      <c r="N406665" s="10"/>
    </row>
    <row r="406666" spans="14:14">
      <c r="N406666" s="10"/>
    </row>
    <row r="406667" spans="14:14">
      <c r="N406667" s="10"/>
    </row>
    <row r="406668" spans="14:14">
      <c r="N406668" s="10"/>
    </row>
    <row r="406669" spans="14:14">
      <c r="N406669" s="10"/>
    </row>
    <row r="406670" spans="14:14">
      <c r="N406670" s="10"/>
    </row>
    <row r="406671" spans="14:14">
      <c r="N406671" s="10"/>
    </row>
    <row r="406672" spans="14:14">
      <c r="N406672" s="10"/>
    </row>
    <row r="406673" spans="14:14">
      <c r="N406673" s="10"/>
    </row>
    <row r="406674" spans="14:14">
      <c r="N406674" s="10"/>
    </row>
    <row r="406675" spans="14:14">
      <c r="N406675" s="10"/>
    </row>
    <row r="406676" spans="14:14">
      <c r="N406676" s="10"/>
    </row>
    <row r="406677" spans="14:14">
      <c r="N406677" s="10"/>
    </row>
    <row r="406678" spans="14:14">
      <c r="N406678" s="10"/>
    </row>
    <row r="406679" spans="14:14">
      <c r="N406679" s="10"/>
    </row>
    <row r="406680" spans="14:14">
      <c r="N406680" s="10"/>
    </row>
    <row r="406681" spans="14:14">
      <c r="N406681" s="10"/>
    </row>
    <row r="406682" spans="14:14">
      <c r="N406682" s="10"/>
    </row>
    <row r="406683" spans="14:14">
      <c r="N406683" s="10"/>
    </row>
    <row r="406684" spans="14:14">
      <c r="N406684" s="10"/>
    </row>
    <row r="406685" spans="14:14">
      <c r="N406685" s="10"/>
    </row>
    <row r="406686" spans="14:14">
      <c r="N406686" s="10"/>
    </row>
    <row r="406687" spans="14:14">
      <c r="N406687" s="10"/>
    </row>
    <row r="406688" spans="14:14">
      <c r="N406688" s="10"/>
    </row>
    <row r="406689" spans="14:14">
      <c r="N406689" s="10"/>
    </row>
    <row r="406690" spans="14:14">
      <c r="N406690" s="10"/>
    </row>
    <row r="406691" spans="14:14">
      <c r="N406691" s="10"/>
    </row>
    <row r="406692" spans="14:14">
      <c r="N406692" s="10"/>
    </row>
    <row r="406693" spans="14:14">
      <c r="N406693" s="10"/>
    </row>
    <row r="406694" spans="14:14">
      <c r="N406694" s="10"/>
    </row>
    <row r="406695" spans="14:14">
      <c r="N406695" s="10"/>
    </row>
    <row r="406696" spans="14:14">
      <c r="N406696" s="10"/>
    </row>
    <row r="406697" spans="14:14">
      <c r="N406697" s="10"/>
    </row>
    <row r="406698" spans="14:14">
      <c r="N406698" s="10"/>
    </row>
    <row r="406699" spans="14:14">
      <c r="N406699" s="10"/>
    </row>
    <row r="406700" spans="14:14">
      <c r="N406700" s="10"/>
    </row>
    <row r="406701" spans="14:14">
      <c r="N406701" s="10"/>
    </row>
    <row r="406702" spans="14:14">
      <c r="N406702" s="10"/>
    </row>
    <row r="406703" spans="14:14">
      <c r="N406703" s="10"/>
    </row>
    <row r="406704" spans="14:14">
      <c r="N406704" s="10"/>
    </row>
    <row r="406705" spans="14:14">
      <c r="N406705" s="10"/>
    </row>
    <row r="406706" spans="14:14">
      <c r="N406706" s="10"/>
    </row>
    <row r="406707" spans="14:14">
      <c r="N406707" s="10"/>
    </row>
    <row r="406708" spans="14:14">
      <c r="N406708" s="10"/>
    </row>
    <row r="406709" spans="14:14">
      <c r="N406709" s="10"/>
    </row>
    <row r="406710" spans="14:14">
      <c r="N406710" s="10"/>
    </row>
    <row r="406711" spans="14:14">
      <c r="N406711" s="10"/>
    </row>
    <row r="406712" spans="14:14">
      <c r="N406712" s="10"/>
    </row>
    <row r="406713" spans="14:14">
      <c r="N406713" s="10"/>
    </row>
    <row r="406714" spans="14:14">
      <c r="N406714" s="10"/>
    </row>
    <row r="406715" spans="14:14">
      <c r="N406715" s="10"/>
    </row>
    <row r="406716" spans="14:14">
      <c r="N406716" s="10"/>
    </row>
    <row r="406717" spans="14:14">
      <c r="N406717" s="10"/>
    </row>
    <row r="406718" spans="14:14">
      <c r="N406718" s="10"/>
    </row>
    <row r="406719" spans="14:14">
      <c r="N406719" s="10"/>
    </row>
    <row r="406720" spans="14:14">
      <c r="N406720" s="10"/>
    </row>
    <row r="406721" spans="14:14">
      <c r="N406721" s="10"/>
    </row>
    <row r="406722" spans="14:14">
      <c r="N406722" s="10"/>
    </row>
    <row r="406723" spans="14:14">
      <c r="N406723" s="10"/>
    </row>
    <row r="406724" spans="14:14">
      <c r="N406724" s="10"/>
    </row>
    <row r="406725" spans="14:14">
      <c r="N406725" s="10"/>
    </row>
    <row r="406726" spans="14:14">
      <c r="N406726" s="10"/>
    </row>
    <row r="406727" spans="14:14">
      <c r="N406727" s="10"/>
    </row>
    <row r="406728" spans="14:14">
      <c r="N406728" s="10"/>
    </row>
    <row r="406729" spans="14:14">
      <c r="N406729" s="10"/>
    </row>
    <row r="406730" spans="14:14">
      <c r="N406730" s="10"/>
    </row>
    <row r="406731" spans="14:14">
      <c r="N406731" s="10"/>
    </row>
    <row r="406732" spans="14:14">
      <c r="N406732" s="10"/>
    </row>
    <row r="406733" spans="14:14">
      <c r="N406733" s="10"/>
    </row>
    <row r="406734" spans="14:14">
      <c r="N406734" s="10"/>
    </row>
    <row r="406735" spans="14:14">
      <c r="N406735" s="10"/>
    </row>
    <row r="406736" spans="14:14">
      <c r="N406736" s="10"/>
    </row>
    <row r="406737" spans="14:14">
      <c r="N406737" s="10"/>
    </row>
    <row r="406738" spans="14:14">
      <c r="N406738" s="10"/>
    </row>
    <row r="406739" spans="14:14">
      <c r="N406739" s="10"/>
    </row>
    <row r="406740" spans="14:14">
      <c r="N406740" s="10"/>
    </row>
    <row r="406741" spans="14:14">
      <c r="N406741" s="10"/>
    </row>
    <row r="406742" spans="14:14">
      <c r="N406742" s="10"/>
    </row>
    <row r="406743" spans="14:14">
      <c r="N406743" s="10"/>
    </row>
    <row r="406744" spans="14:14">
      <c r="N406744" s="10"/>
    </row>
    <row r="406745" spans="14:14">
      <c r="N406745" s="10"/>
    </row>
    <row r="406746" spans="14:14">
      <c r="N406746" s="10"/>
    </row>
    <row r="406747" spans="14:14">
      <c r="N406747" s="10"/>
    </row>
    <row r="406748" spans="14:14">
      <c r="N406748" s="10"/>
    </row>
    <row r="406749" spans="14:14">
      <c r="N406749" s="10"/>
    </row>
    <row r="406750" spans="14:14">
      <c r="N406750" s="10"/>
    </row>
    <row r="406751" spans="14:14">
      <c r="N406751" s="10"/>
    </row>
    <row r="406752" spans="14:14">
      <c r="N406752" s="10"/>
    </row>
    <row r="406753" spans="14:14">
      <c r="N406753" s="10"/>
    </row>
    <row r="406754" spans="14:14">
      <c r="N406754" s="10"/>
    </row>
    <row r="406755" spans="14:14">
      <c r="N406755" s="10"/>
    </row>
    <row r="406756" spans="14:14">
      <c r="N406756" s="10"/>
    </row>
    <row r="406757" spans="14:14">
      <c r="N406757" s="10"/>
    </row>
    <row r="406758" spans="14:14">
      <c r="N406758" s="10"/>
    </row>
    <row r="406759" spans="14:14">
      <c r="N406759" s="10"/>
    </row>
    <row r="406760" spans="14:14">
      <c r="N406760" s="10"/>
    </row>
    <row r="406761" spans="14:14">
      <c r="N406761" s="10"/>
    </row>
    <row r="406762" spans="14:14">
      <c r="N406762" s="10"/>
    </row>
    <row r="406763" spans="14:14">
      <c r="N406763" s="10"/>
    </row>
    <row r="406764" spans="14:14">
      <c r="N406764" s="10"/>
    </row>
    <row r="406765" spans="14:14">
      <c r="N406765" s="10"/>
    </row>
    <row r="406766" spans="14:14">
      <c r="N406766" s="10"/>
    </row>
    <row r="406767" spans="14:14">
      <c r="N406767" s="10"/>
    </row>
    <row r="406768" spans="14:14">
      <c r="N406768" s="10"/>
    </row>
    <row r="406769" spans="14:14">
      <c r="N406769" s="10"/>
    </row>
    <row r="406770" spans="14:14">
      <c r="N406770" s="10"/>
    </row>
    <row r="406771" spans="14:14">
      <c r="N406771" s="10"/>
    </row>
    <row r="406772" spans="14:14">
      <c r="N406772" s="10"/>
    </row>
    <row r="406773" spans="14:14">
      <c r="N406773" s="10"/>
    </row>
    <row r="406774" spans="14:14">
      <c r="N406774" s="10"/>
    </row>
    <row r="406775" spans="14:14">
      <c r="N406775" s="10"/>
    </row>
    <row r="406776" spans="14:14">
      <c r="N406776" s="10"/>
    </row>
    <row r="406777" spans="14:14">
      <c r="N406777" s="10"/>
    </row>
    <row r="406778" spans="14:14">
      <c r="N406778" s="10"/>
    </row>
    <row r="406779" spans="14:14">
      <c r="N406779" s="10"/>
    </row>
    <row r="406780" spans="14:14">
      <c r="N406780" s="10"/>
    </row>
    <row r="406781" spans="14:14">
      <c r="N406781" s="10"/>
    </row>
    <row r="406782" spans="14:14">
      <c r="N406782" s="10"/>
    </row>
    <row r="406783" spans="14:14">
      <c r="N406783" s="10"/>
    </row>
    <row r="406784" spans="14:14">
      <c r="N406784" s="10"/>
    </row>
    <row r="406785" spans="14:14">
      <c r="N406785" s="10"/>
    </row>
    <row r="406786" spans="14:14">
      <c r="N406786" s="10"/>
    </row>
    <row r="406787" spans="14:14">
      <c r="N406787" s="10"/>
    </row>
    <row r="406788" spans="14:14">
      <c r="N406788" s="10"/>
    </row>
    <row r="406789" spans="14:14">
      <c r="N406789" s="10"/>
    </row>
    <row r="406790" spans="14:14">
      <c r="N406790" s="10"/>
    </row>
    <row r="406791" spans="14:14">
      <c r="N406791" s="10"/>
    </row>
    <row r="406792" spans="14:14">
      <c r="N406792" s="10"/>
    </row>
    <row r="406793" spans="14:14">
      <c r="N406793" s="10"/>
    </row>
    <row r="406794" spans="14:14">
      <c r="N406794" s="10"/>
    </row>
    <row r="406795" spans="14:14">
      <c r="N406795" s="10"/>
    </row>
    <row r="406796" spans="14:14">
      <c r="N406796" s="10"/>
    </row>
    <row r="406797" spans="14:14">
      <c r="N406797" s="10"/>
    </row>
    <row r="406798" spans="14:14">
      <c r="N406798" s="10"/>
    </row>
    <row r="406799" spans="14:14">
      <c r="N406799" s="10"/>
    </row>
    <row r="406800" spans="14:14">
      <c r="N406800" s="10"/>
    </row>
    <row r="406801" spans="14:14">
      <c r="N406801" s="10"/>
    </row>
    <row r="406802" spans="14:14">
      <c r="N406802" s="10"/>
    </row>
    <row r="406803" spans="14:14">
      <c r="N406803" s="10"/>
    </row>
    <row r="406804" spans="14:14">
      <c r="N406804" s="10"/>
    </row>
    <row r="406805" spans="14:14">
      <c r="N406805" s="10"/>
    </row>
    <row r="406806" spans="14:14">
      <c r="N406806" s="10"/>
    </row>
    <row r="406807" spans="14:14">
      <c r="N406807" s="10"/>
    </row>
    <row r="406808" spans="14:14">
      <c r="N406808" s="10"/>
    </row>
    <row r="406809" spans="14:14">
      <c r="N406809" s="10"/>
    </row>
    <row r="406810" spans="14:14">
      <c r="N406810" s="10"/>
    </row>
    <row r="406811" spans="14:14">
      <c r="N406811" s="10"/>
    </row>
    <row r="406812" spans="14:14">
      <c r="N406812" s="10"/>
    </row>
    <row r="406813" spans="14:14">
      <c r="N406813" s="10"/>
    </row>
    <row r="406814" spans="14:14">
      <c r="N406814" s="10"/>
    </row>
    <row r="406815" spans="14:14">
      <c r="N406815" s="10"/>
    </row>
    <row r="406816" spans="14:14">
      <c r="N406816" s="10"/>
    </row>
    <row r="406817" spans="14:14">
      <c r="N406817" s="10"/>
    </row>
    <row r="406818" spans="14:14">
      <c r="N406818" s="10"/>
    </row>
    <row r="406819" spans="14:14">
      <c r="N406819" s="10"/>
    </row>
    <row r="406820" spans="14:14">
      <c r="N406820" s="10"/>
    </row>
    <row r="406821" spans="14:14">
      <c r="N406821" s="10"/>
    </row>
    <row r="406822" spans="14:14">
      <c r="N406822" s="10"/>
    </row>
    <row r="406823" spans="14:14">
      <c r="N406823" s="10"/>
    </row>
    <row r="406824" spans="14:14">
      <c r="N406824" s="10"/>
    </row>
    <row r="406825" spans="14:14">
      <c r="N406825" s="10"/>
    </row>
    <row r="406826" spans="14:14">
      <c r="N406826" s="10"/>
    </row>
    <row r="406827" spans="14:14">
      <c r="N406827" s="10"/>
    </row>
    <row r="406828" spans="14:14">
      <c r="N406828" s="10"/>
    </row>
    <row r="406829" spans="14:14">
      <c r="N406829" s="10"/>
    </row>
    <row r="406830" spans="14:14">
      <c r="N406830" s="10"/>
    </row>
    <row r="406831" spans="14:14">
      <c r="N406831" s="10"/>
    </row>
    <row r="406832" spans="14:14">
      <c r="N406832" s="10"/>
    </row>
    <row r="406833" spans="14:14">
      <c r="N406833" s="10"/>
    </row>
    <row r="406834" spans="14:14">
      <c r="N406834" s="10"/>
    </row>
    <row r="406835" spans="14:14">
      <c r="N406835" s="10"/>
    </row>
    <row r="406836" spans="14:14">
      <c r="N406836" s="10"/>
    </row>
    <row r="406837" spans="14:14">
      <c r="N406837" s="10"/>
    </row>
    <row r="406838" spans="14:14">
      <c r="N406838" s="10"/>
    </row>
    <row r="406839" spans="14:14">
      <c r="N406839" s="10"/>
    </row>
    <row r="406840" spans="14:14">
      <c r="N406840" s="10"/>
    </row>
    <row r="406841" spans="14:14">
      <c r="N406841" s="10"/>
    </row>
    <row r="406842" spans="14:14">
      <c r="N406842" s="10"/>
    </row>
    <row r="406843" spans="14:14">
      <c r="N406843" s="10"/>
    </row>
    <row r="406844" spans="14:14">
      <c r="N406844" s="10"/>
    </row>
    <row r="406845" spans="14:14">
      <c r="N406845" s="10"/>
    </row>
    <row r="406846" spans="14:14">
      <c r="N406846" s="10"/>
    </row>
    <row r="406847" spans="14:14">
      <c r="N406847" s="10"/>
    </row>
    <row r="406848" spans="14:14">
      <c r="N406848" s="10"/>
    </row>
    <row r="406849" spans="14:14">
      <c r="N406849" s="10"/>
    </row>
    <row r="406850" spans="14:14">
      <c r="N406850" s="10"/>
    </row>
    <row r="406851" spans="14:14">
      <c r="N406851" s="10"/>
    </row>
    <row r="406852" spans="14:14">
      <c r="N406852" s="10"/>
    </row>
    <row r="406853" spans="14:14">
      <c r="N406853" s="10"/>
    </row>
    <row r="406854" spans="14:14">
      <c r="N406854" s="10"/>
    </row>
    <row r="406855" spans="14:14">
      <c r="N406855" s="10"/>
    </row>
    <row r="406856" spans="14:14">
      <c r="N406856" s="10"/>
    </row>
    <row r="406857" spans="14:14">
      <c r="N406857" s="10"/>
    </row>
    <row r="406858" spans="14:14">
      <c r="N406858" s="10"/>
    </row>
    <row r="406859" spans="14:14">
      <c r="N406859" s="10"/>
    </row>
    <row r="406860" spans="14:14">
      <c r="N406860" s="10"/>
    </row>
    <row r="406861" spans="14:14">
      <c r="N406861" s="10"/>
    </row>
    <row r="406862" spans="14:14">
      <c r="N406862" s="10"/>
    </row>
    <row r="406863" spans="14:14">
      <c r="N406863" s="10"/>
    </row>
    <row r="406864" spans="14:14">
      <c r="N406864" s="10"/>
    </row>
    <row r="406865" spans="14:14">
      <c r="N406865" s="10"/>
    </row>
    <row r="406866" spans="14:14">
      <c r="N406866" s="10"/>
    </row>
    <row r="406867" spans="14:14">
      <c r="N406867" s="10"/>
    </row>
    <row r="406868" spans="14:14">
      <c r="N406868" s="10"/>
    </row>
    <row r="406869" spans="14:14">
      <c r="N406869" s="10"/>
    </row>
    <row r="406870" spans="14:14">
      <c r="N406870" s="10"/>
    </row>
    <row r="406871" spans="14:14">
      <c r="N406871" s="10"/>
    </row>
    <row r="406872" spans="14:14">
      <c r="N406872" s="10"/>
    </row>
    <row r="406873" spans="14:14">
      <c r="N406873" s="10"/>
    </row>
    <row r="406874" spans="14:14">
      <c r="N406874" s="10"/>
    </row>
    <row r="406875" spans="14:14">
      <c r="N406875" s="10"/>
    </row>
    <row r="406876" spans="14:14">
      <c r="N406876" s="10"/>
    </row>
    <row r="406877" spans="14:14">
      <c r="N406877" s="10"/>
    </row>
    <row r="406878" spans="14:14">
      <c r="N406878" s="10"/>
    </row>
    <row r="406879" spans="14:14">
      <c r="N406879" s="10"/>
    </row>
    <row r="406880" spans="14:14">
      <c r="N406880" s="10"/>
    </row>
    <row r="406881" spans="14:14">
      <c r="N406881" s="10"/>
    </row>
    <row r="406882" spans="14:14">
      <c r="N406882" s="10"/>
    </row>
    <row r="406883" spans="14:14">
      <c r="N406883" s="10"/>
    </row>
    <row r="406884" spans="14:14">
      <c r="N406884" s="10"/>
    </row>
    <row r="406885" spans="14:14">
      <c r="N406885" s="10"/>
    </row>
    <row r="406886" spans="14:14">
      <c r="N406886" s="10"/>
    </row>
    <row r="406887" spans="14:14">
      <c r="N406887" s="10"/>
    </row>
    <row r="406888" spans="14:14">
      <c r="N406888" s="10"/>
    </row>
    <row r="406889" spans="14:14">
      <c r="N406889" s="10"/>
    </row>
    <row r="406890" spans="14:14">
      <c r="N406890" s="10"/>
    </row>
    <row r="406891" spans="14:14">
      <c r="N406891" s="10"/>
    </row>
    <row r="406892" spans="14:14">
      <c r="N406892" s="10"/>
    </row>
    <row r="406893" spans="14:14">
      <c r="N406893" s="10"/>
    </row>
    <row r="406894" spans="14:14">
      <c r="N406894" s="10"/>
    </row>
    <row r="406895" spans="14:14">
      <c r="N406895" s="10"/>
    </row>
    <row r="406896" spans="14:14">
      <c r="N406896" s="10"/>
    </row>
    <row r="406897" spans="14:14">
      <c r="N406897" s="10"/>
    </row>
    <row r="406898" spans="14:14">
      <c r="N406898" s="10"/>
    </row>
    <row r="406899" spans="14:14">
      <c r="N406899" s="10"/>
    </row>
    <row r="406900" spans="14:14">
      <c r="N406900" s="10"/>
    </row>
    <row r="406901" spans="14:14">
      <c r="N406901" s="10"/>
    </row>
    <row r="406902" spans="14:14">
      <c r="N406902" s="10"/>
    </row>
    <row r="406903" spans="14:14">
      <c r="N406903" s="10"/>
    </row>
    <row r="406904" spans="14:14">
      <c r="N406904" s="10"/>
    </row>
    <row r="406905" spans="14:14">
      <c r="N406905" s="10"/>
    </row>
    <row r="406906" spans="14:14">
      <c r="N406906" s="10"/>
    </row>
    <row r="406907" spans="14:14">
      <c r="N406907" s="10"/>
    </row>
    <row r="406908" spans="14:14">
      <c r="N406908" s="10"/>
    </row>
    <row r="406909" spans="14:14">
      <c r="N406909" s="10"/>
    </row>
    <row r="406910" spans="14:14">
      <c r="N406910" s="10"/>
    </row>
    <row r="406911" spans="14:14">
      <c r="N406911" s="10"/>
    </row>
    <row r="406912" spans="14:14">
      <c r="N406912" s="10"/>
    </row>
    <row r="406913" spans="14:14">
      <c r="N406913" s="10"/>
    </row>
    <row r="406914" spans="14:14">
      <c r="N406914" s="10"/>
    </row>
    <row r="406915" spans="14:14">
      <c r="N406915" s="10"/>
    </row>
    <row r="406916" spans="14:14">
      <c r="N406916" s="10"/>
    </row>
    <row r="406917" spans="14:14">
      <c r="N406917" s="10"/>
    </row>
    <row r="406918" spans="14:14">
      <c r="N406918" s="10"/>
    </row>
    <row r="406919" spans="14:14">
      <c r="N406919" s="10"/>
    </row>
    <row r="406920" spans="14:14">
      <c r="N406920" s="10"/>
    </row>
    <row r="406921" spans="14:14">
      <c r="N406921" s="10"/>
    </row>
    <row r="406922" spans="14:14">
      <c r="N406922" s="10"/>
    </row>
    <row r="406923" spans="14:14">
      <c r="N406923" s="10"/>
    </row>
    <row r="406924" spans="14:14">
      <c r="N406924" s="10"/>
    </row>
    <row r="406925" spans="14:14">
      <c r="N406925" s="10"/>
    </row>
    <row r="406926" spans="14:14">
      <c r="N406926" s="10"/>
    </row>
    <row r="406927" spans="14:14">
      <c r="N406927" s="10"/>
    </row>
    <row r="406928" spans="14:14">
      <c r="N406928" s="10"/>
    </row>
    <row r="406929" spans="14:14">
      <c r="N406929" s="10"/>
    </row>
    <row r="406930" spans="14:14">
      <c r="N406930" s="10"/>
    </row>
    <row r="406931" spans="14:14">
      <c r="N406931" s="10"/>
    </row>
    <row r="406932" spans="14:14">
      <c r="N406932" s="10"/>
    </row>
    <row r="406933" spans="14:14">
      <c r="N406933" s="10"/>
    </row>
    <row r="406934" spans="14:14">
      <c r="N406934" s="10"/>
    </row>
    <row r="406935" spans="14:14">
      <c r="N406935" s="10"/>
    </row>
    <row r="406936" spans="14:14">
      <c r="N406936" s="10"/>
    </row>
    <row r="406937" spans="14:14">
      <c r="N406937" s="10"/>
    </row>
    <row r="406938" spans="14:14">
      <c r="N406938" s="10"/>
    </row>
    <row r="406939" spans="14:14">
      <c r="N406939" s="10"/>
    </row>
    <row r="406940" spans="14:14">
      <c r="N406940" s="10"/>
    </row>
    <row r="406941" spans="14:14">
      <c r="N406941" s="10"/>
    </row>
    <row r="406942" spans="14:14">
      <c r="N406942" s="10"/>
    </row>
    <row r="406943" spans="14:14">
      <c r="N406943" s="10"/>
    </row>
    <row r="406944" spans="14:14">
      <c r="N406944" s="10"/>
    </row>
    <row r="406945" spans="14:14">
      <c r="N406945" s="10"/>
    </row>
    <row r="406946" spans="14:14">
      <c r="N406946" s="10"/>
    </row>
    <row r="406947" spans="14:14">
      <c r="N406947" s="10"/>
    </row>
    <row r="406948" spans="14:14">
      <c r="N406948" s="10"/>
    </row>
    <row r="406949" spans="14:14">
      <c r="N406949" s="10"/>
    </row>
    <row r="406950" spans="14:14">
      <c r="N406950" s="10"/>
    </row>
    <row r="406951" spans="14:14">
      <c r="N406951" s="10"/>
    </row>
    <row r="406952" spans="14:14">
      <c r="N406952" s="10"/>
    </row>
    <row r="406953" spans="14:14">
      <c r="N406953" s="10"/>
    </row>
    <row r="406954" spans="14:14">
      <c r="N406954" s="10"/>
    </row>
    <row r="406955" spans="14:14">
      <c r="N406955" s="10"/>
    </row>
    <row r="406956" spans="14:14">
      <c r="N406956" s="10"/>
    </row>
    <row r="406957" spans="14:14">
      <c r="N406957" s="10"/>
    </row>
    <row r="406958" spans="14:14">
      <c r="N406958" s="10"/>
    </row>
    <row r="406959" spans="14:14">
      <c r="N406959" s="10"/>
    </row>
    <row r="406960" spans="14:14">
      <c r="N406960" s="10"/>
    </row>
    <row r="406961" spans="14:14">
      <c r="N406961" s="10"/>
    </row>
    <row r="406962" spans="14:14">
      <c r="N406962" s="10"/>
    </row>
    <row r="406963" spans="14:14">
      <c r="N406963" s="10"/>
    </row>
    <row r="406964" spans="14:14">
      <c r="N406964" s="10"/>
    </row>
    <row r="406965" spans="14:14">
      <c r="N406965" s="10"/>
    </row>
    <row r="406966" spans="14:14">
      <c r="N406966" s="10"/>
    </row>
    <row r="406967" spans="14:14">
      <c r="N406967" s="10"/>
    </row>
    <row r="406968" spans="14:14">
      <c r="N406968" s="10"/>
    </row>
    <row r="406969" spans="14:14">
      <c r="N406969" s="10"/>
    </row>
    <row r="406970" spans="14:14">
      <c r="N406970" s="10"/>
    </row>
    <row r="406971" spans="14:14">
      <c r="N406971" s="10"/>
    </row>
    <row r="406972" spans="14:14">
      <c r="N406972" s="10"/>
    </row>
    <row r="406973" spans="14:14">
      <c r="N406973" s="10"/>
    </row>
    <row r="406974" spans="14:14">
      <c r="N406974" s="10"/>
    </row>
    <row r="406975" spans="14:14">
      <c r="N406975" s="10"/>
    </row>
    <row r="406976" spans="14:14">
      <c r="N406976" s="10"/>
    </row>
    <row r="406977" spans="14:14">
      <c r="N406977" s="10"/>
    </row>
    <row r="406978" spans="14:14">
      <c r="N406978" s="10"/>
    </row>
    <row r="406979" spans="14:14">
      <c r="N406979" s="10"/>
    </row>
    <row r="406980" spans="14:14">
      <c r="N406980" s="10"/>
    </row>
    <row r="406981" spans="14:14">
      <c r="N406981" s="10"/>
    </row>
    <row r="406982" spans="14:14">
      <c r="N406982" s="10"/>
    </row>
    <row r="406983" spans="14:14">
      <c r="N406983" s="10"/>
    </row>
    <row r="406984" spans="14:14">
      <c r="N406984" s="10"/>
    </row>
    <row r="406985" spans="14:14">
      <c r="N406985" s="10"/>
    </row>
    <row r="406986" spans="14:14">
      <c r="N406986" s="10"/>
    </row>
    <row r="406987" spans="14:14">
      <c r="N406987" s="10"/>
    </row>
    <row r="406988" spans="14:14">
      <c r="N406988" s="10"/>
    </row>
    <row r="406989" spans="14:14">
      <c r="N406989" s="10"/>
    </row>
    <row r="406990" spans="14:14">
      <c r="N406990" s="10"/>
    </row>
    <row r="406991" spans="14:14">
      <c r="N406991" s="10"/>
    </row>
    <row r="406992" spans="14:14">
      <c r="N406992" s="10"/>
    </row>
    <row r="406993" spans="14:14">
      <c r="N406993" s="10"/>
    </row>
    <row r="406994" spans="14:14">
      <c r="N406994" s="10"/>
    </row>
    <row r="406995" spans="14:14">
      <c r="N406995" s="10"/>
    </row>
    <row r="406996" spans="14:14">
      <c r="N406996" s="10"/>
    </row>
    <row r="406997" spans="14:14">
      <c r="N406997" s="10"/>
    </row>
    <row r="406998" spans="14:14">
      <c r="N406998" s="10"/>
    </row>
    <row r="406999" spans="14:14">
      <c r="N406999" s="10"/>
    </row>
    <row r="407000" spans="14:14">
      <c r="N407000" s="10"/>
    </row>
    <row r="407001" spans="14:14">
      <c r="N407001" s="10"/>
    </row>
    <row r="407002" spans="14:14">
      <c r="N407002" s="10"/>
    </row>
    <row r="407003" spans="14:14">
      <c r="N407003" s="10"/>
    </row>
    <row r="407004" spans="14:14">
      <c r="N407004" s="10"/>
    </row>
    <row r="407005" spans="14:14">
      <c r="N407005" s="10"/>
    </row>
    <row r="407006" spans="14:14">
      <c r="N407006" s="10"/>
    </row>
    <row r="407007" spans="14:14">
      <c r="N407007" s="10"/>
    </row>
    <row r="407008" spans="14:14">
      <c r="N407008" s="10"/>
    </row>
    <row r="407009" spans="14:14">
      <c r="N407009" s="10"/>
    </row>
    <row r="407010" spans="14:14">
      <c r="N407010" s="10"/>
    </row>
    <row r="407011" spans="14:14">
      <c r="N407011" s="10"/>
    </row>
    <row r="407012" spans="14:14">
      <c r="N407012" s="10"/>
    </row>
    <row r="407013" spans="14:14">
      <c r="N407013" s="10"/>
    </row>
    <row r="407014" spans="14:14">
      <c r="N407014" s="10"/>
    </row>
    <row r="407015" spans="14:14">
      <c r="N407015" s="10"/>
    </row>
    <row r="407016" spans="14:14">
      <c r="N407016" s="10"/>
    </row>
    <row r="407017" spans="14:14">
      <c r="N407017" s="10"/>
    </row>
    <row r="407018" spans="14:14">
      <c r="N407018" s="10"/>
    </row>
    <row r="407019" spans="14:14">
      <c r="N407019" s="10"/>
    </row>
    <row r="407020" spans="14:14">
      <c r="N407020" s="10"/>
    </row>
    <row r="407021" spans="14:14">
      <c r="N407021" s="10"/>
    </row>
    <row r="407022" spans="14:14">
      <c r="N407022" s="10"/>
    </row>
    <row r="407023" spans="14:14">
      <c r="N407023" s="10"/>
    </row>
    <row r="407024" spans="14:14">
      <c r="N407024" s="10"/>
    </row>
    <row r="407025" spans="14:14">
      <c r="N407025" s="10"/>
    </row>
    <row r="407026" spans="14:14">
      <c r="N407026" s="10"/>
    </row>
    <row r="407027" spans="14:14">
      <c r="N407027" s="10"/>
    </row>
    <row r="407028" spans="14:14">
      <c r="N407028" s="10"/>
    </row>
    <row r="407029" spans="14:14">
      <c r="N407029" s="10"/>
    </row>
    <row r="407030" spans="14:14">
      <c r="N407030" s="10"/>
    </row>
    <row r="407031" spans="14:14">
      <c r="N407031" s="10"/>
    </row>
    <row r="407032" spans="14:14">
      <c r="N407032" s="10"/>
    </row>
    <row r="407033" spans="14:14">
      <c r="N407033" s="10"/>
    </row>
    <row r="407034" spans="14:14">
      <c r="N407034" s="10"/>
    </row>
    <row r="407035" spans="14:14">
      <c r="N407035" s="10"/>
    </row>
    <row r="407036" spans="14:14">
      <c r="N407036" s="10"/>
    </row>
    <row r="407037" spans="14:14">
      <c r="N407037" s="10"/>
    </row>
    <row r="407038" spans="14:14">
      <c r="N407038" s="10"/>
    </row>
    <row r="407039" spans="14:14">
      <c r="N407039" s="10"/>
    </row>
    <row r="407040" spans="14:14">
      <c r="N407040" s="10"/>
    </row>
    <row r="407041" spans="14:14">
      <c r="N407041" s="10"/>
    </row>
    <row r="407042" spans="14:14">
      <c r="N407042" s="10"/>
    </row>
    <row r="407043" spans="14:14">
      <c r="N407043" s="10"/>
    </row>
    <row r="407044" spans="14:14">
      <c r="N407044" s="10"/>
    </row>
    <row r="407045" spans="14:14">
      <c r="N407045" s="10"/>
    </row>
    <row r="407046" spans="14:14">
      <c r="N407046" s="10"/>
    </row>
    <row r="407047" spans="14:14">
      <c r="N407047" s="10"/>
    </row>
    <row r="407048" spans="14:14">
      <c r="N407048" s="10"/>
    </row>
    <row r="407049" spans="14:14">
      <c r="N407049" s="10"/>
    </row>
    <row r="407050" spans="14:14">
      <c r="N407050" s="10"/>
    </row>
    <row r="407051" spans="14:14">
      <c r="N407051" s="10"/>
    </row>
    <row r="407052" spans="14:14">
      <c r="N407052" s="10"/>
    </row>
    <row r="407053" spans="14:14">
      <c r="N407053" s="10"/>
    </row>
    <row r="407054" spans="14:14">
      <c r="N407054" s="10"/>
    </row>
    <row r="407055" spans="14:14">
      <c r="N407055" s="10"/>
    </row>
    <row r="407056" spans="14:14">
      <c r="N407056" s="10"/>
    </row>
    <row r="407057" spans="14:14">
      <c r="N407057" s="10"/>
    </row>
    <row r="407058" spans="14:14">
      <c r="N407058" s="10"/>
    </row>
    <row r="407059" spans="14:14">
      <c r="N407059" s="10"/>
    </row>
    <row r="407060" spans="14:14">
      <c r="N407060" s="10"/>
    </row>
    <row r="407061" spans="14:14">
      <c r="N407061" s="10"/>
    </row>
    <row r="407062" spans="14:14">
      <c r="N407062" s="10"/>
    </row>
    <row r="407063" spans="14:14">
      <c r="N407063" s="10"/>
    </row>
    <row r="407064" spans="14:14">
      <c r="N407064" s="10"/>
    </row>
    <row r="407065" spans="14:14">
      <c r="N407065" s="10"/>
    </row>
    <row r="407066" spans="14:14">
      <c r="N407066" s="10"/>
    </row>
    <row r="407067" spans="14:14">
      <c r="N407067" s="10"/>
    </row>
    <row r="407068" spans="14:14">
      <c r="N407068" s="10"/>
    </row>
    <row r="407069" spans="14:14">
      <c r="N407069" s="10"/>
    </row>
    <row r="407070" spans="14:14">
      <c r="N407070" s="10"/>
    </row>
    <row r="407071" spans="14:14">
      <c r="N407071" s="10"/>
    </row>
    <row r="407072" spans="14:14">
      <c r="N407072" s="10"/>
    </row>
    <row r="407073" spans="14:14">
      <c r="N407073" s="10"/>
    </row>
    <row r="407074" spans="14:14">
      <c r="N407074" s="10"/>
    </row>
    <row r="407075" spans="14:14">
      <c r="N407075" s="10"/>
    </row>
    <row r="407076" spans="14:14">
      <c r="N407076" s="10"/>
    </row>
    <row r="407077" spans="14:14">
      <c r="N407077" s="10"/>
    </row>
    <row r="407078" spans="14:14">
      <c r="N407078" s="10"/>
    </row>
    <row r="407079" spans="14:14">
      <c r="N407079" s="10"/>
    </row>
    <row r="407080" spans="14:14">
      <c r="N407080" s="10"/>
    </row>
    <row r="407081" spans="14:14">
      <c r="N407081" s="10"/>
    </row>
    <row r="407082" spans="14:14">
      <c r="N407082" s="10"/>
    </row>
    <row r="407083" spans="14:14">
      <c r="N407083" s="10"/>
    </row>
    <row r="407084" spans="14:14">
      <c r="N407084" s="10"/>
    </row>
    <row r="407085" spans="14:14">
      <c r="N407085" s="10"/>
    </row>
    <row r="407086" spans="14:14">
      <c r="N407086" s="10"/>
    </row>
    <row r="407087" spans="14:14">
      <c r="N407087" s="10"/>
    </row>
    <row r="407088" spans="14:14">
      <c r="N407088" s="10"/>
    </row>
    <row r="407089" spans="14:14">
      <c r="N407089" s="10"/>
    </row>
    <row r="407090" spans="14:14">
      <c r="N407090" s="10"/>
    </row>
    <row r="407091" spans="14:14">
      <c r="N407091" s="10"/>
    </row>
    <row r="407092" spans="14:14">
      <c r="N407092" s="10"/>
    </row>
    <row r="407093" spans="14:14">
      <c r="N407093" s="10"/>
    </row>
    <row r="407094" spans="14:14">
      <c r="N407094" s="10"/>
    </row>
    <row r="407095" spans="14:14">
      <c r="N407095" s="10"/>
    </row>
    <row r="407096" spans="14:14">
      <c r="N407096" s="10"/>
    </row>
    <row r="407097" spans="14:14">
      <c r="N407097" s="10"/>
    </row>
    <row r="407098" spans="14:14">
      <c r="N407098" s="10"/>
    </row>
    <row r="407099" spans="14:14">
      <c r="N407099" s="10"/>
    </row>
    <row r="407100" spans="14:14">
      <c r="N407100" s="10"/>
    </row>
    <row r="407101" spans="14:14">
      <c r="N407101" s="10"/>
    </row>
    <row r="407102" spans="14:14">
      <c r="N407102" s="10"/>
    </row>
    <row r="407103" spans="14:14">
      <c r="N407103" s="10"/>
    </row>
    <row r="407104" spans="14:14">
      <c r="N407104" s="10"/>
    </row>
    <row r="407105" spans="14:14">
      <c r="N407105" s="10"/>
    </row>
    <row r="407106" spans="14:14">
      <c r="N407106" s="10"/>
    </row>
    <row r="407107" spans="14:14">
      <c r="N407107" s="10"/>
    </row>
    <row r="407108" spans="14:14">
      <c r="N407108" s="10"/>
    </row>
    <row r="407109" spans="14:14">
      <c r="N407109" s="10"/>
    </row>
    <row r="407110" spans="14:14">
      <c r="N407110" s="10"/>
    </row>
    <row r="407111" spans="14:14">
      <c r="N407111" s="10"/>
    </row>
    <row r="407112" spans="14:14">
      <c r="N407112" s="10"/>
    </row>
    <row r="407113" spans="14:14">
      <c r="N407113" s="10"/>
    </row>
    <row r="407114" spans="14:14">
      <c r="N407114" s="10"/>
    </row>
    <row r="407115" spans="14:14">
      <c r="N407115" s="10"/>
    </row>
    <row r="407116" spans="14:14">
      <c r="N407116" s="10"/>
    </row>
    <row r="407117" spans="14:14">
      <c r="N407117" s="10"/>
    </row>
    <row r="407118" spans="14:14">
      <c r="N407118" s="10"/>
    </row>
    <row r="407119" spans="14:14">
      <c r="N407119" s="10"/>
    </row>
    <row r="407120" spans="14:14">
      <c r="N407120" s="10"/>
    </row>
    <row r="407121" spans="14:14">
      <c r="N407121" s="10"/>
    </row>
    <row r="407122" spans="14:14">
      <c r="N407122" s="10"/>
    </row>
    <row r="407123" spans="14:14">
      <c r="N407123" s="10"/>
    </row>
    <row r="407124" spans="14:14">
      <c r="N407124" s="10"/>
    </row>
    <row r="407125" spans="14:14">
      <c r="N407125" s="10"/>
    </row>
    <row r="407126" spans="14:14">
      <c r="N407126" s="10"/>
    </row>
    <row r="407127" spans="14:14">
      <c r="N407127" s="10"/>
    </row>
    <row r="407128" spans="14:14">
      <c r="N407128" s="10"/>
    </row>
    <row r="407129" spans="14:14">
      <c r="N407129" s="10"/>
    </row>
    <row r="407130" spans="14:14">
      <c r="N407130" s="10"/>
    </row>
    <row r="407131" spans="14:14">
      <c r="N407131" s="10"/>
    </row>
    <row r="407132" spans="14:14">
      <c r="N407132" s="10"/>
    </row>
    <row r="407133" spans="14:14">
      <c r="N407133" s="10"/>
    </row>
    <row r="407134" spans="14:14">
      <c r="N407134" s="10"/>
    </row>
    <row r="407135" spans="14:14">
      <c r="N407135" s="10"/>
    </row>
    <row r="407136" spans="14:14">
      <c r="N407136" s="10"/>
    </row>
    <row r="407137" spans="14:14">
      <c r="N407137" s="10"/>
    </row>
    <row r="407138" spans="14:14">
      <c r="N407138" s="10"/>
    </row>
    <row r="407139" spans="14:14">
      <c r="N407139" s="10"/>
    </row>
    <row r="407140" spans="14:14">
      <c r="N407140" s="10"/>
    </row>
    <row r="407141" spans="14:14">
      <c r="N407141" s="10"/>
    </row>
    <row r="407142" spans="14:14">
      <c r="N407142" s="10"/>
    </row>
    <row r="407143" spans="14:14">
      <c r="N407143" s="10"/>
    </row>
    <row r="407144" spans="14:14">
      <c r="N407144" s="10"/>
    </row>
    <row r="407145" spans="14:14">
      <c r="N407145" s="10"/>
    </row>
    <row r="407146" spans="14:14">
      <c r="N407146" s="10"/>
    </row>
    <row r="407147" spans="14:14">
      <c r="N407147" s="10"/>
    </row>
    <row r="407148" spans="14:14">
      <c r="N407148" s="10"/>
    </row>
    <row r="407149" spans="14:14">
      <c r="N407149" s="10"/>
    </row>
    <row r="407150" spans="14:14">
      <c r="N407150" s="10"/>
    </row>
    <row r="407151" spans="14:14">
      <c r="N407151" s="10"/>
    </row>
    <row r="407152" spans="14:14">
      <c r="N407152" s="10"/>
    </row>
    <row r="407153" spans="14:14">
      <c r="N407153" s="10"/>
    </row>
    <row r="407154" spans="14:14">
      <c r="N407154" s="10"/>
    </row>
    <row r="407155" spans="14:14">
      <c r="N407155" s="10"/>
    </row>
    <row r="407156" spans="14:14">
      <c r="N407156" s="10"/>
    </row>
    <row r="407157" spans="14:14">
      <c r="N407157" s="10"/>
    </row>
    <row r="407158" spans="14:14">
      <c r="N407158" s="10"/>
    </row>
    <row r="407159" spans="14:14">
      <c r="N407159" s="10"/>
    </row>
    <row r="407160" spans="14:14">
      <c r="N407160" s="10"/>
    </row>
    <row r="407161" spans="14:14">
      <c r="N407161" s="10"/>
    </row>
    <row r="407162" spans="14:14">
      <c r="N407162" s="10"/>
    </row>
    <row r="407163" spans="14:14">
      <c r="N407163" s="10"/>
    </row>
    <row r="407164" spans="14:14">
      <c r="N407164" s="10"/>
    </row>
    <row r="407165" spans="14:14">
      <c r="N407165" s="10"/>
    </row>
    <row r="407166" spans="14:14">
      <c r="N407166" s="10"/>
    </row>
    <row r="407167" spans="14:14">
      <c r="N407167" s="10"/>
    </row>
    <row r="407168" spans="14:14">
      <c r="N407168" s="10"/>
    </row>
    <row r="407169" spans="14:14">
      <c r="N407169" s="10"/>
    </row>
    <row r="407170" spans="14:14">
      <c r="N407170" s="10"/>
    </row>
    <row r="407171" spans="14:14">
      <c r="N407171" s="10"/>
    </row>
    <row r="407172" spans="14:14">
      <c r="N407172" s="10"/>
    </row>
    <row r="407173" spans="14:14">
      <c r="N407173" s="10"/>
    </row>
    <row r="407174" spans="14:14">
      <c r="N407174" s="10"/>
    </row>
    <row r="407175" spans="14:14">
      <c r="N407175" s="10"/>
    </row>
    <row r="407176" spans="14:14">
      <c r="N407176" s="10"/>
    </row>
    <row r="407177" spans="14:14">
      <c r="N407177" s="10"/>
    </row>
    <row r="407178" spans="14:14">
      <c r="N407178" s="10"/>
    </row>
    <row r="407179" spans="14:14">
      <c r="N407179" s="10"/>
    </row>
    <row r="407180" spans="14:14">
      <c r="N407180" s="10"/>
    </row>
    <row r="407181" spans="14:14">
      <c r="N407181" s="10"/>
    </row>
    <row r="407182" spans="14:14">
      <c r="N407182" s="10"/>
    </row>
    <row r="407183" spans="14:14">
      <c r="N407183" s="10"/>
    </row>
    <row r="407184" spans="14:14">
      <c r="N407184" s="10"/>
    </row>
    <row r="407185" spans="14:14">
      <c r="N407185" s="10"/>
    </row>
    <row r="407186" spans="14:14">
      <c r="N407186" s="10"/>
    </row>
    <row r="407187" spans="14:14">
      <c r="N407187" s="10"/>
    </row>
    <row r="407188" spans="14:14">
      <c r="N407188" s="10"/>
    </row>
    <row r="407189" spans="14:14">
      <c r="N407189" s="10"/>
    </row>
    <row r="407190" spans="14:14">
      <c r="N407190" s="10"/>
    </row>
    <row r="407191" spans="14:14">
      <c r="N407191" s="10"/>
    </row>
    <row r="407192" spans="14:14">
      <c r="N407192" s="10"/>
    </row>
    <row r="407193" spans="14:14">
      <c r="N407193" s="10"/>
    </row>
    <row r="407194" spans="14:14">
      <c r="N407194" s="10"/>
    </row>
    <row r="407195" spans="14:14">
      <c r="N407195" s="10"/>
    </row>
    <row r="407196" spans="14:14">
      <c r="N407196" s="10"/>
    </row>
    <row r="407197" spans="14:14">
      <c r="N407197" s="10"/>
    </row>
    <row r="407198" spans="14:14">
      <c r="N407198" s="10"/>
    </row>
    <row r="407199" spans="14:14">
      <c r="N407199" s="10"/>
    </row>
    <row r="407200" spans="14:14">
      <c r="N407200" s="10"/>
    </row>
    <row r="407201" spans="14:14">
      <c r="N407201" s="10"/>
    </row>
    <row r="407202" spans="14:14">
      <c r="N407202" s="10"/>
    </row>
    <row r="407203" spans="14:14">
      <c r="N407203" s="10"/>
    </row>
    <row r="407204" spans="14:14">
      <c r="N407204" s="10"/>
    </row>
    <row r="407205" spans="14:14">
      <c r="N407205" s="10"/>
    </row>
    <row r="407206" spans="14:14">
      <c r="N407206" s="10"/>
    </row>
    <row r="407207" spans="14:14">
      <c r="N407207" s="10"/>
    </row>
    <row r="407208" spans="14:14">
      <c r="N407208" s="10"/>
    </row>
    <row r="407209" spans="14:14">
      <c r="N407209" s="10"/>
    </row>
    <row r="407210" spans="14:14">
      <c r="N407210" s="10"/>
    </row>
    <row r="407211" spans="14:14">
      <c r="N407211" s="10"/>
    </row>
    <row r="407212" spans="14:14">
      <c r="N407212" s="10"/>
    </row>
    <row r="407213" spans="14:14">
      <c r="N407213" s="10"/>
    </row>
    <row r="407214" spans="14:14">
      <c r="N407214" s="10"/>
    </row>
    <row r="407215" spans="14:14">
      <c r="N407215" s="10"/>
    </row>
    <row r="407216" spans="14:14">
      <c r="N407216" s="10"/>
    </row>
    <row r="407217" spans="14:14">
      <c r="N407217" s="10"/>
    </row>
    <row r="407218" spans="14:14">
      <c r="N407218" s="10"/>
    </row>
    <row r="407219" spans="14:14">
      <c r="N407219" s="10"/>
    </row>
    <row r="407220" spans="14:14">
      <c r="N407220" s="10"/>
    </row>
    <row r="407221" spans="14:14">
      <c r="N407221" s="10"/>
    </row>
    <row r="407222" spans="14:14">
      <c r="N407222" s="10"/>
    </row>
    <row r="407223" spans="14:14">
      <c r="N407223" s="10"/>
    </row>
    <row r="407224" spans="14:14">
      <c r="N407224" s="10"/>
    </row>
    <row r="407225" spans="14:14">
      <c r="N407225" s="10"/>
    </row>
    <row r="407226" spans="14:14">
      <c r="N407226" s="10"/>
    </row>
    <row r="407227" spans="14:14">
      <c r="N407227" s="10"/>
    </row>
    <row r="407228" spans="14:14">
      <c r="N407228" s="10"/>
    </row>
    <row r="407229" spans="14:14">
      <c r="N407229" s="10"/>
    </row>
    <row r="407230" spans="14:14">
      <c r="N407230" s="10"/>
    </row>
    <row r="407231" spans="14:14">
      <c r="N407231" s="10"/>
    </row>
    <row r="407232" spans="14:14">
      <c r="N407232" s="10"/>
    </row>
    <row r="407233" spans="14:14">
      <c r="N407233" s="10"/>
    </row>
    <row r="407234" spans="14:14">
      <c r="N407234" s="10"/>
    </row>
    <row r="407235" spans="14:14">
      <c r="N407235" s="10"/>
    </row>
    <row r="407236" spans="14:14">
      <c r="N407236" s="10"/>
    </row>
    <row r="407237" spans="14:14">
      <c r="N407237" s="10"/>
    </row>
    <row r="407238" spans="14:14">
      <c r="N407238" s="10"/>
    </row>
    <row r="407239" spans="14:14">
      <c r="N407239" s="10"/>
    </row>
    <row r="407240" spans="14:14">
      <c r="N407240" s="10"/>
    </row>
    <row r="407241" spans="14:14">
      <c r="N407241" s="10"/>
    </row>
    <row r="407242" spans="14:14">
      <c r="N407242" s="10"/>
    </row>
    <row r="407243" spans="14:14">
      <c r="N407243" s="10"/>
    </row>
    <row r="407244" spans="14:14">
      <c r="N407244" s="10"/>
    </row>
    <row r="407245" spans="14:14">
      <c r="N407245" s="10"/>
    </row>
    <row r="407246" spans="14:14">
      <c r="N407246" s="10"/>
    </row>
    <row r="407247" spans="14:14">
      <c r="N407247" s="10"/>
    </row>
    <row r="407248" spans="14:14">
      <c r="N407248" s="10"/>
    </row>
    <row r="407249" spans="14:14">
      <c r="N407249" s="10"/>
    </row>
    <row r="407250" spans="14:14">
      <c r="N407250" s="10"/>
    </row>
    <row r="407251" spans="14:14">
      <c r="N407251" s="10"/>
    </row>
    <row r="407252" spans="14:14">
      <c r="N407252" s="10"/>
    </row>
    <row r="407253" spans="14:14">
      <c r="N407253" s="10"/>
    </row>
    <row r="407254" spans="14:14">
      <c r="N407254" s="10"/>
    </row>
    <row r="407255" spans="14:14">
      <c r="N407255" s="10"/>
    </row>
    <row r="407256" spans="14:14">
      <c r="N407256" s="10"/>
    </row>
    <row r="407257" spans="14:14">
      <c r="N407257" s="10"/>
    </row>
    <row r="407258" spans="14:14">
      <c r="N407258" s="10"/>
    </row>
    <row r="407259" spans="14:14">
      <c r="N407259" s="10"/>
    </row>
    <row r="407260" spans="14:14">
      <c r="N407260" s="10"/>
    </row>
    <row r="407261" spans="14:14">
      <c r="N407261" s="10"/>
    </row>
    <row r="407262" spans="14:14">
      <c r="N407262" s="10"/>
    </row>
    <row r="407263" spans="14:14">
      <c r="N407263" s="10"/>
    </row>
    <row r="407264" spans="14:14">
      <c r="N407264" s="10"/>
    </row>
    <row r="407265" spans="14:14">
      <c r="N407265" s="10"/>
    </row>
    <row r="407266" spans="14:14">
      <c r="N407266" s="10"/>
    </row>
    <row r="407267" spans="14:14">
      <c r="N407267" s="10"/>
    </row>
    <row r="407268" spans="14:14">
      <c r="N407268" s="10"/>
    </row>
    <row r="407269" spans="14:14">
      <c r="N407269" s="10"/>
    </row>
    <row r="407270" spans="14:14">
      <c r="N407270" s="10"/>
    </row>
    <row r="407271" spans="14:14">
      <c r="N407271" s="10"/>
    </row>
    <row r="407272" spans="14:14">
      <c r="N407272" s="10"/>
    </row>
    <row r="407273" spans="14:14">
      <c r="N407273" s="10"/>
    </row>
    <row r="407274" spans="14:14">
      <c r="N407274" s="10"/>
    </row>
    <row r="407275" spans="14:14">
      <c r="N407275" s="10"/>
    </row>
    <row r="407276" spans="14:14">
      <c r="N407276" s="10"/>
    </row>
    <row r="407277" spans="14:14">
      <c r="N407277" s="10"/>
    </row>
    <row r="407278" spans="14:14">
      <c r="N407278" s="10"/>
    </row>
    <row r="407279" spans="14:14">
      <c r="N407279" s="10"/>
    </row>
    <row r="407280" spans="14:14">
      <c r="N407280" s="10"/>
    </row>
    <row r="407281" spans="14:14">
      <c r="N407281" s="10"/>
    </row>
    <row r="407282" spans="14:14">
      <c r="N407282" s="10"/>
    </row>
    <row r="407283" spans="14:14">
      <c r="N407283" s="10"/>
    </row>
    <row r="407284" spans="14:14">
      <c r="N407284" s="10"/>
    </row>
    <row r="407285" spans="14:14">
      <c r="N407285" s="10"/>
    </row>
    <row r="407286" spans="14:14">
      <c r="N407286" s="10"/>
    </row>
    <row r="407287" spans="14:14">
      <c r="N407287" s="10"/>
    </row>
    <row r="407288" spans="14:14">
      <c r="N407288" s="10"/>
    </row>
    <row r="407289" spans="14:14">
      <c r="N407289" s="10"/>
    </row>
    <row r="407290" spans="14:14">
      <c r="N407290" s="10"/>
    </row>
    <row r="407291" spans="14:14">
      <c r="N407291" s="10"/>
    </row>
    <row r="407292" spans="14:14">
      <c r="N407292" s="10"/>
    </row>
    <row r="407293" spans="14:14">
      <c r="N407293" s="10"/>
    </row>
    <row r="407294" spans="14:14">
      <c r="N407294" s="10"/>
    </row>
    <row r="407295" spans="14:14">
      <c r="N407295" s="10"/>
    </row>
    <row r="407296" spans="14:14">
      <c r="N407296" s="10"/>
    </row>
    <row r="407297" spans="14:14">
      <c r="N407297" s="10"/>
    </row>
    <row r="407298" spans="14:14">
      <c r="N407298" s="10"/>
    </row>
    <row r="407299" spans="14:14">
      <c r="N407299" s="10"/>
    </row>
    <row r="407300" spans="14:14">
      <c r="N407300" s="10"/>
    </row>
    <row r="407301" spans="14:14">
      <c r="N407301" s="10"/>
    </row>
    <row r="407302" spans="14:14">
      <c r="N407302" s="10"/>
    </row>
    <row r="407303" spans="14:14">
      <c r="N407303" s="10"/>
    </row>
    <row r="407304" spans="14:14">
      <c r="N407304" s="10"/>
    </row>
    <row r="407305" spans="14:14">
      <c r="N407305" s="10"/>
    </row>
    <row r="407306" spans="14:14">
      <c r="N407306" s="10"/>
    </row>
    <row r="407307" spans="14:14">
      <c r="N407307" s="10"/>
    </row>
    <row r="407308" spans="14:14">
      <c r="N407308" s="10"/>
    </row>
    <row r="407309" spans="14:14">
      <c r="N407309" s="10"/>
    </row>
    <row r="407310" spans="14:14">
      <c r="N407310" s="10"/>
    </row>
    <row r="407311" spans="14:14">
      <c r="N407311" s="10"/>
    </row>
    <row r="407312" spans="14:14">
      <c r="N407312" s="10"/>
    </row>
    <row r="407313" spans="14:14">
      <c r="N407313" s="10"/>
    </row>
    <row r="407314" spans="14:14">
      <c r="N407314" s="10"/>
    </row>
    <row r="407315" spans="14:14">
      <c r="N407315" s="10"/>
    </row>
    <row r="407316" spans="14:14">
      <c r="N407316" s="10"/>
    </row>
    <row r="407317" spans="14:14">
      <c r="N407317" s="10"/>
    </row>
    <row r="407318" spans="14:14">
      <c r="N407318" s="10"/>
    </row>
    <row r="407319" spans="14:14">
      <c r="N407319" s="10"/>
    </row>
    <row r="407320" spans="14:14">
      <c r="N407320" s="10"/>
    </row>
    <row r="407321" spans="14:14">
      <c r="N407321" s="10"/>
    </row>
    <row r="407322" spans="14:14">
      <c r="N407322" s="10"/>
    </row>
    <row r="407323" spans="14:14">
      <c r="N407323" s="10"/>
    </row>
    <row r="407324" spans="14:14">
      <c r="N407324" s="10"/>
    </row>
    <row r="407325" spans="14:14">
      <c r="N407325" s="10"/>
    </row>
    <row r="407326" spans="14:14">
      <c r="N407326" s="10"/>
    </row>
    <row r="407327" spans="14:14">
      <c r="N407327" s="10"/>
    </row>
    <row r="407328" spans="14:14">
      <c r="N407328" s="10"/>
    </row>
    <row r="407329" spans="14:14">
      <c r="N407329" s="10"/>
    </row>
    <row r="407330" spans="14:14">
      <c r="N407330" s="10"/>
    </row>
    <row r="407331" spans="14:14">
      <c r="N407331" s="10"/>
    </row>
    <row r="407332" spans="14:14">
      <c r="N407332" s="10"/>
    </row>
    <row r="407333" spans="14:14">
      <c r="N407333" s="10"/>
    </row>
    <row r="407334" spans="14:14">
      <c r="N407334" s="10"/>
    </row>
    <row r="407335" spans="14:14">
      <c r="N407335" s="10"/>
    </row>
    <row r="407336" spans="14:14">
      <c r="N407336" s="10"/>
    </row>
    <row r="407337" spans="14:14">
      <c r="N407337" s="10"/>
    </row>
    <row r="407338" spans="14:14">
      <c r="N407338" s="10"/>
    </row>
    <row r="407339" spans="14:14">
      <c r="N407339" s="10"/>
    </row>
    <row r="407340" spans="14:14">
      <c r="N407340" s="10"/>
    </row>
    <row r="407341" spans="14:14">
      <c r="N407341" s="10"/>
    </row>
    <row r="407342" spans="14:14">
      <c r="N407342" s="10"/>
    </row>
    <row r="407343" spans="14:14">
      <c r="N407343" s="10"/>
    </row>
    <row r="407344" spans="14:14">
      <c r="N407344" s="10"/>
    </row>
    <row r="407345" spans="14:14">
      <c r="N407345" s="10"/>
    </row>
    <row r="407346" spans="14:14">
      <c r="N407346" s="10"/>
    </row>
    <row r="407347" spans="14:14">
      <c r="N407347" s="10"/>
    </row>
    <row r="407348" spans="14:14">
      <c r="N407348" s="10"/>
    </row>
    <row r="407349" spans="14:14">
      <c r="N407349" s="10"/>
    </row>
    <row r="407350" spans="14:14">
      <c r="N407350" s="10"/>
    </row>
    <row r="407351" spans="14:14">
      <c r="N407351" s="10"/>
    </row>
    <row r="407352" spans="14:14">
      <c r="N407352" s="10"/>
    </row>
    <row r="407353" spans="14:14">
      <c r="N407353" s="10"/>
    </row>
    <row r="407354" spans="14:14">
      <c r="N407354" s="10"/>
    </row>
    <row r="407355" spans="14:14">
      <c r="N407355" s="10"/>
    </row>
    <row r="407356" spans="14:14">
      <c r="N407356" s="10"/>
    </row>
    <row r="407357" spans="14:14">
      <c r="N407357" s="10"/>
    </row>
    <row r="407358" spans="14:14">
      <c r="N407358" s="10"/>
    </row>
    <row r="407359" spans="14:14">
      <c r="N407359" s="10"/>
    </row>
    <row r="407360" spans="14:14">
      <c r="N407360" s="10"/>
    </row>
    <row r="407361" spans="14:14">
      <c r="N407361" s="10"/>
    </row>
    <row r="407362" spans="14:14">
      <c r="N407362" s="10"/>
    </row>
    <row r="407363" spans="14:14">
      <c r="N407363" s="10"/>
    </row>
    <row r="407364" spans="14:14">
      <c r="N407364" s="10"/>
    </row>
    <row r="407365" spans="14:14">
      <c r="N407365" s="10"/>
    </row>
    <row r="407366" spans="14:14">
      <c r="N407366" s="10"/>
    </row>
    <row r="407367" spans="14:14">
      <c r="N407367" s="10"/>
    </row>
    <row r="407368" spans="14:14">
      <c r="N407368" s="10"/>
    </row>
    <row r="407369" spans="14:14">
      <c r="N407369" s="10"/>
    </row>
    <row r="407370" spans="14:14">
      <c r="N407370" s="10"/>
    </row>
    <row r="407371" spans="14:14">
      <c r="N407371" s="10"/>
    </row>
    <row r="407372" spans="14:14">
      <c r="N407372" s="10"/>
    </row>
    <row r="407373" spans="14:14">
      <c r="N407373" s="10"/>
    </row>
    <row r="407374" spans="14:14">
      <c r="N407374" s="10"/>
    </row>
    <row r="407375" spans="14:14">
      <c r="N407375" s="10"/>
    </row>
    <row r="407376" spans="14:14">
      <c r="N407376" s="10"/>
    </row>
    <row r="407377" spans="14:14">
      <c r="N407377" s="10"/>
    </row>
    <row r="407378" spans="14:14">
      <c r="N407378" s="10"/>
    </row>
    <row r="407379" spans="14:14">
      <c r="N407379" s="10"/>
    </row>
    <row r="407380" spans="14:14">
      <c r="N407380" s="10"/>
    </row>
    <row r="407381" spans="14:14">
      <c r="N407381" s="10"/>
    </row>
    <row r="407382" spans="14:14">
      <c r="N407382" s="10"/>
    </row>
    <row r="407383" spans="14:14">
      <c r="N407383" s="10"/>
    </row>
    <row r="407384" spans="14:14">
      <c r="N407384" s="10"/>
    </row>
    <row r="407385" spans="14:14">
      <c r="N407385" s="10"/>
    </row>
    <row r="407386" spans="14:14">
      <c r="N407386" s="10"/>
    </row>
    <row r="407387" spans="14:14">
      <c r="N407387" s="10"/>
    </row>
    <row r="407388" spans="14:14">
      <c r="N407388" s="10"/>
    </row>
    <row r="407389" spans="14:14">
      <c r="N407389" s="10"/>
    </row>
    <row r="407390" spans="14:14">
      <c r="N407390" s="10"/>
    </row>
    <row r="407391" spans="14:14">
      <c r="N407391" s="10"/>
    </row>
    <row r="407392" spans="14:14">
      <c r="N407392" s="10"/>
    </row>
    <row r="407393" spans="14:14">
      <c r="N407393" s="10"/>
    </row>
    <row r="407394" spans="14:14">
      <c r="N407394" s="10"/>
    </row>
    <row r="407395" spans="14:14">
      <c r="N407395" s="10"/>
    </row>
    <row r="407396" spans="14:14">
      <c r="N407396" s="10"/>
    </row>
    <row r="407397" spans="14:14">
      <c r="N407397" s="10"/>
    </row>
    <row r="407398" spans="14:14">
      <c r="N407398" s="10"/>
    </row>
    <row r="407399" spans="14:14">
      <c r="N407399" s="10"/>
    </row>
    <row r="407400" spans="14:14">
      <c r="N407400" s="10"/>
    </row>
    <row r="407401" spans="14:14">
      <c r="N407401" s="10"/>
    </row>
    <row r="407402" spans="14:14">
      <c r="N407402" s="10"/>
    </row>
    <row r="407403" spans="14:14">
      <c r="N407403" s="10"/>
    </row>
    <row r="407404" spans="14:14">
      <c r="N407404" s="10"/>
    </row>
    <row r="407405" spans="14:14">
      <c r="N407405" s="10"/>
    </row>
    <row r="407406" spans="14:14">
      <c r="N407406" s="10"/>
    </row>
    <row r="407407" spans="14:14">
      <c r="N407407" s="10"/>
    </row>
    <row r="407408" spans="14:14">
      <c r="N407408" s="10"/>
    </row>
    <row r="407409" spans="14:14">
      <c r="N407409" s="10"/>
    </row>
    <row r="407410" spans="14:14">
      <c r="N407410" s="10"/>
    </row>
    <row r="407411" spans="14:14">
      <c r="N407411" s="10"/>
    </row>
    <row r="407412" spans="14:14">
      <c r="N407412" s="10"/>
    </row>
    <row r="407413" spans="14:14">
      <c r="N407413" s="10"/>
    </row>
    <row r="407414" spans="14:14">
      <c r="N407414" s="10"/>
    </row>
    <row r="407415" spans="14:14">
      <c r="N407415" s="10"/>
    </row>
    <row r="407416" spans="14:14">
      <c r="N407416" s="10"/>
    </row>
    <row r="407417" spans="14:14">
      <c r="N407417" s="10"/>
    </row>
    <row r="407418" spans="14:14">
      <c r="N407418" s="10"/>
    </row>
    <row r="407419" spans="14:14">
      <c r="N407419" s="10"/>
    </row>
    <row r="407420" spans="14:14">
      <c r="N407420" s="10"/>
    </row>
    <row r="407421" spans="14:14">
      <c r="N407421" s="10"/>
    </row>
    <row r="407422" spans="14:14">
      <c r="N407422" s="10"/>
    </row>
    <row r="407423" spans="14:14">
      <c r="N407423" s="10"/>
    </row>
    <row r="407424" spans="14:14">
      <c r="N407424" s="10"/>
    </row>
    <row r="407425" spans="14:14">
      <c r="N407425" s="10"/>
    </row>
    <row r="407426" spans="14:14">
      <c r="N407426" s="10"/>
    </row>
    <row r="407427" spans="14:14">
      <c r="N407427" s="10"/>
    </row>
    <row r="407428" spans="14:14">
      <c r="N407428" s="10"/>
    </row>
    <row r="407429" spans="14:14">
      <c r="N407429" s="10"/>
    </row>
    <row r="407430" spans="14:14">
      <c r="N407430" s="10"/>
    </row>
    <row r="407431" spans="14:14">
      <c r="N407431" s="10"/>
    </row>
    <row r="407432" spans="14:14">
      <c r="N407432" s="10"/>
    </row>
    <row r="407433" spans="14:14">
      <c r="N407433" s="10"/>
    </row>
    <row r="407434" spans="14:14">
      <c r="N407434" s="10"/>
    </row>
    <row r="407435" spans="14:14">
      <c r="N407435" s="10"/>
    </row>
    <row r="407436" spans="14:14">
      <c r="N407436" s="10"/>
    </row>
    <row r="407437" spans="14:14">
      <c r="N407437" s="10"/>
    </row>
    <row r="407438" spans="14:14">
      <c r="N407438" s="10"/>
    </row>
    <row r="407439" spans="14:14">
      <c r="N407439" s="10"/>
    </row>
    <row r="407440" spans="14:14">
      <c r="N407440" s="10"/>
    </row>
    <row r="407441" spans="14:14">
      <c r="N407441" s="10"/>
    </row>
    <row r="407442" spans="14:14">
      <c r="N407442" s="10"/>
    </row>
    <row r="407443" spans="14:14">
      <c r="N407443" s="10"/>
    </row>
    <row r="407444" spans="14:14">
      <c r="N407444" s="10"/>
    </row>
    <row r="407445" spans="14:14">
      <c r="N407445" s="10"/>
    </row>
    <row r="407446" spans="14:14">
      <c r="N407446" s="10"/>
    </row>
    <row r="407447" spans="14:14">
      <c r="N407447" s="10"/>
    </row>
    <row r="407448" spans="14:14">
      <c r="N407448" s="10"/>
    </row>
    <row r="407449" spans="14:14">
      <c r="N407449" s="10"/>
    </row>
    <row r="407450" spans="14:14">
      <c r="N407450" s="10"/>
    </row>
    <row r="407451" spans="14:14">
      <c r="N407451" s="10"/>
    </row>
    <row r="407452" spans="14:14">
      <c r="N407452" s="10"/>
    </row>
    <row r="407453" spans="14:14">
      <c r="N407453" s="10"/>
    </row>
    <row r="407454" spans="14:14">
      <c r="N407454" s="10"/>
    </row>
    <row r="407455" spans="14:14">
      <c r="N407455" s="10"/>
    </row>
    <row r="407456" spans="14:14">
      <c r="N407456" s="10"/>
    </row>
    <row r="407457" spans="14:14">
      <c r="N407457" s="10"/>
    </row>
    <row r="407458" spans="14:14">
      <c r="N407458" s="10"/>
    </row>
    <row r="407459" spans="14:14">
      <c r="N407459" s="10"/>
    </row>
    <row r="407460" spans="14:14">
      <c r="N407460" s="10"/>
    </row>
    <row r="407461" spans="14:14">
      <c r="N407461" s="10"/>
    </row>
    <row r="407462" spans="14:14">
      <c r="N407462" s="10"/>
    </row>
    <row r="407463" spans="14:14">
      <c r="N407463" s="10"/>
    </row>
    <row r="407464" spans="14:14">
      <c r="N407464" s="10"/>
    </row>
    <row r="407465" spans="14:14">
      <c r="N407465" s="10"/>
    </row>
    <row r="407466" spans="14:14">
      <c r="N407466" s="10"/>
    </row>
    <row r="407467" spans="14:14">
      <c r="N407467" s="10"/>
    </row>
    <row r="407468" spans="14:14">
      <c r="N407468" s="10"/>
    </row>
    <row r="407469" spans="14:14">
      <c r="N407469" s="10"/>
    </row>
    <row r="407470" spans="14:14">
      <c r="N407470" s="10"/>
    </row>
    <row r="407471" spans="14:14">
      <c r="N407471" s="10"/>
    </row>
    <row r="407472" spans="14:14">
      <c r="N407472" s="10"/>
    </row>
    <row r="407473" spans="14:14">
      <c r="N407473" s="10"/>
    </row>
    <row r="407474" spans="14:14">
      <c r="N407474" s="10"/>
    </row>
    <row r="407475" spans="14:14">
      <c r="N407475" s="10"/>
    </row>
    <row r="407476" spans="14:14">
      <c r="N407476" s="10"/>
    </row>
    <row r="407477" spans="14:14">
      <c r="N407477" s="10"/>
    </row>
    <row r="407478" spans="14:14">
      <c r="N407478" s="10"/>
    </row>
    <row r="407479" spans="14:14">
      <c r="N407479" s="10"/>
    </row>
    <row r="407480" spans="14:14">
      <c r="N407480" s="10"/>
    </row>
    <row r="407481" spans="14:14">
      <c r="N407481" s="10"/>
    </row>
    <row r="407482" spans="14:14">
      <c r="N407482" s="10"/>
    </row>
    <row r="407483" spans="14:14">
      <c r="N407483" s="10"/>
    </row>
    <row r="407484" spans="14:14">
      <c r="N407484" s="10"/>
    </row>
    <row r="407485" spans="14:14">
      <c r="N407485" s="10"/>
    </row>
    <row r="407486" spans="14:14">
      <c r="N407486" s="10"/>
    </row>
    <row r="407487" spans="14:14">
      <c r="N407487" s="10"/>
    </row>
    <row r="407488" spans="14:14">
      <c r="N407488" s="10"/>
    </row>
    <row r="407489" spans="14:14">
      <c r="N407489" s="10"/>
    </row>
    <row r="407490" spans="14:14">
      <c r="N407490" s="10"/>
    </row>
    <row r="407491" spans="14:14">
      <c r="N407491" s="10"/>
    </row>
    <row r="407492" spans="14:14">
      <c r="N407492" s="10"/>
    </row>
    <row r="407493" spans="14:14">
      <c r="N407493" s="10"/>
    </row>
    <row r="407494" spans="14:14">
      <c r="N407494" s="10"/>
    </row>
    <row r="407495" spans="14:14">
      <c r="N407495" s="10"/>
    </row>
    <row r="407496" spans="14:14">
      <c r="N407496" s="10"/>
    </row>
    <row r="407497" spans="14:14">
      <c r="N407497" s="10"/>
    </row>
    <row r="407498" spans="14:14">
      <c r="N407498" s="10"/>
    </row>
    <row r="407499" spans="14:14">
      <c r="N407499" s="10"/>
    </row>
    <row r="407500" spans="14:14">
      <c r="N407500" s="10"/>
    </row>
    <row r="407501" spans="14:14">
      <c r="N407501" s="10"/>
    </row>
    <row r="407502" spans="14:14">
      <c r="N407502" s="10"/>
    </row>
    <row r="407503" spans="14:14">
      <c r="N407503" s="10"/>
    </row>
    <row r="407504" spans="14:14">
      <c r="N407504" s="10"/>
    </row>
    <row r="407505" spans="14:14">
      <c r="N407505" s="10"/>
    </row>
    <row r="407506" spans="14:14">
      <c r="N407506" s="10"/>
    </row>
    <row r="407507" spans="14:14">
      <c r="N407507" s="10"/>
    </row>
    <row r="407508" spans="14:14">
      <c r="N407508" s="10"/>
    </row>
    <row r="407509" spans="14:14">
      <c r="N407509" s="10"/>
    </row>
    <row r="407510" spans="14:14">
      <c r="N407510" s="10"/>
    </row>
    <row r="407511" spans="14:14">
      <c r="N407511" s="10"/>
    </row>
    <row r="407512" spans="14:14">
      <c r="N407512" s="10"/>
    </row>
    <row r="407513" spans="14:14">
      <c r="N407513" s="10"/>
    </row>
    <row r="407514" spans="14:14">
      <c r="N407514" s="10"/>
    </row>
    <row r="407515" spans="14:14">
      <c r="N407515" s="10"/>
    </row>
    <row r="407516" spans="14:14">
      <c r="N407516" s="10"/>
    </row>
    <row r="407517" spans="14:14">
      <c r="N407517" s="10"/>
    </row>
    <row r="407518" spans="14:14">
      <c r="N407518" s="10"/>
    </row>
    <row r="407519" spans="14:14">
      <c r="N407519" s="10"/>
    </row>
    <row r="407520" spans="14:14">
      <c r="N407520" s="10"/>
    </row>
    <row r="407521" spans="14:14">
      <c r="N407521" s="10"/>
    </row>
    <row r="407522" spans="14:14">
      <c r="N407522" s="10"/>
    </row>
    <row r="407523" spans="14:14">
      <c r="N407523" s="10"/>
    </row>
    <row r="407524" spans="14:14">
      <c r="N407524" s="10"/>
    </row>
    <row r="407525" spans="14:14">
      <c r="N407525" s="10"/>
    </row>
    <row r="407526" spans="14:14">
      <c r="N407526" s="10"/>
    </row>
    <row r="407527" spans="14:14">
      <c r="N407527" s="10"/>
    </row>
    <row r="407528" spans="14:14">
      <c r="N407528" s="10"/>
    </row>
    <row r="407529" spans="14:14">
      <c r="N407529" s="10"/>
    </row>
    <row r="407530" spans="14:14">
      <c r="N407530" s="10"/>
    </row>
    <row r="407531" spans="14:14">
      <c r="N407531" s="10"/>
    </row>
    <row r="407532" spans="14:14">
      <c r="N407532" s="10"/>
    </row>
    <row r="407533" spans="14:14">
      <c r="N407533" s="10"/>
    </row>
    <row r="407534" spans="14:14">
      <c r="N407534" s="10"/>
    </row>
    <row r="407535" spans="14:14">
      <c r="N407535" s="10"/>
    </row>
    <row r="407536" spans="14:14">
      <c r="N407536" s="10"/>
    </row>
    <row r="407537" spans="14:14">
      <c r="N407537" s="10"/>
    </row>
    <row r="407538" spans="14:14">
      <c r="N407538" s="10"/>
    </row>
    <row r="407539" spans="14:14">
      <c r="N407539" s="10"/>
    </row>
    <row r="407540" spans="14:14">
      <c r="N407540" s="10"/>
    </row>
    <row r="407541" spans="14:14">
      <c r="N407541" s="10"/>
    </row>
    <row r="407542" spans="14:14">
      <c r="N407542" s="10"/>
    </row>
    <row r="407543" spans="14:14">
      <c r="N407543" s="10"/>
    </row>
    <row r="407544" spans="14:14">
      <c r="N407544" s="10"/>
    </row>
    <row r="407545" spans="14:14">
      <c r="N407545" s="10"/>
    </row>
    <row r="407546" spans="14:14">
      <c r="N407546" s="10"/>
    </row>
    <row r="407547" spans="14:14">
      <c r="N407547" s="10"/>
    </row>
    <row r="407548" spans="14:14">
      <c r="N407548" s="10"/>
    </row>
    <row r="407549" spans="14:14">
      <c r="N407549" s="10"/>
    </row>
    <row r="407550" spans="14:14">
      <c r="N407550" s="10"/>
    </row>
    <row r="407551" spans="14:14">
      <c r="N407551" s="10"/>
    </row>
    <row r="407552" spans="14:14">
      <c r="N407552" s="10"/>
    </row>
    <row r="407553" spans="14:14">
      <c r="N407553" s="10"/>
    </row>
    <row r="407554" spans="14:14">
      <c r="N407554" s="10"/>
    </row>
    <row r="407555" spans="14:14">
      <c r="N407555" s="10"/>
    </row>
    <row r="407556" spans="14:14">
      <c r="N407556" s="10"/>
    </row>
    <row r="407557" spans="14:14">
      <c r="N407557" s="10"/>
    </row>
    <row r="407558" spans="14:14">
      <c r="N407558" s="10"/>
    </row>
    <row r="407559" spans="14:14">
      <c r="N407559" s="10"/>
    </row>
    <row r="407560" spans="14:14">
      <c r="N407560" s="10"/>
    </row>
    <row r="407561" spans="14:14">
      <c r="N407561" s="10"/>
    </row>
    <row r="407562" spans="14:14">
      <c r="N407562" s="10"/>
    </row>
    <row r="407563" spans="14:14">
      <c r="N407563" s="10"/>
    </row>
    <row r="407564" spans="14:14">
      <c r="N407564" s="10"/>
    </row>
    <row r="407565" spans="14:14">
      <c r="N407565" s="10"/>
    </row>
    <row r="407566" spans="14:14">
      <c r="N407566" s="10"/>
    </row>
    <row r="407567" spans="14:14">
      <c r="N407567" s="10"/>
    </row>
    <row r="407568" spans="14:14">
      <c r="N407568" s="10"/>
    </row>
    <row r="407569" spans="14:14">
      <c r="N407569" s="10"/>
    </row>
    <row r="407570" spans="14:14">
      <c r="N407570" s="10"/>
    </row>
    <row r="407571" spans="14:14">
      <c r="N407571" s="10"/>
    </row>
    <row r="407572" spans="14:14">
      <c r="N407572" s="10"/>
    </row>
    <row r="407573" spans="14:14">
      <c r="N407573" s="10"/>
    </row>
    <row r="407574" spans="14:14">
      <c r="N407574" s="10"/>
    </row>
    <row r="407575" spans="14:14">
      <c r="N407575" s="10"/>
    </row>
    <row r="407576" spans="14:14">
      <c r="N407576" s="10"/>
    </row>
    <row r="407577" spans="14:14">
      <c r="N407577" s="10"/>
    </row>
    <row r="407578" spans="14:14">
      <c r="N407578" s="10"/>
    </row>
    <row r="407579" spans="14:14">
      <c r="N407579" s="10"/>
    </row>
    <row r="407580" spans="14:14">
      <c r="N407580" s="10"/>
    </row>
    <row r="407581" spans="14:14">
      <c r="N407581" s="10"/>
    </row>
    <row r="407582" spans="14:14">
      <c r="N407582" s="10"/>
    </row>
    <row r="407583" spans="14:14">
      <c r="N407583" s="10"/>
    </row>
    <row r="407584" spans="14:14">
      <c r="N407584" s="10"/>
    </row>
    <row r="407585" spans="14:14">
      <c r="N407585" s="10"/>
    </row>
    <row r="407586" spans="14:14">
      <c r="N407586" s="10"/>
    </row>
    <row r="407587" spans="14:14">
      <c r="N407587" s="10"/>
    </row>
    <row r="407588" spans="14:14">
      <c r="N407588" s="10"/>
    </row>
    <row r="407589" spans="14:14">
      <c r="N407589" s="10"/>
    </row>
    <row r="407590" spans="14:14">
      <c r="N407590" s="10"/>
    </row>
    <row r="407591" spans="14:14">
      <c r="N407591" s="10"/>
    </row>
    <row r="407592" spans="14:14">
      <c r="N407592" s="10"/>
    </row>
    <row r="407593" spans="14:14">
      <c r="N407593" s="10"/>
    </row>
    <row r="407594" spans="14:14">
      <c r="N407594" s="10"/>
    </row>
    <row r="407595" spans="14:14">
      <c r="N407595" s="10"/>
    </row>
    <row r="407596" spans="14:14">
      <c r="N407596" s="10"/>
    </row>
    <row r="407597" spans="14:14">
      <c r="N407597" s="10"/>
    </row>
    <row r="407598" spans="14:14">
      <c r="N407598" s="10"/>
    </row>
    <row r="407599" spans="14:14">
      <c r="N407599" s="10"/>
    </row>
    <row r="407600" spans="14:14">
      <c r="N407600" s="10"/>
    </row>
    <row r="407601" spans="14:14">
      <c r="N407601" s="10"/>
    </row>
    <row r="407602" spans="14:14">
      <c r="N407602" s="10"/>
    </row>
    <row r="407603" spans="14:14">
      <c r="N407603" s="10"/>
    </row>
    <row r="407604" spans="14:14">
      <c r="N407604" s="10"/>
    </row>
    <row r="407605" spans="14:14">
      <c r="N407605" s="10"/>
    </row>
    <row r="407606" spans="14:14">
      <c r="N407606" s="10"/>
    </row>
    <row r="407607" spans="14:14">
      <c r="N407607" s="10"/>
    </row>
    <row r="407608" spans="14:14">
      <c r="N407608" s="10"/>
    </row>
    <row r="407609" spans="14:14">
      <c r="N407609" s="10"/>
    </row>
    <row r="407610" spans="14:14">
      <c r="N407610" s="10"/>
    </row>
    <row r="407611" spans="14:14">
      <c r="N407611" s="10"/>
    </row>
    <row r="407612" spans="14:14">
      <c r="N407612" s="10"/>
    </row>
    <row r="407613" spans="14:14">
      <c r="N407613" s="10"/>
    </row>
    <row r="407614" spans="14:14">
      <c r="N407614" s="10"/>
    </row>
    <row r="407615" spans="14:14">
      <c r="N407615" s="10"/>
    </row>
    <row r="407616" spans="14:14">
      <c r="N407616" s="10"/>
    </row>
    <row r="407617" spans="14:14">
      <c r="N407617" s="10"/>
    </row>
    <row r="407618" spans="14:14">
      <c r="N407618" s="10"/>
    </row>
    <row r="407619" spans="14:14">
      <c r="N407619" s="10"/>
    </row>
    <row r="407620" spans="14:14">
      <c r="N407620" s="10"/>
    </row>
    <row r="407621" spans="14:14">
      <c r="N407621" s="10"/>
    </row>
    <row r="407622" spans="14:14">
      <c r="N407622" s="10"/>
    </row>
    <row r="407623" spans="14:14">
      <c r="N407623" s="10"/>
    </row>
    <row r="407624" spans="14:14">
      <c r="N407624" s="10"/>
    </row>
    <row r="407625" spans="14:14">
      <c r="N407625" s="10"/>
    </row>
    <row r="407626" spans="14:14">
      <c r="N407626" s="10"/>
    </row>
    <row r="407627" spans="14:14">
      <c r="N407627" s="10"/>
    </row>
    <row r="407628" spans="14:14">
      <c r="N407628" s="10"/>
    </row>
    <row r="407629" spans="14:14">
      <c r="N407629" s="10"/>
    </row>
    <row r="407630" spans="14:14">
      <c r="N407630" s="10"/>
    </row>
    <row r="407631" spans="14:14">
      <c r="N407631" s="10"/>
    </row>
    <row r="407632" spans="14:14">
      <c r="N407632" s="10"/>
    </row>
    <row r="407633" spans="14:14">
      <c r="N407633" s="10"/>
    </row>
    <row r="407634" spans="14:14">
      <c r="N407634" s="10"/>
    </row>
    <row r="407635" spans="14:14">
      <c r="N407635" s="10"/>
    </row>
    <row r="407636" spans="14:14">
      <c r="N407636" s="10"/>
    </row>
    <row r="407637" spans="14:14">
      <c r="N407637" s="10"/>
    </row>
    <row r="407638" spans="14:14">
      <c r="N407638" s="10"/>
    </row>
    <row r="407639" spans="14:14">
      <c r="N407639" s="10"/>
    </row>
    <row r="407640" spans="14:14">
      <c r="N407640" s="10"/>
    </row>
    <row r="407641" spans="14:14">
      <c r="N407641" s="10"/>
    </row>
    <row r="407642" spans="14:14">
      <c r="N407642" s="10"/>
    </row>
    <row r="407643" spans="14:14">
      <c r="N407643" s="10"/>
    </row>
    <row r="407644" spans="14:14">
      <c r="N407644" s="10"/>
    </row>
    <row r="407645" spans="14:14">
      <c r="N407645" s="10"/>
    </row>
    <row r="407646" spans="14:14">
      <c r="N407646" s="10"/>
    </row>
    <row r="407647" spans="14:14">
      <c r="N407647" s="10"/>
    </row>
    <row r="407648" spans="14:14">
      <c r="N407648" s="10"/>
    </row>
    <row r="407649" spans="14:14">
      <c r="N407649" s="10"/>
    </row>
    <row r="407650" spans="14:14">
      <c r="N407650" s="10"/>
    </row>
    <row r="407651" spans="14:14">
      <c r="N407651" s="10"/>
    </row>
    <row r="407652" spans="14:14">
      <c r="N407652" s="10"/>
    </row>
    <row r="407653" spans="14:14">
      <c r="N407653" s="10"/>
    </row>
    <row r="407654" spans="14:14">
      <c r="N407654" s="10"/>
    </row>
    <row r="407655" spans="14:14">
      <c r="N407655" s="10"/>
    </row>
    <row r="407656" spans="14:14">
      <c r="N407656" s="10"/>
    </row>
    <row r="407657" spans="14:14">
      <c r="N407657" s="10"/>
    </row>
    <row r="407658" spans="14:14">
      <c r="N407658" s="10"/>
    </row>
    <row r="407659" spans="14:14">
      <c r="N407659" s="10"/>
    </row>
    <row r="407660" spans="14:14">
      <c r="N407660" s="10"/>
    </row>
    <row r="407661" spans="14:14">
      <c r="N407661" s="10"/>
    </row>
    <row r="407662" spans="14:14">
      <c r="N407662" s="10"/>
    </row>
    <row r="407663" spans="14:14">
      <c r="N407663" s="10"/>
    </row>
    <row r="407664" spans="14:14">
      <c r="N407664" s="10"/>
    </row>
    <row r="407665" spans="14:14">
      <c r="N407665" s="10"/>
    </row>
    <row r="407666" spans="14:14">
      <c r="N407666" s="10"/>
    </row>
    <row r="407667" spans="14:14">
      <c r="N407667" s="10"/>
    </row>
    <row r="407668" spans="14:14">
      <c r="N407668" s="10"/>
    </row>
    <row r="407669" spans="14:14">
      <c r="N407669" s="10"/>
    </row>
    <row r="407670" spans="14:14">
      <c r="N407670" s="10"/>
    </row>
    <row r="407671" spans="14:14">
      <c r="N407671" s="10"/>
    </row>
    <row r="407672" spans="14:14">
      <c r="N407672" s="10"/>
    </row>
    <row r="407673" spans="14:14">
      <c r="N407673" s="10"/>
    </row>
    <row r="407674" spans="14:14">
      <c r="N407674" s="10"/>
    </row>
    <row r="407675" spans="14:14">
      <c r="N407675" s="10"/>
    </row>
    <row r="407676" spans="14:14">
      <c r="N407676" s="10"/>
    </row>
    <row r="407677" spans="14:14">
      <c r="N407677" s="10"/>
    </row>
    <row r="407678" spans="14:14">
      <c r="N407678" s="10"/>
    </row>
    <row r="407679" spans="14:14">
      <c r="N407679" s="10"/>
    </row>
    <row r="407680" spans="14:14">
      <c r="N407680" s="10"/>
    </row>
    <row r="407681" spans="14:14">
      <c r="N407681" s="10"/>
    </row>
    <row r="407682" spans="14:14">
      <c r="N407682" s="10"/>
    </row>
    <row r="407683" spans="14:14">
      <c r="N407683" s="10"/>
    </row>
    <row r="407684" spans="14:14">
      <c r="N407684" s="10"/>
    </row>
    <row r="407685" spans="14:14">
      <c r="N407685" s="10"/>
    </row>
    <row r="407686" spans="14:14">
      <c r="N407686" s="10"/>
    </row>
    <row r="407687" spans="14:14">
      <c r="N407687" s="10"/>
    </row>
    <row r="407688" spans="14:14">
      <c r="N407688" s="10"/>
    </row>
    <row r="407689" spans="14:14">
      <c r="N407689" s="10"/>
    </row>
    <row r="407690" spans="14:14">
      <c r="N407690" s="10"/>
    </row>
    <row r="407691" spans="14:14">
      <c r="N407691" s="10"/>
    </row>
    <row r="407692" spans="14:14">
      <c r="N407692" s="10"/>
    </row>
    <row r="407693" spans="14:14">
      <c r="N407693" s="10"/>
    </row>
    <row r="407694" spans="14:14">
      <c r="N407694" s="10"/>
    </row>
    <row r="407695" spans="14:14">
      <c r="N407695" s="10"/>
    </row>
    <row r="407696" spans="14:14">
      <c r="N407696" s="10"/>
    </row>
    <row r="407697" spans="14:14">
      <c r="N407697" s="10"/>
    </row>
    <row r="407698" spans="14:14">
      <c r="N407698" s="10"/>
    </row>
    <row r="407699" spans="14:14">
      <c r="N407699" s="10"/>
    </row>
    <row r="407700" spans="14:14">
      <c r="N407700" s="10"/>
    </row>
    <row r="407701" spans="14:14">
      <c r="N407701" s="10"/>
    </row>
    <row r="407702" spans="14:14">
      <c r="N407702" s="10"/>
    </row>
    <row r="407703" spans="14:14">
      <c r="N407703" s="10"/>
    </row>
    <row r="407704" spans="14:14">
      <c r="N407704" s="10"/>
    </row>
    <row r="407705" spans="14:14">
      <c r="N407705" s="10"/>
    </row>
    <row r="407706" spans="14:14">
      <c r="N407706" s="10"/>
    </row>
    <row r="407707" spans="14:14">
      <c r="N407707" s="10"/>
    </row>
    <row r="407708" spans="14:14">
      <c r="N407708" s="10"/>
    </row>
    <row r="407709" spans="14:14">
      <c r="N407709" s="10"/>
    </row>
    <row r="407710" spans="14:14">
      <c r="N407710" s="10"/>
    </row>
    <row r="407711" spans="14:14">
      <c r="N407711" s="10"/>
    </row>
    <row r="407712" spans="14:14">
      <c r="N407712" s="10"/>
    </row>
    <row r="407713" spans="14:14">
      <c r="N407713" s="10"/>
    </row>
    <row r="407714" spans="14:14">
      <c r="N407714" s="10"/>
    </row>
    <row r="407715" spans="14:14">
      <c r="N407715" s="10"/>
    </row>
    <row r="407716" spans="14:14">
      <c r="N407716" s="10"/>
    </row>
    <row r="407717" spans="14:14">
      <c r="N407717" s="10"/>
    </row>
    <row r="407718" spans="14:14">
      <c r="N407718" s="10"/>
    </row>
    <row r="407719" spans="14:14">
      <c r="N407719" s="10"/>
    </row>
    <row r="407720" spans="14:14">
      <c r="N407720" s="10"/>
    </row>
    <row r="407721" spans="14:14">
      <c r="N407721" s="10"/>
    </row>
    <row r="407722" spans="14:14">
      <c r="N407722" s="10"/>
    </row>
    <row r="407723" spans="14:14">
      <c r="N407723" s="10"/>
    </row>
    <row r="407724" spans="14:14">
      <c r="N407724" s="10"/>
    </row>
    <row r="407725" spans="14:14">
      <c r="N407725" s="10"/>
    </row>
    <row r="407726" spans="14:14">
      <c r="N407726" s="10"/>
    </row>
    <row r="407727" spans="14:14">
      <c r="N407727" s="10"/>
    </row>
    <row r="407728" spans="14:14">
      <c r="N407728" s="10"/>
    </row>
    <row r="407729" spans="14:14">
      <c r="N407729" s="10"/>
    </row>
    <row r="407730" spans="14:14">
      <c r="N407730" s="10"/>
    </row>
    <row r="407731" spans="14:14">
      <c r="N407731" s="10"/>
    </row>
    <row r="407732" spans="14:14">
      <c r="N407732" s="10"/>
    </row>
    <row r="407733" spans="14:14">
      <c r="N407733" s="10"/>
    </row>
    <row r="407734" spans="14:14">
      <c r="N407734" s="10"/>
    </row>
    <row r="407735" spans="14:14">
      <c r="N407735" s="10"/>
    </row>
    <row r="407736" spans="14:14">
      <c r="N407736" s="10"/>
    </row>
    <row r="407737" spans="14:14">
      <c r="N407737" s="10"/>
    </row>
    <row r="407738" spans="14:14">
      <c r="N407738" s="10"/>
    </row>
    <row r="407739" spans="14:14">
      <c r="N407739" s="10"/>
    </row>
    <row r="407740" spans="14:14">
      <c r="N407740" s="10"/>
    </row>
    <row r="407741" spans="14:14">
      <c r="N407741" s="10"/>
    </row>
    <row r="407742" spans="14:14">
      <c r="N407742" s="10"/>
    </row>
    <row r="407743" spans="14:14">
      <c r="N407743" s="10"/>
    </row>
    <row r="407744" spans="14:14">
      <c r="N407744" s="10"/>
    </row>
    <row r="407745" spans="14:14">
      <c r="N407745" s="10"/>
    </row>
    <row r="407746" spans="14:14">
      <c r="N407746" s="10"/>
    </row>
    <row r="407747" spans="14:14">
      <c r="N407747" s="10"/>
    </row>
    <row r="407748" spans="14:14">
      <c r="N407748" s="10"/>
    </row>
    <row r="407749" spans="14:14">
      <c r="N407749" s="10"/>
    </row>
    <row r="407750" spans="14:14">
      <c r="N407750" s="10"/>
    </row>
    <row r="407751" spans="14:14">
      <c r="N407751" s="10"/>
    </row>
    <row r="407752" spans="14:14">
      <c r="N407752" s="10"/>
    </row>
    <row r="407753" spans="14:14">
      <c r="N407753" s="10"/>
    </row>
    <row r="407754" spans="14:14">
      <c r="N407754" s="10"/>
    </row>
    <row r="407755" spans="14:14">
      <c r="N407755" s="10"/>
    </row>
    <row r="407756" spans="14:14">
      <c r="N407756" s="10"/>
    </row>
    <row r="407757" spans="14:14">
      <c r="N407757" s="10"/>
    </row>
    <row r="407758" spans="14:14">
      <c r="N407758" s="10"/>
    </row>
    <row r="407759" spans="14:14">
      <c r="N407759" s="10"/>
    </row>
    <row r="407760" spans="14:14">
      <c r="N407760" s="10"/>
    </row>
    <row r="407761" spans="14:14">
      <c r="N407761" s="10"/>
    </row>
    <row r="407762" spans="14:14">
      <c r="N407762" s="10"/>
    </row>
    <row r="407763" spans="14:14">
      <c r="N407763" s="10"/>
    </row>
    <row r="407764" spans="14:14">
      <c r="N407764" s="10"/>
    </row>
    <row r="407765" spans="14:14">
      <c r="N407765" s="10"/>
    </row>
    <row r="407766" spans="14:14">
      <c r="N407766" s="10"/>
    </row>
    <row r="407767" spans="14:14">
      <c r="N407767" s="10"/>
    </row>
    <row r="407768" spans="14:14">
      <c r="N407768" s="10"/>
    </row>
    <row r="407769" spans="14:14">
      <c r="N407769" s="10"/>
    </row>
    <row r="407770" spans="14:14">
      <c r="N407770" s="10"/>
    </row>
    <row r="407771" spans="14:14">
      <c r="N407771" s="10"/>
    </row>
    <row r="407772" spans="14:14">
      <c r="N407772" s="10"/>
    </row>
    <row r="407773" spans="14:14">
      <c r="N407773" s="10"/>
    </row>
    <row r="407774" spans="14:14">
      <c r="N407774" s="10"/>
    </row>
    <row r="407775" spans="14:14">
      <c r="N407775" s="10"/>
    </row>
    <row r="407776" spans="14:14">
      <c r="N407776" s="10"/>
    </row>
    <row r="407777" spans="14:14">
      <c r="N407777" s="10"/>
    </row>
    <row r="407778" spans="14:14">
      <c r="N407778" s="10"/>
    </row>
    <row r="407779" spans="14:14">
      <c r="N407779" s="10"/>
    </row>
    <row r="407780" spans="14:14">
      <c r="N407780" s="10"/>
    </row>
    <row r="407781" spans="14:14">
      <c r="N407781" s="10"/>
    </row>
    <row r="407782" spans="14:14">
      <c r="N407782" s="10"/>
    </row>
    <row r="407783" spans="14:14">
      <c r="N407783" s="10"/>
    </row>
    <row r="407784" spans="14:14">
      <c r="N407784" s="10"/>
    </row>
    <row r="407785" spans="14:14">
      <c r="N407785" s="10"/>
    </row>
    <row r="407786" spans="14:14">
      <c r="N407786" s="10"/>
    </row>
    <row r="407787" spans="14:14">
      <c r="N407787" s="10"/>
    </row>
    <row r="407788" spans="14:14">
      <c r="N407788" s="10"/>
    </row>
    <row r="407789" spans="14:14">
      <c r="N407789" s="10"/>
    </row>
    <row r="407790" spans="14:14">
      <c r="N407790" s="10"/>
    </row>
    <row r="407791" spans="14:14">
      <c r="N407791" s="10"/>
    </row>
    <row r="407792" spans="14:14">
      <c r="N407792" s="10"/>
    </row>
    <row r="407793" spans="14:14">
      <c r="N407793" s="10"/>
    </row>
    <row r="407794" spans="14:14">
      <c r="N407794" s="10"/>
    </row>
    <row r="407795" spans="14:14">
      <c r="N407795" s="10"/>
    </row>
    <row r="407796" spans="14:14">
      <c r="N407796" s="10"/>
    </row>
    <row r="407797" spans="14:14">
      <c r="N407797" s="10"/>
    </row>
    <row r="407798" spans="14:14">
      <c r="N407798" s="10"/>
    </row>
    <row r="407799" spans="14:14">
      <c r="N407799" s="10"/>
    </row>
    <row r="407800" spans="14:14">
      <c r="N407800" s="10"/>
    </row>
    <row r="407801" spans="14:14">
      <c r="N407801" s="10"/>
    </row>
    <row r="407802" spans="14:14">
      <c r="N407802" s="10"/>
    </row>
    <row r="407803" spans="14:14">
      <c r="N407803" s="10"/>
    </row>
    <row r="407804" spans="14:14">
      <c r="N407804" s="10"/>
    </row>
    <row r="407805" spans="14:14">
      <c r="N407805" s="10"/>
    </row>
    <row r="407806" spans="14:14">
      <c r="N407806" s="10"/>
    </row>
    <row r="407807" spans="14:14">
      <c r="N407807" s="10"/>
    </row>
    <row r="407808" spans="14:14">
      <c r="N407808" s="10"/>
    </row>
    <row r="407809" spans="14:14">
      <c r="N407809" s="10"/>
    </row>
    <row r="407810" spans="14:14">
      <c r="N407810" s="10"/>
    </row>
    <row r="407811" spans="14:14">
      <c r="N407811" s="10"/>
    </row>
    <row r="407812" spans="14:14">
      <c r="N407812" s="10"/>
    </row>
    <row r="407813" spans="14:14">
      <c r="N407813" s="10"/>
    </row>
    <row r="407814" spans="14:14">
      <c r="N407814" s="10"/>
    </row>
    <row r="407815" spans="14:14">
      <c r="N407815" s="10"/>
    </row>
    <row r="407816" spans="14:14">
      <c r="N407816" s="10"/>
    </row>
    <row r="407817" spans="14:14">
      <c r="N407817" s="10"/>
    </row>
    <row r="407818" spans="14:14">
      <c r="N407818" s="10"/>
    </row>
    <row r="407819" spans="14:14">
      <c r="N407819" s="10"/>
    </row>
    <row r="407820" spans="14:14">
      <c r="N407820" s="10"/>
    </row>
    <row r="407821" spans="14:14">
      <c r="N407821" s="10"/>
    </row>
    <row r="407822" spans="14:14">
      <c r="N407822" s="10"/>
    </row>
    <row r="407823" spans="14:14">
      <c r="N407823" s="10"/>
    </row>
    <row r="407824" spans="14:14">
      <c r="N407824" s="10"/>
    </row>
    <row r="407825" spans="14:14">
      <c r="N407825" s="10"/>
    </row>
    <row r="407826" spans="14:14">
      <c r="N407826" s="10"/>
    </row>
    <row r="407827" spans="14:14">
      <c r="N407827" s="10"/>
    </row>
    <row r="407828" spans="14:14">
      <c r="N407828" s="10"/>
    </row>
    <row r="407829" spans="14:14">
      <c r="N407829" s="10"/>
    </row>
    <row r="407830" spans="14:14">
      <c r="N407830" s="10"/>
    </row>
    <row r="407831" spans="14:14">
      <c r="N407831" s="10"/>
    </row>
    <row r="407832" spans="14:14">
      <c r="N407832" s="10"/>
    </row>
    <row r="407833" spans="14:14">
      <c r="N407833" s="10"/>
    </row>
    <row r="407834" spans="14:14">
      <c r="N407834" s="10"/>
    </row>
    <row r="407835" spans="14:14">
      <c r="N407835" s="10"/>
    </row>
    <row r="407836" spans="14:14">
      <c r="N407836" s="10"/>
    </row>
    <row r="407837" spans="14:14">
      <c r="N407837" s="10"/>
    </row>
    <row r="407838" spans="14:14">
      <c r="N407838" s="10"/>
    </row>
    <row r="407839" spans="14:14">
      <c r="N407839" s="10"/>
    </row>
    <row r="407840" spans="14:14">
      <c r="N407840" s="10"/>
    </row>
    <row r="407841" spans="14:14">
      <c r="N407841" s="10"/>
    </row>
    <row r="407842" spans="14:14">
      <c r="N407842" s="10"/>
    </row>
    <row r="407843" spans="14:14">
      <c r="N407843" s="10"/>
    </row>
    <row r="407844" spans="14:14">
      <c r="N407844" s="10"/>
    </row>
    <row r="407845" spans="14:14">
      <c r="N407845" s="10"/>
    </row>
    <row r="407846" spans="14:14">
      <c r="N407846" s="10"/>
    </row>
    <row r="407847" spans="14:14">
      <c r="N407847" s="10"/>
    </row>
    <row r="407848" spans="14:14">
      <c r="N407848" s="10"/>
    </row>
    <row r="407849" spans="14:14">
      <c r="N407849" s="10"/>
    </row>
    <row r="407850" spans="14:14">
      <c r="N407850" s="10"/>
    </row>
    <row r="407851" spans="14:14">
      <c r="N407851" s="10"/>
    </row>
    <row r="407852" spans="14:14">
      <c r="N407852" s="10"/>
    </row>
    <row r="407853" spans="14:14">
      <c r="N407853" s="10"/>
    </row>
    <row r="407854" spans="14:14">
      <c r="N407854" s="10"/>
    </row>
    <row r="407855" spans="14:14">
      <c r="N407855" s="10"/>
    </row>
    <row r="407856" spans="14:14">
      <c r="N407856" s="10"/>
    </row>
    <row r="407857" spans="14:14">
      <c r="N407857" s="10"/>
    </row>
    <row r="407858" spans="14:14">
      <c r="N407858" s="10"/>
    </row>
    <row r="407859" spans="14:14">
      <c r="N407859" s="10"/>
    </row>
    <row r="407860" spans="14:14">
      <c r="N407860" s="10"/>
    </row>
    <row r="407861" spans="14:14">
      <c r="N407861" s="10"/>
    </row>
    <row r="407862" spans="14:14">
      <c r="N407862" s="10"/>
    </row>
    <row r="407863" spans="14:14">
      <c r="N407863" s="10"/>
    </row>
    <row r="407864" spans="14:14">
      <c r="N407864" s="10"/>
    </row>
    <row r="407865" spans="14:14">
      <c r="N407865" s="10"/>
    </row>
    <row r="407866" spans="14:14">
      <c r="N407866" s="10"/>
    </row>
    <row r="407867" spans="14:14">
      <c r="N407867" s="10"/>
    </row>
    <row r="407868" spans="14:14">
      <c r="N407868" s="10"/>
    </row>
    <row r="407869" spans="14:14">
      <c r="N407869" s="10"/>
    </row>
    <row r="407870" spans="14:14">
      <c r="N407870" s="10"/>
    </row>
    <row r="407871" spans="14:14">
      <c r="N407871" s="10"/>
    </row>
    <row r="407872" spans="14:14">
      <c r="N407872" s="10"/>
    </row>
    <row r="407873" spans="14:14">
      <c r="N407873" s="10"/>
    </row>
    <row r="407874" spans="14:14">
      <c r="N407874" s="10"/>
    </row>
    <row r="407875" spans="14:14">
      <c r="N407875" s="10"/>
    </row>
    <row r="407876" spans="14:14">
      <c r="N407876" s="10"/>
    </row>
    <row r="407877" spans="14:14">
      <c r="N407877" s="10"/>
    </row>
    <row r="407878" spans="14:14">
      <c r="N407878" s="10"/>
    </row>
    <row r="407879" spans="14:14">
      <c r="N407879" s="10"/>
    </row>
    <row r="407880" spans="14:14">
      <c r="N407880" s="10"/>
    </row>
    <row r="407881" spans="14:14">
      <c r="N407881" s="10"/>
    </row>
    <row r="407882" spans="14:14">
      <c r="N407882" s="10"/>
    </row>
    <row r="407883" spans="14:14">
      <c r="N407883" s="10"/>
    </row>
    <row r="407884" spans="14:14">
      <c r="N407884" s="10"/>
    </row>
    <row r="407885" spans="14:14">
      <c r="N407885" s="10"/>
    </row>
    <row r="407886" spans="14:14">
      <c r="N407886" s="10"/>
    </row>
    <row r="407887" spans="14:14">
      <c r="N407887" s="10"/>
    </row>
    <row r="407888" spans="14:14">
      <c r="N407888" s="10"/>
    </row>
    <row r="407889" spans="14:14">
      <c r="N407889" s="10"/>
    </row>
    <row r="407890" spans="14:14">
      <c r="N407890" s="10"/>
    </row>
    <row r="407891" spans="14:14">
      <c r="N407891" s="10"/>
    </row>
    <row r="407892" spans="14:14">
      <c r="N407892" s="10"/>
    </row>
    <row r="407893" spans="14:14">
      <c r="N407893" s="10"/>
    </row>
    <row r="407894" spans="14:14">
      <c r="N407894" s="10"/>
    </row>
    <row r="407895" spans="14:14">
      <c r="N407895" s="10"/>
    </row>
    <row r="407896" spans="14:14">
      <c r="N407896" s="10"/>
    </row>
    <row r="407897" spans="14:14">
      <c r="N407897" s="10"/>
    </row>
    <row r="407898" spans="14:14">
      <c r="N407898" s="10"/>
    </row>
    <row r="407899" spans="14:14">
      <c r="N407899" s="10"/>
    </row>
    <row r="407900" spans="14:14">
      <c r="N407900" s="10"/>
    </row>
    <row r="407901" spans="14:14">
      <c r="N407901" s="10"/>
    </row>
    <row r="407902" spans="14:14">
      <c r="N407902" s="10"/>
    </row>
    <row r="407903" spans="14:14">
      <c r="N407903" s="10"/>
    </row>
    <row r="407904" spans="14:14">
      <c r="N407904" s="10"/>
    </row>
    <row r="407905" spans="14:14">
      <c r="N407905" s="10"/>
    </row>
    <row r="407906" spans="14:14">
      <c r="N407906" s="10"/>
    </row>
    <row r="407907" spans="14:14">
      <c r="N407907" s="10"/>
    </row>
    <row r="407908" spans="14:14">
      <c r="N407908" s="10"/>
    </row>
    <row r="407909" spans="14:14">
      <c r="N407909" s="10"/>
    </row>
    <row r="407910" spans="14:14">
      <c r="N407910" s="10"/>
    </row>
    <row r="407911" spans="14:14">
      <c r="N407911" s="10"/>
    </row>
    <row r="407912" spans="14:14">
      <c r="N407912" s="10"/>
    </row>
    <row r="407913" spans="14:14">
      <c r="N407913" s="10"/>
    </row>
    <row r="407914" spans="14:14">
      <c r="N407914" s="10"/>
    </row>
    <row r="407915" spans="14:14">
      <c r="N407915" s="10"/>
    </row>
    <row r="407916" spans="14:14">
      <c r="N407916" s="10"/>
    </row>
    <row r="407917" spans="14:14">
      <c r="N407917" s="10"/>
    </row>
    <row r="407918" spans="14:14">
      <c r="N407918" s="10"/>
    </row>
    <row r="407919" spans="14:14">
      <c r="N407919" s="10"/>
    </row>
    <row r="407920" spans="14:14">
      <c r="N407920" s="10"/>
    </row>
    <row r="407921" spans="14:14">
      <c r="N407921" s="10"/>
    </row>
    <row r="407922" spans="14:14">
      <c r="N407922" s="10"/>
    </row>
    <row r="407923" spans="14:14">
      <c r="N407923" s="10"/>
    </row>
    <row r="407924" spans="14:14">
      <c r="N407924" s="10"/>
    </row>
    <row r="407925" spans="14:14">
      <c r="N407925" s="10"/>
    </row>
    <row r="407926" spans="14:14">
      <c r="N407926" s="10"/>
    </row>
    <row r="407927" spans="14:14">
      <c r="N407927" s="10"/>
    </row>
    <row r="407928" spans="14:14">
      <c r="N407928" s="10"/>
    </row>
    <row r="407929" spans="14:14">
      <c r="N407929" s="10"/>
    </row>
    <row r="407930" spans="14:14">
      <c r="N407930" s="10"/>
    </row>
    <row r="407931" spans="14:14">
      <c r="N407931" s="10"/>
    </row>
    <row r="407932" spans="14:14">
      <c r="N407932" s="10"/>
    </row>
    <row r="407933" spans="14:14">
      <c r="N407933" s="10"/>
    </row>
    <row r="407934" spans="14:14">
      <c r="N407934" s="10"/>
    </row>
    <row r="407935" spans="14:14">
      <c r="N407935" s="10"/>
    </row>
    <row r="407936" spans="14:14">
      <c r="N407936" s="10"/>
    </row>
    <row r="407937" spans="14:14">
      <c r="N407937" s="10"/>
    </row>
    <row r="407938" spans="14:14">
      <c r="N407938" s="10"/>
    </row>
    <row r="407939" spans="14:14">
      <c r="N407939" s="10"/>
    </row>
    <row r="407940" spans="14:14">
      <c r="N407940" s="10"/>
    </row>
    <row r="407941" spans="14:14">
      <c r="N407941" s="10"/>
    </row>
    <row r="407942" spans="14:14">
      <c r="N407942" s="10"/>
    </row>
    <row r="407943" spans="14:14">
      <c r="N407943" s="10"/>
    </row>
    <row r="407944" spans="14:14">
      <c r="N407944" s="10"/>
    </row>
    <row r="407945" spans="14:14">
      <c r="N407945" s="10"/>
    </row>
    <row r="407946" spans="14:14">
      <c r="N407946" s="10"/>
    </row>
    <row r="407947" spans="14:14">
      <c r="N407947" s="10"/>
    </row>
    <row r="407948" spans="14:14">
      <c r="N407948" s="10"/>
    </row>
    <row r="407949" spans="14:14">
      <c r="N407949" s="10"/>
    </row>
    <row r="407950" spans="14:14">
      <c r="N407950" s="10"/>
    </row>
    <row r="407951" spans="14:14">
      <c r="N407951" s="10"/>
    </row>
    <row r="407952" spans="14:14">
      <c r="N407952" s="10"/>
    </row>
    <row r="407953" spans="14:14">
      <c r="N407953" s="10"/>
    </row>
    <row r="407954" spans="14:14">
      <c r="N407954" s="10"/>
    </row>
    <row r="407955" spans="14:14">
      <c r="N407955" s="10"/>
    </row>
    <row r="407956" spans="14:14">
      <c r="N407956" s="10"/>
    </row>
    <row r="407957" spans="14:14">
      <c r="N407957" s="10"/>
    </row>
    <row r="407958" spans="14:14">
      <c r="N407958" s="10"/>
    </row>
    <row r="407959" spans="14:14">
      <c r="N407959" s="10"/>
    </row>
    <row r="407960" spans="14:14">
      <c r="N407960" s="10"/>
    </row>
    <row r="407961" spans="14:14">
      <c r="N407961" s="10"/>
    </row>
    <row r="407962" spans="14:14">
      <c r="N407962" s="10"/>
    </row>
    <row r="407963" spans="14:14">
      <c r="N407963" s="10"/>
    </row>
    <row r="407964" spans="14:14">
      <c r="N407964" s="10"/>
    </row>
    <row r="407965" spans="14:14">
      <c r="N407965" s="10"/>
    </row>
    <row r="407966" spans="14:14">
      <c r="N407966" s="10"/>
    </row>
    <row r="407967" spans="14:14">
      <c r="N407967" s="10"/>
    </row>
    <row r="407968" spans="14:14">
      <c r="N407968" s="10"/>
    </row>
    <row r="407969" spans="14:14">
      <c r="N407969" s="10"/>
    </row>
    <row r="407970" spans="14:14">
      <c r="N407970" s="10"/>
    </row>
    <row r="407971" spans="14:14">
      <c r="N407971" s="10"/>
    </row>
    <row r="407972" spans="14:14">
      <c r="N407972" s="10"/>
    </row>
    <row r="407973" spans="14:14">
      <c r="N407973" s="10"/>
    </row>
    <row r="407974" spans="14:14">
      <c r="N407974" s="10"/>
    </row>
    <row r="407975" spans="14:14">
      <c r="N407975" s="10"/>
    </row>
    <row r="407976" spans="14:14">
      <c r="N407976" s="10"/>
    </row>
    <row r="407977" spans="14:14">
      <c r="N407977" s="10"/>
    </row>
    <row r="407978" spans="14:14">
      <c r="N407978" s="10"/>
    </row>
    <row r="407979" spans="14:14">
      <c r="N407979" s="10"/>
    </row>
    <row r="407980" spans="14:14">
      <c r="N407980" s="10"/>
    </row>
    <row r="407981" spans="14:14">
      <c r="N407981" s="10"/>
    </row>
    <row r="407982" spans="14:14">
      <c r="N407982" s="10"/>
    </row>
    <row r="407983" spans="14:14">
      <c r="N407983" s="10"/>
    </row>
    <row r="407984" spans="14:14">
      <c r="N407984" s="10"/>
    </row>
    <row r="407985" spans="14:14">
      <c r="N407985" s="10"/>
    </row>
    <row r="407986" spans="14:14">
      <c r="N407986" s="10"/>
    </row>
    <row r="407987" spans="14:14">
      <c r="N407987" s="10"/>
    </row>
    <row r="407988" spans="14:14">
      <c r="N407988" s="10"/>
    </row>
    <row r="407989" spans="14:14">
      <c r="N407989" s="10"/>
    </row>
    <row r="407990" spans="14:14">
      <c r="N407990" s="10"/>
    </row>
    <row r="407991" spans="14:14">
      <c r="N407991" s="10"/>
    </row>
    <row r="407992" spans="14:14">
      <c r="N407992" s="10"/>
    </row>
    <row r="407993" spans="14:14">
      <c r="N407993" s="10"/>
    </row>
    <row r="407994" spans="14:14">
      <c r="N407994" s="10"/>
    </row>
    <row r="407995" spans="14:14">
      <c r="N407995" s="10"/>
    </row>
    <row r="407996" spans="14:14">
      <c r="N407996" s="10"/>
    </row>
    <row r="407997" spans="14:14">
      <c r="N407997" s="10"/>
    </row>
    <row r="407998" spans="14:14">
      <c r="N407998" s="10"/>
    </row>
    <row r="407999" spans="14:14">
      <c r="N407999" s="10"/>
    </row>
    <row r="408000" spans="14:14">
      <c r="N408000" s="10"/>
    </row>
    <row r="408001" spans="14:14">
      <c r="N408001" s="10"/>
    </row>
    <row r="408002" spans="14:14">
      <c r="N408002" s="10"/>
    </row>
    <row r="408003" spans="14:14">
      <c r="N408003" s="10"/>
    </row>
    <row r="408004" spans="14:14">
      <c r="N408004" s="10"/>
    </row>
    <row r="408005" spans="14:14">
      <c r="N408005" s="10"/>
    </row>
    <row r="408006" spans="14:14">
      <c r="N408006" s="10"/>
    </row>
    <row r="408007" spans="14:14">
      <c r="N408007" s="10"/>
    </row>
    <row r="408008" spans="14:14">
      <c r="N408008" s="10"/>
    </row>
    <row r="408009" spans="14:14">
      <c r="N408009" s="10"/>
    </row>
    <row r="408010" spans="14:14">
      <c r="N408010" s="10"/>
    </row>
    <row r="408011" spans="14:14">
      <c r="N408011" s="10"/>
    </row>
    <row r="408012" spans="14:14">
      <c r="N408012" s="10"/>
    </row>
    <row r="408013" spans="14:14">
      <c r="N408013" s="10"/>
    </row>
    <row r="408014" spans="14:14">
      <c r="N408014" s="10"/>
    </row>
    <row r="408015" spans="14:14">
      <c r="N408015" s="10"/>
    </row>
    <row r="408016" spans="14:14">
      <c r="N408016" s="10"/>
    </row>
    <row r="408017" spans="14:14">
      <c r="N408017" s="10"/>
    </row>
    <row r="408018" spans="14:14">
      <c r="N408018" s="10"/>
    </row>
    <row r="408019" spans="14:14">
      <c r="N408019" s="10"/>
    </row>
    <row r="408020" spans="14:14">
      <c r="N408020" s="10"/>
    </row>
    <row r="408021" spans="14:14">
      <c r="N408021" s="10"/>
    </row>
    <row r="408022" spans="14:14">
      <c r="N408022" s="10"/>
    </row>
    <row r="408023" spans="14:14">
      <c r="N408023" s="10"/>
    </row>
    <row r="408024" spans="14:14">
      <c r="N408024" s="10"/>
    </row>
    <row r="408025" spans="14:14">
      <c r="N408025" s="10"/>
    </row>
    <row r="408026" spans="14:14">
      <c r="N408026" s="10"/>
    </row>
    <row r="408027" spans="14:14">
      <c r="N408027" s="10"/>
    </row>
    <row r="408028" spans="14:14">
      <c r="N408028" s="10"/>
    </row>
    <row r="408029" spans="14:14">
      <c r="N408029" s="10"/>
    </row>
    <row r="408030" spans="14:14">
      <c r="N408030" s="10"/>
    </row>
    <row r="408031" spans="14:14">
      <c r="N408031" s="10"/>
    </row>
    <row r="408032" spans="14:14">
      <c r="N408032" s="10"/>
    </row>
    <row r="408033" spans="14:14">
      <c r="N408033" s="10"/>
    </row>
    <row r="408034" spans="14:14">
      <c r="N408034" s="10"/>
    </row>
    <row r="408035" spans="14:14">
      <c r="N408035" s="10"/>
    </row>
    <row r="408036" spans="14:14">
      <c r="N408036" s="10"/>
    </row>
    <row r="408037" spans="14:14">
      <c r="N408037" s="10"/>
    </row>
    <row r="408038" spans="14:14">
      <c r="N408038" s="10"/>
    </row>
    <row r="408039" spans="14:14">
      <c r="N408039" s="10"/>
    </row>
    <row r="408040" spans="14:14">
      <c r="N408040" s="10"/>
    </row>
    <row r="408041" spans="14:14">
      <c r="N408041" s="10"/>
    </row>
    <row r="408042" spans="14:14">
      <c r="N408042" s="10"/>
    </row>
    <row r="408043" spans="14:14">
      <c r="N408043" s="10"/>
    </row>
    <row r="408044" spans="14:14">
      <c r="N408044" s="10"/>
    </row>
    <row r="408045" spans="14:14">
      <c r="N408045" s="10"/>
    </row>
    <row r="408046" spans="14:14">
      <c r="N408046" s="10"/>
    </row>
    <row r="408047" spans="14:14">
      <c r="N408047" s="10"/>
    </row>
    <row r="408048" spans="14:14">
      <c r="N408048" s="10"/>
    </row>
    <row r="408049" spans="14:14">
      <c r="N408049" s="10"/>
    </row>
    <row r="408050" spans="14:14">
      <c r="N408050" s="10"/>
    </row>
    <row r="408051" spans="14:14">
      <c r="N408051" s="10"/>
    </row>
    <row r="408052" spans="14:14">
      <c r="N408052" s="10"/>
    </row>
    <row r="408053" spans="14:14">
      <c r="N408053" s="10"/>
    </row>
    <row r="408054" spans="14:14">
      <c r="N408054" s="10"/>
    </row>
    <row r="408055" spans="14:14">
      <c r="N408055" s="10"/>
    </row>
    <row r="408056" spans="14:14">
      <c r="N408056" s="10"/>
    </row>
    <row r="408057" spans="14:14">
      <c r="N408057" s="10"/>
    </row>
    <row r="408058" spans="14:14">
      <c r="N408058" s="10"/>
    </row>
    <row r="408059" spans="14:14">
      <c r="N408059" s="10"/>
    </row>
    <row r="408060" spans="14:14">
      <c r="N408060" s="10"/>
    </row>
    <row r="408061" spans="14:14">
      <c r="N408061" s="10"/>
    </row>
    <row r="408062" spans="14:14">
      <c r="N408062" s="10"/>
    </row>
    <row r="408063" spans="14:14">
      <c r="N408063" s="10"/>
    </row>
    <row r="408064" spans="14:14">
      <c r="N408064" s="10"/>
    </row>
    <row r="408065" spans="14:14">
      <c r="N408065" s="10"/>
    </row>
    <row r="408066" spans="14:14">
      <c r="N408066" s="10"/>
    </row>
    <row r="408067" spans="14:14">
      <c r="N408067" s="10"/>
    </row>
    <row r="408068" spans="14:14">
      <c r="N408068" s="10"/>
    </row>
    <row r="408069" spans="14:14">
      <c r="N408069" s="10"/>
    </row>
    <row r="408070" spans="14:14">
      <c r="N408070" s="10"/>
    </row>
    <row r="408071" spans="14:14">
      <c r="N408071" s="10"/>
    </row>
    <row r="408072" spans="14:14">
      <c r="N408072" s="10"/>
    </row>
    <row r="408073" spans="14:14">
      <c r="N408073" s="10"/>
    </row>
    <row r="408074" spans="14:14">
      <c r="N408074" s="10"/>
    </row>
    <row r="408075" spans="14:14">
      <c r="N408075" s="10"/>
    </row>
    <row r="408076" spans="14:14">
      <c r="N408076" s="10"/>
    </row>
    <row r="408077" spans="14:14">
      <c r="N408077" s="10"/>
    </row>
    <row r="408078" spans="14:14">
      <c r="N408078" s="10"/>
    </row>
    <row r="408079" spans="14:14">
      <c r="N408079" s="10"/>
    </row>
    <row r="408080" spans="14:14">
      <c r="N408080" s="10"/>
    </row>
    <row r="408081" spans="14:14">
      <c r="N408081" s="10"/>
    </row>
    <row r="408082" spans="14:14">
      <c r="N408082" s="10"/>
    </row>
    <row r="408083" spans="14:14">
      <c r="N408083" s="10"/>
    </row>
    <row r="408084" spans="14:14">
      <c r="N408084" s="10"/>
    </row>
    <row r="408085" spans="14:14">
      <c r="N408085" s="10"/>
    </row>
    <row r="408086" spans="14:14">
      <c r="N408086" s="10"/>
    </row>
    <row r="408087" spans="14:14">
      <c r="N408087" s="10"/>
    </row>
    <row r="408088" spans="14:14">
      <c r="N408088" s="10"/>
    </row>
    <row r="408089" spans="14:14">
      <c r="N408089" s="10"/>
    </row>
    <row r="408090" spans="14:14">
      <c r="N408090" s="10"/>
    </row>
    <row r="408091" spans="14:14">
      <c r="N408091" s="10"/>
    </row>
    <row r="408092" spans="14:14">
      <c r="N408092" s="10"/>
    </row>
    <row r="408093" spans="14:14">
      <c r="N408093" s="10"/>
    </row>
    <row r="408094" spans="14:14">
      <c r="N408094" s="10"/>
    </row>
    <row r="408095" spans="14:14">
      <c r="N408095" s="10"/>
    </row>
    <row r="408096" spans="14:14">
      <c r="N408096" s="10"/>
    </row>
    <row r="408097" spans="14:14">
      <c r="N408097" s="10"/>
    </row>
    <row r="408098" spans="14:14">
      <c r="N408098" s="10"/>
    </row>
    <row r="408099" spans="14:14">
      <c r="N408099" s="10"/>
    </row>
    <row r="408100" spans="14:14">
      <c r="N408100" s="10"/>
    </row>
    <row r="408101" spans="14:14">
      <c r="N408101" s="10"/>
    </row>
    <row r="408102" spans="14:14">
      <c r="N408102" s="10"/>
    </row>
    <row r="408103" spans="14:14">
      <c r="N408103" s="10"/>
    </row>
    <row r="408104" spans="14:14">
      <c r="N408104" s="10"/>
    </row>
    <row r="408105" spans="14:14">
      <c r="N408105" s="10"/>
    </row>
    <row r="408106" spans="14:14">
      <c r="N408106" s="10"/>
    </row>
    <row r="408107" spans="14:14">
      <c r="N408107" s="10"/>
    </row>
    <row r="408108" spans="14:14">
      <c r="N408108" s="10"/>
    </row>
    <row r="408109" spans="14:14">
      <c r="N408109" s="10"/>
    </row>
    <row r="408110" spans="14:14">
      <c r="N408110" s="10"/>
    </row>
    <row r="408111" spans="14:14">
      <c r="N408111" s="10"/>
    </row>
    <row r="408112" spans="14:14">
      <c r="N408112" s="10"/>
    </row>
    <row r="408113" spans="14:14">
      <c r="N408113" s="10"/>
    </row>
    <row r="408114" spans="14:14">
      <c r="N408114" s="10"/>
    </row>
    <row r="408115" spans="14:14">
      <c r="N408115" s="10"/>
    </row>
    <row r="408116" spans="14:14">
      <c r="N408116" s="10"/>
    </row>
    <row r="408117" spans="14:14">
      <c r="N408117" s="10"/>
    </row>
    <row r="408118" spans="14:14">
      <c r="N408118" s="10"/>
    </row>
    <row r="408119" spans="14:14">
      <c r="N408119" s="10"/>
    </row>
    <row r="408120" spans="14:14">
      <c r="N408120" s="10"/>
    </row>
    <row r="408121" spans="14:14">
      <c r="N408121" s="10"/>
    </row>
    <row r="408122" spans="14:14">
      <c r="N408122" s="10"/>
    </row>
    <row r="408123" spans="14:14">
      <c r="N408123" s="10"/>
    </row>
    <row r="408124" spans="14:14">
      <c r="N408124" s="10"/>
    </row>
    <row r="408125" spans="14:14">
      <c r="N408125" s="10"/>
    </row>
    <row r="408126" spans="14:14">
      <c r="N408126" s="10"/>
    </row>
    <row r="408127" spans="14:14">
      <c r="N408127" s="10"/>
    </row>
    <row r="408128" spans="14:14">
      <c r="N408128" s="10"/>
    </row>
    <row r="408129" spans="14:14">
      <c r="N408129" s="10"/>
    </row>
    <row r="408130" spans="14:14">
      <c r="N408130" s="10"/>
    </row>
    <row r="408131" spans="14:14">
      <c r="N408131" s="10"/>
    </row>
    <row r="408132" spans="14:14">
      <c r="N408132" s="10"/>
    </row>
    <row r="408133" spans="14:14">
      <c r="N408133" s="10"/>
    </row>
    <row r="408134" spans="14:14">
      <c r="N408134" s="10"/>
    </row>
    <row r="408135" spans="14:14">
      <c r="N408135" s="10"/>
    </row>
    <row r="408136" spans="14:14">
      <c r="N408136" s="10"/>
    </row>
    <row r="408137" spans="14:14">
      <c r="N408137" s="10"/>
    </row>
    <row r="408138" spans="14:14">
      <c r="N408138" s="10"/>
    </row>
    <row r="408139" spans="14:14">
      <c r="N408139" s="10"/>
    </row>
    <row r="408140" spans="14:14">
      <c r="N408140" s="10"/>
    </row>
    <row r="408141" spans="14:14">
      <c r="N408141" s="10"/>
    </row>
    <row r="408142" spans="14:14">
      <c r="N408142" s="10"/>
    </row>
    <row r="408143" spans="14:14">
      <c r="N408143" s="10"/>
    </row>
    <row r="408144" spans="14:14">
      <c r="N408144" s="10"/>
    </row>
    <row r="408145" spans="14:14">
      <c r="N408145" s="10"/>
    </row>
    <row r="408146" spans="14:14">
      <c r="N408146" s="10"/>
    </row>
    <row r="408147" spans="14:14">
      <c r="N408147" s="10"/>
    </row>
    <row r="408148" spans="14:14">
      <c r="N408148" s="10"/>
    </row>
    <row r="408149" spans="14:14">
      <c r="N408149" s="10"/>
    </row>
    <row r="408150" spans="14:14">
      <c r="N408150" s="10"/>
    </row>
    <row r="408151" spans="14:14">
      <c r="N408151" s="10"/>
    </row>
    <row r="408152" spans="14:14">
      <c r="N408152" s="10"/>
    </row>
    <row r="408153" spans="14:14">
      <c r="N408153" s="10"/>
    </row>
    <row r="408154" spans="14:14">
      <c r="N408154" s="10"/>
    </row>
    <row r="408155" spans="14:14">
      <c r="N408155" s="10"/>
    </row>
    <row r="408156" spans="14:14">
      <c r="N408156" s="10"/>
    </row>
    <row r="408157" spans="14:14">
      <c r="N408157" s="10"/>
    </row>
    <row r="408158" spans="14:14">
      <c r="N408158" s="10"/>
    </row>
    <row r="408159" spans="14:14">
      <c r="N408159" s="10"/>
    </row>
    <row r="408160" spans="14:14">
      <c r="N408160" s="10"/>
    </row>
    <row r="408161" spans="14:14">
      <c r="N408161" s="10"/>
    </row>
    <row r="408162" spans="14:14">
      <c r="N408162" s="10"/>
    </row>
    <row r="408163" spans="14:14">
      <c r="N408163" s="10"/>
    </row>
    <row r="408164" spans="14:14">
      <c r="N408164" s="10"/>
    </row>
    <row r="408165" spans="14:14">
      <c r="N408165" s="10"/>
    </row>
    <row r="408166" spans="14:14">
      <c r="N408166" s="10"/>
    </row>
    <row r="408167" spans="14:14">
      <c r="N408167" s="10"/>
    </row>
    <row r="408168" spans="14:14">
      <c r="N408168" s="10"/>
    </row>
    <row r="408169" spans="14:14">
      <c r="N408169" s="10"/>
    </row>
    <row r="408170" spans="14:14">
      <c r="N408170" s="10"/>
    </row>
    <row r="408171" spans="14:14">
      <c r="N408171" s="10"/>
    </row>
    <row r="408172" spans="14:14">
      <c r="N408172" s="10"/>
    </row>
    <row r="408173" spans="14:14">
      <c r="N408173" s="10"/>
    </row>
    <row r="408174" spans="14:14">
      <c r="N408174" s="10"/>
    </row>
    <row r="408175" spans="14:14">
      <c r="N408175" s="10"/>
    </row>
    <row r="408176" spans="14:14">
      <c r="N408176" s="10"/>
    </row>
    <row r="408177" spans="14:14">
      <c r="N408177" s="10"/>
    </row>
    <row r="408178" spans="14:14">
      <c r="N408178" s="10"/>
    </row>
    <row r="408179" spans="14:14">
      <c r="N408179" s="10"/>
    </row>
    <row r="408180" spans="14:14">
      <c r="N408180" s="10"/>
    </row>
    <row r="408181" spans="14:14">
      <c r="N408181" s="10"/>
    </row>
    <row r="408182" spans="14:14">
      <c r="N408182" s="10"/>
    </row>
    <row r="408183" spans="14:14">
      <c r="N408183" s="10"/>
    </row>
    <row r="408184" spans="14:14">
      <c r="N408184" s="10"/>
    </row>
    <row r="408185" spans="14:14">
      <c r="N408185" s="10"/>
    </row>
    <row r="408186" spans="14:14">
      <c r="N408186" s="10"/>
    </row>
    <row r="408187" spans="14:14">
      <c r="N408187" s="10"/>
    </row>
    <row r="408188" spans="14:14">
      <c r="N408188" s="10"/>
    </row>
    <row r="408189" spans="14:14">
      <c r="N408189" s="10"/>
    </row>
    <row r="408190" spans="14:14">
      <c r="N408190" s="10"/>
    </row>
    <row r="408191" spans="14:14">
      <c r="N408191" s="10"/>
    </row>
    <row r="408192" spans="14:14">
      <c r="N408192" s="10"/>
    </row>
    <row r="408193" spans="14:14">
      <c r="N408193" s="10"/>
    </row>
    <row r="408194" spans="14:14">
      <c r="N408194" s="10"/>
    </row>
    <row r="408195" spans="14:14">
      <c r="N408195" s="10"/>
    </row>
    <row r="408196" spans="14:14">
      <c r="N408196" s="10"/>
    </row>
    <row r="408197" spans="14:14">
      <c r="N408197" s="10"/>
    </row>
    <row r="408198" spans="14:14">
      <c r="N408198" s="10"/>
    </row>
    <row r="408199" spans="14:14">
      <c r="N408199" s="10"/>
    </row>
    <row r="408200" spans="14:14">
      <c r="N408200" s="10"/>
    </row>
    <row r="408201" spans="14:14">
      <c r="N408201" s="10"/>
    </row>
    <row r="408202" spans="14:14">
      <c r="N408202" s="10"/>
    </row>
    <row r="408203" spans="14:14">
      <c r="N408203" s="10"/>
    </row>
    <row r="408204" spans="14:14">
      <c r="N408204" s="10"/>
    </row>
    <row r="408205" spans="14:14">
      <c r="N408205" s="10"/>
    </row>
    <row r="408206" spans="14:14">
      <c r="N408206" s="10"/>
    </row>
    <row r="408207" spans="14:14">
      <c r="N408207" s="10"/>
    </row>
    <row r="408208" spans="14:14">
      <c r="N408208" s="10"/>
    </row>
    <row r="408209" spans="14:14">
      <c r="N408209" s="10"/>
    </row>
    <row r="408210" spans="14:14">
      <c r="N408210" s="10"/>
    </row>
    <row r="408211" spans="14:14">
      <c r="N408211" s="10"/>
    </row>
    <row r="408212" spans="14:14">
      <c r="N408212" s="10"/>
    </row>
    <row r="408213" spans="14:14">
      <c r="N408213" s="10"/>
    </row>
    <row r="408214" spans="14:14">
      <c r="N408214" s="10"/>
    </row>
    <row r="408215" spans="14:14">
      <c r="N408215" s="10"/>
    </row>
    <row r="408216" spans="14:14">
      <c r="N408216" s="10"/>
    </row>
    <row r="408217" spans="14:14">
      <c r="N408217" s="10"/>
    </row>
    <row r="408218" spans="14:14">
      <c r="N408218" s="10"/>
    </row>
    <row r="408219" spans="14:14">
      <c r="N408219" s="10"/>
    </row>
    <row r="408220" spans="14:14">
      <c r="N408220" s="10"/>
    </row>
    <row r="408221" spans="14:14">
      <c r="N408221" s="10"/>
    </row>
    <row r="408222" spans="14:14">
      <c r="N408222" s="10"/>
    </row>
    <row r="408223" spans="14:14">
      <c r="N408223" s="10"/>
    </row>
    <row r="408224" spans="14:14">
      <c r="N408224" s="10"/>
    </row>
    <row r="408225" spans="14:14">
      <c r="N408225" s="10"/>
    </row>
    <row r="408226" spans="14:14">
      <c r="N408226" s="10"/>
    </row>
    <row r="408227" spans="14:14">
      <c r="N408227" s="10"/>
    </row>
    <row r="408228" spans="14:14">
      <c r="N408228" s="10"/>
    </row>
    <row r="408229" spans="14:14">
      <c r="N408229" s="10"/>
    </row>
    <row r="408230" spans="14:14">
      <c r="N408230" s="10"/>
    </row>
    <row r="408231" spans="14:14">
      <c r="N408231" s="10"/>
    </row>
    <row r="408232" spans="14:14">
      <c r="N408232" s="10"/>
    </row>
    <row r="408233" spans="14:14">
      <c r="N408233" s="10"/>
    </row>
    <row r="408234" spans="14:14">
      <c r="N408234" s="10"/>
    </row>
    <row r="408235" spans="14:14">
      <c r="N408235" s="10"/>
    </row>
    <row r="408236" spans="14:14">
      <c r="N408236" s="10"/>
    </row>
    <row r="408237" spans="14:14">
      <c r="N408237" s="10"/>
    </row>
    <row r="408238" spans="14:14">
      <c r="N408238" s="10"/>
    </row>
    <row r="408239" spans="14:14">
      <c r="N408239" s="10"/>
    </row>
    <row r="408240" spans="14:14">
      <c r="N408240" s="10"/>
    </row>
    <row r="408241" spans="14:14">
      <c r="N408241" s="10"/>
    </row>
    <row r="408242" spans="14:14">
      <c r="N408242" s="10"/>
    </row>
    <row r="408243" spans="14:14">
      <c r="N408243" s="10"/>
    </row>
    <row r="408244" spans="14:14">
      <c r="N408244" s="10"/>
    </row>
    <row r="408245" spans="14:14">
      <c r="N408245" s="10"/>
    </row>
    <row r="408246" spans="14:14">
      <c r="N408246" s="10"/>
    </row>
    <row r="408247" spans="14:14">
      <c r="N408247" s="10"/>
    </row>
    <row r="408248" spans="14:14">
      <c r="N408248" s="10"/>
    </row>
    <row r="408249" spans="14:14">
      <c r="N408249" s="10"/>
    </row>
    <row r="408250" spans="14:14">
      <c r="N408250" s="10"/>
    </row>
    <row r="408251" spans="14:14">
      <c r="N408251" s="10"/>
    </row>
    <row r="408252" spans="14:14">
      <c r="N408252" s="10"/>
    </row>
    <row r="408253" spans="14:14">
      <c r="N408253" s="10"/>
    </row>
    <row r="408254" spans="14:14">
      <c r="N408254" s="10"/>
    </row>
    <row r="408255" spans="14:14">
      <c r="N408255" s="10"/>
    </row>
    <row r="408256" spans="14:14">
      <c r="N408256" s="10"/>
    </row>
    <row r="408257" spans="14:14">
      <c r="N408257" s="10"/>
    </row>
    <row r="408258" spans="14:14">
      <c r="N408258" s="10"/>
    </row>
    <row r="408259" spans="14:14">
      <c r="N408259" s="10"/>
    </row>
    <row r="408260" spans="14:14">
      <c r="N408260" s="10"/>
    </row>
    <row r="408261" spans="14:14">
      <c r="N408261" s="10"/>
    </row>
    <row r="408262" spans="14:14">
      <c r="N408262" s="10"/>
    </row>
    <row r="408263" spans="14:14">
      <c r="N408263" s="10"/>
    </row>
    <row r="408264" spans="14:14">
      <c r="N408264" s="10"/>
    </row>
    <row r="408265" spans="14:14">
      <c r="N408265" s="10"/>
    </row>
    <row r="408266" spans="14:14">
      <c r="N408266" s="10"/>
    </row>
    <row r="408267" spans="14:14">
      <c r="N408267" s="10"/>
    </row>
    <row r="408268" spans="14:14">
      <c r="N408268" s="10"/>
    </row>
    <row r="408269" spans="14:14">
      <c r="N408269" s="10"/>
    </row>
    <row r="408270" spans="14:14">
      <c r="N408270" s="10"/>
    </row>
    <row r="408271" spans="14:14">
      <c r="N408271" s="10"/>
    </row>
    <row r="408272" spans="14:14">
      <c r="N408272" s="10"/>
    </row>
    <row r="408273" spans="14:14">
      <c r="N408273" s="10"/>
    </row>
    <row r="408274" spans="14:14">
      <c r="N408274" s="10"/>
    </row>
    <row r="408275" spans="14:14">
      <c r="N408275" s="10"/>
    </row>
    <row r="408276" spans="14:14">
      <c r="N408276" s="10"/>
    </row>
    <row r="408277" spans="14:14">
      <c r="N408277" s="10"/>
    </row>
    <row r="408278" spans="14:14">
      <c r="N408278" s="10"/>
    </row>
    <row r="408279" spans="14:14">
      <c r="N408279" s="10"/>
    </row>
    <row r="408280" spans="14:14">
      <c r="N408280" s="10"/>
    </row>
    <row r="408281" spans="14:14">
      <c r="N408281" s="10"/>
    </row>
    <row r="408282" spans="14:14">
      <c r="N408282" s="10"/>
    </row>
    <row r="408283" spans="14:14">
      <c r="N408283" s="10"/>
    </row>
    <row r="408284" spans="14:14">
      <c r="N408284" s="10"/>
    </row>
    <row r="408285" spans="14:14">
      <c r="N408285" s="10"/>
    </row>
    <row r="408286" spans="14:14">
      <c r="N408286" s="10"/>
    </row>
    <row r="408287" spans="14:14">
      <c r="N408287" s="10"/>
    </row>
    <row r="408288" spans="14:14">
      <c r="N408288" s="10"/>
    </row>
    <row r="408289" spans="14:14">
      <c r="N408289" s="10"/>
    </row>
    <row r="408290" spans="14:14">
      <c r="N408290" s="10"/>
    </row>
    <row r="408291" spans="14:14">
      <c r="N408291" s="10"/>
    </row>
    <row r="408292" spans="14:14">
      <c r="N408292" s="10"/>
    </row>
    <row r="408293" spans="14:14">
      <c r="N408293" s="10"/>
    </row>
    <row r="408294" spans="14:14">
      <c r="N408294" s="10"/>
    </row>
    <row r="408295" spans="14:14">
      <c r="N408295" s="10"/>
    </row>
    <row r="408296" spans="14:14">
      <c r="N408296" s="10"/>
    </row>
    <row r="408297" spans="14:14">
      <c r="N408297" s="10"/>
    </row>
    <row r="408298" spans="14:14">
      <c r="N408298" s="10"/>
    </row>
    <row r="408299" spans="14:14">
      <c r="N408299" s="10"/>
    </row>
    <row r="408300" spans="14:14">
      <c r="N408300" s="10"/>
    </row>
    <row r="408301" spans="14:14">
      <c r="N408301" s="10"/>
    </row>
    <row r="408302" spans="14:14">
      <c r="N408302" s="10"/>
    </row>
    <row r="408303" spans="14:14">
      <c r="N408303" s="10"/>
    </row>
    <row r="408304" spans="14:14">
      <c r="N408304" s="10"/>
    </row>
    <row r="408305" spans="14:14">
      <c r="N408305" s="10"/>
    </row>
    <row r="408306" spans="14:14">
      <c r="N408306" s="10"/>
    </row>
    <row r="408307" spans="14:14">
      <c r="N408307" s="10"/>
    </row>
    <row r="408308" spans="14:14">
      <c r="N408308" s="10"/>
    </row>
    <row r="408309" spans="14:14">
      <c r="N408309" s="10"/>
    </row>
    <row r="408310" spans="14:14">
      <c r="N408310" s="10"/>
    </row>
    <row r="408311" spans="14:14">
      <c r="N408311" s="10"/>
    </row>
    <row r="408312" spans="14:14">
      <c r="N408312" s="10"/>
    </row>
    <row r="408313" spans="14:14">
      <c r="N408313" s="10"/>
    </row>
    <row r="408314" spans="14:14">
      <c r="N408314" s="10"/>
    </row>
    <row r="408315" spans="14:14">
      <c r="N408315" s="10"/>
    </row>
    <row r="408316" spans="14:14">
      <c r="N408316" s="10"/>
    </row>
    <row r="408317" spans="14:14">
      <c r="N408317" s="10"/>
    </row>
    <row r="408318" spans="14:14">
      <c r="N408318" s="10"/>
    </row>
    <row r="408319" spans="14:14">
      <c r="N408319" s="10"/>
    </row>
    <row r="408320" spans="14:14">
      <c r="N408320" s="10"/>
    </row>
    <row r="408321" spans="14:14">
      <c r="N408321" s="10"/>
    </row>
    <row r="408322" spans="14:14">
      <c r="N408322" s="10"/>
    </row>
    <row r="408323" spans="14:14">
      <c r="N408323" s="10"/>
    </row>
    <row r="408324" spans="14:14">
      <c r="N408324" s="10"/>
    </row>
    <row r="408325" spans="14:14">
      <c r="N408325" s="10"/>
    </row>
    <row r="408326" spans="14:14">
      <c r="N408326" s="10"/>
    </row>
    <row r="408327" spans="14:14">
      <c r="N408327" s="10"/>
    </row>
    <row r="408328" spans="14:14">
      <c r="N408328" s="10"/>
    </row>
    <row r="408329" spans="14:14">
      <c r="N408329" s="10"/>
    </row>
    <row r="408330" spans="14:14">
      <c r="N408330" s="10"/>
    </row>
    <row r="408331" spans="14:14">
      <c r="N408331" s="10"/>
    </row>
    <row r="408332" spans="14:14">
      <c r="N408332" s="10"/>
    </row>
    <row r="408333" spans="14:14">
      <c r="N408333" s="10"/>
    </row>
    <row r="408334" spans="14:14">
      <c r="N408334" s="10"/>
    </row>
    <row r="408335" spans="14:14">
      <c r="N408335" s="10"/>
    </row>
    <row r="408336" spans="14:14">
      <c r="N408336" s="10"/>
    </row>
    <row r="408337" spans="14:14">
      <c r="N408337" s="10"/>
    </row>
    <row r="408338" spans="14:14">
      <c r="N408338" s="10"/>
    </row>
    <row r="408339" spans="14:14">
      <c r="N408339" s="10"/>
    </row>
    <row r="408340" spans="14:14">
      <c r="N408340" s="10"/>
    </row>
    <row r="408341" spans="14:14">
      <c r="N408341" s="10"/>
    </row>
    <row r="408342" spans="14:14">
      <c r="N408342" s="10"/>
    </row>
    <row r="408343" spans="14:14">
      <c r="N408343" s="10"/>
    </row>
    <row r="408344" spans="14:14">
      <c r="N408344" s="10"/>
    </row>
    <row r="408345" spans="14:14">
      <c r="N408345" s="10"/>
    </row>
    <row r="408346" spans="14:14">
      <c r="N408346" s="10"/>
    </row>
    <row r="408347" spans="14:14">
      <c r="N408347" s="10"/>
    </row>
    <row r="408348" spans="14:14">
      <c r="N408348" s="10"/>
    </row>
    <row r="408349" spans="14:14">
      <c r="N408349" s="10"/>
    </row>
    <row r="408350" spans="14:14">
      <c r="N408350" s="10"/>
    </row>
    <row r="408351" spans="14:14">
      <c r="N408351" s="10"/>
    </row>
    <row r="408352" spans="14:14">
      <c r="N408352" s="10"/>
    </row>
    <row r="408353" spans="14:14">
      <c r="N408353" s="10"/>
    </row>
    <row r="408354" spans="14:14">
      <c r="N408354" s="10"/>
    </row>
    <row r="408355" spans="14:14">
      <c r="N408355" s="10"/>
    </row>
    <row r="408356" spans="14:14">
      <c r="N408356" s="10"/>
    </row>
    <row r="408357" spans="14:14">
      <c r="N408357" s="10"/>
    </row>
    <row r="408358" spans="14:14">
      <c r="N408358" s="10"/>
    </row>
    <row r="408359" spans="14:14">
      <c r="N408359" s="10"/>
    </row>
    <row r="408360" spans="14:14">
      <c r="N408360" s="10"/>
    </row>
    <row r="408361" spans="14:14">
      <c r="N408361" s="10"/>
    </row>
    <row r="408362" spans="14:14">
      <c r="N408362" s="10"/>
    </row>
    <row r="408363" spans="14:14">
      <c r="N408363" s="10"/>
    </row>
    <row r="408364" spans="14:14">
      <c r="N408364" s="10"/>
    </row>
    <row r="408365" spans="14:14">
      <c r="N408365" s="10"/>
    </row>
    <row r="408366" spans="14:14">
      <c r="N408366" s="10"/>
    </row>
    <row r="408367" spans="14:14">
      <c r="N408367" s="10"/>
    </row>
    <row r="408368" spans="14:14">
      <c r="N408368" s="10"/>
    </row>
    <row r="408369" spans="14:14">
      <c r="N408369" s="10"/>
    </row>
    <row r="408370" spans="14:14">
      <c r="N408370" s="10"/>
    </row>
    <row r="408371" spans="14:14">
      <c r="N408371" s="10"/>
    </row>
    <row r="408372" spans="14:14">
      <c r="N408372" s="10"/>
    </row>
    <row r="408373" spans="14:14">
      <c r="N408373" s="10"/>
    </row>
    <row r="408374" spans="14:14">
      <c r="N408374" s="10"/>
    </row>
    <row r="408375" spans="14:14">
      <c r="N408375" s="10"/>
    </row>
    <row r="408376" spans="14:14">
      <c r="N408376" s="10"/>
    </row>
    <row r="408377" spans="14:14">
      <c r="N408377" s="10"/>
    </row>
    <row r="408378" spans="14:14">
      <c r="N408378" s="10"/>
    </row>
    <row r="408379" spans="14:14">
      <c r="N408379" s="10"/>
    </row>
    <row r="408380" spans="14:14">
      <c r="N408380" s="10"/>
    </row>
    <row r="408381" spans="14:14">
      <c r="N408381" s="10"/>
    </row>
    <row r="408382" spans="14:14">
      <c r="N408382" s="10"/>
    </row>
    <row r="408383" spans="14:14">
      <c r="N408383" s="10"/>
    </row>
    <row r="408384" spans="14:14">
      <c r="N408384" s="10"/>
    </row>
    <row r="408385" spans="14:14">
      <c r="N408385" s="10"/>
    </row>
    <row r="408386" spans="14:14">
      <c r="N408386" s="10"/>
    </row>
    <row r="408387" spans="14:14">
      <c r="N408387" s="10"/>
    </row>
    <row r="408388" spans="14:14">
      <c r="N408388" s="10"/>
    </row>
    <row r="408389" spans="14:14">
      <c r="N408389" s="10"/>
    </row>
    <row r="408390" spans="14:14">
      <c r="N408390" s="10"/>
    </row>
    <row r="408391" spans="14:14">
      <c r="N408391" s="10"/>
    </row>
    <row r="408392" spans="14:14">
      <c r="N408392" s="10"/>
    </row>
    <row r="408393" spans="14:14">
      <c r="N408393" s="10"/>
    </row>
    <row r="408394" spans="14:14">
      <c r="N408394" s="10"/>
    </row>
    <row r="408395" spans="14:14">
      <c r="N408395" s="10"/>
    </row>
    <row r="408396" spans="14:14">
      <c r="N408396" s="10"/>
    </row>
    <row r="408397" spans="14:14">
      <c r="N408397" s="10"/>
    </row>
    <row r="408398" spans="14:14">
      <c r="N408398" s="10"/>
    </row>
    <row r="408399" spans="14:14">
      <c r="N408399" s="10"/>
    </row>
    <row r="408400" spans="14:14">
      <c r="N408400" s="10"/>
    </row>
    <row r="408401" spans="14:14">
      <c r="N408401" s="10"/>
    </row>
    <row r="408402" spans="14:14">
      <c r="N408402" s="10"/>
    </row>
    <row r="408403" spans="14:14">
      <c r="N408403" s="10"/>
    </row>
    <row r="408404" spans="14:14">
      <c r="N408404" s="10"/>
    </row>
    <row r="408405" spans="14:14">
      <c r="N408405" s="10"/>
    </row>
    <row r="408406" spans="14:14">
      <c r="N408406" s="10"/>
    </row>
    <row r="408407" spans="14:14">
      <c r="N408407" s="10"/>
    </row>
    <row r="408408" spans="14:14">
      <c r="N408408" s="10"/>
    </row>
    <row r="408409" spans="14:14">
      <c r="N408409" s="10"/>
    </row>
    <row r="408410" spans="14:14">
      <c r="N408410" s="10"/>
    </row>
    <row r="408411" spans="14:14">
      <c r="N408411" s="10"/>
    </row>
    <row r="408412" spans="14:14">
      <c r="N408412" s="10"/>
    </row>
    <row r="408413" spans="14:14">
      <c r="N408413" s="10"/>
    </row>
    <row r="408414" spans="14:14">
      <c r="N408414" s="10"/>
    </row>
    <row r="408415" spans="14:14">
      <c r="N408415" s="10"/>
    </row>
    <row r="408416" spans="14:14">
      <c r="N408416" s="10"/>
    </row>
    <row r="408417" spans="14:14">
      <c r="N408417" s="10"/>
    </row>
    <row r="408418" spans="14:14">
      <c r="N408418" s="10"/>
    </row>
    <row r="408419" spans="14:14">
      <c r="N408419" s="10"/>
    </row>
    <row r="408420" spans="14:14">
      <c r="N408420" s="10"/>
    </row>
    <row r="408421" spans="14:14">
      <c r="N408421" s="10"/>
    </row>
    <row r="408422" spans="14:14">
      <c r="N408422" s="10"/>
    </row>
    <row r="408423" spans="14:14">
      <c r="N408423" s="10"/>
    </row>
    <row r="408424" spans="14:14">
      <c r="N408424" s="10"/>
    </row>
    <row r="408425" spans="14:14">
      <c r="N408425" s="10"/>
    </row>
    <row r="408426" spans="14:14">
      <c r="N408426" s="10"/>
    </row>
    <row r="408427" spans="14:14">
      <c r="N408427" s="10"/>
    </row>
    <row r="408428" spans="14:14">
      <c r="N408428" s="10"/>
    </row>
    <row r="408429" spans="14:14">
      <c r="N408429" s="10"/>
    </row>
    <row r="408430" spans="14:14">
      <c r="N408430" s="10"/>
    </row>
    <row r="408431" spans="14:14">
      <c r="N408431" s="10"/>
    </row>
    <row r="408432" spans="14:14">
      <c r="N408432" s="10"/>
    </row>
    <row r="408433" spans="14:14">
      <c r="N408433" s="10"/>
    </row>
    <row r="408434" spans="14:14">
      <c r="N408434" s="10"/>
    </row>
    <row r="408435" spans="14:14">
      <c r="N408435" s="10"/>
    </row>
    <row r="408436" spans="14:14">
      <c r="N408436" s="10"/>
    </row>
    <row r="408437" spans="14:14">
      <c r="N408437" s="10"/>
    </row>
    <row r="408438" spans="14:14">
      <c r="N408438" s="10"/>
    </row>
    <row r="408439" spans="14:14">
      <c r="N408439" s="10"/>
    </row>
    <row r="408440" spans="14:14">
      <c r="N408440" s="10"/>
    </row>
    <row r="408441" spans="14:14">
      <c r="N408441" s="10"/>
    </row>
    <row r="408442" spans="14:14">
      <c r="N408442" s="10"/>
    </row>
    <row r="408443" spans="14:14">
      <c r="N408443" s="10"/>
    </row>
    <row r="408444" spans="14:14">
      <c r="N408444" s="10"/>
    </row>
    <row r="408445" spans="14:14">
      <c r="N408445" s="10"/>
    </row>
    <row r="408446" spans="14:14">
      <c r="N408446" s="10"/>
    </row>
    <row r="408447" spans="14:14">
      <c r="N408447" s="10"/>
    </row>
    <row r="408448" spans="14:14">
      <c r="N408448" s="10"/>
    </row>
    <row r="408449" spans="14:14">
      <c r="N408449" s="10"/>
    </row>
    <row r="408450" spans="14:14">
      <c r="N408450" s="10"/>
    </row>
    <row r="408451" spans="14:14">
      <c r="N408451" s="10"/>
    </row>
    <row r="408452" spans="14:14">
      <c r="N408452" s="10"/>
    </row>
    <row r="408453" spans="14:14">
      <c r="N408453" s="10"/>
    </row>
    <row r="408454" spans="14:14">
      <c r="N408454" s="10"/>
    </row>
    <row r="408455" spans="14:14">
      <c r="N408455" s="10"/>
    </row>
    <row r="408456" spans="14:14">
      <c r="N408456" s="10"/>
    </row>
    <row r="408457" spans="14:14">
      <c r="N408457" s="10"/>
    </row>
    <row r="408458" spans="14:14">
      <c r="N408458" s="10"/>
    </row>
    <row r="408459" spans="14:14">
      <c r="N408459" s="10"/>
    </row>
    <row r="408460" spans="14:14">
      <c r="N408460" s="10"/>
    </row>
    <row r="408461" spans="14:14">
      <c r="N408461" s="10"/>
    </row>
    <row r="408462" spans="14:14">
      <c r="N408462" s="10"/>
    </row>
    <row r="408463" spans="14:14">
      <c r="N408463" s="10"/>
    </row>
    <row r="408464" spans="14:14">
      <c r="N408464" s="10"/>
    </row>
    <row r="408465" spans="14:14">
      <c r="N408465" s="10"/>
    </row>
    <row r="408466" spans="14:14">
      <c r="N408466" s="10"/>
    </row>
    <row r="408467" spans="14:14">
      <c r="N408467" s="10"/>
    </row>
    <row r="408468" spans="14:14">
      <c r="N408468" s="10"/>
    </row>
    <row r="408469" spans="14:14">
      <c r="N408469" s="10"/>
    </row>
    <row r="408470" spans="14:14">
      <c r="N408470" s="10"/>
    </row>
    <row r="408471" spans="14:14">
      <c r="N408471" s="10"/>
    </row>
    <row r="408472" spans="14:14">
      <c r="N408472" s="10"/>
    </row>
    <row r="408473" spans="14:14">
      <c r="N408473" s="10"/>
    </row>
    <row r="408474" spans="14:14">
      <c r="N408474" s="10"/>
    </row>
    <row r="408475" spans="14:14">
      <c r="N408475" s="10"/>
    </row>
    <row r="408476" spans="14:14">
      <c r="N408476" s="10"/>
    </row>
    <row r="408477" spans="14:14">
      <c r="N408477" s="10"/>
    </row>
    <row r="408478" spans="14:14">
      <c r="N408478" s="10"/>
    </row>
    <row r="408479" spans="14:14">
      <c r="N408479" s="10"/>
    </row>
    <row r="408480" spans="14:14">
      <c r="N408480" s="10"/>
    </row>
    <row r="408481" spans="14:14">
      <c r="N408481" s="10"/>
    </row>
    <row r="408482" spans="14:14">
      <c r="N408482" s="10"/>
    </row>
    <row r="408483" spans="14:14">
      <c r="N408483" s="10"/>
    </row>
    <row r="408484" spans="14:14">
      <c r="N408484" s="10"/>
    </row>
    <row r="408485" spans="14:14">
      <c r="N408485" s="10"/>
    </row>
    <row r="408486" spans="14:14">
      <c r="N408486" s="10"/>
    </row>
    <row r="408487" spans="14:14">
      <c r="N408487" s="10"/>
    </row>
    <row r="408488" spans="14:14">
      <c r="N408488" s="10"/>
    </row>
    <row r="408489" spans="14:14">
      <c r="N408489" s="10"/>
    </row>
    <row r="408490" spans="14:14">
      <c r="N408490" s="10"/>
    </row>
    <row r="408491" spans="14:14">
      <c r="N408491" s="10"/>
    </row>
    <row r="408492" spans="14:14">
      <c r="N408492" s="10"/>
    </row>
    <row r="408493" spans="14:14">
      <c r="N408493" s="10"/>
    </row>
    <row r="408494" spans="14:14">
      <c r="N408494" s="10"/>
    </row>
    <row r="408495" spans="14:14">
      <c r="N408495" s="10"/>
    </row>
    <row r="408496" spans="14:14">
      <c r="N408496" s="10"/>
    </row>
    <row r="408497" spans="14:14">
      <c r="N408497" s="10"/>
    </row>
    <row r="408498" spans="14:14">
      <c r="N408498" s="10"/>
    </row>
    <row r="408499" spans="14:14">
      <c r="N408499" s="10"/>
    </row>
    <row r="408500" spans="14:14">
      <c r="N408500" s="10"/>
    </row>
    <row r="408501" spans="14:14">
      <c r="N408501" s="10"/>
    </row>
    <row r="408502" spans="14:14">
      <c r="N408502" s="10"/>
    </row>
    <row r="408503" spans="14:14">
      <c r="N408503" s="10"/>
    </row>
    <row r="408504" spans="14:14">
      <c r="N408504" s="10"/>
    </row>
    <row r="408505" spans="14:14">
      <c r="N408505" s="10"/>
    </row>
    <row r="408506" spans="14:14">
      <c r="N408506" s="10"/>
    </row>
    <row r="408507" spans="14:14">
      <c r="N408507" s="10"/>
    </row>
    <row r="408508" spans="14:14">
      <c r="N408508" s="10"/>
    </row>
    <row r="408509" spans="14:14">
      <c r="N408509" s="10"/>
    </row>
    <row r="408510" spans="14:14">
      <c r="N408510" s="10"/>
    </row>
    <row r="408511" spans="14:14">
      <c r="N408511" s="10"/>
    </row>
    <row r="408512" spans="14:14">
      <c r="N408512" s="10"/>
    </row>
    <row r="408513" spans="14:14">
      <c r="N408513" s="10"/>
    </row>
    <row r="408514" spans="14:14">
      <c r="N408514" s="10"/>
    </row>
    <row r="408515" spans="14:14">
      <c r="N408515" s="10"/>
    </row>
    <row r="408516" spans="14:14">
      <c r="N408516" s="10"/>
    </row>
    <row r="408517" spans="14:14">
      <c r="N408517" s="10"/>
    </row>
    <row r="408518" spans="14:14">
      <c r="N408518" s="10"/>
    </row>
    <row r="408519" spans="14:14">
      <c r="N408519" s="10"/>
    </row>
    <row r="408520" spans="14:14">
      <c r="N408520" s="10"/>
    </row>
    <row r="408521" spans="14:14">
      <c r="N408521" s="10"/>
    </row>
    <row r="408522" spans="14:14">
      <c r="N408522" s="10"/>
    </row>
    <row r="408523" spans="14:14">
      <c r="N408523" s="10"/>
    </row>
    <row r="408524" spans="14:14">
      <c r="N408524" s="10"/>
    </row>
    <row r="408525" spans="14:14">
      <c r="N408525" s="10"/>
    </row>
    <row r="408526" spans="14:14">
      <c r="N408526" s="10"/>
    </row>
    <row r="408527" spans="14:14">
      <c r="N408527" s="10"/>
    </row>
    <row r="408528" spans="14:14">
      <c r="N408528" s="10"/>
    </row>
    <row r="408529" spans="14:14">
      <c r="N408529" s="10"/>
    </row>
    <row r="408530" spans="14:14">
      <c r="N408530" s="10"/>
    </row>
    <row r="408531" spans="14:14">
      <c r="N408531" s="10"/>
    </row>
    <row r="408532" spans="14:14">
      <c r="N408532" s="10"/>
    </row>
    <row r="408533" spans="14:14">
      <c r="N408533" s="10"/>
    </row>
    <row r="408534" spans="14:14">
      <c r="N408534" s="10"/>
    </row>
    <row r="408535" spans="14:14">
      <c r="N408535" s="10"/>
    </row>
    <row r="408536" spans="14:14">
      <c r="N408536" s="10"/>
    </row>
    <row r="408537" spans="14:14">
      <c r="N408537" s="10"/>
    </row>
    <row r="408538" spans="14:14">
      <c r="N408538" s="10"/>
    </row>
    <row r="408539" spans="14:14">
      <c r="N408539" s="10"/>
    </row>
    <row r="408540" spans="14:14">
      <c r="N408540" s="10"/>
    </row>
    <row r="408541" spans="14:14">
      <c r="N408541" s="10"/>
    </row>
    <row r="408542" spans="14:14">
      <c r="N408542" s="10"/>
    </row>
    <row r="408543" spans="14:14">
      <c r="N408543" s="10"/>
    </row>
    <row r="408544" spans="14:14">
      <c r="N408544" s="10"/>
    </row>
    <row r="408545" spans="14:14">
      <c r="N408545" s="10"/>
    </row>
    <row r="408546" spans="14:14">
      <c r="N408546" s="10"/>
    </row>
    <row r="408547" spans="14:14">
      <c r="N408547" s="10"/>
    </row>
    <row r="408548" spans="14:14">
      <c r="N408548" s="10"/>
    </row>
    <row r="408549" spans="14:14">
      <c r="N408549" s="10"/>
    </row>
    <row r="408550" spans="14:14">
      <c r="N408550" s="10"/>
    </row>
    <row r="408551" spans="14:14">
      <c r="N408551" s="10"/>
    </row>
    <row r="408552" spans="14:14">
      <c r="N408552" s="10"/>
    </row>
    <row r="408553" spans="14:14">
      <c r="N408553" s="10"/>
    </row>
    <row r="408554" spans="14:14">
      <c r="N408554" s="10"/>
    </row>
    <row r="408555" spans="14:14">
      <c r="N408555" s="10"/>
    </row>
    <row r="408556" spans="14:14">
      <c r="N408556" s="10"/>
    </row>
    <row r="408557" spans="14:14">
      <c r="N408557" s="10"/>
    </row>
    <row r="408558" spans="14:14">
      <c r="N408558" s="10"/>
    </row>
    <row r="408559" spans="14:14">
      <c r="N408559" s="10"/>
    </row>
    <row r="408560" spans="14:14">
      <c r="N408560" s="10"/>
    </row>
    <row r="408561" spans="14:14">
      <c r="N408561" s="10"/>
    </row>
    <row r="408562" spans="14:14">
      <c r="N408562" s="10"/>
    </row>
    <row r="408563" spans="14:14">
      <c r="N408563" s="10"/>
    </row>
    <row r="408564" spans="14:14">
      <c r="N408564" s="10"/>
    </row>
    <row r="408565" spans="14:14">
      <c r="N408565" s="10"/>
    </row>
    <row r="408566" spans="14:14">
      <c r="N408566" s="10"/>
    </row>
    <row r="408567" spans="14:14">
      <c r="N408567" s="10"/>
    </row>
    <row r="408568" spans="14:14">
      <c r="N408568" s="10"/>
    </row>
    <row r="408569" spans="14:14">
      <c r="N408569" s="10"/>
    </row>
    <row r="408570" spans="14:14">
      <c r="N408570" s="10"/>
    </row>
    <row r="408571" spans="14:14">
      <c r="N408571" s="10"/>
    </row>
    <row r="408572" spans="14:14">
      <c r="N408572" s="10"/>
    </row>
    <row r="408573" spans="14:14">
      <c r="N408573" s="10"/>
    </row>
    <row r="408574" spans="14:14">
      <c r="N408574" s="10"/>
    </row>
    <row r="408575" spans="14:14">
      <c r="N408575" s="10"/>
    </row>
    <row r="408576" spans="14:14">
      <c r="N408576" s="10"/>
    </row>
    <row r="408577" spans="14:14">
      <c r="N408577" s="10"/>
    </row>
    <row r="408578" spans="14:14">
      <c r="N408578" s="10"/>
    </row>
    <row r="408579" spans="14:14">
      <c r="N408579" s="10"/>
    </row>
    <row r="408580" spans="14:14">
      <c r="N408580" s="10"/>
    </row>
    <row r="408581" spans="14:14">
      <c r="N408581" s="10"/>
    </row>
    <row r="408582" spans="14:14">
      <c r="N408582" s="10"/>
    </row>
    <row r="408583" spans="14:14">
      <c r="N408583" s="10"/>
    </row>
    <row r="408584" spans="14:14">
      <c r="N408584" s="10"/>
    </row>
    <row r="408585" spans="14:14">
      <c r="N408585" s="10"/>
    </row>
    <row r="408586" spans="14:14">
      <c r="N408586" s="10"/>
    </row>
    <row r="408587" spans="14:14">
      <c r="N408587" s="10"/>
    </row>
    <row r="408588" spans="14:14">
      <c r="N408588" s="10"/>
    </row>
    <row r="408589" spans="14:14">
      <c r="N408589" s="10"/>
    </row>
    <row r="408590" spans="14:14">
      <c r="N408590" s="10"/>
    </row>
    <row r="408591" spans="14:14">
      <c r="N408591" s="10"/>
    </row>
    <row r="408592" spans="14:14">
      <c r="N408592" s="10"/>
    </row>
    <row r="408593" spans="14:14">
      <c r="N408593" s="10"/>
    </row>
    <row r="408594" spans="14:14">
      <c r="N408594" s="10"/>
    </row>
    <row r="408595" spans="14:14">
      <c r="N408595" s="10"/>
    </row>
    <row r="408596" spans="14:14">
      <c r="N408596" s="10"/>
    </row>
    <row r="408597" spans="14:14">
      <c r="N408597" s="10"/>
    </row>
    <row r="408598" spans="14:14">
      <c r="N408598" s="10"/>
    </row>
    <row r="408599" spans="14:14">
      <c r="N408599" s="10"/>
    </row>
    <row r="408600" spans="14:14">
      <c r="N408600" s="10"/>
    </row>
    <row r="408601" spans="14:14">
      <c r="N408601" s="10"/>
    </row>
    <row r="408602" spans="14:14">
      <c r="N408602" s="10"/>
    </row>
    <row r="408603" spans="14:14">
      <c r="N408603" s="10"/>
    </row>
    <row r="408604" spans="14:14">
      <c r="N408604" s="10"/>
    </row>
    <row r="408605" spans="14:14">
      <c r="N408605" s="10"/>
    </row>
    <row r="408606" spans="14:14">
      <c r="N408606" s="10"/>
    </row>
    <row r="408607" spans="14:14">
      <c r="N408607" s="10"/>
    </row>
    <row r="408608" spans="14:14">
      <c r="N408608" s="10"/>
    </row>
    <row r="408609" spans="14:14">
      <c r="N408609" s="10"/>
    </row>
    <row r="408610" spans="14:14">
      <c r="N408610" s="10"/>
    </row>
    <row r="408611" spans="14:14">
      <c r="N408611" s="10"/>
    </row>
    <row r="408612" spans="14:14">
      <c r="N408612" s="10"/>
    </row>
    <row r="408613" spans="14:14">
      <c r="N408613" s="10"/>
    </row>
    <row r="408614" spans="14:14">
      <c r="N408614" s="10"/>
    </row>
    <row r="408615" spans="14:14">
      <c r="N408615" s="10"/>
    </row>
    <row r="408616" spans="14:14">
      <c r="N408616" s="10"/>
    </row>
    <row r="408617" spans="14:14">
      <c r="N408617" s="10"/>
    </row>
    <row r="408618" spans="14:14">
      <c r="N408618" s="10"/>
    </row>
    <row r="408619" spans="14:14">
      <c r="N408619" s="10"/>
    </row>
    <row r="408620" spans="14:14">
      <c r="N408620" s="10"/>
    </row>
    <row r="408621" spans="14:14">
      <c r="N408621" s="10"/>
    </row>
    <row r="408622" spans="14:14">
      <c r="N408622" s="10"/>
    </row>
    <row r="408623" spans="14:14">
      <c r="N408623" s="10"/>
    </row>
    <row r="408624" spans="14:14">
      <c r="N408624" s="10"/>
    </row>
    <row r="408625" spans="14:14">
      <c r="N408625" s="10"/>
    </row>
    <row r="408626" spans="14:14">
      <c r="N408626" s="10"/>
    </row>
    <row r="408627" spans="14:14">
      <c r="N408627" s="10"/>
    </row>
    <row r="408628" spans="14:14">
      <c r="N408628" s="10"/>
    </row>
    <row r="408629" spans="14:14">
      <c r="N408629" s="10"/>
    </row>
    <row r="408630" spans="14:14">
      <c r="N408630" s="10"/>
    </row>
    <row r="408631" spans="14:14">
      <c r="N408631" s="10"/>
    </row>
    <row r="408632" spans="14:14">
      <c r="N408632" s="10"/>
    </row>
    <row r="408633" spans="14:14">
      <c r="N408633" s="10"/>
    </row>
    <row r="408634" spans="14:14">
      <c r="N408634" s="10"/>
    </row>
    <row r="408635" spans="14:14">
      <c r="N408635" s="10"/>
    </row>
    <row r="408636" spans="14:14">
      <c r="N408636" s="10"/>
    </row>
    <row r="408637" spans="14:14">
      <c r="N408637" s="10"/>
    </row>
    <row r="408638" spans="14:14">
      <c r="N408638" s="10"/>
    </row>
    <row r="408639" spans="14:14">
      <c r="N408639" s="10"/>
    </row>
    <row r="408640" spans="14:14">
      <c r="N408640" s="10"/>
    </row>
    <row r="408641" spans="14:14">
      <c r="N408641" s="10"/>
    </row>
    <row r="408642" spans="14:14">
      <c r="N408642" s="10"/>
    </row>
    <row r="408643" spans="14:14">
      <c r="N408643" s="10"/>
    </row>
    <row r="408644" spans="14:14">
      <c r="N408644" s="10"/>
    </row>
    <row r="408645" spans="14:14">
      <c r="N408645" s="10"/>
    </row>
    <row r="408646" spans="14:14">
      <c r="N408646" s="10"/>
    </row>
    <row r="408647" spans="14:14">
      <c r="N408647" s="10"/>
    </row>
    <row r="408648" spans="14:14">
      <c r="N408648" s="10"/>
    </row>
    <row r="408649" spans="14:14">
      <c r="N408649" s="10"/>
    </row>
    <row r="408650" spans="14:14">
      <c r="N408650" s="10"/>
    </row>
    <row r="408651" spans="14:14">
      <c r="N408651" s="10"/>
    </row>
    <row r="408652" spans="14:14">
      <c r="N408652" s="10"/>
    </row>
    <row r="408653" spans="14:14">
      <c r="N408653" s="10"/>
    </row>
    <row r="408654" spans="14:14">
      <c r="N408654" s="10"/>
    </row>
    <row r="408655" spans="14:14">
      <c r="N408655" s="10"/>
    </row>
    <row r="408656" spans="14:14">
      <c r="N408656" s="10"/>
    </row>
    <row r="408657" spans="14:14">
      <c r="N408657" s="10"/>
    </row>
    <row r="408658" spans="14:14">
      <c r="N408658" s="10"/>
    </row>
    <row r="408659" spans="14:14">
      <c r="N408659" s="10"/>
    </row>
    <row r="408660" spans="14:14">
      <c r="N408660" s="10"/>
    </row>
    <row r="408661" spans="14:14">
      <c r="N408661" s="10"/>
    </row>
    <row r="408662" spans="14:14">
      <c r="N408662" s="10"/>
    </row>
    <row r="408663" spans="14:14">
      <c r="N408663" s="10"/>
    </row>
    <row r="408664" spans="14:14">
      <c r="N408664" s="10"/>
    </row>
    <row r="408665" spans="14:14">
      <c r="N408665" s="10"/>
    </row>
    <row r="408666" spans="14:14">
      <c r="N408666" s="10"/>
    </row>
    <row r="408667" spans="14:14">
      <c r="N408667" s="10"/>
    </row>
    <row r="408668" spans="14:14">
      <c r="N408668" s="10"/>
    </row>
    <row r="408669" spans="14:14">
      <c r="N408669" s="10"/>
    </row>
    <row r="408670" spans="14:14">
      <c r="N408670" s="10"/>
    </row>
    <row r="408671" spans="14:14">
      <c r="N408671" s="10"/>
    </row>
    <row r="408672" spans="14:14">
      <c r="N408672" s="10"/>
    </row>
    <row r="408673" spans="14:14">
      <c r="N408673" s="10"/>
    </row>
    <row r="408674" spans="14:14">
      <c r="N408674" s="10"/>
    </row>
    <row r="408675" spans="14:14">
      <c r="N408675" s="10"/>
    </row>
    <row r="408676" spans="14:14">
      <c r="N408676" s="10"/>
    </row>
    <row r="408677" spans="14:14">
      <c r="N408677" s="10"/>
    </row>
    <row r="408678" spans="14:14">
      <c r="N408678" s="10"/>
    </row>
    <row r="408679" spans="14:14">
      <c r="N408679" s="10"/>
    </row>
    <row r="408680" spans="14:14">
      <c r="N408680" s="10"/>
    </row>
    <row r="408681" spans="14:14">
      <c r="N408681" s="10"/>
    </row>
    <row r="408682" spans="14:14">
      <c r="N408682" s="10"/>
    </row>
    <row r="408683" spans="14:14">
      <c r="N408683" s="10"/>
    </row>
    <row r="408684" spans="14:14">
      <c r="N408684" s="10"/>
    </row>
    <row r="408685" spans="14:14">
      <c r="N408685" s="10"/>
    </row>
    <row r="408686" spans="14:14">
      <c r="N408686" s="10"/>
    </row>
    <row r="408687" spans="14:14">
      <c r="N408687" s="10"/>
    </row>
    <row r="408688" spans="14:14">
      <c r="N408688" s="10"/>
    </row>
    <row r="408689" spans="14:14">
      <c r="N408689" s="10"/>
    </row>
    <row r="408690" spans="14:14">
      <c r="N408690" s="10"/>
    </row>
    <row r="408691" spans="14:14">
      <c r="N408691" s="10"/>
    </row>
    <row r="408692" spans="14:14">
      <c r="N408692" s="10"/>
    </row>
    <row r="408693" spans="14:14">
      <c r="N408693" s="10"/>
    </row>
    <row r="408694" spans="14:14">
      <c r="N408694" s="10"/>
    </row>
    <row r="408695" spans="14:14">
      <c r="N408695" s="10"/>
    </row>
    <row r="408696" spans="14:14">
      <c r="N408696" s="10"/>
    </row>
    <row r="408697" spans="14:14">
      <c r="N408697" s="10"/>
    </row>
    <row r="408698" spans="14:14">
      <c r="N408698" s="10"/>
    </row>
    <row r="408699" spans="14:14">
      <c r="N408699" s="10"/>
    </row>
    <row r="408700" spans="14:14">
      <c r="N408700" s="10"/>
    </row>
    <row r="408701" spans="14:14">
      <c r="N408701" s="10"/>
    </row>
    <row r="408702" spans="14:14">
      <c r="N408702" s="10"/>
    </row>
    <row r="408703" spans="14:14">
      <c r="N408703" s="10"/>
    </row>
    <row r="408704" spans="14:14">
      <c r="N408704" s="10"/>
    </row>
    <row r="408705" spans="14:14">
      <c r="N408705" s="10"/>
    </row>
    <row r="408706" spans="14:14">
      <c r="N408706" s="10"/>
    </row>
    <row r="408707" spans="14:14">
      <c r="N408707" s="10"/>
    </row>
    <row r="408708" spans="14:14">
      <c r="N408708" s="10"/>
    </row>
    <row r="408709" spans="14:14">
      <c r="N408709" s="10"/>
    </row>
    <row r="408710" spans="14:14">
      <c r="N408710" s="10"/>
    </row>
    <row r="408711" spans="14:14">
      <c r="N408711" s="10"/>
    </row>
    <row r="408712" spans="14:14">
      <c r="N408712" s="10"/>
    </row>
    <row r="408713" spans="14:14">
      <c r="N408713" s="10"/>
    </row>
    <row r="408714" spans="14:14">
      <c r="N408714" s="10"/>
    </row>
    <row r="408715" spans="14:14">
      <c r="N408715" s="10"/>
    </row>
    <row r="408716" spans="14:14">
      <c r="N408716" s="10"/>
    </row>
    <row r="408717" spans="14:14">
      <c r="N408717" s="10"/>
    </row>
    <row r="408718" spans="14:14">
      <c r="N408718" s="10"/>
    </row>
    <row r="408719" spans="14:14">
      <c r="N408719" s="10"/>
    </row>
    <row r="408720" spans="14:14">
      <c r="N408720" s="10"/>
    </row>
    <row r="408721" spans="14:14">
      <c r="N408721" s="10"/>
    </row>
    <row r="408722" spans="14:14">
      <c r="N408722" s="10"/>
    </row>
    <row r="408723" spans="14:14">
      <c r="N408723" s="10"/>
    </row>
    <row r="408724" spans="14:14">
      <c r="N408724" s="10"/>
    </row>
    <row r="408725" spans="14:14">
      <c r="N408725" s="10"/>
    </row>
    <row r="408726" spans="14:14">
      <c r="N408726" s="10"/>
    </row>
    <row r="408727" spans="14:14">
      <c r="N408727" s="10"/>
    </row>
    <row r="408728" spans="14:14">
      <c r="N408728" s="10"/>
    </row>
    <row r="408729" spans="14:14">
      <c r="N408729" s="10"/>
    </row>
    <row r="408730" spans="14:14">
      <c r="N408730" s="10"/>
    </row>
    <row r="408731" spans="14:14">
      <c r="N408731" s="10"/>
    </row>
    <row r="408732" spans="14:14">
      <c r="N408732" s="10"/>
    </row>
    <row r="408733" spans="14:14">
      <c r="N408733" s="10"/>
    </row>
    <row r="408734" spans="14:14">
      <c r="N408734" s="10"/>
    </row>
    <row r="408735" spans="14:14">
      <c r="N408735" s="10"/>
    </row>
    <row r="408736" spans="14:14">
      <c r="N408736" s="10"/>
    </row>
    <row r="408737" spans="14:14">
      <c r="N408737" s="10"/>
    </row>
    <row r="408738" spans="14:14">
      <c r="N408738" s="10"/>
    </row>
    <row r="408739" spans="14:14">
      <c r="N408739" s="10"/>
    </row>
    <row r="408740" spans="14:14">
      <c r="N408740" s="10"/>
    </row>
    <row r="408741" spans="14:14">
      <c r="N408741" s="10"/>
    </row>
    <row r="408742" spans="14:14">
      <c r="N408742" s="10"/>
    </row>
    <row r="408743" spans="14:14">
      <c r="N408743" s="10"/>
    </row>
    <row r="408744" spans="14:14">
      <c r="N408744" s="10"/>
    </row>
    <row r="408745" spans="14:14">
      <c r="N408745" s="10"/>
    </row>
    <row r="408746" spans="14:14">
      <c r="N408746" s="10"/>
    </row>
    <row r="408747" spans="14:14">
      <c r="N408747" s="10"/>
    </row>
    <row r="408748" spans="14:14">
      <c r="N408748" s="10"/>
    </row>
    <row r="408749" spans="14:14">
      <c r="N408749" s="10"/>
    </row>
    <row r="408750" spans="14:14">
      <c r="N408750" s="10"/>
    </row>
    <row r="408751" spans="14:14">
      <c r="N408751" s="10"/>
    </row>
    <row r="408752" spans="14:14">
      <c r="N408752" s="10"/>
    </row>
    <row r="408753" spans="14:14">
      <c r="N408753" s="10"/>
    </row>
    <row r="408754" spans="14:14">
      <c r="N408754" s="10"/>
    </row>
    <row r="408755" spans="14:14">
      <c r="N408755" s="10"/>
    </row>
    <row r="408756" spans="14:14">
      <c r="N408756" s="10"/>
    </row>
    <row r="408757" spans="14:14">
      <c r="N408757" s="10"/>
    </row>
    <row r="408758" spans="14:14">
      <c r="N408758" s="10"/>
    </row>
    <row r="408759" spans="14:14">
      <c r="N408759" s="10"/>
    </row>
    <row r="408760" spans="14:14">
      <c r="N408760" s="10"/>
    </row>
    <row r="408761" spans="14:14">
      <c r="N408761" s="10"/>
    </row>
    <row r="408762" spans="14:14">
      <c r="N408762" s="10"/>
    </row>
    <row r="408763" spans="14:14">
      <c r="N408763" s="10"/>
    </row>
    <row r="408764" spans="14:14">
      <c r="N408764" s="10"/>
    </row>
    <row r="408765" spans="14:14">
      <c r="N408765" s="10"/>
    </row>
    <row r="408766" spans="14:14">
      <c r="N408766" s="10"/>
    </row>
    <row r="408767" spans="14:14">
      <c r="N408767" s="10"/>
    </row>
    <row r="408768" spans="14:14">
      <c r="N408768" s="10"/>
    </row>
    <row r="408769" spans="14:14">
      <c r="N408769" s="10"/>
    </row>
    <row r="408770" spans="14:14">
      <c r="N408770" s="10"/>
    </row>
    <row r="408771" spans="14:14">
      <c r="N408771" s="10"/>
    </row>
    <row r="408772" spans="14:14">
      <c r="N408772" s="10"/>
    </row>
    <row r="408773" spans="14:14">
      <c r="N408773" s="10"/>
    </row>
    <row r="408774" spans="14:14">
      <c r="N408774" s="10"/>
    </row>
    <row r="408775" spans="14:14">
      <c r="N408775" s="10"/>
    </row>
    <row r="408776" spans="14:14">
      <c r="N408776" s="10"/>
    </row>
    <row r="408777" spans="14:14">
      <c r="N408777" s="10"/>
    </row>
    <row r="408778" spans="14:14">
      <c r="N408778" s="10"/>
    </row>
    <row r="408779" spans="14:14">
      <c r="N408779" s="10"/>
    </row>
    <row r="408780" spans="14:14">
      <c r="N408780" s="10"/>
    </row>
    <row r="408781" spans="14:14">
      <c r="N408781" s="10"/>
    </row>
    <row r="408782" spans="14:14">
      <c r="N408782" s="10"/>
    </row>
    <row r="408783" spans="14:14">
      <c r="N408783" s="10"/>
    </row>
    <row r="408784" spans="14:14">
      <c r="N408784" s="10"/>
    </row>
    <row r="408785" spans="14:14">
      <c r="N408785" s="10"/>
    </row>
    <row r="408786" spans="14:14">
      <c r="N408786" s="10"/>
    </row>
    <row r="408787" spans="14:14">
      <c r="N408787" s="10"/>
    </row>
    <row r="408788" spans="14:14">
      <c r="N408788" s="10"/>
    </row>
    <row r="408789" spans="14:14">
      <c r="N408789" s="10"/>
    </row>
    <row r="408790" spans="14:14">
      <c r="N408790" s="10"/>
    </row>
    <row r="408791" spans="14:14">
      <c r="N408791" s="10"/>
    </row>
    <row r="408792" spans="14:14">
      <c r="N408792" s="10"/>
    </row>
    <row r="408793" spans="14:14">
      <c r="N408793" s="10"/>
    </row>
    <row r="408794" spans="14:14">
      <c r="N408794" s="10"/>
    </row>
    <row r="408795" spans="14:14">
      <c r="N408795" s="10"/>
    </row>
    <row r="408796" spans="14:14">
      <c r="N408796" s="10"/>
    </row>
    <row r="408797" spans="14:14">
      <c r="N408797" s="10"/>
    </row>
    <row r="408798" spans="14:14">
      <c r="N408798" s="10"/>
    </row>
    <row r="408799" spans="14:14">
      <c r="N408799" s="10"/>
    </row>
    <row r="408800" spans="14:14">
      <c r="N408800" s="10"/>
    </row>
    <row r="408801" spans="14:14">
      <c r="N408801" s="10"/>
    </row>
    <row r="408802" spans="14:14">
      <c r="N408802" s="10"/>
    </row>
    <row r="408803" spans="14:14">
      <c r="N408803" s="10"/>
    </row>
    <row r="408804" spans="14:14">
      <c r="N408804" s="10"/>
    </row>
    <row r="408805" spans="14:14">
      <c r="N408805" s="10"/>
    </row>
    <row r="408806" spans="14:14">
      <c r="N408806" s="10"/>
    </row>
    <row r="408807" spans="14:14">
      <c r="N408807" s="10"/>
    </row>
    <row r="408808" spans="14:14">
      <c r="N408808" s="10"/>
    </row>
    <row r="408809" spans="14:14">
      <c r="N408809" s="10"/>
    </row>
    <row r="408810" spans="14:14">
      <c r="N408810" s="10"/>
    </row>
    <row r="408811" spans="14:14">
      <c r="N408811" s="10"/>
    </row>
    <row r="408812" spans="14:14">
      <c r="N408812" s="10"/>
    </row>
    <row r="408813" spans="14:14">
      <c r="N408813" s="10"/>
    </row>
    <row r="408814" spans="14:14">
      <c r="N408814" s="10"/>
    </row>
    <row r="408815" spans="14:14">
      <c r="N408815" s="10"/>
    </row>
    <row r="408816" spans="14:14">
      <c r="N408816" s="10"/>
    </row>
    <row r="408817" spans="14:14">
      <c r="N408817" s="10"/>
    </row>
    <row r="408818" spans="14:14">
      <c r="N408818" s="10"/>
    </row>
    <row r="408819" spans="14:14">
      <c r="N408819" s="10"/>
    </row>
    <row r="408820" spans="14:14">
      <c r="N408820" s="10"/>
    </row>
    <row r="408821" spans="14:14">
      <c r="N408821" s="10"/>
    </row>
    <row r="408822" spans="14:14">
      <c r="N408822" s="10"/>
    </row>
    <row r="408823" spans="14:14">
      <c r="N408823" s="10"/>
    </row>
    <row r="408824" spans="14:14">
      <c r="N408824" s="10"/>
    </row>
    <row r="408825" spans="14:14">
      <c r="N408825" s="10"/>
    </row>
    <row r="408826" spans="14:14">
      <c r="N408826" s="10"/>
    </row>
    <row r="408827" spans="14:14">
      <c r="N408827" s="10"/>
    </row>
    <row r="408828" spans="14:14">
      <c r="N408828" s="10"/>
    </row>
    <row r="408829" spans="14:14">
      <c r="N408829" s="10"/>
    </row>
    <row r="408830" spans="14:14">
      <c r="N408830" s="10"/>
    </row>
    <row r="408831" spans="14:14">
      <c r="N408831" s="10"/>
    </row>
    <row r="408832" spans="14:14">
      <c r="N408832" s="10"/>
    </row>
    <row r="408833" spans="14:14">
      <c r="N408833" s="10"/>
    </row>
    <row r="408834" spans="14:14">
      <c r="N408834" s="10"/>
    </row>
    <row r="408835" spans="14:14">
      <c r="N408835" s="10"/>
    </row>
    <row r="408836" spans="14:14">
      <c r="N408836" s="10"/>
    </row>
    <row r="408837" spans="14:14">
      <c r="N408837" s="10"/>
    </row>
    <row r="408838" spans="14:14">
      <c r="N408838" s="10"/>
    </row>
    <row r="408839" spans="14:14">
      <c r="N408839" s="10"/>
    </row>
    <row r="408840" spans="14:14">
      <c r="N408840" s="10"/>
    </row>
    <row r="408841" spans="14:14">
      <c r="N408841" s="10"/>
    </row>
    <row r="408842" spans="14:14">
      <c r="N408842" s="10"/>
    </row>
    <row r="408843" spans="14:14">
      <c r="N408843" s="10"/>
    </row>
    <row r="408844" spans="14:14">
      <c r="N408844" s="10"/>
    </row>
    <row r="408845" spans="14:14">
      <c r="N408845" s="10"/>
    </row>
    <row r="408846" spans="14:14">
      <c r="N408846" s="10"/>
    </row>
    <row r="408847" spans="14:14">
      <c r="N408847" s="10"/>
    </row>
    <row r="408848" spans="14:14">
      <c r="N408848" s="10"/>
    </row>
    <row r="408849" spans="14:14">
      <c r="N408849" s="10"/>
    </row>
    <row r="408850" spans="14:14">
      <c r="N408850" s="10"/>
    </row>
    <row r="408851" spans="14:14">
      <c r="N408851" s="10"/>
    </row>
    <row r="408852" spans="14:14">
      <c r="N408852" s="10"/>
    </row>
    <row r="408853" spans="14:14">
      <c r="N408853" s="10"/>
    </row>
    <row r="408854" spans="14:14">
      <c r="N408854" s="10"/>
    </row>
    <row r="408855" spans="14:14">
      <c r="N408855" s="10"/>
    </row>
    <row r="408856" spans="14:14">
      <c r="N408856" s="10"/>
    </row>
    <row r="408857" spans="14:14">
      <c r="N408857" s="10"/>
    </row>
    <row r="408858" spans="14:14">
      <c r="N408858" s="10"/>
    </row>
    <row r="408859" spans="14:14">
      <c r="N408859" s="10"/>
    </row>
    <row r="408860" spans="14:14">
      <c r="N408860" s="10"/>
    </row>
    <row r="408861" spans="14:14">
      <c r="N408861" s="10"/>
    </row>
    <row r="408862" spans="14:14">
      <c r="N408862" s="10"/>
    </row>
    <row r="408863" spans="14:14">
      <c r="N408863" s="10"/>
    </row>
    <row r="408864" spans="14:14">
      <c r="N408864" s="10"/>
    </row>
    <row r="408865" spans="14:14">
      <c r="N408865" s="10"/>
    </row>
    <row r="408866" spans="14:14">
      <c r="N408866" s="10"/>
    </row>
    <row r="408867" spans="14:14">
      <c r="N408867" s="10"/>
    </row>
    <row r="408868" spans="14:14">
      <c r="N408868" s="10"/>
    </row>
    <row r="408869" spans="14:14">
      <c r="N408869" s="10"/>
    </row>
    <row r="408870" spans="14:14">
      <c r="N408870" s="10"/>
    </row>
    <row r="408871" spans="14:14">
      <c r="N408871" s="10"/>
    </row>
    <row r="408872" spans="14:14">
      <c r="N408872" s="10"/>
    </row>
    <row r="408873" spans="14:14">
      <c r="N408873" s="10"/>
    </row>
    <row r="408874" spans="14:14">
      <c r="N408874" s="10"/>
    </row>
    <row r="408875" spans="14:14">
      <c r="N408875" s="10"/>
    </row>
    <row r="408876" spans="14:14">
      <c r="N408876" s="10"/>
    </row>
    <row r="408877" spans="14:14">
      <c r="N408877" s="10"/>
    </row>
    <row r="408878" spans="14:14">
      <c r="N408878" s="10"/>
    </row>
    <row r="408879" spans="14:14">
      <c r="N408879" s="10"/>
    </row>
    <row r="408880" spans="14:14">
      <c r="N408880" s="10"/>
    </row>
    <row r="408881" spans="14:14">
      <c r="N408881" s="10"/>
    </row>
    <row r="408882" spans="14:14">
      <c r="N408882" s="10"/>
    </row>
    <row r="408883" spans="14:14">
      <c r="N408883" s="10"/>
    </row>
    <row r="408884" spans="14:14">
      <c r="N408884" s="10"/>
    </row>
    <row r="408885" spans="14:14">
      <c r="N408885" s="10"/>
    </row>
    <row r="408886" spans="14:14">
      <c r="N408886" s="10"/>
    </row>
    <row r="408887" spans="14:14">
      <c r="N408887" s="10"/>
    </row>
    <row r="408888" spans="14:14">
      <c r="N408888" s="10"/>
    </row>
    <row r="408889" spans="14:14">
      <c r="N408889" s="10"/>
    </row>
    <row r="408890" spans="14:14">
      <c r="N408890" s="10"/>
    </row>
    <row r="408891" spans="14:14">
      <c r="N408891" s="10"/>
    </row>
    <row r="408892" spans="14:14">
      <c r="N408892" s="10"/>
    </row>
    <row r="408893" spans="14:14">
      <c r="N408893" s="10"/>
    </row>
    <row r="408894" spans="14:14">
      <c r="N408894" s="10"/>
    </row>
    <row r="408895" spans="14:14">
      <c r="N408895" s="10"/>
    </row>
    <row r="408896" spans="14:14">
      <c r="N408896" s="10"/>
    </row>
    <row r="408897" spans="14:14">
      <c r="N408897" s="10"/>
    </row>
    <row r="408898" spans="14:14">
      <c r="N408898" s="10"/>
    </row>
    <row r="408899" spans="14:14">
      <c r="N408899" s="10"/>
    </row>
    <row r="408900" spans="14:14">
      <c r="N408900" s="10"/>
    </row>
    <row r="408901" spans="14:14">
      <c r="N408901" s="10"/>
    </row>
    <row r="408902" spans="14:14">
      <c r="N408902" s="10"/>
    </row>
    <row r="408903" spans="14:14">
      <c r="N408903" s="10"/>
    </row>
    <row r="408904" spans="14:14">
      <c r="N408904" s="10"/>
    </row>
    <row r="408905" spans="14:14">
      <c r="N408905" s="10"/>
    </row>
    <row r="408906" spans="14:14">
      <c r="N408906" s="10"/>
    </row>
    <row r="408907" spans="14:14">
      <c r="N408907" s="10"/>
    </row>
    <row r="408908" spans="14:14">
      <c r="N408908" s="10"/>
    </row>
    <row r="408909" spans="14:14">
      <c r="N408909" s="10"/>
    </row>
    <row r="408910" spans="14:14">
      <c r="N408910" s="10"/>
    </row>
    <row r="408911" spans="14:14">
      <c r="N408911" s="10"/>
    </row>
    <row r="408912" spans="14:14">
      <c r="N408912" s="10"/>
    </row>
    <row r="408913" spans="14:14">
      <c r="N408913" s="10"/>
    </row>
    <row r="408914" spans="14:14">
      <c r="N408914" s="10"/>
    </row>
    <row r="408915" spans="14:14">
      <c r="N408915" s="10"/>
    </row>
    <row r="408916" spans="14:14">
      <c r="N408916" s="10"/>
    </row>
    <row r="408917" spans="14:14">
      <c r="N408917" s="10"/>
    </row>
    <row r="408918" spans="14:14">
      <c r="N408918" s="10"/>
    </row>
    <row r="408919" spans="14:14">
      <c r="N408919" s="10"/>
    </row>
    <row r="408920" spans="14:14">
      <c r="N408920" s="10"/>
    </row>
    <row r="408921" spans="14:14">
      <c r="N408921" s="10"/>
    </row>
    <row r="408922" spans="14:14">
      <c r="N408922" s="10"/>
    </row>
    <row r="408923" spans="14:14">
      <c r="N408923" s="10"/>
    </row>
    <row r="408924" spans="14:14">
      <c r="N408924" s="10"/>
    </row>
    <row r="408925" spans="14:14">
      <c r="N408925" s="10"/>
    </row>
    <row r="408926" spans="14:14">
      <c r="N408926" s="10"/>
    </row>
    <row r="408927" spans="14:14">
      <c r="N408927" s="10"/>
    </row>
    <row r="408928" spans="14:14">
      <c r="N408928" s="10"/>
    </row>
    <row r="408929" spans="14:14">
      <c r="N408929" s="10"/>
    </row>
    <row r="408930" spans="14:14">
      <c r="N408930" s="10"/>
    </row>
    <row r="408931" spans="14:14">
      <c r="N408931" s="10"/>
    </row>
    <row r="408932" spans="14:14">
      <c r="N408932" s="10"/>
    </row>
    <row r="408933" spans="14:14">
      <c r="N408933" s="10"/>
    </row>
    <row r="408934" spans="14:14">
      <c r="N408934" s="10"/>
    </row>
    <row r="408935" spans="14:14">
      <c r="N408935" s="10"/>
    </row>
    <row r="408936" spans="14:14">
      <c r="N408936" s="10"/>
    </row>
    <row r="408937" spans="14:14">
      <c r="N408937" s="10"/>
    </row>
    <row r="408938" spans="14:14">
      <c r="N408938" s="10"/>
    </row>
    <row r="408939" spans="14:14">
      <c r="N408939" s="10"/>
    </row>
    <row r="408940" spans="14:14">
      <c r="N408940" s="10"/>
    </row>
    <row r="408941" spans="14:14">
      <c r="N408941" s="10"/>
    </row>
    <row r="408942" spans="14:14">
      <c r="N408942" s="10"/>
    </row>
    <row r="408943" spans="14:14">
      <c r="N408943" s="10"/>
    </row>
    <row r="408944" spans="14:14">
      <c r="N408944" s="10"/>
    </row>
    <row r="408945" spans="14:14">
      <c r="N408945" s="10"/>
    </row>
    <row r="408946" spans="14:14">
      <c r="N408946" s="10"/>
    </row>
    <row r="408947" spans="14:14">
      <c r="N408947" s="10"/>
    </row>
    <row r="408948" spans="14:14">
      <c r="N408948" s="10"/>
    </row>
    <row r="408949" spans="14:14">
      <c r="N408949" s="10"/>
    </row>
    <row r="408950" spans="14:14">
      <c r="N408950" s="10"/>
    </row>
    <row r="408951" spans="14:14">
      <c r="N408951" s="10"/>
    </row>
    <row r="408952" spans="14:14">
      <c r="N408952" s="10"/>
    </row>
    <row r="408953" spans="14:14">
      <c r="N408953" s="10"/>
    </row>
    <row r="408954" spans="14:14">
      <c r="N408954" s="10"/>
    </row>
    <row r="408955" spans="14:14">
      <c r="N408955" s="10"/>
    </row>
    <row r="408956" spans="14:14">
      <c r="N408956" s="10"/>
    </row>
    <row r="408957" spans="14:14">
      <c r="N408957" s="10"/>
    </row>
    <row r="408958" spans="14:14">
      <c r="N408958" s="10"/>
    </row>
    <row r="408959" spans="14:14">
      <c r="N408959" s="10"/>
    </row>
    <row r="408960" spans="14:14">
      <c r="N408960" s="10"/>
    </row>
    <row r="408961" spans="14:14">
      <c r="N408961" s="10"/>
    </row>
    <row r="408962" spans="14:14">
      <c r="N408962" s="10"/>
    </row>
    <row r="408963" spans="14:14">
      <c r="N408963" s="10"/>
    </row>
    <row r="408964" spans="14:14">
      <c r="N408964" s="10"/>
    </row>
    <row r="408965" spans="14:14">
      <c r="N408965" s="10"/>
    </row>
    <row r="408966" spans="14:14">
      <c r="N408966" s="10"/>
    </row>
    <row r="408967" spans="14:14">
      <c r="N408967" s="10"/>
    </row>
    <row r="408968" spans="14:14">
      <c r="N408968" s="10"/>
    </row>
    <row r="408969" spans="14:14">
      <c r="N408969" s="10"/>
    </row>
    <row r="408970" spans="14:14">
      <c r="N408970" s="10"/>
    </row>
    <row r="408971" spans="14:14">
      <c r="N408971" s="10"/>
    </row>
    <row r="408972" spans="14:14">
      <c r="N408972" s="10"/>
    </row>
    <row r="408973" spans="14:14">
      <c r="N408973" s="10"/>
    </row>
    <row r="408974" spans="14:14">
      <c r="N408974" s="10"/>
    </row>
    <row r="408975" spans="14:14">
      <c r="N408975" s="10"/>
    </row>
    <row r="408976" spans="14:14">
      <c r="N408976" s="10"/>
    </row>
    <row r="408977" spans="14:14">
      <c r="N408977" s="10"/>
    </row>
    <row r="408978" spans="14:14">
      <c r="N408978" s="10"/>
    </row>
    <row r="408979" spans="14:14">
      <c r="N408979" s="10"/>
    </row>
    <row r="408980" spans="14:14">
      <c r="N408980" s="10"/>
    </row>
    <row r="408981" spans="14:14">
      <c r="N408981" s="10"/>
    </row>
    <row r="408982" spans="14:14">
      <c r="N408982" s="10"/>
    </row>
    <row r="408983" spans="14:14">
      <c r="N408983" s="10"/>
    </row>
    <row r="408984" spans="14:14">
      <c r="N408984" s="10"/>
    </row>
    <row r="408985" spans="14:14">
      <c r="N408985" s="10"/>
    </row>
    <row r="408986" spans="14:14">
      <c r="N408986" s="10"/>
    </row>
    <row r="408987" spans="14:14">
      <c r="N408987" s="10"/>
    </row>
    <row r="408988" spans="14:14">
      <c r="N408988" s="10"/>
    </row>
    <row r="408989" spans="14:14">
      <c r="N408989" s="10"/>
    </row>
    <row r="408990" spans="14:14">
      <c r="N408990" s="10"/>
    </row>
    <row r="408991" spans="14:14">
      <c r="N408991" s="10"/>
    </row>
    <row r="408992" spans="14:14">
      <c r="N408992" s="10"/>
    </row>
    <row r="408993" spans="14:14">
      <c r="N408993" s="10"/>
    </row>
    <row r="408994" spans="14:14">
      <c r="N408994" s="10"/>
    </row>
    <row r="408995" spans="14:14">
      <c r="N408995" s="10"/>
    </row>
    <row r="408996" spans="14:14">
      <c r="N408996" s="10"/>
    </row>
    <row r="408997" spans="14:14">
      <c r="N408997" s="10"/>
    </row>
    <row r="408998" spans="14:14">
      <c r="N408998" s="10"/>
    </row>
    <row r="408999" spans="14:14">
      <c r="N408999" s="10"/>
    </row>
    <row r="409000" spans="14:14">
      <c r="N409000" s="10"/>
    </row>
    <row r="409001" spans="14:14">
      <c r="N409001" s="10"/>
    </row>
    <row r="409002" spans="14:14">
      <c r="N409002" s="10"/>
    </row>
    <row r="409003" spans="14:14">
      <c r="N409003" s="10"/>
    </row>
    <row r="409004" spans="14:14">
      <c r="N409004" s="10"/>
    </row>
    <row r="409005" spans="14:14">
      <c r="N409005" s="10"/>
    </row>
    <row r="409006" spans="14:14">
      <c r="N409006" s="10"/>
    </row>
    <row r="409007" spans="14:14">
      <c r="N409007" s="10"/>
    </row>
    <row r="409008" spans="14:14">
      <c r="N409008" s="10"/>
    </row>
    <row r="409009" spans="14:14">
      <c r="N409009" s="10"/>
    </row>
    <row r="409010" spans="14:14">
      <c r="N409010" s="10"/>
    </row>
    <row r="409011" spans="14:14">
      <c r="N409011" s="10"/>
    </row>
    <row r="409012" spans="14:14">
      <c r="N409012" s="10"/>
    </row>
    <row r="409013" spans="14:14">
      <c r="N409013" s="10"/>
    </row>
    <row r="409014" spans="14:14">
      <c r="N409014" s="10"/>
    </row>
    <row r="409015" spans="14:14">
      <c r="N409015" s="10"/>
    </row>
    <row r="409016" spans="14:14">
      <c r="N409016" s="10"/>
    </row>
    <row r="409017" spans="14:14">
      <c r="N409017" s="10"/>
    </row>
    <row r="409018" spans="14:14">
      <c r="N409018" s="10"/>
    </row>
    <row r="409019" spans="14:14">
      <c r="N409019" s="10"/>
    </row>
    <row r="409020" spans="14:14">
      <c r="N409020" s="10"/>
    </row>
    <row r="409021" spans="14:14">
      <c r="N409021" s="10"/>
    </row>
    <row r="409022" spans="14:14">
      <c r="N409022" s="10"/>
    </row>
    <row r="409023" spans="14:14">
      <c r="N409023" s="10"/>
    </row>
    <row r="409024" spans="14:14">
      <c r="N409024" s="10"/>
    </row>
    <row r="409025" spans="14:14">
      <c r="N409025" s="10"/>
    </row>
    <row r="409026" spans="14:14">
      <c r="N409026" s="10"/>
    </row>
    <row r="409027" spans="14:14">
      <c r="N409027" s="10"/>
    </row>
    <row r="409028" spans="14:14">
      <c r="N409028" s="10"/>
    </row>
    <row r="409029" spans="14:14">
      <c r="N409029" s="10"/>
    </row>
    <row r="409030" spans="14:14">
      <c r="N409030" s="10"/>
    </row>
    <row r="409031" spans="14:14">
      <c r="N409031" s="10"/>
    </row>
    <row r="409032" spans="14:14">
      <c r="N409032" s="10"/>
    </row>
    <row r="409033" spans="14:14">
      <c r="N409033" s="10"/>
    </row>
    <row r="409034" spans="14:14">
      <c r="N409034" s="10"/>
    </row>
    <row r="409035" spans="14:14">
      <c r="N409035" s="10"/>
    </row>
    <row r="409036" spans="14:14">
      <c r="N409036" s="10"/>
    </row>
    <row r="409037" spans="14:14">
      <c r="N409037" s="10"/>
    </row>
    <row r="409038" spans="14:14">
      <c r="N409038" s="10"/>
    </row>
    <row r="409039" spans="14:14">
      <c r="N409039" s="10"/>
    </row>
    <row r="409040" spans="14:14">
      <c r="N409040" s="10"/>
    </row>
    <row r="409041" spans="14:14">
      <c r="N409041" s="10"/>
    </row>
    <row r="409042" spans="14:14">
      <c r="N409042" s="10"/>
    </row>
    <row r="409043" spans="14:14">
      <c r="N409043" s="10"/>
    </row>
    <row r="409044" spans="14:14">
      <c r="N409044" s="10"/>
    </row>
    <row r="409045" spans="14:14">
      <c r="N409045" s="10"/>
    </row>
    <row r="409046" spans="14:14">
      <c r="N409046" s="10"/>
    </row>
    <row r="409047" spans="14:14">
      <c r="N409047" s="10"/>
    </row>
    <row r="409048" spans="14:14">
      <c r="N409048" s="10"/>
    </row>
    <row r="409049" spans="14:14">
      <c r="N409049" s="10"/>
    </row>
    <row r="409050" spans="14:14">
      <c r="N409050" s="10"/>
    </row>
    <row r="409051" spans="14:14">
      <c r="N409051" s="10"/>
    </row>
    <row r="409052" spans="14:14">
      <c r="N409052" s="10"/>
    </row>
    <row r="409053" spans="14:14">
      <c r="N409053" s="10"/>
    </row>
    <row r="409054" spans="14:14">
      <c r="N409054" s="10"/>
    </row>
    <row r="409055" spans="14:14">
      <c r="N409055" s="10"/>
    </row>
    <row r="409056" spans="14:14">
      <c r="N409056" s="10"/>
    </row>
    <row r="409057" spans="14:14">
      <c r="N409057" s="10"/>
    </row>
    <row r="409058" spans="14:14">
      <c r="N409058" s="10"/>
    </row>
    <row r="409059" spans="14:14">
      <c r="N409059" s="10"/>
    </row>
    <row r="409060" spans="14:14">
      <c r="N409060" s="10"/>
    </row>
    <row r="409061" spans="14:14">
      <c r="N409061" s="10"/>
    </row>
    <row r="409062" spans="14:14">
      <c r="N409062" s="10"/>
    </row>
    <row r="409063" spans="14:14">
      <c r="N409063" s="10"/>
    </row>
    <row r="409064" spans="14:14">
      <c r="N409064" s="10"/>
    </row>
    <row r="409065" spans="14:14">
      <c r="N409065" s="10"/>
    </row>
    <row r="409066" spans="14:14">
      <c r="N409066" s="10"/>
    </row>
    <row r="409067" spans="14:14">
      <c r="N409067" s="10"/>
    </row>
    <row r="409068" spans="14:14">
      <c r="N409068" s="10"/>
    </row>
    <row r="409069" spans="14:14">
      <c r="N409069" s="10"/>
    </row>
    <row r="409070" spans="14:14">
      <c r="N409070" s="10"/>
    </row>
    <row r="409071" spans="14:14">
      <c r="N409071" s="10"/>
    </row>
    <row r="409072" spans="14:14">
      <c r="N409072" s="10"/>
    </row>
    <row r="409073" spans="14:14">
      <c r="N409073" s="10"/>
    </row>
    <row r="409074" spans="14:14">
      <c r="N409074" s="10"/>
    </row>
    <row r="409075" spans="14:14">
      <c r="N409075" s="10"/>
    </row>
    <row r="409076" spans="14:14">
      <c r="N409076" s="10"/>
    </row>
    <row r="409077" spans="14:14">
      <c r="N409077" s="10"/>
    </row>
    <row r="409078" spans="14:14">
      <c r="N409078" s="10"/>
    </row>
    <row r="409079" spans="14:14">
      <c r="N409079" s="10"/>
    </row>
    <row r="409080" spans="14:14">
      <c r="N409080" s="10"/>
    </row>
    <row r="409081" spans="14:14">
      <c r="N409081" s="10"/>
    </row>
    <row r="409082" spans="14:14">
      <c r="N409082" s="10"/>
    </row>
    <row r="409083" spans="14:14">
      <c r="N409083" s="10"/>
    </row>
    <row r="409084" spans="14:14">
      <c r="N409084" s="10"/>
    </row>
    <row r="409085" spans="14:14">
      <c r="N409085" s="10"/>
    </row>
    <row r="409086" spans="14:14">
      <c r="N409086" s="10"/>
    </row>
    <row r="409087" spans="14:14">
      <c r="N409087" s="10"/>
    </row>
    <row r="409088" spans="14:14">
      <c r="N409088" s="10"/>
    </row>
    <row r="409089" spans="14:14">
      <c r="N409089" s="10"/>
    </row>
    <row r="409090" spans="14:14">
      <c r="N409090" s="10"/>
    </row>
    <row r="409091" spans="14:14">
      <c r="N409091" s="10"/>
    </row>
    <row r="409092" spans="14:14">
      <c r="N409092" s="10"/>
    </row>
    <row r="409093" spans="14:14">
      <c r="N409093" s="10"/>
    </row>
    <row r="409094" spans="14:14">
      <c r="N409094" s="10"/>
    </row>
    <row r="409095" spans="14:14">
      <c r="N409095" s="10"/>
    </row>
    <row r="409096" spans="14:14">
      <c r="N409096" s="10"/>
    </row>
    <row r="409097" spans="14:14">
      <c r="N409097" s="10"/>
    </row>
    <row r="409098" spans="14:14">
      <c r="N409098" s="10"/>
    </row>
    <row r="409099" spans="14:14">
      <c r="N409099" s="10"/>
    </row>
    <row r="409100" spans="14:14">
      <c r="N409100" s="10"/>
    </row>
    <row r="409101" spans="14:14">
      <c r="N409101" s="10"/>
    </row>
    <row r="409102" spans="14:14">
      <c r="N409102" s="10"/>
    </row>
    <row r="409103" spans="14:14">
      <c r="N409103" s="10"/>
    </row>
    <row r="409104" spans="14:14">
      <c r="N409104" s="10"/>
    </row>
    <row r="409105" spans="14:14">
      <c r="N409105" s="10"/>
    </row>
    <row r="409106" spans="14:14">
      <c r="N409106" s="10"/>
    </row>
    <row r="409107" spans="14:14">
      <c r="N409107" s="10"/>
    </row>
    <row r="409108" spans="14:14">
      <c r="N409108" s="10"/>
    </row>
    <row r="409109" spans="14:14">
      <c r="N409109" s="10"/>
    </row>
    <row r="409110" spans="14:14">
      <c r="N409110" s="10"/>
    </row>
    <row r="409111" spans="14:14">
      <c r="N409111" s="10"/>
    </row>
    <row r="409112" spans="14:14">
      <c r="N409112" s="10"/>
    </row>
    <row r="409113" spans="14:14">
      <c r="N409113" s="10"/>
    </row>
    <row r="409114" spans="14:14">
      <c r="N409114" s="10"/>
    </row>
    <row r="409115" spans="14:14">
      <c r="N409115" s="10"/>
    </row>
    <row r="409116" spans="14:14">
      <c r="N409116" s="10"/>
    </row>
    <row r="409117" spans="14:14">
      <c r="N409117" s="10"/>
    </row>
    <row r="409118" spans="14:14">
      <c r="N409118" s="10"/>
    </row>
    <row r="409119" spans="14:14">
      <c r="N409119" s="10"/>
    </row>
    <row r="409120" spans="14:14">
      <c r="N409120" s="10"/>
    </row>
    <row r="409121" spans="14:14">
      <c r="N409121" s="10"/>
    </row>
    <row r="409122" spans="14:14">
      <c r="N409122" s="10"/>
    </row>
    <row r="409123" spans="14:14">
      <c r="N409123" s="10"/>
    </row>
    <row r="409124" spans="14:14">
      <c r="N409124" s="10"/>
    </row>
    <row r="409125" spans="14:14">
      <c r="N409125" s="10"/>
    </row>
    <row r="409126" spans="14:14">
      <c r="N409126" s="10"/>
    </row>
    <row r="409127" spans="14:14">
      <c r="N409127" s="10"/>
    </row>
    <row r="409128" spans="14:14">
      <c r="N409128" s="10"/>
    </row>
    <row r="409129" spans="14:14">
      <c r="N409129" s="10"/>
    </row>
    <row r="409130" spans="14:14">
      <c r="N409130" s="10"/>
    </row>
    <row r="409131" spans="14:14">
      <c r="N409131" s="10"/>
    </row>
    <row r="409132" spans="14:14">
      <c r="N409132" s="10"/>
    </row>
    <row r="409133" spans="14:14">
      <c r="N409133" s="10"/>
    </row>
    <row r="409134" spans="14:14">
      <c r="N409134" s="10"/>
    </row>
    <row r="409135" spans="14:14">
      <c r="N409135" s="10"/>
    </row>
    <row r="409136" spans="14:14">
      <c r="N409136" s="10"/>
    </row>
    <row r="409137" spans="14:14">
      <c r="N409137" s="10"/>
    </row>
    <row r="409138" spans="14:14">
      <c r="N409138" s="10"/>
    </row>
    <row r="409139" spans="14:14">
      <c r="N409139" s="10"/>
    </row>
    <row r="409140" spans="14:14">
      <c r="N409140" s="10"/>
    </row>
    <row r="409141" spans="14:14">
      <c r="N409141" s="10"/>
    </row>
    <row r="409142" spans="14:14">
      <c r="N409142" s="10"/>
    </row>
    <row r="409143" spans="14:14">
      <c r="N409143" s="10"/>
    </row>
    <row r="409144" spans="14:14">
      <c r="N409144" s="10"/>
    </row>
    <row r="409145" spans="14:14">
      <c r="N409145" s="10"/>
    </row>
    <row r="409146" spans="14:14">
      <c r="N409146" s="10"/>
    </row>
    <row r="409147" spans="14:14">
      <c r="N409147" s="10"/>
    </row>
    <row r="409148" spans="14:14">
      <c r="N409148" s="10"/>
    </row>
    <row r="409149" spans="14:14">
      <c r="N409149" s="10"/>
    </row>
    <row r="409150" spans="14:14">
      <c r="N409150" s="10"/>
    </row>
    <row r="409151" spans="14:14">
      <c r="N409151" s="10"/>
    </row>
    <row r="409152" spans="14:14">
      <c r="N409152" s="10"/>
    </row>
    <row r="409153" spans="14:14">
      <c r="N409153" s="10"/>
    </row>
    <row r="409154" spans="14:14">
      <c r="N409154" s="10"/>
    </row>
    <row r="409155" spans="14:14">
      <c r="N409155" s="10"/>
    </row>
    <row r="409156" spans="14:14">
      <c r="N409156" s="10"/>
    </row>
    <row r="409157" spans="14:14">
      <c r="N409157" s="10"/>
    </row>
    <row r="409158" spans="14:14">
      <c r="N409158" s="10"/>
    </row>
    <row r="409159" spans="14:14">
      <c r="N409159" s="10"/>
    </row>
    <row r="409160" spans="14:14">
      <c r="N409160" s="10"/>
    </row>
    <row r="409161" spans="14:14">
      <c r="N409161" s="10"/>
    </row>
    <row r="409162" spans="14:14">
      <c r="N409162" s="10"/>
    </row>
    <row r="409163" spans="14:14">
      <c r="N409163" s="10"/>
    </row>
    <row r="409164" spans="14:14">
      <c r="N409164" s="10"/>
    </row>
    <row r="409165" spans="14:14">
      <c r="N409165" s="10"/>
    </row>
    <row r="409166" spans="14:14">
      <c r="N409166" s="10"/>
    </row>
    <row r="409167" spans="14:14">
      <c r="N409167" s="10"/>
    </row>
    <row r="409168" spans="14:14">
      <c r="N409168" s="10"/>
    </row>
    <row r="409169" spans="14:14">
      <c r="N409169" s="10"/>
    </row>
    <row r="409170" spans="14:14">
      <c r="N409170" s="10"/>
    </row>
    <row r="409171" spans="14:14">
      <c r="N409171" s="10"/>
    </row>
    <row r="409172" spans="14:14">
      <c r="N409172" s="10"/>
    </row>
    <row r="409173" spans="14:14">
      <c r="N409173" s="10"/>
    </row>
    <row r="409174" spans="14:14">
      <c r="N409174" s="10"/>
    </row>
    <row r="409175" spans="14:14">
      <c r="N409175" s="10"/>
    </row>
    <row r="409176" spans="14:14">
      <c r="N409176" s="10"/>
    </row>
    <row r="409177" spans="14:14">
      <c r="N409177" s="10"/>
    </row>
    <row r="409178" spans="14:14">
      <c r="N409178" s="10"/>
    </row>
    <row r="409179" spans="14:14">
      <c r="N409179" s="10"/>
    </row>
    <row r="409180" spans="14:14">
      <c r="N409180" s="10"/>
    </row>
    <row r="409181" spans="14:14">
      <c r="N409181" s="10"/>
    </row>
    <row r="409182" spans="14:14">
      <c r="N409182" s="10"/>
    </row>
    <row r="409183" spans="14:14">
      <c r="N409183" s="10"/>
    </row>
    <row r="409184" spans="14:14">
      <c r="N409184" s="10"/>
    </row>
    <row r="409185" spans="14:14">
      <c r="N409185" s="10"/>
    </row>
    <row r="409186" spans="14:14">
      <c r="N409186" s="10"/>
    </row>
    <row r="409187" spans="14:14">
      <c r="N409187" s="10"/>
    </row>
    <row r="409188" spans="14:14">
      <c r="N409188" s="10"/>
    </row>
    <row r="409189" spans="14:14">
      <c r="N409189" s="10"/>
    </row>
    <row r="409190" spans="14:14">
      <c r="N409190" s="10"/>
    </row>
    <row r="409191" spans="14:14">
      <c r="N409191" s="10"/>
    </row>
    <row r="409192" spans="14:14">
      <c r="N409192" s="10"/>
    </row>
    <row r="409193" spans="14:14">
      <c r="N409193" s="10"/>
    </row>
    <row r="409194" spans="14:14">
      <c r="N409194" s="10"/>
    </row>
    <row r="409195" spans="14:14">
      <c r="N409195" s="10"/>
    </row>
    <row r="409196" spans="14:14">
      <c r="N409196" s="10"/>
    </row>
    <row r="409197" spans="14:14">
      <c r="N409197" s="10"/>
    </row>
    <row r="409198" spans="14:14">
      <c r="N409198" s="10"/>
    </row>
    <row r="409199" spans="14:14">
      <c r="N409199" s="10"/>
    </row>
    <row r="409200" spans="14:14">
      <c r="N409200" s="10"/>
    </row>
    <row r="409201" spans="14:14">
      <c r="N409201" s="10"/>
    </row>
    <row r="409202" spans="14:14">
      <c r="N409202" s="10"/>
    </row>
    <row r="409203" spans="14:14">
      <c r="N409203" s="10"/>
    </row>
    <row r="409204" spans="14:14">
      <c r="N409204" s="10"/>
    </row>
    <row r="409205" spans="14:14">
      <c r="N409205" s="10"/>
    </row>
    <row r="409206" spans="14:14">
      <c r="N409206" s="10"/>
    </row>
    <row r="409207" spans="14:14">
      <c r="N409207" s="10"/>
    </row>
    <row r="409208" spans="14:14">
      <c r="N409208" s="10"/>
    </row>
    <row r="409209" spans="14:14">
      <c r="N409209" s="10"/>
    </row>
    <row r="409210" spans="14:14">
      <c r="N409210" s="10"/>
    </row>
    <row r="409211" spans="14:14">
      <c r="N409211" s="10"/>
    </row>
    <row r="409212" spans="14:14">
      <c r="N409212" s="10"/>
    </row>
    <row r="409213" spans="14:14">
      <c r="N409213" s="10"/>
    </row>
    <row r="409214" spans="14:14">
      <c r="N409214" s="10"/>
    </row>
    <row r="409215" spans="14:14">
      <c r="N409215" s="10"/>
    </row>
    <row r="409216" spans="14:14">
      <c r="N409216" s="10"/>
    </row>
    <row r="409217" spans="14:14">
      <c r="N409217" s="10"/>
    </row>
    <row r="409218" spans="14:14">
      <c r="N409218" s="10"/>
    </row>
    <row r="409219" spans="14:14">
      <c r="N409219" s="10"/>
    </row>
    <row r="409220" spans="14:14">
      <c r="N409220" s="10"/>
    </row>
    <row r="409221" spans="14:14">
      <c r="N409221" s="10"/>
    </row>
    <row r="409222" spans="14:14">
      <c r="N409222" s="10"/>
    </row>
    <row r="409223" spans="14:14">
      <c r="N409223" s="10"/>
    </row>
    <row r="409224" spans="14:14">
      <c r="N409224" s="10"/>
    </row>
    <row r="409225" spans="14:14">
      <c r="N409225" s="10"/>
    </row>
    <row r="409226" spans="14:14">
      <c r="N409226" s="10"/>
    </row>
    <row r="409227" spans="14:14">
      <c r="N409227" s="10"/>
    </row>
    <row r="409228" spans="14:14">
      <c r="N409228" s="10"/>
    </row>
    <row r="409229" spans="14:14">
      <c r="N409229" s="10"/>
    </row>
    <row r="409230" spans="14:14">
      <c r="N409230" s="10"/>
    </row>
    <row r="409231" spans="14:14">
      <c r="N409231" s="10"/>
    </row>
    <row r="409232" spans="14:14">
      <c r="N409232" s="10"/>
    </row>
    <row r="409233" spans="14:14">
      <c r="N409233" s="10"/>
    </row>
    <row r="409234" spans="14:14">
      <c r="N409234" s="10"/>
    </row>
    <row r="409235" spans="14:14">
      <c r="N409235" s="10"/>
    </row>
    <row r="409236" spans="14:14">
      <c r="N409236" s="10"/>
    </row>
    <row r="409237" spans="14:14">
      <c r="N409237" s="10"/>
    </row>
    <row r="409238" spans="14:14">
      <c r="N409238" s="10"/>
    </row>
    <row r="409239" spans="14:14">
      <c r="N409239" s="10"/>
    </row>
    <row r="409240" spans="14:14">
      <c r="N409240" s="10"/>
    </row>
    <row r="409241" spans="14:14">
      <c r="N409241" s="10"/>
    </row>
    <row r="409242" spans="14:14">
      <c r="N409242" s="10"/>
    </row>
    <row r="409243" spans="14:14">
      <c r="N409243" s="10"/>
    </row>
    <row r="409244" spans="14:14">
      <c r="N409244" s="10"/>
    </row>
    <row r="409245" spans="14:14">
      <c r="N409245" s="10"/>
    </row>
    <row r="409246" spans="14:14">
      <c r="N409246" s="10"/>
    </row>
    <row r="409247" spans="14:14">
      <c r="N409247" s="10"/>
    </row>
    <row r="409248" spans="14:14">
      <c r="N409248" s="10"/>
    </row>
    <row r="409249" spans="14:14">
      <c r="N409249" s="10"/>
    </row>
    <row r="409250" spans="14:14">
      <c r="N409250" s="10"/>
    </row>
    <row r="409251" spans="14:14">
      <c r="N409251" s="10"/>
    </row>
    <row r="409252" spans="14:14">
      <c r="N409252" s="10"/>
    </row>
    <row r="409253" spans="14:14">
      <c r="N409253" s="10"/>
    </row>
    <row r="409254" spans="14:14">
      <c r="N409254" s="10"/>
    </row>
    <row r="409255" spans="14:14">
      <c r="N409255" s="10"/>
    </row>
    <row r="409256" spans="14:14">
      <c r="N409256" s="10"/>
    </row>
    <row r="409257" spans="14:14">
      <c r="N409257" s="10"/>
    </row>
    <row r="409258" spans="14:14">
      <c r="N409258" s="10"/>
    </row>
    <row r="409259" spans="14:14">
      <c r="N409259" s="10"/>
    </row>
    <row r="409260" spans="14:14">
      <c r="N409260" s="10"/>
    </row>
    <row r="409261" spans="14:14">
      <c r="N409261" s="10"/>
    </row>
    <row r="409262" spans="14:14">
      <c r="N409262" s="10"/>
    </row>
    <row r="409263" spans="14:14">
      <c r="N409263" s="10"/>
    </row>
    <row r="409264" spans="14:14">
      <c r="N409264" s="10"/>
    </row>
    <row r="409265" spans="14:14">
      <c r="N409265" s="10"/>
    </row>
    <row r="409266" spans="14:14">
      <c r="N409266" s="10"/>
    </row>
    <row r="409267" spans="14:14">
      <c r="N409267" s="10"/>
    </row>
    <row r="409268" spans="14:14">
      <c r="N409268" s="10"/>
    </row>
    <row r="409269" spans="14:14">
      <c r="N409269" s="10"/>
    </row>
    <row r="409270" spans="14:14">
      <c r="N409270" s="10"/>
    </row>
    <row r="409271" spans="14:14">
      <c r="N409271" s="10"/>
    </row>
    <row r="409272" spans="14:14">
      <c r="N409272" s="10"/>
    </row>
    <row r="409273" spans="14:14">
      <c r="N409273" s="10"/>
    </row>
    <row r="409274" spans="14:14">
      <c r="N409274" s="10"/>
    </row>
    <row r="409275" spans="14:14">
      <c r="N409275" s="10"/>
    </row>
    <row r="409276" spans="14:14">
      <c r="N409276" s="10"/>
    </row>
    <row r="409277" spans="14:14">
      <c r="N409277" s="10"/>
    </row>
    <row r="409278" spans="14:14">
      <c r="N409278" s="10"/>
    </row>
    <row r="409279" spans="14:14">
      <c r="N409279" s="10"/>
    </row>
    <row r="409280" spans="14:14">
      <c r="N409280" s="10"/>
    </row>
    <row r="409281" spans="14:14">
      <c r="N409281" s="10"/>
    </row>
    <row r="409282" spans="14:14">
      <c r="N409282" s="10"/>
    </row>
    <row r="409283" spans="14:14">
      <c r="N409283" s="10"/>
    </row>
    <row r="409284" spans="14:14">
      <c r="N409284" s="10"/>
    </row>
    <row r="409285" spans="14:14">
      <c r="N409285" s="10"/>
    </row>
    <row r="409286" spans="14:14">
      <c r="N409286" s="10"/>
    </row>
    <row r="409287" spans="14:14">
      <c r="N409287" s="10"/>
    </row>
    <row r="409288" spans="14:14">
      <c r="N409288" s="10"/>
    </row>
    <row r="409289" spans="14:14">
      <c r="N409289" s="10"/>
    </row>
    <row r="409290" spans="14:14">
      <c r="N409290" s="10"/>
    </row>
    <row r="409291" spans="14:14">
      <c r="N409291" s="10"/>
    </row>
    <row r="409292" spans="14:14">
      <c r="N409292" s="10"/>
    </row>
    <row r="409293" spans="14:14">
      <c r="N409293" s="10"/>
    </row>
    <row r="409294" spans="14:14">
      <c r="N409294" s="10"/>
    </row>
    <row r="409295" spans="14:14">
      <c r="N409295" s="10"/>
    </row>
    <row r="409296" spans="14:14">
      <c r="N409296" s="10"/>
    </row>
    <row r="409297" spans="14:14">
      <c r="N409297" s="10"/>
    </row>
    <row r="409298" spans="14:14">
      <c r="N409298" s="10"/>
    </row>
    <row r="409299" spans="14:14">
      <c r="N409299" s="10"/>
    </row>
    <row r="409300" spans="14:14">
      <c r="N409300" s="10"/>
    </row>
    <row r="409301" spans="14:14">
      <c r="N409301" s="10"/>
    </row>
    <row r="409302" spans="14:14">
      <c r="N409302" s="10"/>
    </row>
    <row r="409303" spans="14:14">
      <c r="N409303" s="10"/>
    </row>
    <row r="409304" spans="14:14">
      <c r="N409304" s="10"/>
    </row>
    <row r="409305" spans="14:14">
      <c r="N409305" s="10"/>
    </row>
    <row r="409306" spans="14:14">
      <c r="N409306" s="10"/>
    </row>
    <row r="409307" spans="14:14">
      <c r="N409307" s="10"/>
    </row>
    <row r="409308" spans="14:14">
      <c r="N409308" s="10"/>
    </row>
    <row r="409309" spans="14:14">
      <c r="N409309" s="10"/>
    </row>
    <row r="409310" spans="14:14">
      <c r="N409310" s="10"/>
    </row>
    <row r="409311" spans="14:14">
      <c r="N409311" s="10"/>
    </row>
    <row r="409312" spans="14:14">
      <c r="N409312" s="10"/>
    </row>
    <row r="409313" spans="14:14">
      <c r="N409313" s="10"/>
    </row>
    <row r="409314" spans="14:14">
      <c r="N409314" s="10"/>
    </row>
    <row r="409315" spans="14:14">
      <c r="N409315" s="10"/>
    </row>
    <row r="409316" spans="14:14">
      <c r="N409316" s="10"/>
    </row>
    <row r="409317" spans="14:14">
      <c r="N409317" s="10"/>
    </row>
    <row r="409318" spans="14:14">
      <c r="N409318" s="10"/>
    </row>
    <row r="409319" spans="14:14">
      <c r="N409319" s="10"/>
    </row>
    <row r="409320" spans="14:14">
      <c r="N409320" s="10"/>
    </row>
    <row r="409321" spans="14:14">
      <c r="N409321" s="10"/>
    </row>
    <row r="409322" spans="14:14">
      <c r="N409322" s="10"/>
    </row>
    <row r="409323" spans="14:14">
      <c r="N409323" s="10"/>
    </row>
    <row r="409324" spans="14:14">
      <c r="N409324" s="10"/>
    </row>
    <row r="409325" spans="14:14">
      <c r="N409325" s="10"/>
    </row>
    <row r="409326" spans="14:14">
      <c r="N409326" s="10"/>
    </row>
    <row r="409327" spans="14:14">
      <c r="N409327" s="10"/>
    </row>
    <row r="409328" spans="14:14">
      <c r="N409328" s="10"/>
    </row>
    <row r="409329" spans="14:14">
      <c r="N409329" s="10"/>
    </row>
    <row r="409330" spans="14:14">
      <c r="N409330" s="10"/>
    </row>
    <row r="409331" spans="14:14">
      <c r="N409331" s="10"/>
    </row>
    <row r="409332" spans="14:14">
      <c r="N409332" s="10"/>
    </row>
    <row r="409333" spans="14:14">
      <c r="N409333" s="10"/>
    </row>
    <row r="409334" spans="14:14">
      <c r="N409334" s="10"/>
    </row>
    <row r="409335" spans="14:14">
      <c r="N409335" s="10"/>
    </row>
    <row r="409336" spans="14:14">
      <c r="N409336" s="10"/>
    </row>
    <row r="409337" spans="14:14">
      <c r="N409337" s="10"/>
    </row>
    <row r="409338" spans="14:14">
      <c r="N409338" s="10"/>
    </row>
    <row r="409339" spans="14:14">
      <c r="N409339" s="10"/>
    </row>
    <row r="409340" spans="14:14">
      <c r="N409340" s="10"/>
    </row>
    <row r="409341" spans="14:14">
      <c r="N409341" s="10"/>
    </row>
    <row r="409342" spans="14:14">
      <c r="N409342" s="10"/>
    </row>
    <row r="409343" spans="14:14">
      <c r="N409343" s="10"/>
    </row>
    <row r="409344" spans="14:14">
      <c r="N409344" s="10"/>
    </row>
    <row r="409345" spans="14:14">
      <c r="N409345" s="10"/>
    </row>
    <row r="409346" spans="14:14">
      <c r="N409346" s="10"/>
    </row>
    <row r="409347" spans="14:14">
      <c r="N409347" s="10"/>
    </row>
    <row r="409348" spans="14:14">
      <c r="N409348" s="10"/>
    </row>
    <row r="409349" spans="14:14">
      <c r="N409349" s="10"/>
    </row>
    <row r="409350" spans="14:14">
      <c r="N409350" s="10"/>
    </row>
    <row r="409351" spans="14:14">
      <c r="N409351" s="10"/>
    </row>
    <row r="409352" spans="14:14">
      <c r="N409352" s="10"/>
    </row>
    <row r="409353" spans="14:14">
      <c r="N409353" s="10"/>
    </row>
    <row r="409354" spans="14:14">
      <c r="N409354" s="10"/>
    </row>
    <row r="409355" spans="14:14">
      <c r="N409355" s="10"/>
    </row>
    <row r="409356" spans="14:14">
      <c r="N409356" s="10"/>
    </row>
    <row r="409357" spans="14:14">
      <c r="N409357" s="10"/>
    </row>
    <row r="409358" spans="14:14">
      <c r="N409358" s="10"/>
    </row>
    <row r="409359" spans="14:14">
      <c r="N409359" s="10"/>
    </row>
    <row r="409360" spans="14:14">
      <c r="N409360" s="10"/>
    </row>
    <row r="409361" spans="14:14">
      <c r="N409361" s="10"/>
    </row>
    <row r="409362" spans="14:14">
      <c r="N409362" s="10"/>
    </row>
    <row r="409363" spans="14:14">
      <c r="N409363" s="10"/>
    </row>
    <row r="409364" spans="14:14">
      <c r="N409364" s="10"/>
    </row>
    <row r="409365" spans="14:14">
      <c r="N409365" s="10"/>
    </row>
    <row r="409366" spans="14:14">
      <c r="N409366" s="10"/>
    </row>
    <row r="409367" spans="14:14">
      <c r="N409367" s="10"/>
    </row>
    <row r="409368" spans="14:14">
      <c r="N409368" s="10"/>
    </row>
    <row r="409369" spans="14:14">
      <c r="N409369" s="10"/>
    </row>
    <row r="409370" spans="14:14">
      <c r="N409370" s="10"/>
    </row>
    <row r="409371" spans="14:14">
      <c r="N409371" s="10"/>
    </row>
    <row r="409372" spans="14:14">
      <c r="N409372" s="10"/>
    </row>
    <row r="409373" spans="14:14">
      <c r="N409373" s="10"/>
    </row>
    <row r="409374" spans="14:14">
      <c r="N409374" s="10"/>
    </row>
    <row r="409375" spans="14:14">
      <c r="N409375" s="10"/>
    </row>
    <row r="409376" spans="14:14">
      <c r="N409376" s="10"/>
    </row>
    <row r="409377" spans="14:14">
      <c r="N409377" s="10"/>
    </row>
    <row r="409378" spans="14:14">
      <c r="N409378" s="10"/>
    </row>
    <row r="409379" spans="14:14">
      <c r="N409379" s="10"/>
    </row>
    <row r="409380" spans="14:14">
      <c r="N409380" s="10"/>
    </row>
    <row r="409381" spans="14:14">
      <c r="N409381" s="10"/>
    </row>
    <row r="409382" spans="14:14">
      <c r="N409382" s="10"/>
    </row>
    <row r="409383" spans="14:14">
      <c r="N409383" s="10"/>
    </row>
    <row r="409384" spans="14:14">
      <c r="N409384" s="10"/>
    </row>
    <row r="409385" spans="14:14">
      <c r="N409385" s="10"/>
    </row>
    <row r="409386" spans="14:14">
      <c r="N409386" s="10"/>
    </row>
    <row r="409387" spans="14:14">
      <c r="N409387" s="10"/>
    </row>
    <row r="409388" spans="14:14">
      <c r="N409388" s="10"/>
    </row>
    <row r="409389" spans="14:14">
      <c r="N409389" s="10"/>
    </row>
    <row r="409390" spans="14:14">
      <c r="N409390" s="10"/>
    </row>
    <row r="409391" spans="14:14">
      <c r="N409391" s="10"/>
    </row>
    <row r="409392" spans="14:14">
      <c r="N409392" s="10"/>
    </row>
    <row r="409393" spans="14:14">
      <c r="N409393" s="10"/>
    </row>
    <row r="409394" spans="14:14">
      <c r="N409394" s="10"/>
    </row>
    <row r="409395" spans="14:14">
      <c r="N409395" s="10"/>
    </row>
    <row r="409396" spans="14:14">
      <c r="N409396" s="10"/>
    </row>
    <row r="409397" spans="14:14">
      <c r="N409397" s="10"/>
    </row>
    <row r="409398" spans="14:14">
      <c r="N409398" s="10"/>
    </row>
    <row r="409399" spans="14:14">
      <c r="N409399" s="10"/>
    </row>
    <row r="409400" spans="14:14">
      <c r="N409400" s="10"/>
    </row>
    <row r="409401" spans="14:14">
      <c r="N409401" s="10"/>
    </row>
    <row r="409402" spans="14:14">
      <c r="N409402" s="10"/>
    </row>
    <row r="409403" spans="14:14">
      <c r="N409403" s="10"/>
    </row>
    <row r="409404" spans="14:14">
      <c r="N409404" s="10"/>
    </row>
    <row r="409405" spans="14:14">
      <c r="N409405" s="10"/>
    </row>
    <row r="409406" spans="14:14">
      <c r="N409406" s="10"/>
    </row>
    <row r="409407" spans="14:14">
      <c r="N409407" s="10"/>
    </row>
    <row r="409408" spans="14:14">
      <c r="N409408" s="10"/>
    </row>
    <row r="409409" spans="14:14">
      <c r="N409409" s="10"/>
    </row>
    <row r="409410" spans="14:14">
      <c r="N409410" s="10"/>
    </row>
    <row r="409411" spans="14:14">
      <c r="N409411" s="10"/>
    </row>
    <row r="409412" spans="14:14">
      <c r="N409412" s="10"/>
    </row>
    <row r="409413" spans="14:14">
      <c r="N409413" s="10"/>
    </row>
    <row r="409414" spans="14:14">
      <c r="N409414" s="10"/>
    </row>
    <row r="409415" spans="14:14">
      <c r="N409415" s="10"/>
    </row>
    <row r="409416" spans="14:14">
      <c r="N409416" s="10"/>
    </row>
    <row r="409417" spans="14:14">
      <c r="N409417" s="10"/>
    </row>
    <row r="409418" spans="14:14">
      <c r="N409418" s="10"/>
    </row>
    <row r="409419" spans="14:14">
      <c r="N409419" s="10"/>
    </row>
    <row r="409420" spans="14:14">
      <c r="N409420" s="10"/>
    </row>
    <row r="409421" spans="14:14">
      <c r="N409421" s="10"/>
    </row>
    <row r="409422" spans="14:14">
      <c r="N409422" s="10"/>
    </row>
    <row r="409423" spans="14:14">
      <c r="N409423" s="10"/>
    </row>
    <row r="409424" spans="14:14">
      <c r="N409424" s="10"/>
    </row>
    <row r="409425" spans="14:14">
      <c r="N409425" s="10"/>
    </row>
    <row r="409426" spans="14:14">
      <c r="N409426" s="10"/>
    </row>
    <row r="409427" spans="14:14">
      <c r="N409427" s="10"/>
    </row>
    <row r="409428" spans="14:14">
      <c r="N409428" s="10"/>
    </row>
    <row r="409429" spans="14:14">
      <c r="N409429" s="10"/>
    </row>
    <row r="409430" spans="14:14">
      <c r="N409430" s="10"/>
    </row>
    <row r="409431" spans="14:14">
      <c r="N409431" s="10"/>
    </row>
    <row r="409432" spans="14:14">
      <c r="N409432" s="10"/>
    </row>
    <row r="409433" spans="14:14">
      <c r="N409433" s="10"/>
    </row>
    <row r="409434" spans="14:14">
      <c r="N409434" s="10"/>
    </row>
    <row r="409435" spans="14:14">
      <c r="N409435" s="10"/>
    </row>
    <row r="409436" spans="14:14">
      <c r="N409436" s="10"/>
    </row>
    <row r="409437" spans="14:14">
      <c r="N409437" s="10"/>
    </row>
    <row r="409438" spans="14:14">
      <c r="N409438" s="10"/>
    </row>
    <row r="409439" spans="14:14">
      <c r="N409439" s="10"/>
    </row>
    <row r="409440" spans="14:14">
      <c r="N409440" s="10"/>
    </row>
    <row r="409441" spans="14:14">
      <c r="N409441" s="10"/>
    </row>
    <row r="409442" spans="14:14">
      <c r="N409442" s="10"/>
    </row>
    <row r="409443" spans="14:14">
      <c r="N409443" s="10"/>
    </row>
    <row r="409444" spans="14:14">
      <c r="N409444" s="10"/>
    </row>
    <row r="409445" spans="14:14">
      <c r="N409445" s="10"/>
    </row>
    <row r="409446" spans="14:14">
      <c r="N409446" s="10"/>
    </row>
    <row r="409447" spans="14:14">
      <c r="N409447" s="10"/>
    </row>
    <row r="409448" spans="14:14">
      <c r="N409448" s="10"/>
    </row>
    <row r="409449" spans="14:14">
      <c r="N409449" s="10"/>
    </row>
    <row r="409450" spans="14:14">
      <c r="N409450" s="10"/>
    </row>
    <row r="409451" spans="14:14">
      <c r="N409451" s="10"/>
    </row>
    <row r="409452" spans="14:14">
      <c r="N409452" s="10"/>
    </row>
    <row r="409453" spans="14:14">
      <c r="N409453" s="10"/>
    </row>
    <row r="409454" spans="14:14">
      <c r="N409454" s="10"/>
    </row>
    <row r="409455" spans="14:14">
      <c r="N409455" s="10"/>
    </row>
    <row r="409456" spans="14:14">
      <c r="N409456" s="10"/>
    </row>
    <row r="409457" spans="14:14">
      <c r="N409457" s="10"/>
    </row>
    <row r="409458" spans="14:14">
      <c r="N409458" s="10"/>
    </row>
    <row r="409459" spans="14:14">
      <c r="N409459" s="10"/>
    </row>
    <row r="409460" spans="14:14">
      <c r="N409460" s="10"/>
    </row>
    <row r="409461" spans="14:14">
      <c r="N409461" s="10"/>
    </row>
    <row r="409462" spans="14:14">
      <c r="N409462" s="10"/>
    </row>
    <row r="409463" spans="14:14">
      <c r="N409463" s="10"/>
    </row>
    <row r="409464" spans="14:14">
      <c r="N409464" s="10"/>
    </row>
    <row r="409465" spans="14:14">
      <c r="N409465" s="10"/>
    </row>
    <row r="409466" spans="14:14">
      <c r="N409466" s="10"/>
    </row>
    <row r="409467" spans="14:14">
      <c r="N409467" s="10"/>
    </row>
    <row r="409468" spans="14:14">
      <c r="N409468" s="10"/>
    </row>
    <row r="409469" spans="14:14">
      <c r="N409469" s="10"/>
    </row>
    <row r="409470" spans="14:14">
      <c r="N409470" s="10"/>
    </row>
    <row r="409471" spans="14:14">
      <c r="N409471" s="10"/>
    </row>
    <row r="409472" spans="14:14">
      <c r="N409472" s="10"/>
    </row>
    <row r="409473" spans="14:14">
      <c r="N409473" s="10"/>
    </row>
    <row r="409474" spans="14:14">
      <c r="N409474" s="10"/>
    </row>
    <row r="409475" spans="14:14">
      <c r="N409475" s="10"/>
    </row>
    <row r="409476" spans="14:14">
      <c r="N409476" s="10"/>
    </row>
    <row r="409477" spans="14:14">
      <c r="N409477" s="10"/>
    </row>
    <row r="409478" spans="14:14">
      <c r="N409478" s="10"/>
    </row>
    <row r="409479" spans="14:14">
      <c r="N409479" s="10"/>
    </row>
    <row r="409480" spans="14:14">
      <c r="N409480" s="10"/>
    </row>
    <row r="409481" spans="14:14">
      <c r="N409481" s="10"/>
    </row>
    <row r="409482" spans="14:14">
      <c r="N409482" s="10"/>
    </row>
    <row r="409483" spans="14:14">
      <c r="N409483" s="10"/>
    </row>
    <row r="409484" spans="14:14">
      <c r="N409484" s="10"/>
    </row>
    <row r="409485" spans="14:14">
      <c r="N409485" s="10"/>
    </row>
    <row r="409486" spans="14:14">
      <c r="N409486" s="10"/>
    </row>
    <row r="409487" spans="14:14">
      <c r="N409487" s="10"/>
    </row>
    <row r="409488" spans="14:14">
      <c r="N409488" s="10"/>
    </row>
    <row r="409489" spans="14:14">
      <c r="N409489" s="10"/>
    </row>
    <row r="409490" spans="14:14">
      <c r="N409490" s="10"/>
    </row>
    <row r="409491" spans="14:14">
      <c r="N409491" s="10"/>
    </row>
    <row r="409492" spans="14:14">
      <c r="N409492" s="10"/>
    </row>
    <row r="409493" spans="14:14">
      <c r="N409493" s="10"/>
    </row>
    <row r="409494" spans="14:14">
      <c r="N409494" s="10"/>
    </row>
    <row r="409495" spans="14:14">
      <c r="N409495" s="10"/>
    </row>
    <row r="409496" spans="14:14">
      <c r="N409496" s="10"/>
    </row>
    <row r="409497" spans="14:14">
      <c r="N409497" s="10"/>
    </row>
    <row r="409498" spans="14:14">
      <c r="N409498" s="10"/>
    </row>
    <row r="409499" spans="14:14">
      <c r="N409499" s="10"/>
    </row>
    <row r="409500" spans="14:14">
      <c r="N409500" s="10"/>
    </row>
    <row r="409501" spans="14:14">
      <c r="N409501" s="10"/>
    </row>
    <row r="409502" spans="14:14">
      <c r="N409502" s="10"/>
    </row>
    <row r="409503" spans="14:14">
      <c r="N409503" s="10"/>
    </row>
    <row r="409504" spans="14:14">
      <c r="N409504" s="10"/>
    </row>
    <row r="409505" spans="14:14">
      <c r="N409505" s="10"/>
    </row>
    <row r="409506" spans="14:14">
      <c r="N409506" s="10"/>
    </row>
    <row r="409507" spans="14:14">
      <c r="N409507" s="10"/>
    </row>
    <row r="409508" spans="14:14">
      <c r="N409508" s="10"/>
    </row>
    <row r="409509" spans="14:14">
      <c r="N409509" s="10"/>
    </row>
    <row r="409510" spans="14:14">
      <c r="N409510" s="10"/>
    </row>
    <row r="409511" spans="14:14">
      <c r="N409511" s="10"/>
    </row>
    <row r="409512" spans="14:14">
      <c r="N409512" s="10"/>
    </row>
    <row r="409513" spans="14:14">
      <c r="N409513" s="10"/>
    </row>
    <row r="409514" spans="14:14">
      <c r="N409514" s="10"/>
    </row>
    <row r="409515" spans="14:14">
      <c r="N409515" s="10"/>
    </row>
    <row r="409516" spans="14:14">
      <c r="N409516" s="10"/>
    </row>
    <row r="409517" spans="14:14">
      <c r="N409517" s="10"/>
    </row>
    <row r="409518" spans="14:14">
      <c r="N409518" s="10"/>
    </row>
    <row r="409519" spans="14:14">
      <c r="N409519" s="10"/>
    </row>
    <row r="409520" spans="14:14">
      <c r="N409520" s="10"/>
    </row>
    <row r="409521" spans="14:14">
      <c r="N409521" s="10"/>
    </row>
    <row r="409522" spans="14:14">
      <c r="N409522" s="10"/>
    </row>
    <row r="409523" spans="14:14">
      <c r="N409523" s="10"/>
    </row>
    <row r="409524" spans="14:14">
      <c r="N409524" s="10"/>
    </row>
    <row r="409525" spans="14:14">
      <c r="N409525" s="10"/>
    </row>
    <row r="409526" spans="14:14">
      <c r="N409526" s="10"/>
    </row>
    <row r="409527" spans="14:14">
      <c r="N409527" s="10"/>
    </row>
    <row r="409528" spans="14:14">
      <c r="N409528" s="10"/>
    </row>
    <row r="409529" spans="14:14">
      <c r="N409529" s="10"/>
    </row>
    <row r="409530" spans="14:14">
      <c r="N409530" s="10"/>
    </row>
    <row r="409531" spans="14:14">
      <c r="N409531" s="10"/>
    </row>
    <row r="409532" spans="14:14">
      <c r="N409532" s="10"/>
    </row>
    <row r="409533" spans="14:14">
      <c r="N409533" s="10"/>
    </row>
    <row r="409534" spans="14:14">
      <c r="N409534" s="10"/>
    </row>
    <row r="409535" spans="14:14">
      <c r="N409535" s="10"/>
    </row>
    <row r="409536" spans="14:14">
      <c r="N409536" s="10"/>
    </row>
    <row r="409537" spans="14:14">
      <c r="N409537" s="10"/>
    </row>
    <row r="409538" spans="14:14">
      <c r="N409538" s="10"/>
    </row>
    <row r="409539" spans="14:14">
      <c r="N409539" s="10"/>
    </row>
    <row r="409540" spans="14:14">
      <c r="N409540" s="10"/>
    </row>
    <row r="409541" spans="14:14">
      <c r="N409541" s="10"/>
    </row>
    <row r="409542" spans="14:14">
      <c r="N409542" s="10"/>
    </row>
    <row r="409543" spans="14:14">
      <c r="N409543" s="10"/>
    </row>
    <row r="409544" spans="14:14">
      <c r="N409544" s="10"/>
    </row>
    <row r="409545" spans="14:14">
      <c r="N409545" s="10"/>
    </row>
    <row r="409546" spans="14:14">
      <c r="N409546" s="10"/>
    </row>
    <row r="409547" spans="14:14">
      <c r="N409547" s="10"/>
    </row>
    <row r="409548" spans="14:14">
      <c r="N409548" s="10"/>
    </row>
    <row r="409549" spans="14:14">
      <c r="N409549" s="10"/>
    </row>
    <row r="409550" spans="14:14">
      <c r="N409550" s="10"/>
    </row>
    <row r="409551" spans="14:14">
      <c r="N409551" s="10"/>
    </row>
    <row r="409552" spans="14:14">
      <c r="N409552" s="10"/>
    </row>
    <row r="409553" spans="14:14">
      <c r="N409553" s="10"/>
    </row>
    <row r="409554" spans="14:14">
      <c r="N409554" s="10"/>
    </row>
    <row r="409555" spans="14:14">
      <c r="N409555" s="10"/>
    </row>
    <row r="409556" spans="14:14">
      <c r="N409556" s="10"/>
    </row>
    <row r="409557" spans="14:14">
      <c r="N409557" s="10"/>
    </row>
    <row r="409558" spans="14:14">
      <c r="N409558" s="10"/>
    </row>
    <row r="409559" spans="14:14">
      <c r="N409559" s="10"/>
    </row>
    <row r="409560" spans="14:14">
      <c r="N409560" s="10"/>
    </row>
    <row r="409561" spans="14:14">
      <c r="N409561" s="10"/>
    </row>
    <row r="409562" spans="14:14">
      <c r="N409562" s="10"/>
    </row>
    <row r="409563" spans="14:14">
      <c r="N409563" s="10"/>
    </row>
    <row r="409564" spans="14:14">
      <c r="N409564" s="10"/>
    </row>
    <row r="409565" spans="14:14">
      <c r="N409565" s="10"/>
    </row>
    <row r="409566" spans="14:14">
      <c r="N409566" s="10"/>
    </row>
    <row r="409567" spans="14:14">
      <c r="N409567" s="10"/>
    </row>
    <row r="409568" spans="14:14">
      <c r="N409568" s="10"/>
    </row>
    <row r="409569" spans="14:14">
      <c r="N409569" s="10"/>
    </row>
    <row r="409570" spans="14:14">
      <c r="N409570" s="10"/>
    </row>
    <row r="409571" spans="14:14">
      <c r="N409571" s="10"/>
    </row>
    <row r="409572" spans="14:14">
      <c r="N409572" s="10"/>
    </row>
    <row r="409573" spans="14:14">
      <c r="N409573" s="10"/>
    </row>
    <row r="409574" spans="14:14">
      <c r="N409574" s="10"/>
    </row>
    <row r="409575" spans="14:14">
      <c r="N409575" s="10"/>
    </row>
    <row r="409576" spans="14:14">
      <c r="N409576" s="10"/>
    </row>
    <row r="409577" spans="14:14">
      <c r="N409577" s="10"/>
    </row>
    <row r="409578" spans="14:14">
      <c r="N409578" s="10"/>
    </row>
    <row r="409579" spans="14:14">
      <c r="N409579" s="10"/>
    </row>
    <row r="409580" spans="14:14">
      <c r="N409580" s="10"/>
    </row>
    <row r="409581" spans="14:14">
      <c r="N409581" s="10"/>
    </row>
    <row r="409582" spans="14:14">
      <c r="N409582" s="10"/>
    </row>
    <row r="409583" spans="14:14">
      <c r="N409583" s="10"/>
    </row>
    <row r="409584" spans="14:14">
      <c r="N409584" s="10"/>
    </row>
    <row r="409585" spans="14:14">
      <c r="N409585" s="10"/>
    </row>
    <row r="409586" spans="14:14">
      <c r="N409586" s="10"/>
    </row>
    <row r="409587" spans="14:14">
      <c r="N409587" s="10"/>
    </row>
    <row r="409588" spans="14:14">
      <c r="N409588" s="10"/>
    </row>
    <row r="409589" spans="14:14">
      <c r="N409589" s="10"/>
    </row>
    <row r="409590" spans="14:14">
      <c r="N409590" s="10"/>
    </row>
    <row r="409591" spans="14:14">
      <c r="N409591" s="10"/>
    </row>
    <row r="409592" spans="14:14">
      <c r="N409592" s="10"/>
    </row>
    <row r="409593" spans="14:14">
      <c r="N409593" s="10"/>
    </row>
    <row r="409594" spans="14:14">
      <c r="N409594" s="10"/>
    </row>
    <row r="409595" spans="14:14">
      <c r="N409595" s="10"/>
    </row>
    <row r="409596" spans="14:14">
      <c r="N409596" s="10"/>
    </row>
    <row r="409597" spans="14:14">
      <c r="N409597" s="10"/>
    </row>
    <row r="409598" spans="14:14">
      <c r="N409598" s="10"/>
    </row>
    <row r="409599" spans="14:14">
      <c r="N409599" s="10"/>
    </row>
    <row r="409600" spans="14:14">
      <c r="N409600" s="10"/>
    </row>
    <row r="409601" spans="14:14">
      <c r="N409601" s="10"/>
    </row>
    <row r="409602" spans="14:14">
      <c r="N409602" s="10"/>
    </row>
    <row r="409603" spans="14:14">
      <c r="N409603" s="10"/>
    </row>
    <row r="409604" spans="14:14">
      <c r="N409604" s="10"/>
    </row>
    <row r="409605" spans="14:14">
      <c r="N409605" s="10"/>
    </row>
    <row r="409606" spans="14:14">
      <c r="N409606" s="10"/>
    </row>
    <row r="409607" spans="14:14">
      <c r="N409607" s="10"/>
    </row>
    <row r="409608" spans="14:14">
      <c r="N409608" s="10"/>
    </row>
    <row r="409609" spans="14:14">
      <c r="N409609" s="10"/>
    </row>
    <row r="409610" spans="14:14">
      <c r="N409610" s="10"/>
    </row>
    <row r="409611" spans="14:14">
      <c r="N409611" s="10"/>
    </row>
    <row r="409612" spans="14:14">
      <c r="N409612" s="10"/>
    </row>
    <row r="409613" spans="14:14">
      <c r="N409613" s="10"/>
    </row>
    <row r="409614" spans="14:14">
      <c r="N409614" s="10"/>
    </row>
    <row r="409615" spans="14:14">
      <c r="N409615" s="10"/>
    </row>
    <row r="409616" spans="14:14">
      <c r="N409616" s="10"/>
    </row>
    <row r="409617" spans="14:14">
      <c r="N409617" s="10"/>
    </row>
    <row r="409618" spans="14:14">
      <c r="N409618" s="10"/>
    </row>
    <row r="409619" spans="14:14">
      <c r="N409619" s="10"/>
    </row>
    <row r="409620" spans="14:14">
      <c r="N409620" s="10"/>
    </row>
    <row r="409621" spans="14:14">
      <c r="N409621" s="10"/>
    </row>
    <row r="409622" spans="14:14">
      <c r="N409622" s="10"/>
    </row>
    <row r="409623" spans="14:14">
      <c r="N409623" s="10"/>
    </row>
    <row r="409624" spans="14:14">
      <c r="N409624" s="10"/>
    </row>
    <row r="409625" spans="14:14">
      <c r="N409625" s="10"/>
    </row>
    <row r="409626" spans="14:14">
      <c r="N409626" s="10"/>
    </row>
    <row r="409627" spans="14:14">
      <c r="N409627" s="10"/>
    </row>
    <row r="409628" spans="14:14">
      <c r="N409628" s="10"/>
    </row>
    <row r="409629" spans="14:14">
      <c r="N409629" s="10"/>
    </row>
    <row r="409630" spans="14:14">
      <c r="N409630" s="10"/>
    </row>
    <row r="409631" spans="14:14">
      <c r="N409631" s="10"/>
    </row>
    <row r="409632" spans="14:14">
      <c r="N409632" s="10"/>
    </row>
    <row r="409633" spans="14:14">
      <c r="N409633" s="10"/>
    </row>
    <row r="409634" spans="14:14">
      <c r="N409634" s="10"/>
    </row>
    <row r="409635" spans="14:14">
      <c r="N409635" s="10"/>
    </row>
    <row r="409636" spans="14:14">
      <c r="N409636" s="10"/>
    </row>
    <row r="409637" spans="14:14">
      <c r="N409637" s="10"/>
    </row>
    <row r="409638" spans="14:14">
      <c r="N409638" s="10"/>
    </row>
    <row r="409639" spans="14:14">
      <c r="N409639" s="10"/>
    </row>
    <row r="409640" spans="14:14">
      <c r="N409640" s="10"/>
    </row>
    <row r="409641" spans="14:14">
      <c r="N409641" s="10"/>
    </row>
    <row r="409642" spans="14:14">
      <c r="N409642" s="10"/>
    </row>
    <row r="409643" spans="14:14">
      <c r="N409643" s="10"/>
    </row>
    <row r="409644" spans="14:14">
      <c r="N409644" s="10"/>
    </row>
    <row r="409645" spans="14:14">
      <c r="N409645" s="10"/>
    </row>
    <row r="409646" spans="14:14">
      <c r="N409646" s="10"/>
    </row>
    <row r="409647" spans="14:14">
      <c r="N409647" s="10"/>
    </row>
    <row r="409648" spans="14:14">
      <c r="N409648" s="10"/>
    </row>
    <row r="409649" spans="14:14">
      <c r="N409649" s="10"/>
    </row>
    <row r="409650" spans="14:14">
      <c r="N409650" s="10"/>
    </row>
    <row r="409651" spans="14:14">
      <c r="N409651" s="10"/>
    </row>
    <row r="409652" spans="14:14">
      <c r="N409652" s="10"/>
    </row>
    <row r="409653" spans="14:14">
      <c r="N409653" s="10"/>
    </row>
    <row r="409654" spans="14:14">
      <c r="N409654" s="10"/>
    </row>
    <row r="409655" spans="14:14">
      <c r="N409655" s="10"/>
    </row>
    <row r="409656" spans="14:14">
      <c r="N409656" s="10"/>
    </row>
    <row r="409657" spans="14:14">
      <c r="N409657" s="10"/>
    </row>
    <row r="409658" spans="14:14">
      <c r="N409658" s="10"/>
    </row>
    <row r="409659" spans="14:14">
      <c r="N409659" s="10"/>
    </row>
    <row r="409660" spans="14:14">
      <c r="N409660" s="10"/>
    </row>
    <row r="409661" spans="14:14">
      <c r="N409661" s="10"/>
    </row>
    <row r="409662" spans="14:14">
      <c r="N409662" s="10"/>
    </row>
    <row r="409663" spans="14:14">
      <c r="N409663" s="10"/>
    </row>
    <row r="409664" spans="14:14">
      <c r="N409664" s="10"/>
    </row>
    <row r="409665" spans="14:14">
      <c r="N409665" s="10"/>
    </row>
    <row r="409666" spans="14:14">
      <c r="N409666" s="10"/>
    </row>
    <row r="409667" spans="14:14">
      <c r="N409667" s="10"/>
    </row>
    <row r="409668" spans="14:14">
      <c r="N409668" s="10"/>
    </row>
    <row r="409669" spans="14:14">
      <c r="N409669" s="10"/>
    </row>
    <row r="409670" spans="14:14">
      <c r="N409670" s="10"/>
    </row>
    <row r="409671" spans="14:14">
      <c r="N409671" s="10"/>
    </row>
    <row r="409672" spans="14:14">
      <c r="N409672" s="10"/>
    </row>
    <row r="409673" spans="14:14">
      <c r="N409673" s="10"/>
    </row>
    <row r="409674" spans="14:14">
      <c r="N409674" s="10"/>
    </row>
    <row r="409675" spans="14:14">
      <c r="N409675" s="10"/>
    </row>
    <row r="409676" spans="14:14">
      <c r="N409676" s="10"/>
    </row>
    <row r="409677" spans="14:14">
      <c r="N409677" s="10"/>
    </row>
    <row r="409678" spans="14:14">
      <c r="N409678" s="10"/>
    </row>
    <row r="409679" spans="14:14">
      <c r="N409679" s="10"/>
    </row>
    <row r="409680" spans="14:14">
      <c r="N409680" s="10"/>
    </row>
    <row r="409681" spans="14:14">
      <c r="N409681" s="10"/>
    </row>
    <row r="409682" spans="14:14">
      <c r="N409682" s="10"/>
    </row>
    <row r="409683" spans="14:14">
      <c r="N409683" s="10"/>
    </row>
    <row r="409684" spans="14:14">
      <c r="N409684" s="10"/>
    </row>
    <row r="409685" spans="14:14">
      <c r="N409685" s="10"/>
    </row>
    <row r="409686" spans="14:14">
      <c r="N409686" s="10"/>
    </row>
    <row r="409687" spans="14:14">
      <c r="N409687" s="10"/>
    </row>
    <row r="409688" spans="14:14">
      <c r="N409688" s="10"/>
    </row>
    <row r="409689" spans="14:14">
      <c r="N409689" s="10"/>
    </row>
    <row r="409690" spans="14:14">
      <c r="N409690" s="10"/>
    </row>
    <row r="409691" spans="14:14">
      <c r="N409691" s="10"/>
    </row>
    <row r="409692" spans="14:14">
      <c r="N409692" s="10"/>
    </row>
    <row r="409693" spans="14:14">
      <c r="N409693" s="10"/>
    </row>
    <row r="409694" spans="14:14">
      <c r="N409694" s="10"/>
    </row>
    <row r="409695" spans="14:14">
      <c r="N409695" s="10"/>
    </row>
    <row r="409696" spans="14:14">
      <c r="N409696" s="10"/>
    </row>
    <row r="409697" spans="14:14">
      <c r="N409697" s="10"/>
    </row>
    <row r="409698" spans="14:14">
      <c r="N409698" s="10"/>
    </row>
    <row r="409699" spans="14:14">
      <c r="N409699" s="10"/>
    </row>
    <row r="409700" spans="14:14">
      <c r="N409700" s="10"/>
    </row>
    <row r="409701" spans="14:14">
      <c r="N409701" s="10"/>
    </row>
    <row r="409702" spans="14:14">
      <c r="N409702" s="10"/>
    </row>
    <row r="409703" spans="14:14">
      <c r="N409703" s="10"/>
    </row>
    <row r="409704" spans="14:14">
      <c r="N409704" s="10"/>
    </row>
    <row r="409705" spans="14:14">
      <c r="N409705" s="10"/>
    </row>
    <row r="409706" spans="14:14">
      <c r="N409706" s="10"/>
    </row>
    <row r="409707" spans="14:14">
      <c r="N409707" s="10"/>
    </row>
    <row r="409708" spans="14:14">
      <c r="N409708" s="10"/>
    </row>
    <row r="409709" spans="14:14">
      <c r="N409709" s="10"/>
    </row>
    <row r="409710" spans="14:14">
      <c r="N409710" s="10"/>
    </row>
    <row r="409711" spans="14:14">
      <c r="N409711" s="10"/>
    </row>
    <row r="409712" spans="14:14">
      <c r="N409712" s="10"/>
    </row>
    <row r="409713" spans="14:14">
      <c r="N409713" s="10"/>
    </row>
    <row r="409714" spans="14:14">
      <c r="N409714" s="10"/>
    </row>
    <row r="409715" spans="14:14">
      <c r="N409715" s="10"/>
    </row>
    <row r="409716" spans="14:14">
      <c r="N409716" s="10"/>
    </row>
    <row r="409717" spans="14:14">
      <c r="N409717" s="10"/>
    </row>
    <row r="409718" spans="14:14">
      <c r="N409718" s="10"/>
    </row>
    <row r="409719" spans="14:14">
      <c r="N409719" s="10"/>
    </row>
    <row r="409720" spans="14:14">
      <c r="N409720" s="10"/>
    </row>
    <row r="409721" spans="14:14">
      <c r="N409721" s="10"/>
    </row>
    <row r="409722" spans="14:14">
      <c r="N409722" s="10"/>
    </row>
    <row r="409723" spans="14:14">
      <c r="N409723" s="10"/>
    </row>
    <row r="409724" spans="14:14">
      <c r="N409724" s="10"/>
    </row>
    <row r="409725" spans="14:14">
      <c r="N409725" s="10"/>
    </row>
    <row r="409726" spans="14:14">
      <c r="N409726" s="10"/>
    </row>
    <row r="409727" spans="14:14">
      <c r="N409727" s="10"/>
    </row>
    <row r="409728" spans="14:14">
      <c r="N409728" s="10"/>
    </row>
    <row r="409729" spans="14:14">
      <c r="N409729" s="10"/>
    </row>
    <row r="409730" spans="14:14">
      <c r="N409730" s="10"/>
    </row>
    <row r="409731" spans="14:14">
      <c r="N409731" s="10"/>
    </row>
    <row r="409732" spans="14:14">
      <c r="N409732" s="10"/>
    </row>
    <row r="409733" spans="14:14">
      <c r="N409733" s="10"/>
    </row>
    <row r="409734" spans="14:14">
      <c r="N409734" s="10"/>
    </row>
    <row r="409735" spans="14:14">
      <c r="N409735" s="10"/>
    </row>
    <row r="409736" spans="14:14">
      <c r="N409736" s="10"/>
    </row>
    <row r="409737" spans="14:14">
      <c r="N409737" s="10"/>
    </row>
    <row r="409738" spans="14:14">
      <c r="N409738" s="10"/>
    </row>
    <row r="409739" spans="14:14">
      <c r="N409739" s="10"/>
    </row>
    <row r="409740" spans="14:14">
      <c r="N409740" s="10"/>
    </row>
    <row r="409741" spans="14:14">
      <c r="N409741" s="10"/>
    </row>
    <row r="409742" spans="14:14">
      <c r="N409742" s="10"/>
    </row>
    <row r="409743" spans="14:14">
      <c r="N409743" s="10"/>
    </row>
    <row r="409744" spans="14:14">
      <c r="N409744" s="10"/>
    </row>
    <row r="409745" spans="14:14">
      <c r="N409745" s="10"/>
    </row>
    <row r="409746" spans="14:14">
      <c r="N409746" s="10"/>
    </row>
    <row r="409747" spans="14:14">
      <c r="N409747" s="10"/>
    </row>
    <row r="409748" spans="14:14">
      <c r="N409748" s="10"/>
    </row>
    <row r="409749" spans="14:14">
      <c r="N409749" s="10"/>
    </row>
    <row r="409750" spans="14:14">
      <c r="N409750" s="10"/>
    </row>
    <row r="409751" spans="14:14">
      <c r="N409751" s="10"/>
    </row>
    <row r="409752" spans="14:14">
      <c r="N409752" s="10"/>
    </row>
    <row r="409753" spans="14:14">
      <c r="N409753" s="10"/>
    </row>
    <row r="409754" spans="14:14">
      <c r="N409754" s="10"/>
    </row>
    <row r="409755" spans="14:14">
      <c r="N409755" s="10"/>
    </row>
    <row r="409756" spans="14:14">
      <c r="N409756" s="10"/>
    </row>
    <row r="409757" spans="14:14">
      <c r="N409757" s="10"/>
    </row>
    <row r="409758" spans="14:14">
      <c r="N409758" s="10"/>
    </row>
    <row r="409759" spans="14:14">
      <c r="N409759" s="10"/>
    </row>
    <row r="409760" spans="14:14">
      <c r="N409760" s="10"/>
    </row>
    <row r="409761" spans="14:14">
      <c r="N409761" s="10"/>
    </row>
    <row r="409762" spans="14:14">
      <c r="N409762" s="10"/>
    </row>
    <row r="409763" spans="14:14">
      <c r="N409763" s="10"/>
    </row>
    <row r="409764" spans="14:14">
      <c r="N409764" s="10"/>
    </row>
    <row r="409765" spans="14:14">
      <c r="N409765" s="10"/>
    </row>
    <row r="409766" spans="14:14">
      <c r="N409766" s="10"/>
    </row>
    <row r="409767" spans="14:14">
      <c r="N409767" s="10"/>
    </row>
    <row r="409768" spans="14:14">
      <c r="N409768" s="10"/>
    </row>
    <row r="409769" spans="14:14">
      <c r="N409769" s="10"/>
    </row>
    <row r="409770" spans="14:14">
      <c r="N409770" s="10"/>
    </row>
    <row r="409771" spans="14:14">
      <c r="N409771" s="10"/>
    </row>
    <row r="409772" spans="14:14">
      <c r="N409772" s="10"/>
    </row>
    <row r="409773" spans="14:14">
      <c r="N409773" s="10"/>
    </row>
    <row r="409774" spans="14:14">
      <c r="N409774" s="10"/>
    </row>
    <row r="409775" spans="14:14">
      <c r="N409775" s="10"/>
    </row>
    <row r="409776" spans="14:14">
      <c r="N409776" s="10"/>
    </row>
    <row r="409777" spans="14:14">
      <c r="N409777" s="10"/>
    </row>
    <row r="409778" spans="14:14">
      <c r="N409778" s="10"/>
    </row>
    <row r="409779" spans="14:14">
      <c r="N409779" s="10"/>
    </row>
    <row r="409780" spans="14:14">
      <c r="N409780" s="10"/>
    </row>
    <row r="409781" spans="14:14">
      <c r="N409781" s="10"/>
    </row>
    <row r="409782" spans="14:14">
      <c r="N409782" s="10"/>
    </row>
    <row r="409783" spans="14:14">
      <c r="N409783" s="10"/>
    </row>
    <row r="409784" spans="14:14">
      <c r="N409784" s="10"/>
    </row>
    <row r="409785" spans="14:14">
      <c r="N409785" s="10"/>
    </row>
    <row r="409786" spans="14:14">
      <c r="N409786" s="10"/>
    </row>
    <row r="409787" spans="14:14">
      <c r="N409787" s="10"/>
    </row>
    <row r="409788" spans="14:14">
      <c r="N409788" s="10"/>
    </row>
    <row r="409789" spans="14:14">
      <c r="N409789" s="10"/>
    </row>
    <row r="409790" spans="14:14">
      <c r="N409790" s="10"/>
    </row>
    <row r="409791" spans="14:14">
      <c r="N409791" s="10"/>
    </row>
    <row r="409792" spans="14:14">
      <c r="N409792" s="10"/>
    </row>
    <row r="409793" spans="14:14">
      <c r="N409793" s="10"/>
    </row>
    <row r="409794" spans="14:14">
      <c r="N409794" s="10"/>
    </row>
    <row r="409795" spans="14:14">
      <c r="N409795" s="10"/>
    </row>
    <row r="409796" spans="14:14">
      <c r="N409796" s="10"/>
    </row>
    <row r="409797" spans="14:14">
      <c r="N409797" s="10"/>
    </row>
    <row r="409798" spans="14:14">
      <c r="N409798" s="10"/>
    </row>
    <row r="409799" spans="14:14">
      <c r="N409799" s="10"/>
    </row>
    <row r="409800" spans="14:14">
      <c r="N409800" s="10"/>
    </row>
    <row r="409801" spans="14:14">
      <c r="N409801" s="10"/>
    </row>
    <row r="409802" spans="14:14">
      <c r="N409802" s="10"/>
    </row>
    <row r="409803" spans="14:14">
      <c r="N409803" s="10"/>
    </row>
    <row r="409804" spans="14:14">
      <c r="N409804" s="10"/>
    </row>
    <row r="409805" spans="14:14">
      <c r="N409805" s="10"/>
    </row>
    <row r="409806" spans="14:14">
      <c r="N409806" s="10"/>
    </row>
    <row r="409807" spans="14:14">
      <c r="N409807" s="10"/>
    </row>
    <row r="409808" spans="14:14">
      <c r="N409808" s="10"/>
    </row>
    <row r="409809" spans="14:14">
      <c r="N409809" s="10"/>
    </row>
    <row r="409810" spans="14:14">
      <c r="N409810" s="10"/>
    </row>
    <row r="409811" spans="14:14">
      <c r="N409811" s="10"/>
    </row>
    <row r="409812" spans="14:14">
      <c r="N409812" s="10"/>
    </row>
    <row r="409813" spans="14:14">
      <c r="N409813" s="10"/>
    </row>
    <row r="409814" spans="14:14">
      <c r="N409814" s="10"/>
    </row>
    <row r="409815" spans="14:14">
      <c r="N409815" s="10"/>
    </row>
    <row r="409816" spans="14:14">
      <c r="N409816" s="10"/>
    </row>
    <row r="409817" spans="14:14">
      <c r="N409817" s="10"/>
    </row>
    <row r="409818" spans="14:14">
      <c r="N409818" s="10"/>
    </row>
    <row r="409819" spans="14:14">
      <c r="N409819" s="10"/>
    </row>
    <row r="409820" spans="14:14">
      <c r="N409820" s="10"/>
    </row>
    <row r="409821" spans="14:14">
      <c r="N409821" s="10"/>
    </row>
    <row r="409822" spans="14:14">
      <c r="N409822" s="10"/>
    </row>
    <row r="409823" spans="14:14">
      <c r="N409823" s="10"/>
    </row>
    <row r="409824" spans="14:14">
      <c r="N409824" s="10"/>
    </row>
    <row r="409825" spans="14:14">
      <c r="N409825" s="10"/>
    </row>
    <row r="409826" spans="14:14">
      <c r="N409826" s="10"/>
    </row>
    <row r="409827" spans="14:14">
      <c r="N409827" s="10"/>
    </row>
    <row r="409828" spans="14:14">
      <c r="N409828" s="10"/>
    </row>
    <row r="409829" spans="14:14">
      <c r="N409829" s="10"/>
    </row>
    <row r="409830" spans="14:14">
      <c r="N409830" s="10"/>
    </row>
    <row r="409831" spans="14:14">
      <c r="N409831" s="10"/>
    </row>
    <row r="409832" spans="14:14">
      <c r="N409832" s="10"/>
    </row>
    <row r="409833" spans="14:14">
      <c r="N409833" s="10"/>
    </row>
    <row r="409834" spans="14:14">
      <c r="N409834" s="10"/>
    </row>
    <row r="409835" spans="14:14">
      <c r="N409835" s="10"/>
    </row>
    <row r="409836" spans="14:14">
      <c r="N409836" s="10"/>
    </row>
    <row r="409837" spans="14:14">
      <c r="N409837" s="10"/>
    </row>
    <row r="409838" spans="14:14">
      <c r="N409838" s="10"/>
    </row>
    <row r="409839" spans="14:14">
      <c r="N409839" s="10"/>
    </row>
    <row r="409840" spans="14:14">
      <c r="N409840" s="10"/>
    </row>
    <row r="409841" spans="14:14">
      <c r="N409841" s="10"/>
    </row>
    <row r="409842" spans="14:14">
      <c r="N409842" s="10"/>
    </row>
    <row r="409843" spans="14:14">
      <c r="N409843" s="10"/>
    </row>
    <row r="409844" spans="14:14">
      <c r="N409844" s="10"/>
    </row>
    <row r="409845" spans="14:14">
      <c r="N409845" s="10"/>
    </row>
    <row r="409846" spans="14:14">
      <c r="N409846" s="10"/>
    </row>
    <row r="409847" spans="14:14">
      <c r="N409847" s="10"/>
    </row>
    <row r="409848" spans="14:14">
      <c r="N409848" s="10"/>
    </row>
    <row r="409849" spans="14:14">
      <c r="N409849" s="10"/>
    </row>
    <row r="409850" spans="14:14">
      <c r="N409850" s="10"/>
    </row>
    <row r="409851" spans="14:14">
      <c r="N409851" s="10"/>
    </row>
    <row r="409852" spans="14:14">
      <c r="N409852" s="10"/>
    </row>
    <row r="409853" spans="14:14">
      <c r="N409853" s="10"/>
    </row>
    <row r="409854" spans="14:14">
      <c r="N409854" s="10"/>
    </row>
    <row r="409855" spans="14:14">
      <c r="N409855" s="10"/>
    </row>
    <row r="409856" spans="14:14">
      <c r="N409856" s="10"/>
    </row>
    <row r="409857" spans="14:14">
      <c r="N409857" s="10"/>
    </row>
    <row r="409858" spans="14:14">
      <c r="N409858" s="10"/>
    </row>
    <row r="409859" spans="14:14">
      <c r="N409859" s="10"/>
    </row>
    <row r="409860" spans="14:14">
      <c r="N409860" s="10"/>
    </row>
    <row r="409861" spans="14:14">
      <c r="N409861" s="10"/>
    </row>
    <row r="409862" spans="14:14">
      <c r="N409862" s="10"/>
    </row>
    <row r="409863" spans="14:14">
      <c r="N409863" s="10"/>
    </row>
    <row r="409864" spans="14:14">
      <c r="N409864" s="10"/>
    </row>
    <row r="409865" spans="14:14">
      <c r="N409865" s="10"/>
    </row>
    <row r="409866" spans="14:14">
      <c r="N409866" s="10"/>
    </row>
    <row r="409867" spans="14:14">
      <c r="N409867" s="10"/>
    </row>
    <row r="409868" spans="14:14">
      <c r="N409868" s="10"/>
    </row>
    <row r="409869" spans="14:14">
      <c r="N409869" s="10"/>
    </row>
    <row r="409870" spans="14:14">
      <c r="N409870" s="10"/>
    </row>
    <row r="409871" spans="14:14">
      <c r="N409871" s="10"/>
    </row>
    <row r="409872" spans="14:14">
      <c r="N409872" s="10"/>
    </row>
    <row r="409873" spans="14:14">
      <c r="N409873" s="10"/>
    </row>
    <row r="409874" spans="14:14">
      <c r="N409874" s="10"/>
    </row>
    <row r="409875" spans="14:14">
      <c r="N409875" s="10"/>
    </row>
    <row r="409876" spans="14:14">
      <c r="N409876" s="10"/>
    </row>
    <row r="409877" spans="14:14">
      <c r="N409877" s="10"/>
    </row>
    <row r="409878" spans="14:14">
      <c r="N409878" s="10"/>
    </row>
    <row r="409879" spans="14:14">
      <c r="N409879" s="10"/>
    </row>
    <row r="409880" spans="14:14">
      <c r="N409880" s="10"/>
    </row>
    <row r="409881" spans="14:14">
      <c r="N409881" s="10"/>
    </row>
    <row r="409882" spans="14:14">
      <c r="N409882" s="10"/>
    </row>
    <row r="409883" spans="14:14">
      <c r="N409883" s="10"/>
    </row>
    <row r="409884" spans="14:14">
      <c r="N409884" s="10"/>
    </row>
    <row r="409885" spans="14:14">
      <c r="N409885" s="10"/>
    </row>
    <row r="409886" spans="14:14">
      <c r="N409886" s="10"/>
    </row>
    <row r="409887" spans="14:14">
      <c r="N409887" s="10"/>
    </row>
    <row r="409888" spans="14:14">
      <c r="N409888" s="10"/>
    </row>
    <row r="409889" spans="14:14">
      <c r="N409889" s="10"/>
    </row>
    <row r="409890" spans="14:14">
      <c r="N409890" s="10"/>
    </row>
    <row r="409891" spans="14:14">
      <c r="N409891" s="10"/>
    </row>
    <row r="409892" spans="14:14">
      <c r="N409892" s="10"/>
    </row>
    <row r="409893" spans="14:14">
      <c r="N409893" s="10"/>
    </row>
    <row r="409894" spans="14:14">
      <c r="N409894" s="10"/>
    </row>
    <row r="409895" spans="14:14">
      <c r="N409895" s="10"/>
    </row>
    <row r="409896" spans="14:14">
      <c r="N409896" s="10"/>
    </row>
    <row r="409897" spans="14:14">
      <c r="N409897" s="10"/>
    </row>
    <row r="409898" spans="14:14">
      <c r="N409898" s="10"/>
    </row>
    <row r="409899" spans="14:14">
      <c r="N409899" s="10"/>
    </row>
    <row r="409900" spans="14:14">
      <c r="N409900" s="10"/>
    </row>
    <row r="409901" spans="14:14">
      <c r="N409901" s="10"/>
    </row>
    <row r="409902" spans="14:14">
      <c r="N409902" s="10"/>
    </row>
    <row r="409903" spans="14:14">
      <c r="N409903" s="10"/>
    </row>
    <row r="409904" spans="14:14">
      <c r="N409904" s="10"/>
    </row>
    <row r="409905" spans="14:14">
      <c r="N409905" s="10"/>
    </row>
    <row r="409906" spans="14:14">
      <c r="N409906" s="10"/>
    </row>
    <row r="409907" spans="14:14">
      <c r="N409907" s="10"/>
    </row>
    <row r="409908" spans="14:14">
      <c r="N409908" s="10"/>
    </row>
    <row r="409909" spans="14:14">
      <c r="N409909" s="10"/>
    </row>
    <row r="409910" spans="14:14">
      <c r="N409910" s="10"/>
    </row>
    <row r="409911" spans="14:14">
      <c r="N409911" s="10"/>
    </row>
    <row r="409912" spans="14:14">
      <c r="N409912" s="10"/>
    </row>
    <row r="409913" spans="14:14">
      <c r="N409913" s="10"/>
    </row>
    <row r="409914" spans="14:14">
      <c r="N409914" s="10"/>
    </row>
    <row r="409915" spans="14:14">
      <c r="N409915" s="10"/>
    </row>
    <row r="409916" spans="14:14">
      <c r="N409916" s="10"/>
    </row>
    <row r="409917" spans="14:14">
      <c r="N409917" s="10"/>
    </row>
    <row r="409918" spans="14:14">
      <c r="N409918" s="10"/>
    </row>
    <row r="409919" spans="14:14">
      <c r="N409919" s="10"/>
    </row>
    <row r="409920" spans="14:14">
      <c r="N409920" s="10"/>
    </row>
    <row r="409921" spans="14:14">
      <c r="N409921" s="10"/>
    </row>
    <row r="409922" spans="14:14">
      <c r="N409922" s="10"/>
    </row>
    <row r="409923" spans="14:14">
      <c r="N409923" s="10"/>
    </row>
    <row r="409924" spans="14:14">
      <c r="N409924" s="10"/>
    </row>
    <row r="409925" spans="14:14">
      <c r="N409925" s="10"/>
    </row>
    <row r="409926" spans="14:14">
      <c r="N409926" s="10"/>
    </row>
    <row r="409927" spans="14:14">
      <c r="N409927" s="10"/>
    </row>
    <row r="409928" spans="14:14">
      <c r="N409928" s="10"/>
    </row>
    <row r="409929" spans="14:14">
      <c r="N409929" s="10"/>
    </row>
    <row r="409930" spans="14:14">
      <c r="N409930" s="10"/>
    </row>
    <row r="409931" spans="14:14">
      <c r="N409931" s="10"/>
    </row>
    <row r="409932" spans="14:14">
      <c r="N409932" s="10"/>
    </row>
    <row r="409933" spans="14:14">
      <c r="N409933" s="10"/>
    </row>
    <row r="409934" spans="14:14">
      <c r="N409934" s="10"/>
    </row>
    <row r="409935" spans="14:14">
      <c r="N409935" s="10"/>
    </row>
    <row r="409936" spans="14:14">
      <c r="N409936" s="10"/>
    </row>
    <row r="409937" spans="14:14">
      <c r="N409937" s="10"/>
    </row>
    <row r="409938" spans="14:14">
      <c r="N409938" s="10"/>
    </row>
    <row r="409939" spans="14:14">
      <c r="N409939" s="10"/>
    </row>
    <row r="409940" spans="14:14">
      <c r="N409940" s="10"/>
    </row>
    <row r="409941" spans="14:14">
      <c r="N409941" s="10"/>
    </row>
    <row r="409942" spans="14:14">
      <c r="N409942" s="10"/>
    </row>
    <row r="409943" spans="14:14">
      <c r="N409943" s="10"/>
    </row>
    <row r="409944" spans="14:14">
      <c r="N409944" s="10"/>
    </row>
    <row r="409945" spans="14:14">
      <c r="N409945" s="10"/>
    </row>
    <row r="409946" spans="14:14">
      <c r="N409946" s="10"/>
    </row>
    <row r="409947" spans="14:14">
      <c r="N409947" s="10"/>
    </row>
    <row r="409948" spans="14:14">
      <c r="N409948" s="10"/>
    </row>
    <row r="409949" spans="14:14">
      <c r="N409949" s="10"/>
    </row>
    <row r="409950" spans="14:14">
      <c r="N409950" s="10"/>
    </row>
    <row r="409951" spans="14:14">
      <c r="N409951" s="10"/>
    </row>
    <row r="409952" spans="14:14">
      <c r="N409952" s="10"/>
    </row>
    <row r="409953" spans="14:14">
      <c r="N409953" s="10"/>
    </row>
    <row r="409954" spans="14:14">
      <c r="N409954" s="10"/>
    </row>
    <row r="409955" spans="14:14">
      <c r="N409955" s="10"/>
    </row>
    <row r="409956" spans="14:14">
      <c r="N409956" s="10"/>
    </row>
    <row r="409957" spans="14:14">
      <c r="N409957" s="10"/>
    </row>
    <row r="409958" spans="14:14">
      <c r="N409958" s="10"/>
    </row>
    <row r="409959" spans="14:14">
      <c r="N409959" s="10"/>
    </row>
    <row r="409960" spans="14:14">
      <c r="N409960" s="10"/>
    </row>
    <row r="409961" spans="14:14">
      <c r="N409961" s="10"/>
    </row>
    <row r="409962" spans="14:14">
      <c r="N409962" s="10"/>
    </row>
    <row r="409963" spans="14:14">
      <c r="N409963" s="10"/>
    </row>
    <row r="409964" spans="14:14">
      <c r="N409964" s="10"/>
    </row>
    <row r="409965" spans="14:14">
      <c r="N409965" s="10"/>
    </row>
    <row r="409966" spans="14:14">
      <c r="N409966" s="10"/>
    </row>
    <row r="409967" spans="14:14">
      <c r="N409967" s="10"/>
    </row>
    <row r="409968" spans="14:14">
      <c r="N409968" s="10"/>
    </row>
    <row r="409969" spans="14:14">
      <c r="N409969" s="10"/>
    </row>
    <row r="409970" spans="14:14">
      <c r="N409970" s="10"/>
    </row>
    <row r="409971" spans="14:14">
      <c r="N409971" s="10"/>
    </row>
    <row r="409972" spans="14:14">
      <c r="N409972" s="10"/>
    </row>
    <row r="409973" spans="14:14">
      <c r="N409973" s="10"/>
    </row>
    <row r="409974" spans="14:14">
      <c r="N409974" s="10"/>
    </row>
    <row r="409975" spans="14:14">
      <c r="N409975" s="10"/>
    </row>
    <row r="409976" spans="14:14">
      <c r="N409976" s="10"/>
    </row>
    <row r="409977" spans="14:14">
      <c r="N409977" s="10"/>
    </row>
    <row r="409978" spans="14:14">
      <c r="N409978" s="10"/>
    </row>
    <row r="409979" spans="14:14">
      <c r="N409979" s="10"/>
    </row>
    <row r="409980" spans="14:14">
      <c r="N409980" s="10"/>
    </row>
    <row r="409981" spans="14:14">
      <c r="N409981" s="10"/>
    </row>
    <row r="409982" spans="14:14">
      <c r="N409982" s="10"/>
    </row>
    <row r="409983" spans="14:14">
      <c r="N409983" s="10"/>
    </row>
    <row r="409984" spans="14:14">
      <c r="N409984" s="10"/>
    </row>
    <row r="409985" spans="14:14">
      <c r="N409985" s="10"/>
    </row>
    <row r="409986" spans="14:14">
      <c r="N409986" s="10"/>
    </row>
    <row r="409987" spans="14:14">
      <c r="N409987" s="10"/>
    </row>
    <row r="409988" spans="14:14">
      <c r="N409988" s="10"/>
    </row>
    <row r="409989" spans="14:14">
      <c r="N409989" s="10"/>
    </row>
    <row r="409990" spans="14:14">
      <c r="N409990" s="10"/>
    </row>
    <row r="409991" spans="14:14">
      <c r="N409991" s="10"/>
    </row>
    <row r="409992" spans="14:14">
      <c r="N409992" s="10"/>
    </row>
    <row r="409993" spans="14:14">
      <c r="N409993" s="10"/>
    </row>
    <row r="409994" spans="14:14">
      <c r="N409994" s="10"/>
    </row>
    <row r="409995" spans="14:14">
      <c r="N409995" s="10"/>
    </row>
    <row r="409996" spans="14:14">
      <c r="N409996" s="10"/>
    </row>
    <row r="409997" spans="14:14">
      <c r="N409997" s="10"/>
    </row>
    <row r="409998" spans="14:14">
      <c r="N409998" s="10"/>
    </row>
    <row r="409999" spans="14:14">
      <c r="N409999" s="10"/>
    </row>
    <row r="410000" spans="14:14">
      <c r="N410000" s="10"/>
    </row>
    <row r="410001" spans="14:14">
      <c r="N410001" s="10"/>
    </row>
    <row r="410002" spans="14:14">
      <c r="N410002" s="10"/>
    </row>
    <row r="410003" spans="14:14">
      <c r="N410003" s="10"/>
    </row>
    <row r="410004" spans="14:14">
      <c r="N410004" s="10"/>
    </row>
    <row r="410005" spans="14:14">
      <c r="N410005" s="10"/>
    </row>
    <row r="410006" spans="14:14">
      <c r="N410006" s="10"/>
    </row>
    <row r="410007" spans="14:14">
      <c r="N410007" s="10"/>
    </row>
    <row r="410008" spans="14:14">
      <c r="N410008" s="10"/>
    </row>
    <row r="410009" spans="14:14">
      <c r="N410009" s="10"/>
    </row>
    <row r="410010" spans="14:14">
      <c r="N410010" s="10"/>
    </row>
    <row r="410011" spans="14:14">
      <c r="N410011" s="10"/>
    </row>
    <row r="410012" spans="14:14">
      <c r="N410012" s="10"/>
    </row>
    <row r="410013" spans="14:14">
      <c r="N410013" s="10"/>
    </row>
    <row r="410014" spans="14:14">
      <c r="N410014" s="10"/>
    </row>
    <row r="410015" spans="14:14">
      <c r="N410015" s="10"/>
    </row>
    <row r="410016" spans="14:14">
      <c r="N410016" s="10"/>
    </row>
    <row r="410017" spans="14:14">
      <c r="N410017" s="10"/>
    </row>
    <row r="410018" spans="14:14">
      <c r="N410018" s="10"/>
    </row>
    <row r="410019" spans="14:14">
      <c r="N410019" s="10"/>
    </row>
    <row r="410020" spans="14:14">
      <c r="N410020" s="10"/>
    </row>
    <row r="410021" spans="14:14">
      <c r="N410021" s="10"/>
    </row>
    <row r="410022" spans="14:14">
      <c r="N410022" s="10"/>
    </row>
    <row r="410023" spans="14:14">
      <c r="N410023" s="10"/>
    </row>
    <row r="410024" spans="14:14">
      <c r="N410024" s="10"/>
    </row>
    <row r="410025" spans="14:14">
      <c r="N410025" s="10"/>
    </row>
    <row r="410026" spans="14:14">
      <c r="N410026" s="10"/>
    </row>
    <row r="410027" spans="14:14">
      <c r="N410027" s="10"/>
    </row>
    <row r="410028" spans="14:14">
      <c r="N410028" s="10"/>
    </row>
    <row r="410029" spans="14:14">
      <c r="N410029" s="10"/>
    </row>
    <row r="410030" spans="14:14">
      <c r="N410030" s="10"/>
    </row>
    <row r="410031" spans="14:14">
      <c r="N410031" s="10"/>
    </row>
    <row r="410032" spans="14:14">
      <c r="N410032" s="10"/>
    </row>
    <row r="410033" spans="14:14">
      <c r="N410033" s="10"/>
    </row>
    <row r="410034" spans="14:14">
      <c r="N410034" s="10"/>
    </row>
    <row r="410035" spans="14:14">
      <c r="N410035" s="10"/>
    </row>
    <row r="410036" spans="14:14">
      <c r="N410036" s="10"/>
    </row>
    <row r="410037" spans="14:14">
      <c r="N410037" s="10"/>
    </row>
    <row r="410038" spans="14:14">
      <c r="N410038" s="10"/>
    </row>
    <row r="410039" spans="14:14">
      <c r="N410039" s="10"/>
    </row>
    <row r="410040" spans="14:14">
      <c r="N410040" s="10"/>
    </row>
    <row r="410041" spans="14:14">
      <c r="N410041" s="10"/>
    </row>
    <row r="410042" spans="14:14">
      <c r="N410042" s="10"/>
    </row>
    <row r="410043" spans="14:14">
      <c r="N410043" s="10"/>
    </row>
    <row r="410044" spans="14:14">
      <c r="N410044" s="10"/>
    </row>
    <row r="410045" spans="14:14">
      <c r="N410045" s="10"/>
    </row>
    <row r="410046" spans="14:14">
      <c r="N410046" s="10"/>
    </row>
    <row r="410047" spans="14:14">
      <c r="N410047" s="10"/>
    </row>
    <row r="410048" spans="14:14">
      <c r="N410048" s="10"/>
    </row>
    <row r="410049" spans="14:14">
      <c r="N410049" s="10"/>
    </row>
    <row r="410050" spans="14:14">
      <c r="N410050" s="10"/>
    </row>
    <row r="410051" spans="14:14">
      <c r="N410051" s="10"/>
    </row>
    <row r="410052" spans="14:14">
      <c r="N410052" s="10"/>
    </row>
    <row r="410053" spans="14:14">
      <c r="N410053" s="10"/>
    </row>
    <row r="410054" spans="14:14">
      <c r="N410054" s="10"/>
    </row>
    <row r="410055" spans="14:14">
      <c r="N410055" s="10"/>
    </row>
    <row r="410056" spans="14:14">
      <c r="N410056" s="10"/>
    </row>
    <row r="410057" spans="14:14">
      <c r="N410057" s="10"/>
    </row>
    <row r="410058" spans="14:14">
      <c r="N410058" s="10"/>
    </row>
    <row r="410059" spans="14:14">
      <c r="N410059" s="10"/>
    </row>
    <row r="410060" spans="14:14">
      <c r="N410060" s="10"/>
    </row>
    <row r="410061" spans="14:14">
      <c r="N410061" s="10"/>
    </row>
    <row r="410062" spans="14:14">
      <c r="N410062" s="10"/>
    </row>
    <row r="410063" spans="14:14">
      <c r="N410063" s="10"/>
    </row>
    <row r="410064" spans="14:14">
      <c r="N410064" s="10"/>
    </row>
    <row r="410065" spans="14:14">
      <c r="N410065" s="10"/>
    </row>
    <row r="410066" spans="14:14">
      <c r="N410066" s="10"/>
    </row>
    <row r="410067" spans="14:14">
      <c r="N410067" s="10"/>
    </row>
    <row r="410068" spans="14:14">
      <c r="N410068" s="10"/>
    </row>
    <row r="410069" spans="14:14">
      <c r="N410069" s="10"/>
    </row>
    <row r="410070" spans="14:14">
      <c r="N410070" s="10"/>
    </row>
    <row r="410071" spans="14:14">
      <c r="N410071" s="10"/>
    </row>
    <row r="410072" spans="14:14">
      <c r="N410072" s="10"/>
    </row>
    <row r="410073" spans="14:14">
      <c r="N410073" s="10"/>
    </row>
    <row r="410074" spans="14:14">
      <c r="N410074" s="10"/>
    </row>
    <row r="410075" spans="14:14">
      <c r="N410075" s="10"/>
    </row>
    <row r="410076" spans="14:14">
      <c r="N410076" s="10"/>
    </row>
    <row r="410077" spans="14:14">
      <c r="N410077" s="10"/>
    </row>
    <row r="410078" spans="14:14">
      <c r="N410078" s="10"/>
    </row>
    <row r="410079" spans="14:14">
      <c r="N410079" s="10"/>
    </row>
    <row r="410080" spans="14:14">
      <c r="N410080" s="10"/>
    </row>
    <row r="410081" spans="14:14">
      <c r="N410081" s="10"/>
    </row>
    <row r="410082" spans="14:14">
      <c r="N410082" s="10"/>
    </row>
    <row r="410083" spans="14:14">
      <c r="N410083" s="10"/>
    </row>
    <row r="410084" spans="14:14">
      <c r="N410084" s="10"/>
    </row>
    <row r="410085" spans="14:14">
      <c r="N410085" s="10"/>
    </row>
    <row r="410086" spans="14:14">
      <c r="N410086" s="10"/>
    </row>
    <row r="410087" spans="14:14">
      <c r="N410087" s="10"/>
    </row>
    <row r="410088" spans="14:14">
      <c r="N410088" s="10"/>
    </row>
    <row r="410089" spans="14:14">
      <c r="N410089" s="10"/>
    </row>
    <row r="410090" spans="14:14">
      <c r="N410090" s="10"/>
    </row>
    <row r="410091" spans="14:14">
      <c r="N410091" s="10"/>
    </row>
    <row r="410092" spans="14:14">
      <c r="N410092" s="10"/>
    </row>
    <row r="410093" spans="14:14">
      <c r="N410093" s="10"/>
    </row>
    <row r="410094" spans="14:14">
      <c r="N410094" s="10"/>
    </row>
    <row r="410095" spans="14:14">
      <c r="N410095" s="10"/>
    </row>
    <row r="410096" spans="14:14">
      <c r="N410096" s="10"/>
    </row>
    <row r="410097" spans="14:14">
      <c r="N410097" s="10"/>
    </row>
    <row r="410098" spans="14:14">
      <c r="N410098" s="10"/>
    </row>
    <row r="410099" spans="14:14">
      <c r="N410099" s="10"/>
    </row>
    <row r="410100" spans="14:14">
      <c r="N410100" s="10"/>
    </row>
    <row r="410101" spans="14:14">
      <c r="N410101" s="10"/>
    </row>
    <row r="410102" spans="14:14">
      <c r="N410102" s="10"/>
    </row>
    <row r="410103" spans="14:14">
      <c r="N410103" s="10"/>
    </row>
    <row r="410104" spans="14:14">
      <c r="N410104" s="10"/>
    </row>
    <row r="410105" spans="14:14">
      <c r="N410105" s="10"/>
    </row>
    <row r="410106" spans="14:14">
      <c r="N410106" s="10"/>
    </row>
    <row r="410107" spans="14:14">
      <c r="N410107" s="10"/>
    </row>
    <row r="410108" spans="14:14">
      <c r="N410108" s="10"/>
    </row>
    <row r="410109" spans="14:14">
      <c r="N410109" s="10"/>
    </row>
    <row r="410110" spans="14:14">
      <c r="N410110" s="10"/>
    </row>
    <row r="410111" spans="14:14">
      <c r="N410111" s="10"/>
    </row>
    <row r="410112" spans="14:14">
      <c r="N410112" s="10"/>
    </row>
    <row r="410113" spans="14:14">
      <c r="N410113" s="10"/>
    </row>
    <row r="410114" spans="14:14">
      <c r="N410114" s="10"/>
    </row>
    <row r="410115" spans="14:14">
      <c r="N410115" s="10"/>
    </row>
    <row r="410116" spans="14:14">
      <c r="N410116" s="10"/>
    </row>
    <row r="410117" spans="14:14">
      <c r="N410117" s="10"/>
    </row>
    <row r="410118" spans="14:14">
      <c r="N410118" s="10"/>
    </row>
    <row r="410119" spans="14:14">
      <c r="N410119" s="10"/>
    </row>
    <row r="410120" spans="14:14">
      <c r="N410120" s="10"/>
    </row>
    <row r="410121" spans="14:14">
      <c r="N410121" s="10"/>
    </row>
    <row r="410122" spans="14:14">
      <c r="N410122" s="10"/>
    </row>
    <row r="410123" spans="14:14">
      <c r="N410123" s="10"/>
    </row>
    <row r="410124" spans="14:14">
      <c r="N410124" s="10"/>
    </row>
    <row r="410125" spans="14:14">
      <c r="N410125" s="10"/>
    </row>
    <row r="410126" spans="14:14">
      <c r="N410126" s="10"/>
    </row>
    <row r="410127" spans="14:14">
      <c r="N410127" s="10"/>
    </row>
    <row r="410128" spans="14:14">
      <c r="N410128" s="10"/>
    </row>
    <row r="410129" spans="14:14">
      <c r="N410129" s="10"/>
    </row>
    <row r="410130" spans="14:14">
      <c r="N410130" s="10"/>
    </row>
    <row r="410131" spans="14:14">
      <c r="N410131" s="10"/>
    </row>
    <row r="410132" spans="14:14">
      <c r="N410132" s="10"/>
    </row>
    <row r="410133" spans="14:14">
      <c r="N410133" s="10"/>
    </row>
    <row r="410134" spans="14:14">
      <c r="N410134" s="10"/>
    </row>
    <row r="410135" spans="14:14">
      <c r="N410135" s="10"/>
    </row>
    <row r="410136" spans="14:14">
      <c r="N410136" s="10"/>
    </row>
    <row r="410137" spans="14:14">
      <c r="N410137" s="10"/>
    </row>
    <row r="410138" spans="14:14">
      <c r="N410138" s="10"/>
    </row>
    <row r="410139" spans="14:14">
      <c r="N410139" s="10"/>
    </row>
    <row r="410140" spans="14:14">
      <c r="N410140" s="10"/>
    </row>
    <row r="410141" spans="14:14">
      <c r="N410141" s="10"/>
    </row>
    <row r="410142" spans="14:14">
      <c r="N410142" s="10"/>
    </row>
    <row r="410143" spans="14:14">
      <c r="N410143" s="10"/>
    </row>
    <row r="410144" spans="14:14">
      <c r="N410144" s="10"/>
    </row>
    <row r="410145" spans="14:14">
      <c r="N410145" s="10"/>
    </row>
    <row r="410146" spans="14:14">
      <c r="N410146" s="10"/>
    </row>
    <row r="410147" spans="14:14">
      <c r="N410147" s="10"/>
    </row>
    <row r="410148" spans="14:14">
      <c r="N410148" s="10"/>
    </row>
    <row r="410149" spans="14:14">
      <c r="N410149" s="10"/>
    </row>
    <row r="410150" spans="14:14">
      <c r="N410150" s="10"/>
    </row>
    <row r="410151" spans="14:14">
      <c r="N410151" s="10"/>
    </row>
    <row r="410152" spans="14:14">
      <c r="N410152" s="10"/>
    </row>
    <row r="410153" spans="14:14">
      <c r="N410153" s="10"/>
    </row>
    <row r="410154" spans="14:14">
      <c r="N410154" s="10"/>
    </row>
    <row r="410155" spans="14:14">
      <c r="N410155" s="10"/>
    </row>
    <row r="410156" spans="14:14">
      <c r="N410156" s="10"/>
    </row>
    <row r="410157" spans="14:14">
      <c r="N410157" s="10"/>
    </row>
    <row r="410158" spans="14:14">
      <c r="N410158" s="10"/>
    </row>
    <row r="410159" spans="14:14">
      <c r="N410159" s="10"/>
    </row>
    <row r="410160" spans="14:14">
      <c r="N410160" s="10"/>
    </row>
    <row r="410161" spans="14:14">
      <c r="N410161" s="10"/>
    </row>
    <row r="410162" spans="14:14">
      <c r="N410162" s="10"/>
    </row>
    <row r="410163" spans="14:14">
      <c r="N410163" s="10"/>
    </row>
    <row r="410164" spans="14:14">
      <c r="N410164" s="10"/>
    </row>
    <row r="410165" spans="14:14">
      <c r="N410165" s="10"/>
    </row>
    <row r="410166" spans="14:14">
      <c r="N410166" s="10"/>
    </row>
    <row r="410167" spans="14:14">
      <c r="N410167" s="10"/>
    </row>
    <row r="410168" spans="14:14">
      <c r="N410168" s="10"/>
    </row>
    <row r="410169" spans="14:14">
      <c r="N410169" s="10"/>
    </row>
    <row r="410170" spans="14:14">
      <c r="N410170" s="10"/>
    </row>
    <row r="410171" spans="14:14">
      <c r="N410171" s="10"/>
    </row>
    <row r="410172" spans="14:14">
      <c r="N410172" s="10"/>
    </row>
    <row r="410173" spans="14:14">
      <c r="N410173" s="10"/>
    </row>
    <row r="410174" spans="14:14">
      <c r="N410174" s="10"/>
    </row>
    <row r="410175" spans="14:14">
      <c r="N410175" s="10"/>
    </row>
    <row r="410176" spans="14:14">
      <c r="N410176" s="10"/>
    </row>
    <row r="410177" spans="14:14">
      <c r="N410177" s="10"/>
    </row>
    <row r="410178" spans="14:14">
      <c r="N410178" s="10"/>
    </row>
    <row r="410179" spans="14:14">
      <c r="N410179" s="10"/>
    </row>
    <row r="410180" spans="14:14">
      <c r="N410180" s="10"/>
    </row>
    <row r="410181" spans="14:14">
      <c r="N410181" s="10"/>
    </row>
    <row r="410182" spans="14:14">
      <c r="N410182" s="10"/>
    </row>
    <row r="410183" spans="14:14">
      <c r="N410183" s="10"/>
    </row>
    <row r="410184" spans="14:14">
      <c r="N410184" s="10"/>
    </row>
    <row r="410185" spans="14:14">
      <c r="N410185" s="10"/>
    </row>
    <row r="410186" spans="14:14">
      <c r="N410186" s="10"/>
    </row>
    <row r="410187" spans="14:14">
      <c r="N410187" s="10"/>
    </row>
    <row r="410188" spans="14:14">
      <c r="N410188" s="10"/>
    </row>
    <row r="410189" spans="14:14">
      <c r="N410189" s="10"/>
    </row>
    <row r="410190" spans="14:14">
      <c r="N410190" s="10"/>
    </row>
    <row r="410191" spans="14:14">
      <c r="N410191" s="10"/>
    </row>
    <row r="410192" spans="14:14">
      <c r="N410192" s="10"/>
    </row>
    <row r="410193" spans="14:14">
      <c r="N410193" s="10"/>
    </row>
    <row r="410194" spans="14:14">
      <c r="N410194" s="10"/>
    </row>
    <row r="410195" spans="14:14">
      <c r="N410195" s="10"/>
    </row>
    <row r="410196" spans="14:14">
      <c r="N410196" s="10"/>
    </row>
    <row r="410197" spans="14:14">
      <c r="N410197" s="10"/>
    </row>
    <row r="410198" spans="14:14">
      <c r="N410198" s="10"/>
    </row>
    <row r="410199" spans="14:14">
      <c r="N410199" s="10"/>
    </row>
    <row r="410200" spans="14:14">
      <c r="N410200" s="10"/>
    </row>
    <row r="410201" spans="14:14">
      <c r="N410201" s="10"/>
    </row>
    <row r="410202" spans="14:14">
      <c r="N410202" s="10"/>
    </row>
    <row r="410203" spans="14:14">
      <c r="N410203" s="10"/>
    </row>
    <row r="410204" spans="14:14">
      <c r="N410204" s="10"/>
    </row>
    <row r="410205" spans="14:14">
      <c r="N410205" s="10"/>
    </row>
    <row r="410206" spans="14:14">
      <c r="N410206" s="10"/>
    </row>
    <row r="410207" spans="14:14">
      <c r="N410207" s="10"/>
    </row>
    <row r="410208" spans="14:14">
      <c r="N410208" s="10"/>
    </row>
    <row r="410209" spans="14:14">
      <c r="N410209" s="10"/>
    </row>
    <row r="410210" spans="14:14">
      <c r="N410210" s="10"/>
    </row>
    <row r="410211" spans="14:14">
      <c r="N410211" s="10"/>
    </row>
    <row r="410212" spans="14:14">
      <c r="N410212" s="10"/>
    </row>
    <row r="410213" spans="14:14">
      <c r="N410213" s="10"/>
    </row>
    <row r="410214" spans="14:14">
      <c r="N410214" s="10"/>
    </row>
    <row r="410215" spans="14:14">
      <c r="N410215" s="10"/>
    </row>
    <row r="410216" spans="14:14">
      <c r="N410216" s="10"/>
    </row>
    <row r="410217" spans="14:14">
      <c r="N410217" s="10"/>
    </row>
    <row r="410218" spans="14:14">
      <c r="N410218" s="10"/>
    </row>
    <row r="410219" spans="14:14">
      <c r="N410219" s="10"/>
    </row>
    <row r="410220" spans="14:14">
      <c r="N410220" s="10"/>
    </row>
    <row r="410221" spans="14:14">
      <c r="N410221" s="10"/>
    </row>
    <row r="410222" spans="14:14">
      <c r="N410222" s="10"/>
    </row>
    <row r="410223" spans="14:14">
      <c r="N410223" s="10"/>
    </row>
    <row r="410224" spans="14:14">
      <c r="N410224" s="10"/>
    </row>
    <row r="410225" spans="14:14">
      <c r="N410225" s="10"/>
    </row>
    <row r="410226" spans="14:14">
      <c r="N410226" s="10"/>
    </row>
    <row r="410227" spans="14:14">
      <c r="N410227" s="10"/>
    </row>
    <row r="410228" spans="14:14">
      <c r="N410228" s="10"/>
    </row>
    <row r="410229" spans="14:14">
      <c r="N410229" s="10"/>
    </row>
    <row r="410230" spans="14:14">
      <c r="N410230" s="10"/>
    </row>
    <row r="410231" spans="14:14">
      <c r="N410231" s="10"/>
    </row>
    <row r="410232" spans="14:14">
      <c r="N410232" s="10"/>
    </row>
    <row r="410233" spans="14:14">
      <c r="N410233" s="10"/>
    </row>
    <row r="410234" spans="14:14">
      <c r="N410234" s="10"/>
    </row>
    <row r="410235" spans="14:14">
      <c r="N410235" s="10"/>
    </row>
    <row r="410236" spans="14:14">
      <c r="N410236" s="10"/>
    </row>
    <row r="410237" spans="14:14">
      <c r="N410237" s="10"/>
    </row>
    <row r="410238" spans="14:14">
      <c r="N410238" s="10"/>
    </row>
    <row r="410239" spans="14:14">
      <c r="N410239" s="10"/>
    </row>
    <row r="410240" spans="14:14">
      <c r="N410240" s="10"/>
    </row>
    <row r="410241" spans="14:14">
      <c r="N410241" s="10"/>
    </row>
    <row r="410242" spans="14:14">
      <c r="N410242" s="10"/>
    </row>
    <row r="410243" spans="14:14">
      <c r="N410243" s="10"/>
    </row>
    <row r="410244" spans="14:14">
      <c r="N410244" s="10"/>
    </row>
    <row r="410245" spans="14:14">
      <c r="N410245" s="10"/>
    </row>
    <row r="410246" spans="14:14">
      <c r="N410246" s="10"/>
    </row>
    <row r="410247" spans="14:14">
      <c r="N410247" s="10"/>
    </row>
    <row r="410248" spans="14:14">
      <c r="N410248" s="10"/>
    </row>
    <row r="410249" spans="14:14">
      <c r="N410249" s="10"/>
    </row>
    <row r="410250" spans="14:14">
      <c r="N410250" s="10"/>
    </row>
    <row r="410251" spans="14:14">
      <c r="N410251" s="10"/>
    </row>
    <row r="410252" spans="14:14">
      <c r="N410252" s="10"/>
    </row>
    <row r="410253" spans="14:14">
      <c r="N410253" s="10"/>
    </row>
    <row r="410254" spans="14:14">
      <c r="N410254" s="10"/>
    </row>
    <row r="410255" spans="14:14">
      <c r="N410255" s="10"/>
    </row>
    <row r="410256" spans="14:14">
      <c r="N410256" s="10"/>
    </row>
    <row r="410257" spans="14:14">
      <c r="N410257" s="10"/>
    </row>
    <row r="410258" spans="14:14">
      <c r="N410258" s="10"/>
    </row>
    <row r="410259" spans="14:14">
      <c r="N410259" s="10"/>
    </row>
    <row r="410260" spans="14:14">
      <c r="N410260" s="10"/>
    </row>
    <row r="410261" spans="14:14">
      <c r="N410261" s="10"/>
    </row>
    <row r="410262" spans="14:14">
      <c r="N410262" s="10"/>
    </row>
    <row r="410263" spans="14:14">
      <c r="N410263" s="10"/>
    </row>
    <row r="410264" spans="14:14">
      <c r="N410264" s="10"/>
    </row>
    <row r="410265" spans="14:14">
      <c r="N410265" s="10"/>
    </row>
    <row r="410266" spans="14:14">
      <c r="N410266" s="10"/>
    </row>
    <row r="410267" spans="14:14">
      <c r="N410267" s="10"/>
    </row>
    <row r="410268" spans="14:14">
      <c r="N410268" s="10"/>
    </row>
    <row r="410269" spans="14:14">
      <c r="N410269" s="10"/>
    </row>
    <row r="410270" spans="14:14">
      <c r="N410270" s="10"/>
    </row>
    <row r="410271" spans="14:14">
      <c r="N410271" s="10"/>
    </row>
    <row r="410272" spans="14:14">
      <c r="N410272" s="10"/>
    </row>
    <row r="410273" spans="14:14">
      <c r="N410273" s="10"/>
    </row>
    <row r="410274" spans="14:14">
      <c r="N410274" s="10"/>
    </row>
    <row r="410275" spans="14:14">
      <c r="N410275" s="10"/>
    </row>
    <row r="410276" spans="14:14">
      <c r="N410276" s="10"/>
    </row>
    <row r="410277" spans="14:14">
      <c r="N410277" s="10"/>
    </row>
    <row r="410278" spans="14:14">
      <c r="N410278" s="10"/>
    </row>
    <row r="410279" spans="14:14">
      <c r="N410279" s="10"/>
    </row>
    <row r="410280" spans="14:14">
      <c r="N410280" s="10"/>
    </row>
    <row r="410281" spans="14:14">
      <c r="N410281" s="10"/>
    </row>
    <row r="410282" spans="14:14">
      <c r="N410282" s="10"/>
    </row>
    <row r="410283" spans="14:14">
      <c r="N410283" s="10"/>
    </row>
    <row r="410284" spans="14:14">
      <c r="N410284" s="10"/>
    </row>
    <row r="410285" spans="14:14">
      <c r="N410285" s="10"/>
    </row>
    <row r="410286" spans="14:14">
      <c r="N410286" s="10"/>
    </row>
    <row r="410287" spans="14:14">
      <c r="N410287" s="10"/>
    </row>
    <row r="410288" spans="14:14">
      <c r="N410288" s="10"/>
    </row>
    <row r="410289" spans="14:14">
      <c r="N410289" s="10"/>
    </row>
    <row r="410290" spans="14:14">
      <c r="N410290" s="10"/>
    </row>
    <row r="410291" spans="14:14">
      <c r="N410291" s="10"/>
    </row>
    <row r="410292" spans="14:14">
      <c r="N410292" s="10"/>
    </row>
    <row r="410293" spans="14:14">
      <c r="N410293" s="10"/>
    </row>
    <row r="410294" spans="14:14">
      <c r="N410294" s="10"/>
    </row>
    <row r="410295" spans="14:14">
      <c r="N410295" s="10"/>
    </row>
    <row r="410296" spans="14:14">
      <c r="N410296" s="10"/>
    </row>
    <row r="410297" spans="14:14">
      <c r="N410297" s="10"/>
    </row>
    <row r="410298" spans="14:14">
      <c r="N410298" s="10"/>
    </row>
    <row r="410299" spans="14:14">
      <c r="N410299" s="10"/>
    </row>
    <row r="410300" spans="14:14">
      <c r="N410300" s="10"/>
    </row>
    <row r="410301" spans="14:14">
      <c r="N410301" s="10"/>
    </row>
    <row r="410302" spans="14:14">
      <c r="N410302" s="10"/>
    </row>
    <row r="410303" spans="14:14">
      <c r="N410303" s="10"/>
    </row>
    <row r="410304" spans="14:14">
      <c r="N410304" s="10"/>
    </row>
    <row r="410305" spans="14:14">
      <c r="N410305" s="10"/>
    </row>
    <row r="410306" spans="14:14">
      <c r="N410306" s="10"/>
    </row>
    <row r="410307" spans="14:14">
      <c r="N410307" s="10"/>
    </row>
    <row r="410308" spans="14:14">
      <c r="N410308" s="10"/>
    </row>
    <row r="410309" spans="14:14">
      <c r="N410309" s="10"/>
    </row>
    <row r="410310" spans="14:14">
      <c r="N410310" s="10"/>
    </row>
    <row r="410311" spans="14:14">
      <c r="N410311" s="10"/>
    </row>
    <row r="410312" spans="14:14">
      <c r="N410312" s="10"/>
    </row>
    <row r="410313" spans="14:14">
      <c r="N410313" s="10"/>
    </row>
    <row r="410314" spans="14:14">
      <c r="N410314" s="10"/>
    </row>
    <row r="410315" spans="14:14">
      <c r="N410315" s="10"/>
    </row>
    <row r="410316" spans="14:14">
      <c r="N410316" s="10"/>
    </row>
    <row r="410317" spans="14:14">
      <c r="N410317" s="10"/>
    </row>
    <row r="410318" spans="14:14">
      <c r="N410318" s="10"/>
    </row>
    <row r="410319" spans="14:14">
      <c r="N410319" s="10"/>
    </row>
    <row r="410320" spans="14:14">
      <c r="N410320" s="10"/>
    </row>
    <row r="410321" spans="14:14">
      <c r="N410321" s="10"/>
    </row>
    <row r="410322" spans="14:14">
      <c r="N410322" s="10"/>
    </row>
    <row r="410323" spans="14:14">
      <c r="N410323" s="10"/>
    </row>
    <row r="410324" spans="14:14">
      <c r="N410324" s="10"/>
    </row>
    <row r="410325" spans="14:14">
      <c r="N410325" s="10"/>
    </row>
    <row r="410326" spans="14:14">
      <c r="N410326" s="10"/>
    </row>
    <row r="410327" spans="14:14">
      <c r="N410327" s="10"/>
    </row>
    <row r="410328" spans="14:14">
      <c r="N410328" s="10"/>
    </row>
    <row r="410329" spans="14:14">
      <c r="N410329" s="10"/>
    </row>
    <row r="410330" spans="14:14">
      <c r="N410330" s="10"/>
    </row>
    <row r="410331" spans="14:14">
      <c r="N410331" s="10"/>
    </row>
    <row r="410332" spans="14:14">
      <c r="N410332" s="10"/>
    </row>
    <row r="410333" spans="14:14">
      <c r="N410333" s="10"/>
    </row>
    <row r="410334" spans="14:14">
      <c r="N410334" s="10"/>
    </row>
    <row r="410335" spans="14:14">
      <c r="N410335" s="10"/>
    </row>
    <row r="410336" spans="14:14">
      <c r="N410336" s="10"/>
    </row>
    <row r="410337" spans="14:14">
      <c r="N410337" s="10"/>
    </row>
    <row r="410338" spans="14:14">
      <c r="N410338" s="10"/>
    </row>
    <row r="410339" spans="14:14">
      <c r="N410339" s="10"/>
    </row>
    <row r="410340" spans="14:14">
      <c r="N410340" s="10"/>
    </row>
    <row r="410341" spans="14:14">
      <c r="N410341" s="10"/>
    </row>
    <row r="410342" spans="14:14">
      <c r="N410342" s="10"/>
    </row>
    <row r="410343" spans="14:14">
      <c r="N410343" s="10"/>
    </row>
    <row r="410344" spans="14:14">
      <c r="N410344" s="10"/>
    </row>
    <row r="410345" spans="14:14">
      <c r="N410345" s="10"/>
    </row>
    <row r="410346" spans="14:14">
      <c r="N410346" s="10"/>
    </row>
    <row r="410347" spans="14:14">
      <c r="N410347" s="10"/>
    </row>
    <row r="410348" spans="14:14">
      <c r="N410348" s="10"/>
    </row>
    <row r="410349" spans="14:14">
      <c r="N410349" s="10"/>
    </row>
    <row r="410350" spans="14:14">
      <c r="N410350" s="10"/>
    </row>
    <row r="410351" spans="14:14">
      <c r="N410351" s="10"/>
    </row>
    <row r="410352" spans="14:14">
      <c r="N410352" s="10"/>
    </row>
    <row r="410353" spans="14:14">
      <c r="N410353" s="10"/>
    </row>
    <row r="410354" spans="14:14">
      <c r="N410354" s="10"/>
    </row>
    <row r="410355" spans="14:14">
      <c r="N410355" s="10"/>
    </row>
    <row r="410356" spans="14:14">
      <c r="N410356" s="10"/>
    </row>
    <row r="410357" spans="14:14">
      <c r="N410357" s="10"/>
    </row>
    <row r="410358" spans="14:14">
      <c r="N410358" s="10"/>
    </row>
    <row r="410359" spans="14:14">
      <c r="N410359" s="10"/>
    </row>
    <row r="410360" spans="14:14">
      <c r="N410360" s="10"/>
    </row>
    <row r="410361" spans="14:14">
      <c r="N410361" s="10"/>
    </row>
    <row r="410362" spans="14:14">
      <c r="N410362" s="10"/>
    </row>
    <row r="410363" spans="14:14">
      <c r="N410363" s="10"/>
    </row>
    <row r="410364" spans="14:14">
      <c r="N410364" s="10"/>
    </row>
    <row r="410365" spans="14:14">
      <c r="N410365" s="10"/>
    </row>
    <row r="410366" spans="14:14">
      <c r="N410366" s="10"/>
    </row>
    <row r="410367" spans="14:14">
      <c r="N410367" s="10"/>
    </row>
    <row r="410368" spans="14:14">
      <c r="N410368" s="10"/>
    </row>
    <row r="410369" spans="14:14">
      <c r="N410369" s="10"/>
    </row>
    <row r="410370" spans="14:14">
      <c r="N410370" s="10"/>
    </row>
    <row r="410371" spans="14:14">
      <c r="N410371" s="10"/>
    </row>
    <row r="410372" spans="14:14">
      <c r="N410372" s="10"/>
    </row>
    <row r="410373" spans="14:14">
      <c r="N410373" s="10"/>
    </row>
    <row r="410374" spans="14:14">
      <c r="N410374" s="10"/>
    </row>
    <row r="410375" spans="14:14">
      <c r="N410375" s="10"/>
    </row>
    <row r="410376" spans="14:14">
      <c r="N410376" s="10"/>
    </row>
    <row r="410377" spans="14:14">
      <c r="N410377" s="10"/>
    </row>
    <row r="410378" spans="14:14">
      <c r="N410378" s="10"/>
    </row>
    <row r="410379" spans="14:14">
      <c r="N410379" s="10"/>
    </row>
    <row r="410380" spans="14:14">
      <c r="N410380" s="10"/>
    </row>
    <row r="410381" spans="14:14">
      <c r="N410381" s="10"/>
    </row>
    <row r="410382" spans="14:14">
      <c r="N410382" s="10"/>
    </row>
    <row r="410383" spans="14:14">
      <c r="N410383" s="10"/>
    </row>
    <row r="410384" spans="14:14">
      <c r="N410384" s="10"/>
    </row>
    <row r="410385" spans="14:14">
      <c r="N410385" s="10"/>
    </row>
    <row r="410386" spans="14:14">
      <c r="N410386" s="10"/>
    </row>
    <row r="410387" spans="14:14">
      <c r="N410387" s="10"/>
    </row>
    <row r="410388" spans="14:14">
      <c r="N410388" s="10"/>
    </row>
    <row r="410389" spans="14:14">
      <c r="N410389" s="10"/>
    </row>
    <row r="410390" spans="14:14">
      <c r="N410390" s="10"/>
    </row>
    <row r="410391" spans="14:14">
      <c r="N410391" s="10"/>
    </row>
    <row r="410392" spans="14:14">
      <c r="N410392" s="10"/>
    </row>
    <row r="410393" spans="14:14">
      <c r="N410393" s="10"/>
    </row>
    <row r="410394" spans="14:14">
      <c r="N410394" s="10"/>
    </row>
    <row r="410395" spans="14:14">
      <c r="N410395" s="10"/>
    </row>
    <row r="410396" spans="14:14">
      <c r="N410396" s="10"/>
    </row>
    <row r="410397" spans="14:14">
      <c r="N410397" s="10"/>
    </row>
    <row r="410398" spans="14:14">
      <c r="N410398" s="10"/>
    </row>
    <row r="410399" spans="14:14">
      <c r="N410399" s="10"/>
    </row>
    <row r="410400" spans="14:14">
      <c r="N410400" s="10"/>
    </row>
    <row r="410401" spans="14:14">
      <c r="N410401" s="10"/>
    </row>
    <row r="410402" spans="14:14">
      <c r="N410402" s="10"/>
    </row>
    <row r="410403" spans="14:14">
      <c r="N410403" s="10"/>
    </row>
    <row r="410404" spans="14:14">
      <c r="N410404" s="10"/>
    </row>
    <row r="410405" spans="14:14">
      <c r="N410405" s="10"/>
    </row>
    <row r="410406" spans="14:14">
      <c r="N410406" s="10"/>
    </row>
    <row r="410407" spans="14:14">
      <c r="N410407" s="10"/>
    </row>
    <row r="410408" spans="14:14">
      <c r="N410408" s="10"/>
    </row>
    <row r="410409" spans="14:14">
      <c r="N410409" s="10"/>
    </row>
    <row r="410410" spans="14:14">
      <c r="N410410" s="10"/>
    </row>
    <row r="410411" spans="14:14">
      <c r="N410411" s="10"/>
    </row>
    <row r="410412" spans="14:14">
      <c r="N410412" s="10"/>
    </row>
    <row r="410413" spans="14:14">
      <c r="N410413" s="10"/>
    </row>
    <row r="410414" spans="14:14">
      <c r="N410414" s="10"/>
    </row>
    <row r="410415" spans="14:14">
      <c r="N410415" s="10"/>
    </row>
    <row r="410416" spans="14:14">
      <c r="N410416" s="10"/>
    </row>
    <row r="410417" spans="14:14">
      <c r="N410417" s="10"/>
    </row>
    <row r="410418" spans="14:14">
      <c r="N410418" s="10"/>
    </row>
    <row r="410419" spans="14:14">
      <c r="N410419" s="10"/>
    </row>
    <row r="410420" spans="14:14">
      <c r="N410420" s="10"/>
    </row>
    <row r="410421" spans="14:14">
      <c r="N410421" s="10"/>
    </row>
    <row r="410422" spans="14:14">
      <c r="N410422" s="10"/>
    </row>
    <row r="410423" spans="14:14">
      <c r="N410423" s="10"/>
    </row>
    <row r="410424" spans="14:14">
      <c r="N410424" s="10"/>
    </row>
    <row r="410425" spans="14:14">
      <c r="N410425" s="10"/>
    </row>
    <row r="410426" spans="14:14">
      <c r="N410426" s="10"/>
    </row>
    <row r="410427" spans="14:14">
      <c r="N410427" s="10"/>
    </row>
    <row r="410428" spans="14:14">
      <c r="N410428" s="10"/>
    </row>
    <row r="410429" spans="14:14">
      <c r="N410429" s="10"/>
    </row>
    <row r="410430" spans="14:14">
      <c r="N410430" s="10"/>
    </row>
    <row r="410431" spans="14:14">
      <c r="N410431" s="10"/>
    </row>
    <row r="410432" spans="14:14">
      <c r="N410432" s="10"/>
    </row>
    <row r="410433" spans="14:14">
      <c r="N410433" s="10"/>
    </row>
    <row r="410434" spans="14:14">
      <c r="N410434" s="10"/>
    </row>
    <row r="410435" spans="14:14">
      <c r="N410435" s="10"/>
    </row>
    <row r="410436" spans="14:14">
      <c r="N410436" s="10"/>
    </row>
    <row r="410437" spans="14:14">
      <c r="N410437" s="10"/>
    </row>
    <row r="410438" spans="14:14">
      <c r="N410438" s="10"/>
    </row>
    <row r="410439" spans="14:14">
      <c r="N410439" s="10"/>
    </row>
    <row r="410440" spans="14:14">
      <c r="N410440" s="10"/>
    </row>
    <row r="410441" spans="14:14">
      <c r="N410441" s="10"/>
    </row>
    <row r="410442" spans="14:14">
      <c r="N410442" s="10"/>
    </row>
    <row r="410443" spans="14:14">
      <c r="N410443" s="10"/>
    </row>
    <row r="410444" spans="14:14">
      <c r="N410444" s="10"/>
    </row>
    <row r="410445" spans="14:14">
      <c r="N410445" s="10"/>
    </row>
    <row r="410446" spans="14:14">
      <c r="N410446" s="10"/>
    </row>
    <row r="410447" spans="14:14">
      <c r="N410447" s="10"/>
    </row>
    <row r="410448" spans="14:14">
      <c r="N410448" s="10"/>
    </row>
    <row r="410449" spans="14:14">
      <c r="N410449" s="10"/>
    </row>
    <row r="410450" spans="14:14">
      <c r="N410450" s="10"/>
    </row>
    <row r="410451" spans="14:14">
      <c r="N410451" s="10"/>
    </row>
    <row r="410452" spans="14:14">
      <c r="N410452" s="10"/>
    </row>
    <row r="410453" spans="14:14">
      <c r="N410453" s="10"/>
    </row>
    <row r="410454" spans="14:14">
      <c r="N410454" s="10"/>
    </row>
    <row r="410455" spans="14:14">
      <c r="N410455" s="10"/>
    </row>
    <row r="410456" spans="14:14">
      <c r="N410456" s="10"/>
    </row>
    <row r="410457" spans="14:14">
      <c r="N410457" s="10"/>
    </row>
    <row r="410458" spans="14:14">
      <c r="N410458" s="10"/>
    </row>
    <row r="410459" spans="14:14">
      <c r="N410459" s="10"/>
    </row>
    <row r="410460" spans="14:14">
      <c r="N410460" s="10"/>
    </row>
    <row r="410461" spans="14:14">
      <c r="N410461" s="10"/>
    </row>
    <row r="410462" spans="14:14">
      <c r="N410462" s="10"/>
    </row>
    <row r="410463" spans="14:14">
      <c r="N410463" s="10"/>
    </row>
    <row r="410464" spans="14:14">
      <c r="N410464" s="10"/>
    </row>
    <row r="410465" spans="14:14">
      <c r="N410465" s="10"/>
    </row>
    <row r="410466" spans="14:14">
      <c r="N410466" s="10"/>
    </row>
    <row r="410467" spans="14:14">
      <c r="N410467" s="10"/>
    </row>
    <row r="410468" spans="14:14">
      <c r="N410468" s="10"/>
    </row>
    <row r="410469" spans="14:14">
      <c r="N410469" s="10"/>
    </row>
    <row r="410470" spans="14:14">
      <c r="N410470" s="10"/>
    </row>
    <row r="410471" spans="14:14">
      <c r="N410471" s="10"/>
    </row>
    <row r="410472" spans="14:14">
      <c r="N410472" s="10"/>
    </row>
    <row r="410473" spans="14:14">
      <c r="N410473" s="10"/>
    </row>
    <row r="410474" spans="14:14">
      <c r="N410474" s="10"/>
    </row>
    <row r="410475" spans="14:14">
      <c r="N410475" s="10"/>
    </row>
    <row r="410476" spans="14:14">
      <c r="N410476" s="10"/>
    </row>
    <row r="410477" spans="14:14">
      <c r="N410477" s="10"/>
    </row>
    <row r="410478" spans="14:14">
      <c r="N410478" s="10"/>
    </row>
    <row r="410479" spans="14:14">
      <c r="N410479" s="10"/>
    </row>
    <row r="410480" spans="14:14">
      <c r="N410480" s="10"/>
    </row>
    <row r="410481" spans="14:14">
      <c r="N410481" s="10"/>
    </row>
    <row r="410482" spans="14:14">
      <c r="N410482" s="10"/>
    </row>
    <row r="410483" spans="14:14">
      <c r="N410483" s="10"/>
    </row>
    <row r="410484" spans="14:14">
      <c r="N410484" s="10"/>
    </row>
    <row r="410485" spans="14:14">
      <c r="N410485" s="10"/>
    </row>
    <row r="410486" spans="14:14">
      <c r="N410486" s="10"/>
    </row>
    <row r="410487" spans="14:14">
      <c r="N410487" s="10"/>
    </row>
    <row r="410488" spans="14:14">
      <c r="N410488" s="10"/>
    </row>
    <row r="410489" spans="14:14">
      <c r="N410489" s="10"/>
    </row>
    <row r="410490" spans="14:14">
      <c r="N410490" s="10"/>
    </row>
    <row r="410491" spans="14:14">
      <c r="N410491" s="10"/>
    </row>
    <row r="410492" spans="14:14">
      <c r="N410492" s="10"/>
    </row>
    <row r="410493" spans="14:14">
      <c r="N410493" s="10"/>
    </row>
    <row r="410494" spans="14:14">
      <c r="N410494" s="10"/>
    </row>
    <row r="410495" spans="14:14">
      <c r="N410495" s="10"/>
    </row>
    <row r="410496" spans="14:14">
      <c r="N410496" s="10"/>
    </row>
    <row r="410497" spans="14:14">
      <c r="N410497" s="10"/>
    </row>
    <row r="410498" spans="14:14">
      <c r="N410498" s="10"/>
    </row>
    <row r="410499" spans="14:14">
      <c r="N410499" s="10"/>
    </row>
    <row r="410500" spans="14:14">
      <c r="N410500" s="10"/>
    </row>
    <row r="410501" spans="14:14">
      <c r="N410501" s="10"/>
    </row>
    <row r="410502" spans="14:14">
      <c r="N410502" s="10"/>
    </row>
    <row r="410503" spans="14:14">
      <c r="N410503" s="10"/>
    </row>
    <row r="410504" spans="14:14">
      <c r="N410504" s="10"/>
    </row>
    <row r="410505" spans="14:14">
      <c r="N410505" s="10"/>
    </row>
    <row r="410506" spans="14:14">
      <c r="N410506" s="10"/>
    </row>
    <row r="410507" spans="14:14">
      <c r="N410507" s="10"/>
    </row>
    <row r="410508" spans="14:14">
      <c r="N410508" s="10"/>
    </row>
    <row r="410509" spans="14:14">
      <c r="N410509" s="10"/>
    </row>
    <row r="410510" spans="14:14">
      <c r="N410510" s="10"/>
    </row>
    <row r="410511" spans="14:14">
      <c r="N410511" s="10"/>
    </row>
    <row r="410512" spans="14:14">
      <c r="N410512" s="10"/>
    </row>
    <row r="410513" spans="14:14">
      <c r="N410513" s="10"/>
    </row>
    <row r="410514" spans="14:14">
      <c r="N410514" s="10"/>
    </row>
    <row r="410515" spans="14:14">
      <c r="N410515" s="10"/>
    </row>
    <row r="410516" spans="14:14">
      <c r="N410516" s="10"/>
    </row>
    <row r="410517" spans="14:14">
      <c r="N410517" s="10"/>
    </row>
    <row r="410518" spans="14:14">
      <c r="N410518" s="10"/>
    </row>
    <row r="410519" spans="14:14">
      <c r="N410519" s="10"/>
    </row>
    <row r="410520" spans="14:14">
      <c r="N410520" s="10"/>
    </row>
    <row r="410521" spans="14:14">
      <c r="N410521" s="10"/>
    </row>
    <row r="410522" spans="14:14">
      <c r="N410522" s="10"/>
    </row>
    <row r="410523" spans="14:14">
      <c r="N410523" s="10"/>
    </row>
    <row r="410524" spans="14:14">
      <c r="N410524" s="10"/>
    </row>
    <row r="410525" spans="14:14">
      <c r="N410525" s="10"/>
    </row>
    <row r="410526" spans="14:14">
      <c r="N410526" s="10"/>
    </row>
    <row r="410527" spans="14:14">
      <c r="N410527" s="10"/>
    </row>
    <row r="410528" spans="14:14">
      <c r="N410528" s="10"/>
    </row>
    <row r="410529" spans="14:14">
      <c r="N410529" s="10"/>
    </row>
    <row r="410530" spans="14:14">
      <c r="N410530" s="10"/>
    </row>
    <row r="410531" spans="14:14">
      <c r="N410531" s="10"/>
    </row>
    <row r="410532" spans="14:14">
      <c r="N410532" s="10"/>
    </row>
    <row r="410533" spans="14:14">
      <c r="N410533" s="10"/>
    </row>
    <row r="410534" spans="14:14">
      <c r="N410534" s="10"/>
    </row>
    <row r="410535" spans="14:14">
      <c r="N410535" s="10"/>
    </row>
    <row r="410536" spans="14:14">
      <c r="N410536" s="10"/>
    </row>
    <row r="410537" spans="14:14">
      <c r="N410537" s="10"/>
    </row>
    <row r="410538" spans="14:14">
      <c r="N410538" s="10"/>
    </row>
    <row r="410539" spans="14:14">
      <c r="N410539" s="10"/>
    </row>
    <row r="410540" spans="14:14">
      <c r="N410540" s="10"/>
    </row>
    <row r="410541" spans="14:14">
      <c r="N410541" s="10"/>
    </row>
    <row r="410542" spans="14:14">
      <c r="N410542" s="10"/>
    </row>
    <row r="410543" spans="14:14">
      <c r="N410543" s="10"/>
    </row>
    <row r="410544" spans="14:14">
      <c r="N410544" s="10"/>
    </row>
    <row r="410545" spans="14:14">
      <c r="N410545" s="10"/>
    </row>
    <row r="410546" spans="14:14">
      <c r="N410546" s="10"/>
    </row>
    <row r="410547" spans="14:14">
      <c r="N410547" s="10"/>
    </row>
    <row r="410548" spans="14:14">
      <c r="N410548" s="10"/>
    </row>
    <row r="410549" spans="14:14">
      <c r="N410549" s="10"/>
    </row>
    <row r="410550" spans="14:14">
      <c r="N410550" s="10"/>
    </row>
    <row r="410551" spans="14:14">
      <c r="N410551" s="10"/>
    </row>
    <row r="410552" spans="14:14">
      <c r="N410552" s="10"/>
    </row>
    <row r="410553" spans="14:14">
      <c r="N410553" s="10"/>
    </row>
    <row r="410554" spans="14:14">
      <c r="N410554" s="10"/>
    </row>
    <row r="410555" spans="14:14">
      <c r="N410555" s="10"/>
    </row>
    <row r="410556" spans="14:14">
      <c r="N410556" s="10"/>
    </row>
    <row r="410557" spans="14:14">
      <c r="N410557" s="10"/>
    </row>
    <row r="410558" spans="14:14">
      <c r="N410558" s="10"/>
    </row>
    <row r="410559" spans="14:14">
      <c r="N410559" s="10"/>
    </row>
    <row r="410560" spans="14:14">
      <c r="N410560" s="10"/>
    </row>
    <row r="410561" spans="14:14">
      <c r="N410561" s="10"/>
    </row>
    <row r="410562" spans="14:14">
      <c r="N410562" s="10"/>
    </row>
    <row r="410563" spans="14:14">
      <c r="N410563" s="10"/>
    </row>
    <row r="410564" spans="14:14">
      <c r="N410564" s="10"/>
    </row>
    <row r="410565" spans="14:14">
      <c r="N410565" s="10"/>
    </row>
    <row r="410566" spans="14:14">
      <c r="N410566" s="10"/>
    </row>
    <row r="410567" spans="14:14">
      <c r="N410567" s="10"/>
    </row>
    <row r="410568" spans="14:14">
      <c r="N410568" s="10"/>
    </row>
    <row r="410569" spans="14:14">
      <c r="N410569" s="10"/>
    </row>
    <row r="410570" spans="14:14">
      <c r="N410570" s="10"/>
    </row>
    <row r="410571" spans="14:14">
      <c r="N410571" s="10"/>
    </row>
    <row r="410572" spans="14:14">
      <c r="N410572" s="10"/>
    </row>
    <row r="410573" spans="14:14">
      <c r="N410573" s="10"/>
    </row>
    <row r="410574" spans="14:14">
      <c r="N410574" s="10"/>
    </row>
    <row r="410575" spans="14:14">
      <c r="N410575" s="10"/>
    </row>
    <row r="410576" spans="14:14">
      <c r="N410576" s="10"/>
    </row>
    <row r="410577" spans="14:14">
      <c r="N410577" s="10"/>
    </row>
    <row r="410578" spans="14:14">
      <c r="N410578" s="10"/>
    </row>
    <row r="410579" spans="14:14">
      <c r="N410579" s="10"/>
    </row>
    <row r="410580" spans="14:14">
      <c r="N410580" s="10"/>
    </row>
    <row r="410581" spans="14:14">
      <c r="N410581" s="10"/>
    </row>
    <row r="410582" spans="14:14">
      <c r="N410582" s="10"/>
    </row>
    <row r="410583" spans="14:14">
      <c r="N410583" s="10"/>
    </row>
    <row r="410584" spans="14:14">
      <c r="N410584" s="10"/>
    </row>
    <row r="410585" spans="14:14">
      <c r="N410585" s="10"/>
    </row>
    <row r="410586" spans="14:14">
      <c r="N410586" s="10"/>
    </row>
    <row r="410587" spans="14:14">
      <c r="N410587" s="10"/>
    </row>
    <row r="410588" spans="14:14">
      <c r="N410588" s="10"/>
    </row>
    <row r="410589" spans="14:14">
      <c r="N410589" s="10"/>
    </row>
    <row r="410590" spans="14:14">
      <c r="N410590" s="10"/>
    </row>
    <row r="410591" spans="14:14">
      <c r="N410591" s="10"/>
    </row>
    <row r="410592" spans="14:14">
      <c r="N410592" s="10"/>
    </row>
    <row r="410593" spans="14:14">
      <c r="N410593" s="10"/>
    </row>
    <row r="410594" spans="14:14">
      <c r="N410594" s="10"/>
    </row>
    <row r="410595" spans="14:14">
      <c r="N410595" s="10"/>
    </row>
    <row r="410596" spans="14:14">
      <c r="N410596" s="10"/>
    </row>
    <row r="410597" spans="14:14">
      <c r="N410597" s="10"/>
    </row>
    <row r="410598" spans="14:14">
      <c r="N410598" s="10"/>
    </row>
    <row r="410599" spans="14:14">
      <c r="N410599" s="10"/>
    </row>
    <row r="410600" spans="14:14">
      <c r="N410600" s="10"/>
    </row>
    <row r="410601" spans="14:14">
      <c r="N410601" s="10"/>
    </row>
    <row r="410602" spans="14:14">
      <c r="N410602" s="10"/>
    </row>
    <row r="410603" spans="14:14">
      <c r="N410603" s="10"/>
    </row>
    <row r="410604" spans="14:14">
      <c r="N410604" s="10"/>
    </row>
    <row r="410605" spans="14:14">
      <c r="N410605" s="10"/>
    </row>
    <row r="410606" spans="14:14">
      <c r="N410606" s="10"/>
    </row>
    <row r="410607" spans="14:14">
      <c r="N410607" s="10"/>
    </row>
    <row r="410608" spans="14:14">
      <c r="N410608" s="10"/>
    </row>
    <row r="410609" spans="14:14">
      <c r="N410609" s="10"/>
    </row>
    <row r="410610" spans="14:14">
      <c r="N410610" s="10"/>
    </row>
    <row r="410611" spans="14:14">
      <c r="N410611" s="10"/>
    </row>
    <row r="410612" spans="14:14">
      <c r="N410612" s="10"/>
    </row>
    <row r="410613" spans="14:14">
      <c r="N410613" s="10"/>
    </row>
    <row r="410614" spans="14:14">
      <c r="N410614" s="10"/>
    </row>
    <row r="410615" spans="14:14">
      <c r="N410615" s="10"/>
    </row>
    <row r="410616" spans="14:14">
      <c r="N410616" s="10"/>
    </row>
    <row r="410617" spans="14:14">
      <c r="N410617" s="10"/>
    </row>
    <row r="410618" spans="14:14">
      <c r="N410618" s="10"/>
    </row>
    <row r="410619" spans="14:14">
      <c r="N410619" s="10"/>
    </row>
    <row r="410620" spans="14:14">
      <c r="N410620" s="10"/>
    </row>
    <row r="410621" spans="14:14">
      <c r="N410621" s="10"/>
    </row>
    <row r="410622" spans="14:14">
      <c r="N410622" s="10"/>
    </row>
    <row r="410623" spans="14:14">
      <c r="N410623" s="10"/>
    </row>
    <row r="410624" spans="14:14">
      <c r="N410624" s="10"/>
    </row>
    <row r="410625" spans="14:14">
      <c r="N410625" s="10"/>
    </row>
    <row r="410626" spans="14:14">
      <c r="N410626" s="10"/>
    </row>
    <row r="410627" spans="14:14">
      <c r="N410627" s="10"/>
    </row>
    <row r="410628" spans="14:14">
      <c r="N410628" s="10"/>
    </row>
    <row r="410629" spans="14:14">
      <c r="N410629" s="10"/>
    </row>
    <row r="410630" spans="14:14">
      <c r="N410630" s="10"/>
    </row>
    <row r="410631" spans="14:14">
      <c r="N410631" s="10"/>
    </row>
    <row r="410632" spans="14:14">
      <c r="N410632" s="10"/>
    </row>
    <row r="410633" spans="14:14">
      <c r="N410633" s="10"/>
    </row>
    <row r="410634" spans="14:14">
      <c r="N410634" s="10"/>
    </row>
    <row r="410635" spans="14:14">
      <c r="N410635" s="10"/>
    </row>
    <row r="410636" spans="14:14">
      <c r="N410636" s="10"/>
    </row>
    <row r="410637" spans="14:14">
      <c r="N410637" s="10"/>
    </row>
    <row r="410638" spans="14:14">
      <c r="N410638" s="10"/>
    </row>
    <row r="410639" spans="14:14">
      <c r="N410639" s="10"/>
    </row>
    <row r="410640" spans="14:14">
      <c r="N410640" s="10"/>
    </row>
    <row r="410641" spans="14:14">
      <c r="N410641" s="10"/>
    </row>
    <row r="410642" spans="14:14">
      <c r="N410642" s="10"/>
    </row>
    <row r="410643" spans="14:14">
      <c r="N410643" s="10"/>
    </row>
    <row r="410644" spans="14:14">
      <c r="N410644" s="10"/>
    </row>
    <row r="410645" spans="14:14">
      <c r="N410645" s="10"/>
    </row>
    <row r="410646" spans="14:14">
      <c r="N410646" s="10"/>
    </row>
    <row r="410647" spans="14:14">
      <c r="N410647" s="10"/>
    </row>
    <row r="410648" spans="14:14">
      <c r="N410648" s="10"/>
    </row>
    <row r="410649" spans="14:14">
      <c r="N410649" s="10"/>
    </row>
    <row r="410650" spans="14:14">
      <c r="N410650" s="10"/>
    </row>
    <row r="410651" spans="14:14">
      <c r="N410651" s="10"/>
    </row>
    <row r="410652" spans="14:14">
      <c r="N410652" s="10"/>
    </row>
    <row r="410653" spans="14:14">
      <c r="N410653" s="10"/>
    </row>
    <row r="410654" spans="14:14">
      <c r="N410654" s="10"/>
    </row>
    <row r="410655" spans="14:14">
      <c r="N410655" s="10"/>
    </row>
    <row r="410656" spans="14:14">
      <c r="N410656" s="10"/>
    </row>
    <row r="410657" spans="14:14">
      <c r="N410657" s="10"/>
    </row>
    <row r="410658" spans="14:14">
      <c r="N410658" s="10"/>
    </row>
    <row r="410659" spans="14:14">
      <c r="N410659" s="10"/>
    </row>
    <row r="410660" spans="14:14">
      <c r="N410660" s="10"/>
    </row>
    <row r="410661" spans="14:14">
      <c r="N410661" s="10"/>
    </row>
    <row r="410662" spans="14:14">
      <c r="N410662" s="10"/>
    </row>
    <row r="410663" spans="14:14">
      <c r="N410663" s="10"/>
    </row>
    <row r="410664" spans="14:14">
      <c r="N410664" s="10"/>
    </row>
    <row r="410665" spans="14:14">
      <c r="N410665" s="10"/>
    </row>
    <row r="410666" spans="14:14">
      <c r="N410666" s="10"/>
    </row>
    <row r="410667" spans="14:14">
      <c r="N410667" s="10"/>
    </row>
    <row r="410668" spans="14:14">
      <c r="N410668" s="10"/>
    </row>
    <row r="410669" spans="14:14">
      <c r="N410669" s="10"/>
    </row>
    <row r="410670" spans="14:14">
      <c r="N410670" s="10"/>
    </row>
    <row r="410671" spans="14:14">
      <c r="N410671" s="10"/>
    </row>
    <row r="410672" spans="14:14">
      <c r="N410672" s="10"/>
    </row>
    <row r="410673" spans="14:14">
      <c r="N410673" s="10"/>
    </row>
    <row r="410674" spans="14:14">
      <c r="N410674" s="10"/>
    </row>
    <row r="410675" spans="14:14">
      <c r="N410675" s="10"/>
    </row>
    <row r="410676" spans="14:14">
      <c r="N410676" s="10"/>
    </row>
    <row r="410677" spans="14:14">
      <c r="N410677" s="10"/>
    </row>
    <row r="410678" spans="14:14">
      <c r="N410678" s="10"/>
    </row>
    <row r="410679" spans="14:14">
      <c r="N410679" s="10"/>
    </row>
    <row r="410680" spans="14:14">
      <c r="N410680" s="10"/>
    </row>
    <row r="410681" spans="14:14">
      <c r="N410681" s="10"/>
    </row>
    <row r="410682" spans="14:14">
      <c r="N410682" s="10"/>
    </row>
    <row r="410683" spans="14:14">
      <c r="N410683" s="10"/>
    </row>
    <row r="410684" spans="14:14">
      <c r="N410684" s="10"/>
    </row>
    <row r="410685" spans="14:14">
      <c r="N410685" s="10"/>
    </row>
    <row r="410686" spans="14:14">
      <c r="N410686" s="10"/>
    </row>
    <row r="410687" spans="14:14">
      <c r="N410687" s="10"/>
    </row>
    <row r="410688" spans="14:14">
      <c r="N410688" s="10"/>
    </row>
    <row r="410689" spans="14:14">
      <c r="N410689" s="10"/>
    </row>
    <row r="410690" spans="14:14">
      <c r="N410690" s="10"/>
    </row>
    <row r="410691" spans="14:14">
      <c r="N410691" s="10"/>
    </row>
    <row r="410692" spans="14:14">
      <c r="N410692" s="10"/>
    </row>
    <row r="410693" spans="14:14">
      <c r="N410693" s="10"/>
    </row>
    <row r="410694" spans="14:14">
      <c r="N410694" s="10"/>
    </row>
    <row r="410695" spans="14:14">
      <c r="N410695" s="10"/>
    </row>
    <row r="410696" spans="14:14">
      <c r="N410696" s="10"/>
    </row>
    <row r="410697" spans="14:14">
      <c r="N410697" s="10"/>
    </row>
    <row r="410698" spans="14:14">
      <c r="N410698" s="10"/>
    </row>
    <row r="410699" spans="14:14">
      <c r="N410699" s="10"/>
    </row>
    <row r="410700" spans="14:14">
      <c r="N410700" s="10"/>
    </row>
    <row r="410701" spans="14:14">
      <c r="N410701" s="10"/>
    </row>
    <row r="410702" spans="14:14">
      <c r="N410702" s="10"/>
    </row>
    <row r="410703" spans="14:14">
      <c r="N410703" s="10"/>
    </row>
    <row r="410704" spans="14:14">
      <c r="N410704" s="10"/>
    </row>
    <row r="410705" spans="14:14">
      <c r="N410705" s="10"/>
    </row>
    <row r="410706" spans="14:14">
      <c r="N410706" s="10"/>
    </row>
    <row r="410707" spans="14:14">
      <c r="N410707" s="10"/>
    </row>
    <row r="410708" spans="14:14">
      <c r="N410708" s="10"/>
    </row>
    <row r="410709" spans="14:14">
      <c r="N410709" s="10"/>
    </row>
    <row r="410710" spans="14:14">
      <c r="N410710" s="10"/>
    </row>
    <row r="410711" spans="14:14">
      <c r="N410711" s="10"/>
    </row>
    <row r="410712" spans="14:14">
      <c r="N410712" s="10"/>
    </row>
    <row r="410713" spans="14:14">
      <c r="N410713" s="10"/>
    </row>
    <row r="410714" spans="14:14">
      <c r="N410714" s="10"/>
    </row>
    <row r="410715" spans="14:14">
      <c r="N410715" s="10"/>
    </row>
    <row r="410716" spans="14:14">
      <c r="N410716" s="10"/>
    </row>
    <row r="410717" spans="14:14">
      <c r="N410717" s="10"/>
    </row>
    <row r="410718" spans="14:14">
      <c r="N410718" s="10"/>
    </row>
    <row r="410719" spans="14:14">
      <c r="N410719" s="10"/>
    </row>
    <row r="410720" spans="14:14">
      <c r="N410720" s="10"/>
    </row>
    <row r="410721" spans="14:14">
      <c r="N410721" s="10"/>
    </row>
    <row r="410722" spans="14:14">
      <c r="N410722" s="10"/>
    </row>
    <row r="410723" spans="14:14">
      <c r="N410723" s="10"/>
    </row>
    <row r="410724" spans="14:14">
      <c r="N410724" s="10"/>
    </row>
    <row r="410725" spans="14:14">
      <c r="N410725" s="10"/>
    </row>
    <row r="410726" spans="14:14">
      <c r="N410726" s="10"/>
    </row>
    <row r="410727" spans="14:14">
      <c r="N410727" s="10"/>
    </row>
    <row r="410728" spans="14:14">
      <c r="N410728" s="10"/>
    </row>
    <row r="410729" spans="14:14">
      <c r="N410729" s="10"/>
    </row>
    <row r="410730" spans="14:14">
      <c r="N410730" s="10"/>
    </row>
    <row r="410731" spans="14:14">
      <c r="N410731" s="10"/>
    </row>
    <row r="410732" spans="14:14">
      <c r="N410732" s="10"/>
    </row>
    <row r="410733" spans="14:14">
      <c r="N410733" s="10"/>
    </row>
    <row r="410734" spans="14:14">
      <c r="N410734" s="10"/>
    </row>
    <row r="410735" spans="14:14">
      <c r="N410735" s="10"/>
    </row>
    <row r="410736" spans="14:14">
      <c r="N410736" s="10"/>
    </row>
    <row r="410737" spans="14:14">
      <c r="N410737" s="10"/>
    </row>
    <row r="410738" spans="14:14">
      <c r="N410738" s="10"/>
    </row>
    <row r="410739" spans="14:14">
      <c r="N410739" s="10"/>
    </row>
    <row r="410740" spans="14:14">
      <c r="N410740" s="10"/>
    </row>
    <row r="410741" spans="14:14">
      <c r="N410741" s="10"/>
    </row>
    <row r="410742" spans="14:14">
      <c r="N410742" s="10"/>
    </row>
    <row r="410743" spans="14:14">
      <c r="N410743" s="10"/>
    </row>
    <row r="410744" spans="14:14">
      <c r="N410744" s="10"/>
    </row>
    <row r="410745" spans="14:14">
      <c r="N410745" s="10"/>
    </row>
    <row r="410746" spans="14:14">
      <c r="N410746" s="10"/>
    </row>
    <row r="410747" spans="14:14">
      <c r="N410747" s="10"/>
    </row>
    <row r="410748" spans="14:14">
      <c r="N410748" s="10"/>
    </row>
    <row r="410749" spans="14:14">
      <c r="N410749" s="10"/>
    </row>
    <row r="410750" spans="14:14">
      <c r="N410750" s="10"/>
    </row>
    <row r="410751" spans="14:14">
      <c r="N410751" s="10"/>
    </row>
    <row r="410752" spans="14:14">
      <c r="N410752" s="10"/>
    </row>
    <row r="410753" spans="14:14">
      <c r="N410753" s="10"/>
    </row>
    <row r="410754" spans="14:14">
      <c r="N410754" s="10"/>
    </row>
    <row r="410755" spans="14:14">
      <c r="N410755" s="10"/>
    </row>
    <row r="410756" spans="14:14">
      <c r="N410756" s="10"/>
    </row>
    <row r="410757" spans="14:14">
      <c r="N410757" s="10"/>
    </row>
    <row r="410758" spans="14:14">
      <c r="N410758" s="10"/>
    </row>
    <row r="410759" spans="14:14">
      <c r="N410759" s="10"/>
    </row>
    <row r="410760" spans="14:14">
      <c r="N410760" s="10"/>
    </row>
    <row r="410761" spans="14:14">
      <c r="N410761" s="10"/>
    </row>
    <row r="410762" spans="14:14">
      <c r="N410762" s="10"/>
    </row>
    <row r="410763" spans="14:14">
      <c r="N410763" s="10"/>
    </row>
    <row r="410764" spans="14:14">
      <c r="N410764" s="10"/>
    </row>
    <row r="410765" spans="14:14">
      <c r="N410765" s="10"/>
    </row>
    <row r="410766" spans="14:14">
      <c r="N410766" s="10"/>
    </row>
    <row r="410767" spans="14:14">
      <c r="N410767" s="10"/>
    </row>
    <row r="410768" spans="14:14">
      <c r="N410768" s="10"/>
    </row>
    <row r="410769" spans="14:14">
      <c r="N410769" s="10"/>
    </row>
    <row r="410770" spans="14:14">
      <c r="N410770" s="10"/>
    </row>
    <row r="410771" spans="14:14">
      <c r="N410771" s="10"/>
    </row>
    <row r="410772" spans="14:14">
      <c r="N410772" s="10"/>
    </row>
    <row r="410773" spans="14:14">
      <c r="N410773" s="10"/>
    </row>
    <row r="410774" spans="14:14">
      <c r="N410774" s="10"/>
    </row>
    <row r="410775" spans="14:14">
      <c r="N410775" s="10"/>
    </row>
    <row r="410776" spans="14:14">
      <c r="N410776" s="10"/>
    </row>
    <row r="410777" spans="14:14">
      <c r="N410777" s="10"/>
    </row>
    <row r="410778" spans="14:14">
      <c r="N410778" s="10"/>
    </row>
    <row r="410779" spans="14:14">
      <c r="N410779" s="10"/>
    </row>
    <row r="410780" spans="14:14">
      <c r="N410780" s="10"/>
    </row>
    <row r="410781" spans="14:14">
      <c r="N410781" s="10"/>
    </row>
    <row r="410782" spans="14:14">
      <c r="N410782" s="10"/>
    </row>
    <row r="410783" spans="14:14">
      <c r="N410783" s="10"/>
    </row>
    <row r="410784" spans="14:14">
      <c r="N410784" s="10"/>
    </row>
    <row r="410785" spans="14:14">
      <c r="N410785" s="10"/>
    </row>
    <row r="410786" spans="14:14">
      <c r="N410786" s="10"/>
    </row>
    <row r="410787" spans="14:14">
      <c r="N410787" s="10"/>
    </row>
    <row r="410788" spans="14:14">
      <c r="N410788" s="10"/>
    </row>
    <row r="410789" spans="14:14">
      <c r="N410789" s="10"/>
    </row>
    <row r="410790" spans="14:14">
      <c r="N410790" s="10"/>
    </row>
    <row r="410791" spans="14:14">
      <c r="N410791" s="10"/>
    </row>
    <row r="410792" spans="14:14">
      <c r="N410792" s="10"/>
    </row>
    <row r="410793" spans="14:14">
      <c r="N410793" s="10"/>
    </row>
    <row r="410794" spans="14:14">
      <c r="N410794" s="10"/>
    </row>
    <row r="410795" spans="14:14">
      <c r="N410795" s="10"/>
    </row>
    <row r="410796" spans="14:14">
      <c r="N410796" s="10"/>
    </row>
    <row r="410797" spans="14:14">
      <c r="N410797" s="10"/>
    </row>
    <row r="410798" spans="14:14">
      <c r="N410798" s="10"/>
    </row>
    <row r="410799" spans="14:14">
      <c r="N410799" s="10"/>
    </row>
    <row r="410800" spans="14:14">
      <c r="N410800" s="10"/>
    </row>
    <row r="410801" spans="14:14">
      <c r="N410801" s="10"/>
    </row>
    <row r="410802" spans="14:14">
      <c r="N410802" s="10"/>
    </row>
    <row r="410803" spans="14:14">
      <c r="N410803" s="10"/>
    </row>
    <row r="410804" spans="14:14">
      <c r="N410804" s="10"/>
    </row>
    <row r="410805" spans="14:14">
      <c r="N410805" s="10"/>
    </row>
    <row r="410806" spans="14:14">
      <c r="N410806" s="10"/>
    </row>
    <row r="410807" spans="14:14">
      <c r="N410807" s="10"/>
    </row>
    <row r="410808" spans="14:14">
      <c r="N410808" s="10"/>
    </row>
    <row r="410809" spans="14:14">
      <c r="N410809" s="10"/>
    </row>
    <row r="410810" spans="14:14">
      <c r="N410810" s="10"/>
    </row>
    <row r="410811" spans="14:14">
      <c r="N410811" s="10"/>
    </row>
    <row r="410812" spans="14:14">
      <c r="N410812" s="10"/>
    </row>
    <row r="410813" spans="14:14">
      <c r="N410813" s="10"/>
    </row>
    <row r="410814" spans="14:14">
      <c r="N410814" s="10"/>
    </row>
    <row r="410815" spans="14:14">
      <c r="N410815" s="10"/>
    </row>
    <row r="410816" spans="14:14">
      <c r="N410816" s="10"/>
    </row>
    <row r="410817" spans="14:14">
      <c r="N410817" s="10"/>
    </row>
    <row r="410818" spans="14:14">
      <c r="N410818" s="10"/>
    </row>
    <row r="410819" spans="14:14">
      <c r="N410819" s="10"/>
    </row>
    <row r="410820" spans="14:14">
      <c r="N410820" s="10"/>
    </row>
    <row r="410821" spans="14:14">
      <c r="N410821" s="10"/>
    </row>
    <row r="410822" spans="14:14">
      <c r="N410822" s="10"/>
    </row>
    <row r="410823" spans="14:14">
      <c r="N410823" s="10"/>
    </row>
    <row r="410824" spans="14:14">
      <c r="N410824" s="10"/>
    </row>
    <row r="410825" spans="14:14">
      <c r="N410825" s="10"/>
    </row>
    <row r="410826" spans="14:14">
      <c r="N410826" s="10"/>
    </row>
    <row r="410827" spans="14:14">
      <c r="N410827" s="10"/>
    </row>
    <row r="410828" spans="14:14">
      <c r="N410828" s="10"/>
    </row>
    <row r="410829" spans="14:14">
      <c r="N410829" s="10"/>
    </row>
    <row r="410830" spans="14:14">
      <c r="N410830" s="10"/>
    </row>
    <row r="410831" spans="14:14">
      <c r="N410831" s="10"/>
    </row>
    <row r="410832" spans="14:14">
      <c r="N410832" s="10"/>
    </row>
    <row r="410833" spans="14:14">
      <c r="N410833" s="10"/>
    </row>
    <row r="410834" spans="14:14">
      <c r="N410834" s="10"/>
    </row>
    <row r="410835" spans="14:14">
      <c r="N410835" s="10"/>
    </row>
    <row r="410836" spans="14:14">
      <c r="N410836" s="10"/>
    </row>
    <row r="410837" spans="14:14">
      <c r="N410837" s="10"/>
    </row>
    <row r="410838" spans="14:14">
      <c r="N410838" s="10"/>
    </row>
    <row r="410839" spans="14:14">
      <c r="N410839" s="10"/>
    </row>
    <row r="410840" spans="14:14">
      <c r="N410840" s="10"/>
    </row>
    <row r="410841" spans="14:14">
      <c r="N410841" s="10"/>
    </row>
    <row r="410842" spans="14:14">
      <c r="N410842" s="10"/>
    </row>
    <row r="410843" spans="14:14">
      <c r="N410843" s="10"/>
    </row>
    <row r="410844" spans="14:14">
      <c r="N410844" s="10"/>
    </row>
    <row r="410845" spans="14:14">
      <c r="N410845" s="10"/>
    </row>
    <row r="410846" spans="14:14">
      <c r="N410846" s="10"/>
    </row>
    <row r="410847" spans="14:14">
      <c r="N410847" s="10"/>
    </row>
    <row r="410848" spans="14:14">
      <c r="N410848" s="10"/>
    </row>
    <row r="410849" spans="14:14">
      <c r="N410849" s="10"/>
    </row>
    <row r="410850" spans="14:14">
      <c r="N410850" s="10"/>
    </row>
    <row r="410851" spans="14:14">
      <c r="N410851" s="10"/>
    </row>
    <row r="410852" spans="14:14">
      <c r="N410852" s="10"/>
    </row>
    <row r="410853" spans="14:14">
      <c r="N410853" s="10"/>
    </row>
    <row r="410854" spans="14:14">
      <c r="N410854" s="10"/>
    </row>
    <row r="410855" spans="14:14">
      <c r="N410855" s="10"/>
    </row>
    <row r="410856" spans="14:14">
      <c r="N410856" s="10"/>
    </row>
    <row r="410857" spans="14:14">
      <c r="N410857" s="10"/>
    </row>
    <row r="410858" spans="14:14">
      <c r="N410858" s="10"/>
    </row>
    <row r="410859" spans="14:14">
      <c r="N410859" s="10"/>
    </row>
    <row r="410860" spans="14:14">
      <c r="N410860" s="10"/>
    </row>
    <row r="410861" spans="14:14">
      <c r="N410861" s="10"/>
    </row>
    <row r="410862" spans="14:14">
      <c r="N410862" s="10"/>
    </row>
    <row r="410863" spans="14:14">
      <c r="N410863" s="10"/>
    </row>
    <row r="410864" spans="14:14">
      <c r="N410864" s="10"/>
    </row>
    <row r="410865" spans="14:14">
      <c r="N410865" s="10"/>
    </row>
    <row r="410866" spans="14:14">
      <c r="N410866" s="10"/>
    </row>
    <row r="410867" spans="14:14">
      <c r="N410867" s="10"/>
    </row>
    <row r="410868" spans="14:14">
      <c r="N410868" s="10"/>
    </row>
    <row r="410869" spans="14:14">
      <c r="N410869" s="10"/>
    </row>
    <row r="410870" spans="14:14">
      <c r="N410870" s="10"/>
    </row>
    <row r="410871" spans="14:14">
      <c r="N410871" s="10"/>
    </row>
    <row r="410872" spans="14:14">
      <c r="N410872" s="10"/>
    </row>
    <row r="410873" spans="14:14">
      <c r="N410873" s="10"/>
    </row>
    <row r="410874" spans="14:14">
      <c r="N410874" s="10"/>
    </row>
    <row r="410875" spans="14:14">
      <c r="N410875" s="10"/>
    </row>
    <row r="410876" spans="14:14">
      <c r="N410876" s="10"/>
    </row>
    <row r="410877" spans="14:14">
      <c r="N410877" s="10"/>
    </row>
    <row r="410878" spans="14:14">
      <c r="N410878" s="10"/>
    </row>
    <row r="410879" spans="14:14">
      <c r="N410879" s="10"/>
    </row>
    <row r="410880" spans="14:14">
      <c r="N410880" s="10"/>
    </row>
    <row r="410881" spans="14:14">
      <c r="N410881" s="10"/>
    </row>
    <row r="410882" spans="14:14">
      <c r="N410882" s="10"/>
    </row>
    <row r="410883" spans="14:14">
      <c r="N410883" s="10"/>
    </row>
    <row r="410884" spans="14:14">
      <c r="N410884" s="10"/>
    </row>
    <row r="410885" spans="14:14">
      <c r="N410885" s="10"/>
    </row>
    <row r="410886" spans="14:14">
      <c r="N410886" s="10"/>
    </row>
    <row r="410887" spans="14:14">
      <c r="N410887" s="10"/>
    </row>
    <row r="410888" spans="14:14">
      <c r="N410888" s="10"/>
    </row>
    <row r="410889" spans="14:14">
      <c r="N410889" s="10"/>
    </row>
    <row r="410890" spans="14:14">
      <c r="N410890" s="10"/>
    </row>
    <row r="410891" spans="14:14">
      <c r="N410891" s="10"/>
    </row>
    <row r="410892" spans="14:14">
      <c r="N410892" s="10"/>
    </row>
    <row r="410893" spans="14:14">
      <c r="N410893" s="10"/>
    </row>
    <row r="410894" spans="14:14">
      <c r="N410894" s="10"/>
    </row>
    <row r="410895" spans="14:14">
      <c r="N410895" s="10"/>
    </row>
    <row r="410896" spans="14:14">
      <c r="N410896" s="10"/>
    </row>
    <row r="410897" spans="14:14">
      <c r="N410897" s="10"/>
    </row>
    <row r="410898" spans="14:14">
      <c r="N410898" s="10"/>
    </row>
    <row r="410899" spans="14:14">
      <c r="N410899" s="10"/>
    </row>
    <row r="410900" spans="14:14">
      <c r="N410900" s="10"/>
    </row>
    <row r="410901" spans="14:14">
      <c r="N410901" s="10"/>
    </row>
    <row r="410902" spans="14:14">
      <c r="N410902" s="10"/>
    </row>
    <row r="410903" spans="14:14">
      <c r="N410903" s="10"/>
    </row>
    <row r="410904" spans="14:14">
      <c r="N410904" s="10"/>
    </row>
    <row r="410905" spans="14:14">
      <c r="N410905" s="10"/>
    </row>
    <row r="410906" spans="14:14">
      <c r="N410906" s="10"/>
    </row>
    <row r="410907" spans="14:14">
      <c r="N410907" s="10"/>
    </row>
    <row r="410908" spans="14:14">
      <c r="N410908" s="10"/>
    </row>
    <row r="410909" spans="14:14">
      <c r="N410909" s="10"/>
    </row>
    <row r="410910" spans="14:14">
      <c r="N410910" s="10"/>
    </row>
    <row r="410911" spans="14:14">
      <c r="N410911" s="10"/>
    </row>
    <row r="410912" spans="14:14">
      <c r="N410912" s="10"/>
    </row>
    <row r="410913" spans="14:14">
      <c r="N410913" s="10"/>
    </row>
    <row r="410914" spans="14:14">
      <c r="N410914" s="10"/>
    </row>
    <row r="410915" spans="14:14">
      <c r="N410915" s="10"/>
    </row>
    <row r="410916" spans="14:14">
      <c r="N410916" s="10"/>
    </row>
    <row r="410917" spans="14:14">
      <c r="N410917" s="10"/>
    </row>
    <row r="410918" spans="14:14">
      <c r="N410918" s="10"/>
    </row>
    <row r="410919" spans="14:14">
      <c r="N410919" s="10"/>
    </row>
    <row r="410920" spans="14:14">
      <c r="N410920" s="10"/>
    </row>
    <row r="410921" spans="14:14">
      <c r="N410921" s="10"/>
    </row>
    <row r="410922" spans="14:14">
      <c r="N410922" s="10"/>
    </row>
    <row r="410923" spans="14:14">
      <c r="N410923" s="10"/>
    </row>
    <row r="410924" spans="14:14">
      <c r="N410924" s="10"/>
    </row>
    <row r="410925" spans="14:14">
      <c r="N410925" s="10"/>
    </row>
    <row r="410926" spans="14:14">
      <c r="N410926" s="10"/>
    </row>
    <row r="410927" spans="14:14">
      <c r="N410927" s="10"/>
    </row>
    <row r="410928" spans="14:14">
      <c r="N410928" s="10"/>
    </row>
    <row r="410929" spans="14:14">
      <c r="N410929" s="10"/>
    </row>
    <row r="410930" spans="14:14">
      <c r="N410930" s="10"/>
    </row>
    <row r="410931" spans="14:14">
      <c r="N410931" s="10"/>
    </row>
    <row r="410932" spans="14:14">
      <c r="N410932" s="10"/>
    </row>
    <row r="410933" spans="14:14">
      <c r="N410933" s="10"/>
    </row>
    <row r="410934" spans="14:14">
      <c r="N410934" s="10"/>
    </row>
    <row r="410935" spans="14:14">
      <c r="N410935" s="10"/>
    </row>
    <row r="410936" spans="14:14">
      <c r="N410936" s="10"/>
    </row>
    <row r="410937" spans="14:14">
      <c r="N410937" s="10"/>
    </row>
    <row r="410938" spans="14:14">
      <c r="N410938" s="10"/>
    </row>
    <row r="410939" spans="14:14">
      <c r="N410939" s="10"/>
    </row>
    <row r="410940" spans="14:14">
      <c r="N410940" s="10"/>
    </row>
    <row r="410941" spans="14:14">
      <c r="N410941" s="10"/>
    </row>
    <row r="410942" spans="14:14">
      <c r="N410942" s="10"/>
    </row>
    <row r="410943" spans="14:14">
      <c r="N410943" s="10"/>
    </row>
    <row r="410944" spans="14:14">
      <c r="N410944" s="10"/>
    </row>
    <row r="410945" spans="14:14">
      <c r="N410945" s="10"/>
    </row>
    <row r="410946" spans="14:14">
      <c r="N410946" s="10"/>
    </row>
    <row r="410947" spans="14:14">
      <c r="N410947" s="10"/>
    </row>
    <row r="410948" spans="14:14">
      <c r="N410948" s="10"/>
    </row>
    <row r="410949" spans="14:14">
      <c r="N410949" s="10"/>
    </row>
    <row r="410950" spans="14:14">
      <c r="N410950" s="10"/>
    </row>
    <row r="410951" spans="14:14">
      <c r="N410951" s="10"/>
    </row>
    <row r="410952" spans="14:14">
      <c r="N410952" s="10"/>
    </row>
    <row r="410953" spans="14:14">
      <c r="N410953" s="10"/>
    </row>
    <row r="410954" spans="14:14">
      <c r="N410954" s="10"/>
    </row>
    <row r="410955" spans="14:14">
      <c r="N410955" s="10"/>
    </row>
    <row r="410956" spans="14:14">
      <c r="N410956" s="10"/>
    </row>
    <row r="410957" spans="14:14">
      <c r="N410957" s="10"/>
    </row>
    <row r="410958" spans="14:14">
      <c r="N410958" s="10"/>
    </row>
    <row r="410959" spans="14:14">
      <c r="N410959" s="10"/>
    </row>
    <row r="410960" spans="14:14">
      <c r="N410960" s="10"/>
    </row>
    <row r="410961" spans="14:14">
      <c r="N410961" s="10"/>
    </row>
    <row r="410962" spans="14:14">
      <c r="N410962" s="10"/>
    </row>
    <row r="410963" spans="14:14">
      <c r="N410963" s="10"/>
    </row>
    <row r="410964" spans="14:14">
      <c r="N410964" s="10"/>
    </row>
    <row r="410965" spans="14:14">
      <c r="N410965" s="10"/>
    </row>
    <row r="410966" spans="14:14">
      <c r="N410966" s="10"/>
    </row>
    <row r="410967" spans="14:14">
      <c r="N410967" s="10"/>
    </row>
    <row r="410968" spans="14:14">
      <c r="N410968" s="10"/>
    </row>
    <row r="410969" spans="14:14">
      <c r="N410969" s="10"/>
    </row>
    <row r="410970" spans="14:14">
      <c r="N410970" s="10"/>
    </row>
    <row r="410971" spans="14:14">
      <c r="N410971" s="10"/>
    </row>
    <row r="410972" spans="14:14">
      <c r="N410972" s="10"/>
    </row>
    <row r="410973" spans="14:14">
      <c r="N410973" s="10"/>
    </row>
    <row r="410974" spans="14:14">
      <c r="N410974" s="10"/>
    </row>
    <row r="410975" spans="14:14">
      <c r="N410975" s="10"/>
    </row>
    <row r="410976" spans="14:14">
      <c r="N410976" s="10"/>
    </row>
    <row r="410977" spans="14:14">
      <c r="N410977" s="10"/>
    </row>
    <row r="410978" spans="14:14">
      <c r="N410978" s="10"/>
    </row>
    <row r="410979" spans="14:14">
      <c r="N410979" s="10"/>
    </row>
    <row r="410980" spans="14:14">
      <c r="N410980" s="10"/>
    </row>
    <row r="410981" spans="14:14">
      <c r="N410981" s="10"/>
    </row>
    <row r="410982" spans="14:14">
      <c r="N410982" s="10"/>
    </row>
    <row r="410983" spans="14:14">
      <c r="N410983" s="10"/>
    </row>
    <row r="410984" spans="14:14">
      <c r="N410984" s="10"/>
    </row>
    <row r="410985" spans="14:14">
      <c r="N410985" s="10"/>
    </row>
    <row r="410986" spans="14:14">
      <c r="N410986" s="10"/>
    </row>
    <row r="410987" spans="14:14">
      <c r="N410987" s="10"/>
    </row>
    <row r="410988" spans="14:14">
      <c r="N410988" s="10"/>
    </row>
    <row r="410989" spans="14:14">
      <c r="N410989" s="10"/>
    </row>
    <row r="410990" spans="14:14">
      <c r="N410990" s="10"/>
    </row>
    <row r="410991" spans="14:14">
      <c r="N410991" s="10"/>
    </row>
    <row r="410992" spans="14:14">
      <c r="N410992" s="10"/>
    </row>
    <row r="410993" spans="14:14">
      <c r="N410993" s="10"/>
    </row>
    <row r="410994" spans="14:14">
      <c r="N410994" s="10"/>
    </row>
    <row r="410995" spans="14:14">
      <c r="N410995" s="10"/>
    </row>
    <row r="410996" spans="14:14">
      <c r="N410996" s="10"/>
    </row>
    <row r="410997" spans="14:14">
      <c r="N410997" s="10"/>
    </row>
    <row r="410998" spans="14:14">
      <c r="N410998" s="10"/>
    </row>
    <row r="410999" spans="14:14">
      <c r="N410999" s="10"/>
    </row>
    <row r="411000" spans="14:14">
      <c r="N411000" s="10"/>
    </row>
    <row r="411001" spans="14:14">
      <c r="N411001" s="10"/>
    </row>
    <row r="411002" spans="14:14">
      <c r="N411002" s="10"/>
    </row>
    <row r="411003" spans="14:14">
      <c r="N411003" s="10"/>
    </row>
    <row r="411004" spans="14:14">
      <c r="N411004" s="10"/>
    </row>
    <row r="411005" spans="14:14">
      <c r="N411005" s="10"/>
    </row>
    <row r="411006" spans="14:14">
      <c r="N411006" s="10"/>
    </row>
    <row r="411007" spans="14:14">
      <c r="N411007" s="10"/>
    </row>
    <row r="411008" spans="14:14">
      <c r="N411008" s="10"/>
    </row>
    <row r="411009" spans="14:14">
      <c r="N411009" s="10"/>
    </row>
    <row r="411010" spans="14:14">
      <c r="N411010" s="10"/>
    </row>
    <row r="411011" spans="14:14">
      <c r="N411011" s="10"/>
    </row>
    <row r="411012" spans="14:14">
      <c r="N411012" s="10"/>
    </row>
    <row r="411013" spans="14:14">
      <c r="N411013" s="10"/>
    </row>
    <row r="411014" spans="14:14">
      <c r="N411014" s="10"/>
    </row>
    <row r="411015" spans="14:14">
      <c r="N411015" s="10"/>
    </row>
    <row r="411016" spans="14:14">
      <c r="N411016" s="10"/>
    </row>
    <row r="411017" spans="14:14">
      <c r="N411017" s="10"/>
    </row>
    <row r="411018" spans="14:14">
      <c r="N411018" s="10"/>
    </row>
    <row r="411019" spans="14:14">
      <c r="N411019" s="10"/>
    </row>
    <row r="411020" spans="14:14">
      <c r="N411020" s="10"/>
    </row>
    <row r="411021" spans="14:14">
      <c r="N411021" s="10"/>
    </row>
    <row r="411022" spans="14:14">
      <c r="N411022" s="10"/>
    </row>
    <row r="411023" spans="14:14">
      <c r="N411023" s="10"/>
    </row>
    <row r="411024" spans="14:14">
      <c r="N411024" s="10"/>
    </row>
    <row r="411025" spans="14:14">
      <c r="N411025" s="10"/>
    </row>
    <row r="411026" spans="14:14">
      <c r="N411026" s="10"/>
    </row>
    <row r="411027" spans="14:14">
      <c r="N411027" s="10"/>
    </row>
    <row r="411028" spans="14:14">
      <c r="N411028" s="10"/>
    </row>
    <row r="411029" spans="14:14">
      <c r="N411029" s="10"/>
    </row>
    <row r="411030" spans="14:14">
      <c r="N411030" s="10"/>
    </row>
    <row r="411031" spans="14:14">
      <c r="N411031" s="10"/>
    </row>
    <row r="411032" spans="14:14">
      <c r="N411032" s="10"/>
    </row>
    <row r="411033" spans="14:14">
      <c r="N411033" s="10"/>
    </row>
    <row r="411034" spans="14:14">
      <c r="N411034" s="10"/>
    </row>
    <row r="411035" spans="14:14">
      <c r="N411035" s="10"/>
    </row>
    <row r="411036" spans="14:14">
      <c r="N411036" s="10"/>
    </row>
    <row r="411037" spans="14:14">
      <c r="N411037" s="10"/>
    </row>
    <row r="411038" spans="14:14">
      <c r="N411038" s="10"/>
    </row>
    <row r="411039" spans="14:14">
      <c r="N411039" s="10"/>
    </row>
    <row r="411040" spans="14:14">
      <c r="N411040" s="10"/>
    </row>
    <row r="411041" spans="14:14">
      <c r="N411041" s="10"/>
    </row>
    <row r="411042" spans="14:14">
      <c r="N411042" s="10"/>
    </row>
    <row r="411043" spans="14:14">
      <c r="N411043" s="10"/>
    </row>
    <row r="411044" spans="14:14">
      <c r="N411044" s="10"/>
    </row>
    <row r="411045" spans="14:14">
      <c r="N411045" s="10"/>
    </row>
    <row r="411046" spans="14:14">
      <c r="N411046" s="10"/>
    </row>
    <row r="411047" spans="14:14">
      <c r="N411047" s="10"/>
    </row>
    <row r="411048" spans="14:14">
      <c r="N411048" s="10"/>
    </row>
    <row r="411049" spans="14:14">
      <c r="N411049" s="10"/>
    </row>
    <row r="411050" spans="14:14">
      <c r="N411050" s="10"/>
    </row>
    <row r="411051" spans="14:14">
      <c r="N411051" s="10"/>
    </row>
    <row r="411052" spans="14:14">
      <c r="N411052" s="10"/>
    </row>
    <row r="411053" spans="14:14">
      <c r="N411053" s="10"/>
    </row>
    <row r="411054" spans="14:14">
      <c r="N411054" s="10"/>
    </row>
    <row r="411055" spans="14:14">
      <c r="N411055" s="10"/>
    </row>
    <row r="411056" spans="14:14">
      <c r="N411056" s="10"/>
    </row>
    <row r="411057" spans="14:14">
      <c r="N411057" s="10"/>
    </row>
    <row r="411058" spans="14:14">
      <c r="N411058" s="10"/>
    </row>
    <row r="411059" spans="14:14">
      <c r="N411059" s="10"/>
    </row>
    <row r="411060" spans="14:14">
      <c r="N411060" s="10"/>
    </row>
    <row r="411061" spans="14:14">
      <c r="N411061" s="10"/>
    </row>
    <row r="411062" spans="14:14">
      <c r="N411062" s="10"/>
    </row>
    <row r="411063" spans="14:14">
      <c r="N411063" s="10"/>
    </row>
    <row r="411064" spans="14:14">
      <c r="N411064" s="10"/>
    </row>
    <row r="411065" spans="14:14">
      <c r="N411065" s="10"/>
    </row>
    <row r="411066" spans="14:14">
      <c r="N411066" s="10"/>
    </row>
    <row r="411067" spans="14:14">
      <c r="N411067" s="10"/>
    </row>
    <row r="411068" spans="14:14">
      <c r="N411068" s="10"/>
    </row>
    <row r="411069" spans="14:14">
      <c r="N411069" s="10"/>
    </row>
    <row r="411070" spans="14:14">
      <c r="N411070" s="10"/>
    </row>
    <row r="411071" spans="14:14">
      <c r="N411071" s="10"/>
    </row>
    <row r="411072" spans="14:14">
      <c r="N411072" s="10"/>
    </row>
    <row r="411073" spans="14:14">
      <c r="N411073" s="10"/>
    </row>
    <row r="411074" spans="14:14">
      <c r="N411074" s="10"/>
    </row>
    <row r="411075" spans="14:14">
      <c r="N411075" s="10"/>
    </row>
    <row r="411076" spans="14:14">
      <c r="N411076" s="10"/>
    </row>
    <row r="411077" spans="14:14">
      <c r="N411077" s="10"/>
    </row>
    <row r="411078" spans="14:14">
      <c r="N411078" s="10"/>
    </row>
    <row r="411079" spans="14:14">
      <c r="N411079" s="10"/>
    </row>
    <row r="411080" spans="14:14">
      <c r="N411080" s="10"/>
    </row>
    <row r="411081" spans="14:14">
      <c r="N411081" s="10"/>
    </row>
    <row r="411082" spans="14:14">
      <c r="N411082" s="10"/>
    </row>
    <row r="411083" spans="14:14">
      <c r="N411083" s="10"/>
    </row>
    <row r="411084" spans="14:14">
      <c r="N411084" s="10"/>
    </row>
    <row r="411085" spans="14:14">
      <c r="N411085" s="10"/>
    </row>
    <row r="411086" spans="14:14">
      <c r="N411086" s="10"/>
    </row>
    <row r="411087" spans="14:14">
      <c r="N411087" s="10"/>
    </row>
    <row r="411088" spans="14:14">
      <c r="N411088" s="10"/>
    </row>
    <row r="411089" spans="14:14">
      <c r="N411089" s="10"/>
    </row>
    <row r="411090" spans="14:14">
      <c r="N411090" s="10"/>
    </row>
    <row r="411091" spans="14:14">
      <c r="N411091" s="10"/>
    </row>
    <row r="411092" spans="14:14">
      <c r="N411092" s="10"/>
    </row>
    <row r="411093" spans="14:14">
      <c r="N411093" s="10"/>
    </row>
    <row r="411094" spans="14:14">
      <c r="N411094" s="10"/>
    </row>
    <row r="411095" spans="14:14">
      <c r="N411095" s="10"/>
    </row>
    <row r="411096" spans="14:14">
      <c r="N411096" s="10"/>
    </row>
    <row r="411097" spans="14:14">
      <c r="N411097" s="10"/>
    </row>
    <row r="411098" spans="14:14">
      <c r="N411098" s="10"/>
    </row>
    <row r="411099" spans="14:14">
      <c r="N411099" s="10"/>
    </row>
    <row r="411100" spans="14:14">
      <c r="N411100" s="10"/>
    </row>
    <row r="411101" spans="14:14">
      <c r="N411101" s="10"/>
    </row>
    <row r="411102" spans="14:14">
      <c r="N411102" s="10"/>
    </row>
    <row r="411103" spans="14:14">
      <c r="N411103" s="10"/>
    </row>
    <row r="411104" spans="14:14">
      <c r="N411104" s="10"/>
    </row>
    <row r="411105" spans="14:14">
      <c r="N411105" s="10"/>
    </row>
    <row r="411106" spans="14:14">
      <c r="N411106" s="10"/>
    </row>
    <row r="411107" spans="14:14">
      <c r="N411107" s="10"/>
    </row>
    <row r="411108" spans="14:14">
      <c r="N411108" s="10"/>
    </row>
    <row r="411109" spans="14:14">
      <c r="N411109" s="10"/>
    </row>
    <row r="411110" spans="14:14">
      <c r="N411110" s="10"/>
    </row>
    <row r="411111" spans="14:14">
      <c r="N411111" s="10"/>
    </row>
    <row r="411112" spans="14:14">
      <c r="N411112" s="10"/>
    </row>
    <row r="411113" spans="14:14">
      <c r="N411113" s="10"/>
    </row>
    <row r="411114" spans="14:14">
      <c r="N411114" s="10"/>
    </row>
    <row r="411115" spans="14:14">
      <c r="N411115" s="10"/>
    </row>
    <row r="411116" spans="14:14">
      <c r="N411116" s="10"/>
    </row>
    <row r="411117" spans="14:14">
      <c r="N411117" s="10"/>
    </row>
    <row r="411118" spans="14:14">
      <c r="N411118" s="10"/>
    </row>
    <row r="411119" spans="14:14">
      <c r="N411119" s="10"/>
    </row>
    <row r="411120" spans="14:14">
      <c r="N411120" s="10"/>
    </row>
    <row r="411121" spans="14:14">
      <c r="N411121" s="10"/>
    </row>
    <row r="411122" spans="14:14">
      <c r="N411122" s="10"/>
    </row>
    <row r="411123" spans="14:14">
      <c r="N411123" s="10"/>
    </row>
    <row r="411124" spans="14:14">
      <c r="N411124" s="10"/>
    </row>
    <row r="411125" spans="14:14">
      <c r="N411125" s="10"/>
    </row>
    <row r="411126" spans="14:14">
      <c r="N411126" s="10"/>
    </row>
    <row r="411127" spans="14:14">
      <c r="N411127" s="10"/>
    </row>
    <row r="411128" spans="14:14">
      <c r="N411128" s="10"/>
    </row>
    <row r="411129" spans="14:14">
      <c r="N411129" s="10"/>
    </row>
    <row r="411130" spans="14:14">
      <c r="N411130" s="10"/>
    </row>
    <row r="411131" spans="14:14">
      <c r="N411131" s="10"/>
    </row>
    <row r="411132" spans="14:14">
      <c r="N411132" s="10"/>
    </row>
    <row r="411133" spans="14:14">
      <c r="N411133" s="10"/>
    </row>
    <row r="411134" spans="14:14">
      <c r="N411134" s="10"/>
    </row>
    <row r="411135" spans="14:14">
      <c r="N411135" s="10"/>
    </row>
    <row r="411136" spans="14:14">
      <c r="N411136" s="10"/>
    </row>
    <row r="411137" spans="14:14">
      <c r="N411137" s="10"/>
    </row>
    <row r="411138" spans="14:14">
      <c r="N411138" s="10"/>
    </row>
    <row r="411139" spans="14:14">
      <c r="N411139" s="10"/>
    </row>
    <row r="411140" spans="14:14">
      <c r="N411140" s="10"/>
    </row>
    <row r="411141" spans="14:14">
      <c r="N411141" s="10"/>
    </row>
    <row r="411142" spans="14:14">
      <c r="N411142" s="10"/>
    </row>
    <row r="411143" spans="14:14">
      <c r="N411143" s="10"/>
    </row>
    <row r="411144" spans="14:14">
      <c r="N411144" s="10"/>
    </row>
    <row r="411145" spans="14:14">
      <c r="N411145" s="10"/>
    </row>
    <row r="411146" spans="14:14">
      <c r="N411146" s="10"/>
    </row>
    <row r="411147" spans="14:14">
      <c r="N411147" s="10"/>
    </row>
    <row r="411148" spans="14:14">
      <c r="N411148" s="10"/>
    </row>
    <row r="411149" spans="14:14">
      <c r="N411149" s="10"/>
    </row>
    <row r="411150" spans="14:14">
      <c r="N411150" s="10"/>
    </row>
    <row r="411151" spans="14:14">
      <c r="N411151" s="10"/>
    </row>
    <row r="411152" spans="14:14">
      <c r="N411152" s="10"/>
    </row>
    <row r="411153" spans="14:14">
      <c r="N411153" s="10"/>
    </row>
    <row r="411154" spans="14:14">
      <c r="N411154" s="10"/>
    </row>
    <row r="411155" spans="14:14">
      <c r="N411155" s="10"/>
    </row>
    <row r="411156" spans="14:14">
      <c r="N411156" s="10"/>
    </row>
    <row r="411157" spans="14:14">
      <c r="N411157" s="10"/>
    </row>
    <row r="411158" spans="14:14">
      <c r="N411158" s="10"/>
    </row>
    <row r="411159" spans="14:14">
      <c r="N411159" s="10"/>
    </row>
    <row r="411160" spans="14:14">
      <c r="N411160" s="10"/>
    </row>
    <row r="411161" spans="14:14">
      <c r="N411161" s="10"/>
    </row>
    <row r="411162" spans="14:14">
      <c r="N411162" s="10"/>
    </row>
    <row r="411163" spans="14:14">
      <c r="N411163" s="10"/>
    </row>
    <row r="411164" spans="14:14">
      <c r="N411164" s="10"/>
    </row>
    <row r="411165" spans="14:14">
      <c r="N411165" s="10"/>
    </row>
    <row r="411166" spans="14:14">
      <c r="N411166" s="10"/>
    </row>
    <row r="411167" spans="14:14">
      <c r="N411167" s="10"/>
    </row>
    <row r="411168" spans="14:14">
      <c r="N411168" s="10"/>
    </row>
    <row r="411169" spans="14:14">
      <c r="N411169" s="10"/>
    </row>
    <row r="411170" spans="14:14">
      <c r="N411170" s="10"/>
    </row>
    <row r="411171" spans="14:14">
      <c r="N411171" s="10"/>
    </row>
    <row r="411172" spans="14:14">
      <c r="N411172" s="10"/>
    </row>
    <row r="411173" spans="14:14">
      <c r="N411173" s="10"/>
    </row>
    <row r="411174" spans="14:14">
      <c r="N411174" s="10"/>
    </row>
    <row r="411175" spans="14:14">
      <c r="N411175" s="10"/>
    </row>
    <row r="411176" spans="14:14">
      <c r="N411176" s="10"/>
    </row>
    <row r="411177" spans="14:14">
      <c r="N411177" s="10"/>
    </row>
    <row r="411178" spans="14:14">
      <c r="N411178" s="10"/>
    </row>
    <row r="411179" spans="14:14">
      <c r="N411179" s="10"/>
    </row>
    <row r="411180" spans="14:14">
      <c r="N411180" s="10"/>
    </row>
    <row r="411181" spans="14:14">
      <c r="N411181" s="10"/>
    </row>
    <row r="411182" spans="14:14">
      <c r="N411182" s="10"/>
    </row>
    <row r="411183" spans="14:14">
      <c r="N411183" s="10"/>
    </row>
    <row r="411184" spans="14:14">
      <c r="N411184" s="10"/>
    </row>
    <row r="411185" spans="14:14">
      <c r="N411185" s="10"/>
    </row>
    <row r="411186" spans="14:14">
      <c r="N411186" s="10"/>
    </row>
    <row r="411187" spans="14:14">
      <c r="N411187" s="10"/>
    </row>
    <row r="411188" spans="14:14">
      <c r="N411188" s="10"/>
    </row>
    <row r="411189" spans="14:14">
      <c r="N411189" s="10"/>
    </row>
    <row r="411190" spans="14:14">
      <c r="N411190" s="10"/>
    </row>
    <row r="411191" spans="14:14">
      <c r="N411191" s="10"/>
    </row>
    <row r="411192" spans="14:14">
      <c r="N411192" s="10"/>
    </row>
    <row r="411193" spans="14:14">
      <c r="N411193" s="10"/>
    </row>
    <row r="411194" spans="14:14">
      <c r="N411194" s="10"/>
    </row>
    <row r="411195" spans="14:14">
      <c r="N411195" s="10"/>
    </row>
    <row r="411196" spans="14:14">
      <c r="N411196" s="10"/>
    </row>
    <row r="411197" spans="14:14">
      <c r="N411197" s="10"/>
    </row>
    <row r="411198" spans="14:14">
      <c r="N411198" s="10"/>
    </row>
    <row r="411199" spans="14:14">
      <c r="N411199" s="10"/>
    </row>
    <row r="411200" spans="14:14">
      <c r="N411200" s="10"/>
    </row>
    <row r="411201" spans="14:14">
      <c r="N411201" s="10"/>
    </row>
    <row r="411202" spans="14:14">
      <c r="N411202" s="10"/>
    </row>
    <row r="411203" spans="14:14">
      <c r="N411203" s="10"/>
    </row>
    <row r="411204" spans="14:14">
      <c r="N411204" s="10"/>
    </row>
    <row r="411205" spans="14:14">
      <c r="N411205" s="10"/>
    </row>
    <row r="411206" spans="14:14">
      <c r="N411206" s="10"/>
    </row>
    <row r="411207" spans="14:14">
      <c r="N411207" s="10"/>
    </row>
    <row r="411208" spans="14:14">
      <c r="N411208" s="10"/>
    </row>
    <row r="411209" spans="14:14">
      <c r="N411209" s="10"/>
    </row>
    <row r="411210" spans="14:14">
      <c r="N411210" s="10"/>
    </row>
    <row r="411211" spans="14:14">
      <c r="N411211" s="10"/>
    </row>
    <row r="411212" spans="14:14">
      <c r="N411212" s="10"/>
    </row>
    <row r="411213" spans="14:14">
      <c r="N411213" s="10"/>
    </row>
    <row r="411214" spans="14:14">
      <c r="N411214" s="10"/>
    </row>
    <row r="411215" spans="14:14">
      <c r="N411215" s="10"/>
    </row>
    <row r="411216" spans="14:14">
      <c r="N411216" s="10"/>
    </row>
    <row r="411217" spans="14:14">
      <c r="N411217" s="10"/>
    </row>
    <row r="411218" spans="14:14">
      <c r="N411218" s="10"/>
    </row>
    <row r="411219" spans="14:14">
      <c r="N411219" s="10"/>
    </row>
    <row r="411220" spans="14:14">
      <c r="N411220" s="10"/>
    </row>
    <row r="411221" spans="14:14">
      <c r="N411221" s="10"/>
    </row>
    <row r="411222" spans="14:14">
      <c r="N411222" s="10"/>
    </row>
    <row r="411223" spans="14:14">
      <c r="N411223" s="10"/>
    </row>
    <row r="411224" spans="14:14">
      <c r="N411224" s="10"/>
    </row>
    <row r="411225" spans="14:14">
      <c r="N411225" s="10"/>
    </row>
    <row r="411226" spans="14:14">
      <c r="N411226" s="10"/>
    </row>
    <row r="411227" spans="14:14">
      <c r="N411227" s="10"/>
    </row>
    <row r="411228" spans="14:14">
      <c r="N411228" s="10"/>
    </row>
    <row r="411229" spans="14:14">
      <c r="N411229" s="10"/>
    </row>
    <row r="411230" spans="14:14">
      <c r="N411230" s="10"/>
    </row>
    <row r="411231" spans="14:14">
      <c r="N411231" s="10"/>
    </row>
    <row r="411232" spans="14:14">
      <c r="N411232" s="10"/>
    </row>
    <row r="411233" spans="14:14">
      <c r="N411233" s="10"/>
    </row>
    <row r="411234" spans="14:14">
      <c r="N411234" s="10"/>
    </row>
    <row r="411235" spans="14:14">
      <c r="N411235" s="10"/>
    </row>
    <row r="411236" spans="14:14">
      <c r="N411236" s="10"/>
    </row>
    <row r="411237" spans="14:14">
      <c r="N411237" s="10"/>
    </row>
    <row r="411238" spans="14:14">
      <c r="N411238" s="10"/>
    </row>
    <row r="411239" spans="14:14">
      <c r="N411239" s="10"/>
    </row>
    <row r="411240" spans="14:14">
      <c r="N411240" s="10"/>
    </row>
    <row r="411241" spans="14:14">
      <c r="N411241" s="10"/>
    </row>
    <row r="411242" spans="14:14">
      <c r="N411242" s="10"/>
    </row>
    <row r="411243" spans="14:14">
      <c r="N411243" s="10"/>
    </row>
    <row r="411244" spans="14:14">
      <c r="N411244" s="10"/>
    </row>
    <row r="411245" spans="14:14">
      <c r="N411245" s="10"/>
    </row>
    <row r="411246" spans="14:14">
      <c r="N411246" s="10"/>
    </row>
    <row r="411247" spans="14:14">
      <c r="N411247" s="10"/>
    </row>
    <row r="411248" spans="14:14">
      <c r="N411248" s="10"/>
    </row>
    <row r="411249" spans="14:14">
      <c r="N411249" s="10"/>
    </row>
    <row r="411250" spans="14:14">
      <c r="N411250" s="10"/>
    </row>
    <row r="411251" spans="14:14">
      <c r="N411251" s="10"/>
    </row>
    <row r="411252" spans="14:14">
      <c r="N411252" s="10"/>
    </row>
    <row r="411253" spans="14:14">
      <c r="N411253" s="10"/>
    </row>
    <row r="411254" spans="14:14">
      <c r="N411254" s="10"/>
    </row>
    <row r="411255" spans="14:14">
      <c r="N411255" s="10"/>
    </row>
    <row r="411256" spans="14:14">
      <c r="N411256" s="10"/>
    </row>
    <row r="411257" spans="14:14">
      <c r="N411257" s="10"/>
    </row>
    <row r="411258" spans="14:14">
      <c r="N411258" s="10"/>
    </row>
    <row r="411259" spans="14:14">
      <c r="N411259" s="10"/>
    </row>
    <row r="411260" spans="14:14">
      <c r="N411260" s="10"/>
    </row>
    <row r="411261" spans="14:14">
      <c r="N411261" s="10"/>
    </row>
    <row r="411262" spans="14:14">
      <c r="N411262" s="10"/>
    </row>
    <row r="411263" spans="14:14">
      <c r="N411263" s="10"/>
    </row>
    <row r="411264" spans="14:14">
      <c r="N411264" s="10"/>
    </row>
    <row r="411265" spans="14:14">
      <c r="N411265" s="10"/>
    </row>
    <row r="411266" spans="14:14">
      <c r="N411266" s="10"/>
    </row>
    <row r="411267" spans="14:14">
      <c r="N411267" s="10"/>
    </row>
    <row r="411268" spans="14:14">
      <c r="N411268" s="10"/>
    </row>
    <row r="411269" spans="14:14">
      <c r="N411269" s="10"/>
    </row>
    <row r="411270" spans="14:14">
      <c r="N411270" s="10"/>
    </row>
    <row r="411271" spans="14:14">
      <c r="N411271" s="10"/>
    </row>
    <row r="411272" spans="14:14">
      <c r="N411272" s="10"/>
    </row>
    <row r="411273" spans="14:14">
      <c r="N411273" s="10"/>
    </row>
    <row r="411274" spans="14:14">
      <c r="N411274" s="10"/>
    </row>
    <row r="411275" spans="14:14">
      <c r="N411275" s="10"/>
    </row>
    <row r="411276" spans="14:14">
      <c r="N411276" s="10"/>
    </row>
    <row r="411277" spans="14:14">
      <c r="N411277" s="10"/>
    </row>
    <row r="411278" spans="14:14">
      <c r="N411278" s="10"/>
    </row>
    <row r="411279" spans="14:14">
      <c r="N411279" s="10"/>
    </row>
    <row r="411280" spans="14:14">
      <c r="N411280" s="10"/>
    </row>
    <row r="411281" spans="14:14">
      <c r="N411281" s="10"/>
    </row>
    <row r="411282" spans="14:14">
      <c r="N411282" s="10"/>
    </row>
    <row r="411283" spans="14:14">
      <c r="N411283" s="10"/>
    </row>
    <row r="411284" spans="14:14">
      <c r="N411284" s="10"/>
    </row>
    <row r="411285" spans="14:14">
      <c r="N411285" s="10"/>
    </row>
    <row r="411286" spans="14:14">
      <c r="N411286" s="10"/>
    </row>
    <row r="411287" spans="14:14">
      <c r="N411287" s="10"/>
    </row>
    <row r="411288" spans="14:14">
      <c r="N411288" s="10"/>
    </row>
    <row r="411289" spans="14:14">
      <c r="N411289" s="10"/>
    </row>
    <row r="411290" spans="14:14">
      <c r="N411290" s="10"/>
    </row>
    <row r="411291" spans="14:14">
      <c r="N411291" s="10"/>
    </row>
    <row r="411292" spans="14:14">
      <c r="N411292" s="10"/>
    </row>
    <row r="411293" spans="14:14">
      <c r="N411293" s="10"/>
    </row>
    <row r="411294" spans="14:14">
      <c r="N411294" s="10"/>
    </row>
    <row r="411295" spans="14:14">
      <c r="N411295" s="10"/>
    </row>
    <row r="411296" spans="14:14">
      <c r="N411296" s="10"/>
    </row>
    <row r="411297" spans="14:14">
      <c r="N411297" s="10"/>
    </row>
    <row r="411298" spans="14:14">
      <c r="N411298" s="10"/>
    </row>
    <row r="411299" spans="14:14">
      <c r="N411299" s="10"/>
    </row>
    <row r="411300" spans="14:14">
      <c r="N411300" s="10"/>
    </row>
    <row r="411301" spans="14:14">
      <c r="N411301" s="10"/>
    </row>
    <row r="411302" spans="14:14">
      <c r="N411302" s="10"/>
    </row>
    <row r="411303" spans="14:14">
      <c r="N411303" s="10"/>
    </row>
    <row r="411304" spans="14:14">
      <c r="N411304" s="10"/>
    </row>
    <row r="411305" spans="14:14">
      <c r="N411305" s="10"/>
    </row>
    <row r="411306" spans="14:14">
      <c r="N411306" s="10"/>
    </row>
    <row r="411307" spans="14:14">
      <c r="N411307" s="10"/>
    </row>
    <row r="411308" spans="14:14">
      <c r="N411308" s="10"/>
    </row>
    <row r="411309" spans="14:14">
      <c r="N411309" s="10"/>
    </row>
    <row r="411310" spans="14:14">
      <c r="N411310" s="10"/>
    </row>
    <row r="411311" spans="14:14">
      <c r="N411311" s="10"/>
    </row>
    <row r="411312" spans="14:14">
      <c r="N411312" s="10"/>
    </row>
    <row r="411313" spans="14:14">
      <c r="N411313" s="10"/>
    </row>
    <row r="411314" spans="14:14">
      <c r="N411314" s="10"/>
    </row>
    <row r="411315" spans="14:14">
      <c r="N411315" s="10"/>
    </row>
    <row r="411316" spans="14:14">
      <c r="N411316" s="10"/>
    </row>
    <row r="411317" spans="14:14">
      <c r="N411317" s="10"/>
    </row>
    <row r="411318" spans="14:14">
      <c r="N411318" s="10"/>
    </row>
    <row r="411319" spans="14:14">
      <c r="N411319" s="10"/>
    </row>
    <row r="411320" spans="14:14">
      <c r="N411320" s="10"/>
    </row>
    <row r="411321" spans="14:14">
      <c r="N411321" s="10"/>
    </row>
    <row r="411322" spans="14:14">
      <c r="N411322" s="10"/>
    </row>
    <row r="411323" spans="14:14">
      <c r="N411323" s="10"/>
    </row>
    <row r="411324" spans="14:14">
      <c r="N411324" s="10"/>
    </row>
    <row r="411325" spans="14:14">
      <c r="N411325" s="10"/>
    </row>
    <row r="411326" spans="14:14">
      <c r="N411326" s="10"/>
    </row>
    <row r="411327" spans="14:14">
      <c r="N411327" s="10"/>
    </row>
    <row r="411328" spans="14:14">
      <c r="N411328" s="10"/>
    </row>
    <row r="411329" spans="14:14">
      <c r="N411329" s="10"/>
    </row>
    <row r="411330" spans="14:14">
      <c r="N411330" s="10"/>
    </row>
    <row r="411331" spans="14:14">
      <c r="N411331" s="10"/>
    </row>
    <row r="411332" spans="14:14">
      <c r="N411332" s="10"/>
    </row>
    <row r="411333" spans="14:14">
      <c r="N411333" s="10"/>
    </row>
    <row r="411334" spans="14:14">
      <c r="N411334" s="10"/>
    </row>
    <row r="411335" spans="14:14">
      <c r="N411335" s="10"/>
    </row>
    <row r="411336" spans="14:14">
      <c r="N411336" s="10"/>
    </row>
    <row r="411337" spans="14:14">
      <c r="N411337" s="10"/>
    </row>
    <row r="411338" spans="14:14">
      <c r="N411338" s="10"/>
    </row>
    <row r="411339" spans="14:14">
      <c r="N411339" s="10"/>
    </row>
    <row r="411340" spans="14:14">
      <c r="N411340" s="10"/>
    </row>
    <row r="411341" spans="14:14">
      <c r="N411341" s="10"/>
    </row>
    <row r="411342" spans="14:14">
      <c r="N411342" s="10"/>
    </row>
    <row r="411343" spans="14:14">
      <c r="N411343" s="10"/>
    </row>
    <row r="411344" spans="14:14">
      <c r="N411344" s="10"/>
    </row>
    <row r="411345" spans="14:14">
      <c r="N411345" s="10"/>
    </row>
    <row r="411346" spans="14:14">
      <c r="N411346" s="10"/>
    </row>
    <row r="411347" spans="14:14">
      <c r="N411347" s="10"/>
    </row>
    <row r="411348" spans="14:14">
      <c r="N411348" s="10"/>
    </row>
    <row r="411349" spans="14:14">
      <c r="N411349" s="10"/>
    </row>
    <row r="411350" spans="14:14">
      <c r="N411350" s="10"/>
    </row>
    <row r="411351" spans="14:14">
      <c r="N411351" s="10"/>
    </row>
    <row r="411352" spans="14:14">
      <c r="N411352" s="10"/>
    </row>
    <row r="411353" spans="14:14">
      <c r="N411353" s="10"/>
    </row>
    <row r="411354" spans="14:14">
      <c r="N411354" s="10"/>
    </row>
    <row r="411355" spans="14:14">
      <c r="N411355" s="10"/>
    </row>
    <row r="411356" spans="14:14">
      <c r="N411356" s="10"/>
    </row>
    <row r="411357" spans="14:14">
      <c r="N411357" s="10"/>
    </row>
    <row r="411358" spans="14:14">
      <c r="N411358" s="10"/>
    </row>
    <row r="411359" spans="14:14">
      <c r="N411359" s="10"/>
    </row>
    <row r="411360" spans="14:14">
      <c r="N411360" s="10"/>
    </row>
    <row r="411361" spans="14:14">
      <c r="N411361" s="10"/>
    </row>
    <row r="411362" spans="14:14">
      <c r="N411362" s="10"/>
    </row>
    <row r="411363" spans="14:14">
      <c r="N411363" s="10"/>
    </row>
    <row r="411364" spans="14:14">
      <c r="N411364" s="10"/>
    </row>
    <row r="411365" spans="14:14">
      <c r="N411365" s="10"/>
    </row>
    <row r="411366" spans="14:14">
      <c r="N411366" s="10"/>
    </row>
    <row r="411367" spans="14:14">
      <c r="N411367" s="10"/>
    </row>
    <row r="411368" spans="14:14">
      <c r="N411368" s="10"/>
    </row>
    <row r="411369" spans="14:14">
      <c r="N411369" s="10"/>
    </row>
    <row r="411370" spans="14:14">
      <c r="N411370" s="10"/>
    </row>
    <row r="411371" spans="14:14">
      <c r="N411371" s="10"/>
    </row>
    <row r="411372" spans="14:14">
      <c r="N411372" s="10"/>
    </row>
    <row r="411373" spans="14:14">
      <c r="N411373" s="10"/>
    </row>
    <row r="411374" spans="14:14">
      <c r="N411374" s="10"/>
    </row>
    <row r="411375" spans="14:14">
      <c r="N411375" s="10"/>
    </row>
    <row r="411376" spans="14:14">
      <c r="N411376" s="10"/>
    </row>
    <row r="411377" spans="14:14">
      <c r="N411377" s="10"/>
    </row>
    <row r="411378" spans="14:14">
      <c r="N411378" s="10"/>
    </row>
    <row r="411379" spans="14:14">
      <c r="N411379" s="10"/>
    </row>
    <row r="411380" spans="14:14">
      <c r="N411380" s="10"/>
    </row>
    <row r="411381" spans="14:14">
      <c r="N411381" s="10"/>
    </row>
    <row r="411382" spans="14:14">
      <c r="N411382" s="10"/>
    </row>
    <row r="411383" spans="14:14">
      <c r="N411383" s="10"/>
    </row>
    <row r="411384" spans="14:14">
      <c r="N411384" s="10"/>
    </row>
    <row r="411385" spans="14:14">
      <c r="N411385" s="10"/>
    </row>
    <row r="411386" spans="14:14">
      <c r="N411386" s="10"/>
    </row>
    <row r="411387" spans="14:14">
      <c r="N411387" s="10"/>
    </row>
    <row r="411388" spans="14:14">
      <c r="N411388" s="10"/>
    </row>
    <row r="411389" spans="14:14">
      <c r="N411389" s="10"/>
    </row>
    <row r="411390" spans="14:14">
      <c r="N411390" s="10"/>
    </row>
    <row r="411391" spans="14:14">
      <c r="N411391" s="10"/>
    </row>
    <row r="411392" spans="14:14">
      <c r="N411392" s="10"/>
    </row>
    <row r="411393" spans="14:14">
      <c r="N411393" s="10"/>
    </row>
    <row r="411394" spans="14:14">
      <c r="N411394" s="10"/>
    </row>
    <row r="411395" spans="14:14">
      <c r="N411395" s="10"/>
    </row>
    <row r="411396" spans="14:14">
      <c r="N411396" s="10"/>
    </row>
    <row r="411397" spans="14:14">
      <c r="N411397" s="10"/>
    </row>
    <row r="411398" spans="14:14">
      <c r="N411398" s="10"/>
    </row>
    <row r="411399" spans="14:14">
      <c r="N411399" s="10"/>
    </row>
    <row r="411400" spans="14:14">
      <c r="N411400" s="10"/>
    </row>
    <row r="411401" spans="14:14">
      <c r="N411401" s="10"/>
    </row>
    <row r="411402" spans="14:14">
      <c r="N411402" s="10"/>
    </row>
    <row r="411403" spans="14:14">
      <c r="N411403" s="10"/>
    </row>
    <row r="411404" spans="14:14">
      <c r="N411404" s="10"/>
    </row>
    <row r="411405" spans="14:14">
      <c r="N411405" s="10"/>
    </row>
    <row r="411406" spans="14:14">
      <c r="N411406" s="10"/>
    </row>
    <row r="411407" spans="14:14">
      <c r="N411407" s="10"/>
    </row>
    <row r="411408" spans="14:14">
      <c r="N411408" s="10"/>
    </row>
    <row r="411409" spans="14:14">
      <c r="N411409" s="10"/>
    </row>
    <row r="411410" spans="14:14">
      <c r="N411410" s="10"/>
    </row>
    <row r="411411" spans="14:14">
      <c r="N411411" s="10"/>
    </row>
    <row r="411412" spans="14:14">
      <c r="N411412" s="10"/>
    </row>
    <row r="411413" spans="14:14">
      <c r="N411413" s="10"/>
    </row>
    <row r="411414" spans="14:14">
      <c r="N411414" s="10"/>
    </row>
    <row r="411415" spans="14:14">
      <c r="N411415" s="10"/>
    </row>
    <row r="411416" spans="14:14">
      <c r="N411416" s="10"/>
    </row>
    <row r="411417" spans="14:14">
      <c r="N411417" s="10"/>
    </row>
    <row r="411418" spans="14:14">
      <c r="N411418" s="10"/>
    </row>
    <row r="411419" spans="14:14">
      <c r="N411419" s="10"/>
    </row>
    <row r="411420" spans="14:14">
      <c r="N411420" s="10"/>
    </row>
    <row r="411421" spans="14:14">
      <c r="N411421" s="10"/>
    </row>
    <row r="411422" spans="14:14">
      <c r="N411422" s="10"/>
    </row>
    <row r="411423" spans="14:14">
      <c r="N411423" s="10"/>
    </row>
    <row r="411424" spans="14:14">
      <c r="N411424" s="10"/>
    </row>
    <row r="411425" spans="14:14">
      <c r="N411425" s="10"/>
    </row>
    <row r="411426" spans="14:14">
      <c r="N411426" s="10"/>
    </row>
    <row r="411427" spans="14:14">
      <c r="N411427" s="10"/>
    </row>
    <row r="411428" spans="14:14">
      <c r="N411428" s="10"/>
    </row>
    <row r="411429" spans="14:14">
      <c r="N411429" s="10"/>
    </row>
    <row r="411430" spans="14:14">
      <c r="N411430" s="10"/>
    </row>
    <row r="411431" spans="14:14">
      <c r="N411431" s="10"/>
    </row>
    <row r="411432" spans="14:14">
      <c r="N411432" s="10"/>
    </row>
    <row r="411433" spans="14:14">
      <c r="N411433" s="10"/>
    </row>
    <row r="411434" spans="14:14">
      <c r="N411434" s="10"/>
    </row>
    <row r="411435" spans="14:14">
      <c r="N411435" s="10"/>
    </row>
    <row r="411436" spans="14:14">
      <c r="N411436" s="10"/>
    </row>
    <row r="411437" spans="14:14">
      <c r="N411437" s="10"/>
    </row>
    <row r="411438" spans="14:14">
      <c r="N411438" s="10"/>
    </row>
    <row r="411439" spans="14:14">
      <c r="N411439" s="10"/>
    </row>
    <row r="411440" spans="14:14">
      <c r="N411440" s="10"/>
    </row>
    <row r="411441" spans="14:14">
      <c r="N411441" s="10"/>
    </row>
    <row r="411442" spans="14:14">
      <c r="N411442" s="10"/>
    </row>
    <row r="411443" spans="14:14">
      <c r="N411443" s="10"/>
    </row>
    <row r="411444" spans="14:14">
      <c r="N411444" s="10"/>
    </row>
    <row r="411445" spans="14:14">
      <c r="N411445" s="10"/>
    </row>
    <row r="411446" spans="14:14">
      <c r="N411446" s="10"/>
    </row>
    <row r="411447" spans="14:14">
      <c r="N411447" s="10"/>
    </row>
    <row r="411448" spans="14:14">
      <c r="N411448" s="10"/>
    </row>
    <row r="411449" spans="14:14">
      <c r="N411449" s="10"/>
    </row>
    <row r="411450" spans="14:14">
      <c r="N411450" s="10"/>
    </row>
    <row r="411451" spans="14:14">
      <c r="N411451" s="10"/>
    </row>
    <row r="411452" spans="14:14">
      <c r="N411452" s="10"/>
    </row>
    <row r="411453" spans="14:14">
      <c r="N411453" s="10"/>
    </row>
    <row r="411454" spans="14:14">
      <c r="N411454" s="10"/>
    </row>
    <row r="411455" spans="14:14">
      <c r="N411455" s="10"/>
    </row>
    <row r="411456" spans="14:14">
      <c r="N411456" s="10"/>
    </row>
    <row r="411457" spans="14:14">
      <c r="N411457" s="10"/>
    </row>
    <row r="411458" spans="14:14">
      <c r="N411458" s="10"/>
    </row>
    <row r="411459" spans="14:14">
      <c r="N411459" s="10"/>
    </row>
    <row r="411460" spans="14:14">
      <c r="N411460" s="10"/>
    </row>
    <row r="411461" spans="14:14">
      <c r="N411461" s="10"/>
    </row>
    <row r="411462" spans="14:14">
      <c r="N411462" s="10"/>
    </row>
    <row r="411463" spans="14:14">
      <c r="N411463" s="10"/>
    </row>
    <row r="411464" spans="14:14">
      <c r="N411464" s="10"/>
    </row>
    <row r="411465" spans="14:14">
      <c r="N411465" s="10"/>
    </row>
    <row r="411466" spans="14:14">
      <c r="N411466" s="10"/>
    </row>
    <row r="411467" spans="14:14">
      <c r="N411467" s="10"/>
    </row>
    <row r="411468" spans="14:14">
      <c r="N411468" s="10"/>
    </row>
    <row r="411469" spans="14:14">
      <c r="N411469" s="10"/>
    </row>
    <row r="411470" spans="14:14">
      <c r="N411470" s="10"/>
    </row>
    <row r="411471" spans="14:14">
      <c r="N411471" s="10"/>
    </row>
    <row r="411472" spans="14:14">
      <c r="N411472" s="10"/>
    </row>
    <row r="411473" spans="14:14">
      <c r="N411473" s="10"/>
    </row>
    <row r="411474" spans="14:14">
      <c r="N411474" s="10"/>
    </row>
    <row r="411475" spans="14:14">
      <c r="N411475" s="10"/>
    </row>
    <row r="411476" spans="14:14">
      <c r="N411476" s="10"/>
    </row>
    <row r="411477" spans="14:14">
      <c r="N411477" s="10"/>
    </row>
    <row r="411478" spans="14:14">
      <c r="N411478" s="10"/>
    </row>
    <row r="411479" spans="14:14">
      <c r="N411479" s="10"/>
    </row>
    <row r="411480" spans="14:14">
      <c r="N411480" s="10"/>
    </row>
    <row r="411481" spans="14:14">
      <c r="N411481" s="10"/>
    </row>
    <row r="411482" spans="14:14">
      <c r="N411482" s="10"/>
    </row>
    <row r="411483" spans="14:14">
      <c r="N411483" s="10"/>
    </row>
    <row r="411484" spans="14:14">
      <c r="N411484" s="10"/>
    </row>
    <row r="411485" spans="14:14">
      <c r="N411485" s="10"/>
    </row>
    <row r="411486" spans="14:14">
      <c r="N411486" s="10"/>
    </row>
    <row r="411487" spans="14:14">
      <c r="N411487" s="10"/>
    </row>
    <row r="411488" spans="14:14">
      <c r="N411488" s="10"/>
    </row>
    <row r="411489" spans="14:14">
      <c r="N411489" s="10"/>
    </row>
    <row r="411490" spans="14:14">
      <c r="N411490" s="10"/>
    </row>
    <row r="411491" spans="14:14">
      <c r="N411491" s="10"/>
    </row>
    <row r="411492" spans="14:14">
      <c r="N411492" s="10"/>
    </row>
    <row r="411493" spans="14:14">
      <c r="N411493" s="10"/>
    </row>
    <row r="411494" spans="14:14">
      <c r="N411494" s="10"/>
    </row>
    <row r="411495" spans="14:14">
      <c r="N411495" s="10"/>
    </row>
    <row r="411496" spans="14:14">
      <c r="N411496" s="10"/>
    </row>
    <row r="411497" spans="14:14">
      <c r="N411497" s="10"/>
    </row>
    <row r="411498" spans="14:14">
      <c r="N411498" s="10"/>
    </row>
    <row r="411499" spans="14:14">
      <c r="N411499" s="10"/>
    </row>
    <row r="411500" spans="14:14">
      <c r="N411500" s="10"/>
    </row>
    <row r="411501" spans="14:14">
      <c r="N411501" s="10"/>
    </row>
    <row r="411502" spans="14:14">
      <c r="N411502" s="10"/>
    </row>
    <row r="411503" spans="14:14">
      <c r="N411503" s="10"/>
    </row>
    <row r="411504" spans="14:14">
      <c r="N411504" s="10"/>
    </row>
    <row r="411505" spans="14:14">
      <c r="N411505" s="10"/>
    </row>
    <row r="411506" spans="14:14">
      <c r="N411506" s="10"/>
    </row>
    <row r="411507" spans="14:14">
      <c r="N411507" s="10"/>
    </row>
    <row r="411508" spans="14:14">
      <c r="N411508" s="10"/>
    </row>
    <row r="411509" spans="14:14">
      <c r="N411509" s="10"/>
    </row>
    <row r="411510" spans="14:14">
      <c r="N411510" s="10"/>
    </row>
    <row r="411511" spans="14:14">
      <c r="N411511" s="10"/>
    </row>
    <row r="411512" spans="14:14">
      <c r="N411512" s="10"/>
    </row>
    <row r="411513" spans="14:14">
      <c r="N411513" s="10"/>
    </row>
    <row r="411514" spans="14:14">
      <c r="N411514" s="10"/>
    </row>
    <row r="411515" spans="14:14">
      <c r="N411515" s="10"/>
    </row>
    <row r="411516" spans="14:14">
      <c r="N411516" s="10"/>
    </row>
    <row r="411517" spans="14:14">
      <c r="N411517" s="10"/>
    </row>
    <row r="411518" spans="14:14">
      <c r="N411518" s="10"/>
    </row>
    <row r="411519" spans="14:14">
      <c r="N411519" s="10"/>
    </row>
    <row r="411520" spans="14:14">
      <c r="N411520" s="10"/>
    </row>
    <row r="411521" spans="14:14">
      <c r="N411521" s="10"/>
    </row>
    <row r="411522" spans="14:14">
      <c r="N411522" s="10"/>
    </row>
    <row r="411523" spans="14:14">
      <c r="N411523" s="10"/>
    </row>
    <row r="411524" spans="14:14">
      <c r="N411524" s="10"/>
    </row>
    <row r="411525" spans="14:14">
      <c r="N411525" s="10"/>
    </row>
    <row r="411526" spans="14:14">
      <c r="N411526" s="10"/>
    </row>
    <row r="411527" spans="14:14">
      <c r="N411527" s="10"/>
    </row>
    <row r="411528" spans="14:14">
      <c r="N411528" s="10"/>
    </row>
    <row r="411529" spans="14:14">
      <c r="N411529" s="10"/>
    </row>
    <row r="411530" spans="14:14">
      <c r="N411530" s="10"/>
    </row>
    <row r="411531" spans="14:14">
      <c r="N411531" s="10"/>
    </row>
    <row r="411532" spans="14:14">
      <c r="N411532" s="10"/>
    </row>
    <row r="411533" spans="14:14">
      <c r="N411533" s="10"/>
    </row>
    <row r="411534" spans="14:14">
      <c r="N411534" s="10"/>
    </row>
    <row r="411535" spans="14:14">
      <c r="N411535" s="10"/>
    </row>
    <row r="411536" spans="14:14">
      <c r="N411536" s="10"/>
    </row>
    <row r="411537" spans="14:14">
      <c r="N411537" s="10"/>
    </row>
    <row r="411538" spans="14:14">
      <c r="N411538" s="10"/>
    </row>
    <row r="411539" spans="14:14">
      <c r="N411539" s="10"/>
    </row>
    <row r="411540" spans="14:14">
      <c r="N411540" s="10"/>
    </row>
    <row r="411541" spans="14:14">
      <c r="N411541" s="10"/>
    </row>
    <row r="411542" spans="14:14">
      <c r="N411542" s="10"/>
    </row>
    <row r="411543" spans="14:14">
      <c r="N411543" s="10"/>
    </row>
    <row r="411544" spans="14:14">
      <c r="N411544" s="10"/>
    </row>
    <row r="411545" spans="14:14">
      <c r="N411545" s="10"/>
    </row>
    <row r="411546" spans="14:14">
      <c r="N411546" s="10"/>
    </row>
    <row r="411547" spans="14:14">
      <c r="N411547" s="10"/>
    </row>
    <row r="411548" spans="14:14">
      <c r="N411548" s="10"/>
    </row>
    <row r="411549" spans="14:14">
      <c r="N411549" s="10"/>
    </row>
    <row r="411550" spans="14:14">
      <c r="N411550" s="10"/>
    </row>
    <row r="411551" spans="14:14">
      <c r="N411551" s="10"/>
    </row>
    <row r="411552" spans="14:14">
      <c r="N411552" s="10"/>
    </row>
    <row r="411553" spans="14:14">
      <c r="N411553" s="10"/>
    </row>
    <row r="411554" spans="14:14">
      <c r="N411554" s="10"/>
    </row>
    <row r="411555" spans="14:14">
      <c r="N411555" s="10"/>
    </row>
    <row r="411556" spans="14:14">
      <c r="N411556" s="10"/>
    </row>
    <row r="411557" spans="14:14">
      <c r="N411557" s="10"/>
    </row>
    <row r="411558" spans="14:14">
      <c r="N411558" s="10"/>
    </row>
    <row r="411559" spans="14:14">
      <c r="N411559" s="10"/>
    </row>
    <row r="411560" spans="14:14">
      <c r="N411560" s="10"/>
    </row>
    <row r="411561" spans="14:14">
      <c r="N411561" s="10"/>
    </row>
    <row r="411562" spans="14:14">
      <c r="N411562" s="10"/>
    </row>
    <row r="411563" spans="14:14">
      <c r="N411563" s="10"/>
    </row>
    <row r="411564" spans="14:14">
      <c r="N411564" s="10"/>
    </row>
    <row r="411565" spans="14:14">
      <c r="N411565" s="10"/>
    </row>
    <row r="411566" spans="14:14">
      <c r="N411566" s="10"/>
    </row>
    <row r="411567" spans="14:14">
      <c r="N411567" s="10"/>
    </row>
    <row r="411568" spans="14:14">
      <c r="N411568" s="10"/>
    </row>
    <row r="411569" spans="14:14">
      <c r="N411569" s="10"/>
    </row>
    <row r="411570" spans="14:14">
      <c r="N411570" s="10"/>
    </row>
    <row r="411571" spans="14:14">
      <c r="N411571" s="10"/>
    </row>
    <row r="411572" spans="14:14">
      <c r="N411572" s="10"/>
    </row>
    <row r="411573" spans="14:14">
      <c r="N411573" s="10"/>
    </row>
    <row r="411574" spans="14:14">
      <c r="N411574" s="10"/>
    </row>
    <row r="411575" spans="14:14">
      <c r="N411575" s="10"/>
    </row>
    <row r="411576" spans="14:14">
      <c r="N411576" s="10"/>
    </row>
    <row r="411577" spans="14:14">
      <c r="N411577" s="10"/>
    </row>
    <row r="411578" spans="14:14">
      <c r="N411578" s="10"/>
    </row>
    <row r="411579" spans="14:14">
      <c r="N411579" s="10"/>
    </row>
    <row r="411580" spans="14:14">
      <c r="N411580" s="10"/>
    </row>
    <row r="411581" spans="14:14">
      <c r="N411581" s="10"/>
    </row>
    <row r="411582" spans="14:14">
      <c r="N411582" s="10"/>
    </row>
    <row r="411583" spans="14:14">
      <c r="N411583" s="10"/>
    </row>
    <row r="411584" spans="14:14">
      <c r="N411584" s="10"/>
    </row>
    <row r="411585" spans="14:14">
      <c r="N411585" s="10"/>
    </row>
    <row r="411586" spans="14:14">
      <c r="N411586" s="10"/>
    </row>
    <row r="411587" spans="14:14">
      <c r="N411587" s="10"/>
    </row>
    <row r="411588" spans="14:14">
      <c r="N411588" s="10"/>
    </row>
    <row r="411589" spans="14:14">
      <c r="N411589" s="10"/>
    </row>
    <row r="411590" spans="14:14">
      <c r="N411590" s="10"/>
    </row>
    <row r="411591" spans="14:14">
      <c r="N411591" s="10"/>
    </row>
    <row r="411592" spans="14:14">
      <c r="N411592" s="10"/>
    </row>
    <row r="411593" spans="14:14">
      <c r="N411593" s="10"/>
    </row>
    <row r="411594" spans="14:14">
      <c r="N411594" s="10"/>
    </row>
    <row r="411595" spans="14:14">
      <c r="N411595" s="10"/>
    </row>
    <row r="411596" spans="14:14">
      <c r="N411596" s="10"/>
    </row>
    <row r="411597" spans="14:14">
      <c r="N411597" s="10"/>
    </row>
    <row r="411598" spans="14:14">
      <c r="N411598" s="10"/>
    </row>
    <row r="411599" spans="14:14">
      <c r="N411599" s="10"/>
    </row>
    <row r="411600" spans="14:14">
      <c r="N411600" s="10"/>
    </row>
    <row r="411601" spans="14:14">
      <c r="N411601" s="10"/>
    </row>
    <row r="411602" spans="14:14">
      <c r="N411602" s="10"/>
    </row>
    <row r="411603" spans="14:14">
      <c r="N411603" s="10"/>
    </row>
    <row r="411604" spans="14:14">
      <c r="N411604" s="10"/>
    </row>
    <row r="411605" spans="14:14">
      <c r="N411605" s="10"/>
    </row>
    <row r="411606" spans="14:14">
      <c r="N411606" s="10"/>
    </row>
    <row r="411607" spans="14:14">
      <c r="N411607" s="10"/>
    </row>
    <row r="411608" spans="14:14">
      <c r="N411608" s="10"/>
    </row>
    <row r="411609" spans="14:14">
      <c r="N411609" s="10"/>
    </row>
    <row r="411610" spans="14:14">
      <c r="N411610" s="10"/>
    </row>
    <row r="411611" spans="14:14">
      <c r="N411611" s="10"/>
    </row>
    <row r="411612" spans="14:14">
      <c r="N411612" s="10"/>
    </row>
    <row r="411613" spans="14:14">
      <c r="N411613" s="10"/>
    </row>
    <row r="411614" spans="14:14">
      <c r="N411614" s="10"/>
    </row>
    <row r="411615" spans="14:14">
      <c r="N411615" s="10"/>
    </row>
    <row r="411616" spans="14:14">
      <c r="N411616" s="10"/>
    </row>
    <row r="411617" spans="14:14">
      <c r="N411617" s="10"/>
    </row>
    <row r="411618" spans="14:14">
      <c r="N411618" s="10"/>
    </row>
    <row r="411619" spans="14:14">
      <c r="N411619" s="10"/>
    </row>
    <row r="411620" spans="14:14">
      <c r="N411620" s="10"/>
    </row>
    <row r="411621" spans="14:14">
      <c r="N411621" s="10"/>
    </row>
    <row r="411622" spans="14:14">
      <c r="N411622" s="10"/>
    </row>
    <row r="411623" spans="14:14">
      <c r="N411623" s="10"/>
    </row>
    <row r="411624" spans="14:14">
      <c r="N411624" s="10"/>
    </row>
    <row r="411625" spans="14:14">
      <c r="N411625" s="10"/>
    </row>
    <row r="411626" spans="14:14">
      <c r="N411626" s="10"/>
    </row>
    <row r="411627" spans="14:14">
      <c r="N411627" s="10"/>
    </row>
    <row r="411628" spans="14:14">
      <c r="N411628" s="10"/>
    </row>
    <row r="411629" spans="14:14">
      <c r="N411629" s="10"/>
    </row>
    <row r="411630" spans="14:14">
      <c r="N411630" s="10"/>
    </row>
    <row r="411631" spans="14:14">
      <c r="N411631" s="10"/>
    </row>
    <row r="411632" spans="14:14">
      <c r="N411632" s="10"/>
    </row>
    <row r="411633" spans="14:14">
      <c r="N411633" s="10"/>
    </row>
    <row r="411634" spans="14:14">
      <c r="N411634" s="10"/>
    </row>
    <row r="411635" spans="14:14">
      <c r="N411635" s="10"/>
    </row>
    <row r="411636" spans="14:14">
      <c r="N411636" s="10"/>
    </row>
    <row r="411637" spans="14:14">
      <c r="N411637" s="10"/>
    </row>
    <row r="411638" spans="14:14">
      <c r="N411638" s="10"/>
    </row>
    <row r="411639" spans="14:14">
      <c r="N411639" s="10"/>
    </row>
    <row r="411640" spans="14:14">
      <c r="N411640" s="10"/>
    </row>
    <row r="411641" spans="14:14">
      <c r="N411641" s="10"/>
    </row>
    <row r="411642" spans="14:14">
      <c r="N411642" s="10"/>
    </row>
    <row r="411643" spans="14:14">
      <c r="N411643" s="10"/>
    </row>
    <row r="411644" spans="14:14">
      <c r="N411644" s="10"/>
    </row>
    <row r="411645" spans="14:14">
      <c r="N411645" s="10"/>
    </row>
    <row r="411646" spans="14:14">
      <c r="N411646" s="10"/>
    </row>
    <row r="411647" spans="14:14">
      <c r="N411647" s="10"/>
    </row>
    <row r="411648" spans="14:14">
      <c r="N411648" s="10"/>
    </row>
    <row r="411649" spans="14:14">
      <c r="N411649" s="10"/>
    </row>
    <row r="411650" spans="14:14">
      <c r="N411650" s="10"/>
    </row>
    <row r="411651" spans="14:14">
      <c r="N411651" s="10"/>
    </row>
    <row r="411652" spans="14:14">
      <c r="N411652" s="10"/>
    </row>
    <row r="411653" spans="14:14">
      <c r="N411653" s="10"/>
    </row>
    <row r="411654" spans="14:14">
      <c r="N411654" s="10"/>
    </row>
    <row r="411655" spans="14:14">
      <c r="N411655" s="10"/>
    </row>
    <row r="411656" spans="14:14">
      <c r="N411656" s="10"/>
    </row>
    <row r="411657" spans="14:14">
      <c r="N411657" s="10"/>
    </row>
    <row r="411658" spans="14:14">
      <c r="N411658" s="10"/>
    </row>
    <row r="411659" spans="14:14">
      <c r="N411659" s="10"/>
    </row>
    <row r="411660" spans="14:14">
      <c r="N411660" s="10"/>
    </row>
    <row r="411661" spans="14:14">
      <c r="N411661" s="10"/>
    </row>
    <row r="411662" spans="14:14">
      <c r="N411662" s="10"/>
    </row>
    <row r="411663" spans="14:14">
      <c r="N411663" s="10"/>
    </row>
    <row r="411664" spans="14:14">
      <c r="N411664" s="10"/>
    </row>
    <row r="411665" spans="14:14">
      <c r="N411665" s="10"/>
    </row>
    <row r="411666" spans="14:14">
      <c r="N411666" s="10"/>
    </row>
    <row r="411667" spans="14:14">
      <c r="N411667" s="10"/>
    </row>
    <row r="411668" spans="14:14">
      <c r="N411668" s="10"/>
    </row>
    <row r="411669" spans="14:14">
      <c r="N411669" s="10"/>
    </row>
    <row r="411670" spans="14:14">
      <c r="N411670" s="10"/>
    </row>
    <row r="411671" spans="14:14">
      <c r="N411671" s="10"/>
    </row>
    <row r="411672" spans="14:14">
      <c r="N411672" s="10"/>
    </row>
    <row r="411673" spans="14:14">
      <c r="N411673" s="10"/>
    </row>
    <row r="411674" spans="14:14">
      <c r="N411674" s="10"/>
    </row>
    <row r="411675" spans="14:14">
      <c r="N411675" s="10"/>
    </row>
    <row r="411676" spans="14:14">
      <c r="N411676" s="10"/>
    </row>
    <row r="411677" spans="14:14">
      <c r="N411677" s="10"/>
    </row>
    <row r="411678" spans="14:14">
      <c r="N411678" s="10"/>
    </row>
    <row r="411679" spans="14:14">
      <c r="N411679" s="10"/>
    </row>
    <row r="411680" spans="14:14">
      <c r="N411680" s="10"/>
    </row>
    <row r="411681" spans="14:14">
      <c r="N411681" s="10"/>
    </row>
    <row r="411682" spans="14:14">
      <c r="N411682" s="10"/>
    </row>
    <row r="411683" spans="14:14">
      <c r="N411683" s="10"/>
    </row>
    <row r="411684" spans="14:14">
      <c r="N411684" s="10"/>
    </row>
    <row r="411685" spans="14:14">
      <c r="N411685" s="10"/>
    </row>
    <row r="411686" spans="14:14">
      <c r="N411686" s="10"/>
    </row>
    <row r="411687" spans="14:14">
      <c r="N411687" s="10"/>
    </row>
    <row r="411688" spans="14:14">
      <c r="N411688" s="10"/>
    </row>
    <row r="411689" spans="14:14">
      <c r="N411689" s="10"/>
    </row>
    <row r="411690" spans="14:14">
      <c r="N411690" s="10"/>
    </row>
    <row r="411691" spans="14:14">
      <c r="N411691" s="10"/>
    </row>
    <row r="411692" spans="14:14">
      <c r="N411692" s="10"/>
    </row>
    <row r="411693" spans="14:14">
      <c r="N411693" s="10"/>
    </row>
    <row r="411694" spans="14:14">
      <c r="N411694" s="10"/>
    </row>
    <row r="411695" spans="14:14">
      <c r="N411695" s="10"/>
    </row>
    <row r="411696" spans="14:14">
      <c r="N411696" s="10"/>
    </row>
    <row r="411697" spans="14:14">
      <c r="N411697" s="10"/>
    </row>
    <row r="411698" spans="14:14">
      <c r="N411698" s="10"/>
    </row>
    <row r="411699" spans="14:14">
      <c r="N411699" s="10"/>
    </row>
    <row r="411700" spans="14:14">
      <c r="N411700" s="10"/>
    </row>
    <row r="411701" spans="14:14">
      <c r="N411701" s="10"/>
    </row>
    <row r="411702" spans="14:14">
      <c r="N411702" s="10"/>
    </row>
    <row r="411703" spans="14:14">
      <c r="N411703" s="10"/>
    </row>
    <row r="411704" spans="14:14">
      <c r="N411704" s="10"/>
    </row>
    <row r="411705" spans="14:14">
      <c r="N411705" s="10"/>
    </row>
    <row r="411706" spans="14:14">
      <c r="N411706" s="10"/>
    </row>
    <row r="411707" spans="14:14">
      <c r="N411707" s="10"/>
    </row>
    <row r="411708" spans="14:14">
      <c r="N411708" s="10"/>
    </row>
    <row r="411709" spans="14:14">
      <c r="N411709" s="10"/>
    </row>
    <row r="411710" spans="14:14">
      <c r="N411710" s="10"/>
    </row>
    <row r="411711" spans="14:14">
      <c r="N411711" s="10"/>
    </row>
    <row r="411712" spans="14:14">
      <c r="N411712" s="10"/>
    </row>
    <row r="411713" spans="14:14">
      <c r="N411713" s="10"/>
    </row>
    <row r="411714" spans="14:14">
      <c r="N411714" s="10"/>
    </row>
    <row r="411715" spans="14:14">
      <c r="N411715" s="10"/>
    </row>
    <row r="411716" spans="14:14">
      <c r="N411716" s="10"/>
    </row>
    <row r="411717" spans="14:14">
      <c r="N411717" s="10"/>
    </row>
    <row r="411718" spans="14:14">
      <c r="N411718" s="10"/>
    </row>
    <row r="411719" spans="14:14">
      <c r="N411719" s="10"/>
    </row>
    <row r="411720" spans="14:14">
      <c r="N411720" s="10"/>
    </row>
    <row r="411721" spans="14:14">
      <c r="N411721" s="10"/>
    </row>
    <row r="411722" spans="14:14">
      <c r="N411722" s="10"/>
    </row>
    <row r="411723" spans="14:14">
      <c r="N411723" s="10"/>
    </row>
    <row r="411724" spans="14:14">
      <c r="N411724" s="10"/>
    </row>
    <row r="411725" spans="14:14">
      <c r="N411725" s="10"/>
    </row>
    <row r="411726" spans="14:14">
      <c r="N411726" s="10"/>
    </row>
    <row r="411727" spans="14:14">
      <c r="N411727" s="10"/>
    </row>
    <row r="411728" spans="14:14">
      <c r="N411728" s="10"/>
    </row>
    <row r="411729" spans="14:14">
      <c r="N411729" s="10"/>
    </row>
    <row r="411730" spans="14:14">
      <c r="N411730" s="10"/>
    </row>
    <row r="411731" spans="14:14">
      <c r="N411731" s="10"/>
    </row>
    <row r="411732" spans="14:14">
      <c r="N411732" s="10"/>
    </row>
    <row r="411733" spans="14:14">
      <c r="N411733" s="10"/>
    </row>
    <row r="411734" spans="14:14">
      <c r="N411734" s="10"/>
    </row>
    <row r="411735" spans="14:14">
      <c r="N411735" s="10"/>
    </row>
    <row r="411736" spans="14:14">
      <c r="N411736" s="10"/>
    </row>
    <row r="411737" spans="14:14">
      <c r="N411737" s="10"/>
    </row>
    <row r="411738" spans="14:14">
      <c r="N411738" s="10"/>
    </row>
    <row r="411739" spans="14:14">
      <c r="N411739" s="10"/>
    </row>
    <row r="411740" spans="14:14">
      <c r="N411740" s="10"/>
    </row>
    <row r="411741" spans="14:14">
      <c r="N411741" s="10"/>
    </row>
    <row r="411742" spans="14:14">
      <c r="N411742" s="10"/>
    </row>
    <row r="411743" spans="14:14">
      <c r="N411743" s="10"/>
    </row>
    <row r="411744" spans="14:14">
      <c r="N411744" s="10"/>
    </row>
    <row r="411745" spans="14:14">
      <c r="N411745" s="10"/>
    </row>
    <row r="411746" spans="14:14">
      <c r="N411746" s="10"/>
    </row>
    <row r="411747" spans="14:14">
      <c r="N411747" s="10"/>
    </row>
    <row r="411748" spans="14:14">
      <c r="N411748" s="10"/>
    </row>
    <row r="411749" spans="14:14">
      <c r="N411749" s="10"/>
    </row>
    <row r="411750" spans="14:14">
      <c r="N411750" s="10"/>
    </row>
    <row r="411751" spans="14:14">
      <c r="N411751" s="10"/>
    </row>
    <row r="411752" spans="14:14">
      <c r="N411752" s="10"/>
    </row>
    <row r="411753" spans="14:14">
      <c r="N411753" s="10"/>
    </row>
    <row r="411754" spans="14:14">
      <c r="N411754" s="10"/>
    </row>
    <row r="411755" spans="14:14">
      <c r="N411755" s="10"/>
    </row>
    <row r="411756" spans="14:14">
      <c r="N411756" s="10"/>
    </row>
    <row r="411757" spans="14:14">
      <c r="N411757" s="10"/>
    </row>
    <row r="411758" spans="14:14">
      <c r="N411758" s="10"/>
    </row>
    <row r="411759" spans="14:14">
      <c r="N411759" s="10"/>
    </row>
    <row r="411760" spans="14:14">
      <c r="N411760" s="10"/>
    </row>
    <row r="411761" spans="14:14">
      <c r="N411761" s="10"/>
    </row>
    <row r="411762" spans="14:14">
      <c r="N411762" s="10"/>
    </row>
    <row r="411763" spans="14:14">
      <c r="N411763" s="10"/>
    </row>
    <row r="411764" spans="14:14">
      <c r="N411764" s="10"/>
    </row>
    <row r="411765" spans="14:14">
      <c r="N411765" s="10"/>
    </row>
    <row r="411766" spans="14:14">
      <c r="N411766" s="10"/>
    </row>
    <row r="411767" spans="14:14">
      <c r="N411767" s="10"/>
    </row>
    <row r="411768" spans="14:14">
      <c r="N411768" s="10"/>
    </row>
    <row r="411769" spans="14:14">
      <c r="N411769" s="10"/>
    </row>
    <row r="411770" spans="14:14">
      <c r="N411770" s="10"/>
    </row>
    <row r="411771" spans="14:14">
      <c r="N411771" s="10"/>
    </row>
    <row r="411772" spans="14:14">
      <c r="N411772" s="10"/>
    </row>
    <row r="411773" spans="14:14">
      <c r="N411773" s="10"/>
    </row>
    <row r="411774" spans="14:14">
      <c r="N411774" s="10"/>
    </row>
    <row r="411775" spans="14:14">
      <c r="N411775" s="10"/>
    </row>
    <row r="411776" spans="14:14">
      <c r="N411776" s="10"/>
    </row>
    <row r="411777" spans="14:14">
      <c r="N411777" s="10"/>
    </row>
    <row r="411778" spans="14:14">
      <c r="N411778" s="10"/>
    </row>
    <row r="411779" spans="14:14">
      <c r="N411779" s="10"/>
    </row>
    <row r="411780" spans="14:14">
      <c r="N411780" s="10"/>
    </row>
    <row r="411781" spans="14:14">
      <c r="N411781" s="10"/>
    </row>
    <row r="411782" spans="14:14">
      <c r="N411782" s="10"/>
    </row>
    <row r="411783" spans="14:14">
      <c r="N411783" s="10"/>
    </row>
    <row r="411784" spans="14:14">
      <c r="N411784" s="10"/>
    </row>
    <row r="411785" spans="14:14">
      <c r="N411785" s="10"/>
    </row>
    <row r="411786" spans="14:14">
      <c r="N411786" s="10"/>
    </row>
    <row r="411787" spans="14:14">
      <c r="N411787" s="10"/>
    </row>
    <row r="411788" spans="14:14">
      <c r="N411788" s="10"/>
    </row>
    <row r="411789" spans="14:14">
      <c r="N411789" s="10"/>
    </row>
    <row r="411790" spans="14:14">
      <c r="N411790" s="10"/>
    </row>
    <row r="411791" spans="14:14">
      <c r="N411791" s="10"/>
    </row>
    <row r="411792" spans="14:14">
      <c r="N411792" s="10"/>
    </row>
    <row r="411793" spans="14:14">
      <c r="N411793" s="10"/>
    </row>
    <row r="411794" spans="14:14">
      <c r="N411794" s="10"/>
    </row>
    <row r="411795" spans="14:14">
      <c r="N411795" s="10"/>
    </row>
    <row r="411796" spans="14:14">
      <c r="N411796" s="10"/>
    </row>
    <row r="411797" spans="14:14">
      <c r="N411797" s="10"/>
    </row>
    <row r="411798" spans="14:14">
      <c r="N411798" s="10"/>
    </row>
    <row r="411799" spans="14:14">
      <c r="N411799" s="10"/>
    </row>
    <row r="411800" spans="14:14">
      <c r="N411800" s="10"/>
    </row>
    <row r="411801" spans="14:14">
      <c r="N411801" s="10"/>
    </row>
    <row r="411802" spans="14:14">
      <c r="N411802" s="10"/>
    </row>
    <row r="411803" spans="14:14">
      <c r="N411803" s="10"/>
    </row>
    <row r="411804" spans="14:14">
      <c r="N411804" s="10"/>
    </row>
    <row r="411805" spans="14:14">
      <c r="N411805" s="10"/>
    </row>
    <row r="411806" spans="14:14">
      <c r="N411806" s="10"/>
    </row>
    <row r="411807" spans="14:14">
      <c r="N411807" s="10"/>
    </row>
    <row r="411808" spans="14:14">
      <c r="N411808" s="10"/>
    </row>
    <row r="411809" spans="14:14">
      <c r="N411809" s="10"/>
    </row>
    <row r="411810" spans="14:14">
      <c r="N411810" s="10"/>
    </row>
    <row r="411811" spans="14:14">
      <c r="N411811" s="10"/>
    </row>
    <row r="411812" spans="14:14">
      <c r="N411812" s="10"/>
    </row>
    <row r="411813" spans="14:14">
      <c r="N411813" s="10"/>
    </row>
    <row r="411814" spans="14:14">
      <c r="N411814" s="10"/>
    </row>
    <row r="411815" spans="14:14">
      <c r="N411815" s="10"/>
    </row>
    <row r="411816" spans="14:14">
      <c r="N411816" s="10"/>
    </row>
    <row r="411817" spans="14:14">
      <c r="N411817" s="10"/>
    </row>
    <row r="411818" spans="14:14">
      <c r="N411818" s="10"/>
    </row>
    <row r="411819" spans="14:14">
      <c r="N411819" s="10"/>
    </row>
    <row r="411820" spans="14:14">
      <c r="N411820" s="10"/>
    </row>
    <row r="411821" spans="14:14">
      <c r="N411821" s="10"/>
    </row>
    <row r="411822" spans="14:14">
      <c r="N411822" s="10"/>
    </row>
    <row r="411823" spans="14:14">
      <c r="N411823" s="10"/>
    </row>
    <row r="411824" spans="14:14">
      <c r="N411824" s="10"/>
    </row>
    <row r="411825" spans="14:14">
      <c r="N411825" s="10"/>
    </row>
    <row r="411826" spans="14:14">
      <c r="N411826" s="10"/>
    </row>
    <row r="411827" spans="14:14">
      <c r="N411827" s="10"/>
    </row>
    <row r="411828" spans="14:14">
      <c r="N411828" s="10"/>
    </row>
    <row r="411829" spans="14:14">
      <c r="N411829" s="10"/>
    </row>
    <row r="411830" spans="14:14">
      <c r="N411830" s="10"/>
    </row>
    <row r="411831" spans="14:14">
      <c r="N411831" s="10"/>
    </row>
    <row r="411832" spans="14:14">
      <c r="N411832" s="10"/>
    </row>
    <row r="411833" spans="14:14">
      <c r="N411833" s="10"/>
    </row>
    <row r="411834" spans="14:14">
      <c r="N411834" s="10"/>
    </row>
    <row r="411835" spans="14:14">
      <c r="N411835" s="10"/>
    </row>
    <row r="411836" spans="14:14">
      <c r="N411836" s="10"/>
    </row>
    <row r="411837" spans="14:14">
      <c r="N411837" s="10"/>
    </row>
    <row r="411838" spans="14:14">
      <c r="N411838" s="10"/>
    </row>
    <row r="411839" spans="14:14">
      <c r="N411839" s="10"/>
    </row>
    <row r="411840" spans="14:14">
      <c r="N411840" s="10"/>
    </row>
    <row r="411841" spans="14:14">
      <c r="N411841" s="10"/>
    </row>
    <row r="411842" spans="14:14">
      <c r="N411842" s="10"/>
    </row>
    <row r="411843" spans="14:14">
      <c r="N411843" s="10"/>
    </row>
    <row r="411844" spans="14:14">
      <c r="N411844" s="10"/>
    </row>
    <row r="411845" spans="14:14">
      <c r="N411845" s="10"/>
    </row>
    <row r="411846" spans="14:14">
      <c r="N411846" s="10"/>
    </row>
    <row r="411847" spans="14:14">
      <c r="N411847" s="10"/>
    </row>
    <row r="411848" spans="14:14">
      <c r="N411848" s="10"/>
    </row>
    <row r="411849" spans="14:14">
      <c r="N411849" s="10"/>
    </row>
    <row r="411850" spans="14:14">
      <c r="N411850" s="10"/>
    </row>
    <row r="411851" spans="14:14">
      <c r="N411851" s="10"/>
    </row>
    <row r="411852" spans="14:14">
      <c r="N411852" s="10"/>
    </row>
    <row r="411853" spans="14:14">
      <c r="N411853" s="10"/>
    </row>
    <row r="411854" spans="14:14">
      <c r="N411854" s="10"/>
    </row>
    <row r="411855" spans="14:14">
      <c r="N411855" s="10"/>
    </row>
    <row r="411856" spans="14:14">
      <c r="N411856" s="10"/>
    </row>
    <row r="411857" spans="14:14">
      <c r="N411857" s="10"/>
    </row>
    <row r="411858" spans="14:14">
      <c r="N411858" s="10"/>
    </row>
    <row r="411859" spans="14:14">
      <c r="N411859" s="10"/>
    </row>
    <row r="411860" spans="14:14">
      <c r="N411860" s="10"/>
    </row>
    <row r="411861" spans="14:14">
      <c r="N411861" s="10"/>
    </row>
    <row r="411862" spans="14:14">
      <c r="N411862" s="10"/>
    </row>
    <row r="411863" spans="14:14">
      <c r="N411863" s="10"/>
    </row>
    <row r="411864" spans="14:14">
      <c r="N411864" s="10"/>
    </row>
    <row r="411865" spans="14:14">
      <c r="N411865" s="10"/>
    </row>
    <row r="411866" spans="14:14">
      <c r="N411866" s="10"/>
    </row>
    <row r="411867" spans="14:14">
      <c r="N411867" s="10"/>
    </row>
    <row r="411868" spans="14:14">
      <c r="N411868" s="10"/>
    </row>
    <row r="411869" spans="14:14">
      <c r="N411869" s="10"/>
    </row>
    <row r="411870" spans="14:14">
      <c r="N411870" s="10"/>
    </row>
    <row r="411871" spans="14:14">
      <c r="N411871" s="10"/>
    </row>
    <row r="411872" spans="14:14">
      <c r="N411872" s="10"/>
    </row>
    <row r="411873" spans="14:14">
      <c r="N411873" s="10"/>
    </row>
    <row r="411874" spans="14:14">
      <c r="N411874" s="10"/>
    </row>
    <row r="411875" spans="14:14">
      <c r="N411875" s="10"/>
    </row>
    <row r="411876" spans="14:14">
      <c r="N411876" s="10"/>
    </row>
    <row r="411877" spans="14:14">
      <c r="N411877" s="10"/>
    </row>
    <row r="411878" spans="14:14">
      <c r="N411878" s="10"/>
    </row>
    <row r="411879" spans="14:14">
      <c r="N411879" s="10"/>
    </row>
    <row r="411880" spans="14:14">
      <c r="N411880" s="10"/>
    </row>
    <row r="411881" spans="14:14">
      <c r="N411881" s="10"/>
    </row>
    <row r="411882" spans="14:14">
      <c r="N411882" s="10"/>
    </row>
    <row r="411883" spans="14:14">
      <c r="N411883" s="10"/>
    </row>
    <row r="411884" spans="14:14">
      <c r="N411884" s="10"/>
    </row>
    <row r="411885" spans="14:14">
      <c r="N411885" s="10"/>
    </row>
    <row r="411886" spans="14:14">
      <c r="N411886" s="10"/>
    </row>
    <row r="411887" spans="14:14">
      <c r="N411887" s="10"/>
    </row>
    <row r="411888" spans="14:14">
      <c r="N411888" s="10"/>
    </row>
    <row r="411889" spans="14:14">
      <c r="N411889" s="10"/>
    </row>
    <row r="411890" spans="14:14">
      <c r="N411890" s="10"/>
    </row>
    <row r="411891" spans="14:14">
      <c r="N411891" s="10"/>
    </row>
    <row r="411892" spans="14:14">
      <c r="N411892" s="10"/>
    </row>
    <row r="411893" spans="14:14">
      <c r="N411893" s="10"/>
    </row>
    <row r="411894" spans="14:14">
      <c r="N411894" s="10"/>
    </row>
    <row r="411895" spans="14:14">
      <c r="N411895" s="10"/>
    </row>
    <row r="411896" spans="14:14">
      <c r="N411896" s="10"/>
    </row>
    <row r="411897" spans="14:14">
      <c r="N411897" s="10"/>
    </row>
    <row r="411898" spans="14:14">
      <c r="N411898" s="10"/>
    </row>
    <row r="411899" spans="14:14">
      <c r="N411899" s="10"/>
    </row>
    <row r="411900" spans="14:14">
      <c r="N411900" s="10"/>
    </row>
    <row r="411901" spans="14:14">
      <c r="N411901" s="10"/>
    </row>
    <row r="411902" spans="14:14">
      <c r="N411902" s="10"/>
    </row>
    <row r="411903" spans="14:14">
      <c r="N411903" s="10"/>
    </row>
    <row r="411904" spans="14:14">
      <c r="N411904" s="10"/>
    </row>
    <row r="411905" spans="14:14">
      <c r="N411905" s="10"/>
    </row>
    <row r="411906" spans="14:14">
      <c r="N411906" s="10"/>
    </row>
    <row r="411907" spans="14:14">
      <c r="N411907" s="10"/>
    </row>
    <row r="411908" spans="14:14">
      <c r="N411908" s="10"/>
    </row>
    <row r="411909" spans="14:14">
      <c r="N411909" s="10"/>
    </row>
    <row r="411910" spans="14:14">
      <c r="N411910" s="10"/>
    </row>
    <row r="411911" spans="14:14">
      <c r="N411911" s="10"/>
    </row>
    <row r="411912" spans="14:14">
      <c r="N411912" s="10"/>
    </row>
    <row r="411913" spans="14:14">
      <c r="N411913" s="10"/>
    </row>
    <row r="411914" spans="14:14">
      <c r="N411914" s="10"/>
    </row>
    <row r="411915" spans="14:14">
      <c r="N411915" s="10"/>
    </row>
    <row r="411916" spans="14:14">
      <c r="N411916" s="10"/>
    </row>
    <row r="411917" spans="14:14">
      <c r="N411917" s="10"/>
    </row>
    <row r="411918" spans="14:14">
      <c r="N411918" s="10"/>
    </row>
    <row r="411919" spans="14:14">
      <c r="N411919" s="10"/>
    </row>
    <row r="411920" spans="14:14">
      <c r="N411920" s="10"/>
    </row>
    <row r="411921" spans="14:14">
      <c r="N411921" s="10"/>
    </row>
    <row r="411922" spans="14:14">
      <c r="N411922" s="10"/>
    </row>
    <row r="411923" spans="14:14">
      <c r="N411923" s="10"/>
    </row>
    <row r="411924" spans="14:14">
      <c r="N411924" s="10"/>
    </row>
    <row r="411925" spans="14:14">
      <c r="N411925" s="10"/>
    </row>
    <row r="411926" spans="14:14">
      <c r="N411926" s="10"/>
    </row>
    <row r="411927" spans="14:14">
      <c r="N411927" s="10"/>
    </row>
    <row r="411928" spans="14:14">
      <c r="N411928" s="10"/>
    </row>
    <row r="411929" spans="14:14">
      <c r="N411929" s="10"/>
    </row>
    <row r="411930" spans="14:14">
      <c r="N411930" s="10"/>
    </row>
    <row r="411931" spans="14:14">
      <c r="N411931" s="10"/>
    </row>
    <row r="411932" spans="14:14">
      <c r="N411932" s="10"/>
    </row>
    <row r="411933" spans="14:14">
      <c r="N411933" s="10"/>
    </row>
    <row r="411934" spans="14:14">
      <c r="N411934" s="10"/>
    </row>
    <row r="411935" spans="14:14">
      <c r="N411935" s="10"/>
    </row>
    <row r="411936" spans="14:14">
      <c r="N411936" s="10"/>
    </row>
    <row r="411937" spans="14:14">
      <c r="N411937" s="10"/>
    </row>
    <row r="411938" spans="14:14">
      <c r="N411938" s="10"/>
    </row>
    <row r="411939" spans="14:14">
      <c r="N411939" s="10"/>
    </row>
    <row r="411940" spans="14:14">
      <c r="N411940" s="10"/>
    </row>
    <row r="411941" spans="14:14">
      <c r="N411941" s="10"/>
    </row>
    <row r="411942" spans="14:14">
      <c r="N411942" s="10"/>
    </row>
    <row r="411943" spans="14:14">
      <c r="N411943" s="10"/>
    </row>
    <row r="411944" spans="14:14">
      <c r="N411944" s="10"/>
    </row>
    <row r="411945" spans="14:14">
      <c r="N411945" s="10"/>
    </row>
    <row r="411946" spans="14:14">
      <c r="N411946" s="10"/>
    </row>
    <row r="411947" spans="14:14">
      <c r="N411947" s="10"/>
    </row>
    <row r="411948" spans="14:14">
      <c r="N411948" s="10"/>
    </row>
    <row r="411949" spans="14:14">
      <c r="N411949" s="10"/>
    </row>
    <row r="411950" spans="14:14">
      <c r="N411950" s="10"/>
    </row>
    <row r="411951" spans="14:14">
      <c r="N411951" s="10"/>
    </row>
    <row r="411952" spans="14:14">
      <c r="N411952" s="10"/>
    </row>
    <row r="411953" spans="14:14">
      <c r="N411953" s="10"/>
    </row>
    <row r="411954" spans="14:14">
      <c r="N411954" s="10"/>
    </row>
    <row r="411955" spans="14:14">
      <c r="N411955" s="10"/>
    </row>
    <row r="411956" spans="14:14">
      <c r="N411956" s="10"/>
    </row>
    <row r="411957" spans="14:14">
      <c r="N411957" s="10"/>
    </row>
    <row r="411958" spans="14:14">
      <c r="N411958" s="10"/>
    </row>
    <row r="411959" spans="14:14">
      <c r="N411959" s="10"/>
    </row>
    <row r="411960" spans="14:14">
      <c r="N411960" s="10"/>
    </row>
    <row r="411961" spans="14:14">
      <c r="N411961" s="10"/>
    </row>
    <row r="411962" spans="14:14">
      <c r="N411962" s="10"/>
    </row>
    <row r="411963" spans="14:14">
      <c r="N411963" s="10"/>
    </row>
    <row r="411964" spans="14:14">
      <c r="N411964" s="10"/>
    </row>
    <row r="411965" spans="14:14">
      <c r="N411965" s="10"/>
    </row>
    <row r="411966" spans="14:14">
      <c r="N411966" s="10"/>
    </row>
    <row r="411967" spans="14:14">
      <c r="N411967" s="10"/>
    </row>
    <row r="411968" spans="14:14">
      <c r="N411968" s="10"/>
    </row>
    <row r="411969" spans="14:14">
      <c r="N411969" s="10"/>
    </row>
    <row r="411970" spans="14:14">
      <c r="N411970" s="10"/>
    </row>
    <row r="411971" spans="14:14">
      <c r="N411971" s="10"/>
    </row>
    <row r="411972" spans="14:14">
      <c r="N411972" s="10"/>
    </row>
    <row r="411973" spans="14:14">
      <c r="N411973" s="10"/>
    </row>
    <row r="411974" spans="14:14">
      <c r="N411974" s="10"/>
    </row>
    <row r="411975" spans="14:14">
      <c r="N411975" s="10"/>
    </row>
    <row r="411976" spans="14:14">
      <c r="N411976" s="10"/>
    </row>
    <row r="411977" spans="14:14">
      <c r="N411977" s="10"/>
    </row>
    <row r="411978" spans="14:14">
      <c r="N411978" s="10"/>
    </row>
    <row r="411979" spans="14:14">
      <c r="N411979" s="10"/>
    </row>
    <row r="411980" spans="14:14">
      <c r="N411980" s="10"/>
    </row>
    <row r="411981" spans="14:14">
      <c r="N411981" s="10"/>
    </row>
    <row r="411982" spans="14:14">
      <c r="N411982" s="10"/>
    </row>
    <row r="411983" spans="14:14">
      <c r="N411983" s="10"/>
    </row>
    <row r="411984" spans="14:14">
      <c r="N411984" s="10"/>
    </row>
    <row r="411985" spans="14:14">
      <c r="N411985" s="10"/>
    </row>
    <row r="411986" spans="14:14">
      <c r="N411986" s="10"/>
    </row>
    <row r="411987" spans="14:14">
      <c r="N411987" s="10"/>
    </row>
    <row r="411988" spans="14:14">
      <c r="N411988" s="10"/>
    </row>
    <row r="411989" spans="14:14">
      <c r="N411989" s="10"/>
    </row>
    <row r="411990" spans="14:14">
      <c r="N411990" s="10"/>
    </row>
    <row r="411991" spans="14:14">
      <c r="N411991" s="10"/>
    </row>
    <row r="411992" spans="14:14">
      <c r="N411992" s="10"/>
    </row>
    <row r="411993" spans="14:14">
      <c r="N411993" s="10"/>
    </row>
    <row r="411994" spans="14:14">
      <c r="N411994" s="10"/>
    </row>
    <row r="411995" spans="14:14">
      <c r="N411995" s="10"/>
    </row>
    <row r="411996" spans="14:14">
      <c r="N411996" s="10"/>
    </row>
    <row r="411997" spans="14:14">
      <c r="N411997" s="10"/>
    </row>
    <row r="411998" spans="14:14">
      <c r="N411998" s="10"/>
    </row>
    <row r="411999" spans="14:14">
      <c r="N411999" s="10"/>
    </row>
    <row r="412000" spans="14:14">
      <c r="N412000" s="10"/>
    </row>
    <row r="412001" spans="14:14">
      <c r="N412001" s="10"/>
    </row>
    <row r="412002" spans="14:14">
      <c r="N412002" s="10"/>
    </row>
    <row r="412003" spans="14:14">
      <c r="N412003" s="10"/>
    </row>
    <row r="412004" spans="14:14">
      <c r="N412004" s="10"/>
    </row>
    <row r="412005" spans="14:14">
      <c r="N412005" s="10"/>
    </row>
    <row r="412006" spans="14:14">
      <c r="N412006" s="10"/>
    </row>
    <row r="412007" spans="14:14">
      <c r="N412007" s="10"/>
    </row>
    <row r="412008" spans="14:14">
      <c r="N412008" s="10"/>
    </row>
    <row r="412009" spans="14:14">
      <c r="N412009" s="10"/>
    </row>
    <row r="412010" spans="14:14">
      <c r="N412010" s="10"/>
    </row>
    <row r="412011" spans="14:14">
      <c r="N412011" s="10"/>
    </row>
    <row r="412012" spans="14:14">
      <c r="N412012" s="10"/>
    </row>
    <row r="412013" spans="14:14">
      <c r="N412013" s="10"/>
    </row>
    <row r="412014" spans="14:14">
      <c r="N412014" s="10"/>
    </row>
    <row r="412015" spans="14:14">
      <c r="N412015" s="10"/>
    </row>
    <row r="412016" spans="14:14">
      <c r="N412016" s="10"/>
    </row>
    <row r="412017" spans="14:14">
      <c r="N412017" s="10"/>
    </row>
    <row r="412018" spans="14:14">
      <c r="N412018" s="10"/>
    </row>
    <row r="412019" spans="14:14">
      <c r="N412019" s="10"/>
    </row>
    <row r="412020" spans="14:14">
      <c r="N412020" s="10"/>
    </row>
    <row r="412021" spans="14:14">
      <c r="N412021" s="10"/>
    </row>
    <row r="412022" spans="14:14">
      <c r="N412022" s="10"/>
    </row>
    <row r="412023" spans="14:14">
      <c r="N412023" s="10"/>
    </row>
    <row r="412024" spans="14:14">
      <c r="N412024" s="10"/>
    </row>
    <row r="412025" spans="14:14">
      <c r="N412025" s="10"/>
    </row>
    <row r="412026" spans="14:14">
      <c r="N412026" s="10"/>
    </row>
    <row r="412027" spans="14:14">
      <c r="N412027" s="10"/>
    </row>
    <row r="412028" spans="14:14">
      <c r="N412028" s="10"/>
    </row>
    <row r="412029" spans="14:14">
      <c r="N412029" s="10"/>
    </row>
    <row r="412030" spans="14:14">
      <c r="N412030" s="10"/>
    </row>
    <row r="412031" spans="14:14">
      <c r="N412031" s="10"/>
    </row>
    <row r="412032" spans="14:14">
      <c r="N412032" s="10"/>
    </row>
    <row r="412033" spans="14:14">
      <c r="N412033" s="10"/>
    </row>
    <row r="412034" spans="14:14">
      <c r="N412034" s="10"/>
    </row>
    <row r="412035" spans="14:14">
      <c r="N412035" s="10"/>
    </row>
    <row r="412036" spans="14:14">
      <c r="N412036" s="10"/>
    </row>
    <row r="412037" spans="14:14">
      <c r="N412037" s="10"/>
    </row>
    <row r="412038" spans="14:14">
      <c r="N412038" s="10"/>
    </row>
    <row r="412039" spans="14:14">
      <c r="N412039" s="10"/>
    </row>
    <row r="412040" spans="14:14">
      <c r="N412040" s="10"/>
    </row>
    <row r="412041" spans="14:14">
      <c r="N412041" s="10"/>
    </row>
    <row r="412042" spans="14:14">
      <c r="N412042" s="10"/>
    </row>
    <row r="412043" spans="14:14">
      <c r="N412043" s="10"/>
    </row>
    <row r="412044" spans="14:14">
      <c r="N412044" s="10"/>
    </row>
    <row r="412045" spans="14:14">
      <c r="N412045" s="10"/>
    </row>
    <row r="412046" spans="14:14">
      <c r="N412046" s="10"/>
    </row>
    <row r="412047" spans="14:14">
      <c r="N412047" s="10"/>
    </row>
    <row r="412048" spans="14:14">
      <c r="N412048" s="10"/>
    </row>
    <row r="412049" spans="14:14">
      <c r="N412049" s="10"/>
    </row>
    <row r="412050" spans="14:14">
      <c r="N412050" s="10"/>
    </row>
    <row r="412051" spans="14:14">
      <c r="N412051" s="10"/>
    </row>
    <row r="412052" spans="14:14">
      <c r="N412052" s="10"/>
    </row>
    <row r="412053" spans="14:14">
      <c r="N412053" s="10"/>
    </row>
    <row r="412054" spans="14:14">
      <c r="N412054" s="10"/>
    </row>
    <row r="412055" spans="14:14">
      <c r="N412055" s="10"/>
    </row>
    <row r="412056" spans="14:14">
      <c r="N412056" s="10"/>
    </row>
    <row r="412057" spans="14:14">
      <c r="N412057" s="10"/>
    </row>
    <row r="412058" spans="14:14">
      <c r="N412058" s="10"/>
    </row>
    <row r="412059" spans="14:14">
      <c r="N412059" s="10"/>
    </row>
    <row r="412060" spans="14:14">
      <c r="N412060" s="10"/>
    </row>
    <row r="412061" spans="14:14">
      <c r="N412061" s="10"/>
    </row>
    <row r="412062" spans="14:14">
      <c r="N412062" s="10"/>
    </row>
    <row r="412063" spans="14:14">
      <c r="N412063" s="10"/>
    </row>
    <row r="412064" spans="14:14">
      <c r="N412064" s="10"/>
    </row>
    <row r="412065" spans="14:14">
      <c r="N412065" s="10"/>
    </row>
    <row r="412066" spans="14:14">
      <c r="N412066" s="10"/>
    </row>
    <row r="412067" spans="14:14">
      <c r="N412067" s="10"/>
    </row>
    <row r="412068" spans="14:14">
      <c r="N412068" s="10"/>
    </row>
    <row r="412069" spans="14:14">
      <c r="N412069" s="10"/>
    </row>
    <row r="412070" spans="14:14">
      <c r="N412070" s="10"/>
    </row>
    <row r="412071" spans="14:14">
      <c r="N412071" s="10"/>
    </row>
    <row r="412072" spans="14:14">
      <c r="N412072" s="10"/>
    </row>
    <row r="412073" spans="14:14">
      <c r="N412073" s="10"/>
    </row>
    <row r="412074" spans="14:14">
      <c r="N412074" s="10"/>
    </row>
    <row r="412075" spans="14:14">
      <c r="N412075" s="10"/>
    </row>
    <row r="412076" spans="14:14">
      <c r="N412076" s="10"/>
    </row>
    <row r="412077" spans="14:14">
      <c r="N412077" s="10"/>
    </row>
    <row r="412078" spans="14:14">
      <c r="N412078" s="10"/>
    </row>
    <row r="412079" spans="14:14">
      <c r="N412079" s="10"/>
    </row>
    <row r="412080" spans="14:14">
      <c r="N412080" s="10"/>
    </row>
    <row r="412081" spans="14:14">
      <c r="N412081" s="10"/>
    </row>
    <row r="412082" spans="14:14">
      <c r="N412082" s="10"/>
    </row>
    <row r="412083" spans="14:14">
      <c r="N412083" s="10"/>
    </row>
    <row r="412084" spans="14:14">
      <c r="N412084" s="10"/>
    </row>
    <row r="412085" spans="14:14">
      <c r="N412085" s="10"/>
    </row>
    <row r="412086" spans="14:14">
      <c r="N412086" s="10"/>
    </row>
    <row r="412087" spans="14:14">
      <c r="N412087" s="10"/>
    </row>
    <row r="412088" spans="14:14">
      <c r="N412088" s="10"/>
    </row>
    <row r="412089" spans="14:14">
      <c r="N412089" s="10"/>
    </row>
    <row r="412090" spans="14:14">
      <c r="N412090" s="10"/>
    </row>
    <row r="412091" spans="14:14">
      <c r="N412091" s="10"/>
    </row>
    <row r="412092" spans="14:14">
      <c r="N412092" s="10"/>
    </row>
    <row r="412093" spans="14:14">
      <c r="N412093" s="10"/>
    </row>
    <row r="412094" spans="14:14">
      <c r="N412094" s="10"/>
    </row>
    <row r="412095" spans="14:14">
      <c r="N412095" s="10"/>
    </row>
    <row r="412096" spans="14:14">
      <c r="N412096" s="10"/>
    </row>
    <row r="412097" spans="14:14">
      <c r="N412097" s="10"/>
    </row>
    <row r="412098" spans="14:14">
      <c r="N412098" s="10"/>
    </row>
    <row r="412099" spans="14:14">
      <c r="N412099" s="10"/>
    </row>
    <row r="412100" spans="14:14">
      <c r="N412100" s="10"/>
    </row>
    <row r="412101" spans="14:14">
      <c r="N412101" s="10"/>
    </row>
    <row r="412102" spans="14:14">
      <c r="N412102" s="10"/>
    </row>
    <row r="412103" spans="14:14">
      <c r="N412103" s="10"/>
    </row>
    <row r="412104" spans="14:14">
      <c r="N412104" s="10"/>
    </row>
    <row r="412105" spans="14:14">
      <c r="N412105" s="10"/>
    </row>
    <row r="412106" spans="14:14">
      <c r="N412106" s="10"/>
    </row>
    <row r="412107" spans="14:14">
      <c r="N412107" s="10"/>
    </row>
    <row r="412108" spans="14:14">
      <c r="N412108" s="10"/>
    </row>
    <row r="412109" spans="14:14">
      <c r="N412109" s="10"/>
    </row>
    <row r="412110" spans="14:14">
      <c r="N412110" s="10"/>
    </row>
    <row r="412111" spans="14:14">
      <c r="N412111" s="10"/>
    </row>
    <row r="412112" spans="14:14">
      <c r="N412112" s="10"/>
    </row>
    <row r="412113" spans="14:14">
      <c r="N412113" s="10"/>
    </row>
    <row r="412114" spans="14:14">
      <c r="N412114" s="10"/>
    </row>
    <row r="412115" spans="14:14">
      <c r="N412115" s="10"/>
    </row>
    <row r="412116" spans="14:14">
      <c r="N412116" s="10"/>
    </row>
    <row r="412117" spans="14:14">
      <c r="N412117" s="10"/>
    </row>
    <row r="412118" spans="14:14">
      <c r="N412118" s="10"/>
    </row>
    <row r="412119" spans="14:14">
      <c r="N412119" s="10"/>
    </row>
    <row r="412120" spans="14:14">
      <c r="N412120" s="10"/>
    </row>
    <row r="412121" spans="14:14">
      <c r="N412121" s="10"/>
    </row>
    <row r="412122" spans="14:14">
      <c r="N412122" s="10"/>
    </row>
    <row r="412123" spans="14:14">
      <c r="N412123" s="10"/>
    </row>
    <row r="412124" spans="14:14">
      <c r="N412124" s="10"/>
    </row>
    <row r="412125" spans="14:14">
      <c r="N412125" s="10"/>
    </row>
    <row r="412126" spans="14:14">
      <c r="N412126" s="10"/>
    </row>
    <row r="412127" spans="14:14">
      <c r="N412127" s="10"/>
    </row>
    <row r="412128" spans="14:14">
      <c r="N412128" s="10"/>
    </row>
    <row r="412129" spans="14:14">
      <c r="N412129" s="10"/>
    </row>
    <row r="412130" spans="14:14">
      <c r="N412130" s="10"/>
    </row>
    <row r="412131" spans="14:14">
      <c r="N412131" s="10"/>
    </row>
    <row r="412132" spans="14:14">
      <c r="N412132" s="10"/>
    </row>
    <row r="412133" spans="14:14">
      <c r="N412133" s="10"/>
    </row>
    <row r="412134" spans="14:14">
      <c r="N412134" s="10"/>
    </row>
    <row r="412135" spans="14:14">
      <c r="N412135" s="10"/>
    </row>
    <row r="412136" spans="14:14">
      <c r="N412136" s="10"/>
    </row>
    <row r="412137" spans="14:14">
      <c r="N412137" s="10"/>
    </row>
    <row r="412138" spans="14:14">
      <c r="N412138" s="10"/>
    </row>
    <row r="412139" spans="14:14">
      <c r="N412139" s="10"/>
    </row>
    <row r="412140" spans="14:14">
      <c r="N412140" s="10"/>
    </row>
    <row r="412141" spans="14:14">
      <c r="N412141" s="10"/>
    </row>
    <row r="412142" spans="14:14">
      <c r="N412142" s="10"/>
    </row>
    <row r="412143" spans="14:14">
      <c r="N412143" s="10"/>
    </row>
    <row r="412144" spans="14:14">
      <c r="N412144" s="10"/>
    </row>
    <row r="412145" spans="14:14">
      <c r="N412145" s="10"/>
    </row>
    <row r="412146" spans="14:14">
      <c r="N412146" s="10"/>
    </row>
    <row r="412147" spans="14:14">
      <c r="N412147" s="10"/>
    </row>
    <row r="412148" spans="14:14">
      <c r="N412148" s="10"/>
    </row>
    <row r="412149" spans="14:14">
      <c r="N412149" s="10"/>
    </row>
    <row r="412150" spans="14:14">
      <c r="N412150" s="10"/>
    </row>
    <row r="412151" spans="14:14">
      <c r="N412151" s="10"/>
    </row>
    <row r="412152" spans="14:14">
      <c r="N412152" s="10"/>
    </row>
    <row r="412153" spans="14:14">
      <c r="N412153" s="10"/>
    </row>
    <row r="412154" spans="14:14">
      <c r="N412154" s="10"/>
    </row>
    <row r="412155" spans="14:14">
      <c r="N412155" s="10"/>
    </row>
    <row r="412156" spans="14:14">
      <c r="N412156" s="10"/>
    </row>
    <row r="412157" spans="14:14">
      <c r="N412157" s="10"/>
    </row>
    <row r="412158" spans="14:14">
      <c r="N412158" s="10"/>
    </row>
    <row r="412159" spans="14:14">
      <c r="N412159" s="10"/>
    </row>
    <row r="412160" spans="14:14">
      <c r="N412160" s="10"/>
    </row>
    <row r="412161" spans="14:14">
      <c r="N412161" s="10"/>
    </row>
    <row r="412162" spans="14:14">
      <c r="N412162" s="10"/>
    </row>
    <row r="412163" spans="14:14">
      <c r="N412163" s="10"/>
    </row>
    <row r="412164" spans="14:14">
      <c r="N412164" s="10"/>
    </row>
    <row r="412165" spans="14:14">
      <c r="N412165" s="10"/>
    </row>
    <row r="412166" spans="14:14">
      <c r="N412166" s="10"/>
    </row>
    <row r="412167" spans="14:14">
      <c r="N412167" s="10"/>
    </row>
    <row r="412168" spans="14:14">
      <c r="N412168" s="10"/>
    </row>
    <row r="412169" spans="14:14">
      <c r="N412169" s="10"/>
    </row>
    <row r="412170" spans="14:14">
      <c r="N412170" s="10"/>
    </row>
    <row r="412171" spans="14:14">
      <c r="N412171" s="10"/>
    </row>
    <row r="412172" spans="14:14">
      <c r="N412172" s="10"/>
    </row>
    <row r="412173" spans="14:14">
      <c r="N412173" s="10"/>
    </row>
    <row r="412174" spans="14:14">
      <c r="N412174" s="10"/>
    </row>
    <row r="412175" spans="14:14">
      <c r="N412175" s="10"/>
    </row>
    <row r="412176" spans="14:14">
      <c r="N412176" s="10"/>
    </row>
    <row r="412177" spans="14:14">
      <c r="N412177" s="10"/>
    </row>
    <row r="412178" spans="14:14">
      <c r="N412178" s="10"/>
    </row>
    <row r="412179" spans="14:14">
      <c r="N412179" s="10"/>
    </row>
    <row r="412180" spans="14:14">
      <c r="N412180" s="10"/>
    </row>
    <row r="412181" spans="14:14">
      <c r="N412181" s="10"/>
    </row>
    <row r="412182" spans="14:14">
      <c r="N412182" s="10"/>
    </row>
    <row r="412183" spans="14:14">
      <c r="N412183" s="10"/>
    </row>
    <row r="412184" spans="14:14">
      <c r="N412184" s="10"/>
    </row>
    <row r="412185" spans="14:14">
      <c r="N412185" s="10"/>
    </row>
    <row r="412186" spans="14:14">
      <c r="N412186" s="10"/>
    </row>
    <row r="412187" spans="14:14">
      <c r="N412187" s="10"/>
    </row>
    <row r="412188" spans="14:14">
      <c r="N412188" s="10"/>
    </row>
    <row r="412189" spans="14:14">
      <c r="N412189" s="10"/>
    </row>
    <row r="412190" spans="14:14">
      <c r="N412190" s="10"/>
    </row>
    <row r="412191" spans="14:14">
      <c r="N412191" s="10"/>
    </row>
    <row r="412192" spans="14:14">
      <c r="N412192" s="10"/>
    </row>
    <row r="412193" spans="14:14">
      <c r="N412193" s="10"/>
    </row>
    <row r="412194" spans="14:14">
      <c r="N412194" s="10"/>
    </row>
    <row r="412195" spans="14:14">
      <c r="N412195" s="10"/>
    </row>
    <row r="412196" spans="14:14">
      <c r="N412196" s="10"/>
    </row>
    <row r="412197" spans="14:14">
      <c r="N412197" s="10"/>
    </row>
    <row r="412198" spans="14:14">
      <c r="N412198" s="10"/>
    </row>
    <row r="412199" spans="14:14">
      <c r="N412199" s="10"/>
    </row>
    <row r="412200" spans="14:14">
      <c r="N412200" s="10"/>
    </row>
    <row r="412201" spans="14:14">
      <c r="N412201" s="10"/>
    </row>
    <row r="412202" spans="14:14">
      <c r="N412202" s="10"/>
    </row>
    <row r="412203" spans="14:14">
      <c r="N412203" s="10"/>
    </row>
    <row r="412204" spans="14:14">
      <c r="N412204" s="10"/>
    </row>
    <row r="412205" spans="14:14">
      <c r="N412205" s="10"/>
    </row>
    <row r="412206" spans="14:14">
      <c r="N412206" s="10"/>
    </row>
    <row r="412207" spans="14:14">
      <c r="N412207" s="10"/>
    </row>
    <row r="412208" spans="14:14">
      <c r="N412208" s="10"/>
    </row>
    <row r="412209" spans="14:14">
      <c r="N412209" s="10"/>
    </row>
    <row r="412210" spans="14:14">
      <c r="N412210" s="10"/>
    </row>
    <row r="412211" spans="14:14">
      <c r="N412211" s="10"/>
    </row>
    <row r="412212" spans="14:14">
      <c r="N412212" s="10"/>
    </row>
    <row r="412213" spans="14:14">
      <c r="N412213" s="10"/>
    </row>
    <row r="412214" spans="14:14">
      <c r="N412214" s="10"/>
    </row>
    <row r="412215" spans="14:14">
      <c r="N412215" s="10"/>
    </row>
    <row r="412216" spans="14:14">
      <c r="N412216" s="10"/>
    </row>
    <row r="412217" spans="14:14">
      <c r="N412217" s="10"/>
    </row>
    <row r="412218" spans="14:14">
      <c r="N412218" s="10"/>
    </row>
    <row r="412219" spans="14:14">
      <c r="N412219" s="10"/>
    </row>
    <row r="412220" spans="14:14">
      <c r="N412220" s="10"/>
    </row>
    <row r="412221" spans="14:14">
      <c r="N412221" s="10"/>
    </row>
    <row r="412222" spans="14:14">
      <c r="N412222" s="10"/>
    </row>
    <row r="412223" spans="14:14">
      <c r="N412223" s="10"/>
    </row>
    <row r="412224" spans="14:14">
      <c r="N412224" s="10"/>
    </row>
    <row r="412225" spans="14:14">
      <c r="N412225" s="10"/>
    </row>
    <row r="412226" spans="14:14">
      <c r="N412226" s="10"/>
    </row>
    <row r="412227" spans="14:14">
      <c r="N412227" s="10"/>
    </row>
    <row r="412228" spans="14:14">
      <c r="N412228" s="10"/>
    </row>
    <row r="412229" spans="14:14">
      <c r="N412229" s="10"/>
    </row>
    <row r="412230" spans="14:14">
      <c r="N412230" s="10"/>
    </row>
    <row r="412231" spans="14:14">
      <c r="N412231" s="10"/>
    </row>
    <row r="412232" spans="14:14">
      <c r="N412232" s="10"/>
    </row>
    <row r="412233" spans="14:14">
      <c r="N412233" s="10"/>
    </row>
    <row r="412234" spans="14:14">
      <c r="N412234" s="10"/>
    </row>
    <row r="412235" spans="14:14">
      <c r="N412235" s="10"/>
    </row>
    <row r="412236" spans="14:14">
      <c r="N412236" s="10"/>
    </row>
    <row r="412237" spans="14:14">
      <c r="N412237" s="10"/>
    </row>
    <row r="412238" spans="14:14">
      <c r="N412238" s="10"/>
    </row>
    <row r="412239" spans="14:14">
      <c r="N412239" s="10"/>
    </row>
    <row r="412240" spans="14:14">
      <c r="N412240" s="10"/>
    </row>
    <row r="412241" spans="14:14">
      <c r="N412241" s="10"/>
    </row>
    <row r="412242" spans="14:14">
      <c r="N412242" s="10"/>
    </row>
    <row r="412243" spans="14:14">
      <c r="N412243" s="10"/>
    </row>
    <row r="412244" spans="14:14">
      <c r="N412244" s="10"/>
    </row>
    <row r="412245" spans="14:14">
      <c r="N412245" s="10"/>
    </row>
    <row r="412246" spans="14:14">
      <c r="N412246" s="10"/>
    </row>
    <row r="412247" spans="14:14">
      <c r="N412247" s="10"/>
    </row>
    <row r="412248" spans="14:14">
      <c r="N412248" s="10"/>
    </row>
    <row r="412249" spans="14:14">
      <c r="N412249" s="10"/>
    </row>
    <row r="412250" spans="14:14">
      <c r="N412250" s="10"/>
    </row>
    <row r="412251" spans="14:14">
      <c r="N412251" s="10"/>
    </row>
    <row r="412252" spans="14:14">
      <c r="N412252" s="10"/>
    </row>
    <row r="412253" spans="14:14">
      <c r="N412253" s="10"/>
    </row>
    <row r="412254" spans="14:14">
      <c r="N412254" s="10"/>
    </row>
    <row r="412255" spans="14:14">
      <c r="N412255" s="10"/>
    </row>
    <row r="412256" spans="14:14">
      <c r="N412256" s="10"/>
    </row>
    <row r="412257" spans="14:14">
      <c r="N412257" s="10"/>
    </row>
    <row r="412258" spans="14:14">
      <c r="N412258" s="10"/>
    </row>
    <row r="412259" spans="14:14">
      <c r="N412259" s="10"/>
    </row>
    <row r="412260" spans="14:14">
      <c r="N412260" s="10"/>
    </row>
    <row r="412261" spans="14:14">
      <c r="N412261" s="10"/>
    </row>
    <row r="412262" spans="14:14">
      <c r="N412262" s="10"/>
    </row>
    <row r="412263" spans="14:14">
      <c r="N412263" s="10"/>
    </row>
    <row r="412264" spans="14:14">
      <c r="N412264" s="10"/>
    </row>
    <row r="412265" spans="14:14">
      <c r="N412265" s="10"/>
    </row>
    <row r="412266" spans="14:14">
      <c r="N412266" s="10"/>
    </row>
    <row r="412267" spans="14:14">
      <c r="N412267" s="10"/>
    </row>
    <row r="412268" spans="14:14">
      <c r="N412268" s="10"/>
    </row>
    <row r="412269" spans="14:14">
      <c r="N412269" s="10"/>
    </row>
    <row r="412270" spans="14:14">
      <c r="N412270" s="10"/>
    </row>
    <row r="412271" spans="14:14">
      <c r="N412271" s="10"/>
    </row>
    <row r="412272" spans="14:14">
      <c r="N412272" s="10"/>
    </row>
    <row r="412273" spans="14:14">
      <c r="N412273" s="10"/>
    </row>
    <row r="412274" spans="14:14">
      <c r="N412274" s="10"/>
    </row>
    <row r="412275" spans="14:14">
      <c r="N412275" s="10"/>
    </row>
    <row r="412276" spans="14:14">
      <c r="N412276" s="10"/>
    </row>
    <row r="412277" spans="14:14">
      <c r="N412277" s="10"/>
    </row>
    <row r="412278" spans="14:14">
      <c r="N412278" s="10"/>
    </row>
    <row r="412279" spans="14:14">
      <c r="N412279" s="10"/>
    </row>
    <row r="412280" spans="14:14">
      <c r="N412280" s="10"/>
    </row>
    <row r="412281" spans="14:14">
      <c r="N412281" s="10"/>
    </row>
    <row r="412282" spans="14:14">
      <c r="N412282" s="10"/>
    </row>
    <row r="412283" spans="14:14">
      <c r="N412283" s="10"/>
    </row>
    <row r="412284" spans="14:14">
      <c r="N412284" s="10"/>
    </row>
    <row r="412285" spans="14:14">
      <c r="N412285" s="10"/>
    </row>
    <row r="412286" spans="14:14">
      <c r="N412286" s="10"/>
    </row>
    <row r="412287" spans="14:14">
      <c r="N412287" s="10"/>
    </row>
    <row r="412288" spans="14:14">
      <c r="N412288" s="10"/>
    </row>
    <row r="412289" spans="14:14">
      <c r="N412289" s="10"/>
    </row>
    <row r="412290" spans="14:14">
      <c r="N412290" s="10"/>
    </row>
    <row r="412291" spans="14:14">
      <c r="N412291" s="10"/>
    </row>
    <row r="412292" spans="14:14">
      <c r="N412292" s="10"/>
    </row>
    <row r="412293" spans="14:14">
      <c r="N412293" s="10"/>
    </row>
    <row r="412294" spans="14:14">
      <c r="N412294" s="10"/>
    </row>
    <row r="412295" spans="14:14">
      <c r="N412295" s="10"/>
    </row>
    <row r="412296" spans="14:14">
      <c r="N412296" s="10"/>
    </row>
    <row r="412297" spans="14:14">
      <c r="N412297" s="10"/>
    </row>
    <row r="412298" spans="14:14">
      <c r="N412298" s="10"/>
    </row>
    <row r="412299" spans="14:14">
      <c r="N412299" s="10"/>
    </row>
    <row r="412300" spans="14:14">
      <c r="N412300" s="10"/>
    </row>
    <row r="412301" spans="14:14">
      <c r="N412301" s="10"/>
    </row>
    <row r="412302" spans="14:14">
      <c r="N412302" s="10"/>
    </row>
    <row r="412303" spans="14:14">
      <c r="N412303" s="10"/>
    </row>
    <row r="412304" spans="14:14">
      <c r="N412304" s="10"/>
    </row>
    <row r="412305" spans="14:14">
      <c r="N412305" s="10"/>
    </row>
    <row r="412306" spans="14:14">
      <c r="N412306" s="10"/>
    </row>
    <row r="412307" spans="14:14">
      <c r="N412307" s="10"/>
    </row>
    <row r="412308" spans="14:14">
      <c r="N412308" s="10"/>
    </row>
    <row r="412309" spans="14:14">
      <c r="N412309" s="10"/>
    </row>
    <row r="412310" spans="14:14">
      <c r="N412310" s="10"/>
    </row>
    <row r="412311" spans="14:14">
      <c r="N412311" s="10"/>
    </row>
    <row r="412312" spans="14:14">
      <c r="N412312" s="10"/>
    </row>
    <row r="412313" spans="14:14">
      <c r="N412313" s="10"/>
    </row>
    <row r="412314" spans="14:14">
      <c r="N412314" s="10"/>
    </row>
    <row r="412315" spans="14:14">
      <c r="N412315" s="10"/>
    </row>
    <row r="412316" spans="14:14">
      <c r="N412316" s="10"/>
    </row>
    <row r="412317" spans="14:14">
      <c r="N412317" s="10"/>
    </row>
    <row r="412318" spans="14:14">
      <c r="N412318" s="10"/>
    </row>
    <row r="412319" spans="14:14">
      <c r="N412319" s="10"/>
    </row>
    <row r="412320" spans="14:14">
      <c r="N412320" s="10"/>
    </row>
    <row r="412321" spans="14:14">
      <c r="N412321" s="10"/>
    </row>
    <row r="412322" spans="14:14">
      <c r="N412322" s="10"/>
    </row>
    <row r="412323" spans="14:14">
      <c r="N412323" s="10"/>
    </row>
    <row r="412324" spans="14:14">
      <c r="N412324" s="10"/>
    </row>
    <row r="412325" spans="14:14">
      <c r="N412325" s="10"/>
    </row>
    <row r="412326" spans="14:14">
      <c r="N412326" s="10"/>
    </row>
    <row r="412327" spans="14:14">
      <c r="N412327" s="10"/>
    </row>
    <row r="412328" spans="14:14">
      <c r="N412328" s="10"/>
    </row>
    <row r="412329" spans="14:14">
      <c r="N412329" s="10"/>
    </row>
    <row r="412330" spans="14:14">
      <c r="N412330" s="10"/>
    </row>
    <row r="412331" spans="14:14">
      <c r="N412331" s="10"/>
    </row>
    <row r="412332" spans="14:14">
      <c r="N412332" s="10"/>
    </row>
    <row r="412333" spans="14:14">
      <c r="N412333" s="10"/>
    </row>
    <row r="412334" spans="14:14">
      <c r="N412334" s="10"/>
    </row>
    <row r="412335" spans="14:14">
      <c r="N412335" s="10"/>
    </row>
    <row r="412336" spans="14:14">
      <c r="N412336" s="10"/>
    </row>
    <row r="412337" spans="14:14">
      <c r="N412337" s="10"/>
    </row>
    <row r="412338" spans="14:14">
      <c r="N412338" s="10"/>
    </row>
    <row r="412339" spans="14:14">
      <c r="N412339" s="10"/>
    </row>
    <row r="412340" spans="14:14">
      <c r="N412340" s="10"/>
    </row>
    <row r="412341" spans="14:14">
      <c r="N412341" s="10"/>
    </row>
    <row r="412342" spans="14:14">
      <c r="N412342" s="10"/>
    </row>
    <row r="412343" spans="14:14">
      <c r="N412343" s="10"/>
    </row>
    <row r="412344" spans="14:14">
      <c r="N412344" s="10"/>
    </row>
    <row r="412345" spans="14:14">
      <c r="N412345" s="10"/>
    </row>
    <row r="412346" spans="14:14">
      <c r="N412346" s="10"/>
    </row>
    <row r="412347" spans="14:14">
      <c r="N412347" s="10"/>
    </row>
    <row r="412348" spans="14:14">
      <c r="N412348" s="10"/>
    </row>
    <row r="412349" spans="14:14">
      <c r="N412349" s="10"/>
    </row>
    <row r="412350" spans="14:14">
      <c r="N412350" s="10"/>
    </row>
    <row r="412351" spans="14:14">
      <c r="N412351" s="10"/>
    </row>
    <row r="412352" spans="14:14">
      <c r="N412352" s="10"/>
    </row>
    <row r="412353" spans="14:14">
      <c r="N412353" s="10"/>
    </row>
    <row r="412354" spans="14:14">
      <c r="N412354" s="10"/>
    </row>
    <row r="412355" spans="14:14">
      <c r="N412355" s="10"/>
    </row>
    <row r="412356" spans="14:14">
      <c r="N412356" s="10"/>
    </row>
    <row r="412357" spans="14:14">
      <c r="N412357" s="10"/>
    </row>
    <row r="412358" spans="14:14">
      <c r="N412358" s="10"/>
    </row>
    <row r="412359" spans="14:14">
      <c r="N412359" s="10"/>
    </row>
    <row r="412360" spans="14:14">
      <c r="N412360" s="10"/>
    </row>
    <row r="412361" spans="14:14">
      <c r="N412361" s="10"/>
    </row>
    <row r="412362" spans="14:14">
      <c r="N412362" s="10"/>
    </row>
    <row r="412363" spans="14:14">
      <c r="N412363" s="10"/>
    </row>
    <row r="412364" spans="14:14">
      <c r="N412364" s="10"/>
    </row>
    <row r="412365" spans="14:14">
      <c r="N412365" s="10"/>
    </row>
    <row r="412366" spans="14:14">
      <c r="N412366" s="10"/>
    </row>
    <row r="412367" spans="14:14">
      <c r="N412367" s="10"/>
    </row>
    <row r="412368" spans="14:14">
      <c r="N412368" s="10"/>
    </row>
    <row r="412369" spans="14:14">
      <c r="N412369" s="10"/>
    </row>
    <row r="412370" spans="14:14">
      <c r="N412370" s="10"/>
    </row>
    <row r="412371" spans="14:14">
      <c r="N412371" s="10"/>
    </row>
    <row r="412372" spans="14:14">
      <c r="N412372" s="10"/>
    </row>
    <row r="412373" spans="14:14">
      <c r="N412373" s="10"/>
    </row>
    <row r="412374" spans="14:14">
      <c r="N412374" s="10"/>
    </row>
    <row r="412375" spans="14:14">
      <c r="N412375" s="10"/>
    </row>
    <row r="412376" spans="14:14">
      <c r="N412376" s="10"/>
    </row>
    <row r="412377" spans="14:14">
      <c r="N412377" s="10"/>
    </row>
    <row r="412378" spans="14:14">
      <c r="N412378" s="10"/>
    </row>
    <row r="412379" spans="14:14">
      <c r="N412379" s="10"/>
    </row>
    <row r="412380" spans="14:14">
      <c r="N412380" s="10"/>
    </row>
    <row r="412381" spans="14:14">
      <c r="N412381" s="10"/>
    </row>
    <row r="412382" spans="14:14">
      <c r="N412382" s="10"/>
    </row>
    <row r="412383" spans="14:14">
      <c r="N412383" s="10"/>
    </row>
    <row r="412384" spans="14:14">
      <c r="N412384" s="10"/>
    </row>
    <row r="412385" spans="14:14">
      <c r="N412385" s="10"/>
    </row>
    <row r="412386" spans="14:14">
      <c r="N412386" s="10"/>
    </row>
    <row r="412387" spans="14:14">
      <c r="N412387" s="10"/>
    </row>
    <row r="412388" spans="14:14">
      <c r="N412388" s="10"/>
    </row>
    <row r="412389" spans="14:14">
      <c r="N412389" s="10"/>
    </row>
    <row r="412390" spans="14:14">
      <c r="N412390" s="10"/>
    </row>
    <row r="412391" spans="14:14">
      <c r="N412391" s="10"/>
    </row>
    <row r="412392" spans="14:14">
      <c r="N412392" s="10"/>
    </row>
    <row r="412393" spans="14:14">
      <c r="N412393" s="10"/>
    </row>
    <row r="412394" spans="14:14">
      <c r="N412394" s="10"/>
    </row>
    <row r="412395" spans="14:14">
      <c r="N412395" s="10"/>
    </row>
    <row r="412396" spans="14:14">
      <c r="N412396" s="10"/>
    </row>
    <row r="412397" spans="14:14">
      <c r="N412397" s="10"/>
    </row>
    <row r="412398" spans="14:14">
      <c r="N412398" s="10"/>
    </row>
    <row r="412399" spans="14:14">
      <c r="N412399" s="10"/>
    </row>
    <row r="412400" spans="14:14">
      <c r="N412400" s="10"/>
    </row>
    <row r="412401" spans="14:14">
      <c r="N412401" s="10"/>
    </row>
    <row r="412402" spans="14:14">
      <c r="N412402" s="10"/>
    </row>
    <row r="412403" spans="14:14">
      <c r="N412403" s="10"/>
    </row>
    <row r="412404" spans="14:14">
      <c r="N412404" s="10"/>
    </row>
    <row r="412405" spans="14:14">
      <c r="N412405" s="10"/>
    </row>
    <row r="412406" spans="14:14">
      <c r="N412406" s="10"/>
    </row>
    <row r="412407" spans="14:14">
      <c r="N412407" s="10"/>
    </row>
    <row r="412408" spans="14:14">
      <c r="N412408" s="10"/>
    </row>
    <row r="412409" spans="14:14">
      <c r="N412409" s="10"/>
    </row>
    <row r="412410" spans="14:14">
      <c r="N412410" s="10"/>
    </row>
    <row r="412411" spans="14:14">
      <c r="N412411" s="10"/>
    </row>
    <row r="412412" spans="14:14">
      <c r="N412412" s="10"/>
    </row>
    <row r="412413" spans="14:14">
      <c r="N412413" s="10"/>
    </row>
    <row r="412414" spans="14:14">
      <c r="N412414" s="10"/>
    </row>
    <row r="412415" spans="14:14">
      <c r="N412415" s="10"/>
    </row>
    <row r="412416" spans="14:14">
      <c r="N412416" s="10"/>
    </row>
    <row r="412417" spans="14:14">
      <c r="N412417" s="10"/>
    </row>
    <row r="412418" spans="14:14">
      <c r="N412418" s="10"/>
    </row>
    <row r="412419" spans="14:14">
      <c r="N412419" s="10"/>
    </row>
    <row r="412420" spans="14:14">
      <c r="N412420" s="10"/>
    </row>
    <row r="412421" spans="14:14">
      <c r="N412421" s="10"/>
    </row>
    <row r="412422" spans="14:14">
      <c r="N412422" s="10"/>
    </row>
    <row r="412423" spans="14:14">
      <c r="N412423" s="10"/>
    </row>
    <row r="412424" spans="14:14">
      <c r="N412424" s="10"/>
    </row>
    <row r="412425" spans="14:14">
      <c r="N412425" s="10"/>
    </row>
    <row r="412426" spans="14:14">
      <c r="N412426" s="10"/>
    </row>
    <row r="412427" spans="14:14">
      <c r="N412427" s="10"/>
    </row>
    <row r="412428" spans="14:14">
      <c r="N412428" s="10"/>
    </row>
    <row r="412429" spans="14:14">
      <c r="N412429" s="10"/>
    </row>
    <row r="412430" spans="14:14">
      <c r="N412430" s="10"/>
    </row>
    <row r="412431" spans="14:14">
      <c r="N412431" s="10"/>
    </row>
    <row r="412432" spans="14:14">
      <c r="N412432" s="10"/>
    </row>
    <row r="412433" spans="14:14">
      <c r="N412433" s="10"/>
    </row>
    <row r="412434" spans="14:14">
      <c r="N412434" s="10"/>
    </row>
    <row r="412435" spans="14:14">
      <c r="N412435" s="10"/>
    </row>
    <row r="412436" spans="14:14">
      <c r="N412436" s="10"/>
    </row>
    <row r="412437" spans="14:14">
      <c r="N412437" s="10"/>
    </row>
    <row r="412438" spans="14:14">
      <c r="N412438" s="10"/>
    </row>
    <row r="412439" spans="14:14">
      <c r="N412439" s="10"/>
    </row>
    <row r="412440" spans="14:14">
      <c r="N412440" s="10"/>
    </row>
    <row r="412441" spans="14:14">
      <c r="N412441" s="10"/>
    </row>
    <row r="412442" spans="14:14">
      <c r="N412442" s="10"/>
    </row>
    <row r="412443" spans="14:14">
      <c r="N412443" s="10"/>
    </row>
    <row r="412444" spans="14:14">
      <c r="N412444" s="10"/>
    </row>
    <row r="412445" spans="14:14">
      <c r="N412445" s="10"/>
    </row>
    <row r="412446" spans="14:14">
      <c r="N412446" s="10"/>
    </row>
    <row r="412447" spans="14:14">
      <c r="N412447" s="10"/>
    </row>
    <row r="412448" spans="14:14">
      <c r="N412448" s="10"/>
    </row>
    <row r="412449" spans="14:14">
      <c r="N412449" s="10"/>
    </row>
    <row r="412450" spans="14:14">
      <c r="N412450" s="10"/>
    </row>
    <row r="412451" spans="14:14">
      <c r="N412451" s="10"/>
    </row>
    <row r="412452" spans="14:14">
      <c r="N412452" s="10"/>
    </row>
    <row r="412453" spans="14:14">
      <c r="N412453" s="10"/>
    </row>
    <row r="412454" spans="14:14">
      <c r="N412454" s="10"/>
    </row>
    <row r="412455" spans="14:14">
      <c r="N412455" s="10"/>
    </row>
    <row r="412456" spans="14:14">
      <c r="N412456" s="10"/>
    </row>
    <row r="412457" spans="14:14">
      <c r="N412457" s="10"/>
    </row>
    <row r="412458" spans="14:14">
      <c r="N412458" s="10"/>
    </row>
    <row r="412459" spans="14:14">
      <c r="N412459" s="10"/>
    </row>
    <row r="412460" spans="14:14">
      <c r="N412460" s="10"/>
    </row>
    <row r="412461" spans="14:14">
      <c r="N412461" s="10"/>
    </row>
    <row r="412462" spans="14:14">
      <c r="N412462" s="10"/>
    </row>
    <row r="412463" spans="14:14">
      <c r="N412463" s="10"/>
    </row>
    <row r="412464" spans="14:14">
      <c r="N412464" s="10"/>
    </row>
    <row r="412465" spans="14:14">
      <c r="N412465" s="10"/>
    </row>
    <row r="412466" spans="14:14">
      <c r="N412466" s="10"/>
    </row>
    <row r="412467" spans="14:14">
      <c r="N412467" s="10"/>
    </row>
    <row r="412468" spans="14:14">
      <c r="N412468" s="10"/>
    </row>
    <row r="412469" spans="14:14">
      <c r="N412469" s="10"/>
    </row>
    <row r="412470" spans="14:14">
      <c r="N412470" s="10"/>
    </row>
    <row r="412471" spans="14:14">
      <c r="N412471" s="10"/>
    </row>
    <row r="412472" spans="14:14">
      <c r="N412472" s="10"/>
    </row>
    <row r="412473" spans="14:14">
      <c r="N412473" s="10"/>
    </row>
    <row r="412474" spans="14:14">
      <c r="N412474" s="10"/>
    </row>
    <row r="412475" spans="14:14">
      <c r="N412475" s="10"/>
    </row>
    <row r="412476" spans="14:14">
      <c r="N412476" s="10"/>
    </row>
    <row r="412477" spans="14:14">
      <c r="N412477" s="10"/>
    </row>
    <row r="412478" spans="14:14">
      <c r="N412478" s="10"/>
    </row>
    <row r="412479" spans="14:14">
      <c r="N412479" s="10"/>
    </row>
    <row r="412480" spans="14:14">
      <c r="N412480" s="10"/>
    </row>
    <row r="412481" spans="14:14">
      <c r="N412481" s="10"/>
    </row>
    <row r="412482" spans="14:14">
      <c r="N412482" s="10"/>
    </row>
    <row r="412483" spans="14:14">
      <c r="N412483" s="10"/>
    </row>
    <row r="412484" spans="14:14">
      <c r="N412484" s="10"/>
    </row>
    <row r="412485" spans="14:14">
      <c r="N412485" s="10"/>
    </row>
    <row r="412486" spans="14:14">
      <c r="N412486" s="10"/>
    </row>
    <row r="412487" spans="14:14">
      <c r="N412487" s="10"/>
    </row>
    <row r="412488" spans="14:14">
      <c r="N412488" s="10"/>
    </row>
    <row r="412489" spans="14:14">
      <c r="N412489" s="10"/>
    </row>
    <row r="412490" spans="14:14">
      <c r="N412490" s="10"/>
    </row>
    <row r="412491" spans="14:14">
      <c r="N412491" s="10"/>
    </row>
    <row r="412492" spans="14:14">
      <c r="N412492" s="10"/>
    </row>
    <row r="412493" spans="14:14">
      <c r="N412493" s="10"/>
    </row>
    <row r="412494" spans="14:14">
      <c r="N412494" s="10"/>
    </row>
    <row r="412495" spans="14:14">
      <c r="N412495" s="10"/>
    </row>
    <row r="412496" spans="14:14">
      <c r="N412496" s="10"/>
    </row>
    <row r="412497" spans="14:14">
      <c r="N412497" s="10"/>
    </row>
    <row r="412498" spans="14:14">
      <c r="N412498" s="10"/>
    </row>
    <row r="412499" spans="14:14">
      <c r="N412499" s="10"/>
    </row>
    <row r="412500" spans="14:14">
      <c r="N412500" s="10"/>
    </row>
    <row r="412501" spans="14:14">
      <c r="N412501" s="10"/>
    </row>
    <row r="412502" spans="14:14">
      <c r="N412502" s="10"/>
    </row>
    <row r="412503" spans="14:14">
      <c r="N412503" s="10"/>
    </row>
    <row r="412504" spans="14:14">
      <c r="N412504" s="10"/>
    </row>
    <row r="412505" spans="14:14">
      <c r="N412505" s="10"/>
    </row>
    <row r="412506" spans="14:14">
      <c r="N412506" s="10"/>
    </row>
    <row r="412507" spans="14:14">
      <c r="N412507" s="10"/>
    </row>
    <row r="412508" spans="14:14">
      <c r="N412508" s="10"/>
    </row>
    <row r="412509" spans="14:14">
      <c r="N412509" s="10"/>
    </row>
    <row r="412510" spans="14:14">
      <c r="N412510" s="10"/>
    </row>
    <row r="412511" spans="14:14">
      <c r="N412511" s="10"/>
    </row>
    <row r="412512" spans="14:14">
      <c r="N412512" s="10"/>
    </row>
    <row r="412513" spans="14:14">
      <c r="N412513" s="10"/>
    </row>
    <row r="412514" spans="14:14">
      <c r="N412514" s="10"/>
    </row>
    <row r="412515" spans="14:14">
      <c r="N412515" s="10"/>
    </row>
    <row r="412516" spans="14:14">
      <c r="N412516" s="10"/>
    </row>
    <row r="412517" spans="14:14">
      <c r="N412517" s="10"/>
    </row>
    <row r="412518" spans="14:14">
      <c r="N412518" s="10"/>
    </row>
    <row r="412519" spans="14:14">
      <c r="N412519" s="10"/>
    </row>
    <row r="412520" spans="14:14">
      <c r="N412520" s="10"/>
    </row>
    <row r="412521" spans="14:14">
      <c r="N412521" s="10"/>
    </row>
    <row r="412522" spans="14:14">
      <c r="N412522" s="10"/>
    </row>
    <row r="412523" spans="14:14">
      <c r="N412523" s="10"/>
    </row>
    <row r="412524" spans="14:14">
      <c r="N412524" s="10"/>
    </row>
    <row r="412525" spans="14:14">
      <c r="N412525" s="10"/>
    </row>
    <row r="412526" spans="14:14">
      <c r="N412526" s="10"/>
    </row>
    <row r="412527" spans="14:14">
      <c r="N412527" s="10"/>
    </row>
    <row r="412528" spans="14:14">
      <c r="N412528" s="10"/>
    </row>
    <row r="412529" spans="14:14">
      <c r="N412529" s="10"/>
    </row>
    <row r="412530" spans="14:14">
      <c r="N412530" s="10"/>
    </row>
    <row r="412531" spans="14:14">
      <c r="N412531" s="10"/>
    </row>
    <row r="412532" spans="14:14">
      <c r="N412532" s="10"/>
    </row>
    <row r="412533" spans="14:14">
      <c r="N412533" s="10"/>
    </row>
    <row r="412534" spans="14:14">
      <c r="N412534" s="10"/>
    </row>
    <row r="412535" spans="14:14">
      <c r="N412535" s="10"/>
    </row>
    <row r="412536" spans="14:14">
      <c r="N412536" s="10"/>
    </row>
    <row r="412537" spans="14:14">
      <c r="N412537" s="10"/>
    </row>
    <row r="412538" spans="14:14">
      <c r="N412538" s="10"/>
    </row>
    <row r="412539" spans="14:14">
      <c r="N412539" s="10"/>
    </row>
    <row r="412540" spans="14:14">
      <c r="N412540" s="10"/>
    </row>
    <row r="412541" spans="14:14">
      <c r="N412541" s="10"/>
    </row>
    <row r="412542" spans="14:14">
      <c r="N412542" s="10"/>
    </row>
    <row r="412543" spans="14:14">
      <c r="N412543" s="10"/>
    </row>
    <row r="412544" spans="14:14">
      <c r="N412544" s="10"/>
    </row>
    <row r="412545" spans="14:14">
      <c r="N412545" s="10"/>
    </row>
    <row r="412546" spans="14:14">
      <c r="N412546" s="10"/>
    </row>
    <row r="412547" spans="14:14">
      <c r="N412547" s="10"/>
    </row>
    <row r="412548" spans="14:14">
      <c r="N412548" s="10"/>
    </row>
    <row r="412549" spans="14:14">
      <c r="N412549" s="10"/>
    </row>
    <row r="412550" spans="14:14">
      <c r="N412550" s="10"/>
    </row>
    <row r="412551" spans="14:14">
      <c r="N412551" s="10"/>
    </row>
    <row r="412552" spans="14:14">
      <c r="N412552" s="10"/>
    </row>
    <row r="412553" spans="14:14">
      <c r="N412553" s="10"/>
    </row>
    <row r="412554" spans="14:14">
      <c r="N412554" s="10"/>
    </row>
    <row r="412555" spans="14:14">
      <c r="N412555" s="10"/>
    </row>
    <row r="412556" spans="14:14">
      <c r="N412556" s="10"/>
    </row>
    <row r="412557" spans="14:14">
      <c r="N412557" s="10"/>
    </row>
    <row r="412558" spans="14:14">
      <c r="N412558" s="10"/>
    </row>
    <row r="412559" spans="14:14">
      <c r="N412559" s="10"/>
    </row>
    <row r="412560" spans="14:14">
      <c r="N412560" s="10"/>
    </row>
    <row r="412561" spans="14:14">
      <c r="N412561" s="10"/>
    </row>
    <row r="412562" spans="14:14">
      <c r="N412562" s="10"/>
    </row>
    <row r="412563" spans="14:14">
      <c r="N412563" s="10"/>
    </row>
    <row r="412564" spans="14:14">
      <c r="N412564" s="10"/>
    </row>
    <row r="412565" spans="14:14">
      <c r="N412565" s="10"/>
    </row>
    <row r="412566" spans="14:14">
      <c r="N412566" s="10"/>
    </row>
    <row r="412567" spans="14:14">
      <c r="N412567" s="10"/>
    </row>
    <row r="412568" spans="14:14">
      <c r="N412568" s="10"/>
    </row>
    <row r="412569" spans="14:14">
      <c r="N412569" s="10"/>
    </row>
    <row r="412570" spans="14:14">
      <c r="N412570" s="10"/>
    </row>
    <row r="412571" spans="14:14">
      <c r="N412571" s="10"/>
    </row>
    <row r="412572" spans="14:14">
      <c r="N412572" s="10"/>
    </row>
    <row r="412573" spans="14:14">
      <c r="N412573" s="10"/>
    </row>
    <row r="412574" spans="14:14">
      <c r="N412574" s="10"/>
    </row>
    <row r="412575" spans="14:14">
      <c r="N412575" s="10"/>
    </row>
    <row r="412576" spans="14:14">
      <c r="N412576" s="10"/>
    </row>
    <row r="412577" spans="14:14">
      <c r="N412577" s="10"/>
    </row>
    <row r="412578" spans="14:14">
      <c r="N412578" s="10"/>
    </row>
    <row r="412579" spans="14:14">
      <c r="N412579" s="10"/>
    </row>
    <row r="412580" spans="14:14">
      <c r="N412580" s="10"/>
    </row>
    <row r="412581" spans="14:14">
      <c r="N412581" s="10"/>
    </row>
    <row r="412582" spans="14:14">
      <c r="N412582" s="10"/>
    </row>
    <row r="412583" spans="14:14">
      <c r="N412583" s="10"/>
    </row>
    <row r="412584" spans="14:14">
      <c r="N412584" s="10"/>
    </row>
    <row r="412585" spans="14:14">
      <c r="N412585" s="10"/>
    </row>
    <row r="412586" spans="14:14">
      <c r="N412586" s="10"/>
    </row>
    <row r="412587" spans="14:14">
      <c r="N412587" s="10"/>
    </row>
    <row r="412588" spans="14:14">
      <c r="N412588" s="10"/>
    </row>
    <row r="412589" spans="14:14">
      <c r="N412589" s="10"/>
    </row>
    <row r="412590" spans="14:14">
      <c r="N412590" s="10"/>
    </row>
    <row r="412591" spans="14:14">
      <c r="N412591" s="10"/>
    </row>
    <row r="412592" spans="14:14">
      <c r="N412592" s="10"/>
    </row>
    <row r="412593" spans="14:14">
      <c r="N412593" s="10"/>
    </row>
    <row r="412594" spans="14:14">
      <c r="N412594" s="10"/>
    </row>
    <row r="412595" spans="14:14">
      <c r="N412595" s="10"/>
    </row>
    <row r="412596" spans="14:14">
      <c r="N412596" s="10"/>
    </row>
    <row r="412597" spans="14:14">
      <c r="N412597" s="10"/>
    </row>
    <row r="412598" spans="14:14">
      <c r="N412598" s="10"/>
    </row>
    <row r="412599" spans="14:14">
      <c r="N412599" s="10"/>
    </row>
    <row r="412600" spans="14:14">
      <c r="N412600" s="10"/>
    </row>
    <row r="412601" spans="14:14">
      <c r="N412601" s="10"/>
    </row>
    <row r="412602" spans="14:14">
      <c r="N412602" s="10"/>
    </row>
    <row r="412603" spans="14:14">
      <c r="N412603" s="10"/>
    </row>
    <row r="412604" spans="14:14">
      <c r="N412604" s="10"/>
    </row>
    <row r="412605" spans="14:14">
      <c r="N412605" s="10"/>
    </row>
    <row r="412606" spans="14:14">
      <c r="N412606" s="10"/>
    </row>
    <row r="412607" spans="14:14">
      <c r="N412607" s="10"/>
    </row>
    <row r="412608" spans="14:14">
      <c r="N412608" s="10"/>
    </row>
    <row r="412609" spans="14:14">
      <c r="N412609" s="10"/>
    </row>
    <row r="412610" spans="14:14">
      <c r="N412610" s="10"/>
    </row>
    <row r="412611" spans="14:14">
      <c r="N412611" s="10"/>
    </row>
    <row r="412612" spans="14:14">
      <c r="N412612" s="10"/>
    </row>
    <row r="412613" spans="14:14">
      <c r="N412613" s="10"/>
    </row>
    <row r="412614" spans="14:14">
      <c r="N412614" s="10"/>
    </row>
    <row r="412615" spans="14:14">
      <c r="N412615" s="10"/>
    </row>
    <row r="412616" spans="14:14">
      <c r="N412616" s="10"/>
    </row>
    <row r="412617" spans="14:14">
      <c r="N412617" s="10"/>
    </row>
    <row r="412618" spans="14:14">
      <c r="N412618" s="10"/>
    </row>
    <row r="412619" spans="14:14">
      <c r="N412619" s="10"/>
    </row>
    <row r="412620" spans="14:14">
      <c r="N412620" s="10"/>
    </row>
    <row r="412621" spans="14:14">
      <c r="N412621" s="10"/>
    </row>
    <row r="412622" spans="14:14">
      <c r="N412622" s="10"/>
    </row>
    <row r="412623" spans="14:14">
      <c r="N412623" s="10"/>
    </row>
    <row r="412624" spans="14:14">
      <c r="N412624" s="10"/>
    </row>
    <row r="412625" spans="14:14">
      <c r="N412625" s="10"/>
    </row>
    <row r="412626" spans="14:14">
      <c r="N412626" s="10"/>
    </row>
    <row r="412627" spans="14:14">
      <c r="N412627" s="10"/>
    </row>
    <row r="412628" spans="14:14">
      <c r="N412628" s="10"/>
    </row>
    <row r="412629" spans="14:14">
      <c r="N412629" s="10"/>
    </row>
    <row r="412630" spans="14:14">
      <c r="N412630" s="10"/>
    </row>
    <row r="412631" spans="14:14">
      <c r="N412631" s="10"/>
    </row>
    <row r="412632" spans="14:14">
      <c r="N412632" s="10"/>
    </row>
    <row r="412633" spans="14:14">
      <c r="N412633" s="10"/>
    </row>
    <row r="412634" spans="14:14">
      <c r="N412634" s="10"/>
    </row>
    <row r="412635" spans="14:14">
      <c r="N412635" s="10"/>
    </row>
    <row r="412636" spans="14:14">
      <c r="N412636" s="10"/>
    </row>
    <row r="412637" spans="14:14">
      <c r="N412637" s="10"/>
    </row>
    <row r="412638" spans="14:14">
      <c r="N412638" s="10"/>
    </row>
    <row r="412639" spans="14:14">
      <c r="N412639" s="10"/>
    </row>
    <row r="412640" spans="14:14">
      <c r="N412640" s="10"/>
    </row>
    <row r="412641" spans="14:14">
      <c r="N412641" s="10"/>
    </row>
    <row r="412642" spans="14:14">
      <c r="N412642" s="10"/>
    </row>
    <row r="412643" spans="14:14">
      <c r="N412643" s="10"/>
    </row>
    <row r="412644" spans="14:14">
      <c r="N412644" s="10"/>
    </row>
    <row r="412645" spans="14:14">
      <c r="N412645" s="10"/>
    </row>
    <row r="412646" spans="14:14">
      <c r="N412646" s="10"/>
    </row>
    <row r="412647" spans="14:14">
      <c r="N412647" s="10"/>
    </row>
    <row r="412648" spans="14:14">
      <c r="N412648" s="10"/>
    </row>
    <row r="412649" spans="14:14">
      <c r="N412649" s="10"/>
    </row>
    <row r="412650" spans="14:14">
      <c r="N412650" s="10"/>
    </row>
    <row r="412651" spans="14:14">
      <c r="N412651" s="10"/>
    </row>
    <row r="412652" spans="14:14">
      <c r="N412652" s="10"/>
    </row>
    <row r="412653" spans="14:14">
      <c r="N412653" s="10"/>
    </row>
    <row r="412654" spans="14:14">
      <c r="N412654" s="10"/>
    </row>
    <row r="412655" spans="14:14">
      <c r="N412655" s="10"/>
    </row>
    <row r="412656" spans="14:14">
      <c r="N412656" s="10"/>
    </row>
    <row r="412657" spans="14:14">
      <c r="N412657" s="10"/>
    </row>
    <row r="412658" spans="14:14">
      <c r="N412658" s="10"/>
    </row>
    <row r="412659" spans="14:14">
      <c r="N412659" s="10"/>
    </row>
    <row r="412660" spans="14:14">
      <c r="N412660" s="10"/>
    </row>
    <row r="412661" spans="14:14">
      <c r="N412661" s="10"/>
    </row>
    <row r="412662" spans="14:14">
      <c r="N412662" s="10"/>
    </row>
    <row r="412663" spans="14:14">
      <c r="N412663" s="10"/>
    </row>
    <row r="412664" spans="14:14">
      <c r="N412664" s="10"/>
    </row>
    <row r="412665" spans="14:14">
      <c r="N412665" s="10"/>
    </row>
    <row r="412666" spans="14:14">
      <c r="N412666" s="10"/>
    </row>
    <row r="412667" spans="14:14">
      <c r="N412667" s="10"/>
    </row>
    <row r="412668" spans="14:14">
      <c r="N412668" s="10"/>
    </row>
    <row r="412669" spans="14:14">
      <c r="N412669" s="10"/>
    </row>
    <row r="412670" spans="14:14">
      <c r="N412670" s="10"/>
    </row>
    <row r="412671" spans="14:14">
      <c r="N412671" s="10"/>
    </row>
    <row r="412672" spans="14:14">
      <c r="N412672" s="10"/>
    </row>
    <row r="412673" spans="14:14">
      <c r="N412673" s="10"/>
    </row>
    <row r="412674" spans="14:14">
      <c r="N412674" s="10"/>
    </row>
    <row r="412675" spans="14:14">
      <c r="N412675" s="10"/>
    </row>
    <row r="412676" spans="14:14">
      <c r="N412676" s="10"/>
    </row>
    <row r="412677" spans="14:14">
      <c r="N412677" s="10"/>
    </row>
    <row r="412678" spans="14:14">
      <c r="N412678" s="10"/>
    </row>
    <row r="412679" spans="14:14">
      <c r="N412679" s="10"/>
    </row>
    <row r="412680" spans="14:14">
      <c r="N412680" s="10"/>
    </row>
    <row r="412681" spans="14:14">
      <c r="N412681" s="10"/>
    </row>
    <row r="412682" spans="14:14">
      <c r="N412682" s="10"/>
    </row>
    <row r="412683" spans="14:14">
      <c r="N412683" s="10"/>
    </row>
    <row r="412684" spans="14:14">
      <c r="N412684" s="10"/>
    </row>
    <row r="412685" spans="14:14">
      <c r="N412685" s="10"/>
    </row>
    <row r="412686" spans="14:14">
      <c r="N412686" s="10"/>
    </row>
    <row r="412687" spans="14:14">
      <c r="N412687" s="10"/>
    </row>
    <row r="412688" spans="14:14">
      <c r="N412688" s="10"/>
    </row>
    <row r="412689" spans="14:14">
      <c r="N412689" s="10"/>
    </row>
    <row r="412690" spans="14:14">
      <c r="N412690" s="10"/>
    </row>
    <row r="412691" spans="14:14">
      <c r="N412691" s="10"/>
    </row>
    <row r="412692" spans="14:14">
      <c r="N412692" s="10"/>
    </row>
    <row r="412693" spans="14:14">
      <c r="N412693" s="10"/>
    </row>
    <row r="412694" spans="14:14">
      <c r="N412694" s="10"/>
    </row>
    <row r="412695" spans="14:14">
      <c r="N412695" s="10"/>
    </row>
    <row r="412696" spans="14:14">
      <c r="N412696" s="10"/>
    </row>
    <row r="412697" spans="14:14">
      <c r="N412697" s="10"/>
    </row>
    <row r="412698" spans="14:14">
      <c r="N412698" s="10"/>
    </row>
    <row r="412699" spans="14:14">
      <c r="N412699" s="10"/>
    </row>
    <row r="412700" spans="14:14">
      <c r="N412700" s="10"/>
    </row>
    <row r="412701" spans="14:14">
      <c r="N412701" s="10"/>
    </row>
    <row r="412702" spans="14:14">
      <c r="N412702" s="10"/>
    </row>
    <row r="412703" spans="14:14">
      <c r="N412703" s="10"/>
    </row>
    <row r="412704" spans="14:14">
      <c r="N412704" s="10"/>
    </row>
    <row r="412705" spans="14:14">
      <c r="N412705" s="10"/>
    </row>
    <row r="412706" spans="14:14">
      <c r="N412706" s="10"/>
    </row>
    <row r="412707" spans="14:14">
      <c r="N412707" s="10"/>
    </row>
    <row r="412708" spans="14:14">
      <c r="N412708" s="10"/>
    </row>
    <row r="412709" spans="14:14">
      <c r="N412709" s="10"/>
    </row>
    <row r="412710" spans="14:14">
      <c r="N412710" s="10"/>
    </row>
    <row r="412711" spans="14:14">
      <c r="N412711" s="10"/>
    </row>
    <row r="412712" spans="14:14">
      <c r="N412712" s="10"/>
    </row>
    <row r="412713" spans="14:14">
      <c r="N412713" s="10"/>
    </row>
    <row r="412714" spans="14:14">
      <c r="N412714" s="10"/>
    </row>
    <row r="412715" spans="14:14">
      <c r="N412715" s="10"/>
    </row>
    <row r="412716" spans="14:14">
      <c r="N412716" s="10"/>
    </row>
    <row r="412717" spans="14:14">
      <c r="N412717" s="10"/>
    </row>
    <row r="412718" spans="14:14">
      <c r="N412718" s="10"/>
    </row>
    <row r="412719" spans="14:14">
      <c r="N412719" s="10"/>
    </row>
    <row r="412720" spans="14:14">
      <c r="N412720" s="10"/>
    </row>
    <row r="412721" spans="14:14">
      <c r="N412721" s="10"/>
    </row>
    <row r="412722" spans="14:14">
      <c r="N412722" s="10"/>
    </row>
    <row r="412723" spans="14:14">
      <c r="N412723" s="10"/>
    </row>
    <row r="412724" spans="14:14">
      <c r="N412724" s="10"/>
    </row>
    <row r="412725" spans="14:14">
      <c r="N412725" s="10"/>
    </row>
    <row r="412726" spans="14:14">
      <c r="N412726" s="10"/>
    </row>
    <row r="412727" spans="14:14">
      <c r="N412727" s="10"/>
    </row>
    <row r="412728" spans="14:14">
      <c r="N412728" s="10"/>
    </row>
    <row r="412729" spans="14:14">
      <c r="N412729" s="10"/>
    </row>
    <row r="412730" spans="14:14">
      <c r="N412730" s="10"/>
    </row>
    <row r="412731" spans="14:14">
      <c r="N412731" s="10"/>
    </row>
    <row r="412732" spans="14:14">
      <c r="N412732" s="10"/>
    </row>
    <row r="412733" spans="14:14">
      <c r="N412733" s="10"/>
    </row>
    <row r="412734" spans="14:14">
      <c r="N412734" s="10"/>
    </row>
    <row r="412735" spans="14:14">
      <c r="N412735" s="10"/>
    </row>
    <row r="412736" spans="14:14">
      <c r="N412736" s="10"/>
    </row>
    <row r="412737" spans="14:14">
      <c r="N412737" s="10"/>
    </row>
    <row r="412738" spans="14:14">
      <c r="N412738" s="10"/>
    </row>
    <row r="412739" spans="14:14">
      <c r="N412739" s="10"/>
    </row>
    <row r="412740" spans="14:14">
      <c r="N412740" s="10"/>
    </row>
    <row r="412741" spans="14:14">
      <c r="N412741" s="10"/>
    </row>
    <row r="412742" spans="14:14">
      <c r="N412742" s="10"/>
    </row>
    <row r="412743" spans="14:14">
      <c r="N412743" s="10"/>
    </row>
    <row r="412744" spans="14:14">
      <c r="N412744" s="10"/>
    </row>
    <row r="412745" spans="14:14">
      <c r="N412745" s="10"/>
    </row>
    <row r="412746" spans="14:14">
      <c r="N412746" s="10"/>
    </row>
    <row r="412747" spans="14:14">
      <c r="N412747" s="10"/>
    </row>
    <row r="412748" spans="14:14">
      <c r="N412748" s="10"/>
    </row>
    <row r="412749" spans="14:14">
      <c r="N412749" s="10"/>
    </row>
    <row r="412750" spans="14:14">
      <c r="N412750" s="10"/>
    </row>
    <row r="412751" spans="14:14">
      <c r="N412751" s="10"/>
    </row>
    <row r="412752" spans="14:14">
      <c r="N412752" s="10"/>
    </row>
    <row r="412753" spans="14:14">
      <c r="N412753" s="10"/>
    </row>
    <row r="412754" spans="14:14">
      <c r="N412754" s="10"/>
    </row>
    <row r="412755" spans="14:14">
      <c r="N412755" s="10"/>
    </row>
    <row r="412756" spans="14:14">
      <c r="N412756" s="10"/>
    </row>
    <row r="412757" spans="14:14">
      <c r="N412757" s="10"/>
    </row>
    <row r="412758" spans="14:14">
      <c r="N412758" s="10"/>
    </row>
    <row r="412759" spans="14:14">
      <c r="N412759" s="10"/>
    </row>
    <row r="412760" spans="14:14">
      <c r="N412760" s="10"/>
    </row>
    <row r="412761" spans="14:14">
      <c r="N412761" s="10"/>
    </row>
    <row r="412762" spans="14:14">
      <c r="N412762" s="10"/>
    </row>
    <row r="412763" spans="14:14">
      <c r="N412763" s="10"/>
    </row>
    <row r="412764" spans="14:14">
      <c r="N412764" s="10"/>
    </row>
    <row r="412765" spans="14:14">
      <c r="N412765" s="10"/>
    </row>
    <row r="412766" spans="14:14">
      <c r="N412766" s="10"/>
    </row>
    <row r="412767" spans="14:14">
      <c r="N412767" s="10"/>
    </row>
    <row r="412768" spans="14:14">
      <c r="N412768" s="10"/>
    </row>
    <row r="412769" spans="14:14">
      <c r="N412769" s="10"/>
    </row>
    <row r="412770" spans="14:14">
      <c r="N412770" s="10"/>
    </row>
    <row r="412771" spans="14:14">
      <c r="N412771" s="10"/>
    </row>
    <row r="412772" spans="14:14">
      <c r="N412772" s="10"/>
    </row>
    <row r="412773" spans="14:14">
      <c r="N412773" s="10"/>
    </row>
    <row r="412774" spans="14:14">
      <c r="N412774" s="10"/>
    </row>
    <row r="412775" spans="14:14">
      <c r="N412775" s="10"/>
    </row>
    <row r="412776" spans="14:14">
      <c r="N412776" s="10"/>
    </row>
    <row r="412777" spans="14:14">
      <c r="N412777" s="10"/>
    </row>
    <row r="412778" spans="14:14">
      <c r="N412778" s="10"/>
    </row>
    <row r="412779" spans="14:14">
      <c r="N412779" s="10"/>
    </row>
    <row r="412780" spans="14:14">
      <c r="N412780" s="10"/>
    </row>
    <row r="412781" spans="14:14">
      <c r="N412781" s="10"/>
    </row>
    <row r="412782" spans="14:14">
      <c r="N412782" s="10"/>
    </row>
    <row r="412783" spans="14:14">
      <c r="N412783" s="10"/>
    </row>
    <row r="412784" spans="14:14">
      <c r="N412784" s="10"/>
    </row>
    <row r="412785" spans="14:14">
      <c r="N412785" s="10"/>
    </row>
    <row r="412786" spans="14:14">
      <c r="N412786" s="10"/>
    </row>
    <row r="412787" spans="14:14">
      <c r="N412787" s="10"/>
    </row>
    <row r="412788" spans="14:14">
      <c r="N412788" s="10"/>
    </row>
    <row r="412789" spans="14:14">
      <c r="N412789" s="10"/>
    </row>
    <row r="412790" spans="14:14">
      <c r="N412790" s="10"/>
    </row>
    <row r="412791" spans="14:14">
      <c r="N412791" s="10"/>
    </row>
    <row r="412792" spans="14:14">
      <c r="N412792" s="10"/>
    </row>
    <row r="412793" spans="14:14">
      <c r="N412793" s="10"/>
    </row>
    <row r="412794" spans="14:14">
      <c r="N412794" s="10"/>
    </row>
    <row r="412795" spans="14:14">
      <c r="N412795" s="10"/>
    </row>
    <row r="412796" spans="14:14">
      <c r="N412796" s="10"/>
    </row>
    <row r="412797" spans="14:14">
      <c r="N412797" s="10"/>
    </row>
    <row r="412798" spans="14:14">
      <c r="N412798" s="10"/>
    </row>
    <row r="412799" spans="14:14">
      <c r="N412799" s="10"/>
    </row>
    <row r="412800" spans="14:14">
      <c r="N412800" s="10"/>
    </row>
    <row r="412801" spans="14:14">
      <c r="N412801" s="10"/>
    </row>
    <row r="412802" spans="14:14">
      <c r="N412802" s="10"/>
    </row>
    <row r="412803" spans="14:14">
      <c r="N412803" s="10"/>
    </row>
    <row r="412804" spans="14:14">
      <c r="N412804" s="10"/>
    </row>
    <row r="412805" spans="14:14">
      <c r="N412805" s="10"/>
    </row>
    <row r="412806" spans="14:14">
      <c r="N412806" s="10"/>
    </row>
    <row r="412807" spans="14:14">
      <c r="N412807" s="10"/>
    </row>
    <row r="412808" spans="14:14">
      <c r="N412808" s="10"/>
    </row>
    <row r="412809" spans="14:14">
      <c r="N412809" s="10"/>
    </row>
    <row r="412810" spans="14:14">
      <c r="N412810" s="10"/>
    </row>
    <row r="412811" spans="14:14">
      <c r="N412811" s="10"/>
    </row>
    <row r="412812" spans="14:14">
      <c r="N412812" s="10"/>
    </row>
    <row r="412813" spans="14:14">
      <c r="N412813" s="10"/>
    </row>
    <row r="412814" spans="14:14">
      <c r="N412814" s="10"/>
    </row>
    <row r="412815" spans="14:14">
      <c r="N412815" s="10"/>
    </row>
    <row r="412816" spans="14:14">
      <c r="N412816" s="10"/>
    </row>
    <row r="412817" spans="14:14">
      <c r="N412817" s="10"/>
    </row>
    <row r="412818" spans="14:14">
      <c r="N412818" s="10"/>
    </row>
    <row r="412819" spans="14:14">
      <c r="N412819" s="10"/>
    </row>
    <row r="412820" spans="14:14">
      <c r="N412820" s="10"/>
    </row>
    <row r="412821" spans="14:14">
      <c r="N412821" s="10"/>
    </row>
    <row r="412822" spans="14:14">
      <c r="N412822" s="10"/>
    </row>
    <row r="412823" spans="14:14">
      <c r="N412823" s="10"/>
    </row>
    <row r="412824" spans="14:14">
      <c r="N412824" s="10"/>
    </row>
    <row r="412825" spans="14:14">
      <c r="N412825" s="10"/>
    </row>
    <row r="412826" spans="14:14">
      <c r="N412826" s="10"/>
    </row>
    <row r="412827" spans="14:14">
      <c r="N412827" s="10"/>
    </row>
    <row r="412828" spans="14:14">
      <c r="N412828" s="10"/>
    </row>
    <row r="412829" spans="14:14">
      <c r="N412829" s="10"/>
    </row>
    <row r="412830" spans="14:14">
      <c r="N412830" s="10"/>
    </row>
    <row r="412831" spans="14:14">
      <c r="N412831" s="10"/>
    </row>
    <row r="412832" spans="14:14">
      <c r="N412832" s="10"/>
    </row>
    <row r="412833" spans="14:14">
      <c r="N412833" s="10"/>
    </row>
    <row r="412834" spans="14:14">
      <c r="N412834" s="10"/>
    </row>
    <row r="412835" spans="14:14">
      <c r="N412835" s="10"/>
    </row>
    <row r="412836" spans="14:14">
      <c r="N412836" s="10"/>
    </row>
    <row r="412837" spans="14:14">
      <c r="N412837" s="10"/>
    </row>
    <row r="412838" spans="14:14">
      <c r="N412838" s="10"/>
    </row>
    <row r="412839" spans="14:14">
      <c r="N412839" s="10"/>
    </row>
    <row r="412840" spans="14:14">
      <c r="N412840" s="10"/>
    </row>
    <row r="412841" spans="14:14">
      <c r="N412841" s="10"/>
    </row>
    <row r="412842" spans="14:14">
      <c r="N412842" s="10"/>
    </row>
    <row r="412843" spans="14:14">
      <c r="N412843" s="10"/>
    </row>
    <row r="412844" spans="14:14">
      <c r="N412844" s="10"/>
    </row>
    <row r="412845" spans="14:14">
      <c r="N412845" s="10"/>
    </row>
    <row r="412846" spans="14:14">
      <c r="N412846" s="10"/>
    </row>
    <row r="412847" spans="14:14">
      <c r="N412847" s="10"/>
    </row>
    <row r="412848" spans="14:14">
      <c r="N412848" s="10"/>
    </row>
    <row r="412849" spans="14:14">
      <c r="N412849" s="10"/>
    </row>
    <row r="412850" spans="14:14">
      <c r="N412850" s="10"/>
    </row>
    <row r="412851" spans="14:14">
      <c r="N412851" s="10"/>
    </row>
    <row r="412852" spans="14:14">
      <c r="N412852" s="10"/>
    </row>
    <row r="412853" spans="14:14">
      <c r="N412853" s="10"/>
    </row>
    <row r="412854" spans="14:14">
      <c r="N412854" s="10"/>
    </row>
    <row r="412855" spans="14:14">
      <c r="N412855" s="10"/>
    </row>
    <row r="412856" spans="14:14">
      <c r="N412856" s="10"/>
    </row>
    <row r="412857" spans="14:14">
      <c r="N412857" s="10"/>
    </row>
    <row r="412858" spans="14:14">
      <c r="N412858" s="10"/>
    </row>
    <row r="412859" spans="14:14">
      <c r="N412859" s="10"/>
    </row>
    <row r="412860" spans="14:14">
      <c r="N412860" s="10"/>
    </row>
    <row r="412861" spans="14:14">
      <c r="N412861" s="10"/>
    </row>
    <row r="412862" spans="14:14">
      <c r="N412862" s="10"/>
    </row>
    <row r="412863" spans="14:14">
      <c r="N412863" s="10"/>
    </row>
    <row r="412864" spans="14:14">
      <c r="N412864" s="10"/>
    </row>
    <row r="412865" spans="14:14">
      <c r="N412865" s="10"/>
    </row>
    <row r="412866" spans="14:14">
      <c r="N412866" s="10"/>
    </row>
    <row r="412867" spans="14:14">
      <c r="N412867" s="10"/>
    </row>
    <row r="412868" spans="14:14">
      <c r="N412868" s="10"/>
    </row>
    <row r="412869" spans="14:14">
      <c r="N412869" s="10"/>
    </row>
    <row r="412870" spans="14:14">
      <c r="N412870" s="10"/>
    </row>
    <row r="412871" spans="14:14">
      <c r="N412871" s="10"/>
    </row>
    <row r="412872" spans="14:14">
      <c r="N412872" s="10"/>
    </row>
    <row r="412873" spans="14:14">
      <c r="N412873" s="10"/>
    </row>
    <row r="412874" spans="14:14">
      <c r="N412874" s="10"/>
    </row>
    <row r="412875" spans="14:14">
      <c r="N412875" s="10"/>
    </row>
    <row r="412876" spans="14:14">
      <c r="N412876" s="10"/>
    </row>
    <row r="412877" spans="14:14">
      <c r="N412877" s="10"/>
    </row>
    <row r="412878" spans="14:14">
      <c r="N412878" s="10"/>
    </row>
    <row r="412879" spans="14:14">
      <c r="N412879" s="10"/>
    </row>
    <row r="412880" spans="14:14">
      <c r="N412880" s="10"/>
    </row>
    <row r="412881" spans="14:14">
      <c r="N412881" s="10"/>
    </row>
    <row r="412882" spans="14:14">
      <c r="N412882" s="10"/>
    </row>
    <row r="412883" spans="14:14">
      <c r="N412883" s="10"/>
    </row>
    <row r="412884" spans="14:14">
      <c r="N412884" s="10"/>
    </row>
    <row r="412885" spans="14:14">
      <c r="N412885" s="10"/>
    </row>
    <row r="412886" spans="14:14">
      <c r="N412886" s="10"/>
    </row>
    <row r="412887" spans="14:14">
      <c r="N412887" s="10"/>
    </row>
    <row r="412888" spans="14:14">
      <c r="N412888" s="10"/>
    </row>
    <row r="412889" spans="14:14">
      <c r="N412889" s="10"/>
    </row>
    <row r="412890" spans="14:14">
      <c r="N412890" s="10"/>
    </row>
    <row r="412891" spans="14:14">
      <c r="N412891" s="10"/>
    </row>
    <row r="412892" spans="14:14">
      <c r="N412892" s="10"/>
    </row>
    <row r="412893" spans="14:14">
      <c r="N412893" s="10"/>
    </row>
    <row r="412894" spans="14:14">
      <c r="N412894" s="10"/>
    </row>
    <row r="412895" spans="14:14">
      <c r="N412895" s="10"/>
    </row>
    <row r="412896" spans="14:14">
      <c r="N412896" s="10"/>
    </row>
    <row r="412897" spans="14:14">
      <c r="N412897" s="10"/>
    </row>
    <row r="412898" spans="14:14">
      <c r="N412898" s="10"/>
    </row>
    <row r="412899" spans="14:14">
      <c r="N412899" s="10"/>
    </row>
    <row r="412900" spans="14:14">
      <c r="N412900" s="10"/>
    </row>
    <row r="412901" spans="14:14">
      <c r="N412901" s="10"/>
    </row>
    <row r="412902" spans="14:14">
      <c r="N412902" s="10"/>
    </row>
    <row r="412903" spans="14:14">
      <c r="N412903" s="10"/>
    </row>
    <row r="412904" spans="14:14">
      <c r="N412904" s="10"/>
    </row>
    <row r="412905" spans="14:14">
      <c r="N412905" s="10"/>
    </row>
    <row r="412906" spans="14:14">
      <c r="N412906" s="10"/>
    </row>
    <row r="412907" spans="14:14">
      <c r="N412907" s="10"/>
    </row>
    <row r="412908" spans="14:14">
      <c r="N412908" s="10"/>
    </row>
    <row r="412909" spans="14:14">
      <c r="N412909" s="10"/>
    </row>
    <row r="412910" spans="14:14">
      <c r="N412910" s="10"/>
    </row>
    <row r="412911" spans="14:14">
      <c r="N412911" s="10"/>
    </row>
    <row r="412912" spans="14:14">
      <c r="N412912" s="10"/>
    </row>
    <row r="412913" spans="14:14">
      <c r="N412913" s="10"/>
    </row>
    <row r="412914" spans="14:14">
      <c r="N412914" s="10"/>
    </row>
    <row r="412915" spans="14:14">
      <c r="N412915" s="10"/>
    </row>
    <row r="412916" spans="14:14">
      <c r="N412916" s="10"/>
    </row>
    <row r="412917" spans="14:14">
      <c r="N412917" s="10"/>
    </row>
    <row r="412918" spans="14:14">
      <c r="N412918" s="10"/>
    </row>
    <row r="412919" spans="14:14">
      <c r="N412919" s="10"/>
    </row>
    <row r="412920" spans="14:14">
      <c r="N412920" s="10"/>
    </row>
    <row r="412921" spans="14:14">
      <c r="N412921" s="10"/>
    </row>
    <row r="412922" spans="14:14">
      <c r="N412922" s="10"/>
    </row>
    <row r="412923" spans="14:14">
      <c r="N412923" s="10"/>
    </row>
    <row r="412924" spans="14:14">
      <c r="N412924" s="10"/>
    </row>
    <row r="412925" spans="14:14">
      <c r="N412925" s="10"/>
    </row>
    <row r="412926" spans="14:14">
      <c r="N412926" s="10"/>
    </row>
    <row r="412927" spans="14:14">
      <c r="N412927" s="10"/>
    </row>
    <row r="412928" spans="14:14">
      <c r="N412928" s="10"/>
    </row>
    <row r="412929" spans="14:14">
      <c r="N412929" s="10"/>
    </row>
    <row r="412930" spans="14:14">
      <c r="N412930" s="10"/>
    </row>
    <row r="412931" spans="14:14">
      <c r="N412931" s="10"/>
    </row>
    <row r="412932" spans="14:14">
      <c r="N412932" s="10"/>
    </row>
    <row r="412933" spans="14:14">
      <c r="N412933" s="10"/>
    </row>
    <row r="412934" spans="14:14">
      <c r="N412934" s="10"/>
    </row>
    <row r="412935" spans="14:14">
      <c r="N412935" s="10"/>
    </row>
    <row r="412936" spans="14:14">
      <c r="N412936" s="10"/>
    </row>
    <row r="412937" spans="14:14">
      <c r="N412937" s="10"/>
    </row>
    <row r="412938" spans="14:14">
      <c r="N412938" s="10"/>
    </row>
    <row r="412939" spans="14:14">
      <c r="N412939" s="10"/>
    </row>
    <row r="412940" spans="14:14">
      <c r="N412940" s="10"/>
    </row>
    <row r="412941" spans="14:14">
      <c r="N412941" s="10"/>
    </row>
    <row r="412942" spans="14:14">
      <c r="N412942" s="10"/>
    </row>
    <row r="412943" spans="14:14">
      <c r="N412943" s="10"/>
    </row>
    <row r="412944" spans="14:14">
      <c r="N412944" s="10"/>
    </row>
    <row r="412945" spans="14:14">
      <c r="N412945" s="10"/>
    </row>
    <row r="412946" spans="14:14">
      <c r="N412946" s="10"/>
    </row>
    <row r="412947" spans="14:14">
      <c r="N412947" s="10"/>
    </row>
    <row r="412948" spans="14:14">
      <c r="N412948" s="10"/>
    </row>
    <row r="412949" spans="14:14">
      <c r="N412949" s="10"/>
    </row>
    <row r="412950" spans="14:14">
      <c r="N412950" s="10"/>
    </row>
    <row r="412951" spans="14:14">
      <c r="N412951" s="10"/>
    </row>
    <row r="412952" spans="14:14">
      <c r="N412952" s="10"/>
    </row>
    <row r="412953" spans="14:14">
      <c r="N412953" s="10"/>
    </row>
    <row r="412954" spans="14:14">
      <c r="N412954" s="10"/>
    </row>
    <row r="412955" spans="14:14">
      <c r="N412955" s="10"/>
    </row>
    <row r="412956" spans="14:14">
      <c r="N412956" s="10"/>
    </row>
    <row r="412957" spans="14:14">
      <c r="N412957" s="10"/>
    </row>
    <row r="412958" spans="14:14">
      <c r="N412958" s="10"/>
    </row>
    <row r="412959" spans="14:14">
      <c r="N412959" s="10"/>
    </row>
    <row r="412960" spans="14:14">
      <c r="N412960" s="10"/>
    </row>
    <row r="412961" spans="14:14">
      <c r="N412961" s="10"/>
    </row>
    <row r="412962" spans="14:14">
      <c r="N412962" s="10"/>
    </row>
    <row r="412963" spans="14:14">
      <c r="N412963" s="10"/>
    </row>
    <row r="412964" spans="14:14">
      <c r="N412964" s="10"/>
    </row>
    <row r="412965" spans="14:14">
      <c r="N412965" s="10"/>
    </row>
    <row r="412966" spans="14:14">
      <c r="N412966" s="10"/>
    </row>
    <row r="412967" spans="14:14">
      <c r="N412967" s="10"/>
    </row>
    <row r="412968" spans="14:14">
      <c r="N412968" s="10"/>
    </row>
    <row r="412969" spans="14:14">
      <c r="N412969" s="10"/>
    </row>
    <row r="412970" spans="14:14">
      <c r="N412970" s="10"/>
    </row>
    <row r="412971" spans="14:14">
      <c r="N412971" s="10"/>
    </row>
    <row r="412972" spans="14:14">
      <c r="N412972" s="10"/>
    </row>
    <row r="412973" spans="14:14">
      <c r="N412973" s="10"/>
    </row>
    <row r="412974" spans="14:14">
      <c r="N412974" s="10"/>
    </row>
    <row r="412975" spans="14:14">
      <c r="N412975" s="10"/>
    </row>
    <row r="412976" spans="14:14">
      <c r="N412976" s="10"/>
    </row>
    <row r="412977" spans="14:14">
      <c r="N412977" s="10"/>
    </row>
    <row r="412978" spans="14:14">
      <c r="N412978" s="10"/>
    </row>
    <row r="412979" spans="14:14">
      <c r="N412979" s="10"/>
    </row>
    <row r="412980" spans="14:14">
      <c r="N412980" s="10"/>
    </row>
    <row r="412981" spans="14:14">
      <c r="N412981" s="10"/>
    </row>
    <row r="412982" spans="14:14">
      <c r="N412982" s="10"/>
    </row>
    <row r="412983" spans="14:14">
      <c r="N412983" s="10"/>
    </row>
    <row r="412984" spans="14:14">
      <c r="N412984" s="10"/>
    </row>
    <row r="412985" spans="14:14">
      <c r="N412985" s="10"/>
    </row>
    <row r="412986" spans="14:14">
      <c r="N412986" s="10"/>
    </row>
    <row r="412987" spans="14:14">
      <c r="N412987" s="10"/>
    </row>
    <row r="412988" spans="14:14">
      <c r="N412988" s="10"/>
    </row>
    <row r="412989" spans="14:14">
      <c r="N412989" s="10"/>
    </row>
    <row r="412990" spans="14:14">
      <c r="N412990" s="10"/>
    </row>
    <row r="412991" spans="14:14">
      <c r="N412991" s="10"/>
    </row>
    <row r="412992" spans="14:14">
      <c r="N412992" s="10"/>
    </row>
    <row r="412993" spans="14:14">
      <c r="N412993" s="10"/>
    </row>
    <row r="412994" spans="14:14">
      <c r="N412994" s="10"/>
    </row>
    <row r="412995" spans="14:14">
      <c r="N412995" s="10"/>
    </row>
    <row r="412996" spans="14:14">
      <c r="N412996" s="10"/>
    </row>
    <row r="412997" spans="14:14">
      <c r="N412997" s="10"/>
    </row>
    <row r="412998" spans="14:14">
      <c r="N412998" s="10"/>
    </row>
    <row r="412999" spans="14:14">
      <c r="N412999" s="10"/>
    </row>
    <row r="413000" spans="14:14">
      <c r="N413000" s="10"/>
    </row>
    <row r="413001" spans="14:14">
      <c r="N413001" s="10"/>
    </row>
    <row r="413002" spans="14:14">
      <c r="N413002" s="10"/>
    </row>
    <row r="413003" spans="14:14">
      <c r="N413003" s="10"/>
    </row>
    <row r="413004" spans="14:14">
      <c r="N413004" s="10"/>
    </row>
    <row r="413005" spans="14:14">
      <c r="N413005" s="10"/>
    </row>
    <row r="413006" spans="14:14">
      <c r="N413006" s="10"/>
    </row>
    <row r="413007" spans="14:14">
      <c r="N413007" s="10"/>
    </row>
    <row r="413008" spans="14:14">
      <c r="N413008" s="10"/>
    </row>
    <row r="413009" spans="14:14">
      <c r="N413009" s="10"/>
    </row>
    <row r="413010" spans="14:14">
      <c r="N413010" s="10"/>
    </row>
    <row r="413011" spans="14:14">
      <c r="N413011" s="10"/>
    </row>
    <row r="413012" spans="14:14">
      <c r="N413012" s="10"/>
    </row>
    <row r="413013" spans="14:14">
      <c r="N413013" s="10"/>
    </row>
    <row r="413014" spans="14:14">
      <c r="N413014" s="10"/>
    </row>
    <row r="413015" spans="14:14">
      <c r="N413015" s="10"/>
    </row>
    <row r="413016" spans="14:14">
      <c r="N413016" s="10"/>
    </row>
    <row r="413017" spans="14:14">
      <c r="N413017" s="10"/>
    </row>
    <row r="413018" spans="14:14">
      <c r="N413018" s="10"/>
    </row>
    <row r="413019" spans="14:14">
      <c r="N413019" s="10"/>
    </row>
    <row r="413020" spans="14:14">
      <c r="N413020" s="10"/>
    </row>
    <row r="413021" spans="14:14">
      <c r="N413021" s="10"/>
    </row>
    <row r="413022" spans="14:14">
      <c r="N413022" s="10"/>
    </row>
    <row r="413023" spans="14:14">
      <c r="N413023" s="10"/>
    </row>
    <row r="413024" spans="14:14">
      <c r="N413024" s="10"/>
    </row>
    <row r="413025" spans="14:14">
      <c r="N413025" s="10"/>
    </row>
    <row r="413026" spans="14:14">
      <c r="N413026" s="10"/>
    </row>
    <row r="413027" spans="14:14">
      <c r="N413027" s="10"/>
    </row>
    <row r="413028" spans="14:14">
      <c r="N413028" s="10"/>
    </row>
    <row r="413029" spans="14:14">
      <c r="N413029" s="10"/>
    </row>
    <row r="413030" spans="14:14">
      <c r="N413030" s="10"/>
    </row>
    <row r="413031" spans="14:14">
      <c r="N413031" s="10"/>
    </row>
    <row r="413032" spans="14:14">
      <c r="N413032" s="10"/>
    </row>
    <row r="413033" spans="14:14">
      <c r="N413033" s="10"/>
    </row>
    <row r="413034" spans="14:14">
      <c r="N413034" s="10"/>
    </row>
    <row r="413035" spans="14:14">
      <c r="N413035" s="10"/>
    </row>
    <row r="413036" spans="14:14">
      <c r="N413036" s="10"/>
    </row>
    <row r="413037" spans="14:14">
      <c r="N413037" s="10"/>
    </row>
    <row r="413038" spans="14:14">
      <c r="N413038" s="10"/>
    </row>
    <row r="413039" spans="14:14">
      <c r="N413039" s="10"/>
    </row>
    <row r="413040" spans="14:14">
      <c r="N413040" s="10"/>
    </row>
    <row r="413041" spans="14:14">
      <c r="N413041" s="10"/>
    </row>
    <row r="413042" spans="14:14">
      <c r="N413042" s="10"/>
    </row>
    <row r="413043" spans="14:14">
      <c r="N413043" s="10"/>
    </row>
    <row r="413044" spans="14:14">
      <c r="N413044" s="10"/>
    </row>
    <row r="413045" spans="14:14">
      <c r="N413045" s="10"/>
    </row>
    <row r="413046" spans="14:14">
      <c r="N413046" s="10"/>
    </row>
    <row r="413047" spans="14:14">
      <c r="N413047" s="10"/>
    </row>
    <row r="413048" spans="14:14">
      <c r="N413048" s="10"/>
    </row>
    <row r="413049" spans="14:14">
      <c r="N413049" s="10"/>
    </row>
    <row r="413050" spans="14:14">
      <c r="N413050" s="10"/>
    </row>
    <row r="413051" spans="14:14">
      <c r="N413051" s="10"/>
    </row>
    <row r="413052" spans="14:14">
      <c r="N413052" s="10"/>
    </row>
    <row r="413053" spans="14:14">
      <c r="N413053" s="10"/>
    </row>
    <row r="413054" spans="14:14">
      <c r="N413054" s="10"/>
    </row>
    <row r="413055" spans="14:14">
      <c r="N413055" s="10"/>
    </row>
    <row r="413056" spans="14:14">
      <c r="N413056" s="10"/>
    </row>
    <row r="413057" spans="14:14">
      <c r="N413057" s="10"/>
    </row>
    <row r="413058" spans="14:14">
      <c r="N413058" s="10"/>
    </row>
    <row r="413059" spans="14:14">
      <c r="N413059" s="10"/>
    </row>
    <row r="413060" spans="14:14">
      <c r="N413060" s="10"/>
    </row>
    <row r="413061" spans="14:14">
      <c r="N413061" s="10"/>
    </row>
    <row r="413062" spans="14:14">
      <c r="N413062" s="10"/>
    </row>
    <row r="413063" spans="14:14">
      <c r="N413063" s="10"/>
    </row>
    <row r="413064" spans="14:14">
      <c r="N413064" s="10"/>
    </row>
    <row r="413065" spans="14:14">
      <c r="N413065" s="10"/>
    </row>
    <row r="413066" spans="14:14">
      <c r="N413066" s="10"/>
    </row>
    <row r="413067" spans="14:14">
      <c r="N413067" s="10"/>
    </row>
    <row r="413068" spans="14:14">
      <c r="N413068" s="10"/>
    </row>
    <row r="413069" spans="14:14">
      <c r="N413069" s="10"/>
    </row>
    <row r="413070" spans="14:14">
      <c r="N413070" s="10"/>
    </row>
    <row r="413071" spans="14:14">
      <c r="N413071" s="10"/>
    </row>
    <row r="413072" spans="14:14">
      <c r="N413072" s="10"/>
    </row>
    <row r="413073" spans="14:14">
      <c r="N413073" s="10"/>
    </row>
    <row r="413074" spans="14:14">
      <c r="N413074" s="10"/>
    </row>
    <row r="413075" spans="14:14">
      <c r="N413075" s="10"/>
    </row>
    <row r="413076" spans="14:14">
      <c r="N413076" s="10"/>
    </row>
    <row r="413077" spans="14:14">
      <c r="N413077" s="10"/>
    </row>
    <row r="413078" spans="14:14">
      <c r="N413078" s="10"/>
    </row>
    <row r="413079" spans="14:14">
      <c r="N413079" s="10"/>
    </row>
    <row r="413080" spans="14:14">
      <c r="N413080" s="10"/>
    </row>
    <row r="413081" spans="14:14">
      <c r="N413081" s="10"/>
    </row>
    <row r="413082" spans="14:14">
      <c r="N413082" s="10"/>
    </row>
    <row r="413083" spans="14:14">
      <c r="N413083" s="10"/>
    </row>
    <row r="413084" spans="14:14">
      <c r="N413084" s="10"/>
    </row>
    <row r="413085" spans="14:14">
      <c r="N413085" s="10"/>
    </row>
    <row r="413086" spans="14:14">
      <c r="N413086" s="10"/>
    </row>
    <row r="413087" spans="14:14">
      <c r="N413087" s="10"/>
    </row>
    <row r="413088" spans="14:14">
      <c r="N413088" s="10"/>
    </row>
    <row r="413089" spans="14:14">
      <c r="N413089" s="10"/>
    </row>
    <row r="413090" spans="14:14">
      <c r="N413090" s="10"/>
    </row>
    <row r="413091" spans="14:14">
      <c r="N413091" s="10"/>
    </row>
    <row r="413092" spans="14:14">
      <c r="N413092" s="10"/>
    </row>
    <row r="413093" spans="14:14">
      <c r="N413093" s="10"/>
    </row>
    <row r="413094" spans="14:14">
      <c r="N413094" s="10"/>
    </row>
    <row r="413095" spans="14:14">
      <c r="N413095" s="10"/>
    </row>
    <row r="413096" spans="14:14">
      <c r="N413096" s="10"/>
    </row>
    <row r="413097" spans="14:14">
      <c r="N413097" s="10"/>
    </row>
    <row r="413098" spans="14:14">
      <c r="N413098" s="10"/>
    </row>
    <row r="413099" spans="14:14">
      <c r="N413099" s="10"/>
    </row>
    <row r="413100" spans="14:14">
      <c r="N413100" s="10"/>
    </row>
    <row r="413101" spans="14:14">
      <c r="N413101" s="10"/>
    </row>
    <row r="413102" spans="14:14">
      <c r="N413102" s="10"/>
    </row>
    <row r="413103" spans="14:14">
      <c r="N413103" s="10"/>
    </row>
    <row r="413104" spans="14:14">
      <c r="N413104" s="10"/>
    </row>
    <row r="413105" spans="14:14">
      <c r="N413105" s="10"/>
    </row>
    <row r="413106" spans="14:14">
      <c r="N413106" s="10"/>
    </row>
    <row r="413107" spans="14:14">
      <c r="N413107" s="10"/>
    </row>
    <row r="413108" spans="14:14">
      <c r="N413108" s="10"/>
    </row>
    <row r="413109" spans="14:14">
      <c r="N413109" s="10"/>
    </row>
    <row r="413110" spans="14:14">
      <c r="N413110" s="10"/>
    </row>
    <row r="413111" spans="14:14">
      <c r="N413111" s="10"/>
    </row>
    <row r="413112" spans="14:14">
      <c r="N413112" s="10"/>
    </row>
    <row r="413113" spans="14:14">
      <c r="N413113" s="10"/>
    </row>
    <row r="413114" spans="14:14">
      <c r="N413114" s="10"/>
    </row>
    <row r="413115" spans="14:14">
      <c r="N413115" s="10"/>
    </row>
    <row r="413116" spans="14:14">
      <c r="N413116" s="10"/>
    </row>
    <row r="413117" spans="14:14">
      <c r="N413117" s="10"/>
    </row>
    <row r="413118" spans="14:14">
      <c r="N413118" s="10"/>
    </row>
    <row r="413119" spans="14:14">
      <c r="N413119" s="10"/>
    </row>
    <row r="413120" spans="14:14">
      <c r="N413120" s="10"/>
    </row>
    <row r="413121" spans="14:14">
      <c r="N413121" s="10"/>
    </row>
    <row r="413122" spans="14:14">
      <c r="N413122" s="10"/>
    </row>
    <row r="413123" spans="14:14">
      <c r="N413123" s="10"/>
    </row>
    <row r="413124" spans="14:14">
      <c r="N413124" s="10"/>
    </row>
    <row r="413125" spans="14:14">
      <c r="N413125" s="10"/>
    </row>
    <row r="413126" spans="14:14">
      <c r="N413126" s="10"/>
    </row>
    <row r="413127" spans="14:14">
      <c r="N413127" s="10"/>
    </row>
    <row r="413128" spans="14:14">
      <c r="N413128" s="10"/>
    </row>
    <row r="413129" spans="14:14">
      <c r="N413129" s="10"/>
    </row>
    <row r="413130" spans="14:14">
      <c r="N413130" s="10"/>
    </row>
    <row r="413131" spans="14:14">
      <c r="N413131" s="10"/>
    </row>
    <row r="413132" spans="14:14">
      <c r="N413132" s="10"/>
    </row>
    <row r="413133" spans="14:14">
      <c r="N413133" s="10"/>
    </row>
    <row r="413134" spans="14:14">
      <c r="N413134" s="10"/>
    </row>
    <row r="413135" spans="14:14">
      <c r="N413135" s="10"/>
    </row>
    <row r="413136" spans="14:14">
      <c r="N413136" s="10"/>
    </row>
    <row r="413137" spans="14:14">
      <c r="N413137" s="10"/>
    </row>
    <row r="413138" spans="14:14">
      <c r="N413138" s="10"/>
    </row>
    <row r="413139" spans="14:14">
      <c r="N413139" s="10"/>
    </row>
    <row r="413140" spans="14:14">
      <c r="N413140" s="10"/>
    </row>
    <row r="413141" spans="14:14">
      <c r="N413141" s="10"/>
    </row>
    <row r="413142" spans="14:14">
      <c r="N413142" s="10"/>
    </row>
    <row r="413143" spans="14:14">
      <c r="N413143" s="10"/>
    </row>
    <row r="413144" spans="14:14">
      <c r="N413144" s="10"/>
    </row>
    <row r="413145" spans="14:14">
      <c r="N413145" s="10"/>
    </row>
    <row r="413146" spans="14:14">
      <c r="N413146" s="10"/>
    </row>
    <row r="413147" spans="14:14">
      <c r="N413147" s="10"/>
    </row>
    <row r="413148" spans="14:14">
      <c r="N413148" s="10"/>
    </row>
    <row r="413149" spans="14:14">
      <c r="N413149" s="10"/>
    </row>
    <row r="413150" spans="14:14">
      <c r="N413150" s="10"/>
    </row>
    <row r="413151" spans="14:14">
      <c r="N413151" s="10"/>
    </row>
    <row r="413152" spans="14:14">
      <c r="N413152" s="10"/>
    </row>
    <row r="413153" spans="14:14">
      <c r="N413153" s="10"/>
    </row>
    <row r="413154" spans="14:14">
      <c r="N413154" s="10"/>
    </row>
    <row r="413155" spans="14:14">
      <c r="N413155" s="10"/>
    </row>
    <row r="413156" spans="14:14">
      <c r="N413156" s="10"/>
    </row>
    <row r="413157" spans="14:14">
      <c r="N413157" s="10"/>
    </row>
    <row r="413158" spans="14:14">
      <c r="N413158" s="10"/>
    </row>
    <row r="413159" spans="14:14">
      <c r="N413159" s="10"/>
    </row>
    <row r="413160" spans="14:14">
      <c r="N413160" s="10"/>
    </row>
    <row r="413161" spans="14:14">
      <c r="N413161" s="10"/>
    </row>
    <row r="413162" spans="14:14">
      <c r="N413162" s="10"/>
    </row>
    <row r="413163" spans="14:14">
      <c r="N413163" s="10"/>
    </row>
    <row r="413164" spans="14:14">
      <c r="N413164" s="10"/>
    </row>
    <row r="413165" spans="14:14">
      <c r="N413165" s="10"/>
    </row>
    <row r="413166" spans="14:14">
      <c r="N413166" s="10"/>
    </row>
    <row r="413167" spans="14:14">
      <c r="N413167" s="10"/>
    </row>
    <row r="413168" spans="14:14">
      <c r="N413168" s="10"/>
    </row>
    <row r="413169" spans="14:14">
      <c r="N413169" s="10"/>
    </row>
    <row r="413170" spans="14:14">
      <c r="N413170" s="10"/>
    </row>
    <row r="413171" spans="14:14">
      <c r="N413171" s="10"/>
    </row>
    <row r="413172" spans="14:14">
      <c r="N413172" s="10"/>
    </row>
    <row r="413173" spans="14:14">
      <c r="N413173" s="10"/>
    </row>
    <row r="413174" spans="14:14">
      <c r="N413174" s="10"/>
    </row>
    <row r="413175" spans="14:14">
      <c r="N413175" s="10"/>
    </row>
    <row r="413176" spans="14:14">
      <c r="N413176" s="10"/>
    </row>
    <row r="413177" spans="14:14">
      <c r="N413177" s="10"/>
    </row>
    <row r="413178" spans="14:14">
      <c r="N413178" s="10"/>
    </row>
    <row r="413179" spans="14:14">
      <c r="N413179" s="10"/>
    </row>
    <row r="413180" spans="14:14">
      <c r="N413180" s="10"/>
    </row>
    <row r="413181" spans="14:14">
      <c r="N413181" s="10"/>
    </row>
    <row r="413182" spans="14:14">
      <c r="N413182" s="10"/>
    </row>
    <row r="413183" spans="14:14">
      <c r="N413183" s="10"/>
    </row>
    <row r="413184" spans="14:14">
      <c r="N413184" s="10"/>
    </row>
    <row r="413185" spans="14:14">
      <c r="N413185" s="10"/>
    </row>
    <row r="413186" spans="14:14">
      <c r="N413186" s="10"/>
    </row>
    <row r="413187" spans="14:14">
      <c r="N413187" s="10"/>
    </row>
    <row r="413188" spans="14:14">
      <c r="N413188" s="10"/>
    </row>
    <row r="413189" spans="14:14">
      <c r="N413189" s="10"/>
    </row>
    <row r="413190" spans="14:14">
      <c r="N413190" s="10"/>
    </row>
    <row r="413191" spans="14:14">
      <c r="N413191" s="10"/>
    </row>
    <row r="413192" spans="14:14">
      <c r="N413192" s="10"/>
    </row>
    <row r="413193" spans="14:14">
      <c r="N413193" s="10"/>
    </row>
    <row r="413194" spans="14:14">
      <c r="N413194" s="10"/>
    </row>
    <row r="413195" spans="14:14">
      <c r="N413195" s="10"/>
    </row>
    <row r="413196" spans="14:14">
      <c r="N413196" s="10"/>
    </row>
    <row r="413197" spans="14:14">
      <c r="N413197" s="10"/>
    </row>
    <row r="413198" spans="14:14">
      <c r="N413198" s="10"/>
    </row>
    <row r="413199" spans="14:14">
      <c r="N413199" s="10"/>
    </row>
    <row r="413200" spans="14:14">
      <c r="N413200" s="10"/>
    </row>
    <row r="413201" spans="14:14">
      <c r="N413201" s="10"/>
    </row>
    <row r="413202" spans="14:14">
      <c r="N413202" s="10"/>
    </row>
    <row r="413203" spans="14:14">
      <c r="N413203" s="10"/>
    </row>
    <row r="413204" spans="14:14">
      <c r="N413204" s="10"/>
    </row>
    <row r="413205" spans="14:14">
      <c r="N413205" s="10"/>
    </row>
    <row r="413206" spans="14:14">
      <c r="N413206" s="10"/>
    </row>
    <row r="413207" spans="14:14">
      <c r="N413207" s="10"/>
    </row>
    <row r="413208" spans="14:14">
      <c r="N413208" s="10"/>
    </row>
    <row r="413209" spans="14:14">
      <c r="N413209" s="10"/>
    </row>
    <row r="413210" spans="14:14">
      <c r="N413210" s="10"/>
    </row>
    <row r="413211" spans="14:14">
      <c r="N413211" s="10"/>
    </row>
    <row r="413212" spans="14:14">
      <c r="N413212" s="10"/>
    </row>
    <row r="413213" spans="14:14">
      <c r="N413213" s="10"/>
    </row>
    <row r="413214" spans="14:14">
      <c r="N413214" s="10"/>
    </row>
    <row r="413215" spans="14:14">
      <c r="N413215" s="10"/>
    </row>
    <row r="413216" spans="14:14">
      <c r="N413216" s="10"/>
    </row>
    <row r="413217" spans="14:14">
      <c r="N413217" s="10"/>
    </row>
    <row r="413218" spans="14:14">
      <c r="N413218" s="10"/>
    </row>
    <row r="413219" spans="14:14">
      <c r="N413219" s="10"/>
    </row>
    <row r="413220" spans="14:14">
      <c r="N413220" s="10"/>
    </row>
    <row r="413221" spans="14:14">
      <c r="N413221" s="10"/>
    </row>
    <row r="413222" spans="14:14">
      <c r="N413222" s="10"/>
    </row>
    <row r="413223" spans="14:14">
      <c r="N413223" s="10"/>
    </row>
    <row r="413224" spans="14:14">
      <c r="N413224" s="10"/>
    </row>
    <row r="413225" spans="14:14">
      <c r="N413225" s="10"/>
    </row>
    <row r="413226" spans="14:14">
      <c r="N413226" s="10"/>
    </row>
    <row r="413227" spans="14:14">
      <c r="N413227" s="10"/>
    </row>
    <row r="413228" spans="14:14">
      <c r="N413228" s="10"/>
    </row>
    <row r="413229" spans="14:14">
      <c r="N413229" s="10"/>
    </row>
    <row r="413230" spans="14:14">
      <c r="N413230" s="10"/>
    </row>
    <row r="413231" spans="14:14">
      <c r="N413231" s="10"/>
    </row>
    <row r="413232" spans="14:14">
      <c r="N413232" s="10"/>
    </row>
    <row r="413233" spans="14:14">
      <c r="N413233" s="10"/>
    </row>
    <row r="413234" spans="14:14">
      <c r="N413234" s="10"/>
    </row>
    <row r="413235" spans="14:14">
      <c r="N413235" s="10"/>
    </row>
    <row r="413236" spans="14:14">
      <c r="N413236" s="10"/>
    </row>
    <row r="413237" spans="14:14">
      <c r="N413237" s="10"/>
    </row>
    <row r="413238" spans="14:14">
      <c r="N413238" s="10"/>
    </row>
    <row r="413239" spans="14:14">
      <c r="N413239" s="10"/>
    </row>
    <row r="413240" spans="14:14">
      <c r="N413240" s="10"/>
    </row>
    <row r="413241" spans="14:14">
      <c r="N413241" s="10"/>
    </row>
    <row r="413242" spans="14:14">
      <c r="N413242" s="10"/>
    </row>
    <row r="413243" spans="14:14">
      <c r="N413243" s="10"/>
    </row>
    <row r="413244" spans="14:14">
      <c r="N413244" s="10"/>
    </row>
    <row r="413245" spans="14:14">
      <c r="N413245" s="10"/>
    </row>
    <row r="413246" spans="14:14">
      <c r="N413246" s="10"/>
    </row>
    <row r="413247" spans="14:14">
      <c r="N413247" s="10"/>
    </row>
    <row r="413248" spans="14:14">
      <c r="N413248" s="10"/>
    </row>
    <row r="413249" spans="14:14">
      <c r="N413249" s="10"/>
    </row>
    <row r="413250" spans="14:14">
      <c r="N413250" s="10"/>
    </row>
    <row r="413251" spans="14:14">
      <c r="N413251" s="10"/>
    </row>
    <row r="413252" spans="14:14">
      <c r="N413252" s="10"/>
    </row>
    <row r="413253" spans="14:14">
      <c r="N413253" s="10"/>
    </row>
    <row r="413254" spans="14:14">
      <c r="N413254" s="10"/>
    </row>
    <row r="413255" spans="14:14">
      <c r="N413255" s="10"/>
    </row>
    <row r="413256" spans="14:14">
      <c r="N413256" s="10"/>
    </row>
    <row r="413257" spans="14:14">
      <c r="N413257" s="10"/>
    </row>
    <row r="413258" spans="14:14">
      <c r="N413258" s="10"/>
    </row>
    <row r="413259" spans="14:14">
      <c r="N413259" s="10"/>
    </row>
    <row r="413260" spans="14:14">
      <c r="N413260" s="10"/>
    </row>
    <row r="413261" spans="14:14">
      <c r="N413261" s="10"/>
    </row>
    <row r="413262" spans="14:14">
      <c r="N413262" s="10"/>
    </row>
    <row r="413263" spans="14:14">
      <c r="N413263" s="10"/>
    </row>
    <row r="413264" spans="14:14">
      <c r="N413264" s="10"/>
    </row>
    <row r="413265" spans="14:14">
      <c r="N413265" s="10"/>
    </row>
    <row r="413266" spans="14:14">
      <c r="N413266" s="10"/>
    </row>
    <row r="413267" spans="14:14">
      <c r="N413267" s="10"/>
    </row>
    <row r="413268" spans="14:14">
      <c r="N413268" s="10"/>
    </row>
    <row r="413269" spans="14:14">
      <c r="N413269" s="10"/>
    </row>
    <row r="413270" spans="14:14">
      <c r="N413270" s="10"/>
    </row>
    <row r="413271" spans="14:14">
      <c r="N413271" s="10"/>
    </row>
    <row r="413272" spans="14:14">
      <c r="N413272" s="10"/>
    </row>
    <row r="413273" spans="14:14">
      <c r="N413273" s="10"/>
    </row>
    <row r="413274" spans="14:14">
      <c r="N413274" s="10"/>
    </row>
    <row r="413275" spans="14:14">
      <c r="N413275" s="10"/>
    </row>
    <row r="413276" spans="14:14">
      <c r="N413276" s="10"/>
    </row>
    <row r="413277" spans="14:14">
      <c r="N413277" s="10"/>
    </row>
    <row r="413278" spans="14:14">
      <c r="N413278" s="10"/>
    </row>
    <row r="413279" spans="14:14">
      <c r="N413279" s="10"/>
    </row>
    <row r="413280" spans="14:14">
      <c r="N413280" s="10"/>
    </row>
    <row r="413281" spans="14:14">
      <c r="N413281" s="10"/>
    </row>
    <row r="413282" spans="14:14">
      <c r="N413282" s="10"/>
    </row>
    <row r="413283" spans="14:14">
      <c r="N413283" s="10"/>
    </row>
    <row r="413284" spans="14:14">
      <c r="N413284" s="10"/>
    </row>
    <row r="413285" spans="14:14">
      <c r="N413285" s="10"/>
    </row>
    <row r="413286" spans="14:14">
      <c r="N413286" s="10"/>
    </row>
    <row r="413287" spans="14:14">
      <c r="N413287" s="10"/>
    </row>
    <row r="413288" spans="14:14">
      <c r="N413288" s="10"/>
    </row>
    <row r="413289" spans="14:14">
      <c r="N413289" s="10"/>
    </row>
    <row r="413290" spans="14:14">
      <c r="N413290" s="10"/>
    </row>
    <row r="413291" spans="14:14">
      <c r="N413291" s="10"/>
    </row>
    <row r="413292" spans="14:14">
      <c r="N413292" s="10"/>
    </row>
    <row r="413293" spans="14:14">
      <c r="N413293" s="10"/>
    </row>
    <row r="413294" spans="14:14">
      <c r="N413294" s="10"/>
    </row>
    <row r="413295" spans="14:14">
      <c r="N413295" s="10"/>
    </row>
    <row r="413296" spans="14:14">
      <c r="N413296" s="10"/>
    </row>
    <row r="413297" spans="14:14">
      <c r="N413297" s="10"/>
    </row>
    <row r="413298" spans="14:14">
      <c r="N413298" s="10"/>
    </row>
    <row r="413299" spans="14:14">
      <c r="N413299" s="10"/>
    </row>
    <row r="413300" spans="14:14">
      <c r="N413300" s="10"/>
    </row>
    <row r="413301" spans="14:14">
      <c r="N413301" s="10"/>
    </row>
    <row r="413302" spans="14:14">
      <c r="N413302" s="10"/>
    </row>
    <row r="413303" spans="14:14">
      <c r="N413303" s="10"/>
    </row>
    <row r="413304" spans="14:14">
      <c r="N413304" s="10"/>
    </row>
    <row r="413305" spans="14:14">
      <c r="N413305" s="10"/>
    </row>
    <row r="413306" spans="14:14">
      <c r="N413306" s="10"/>
    </row>
    <row r="413307" spans="14:14">
      <c r="N413307" s="10"/>
    </row>
    <row r="413308" spans="14:14">
      <c r="N413308" s="10"/>
    </row>
    <row r="413309" spans="14:14">
      <c r="N413309" s="10"/>
    </row>
    <row r="413310" spans="14:14">
      <c r="N413310" s="10"/>
    </row>
    <row r="413311" spans="14:14">
      <c r="N413311" s="10"/>
    </row>
    <row r="413312" spans="14:14">
      <c r="N413312" s="10"/>
    </row>
    <row r="413313" spans="14:14">
      <c r="N413313" s="10"/>
    </row>
    <row r="413314" spans="14:14">
      <c r="N413314" s="10"/>
    </row>
    <row r="413315" spans="14:14">
      <c r="N413315" s="10"/>
    </row>
    <row r="413316" spans="14:14">
      <c r="N413316" s="10"/>
    </row>
    <row r="413317" spans="14:14">
      <c r="N413317" s="10"/>
    </row>
    <row r="413318" spans="14:14">
      <c r="N413318" s="10"/>
    </row>
    <row r="413319" spans="14:14">
      <c r="N413319" s="10"/>
    </row>
    <row r="413320" spans="14:14">
      <c r="N413320" s="10"/>
    </row>
    <row r="413321" spans="14:14">
      <c r="N413321" s="10"/>
    </row>
    <row r="413322" spans="14:14">
      <c r="N413322" s="10"/>
    </row>
    <row r="413323" spans="14:14">
      <c r="N413323" s="10"/>
    </row>
    <row r="413324" spans="14:14">
      <c r="N413324" s="10"/>
    </row>
    <row r="413325" spans="14:14">
      <c r="N413325" s="10"/>
    </row>
    <row r="413326" spans="14:14">
      <c r="N413326" s="10"/>
    </row>
    <row r="413327" spans="14:14">
      <c r="N413327" s="10"/>
    </row>
    <row r="413328" spans="14:14">
      <c r="N413328" s="10"/>
    </row>
    <row r="413329" spans="14:14">
      <c r="N413329" s="10"/>
    </row>
    <row r="413330" spans="14:14">
      <c r="N413330" s="10"/>
    </row>
    <row r="413331" spans="14:14">
      <c r="N413331" s="10"/>
    </row>
    <row r="413332" spans="14:14">
      <c r="N413332" s="10"/>
    </row>
    <row r="413333" spans="14:14">
      <c r="N413333" s="10"/>
    </row>
    <row r="413334" spans="14:14">
      <c r="N413334" s="10"/>
    </row>
    <row r="413335" spans="14:14">
      <c r="N413335" s="10"/>
    </row>
    <row r="413336" spans="14:14">
      <c r="N413336" s="10"/>
    </row>
    <row r="413337" spans="14:14">
      <c r="N413337" s="10"/>
    </row>
    <row r="413338" spans="14:14">
      <c r="N413338" s="10"/>
    </row>
    <row r="413339" spans="14:14">
      <c r="N413339" s="10"/>
    </row>
    <row r="413340" spans="14:14">
      <c r="N413340" s="10"/>
    </row>
    <row r="413341" spans="14:14">
      <c r="N413341" s="10"/>
    </row>
    <row r="413342" spans="14:14">
      <c r="N413342" s="10"/>
    </row>
    <row r="413343" spans="14:14">
      <c r="N413343" s="10"/>
    </row>
    <row r="413344" spans="14:14">
      <c r="N413344" s="10"/>
    </row>
    <row r="413345" spans="14:14">
      <c r="N413345" s="10"/>
    </row>
    <row r="413346" spans="14:14">
      <c r="N413346" s="10"/>
    </row>
    <row r="413347" spans="14:14">
      <c r="N413347" s="10"/>
    </row>
    <row r="413348" spans="14:14">
      <c r="N413348" s="10"/>
    </row>
    <row r="413349" spans="14:14">
      <c r="N413349" s="10"/>
    </row>
    <row r="413350" spans="14:14">
      <c r="N413350" s="10"/>
    </row>
    <row r="413351" spans="14:14">
      <c r="N413351" s="10"/>
    </row>
    <row r="413352" spans="14:14">
      <c r="N413352" s="10"/>
    </row>
    <row r="413353" spans="14:14">
      <c r="N413353" s="10"/>
    </row>
    <row r="413354" spans="14:14">
      <c r="N413354" s="10"/>
    </row>
    <row r="413355" spans="14:14">
      <c r="N413355" s="10"/>
    </row>
    <row r="413356" spans="14:14">
      <c r="N413356" s="10"/>
    </row>
    <row r="413357" spans="14:14">
      <c r="N413357" s="10"/>
    </row>
    <row r="413358" spans="14:14">
      <c r="N413358" s="10"/>
    </row>
    <row r="413359" spans="14:14">
      <c r="N413359" s="10"/>
    </row>
    <row r="413360" spans="14:14">
      <c r="N413360" s="10"/>
    </row>
    <row r="413361" spans="14:14">
      <c r="N413361" s="10"/>
    </row>
    <row r="413362" spans="14:14">
      <c r="N413362" s="10"/>
    </row>
    <row r="413363" spans="14:14">
      <c r="N413363" s="10"/>
    </row>
    <row r="413364" spans="14:14">
      <c r="N413364" s="10"/>
    </row>
    <row r="413365" spans="14:14">
      <c r="N413365" s="10"/>
    </row>
    <row r="413366" spans="14:14">
      <c r="N413366" s="10"/>
    </row>
    <row r="413367" spans="14:14">
      <c r="N413367" s="10"/>
    </row>
    <row r="413368" spans="14:14">
      <c r="N413368" s="10"/>
    </row>
    <row r="413369" spans="14:14">
      <c r="N413369" s="10"/>
    </row>
    <row r="413370" spans="14:14">
      <c r="N413370" s="10"/>
    </row>
    <row r="413371" spans="14:14">
      <c r="N413371" s="10"/>
    </row>
    <row r="413372" spans="14:14">
      <c r="N413372" s="10"/>
    </row>
    <row r="413373" spans="14:14">
      <c r="N413373" s="10"/>
    </row>
    <row r="413374" spans="14:14">
      <c r="N413374" s="10"/>
    </row>
    <row r="413375" spans="14:14">
      <c r="N413375" s="10"/>
    </row>
    <row r="413376" spans="14:14">
      <c r="N413376" s="10"/>
    </row>
    <row r="413377" spans="14:14">
      <c r="N413377" s="10"/>
    </row>
    <row r="413378" spans="14:14">
      <c r="N413378" s="10"/>
    </row>
    <row r="413379" spans="14:14">
      <c r="N413379" s="10"/>
    </row>
    <row r="413380" spans="14:14">
      <c r="N413380" s="10"/>
    </row>
    <row r="413381" spans="14:14">
      <c r="N413381" s="10"/>
    </row>
    <row r="413382" spans="14:14">
      <c r="N413382" s="10"/>
    </row>
    <row r="413383" spans="14:14">
      <c r="N413383" s="10"/>
    </row>
    <row r="413384" spans="14:14">
      <c r="N413384" s="10"/>
    </row>
    <row r="413385" spans="14:14">
      <c r="N413385" s="10"/>
    </row>
    <row r="413386" spans="14:14">
      <c r="N413386" s="10"/>
    </row>
    <row r="413387" spans="14:14">
      <c r="N413387" s="10"/>
    </row>
    <row r="413388" spans="14:14">
      <c r="N413388" s="10"/>
    </row>
    <row r="413389" spans="14:14">
      <c r="N413389" s="10"/>
    </row>
    <row r="413390" spans="14:14">
      <c r="N413390" s="10"/>
    </row>
    <row r="413391" spans="14:14">
      <c r="N413391" s="10"/>
    </row>
    <row r="413392" spans="14:14">
      <c r="N413392" s="10"/>
    </row>
    <row r="413393" spans="14:14">
      <c r="N413393" s="10"/>
    </row>
    <row r="413394" spans="14:14">
      <c r="N413394" s="10"/>
    </row>
    <row r="413395" spans="14:14">
      <c r="N413395" s="10"/>
    </row>
    <row r="413396" spans="14:14">
      <c r="N413396" s="10"/>
    </row>
    <row r="413397" spans="14:14">
      <c r="N413397" s="10"/>
    </row>
    <row r="413398" spans="14:14">
      <c r="N413398" s="10"/>
    </row>
    <row r="413399" spans="14:14">
      <c r="N413399" s="10"/>
    </row>
    <row r="413400" spans="14:14">
      <c r="N413400" s="10"/>
    </row>
    <row r="413401" spans="14:14">
      <c r="N413401" s="10"/>
    </row>
    <row r="413402" spans="14:14">
      <c r="N413402" s="10"/>
    </row>
    <row r="413403" spans="14:14">
      <c r="N413403" s="10"/>
    </row>
    <row r="413404" spans="14:14">
      <c r="N413404" s="10"/>
    </row>
    <row r="413405" spans="14:14">
      <c r="N413405" s="10"/>
    </row>
    <row r="413406" spans="14:14">
      <c r="N413406" s="10"/>
    </row>
    <row r="413407" spans="14:14">
      <c r="N413407" s="10"/>
    </row>
    <row r="413408" spans="14:14">
      <c r="N413408" s="10"/>
    </row>
    <row r="413409" spans="14:14">
      <c r="N413409" s="10"/>
    </row>
    <row r="413410" spans="14:14">
      <c r="N413410" s="10"/>
    </row>
    <row r="413411" spans="14:14">
      <c r="N413411" s="10"/>
    </row>
    <row r="413412" spans="14:14">
      <c r="N413412" s="10"/>
    </row>
    <row r="413413" spans="14:14">
      <c r="N413413" s="10"/>
    </row>
    <row r="413414" spans="14:14">
      <c r="N413414" s="10"/>
    </row>
    <row r="413415" spans="14:14">
      <c r="N413415" s="10"/>
    </row>
    <row r="413416" spans="14:14">
      <c r="N413416" s="10"/>
    </row>
    <row r="413417" spans="14:14">
      <c r="N413417" s="10"/>
    </row>
    <row r="413418" spans="14:14">
      <c r="N413418" s="10"/>
    </row>
    <row r="413419" spans="14:14">
      <c r="N413419" s="10"/>
    </row>
    <row r="413420" spans="14:14">
      <c r="N413420" s="10"/>
    </row>
    <row r="413421" spans="14:14">
      <c r="N413421" s="10"/>
    </row>
    <row r="413422" spans="14:14">
      <c r="N413422" s="10"/>
    </row>
    <row r="413423" spans="14:14">
      <c r="N413423" s="10"/>
    </row>
    <row r="413424" spans="14:14">
      <c r="N413424" s="10"/>
    </row>
    <row r="413425" spans="14:14">
      <c r="N413425" s="10"/>
    </row>
    <row r="413426" spans="14:14">
      <c r="N413426" s="10"/>
    </row>
    <row r="413427" spans="14:14">
      <c r="N413427" s="10"/>
    </row>
    <row r="413428" spans="14:14">
      <c r="N413428" s="10"/>
    </row>
    <row r="413429" spans="14:14">
      <c r="N413429" s="10"/>
    </row>
    <row r="413430" spans="14:14">
      <c r="N413430" s="10"/>
    </row>
    <row r="413431" spans="14:14">
      <c r="N413431" s="10"/>
    </row>
    <row r="413432" spans="14:14">
      <c r="N413432" s="10"/>
    </row>
    <row r="413433" spans="14:14">
      <c r="N413433" s="10"/>
    </row>
    <row r="413434" spans="14:14">
      <c r="N413434" s="10"/>
    </row>
    <row r="413435" spans="14:14">
      <c r="N413435" s="10"/>
    </row>
    <row r="413436" spans="14:14">
      <c r="N413436" s="10"/>
    </row>
    <row r="413437" spans="14:14">
      <c r="N413437" s="10"/>
    </row>
    <row r="413438" spans="14:14">
      <c r="N413438" s="10"/>
    </row>
    <row r="413439" spans="14:14">
      <c r="N413439" s="10"/>
    </row>
    <row r="413440" spans="14:14">
      <c r="N413440" s="10"/>
    </row>
    <row r="413441" spans="14:14">
      <c r="N413441" s="10"/>
    </row>
    <row r="413442" spans="14:14">
      <c r="N413442" s="10"/>
    </row>
    <row r="413443" spans="14:14">
      <c r="N413443" s="10"/>
    </row>
    <row r="413444" spans="14:14">
      <c r="N413444" s="10"/>
    </row>
    <row r="413445" spans="14:14">
      <c r="N413445" s="10"/>
    </row>
    <row r="413446" spans="14:14">
      <c r="N413446" s="10"/>
    </row>
    <row r="413447" spans="14:14">
      <c r="N413447" s="10"/>
    </row>
    <row r="413448" spans="14:14">
      <c r="N413448" s="10"/>
    </row>
    <row r="413449" spans="14:14">
      <c r="N413449" s="10"/>
    </row>
    <row r="413450" spans="14:14">
      <c r="N413450" s="10"/>
    </row>
    <row r="413451" spans="14:14">
      <c r="N413451" s="10"/>
    </row>
    <row r="413452" spans="14:14">
      <c r="N413452" s="10"/>
    </row>
    <row r="413453" spans="14:14">
      <c r="N413453" s="10"/>
    </row>
    <row r="413454" spans="14:14">
      <c r="N413454" s="10"/>
    </row>
    <row r="413455" spans="14:14">
      <c r="N413455" s="10"/>
    </row>
    <row r="413456" spans="14:14">
      <c r="N413456" s="10"/>
    </row>
    <row r="413457" spans="14:14">
      <c r="N413457" s="10"/>
    </row>
    <row r="413458" spans="14:14">
      <c r="N413458" s="10"/>
    </row>
    <row r="413459" spans="14:14">
      <c r="N413459" s="10"/>
    </row>
    <row r="413460" spans="14:14">
      <c r="N413460" s="10"/>
    </row>
    <row r="413461" spans="14:14">
      <c r="N413461" s="10"/>
    </row>
    <row r="413462" spans="14:14">
      <c r="N413462" s="10"/>
    </row>
    <row r="413463" spans="14:14">
      <c r="N413463" s="10"/>
    </row>
    <row r="413464" spans="14:14">
      <c r="N413464" s="10"/>
    </row>
    <row r="413465" spans="14:14">
      <c r="N413465" s="10"/>
    </row>
    <row r="413466" spans="14:14">
      <c r="N413466" s="10"/>
    </row>
    <row r="413467" spans="14:14">
      <c r="N413467" s="10"/>
    </row>
    <row r="413468" spans="14:14">
      <c r="N413468" s="10"/>
    </row>
    <row r="413469" spans="14:14">
      <c r="N413469" s="10"/>
    </row>
    <row r="413470" spans="14:14">
      <c r="N413470" s="10"/>
    </row>
    <row r="413471" spans="14:14">
      <c r="N413471" s="10"/>
    </row>
    <row r="413472" spans="14:14">
      <c r="N413472" s="10"/>
    </row>
    <row r="413473" spans="14:14">
      <c r="N413473" s="10"/>
    </row>
    <row r="413474" spans="14:14">
      <c r="N413474" s="10"/>
    </row>
    <row r="413475" spans="14:14">
      <c r="N413475" s="10"/>
    </row>
    <row r="413476" spans="14:14">
      <c r="N413476" s="10"/>
    </row>
    <row r="413477" spans="14:14">
      <c r="N413477" s="10"/>
    </row>
    <row r="413478" spans="14:14">
      <c r="N413478" s="10"/>
    </row>
    <row r="413479" spans="14:14">
      <c r="N413479" s="10"/>
    </row>
    <row r="413480" spans="14:14">
      <c r="N413480" s="10"/>
    </row>
    <row r="413481" spans="14:14">
      <c r="N413481" s="10"/>
    </row>
    <row r="413482" spans="14:14">
      <c r="N413482" s="10"/>
    </row>
    <row r="413483" spans="14:14">
      <c r="N413483" s="10"/>
    </row>
    <row r="413484" spans="14:14">
      <c r="N413484" s="10"/>
    </row>
    <row r="413485" spans="14:14">
      <c r="N413485" s="10"/>
    </row>
    <row r="413486" spans="14:14">
      <c r="N413486" s="10"/>
    </row>
    <row r="413487" spans="14:14">
      <c r="N413487" s="10"/>
    </row>
    <row r="413488" spans="14:14">
      <c r="N413488" s="10"/>
    </row>
    <row r="413489" spans="14:14">
      <c r="N413489" s="10"/>
    </row>
    <row r="413490" spans="14:14">
      <c r="N413490" s="10"/>
    </row>
    <row r="413491" spans="14:14">
      <c r="N413491" s="10"/>
    </row>
    <row r="413492" spans="14:14">
      <c r="N413492" s="10"/>
    </row>
    <row r="413493" spans="14:14">
      <c r="N413493" s="10"/>
    </row>
    <row r="413494" spans="14:14">
      <c r="N413494" s="10"/>
    </row>
    <row r="413495" spans="14:14">
      <c r="N413495" s="10"/>
    </row>
    <row r="413496" spans="14:14">
      <c r="N413496" s="10"/>
    </row>
    <row r="413497" spans="14:14">
      <c r="N413497" s="10"/>
    </row>
    <row r="413498" spans="14:14">
      <c r="N413498" s="10"/>
    </row>
    <row r="413499" spans="14:14">
      <c r="N413499" s="10"/>
    </row>
    <row r="413500" spans="14:14">
      <c r="N413500" s="10"/>
    </row>
    <row r="413501" spans="14:14">
      <c r="N413501" s="10"/>
    </row>
    <row r="413502" spans="14:14">
      <c r="N413502" s="10"/>
    </row>
    <row r="413503" spans="14:14">
      <c r="N413503" s="10"/>
    </row>
    <row r="413504" spans="14:14">
      <c r="N413504" s="10"/>
    </row>
    <row r="413505" spans="14:14">
      <c r="N413505" s="10"/>
    </row>
    <row r="413506" spans="14:14">
      <c r="N413506" s="10"/>
    </row>
    <row r="413507" spans="14:14">
      <c r="N413507" s="10"/>
    </row>
    <row r="413508" spans="14:14">
      <c r="N413508" s="10"/>
    </row>
    <row r="413509" spans="14:14">
      <c r="N413509" s="10"/>
    </row>
    <row r="413510" spans="14:14">
      <c r="N413510" s="10"/>
    </row>
    <row r="413511" spans="14:14">
      <c r="N413511" s="10"/>
    </row>
    <row r="413512" spans="14:14">
      <c r="N413512" s="10"/>
    </row>
    <row r="413513" spans="14:14">
      <c r="N413513" s="10"/>
    </row>
    <row r="413514" spans="14:14">
      <c r="N413514" s="10"/>
    </row>
    <row r="413515" spans="14:14">
      <c r="N413515" s="10"/>
    </row>
    <row r="413516" spans="14:14">
      <c r="N413516" s="10"/>
    </row>
    <row r="413517" spans="14:14">
      <c r="N413517" s="10"/>
    </row>
    <row r="413518" spans="14:14">
      <c r="N413518" s="10"/>
    </row>
    <row r="413519" spans="14:14">
      <c r="N413519" s="10"/>
    </row>
    <row r="413520" spans="14:14">
      <c r="N413520" s="10"/>
    </row>
    <row r="413521" spans="14:14">
      <c r="N413521" s="10"/>
    </row>
    <row r="413522" spans="14:14">
      <c r="N413522" s="10"/>
    </row>
    <row r="413523" spans="14:14">
      <c r="N413523" s="10"/>
    </row>
    <row r="413524" spans="14:14">
      <c r="N413524" s="10"/>
    </row>
    <row r="413525" spans="14:14">
      <c r="N413525" s="10"/>
    </row>
    <row r="413526" spans="14:14">
      <c r="N413526" s="10"/>
    </row>
    <row r="413527" spans="14:14">
      <c r="N413527" s="10"/>
    </row>
    <row r="413528" spans="14:14">
      <c r="N413528" s="10"/>
    </row>
    <row r="413529" spans="14:14">
      <c r="N413529" s="10"/>
    </row>
    <row r="413530" spans="14:14">
      <c r="N413530" s="10"/>
    </row>
    <row r="413531" spans="14:14">
      <c r="N413531" s="10"/>
    </row>
    <row r="413532" spans="14:14">
      <c r="N413532" s="10"/>
    </row>
    <row r="413533" spans="14:14">
      <c r="N413533" s="10"/>
    </row>
    <row r="413534" spans="14:14">
      <c r="N413534" s="10"/>
    </row>
    <row r="413535" spans="14:14">
      <c r="N413535" s="10"/>
    </row>
    <row r="413536" spans="14:14">
      <c r="N413536" s="10"/>
    </row>
    <row r="413537" spans="14:14">
      <c r="N413537" s="10"/>
    </row>
    <row r="413538" spans="14:14">
      <c r="N413538" s="10"/>
    </row>
    <row r="413539" spans="14:14">
      <c r="N413539" s="10"/>
    </row>
    <row r="413540" spans="14:14">
      <c r="N413540" s="10"/>
    </row>
    <row r="413541" spans="14:14">
      <c r="N413541" s="10"/>
    </row>
    <row r="413542" spans="14:14">
      <c r="N413542" s="10"/>
    </row>
    <row r="413543" spans="14:14">
      <c r="N413543" s="10"/>
    </row>
    <row r="413544" spans="14:14">
      <c r="N413544" s="10"/>
    </row>
    <row r="413545" spans="14:14">
      <c r="N413545" s="10"/>
    </row>
    <row r="413546" spans="14:14">
      <c r="N413546" s="10"/>
    </row>
    <row r="413547" spans="14:14">
      <c r="N413547" s="10"/>
    </row>
    <row r="413548" spans="14:14">
      <c r="N413548" s="10"/>
    </row>
    <row r="413549" spans="14:14">
      <c r="N413549" s="10"/>
    </row>
    <row r="413550" spans="14:14">
      <c r="N413550" s="10"/>
    </row>
    <row r="413551" spans="14:14">
      <c r="N413551" s="10"/>
    </row>
    <row r="413552" spans="14:14">
      <c r="N413552" s="10"/>
    </row>
    <row r="413553" spans="14:14">
      <c r="N413553" s="10"/>
    </row>
    <row r="413554" spans="14:14">
      <c r="N413554" s="10"/>
    </row>
    <row r="413555" spans="14:14">
      <c r="N413555" s="10"/>
    </row>
    <row r="413556" spans="14:14">
      <c r="N413556" s="10"/>
    </row>
    <row r="413557" spans="14:14">
      <c r="N413557" s="10"/>
    </row>
    <row r="413558" spans="14:14">
      <c r="N413558" s="10"/>
    </row>
    <row r="413559" spans="14:14">
      <c r="N413559" s="10"/>
    </row>
    <row r="413560" spans="14:14">
      <c r="N413560" s="10"/>
    </row>
    <row r="413561" spans="14:14">
      <c r="N413561" s="10"/>
    </row>
    <row r="413562" spans="14:14">
      <c r="N413562" s="10"/>
    </row>
    <row r="413563" spans="14:14">
      <c r="N413563" s="10"/>
    </row>
    <row r="413564" spans="14:14">
      <c r="N413564" s="10"/>
    </row>
    <row r="413565" spans="14:14">
      <c r="N413565" s="10"/>
    </row>
    <row r="413566" spans="14:14">
      <c r="N413566" s="10"/>
    </row>
    <row r="413567" spans="14:14">
      <c r="N413567" s="10"/>
    </row>
    <row r="413568" spans="14:14">
      <c r="N413568" s="10"/>
    </row>
    <row r="413569" spans="14:14">
      <c r="N413569" s="10"/>
    </row>
    <row r="413570" spans="14:14">
      <c r="N413570" s="10"/>
    </row>
    <row r="413571" spans="14:14">
      <c r="N413571" s="10"/>
    </row>
    <row r="413572" spans="14:14">
      <c r="N413572" s="10"/>
    </row>
    <row r="413573" spans="14:14">
      <c r="N413573" s="10"/>
    </row>
    <row r="413574" spans="14:14">
      <c r="N413574" s="10"/>
    </row>
    <row r="413575" spans="14:14">
      <c r="N413575" s="10"/>
    </row>
    <row r="413576" spans="14:14">
      <c r="N413576" s="10"/>
    </row>
    <row r="413577" spans="14:14">
      <c r="N413577" s="10"/>
    </row>
    <row r="413578" spans="14:14">
      <c r="N413578" s="10"/>
    </row>
    <row r="413579" spans="14:14">
      <c r="N413579" s="10"/>
    </row>
    <row r="413580" spans="14:14">
      <c r="N413580" s="10"/>
    </row>
    <row r="413581" spans="14:14">
      <c r="N413581" s="10"/>
    </row>
    <row r="413582" spans="14:14">
      <c r="N413582" s="10"/>
    </row>
    <row r="413583" spans="14:14">
      <c r="N413583" s="10"/>
    </row>
    <row r="413584" spans="14:14">
      <c r="N413584" s="10"/>
    </row>
    <row r="413585" spans="14:14">
      <c r="N413585" s="10"/>
    </row>
    <row r="413586" spans="14:14">
      <c r="N413586" s="10"/>
    </row>
    <row r="413587" spans="14:14">
      <c r="N413587" s="10"/>
    </row>
    <row r="413588" spans="14:14">
      <c r="N413588" s="10"/>
    </row>
    <row r="413589" spans="14:14">
      <c r="N413589" s="10"/>
    </row>
    <row r="413590" spans="14:14">
      <c r="N413590" s="10"/>
    </row>
    <row r="413591" spans="14:14">
      <c r="N413591" s="10"/>
    </row>
    <row r="413592" spans="14:14">
      <c r="N413592" s="10"/>
    </row>
    <row r="413593" spans="14:14">
      <c r="N413593" s="10"/>
    </row>
    <row r="413594" spans="14:14">
      <c r="N413594" s="10"/>
    </row>
    <row r="413595" spans="14:14">
      <c r="N413595" s="10"/>
    </row>
    <row r="413596" spans="14:14">
      <c r="N413596" s="10"/>
    </row>
    <row r="413597" spans="14:14">
      <c r="N413597" s="10"/>
    </row>
    <row r="413598" spans="14:14">
      <c r="N413598" s="10"/>
    </row>
    <row r="413599" spans="14:14">
      <c r="N413599" s="10"/>
    </row>
    <row r="413600" spans="14:14">
      <c r="N413600" s="10"/>
    </row>
    <row r="413601" spans="14:14">
      <c r="N413601" s="10"/>
    </row>
    <row r="413602" spans="14:14">
      <c r="N413602" s="10"/>
    </row>
    <row r="413603" spans="14:14">
      <c r="N413603" s="10"/>
    </row>
    <row r="413604" spans="14:14">
      <c r="N413604" s="10"/>
    </row>
    <row r="413605" spans="14:14">
      <c r="N413605" s="10"/>
    </row>
    <row r="413606" spans="14:14">
      <c r="N413606" s="10"/>
    </row>
    <row r="413607" spans="14:14">
      <c r="N413607" s="10"/>
    </row>
    <row r="413608" spans="14:14">
      <c r="N413608" s="10"/>
    </row>
    <row r="413609" spans="14:14">
      <c r="N413609" s="10"/>
    </row>
    <row r="413610" spans="14:14">
      <c r="N413610" s="10"/>
    </row>
    <row r="413611" spans="14:14">
      <c r="N413611" s="10"/>
    </row>
    <row r="413612" spans="14:14">
      <c r="N413612" s="10"/>
    </row>
    <row r="413613" spans="14:14">
      <c r="N413613" s="10"/>
    </row>
    <row r="413614" spans="14:14">
      <c r="N413614" s="10"/>
    </row>
    <row r="413615" spans="14:14">
      <c r="N413615" s="10"/>
    </row>
    <row r="413616" spans="14:14">
      <c r="N413616" s="10"/>
    </row>
    <row r="413617" spans="14:14">
      <c r="N413617" s="10"/>
    </row>
    <row r="413618" spans="14:14">
      <c r="N413618" s="10"/>
    </row>
    <row r="413619" spans="14:14">
      <c r="N413619" s="10"/>
    </row>
    <row r="413620" spans="14:14">
      <c r="N413620" s="10"/>
    </row>
    <row r="413621" spans="14:14">
      <c r="N413621" s="10"/>
    </row>
    <row r="413622" spans="14:14">
      <c r="N413622" s="10"/>
    </row>
    <row r="413623" spans="14:14">
      <c r="N413623" s="10"/>
    </row>
    <row r="413624" spans="14:14">
      <c r="N413624" s="10"/>
    </row>
    <row r="413625" spans="14:14">
      <c r="N413625" s="10"/>
    </row>
    <row r="413626" spans="14:14">
      <c r="N413626" s="10"/>
    </row>
    <row r="413627" spans="14:14">
      <c r="N413627" s="10"/>
    </row>
    <row r="413628" spans="14:14">
      <c r="N413628" s="10"/>
    </row>
    <row r="413629" spans="14:14">
      <c r="N413629" s="10"/>
    </row>
    <row r="413630" spans="14:14">
      <c r="N413630" s="10"/>
    </row>
    <row r="413631" spans="14:14">
      <c r="N413631" s="10"/>
    </row>
    <row r="413632" spans="14:14">
      <c r="N413632" s="10"/>
    </row>
    <row r="413633" spans="14:14">
      <c r="N413633" s="10"/>
    </row>
    <row r="413634" spans="14:14">
      <c r="N413634" s="10"/>
    </row>
    <row r="413635" spans="14:14">
      <c r="N413635" s="10"/>
    </row>
    <row r="413636" spans="14:14">
      <c r="N413636" s="10"/>
    </row>
    <row r="413637" spans="14:14">
      <c r="N413637" s="10"/>
    </row>
    <row r="413638" spans="14:14">
      <c r="N413638" s="10"/>
    </row>
    <row r="413639" spans="14:14">
      <c r="N413639" s="10"/>
    </row>
    <row r="413640" spans="14:14">
      <c r="N413640" s="10"/>
    </row>
    <row r="413641" spans="14:14">
      <c r="N413641" s="10"/>
    </row>
    <row r="413642" spans="14:14">
      <c r="N413642" s="10"/>
    </row>
    <row r="413643" spans="14:14">
      <c r="N413643" s="10"/>
    </row>
    <row r="413644" spans="14:14">
      <c r="N413644" s="10"/>
    </row>
    <row r="413645" spans="14:14">
      <c r="N413645" s="10"/>
    </row>
    <row r="413646" spans="14:14">
      <c r="N413646" s="10"/>
    </row>
    <row r="413647" spans="14:14">
      <c r="N413647" s="10"/>
    </row>
    <row r="413648" spans="14:14">
      <c r="N413648" s="10"/>
    </row>
    <row r="413649" spans="14:14">
      <c r="N413649" s="10"/>
    </row>
    <row r="413650" spans="14:14">
      <c r="N413650" s="10"/>
    </row>
    <row r="413651" spans="14:14">
      <c r="N413651" s="10"/>
    </row>
    <row r="413652" spans="14:14">
      <c r="N413652" s="10"/>
    </row>
    <row r="413653" spans="14:14">
      <c r="N413653" s="10"/>
    </row>
    <row r="413654" spans="14:14">
      <c r="N413654" s="10"/>
    </row>
    <row r="413655" spans="14:14">
      <c r="N413655" s="10"/>
    </row>
    <row r="413656" spans="14:14">
      <c r="N413656" s="10"/>
    </row>
    <row r="413657" spans="14:14">
      <c r="N413657" s="10"/>
    </row>
    <row r="413658" spans="14:14">
      <c r="N413658" s="10"/>
    </row>
    <row r="413659" spans="14:14">
      <c r="N413659" s="10"/>
    </row>
    <row r="413660" spans="14:14">
      <c r="N413660" s="10"/>
    </row>
    <row r="413661" spans="14:14">
      <c r="N413661" s="10"/>
    </row>
    <row r="413662" spans="14:14">
      <c r="N413662" s="10"/>
    </row>
    <row r="413663" spans="14:14">
      <c r="N413663" s="10"/>
    </row>
    <row r="413664" spans="14:14">
      <c r="N413664" s="10"/>
    </row>
    <row r="413665" spans="14:14">
      <c r="N413665" s="10"/>
    </row>
    <row r="413666" spans="14:14">
      <c r="N413666" s="10"/>
    </row>
    <row r="413667" spans="14:14">
      <c r="N413667" s="10"/>
    </row>
    <row r="413668" spans="14:14">
      <c r="N413668" s="10"/>
    </row>
    <row r="413669" spans="14:14">
      <c r="N413669" s="10"/>
    </row>
    <row r="413670" spans="14:14">
      <c r="N413670" s="10"/>
    </row>
    <row r="413671" spans="14:14">
      <c r="N413671" s="10"/>
    </row>
    <row r="413672" spans="14:14">
      <c r="N413672" s="10"/>
    </row>
    <row r="413673" spans="14:14">
      <c r="N413673" s="10"/>
    </row>
    <row r="413674" spans="14:14">
      <c r="N413674" s="10"/>
    </row>
    <row r="413675" spans="14:14">
      <c r="N413675" s="10"/>
    </row>
    <row r="413676" spans="14:14">
      <c r="N413676" s="10"/>
    </row>
    <row r="413677" spans="14:14">
      <c r="N413677" s="10"/>
    </row>
    <row r="413678" spans="14:14">
      <c r="N413678" s="10"/>
    </row>
    <row r="413679" spans="14:14">
      <c r="N413679" s="10"/>
    </row>
    <row r="413680" spans="14:14">
      <c r="N413680" s="10"/>
    </row>
    <row r="413681" spans="14:14">
      <c r="N413681" s="10"/>
    </row>
    <row r="413682" spans="14:14">
      <c r="N413682" s="10"/>
    </row>
    <row r="413683" spans="14:14">
      <c r="N413683" s="10"/>
    </row>
    <row r="413684" spans="14:14">
      <c r="N413684" s="10"/>
    </row>
    <row r="413685" spans="14:14">
      <c r="N413685" s="10"/>
    </row>
    <row r="413686" spans="14:14">
      <c r="N413686" s="10"/>
    </row>
    <row r="413687" spans="14:14">
      <c r="N413687" s="10"/>
    </row>
    <row r="413688" spans="14:14">
      <c r="N413688" s="10"/>
    </row>
    <row r="413689" spans="14:14">
      <c r="N413689" s="10"/>
    </row>
    <row r="413690" spans="14:14">
      <c r="N413690" s="10"/>
    </row>
    <row r="413691" spans="14:14">
      <c r="N413691" s="10"/>
    </row>
    <row r="413692" spans="14:14">
      <c r="N413692" s="10"/>
    </row>
    <row r="413693" spans="14:14">
      <c r="N413693" s="10"/>
    </row>
    <row r="413694" spans="14:14">
      <c r="N413694" s="10"/>
    </row>
    <row r="413695" spans="14:14">
      <c r="N413695" s="10"/>
    </row>
    <row r="413696" spans="14:14">
      <c r="N413696" s="10"/>
    </row>
    <row r="413697" spans="14:14">
      <c r="N413697" s="10"/>
    </row>
    <row r="413698" spans="14:14">
      <c r="N413698" s="10"/>
    </row>
    <row r="413699" spans="14:14">
      <c r="N413699" s="10"/>
    </row>
    <row r="413700" spans="14:14">
      <c r="N413700" s="10"/>
    </row>
    <row r="413701" spans="14:14">
      <c r="N413701" s="10"/>
    </row>
    <row r="413702" spans="14:14">
      <c r="N413702" s="10"/>
    </row>
    <row r="413703" spans="14:14">
      <c r="N413703" s="10"/>
    </row>
    <row r="413704" spans="14:14">
      <c r="N413704" s="10"/>
    </row>
    <row r="413705" spans="14:14">
      <c r="N413705" s="10"/>
    </row>
    <row r="413706" spans="14:14">
      <c r="N413706" s="10"/>
    </row>
    <row r="413707" spans="14:14">
      <c r="N413707" s="10"/>
    </row>
    <row r="413708" spans="14:14">
      <c r="N413708" s="10"/>
    </row>
    <row r="413709" spans="14:14">
      <c r="N413709" s="10"/>
    </row>
    <row r="413710" spans="14:14">
      <c r="N413710" s="10"/>
    </row>
    <row r="413711" spans="14:14">
      <c r="N413711" s="10"/>
    </row>
    <row r="413712" spans="14:14">
      <c r="N413712" s="10"/>
    </row>
    <row r="413713" spans="14:14">
      <c r="N413713" s="10"/>
    </row>
    <row r="413714" spans="14:14">
      <c r="N413714" s="10"/>
    </row>
    <row r="413715" spans="14:14">
      <c r="N413715" s="10"/>
    </row>
    <row r="413716" spans="14:14">
      <c r="N413716" s="10"/>
    </row>
    <row r="413717" spans="14:14">
      <c r="N413717" s="10"/>
    </row>
    <row r="413718" spans="14:14">
      <c r="N413718" s="10"/>
    </row>
    <row r="413719" spans="14:14">
      <c r="N413719" s="10"/>
    </row>
    <row r="413720" spans="14:14">
      <c r="N413720" s="10"/>
    </row>
    <row r="413721" spans="14:14">
      <c r="N413721" s="10"/>
    </row>
    <row r="413722" spans="14:14">
      <c r="N413722" s="10"/>
    </row>
    <row r="413723" spans="14:14">
      <c r="N413723" s="10"/>
    </row>
    <row r="413724" spans="14:14">
      <c r="N413724" s="10"/>
    </row>
    <row r="413725" spans="14:14">
      <c r="N413725" s="10"/>
    </row>
    <row r="413726" spans="14:14">
      <c r="N413726" s="10"/>
    </row>
    <row r="413727" spans="14:14">
      <c r="N413727" s="10"/>
    </row>
    <row r="413728" spans="14:14">
      <c r="N413728" s="10"/>
    </row>
    <row r="413729" spans="14:14">
      <c r="N413729" s="10"/>
    </row>
    <row r="413730" spans="14:14">
      <c r="N413730" s="10"/>
    </row>
    <row r="413731" spans="14:14">
      <c r="N413731" s="10"/>
    </row>
    <row r="413732" spans="14:14">
      <c r="N413732" s="10"/>
    </row>
    <row r="413733" spans="14:14">
      <c r="N413733" s="10"/>
    </row>
    <row r="413734" spans="14:14">
      <c r="N413734" s="10"/>
    </row>
    <row r="413735" spans="14:14">
      <c r="N413735" s="10"/>
    </row>
    <row r="413736" spans="14:14">
      <c r="N413736" s="10"/>
    </row>
    <row r="413737" spans="14:14">
      <c r="N413737" s="10"/>
    </row>
    <row r="413738" spans="14:14">
      <c r="N413738" s="10"/>
    </row>
    <row r="413739" spans="14:14">
      <c r="N413739" s="10"/>
    </row>
    <row r="413740" spans="14:14">
      <c r="N413740" s="10"/>
    </row>
    <row r="413741" spans="14:14">
      <c r="N413741" s="10"/>
    </row>
    <row r="413742" spans="14:14">
      <c r="N413742" s="10"/>
    </row>
    <row r="413743" spans="14:14">
      <c r="N413743" s="10"/>
    </row>
    <row r="413744" spans="14:14">
      <c r="N413744" s="10"/>
    </row>
    <row r="413745" spans="14:14">
      <c r="N413745" s="10"/>
    </row>
    <row r="413746" spans="14:14">
      <c r="N413746" s="10"/>
    </row>
    <row r="413747" spans="14:14">
      <c r="N413747" s="10"/>
    </row>
    <row r="413748" spans="14:14">
      <c r="N413748" s="10"/>
    </row>
    <row r="413749" spans="14:14">
      <c r="N413749" s="10"/>
    </row>
    <row r="413750" spans="14:14">
      <c r="N413750" s="10"/>
    </row>
    <row r="413751" spans="14:14">
      <c r="N413751" s="10"/>
    </row>
    <row r="413752" spans="14:14">
      <c r="N413752" s="10"/>
    </row>
    <row r="413753" spans="14:14">
      <c r="N413753" s="10"/>
    </row>
    <row r="413754" spans="14:14">
      <c r="N413754" s="10"/>
    </row>
    <row r="413755" spans="14:14">
      <c r="N413755" s="10"/>
    </row>
    <row r="413756" spans="14:14">
      <c r="N413756" s="10"/>
    </row>
    <row r="413757" spans="14:14">
      <c r="N413757" s="10"/>
    </row>
    <row r="413758" spans="14:14">
      <c r="N413758" s="10"/>
    </row>
    <row r="413759" spans="14:14">
      <c r="N413759" s="10"/>
    </row>
    <row r="413760" spans="14:14">
      <c r="N413760" s="10"/>
    </row>
    <row r="413761" spans="14:14">
      <c r="N413761" s="10"/>
    </row>
    <row r="413762" spans="14:14">
      <c r="N413762" s="10"/>
    </row>
    <row r="413763" spans="14:14">
      <c r="N413763" s="10"/>
    </row>
    <row r="413764" spans="14:14">
      <c r="N413764" s="10"/>
    </row>
    <row r="413765" spans="14:14">
      <c r="N413765" s="10"/>
    </row>
    <row r="413766" spans="14:14">
      <c r="N413766" s="10"/>
    </row>
    <row r="413767" spans="14:14">
      <c r="N413767" s="10"/>
    </row>
    <row r="413768" spans="14:14">
      <c r="N413768" s="10"/>
    </row>
    <row r="413769" spans="14:14">
      <c r="N413769" s="10"/>
    </row>
    <row r="413770" spans="14:14">
      <c r="N413770" s="10"/>
    </row>
    <row r="413771" spans="14:14">
      <c r="N413771" s="10"/>
    </row>
    <row r="413772" spans="14:14">
      <c r="N413772" s="10"/>
    </row>
    <row r="413773" spans="14:14">
      <c r="N413773" s="10"/>
    </row>
    <row r="413774" spans="14:14">
      <c r="N413774" s="10"/>
    </row>
    <row r="413775" spans="14:14">
      <c r="N413775" s="10"/>
    </row>
    <row r="413776" spans="14:14">
      <c r="N413776" s="10"/>
    </row>
    <row r="413777" spans="14:14">
      <c r="N413777" s="10"/>
    </row>
    <row r="413778" spans="14:14">
      <c r="N413778" s="10"/>
    </row>
    <row r="413779" spans="14:14">
      <c r="N413779" s="10"/>
    </row>
    <row r="413780" spans="14:14">
      <c r="N413780" s="10"/>
    </row>
    <row r="413781" spans="14:14">
      <c r="N413781" s="10"/>
    </row>
    <row r="413782" spans="14:14">
      <c r="N413782" s="10"/>
    </row>
    <row r="413783" spans="14:14">
      <c r="N413783" s="10"/>
    </row>
    <row r="413784" spans="14:14">
      <c r="N413784" s="10"/>
    </row>
    <row r="413785" spans="14:14">
      <c r="N413785" s="10"/>
    </row>
    <row r="413786" spans="14:14">
      <c r="N413786" s="10"/>
    </row>
    <row r="413787" spans="14:14">
      <c r="N413787" s="10"/>
    </row>
    <row r="413788" spans="14:14">
      <c r="N413788" s="10"/>
    </row>
    <row r="413789" spans="14:14">
      <c r="N413789" s="10"/>
    </row>
    <row r="413790" spans="14:14">
      <c r="N413790" s="10"/>
    </row>
    <row r="413791" spans="14:14">
      <c r="N413791" s="10"/>
    </row>
    <row r="413792" spans="14:14">
      <c r="N413792" s="10"/>
    </row>
    <row r="413793" spans="14:14">
      <c r="N413793" s="10"/>
    </row>
    <row r="413794" spans="14:14">
      <c r="N413794" s="10"/>
    </row>
    <row r="413795" spans="14:14">
      <c r="N413795" s="10"/>
    </row>
    <row r="413796" spans="14:14">
      <c r="N413796" s="10"/>
    </row>
    <row r="413797" spans="14:14">
      <c r="N413797" s="10"/>
    </row>
    <row r="413798" spans="14:14">
      <c r="N413798" s="10"/>
    </row>
    <row r="413799" spans="14:14">
      <c r="N413799" s="10"/>
    </row>
    <row r="413800" spans="14:14">
      <c r="N413800" s="10"/>
    </row>
    <row r="413801" spans="14:14">
      <c r="N413801" s="10"/>
    </row>
    <row r="413802" spans="14:14">
      <c r="N413802" s="10"/>
    </row>
    <row r="413803" spans="14:14">
      <c r="N413803" s="10"/>
    </row>
    <row r="413804" spans="14:14">
      <c r="N413804" s="10"/>
    </row>
    <row r="413805" spans="14:14">
      <c r="N413805" s="10"/>
    </row>
    <row r="413806" spans="14:14">
      <c r="N413806" s="10"/>
    </row>
    <row r="413807" spans="14:14">
      <c r="N413807" s="10"/>
    </row>
    <row r="413808" spans="14:14">
      <c r="N413808" s="10"/>
    </row>
    <row r="413809" spans="14:14">
      <c r="N413809" s="10"/>
    </row>
    <row r="413810" spans="14:14">
      <c r="N413810" s="10"/>
    </row>
    <row r="413811" spans="14:14">
      <c r="N413811" s="10"/>
    </row>
    <row r="413812" spans="14:14">
      <c r="N413812" s="10"/>
    </row>
    <row r="413813" spans="14:14">
      <c r="N413813" s="10"/>
    </row>
    <row r="413814" spans="14:14">
      <c r="N413814" s="10"/>
    </row>
    <row r="413815" spans="14:14">
      <c r="N413815" s="10"/>
    </row>
    <row r="413816" spans="14:14">
      <c r="N413816" s="10"/>
    </row>
    <row r="413817" spans="14:14">
      <c r="N413817" s="10"/>
    </row>
    <row r="413818" spans="14:14">
      <c r="N413818" s="10"/>
    </row>
    <row r="413819" spans="14:14">
      <c r="N413819" s="10"/>
    </row>
    <row r="413820" spans="14:14">
      <c r="N413820" s="10"/>
    </row>
    <row r="413821" spans="14:14">
      <c r="N413821" s="10"/>
    </row>
    <row r="413822" spans="14:14">
      <c r="N413822" s="10"/>
    </row>
    <row r="413823" spans="14:14">
      <c r="N413823" s="10"/>
    </row>
    <row r="413824" spans="14:14">
      <c r="N413824" s="10"/>
    </row>
    <row r="413825" spans="14:14">
      <c r="N413825" s="10"/>
    </row>
    <row r="413826" spans="14:14">
      <c r="N413826" s="10"/>
    </row>
    <row r="413827" spans="14:14">
      <c r="N413827" s="10"/>
    </row>
    <row r="413828" spans="14:14">
      <c r="N413828" s="10"/>
    </row>
    <row r="413829" spans="14:14">
      <c r="N413829" s="10"/>
    </row>
    <row r="413830" spans="14:14">
      <c r="N413830" s="10"/>
    </row>
    <row r="413831" spans="14:14">
      <c r="N413831" s="10"/>
    </row>
    <row r="413832" spans="14:14">
      <c r="N413832" s="10"/>
    </row>
    <row r="413833" spans="14:14">
      <c r="N413833" s="10"/>
    </row>
    <row r="413834" spans="14:14">
      <c r="N413834" s="10"/>
    </row>
    <row r="413835" spans="14:14">
      <c r="N413835" s="10"/>
    </row>
    <row r="413836" spans="14:14">
      <c r="N413836" s="10"/>
    </row>
    <row r="413837" spans="14:14">
      <c r="N413837" s="10"/>
    </row>
    <row r="413838" spans="14:14">
      <c r="N413838" s="10"/>
    </row>
    <row r="413839" spans="14:14">
      <c r="N413839" s="10"/>
    </row>
    <row r="413840" spans="14:14">
      <c r="N413840" s="10"/>
    </row>
    <row r="413841" spans="14:14">
      <c r="N413841" s="10"/>
    </row>
    <row r="413842" spans="14:14">
      <c r="N413842" s="10"/>
    </row>
    <row r="413843" spans="14:14">
      <c r="N413843" s="10"/>
    </row>
    <row r="413844" spans="14:14">
      <c r="N413844" s="10"/>
    </row>
    <row r="413845" spans="14:14">
      <c r="N413845" s="10"/>
    </row>
    <row r="413846" spans="14:14">
      <c r="N413846" s="10"/>
    </row>
    <row r="413847" spans="14:14">
      <c r="N413847" s="10"/>
    </row>
    <row r="413848" spans="14:14">
      <c r="N413848" s="10"/>
    </row>
    <row r="413849" spans="14:14">
      <c r="N413849" s="10"/>
    </row>
    <row r="413850" spans="14:14">
      <c r="N413850" s="10"/>
    </row>
    <row r="413851" spans="14:14">
      <c r="N413851" s="10"/>
    </row>
    <row r="413852" spans="14:14">
      <c r="N413852" s="10"/>
    </row>
    <row r="413853" spans="14:14">
      <c r="N413853" s="10"/>
    </row>
    <row r="413854" spans="14:14">
      <c r="N413854" s="10"/>
    </row>
    <row r="413855" spans="14:14">
      <c r="N413855" s="10"/>
    </row>
    <row r="413856" spans="14:14">
      <c r="N413856" s="10"/>
    </row>
    <row r="413857" spans="14:14">
      <c r="N413857" s="10"/>
    </row>
    <row r="413858" spans="14:14">
      <c r="N413858" s="10"/>
    </row>
    <row r="413859" spans="14:14">
      <c r="N413859" s="10"/>
    </row>
    <row r="413860" spans="14:14">
      <c r="N413860" s="10"/>
    </row>
    <row r="413861" spans="14:14">
      <c r="N413861" s="10"/>
    </row>
    <row r="413862" spans="14:14">
      <c r="N413862" s="10"/>
    </row>
    <row r="413863" spans="14:14">
      <c r="N413863" s="10"/>
    </row>
    <row r="413864" spans="14:14">
      <c r="N413864" s="10"/>
    </row>
    <row r="413865" spans="14:14">
      <c r="N413865" s="10"/>
    </row>
    <row r="413866" spans="14:14">
      <c r="N413866" s="10"/>
    </row>
    <row r="413867" spans="14:14">
      <c r="N413867" s="10"/>
    </row>
    <row r="413868" spans="14:14">
      <c r="N413868" s="10"/>
    </row>
    <row r="413869" spans="14:14">
      <c r="N413869" s="10"/>
    </row>
    <row r="413870" spans="14:14">
      <c r="N413870" s="10"/>
    </row>
    <row r="413871" spans="14:14">
      <c r="N413871" s="10"/>
    </row>
    <row r="413872" spans="14:14">
      <c r="N413872" s="10"/>
    </row>
    <row r="413873" spans="14:14">
      <c r="N413873" s="10"/>
    </row>
    <row r="413874" spans="14:14">
      <c r="N413874" s="10"/>
    </row>
    <row r="413875" spans="14:14">
      <c r="N413875" s="10"/>
    </row>
    <row r="413876" spans="14:14">
      <c r="N413876" s="10"/>
    </row>
    <row r="413877" spans="14:14">
      <c r="N413877" s="10"/>
    </row>
    <row r="413878" spans="14:14">
      <c r="N413878" s="10"/>
    </row>
    <row r="413879" spans="14:14">
      <c r="N413879" s="10"/>
    </row>
    <row r="413880" spans="14:14">
      <c r="N413880" s="10"/>
    </row>
    <row r="413881" spans="14:14">
      <c r="N413881" s="10"/>
    </row>
    <row r="413882" spans="14:14">
      <c r="N413882" s="10"/>
    </row>
    <row r="413883" spans="14:14">
      <c r="N413883" s="10"/>
    </row>
    <row r="413884" spans="14:14">
      <c r="N413884" s="10"/>
    </row>
    <row r="413885" spans="14:14">
      <c r="N413885" s="10"/>
    </row>
    <row r="413886" spans="14:14">
      <c r="N413886" s="10"/>
    </row>
    <row r="413887" spans="14:14">
      <c r="N413887" s="10"/>
    </row>
    <row r="413888" spans="14:14">
      <c r="N413888" s="10"/>
    </row>
    <row r="413889" spans="14:14">
      <c r="N413889" s="10"/>
    </row>
    <row r="413890" spans="14:14">
      <c r="N413890" s="10"/>
    </row>
    <row r="413891" spans="14:14">
      <c r="N413891" s="10"/>
    </row>
    <row r="413892" spans="14:14">
      <c r="N413892" s="10"/>
    </row>
    <row r="413893" spans="14:14">
      <c r="N413893" s="10"/>
    </row>
    <row r="413894" spans="14:14">
      <c r="N413894" s="10"/>
    </row>
    <row r="413895" spans="14:14">
      <c r="N413895" s="10"/>
    </row>
    <row r="413896" spans="14:14">
      <c r="N413896" s="10"/>
    </row>
    <row r="413897" spans="14:14">
      <c r="N413897" s="10"/>
    </row>
    <row r="413898" spans="14:14">
      <c r="N413898" s="10"/>
    </row>
    <row r="413899" spans="14:14">
      <c r="N413899" s="10"/>
    </row>
    <row r="413900" spans="14:14">
      <c r="N413900" s="10"/>
    </row>
    <row r="413901" spans="14:14">
      <c r="N413901" s="10"/>
    </row>
    <row r="413902" spans="14:14">
      <c r="N413902" s="10"/>
    </row>
    <row r="413903" spans="14:14">
      <c r="N413903" s="10"/>
    </row>
    <row r="413904" spans="14:14">
      <c r="N413904" s="10"/>
    </row>
    <row r="413905" spans="14:14">
      <c r="N413905" s="10"/>
    </row>
    <row r="413906" spans="14:14">
      <c r="N413906" s="10"/>
    </row>
    <row r="413907" spans="14:14">
      <c r="N413907" s="10"/>
    </row>
    <row r="413908" spans="14:14">
      <c r="N413908" s="10"/>
    </row>
    <row r="413909" spans="14:14">
      <c r="N413909" s="10"/>
    </row>
    <row r="413910" spans="14:14">
      <c r="N413910" s="10"/>
    </row>
    <row r="413911" spans="14:14">
      <c r="N413911" s="10"/>
    </row>
    <row r="413912" spans="14:14">
      <c r="N413912" s="10"/>
    </row>
    <row r="413913" spans="14:14">
      <c r="N413913" s="10"/>
    </row>
    <row r="413914" spans="14:14">
      <c r="N413914" s="10"/>
    </row>
    <row r="413915" spans="14:14">
      <c r="N413915" s="10"/>
    </row>
    <row r="413916" spans="14:14">
      <c r="N413916" s="10"/>
    </row>
    <row r="413917" spans="14:14">
      <c r="N413917" s="10"/>
    </row>
    <row r="413918" spans="14:14">
      <c r="N413918" s="10"/>
    </row>
    <row r="413919" spans="14:14">
      <c r="N413919" s="10"/>
    </row>
    <row r="413920" spans="14:14">
      <c r="N413920" s="10"/>
    </row>
    <row r="413921" spans="14:14">
      <c r="N413921" s="10"/>
    </row>
    <row r="413922" spans="14:14">
      <c r="N413922" s="10"/>
    </row>
    <row r="413923" spans="14:14">
      <c r="N413923" s="10"/>
    </row>
    <row r="413924" spans="14:14">
      <c r="N413924" s="10"/>
    </row>
    <row r="413925" spans="14:14">
      <c r="N413925" s="10"/>
    </row>
    <row r="413926" spans="14:14">
      <c r="N413926" s="10"/>
    </row>
    <row r="413927" spans="14:14">
      <c r="N413927" s="10"/>
    </row>
    <row r="413928" spans="14:14">
      <c r="N413928" s="10"/>
    </row>
    <row r="413929" spans="14:14">
      <c r="N413929" s="10"/>
    </row>
    <row r="413930" spans="14:14">
      <c r="N413930" s="10"/>
    </row>
    <row r="413931" spans="14:14">
      <c r="N413931" s="10"/>
    </row>
    <row r="413932" spans="14:14">
      <c r="N413932" s="10"/>
    </row>
    <row r="413933" spans="14:14">
      <c r="N413933" s="10"/>
    </row>
    <row r="413934" spans="14:14">
      <c r="N413934" s="10"/>
    </row>
    <row r="413935" spans="14:14">
      <c r="N413935" s="10"/>
    </row>
    <row r="413936" spans="14:14">
      <c r="N413936" s="10"/>
    </row>
    <row r="413937" spans="14:14">
      <c r="N413937" s="10"/>
    </row>
    <row r="413938" spans="14:14">
      <c r="N413938" s="10"/>
    </row>
    <row r="413939" spans="14:14">
      <c r="N413939" s="10"/>
    </row>
    <row r="413940" spans="14:14">
      <c r="N413940" s="10"/>
    </row>
    <row r="413941" spans="14:14">
      <c r="N413941" s="10"/>
    </row>
    <row r="413942" spans="14:14">
      <c r="N413942" s="10"/>
    </row>
    <row r="413943" spans="14:14">
      <c r="N413943" s="10"/>
    </row>
    <row r="413944" spans="14:14">
      <c r="N413944" s="10"/>
    </row>
    <row r="413945" spans="14:14">
      <c r="N413945" s="10"/>
    </row>
    <row r="413946" spans="14:14">
      <c r="N413946" s="10"/>
    </row>
    <row r="413947" spans="14:14">
      <c r="N413947" s="10"/>
    </row>
    <row r="413948" spans="14:14">
      <c r="N413948" s="10"/>
    </row>
    <row r="413949" spans="14:14">
      <c r="N413949" s="10"/>
    </row>
    <row r="413950" spans="14:14">
      <c r="N413950" s="10"/>
    </row>
    <row r="413951" spans="14:14">
      <c r="N413951" s="10"/>
    </row>
    <row r="413952" spans="14:14">
      <c r="N413952" s="10"/>
    </row>
    <row r="413953" spans="14:14">
      <c r="N413953" s="10"/>
    </row>
    <row r="413954" spans="14:14">
      <c r="N413954" s="10"/>
    </row>
    <row r="413955" spans="14:14">
      <c r="N413955" s="10"/>
    </row>
    <row r="413956" spans="14:14">
      <c r="N413956" s="10"/>
    </row>
    <row r="413957" spans="14:14">
      <c r="N413957" s="10"/>
    </row>
    <row r="413958" spans="14:14">
      <c r="N413958" s="10"/>
    </row>
    <row r="413959" spans="14:14">
      <c r="N413959" s="10"/>
    </row>
    <row r="413960" spans="14:14">
      <c r="N413960" s="10"/>
    </row>
    <row r="413961" spans="14:14">
      <c r="N413961" s="10"/>
    </row>
    <row r="413962" spans="14:14">
      <c r="N413962" s="10"/>
    </row>
    <row r="413963" spans="14:14">
      <c r="N413963" s="10"/>
    </row>
    <row r="413964" spans="14:14">
      <c r="N413964" s="10"/>
    </row>
    <row r="413965" spans="14:14">
      <c r="N413965" s="10"/>
    </row>
    <row r="413966" spans="14:14">
      <c r="N413966" s="10"/>
    </row>
    <row r="413967" spans="14:14">
      <c r="N413967" s="10"/>
    </row>
    <row r="413968" spans="14:14">
      <c r="N413968" s="10"/>
    </row>
    <row r="413969" spans="14:14">
      <c r="N413969" s="10"/>
    </row>
    <row r="413970" spans="14:14">
      <c r="N413970" s="10"/>
    </row>
    <row r="413971" spans="14:14">
      <c r="N413971" s="10"/>
    </row>
    <row r="413972" spans="14:14">
      <c r="N413972" s="10"/>
    </row>
    <row r="413973" spans="14:14">
      <c r="N413973" s="10"/>
    </row>
    <row r="413974" spans="14:14">
      <c r="N413974" s="10"/>
    </row>
    <row r="413975" spans="14:14">
      <c r="N413975" s="10"/>
    </row>
    <row r="413976" spans="14:14">
      <c r="N413976" s="10"/>
    </row>
    <row r="413977" spans="14:14">
      <c r="N413977" s="10"/>
    </row>
    <row r="413978" spans="14:14">
      <c r="N413978" s="10"/>
    </row>
    <row r="413979" spans="14:14">
      <c r="N413979" s="10"/>
    </row>
    <row r="413980" spans="14:14">
      <c r="N413980" s="10"/>
    </row>
    <row r="413981" spans="14:14">
      <c r="N413981" s="10"/>
    </row>
    <row r="413982" spans="14:14">
      <c r="N413982" s="10"/>
    </row>
    <row r="413983" spans="14:14">
      <c r="N413983" s="10"/>
    </row>
    <row r="413984" spans="14:14">
      <c r="N413984" s="10"/>
    </row>
    <row r="413985" spans="14:14">
      <c r="N413985" s="10"/>
    </row>
    <row r="413986" spans="14:14">
      <c r="N413986" s="10"/>
    </row>
    <row r="413987" spans="14:14">
      <c r="N413987" s="10"/>
    </row>
    <row r="413988" spans="14:14">
      <c r="N413988" s="10"/>
    </row>
    <row r="413989" spans="14:14">
      <c r="N413989" s="10"/>
    </row>
    <row r="413990" spans="14:14">
      <c r="N413990" s="10"/>
    </row>
    <row r="413991" spans="14:14">
      <c r="N413991" s="10"/>
    </row>
    <row r="413992" spans="14:14">
      <c r="N413992" s="10"/>
    </row>
    <row r="413993" spans="14:14">
      <c r="N413993" s="10"/>
    </row>
    <row r="413994" spans="14:14">
      <c r="N413994" s="10"/>
    </row>
    <row r="413995" spans="14:14">
      <c r="N413995" s="10"/>
    </row>
    <row r="413996" spans="14:14">
      <c r="N413996" s="10"/>
    </row>
    <row r="413997" spans="14:14">
      <c r="N413997" s="10"/>
    </row>
    <row r="413998" spans="14:14">
      <c r="N413998" s="10"/>
    </row>
    <row r="413999" spans="14:14">
      <c r="N413999" s="10"/>
    </row>
    <row r="414000" spans="14:14">
      <c r="N414000" s="10"/>
    </row>
    <row r="414001" spans="14:14">
      <c r="N414001" s="10"/>
    </row>
    <row r="414002" spans="14:14">
      <c r="N414002" s="10"/>
    </row>
    <row r="414003" spans="14:14">
      <c r="N414003" s="10"/>
    </row>
    <row r="414004" spans="14:14">
      <c r="N414004" s="10"/>
    </row>
    <row r="414005" spans="14:14">
      <c r="N414005" s="10"/>
    </row>
    <row r="414006" spans="14:14">
      <c r="N414006" s="10"/>
    </row>
    <row r="414007" spans="14:14">
      <c r="N414007" s="10"/>
    </row>
    <row r="414008" spans="14:14">
      <c r="N414008" s="10"/>
    </row>
    <row r="414009" spans="14:14">
      <c r="N414009" s="10"/>
    </row>
    <row r="414010" spans="14:14">
      <c r="N414010" s="10"/>
    </row>
    <row r="414011" spans="14:14">
      <c r="N414011" s="10"/>
    </row>
    <row r="414012" spans="14:14">
      <c r="N414012" s="10"/>
    </row>
    <row r="414013" spans="14:14">
      <c r="N414013" s="10"/>
    </row>
    <row r="414014" spans="14:14">
      <c r="N414014" s="10"/>
    </row>
    <row r="414015" spans="14:14">
      <c r="N414015" s="10"/>
    </row>
    <row r="414016" spans="14:14">
      <c r="N414016" s="10"/>
    </row>
    <row r="414017" spans="14:14">
      <c r="N414017" s="10"/>
    </row>
    <row r="414018" spans="14:14">
      <c r="N414018" s="10"/>
    </row>
    <row r="414019" spans="14:14">
      <c r="N414019" s="10"/>
    </row>
    <row r="414020" spans="14:14">
      <c r="N414020" s="10"/>
    </row>
    <row r="414021" spans="14:14">
      <c r="N414021" s="10"/>
    </row>
    <row r="414022" spans="14:14">
      <c r="N414022" s="10"/>
    </row>
    <row r="414023" spans="14:14">
      <c r="N414023" s="10"/>
    </row>
    <row r="414024" spans="14:14">
      <c r="N414024" s="10"/>
    </row>
    <row r="414025" spans="14:14">
      <c r="N414025" s="10"/>
    </row>
    <row r="414026" spans="14:14">
      <c r="N414026" s="10"/>
    </row>
    <row r="414027" spans="14:14">
      <c r="N414027" s="10"/>
    </row>
    <row r="414028" spans="14:14">
      <c r="N414028" s="10"/>
    </row>
    <row r="414029" spans="14:14">
      <c r="N414029" s="10"/>
    </row>
    <row r="414030" spans="14:14">
      <c r="N414030" s="10"/>
    </row>
    <row r="414031" spans="14:14">
      <c r="N414031" s="10"/>
    </row>
    <row r="414032" spans="14:14">
      <c r="N414032" s="10"/>
    </row>
    <row r="414033" spans="14:14">
      <c r="N414033" s="10"/>
    </row>
    <row r="414034" spans="14:14">
      <c r="N414034" s="10"/>
    </row>
    <row r="414035" spans="14:14">
      <c r="N414035" s="10"/>
    </row>
    <row r="414036" spans="14:14">
      <c r="N414036" s="10"/>
    </row>
    <row r="414037" spans="14:14">
      <c r="N414037" s="10"/>
    </row>
    <row r="414038" spans="14:14">
      <c r="N414038" s="10"/>
    </row>
    <row r="414039" spans="14:14">
      <c r="N414039" s="10"/>
    </row>
    <row r="414040" spans="14:14">
      <c r="N414040" s="10"/>
    </row>
    <row r="414041" spans="14:14">
      <c r="N414041" s="10"/>
    </row>
    <row r="414042" spans="14:14">
      <c r="N414042" s="10"/>
    </row>
    <row r="414043" spans="14:14">
      <c r="N414043" s="10"/>
    </row>
    <row r="414044" spans="14:14">
      <c r="N414044" s="10"/>
    </row>
    <row r="414045" spans="14:14">
      <c r="N414045" s="10"/>
    </row>
    <row r="414046" spans="14:14">
      <c r="N414046" s="10"/>
    </row>
    <row r="414047" spans="14:14">
      <c r="N414047" s="10"/>
    </row>
    <row r="414048" spans="14:14">
      <c r="N414048" s="10"/>
    </row>
    <row r="414049" spans="14:14">
      <c r="N414049" s="10"/>
    </row>
    <row r="414050" spans="14:14">
      <c r="N414050" s="10"/>
    </row>
    <row r="414051" spans="14:14">
      <c r="N414051" s="10"/>
    </row>
    <row r="414052" spans="14:14">
      <c r="N414052" s="10"/>
    </row>
    <row r="414053" spans="14:14">
      <c r="N414053" s="10"/>
    </row>
    <row r="414054" spans="14:14">
      <c r="N414054" s="10"/>
    </row>
    <row r="414055" spans="14:14">
      <c r="N414055" s="10"/>
    </row>
    <row r="414056" spans="14:14">
      <c r="N414056" s="10"/>
    </row>
    <row r="414057" spans="14:14">
      <c r="N414057" s="10"/>
    </row>
    <row r="414058" spans="14:14">
      <c r="N414058" s="10"/>
    </row>
    <row r="414059" spans="14:14">
      <c r="N414059" s="10"/>
    </row>
    <row r="414060" spans="14:14">
      <c r="N414060" s="10"/>
    </row>
    <row r="414061" spans="14:14">
      <c r="N414061" s="10"/>
    </row>
    <row r="414062" spans="14:14">
      <c r="N414062" s="10"/>
    </row>
    <row r="414063" spans="14:14">
      <c r="N414063" s="10"/>
    </row>
    <row r="414064" spans="14:14">
      <c r="N414064" s="10"/>
    </row>
    <row r="414065" spans="14:14">
      <c r="N414065" s="10"/>
    </row>
    <row r="414066" spans="14:14">
      <c r="N414066" s="10"/>
    </row>
    <row r="414067" spans="14:14">
      <c r="N414067" s="10"/>
    </row>
    <row r="414068" spans="14:14">
      <c r="N414068" s="10"/>
    </row>
    <row r="414069" spans="14:14">
      <c r="N414069" s="10"/>
    </row>
    <row r="414070" spans="14:14">
      <c r="N414070" s="10"/>
    </row>
    <row r="414071" spans="14:14">
      <c r="N414071" s="10"/>
    </row>
    <row r="414072" spans="14:14">
      <c r="N414072" s="10"/>
    </row>
    <row r="414073" spans="14:14">
      <c r="N414073" s="10"/>
    </row>
    <row r="414074" spans="14:14">
      <c r="N414074" s="10"/>
    </row>
    <row r="414075" spans="14:14">
      <c r="N414075" s="10"/>
    </row>
    <row r="414076" spans="14:14">
      <c r="N414076" s="10"/>
    </row>
    <row r="414077" spans="14:14">
      <c r="N414077" s="10"/>
    </row>
    <row r="414078" spans="14:14">
      <c r="N414078" s="10"/>
    </row>
    <row r="414079" spans="14:14">
      <c r="N414079" s="10"/>
    </row>
    <row r="414080" spans="14:14">
      <c r="N414080" s="10"/>
    </row>
    <row r="414081" spans="14:14">
      <c r="N414081" s="10"/>
    </row>
    <row r="414082" spans="14:14">
      <c r="N414082" s="10"/>
    </row>
    <row r="414083" spans="14:14">
      <c r="N414083" s="10"/>
    </row>
    <row r="414084" spans="14:14">
      <c r="N414084" s="10"/>
    </row>
    <row r="414085" spans="14:14">
      <c r="N414085" s="10"/>
    </row>
    <row r="414086" spans="14:14">
      <c r="N414086" s="10"/>
    </row>
    <row r="414087" spans="14:14">
      <c r="N414087" s="10"/>
    </row>
    <row r="414088" spans="14:14">
      <c r="N414088" s="10"/>
    </row>
    <row r="414089" spans="14:14">
      <c r="N414089" s="10"/>
    </row>
    <row r="414090" spans="14:14">
      <c r="N414090" s="10"/>
    </row>
    <row r="414091" spans="14:14">
      <c r="N414091" s="10"/>
    </row>
    <row r="414092" spans="14:14">
      <c r="N414092" s="10"/>
    </row>
    <row r="414093" spans="14:14">
      <c r="N414093" s="10"/>
    </row>
    <row r="414094" spans="14:14">
      <c r="N414094" s="10"/>
    </row>
    <row r="414095" spans="14:14">
      <c r="N414095" s="10"/>
    </row>
    <row r="414096" spans="14:14">
      <c r="N414096" s="10"/>
    </row>
    <row r="414097" spans="14:14">
      <c r="N414097" s="10"/>
    </row>
    <row r="414098" spans="14:14">
      <c r="N414098" s="10"/>
    </row>
    <row r="414099" spans="14:14">
      <c r="N414099" s="10"/>
    </row>
    <row r="414100" spans="14:14">
      <c r="N414100" s="10"/>
    </row>
    <row r="414101" spans="14:14">
      <c r="N414101" s="10"/>
    </row>
    <row r="414102" spans="14:14">
      <c r="N414102" s="10"/>
    </row>
    <row r="414103" spans="14:14">
      <c r="N414103" s="10"/>
    </row>
    <row r="414104" spans="14:14">
      <c r="N414104" s="10"/>
    </row>
    <row r="414105" spans="14:14">
      <c r="N414105" s="10"/>
    </row>
    <row r="414106" spans="14:14">
      <c r="N414106" s="10"/>
    </row>
    <row r="414107" spans="14:14">
      <c r="N414107" s="10"/>
    </row>
    <row r="414108" spans="14:14">
      <c r="N414108" s="10"/>
    </row>
    <row r="414109" spans="14:14">
      <c r="N414109" s="10"/>
    </row>
    <row r="414110" spans="14:14">
      <c r="N414110" s="10"/>
    </row>
    <row r="414111" spans="14:14">
      <c r="N414111" s="10"/>
    </row>
    <row r="414112" spans="14:14">
      <c r="N414112" s="10"/>
    </row>
    <row r="414113" spans="14:14">
      <c r="N414113" s="10"/>
    </row>
    <row r="414114" spans="14:14">
      <c r="N414114" s="10"/>
    </row>
    <row r="414115" spans="14:14">
      <c r="N414115" s="10"/>
    </row>
    <row r="414116" spans="14:14">
      <c r="N414116" s="10"/>
    </row>
    <row r="414117" spans="14:14">
      <c r="N414117" s="10"/>
    </row>
    <row r="414118" spans="14:14">
      <c r="N414118" s="10"/>
    </row>
    <row r="414119" spans="14:14">
      <c r="N414119" s="10"/>
    </row>
    <row r="414120" spans="14:14">
      <c r="N414120" s="10"/>
    </row>
    <row r="414121" spans="14:14">
      <c r="N414121" s="10"/>
    </row>
    <row r="414122" spans="14:14">
      <c r="N414122" s="10"/>
    </row>
    <row r="414123" spans="14:14">
      <c r="N414123" s="10"/>
    </row>
    <row r="414124" spans="14:14">
      <c r="N414124" s="10"/>
    </row>
    <row r="414125" spans="14:14">
      <c r="N414125" s="10"/>
    </row>
    <row r="414126" spans="14:14">
      <c r="N414126" s="10"/>
    </row>
    <row r="414127" spans="14:14">
      <c r="N414127" s="10"/>
    </row>
    <row r="414128" spans="14:14">
      <c r="N414128" s="10"/>
    </row>
    <row r="414129" spans="14:14">
      <c r="N414129" s="10"/>
    </row>
    <row r="414130" spans="14:14">
      <c r="N414130" s="10"/>
    </row>
    <row r="414131" spans="14:14">
      <c r="N414131" s="10"/>
    </row>
    <row r="414132" spans="14:14">
      <c r="N414132" s="10"/>
    </row>
    <row r="414133" spans="14:14">
      <c r="N414133" s="10"/>
    </row>
    <row r="414134" spans="14:14">
      <c r="N414134" s="10"/>
    </row>
    <row r="414135" spans="14:14">
      <c r="N414135" s="10"/>
    </row>
    <row r="414136" spans="14:14">
      <c r="N414136" s="10"/>
    </row>
    <row r="414137" spans="14:14">
      <c r="N414137" s="10"/>
    </row>
    <row r="414138" spans="14:14">
      <c r="N414138" s="10"/>
    </row>
    <row r="414139" spans="14:14">
      <c r="N414139" s="10"/>
    </row>
    <row r="414140" spans="14:14">
      <c r="N414140" s="10"/>
    </row>
    <row r="414141" spans="14:14">
      <c r="N414141" s="10"/>
    </row>
    <row r="414142" spans="14:14">
      <c r="N414142" s="10"/>
    </row>
    <row r="414143" spans="14:14">
      <c r="N414143" s="10"/>
    </row>
    <row r="414144" spans="14:14">
      <c r="N414144" s="10"/>
    </row>
    <row r="414145" spans="14:14">
      <c r="N414145" s="10"/>
    </row>
    <row r="414146" spans="14:14">
      <c r="N414146" s="10"/>
    </row>
    <row r="414147" spans="14:14">
      <c r="N414147" s="10"/>
    </row>
    <row r="414148" spans="14:14">
      <c r="N414148" s="10"/>
    </row>
    <row r="414149" spans="14:14">
      <c r="N414149" s="10"/>
    </row>
    <row r="414150" spans="14:14">
      <c r="N414150" s="10"/>
    </row>
    <row r="414151" spans="14:14">
      <c r="N414151" s="10"/>
    </row>
    <row r="414152" spans="14:14">
      <c r="N414152" s="10"/>
    </row>
    <row r="414153" spans="14:14">
      <c r="N414153" s="10"/>
    </row>
    <row r="414154" spans="14:14">
      <c r="N414154" s="10"/>
    </row>
    <row r="414155" spans="14:14">
      <c r="N414155" s="10"/>
    </row>
    <row r="414156" spans="14:14">
      <c r="N414156" s="10"/>
    </row>
    <row r="414157" spans="14:14">
      <c r="N414157" s="10"/>
    </row>
    <row r="414158" spans="14:14">
      <c r="N414158" s="10"/>
    </row>
    <row r="414159" spans="14:14">
      <c r="N414159" s="10"/>
    </row>
    <row r="414160" spans="14:14">
      <c r="N414160" s="10"/>
    </row>
    <row r="414161" spans="14:14">
      <c r="N414161" s="10"/>
    </row>
    <row r="414162" spans="14:14">
      <c r="N414162" s="10"/>
    </row>
    <row r="414163" spans="14:14">
      <c r="N414163" s="10"/>
    </row>
    <row r="414164" spans="14:14">
      <c r="N414164" s="10"/>
    </row>
    <row r="414165" spans="14:14">
      <c r="N414165" s="10"/>
    </row>
    <row r="414166" spans="14:14">
      <c r="N414166" s="10"/>
    </row>
    <row r="414167" spans="14:14">
      <c r="N414167" s="10"/>
    </row>
    <row r="414168" spans="14:14">
      <c r="N414168" s="10"/>
    </row>
    <row r="414169" spans="14:14">
      <c r="N414169" s="10"/>
    </row>
    <row r="414170" spans="14:14">
      <c r="N414170" s="10"/>
    </row>
    <row r="414171" spans="14:14">
      <c r="N414171" s="10"/>
    </row>
    <row r="414172" spans="14:14">
      <c r="N414172" s="10"/>
    </row>
    <row r="414173" spans="14:14">
      <c r="N414173" s="10"/>
    </row>
    <row r="414174" spans="14:14">
      <c r="N414174" s="10"/>
    </row>
    <row r="414175" spans="14:14">
      <c r="N414175" s="10"/>
    </row>
    <row r="414176" spans="14:14">
      <c r="N414176" s="10"/>
    </row>
    <row r="414177" spans="14:14">
      <c r="N414177" s="10"/>
    </row>
    <row r="414178" spans="14:14">
      <c r="N414178" s="10"/>
    </row>
    <row r="414179" spans="14:14">
      <c r="N414179" s="10"/>
    </row>
    <row r="414180" spans="14:14">
      <c r="N414180" s="10"/>
    </row>
    <row r="414181" spans="14:14">
      <c r="N414181" s="10"/>
    </row>
    <row r="414182" spans="14:14">
      <c r="N414182" s="10"/>
    </row>
    <row r="414183" spans="14:14">
      <c r="N414183" s="10"/>
    </row>
    <row r="414184" spans="14:14">
      <c r="N414184" s="10"/>
    </row>
    <row r="414185" spans="14:14">
      <c r="N414185" s="10"/>
    </row>
    <row r="414186" spans="14:14">
      <c r="N414186" s="10"/>
    </row>
    <row r="414187" spans="14:14">
      <c r="N414187" s="10"/>
    </row>
    <row r="414188" spans="14:14">
      <c r="N414188" s="10"/>
    </row>
    <row r="414189" spans="14:14">
      <c r="N414189" s="10"/>
    </row>
    <row r="414190" spans="14:14">
      <c r="N414190" s="10"/>
    </row>
    <row r="414191" spans="14:14">
      <c r="N414191" s="10"/>
    </row>
    <row r="414192" spans="14:14">
      <c r="N414192" s="10"/>
    </row>
    <row r="414193" spans="14:14">
      <c r="N414193" s="10"/>
    </row>
    <row r="414194" spans="14:14">
      <c r="N414194" s="10"/>
    </row>
    <row r="414195" spans="14:14">
      <c r="N414195" s="10"/>
    </row>
    <row r="414196" spans="14:14">
      <c r="N414196" s="10"/>
    </row>
    <row r="414197" spans="14:14">
      <c r="N414197" s="10"/>
    </row>
    <row r="414198" spans="14:14">
      <c r="N414198" s="10"/>
    </row>
    <row r="414199" spans="14:14">
      <c r="N414199" s="10"/>
    </row>
    <row r="414200" spans="14:14">
      <c r="N414200" s="10"/>
    </row>
    <row r="414201" spans="14:14">
      <c r="N414201" s="10"/>
    </row>
    <row r="414202" spans="14:14">
      <c r="N414202" s="10"/>
    </row>
    <row r="414203" spans="14:14">
      <c r="N414203" s="10"/>
    </row>
    <row r="414204" spans="14:14">
      <c r="N414204" s="10"/>
    </row>
    <row r="414205" spans="14:14">
      <c r="N414205" s="10"/>
    </row>
    <row r="414206" spans="14:14">
      <c r="N414206" s="10"/>
    </row>
    <row r="414207" spans="14:14">
      <c r="N414207" s="10"/>
    </row>
    <row r="414208" spans="14:14">
      <c r="N414208" s="10"/>
    </row>
    <row r="414209" spans="14:14">
      <c r="N414209" s="10"/>
    </row>
    <row r="414210" spans="14:14">
      <c r="N414210" s="10"/>
    </row>
    <row r="414211" spans="14:14">
      <c r="N414211" s="10"/>
    </row>
    <row r="414212" spans="14:14">
      <c r="N414212" s="10"/>
    </row>
    <row r="414213" spans="14:14">
      <c r="N414213" s="10"/>
    </row>
    <row r="414214" spans="14:14">
      <c r="N414214" s="10"/>
    </row>
    <row r="414215" spans="14:14">
      <c r="N414215" s="10"/>
    </row>
    <row r="414216" spans="14:14">
      <c r="N414216" s="10"/>
    </row>
    <row r="414217" spans="14:14">
      <c r="N414217" s="10"/>
    </row>
    <row r="414218" spans="14:14">
      <c r="N414218" s="10"/>
    </row>
    <row r="414219" spans="14:14">
      <c r="N414219" s="10"/>
    </row>
    <row r="414220" spans="14:14">
      <c r="N414220" s="10"/>
    </row>
    <row r="414221" spans="14:14">
      <c r="N414221" s="10"/>
    </row>
    <row r="414222" spans="14:14">
      <c r="N414222" s="10"/>
    </row>
    <row r="414223" spans="14:14">
      <c r="N414223" s="10"/>
    </row>
    <row r="414224" spans="14:14">
      <c r="N414224" s="10"/>
    </row>
    <row r="414225" spans="14:14">
      <c r="N414225" s="10"/>
    </row>
    <row r="414226" spans="14:14">
      <c r="N414226" s="10"/>
    </row>
    <row r="414227" spans="14:14">
      <c r="N414227" s="10"/>
    </row>
    <row r="414228" spans="14:14">
      <c r="N414228" s="10"/>
    </row>
    <row r="414229" spans="14:14">
      <c r="N414229" s="10"/>
    </row>
    <row r="414230" spans="14:14">
      <c r="N414230" s="10"/>
    </row>
    <row r="414231" spans="14:14">
      <c r="N414231" s="10"/>
    </row>
    <row r="414232" spans="14:14">
      <c r="N414232" s="10"/>
    </row>
    <row r="414233" spans="14:14">
      <c r="N414233" s="10"/>
    </row>
    <row r="414234" spans="14:14">
      <c r="N414234" s="10"/>
    </row>
    <row r="414235" spans="14:14">
      <c r="N414235" s="10"/>
    </row>
    <row r="414236" spans="14:14">
      <c r="N414236" s="10"/>
    </row>
    <row r="414237" spans="14:14">
      <c r="N414237" s="10"/>
    </row>
    <row r="414238" spans="14:14">
      <c r="N414238" s="10"/>
    </row>
    <row r="414239" spans="14:14">
      <c r="N414239" s="10"/>
    </row>
    <row r="414240" spans="14:14">
      <c r="N414240" s="10"/>
    </row>
    <row r="414241" spans="14:14">
      <c r="N414241" s="10"/>
    </row>
    <row r="414242" spans="14:14">
      <c r="N414242" s="10"/>
    </row>
    <row r="414243" spans="14:14">
      <c r="N414243" s="10"/>
    </row>
    <row r="414244" spans="14:14">
      <c r="N414244" s="10"/>
    </row>
    <row r="414245" spans="14:14">
      <c r="N414245" s="10"/>
    </row>
    <row r="414246" spans="14:14">
      <c r="N414246" s="10"/>
    </row>
    <row r="414247" spans="14:14">
      <c r="N414247" s="10"/>
    </row>
    <row r="414248" spans="14:14">
      <c r="N414248" s="10"/>
    </row>
    <row r="414249" spans="14:14">
      <c r="N414249" s="10"/>
    </row>
    <row r="414250" spans="14:14">
      <c r="N414250" s="10"/>
    </row>
    <row r="414251" spans="14:14">
      <c r="N414251" s="10"/>
    </row>
    <row r="414252" spans="14:14">
      <c r="N414252" s="10"/>
    </row>
    <row r="414253" spans="14:14">
      <c r="N414253" s="10"/>
    </row>
    <row r="414254" spans="14:14">
      <c r="N414254" s="10"/>
    </row>
    <row r="414255" spans="14:14">
      <c r="N414255" s="10"/>
    </row>
    <row r="414256" spans="14:14">
      <c r="N414256" s="10"/>
    </row>
    <row r="414257" spans="14:14">
      <c r="N414257" s="10"/>
    </row>
    <row r="414258" spans="14:14">
      <c r="N414258" s="10"/>
    </row>
    <row r="414259" spans="14:14">
      <c r="N414259" s="10"/>
    </row>
    <row r="414260" spans="14:14">
      <c r="N414260" s="10"/>
    </row>
    <row r="414261" spans="14:14">
      <c r="N414261" s="10"/>
    </row>
    <row r="414262" spans="14:14">
      <c r="N414262" s="10"/>
    </row>
    <row r="414263" spans="14:14">
      <c r="N414263" s="10"/>
    </row>
    <row r="414264" spans="14:14">
      <c r="N414264" s="10"/>
    </row>
    <row r="414265" spans="14:14">
      <c r="N414265" s="10"/>
    </row>
    <row r="414266" spans="14:14">
      <c r="N414266" s="10"/>
    </row>
    <row r="414267" spans="14:14">
      <c r="N414267" s="10"/>
    </row>
    <row r="414268" spans="14:14">
      <c r="N414268" s="10"/>
    </row>
    <row r="414269" spans="14:14">
      <c r="N414269" s="10"/>
    </row>
    <row r="414270" spans="14:14">
      <c r="N414270" s="10"/>
    </row>
    <row r="414271" spans="14:14">
      <c r="N414271" s="10"/>
    </row>
    <row r="414272" spans="14:14">
      <c r="N414272" s="10"/>
    </row>
    <row r="414273" spans="14:14">
      <c r="N414273" s="10"/>
    </row>
    <row r="414274" spans="14:14">
      <c r="N414274" s="10"/>
    </row>
    <row r="414275" spans="14:14">
      <c r="N414275" s="10"/>
    </row>
    <row r="414276" spans="14:14">
      <c r="N414276" s="10"/>
    </row>
    <row r="414277" spans="14:14">
      <c r="N414277" s="10"/>
    </row>
    <row r="414278" spans="14:14">
      <c r="N414278" s="10"/>
    </row>
    <row r="414279" spans="14:14">
      <c r="N414279" s="10"/>
    </row>
    <row r="414280" spans="14:14">
      <c r="N414280" s="10"/>
    </row>
    <row r="414281" spans="14:14">
      <c r="N414281" s="10"/>
    </row>
    <row r="414282" spans="14:14">
      <c r="N414282" s="10"/>
    </row>
    <row r="414283" spans="14:14">
      <c r="N414283" s="10"/>
    </row>
    <row r="414284" spans="14:14">
      <c r="N414284" s="10"/>
    </row>
    <row r="414285" spans="14:14">
      <c r="N414285" s="10"/>
    </row>
    <row r="414286" spans="14:14">
      <c r="N414286" s="10"/>
    </row>
    <row r="414287" spans="14:14">
      <c r="N414287" s="10"/>
    </row>
    <row r="414288" spans="14:14">
      <c r="N414288" s="10"/>
    </row>
    <row r="414289" spans="14:14">
      <c r="N414289" s="10"/>
    </row>
    <row r="414290" spans="14:14">
      <c r="N414290" s="10"/>
    </row>
    <row r="414291" spans="14:14">
      <c r="N414291" s="10"/>
    </row>
    <row r="414292" spans="14:14">
      <c r="N414292" s="10"/>
    </row>
    <row r="414293" spans="14:14">
      <c r="N414293" s="10"/>
    </row>
    <row r="414294" spans="14:14">
      <c r="N414294" s="10"/>
    </row>
    <row r="414295" spans="14:14">
      <c r="N414295" s="10"/>
    </row>
    <row r="414296" spans="14:14">
      <c r="N414296" s="10"/>
    </row>
    <row r="414297" spans="14:14">
      <c r="N414297" s="10"/>
    </row>
    <row r="414298" spans="14:14">
      <c r="N414298" s="10"/>
    </row>
    <row r="414299" spans="14:14">
      <c r="N414299" s="10"/>
    </row>
    <row r="414300" spans="14:14">
      <c r="N414300" s="10"/>
    </row>
    <row r="414301" spans="14:14">
      <c r="N414301" s="10"/>
    </row>
    <row r="414302" spans="14:14">
      <c r="N414302" s="10"/>
    </row>
    <row r="414303" spans="14:14">
      <c r="N414303" s="10"/>
    </row>
    <row r="414304" spans="14:14">
      <c r="N414304" s="10"/>
    </row>
    <row r="414305" spans="14:14">
      <c r="N414305" s="10"/>
    </row>
    <row r="414306" spans="14:14">
      <c r="N414306" s="10"/>
    </row>
    <row r="414307" spans="14:14">
      <c r="N414307" s="10"/>
    </row>
    <row r="414308" spans="14:14">
      <c r="N414308" s="10"/>
    </row>
    <row r="414309" spans="14:14">
      <c r="N414309" s="10"/>
    </row>
    <row r="414310" spans="14:14">
      <c r="N414310" s="10"/>
    </row>
    <row r="414311" spans="14:14">
      <c r="N414311" s="10"/>
    </row>
    <row r="414312" spans="14:14">
      <c r="N414312" s="10"/>
    </row>
    <row r="414313" spans="14:14">
      <c r="N414313" s="10"/>
    </row>
    <row r="414314" spans="14:14">
      <c r="N414314" s="10"/>
    </row>
    <row r="414315" spans="14:14">
      <c r="N414315" s="10"/>
    </row>
    <row r="414316" spans="14:14">
      <c r="N414316" s="10"/>
    </row>
    <row r="414317" spans="14:14">
      <c r="N414317" s="10"/>
    </row>
    <row r="414318" spans="14:14">
      <c r="N414318" s="10"/>
    </row>
    <row r="414319" spans="14:14">
      <c r="N414319" s="10"/>
    </row>
    <row r="414320" spans="14:14">
      <c r="N414320" s="10"/>
    </row>
    <row r="414321" spans="14:14">
      <c r="N414321" s="10"/>
    </row>
    <row r="414322" spans="14:14">
      <c r="N414322" s="10"/>
    </row>
    <row r="414323" spans="14:14">
      <c r="N414323" s="10"/>
    </row>
    <row r="414324" spans="14:14">
      <c r="N414324" s="10"/>
    </row>
    <row r="414325" spans="14:14">
      <c r="N414325" s="10"/>
    </row>
    <row r="414326" spans="14:14">
      <c r="N414326" s="10"/>
    </row>
    <row r="414327" spans="14:14">
      <c r="N414327" s="10"/>
    </row>
    <row r="414328" spans="14:14">
      <c r="N414328" s="10"/>
    </row>
    <row r="414329" spans="14:14">
      <c r="N414329" s="10"/>
    </row>
    <row r="414330" spans="14:14">
      <c r="N414330" s="10"/>
    </row>
    <row r="414331" spans="14:14">
      <c r="N414331" s="10"/>
    </row>
    <row r="414332" spans="14:14">
      <c r="N414332" s="10"/>
    </row>
    <row r="414333" spans="14:14">
      <c r="N414333" s="10"/>
    </row>
    <row r="414334" spans="14:14">
      <c r="N414334" s="10"/>
    </row>
    <row r="414335" spans="14:14">
      <c r="N414335" s="10"/>
    </row>
    <row r="414336" spans="14:14">
      <c r="N414336" s="10"/>
    </row>
    <row r="414337" spans="14:14">
      <c r="N414337" s="10"/>
    </row>
    <row r="414338" spans="14:14">
      <c r="N414338" s="10"/>
    </row>
    <row r="414339" spans="14:14">
      <c r="N414339" s="10"/>
    </row>
    <row r="414340" spans="14:14">
      <c r="N414340" s="10"/>
    </row>
    <row r="414341" spans="14:14">
      <c r="N414341" s="10"/>
    </row>
    <row r="414342" spans="14:14">
      <c r="N414342" s="10"/>
    </row>
    <row r="414343" spans="14:14">
      <c r="N414343" s="10"/>
    </row>
    <row r="414344" spans="14:14">
      <c r="N414344" s="10"/>
    </row>
    <row r="414345" spans="14:14">
      <c r="N414345" s="10"/>
    </row>
    <row r="414346" spans="14:14">
      <c r="N414346" s="10"/>
    </row>
    <row r="414347" spans="14:14">
      <c r="N414347" s="10"/>
    </row>
    <row r="414348" spans="14:14">
      <c r="N414348" s="10"/>
    </row>
    <row r="414349" spans="14:14">
      <c r="N414349" s="10"/>
    </row>
    <row r="414350" spans="14:14">
      <c r="N414350" s="10"/>
    </row>
    <row r="414351" spans="14:14">
      <c r="N414351" s="10"/>
    </row>
    <row r="414352" spans="14:14">
      <c r="N414352" s="10"/>
    </row>
    <row r="414353" spans="14:14">
      <c r="N414353" s="10"/>
    </row>
    <row r="414354" spans="14:14">
      <c r="N414354" s="10"/>
    </row>
    <row r="414355" spans="14:14">
      <c r="N414355" s="10"/>
    </row>
    <row r="414356" spans="14:14">
      <c r="N414356" s="10"/>
    </row>
    <row r="414357" spans="14:14">
      <c r="N414357" s="10"/>
    </row>
    <row r="414358" spans="14:14">
      <c r="N414358" s="10"/>
    </row>
    <row r="414359" spans="14:14">
      <c r="N414359" s="10"/>
    </row>
    <row r="414360" spans="14:14">
      <c r="N414360" s="10"/>
    </row>
    <row r="414361" spans="14:14">
      <c r="N414361" s="10"/>
    </row>
    <row r="414362" spans="14:14">
      <c r="N414362" s="10"/>
    </row>
    <row r="414363" spans="14:14">
      <c r="N414363" s="10"/>
    </row>
    <row r="414364" spans="14:14">
      <c r="N414364" s="10"/>
    </row>
    <row r="414365" spans="14:14">
      <c r="N414365" s="10"/>
    </row>
    <row r="414366" spans="14:14">
      <c r="N414366" s="10"/>
    </row>
    <row r="414367" spans="14:14">
      <c r="N414367" s="10"/>
    </row>
    <row r="414368" spans="14:14">
      <c r="N414368" s="10"/>
    </row>
    <row r="414369" spans="14:14">
      <c r="N414369" s="10"/>
    </row>
    <row r="414370" spans="14:14">
      <c r="N414370" s="10"/>
    </row>
    <row r="414371" spans="14:14">
      <c r="N414371" s="10"/>
    </row>
    <row r="414372" spans="14:14">
      <c r="N414372" s="10"/>
    </row>
    <row r="414373" spans="14:14">
      <c r="N414373" s="10"/>
    </row>
    <row r="414374" spans="14:14">
      <c r="N414374" s="10"/>
    </row>
    <row r="414375" spans="14:14">
      <c r="N414375" s="10"/>
    </row>
    <row r="414376" spans="14:14">
      <c r="N414376" s="10"/>
    </row>
    <row r="414377" spans="14:14">
      <c r="N414377" s="10"/>
    </row>
    <row r="414378" spans="14:14">
      <c r="N414378" s="10"/>
    </row>
    <row r="414379" spans="14:14">
      <c r="N414379" s="10"/>
    </row>
    <row r="414380" spans="14:14">
      <c r="N414380" s="10"/>
    </row>
    <row r="414381" spans="14:14">
      <c r="N414381" s="10"/>
    </row>
    <row r="414382" spans="14:14">
      <c r="N414382" s="10"/>
    </row>
    <row r="414383" spans="14:14">
      <c r="N414383" s="10"/>
    </row>
    <row r="414384" spans="14:14">
      <c r="N414384" s="10"/>
    </row>
    <row r="414385" spans="14:14">
      <c r="N414385" s="10"/>
    </row>
    <row r="414386" spans="14:14">
      <c r="N414386" s="10"/>
    </row>
    <row r="414387" spans="14:14">
      <c r="N414387" s="10"/>
    </row>
    <row r="414388" spans="14:14">
      <c r="N414388" s="10"/>
    </row>
    <row r="414389" spans="14:14">
      <c r="N414389" s="10"/>
    </row>
    <row r="414390" spans="14:14">
      <c r="N414390" s="10"/>
    </row>
    <row r="414391" spans="14:14">
      <c r="N414391" s="10"/>
    </row>
    <row r="414392" spans="14:14">
      <c r="N414392" s="10"/>
    </row>
    <row r="414393" spans="14:14">
      <c r="N414393" s="10"/>
    </row>
    <row r="414394" spans="14:14">
      <c r="N414394" s="10"/>
    </row>
    <row r="414395" spans="14:14">
      <c r="N414395" s="10"/>
    </row>
    <row r="414396" spans="14:14">
      <c r="N414396" s="10"/>
    </row>
    <row r="414397" spans="14:14">
      <c r="N414397" s="10"/>
    </row>
    <row r="414398" spans="14:14">
      <c r="N414398" s="10"/>
    </row>
    <row r="414399" spans="14:14">
      <c r="N414399" s="10"/>
    </row>
    <row r="414400" spans="14:14">
      <c r="N414400" s="10"/>
    </row>
    <row r="414401" spans="14:14">
      <c r="N414401" s="10"/>
    </row>
    <row r="414402" spans="14:14">
      <c r="N414402" s="10"/>
    </row>
    <row r="414403" spans="14:14">
      <c r="N414403" s="10"/>
    </row>
    <row r="414404" spans="14:14">
      <c r="N414404" s="10"/>
    </row>
    <row r="414405" spans="14:14">
      <c r="N414405" s="10"/>
    </row>
    <row r="414406" spans="14:14">
      <c r="N414406" s="10"/>
    </row>
    <row r="414407" spans="14:14">
      <c r="N414407" s="10"/>
    </row>
    <row r="414408" spans="14:14">
      <c r="N414408" s="10"/>
    </row>
    <row r="414409" spans="14:14">
      <c r="N414409" s="10"/>
    </row>
    <row r="414410" spans="14:14">
      <c r="N414410" s="10"/>
    </row>
    <row r="414411" spans="14:14">
      <c r="N414411" s="10"/>
    </row>
    <row r="414412" spans="14:14">
      <c r="N414412" s="10"/>
    </row>
    <row r="414413" spans="14:14">
      <c r="N414413" s="10"/>
    </row>
    <row r="414414" spans="14:14">
      <c r="N414414" s="10"/>
    </row>
    <row r="414415" spans="14:14">
      <c r="N414415" s="10"/>
    </row>
    <row r="414416" spans="14:14">
      <c r="N414416" s="10"/>
    </row>
    <row r="414417" spans="14:14">
      <c r="N414417" s="10"/>
    </row>
    <row r="414418" spans="14:14">
      <c r="N414418" s="10"/>
    </row>
    <row r="414419" spans="14:14">
      <c r="N414419" s="10"/>
    </row>
    <row r="414420" spans="14:14">
      <c r="N414420" s="10"/>
    </row>
    <row r="414421" spans="14:14">
      <c r="N414421" s="10"/>
    </row>
    <row r="414422" spans="14:14">
      <c r="N414422" s="10"/>
    </row>
    <row r="414423" spans="14:14">
      <c r="N414423" s="10"/>
    </row>
    <row r="414424" spans="14:14">
      <c r="N414424" s="10"/>
    </row>
    <row r="414425" spans="14:14">
      <c r="N414425" s="10"/>
    </row>
    <row r="414426" spans="14:14">
      <c r="N414426" s="10"/>
    </row>
    <row r="414427" spans="14:14">
      <c r="N414427" s="10"/>
    </row>
    <row r="414428" spans="14:14">
      <c r="N414428" s="10"/>
    </row>
    <row r="414429" spans="14:14">
      <c r="N414429" s="10"/>
    </row>
    <row r="414430" spans="14:14">
      <c r="N414430" s="10"/>
    </row>
    <row r="414431" spans="14:14">
      <c r="N414431" s="10"/>
    </row>
    <row r="414432" spans="14:14">
      <c r="N414432" s="10"/>
    </row>
    <row r="414433" spans="14:14">
      <c r="N414433" s="10"/>
    </row>
    <row r="414434" spans="14:14">
      <c r="N414434" s="10"/>
    </row>
    <row r="414435" spans="14:14">
      <c r="N414435" s="10"/>
    </row>
    <row r="414436" spans="14:14">
      <c r="N414436" s="10"/>
    </row>
    <row r="414437" spans="14:14">
      <c r="N414437" s="10"/>
    </row>
    <row r="414438" spans="14:14">
      <c r="N414438" s="10"/>
    </row>
    <row r="414439" spans="14:14">
      <c r="N414439" s="10"/>
    </row>
    <row r="414440" spans="14:14">
      <c r="N414440" s="10"/>
    </row>
    <row r="414441" spans="14:14">
      <c r="N414441" s="10"/>
    </row>
    <row r="414442" spans="14:14">
      <c r="N414442" s="10"/>
    </row>
    <row r="414443" spans="14:14">
      <c r="N414443" s="10"/>
    </row>
    <row r="414444" spans="14:14">
      <c r="N414444" s="10"/>
    </row>
    <row r="414445" spans="14:14">
      <c r="N414445" s="10"/>
    </row>
    <row r="414446" spans="14:14">
      <c r="N414446" s="10"/>
    </row>
    <row r="414447" spans="14:14">
      <c r="N414447" s="10"/>
    </row>
    <row r="414448" spans="14:14">
      <c r="N414448" s="10"/>
    </row>
    <row r="414449" spans="14:14">
      <c r="N414449" s="10"/>
    </row>
    <row r="414450" spans="14:14">
      <c r="N414450" s="10"/>
    </row>
    <row r="414451" spans="14:14">
      <c r="N414451" s="10"/>
    </row>
    <row r="414452" spans="14:14">
      <c r="N414452" s="10"/>
    </row>
    <row r="414453" spans="14:14">
      <c r="N414453" s="10"/>
    </row>
    <row r="414454" spans="14:14">
      <c r="N414454" s="10"/>
    </row>
    <row r="414455" spans="14:14">
      <c r="N414455" s="10"/>
    </row>
    <row r="414456" spans="14:14">
      <c r="N414456" s="10"/>
    </row>
    <row r="414457" spans="14:14">
      <c r="N414457" s="10"/>
    </row>
    <row r="414458" spans="14:14">
      <c r="N414458" s="10"/>
    </row>
    <row r="414459" spans="14:14">
      <c r="N414459" s="10"/>
    </row>
    <row r="414460" spans="14:14">
      <c r="N414460" s="10"/>
    </row>
    <row r="414461" spans="14:14">
      <c r="N414461" s="10"/>
    </row>
    <row r="414462" spans="14:14">
      <c r="N414462" s="10"/>
    </row>
    <row r="414463" spans="14:14">
      <c r="N414463" s="10"/>
    </row>
    <row r="414464" spans="14:14">
      <c r="N414464" s="10"/>
    </row>
    <row r="414465" spans="14:14">
      <c r="N414465" s="10"/>
    </row>
    <row r="414466" spans="14:14">
      <c r="N414466" s="10"/>
    </row>
    <row r="414467" spans="14:14">
      <c r="N414467" s="10"/>
    </row>
    <row r="414468" spans="14:14">
      <c r="N414468" s="10"/>
    </row>
    <row r="414469" spans="14:14">
      <c r="N414469" s="10"/>
    </row>
    <row r="414470" spans="14:14">
      <c r="N414470" s="10"/>
    </row>
    <row r="414471" spans="14:14">
      <c r="N414471" s="10"/>
    </row>
    <row r="414472" spans="14:14">
      <c r="N414472" s="10"/>
    </row>
    <row r="414473" spans="14:14">
      <c r="N414473" s="10"/>
    </row>
    <row r="414474" spans="14:14">
      <c r="N414474" s="10"/>
    </row>
    <row r="414475" spans="14:14">
      <c r="N414475" s="10"/>
    </row>
    <row r="414476" spans="14:14">
      <c r="N414476" s="10"/>
    </row>
    <row r="414477" spans="14:14">
      <c r="N414477" s="10"/>
    </row>
    <row r="414478" spans="14:14">
      <c r="N414478" s="10"/>
    </row>
    <row r="414479" spans="14:14">
      <c r="N414479" s="10"/>
    </row>
    <row r="414480" spans="14:14">
      <c r="N414480" s="10"/>
    </row>
    <row r="414481" spans="14:14">
      <c r="N414481" s="10"/>
    </row>
    <row r="414482" spans="14:14">
      <c r="N414482" s="10"/>
    </row>
    <row r="414483" spans="14:14">
      <c r="N414483" s="10"/>
    </row>
    <row r="414484" spans="14:14">
      <c r="N414484" s="10"/>
    </row>
    <row r="414485" spans="14:14">
      <c r="N414485" s="10"/>
    </row>
    <row r="414486" spans="14:14">
      <c r="N414486" s="10"/>
    </row>
    <row r="414487" spans="14:14">
      <c r="N414487" s="10"/>
    </row>
    <row r="414488" spans="14:14">
      <c r="N414488" s="10"/>
    </row>
    <row r="414489" spans="14:14">
      <c r="N414489" s="10"/>
    </row>
    <row r="414490" spans="14:14">
      <c r="N414490" s="10"/>
    </row>
    <row r="414491" spans="14:14">
      <c r="N414491" s="10"/>
    </row>
    <row r="414492" spans="14:14">
      <c r="N414492" s="10"/>
    </row>
    <row r="414493" spans="14:14">
      <c r="N414493" s="10"/>
    </row>
    <row r="414494" spans="14:14">
      <c r="N414494" s="10"/>
    </row>
    <row r="414495" spans="14:14">
      <c r="N414495" s="10"/>
    </row>
    <row r="414496" spans="14:14">
      <c r="N414496" s="10"/>
    </row>
    <row r="414497" spans="14:14">
      <c r="N414497" s="10"/>
    </row>
    <row r="414498" spans="14:14">
      <c r="N414498" s="10"/>
    </row>
    <row r="414499" spans="14:14">
      <c r="N414499" s="10"/>
    </row>
    <row r="414500" spans="14:14">
      <c r="N414500" s="10"/>
    </row>
    <row r="414501" spans="14:14">
      <c r="N414501" s="10"/>
    </row>
    <row r="414502" spans="14:14">
      <c r="N414502" s="10"/>
    </row>
    <row r="414503" spans="14:14">
      <c r="N414503" s="10"/>
    </row>
    <row r="414504" spans="14:14">
      <c r="N414504" s="10"/>
    </row>
    <row r="414505" spans="14:14">
      <c r="N414505" s="10"/>
    </row>
    <row r="414506" spans="14:14">
      <c r="N414506" s="10"/>
    </row>
    <row r="414507" spans="14:14">
      <c r="N414507" s="10"/>
    </row>
    <row r="414508" spans="14:14">
      <c r="N414508" s="10"/>
    </row>
    <row r="414509" spans="14:14">
      <c r="N414509" s="10"/>
    </row>
    <row r="414510" spans="14:14">
      <c r="N414510" s="10"/>
    </row>
    <row r="414511" spans="14:14">
      <c r="N414511" s="10"/>
    </row>
    <row r="414512" spans="14:14">
      <c r="N414512" s="10"/>
    </row>
    <row r="414513" spans="14:14">
      <c r="N414513" s="10"/>
    </row>
    <row r="414514" spans="14:14">
      <c r="N414514" s="10"/>
    </row>
    <row r="414515" spans="14:14">
      <c r="N414515" s="10"/>
    </row>
    <row r="414516" spans="14:14">
      <c r="N414516" s="10"/>
    </row>
    <row r="414517" spans="14:14">
      <c r="N414517" s="10"/>
    </row>
    <row r="414518" spans="14:14">
      <c r="N414518" s="10"/>
    </row>
    <row r="414519" spans="14:14">
      <c r="N414519" s="10"/>
    </row>
    <row r="414520" spans="14:14">
      <c r="N414520" s="10"/>
    </row>
    <row r="414521" spans="14:14">
      <c r="N414521" s="10"/>
    </row>
    <row r="414522" spans="14:14">
      <c r="N414522" s="10"/>
    </row>
    <row r="414523" spans="14:14">
      <c r="N414523" s="10"/>
    </row>
    <row r="414524" spans="14:14">
      <c r="N414524" s="10"/>
    </row>
    <row r="414525" spans="14:14">
      <c r="N414525" s="10"/>
    </row>
    <row r="414526" spans="14:14">
      <c r="N414526" s="10"/>
    </row>
    <row r="414527" spans="14:14">
      <c r="N414527" s="10"/>
    </row>
    <row r="414528" spans="14:14">
      <c r="N414528" s="10"/>
    </row>
    <row r="414529" spans="14:14">
      <c r="N414529" s="10"/>
    </row>
    <row r="414530" spans="14:14">
      <c r="N414530" s="10"/>
    </row>
    <row r="414531" spans="14:14">
      <c r="N414531" s="10"/>
    </row>
    <row r="414532" spans="14:14">
      <c r="N414532" s="10"/>
    </row>
    <row r="414533" spans="14:14">
      <c r="N414533" s="10"/>
    </row>
    <row r="414534" spans="14:14">
      <c r="N414534" s="10"/>
    </row>
    <row r="414535" spans="14:14">
      <c r="N414535" s="10"/>
    </row>
    <row r="414536" spans="14:14">
      <c r="N414536" s="10"/>
    </row>
    <row r="414537" spans="14:14">
      <c r="N414537" s="10"/>
    </row>
    <row r="414538" spans="14:14">
      <c r="N414538" s="10"/>
    </row>
    <row r="414539" spans="14:14">
      <c r="N414539" s="10"/>
    </row>
    <row r="414540" spans="14:14">
      <c r="N414540" s="10"/>
    </row>
    <row r="414541" spans="14:14">
      <c r="N414541" s="10"/>
    </row>
    <row r="414542" spans="14:14">
      <c r="N414542" s="10"/>
    </row>
    <row r="414543" spans="14:14">
      <c r="N414543" s="10"/>
    </row>
    <row r="414544" spans="14:14">
      <c r="N414544" s="10"/>
    </row>
    <row r="414545" spans="14:14">
      <c r="N414545" s="10"/>
    </row>
    <row r="414546" spans="14:14">
      <c r="N414546" s="10"/>
    </row>
    <row r="414547" spans="14:14">
      <c r="N414547" s="10"/>
    </row>
    <row r="414548" spans="14:14">
      <c r="N414548" s="10"/>
    </row>
    <row r="414549" spans="14:14">
      <c r="N414549" s="10"/>
    </row>
    <row r="414550" spans="14:14">
      <c r="N414550" s="10"/>
    </row>
    <row r="414551" spans="14:14">
      <c r="N414551" s="10"/>
    </row>
    <row r="414552" spans="14:14">
      <c r="N414552" s="10"/>
    </row>
    <row r="414553" spans="14:14">
      <c r="N414553" s="10"/>
    </row>
    <row r="414554" spans="14:14">
      <c r="N414554" s="10"/>
    </row>
    <row r="414555" spans="14:14">
      <c r="N414555" s="10"/>
    </row>
    <row r="414556" spans="14:14">
      <c r="N414556" s="10"/>
    </row>
    <row r="414557" spans="14:14">
      <c r="N414557" s="10"/>
    </row>
    <row r="414558" spans="14:14">
      <c r="N414558" s="10"/>
    </row>
    <row r="414559" spans="14:14">
      <c r="N414559" s="10"/>
    </row>
    <row r="414560" spans="14:14">
      <c r="N414560" s="10"/>
    </row>
    <row r="414561" spans="14:14">
      <c r="N414561" s="10"/>
    </row>
    <row r="414562" spans="14:14">
      <c r="N414562" s="10"/>
    </row>
    <row r="414563" spans="14:14">
      <c r="N414563" s="10"/>
    </row>
    <row r="414564" spans="14:14">
      <c r="N414564" s="10"/>
    </row>
    <row r="414565" spans="14:14">
      <c r="N414565" s="10"/>
    </row>
    <row r="414566" spans="14:14">
      <c r="N414566" s="10"/>
    </row>
    <row r="414567" spans="14:14">
      <c r="N414567" s="10"/>
    </row>
    <row r="414568" spans="14:14">
      <c r="N414568" s="10"/>
    </row>
    <row r="414569" spans="14:14">
      <c r="N414569" s="10"/>
    </row>
    <row r="414570" spans="14:14">
      <c r="N414570" s="10"/>
    </row>
    <row r="414571" spans="14:14">
      <c r="N414571" s="10"/>
    </row>
    <row r="414572" spans="14:14">
      <c r="N414572" s="10"/>
    </row>
    <row r="414573" spans="14:14">
      <c r="N414573" s="10"/>
    </row>
    <row r="414574" spans="14:14">
      <c r="N414574" s="10"/>
    </row>
    <row r="414575" spans="14:14">
      <c r="N414575" s="10"/>
    </row>
    <row r="414576" spans="14:14">
      <c r="N414576" s="10"/>
    </row>
    <row r="414577" spans="14:14">
      <c r="N414577" s="10"/>
    </row>
    <row r="414578" spans="14:14">
      <c r="N414578" s="10"/>
    </row>
    <row r="414579" spans="14:14">
      <c r="N414579" s="10"/>
    </row>
    <row r="414580" spans="14:14">
      <c r="N414580" s="10"/>
    </row>
    <row r="414581" spans="14:14">
      <c r="N414581" s="10"/>
    </row>
    <row r="414582" spans="14:14">
      <c r="N414582" s="10"/>
    </row>
    <row r="414583" spans="14:14">
      <c r="N414583" s="10"/>
    </row>
    <row r="414584" spans="14:14">
      <c r="N414584" s="10"/>
    </row>
    <row r="414585" spans="14:14">
      <c r="N414585" s="10"/>
    </row>
    <row r="414586" spans="14:14">
      <c r="N414586" s="10"/>
    </row>
    <row r="414587" spans="14:14">
      <c r="N414587" s="10"/>
    </row>
    <row r="414588" spans="14:14">
      <c r="N414588" s="10"/>
    </row>
    <row r="414589" spans="14:14">
      <c r="N414589" s="10"/>
    </row>
    <row r="414590" spans="14:14">
      <c r="N414590" s="10"/>
    </row>
    <row r="414591" spans="14:14">
      <c r="N414591" s="10"/>
    </row>
    <row r="414592" spans="14:14">
      <c r="N414592" s="10"/>
    </row>
    <row r="414593" spans="14:14">
      <c r="N414593" s="10"/>
    </row>
    <row r="414594" spans="14:14">
      <c r="N414594" s="10"/>
    </row>
    <row r="414595" spans="14:14">
      <c r="N414595" s="10"/>
    </row>
    <row r="414596" spans="14:14">
      <c r="N414596" s="10"/>
    </row>
    <row r="414597" spans="14:14">
      <c r="N414597" s="10"/>
    </row>
    <row r="414598" spans="14:14">
      <c r="N414598" s="10"/>
    </row>
    <row r="414599" spans="14:14">
      <c r="N414599" s="10"/>
    </row>
    <row r="414600" spans="14:14">
      <c r="N414600" s="10"/>
    </row>
    <row r="414601" spans="14:14">
      <c r="N414601" s="10"/>
    </row>
    <row r="414602" spans="14:14">
      <c r="N414602" s="10"/>
    </row>
    <row r="414603" spans="14:14">
      <c r="N414603" s="10"/>
    </row>
    <row r="414604" spans="14:14">
      <c r="N414604" s="10"/>
    </row>
    <row r="414605" spans="14:14">
      <c r="N414605" s="10"/>
    </row>
    <row r="414606" spans="14:14">
      <c r="N414606" s="10"/>
    </row>
    <row r="414607" spans="14:14">
      <c r="N414607" s="10"/>
    </row>
    <row r="414608" spans="14:14">
      <c r="N414608" s="10"/>
    </row>
    <row r="414609" spans="14:14">
      <c r="N414609" s="10"/>
    </row>
    <row r="414610" spans="14:14">
      <c r="N414610" s="10"/>
    </row>
    <row r="414611" spans="14:14">
      <c r="N414611" s="10"/>
    </row>
    <row r="414612" spans="14:14">
      <c r="N414612" s="10"/>
    </row>
    <row r="414613" spans="14:14">
      <c r="N414613" s="10"/>
    </row>
    <row r="414614" spans="14:14">
      <c r="N414614" s="10"/>
    </row>
    <row r="414615" spans="14:14">
      <c r="N414615" s="10"/>
    </row>
    <row r="414616" spans="14:14">
      <c r="N414616" s="10"/>
    </row>
    <row r="414617" spans="14:14">
      <c r="N414617" s="10"/>
    </row>
    <row r="414618" spans="14:14">
      <c r="N414618" s="10"/>
    </row>
    <row r="414619" spans="14:14">
      <c r="N414619" s="10"/>
    </row>
    <row r="414620" spans="14:14">
      <c r="N414620" s="10"/>
    </row>
    <row r="414621" spans="14:14">
      <c r="N414621" s="10"/>
    </row>
    <row r="414622" spans="14:14">
      <c r="N414622" s="10"/>
    </row>
    <row r="414623" spans="14:14">
      <c r="N414623" s="10"/>
    </row>
    <row r="414624" spans="14:14">
      <c r="N414624" s="10"/>
    </row>
    <row r="414625" spans="14:14">
      <c r="N414625" s="10"/>
    </row>
    <row r="414626" spans="14:14">
      <c r="N414626" s="10"/>
    </row>
    <row r="414627" spans="14:14">
      <c r="N414627" s="10"/>
    </row>
    <row r="414628" spans="14:14">
      <c r="N414628" s="10"/>
    </row>
    <row r="414629" spans="14:14">
      <c r="N414629" s="10"/>
    </row>
    <row r="414630" spans="14:14">
      <c r="N414630" s="10"/>
    </row>
    <row r="414631" spans="14:14">
      <c r="N414631" s="10"/>
    </row>
    <row r="414632" spans="14:14">
      <c r="N414632" s="10"/>
    </row>
    <row r="414633" spans="14:14">
      <c r="N414633" s="10"/>
    </row>
    <row r="414634" spans="14:14">
      <c r="N414634" s="10"/>
    </row>
    <row r="414635" spans="14:14">
      <c r="N414635" s="10"/>
    </row>
    <row r="414636" spans="14:14">
      <c r="N414636" s="10"/>
    </row>
    <row r="414637" spans="14:14">
      <c r="N414637" s="10"/>
    </row>
    <row r="414638" spans="14:14">
      <c r="N414638" s="10"/>
    </row>
    <row r="414639" spans="14:14">
      <c r="N414639" s="10"/>
    </row>
    <row r="414640" spans="14:14">
      <c r="N414640" s="10"/>
    </row>
    <row r="414641" spans="14:14">
      <c r="N414641" s="10"/>
    </row>
    <row r="414642" spans="14:14">
      <c r="N414642" s="10"/>
    </row>
    <row r="414643" spans="14:14">
      <c r="N414643" s="10"/>
    </row>
    <row r="414644" spans="14:14">
      <c r="N414644" s="10"/>
    </row>
    <row r="414645" spans="14:14">
      <c r="N414645" s="10"/>
    </row>
    <row r="414646" spans="14:14">
      <c r="N414646" s="10"/>
    </row>
    <row r="414647" spans="14:14">
      <c r="N414647" s="10"/>
    </row>
    <row r="414648" spans="14:14">
      <c r="N414648" s="10"/>
    </row>
    <row r="414649" spans="14:14">
      <c r="N414649" s="10"/>
    </row>
    <row r="414650" spans="14:14">
      <c r="N414650" s="10"/>
    </row>
    <row r="414651" spans="14:14">
      <c r="N414651" s="10"/>
    </row>
    <row r="414652" spans="14:14">
      <c r="N414652" s="10"/>
    </row>
    <row r="414653" spans="14:14">
      <c r="N414653" s="10"/>
    </row>
    <row r="414654" spans="14:14">
      <c r="N414654" s="10"/>
    </row>
    <row r="414655" spans="14:14">
      <c r="N414655" s="10"/>
    </row>
    <row r="414656" spans="14:14">
      <c r="N414656" s="10"/>
    </row>
    <row r="414657" spans="14:14">
      <c r="N414657" s="10"/>
    </row>
    <row r="414658" spans="14:14">
      <c r="N414658" s="10"/>
    </row>
    <row r="414659" spans="14:14">
      <c r="N414659" s="10"/>
    </row>
    <row r="414660" spans="14:14">
      <c r="N414660" s="10"/>
    </row>
    <row r="414661" spans="14:14">
      <c r="N414661" s="10"/>
    </row>
    <row r="414662" spans="14:14">
      <c r="N414662" s="10"/>
    </row>
    <row r="414663" spans="14:14">
      <c r="N414663" s="10"/>
    </row>
    <row r="414664" spans="14:14">
      <c r="N414664" s="10"/>
    </row>
    <row r="414665" spans="14:14">
      <c r="N414665" s="10"/>
    </row>
    <row r="414666" spans="14:14">
      <c r="N414666" s="10"/>
    </row>
    <row r="414667" spans="14:14">
      <c r="N414667" s="10"/>
    </row>
    <row r="414668" spans="14:14">
      <c r="N414668" s="10"/>
    </row>
    <row r="414669" spans="14:14">
      <c r="N414669" s="10"/>
    </row>
    <row r="414670" spans="14:14">
      <c r="N414670" s="10"/>
    </row>
    <row r="414671" spans="14:14">
      <c r="N414671" s="10"/>
    </row>
    <row r="414672" spans="14:14">
      <c r="N414672" s="10"/>
    </row>
    <row r="414673" spans="14:14">
      <c r="N414673" s="10"/>
    </row>
    <row r="414674" spans="14:14">
      <c r="N414674" s="10"/>
    </row>
    <row r="414675" spans="14:14">
      <c r="N414675" s="10"/>
    </row>
    <row r="414676" spans="14:14">
      <c r="N414676" s="10"/>
    </row>
    <row r="414677" spans="14:14">
      <c r="N414677" s="10"/>
    </row>
    <row r="414678" spans="14:14">
      <c r="N414678" s="10"/>
    </row>
    <row r="414679" spans="14:14">
      <c r="N414679" s="10"/>
    </row>
    <row r="414680" spans="14:14">
      <c r="N414680" s="10"/>
    </row>
    <row r="414681" spans="14:14">
      <c r="N414681" s="10"/>
    </row>
    <row r="414682" spans="14:14">
      <c r="N414682" s="10"/>
    </row>
    <row r="414683" spans="14:14">
      <c r="N414683" s="10"/>
    </row>
    <row r="414684" spans="14:14">
      <c r="N414684" s="10"/>
    </row>
    <row r="414685" spans="14:14">
      <c r="N414685" s="10"/>
    </row>
    <row r="414686" spans="14:14">
      <c r="N414686" s="10"/>
    </row>
    <row r="414687" spans="14:14">
      <c r="N414687" s="10"/>
    </row>
    <row r="414688" spans="14:14">
      <c r="N414688" s="10"/>
    </row>
    <row r="414689" spans="14:14">
      <c r="N414689" s="10"/>
    </row>
    <row r="414690" spans="14:14">
      <c r="N414690" s="10"/>
    </row>
    <row r="414691" spans="14:14">
      <c r="N414691" s="10"/>
    </row>
    <row r="414692" spans="14:14">
      <c r="N414692" s="10"/>
    </row>
    <row r="414693" spans="14:14">
      <c r="N414693" s="10"/>
    </row>
    <row r="414694" spans="14:14">
      <c r="N414694" s="10"/>
    </row>
    <row r="414695" spans="14:14">
      <c r="N414695" s="10"/>
    </row>
    <row r="414696" spans="14:14">
      <c r="N414696" s="10"/>
    </row>
    <row r="414697" spans="14:14">
      <c r="N414697" s="10"/>
    </row>
    <row r="414698" spans="14:14">
      <c r="N414698" s="10"/>
    </row>
    <row r="414699" spans="14:14">
      <c r="N414699" s="10"/>
    </row>
    <row r="414700" spans="14:14">
      <c r="N414700" s="10"/>
    </row>
    <row r="414701" spans="14:14">
      <c r="N414701" s="10"/>
    </row>
    <row r="414702" spans="14:14">
      <c r="N414702" s="10"/>
    </row>
    <row r="414703" spans="14:14">
      <c r="N414703" s="10"/>
    </row>
    <row r="414704" spans="14:14">
      <c r="N414704" s="10"/>
    </row>
    <row r="414705" spans="14:14">
      <c r="N414705" s="10"/>
    </row>
    <row r="414706" spans="14:14">
      <c r="N414706" s="10"/>
    </row>
    <row r="414707" spans="14:14">
      <c r="N414707" s="10"/>
    </row>
    <row r="414708" spans="14:14">
      <c r="N414708" s="10"/>
    </row>
    <row r="414709" spans="14:14">
      <c r="N414709" s="10"/>
    </row>
    <row r="414710" spans="14:14">
      <c r="N414710" s="10"/>
    </row>
    <row r="414711" spans="14:14">
      <c r="N414711" s="10"/>
    </row>
    <row r="414712" spans="14:14">
      <c r="N414712" s="10"/>
    </row>
    <row r="414713" spans="14:14">
      <c r="N414713" s="10"/>
    </row>
    <row r="414714" spans="14:14">
      <c r="N414714" s="10"/>
    </row>
    <row r="414715" spans="14:14">
      <c r="N414715" s="10"/>
    </row>
    <row r="414716" spans="14:14">
      <c r="N414716" s="10"/>
    </row>
    <row r="414717" spans="14:14">
      <c r="N414717" s="10"/>
    </row>
    <row r="414718" spans="14:14">
      <c r="N414718" s="10"/>
    </row>
    <row r="414719" spans="14:14">
      <c r="N414719" s="10"/>
    </row>
    <row r="414720" spans="14:14">
      <c r="N414720" s="10"/>
    </row>
    <row r="414721" spans="14:14">
      <c r="N414721" s="10"/>
    </row>
    <row r="414722" spans="14:14">
      <c r="N414722" s="10"/>
    </row>
    <row r="414723" spans="14:14">
      <c r="N414723" s="10"/>
    </row>
    <row r="414724" spans="14:14">
      <c r="N414724" s="10"/>
    </row>
    <row r="414725" spans="14:14">
      <c r="N414725" s="10"/>
    </row>
    <row r="414726" spans="14:14">
      <c r="N414726" s="10"/>
    </row>
    <row r="414727" spans="14:14">
      <c r="N414727" s="10"/>
    </row>
    <row r="414728" spans="14:14">
      <c r="N414728" s="10"/>
    </row>
    <row r="414729" spans="14:14">
      <c r="N414729" s="10"/>
    </row>
    <row r="414730" spans="14:14">
      <c r="N414730" s="10"/>
    </row>
    <row r="414731" spans="14:14">
      <c r="N414731" s="10"/>
    </row>
    <row r="414732" spans="14:14">
      <c r="N414732" s="10"/>
    </row>
    <row r="414733" spans="14:14">
      <c r="N414733" s="10"/>
    </row>
    <row r="414734" spans="14:14">
      <c r="N414734" s="10"/>
    </row>
    <row r="414735" spans="14:14">
      <c r="N414735" s="10"/>
    </row>
    <row r="414736" spans="14:14">
      <c r="N414736" s="10"/>
    </row>
    <row r="414737" spans="14:14">
      <c r="N414737" s="10"/>
    </row>
    <row r="414738" spans="14:14">
      <c r="N414738" s="10"/>
    </row>
    <row r="414739" spans="14:14">
      <c r="N414739" s="10"/>
    </row>
    <row r="414740" spans="14:14">
      <c r="N414740" s="10"/>
    </row>
    <row r="414741" spans="14:14">
      <c r="N414741" s="10"/>
    </row>
    <row r="414742" spans="14:14">
      <c r="N414742" s="10"/>
    </row>
    <row r="414743" spans="14:14">
      <c r="N414743" s="10"/>
    </row>
    <row r="414744" spans="14:14">
      <c r="N414744" s="10"/>
    </row>
    <row r="414745" spans="14:14">
      <c r="N414745" s="10"/>
    </row>
    <row r="414746" spans="14:14">
      <c r="N414746" s="10"/>
    </row>
    <row r="414747" spans="14:14">
      <c r="N414747" s="10"/>
    </row>
    <row r="414748" spans="14:14">
      <c r="N414748" s="10"/>
    </row>
    <row r="414749" spans="14:14">
      <c r="N414749" s="10"/>
    </row>
    <row r="414750" spans="14:14">
      <c r="N414750" s="10"/>
    </row>
    <row r="414751" spans="14:14">
      <c r="N414751" s="10"/>
    </row>
    <row r="414752" spans="14:14">
      <c r="N414752" s="10"/>
    </row>
    <row r="414753" spans="14:14">
      <c r="N414753" s="10"/>
    </row>
    <row r="414754" spans="14:14">
      <c r="N414754" s="10"/>
    </row>
    <row r="414755" spans="14:14">
      <c r="N414755" s="10"/>
    </row>
    <row r="414756" spans="14:14">
      <c r="N414756" s="10"/>
    </row>
    <row r="414757" spans="14:14">
      <c r="N414757" s="10"/>
    </row>
    <row r="414758" spans="14:14">
      <c r="N414758" s="10"/>
    </row>
    <row r="414759" spans="14:14">
      <c r="N414759" s="10"/>
    </row>
    <row r="414760" spans="14:14">
      <c r="N414760" s="10"/>
    </row>
    <row r="414761" spans="14:14">
      <c r="N414761" s="10"/>
    </row>
    <row r="414762" spans="14:14">
      <c r="N414762" s="10"/>
    </row>
    <row r="414763" spans="14:14">
      <c r="N414763" s="10"/>
    </row>
    <row r="414764" spans="14:14">
      <c r="N414764" s="10"/>
    </row>
    <row r="414765" spans="14:14">
      <c r="N414765" s="10"/>
    </row>
    <row r="414766" spans="14:14">
      <c r="N414766" s="10"/>
    </row>
    <row r="414767" spans="14:14">
      <c r="N414767" s="10"/>
    </row>
    <row r="414768" spans="14:14">
      <c r="N414768" s="10"/>
    </row>
    <row r="414769" spans="14:14">
      <c r="N414769" s="10"/>
    </row>
    <row r="414770" spans="14:14">
      <c r="N414770" s="10"/>
    </row>
    <row r="414771" spans="14:14">
      <c r="N414771" s="10"/>
    </row>
    <row r="414772" spans="14:14">
      <c r="N414772" s="10"/>
    </row>
    <row r="414773" spans="14:14">
      <c r="N414773" s="10"/>
    </row>
    <row r="414774" spans="14:14">
      <c r="N414774" s="10"/>
    </row>
    <row r="414775" spans="14:14">
      <c r="N414775" s="10"/>
    </row>
    <row r="414776" spans="14:14">
      <c r="N414776" s="10"/>
    </row>
    <row r="414777" spans="14:14">
      <c r="N414777" s="10"/>
    </row>
    <row r="414778" spans="14:14">
      <c r="N414778" s="10"/>
    </row>
    <row r="414779" spans="14:14">
      <c r="N414779" s="10"/>
    </row>
    <row r="414780" spans="14:14">
      <c r="N414780" s="10"/>
    </row>
    <row r="414781" spans="14:14">
      <c r="N414781" s="10"/>
    </row>
    <row r="414782" spans="14:14">
      <c r="N414782" s="10"/>
    </row>
    <row r="414783" spans="14:14">
      <c r="N414783" s="10"/>
    </row>
    <row r="414784" spans="14:14">
      <c r="N414784" s="10"/>
    </row>
    <row r="414785" spans="14:14">
      <c r="N414785" s="10"/>
    </row>
    <row r="414786" spans="14:14">
      <c r="N414786" s="10"/>
    </row>
    <row r="414787" spans="14:14">
      <c r="N414787" s="10"/>
    </row>
    <row r="414788" spans="14:14">
      <c r="N414788" s="10"/>
    </row>
    <row r="414789" spans="14:14">
      <c r="N414789" s="10"/>
    </row>
    <row r="414790" spans="14:14">
      <c r="N414790" s="10"/>
    </row>
    <row r="414791" spans="14:14">
      <c r="N414791" s="10"/>
    </row>
    <row r="414792" spans="14:14">
      <c r="N414792" s="10"/>
    </row>
    <row r="414793" spans="14:14">
      <c r="N414793" s="10"/>
    </row>
    <row r="414794" spans="14:14">
      <c r="N414794" s="10"/>
    </row>
    <row r="414795" spans="14:14">
      <c r="N414795" s="10"/>
    </row>
    <row r="414796" spans="14:14">
      <c r="N414796" s="10"/>
    </row>
    <row r="414797" spans="14:14">
      <c r="N414797" s="10"/>
    </row>
    <row r="414798" spans="14:14">
      <c r="N414798" s="10"/>
    </row>
    <row r="414799" spans="14:14">
      <c r="N414799" s="10"/>
    </row>
    <row r="414800" spans="14:14">
      <c r="N414800" s="10"/>
    </row>
    <row r="414801" spans="14:14">
      <c r="N414801" s="10"/>
    </row>
    <row r="414802" spans="14:14">
      <c r="N414802" s="10"/>
    </row>
    <row r="414803" spans="14:14">
      <c r="N414803" s="10"/>
    </row>
    <row r="414804" spans="14:14">
      <c r="N414804" s="10"/>
    </row>
    <row r="414805" spans="14:14">
      <c r="N414805" s="10"/>
    </row>
    <row r="414806" spans="14:14">
      <c r="N414806" s="10"/>
    </row>
    <row r="414807" spans="14:14">
      <c r="N414807" s="10"/>
    </row>
    <row r="414808" spans="14:14">
      <c r="N414808" s="10"/>
    </row>
    <row r="414809" spans="14:14">
      <c r="N414809" s="10"/>
    </row>
    <row r="414810" spans="14:14">
      <c r="N414810" s="10"/>
    </row>
    <row r="414811" spans="14:14">
      <c r="N414811" s="10"/>
    </row>
    <row r="414812" spans="14:14">
      <c r="N414812" s="10"/>
    </row>
    <row r="414813" spans="14:14">
      <c r="N414813" s="10"/>
    </row>
    <row r="414814" spans="14:14">
      <c r="N414814" s="10"/>
    </row>
    <row r="414815" spans="14:14">
      <c r="N414815" s="10"/>
    </row>
    <row r="414816" spans="14:14">
      <c r="N414816" s="10"/>
    </row>
    <row r="414817" spans="14:14">
      <c r="N414817" s="10"/>
    </row>
    <row r="414818" spans="14:14">
      <c r="N414818" s="10"/>
    </row>
    <row r="414819" spans="14:14">
      <c r="N414819" s="10"/>
    </row>
    <row r="414820" spans="14:14">
      <c r="N414820" s="10"/>
    </row>
    <row r="414821" spans="14:14">
      <c r="N414821" s="10"/>
    </row>
    <row r="414822" spans="14:14">
      <c r="N414822" s="10"/>
    </row>
    <row r="414823" spans="14:14">
      <c r="N414823" s="10"/>
    </row>
    <row r="414824" spans="14:14">
      <c r="N414824" s="10"/>
    </row>
    <row r="414825" spans="14:14">
      <c r="N414825" s="10"/>
    </row>
    <row r="414826" spans="14:14">
      <c r="N414826" s="10"/>
    </row>
    <row r="414827" spans="14:14">
      <c r="N414827" s="10"/>
    </row>
    <row r="414828" spans="14:14">
      <c r="N414828" s="10"/>
    </row>
    <row r="414829" spans="14:14">
      <c r="N414829" s="10"/>
    </row>
    <row r="414830" spans="14:14">
      <c r="N414830" s="10"/>
    </row>
    <row r="414831" spans="14:14">
      <c r="N414831" s="10"/>
    </row>
    <row r="414832" spans="14:14">
      <c r="N414832" s="10"/>
    </row>
    <row r="414833" spans="14:14">
      <c r="N414833" s="10"/>
    </row>
    <row r="414834" spans="14:14">
      <c r="N414834" s="10"/>
    </row>
    <row r="414835" spans="14:14">
      <c r="N414835" s="10"/>
    </row>
    <row r="414836" spans="14:14">
      <c r="N414836" s="10"/>
    </row>
    <row r="414837" spans="14:14">
      <c r="N414837" s="10"/>
    </row>
    <row r="414838" spans="14:14">
      <c r="N414838" s="10"/>
    </row>
    <row r="414839" spans="14:14">
      <c r="N414839" s="10"/>
    </row>
    <row r="414840" spans="14:14">
      <c r="N414840" s="10"/>
    </row>
    <row r="414841" spans="14:14">
      <c r="N414841" s="10"/>
    </row>
    <row r="414842" spans="14:14">
      <c r="N414842" s="10"/>
    </row>
    <row r="414843" spans="14:14">
      <c r="N414843" s="10"/>
    </row>
    <row r="414844" spans="14:14">
      <c r="N414844" s="10"/>
    </row>
    <row r="414845" spans="14:14">
      <c r="N414845" s="10"/>
    </row>
    <row r="414846" spans="14:14">
      <c r="N414846" s="10"/>
    </row>
    <row r="414847" spans="14:14">
      <c r="N414847" s="10"/>
    </row>
    <row r="414848" spans="14:14">
      <c r="N414848" s="10"/>
    </row>
    <row r="414849" spans="14:14">
      <c r="N414849" s="10"/>
    </row>
    <row r="414850" spans="14:14">
      <c r="N414850" s="10"/>
    </row>
    <row r="414851" spans="14:14">
      <c r="N414851" s="10"/>
    </row>
    <row r="414852" spans="14:14">
      <c r="N414852" s="10"/>
    </row>
    <row r="414853" spans="14:14">
      <c r="N414853" s="10"/>
    </row>
    <row r="414854" spans="14:14">
      <c r="N414854" s="10"/>
    </row>
    <row r="414855" spans="14:14">
      <c r="N414855" s="10"/>
    </row>
    <row r="414856" spans="14:14">
      <c r="N414856" s="10"/>
    </row>
    <row r="414857" spans="14:14">
      <c r="N414857" s="10"/>
    </row>
    <row r="414858" spans="14:14">
      <c r="N414858" s="10"/>
    </row>
    <row r="414859" spans="14:14">
      <c r="N414859" s="10"/>
    </row>
    <row r="414860" spans="14:14">
      <c r="N414860" s="10"/>
    </row>
    <row r="414861" spans="14:14">
      <c r="N414861" s="10"/>
    </row>
    <row r="414862" spans="14:14">
      <c r="N414862" s="10"/>
    </row>
    <row r="414863" spans="14:14">
      <c r="N414863" s="10"/>
    </row>
    <row r="414864" spans="14:14">
      <c r="N414864" s="10"/>
    </row>
    <row r="414865" spans="14:14">
      <c r="N414865" s="10"/>
    </row>
    <row r="414866" spans="14:14">
      <c r="N414866" s="10"/>
    </row>
    <row r="414867" spans="14:14">
      <c r="N414867" s="10"/>
    </row>
    <row r="414868" spans="14:14">
      <c r="N414868" s="10"/>
    </row>
    <row r="414869" spans="14:14">
      <c r="N414869" s="10"/>
    </row>
    <row r="414870" spans="14:14">
      <c r="N414870" s="10"/>
    </row>
    <row r="414871" spans="14:14">
      <c r="N414871" s="10"/>
    </row>
    <row r="414872" spans="14:14">
      <c r="N414872" s="10"/>
    </row>
    <row r="414873" spans="14:14">
      <c r="N414873" s="10"/>
    </row>
    <row r="414874" spans="14:14">
      <c r="N414874" s="10"/>
    </row>
    <row r="414875" spans="14:14">
      <c r="N414875" s="10"/>
    </row>
    <row r="414876" spans="14:14">
      <c r="N414876" s="10"/>
    </row>
    <row r="414877" spans="14:14">
      <c r="N414877" s="10"/>
    </row>
    <row r="414878" spans="14:14">
      <c r="N414878" s="10"/>
    </row>
    <row r="414879" spans="14:14">
      <c r="N414879" s="10"/>
    </row>
    <row r="414880" spans="14:14">
      <c r="N414880" s="10"/>
    </row>
    <row r="414881" spans="14:14">
      <c r="N414881" s="10"/>
    </row>
    <row r="414882" spans="14:14">
      <c r="N414882" s="10"/>
    </row>
    <row r="414883" spans="14:14">
      <c r="N414883" s="10"/>
    </row>
    <row r="414884" spans="14:14">
      <c r="N414884" s="10"/>
    </row>
    <row r="414885" spans="14:14">
      <c r="N414885" s="10"/>
    </row>
    <row r="414886" spans="14:14">
      <c r="N414886" s="10"/>
    </row>
    <row r="414887" spans="14:14">
      <c r="N414887" s="10"/>
    </row>
    <row r="414888" spans="14:14">
      <c r="N414888" s="10"/>
    </row>
    <row r="414889" spans="14:14">
      <c r="N414889" s="10"/>
    </row>
    <row r="414890" spans="14:14">
      <c r="N414890" s="10"/>
    </row>
    <row r="414891" spans="14:14">
      <c r="N414891" s="10"/>
    </row>
    <row r="414892" spans="14:14">
      <c r="N414892" s="10"/>
    </row>
    <row r="414893" spans="14:14">
      <c r="N414893" s="10"/>
    </row>
    <row r="414894" spans="14:14">
      <c r="N414894" s="10"/>
    </row>
    <row r="414895" spans="14:14">
      <c r="N414895" s="10"/>
    </row>
    <row r="414896" spans="14:14">
      <c r="N414896" s="10"/>
    </row>
    <row r="414897" spans="14:14">
      <c r="N414897" s="10"/>
    </row>
    <row r="414898" spans="14:14">
      <c r="N414898" s="10"/>
    </row>
    <row r="414899" spans="14:14">
      <c r="N414899" s="10"/>
    </row>
    <row r="414900" spans="14:14">
      <c r="N414900" s="10"/>
    </row>
    <row r="414901" spans="14:14">
      <c r="N414901" s="10"/>
    </row>
    <row r="414902" spans="14:14">
      <c r="N414902" s="10"/>
    </row>
    <row r="414903" spans="14:14">
      <c r="N414903" s="10"/>
    </row>
    <row r="414904" spans="14:14">
      <c r="N414904" s="10"/>
    </row>
    <row r="414905" spans="14:14">
      <c r="N414905" s="10"/>
    </row>
    <row r="414906" spans="14:14">
      <c r="N414906" s="10"/>
    </row>
    <row r="414907" spans="14:14">
      <c r="N414907" s="10"/>
    </row>
    <row r="414908" spans="14:14">
      <c r="N414908" s="10"/>
    </row>
    <row r="414909" spans="14:14">
      <c r="N414909" s="10"/>
    </row>
    <row r="414910" spans="14:14">
      <c r="N414910" s="10"/>
    </row>
    <row r="414911" spans="14:14">
      <c r="N414911" s="10"/>
    </row>
    <row r="414912" spans="14:14">
      <c r="N414912" s="10"/>
    </row>
    <row r="414913" spans="14:14">
      <c r="N414913" s="10"/>
    </row>
    <row r="414914" spans="14:14">
      <c r="N414914" s="10"/>
    </row>
    <row r="414915" spans="14:14">
      <c r="N414915" s="10"/>
    </row>
    <row r="414916" spans="14:14">
      <c r="N414916" s="10"/>
    </row>
    <row r="414917" spans="14:14">
      <c r="N414917" s="10"/>
    </row>
    <row r="414918" spans="14:14">
      <c r="N414918" s="10"/>
    </row>
    <row r="414919" spans="14:14">
      <c r="N414919" s="10"/>
    </row>
    <row r="414920" spans="14:14">
      <c r="N414920" s="10"/>
    </row>
    <row r="414921" spans="14:14">
      <c r="N414921" s="10"/>
    </row>
    <row r="414922" spans="14:14">
      <c r="N414922" s="10"/>
    </row>
    <row r="414923" spans="14:14">
      <c r="N414923" s="10"/>
    </row>
    <row r="414924" spans="14:14">
      <c r="N414924" s="10"/>
    </row>
    <row r="414925" spans="14:14">
      <c r="N414925" s="10"/>
    </row>
    <row r="414926" spans="14:14">
      <c r="N414926" s="10"/>
    </row>
    <row r="414927" spans="14:14">
      <c r="N414927" s="10"/>
    </row>
    <row r="414928" spans="14:14">
      <c r="N414928" s="10"/>
    </row>
    <row r="414929" spans="14:14">
      <c r="N414929" s="10"/>
    </row>
    <row r="414930" spans="14:14">
      <c r="N414930" s="10"/>
    </row>
    <row r="414931" spans="14:14">
      <c r="N414931" s="10"/>
    </row>
    <row r="414932" spans="14:14">
      <c r="N414932" s="10"/>
    </row>
    <row r="414933" spans="14:14">
      <c r="N414933" s="10"/>
    </row>
    <row r="414934" spans="14:14">
      <c r="N414934" s="10"/>
    </row>
    <row r="414935" spans="14:14">
      <c r="N414935" s="10"/>
    </row>
    <row r="414936" spans="14:14">
      <c r="N414936" s="10"/>
    </row>
    <row r="414937" spans="14:14">
      <c r="N414937" s="10"/>
    </row>
    <row r="414938" spans="14:14">
      <c r="N414938" s="10"/>
    </row>
    <row r="414939" spans="14:14">
      <c r="N414939" s="10"/>
    </row>
    <row r="414940" spans="14:14">
      <c r="N414940" s="10"/>
    </row>
    <row r="414941" spans="14:14">
      <c r="N414941" s="10"/>
    </row>
    <row r="414942" spans="14:14">
      <c r="N414942" s="10"/>
    </row>
    <row r="414943" spans="14:14">
      <c r="N414943" s="10"/>
    </row>
    <row r="414944" spans="14:14">
      <c r="N414944" s="10"/>
    </row>
    <row r="414945" spans="14:14">
      <c r="N414945" s="10"/>
    </row>
    <row r="414946" spans="14:14">
      <c r="N414946" s="10"/>
    </row>
    <row r="414947" spans="14:14">
      <c r="N414947" s="10"/>
    </row>
    <row r="414948" spans="14:14">
      <c r="N414948" s="10"/>
    </row>
    <row r="414949" spans="14:14">
      <c r="N414949" s="10"/>
    </row>
    <row r="414950" spans="14:14">
      <c r="N414950" s="10"/>
    </row>
    <row r="414951" spans="14:14">
      <c r="N414951" s="10"/>
    </row>
    <row r="414952" spans="14:14">
      <c r="N414952" s="10"/>
    </row>
    <row r="414953" spans="14:14">
      <c r="N414953" s="10"/>
    </row>
    <row r="414954" spans="14:14">
      <c r="N414954" s="10"/>
    </row>
    <row r="414955" spans="14:14">
      <c r="N414955" s="10"/>
    </row>
    <row r="414956" spans="14:14">
      <c r="N414956" s="10"/>
    </row>
    <row r="414957" spans="14:14">
      <c r="N414957" s="10"/>
    </row>
    <row r="414958" spans="14:14">
      <c r="N414958" s="10"/>
    </row>
    <row r="414959" spans="14:14">
      <c r="N414959" s="10"/>
    </row>
    <row r="414960" spans="14:14">
      <c r="N414960" s="10"/>
    </row>
    <row r="414961" spans="14:14">
      <c r="N414961" s="10"/>
    </row>
    <row r="414962" spans="14:14">
      <c r="N414962" s="10"/>
    </row>
    <row r="414963" spans="14:14">
      <c r="N414963" s="10"/>
    </row>
    <row r="414964" spans="14:14">
      <c r="N414964" s="10"/>
    </row>
    <row r="414965" spans="14:14">
      <c r="N414965" s="10"/>
    </row>
    <row r="414966" spans="14:14">
      <c r="N414966" s="10"/>
    </row>
    <row r="414967" spans="14:14">
      <c r="N414967" s="10"/>
    </row>
    <row r="414968" spans="14:14">
      <c r="N414968" s="10"/>
    </row>
    <row r="414969" spans="14:14">
      <c r="N414969" s="10"/>
    </row>
    <row r="414970" spans="14:14">
      <c r="N414970" s="10"/>
    </row>
    <row r="414971" spans="14:14">
      <c r="N414971" s="10"/>
    </row>
    <row r="414972" spans="14:14">
      <c r="N414972" s="10"/>
    </row>
    <row r="414973" spans="14:14">
      <c r="N414973" s="10"/>
    </row>
    <row r="414974" spans="14:14">
      <c r="N414974" s="10"/>
    </row>
    <row r="414975" spans="14:14">
      <c r="N414975" s="10"/>
    </row>
    <row r="414976" spans="14:14">
      <c r="N414976" s="10"/>
    </row>
    <row r="414977" spans="14:14">
      <c r="N414977" s="10"/>
    </row>
    <row r="414978" spans="14:14">
      <c r="N414978" s="10"/>
    </row>
    <row r="414979" spans="14:14">
      <c r="N414979" s="10"/>
    </row>
    <row r="414980" spans="14:14">
      <c r="N414980" s="10"/>
    </row>
    <row r="414981" spans="14:14">
      <c r="N414981" s="10"/>
    </row>
    <row r="414982" spans="14:14">
      <c r="N414982" s="10"/>
    </row>
    <row r="414983" spans="14:14">
      <c r="N414983" s="10"/>
    </row>
    <row r="414984" spans="14:14">
      <c r="N414984" s="10"/>
    </row>
    <row r="414985" spans="14:14">
      <c r="N414985" s="10"/>
    </row>
    <row r="414986" spans="14:14">
      <c r="N414986" s="10"/>
    </row>
    <row r="414987" spans="14:14">
      <c r="N414987" s="10"/>
    </row>
    <row r="414988" spans="14:14">
      <c r="N414988" s="10"/>
    </row>
    <row r="414989" spans="14:14">
      <c r="N414989" s="10"/>
    </row>
    <row r="414990" spans="14:14">
      <c r="N414990" s="10"/>
    </row>
    <row r="414991" spans="14:14">
      <c r="N414991" s="10"/>
    </row>
    <row r="414992" spans="14:14">
      <c r="N414992" s="10"/>
    </row>
    <row r="414993" spans="14:14">
      <c r="N414993" s="10"/>
    </row>
    <row r="414994" spans="14:14">
      <c r="N414994" s="10"/>
    </row>
    <row r="414995" spans="14:14">
      <c r="N414995" s="10"/>
    </row>
    <row r="414996" spans="14:14">
      <c r="N414996" s="10"/>
    </row>
    <row r="414997" spans="14:14">
      <c r="N414997" s="10"/>
    </row>
    <row r="414998" spans="14:14">
      <c r="N414998" s="10"/>
    </row>
    <row r="414999" spans="14:14">
      <c r="N414999" s="10"/>
    </row>
    <row r="415000" spans="14:14">
      <c r="N415000" s="10"/>
    </row>
    <row r="415001" spans="14:14">
      <c r="N415001" s="10"/>
    </row>
    <row r="415002" spans="14:14">
      <c r="N415002" s="10"/>
    </row>
    <row r="415003" spans="14:14">
      <c r="N415003" s="10"/>
    </row>
    <row r="415004" spans="14:14">
      <c r="N415004" s="10"/>
    </row>
    <row r="415005" spans="14:14">
      <c r="N415005" s="10"/>
    </row>
    <row r="415006" spans="14:14">
      <c r="N415006" s="10"/>
    </row>
    <row r="415007" spans="14:14">
      <c r="N415007" s="10"/>
    </row>
    <row r="415008" spans="14:14">
      <c r="N415008" s="10"/>
    </row>
    <row r="415009" spans="14:14">
      <c r="N415009" s="10"/>
    </row>
    <row r="415010" spans="14:14">
      <c r="N415010" s="10"/>
    </row>
    <row r="415011" spans="14:14">
      <c r="N415011" s="10"/>
    </row>
    <row r="415012" spans="14:14">
      <c r="N415012" s="10"/>
    </row>
    <row r="415013" spans="14:14">
      <c r="N415013" s="10"/>
    </row>
    <row r="415014" spans="14:14">
      <c r="N415014" s="10"/>
    </row>
    <row r="415015" spans="14:14">
      <c r="N415015" s="10"/>
    </row>
    <row r="415016" spans="14:14">
      <c r="N415016" s="10"/>
    </row>
    <row r="415017" spans="14:14">
      <c r="N415017" s="10"/>
    </row>
    <row r="415018" spans="14:14">
      <c r="N415018" s="10"/>
    </row>
    <row r="415019" spans="14:14">
      <c r="N415019" s="10"/>
    </row>
    <row r="415020" spans="14:14">
      <c r="N415020" s="10"/>
    </row>
    <row r="415021" spans="14:14">
      <c r="N415021" s="10"/>
    </row>
    <row r="415022" spans="14:14">
      <c r="N415022" s="10"/>
    </row>
    <row r="415023" spans="14:14">
      <c r="N415023" s="10"/>
    </row>
    <row r="415024" spans="14:14">
      <c r="N415024" s="10"/>
    </row>
    <row r="415025" spans="14:14">
      <c r="N415025" s="10"/>
    </row>
    <row r="415026" spans="14:14">
      <c r="N415026" s="10"/>
    </row>
    <row r="415027" spans="14:14">
      <c r="N415027" s="10"/>
    </row>
    <row r="415028" spans="14:14">
      <c r="N415028" s="10"/>
    </row>
    <row r="415029" spans="14:14">
      <c r="N415029" s="10"/>
    </row>
    <row r="415030" spans="14:14">
      <c r="N415030" s="10"/>
    </row>
    <row r="415031" spans="14:14">
      <c r="N415031" s="10"/>
    </row>
    <row r="415032" spans="14:14">
      <c r="N415032" s="10"/>
    </row>
    <row r="415033" spans="14:14">
      <c r="N415033" s="10"/>
    </row>
    <row r="415034" spans="14:14">
      <c r="N415034" s="10"/>
    </row>
    <row r="415035" spans="14:14">
      <c r="N415035" s="10"/>
    </row>
    <row r="415036" spans="14:14">
      <c r="N415036" s="10"/>
    </row>
    <row r="415037" spans="14:14">
      <c r="N415037" s="10"/>
    </row>
    <row r="415038" spans="14:14">
      <c r="N415038" s="10"/>
    </row>
    <row r="415039" spans="14:14">
      <c r="N415039" s="10"/>
    </row>
    <row r="415040" spans="14:14">
      <c r="N415040" s="10"/>
    </row>
    <row r="415041" spans="14:14">
      <c r="N415041" s="10"/>
    </row>
    <row r="415042" spans="14:14">
      <c r="N415042" s="10"/>
    </row>
    <row r="415043" spans="14:14">
      <c r="N415043" s="10"/>
    </row>
    <row r="415044" spans="14:14">
      <c r="N415044" s="10"/>
    </row>
    <row r="415045" spans="14:14">
      <c r="N415045" s="10"/>
    </row>
    <row r="415046" spans="14:14">
      <c r="N415046" s="10"/>
    </row>
    <row r="415047" spans="14:14">
      <c r="N415047" s="10"/>
    </row>
    <row r="415048" spans="14:14">
      <c r="N415048" s="10"/>
    </row>
    <row r="415049" spans="14:14">
      <c r="N415049" s="10"/>
    </row>
    <row r="415050" spans="14:14">
      <c r="N415050" s="10"/>
    </row>
    <row r="415051" spans="14:14">
      <c r="N415051" s="10"/>
    </row>
    <row r="415052" spans="14:14">
      <c r="N415052" s="10"/>
    </row>
    <row r="415053" spans="14:14">
      <c r="N415053" s="10"/>
    </row>
    <row r="415054" spans="14:14">
      <c r="N415054" s="10"/>
    </row>
    <row r="415055" spans="14:14">
      <c r="N415055" s="10"/>
    </row>
    <row r="415056" spans="14:14">
      <c r="N415056" s="10"/>
    </row>
    <row r="415057" spans="14:14">
      <c r="N415057" s="10"/>
    </row>
    <row r="415058" spans="14:14">
      <c r="N415058" s="10"/>
    </row>
    <row r="415059" spans="14:14">
      <c r="N415059" s="10"/>
    </row>
    <row r="415060" spans="14:14">
      <c r="N415060" s="10"/>
    </row>
    <row r="415061" spans="14:14">
      <c r="N415061" s="10"/>
    </row>
    <row r="415062" spans="14:14">
      <c r="N415062" s="10"/>
    </row>
    <row r="415063" spans="14:14">
      <c r="N415063" s="10"/>
    </row>
    <row r="415064" spans="14:14">
      <c r="N415064" s="10"/>
    </row>
    <row r="415065" spans="14:14">
      <c r="N415065" s="10"/>
    </row>
    <row r="415066" spans="14:14">
      <c r="N415066" s="10"/>
    </row>
    <row r="415067" spans="14:14">
      <c r="N415067" s="10"/>
    </row>
    <row r="415068" spans="14:14">
      <c r="N415068" s="10"/>
    </row>
    <row r="415069" spans="14:14">
      <c r="N415069" s="10"/>
    </row>
    <row r="415070" spans="14:14">
      <c r="N415070" s="10"/>
    </row>
    <row r="415071" spans="14:14">
      <c r="N415071" s="10"/>
    </row>
    <row r="415072" spans="14:14">
      <c r="N415072" s="10"/>
    </row>
    <row r="415073" spans="14:14">
      <c r="N415073" s="10"/>
    </row>
    <row r="415074" spans="14:14">
      <c r="N415074" s="10"/>
    </row>
    <row r="415075" spans="14:14">
      <c r="N415075" s="10"/>
    </row>
    <row r="415076" spans="14:14">
      <c r="N415076" s="10"/>
    </row>
    <row r="415077" spans="14:14">
      <c r="N415077" s="10"/>
    </row>
    <row r="415078" spans="14:14">
      <c r="N415078" s="10"/>
    </row>
    <row r="415079" spans="14:14">
      <c r="N415079" s="10"/>
    </row>
    <row r="415080" spans="14:14">
      <c r="N415080" s="10"/>
    </row>
    <row r="415081" spans="14:14">
      <c r="N415081" s="10"/>
    </row>
    <row r="415082" spans="14:14">
      <c r="N415082" s="10"/>
    </row>
    <row r="415083" spans="14:14">
      <c r="N415083" s="10"/>
    </row>
    <row r="415084" spans="14:14">
      <c r="N415084" s="10"/>
    </row>
    <row r="415085" spans="14:14">
      <c r="N415085" s="10"/>
    </row>
    <row r="415086" spans="14:14">
      <c r="N415086" s="10"/>
    </row>
    <row r="415087" spans="14:14">
      <c r="N415087" s="10"/>
    </row>
    <row r="415088" spans="14:14">
      <c r="N415088" s="10"/>
    </row>
    <row r="415089" spans="14:14">
      <c r="N415089" s="10"/>
    </row>
    <row r="415090" spans="14:14">
      <c r="N415090" s="10"/>
    </row>
    <row r="415091" spans="14:14">
      <c r="N415091" s="10"/>
    </row>
    <row r="415092" spans="14:14">
      <c r="N415092" s="10"/>
    </row>
    <row r="415093" spans="14:14">
      <c r="N415093" s="10"/>
    </row>
    <row r="415094" spans="14:14">
      <c r="N415094" s="10"/>
    </row>
    <row r="415095" spans="14:14">
      <c r="N415095" s="10"/>
    </row>
    <row r="415096" spans="14:14">
      <c r="N415096" s="10"/>
    </row>
    <row r="415097" spans="14:14">
      <c r="N415097" s="10"/>
    </row>
    <row r="415098" spans="14:14">
      <c r="N415098" s="10"/>
    </row>
    <row r="415099" spans="14:14">
      <c r="N415099" s="10"/>
    </row>
    <row r="415100" spans="14:14">
      <c r="N415100" s="10"/>
    </row>
    <row r="415101" spans="14:14">
      <c r="N415101" s="10"/>
    </row>
    <row r="415102" spans="14:14">
      <c r="N415102" s="10"/>
    </row>
    <row r="415103" spans="14:14">
      <c r="N415103" s="10"/>
    </row>
    <row r="415104" spans="14:14">
      <c r="N415104" s="10"/>
    </row>
    <row r="415105" spans="14:14">
      <c r="N415105" s="10"/>
    </row>
    <row r="415106" spans="14:14">
      <c r="N415106" s="10"/>
    </row>
    <row r="415107" spans="14:14">
      <c r="N415107" s="10"/>
    </row>
    <row r="415108" spans="14:14">
      <c r="N415108" s="10"/>
    </row>
    <row r="415109" spans="14:14">
      <c r="N415109" s="10"/>
    </row>
    <row r="415110" spans="14:14">
      <c r="N415110" s="10"/>
    </row>
    <row r="415111" spans="14:14">
      <c r="N415111" s="10"/>
    </row>
    <row r="415112" spans="14:14">
      <c r="N415112" s="10"/>
    </row>
    <row r="415113" spans="14:14">
      <c r="N415113" s="10"/>
    </row>
    <row r="415114" spans="14:14">
      <c r="N415114" s="10"/>
    </row>
    <row r="415115" spans="14:14">
      <c r="N415115" s="10"/>
    </row>
    <row r="415116" spans="14:14">
      <c r="N415116" s="10"/>
    </row>
    <row r="415117" spans="14:14">
      <c r="N415117" s="10"/>
    </row>
    <row r="415118" spans="14:14">
      <c r="N415118" s="10"/>
    </row>
    <row r="415119" spans="14:14">
      <c r="N415119" s="10"/>
    </row>
    <row r="415120" spans="14:14">
      <c r="N415120" s="10"/>
    </row>
    <row r="415121" spans="14:14">
      <c r="N415121" s="10"/>
    </row>
    <row r="415122" spans="14:14">
      <c r="N415122" s="10"/>
    </row>
    <row r="415123" spans="14:14">
      <c r="N415123" s="10"/>
    </row>
    <row r="415124" spans="14:14">
      <c r="N415124" s="10"/>
    </row>
    <row r="415125" spans="14:14">
      <c r="N415125" s="10"/>
    </row>
    <row r="415126" spans="14:14">
      <c r="N415126" s="10"/>
    </row>
    <row r="415127" spans="14:14">
      <c r="N415127" s="10"/>
    </row>
    <row r="415128" spans="14:14">
      <c r="N415128" s="10"/>
    </row>
    <row r="415129" spans="14:14">
      <c r="N415129" s="10"/>
    </row>
    <row r="415130" spans="14:14">
      <c r="N415130" s="10"/>
    </row>
    <row r="415131" spans="14:14">
      <c r="N415131" s="10"/>
    </row>
    <row r="415132" spans="14:14">
      <c r="N415132" s="10"/>
    </row>
    <row r="415133" spans="14:14">
      <c r="N415133" s="10"/>
    </row>
    <row r="415134" spans="14:14">
      <c r="N415134" s="10"/>
    </row>
    <row r="415135" spans="14:14">
      <c r="N415135" s="10"/>
    </row>
    <row r="415136" spans="14:14">
      <c r="N415136" s="10"/>
    </row>
    <row r="415137" spans="14:14">
      <c r="N415137" s="10"/>
    </row>
    <row r="415138" spans="14:14">
      <c r="N415138" s="10"/>
    </row>
    <row r="415139" spans="14:14">
      <c r="N415139" s="10"/>
    </row>
    <row r="415140" spans="14:14">
      <c r="N415140" s="10"/>
    </row>
    <row r="415141" spans="14:14">
      <c r="N415141" s="10"/>
    </row>
    <row r="415142" spans="14:14">
      <c r="N415142" s="10"/>
    </row>
    <row r="415143" spans="14:14">
      <c r="N415143" s="10"/>
    </row>
    <row r="415144" spans="14:14">
      <c r="N415144" s="10"/>
    </row>
    <row r="415145" spans="14:14">
      <c r="N415145" s="10"/>
    </row>
    <row r="415146" spans="14:14">
      <c r="N415146" s="10"/>
    </row>
    <row r="415147" spans="14:14">
      <c r="N415147" s="10"/>
    </row>
    <row r="415148" spans="14:14">
      <c r="N415148" s="10"/>
    </row>
    <row r="415149" spans="14:14">
      <c r="N415149" s="10"/>
    </row>
    <row r="415150" spans="14:14">
      <c r="N415150" s="10"/>
    </row>
    <row r="415151" spans="14:14">
      <c r="N415151" s="10"/>
    </row>
    <row r="415152" spans="14:14">
      <c r="N415152" s="10"/>
    </row>
    <row r="415153" spans="14:14">
      <c r="N415153" s="10"/>
    </row>
    <row r="415154" spans="14:14">
      <c r="N415154" s="10"/>
    </row>
    <row r="415155" spans="14:14">
      <c r="N415155" s="10"/>
    </row>
    <row r="415156" spans="14:14">
      <c r="N415156" s="10"/>
    </row>
    <row r="415157" spans="14:14">
      <c r="N415157" s="10"/>
    </row>
    <row r="415158" spans="14:14">
      <c r="N415158" s="10"/>
    </row>
    <row r="415159" spans="14:14">
      <c r="N415159" s="10"/>
    </row>
    <row r="415160" spans="14:14">
      <c r="N415160" s="10"/>
    </row>
    <row r="415161" spans="14:14">
      <c r="N415161" s="10"/>
    </row>
    <row r="415162" spans="14:14">
      <c r="N415162" s="10"/>
    </row>
    <row r="415163" spans="14:14">
      <c r="N415163" s="10"/>
    </row>
    <row r="415164" spans="14:14">
      <c r="N415164" s="10"/>
    </row>
    <row r="415165" spans="14:14">
      <c r="N415165" s="10"/>
    </row>
    <row r="415166" spans="14:14">
      <c r="N415166" s="10"/>
    </row>
    <row r="415167" spans="14:14">
      <c r="N415167" s="10"/>
    </row>
    <row r="415168" spans="14:14">
      <c r="N415168" s="10"/>
    </row>
    <row r="415169" spans="14:14">
      <c r="N415169" s="10"/>
    </row>
    <row r="415170" spans="14:14">
      <c r="N415170" s="10"/>
    </row>
    <row r="415171" spans="14:14">
      <c r="N415171" s="10"/>
    </row>
    <row r="415172" spans="14:14">
      <c r="N415172" s="10"/>
    </row>
    <row r="415173" spans="14:14">
      <c r="N415173" s="10"/>
    </row>
    <row r="415174" spans="14:14">
      <c r="N415174" s="10"/>
    </row>
    <row r="415175" spans="14:14">
      <c r="N415175" s="10"/>
    </row>
    <row r="415176" spans="14:14">
      <c r="N415176" s="10"/>
    </row>
    <row r="415177" spans="14:14">
      <c r="N415177" s="10"/>
    </row>
    <row r="415178" spans="14:14">
      <c r="N415178" s="10"/>
    </row>
    <row r="415179" spans="14:14">
      <c r="N415179" s="10"/>
    </row>
    <row r="415180" spans="14:14">
      <c r="N415180" s="10"/>
    </row>
    <row r="415181" spans="14:14">
      <c r="N415181" s="10"/>
    </row>
    <row r="415182" spans="14:14">
      <c r="N415182" s="10"/>
    </row>
    <row r="415183" spans="14:14">
      <c r="N415183" s="10"/>
    </row>
    <row r="415184" spans="14:14">
      <c r="N415184" s="10"/>
    </row>
    <row r="415185" spans="14:14">
      <c r="N415185" s="10"/>
    </row>
    <row r="415186" spans="14:14">
      <c r="N415186" s="10"/>
    </row>
    <row r="415187" spans="14:14">
      <c r="N415187" s="10"/>
    </row>
    <row r="415188" spans="14:14">
      <c r="N415188" s="10"/>
    </row>
    <row r="415189" spans="14:14">
      <c r="N415189" s="10"/>
    </row>
    <row r="415190" spans="14:14">
      <c r="N415190" s="10"/>
    </row>
    <row r="415191" spans="14:14">
      <c r="N415191" s="10"/>
    </row>
    <row r="415192" spans="14:14">
      <c r="N415192" s="10"/>
    </row>
    <row r="415193" spans="14:14">
      <c r="N415193" s="10"/>
    </row>
    <row r="415194" spans="14:14">
      <c r="N415194" s="10"/>
    </row>
    <row r="415195" spans="14:14">
      <c r="N415195" s="10"/>
    </row>
    <row r="415196" spans="14:14">
      <c r="N415196" s="10"/>
    </row>
    <row r="415197" spans="14:14">
      <c r="N415197" s="10"/>
    </row>
    <row r="415198" spans="14:14">
      <c r="N415198" s="10"/>
    </row>
    <row r="415199" spans="14:14">
      <c r="N415199" s="10"/>
    </row>
    <row r="415200" spans="14:14">
      <c r="N415200" s="10"/>
    </row>
    <row r="415201" spans="14:14">
      <c r="N415201" s="10"/>
    </row>
    <row r="415202" spans="14:14">
      <c r="N415202" s="10"/>
    </row>
    <row r="415203" spans="14:14">
      <c r="N415203" s="10"/>
    </row>
    <row r="415204" spans="14:14">
      <c r="N415204" s="10"/>
    </row>
    <row r="415205" spans="14:14">
      <c r="N415205" s="10"/>
    </row>
    <row r="415206" spans="14:14">
      <c r="N415206" s="10"/>
    </row>
    <row r="415207" spans="14:14">
      <c r="N415207" s="10"/>
    </row>
    <row r="415208" spans="14:14">
      <c r="N415208" s="10"/>
    </row>
    <row r="415209" spans="14:14">
      <c r="N415209" s="10"/>
    </row>
    <row r="415210" spans="14:14">
      <c r="N415210" s="10"/>
    </row>
    <row r="415211" spans="14:14">
      <c r="N415211" s="10"/>
    </row>
    <row r="415212" spans="14:14">
      <c r="N415212" s="10"/>
    </row>
    <row r="415213" spans="14:14">
      <c r="N415213" s="10"/>
    </row>
    <row r="415214" spans="14:14">
      <c r="N415214" s="10"/>
    </row>
    <row r="415215" spans="14:14">
      <c r="N415215" s="10"/>
    </row>
    <row r="415216" spans="14:14">
      <c r="N415216" s="10"/>
    </row>
    <row r="415217" spans="14:14">
      <c r="N415217" s="10"/>
    </row>
    <row r="415218" spans="14:14">
      <c r="N415218" s="10"/>
    </row>
    <row r="415219" spans="14:14">
      <c r="N415219" s="10"/>
    </row>
    <row r="415220" spans="14:14">
      <c r="N415220" s="10"/>
    </row>
    <row r="415221" spans="14:14">
      <c r="N415221" s="10"/>
    </row>
    <row r="415222" spans="14:14">
      <c r="N415222" s="10"/>
    </row>
    <row r="415223" spans="14:14">
      <c r="N415223" s="10"/>
    </row>
    <row r="415224" spans="14:14">
      <c r="N415224" s="10"/>
    </row>
    <row r="415225" spans="14:14">
      <c r="N415225" s="10"/>
    </row>
    <row r="415226" spans="14:14">
      <c r="N415226" s="10"/>
    </row>
    <row r="415227" spans="14:14">
      <c r="N415227" s="10"/>
    </row>
    <row r="415228" spans="14:14">
      <c r="N415228" s="10"/>
    </row>
    <row r="415229" spans="14:14">
      <c r="N415229" s="10"/>
    </row>
    <row r="415230" spans="14:14">
      <c r="N415230" s="10"/>
    </row>
    <row r="415231" spans="14:14">
      <c r="N415231" s="10"/>
    </row>
    <row r="415232" spans="14:14">
      <c r="N415232" s="10"/>
    </row>
    <row r="415233" spans="14:14">
      <c r="N415233" s="10"/>
    </row>
    <row r="415234" spans="14:14">
      <c r="N415234" s="10"/>
    </row>
    <row r="415235" spans="14:14">
      <c r="N415235" s="10"/>
    </row>
    <row r="415236" spans="14:14">
      <c r="N415236" s="10"/>
    </row>
    <row r="415237" spans="14:14">
      <c r="N415237" s="10"/>
    </row>
    <row r="415238" spans="14:14">
      <c r="N415238" s="10"/>
    </row>
    <row r="415239" spans="14:14">
      <c r="N415239" s="10"/>
    </row>
    <row r="415240" spans="14:14">
      <c r="N415240" s="10"/>
    </row>
    <row r="415241" spans="14:14">
      <c r="N415241" s="10"/>
    </row>
    <row r="415242" spans="14:14">
      <c r="N415242" s="10"/>
    </row>
    <row r="415243" spans="14:14">
      <c r="N415243" s="10"/>
    </row>
    <row r="415244" spans="14:14">
      <c r="N415244" s="10"/>
    </row>
    <row r="415245" spans="14:14">
      <c r="N415245" s="10"/>
    </row>
    <row r="415246" spans="14:14">
      <c r="N415246" s="10"/>
    </row>
    <row r="415247" spans="14:14">
      <c r="N415247" s="10"/>
    </row>
    <row r="415248" spans="14:14">
      <c r="N415248" s="10"/>
    </row>
    <row r="415249" spans="14:14">
      <c r="N415249" s="10"/>
    </row>
    <row r="415250" spans="14:14">
      <c r="N415250" s="10"/>
    </row>
    <row r="415251" spans="14:14">
      <c r="N415251" s="10"/>
    </row>
    <row r="415252" spans="14:14">
      <c r="N415252" s="10"/>
    </row>
    <row r="415253" spans="14:14">
      <c r="N415253" s="10"/>
    </row>
    <row r="415254" spans="14:14">
      <c r="N415254" s="10"/>
    </row>
    <row r="415255" spans="14:14">
      <c r="N415255" s="10"/>
    </row>
    <row r="415256" spans="14:14">
      <c r="N415256" s="10"/>
    </row>
    <row r="415257" spans="14:14">
      <c r="N415257" s="10"/>
    </row>
    <row r="415258" spans="14:14">
      <c r="N415258" s="10"/>
    </row>
    <row r="415259" spans="14:14">
      <c r="N415259" s="10"/>
    </row>
    <row r="415260" spans="14:14">
      <c r="N415260" s="10"/>
    </row>
    <row r="415261" spans="14:14">
      <c r="N415261" s="10"/>
    </row>
    <row r="415262" spans="14:14">
      <c r="N415262" s="10"/>
    </row>
    <row r="415263" spans="14:14">
      <c r="N415263" s="10"/>
    </row>
    <row r="415264" spans="14:14">
      <c r="N415264" s="10"/>
    </row>
    <row r="415265" spans="14:14">
      <c r="N415265" s="10"/>
    </row>
    <row r="415266" spans="14:14">
      <c r="N415266" s="10"/>
    </row>
    <row r="415267" spans="14:14">
      <c r="N415267" s="10"/>
    </row>
    <row r="415268" spans="14:14">
      <c r="N415268" s="10"/>
    </row>
    <row r="415269" spans="14:14">
      <c r="N415269" s="10"/>
    </row>
    <row r="415270" spans="14:14">
      <c r="N415270" s="10"/>
    </row>
    <row r="415271" spans="14:14">
      <c r="N415271" s="10"/>
    </row>
    <row r="415272" spans="14:14">
      <c r="N415272" s="10"/>
    </row>
    <row r="415273" spans="14:14">
      <c r="N415273" s="10"/>
    </row>
    <row r="415274" spans="14:14">
      <c r="N415274" s="10"/>
    </row>
    <row r="415275" spans="14:14">
      <c r="N415275" s="10"/>
    </row>
    <row r="415276" spans="14:14">
      <c r="N415276" s="10"/>
    </row>
    <row r="415277" spans="14:14">
      <c r="N415277" s="10"/>
    </row>
    <row r="415278" spans="14:14">
      <c r="N415278" s="10"/>
    </row>
    <row r="415279" spans="14:14">
      <c r="N415279" s="10"/>
    </row>
    <row r="415280" spans="14:14">
      <c r="N415280" s="10"/>
    </row>
    <row r="415281" spans="14:14">
      <c r="N415281" s="10"/>
    </row>
    <row r="415282" spans="14:14">
      <c r="N415282" s="10"/>
    </row>
    <row r="415283" spans="14:14">
      <c r="N415283" s="10"/>
    </row>
    <row r="415284" spans="14:14">
      <c r="N415284" s="10"/>
    </row>
    <row r="415285" spans="14:14">
      <c r="N415285" s="10"/>
    </row>
    <row r="415286" spans="14:14">
      <c r="N415286" s="10"/>
    </row>
    <row r="415287" spans="14:14">
      <c r="N415287" s="10"/>
    </row>
    <row r="415288" spans="14:14">
      <c r="N415288" s="10"/>
    </row>
    <row r="415289" spans="14:14">
      <c r="N415289" s="10"/>
    </row>
    <row r="415290" spans="14:14">
      <c r="N415290" s="10"/>
    </row>
    <row r="415291" spans="14:14">
      <c r="N415291" s="10"/>
    </row>
    <row r="415292" spans="14:14">
      <c r="N415292" s="10"/>
    </row>
    <row r="415293" spans="14:14">
      <c r="N415293" s="10"/>
    </row>
    <row r="415294" spans="14:14">
      <c r="N415294" s="10"/>
    </row>
    <row r="415295" spans="14:14">
      <c r="N415295" s="10"/>
    </row>
    <row r="415296" spans="14:14">
      <c r="N415296" s="10"/>
    </row>
    <row r="415297" spans="14:14">
      <c r="N415297" s="10"/>
    </row>
    <row r="415298" spans="14:14">
      <c r="N415298" s="10"/>
    </row>
    <row r="415299" spans="14:14">
      <c r="N415299" s="10"/>
    </row>
    <row r="415300" spans="14:14">
      <c r="N415300" s="10"/>
    </row>
    <row r="415301" spans="14:14">
      <c r="N415301" s="10"/>
    </row>
    <row r="415302" spans="14:14">
      <c r="N415302" s="10"/>
    </row>
    <row r="415303" spans="14:14">
      <c r="N415303" s="10"/>
    </row>
    <row r="415304" spans="14:14">
      <c r="N415304" s="10"/>
    </row>
    <row r="415305" spans="14:14">
      <c r="N415305" s="10"/>
    </row>
    <row r="415306" spans="14:14">
      <c r="N415306" s="10"/>
    </row>
    <row r="415307" spans="14:14">
      <c r="N415307" s="10"/>
    </row>
    <row r="415308" spans="14:14">
      <c r="N415308" s="10"/>
    </row>
    <row r="415309" spans="14:14">
      <c r="N415309" s="10"/>
    </row>
    <row r="415310" spans="14:14">
      <c r="N415310" s="10"/>
    </row>
    <row r="415311" spans="14:14">
      <c r="N415311" s="10"/>
    </row>
    <row r="415312" spans="14:14">
      <c r="N415312" s="10"/>
    </row>
    <row r="415313" spans="14:14">
      <c r="N415313" s="10"/>
    </row>
    <row r="415314" spans="14:14">
      <c r="N415314" s="10"/>
    </row>
    <row r="415315" spans="14:14">
      <c r="N415315" s="10"/>
    </row>
    <row r="415316" spans="14:14">
      <c r="N415316" s="10"/>
    </row>
    <row r="415317" spans="14:14">
      <c r="N415317" s="10"/>
    </row>
    <row r="415318" spans="14:14">
      <c r="N415318" s="10"/>
    </row>
    <row r="415319" spans="14:14">
      <c r="N415319" s="10"/>
    </row>
    <row r="415320" spans="14:14">
      <c r="N415320" s="10"/>
    </row>
    <row r="415321" spans="14:14">
      <c r="N415321" s="10"/>
    </row>
    <row r="415322" spans="14:14">
      <c r="N415322" s="10"/>
    </row>
    <row r="415323" spans="14:14">
      <c r="N415323" s="10"/>
    </row>
    <row r="415324" spans="14:14">
      <c r="N415324" s="10"/>
    </row>
    <row r="415325" spans="14:14">
      <c r="N415325" s="10"/>
    </row>
    <row r="415326" spans="14:14">
      <c r="N415326" s="10"/>
    </row>
    <row r="415327" spans="14:14">
      <c r="N415327" s="10"/>
    </row>
    <row r="415328" spans="14:14">
      <c r="N415328" s="10"/>
    </row>
    <row r="415329" spans="14:14">
      <c r="N415329" s="10"/>
    </row>
    <row r="415330" spans="14:14">
      <c r="N415330" s="10"/>
    </row>
    <row r="415331" spans="14:14">
      <c r="N415331" s="10"/>
    </row>
    <row r="415332" spans="14:14">
      <c r="N415332" s="10"/>
    </row>
    <row r="415333" spans="14:14">
      <c r="N415333" s="10"/>
    </row>
    <row r="415334" spans="14:14">
      <c r="N415334" s="10"/>
    </row>
    <row r="415335" spans="14:14">
      <c r="N415335" s="10"/>
    </row>
    <row r="415336" spans="14:14">
      <c r="N415336" s="10"/>
    </row>
    <row r="415337" spans="14:14">
      <c r="N415337" s="10"/>
    </row>
    <row r="415338" spans="14:14">
      <c r="N415338" s="10"/>
    </row>
    <row r="415339" spans="14:14">
      <c r="N415339" s="10"/>
    </row>
    <row r="415340" spans="14:14">
      <c r="N415340" s="10"/>
    </row>
    <row r="415341" spans="14:14">
      <c r="N415341" s="10"/>
    </row>
    <row r="415342" spans="14:14">
      <c r="N415342" s="10"/>
    </row>
    <row r="415343" spans="14:14">
      <c r="N415343" s="10"/>
    </row>
    <row r="415344" spans="14:14">
      <c r="N415344" s="10"/>
    </row>
    <row r="415345" spans="14:14">
      <c r="N415345" s="10"/>
    </row>
    <row r="415346" spans="14:14">
      <c r="N415346" s="10"/>
    </row>
    <row r="415347" spans="14:14">
      <c r="N415347" s="10"/>
    </row>
    <row r="415348" spans="14:14">
      <c r="N415348" s="10"/>
    </row>
    <row r="415349" spans="14:14">
      <c r="N415349" s="10"/>
    </row>
    <row r="415350" spans="14:14">
      <c r="N415350" s="10"/>
    </row>
    <row r="415351" spans="14:14">
      <c r="N415351" s="10"/>
    </row>
    <row r="415352" spans="14:14">
      <c r="N415352" s="10"/>
    </row>
    <row r="415353" spans="14:14">
      <c r="N415353" s="10"/>
    </row>
    <row r="415354" spans="14:14">
      <c r="N415354" s="10"/>
    </row>
    <row r="415355" spans="14:14">
      <c r="N415355" s="10"/>
    </row>
    <row r="415356" spans="14:14">
      <c r="N415356" s="10"/>
    </row>
    <row r="415357" spans="14:14">
      <c r="N415357" s="10"/>
    </row>
    <row r="415358" spans="14:14">
      <c r="N415358" s="10"/>
    </row>
    <row r="415359" spans="14:14">
      <c r="N415359" s="10"/>
    </row>
    <row r="415360" spans="14:14">
      <c r="N415360" s="10"/>
    </row>
    <row r="415361" spans="14:14">
      <c r="N415361" s="10"/>
    </row>
    <row r="415362" spans="14:14">
      <c r="N415362" s="10"/>
    </row>
    <row r="415363" spans="14:14">
      <c r="N415363" s="10"/>
    </row>
    <row r="415364" spans="14:14">
      <c r="N415364" s="10"/>
    </row>
    <row r="415365" spans="14:14">
      <c r="N415365" s="10"/>
    </row>
    <row r="415366" spans="14:14">
      <c r="N415366" s="10"/>
    </row>
    <row r="415367" spans="14:14">
      <c r="N415367" s="10"/>
    </row>
    <row r="415368" spans="14:14">
      <c r="N415368" s="10"/>
    </row>
    <row r="415369" spans="14:14">
      <c r="N415369" s="10"/>
    </row>
    <row r="415370" spans="14:14">
      <c r="N415370" s="10"/>
    </row>
    <row r="415371" spans="14:14">
      <c r="N415371" s="10"/>
    </row>
    <row r="415372" spans="14:14">
      <c r="N415372" s="10"/>
    </row>
    <row r="415373" spans="14:14">
      <c r="N415373" s="10"/>
    </row>
    <row r="415374" spans="14:14">
      <c r="N415374" s="10"/>
    </row>
    <row r="415375" spans="14:14">
      <c r="N415375" s="10"/>
    </row>
    <row r="415376" spans="14:14">
      <c r="N415376" s="10"/>
    </row>
    <row r="415377" spans="14:14">
      <c r="N415377" s="10"/>
    </row>
    <row r="415378" spans="14:14">
      <c r="N415378" s="10"/>
    </row>
    <row r="415379" spans="14:14">
      <c r="N415379" s="10"/>
    </row>
    <row r="415380" spans="14:14">
      <c r="N415380" s="10"/>
    </row>
    <row r="415381" spans="14:14">
      <c r="N415381" s="10"/>
    </row>
    <row r="415382" spans="14:14">
      <c r="N415382" s="10"/>
    </row>
    <row r="415383" spans="14:14">
      <c r="N415383" s="10"/>
    </row>
    <row r="415384" spans="14:14">
      <c r="N415384" s="10"/>
    </row>
    <row r="415385" spans="14:14">
      <c r="N415385" s="10"/>
    </row>
    <row r="415386" spans="14:14">
      <c r="N415386" s="10"/>
    </row>
    <row r="415387" spans="14:14">
      <c r="N415387" s="10"/>
    </row>
    <row r="415388" spans="14:14">
      <c r="N415388" s="10"/>
    </row>
    <row r="415389" spans="14:14">
      <c r="N415389" s="10"/>
    </row>
    <row r="415390" spans="14:14">
      <c r="N415390" s="10"/>
    </row>
    <row r="415391" spans="14:14">
      <c r="N415391" s="10"/>
    </row>
    <row r="415392" spans="14:14">
      <c r="N415392" s="10"/>
    </row>
    <row r="415393" spans="14:14">
      <c r="N415393" s="10"/>
    </row>
    <row r="415394" spans="14:14">
      <c r="N415394" s="10"/>
    </row>
    <row r="415395" spans="14:14">
      <c r="N415395" s="10"/>
    </row>
    <row r="415396" spans="14:14">
      <c r="N415396" s="10"/>
    </row>
    <row r="415397" spans="14:14">
      <c r="N415397" s="10"/>
    </row>
    <row r="415398" spans="14:14">
      <c r="N415398" s="10"/>
    </row>
    <row r="415399" spans="14:14">
      <c r="N415399" s="10"/>
    </row>
    <row r="415400" spans="14:14">
      <c r="N415400" s="10"/>
    </row>
    <row r="415401" spans="14:14">
      <c r="N415401" s="10"/>
    </row>
    <row r="415402" spans="14:14">
      <c r="N415402" s="10"/>
    </row>
    <row r="415403" spans="14:14">
      <c r="N415403" s="10"/>
    </row>
    <row r="415404" spans="14:14">
      <c r="N415404" s="10"/>
    </row>
    <row r="415405" spans="14:14">
      <c r="N415405" s="10"/>
    </row>
    <row r="415406" spans="14:14">
      <c r="N415406" s="10"/>
    </row>
    <row r="415407" spans="14:14">
      <c r="N415407" s="10"/>
    </row>
    <row r="415408" spans="14:14">
      <c r="N415408" s="10"/>
    </row>
    <row r="415409" spans="14:14">
      <c r="N415409" s="10"/>
    </row>
    <row r="415410" spans="14:14">
      <c r="N415410" s="10"/>
    </row>
    <row r="415411" spans="14:14">
      <c r="N415411" s="10"/>
    </row>
    <row r="415412" spans="14:14">
      <c r="N415412" s="10"/>
    </row>
    <row r="415413" spans="14:14">
      <c r="N415413" s="10"/>
    </row>
    <row r="415414" spans="14:14">
      <c r="N415414" s="10"/>
    </row>
    <row r="415415" spans="14:14">
      <c r="N415415" s="10"/>
    </row>
    <row r="415416" spans="14:14">
      <c r="N415416" s="10"/>
    </row>
    <row r="415417" spans="14:14">
      <c r="N415417" s="10"/>
    </row>
    <row r="415418" spans="14:14">
      <c r="N415418" s="10"/>
    </row>
    <row r="415419" spans="14:14">
      <c r="N415419" s="10"/>
    </row>
    <row r="415420" spans="14:14">
      <c r="N415420" s="10"/>
    </row>
    <row r="415421" spans="14:14">
      <c r="N415421" s="10"/>
    </row>
    <row r="415422" spans="14:14">
      <c r="N415422" s="10"/>
    </row>
    <row r="415423" spans="14:14">
      <c r="N415423" s="10"/>
    </row>
    <row r="415424" spans="14:14">
      <c r="N415424" s="10"/>
    </row>
    <row r="415425" spans="14:14">
      <c r="N415425" s="10"/>
    </row>
    <row r="415426" spans="14:14">
      <c r="N415426" s="10"/>
    </row>
    <row r="415427" spans="14:14">
      <c r="N415427" s="10"/>
    </row>
    <row r="415428" spans="14:14">
      <c r="N415428" s="10"/>
    </row>
    <row r="415429" spans="14:14">
      <c r="N415429" s="10"/>
    </row>
    <row r="415430" spans="14:14">
      <c r="N415430" s="10"/>
    </row>
    <row r="415431" spans="14:14">
      <c r="N415431" s="10"/>
    </row>
    <row r="415432" spans="14:14">
      <c r="N415432" s="10"/>
    </row>
    <row r="415433" spans="14:14">
      <c r="N415433" s="10"/>
    </row>
    <row r="415434" spans="14:14">
      <c r="N415434" s="10"/>
    </row>
    <row r="415435" spans="14:14">
      <c r="N415435" s="10"/>
    </row>
    <row r="415436" spans="14:14">
      <c r="N415436" s="10"/>
    </row>
    <row r="415437" spans="14:14">
      <c r="N415437" s="10"/>
    </row>
    <row r="415438" spans="14:14">
      <c r="N415438" s="10"/>
    </row>
    <row r="415439" spans="14:14">
      <c r="N415439" s="10"/>
    </row>
    <row r="415440" spans="14:14">
      <c r="N415440" s="10"/>
    </row>
    <row r="415441" spans="14:14">
      <c r="N415441" s="10"/>
    </row>
    <row r="415442" spans="14:14">
      <c r="N415442" s="10"/>
    </row>
    <row r="415443" spans="14:14">
      <c r="N415443" s="10"/>
    </row>
    <row r="415444" spans="14:14">
      <c r="N415444" s="10"/>
    </row>
    <row r="415445" spans="14:14">
      <c r="N415445" s="10"/>
    </row>
    <row r="415446" spans="14:14">
      <c r="N415446" s="10"/>
    </row>
    <row r="415447" spans="14:14">
      <c r="N415447" s="10"/>
    </row>
    <row r="415448" spans="14:14">
      <c r="N415448" s="10"/>
    </row>
    <row r="415449" spans="14:14">
      <c r="N415449" s="10"/>
    </row>
    <row r="415450" spans="14:14">
      <c r="N415450" s="10"/>
    </row>
    <row r="415451" spans="14:14">
      <c r="N415451" s="10"/>
    </row>
    <row r="415452" spans="14:14">
      <c r="N415452" s="10"/>
    </row>
    <row r="415453" spans="14:14">
      <c r="N415453" s="10"/>
    </row>
    <row r="415454" spans="14:14">
      <c r="N415454" s="10"/>
    </row>
    <row r="415455" spans="14:14">
      <c r="N415455" s="10"/>
    </row>
    <row r="415456" spans="14:14">
      <c r="N415456" s="10"/>
    </row>
    <row r="415457" spans="14:14">
      <c r="N415457" s="10"/>
    </row>
    <row r="415458" spans="14:14">
      <c r="N415458" s="10"/>
    </row>
    <row r="415459" spans="14:14">
      <c r="N415459" s="10"/>
    </row>
    <row r="415460" spans="14:14">
      <c r="N415460" s="10"/>
    </row>
    <row r="415461" spans="14:14">
      <c r="N415461" s="10"/>
    </row>
    <row r="415462" spans="14:14">
      <c r="N415462" s="10"/>
    </row>
    <row r="415463" spans="14:14">
      <c r="N415463" s="10"/>
    </row>
    <row r="415464" spans="14:14">
      <c r="N415464" s="10"/>
    </row>
    <row r="415465" spans="14:14">
      <c r="N415465" s="10"/>
    </row>
    <row r="415466" spans="14:14">
      <c r="N415466" s="10"/>
    </row>
    <row r="415467" spans="14:14">
      <c r="N415467" s="10"/>
    </row>
    <row r="415468" spans="14:14">
      <c r="N415468" s="10"/>
    </row>
    <row r="415469" spans="14:14">
      <c r="N415469" s="10"/>
    </row>
    <row r="415470" spans="14:14">
      <c r="N415470" s="10"/>
    </row>
    <row r="415471" spans="14:14">
      <c r="N415471" s="10"/>
    </row>
    <row r="415472" spans="14:14">
      <c r="N415472" s="10"/>
    </row>
    <row r="415473" spans="14:14">
      <c r="N415473" s="10"/>
    </row>
    <row r="415474" spans="14:14">
      <c r="N415474" s="10"/>
    </row>
    <row r="415475" spans="14:14">
      <c r="N415475" s="10"/>
    </row>
    <row r="415476" spans="14:14">
      <c r="N415476" s="10"/>
    </row>
    <row r="415477" spans="14:14">
      <c r="N415477" s="10"/>
    </row>
    <row r="415478" spans="14:14">
      <c r="N415478" s="10"/>
    </row>
    <row r="415479" spans="14:14">
      <c r="N415479" s="10"/>
    </row>
    <row r="415480" spans="14:14">
      <c r="N415480" s="10"/>
    </row>
    <row r="415481" spans="14:14">
      <c r="N415481" s="10"/>
    </row>
    <row r="415482" spans="14:14">
      <c r="N415482" s="10"/>
    </row>
    <row r="415483" spans="14:14">
      <c r="N415483" s="10"/>
    </row>
    <row r="415484" spans="14:14">
      <c r="N415484" s="10"/>
    </row>
    <row r="415485" spans="14:14">
      <c r="N415485" s="10"/>
    </row>
    <row r="415486" spans="14:14">
      <c r="N415486" s="10"/>
    </row>
    <row r="415487" spans="14:14">
      <c r="N415487" s="10"/>
    </row>
    <row r="415488" spans="14:14">
      <c r="N415488" s="10"/>
    </row>
    <row r="415489" spans="14:14">
      <c r="N415489" s="10"/>
    </row>
    <row r="415490" spans="14:14">
      <c r="N415490" s="10"/>
    </row>
    <row r="415491" spans="14:14">
      <c r="N415491" s="10"/>
    </row>
    <row r="415492" spans="14:14">
      <c r="N415492" s="10"/>
    </row>
    <row r="415493" spans="14:14">
      <c r="N415493" s="10"/>
    </row>
    <row r="415494" spans="14:14">
      <c r="N415494" s="10"/>
    </row>
    <row r="415495" spans="14:14">
      <c r="N415495" s="10"/>
    </row>
    <row r="415496" spans="14:14">
      <c r="N415496" s="10"/>
    </row>
    <row r="415497" spans="14:14">
      <c r="N415497" s="10"/>
    </row>
    <row r="415498" spans="14:14">
      <c r="N415498" s="10"/>
    </row>
    <row r="415499" spans="14:14">
      <c r="N415499" s="10"/>
    </row>
    <row r="415500" spans="14:14">
      <c r="N415500" s="10"/>
    </row>
    <row r="415501" spans="14:14">
      <c r="N415501" s="10"/>
    </row>
    <row r="415502" spans="14:14">
      <c r="N415502" s="10"/>
    </row>
    <row r="415503" spans="14:14">
      <c r="N415503" s="10"/>
    </row>
    <row r="415504" spans="14:14">
      <c r="N415504" s="10"/>
    </row>
    <row r="415505" spans="14:14">
      <c r="N415505" s="10"/>
    </row>
    <row r="415506" spans="14:14">
      <c r="N415506" s="10"/>
    </row>
    <row r="415507" spans="14:14">
      <c r="N415507" s="10"/>
    </row>
    <row r="415508" spans="14:14">
      <c r="N415508" s="10"/>
    </row>
    <row r="415509" spans="14:14">
      <c r="N415509" s="10"/>
    </row>
    <row r="415510" spans="14:14">
      <c r="N415510" s="10"/>
    </row>
    <row r="415511" spans="14:14">
      <c r="N415511" s="10"/>
    </row>
    <row r="415512" spans="14:14">
      <c r="N415512" s="10"/>
    </row>
    <row r="415513" spans="14:14">
      <c r="N415513" s="10"/>
    </row>
    <row r="415514" spans="14:14">
      <c r="N415514" s="10"/>
    </row>
    <row r="415515" spans="14:14">
      <c r="N415515" s="10"/>
    </row>
    <row r="415516" spans="14:14">
      <c r="N415516" s="10"/>
    </row>
    <row r="415517" spans="14:14">
      <c r="N415517" s="10"/>
    </row>
    <row r="415518" spans="14:14">
      <c r="N415518" s="10"/>
    </row>
    <row r="415519" spans="14:14">
      <c r="N415519" s="10"/>
    </row>
    <row r="415520" spans="14:14">
      <c r="N415520" s="10"/>
    </row>
    <row r="415521" spans="14:14">
      <c r="N415521" s="10"/>
    </row>
    <row r="415522" spans="14:14">
      <c r="N415522" s="10"/>
    </row>
    <row r="415523" spans="14:14">
      <c r="N415523" s="10"/>
    </row>
    <row r="415524" spans="14:14">
      <c r="N415524" s="10"/>
    </row>
    <row r="415525" spans="14:14">
      <c r="N415525" s="10"/>
    </row>
    <row r="415526" spans="14:14">
      <c r="N415526" s="10"/>
    </row>
    <row r="415527" spans="14:14">
      <c r="N415527" s="10"/>
    </row>
    <row r="415528" spans="14:14">
      <c r="N415528" s="10"/>
    </row>
    <row r="415529" spans="14:14">
      <c r="N415529" s="10"/>
    </row>
    <row r="415530" spans="14:14">
      <c r="N415530" s="10"/>
    </row>
    <row r="415531" spans="14:14">
      <c r="N415531" s="10"/>
    </row>
    <row r="415532" spans="14:14">
      <c r="N415532" s="10"/>
    </row>
    <row r="415533" spans="14:14">
      <c r="N415533" s="10"/>
    </row>
    <row r="415534" spans="14:14">
      <c r="N415534" s="10"/>
    </row>
    <row r="415535" spans="14:14">
      <c r="N415535" s="10"/>
    </row>
    <row r="415536" spans="14:14">
      <c r="N415536" s="10"/>
    </row>
    <row r="415537" spans="14:14">
      <c r="N415537" s="10"/>
    </row>
    <row r="415538" spans="14:14">
      <c r="N415538" s="10"/>
    </row>
    <row r="415539" spans="14:14">
      <c r="N415539" s="10"/>
    </row>
    <row r="415540" spans="14:14">
      <c r="N415540" s="10"/>
    </row>
    <row r="415541" spans="14:14">
      <c r="N415541" s="10"/>
    </row>
    <row r="415542" spans="14:14">
      <c r="N415542" s="10"/>
    </row>
    <row r="415543" spans="14:14">
      <c r="N415543" s="10"/>
    </row>
    <row r="415544" spans="14:14">
      <c r="N415544" s="10"/>
    </row>
    <row r="415545" spans="14:14">
      <c r="N415545" s="10"/>
    </row>
    <row r="415546" spans="14:14">
      <c r="N415546" s="10"/>
    </row>
    <row r="415547" spans="14:14">
      <c r="N415547" s="10"/>
    </row>
    <row r="415548" spans="14:14">
      <c r="N415548" s="10"/>
    </row>
    <row r="415549" spans="14:14">
      <c r="N415549" s="10"/>
    </row>
    <row r="415550" spans="14:14">
      <c r="N415550" s="10"/>
    </row>
    <row r="415551" spans="14:14">
      <c r="N415551" s="10"/>
    </row>
    <row r="415552" spans="14:14">
      <c r="N415552" s="10"/>
    </row>
    <row r="415553" spans="14:14">
      <c r="N415553" s="10"/>
    </row>
    <row r="415554" spans="14:14">
      <c r="N415554" s="10"/>
    </row>
    <row r="415555" spans="14:14">
      <c r="N415555" s="10"/>
    </row>
    <row r="415556" spans="14:14">
      <c r="N415556" s="10"/>
    </row>
    <row r="415557" spans="14:14">
      <c r="N415557" s="10"/>
    </row>
    <row r="415558" spans="14:14">
      <c r="N415558" s="10"/>
    </row>
    <row r="415559" spans="14:14">
      <c r="N415559" s="10"/>
    </row>
    <row r="415560" spans="14:14">
      <c r="N415560" s="10"/>
    </row>
    <row r="415561" spans="14:14">
      <c r="N415561" s="10"/>
    </row>
    <row r="415562" spans="14:14">
      <c r="N415562" s="10"/>
    </row>
    <row r="415563" spans="14:14">
      <c r="N415563" s="10"/>
    </row>
    <row r="415564" spans="14:14">
      <c r="N415564" s="10"/>
    </row>
    <row r="415565" spans="14:14">
      <c r="N415565" s="10"/>
    </row>
    <row r="415566" spans="14:14">
      <c r="N415566" s="10"/>
    </row>
    <row r="415567" spans="14:14">
      <c r="N415567" s="10"/>
    </row>
    <row r="415568" spans="14:14">
      <c r="N415568" s="10"/>
    </row>
    <row r="415569" spans="14:14">
      <c r="N415569" s="10"/>
    </row>
    <row r="415570" spans="14:14">
      <c r="N415570" s="10"/>
    </row>
    <row r="415571" spans="14:14">
      <c r="N415571" s="10"/>
    </row>
    <row r="415572" spans="14:14">
      <c r="N415572" s="10"/>
    </row>
    <row r="415573" spans="14:14">
      <c r="N415573" s="10"/>
    </row>
    <row r="415574" spans="14:14">
      <c r="N415574" s="10"/>
    </row>
    <row r="415575" spans="14:14">
      <c r="N415575" s="10"/>
    </row>
    <row r="415576" spans="14:14">
      <c r="N415576" s="10"/>
    </row>
    <row r="415577" spans="14:14">
      <c r="N415577" s="10"/>
    </row>
    <row r="415578" spans="14:14">
      <c r="N415578" s="10"/>
    </row>
    <row r="415579" spans="14:14">
      <c r="N415579" s="10"/>
    </row>
    <row r="415580" spans="14:14">
      <c r="N415580" s="10"/>
    </row>
    <row r="415581" spans="14:14">
      <c r="N415581" s="10"/>
    </row>
    <row r="415582" spans="14:14">
      <c r="N415582" s="10"/>
    </row>
    <row r="415583" spans="14:14">
      <c r="N415583" s="10"/>
    </row>
    <row r="415584" spans="14:14">
      <c r="N415584" s="10"/>
    </row>
    <row r="415585" spans="14:14">
      <c r="N415585" s="10"/>
    </row>
    <row r="415586" spans="14:14">
      <c r="N415586" s="10"/>
    </row>
    <row r="415587" spans="14:14">
      <c r="N415587" s="10"/>
    </row>
    <row r="415588" spans="14:14">
      <c r="N415588" s="10"/>
    </row>
    <row r="415589" spans="14:14">
      <c r="N415589" s="10"/>
    </row>
    <row r="415590" spans="14:14">
      <c r="N415590" s="10"/>
    </row>
    <row r="415591" spans="14:14">
      <c r="N415591" s="10"/>
    </row>
    <row r="415592" spans="14:14">
      <c r="N415592" s="10"/>
    </row>
    <row r="415593" spans="14:14">
      <c r="N415593" s="10"/>
    </row>
    <row r="415594" spans="14:14">
      <c r="N415594" s="10"/>
    </row>
    <row r="415595" spans="14:14">
      <c r="N415595" s="10"/>
    </row>
    <row r="415596" spans="14:14">
      <c r="N415596" s="10"/>
    </row>
    <row r="415597" spans="14:14">
      <c r="N415597" s="10"/>
    </row>
    <row r="415598" spans="14:14">
      <c r="N415598" s="10"/>
    </row>
    <row r="415599" spans="14:14">
      <c r="N415599" s="10"/>
    </row>
    <row r="415600" spans="14:14">
      <c r="N415600" s="10"/>
    </row>
    <row r="415601" spans="14:14">
      <c r="N415601" s="10"/>
    </row>
    <row r="415602" spans="14:14">
      <c r="N415602" s="10"/>
    </row>
    <row r="415603" spans="14:14">
      <c r="N415603" s="10"/>
    </row>
    <row r="415604" spans="14:14">
      <c r="N415604" s="10"/>
    </row>
    <row r="415605" spans="14:14">
      <c r="N415605" s="10"/>
    </row>
    <row r="415606" spans="14:14">
      <c r="N415606" s="10"/>
    </row>
    <row r="415607" spans="14:14">
      <c r="N415607" s="10"/>
    </row>
    <row r="415608" spans="14:14">
      <c r="N415608" s="10"/>
    </row>
    <row r="415609" spans="14:14">
      <c r="N415609" s="10"/>
    </row>
    <row r="415610" spans="14:14">
      <c r="N415610" s="10"/>
    </row>
    <row r="415611" spans="14:14">
      <c r="N415611" s="10"/>
    </row>
    <row r="415612" spans="14:14">
      <c r="N415612" s="10"/>
    </row>
    <row r="415613" spans="14:14">
      <c r="N415613" s="10"/>
    </row>
    <row r="415614" spans="14:14">
      <c r="N415614" s="10"/>
    </row>
    <row r="415615" spans="14:14">
      <c r="N415615" s="10"/>
    </row>
    <row r="415616" spans="14:14">
      <c r="N415616" s="10"/>
    </row>
    <row r="415617" spans="14:14">
      <c r="N415617" s="10"/>
    </row>
    <row r="415618" spans="14:14">
      <c r="N415618" s="10"/>
    </row>
    <row r="415619" spans="14:14">
      <c r="N415619" s="10"/>
    </row>
    <row r="415620" spans="14:14">
      <c r="N415620" s="10"/>
    </row>
    <row r="415621" spans="14:14">
      <c r="N415621" s="10"/>
    </row>
    <row r="415622" spans="14:14">
      <c r="N415622" s="10"/>
    </row>
    <row r="415623" spans="14:14">
      <c r="N415623" s="10"/>
    </row>
    <row r="415624" spans="14:14">
      <c r="N415624" s="10"/>
    </row>
    <row r="415625" spans="14:14">
      <c r="N415625" s="10"/>
    </row>
    <row r="415626" spans="14:14">
      <c r="N415626" s="10"/>
    </row>
    <row r="415627" spans="14:14">
      <c r="N415627" s="10"/>
    </row>
    <row r="415628" spans="14:14">
      <c r="N415628" s="10"/>
    </row>
    <row r="415629" spans="14:14">
      <c r="N415629" s="10"/>
    </row>
    <row r="415630" spans="14:14">
      <c r="N415630" s="10"/>
    </row>
    <row r="415631" spans="14:14">
      <c r="N415631" s="10"/>
    </row>
    <row r="415632" spans="14:14">
      <c r="N415632" s="10"/>
    </row>
    <row r="415633" spans="14:14">
      <c r="N415633" s="10"/>
    </row>
    <row r="415634" spans="14:14">
      <c r="N415634" s="10"/>
    </row>
    <row r="415635" spans="14:14">
      <c r="N415635" s="10"/>
    </row>
    <row r="415636" spans="14:14">
      <c r="N415636" s="10"/>
    </row>
    <row r="415637" spans="14:14">
      <c r="N415637" s="10"/>
    </row>
    <row r="415638" spans="14:14">
      <c r="N415638" s="10"/>
    </row>
    <row r="415639" spans="14:14">
      <c r="N415639" s="10"/>
    </row>
    <row r="415640" spans="14:14">
      <c r="N415640" s="10"/>
    </row>
    <row r="415641" spans="14:14">
      <c r="N415641" s="10"/>
    </row>
    <row r="415642" spans="14:14">
      <c r="N415642" s="10"/>
    </row>
    <row r="415643" spans="14:14">
      <c r="N415643" s="10"/>
    </row>
    <row r="415644" spans="14:14">
      <c r="N415644" s="10"/>
    </row>
    <row r="415645" spans="14:14">
      <c r="N415645" s="10"/>
    </row>
    <row r="415646" spans="14:14">
      <c r="N415646" s="10"/>
    </row>
    <row r="415647" spans="14:14">
      <c r="N415647" s="10"/>
    </row>
    <row r="415648" spans="14:14">
      <c r="N415648" s="10"/>
    </row>
    <row r="415649" spans="14:14">
      <c r="N415649" s="10"/>
    </row>
    <row r="415650" spans="14:14">
      <c r="N415650" s="10"/>
    </row>
    <row r="415651" spans="14:14">
      <c r="N415651" s="10"/>
    </row>
    <row r="415652" spans="14:14">
      <c r="N415652" s="10"/>
    </row>
    <row r="415653" spans="14:14">
      <c r="N415653" s="10"/>
    </row>
    <row r="415654" spans="14:14">
      <c r="N415654" s="10"/>
    </row>
    <row r="415655" spans="14:14">
      <c r="N415655" s="10"/>
    </row>
    <row r="415656" spans="14:14">
      <c r="N415656" s="10"/>
    </row>
    <row r="415657" spans="14:14">
      <c r="N415657" s="10"/>
    </row>
    <row r="415658" spans="14:14">
      <c r="N415658" s="10"/>
    </row>
    <row r="415659" spans="14:14">
      <c r="N415659" s="10"/>
    </row>
    <row r="415660" spans="14:14">
      <c r="N415660" s="10"/>
    </row>
    <row r="415661" spans="14:14">
      <c r="N415661" s="10"/>
    </row>
    <row r="415662" spans="14:14">
      <c r="N415662" s="10"/>
    </row>
    <row r="415663" spans="14:14">
      <c r="N415663" s="10"/>
    </row>
    <row r="415664" spans="14:14">
      <c r="N415664" s="10"/>
    </row>
    <row r="415665" spans="14:14">
      <c r="N415665" s="10"/>
    </row>
    <row r="415666" spans="14:14">
      <c r="N415666" s="10"/>
    </row>
    <row r="415667" spans="14:14">
      <c r="N415667" s="10"/>
    </row>
    <row r="415668" spans="14:14">
      <c r="N415668" s="10"/>
    </row>
    <row r="415669" spans="14:14">
      <c r="N415669" s="10"/>
    </row>
    <row r="415670" spans="14:14">
      <c r="N415670" s="10"/>
    </row>
    <row r="415671" spans="14:14">
      <c r="N415671" s="10"/>
    </row>
    <row r="415672" spans="14:14">
      <c r="N415672" s="10"/>
    </row>
    <row r="415673" spans="14:14">
      <c r="N415673" s="10"/>
    </row>
    <row r="415674" spans="14:14">
      <c r="N415674" s="10"/>
    </row>
    <row r="415675" spans="14:14">
      <c r="N415675" s="10"/>
    </row>
    <row r="415676" spans="14:14">
      <c r="N415676" s="10"/>
    </row>
    <row r="415677" spans="14:14">
      <c r="N415677" s="10"/>
    </row>
    <row r="415678" spans="14:14">
      <c r="N415678" s="10"/>
    </row>
    <row r="415679" spans="14:14">
      <c r="N415679" s="10"/>
    </row>
    <row r="415680" spans="14:14">
      <c r="N415680" s="10"/>
    </row>
    <row r="415681" spans="14:14">
      <c r="N415681" s="10"/>
    </row>
    <row r="415682" spans="14:14">
      <c r="N415682" s="10"/>
    </row>
    <row r="415683" spans="14:14">
      <c r="N415683" s="10"/>
    </row>
    <row r="415684" spans="14:14">
      <c r="N415684" s="10"/>
    </row>
    <row r="415685" spans="14:14">
      <c r="N415685" s="10"/>
    </row>
    <row r="415686" spans="14:14">
      <c r="N415686" s="10"/>
    </row>
    <row r="415687" spans="14:14">
      <c r="N415687" s="10"/>
    </row>
    <row r="415688" spans="14:14">
      <c r="N415688" s="10"/>
    </row>
    <row r="415689" spans="14:14">
      <c r="N415689" s="10"/>
    </row>
    <row r="415690" spans="14:14">
      <c r="N415690" s="10"/>
    </row>
    <row r="415691" spans="14:14">
      <c r="N415691" s="10"/>
    </row>
    <row r="415692" spans="14:14">
      <c r="N415692" s="10"/>
    </row>
    <row r="415693" spans="14:14">
      <c r="N415693" s="10"/>
    </row>
    <row r="415694" spans="14:14">
      <c r="N415694" s="10"/>
    </row>
    <row r="415695" spans="14:14">
      <c r="N415695" s="10"/>
    </row>
    <row r="415696" spans="14:14">
      <c r="N415696" s="10"/>
    </row>
    <row r="415697" spans="14:14">
      <c r="N415697" s="10"/>
    </row>
    <row r="415698" spans="14:14">
      <c r="N415698" s="10"/>
    </row>
    <row r="415699" spans="14:14">
      <c r="N415699" s="10"/>
    </row>
    <row r="415700" spans="14:14">
      <c r="N415700" s="10"/>
    </row>
    <row r="415701" spans="14:14">
      <c r="N415701" s="10"/>
    </row>
    <row r="415702" spans="14:14">
      <c r="N415702" s="10"/>
    </row>
    <row r="415703" spans="14:14">
      <c r="N415703" s="10"/>
    </row>
    <row r="415704" spans="14:14">
      <c r="N415704" s="10"/>
    </row>
    <row r="415705" spans="14:14">
      <c r="N415705" s="10"/>
    </row>
    <row r="415706" spans="14:14">
      <c r="N415706" s="10"/>
    </row>
    <row r="415707" spans="14:14">
      <c r="N415707" s="10"/>
    </row>
    <row r="415708" spans="14:14">
      <c r="N415708" s="10"/>
    </row>
    <row r="415709" spans="14:14">
      <c r="N415709" s="10"/>
    </row>
    <row r="415710" spans="14:14">
      <c r="N415710" s="10"/>
    </row>
    <row r="415711" spans="14:14">
      <c r="N415711" s="10"/>
    </row>
    <row r="415712" spans="14:14">
      <c r="N415712" s="10"/>
    </row>
    <row r="415713" spans="14:14">
      <c r="N415713" s="10"/>
    </row>
    <row r="415714" spans="14:14">
      <c r="N415714" s="10"/>
    </row>
    <row r="415715" spans="14:14">
      <c r="N415715" s="10"/>
    </row>
    <row r="415716" spans="14:14">
      <c r="N415716" s="10"/>
    </row>
    <row r="415717" spans="14:14">
      <c r="N415717" s="10"/>
    </row>
    <row r="415718" spans="14:14">
      <c r="N415718" s="10"/>
    </row>
    <row r="415719" spans="14:14">
      <c r="N415719" s="10"/>
    </row>
    <row r="415720" spans="14:14">
      <c r="N415720" s="10"/>
    </row>
    <row r="415721" spans="14:14">
      <c r="N415721" s="10"/>
    </row>
    <row r="415722" spans="14:14">
      <c r="N415722" s="10"/>
    </row>
    <row r="415723" spans="14:14">
      <c r="N415723" s="10"/>
    </row>
    <row r="415724" spans="14:14">
      <c r="N415724" s="10"/>
    </row>
    <row r="415725" spans="14:14">
      <c r="N415725" s="10"/>
    </row>
    <row r="415726" spans="14:14">
      <c r="N415726" s="10"/>
    </row>
    <row r="415727" spans="14:14">
      <c r="N415727" s="10"/>
    </row>
    <row r="415728" spans="14:14">
      <c r="N415728" s="10"/>
    </row>
    <row r="415729" spans="14:14">
      <c r="N415729" s="10"/>
    </row>
    <row r="415730" spans="14:14">
      <c r="N415730" s="10"/>
    </row>
    <row r="415731" spans="14:14">
      <c r="N415731" s="10"/>
    </row>
    <row r="415732" spans="14:14">
      <c r="N415732" s="10"/>
    </row>
    <row r="415733" spans="14:14">
      <c r="N415733" s="10"/>
    </row>
    <row r="415734" spans="14:14">
      <c r="N415734" s="10"/>
    </row>
    <row r="415735" spans="14:14">
      <c r="N415735" s="10"/>
    </row>
    <row r="415736" spans="14:14">
      <c r="N415736" s="10"/>
    </row>
    <row r="415737" spans="14:14">
      <c r="N415737" s="10"/>
    </row>
    <row r="415738" spans="14:14">
      <c r="N415738" s="10"/>
    </row>
    <row r="415739" spans="14:14">
      <c r="N415739" s="10"/>
    </row>
    <row r="415740" spans="14:14">
      <c r="N415740" s="10"/>
    </row>
    <row r="415741" spans="14:14">
      <c r="N415741" s="10"/>
    </row>
    <row r="415742" spans="14:14">
      <c r="N415742" s="10"/>
    </row>
    <row r="415743" spans="14:14">
      <c r="N415743" s="10"/>
    </row>
    <row r="415744" spans="14:14">
      <c r="N415744" s="10"/>
    </row>
    <row r="415745" spans="14:14">
      <c r="N415745" s="10"/>
    </row>
    <row r="415746" spans="14:14">
      <c r="N415746" s="10"/>
    </row>
    <row r="415747" spans="14:14">
      <c r="N415747" s="10"/>
    </row>
    <row r="415748" spans="14:14">
      <c r="N415748" s="10"/>
    </row>
    <row r="415749" spans="14:14">
      <c r="N415749" s="10"/>
    </row>
    <row r="415750" spans="14:14">
      <c r="N415750" s="10"/>
    </row>
    <row r="415751" spans="14:14">
      <c r="N415751" s="10"/>
    </row>
    <row r="415752" spans="14:14">
      <c r="N415752" s="10"/>
    </row>
    <row r="415753" spans="14:14">
      <c r="N415753" s="10"/>
    </row>
    <row r="415754" spans="14:14">
      <c r="N415754" s="10"/>
    </row>
    <row r="415755" spans="14:14">
      <c r="N415755" s="10"/>
    </row>
    <row r="415756" spans="14:14">
      <c r="N415756" s="10"/>
    </row>
    <row r="415757" spans="14:14">
      <c r="N415757" s="10"/>
    </row>
    <row r="415758" spans="14:14">
      <c r="N415758" s="10"/>
    </row>
    <row r="415759" spans="14:14">
      <c r="N415759" s="10"/>
    </row>
    <row r="415760" spans="14:14">
      <c r="N415760" s="10"/>
    </row>
    <row r="415761" spans="14:14">
      <c r="N415761" s="10"/>
    </row>
    <row r="415762" spans="14:14">
      <c r="N415762" s="10"/>
    </row>
    <row r="415763" spans="14:14">
      <c r="N415763" s="10"/>
    </row>
    <row r="415764" spans="14:14">
      <c r="N415764" s="10"/>
    </row>
    <row r="415765" spans="14:14">
      <c r="N415765" s="10"/>
    </row>
    <row r="415766" spans="14:14">
      <c r="N415766" s="10"/>
    </row>
    <row r="415767" spans="14:14">
      <c r="N415767" s="10"/>
    </row>
    <row r="415768" spans="14:14">
      <c r="N415768" s="10"/>
    </row>
    <row r="415769" spans="14:14">
      <c r="N415769" s="10"/>
    </row>
    <row r="415770" spans="14:14">
      <c r="N415770" s="10"/>
    </row>
    <row r="415771" spans="14:14">
      <c r="N415771" s="10"/>
    </row>
    <row r="415772" spans="14:14">
      <c r="N415772" s="10"/>
    </row>
    <row r="415773" spans="14:14">
      <c r="N415773" s="10"/>
    </row>
    <row r="415774" spans="14:14">
      <c r="N415774" s="10"/>
    </row>
    <row r="415775" spans="14:14">
      <c r="N415775" s="10"/>
    </row>
    <row r="415776" spans="14:14">
      <c r="N415776" s="10"/>
    </row>
    <row r="415777" spans="14:14">
      <c r="N415777" s="10"/>
    </row>
    <row r="415778" spans="14:14">
      <c r="N415778" s="10"/>
    </row>
    <row r="415779" spans="14:14">
      <c r="N415779" s="10"/>
    </row>
    <row r="415780" spans="14:14">
      <c r="N415780" s="10"/>
    </row>
    <row r="415781" spans="14:14">
      <c r="N415781" s="10"/>
    </row>
    <row r="415782" spans="14:14">
      <c r="N415782" s="10"/>
    </row>
    <row r="415783" spans="14:14">
      <c r="N415783" s="10"/>
    </row>
    <row r="415784" spans="14:14">
      <c r="N415784" s="10"/>
    </row>
    <row r="415785" spans="14:14">
      <c r="N415785" s="10"/>
    </row>
    <row r="415786" spans="14:14">
      <c r="N415786" s="10"/>
    </row>
    <row r="415787" spans="14:14">
      <c r="N415787" s="10"/>
    </row>
    <row r="415788" spans="14:14">
      <c r="N415788" s="10"/>
    </row>
    <row r="415789" spans="14:14">
      <c r="N415789" s="10"/>
    </row>
    <row r="415790" spans="14:14">
      <c r="N415790" s="10"/>
    </row>
    <row r="415791" spans="14:14">
      <c r="N415791" s="10"/>
    </row>
    <row r="415792" spans="14:14">
      <c r="N415792" s="10"/>
    </row>
    <row r="415793" spans="14:14">
      <c r="N415793" s="10"/>
    </row>
    <row r="415794" spans="14:14">
      <c r="N415794" s="10"/>
    </row>
    <row r="415795" spans="14:14">
      <c r="N415795" s="10"/>
    </row>
    <row r="415796" spans="14:14">
      <c r="N415796" s="10"/>
    </row>
    <row r="415797" spans="14:14">
      <c r="N415797" s="10"/>
    </row>
    <row r="415798" spans="14:14">
      <c r="N415798" s="10"/>
    </row>
    <row r="415799" spans="14:14">
      <c r="N415799" s="10"/>
    </row>
    <row r="415800" spans="14:14">
      <c r="N415800" s="10"/>
    </row>
    <row r="415801" spans="14:14">
      <c r="N415801" s="10"/>
    </row>
    <row r="415802" spans="14:14">
      <c r="N415802" s="10"/>
    </row>
    <row r="415803" spans="14:14">
      <c r="N415803" s="10"/>
    </row>
    <row r="415804" spans="14:14">
      <c r="N415804" s="10"/>
    </row>
    <row r="415805" spans="14:14">
      <c r="N415805" s="10"/>
    </row>
    <row r="415806" spans="14:14">
      <c r="N415806" s="10"/>
    </row>
    <row r="415807" spans="14:14">
      <c r="N415807" s="10"/>
    </row>
    <row r="415808" spans="14:14">
      <c r="N415808" s="10"/>
    </row>
    <row r="415809" spans="14:14">
      <c r="N415809" s="10"/>
    </row>
    <row r="415810" spans="14:14">
      <c r="N415810" s="10"/>
    </row>
    <row r="415811" spans="14:14">
      <c r="N415811" s="10"/>
    </row>
    <row r="415812" spans="14:14">
      <c r="N415812" s="10"/>
    </row>
    <row r="415813" spans="14:14">
      <c r="N415813" s="10"/>
    </row>
    <row r="415814" spans="14:14">
      <c r="N415814" s="10"/>
    </row>
    <row r="415815" spans="14:14">
      <c r="N415815" s="10"/>
    </row>
    <row r="415816" spans="14:14">
      <c r="N415816" s="10"/>
    </row>
    <row r="415817" spans="14:14">
      <c r="N415817" s="10"/>
    </row>
    <row r="415818" spans="14:14">
      <c r="N415818" s="10"/>
    </row>
    <row r="415819" spans="14:14">
      <c r="N415819" s="10"/>
    </row>
    <row r="415820" spans="14:14">
      <c r="N415820" s="10"/>
    </row>
    <row r="415821" spans="14:14">
      <c r="N415821" s="10"/>
    </row>
    <row r="415822" spans="14:14">
      <c r="N415822" s="10"/>
    </row>
    <row r="415823" spans="14:14">
      <c r="N415823" s="10"/>
    </row>
    <row r="415824" spans="14:14">
      <c r="N415824" s="10"/>
    </row>
    <row r="415825" spans="14:14">
      <c r="N415825" s="10"/>
    </row>
    <row r="415826" spans="14:14">
      <c r="N415826" s="10"/>
    </row>
    <row r="415827" spans="14:14">
      <c r="N415827" s="10"/>
    </row>
    <row r="415828" spans="14:14">
      <c r="N415828" s="10"/>
    </row>
    <row r="415829" spans="14:14">
      <c r="N415829" s="10"/>
    </row>
    <row r="415830" spans="14:14">
      <c r="N415830" s="10"/>
    </row>
    <row r="415831" spans="14:14">
      <c r="N415831" s="10"/>
    </row>
    <row r="415832" spans="14:14">
      <c r="N415832" s="10"/>
    </row>
    <row r="415833" spans="14:14">
      <c r="N415833" s="10"/>
    </row>
    <row r="415834" spans="14:14">
      <c r="N415834" s="10"/>
    </row>
    <row r="415835" spans="14:14">
      <c r="N415835" s="10"/>
    </row>
    <row r="415836" spans="14:14">
      <c r="N415836" s="10"/>
    </row>
    <row r="415837" spans="14:14">
      <c r="N415837" s="10"/>
    </row>
    <row r="415838" spans="14:14">
      <c r="N415838" s="10"/>
    </row>
    <row r="415839" spans="14:14">
      <c r="N415839" s="10"/>
    </row>
    <row r="415840" spans="14:14">
      <c r="N415840" s="10"/>
    </row>
    <row r="415841" spans="14:14">
      <c r="N415841" s="10"/>
    </row>
    <row r="415842" spans="14:14">
      <c r="N415842" s="10"/>
    </row>
    <row r="415843" spans="14:14">
      <c r="N415843" s="10"/>
    </row>
    <row r="415844" spans="14:14">
      <c r="N415844" s="10"/>
    </row>
    <row r="415845" spans="14:14">
      <c r="N415845" s="10"/>
    </row>
    <row r="415846" spans="14:14">
      <c r="N415846" s="10"/>
    </row>
    <row r="415847" spans="14:14">
      <c r="N415847" s="10"/>
    </row>
    <row r="415848" spans="14:14">
      <c r="N415848" s="10"/>
    </row>
    <row r="415849" spans="14:14">
      <c r="N415849" s="10"/>
    </row>
    <row r="415850" spans="14:14">
      <c r="N415850" s="10"/>
    </row>
    <row r="415851" spans="14:14">
      <c r="N415851" s="10"/>
    </row>
    <row r="415852" spans="14:14">
      <c r="N415852" s="10"/>
    </row>
    <row r="415853" spans="14:14">
      <c r="N415853" s="10"/>
    </row>
    <row r="415854" spans="14:14">
      <c r="N415854" s="10"/>
    </row>
    <row r="415855" spans="14:14">
      <c r="N415855" s="10"/>
    </row>
    <row r="415856" spans="14:14">
      <c r="N415856" s="10"/>
    </row>
    <row r="415857" spans="14:14">
      <c r="N415857" s="10"/>
    </row>
    <row r="415858" spans="14:14">
      <c r="N415858" s="10"/>
    </row>
    <row r="415859" spans="14:14">
      <c r="N415859" s="10"/>
    </row>
    <row r="415860" spans="14:14">
      <c r="N415860" s="10"/>
    </row>
    <row r="415861" spans="14:14">
      <c r="N415861" s="10"/>
    </row>
    <row r="415862" spans="14:14">
      <c r="N415862" s="10"/>
    </row>
    <row r="415863" spans="14:14">
      <c r="N415863" s="10"/>
    </row>
    <row r="415864" spans="14:14">
      <c r="N415864" s="10"/>
    </row>
    <row r="415865" spans="14:14">
      <c r="N415865" s="10"/>
    </row>
    <row r="415866" spans="14:14">
      <c r="N415866" s="10"/>
    </row>
    <row r="415867" spans="14:14">
      <c r="N415867" s="10"/>
    </row>
    <row r="415868" spans="14:14">
      <c r="N415868" s="10"/>
    </row>
    <row r="415869" spans="14:14">
      <c r="N415869" s="10"/>
    </row>
    <row r="415870" spans="14:14">
      <c r="N415870" s="10"/>
    </row>
    <row r="415871" spans="14:14">
      <c r="N415871" s="10"/>
    </row>
    <row r="415872" spans="14:14">
      <c r="N415872" s="10"/>
    </row>
    <row r="415873" spans="14:14">
      <c r="N415873" s="10"/>
    </row>
    <row r="415874" spans="14:14">
      <c r="N415874" s="10"/>
    </row>
    <row r="415875" spans="14:14">
      <c r="N415875" s="10"/>
    </row>
    <row r="415876" spans="14:14">
      <c r="N415876" s="10"/>
    </row>
    <row r="415877" spans="14:14">
      <c r="N415877" s="10"/>
    </row>
    <row r="415878" spans="14:14">
      <c r="N415878" s="10"/>
    </row>
    <row r="415879" spans="14:14">
      <c r="N415879" s="10"/>
    </row>
    <row r="415880" spans="14:14">
      <c r="N415880" s="10"/>
    </row>
    <row r="415881" spans="14:14">
      <c r="N415881" s="10"/>
    </row>
    <row r="415882" spans="14:14">
      <c r="N415882" s="10"/>
    </row>
    <row r="415883" spans="14:14">
      <c r="N415883" s="10"/>
    </row>
    <row r="415884" spans="14:14">
      <c r="N415884" s="10"/>
    </row>
    <row r="415885" spans="14:14">
      <c r="N415885" s="10"/>
    </row>
    <row r="415886" spans="14:14">
      <c r="N415886" s="10"/>
    </row>
    <row r="415887" spans="14:14">
      <c r="N415887" s="10"/>
    </row>
    <row r="415888" spans="14:14">
      <c r="N415888" s="10"/>
    </row>
    <row r="415889" spans="14:14">
      <c r="N415889" s="10"/>
    </row>
    <row r="415890" spans="14:14">
      <c r="N415890" s="10"/>
    </row>
    <row r="415891" spans="14:14">
      <c r="N415891" s="10"/>
    </row>
    <row r="415892" spans="14:14">
      <c r="N415892" s="10"/>
    </row>
    <row r="415893" spans="14:14">
      <c r="N415893" s="10"/>
    </row>
    <row r="415894" spans="14:14">
      <c r="N415894" s="10"/>
    </row>
    <row r="415895" spans="14:14">
      <c r="N415895" s="10"/>
    </row>
    <row r="415896" spans="14:14">
      <c r="N415896" s="10"/>
    </row>
    <row r="415897" spans="14:14">
      <c r="N415897" s="10"/>
    </row>
    <row r="415898" spans="14:14">
      <c r="N415898" s="10"/>
    </row>
    <row r="415899" spans="14:14">
      <c r="N415899" s="10"/>
    </row>
    <row r="415900" spans="14:14">
      <c r="N415900" s="10"/>
    </row>
    <row r="415901" spans="14:14">
      <c r="N415901" s="10"/>
    </row>
    <row r="415902" spans="14:14">
      <c r="N415902" s="10"/>
    </row>
    <row r="415903" spans="14:14">
      <c r="N415903" s="10"/>
    </row>
    <row r="415904" spans="14:14">
      <c r="N415904" s="10"/>
    </row>
    <row r="415905" spans="14:14">
      <c r="N415905" s="10"/>
    </row>
    <row r="415906" spans="14:14">
      <c r="N415906" s="10"/>
    </row>
    <row r="415907" spans="14:14">
      <c r="N415907" s="10"/>
    </row>
    <row r="415908" spans="14:14">
      <c r="N415908" s="10"/>
    </row>
    <row r="415909" spans="14:14">
      <c r="N415909" s="10"/>
    </row>
    <row r="415910" spans="14:14">
      <c r="N415910" s="10"/>
    </row>
    <row r="415911" spans="14:14">
      <c r="N415911" s="10"/>
    </row>
    <row r="415912" spans="14:14">
      <c r="N415912" s="10"/>
    </row>
    <row r="415913" spans="14:14">
      <c r="N415913" s="10"/>
    </row>
    <row r="415914" spans="14:14">
      <c r="N415914" s="10"/>
    </row>
    <row r="415915" spans="14:14">
      <c r="N415915" s="10"/>
    </row>
    <row r="415916" spans="14:14">
      <c r="N415916" s="10"/>
    </row>
    <row r="415917" spans="14:14">
      <c r="N415917" s="10"/>
    </row>
    <row r="415918" spans="14:14">
      <c r="N415918" s="10"/>
    </row>
    <row r="415919" spans="14:14">
      <c r="N415919" s="10"/>
    </row>
    <row r="415920" spans="14:14">
      <c r="N415920" s="10"/>
    </row>
    <row r="415921" spans="14:14">
      <c r="N415921" s="10"/>
    </row>
    <row r="415922" spans="14:14">
      <c r="N415922" s="10"/>
    </row>
    <row r="415923" spans="14:14">
      <c r="N415923" s="10"/>
    </row>
    <row r="415924" spans="14:14">
      <c r="N415924" s="10"/>
    </row>
    <row r="415925" spans="14:14">
      <c r="N415925" s="10"/>
    </row>
    <row r="415926" spans="14:14">
      <c r="N415926" s="10"/>
    </row>
    <row r="415927" spans="14:14">
      <c r="N415927" s="10"/>
    </row>
    <row r="415928" spans="14:14">
      <c r="N415928" s="10"/>
    </row>
    <row r="415929" spans="14:14">
      <c r="N415929" s="10"/>
    </row>
    <row r="415930" spans="14:14">
      <c r="N415930" s="10"/>
    </row>
    <row r="415931" spans="14:14">
      <c r="N415931" s="10"/>
    </row>
    <row r="415932" spans="14:14">
      <c r="N415932" s="10"/>
    </row>
    <row r="415933" spans="14:14">
      <c r="N415933" s="10"/>
    </row>
    <row r="415934" spans="14:14">
      <c r="N415934" s="10"/>
    </row>
    <row r="415935" spans="14:14">
      <c r="N415935" s="10"/>
    </row>
    <row r="415936" spans="14:14">
      <c r="N415936" s="10"/>
    </row>
    <row r="415937" spans="14:14">
      <c r="N415937" s="10"/>
    </row>
    <row r="415938" spans="14:14">
      <c r="N415938" s="10"/>
    </row>
    <row r="415939" spans="14:14">
      <c r="N415939" s="10"/>
    </row>
    <row r="415940" spans="14:14">
      <c r="N415940" s="10"/>
    </row>
    <row r="415941" spans="14:14">
      <c r="N415941" s="10"/>
    </row>
    <row r="415942" spans="14:14">
      <c r="N415942" s="10"/>
    </row>
    <row r="415943" spans="14:14">
      <c r="N415943" s="10"/>
    </row>
    <row r="415944" spans="14:14">
      <c r="N415944" s="10"/>
    </row>
    <row r="415945" spans="14:14">
      <c r="N415945" s="10"/>
    </row>
    <row r="415946" spans="14:14">
      <c r="N415946" s="10"/>
    </row>
    <row r="415947" spans="14:14">
      <c r="N415947" s="10"/>
    </row>
    <row r="415948" spans="14:14">
      <c r="N415948" s="10"/>
    </row>
    <row r="415949" spans="14:14">
      <c r="N415949" s="10"/>
    </row>
    <row r="415950" spans="14:14">
      <c r="N415950" s="10"/>
    </row>
    <row r="415951" spans="14:14">
      <c r="N415951" s="10"/>
    </row>
    <row r="415952" spans="14:14">
      <c r="N415952" s="10"/>
    </row>
    <row r="415953" spans="14:14">
      <c r="N415953" s="10"/>
    </row>
    <row r="415954" spans="14:14">
      <c r="N415954" s="10"/>
    </row>
    <row r="415955" spans="14:14">
      <c r="N415955" s="10"/>
    </row>
    <row r="415956" spans="14:14">
      <c r="N415956" s="10"/>
    </row>
    <row r="415957" spans="14:14">
      <c r="N415957" s="10"/>
    </row>
    <row r="415958" spans="14:14">
      <c r="N415958" s="10"/>
    </row>
    <row r="415959" spans="14:14">
      <c r="N415959" s="10"/>
    </row>
    <row r="415960" spans="14:14">
      <c r="N415960" s="10"/>
    </row>
    <row r="415961" spans="14:14">
      <c r="N415961" s="10"/>
    </row>
    <row r="415962" spans="14:14">
      <c r="N415962" s="10"/>
    </row>
    <row r="415963" spans="14:14">
      <c r="N415963" s="10"/>
    </row>
    <row r="415964" spans="14:14">
      <c r="N415964" s="10"/>
    </row>
    <row r="415965" spans="14:14">
      <c r="N415965" s="10"/>
    </row>
    <row r="415966" spans="14:14">
      <c r="N415966" s="10"/>
    </row>
    <row r="415967" spans="14:14">
      <c r="N415967" s="10"/>
    </row>
    <row r="415968" spans="14:14">
      <c r="N415968" s="10"/>
    </row>
    <row r="415969" spans="14:14">
      <c r="N415969" s="10"/>
    </row>
    <row r="415970" spans="14:14">
      <c r="N415970" s="10"/>
    </row>
    <row r="415971" spans="14:14">
      <c r="N415971" s="10"/>
    </row>
    <row r="415972" spans="14:14">
      <c r="N415972" s="10"/>
    </row>
    <row r="415973" spans="14:14">
      <c r="N415973" s="10"/>
    </row>
    <row r="415974" spans="14:14">
      <c r="N415974" s="10"/>
    </row>
    <row r="415975" spans="14:14">
      <c r="N415975" s="10"/>
    </row>
    <row r="415976" spans="14:14">
      <c r="N415976" s="10"/>
    </row>
    <row r="415977" spans="14:14">
      <c r="N415977" s="10"/>
    </row>
    <row r="415978" spans="14:14">
      <c r="N415978" s="10"/>
    </row>
    <row r="415979" spans="14:14">
      <c r="N415979" s="10"/>
    </row>
    <row r="415980" spans="14:14">
      <c r="N415980" s="10"/>
    </row>
    <row r="415981" spans="14:14">
      <c r="N415981" s="10"/>
    </row>
    <row r="415982" spans="14:14">
      <c r="N415982" s="10"/>
    </row>
    <row r="415983" spans="14:14">
      <c r="N415983" s="10"/>
    </row>
    <row r="415984" spans="14:14">
      <c r="N415984" s="10"/>
    </row>
    <row r="415985" spans="14:14">
      <c r="N415985" s="10"/>
    </row>
    <row r="415986" spans="14:14">
      <c r="N415986" s="10"/>
    </row>
    <row r="415987" spans="14:14">
      <c r="N415987" s="10"/>
    </row>
    <row r="415988" spans="14:14">
      <c r="N415988" s="10"/>
    </row>
    <row r="415989" spans="14:14">
      <c r="N415989" s="10"/>
    </row>
    <row r="415990" spans="14:14">
      <c r="N415990" s="10"/>
    </row>
    <row r="415991" spans="14:14">
      <c r="N415991" s="10"/>
    </row>
    <row r="415992" spans="14:14">
      <c r="N415992" s="10"/>
    </row>
    <row r="415993" spans="14:14">
      <c r="N415993" s="10"/>
    </row>
    <row r="415994" spans="14:14">
      <c r="N415994" s="10"/>
    </row>
    <row r="415995" spans="14:14">
      <c r="N415995" s="10"/>
    </row>
    <row r="415996" spans="14:14">
      <c r="N415996" s="10"/>
    </row>
    <row r="415997" spans="14:14">
      <c r="N415997" s="10"/>
    </row>
    <row r="415998" spans="14:14">
      <c r="N415998" s="10"/>
    </row>
    <row r="415999" spans="14:14">
      <c r="N415999" s="10"/>
    </row>
    <row r="416000" spans="14:14">
      <c r="N416000" s="10"/>
    </row>
    <row r="416001" spans="14:14">
      <c r="N416001" s="10"/>
    </row>
    <row r="416002" spans="14:14">
      <c r="N416002" s="10"/>
    </row>
    <row r="416003" spans="14:14">
      <c r="N416003" s="10"/>
    </row>
    <row r="416004" spans="14:14">
      <c r="N416004" s="10"/>
    </row>
    <row r="416005" spans="14:14">
      <c r="N416005" s="10"/>
    </row>
    <row r="416006" spans="14:14">
      <c r="N416006" s="10"/>
    </row>
    <row r="416007" spans="14:14">
      <c r="N416007" s="10"/>
    </row>
    <row r="416008" spans="14:14">
      <c r="N416008" s="10"/>
    </row>
    <row r="416009" spans="14:14">
      <c r="N416009" s="10"/>
    </row>
    <row r="416010" spans="14:14">
      <c r="N416010" s="10"/>
    </row>
    <row r="416011" spans="14:14">
      <c r="N416011" s="10"/>
    </row>
    <row r="416012" spans="14:14">
      <c r="N416012" s="10"/>
    </row>
    <row r="416013" spans="14:14">
      <c r="N416013" s="10"/>
    </row>
    <row r="416014" spans="14:14">
      <c r="N416014" s="10"/>
    </row>
    <row r="416015" spans="14:14">
      <c r="N416015" s="10"/>
    </row>
    <row r="416016" spans="14:14">
      <c r="N416016" s="10"/>
    </row>
    <row r="416017" spans="14:14">
      <c r="N416017" s="10"/>
    </row>
    <row r="416018" spans="14:14">
      <c r="N416018" s="10"/>
    </row>
    <row r="416019" spans="14:14">
      <c r="N416019" s="10"/>
    </row>
    <row r="416020" spans="14:14">
      <c r="N416020" s="10"/>
    </row>
    <row r="416021" spans="14:14">
      <c r="N416021" s="10"/>
    </row>
    <row r="416022" spans="14:14">
      <c r="N416022" s="10"/>
    </row>
    <row r="416023" spans="14:14">
      <c r="N416023" s="10"/>
    </row>
    <row r="416024" spans="14:14">
      <c r="N416024" s="10"/>
    </row>
    <row r="416025" spans="14:14">
      <c r="N416025" s="10"/>
    </row>
    <row r="416026" spans="14:14">
      <c r="N416026" s="10"/>
    </row>
    <row r="416027" spans="14:14">
      <c r="N416027" s="10"/>
    </row>
    <row r="416028" spans="14:14">
      <c r="N416028" s="10"/>
    </row>
    <row r="416029" spans="14:14">
      <c r="N416029" s="10"/>
    </row>
    <row r="416030" spans="14:14">
      <c r="N416030" s="10"/>
    </row>
    <row r="416031" spans="14:14">
      <c r="N416031" s="10"/>
    </row>
    <row r="416032" spans="14:14">
      <c r="N416032" s="10"/>
    </row>
    <row r="416033" spans="14:14">
      <c r="N416033" s="10"/>
    </row>
    <row r="416034" spans="14:14">
      <c r="N416034" s="10"/>
    </row>
    <row r="416035" spans="14:14">
      <c r="N416035" s="10"/>
    </row>
    <row r="416036" spans="14:14">
      <c r="N416036" s="10"/>
    </row>
    <row r="416037" spans="14:14">
      <c r="N416037" s="10"/>
    </row>
    <row r="416038" spans="14:14">
      <c r="N416038" s="10"/>
    </row>
    <row r="416039" spans="14:14">
      <c r="N416039" s="10"/>
    </row>
    <row r="416040" spans="14:14">
      <c r="N416040" s="10"/>
    </row>
    <row r="416041" spans="14:14">
      <c r="N416041" s="10"/>
    </row>
    <row r="416042" spans="14:14">
      <c r="N416042" s="10"/>
    </row>
    <row r="416043" spans="14:14">
      <c r="N416043" s="10"/>
    </row>
    <row r="416044" spans="14:14">
      <c r="N416044" s="10"/>
    </row>
    <row r="416045" spans="14:14">
      <c r="N416045" s="10"/>
    </row>
    <row r="416046" spans="14:14">
      <c r="N416046" s="10"/>
    </row>
    <row r="416047" spans="14:14">
      <c r="N416047" s="10"/>
    </row>
    <row r="416048" spans="14:14">
      <c r="N416048" s="10"/>
    </row>
    <row r="416049" spans="14:14">
      <c r="N416049" s="10"/>
    </row>
    <row r="416050" spans="14:14">
      <c r="N416050" s="10"/>
    </row>
    <row r="416051" spans="14:14">
      <c r="N416051" s="10"/>
    </row>
    <row r="416052" spans="14:14">
      <c r="N416052" s="10"/>
    </row>
    <row r="416053" spans="14:14">
      <c r="N416053" s="10"/>
    </row>
    <row r="416054" spans="14:14">
      <c r="N416054" s="10"/>
    </row>
    <row r="416055" spans="14:14">
      <c r="N416055" s="10"/>
    </row>
    <row r="416056" spans="14:14">
      <c r="N416056" s="10"/>
    </row>
    <row r="416057" spans="14:14">
      <c r="N416057" s="10"/>
    </row>
    <row r="416058" spans="14:14">
      <c r="N416058" s="10"/>
    </row>
    <row r="416059" spans="14:14">
      <c r="N416059" s="10"/>
    </row>
    <row r="416060" spans="14:14">
      <c r="N416060" s="10"/>
    </row>
    <row r="416061" spans="14:14">
      <c r="N416061" s="10"/>
    </row>
    <row r="416062" spans="14:14">
      <c r="N416062" s="10"/>
    </row>
    <row r="416063" spans="14:14">
      <c r="N416063" s="10"/>
    </row>
    <row r="416064" spans="14:14">
      <c r="N416064" s="10"/>
    </row>
    <row r="416065" spans="14:14">
      <c r="N416065" s="10"/>
    </row>
    <row r="416066" spans="14:14">
      <c r="N416066" s="10"/>
    </row>
    <row r="416067" spans="14:14">
      <c r="N416067" s="10"/>
    </row>
    <row r="416068" spans="14:14">
      <c r="N416068" s="10"/>
    </row>
    <row r="416069" spans="14:14">
      <c r="N416069" s="10"/>
    </row>
    <row r="416070" spans="14:14">
      <c r="N416070" s="10"/>
    </row>
    <row r="416071" spans="14:14">
      <c r="N416071" s="10"/>
    </row>
    <row r="416072" spans="14:14">
      <c r="N416072" s="10"/>
    </row>
    <row r="416073" spans="14:14">
      <c r="N416073" s="10"/>
    </row>
    <row r="416074" spans="14:14">
      <c r="N416074" s="10"/>
    </row>
    <row r="416075" spans="14:14">
      <c r="N416075" s="10"/>
    </row>
    <row r="416076" spans="14:14">
      <c r="N416076" s="10"/>
    </row>
    <row r="416077" spans="14:14">
      <c r="N416077" s="10"/>
    </row>
    <row r="416078" spans="14:14">
      <c r="N416078" s="10"/>
    </row>
    <row r="416079" spans="14:14">
      <c r="N416079" s="10"/>
    </row>
    <row r="416080" spans="14:14">
      <c r="N416080" s="10"/>
    </row>
    <row r="416081" spans="14:14">
      <c r="N416081" s="10"/>
    </row>
    <row r="416082" spans="14:14">
      <c r="N416082" s="10"/>
    </row>
    <row r="416083" spans="14:14">
      <c r="N416083" s="10"/>
    </row>
    <row r="416084" spans="14:14">
      <c r="N416084" s="10"/>
    </row>
    <row r="416085" spans="14:14">
      <c r="N416085" s="10"/>
    </row>
    <row r="416086" spans="14:14">
      <c r="N416086" s="10"/>
    </row>
    <row r="416087" spans="14:14">
      <c r="N416087" s="10"/>
    </row>
    <row r="416088" spans="14:14">
      <c r="N416088" s="10"/>
    </row>
    <row r="416089" spans="14:14">
      <c r="N416089" s="10"/>
    </row>
    <row r="416090" spans="14:14">
      <c r="N416090" s="10"/>
    </row>
    <row r="416091" spans="14:14">
      <c r="N416091" s="10"/>
    </row>
    <row r="416092" spans="14:14">
      <c r="N416092" s="10"/>
    </row>
    <row r="416093" spans="14:14">
      <c r="N416093" s="10"/>
    </row>
    <row r="416094" spans="14:14">
      <c r="N416094" s="10"/>
    </row>
    <row r="416095" spans="14:14">
      <c r="N416095" s="10"/>
    </row>
    <row r="416096" spans="14:14">
      <c r="N416096" s="10"/>
    </row>
    <row r="416097" spans="14:14">
      <c r="N416097" s="10"/>
    </row>
    <row r="416098" spans="14:14">
      <c r="N416098" s="10"/>
    </row>
    <row r="416099" spans="14:14">
      <c r="N416099" s="10"/>
    </row>
    <row r="416100" spans="14:14">
      <c r="N416100" s="10"/>
    </row>
    <row r="416101" spans="14:14">
      <c r="N416101" s="10"/>
    </row>
    <row r="416102" spans="14:14">
      <c r="N416102" s="10"/>
    </row>
    <row r="416103" spans="14:14">
      <c r="N416103" s="10"/>
    </row>
    <row r="416104" spans="14:14">
      <c r="N416104" s="10"/>
    </row>
    <row r="416105" spans="14:14">
      <c r="N416105" s="10"/>
    </row>
    <row r="416106" spans="14:14">
      <c r="N416106" s="10"/>
    </row>
    <row r="416107" spans="14:14">
      <c r="N416107" s="10"/>
    </row>
    <row r="416108" spans="14:14">
      <c r="N416108" s="10"/>
    </row>
    <row r="416109" spans="14:14">
      <c r="N416109" s="10"/>
    </row>
    <row r="416110" spans="14:14">
      <c r="N416110" s="10"/>
    </row>
    <row r="416111" spans="14:14">
      <c r="N416111" s="10"/>
    </row>
    <row r="416112" spans="14:14">
      <c r="N416112" s="10"/>
    </row>
    <row r="416113" spans="14:14">
      <c r="N416113" s="10"/>
    </row>
    <row r="416114" spans="14:14">
      <c r="N416114" s="10"/>
    </row>
    <row r="416115" spans="14:14">
      <c r="N416115" s="10"/>
    </row>
    <row r="416116" spans="14:14">
      <c r="N416116" s="10"/>
    </row>
    <row r="416117" spans="14:14">
      <c r="N416117" s="10"/>
    </row>
    <row r="416118" spans="14:14">
      <c r="N416118" s="10"/>
    </row>
    <row r="416119" spans="14:14">
      <c r="N416119" s="10"/>
    </row>
    <row r="416120" spans="14:14">
      <c r="N416120" s="10"/>
    </row>
    <row r="416121" spans="14:14">
      <c r="N416121" s="10"/>
    </row>
    <row r="416122" spans="14:14">
      <c r="N416122" s="10"/>
    </row>
    <row r="416123" spans="14:14">
      <c r="N416123" s="10"/>
    </row>
    <row r="416124" spans="14:14">
      <c r="N416124" s="10"/>
    </row>
    <row r="416125" spans="14:14">
      <c r="N416125" s="10"/>
    </row>
    <row r="416126" spans="14:14">
      <c r="N416126" s="10"/>
    </row>
    <row r="416127" spans="14:14">
      <c r="N416127" s="10"/>
    </row>
    <row r="416128" spans="14:14">
      <c r="N416128" s="10"/>
    </row>
    <row r="416129" spans="14:14">
      <c r="N416129" s="10"/>
    </row>
    <row r="416130" spans="14:14">
      <c r="N416130" s="10"/>
    </row>
    <row r="416131" spans="14:14">
      <c r="N416131" s="10"/>
    </row>
    <row r="416132" spans="14:14">
      <c r="N416132" s="10"/>
    </row>
    <row r="416133" spans="14:14">
      <c r="N416133" s="10"/>
    </row>
    <row r="416134" spans="14:14">
      <c r="N416134" s="10"/>
    </row>
    <row r="416135" spans="14:14">
      <c r="N416135" s="10"/>
    </row>
    <row r="416136" spans="14:14">
      <c r="N416136" s="10"/>
    </row>
    <row r="416137" spans="14:14">
      <c r="N416137" s="10"/>
    </row>
    <row r="416138" spans="14:14">
      <c r="N416138" s="10"/>
    </row>
    <row r="416139" spans="14:14">
      <c r="N416139" s="10"/>
    </row>
    <row r="416140" spans="14:14">
      <c r="N416140" s="10"/>
    </row>
    <row r="416141" spans="14:14">
      <c r="N416141" s="10"/>
    </row>
    <row r="416142" spans="14:14">
      <c r="N416142" s="10"/>
    </row>
    <row r="416143" spans="14:14">
      <c r="N416143" s="10"/>
    </row>
    <row r="416144" spans="14:14">
      <c r="N416144" s="10"/>
    </row>
    <row r="416145" spans="14:14">
      <c r="N416145" s="10"/>
    </row>
    <row r="416146" spans="14:14">
      <c r="N416146" s="10"/>
    </row>
    <row r="416147" spans="14:14">
      <c r="N416147" s="10"/>
    </row>
    <row r="416148" spans="14:14">
      <c r="N416148" s="10"/>
    </row>
    <row r="416149" spans="14:14">
      <c r="N416149" s="10"/>
    </row>
    <row r="416150" spans="14:14">
      <c r="N416150" s="10"/>
    </row>
    <row r="416151" spans="14:14">
      <c r="N416151" s="10"/>
    </row>
    <row r="416152" spans="14:14">
      <c r="N416152" s="10"/>
    </row>
    <row r="416153" spans="14:14">
      <c r="N416153" s="10"/>
    </row>
    <row r="416154" spans="14:14">
      <c r="N416154" s="10"/>
    </row>
    <row r="416155" spans="14:14">
      <c r="N416155" s="10"/>
    </row>
    <row r="416156" spans="14:14">
      <c r="N416156" s="10"/>
    </row>
    <row r="416157" spans="14:14">
      <c r="N416157" s="10"/>
    </row>
    <row r="416158" spans="14:14">
      <c r="N416158" s="10"/>
    </row>
    <row r="416159" spans="14:14">
      <c r="N416159" s="10"/>
    </row>
    <row r="416160" spans="14:14">
      <c r="N416160" s="10"/>
    </row>
    <row r="416161" spans="14:14">
      <c r="N416161" s="10"/>
    </row>
    <row r="416162" spans="14:14">
      <c r="N416162" s="10"/>
    </row>
    <row r="416163" spans="14:14">
      <c r="N416163" s="10"/>
    </row>
    <row r="416164" spans="14:14">
      <c r="N416164" s="10"/>
    </row>
    <row r="416165" spans="14:14">
      <c r="N416165" s="10"/>
    </row>
    <row r="416166" spans="14:14">
      <c r="N416166" s="10"/>
    </row>
    <row r="416167" spans="14:14">
      <c r="N416167" s="10"/>
    </row>
    <row r="416168" spans="14:14">
      <c r="N416168" s="10"/>
    </row>
    <row r="416169" spans="14:14">
      <c r="N416169" s="10"/>
    </row>
    <row r="416170" spans="14:14">
      <c r="N416170" s="10"/>
    </row>
    <row r="416171" spans="14:14">
      <c r="N416171" s="10"/>
    </row>
    <row r="416172" spans="14:14">
      <c r="N416172" s="10"/>
    </row>
    <row r="416173" spans="14:14">
      <c r="N416173" s="10"/>
    </row>
    <row r="416174" spans="14:14">
      <c r="N416174" s="10"/>
    </row>
    <row r="416175" spans="14:14">
      <c r="N416175" s="10"/>
    </row>
    <row r="416176" spans="14:14">
      <c r="N416176" s="10"/>
    </row>
    <row r="416177" spans="14:14">
      <c r="N416177" s="10"/>
    </row>
    <row r="416178" spans="14:14">
      <c r="N416178" s="10"/>
    </row>
    <row r="416179" spans="14:14">
      <c r="N416179" s="10"/>
    </row>
    <row r="416180" spans="14:14">
      <c r="N416180" s="10"/>
    </row>
    <row r="416181" spans="14:14">
      <c r="N416181" s="10"/>
    </row>
    <row r="416182" spans="14:14">
      <c r="N416182" s="10"/>
    </row>
    <row r="416183" spans="14:14">
      <c r="N416183" s="10"/>
    </row>
    <row r="416184" spans="14:14">
      <c r="N416184" s="10"/>
    </row>
    <row r="416185" spans="14:14">
      <c r="N416185" s="10"/>
    </row>
    <row r="416186" spans="14:14">
      <c r="N416186" s="10"/>
    </row>
    <row r="416187" spans="14:14">
      <c r="N416187" s="10"/>
    </row>
    <row r="416188" spans="14:14">
      <c r="N416188" s="10"/>
    </row>
    <row r="416189" spans="14:14">
      <c r="N416189" s="10"/>
    </row>
    <row r="416190" spans="14:14">
      <c r="N416190" s="10"/>
    </row>
    <row r="416191" spans="14:14">
      <c r="N416191" s="10"/>
    </row>
    <row r="416192" spans="14:14">
      <c r="N416192" s="10"/>
    </row>
    <row r="416193" spans="14:14">
      <c r="N416193" s="10"/>
    </row>
    <row r="416194" spans="14:14">
      <c r="N416194" s="10"/>
    </row>
    <row r="416195" spans="14:14">
      <c r="N416195" s="10"/>
    </row>
    <row r="416196" spans="14:14">
      <c r="N416196" s="10"/>
    </row>
    <row r="416197" spans="14:14">
      <c r="N416197" s="10"/>
    </row>
    <row r="416198" spans="14:14">
      <c r="N416198" s="10"/>
    </row>
    <row r="416199" spans="14:14">
      <c r="N416199" s="10"/>
    </row>
    <row r="416200" spans="14:14">
      <c r="N416200" s="10"/>
    </row>
    <row r="416201" spans="14:14">
      <c r="N416201" s="10"/>
    </row>
    <row r="416202" spans="14:14">
      <c r="N416202" s="10"/>
    </row>
    <row r="416203" spans="14:14">
      <c r="N416203" s="10"/>
    </row>
    <row r="416204" spans="14:14">
      <c r="N416204" s="10"/>
    </row>
    <row r="416205" spans="14:14">
      <c r="N416205" s="10"/>
    </row>
    <row r="416206" spans="14:14">
      <c r="N416206" s="10"/>
    </row>
    <row r="416207" spans="14:14">
      <c r="N416207" s="10"/>
    </row>
    <row r="416208" spans="14:14">
      <c r="N416208" s="10"/>
    </row>
    <row r="416209" spans="14:14">
      <c r="N416209" s="10"/>
    </row>
    <row r="416210" spans="14:14">
      <c r="N416210" s="10"/>
    </row>
    <row r="416211" spans="14:14">
      <c r="N416211" s="10"/>
    </row>
    <row r="416212" spans="14:14">
      <c r="N416212" s="10"/>
    </row>
    <row r="416213" spans="14:14">
      <c r="N416213" s="10"/>
    </row>
    <row r="416214" spans="14:14">
      <c r="N416214" s="10"/>
    </row>
    <row r="416215" spans="14:14">
      <c r="N416215" s="10"/>
    </row>
    <row r="416216" spans="14:14">
      <c r="N416216" s="10"/>
    </row>
    <row r="416217" spans="14:14">
      <c r="N416217" s="10"/>
    </row>
    <row r="416218" spans="14:14">
      <c r="N416218" s="10"/>
    </row>
    <row r="416219" spans="14:14">
      <c r="N416219" s="10"/>
    </row>
    <row r="416220" spans="14:14">
      <c r="N416220" s="10"/>
    </row>
    <row r="416221" spans="14:14">
      <c r="N416221" s="10"/>
    </row>
    <row r="416222" spans="14:14">
      <c r="N416222" s="10"/>
    </row>
    <row r="416223" spans="14:14">
      <c r="N416223" s="10"/>
    </row>
    <row r="416224" spans="14:14">
      <c r="N416224" s="10"/>
    </row>
    <row r="416225" spans="14:14">
      <c r="N416225" s="10"/>
    </row>
    <row r="416226" spans="14:14">
      <c r="N416226" s="10"/>
    </row>
    <row r="416227" spans="14:14">
      <c r="N416227" s="10"/>
    </row>
    <row r="416228" spans="14:14">
      <c r="N416228" s="10"/>
    </row>
    <row r="416229" spans="14:14">
      <c r="N416229" s="10"/>
    </row>
    <row r="416230" spans="14:14">
      <c r="N416230" s="10"/>
    </row>
    <row r="416231" spans="14:14">
      <c r="N416231" s="10"/>
    </row>
    <row r="416232" spans="14:14">
      <c r="N416232" s="10"/>
    </row>
    <row r="416233" spans="14:14">
      <c r="N416233" s="10"/>
    </row>
    <row r="416234" spans="14:14">
      <c r="N416234" s="10"/>
    </row>
    <row r="416235" spans="14:14">
      <c r="N416235" s="10"/>
    </row>
    <row r="416236" spans="14:14">
      <c r="N416236" s="10"/>
    </row>
    <row r="416237" spans="14:14">
      <c r="N416237" s="10"/>
    </row>
    <row r="416238" spans="14:14">
      <c r="N416238" s="10"/>
    </row>
    <row r="416239" spans="14:14">
      <c r="N416239" s="10"/>
    </row>
    <row r="416240" spans="14:14">
      <c r="N416240" s="10"/>
    </row>
    <row r="416241" spans="14:14">
      <c r="N416241" s="10"/>
    </row>
    <row r="416242" spans="14:14">
      <c r="N416242" s="10"/>
    </row>
    <row r="416243" spans="14:14">
      <c r="N416243" s="10"/>
    </row>
    <row r="416244" spans="14:14">
      <c r="N416244" s="10"/>
    </row>
    <row r="416245" spans="14:14">
      <c r="N416245" s="10"/>
    </row>
    <row r="416246" spans="14:14">
      <c r="N416246" s="10"/>
    </row>
    <row r="416247" spans="14:14">
      <c r="N416247" s="10"/>
    </row>
    <row r="416248" spans="14:14">
      <c r="N416248" s="10"/>
    </row>
    <row r="416249" spans="14:14">
      <c r="N416249" s="10"/>
    </row>
    <row r="416250" spans="14:14">
      <c r="N416250" s="10"/>
    </row>
    <row r="416251" spans="14:14">
      <c r="N416251" s="10"/>
    </row>
    <row r="416252" spans="14:14">
      <c r="N416252" s="10"/>
    </row>
    <row r="416253" spans="14:14">
      <c r="N416253" s="10"/>
    </row>
    <row r="416254" spans="14:14">
      <c r="N416254" s="10"/>
    </row>
    <row r="416255" spans="14:14">
      <c r="N416255" s="10"/>
    </row>
    <row r="416256" spans="14:14">
      <c r="N416256" s="10"/>
    </row>
    <row r="416257" spans="14:14">
      <c r="N416257" s="10"/>
    </row>
    <row r="416258" spans="14:14">
      <c r="N416258" s="10"/>
    </row>
    <row r="416259" spans="14:14">
      <c r="N416259" s="10"/>
    </row>
    <row r="416260" spans="14:14">
      <c r="N416260" s="10"/>
    </row>
    <row r="416261" spans="14:14">
      <c r="N416261" s="10"/>
    </row>
    <row r="416262" spans="14:14">
      <c r="N416262" s="10"/>
    </row>
    <row r="416263" spans="14:14">
      <c r="N416263" s="10"/>
    </row>
    <row r="416264" spans="14:14">
      <c r="N416264" s="10"/>
    </row>
    <row r="416265" spans="14:14">
      <c r="N416265" s="10"/>
    </row>
    <row r="416266" spans="14:14">
      <c r="N416266" s="10"/>
    </row>
    <row r="416267" spans="14:14">
      <c r="N416267" s="10"/>
    </row>
    <row r="416268" spans="14:14">
      <c r="N416268" s="10"/>
    </row>
    <row r="416269" spans="14:14">
      <c r="N416269" s="10"/>
    </row>
    <row r="416270" spans="14:14">
      <c r="N416270" s="10"/>
    </row>
    <row r="416271" spans="14:14">
      <c r="N416271" s="10"/>
    </row>
    <row r="416272" spans="14:14">
      <c r="N416272" s="10"/>
    </row>
    <row r="416273" spans="14:14">
      <c r="N416273" s="10"/>
    </row>
    <row r="416274" spans="14:14">
      <c r="N416274" s="10"/>
    </row>
    <row r="416275" spans="14:14">
      <c r="N416275" s="10"/>
    </row>
    <row r="416276" spans="14:14">
      <c r="N416276" s="10"/>
    </row>
    <row r="416277" spans="14:14">
      <c r="N416277" s="10"/>
    </row>
    <row r="416278" spans="14:14">
      <c r="N416278" s="10"/>
    </row>
    <row r="416279" spans="14:14">
      <c r="N416279" s="10"/>
    </row>
    <row r="416280" spans="14:14">
      <c r="N416280" s="10"/>
    </row>
    <row r="416281" spans="14:14">
      <c r="N416281" s="10"/>
    </row>
    <row r="416282" spans="14:14">
      <c r="N416282" s="10"/>
    </row>
    <row r="416283" spans="14:14">
      <c r="N416283" s="10"/>
    </row>
    <row r="416284" spans="14:14">
      <c r="N416284" s="10"/>
    </row>
    <row r="416285" spans="14:14">
      <c r="N416285" s="10"/>
    </row>
    <row r="416286" spans="14:14">
      <c r="N416286" s="10"/>
    </row>
    <row r="416287" spans="14:14">
      <c r="N416287" s="10"/>
    </row>
    <row r="416288" spans="14:14">
      <c r="N416288" s="10"/>
    </row>
    <row r="416289" spans="14:14">
      <c r="N416289" s="10"/>
    </row>
    <row r="416290" spans="14:14">
      <c r="N416290" s="10"/>
    </row>
    <row r="416291" spans="14:14">
      <c r="N416291" s="10"/>
    </row>
    <row r="416292" spans="14:14">
      <c r="N416292" s="10"/>
    </row>
    <row r="416293" spans="14:14">
      <c r="N416293" s="10"/>
    </row>
    <row r="416294" spans="14:14">
      <c r="N416294" s="10"/>
    </row>
    <row r="416295" spans="14:14">
      <c r="N416295" s="10"/>
    </row>
    <row r="416296" spans="14:14">
      <c r="N416296" s="10"/>
    </row>
    <row r="416297" spans="14:14">
      <c r="N416297" s="10"/>
    </row>
    <row r="416298" spans="14:14">
      <c r="N416298" s="10"/>
    </row>
    <row r="416299" spans="14:14">
      <c r="N416299" s="10"/>
    </row>
    <row r="416300" spans="14:14">
      <c r="N416300" s="10"/>
    </row>
    <row r="416301" spans="14:14">
      <c r="N416301" s="10"/>
    </row>
    <row r="416302" spans="14:14">
      <c r="N416302" s="10"/>
    </row>
    <row r="416303" spans="14:14">
      <c r="N416303" s="10"/>
    </row>
    <row r="416304" spans="14:14">
      <c r="N416304" s="10"/>
    </row>
    <row r="416305" spans="14:14">
      <c r="N416305" s="10"/>
    </row>
    <row r="416306" spans="14:14">
      <c r="N416306" s="10"/>
    </row>
    <row r="416307" spans="14:14">
      <c r="N416307" s="10"/>
    </row>
    <row r="416308" spans="14:14">
      <c r="N416308" s="10"/>
    </row>
    <row r="416309" spans="14:14">
      <c r="N416309" s="10"/>
    </row>
    <row r="416310" spans="14:14">
      <c r="N416310" s="10"/>
    </row>
    <row r="416311" spans="14:14">
      <c r="N416311" s="10"/>
    </row>
    <row r="416312" spans="14:14">
      <c r="N416312" s="10"/>
    </row>
    <row r="416313" spans="14:14">
      <c r="N416313" s="10"/>
    </row>
    <row r="416314" spans="14:14">
      <c r="N416314" s="10"/>
    </row>
    <row r="416315" spans="14:14">
      <c r="N416315" s="10"/>
    </row>
    <row r="416316" spans="14:14">
      <c r="N416316" s="10"/>
    </row>
    <row r="416317" spans="14:14">
      <c r="N416317" s="10"/>
    </row>
    <row r="416318" spans="14:14">
      <c r="N416318" s="10"/>
    </row>
    <row r="416319" spans="14:14">
      <c r="N416319" s="10"/>
    </row>
    <row r="416320" spans="14:14">
      <c r="N416320" s="10"/>
    </row>
    <row r="416321" spans="14:14">
      <c r="N416321" s="10"/>
    </row>
    <row r="416322" spans="14:14">
      <c r="N416322" s="10"/>
    </row>
    <row r="416323" spans="14:14">
      <c r="N416323" s="10"/>
    </row>
    <row r="416324" spans="14:14">
      <c r="N416324" s="10"/>
    </row>
    <row r="416325" spans="14:14">
      <c r="N416325" s="10"/>
    </row>
    <row r="416326" spans="14:14">
      <c r="N416326" s="10"/>
    </row>
    <row r="416327" spans="14:14">
      <c r="N416327" s="10"/>
    </row>
    <row r="416328" spans="14:14">
      <c r="N416328" s="10"/>
    </row>
    <row r="416329" spans="14:14">
      <c r="N416329" s="10"/>
    </row>
    <row r="416330" spans="14:14">
      <c r="N416330" s="10"/>
    </row>
    <row r="416331" spans="14:14">
      <c r="N416331" s="10"/>
    </row>
    <row r="416332" spans="14:14">
      <c r="N416332" s="10"/>
    </row>
    <row r="416333" spans="14:14">
      <c r="N416333" s="10"/>
    </row>
    <row r="416334" spans="14:14">
      <c r="N416334" s="10"/>
    </row>
    <row r="416335" spans="14:14">
      <c r="N416335" s="10"/>
    </row>
    <row r="416336" spans="14:14">
      <c r="N416336" s="10"/>
    </row>
    <row r="416337" spans="14:14">
      <c r="N416337" s="10"/>
    </row>
    <row r="416338" spans="14:14">
      <c r="N416338" s="10"/>
    </row>
    <row r="416339" spans="14:14">
      <c r="N416339" s="10"/>
    </row>
    <row r="416340" spans="14:14">
      <c r="N416340" s="10"/>
    </row>
    <row r="416341" spans="14:14">
      <c r="N416341" s="10"/>
    </row>
    <row r="416342" spans="14:14">
      <c r="N416342" s="10"/>
    </row>
    <row r="416343" spans="14:14">
      <c r="N416343" s="10"/>
    </row>
    <row r="416344" spans="14:14">
      <c r="N416344" s="10"/>
    </row>
    <row r="416345" spans="14:14">
      <c r="N416345" s="10"/>
    </row>
    <row r="416346" spans="14:14">
      <c r="N416346" s="10"/>
    </row>
    <row r="416347" spans="14:14">
      <c r="N416347" s="10"/>
    </row>
    <row r="416348" spans="14:14">
      <c r="N416348" s="10"/>
    </row>
    <row r="416349" spans="14:14">
      <c r="N416349" s="10"/>
    </row>
    <row r="416350" spans="14:14">
      <c r="N416350" s="10"/>
    </row>
    <row r="416351" spans="14:14">
      <c r="N416351" s="10"/>
    </row>
    <row r="416352" spans="14:14">
      <c r="N416352" s="10"/>
    </row>
    <row r="416353" spans="14:14">
      <c r="N416353" s="10"/>
    </row>
    <row r="416354" spans="14:14">
      <c r="N416354" s="10"/>
    </row>
    <row r="416355" spans="14:14">
      <c r="N416355" s="10"/>
    </row>
    <row r="416356" spans="14:14">
      <c r="N416356" s="10"/>
    </row>
    <row r="416357" spans="14:14">
      <c r="N416357" s="10"/>
    </row>
    <row r="416358" spans="14:14">
      <c r="N416358" s="10"/>
    </row>
    <row r="416359" spans="14:14">
      <c r="N416359" s="10"/>
    </row>
    <row r="416360" spans="14:14">
      <c r="N416360" s="10"/>
    </row>
    <row r="416361" spans="14:14">
      <c r="N416361" s="10"/>
    </row>
    <row r="416362" spans="14:14">
      <c r="N416362" s="10"/>
    </row>
    <row r="416363" spans="14:14">
      <c r="N416363" s="10"/>
    </row>
    <row r="416364" spans="14:14">
      <c r="N416364" s="10"/>
    </row>
    <row r="416365" spans="14:14">
      <c r="N416365" s="10"/>
    </row>
    <row r="416366" spans="14:14">
      <c r="N416366" s="10"/>
    </row>
    <row r="416367" spans="14:14">
      <c r="N416367" s="10"/>
    </row>
    <row r="416368" spans="14:14">
      <c r="N416368" s="10"/>
    </row>
    <row r="416369" spans="14:14">
      <c r="N416369" s="10"/>
    </row>
    <row r="416370" spans="14:14">
      <c r="N416370" s="10"/>
    </row>
    <row r="416371" spans="14:14">
      <c r="N416371" s="10"/>
    </row>
    <row r="416372" spans="14:14">
      <c r="N416372" s="10"/>
    </row>
    <row r="416373" spans="14:14">
      <c r="N416373" s="10"/>
    </row>
    <row r="416374" spans="14:14">
      <c r="N416374" s="10"/>
    </row>
    <row r="416375" spans="14:14">
      <c r="N416375" s="10"/>
    </row>
    <row r="416376" spans="14:14">
      <c r="N416376" s="10"/>
    </row>
    <row r="416377" spans="14:14">
      <c r="N416377" s="10"/>
    </row>
    <row r="416378" spans="14:14">
      <c r="N416378" s="10"/>
    </row>
    <row r="416379" spans="14:14">
      <c r="N416379" s="10"/>
    </row>
    <row r="416380" spans="14:14">
      <c r="N416380" s="10"/>
    </row>
    <row r="416381" spans="14:14">
      <c r="N416381" s="10"/>
    </row>
    <row r="416382" spans="14:14">
      <c r="N416382" s="10"/>
    </row>
    <row r="416383" spans="14:14">
      <c r="N416383" s="10"/>
    </row>
    <row r="416384" spans="14:14">
      <c r="N416384" s="10"/>
    </row>
    <row r="416385" spans="14:14">
      <c r="N416385" s="10"/>
    </row>
    <row r="416386" spans="14:14">
      <c r="N416386" s="10"/>
    </row>
    <row r="416387" spans="14:14">
      <c r="N416387" s="10"/>
    </row>
    <row r="416388" spans="14:14">
      <c r="N416388" s="10"/>
    </row>
    <row r="416389" spans="14:14">
      <c r="N416389" s="10"/>
    </row>
    <row r="416390" spans="14:14">
      <c r="N416390" s="10"/>
    </row>
    <row r="416391" spans="14:14">
      <c r="N416391" s="10"/>
    </row>
    <row r="416392" spans="14:14">
      <c r="N416392" s="10"/>
    </row>
    <row r="416393" spans="14:14">
      <c r="N416393" s="10"/>
    </row>
    <row r="416394" spans="14:14">
      <c r="N416394" s="10"/>
    </row>
    <row r="416395" spans="14:14">
      <c r="N416395" s="10"/>
    </row>
    <row r="416396" spans="14:14">
      <c r="N416396" s="10"/>
    </row>
    <row r="416397" spans="14:14">
      <c r="N416397" s="10"/>
    </row>
    <row r="416398" spans="14:14">
      <c r="N416398" s="10"/>
    </row>
    <row r="416399" spans="14:14">
      <c r="N416399" s="10"/>
    </row>
    <row r="416400" spans="14:14">
      <c r="N416400" s="10"/>
    </row>
    <row r="416401" spans="14:14">
      <c r="N416401" s="10"/>
    </row>
    <row r="416402" spans="14:14">
      <c r="N416402" s="10"/>
    </row>
    <row r="416403" spans="14:14">
      <c r="N416403" s="10"/>
    </row>
    <row r="416404" spans="14:14">
      <c r="N416404" s="10"/>
    </row>
    <row r="416405" spans="14:14">
      <c r="N416405" s="10"/>
    </row>
    <row r="416406" spans="14:14">
      <c r="N416406" s="10"/>
    </row>
    <row r="416407" spans="14:14">
      <c r="N416407" s="10"/>
    </row>
    <row r="416408" spans="14:14">
      <c r="N416408" s="10"/>
    </row>
    <row r="416409" spans="14:14">
      <c r="N416409" s="10"/>
    </row>
    <row r="416410" spans="14:14">
      <c r="N416410" s="10"/>
    </row>
    <row r="416411" spans="14:14">
      <c r="N416411" s="10"/>
    </row>
    <row r="416412" spans="14:14">
      <c r="N416412" s="10"/>
    </row>
    <row r="416413" spans="14:14">
      <c r="N416413" s="10"/>
    </row>
    <row r="416414" spans="14:14">
      <c r="N416414" s="10"/>
    </row>
    <row r="416415" spans="14:14">
      <c r="N416415" s="10"/>
    </row>
    <row r="416416" spans="14:14">
      <c r="N416416" s="10"/>
    </row>
    <row r="416417" spans="14:14">
      <c r="N416417" s="10"/>
    </row>
    <row r="416418" spans="14:14">
      <c r="N416418" s="10"/>
    </row>
    <row r="416419" spans="14:14">
      <c r="N416419" s="10"/>
    </row>
    <row r="416420" spans="14:14">
      <c r="N416420" s="10"/>
    </row>
    <row r="416421" spans="14:14">
      <c r="N416421" s="10"/>
    </row>
    <row r="416422" spans="14:14">
      <c r="N416422" s="10"/>
    </row>
    <row r="416423" spans="14:14">
      <c r="N416423" s="10"/>
    </row>
    <row r="416424" spans="14:14">
      <c r="N416424" s="10"/>
    </row>
    <row r="416425" spans="14:14">
      <c r="N416425" s="10"/>
    </row>
    <row r="416426" spans="14:14">
      <c r="N416426" s="10"/>
    </row>
    <row r="416427" spans="14:14">
      <c r="N416427" s="10"/>
    </row>
    <row r="416428" spans="14:14">
      <c r="N416428" s="10"/>
    </row>
    <row r="416429" spans="14:14">
      <c r="N416429" s="10"/>
    </row>
    <row r="416430" spans="14:14">
      <c r="N416430" s="10"/>
    </row>
    <row r="416431" spans="14:14">
      <c r="N416431" s="10"/>
    </row>
    <row r="416432" spans="14:14">
      <c r="N416432" s="10"/>
    </row>
    <row r="416433" spans="14:14">
      <c r="N416433" s="10"/>
    </row>
    <row r="416434" spans="14:14">
      <c r="N416434" s="10"/>
    </row>
    <row r="416435" spans="14:14">
      <c r="N416435" s="10"/>
    </row>
    <row r="416436" spans="14:14">
      <c r="N416436" s="10"/>
    </row>
    <row r="416437" spans="14:14">
      <c r="N416437" s="10"/>
    </row>
    <row r="416438" spans="14:14">
      <c r="N416438" s="10"/>
    </row>
    <row r="416439" spans="14:14">
      <c r="N416439" s="10"/>
    </row>
    <row r="416440" spans="14:14">
      <c r="N416440" s="10"/>
    </row>
    <row r="416441" spans="14:14">
      <c r="N416441" s="10"/>
    </row>
    <row r="416442" spans="14:14">
      <c r="N416442" s="10"/>
    </row>
    <row r="416443" spans="14:14">
      <c r="N416443" s="10"/>
    </row>
    <row r="416444" spans="14:14">
      <c r="N416444" s="10"/>
    </row>
    <row r="416445" spans="14:14">
      <c r="N416445" s="10"/>
    </row>
    <row r="416446" spans="14:14">
      <c r="N416446" s="10"/>
    </row>
    <row r="416447" spans="14:14">
      <c r="N416447" s="10"/>
    </row>
    <row r="416448" spans="14:14">
      <c r="N416448" s="10"/>
    </row>
    <row r="416449" spans="14:14">
      <c r="N416449" s="10"/>
    </row>
    <row r="416450" spans="14:14">
      <c r="N416450" s="10"/>
    </row>
    <row r="416451" spans="14:14">
      <c r="N416451" s="10"/>
    </row>
    <row r="416452" spans="14:14">
      <c r="N416452" s="10"/>
    </row>
    <row r="416453" spans="14:14">
      <c r="N416453" s="10"/>
    </row>
    <row r="416454" spans="14:14">
      <c r="N416454" s="10"/>
    </row>
    <row r="416455" spans="14:14">
      <c r="N416455" s="10"/>
    </row>
    <row r="416456" spans="14:14">
      <c r="N416456" s="10"/>
    </row>
    <row r="416457" spans="14:14">
      <c r="N416457" s="10"/>
    </row>
    <row r="416458" spans="14:14">
      <c r="N416458" s="10"/>
    </row>
    <row r="416459" spans="14:14">
      <c r="N416459" s="10"/>
    </row>
    <row r="416460" spans="14:14">
      <c r="N416460" s="10"/>
    </row>
    <row r="416461" spans="14:14">
      <c r="N416461" s="10"/>
    </row>
    <row r="416462" spans="14:14">
      <c r="N416462" s="10"/>
    </row>
    <row r="416463" spans="14:14">
      <c r="N416463" s="10"/>
    </row>
    <row r="416464" spans="14:14">
      <c r="N416464" s="10"/>
    </row>
    <row r="416465" spans="14:14">
      <c r="N416465" s="10"/>
    </row>
    <row r="416466" spans="14:14">
      <c r="N416466" s="10"/>
    </row>
    <row r="416467" spans="14:14">
      <c r="N416467" s="10"/>
    </row>
    <row r="416468" spans="14:14">
      <c r="N416468" s="10"/>
    </row>
    <row r="416469" spans="14:14">
      <c r="N416469" s="10"/>
    </row>
    <row r="416470" spans="14:14">
      <c r="N416470" s="10"/>
    </row>
    <row r="416471" spans="14:14">
      <c r="N416471" s="10"/>
    </row>
    <row r="416472" spans="14:14">
      <c r="N416472" s="10"/>
    </row>
    <row r="416473" spans="14:14">
      <c r="N416473" s="10"/>
    </row>
    <row r="416474" spans="14:14">
      <c r="N416474" s="10"/>
    </row>
    <row r="416475" spans="14:14">
      <c r="N416475" s="10"/>
    </row>
    <row r="416476" spans="14:14">
      <c r="N416476" s="10"/>
    </row>
    <row r="416477" spans="14:14">
      <c r="N416477" s="10"/>
    </row>
    <row r="416478" spans="14:14">
      <c r="N416478" s="10"/>
    </row>
    <row r="416479" spans="14:14">
      <c r="N416479" s="10"/>
    </row>
    <row r="416480" spans="14:14">
      <c r="N416480" s="10"/>
    </row>
    <row r="416481" spans="14:14">
      <c r="N416481" s="10"/>
    </row>
    <row r="416482" spans="14:14">
      <c r="N416482" s="10"/>
    </row>
    <row r="416483" spans="14:14">
      <c r="N416483" s="10"/>
    </row>
    <row r="416484" spans="14:14">
      <c r="N416484" s="10"/>
    </row>
    <row r="416485" spans="14:14">
      <c r="N416485" s="10"/>
    </row>
    <row r="416486" spans="14:14">
      <c r="N416486" s="10"/>
    </row>
    <row r="416487" spans="14:14">
      <c r="N416487" s="10"/>
    </row>
    <row r="416488" spans="14:14">
      <c r="N416488" s="10"/>
    </row>
    <row r="416489" spans="14:14">
      <c r="N416489" s="10"/>
    </row>
    <row r="416490" spans="14:14">
      <c r="N416490" s="10"/>
    </row>
    <row r="416491" spans="14:14">
      <c r="N416491" s="10"/>
    </row>
    <row r="416492" spans="14:14">
      <c r="N416492" s="10"/>
    </row>
    <row r="416493" spans="14:14">
      <c r="N416493" s="10"/>
    </row>
    <row r="416494" spans="14:14">
      <c r="N416494" s="10"/>
    </row>
    <row r="416495" spans="14:14">
      <c r="N416495" s="10"/>
    </row>
    <row r="416496" spans="14:14">
      <c r="N416496" s="10"/>
    </row>
    <row r="416497" spans="14:14">
      <c r="N416497" s="10"/>
    </row>
    <row r="416498" spans="14:14">
      <c r="N416498" s="10"/>
    </row>
    <row r="416499" spans="14:14">
      <c r="N416499" s="10"/>
    </row>
    <row r="416500" spans="14:14">
      <c r="N416500" s="10"/>
    </row>
    <row r="416501" spans="14:14">
      <c r="N416501" s="10"/>
    </row>
    <row r="416502" spans="14:14">
      <c r="N416502" s="10"/>
    </row>
    <row r="416503" spans="14:14">
      <c r="N416503" s="10"/>
    </row>
    <row r="416504" spans="14:14">
      <c r="N416504" s="10"/>
    </row>
    <row r="416505" spans="14:14">
      <c r="N416505" s="10"/>
    </row>
    <row r="416506" spans="14:14">
      <c r="N416506" s="10"/>
    </row>
    <row r="416507" spans="14:14">
      <c r="N416507" s="10"/>
    </row>
    <row r="416508" spans="14:14">
      <c r="N416508" s="10"/>
    </row>
    <row r="416509" spans="14:14">
      <c r="N416509" s="10"/>
    </row>
    <row r="416510" spans="14:14">
      <c r="N416510" s="10"/>
    </row>
    <row r="416511" spans="14:14">
      <c r="N416511" s="10"/>
    </row>
    <row r="416512" spans="14:14">
      <c r="N416512" s="10"/>
    </row>
    <row r="416513" spans="14:14">
      <c r="N416513" s="10"/>
    </row>
    <row r="416514" spans="14:14">
      <c r="N416514" s="10"/>
    </row>
    <row r="416515" spans="14:14">
      <c r="N416515" s="10"/>
    </row>
    <row r="416516" spans="14:14">
      <c r="N416516" s="10"/>
    </row>
    <row r="416517" spans="14:14">
      <c r="N416517" s="10"/>
    </row>
    <row r="416518" spans="14:14">
      <c r="N416518" s="10"/>
    </row>
    <row r="416519" spans="14:14">
      <c r="N416519" s="10"/>
    </row>
    <row r="416520" spans="14:14">
      <c r="N416520" s="10"/>
    </row>
    <row r="416521" spans="14:14">
      <c r="N416521" s="10"/>
    </row>
    <row r="416522" spans="14:14">
      <c r="N416522" s="10"/>
    </row>
    <row r="416523" spans="14:14">
      <c r="N416523" s="10"/>
    </row>
    <row r="416524" spans="14:14">
      <c r="N416524" s="10"/>
    </row>
    <row r="416525" spans="14:14">
      <c r="N416525" s="10"/>
    </row>
    <row r="416526" spans="14:14">
      <c r="N416526" s="10"/>
    </row>
    <row r="416527" spans="14:14">
      <c r="N416527" s="10"/>
    </row>
    <row r="416528" spans="14:14">
      <c r="N416528" s="10"/>
    </row>
    <row r="416529" spans="14:14">
      <c r="N416529" s="10"/>
    </row>
    <row r="416530" spans="14:14">
      <c r="N416530" s="10"/>
    </row>
    <row r="416531" spans="14:14">
      <c r="N416531" s="10"/>
    </row>
    <row r="416532" spans="14:14">
      <c r="N416532" s="10"/>
    </row>
    <row r="416533" spans="14:14">
      <c r="N416533" s="10"/>
    </row>
    <row r="416534" spans="14:14">
      <c r="N416534" s="10"/>
    </row>
    <row r="416535" spans="14:14">
      <c r="N416535" s="10"/>
    </row>
    <row r="416536" spans="14:14">
      <c r="N416536" s="10"/>
    </row>
    <row r="416537" spans="14:14">
      <c r="N416537" s="10"/>
    </row>
    <row r="416538" spans="14:14">
      <c r="N416538" s="10"/>
    </row>
    <row r="416539" spans="14:14">
      <c r="N416539" s="10"/>
    </row>
    <row r="416540" spans="14:14">
      <c r="N416540" s="10"/>
    </row>
    <row r="416541" spans="14:14">
      <c r="N416541" s="10"/>
    </row>
    <row r="416542" spans="14:14">
      <c r="N416542" s="10"/>
    </row>
    <row r="416543" spans="14:14">
      <c r="N416543" s="10"/>
    </row>
    <row r="416544" spans="14:14">
      <c r="N416544" s="10"/>
    </row>
    <row r="416545" spans="14:14">
      <c r="N416545" s="10"/>
    </row>
    <row r="416546" spans="14:14">
      <c r="N416546" s="10"/>
    </row>
    <row r="416547" spans="14:14">
      <c r="N416547" s="10"/>
    </row>
    <row r="416548" spans="14:14">
      <c r="N416548" s="10"/>
    </row>
    <row r="416549" spans="14:14">
      <c r="N416549" s="10"/>
    </row>
    <row r="416550" spans="14:14">
      <c r="N416550" s="10"/>
    </row>
    <row r="416551" spans="14:14">
      <c r="N416551" s="10"/>
    </row>
    <row r="416552" spans="14:14">
      <c r="N416552" s="10"/>
    </row>
    <row r="416553" spans="14:14">
      <c r="N416553" s="10"/>
    </row>
    <row r="416554" spans="14:14">
      <c r="N416554" s="10"/>
    </row>
    <row r="416555" spans="14:14">
      <c r="N416555" s="10"/>
    </row>
    <row r="416556" spans="14:14">
      <c r="N416556" s="10"/>
    </row>
    <row r="416557" spans="14:14">
      <c r="N416557" s="10"/>
    </row>
    <row r="416558" spans="14:14">
      <c r="N416558" s="10"/>
    </row>
    <row r="416559" spans="14:14">
      <c r="N416559" s="10"/>
    </row>
    <row r="416560" spans="14:14">
      <c r="N416560" s="10"/>
    </row>
    <row r="416561" spans="14:14">
      <c r="N416561" s="10"/>
    </row>
    <row r="416562" spans="14:14">
      <c r="N416562" s="10"/>
    </row>
    <row r="416563" spans="14:14">
      <c r="N416563" s="10"/>
    </row>
    <row r="416564" spans="14:14">
      <c r="N416564" s="10"/>
    </row>
    <row r="416565" spans="14:14">
      <c r="N416565" s="10"/>
    </row>
    <row r="416566" spans="14:14">
      <c r="N416566" s="10"/>
    </row>
    <row r="416567" spans="14:14">
      <c r="N416567" s="10"/>
    </row>
    <row r="416568" spans="14:14">
      <c r="N416568" s="10"/>
    </row>
    <row r="416569" spans="14:14">
      <c r="N416569" s="10"/>
    </row>
    <row r="416570" spans="14:14">
      <c r="N416570" s="10"/>
    </row>
    <row r="416571" spans="14:14">
      <c r="N416571" s="10"/>
    </row>
    <row r="416572" spans="14:14">
      <c r="N416572" s="10"/>
    </row>
    <row r="416573" spans="14:14">
      <c r="N416573" s="10"/>
    </row>
    <row r="416574" spans="14:14">
      <c r="N416574" s="10"/>
    </row>
    <row r="416575" spans="14:14">
      <c r="N416575" s="10"/>
    </row>
    <row r="416576" spans="14:14">
      <c r="N416576" s="10"/>
    </row>
    <row r="416577" spans="14:14">
      <c r="N416577" s="10"/>
    </row>
    <row r="416578" spans="14:14">
      <c r="N416578" s="10"/>
    </row>
    <row r="416579" spans="14:14">
      <c r="N416579" s="10"/>
    </row>
    <row r="416580" spans="14:14">
      <c r="N416580" s="10"/>
    </row>
    <row r="416581" spans="14:14">
      <c r="N416581" s="10"/>
    </row>
    <row r="416582" spans="14:14">
      <c r="N416582" s="10"/>
    </row>
    <row r="416583" spans="14:14">
      <c r="N416583" s="10"/>
    </row>
    <row r="416584" spans="14:14">
      <c r="N416584" s="10"/>
    </row>
    <row r="416585" spans="14:14">
      <c r="N416585" s="10"/>
    </row>
    <row r="416586" spans="14:14">
      <c r="N416586" s="10"/>
    </row>
    <row r="416587" spans="14:14">
      <c r="N416587" s="10"/>
    </row>
    <row r="416588" spans="14:14">
      <c r="N416588" s="10"/>
    </row>
    <row r="416589" spans="14:14">
      <c r="N416589" s="10"/>
    </row>
    <row r="416590" spans="14:14">
      <c r="N416590" s="10"/>
    </row>
    <row r="416591" spans="14:14">
      <c r="N416591" s="10"/>
    </row>
    <row r="416592" spans="14:14">
      <c r="N416592" s="10"/>
    </row>
    <row r="416593" spans="14:14">
      <c r="N416593" s="10"/>
    </row>
    <row r="416594" spans="14:14">
      <c r="N416594" s="10"/>
    </row>
    <row r="416595" spans="14:14">
      <c r="N416595" s="10"/>
    </row>
    <row r="416596" spans="14:14">
      <c r="N416596" s="10"/>
    </row>
    <row r="416597" spans="14:14">
      <c r="N416597" s="10"/>
    </row>
    <row r="416598" spans="14:14">
      <c r="N416598" s="10"/>
    </row>
    <row r="416599" spans="14:14">
      <c r="N416599" s="10"/>
    </row>
    <row r="416600" spans="14:14">
      <c r="N416600" s="10"/>
    </row>
    <row r="416601" spans="14:14">
      <c r="N416601" s="10"/>
    </row>
    <row r="416602" spans="14:14">
      <c r="N416602" s="10"/>
    </row>
    <row r="416603" spans="14:14">
      <c r="N416603" s="10"/>
    </row>
    <row r="416604" spans="14:14">
      <c r="N416604" s="10"/>
    </row>
    <row r="416605" spans="14:14">
      <c r="N416605" s="10"/>
    </row>
    <row r="416606" spans="14:14">
      <c r="N416606" s="10"/>
    </row>
    <row r="416607" spans="14:14">
      <c r="N416607" s="10"/>
    </row>
    <row r="416608" spans="14:14">
      <c r="N416608" s="10"/>
    </row>
    <row r="416609" spans="14:14">
      <c r="N416609" s="10"/>
    </row>
    <row r="416610" spans="14:14">
      <c r="N416610" s="10"/>
    </row>
    <row r="416611" spans="14:14">
      <c r="N416611" s="10"/>
    </row>
    <row r="416612" spans="14:14">
      <c r="N416612" s="10"/>
    </row>
    <row r="416613" spans="14:14">
      <c r="N416613" s="10"/>
    </row>
    <row r="416614" spans="14:14">
      <c r="N416614" s="10"/>
    </row>
    <row r="416615" spans="14:14">
      <c r="N416615" s="10"/>
    </row>
    <row r="416616" spans="14:14">
      <c r="N416616" s="10"/>
    </row>
    <row r="416617" spans="14:14">
      <c r="N416617" s="10"/>
    </row>
    <row r="416618" spans="14:14">
      <c r="N416618" s="10"/>
    </row>
    <row r="416619" spans="14:14">
      <c r="N416619" s="10"/>
    </row>
    <row r="416620" spans="14:14">
      <c r="N416620" s="10"/>
    </row>
    <row r="416621" spans="14:14">
      <c r="N416621" s="10"/>
    </row>
    <row r="416622" spans="14:14">
      <c r="N416622" s="10"/>
    </row>
    <row r="416623" spans="14:14">
      <c r="N416623" s="10"/>
    </row>
    <row r="416624" spans="14:14">
      <c r="N416624" s="10"/>
    </row>
    <row r="416625" spans="14:14">
      <c r="N416625" s="10"/>
    </row>
    <row r="416626" spans="14:14">
      <c r="N416626" s="10"/>
    </row>
    <row r="416627" spans="14:14">
      <c r="N416627" s="10"/>
    </row>
    <row r="416628" spans="14:14">
      <c r="N416628" s="10"/>
    </row>
    <row r="416629" spans="14:14">
      <c r="N416629" s="10"/>
    </row>
    <row r="416630" spans="14:14">
      <c r="N416630" s="10"/>
    </row>
    <row r="416631" spans="14:14">
      <c r="N416631" s="10"/>
    </row>
    <row r="416632" spans="14:14">
      <c r="N416632" s="10"/>
    </row>
    <row r="416633" spans="14:14">
      <c r="N416633" s="10"/>
    </row>
    <row r="416634" spans="14:14">
      <c r="N416634" s="10"/>
    </row>
    <row r="416635" spans="14:14">
      <c r="N416635" s="10"/>
    </row>
    <row r="416636" spans="14:14">
      <c r="N416636" s="10"/>
    </row>
    <row r="416637" spans="14:14">
      <c r="N416637" s="10"/>
    </row>
    <row r="416638" spans="14:14">
      <c r="N416638" s="10"/>
    </row>
    <row r="416639" spans="14:14">
      <c r="N416639" s="10"/>
    </row>
    <row r="416640" spans="14:14">
      <c r="N416640" s="10"/>
    </row>
    <row r="416641" spans="14:14">
      <c r="N416641" s="10"/>
    </row>
    <row r="416642" spans="14:14">
      <c r="N416642" s="10"/>
    </row>
    <row r="416643" spans="14:14">
      <c r="N416643" s="10"/>
    </row>
    <row r="416644" spans="14:14">
      <c r="N416644" s="10"/>
    </row>
    <row r="416645" spans="14:14">
      <c r="N416645" s="10"/>
    </row>
    <row r="416646" spans="14:14">
      <c r="N416646" s="10"/>
    </row>
    <row r="416647" spans="14:14">
      <c r="N416647" s="10"/>
    </row>
    <row r="416648" spans="14:14">
      <c r="N416648" s="10"/>
    </row>
    <row r="416649" spans="14:14">
      <c r="N416649" s="10"/>
    </row>
    <row r="416650" spans="14:14">
      <c r="N416650" s="10"/>
    </row>
    <row r="416651" spans="14:14">
      <c r="N416651" s="10"/>
    </row>
    <row r="416652" spans="14:14">
      <c r="N416652" s="10"/>
    </row>
    <row r="416653" spans="14:14">
      <c r="N416653" s="10"/>
    </row>
    <row r="416654" spans="14:14">
      <c r="N416654" s="10"/>
    </row>
    <row r="416655" spans="14:14">
      <c r="N416655" s="10"/>
    </row>
    <row r="416656" spans="14:14">
      <c r="N416656" s="10"/>
    </row>
    <row r="416657" spans="14:14">
      <c r="N416657" s="10"/>
    </row>
    <row r="416658" spans="14:14">
      <c r="N416658" s="10"/>
    </row>
    <row r="416659" spans="14:14">
      <c r="N416659" s="10"/>
    </row>
    <row r="416660" spans="14:14">
      <c r="N416660" s="10"/>
    </row>
    <row r="416661" spans="14:14">
      <c r="N416661" s="10"/>
    </row>
    <row r="416662" spans="14:14">
      <c r="N416662" s="10"/>
    </row>
    <row r="416663" spans="14:14">
      <c r="N416663" s="10"/>
    </row>
    <row r="416664" spans="14:14">
      <c r="N416664" s="10"/>
    </row>
    <row r="416665" spans="14:14">
      <c r="N416665" s="10"/>
    </row>
    <row r="416666" spans="14:14">
      <c r="N416666" s="10"/>
    </row>
    <row r="416667" spans="14:14">
      <c r="N416667" s="10"/>
    </row>
    <row r="416668" spans="14:14">
      <c r="N416668" s="10"/>
    </row>
    <row r="416669" spans="14:14">
      <c r="N416669" s="10"/>
    </row>
    <row r="416670" spans="14:14">
      <c r="N416670" s="10"/>
    </row>
    <row r="416671" spans="14:14">
      <c r="N416671" s="10"/>
    </row>
    <row r="416672" spans="14:14">
      <c r="N416672" s="10"/>
    </row>
    <row r="416673" spans="14:14">
      <c r="N416673" s="10"/>
    </row>
    <row r="416674" spans="14:14">
      <c r="N416674" s="10"/>
    </row>
    <row r="416675" spans="14:14">
      <c r="N416675" s="10"/>
    </row>
    <row r="416676" spans="14:14">
      <c r="N416676" s="10"/>
    </row>
    <row r="416677" spans="14:14">
      <c r="N416677" s="10"/>
    </row>
    <row r="416678" spans="14:14">
      <c r="N416678" s="10"/>
    </row>
    <row r="416679" spans="14:14">
      <c r="N416679" s="10"/>
    </row>
    <row r="416680" spans="14:14">
      <c r="N416680" s="10"/>
    </row>
    <row r="416681" spans="14:14">
      <c r="N416681" s="10"/>
    </row>
    <row r="416682" spans="14:14">
      <c r="N416682" s="10"/>
    </row>
    <row r="416683" spans="14:14">
      <c r="N416683" s="10"/>
    </row>
    <row r="416684" spans="14:14">
      <c r="N416684" s="10"/>
    </row>
    <row r="416685" spans="14:14">
      <c r="N416685" s="10"/>
    </row>
    <row r="416686" spans="14:14">
      <c r="N416686" s="10"/>
    </row>
    <row r="416687" spans="14:14">
      <c r="N416687" s="10"/>
    </row>
    <row r="416688" spans="14:14">
      <c r="N416688" s="10"/>
    </row>
    <row r="416689" spans="14:14">
      <c r="N416689" s="10"/>
    </row>
    <row r="416690" spans="14:14">
      <c r="N416690" s="10"/>
    </row>
    <row r="416691" spans="14:14">
      <c r="N416691" s="10"/>
    </row>
    <row r="416692" spans="14:14">
      <c r="N416692" s="10"/>
    </row>
    <row r="416693" spans="14:14">
      <c r="N416693" s="10"/>
    </row>
    <row r="416694" spans="14:14">
      <c r="N416694" s="10"/>
    </row>
    <row r="416695" spans="14:14">
      <c r="N416695" s="10"/>
    </row>
    <row r="416696" spans="14:14">
      <c r="N416696" s="10"/>
    </row>
    <row r="416697" spans="14:14">
      <c r="N416697" s="10"/>
    </row>
    <row r="416698" spans="14:14">
      <c r="N416698" s="10"/>
    </row>
    <row r="416699" spans="14:14">
      <c r="N416699" s="10"/>
    </row>
    <row r="416700" spans="14:14">
      <c r="N416700" s="10"/>
    </row>
    <row r="416701" spans="14:14">
      <c r="N416701" s="10"/>
    </row>
    <row r="416702" spans="14:14">
      <c r="N416702" s="10"/>
    </row>
    <row r="416703" spans="14:14">
      <c r="N416703" s="10"/>
    </row>
    <row r="416704" spans="14:14">
      <c r="N416704" s="10"/>
    </row>
    <row r="416705" spans="14:14">
      <c r="N416705" s="10"/>
    </row>
    <row r="416706" spans="14:14">
      <c r="N416706" s="10"/>
    </row>
    <row r="416707" spans="14:14">
      <c r="N416707" s="10"/>
    </row>
    <row r="416708" spans="14:14">
      <c r="N416708" s="10"/>
    </row>
    <row r="416709" spans="14:14">
      <c r="N416709" s="10"/>
    </row>
    <row r="416710" spans="14:14">
      <c r="N416710" s="10"/>
    </row>
    <row r="416711" spans="14:14">
      <c r="N416711" s="10"/>
    </row>
    <row r="416712" spans="14:14">
      <c r="N416712" s="10"/>
    </row>
    <row r="416713" spans="14:14">
      <c r="N416713" s="10"/>
    </row>
    <row r="416714" spans="14:14">
      <c r="N416714" s="10"/>
    </row>
    <row r="416715" spans="14:14">
      <c r="N416715" s="10"/>
    </row>
    <row r="416716" spans="14:14">
      <c r="N416716" s="10"/>
    </row>
    <row r="416717" spans="14:14">
      <c r="N416717" s="10"/>
    </row>
    <row r="416718" spans="14:14">
      <c r="N416718" s="10"/>
    </row>
    <row r="416719" spans="14:14">
      <c r="N416719" s="10"/>
    </row>
    <row r="416720" spans="14:14">
      <c r="N416720" s="10"/>
    </row>
    <row r="416721" spans="14:14">
      <c r="N416721" s="10"/>
    </row>
    <row r="416722" spans="14:14">
      <c r="N416722" s="10"/>
    </row>
    <row r="416723" spans="14:14">
      <c r="N416723" s="10"/>
    </row>
    <row r="416724" spans="14:14">
      <c r="N416724" s="10"/>
    </row>
    <row r="416725" spans="14:14">
      <c r="N416725" s="10"/>
    </row>
    <row r="416726" spans="14:14">
      <c r="N416726" s="10"/>
    </row>
    <row r="416727" spans="14:14">
      <c r="N416727" s="10"/>
    </row>
    <row r="416728" spans="14:14">
      <c r="N416728" s="10"/>
    </row>
    <row r="416729" spans="14:14">
      <c r="N416729" s="10"/>
    </row>
    <row r="416730" spans="14:14">
      <c r="N416730" s="10"/>
    </row>
    <row r="416731" spans="14:14">
      <c r="N416731" s="10"/>
    </row>
    <row r="416732" spans="14:14">
      <c r="N416732" s="10"/>
    </row>
    <row r="416733" spans="14:14">
      <c r="N416733" s="10"/>
    </row>
    <row r="416734" spans="14:14">
      <c r="N416734" s="10"/>
    </row>
    <row r="416735" spans="14:14">
      <c r="N416735" s="10"/>
    </row>
    <row r="416736" spans="14:14">
      <c r="N416736" s="10"/>
    </row>
    <row r="416737" spans="14:14">
      <c r="N416737" s="10"/>
    </row>
    <row r="416738" spans="14:14">
      <c r="N416738" s="10"/>
    </row>
    <row r="416739" spans="14:14">
      <c r="N416739" s="10"/>
    </row>
    <row r="416740" spans="14:14">
      <c r="N416740" s="10"/>
    </row>
    <row r="416741" spans="14:14">
      <c r="N416741" s="10"/>
    </row>
    <row r="416742" spans="14:14">
      <c r="N416742" s="10"/>
    </row>
    <row r="416743" spans="14:14">
      <c r="N416743" s="10"/>
    </row>
    <row r="416744" spans="14:14">
      <c r="N416744" s="10"/>
    </row>
    <row r="416745" spans="14:14">
      <c r="N416745" s="10"/>
    </row>
    <row r="416746" spans="14:14">
      <c r="N416746" s="10"/>
    </row>
    <row r="416747" spans="14:14">
      <c r="N416747" s="10"/>
    </row>
    <row r="416748" spans="14:14">
      <c r="N416748" s="10"/>
    </row>
    <row r="416749" spans="14:14">
      <c r="N416749" s="10"/>
    </row>
    <row r="416750" spans="14:14">
      <c r="N416750" s="10"/>
    </row>
    <row r="416751" spans="14:14">
      <c r="N416751" s="10"/>
    </row>
    <row r="416752" spans="14:14">
      <c r="N416752" s="10"/>
    </row>
    <row r="416753" spans="14:14">
      <c r="N416753" s="10"/>
    </row>
    <row r="416754" spans="14:14">
      <c r="N416754" s="10"/>
    </row>
    <row r="416755" spans="14:14">
      <c r="N416755" s="10"/>
    </row>
    <row r="416756" spans="14:14">
      <c r="N416756" s="10"/>
    </row>
    <row r="416757" spans="14:14">
      <c r="N416757" s="10"/>
    </row>
    <row r="416758" spans="14:14">
      <c r="N416758" s="10"/>
    </row>
    <row r="416759" spans="14:14">
      <c r="N416759" s="10"/>
    </row>
    <row r="416760" spans="14:14">
      <c r="N416760" s="10"/>
    </row>
    <row r="416761" spans="14:14">
      <c r="N416761" s="10"/>
    </row>
    <row r="416762" spans="14:14">
      <c r="N416762" s="10"/>
    </row>
    <row r="416763" spans="14:14">
      <c r="N416763" s="10"/>
    </row>
    <row r="416764" spans="14:14">
      <c r="N416764" s="10"/>
    </row>
    <row r="416765" spans="14:14">
      <c r="N416765" s="10"/>
    </row>
    <row r="416766" spans="14:14">
      <c r="N416766" s="10"/>
    </row>
    <row r="416767" spans="14:14">
      <c r="N416767" s="10"/>
    </row>
    <row r="416768" spans="14:14">
      <c r="N416768" s="10"/>
    </row>
    <row r="416769" spans="14:14">
      <c r="N416769" s="10"/>
    </row>
    <row r="416770" spans="14:14">
      <c r="N416770" s="10"/>
    </row>
    <row r="416771" spans="14:14">
      <c r="N416771" s="10"/>
    </row>
    <row r="416772" spans="14:14">
      <c r="N416772" s="10"/>
    </row>
    <row r="416773" spans="14:14">
      <c r="N416773" s="10"/>
    </row>
    <row r="416774" spans="14:14">
      <c r="N416774" s="10"/>
    </row>
    <row r="416775" spans="14:14">
      <c r="N416775" s="10"/>
    </row>
    <row r="416776" spans="14:14">
      <c r="N416776" s="10"/>
    </row>
    <row r="416777" spans="14:14">
      <c r="N416777" s="10"/>
    </row>
    <row r="416778" spans="14:14">
      <c r="N416778" s="10"/>
    </row>
    <row r="416779" spans="14:14">
      <c r="N416779" s="10"/>
    </row>
    <row r="416780" spans="14:14">
      <c r="N416780" s="10"/>
    </row>
    <row r="416781" spans="14:14">
      <c r="N416781" s="10"/>
    </row>
    <row r="416782" spans="14:14">
      <c r="N416782" s="10"/>
    </row>
    <row r="416783" spans="14:14">
      <c r="N416783" s="10"/>
    </row>
    <row r="416784" spans="14:14">
      <c r="N416784" s="10"/>
    </row>
    <row r="416785" spans="14:14">
      <c r="N416785" s="10"/>
    </row>
    <row r="416786" spans="14:14">
      <c r="N416786" s="10"/>
    </row>
    <row r="416787" spans="14:14">
      <c r="N416787" s="10"/>
    </row>
    <row r="416788" spans="14:14">
      <c r="N416788" s="10"/>
    </row>
    <row r="416789" spans="14:14">
      <c r="N416789" s="10"/>
    </row>
    <row r="416790" spans="14:14">
      <c r="N416790" s="10"/>
    </row>
    <row r="416791" spans="14:14">
      <c r="N416791" s="10"/>
    </row>
    <row r="416792" spans="14:14">
      <c r="N416792" s="10"/>
    </row>
    <row r="416793" spans="14:14">
      <c r="N416793" s="10"/>
    </row>
    <row r="416794" spans="14:14">
      <c r="N416794" s="10"/>
    </row>
    <row r="416795" spans="14:14">
      <c r="N416795" s="10"/>
    </row>
    <row r="416796" spans="14:14">
      <c r="N416796" s="10"/>
    </row>
    <row r="416797" spans="14:14">
      <c r="N416797" s="10"/>
    </row>
    <row r="416798" spans="14:14">
      <c r="N416798" s="10"/>
    </row>
    <row r="416799" spans="14:14">
      <c r="N416799" s="10"/>
    </row>
    <row r="416800" spans="14:14">
      <c r="N416800" s="10"/>
    </row>
    <row r="416801" spans="14:14">
      <c r="N416801" s="10"/>
    </row>
    <row r="416802" spans="14:14">
      <c r="N416802" s="10"/>
    </row>
    <row r="416803" spans="14:14">
      <c r="N416803" s="10"/>
    </row>
    <row r="416804" spans="14:14">
      <c r="N416804" s="10"/>
    </row>
    <row r="416805" spans="14:14">
      <c r="N416805" s="10"/>
    </row>
    <row r="416806" spans="14:14">
      <c r="N416806" s="10"/>
    </row>
    <row r="416807" spans="14:14">
      <c r="N416807" s="10"/>
    </row>
    <row r="416808" spans="14:14">
      <c r="N416808" s="10"/>
    </row>
    <row r="416809" spans="14:14">
      <c r="N416809" s="10"/>
    </row>
    <row r="416810" spans="14:14">
      <c r="N416810" s="10"/>
    </row>
    <row r="416811" spans="14:14">
      <c r="N416811" s="10"/>
    </row>
    <row r="416812" spans="14:14">
      <c r="N416812" s="10"/>
    </row>
    <row r="416813" spans="14:14">
      <c r="N416813" s="10"/>
    </row>
    <row r="416814" spans="14:14">
      <c r="N416814" s="10"/>
    </row>
    <row r="416815" spans="14:14">
      <c r="N416815" s="10"/>
    </row>
    <row r="416816" spans="14:14">
      <c r="N416816" s="10"/>
    </row>
    <row r="416817" spans="14:14">
      <c r="N416817" s="10"/>
    </row>
    <row r="416818" spans="14:14">
      <c r="N416818" s="10"/>
    </row>
    <row r="416819" spans="14:14">
      <c r="N416819" s="10"/>
    </row>
    <row r="416820" spans="14:14">
      <c r="N416820" s="10"/>
    </row>
    <row r="416821" spans="14:14">
      <c r="N416821" s="10"/>
    </row>
    <row r="416822" spans="14:14">
      <c r="N416822" s="10"/>
    </row>
    <row r="416823" spans="14:14">
      <c r="N416823" s="10"/>
    </row>
    <row r="416824" spans="14:14">
      <c r="N416824" s="10"/>
    </row>
    <row r="416825" spans="14:14">
      <c r="N416825" s="10"/>
    </row>
    <row r="416826" spans="14:14">
      <c r="N416826" s="10"/>
    </row>
    <row r="416827" spans="14:14">
      <c r="N416827" s="10"/>
    </row>
    <row r="416828" spans="14:14">
      <c r="N416828" s="10"/>
    </row>
    <row r="416829" spans="14:14">
      <c r="N416829" s="10"/>
    </row>
    <row r="416830" spans="14:14">
      <c r="N416830" s="10"/>
    </row>
    <row r="416831" spans="14:14">
      <c r="N416831" s="10"/>
    </row>
    <row r="416832" spans="14:14">
      <c r="N416832" s="10"/>
    </row>
    <row r="416833" spans="14:14">
      <c r="N416833" s="10"/>
    </row>
    <row r="416834" spans="14:14">
      <c r="N416834" s="10"/>
    </row>
    <row r="416835" spans="14:14">
      <c r="N416835" s="10"/>
    </row>
    <row r="416836" spans="14:14">
      <c r="N416836" s="10"/>
    </row>
    <row r="416837" spans="14:14">
      <c r="N416837" s="10"/>
    </row>
    <row r="416838" spans="14:14">
      <c r="N416838" s="10"/>
    </row>
    <row r="416839" spans="14:14">
      <c r="N416839" s="10"/>
    </row>
    <row r="416840" spans="14:14">
      <c r="N416840" s="10"/>
    </row>
    <row r="416841" spans="14:14">
      <c r="N416841" s="10"/>
    </row>
    <row r="416842" spans="14:14">
      <c r="N416842" s="10"/>
    </row>
    <row r="416843" spans="14:14">
      <c r="N416843" s="10"/>
    </row>
    <row r="416844" spans="14:14">
      <c r="N416844" s="10"/>
    </row>
    <row r="416845" spans="14:14">
      <c r="N416845" s="10"/>
    </row>
    <row r="416846" spans="14:14">
      <c r="N416846" s="10"/>
    </row>
    <row r="416847" spans="14:14">
      <c r="N416847" s="10"/>
    </row>
    <row r="416848" spans="14:14">
      <c r="N416848" s="10"/>
    </row>
    <row r="416849" spans="14:14">
      <c r="N416849" s="10"/>
    </row>
    <row r="416850" spans="14:14">
      <c r="N416850" s="10"/>
    </row>
    <row r="416851" spans="14:14">
      <c r="N416851" s="10"/>
    </row>
    <row r="416852" spans="14:14">
      <c r="N416852" s="10"/>
    </row>
    <row r="416853" spans="14:14">
      <c r="N416853" s="10"/>
    </row>
    <row r="416854" spans="14:14">
      <c r="N416854" s="10"/>
    </row>
    <row r="416855" spans="14:14">
      <c r="N416855" s="10"/>
    </row>
    <row r="416856" spans="14:14">
      <c r="N416856" s="10"/>
    </row>
    <row r="416857" spans="14:14">
      <c r="N416857" s="10"/>
    </row>
    <row r="416858" spans="14:14">
      <c r="N416858" s="10"/>
    </row>
    <row r="416859" spans="14:14">
      <c r="N416859" s="10"/>
    </row>
    <row r="416860" spans="14:14">
      <c r="N416860" s="10"/>
    </row>
    <row r="416861" spans="14:14">
      <c r="N416861" s="10"/>
    </row>
    <row r="416862" spans="14:14">
      <c r="N416862" s="10"/>
    </row>
    <row r="416863" spans="14:14">
      <c r="N416863" s="10"/>
    </row>
    <row r="416864" spans="14:14">
      <c r="N416864" s="10"/>
    </row>
    <row r="416865" spans="14:14">
      <c r="N416865" s="10"/>
    </row>
    <row r="416866" spans="14:14">
      <c r="N416866" s="10"/>
    </row>
    <row r="416867" spans="14:14">
      <c r="N416867" s="10"/>
    </row>
    <row r="416868" spans="14:14">
      <c r="N416868" s="10"/>
    </row>
    <row r="416869" spans="14:14">
      <c r="N416869" s="10"/>
    </row>
    <row r="416870" spans="14:14">
      <c r="N416870" s="10"/>
    </row>
    <row r="416871" spans="14:14">
      <c r="N416871" s="10"/>
    </row>
    <row r="416872" spans="14:14">
      <c r="N416872" s="10"/>
    </row>
    <row r="416873" spans="14:14">
      <c r="N416873" s="10"/>
    </row>
    <row r="416874" spans="14:14">
      <c r="N416874" s="10"/>
    </row>
    <row r="416875" spans="14:14">
      <c r="N416875" s="10"/>
    </row>
    <row r="416876" spans="14:14">
      <c r="N416876" s="10"/>
    </row>
    <row r="416877" spans="14:14">
      <c r="N416877" s="10"/>
    </row>
    <row r="416878" spans="14:14">
      <c r="N416878" s="10"/>
    </row>
    <row r="416879" spans="14:14">
      <c r="N416879" s="10"/>
    </row>
    <row r="416880" spans="14:14">
      <c r="N416880" s="10"/>
    </row>
    <row r="416881" spans="14:14">
      <c r="N416881" s="10"/>
    </row>
    <row r="416882" spans="14:14">
      <c r="N416882" s="10"/>
    </row>
    <row r="416883" spans="14:14">
      <c r="N416883" s="10"/>
    </row>
    <row r="416884" spans="14:14">
      <c r="N416884" s="10"/>
    </row>
    <row r="416885" spans="14:14">
      <c r="N416885" s="10"/>
    </row>
    <row r="416886" spans="14:14">
      <c r="N416886" s="10"/>
    </row>
    <row r="416887" spans="14:14">
      <c r="N416887" s="10"/>
    </row>
    <row r="416888" spans="14:14">
      <c r="N416888" s="10"/>
    </row>
    <row r="416889" spans="14:14">
      <c r="N416889" s="10"/>
    </row>
    <row r="416890" spans="14:14">
      <c r="N416890" s="10"/>
    </row>
    <row r="416891" spans="14:14">
      <c r="N416891" s="10"/>
    </row>
    <row r="416892" spans="14:14">
      <c r="N416892" s="10"/>
    </row>
    <row r="416893" spans="14:14">
      <c r="N416893" s="10"/>
    </row>
    <row r="416894" spans="14:14">
      <c r="N416894" s="10"/>
    </row>
    <row r="416895" spans="14:14">
      <c r="N416895" s="10"/>
    </row>
    <row r="416896" spans="14:14">
      <c r="N416896" s="10"/>
    </row>
    <row r="416897" spans="14:14">
      <c r="N416897" s="10"/>
    </row>
    <row r="416898" spans="14:14">
      <c r="N416898" s="10"/>
    </row>
    <row r="416899" spans="14:14">
      <c r="N416899" s="10"/>
    </row>
    <row r="416900" spans="14:14">
      <c r="N416900" s="10"/>
    </row>
    <row r="416901" spans="14:14">
      <c r="N416901" s="10"/>
    </row>
    <row r="416902" spans="14:14">
      <c r="N416902" s="10"/>
    </row>
    <row r="416903" spans="14:14">
      <c r="N416903" s="10"/>
    </row>
    <row r="416904" spans="14:14">
      <c r="N416904" s="10"/>
    </row>
    <row r="416905" spans="14:14">
      <c r="N416905" s="10"/>
    </row>
    <row r="416906" spans="14:14">
      <c r="N416906" s="10"/>
    </row>
    <row r="416907" spans="14:14">
      <c r="N416907" s="10"/>
    </row>
    <row r="416908" spans="14:14">
      <c r="N416908" s="10"/>
    </row>
    <row r="416909" spans="14:14">
      <c r="N416909" s="10"/>
    </row>
    <row r="416910" spans="14:14">
      <c r="N416910" s="10"/>
    </row>
    <row r="416911" spans="14:14">
      <c r="N416911" s="10"/>
    </row>
    <row r="416912" spans="14:14">
      <c r="N416912" s="10"/>
    </row>
    <row r="416913" spans="14:14">
      <c r="N416913" s="10"/>
    </row>
    <row r="416914" spans="14:14">
      <c r="N416914" s="10"/>
    </row>
    <row r="416915" spans="14:14">
      <c r="N416915" s="10"/>
    </row>
    <row r="416916" spans="14:14">
      <c r="N416916" s="10"/>
    </row>
    <row r="416917" spans="14:14">
      <c r="N416917" s="10"/>
    </row>
    <row r="416918" spans="14:14">
      <c r="N416918" s="10"/>
    </row>
    <row r="416919" spans="14:14">
      <c r="N416919" s="10"/>
    </row>
    <row r="416920" spans="14:14">
      <c r="N416920" s="10"/>
    </row>
    <row r="416921" spans="14:14">
      <c r="N416921" s="10"/>
    </row>
    <row r="416922" spans="14:14">
      <c r="N416922" s="10"/>
    </row>
    <row r="416923" spans="14:14">
      <c r="N416923" s="10"/>
    </row>
    <row r="416924" spans="14:14">
      <c r="N416924" s="10"/>
    </row>
    <row r="416925" spans="14:14">
      <c r="N416925" s="10"/>
    </row>
    <row r="416926" spans="14:14">
      <c r="N416926" s="10"/>
    </row>
    <row r="416927" spans="14:14">
      <c r="N416927" s="10"/>
    </row>
    <row r="416928" spans="14:14">
      <c r="N416928" s="10"/>
    </row>
    <row r="416929" spans="14:14">
      <c r="N416929" s="10"/>
    </row>
    <row r="416930" spans="14:14">
      <c r="N416930" s="10"/>
    </row>
    <row r="416931" spans="14:14">
      <c r="N416931" s="10"/>
    </row>
    <row r="416932" spans="14:14">
      <c r="N416932" s="10"/>
    </row>
    <row r="416933" spans="14:14">
      <c r="N416933" s="10"/>
    </row>
    <row r="416934" spans="14:14">
      <c r="N416934" s="10"/>
    </row>
    <row r="416935" spans="14:14">
      <c r="N416935" s="10"/>
    </row>
    <row r="416936" spans="14:14">
      <c r="N416936" s="10"/>
    </row>
    <row r="416937" spans="14:14">
      <c r="N416937" s="10"/>
    </row>
    <row r="416938" spans="14:14">
      <c r="N416938" s="10"/>
    </row>
    <row r="416939" spans="14:14">
      <c r="N416939" s="10"/>
    </row>
    <row r="416940" spans="14:14">
      <c r="N416940" s="10"/>
    </row>
    <row r="416941" spans="14:14">
      <c r="N416941" s="10"/>
    </row>
    <row r="416942" spans="14:14">
      <c r="N416942" s="10"/>
    </row>
    <row r="416943" spans="14:14">
      <c r="N416943" s="10"/>
    </row>
    <row r="416944" spans="14:14">
      <c r="N416944" s="10"/>
    </row>
    <row r="416945" spans="14:14">
      <c r="N416945" s="10"/>
    </row>
    <row r="416946" spans="14:14">
      <c r="N416946" s="10"/>
    </row>
    <row r="416947" spans="14:14">
      <c r="N416947" s="10"/>
    </row>
    <row r="416948" spans="14:14">
      <c r="N416948" s="10"/>
    </row>
    <row r="416949" spans="14:14">
      <c r="N416949" s="10"/>
    </row>
    <row r="416950" spans="14:14">
      <c r="N416950" s="10"/>
    </row>
    <row r="416951" spans="14:14">
      <c r="N416951" s="10"/>
    </row>
    <row r="416952" spans="14:14">
      <c r="N416952" s="10"/>
    </row>
    <row r="416953" spans="14:14">
      <c r="N416953" s="10"/>
    </row>
    <row r="416954" spans="14:14">
      <c r="N416954" s="10"/>
    </row>
    <row r="416955" spans="14:14">
      <c r="N416955" s="10"/>
    </row>
    <row r="416956" spans="14:14">
      <c r="N416956" s="10"/>
    </row>
    <row r="416957" spans="14:14">
      <c r="N416957" s="10"/>
    </row>
    <row r="416958" spans="14:14">
      <c r="N416958" s="10"/>
    </row>
    <row r="416959" spans="14:14">
      <c r="N416959" s="10"/>
    </row>
    <row r="416960" spans="14:14">
      <c r="N416960" s="10"/>
    </row>
    <row r="416961" spans="14:14">
      <c r="N416961" s="10"/>
    </row>
    <row r="416962" spans="14:14">
      <c r="N416962" s="10"/>
    </row>
    <row r="416963" spans="14:14">
      <c r="N416963" s="10"/>
    </row>
    <row r="416964" spans="14:14">
      <c r="N416964" s="10"/>
    </row>
    <row r="416965" spans="14:14">
      <c r="N416965" s="10"/>
    </row>
    <row r="416966" spans="14:14">
      <c r="N416966" s="10"/>
    </row>
    <row r="416967" spans="14:14">
      <c r="N416967" s="10"/>
    </row>
    <row r="416968" spans="14:14">
      <c r="N416968" s="10"/>
    </row>
    <row r="416969" spans="14:14">
      <c r="N416969" s="10"/>
    </row>
    <row r="416970" spans="14:14">
      <c r="N416970" s="10"/>
    </row>
    <row r="416971" spans="14:14">
      <c r="N416971" s="10"/>
    </row>
    <row r="416972" spans="14:14">
      <c r="N416972" s="10"/>
    </row>
    <row r="416973" spans="14:14">
      <c r="N416973" s="10"/>
    </row>
    <row r="416974" spans="14:14">
      <c r="N416974" s="10"/>
    </row>
    <row r="416975" spans="14:14">
      <c r="N416975" s="10"/>
    </row>
    <row r="416976" spans="14:14">
      <c r="N416976" s="10"/>
    </row>
    <row r="416977" spans="14:14">
      <c r="N416977" s="10"/>
    </row>
    <row r="416978" spans="14:14">
      <c r="N416978" s="10"/>
    </row>
    <row r="416979" spans="14:14">
      <c r="N416979" s="10"/>
    </row>
    <row r="416980" spans="14:14">
      <c r="N416980" s="10"/>
    </row>
    <row r="416981" spans="14:14">
      <c r="N416981" s="10"/>
    </row>
    <row r="416982" spans="14:14">
      <c r="N416982" s="10"/>
    </row>
    <row r="416983" spans="14:14">
      <c r="N416983" s="10"/>
    </row>
    <row r="416984" spans="14:14">
      <c r="N416984" s="10"/>
    </row>
    <row r="416985" spans="14:14">
      <c r="N416985" s="10"/>
    </row>
    <row r="416986" spans="14:14">
      <c r="N416986" s="10"/>
    </row>
    <row r="416987" spans="14:14">
      <c r="N416987" s="10"/>
    </row>
    <row r="416988" spans="14:14">
      <c r="N416988" s="10"/>
    </row>
    <row r="416989" spans="14:14">
      <c r="N416989" s="10"/>
    </row>
    <row r="416990" spans="14:14">
      <c r="N416990" s="10"/>
    </row>
    <row r="416991" spans="14:14">
      <c r="N416991" s="10"/>
    </row>
    <row r="416992" spans="14:14">
      <c r="N416992" s="10"/>
    </row>
    <row r="416993" spans="14:14">
      <c r="N416993" s="10"/>
    </row>
    <row r="416994" spans="14:14">
      <c r="N416994" s="10"/>
    </row>
    <row r="416995" spans="14:14">
      <c r="N416995" s="10"/>
    </row>
    <row r="416996" spans="14:14">
      <c r="N416996" s="10"/>
    </row>
    <row r="416997" spans="14:14">
      <c r="N416997" s="10"/>
    </row>
    <row r="416998" spans="14:14">
      <c r="N416998" s="10"/>
    </row>
    <row r="416999" spans="14:14">
      <c r="N416999" s="10"/>
    </row>
    <row r="417000" spans="14:14">
      <c r="N417000" s="10"/>
    </row>
    <row r="417001" spans="14:14">
      <c r="N417001" s="10"/>
    </row>
    <row r="417002" spans="14:14">
      <c r="N417002" s="10"/>
    </row>
    <row r="417003" spans="14:14">
      <c r="N417003" s="10"/>
    </row>
    <row r="417004" spans="14:14">
      <c r="N417004" s="10"/>
    </row>
    <row r="417005" spans="14:14">
      <c r="N417005" s="10"/>
    </row>
    <row r="417006" spans="14:14">
      <c r="N417006" s="10"/>
    </row>
    <row r="417007" spans="14:14">
      <c r="N417007" s="10"/>
    </row>
    <row r="417008" spans="14:14">
      <c r="N417008" s="10"/>
    </row>
    <row r="417009" spans="14:14">
      <c r="N417009" s="10"/>
    </row>
    <row r="417010" spans="14:14">
      <c r="N417010" s="10"/>
    </row>
    <row r="417011" spans="14:14">
      <c r="N417011" s="10"/>
    </row>
    <row r="417012" spans="14:14">
      <c r="N417012" s="10"/>
    </row>
    <row r="417013" spans="14:14">
      <c r="N417013" s="10"/>
    </row>
    <row r="417014" spans="14:14">
      <c r="N417014" s="10"/>
    </row>
    <row r="417015" spans="14:14">
      <c r="N417015" s="10"/>
    </row>
    <row r="417016" spans="14:14">
      <c r="N417016" s="10"/>
    </row>
    <row r="417017" spans="14:14">
      <c r="N417017" s="10"/>
    </row>
    <row r="417018" spans="14:14">
      <c r="N417018" s="10"/>
    </row>
    <row r="417019" spans="14:14">
      <c r="N417019" s="10"/>
    </row>
    <row r="417020" spans="14:14">
      <c r="N417020" s="10"/>
    </row>
    <row r="417021" spans="14:14">
      <c r="N417021" s="10"/>
    </row>
    <row r="417022" spans="14:14">
      <c r="N417022" s="10"/>
    </row>
    <row r="417023" spans="14:14">
      <c r="N417023" s="10"/>
    </row>
    <row r="417024" spans="14:14">
      <c r="N417024" s="10"/>
    </row>
    <row r="417025" spans="14:14">
      <c r="N417025" s="10"/>
    </row>
    <row r="417026" spans="14:14">
      <c r="N417026" s="10"/>
    </row>
    <row r="417027" spans="14:14">
      <c r="N417027" s="10"/>
    </row>
    <row r="417028" spans="14:14">
      <c r="N417028" s="10"/>
    </row>
    <row r="417029" spans="14:14">
      <c r="N417029" s="10"/>
    </row>
    <row r="417030" spans="14:14">
      <c r="N417030" s="10"/>
    </row>
    <row r="417031" spans="14:14">
      <c r="N417031" s="10"/>
    </row>
    <row r="417032" spans="14:14">
      <c r="N417032" s="10"/>
    </row>
    <row r="417033" spans="14:14">
      <c r="N417033" s="10"/>
    </row>
    <row r="417034" spans="14:14">
      <c r="N417034" s="10"/>
    </row>
    <row r="417035" spans="14:14">
      <c r="N417035" s="10"/>
    </row>
    <row r="417036" spans="14:14">
      <c r="N417036" s="10"/>
    </row>
    <row r="417037" spans="14:14">
      <c r="N417037" s="10"/>
    </row>
    <row r="417038" spans="14:14">
      <c r="N417038" s="10"/>
    </row>
    <row r="417039" spans="14:14">
      <c r="N417039" s="10"/>
    </row>
    <row r="417040" spans="14:14">
      <c r="N417040" s="10"/>
    </row>
    <row r="417041" spans="14:14">
      <c r="N417041" s="10"/>
    </row>
    <row r="417042" spans="14:14">
      <c r="N417042" s="10"/>
    </row>
    <row r="417043" spans="14:14">
      <c r="N417043" s="10"/>
    </row>
    <row r="417044" spans="14:14">
      <c r="N417044" s="10"/>
    </row>
    <row r="417045" spans="14:14">
      <c r="N417045" s="10"/>
    </row>
    <row r="417046" spans="14:14">
      <c r="N417046" s="10"/>
    </row>
    <row r="417047" spans="14:14">
      <c r="N417047" s="10"/>
    </row>
    <row r="417048" spans="14:14">
      <c r="N417048" s="10"/>
    </row>
    <row r="417049" spans="14:14">
      <c r="N417049" s="10"/>
    </row>
    <row r="417050" spans="14:14">
      <c r="N417050" s="10"/>
    </row>
    <row r="417051" spans="14:14">
      <c r="N417051" s="10"/>
    </row>
    <row r="417052" spans="14:14">
      <c r="N417052" s="10"/>
    </row>
    <row r="417053" spans="14:14">
      <c r="N417053" s="10"/>
    </row>
    <row r="417054" spans="14:14">
      <c r="N417054" s="10"/>
    </row>
    <row r="417055" spans="14:14">
      <c r="N417055" s="10"/>
    </row>
    <row r="417056" spans="14:14">
      <c r="N417056" s="10"/>
    </row>
    <row r="417057" spans="14:14">
      <c r="N417057" s="10"/>
    </row>
    <row r="417058" spans="14:14">
      <c r="N417058" s="10"/>
    </row>
    <row r="417059" spans="14:14">
      <c r="N417059" s="10"/>
    </row>
    <row r="417060" spans="14:14">
      <c r="N417060" s="10"/>
    </row>
    <row r="417061" spans="14:14">
      <c r="N417061" s="10"/>
    </row>
    <row r="417062" spans="14:14">
      <c r="N417062" s="10"/>
    </row>
    <row r="417063" spans="14:14">
      <c r="N417063" s="10"/>
    </row>
    <row r="417064" spans="14:14">
      <c r="N417064" s="10"/>
    </row>
    <row r="417065" spans="14:14">
      <c r="N417065" s="10"/>
    </row>
    <row r="417066" spans="14:14">
      <c r="N417066" s="10"/>
    </row>
    <row r="417067" spans="14:14">
      <c r="N417067" s="10"/>
    </row>
    <row r="417068" spans="14:14">
      <c r="N417068" s="10"/>
    </row>
    <row r="417069" spans="14:14">
      <c r="N417069" s="10"/>
    </row>
    <row r="417070" spans="14:14">
      <c r="N417070" s="10"/>
    </row>
    <row r="417071" spans="14:14">
      <c r="N417071" s="10"/>
    </row>
    <row r="417072" spans="14:14">
      <c r="N417072" s="10"/>
    </row>
    <row r="417073" spans="14:14">
      <c r="N417073" s="10"/>
    </row>
    <row r="417074" spans="14:14">
      <c r="N417074" s="10"/>
    </row>
    <row r="417075" spans="14:14">
      <c r="N417075" s="10"/>
    </row>
    <row r="417076" spans="14:14">
      <c r="N417076" s="10"/>
    </row>
    <row r="417077" spans="14:14">
      <c r="N417077" s="10"/>
    </row>
    <row r="417078" spans="14:14">
      <c r="N417078" s="10"/>
    </row>
    <row r="417079" spans="14:14">
      <c r="N417079" s="10"/>
    </row>
    <row r="417080" spans="14:14">
      <c r="N417080" s="10"/>
    </row>
    <row r="417081" spans="14:14">
      <c r="N417081" s="10"/>
    </row>
    <row r="417082" spans="14:14">
      <c r="N417082" s="10"/>
    </row>
    <row r="417083" spans="14:14">
      <c r="N417083" s="10"/>
    </row>
    <row r="417084" spans="14:14">
      <c r="N417084" s="10"/>
    </row>
    <row r="417085" spans="14:14">
      <c r="N417085" s="10"/>
    </row>
    <row r="417086" spans="14:14">
      <c r="N417086" s="10"/>
    </row>
    <row r="417087" spans="14:14">
      <c r="N417087" s="10"/>
    </row>
    <row r="417088" spans="14:14">
      <c r="N417088" s="10"/>
    </row>
    <row r="417089" spans="14:14">
      <c r="N417089" s="10"/>
    </row>
    <row r="417090" spans="14:14">
      <c r="N417090" s="10"/>
    </row>
    <row r="417091" spans="14:14">
      <c r="N417091" s="10"/>
    </row>
    <row r="417092" spans="14:14">
      <c r="N417092" s="10"/>
    </row>
    <row r="417093" spans="14:14">
      <c r="N417093" s="10"/>
    </row>
    <row r="417094" spans="14:14">
      <c r="N417094" s="10"/>
    </row>
    <row r="417095" spans="14:14">
      <c r="N417095" s="10"/>
    </row>
    <row r="417096" spans="14:14">
      <c r="N417096" s="10"/>
    </row>
    <row r="417097" spans="14:14">
      <c r="N417097" s="10"/>
    </row>
    <row r="417098" spans="14:14">
      <c r="N417098" s="10"/>
    </row>
    <row r="417099" spans="14:14">
      <c r="N417099" s="10"/>
    </row>
    <row r="417100" spans="14:14">
      <c r="N417100" s="10"/>
    </row>
    <row r="417101" spans="14:14">
      <c r="N417101" s="10"/>
    </row>
    <row r="417102" spans="14:14">
      <c r="N417102" s="10"/>
    </row>
    <row r="417103" spans="14:14">
      <c r="N417103" s="10"/>
    </row>
    <row r="417104" spans="14:14">
      <c r="N417104" s="10"/>
    </row>
    <row r="417105" spans="14:14">
      <c r="N417105" s="10"/>
    </row>
    <row r="417106" spans="14:14">
      <c r="N417106" s="10"/>
    </row>
    <row r="417107" spans="14:14">
      <c r="N417107" s="10"/>
    </row>
    <row r="417108" spans="14:14">
      <c r="N417108" s="10"/>
    </row>
    <row r="417109" spans="14:14">
      <c r="N417109" s="10"/>
    </row>
    <row r="417110" spans="14:14">
      <c r="N417110" s="10"/>
    </row>
    <row r="417111" spans="14:14">
      <c r="N417111" s="10"/>
    </row>
    <row r="417112" spans="14:14">
      <c r="N417112" s="10"/>
    </row>
    <row r="417113" spans="14:14">
      <c r="N417113" s="10"/>
    </row>
    <row r="417114" spans="14:14">
      <c r="N417114" s="10"/>
    </row>
    <row r="417115" spans="14:14">
      <c r="N417115" s="10"/>
    </row>
    <row r="417116" spans="14:14">
      <c r="N417116" s="10"/>
    </row>
    <row r="417117" spans="14:14">
      <c r="N417117" s="10"/>
    </row>
    <row r="417118" spans="14:14">
      <c r="N417118" s="10"/>
    </row>
    <row r="417119" spans="14:14">
      <c r="N417119" s="10"/>
    </row>
    <row r="417120" spans="14:14">
      <c r="N417120" s="10"/>
    </row>
    <row r="417121" spans="14:14">
      <c r="N417121" s="10"/>
    </row>
    <row r="417122" spans="14:14">
      <c r="N417122" s="10"/>
    </row>
    <row r="417123" spans="14:14">
      <c r="N417123" s="10"/>
    </row>
    <row r="417124" spans="14:14">
      <c r="N417124" s="10"/>
    </row>
    <row r="417125" spans="14:14">
      <c r="N417125" s="10"/>
    </row>
    <row r="417126" spans="14:14">
      <c r="N417126" s="10"/>
    </row>
    <row r="417127" spans="14:14">
      <c r="N417127" s="10"/>
    </row>
    <row r="417128" spans="14:14">
      <c r="N417128" s="10"/>
    </row>
    <row r="417129" spans="14:14">
      <c r="N417129" s="10"/>
    </row>
    <row r="417130" spans="14:14">
      <c r="N417130" s="10"/>
    </row>
    <row r="417131" spans="14:14">
      <c r="N417131" s="10"/>
    </row>
    <row r="417132" spans="14:14">
      <c r="N417132" s="10"/>
    </row>
    <row r="417133" spans="14:14">
      <c r="N417133" s="10"/>
    </row>
    <row r="417134" spans="14:14">
      <c r="N417134" s="10"/>
    </row>
    <row r="417135" spans="14:14">
      <c r="N417135" s="10"/>
    </row>
    <row r="417136" spans="14:14">
      <c r="N417136" s="10"/>
    </row>
    <row r="417137" spans="14:14">
      <c r="N417137" s="10"/>
    </row>
    <row r="417138" spans="14:14">
      <c r="N417138" s="10"/>
    </row>
    <row r="417139" spans="14:14">
      <c r="N417139" s="10"/>
    </row>
    <row r="417140" spans="14:14">
      <c r="N417140" s="10"/>
    </row>
    <row r="417141" spans="14:14">
      <c r="N417141" s="10"/>
    </row>
    <row r="417142" spans="14:14">
      <c r="N417142" s="10"/>
    </row>
    <row r="417143" spans="14:14">
      <c r="N417143" s="10"/>
    </row>
    <row r="417144" spans="14:14">
      <c r="N417144" s="10"/>
    </row>
    <row r="417145" spans="14:14">
      <c r="N417145" s="10"/>
    </row>
    <row r="417146" spans="14:14">
      <c r="N417146" s="10"/>
    </row>
    <row r="417147" spans="14:14">
      <c r="N417147" s="10"/>
    </row>
    <row r="417148" spans="14:14">
      <c r="N417148" s="10"/>
    </row>
    <row r="417149" spans="14:14">
      <c r="N417149" s="10"/>
    </row>
    <row r="417150" spans="14:14">
      <c r="N417150" s="10"/>
    </row>
    <row r="417151" spans="14:14">
      <c r="N417151" s="10"/>
    </row>
    <row r="417152" spans="14:14">
      <c r="N417152" s="10"/>
    </row>
    <row r="417153" spans="14:14">
      <c r="N417153" s="10"/>
    </row>
    <row r="417154" spans="14:14">
      <c r="N417154" s="10"/>
    </row>
    <row r="417155" spans="14:14">
      <c r="N417155" s="10"/>
    </row>
    <row r="417156" spans="14:14">
      <c r="N417156" s="10"/>
    </row>
    <row r="417157" spans="14:14">
      <c r="N417157" s="10"/>
    </row>
    <row r="417158" spans="14:14">
      <c r="N417158" s="10"/>
    </row>
    <row r="417159" spans="14:14">
      <c r="N417159" s="10"/>
    </row>
    <row r="417160" spans="14:14">
      <c r="N417160" s="10"/>
    </row>
    <row r="417161" spans="14:14">
      <c r="N417161" s="10"/>
    </row>
    <row r="417162" spans="14:14">
      <c r="N417162" s="10"/>
    </row>
    <row r="417163" spans="14:14">
      <c r="N417163" s="10"/>
    </row>
    <row r="417164" spans="14:14">
      <c r="N417164" s="10"/>
    </row>
    <row r="417165" spans="14:14">
      <c r="N417165" s="10"/>
    </row>
    <row r="417166" spans="14:14">
      <c r="N417166" s="10"/>
    </row>
    <row r="417167" spans="14:14">
      <c r="N417167" s="10"/>
    </row>
    <row r="417168" spans="14:14">
      <c r="N417168" s="10"/>
    </row>
    <row r="417169" spans="14:14">
      <c r="N417169" s="10"/>
    </row>
    <row r="417170" spans="14:14">
      <c r="N417170" s="10"/>
    </row>
    <row r="417171" spans="14:14">
      <c r="N417171" s="10"/>
    </row>
    <row r="417172" spans="14:14">
      <c r="N417172" s="10"/>
    </row>
    <row r="417173" spans="14:14">
      <c r="N417173" s="10"/>
    </row>
    <row r="417174" spans="14:14">
      <c r="N417174" s="10"/>
    </row>
    <row r="417175" spans="14:14">
      <c r="N417175" s="10"/>
    </row>
    <row r="417176" spans="14:14">
      <c r="N417176" s="10"/>
    </row>
    <row r="417177" spans="14:14">
      <c r="N417177" s="10"/>
    </row>
    <row r="417178" spans="14:14">
      <c r="N417178" s="10"/>
    </row>
    <row r="417179" spans="14:14">
      <c r="N417179" s="10"/>
    </row>
    <row r="417180" spans="14:14">
      <c r="N417180" s="10"/>
    </row>
    <row r="417181" spans="14:14">
      <c r="N417181" s="10"/>
    </row>
    <row r="417182" spans="14:14">
      <c r="N417182" s="10"/>
    </row>
    <row r="417183" spans="14:14">
      <c r="N417183" s="10"/>
    </row>
    <row r="417184" spans="14:14">
      <c r="N417184" s="10"/>
    </row>
    <row r="417185" spans="14:14">
      <c r="N417185" s="10"/>
    </row>
    <row r="417186" spans="14:14">
      <c r="N417186" s="10"/>
    </row>
    <row r="417187" spans="14:14">
      <c r="N417187" s="10"/>
    </row>
    <row r="417188" spans="14:14">
      <c r="N417188" s="10"/>
    </row>
    <row r="417189" spans="14:14">
      <c r="N417189" s="10"/>
    </row>
    <row r="417190" spans="14:14">
      <c r="N417190" s="10"/>
    </row>
    <row r="417191" spans="14:14">
      <c r="N417191" s="10"/>
    </row>
    <row r="417192" spans="14:14">
      <c r="N417192" s="10"/>
    </row>
    <row r="417193" spans="14:14">
      <c r="N417193" s="10"/>
    </row>
    <row r="417194" spans="14:14">
      <c r="N417194" s="10"/>
    </row>
    <row r="417195" spans="14:14">
      <c r="N417195" s="10"/>
    </row>
    <row r="417196" spans="14:14">
      <c r="N417196" s="10"/>
    </row>
    <row r="417197" spans="14:14">
      <c r="N417197" s="10"/>
    </row>
    <row r="417198" spans="14:14">
      <c r="N417198" s="10"/>
    </row>
    <row r="417199" spans="14:14">
      <c r="N417199" s="10"/>
    </row>
    <row r="417200" spans="14:14">
      <c r="N417200" s="10"/>
    </row>
    <row r="417201" spans="14:14">
      <c r="N417201" s="10"/>
    </row>
    <row r="417202" spans="14:14">
      <c r="N417202" s="10"/>
    </row>
    <row r="417203" spans="14:14">
      <c r="N417203" s="10"/>
    </row>
    <row r="417204" spans="14:14">
      <c r="N417204" s="10"/>
    </row>
    <row r="417205" spans="14:14">
      <c r="N417205" s="10"/>
    </row>
    <row r="417206" spans="14:14">
      <c r="N417206" s="10"/>
    </row>
    <row r="417207" spans="14:14">
      <c r="N417207" s="10"/>
    </row>
    <row r="417208" spans="14:14">
      <c r="N417208" s="10"/>
    </row>
    <row r="417209" spans="14:14">
      <c r="N417209" s="10"/>
    </row>
    <row r="417210" spans="14:14">
      <c r="N417210" s="10"/>
    </row>
    <row r="417211" spans="14:14">
      <c r="N417211" s="10"/>
    </row>
    <row r="417212" spans="14:14">
      <c r="N417212" s="10"/>
    </row>
    <row r="417213" spans="14:14">
      <c r="N417213" s="10"/>
    </row>
    <row r="417214" spans="14:14">
      <c r="N417214" s="10"/>
    </row>
    <row r="417215" spans="14:14">
      <c r="N417215" s="10"/>
    </row>
    <row r="417216" spans="14:14">
      <c r="N417216" s="10"/>
    </row>
    <row r="417217" spans="14:14">
      <c r="N417217" s="10"/>
    </row>
    <row r="417218" spans="14:14">
      <c r="N417218" s="10"/>
    </row>
    <row r="417219" spans="14:14">
      <c r="N417219" s="10"/>
    </row>
    <row r="417220" spans="14:14">
      <c r="N417220" s="10"/>
    </row>
    <row r="417221" spans="14:14">
      <c r="N417221" s="10"/>
    </row>
    <row r="417222" spans="14:14">
      <c r="N417222" s="10"/>
    </row>
    <row r="417223" spans="14:14">
      <c r="N417223" s="10"/>
    </row>
    <row r="417224" spans="14:14">
      <c r="N417224" s="10"/>
    </row>
    <row r="417225" spans="14:14">
      <c r="N417225" s="10"/>
    </row>
    <row r="417226" spans="14:14">
      <c r="N417226" s="10"/>
    </row>
    <row r="417227" spans="14:14">
      <c r="N417227" s="10"/>
    </row>
    <row r="417228" spans="14:14">
      <c r="N417228" s="10"/>
    </row>
    <row r="417229" spans="14:14">
      <c r="N417229" s="10"/>
    </row>
    <row r="417230" spans="14:14">
      <c r="N417230" s="10"/>
    </row>
    <row r="417231" spans="14:14">
      <c r="N417231" s="10"/>
    </row>
    <row r="417232" spans="14:14">
      <c r="N417232" s="10"/>
    </row>
    <row r="417233" spans="14:14">
      <c r="N417233" s="10"/>
    </row>
    <row r="417234" spans="14:14">
      <c r="N417234" s="10"/>
    </row>
    <row r="417235" spans="14:14">
      <c r="N417235" s="10"/>
    </row>
    <row r="417236" spans="14:14">
      <c r="N417236" s="10"/>
    </row>
    <row r="417237" spans="14:14">
      <c r="N417237" s="10"/>
    </row>
    <row r="417238" spans="14:14">
      <c r="N417238" s="10"/>
    </row>
    <row r="417239" spans="14:14">
      <c r="N417239" s="10"/>
    </row>
    <row r="417240" spans="14:14">
      <c r="N417240" s="10"/>
    </row>
    <row r="417241" spans="14:14">
      <c r="N417241" s="10"/>
    </row>
    <row r="417242" spans="14:14">
      <c r="N417242" s="10"/>
    </row>
    <row r="417243" spans="14:14">
      <c r="N417243" s="10"/>
    </row>
    <row r="417244" spans="14:14">
      <c r="N417244" s="10"/>
    </row>
    <row r="417245" spans="14:14">
      <c r="N417245" s="10"/>
    </row>
    <row r="417246" spans="14:14">
      <c r="N417246" s="10"/>
    </row>
    <row r="417247" spans="14:14">
      <c r="N417247" s="10"/>
    </row>
    <row r="417248" spans="14:14">
      <c r="N417248" s="10"/>
    </row>
    <row r="417249" spans="14:14">
      <c r="N417249" s="10"/>
    </row>
    <row r="417250" spans="14:14">
      <c r="N417250" s="10"/>
    </row>
    <row r="417251" spans="14:14">
      <c r="N417251" s="10"/>
    </row>
    <row r="417252" spans="14:14">
      <c r="N417252" s="10"/>
    </row>
    <row r="417253" spans="14:14">
      <c r="N417253" s="10"/>
    </row>
    <row r="417254" spans="14:14">
      <c r="N417254" s="10"/>
    </row>
    <row r="417255" spans="14:14">
      <c r="N417255" s="10"/>
    </row>
    <row r="417256" spans="14:14">
      <c r="N417256" s="10"/>
    </row>
    <row r="417257" spans="14:14">
      <c r="N417257" s="10"/>
    </row>
    <row r="417258" spans="14:14">
      <c r="N417258" s="10"/>
    </row>
    <row r="417259" spans="14:14">
      <c r="N417259" s="10"/>
    </row>
    <row r="417260" spans="14:14">
      <c r="N417260" s="10"/>
    </row>
    <row r="417261" spans="14:14">
      <c r="N417261" s="10"/>
    </row>
    <row r="417262" spans="14:14">
      <c r="N417262" s="10"/>
    </row>
    <row r="417263" spans="14:14">
      <c r="N417263" s="10"/>
    </row>
    <row r="417264" spans="14:14">
      <c r="N417264" s="10"/>
    </row>
    <row r="417265" spans="14:14">
      <c r="N417265" s="10"/>
    </row>
    <row r="417266" spans="14:14">
      <c r="N417266" s="10"/>
    </row>
    <row r="417267" spans="14:14">
      <c r="N417267" s="10"/>
    </row>
    <row r="417268" spans="14:14">
      <c r="N417268" s="10"/>
    </row>
    <row r="417269" spans="14:14">
      <c r="N417269" s="10"/>
    </row>
    <row r="417270" spans="14:14">
      <c r="N417270" s="10"/>
    </row>
    <row r="417271" spans="14:14">
      <c r="N417271" s="10"/>
    </row>
    <row r="417272" spans="14:14">
      <c r="N417272" s="10"/>
    </row>
    <row r="417273" spans="14:14">
      <c r="N417273" s="10"/>
    </row>
    <row r="417274" spans="14:14">
      <c r="N417274" s="10"/>
    </row>
    <row r="417275" spans="14:14">
      <c r="N417275" s="10"/>
    </row>
    <row r="417276" spans="14:14">
      <c r="N417276" s="10"/>
    </row>
    <row r="417277" spans="14:14">
      <c r="N417277" s="10"/>
    </row>
    <row r="417278" spans="14:14">
      <c r="N417278" s="10"/>
    </row>
    <row r="417279" spans="14:14">
      <c r="N417279" s="10"/>
    </row>
    <row r="417280" spans="14:14">
      <c r="N417280" s="10"/>
    </row>
    <row r="417281" spans="14:14">
      <c r="N417281" s="10"/>
    </row>
    <row r="417282" spans="14:14">
      <c r="N417282" s="10"/>
    </row>
    <row r="417283" spans="14:14">
      <c r="N417283" s="10"/>
    </row>
    <row r="417284" spans="14:14">
      <c r="N417284" s="10"/>
    </row>
    <row r="417285" spans="14:14">
      <c r="N417285" s="10"/>
    </row>
    <row r="417286" spans="14:14">
      <c r="N417286" s="10"/>
    </row>
    <row r="417287" spans="14:14">
      <c r="N417287" s="10"/>
    </row>
    <row r="417288" spans="14:14">
      <c r="N417288" s="10"/>
    </row>
    <row r="417289" spans="14:14">
      <c r="N417289" s="10"/>
    </row>
    <row r="417290" spans="14:14">
      <c r="N417290" s="10"/>
    </row>
    <row r="417291" spans="14:14">
      <c r="N417291" s="10"/>
    </row>
    <row r="417292" spans="14:14">
      <c r="N417292" s="10"/>
    </row>
    <row r="417293" spans="14:14">
      <c r="N417293" s="10"/>
    </row>
    <row r="417294" spans="14:14">
      <c r="N417294" s="10"/>
    </row>
    <row r="417295" spans="14:14">
      <c r="N417295" s="10"/>
    </row>
    <row r="417296" spans="14:14">
      <c r="N417296" s="10"/>
    </row>
    <row r="417297" spans="14:14">
      <c r="N417297" s="10"/>
    </row>
    <row r="417298" spans="14:14">
      <c r="N417298" s="10"/>
    </row>
    <row r="417299" spans="14:14">
      <c r="N417299" s="10"/>
    </row>
    <row r="417300" spans="14:14">
      <c r="N417300" s="10"/>
    </row>
    <row r="417301" spans="14:14">
      <c r="N417301" s="10"/>
    </row>
    <row r="417302" spans="14:14">
      <c r="N417302" s="10"/>
    </row>
    <row r="417303" spans="14:14">
      <c r="N417303" s="10"/>
    </row>
    <row r="417304" spans="14:14">
      <c r="N417304" s="10"/>
    </row>
    <row r="417305" spans="14:14">
      <c r="N417305" s="10"/>
    </row>
    <row r="417306" spans="14:14">
      <c r="N417306" s="10"/>
    </row>
    <row r="417307" spans="14:14">
      <c r="N417307" s="10"/>
    </row>
    <row r="417308" spans="14:14">
      <c r="N417308" s="10"/>
    </row>
    <row r="417309" spans="14:14">
      <c r="N417309" s="10"/>
    </row>
    <row r="417310" spans="14:14">
      <c r="N417310" s="10"/>
    </row>
    <row r="417311" spans="14:14">
      <c r="N417311" s="10"/>
    </row>
    <row r="417312" spans="14:14">
      <c r="N417312" s="10"/>
    </row>
    <row r="417313" spans="14:14">
      <c r="N417313" s="10"/>
    </row>
    <row r="417314" spans="14:14">
      <c r="N417314" s="10"/>
    </row>
    <row r="417315" spans="14:14">
      <c r="N417315" s="10"/>
    </row>
    <row r="417316" spans="14:14">
      <c r="N417316" s="10"/>
    </row>
    <row r="417317" spans="14:14">
      <c r="N417317" s="10"/>
    </row>
    <row r="417318" spans="14:14">
      <c r="N417318" s="10"/>
    </row>
    <row r="417319" spans="14:14">
      <c r="N417319" s="10"/>
    </row>
    <row r="417320" spans="14:14">
      <c r="N417320" s="10"/>
    </row>
    <row r="417321" spans="14:14">
      <c r="N417321" s="10"/>
    </row>
    <row r="417322" spans="14:14">
      <c r="N417322" s="10"/>
    </row>
    <row r="417323" spans="14:14">
      <c r="N417323" s="10"/>
    </row>
    <row r="417324" spans="14:14">
      <c r="N417324" s="10"/>
    </row>
    <row r="417325" spans="14:14">
      <c r="N417325" s="10"/>
    </row>
    <row r="417326" spans="14:14">
      <c r="N417326" s="10"/>
    </row>
    <row r="417327" spans="14:14">
      <c r="N417327" s="10"/>
    </row>
    <row r="417328" spans="14:14">
      <c r="N417328" s="10"/>
    </row>
    <row r="417329" spans="14:14">
      <c r="N417329" s="10"/>
    </row>
    <row r="417330" spans="14:14">
      <c r="N417330" s="10"/>
    </row>
    <row r="417331" spans="14:14">
      <c r="N417331" s="10"/>
    </row>
    <row r="417332" spans="14:14">
      <c r="N417332" s="10"/>
    </row>
    <row r="417333" spans="14:14">
      <c r="N417333" s="10"/>
    </row>
    <row r="417334" spans="14:14">
      <c r="N417334" s="10"/>
    </row>
    <row r="417335" spans="14:14">
      <c r="N417335" s="10"/>
    </row>
    <row r="417336" spans="14:14">
      <c r="N417336" s="10"/>
    </row>
    <row r="417337" spans="14:14">
      <c r="N417337" s="10"/>
    </row>
    <row r="417338" spans="14:14">
      <c r="N417338" s="10"/>
    </row>
    <row r="417339" spans="14:14">
      <c r="N417339" s="10"/>
    </row>
    <row r="417340" spans="14:14">
      <c r="N417340" s="10"/>
    </row>
    <row r="417341" spans="14:14">
      <c r="N417341" s="10"/>
    </row>
    <row r="417342" spans="14:14">
      <c r="N417342" s="10"/>
    </row>
    <row r="417343" spans="14:14">
      <c r="N417343" s="10"/>
    </row>
    <row r="417344" spans="14:14">
      <c r="N417344" s="10"/>
    </row>
    <row r="417345" spans="14:14">
      <c r="N417345" s="10"/>
    </row>
    <row r="417346" spans="14:14">
      <c r="N417346" s="10"/>
    </row>
    <row r="417347" spans="14:14">
      <c r="N417347" s="10"/>
    </row>
    <row r="417348" spans="14:14">
      <c r="N417348" s="10"/>
    </row>
    <row r="417349" spans="14:14">
      <c r="N417349" s="10"/>
    </row>
    <row r="417350" spans="14:14">
      <c r="N417350" s="10"/>
    </row>
    <row r="417351" spans="14:14">
      <c r="N417351" s="10"/>
    </row>
    <row r="417352" spans="14:14">
      <c r="N417352" s="10"/>
    </row>
    <row r="417353" spans="14:14">
      <c r="N417353" s="10"/>
    </row>
    <row r="417354" spans="14:14">
      <c r="N417354" s="10"/>
    </row>
    <row r="417355" spans="14:14">
      <c r="N417355" s="10"/>
    </row>
    <row r="417356" spans="14:14">
      <c r="N417356" s="10"/>
    </row>
    <row r="417357" spans="14:14">
      <c r="N417357" s="10"/>
    </row>
    <row r="417358" spans="14:14">
      <c r="N417358" s="10"/>
    </row>
    <row r="417359" spans="14:14">
      <c r="N417359" s="10"/>
    </row>
    <row r="417360" spans="14:14">
      <c r="N417360" s="10"/>
    </row>
    <row r="417361" spans="14:14">
      <c r="N417361" s="10"/>
    </row>
    <row r="417362" spans="14:14">
      <c r="N417362" s="10"/>
    </row>
    <row r="417363" spans="14:14">
      <c r="N417363" s="10"/>
    </row>
    <row r="417364" spans="14:14">
      <c r="N417364" s="10"/>
    </row>
    <row r="417365" spans="14:14">
      <c r="N417365" s="10"/>
    </row>
    <row r="417366" spans="14:14">
      <c r="N417366" s="10"/>
    </row>
    <row r="417367" spans="14:14">
      <c r="N417367" s="10"/>
    </row>
    <row r="417368" spans="14:14">
      <c r="N417368" s="10"/>
    </row>
    <row r="417369" spans="14:14">
      <c r="N417369" s="10"/>
    </row>
    <row r="417370" spans="14:14">
      <c r="N417370" s="10"/>
    </row>
    <row r="417371" spans="14:14">
      <c r="N417371" s="10"/>
    </row>
    <row r="417372" spans="14:14">
      <c r="N417372" s="10"/>
    </row>
    <row r="417373" spans="14:14">
      <c r="N417373" s="10"/>
    </row>
    <row r="417374" spans="14:14">
      <c r="N417374" s="10"/>
    </row>
    <row r="417375" spans="14:14">
      <c r="N417375" s="10"/>
    </row>
    <row r="417376" spans="14:14">
      <c r="N417376" s="10"/>
    </row>
    <row r="417377" spans="14:14">
      <c r="N417377" s="10"/>
    </row>
    <row r="417378" spans="14:14">
      <c r="N417378" s="10"/>
    </row>
    <row r="417379" spans="14:14">
      <c r="N417379" s="10"/>
    </row>
    <row r="417380" spans="14:14">
      <c r="N417380" s="10"/>
    </row>
    <row r="417381" spans="14:14">
      <c r="N417381" s="10"/>
    </row>
    <row r="417382" spans="14:14">
      <c r="N417382" s="10"/>
    </row>
    <row r="417383" spans="14:14">
      <c r="N417383" s="10"/>
    </row>
    <row r="417384" spans="14:14">
      <c r="N417384" s="10"/>
    </row>
    <row r="417385" spans="14:14">
      <c r="N417385" s="10"/>
    </row>
    <row r="417386" spans="14:14">
      <c r="N417386" s="10"/>
    </row>
    <row r="417387" spans="14:14">
      <c r="N417387" s="10"/>
    </row>
    <row r="417388" spans="14:14">
      <c r="N417388" s="10"/>
    </row>
    <row r="417389" spans="14:14">
      <c r="N417389" s="10"/>
    </row>
    <row r="417390" spans="14:14">
      <c r="N417390" s="10"/>
    </row>
    <row r="417391" spans="14:14">
      <c r="N417391" s="10"/>
    </row>
    <row r="417392" spans="14:14">
      <c r="N417392" s="10"/>
    </row>
    <row r="417393" spans="14:14">
      <c r="N417393" s="10"/>
    </row>
    <row r="417394" spans="14:14">
      <c r="N417394" s="10"/>
    </row>
    <row r="417395" spans="14:14">
      <c r="N417395" s="10"/>
    </row>
    <row r="417396" spans="14:14">
      <c r="N417396" s="10"/>
    </row>
    <row r="417397" spans="14:14">
      <c r="N417397" s="10"/>
    </row>
    <row r="417398" spans="14:14">
      <c r="N417398" s="10"/>
    </row>
    <row r="417399" spans="14:14">
      <c r="N417399" s="10"/>
    </row>
    <row r="417400" spans="14:14">
      <c r="N417400" s="10"/>
    </row>
    <row r="417401" spans="14:14">
      <c r="N417401" s="10"/>
    </row>
    <row r="417402" spans="14:14">
      <c r="N417402" s="10"/>
    </row>
    <row r="417403" spans="14:14">
      <c r="N417403" s="10"/>
    </row>
    <row r="417404" spans="14:14">
      <c r="N417404" s="10"/>
    </row>
    <row r="417405" spans="14:14">
      <c r="N417405" s="10"/>
    </row>
    <row r="417406" spans="14:14">
      <c r="N417406" s="10"/>
    </row>
    <row r="417407" spans="14:14">
      <c r="N417407" s="10"/>
    </row>
    <row r="417408" spans="14:14">
      <c r="N417408" s="10"/>
    </row>
    <row r="417409" spans="14:14">
      <c r="N417409" s="10"/>
    </row>
    <row r="417410" spans="14:14">
      <c r="N417410" s="10"/>
    </row>
    <row r="417411" spans="14:14">
      <c r="N417411" s="10"/>
    </row>
    <row r="417412" spans="14:14">
      <c r="N417412" s="10"/>
    </row>
    <row r="417413" spans="14:14">
      <c r="N417413" s="10"/>
    </row>
    <row r="417414" spans="14:14">
      <c r="N417414" s="10"/>
    </row>
    <row r="417415" spans="14:14">
      <c r="N417415" s="10"/>
    </row>
    <row r="417416" spans="14:14">
      <c r="N417416" s="10"/>
    </row>
    <row r="417417" spans="14:14">
      <c r="N417417" s="10"/>
    </row>
    <row r="417418" spans="14:14">
      <c r="N417418" s="10"/>
    </row>
    <row r="417419" spans="14:14">
      <c r="N417419" s="10"/>
    </row>
    <row r="417420" spans="14:14">
      <c r="N417420" s="10"/>
    </row>
    <row r="417421" spans="14:14">
      <c r="N417421" s="10"/>
    </row>
    <row r="417422" spans="14:14">
      <c r="N417422" s="10"/>
    </row>
    <row r="417423" spans="14:14">
      <c r="N417423" s="10"/>
    </row>
    <row r="417424" spans="14:14">
      <c r="N417424" s="10"/>
    </row>
    <row r="417425" spans="14:14">
      <c r="N417425" s="10"/>
    </row>
    <row r="417426" spans="14:14">
      <c r="N417426" s="10"/>
    </row>
    <row r="417427" spans="14:14">
      <c r="N417427" s="10"/>
    </row>
    <row r="417428" spans="14:14">
      <c r="N417428" s="10"/>
    </row>
    <row r="417429" spans="14:14">
      <c r="N417429" s="10"/>
    </row>
    <row r="417430" spans="14:14">
      <c r="N417430" s="10"/>
    </row>
    <row r="417431" spans="14:14">
      <c r="N417431" s="10"/>
    </row>
    <row r="417432" spans="14:14">
      <c r="N417432" s="10"/>
    </row>
    <row r="417433" spans="14:14">
      <c r="N417433" s="10"/>
    </row>
    <row r="417434" spans="14:14">
      <c r="N417434" s="10"/>
    </row>
    <row r="417435" spans="14:14">
      <c r="N417435" s="10"/>
    </row>
    <row r="417436" spans="14:14">
      <c r="N417436" s="10"/>
    </row>
    <row r="417437" spans="14:14">
      <c r="N417437" s="10"/>
    </row>
    <row r="417438" spans="14:14">
      <c r="N417438" s="10"/>
    </row>
    <row r="417439" spans="14:14">
      <c r="N417439" s="10"/>
    </row>
    <row r="417440" spans="14:14">
      <c r="N417440" s="10"/>
    </row>
    <row r="417441" spans="14:14">
      <c r="N417441" s="10"/>
    </row>
    <row r="417442" spans="14:14">
      <c r="N417442" s="10"/>
    </row>
    <row r="417443" spans="14:14">
      <c r="N417443" s="10"/>
    </row>
    <row r="417444" spans="14:14">
      <c r="N417444" s="10"/>
    </row>
    <row r="417445" spans="14:14">
      <c r="N417445" s="10"/>
    </row>
    <row r="417446" spans="14:14">
      <c r="N417446" s="10"/>
    </row>
    <row r="417447" spans="14:14">
      <c r="N417447" s="10"/>
    </row>
    <row r="417448" spans="14:14">
      <c r="N417448" s="10"/>
    </row>
    <row r="417449" spans="14:14">
      <c r="N417449" s="10"/>
    </row>
    <row r="417450" spans="14:14">
      <c r="N417450" s="10"/>
    </row>
    <row r="417451" spans="14:14">
      <c r="N417451" s="10"/>
    </row>
    <row r="417452" spans="14:14">
      <c r="N417452" s="10"/>
    </row>
    <row r="417453" spans="14:14">
      <c r="N417453" s="10"/>
    </row>
    <row r="417454" spans="14:14">
      <c r="N417454" s="10"/>
    </row>
    <row r="417455" spans="14:14">
      <c r="N417455" s="10"/>
    </row>
    <row r="417456" spans="14:14">
      <c r="N417456" s="10"/>
    </row>
    <row r="417457" spans="14:14">
      <c r="N417457" s="10"/>
    </row>
    <row r="417458" spans="14:14">
      <c r="N417458" s="10"/>
    </row>
    <row r="417459" spans="14:14">
      <c r="N417459" s="10"/>
    </row>
    <row r="417460" spans="14:14">
      <c r="N417460" s="10"/>
    </row>
    <row r="417461" spans="14:14">
      <c r="N417461" s="10"/>
    </row>
    <row r="417462" spans="14:14">
      <c r="N417462" s="10"/>
    </row>
    <row r="417463" spans="14:14">
      <c r="N417463" s="10"/>
    </row>
    <row r="417464" spans="14:14">
      <c r="N417464" s="10"/>
    </row>
    <row r="417465" spans="14:14">
      <c r="N417465" s="10"/>
    </row>
    <row r="417466" spans="14:14">
      <c r="N417466" s="10"/>
    </row>
    <row r="417467" spans="14:14">
      <c r="N417467" s="10"/>
    </row>
    <row r="417468" spans="14:14">
      <c r="N417468" s="10"/>
    </row>
    <row r="417469" spans="14:14">
      <c r="N417469" s="10"/>
    </row>
    <row r="417470" spans="14:14">
      <c r="N417470" s="10"/>
    </row>
    <row r="417471" spans="14:14">
      <c r="N417471" s="10"/>
    </row>
    <row r="417472" spans="14:14">
      <c r="N417472" s="10"/>
    </row>
    <row r="417473" spans="14:14">
      <c r="N417473" s="10"/>
    </row>
    <row r="417474" spans="14:14">
      <c r="N417474" s="10"/>
    </row>
    <row r="417475" spans="14:14">
      <c r="N417475" s="10"/>
    </row>
    <row r="417476" spans="14:14">
      <c r="N417476" s="10"/>
    </row>
    <row r="417477" spans="14:14">
      <c r="N417477" s="10"/>
    </row>
    <row r="417478" spans="14:14">
      <c r="N417478" s="10"/>
    </row>
    <row r="417479" spans="14:14">
      <c r="N417479" s="10"/>
    </row>
    <row r="417480" spans="14:14">
      <c r="N417480" s="10"/>
    </row>
    <row r="417481" spans="14:14">
      <c r="N417481" s="10"/>
    </row>
    <row r="417482" spans="14:14">
      <c r="N417482" s="10"/>
    </row>
    <row r="417483" spans="14:14">
      <c r="N417483" s="10"/>
    </row>
    <row r="417484" spans="14:14">
      <c r="N417484" s="10"/>
    </row>
    <row r="417485" spans="14:14">
      <c r="N417485" s="10"/>
    </row>
    <row r="417486" spans="14:14">
      <c r="N417486" s="10"/>
    </row>
    <row r="417487" spans="14:14">
      <c r="N417487" s="10"/>
    </row>
    <row r="417488" spans="14:14">
      <c r="N417488" s="10"/>
    </row>
    <row r="417489" spans="14:14">
      <c r="N417489" s="10"/>
    </row>
    <row r="417490" spans="14:14">
      <c r="N417490" s="10"/>
    </row>
    <row r="417491" spans="14:14">
      <c r="N417491" s="10"/>
    </row>
    <row r="417492" spans="14:14">
      <c r="N417492" s="10"/>
    </row>
    <row r="417493" spans="14:14">
      <c r="N417493" s="10"/>
    </row>
    <row r="417494" spans="14:14">
      <c r="N417494" s="10"/>
    </row>
    <row r="417495" spans="14:14">
      <c r="N417495" s="10"/>
    </row>
    <row r="417496" spans="14:14">
      <c r="N417496" s="10"/>
    </row>
    <row r="417497" spans="14:14">
      <c r="N417497" s="10"/>
    </row>
    <row r="417498" spans="14:14">
      <c r="N417498" s="10"/>
    </row>
    <row r="417499" spans="14:14">
      <c r="N417499" s="10"/>
    </row>
    <row r="417500" spans="14:14">
      <c r="N417500" s="10"/>
    </row>
    <row r="417501" spans="14:14">
      <c r="N417501" s="10"/>
    </row>
    <row r="417502" spans="14:14">
      <c r="N417502" s="10"/>
    </row>
    <row r="417503" spans="14:14">
      <c r="N417503" s="10"/>
    </row>
    <row r="417504" spans="14:14">
      <c r="N417504" s="10"/>
    </row>
    <row r="417505" spans="14:14">
      <c r="N417505" s="10"/>
    </row>
    <row r="417506" spans="14:14">
      <c r="N417506" s="10"/>
    </row>
    <row r="417507" spans="14:14">
      <c r="N417507" s="10"/>
    </row>
    <row r="417508" spans="14:14">
      <c r="N417508" s="10"/>
    </row>
    <row r="417509" spans="14:14">
      <c r="N417509" s="10"/>
    </row>
    <row r="417510" spans="14:14">
      <c r="N417510" s="10"/>
    </row>
    <row r="417511" spans="14:14">
      <c r="N417511" s="10"/>
    </row>
    <row r="417512" spans="14:14">
      <c r="N417512" s="10"/>
    </row>
    <row r="417513" spans="14:14">
      <c r="N417513" s="10"/>
    </row>
    <row r="417514" spans="14:14">
      <c r="N417514" s="10"/>
    </row>
    <row r="417515" spans="14:14">
      <c r="N417515" s="10"/>
    </row>
    <row r="417516" spans="14:14">
      <c r="N417516" s="10"/>
    </row>
    <row r="417517" spans="14:14">
      <c r="N417517" s="10"/>
    </row>
    <row r="417518" spans="14:14">
      <c r="N417518" s="10"/>
    </row>
    <row r="417519" spans="14:14">
      <c r="N417519" s="10"/>
    </row>
    <row r="417520" spans="14:14">
      <c r="N417520" s="10"/>
    </row>
    <row r="417521" spans="14:14">
      <c r="N417521" s="10"/>
    </row>
    <row r="417522" spans="14:14">
      <c r="N417522" s="10"/>
    </row>
    <row r="417523" spans="14:14">
      <c r="N417523" s="10"/>
    </row>
    <row r="417524" spans="14:14">
      <c r="N417524" s="10"/>
    </row>
    <row r="417525" spans="14:14">
      <c r="N417525" s="10"/>
    </row>
    <row r="417526" spans="14:14">
      <c r="N417526" s="10"/>
    </row>
    <row r="417527" spans="14:14">
      <c r="N417527" s="10"/>
    </row>
    <row r="417528" spans="14:14">
      <c r="N417528" s="10"/>
    </row>
    <row r="417529" spans="14:14">
      <c r="N417529" s="10"/>
    </row>
    <row r="417530" spans="14:14">
      <c r="N417530" s="10"/>
    </row>
    <row r="417531" spans="14:14">
      <c r="N417531" s="10"/>
    </row>
    <row r="417532" spans="14:14">
      <c r="N417532" s="10"/>
    </row>
    <row r="417533" spans="14:14">
      <c r="N417533" s="10"/>
    </row>
    <row r="417534" spans="14:14">
      <c r="N417534" s="10"/>
    </row>
    <row r="417535" spans="14:14">
      <c r="N417535" s="10"/>
    </row>
    <row r="417536" spans="14:14">
      <c r="N417536" s="10"/>
    </row>
    <row r="417537" spans="14:14">
      <c r="N417537" s="10"/>
    </row>
    <row r="417538" spans="14:14">
      <c r="N417538" s="10"/>
    </row>
    <row r="417539" spans="14:14">
      <c r="N417539" s="10"/>
    </row>
    <row r="417540" spans="14:14">
      <c r="N417540" s="10"/>
    </row>
    <row r="417541" spans="14:14">
      <c r="N417541" s="10"/>
    </row>
    <row r="417542" spans="14:14">
      <c r="N417542" s="10"/>
    </row>
    <row r="417543" spans="14:14">
      <c r="N417543" s="10"/>
    </row>
    <row r="417544" spans="14:14">
      <c r="N417544" s="10"/>
    </row>
    <row r="417545" spans="14:14">
      <c r="N417545" s="10"/>
    </row>
    <row r="417546" spans="14:14">
      <c r="N417546" s="10"/>
    </row>
    <row r="417547" spans="14:14">
      <c r="N417547" s="10"/>
    </row>
    <row r="417548" spans="14:14">
      <c r="N417548" s="10"/>
    </row>
    <row r="417549" spans="14:14">
      <c r="N417549" s="10"/>
    </row>
    <row r="417550" spans="14:14">
      <c r="N417550" s="10"/>
    </row>
    <row r="417551" spans="14:14">
      <c r="N417551" s="10"/>
    </row>
    <row r="417552" spans="14:14">
      <c r="N417552" s="10"/>
    </row>
    <row r="417553" spans="14:14">
      <c r="N417553" s="10"/>
    </row>
    <row r="417554" spans="14:14">
      <c r="N417554" s="10"/>
    </row>
    <row r="417555" spans="14:14">
      <c r="N417555" s="10"/>
    </row>
    <row r="417556" spans="14:14">
      <c r="N417556" s="10"/>
    </row>
    <row r="417557" spans="14:14">
      <c r="N417557" s="10"/>
    </row>
    <row r="417558" spans="14:14">
      <c r="N417558" s="10"/>
    </row>
    <row r="417559" spans="14:14">
      <c r="N417559" s="10"/>
    </row>
    <row r="417560" spans="14:14">
      <c r="N417560" s="10"/>
    </row>
    <row r="417561" spans="14:14">
      <c r="N417561" s="10"/>
    </row>
    <row r="417562" spans="14:14">
      <c r="N417562" s="10"/>
    </row>
    <row r="417563" spans="14:14">
      <c r="N417563" s="10"/>
    </row>
    <row r="417564" spans="14:14">
      <c r="N417564" s="10"/>
    </row>
    <row r="417565" spans="14:14">
      <c r="N417565" s="10"/>
    </row>
    <row r="417566" spans="14:14">
      <c r="N417566" s="10"/>
    </row>
    <row r="417567" spans="14:14">
      <c r="N417567" s="10"/>
    </row>
    <row r="417568" spans="14:14">
      <c r="N417568" s="10"/>
    </row>
    <row r="417569" spans="14:14">
      <c r="N417569" s="10"/>
    </row>
    <row r="417570" spans="14:14">
      <c r="N417570" s="10"/>
    </row>
    <row r="417571" spans="14:14">
      <c r="N417571" s="10"/>
    </row>
    <row r="417572" spans="14:14">
      <c r="N417572" s="10"/>
    </row>
    <row r="417573" spans="14:14">
      <c r="N417573" s="10"/>
    </row>
    <row r="417574" spans="14:14">
      <c r="N417574" s="10"/>
    </row>
    <row r="417575" spans="14:14">
      <c r="N417575" s="10"/>
    </row>
    <row r="417576" spans="14:14">
      <c r="N417576" s="10"/>
    </row>
    <row r="417577" spans="14:14">
      <c r="N417577" s="10"/>
    </row>
    <row r="417578" spans="14:14">
      <c r="N417578" s="10"/>
    </row>
    <row r="417579" spans="14:14">
      <c r="N417579" s="10"/>
    </row>
    <row r="417580" spans="14:14">
      <c r="N417580" s="10"/>
    </row>
    <row r="417581" spans="14:14">
      <c r="N417581" s="10"/>
    </row>
    <row r="417582" spans="14:14">
      <c r="N417582" s="10"/>
    </row>
    <row r="417583" spans="14:14">
      <c r="N417583" s="10"/>
    </row>
    <row r="417584" spans="14:14">
      <c r="N417584" s="10"/>
    </row>
    <row r="417585" spans="14:14">
      <c r="N417585" s="10"/>
    </row>
    <row r="417586" spans="14:14">
      <c r="N417586" s="10"/>
    </row>
    <row r="417587" spans="14:14">
      <c r="N417587" s="10"/>
    </row>
    <row r="417588" spans="14:14">
      <c r="N417588" s="10"/>
    </row>
    <row r="417589" spans="14:14">
      <c r="N417589" s="10"/>
    </row>
    <row r="417590" spans="14:14">
      <c r="N417590" s="10"/>
    </row>
    <row r="417591" spans="14:14">
      <c r="N417591" s="10"/>
    </row>
    <row r="417592" spans="14:14">
      <c r="N417592" s="10"/>
    </row>
    <row r="417593" spans="14:14">
      <c r="N417593" s="10"/>
    </row>
    <row r="417594" spans="14:14">
      <c r="N417594" s="10"/>
    </row>
    <row r="417595" spans="14:14">
      <c r="N417595" s="10"/>
    </row>
    <row r="417596" spans="14:14">
      <c r="N417596" s="10"/>
    </row>
    <row r="417597" spans="14:14">
      <c r="N417597" s="10"/>
    </row>
    <row r="417598" spans="14:14">
      <c r="N417598" s="10"/>
    </row>
    <row r="417599" spans="14:14">
      <c r="N417599" s="10"/>
    </row>
    <row r="417600" spans="14:14">
      <c r="N417600" s="10"/>
    </row>
    <row r="417601" spans="14:14">
      <c r="N417601" s="10"/>
    </row>
    <row r="417602" spans="14:14">
      <c r="N417602" s="10"/>
    </row>
    <row r="417603" spans="14:14">
      <c r="N417603" s="10"/>
    </row>
    <row r="417604" spans="14:14">
      <c r="N417604" s="10"/>
    </row>
    <row r="417605" spans="14:14">
      <c r="N417605" s="10"/>
    </row>
    <row r="417606" spans="14:14">
      <c r="N417606" s="10"/>
    </row>
    <row r="417607" spans="14:14">
      <c r="N417607" s="10"/>
    </row>
    <row r="417608" spans="14:14">
      <c r="N417608" s="10"/>
    </row>
    <row r="417609" spans="14:14">
      <c r="N417609" s="10"/>
    </row>
    <row r="417610" spans="14:14">
      <c r="N417610" s="10"/>
    </row>
    <row r="417611" spans="14:14">
      <c r="N417611" s="10"/>
    </row>
    <row r="417612" spans="14:14">
      <c r="N417612" s="10"/>
    </row>
    <row r="417613" spans="14:14">
      <c r="N417613" s="10"/>
    </row>
    <row r="417614" spans="14:14">
      <c r="N417614" s="10"/>
    </row>
    <row r="417615" spans="14:14">
      <c r="N417615" s="10"/>
    </row>
    <row r="417616" spans="14:14">
      <c r="N417616" s="10"/>
    </row>
    <row r="417617" spans="14:14">
      <c r="N417617" s="10"/>
    </row>
    <row r="417618" spans="14:14">
      <c r="N417618" s="10"/>
    </row>
    <row r="417619" spans="14:14">
      <c r="N417619" s="10"/>
    </row>
    <row r="417620" spans="14:14">
      <c r="N417620" s="10"/>
    </row>
    <row r="417621" spans="14:14">
      <c r="N417621" s="10"/>
    </row>
    <row r="417622" spans="14:14">
      <c r="N417622" s="10"/>
    </row>
    <row r="417623" spans="14:14">
      <c r="N417623" s="10"/>
    </row>
    <row r="417624" spans="14:14">
      <c r="N417624" s="10"/>
    </row>
    <row r="417625" spans="14:14">
      <c r="N417625" s="10"/>
    </row>
    <row r="417626" spans="14:14">
      <c r="N417626" s="10"/>
    </row>
    <row r="417627" spans="14:14">
      <c r="N417627" s="10"/>
    </row>
    <row r="417628" spans="14:14">
      <c r="N417628" s="10"/>
    </row>
    <row r="417629" spans="14:14">
      <c r="N417629" s="10"/>
    </row>
    <row r="417630" spans="14:14">
      <c r="N417630" s="10"/>
    </row>
    <row r="417631" spans="14:14">
      <c r="N417631" s="10"/>
    </row>
    <row r="417632" spans="14:14">
      <c r="N417632" s="10"/>
    </row>
    <row r="417633" spans="14:14">
      <c r="N417633" s="10"/>
    </row>
    <row r="417634" spans="14:14">
      <c r="N417634" s="10"/>
    </row>
    <row r="417635" spans="14:14">
      <c r="N417635" s="10"/>
    </row>
    <row r="417636" spans="14:14">
      <c r="N417636" s="10"/>
    </row>
    <row r="417637" spans="14:14">
      <c r="N417637" s="10"/>
    </row>
    <row r="417638" spans="14:14">
      <c r="N417638" s="10"/>
    </row>
    <row r="417639" spans="14:14">
      <c r="N417639" s="10"/>
    </row>
    <row r="417640" spans="14:14">
      <c r="N417640" s="10"/>
    </row>
    <row r="417641" spans="14:14">
      <c r="N417641" s="10"/>
    </row>
    <row r="417642" spans="14:14">
      <c r="N417642" s="10"/>
    </row>
    <row r="417643" spans="14:14">
      <c r="N417643" s="10"/>
    </row>
    <row r="417644" spans="14:14">
      <c r="N417644" s="10"/>
    </row>
    <row r="417645" spans="14:14">
      <c r="N417645" s="10"/>
    </row>
    <row r="417646" spans="14:14">
      <c r="N417646" s="10"/>
    </row>
    <row r="417647" spans="14:14">
      <c r="N417647" s="10"/>
    </row>
    <row r="417648" spans="14:14">
      <c r="N417648" s="10"/>
    </row>
    <row r="417649" spans="14:14">
      <c r="N417649" s="10"/>
    </row>
    <row r="417650" spans="14:14">
      <c r="N417650" s="10"/>
    </row>
    <row r="417651" spans="14:14">
      <c r="N417651" s="10"/>
    </row>
    <row r="417652" spans="14:14">
      <c r="N417652" s="10"/>
    </row>
    <row r="417653" spans="14:14">
      <c r="N417653" s="10"/>
    </row>
    <row r="417654" spans="14:14">
      <c r="N417654" s="10"/>
    </row>
    <row r="417655" spans="14:14">
      <c r="N417655" s="10"/>
    </row>
    <row r="417656" spans="14:14">
      <c r="N417656" s="10"/>
    </row>
    <row r="417657" spans="14:14">
      <c r="N417657" s="10"/>
    </row>
    <row r="417658" spans="14:14">
      <c r="N417658" s="10"/>
    </row>
    <row r="417659" spans="14:14">
      <c r="N417659" s="10"/>
    </row>
    <row r="417660" spans="14:14">
      <c r="N417660" s="10"/>
    </row>
    <row r="417661" spans="14:14">
      <c r="N417661" s="10"/>
    </row>
    <row r="417662" spans="14:14">
      <c r="N417662" s="10"/>
    </row>
    <row r="417663" spans="14:14">
      <c r="N417663" s="10"/>
    </row>
    <row r="417664" spans="14:14">
      <c r="N417664" s="10"/>
    </row>
    <row r="417665" spans="14:14">
      <c r="N417665" s="10"/>
    </row>
    <row r="417666" spans="14:14">
      <c r="N417666" s="10"/>
    </row>
    <row r="417667" spans="14:14">
      <c r="N417667" s="10"/>
    </row>
    <row r="417668" spans="14:14">
      <c r="N417668" s="10"/>
    </row>
    <row r="417669" spans="14:14">
      <c r="N417669" s="10"/>
    </row>
    <row r="417670" spans="14:14">
      <c r="N417670" s="10"/>
    </row>
    <row r="417671" spans="14:14">
      <c r="N417671" s="10"/>
    </row>
    <row r="417672" spans="14:14">
      <c r="N417672" s="10"/>
    </row>
    <row r="417673" spans="14:14">
      <c r="N417673" s="10"/>
    </row>
    <row r="417674" spans="14:14">
      <c r="N417674" s="10"/>
    </row>
    <row r="417675" spans="14:14">
      <c r="N417675" s="10"/>
    </row>
    <row r="417676" spans="14:14">
      <c r="N417676" s="10"/>
    </row>
    <row r="417677" spans="14:14">
      <c r="N417677" s="10"/>
    </row>
    <row r="417678" spans="14:14">
      <c r="N417678" s="10"/>
    </row>
    <row r="417679" spans="14:14">
      <c r="N417679" s="10"/>
    </row>
    <row r="417680" spans="14:14">
      <c r="N417680" s="10"/>
    </row>
    <row r="417681" spans="14:14">
      <c r="N417681" s="10"/>
    </row>
    <row r="417682" spans="14:14">
      <c r="N417682" s="10"/>
    </row>
    <row r="417683" spans="14:14">
      <c r="N417683" s="10"/>
    </row>
    <row r="417684" spans="14:14">
      <c r="N417684" s="10"/>
    </row>
    <row r="417685" spans="14:14">
      <c r="N417685" s="10"/>
    </row>
    <row r="417686" spans="14:14">
      <c r="N417686" s="10"/>
    </row>
    <row r="417687" spans="14:14">
      <c r="N417687" s="10"/>
    </row>
    <row r="417688" spans="14:14">
      <c r="N417688" s="10"/>
    </row>
    <row r="417689" spans="14:14">
      <c r="N417689" s="10"/>
    </row>
    <row r="417690" spans="14:14">
      <c r="N417690" s="10"/>
    </row>
    <row r="417691" spans="14:14">
      <c r="N417691" s="10"/>
    </row>
    <row r="417692" spans="14:14">
      <c r="N417692" s="10"/>
    </row>
    <row r="417693" spans="14:14">
      <c r="N417693" s="10"/>
    </row>
    <row r="417694" spans="14:14">
      <c r="N417694" s="10"/>
    </row>
    <row r="417695" spans="14:14">
      <c r="N417695" s="10"/>
    </row>
    <row r="417696" spans="14:14">
      <c r="N417696" s="10"/>
    </row>
    <row r="417697" spans="14:14">
      <c r="N417697" s="10"/>
    </row>
    <row r="417698" spans="14:14">
      <c r="N417698" s="10"/>
    </row>
    <row r="417699" spans="14:14">
      <c r="N417699" s="10"/>
    </row>
    <row r="417700" spans="14:14">
      <c r="N417700" s="10"/>
    </row>
    <row r="417701" spans="14:14">
      <c r="N417701" s="10"/>
    </row>
    <row r="417702" spans="14:14">
      <c r="N417702" s="10"/>
    </row>
    <row r="417703" spans="14:14">
      <c r="N417703" s="10"/>
    </row>
    <row r="417704" spans="14:14">
      <c r="N417704" s="10"/>
    </row>
    <row r="417705" spans="14:14">
      <c r="N417705" s="10"/>
    </row>
    <row r="417706" spans="14:14">
      <c r="N417706" s="10"/>
    </row>
    <row r="417707" spans="14:14">
      <c r="N417707" s="10"/>
    </row>
    <row r="417708" spans="14:14">
      <c r="N417708" s="10"/>
    </row>
    <row r="417709" spans="14:14">
      <c r="N417709" s="10"/>
    </row>
    <row r="417710" spans="14:14">
      <c r="N417710" s="10"/>
    </row>
    <row r="417711" spans="14:14">
      <c r="N417711" s="10"/>
    </row>
    <row r="417712" spans="14:14">
      <c r="N417712" s="10"/>
    </row>
    <row r="417713" spans="14:14">
      <c r="N417713" s="10"/>
    </row>
    <row r="417714" spans="14:14">
      <c r="N417714" s="10"/>
    </row>
    <row r="417715" spans="14:14">
      <c r="N417715" s="10"/>
    </row>
    <row r="417716" spans="14:14">
      <c r="N417716" s="10"/>
    </row>
    <row r="417717" spans="14:14">
      <c r="N417717" s="10"/>
    </row>
    <row r="417718" spans="14:14">
      <c r="N417718" s="10"/>
    </row>
    <row r="417719" spans="14:14">
      <c r="N417719" s="10"/>
    </row>
    <row r="417720" spans="14:14">
      <c r="N417720" s="10"/>
    </row>
    <row r="417721" spans="14:14">
      <c r="N417721" s="10"/>
    </row>
    <row r="417722" spans="14:14">
      <c r="N417722" s="10"/>
    </row>
    <row r="417723" spans="14:14">
      <c r="N417723" s="10"/>
    </row>
    <row r="417724" spans="14:14">
      <c r="N417724" s="10"/>
    </row>
    <row r="417725" spans="14:14">
      <c r="N417725" s="10"/>
    </row>
    <row r="417726" spans="14:14">
      <c r="N417726" s="10"/>
    </row>
    <row r="417727" spans="14:14">
      <c r="N417727" s="10"/>
    </row>
    <row r="417728" spans="14:14">
      <c r="N417728" s="10"/>
    </row>
    <row r="417729" spans="14:14">
      <c r="N417729" s="10"/>
    </row>
    <row r="417730" spans="14:14">
      <c r="N417730" s="10"/>
    </row>
    <row r="417731" spans="14:14">
      <c r="N417731" s="10"/>
    </row>
    <row r="417732" spans="14:14">
      <c r="N417732" s="10"/>
    </row>
    <row r="417733" spans="14:14">
      <c r="N417733" s="10"/>
    </row>
    <row r="417734" spans="14:14">
      <c r="N417734" s="10"/>
    </row>
    <row r="417735" spans="14:14">
      <c r="N417735" s="10"/>
    </row>
    <row r="417736" spans="14:14">
      <c r="N417736" s="10"/>
    </row>
    <row r="417737" spans="14:14">
      <c r="N417737" s="10"/>
    </row>
    <row r="417738" spans="14:14">
      <c r="N417738" s="10"/>
    </row>
    <row r="417739" spans="14:14">
      <c r="N417739" s="10"/>
    </row>
    <row r="417740" spans="14:14">
      <c r="N417740" s="10"/>
    </row>
    <row r="417741" spans="14:14">
      <c r="N417741" s="10"/>
    </row>
    <row r="417742" spans="14:14">
      <c r="N417742" s="10"/>
    </row>
    <row r="417743" spans="14:14">
      <c r="N417743" s="10"/>
    </row>
    <row r="417744" spans="14:14">
      <c r="N417744" s="10"/>
    </row>
    <row r="417745" spans="14:14">
      <c r="N417745" s="10"/>
    </row>
    <row r="417746" spans="14:14">
      <c r="N417746" s="10"/>
    </row>
    <row r="417747" spans="14:14">
      <c r="N417747" s="10"/>
    </row>
    <row r="417748" spans="14:14">
      <c r="N417748" s="10"/>
    </row>
    <row r="417749" spans="14:14">
      <c r="N417749" s="10"/>
    </row>
    <row r="417750" spans="14:14">
      <c r="N417750" s="10"/>
    </row>
    <row r="417751" spans="14:14">
      <c r="N417751" s="10"/>
    </row>
    <row r="417752" spans="14:14">
      <c r="N417752" s="10"/>
    </row>
    <row r="417753" spans="14:14">
      <c r="N417753" s="10"/>
    </row>
    <row r="417754" spans="14:14">
      <c r="N417754" s="10"/>
    </row>
    <row r="417755" spans="14:14">
      <c r="N417755" s="10"/>
    </row>
    <row r="417756" spans="14:14">
      <c r="N417756" s="10"/>
    </row>
    <row r="417757" spans="14:14">
      <c r="N417757" s="10"/>
    </row>
    <row r="417758" spans="14:14">
      <c r="N417758" s="10"/>
    </row>
    <row r="417759" spans="14:14">
      <c r="N417759" s="10"/>
    </row>
    <row r="417760" spans="14:14">
      <c r="N417760" s="10"/>
    </row>
    <row r="417761" spans="14:14">
      <c r="N417761" s="10"/>
    </row>
    <row r="417762" spans="14:14">
      <c r="N417762" s="10"/>
    </row>
    <row r="417763" spans="14:14">
      <c r="N417763" s="10"/>
    </row>
    <row r="417764" spans="14:14">
      <c r="N417764" s="10"/>
    </row>
    <row r="417765" spans="14:14">
      <c r="N417765" s="10"/>
    </row>
    <row r="417766" spans="14:14">
      <c r="N417766" s="10"/>
    </row>
    <row r="417767" spans="14:14">
      <c r="N417767" s="10"/>
    </row>
    <row r="417768" spans="14:14">
      <c r="N417768" s="10"/>
    </row>
    <row r="417769" spans="14:14">
      <c r="N417769" s="10"/>
    </row>
    <row r="417770" spans="14:14">
      <c r="N417770" s="10"/>
    </row>
    <row r="417771" spans="14:14">
      <c r="N417771" s="10"/>
    </row>
    <row r="417772" spans="14:14">
      <c r="N417772" s="10"/>
    </row>
    <row r="417773" spans="14:14">
      <c r="N417773" s="10"/>
    </row>
    <row r="417774" spans="14:14">
      <c r="N417774" s="10"/>
    </row>
    <row r="417775" spans="14:14">
      <c r="N417775" s="10"/>
    </row>
    <row r="417776" spans="14:14">
      <c r="N417776" s="10"/>
    </row>
    <row r="417777" spans="14:14">
      <c r="N417777" s="10"/>
    </row>
    <row r="417778" spans="14:14">
      <c r="N417778" s="10"/>
    </row>
    <row r="417779" spans="14:14">
      <c r="N417779" s="10"/>
    </row>
    <row r="417780" spans="14:14">
      <c r="N417780" s="10"/>
    </row>
    <row r="417781" spans="14:14">
      <c r="N417781" s="10"/>
    </row>
    <row r="417782" spans="14:14">
      <c r="N417782" s="10"/>
    </row>
    <row r="417783" spans="14:14">
      <c r="N417783" s="10"/>
    </row>
    <row r="417784" spans="14:14">
      <c r="N417784" s="10"/>
    </row>
    <row r="417785" spans="14:14">
      <c r="N417785" s="10"/>
    </row>
    <row r="417786" spans="14:14">
      <c r="N417786" s="10"/>
    </row>
    <row r="417787" spans="14:14">
      <c r="N417787" s="10"/>
    </row>
    <row r="417788" spans="14:14">
      <c r="N417788" s="10"/>
    </row>
    <row r="417789" spans="14:14">
      <c r="N417789" s="10"/>
    </row>
    <row r="417790" spans="14:14">
      <c r="N417790" s="10"/>
    </row>
    <row r="417791" spans="14:14">
      <c r="N417791" s="10"/>
    </row>
    <row r="417792" spans="14:14">
      <c r="N417792" s="10"/>
    </row>
    <row r="417793" spans="14:14">
      <c r="N417793" s="10"/>
    </row>
    <row r="417794" spans="14:14">
      <c r="N417794" s="10"/>
    </row>
    <row r="417795" spans="14:14">
      <c r="N417795" s="10"/>
    </row>
    <row r="417796" spans="14:14">
      <c r="N417796" s="10"/>
    </row>
    <row r="417797" spans="14:14">
      <c r="N417797" s="10"/>
    </row>
    <row r="417798" spans="14:14">
      <c r="N417798" s="10"/>
    </row>
    <row r="417799" spans="14:14">
      <c r="N417799" s="10"/>
    </row>
    <row r="417800" spans="14:14">
      <c r="N417800" s="10"/>
    </row>
    <row r="417801" spans="14:14">
      <c r="N417801" s="10"/>
    </row>
    <row r="417802" spans="14:14">
      <c r="N417802" s="10"/>
    </row>
    <row r="417803" spans="14:14">
      <c r="N417803" s="10"/>
    </row>
    <row r="417804" spans="14:14">
      <c r="N417804" s="10"/>
    </row>
    <row r="417805" spans="14:14">
      <c r="N417805" s="10"/>
    </row>
    <row r="417806" spans="14:14">
      <c r="N417806" s="10"/>
    </row>
    <row r="417807" spans="14:14">
      <c r="N417807" s="10"/>
    </row>
    <row r="417808" spans="14:14">
      <c r="N417808" s="10"/>
    </row>
    <row r="417809" spans="14:14">
      <c r="N417809" s="10"/>
    </row>
    <row r="417810" spans="14:14">
      <c r="N417810" s="10"/>
    </row>
    <row r="417811" spans="14:14">
      <c r="N417811" s="10"/>
    </row>
    <row r="417812" spans="14:14">
      <c r="N417812" s="10"/>
    </row>
    <row r="417813" spans="14:14">
      <c r="N417813" s="10"/>
    </row>
    <row r="417814" spans="14:14">
      <c r="N417814" s="10"/>
    </row>
    <row r="417815" spans="14:14">
      <c r="N417815" s="10"/>
    </row>
    <row r="417816" spans="14:14">
      <c r="N417816" s="10"/>
    </row>
    <row r="417817" spans="14:14">
      <c r="N417817" s="10"/>
    </row>
    <row r="417818" spans="14:14">
      <c r="N417818" s="10"/>
    </row>
    <row r="417819" spans="14:14">
      <c r="N417819" s="10"/>
    </row>
    <row r="417820" spans="14:14">
      <c r="N417820" s="10"/>
    </row>
    <row r="417821" spans="14:14">
      <c r="N417821" s="10"/>
    </row>
    <row r="417822" spans="14:14">
      <c r="N417822" s="10"/>
    </row>
    <row r="417823" spans="14:14">
      <c r="N417823" s="10"/>
    </row>
    <row r="417824" spans="14:14">
      <c r="N417824" s="10"/>
    </row>
    <row r="417825" spans="14:14">
      <c r="N417825" s="10"/>
    </row>
    <row r="417826" spans="14:14">
      <c r="N417826" s="10"/>
    </row>
    <row r="417827" spans="14:14">
      <c r="N417827" s="10"/>
    </row>
    <row r="417828" spans="14:14">
      <c r="N417828" s="10"/>
    </row>
    <row r="417829" spans="14:14">
      <c r="N417829" s="10"/>
    </row>
    <row r="417830" spans="14:14">
      <c r="N417830" s="10"/>
    </row>
    <row r="417831" spans="14:14">
      <c r="N417831" s="10"/>
    </row>
    <row r="417832" spans="14:14">
      <c r="N417832" s="10"/>
    </row>
    <row r="417833" spans="14:14">
      <c r="N417833" s="10"/>
    </row>
    <row r="417834" spans="14:14">
      <c r="N417834" s="10"/>
    </row>
    <row r="417835" spans="14:14">
      <c r="N417835" s="10"/>
    </row>
    <row r="417836" spans="14:14">
      <c r="N417836" s="10"/>
    </row>
    <row r="417837" spans="14:14">
      <c r="N417837" s="10"/>
    </row>
    <row r="417838" spans="14:14">
      <c r="N417838" s="10"/>
    </row>
    <row r="417839" spans="14:14">
      <c r="N417839" s="10"/>
    </row>
    <row r="417840" spans="14:14">
      <c r="N417840" s="10"/>
    </row>
    <row r="417841" spans="14:14">
      <c r="N417841" s="10"/>
    </row>
    <row r="417842" spans="14:14">
      <c r="N417842" s="10"/>
    </row>
    <row r="417843" spans="14:14">
      <c r="N417843" s="10"/>
    </row>
    <row r="417844" spans="14:14">
      <c r="N417844" s="10"/>
    </row>
    <row r="417845" spans="14:14">
      <c r="N417845" s="10"/>
    </row>
    <row r="417846" spans="14:14">
      <c r="N417846" s="10"/>
    </row>
    <row r="417847" spans="14:14">
      <c r="N417847" s="10"/>
    </row>
    <row r="417848" spans="14:14">
      <c r="N417848" s="10"/>
    </row>
    <row r="417849" spans="14:14">
      <c r="N417849" s="10"/>
    </row>
    <row r="417850" spans="14:14">
      <c r="N417850" s="10"/>
    </row>
    <row r="417851" spans="14:14">
      <c r="N417851" s="10"/>
    </row>
    <row r="417852" spans="14:14">
      <c r="N417852" s="10"/>
    </row>
    <row r="417853" spans="14:14">
      <c r="N417853" s="10"/>
    </row>
    <row r="417854" spans="14:14">
      <c r="N417854" s="10"/>
    </row>
    <row r="417855" spans="14:14">
      <c r="N417855" s="10"/>
    </row>
    <row r="417856" spans="14:14">
      <c r="N417856" s="10"/>
    </row>
    <row r="417857" spans="14:14">
      <c r="N417857" s="10"/>
    </row>
    <row r="417858" spans="14:14">
      <c r="N417858" s="10"/>
    </row>
    <row r="417859" spans="14:14">
      <c r="N417859" s="10"/>
    </row>
    <row r="417860" spans="14:14">
      <c r="N417860" s="10"/>
    </row>
    <row r="417861" spans="14:14">
      <c r="N417861" s="10"/>
    </row>
    <row r="417862" spans="14:14">
      <c r="N417862" s="10"/>
    </row>
    <row r="417863" spans="14:14">
      <c r="N417863" s="10"/>
    </row>
    <row r="417864" spans="14:14">
      <c r="N417864" s="10"/>
    </row>
    <row r="417865" spans="14:14">
      <c r="N417865" s="10"/>
    </row>
    <row r="417866" spans="14:14">
      <c r="N417866" s="10"/>
    </row>
    <row r="417867" spans="14:14">
      <c r="N417867" s="10"/>
    </row>
    <row r="417868" spans="14:14">
      <c r="N417868" s="10"/>
    </row>
    <row r="417869" spans="14:14">
      <c r="N417869" s="10"/>
    </row>
    <row r="417870" spans="14:14">
      <c r="N417870" s="10"/>
    </row>
    <row r="417871" spans="14:14">
      <c r="N417871" s="10"/>
    </row>
    <row r="417872" spans="14:14">
      <c r="N417872" s="10"/>
    </row>
    <row r="417873" spans="14:14">
      <c r="N417873" s="10"/>
    </row>
    <row r="417874" spans="14:14">
      <c r="N417874" s="10"/>
    </row>
    <row r="417875" spans="14:14">
      <c r="N417875" s="10"/>
    </row>
    <row r="417876" spans="14:14">
      <c r="N417876" s="10"/>
    </row>
    <row r="417877" spans="14:14">
      <c r="N417877" s="10"/>
    </row>
    <row r="417878" spans="14:14">
      <c r="N417878" s="10"/>
    </row>
    <row r="417879" spans="14:14">
      <c r="N417879" s="10"/>
    </row>
    <row r="417880" spans="14:14">
      <c r="N417880" s="10"/>
    </row>
    <row r="417881" spans="14:14">
      <c r="N417881" s="10"/>
    </row>
    <row r="417882" spans="14:14">
      <c r="N417882" s="10"/>
    </row>
    <row r="417883" spans="14:14">
      <c r="N417883" s="10"/>
    </row>
    <row r="417884" spans="14:14">
      <c r="N417884" s="10"/>
    </row>
    <row r="417885" spans="14:14">
      <c r="N417885" s="10"/>
    </row>
    <row r="417886" spans="14:14">
      <c r="N417886" s="10"/>
    </row>
    <row r="417887" spans="14:14">
      <c r="N417887" s="10"/>
    </row>
    <row r="417888" spans="14:14">
      <c r="N417888" s="10"/>
    </row>
    <row r="417889" spans="14:14">
      <c r="N417889" s="10"/>
    </row>
    <row r="417890" spans="14:14">
      <c r="N417890" s="10"/>
    </row>
    <row r="417891" spans="14:14">
      <c r="N417891" s="10"/>
    </row>
    <row r="417892" spans="14:14">
      <c r="N417892" s="10"/>
    </row>
    <row r="417893" spans="14:14">
      <c r="N417893" s="10"/>
    </row>
    <row r="417894" spans="14:14">
      <c r="N417894" s="10"/>
    </row>
    <row r="417895" spans="14:14">
      <c r="N417895" s="10"/>
    </row>
    <row r="417896" spans="14:14">
      <c r="N417896" s="10"/>
    </row>
    <row r="417897" spans="14:14">
      <c r="N417897" s="10"/>
    </row>
    <row r="417898" spans="14:14">
      <c r="N417898" s="10"/>
    </row>
    <row r="417899" spans="14:14">
      <c r="N417899" s="10"/>
    </row>
    <row r="417900" spans="14:14">
      <c r="N417900" s="10"/>
    </row>
    <row r="417901" spans="14:14">
      <c r="N417901" s="10"/>
    </row>
    <row r="417902" spans="14:14">
      <c r="N417902" s="10"/>
    </row>
    <row r="417903" spans="14:14">
      <c r="N417903" s="10"/>
    </row>
    <row r="417904" spans="14:14">
      <c r="N417904" s="10"/>
    </row>
    <row r="417905" spans="14:14">
      <c r="N417905" s="10"/>
    </row>
    <row r="417906" spans="14:14">
      <c r="N417906" s="10"/>
    </row>
    <row r="417907" spans="14:14">
      <c r="N417907" s="10"/>
    </row>
    <row r="417908" spans="14:14">
      <c r="N417908" s="10"/>
    </row>
    <row r="417909" spans="14:14">
      <c r="N417909" s="10"/>
    </row>
    <row r="417910" spans="14:14">
      <c r="N417910" s="10"/>
    </row>
    <row r="417911" spans="14:14">
      <c r="N417911" s="10"/>
    </row>
    <row r="417912" spans="14:14">
      <c r="N417912" s="10"/>
    </row>
    <row r="417913" spans="14:14">
      <c r="N417913" s="10"/>
    </row>
    <row r="417914" spans="14:14">
      <c r="N417914" s="10"/>
    </row>
    <row r="417915" spans="14:14">
      <c r="N417915" s="10"/>
    </row>
    <row r="417916" spans="14:14">
      <c r="N417916" s="10"/>
    </row>
    <row r="417917" spans="14:14">
      <c r="N417917" s="10"/>
    </row>
    <row r="417918" spans="14:14">
      <c r="N417918" s="10"/>
    </row>
    <row r="417919" spans="14:14">
      <c r="N417919" s="10"/>
    </row>
    <row r="417920" spans="14:14">
      <c r="N417920" s="10"/>
    </row>
    <row r="417921" spans="14:14">
      <c r="N417921" s="10"/>
    </row>
    <row r="417922" spans="14:14">
      <c r="N417922" s="10"/>
    </row>
    <row r="417923" spans="14:14">
      <c r="N417923" s="10"/>
    </row>
    <row r="417924" spans="14:14">
      <c r="N417924" s="10"/>
    </row>
    <row r="417925" spans="14:14">
      <c r="N417925" s="10"/>
    </row>
    <row r="417926" spans="14:14">
      <c r="N417926" s="10"/>
    </row>
    <row r="417927" spans="14:14">
      <c r="N417927" s="10"/>
    </row>
    <row r="417928" spans="14:14">
      <c r="N417928" s="10"/>
    </row>
    <row r="417929" spans="14:14">
      <c r="N417929" s="10"/>
    </row>
    <row r="417930" spans="14:14">
      <c r="N417930" s="10"/>
    </row>
    <row r="417931" spans="14:14">
      <c r="N417931" s="10"/>
    </row>
    <row r="417932" spans="14:14">
      <c r="N417932" s="10"/>
    </row>
    <row r="417933" spans="14:14">
      <c r="N417933" s="10"/>
    </row>
    <row r="417934" spans="14:14">
      <c r="N417934" s="10"/>
    </row>
    <row r="417935" spans="14:14">
      <c r="N417935" s="10"/>
    </row>
    <row r="417936" spans="14:14">
      <c r="N417936" s="10"/>
    </row>
    <row r="417937" spans="14:14">
      <c r="N417937" s="10"/>
    </row>
    <row r="417938" spans="14:14">
      <c r="N417938" s="10"/>
    </row>
    <row r="417939" spans="14:14">
      <c r="N417939" s="10"/>
    </row>
    <row r="417940" spans="14:14">
      <c r="N417940" s="10"/>
    </row>
    <row r="417941" spans="14:14">
      <c r="N417941" s="10"/>
    </row>
    <row r="417942" spans="14:14">
      <c r="N417942" s="10"/>
    </row>
    <row r="417943" spans="14:14">
      <c r="N417943" s="10"/>
    </row>
    <row r="417944" spans="14:14">
      <c r="N417944" s="10"/>
    </row>
    <row r="417945" spans="14:14">
      <c r="N417945" s="10"/>
    </row>
    <row r="417946" spans="14:14">
      <c r="N417946" s="10"/>
    </row>
    <row r="417947" spans="14:14">
      <c r="N417947" s="10"/>
    </row>
    <row r="417948" spans="14:14">
      <c r="N417948" s="10"/>
    </row>
    <row r="417949" spans="14:14">
      <c r="N417949" s="10"/>
    </row>
    <row r="417950" spans="14:14">
      <c r="N417950" s="10"/>
    </row>
    <row r="417951" spans="14:14">
      <c r="N417951" s="10"/>
    </row>
    <row r="417952" spans="14:14">
      <c r="N417952" s="10"/>
    </row>
    <row r="417953" spans="14:14">
      <c r="N417953" s="10"/>
    </row>
    <row r="417954" spans="14:14">
      <c r="N417954" s="10"/>
    </row>
    <row r="417955" spans="14:14">
      <c r="N417955" s="10"/>
    </row>
    <row r="417956" spans="14:14">
      <c r="N417956" s="10"/>
    </row>
    <row r="417957" spans="14:14">
      <c r="N417957" s="10"/>
    </row>
    <row r="417958" spans="14:14">
      <c r="N417958" s="10"/>
    </row>
    <row r="417959" spans="14:14">
      <c r="N417959" s="10"/>
    </row>
    <row r="417960" spans="14:14">
      <c r="N417960" s="10"/>
    </row>
    <row r="417961" spans="14:14">
      <c r="N417961" s="10"/>
    </row>
    <row r="417962" spans="14:14">
      <c r="N417962" s="10"/>
    </row>
    <row r="417963" spans="14:14">
      <c r="N417963" s="10"/>
    </row>
    <row r="417964" spans="14:14">
      <c r="N417964" s="10"/>
    </row>
    <row r="417965" spans="14:14">
      <c r="N417965" s="10"/>
    </row>
    <row r="417966" spans="14:14">
      <c r="N417966" s="10"/>
    </row>
    <row r="417967" spans="14:14">
      <c r="N417967" s="10"/>
    </row>
    <row r="417968" spans="14:14">
      <c r="N417968" s="10"/>
    </row>
    <row r="417969" spans="14:14">
      <c r="N417969" s="10"/>
    </row>
    <row r="417970" spans="14:14">
      <c r="N417970" s="10"/>
    </row>
    <row r="417971" spans="14:14">
      <c r="N417971" s="10"/>
    </row>
    <row r="417972" spans="14:14">
      <c r="N417972" s="10"/>
    </row>
    <row r="417973" spans="14:14">
      <c r="N417973" s="10"/>
    </row>
    <row r="417974" spans="14:14">
      <c r="N417974" s="10"/>
    </row>
    <row r="417975" spans="14:14">
      <c r="N417975" s="10"/>
    </row>
    <row r="417976" spans="14:14">
      <c r="N417976" s="10"/>
    </row>
    <row r="417977" spans="14:14">
      <c r="N417977" s="10"/>
    </row>
    <row r="417978" spans="14:14">
      <c r="N417978" s="10"/>
    </row>
    <row r="417979" spans="14:14">
      <c r="N417979" s="10"/>
    </row>
    <row r="417980" spans="14:14">
      <c r="N417980" s="10"/>
    </row>
    <row r="417981" spans="14:14">
      <c r="N417981" s="10"/>
    </row>
    <row r="417982" spans="14:14">
      <c r="N417982" s="10"/>
    </row>
    <row r="417983" spans="14:14">
      <c r="N417983" s="10"/>
    </row>
    <row r="417984" spans="14:14">
      <c r="N417984" s="10"/>
    </row>
    <row r="417985" spans="14:14">
      <c r="N417985" s="10"/>
    </row>
    <row r="417986" spans="14:14">
      <c r="N417986" s="10"/>
    </row>
    <row r="417987" spans="14:14">
      <c r="N417987" s="10"/>
    </row>
    <row r="417988" spans="14:14">
      <c r="N417988" s="10"/>
    </row>
    <row r="417989" spans="14:14">
      <c r="N417989" s="10"/>
    </row>
    <row r="417990" spans="14:14">
      <c r="N417990" s="10"/>
    </row>
    <row r="417991" spans="14:14">
      <c r="N417991" s="10"/>
    </row>
    <row r="417992" spans="14:14">
      <c r="N417992" s="10"/>
    </row>
    <row r="417993" spans="14:14">
      <c r="N417993" s="10"/>
    </row>
    <row r="417994" spans="14:14">
      <c r="N417994" s="10"/>
    </row>
    <row r="417995" spans="14:14">
      <c r="N417995" s="10"/>
    </row>
    <row r="417996" spans="14:14">
      <c r="N417996" s="10"/>
    </row>
    <row r="417997" spans="14:14">
      <c r="N417997" s="10"/>
    </row>
    <row r="417998" spans="14:14">
      <c r="N417998" s="10"/>
    </row>
    <row r="417999" spans="14:14">
      <c r="N417999" s="10"/>
    </row>
    <row r="418000" spans="14:14">
      <c r="N418000" s="10"/>
    </row>
    <row r="418001" spans="14:14">
      <c r="N418001" s="10"/>
    </row>
    <row r="418002" spans="14:14">
      <c r="N418002" s="10"/>
    </row>
    <row r="418003" spans="14:14">
      <c r="N418003" s="10"/>
    </row>
    <row r="418004" spans="14:14">
      <c r="N418004" s="10"/>
    </row>
    <row r="418005" spans="14:14">
      <c r="N418005" s="10"/>
    </row>
    <row r="418006" spans="14:14">
      <c r="N418006" s="10"/>
    </row>
    <row r="418007" spans="14:14">
      <c r="N418007" s="10"/>
    </row>
    <row r="418008" spans="14:14">
      <c r="N418008" s="10"/>
    </row>
    <row r="418009" spans="14:14">
      <c r="N418009" s="10"/>
    </row>
    <row r="418010" spans="14:14">
      <c r="N418010" s="10"/>
    </row>
    <row r="418011" spans="14:14">
      <c r="N418011" s="10"/>
    </row>
    <row r="418012" spans="14:14">
      <c r="N418012" s="10"/>
    </row>
    <row r="418013" spans="14:14">
      <c r="N418013" s="10"/>
    </row>
    <row r="418014" spans="14:14">
      <c r="N418014" s="10"/>
    </row>
    <row r="418015" spans="14:14">
      <c r="N418015" s="10"/>
    </row>
    <row r="418016" spans="14:14">
      <c r="N418016" s="10"/>
    </row>
    <row r="418017" spans="14:14">
      <c r="N418017" s="10"/>
    </row>
    <row r="418018" spans="14:14">
      <c r="N418018" s="10"/>
    </row>
    <row r="418019" spans="14:14">
      <c r="N418019" s="10"/>
    </row>
    <row r="418020" spans="14:14">
      <c r="N418020" s="10"/>
    </row>
    <row r="418021" spans="14:14">
      <c r="N418021" s="10"/>
    </row>
    <row r="418022" spans="14:14">
      <c r="N418022" s="10"/>
    </row>
    <row r="418023" spans="14:14">
      <c r="N418023" s="10"/>
    </row>
    <row r="418024" spans="14:14">
      <c r="N418024" s="10"/>
    </row>
    <row r="418025" spans="14:14">
      <c r="N418025" s="10"/>
    </row>
    <row r="418026" spans="14:14">
      <c r="N418026" s="10"/>
    </row>
    <row r="418027" spans="14:14">
      <c r="N418027" s="10"/>
    </row>
    <row r="418028" spans="14:14">
      <c r="N418028" s="10"/>
    </row>
    <row r="418029" spans="14:14">
      <c r="N418029" s="10"/>
    </row>
    <row r="418030" spans="14:14">
      <c r="N418030" s="10"/>
    </row>
    <row r="418031" spans="14:14">
      <c r="N418031" s="10"/>
    </row>
    <row r="418032" spans="14:14">
      <c r="N418032" s="10"/>
    </row>
    <row r="418033" spans="14:14">
      <c r="N418033" s="10"/>
    </row>
    <row r="418034" spans="14:14">
      <c r="N418034" s="10"/>
    </row>
    <row r="418035" spans="14:14">
      <c r="N418035" s="10"/>
    </row>
    <row r="418036" spans="14:14">
      <c r="N418036" s="10"/>
    </row>
    <row r="418037" spans="14:14">
      <c r="N418037" s="10"/>
    </row>
    <row r="418038" spans="14:14">
      <c r="N418038" s="10"/>
    </row>
    <row r="418039" spans="14:14">
      <c r="N418039" s="10"/>
    </row>
    <row r="418040" spans="14:14">
      <c r="N418040" s="10"/>
    </row>
    <row r="418041" spans="14:14">
      <c r="N418041" s="10"/>
    </row>
    <row r="418042" spans="14:14">
      <c r="N418042" s="10"/>
    </row>
    <row r="418043" spans="14:14">
      <c r="N418043" s="10"/>
    </row>
    <row r="418044" spans="14:14">
      <c r="N418044" s="10"/>
    </row>
    <row r="418045" spans="14:14">
      <c r="N418045" s="10"/>
    </row>
    <row r="418046" spans="14:14">
      <c r="N418046" s="10"/>
    </row>
    <row r="418047" spans="14:14">
      <c r="N418047" s="10"/>
    </row>
    <row r="418048" spans="14:14">
      <c r="N418048" s="10"/>
    </row>
    <row r="418049" spans="14:14">
      <c r="N418049" s="10"/>
    </row>
    <row r="418050" spans="14:14">
      <c r="N418050" s="10"/>
    </row>
    <row r="418051" spans="14:14">
      <c r="N418051" s="10"/>
    </row>
    <row r="418052" spans="14:14">
      <c r="N418052" s="10"/>
    </row>
    <row r="418053" spans="14:14">
      <c r="N418053" s="10"/>
    </row>
    <row r="418054" spans="14:14">
      <c r="N418054" s="10"/>
    </row>
    <row r="418055" spans="14:14">
      <c r="N418055" s="10"/>
    </row>
    <row r="418056" spans="14:14">
      <c r="N418056" s="10"/>
    </row>
    <row r="418057" spans="14:14">
      <c r="N418057" s="10"/>
    </row>
    <row r="418058" spans="14:14">
      <c r="N418058" s="10"/>
    </row>
    <row r="418059" spans="14:14">
      <c r="N418059" s="10"/>
    </row>
    <row r="418060" spans="14:14">
      <c r="N418060" s="10"/>
    </row>
    <row r="418061" spans="14:14">
      <c r="N418061" s="10"/>
    </row>
    <row r="418062" spans="14:14">
      <c r="N418062" s="10"/>
    </row>
    <row r="418063" spans="14:14">
      <c r="N418063" s="10"/>
    </row>
    <row r="418064" spans="14:14">
      <c r="N418064" s="10"/>
    </row>
    <row r="418065" spans="14:14">
      <c r="N418065" s="10"/>
    </row>
    <row r="418066" spans="14:14">
      <c r="N418066" s="10"/>
    </row>
    <row r="418067" spans="14:14">
      <c r="N418067" s="10"/>
    </row>
    <row r="418068" spans="14:14">
      <c r="N418068" s="10"/>
    </row>
    <row r="418069" spans="14:14">
      <c r="N418069" s="10"/>
    </row>
    <row r="418070" spans="14:14">
      <c r="N418070" s="10"/>
    </row>
    <row r="418071" spans="14:14">
      <c r="N418071" s="10"/>
    </row>
    <row r="418072" spans="14:14">
      <c r="N418072" s="10"/>
    </row>
    <row r="418073" spans="14:14">
      <c r="N418073" s="10"/>
    </row>
    <row r="418074" spans="14:14">
      <c r="N418074" s="10"/>
    </row>
    <row r="418075" spans="14:14">
      <c r="N418075" s="10"/>
    </row>
    <row r="418076" spans="14:14">
      <c r="N418076" s="10"/>
    </row>
    <row r="418077" spans="14:14">
      <c r="N418077" s="10"/>
    </row>
    <row r="418078" spans="14:14">
      <c r="N418078" s="10"/>
    </row>
    <row r="418079" spans="14:14">
      <c r="N418079" s="10"/>
    </row>
    <row r="418080" spans="14:14">
      <c r="N418080" s="10"/>
    </row>
    <row r="418081" spans="14:14">
      <c r="N418081" s="10"/>
    </row>
    <row r="418082" spans="14:14">
      <c r="N418082" s="10"/>
    </row>
    <row r="418083" spans="14:14">
      <c r="N418083" s="10"/>
    </row>
    <row r="418084" spans="14:14">
      <c r="N418084" s="10"/>
    </row>
    <row r="418085" spans="14:14">
      <c r="N418085" s="10"/>
    </row>
    <row r="418086" spans="14:14">
      <c r="N418086" s="10"/>
    </row>
    <row r="418087" spans="14:14">
      <c r="N418087" s="10"/>
    </row>
    <row r="418088" spans="14:14">
      <c r="N418088" s="10"/>
    </row>
    <row r="418089" spans="14:14">
      <c r="N418089" s="10"/>
    </row>
    <row r="418090" spans="14:14">
      <c r="N418090" s="10"/>
    </row>
    <row r="418091" spans="14:14">
      <c r="N418091" s="10"/>
    </row>
    <row r="418092" spans="14:14">
      <c r="N418092" s="10"/>
    </row>
    <row r="418093" spans="14:14">
      <c r="N418093" s="10"/>
    </row>
    <row r="418094" spans="14:14">
      <c r="N418094" s="10"/>
    </row>
    <row r="418095" spans="14:14">
      <c r="N418095" s="10"/>
    </row>
    <row r="418096" spans="14:14">
      <c r="N418096" s="10"/>
    </row>
    <row r="418097" spans="14:14">
      <c r="N418097" s="10"/>
    </row>
    <row r="418098" spans="14:14">
      <c r="N418098" s="10"/>
    </row>
    <row r="418099" spans="14:14">
      <c r="N418099" s="10"/>
    </row>
    <row r="418100" spans="14:14">
      <c r="N418100" s="10"/>
    </row>
    <row r="418101" spans="14:14">
      <c r="N418101" s="10"/>
    </row>
    <row r="418102" spans="14:14">
      <c r="N418102" s="10"/>
    </row>
    <row r="418103" spans="14:14">
      <c r="N418103" s="10"/>
    </row>
    <row r="418104" spans="14:14">
      <c r="N418104" s="10"/>
    </row>
    <row r="418105" spans="14:14">
      <c r="N418105" s="10"/>
    </row>
    <row r="418106" spans="14:14">
      <c r="N418106" s="10"/>
    </row>
    <row r="418107" spans="14:14">
      <c r="N418107" s="10"/>
    </row>
    <row r="418108" spans="14:14">
      <c r="N418108" s="10"/>
    </row>
    <row r="418109" spans="14:14">
      <c r="N418109" s="10"/>
    </row>
    <row r="418110" spans="14:14">
      <c r="N418110" s="10"/>
    </row>
    <row r="418111" spans="14:14">
      <c r="N418111" s="10"/>
    </row>
    <row r="418112" spans="14:14">
      <c r="N418112" s="10"/>
    </row>
    <row r="418113" spans="14:14">
      <c r="N418113" s="10"/>
    </row>
    <row r="418114" spans="14:14">
      <c r="N418114" s="10"/>
    </row>
    <row r="418115" spans="14:14">
      <c r="N418115" s="10"/>
    </row>
    <row r="418116" spans="14:14">
      <c r="N418116" s="10"/>
    </row>
    <row r="418117" spans="14:14">
      <c r="N418117" s="10"/>
    </row>
    <row r="418118" spans="14:14">
      <c r="N418118" s="10"/>
    </row>
    <row r="418119" spans="14:14">
      <c r="N418119" s="10"/>
    </row>
    <row r="418120" spans="14:14">
      <c r="N418120" s="10"/>
    </row>
    <row r="418121" spans="14:14">
      <c r="N418121" s="10"/>
    </row>
    <row r="418122" spans="14:14">
      <c r="N418122" s="10"/>
    </row>
    <row r="418123" spans="14:14">
      <c r="N418123" s="10"/>
    </row>
    <row r="418124" spans="14:14">
      <c r="N418124" s="10"/>
    </row>
    <row r="418125" spans="14:14">
      <c r="N418125" s="10"/>
    </row>
    <row r="418126" spans="14:14">
      <c r="N418126" s="10"/>
    </row>
    <row r="418127" spans="14:14">
      <c r="N418127" s="10"/>
    </row>
    <row r="418128" spans="14:14">
      <c r="N418128" s="10"/>
    </row>
    <row r="418129" spans="14:14">
      <c r="N418129" s="10"/>
    </row>
    <row r="418130" spans="14:14">
      <c r="N418130" s="10"/>
    </row>
    <row r="418131" spans="14:14">
      <c r="N418131" s="10"/>
    </row>
    <row r="418132" spans="14:14">
      <c r="N418132" s="10"/>
    </row>
    <row r="418133" spans="14:14">
      <c r="N418133" s="10"/>
    </row>
    <row r="418134" spans="14:14">
      <c r="N418134" s="10"/>
    </row>
    <row r="418135" spans="14:14">
      <c r="N418135" s="10"/>
    </row>
    <row r="418136" spans="14:14">
      <c r="N418136" s="10"/>
    </row>
    <row r="418137" spans="14:14">
      <c r="N418137" s="10"/>
    </row>
    <row r="418138" spans="14:14">
      <c r="N418138" s="10"/>
    </row>
    <row r="418139" spans="14:14">
      <c r="N418139" s="10"/>
    </row>
    <row r="418140" spans="14:14">
      <c r="N418140" s="10"/>
    </row>
    <row r="418141" spans="14:14">
      <c r="N418141" s="10"/>
    </row>
    <row r="418142" spans="14:14">
      <c r="N418142" s="10"/>
    </row>
    <row r="418143" spans="14:14">
      <c r="N418143" s="10"/>
    </row>
    <row r="418144" spans="14:14">
      <c r="N418144" s="10"/>
    </row>
    <row r="418145" spans="14:14">
      <c r="N418145" s="10"/>
    </row>
    <row r="418146" spans="14:14">
      <c r="N418146" s="10"/>
    </row>
    <row r="418147" spans="14:14">
      <c r="N418147" s="10"/>
    </row>
    <row r="418148" spans="14:14">
      <c r="N418148" s="10"/>
    </row>
    <row r="418149" spans="14:14">
      <c r="N418149" s="10"/>
    </row>
    <row r="418150" spans="14:14">
      <c r="N418150" s="10"/>
    </row>
    <row r="418151" spans="14:14">
      <c r="N418151" s="10"/>
    </row>
    <row r="418152" spans="14:14">
      <c r="N418152" s="10"/>
    </row>
    <row r="418153" spans="14:14">
      <c r="N418153" s="10"/>
    </row>
    <row r="418154" spans="14:14">
      <c r="N418154" s="10"/>
    </row>
    <row r="418155" spans="14:14">
      <c r="N418155" s="10"/>
    </row>
    <row r="418156" spans="14:14">
      <c r="N418156" s="10"/>
    </row>
    <row r="418157" spans="14:14">
      <c r="N418157" s="10"/>
    </row>
    <row r="418158" spans="14:14">
      <c r="N418158" s="10"/>
    </row>
    <row r="418159" spans="14:14">
      <c r="N418159" s="10"/>
    </row>
    <row r="418160" spans="14:14">
      <c r="N418160" s="10"/>
    </row>
    <row r="418161" spans="14:14">
      <c r="N418161" s="10"/>
    </row>
    <row r="418162" spans="14:14">
      <c r="N418162" s="10"/>
    </row>
    <row r="418163" spans="14:14">
      <c r="N418163" s="10"/>
    </row>
    <row r="418164" spans="14:14">
      <c r="N418164" s="10"/>
    </row>
    <row r="418165" spans="14:14">
      <c r="N418165" s="10"/>
    </row>
    <row r="418166" spans="14:14">
      <c r="N418166" s="10"/>
    </row>
    <row r="418167" spans="14:14">
      <c r="N418167" s="10"/>
    </row>
    <row r="418168" spans="14:14">
      <c r="N418168" s="10"/>
    </row>
    <row r="418169" spans="14:14">
      <c r="N418169" s="10"/>
    </row>
    <row r="418170" spans="14:14">
      <c r="N418170" s="10"/>
    </row>
    <row r="418171" spans="14:14">
      <c r="N418171" s="10"/>
    </row>
    <row r="418172" spans="14:14">
      <c r="N418172" s="10"/>
    </row>
    <row r="418173" spans="14:14">
      <c r="N418173" s="10"/>
    </row>
    <row r="418174" spans="14:14">
      <c r="N418174" s="10"/>
    </row>
    <row r="418175" spans="14:14">
      <c r="N418175" s="10"/>
    </row>
    <row r="418176" spans="14:14">
      <c r="N418176" s="10"/>
    </row>
    <row r="418177" spans="14:14">
      <c r="N418177" s="10"/>
    </row>
    <row r="418178" spans="14:14">
      <c r="N418178" s="10"/>
    </row>
    <row r="418179" spans="14:14">
      <c r="N418179" s="10"/>
    </row>
    <row r="418180" spans="14:14">
      <c r="N418180" s="10"/>
    </row>
    <row r="418181" spans="14:14">
      <c r="N418181" s="10"/>
    </row>
    <row r="418182" spans="14:14">
      <c r="N418182" s="10"/>
    </row>
    <row r="418183" spans="14:14">
      <c r="N418183" s="10"/>
    </row>
    <row r="418184" spans="14:14">
      <c r="N418184" s="10"/>
    </row>
    <row r="418185" spans="14:14">
      <c r="N418185" s="10"/>
    </row>
    <row r="418186" spans="14:14">
      <c r="N418186" s="10"/>
    </row>
    <row r="418187" spans="14:14">
      <c r="N418187" s="10"/>
    </row>
    <row r="418188" spans="14:14">
      <c r="N418188" s="10"/>
    </row>
    <row r="418189" spans="14:14">
      <c r="N418189" s="10"/>
    </row>
    <row r="418190" spans="14:14">
      <c r="N418190" s="10"/>
    </row>
    <row r="418191" spans="14:14">
      <c r="N418191" s="10"/>
    </row>
    <row r="418192" spans="14:14">
      <c r="N418192" s="10"/>
    </row>
    <row r="418193" spans="14:14">
      <c r="N418193" s="10"/>
    </row>
    <row r="418194" spans="14:14">
      <c r="N418194" s="10"/>
    </row>
    <row r="418195" spans="14:14">
      <c r="N418195" s="10"/>
    </row>
    <row r="418196" spans="14:14">
      <c r="N418196" s="10"/>
    </row>
    <row r="418197" spans="14:14">
      <c r="N418197" s="10"/>
    </row>
    <row r="418198" spans="14:14">
      <c r="N418198" s="10"/>
    </row>
    <row r="418199" spans="14:14">
      <c r="N418199" s="10"/>
    </row>
    <row r="418200" spans="14:14">
      <c r="N418200" s="10"/>
    </row>
    <row r="418201" spans="14:14">
      <c r="N418201" s="10"/>
    </row>
    <row r="418202" spans="14:14">
      <c r="N418202" s="10"/>
    </row>
    <row r="418203" spans="14:14">
      <c r="N418203" s="10"/>
    </row>
    <row r="418204" spans="14:14">
      <c r="N418204" s="10"/>
    </row>
    <row r="418205" spans="14:14">
      <c r="N418205" s="10"/>
    </row>
    <row r="418206" spans="14:14">
      <c r="N418206" s="10"/>
    </row>
    <row r="418207" spans="14:14">
      <c r="N418207" s="10"/>
    </row>
    <row r="418208" spans="14:14">
      <c r="N418208" s="10"/>
    </row>
    <row r="418209" spans="14:14">
      <c r="N418209" s="10"/>
    </row>
    <row r="418210" spans="14:14">
      <c r="N418210" s="10"/>
    </row>
    <row r="418211" spans="14:14">
      <c r="N418211" s="10"/>
    </row>
    <row r="418212" spans="14:14">
      <c r="N418212" s="10"/>
    </row>
    <row r="418213" spans="14:14">
      <c r="N418213" s="10"/>
    </row>
    <row r="418214" spans="14:14">
      <c r="N418214" s="10"/>
    </row>
    <row r="418215" spans="14:14">
      <c r="N418215" s="10"/>
    </row>
    <row r="418216" spans="14:14">
      <c r="N418216" s="10"/>
    </row>
    <row r="418217" spans="14:14">
      <c r="N418217" s="10"/>
    </row>
    <row r="418218" spans="14:14">
      <c r="N418218" s="10"/>
    </row>
    <row r="418219" spans="14:14">
      <c r="N418219" s="10"/>
    </row>
    <row r="418220" spans="14:14">
      <c r="N418220" s="10"/>
    </row>
    <row r="418221" spans="14:14">
      <c r="N418221" s="10"/>
    </row>
    <row r="418222" spans="14:14">
      <c r="N418222" s="10"/>
    </row>
    <row r="418223" spans="14:14">
      <c r="N418223" s="10"/>
    </row>
    <row r="418224" spans="14:14">
      <c r="N418224" s="10"/>
    </row>
    <row r="418225" spans="14:14">
      <c r="N418225" s="10"/>
    </row>
    <row r="418226" spans="14:14">
      <c r="N418226" s="10"/>
    </row>
    <row r="418227" spans="14:14">
      <c r="N418227" s="10"/>
    </row>
    <row r="418228" spans="14:14">
      <c r="N418228" s="10"/>
    </row>
    <row r="418229" spans="14:14">
      <c r="N418229" s="10"/>
    </row>
    <row r="418230" spans="14:14">
      <c r="N418230" s="10"/>
    </row>
    <row r="418231" spans="14:14">
      <c r="N418231" s="10"/>
    </row>
    <row r="418232" spans="14:14">
      <c r="N418232" s="10"/>
    </row>
    <row r="418233" spans="14:14">
      <c r="N418233" s="10"/>
    </row>
    <row r="418234" spans="14:14">
      <c r="N418234" s="10"/>
    </row>
    <row r="418235" spans="14:14">
      <c r="N418235" s="10"/>
    </row>
    <row r="418236" spans="14:14">
      <c r="N418236" s="10"/>
    </row>
    <row r="418237" spans="14:14">
      <c r="N418237" s="10"/>
    </row>
    <row r="418238" spans="14:14">
      <c r="N418238" s="10"/>
    </row>
    <row r="418239" spans="14:14">
      <c r="N418239" s="10"/>
    </row>
    <row r="418240" spans="14:14">
      <c r="N418240" s="10"/>
    </row>
    <row r="418241" spans="14:14">
      <c r="N418241" s="10"/>
    </row>
    <row r="418242" spans="14:14">
      <c r="N418242" s="10"/>
    </row>
    <row r="418243" spans="14:14">
      <c r="N418243" s="10"/>
    </row>
    <row r="418244" spans="14:14">
      <c r="N418244" s="10"/>
    </row>
    <row r="418245" spans="14:14">
      <c r="N418245" s="10"/>
    </row>
    <row r="418246" spans="14:14">
      <c r="N418246" s="10"/>
    </row>
    <row r="418247" spans="14:14">
      <c r="N418247" s="10"/>
    </row>
    <row r="418248" spans="14:14">
      <c r="N418248" s="10"/>
    </row>
    <row r="418249" spans="14:14">
      <c r="N418249" s="10"/>
    </row>
    <row r="418250" spans="14:14">
      <c r="N418250" s="10"/>
    </row>
    <row r="418251" spans="14:14">
      <c r="N418251" s="10"/>
    </row>
    <row r="418252" spans="14:14">
      <c r="N418252" s="10"/>
    </row>
    <row r="418253" spans="14:14">
      <c r="N418253" s="10"/>
    </row>
    <row r="418254" spans="14:14">
      <c r="N418254" s="10"/>
    </row>
    <row r="418255" spans="14:14">
      <c r="N418255" s="10"/>
    </row>
    <row r="418256" spans="14:14">
      <c r="N418256" s="10"/>
    </row>
    <row r="418257" spans="14:14">
      <c r="N418257" s="10"/>
    </row>
    <row r="418258" spans="14:14">
      <c r="N418258" s="10"/>
    </row>
    <row r="418259" spans="14:14">
      <c r="N418259" s="10"/>
    </row>
    <row r="418260" spans="14:14">
      <c r="N418260" s="10"/>
    </row>
    <row r="418261" spans="14:14">
      <c r="N418261" s="10"/>
    </row>
    <row r="418262" spans="14:14">
      <c r="N418262" s="10"/>
    </row>
    <row r="418263" spans="14:14">
      <c r="N418263" s="10"/>
    </row>
    <row r="418264" spans="14:14">
      <c r="N418264" s="10"/>
    </row>
    <row r="418265" spans="14:14">
      <c r="N418265" s="10"/>
    </row>
    <row r="418266" spans="14:14">
      <c r="N418266" s="10"/>
    </row>
    <row r="418267" spans="14:14">
      <c r="N418267" s="10"/>
    </row>
    <row r="418268" spans="14:14">
      <c r="N418268" s="10"/>
    </row>
    <row r="418269" spans="14:14">
      <c r="N418269" s="10"/>
    </row>
    <row r="418270" spans="14:14">
      <c r="N418270" s="10"/>
    </row>
    <row r="418271" spans="14:14">
      <c r="N418271" s="10"/>
    </row>
    <row r="418272" spans="14:14">
      <c r="N418272" s="10"/>
    </row>
    <row r="418273" spans="14:14">
      <c r="N418273" s="10"/>
    </row>
    <row r="418274" spans="14:14">
      <c r="N418274" s="10"/>
    </row>
    <row r="418275" spans="14:14">
      <c r="N418275" s="10"/>
    </row>
    <row r="418276" spans="14:14">
      <c r="N418276" s="10"/>
    </row>
    <row r="418277" spans="14:14">
      <c r="N418277" s="10"/>
    </row>
    <row r="418278" spans="14:14">
      <c r="N418278" s="10"/>
    </row>
    <row r="418279" spans="14:14">
      <c r="N418279" s="10"/>
    </row>
    <row r="418280" spans="14:14">
      <c r="N418280" s="10"/>
    </row>
    <row r="418281" spans="14:14">
      <c r="N418281" s="10"/>
    </row>
    <row r="418282" spans="14:14">
      <c r="N418282" s="10"/>
    </row>
    <row r="418283" spans="14:14">
      <c r="N418283" s="10"/>
    </row>
    <row r="418284" spans="14:14">
      <c r="N418284" s="10"/>
    </row>
    <row r="418285" spans="14:14">
      <c r="N418285" s="10"/>
    </row>
    <row r="418286" spans="14:14">
      <c r="N418286" s="10"/>
    </row>
    <row r="418287" spans="14:14">
      <c r="N418287" s="10"/>
    </row>
    <row r="418288" spans="14:14">
      <c r="N418288" s="10"/>
    </row>
    <row r="418289" spans="14:14">
      <c r="N418289" s="10"/>
    </row>
    <row r="418290" spans="14:14">
      <c r="N418290" s="10"/>
    </row>
    <row r="418291" spans="14:14">
      <c r="N418291" s="10"/>
    </row>
    <row r="418292" spans="14:14">
      <c r="N418292" s="10"/>
    </row>
    <row r="418293" spans="14:14">
      <c r="N418293" s="10"/>
    </row>
    <row r="418294" spans="14:14">
      <c r="N418294" s="10"/>
    </row>
    <row r="418295" spans="14:14">
      <c r="N418295" s="10"/>
    </row>
    <row r="418296" spans="14:14">
      <c r="N418296" s="10"/>
    </row>
    <row r="418297" spans="14:14">
      <c r="N418297" s="10"/>
    </row>
    <row r="418298" spans="14:14">
      <c r="N418298" s="10"/>
    </row>
    <row r="418299" spans="14:14">
      <c r="N418299" s="10"/>
    </row>
    <row r="418300" spans="14:14">
      <c r="N418300" s="10"/>
    </row>
    <row r="418301" spans="14:14">
      <c r="N418301" s="10"/>
    </row>
    <row r="418302" spans="14:14">
      <c r="N418302" s="10"/>
    </row>
    <row r="418303" spans="14:14">
      <c r="N418303" s="10"/>
    </row>
    <row r="418304" spans="14:14">
      <c r="N418304" s="10"/>
    </row>
    <row r="418305" spans="14:14">
      <c r="N418305" s="10"/>
    </row>
    <row r="418306" spans="14:14">
      <c r="N418306" s="10"/>
    </row>
    <row r="418307" spans="14:14">
      <c r="N418307" s="10"/>
    </row>
    <row r="418308" spans="14:14">
      <c r="N418308" s="10"/>
    </row>
    <row r="418309" spans="14:14">
      <c r="N418309" s="10"/>
    </row>
    <row r="418310" spans="14:14">
      <c r="N418310" s="10"/>
    </row>
    <row r="418311" spans="14:14">
      <c r="N418311" s="10"/>
    </row>
    <row r="418312" spans="14:14">
      <c r="N418312" s="10"/>
    </row>
    <row r="418313" spans="14:14">
      <c r="N418313" s="10"/>
    </row>
    <row r="418314" spans="14:14">
      <c r="N418314" s="10"/>
    </row>
    <row r="418315" spans="14:14">
      <c r="N418315" s="10"/>
    </row>
    <row r="418316" spans="14:14">
      <c r="N418316" s="10"/>
    </row>
    <row r="418317" spans="14:14">
      <c r="N418317" s="10"/>
    </row>
    <row r="418318" spans="14:14">
      <c r="N418318" s="10"/>
    </row>
    <row r="418319" spans="14:14">
      <c r="N418319" s="10"/>
    </row>
    <row r="418320" spans="14:14">
      <c r="N418320" s="10"/>
    </row>
    <row r="418321" spans="14:14">
      <c r="N418321" s="10"/>
    </row>
    <row r="418322" spans="14:14">
      <c r="N418322" s="10"/>
    </row>
    <row r="418323" spans="14:14">
      <c r="N418323" s="10"/>
    </row>
    <row r="418324" spans="14:14">
      <c r="N418324" s="10"/>
    </row>
    <row r="418325" spans="14:14">
      <c r="N418325" s="10"/>
    </row>
    <row r="418326" spans="14:14">
      <c r="N418326" s="10"/>
    </row>
    <row r="418327" spans="14:14">
      <c r="N418327" s="10"/>
    </row>
    <row r="418328" spans="14:14">
      <c r="N418328" s="10"/>
    </row>
    <row r="418329" spans="14:14">
      <c r="N418329" s="10"/>
    </row>
    <row r="418330" spans="14:14">
      <c r="N418330" s="10"/>
    </row>
    <row r="418331" spans="14:14">
      <c r="N418331" s="10"/>
    </row>
    <row r="418332" spans="14:14">
      <c r="N418332" s="10"/>
    </row>
    <row r="418333" spans="14:14">
      <c r="N418333" s="10"/>
    </row>
    <row r="418334" spans="14:14">
      <c r="N418334" s="10"/>
    </row>
    <row r="418335" spans="14:14">
      <c r="N418335" s="10"/>
    </row>
    <row r="418336" spans="14:14">
      <c r="N418336" s="10"/>
    </row>
    <row r="418337" spans="14:14">
      <c r="N418337" s="10"/>
    </row>
    <row r="418338" spans="14:14">
      <c r="N418338" s="10"/>
    </row>
    <row r="418339" spans="14:14">
      <c r="N418339" s="10"/>
    </row>
    <row r="418340" spans="14:14">
      <c r="N418340" s="10"/>
    </row>
    <row r="418341" spans="14:14">
      <c r="N418341" s="10"/>
    </row>
    <row r="418342" spans="14:14">
      <c r="N418342" s="10"/>
    </row>
    <row r="418343" spans="14:14">
      <c r="N418343" s="10"/>
    </row>
    <row r="418344" spans="14:14">
      <c r="N418344" s="10"/>
    </row>
    <row r="418345" spans="14:14">
      <c r="N418345" s="10"/>
    </row>
    <row r="418346" spans="14:14">
      <c r="N418346" s="10"/>
    </row>
    <row r="418347" spans="14:14">
      <c r="N418347" s="10"/>
    </row>
    <row r="418348" spans="14:14">
      <c r="N418348" s="10"/>
    </row>
    <row r="418349" spans="14:14">
      <c r="N418349" s="10"/>
    </row>
    <row r="418350" spans="14:14">
      <c r="N418350" s="10"/>
    </row>
    <row r="418351" spans="14:14">
      <c r="N418351" s="10"/>
    </row>
    <row r="418352" spans="14:14">
      <c r="N418352" s="10"/>
    </row>
    <row r="418353" spans="14:14">
      <c r="N418353" s="10"/>
    </row>
    <row r="418354" spans="14:14">
      <c r="N418354" s="10"/>
    </row>
    <row r="418355" spans="14:14">
      <c r="N418355" s="10"/>
    </row>
    <row r="418356" spans="14:14">
      <c r="N418356" s="10"/>
    </row>
    <row r="418357" spans="14:14">
      <c r="N418357" s="10"/>
    </row>
    <row r="418358" spans="14:14">
      <c r="N418358" s="10"/>
    </row>
    <row r="418359" spans="14:14">
      <c r="N418359" s="10"/>
    </row>
    <row r="418360" spans="14:14">
      <c r="N418360" s="10"/>
    </row>
    <row r="418361" spans="14:14">
      <c r="N418361" s="10"/>
    </row>
    <row r="418362" spans="14:14">
      <c r="N418362" s="10"/>
    </row>
    <row r="418363" spans="14:14">
      <c r="N418363" s="10"/>
    </row>
    <row r="418364" spans="14:14">
      <c r="N418364" s="10"/>
    </row>
    <row r="418365" spans="14:14">
      <c r="N418365" s="10"/>
    </row>
    <row r="418366" spans="14:14">
      <c r="N418366" s="10"/>
    </row>
    <row r="418367" spans="14:14">
      <c r="N418367" s="10"/>
    </row>
    <row r="418368" spans="14:14">
      <c r="N418368" s="10"/>
    </row>
    <row r="418369" spans="14:14">
      <c r="N418369" s="10"/>
    </row>
    <row r="418370" spans="14:14">
      <c r="N418370" s="10"/>
    </row>
    <row r="418371" spans="14:14">
      <c r="N418371" s="10"/>
    </row>
    <row r="418372" spans="14:14">
      <c r="N418372" s="10"/>
    </row>
    <row r="418373" spans="14:14">
      <c r="N418373" s="10"/>
    </row>
    <row r="418374" spans="14:14">
      <c r="N418374" s="10"/>
    </row>
    <row r="418375" spans="14:14">
      <c r="N418375" s="10"/>
    </row>
    <row r="418376" spans="14:14">
      <c r="N418376" s="10"/>
    </row>
    <row r="418377" spans="14:14">
      <c r="N418377" s="10"/>
    </row>
    <row r="418378" spans="14:14">
      <c r="N418378" s="10"/>
    </row>
    <row r="418379" spans="14:14">
      <c r="N418379" s="10"/>
    </row>
    <row r="418380" spans="14:14">
      <c r="N418380" s="10"/>
    </row>
    <row r="418381" spans="14:14">
      <c r="N418381" s="10"/>
    </row>
    <row r="418382" spans="14:14">
      <c r="N418382" s="10"/>
    </row>
    <row r="418383" spans="14:14">
      <c r="N418383" s="10"/>
    </row>
    <row r="418384" spans="14:14">
      <c r="N418384" s="10"/>
    </row>
    <row r="418385" spans="14:14">
      <c r="N418385" s="10"/>
    </row>
    <row r="418386" spans="14:14">
      <c r="N418386" s="10"/>
    </row>
    <row r="418387" spans="14:14">
      <c r="N418387" s="10"/>
    </row>
    <row r="418388" spans="14:14">
      <c r="N418388" s="10"/>
    </row>
    <row r="418389" spans="14:14">
      <c r="N418389" s="10"/>
    </row>
    <row r="418390" spans="14:14">
      <c r="N418390" s="10"/>
    </row>
    <row r="418391" spans="14:14">
      <c r="N418391" s="10"/>
    </row>
    <row r="418392" spans="14:14">
      <c r="N418392" s="10"/>
    </row>
    <row r="418393" spans="14:14">
      <c r="N418393" s="10"/>
    </row>
    <row r="418394" spans="14:14">
      <c r="N418394" s="10"/>
    </row>
    <row r="418395" spans="14:14">
      <c r="N418395" s="10"/>
    </row>
    <row r="418396" spans="14:14">
      <c r="N418396" s="10"/>
    </row>
    <row r="418397" spans="14:14">
      <c r="N418397" s="10"/>
    </row>
    <row r="418398" spans="14:14">
      <c r="N418398" s="10"/>
    </row>
    <row r="418399" spans="14:14">
      <c r="N418399" s="10"/>
    </row>
    <row r="418400" spans="14:14">
      <c r="N418400" s="10"/>
    </row>
    <row r="418401" spans="14:14">
      <c r="N418401" s="10"/>
    </row>
    <row r="418402" spans="14:14">
      <c r="N418402" s="10"/>
    </row>
    <row r="418403" spans="14:14">
      <c r="N418403" s="10"/>
    </row>
    <row r="418404" spans="14:14">
      <c r="N418404" s="10"/>
    </row>
    <row r="418405" spans="14:14">
      <c r="N418405" s="10"/>
    </row>
    <row r="418406" spans="14:14">
      <c r="N418406" s="10"/>
    </row>
    <row r="418407" spans="14:14">
      <c r="N418407" s="10"/>
    </row>
    <row r="418408" spans="14:14">
      <c r="N418408" s="10"/>
    </row>
    <row r="418409" spans="14:14">
      <c r="N418409" s="10"/>
    </row>
    <row r="418410" spans="14:14">
      <c r="N418410" s="10"/>
    </row>
    <row r="418411" spans="14:14">
      <c r="N418411" s="10"/>
    </row>
    <row r="418412" spans="14:14">
      <c r="N418412" s="10"/>
    </row>
    <row r="418413" spans="14:14">
      <c r="N418413" s="10"/>
    </row>
    <row r="418414" spans="14:14">
      <c r="N418414" s="10"/>
    </row>
    <row r="418415" spans="14:14">
      <c r="N418415" s="10"/>
    </row>
    <row r="418416" spans="14:14">
      <c r="N418416" s="10"/>
    </row>
    <row r="418417" spans="14:14">
      <c r="N418417" s="10"/>
    </row>
    <row r="418418" spans="14:14">
      <c r="N418418" s="10"/>
    </row>
    <row r="418419" spans="14:14">
      <c r="N418419" s="10"/>
    </row>
    <row r="418420" spans="14:14">
      <c r="N418420" s="10"/>
    </row>
    <row r="418421" spans="14:14">
      <c r="N418421" s="10"/>
    </row>
    <row r="418422" spans="14:14">
      <c r="N418422" s="10"/>
    </row>
    <row r="418423" spans="14:14">
      <c r="N418423" s="10"/>
    </row>
    <row r="418424" spans="14:14">
      <c r="N418424" s="10"/>
    </row>
    <row r="418425" spans="14:14">
      <c r="N418425" s="10"/>
    </row>
    <row r="418426" spans="14:14">
      <c r="N418426" s="10"/>
    </row>
    <row r="418427" spans="14:14">
      <c r="N418427" s="10"/>
    </row>
    <row r="418428" spans="14:14">
      <c r="N418428" s="10"/>
    </row>
    <row r="418429" spans="14:14">
      <c r="N418429" s="10"/>
    </row>
    <row r="418430" spans="14:14">
      <c r="N418430" s="10"/>
    </row>
    <row r="418431" spans="14:14">
      <c r="N418431" s="10"/>
    </row>
    <row r="418432" spans="14:14">
      <c r="N418432" s="10"/>
    </row>
    <row r="418433" spans="14:14">
      <c r="N418433" s="10"/>
    </row>
    <row r="418434" spans="14:14">
      <c r="N418434" s="10"/>
    </row>
    <row r="418435" spans="14:14">
      <c r="N418435" s="10"/>
    </row>
    <row r="418436" spans="14:14">
      <c r="N418436" s="10"/>
    </row>
    <row r="418437" spans="14:14">
      <c r="N418437" s="10"/>
    </row>
    <row r="418438" spans="14:14">
      <c r="N418438" s="10"/>
    </row>
    <row r="418439" spans="14:14">
      <c r="N418439" s="10"/>
    </row>
    <row r="418440" spans="14:14">
      <c r="N418440" s="10"/>
    </row>
    <row r="418441" spans="14:14">
      <c r="N418441" s="10"/>
    </row>
    <row r="418442" spans="14:14">
      <c r="N418442" s="10"/>
    </row>
    <row r="418443" spans="14:14">
      <c r="N418443" s="10"/>
    </row>
    <row r="418444" spans="14:14">
      <c r="N418444" s="10"/>
    </row>
    <row r="418445" spans="14:14">
      <c r="N418445" s="10"/>
    </row>
    <row r="418446" spans="14:14">
      <c r="N418446" s="10"/>
    </row>
    <row r="418447" spans="14:14">
      <c r="N418447" s="10"/>
    </row>
    <row r="418448" spans="14:14">
      <c r="N418448" s="10"/>
    </row>
    <row r="418449" spans="14:14">
      <c r="N418449" s="10"/>
    </row>
    <row r="418450" spans="14:14">
      <c r="N418450" s="10"/>
    </row>
    <row r="418451" spans="14:14">
      <c r="N418451" s="10"/>
    </row>
    <row r="418452" spans="14:14">
      <c r="N418452" s="10"/>
    </row>
    <row r="418453" spans="14:14">
      <c r="N418453" s="10"/>
    </row>
    <row r="418454" spans="14:14">
      <c r="N418454" s="10"/>
    </row>
    <row r="418455" spans="14:14">
      <c r="N418455" s="10"/>
    </row>
    <row r="418456" spans="14:14">
      <c r="N418456" s="10"/>
    </row>
    <row r="418457" spans="14:14">
      <c r="N418457" s="10"/>
    </row>
    <row r="418458" spans="14:14">
      <c r="N418458" s="10"/>
    </row>
    <row r="418459" spans="14:14">
      <c r="N418459" s="10"/>
    </row>
    <row r="418460" spans="14:14">
      <c r="N418460" s="10"/>
    </row>
    <row r="418461" spans="14:14">
      <c r="N418461" s="10"/>
    </row>
    <row r="418462" spans="14:14">
      <c r="N418462" s="10"/>
    </row>
    <row r="418463" spans="14:14">
      <c r="N418463" s="10"/>
    </row>
    <row r="418464" spans="14:14">
      <c r="N418464" s="10"/>
    </row>
    <row r="418465" spans="14:14">
      <c r="N418465" s="10"/>
    </row>
    <row r="418466" spans="14:14">
      <c r="N418466" s="10"/>
    </row>
    <row r="418467" spans="14:14">
      <c r="N418467" s="10"/>
    </row>
    <row r="418468" spans="14:14">
      <c r="N418468" s="10"/>
    </row>
    <row r="418469" spans="14:14">
      <c r="N418469" s="10"/>
    </row>
    <row r="418470" spans="14:14">
      <c r="N418470" s="10"/>
    </row>
    <row r="418471" spans="14:14">
      <c r="N418471" s="10"/>
    </row>
    <row r="418472" spans="14:14">
      <c r="N418472" s="10"/>
    </row>
    <row r="418473" spans="14:14">
      <c r="N418473" s="10"/>
    </row>
    <row r="418474" spans="14:14">
      <c r="N418474" s="10"/>
    </row>
    <row r="418475" spans="14:14">
      <c r="N418475" s="10"/>
    </row>
    <row r="418476" spans="14:14">
      <c r="N418476" s="10"/>
    </row>
    <row r="418477" spans="14:14">
      <c r="N418477" s="10"/>
    </row>
    <row r="418478" spans="14:14">
      <c r="N418478" s="10"/>
    </row>
    <row r="418479" spans="14:14">
      <c r="N418479" s="10"/>
    </row>
    <row r="418480" spans="14:14">
      <c r="N418480" s="10"/>
    </row>
    <row r="418481" spans="14:14">
      <c r="N418481" s="10"/>
    </row>
    <row r="418482" spans="14:14">
      <c r="N418482" s="10"/>
    </row>
    <row r="418483" spans="14:14">
      <c r="N418483" s="10"/>
    </row>
    <row r="418484" spans="14:14">
      <c r="N418484" s="10"/>
    </row>
    <row r="418485" spans="14:14">
      <c r="N418485" s="10"/>
    </row>
    <row r="418486" spans="14:14">
      <c r="N418486" s="10"/>
    </row>
    <row r="418487" spans="14:14">
      <c r="N418487" s="10"/>
    </row>
    <row r="418488" spans="14:14">
      <c r="N418488" s="10"/>
    </row>
    <row r="418489" spans="14:14">
      <c r="N418489" s="10"/>
    </row>
    <row r="418490" spans="14:14">
      <c r="N418490" s="10"/>
    </row>
    <row r="418491" spans="14:14">
      <c r="N418491" s="10"/>
    </row>
    <row r="418492" spans="14:14">
      <c r="N418492" s="10"/>
    </row>
    <row r="418493" spans="14:14">
      <c r="N418493" s="10"/>
    </row>
    <row r="418494" spans="14:14">
      <c r="N418494" s="10"/>
    </row>
    <row r="418495" spans="14:14">
      <c r="N418495" s="10"/>
    </row>
    <row r="418496" spans="14:14">
      <c r="N418496" s="10"/>
    </row>
    <row r="418497" spans="14:14">
      <c r="N418497" s="10"/>
    </row>
    <row r="418498" spans="14:14">
      <c r="N418498" s="10"/>
    </row>
    <row r="418499" spans="14:14">
      <c r="N418499" s="10"/>
    </row>
    <row r="418500" spans="14:14">
      <c r="N418500" s="10"/>
    </row>
    <row r="418501" spans="14:14">
      <c r="N418501" s="10"/>
    </row>
    <row r="418502" spans="14:14">
      <c r="N418502" s="10"/>
    </row>
    <row r="418503" spans="14:14">
      <c r="N418503" s="10"/>
    </row>
    <row r="418504" spans="14:14">
      <c r="N418504" s="10"/>
    </row>
    <row r="418505" spans="14:14">
      <c r="N418505" s="10"/>
    </row>
    <row r="418506" spans="14:14">
      <c r="N418506" s="10"/>
    </row>
    <row r="418507" spans="14:14">
      <c r="N418507" s="10"/>
    </row>
    <row r="418508" spans="14:14">
      <c r="N418508" s="10"/>
    </row>
    <row r="418509" spans="14:14">
      <c r="N418509" s="10"/>
    </row>
    <row r="418510" spans="14:14">
      <c r="N418510" s="10"/>
    </row>
    <row r="418511" spans="14:14">
      <c r="N418511" s="10"/>
    </row>
    <row r="418512" spans="14:14">
      <c r="N418512" s="10"/>
    </row>
    <row r="418513" spans="14:14">
      <c r="N418513" s="10"/>
    </row>
    <row r="418514" spans="14:14">
      <c r="N418514" s="10"/>
    </row>
    <row r="418515" spans="14:14">
      <c r="N418515" s="10"/>
    </row>
    <row r="418516" spans="14:14">
      <c r="N418516" s="10"/>
    </row>
    <row r="418517" spans="14:14">
      <c r="N418517" s="10"/>
    </row>
    <row r="418518" spans="14:14">
      <c r="N418518" s="10"/>
    </row>
    <row r="418519" spans="14:14">
      <c r="N418519" s="10"/>
    </row>
    <row r="418520" spans="14:14">
      <c r="N418520" s="10"/>
    </row>
    <row r="418521" spans="14:14">
      <c r="N418521" s="10"/>
    </row>
    <row r="418522" spans="14:14">
      <c r="N418522" s="10"/>
    </row>
    <row r="418523" spans="14:14">
      <c r="N418523" s="10"/>
    </row>
    <row r="418524" spans="14:14">
      <c r="N418524" s="10"/>
    </row>
    <row r="418525" spans="14:14">
      <c r="N418525" s="10"/>
    </row>
    <row r="418526" spans="14:14">
      <c r="N418526" s="10"/>
    </row>
    <row r="418527" spans="14:14">
      <c r="N418527" s="10"/>
    </row>
    <row r="418528" spans="14:14">
      <c r="N418528" s="10"/>
    </row>
    <row r="418529" spans="14:14">
      <c r="N418529" s="10"/>
    </row>
    <row r="418530" spans="14:14">
      <c r="N418530" s="10"/>
    </row>
    <row r="418531" spans="14:14">
      <c r="N418531" s="10"/>
    </row>
    <row r="418532" spans="14:14">
      <c r="N418532" s="10"/>
    </row>
    <row r="418533" spans="14:14">
      <c r="N418533" s="10"/>
    </row>
    <row r="418534" spans="14:14">
      <c r="N418534" s="10"/>
    </row>
    <row r="418535" spans="14:14">
      <c r="N418535" s="10"/>
    </row>
    <row r="418536" spans="14:14">
      <c r="N418536" s="10"/>
    </row>
    <row r="418537" spans="14:14">
      <c r="N418537" s="10"/>
    </row>
    <row r="418538" spans="14:14">
      <c r="N418538" s="10"/>
    </row>
    <row r="418539" spans="14:14">
      <c r="N418539" s="10"/>
    </row>
    <row r="418540" spans="14:14">
      <c r="N418540" s="10"/>
    </row>
    <row r="418541" spans="14:14">
      <c r="N418541" s="10"/>
    </row>
    <row r="418542" spans="14:14">
      <c r="N418542" s="10"/>
    </row>
    <row r="418543" spans="14:14">
      <c r="N418543" s="10"/>
    </row>
    <row r="418544" spans="14:14">
      <c r="N418544" s="10"/>
    </row>
    <row r="418545" spans="14:14">
      <c r="N418545" s="10"/>
    </row>
    <row r="418546" spans="14:14">
      <c r="N418546" s="10"/>
    </row>
    <row r="418547" spans="14:14">
      <c r="N418547" s="10"/>
    </row>
    <row r="418548" spans="14:14">
      <c r="N418548" s="10"/>
    </row>
    <row r="418549" spans="14:14">
      <c r="N418549" s="10"/>
    </row>
    <row r="418550" spans="14:14">
      <c r="N418550" s="10"/>
    </row>
    <row r="418551" spans="14:14">
      <c r="N418551" s="10"/>
    </row>
    <row r="418552" spans="14:14">
      <c r="N418552" s="10"/>
    </row>
    <row r="418553" spans="14:14">
      <c r="N418553" s="10"/>
    </row>
    <row r="418554" spans="14:14">
      <c r="N418554" s="10"/>
    </row>
    <row r="418555" spans="14:14">
      <c r="N418555" s="10"/>
    </row>
    <row r="418556" spans="14:14">
      <c r="N418556" s="10"/>
    </row>
    <row r="418557" spans="14:14">
      <c r="N418557" s="10"/>
    </row>
    <row r="418558" spans="14:14">
      <c r="N418558" s="10"/>
    </row>
    <row r="418559" spans="14:14">
      <c r="N418559" s="10"/>
    </row>
    <row r="418560" spans="14:14">
      <c r="N418560" s="10"/>
    </row>
    <row r="418561" spans="14:14">
      <c r="N418561" s="10"/>
    </row>
    <row r="418562" spans="14:14">
      <c r="N418562" s="10"/>
    </row>
    <row r="418563" spans="14:14">
      <c r="N418563" s="10"/>
    </row>
    <row r="418564" spans="14:14">
      <c r="N418564" s="10"/>
    </row>
    <row r="418565" spans="14:14">
      <c r="N418565" s="10"/>
    </row>
    <row r="418566" spans="14:14">
      <c r="N418566" s="10"/>
    </row>
    <row r="418567" spans="14:14">
      <c r="N418567" s="10"/>
    </row>
    <row r="418568" spans="14:14">
      <c r="N418568" s="10"/>
    </row>
    <row r="418569" spans="14:14">
      <c r="N418569" s="10"/>
    </row>
    <row r="418570" spans="14:14">
      <c r="N418570" s="10"/>
    </row>
    <row r="418571" spans="14:14">
      <c r="N418571" s="10"/>
    </row>
    <row r="418572" spans="14:14">
      <c r="N418572" s="10"/>
    </row>
    <row r="418573" spans="14:14">
      <c r="N418573" s="10"/>
    </row>
    <row r="418574" spans="14:14">
      <c r="N418574" s="10"/>
    </row>
    <row r="418575" spans="14:14">
      <c r="N418575" s="10"/>
    </row>
    <row r="418576" spans="14:14">
      <c r="N418576" s="10"/>
    </row>
    <row r="418577" spans="14:14">
      <c r="N418577" s="10"/>
    </row>
    <row r="418578" spans="14:14">
      <c r="N418578" s="10"/>
    </row>
    <row r="418579" spans="14:14">
      <c r="N418579" s="10"/>
    </row>
    <row r="418580" spans="14:14">
      <c r="N418580" s="10"/>
    </row>
    <row r="418581" spans="14:14">
      <c r="N418581" s="10"/>
    </row>
    <row r="418582" spans="14:14">
      <c r="N418582" s="10"/>
    </row>
    <row r="418583" spans="14:14">
      <c r="N418583" s="10"/>
    </row>
    <row r="418584" spans="14:14">
      <c r="N418584" s="10"/>
    </row>
    <row r="418585" spans="14:14">
      <c r="N418585" s="10"/>
    </row>
    <row r="418586" spans="14:14">
      <c r="N418586" s="10"/>
    </row>
    <row r="418587" spans="14:14">
      <c r="N418587" s="10"/>
    </row>
    <row r="418588" spans="14:14">
      <c r="N418588" s="10"/>
    </row>
    <row r="418589" spans="14:14">
      <c r="N418589" s="10"/>
    </row>
    <row r="418590" spans="14:14">
      <c r="N418590" s="10"/>
    </row>
    <row r="418591" spans="14:14">
      <c r="N418591" s="10"/>
    </row>
    <row r="418592" spans="14:14">
      <c r="N418592" s="10"/>
    </row>
    <row r="418593" spans="14:14">
      <c r="N418593" s="10"/>
    </row>
    <row r="418594" spans="14:14">
      <c r="N418594" s="10"/>
    </row>
    <row r="418595" spans="14:14">
      <c r="N418595" s="10"/>
    </row>
    <row r="418596" spans="14:14">
      <c r="N418596" s="10"/>
    </row>
    <row r="418597" spans="14:14">
      <c r="N418597" s="10"/>
    </row>
    <row r="418598" spans="14:14">
      <c r="N418598" s="10"/>
    </row>
    <row r="418599" spans="14:14">
      <c r="N418599" s="10"/>
    </row>
    <row r="418600" spans="14:14">
      <c r="N418600" s="10"/>
    </row>
    <row r="418601" spans="14:14">
      <c r="N418601" s="10"/>
    </row>
    <row r="418602" spans="14:14">
      <c r="N418602" s="10"/>
    </row>
    <row r="418603" spans="14:14">
      <c r="N418603" s="10"/>
    </row>
    <row r="418604" spans="14:14">
      <c r="N418604" s="10"/>
    </row>
    <row r="418605" spans="14:14">
      <c r="N418605" s="10"/>
    </row>
    <row r="418606" spans="14:14">
      <c r="N418606" s="10"/>
    </row>
    <row r="418607" spans="14:14">
      <c r="N418607" s="10"/>
    </row>
    <row r="418608" spans="14:14">
      <c r="N418608" s="10"/>
    </row>
    <row r="418609" spans="14:14">
      <c r="N418609" s="10"/>
    </row>
    <row r="418610" spans="14:14">
      <c r="N418610" s="10"/>
    </row>
    <row r="418611" spans="14:14">
      <c r="N418611" s="10"/>
    </row>
    <row r="418612" spans="14:14">
      <c r="N418612" s="10"/>
    </row>
    <row r="418613" spans="14:14">
      <c r="N418613" s="10"/>
    </row>
    <row r="418614" spans="14:14">
      <c r="N418614" s="10"/>
    </row>
    <row r="418615" spans="14:14">
      <c r="N418615" s="10"/>
    </row>
    <row r="418616" spans="14:14">
      <c r="N418616" s="10"/>
    </row>
    <row r="418617" spans="14:14">
      <c r="N418617" s="10"/>
    </row>
    <row r="418618" spans="14:14">
      <c r="N418618" s="10"/>
    </row>
    <row r="418619" spans="14:14">
      <c r="N418619" s="10"/>
    </row>
    <row r="418620" spans="14:14">
      <c r="N418620" s="10"/>
    </row>
    <row r="418621" spans="14:14">
      <c r="N418621" s="10"/>
    </row>
    <row r="418622" spans="14:14">
      <c r="N418622" s="10"/>
    </row>
    <row r="418623" spans="14:14">
      <c r="N418623" s="10"/>
    </row>
    <row r="418624" spans="14:14">
      <c r="N418624" s="10"/>
    </row>
    <row r="418625" spans="14:14">
      <c r="N418625" s="10"/>
    </row>
    <row r="418626" spans="14:14">
      <c r="N418626" s="10"/>
    </row>
    <row r="418627" spans="14:14">
      <c r="N418627" s="10"/>
    </row>
    <row r="418628" spans="14:14">
      <c r="N418628" s="10"/>
    </row>
    <row r="418629" spans="14:14">
      <c r="N418629" s="10"/>
    </row>
    <row r="418630" spans="14:14">
      <c r="N418630" s="10"/>
    </row>
    <row r="418631" spans="14:14">
      <c r="N418631" s="10"/>
    </row>
    <row r="418632" spans="14:14">
      <c r="N418632" s="10"/>
    </row>
    <row r="418633" spans="14:14">
      <c r="N418633" s="10"/>
    </row>
    <row r="418634" spans="14:14">
      <c r="N418634" s="10"/>
    </row>
    <row r="418635" spans="14:14">
      <c r="N418635" s="10"/>
    </row>
    <row r="418636" spans="14:14">
      <c r="N418636" s="10"/>
    </row>
    <row r="418637" spans="14:14">
      <c r="N418637" s="10"/>
    </row>
    <row r="418638" spans="14:14">
      <c r="N418638" s="10"/>
    </row>
    <row r="418639" spans="14:14">
      <c r="N418639" s="10"/>
    </row>
    <row r="418640" spans="14:14">
      <c r="N418640" s="10"/>
    </row>
    <row r="418641" spans="14:14">
      <c r="N418641" s="10"/>
    </row>
    <row r="418642" spans="14:14">
      <c r="N418642" s="10"/>
    </row>
    <row r="418643" spans="14:14">
      <c r="N418643" s="10"/>
    </row>
    <row r="418644" spans="14:14">
      <c r="N418644" s="10"/>
    </row>
    <row r="418645" spans="14:14">
      <c r="N418645" s="10"/>
    </row>
    <row r="418646" spans="14:14">
      <c r="N418646" s="10"/>
    </row>
    <row r="418647" spans="14:14">
      <c r="N418647" s="10"/>
    </row>
    <row r="418648" spans="14:14">
      <c r="N418648" s="10"/>
    </row>
    <row r="418649" spans="14:14">
      <c r="N418649" s="10"/>
    </row>
    <row r="418650" spans="14:14">
      <c r="N418650" s="10"/>
    </row>
    <row r="418651" spans="14:14">
      <c r="N418651" s="10"/>
    </row>
    <row r="418652" spans="14:14">
      <c r="N418652" s="10"/>
    </row>
    <row r="418653" spans="14:14">
      <c r="N418653" s="10"/>
    </row>
    <row r="418654" spans="14:14">
      <c r="N418654" s="10"/>
    </row>
    <row r="418655" spans="14:14">
      <c r="N418655" s="10"/>
    </row>
    <row r="418656" spans="14:14">
      <c r="N418656" s="10"/>
    </row>
    <row r="418657" spans="14:14">
      <c r="N418657" s="10"/>
    </row>
    <row r="418658" spans="14:14">
      <c r="N418658" s="10"/>
    </row>
    <row r="418659" spans="14:14">
      <c r="N418659" s="10"/>
    </row>
    <row r="418660" spans="14:14">
      <c r="N418660" s="10"/>
    </row>
    <row r="418661" spans="14:14">
      <c r="N418661" s="10"/>
    </row>
    <row r="418662" spans="14:14">
      <c r="N418662" s="10"/>
    </row>
    <row r="418663" spans="14:14">
      <c r="N418663" s="10"/>
    </row>
    <row r="418664" spans="14:14">
      <c r="N418664" s="10"/>
    </row>
    <row r="418665" spans="14:14">
      <c r="N418665" s="10"/>
    </row>
    <row r="418666" spans="14:14">
      <c r="N418666" s="10"/>
    </row>
    <row r="418667" spans="14:14">
      <c r="N418667" s="10"/>
    </row>
    <row r="418668" spans="14:14">
      <c r="N418668" s="10"/>
    </row>
    <row r="418669" spans="14:14">
      <c r="N418669" s="10"/>
    </row>
    <row r="418670" spans="14:14">
      <c r="N418670" s="10"/>
    </row>
    <row r="418671" spans="14:14">
      <c r="N418671" s="10"/>
    </row>
    <row r="418672" spans="14:14">
      <c r="N418672" s="10"/>
    </row>
    <row r="418673" spans="14:14">
      <c r="N418673" s="10"/>
    </row>
    <row r="418674" spans="14:14">
      <c r="N418674" s="10"/>
    </row>
    <row r="418675" spans="14:14">
      <c r="N418675" s="10"/>
    </row>
    <row r="418676" spans="14:14">
      <c r="N418676" s="10"/>
    </row>
    <row r="418677" spans="14:14">
      <c r="N418677" s="10"/>
    </row>
    <row r="418678" spans="14:14">
      <c r="N418678" s="10"/>
    </row>
    <row r="418679" spans="14:14">
      <c r="N418679" s="10"/>
    </row>
    <row r="418680" spans="14:14">
      <c r="N418680" s="10"/>
    </row>
    <row r="418681" spans="14:14">
      <c r="N418681" s="10"/>
    </row>
    <row r="418682" spans="14:14">
      <c r="N418682" s="10"/>
    </row>
    <row r="418683" spans="14:14">
      <c r="N418683" s="10"/>
    </row>
    <row r="418684" spans="14:14">
      <c r="N418684" s="10"/>
    </row>
    <row r="418685" spans="14:14">
      <c r="N418685" s="10"/>
    </row>
    <row r="418686" spans="14:14">
      <c r="N418686" s="10"/>
    </row>
    <row r="418687" spans="14:14">
      <c r="N418687" s="10"/>
    </row>
    <row r="418688" spans="14:14">
      <c r="N418688" s="10"/>
    </row>
    <row r="418689" spans="14:14">
      <c r="N418689" s="10"/>
    </row>
    <row r="418690" spans="14:14">
      <c r="N418690" s="10"/>
    </row>
    <row r="418691" spans="14:14">
      <c r="N418691" s="10"/>
    </row>
    <row r="418692" spans="14:14">
      <c r="N418692" s="10"/>
    </row>
    <row r="418693" spans="14:14">
      <c r="N418693" s="10"/>
    </row>
    <row r="418694" spans="14:14">
      <c r="N418694" s="10"/>
    </row>
    <row r="418695" spans="14:14">
      <c r="N418695" s="10"/>
    </row>
    <row r="418696" spans="14:14">
      <c r="N418696" s="10"/>
    </row>
    <row r="418697" spans="14:14">
      <c r="N418697" s="10"/>
    </row>
    <row r="418698" spans="14:14">
      <c r="N418698" s="10"/>
    </row>
    <row r="418699" spans="14:14">
      <c r="N418699" s="10"/>
    </row>
    <row r="418700" spans="14:14">
      <c r="N418700" s="10"/>
    </row>
    <row r="418701" spans="14:14">
      <c r="N418701" s="10"/>
    </row>
    <row r="418702" spans="14:14">
      <c r="N418702" s="10"/>
    </row>
    <row r="418703" spans="14:14">
      <c r="N418703" s="10"/>
    </row>
    <row r="418704" spans="14:14">
      <c r="N418704" s="10"/>
    </row>
    <row r="418705" spans="14:14">
      <c r="N418705" s="10"/>
    </row>
    <row r="418706" spans="14:14">
      <c r="N418706" s="10"/>
    </row>
    <row r="418707" spans="14:14">
      <c r="N418707" s="10"/>
    </row>
    <row r="418708" spans="14:14">
      <c r="N418708" s="10"/>
    </row>
    <row r="418709" spans="14:14">
      <c r="N418709" s="10"/>
    </row>
    <row r="418710" spans="14:14">
      <c r="N418710" s="10"/>
    </row>
    <row r="418711" spans="14:14">
      <c r="N418711" s="10"/>
    </row>
    <row r="418712" spans="14:14">
      <c r="N418712" s="10"/>
    </row>
    <row r="418713" spans="14:14">
      <c r="N418713" s="10"/>
    </row>
    <row r="418714" spans="14:14">
      <c r="N418714" s="10"/>
    </row>
    <row r="418715" spans="14:14">
      <c r="N418715" s="10"/>
    </row>
    <row r="418716" spans="14:14">
      <c r="N418716" s="10"/>
    </row>
    <row r="418717" spans="14:14">
      <c r="N418717" s="10"/>
    </row>
    <row r="418718" spans="14:14">
      <c r="N418718" s="10"/>
    </row>
    <row r="418719" spans="14:14">
      <c r="N418719" s="10"/>
    </row>
    <row r="418720" spans="14:14">
      <c r="N418720" s="10"/>
    </row>
    <row r="418721" spans="14:14">
      <c r="N418721" s="10"/>
    </row>
    <row r="418722" spans="14:14">
      <c r="N418722" s="10"/>
    </row>
    <row r="418723" spans="14:14">
      <c r="N418723" s="10"/>
    </row>
    <row r="418724" spans="14:14">
      <c r="N418724" s="10"/>
    </row>
    <row r="418725" spans="14:14">
      <c r="N418725" s="10"/>
    </row>
    <row r="418726" spans="14:14">
      <c r="N418726" s="10"/>
    </row>
    <row r="418727" spans="14:14">
      <c r="N418727" s="10"/>
    </row>
    <row r="418728" spans="14:14">
      <c r="N418728" s="10"/>
    </row>
    <row r="418729" spans="14:14">
      <c r="N418729" s="10"/>
    </row>
    <row r="418730" spans="14:14">
      <c r="N418730" s="10"/>
    </row>
    <row r="418731" spans="14:14">
      <c r="N418731" s="10"/>
    </row>
    <row r="418732" spans="14:14">
      <c r="N418732" s="10"/>
    </row>
    <row r="418733" spans="14:14">
      <c r="N418733" s="10"/>
    </row>
    <row r="418734" spans="14:14">
      <c r="N418734" s="10"/>
    </row>
    <row r="418735" spans="14:14">
      <c r="N418735" s="10"/>
    </row>
    <row r="418736" spans="14:14">
      <c r="N418736" s="10"/>
    </row>
    <row r="418737" spans="14:14">
      <c r="N418737" s="10"/>
    </row>
    <row r="418738" spans="14:14">
      <c r="N418738" s="10"/>
    </row>
    <row r="418739" spans="14:14">
      <c r="N418739" s="10"/>
    </row>
    <row r="418740" spans="14:14">
      <c r="N418740" s="10"/>
    </row>
    <row r="418741" spans="14:14">
      <c r="N418741" s="10"/>
    </row>
    <row r="418742" spans="14:14">
      <c r="N418742" s="10"/>
    </row>
    <row r="418743" spans="14:14">
      <c r="N418743" s="10"/>
    </row>
    <row r="418744" spans="14:14">
      <c r="N418744" s="10"/>
    </row>
    <row r="418745" spans="14:14">
      <c r="N418745" s="10"/>
    </row>
    <row r="418746" spans="14:14">
      <c r="N418746" s="10"/>
    </row>
    <row r="418747" spans="14:14">
      <c r="N418747" s="10"/>
    </row>
    <row r="418748" spans="14:14">
      <c r="N418748" s="10"/>
    </row>
    <row r="418749" spans="14:14">
      <c r="N418749" s="10"/>
    </row>
    <row r="418750" spans="14:14">
      <c r="N418750" s="10"/>
    </row>
    <row r="418751" spans="14:14">
      <c r="N418751" s="10"/>
    </row>
    <row r="418752" spans="14:14">
      <c r="N418752" s="10"/>
    </row>
    <row r="418753" spans="14:14">
      <c r="N418753" s="10"/>
    </row>
    <row r="418754" spans="14:14">
      <c r="N418754" s="10"/>
    </row>
    <row r="418755" spans="14:14">
      <c r="N418755" s="10"/>
    </row>
    <row r="418756" spans="14:14">
      <c r="N418756" s="10"/>
    </row>
    <row r="418757" spans="14:14">
      <c r="N418757" s="10"/>
    </row>
    <row r="418758" spans="14:14">
      <c r="N418758" s="10"/>
    </row>
    <row r="418759" spans="14:14">
      <c r="N418759" s="10"/>
    </row>
    <row r="418760" spans="14:14">
      <c r="N418760" s="10"/>
    </row>
    <row r="418761" spans="14:14">
      <c r="N418761" s="10"/>
    </row>
    <row r="418762" spans="14:14">
      <c r="N418762" s="10"/>
    </row>
    <row r="418763" spans="14:14">
      <c r="N418763" s="10"/>
    </row>
    <row r="418764" spans="14:14">
      <c r="N418764" s="10"/>
    </row>
    <row r="418765" spans="14:14">
      <c r="N418765" s="10"/>
    </row>
    <row r="418766" spans="14:14">
      <c r="N418766" s="10"/>
    </row>
    <row r="418767" spans="14:14">
      <c r="N418767" s="10"/>
    </row>
    <row r="418768" spans="14:14">
      <c r="N418768" s="10"/>
    </row>
    <row r="418769" spans="14:14">
      <c r="N418769" s="10"/>
    </row>
    <row r="418770" spans="14:14">
      <c r="N418770" s="10"/>
    </row>
    <row r="418771" spans="14:14">
      <c r="N418771" s="10"/>
    </row>
    <row r="418772" spans="14:14">
      <c r="N418772" s="10"/>
    </row>
    <row r="418773" spans="14:14">
      <c r="N418773" s="10"/>
    </row>
    <row r="418774" spans="14:14">
      <c r="N418774" s="10"/>
    </row>
    <row r="418775" spans="14:14">
      <c r="N418775" s="10"/>
    </row>
    <row r="418776" spans="14:14">
      <c r="N418776" s="10"/>
    </row>
    <row r="418777" spans="14:14">
      <c r="N418777" s="10"/>
    </row>
    <row r="418778" spans="14:14">
      <c r="N418778" s="10"/>
    </row>
    <row r="418779" spans="14:14">
      <c r="N418779" s="10"/>
    </row>
    <row r="418780" spans="14:14">
      <c r="N418780" s="10"/>
    </row>
    <row r="418781" spans="14:14">
      <c r="N418781" s="10"/>
    </row>
    <row r="418782" spans="14:14">
      <c r="N418782" s="10"/>
    </row>
    <row r="418783" spans="14:14">
      <c r="N418783" s="10"/>
    </row>
    <row r="418784" spans="14:14">
      <c r="N418784" s="10"/>
    </row>
    <row r="418785" spans="14:14">
      <c r="N418785" s="10"/>
    </row>
    <row r="418786" spans="14:14">
      <c r="N418786" s="10"/>
    </row>
    <row r="418787" spans="14:14">
      <c r="N418787" s="10"/>
    </row>
    <row r="418788" spans="14:14">
      <c r="N418788" s="10"/>
    </row>
    <row r="418789" spans="14:14">
      <c r="N418789" s="10"/>
    </row>
    <row r="418790" spans="14:14">
      <c r="N418790" s="10"/>
    </row>
    <row r="418791" spans="14:14">
      <c r="N418791" s="10"/>
    </row>
    <row r="418792" spans="14:14">
      <c r="N418792" s="10"/>
    </row>
    <row r="418793" spans="14:14">
      <c r="N418793" s="10"/>
    </row>
    <row r="418794" spans="14:14">
      <c r="N418794" s="10"/>
    </row>
    <row r="418795" spans="14:14">
      <c r="N418795" s="10"/>
    </row>
    <row r="418796" spans="14:14">
      <c r="N418796" s="10"/>
    </row>
    <row r="418797" spans="14:14">
      <c r="N418797" s="10"/>
    </row>
    <row r="418798" spans="14:14">
      <c r="N418798" s="10"/>
    </row>
    <row r="418799" spans="14:14">
      <c r="N418799" s="10"/>
    </row>
    <row r="418800" spans="14:14">
      <c r="N418800" s="10"/>
    </row>
    <row r="418801" spans="14:14">
      <c r="N418801" s="10"/>
    </row>
    <row r="418802" spans="14:14">
      <c r="N418802" s="10"/>
    </row>
    <row r="418803" spans="14:14">
      <c r="N418803" s="10"/>
    </row>
    <row r="418804" spans="14:14">
      <c r="N418804" s="10"/>
    </row>
    <row r="418805" spans="14:14">
      <c r="N418805" s="10"/>
    </row>
    <row r="418806" spans="14:14">
      <c r="N418806" s="10"/>
    </row>
    <row r="418807" spans="14:14">
      <c r="N418807" s="10"/>
    </row>
    <row r="418808" spans="14:14">
      <c r="N418808" s="10"/>
    </row>
    <row r="418809" spans="14:14">
      <c r="N418809" s="10"/>
    </row>
    <row r="418810" spans="14:14">
      <c r="N418810" s="10"/>
    </row>
    <row r="418811" spans="14:14">
      <c r="N418811" s="10"/>
    </row>
    <row r="418812" spans="14:14">
      <c r="N418812" s="10"/>
    </row>
    <row r="418813" spans="14:14">
      <c r="N418813" s="10"/>
    </row>
    <row r="418814" spans="14:14">
      <c r="N418814" s="10"/>
    </row>
    <row r="418815" spans="14:14">
      <c r="N418815" s="10"/>
    </row>
    <row r="418816" spans="14:14">
      <c r="N418816" s="10"/>
    </row>
    <row r="418817" spans="14:14">
      <c r="N418817" s="10"/>
    </row>
    <row r="418818" spans="14:14">
      <c r="N418818" s="10"/>
    </row>
    <row r="418819" spans="14:14">
      <c r="N418819" s="10"/>
    </row>
    <row r="418820" spans="14:14">
      <c r="N418820" s="10"/>
    </row>
    <row r="418821" spans="14:14">
      <c r="N418821" s="10"/>
    </row>
    <row r="418822" spans="14:14">
      <c r="N418822" s="10"/>
    </row>
    <row r="418823" spans="14:14">
      <c r="N418823" s="10"/>
    </row>
    <row r="418824" spans="14:14">
      <c r="N418824" s="10"/>
    </row>
    <row r="418825" spans="14:14">
      <c r="N418825" s="10"/>
    </row>
    <row r="418826" spans="14:14">
      <c r="N418826" s="10"/>
    </row>
    <row r="418827" spans="14:14">
      <c r="N418827" s="10"/>
    </row>
    <row r="418828" spans="14:14">
      <c r="N418828" s="10"/>
    </row>
    <row r="418829" spans="14:14">
      <c r="N418829" s="10"/>
    </row>
    <row r="418830" spans="14:14">
      <c r="N418830" s="10"/>
    </row>
    <row r="418831" spans="14:14">
      <c r="N418831" s="10"/>
    </row>
    <row r="418832" spans="14:14">
      <c r="N418832" s="10"/>
    </row>
    <row r="418833" spans="14:14">
      <c r="N418833" s="10"/>
    </row>
    <row r="418834" spans="14:14">
      <c r="N418834" s="10"/>
    </row>
    <row r="418835" spans="14:14">
      <c r="N418835" s="10"/>
    </row>
    <row r="418836" spans="14:14">
      <c r="N418836" s="10"/>
    </row>
    <row r="418837" spans="14:14">
      <c r="N418837" s="10"/>
    </row>
    <row r="418838" spans="14:14">
      <c r="N418838" s="10"/>
    </row>
    <row r="418839" spans="14:14">
      <c r="N418839" s="10"/>
    </row>
    <row r="418840" spans="14:14">
      <c r="N418840" s="10"/>
    </row>
    <row r="418841" spans="14:14">
      <c r="N418841" s="10"/>
    </row>
    <row r="418842" spans="14:14">
      <c r="N418842" s="10"/>
    </row>
    <row r="418843" spans="14:14">
      <c r="N418843" s="10"/>
    </row>
    <row r="418844" spans="14:14">
      <c r="N418844" s="10"/>
    </row>
    <row r="418845" spans="14:14">
      <c r="N418845" s="10"/>
    </row>
    <row r="418846" spans="14:14">
      <c r="N418846" s="10"/>
    </row>
    <row r="418847" spans="14:14">
      <c r="N418847" s="10"/>
    </row>
    <row r="418848" spans="14:14">
      <c r="N418848" s="10"/>
    </row>
    <row r="418849" spans="14:14">
      <c r="N418849" s="10"/>
    </row>
    <row r="418850" spans="14:14">
      <c r="N418850" s="10"/>
    </row>
    <row r="418851" spans="14:14">
      <c r="N418851" s="10"/>
    </row>
    <row r="418852" spans="14:14">
      <c r="N418852" s="10"/>
    </row>
    <row r="418853" spans="14:14">
      <c r="N418853" s="10"/>
    </row>
    <row r="418854" spans="14:14">
      <c r="N418854" s="10"/>
    </row>
    <row r="418855" spans="14:14">
      <c r="N418855" s="10"/>
    </row>
    <row r="418856" spans="14:14">
      <c r="N418856" s="10"/>
    </row>
    <row r="418857" spans="14:14">
      <c r="N418857" s="10"/>
    </row>
    <row r="418858" spans="14:14">
      <c r="N418858" s="10"/>
    </row>
    <row r="418859" spans="14:14">
      <c r="N418859" s="10"/>
    </row>
    <row r="418860" spans="14:14">
      <c r="N418860" s="10"/>
    </row>
    <row r="418861" spans="14:14">
      <c r="N418861" s="10"/>
    </row>
    <row r="418862" spans="14:14">
      <c r="N418862" s="10"/>
    </row>
    <row r="418863" spans="14:14">
      <c r="N418863" s="10"/>
    </row>
    <row r="418864" spans="14:14">
      <c r="N418864" s="10"/>
    </row>
    <row r="418865" spans="14:14">
      <c r="N418865" s="10"/>
    </row>
    <row r="418866" spans="14:14">
      <c r="N418866" s="10"/>
    </row>
    <row r="418867" spans="14:14">
      <c r="N418867" s="10"/>
    </row>
    <row r="418868" spans="14:14">
      <c r="N418868" s="10"/>
    </row>
    <row r="418869" spans="14:14">
      <c r="N418869" s="10"/>
    </row>
    <row r="418870" spans="14:14">
      <c r="N418870" s="10"/>
    </row>
    <row r="418871" spans="14:14">
      <c r="N418871" s="10"/>
    </row>
    <row r="418872" spans="14:14">
      <c r="N418872" s="10"/>
    </row>
    <row r="418873" spans="14:14">
      <c r="N418873" s="10"/>
    </row>
    <row r="418874" spans="14:14">
      <c r="N418874" s="10"/>
    </row>
    <row r="418875" spans="14:14">
      <c r="N418875" s="10"/>
    </row>
    <row r="418876" spans="14:14">
      <c r="N418876" s="10"/>
    </row>
    <row r="418877" spans="14:14">
      <c r="N418877" s="10"/>
    </row>
    <row r="418878" spans="14:14">
      <c r="N418878" s="10"/>
    </row>
    <row r="418879" spans="14:14">
      <c r="N418879" s="10"/>
    </row>
    <row r="418880" spans="14:14">
      <c r="N418880" s="10"/>
    </row>
    <row r="418881" spans="14:14">
      <c r="N418881" s="10"/>
    </row>
    <row r="418882" spans="14:14">
      <c r="N418882" s="10"/>
    </row>
    <row r="418883" spans="14:14">
      <c r="N418883" s="10"/>
    </row>
    <row r="418884" spans="14:14">
      <c r="N418884" s="10"/>
    </row>
    <row r="418885" spans="14:14">
      <c r="N418885" s="10"/>
    </row>
    <row r="418886" spans="14:14">
      <c r="N418886" s="10"/>
    </row>
    <row r="418887" spans="14:14">
      <c r="N418887" s="10"/>
    </row>
    <row r="418888" spans="14:14">
      <c r="N418888" s="10"/>
    </row>
    <row r="418889" spans="14:14">
      <c r="N418889" s="10"/>
    </row>
    <row r="418890" spans="14:14">
      <c r="N418890" s="10"/>
    </row>
    <row r="418891" spans="14:14">
      <c r="N418891" s="10"/>
    </row>
    <row r="418892" spans="14:14">
      <c r="N418892" s="10"/>
    </row>
    <row r="418893" spans="14:14">
      <c r="N418893" s="10"/>
    </row>
    <row r="418894" spans="14:14">
      <c r="N418894" s="10"/>
    </row>
    <row r="418895" spans="14:14">
      <c r="N418895" s="10"/>
    </row>
    <row r="418896" spans="14:14">
      <c r="N418896" s="10"/>
    </row>
    <row r="418897" spans="14:14">
      <c r="N418897" s="10"/>
    </row>
    <row r="418898" spans="14:14">
      <c r="N418898" s="10"/>
    </row>
    <row r="418899" spans="14:14">
      <c r="N418899" s="10"/>
    </row>
    <row r="418900" spans="14:14">
      <c r="N418900" s="10"/>
    </row>
    <row r="418901" spans="14:14">
      <c r="N418901" s="10"/>
    </row>
    <row r="418902" spans="14:14">
      <c r="N418902" s="10"/>
    </row>
    <row r="418903" spans="14:14">
      <c r="N418903" s="10"/>
    </row>
    <row r="418904" spans="14:14">
      <c r="N418904" s="10"/>
    </row>
    <row r="418905" spans="14:14">
      <c r="N418905" s="10"/>
    </row>
    <row r="418906" spans="14:14">
      <c r="N418906" s="10"/>
    </row>
    <row r="418907" spans="14:14">
      <c r="N418907" s="10"/>
    </row>
    <row r="418908" spans="14:14">
      <c r="N418908" s="10"/>
    </row>
    <row r="418909" spans="14:14">
      <c r="N418909" s="10"/>
    </row>
    <row r="418910" spans="14:14">
      <c r="N418910" s="10"/>
    </row>
    <row r="418911" spans="14:14">
      <c r="N418911" s="10"/>
    </row>
    <row r="418912" spans="14:14">
      <c r="N418912" s="10"/>
    </row>
    <row r="418913" spans="14:14">
      <c r="N418913" s="10"/>
    </row>
    <row r="418914" spans="14:14">
      <c r="N418914" s="10"/>
    </row>
    <row r="418915" spans="14:14">
      <c r="N418915" s="10"/>
    </row>
    <row r="418916" spans="14:14">
      <c r="N418916" s="10"/>
    </row>
    <row r="418917" spans="14:14">
      <c r="N418917" s="10"/>
    </row>
    <row r="418918" spans="14:14">
      <c r="N418918" s="10"/>
    </row>
    <row r="418919" spans="14:14">
      <c r="N418919" s="10"/>
    </row>
    <row r="418920" spans="14:14">
      <c r="N418920" s="10"/>
    </row>
    <row r="418921" spans="14:14">
      <c r="N418921" s="10"/>
    </row>
    <row r="418922" spans="14:14">
      <c r="N418922" s="10"/>
    </row>
    <row r="418923" spans="14:14">
      <c r="N418923" s="10"/>
    </row>
    <row r="418924" spans="14:14">
      <c r="N418924" s="10"/>
    </row>
    <row r="418925" spans="14:14">
      <c r="N418925" s="10"/>
    </row>
    <row r="418926" spans="14:14">
      <c r="N418926" s="10"/>
    </row>
    <row r="418927" spans="14:14">
      <c r="N418927" s="10"/>
    </row>
    <row r="418928" spans="14:14">
      <c r="N418928" s="10"/>
    </row>
    <row r="418929" spans="14:14">
      <c r="N418929" s="10"/>
    </row>
    <row r="418930" spans="14:14">
      <c r="N418930" s="10"/>
    </row>
    <row r="418931" spans="14:14">
      <c r="N418931" s="10"/>
    </row>
    <row r="418932" spans="14:14">
      <c r="N418932" s="10"/>
    </row>
    <row r="418933" spans="14:14">
      <c r="N418933" s="10"/>
    </row>
    <row r="418934" spans="14:14">
      <c r="N418934" s="10"/>
    </row>
    <row r="418935" spans="14:14">
      <c r="N418935" s="10"/>
    </row>
    <row r="418936" spans="14:14">
      <c r="N418936" s="10"/>
    </row>
    <row r="418937" spans="14:14">
      <c r="N418937" s="10"/>
    </row>
    <row r="418938" spans="14:14">
      <c r="N418938" s="10"/>
    </row>
    <row r="418939" spans="14:14">
      <c r="N418939" s="10"/>
    </row>
    <row r="418940" spans="14:14">
      <c r="N418940" s="10"/>
    </row>
    <row r="418941" spans="14:14">
      <c r="N418941" s="10"/>
    </row>
    <row r="418942" spans="14:14">
      <c r="N418942" s="10"/>
    </row>
    <row r="418943" spans="14:14">
      <c r="N418943" s="10"/>
    </row>
    <row r="418944" spans="14:14">
      <c r="N418944" s="10"/>
    </row>
    <row r="418945" spans="14:14">
      <c r="N418945" s="10"/>
    </row>
    <row r="418946" spans="14:14">
      <c r="N418946" s="10"/>
    </row>
    <row r="418947" spans="14:14">
      <c r="N418947" s="10"/>
    </row>
    <row r="418948" spans="14:14">
      <c r="N418948" s="10"/>
    </row>
    <row r="418949" spans="14:14">
      <c r="N418949" s="10"/>
    </row>
    <row r="418950" spans="14:14">
      <c r="N418950" s="10"/>
    </row>
    <row r="418951" spans="14:14">
      <c r="N418951" s="10"/>
    </row>
    <row r="418952" spans="14:14">
      <c r="N418952" s="10"/>
    </row>
    <row r="418953" spans="14:14">
      <c r="N418953" s="10"/>
    </row>
    <row r="418954" spans="14:14">
      <c r="N418954" s="10"/>
    </row>
    <row r="418955" spans="14:14">
      <c r="N418955" s="10"/>
    </row>
    <row r="418956" spans="14:14">
      <c r="N418956" s="10"/>
    </row>
    <row r="418957" spans="14:14">
      <c r="N418957" s="10"/>
    </row>
    <row r="418958" spans="14:14">
      <c r="N418958" s="10"/>
    </row>
    <row r="418959" spans="14:14">
      <c r="N418959" s="10"/>
    </row>
    <row r="418960" spans="14:14">
      <c r="N418960" s="10"/>
    </row>
    <row r="418961" spans="14:14">
      <c r="N418961" s="10"/>
    </row>
    <row r="418962" spans="14:14">
      <c r="N418962" s="10"/>
    </row>
    <row r="418963" spans="14:14">
      <c r="N418963" s="10"/>
    </row>
    <row r="418964" spans="14:14">
      <c r="N418964" s="10"/>
    </row>
    <row r="418965" spans="14:14">
      <c r="N418965" s="10"/>
    </row>
    <row r="418966" spans="14:14">
      <c r="N418966" s="10"/>
    </row>
    <row r="418967" spans="14:14">
      <c r="N418967" s="10"/>
    </row>
    <row r="418968" spans="14:14">
      <c r="N418968" s="10"/>
    </row>
    <row r="418969" spans="14:14">
      <c r="N418969" s="10"/>
    </row>
    <row r="418970" spans="14:14">
      <c r="N418970" s="10"/>
    </row>
    <row r="418971" spans="14:14">
      <c r="N418971" s="10"/>
    </row>
    <row r="418972" spans="14:14">
      <c r="N418972" s="10"/>
    </row>
    <row r="418973" spans="14:14">
      <c r="N418973" s="10"/>
    </row>
    <row r="418974" spans="14:14">
      <c r="N418974" s="10"/>
    </row>
    <row r="418975" spans="14:14">
      <c r="N418975" s="10"/>
    </row>
    <row r="418976" spans="14:14">
      <c r="N418976" s="10"/>
    </row>
    <row r="418977" spans="14:14">
      <c r="N418977" s="10"/>
    </row>
    <row r="418978" spans="14:14">
      <c r="N418978" s="10"/>
    </row>
    <row r="418979" spans="14:14">
      <c r="N418979" s="10"/>
    </row>
    <row r="418980" spans="14:14">
      <c r="N418980" s="10"/>
    </row>
    <row r="418981" spans="14:14">
      <c r="N418981" s="10"/>
    </row>
    <row r="418982" spans="14:14">
      <c r="N418982" s="10"/>
    </row>
    <row r="418983" spans="14:14">
      <c r="N418983" s="10"/>
    </row>
    <row r="418984" spans="14:14">
      <c r="N418984" s="10"/>
    </row>
    <row r="418985" spans="14:14">
      <c r="N418985" s="10"/>
    </row>
    <row r="418986" spans="14:14">
      <c r="N418986" s="10"/>
    </row>
    <row r="418987" spans="14:14">
      <c r="N418987" s="10"/>
    </row>
    <row r="418988" spans="14:14">
      <c r="N418988" s="10"/>
    </row>
    <row r="418989" spans="14:14">
      <c r="N418989" s="10"/>
    </row>
    <row r="418990" spans="14:14">
      <c r="N418990" s="10"/>
    </row>
    <row r="418991" spans="14:14">
      <c r="N418991" s="10"/>
    </row>
    <row r="418992" spans="14:14">
      <c r="N418992" s="10"/>
    </row>
    <row r="418993" spans="14:14">
      <c r="N418993" s="10"/>
    </row>
    <row r="418994" spans="14:14">
      <c r="N418994" s="10"/>
    </row>
    <row r="418995" spans="14:14">
      <c r="N418995" s="10"/>
    </row>
    <row r="418996" spans="14:14">
      <c r="N418996" s="10"/>
    </row>
    <row r="418997" spans="14:14">
      <c r="N418997" s="10"/>
    </row>
    <row r="418998" spans="14:14">
      <c r="N418998" s="10"/>
    </row>
    <row r="418999" spans="14:14">
      <c r="N418999" s="10"/>
    </row>
    <row r="419000" spans="14:14">
      <c r="N419000" s="10"/>
    </row>
    <row r="419001" spans="14:14">
      <c r="N419001" s="10"/>
    </row>
    <row r="419002" spans="14:14">
      <c r="N419002" s="10"/>
    </row>
    <row r="419003" spans="14:14">
      <c r="N419003" s="10"/>
    </row>
    <row r="419004" spans="14:14">
      <c r="N419004" s="10"/>
    </row>
    <row r="419005" spans="14:14">
      <c r="N419005" s="10"/>
    </row>
    <row r="419006" spans="14:14">
      <c r="N419006" s="10"/>
    </row>
    <row r="419007" spans="14:14">
      <c r="N419007" s="10"/>
    </row>
    <row r="419008" spans="14:14">
      <c r="N419008" s="10"/>
    </row>
    <row r="419009" spans="14:14">
      <c r="N419009" s="10"/>
    </row>
    <row r="419010" spans="14:14">
      <c r="N419010" s="10"/>
    </row>
    <row r="419011" spans="14:14">
      <c r="N419011" s="10"/>
    </row>
    <row r="419012" spans="14:14">
      <c r="N419012" s="10"/>
    </row>
    <row r="419013" spans="14:14">
      <c r="N419013" s="10"/>
    </row>
    <row r="419014" spans="14:14">
      <c r="N419014" s="10"/>
    </row>
    <row r="419015" spans="14:14">
      <c r="N419015" s="10"/>
    </row>
    <row r="419016" spans="14:14">
      <c r="N419016" s="10"/>
    </row>
    <row r="419017" spans="14:14">
      <c r="N419017" s="10"/>
    </row>
    <row r="419018" spans="14:14">
      <c r="N419018" s="10"/>
    </row>
    <row r="419019" spans="14:14">
      <c r="N419019" s="10"/>
    </row>
    <row r="419020" spans="14:14">
      <c r="N419020" s="10"/>
    </row>
    <row r="419021" spans="14:14">
      <c r="N419021" s="10"/>
    </row>
    <row r="419022" spans="14:14">
      <c r="N419022" s="10"/>
    </row>
    <row r="419023" spans="14:14">
      <c r="N419023" s="10"/>
    </row>
    <row r="419024" spans="14:14">
      <c r="N419024" s="10"/>
    </row>
    <row r="419025" spans="14:14">
      <c r="N419025" s="10"/>
    </row>
    <row r="419026" spans="14:14">
      <c r="N419026" s="10"/>
    </row>
    <row r="419027" spans="14:14">
      <c r="N419027" s="10"/>
    </row>
    <row r="419028" spans="14:14">
      <c r="N419028" s="10"/>
    </row>
    <row r="419029" spans="14:14">
      <c r="N419029" s="10"/>
    </row>
    <row r="419030" spans="14:14">
      <c r="N419030" s="10"/>
    </row>
    <row r="419031" spans="14:14">
      <c r="N419031" s="10"/>
    </row>
    <row r="419032" spans="14:14">
      <c r="N419032" s="10"/>
    </row>
    <row r="419033" spans="14:14">
      <c r="N419033" s="10"/>
    </row>
    <row r="419034" spans="14:14">
      <c r="N419034" s="10"/>
    </row>
    <row r="419035" spans="14:14">
      <c r="N419035" s="10"/>
    </row>
    <row r="419036" spans="14:14">
      <c r="N419036" s="10"/>
    </row>
    <row r="419037" spans="14:14">
      <c r="N419037" s="10"/>
    </row>
    <row r="419038" spans="14:14">
      <c r="N419038" s="10"/>
    </row>
    <row r="419039" spans="14:14">
      <c r="N419039" s="10"/>
    </row>
    <row r="419040" spans="14:14">
      <c r="N419040" s="10"/>
    </row>
    <row r="419041" spans="14:14">
      <c r="N419041" s="10"/>
    </row>
    <row r="419042" spans="14:14">
      <c r="N419042" s="10"/>
    </row>
    <row r="419043" spans="14:14">
      <c r="N419043" s="10"/>
    </row>
    <row r="419044" spans="14:14">
      <c r="N419044" s="10"/>
    </row>
    <row r="419045" spans="14:14">
      <c r="N419045" s="10"/>
    </row>
    <row r="419046" spans="14:14">
      <c r="N419046" s="10"/>
    </row>
    <row r="419047" spans="14:14">
      <c r="N419047" s="10"/>
    </row>
    <row r="419048" spans="14:14">
      <c r="N419048" s="10"/>
    </row>
    <row r="419049" spans="14:14">
      <c r="N419049" s="10"/>
    </row>
    <row r="419050" spans="14:14">
      <c r="N419050" s="10"/>
    </row>
    <row r="419051" spans="14:14">
      <c r="N419051" s="10"/>
    </row>
    <row r="419052" spans="14:14">
      <c r="N419052" s="10"/>
    </row>
    <row r="419053" spans="14:14">
      <c r="N419053" s="10"/>
    </row>
    <row r="419054" spans="14:14">
      <c r="N419054" s="10"/>
    </row>
    <row r="419055" spans="14:14">
      <c r="N419055" s="10"/>
    </row>
    <row r="419056" spans="14:14">
      <c r="N419056" s="10"/>
    </row>
    <row r="419057" spans="14:14">
      <c r="N419057" s="10"/>
    </row>
    <row r="419058" spans="14:14">
      <c r="N419058" s="10"/>
    </row>
    <row r="419059" spans="14:14">
      <c r="N419059" s="10"/>
    </row>
    <row r="419060" spans="14:14">
      <c r="N419060" s="10"/>
    </row>
    <row r="419061" spans="14:14">
      <c r="N419061" s="10"/>
    </row>
    <row r="419062" spans="14:14">
      <c r="N419062" s="10"/>
    </row>
    <row r="419063" spans="14:14">
      <c r="N419063" s="10"/>
    </row>
    <row r="419064" spans="14:14">
      <c r="N419064" s="10"/>
    </row>
    <row r="419065" spans="14:14">
      <c r="N419065" s="10"/>
    </row>
    <row r="419066" spans="14:14">
      <c r="N419066" s="10"/>
    </row>
    <row r="419067" spans="14:14">
      <c r="N419067" s="10"/>
    </row>
    <row r="419068" spans="14:14">
      <c r="N419068" s="10"/>
    </row>
    <row r="419069" spans="14:14">
      <c r="N419069" s="10"/>
    </row>
    <row r="419070" spans="14:14">
      <c r="N419070" s="10"/>
    </row>
    <row r="419071" spans="14:14">
      <c r="N419071" s="10"/>
    </row>
    <row r="419072" spans="14:14">
      <c r="N419072" s="10"/>
    </row>
    <row r="419073" spans="14:14">
      <c r="N419073" s="10"/>
    </row>
    <row r="419074" spans="14:14">
      <c r="N419074" s="10"/>
    </row>
    <row r="419075" spans="14:14">
      <c r="N419075" s="10"/>
    </row>
    <row r="419076" spans="14:14">
      <c r="N419076" s="10"/>
    </row>
    <row r="419077" spans="14:14">
      <c r="N419077" s="10"/>
    </row>
    <row r="419078" spans="14:14">
      <c r="N419078" s="10"/>
    </row>
    <row r="419079" spans="14:14">
      <c r="N419079" s="10"/>
    </row>
    <row r="419080" spans="14:14">
      <c r="N419080" s="10"/>
    </row>
    <row r="419081" spans="14:14">
      <c r="N419081" s="10"/>
    </row>
    <row r="419082" spans="14:14">
      <c r="N419082" s="10"/>
    </row>
    <row r="419083" spans="14:14">
      <c r="N419083" s="10"/>
    </row>
    <row r="419084" spans="14:14">
      <c r="N419084" s="10"/>
    </row>
    <row r="419085" spans="14:14">
      <c r="N419085" s="10"/>
    </row>
    <row r="419086" spans="14:14">
      <c r="N419086" s="10"/>
    </row>
    <row r="419087" spans="14:14">
      <c r="N419087" s="10"/>
    </row>
    <row r="419088" spans="14:14">
      <c r="N419088" s="10"/>
    </row>
    <row r="419089" spans="14:14">
      <c r="N419089" s="10"/>
    </row>
    <row r="419090" spans="14:14">
      <c r="N419090" s="10"/>
    </row>
    <row r="419091" spans="14:14">
      <c r="N419091" s="10"/>
    </row>
    <row r="419092" spans="14:14">
      <c r="N419092" s="10"/>
    </row>
    <row r="419093" spans="14:14">
      <c r="N419093" s="10"/>
    </row>
    <row r="419094" spans="14:14">
      <c r="N419094" s="10"/>
    </row>
    <row r="419095" spans="14:14">
      <c r="N419095" s="10"/>
    </row>
    <row r="419096" spans="14:14">
      <c r="N419096" s="10"/>
    </row>
    <row r="419097" spans="14:14">
      <c r="N419097" s="10"/>
    </row>
    <row r="419098" spans="14:14">
      <c r="N419098" s="10"/>
    </row>
    <row r="419099" spans="14:14">
      <c r="N419099" s="10"/>
    </row>
    <row r="419100" spans="14:14">
      <c r="N419100" s="10"/>
    </row>
    <row r="419101" spans="14:14">
      <c r="N419101" s="10"/>
    </row>
    <row r="419102" spans="14:14">
      <c r="N419102" s="10"/>
    </row>
    <row r="419103" spans="14:14">
      <c r="N419103" s="10"/>
    </row>
    <row r="419104" spans="14:14">
      <c r="N419104" s="10"/>
    </row>
    <row r="419105" spans="14:14">
      <c r="N419105" s="10"/>
    </row>
    <row r="419106" spans="14:14">
      <c r="N419106" s="10"/>
    </row>
    <row r="419107" spans="14:14">
      <c r="N419107" s="10"/>
    </row>
    <row r="419108" spans="14:14">
      <c r="N419108" s="10"/>
    </row>
    <row r="419109" spans="14:14">
      <c r="N419109" s="10"/>
    </row>
    <row r="419110" spans="14:14">
      <c r="N419110" s="10"/>
    </row>
    <row r="419111" spans="14:14">
      <c r="N419111" s="10"/>
    </row>
    <row r="419112" spans="14:14">
      <c r="N419112" s="10"/>
    </row>
    <row r="419113" spans="14:14">
      <c r="N419113" s="10"/>
    </row>
    <row r="419114" spans="14:14">
      <c r="N419114" s="10"/>
    </row>
    <row r="419115" spans="14:14">
      <c r="N419115" s="10"/>
    </row>
    <row r="419116" spans="14:14">
      <c r="N419116" s="10"/>
    </row>
    <row r="419117" spans="14:14">
      <c r="N419117" s="10"/>
    </row>
    <row r="419118" spans="14:14">
      <c r="N419118" s="10"/>
    </row>
    <row r="419119" spans="14:14">
      <c r="N419119" s="10"/>
    </row>
    <row r="419120" spans="14:14">
      <c r="N419120" s="10"/>
    </row>
    <row r="419121" spans="14:14">
      <c r="N419121" s="10"/>
    </row>
    <row r="419122" spans="14:14">
      <c r="N419122" s="10"/>
    </row>
    <row r="419123" spans="14:14">
      <c r="N419123" s="10"/>
    </row>
    <row r="419124" spans="14:14">
      <c r="N419124" s="10"/>
    </row>
    <row r="419125" spans="14:14">
      <c r="N419125" s="10"/>
    </row>
    <row r="419126" spans="14:14">
      <c r="N419126" s="10"/>
    </row>
    <row r="419127" spans="14:14">
      <c r="N419127" s="10"/>
    </row>
    <row r="419128" spans="14:14">
      <c r="N419128" s="10"/>
    </row>
    <row r="419129" spans="14:14">
      <c r="N419129" s="10"/>
    </row>
    <row r="419130" spans="14:14">
      <c r="N419130" s="10"/>
    </row>
    <row r="419131" spans="14:14">
      <c r="N419131" s="10"/>
    </row>
    <row r="419132" spans="14:14">
      <c r="N419132" s="10"/>
    </row>
    <row r="419133" spans="14:14">
      <c r="N419133" s="10"/>
    </row>
    <row r="419134" spans="14:14">
      <c r="N419134" s="10"/>
    </row>
    <row r="419135" spans="14:14">
      <c r="N419135" s="10"/>
    </row>
    <row r="419136" spans="14:14">
      <c r="N419136" s="10"/>
    </row>
    <row r="419137" spans="14:14">
      <c r="N419137" s="10"/>
    </row>
    <row r="419138" spans="14:14">
      <c r="N419138" s="10"/>
    </row>
    <row r="419139" spans="14:14">
      <c r="N419139" s="10"/>
    </row>
    <row r="419140" spans="14:14">
      <c r="N419140" s="10"/>
    </row>
    <row r="419141" spans="14:14">
      <c r="N419141" s="10"/>
    </row>
    <row r="419142" spans="14:14">
      <c r="N419142" s="10"/>
    </row>
    <row r="419143" spans="14:14">
      <c r="N419143" s="10"/>
    </row>
    <row r="419144" spans="14:14">
      <c r="N419144" s="10"/>
    </row>
    <row r="419145" spans="14:14">
      <c r="N419145" s="10"/>
    </row>
    <row r="419146" spans="14:14">
      <c r="N419146" s="10"/>
    </row>
    <row r="419147" spans="14:14">
      <c r="N419147" s="10"/>
    </row>
    <row r="419148" spans="14:14">
      <c r="N419148" s="10"/>
    </row>
    <row r="419149" spans="14:14">
      <c r="N419149" s="10"/>
    </row>
    <row r="419150" spans="14:14">
      <c r="N419150" s="10"/>
    </row>
    <row r="419151" spans="14:14">
      <c r="N419151" s="10"/>
    </row>
    <row r="419152" spans="14:14">
      <c r="N419152" s="10"/>
    </row>
    <row r="419153" spans="14:14">
      <c r="N419153" s="10"/>
    </row>
    <row r="419154" spans="14:14">
      <c r="N419154" s="10"/>
    </row>
    <row r="419155" spans="14:14">
      <c r="N419155" s="10"/>
    </row>
    <row r="419156" spans="14:14">
      <c r="N419156" s="10"/>
    </row>
    <row r="419157" spans="14:14">
      <c r="N419157" s="10"/>
    </row>
    <row r="419158" spans="14:14">
      <c r="N419158" s="10"/>
    </row>
    <row r="419159" spans="14:14">
      <c r="N419159" s="10"/>
    </row>
    <row r="419160" spans="14:14">
      <c r="N419160" s="10"/>
    </row>
    <row r="419161" spans="14:14">
      <c r="N419161" s="10"/>
    </row>
    <row r="419162" spans="14:14">
      <c r="N419162" s="10"/>
    </row>
    <row r="419163" spans="14:14">
      <c r="N419163" s="10"/>
    </row>
    <row r="419164" spans="14:14">
      <c r="N419164" s="10"/>
    </row>
    <row r="419165" spans="14:14">
      <c r="N419165" s="10"/>
    </row>
    <row r="419166" spans="14:14">
      <c r="N419166" s="10"/>
    </row>
    <row r="419167" spans="14:14">
      <c r="N419167" s="10"/>
    </row>
    <row r="419168" spans="14:14">
      <c r="N419168" s="10"/>
    </row>
    <row r="419169" spans="14:14">
      <c r="N419169" s="10"/>
    </row>
    <row r="419170" spans="14:14">
      <c r="N419170" s="10"/>
    </row>
    <row r="419171" spans="14:14">
      <c r="N419171" s="10"/>
    </row>
    <row r="419172" spans="14:14">
      <c r="N419172" s="10"/>
    </row>
    <row r="419173" spans="14:14">
      <c r="N419173" s="10"/>
    </row>
    <row r="419174" spans="14:14">
      <c r="N419174" s="10"/>
    </row>
    <row r="419175" spans="14:14">
      <c r="N419175" s="10"/>
    </row>
    <row r="419176" spans="14:14">
      <c r="N419176" s="10"/>
    </row>
    <row r="419177" spans="14:14">
      <c r="N419177" s="10"/>
    </row>
    <row r="419178" spans="14:14">
      <c r="N419178" s="10"/>
    </row>
    <row r="419179" spans="14:14">
      <c r="N419179" s="10"/>
    </row>
    <row r="419180" spans="14:14">
      <c r="N419180" s="10"/>
    </row>
    <row r="419181" spans="14:14">
      <c r="N419181" s="10"/>
    </row>
    <row r="419182" spans="14:14">
      <c r="N419182" s="10"/>
    </row>
    <row r="419183" spans="14:14">
      <c r="N419183" s="10"/>
    </row>
    <row r="419184" spans="14:14">
      <c r="N419184" s="10"/>
    </row>
    <row r="419185" spans="14:14">
      <c r="N419185" s="10"/>
    </row>
    <row r="419186" spans="14:14">
      <c r="N419186" s="10"/>
    </row>
    <row r="419187" spans="14:14">
      <c r="N419187" s="10"/>
    </row>
    <row r="419188" spans="14:14">
      <c r="N419188" s="10"/>
    </row>
    <row r="419189" spans="14:14">
      <c r="N419189" s="10"/>
    </row>
    <row r="419190" spans="14:14">
      <c r="N419190" s="10"/>
    </row>
    <row r="419191" spans="14:14">
      <c r="N419191" s="10"/>
    </row>
    <row r="419192" spans="14:14">
      <c r="N419192" s="10"/>
    </row>
    <row r="419193" spans="14:14">
      <c r="N419193" s="10"/>
    </row>
    <row r="419194" spans="14:14">
      <c r="N419194" s="10"/>
    </row>
    <row r="419195" spans="14:14">
      <c r="N419195" s="10"/>
    </row>
    <row r="419196" spans="14:14">
      <c r="N419196" s="10"/>
    </row>
    <row r="419197" spans="14:14">
      <c r="N419197" s="10"/>
    </row>
    <row r="419198" spans="14:14">
      <c r="N419198" s="10"/>
    </row>
    <row r="419199" spans="14:14">
      <c r="N419199" s="10"/>
    </row>
    <row r="419200" spans="14:14">
      <c r="N419200" s="10"/>
    </row>
    <row r="419201" spans="14:14">
      <c r="N419201" s="10"/>
    </row>
    <row r="419202" spans="14:14">
      <c r="N419202" s="10"/>
    </row>
    <row r="419203" spans="14:14">
      <c r="N419203" s="10"/>
    </row>
    <row r="419204" spans="14:14">
      <c r="N419204" s="10"/>
    </row>
    <row r="419205" spans="14:14">
      <c r="N419205" s="10"/>
    </row>
    <row r="419206" spans="14:14">
      <c r="N419206" s="10"/>
    </row>
    <row r="419207" spans="14:14">
      <c r="N419207" s="10"/>
    </row>
    <row r="419208" spans="14:14">
      <c r="N419208" s="10"/>
    </row>
    <row r="419209" spans="14:14">
      <c r="N419209" s="10"/>
    </row>
    <row r="419210" spans="14:14">
      <c r="N419210" s="10"/>
    </row>
    <row r="419211" spans="14:14">
      <c r="N419211" s="10"/>
    </row>
    <row r="419212" spans="14:14">
      <c r="N419212" s="10"/>
    </row>
    <row r="419213" spans="14:14">
      <c r="N419213" s="10"/>
    </row>
    <row r="419214" spans="14:14">
      <c r="N419214" s="10"/>
    </row>
    <row r="419215" spans="14:14">
      <c r="N419215" s="10"/>
    </row>
    <row r="419216" spans="14:14">
      <c r="N419216" s="10"/>
    </row>
    <row r="419217" spans="14:14">
      <c r="N419217" s="10"/>
    </row>
    <row r="419218" spans="14:14">
      <c r="N419218" s="10"/>
    </row>
    <row r="419219" spans="14:14">
      <c r="N419219" s="10"/>
    </row>
    <row r="419220" spans="14:14">
      <c r="N419220" s="10"/>
    </row>
    <row r="419221" spans="14:14">
      <c r="N419221" s="10"/>
    </row>
    <row r="419222" spans="14:14">
      <c r="N419222" s="10"/>
    </row>
    <row r="419223" spans="14:14">
      <c r="N419223" s="10"/>
    </row>
    <row r="419224" spans="14:14">
      <c r="N419224" s="10"/>
    </row>
    <row r="419225" spans="14:14">
      <c r="N419225" s="10"/>
    </row>
    <row r="419226" spans="14:14">
      <c r="N419226" s="10"/>
    </row>
    <row r="419227" spans="14:14">
      <c r="N419227" s="10"/>
    </row>
    <row r="419228" spans="14:14">
      <c r="N419228" s="10"/>
    </row>
    <row r="419229" spans="14:14">
      <c r="N419229" s="10"/>
    </row>
    <row r="419230" spans="14:14">
      <c r="N419230" s="10"/>
    </row>
    <row r="419231" spans="14:14">
      <c r="N419231" s="10"/>
    </row>
    <row r="419232" spans="14:14">
      <c r="N419232" s="10"/>
    </row>
    <row r="419233" spans="14:14">
      <c r="N419233" s="10"/>
    </row>
    <row r="419234" spans="14:14">
      <c r="N419234" s="10"/>
    </row>
    <row r="419235" spans="14:14">
      <c r="N419235" s="10"/>
    </row>
    <row r="419236" spans="14:14">
      <c r="N419236" s="10"/>
    </row>
    <row r="419237" spans="14:14">
      <c r="N419237" s="10"/>
    </row>
    <row r="419238" spans="14:14">
      <c r="N419238" s="10"/>
    </row>
    <row r="419239" spans="14:14">
      <c r="N419239" s="10"/>
    </row>
    <row r="419240" spans="14:14">
      <c r="N419240" s="10"/>
    </row>
    <row r="419241" spans="14:14">
      <c r="N419241" s="10"/>
    </row>
    <row r="419242" spans="14:14">
      <c r="N419242" s="10"/>
    </row>
    <row r="419243" spans="14:14">
      <c r="N419243" s="10"/>
    </row>
    <row r="419244" spans="14:14">
      <c r="N419244" s="10"/>
    </row>
    <row r="419245" spans="14:14">
      <c r="N419245" s="10"/>
    </row>
    <row r="419246" spans="14:14">
      <c r="N419246" s="10"/>
    </row>
    <row r="419247" spans="14:14">
      <c r="N419247" s="10"/>
    </row>
    <row r="419248" spans="14:14">
      <c r="N419248" s="10"/>
    </row>
    <row r="419249" spans="14:14">
      <c r="N419249" s="10"/>
    </row>
    <row r="419250" spans="14:14">
      <c r="N419250" s="10"/>
    </row>
    <row r="419251" spans="14:14">
      <c r="N419251" s="10"/>
    </row>
    <row r="419252" spans="14:14">
      <c r="N419252" s="10"/>
    </row>
    <row r="419253" spans="14:14">
      <c r="N419253" s="10"/>
    </row>
    <row r="419254" spans="14:14">
      <c r="N419254" s="10"/>
    </row>
    <row r="419255" spans="14:14">
      <c r="N419255" s="10"/>
    </row>
    <row r="419256" spans="14:14">
      <c r="N419256" s="10"/>
    </row>
    <row r="419257" spans="14:14">
      <c r="N419257" s="10"/>
    </row>
    <row r="419258" spans="14:14">
      <c r="N419258" s="10"/>
    </row>
    <row r="419259" spans="14:14">
      <c r="N419259" s="10"/>
    </row>
    <row r="419260" spans="14:14">
      <c r="N419260" s="10"/>
    </row>
    <row r="419261" spans="14:14">
      <c r="N419261" s="10"/>
    </row>
    <row r="419262" spans="14:14">
      <c r="N419262" s="10"/>
    </row>
    <row r="419263" spans="14:14">
      <c r="N419263" s="10"/>
    </row>
    <row r="419264" spans="14:14">
      <c r="N419264" s="10"/>
    </row>
    <row r="419265" spans="14:14">
      <c r="N419265" s="10"/>
    </row>
    <row r="419266" spans="14:14">
      <c r="N419266" s="10"/>
    </row>
    <row r="419267" spans="14:14">
      <c r="N419267" s="10"/>
    </row>
    <row r="419268" spans="14:14">
      <c r="N419268" s="10"/>
    </row>
    <row r="419269" spans="14:14">
      <c r="N419269" s="10"/>
    </row>
    <row r="419270" spans="14:14">
      <c r="N419270" s="10"/>
    </row>
    <row r="419271" spans="14:14">
      <c r="N419271" s="10"/>
    </row>
    <row r="419272" spans="14:14">
      <c r="N419272" s="10"/>
    </row>
    <row r="419273" spans="14:14">
      <c r="N419273" s="10"/>
    </row>
    <row r="419274" spans="14:14">
      <c r="N419274" s="10"/>
    </row>
    <row r="419275" spans="14:14">
      <c r="N419275" s="10"/>
    </row>
    <row r="419276" spans="14:14">
      <c r="N419276" s="10"/>
    </row>
    <row r="419277" spans="14:14">
      <c r="N419277" s="10"/>
    </row>
    <row r="419278" spans="14:14">
      <c r="N419278" s="10"/>
    </row>
    <row r="419279" spans="14:14">
      <c r="N419279" s="10"/>
    </row>
    <row r="419280" spans="14:14">
      <c r="N419280" s="10"/>
    </row>
    <row r="419281" spans="14:14">
      <c r="N419281" s="10"/>
    </row>
    <row r="419282" spans="14:14">
      <c r="N419282" s="10"/>
    </row>
    <row r="419283" spans="14:14">
      <c r="N419283" s="10"/>
    </row>
    <row r="419284" spans="14:14">
      <c r="N419284" s="10"/>
    </row>
    <row r="419285" spans="14:14">
      <c r="N419285" s="10"/>
    </row>
    <row r="419286" spans="14:14">
      <c r="N419286" s="10"/>
    </row>
    <row r="419287" spans="14:14">
      <c r="N419287" s="10"/>
    </row>
    <row r="419288" spans="14:14">
      <c r="N419288" s="10"/>
    </row>
    <row r="419289" spans="14:14">
      <c r="N419289" s="10"/>
    </row>
    <row r="419290" spans="14:14">
      <c r="N419290" s="10"/>
    </row>
    <row r="419291" spans="14:14">
      <c r="N419291" s="10"/>
    </row>
    <row r="419292" spans="14:14">
      <c r="N419292" s="10"/>
    </row>
    <row r="419293" spans="14:14">
      <c r="N419293" s="10"/>
    </row>
    <row r="419294" spans="14:14">
      <c r="N419294" s="10"/>
    </row>
    <row r="419295" spans="14:14">
      <c r="N419295" s="10"/>
    </row>
    <row r="419296" spans="14:14">
      <c r="N419296" s="10"/>
    </row>
    <row r="419297" spans="14:14">
      <c r="N419297" s="10"/>
    </row>
    <row r="419298" spans="14:14">
      <c r="N419298" s="10"/>
    </row>
    <row r="419299" spans="14:14">
      <c r="N419299" s="10"/>
    </row>
    <row r="419300" spans="14:14">
      <c r="N419300" s="10"/>
    </row>
    <row r="419301" spans="14:14">
      <c r="N419301" s="10"/>
    </row>
    <row r="419302" spans="14:14">
      <c r="N419302" s="10"/>
    </row>
    <row r="419303" spans="14:14">
      <c r="N419303" s="10"/>
    </row>
    <row r="419304" spans="14:14">
      <c r="N419304" s="10"/>
    </row>
    <row r="419305" spans="14:14">
      <c r="N419305" s="10"/>
    </row>
    <row r="419306" spans="14:14">
      <c r="N419306" s="10"/>
    </row>
    <row r="419307" spans="14:14">
      <c r="N419307" s="10"/>
    </row>
    <row r="419308" spans="14:14">
      <c r="N419308" s="10"/>
    </row>
    <row r="419309" spans="14:14">
      <c r="N419309" s="10"/>
    </row>
    <row r="419310" spans="14:14">
      <c r="N419310" s="10"/>
    </row>
    <row r="419311" spans="14:14">
      <c r="N419311" s="10"/>
    </row>
    <row r="419312" spans="14:14">
      <c r="N419312" s="10"/>
    </row>
    <row r="419313" spans="14:14">
      <c r="N419313" s="10"/>
    </row>
    <row r="419314" spans="14:14">
      <c r="N419314" s="10"/>
    </row>
    <row r="419315" spans="14:14">
      <c r="N419315" s="10"/>
    </row>
    <row r="419316" spans="14:14">
      <c r="N419316" s="10"/>
    </row>
    <row r="419317" spans="14:14">
      <c r="N419317" s="10"/>
    </row>
    <row r="419318" spans="14:14">
      <c r="N419318" s="10"/>
    </row>
    <row r="419319" spans="14:14">
      <c r="N419319" s="10"/>
    </row>
    <row r="419320" spans="14:14">
      <c r="N419320" s="10"/>
    </row>
    <row r="419321" spans="14:14">
      <c r="N419321" s="10"/>
    </row>
    <row r="419322" spans="14:14">
      <c r="N419322" s="10"/>
    </row>
    <row r="419323" spans="14:14">
      <c r="N419323" s="10"/>
    </row>
    <row r="419324" spans="14:14">
      <c r="N419324" s="10"/>
    </row>
    <row r="419325" spans="14:14">
      <c r="N419325" s="10"/>
    </row>
    <row r="419326" spans="14:14">
      <c r="N419326" s="10"/>
    </row>
    <row r="419327" spans="14:14">
      <c r="N419327" s="10"/>
    </row>
    <row r="419328" spans="14:14">
      <c r="N419328" s="10"/>
    </row>
    <row r="419329" spans="14:14">
      <c r="N419329" s="10"/>
    </row>
    <row r="419330" spans="14:14">
      <c r="N419330" s="10"/>
    </row>
    <row r="419331" spans="14:14">
      <c r="N419331" s="10"/>
    </row>
    <row r="419332" spans="14:14">
      <c r="N419332" s="10"/>
    </row>
    <row r="419333" spans="14:14">
      <c r="N419333" s="10"/>
    </row>
    <row r="419334" spans="14:14">
      <c r="N419334" s="10"/>
    </row>
    <row r="419335" spans="14:14">
      <c r="N419335" s="10"/>
    </row>
    <row r="419336" spans="14:14">
      <c r="N419336" s="10"/>
    </row>
    <row r="419337" spans="14:14">
      <c r="N419337" s="10"/>
    </row>
    <row r="419338" spans="14:14">
      <c r="N419338" s="10"/>
    </row>
    <row r="419339" spans="14:14">
      <c r="N419339" s="10"/>
    </row>
    <row r="419340" spans="14:14">
      <c r="N419340" s="10"/>
    </row>
    <row r="419341" spans="14:14">
      <c r="N419341" s="10"/>
    </row>
    <row r="419342" spans="14:14">
      <c r="N419342" s="10"/>
    </row>
    <row r="419343" spans="14:14">
      <c r="N419343" s="10"/>
    </row>
    <row r="419344" spans="14:14">
      <c r="N419344" s="10"/>
    </row>
    <row r="419345" spans="14:14">
      <c r="N419345" s="10"/>
    </row>
    <row r="419346" spans="14:14">
      <c r="N419346" s="10"/>
    </row>
    <row r="419347" spans="14:14">
      <c r="N419347" s="10"/>
    </row>
    <row r="419348" spans="14:14">
      <c r="N419348" s="10"/>
    </row>
    <row r="419349" spans="14:14">
      <c r="N419349" s="10"/>
    </row>
    <row r="419350" spans="14:14">
      <c r="N419350" s="10"/>
    </row>
    <row r="419351" spans="14:14">
      <c r="N419351" s="10"/>
    </row>
    <row r="419352" spans="14:14">
      <c r="N419352" s="10"/>
    </row>
    <row r="419353" spans="14:14">
      <c r="N419353" s="10"/>
    </row>
    <row r="419354" spans="14:14">
      <c r="N419354" s="10"/>
    </row>
    <row r="419355" spans="14:14">
      <c r="N419355" s="10"/>
    </row>
    <row r="419356" spans="14:14">
      <c r="N419356" s="10"/>
    </row>
    <row r="419357" spans="14:14">
      <c r="N419357" s="10"/>
    </row>
    <row r="419358" spans="14:14">
      <c r="N419358" s="10"/>
    </row>
    <row r="419359" spans="14:14">
      <c r="N419359" s="10"/>
    </row>
    <row r="419360" spans="14:14">
      <c r="N419360" s="10"/>
    </row>
    <row r="419361" spans="14:14">
      <c r="N419361" s="10"/>
    </row>
    <row r="419362" spans="14:14">
      <c r="N419362" s="10"/>
    </row>
    <row r="419363" spans="14:14">
      <c r="N419363" s="10"/>
    </row>
    <row r="419364" spans="14:14">
      <c r="N419364" s="10"/>
    </row>
    <row r="419365" spans="14:14">
      <c r="N419365" s="10"/>
    </row>
    <row r="419366" spans="14:14">
      <c r="N419366" s="10"/>
    </row>
    <row r="419367" spans="14:14">
      <c r="N419367" s="10"/>
    </row>
    <row r="419368" spans="14:14">
      <c r="N419368" s="10"/>
    </row>
    <row r="419369" spans="14:14">
      <c r="N419369" s="10"/>
    </row>
    <row r="419370" spans="14:14">
      <c r="N419370" s="10"/>
    </row>
    <row r="419371" spans="14:14">
      <c r="N419371" s="10"/>
    </row>
    <row r="419372" spans="14:14">
      <c r="N419372" s="10"/>
    </row>
    <row r="419373" spans="14:14">
      <c r="N419373" s="10"/>
    </row>
    <row r="419374" spans="14:14">
      <c r="N419374" s="10"/>
    </row>
    <row r="419375" spans="14:14">
      <c r="N419375" s="10"/>
    </row>
    <row r="419376" spans="14:14">
      <c r="N419376" s="10"/>
    </row>
    <row r="419377" spans="14:14">
      <c r="N419377" s="10"/>
    </row>
    <row r="419378" spans="14:14">
      <c r="N419378" s="10"/>
    </row>
    <row r="419379" spans="14:14">
      <c r="N419379" s="10"/>
    </row>
    <row r="419380" spans="14:14">
      <c r="N419380" s="10"/>
    </row>
    <row r="419381" spans="14:14">
      <c r="N419381" s="10"/>
    </row>
    <row r="419382" spans="14:14">
      <c r="N419382" s="10"/>
    </row>
    <row r="419383" spans="14:14">
      <c r="N419383" s="10"/>
    </row>
    <row r="419384" spans="14:14">
      <c r="N419384" s="10"/>
    </row>
    <row r="419385" spans="14:14">
      <c r="N419385" s="10"/>
    </row>
    <row r="419386" spans="14:14">
      <c r="N419386" s="10"/>
    </row>
    <row r="419387" spans="14:14">
      <c r="N419387" s="10"/>
    </row>
    <row r="419388" spans="14:14">
      <c r="N419388" s="10"/>
    </row>
    <row r="419389" spans="14:14">
      <c r="N419389" s="10"/>
    </row>
    <row r="419390" spans="14:14">
      <c r="N419390" s="10"/>
    </row>
    <row r="419391" spans="14:14">
      <c r="N419391" s="10"/>
    </row>
    <row r="419392" spans="14:14">
      <c r="N419392" s="10"/>
    </row>
    <row r="419393" spans="14:14">
      <c r="N419393" s="10"/>
    </row>
    <row r="419394" spans="14:14">
      <c r="N419394" s="10"/>
    </row>
    <row r="419395" spans="14:14">
      <c r="N419395" s="10"/>
    </row>
    <row r="419396" spans="14:14">
      <c r="N419396" s="10"/>
    </row>
    <row r="419397" spans="14:14">
      <c r="N419397" s="10"/>
    </row>
    <row r="419398" spans="14:14">
      <c r="N419398" s="10"/>
    </row>
    <row r="419399" spans="14:14">
      <c r="N419399" s="10"/>
    </row>
    <row r="419400" spans="14:14">
      <c r="N419400" s="10"/>
    </row>
    <row r="419401" spans="14:14">
      <c r="N419401" s="10"/>
    </row>
    <row r="419402" spans="14:14">
      <c r="N419402" s="10"/>
    </row>
    <row r="419403" spans="14:14">
      <c r="N419403" s="10"/>
    </row>
    <row r="419404" spans="14:14">
      <c r="N419404" s="10"/>
    </row>
    <row r="419405" spans="14:14">
      <c r="N419405" s="10"/>
    </row>
    <row r="419406" spans="14:14">
      <c r="N419406" s="10"/>
    </row>
    <row r="419407" spans="14:14">
      <c r="N419407" s="10"/>
    </row>
    <row r="419408" spans="14:14">
      <c r="N419408" s="10"/>
    </row>
    <row r="419409" spans="14:14">
      <c r="N419409" s="10"/>
    </row>
    <row r="419410" spans="14:14">
      <c r="N419410" s="10"/>
    </row>
    <row r="419411" spans="14:14">
      <c r="N419411" s="10"/>
    </row>
    <row r="419412" spans="14:14">
      <c r="N419412" s="10"/>
    </row>
    <row r="419413" spans="14:14">
      <c r="N419413" s="10"/>
    </row>
    <row r="419414" spans="14:14">
      <c r="N419414" s="10"/>
    </row>
    <row r="419415" spans="14:14">
      <c r="N419415" s="10"/>
    </row>
    <row r="419416" spans="14:14">
      <c r="N419416" s="10"/>
    </row>
    <row r="419417" spans="14:14">
      <c r="N419417" s="10"/>
    </row>
    <row r="419418" spans="14:14">
      <c r="N419418" s="10"/>
    </row>
    <row r="419419" spans="14:14">
      <c r="N419419" s="10"/>
    </row>
    <row r="419420" spans="14:14">
      <c r="N419420" s="10"/>
    </row>
    <row r="419421" spans="14:14">
      <c r="N419421" s="10"/>
    </row>
    <row r="419422" spans="14:14">
      <c r="N419422" s="10"/>
    </row>
    <row r="419423" spans="14:14">
      <c r="N419423" s="10"/>
    </row>
    <row r="419424" spans="14:14">
      <c r="N419424" s="10"/>
    </row>
    <row r="419425" spans="14:14">
      <c r="N419425" s="10"/>
    </row>
    <row r="419426" spans="14:14">
      <c r="N419426" s="10"/>
    </row>
    <row r="419427" spans="14:14">
      <c r="N419427" s="10"/>
    </row>
    <row r="419428" spans="14:14">
      <c r="N419428" s="10"/>
    </row>
    <row r="419429" spans="14:14">
      <c r="N419429" s="10"/>
    </row>
    <row r="419430" spans="14:14">
      <c r="N419430" s="10"/>
    </row>
    <row r="419431" spans="14:14">
      <c r="N419431" s="10"/>
    </row>
    <row r="419432" spans="14:14">
      <c r="N419432" s="10"/>
    </row>
    <row r="419433" spans="14:14">
      <c r="N419433" s="10"/>
    </row>
    <row r="419434" spans="14:14">
      <c r="N419434" s="10"/>
    </row>
    <row r="419435" spans="14:14">
      <c r="N419435" s="10"/>
    </row>
    <row r="419436" spans="14:14">
      <c r="N419436" s="10"/>
    </row>
    <row r="419437" spans="14:14">
      <c r="N419437" s="10"/>
    </row>
    <row r="419438" spans="14:14">
      <c r="N419438" s="10"/>
    </row>
    <row r="419439" spans="14:14">
      <c r="N419439" s="10"/>
    </row>
    <row r="419440" spans="14:14">
      <c r="N419440" s="10"/>
    </row>
    <row r="419441" spans="14:14">
      <c r="N419441" s="10"/>
    </row>
    <row r="419442" spans="14:14">
      <c r="N419442" s="10"/>
    </row>
    <row r="419443" spans="14:14">
      <c r="N419443" s="10"/>
    </row>
    <row r="419444" spans="14:14">
      <c r="N419444" s="10"/>
    </row>
    <row r="419445" spans="14:14">
      <c r="N419445" s="10"/>
    </row>
    <row r="419446" spans="14:14">
      <c r="N419446" s="10"/>
    </row>
    <row r="419447" spans="14:14">
      <c r="N419447" s="10"/>
    </row>
    <row r="419448" spans="14:14">
      <c r="N419448" s="10"/>
    </row>
    <row r="419449" spans="14:14">
      <c r="N419449" s="10"/>
    </row>
    <row r="419450" spans="14:14">
      <c r="N419450" s="10"/>
    </row>
    <row r="419451" spans="14:14">
      <c r="N419451" s="10"/>
    </row>
    <row r="419452" spans="14:14">
      <c r="N419452" s="10"/>
    </row>
    <row r="419453" spans="14:14">
      <c r="N419453" s="10"/>
    </row>
    <row r="419454" spans="14:14">
      <c r="N419454" s="10"/>
    </row>
    <row r="419455" spans="14:14">
      <c r="N419455" s="10"/>
    </row>
    <row r="419456" spans="14:14">
      <c r="N419456" s="10"/>
    </row>
    <row r="419457" spans="14:14">
      <c r="N419457" s="10"/>
    </row>
    <row r="419458" spans="14:14">
      <c r="N419458" s="10"/>
    </row>
    <row r="419459" spans="14:14">
      <c r="N419459" s="10"/>
    </row>
    <row r="419460" spans="14:14">
      <c r="N419460" s="10"/>
    </row>
    <row r="419461" spans="14:14">
      <c r="N419461" s="10"/>
    </row>
    <row r="419462" spans="14:14">
      <c r="N419462" s="10"/>
    </row>
    <row r="419463" spans="14:14">
      <c r="N419463" s="10"/>
    </row>
    <row r="419464" spans="14:14">
      <c r="N419464" s="10"/>
    </row>
    <row r="419465" spans="14:14">
      <c r="N419465" s="10"/>
    </row>
    <row r="419466" spans="14:14">
      <c r="N419466" s="10"/>
    </row>
    <row r="419467" spans="14:14">
      <c r="N419467" s="10"/>
    </row>
    <row r="419468" spans="14:14">
      <c r="N419468" s="10"/>
    </row>
    <row r="419469" spans="14:14">
      <c r="N419469" s="10"/>
    </row>
    <row r="419470" spans="14:14">
      <c r="N419470" s="10"/>
    </row>
    <row r="419471" spans="14:14">
      <c r="N419471" s="10"/>
    </row>
    <row r="419472" spans="14:14">
      <c r="N419472" s="10"/>
    </row>
    <row r="419473" spans="14:14">
      <c r="N419473" s="10"/>
    </row>
    <row r="419474" spans="14:14">
      <c r="N419474" s="10"/>
    </row>
    <row r="419475" spans="14:14">
      <c r="N419475" s="10"/>
    </row>
    <row r="419476" spans="14:14">
      <c r="N419476" s="10"/>
    </row>
    <row r="419477" spans="14:14">
      <c r="N419477" s="10"/>
    </row>
    <row r="419478" spans="14:14">
      <c r="N419478" s="10"/>
    </row>
    <row r="419479" spans="14:14">
      <c r="N419479" s="10"/>
    </row>
    <row r="419480" spans="14:14">
      <c r="N419480" s="10"/>
    </row>
    <row r="419481" spans="14:14">
      <c r="N419481" s="10"/>
    </row>
    <row r="419482" spans="14:14">
      <c r="N419482" s="10"/>
    </row>
    <row r="419483" spans="14:14">
      <c r="N419483" s="10"/>
    </row>
    <row r="419484" spans="14:14">
      <c r="N419484" s="10"/>
    </row>
    <row r="419485" spans="14:14">
      <c r="N419485" s="10"/>
    </row>
    <row r="419486" spans="14:14">
      <c r="N419486" s="10"/>
    </row>
    <row r="419487" spans="14:14">
      <c r="N419487" s="10"/>
    </row>
    <row r="419488" spans="14:14">
      <c r="N419488" s="10"/>
    </row>
    <row r="419489" spans="14:14">
      <c r="N419489" s="10"/>
    </row>
    <row r="419490" spans="14:14">
      <c r="N419490" s="10"/>
    </row>
    <row r="419491" spans="14:14">
      <c r="N419491" s="10"/>
    </row>
    <row r="419492" spans="14:14">
      <c r="N419492" s="10"/>
    </row>
    <row r="419493" spans="14:14">
      <c r="N419493" s="10"/>
    </row>
    <row r="419494" spans="14:14">
      <c r="N419494" s="10"/>
    </row>
    <row r="419495" spans="14:14">
      <c r="N419495" s="10"/>
    </row>
    <row r="419496" spans="14:14">
      <c r="N419496" s="10"/>
    </row>
    <row r="419497" spans="14:14">
      <c r="N419497" s="10"/>
    </row>
    <row r="419498" spans="14:14">
      <c r="N419498" s="10"/>
    </row>
    <row r="419499" spans="14:14">
      <c r="N419499" s="10"/>
    </row>
    <row r="419500" spans="14:14">
      <c r="N419500" s="10"/>
    </row>
    <row r="419501" spans="14:14">
      <c r="N419501" s="10"/>
    </row>
    <row r="419502" spans="14:14">
      <c r="N419502" s="10"/>
    </row>
    <row r="419503" spans="14:14">
      <c r="N419503" s="10"/>
    </row>
    <row r="419504" spans="14:14">
      <c r="N419504" s="10"/>
    </row>
    <row r="419505" spans="14:14">
      <c r="N419505" s="10"/>
    </row>
    <row r="419506" spans="14:14">
      <c r="N419506" s="10"/>
    </row>
    <row r="419507" spans="14:14">
      <c r="N419507" s="10"/>
    </row>
    <row r="419508" spans="14:14">
      <c r="N419508" s="10"/>
    </row>
    <row r="419509" spans="14:14">
      <c r="N419509" s="10"/>
    </row>
    <row r="419510" spans="14:14">
      <c r="N419510" s="10"/>
    </row>
    <row r="419511" spans="14:14">
      <c r="N419511" s="10"/>
    </row>
    <row r="419512" spans="14:14">
      <c r="N419512" s="10"/>
    </row>
    <row r="419513" spans="14:14">
      <c r="N419513" s="10"/>
    </row>
    <row r="419514" spans="14:14">
      <c r="N419514" s="10"/>
    </row>
    <row r="419515" spans="14:14">
      <c r="N419515" s="10"/>
    </row>
    <row r="419516" spans="14:14">
      <c r="N419516" s="10"/>
    </row>
    <row r="419517" spans="14:14">
      <c r="N419517" s="10"/>
    </row>
    <row r="419518" spans="14:14">
      <c r="N419518" s="10"/>
    </row>
    <row r="419519" spans="14:14">
      <c r="N419519" s="10"/>
    </row>
    <row r="419520" spans="14:14">
      <c r="N419520" s="10"/>
    </row>
    <row r="419521" spans="14:14">
      <c r="N419521" s="10"/>
    </row>
    <row r="419522" spans="14:14">
      <c r="N419522" s="10"/>
    </row>
    <row r="419523" spans="14:14">
      <c r="N419523" s="10"/>
    </row>
    <row r="419524" spans="14:14">
      <c r="N419524" s="10"/>
    </row>
    <row r="419525" spans="14:14">
      <c r="N419525" s="10"/>
    </row>
    <row r="419526" spans="14:14">
      <c r="N419526" s="10"/>
    </row>
    <row r="419527" spans="14:14">
      <c r="N419527" s="10"/>
    </row>
    <row r="419528" spans="14:14">
      <c r="N419528" s="10"/>
    </row>
    <row r="419529" spans="14:14">
      <c r="N419529" s="10"/>
    </row>
    <row r="419530" spans="14:14">
      <c r="N419530" s="10"/>
    </row>
    <row r="419531" spans="14:14">
      <c r="N419531" s="10"/>
    </row>
    <row r="419532" spans="14:14">
      <c r="N419532" s="10"/>
    </row>
    <row r="419533" spans="14:14">
      <c r="N419533" s="10"/>
    </row>
    <row r="419534" spans="14:14">
      <c r="N419534" s="10"/>
    </row>
    <row r="419535" spans="14:14">
      <c r="N419535" s="10"/>
    </row>
    <row r="419536" spans="14:14">
      <c r="N419536" s="10"/>
    </row>
    <row r="419537" spans="14:14">
      <c r="N419537" s="10"/>
    </row>
    <row r="419538" spans="14:14">
      <c r="N419538" s="10"/>
    </row>
    <row r="419539" spans="14:14">
      <c r="N419539" s="10"/>
    </row>
    <row r="419540" spans="14:14">
      <c r="N419540" s="10"/>
    </row>
    <row r="419541" spans="14:14">
      <c r="N419541" s="10"/>
    </row>
    <row r="419542" spans="14:14">
      <c r="N419542" s="10"/>
    </row>
    <row r="419543" spans="14:14">
      <c r="N419543" s="10"/>
    </row>
    <row r="419544" spans="14:14">
      <c r="N419544" s="10"/>
    </row>
    <row r="419545" spans="14:14">
      <c r="N419545" s="10"/>
    </row>
    <row r="419546" spans="14:14">
      <c r="N419546" s="10"/>
    </row>
    <row r="419547" spans="14:14">
      <c r="N419547" s="10"/>
    </row>
    <row r="419548" spans="14:14">
      <c r="N419548" s="10"/>
    </row>
    <row r="419549" spans="14:14">
      <c r="N419549" s="10"/>
    </row>
    <row r="419550" spans="14:14">
      <c r="N419550" s="10"/>
    </row>
    <row r="419551" spans="14:14">
      <c r="N419551" s="10"/>
    </row>
    <row r="419552" spans="14:14">
      <c r="N419552" s="10"/>
    </row>
    <row r="419553" spans="14:14">
      <c r="N419553" s="10"/>
    </row>
    <row r="419554" spans="14:14">
      <c r="N419554" s="10"/>
    </row>
    <row r="419555" spans="14:14">
      <c r="N419555" s="10"/>
    </row>
    <row r="419556" spans="14:14">
      <c r="N419556" s="10"/>
    </row>
    <row r="419557" spans="14:14">
      <c r="N419557" s="10"/>
    </row>
    <row r="419558" spans="14:14">
      <c r="N419558" s="10"/>
    </row>
    <row r="419559" spans="14:14">
      <c r="N419559" s="10"/>
    </row>
    <row r="419560" spans="14:14">
      <c r="N419560" s="10"/>
    </row>
    <row r="419561" spans="14:14">
      <c r="N419561" s="10"/>
    </row>
    <row r="419562" spans="14:14">
      <c r="N419562" s="10"/>
    </row>
    <row r="419563" spans="14:14">
      <c r="N419563" s="10"/>
    </row>
    <row r="419564" spans="14:14">
      <c r="N419564" s="10"/>
    </row>
    <row r="419565" spans="14:14">
      <c r="N419565" s="10"/>
    </row>
    <row r="419566" spans="14:14">
      <c r="N419566" s="10"/>
    </row>
    <row r="419567" spans="14:14">
      <c r="N419567" s="10"/>
    </row>
    <row r="419568" spans="14:14">
      <c r="N419568" s="10"/>
    </row>
    <row r="419569" spans="14:14">
      <c r="N419569" s="10"/>
    </row>
    <row r="419570" spans="14:14">
      <c r="N419570" s="10"/>
    </row>
    <row r="419571" spans="14:14">
      <c r="N419571" s="10"/>
    </row>
    <row r="419572" spans="14:14">
      <c r="N419572" s="10"/>
    </row>
    <row r="419573" spans="14:14">
      <c r="N419573" s="10"/>
    </row>
    <row r="419574" spans="14:14">
      <c r="N419574" s="10"/>
    </row>
    <row r="419575" spans="14:14">
      <c r="N419575" s="10"/>
    </row>
    <row r="419576" spans="14:14">
      <c r="N419576" s="10"/>
    </row>
    <row r="419577" spans="14:14">
      <c r="N419577" s="10"/>
    </row>
    <row r="419578" spans="14:14">
      <c r="N419578" s="10"/>
    </row>
    <row r="419579" spans="14:14">
      <c r="N419579" s="10"/>
    </row>
    <row r="419580" spans="14:14">
      <c r="N419580" s="10"/>
    </row>
    <row r="419581" spans="14:14">
      <c r="N419581" s="10"/>
    </row>
    <row r="419582" spans="14:14">
      <c r="N419582" s="10"/>
    </row>
    <row r="419583" spans="14:14">
      <c r="N419583" s="10"/>
    </row>
    <row r="419584" spans="14:14">
      <c r="N419584" s="10"/>
    </row>
    <row r="419585" spans="14:14">
      <c r="N419585" s="10"/>
    </row>
    <row r="419586" spans="14:14">
      <c r="N419586" s="10"/>
    </row>
    <row r="419587" spans="14:14">
      <c r="N419587" s="10"/>
    </row>
    <row r="419588" spans="14:14">
      <c r="N419588" s="10"/>
    </row>
    <row r="419589" spans="14:14">
      <c r="N419589" s="10"/>
    </row>
    <row r="419590" spans="14:14">
      <c r="N419590" s="10"/>
    </row>
    <row r="419591" spans="14:14">
      <c r="N419591" s="10"/>
    </row>
    <row r="419592" spans="14:14">
      <c r="N419592" s="10"/>
    </row>
    <row r="419593" spans="14:14">
      <c r="N419593" s="10"/>
    </row>
    <row r="419594" spans="14:14">
      <c r="N419594" s="10"/>
    </row>
    <row r="419595" spans="14:14">
      <c r="N419595" s="10"/>
    </row>
    <row r="419596" spans="14:14">
      <c r="N419596" s="10"/>
    </row>
    <row r="419597" spans="14:14">
      <c r="N419597" s="10"/>
    </row>
    <row r="419598" spans="14:14">
      <c r="N419598" s="10"/>
    </row>
    <row r="419599" spans="14:14">
      <c r="N419599" s="10"/>
    </row>
    <row r="419600" spans="14:14">
      <c r="N419600" s="10"/>
    </row>
    <row r="419601" spans="14:14">
      <c r="N419601" s="10"/>
    </row>
    <row r="419602" spans="14:14">
      <c r="N419602" s="10"/>
    </row>
    <row r="419603" spans="14:14">
      <c r="N419603" s="10"/>
    </row>
    <row r="419604" spans="14:14">
      <c r="N419604" s="10"/>
    </row>
    <row r="419605" spans="14:14">
      <c r="N419605" s="10"/>
    </row>
    <row r="419606" spans="14:14">
      <c r="N419606" s="10"/>
    </row>
    <row r="419607" spans="14:14">
      <c r="N419607" s="10"/>
    </row>
    <row r="419608" spans="14:14">
      <c r="N419608" s="10"/>
    </row>
    <row r="419609" spans="14:14">
      <c r="N419609" s="10"/>
    </row>
    <row r="419610" spans="14:14">
      <c r="N419610" s="10"/>
    </row>
    <row r="419611" spans="14:14">
      <c r="N419611" s="10"/>
    </row>
    <row r="419612" spans="14:14">
      <c r="N419612" s="10"/>
    </row>
    <row r="419613" spans="14:14">
      <c r="N419613" s="10"/>
    </row>
    <row r="419614" spans="14:14">
      <c r="N419614" s="10"/>
    </row>
    <row r="419615" spans="14:14">
      <c r="N419615" s="10"/>
    </row>
    <row r="419616" spans="14:14">
      <c r="N419616" s="10"/>
    </row>
    <row r="419617" spans="14:14">
      <c r="N419617" s="10"/>
    </row>
    <row r="419618" spans="14:14">
      <c r="N419618" s="10"/>
    </row>
    <row r="419619" spans="14:14">
      <c r="N419619" s="10"/>
    </row>
    <row r="419620" spans="14:14">
      <c r="N419620" s="10"/>
    </row>
    <row r="419621" spans="14:14">
      <c r="N419621" s="10"/>
    </row>
    <row r="419622" spans="14:14">
      <c r="N419622" s="10"/>
    </row>
    <row r="419623" spans="14:14">
      <c r="N419623" s="10"/>
    </row>
    <row r="419624" spans="14:14">
      <c r="N419624" s="10"/>
    </row>
    <row r="419625" spans="14:14">
      <c r="N419625" s="10"/>
    </row>
    <row r="419626" spans="14:14">
      <c r="N419626" s="10"/>
    </row>
    <row r="419627" spans="14:14">
      <c r="N419627" s="10"/>
    </row>
    <row r="419628" spans="14:14">
      <c r="N419628" s="10"/>
    </row>
    <row r="419629" spans="14:14">
      <c r="N419629" s="10"/>
    </row>
    <row r="419630" spans="14:14">
      <c r="N419630" s="10"/>
    </row>
    <row r="419631" spans="14:14">
      <c r="N419631" s="10"/>
    </row>
    <row r="419632" spans="14:14">
      <c r="N419632" s="10"/>
    </row>
    <row r="419633" spans="14:14">
      <c r="N419633" s="10"/>
    </row>
    <row r="419634" spans="14:14">
      <c r="N419634" s="10"/>
    </row>
    <row r="419635" spans="14:14">
      <c r="N419635" s="10"/>
    </row>
    <row r="419636" spans="14:14">
      <c r="N419636" s="10"/>
    </row>
    <row r="419637" spans="14:14">
      <c r="N419637" s="10"/>
    </row>
    <row r="419638" spans="14:14">
      <c r="N419638" s="10"/>
    </row>
    <row r="419639" spans="14:14">
      <c r="N419639" s="10"/>
    </row>
    <row r="419640" spans="14:14">
      <c r="N419640" s="10"/>
    </row>
    <row r="419641" spans="14:14">
      <c r="N419641" s="10"/>
    </row>
    <row r="419642" spans="14:14">
      <c r="N419642" s="10"/>
    </row>
    <row r="419643" spans="14:14">
      <c r="N419643" s="10"/>
    </row>
    <row r="419644" spans="14:14">
      <c r="N419644" s="10"/>
    </row>
    <row r="419645" spans="14:14">
      <c r="N419645" s="10"/>
    </row>
    <row r="419646" spans="14:14">
      <c r="N419646" s="10"/>
    </row>
    <row r="419647" spans="14:14">
      <c r="N419647" s="10"/>
    </row>
    <row r="419648" spans="14:14">
      <c r="N419648" s="10"/>
    </row>
    <row r="419649" spans="14:14">
      <c r="N419649" s="10"/>
    </row>
    <row r="419650" spans="14:14">
      <c r="N419650" s="10"/>
    </row>
    <row r="419651" spans="14:14">
      <c r="N419651" s="10"/>
    </row>
    <row r="419652" spans="14:14">
      <c r="N419652" s="10"/>
    </row>
    <row r="419653" spans="14:14">
      <c r="N419653" s="10"/>
    </row>
    <row r="419654" spans="14:14">
      <c r="N419654" s="10"/>
    </row>
    <row r="419655" spans="14:14">
      <c r="N419655" s="10"/>
    </row>
    <row r="419656" spans="14:14">
      <c r="N419656" s="10"/>
    </row>
    <row r="419657" spans="14:14">
      <c r="N419657" s="10"/>
    </row>
    <row r="419658" spans="14:14">
      <c r="N419658" s="10"/>
    </row>
    <row r="419659" spans="14:14">
      <c r="N419659" s="10"/>
    </row>
    <row r="419660" spans="14:14">
      <c r="N419660" s="10"/>
    </row>
    <row r="419661" spans="14:14">
      <c r="N419661" s="10"/>
    </row>
    <row r="419662" spans="14:14">
      <c r="N419662" s="10"/>
    </row>
    <row r="419663" spans="14:14">
      <c r="N419663" s="10"/>
    </row>
    <row r="419664" spans="14:14">
      <c r="N419664" s="10"/>
    </row>
    <row r="419665" spans="14:14">
      <c r="N419665" s="10"/>
    </row>
    <row r="419666" spans="14:14">
      <c r="N419666" s="10"/>
    </row>
    <row r="419667" spans="14:14">
      <c r="N419667" s="10"/>
    </row>
    <row r="419668" spans="14:14">
      <c r="N419668" s="10"/>
    </row>
    <row r="419669" spans="14:14">
      <c r="N419669" s="10"/>
    </row>
    <row r="419670" spans="14:14">
      <c r="N419670" s="10"/>
    </row>
    <row r="419671" spans="14:14">
      <c r="N419671" s="10"/>
    </row>
    <row r="419672" spans="14:14">
      <c r="N419672" s="10"/>
    </row>
    <row r="419673" spans="14:14">
      <c r="N419673" s="10"/>
    </row>
    <row r="419674" spans="14:14">
      <c r="N419674" s="10"/>
    </row>
    <row r="419675" spans="14:14">
      <c r="N419675" s="10"/>
    </row>
    <row r="419676" spans="14:14">
      <c r="N419676" s="10"/>
    </row>
    <row r="419677" spans="14:14">
      <c r="N419677" s="10"/>
    </row>
    <row r="419678" spans="14:14">
      <c r="N419678" s="10"/>
    </row>
    <row r="419679" spans="14:14">
      <c r="N419679" s="10"/>
    </row>
    <row r="419680" spans="14:14">
      <c r="N419680" s="10"/>
    </row>
    <row r="419681" spans="14:14">
      <c r="N419681" s="10"/>
    </row>
    <row r="419682" spans="14:14">
      <c r="N419682" s="10"/>
    </row>
    <row r="419683" spans="14:14">
      <c r="N419683" s="10"/>
    </row>
    <row r="419684" spans="14:14">
      <c r="N419684" s="10"/>
    </row>
    <row r="419685" spans="14:14">
      <c r="N419685" s="10"/>
    </row>
    <row r="419686" spans="14:14">
      <c r="N419686" s="10"/>
    </row>
    <row r="419687" spans="14:14">
      <c r="N419687" s="10"/>
    </row>
    <row r="419688" spans="14:14">
      <c r="N419688" s="10"/>
    </row>
    <row r="419689" spans="14:14">
      <c r="N419689" s="10"/>
    </row>
    <row r="419690" spans="14:14">
      <c r="N419690" s="10"/>
    </row>
    <row r="419691" spans="14:14">
      <c r="N419691" s="10"/>
    </row>
    <row r="419692" spans="14:14">
      <c r="N419692" s="10"/>
    </row>
    <row r="419693" spans="14:14">
      <c r="N419693" s="10"/>
    </row>
    <row r="419694" spans="14:14">
      <c r="N419694" s="10"/>
    </row>
    <row r="419695" spans="14:14">
      <c r="N419695" s="10"/>
    </row>
    <row r="419696" spans="14:14">
      <c r="N419696" s="10"/>
    </row>
    <row r="419697" spans="14:14">
      <c r="N419697" s="10"/>
    </row>
    <row r="419698" spans="14:14">
      <c r="N419698" s="10"/>
    </row>
    <row r="419699" spans="14:14">
      <c r="N419699" s="10"/>
    </row>
    <row r="419700" spans="14:14">
      <c r="N419700" s="10"/>
    </row>
    <row r="419701" spans="14:14">
      <c r="N419701" s="10"/>
    </row>
    <row r="419702" spans="14:14">
      <c r="N419702" s="10"/>
    </row>
    <row r="419703" spans="14:14">
      <c r="N419703" s="10"/>
    </row>
    <row r="419704" spans="14:14">
      <c r="N419704" s="10"/>
    </row>
    <row r="419705" spans="14:14">
      <c r="N419705" s="10"/>
    </row>
    <row r="419706" spans="14:14">
      <c r="N419706" s="10"/>
    </row>
    <row r="419707" spans="14:14">
      <c r="N419707" s="10"/>
    </row>
    <row r="419708" spans="14:14">
      <c r="N419708" s="10"/>
    </row>
    <row r="419709" spans="14:14">
      <c r="N419709" s="10"/>
    </row>
    <row r="419710" spans="14:14">
      <c r="N419710" s="10"/>
    </row>
    <row r="419711" spans="14:14">
      <c r="N419711" s="10"/>
    </row>
    <row r="419712" spans="14:14">
      <c r="N419712" s="10"/>
    </row>
    <row r="419713" spans="14:14">
      <c r="N419713" s="10"/>
    </row>
    <row r="419714" spans="14:14">
      <c r="N419714" s="10"/>
    </row>
    <row r="419715" spans="14:14">
      <c r="N419715" s="10"/>
    </row>
    <row r="419716" spans="14:14">
      <c r="N419716" s="10"/>
    </row>
    <row r="419717" spans="14:14">
      <c r="N419717" s="10"/>
    </row>
    <row r="419718" spans="14:14">
      <c r="N419718" s="10"/>
    </row>
    <row r="419719" spans="14:14">
      <c r="N419719" s="10"/>
    </row>
    <row r="419720" spans="14:14">
      <c r="N419720" s="10"/>
    </row>
    <row r="419721" spans="14:14">
      <c r="N419721" s="10"/>
    </row>
    <row r="419722" spans="14:14">
      <c r="N419722" s="10"/>
    </row>
    <row r="419723" spans="14:14">
      <c r="N419723" s="10"/>
    </row>
    <row r="419724" spans="14:14">
      <c r="N419724" s="10"/>
    </row>
    <row r="419725" spans="14:14">
      <c r="N419725" s="10"/>
    </row>
    <row r="419726" spans="14:14">
      <c r="N419726" s="10"/>
    </row>
    <row r="419727" spans="14:14">
      <c r="N419727" s="10"/>
    </row>
    <row r="419728" spans="14:14">
      <c r="N419728" s="10"/>
    </row>
    <row r="419729" spans="14:14">
      <c r="N419729" s="10"/>
    </row>
    <row r="419730" spans="14:14">
      <c r="N419730" s="10"/>
    </row>
    <row r="419731" spans="14:14">
      <c r="N419731" s="10"/>
    </row>
    <row r="419732" spans="14:14">
      <c r="N419732" s="10"/>
    </row>
    <row r="419733" spans="14:14">
      <c r="N419733" s="10"/>
    </row>
    <row r="419734" spans="14:14">
      <c r="N419734" s="10"/>
    </row>
    <row r="419735" spans="14:14">
      <c r="N419735" s="10"/>
    </row>
    <row r="419736" spans="14:14">
      <c r="N419736" s="10"/>
    </row>
    <row r="419737" spans="14:14">
      <c r="N419737" s="10"/>
    </row>
    <row r="419738" spans="14:14">
      <c r="N419738" s="10"/>
    </row>
    <row r="419739" spans="14:14">
      <c r="N419739" s="10"/>
    </row>
    <row r="419740" spans="14:14">
      <c r="N419740" s="10"/>
    </row>
    <row r="419741" spans="14:14">
      <c r="N419741" s="10"/>
    </row>
    <row r="419742" spans="14:14">
      <c r="N419742" s="10"/>
    </row>
    <row r="419743" spans="14:14">
      <c r="N419743" s="10"/>
    </row>
    <row r="419744" spans="14:14">
      <c r="N419744" s="10"/>
    </row>
    <row r="419745" spans="14:14">
      <c r="N419745" s="10"/>
    </row>
    <row r="419746" spans="14:14">
      <c r="N419746" s="10"/>
    </row>
    <row r="419747" spans="14:14">
      <c r="N419747" s="10"/>
    </row>
    <row r="419748" spans="14:14">
      <c r="N419748" s="10"/>
    </row>
    <row r="419749" spans="14:14">
      <c r="N419749" s="10"/>
    </row>
    <row r="419750" spans="14:14">
      <c r="N419750" s="10"/>
    </row>
    <row r="419751" spans="14:14">
      <c r="N419751" s="10"/>
    </row>
    <row r="419752" spans="14:14">
      <c r="N419752" s="10"/>
    </row>
    <row r="419753" spans="14:14">
      <c r="N419753" s="10"/>
    </row>
    <row r="419754" spans="14:14">
      <c r="N419754" s="10"/>
    </row>
    <row r="419755" spans="14:14">
      <c r="N419755" s="10"/>
    </row>
    <row r="419756" spans="14:14">
      <c r="N419756" s="10"/>
    </row>
    <row r="419757" spans="14:14">
      <c r="N419757" s="10"/>
    </row>
    <row r="419758" spans="14:14">
      <c r="N419758" s="10"/>
    </row>
    <row r="419759" spans="14:14">
      <c r="N419759" s="10"/>
    </row>
    <row r="419760" spans="14:14">
      <c r="N419760" s="10"/>
    </row>
    <row r="419761" spans="14:14">
      <c r="N419761" s="10"/>
    </row>
    <row r="419762" spans="14:14">
      <c r="N419762" s="10"/>
    </row>
    <row r="419763" spans="14:14">
      <c r="N419763" s="10"/>
    </row>
    <row r="419764" spans="14:14">
      <c r="N419764" s="10"/>
    </row>
    <row r="419765" spans="14:14">
      <c r="N419765" s="10"/>
    </row>
    <row r="419766" spans="14:14">
      <c r="N419766" s="10"/>
    </row>
    <row r="419767" spans="14:14">
      <c r="N419767" s="10"/>
    </row>
    <row r="419768" spans="14:14">
      <c r="N419768" s="10"/>
    </row>
    <row r="419769" spans="14:14">
      <c r="N419769" s="10"/>
    </row>
    <row r="419770" spans="14:14">
      <c r="N419770" s="10"/>
    </row>
    <row r="419771" spans="14:14">
      <c r="N419771" s="10"/>
    </row>
    <row r="419772" spans="14:14">
      <c r="N419772" s="10"/>
    </row>
    <row r="419773" spans="14:14">
      <c r="N419773" s="10"/>
    </row>
    <row r="419774" spans="14:14">
      <c r="N419774" s="10"/>
    </row>
    <row r="419775" spans="14:14">
      <c r="N419775" s="10"/>
    </row>
    <row r="419776" spans="14:14">
      <c r="N419776" s="10"/>
    </row>
    <row r="419777" spans="14:14">
      <c r="N419777" s="10"/>
    </row>
    <row r="419778" spans="14:14">
      <c r="N419778" s="10"/>
    </row>
    <row r="419779" spans="14:14">
      <c r="N419779" s="10"/>
    </row>
    <row r="419780" spans="14:14">
      <c r="N419780" s="10"/>
    </row>
    <row r="419781" spans="14:14">
      <c r="N419781" s="10"/>
    </row>
    <row r="419782" spans="14:14">
      <c r="N419782" s="10"/>
    </row>
    <row r="419783" spans="14:14">
      <c r="N419783" s="10"/>
    </row>
    <row r="419784" spans="14:14">
      <c r="N419784" s="10"/>
    </row>
    <row r="419785" spans="14:14">
      <c r="N419785" s="10"/>
    </row>
    <row r="419786" spans="14:14">
      <c r="N419786" s="10"/>
    </row>
    <row r="419787" spans="14:14">
      <c r="N419787" s="10"/>
    </row>
    <row r="419788" spans="14:14">
      <c r="N419788" s="10"/>
    </row>
    <row r="419789" spans="14:14">
      <c r="N419789" s="10"/>
    </row>
    <row r="419790" spans="14:14">
      <c r="N419790" s="10"/>
    </row>
    <row r="419791" spans="14:14">
      <c r="N419791" s="10"/>
    </row>
    <row r="419792" spans="14:14">
      <c r="N419792" s="10"/>
    </row>
    <row r="419793" spans="14:14">
      <c r="N419793" s="10"/>
    </row>
    <row r="419794" spans="14:14">
      <c r="N419794" s="10"/>
    </row>
    <row r="419795" spans="14:14">
      <c r="N419795" s="10"/>
    </row>
    <row r="419796" spans="14:14">
      <c r="N419796" s="10"/>
    </row>
    <row r="419797" spans="14:14">
      <c r="N419797" s="10"/>
    </row>
    <row r="419798" spans="14:14">
      <c r="N419798" s="10"/>
    </row>
    <row r="419799" spans="14:14">
      <c r="N419799" s="10"/>
    </row>
    <row r="419800" spans="14:14">
      <c r="N419800" s="10"/>
    </row>
    <row r="419801" spans="14:14">
      <c r="N419801" s="10"/>
    </row>
    <row r="419802" spans="14:14">
      <c r="N419802" s="10"/>
    </row>
    <row r="419803" spans="14:14">
      <c r="N419803" s="10"/>
    </row>
    <row r="419804" spans="14:14">
      <c r="N419804" s="10"/>
    </row>
    <row r="419805" spans="14:14">
      <c r="N419805" s="10"/>
    </row>
    <row r="419806" spans="14:14">
      <c r="N419806" s="10"/>
    </row>
    <row r="419807" spans="14:14">
      <c r="N419807" s="10"/>
    </row>
    <row r="419808" spans="14:14">
      <c r="N419808" s="10"/>
    </row>
    <row r="419809" spans="14:14">
      <c r="N419809" s="10"/>
    </row>
    <row r="419810" spans="14:14">
      <c r="N419810" s="10"/>
    </row>
    <row r="419811" spans="14:14">
      <c r="N419811" s="10"/>
    </row>
    <row r="419812" spans="14:14">
      <c r="N419812" s="10"/>
    </row>
    <row r="419813" spans="14:14">
      <c r="N419813" s="10"/>
    </row>
    <row r="419814" spans="14:14">
      <c r="N419814" s="10"/>
    </row>
    <row r="419815" spans="14:14">
      <c r="N419815" s="10"/>
    </row>
    <row r="419816" spans="14:14">
      <c r="N419816" s="10"/>
    </row>
    <row r="419817" spans="14:14">
      <c r="N419817" s="10"/>
    </row>
    <row r="419818" spans="14:14">
      <c r="N419818" s="10"/>
    </row>
    <row r="419819" spans="14:14">
      <c r="N419819" s="10"/>
    </row>
    <row r="419820" spans="14:14">
      <c r="N419820" s="10"/>
    </row>
    <row r="419821" spans="14:14">
      <c r="N419821" s="10"/>
    </row>
    <row r="419822" spans="14:14">
      <c r="N419822" s="10"/>
    </row>
    <row r="419823" spans="14:14">
      <c r="N419823" s="10"/>
    </row>
    <row r="419824" spans="14:14">
      <c r="N419824" s="10"/>
    </row>
    <row r="419825" spans="14:14">
      <c r="N419825" s="10"/>
    </row>
    <row r="419826" spans="14:14">
      <c r="N419826" s="10"/>
    </row>
    <row r="419827" spans="14:14">
      <c r="N419827" s="10"/>
    </row>
    <row r="419828" spans="14:14">
      <c r="N419828" s="10"/>
    </row>
    <row r="419829" spans="14:14">
      <c r="N419829" s="10"/>
    </row>
    <row r="419830" spans="14:14">
      <c r="N419830" s="10"/>
    </row>
    <row r="419831" spans="14:14">
      <c r="N419831" s="10"/>
    </row>
    <row r="419832" spans="14:14">
      <c r="N419832" s="10"/>
    </row>
    <row r="419833" spans="14:14">
      <c r="N419833" s="10"/>
    </row>
    <row r="419834" spans="14:14">
      <c r="N419834" s="10"/>
    </row>
    <row r="419835" spans="14:14">
      <c r="N419835" s="10"/>
    </row>
    <row r="419836" spans="14:14">
      <c r="N419836" s="10"/>
    </row>
    <row r="419837" spans="14:14">
      <c r="N419837" s="10"/>
    </row>
    <row r="419838" spans="14:14">
      <c r="N419838" s="10"/>
    </row>
    <row r="419839" spans="14:14">
      <c r="N419839" s="10"/>
    </row>
    <row r="419840" spans="14:14">
      <c r="N419840" s="10"/>
    </row>
    <row r="419841" spans="14:14">
      <c r="N419841" s="10"/>
    </row>
    <row r="419842" spans="14:14">
      <c r="N419842" s="10"/>
    </row>
    <row r="419843" spans="14:14">
      <c r="N419843" s="10"/>
    </row>
    <row r="419844" spans="14:14">
      <c r="N419844" s="10"/>
    </row>
    <row r="419845" spans="14:14">
      <c r="N419845" s="10"/>
    </row>
    <row r="419846" spans="14:14">
      <c r="N419846" s="10"/>
    </row>
    <row r="419847" spans="14:14">
      <c r="N419847" s="10"/>
    </row>
    <row r="419848" spans="14:14">
      <c r="N419848" s="10"/>
    </row>
    <row r="419849" spans="14:14">
      <c r="N419849" s="10"/>
    </row>
    <row r="419850" spans="14:14">
      <c r="N419850" s="10"/>
    </row>
    <row r="419851" spans="14:14">
      <c r="N419851" s="10"/>
    </row>
    <row r="419852" spans="14:14">
      <c r="N419852" s="10"/>
    </row>
    <row r="419853" spans="14:14">
      <c r="N419853" s="10"/>
    </row>
    <row r="419854" spans="14:14">
      <c r="N419854" s="10"/>
    </row>
    <row r="419855" spans="14:14">
      <c r="N419855" s="10"/>
    </row>
    <row r="419856" spans="14:14">
      <c r="N419856" s="10"/>
    </row>
    <row r="419857" spans="14:14">
      <c r="N419857" s="10"/>
    </row>
    <row r="419858" spans="14:14">
      <c r="N419858" s="10"/>
    </row>
    <row r="419859" spans="14:14">
      <c r="N419859" s="10"/>
    </row>
    <row r="419860" spans="14:14">
      <c r="N419860" s="10"/>
    </row>
    <row r="419861" spans="14:14">
      <c r="N419861" s="10"/>
    </row>
    <row r="419862" spans="14:14">
      <c r="N419862" s="10"/>
    </row>
    <row r="419863" spans="14:14">
      <c r="N419863" s="10"/>
    </row>
    <row r="419864" spans="14:14">
      <c r="N419864" s="10"/>
    </row>
    <row r="419865" spans="14:14">
      <c r="N419865" s="10"/>
    </row>
    <row r="419866" spans="14:14">
      <c r="N419866" s="10"/>
    </row>
    <row r="419867" spans="14:14">
      <c r="N419867" s="10"/>
    </row>
    <row r="419868" spans="14:14">
      <c r="N419868" s="10"/>
    </row>
    <row r="419869" spans="14:14">
      <c r="N419869" s="10"/>
    </row>
    <row r="419870" spans="14:14">
      <c r="N419870" s="10"/>
    </row>
    <row r="419871" spans="14:14">
      <c r="N419871" s="10"/>
    </row>
    <row r="419872" spans="14:14">
      <c r="N419872" s="10"/>
    </row>
    <row r="419873" spans="14:14">
      <c r="N419873" s="10"/>
    </row>
    <row r="419874" spans="14:14">
      <c r="N419874" s="10"/>
    </row>
    <row r="419875" spans="14:14">
      <c r="N419875" s="10"/>
    </row>
    <row r="419876" spans="14:14">
      <c r="N419876" s="10"/>
    </row>
    <row r="419877" spans="14:14">
      <c r="N419877" s="10"/>
    </row>
    <row r="419878" spans="14:14">
      <c r="N419878" s="10"/>
    </row>
    <row r="419879" spans="14:14">
      <c r="N419879" s="10"/>
    </row>
    <row r="419880" spans="14:14">
      <c r="N419880" s="10"/>
    </row>
    <row r="419881" spans="14:14">
      <c r="N419881" s="10"/>
    </row>
    <row r="419882" spans="14:14">
      <c r="N419882" s="10"/>
    </row>
    <row r="419883" spans="14:14">
      <c r="N419883" s="10"/>
    </row>
    <row r="419884" spans="14:14">
      <c r="N419884" s="10"/>
    </row>
    <row r="419885" spans="14:14">
      <c r="N419885" s="10"/>
    </row>
    <row r="419886" spans="14:14">
      <c r="N419886" s="10"/>
    </row>
    <row r="419887" spans="14:14">
      <c r="N419887" s="10"/>
    </row>
    <row r="419888" spans="14:14">
      <c r="N419888" s="10"/>
    </row>
    <row r="419889" spans="14:14">
      <c r="N419889" s="10"/>
    </row>
    <row r="419890" spans="14:14">
      <c r="N419890" s="10"/>
    </row>
    <row r="419891" spans="14:14">
      <c r="N419891" s="10"/>
    </row>
    <row r="419892" spans="14:14">
      <c r="N419892" s="10"/>
    </row>
    <row r="419893" spans="14:14">
      <c r="N419893" s="10"/>
    </row>
    <row r="419894" spans="14:14">
      <c r="N419894" s="10"/>
    </row>
    <row r="419895" spans="14:14">
      <c r="N419895" s="10"/>
    </row>
    <row r="419896" spans="14:14">
      <c r="N419896" s="10"/>
    </row>
    <row r="419897" spans="14:14">
      <c r="N419897" s="10"/>
    </row>
    <row r="419898" spans="14:14">
      <c r="N419898" s="10"/>
    </row>
    <row r="419899" spans="14:14">
      <c r="N419899" s="10"/>
    </row>
    <row r="419900" spans="14:14">
      <c r="N419900" s="10"/>
    </row>
    <row r="419901" spans="14:14">
      <c r="N419901" s="10"/>
    </row>
    <row r="419902" spans="14:14">
      <c r="N419902" s="10"/>
    </row>
    <row r="419903" spans="14:14">
      <c r="N419903" s="10"/>
    </row>
    <row r="419904" spans="14:14">
      <c r="N419904" s="10"/>
    </row>
    <row r="419905" spans="14:14">
      <c r="N419905" s="10"/>
    </row>
    <row r="419906" spans="14:14">
      <c r="N419906" s="10"/>
    </row>
    <row r="419907" spans="14:14">
      <c r="N419907" s="10"/>
    </row>
    <row r="419908" spans="14:14">
      <c r="N419908" s="10"/>
    </row>
    <row r="419909" spans="14:14">
      <c r="N419909" s="10"/>
    </row>
    <row r="419910" spans="14:14">
      <c r="N419910" s="10"/>
    </row>
    <row r="419911" spans="14:14">
      <c r="N419911" s="10"/>
    </row>
    <row r="419912" spans="14:14">
      <c r="N419912" s="10"/>
    </row>
    <row r="419913" spans="14:14">
      <c r="N419913" s="10"/>
    </row>
    <row r="419914" spans="14:14">
      <c r="N419914" s="10"/>
    </row>
    <row r="419915" spans="14:14">
      <c r="N419915" s="10"/>
    </row>
    <row r="419916" spans="14:14">
      <c r="N419916" s="10"/>
    </row>
    <row r="419917" spans="14:14">
      <c r="N419917" s="10"/>
    </row>
    <row r="419918" spans="14:14">
      <c r="N419918" s="10"/>
    </row>
    <row r="419919" spans="14:14">
      <c r="N419919" s="10"/>
    </row>
    <row r="419920" spans="14:14">
      <c r="N419920" s="10"/>
    </row>
    <row r="419921" spans="14:14">
      <c r="N419921" s="10"/>
    </row>
    <row r="419922" spans="14:14">
      <c r="N419922" s="10"/>
    </row>
    <row r="419923" spans="14:14">
      <c r="N419923" s="10"/>
    </row>
    <row r="419924" spans="14:14">
      <c r="N419924" s="10"/>
    </row>
    <row r="419925" spans="14:14">
      <c r="N419925" s="10"/>
    </row>
    <row r="419926" spans="14:14">
      <c r="N419926" s="10"/>
    </row>
    <row r="419927" spans="14:14">
      <c r="N419927" s="10"/>
    </row>
    <row r="419928" spans="14:14">
      <c r="N419928" s="10"/>
    </row>
    <row r="419929" spans="14:14">
      <c r="N419929" s="10"/>
    </row>
    <row r="419930" spans="14:14">
      <c r="N419930" s="10"/>
    </row>
    <row r="419931" spans="14:14">
      <c r="N419931" s="10"/>
    </row>
    <row r="419932" spans="14:14">
      <c r="N419932" s="10"/>
    </row>
    <row r="419933" spans="14:14">
      <c r="N419933" s="10"/>
    </row>
    <row r="419934" spans="14:14">
      <c r="N419934" s="10"/>
    </row>
    <row r="419935" spans="14:14">
      <c r="N419935" s="10"/>
    </row>
    <row r="419936" spans="14:14">
      <c r="N419936" s="10"/>
    </row>
    <row r="419937" spans="14:14">
      <c r="N419937" s="10"/>
    </row>
    <row r="419938" spans="14:14">
      <c r="N419938" s="10"/>
    </row>
    <row r="419939" spans="14:14">
      <c r="N419939" s="10"/>
    </row>
    <row r="419940" spans="14:14">
      <c r="N419940" s="10"/>
    </row>
    <row r="419941" spans="14:14">
      <c r="N419941" s="10"/>
    </row>
    <row r="419942" spans="14:14">
      <c r="N419942" s="10"/>
    </row>
    <row r="419943" spans="14:14">
      <c r="N419943" s="10"/>
    </row>
    <row r="419944" spans="14:14">
      <c r="N419944" s="10"/>
    </row>
    <row r="419945" spans="14:14">
      <c r="N419945" s="10"/>
    </row>
    <row r="419946" spans="14:14">
      <c r="N419946" s="10"/>
    </row>
    <row r="419947" spans="14:14">
      <c r="N419947" s="10"/>
    </row>
    <row r="419948" spans="14:14">
      <c r="N419948" s="10"/>
    </row>
    <row r="419949" spans="14:14">
      <c r="N419949" s="10"/>
    </row>
    <row r="419950" spans="14:14">
      <c r="N419950" s="10"/>
    </row>
    <row r="419951" spans="14:14">
      <c r="N419951" s="10"/>
    </row>
    <row r="419952" spans="14:14">
      <c r="N419952" s="10"/>
    </row>
    <row r="419953" spans="14:14">
      <c r="N419953" s="10"/>
    </row>
    <row r="419954" spans="14:14">
      <c r="N419954" s="10"/>
    </row>
    <row r="419955" spans="14:14">
      <c r="N419955" s="10"/>
    </row>
    <row r="419956" spans="14:14">
      <c r="N419956" s="10"/>
    </row>
    <row r="419957" spans="14:14">
      <c r="N419957" s="10"/>
    </row>
    <row r="419958" spans="14:14">
      <c r="N419958" s="10"/>
    </row>
    <row r="419959" spans="14:14">
      <c r="N419959" s="10"/>
    </row>
    <row r="419960" spans="14:14">
      <c r="N419960" s="10"/>
    </row>
    <row r="419961" spans="14:14">
      <c r="N419961" s="10"/>
    </row>
    <row r="419962" spans="14:14">
      <c r="N419962" s="10"/>
    </row>
    <row r="419963" spans="14:14">
      <c r="N419963" s="10"/>
    </row>
    <row r="419964" spans="14:14">
      <c r="N419964" s="10"/>
    </row>
    <row r="419965" spans="14:14">
      <c r="N419965" s="10"/>
    </row>
    <row r="419966" spans="14:14">
      <c r="N419966" s="10"/>
    </row>
    <row r="419967" spans="14:14">
      <c r="N419967" s="10"/>
    </row>
    <row r="419968" spans="14:14">
      <c r="N419968" s="10"/>
    </row>
    <row r="419969" spans="14:14">
      <c r="N419969" s="10"/>
    </row>
    <row r="419970" spans="14:14">
      <c r="N419970" s="10"/>
    </row>
    <row r="419971" spans="14:14">
      <c r="N419971" s="10"/>
    </row>
    <row r="419972" spans="14:14">
      <c r="N419972" s="10"/>
    </row>
    <row r="419973" spans="14:14">
      <c r="N419973" s="10"/>
    </row>
    <row r="419974" spans="14:14">
      <c r="N419974" s="10"/>
    </row>
    <row r="419975" spans="14:14">
      <c r="N419975" s="10"/>
    </row>
    <row r="419976" spans="14:14">
      <c r="N419976" s="10"/>
    </row>
    <row r="419977" spans="14:14">
      <c r="N419977" s="10"/>
    </row>
    <row r="419978" spans="14:14">
      <c r="N419978" s="10"/>
    </row>
    <row r="419979" spans="14:14">
      <c r="N419979" s="10"/>
    </row>
    <row r="419980" spans="14:14">
      <c r="N419980" s="10"/>
    </row>
    <row r="419981" spans="14:14">
      <c r="N419981" s="10"/>
    </row>
    <row r="419982" spans="14:14">
      <c r="N419982" s="10"/>
    </row>
    <row r="419983" spans="14:14">
      <c r="N419983" s="10"/>
    </row>
    <row r="419984" spans="14:14">
      <c r="N419984" s="10"/>
    </row>
    <row r="419985" spans="14:14">
      <c r="N419985" s="10"/>
    </row>
    <row r="419986" spans="14:14">
      <c r="N419986" s="10"/>
    </row>
    <row r="419987" spans="14:14">
      <c r="N419987" s="10"/>
    </row>
    <row r="419988" spans="14:14">
      <c r="N419988" s="10"/>
    </row>
    <row r="419989" spans="14:14">
      <c r="N419989" s="10"/>
    </row>
    <row r="419990" spans="14:14">
      <c r="N419990" s="10"/>
    </row>
    <row r="419991" spans="14:14">
      <c r="N419991" s="10"/>
    </row>
    <row r="419992" spans="14:14">
      <c r="N419992" s="10"/>
    </row>
    <row r="419993" spans="14:14">
      <c r="N419993" s="10"/>
    </row>
    <row r="419994" spans="14:14">
      <c r="N419994" s="10"/>
    </row>
    <row r="419995" spans="14:14">
      <c r="N419995" s="10"/>
    </row>
    <row r="419996" spans="14:14">
      <c r="N419996" s="10"/>
    </row>
    <row r="419997" spans="14:14">
      <c r="N419997" s="10"/>
    </row>
    <row r="419998" spans="14:14">
      <c r="N419998" s="10"/>
    </row>
    <row r="419999" spans="14:14">
      <c r="N419999" s="10"/>
    </row>
    <row r="420000" spans="14:14">
      <c r="N420000" s="10"/>
    </row>
    <row r="420001" spans="14:14">
      <c r="N420001" s="10"/>
    </row>
    <row r="420002" spans="14:14">
      <c r="N420002" s="10"/>
    </row>
    <row r="420003" spans="14:14">
      <c r="N420003" s="10"/>
    </row>
    <row r="420004" spans="14:14">
      <c r="N420004" s="10"/>
    </row>
    <row r="420005" spans="14:14">
      <c r="N420005" s="10"/>
    </row>
    <row r="420006" spans="14:14">
      <c r="N420006" s="10"/>
    </row>
    <row r="420007" spans="14:14">
      <c r="N420007" s="10"/>
    </row>
    <row r="420008" spans="14:14">
      <c r="N420008" s="10"/>
    </row>
    <row r="420009" spans="14:14">
      <c r="N420009" s="10"/>
    </row>
    <row r="420010" spans="14:14">
      <c r="N420010" s="10"/>
    </row>
    <row r="420011" spans="14:14">
      <c r="N420011" s="10"/>
    </row>
    <row r="420012" spans="14:14">
      <c r="N420012" s="10"/>
    </row>
    <row r="420013" spans="14:14">
      <c r="N420013" s="10"/>
    </row>
    <row r="420014" spans="14:14">
      <c r="N420014" s="10"/>
    </row>
    <row r="420015" spans="14:14">
      <c r="N420015" s="10"/>
    </row>
    <row r="420016" spans="14:14">
      <c r="N420016" s="10"/>
    </row>
    <row r="420017" spans="14:14">
      <c r="N420017" s="10"/>
    </row>
    <row r="420018" spans="14:14">
      <c r="N420018" s="10"/>
    </row>
    <row r="420019" spans="14:14">
      <c r="N420019" s="10"/>
    </row>
    <row r="420020" spans="14:14">
      <c r="N420020" s="10"/>
    </row>
    <row r="420021" spans="14:14">
      <c r="N420021" s="10"/>
    </row>
    <row r="420022" spans="14:14">
      <c r="N420022" s="10"/>
    </row>
    <row r="420023" spans="14:14">
      <c r="N420023" s="10"/>
    </row>
    <row r="420024" spans="14:14">
      <c r="N420024" s="10"/>
    </row>
    <row r="420025" spans="14:14">
      <c r="N420025" s="10"/>
    </row>
    <row r="420026" spans="14:14">
      <c r="N420026" s="10"/>
    </row>
    <row r="420027" spans="14:14">
      <c r="N420027" s="10"/>
    </row>
    <row r="420028" spans="14:14">
      <c r="N420028" s="10"/>
    </row>
    <row r="420029" spans="14:14">
      <c r="N420029" s="10"/>
    </row>
    <row r="420030" spans="14:14">
      <c r="N420030" s="10"/>
    </row>
    <row r="420031" spans="14:14">
      <c r="N420031" s="10"/>
    </row>
    <row r="420032" spans="14:14">
      <c r="N420032" s="10"/>
    </row>
    <row r="420033" spans="14:14">
      <c r="N420033" s="10"/>
    </row>
    <row r="420034" spans="14:14">
      <c r="N420034" s="10"/>
    </row>
    <row r="420035" spans="14:14">
      <c r="N420035" s="10"/>
    </row>
    <row r="420036" spans="14:14">
      <c r="N420036" s="10"/>
    </row>
    <row r="420037" spans="14:14">
      <c r="N420037" s="10"/>
    </row>
    <row r="420038" spans="14:14">
      <c r="N420038" s="10"/>
    </row>
    <row r="420039" spans="14:14">
      <c r="N420039" s="10"/>
    </row>
    <row r="420040" spans="14:14">
      <c r="N420040" s="10"/>
    </row>
    <row r="420041" spans="14:14">
      <c r="N420041" s="10"/>
    </row>
    <row r="420042" spans="14:14">
      <c r="N420042" s="10"/>
    </row>
    <row r="420043" spans="14:14">
      <c r="N420043" s="10"/>
    </row>
    <row r="420044" spans="14:14">
      <c r="N420044" s="10"/>
    </row>
    <row r="420045" spans="14:14">
      <c r="N420045" s="10"/>
    </row>
    <row r="420046" spans="14:14">
      <c r="N420046" s="10"/>
    </row>
    <row r="420047" spans="14:14">
      <c r="N420047" s="10"/>
    </row>
    <row r="420048" spans="14:14">
      <c r="N420048" s="10"/>
    </row>
    <row r="420049" spans="14:14">
      <c r="N420049" s="10"/>
    </row>
    <row r="420050" spans="14:14">
      <c r="N420050" s="10"/>
    </row>
    <row r="420051" spans="14:14">
      <c r="N420051" s="10"/>
    </row>
    <row r="420052" spans="14:14">
      <c r="N420052" s="10"/>
    </row>
    <row r="420053" spans="14:14">
      <c r="N420053" s="10"/>
    </row>
    <row r="420054" spans="14:14">
      <c r="N420054" s="10"/>
    </row>
    <row r="420055" spans="14:14">
      <c r="N420055" s="10"/>
    </row>
    <row r="420056" spans="14:14">
      <c r="N420056" s="10"/>
    </row>
    <row r="420057" spans="14:14">
      <c r="N420057" s="10"/>
    </row>
    <row r="420058" spans="14:14">
      <c r="N420058" s="10"/>
    </row>
    <row r="420059" spans="14:14">
      <c r="N420059" s="10"/>
    </row>
    <row r="420060" spans="14:14">
      <c r="N420060" s="10"/>
    </row>
    <row r="420061" spans="14:14">
      <c r="N420061" s="10"/>
    </row>
    <row r="420062" spans="14:14">
      <c r="N420062" s="10"/>
    </row>
    <row r="420063" spans="14:14">
      <c r="N420063" s="10"/>
    </row>
    <row r="420064" spans="14:14">
      <c r="N420064" s="10"/>
    </row>
    <row r="420065" spans="14:14">
      <c r="N420065" s="10"/>
    </row>
    <row r="420066" spans="14:14">
      <c r="N420066" s="10"/>
    </row>
    <row r="420067" spans="14:14">
      <c r="N420067" s="10"/>
    </row>
    <row r="420068" spans="14:14">
      <c r="N420068" s="10"/>
    </row>
    <row r="420069" spans="14:14">
      <c r="N420069" s="10"/>
    </row>
    <row r="420070" spans="14:14">
      <c r="N420070" s="10"/>
    </row>
    <row r="420071" spans="14:14">
      <c r="N420071" s="10"/>
    </row>
    <row r="420072" spans="14:14">
      <c r="N420072" s="10"/>
    </row>
    <row r="420073" spans="14:14">
      <c r="N420073" s="10"/>
    </row>
    <row r="420074" spans="14:14">
      <c r="N420074" s="10"/>
    </row>
    <row r="420075" spans="14:14">
      <c r="N420075" s="10"/>
    </row>
    <row r="420076" spans="14:14">
      <c r="N420076" s="10"/>
    </row>
    <row r="420077" spans="14:14">
      <c r="N420077" s="10"/>
    </row>
    <row r="420078" spans="14:14">
      <c r="N420078" s="10"/>
    </row>
    <row r="420079" spans="14:14">
      <c r="N420079" s="10"/>
    </row>
    <row r="420080" spans="14:14">
      <c r="N420080" s="10"/>
    </row>
    <row r="420081" spans="14:14">
      <c r="N420081" s="10"/>
    </row>
    <row r="420082" spans="14:14">
      <c r="N420082" s="10"/>
    </row>
    <row r="420083" spans="14:14">
      <c r="N420083" s="10"/>
    </row>
    <row r="420084" spans="14:14">
      <c r="N420084" s="10"/>
    </row>
    <row r="420085" spans="14:14">
      <c r="N420085" s="10"/>
    </row>
    <row r="420086" spans="14:14">
      <c r="N420086" s="10"/>
    </row>
    <row r="420087" spans="14:14">
      <c r="N420087" s="10"/>
    </row>
    <row r="420088" spans="14:14">
      <c r="N420088" s="10"/>
    </row>
    <row r="420089" spans="14:14">
      <c r="N420089" s="10"/>
    </row>
    <row r="420090" spans="14:14">
      <c r="N420090" s="10"/>
    </row>
    <row r="420091" spans="14:14">
      <c r="N420091" s="10"/>
    </row>
    <row r="420092" spans="14:14">
      <c r="N420092" s="10"/>
    </row>
    <row r="420093" spans="14:14">
      <c r="N420093" s="10"/>
    </row>
    <row r="420094" spans="14:14">
      <c r="N420094" s="10"/>
    </row>
    <row r="420095" spans="14:14">
      <c r="N420095" s="10"/>
    </row>
    <row r="420096" spans="14:14">
      <c r="N420096" s="10"/>
    </row>
    <row r="420097" spans="14:14">
      <c r="N420097" s="10"/>
    </row>
    <row r="420098" spans="14:14">
      <c r="N420098" s="10"/>
    </row>
    <row r="420099" spans="14:14">
      <c r="N420099" s="10"/>
    </row>
    <row r="420100" spans="14:14">
      <c r="N420100" s="10"/>
    </row>
    <row r="420101" spans="14:14">
      <c r="N420101" s="10"/>
    </row>
    <row r="420102" spans="14:14">
      <c r="N420102" s="10"/>
    </row>
    <row r="420103" spans="14:14">
      <c r="N420103" s="10"/>
    </row>
    <row r="420104" spans="14:14">
      <c r="N420104" s="10"/>
    </row>
    <row r="420105" spans="14:14">
      <c r="N420105" s="10"/>
    </row>
    <row r="420106" spans="14:14">
      <c r="N420106" s="10"/>
    </row>
    <row r="420107" spans="14:14">
      <c r="N420107" s="10"/>
    </row>
    <row r="420108" spans="14:14">
      <c r="N420108" s="10"/>
    </row>
    <row r="420109" spans="14:14">
      <c r="N420109" s="10"/>
    </row>
    <row r="420110" spans="14:14">
      <c r="N420110" s="10"/>
    </row>
    <row r="420111" spans="14:14">
      <c r="N420111" s="10"/>
    </row>
    <row r="420112" spans="14:14">
      <c r="N420112" s="10"/>
    </row>
    <row r="420113" spans="14:14">
      <c r="N420113" s="10"/>
    </row>
    <row r="420114" spans="14:14">
      <c r="N420114" s="10"/>
    </row>
    <row r="420115" spans="14:14">
      <c r="N420115" s="10"/>
    </row>
    <row r="420116" spans="14:14">
      <c r="N420116" s="10"/>
    </row>
    <row r="420117" spans="14:14">
      <c r="N420117" s="10"/>
    </row>
    <row r="420118" spans="14:14">
      <c r="N420118" s="10"/>
    </row>
    <row r="420119" spans="14:14">
      <c r="N420119" s="10"/>
    </row>
    <row r="420120" spans="14:14">
      <c r="N420120" s="10"/>
    </row>
    <row r="420121" spans="14:14">
      <c r="N420121" s="10"/>
    </row>
    <row r="420122" spans="14:14">
      <c r="N420122" s="10"/>
    </row>
    <row r="420123" spans="14:14">
      <c r="N420123" s="10"/>
    </row>
    <row r="420124" spans="14:14">
      <c r="N420124" s="10"/>
    </row>
    <row r="420125" spans="14:14">
      <c r="N420125" s="10"/>
    </row>
    <row r="420126" spans="14:14">
      <c r="N420126" s="10"/>
    </row>
    <row r="420127" spans="14:14">
      <c r="N420127" s="10"/>
    </row>
    <row r="420128" spans="14:14">
      <c r="N420128" s="10"/>
    </row>
    <row r="420129" spans="14:14">
      <c r="N420129" s="10"/>
    </row>
    <row r="420130" spans="14:14">
      <c r="N420130" s="10"/>
    </row>
    <row r="420131" spans="14:14">
      <c r="N420131" s="10"/>
    </row>
    <row r="420132" spans="14:14">
      <c r="N420132" s="10"/>
    </row>
    <row r="420133" spans="14:14">
      <c r="N420133" s="10"/>
    </row>
    <row r="420134" spans="14:14">
      <c r="N420134" s="10"/>
    </row>
    <row r="420135" spans="14:14">
      <c r="N420135" s="10"/>
    </row>
    <row r="420136" spans="14:14">
      <c r="N420136" s="10"/>
    </row>
    <row r="420137" spans="14:14">
      <c r="N420137" s="10"/>
    </row>
    <row r="420138" spans="14:14">
      <c r="N420138" s="10"/>
    </row>
    <row r="420139" spans="14:14">
      <c r="N420139" s="10"/>
    </row>
    <row r="420140" spans="14:14">
      <c r="N420140" s="10"/>
    </row>
    <row r="420141" spans="14:14">
      <c r="N420141" s="10"/>
    </row>
    <row r="420142" spans="14:14">
      <c r="N420142" s="10"/>
    </row>
    <row r="420143" spans="14:14">
      <c r="N420143" s="10"/>
    </row>
    <row r="420144" spans="14:14">
      <c r="N420144" s="10"/>
    </row>
    <row r="420145" spans="14:14">
      <c r="N420145" s="10"/>
    </row>
    <row r="420146" spans="14:14">
      <c r="N420146" s="10"/>
    </row>
    <row r="420147" spans="14:14">
      <c r="N420147" s="10"/>
    </row>
    <row r="420148" spans="14:14">
      <c r="N420148" s="10"/>
    </row>
    <row r="420149" spans="14:14">
      <c r="N420149" s="10"/>
    </row>
    <row r="420150" spans="14:14">
      <c r="N420150" s="10"/>
    </row>
    <row r="420151" spans="14:14">
      <c r="N420151" s="10"/>
    </row>
    <row r="420152" spans="14:14">
      <c r="N420152" s="10"/>
    </row>
    <row r="420153" spans="14:14">
      <c r="N420153" s="10"/>
    </row>
    <row r="420154" spans="14:14">
      <c r="N420154" s="10"/>
    </row>
    <row r="420155" spans="14:14">
      <c r="N420155" s="10"/>
    </row>
    <row r="420156" spans="14:14">
      <c r="N420156" s="10"/>
    </row>
    <row r="420157" spans="14:14">
      <c r="N420157" s="10"/>
    </row>
    <row r="420158" spans="14:14">
      <c r="N420158" s="10"/>
    </row>
    <row r="420159" spans="14:14">
      <c r="N420159" s="10"/>
    </row>
    <row r="420160" spans="14:14">
      <c r="N420160" s="10"/>
    </row>
    <row r="420161" spans="14:14">
      <c r="N420161" s="10"/>
    </row>
    <row r="420162" spans="14:14">
      <c r="N420162" s="10"/>
    </row>
    <row r="420163" spans="14:14">
      <c r="N420163" s="10"/>
    </row>
    <row r="420164" spans="14:14">
      <c r="N420164" s="10"/>
    </row>
    <row r="420165" spans="14:14">
      <c r="N420165" s="10"/>
    </row>
    <row r="420166" spans="14:14">
      <c r="N420166" s="10"/>
    </row>
    <row r="420167" spans="14:14">
      <c r="N420167" s="10"/>
    </row>
    <row r="420168" spans="14:14">
      <c r="N420168" s="10"/>
    </row>
    <row r="420169" spans="14:14">
      <c r="N420169" s="10"/>
    </row>
    <row r="420170" spans="14:14">
      <c r="N420170" s="10"/>
    </row>
    <row r="420171" spans="14:14">
      <c r="N420171" s="10"/>
    </row>
    <row r="420172" spans="14:14">
      <c r="N420172" s="10"/>
    </row>
    <row r="420173" spans="14:14">
      <c r="N420173" s="10"/>
    </row>
    <row r="420174" spans="14:14">
      <c r="N420174" s="10"/>
    </row>
    <row r="420175" spans="14:14">
      <c r="N420175" s="10"/>
    </row>
    <row r="420176" spans="14:14">
      <c r="N420176" s="10"/>
    </row>
    <row r="420177" spans="14:14">
      <c r="N420177" s="10"/>
    </row>
    <row r="420178" spans="14:14">
      <c r="N420178" s="10"/>
    </row>
    <row r="420179" spans="14:14">
      <c r="N420179" s="10"/>
    </row>
    <row r="420180" spans="14:14">
      <c r="N420180" s="10"/>
    </row>
    <row r="420181" spans="14:14">
      <c r="N420181" s="10"/>
    </row>
    <row r="420182" spans="14:14">
      <c r="N420182" s="10"/>
    </row>
    <row r="420183" spans="14:14">
      <c r="N420183" s="10"/>
    </row>
    <row r="420184" spans="14:14">
      <c r="N420184" s="10"/>
    </row>
    <row r="420185" spans="14:14">
      <c r="N420185" s="10"/>
    </row>
    <row r="420186" spans="14:14">
      <c r="N420186" s="10"/>
    </row>
    <row r="420187" spans="14:14">
      <c r="N420187" s="10"/>
    </row>
    <row r="420188" spans="14:14">
      <c r="N420188" s="10"/>
    </row>
    <row r="420189" spans="14:14">
      <c r="N420189" s="10"/>
    </row>
    <row r="420190" spans="14:14">
      <c r="N420190" s="10"/>
    </row>
    <row r="420191" spans="14:14">
      <c r="N420191" s="10"/>
    </row>
    <row r="420192" spans="14:14">
      <c r="N420192" s="10"/>
    </row>
    <row r="420193" spans="14:14">
      <c r="N420193" s="10"/>
    </row>
    <row r="420194" spans="14:14">
      <c r="N420194" s="10"/>
    </row>
    <row r="420195" spans="14:14">
      <c r="N420195" s="10"/>
    </row>
    <row r="420196" spans="14:14">
      <c r="N420196" s="10"/>
    </row>
    <row r="420197" spans="14:14">
      <c r="N420197" s="10"/>
    </row>
    <row r="420198" spans="14:14">
      <c r="N420198" s="10"/>
    </row>
    <row r="420199" spans="14:14">
      <c r="N420199" s="10"/>
    </row>
    <row r="420200" spans="14:14">
      <c r="N420200" s="10"/>
    </row>
    <row r="420201" spans="14:14">
      <c r="N420201" s="10"/>
    </row>
    <row r="420202" spans="14:14">
      <c r="N420202" s="10"/>
    </row>
    <row r="420203" spans="14:14">
      <c r="N420203" s="10"/>
    </row>
    <row r="420204" spans="14:14">
      <c r="N420204" s="10"/>
    </row>
    <row r="420205" spans="14:14">
      <c r="N420205" s="10"/>
    </row>
    <row r="420206" spans="14:14">
      <c r="N420206" s="10"/>
    </row>
    <row r="420207" spans="14:14">
      <c r="N420207" s="10"/>
    </row>
    <row r="420208" spans="14:14">
      <c r="N420208" s="10"/>
    </row>
    <row r="420209" spans="14:14">
      <c r="N420209" s="10"/>
    </row>
    <row r="420210" spans="14:14">
      <c r="N420210" s="10"/>
    </row>
    <row r="420211" spans="14:14">
      <c r="N420211" s="10"/>
    </row>
    <row r="420212" spans="14:14">
      <c r="N420212" s="10"/>
    </row>
    <row r="420213" spans="14:14">
      <c r="N420213" s="10"/>
    </row>
    <row r="420214" spans="14:14">
      <c r="N420214" s="10"/>
    </row>
    <row r="420215" spans="14:14">
      <c r="N420215" s="10"/>
    </row>
    <row r="420216" spans="14:14">
      <c r="N420216" s="10"/>
    </row>
    <row r="420217" spans="14:14">
      <c r="N420217" s="10"/>
    </row>
    <row r="420218" spans="14:14">
      <c r="N420218" s="10"/>
    </row>
    <row r="420219" spans="14:14">
      <c r="N420219" s="10"/>
    </row>
    <row r="420220" spans="14:14">
      <c r="N420220" s="10"/>
    </row>
    <row r="420221" spans="14:14">
      <c r="N420221" s="10"/>
    </row>
    <row r="420222" spans="14:14">
      <c r="N420222" s="10"/>
    </row>
    <row r="420223" spans="14:14">
      <c r="N420223" s="10"/>
    </row>
    <row r="420224" spans="14:14">
      <c r="N420224" s="10"/>
    </row>
    <row r="420225" spans="14:14">
      <c r="N420225" s="10"/>
    </row>
    <row r="420226" spans="14:14">
      <c r="N420226" s="10"/>
    </row>
    <row r="420227" spans="14:14">
      <c r="N420227" s="10"/>
    </row>
    <row r="420228" spans="14:14">
      <c r="N420228" s="10"/>
    </row>
    <row r="420229" spans="14:14">
      <c r="N420229" s="10"/>
    </row>
    <row r="420230" spans="14:14">
      <c r="N420230" s="10"/>
    </row>
    <row r="420231" spans="14:14">
      <c r="N420231" s="10"/>
    </row>
    <row r="420232" spans="14:14">
      <c r="N420232" s="10"/>
    </row>
    <row r="420233" spans="14:14">
      <c r="N420233" s="10"/>
    </row>
    <row r="420234" spans="14:14">
      <c r="N420234" s="10"/>
    </row>
    <row r="420235" spans="14:14">
      <c r="N420235" s="10"/>
    </row>
    <row r="420236" spans="14:14">
      <c r="N420236" s="10"/>
    </row>
    <row r="420237" spans="14:14">
      <c r="N420237" s="10"/>
    </row>
    <row r="420238" spans="14:14">
      <c r="N420238" s="10"/>
    </row>
    <row r="420239" spans="14:14">
      <c r="N420239" s="10"/>
    </row>
    <row r="420240" spans="14:14">
      <c r="N420240" s="10"/>
    </row>
    <row r="420241" spans="14:14">
      <c r="N420241" s="10"/>
    </row>
    <row r="420242" spans="14:14">
      <c r="N420242" s="10"/>
    </row>
    <row r="420243" spans="14:14">
      <c r="N420243" s="10"/>
    </row>
    <row r="420244" spans="14:14">
      <c r="N420244" s="10"/>
    </row>
    <row r="420245" spans="14:14">
      <c r="N420245" s="10"/>
    </row>
    <row r="420246" spans="14:14">
      <c r="N420246" s="10"/>
    </row>
    <row r="420247" spans="14:14">
      <c r="N420247" s="10"/>
    </row>
    <row r="420248" spans="14:14">
      <c r="N420248" s="10"/>
    </row>
    <row r="420249" spans="14:14">
      <c r="N420249" s="10"/>
    </row>
    <row r="420250" spans="14:14">
      <c r="N420250" s="10"/>
    </row>
    <row r="420251" spans="14:14">
      <c r="N420251" s="10"/>
    </row>
    <row r="420252" spans="14:14">
      <c r="N420252" s="10"/>
    </row>
    <row r="420253" spans="14:14">
      <c r="N420253" s="10"/>
    </row>
    <row r="420254" spans="14:14">
      <c r="N420254" s="10"/>
    </row>
    <row r="420255" spans="14:14">
      <c r="N420255" s="10"/>
    </row>
    <row r="420256" spans="14:14">
      <c r="N420256" s="10"/>
    </row>
    <row r="420257" spans="14:14">
      <c r="N420257" s="10"/>
    </row>
    <row r="420258" spans="14:14">
      <c r="N420258" s="10"/>
    </row>
    <row r="420259" spans="14:14">
      <c r="N420259" s="10"/>
    </row>
    <row r="420260" spans="14:14">
      <c r="N420260" s="10"/>
    </row>
    <row r="420261" spans="14:14">
      <c r="N420261" s="10"/>
    </row>
    <row r="420262" spans="14:14">
      <c r="N420262" s="10"/>
    </row>
    <row r="420263" spans="14:14">
      <c r="N420263" s="10"/>
    </row>
    <row r="420264" spans="14:14">
      <c r="N420264" s="10"/>
    </row>
    <row r="420265" spans="14:14">
      <c r="N420265" s="10"/>
    </row>
    <row r="420266" spans="14:14">
      <c r="N420266" s="10"/>
    </row>
    <row r="420267" spans="14:14">
      <c r="N420267" s="10"/>
    </row>
    <row r="420268" spans="14:14">
      <c r="N420268" s="10"/>
    </row>
    <row r="420269" spans="14:14">
      <c r="N420269" s="10"/>
    </row>
    <row r="420270" spans="14:14">
      <c r="N420270" s="10"/>
    </row>
    <row r="420271" spans="14:14">
      <c r="N420271" s="10"/>
    </row>
    <row r="420272" spans="14:14">
      <c r="N420272" s="10"/>
    </row>
    <row r="420273" spans="14:14">
      <c r="N420273" s="10"/>
    </row>
    <row r="420274" spans="14:14">
      <c r="N420274" s="10"/>
    </row>
    <row r="420275" spans="14:14">
      <c r="N420275" s="10"/>
    </row>
    <row r="420276" spans="14:14">
      <c r="N420276" s="10"/>
    </row>
    <row r="420277" spans="14:14">
      <c r="N420277" s="10"/>
    </row>
    <row r="420278" spans="14:14">
      <c r="N420278" s="10"/>
    </row>
    <row r="420279" spans="14:14">
      <c r="N420279" s="10"/>
    </row>
    <row r="420280" spans="14:14">
      <c r="N420280" s="10"/>
    </row>
    <row r="420281" spans="14:14">
      <c r="N420281" s="10"/>
    </row>
    <row r="420282" spans="14:14">
      <c r="N420282" s="10"/>
    </row>
    <row r="420283" spans="14:14">
      <c r="N420283" s="10"/>
    </row>
    <row r="420284" spans="14:14">
      <c r="N420284" s="10"/>
    </row>
    <row r="420285" spans="14:14">
      <c r="N420285" s="10"/>
    </row>
    <row r="420286" spans="14:14">
      <c r="N420286" s="10"/>
    </row>
    <row r="420287" spans="14:14">
      <c r="N420287" s="10"/>
    </row>
    <row r="420288" spans="14:14">
      <c r="N420288" s="10"/>
    </row>
    <row r="420289" spans="14:14">
      <c r="N420289" s="10"/>
    </row>
    <row r="420290" spans="14:14">
      <c r="N420290" s="10"/>
    </row>
    <row r="420291" spans="14:14">
      <c r="N420291" s="10"/>
    </row>
    <row r="420292" spans="14:14">
      <c r="N420292" s="10"/>
    </row>
    <row r="420293" spans="14:14">
      <c r="N420293" s="10"/>
    </row>
    <row r="420294" spans="14:14">
      <c r="N420294" s="10"/>
    </row>
    <row r="420295" spans="14:14">
      <c r="N420295" s="10"/>
    </row>
    <row r="420296" spans="14:14">
      <c r="N420296" s="10"/>
    </row>
    <row r="420297" spans="14:14">
      <c r="N420297" s="10"/>
    </row>
    <row r="420298" spans="14:14">
      <c r="N420298" s="10"/>
    </row>
    <row r="420299" spans="14:14">
      <c r="N420299" s="10"/>
    </row>
    <row r="420300" spans="14:14">
      <c r="N420300" s="10"/>
    </row>
    <row r="420301" spans="14:14">
      <c r="N420301" s="10"/>
    </row>
    <row r="420302" spans="14:14">
      <c r="N420302" s="10"/>
    </row>
    <row r="420303" spans="14:14">
      <c r="N420303" s="10"/>
    </row>
    <row r="420304" spans="14:14">
      <c r="N420304" s="10"/>
    </row>
    <row r="420305" spans="14:14">
      <c r="N420305" s="10"/>
    </row>
    <row r="420306" spans="14:14">
      <c r="N420306" s="10"/>
    </row>
    <row r="420307" spans="14:14">
      <c r="N420307" s="10"/>
    </row>
    <row r="420308" spans="14:14">
      <c r="N420308" s="10"/>
    </row>
    <row r="420309" spans="14:14">
      <c r="N420309" s="10"/>
    </row>
    <row r="420310" spans="14:14">
      <c r="N420310" s="10"/>
    </row>
    <row r="420311" spans="14:14">
      <c r="N420311" s="10"/>
    </row>
    <row r="420312" spans="14:14">
      <c r="N420312" s="10"/>
    </row>
    <row r="420313" spans="14:14">
      <c r="N420313" s="10"/>
    </row>
    <row r="420314" spans="14:14">
      <c r="N420314" s="10"/>
    </row>
    <row r="420315" spans="14:14">
      <c r="N420315" s="10"/>
    </row>
    <row r="420316" spans="14:14">
      <c r="N420316" s="10"/>
    </row>
    <row r="420317" spans="14:14">
      <c r="N420317" s="10"/>
    </row>
    <row r="420318" spans="14:14">
      <c r="N420318" s="10"/>
    </row>
    <row r="420319" spans="14:14">
      <c r="N420319" s="10"/>
    </row>
    <row r="420320" spans="14:14">
      <c r="N420320" s="10"/>
    </row>
    <row r="420321" spans="14:14">
      <c r="N420321" s="10"/>
    </row>
    <row r="420322" spans="14:14">
      <c r="N420322" s="10"/>
    </row>
    <row r="420323" spans="14:14">
      <c r="N420323" s="10"/>
    </row>
    <row r="420324" spans="14:14">
      <c r="N420324" s="10"/>
    </row>
    <row r="420325" spans="14:14">
      <c r="N420325" s="10"/>
    </row>
    <row r="420326" spans="14:14">
      <c r="N420326" s="10"/>
    </row>
    <row r="420327" spans="14:14">
      <c r="N420327" s="10"/>
    </row>
    <row r="420328" spans="14:14">
      <c r="N420328" s="10"/>
    </row>
    <row r="420329" spans="14:14">
      <c r="N420329" s="10"/>
    </row>
    <row r="420330" spans="14:14">
      <c r="N420330" s="10"/>
    </row>
    <row r="420331" spans="14:14">
      <c r="N420331" s="10"/>
    </row>
    <row r="420332" spans="14:14">
      <c r="N420332" s="10"/>
    </row>
    <row r="420333" spans="14:14">
      <c r="N420333" s="10"/>
    </row>
    <row r="420334" spans="14:14">
      <c r="N420334" s="10"/>
    </row>
    <row r="420335" spans="14:14">
      <c r="N420335" s="10"/>
    </row>
    <row r="420336" spans="14:14">
      <c r="N420336" s="10"/>
    </row>
    <row r="420337" spans="14:14">
      <c r="N420337" s="10"/>
    </row>
    <row r="420338" spans="14:14">
      <c r="N420338" s="10"/>
    </row>
    <row r="420339" spans="14:14">
      <c r="N420339" s="10"/>
    </row>
    <row r="420340" spans="14:14">
      <c r="N420340" s="10"/>
    </row>
    <row r="420341" spans="14:14">
      <c r="N420341" s="10"/>
    </row>
    <row r="420342" spans="14:14">
      <c r="N420342" s="10"/>
    </row>
    <row r="420343" spans="14:14">
      <c r="N420343" s="10"/>
    </row>
    <row r="420344" spans="14:14">
      <c r="N420344" s="10"/>
    </row>
    <row r="420345" spans="14:14">
      <c r="N420345" s="10"/>
    </row>
    <row r="420346" spans="14:14">
      <c r="N420346" s="10"/>
    </row>
    <row r="420347" spans="14:14">
      <c r="N420347" s="10"/>
    </row>
    <row r="420348" spans="14:14">
      <c r="N420348" s="10"/>
    </row>
    <row r="420349" spans="14:14">
      <c r="N420349" s="10"/>
    </row>
    <row r="420350" spans="14:14">
      <c r="N420350" s="10"/>
    </row>
    <row r="420351" spans="14:14">
      <c r="N420351" s="10"/>
    </row>
    <row r="420352" spans="14:14">
      <c r="N420352" s="10"/>
    </row>
    <row r="420353" spans="14:14">
      <c r="N420353" s="10"/>
    </row>
    <row r="420354" spans="14:14">
      <c r="N420354" s="10"/>
    </row>
    <row r="420355" spans="14:14">
      <c r="N420355" s="10"/>
    </row>
    <row r="420356" spans="14:14">
      <c r="N420356" s="10"/>
    </row>
    <row r="420357" spans="14:14">
      <c r="N420357" s="10"/>
    </row>
    <row r="420358" spans="14:14">
      <c r="N420358" s="10"/>
    </row>
    <row r="420359" spans="14:14">
      <c r="N420359" s="10"/>
    </row>
    <row r="420360" spans="14:14">
      <c r="N420360" s="10"/>
    </row>
    <row r="420361" spans="14:14">
      <c r="N420361" s="10"/>
    </row>
    <row r="420362" spans="14:14">
      <c r="N420362" s="10"/>
    </row>
    <row r="420363" spans="14:14">
      <c r="N420363" s="10"/>
    </row>
    <row r="420364" spans="14:14">
      <c r="N420364" s="10"/>
    </row>
    <row r="420365" spans="14:14">
      <c r="N420365" s="10"/>
    </row>
    <row r="420366" spans="14:14">
      <c r="N420366" s="10"/>
    </row>
    <row r="420367" spans="14:14">
      <c r="N420367" s="10"/>
    </row>
    <row r="420368" spans="14:14">
      <c r="N420368" s="10"/>
    </row>
    <row r="420369" spans="14:14">
      <c r="N420369" s="10"/>
    </row>
    <row r="420370" spans="14:14">
      <c r="N420370" s="10"/>
    </row>
    <row r="420371" spans="14:14">
      <c r="N420371" s="10"/>
    </row>
    <row r="420372" spans="14:14">
      <c r="N420372" s="10"/>
    </row>
    <row r="420373" spans="14:14">
      <c r="N420373" s="10"/>
    </row>
    <row r="420374" spans="14:14">
      <c r="N420374" s="10"/>
    </row>
    <row r="420375" spans="14:14">
      <c r="N420375" s="10"/>
    </row>
    <row r="420376" spans="14:14">
      <c r="N420376" s="10"/>
    </row>
    <row r="420377" spans="14:14">
      <c r="N420377" s="10"/>
    </row>
    <row r="420378" spans="14:14">
      <c r="N420378" s="10"/>
    </row>
    <row r="420379" spans="14:14">
      <c r="N420379" s="10"/>
    </row>
    <row r="420380" spans="14:14">
      <c r="N420380" s="10"/>
    </row>
    <row r="420381" spans="14:14">
      <c r="N420381" s="10"/>
    </row>
    <row r="420382" spans="14:14">
      <c r="N420382" s="10"/>
    </row>
    <row r="420383" spans="14:14">
      <c r="N420383" s="10"/>
    </row>
    <row r="420384" spans="14:14">
      <c r="N420384" s="10"/>
    </row>
    <row r="420385" spans="14:14">
      <c r="N420385" s="10"/>
    </row>
    <row r="420386" spans="14:14">
      <c r="N420386" s="10"/>
    </row>
    <row r="420387" spans="14:14">
      <c r="N420387" s="10"/>
    </row>
    <row r="420388" spans="14:14">
      <c r="N420388" s="10"/>
    </row>
    <row r="420389" spans="14:14">
      <c r="N420389" s="10"/>
    </row>
    <row r="420390" spans="14:14">
      <c r="N420390" s="10"/>
    </row>
    <row r="420391" spans="14:14">
      <c r="N420391" s="10"/>
    </row>
    <row r="420392" spans="14:14">
      <c r="N420392" s="10"/>
    </row>
    <row r="420393" spans="14:14">
      <c r="N420393" s="10"/>
    </row>
    <row r="420394" spans="14:14">
      <c r="N420394" s="10"/>
    </row>
    <row r="420395" spans="14:14">
      <c r="N420395" s="10"/>
    </row>
    <row r="420396" spans="14:14">
      <c r="N420396" s="10"/>
    </row>
    <row r="420397" spans="14:14">
      <c r="N420397" s="10"/>
    </row>
    <row r="420398" spans="14:14">
      <c r="N420398" s="10"/>
    </row>
    <row r="420399" spans="14:14">
      <c r="N420399" s="10"/>
    </row>
    <row r="420400" spans="14:14">
      <c r="N420400" s="10"/>
    </row>
    <row r="420401" spans="14:14">
      <c r="N420401" s="10"/>
    </row>
    <row r="420402" spans="14:14">
      <c r="N420402" s="10"/>
    </row>
    <row r="420403" spans="14:14">
      <c r="N420403" s="10"/>
    </row>
    <row r="420404" spans="14:14">
      <c r="N420404" s="10"/>
    </row>
    <row r="420405" spans="14:14">
      <c r="N420405" s="10"/>
    </row>
    <row r="420406" spans="14:14">
      <c r="N420406" s="10"/>
    </row>
    <row r="420407" spans="14:14">
      <c r="N420407" s="10"/>
    </row>
    <row r="420408" spans="14:14">
      <c r="N420408" s="10"/>
    </row>
    <row r="420409" spans="14:14">
      <c r="N420409" s="10"/>
    </row>
    <row r="420410" spans="14:14">
      <c r="N420410" s="10"/>
    </row>
    <row r="420411" spans="14:14">
      <c r="N420411" s="10"/>
    </row>
    <row r="420412" spans="14:14">
      <c r="N420412" s="10"/>
    </row>
    <row r="420413" spans="14:14">
      <c r="N420413" s="10"/>
    </row>
    <row r="420414" spans="14:14">
      <c r="N420414" s="10"/>
    </row>
    <row r="420415" spans="14:14">
      <c r="N420415" s="10"/>
    </row>
    <row r="420416" spans="14:14">
      <c r="N420416" s="10"/>
    </row>
    <row r="420417" spans="14:14">
      <c r="N420417" s="10"/>
    </row>
    <row r="420418" spans="14:14">
      <c r="N420418" s="10"/>
    </row>
    <row r="420419" spans="14:14">
      <c r="N420419" s="10"/>
    </row>
    <row r="420420" spans="14:14">
      <c r="N420420" s="10"/>
    </row>
    <row r="420421" spans="14:14">
      <c r="N420421" s="10"/>
    </row>
    <row r="420422" spans="14:14">
      <c r="N420422" s="10"/>
    </row>
    <row r="420423" spans="14:14">
      <c r="N420423" s="10"/>
    </row>
    <row r="420424" spans="14:14">
      <c r="N420424" s="10"/>
    </row>
    <row r="420425" spans="14:14">
      <c r="N420425" s="10"/>
    </row>
    <row r="420426" spans="14:14">
      <c r="N420426" s="10"/>
    </row>
    <row r="420427" spans="14:14">
      <c r="N420427" s="10"/>
    </row>
    <row r="420428" spans="14:14">
      <c r="N420428" s="10"/>
    </row>
    <row r="420429" spans="14:14">
      <c r="N420429" s="10"/>
    </row>
    <row r="420430" spans="14:14">
      <c r="N420430" s="10"/>
    </row>
    <row r="420431" spans="14:14">
      <c r="N420431" s="10"/>
    </row>
    <row r="420432" spans="14:14">
      <c r="N420432" s="10"/>
    </row>
    <row r="420433" spans="14:14">
      <c r="N420433" s="10"/>
    </row>
    <row r="420434" spans="14:14">
      <c r="N420434" s="10"/>
    </row>
    <row r="420435" spans="14:14">
      <c r="N420435" s="10"/>
    </row>
    <row r="420436" spans="14:14">
      <c r="N420436" s="10"/>
    </row>
    <row r="420437" spans="14:14">
      <c r="N420437" s="10"/>
    </row>
    <row r="420438" spans="14:14">
      <c r="N420438" s="10"/>
    </row>
    <row r="420439" spans="14:14">
      <c r="N420439" s="10"/>
    </row>
    <row r="420440" spans="14:14">
      <c r="N420440" s="10"/>
    </row>
    <row r="420441" spans="14:14">
      <c r="N420441" s="10"/>
    </row>
    <row r="420442" spans="14:14">
      <c r="N420442" s="10"/>
    </row>
    <row r="420443" spans="14:14">
      <c r="N420443" s="10"/>
    </row>
    <row r="420444" spans="14:14">
      <c r="N420444" s="10"/>
    </row>
    <row r="420445" spans="14:14">
      <c r="N420445" s="10"/>
    </row>
    <row r="420446" spans="14:14">
      <c r="N420446" s="10"/>
    </row>
    <row r="420447" spans="14:14">
      <c r="N420447" s="10"/>
    </row>
    <row r="420448" spans="14:14">
      <c r="N420448" s="10"/>
    </row>
    <row r="420449" spans="14:14">
      <c r="N420449" s="10"/>
    </row>
    <row r="420450" spans="14:14">
      <c r="N420450" s="10"/>
    </row>
    <row r="420451" spans="14:14">
      <c r="N420451" s="10"/>
    </row>
    <row r="420452" spans="14:14">
      <c r="N420452" s="10"/>
    </row>
    <row r="420453" spans="14:14">
      <c r="N420453" s="10"/>
    </row>
    <row r="420454" spans="14:14">
      <c r="N420454" s="10"/>
    </row>
    <row r="420455" spans="14:14">
      <c r="N420455" s="10"/>
    </row>
    <row r="420456" spans="14:14">
      <c r="N420456" s="10"/>
    </row>
    <row r="420457" spans="14:14">
      <c r="N420457" s="10"/>
    </row>
    <row r="420458" spans="14:14">
      <c r="N420458" s="10"/>
    </row>
    <row r="420459" spans="14:14">
      <c r="N420459" s="10"/>
    </row>
    <row r="420460" spans="14:14">
      <c r="N420460" s="10"/>
    </row>
    <row r="420461" spans="14:14">
      <c r="N420461" s="10"/>
    </row>
    <row r="420462" spans="14:14">
      <c r="N420462" s="10"/>
    </row>
    <row r="420463" spans="14:14">
      <c r="N420463" s="10"/>
    </row>
    <row r="420464" spans="14:14">
      <c r="N420464" s="10"/>
    </row>
    <row r="420465" spans="14:14">
      <c r="N420465" s="10"/>
    </row>
    <row r="420466" spans="14:14">
      <c r="N420466" s="10"/>
    </row>
    <row r="420467" spans="14:14">
      <c r="N420467" s="10"/>
    </row>
    <row r="420468" spans="14:14">
      <c r="N420468" s="10"/>
    </row>
    <row r="420469" spans="14:14">
      <c r="N420469" s="10"/>
    </row>
    <row r="420470" spans="14:14">
      <c r="N420470" s="10"/>
    </row>
    <row r="420471" spans="14:14">
      <c r="N420471" s="10"/>
    </row>
    <row r="420472" spans="14:14">
      <c r="N420472" s="10"/>
    </row>
    <row r="420473" spans="14:14">
      <c r="N420473" s="10"/>
    </row>
    <row r="420474" spans="14:14">
      <c r="N420474" s="10"/>
    </row>
    <row r="420475" spans="14:14">
      <c r="N420475" s="10"/>
    </row>
    <row r="420476" spans="14:14">
      <c r="N420476" s="10"/>
    </row>
    <row r="420477" spans="14:14">
      <c r="N420477" s="10"/>
    </row>
    <row r="420478" spans="14:14">
      <c r="N420478" s="10"/>
    </row>
    <row r="420479" spans="14:14">
      <c r="N420479" s="10"/>
    </row>
    <row r="420480" spans="14:14">
      <c r="N420480" s="10"/>
    </row>
    <row r="420481" spans="14:14">
      <c r="N420481" s="10"/>
    </row>
    <row r="420482" spans="14:14">
      <c r="N420482" s="10"/>
    </row>
    <row r="420483" spans="14:14">
      <c r="N420483" s="10"/>
    </row>
    <row r="420484" spans="14:14">
      <c r="N420484" s="10"/>
    </row>
    <row r="420485" spans="14:14">
      <c r="N420485" s="10"/>
    </row>
    <row r="420486" spans="14:14">
      <c r="N420486" s="10"/>
    </row>
    <row r="420487" spans="14:14">
      <c r="N420487" s="10"/>
    </row>
    <row r="420488" spans="14:14">
      <c r="N420488" s="10"/>
    </row>
    <row r="420489" spans="14:14">
      <c r="N420489" s="10"/>
    </row>
    <row r="420490" spans="14:14">
      <c r="N420490" s="10"/>
    </row>
    <row r="420491" spans="14:14">
      <c r="N420491" s="10"/>
    </row>
    <row r="420492" spans="14:14">
      <c r="N420492" s="10"/>
    </row>
    <row r="420493" spans="14:14">
      <c r="N420493" s="10"/>
    </row>
    <row r="420494" spans="14:14">
      <c r="N420494" s="10"/>
    </row>
    <row r="420495" spans="14:14">
      <c r="N420495" s="10"/>
    </row>
    <row r="420496" spans="14:14">
      <c r="N420496" s="10"/>
    </row>
    <row r="420497" spans="14:14">
      <c r="N420497" s="10"/>
    </row>
    <row r="420498" spans="14:14">
      <c r="N420498" s="10"/>
    </row>
    <row r="420499" spans="14:14">
      <c r="N420499" s="10"/>
    </row>
    <row r="420500" spans="14:14">
      <c r="N420500" s="10"/>
    </row>
    <row r="420501" spans="14:14">
      <c r="N420501" s="10"/>
    </row>
    <row r="420502" spans="14:14">
      <c r="N420502" s="10"/>
    </row>
    <row r="420503" spans="14:14">
      <c r="N420503" s="10"/>
    </row>
    <row r="420504" spans="14:14">
      <c r="N420504" s="10"/>
    </row>
    <row r="420505" spans="14:14">
      <c r="N420505" s="10"/>
    </row>
    <row r="420506" spans="14:14">
      <c r="N420506" s="10"/>
    </row>
    <row r="420507" spans="14:14">
      <c r="N420507" s="10"/>
    </row>
    <row r="420508" spans="14:14">
      <c r="N420508" s="10"/>
    </row>
    <row r="420509" spans="14:14">
      <c r="N420509" s="10"/>
    </row>
    <row r="420510" spans="14:14">
      <c r="N420510" s="10"/>
    </row>
    <row r="420511" spans="14:14">
      <c r="N420511" s="10"/>
    </row>
    <row r="420512" spans="14:14">
      <c r="N420512" s="10"/>
    </row>
    <row r="420513" spans="14:14">
      <c r="N420513" s="10"/>
    </row>
    <row r="420514" spans="14:14">
      <c r="N420514" s="10"/>
    </row>
    <row r="420515" spans="14:14">
      <c r="N420515" s="10"/>
    </row>
    <row r="420516" spans="14:14">
      <c r="N420516" s="10"/>
    </row>
    <row r="420517" spans="14:14">
      <c r="N420517" s="10"/>
    </row>
    <row r="420518" spans="14:14">
      <c r="N420518" s="10"/>
    </row>
    <row r="420519" spans="14:14">
      <c r="N420519" s="10"/>
    </row>
    <row r="420520" spans="14:14">
      <c r="N420520" s="10"/>
    </row>
    <row r="420521" spans="14:14">
      <c r="N420521" s="10"/>
    </row>
    <row r="420522" spans="14:14">
      <c r="N420522" s="10"/>
    </row>
    <row r="420523" spans="14:14">
      <c r="N420523" s="10"/>
    </row>
    <row r="420524" spans="14:14">
      <c r="N420524" s="10"/>
    </row>
    <row r="420525" spans="14:14">
      <c r="N420525" s="10"/>
    </row>
    <row r="420526" spans="14:14">
      <c r="N420526" s="10"/>
    </row>
    <row r="420527" spans="14:14">
      <c r="N420527" s="10"/>
    </row>
    <row r="420528" spans="14:14">
      <c r="N420528" s="10"/>
    </row>
    <row r="420529" spans="14:14">
      <c r="N420529" s="10"/>
    </row>
    <row r="420530" spans="14:14">
      <c r="N420530" s="10"/>
    </row>
    <row r="420531" spans="14:14">
      <c r="N420531" s="10"/>
    </row>
    <row r="420532" spans="14:14">
      <c r="N420532" s="10"/>
    </row>
    <row r="420533" spans="14:14">
      <c r="N420533" s="10"/>
    </row>
    <row r="420534" spans="14:14">
      <c r="N420534" s="10"/>
    </row>
    <row r="420535" spans="14:14">
      <c r="N420535" s="10"/>
    </row>
    <row r="420536" spans="14:14">
      <c r="N420536" s="10"/>
    </row>
    <row r="420537" spans="14:14">
      <c r="N420537" s="10"/>
    </row>
    <row r="420538" spans="14:14">
      <c r="N420538" s="10"/>
    </row>
    <row r="420539" spans="14:14">
      <c r="N420539" s="10"/>
    </row>
    <row r="420540" spans="14:14">
      <c r="N420540" s="10"/>
    </row>
    <row r="420541" spans="14:14">
      <c r="N420541" s="10"/>
    </row>
    <row r="420542" spans="14:14">
      <c r="N420542" s="10"/>
    </row>
    <row r="420543" spans="14:14">
      <c r="N420543" s="10"/>
    </row>
    <row r="420544" spans="14:14">
      <c r="N420544" s="10"/>
    </row>
    <row r="420545" spans="14:14">
      <c r="N420545" s="10"/>
    </row>
    <row r="420546" spans="14:14">
      <c r="N420546" s="10"/>
    </row>
    <row r="420547" spans="14:14">
      <c r="N420547" s="10"/>
    </row>
    <row r="420548" spans="14:14">
      <c r="N420548" s="10"/>
    </row>
    <row r="420549" spans="14:14">
      <c r="N420549" s="10"/>
    </row>
    <row r="420550" spans="14:14">
      <c r="N420550" s="10"/>
    </row>
    <row r="420551" spans="14:14">
      <c r="N420551" s="10"/>
    </row>
    <row r="420552" spans="14:14">
      <c r="N420552" s="10"/>
    </row>
    <row r="420553" spans="14:14">
      <c r="N420553" s="10"/>
    </row>
    <row r="420554" spans="14:14">
      <c r="N420554" s="10"/>
    </row>
    <row r="420555" spans="14:14">
      <c r="N420555" s="10"/>
    </row>
    <row r="420556" spans="14:14">
      <c r="N420556" s="10"/>
    </row>
    <row r="420557" spans="14:14">
      <c r="N420557" s="10"/>
    </row>
    <row r="420558" spans="14:14">
      <c r="N420558" s="10"/>
    </row>
    <row r="420559" spans="14:14">
      <c r="N420559" s="10"/>
    </row>
    <row r="420560" spans="14:14">
      <c r="N420560" s="10"/>
    </row>
    <row r="420561" spans="14:14">
      <c r="N420561" s="10"/>
    </row>
    <row r="420562" spans="14:14">
      <c r="N420562" s="10"/>
    </row>
    <row r="420563" spans="14:14">
      <c r="N420563" s="10"/>
    </row>
    <row r="420564" spans="14:14">
      <c r="N420564" s="10"/>
    </row>
    <row r="420565" spans="14:14">
      <c r="N420565" s="10"/>
    </row>
    <row r="420566" spans="14:14">
      <c r="N420566" s="10"/>
    </row>
    <row r="420567" spans="14:14">
      <c r="N420567" s="10"/>
    </row>
    <row r="420568" spans="14:14">
      <c r="N420568" s="10"/>
    </row>
    <row r="420569" spans="14:14">
      <c r="N420569" s="10"/>
    </row>
    <row r="420570" spans="14:14">
      <c r="N420570" s="10"/>
    </row>
    <row r="420571" spans="14:14">
      <c r="N420571" s="10"/>
    </row>
    <row r="420572" spans="14:14">
      <c r="N420572" s="10"/>
    </row>
    <row r="420573" spans="14:14">
      <c r="N420573" s="10"/>
    </row>
    <row r="420574" spans="14:14">
      <c r="N420574" s="10"/>
    </row>
    <row r="420575" spans="14:14">
      <c r="N420575" s="10"/>
    </row>
    <row r="420576" spans="14:14">
      <c r="N420576" s="10"/>
    </row>
    <row r="420577" spans="14:14">
      <c r="N420577" s="10"/>
    </row>
    <row r="420578" spans="14:14">
      <c r="N420578" s="10"/>
    </row>
    <row r="420579" spans="14:14">
      <c r="N420579" s="10"/>
    </row>
    <row r="420580" spans="14:14">
      <c r="N420580" s="10"/>
    </row>
    <row r="420581" spans="14:14">
      <c r="N420581" s="10"/>
    </row>
    <row r="420582" spans="14:14">
      <c r="N420582" s="10"/>
    </row>
    <row r="420583" spans="14:14">
      <c r="N420583" s="10"/>
    </row>
    <row r="420584" spans="14:14">
      <c r="N420584" s="10"/>
    </row>
    <row r="420585" spans="14:14">
      <c r="N420585" s="10"/>
    </row>
    <row r="420586" spans="14:14">
      <c r="N420586" s="10"/>
    </row>
    <row r="420587" spans="14:14">
      <c r="N420587" s="10"/>
    </row>
    <row r="420588" spans="14:14">
      <c r="N420588" s="10"/>
    </row>
    <row r="420589" spans="14:14">
      <c r="N420589" s="10"/>
    </row>
    <row r="420590" spans="14:14">
      <c r="N420590" s="10"/>
    </row>
    <row r="420591" spans="14:14">
      <c r="N420591" s="10"/>
    </row>
    <row r="420592" spans="14:14">
      <c r="N420592" s="10"/>
    </row>
    <row r="420593" spans="14:14">
      <c r="N420593" s="10"/>
    </row>
    <row r="420594" spans="14:14">
      <c r="N420594" s="10"/>
    </row>
    <row r="420595" spans="14:14">
      <c r="N420595" s="10"/>
    </row>
    <row r="420596" spans="14:14">
      <c r="N420596" s="10"/>
    </row>
    <row r="420597" spans="14:14">
      <c r="N420597" s="10"/>
    </row>
    <row r="420598" spans="14:14">
      <c r="N420598" s="10"/>
    </row>
    <row r="420599" spans="14:14">
      <c r="N420599" s="10"/>
    </row>
    <row r="420600" spans="14:14">
      <c r="N420600" s="10"/>
    </row>
    <row r="420601" spans="14:14">
      <c r="N420601" s="10"/>
    </row>
    <row r="420602" spans="14:14">
      <c r="N420602" s="10"/>
    </row>
    <row r="420603" spans="14:14">
      <c r="N420603" s="10"/>
    </row>
    <row r="420604" spans="14:14">
      <c r="N420604" s="10"/>
    </row>
    <row r="420605" spans="14:14">
      <c r="N420605" s="10"/>
    </row>
    <row r="420606" spans="14:14">
      <c r="N420606" s="10"/>
    </row>
    <row r="420607" spans="14:14">
      <c r="N420607" s="10"/>
    </row>
    <row r="420608" spans="14:14">
      <c r="N420608" s="10"/>
    </row>
    <row r="420609" spans="14:14">
      <c r="N420609" s="10"/>
    </row>
    <row r="420610" spans="14:14">
      <c r="N420610" s="10"/>
    </row>
    <row r="420611" spans="14:14">
      <c r="N420611" s="10"/>
    </row>
    <row r="420612" spans="14:14">
      <c r="N420612" s="10"/>
    </row>
    <row r="420613" spans="14:14">
      <c r="N420613" s="10"/>
    </row>
    <row r="420614" spans="14:14">
      <c r="N420614" s="10"/>
    </row>
    <row r="420615" spans="14:14">
      <c r="N420615" s="10"/>
    </row>
    <row r="420616" spans="14:14">
      <c r="N420616" s="10"/>
    </row>
    <row r="420617" spans="14:14">
      <c r="N420617" s="10"/>
    </row>
    <row r="420618" spans="14:14">
      <c r="N420618" s="10"/>
    </row>
    <row r="420619" spans="14:14">
      <c r="N420619" s="10"/>
    </row>
    <row r="420620" spans="14:14">
      <c r="N420620" s="10"/>
    </row>
    <row r="420621" spans="14:14">
      <c r="N420621" s="10"/>
    </row>
    <row r="420622" spans="14:14">
      <c r="N420622" s="10"/>
    </row>
    <row r="420623" spans="14:14">
      <c r="N420623" s="10"/>
    </row>
    <row r="420624" spans="14:14">
      <c r="N420624" s="10"/>
    </row>
    <row r="420625" spans="14:14">
      <c r="N420625" s="10"/>
    </row>
    <row r="420626" spans="14:14">
      <c r="N420626" s="10"/>
    </row>
    <row r="420627" spans="14:14">
      <c r="N420627" s="10"/>
    </row>
    <row r="420628" spans="14:14">
      <c r="N420628" s="10"/>
    </row>
    <row r="420629" spans="14:14">
      <c r="N420629" s="10"/>
    </row>
    <row r="420630" spans="14:14">
      <c r="N420630" s="10"/>
    </row>
    <row r="420631" spans="14:14">
      <c r="N420631" s="10"/>
    </row>
    <row r="420632" spans="14:14">
      <c r="N420632" s="10"/>
    </row>
    <row r="420633" spans="14:14">
      <c r="N420633" s="10"/>
    </row>
    <row r="420634" spans="14:14">
      <c r="N420634" s="10"/>
    </row>
    <row r="420635" spans="14:14">
      <c r="N420635" s="10"/>
    </row>
    <row r="420636" spans="14:14">
      <c r="N420636" s="10"/>
    </row>
    <row r="420637" spans="14:14">
      <c r="N420637" s="10"/>
    </row>
    <row r="420638" spans="14:14">
      <c r="N420638" s="10"/>
    </row>
    <row r="420639" spans="14:14">
      <c r="N420639" s="10"/>
    </row>
    <row r="420640" spans="14:14">
      <c r="N420640" s="10"/>
    </row>
    <row r="420641" spans="14:14">
      <c r="N420641" s="10"/>
    </row>
    <row r="420642" spans="14:14">
      <c r="N420642" s="10"/>
    </row>
    <row r="420643" spans="14:14">
      <c r="N420643" s="10"/>
    </row>
    <row r="420644" spans="14:14">
      <c r="N420644" s="10"/>
    </row>
    <row r="420645" spans="14:14">
      <c r="N420645" s="10"/>
    </row>
    <row r="420646" spans="14:14">
      <c r="N420646" s="10"/>
    </row>
    <row r="420647" spans="14:14">
      <c r="N420647" s="10"/>
    </row>
    <row r="420648" spans="14:14">
      <c r="N420648" s="10"/>
    </row>
    <row r="420649" spans="14:14">
      <c r="N420649" s="10"/>
    </row>
    <row r="420650" spans="14:14">
      <c r="N420650" s="10"/>
    </row>
    <row r="420651" spans="14:14">
      <c r="N420651" s="10"/>
    </row>
    <row r="420652" spans="14:14">
      <c r="N420652" s="10"/>
    </row>
    <row r="420653" spans="14:14">
      <c r="N420653" s="10"/>
    </row>
    <row r="420654" spans="14:14">
      <c r="N420654" s="10"/>
    </row>
    <row r="420655" spans="14:14">
      <c r="N420655" s="10"/>
    </row>
    <row r="420656" spans="14:14">
      <c r="N420656" s="10"/>
    </row>
    <row r="420657" spans="14:14">
      <c r="N420657" s="10"/>
    </row>
    <row r="420658" spans="14:14">
      <c r="N420658" s="10"/>
    </row>
    <row r="420659" spans="14:14">
      <c r="N420659" s="10"/>
    </row>
    <row r="420660" spans="14:14">
      <c r="N420660" s="10"/>
    </row>
    <row r="420661" spans="14:14">
      <c r="N420661" s="10"/>
    </row>
    <row r="420662" spans="14:14">
      <c r="N420662" s="10"/>
    </row>
    <row r="420663" spans="14:14">
      <c r="N420663" s="10"/>
    </row>
    <row r="420664" spans="14:14">
      <c r="N420664" s="10"/>
    </row>
    <row r="420665" spans="14:14">
      <c r="N420665" s="10"/>
    </row>
    <row r="420666" spans="14:14">
      <c r="N420666" s="10"/>
    </row>
    <row r="420667" spans="14:14">
      <c r="N420667" s="10"/>
    </row>
    <row r="420668" spans="14:14">
      <c r="N420668" s="10"/>
    </row>
    <row r="420669" spans="14:14">
      <c r="N420669" s="10"/>
    </row>
    <row r="420670" spans="14:14">
      <c r="N420670" s="10"/>
    </row>
    <row r="420671" spans="14:14">
      <c r="N420671" s="10"/>
    </row>
    <row r="420672" spans="14:14">
      <c r="N420672" s="10"/>
    </row>
    <row r="420673" spans="14:14">
      <c r="N420673" s="10"/>
    </row>
    <row r="420674" spans="14:14">
      <c r="N420674" s="10"/>
    </row>
    <row r="420675" spans="14:14">
      <c r="N420675" s="10"/>
    </row>
    <row r="420676" spans="14:14">
      <c r="N420676" s="10"/>
    </row>
    <row r="420677" spans="14:14">
      <c r="N420677" s="10"/>
    </row>
    <row r="420678" spans="14:14">
      <c r="N420678" s="10"/>
    </row>
    <row r="420679" spans="14:14">
      <c r="N420679" s="10"/>
    </row>
    <row r="420680" spans="14:14">
      <c r="N420680" s="10"/>
    </row>
    <row r="420681" spans="14:14">
      <c r="N420681" s="10"/>
    </row>
    <row r="420682" spans="14:14">
      <c r="N420682" s="10"/>
    </row>
    <row r="420683" spans="14:14">
      <c r="N420683" s="10"/>
    </row>
    <row r="420684" spans="14:14">
      <c r="N420684" s="10"/>
    </row>
    <row r="420685" spans="14:14">
      <c r="N420685" s="10"/>
    </row>
    <row r="420686" spans="14:14">
      <c r="N420686" s="10"/>
    </row>
    <row r="420687" spans="14:14">
      <c r="N420687" s="10"/>
    </row>
    <row r="420688" spans="14:14">
      <c r="N420688" s="10"/>
    </row>
    <row r="420689" spans="14:14">
      <c r="N420689" s="10"/>
    </row>
    <row r="420690" spans="14:14">
      <c r="N420690" s="10"/>
    </row>
    <row r="420691" spans="14:14">
      <c r="N420691" s="10"/>
    </row>
    <row r="420692" spans="14:14">
      <c r="N420692" s="10"/>
    </row>
    <row r="420693" spans="14:14">
      <c r="N420693" s="10"/>
    </row>
    <row r="420694" spans="14:14">
      <c r="N420694" s="10"/>
    </row>
    <row r="420695" spans="14:14">
      <c r="N420695" s="10"/>
    </row>
    <row r="420696" spans="14:14">
      <c r="N420696" s="10"/>
    </row>
    <row r="420697" spans="14:14">
      <c r="N420697" s="10"/>
    </row>
    <row r="420698" spans="14:14">
      <c r="N420698" s="10"/>
    </row>
    <row r="420699" spans="14:14">
      <c r="N420699" s="10"/>
    </row>
    <row r="420700" spans="14:14">
      <c r="N420700" s="10"/>
    </row>
    <row r="420701" spans="14:14">
      <c r="N420701" s="10"/>
    </row>
    <row r="420702" spans="14:14">
      <c r="N420702" s="10"/>
    </row>
    <row r="420703" spans="14:14">
      <c r="N420703" s="10"/>
    </row>
    <row r="420704" spans="14:14">
      <c r="N420704" s="10"/>
    </row>
    <row r="420705" spans="14:14">
      <c r="N420705" s="10"/>
    </row>
    <row r="420706" spans="14:14">
      <c r="N420706" s="10"/>
    </row>
    <row r="420707" spans="14:14">
      <c r="N420707" s="10"/>
    </row>
    <row r="420708" spans="14:14">
      <c r="N420708" s="10"/>
    </row>
    <row r="420709" spans="14:14">
      <c r="N420709" s="10"/>
    </row>
    <row r="420710" spans="14:14">
      <c r="N420710" s="10"/>
    </row>
    <row r="420711" spans="14:14">
      <c r="N420711" s="10"/>
    </row>
    <row r="420712" spans="14:14">
      <c r="N420712" s="10"/>
    </row>
    <row r="420713" spans="14:14">
      <c r="N420713" s="10"/>
    </row>
    <row r="420714" spans="14:14">
      <c r="N420714" s="10"/>
    </row>
    <row r="420715" spans="14:14">
      <c r="N420715" s="10"/>
    </row>
    <row r="420716" spans="14:14">
      <c r="N420716" s="10"/>
    </row>
    <row r="420717" spans="14:14">
      <c r="N420717" s="10"/>
    </row>
    <row r="420718" spans="14:14">
      <c r="N420718" s="10"/>
    </row>
    <row r="420719" spans="14:14">
      <c r="N420719" s="10"/>
    </row>
    <row r="420720" spans="14:14">
      <c r="N420720" s="10"/>
    </row>
    <row r="420721" spans="14:14">
      <c r="N420721" s="10"/>
    </row>
    <row r="420722" spans="14:14">
      <c r="N420722" s="10"/>
    </row>
    <row r="420723" spans="14:14">
      <c r="N420723" s="10"/>
    </row>
    <row r="420724" spans="14:14">
      <c r="N420724" s="10"/>
    </row>
    <row r="420725" spans="14:14">
      <c r="N420725" s="10"/>
    </row>
    <row r="420726" spans="14:14">
      <c r="N420726" s="10"/>
    </row>
    <row r="420727" spans="14:14">
      <c r="N420727" s="10"/>
    </row>
    <row r="420728" spans="14:14">
      <c r="N420728" s="10"/>
    </row>
    <row r="420729" spans="14:14">
      <c r="N420729" s="10"/>
    </row>
    <row r="420730" spans="14:14">
      <c r="N420730" s="10"/>
    </row>
    <row r="420731" spans="14:14">
      <c r="N420731" s="10"/>
    </row>
    <row r="420732" spans="14:14">
      <c r="N420732" s="10"/>
    </row>
    <row r="420733" spans="14:14">
      <c r="N420733" s="10"/>
    </row>
    <row r="420734" spans="14:14">
      <c r="N420734" s="10"/>
    </row>
    <row r="420735" spans="14:14">
      <c r="N420735" s="10"/>
    </row>
    <row r="420736" spans="14:14">
      <c r="N420736" s="10"/>
    </row>
    <row r="420737" spans="14:14">
      <c r="N420737" s="10"/>
    </row>
    <row r="420738" spans="14:14">
      <c r="N420738" s="10"/>
    </row>
    <row r="420739" spans="14:14">
      <c r="N420739" s="10"/>
    </row>
    <row r="420740" spans="14:14">
      <c r="N420740" s="10"/>
    </row>
    <row r="420741" spans="14:14">
      <c r="N420741" s="10"/>
    </row>
    <row r="420742" spans="14:14">
      <c r="N420742" s="10"/>
    </row>
    <row r="420743" spans="14:14">
      <c r="N420743" s="10"/>
    </row>
    <row r="420744" spans="14:14">
      <c r="N420744" s="10"/>
    </row>
    <row r="420745" spans="14:14">
      <c r="N420745" s="10"/>
    </row>
    <row r="420746" spans="14:14">
      <c r="N420746" s="10"/>
    </row>
    <row r="420747" spans="14:14">
      <c r="N420747" s="10"/>
    </row>
    <row r="420748" spans="14:14">
      <c r="N420748" s="10"/>
    </row>
    <row r="420749" spans="14:14">
      <c r="N420749" s="10"/>
    </row>
    <row r="420750" spans="14:14">
      <c r="N420750" s="10"/>
    </row>
    <row r="420751" spans="14:14">
      <c r="N420751" s="10"/>
    </row>
    <row r="420752" spans="14:14">
      <c r="N420752" s="10"/>
    </row>
    <row r="420753" spans="14:14">
      <c r="N420753" s="10"/>
    </row>
    <row r="420754" spans="14:14">
      <c r="N420754" s="10"/>
    </row>
    <row r="420755" spans="14:14">
      <c r="N420755" s="10"/>
    </row>
    <row r="420756" spans="14:14">
      <c r="N420756" s="10"/>
    </row>
    <row r="420757" spans="14:14">
      <c r="N420757" s="10"/>
    </row>
    <row r="420758" spans="14:14">
      <c r="N420758" s="10"/>
    </row>
    <row r="420759" spans="14:14">
      <c r="N420759" s="10"/>
    </row>
    <row r="420760" spans="14:14">
      <c r="N420760" s="10"/>
    </row>
    <row r="420761" spans="14:14">
      <c r="N420761" s="10"/>
    </row>
    <row r="420762" spans="14:14">
      <c r="N420762" s="10"/>
    </row>
    <row r="420763" spans="14:14">
      <c r="N420763" s="10"/>
    </row>
    <row r="420764" spans="14:14">
      <c r="N420764" s="10"/>
    </row>
    <row r="420765" spans="14:14">
      <c r="N420765" s="10"/>
    </row>
    <row r="420766" spans="14:14">
      <c r="N420766" s="10"/>
    </row>
    <row r="420767" spans="14:14">
      <c r="N420767" s="10"/>
    </row>
    <row r="420768" spans="14:14">
      <c r="N420768" s="10"/>
    </row>
    <row r="420769" spans="14:14">
      <c r="N420769" s="10"/>
    </row>
    <row r="420770" spans="14:14">
      <c r="N420770" s="10"/>
    </row>
    <row r="420771" spans="14:14">
      <c r="N420771" s="10"/>
    </row>
    <row r="420772" spans="14:14">
      <c r="N420772" s="10"/>
    </row>
    <row r="420773" spans="14:14">
      <c r="N420773" s="10"/>
    </row>
    <row r="420774" spans="14:14">
      <c r="N420774" s="10"/>
    </row>
    <row r="420775" spans="14:14">
      <c r="N420775" s="10"/>
    </row>
    <row r="420776" spans="14:14">
      <c r="N420776" s="10"/>
    </row>
    <row r="420777" spans="14:14">
      <c r="N420777" s="10"/>
    </row>
    <row r="420778" spans="14:14">
      <c r="N420778" s="10"/>
    </row>
    <row r="420779" spans="14:14">
      <c r="N420779" s="10"/>
    </row>
    <row r="420780" spans="14:14">
      <c r="N420780" s="10"/>
    </row>
    <row r="420781" spans="14:14">
      <c r="N420781" s="10"/>
    </row>
    <row r="420782" spans="14:14">
      <c r="N420782" s="10"/>
    </row>
    <row r="420783" spans="14:14">
      <c r="N420783" s="10"/>
    </row>
    <row r="420784" spans="14:14">
      <c r="N420784" s="10"/>
    </row>
    <row r="420785" spans="14:14">
      <c r="N420785" s="10"/>
    </row>
    <row r="420786" spans="14:14">
      <c r="N420786" s="10"/>
    </row>
    <row r="420787" spans="14:14">
      <c r="N420787" s="10"/>
    </row>
    <row r="420788" spans="14:14">
      <c r="N420788" s="10"/>
    </row>
    <row r="420789" spans="14:14">
      <c r="N420789" s="10"/>
    </row>
    <row r="420790" spans="14:14">
      <c r="N420790" s="10"/>
    </row>
    <row r="420791" spans="14:14">
      <c r="N420791" s="10"/>
    </row>
    <row r="420792" spans="14:14">
      <c r="N420792" s="10"/>
    </row>
    <row r="420793" spans="14:14">
      <c r="N420793" s="10"/>
    </row>
    <row r="420794" spans="14:14">
      <c r="N420794" s="10"/>
    </row>
    <row r="420795" spans="14:14">
      <c r="N420795" s="10"/>
    </row>
    <row r="420796" spans="14:14">
      <c r="N420796" s="10"/>
    </row>
    <row r="420797" spans="14:14">
      <c r="N420797" s="10"/>
    </row>
    <row r="420798" spans="14:14">
      <c r="N420798" s="10"/>
    </row>
    <row r="420799" spans="14:14">
      <c r="N420799" s="10"/>
    </row>
    <row r="420800" spans="14:14">
      <c r="N420800" s="10"/>
    </row>
    <row r="420801" spans="14:14">
      <c r="N420801" s="10"/>
    </row>
    <row r="420802" spans="14:14">
      <c r="N420802" s="10"/>
    </row>
    <row r="420803" spans="14:14">
      <c r="N420803" s="10"/>
    </row>
    <row r="420804" spans="14:14">
      <c r="N420804" s="10"/>
    </row>
    <row r="420805" spans="14:14">
      <c r="N420805" s="10"/>
    </row>
    <row r="420806" spans="14:14">
      <c r="N420806" s="10"/>
    </row>
    <row r="420807" spans="14:14">
      <c r="N420807" s="10"/>
    </row>
    <row r="420808" spans="14:14">
      <c r="N420808" s="10"/>
    </row>
    <row r="420809" spans="14:14">
      <c r="N420809" s="10"/>
    </row>
    <row r="420810" spans="14:14">
      <c r="N420810" s="10"/>
    </row>
    <row r="420811" spans="14:14">
      <c r="N420811" s="10"/>
    </row>
    <row r="420812" spans="14:14">
      <c r="N420812" s="10"/>
    </row>
    <row r="420813" spans="14:14">
      <c r="N420813" s="10"/>
    </row>
    <row r="420814" spans="14:14">
      <c r="N420814" s="10"/>
    </row>
    <row r="420815" spans="14:14">
      <c r="N420815" s="10"/>
    </row>
    <row r="420816" spans="14:14">
      <c r="N420816" s="10"/>
    </row>
    <row r="420817" spans="14:14">
      <c r="N420817" s="10"/>
    </row>
    <row r="420818" spans="14:14">
      <c r="N420818" s="10"/>
    </row>
    <row r="420819" spans="14:14">
      <c r="N420819" s="10"/>
    </row>
    <row r="420820" spans="14:14">
      <c r="N420820" s="10"/>
    </row>
    <row r="420821" spans="14:14">
      <c r="N420821" s="10"/>
    </row>
    <row r="420822" spans="14:14">
      <c r="N420822" s="10"/>
    </row>
    <row r="420823" spans="14:14">
      <c r="N420823" s="10"/>
    </row>
    <row r="420824" spans="14:14">
      <c r="N420824" s="10"/>
    </row>
    <row r="420825" spans="14:14">
      <c r="N420825" s="10"/>
    </row>
    <row r="420826" spans="14:14">
      <c r="N420826" s="10"/>
    </row>
    <row r="420827" spans="14:14">
      <c r="N420827" s="10"/>
    </row>
    <row r="420828" spans="14:14">
      <c r="N420828" s="10"/>
    </row>
    <row r="420829" spans="14:14">
      <c r="N420829" s="10"/>
    </row>
    <row r="420830" spans="14:14">
      <c r="N420830" s="10"/>
    </row>
    <row r="420831" spans="14:14">
      <c r="N420831" s="10"/>
    </row>
    <row r="420832" spans="14:14">
      <c r="N420832" s="10"/>
    </row>
    <row r="420833" spans="14:14">
      <c r="N420833" s="10"/>
    </row>
    <row r="420834" spans="14:14">
      <c r="N420834" s="10"/>
    </row>
    <row r="420835" spans="14:14">
      <c r="N420835" s="10"/>
    </row>
    <row r="420836" spans="14:14">
      <c r="N420836" s="10"/>
    </row>
    <row r="420837" spans="14:14">
      <c r="N420837" s="10"/>
    </row>
    <row r="420838" spans="14:14">
      <c r="N420838" s="10"/>
    </row>
    <row r="420839" spans="14:14">
      <c r="N420839" s="10"/>
    </row>
    <row r="420840" spans="14:14">
      <c r="N420840" s="10"/>
    </row>
    <row r="420841" spans="14:14">
      <c r="N420841" s="10"/>
    </row>
    <row r="420842" spans="14:14">
      <c r="N420842" s="10"/>
    </row>
    <row r="420843" spans="14:14">
      <c r="N420843" s="10"/>
    </row>
    <row r="420844" spans="14:14">
      <c r="N420844" s="10"/>
    </row>
    <row r="420845" spans="14:14">
      <c r="N420845" s="10"/>
    </row>
    <row r="420846" spans="14:14">
      <c r="N420846" s="10"/>
    </row>
    <row r="420847" spans="14:14">
      <c r="N420847" s="10"/>
    </row>
    <row r="420848" spans="14:14">
      <c r="N420848" s="10"/>
    </row>
    <row r="420849" spans="14:14">
      <c r="N420849" s="10"/>
    </row>
    <row r="420850" spans="14:14">
      <c r="N420850" s="10"/>
    </row>
    <row r="420851" spans="14:14">
      <c r="N420851" s="10"/>
    </row>
    <row r="420852" spans="14:14">
      <c r="N420852" s="10"/>
    </row>
    <row r="420853" spans="14:14">
      <c r="N420853" s="10"/>
    </row>
    <row r="420854" spans="14:14">
      <c r="N420854" s="10"/>
    </row>
    <row r="420855" spans="14:14">
      <c r="N420855" s="10"/>
    </row>
    <row r="420856" spans="14:14">
      <c r="N420856" s="10"/>
    </row>
    <row r="420857" spans="14:14">
      <c r="N420857" s="10"/>
    </row>
    <row r="420858" spans="14:14">
      <c r="N420858" s="10"/>
    </row>
    <row r="420859" spans="14:14">
      <c r="N420859" s="10"/>
    </row>
    <row r="420860" spans="14:14">
      <c r="N420860" s="10"/>
    </row>
    <row r="420861" spans="14:14">
      <c r="N420861" s="10"/>
    </row>
    <row r="420862" spans="14:14">
      <c r="N420862" s="10"/>
    </row>
    <row r="420863" spans="14:14">
      <c r="N420863" s="10"/>
    </row>
    <row r="420864" spans="14:14">
      <c r="N420864" s="10"/>
    </row>
    <row r="420865" spans="14:14">
      <c r="N420865" s="10"/>
    </row>
    <row r="420866" spans="14:14">
      <c r="N420866" s="10"/>
    </row>
    <row r="420867" spans="14:14">
      <c r="N420867" s="10"/>
    </row>
    <row r="420868" spans="14:14">
      <c r="N420868" s="10"/>
    </row>
    <row r="420869" spans="14:14">
      <c r="N420869" s="10"/>
    </row>
    <row r="420870" spans="14:14">
      <c r="N420870" s="10"/>
    </row>
    <row r="420871" spans="14:14">
      <c r="N420871" s="10"/>
    </row>
    <row r="420872" spans="14:14">
      <c r="N420872" s="10"/>
    </row>
    <row r="420873" spans="14:14">
      <c r="N420873" s="10"/>
    </row>
    <row r="420874" spans="14:14">
      <c r="N420874" s="10"/>
    </row>
    <row r="420875" spans="14:14">
      <c r="N420875" s="10"/>
    </row>
    <row r="420876" spans="14:14">
      <c r="N420876" s="10"/>
    </row>
    <row r="420877" spans="14:14">
      <c r="N420877" s="10"/>
    </row>
    <row r="420878" spans="14:14">
      <c r="N420878" s="10"/>
    </row>
    <row r="420879" spans="14:14">
      <c r="N420879" s="10"/>
    </row>
    <row r="420880" spans="14:14">
      <c r="N420880" s="10"/>
    </row>
    <row r="420881" spans="14:14">
      <c r="N420881" s="10"/>
    </row>
    <row r="420882" spans="14:14">
      <c r="N420882" s="10"/>
    </row>
    <row r="420883" spans="14:14">
      <c r="N420883" s="10"/>
    </row>
    <row r="420884" spans="14:14">
      <c r="N420884" s="10"/>
    </row>
    <row r="420885" spans="14:14">
      <c r="N420885" s="10"/>
    </row>
    <row r="420886" spans="14:14">
      <c r="N420886" s="10"/>
    </row>
    <row r="420887" spans="14:14">
      <c r="N420887" s="10"/>
    </row>
    <row r="420888" spans="14:14">
      <c r="N420888" s="10"/>
    </row>
    <row r="420889" spans="14:14">
      <c r="N420889" s="10"/>
    </row>
    <row r="420890" spans="14:14">
      <c r="N420890" s="10"/>
    </row>
    <row r="420891" spans="14:14">
      <c r="N420891" s="10"/>
    </row>
    <row r="420892" spans="14:14">
      <c r="N420892" s="10"/>
    </row>
    <row r="420893" spans="14:14">
      <c r="N420893" s="10"/>
    </row>
    <row r="420894" spans="14:14">
      <c r="N420894" s="10"/>
    </row>
    <row r="420895" spans="14:14">
      <c r="N420895" s="10"/>
    </row>
    <row r="420896" spans="14:14">
      <c r="N420896" s="10"/>
    </row>
    <row r="420897" spans="14:14">
      <c r="N420897" s="10"/>
    </row>
    <row r="420898" spans="14:14">
      <c r="N420898" s="10"/>
    </row>
    <row r="420899" spans="14:14">
      <c r="N420899" s="10"/>
    </row>
    <row r="420900" spans="14:14">
      <c r="N420900" s="10"/>
    </row>
    <row r="420901" spans="14:14">
      <c r="N420901" s="10"/>
    </row>
    <row r="420902" spans="14:14">
      <c r="N420902" s="10"/>
    </row>
    <row r="420903" spans="14:14">
      <c r="N420903" s="10"/>
    </row>
    <row r="420904" spans="14:14">
      <c r="N420904" s="10"/>
    </row>
    <row r="420905" spans="14:14">
      <c r="N420905" s="10"/>
    </row>
    <row r="420906" spans="14:14">
      <c r="N420906" s="10"/>
    </row>
    <row r="420907" spans="14:14">
      <c r="N420907" s="10"/>
    </row>
    <row r="420908" spans="14:14">
      <c r="N420908" s="10"/>
    </row>
    <row r="420909" spans="14:14">
      <c r="N420909" s="10"/>
    </row>
    <row r="420910" spans="14:14">
      <c r="N420910" s="10"/>
    </row>
    <row r="420911" spans="14:14">
      <c r="N420911" s="10"/>
    </row>
    <row r="420912" spans="14:14">
      <c r="N420912" s="10"/>
    </row>
    <row r="420913" spans="14:14">
      <c r="N420913" s="10"/>
    </row>
    <row r="420914" spans="14:14">
      <c r="N420914" s="10"/>
    </row>
    <row r="420915" spans="14:14">
      <c r="N420915" s="10"/>
    </row>
    <row r="420916" spans="14:14">
      <c r="N420916" s="10"/>
    </row>
    <row r="420917" spans="14:14">
      <c r="N420917" s="10"/>
    </row>
    <row r="420918" spans="14:14">
      <c r="N420918" s="10"/>
    </row>
    <row r="420919" spans="14:14">
      <c r="N420919" s="10"/>
    </row>
    <row r="420920" spans="14:14">
      <c r="N420920" s="10"/>
    </row>
    <row r="420921" spans="14:14">
      <c r="N420921" s="10"/>
    </row>
    <row r="420922" spans="14:14">
      <c r="N420922" s="10"/>
    </row>
    <row r="420923" spans="14:14">
      <c r="N420923" s="10"/>
    </row>
    <row r="420924" spans="14:14">
      <c r="N420924" s="10"/>
    </row>
    <row r="420925" spans="14:14">
      <c r="N420925" s="10"/>
    </row>
    <row r="420926" spans="14:14">
      <c r="N420926" s="10"/>
    </row>
    <row r="420927" spans="14:14">
      <c r="N420927" s="10"/>
    </row>
    <row r="420928" spans="14:14">
      <c r="N420928" s="10"/>
    </row>
    <row r="420929" spans="14:14">
      <c r="N420929" s="10"/>
    </row>
    <row r="420930" spans="14:14">
      <c r="N420930" s="10"/>
    </row>
    <row r="420931" spans="14:14">
      <c r="N420931" s="10"/>
    </row>
    <row r="420932" spans="14:14">
      <c r="N420932" s="10"/>
    </row>
    <row r="420933" spans="14:14">
      <c r="N420933" s="10"/>
    </row>
    <row r="420934" spans="14:14">
      <c r="N420934" s="10"/>
    </row>
    <row r="420935" spans="14:14">
      <c r="N420935" s="10"/>
    </row>
    <row r="420936" spans="14:14">
      <c r="N420936" s="10"/>
    </row>
    <row r="420937" spans="14:14">
      <c r="N420937" s="10"/>
    </row>
    <row r="420938" spans="14:14">
      <c r="N420938" s="10"/>
    </row>
    <row r="420939" spans="14:14">
      <c r="N420939" s="10"/>
    </row>
    <row r="420940" spans="14:14">
      <c r="N420940" s="10"/>
    </row>
    <row r="420941" spans="14:14">
      <c r="N420941" s="10"/>
    </row>
    <row r="420942" spans="14:14">
      <c r="N420942" s="10"/>
    </row>
    <row r="420943" spans="14:14">
      <c r="N420943" s="10"/>
    </row>
    <row r="420944" spans="14:14">
      <c r="N420944" s="10"/>
    </row>
    <row r="420945" spans="14:14">
      <c r="N420945" s="10"/>
    </row>
    <row r="420946" spans="14:14">
      <c r="N420946" s="10"/>
    </row>
    <row r="420947" spans="14:14">
      <c r="N420947" s="10"/>
    </row>
    <row r="420948" spans="14:14">
      <c r="N420948" s="10"/>
    </row>
    <row r="420949" spans="14:14">
      <c r="N420949" s="10"/>
    </row>
    <row r="420950" spans="14:14">
      <c r="N420950" s="10"/>
    </row>
    <row r="420951" spans="14:14">
      <c r="N420951" s="10"/>
    </row>
    <row r="420952" spans="14:14">
      <c r="N420952" s="10"/>
    </row>
    <row r="420953" spans="14:14">
      <c r="N420953" s="10"/>
    </row>
    <row r="420954" spans="14:14">
      <c r="N420954" s="10"/>
    </row>
    <row r="420955" spans="14:14">
      <c r="N420955" s="10"/>
    </row>
    <row r="420956" spans="14:14">
      <c r="N420956" s="10"/>
    </row>
    <row r="420957" spans="14:14">
      <c r="N420957" s="10"/>
    </row>
    <row r="420958" spans="14:14">
      <c r="N420958" s="10"/>
    </row>
    <row r="420959" spans="14:14">
      <c r="N420959" s="10"/>
    </row>
    <row r="420960" spans="14:14">
      <c r="N420960" s="10"/>
    </row>
    <row r="420961" spans="14:14">
      <c r="N420961" s="10"/>
    </row>
    <row r="420962" spans="14:14">
      <c r="N420962" s="10"/>
    </row>
    <row r="420963" spans="14:14">
      <c r="N420963" s="10"/>
    </row>
    <row r="420964" spans="14:14">
      <c r="N420964" s="10"/>
    </row>
    <row r="420965" spans="14:14">
      <c r="N420965" s="10"/>
    </row>
    <row r="420966" spans="14:14">
      <c r="N420966" s="10"/>
    </row>
    <row r="420967" spans="14:14">
      <c r="N420967" s="10"/>
    </row>
    <row r="420968" spans="14:14">
      <c r="N420968" s="10"/>
    </row>
    <row r="420969" spans="14:14">
      <c r="N420969" s="10"/>
    </row>
    <row r="420970" spans="14:14">
      <c r="N420970" s="10"/>
    </row>
    <row r="420971" spans="14:14">
      <c r="N420971" s="10"/>
    </row>
    <row r="420972" spans="14:14">
      <c r="N420972" s="10"/>
    </row>
    <row r="420973" spans="14:14">
      <c r="N420973" s="10"/>
    </row>
    <row r="420974" spans="14:14">
      <c r="N420974" s="10"/>
    </row>
    <row r="420975" spans="14:14">
      <c r="N420975" s="10"/>
    </row>
    <row r="420976" spans="14:14">
      <c r="N420976" s="10"/>
    </row>
    <row r="420977" spans="14:14">
      <c r="N420977" s="10"/>
    </row>
    <row r="420978" spans="14:14">
      <c r="N420978" s="10"/>
    </row>
    <row r="420979" spans="14:14">
      <c r="N420979" s="10"/>
    </row>
    <row r="420980" spans="14:14">
      <c r="N420980" s="10"/>
    </row>
    <row r="420981" spans="14:14">
      <c r="N420981" s="10"/>
    </row>
    <row r="420982" spans="14:14">
      <c r="N420982" s="10"/>
    </row>
    <row r="420983" spans="14:14">
      <c r="N420983" s="10"/>
    </row>
    <row r="420984" spans="14:14">
      <c r="N420984" s="10"/>
    </row>
    <row r="420985" spans="14:14">
      <c r="N420985" s="10"/>
    </row>
    <row r="420986" spans="14:14">
      <c r="N420986" s="10"/>
    </row>
    <row r="420987" spans="14:14">
      <c r="N420987" s="10"/>
    </row>
    <row r="420988" spans="14:14">
      <c r="N420988" s="10"/>
    </row>
    <row r="420989" spans="14:14">
      <c r="N420989" s="10"/>
    </row>
    <row r="420990" spans="14:14">
      <c r="N420990" s="10"/>
    </row>
    <row r="420991" spans="14:14">
      <c r="N420991" s="10"/>
    </row>
    <row r="420992" spans="14:14">
      <c r="N420992" s="10"/>
    </row>
    <row r="420993" spans="14:14">
      <c r="N420993" s="10"/>
    </row>
    <row r="420994" spans="14:14">
      <c r="N420994" s="10"/>
    </row>
    <row r="420995" spans="14:14">
      <c r="N420995" s="10"/>
    </row>
    <row r="420996" spans="14:14">
      <c r="N420996" s="10"/>
    </row>
    <row r="420997" spans="14:14">
      <c r="N420997" s="10"/>
    </row>
    <row r="420998" spans="14:14">
      <c r="N420998" s="10"/>
    </row>
    <row r="420999" spans="14:14">
      <c r="N420999" s="10"/>
    </row>
    <row r="421000" spans="14:14">
      <c r="N421000" s="10"/>
    </row>
    <row r="421001" spans="14:14">
      <c r="N421001" s="10"/>
    </row>
    <row r="421002" spans="14:14">
      <c r="N421002" s="10"/>
    </row>
    <row r="421003" spans="14:14">
      <c r="N421003" s="10"/>
    </row>
    <row r="421004" spans="14:14">
      <c r="N421004" s="10"/>
    </row>
    <row r="421005" spans="14:14">
      <c r="N421005" s="10"/>
    </row>
    <row r="421006" spans="14:14">
      <c r="N421006" s="10"/>
    </row>
    <row r="421007" spans="14:14">
      <c r="N421007" s="10"/>
    </row>
    <row r="421008" spans="14:14">
      <c r="N421008" s="10"/>
    </row>
    <row r="421009" spans="14:14">
      <c r="N421009" s="10"/>
    </row>
    <row r="421010" spans="14:14">
      <c r="N421010" s="10"/>
    </row>
    <row r="421011" spans="14:14">
      <c r="N421011" s="10"/>
    </row>
    <row r="421012" spans="14:14">
      <c r="N421012" s="10"/>
    </row>
    <row r="421013" spans="14:14">
      <c r="N421013" s="10"/>
    </row>
    <row r="421014" spans="14:14">
      <c r="N421014" s="10"/>
    </row>
    <row r="421015" spans="14:14">
      <c r="N421015" s="10"/>
    </row>
    <row r="421016" spans="14:14">
      <c r="N421016" s="10"/>
    </row>
    <row r="421017" spans="14:14">
      <c r="N421017" s="10"/>
    </row>
    <row r="421018" spans="14:14">
      <c r="N421018" s="10"/>
    </row>
    <row r="421019" spans="14:14">
      <c r="N421019" s="10"/>
    </row>
    <row r="421020" spans="14:14">
      <c r="N421020" s="10"/>
    </row>
    <row r="421021" spans="14:14">
      <c r="N421021" s="10"/>
    </row>
    <row r="421022" spans="14:14">
      <c r="N421022" s="10"/>
    </row>
    <row r="421023" spans="14:14">
      <c r="N421023" s="10"/>
    </row>
    <row r="421024" spans="14:14">
      <c r="N421024" s="10"/>
    </row>
    <row r="421025" spans="14:14">
      <c r="N421025" s="10"/>
    </row>
    <row r="421026" spans="14:14">
      <c r="N421026" s="10"/>
    </row>
    <row r="421027" spans="14:14">
      <c r="N421027" s="10"/>
    </row>
    <row r="421028" spans="14:14">
      <c r="N421028" s="10"/>
    </row>
    <row r="421029" spans="14:14">
      <c r="N421029" s="10"/>
    </row>
    <row r="421030" spans="14:14">
      <c r="N421030" s="10"/>
    </row>
    <row r="421031" spans="14:14">
      <c r="N421031" s="10"/>
    </row>
    <row r="421032" spans="14:14">
      <c r="N421032" s="10"/>
    </row>
    <row r="421033" spans="14:14">
      <c r="N421033" s="10"/>
    </row>
    <row r="421034" spans="14:14">
      <c r="N421034" s="10"/>
    </row>
    <row r="421035" spans="14:14">
      <c r="N421035" s="10"/>
    </row>
    <row r="421036" spans="14:14">
      <c r="N421036" s="10"/>
    </row>
    <row r="421037" spans="14:14">
      <c r="N421037" s="10"/>
    </row>
    <row r="421038" spans="14:14">
      <c r="N421038" s="10"/>
    </row>
    <row r="421039" spans="14:14">
      <c r="N421039" s="10"/>
    </row>
    <row r="421040" spans="14:14">
      <c r="N421040" s="10"/>
    </row>
    <row r="421041" spans="14:14">
      <c r="N421041" s="10"/>
    </row>
    <row r="421042" spans="14:14">
      <c r="N421042" s="10"/>
    </row>
    <row r="421043" spans="14:14">
      <c r="N421043" s="10"/>
    </row>
    <row r="421044" spans="14:14">
      <c r="N421044" s="10"/>
    </row>
    <row r="421045" spans="14:14">
      <c r="N421045" s="10"/>
    </row>
    <row r="421046" spans="14:14">
      <c r="N421046" s="10"/>
    </row>
    <row r="421047" spans="14:14">
      <c r="N421047" s="10"/>
    </row>
    <row r="421048" spans="14:14">
      <c r="N421048" s="10"/>
    </row>
    <row r="421049" spans="14:14">
      <c r="N421049" s="10"/>
    </row>
    <row r="421050" spans="14:14">
      <c r="N421050" s="10"/>
    </row>
    <row r="421051" spans="14:14">
      <c r="N421051" s="10"/>
    </row>
    <row r="421052" spans="14:14">
      <c r="N421052" s="10"/>
    </row>
    <row r="421053" spans="14:14">
      <c r="N421053" s="10"/>
    </row>
    <row r="421054" spans="14:14">
      <c r="N421054" s="10"/>
    </row>
    <row r="421055" spans="14:14">
      <c r="N421055" s="10"/>
    </row>
    <row r="421056" spans="14:14">
      <c r="N421056" s="10"/>
    </row>
    <row r="421057" spans="14:14">
      <c r="N421057" s="10"/>
    </row>
    <row r="421058" spans="14:14">
      <c r="N421058" s="10"/>
    </row>
    <row r="421059" spans="14:14">
      <c r="N421059" s="10"/>
    </row>
    <row r="421060" spans="14:14">
      <c r="N421060" s="10"/>
    </row>
    <row r="421061" spans="14:14">
      <c r="N421061" s="10"/>
    </row>
    <row r="421062" spans="14:14">
      <c r="N421062" s="10"/>
    </row>
    <row r="421063" spans="14:14">
      <c r="N421063" s="10"/>
    </row>
    <row r="421064" spans="14:14">
      <c r="N421064" s="10"/>
    </row>
    <row r="421065" spans="14:14">
      <c r="N421065" s="10"/>
    </row>
    <row r="421066" spans="14:14">
      <c r="N421066" s="10"/>
    </row>
    <row r="421067" spans="14:14">
      <c r="N421067" s="10"/>
    </row>
    <row r="421068" spans="14:14">
      <c r="N421068" s="10"/>
    </row>
    <row r="421069" spans="14:14">
      <c r="N421069" s="10"/>
    </row>
    <row r="421070" spans="14:14">
      <c r="N421070" s="10"/>
    </row>
    <row r="421071" spans="14:14">
      <c r="N421071" s="10"/>
    </row>
    <row r="421072" spans="14:14">
      <c r="N421072" s="10"/>
    </row>
    <row r="421073" spans="14:14">
      <c r="N421073" s="10"/>
    </row>
    <row r="421074" spans="14:14">
      <c r="N421074" s="10"/>
    </row>
    <row r="421075" spans="14:14">
      <c r="N421075" s="10"/>
    </row>
    <row r="421076" spans="14:14">
      <c r="N421076" s="10"/>
    </row>
    <row r="421077" spans="14:14">
      <c r="N421077" s="10"/>
    </row>
    <row r="421078" spans="14:14">
      <c r="N421078" s="10"/>
    </row>
    <row r="421079" spans="14:14">
      <c r="N421079" s="10"/>
    </row>
    <row r="421080" spans="14:14">
      <c r="N421080" s="10"/>
    </row>
    <row r="421081" spans="14:14">
      <c r="N421081" s="10"/>
    </row>
    <row r="421082" spans="14:14">
      <c r="N421082" s="10"/>
    </row>
    <row r="421083" spans="14:14">
      <c r="N421083" s="10"/>
    </row>
    <row r="421084" spans="14:14">
      <c r="N421084" s="10"/>
    </row>
    <row r="421085" spans="14:14">
      <c r="N421085" s="10"/>
    </row>
    <row r="421086" spans="14:14">
      <c r="N421086" s="10"/>
    </row>
    <row r="421087" spans="14:14">
      <c r="N421087" s="10"/>
    </row>
    <row r="421088" spans="14:14">
      <c r="N421088" s="10"/>
    </row>
    <row r="421089" spans="14:14">
      <c r="N421089" s="10"/>
    </row>
    <row r="421090" spans="14:14">
      <c r="N421090" s="10"/>
    </row>
    <row r="421091" spans="14:14">
      <c r="N421091" s="10"/>
    </row>
    <row r="421092" spans="14:14">
      <c r="N421092" s="10"/>
    </row>
    <row r="421093" spans="14:14">
      <c r="N421093" s="10"/>
    </row>
    <row r="421094" spans="14:14">
      <c r="N421094" s="10"/>
    </row>
    <row r="421095" spans="14:14">
      <c r="N421095" s="10"/>
    </row>
    <row r="421096" spans="14:14">
      <c r="N421096" s="10"/>
    </row>
    <row r="421097" spans="14:14">
      <c r="N421097" s="10"/>
    </row>
    <row r="421098" spans="14:14">
      <c r="N421098" s="10"/>
    </row>
    <row r="421099" spans="14:14">
      <c r="N421099" s="10"/>
    </row>
    <row r="421100" spans="14:14">
      <c r="N421100" s="10"/>
    </row>
    <row r="421101" spans="14:14">
      <c r="N421101" s="10"/>
    </row>
    <row r="421102" spans="14:14">
      <c r="N421102" s="10"/>
    </row>
    <row r="421103" spans="14:14">
      <c r="N421103" s="10"/>
    </row>
    <row r="421104" spans="14:14">
      <c r="N421104" s="10"/>
    </row>
    <row r="421105" spans="14:14">
      <c r="N421105" s="10"/>
    </row>
    <row r="421106" spans="14:14">
      <c r="N421106" s="10"/>
    </row>
    <row r="421107" spans="14:14">
      <c r="N421107" s="10"/>
    </row>
    <row r="421108" spans="14:14">
      <c r="N421108" s="10"/>
    </row>
    <row r="421109" spans="14:14">
      <c r="N421109" s="10"/>
    </row>
    <row r="421110" spans="14:14">
      <c r="N421110" s="10"/>
    </row>
    <row r="421111" spans="14:14">
      <c r="N421111" s="10"/>
    </row>
    <row r="421112" spans="14:14">
      <c r="N421112" s="10"/>
    </row>
    <row r="421113" spans="14:14">
      <c r="N421113" s="10"/>
    </row>
    <row r="421114" spans="14:14">
      <c r="N421114" s="10"/>
    </row>
    <row r="421115" spans="14:14">
      <c r="N421115" s="10"/>
    </row>
    <row r="421116" spans="14:14">
      <c r="N421116" s="10"/>
    </row>
    <row r="421117" spans="14:14">
      <c r="N421117" s="10"/>
    </row>
    <row r="421118" spans="14:14">
      <c r="N421118" s="10"/>
    </row>
    <row r="421119" spans="14:14">
      <c r="N421119" s="10"/>
    </row>
    <row r="421120" spans="14:14">
      <c r="N421120" s="10"/>
    </row>
    <row r="421121" spans="14:14">
      <c r="N421121" s="10"/>
    </row>
    <row r="421122" spans="14:14">
      <c r="N421122" s="10"/>
    </row>
    <row r="421123" spans="14:14">
      <c r="N421123" s="10"/>
    </row>
    <row r="421124" spans="14:14">
      <c r="N421124" s="10"/>
    </row>
    <row r="421125" spans="14:14">
      <c r="N421125" s="10"/>
    </row>
    <row r="421126" spans="14:14">
      <c r="N421126" s="10"/>
    </row>
    <row r="421127" spans="14:14">
      <c r="N421127" s="10"/>
    </row>
    <row r="421128" spans="14:14">
      <c r="N421128" s="10"/>
    </row>
    <row r="421129" spans="14:14">
      <c r="N421129" s="10"/>
    </row>
    <row r="421130" spans="14:14">
      <c r="N421130" s="10"/>
    </row>
    <row r="421131" spans="14:14">
      <c r="N421131" s="10"/>
    </row>
    <row r="421132" spans="14:14">
      <c r="N421132" s="10"/>
    </row>
    <row r="421133" spans="14:14">
      <c r="N421133" s="10"/>
    </row>
    <row r="421134" spans="14:14">
      <c r="N421134" s="10"/>
    </row>
    <row r="421135" spans="14:14">
      <c r="N421135" s="10"/>
    </row>
    <row r="421136" spans="14:14">
      <c r="N421136" s="10"/>
    </row>
    <row r="421137" spans="14:14">
      <c r="N421137" s="10"/>
    </row>
    <row r="421138" spans="14:14">
      <c r="N421138" s="10"/>
    </row>
    <row r="421139" spans="14:14">
      <c r="N421139" s="10"/>
    </row>
    <row r="421140" spans="14:14">
      <c r="N421140" s="10"/>
    </row>
    <row r="421141" spans="14:14">
      <c r="N421141" s="10"/>
    </row>
    <row r="421142" spans="14:14">
      <c r="N421142" s="10"/>
    </row>
    <row r="421143" spans="14:14">
      <c r="N421143" s="10"/>
    </row>
    <row r="421144" spans="14:14">
      <c r="N421144" s="10"/>
    </row>
    <row r="421145" spans="14:14">
      <c r="N421145" s="10"/>
    </row>
    <row r="421146" spans="14:14">
      <c r="N421146" s="10"/>
    </row>
    <row r="421147" spans="14:14">
      <c r="N421147" s="10"/>
    </row>
    <row r="421148" spans="14:14">
      <c r="N421148" s="10"/>
    </row>
    <row r="421149" spans="14:14">
      <c r="N421149" s="10"/>
    </row>
    <row r="421150" spans="14:14">
      <c r="N421150" s="10"/>
    </row>
    <row r="421151" spans="14:14">
      <c r="N421151" s="10"/>
    </row>
    <row r="421152" spans="14:14">
      <c r="N421152" s="10"/>
    </row>
    <row r="421153" spans="14:14">
      <c r="N421153" s="10"/>
    </row>
    <row r="421154" spans="14:14">
      <c r="N421154" s="10"/>
    </row>
    <row r="421155" spans="14:14">
      <c r="N421155" s="10"/>
    </row>
    <row r="421156" spans="14:14">
      <c r="N421156" s="10"/>
    </row>
    <row r="421157" spans="14:14">
      <c r="N421157" s="10"/>
    </row>
    <row r="421158" spans="14:14">
      <c r="N421158" s="10"/>
    </row>
    <row r="421159" spans="14:14">
      <c r="N421159" s="10"/>
    </row>
    <row r="421160" spans="14:14">
      <c r="N421160" s="10"/>
    </row>
    <row r="421161" spans="14:14">
      <c r="N421161" s="10"/>
    </row>
    <row r="421162" spans="14:14">
      <c r="N421162" s="10"/>
    </row>
    <row r="421163" spans="14:14">
      <c r="N421163" s="10"/>
    </row>
    <row r="421164" spans="14:14">
      <c r="N421164" s="10"/>
    </row>
    <row r="421165" spans="14:14">
      <c r="N421165" s="10"/>
    </row>
    <row r="421166" spans="14:14">
      <c r="N421166" s="10"/>
    </row>
    <row r="421167" spans="14:14">
      <c r="N421167" s="10"/>
    </row>
    <row r="421168" spans="14:14">
      <c r="N421168" s="10"/>
    </row>
    <row r="421169" spans="14:14">
      <c r="N421169" s="10"/>
    </row>
    <row r="421170" spans="14:14">
      <c r="N421170" s="10"/>
    </row>
    <row r="421171" spans="14:14">
      <c r="N421171" s="10"/>
    </row>
    <row r="421172" spans="14:14">
      <c r="N421172" s="10"/>
    </row>
    <row r="421173" spans="14:14">
      <c r="N421173" s="10"/>
    </row>
    <row r="421174" spans="14:14">
      <c r="N421174" s="10"/>
    </row>
    <row r="421175" spans="14:14">
      <c r="N421175" s="10"/>
    </row>
    <row r="421176" spans="14:14">
      <c r="N421176" s="10"/>
    </row>
    <row r="421177" spans="14:14">
      <c r="N421177" s="10"/>
    </row>
    <row r="421178" spans="14:14">
      <c r="N421178" s="10"/>
    </row>
    <row r="421179" spans="14:14">
      <c r="N421179" s="10"/>
    </row>
    <row r="421180" spans="14:14">
      <c r="N421180" s="10"/>
    </row>
    <row r="421181" spans="14:14">
      <c r="N421181" s="10"/>
    </row>
    <row r="421182" spans="14:14">
      <c r="N421182" s="10"/>
    </row>
    <row r="421183" spans="14:14">
      <c r="N421183" s="10"/>
    </row>
    <row r="421184" spans="14:14">
      <c r="N421184" s="10"/>
    </row>
    <row r="421185" spans="14:14">
      <c r="N421185" s="10"/>
    </row>
    <row r="421186" spans="14:14">
      <c r="N421186" s="10"/>
    </row>
    <row r="421187" spans="14:14">
      <c r="N421187" s="10"/>
    </row>
    <row r="421188" spans="14:14">
      <c r="N421188" s="10"/>
    </row>
    <row r="421189" spans="14:14">
      <c r="N421189" s="10"/>
    </row>
    <row r="421190" spans="14:14">
      <c r="N421190" s="10"/>
    </row>
    <row r="421191" spans="14:14">
      <c r="N421191" s="10"/>
    </row>
    <row r="421192" spans="14:14">
      <c r="N421192" s="10"/>
    </row>
    <row r="421193" spans="14:14">
      <c r="N421193" s="10"/>
    </row>
    <row r="421194" spans="14:14">
      <c r="N421194" s="10"/>
    </row>
    <row r="421195" spans="14:14">
      <c r="N421195" s="10"/>
    </row>
    <row r="421196" spans="14:14">
      <c r="N421196" s="10"/>
    </row>
    <row r="421197" spans="14:14">
      <c r="N421197" s="10"/>
    </row>
    <row r="421198" spans="14:14">
      <c r="N421198" s="10"/>
    </row>
    <row r="421199" spans="14:14">
      <c r="N421199" s="10"/>
    </row>
    <row r="421200" spans="14:14">
      <c r="N421200" s="10"/>
    </row>
    <row r="421201" spans="14:14">
      <c r="N421201" s="10"/>
    </row>
    <row r="421202" spans="14:14">
      <c r="N421202" s="10"/>
    </row>
    <row r="421203" spans="14:14">
      <c r="N421203" s="10"/>
    </row>
    <row r="421204" spans="14:14">
      <c r="N421204" s="10"/>
    </row>
    <row r="421205" spans="14:14">
      <c r="N421205" s="10"/>
    </row>
    <row r="421206" spans="14:14">
      <c r="N421206" s="10"/>
    </row>
    <row r="421207" spans="14:14">
      <c r="N421207" s="10"/>
    </row>
    <row r="421208" spans="14:14">
      <c r="N421208" s="10"/>
    </row>
    <row r="421209" spans="14:14">
      <c r="N421209" s="10"/>
    </row>
    <row r="421210" spans="14:14">
      <c r="N421210" s="10"/>
    </row>
    <row r="421211" spans="14:14">
      <c r="N421211" s="10"/>
    </row>
    <row r="421212" spans="14:14">
      <c r="N421212" s="10"/>
    </row>
    <row r="421213" spans="14:14">
      <c r="N421213" s="10"/>
    </row>
    <row r="421214" spans="14:14">
      <c r="N421214" s="10"/>
    </row>
    <row r="421215" spans="14:14">
      <c r="N421215" s="10"/>
    </row>
    <row r="421216" spans="14:14">
      <c r="N421216" s="10"/>
    </row>
    <row r="421217" spans="14:14">
      <c r="N421217" s="10"/>
    </row>
    <row r="421218" spans="14:14">
      <c r="N421218" s="10"/>
    </row>
    <row r="421219" spans="14:14">
      <c r="N421219" s="10"/>
    </row>
    <row r="421220" spans="14:14">
      <c r="N421220" s="10"/>
    </row>
    <row r="421221" spans="14:14">
      <c r="N421221" s="10"/>
    </row>
    <row r="421222" spans="14:14">
      <c r="N421222" s="10"/>
    </row>
    <row r="421223" spans="14:14">
      <c r="N421223" s="10"/>
    </row>
    <row r="421224" spans="14:14">
      <c r="N421224" s="10"/>
    </row>
    <row r="421225" spans="14:14">
      <c r="N421225" s="10"/>
    </row>
    <row r="421226" spans="14:14">
      <c r="N421226" s="10"/>
    </row>
    <row r="421227" spans="14:14">
      <c r="N421227" s="10"/>
    </row>
    <row r="421228" spans="14:14">
      <c r="N421228" s="10"/>
    </row>
    <row r="421229" spans="14:14">
      <c r="N421229" s="10"/>
    </row>
    <row r="421230" spans="14:14">
      <c r="N421230" s="10"/>
    </row>
    <row r="421231" spans="14:14">
      <c r="N421231" s="10"/>
    </row>
    <row r="421232" spans="14:14">
      <c r="N421232" s="10"/>
    </row>
    <row r="421233" spans="14:14">
      <c r="N421233" s="10"/>
    </row>
    <row r="421234" spans="14:14">
      <c r="N421234" s="10"/>
    </row>
    <row r="421235" spans="14:14">
      <c r="N421235" s="10"/>
    </row>
    <row r="421236" spans="14:14">
      <c r="N421236" s="10"/>
    </row>
    <row r="421237" spans="14:14">
      <c r="N421237" s="10"/>
    </row>
    <row r="421238" spans="14:14">
      <c r="N421238" s="10"/>
    </row>
    <row r="421239" spans="14:14">
      <c r="N421239" s="10"/>
    </row>
    <row r="421240" spans="14:14">
      <c r="N421240" s="10"/>
    </row>
    <row r="421241" spans="14:14">
      <c r="N421241" s="10"/>
    </row>
    <row r="421242" spans="14:14">
      <c r="N421242" s="10"/>
    </row>
    <row r="421243" spans="14:14">
      <c r="N421243" s="10"/>
    </row>
    <row r="421244" spans="14:14">
      <c r="N421244" s="10"/>
    </row>
    <row r="421245" spans="14:14">
      <c r="N421245" s="10"/>
    </row>
    <row r="421246" spans="14:14">
      <c r="N421246" s="10"/>
    </row>
    <row r="421247" spans="14:14">
      <c r="N421247" s="10"/>
    </row>
    <row r="421248" spans="14:14">
      <c r="N421248" s="10"/>
    </row>
    <row r="421249" spans="14:14">
      <c r="N421249" s="10"/>
    </row>
    <row r="421250" spans="14:14">
      <c r="N421250" s="10"/>
    </row>
    <row r="421251" spans="14:14">
      <c r="N421251" s="10"/>
    </row>
    <row r="421252" spans="14:14">
      <c r="N421252" s="10"/>
    </row>
    <row r="421253" spans="14:14">
      <c r="N421253" s="10"/>
    </row>
    <row r="421254" spans="14:14">
      <c r="N421254" s="10"/>
    </row>
    <row r="421255" spans="14:14">
      <c r="N421255" s="10"/>
    </row>
    <row r="421256" spans="14:14">
      <c r="N421256" s="10"/>
    </row>
    <row r="421257" spans="14:14">
      <c r="N421257" s="10"/>
    </row>
    <row r="421258" spans="14:14">
      <c r="N421258" s="10"/>
    </row>
    <row r="421259" spans="14:14">
      <c r="N421259" s="10"/>
    </row>
    <row r="421260" spans="14:14">
      <c r="N421260" s="10"/>
    </row>
    <row r="421261" spans="14:14">
      <c r="N421261" s="10"/>
    </row>
    <row r="421262" spans="14:14">
      <c r="N421262" s="10"/>
    </row>
    <row r="421263" spans="14:14">
      <c r="N421263" s="10"/>
    </row>
    <row r="421264" spans="14:14">
      <c r="N421264" s="10"/>
    </row>
    <row r="421265" spans="14:14">
      <c r="N421265" s="10"/>
    </row>
    <row r="421266" spans="14:14">
      <c r="N421266" s="10"/>
    </row>
    <row r="421267" spans="14:14">
      <c r="N421267" s="10"/>
    </row>
    <row r="421268" spans="14:14">
      <c r="N421268" s="10"/>
    </row>
    <row r="421269" spans="14:14">
      <c r="N421269" s="10"/>
    </row>
    <row r="421270" spans="14:14">
      <c r="N421270" s="10"/>
    </row>
    <row r="421271" spans="14:14">
      <c r="N421271" s="10"/>
    </row>
    <row r="421272" spans="14:14">
      <c r="N421272" s="10"/>
    </row>
    <row r="421273" spans="14:14">
      <c r="N421273" s="10"/>
    </row>
    <row r="421274" spans="14:14">
      <c r="N421274" s="10"/>
    </row>
    <row r="421275" spans="14:14">
      <c r="N421275" s="10"/>
    </row>
    <row r="421276" spans="14:14">
      <c r="N421276" s="10"/>
    </row>
    <row r="421277" spans="14:14">
      <c r="N421277" s="10"/>
    </row>
    <row r="421278" spans="14:14">
      <c r="N421278" s="10"/>
    </row>
    <row r="421279" spans="14:14">
      <c r="N421279" s="10"/>
    </row>
    <row r="421280" spans="14:14">
      <c r="N421280" s="10"/>
    </row>
    <row r="421281" spans="14:14">
      <c r="N421281" s="10"/>
    </row>
    <row r="421282" spans="14:14">
      <c r="N421282" s="10"/>
    </row>
    <row r="421283" spans="14:14">
      <c r="N421283" s="10"/>
    </row>
    <row r="421284" spans="14:14">
      <c r="N421284" s="10"/>
    </row>
    <row r="421285" spans="14:14">
      <c r="N421285" s="10"/>
    </row>
    <row r="421286" spans="14:14">
      <c r="N421286" s="10"/>
    </row>
    <row r="421287" spans="14:14">
      <c r="N421287" s="10"/>
    </row>
    <row r="421288" spans="14:14">
      <c r="N421288" s="10"/>
    </row>
    <row r="421289" spans="14:14">
      <c r="N421289" s="10"/>
    </row>
    <row r="421290" spans="14:14">
      <c r="N421290" s="10"/>
    </row>
    <row r="421291" spans="14:14">
      <c r="N421291" s="10"/>
    </row>
    <row r="421292" spans="14:14">
      <c r="N421292" s="10"/>
    </row>
    <row r="421293" spans="14:14">
      <c r="N421293" s="10"/>
    </row>
    <row r="421294" spans="14:14">
      <c r="N421294" s="10"/>
    </row>
    <row r="421295" spans="14:14">
      <c r="N421295" s="10"/>
    </row>
    <row r="421296" spans="14:14">
      <c r="N421296" s="10"/>
    </row>
    <row r="421297" spans="14:14">
      <c r="N421297" s="10"/>
    </row>
    <row r="421298" spans="14:14">
      <c r="N421298" s="10"/>
    </row>
    <row r="421299" spans="14:14">
      <c r="N421299" s="10"/>
    </row>
    <row r="421300" spans="14:14">
      <c r="N421300" s="10"/>
    </row>
    <row r="421301" spans="14:14">
      <c r="N421301" s="10"/>
    </row>
    <row r="421302" spans="14:14">
      <c r="N421302" s="10"/>
    </row>
    <row r="421303" spans="14:14">
      <c r="N421303" s="10"/>
    </row>
    <row r="421304" spans="14:14">
      <c r="N421304" s="10"/>
    </row>
    <row r="421305" spans="14:14">
      <c r="N421305" s="10"/>
    </row>
    <row r="421306" spans="14:14">
      <c r="N421306" s="10"/>
    </row>
    <row r="421307" spans="14:14">
      <c r="N421307" s="10"/>
    </row>
    <row r="421308" spans="14:14">
      <c r="N421308" s="10"/>
    </row>
    <row r="421309" spans="14:14">
      <c r="N421309" s="10"/>
    </row>
    <row r="421310" spans="14:14">
      <c r="N421310" s="10"/>
    </row>
    <row r="421311" spans="14:14">
      <c r="N421311" s="10"/>
    </row>
    <row r="421312" spans="14:14">
      <c r="N421312" s="10"/>
    </row>
    <row r="421313" spans="14:14">
      <c r="N421313" s="10"/>
    </row>
    <row r="421314" spans="14:14">
      <c r="N421314" s="10"/>
    </row>
    <row r="421315" spans="14:14">
      <c r="N421315" s="10"/>
    </row>
    <row r="421316" spans="14:14">
      <c r="N421316" s="10"/>
    </row>
    <row r="421317" spans="14:14">
      <c r="N421317" s="10"/>
    </row>
    <row r="421318" spans="14:14">
      <c r="N421318" s="10"/>
    </row>
    <row r="421319" spans="14:14">
      <c r="N421319" s="10"/>
    </row>
    <row r="421320" spans="14:14">
      <c r="N421320" s="10"/>
    </row>
    <row r="421321" spans="14:14">
      <c r="N421321" s="10"/>
    </row>
    <row r="421322" spans="14:14">
      <c r="N421322" s="10"/>
    </row>
    <row r="421323" spans="14:14">
      <c r="N421323" s="10"/>
    </row>
    <row r="421324" spans="14:14">
      <c r="N421324" s="10"/>
    </row>
    <row r="421325" spans="14:14">
      <c r="N421325" s="10"/>
    </row>
    <row r="421326" spans="14:14">
      <c r="N421326" s="10"/>
    </row>
    <row r="421327" spans="14:14">
      <c r="N421327" s="10"/>
    </row>
    <row r="421328" spans="14:14">
      <c r="N421328" s="10"/>
    </row>
    <row r="421329" spans="14:14">
      <c r="N421329" s="10"/>
    </row>
    <row r="421330" spans="14:14">
      <c r="N421330" s="10"/>
    </row>
    <row r="421331" spans="14:14">
      <c r="N421331" s="10"/>
    </row>
    <row r="421332" spans="14:14">
      <c r="N421332" s="10"/>
    </row>
    <row r="421333" spans="14:14">
      <c r="N421333" s="10"/>
    </row>
    <row r="421334" spans="14:14">
      <c r="N421334" s="10"/>
    </row>
    <row r="421335" spans="14:14">
      <c r="N421335" s="10"/>
    </row>
    <row r="421336" spans="14:14">
      <c r="N421336" s="10"/>
    </row>
    <row r="421337" spans="14:14">
      <c r="N421337" s="10"/>
    </row>
    <row r="421338" spans="14:14">
      <c r="N421338" s="10"/>
    </row>
    <row r="421339" spans="14:14">
      <c r="N421339" s="10"/>
    </row>
    <row r="421340" spans="14:14">
      <c r="N421340" s="10"/>
    </row>
    <row r="421341" spans="14:14">
      <c r="N421341" s="10"/>
    </row>
    <row r="421342" spans="14:14">
      <c r="N421342" s="10"/>
    </row>
    <row r="421343" spans="14:14">
      <c r="N421343" s="10"/>
    </row>
    <row r="421344" spans="14:14">
      <c r="N421344" s="10"/>
    </row>
    <row r="421345" spans="14:14">
      <c r="N421345" s="10"/>
    </row>
    <row r="421346" spans="14:14">
      <c r="N421346" s="10"/>
    </row>
    <row r="421347" spans="14:14">
      <c r="N421347" s="10"/>
    </row>
    <row r="421348" spans="14:14">
      <c r="N421348" s="10"/>
    </row>
    <row r="421349" spans="14:14">
      <c r="N421349" s="10"/>
    </row>
    <row r="421350" spans="14:14">
      <c r="N421350" s="10"/>
    </row>
    <row r="421351" spans="14:14">
      <c r="N421351" s="10"/>
    </row>
    <row r="421352" spans="14:14">
      <c r="N421352" s="10"/>
    </row>
    <row r="421353" spans="14:14">
      <c r="N421353" s="10"/>
    </row>
    <row r="421354" spans="14:14">
      <c r="N421354" s="10"/>
    </row>
    <row r="421355" spans="14:14">
      <c r="N421355" s="10"/>
    </row>
    <row r="421356" spans="14:14">
      <c r="N421356" s="10"/>
    </row>
    <row r="421357" spans="14:14">
      <c r="N421357" s="10"/>
    </row>
    <row r="421358" spans="14:14">
      <c r="N421358" s="10"/>
    </row>
    <row r="421359" spans="14:14">
      <c r="N421359" s="10"/>
    </row>
    <row r="421360" spans="14:14">
      <c r="N421360" s="10"/>
    </row>
    <row r="421361" spans="14:14">
      <c r="N421361" s="10"/>
    </row>
    <row r="421362" spans="14:14">
      <c r="N421362" s="10"/>
    </row>
    <row r="421363" spans="14:14">
      <c r="N421363" s="10"/>
    </row>
    <row r="421364" spans="14:14">
      <c r="N421364" s="10"/>
    </row>
    <row r="421365" spans="14:14">
      <c r="N421365" s="10"/>
    </row>
    <row r="421366" spans="14:14">
      <c r="N421366" s="10"/>
    </row>
    <row r="421367" spans="14:14">
      <c r="N421367" s="10"/>
    </row>
    <row r="421368" spans="14:14">
      <c r="N421368" s="10"/>
    </row>
    <row r="421369" spans="14:14">
      <c r="N421369" s="10"/>
    </row>
    <row r="421370" spans="14:14">
      <c r="N421370" s="10"/>
    </row>
    <row r="421371" spans="14:14">
      <c r="N421371" s="10"/>
    </row>
    <row r="421372" spans="14:14">
      <c r="N421372" s="10"/>
    </row>
    <row r="421373" spans="14:14">
      <c r="N421373" s="10"/>
    </row>
    <row r="421374" spans="14:14">
      <c r="N421374" s="10"/>
    </row>
    <row r="421375" spans="14:14">
      <c r="N421375" s="10"/>
    </row>
    <row r="421376" spans="14:14">
      <c r="N421376" s="10"/>
    </row>
    <row r="421377" spans="14:14">
      <c r="N421377" s="10"/>
    </row>
    <row r="421378" spans="14:14">
      <c r="N421378" s="10"/>
    </row>
    <row r="421379" spans="14:14">
      <c r="N421379" s="10"/>
    </row>
    <row r="421380" spans="14:14">
      <c r="N421380" s="10"/>
    </row>
    <row r="421381" spans="14:14">
      <c r="N421381" s="10"/>
    </row>
    <row r="421382" spans="14:14">
      <c r="N421382" s="10"/>
    </row>
    <row r="421383" spans="14:14">
      <c r="N421383" s="10"/>
    </row>
    <row r="421384" spans="14:14">
      <c r="N421384" s="10"/>
    </row>
    <row r="421385" spans="14:14">
      <c r="N421385" s="10"/>
    </row>
    <row r="421386" spans="14:14">
      <c r="N421386" s="10"/>
    </row>
    <row r="421387" spans="14:14">
      <c r="N421387" s="10"/>
    </row>
    <row r="421388" spans="14:14">
      <c r="N421388" s="10"/>
    </row>
    <row r="421389" spans="14:14">
      <c r="N421389" s="10"/>
    </row>
    <row r="421390" spans="14:14">
      <c r="N421390" s="10"/>
    </row>
    <row r="421391" spans="14:14">
      <c r="N421391" s="10"/>
    </row>
    <row r="421392" spans="14:14">
      <c r="N421392" s="10"/>
    </row>
    <row r="421393" spans="14:14">
      <c r="N421393" s="10"/>
    </row>
    <row r="421394" spans="14:14">
      <c r="N421394" s="10"/>
    </row>
    <row r="421395" spans="14:14">
      <c r="N421395" s="10"/>
    </row>
    <row r="421396" spans="14:14">
      <c r="N421396" s="10"/>
    </row>
    <row r="421397" spans="14:14">
      <c r="N421397" s="10"/>
    </row>
    <row r="421398" spans="14:14">
      <c r="N421398" s="10"/>
    </row>
    <row r="421399" spans="14:14">
      <c r="N421399" s="10"/>
    </row>
    <row r="421400" spans="14:14">
      <c r="N421400" s="10"/>
    </row>
    <row r="421401" spans="14:14">
      <c r="N421401" s="10"/>
    </row>
    <row r="421402" spans="14:14">
      <c r="N421402" s="10"/>
    </row>
    <row r="421403" spans="14:14">
      <c r="N421403" s="10"/>
    </row>
    <row r="421404" spans="14:14">
      <c r="N421404" s="10"/>
    </row>
    <row r="421405" spans="14:14">
      <c r="N421405" s="10"/>
    </row>
    <row r="421406" spans="14:14">
      <c r="N421406" s="10"/>
    </row>
    <row r="421407" spans="14:14">
      <c r="N421407" s="10"/>
    </row>
    <row r="421408" spans="14:14">
      <c r="N421408" s="10"/>
    </row>
    <row r="421409" spans="14:14">
      <c r="N421409" s="10"/>
    </row>
    <row r="421410" spans="14:14">
      <c r="N421410" s="10"/>
    </row>
    <row r="421411" spans="14:14">
      <c r="N421411" s="10"/>
    </row>
    <row r="421412" spans="14:14">
      <c r="N421412" s="10"/>
    </row>
    <row r="421413" spans="14:14">
      <c r="N421413" s="10"/>
    </row>
    <row r="421414" spans="14:14">
      <c r="N421414" s="10"/>
    </row>
    <row r="421415" spans="14:14">
      <c r="N421415" s="10"/>
    </row>
    <row r="421416" spans="14:14">
      <c r="N421416" s="10"/>
    </row>
    <row r="421417" spans="14:14">
      <c r="N421417" s="10"/>
    </row>
    <row r="421418" spans="14:14">
      <c r="N421418" s="10"/>
    </row>
    <row r="421419" spans="14:14">
      <c r="N421419" s="10"/>
    </row>
    <row r="421420" spans="14:14">
      <c r="N421420" s="10"/>
    </row>
    <row r="421421" spans="14:14">
      <c r="N421421" s="10"/>
    </row>
    <row r="421422" spans="14:14">
      <c r="N421422" s="10"/>
    </row>
    <row r="421423" spans="14:14">
      <c r="N421423" s="10"/>
    </row>
    <row r="421424" spans="14:14">
      <c r="N421424" s="10"/>
    </row>
    <row r="421425" spans="14:14">
      <c r="N421425" s="10"/>
    </row>
    <row r="421426" spans="14:14">
      <c r="N421426" s="10"/>
    </row>
    <row r="421427" spans="14:14">
      <c r="N421427" s="10"/>
    </row>
    <row r="421428" spans="14:14">
      <c r="N421428" s="10"/>
    </row>
    <row r="421429" spans="14:14">
      <c r="N421429" s="10"/>
    </row>
    <row r="421430" spans="14:14">
      <c r="N421430" s="10"/>
    </row>
    <row r="421431" spans="14:14">
      <c r="N421431" s="10"/>
    </row>
    <row r="421432" spans="14:14">
      <c r="N421432" s="10"/>
    </row>
    <row r="421433" spans="14:14">
      <c r="N421433" s="10"/>
    </row>
    <row r="421434" spans="14:14">
      <c r="N421434" s="10"/>
    </row>
    <row r="421435" spans="14:14">
      <c r="N421435" s="10"/>
    </row>
    <row r="421436" spans="14:14">
      <c r="N421436" s="10"/>
    </row>
    <row r="421437" spans="14:14">
      <c r="N421437" s="10"/>
    </row>
    <row r="421438" spans="14:14">
      <c r="N421438" s="10"/>
    </row>
    <row r="421439" spans="14:14">
      <c r="N421439" s="10"/>
    </row>
    <row r="421440" spans="14:14">
      <c r="N421440" s="10"/>
    </row>
    <row r="421441" spans="14:14">
      <c r="N421441" s="10"/>
    </row>
    <row r="421442" spans="14:14">
      <c r="N421442" s="10"/>
    </row>
    <row r="421443" spans="14:14">
      <c r="N421443" s="10"/>
    </row>
    <row r="421444" spans="14:14">
      <c r="N421444" s="10"/>
    </row>
    <row r="421445" spans="14:14">
      <c r="N421445" s="10"/>
    </row>
    <row r="421446" spans="14:14">
      <c r="N421446" s="10"/>
    </row>
    <row r="421447" spans="14:14">
      <c r="N421447" s="10"/>
    </row>
    <row r="421448" spans="14:14">
      <c r="N421448" s="10"/>
    </row>
    <row r="421449" spans="14:14">
      <c r="N421449" s="10"/>
    </row>
    <row r="421450" spans="14:14">
      <c r="N421450" s="10"/>
    </row>
    <row r="421451" spans="14:14">
      <c r="N421451" s="10"/>
    </row>
    <row r="421452" spans="14:14">
      <c r="N421452" s="10"/>
    </row>
    <row r="421453" spans="14:14">
      <c r="N421453" s="10"/>
    </row>
    <row r="421454" spans="14:14">
      <c r="N421454" s="10"/>
    </row>
    <row r="421455" spans="14:14">
      <c r="N421455" s="10"/>
    </row>
    <row r="421456" spans="14:14">
      <c r="N421456" s="10"/>
    </row>
    <row r="421457" spans="14:14">
      <c r="N421457" s="10"/>
    </row>
    <row r="421458" spans="14:14">
      <c r="N421458" s="10"/>
    </row>
    <row r="421459" spans="14:14">
      <c r="N421459" s="10"/>
    </row>
    <row r="421460" spans="14:14">
      <c r="N421460" s="10"/>
    </row>
    <row r="421461" spans="14:14">
      <c r="N421461" s="10"/>
    </row>
    <row r="421462" spans="14:14">
      <c r="N421462" s="10"/>
    </row>
    <row r="421463" spans="14:14">
      <c r="N421463" s="10"/>
    </row>
    <row r="421464" spans="14:14">
      <c r="N421464" s="10"/>
    </row>
    <row r="421465" spans="14:14">
      <c r="N421465" s="10"/>
    </row>
    <row r="421466" spans="14:14">
      <c r="N421466" s="10"/>
    </row>
    <row r="421467" spans="14:14">
      <c r="N421467" s="10"/>
    </row>
    <row r="421468" spans="14:14">
      <c r="N421468" s="10"/>
    </row>
    <row r="421469" spans="14:14">
      <c r="N421469" s="10"/>
    </row>
    <row r="421470" spans="14:14">
      <c r="N421470" s="10"/>
    </row>
    <row r="421471" spans="14:14">
      <c r="N421471" s="10"/>
    </row>
    <row r="421472" spans="14:14">
      <c r="N421472" s="10"/>
    </row>
    <row r="421473" spans="14:14">
      <c r="N421473" s="10"/>
    </row>
    <row r="421474" spans="14:14">
      <c r="N421474" s="10"/>
    </row>
    <row r="421475" spans="14:14">
      <c r="N421475" s="10"/>
    </row>
    <row r="421476" spans="14:14">
      <c r="N421476" s="10"/>
    </row>
    <row r="421477" spans="14:14">
      <c r="N421477" s="10"/>
    </row>
    <row r="421478" spans="14:14">
      <c r="N421478" s="10"/>
    </row>
    <row r="421479" spans="14:14">
      <c r="N421479" s="10"/>
    </row>
    <row r="421480" spans="14:14">
      <c r="N421480" s="10"/>
    </row>
    <row r="421481" spans="14:14">
      <c r="N421481" s="10"/>
    </row>
    <row r="421482" spans="14:14">
      <c r="N421482" s="10"/>
    </row>
    <row r="421483" spans="14:14">
      <c r="N421483" s="10"/>
    </row>
    <row r="421484" spans="14:14">
      <c r="N421484" s="10"/>
    </row>
    <row r="421485" spans="14:14">
      <c r="N421485" s="10"/>
    </row>
    <row r="421486" spans="14:14">
      <c r="N421486" s="10"/>
    </row>
    <row r="421487" spans="14:14">
      <c r="N421487" s="10"/>
    </row>
    <row r="421488" spans="14:14">
      <c r="N421488" s="10"/>
    </row>
    <row r="421489" spans="14:14">
      <c r="N421489" s="10"/>
    </row>
    <row r="421490" spans="14:14">
      <c r="N421490" s="10"/>
    </row>
    <row r="421491" spans="14:14">
      <c r="N421491" s="10"/>
    </row>
    <row r="421492" spans="14:14">
      <c r="N421492" s="10"/>
    </row>
    <row r="421493" spans="14:14">
      <c r="N421493" s="10"/>
    </row>
    <row r="421494" spans="14:14">
      <c r="N421494" s="10"/>
    </row>
    <row r="421495" spans="14:14">
      <c r="N421495" s="10"/>
    </row>
    <row r="421496" spans="14:14">
      <c r="N421496" s="10"/>
    </row>
    <row r="421497" spans="14:14">
      <c r="N421497" s="10"/>
    </row>
    <row r="421498" spans="14:14">
      <c r="N421498" s="10"/>
    </row>
    <row r="421499" spans="14:14">
      <c r="N421499" s="10"/>
    </row>
    <row r="421500" spans="14:14">
      <c r="N421500" s="10"/>
    </row>
    <row r="421501" spans="14:14">
      <c r="N421501" s="10"/>
    </row>
    <row r="421502" spans="14:14">
      <c r="N421502" s="10"/>
    </row>
    <row r="421503" spans="14:14">
      <c r="N421503" s="10"/>
    </row>
    <row r="421504" spans="14:14">
      <c r="N421504" s="10"/>
    </row>
    <row r="421505" spans="14:14">
      <c r="N421505" s="10"/>
    </row>
    <row r="421506" spans="14:14">
      <c r="N421506" s="10"/>
    </row>
    <row r="421507" spans="14:14">
      <c r="N421507" s="10"/>
    </row>
    <row r="421508" spans="14:14">
      <c r="N421508" s="10"/>
    </row>
    <row r="421509" spans="14:14">
      <c r="N421509" s="10"/>
    </row>
    <row r="421510" spans="14:14">
      <c r="N421510" s="10"/>
    </row>
    <row r="421511" spans="14:14">
      <c r="N421511" s="10"/>
    </row>
    <row r="421512" spans="14:14">
      <c r="N421512" s="10"/>
    </row>
    <row r="421513" spans="14:14">
      <c r="N421513" s="10"/>
    </row>
    <row r="421514" spans="14:14">
      <c r="N421514" s="10"/>
    </row>
    <row r="421515" spans="14:14">
      <c r="N421515" s="10"/>
    </row>
    <row r="421516" spans="14:14">
      <c r="N421516" s="10"/>
    </row>
    <row r="421517" spans="14:14">
      <c r="N421517" s="10"/>
    </row>
    <row r="421518" spans="14:14">
      <c r="N421518" s="10"/>
    </row>
    <row r="421519" spans="14:14">
      <c r="N421519" s="10"/>
    </row>
    <row r="421520" spans="14:14">
      <c r="N421520" s="10"/>
    </row>
    <row r="421521" spans="14:14">
      <c r="N421521" s="10"/>
    </row>
    <row r="421522" spans="14:14">
      <c r="N421522" s="10"/>
    </row>
    <row r="421523" spans="14:14">
      <c r="N421523" s="10"/>
    </row>
    <row r="421524" spans="14:14">
      <c r="N421524" s="10"/>
    </row>
    <row r="421525" spans="14:14">
      <c r="N421525" s="10"/>
    </row>
    <row r="421526" spans="14:14">
      <c r="N421526" s="10"/>
    </row>
    <row r="421527" spans="14:14">
      <c r="N421527" s="10"/>
    </row>
    <row r="421528" spans="14:14">
      <c r="N421528" s="10"/>
    </row>
    <row r="421529" spans="14:14">
      <c r="N421529" s="10"/>
    </row>
    <row r="421530" spans="14:14">
      <c r="N421530" s="10"/>
    </row>
    <row r="421531" spans="14:14">
      <c r="N421531" s="10"/>
    </row>
    <row r="421532" spans="14:14">
      <c r="N421532" s="10"/>
    </row>
    <row r="421533" spans="14:14">
      <c r="N421533" s="10"/>
    </row>
    <row r="421534" spans="14:14">
      <c r="N421534" s="10"/>
    </row>
    <row r="421535" spans="14:14">
      <c r="N421535" s="10"/>
    </row>
    <row r="421536" spans="14:14">
      <c r="N421536" s="10"/>
    </row>
    <row r="421537" spans="14:14">
      <c r="N421537" s="10"/>
    </row>
    <row r="421538" spans="14:14">
      <c r="N421538" s="10"/>
    </row>
    <row r="421539" spans="14:14">
      <c r="N421539" s="10"/>
    </row>
    <row r="421540" spans="14:14">
      <c r="N421540" s="10"/>
    </row>
    <row r="421541" spans="14:14">
      <c r="N421541" s="10"/>
    </row>
    <row r="421542" spans="14:14">
      <c r="N421542" s="10"/>
    </row>
    <row r="421543" spans="14:14">
      <c r="N421543" s="10"/>
    </row>
    <row r="421544" spans="14:14">
      <c r="N421544" s="10"/>
    </row>
    <row r="421545" spans="14:14">
      <c r="N421545" s="10"/>
    </row>
    <row r="421546" spans="14:14">
      <c r="N421546" s="10"/>
    </row>
    <row r="421547" spans="14:14">
      <c r="N421547" s="10"/>
    </row>
    <row r="421548" spans="14:14">
      <c r="N421548" s="10"/>
    </row>
    <row r="421549" spans="14:14">
      <c r="N421549" s="10"/>
    </row>
    <row r="421550" spans="14:14">
      <c r="N421550" s="10"/>
    </row>
    <row r="421551" spans="14:14">
      <c r="N421551" s="10"/>
    </row>
    <row r="421552" spans="14:14">
      <c r="N421552" s="10"/>
    </row>
    <row r="421553" spans="14:14">
      <c r="N421553" s="10"/>
    </row>
    <row r="421554" spans="14:14">
      <c r="N421554" s="10"/>
    </row>
    <row r="421555" spans="14:14">
      <c r="N421555" s="10"/>
    </row>
    <row r="421556" spans="14:14">
      <c r="N421556" s="10"/>
    </row>
    <row r="421557" spans="14:14">
      <c r="N421557" s="10"/>
    </row>
    <row r="421558" spans="14:14">
      <c r="N421558" s="10"/>
    </row>
    <row r="421559" spans="14:14">
      <c r="N421559" s="10"/>
    </row>
    <row r="421560" spans="14:14">
      <c r="N421560" s="10"/>
    </row>
    <row r="421561" spans="14:14">
      <c r="N421561" s="10"/>
    </row>
    <row r="421562" spans="14:14">
      <c r="N421562" s="10"/>
    </row>
    <row r="421563" spans="14:14">
      <c r="N421563" s="10"/>
    </row>
    <row r="421564" spans="14:14">
      <c r="N421564" s="10"/>
    </row>
    <row r="421565" spans="14:14">
      <c r="N421565" s="10"/>
    </row>
    <row r="421566" spans="14:14">
      <c r="N421566" s="10"/>
    </row>
    <row r="421567" spans="14:14">
      <c r="N421567" s="10"/>
    </row>
    <row r="421568" spans="14:14">
      <c r="N421568" s="10"/>
    </row>
    <row r="421569" spans="14:14">
      <c r="N421569" s="10"/>
    </row>
    <row r="421570" spans="14:14">
      <c r="N421570" s="10"/>
    </row>
    <row r="421571" spans="14:14">
      <c r="N421571" s="10"/>
    </row>
    <row r="421572" spans="14:14">
      <c r="N421572" s="10"/>
    </row>
    <row r="421573" spans="14:14">
      <c r="N421573" s="10"/>
    </row>
    <row r="421574" spans="14:14">
      <c r="N421574" s="10"/>
    </row>
    <row r="421575" spans="14:14">
      <c r="N421575" s="10"/>
    </row>
    <row r="421576" spans="14:14">
      <c r="N421576" s="10"/>
    </row>
    <row r="421577" spans="14:14">
      <c r="N421577" s="10"/>
    </row>
    <row r="421578" spans="14:14">
      <c r="N421578" s="10"/>
    </row>
    <row r="421579" spans="14:14">
      <c r="N421579" s="10"/>
    </row>
    <row r="421580" spans="14:14">
      <c r="N421580" s="10"/>
    </row>
    <row r="421581" spans="14:14">
      <c r="N421581" s="10"/>
    </row>
    <row r="421582" spans="14:14">
      <c r="N421582" s="10"/>
    </row>
    <row r="421583" spans="14:14">
      <c r="N421583" s="10"/>
    </row>
    <row r="421584" spans="14:14">
      <c r="N421584" s="10"/>
    </row>
    <row r="421585" spans="14:14">
      <c r="N421585" s="10"/>
    </row>
    <row r="421586" spans="14:14">
      <c r="N421586" s="10"/>
    </row>
    <row r="421587" spans="14:14">
      <c r="N421587" s="10"/>
    </row>
    <row r="421588" spans="14:14">
      <c r="N421588" s="10"/>
    </row>
    <row r="421589" spans="14:14">
      <c r="N421589" s="10"/>
    </row>
    <row r="421590" spans="14:14">
      <c r="N421590" s="10"/>
    </row>
    <row r="421591" spans="14:14">
      <c r="N421591" s="10"/>
    </row>
    <row r="421592" spans="14:14">
      <c r="N421592" s="10"/>
    </row>
    <row r="421593" spans="14:14">
      <c r="N421593" s="10"/>
    </row>
    <row r="421594" spans="14:14">
      <c r="N421594" s="10"/>
    </row>
    <row r="421595" spans="14:14">
      <c r="N421595" s="10"/>
    </row>
    <row r="421596" spans="14:14">
      <c r="N421596" s="10"/>
    </row>
    <row r="421597" spans="14:14">
      <c r="N421597" s="10"/>
    </row>
    <row r="421598" spans="14:14">
      <c r="N421598" s="10"/>
    </row>
    <row r="421599" spans="14:14">
      <c r="N421599" s="10"/>
    </row>
    <row r="421600" spans="14:14">
      <c r="N421600" s="10"/>
    </row>
    <row r="421601" spans="14:14">
      <c r="N421601" s="10"/>
    </row>
    <row r="421602" spans="14:14">
      <c r="N421602" s="10"/>
    </row>
    <row r="421603" spans="14:14">
      <c r="N421603" s="10"/>
    </row>
    <row r="421604" spans="14:14">
      <c r="N421604" s="10"/>
    </row>
    <row r="421605" spans="14:14">
      <c r="N421605" s="10"/>
    </row>
    <row r="421606" spans="14:14">
      <c r="N421606" s="10"/>
    </row>
    <row r="421607" spans="14:14">
      <c r="N421607" s="10"/>
    </row>
    <row r="421608" spans="14:14">
      <c r="N421608" s="10"/>
    </row>
    <row r="421609" spans="14:14">
      <c r="N421609" s="10"/>
    </row>
    <row r="421610" spans="14:14">
      <c r="N421610" s="10"/>
    </row>
    <row r="421611" spans="14:14">
      <c r="N421611" s="10"/>
    </row>
    <row r="421612" spans="14:14">
      <c r="N421612" s="10"/>
    </row>
    <row r="421613" spans="14:14">
      <c r="N421613" s="10"/>
    </row>
    <row r="421614" spans="14:14">
      <c r="N421614" s="10"/>
    </row>
    <row r="421615" spans="14:14">
      <c r="N421615" s="10"/>
    </row>
    <row r="421616" spans="14:14">
      <c r="N421616" s="10"/>
    </row>
    <row r="421617" spans="14:14">
      <c r="N421617" s="10"/>
    </row>
    <row r="421618" spans="14:14">
      <c r="N421618" s="10"/>
    </row>
    <row r="421619" spans="14:14">
      <c r="N421619" s="10"/>
    </row>
    <row r="421620" spans="14:14">
      <c r="N421620" s="10"/>
    </row>
    <row r="421621" spans="14:14">
      <c r="N421621" s="10"/>
    </row>
    <row r="421622" spans="14:14">
      <c r="N421622" s="10"/>
    </row>
    <row r="421623" spans="14:14">
      <c r="N421623" s="10"/>
    </row>
    <row r="421624" spans="14:14">
      <c r="N421624" s="10"/>
    </row>
    <row r="421625" spans="14:14">
      <c r="N421625" s="10"/>
    </row>
    <row r="421626" spans="14:14">
      <c r="N421626" s="10"/>
    </row>
    <row r="421627" spans="14:14">
      <c r="N421627" s="10"/>
    </row>
    <row r="421628" spans="14:14">
      <c r="N421628" s="10"/>
    </row>
    <row r="421629" spans="14:14">
      <c r="N421629" s="10"/>
    </row>
    <row r="421630" spans="14:14">
      <c r="N421630" s="10"/>
    </row>
    <row r="421631" spans="14:14">
      <c r="N421631" s="10"/>
    </row>
    <row r="421632" spans="14:14">
      <c r="N421632" s="10"/>
    </row>
    <row r="421633" spans="14:14">
      <c r="N421633" s="10"/>
    </row>
    <row r="421634" spans="14:14">
      <c r="N421634" s="10"/>
    </row>
    <row r="421635" spans="14:14">
      <c r="N421635" s="10"/>
    </row>
    <row r="421636" spans="14:14">
      <c r="N421636" s="10"/>
    </row>
    <row r="421637" spans="14:14">
      <c r="N421637" s="10"/>
    </row>
    <row r="421638" spans="14:14">
      <c r="N421638" s="10"/>
    </row>
    <row r="421639" spans="14:14">
      <c r="N421639" s="10"/>
    </row>
    <row r="421640" spans="14:14">
      <c r="N421640" s="10"/>
    </row>
    <row r="421641" spans="14:14">
      <c r="N421641" s="10"/>
    </row>
    <row r="421642" spans="14:14">
      <c r="N421642" s="10"/>
    </row>
    <row r="421643" spans="14:14">
      <c r="N421643" s="10"/>
    </row>
    <row r="421644" spans="14:14">
      <c r="N421644" s="10"/>
    </row>
    <row r="421645" spans="14:14">
      <c r="N421645" s="10"/>
    </row>
    <row r="421646" spans="14:14">
      <c r="N421646" s="10"/>
    </row>
    <row r="421647" spans="14:14">
      <c r="N421647" s="10"/>
    </row>
    <row r="421648" spans="14:14">
      <c r="N421648" s="10"/>
    </row>
    <row r="421649" spans="14:14">
      <c r="N421649" s="10"/>
    </row>
    <row r="421650" spans="14:14">
      <c r="N421650" s="10"/>
    </row>
    <row r="421651" spans="14:14">
      <c r="N421651" s="10"/>
    </row>
    <row r="421652" spans="14:14">
      <c r="N421652" s="10"/>
    </row>
    <row r="421653" spans="14:14">
      <c r="N421653" s="10"/>
    </row>
    <row r="421654" spans="14:14">
      <c r="N421654" s="10"/>
    </row>
    <row r="421655" spans="14:14">
      <c r="N421655" s="10"/>
    </row>
    <row r="421656" spans="14:14">
      <c r="N421656" s="10"/>
    </row>
    <row r="421657" spans="14:14">
      <c r="N421657" s="10"/>
    </row>
    <row r="421658" spans="14:14">
      <c r="N421658" s="10"/>
    </row>
    <row r="421659" spans="14:14">
      <c r="N421659" s="10"/>
    </row>
    <row r="421660" spans="14:14">
      <c r="N421660" s="10"/>
    </row>
    <row r="421661" spans="14:14">
      <c r="N421661" s="10"/>
    </row>
    <row r="421662" spans="14:14">
      <c r="N421662" s="10"/>
    </row>
    <row r="421663" spans="14:14">
      <c r="N421663" s="10"/>
    </row>
    <row r="421664" spans="14:14">
      <c r="N421664" s="10"/>
    </row>
    <row r="421665" spans="14:14">
      <c r="N421665" s="10"/>
    </row>
    <row r="421666" spans="14:14">
      <c r="N421666" s="10"/>
    </row>
    <row r="421667" spans="14:14">
      <c r="N421667" s="10"/>
    </row>
    <row r="421668" spans="14:14">
      <c r="N421668" s="10"/>
    </row>
    <row r="421669" spans="14:14">
      <c r="N421669" s="10"/>
    </row>
    <row r="421670" spans="14:14">
      <c r="N421670" s="10"/>
    </row>
    <row r="421671" spans="14:14">
      <c r="N421671" s="10"/>
    </row>
    <row r="421672" spans="14:14">
      <c r="N421672" s="10"/>
    </row>
    <row r="421673" spans="14:14">
      <c r="N421673" s="10"/>
    </row>
    <row r="421674" spans="14:14">
      <c r="N421674" s="10"/>
    </row>
    <row r="421675" spans="14:14">
      <c r="N421675" s="10"/>
    </row>
    <row r="421676" spans="14:14">
      <c r="N421676" s="10"/>
    </row>
    <row r="421677" spans="14:14">
      <c r="N421677" s="10"/>
    </row>
    <row r="421678" spans="14:14">
      <c r="N421678" s="10"/>
    </row>
    <row r="421679" spans="14:14">
      <c r="N421679" s="10"/>
    </row>
    <row r="421680" spans="14:14">
      <c r="N421680" s="10"/>
    </row>
    <row r="421681" spans="14:14">
      <c r="N421681" s="10"/>
    </row>
    <row r="421682" spans="14:14">
      <c r="N421682" s="10"/>
    </row>
    <row r="421683" spans="14:14">
      <c r="N421683" s="10"/>
    </row>
    <row r="421684" spans="14:14">
      <c r="N421684" s="10"/>
    </row>
    <row r="421685" spans="14:14">
      <c r="N421685" s="10"/>
    </row>
    <row r="421686" spans="14:14">
      <c r="N421686" s="10"/>
    </row>
    <row r="421687" spans="14:14">
      <c r="N421687" s="10"/>
    </row>
    <row r="421688" spans="14:14">
      <c r="N421688" s="10"/>
    </row>
    <row r="421689" spans="14:14">
      <c r="N421689" s="10"/>
    </row>
    <row r="421690" spans="14:14">
      <c r="N421690" s="10"/>
    </row>
    <row r="421691" spans="14:14">
      <c r="N421691" s="10"/>
    </row>
    <row r="421692" spans="14:14">
      <c r="N421692" s="10"/>
    </row>
    <row r="421693" spans="14:14">
      <c r="N421693" s="10"/>
    </row>
    <row r="421694" spans="14:14">
      <c r="N421694" s="10"/>
    </row>
    <row r="421695" spans="14:14">
      <c r="N421695" s="10"/>
    </row>
    <row r="421696" spans="14:14">
      <c r="N421696" s="10"/>
    </row>
    <row r="421697" spans="14:14">
      <c r="N421697" s="10"/>
    </row>
    <row r="421698" spans="14:14">
      <c r="N421698" s="10"/>
    </row>
    <row r="421699" spans="14:14">
      <c r="N421699" s="10"/>
    </row>
    <row r="421700" spans="14:14">
      <c r="N421700" s="10"/>
    </row>
    <row r="421701" spans="14:14">
      <c r="N421701" s="10"/>
    </row>
    <row r="421702" spans="14:14">
      <c r="N421702" s="10"/>
    </row>
    <row r="421703" spans="14:14">
      <c r="N421703" s="10"/>
    </row>
    <row r="421704" spans="14:14">
      <c r="N421704" s="10"/>
    </row>
    <row r="421705" spans="14:14">
      <c r="N421705" s="10"/>
    </row>
    <row r="421706" spans="14:14">
      <c r="N421706" s="10"/>
    </row>
    <row r="421707" spans="14:14">
      <c r="N421707" s="10"/>
    </row>
    <row r="421708" spans="14:14">
      <c r="N421708" s="10"/>
    </row>
    <row r="421709" spans="14:14">
      <c r="N421709" s="10"/>
    </row>
    <row r="421710" spans="14:14">
      <c r="N421710" s="10"/>
    </row>
    <row r="421711" spans="14:14">
      <c r="N421711" s="10"/>
    </row>
    <row r="421712" spans="14:14">
      <c r="N421712" s="10"/>
    </row>
    <row r="421713" spans="14:14">
      <c r="N421713" s="10"/>
    </row>
    <row r="421714" spans="14:14">
      <c r="N421714" s="10"/>
    </row>
    <row r="421715" spans="14:14">
      <c r="N421715" s="10"/>
    </row>
    <row r="421716" spans="14:14">
      <c r="N421716" s="10"/>
    </row>
    <row r="421717" spans="14:14">
      <c r="N421717" s="10"/>
    </row>
    <row r="421718" spans="14:14">
      <c r="N421718" s="10"/>
    </row>
    <row r="421719" spans="14:14">
      <c r="N421719" s="10"/>
    </row>
    <row r="421720" spans="14:14">
      <c r="N421720" s="10"/>
    </row>
    <row r="421721" spans="14:14">
      <c r="N421721" s="10"/>
    </row>
    <row r="421722" spans="14:14">
      <c r="N421722" s="10"/>
    </row>
    <row r="421723" spans="14:14">
      <c r="N421723" s="10"/>
    </row>
    <row r="421724" spans="14:14">
      <c r="N421724" s="10"/>
    </row>
    <row r="421725" spans="14:14">
      <c r="N421725" s="10"/>
    </row>
    <row r="421726" spans="14:14">
      <c r="N421726" s="10"/>
    </row>
    <row r="421727" spans="14:14">
      <c r="N421727" s="10"/>
    </row>
    <row r="421728" spans="14:14">
      <c r="N421728" s="10"/>
    </row>
    <row r="421729" spans="14:14">
      <c r="N421729" s="10"/>
    </row>
    <row r="421730" spans="14:14">
      <c r="N421730" s="10"/>
    </row>
    <row r="421731" spans="14:14">
      <c r="N421731" s="10"/>
    </row>
    <row r="421732" spans="14:14">
      <c r="N421732" s="10"/>
    </row>
    <row r="421733" spans="14:14">
      <c r="N421733" s="10"/>
    </row>
    <row r="421734" spans="14:14">
      <c r="N421734" s="10"/>
    </row>
    <row r="421735" spans="14:14">
      <c r="N421735" s="10"/>
    </row>
    <row r="421736" spans="14:14">
      <c r="N421736" s="10"/>
    </row>
    <row r="421737" spans="14:14">
      <c r="N421737" s="10"/>
    </row>
    <row r="421738" spans="14:14">
      <c r="N421738" s="10"/>
    </row>
    <row r="421739" spans="14:14">
      <c r="N421739" s="10"/>
    </row>
    <row r="421740" spans="14:14">
      <c r="N421740" s="10"/>
    </row>
    <row r="421741" spans="14:14">
      <c r="N421741" s="10"/>
    </row>
    <row r="421742" spans="14:14">
      <c r="N421742" s="10"/>
    </row>
    <row r="421743" spans="14:14">
      <c r="N421743" s="10"/>
    </row>
    <row r="421744" spans="14:14">
      <c r="N421744" s="10"/>
    </row>
    <row r="421745" spans="14:14">
      <c r="N421745" s="10"/>
    </row>
    <row r="421746" spans="14:14">
      <c r="N421746" s="10"/>
    </row>
    <row r="421747" spans="14:14">
      <c r="N421747" s="10"/>
    </row>
    <row r="421748" spans="14:14">
      <c r="N421748" s="10"/>
    </row>
    <row r="421749" spans="14:14">
      <c r="N421749" s="10"/>
    </row>
    <row r="421750" spans="14:14">
      <c r="N421750" s="10"/>
    </row>
    <row r="421751" spans="14:14">
      <c r="N421751" s="10"/>
    </row>
    <row r="421752" spans="14:14">
      <c r="N421752" s="10"/>
    </row>
    <row r="421753" spans="14:14">
      <c r="N421753" s="10"/>
    </row>
    <row r="421754" spans="14:14">
      <c r="N421754" s="10"/>
    </row>
    <row r="421755" spans="14:14">
      <c r="N421755" s="10"/>
    </row>
    <row r="421756" spans="14:14">
      <c r="N421756" s="10"/>
    </row>
    <row r="421757" spans="14:14">
      <c r="N421757" s="10"/>
    </row>
    <row r="421758" spans="14:14">
      <c r="N421758" s="10"/>
    </row>
    <row r="421759" spans="14:14">
      <c r="N421759" s="10"/>
    </row>
    <row r="421760" spans="14:14">
      <c r="N421760" s="10"/>
    </row>
    <row r="421761" spans="14:14">
      <c r="N421761" s="10"/>
    </row>
    <row r="421762" spans="14:14">
      <c r="N421762" s="10"/>
    </row>
    <row r="421763" spans="14:14">
      <c r="N421763" s="10"/>
    </row>
    <row r="421764" spans="14:14">
      <c r="N421764" s="10"/>
    </row>
    <row r="421765" spans="14:14">
      <c r="N421765" s="10"/>
    </row>
    <row r="421766" spans="14:14">
      <c r="N421766" s="10"/>
    </row>
    <row r="421767" spans="14:14">
      <c r="N421767" s="10"/>
    </row>
    <row r="421768" spans="14:14">
      <c r="N421768" s="10"/>
    </row>
    <row r="421769" spans="14:14">
      <c r="N421769" s="10"/>
    </row>
    <row r="421770" spans="14:14">
      <c r="N421770" s="10"/>
    </row>
    <row r="421771" spans="14:14">
      <c r="N421771" s="10"/>
    </row>
    <row r="421772" spans="14:14">
      <c r="N421772" s="10"/>
    </row>
    <row r="421773" spans="14:14">
      <c r="N421773" s="10"/>
    </row>
    <row r="421774" spans="14:14">
      <c r="N421774" s="10"/>
    </row>
    <row r="421775" spans="14:14">
      <c r="N421775" s="10"/>
    </row>
    <row r="421776" spans="14:14">
      <c r="N421776" s="10"/>
    </row>
    <row r="421777" spans="14:14">
      <c r="N421777" s="10"/>
    </row>
    <row r="421778" spans="14:14">
      <c r="N421778" s="10"/>
    </row>
    <row r="421779" spans="14:14">
      <c r="N421779" s="10"/>
    </row>
    <row r="421780" spans="14:14">
      <c r="N421780" s="10"/>
    </row>
    <row r="421781" spans="14:14">
      <c r="N421781" s="10"/>
    </row>
    <row r="421782" spans="14:14">
      <c r="N421782" s="10"/>
    </row>
    <row r="421783" spans="14:14">
      <c r="N421783" s="10"/>
    </row>
    <row r="421784" spans="14:14">
      <c r="N421784" s="10"/>
    </row>
    <row r="421785" spans="14:14">
      <c r="N421785" s="10"/>
    </row>
    <row r="421786" spans="14:14">
      <c r="N421786" s="10"/>
    </row>
    <row r="421787" spans="14:14">
      <c r="N421787" s="10"/>
    </row>
    <row r="421788" spans="14:14">
      <c r="N421788" s="10"/>
    </row>
    <row r="421789" spans="14:14">
      <c r="N421789" s="10"/>
    </row>
    <row r="421790" spans="14:14">
      <c r="N421790" s="10"/>
    </row>
    <row r="421791" spans="14:14">
      <c r="N421791" s="10"/>
    </row>
    <row r="421792" spans="14:14">
      <c r="N421792" s="10"/>
    </row>
    <row r="421793" spans="14:14">
      <c r="N421793" s="10"/>
    </row>
    <row r="421794" spans="14:14">
      <c r="N421794" s="10"/>
    </row>
    <row r="421795" spans="14:14">
      <c r="N421795" s="10"/>
    </row>
    <row r="421796" spans="14:14">
      <c r="N421796" s="10"/>
    </row>
    <row r="421797" spans="14:14">
      <c r="N421797" s="10"/>
    </row>
    <row r="421798" spans="14:14">
      <c r="N421798" s="10"/>
    </row>
    <row r="421799" spans="14:14">
      <c r="N421799" s="10"/>
    </row>
    <row r="421800" spans="14:14">
      <c r="N421800" s="10"/>
    </row>
    <row r="421801" spans="14:14">
      <c r="N421801" s="10"/>
    </row>
    <row r="421802" spans="14:14">
      <c r="N421802" s="10"/>
    </row>
    <row r="421803" spans="14:14">
      <c r="N421803" s="10"/>
    </row>
    <row r="421804" spans="14:14">
      <c r="N421804" s="10"/>
    </row>
    <row r="421805" spans="14:14">
      <c r="N421805" s="10"/>
    </row>
    <row r="421806" spans="14:14">
      <c r="N421806" s="10"/>
    </row>
    <row r="421807" spans="14:14">
      <c r="N421807" s="10"/>
    </row>
    <row r="421808" spans="14:14">
      <c r="N421808" s="10"/>
    </row>
    <row r="421809" spans="14:14">
      <c r="N421809" s="10"/>
    </row>
    <row r="421810" spans="14:14">
      <c r="N421810" s="10"/>
    </row>
    <row r="421811" spans="14:14">
      <c r="N421811" s="10"/>
    </row>
    <row r="421812" spans="14:14">
      <c r="N421812" s="10"/>
    </row>
    <row r="421813" spans="14:14">
      <c r="N421813" s="10"/>
    </row>
    <row r="421814" spans="14:14">
      <c r="N421814" s="10"/>
    </row>
    <row r="421815" spans="14:14">
      <c r="N421815" s="10"/>
    </row>
    <row r="421816" spans="14:14">
      <c r="N421816" s="10"/>
    </row>
    <row r="421817" spans="14:14">
      <c r="N421817" s="10"/>
    </row>
    <row r="421818" spans="14:14">
      <c r="N421818" s="10"/>
    </row>
    <row r="421819" spans="14:14">
      <c r="N421819" s="10"/>
    </row>
    <row r="421820" spans="14:14">
      <c r="N421820" s="10"/>
    </row>
    <row r="421821" spans="14:14">
      <c r="N421821" s="10"/>
    </row>
    <row r="421822" spans="14:14">
      <c r="N421822" s="10"/>
    </row>
    <row r="421823" spans="14:14">
      <c r="N421823" s="10"/>
    </row>
    <row r="421824" spans="14:14">
      <c r="N421824" s="10"/>
    </row>
    <row r="421825" spans="14:14">
      <c r="N421825" s="10"/>
    </row>
    <row r="421826" spans="14:14">
      <c r="N421826" s="10"/>
    </row>
    <row r="421827" spans="14:14">
      <c r="N421827" s="10"/>
    </row>
    <row r="421828" spans="14:14">
      <c r="N421828" s="10"/>
    </row>
    <row r="421829" spans="14:14">
      <c r="N421829" s="10"/>
    </row>
    <row r="421830" spans="14:14">
      <c r="N421830" s="10"/>
    </row>
    <row r="421831" spans="14:14">
      <c r="N421831" s="10"/>
    </row>
    <row r="421832" spans="14:14">
      <c r="N421832" s="10"/>
    </row>
    <row r="421833" spans="14:14">
      <c r="N421833" s="10"/>
    </row>
    <row r="421834" spans="14:14">
      <c r="N421834" s="10"/>
    </row>
    <row r="421835" spans="14:14">
      <c r="N421835" s="10"/>
    </row>
    <row r="421836" spans="14:14">
      <c r="N421836" s="10"/>
    </row>
    <row r="421837" spans="14:14">
      <c r="N421837" s="10"/>
    </row>
    <row r="421838" spans="14:14">
      <c r="N421838" s="10"/>
    </row>
    <row r="421839" spans="14:14">
      <c r="N421839" s="10"/>
    </row>
    <row r="421840" spans="14:14">
      <c r="N421840" s="10"/>
    </row>
    <row r="421841" spans="14:14">
      <c r="N421841" s="10"/>
    </row>
    <row r="421842" spans="14:14">
      <c r="N421842" s="10"/>
    </row>
    <row r="421843" spans="14:14">
      <c r="N421843" s="10"/>
    </row>
    <row r="421844" spans="14:14">
      <c r="N421844" s="10"/>
    </row>
    <row r="421845" spans="14:14">
      <c r="N421845" s="10"/>
    </row>
    <row r="421846" spans="14:14">
      <c r="N421846" s="10"/>
    </row>
    <row r="421847" spans="14:14">
      <c r="N421847" s="10"/>
    </row>
    <row r="421848" spans="14:14">
      <c r="N421848" s="10"/>
    </row>
    <row r="421849" spans="14:14">
      <c r="N421849" s="10"/>
    </row>
    <row r="421850" spans="14:14">
      <c r="N421850" s="10"/>
    </row>
    <row r="421851" spans="14:14">
      <c r="N421851" s="10"/>
    </row>
    <row r="421852" spans="14:14">
      <c r="N421852" s="10"/>
    </row>
    <row r="421853" spans="14:14">
      <c r="N421853" s="10"/>
    </row>
    <row r="421854" spans="14:14">
      <c r="N421854" s="10"/>
    </row>
    <row r="421855" spans="14:14">
      <c r="N421855" s="10"/>
    </row>
    <row r="421856" spans="14:14">
      <c r="N421856" s="10"/>
    </row>
    <row r="421857" spans="14:14">
      <c r="N421857" s="10"/>
    </row>
    <row r="421858" spans="14:14">
      <c r="N421858" s="10"/>
    </row>
    <row r="421859" spans="14:14">
      <c r="N421859" s="10"/>
    </row>
    <row r="421860" spans="14:14">
      <c r="N421860" s="10"/>
    </row>
    <row r="421861" spans="14:14">
      <c r="N421861" s="10"/>
    </row>
    <row r="421862" spans="14:14">
      <c r="N421862" s="10"/>
    </row>
    <row r="421863" spans="14:14">
      <c r="N421863" s="10"/>
    </row>
    <row r="421864" spans="14:14">
      <c r="N421864" s="10"/>
    </row>
    <row r="421865" spans="14:14">
      <c r="N421865" s="10"/>
    </row>
    <row r="421866" spans="14:14">
      <c r="N421866" s="10"/>
    </row>
    <row r="421867" spans="14:14">
      <c r="N421867" s="10"/>
    </row>
    <row r="421868" spans="14:14">
      <c r="N421868" s="10"/>
    </row>
    <row r="421869" spans="14:14">
      <c r="N421869" s="10"/>
    </row>
    <row r="421870" spans="14:14">
      <c r="N421870" s="10"/>
    </row>
    <row r="421871" spans="14:14">
      <c r="N421871" s="10"/>
    </row>
    <row r="421872" spans="14:14">
      <c r="N421872" s="10"/>
    </row>
    <row r="421873" spans="14:14">
      <c r="N421873" s="10"/>
    </row>
    <row r="421874" spans="14:14">
      <c r="N421874" s="10"/>
    </row>
    <row r="421875" spans="14:14">
      <c r="N421875" s="10"/>
    </row>
    <row r="421876" spans="14:14">
      <c r="N421876" s="10"/>
    </row>
    <row r="421877" spans="14:14">
      <c r="N421877" s="10"/>
    </row>
    <row r="421878" spans="14:14">
      <c r="N421878" s="10"/>
    </row>
    <row r="421879" spans="14:14">
      <c r="N421879" s="10"/>
    </row>
    <row r="421880" spans="14:14">
      <c r="N421880" s="10"/>
    </row>
    <row r="421881" spans="14:14">
      <c r="N421881" s="10"/>
    </row>
    <row r="421882" spans="14:14">
      <c r="N421882" s="10"/>
    </row>
    <row r="421883" spans="14:14">
      <c r="N421883" s="10"/>
    </row>
    <row r="421884" spans="14:14">
      <c r="N421884" s="10"/>
    </row>
    <row r="421885" spans="14:14">
      <c r="N421885" s="10"/>
    </row>
    <row r="421886" spans="14:14">
      <c r="N421886" s="10"/>
    </row>
    <row r="421887" spans="14:14">
      <c r="N421887" s="10"/>
    </row>
    <row r="421888" spans="14:14">
      <c r="N421888" s="10"/>
    </row>
    <row r="421889" spans="14:14">
      <c r="N421889" s="10"/>
    </row>
    <row r="421890" spans="14:14">
      <c r="N421890" s="10"/>
    </row>
    <row r="421891" spans="14:14">
      <c r="N421891" s="10"/>
    </row>
    <row r="421892" spans="14:14">
      <c r="N421892" s="10"/>
    </row>
    <row r="421893" spans="14:14">
      <c r="N421893" s="10"/>
    </row>
    <row r="421894" spans="14:14">
      <c r="N421894" s="10"/>
    </row>
    <row r="421895" spans="14:14">
      <c r="N421895" s="10"/>
    </row>
    <row r="421896" spans="14:14">
      <c r="N421896" s="10"/>
    </row>
    <row r="421897" spans="14:14">
      <c r="N421897" s="10"/>
    </row>
    <row r="421898" spans="14:14">
      <c r="N421898" s="10"/>
    </row>
    <row r="421899" spans="14:14">
      <c r="N421899" s="10"/>
    </row>
    <row r="421900" spans="14:14">
      <c r="N421900" s="10"/>
    </row>
    <row r="421901" spans="14:14">
      <c r="N421901" s="10"/>
    </row>
    <row r="421902" spans="14:14">
      <c r="N421902" s="10"/>
    </row>
    <row r="421903" spans="14:14">
      <c r="N421903" s="10"/>
    </row>
    <row r="421904" spans="14:14">
      <c r="N421904" s="10"/>
    </row>
    <row r="421905" spans="14:14">
      <c r="N421905" s="10"/>
    </row>
    <row r="421906" spans="14:14">
      <c r="N421906" s="10"/>
    </row>
    <row r="421907" spans="14:14">
      <c r="N421907" s="10"/>
    </row>
    <row r="421908" spans="14:14">
      <c r="N421908" s="10"/>
    </row>
    <row r="421909" spans="14:14">
      <c r="N421909" s="10"/>
    </row>
    <row r="421910" spans="14:14">
      <c r="N421910" s="10"/>
    </row>
    <row r="421911" spans="14:14">
      <c r="N421911" s="10"/>
    </row>
    <row r="421912" spans="14:14">
      <c r="N421912" s="10"/>
    </row>
    <row r="421913" spans="14:14">
      <c r="N421913" s="10"/>
    </row>
    <row r="421914" spans="14:14">
      <c r="N421914" s="10"/>
    </row>
    <row r="421915" spans="14:14">
      <c r="N421915" s="10"/>
    </row>
    <row r="421916" spans="14:14">
      <c r="N421916" s="10"/>
    </row>
    <row r="421917" spans="14:14">
      <c r="N421917" s="10"/>
    </row>
    <row r="421918" spans="14:14">
      <c r="N421918" s="10"/>
    </row>
    <row r="421919" spans="14:14">
      <c r="N421919" s="10"/>
    </row>
    <row r="421920" spans="14:14">
      <c r="N421920" s="10"/>
    </row>
    <row r="421921" spans="14:14">
      <c r="N421921" s="10"/>
    </row>
    <row r="421922" spans="14:14">
      <c r="N421922" s="10"/>
    </row>
    <row r="421923" spans="14:14">
      <c r="N421923" s="10"/>
    </row>
    <row r="421924" spans="14:14">
      <c r="N421924" s="10"/>
    </row>
    <row r="421925" spans="14:14">
      <c r="N421925" s="10"/>
    </row>
    <row r="421926" spans="14:14">
      <c r="N421926" s="10"/>
    </row>
    <row r="421927" spans="14:14">
      <c r="N421927" s="10"/>
    </row>
    <row r="421928" spans="14:14">
      <c r="N421928" s="10"/>
    </row>
    <row r="421929" spans="14:14">
      <c r="N421929" s="10"/>
    </row>
    <row r="421930" spans="14:14">
      <c r="N421930" s="10"/>
    </row>
    <row r="421931" spans="14:14">
      <c r="N421931" s="10"/>
    </row>
    <row r="421932" spans="14:14">
      <c r="N421932" s="10"/>
    </row>
    <row r="421933" spans="14:14">
      <c r="N421933" s="10"/>
    </row>
    <row r="421934" spans="14:14">
      <c r="N421934" s="10"/>
    </row>
    <row r="421935" spans="14:14">
      <c r="N421935" s="10"/>
    </row>
    <row r="421936" spans="14:14">
      <c r="N421936" s="10"/>
    </row>
    <row r="421937" spans="14:14">
      <c r="N421937" s="10"/>
    </row>
    <row r="421938" spans="14:14">
      <c r="N421938" s="10"/>
    </row>
    <row r="421939" spans="14:14">
      <c r="N421939" s="10"/>
    </row>
    <row r="421940" spans="14:14">
      <c r="N421940" s="10"/>
    </row>
    <row r="421941" spans="14:14">
      <c r="N421941" s="10"/>
    </row>
    <row r="421942" spans="14:14">
      <c r="N421942" s="10"/>
    </row>
    <row r="421943" spans="14:14">
      <c r="N421943" s="10"/>
    </row>
    <row r="421944" spans="14:14">
      <c r="N421944" s="10"/>
    </row>
    <row r="421945" spans="14:14">
      <c r="N421945" s="10"/>
    </row>
    <row r="421946" spans="14:14">
      <c r="N421946" s="10"/>
    </row>
    <row r="421947" spans="14:14">
      <c r="N421947" s="10"/>
    </row>
    <row r="421948" spans="14:14">
      <c r="N421948" s="10"/>
    </row>
    <row r="421949" spans="14:14">
      <c r="N421949" s="10"/>
    </row>
    <row r="421950" spans="14:14">
      <c r="N421950" s="10"/>
    </row>
    <row r="421951" spans="14:14">
      <c r="N421951" s="10"/>
    </row>
    <row r="421952" spans="14:14">
      <c r="N421952" s="10"/>
    </row>
    <row r="421953" spans="14:14">
      <c r="N421953" s="10"/>
    </row>
    <row r="421954" spans="14:14">
      <c r="N421954" s="10"/>
    </row>
    <row r="421955" spans="14:14">
      <c r="N421955" s="10"/>
    </row>
    <row r="421956" spans="14:14">
      <c r="N421956" s="10"/>
    </row>
    <row r="421957" spans="14:14">
      <c r="N421957" s="10"/>
    </row>
    <row r="421958" spans="14:14">
      <c r="N421958" s="10"/>
    </row>
    <row r="421959" spans="14:14">
      <c r="N421959" s="10"/>
    </row>
    <row r="421960" spans="14:14">
      <c r="N421960" s="10"/>
    </row>
    <row r="421961" spans="14:14">
      <c r="N421961" s="10"/>
    </row>
    <row r="421962" spans="14:14">
      <c r="N421962" s="10"/>
    </row>
    <row r="421963" spans="14:14">
      <c r="N421963" s="10"/>
    </row>
    <row r="421964" spans="14:14">
      <c r="N421964" s="10"/>
    </row>
    <row r="421965" spans="14:14">
      <c r="N421965" s="10"/>
    </row>
    <row r="421966" spans="14:14">
      <c r="N421966" s="10"/>
    </row>
    <row r="421967" spans="14:14">
      <c r="N421967" s="10"/>
    </row>
    <row r="421968" spans="14:14">
      <c r="N421968" s="10"/>
    </row>
    <row r="421969" spans="14:14">
      <c r="N421969" s="10"/>
    </row>
    <row r="421970" spans="14:14">
      <c r="N421970" s="10"/>
    </row>
    <row r="421971" spans="14:14">
      <c r="N421971" s="10"/>
    </row>
    <row r="421972" spans="14:14">
      <c r="N421972" s="10"/>
    </row>
    <row r="421973" spans="14:14">
      <c r="N421973" s="10"/>
    </row>
    <row r="421974" spans="14:14">
      <c r="N421974" s="10"/>
    </row>
    <row r="421975" spans="14:14">
      <c r="N421975" s="10"/>
    </row>
    <row r="421976" spans="14:14">
      <c r="N421976" s="10"/>
    </row>
    <row r="421977" spans="14:14">
      <c r="N421977" s="10"/>
    </row>
    <row r="421978" spans="14:14">
      <c r="N421978" s="10"/>
    </row>
    <row r="421979" spans="14:14">
      <c r="N421979" s="10"/>
    </row>
    <row r="421980" spans="14:14">
      <c r="N421980" s="10"/>
    </row>
    <row r="421981" spans="14:14">
      <c r="N421981" s="10"/>
    </row>
    <row r="421982" spans="14:14">
      <c r="N421982" s="10"/>
    </row>
    <row r="421983" spans="14:14">
      <c r="N421983" s="10"/>
    </row>
    <row r="421984" spans="14:14">
      <c r="N421984" s="10"/>
    </row>
    <row r="421985" spans="14:14">
      <c r="N421985" s="10"/>
    </row>
    <row r="421986" spans="14:14">
      <c r="N421986" s="10"/>
    </row>
    <row r="421987" spans="14:14">
      <c r="N421987" s="10"/>
    </row>
    <row r="421988" spans="14:14">
      <c r="N421988" s="10"/>
    </row>
    <row r="421989" spans="14:14">
      <c r="N421989" s="10"/>
    </row>
    <row r="421990" spans="14:14">
      <c r="N421990" s="10"/>
    </row>
    <row r="421991" spans="14:14">
      <c r="N421991" s="10"/>
    </row>
    <row r="421992" spans="14:14">
      <c r="N421992" s="10"/>
    </row>
    <row r="421993" spans="14:14">
      <c r="N421993" s="10"/>
    </row>
    <row r="421994" spans="14:14">
      <c r="N421994" s="10"/>
    </row>
    <row r="421995" spans="14:14">
      <c r="N421995" s="10"/>
    </row>
    <row r="421996" spans="14:14">
      <c r="N421996" s="10"/>
    </row>
    <row r="421997" spans="14:14">
      <c r="N421997" s="10"/>
    </row>
    <row r="421998" spans="14:14">
      <c r="N421998" s="10"/>
    </row>
    <row r="421999" spans="14:14">
      <c r="N421999" s="10"/>
    </row>
    <row r="422000" spans="14:14">
      <c r="N422000" s="10"/>
    </row>
    <row r="422001" spans="14:14">
      <c r="N422001" s="10"/>
    </row>
    <row r="422002" spans="14:14">
      <c r="N422002" s="10"/>
    </row>
    <row r="422003" spans="14:14">
      <c r="N422003" s="10"/>
    </row>
    <row r="422004" spans="14:14">
      <c r="N422004" s="10"/>
    </row>
    <row r="422005" spans="14:14">
      <c r="N422005" s="10"/>
    </row>
    <row r="422006" spans="14:14">
      <c r="N422006" s="10"/>
    </row>
    <row r="422007" spans="14:14">
      <c r="N422007" s="10"/>
    </row>
    <row r="422008" spans="14:14">
      <c r="N422008" s="10"/>
    </row>
    <row r="422009" spans="14:14">
      <c r="N422009" s="10"/>
    </row>
    <row r="422010" spans="14:14">
      <c r="N422010" s="10"/>
    </row>
    <row r="422011" spans="14:14">
      <c r="N422011" s="10"/>
    </row>
    <row r="422012" spans="14:14">
      <c r="N422012" s="10"/>
    </row>
    <row r="422013" spans="14:14">
      <c r="N422013" s="10"/>
    </row>
    <row r="422014" spans="14:14">
      <c r="N422014" s="10"/>
    </row>
    <row r="422015" spans="14:14">
      <c r="N422015" s="10"/>
    </row>
    <row r="422016" spans="14:14">
      <c r="N422016" s="10"/>
    </row>
    <row r="422017" spans="14:14">
      <c r="N422017" s="10"/>
    </row>
    <row r="422018" spans="14:14">
      <c r="N422018" s="10"/>
    </row>
    <row r="422019" spans="14:14">
      <c r="N422019" s="10"/>
    </row>
    <row r="422020" spans="14:14">
      <c r="N422020" s="10"/>
    </row>
    <row r="422021" spans="14:14">
      <c r="N422021" s="10"/>
    </row>
    <row r="422022" spans="14:14">
      <c r="N422022" s="10"/>
    </row>
    <row r="422023" spans="14:14">
      <c r="N422023" s="10"/>
    </row>
    <row r="422024" spans="14:14">
      <c r="N422024" s="10"/>
    </row>
    <row r="422025" spans="14:14">
      <c r="N422025" s="10"/>
    </row>
    <row r="422026" spans="14:14">
      <c r="N422026" s="10"/>
    </row>
    <row r="422027" spans="14:14">
      <c r="N422027" s="10"/>
    </row>
    <row r="422028" spans="14:14">
      <c r="N422028" s="10"/>
    </row>
    <row r="422029" spans="14:14">
      <c r="N422029" s="10"/>
    </row>
    <row r="422030" spans="14:14">
      <c r="N422030" s="10"/>
    </row>
    <row r="422031" spans="14:14">
      <c r="N422031" s="10"/>
    </row>
    <row r="422032" spans="14:14">
      <c r="N422032" s="10"/>
    </row>
    <row r="422033" spans="14:14">
      <c r="N422033" s="10"/>
    </row>
    <row r="422034" spans="14:14">
      <c r="N422034" s="10"/>
    </row>
    <row r="422035" spans="14:14">
      <c r="N422035" s="10"/>
    </row>
    <row r="422036" spans="14:14">
      <c r="N422036" s="10"/>
    </row>
    <row r="422037" spans="14:14">
      <c r="N422037" s="10"/>
    </row>
    <row r="422038" spans="14:14">
      <c r="N422038" s="10"/>
    </row>
    <row r="422039" spans="14:14">
      <c r="N422039" s="10"/>
    </row>
    <row r="422040" spans="14:14">
      <c r="N422040" s="10"/>
    </row>
    <row r="422041" spans="14:14">
      <c r="N422041" s="10"/>
    </row>
    <row r="422042" spans="14:14">
      <c r="N422042" s="10"/>
    </row>
    <row r="422043" spans="14:14">
      <c r="N422043" s="10"/>
    </row>
    <row r="422044" spans="14:14">
      <c r="N422044" s="10"/>
    </row>
    <row r="422045" spans="14:14">
      <c r="N422045" s="10"/>
    </row>
    <row r="422046" spans="14:14">
      <c r="N422046" s="10"/>
    </row>
    <row r="422047" spans="14:14">
      <c r="N422047" s="10"/>
    </row>
    <row r="422048" spans="14:14">
      <c r="N422048" s="10"/>
    </row>
    <row r="422049" spans="14:14">
      <c r="N422049" s="10"/>
    </row>
    <row r="422050" spans="14:14">
      <c r="N422050" s="10"/>
    </row>
    <row r="422051" spans="14:14">
      <c r="N422051" s="10"/>
    </row>
    <row r="422052" spans="14:14">
      <c r="N422052" s="10"/>
    </row>
    <row r="422053" spans="14:14">
      <c r="N422053" s="10"/>
    </row>
    <row r="422054" spans="14:14">
      <c r="N422054" s="10"/>
    </row>
    <row r="422055" spans="14:14">
      <c r="N422055" s="10"/>
    </row>
    <row r="422056" spans="14:14">
      <c r="N422056" s="10"/>
    </row>
    <row r="422057" spans="14:14">
      <c r="N422057" s="10"/>
    </row>
    <row r="422058" spans="14:14">
      <c r="N422058" s="10"/>
    </row>
    <row r="422059" spans="14:14">
      <c r="N422059" s="10"/>
    </row>
    <row r="422060" spans="14:14">
      <c r="N422060" s="10"/>
    </row>
    <row r="422061" spans="14:14">
      <c r="N422061" s="10"/>
    </row>
    <row r="422062" spans="14:14">
      <c r="N422062" s="10"/>
    </row>
    <row r="422063" spans="14:14">
      <c r="N422063" s="10"/>
    </row>
    <row r="422064" spans="14:14">
      <c r="N422064" s="10"/>
    </row>
    <row r="422065" spans="14:14">
      <c r="N422065" s="10"/>
    </row>
    <row r="422066" spans="14:14">
      <c r="N422066" s="10"/>
    </row>
    <row r="422067" spans="14:14">
      <c r="N422067" s="10"/>
    </row>
    <row r="422068" spans="14:14">
      <c r="N422068" s="10"/>
    </row>
    <row r="422069" spans="14:14">
      <c r="N422069" s="10"/>
    </row>
    <row r="422070" spans="14:14">
      <c r="N422070" s="10"/>
    </row>
    <row r="422071" spans="14:14">
      <c r="N422071" s="10"/>
    </row>
    <row r="422072" spans="14:14">
      <c r="N422072" s="10"/>
    </row>
    <row r="422073" spans="14:14">
      <c r="N422073" s="10"/>
    </row>
    <row r="422074" spans="14:14">
      <c r="N422074" s="10"/>
    </row>
    <row r="422075" spans="14:14">
      <c r="N422075" s="10"/>
    </row>
    <row r="422076" spans="14:14">
      <c r="N422076" s="10"/>
    </row>
    <row r="422077" spans="14:14">
      <c r="N422077" s="10"/>
    </row>
    <row r="422078" spans="14:14">
      <c r="N422078" s="10"/>
    </row>
    <row r="422079" spans="14:14">
      <c r="N422079" s="10"/>
    </row>
    <row r="422080" spans="14:14">
      <c r="N422080" s="10"/>
    </row>
    <row r="422081" spans="14:14">
      <c r="N422081" s="10"/>
    </row>
    <row r="422082" spans="14:14">
      <c r="N422082" s="10"/>
    </row>
    <row r="422083" spans="14:14">
      <c r="N422083" s="10"/>
    </row>
    <row r="422084" spans="14:14">
      <c r="N422084" s="10"/>
    </row>
    <row r="422085" spans="14:14">
      <c r="N422085" s="10"/>
    </row>
    <row r="422086" spans="14:14">
      <c r="N422086" s="10"/>
    </row>
    <row r="422087" spans="14:14">
      <c r="N422087" s="10"/>
    </row>
    <row r="422088" spans="14:14">
      <c r="N422088" s="10"/>
    </row>
    <row r="422089" spans="14:14">
      <c r="N422089" s="10"/>
    </row>
    <row r="422090" spans="14:14">
      <c r="N422090" s="10"/>
    </row>
    <row r="422091" spans="14:14">
      <c r="N422091" s="10"/>
    </row>
    <row r="422092" spans="14:14">
      <c r="N422092" s="10"/>
    </row>
    <row r="422093" spans="14:14">
      <c r="N422093" s="10"/>
    </row>
    <row r="422094" spans="14:14">
      <c r="N422094" s="10"/>
    </row>
    <row r="422095" spans="14:14">
      <c r="N422095" s="10"/>
    </row>
    <row r="422096" spans="14:14">
      <c r="N422096" s="10"/>
    </row>
    <row r="422097" spans="14:14">
      <c r="N422097" s="10"/>
    </row>
    <row r="422098" spans="14:14">
      <c r="N422098" s="10"/>
    </row>
    <row r="422099" spans="14:14">
      <c r="N422099" s="10"/>
    </row>
    <row r="422100" spans="14:14">
      <c r="N422100" s="10"/>
    </row>
    <row r="422101" spans="14:14">
      <c r="N422101" s="10"/>
    </row>
    <row r="422102" spans="14:14">
      <c r="N422102" s="10"/>
    </row>
    <row r="422103" spans="14:14">
      <c r="N422103" s="10"/>
    </row>
    <row r="422104" spans="14:14">
      <c r="N422104" s="10"/>
    </row>
    <row r="422105" spans="14:14">
      <c r="N422105" s="10"/>
    </row>
    <row r="422106" spans="14:14">
      <c r="N422106" s="10"/>
    </row>
    <row r="422107" spans="14:14">
      <c r="N422107" s="10"/>
    </row>
    <row r="422108" spans="14:14">
      <c r="N422108" s="10"/>
    </row>
    <row r="422109" spans="14:14">
      <c r="N422109" s="10"/>
    </row>
    <row r="422110" spans="14:14">
      <c r="N422110" s="10"/>
    </row>
    <row r="422111" spans="14:14">
      <c r="N422111" s="10"/>
    </row>
    <row r="422112" spans="14:14">
      <c r="N422112" s="10"/>
    </row>
    <row r="422113" spans="14:14">
      <c r="N422113" s="10"/>
    </row>
    <row r="422114" spans="14:14">
      <c r="N422114" s="10"/>
    </row>
    <row r="422115" spans="14:14">
      <c r="N422115" s="10"/>
    </row>
    <row r="422116" spans="14:14">
      <c r="N422116" s="10"/>
    </row>
    <row r="422117" spans="14:14">
      <c r="N422117" s="10"/>
    </row>
    <row r="422118" spans="14:14">
      <c r="N422118" s="10"/>
    </row>
    <row r="422119" spans="14:14">
      <c r="N422119" s="10"/>
    </row>
    <row r="422120" spans="14:14">
      <c r="N422120" s="10"/>
    </row>
    <row r="422121" spans="14:14">
      <c r="N422121" s="10"/>
    </row>
    <row r="422122" spans="14:14">
      <c r="N422122" s="10"/>
    </row>
    <row r="422123" spans="14:14">
      <c r="N422123" s="10"/>
    </row>
    <row r="422124" spans="14:14">
      <c r="N422124" s="10"/>
    </row>
    <row r="422125" spans="14:14">
      <c r="N422125" s="10"/>
    </row>
    <row r="422126" spans="14:14">
      <c r="N422126" s="10"/>
    </row>
    <row r="422127" spans="14:14">
      <c r="N422127" s="10"/>
    </row>
    <row r="422128" spans="14:14">
      <c r="N422128" s="10"/>
    </row>
    <row r="422129" spans="14:14">
      <c r="N422129" s="10"/>
    </row>
    <row r="422130" spans="14:14">
      <c r="N422130" s="10"/>
    </row>
    <row r="422131" spans="14:14">
      <c r="N422131" s="10"/>
    </row>
    <row r="422132" spans="14:14">
      <c r="N422132" s="10"/>
    </row>
    <row r="422133" spans="14:14">
      <c r="N422133" s="10"/>
    </row>
    <row r="422134" spans="14:14">
      <c r="N422134" s="10"/>
    </row>
    <row r="422135" spans="14:14">
      <c r="N422135" s="10"/>
    </row>
    <row r="422136" spans="14:14">
      <c r="N422136" s="10"/>
    </row>
    <row r="422137" spans="14:14">
      <c r="N422137" s="10"/>
    </row>
    <row r="422138" spans="14:14">
      <c r="N422138" s="10"/>
    </row>
    <row r="422139" spans="14:14">
      <c r="N422139" s="10"/>
    </row>
    <row r="422140" spans="14:14">
      <c r="N422140" s="10"/>
    </row>
    <row r="422141" spans="14:14">
      <c r="N422141" s="10"/>
    </row>
    <row r="422142" spans="14:14">
      <c r="N422142" s="10"/>
    </row>
    <row r="422143" spans="14:14">
      <c r="N422143" s="10"/>
    </row>
    <row r="422144" spans="14:14">
      <c r="N422144" s="10"/>
    </row>
    <row r="422145" spans="14:14">
      <c r="N422145" s="10"/>
    </row>
    <row r="422146" spans="14:14">
      <c r="N422146" s="10"/>
    </row>
    <row r="422147" spans="14:14">
      <c r="N422147" s="10"/>
    </row>
    <row r="422148" spans="14:14">
      <c r="N422148" s="10"/>
    </row>
    <row r="422149" spans="14:14">
      <c r="N422149" s="10"/>
    </row>
    <row r="422150" spans="14:14">
      <c r="N422150" s="10"/>
    </row>
    <row r="422151" spans="14:14">
      <c r="N422151" s="10"/>
    </row>
    <row r="422152" spans="14:14">
      <c r="N422152" s="10"/>
    </row>
    <row r="422153" spans="14:14">
      <c r="N422153" s="10"/>
    </row>
    <row r="422154" spans="14:14">
      <c r="N422154" s="10"/>
    </row>
    <row r="422155" spans="14:14">
      <c r="N422155" s="10"/>
    </row>
    <row r="422156" spans="14:14">
      <c r="N422156" s="10"/>
    </row>
    <row r="422157" spans="14:14">
      <c r="N422157" s="10"/>
    </row>
    <row r="422158" spans="14:14">
      <c r="N422158" s="10"/>
    </row>
    <row r="422159" spans="14:14">
      <c r="N422159" s="10"/>
    </row>
    <row r="422160" spans="14:14">
      <c r="N422160" s="10"/>
    </row>
    <row r="422161" spans="14:14">
      <c r="N422161" s="10"/>
    </row>
    <row r="422162" spans="14:14">
      <c r="N422162" s="10"/>
    </row>
    <row r="422163" spans="14:14">
      <c r="N422163" s="10"/>
    </row>
    <row r="422164" spans="14:14">
      <c r="N422164" s="10"/>
    </row>
    <row r="422165" spans="14:14">
      <c r="N422165" s="10"/>
    </row>
    <row r="422166" spans="14:14">
      <c r="N422166" s="10"/>
    </row>
    <row r="422167" spans="14:14">
      <c r="N422167" s="10"/>
    </row>
    <row r="422168" spans="14:14">
      <c r="N422168" s="10"/>
    </row>
    <row r="422169" spans="14:14">
      <c r="N422169" s="10"/>
    </row>
    <row r="422170" spans="14:14">
      <c r="N422170" s="10"/>
    </row>
    <row r="422171" spans="14:14">
      <c r="N422171" s="10"/>
    </row>
    <row r="422172" spans="14:14">
      <c r="N422172" s="10"/>
    </row>
    <row r="422173" spans="14:14">
      <c r="N422173" s="10"/>
    </row>
    <row r="422174" spans="14:14">
      <c r="N422174" s="10"/>
    </row>
    <row r="422175" spans="14:14">
      <c r="N422175" s="10"/>
    </row>
    <row r="422176" spans="14:14">
      <c r="N422176" s="10"/>
    </row>
    <row r="422177" spans="14:14">
      <c r="N422177" s="10"/>
    </row>
    <row r="422178" spans="14:14">
      <c r="N422178" s="10"/>
    </row>
    <row r="422179" spans="14:14">
      <c r="N422179" s="10"/>
    </row>
    <row r="422180" spans="14:14">
      <c r="N422180" s="10"/>
    </row>
    <row r="422181" spans="14:14">
      <c r="N422181" s="10"/>
    </row>
    <row r="422182" spans="14:14">
      <c r="N422182" s="10"/>
    </row>
    <row r="422183" spans="14:14">
      <c r="N422183" s="10"/>
    </row>
    <row r="422184" spans="14:14">
      <c r="N422184" s="10"/>
    </row>
    <row r="422185" spans="14:14">
      <c r="N422185" s="10"/>
    </row>
    <row r="422186" spans="14:14">
      <c r="N422186" s="10"/>
    </row>
    <row r="422187" spans="14:14">
      <c r="N422187" s="10"/>
    </row>
    <row r="422188" spans="14:14">
      <c r="N422188" s="10"/>
    </row>
    <row r="422189" spans="14:14">
      <c r="N422189" s="10"/>
    </row>
    <row r="422190" spans="14:14">
      <c r="N422190" s="10"/>
    </row>
    <row r="422191" spans="14:14">
      <c r="N422191" s="10"/>
    </row>
    <row r="422192" spans="14:14">
      <c r="N422192" s="10"/>
    </row>
    <row r="422193" spans="14:14">
      <c r="N422193" s="10"/>
    </row>
    <row r="422194" spans="14:14">
      <c r="N422194" s="10"/>
    </row>
    <row r="422195" spans="14:14">
      <c r="N422195" s="10"/>
    </row>
    <row r="422196" spans="14:14">
      <c r="N422196" s="10"/>
    </row>
    <row r="422197" spans="14:14">
      <c r="N422197" s="10"/>
    </row>
    <row r="422198" spans="14:14">
      <c r="N422198" s="10"/>
    </row>
    <row r="422199" spans="14:14">
      <c r="N422199" s="10"/>
    </row>
    <row r="422200" spans="14:14">
      <c r="N422200" s="10"/>
    </row>
    <row r="422201" spans="14:14">
      <c r="N422201" s="10"/>
    </row>
    <row r="422202" spans="14:14">
      <c r="N422202" s="10"/>
    </row>
    <row r="422203" spans="14:14">
      <c r="N422203" s="10"/>
    </row>
    <row r="422204" spans="14:14">
      <c r="N422204" s="10"/>
    </row>
    <row r="422205" spans="14:14">
      <c r="N422205" s="10"/>
    </row>
    <row r="422206" spans="14:14">
      <c r="N422206" s="10"/>
    </row>
    <row r="422207" spans="14:14">
      <c r="N422207" s="10"/>
    </row>
    <row r="422208" spans="14:14">
      <c r="N422208" s="10"/>
    </row>
    <row r="422209" spans="14:14">
      <c r="N422209" s="10"/>
    </row>
    <row r="422210" spans="14:14">
      <c r="N422210" s="10"/>
    </row>
    <row r="422211" spans="14:14">
      <c r="N422211" s="10"/>
    </row>
    <row r="422212" spans="14:14">
      <c r="N422212" s="10"/>
    </row>
    <row r="422213" spans="14:14">
      <c r="N422213" s="10"/>
    </row>
    <row r="422214" spans="14:14">
      <c r="N422214" s="10"/>
    </row>
    <row r="422215" spans="14:14">
      <c r="N422215" s="10"/>
    </row>
    <row r="422216" spans="14:14">
      <c r="N422216" s="10"/>
    </row>
    <row r="422217" spans="14:14">
      <c r="N422217" s="10"/>
    </row>
    <row r="422218" spans="14:14">
      <c r="N422218" s="10"/>
    </row>
    <row r="422219" spans="14:14">
      <c r="N422219" s="10"/>
    </row>
    <row r="422220" spans="14:14">
      <c r="N422220" s="10"/>
    </row>
    <row r="422221" spans="14:14">
      <c r="N422221" s="10"/>
    </row>
    <row r="422222" spans="14:14">
      <c r="N422222" s="10"/>
    </row>
    <row r="422223" spans="14:14">
      <c r="N422223" s="10"/>
    </row>
    <row r="422224" spans="14:14">
      <c r="N422224" s="10"/>
    </row>
    <row r="422225" spans="14:14">
      <c r="N422225" s="10"/>
    </row>
    <row r="422226" spans="14:14">
      <c r="N422226" s="10"/>
    </row>
    <row r="422227" spans="14:14">
      <c r="N422227" s="10"/>
    </row>
    <row r="422228" spans="14:14">
      <c r="N422228" s="10"/>
    </row>
    <row r="422229" spans="14:14">
      <c r="N422229" s="10"/>
    </row>
    <row r="422230" spans="14:14">
      <c r="N422230" s="10"/>
    </row>
    <row r="422231" spans="14:14">
      <c r="N422231" s="10"/>
    </row>
    <row r="422232" spans="14:14">
      <c r="N422232" s="10"/>
    </row>
    <row r="422233" spans="14:14">
      <c r="N422233" s="10"/>
    </row>
    <row r="422234" spans="14:14">
      <c r="N422234" s="10"/>
    </row>
    <row r="422235" spans="14:14">
      <c r="N422235" s="10"/>
    </row>
    <row r="422236" spans="14:14">
      <c r="N422236" s="10"/>
    </row>
    <row r="422237" spans="14:14">
      <c r="N422237" s="10"/>
    </row>
    <row r="422238" spans="14:14">
      <c r="N422238" s="10"/>
    </row>
    <row r="422239" spans="14:14">
      <c r="N422239" s="10"/>
    </row>
    <row r="422240" spans="14:14">
      <c r="N422240" s="10"/>
    </row>
    <row r="422241" spans="14:14">
      <c r="N422241" s="10"/>
    </row>
    <row r="422242" spans="14:14">
      <c r="N422242" s="10"/>
    </row>
    <row r="422243" spans="14:14">
      <c r="N422243" s="10"/>
    </row>
    <row r="422244" spans="14:14">
      <c r="N422244" s="10"/>
    </row>
    <row r="422245" spans="14:14">
      <c r="N422245" s="10"/>
    </row>
    <row r="422246" spans="14:14">
      <c r="N422246" s="10"/>
    </row>
    <row r="422247" spans="14:14">
      <c r="N422247" s="10"/>
    </row>
    <row r="422248" spans="14:14">
      <c r="N422248" s="10"/>
    </row>
    <row r="422249" spans="14:14">
      <c r="N422249" s="10"/>
    </row>
    <row r="422250" spans="14:14">
      <c r="N422250" s="10"/>
    </row>
    <row r="422251" spans="14:14">
      <c r="N422251" s="10"/>
    </row>
    <row r="422252" spans="14:14">
      <c r="N422252" s="10"/>
    </row>
    <row r="422253" spans="14:14">
      <c r="N422253" s="10"/>
    </row>
    <row r="422254" spans="14:14">
      <c r="N422254" s="10"/>
    </row>
    <row r="422255" spans="14:14">
      <c r="N422255" s="10"/>
    </row>
    <row r="422256" spans="14:14">
      <c r="N422256" s="10"/>
    </row>
    <row r="422257" spans="14:14">
      <c r="N422257" s="10"/>
    </row>
    <row r="422258" spans="14:14">
      <c r="N422258" s="10"/>
    </row>
    <row r="422259" spans="14:14">
      <c r="N422259" s="10"/>
    </row>
    <row r="422260" spans="14:14">
      <c r="N422260" s="10"/>
    </row>
    <row r="422261" spans="14:14">
      <c r="N422261" s="10"/>
    </row>
    <row r="422262" spans="14:14">
      <c r="N422262" s="10"/>
    </row>
    <row r="422263" spans="14:14">
      <c r="N422263" s="10"/>
    </row>
    <row r="422264" spans="14:14">
      <c r="N422264" s="10"/>
    </row>
    <row r="422265" spans="14:14">
      <c r="N422265" s="10"/>
    </row>
    <row r="422266" spans="14:14">
      <c r="N422266" s="10"/>
    </row>
    <row r="422267" spans="14:14">
      <c r="N422267" s="10"/>
    </row>
    <row r="422268" spans="14:14">
      <c r="N422268" s="10"/>
    </row>
    <row r="422269" spans="14:14">
      <c r="N422269" s="10"/>
    </row>
    <row r="422270" spans="14:14">
      <c r="N422270" s="10"/>
    </row>
    <row r="422271" spans="14:14">
      <c r="N422271" s="10"/>
    </row>
    <row r="422272" spans="14:14">
      <c r="N422272" s="10"/>
    </row>
    <row r="422273" spans="14:14">
      <c r="N422273" s="10"/>
    </row>
    <row r="422274" spans="14:14">
      <c r="N422274" s="10"/>
    </row>
    <row r="422275" spans="14:14">
      <c r="N422275" s="10"/>
    </row>
    <row r="422276" spans="14:14">
      <c r="N422276" s="10"/>
    </row>
    <row r="422277" spans="14:14">
      <c r="N422277" s="10"/>
    </row>
    <row r="422278" spans="14:14">
      <c r="N422278" s="10"/>
    </row>
    <row r="422279" spans="14:14">
      <c r="N422279" s="10"/>
    </row>
    <row r="422280" spans="14:14">
      <c r="N422280" s="10"/>
    </row>
    <row r="422281" spans="14:14">
      <c r="N422281" s="10"/>
    </row>
    <row r="422282" spans="14:14">
      <c r="N422282" s="10"/>
    </row>
    <row r="422283" spans="14:14">
      <c r="N422283" s="10"/>
    </row>
    <row r="422284" spans="14:14">
      <c r="N422284" s="10"/>
    </row>
    <row r="422285" spans="14:14">
      <c r="N422285" s="10"/>
    </row>
    <row r="422286" spans="14:14">
      <c r="N422286" s="10"/>
    </row>
    <row r="422287" spans="14:14">
      <c r="N422287" s="10"/>
    </row>
    <row r="422288" spans="14:14">
      <c r="N422288" s="10"/>
    </row>
    <row r="422289" spans="14:14">
      <c r="N422289" s="10"/>
    </row>
    <row r="422290" spans="14:14">
      <c r="N422290" s="10"/>
    </row>
    <row r="422291" spans="14:14">
      <c r="N422291" s="10"/>
    </row>
    <row r="422292" spans="14:14">
      <c r="N422292" s="10"/>
    </row>
    <row r="422293" spans="14:14">
      <c r="N422293" s="10"/>
    </row>
    <row r="422294" spans="14:14">
      <c r="N422294" s="10"/>
    </row>
    <row r="422295" spans="14:14">
      <c r="N422295" s="10"/>
    </row>
    <row r="422296" spans="14:14">
      <c r="N422296" s="10"/>
    </row>
    <row r="422297" spans="14:14">
      <c r="N422297" s="10"/>
    </row>
    <row r="422298" spans="14:14">
      <c r="N422298" s="10"/>
    </row>
    <row r="422299" spans="14:14">
      <c r="N422299" s="10"/>
    </row>
    <row r="422300" spans="14:14">
      <c r="N422300" s="10"/>
    </row>
    <row r="422301" spans="14:14">
      <c r="N422301" s="10"/>
    </row>
    <row r="422302" spans="14:14">
      <c r="N422302" s="10"/>
    </row>
    <row r="422303" spans="14:14">
      <c r="N422303" s="10"/>
    </row>
    <row r="422304" spans="14:14">
      <c r="N422304" s="10"/>
    </row>
    <row r="422305" spans="14:14">
      <c r="N422305" s="10"/>
    </row>
    <row r="422306" spans="14:14">
      <c r="N422306" s="10"/>
    </row>
    <row r="422307" spans="14:14">
      <c r="N422307" s="10"/>
    </row>
    <row r="422308" spans="14:14">
      <c r="N422308" s="10"/>
    </row>
    <row r="422309" spans="14:14">
      <c r="N422309" s="10"/>
    </row>
    <row r="422310" spans="14:14">
      <c r="N422310" s="10"/>
    </row>
    <row r="422311" spans="14:14">
      <c r="N422311" s="10"/>
    </row>
    <row r="422312" spans="14:14">
      <c r="N422312" s="10"/>
    </row>
    <row r="422313" spans="14:14">
      <c r="N422313" s="10"/>
    </row>
    <row r="422314" spans="14:14">
      <c r="N422314" s="10"/>
    </row>
    <row r="422315" spans="14:14">
      <c r="N422315" s="10"/>
    </row>
    <row r="422316" spans="14:14">
      <c r="N422316" s="10"/>
    </row>
    <row r="422317" spans="14:14">
      <c r="N422317" s="10"/>
    </row>
    <row r="422318" spans="14:14">
      <c r="N422318" s="10"/>
    </row>
    <row r="422319" spans="14:14">
      <c r="N422319" s="10"/>
    </row>
    <row r="422320" spans="14:14">
      <c r="N422320" s="10"/>
    </row>
    <row r="422321" spans="14:14">
      <c r="N422321" s="10"/>
    </row>
    <row r="422322" spans="14:14">
      <c r="N422322" s="10"/>
    </row>
    <row r="422323" spans="14:14">
      <c r="N422323" s="10"/>
    </row>
    <row r="422324" spans="14:14">
      <c r="N422324" s="10"/>
    </row>
    <row r="422325" spans="14:14">
      <c r="N422325" s="10"/>
    </row>
    <row r="422326" spans="14:14">
      <c r="N422326" s="10"/>
    </row>
    <row r="422327" spans="14:14">
      <c r="N422327" s="10"/>
    </row>
    <row r="422328" spans="14:14">
      <c r="N422328" s="10"/>
    </row>
    <row r="422329" spans="14:14">
      <c r="N422329" s="10"/>
    </row>
    <row r="422330" spans="14:14">
      <c r="N422330" s="10"/>
    </row>
    <row r="422331" spans="14:14">
      <c r="N422331" s="10"/>
    </row>
    <row r="422332" spans="14:14">
      <c r="N422332" s="10"/>
    </row>
    <row r="422333" spans="14:14">
      <c r="N422333" s="10"/>
    </row>
    <row r="422334" spans="14:14">
      <c r="N422334" s="10"/>
    </row>
    <row r="422335" spans="14:14">
      <c r="N422335" s="10"/>
    </row>
    <row r="422336" spans="14:14">
      <c r="N422336" s="10"/>
    </row>
    <row r="422337" spans="14:14">
      <c r="N422337" s="10"/>
    </row>
    <row r="422338" spans="14:14">
      <c r="N422338" s="10"/>
    </row>
    <row r="422339" spans="14:14">
      <c r="N422339" s="10"/>
    </row>
    <row r="422340" spans="14:14">
      <c r="N422340" s="10"/>
    </row>
    <row r="422341" spans="14:14">
      <c r="N422341" s="10"/>
    </row>
    <row r="422342" spans="14:14">
      <c r="N422342" s="10"/>
    </row>
    <row r="422343" spans="14:14">
      <c r="N422343" s="10"/>
    </row>
    <row r="422344" spans="14:14">
      <c r="N422344" s="10"/>
    </row>
    <row r="422345" spans="14:14">
      <c r="N422345" s="10"/>
    </row>
    <row r="422346" spans="14:14">
      <c r="N422346" s="10"/>
    </row>
    <row r="422347" spans="14:14">
      <c r="N422347" s="10"/>
    </row>
    <row r="422348" spans="14:14">
      <c r="N422348" s="10"/>
    </row>
    <row r="422349" spans="14:14">
      <c r="N422349" s="10"/>
    </row>
    <row r="422350" spans="14:14">
      <c r="N422350" s="10"/>
    </row>
    <row r="422351" spans="14:14">
      <c r="N422351" s="10"/>
    </row>
    <row r="422352" spans="14:14">
      <c r="N422352" s="10"/>
    </row>
    <row r="422353" spans="14:14">
      <c r="N422353" s="10"/>
    </row>
    <row r="422354" spans="14:14">
      <c r="N422354" s="10"/>
    </row>
    <row r="422355" spans="14:14">
      <c r="N422355" s="10"/>
    </row>
    <row r="422356" spans="14:14">
      <c r="N422356" s="10"/>
    </row>
    <row r="422357" spans="14:14">
      <c r="N422357" s="10"/>
    </row>
    <row r="422358" spans="14:14">
      <c r="N422358" s="10"/>
    </row>
    <row r="422359" spans="14:14">
      <c r="N422359" s="10"/>
    </row>
    <row r="422360" spans="14:14">
      <c r="N422360" s="10"/>
    </row>
    <row r="422361" spans="14:14">
      <c r="N422361" s="10"/>
    </row>
    <row r="422362" spans="14:14">
      <c r="N422362" s="10"/>
    </row>
    <row r="422363" spans="14:14">
      <c r="N422363" s="10"/>
    </row>
    <row r="422364" spans="14:14">
      <c r="N422364" s="10"/>
    </row>
    <row r="422365" spans="14:14">
      <c r="N422365" s="10"/>
    </row>
    <row r="422366" spans="14:14">
      <c r="N422366" s="10"/>
    </row>
    <row r="422367" spans="14:14">
      <c r="N422367" s="10"/>
    </row>
    <row r="422368" spans="14:14">
      <c r="N422368" s="10"/>
    </row>
    <row r="422369" spans="14:14">
      <c r="N422369" s="10"/>
    </row>
    <row r="422370" spans="14:14">
      <c r="N422370" s="10"/>
    </row>
    <row r="422371" spans="14:14">
      <c r="N422371" s="10"/>
    </row>
    <row r="422372" spans="14:14">
      <c r="N422372" s="10"/>
    </row>
    <row r="422373" spans="14:14">
      <c r="N422373" s="10"/>
    </row>
    <row r="422374" spans="14:14">
      <c r="N422374" s="10"/>
    </row>
    <row r="422375" spans="14:14">
      <c r="N422375" s="10"/>
    </row>
    <row r="422376" spans="14:14">
      <c r="N422376" s="10"/>
    </row>
    <row r="422377" spans="14:14">
      <c r="N422377" s="10"/>
    </row>
    <row r="422378" spans="14:14">
      <c r="N422378" s="10"/>
    </row>
    <row r="422379" spans="14:14">
      <c r="N422379" s="10"/>
    </row>
    <row r="422380" spans="14:14">
      <c r="N422380" s="10"/>
    </row>
    <row r="422381" spans="14:14">
      <c r="N422381" s="10"/>
    </row>
    <row r="422382" spans="14:14">
      <c r="N422382" s="10"/>
    </row>
    <row r="422383" spans="14:14">
      <c r="N422383" s="10"/>
    </row>
    <row r="422384" spans="14:14">
      <c r="N422384" s="10"/>
    </row>
    <row r="422385" spans="14:14">
      <c r="N422385" s="10"/>
    </row>
    <row r="422386" spans="14:14">
      <c r="N422386" s="10"/>
    </row>
    <row r="422387" spans="14:14">
      <c r="N422387" s="10"/>
    </row>
    <row r="422388" spans="14:14">
      <c r="N422388" s="10"/>
    </row>
    <row r="422389" spans="14:14">
      <c r="N422389" s="10"/>
    </row>
    <row r="422390" spans="14:14">
      <c r="N422390" s="10"/>
    </row>
    <row r="422391" spans="14:14">
      <c r="N422391" s="10"/>
    </row>
    <row r="422392" spans="14:14">
      <c r="N422392" s="10"/>
    </row>
    <row r="422393" spans="14:14">
      <c r="N422393" s="10"/>
    </row>
    <row r="422394" spans="14:14">
      <c r="N422394" s="10"/>
    </row>
    <row r="422395" spans="14:14">
      <c r="N422395" s="10"/>
    </row>
    <row r="422396" spans="14:14">
      <c r="N422396" s="10"/>
    </row>
    <row r="422397" spans="14:14">
      <c r="N422397" s="10"/>
    </row>
    <row r="422398" spans="14:14">
      <c r="N422398" s="10"/>
    </row>
    <row r="422399" spans="14:14">
      <c r="N422399" s="10"/>
    </row>
    <row r="422400" spans="14:14">
      <c r="N422400" s="10"/>
    </row>
    <row r="422401" spans="14:14">
      <c r="N422401" s="10"/>
    </row>
    <row r="422402" spans="14:14">
      <c r="N422402" s="10"/>
    </row>
    <row r="422403" spans="14:14">
      <c r="N422403" s="10"/>
    </row>
    <row r="422404" spans="14:14">
      <c r="N422404" s="10"/>
    </row>
    <row r="422405" spans="14:14">
      <c r="N422405" s="10"/>
    </row>
    <row r="422406" spans="14:14">
      <c r="N422406" s="10"/>
    </row>
    <row r="422407" spans="14:14">
      <c r="N422407" s="10"/>
    </row>
    <row r="422408" spans="14:14">
      <c r="N422408" s="10"/>
    </row>
    <row r="422409" spans="14:14">
      <c r="N422409" s="10"/>
    </row>
    <row r="422410" spans="14:14">
      <c r="N422410" s="10"/>
    </row>
    <row r="422411" spans="14:14">
      <c r="N422411" s="10"/>
    </row>
    <row r="422412" spans="14:14">
      <c r="N422412" s="10"/>
    </row>
    <row r="422413" spans="14:14">
      <c r="N422413" s="10"/>
    </row>
    <row r="422414" spans="14:14">
      <c r="N422414" s="10"/>
    </row>
    <row r="422415" spans="14:14">
      <c r="N422415" s="10"/>
    </row>
    <row r="422416" spans="14:14">
      <c r="N422416" s="10"/>
    </row>
    <row r="422417" spans="14:14">
      <c r="N422417" s="10"/>
    </row>
    <row r="422418" spans="14:14">
      <c r="N422418" s="10"/>
    </row>
    <row r="422419" spans="14:14">
      <c r="N422419" s="10"/>
    </row>
    <row r="422420" spans="14:14">
      <c r="N422420" s="10"/>
    </row>
    <row r="422421" spans="14:14">
      <c r="N422421" s="10"/>
    </row>
    <row r="422422" spans="14:14">
      <c r="N422422" s="10"/>
    </row>
    <row r="422423" spans="14:14">
      <c r="N422423" s="10"/>
    </row>
    <row r="422424" spans="14:14">
      <c r="N422424" s="10"/>
    </row>
    <row r="422425" spans="14:14">
      <c r="N422425" s="10"/>
    </row>
    <row r="422426" spans="14:14">
      <c r="N422426" s="10"/>
    </row>
    <row r="422427" spans="14:14">
      <c r="N422427" s="10"/>
    </row>
    <row r="422428" spans="14:14">
      <c r="N422428" s="10"/>
    </row>
    <row r="422429" spans="14:14">
      <c r="N422429" s="10"/>
    </row>
    <row r="422430" spans="14:14">
      <c r="N422430" s="10"/>
    </row>
    <row r="422431" spans="14:14">
      <c r="N422431" s="10"/>
    </row>
    <row r="422432" spans="14:14">
      <c r="N422432" s="10"/>
    </row>
    <row r="422433" spans="14:14">
      <c r="N422433" s="10"/>
    </row>
    <row r="422434" spans="14:14">
      <c r="N422434" s="10"/>
    </row>
    <row r="422435" spans="14:14">
      <c r="N422435" s="10"/>
    </row>
    <row r="422436" spans="14:14">
      <c r="N422436" s="10"/>
    </row>
    <row r="422437" spans="14:14">
      <c r="N422437" s="10"/>
    </row>
    <row r="422438" spans="14:14">
      <c r="N422438" s="10"/>
    </row>
    <row r="422439" spans="14:14">
      <c r="N422439" s="10"/>
    </row>
    <row r="422440" spans="14:14">
      <c r="N422440" s="10"/>
    </row>
    <row r="422441" spans="14:14">
      <c r="N422441" s="10"/>
    </row>
    <row r="422442" spans="14:14">
      <c r="N422442" s="10"/>
    </row>
    <row r="422443" spans="14:14">
      <c r="N422443" s="10"/>
    </row>
    <row r="422444" spans="14:14">
      <c r="N422444" s="10"/>
    </row>
    <row r="422445" spans="14:14">
      <c r="N422445" s="10"/>
    </row>
    <row r="422446" spans="14:14">
      <c r="N422446" s="10"/>
    </row>
    <row r="422447" spans="14:14">
      <c r="N422447" s="10"/>
    </row>
    <row r="422448" spans="14:14">
      <c r="N422448" s="10"/>
    </row>
    <row r="422449" spans="14:14">
      <c r="N422449" s="10"/>
    </row>
    <row r="422450" spans="14:14">
      <c r="N422450" s="10"/>
    </row>
    <row r="422451" spans="14:14">
      <c r="N422451" s="10"/>
    </row>
    <row r="422452" spans="14:14">
      <c r="N422452" s="10"/>
    </row>
    <row r="422453" spans="14:14">
      <c r="N422453" s="10"/>
    </row>
    <row r="422454" spans="14:14">
      <c r="N422454" s="10"/>
    </row>
    <row r="422455" spans="14:14">
      <c r="N422455" s="10"/>
    </row>
    <row r="422456" spans="14:14">
      <c r="N422456" s="10"/>
    </row>
    <row r="422457" spans="14:14">
      <c r="N422457" s="10"/>
    </row>
    <row r="422458" spans="14:14">
      <c r="N422458" s="10"/>
    </row>
    <row r="422459" spans="14:14">
      <c r="N422459" s="10"/>
    </row>
    <row r="422460" spans="14:14">
      <c r="N422460" s="10"/>
    </row>
    <row r="422461" spans="14:14">
      <c r="N422461" s="10"/>
    </row>
    <row r="422462" spans="14:14">
      <c r="N422462" s="10"/>
    </row>
    <row r="422463" spans="14:14">
      <c r="N422463" s="10"/>
    </row>
    <row r="422464" spans="14:14">
      <c r="N422464" s="10"/>
    </row>
    <row r="422465" spans="14:14">
      <c r="N422465" s="10"/>
    </row>
    <row r="422466" spans="14:14">
      <c r="N422466" s="10"/>
    </row>
    <row r="422467" spans="14:14">
      <c r="N422467" s="10"/>
    </row>
    <row r="422468" spans="14:14">
      <c r="N422468" s="10"/>
    </row>
    <row r="422469" spans="14:14">
      <c r="N422469" s="10"/>
    </row>
    <row r="422470" spans="14:14">
      <c r="N422470" s="10"/>
    </row>
    <row r="422471" spans="14:14">
      <c r="N422471" s="10"/>
    </row>
    <row r="422472" spans="14:14">
      <c r="N422472" s="10"/>
    </row>
    <row r="422473" spans="14:14">
      <c r="N422473" s="10"/>
    </row>
    <row r="422474" spans="14:14">
      <c r="N422474" s="10"/>
    </row>
    <row r="422475" spans="14:14">
      <c r="N422475" s="10"/>
    </row>
    <row r="422476" spans="14:14">
      <c r="N422476" s="10"/>
    </row>
    <row r="422477" spans="14:14">
      <c r="N422477" s="10"/>
    </row>
    <row r="422478" spans="14:14">
      <c r="N422478" s="10"/>
    </row>
    <row r="422479" spans="14:14">
      <c r="N422479" s="10"/>
    </row>
    <row r="422480" spans="14:14">
      <c r="N422480" s="10"/>
    </row>
    <row r="422481" spans="14:14">
      <c r="N422481" s="10"/>
    </row>
    <row r="422482" spans="14:14">
      <c r="N422482" s="10"/>
    </row>
    <row r="422483" spans="14:14">
      <c r="N422483" s="10"/>
    </row>
    <row r="422484" spans="14:14">
      <c r="N422484" s="10"/>
    </row>
    <row r="422485" spans="14:14">
      <c r="N422485" s="10"/>
    </row>
    <row r="422486" spans="14:14">
      <c r="N422486" s="10"/>
    </row>
    <row r="422487" spans="14:14">
      <c r="N422487" s="10"/>
    </row>
    <row r="422488" spans="14:14">
      <c r="N422488" s="10"/>
    </row>
    <row r="422489" spans="14:14">
      <c r="N422489" s="10"/>
    </row>
    <row r="422490" spans="14:14">
      <c r="N422490" s="10"/>
    </row>
    <row r="422491" spans="14:14">
      <c r="N422491" s="10"/>
    </row>
    <row r="422492" spans="14:14">
      <c r="N422492" s="10"/>
    </row>
    <row r="422493" spans="14:14">
      <c r="N422493" s="10"/>
    </row>
    <row r="422494" spans="14:14">
      <c r="N422494" s="10"/>
    </row>
    <row r="422495" spans="14:14">
      <c r="N422495" s="10"/>
    </row>
    <row r="422496" spans="14:14">
      <c r="N422496" s="10"/>
    </row>
    <row r="422497" spans="14:14">
      <c r="N422497" s="10"/>
    </row>
    <row r="422498" spans="14:14">
      <c r="N422498" s="10"/>
    </row>
    <row r="422499" spans="14:14">
      <c r="N422499" s="10"/>
    </row>
    <row r="422500" spans="14:14">
      <c r="N422500" s="10"/>
    </row>
    <row r="422501" spans="14:14">
      <c r="N422501" s="10"/>
    </row>
    <row r="422502" spans="14:14">
      <c r="N422502" s="10"/>
    </row>
    <row r="422503" spans="14:14">
      <c r="N422503" s="10"/>
    </row>
    <row r="422504" spans="14:14">
      <c r="N422504" s="10"/>
    </row>
    <row r="422505" spans="14:14">
      <c r="N422505" s="10"/>
    </row>
    <row r="422506" spans="14:14">
      <c r="N422506" s="10"/>
    </row>
    <row r="422507" spans="14:14">
      <c r="N422507" s="10"/>
    </row>
    <row r="422508" spans="14:14">
      <c r="N422508" s="10"/>
    </row>
    <row r="422509" spans="14:14">
      <c r="N422509" s="10"/>
    </row>
    <row r="422510" spans="14:14">
      <c r="N422510" s="10"/>
    </row>
    <row r="422511" spans="14:14">
      <c r="N422511" s="10"/>
    </row>
    <row r="422512" spans="14:14">
      <c r="N422512" s="10"/>
    </row>
    <row r="422513" spans="14:14">
      <c r="N422513" s="10"/>
    </row>
    <row r="422514" spans="14:14">
      <c r="N422514" s="10"/>
    </row>
    <row r="422515" spans="14:14">
      <c r="N422515" s="10"/>
    </row>
    <row r="422516" spans="14:14">
      <c r="N422516" s="10"/>
    </row>
    <row r="422517" spans="14:14">
      <c r="N422517" s="10"/>
    </row>
    <row r="422518" spans="14:14">
      <c r="N422518" s="10"/>
    </row>
    <row r="422519" spans="14:14">
      <c r="N422519" s="10"/>
    </row>
    <row r="422520" spans="14:14">
      <c r="N422520" s="10"/>
    </row>
    <row r="422521" spans="14:14">
      <c r="N422521" s="10"/>
    </row>
    <row r="422522" spans="14:14">
      <c r="N422522" s="10"/>
    </row>
    <row r="422523" spans="14:14">
      <c r="N422523" s="10"/>
    </row>
    <row r="422524" spans="14:14">
      <c r="N422524" s="10"/>
    </row>
    <row r="422525" spans="14:14">
      <c r="N422525" s="10"/>
    </row>
    <row r="422526" spans="14:14">
      <c r="N422526" s="10"/>
    </row>
    <row r="422527" spans="14:14">
      <c r="N422527" s="10"/>
    </row>
    <row r="422528" spans="14:14">
      <c r="N422528" s="10"/>
    </row>
    <row r="422529" spans="14:14">
      <c r="N422529" s="10"/>
    </row>
    <row r="422530" spans="14:14">
      <c r="N422530" s="10"/>
    </row>
    <row r="422531" spans="14:14">
      <c r="N422531" s="10"/>
    </row>
    <row r="422532" spans="14:14">
      <c r="N422532" s="10"/>
    </row>
    <row r="422533" spans="14:14">
      <c r="N422533" s="10"/>
    </row>
    <row r="422534" spans="14:14">
      <c r="N422534" s="10"/>
    </row>
    <row r="422535" spans="14:14">
      <c r="N422535" s="10"/>
    </row>
    <row r="422536" spans="14:14">
      <c r="N422536" s="10"/>
    </row>
    <row r="422537" spans="14:14">
      <c r="N422537" s="10"/>
    </row>
    <row r="422538" spans="14:14">
      <c r="N422538" s="10"/>
    </row>
    <row r="422539" spans="14:14">
      <c r="N422539" s="10"/>
    </row>
    <row r="422540" spans="14:14">
      <c r="N422540" s="10"/>
    </row>
    <row r="422541" spans="14:14">
      <c r="N422541" s="10"/>
    </row>
    <row r="422542" spans="14:14">
      <c r="N422542" s="10"/>
    </row>
    <row r="422543" spans="14:14">
      <c r="N422543" s="10"/>
    </row>
    <row r="422544" spans="14:14">
      <c r="N422544" s="10"/>
    </row>
    <row r="422545" spans="14:14">
      <c r="N422545" s="10"/>
    </row>
    <row r="422546" spans="14:14">
      <c r="N422546" s="10"/>
    </row>
    <row r="422547" spans="14:14">
      <c r="N422547" s="10"/>
    </row>
    <row r="422548" spans="14:14">
      <c r="N422548" s="10"/>
    </row>
    <row r="422549" spans="14:14">
      <c r="N422549" s="10"/>
    </row>
    <row r="422550" spans="14:14">
      <c r="N422550" s="10"/>
    </row>
    <row r="422551" spans="14:14">
      <c r="N422551" s="10"/>
    </row>
    <row r="422552" spans="14:14">
      <c r="N422552" s="10"/>
    </row>
    <row r="422553" spans="14:14">
      <c r="N422553" s="10"/>
    </row>
    <row r="422554" spans="14:14">
      <c r="N422554" s="10"/>
    </row>
    <row r="422555" spans="14:14">
      <c r="N422555" s="10"/>
    </row>
    <row r="422556" spans="14:14">
      <c r="N422556" s="10"/>
    </row>
    <row r="422557" spans="14:14">
      <c r="N422557" s="10"/>
    </row>
    <row r="422558" spans="14:14">
      <c r="N422558" s="10"/>
    </row>
    <row r="422559" spans="14:14">
      <c r="N422559" s="10"/>
    </row>
    <row r="422560" spans="14:14">
      <c r="N422560" s="10"/>
    </row>
    <row r="422561" spans="14:14">
      <c r="N422561" s="10"/>
    </row>
    <row r="422562" spans="14:14">
      <c r="N422562" s="10"/>
    </row>
    <row r="422563" spans="14:14">
      <c r="N422563" s="10"/>
    </row>
    <row r="422564" spans="14:14">
      <c r="N422564" s="10"/>
    </row>
    <row r="422565" spans="14:14">
      <c r="N422565" s="10"/>
    </row>
    <row r="422566" spans="14:14">
      <c r="N422566" s="10"/>
    </row>
    <row r="422567" spans="14:14">
      <c r="N422567" s="10"/>
    </row>
    <row r="422568" spans="14:14">
      <c r="N422568" s="10"/>
    </row>
    <row r="422569" spans="14:14">
      <c r="N422569" s="10"/>
    </row>
    <row r="422570" spans="14:14">
      <c r="N422570" s="10"/>
    </row>
    <row r="422571" spans="14:14">
      <c r="N422571" s="10"/>
    </row>
    <row r="422572" spans="14:14">
      <c r="N422572" s="10"/>
    </row>
    <row r="422573" spans="14:14">
      <c r="N422573" s="10"/>
    </row>
    <row r="422574" spans="14:14">
      <c r="N422574" s="10"/>
    </row>
    <row r="422575" spans="14:14">
      <c r="N422575" s="10"/>
    </row>
    <row r="422576" spans="14:14">
      <c r="N422576" s="10"/>
    </row>
    <row r="422577" spans="14:14">
      <c r="N422577" s="10"/>
    </row>
    <row r="422578" spans="14:14">
      <c r="N422578" s="10"/>
    </row>
    <row r="422579" spans="14:14">
      <c r="N422579" s="10"/>
    </row>
    <row r="422580" spans="14:14">
      <c r="N422580" s="10"/>
    </row>
    <row r="422581" spans="14:14">
      <c r="N422581" s="10"/>
    </row>
    <row r="422582" spans="14:14">
      <c r="N422582" s="10"/>
    </row>
    <row r="422583" spans="14:14">
      <c r="N422583" s="10"/>
    </row>
    <row r="422584" spans="14:14">
      <c r="N422584" s="10"/>
    </row>
    <row r="422585" spans="14:14">
      <c r="N422585" s="10"/>
    </row>
    <row r="422586" spans="14:14">
      <c r="N422586" s="10"/>
    </row>
    <row r="422587" spans="14:14">
      <c r="N422587" s="10"/>
    </row>
    <row r="422588" spans="14:14">
      <c r="N422588" s="10"/>
    </row>
    <row r="422589" spans="14:14">
      <c r="N422589" s="10"/>
    </row>
    <row r="422590" spans="14:14">
      <c r="N422590" s="10"/>
    </row>
    <row r="422591" spans="14:14">
      <c r="N422591" s="10"/>
    </row>
    <row r="422592" spans="14:14">
      <c r="N422592" s="10"/>
    </row>
    <row r="422593" spans="14:14">
      <c r="N422593" s="10"/>
    </row>
    <row r="422594" spans="14:14">
      <c r="N422594" s="10"/>
    </row>
    <row r="422595" spans="14:14">
      <c r="N422595" s="10"/>
    </row>
    <row r="422596" spans="14:14">
      <c r="N422596" s="10"/>
    </row>
    <row r="422597" spans="14:14">
      <c r="N422597" s="10"/>
    </row>
    <row r="422598" spans="14:14">
      <c r="N422598" s="10"/>
    </row>
    <row r="422599" spans="14:14">
      <c r="N422599" s="10"/>
    </row>
    <row r="422600" spans="14:14">
      <c r="N422600" s="10"/>
    </row>
    <row r="422601" spans="14:14">
      <c r="N422601" s="10"/>
    </row>
    <row r="422602" spans="14:14">
      <c r="N422602" s="10"/>
    </row>
    <row r="422603" spans="14:14">
      <c r="N422603" s="10"/>
    </row>
    <row r="422604" spans="14:14">
      <c r="N422604" s="10"/>
    </row>
    <row r="422605" spans="14:14">
      <c r="N422605" s="10"/>
    </row>
    <row r="422606" spans="14:14">
      <c r="N422606" s="10"/>
    </row>
    <row r="422607" spans="14:14">
      <c r="N422607" s="10"/>
    </row>
    <row r="422608" spans="14:14">
      <c r="N422608" s="10"/>
    </row>
    <row r="422609" spans="14:14">
      <c r="N422609" s="10"/>
    </row>
    <row r="422610" spans="14:14">
      <c r="N422610" s="10"/>
    </row>
    <row r="422611" spans="14:14">
      <c r="N422611" s="10"/>
    </row>
    <row r="422612" spans="14:14">
      <c r="N422612" s="10"/>
    </row>
    <row r="422613" spans="14:14">
      <c r="N422613" s="10"/>
    </row>
    <row r="422614" spans="14:14">
      <c r="N422614" s="10"/>
    </row>
    <row r="422615" spans="14:14">
      <c r="N422615" s="10"/>
    </row>
    <row r="422616" spans="14:14">
      <c r="N422616" s="10"/>
    </row>
    <row r="422617" spans="14:14">
      <c r="N422617" s="10"/>
    </row>
    <row r="422618" spans="14:14">
      <c r="N422618" s="10"/>
    </row>
    <row r="422619" spans="14:14">
      <c r="N422619" s="10"/>
    </row>
    <row r="422620" spans="14:14">
      <c r="N422620" s="10"/>
    </row>
    <row r="422621" spans="14:14">
      <c r="N422621" s="10"/>
    </row>
    <row r="422622" spans="14:14">
      <c r="N422622" s="10"/>
    </row>
    <row r="422623" spans="14:14">
      <c r="N422623" s="10"/>
    </row>
    <row r="422624" spans="14:14">
      <c r="N422624" s="10"/>
    </row>
    <row r="422625" spans="14:14">
      <c r="N422625" s="10"/>
    </row>
    <row r="422626" spans="14:14">
      <c r="N422626" s="10"/>
    </row>
    <row r="422627" spans="14:14">
      <c r="N422627" s="10"/>
    </row>
    <row r="422628" spans="14:14">
      <c r="N422628" s="10"/>
    </row>
    <row r="422629" spans="14:14">
      <c r="N422629" s="10"/>
    </row>
    <row r="422630" spans="14:14">
      <c r="N422630" s="10"/>
    </row>
    <row r="422631" spans="14:14">
      <c r="N422631" s="10"/>
    </row>
    <row r="422632" spans="14:14">
      <c r="N422632" s="10"/>
    </row>
    <row r="422633" spans="14:14">
      <c r="N422633" s="10"/>
    </row>
    <row r="422634" spans="14:14">
      <c r="N422634" s="10"/>
    </row>
    <row r="422635" spans="14:14">
      <c r="N422635" s="10"/>
    </row>
    <row r="422636" spans="14:14">
      <c r="N422636" s="10"/>
    </row>
    <row r="422637" spans="14:14">
      <c r="N422637" s="10"/>
    </row>
    <row r="422638" spans="14:14">
      <c r="N422638" s="10"/>
    </row>
    <row r="422639" spans="14:14">
      <c r="N422639" s="10"/>
    </row>
    <row r="422640" spans="14:14">
      <c r="N422640" s="10"/>
    </row>
    <row r="422641" spans="14:14">
      <c r="N422641" s="10"/>
    </row>
    <row r="422642" spans="14:14">
      <c r="N422642" s="10"/>
    </row>
    <row r="422643" spans="14:14">
      <c r="N422643" s="10"/>
    </row>
    <row r="422644" spans="14:14">
      <c r="N422644" s="10"/>
    </row>
    <row r="422645" spans="14:14">
      <c r="N422645" s="10"/>
    </row>
    <row r="422646" spans="14:14">
      <c r="N422646" s="10"/>
    </row>
    <row r="422647" spans="14:14">
      <c r="N422647" s="10"/>
    </row>
    <row r="422648" spans="14:14">
      <c r="N422648" s="10"/>
    </row>
    <row r="422649" spans="14:14">
      <c r="N422649" s="10"/>
    </row>
    <row r="422650" spans="14:14">
      <c r="N422650" s="10"/>
    </row>
    <row r="422651" spans="14:14">
      <c r="N422651" s="10"/>
    </row>
    <row r="422652" spans="14:14">
      <c r="N422652" s="10"/>
    </row>
    <row r="422653" spans="14:14">
      <c r="N422653" s="10"/>
    </row>
    <row r="422654" spans="14:14">
      <c r="N422654" s="10"/>
    </row>
    <row r="422655" spans="14:14">
      <c r="N422655" s="10"/>
    </row>
    <row r="422656" spans="14:14">
      <c r="N422656" s="10"/>
    </row>
    <row r="422657" spans="14:14">
      <c r="N422657" s="10"/>
    </row>
    <row r="422658" spans="14:14">
      <c r="N422658" s="10"/>
    </row>
    <row r="422659" spans="14:14">
      <c r="N422659" s="10"/>
    </row>
    <row r="422660" spans="14:14">
      <c r="N422660" s="10"/>
    </row>
    <row r="422661" spans="14:14">
      <c r="N422661" s="10"/>
    </row>
    <row r="422662" spans="14:14">
      <c r="N422662" s="10"/>
    </row>
    <row r="422663" spans="14:14">
      <c r="N422663" s="10"/>
    </row>
    <row r="422664" spans="14:14">
      <c r="N422664" s="10"/>
    </row>
    <row r="422665" spans="14:14">
      <c r="N422665" s="10"/>
    </row>
    <row r="422666" spans="14:14">
      <c r="N422666" s="10"/>
    </row>
    <row r="422667" spans="14:14">
      <c r="N422667" s="10"/>
    </row>
    <row r="422668" spans="14:14">
      <c r="N422668" s="10"/>
    </row>
    <row r="422669" spans="14:14">
      <c r="N422669" s="10"/>
    </row>
    <row r="422670" spans="14:14">
      <c r="N422670" s="10"/>
    </row>
    <row r="422671" spans="14:14">
      <c r="N422671" s="10"/>
    </row>
    <row r="422672" spans="14:14">
      <c r="N422672" s="10"/>
    </row>
    <row r="422673" spans="14:14">
      <c r="N422673" s="10"/>
    </row>
    <row r="422674" spans="14:14">
      <c r="N422674" s="10"/>
    </row>
    <row r="422675" spans="14:14">
      <c r="N422675" s="10"/>
    </row>
    <row r="422676" spans="14:14">
      <c r="N422676" s="10"/>
    </row>
    <row r="422677" spans="14:14">
      <c r="N422677" s="10"/>
    </row>
    <row r="422678" spans="14:14">
      <c r="N422678" s="10"/>
    </row>
    <row r="422679" spans="14:14">
      <c r="N422679" s="10"/>
    </row>
    <row r="422680" spans="14:14">
      <c r="N422680" s="10"/>
    </row>
    <row r="422681" spans="14:14">
      <c r="N422681" s="10"/>
    </row>
    <row r="422682" spans="14:14">
      <c r="N422682" s="10"/>
    </row>
    <row r="422683" spans="14:14">
      <c r="N422683" s="10"/>
    </row>
    <row r="422684" spans="14:14">
      <c r="N422684" s="10"/>
    </row>
    <row r="422685" spans="14:14">
      <c r="N422685" s="10"/>
    </row>
    <row r="422686" spans="14:14">
      <c r="N422686" s="10"/>
    </row>
    <row r="422687" spans="14:14">
      <c r="N422687" s="10"/>
    </row>
    <row r="422688" spans="14:14">
      <c r="N422688" s="10"/>
    </row>
    <row r="422689" spans="14:14">
      <c r="N422689" s="10"/>
    </row>
    <row r="422690" spans="14:14">
      <c r="N422690" s="10"/>
    </row>
    <row r="422691" spans="14:14">
      <c r="N422691" s="10"/>
    </row>
    <row r="422692" spans="14:14">
      <c r="N422692" s="10"/>
    </row>
    <row r="422693" spans="14:14">
      <c r="N422693" s="10"/>
    </row>
    <row r="422694" spans="14:14">
      <c r="N422694" s="10"/>
    </row>
    <row r="422695" spans="14:14">
      <c r="N422695" s="10"/>
    </row>
    <row r="422696" spans="14:14">
      <c r="N422696" s="10"/>
    </row>
    <row r="422697" spans="14:14">
      <c r="N422697" s="10"/>
    </row>
    <row r="422698" spans="14:14">
      <c r="N422698" s="10"/>
    </row>
    <row r="422699" spans="14:14">
      <c r="N422699" s="10"/>
    </row>
    <row r="422700" spans="14:14">
      <c r="N422700" s="10"/>
    </row>
    <row r="422701" spans="14:14">
      <c r="N422701" s="10"/>
    </row>
    <row r="422702" spans="14:14">
      <c r="N422702" s="10"/>
    </row>
    <row r="422703" spans="14:14">
      <c r="N422703" s="10"/>
    </row>
    <row r="422704" spans="14:14">
      <c r="N422704" s="10"/>
    </row>
    <row r="422705" spans="14:14">
      <c r="N422705" s="10"/>
    </row>
    <row r="422706" spans="14:14">
      <c r="N422706" s="10"/>
    </row>
    <row r="422707" spans="14:14">
      <c r="N422707" s="10"/>
    </row>
    <row r="422708" spans="14:14">
      <c r="N422708" s="10"/>
    </row>
    <row r="422709" spans="14:14">
      <c r="N422709" s="10"/>
    </row>
    <row r="422710" spans="14:14">
      <c r="N422710" s="10"/>
    </row>
    <row r="422711" spans="14:14">
      <c r="N422711" s="10"/>
    </row>
    <row r="422712" spans="14:14">
      <c r="N422712" s="10"/>
    </row>
    <row r="422713" spans="14:14">
      <c r="N422713" s="10"/>
    </row>
    <row r="422714" spans="14:14">
      <c r="N422714" s="10"/>
    </row>
    <row r="422715" spans="14:14">
      <c r="N422715" s="10"/>
    </row>
    <row r="422716" spans="14:14">
      <c r="N422716" s="10"/>
    </row>
    <row r="422717" spans="14:14">
      <c r="N422717" s="10"/>
    </row>
    <row r="422718" spans="14:14">
      <c r="N422718" s="10"/>
    </row>
    <row r="422719" spans="14:14">
      <c r="N422719" s="10"/>
    </row>
    <row r="422720" spans="14:14">
      <c r="N422720" s="10"/>
    </row>
    <row r="422721" spans="14:14">
      <c r="N422721" s="10"/>
    </row>
    <row r="422722" spans="14:14">
      <c r="N422722" s="10"/>
    </row>
    <row r="422723" spans="14:14">
      <c r="N422723" s="10"/>
    </row>
    <row r="422724" spans="14:14">
      <c r="N422724" s="10"/>
    </row>
    <row r="422725" spans="14:14">
      <c r="N422725" s="10"/>
    </row>
    <row r="422726" spans="14:14">
      <c r="N422726" s="10"/>
    </row>
    <row r="422727" spans="14:14">
      <c r="N422727" s="10"/>
    </row>
    <row r="422728" spans="14:14">
      <c r="N422728" s="10"/>
    </row>
    <row r="422729" spans="14:14">
      <c r="N422729" s="10"/>
    </row>
    <row r="422730" spans="14:14">
      <c r="N422730" s="10"/>
    </row>
    <row r="422731" spans="14:14">
      <c r="N422731" s="10"/>
    </row>
    <row r="422732" spans="14:14">
      <c r="N422732" s="10"/>
    </row>
    <row r="422733" spans="14:14">
      <c r="N422733" s="10"/>
    </row>
    <row r="422734" spans="14:14">
      <c r="N422734" s="10"/>
    </row>
    <row r="422735" spans="14:14">
      <c r="N422735" s="10"/>
    </row>
    <row r="422736" spans="14:14">
      <c r="N422736" s="10"/>
    </row>
    <row r="422737" spans="14:14">
      <c r="N422737" s="10"/>
    </row>
    <row r="422738" spans="14:14">
      <c r="N422738" s="10"/>
    </row>
    <row r="422739" spans="14:14">
      <c r="N422739" s="10"/>
    </row>
    <row r="422740" spans="14:14">
      <c r="N422740" s="10"/>
    </row>
    <row r="422741" spans="14:14">
      <c r="N422741" s="10"/>
    </row>
    <row r="422742" spans="14:14">
      <c r="N422742" s="10"/>
    </row>
    <row r="422743" spans="14:14">
      <c r="N422743" s="10"/>
    </row>
    <row r="422744" spans="14:14">
      <c r="N422744" s="10"/>
    </row>
    <row r="422745" spans="14:14">
      <c r="N422745" s="10"/>
    </row>
    <row r="422746" spans="14:14">
      <c r="N422746" s="10"/>
    </row>
    <row r="422747" spans="14:14">
      <c r="N422747" s="10"/>
    </row>
    <row r="422748" spans="14:14">
      <c r="N422748" s="10"/>
    </row>
    <row r="422749" spans="14:14">
      <c r="N422749" s="10"/>
    </row>
    <row r="422750" spans="14:14">
      <c r="N422750" s="10"/>
    </row>
    <row r="422751" spans="14:14">
      <c r="N422751" s="10"/>
    </row>
    <row r="422752" spans="14:14">
      <c r="N422752" s="10"/>
    </row>
    <row r="422753" spans="14:14">
      <c r="N422753" s="10"/>
    </row>
    <row r="422754" spans="14:14">
      <c r="N422754" s="10"/>
    </row>
    <row r="422755" spans="14:14">
      <c r="N422755" s="10"/>
    </row>
    <row r="422756" spans="14:14">
      <c r="N422756" s="10"/>
    </row>
    <row r="422757" spans="14:14">
      <c r="N422757" s="10"/>
    </row>
    <row r="422758" spans="14:14">
      <c r="N422758" s="10"/>
    </row>
    <row r="422759" spans="14:14">
      <c r="N422759" s="10"/>
    </row>
    <row r="422760" spans="14:14">
      <c r="N422760" s="10"/>
    </row>
    <row r="422761" spans="14:14">
      <c r="N422761" s="10"/>
    </row>
    <row r="422762" spans="14:14">
      <c r="N422762" s="10"/>
    </row>
    <row r="422763" spans="14:14">
      <c r="N422763" s="10"/>
    </row>
    <row r="422764" spans="14:14">
      <c r="N422764" s="10"/>
    </row>
    <row r="422765" spans="14:14">
      <c r="N422765" s="10"/>
    </row>
    <row r="422766" spans="14:14">
      <c r="N422766" s="10"/>
    </row>
    <row r="422767" spans="14:14">
      <c r="N422767" s="10"/>
    </row>
    <row r="422768" spans="14:14">
      <c r="N422768" s="10"/>
    </row>
    <row r="422769" spans="14:14">
      <c r="N422769" s="10"/>
    </row>
    <row r="422770" spans="14:14">
      <c r="N422770" s="10"/>
    </row>
    <row r="422771" spans="14:14">
      <c r="N422771" s="10"/>
    </row>
    <row r="422772" spans="14:14">
      <c r="N422772" s="10"/>
    </row>
    <row r="422773" spans="14:14">
      <c r="N422773" s="10"/>
    </row>
    <row r="422774" spans="14:14">
      <c r="N422774" s="10"/>
    </row>
    <row r="422775" spans="14:14">
      <c r="N422775" s="10"/>
    </row>
    <row r="422776" spans="14:14">
      <c r="N422776" s="10"/>
    </row>
    <row r="422777" spans="14:14">
      <c r="N422777" s="10"/>
    </row>
    <row r="422778" spans="14:14">
      <c r="N422778" s="10"/>
    </row>
    <row r="422779" spans="14:14">
      <c r="N422779" s="10"/>
    </row>
    <row r="422780" spans="14:14">
      <c r="N422780" s="10"/>
    </row>
    <row r="422781" spans="14:14">
      <c r="N422781" s="10"/>
    </row>
    <row r="422782" spans="14:14">
      <c r="N422782" s="10"/>
    </row>
    <row r="422783" spans="14:14">
      <c r="N422783" s="10"/>
    </row>
    <row r="422784" spans="14:14">
      <c r="N422784" s="10"/>
    </row>
    <row r="422785" spans="14:14">
      <c r="N422785" s="10"/>
    </row>
    <row r="422786" spans="14:14">
      <c r="N422786" s="10"/>
    </row>
    <row r="422787" spans="14:14">
      <c r="N422787" s="10"/>
    </row>
    <row r="422788" spans="14:14">
      <c r="N422788" s="10"/>
    </row>
    <row r="422789" spans="14:14">
      <c r="N422789" s="10"/>
    </row>
    <row r="422790" spans="14:14">
      <c r="N422790" s="10"/>
    </row>
    <row r="422791" spans="14:14">
      <c r="N422791" s="10"/>
    </row>
    <row r="422792" spans="14:14">
      <c r="N422792" s="10"/>
    </row>
    <row r="422793" spans="14:14">
      <c r="N422793" s="10"/>
    </row>
    <row r="422794" spans="14:14">
      <c r="N422794" s="10"/>
    </row>
    <row r="422795" spans="14:14">
      <c r="N422795" s="10"/>
    </row>
    <row r="422796" spans="14:14">
      <c r="N422796" s="10"/>
    </row>
    <row r="422797" spans="14:14">
      <c r="N422797" s="10"/>
    </row>
    <row r="422798" spans="14:14">
      <c r="N422798" s="10"/>
    </row>
    <row r="422799" spans="14:14">
      <c r="N422799" s="10"/>
    </row>
    <row r="422800" spans="14:14">
      <c r="N422800" s="10"/>
    </row>
    <row r="422801" spans="14:14">
      <c r="N422801" s="10"/>
    </row>
    <row r="422802" spans="14:14">
      <c r="N422802" s="10"/>
    </row>
    <row r="422803" spans="14:14">
      <c r="N422803" s="10"/>
    </row>
    <row r="422804" spans="14:14">
      <c r="N422804" s="10"/>
    </row>
    <row r="422805" spans="14:14">
      <c r="N422805" s="10"/>
    </row>
    <row r="422806" spans="14:14">
      <c r="N422806" s="10"/>
    </row>
    <row r="422807" spans="14:14">
      <c r="N422807" s="10"/>
    </row>
    <row r="422808" spans="14:14">
      <c r="N422808" s="10"/>
    </row>
    <row r="422809" spans="14:14">
      <c r="N422809" s="10"/>
    </row>
    <row r="422810" spans="14:14">
      <c r="N422810" s="10"/>
    </row>
    <row r="422811" spans="14:14">
      <c r="N422811" s="10"/>
    </row>
    <row r="422812" spans="14:14">
      <c r="N422812" s="10"/>
    </row>
    <row r="422813" spans="14:14">
      <c r="N422813" s="10"/>
    </row>
    <row r="422814" spans="14:14">
      <c r="N422814" s="10"/>
    </row>
    <row r="422815" spans="14:14">
      <c r="N422815" s="10"/>
    </row>
    <row r="422816" spans="14:14">
      <c r="N422816" s="10"/>
    </row>
    <row r="422817" spans="14:14">
      <c r="N422817" s="10"/>
    </row>
    <row r="422818" spans="14:14">
      <c r="N422818" s="10"/>
    </row>
    <row r="422819" spans="14:14">
      <c r="N422819" s="10"/>
    </row>
    <row r="422820" spans="14:14">
      <c r="N422820" s="10"/>
    </row>
    <row r="422821" spans="14:14">
      <c r="N422821" s="10"/>
    </row>
    <row r="422822" spans="14:14">
      <c r="N422822" s="10"/>
    </row>
    <row r="422823" spans="14:14">
      <c r="N422823" s="10"/>
    </row>
    <row r="422824" spans="14:14">
      <c r="N422824" s="10"/>
    </row>
    <row r="422825" spans="14:14">
      <c r="N422825" s="10"/>
    </row>
    <row r="422826" spans="14:14">
      <c r="N422826" s="10"/>
    </row>
    <row r="422827" spans="14:14">
      <c r="N422827" s="10"/>
    </row>
    <row r="422828" spans="14:14">
      <c r="N422828" s="10"/>
    </row>
    <row r="422829" spans="14:14">
      <c r="N422829" s="10"/>
    </row>
    <row r="422830" spans="14:14">
      <c r="N422830" s="10"/>
    </row>
    <row r="422831" spans="14:14">
      <c r="N422831" s="10"/>
    </row>
    <row r="422832" spans="14:14">
      <c r="N422832" s="10"/>
    </row>
    <row r="422833" spans="14:14">
      <c r="N422833" s="10"/>
    </row>
    <row r="422834" spans="14:14">
      <c r="N422834" s="10"/>
    </row>
    <row r="422835" spans="14:14">
      <c r="N422835" s="10"/>
    </row>
    <row r="422836" spans="14:14">
      <c r="N422836" s="10"/>
    </row>
    <row r="422837" spans="14:14">
      <c r="N422837" s="10"/>
    </row>
    <row r="422838" spans="14:14">
      <c r="N422838" s="10"/>
    </row>
    <row r="422839" spans="14:14">
      <c r="N422839" s="10"/>
    </row>
    <row r="422840" spans="14:14">
      <c r="N422840" s="10"/>
    </row>
    <row r="422841" spans="14:14">
      <c r="N422841" s="10"/>
    </row>
    <row r="422842" spans="14:14">
      <c r="N422842" s="10"/>
    </row>
    <row r="422843" spans="14:14">
      <c r="N422843" s="10"/>
    </row>
    <row r="422844" spans="14:14">
      <c r="N422844" s="10"/>
    </row>
    <row r="422845" spans="14:14">
      <c r="N422845" s="10"/>
    </row>
    <row r="422846" spans="14:14">
      <c r="N422846" s="10"/>
    </row>
    <row r="422847" spans="14:14">
      <c r="N422847" s="10"/>
    </row>
    <row r="422848" spans="14:14">
      <c r="N422848" s="10"/>
    </row>
    <row r="422849" spans="14:14">
      <c r="N422849" s="10"/>
    </row>
    <row r="422850" spans="14:14">
      <c r="N422850" s="10"/>
    </row>
    <row r="422851" spans="14:14">
      <c r="N422851" s="10"/>
    </row>
    <row r="422852" spans="14:14">
      <c r="N422852" s="10"/>
    </row>
    <row r="422853" spans="14:14">
      <c r="N422853" s="10"/>
    </row>
    <row r="422854" spans="14:14">
      <c r="N422854" s="10"/>
    </row>
    <row r="422855" spans="14:14">
      <c r="N422855" s="10"/>
    </row>
    <row r="422856" spans="14:14">
      <c r="N422856" s="10"/>
    </row>
    <row r="422857" spans="14:14">
      <c r="N422857" s="10"/>
    </row>
    <row r="422858" spans="14:14">
      <c r="N422858" s="10"/>
    </row>
    <row r="422859" spans="14:14">
      <c r="N422859" s="10"/>
    </row>
    <row r="422860" spans="14:14">
      <c r="N422860" s="10"/>
    </row>
    <row r="422861" spans="14:14">
      <c r="N422861" s="10"/>
    </row>
    <row r="422862" spans="14:14">
      <c r="N422862" s="10"/>
    </row>
    <row r="422863" spans="14:14">
      <c r="N422863" s="10"/>
    </row>
    <row r="422864" spans="14:14">
      <c r="N422864" s="10"/>
    </row>
    <row r="422865" spans="14:14">
      <c r="N422865" s="10"/>
    </row>
    <row r="422866" spans="14:14">
      <c r="N422866" s="10"/>
    </row>
    <row r="422867" spans="14:14">
      <c r="N422867" s="10"/>
    </row>
    <row r="422868" spans="14:14">
      <c r="N422868" s="10"/>
    </row>
    <row r="422869" spans="14:14">
      <c r="N422869" s="10"/>
    </row>
    <row r="422870" spans="14:14">
      <c r="N422870" s="10"/>
    </row>
    <row r="422871" spans="14:14">
      <c r="N422871" s="10"/>
    </row>
    <row r="422872" spans="14:14">
      <c r="N422872" s="10"/>
    </row>
    <row r="422873" spans="14:14">
      <c r="N422873" s="10"/>
    </row>
    <row r="422874" spans="14:14">
      <c r="N422874" s="10"/>
    </row>
    <row r="422875" spans="14:14">
      <c r="N422875" s="10"/>
    </row>
    <row r="422876" spans="14:14">
      <c r="N422876" s="10"/>
    </row>
    <row r="422877" spans="14:14">
      <c r="N422877" s="10"/>
    </row>
    <row r="422878" spans="14:14">
      <c r="N422878" s="10"/>
    </row>
    <row r="422879" spans="14:14">
      <c r="N422879" s="10"/>
    </row>
    <row r="422880" spans="14:14">
      <c r="N422880" s="10"/>
    </row>
    <row r="422881" spans="14:14">
      <c r="N422881" s="10"/>
    </row>
    <row r="422882" spans="14:14">
      <c r="N422882" s="10"/>
    </row>
    <row r="422883" spans="14:14">
      <c r="N422883" s="10"/>
    </row>
    <row r="422884" spans="14:14">
      <c r="N422884" s="10"/>
    </row>
    <row r="422885" spans="14:14">
      <c r="N422885" s="10"/>
    </row>
    <row r="422886" spans="14:14">
      <c r="N422886" s="10"/>
    </row>
    <row r="422887" spans="14:14">
      <c r="N422887" s="10"/>
    </row>
    <row r="422888" spans="14:14">
      <c r="N422888" s="10"/>
    </row>
    <row r="422889" spans="14:14">
      <c r="N422889" s="10"/>
    </row>
    <row r="422890" spans="14:14">
      <c r="N422890" s="10"/>
    </row>
    <row r="422891" spans="14:14">
      <c r="N422891" s="10"/>
    </row>
    <row r="422892" spans="14:14">
      <c r="N422892" s="10"/>
    </row>
    <row r="422893" spans="14:14">
      <c r="N422893" s="10"/>
    </row>
    <row r="422894" spans="14:14">
      <c r="N422894" s="10"/>
    </row>
    <row r="422895" spans="14:14">
      <c r="N422895" s="10"/>
    </row>
    <row r="422896" spans="14:14">
      <c r="N422896" s="10"/>
    </row>
    <row r="422897" spans="14:14">
      <c r="N422897" s="10"/>
    </row>
    <row r="422898" spans="14:14">
      <c r="N422898" s="10"/>
    </row>
    <row r="422899" spans="14:14">
      <c r="N422899" s="10"/>
    </row>
    <row r="422900" spans="14:14">
      <c r="N422900" s="10"/>
    </row>
    <row r="422901" spans="14:14">
      <c r="N422901" s="10"/>
    </row>
    <row r="422902" spans="14:14">
      <c r="N422902" s="10"/>
    </row>
    <row r="422903" spans="14:14">
      <c r="N422903" s="10"/>
    </row>
    <row r="422904" spans="14:14">
      <c r="N422904" s="10"/>
    </row>
    <row r="422905" spans="14:14">
      <c r="N422905" s="10"/>
    </row>
    <row r="422906" spans="14:14">
      <c r="N422906" s="10"/>
    </row>
    <row r="422907" spans="14:14">
      <c r="N422907" s="10"/>
    </row>
    <row r="422908" spans="14:14">
      <c r="N422908" s="10"/>
    </row>
    <row r="422909" spans="14:14">
      <c r="N422909" s="10"/>
    </row>
    <row r="422910" spans="14:14">
      <c r="N422910" s="10"/>
    </row>
    <row r="422911" spans="14:14">
      <c r="N422911" s="10"/>
    </row>
    <row r="422912" spans="14:14">
      <c r="N422912" s="10"/>
    </row>
    <row r="422913" spans="14:14">
      <c r="N422913" s="10"/>
    </row>
    <row r="422914" spans="14:14">
      <c r="N422914" s="10"/>
    </row>
    <row r="422915" spans="14:14">
      <c r="N422915" s="10"/>
    </row>
    <row r="422916" spans="14:14">
      <c r="N422916" s="10"/>
    </row>
    <row r="422917" spans="14:14">
      <c r="N422917" s="10"/>
    </row>
    <row r="422918" spans="14:14">
      <c r="N422918" s="10"/>
    </row>
    <row r="422919" spans="14:14">
      <c r="N422919" s="10"/>
    </row>
    <row r="422920" spans="14:14">
      <c r="N422920" s="10"/>
    </row>
    <row r="422921" spans="14:14">
      <c r="N422921" s="10"/>
    </row>
    <row r="422922" spans="14:14">
      <c r="N422922" s="10"/>
    </row>
    <row r="422923" spans="14:14">
      <c r="N422923" s="10"/>
    </row>
    <row r="422924" spans="14:14">
      <c r="N422924" s="10"/>
    </row>
    <row r="422925" spans="14:14">
      <c r="N422925" s="10"/>
    </row>
    <row r="422926" spans="14:14">
      <c r="N422926" s="10"/>
    </row>
    <row r="422927" spans="14:14">
      <c r="N422927" s="10"/>
    </row>
    <row r="422928" spans="14:14">
      <c r="N422928" s="10"/>
    </row>
    <row r="422929" spans="14:14">
      <c r="N422929" s="10"/>
    </row>
    <row r="422930" spans="14:14">
      <c r="N422930" s="10"/>
    </row>
    <row r="422931" spans="14:14">
      <c r="N422931" s="10"/>
    </row>
    <row r="422932" spans="14:14">
      <c r="N422932" s="10"/>
    </row>
    <row r="422933" spans="14:14">
      <c r="N422933" s="10"/>
    </row>
    <row r="422934" spans="14:14">
      <c r="N422934" s="10"/>
    </row>
    <row r="422935" spans="14:14">
      <c r="N422935" s="10"/>
    </row>
    <row r="422936" spans="14:14">
      <c r="N422936" s="10"/>
    </row>
    <row r="422937" spans="14:14">
      <c r="N422937" s="10"/>
    </row>
    <row r="422938" spans="14:14">
      <c r="N422938" s="10"/>
    </row>
    <row r="422939" spans="14:14">
      <c r="N422939" s="10"/>
    </row>
    <row r="422940" spans="14:14">
      <c r="N422940" s="10"/>
    </row>
    <row r="422941" spans="14:14">
      <c r="N422941" s="10"/>
    </row>
    <row r="422942" spans="14:14">
      <c r="N422942" s="10"/>
    </row>
    <row r="422943" spans="14:14">
      <c r="N422943" s="10"/>
    </row>
    <row r="422944" spans="14:14">
      <c r="N422944" s="10"/>
    </row>
    <row r="422945" spans="14:14">
      <c r="N422945" s="10"/>
    </row>
    <row r="422946" spans="14:14">
      <c r="N422946" s="10"/>
    </row>
    <row r="422947" spans="14:14">
      <c r="N422947" s="10"/>
    </row>
    <row r="422948" spans="14:14">
      <c r="N422948" s="10"/>
    </row>
    <row r="422949" spans="14:14">
      <c r="N422949" s="10"/>
    </row>
    <row r="422950" spans="14:14">
      <c r="N422950" s="10"/>
    </row>
    <row r="422951" spans="14:14">
      <c r="N422951" s="10"/>
    </row>
    <row r="422952" spans="14:14">
      <c r="N422952" s="10"/>
    </row>
    <row r="422953" spans="14:14">
      <c r="N422953" s="10"/>
    </row>
    <row r="422954" spans="14:14">
      <c r="N422954" s="10"/>
    </row>
    <row r="422955" spans="14:14">
      <c r="N422955" s="10"/>
    </row>
    <row r="422956" spans="14:14">
      <c r="N422956" s="10"/>
    </row>
    <row r="422957" spans="14:14">
      <c r="N422957" s="10"/>
    </row>
    <row r="422958" spans="14:14">
      <c r="N422958" s="10"/>
    </row>
    <row r="422959" spans="14:14">
      <c r="N422959" s="10"/>
    </row>
    <row r="422960" spans="14:14">
      <c r="N422960" s="10"/>
    </row>
    <row r="422961" spans="14:14">
      <c r="N422961" s="10"/>
    </row>
    <row r="422962" spans="14:14">
      <c r="N422962" s="10"/>
    </row>
    <row r="422963" spans="14:14">
      <c r="N422963" s="10"/>
    </row>
    <row r="422964" spans="14:14">
      <c r="N422964" s="10"/>
    </row>
    <row r="422965" spans="14:14">
      <c r="N422965" s="10"/>
    </row>
    <row r="422966" spans="14:14">
      <c r="N422966" s="10"/>
    </row>
    <row r="422967" spans="14:14">
      <c r="N422967" s="10"/>
    </row>
    <row r="422968" spans="14:14">
      <c r="N422968" s="10"/>
    </row>
    <row r="422969" spans="14:14">
      <c r="N422969" s="10"/>
    </row>
    <row r="422970" spans="14:14">
      <c r="N422970" s="10"/>
    </row>
    <row r="422971" spans="14:14">
      <c r="N422971" s="10"/>
    </row>
    <row r="422972" spans="14:14">
      <c r="N422972" s="10"/>
    </row>
    <row r="422973" spans="14:14">
      <c r="N422973" s="10"/>
    </row>
    <row r="422974" spans="14:14">
      <c r="N422974" s="10"/>
    </row>
    <row r="422975" spans="14:14">
      <c r="N422975" s="10"/>
    </row>
    <row r="422976" spans="14:14">
      <c r="N422976" s="10"/>
    </row>
    <row r="422977" spans="14:14">
      <c r="N422977" s="10"/>
    </row>
    <row r="422978" spans="14:14">
      <c r="N422978" s="10"/>
    </row>
    <row r="422979" spans="14:14">
      <c r="N422979" s="10"/>
    </row>
    <row r="422980" spans="14:14">
      <c r="N422980" s="10"/>
    </row>
    <row r="422981" spans="14:14">
      <c r="N422981" s="10"/>
    </row>
    <row r="422982" spans="14:14">
      <c r="N422982" s="10"/>
    </row>
    <row r="422983" spans="14:14">
      <c r="N422983" s="10"/>
    </row>
    <row r="422984" spans="14:14">
      <c r="N422984" s="10"/>
    </row>
    <row r="422985" spans="14:14">
      <c r="N422985" s="10"/>
    </row>
    <row r="422986" spans="14:14">
      <c r="N422986" s="10"/>
    </row>
    <row r="422987" spans="14:14">
      <c r="N422987" s="10"/>
    </row>
    <row r="422988" spans="14:14">
      <c r="N422988" s="10"/>
    </row>
    <row r="422989" spans="14:14">
      <c r="N422989" s="10"/>
    </row>
    <row r="422990" spans="14:14">
      <c r="N422990" s="10"/>
    </row>
    <row r="422991" spans="14:14">
      <c r="N422991" s="10"/>
    </row>
    <row r="422992" spans="14:14">
      <c r="N422992" s="10"/>
    </row>
    <row r="422993" spans="14:14">
      <c r="N422993" s="10"/>
    </row>
    <row r="422994" spans="14:14">
      <c r="N422994" s="10"/>
    </row>
    <row r="422995" spans="14:14">
      <c r="N422995" s="10"/>
    </row>
    <row r="422996" spans="14:14">
      <c r="N422996" s="10"/>
    </row>
    <row r="422997" spans="14:14">
      <c r="N422997" s="10"/>
    </row>
    <row r="422998" spans="14:14">
      <c r="N422998" s="10"/>
    </row>
    <row r="422999" spans="14:14">
      <c r="N422999" s="10"/>
    </row>
    <row r="423000" spans="14:14">
      <c r="N423000" s="10"/>
    </row>
    <row r="423001" spans="14:14">
      <c r="N423001" s="10"/>
    </row>
    <row r="423002" spans="14:14">
      <c r="N423002" s="10"/>
    </row>
    <row r="423003" spans="14:14">
      <c r="N423003" s="10"/>
    </row>
    <row r="423004" spans="14:14">
      <c r="N423004" s="10"/>
    </row>
    <row r="423005" spans="14:14">
      <c r="N423005" s="10"/>
    </row>
    <row r="423006" spans="14:14">
      <c r="N423006" s="10"/>
    </row>
    <row r="423007" spans="14:14">
      <c r="N423007" s="10"/>
    </row>
    <row r="423008" spans="14:14">
      <c r="N423008" s="10"/>
    </row>
    <row r="423009" spans="14:14">
      <c r="N423009" s="10"/>
    </row>
    <row r="423010" spans="14:14">
      <c r="N423010" s="10"/>
    </row>
    <row r="423011" spans="14:14">
      <c r="N423011" s="10"/>
    </row>
    <row r="423012" spans="14:14">
      <c r="N423012" s="10"/>
    </row>
    <row r="423013" spans="14:14">
      <c r="N423013" s="10"/>
    </row>
    <row r="423014" spans="14:14">
      <c r="N423014" s="10"/>
    </row>
    <row r="423015" spans="14:14">
      <c r="N423015" s="10"/>
    </row>
    <row r="423016" spans="14:14">
      <c r="N423016" s="10"/>
    </row>
    <row r="423017" spans="14:14">
      <c r="N423017" s="10"/>
    </row>
    <row r="423018" spans="14:14">
      <c r="N423018" s="10"/>
    </row>
    <row r="423019" spans="14:14">
      <c r="N423019" s="10"/>
    </row>
    <row r="423020" spans="14:14">
      <c r="N423020" s="10"/>
    </row>
    <row r="423021" spans="14:14">
      <c r="N423021" s="10"/>
    </row>
    <row r="423022" spans="14:14">
      <c r="N423022" s="10"/>
    </row>
    <row r="423023" spans="14:14">
      <c r="N423023" s="10"/>
    </row>
    <row r="423024" spans="14:14">
      <c r="N423024" s="10"/>
    </row>
    <row r="423025" spans="14:14">
      <c r="N423025" s="10"/>
    </row>
    <row r="423026" spans="14:14">
      <c r="N423026" s="10"/>
    </row>
    <row r="423027" spans="14:14">
      <c r="N423027" s="10"/>
    </row>
    <row r="423028" spans="14:14">
      <c r="N423028" s="10"/>
    </row>
    <row r="423029" spans="14:14">
      <c r="N423029" s="10"/>
    </row>
    <row r="423030" spans="14:14">
      <c r="N423030" s="10"/>
    </row>
    <row r="423031" spans="14:14">
      <c r="N423031" s="10"/>
    </row>
    <row r="423032" spans="14:14">
      <c r="N423032" s="10"/>
    </row>
    <row r="423033" spans="14:14">
      <c r="N423033" s="10"/>
    </row>
    <row r="423034" spans="14:14">
      <c r="N423034" s="10"/>
    </row>
    <row r="423035" spans="14:14">
      <c r="N423035" s="10"/>
    </row>
    <row r="423036" spans="14:14">
      <c r="N423036" s="10"/>
    </row>
    <row r="423037" spans="14:14">
      <c r="N423037" s="10"/>
    </row>
    <row r="423038" spans="14:14">
      <c r="N423038" s="10"/>
    </row>
    <row r="423039" spans="14:14">
      <c r="N423039" s="10"/>
    </row>
    <row r="423040" spans="14:14">
      <c r="N423040" s="10"/>
    </row>
    <row r="423041" spans="14:14">
      <c r="N423041" s="10"/>
    </row>
    <row r="423042" spans="14:14">
      <c r="N423042" s="10"/>
    </row>
    <row r="423043" spans="14:14">
      <c r="N423043" s="10"/>
    </row>
    <row r="423044" spans="14:14">
      <c r="N423044" s="10"/>
    </row>
    <row r="423045" spans="14:14">
      <c r="N423045" s="10"/>
    </row>
    <row r="423046" spans="14:14">
      <c r="N423046" s="10"/>
    </row>
    <row r="423047" spans="14:14">
      <c r="N423047" s="10"/>
    </row>
    <row r="423048" spans="14:14">
      <c r="N423048" s="10"/>
    </row>
    <row r="423049" spans="14:14">
      <c r="N423049" s="10"/>
    </row>
    <row r="423050" spans="14:14">
      <c r="N423050" s="10"/>
    </row>
    <row r="423051" spans="14:14">
      <c r="N423051" s="10"/>
    </row>
    <row r="423052" spans="14:14">
      <c r="N423052" s="10"/>
    </row>
    <row r="423053" spans="14:14">
      <c r="N423053" s="10"/>
    </row>
    <row r="423054" spans="14:14">
      <c r="N423054" s="10"/>
    </row>
    <row r="423055" spans="14:14">
      <c r="N423055" s="10"/>
    </row>
    <row r="423056" spans="14:14">
      <c r="N423056" s="10"/>
    </row>
    <row r="423057" spans="14:14">
      <c r="N423057" s="10"/>
    </row>
    <row r="423058" spans="14:14">
      <c r="N423058" s="10"/>
    </row>
    <row r="423059" spans="14:14">
      <c r="N423059" s="10"/>
    </row>
    <row r="423060" spans="14:14">
      <c r="N423060" s="10"/>
    </row>
    <row r="423061" spans="14:14">
      <c r="N423061" s="10"/>
    </row>
    <row r="423062" spans="14:14">
      <c r="N423062" s="10"/>
    </row>
    <row r="423063" spans="14:14">
      <c r="N423063" s="10"/>
    </row>
    <row r="423064" spans="14:14">
      <c r="N423064" s="10"/>
    </row>
    <row r="423065" spans="14:14">
      <c r="N423065" s="10"/>
    </row>
    <row r="423066" spans="14:14">
      <c r="N423066" s="10"/>
    </row>
    <row r="423067" spans="14:14">
      <c r="N423067" s="10"/>
    </row>
    <row r="423068" spans="14:14">
      <c r="N423068" s="10"/>
    </row>
    <row r="423069" spans="14:14">
      <c r="N423069" s="10"/>
    </row>
    <row r="423070" spans="14:14">
      <c r="N423070" s="10"/>
    </row>
    <row r="423071" spans="14:14">
      <c r="N423071" s="10"/>
    </row>
    <row r="423072" spans="14:14">
      <c r="N423072" s="10"/>
    </row>
    <row r="423073" spans="14:14">
      <c r="N423073" s="10"/>
    </row>
    <row r="423074" spans="14:14">
      <c r="N423074" s="10"/>
    </row>
    <row r="423075" spans="14:14">
      <c r="N423075" s="10"/>
    </row>
    <row r="423076" spans="14:14">
      <c r="N423076" s="10"/>
    </row>
    <row r="423077" spans="14:14">
      <c r="N423077" s="10"/>
    </row>
    <row r="423078" spans="14:14">
      <c r="N423078" s="10"/>
    </row>
    <row r="423079" spans="14:14">
      <c r="N423079" s="10"/>
    </row>
    <row r="423080" spans="14:14">
      <c r="N423080" s="10"/>
    </row>
    <row r="423081" spans="14:14">
      <c r="N423081" s="10"/>
    </row>
    <row r="423082" spans="14:14">
      <c r="N423082" s="10"/>
    </row>
    <row r="423083" spans="14:14">
      <c r="N423083" s="10"/>
    </row>
    <row r="423084" spans="14:14">
      <c r="N423084" s="10"/>
    </row>
    <row r="423085" spans="14:14">
      <c r="N423085" s="10"/>
    </row>
    <row r="423086" spans="14:14">
      <c r="N423086" s="10"/>
    </row>
    <row r="423087" spans="14:14">
      <c r="N423087" s="10"/>
    </row>
    <row r="423088" spans="14:14">
      <c r="N423088" s="10"/>
    </row>
    <row r="423089" spans="14:14">
      <c r="N423089" s="10"/>
    </row>
    <row r="423090" spans="14:14">
      <c r="N423090" s="10"/>
    </row>
    <row r="423091" spans="14:14">
      <c r="N423091" s="10"/>
    </row>
    <row r="423092" spans="14:14">
      <c r="N423092" s="10"/>
    </row>
    <row r="423093" spans="14:14">
      <c r="N423093" s="10"/>
    </row>
    <row r="423094" spans="14:14">
      <c r="N423094" s="10"/>
    </row>
    <row r="423095" spans="14:14">
      <c r="N423095" s="10"/>
    </row>
    <row r="423096" spans="14:14">
      <c r="N423096" s="10"/>
    </row>
    <row r="423097" spans="14:14">
      <c r="N423097" s="10"/>
    </row>
    <row r="423098" spans="14:14">
      <c r="N423098" s="10"/>
    </row>
    <row r="423099" spans="14:14">
      <c r="N423099" s="10"/>
    </row>
    <row r="423100" spans="14:14">
      <c r="N423100" s="10"/>
    </row>
    <row r="423101" spans="14:14">
      <c r="N423101" s="10"/>
    </row>
    <row r="423102" spans="14:14">
      <c r="N423102" s="10"/>
    </row>
    <row r="423103" spans="14:14">
      <c r="N423103" s="10"/>
    </row>
    <row r="423104" spans="14:14">
      <c r="N423104" s="10"/>
    </row>
    <row r="423105" spans="14:14">
      <c r="N423105" s="10"/>
    </row>
    <row r="423106" spans="14:14">
      <c r="N423106" s="10"/>
    </row>
    <row r="423107" spans="14:14">
      <c r="N423107" s="10"/>
    </row>
    <row r="423108" spans="14:14">
      <c r="N423108" s="10"/>
    </row>
    <row r="423109" spans="14:14">
      <c r="N423109" s="10"/>
    </row>
    <row r="423110" spans="14:14">
      <c r="N423110" s="10"/>
    </row>
    <row r="423111" spans="14:14">
      <c r="N423111" s="10"/>
    </row>
    <row r="423112" spans="14:14">
      <c r="N423112" s="10"/>
    </row>
    <row r="423113" spans="14:14">
      <c r="N423113" s="10"/>
    </row>
    <row r="423114" spans="14:14">
      <c r="N423114" s="10"/>
    </row>
    <row r="423115" spans="14:14">
      <c r="N423115" s="10"/>
    </row>
    <row r="423116" spans="14:14">
      <c r="N423116" s="10"/>
    </row>
    <row r="423117" spans="14:14">
      <c r="N423117" s="10"/>
    </row>
    <row r="423118" spans="14:14">
      <c r="N423118" s="10"/>
    </row>
    <row r="423119" spans="14:14">
      <c r="N423119" s="10"/>
    </row>
    <row r="423120" spans="14:14">
      <c r="N423120" s="10"/>
    </row>
    <row r="423121" spans="14:14">
      <c r="N423121" s="10"/>
    </row>
    <row r="423122" spans="14:14">
      <c r="N423122" s="10"/>
    </row>
    <row r="423123" spans="14:14">
      <c r="N423123" s="10"/>
    </row>
    <row r="423124" spans="14:14">
      <c r="N423124" s="10"/>
    </row>
    <row r="423125" spans="14:14">
      <c r="N423125" s="10"/>
    </row>
    <row r="423126" spans="14:14">
      <c r="N423126" s="10"/>
    </row>
    <row r="423127" spans="14:14">
      <c r="N423127" s="10"/>
    </row>
    <row r="423128" spans="14:14">
      <c r="N423128" s="10"/>
    </row>
    <row r="423129" spans="14:14">
      <c r="N423129" s="10"/>
    </row>
    <row r="423130" spans="14:14">
      <c r="N423130" s="10"/>
    </row>
    <row r="423131" spans="14:14">
      <c r="N423131" s="10"/>
    </row>
    <row r="423132" spans="14:14">
      <c r="N423132" s="10"/>
    </row>
    <row r="423133" spans="14:14">
      <c r="N423133" s="10"/>
    </row>
    <row r="423134" spans="14:14">
      <c r="N423134" s="10"/>
    </row>
    <row r="423135" spans="14:14">
      <c r="N423135" s="10"/>
    </row>
    <row r="423136" spans="14:14">
      <c r="N423136" s="10"/>
    </row>
    <row r="423137" spans="14:14">
      <c r="N423137" s="10"/>
    </row>
    <row r="423138" spans="14:14">
      <c r="N423138" s="10"/>
    </row>
    <row r="423139" spans="14:14">
      <c r="N423139" s="10"/>
    </row>
    <row r="423140" spans="14:14">
      <c r="N423140" s="10"/>
    </row>
    <row r="423141" spans="14:14">
      <c r="N423141" s="10"/>
    </row>
    <row r="423142" spans="14:14">
      <c r="N423142" s="10"/>
    </row>
    <row r="423143" spans="14:14">
      <c r="N423143" s="10"/>
    </row>
    <row r="423144" spans="14:14">
      <c r="N423144" s="10"/>
    </row>
    <row r="423145" spans="14:14">
      <c r="N423145" s="10"/>
    </row>
    <row r="423146" spans="14:14">
      <c r="N423146" s="10"/>
    </row>
    <row r="423147" spans="14:14">
      <c r="N423147" s="10"/>
    </row>
    <row r="423148" spans="14:14">
      <c r="N423148" s="10"/>
    </row>
    <row r="423149" spans="14:14">
      <c r="N423149" s="10"/>
    </row>
    <row r="423150" spans="14:14">
      <c r="N423150" s="10"/>
    </row>
    <row r="423151" spans="14:14">
      <c r="N423151" s="10"/>
    </row>
    <row r="423152" spans="14:14">
      <c r="N423152" s="10"/>
    </row>
    <row r="423153" spans="14:14">
      <c r="N423153" s="10"/>
    </row>
    <row r="423154" spans="14:14">
      <c r="N423154" s="10"/>
    </row>
    <row r="423155" spans="14:14">
      <c r="N423155" s="10"/>
    </row>
    <row r="423156" spans="14:14">
      <c r="N423156" s="10"/>
    </row>
    <row r="423157" spans="14:14">
      <c r="N423157" s="10"/>
    </row>
    <row r="423158" spans="14:14">
      <c r="N423158" s="10"/>
    </row>
    <row r="423159" spans="14:14">
      <c r="N423159" s="10"/>
    </row>
    <row r="423160" spans="14:14">
      <c r="N423160" s="10"/>
    </row>
    <row r="423161" spans="14:14">
      <c r="N423161" s="10"/>
    </row>
    <row r="423162" spans="14:14">
      <c r="N423162" s="10"/>
    </row>
    <row r="423163" spans="14:14">
      <c r="N423163" s="10"/>
    </row>
    <row r="423164" spans="14:14">
      <c r="N423164" s="10"/>
    </row>
    <row r="423165" spans="14:14">
      <c r="N423165" s="10"/>
    </row>
    <row r="423166" spans="14:14">
      <c r="N423166" s="10"/>
    </row>
    <row r="423167" spans="14:14">
      <c r="N423167" s="10"/>
    </row>
    <row r="423168" spans="14:14">
      <c r="N423168" s="10"/>
    </row>
    <row r="423169" spans="14:14">
      <c r="N423169" s="10"/>
    </row>
    <row r="423170" spans="14:14">
      <c r="N423170" s="10"/>
    </row>
    <row r="423171" spans="14:14">
      <c r="N423171" s="10"/>
    </row>
    <row r="423172" spans="14:14">
      <c r="N423172" s="10"/>
    </row>
    <row r="423173" spans="14:14">
      <c r="N423173" s="10"/>
    </row>
    <row r="423174" spans="14:14">
      <c r="N423174" s="10"/>
    </row>
    <row r="423175" spans="14:14">
      <c r="N423175" s="10"/>
    </row>
    <row r="423176" spans="14:14">
      <c r="N423176" s="10"/>
    </row>
    <row r="423177" spans="14:14">
      <c r="N423177" s="10"/>
    </row>
    <row r="423178" spans="14:14">
      <c r="N423178" s="10"/>
    </row>
    <row r="423179" spans="14:14">
      <c r="N423179" s="10"/>
    </row>
    <row r="423180" spans="14:14">
      <c r="N423180" s="10"/>
    </row>
    <row r="423181" spans="14:14">
      <c r="N423181" s="10"/>
    </row>
    <row r="423182" spans="14:14">
      <c r="N423182" s="10"/>
    </row>
    <row r="423183" spans="14:14">
      <c r="N423183" s="10"/>
    </row>
    <row r="423184" spans="14:14">
      <c r="N423184" s="10"/>
    </row>
    <row r="423185" spans="14:14">
      <c r="N423185" s="10"/>
    </row>
    <row r="423186" spans="14:14">
      <c r="N423186" s="10"/>
    </row>
    <row r="423187" spans="14:14">
      <c r="N423187" s="10"/>
    </row>
    <row r="423188" spans="14:14">
      <c r="N423188" s="10"/>
    </row>
    <row r="423189" spans="14:14">
      <c r="N423189" s="10"/>
    </row>
    <row r="423190" spans="14:14">
      <c r="N423190" s="10"/>
    </row>
    <row r="423191" spans="14:14">
      <c r="N423191" s="10"/>
    </row>
    <row r="423192" spans="14:14">
      <c r="N423192" s="10"/>
    </row>
    <row r="423193" spans="14:14">
      <c r="N423193" s="10"/>
    </row>
    <row r="423194" spans="14:14">
      <c r="N423194" s="10"/>
    </row>
    <row r="423195" spans="14:14">
      <c r="N423195" s="10"/>
    </row>
    <row r="423196" spans="14:14">
      <c r="N423196" s="10"/>
    </row>
    <row r="423197" spans="14:14">
      <c r="N423197" s="10"/>
    </row>
    <row r="423198" spans="14:14">
      <c r="N423198" s="10"/>
    </row>
    <row r="423199" spans="14:14">
      <c r="N423199" s="10"/>
    </row>
    <row r="423200" spans="14:14">
      <c r="N423200" s="10"/>
    </row>
    <row r="423201" spans="14:14">
      <c r="N423201" s="10"/>
    </row>
    <row r="423202" spans="14:14">
      <c r="N423202" s="10"/>
    </row>
    <row r="423203" spans="14:14">
      <c r="N423203" s="10"/>
    </row>
    <row r="423204" spans="14:14">
      <c r="N423204" s="10"/>
    </row>
    <row r="423205" spans="14:14">
      <c r="N423205" s="10"/>
    </row>
    <row r="423206" spans="14:14">
      <c r="N423206" s="10"/>
    </row>
    <row r="423207" spans="14:14">
      <c r="N423207" s="10"/>
    </row>
    <row r="423208" spans="14:14">
      <c r="N423208" s="10"/>
    </row>
    <row r="423209" spans="14:14">
      <c r="N423209" s="10"/>
    </row>
    <row r="423210" spans="14:14">
      <c r="N423210" s="10"/>
    </row>
    <row r="423211" spans="14:14">
      <c r="N423211" s="10"/>
    </row>
    <row r="423212" spans="14:14">
      <c r="N423212" s="10"/>
    </row>
    <row r="423213" spans="14:14">
      <c r="N423213" s="10"/>
    </row>
    <row r="423214" spans="14:14">
      <c r="N423214" s="10"/>
    </row>
    <row r="423215" spans="14:14">
      <c r="N423215" s="10"/>
    </row>
    <row r="423216" spans="14:14">
      <c r="N423216" s="10"/>
    </row>
    <row r="423217" spans="14:14">
      <c r="N423217" s="10"/>
    </row>
    <row r="423218" spans="14:14">
      <c r="N423218" s="10"/>
    </row>
    <row r="423219" spans="14:14">
      <c r="N423219" s="10"/>
    </row>
    <row r="423220" spans="14:14">
      <c r="N423220" s="10"/>
    </row>
    <row r="423221" spans="14:14">
      <c r="N423221" s="10"/>
    </row>
    <row r="423222" spans="14:14">
      <c r="N423222" s="10"/>
    </row>
    <row r="423223" spans="14:14">
      <c r="N423223" s="10"/>
    </row>
    <row r="423224" spans="14:14">
      <c r="N423224" s="10"/>
    </row>
    <row r="423225" spans="14:14">
      <c r="N423225" s="10"/>
    </row>
    <row r="423226" spans="14:14">
      <c r="N423226" s="10"/>
    </row>
    <row r="423227" spans="14:14">
      <c r="N423227" s="10"/>
    </row>
    <row r="423228" spans="14:14">
      <c r="N423228" s="10"/>
    </row>
    <row r="423229" spans="14:14">
      <c r="N423229" s="10"/>
    </row>
    <row r="423230" spans="14:14">
      <c r="N423230" s="10"/>
    </row>
    <row r="423231" spans="14:14">
      <c r="N423231" s="10"/>
    </row>
    <row r="423232" spans="14:14">
      <c r="N423232" s="10"/>
    </row>
    <row r="423233" spans="14:14">
      <c r="N423233" s="10"/>
    </row>
    <row r="423234" spans="14:14">
      <c r="N423234" s="10"/>
    </row>
    <row r="423235" spans="14:14">
      <c r="N423235" s="10"/>
    </row>
    <row r="423236" spans="14:14">
      <c r="N423236" s="10"/>
    </row>
    <row r="423237" spans="14:14">
      <c r="N423237" s="10"/>
    </row>
    <row r="423238" spans="14:14">
      <c r="N423238" s="10"/>
    </row>
    <row r="423239" spans="14:14">
      <c r="N423239" s="10"/>
    </row>
    <row r="423240" spans="14:14">
      <c r="N423240" s="10"/>
    </row>
    <row r="423241" spans="14:14">
      <c r="N423241" s="10"/>
    </row>
    <row r="423242" spans="14:14">
      <c r="N423242" s="10"/>
    </row>
    <row r="423243" spans="14:14">
      <c r="N423243" s="10"/>
    </row>
    <row r="423244" spans="14:14">
      <c r="N423244" s="10"/>
    </row>
    <row r="423245" spans="14:14">
      <c r="N423245" s="10"/>
    </row>
    <row r="423246" spans="14:14">
      <c r="N423246" s="10"/>
    </row>
    <row r="423247" spans="14:14">
      <c r="N423247" s="10"/>
    </row>
    <row r="423248" spans="14:14">
      <c r="N423248" s="10"/>
    </row>
    <row r="423249" spans="14:14">
      <c r="N423249" s="10"/>
    </row>
    <row r="423250" spans="14:14">
      <c r="N423250" s="10"/>
    </row>
    <row r="423251" spans="14:14">
      <c r="N423251" s="10"/>
    </row>
    <row r="423252" spans="14:14">
      <c r="N423252" s="10"/>
    </row>
    <row r="423253" spans="14:14">
      <c r="N423253" s="10"/>
    </row>
    <row r="423254" spans="14:14">
      <c r="N423254" s="10"/>
    </row>
    <row r="423255" spans="14:14">
      <c r="N423255" s="10"/>
    </row>
    <row r="423256" spans="14:14">
      <c r="N423256" s="10"/>
    </row>
    <row r="423257" spans="14:14">
      <c r="N423257" s="10"/>
    </row>
    <row r="423258" spans="14:14">
      <c r="N423258" s="10"/>
    </row>
    <row r="423259" spans="14:14">
      <c r="N423259" s="10"/>
    </row>
    <row r="423260" spans="14:14">
      <c r="N423260" s="10"/>
    </row>
    <row r="423261" spans="14:14">
      <c r="N423261" s="10"/>
    </row>
    <row r="423262" spans="14:14">
      <c r="N423262" s="10"/>
    </row>
    <row r="423263" spans="14:14">
      <c r="N423263" s="10"/>
    </row>
    <row r="423264" spans="14:14">
      <c r="N423264" s="10"/>
    </row>
    <row r="423265" spans="14:14">
      <c r="N423265" s="10"/>
    </row>
    <row r="423266" spans="14:14">
      <c r="N423266" s="10"/>
    </row>
    <row r="423267" spans="14:14">
      <c r="N423267" s="10"/>
    </row>
    <row r="423268" spans="14:14">
      <c r="N423268" s="10"/>
    </row>
    <row r="423269" spans="14:14">
      <c r="N423269" s="10"/>
    </row>
    <row r="423270" spans="14:14">
      <c r="N423270" s="10"/>
    </row>
    <row r="423271" spans="14:14">
      <c r="N423271" s="10"/>
    </row>
    <row r="423272" spans="14:14">
      <c r="N423272" s="10"/>
    </row>
    <row r="423273" spans="14:14">
      <c r="N423273" s="10"/>
    </row>
    <row r="423274" spans="14:14">
      <c r="N423274" s="10"/>
    </row>
    <row r="423275" spans="14:14">
      <c r="N423275" s="10"/>
    </row>
    <row r="423276" spans="14:14">
      <c r="N423276" s="10"/>
    </row>
    <row r="423277" spans="14:14">
      <c r="N423277" s="10"/>
    </row>
    <row r="423278" spans="14:14">
      <c r="N423278" s="10"/>
    </row>
    <row r="423279" spans="14:14">
      <c r="N423279" s="10"/>
    </row>
    <row r="423280" spans="14:14">
      <c r="N423280" s="10"/>
    </row>
    <row r="423281" spans="14:14">
      <c r="N423281" s="10"/>
    </row>
    <row r="423282" spans="14:14">
      <c r="N423282" s="10"/>
    </row>
    <row r="423283" spans="14:14">
      <c r="N423283" s="10"/>
    </row>
    <row r="423284" spans="14:14">
      <c r="N423284" s="10"/>
    </row>
    <row r="423285" spans="14:14">
      <c r="N423285" s="10"/>
    </row>
    <row r="423286" spans="14:14">
      <c r="N423286" s="10"/>
    </row>
    <row r="423287" spans="14:14">
      <c r="N423287" s="10"/>
    </row>
    <row r="423288" spans="14:14">
      <c r="N423288" s="10"/>
    </row>
    <row r="423289" spans="14:14">
      <c r="N423289" s="10"/>
    </row>
    <row r="423290" spans="14:14">
      <c r="N423290" s="10"/>
    </row>
    <row r="423291" spans="14:14">
      <c r="N423291" s="10"/>
    </row>
    <row r="423292" spans="14:14">
      <c r="N423292" s="10"/>
    </row>
    <row r="423293" spans="14:14">
      <c r="N423293" s="10"/>
    </row>
    <row r="423294" spans="14:14">
      <c r="N423294" s="10"/>
    </row>
    <row r="423295" spans="14:14">
      <c r="N423295" s="10"/>
    </row>
    <row r="423296" spans="14:14">
      <c r="N423296" s="10"/>
    </row>
    <row r="423297" spans="14:14">
      <c r="N423297" s="10"/>
    </row>
    <row r="423298" spans="14:14">
      <c r="N423298" s="10"/>
    </row>
    <row r="423299" spans="14:14">
      <c r="N423299" s="10"/>
    </row>
    <row r="423300" spans="14:14">
      <c r="N423300" s="10"/>
    </row>
    <row r="423301" spans="14:14">
      <c r="N423301" s="10"/>
    </row>
    <row r="423302" spans="14:14">
      <c r="N423302" s="10"/>
    </row>
    <row r="423303" spans="14:14">
      <c r="N423303" s="10"/>
    </row>
    <row r="423304" spans="14:14">
      <c r="N423304" s="10"/>
    </row>
    <row r="423305" spans="14:14">
      <c r="N423305" s="10"/>
    </row>
    <row r="423306" spans="14:14">
      <c r="N423306" s="10"/>
    </row>
    <row r="423307" spans="14:14">
      <c r="N423307" s="10"/>
    </row>
    <row r="423308" spans="14:14">
      <c r="N423308" s="10"/>
    </row>
    <row r="423309" spans="14:14">
      <c r="N423309" s="10"/>
    </row>
    <row r="423310" spans="14:14">
      <c r="N423310" s="10"/>
    </row>
    <row r="423311" spans="14:14">
      <c r="N423311" s="10"/>
    </row>
    <row r="423312" spans="14:14">
      <c r="N423312" s="10"/>
    </row>
    <row r="423313" spans="14:14">
      <c r="N423313" s="10"/>
    </row>
    <row r="423314" spans="14:14">
      <c r="N423314" s="10"/>
    </row>
    <row r="423315" spans="14:14">
      <c r="N423315" s="10"/>
    </row>
    <row r="423316" spans="14:14">
      <c r="N423316" s="10"/>
    </row>
    <row r="423317" spans="14:14">
      <c r="N423317" s="10"/>
    </row>
    <row r="423318" spans="14:14">
      <c r="N423318" s="10"/>
    </row>
    <row r="423319" spans="14:14">
      <c r="N423319" s="10"/>
    </row>
    <row r="423320" spans="14:14">
      <c r="N423320" s="10"/>
    </row>
    <row r="423321" spans="14:14">
      <c r="N423321" s="10"/>
    </row>
    <row r="423322" spans="14:14">
      <c r="N423322" s="10"/>
    </row>
    <row r="423323" spans="14:14">
      <c r="N423323" s="10"/>
    </row>
    <row r="423324" spans="14:14">
      <c r="N423324" s="10"/>
    </row>
    <row r="423325" spans="14:14">
      <c r="N423325" s="10"/>
    </row>
    <row r="423326" spans="14:14">
      <c r="N423326" s="10"/>
    </row>
    <row r="423327" spans="14:14">
      <c r="N423327" s="10"/>
    </row>
    <row r="423328" spans="14:14">
      <c r="N423328" s="10"/>
    </row>
    <row r="423329" spans="14:14">
      <c r="N423329" s="10"/>
    </row>
    <row r="423330" spans="14:14">
      <c r="N423330" s="10"/>
    </row>
    <row r="423331" spans="14:14">
      <c r="N423331" s="10"/>
    </row>
    <row r="423332" spans="14:14">
      <c r="N423332" s="10"/>
    </row>
    <row r="423333" spans="14:14">
      <c r="N423333" s="10"/>
    </row>
    <row r="423334" spans="14:14">
      <c r="N423334" s="10"/>
    </row>
    <row r="423335" spans="14:14">
      <c r="N423335" s="10"/>
    </row>
    <row r="423336" spans="14:14">
      <c r="N423336" s="10"/>
    </row>
    <row r="423337" spans="14:14">
      <c r="N423337" s="10"/>
    </row>
    <row r="423338" spans="14:14">
      <c r="N423338" s="10"/>
    </row>
    <row r="423339" spans="14:14">
      <c r="N423339" s="10"/>
    </row>
    <row r="423340" spans="14:14">
      <c r="N423340" s="10"/>
    </row>
    <row r="423341" spans="14:14">
      <c r="N423341" s="10"/>
    </row>
    <row r="423342" spans="14:14">
      <c r="N423342" s="10"/>
    </row>
    <row r="423343" spans="14:14">
      <c r="N423343" s="10"/>
    </row>
    <row r="423344" spans="14:14">
      <c r="N423344" s="10"/>
    </row>
    <row r="423345" spans="14:14">
      <c r="N423345" s="10"/>
    </row>
    <row r="423346" spans="14:14">
      <c r="N423346" s="10"/>
    </row>
    <row r="423347" spans="14:14">
      <c r="N423347" s="10"/>
    </row>
    <row r="423348" spans="14:14">
      <c r="N423348" s="10"/>
    </row>
    <row r="423349" spans="14:14">
      <c r="N423349" s="10"/>
    </row>
    <row r="423350" spans="14:14">
      <c r="N423350" s="10"/>
    </row>
    <row r="423351" spans="14:14">
      <c r="N423351" s="10"/>
    </row>
    <row r="423352" spans="14:14">
      <c r="N423352" s="10"/>
    </row>
    <row r="423353" spans="14:14">
      <c r="N423353" s="10"/>
    </row>
    <row r="423354" spans="14:14">
      <c r="N423354" s="10"/>
    </row>
    <row r="423355" spans="14:14">
      <c r="N423355" s="10"/>
    </row>
    <row r="423356" spans="14:14">
      <c r="N423356" s="10"/>
    </row>
    <row r="423357" spans="14:14">
      <c r="N423357" s="10"/>
    </row>
    <row r="423358" spans="14:14">
      <c r="N423358" s="10"/>
    </row>
    <row r="423359" spans="14:14">
      <c r="N423359" s="10"/>
    </row>
    <row r="423360" spans="14:14">
      <c r="N423360" s="10"/>
    </row>
    <row r="423361" spans="14:14">
      <c r="N423361" s="10"/>
    </row>
    <row r="423362" spans="14:14">
      <c r="N423362" s="10"/>
    </row>
    <row r="423363" spans="14:14">
      <c r="N423363" s="10"/>
    </row>
    <row r="423364" spans="14:14">
      <c r="N423364" s="10"/>
    </row>
    <row r="423365" spans="14:14">
      <c r="N423365" s="10"/>
    </row>
    <row r="423366" spans="14:14">
      <c r="N423366" s="10"/>
    </row>
    <row r="423367" spans="14:14">
      <c r="N423367" s="10"/>
    </row>
    <row r="423368" spans="14:14">
      <c r="N423368" s="10"/>
    </row>
    <row r="423369" spans="14:14">
      <c r="N423369" s="10"/>
    </row>
    <row r="423370" spans="14:14">
      <c r="N423370" s="10"/>
    </row>
    <row r="423371" spans="14:14">
      <c r="N423371" s="10"/>
    </row>
    <row r="423372" spans="14:14">
      <c r="N423372" s="10"/>
    </row>
    <row r="423373" spans="14:14">
      <c r="N423373" s="10"/>
    </row>
    <row r="423374" spans="14:14">
      <c r="N423374" s="10"/>
    </row>
    <row r="423375" spans="14:14">
      <c r="N423375" s="10"/>
    </row>
    <row r="423376" spans="14:14">
      <c r="N423376" s="10"/>
    </row>
    <row r="423377" spans="14:14">
      <c r="N423377" s="10"/>
    </row>
    <row r="423378" spans="14:14">
      <c r="N423378" s="10"/>
    </row>
    <row r="423379" spans="14:14">
      <c r="N423379" s="10"/>
    </row>
    <row r="423380" spans="14:14">
      <c r="N423380" s="10"/>
    </row>
    <row r="423381" spans="14:14">
      <c r="N423381" s="10"/>
    </row>
    <row r="423382" spans="14:14">
      <c r="N423382" s="10"/>
    </row>
    <row r="423383" spans="14:14">
      <c r="N423383" s="10"/>
    </row>
    <row r="423384" spans="14:14">
      <c r="N423384" s="10"/>
    </row>
    <row r="423385" spans="14:14">
      <c r="N423385" s="10"/>
    </row>
    <row r="423386" spans="14:14">
      <c r="N423386" s="10"/>
    </row>
    <row r="423387" spans="14:14">
      <c r="N423387" s="10"/>
    </row>
    <row r="423388" spans="14:14">
      <c r="N423388" s="10"/>
    </row>
    <row r="423389" spans="14:14">
      <c r="N423389" s="10"/>
    </row>
    <row r="423390" spans="14:14">
      <c r="N423390" s="10"/>
    </row>
    <row r="423391" spans="14:14">
      <c r="N423391" s="10"/>
    </row>
    <row r="423392" spans="14:14">
      <c r="N423392" s="10"/>
    </row>
    <row r="423393" spans="14:14">
      <c r="N423393" s="10"/>
    </row>
    <row r="423394" spans="14:14">
      <c r="N423394" s="10"/>
    </row>
    <row r="423395" spans="14:14">
      <c r="N423395" s="10"/>
    </row>
    <row r="423396" spans="14:14">
      <c r="N423396" s="10"/>
    </row>
    <row r="423397" spans="14:14">
      <c r="N423397" s="10"/>
    </row>
    <row r="423398" spans="14:14">
      <c r="N423398" s="10"/>
    </row>
    <row r="423399" spans="14:14">
      <c r="N423399" s="10"/>
    </row>
    <row r="423400" spans="14:14">
      <c r="N423400" s="10"/>
    </row>
    <row r="423401" spans="14:14">
      <c r="N423401" s="10"/>
    </row>
    <row r="423402" spans="14:14">
      <c r="N423402" s="10"/>
    </row>
    <row r="423403" spans="14:14">
      <c r="N423403" s="10"/>
    </row>
    <row r="423404" spans="14:14">
      <c r="N423404" s="10"/>
    </row>
    <row r="423405" spans="14:14">
      <c r="N423405" s="10"/>
    </row>
    <row r="423406" spans="14:14">
      <c r="N423406" s="10"/>
    </row>
    <row r="423407" spans="14:14">
      <c r="N423407" s="10"/>
    </row>
    <row r="423408" spans="14:14">
      <c r="N423408" s="10"/>
    </row>
    <row r="423409" spans="14:14">
      <c r="N423409" s="10"/>
    </row>
    <row r="423410" spans="14:14">
      <c r="N423410" s="10"/>
    </row>
    <row r="423411" spans="14:14">
      <c r="N423411" s="10"/>
    </row>
    <row r="423412" spans="14:14">
      <c r="N423412" s="10"/>
    </row>
    <row r="423413" spans="14:14">
      <c r="N423413" s="10"/>
    </row>
    <row r="423414" spans="14:14">
      <c r="N423414" s="10"/>
    </row>
    <row r="423415" spans="14:14">
      <c r="N423415" s="10"/>
    </row>
    <row r="423416" spans="14:14">
      <c r="N423416" s="10"/>
    </row>
    <row r="423417" spans="14:14">
      <c r="N423417" s="10"/>
    </row>
    <row r="423418" spans="14:14">
      <c r="N423418" s="10"/>
    </row>
    <row r="423419" spans="14:14">
      <c r="N423419" s="10"/>
    </row>
    <row r="423420" spans="14:14">
      <c r="N423420" s="10"/>
    </row>
    <row r="423421" spans="14:14">
      <c r="N423421" s="10"/>
    </row>
    <row r="423422" spans="14:14">
      <c r="N423422" s="10"/>
    </row>
    <row r="423423" spans="14:14">
      <c r="N423423" s="10"/>
    </row>
    <row r="423424" spans="14:14">
      <c r="N423424" s="10"/>
    </row>
    <row r="423425" spans="14:14">
      <c r="N423425" s="10"/>
    </row>
    <row r="423426" spans="14:14">
      <c r="N423426" s="10"/>
    </row>
    <row r="423427" spans="14:14">
      <c r="N423427" s="10"/>
    </row>
    <row r="423428" spans="14:14">
      <c r="N423428" s="10"/>
    </row>
    <row r="423429" spans="14:14">
      <c r="N423429" s="10"/>
    </row>
    <row r="423430" spans="14:14">
      <c r="N423430" s="10"/>
    </row>
    <row r="423431" spans="14:14">
      <c r="N423431" s="10"/>
    </row>
    <row r="423432" spans="14:14">
      <c r="N423432" s="10"/>
    </row>
    <row r="423433" spans="14:14">
      <c r="N423433" s="10"/>
    </row>
    <row r="423434" spans="14:14">
      <c r="N423434" s="10"/>
    </row>
    <row r="423435" spans="14:14">
      <c r="N423435" s="10"/>
    </row>
    <row r="423436" spans="14:14">
      <c r="N423436" s="10"/>
    </row>
    <row r="423437" spans="14:14">
      <c r="N423437" s="10"/>
    </row>
    <row r="423438" spans="14:14">
      <c r="N423438" s="10"/>
    </row>
    <row r="423439" spans="14:14">
      <c r="N423439" s="10"/>
    </row>
    <row r="423440" spans="14:14">
      <c r="N423440" s="10"/>
    </row>
    <row r="423441" spans="14:14">
      <c r="N423441" s="10"/>
    </row>
    <row r="423442" spans="14:14">
      <c r="N423442" s="10"/>
    </row>
    <row r="423443" spans="14:14">
      <c r="N423443" s="10"/>
    </row>
    <row r="423444" spans="14:14">
      <c r="N423444" s="10"/>
    </row>
    <row r="423445" spans="14:14">
      <c r="N423445" s="10"/>
    </row>
    <row r="423446" spans="14:14">
      <c r="N423446" s="10"/>
    </row>
    <row r="423447" spans="14:14">
      <c r="N423447" s="10"/>
    </row>
    <row r="423448" spans="14:14">
      <c r="N423448" s="10"/>
    </row>
    <row r="423449" spans="14:14">
      <c r="N423449" s="10"/>
    </row>
    <row r="423450" spans="14:14">
      <c r="N423450" s="10"/>
    </row>
    <row r="423451" spans="14:14">
      <c r="N423451" s="10"/>
    </row>
    <row r="423452" spans="14:14">
      <c r="N423452" s="10"/>
    </row>
    <row r="423453" spans="14:14">
      <c r="N423453" s="10"/>
    </row>
    <row r="423454" spans="14:14">
      <c r="N423454" s="10"/>
    </row>
    <row r="423455" spans="14:14">
      <c r="N423455" s="10"/>
    </row>
    <row r="423456" spans="14:14">
      <c r="N423456" s="10"/>
    </row>
    <row r="423457" spans="14:14">
      <c r="N423457" s="10"/>
    </row>
    <row r="423458" spans="14:14">
      <c r="N423458" s="10"/>
    </row>
    <row r="423459" spans="14:14">
      <c r="N423459" s="10"/>
    </row>
    <row r="423460" spans="14:14">
      <c r="N423460" s="10"/>
    </row>
    <row r="423461" spans="14:14">
      <c r="N423461" s="10"/>
    </row>
    <row r="423462" spans="14:14">
      <c r="N423462" s="10"/>
    </row>
    <row r="423463" spans="14:14">
      <c r="N423463" s="10"/>
    </row>
    <row r="423464" spans="14:14">
      <c r="N423464" s="10"/>
    </row>
    <row r="423465" spans="14:14">
      <c r="N423465" s="10"/>
    </row>
    <row r="423466" spans="14:14">
      <c r="N423466" s="10"/>
    </row>
    <row r="423467" spans="14:14">
      <c r="N423467" s="10"/>
    </row>
    <row r="423468" spans="14:14">
      <c r="N423468" s="10"/>
    </row>
    <row r="423469" spans="14:14">
      <c r="N423469" s="10"/>
    </row>
    <row r="423470" spans="14:14">
      <c r="N423470" s="10"/>
    </row>
    <row r="423471" spans="14:14">
      <c r="N423471" s="10"/>
    </row>
    <row r="423472" spans="14:14">
      <c r="N423472" s="10"/>
    </row>
    <row r="423473" spans="14:14">
      <c r="N423473" s="10"/>
    </row>
    <row r="423474" spans="14:14">
      <c r="N423474" s="10"/>
    </row>
    <row r="423475" spans="14:14">
      <c r="N423475" s="10"/>
    </row>
    <row r="423476" spans="14:14">
      <c r="N423476" s="10"/>
    </row>
    <row r="423477" spans="14:14">
      <c r="N423477" s="10"/>
    </row>
    <row r="423478" spans="14:14">
      <c r="N423478" s="10"/>
    </row>
    <row r="423479" spans="14:14">
      <c r="N423479" s="10"/>
    </row>
    <row r="423480" spans="14:14">
      <c r="N423480" s="10"/>
    </row>
    <row r="423481" spans="14:14">
      <c r="N423481" s="10"/>
    </row>
    <row r="423482" spans="14:14">
      <c r="N423482" s="10"/>
    </row>
    <row r="423483" spans="14:14">
      <c r="N423483" s="10"/>
    </row>
    <row r="423484" spans="14:14">
      <c r="N423484" s="10"/>
    </row>
    <row r="423485" spans="14:14">
      <c r="N423485" s="10"/>
    </row>
    <row r="423486" spans="14:14">
      <c r="N423486" s="10"/>
    </row>
    <row r="423487" spans="14:14">
      <c r="N423487" s="10"/>
    </row>
    <row r="423488" spans="14:14">
      <c r="N423488" s="10"/>
    </row>
    <row r="423489" spans="14:14">
      <c r="N423489" s="10"/>
    </row>
    <row r="423490" spans="14:14">
      <c r="N423490" s="10"/>
    </row>
    <row r="423491" spans="14:14">
      <c r="N423491" s="10"/>
    </row>
    <row r="423492" spans="14:14">
      <c r="N423492" s="10"/>
    </row>
    <row r="423493" spans="14:14">
      <c r="N423493" s="10"/>
    </row>
    <row r="423494" spans="14:14">
      <c r="N423494" s="10"/>
    </row>
    <row r="423495" spans="14:14">
      <c r="N423495" s="10"/>
    </row>
    <row r="423496" spans="14:14">
      <c r="N423496" s="10"/>
    </row>
    <row r="423497" spans="14:14">
      <c r="N423497" s="10"/>
    </row>
    <row r="423498" spans="14:14">
      <c r="N423498" s="10"/>
    </row>
    <row r="423499" spans="14:14">
      <c r="N423499" s="10"/>
    </row>
    <row r="423500" spans="14:14">
      <c r="N423500" s="10"/>
    </row>
    <row r="423501" spans="14:14">
      <c r="N423501" s="10"/>
    </row>
    <row r="423502" spans="14:14">
      <c r="N423502" s="10"/>
    </row>
    <row r="423503" spans="14:14">
      <c r="N423503" s="10"/>
    </row>
    <row r="423504" spans="14:14">
      <c r="N423504" s="10"/>
    </row>
    <row r="423505" spans="14:14">
      <c r="N423505" s="10"/>
    </row>
    <row r="423506" spans="14:14">
      <c r="N423506" s="10"/>
    </row>
    <row r="423507" spans="14:14">
      <c r="N423507" s="10"/>
    </row>
    <row r="423508" spans="14:14">
      <c r="N423508" s="10"/>
    </row>
    <row r="423509" spans="14:14">
      <c r="N423509" s="10"/>
    </row>
    <row r="423510" spans="14:14">
      <c r="N423510" s="10"/>
    </row>
    <row r="423511" spans="14:14">
      <c r="N423511" s="10"/>
    </row>
    <row r="423512" spans="14:14">
      <c r="N423512" s="10"/>
    </row>
    <row r="423513" spans="14:14">
      <c r="N423513" s="10"/>
    </row>
    <row r="423514" spans="14:14">
      <c r="N423514" s="10"/>
    </row>
    <row r="423515" spans="14:14">
      <c r="N423515" s="10"/>
    </row>
    <row r="423516" spans="14:14">
      <c r="N423516" s="10"/>
    </row>
    <row r="423517" spans="14:14">
      <c r="N423517" s="10"/>
    </row>
    <row r="423518" spans="14:14">
      <c r="N423518" s="10"/>
    </row>
    <row r="423519" spans="14:14">
      <c r="N423519" s="10"/>
    </row>
    <row r="423520" spans="14:14">
      <c r="N423520" s="10"/>
    </row>
    <row r="423521" spans="14:14">
      <c r="N423521" s="10"/>
    </row>
    <row r="423522" spans="14:14">
      <c r="N423522" s="10"/>
    </row>
    <row r="423523" spans="14:14">
      <c r="N423523" s="10"/>
    </row>
    <row r="423524" spans="14:14">
      <c r="N423524" s="10"/>
    </row>
    <row r="423525" spans="14:14">
      <c r="N423525" s="10"/>
    </row>
    <row r="423526" spans="14:14">
      <c r="N423526" s="10"/>
    </row>
    <row r="423527" spans="14:14">
      <c r="N423527" s="10"/>
    </row>
    <row r="423528" spans="14:14">
      <c r="N423528" s="10"/>
    </row>
    <row r="423529" spans="14:14">
      <c r="N423529" s="10"/>
    </row>
    <row r="423530" spans="14:14">
      <c r="N423530" s="10"/>
    </row>
    <row r="423531" spans="14:14">
      <c r="N423531" s="10"/>
    </row>
    <row r="423532" spans="14:14">
      <c r="N423532" s="10"/>
    </row>
    <row r="423533" spans="14:14">
      <c r="N423533" s="10"/>
    </row>
    <row r="423534" spans="14:14">
      <c r="N423534" s="10"/>
    </row>
    <row r="423535" spans="14:14">
      <c r="N423535" s="10"/>
    </row>
    <row r="423536" spans="14:14">
      <c r="N423536" s="10"/>
    </row>
    <row r="423537" spans="14:14">
      <c r="N423537" s="10"/>
    </row>
    <row r="423538" spans="14:14">
      <c r="N423538" s="10"/>
    </row>
    <row r="423539" spans="14:14">
      <c r="N423539" s="10"/>
    </row>
    <row r="423540" spans="14:14">
      <c r="N423540" s="10"/>
    </row>
    <row r="423541" spans="14:14">
      <c r="N423541" s="10"/>
    </row>
    <row r="423542" spans="14:14">
      <c r="N423542" s="10"/>
    </row>
    <row r="423543" spans="14:14">
      <c r="N423543" s="10"/>
    </row>
    <row r="423544" spans="14:14">
      <c r="N423544" s="10"/>
    </row>
    <row r="423545" spans="14:14">
      <c r="N423545" s="10"/>
    </row>
    <row r="423546" spans="14:14">
      <c r="N423546" s="10"/>
    </row>
    <row r="423547" spans="14:14">
      <c r="N423547" s="10"/>
    </row>
    <row r="423548" spans="14:14">
      <c r="N423548" s="10"/>
    </row>
    <row r="423549" spans="14:14">
      <c r="N423549" s="10"/>
    </row>
    <row r="423550" spans="14:14">
      <c r="N423550" s="10"/>
    </row>
    <row r="423551" spans="14:14">
      <c r="N423551" s="10"/>
    </row>
    <row r="423552" spans="14:14">
      <c r="N423552" s="10"/>
    </row>
    <row r="423553" spans="14:14">
      <c r="N423553" s="10"/>
    </row>
    <row r="423554" spans="14:14">
      <c r="N423554" s="10"/>
    </row>
    <row r="423555" spans="14:14">
      <c r="N423555" s="10"/>
    </row>
    <row r="423556" spans="14:14">
      <c r="N423556" s="10"/>
    </row>
    <row r="423557" spans="14:14">
      <c r="N423557" s="10"/>
    </row>
    <row r="423558" spans="14:14">
      <c r="N423558" s="10"/>
    </row>
    <row r="423559" spans="14:14">
      <c r="N423559" s="10"/>
    </row>
    <row r="423560" spans="14:14">
      <c r="N423560" s="10"/>
    </row>
    <row r="423561" spans="14:14">
      <c r="N423561" s="10"/>
    </row>
    <row r="423562" spans="14:14">
      <c r="N423562" s="10"/>
    </row>
    <row r="423563" spans="14:14">
      <c r="N423563" s="10"/>
    </row>
    <row r="423564" spans="14:14">
      <c r="N423564" s="10"/>
    </row>
    <row r="423565" spans="14:14">
      <c r="N423565" s="10"/>
    </row>
    <row r="423566" spans="14:14">
      <c r="N423566" s="10"/>
    </row>
    <row r="423567" spans="14:14">
      <c r="N423567" s="10"/>
    </row>
    <row r="423568" spans="14:14">
      <c r="N423568" s="10"/>
    </row>
    <row r="423569" spans="14:14">
      <c r="N423569" s="10"/>
    </row>
    <row r="423570" spans="14:14">
      <c r="N423570" s="10"/>
    </row>
    <row r="423571" spans="14:14">
      <c r="N423571" s="10"/>
    </row>
    <row r="423572" spans="14:14">
      <c r="N423572" s="10"/>
    </row>
    <row r="423573" spans="14:14">
      <c r="N423573" s="10"/>
    </row>
    <row r="423574" spans="14:14">
      <c r="N423574" s="10"/>
    </row>
    <row r="423575" spans="14:14">
      <c r="N423575" s="10"/>
    </row>
    <row r="423576" spans="14:14">
      <c r="N423576" s="10"/>
    </row>
    <row r="423577" spans="14:14">
      <c r="N423577" s="10"/>
    </row>
    <row r="423578" spans="14:14">
      <c r="N423578" s="10"/>
    </row>
    <row r="423579" spans="14:14">
      <c r="N423579" s="10"/>
    </row>
    <row r="423580" spans="14:14">
      <c r="N423580" s="10"/>
    </row>
    <row r="423581" spans="14:14">
      <c r="N423581" s="10"/>
    </row>
    <row r="423582" spans="14:14">
      <c r="N423582" s="10"/>
    </row>
    <row r="423583" spans="14:14">
      <c r="N423583" s="10"/>
    </row>
    <row r="423584" spans="14:14">
      <c r="N423584" s="10"/>
    </row>
    <row r="423585" spans="14:14">
      <c r="N423585" s="10"/>
    </row>
    <row r="423586" spans="14:14">
      <c r="N423586" s="10"/>
    </row>
    <row r="423587" spans="14:14">
      <c r="N423587" s="10"/>
    </row>
    <row r="423588" spans="14:14">
      <c r="N423588" s="10"/>
    </row>
    <row r="423589" spans="14:14">
      <c r="N423589" s="10"/>
    </row>
    <row r="423590" spans="14:14">
      <c r="N423590" s="10"/>
    </row>
    <row r="423591" spans="14:14">
      <c r="N423591" s="10"/>
    </row>
    <row r="423592" spans="14:14">
      <c r="N423592" s="10"/>
    </row>
    <row r="423593" spans="14:14">
      <c r="N423593" s="10"/>
    </row>
    <row r="423594" spans="14:14">
      <c r="N423594" s="10"/>
    </row>
    <row r="423595" spans="14:14">
      <c r="N423595" s="10"/>
    </row>
    <row r="423596" spans="14:14">
      <c r="N423596" s="10"/>
    </row>
    <row r="423597" spans="14:14">
      <c r="N423597" s="10"/>
    </row>
    <row r="423598" spans="14:14">
      <c r="N423598" s="10"/>
    </row>
    <row r="423599" spans="14:14">
      <c r="N423599" s="10"/>
    </row>
    <row r="423600" spans="14:14">
      <c r="N423600" s="10"/>
    </row>
    <row r="423601" spans="14:14">
      <c r="N423601" s="10"/>
    </row>
    <row r="423602" spans="14:14">
      <c r="N423602" s="10"/>
    </row>
    <row r="423603" spans="14:14">
      <c r="N423603" s="10"/>
    </row>
    <row r="423604" spans="14:14">
      <c r="N423604" s="10"/>
    </row>
    <row r="423605" spans="14:14">
      <c r="N423605" s="10"/>
    </row>
    <row r="423606" spans="14:14">
      <c r="N423606" s="10"/>
    </row>
    <row r="423607" spans="14:14">
      <c r="N423607" s="10"/>
    </row>
    <row r="423608" spans="14:14">
      <c r="N423608" s="10"/>
    </row>
    <row r="423609" spans="14:14">
      <c r="N423609" s="10"/>
    </row>
    <row r="423610" spans="14:14">
      <c r="N423610" s="10"/>
    </row>
    <row r="423611" spans="14:14">
      <c r="N423611" s="10"/>
    </row>
    <row r="423612" spans="14:14">
      <c r="N423612" s="10"/>
    </row>
    <row r="423613" spans="14:14">
      <c r="N423613" s="10"/>
    </row>
    <row r="423614" spans="14:14">
      <c r="N423614" s="10"/>
    </row>
    <row r="423615" spans="14:14">
      <c r="N423615" s="10"/>
    </row>
    <row r="423616" spans="14:14">
      <c r="N423616" s="10"/>
    </row>
    <row r="423617" spans="14:14">
      <c r="N423617" s="10"/>
    </row>
    <row r="423618" spans="14:14">
      <c r="N423618" s="10"/>
    </row>
    <row r="423619" spans="14:14">
      <c r="N423619" s="10"/>
    </row>
    <row r="423620" spans="14:14">
      <c r="N423620" s="10"/>
    </row>
    <row r="423621" spans="14:14">
      <c r="N423621" s="10"/>
    </row>
    <row r="423622" spans="14:14">
      <c r="N423622" s="10"/>
    </row>
    <row r="423623" spans="14:14">
      <c r="N423623" s="10"/>
    </row>
    <row r="423624" spans="14:14">
      <c r="N423624" s="10"/>
    </row>
    <row r="423625" spans="14:14">
      <c r="N423625" s="10"/>
    </row>
    <row r="423626" spans="14:14">
      <c r="N423626" s="10"/>
    </row>
    <row r="423627" spans="14:14">
      <c r="N423627" s="10"/>
    </row>
    <row r="423628" spans="14:14">
      <c r="N423628" s="10"/>
    </row>
    <row r="423629" spans="14:14">
      <c r="N423629" s="10"/>
    </row>
    <row r="423630" spans="14:14">
      <c r="N423630" s="10"/>
    </row>
    <row r="423631" spans="14:14">
      <c r="N423631" s="10"/>
    </row>
    <row r="423632" spans="14:14">
      <c r="N423632" s="10"/>
    </row>
    <row r="423633" spans="14:14">
      <c r="N423633" s="10"/>
    </row>
    <row r="423634" spans="14:14">
      <c r="N423634" s="10"/>
    </row>
    <row r="423635" spans="14:14">
      <c r="N423635" s="10"/>
    </row>
    <row r="423636" spans="14:14">
      <c r="N423636" s="10"/>
    </row>
    <row r="423637" spans="14:14">
      <c r="N423637" s="10"/>
    </row>
    <row r="423638" spans="14:14">
      <c r="N423638" s="10"/>
    </row>
    <row r="423639" spans="14:14">
      <c r="N423639" s="10"/>
    </row>
    <row r="423640" spans="14:14">
      <c r="N423640" s="10"/>
    </row>
    <row r="423641" spans="14:14">
      <c r="N423641" s="10"/>
    </row>
    <row r="423642" spans="14:14">
      <c r="N423642" s="10"/>
    </row>
    <row r="423643" spans="14:14">
      <c r="N423643" s="10"/>
    </row>
    <row r="423644" spans="14:14">
      <c r="N423644" s="10"/>
    </row>
    <row r="423645" spans="14:14">
      <c r="N423645" s="10"/>
    </row>
    <row r="423646" spans="14:14">
      <c r="N423646" s="10"/>
    </row>
    <row r="423647" spans="14:14">
      <c r="N423647" s="10"/>
    </row>
    <row r="423648" spans="14:14">
      <c r="N423648" s="10"/>
    </row>
    <row r="423649" spans="14:14">
      <c r="N423649" s="10"/>
    </row>
    <row r="423650" spans="14:14">
      <c r="N423650" s="10"/>
    </row>
    <row r="423651" spans="14:14">
      <c r="N423651" s="10"/>
    </row>
    <row r="423652" spans="14:14">
      <c r="N423652" s="10"/>
    </row>
    <row r="423653" spans="14:14">
      <c r="N423653" s="10"/>
    </row>
    <row r="423654" spans="14:14">
      <c r="N423654" s="10"/>
    </row>
    <row r="423655" spans="14:14">
      <c r="N423655" s="10"/>
    </row>
    <row r="423656" spans="14:14">
      <c r="N423656" s="10"/>
    </row>
    <row r="423657" spans="14:14">
      <c r="N423657" s="10"/>
    </row>
    <row r="423658" spans="14:14">
      <c r="N423658" s="10"/>
    </row>
    <row r="423659" spans="14:14">
      <c r="N423659" s="10"/>
    </row>
    <row r="423660" spans="14:14">
      <c r="N423660" s="10"/>
    </row>
    <row r="423661" spans="14:14">
      <c r="N423661" s="10"/>
    </row>
    <row r="423662" spans="14:14">
      <c r="N423662" s="10"/>
    </row>
    <row r="423663" spans="14:14">
      <c r="N423663" s="10"/>
    </row>
    <row r="423664" spans="14:14">
      <c r="N423664" s="10"/>
    </row>
    <row r="423665" spans="14:14">
      <c r="N423665" s="10"/>
    </row>
    <row r="423666" spans="14:14">
      <c r="N423666" s="10"/>
    </row>
    <row r="423667" spans="14:14">
      <c r="N423667" s="10"/>
    </row>
    <row r="423668" spans="14:14">
      <c r="N423668" s="10"/>
    </row>
    <row r="423669" spans="14:14">
      <c r="N423669" s="10"/>
    </row>
    <row r="423670" spans="14:14">
      <c r="N423670" s="10"/>
    </row>
    <row r="423671" spans="14:14">
      <c r="N423671" s="10"/>
    </row>
    <row r="423672" spans="14:14">
      <c r="N423672" s="10"/>
    </row>
    <row r="423673" spans="14:14">
      <c r="N423673" s="10"/>
    </row>
    <row r="423674" spans="14:14">
      <c r="N423674" s="10"/>
    </row>
    <row r="423675" spans="14:14">
      <c r="N423675" s="10"/>
    </row>
    <row r="423676" spans="14:14">
      <c r="N423676" s="10"/>
    </row>
    <row r="423677" spans="14:14">
      <c r="N423677" s="10"/>
    </row>
    <row r="423678" spans="14:14">
      <c r="N423678" s="10"/>
    </row>
    <row r="423679" spans="14:14">
      <c r="N423679" s="10"/>
    </row>
    <row r="423680" spans="14:14">
      <c r="N423680" s="10"/>
    </row>
    <row r="423681" spans="14:14">
      <c r="N423681" s="10"/>
    </row>
    <row r="423682" spans="14:14">
      <c r="N423682" s="10"/>
    </row>
    <row r="423683" spans="14:14">
      <c r="N423683" s="10"/>
    </row>
    <row r="423684" spans="14:14">
      <c r="N423684" s="10"/>
    </row>
    <row r="423685" spans="14:14">
      <c r="N423685" s="10"/>
    </row>
    <row r="423686" spans="14:14">
      <c r="N423686" s="10"/>
    </row>
    <row r="423687" spans="14:14">
      <c r="N423687" s="10"/>
    </row>
    <row r="423688" spans="14:14">
      <c r="N423688" s="10"/>
    </row>
    <row r="423689" spans="14:14">
      <c r="N423689" s="10"/>
    </row>
    <row r="423690" spans="14:14">
      <c r="N423690" s="10"/>
    </row>
    <row r="423691" spans="14:14">
      <c r="N423691" s="10"/>
    </row>
    <row r="423692" spans="14:14">
      <c r="N423692" s="10"/>
    </row>
    <row r="423693" spans="14:14">
      <c r="N423693" s="10"/>
    </row>
    <row r="423694" spans="14:14">
      <c r="N423694" s="10"/>
    </row>
    <row r="423695" spans="14:14">
      <c r="N423695" s="10"/>
    </row>
    <row r="423696" spans="14:14">
      <c r="N423696" s="10"/>
    </row>
    <row r="423697" spans="14:14">
      <c r="N423697" s="10"/>
    </row>
    <row r="423698" spans="14:14">
      <c r="N423698" s="10"/>
    </row>
    <row r="423699" spans="14:14">
      <c r="N423699" s="10"/>
    </row>
    <row r="423700" spans="14:14">
      <c r="N423700" s="10"/>
    </row>
    <row r="423701" spans="14:14">
      <c r="N423701" s="10"/>
    </row>
    <row r="423702" spans="14:14">
      <c r="N423702" s="10"/>
    </row>
    <row r="423703" spans="14:14">
      <c r="N423703" s="10"/>
    </row>
    <row r="423704" spans="14:14">
      <c r="N423704" s="10"/>
    </row>
    <row r="423705" spans="14:14">
      <c r="N423705" s="10"/>
    </row>
    <row r="423706" spans="14:14">
      <c r="N423706" s="10"/>
    </row>
    <row r="423707" spans="14:14">
      <c r="N423707" s="10"/>
    </row>
    <row r="423708" spans="14:14">
      <c r="N423708" s="10"/>
    </row>
    <row r="423709" spans="14:14">
      <c r="N423709" s="10"/>
    </row>
    <row r="423710" spans="14:14">
      <c r="N423710" s="10"/>
    </row>
    <row r="423711" spans="14:14">
      <c r="N423711" s="10"/>
    </row>
    <row r="423712" spans="14:14">
      <c r="N423712" s="10"/>
    </row>
    <row r="423713" spans="14:14">
      <c r="N423713" s="10"/>
    </row>
    <row r="423714" spans="14:14">
      <c r="N423714" s="10"/>
    </row>
    <row r="423715" spans="14:14">
      <c r="N423715" s="10"/>
    </row>
    <row r="423716" spans="14:14">
      <c r="N423716" s="10"/>
    </row>
    <row r="423717" spans="14:14">
      <c r="N423717" s="10"/>
    </row>
    <row r="423718" spans="14:14">
      <c r="N423718" s="10"/>
    </row>
    <row r="423719" spans="14:14">
      <c r="N423719" s="10"/>
    </row>
    <row r="423720" spans="14:14">
      <c r="N423720" s="10"/>
    </row>
    <row r="423721" spans="14:14">
      <c r="N423721" s="10"/>
    </row>
    <row r="423722" spans="14:14">
      <c r="N423722" s="10"/>
    </row>
    <row r="423723" spans="14:14">
      <c r="N423723" s="10"/>
    </row>
    <row r="423724" spans="14:14">
      <c r="N423724" s="10"/>
    </row>
    <row r="423725" spans="14:14">
      <c r="N423725" s="10"/>
    </row>
    <row r="423726" spans="14:14">
      <c r="N423726" s="10"/>
    </row>
    <row r="423727" spans="14:14">
      <c r="N423727" s="10"/>
    </row>
    <row r="423728" spans="14:14">
      <c r="N423728" s="10"/>
    </row>
    <row r="423729" spans="14:14">
      <c r="N423729" s="10"/>
    </row>
    <row r="423730" spans="14:14">
      <c r="N423730" s="10"/>
    </row>
    <row r="423731" spans="14:14">
      <c r="N423731" s="10"/>
    </row>
    <row r="423732" spans="14:14">
      <c r="N423732" s="10"/>
    </row>
    <row r="423733" spans="14:14">
      <c r="N423733" s="10"/>
    </row>
    <row r="423734" spans="14:14">
      <c r="N423734" s="10"/>
    </row>
    <row r="423735" spans="14:14">
      <c r="N423735" s="10"/>
    </row>
    <row r="423736" spans="14:14">
      <c r="N423736" s="10"/>
    </row>
    <row r="423737" spans="14:14">
      <c r="N423737" s="10"/>
    </row>
    <row r="423738" spans="14:14">
      <c r="N423738" s="10"/>
    </row>
    <row r="423739" spans="14:14">
      <c r="N423739" s="10"/>
    </row>
    <row r="423740" spans="14:14">
      <c r="N423740" s="10"/>
    </row>
    <row r="423741" spans="14:14">
      <c r="N423741" s="10"/>
    </row>
    <row r="423742" spans="14:14">
      <c r="N423742" s="10"/>
    </row>
    <row r="423743" spans="14:14">
      <c r="N423743" s="10"/>
    </row>
    <row r="423744" spans="14:14">
      <c r="N423744" s="10"/>
    </row>
    <row r="423745" spans="14:14">
      <c r="N423745" s="10"/>
    </row>
    <row r="423746" spans="14:14">
      <c r="N423746" s="10"/>
    </row>
    <row r="423747" spans="14:14">
      <c r="N423747" s="10"/>
    </row>
    <row r="423748" spans="14:14">
      <c r="N423748" s="10"/>
    </row>
    <row r="423749" spans="14:14">
      <c r="N423749" s="10"/>
    </row>
    <row r="423750" spans="14:14">
      <c r="N423750" s="10"/>
    </row>
    <row r="423751" spans="14:14">
      <c r="N423751" s="10"/>
    </row>
    <row r="423752" spans="14:14">
      <c r="N423752" s="10"/>
    </row>
    <row r="423753" spans="14:14">
      <c r="N423753" s="10"/>
    </row>
    <row r="423754" spans="14:14">
      <c r="N423754" s="10"/>
    </row>
    <row r="423755" spans="14:14">
      <c r="N423755" s="10"/>
    </row>
    <row r="423756" spans="14:14">
      <c r="N423756" s="10"/>
    </row>
    <row r="423757" spans="14:14">
      <c r="N423757" s="10"/>
    </row>
    <row r="423758" spans="14:14">
      <c r="N423758" s="10"/>
    </row>
    <row r="423759" spans="14:14">
      <c r="N423759" s="10"/>
    </row>
    <row r="423760" spans="14:14">
      <c r="N423760" s="10"/>
    </row>
    <row r="423761" spans="14:14">
      <c r="N423761" s="10"/>
    </row>
    <row r="423762" spans="14:14">
      <c r="N423762" s="10"/>
    </row>
    <row r="423763" spans="14:14">
      <c r="N423763" s="10"/>
    </row>
    <row r="423764" spans="14:14">
      <c r="N423764" s="10"/>
    </row>
    <row r="423765" spans="14:14">
      <c r="N423765" s="10"/>
    </row>
    <row r="423766" spans="14:14">
      <c r="N423766" s="10"/>
    </row>
    <row r="423767" spans="14:14">
      <c r="N423767" s="10"/>
    </row>
    <row r="423768" spans="14:14">
      <c r="N423768" s="10"/>
    </row>
    <row r="423769" spans="14:14">
      <c r="N423769" s="10"/>
    </row>
    <row r="423770" spans="14:14">
      <c r="N423770" s="10"/>
    </row>
    <row r="423771" spans="14:14">
      <c r="N423771" s="10"/>
    </row>
    <row r="423772" spans="14:14">
      <c r="N423772" s="10"/>
    </row>
    <row r="423773" spans="14:14">
      <c r="N423773" s="10"/>
    </row>
    <row r="423774" spans="14:14">
      <c r="N423774" s="10"/>
    </row>
    <row r="423775" spans="14:14">
      <c r="N423775" s="10"/>
    </row>
    <row r="423776" spans="14:14">
      <c r="N423776" s="10"/>
    </row>
    <row r="423777" spans="14:14">
      <c r="N423777" s="10"/>
    </row>
    <row r="423778" spans="14:14">
      <c r="N423778" s="10"/>
    </row>
    <row r="423779" spans="14:14">
      <c r="N423779" s="10"/>
    </row>
    <row r="423780" spans="14:14">
      <c r="N423780" s="10"/>
    </row>
    <row r="423781" spans="14:14">
      <c r="N423781" s="10"/>
    </row>
    <row r="423782" spans="14:14">
      <c r="N423782" s="10"/>
    </row>
    <row r="423783" spans="14:14">
      <c r="N423783" s="10"/>
    </row>
    <row r="423784" spans="14:14">
      <c r="N423784" s="10"/>
    </row>
    <row r="423785" spans="14:14">
      <c r="N423785" s="10"/>
    </row>
    <row r="423786" spans="14:14">
      <c r="N423786" s="10"/>
    </row>
    <row r="423787" spans="14:14">
      <c r="N423787" s="10"/>
    </row>
    <row r="423788" spans="14:14">
      <c r="N423788" s="10"/>
    </row>
    <row r="423789" spans="14:14">
      <c r="N423789" s="10"/>
    </row>
    <row r="423790" spans="14:14">
      <c r="N423790" s="10"/>
    </row>
    <row r="423791" spans="14:14">
      <c r="N423791" s="10"/>
    </row>
    <row r="423792" spans="14:14">
      <c r="N423792" s="10"/>
    </row>
    <row r="423793" spans="14:14">
      <c r="N423793" s="10"/>
    </row>
    <row r="423794" spans="14:14">
      <c r="N423794" s="10"/>
    </row>
    <row r="423795" spans="14:14">
      <c r="N423795" s="10"/>
    </row>
    <row r="423796" spans="14:14">
      <c r="N423796" s="10"/>
    </row>
    <row r="423797" spans="14:14">
      <c r="N423797" s="10"/>
    </row>
    <row r="423798" spans="14:14">
      <c r="N423798" s="10"/>
    </row>
    <row r="423799" spans="14:14">
      <c r="N423799" s="10"/>
    </row>
    <row r="423800" spans="14:14">
      <c r="N423800" s="10"/>
    </row>
    <row r="423801" spans="14:14">
      <c r="N423801" s="10"/>
    </row>
    <row r="423802" spans="14:14">
      <c r="N423802" s="10"/>
    </row>
    <row r="423803" spans="14:14">
      <c r="N423803" s="10"/>
    </row>
    <row r="423804" spans="14:14">
      <c r="N423804" s="10"/>
    </row>
    <row r="423805" spans="14:14">
      <c r="N423805" s="10"/>
    </row>
    <row r="423806" spans="14:14">
      <c r="N423806" s="10"/>
    </row>
    <row r="423807" spans="14:14">
      <c r="N423807" s="10"/>
    </row>
    <row r="423808" spans="14:14">
      <c r="N423808" s="10"/>
    </row>
    <row r="423809" spans="14:14">
      <c r="N423809" s="10"/>
    </row>
    <row r="423810" spans="14:14">
      <c r="N423810" s="10"/>
    </row>
    <row r="423811" spans="14:14">
      <c r="N423811" s="10"/>
    </row>
    <row r="423812" spans="14:14">
      <c r="N423812" s="10"/>
    </row>
    <row r="423813" spans="14:14">
      <c r="N423813" s="10"/>
    </row>
    <row r="423814" spans="14:14">
      <c r="N423814" s="10"/>
    </row>
    <row r="423815" spans="14:14">
      <c r="N423815" s="10"/>
    </row>
    <row r="423816" spans="14:14">
      <c r="N423816" s="10"/>
    </row>
    <row r="423817" spans="14:14">
      <c r="N423817" s="10"/>
    </row>
    <row r="423818" spans="14:14">
      <c r="N423818" s="10"/>
    </row>
    <row r="423819" spans="14:14">
      <c r="N423819" s="10"/>
    </row>
    <row r="423820" spans="14:14">
      <c r="N423820" s="10"/>
    </row>
    <row r="423821" spans="14:14">
      <c r="N423821" s="10"/>
    </row>
    <row r="423822" spans="14:14">
      <c r="N423822" s="10"/>
    </row>
    <row r="423823" spans="14:14">
      <c r="N423823" s="10"/>
    </row>
    <row r="423824" spans="14:14">
      <c r="N423824" s="10"/>
    </row>
    <row r="423825" spans="14:14">
      <c r="N423825" s="10"/>
    </row>
    <row r="423826" spans="14:14">
      <c r="N423826" s="10"/>
    </row>
    <row r="423827" spans="14:14">
      <c r="N423827" s="10"/>
    </row>
    <row r="423828" spans="14:14">
      <c r="N423828" s="10"/>
    </row>
    <row r="423829" spans="14:14">
      <c r="N423829" s="10"/>
    </row>
    <row r="423830" spans="14:14">
      <c r="N423830" s="10"/>
    </row>
    <row r="423831" spans="14:14">
      <c r="N423831" s="10"/>
    </row>
    <row r="423832" spans="14:14">
      <c r="N423832" s="10"/>
    </row>
    <row r="423833" spans="14:14">
      <c r="N423833" s="10"/>
    </row>
    <row r="423834" spans="14:14">
      <c r="N423834" s="10"/>
    </row>
    <row r="423835" spans="14:14">
      <c r="N423835" s="10"/>
    </row>
    <row r="423836" spans="14:14">
      <c r="N423836" s="10"/>
    </row>
    <row r="423837" spans="14:14">
      <c r="N423837" s="10"/>
    </row>
    <row r="423838" spans="14:14">
      <c r="N423838" s="10"/>
    </row>
    <row r="423839" spans="14:14">
      <c r="N423839" s="10"/>
    </row>
    <row r="423840" spans="14:14">
      <c r="N423840" s="10"/>
    </row>
    <row r="423841" spans="14:14">
      <c r="N423841" s="10"/>
    </row>
    <row r="423842" spans="14:14">
      <c r="N423842" s="10"/>
    </row>
    <row r="423843" spans="14:14">
      <c r="N423843" s="10"/>
    </row>
    <row r="423844" spans="14:14">
      <c r="N423844" s="10"/>
    </row>
    <row r="423845" spans="14:14">
      <c r="N423845" s="10"/>
    </row>
    <row r="423846" spans="14:14">
      <c r="N423846" s="10"/>
    </row>
    <row r="423847" spans="14:14">
      <c r="N423847" s="10"/>
    </row>
    <row r="423848" spans="14:14">
      <c r="N423848" s="10"/>
    </row>
    <row r="423849" spans="14:14">
      <c r="N423849" s="10"/>
    </row>
    <row r="423850" spans="14:14">
      <c r="N423850" s="10"/>
    </row>
    <row r="423851" spans="14:14">
      <c r="N423851" s="10"/>
    </row>
    <row r="423852" spans="14:14">
      <c r="N423852" s="10"/>
    </row>
    <row r="423853" spans="14:14">
      <c r="N423853" s="10"/>
    </row>
    <row r="423854" spans="14:14">
      <c r="N423854" s="10"/>
    </row>
    <row r="423855" spans="14:14">
      <c r="N423855" s="10"/>
    </row>
    <row r="423856" spans="14:14">
      <c r="N423856" s="10"/>
    </row>
    <row r="423857" spans="14:14">
      <c r="N423857" s="10"/>
    </row>
    <row r="423858" spans="14:14">
      <c r="N423858" s="10"/>
    </row>
    <row r="423859" spans="14:14">
      <c r="N423859" s="10"/>
    </row>
    <row r="423860" spans="14:14">
      <c r="N423860" s="10"/>
    </row>
    <row r="423861" spans="14:14">
      <c r="N423861" s="10"/>
    </row>
    <row r="423862" spans="14:14">
      <c r="N423862" s="10"/>
    </row>
    <row r="423863" spans="14:14">
      <c r="N423863" s="10"/>
    </row>
    <row r="423864" spans="14:14">
      <c r="N423864" s="10"/>
    </row>
    <row r="423865" spans="14:14">
      <c r="N423865" s="10"/>
    </row>
    <row r="423866" spans="14:14">
      <c r="N423866" s="10"/>
    </row>
    <row r="423867" spans="14:14">
      <c r="N423867" s="10"/>
    </row>
    <row r="423868" spans="14:14">
      <c r="N423868" s="10"/>
    </row>
    <row r="423869" spans="14:14">
      <c r="N423869" s="10"/>
    </row>
    <row r="423870" spans="14:14">
      <c r="N423870" s="10"/>
    </row>
    <row r="423871" spans="14:14">
      <c r="N423871" s="10"/>
    </row>
    <row r="423872" spans="14:14">
      <c r="N423872" s="10"/>
    </row>
    <row r="423873" spans="14:14">
      <c r="N423873" s="10"/>
    </row>
    <row r="423874" spans="14:14">
      <c r="N423874" s="10"/>
    </row>
    <row r="423875" spans="14:14">
      <c r="N423875" s="10"/>
    </row>
    <row r="423876" spans="14:14">
      <c r="N423876" s="10"/>
    </row>
    <row r="423877" spans="14:14">
      <c r="N423877" s="10"/>
    </row>
    <row r="423878" spans="14:14">
      <c r="N423878" s="10"/>
    </row>
    <row r="423879" spans="14:14">
      <c r="N423879" s="10"/>
    </row>
    <row r="423880" spans="14:14">
      <c r="N423880" s="10"/>
    </row>
    <row r="423881" spans="14:14">
      <c r="N423881" s="10"/>
    </row>
    <row r="423882" spans="14:14">
      <c r="N423882" s="10"/>
    </row>
    <row r="423883" spans="14:14">
      <c r="N423883" s="10"/>
    </row>
    <row r="423884" spans="14:14">
      <c r="N423884" s="10"/>
    </row>
    <row r="423885" spans="14:14">
      <c r="N423885" s="10"/>
    </row>
    <row r="423886" spans="14:14">
      <c r="N423886" s="10"/>
    </row>
    <row r="423887" spans="14:14">
      <c r="N423887" s="10"/>
    </row>
    <row r="423888" spans="14:14">
      <c r="N423888" s="10"/>
    </row>
    <row r="423889" spans="14:14">
      <c r="N423889" s="10"/>
    </row>
    <row r="423890" spans="14:14">
      <c r="N423890" s="10"/>
    </row>
    <row r="423891" spans="14:14">
      <c r="N423891" s="10"/>
    </row>
    <row r="423892" spans="14:14">
      <c r="N423892" s="10"/>
    </row>
    <row r="423893" spans="14:14">
      <c r="N423893" s="10"/>
    </row>
    <row r="423894" spans="14:14">
      <c r="N423894" s="10"/>
    </row>
    <row r="423895" spans="14:14">
      <c r="N423895" s="10"/>
    </row>
    <row r="423896" spans="14:14">
      <c r="N423896" s="10"/>
    </row>
    <row r="423897" spans="14:14">
      <c r="N423897" s="10"/>
    </row>
    <row r="423898" spans="14:14">
      <c r="N423898" s="10"/>
    </row>
    <row r="423899" spans="14:14">
      <c r="N423899" s="10"/>
    </row>
    <row r="423900" spans="14:14">
      <c r="N423900" s="10"/>
    </row>
    <row r="423901" spans="14:14">
      <c r="N423901" s="10"/>
    </row>
    <row r="423902" spans="14:14">
      <c r="N423902" s="10"/>
    </row>
    <row r="423903" spans="14:14">
      <c r="N423903" s="10"/>
    </row>
    <row r="423904" spans="14:14">
      <c r="N423904" s="10"/>
    </row>
    <row r="423905" spans="14:14">
      <c r="N423905" s="10"/>
    </row>
    <row r="423906" spans="14:14">
      <c r="N423906" s="10"/>
    </row>
    <row r="423907" spans="14:14">
      <c r="N423907" s="10"/>
    </row>
    <row r="423908" spans="14:14">
      <c r="N423908" s="10"/>
    </row>
    <row r="423909" spans="14:14">
      <c r="N423909" s="10"/>
    </row>
    <row r="423910" spans="14:14">
      <c r="N423910" s="10"/>
    </row>
    <row r="423911" spans="14:14">
      <c r="N423911" s="10"/>
    </row>
    <row r="423912" spans="14:14">
      <c r="N423912" s="10"/>
    </row>
    <row r="423913" spans="14:14">
      <c r="N423913" s="10"/>
    </row>
    <row r="423914" spans="14:14">
      <c r="N423914" s="10"/>
    </row>
    <row r="423915" spans="14:14">
      <c r="N423915" s="10"/>
    </row>
    <row r="423916" spans="14:14">
      <c r="N423916" s="10"/>
    </row>
    <row r="423917" spans="14:14">
      <c r="N423917" s="10"/>
    </row>
    <row r="423918" spans="14:14">
      <c r="N423918" s="10"/>
    </row>
    <row r="423919" spans="14:14">
      <c r="N423919" s="10"/>
    </row>
    <row r="423920" spans="14:14">
      <c r="N423920" s="10"/>
    </row>
    <row r="423921" spans="14:14">
      <c r="N423921" s="10"/>
    </row>
    <row r="423922" spans="14:14">
      <c r="N423922" s="10"/>
    </row>
    <row r="423923" spans="14:14">
      <c r="N423923" s="10"/>
    </row>
    <row r="423924" spans="14:14">
      <c r="N423924" s="10"/>
    </row>
    <row r="423925" spans="14:14">
      <c r="N423925" s="10"/>
    </row>
    <row r="423926" spans="14:14">
      <c r="N423926" s="10"/>
    </row>
    <row r="423927" spans="14:14">
      <c r="N423927" s="10"/>
    </row>
    <row r="423928" spans="14:14">
      <c r="N423928" s="10"/>
    </row>
    <row r="423929" spans="14:14">
      <c r="N423929" s="10"/>
    </row>
    <row r="423930" spans="14:14">
      <c r="N423930" s="10"/>
    </row>
    <row r="423931" spans="14:14">
      <c r="N423931" s="10"/>
    </row>
    <row r="423932" spans="14:14">
      <c r="N423932" s="10"/>
    </row>
    <row r="423933" spans="14:14">
      <c r="N423933" s="10"/>
    </row>
    <row r="423934" spans="14:14">
      <c r="N423934" s="10"/>
    </row>
    <row r="423935" spans="14:14">
      <c r="N423935" s="10"/>
    </row>
    <row r="423936" spans="14:14">
      <c r="N423936" s="10"/>
    </row>
    <row r="423937" spans="14:14">
      <c r="N423937" s="10"/>
    </row>
    <row r="423938" spans="14:14">
      <c r="N423938" s="10"/>
    </row>
    <row r="423939" spans="14:14">
      <c r="N423939" s="10"/>
    </row>
    <row r="423940" spans="14:14">
      <c r="N423940" s="10"/>
    </row>
    <row r="423941" spans="14:14">
      <c r="N423941" s="10"/>
    </row>
    <row r="423942" spans="14:14">
      <c r="N423942" s="10"/>
    </row>
    <row r="423943" spans="14:14">
      <c r="N423943" s="10"/>
    </row>
    <row r="423944" spans="14:14">
      <c r="N423944" s="10"/>
    </row>
    <row r="423945" spans="14:14">
      <c r="N423945" s="10"/>
    </row>
    <row r="423946" spans="14:14">
      <c r="N423946" s="10"/>
    </row>
    <row r="423947" spans="14:14">
      <c r="N423947" s="10"/>
    </row>
    <row r="423948" spans="14:14">
      <c r="N423948" s="10"/>
    </row>
    <row r="423949" spans="14:14">
      <c r="N423949" s="10"/>
    </row>
    <row r="423950" spans="14:14">
      <c r="N423950" s="10"/>
    </row>
    <row r="423951" spans="14:14">
      <c r="N423951" s="10"/>
    </row>
    <row r="423952" spans="14:14">
      <c r="N423952" s="10"/>
    </row>
    <row r="423953" spans="14:14">
      <c r="N423953" s="10"/>
    </row>
    <row r="423954" spans="14:14">
      <c r="N423954" s="10"/>
    </row>
    <row r="423955" spans="14:14">
      <c r="N423955" s="10"/>
    </row>
    <row r="423956" spans="14:14">
      <c r="N423956" s="10"/>
    </row>
    <row r="423957" spans="14:14">
      <c r="N423957" s="10"/>
    </row>
    <row r="423958" spans="14:14">
      <c r="N423958" s="10"/>
    </row>
    <row r="423959" spans="14:14">
      <c r="N423959" s="10"/>
    </row>
    <row r="423960" spans="14:14">
      <c r="N423960" s="10"/>
    </row>
    <row r="423961" spans="14:14">
      <c r="N423961" s="10"/>
    </row>
    <row r="423962" spans="14:14">
      <c r="N423962" s="10"/>
    </row>
    <row r="423963" spans="14:14">
      <c r="N423963" s="10"/>
    </row>
    <row r="423964" spans="14:14">
      <c r="N423964" s="10"/>
    </row>
    <row r="423965" spans="14:14">
      <c r="N423965" s="10"/>
    </row>
    <row r="423966" spans="14:14">
      <c r="N423966" s="10"/>
    </row>
    <row r="423967" spans="14:14">
      <c r="N423967" s="10"/>
    </row>
    <row r="423968" spans="14:14">
      <c r="N423968" s="10"/>
    </row>
    <row r="423969" spans="14:14">
      <c r="N423969" s="10"/>
    </row>
    <row r="423970" spans="14:14">
      <c r="N423970" s="10"/>
    </row>
    <row r="423971" spans="14:14">
      <c r="N423971" s="10"/>
    </row>
    <row r="423972" spans="14:14">
      <c r="N423972" s="10"/>
    </row>
    <row r="423973" spans="14:14">
      <c r="N423973" s="10"/>
    </row>
    <row r="423974" spans="14:14">
      <c r="N423974" s="10"/>
    </row>
    <row r="423975" spans="14:14">
      <c r="N423975" s="10"/>
    </row>
    <row r="423976" spans="14:14">
      <c r="N423976" s="10"/>
    </row>
    <row r="423977" spans="14:14">
      <c r="N423977" s="10"/>
    </row>
    <row r="423978" spans="14:14">
      <c r="N423978" s="10"/>
    </row>
    <row r="423979" spans="14:14">
      <c r="N423979" s="10"/>
    </row>
    <row r="423980" spans="14:14">
      <c r="N423980" s="10"/>
    </row>
    <row r="423981" spans="14:14">
      <c r="N423981" s="10"/>
    </row>
    <row r="423982" spans="14:14">
      <c r="N423982" s="10"/>
    </row>
    <row r="423983" spans="14:14">
      <c r="N423983" s="10"/>
    </row>
    <row r="423984" spans="14:14">
      <c r="N423984" s="10"/>
    </row>
    <row r="423985" spans="14:14">
      <c r="N423985" s="10"/>
    </row>
    <row r="423986" spans="14:14">
      <c r="N423986" s="10"/>
    </row>
    <row r="423987" spans="14:14">
      <c r="N423987" s="10"/>
    </row>
    <row r="423988" spans="14:14">
      <c r="N423988" s="10"/>
    </row>
    <row r="423989" spans="14:14">
      <c r="N423989" s="10"/>
    </row>
    <row r="423990" spans="14:14">
      <c r="N423990" s="10"/>
    </row>
    <row r="423991" spans="14:14">
      <c r="N423991" s="10"/>
    </row>
    <row r="423992" spans="14:14">
      <c r="N423992" s="10"/>
    </row>
    <row r="423993" spans="14:14">
      <c r="N423993" s="10"/>
    </row>
    <row r="423994" spans="14:14">
      <c r="N423994" s="10"/>
    </row>
    <row r="423995" spans="14:14">
      <c r="N423995" s="10"/>
    </row>
    <row r="423996" spans="14:14">
      <c r="N423996" s="10"/>
    </row>
    <row r="423997" spans="14:14">
      <c r="N423997" s="10"/>
    </row>
    <row r="423998" spans="14:14">
      <c r="N423998" s="10"/>
    </row>
    <row r="423999" spans="14:14">
      <c r="N423999" s="10"/>
    </row>
    <row r="424000" spans="14:14">
      <c r="N424000" s="10"/>
    </row>
    <row r="424001" spans="14:14">
      <c r="N424001" s="10"/>
    </row>
    <row r="424002" spans="14:14">
      <c r="N424002" s="10"/>
    </row>
    <row r="424003" spans="14:14">
      <c r="N424003" s="10"/>
    </row>
    <row r="424004" spans="14:14">
      <c r="N424004" s="10"/>
    </row>
    <row r="424005" spans="14:14">
      <c r="N424005" s="10"/>
    </row>
    <row r="424006" spans="14:14">
      <c r="N424006" s="10"/>
    </row>
    <row r="424007" spans="14:14">
      <c r="N424007" s="10"/>
    </row>
    <row r="424008" spans="14:14">
      <c r="N424008" s="10"/>
    </row>
    <row r="424009" spans="14:14">
      <c r="N424009" s="10"/>
    </row>
    <row r="424010" spans="14:14">
      <c r="N424010" s="10"/>
    </row>
    <row r="424011" spans="14:14">
      <c r="N424011" s="10"/>
    </row>
    <row r="424012" spans="14:14">
      <c r="N424012" s="10"/>
    </row>
    <row r="424013" spans="14:14">
      <c r="N424013" s="10"/>
    </row>
    <row r="424014" spans="14:14">
      <c r="N424014" s="10"/>
    </row>
    <row r="424015" spans="14:14">
      <c r="N424015" s="10"/>
    </row>
    <row r="424016" spans="14:14">
      <c r="N424016" s="10"/>
    </row>
    <row r="424017" spans="14:14">
      <c r="N424017" s="10"/>
    </row>
    <row r="424018" spans="14:14">
      <c r="N424018" s="10"/>
    </row>
    <row r="424019" spans="14:14">
      <c r="N424019" s="10"/>
    </row>
    <row r="424020" spans="14:14">
      <c r="N424020" s="10"/>
    </row>
    <row r="424021" spans="14:14">
      <c r="N424021" s="10"/>
    </row>
    <row r="424022" spans="14:14">
      <c r="N424022" s="10"/>
    </row>
    <row r="424023" spans="14:14">
      <c r="N424023" s="10"/>
    </row>
    <row r="424024" spans="14:14">
      <c r="N424024" s="10"/>
    </row>
    <row r="424025" spans="14:14">
      <c r="N424025" s="10"/>
    </row>
    <row r="424026" spans="14:14">
      <c r="N424026" s="10"/>
    </row>
    <row r="424027" spans="14:14">
      <c r="N424027" s="10"/>
    </row>
    <row r="424028" spans="14:14">
      <c r="N424028" s="10"/>
    </row>
    <row r="424029" spans="14:14">
      <c r="N424029" s="10"/>
    </row>
    <row r="424030" spans="14:14">
      <c r="N424030" s="10"/>
    </row>
    <row r="424031" spans="14:14">
      <c r="N424031" s="10"/>
    </row>
    <row r="424032" spans="14:14">
      <c r="N424032" s="10"/>
    </row>
    <row r="424033" spans="14:14">
      <c r="N424033" s="10"/>
    </row>
    <row r="424034" spans="14:14">
      <c r="N424034" s="10"/>
    </row>
    <row r="424035" spans="14:14">
      <c r="N424035" s="10"/>
    </row>
    <row r="424036" spans="14:14">
      <c r="N424036" s="10"/>
    </row>
    <row r="424037" spans="14:14">
      <c r="N424037" s="10"/>
    </row>
    <row r="424038" spans="14:14">
      <c r="N424038" s="10"/>
    </row>
    <row r="424039" spans="14:14">
      <c r="N424039" s="10"/>
    </row>
    <row r="424040" spans="14:14">
      <c r="N424040" s="10"/>
    </row>
    <row r="424041" spans="14:14">
      <c r="N424041" s="10"/>
    </row>
    <row r="424042" spans="14:14">
      <c r="N424042" s="10"/>
    </row>
    <row r="424043" spans="14:14">
      <c r="N424043" s="10"/>
    </row>
    <row r="424044" spans="14:14">
      <c r="N424044" s="10"/>
    </row>
    <row r="424045" spans="14:14">
      <c r="N424045" s="10"/>
    </row>
    <row r="424046" spans="14:14">
      <c r="N424046" s="10"/>
    </row>
    <row r="424047" spans="14:14">
      <c r="N424047" s="10"/>
    </row>
    <row r="424048" spans="14:14">
      <c r="N424048" s="10"/>
    </row>
    <row r="424049" spans="14:14">
      <c r="N424049" s="10"/>
    </row>
    <row r="424050" spans="14:14">
      <c r="N424050" s="10"/>
    </row>
    <row r="424051" spans="14:14">
      <c r="N424051" s="10"/>
    </row>
    <row r="424052" spans="14:14">
      <c r="N424052" s="10"/>
    </row>
    <row r="424053" spans="14:14">
      <c r="N424053" s="10"/>
    </row>
    <row r="424054" spans="14:14">
      <c r="N424054" s="10"/>
    </row>
    <row r="424055" spans="14:14">
      <c r="N424055" s="10"/>
    </row>
    <row r="424056" spans="14:14">
      <c r="N424056" s="10"/>
    </row>
    <row r="424057" spans="14:14">
      <c r="N424057" s="10"/>
    </row>
    <row r="424058" spans="14:14">
      <c r="N424058" s="10"/>
    </row>
    <row r="424059" spans="14:14">
      <c r="N424059" s="10"/>
    </row>
    <row r="424060" spans="14:14">
      <c r="N424060" s="10"/>
    </row>
    <row r="424061" spans="14:14">
      <c r="N424061" s="10"/>
    </row>
    <row r="424062" spans="14:14">
      <c r="N424062" s="10"/>
    </row>
    <row r="424063" spans="14:14">
      <c r="N424063" s="10"/>
    </row>
    <row r="424064" spans="14:14">
      <c r="N424064" s="10"/>
    </row>
    <row r="424065" spans="14:14">
      <c r="N424065" s="10"/>
    </row>
    <row r="424066" spans="14:14">
      <c r="N424066" s="10"/>
    </row>
    <row r="424067" spans="14:14">
      <c r="N424067" s="10"/>
    </row>
    <row r="424068" spans="14:14">
      <c r="N424068" s="10"/>
    </row>
    <row r="424069" spans="14:14">
      <c r="N424069" s="10"/>
    </row>
    <row r="424070" spans="14:14">
      <c r="N424070" s="10"/>
    </row>
    <row r="424071" spans="14:14">
      <c r="N424071" s="10"/>
    </row>
    <row r="424072" spans="14:14">
      <c r="N424072" s="10"/>
    </row>
    <row r="424073" spans="14:14">
      <c r="N424073" s="10"/>
    </row>
    <row r="424074" spans="14:14">
      <c r="N424074" s="10"/>
    </row>
    <row r="424075" spans="14:14">
      <c r="N424075" s="10"/>
    </row>
    <row r="424076" spans="14:14">
      <c r="N424076" s="10"/>
    </row>
    <row r="424077" spans="14:14">
      <c r="N424077" s="10"/>
    </row>
    <row r="424078" spans="14:14">
      <c r="N424078" s="10"/>
    </row>
    <row r="424079" spans="14:14">
      <c r="N424079" s="10"/>
    </row>
    <row r="424080" spans="14:14">
      <c r="N424080" s="10"/>
    </row>
    <row r="424081" spans="14:14">
      <c r="N424081" s="10"/>
    </row>
    <row r="424082" spans="14:14">
      <c r="N424082" s="10"/>
    </row>
    <row r="424083" spans="14:14">
      <c r="N424083" s="10"/>
    </row>
    <row r="424084" spans="14:14">
      <c r="N424084" s="10"/>
    </row>
    <row r="424085" spans="14:14">
      <c r="N424085" s="10"/>
    </row>
    <row r="424086" spans="14:14">
      <c r="N424086" s="10"/>
    </row>
    <row r="424087" spans="14:14">
      <c r="N424087" s="10"/>
    </row>
    <row r="424088" spans="14:14">
      <c r="N424088" s="10"/>
    </row>
    <row r="424089" spans="14:14">
      <c r="N424089" s="10"/>
    </row>
    <row r="424090" spans="14:14">
      <c r="N424090" s="10"/>
    </row>
    <row r="424091" spans="14:14">
      <c r="N424091" s="10"/>
    </row>
    <row r="424092" spans="14:14">
      <c r="N424092" s="10"/>
    </row>
    <row r="424093" spans="14:14">
      <c r="N424093" s="10"/>
    </row>
    <row r="424094" spans="14:14">
      <c r="N424094" s="10"/>
    </row>
    <row r="424095" spans="14:14">
      <c r="N424095" s="10"/>
    </row>
    <row r="424096" spans="14:14">
      <c r="N424096" s="10"/>
    </row>
    <row r="424097" spans="14:14">
      <c r="N424097" s="10"/>
    </row>
    <row r="424098" spans="14:14">
      <c r="N424098" s="10"/>
    </row>
    <row r="424099" spans="14:14">
      <c r="N424099" s="10"/>
    </row>
    <row r="424100" spans="14:14">
      <c r="N424100" s="10"/>
    </row>
    <row r="424101" spans="14:14">
      <c r="N424101" s="10"/>
    </row>
    <row r="424102" spans="14:14">
      <c r="N424102" s="10"/>
    </row>
    <row r="424103" spans="14:14">
      <c r="N424103" s="10"/>
    </row>
    <row r="424104" spans="14:14">
      <c r="N424104" s="10"/>
    </row>
    <row r="424105" spans="14:14">
      <c r="N424105" s="10"/>
    </row>
    <row r="424106" spans="14:14">
      <c r="N424106" s="10"/>
    </row>
    <row r="424107" spans="14:14">
      <c r="N424107" s="10"/>
    </row>
    <row r="424108" spans="14:14">
      <c r="N424108" s="10"/>
    </row>
    <row r="424109" spans="14:14">
      <c r="N424109" s="10"/>
    </row>
    <row r="424110" spans="14:14">
      <c r="N424110" s="10"/>
    </row>
    <row r="424111" spans="14:14">
      <c r="N424111" s="10"/>
    </row>
    <row r="424112" spans="14:14">
      <c r="N424112" s="10"/>
    </row>
    <row r="424113" spans="14:14">
      <c r="N424113" s="10"/>
    </row>
    <row r="424114" spans="14:14">
      <c r="N424114" s="10"/>
    </row>
    <row r="424115" spans="14:14">
      <c r="N424115" s="10"/>
    </row>
    <row r="424116" spans="14:14">
      <c r="N424116" s="10"/>
    </row>
    <row r="424117" spans="14:14">
      <c r="N424117" s="10"/>
    </row>
    <row r="424118" spans="14:14">
      <c r="N424118" s="10"/>
    </row>
    <row r="424119" spans="14:14">
      <c r="N424119" s="10"/>
    </row>
    <row r="424120" spans="14:14">
      <c r="N424120" s="10"/>
    </row>
    <row r="424121" spans="14:14">
      <c r="N424121" s="10"/>
    </row>
    <row r="424122" spans="14:14">
      <c r="N424122" s="10"/>
    </row>
    <row r="424123" spans="14:14">
      <c r="N424123" s="10"/>
    </row>
    <row r="424124" spans="14:14">
      <c r="N424124" s="10"/>
    </row>
    <row r="424125" spans="14:14">
      <c r="N424125" s="10"/>
    </row>
    <row r="424126" spans="14:14">
      <c r="N424126" s="10"/>
    </row>
    <row r="424127" spans="14:14">
      <c r="N424127" s="10"/>
    </row>
    <row r="424128" spans="14:14">
      <c r="N424128" s="10"/>
    </row>
    <row r="424129" spans="14:14">
      <c r="N424129" s="10"/>
    </row>
    <row r="424130" spans="14:14">
      <c r="N424130" s="10"/>
    </row>
    <row r="424131" spans="14:14">
      <c r="N424131" s="10"/>
    </row>
    <row r="424132" spans="14:14">
      <c r="N424132" s="10"/>
    </row>
    <row r="424133" spans="14:14">
      <c r="N424133" s="10"/>
    </row>
    <row r="424134" spans="14:14">
      <c r="N424134" s="10"/>
    </row>
    <row r="424135" spans="14:14">
      <c r="N424135" s="10"/>
    </row>
    <row r="424136" spans="14:14">
      <c r="N424136" s="10"/>
    </row>
    <row r="424137" spans="14:14">
      <c r="N424137" s="10"/>
    </row>
    <row r="424138" spans="14:14">
      <c r="N424138" s="10"/>
    </row>
    <row r="424139" spans="14:14">
      <c r="N424139" s="10"/>
    </row>
    <row r="424140" spans="14:14">
      <c r="N424140" s="10"/>
    </row>
    <row r="424141" spans="14:14">
      <c r="N424141" s="10"/>
    </row>
    <row r="424142" spans="14:14">
      <c r="N424142" s="10"/>
    </row>
    <row r="424143" spans="14:14">
      <c r="N424143" s="10"/>
    </row>
    <row r="424144" spans="14:14">
      <c r="N424144" s="10"/>
    </row>
    <row r="424145" spans="14:14">
      <c r="N424145" s="10"/>
    </row>
    <row r="424146" spans="14:14">
      <c r="N424146" s="10"/>
    </row>
    <row r="424147" spans="14:14">
      <c r="N424147" s="10"/>
    </row>
    <row r="424148" spans="14:14">
      <c r="N424148" s="10"/>
    </row>
    <row r="424149" spans="14:14">
      <c r="N424149" s="10"/>
    </row>
    <row r="424150" spans="14:14">
      <c r="N424150" s="10"/>
    </row>
    <row r="424151" spans="14:14">
      <c r="N424151" s="10"/>
    </row>
    <row r="424152" spans="14:14">
      <c r="N424152" s="10"/>
    </row>
    <row r="424153" spans="14:14">
      <c r="N424153" s="10"/>
    </row>
    <row r="424154" spans="14:14">
      <c r="N424154" s="10"/>
    </row>
    <row r="424155" spans="14:14">
      <c r="N424155" s="10"/>
    </row>
    <row r="424156" spans="14:14">
      <c r="N424156" s="10"/>
    </row>
    <row r="424157" spans="14:14">
      <c r="N424157" s="10"/>
    </row>
    <row r="424158" spans="14:14">
      <c r="N424158" s="10"/>
    </row>
    <row r="424159" spans="14:14">
      <c r="N424159" s="10"/>
    </row>
    <row r="424160" spans="14:14">
      <c r="N424160" s="10"/>
    </row>
    <row r="424161" spans="14:14">
      <c r="N424161" s="10"/>
    </row>
    <row r="424162" spans="14:14">
      <c r="N424162" s="10"/>
    </row>
    <row r="424163" spans="14:14">
      <c r="N424163" s="10"/>
    </row>
    <row r="424164" spans="14:14">
      <c r="N424164" s="10"/>
    </row>
    <row r="424165" spans="14:14">
      <c r="N424165" s="10"/>
    </row>
    <row r="424166" spans="14:14">
      <c r="N424166" s="10"/>
    </row>
    <row r="424167" spans="14:14">
      <c r="N424167" s="10"/>
    </row>
    <row r="424168" spans="14:14">
      <c r="N424168" s="10"/>
    </row>
    <row r="424169" spans="14:14">
      <c r="N424169" s="10"/>
    </row>
    <row r="424170" spans="14:14">
      <c r="N424170" s="10"/>
    </row>
    <row r="424171" spans="14:14">
      <c r="N424171" s="10"/>
    </row>
    <row r="424172" spans="14:14">
      <c r="N424172" s="10"/>
    </row>
    <row r="424173" spans="14:14">
      <c r="N424173" s="10"/>
    </row>
    <row r="424174" spans="14:14">
      <c r="N424174" s="10"/>
    </row>
    <row r="424175" spans="14:14">
      <c r="N424175" s="10"/>
    </row>
    <row r="424176" spans="14:14">
      <c r="N424176" s="10"/>
    </row>
    <row r="424177" spans="14:14">
      <c r="N424177" s="10"/>
    </row>
    <row r="424178" spans="14:14">
      <c r="N424178" s="10"/>
    </row>
    <row r="424179" spans="14:14">
      <c r="N424179" s="10"/>
    </row>
    <row r="424180" spans="14:14">
      <c r="N424180" s="10"/>
    </row>
    <row r="424181" spans="14:14">
      <c r="N424181" s="10"/>
    </row>
    <row r="424182" spans="14:14">
      <c r="N424182" s="10"/>
    </row>
    <row r="424183" spans="14:14">
      <c r="N424183" s="10"/>
    </row>
    <row r="424184" spans="14:14">
      <c r="N424184" s="10"/>
    </row>
    <row r="424185" spans="14:14">
      <c r="N424185" s="10"/>
    </row>
    <row r="424186" spans="14:14">
      <c r="N424186" s="10"/>
    </row>
    <row r="424187" spans="14:14">
      <c r="N424187" s="10"/>
    </row>
    <row r="424188" spans="14:14">
      <c r="N424188" s="10"/>
    </row>
    <row r="424189" spans="14:14">
      <c r="N424189" s="10"/>
    </row>
    <row r="424190" spans="14:14">
      <c r="N424190" s="10"/>
    </row>
    <row r="424191" spans="14:14">
      <c r="N424191" s="10"/>
    </row>
    <row r="424192" spans="14:14">
      <c r="N424192" s="10"/>
    </row>
    <row r="424193" spans="14:14">
      <c r="N424193" s="10"/>
    </row>
    <row r="424194" spans="14:14">
      <c r="N424194" s="10"/>
    </row>
    <row r="424195" spans="14:14">
      <c r="N424195" s="10"/>
    </row>
    <row r="424196" spans="14:14">
      <c r="N424196" s="10"/>
    </row>
    <row r="424197" spans="14:14">
      <c r="N424197" s="10"/>
    </row>
    <row r="424198" spans="14:14">
      <c r="N424198" s="10"/>
    </row>
    <row r="424199" spans="14:14">
      <c r="N424199" s="10"/>
    </row>
    <row r="424200" spans="14:14">
      <c r="N424200" s="10"/>
    </row>
    <row r="424201" spans="14:14">
      <c r="N424201" s="10"/>
    </row>
    <row r="424202" spans="14:14">
      <c r="N424202" s="10"/>
    </row>
    <row r="424203" spans="14:14">
      <c r="N424203" s="10"/>
    </row>
    <row r="424204" spans="14:14">
      <c r="N424204" s="10"/>
    </row>
    <row r="424205" spans="14:14">
      <c r="N424205" s="10"/>
    </row>
    <row r="424206" spans="14:14">
      <c r="N424206" s="10"/>
    </row>
    <row r="424207" spans="14:14">
      <c r="N424207" s="10"/>
    </row>
    <row r="424208" spans="14:14">
      <c r="N424208" s="10"/>
    </row>
    <row r="424209" spans="14:14">
      <c r="N424209" s="10"/>
    </row>
    <row r="424210" spans="14:14">
      <c r="N424210" s="10"/>
    </row>
    <row r="424211" spans="14:14">
      <c r="N424211" s="10"/>
    </row>
    <row r="424212" spans="14:14">
      <c r="N424212" s="10"/>
    </row>
    <row r="424213" spans="14:14">
      <c r="N424213" s="10"/>
    </row>
    <row r="424214" spans="14:14">
      <c r="N424214" s="10"/>
    </row>
    <row r="424215" spans="14:14">
      <c r="N424215" s="10"/>
    </row>
    <row r="424216" spans="14:14">
      <c r="N424216" s="10"/>
    </row>
    <row r="424217" spans="14:14">
      <c r="N424217" s="10"/>
    </row>
    <row r="424218" spans="14:14">
      <c r="N424218" s="10"/>
    </row>
    <row r="424219" spans="14:14">
      <c r="N424219" s="10"/>
    </row>
    <row r="424220" spans="14:14">
      <c r="N424220" s="10"/>
    </row>
    <row r="424221" spans="14:14">
      <c r="N424221" s="10"/>
    </row>
    <row r="424222" spans="14:14">
      <c r="N424222" s="10"/>
    </row>
    <row r="424223" spans="14:14">
      <c r="N424223" s="10"/>
    </row>
    <row r="424224" spans="14:14">
      <c r="N424224" s="10"/>
    </row>
    <row r="424225" spans="14:14">
      <c r="N424225" s="10"/>
    </row>
    <row r="424226" spans="14:14">
      <c r="N424226" s="10"/>
    </row>
    <row r="424227" spans="14:14">
      <c r="N424227" s="10"/>
    </row>
    <row r="424228" spans="14:14">
      <c r="N424228" s="10"/>
    </row>
    <row r="424229" spans="14:14">
      <c r="N424229" s="10"/>
    </row>
    <row r="424230" spans="14:14">
      <c r="N424230" s="10"/>
    </row>
    <row r="424231" spans="14:14">
      <c r="N424231" s="10"/>
    </row>
    <row r="424232" spans="14:14">
      <c r="N424232" s="10"/>
    </row>
    <row r="424233" spans="14:14">
      <c r="N424233" s="10"/>
    </row>
    <row r="424234" spans="14:14">
      <c r="N424234" s="10"/>
    </row>
    <row r="424235" spans="14:14">
      <c r="N424235" s="10"/>
    </row>
    <row r="424236" spans="14:14">
      <c r="N424236" s="10"/>
    </row>
    <row r="424237" spans="14:14">
      <c r="N424237" s="10"/>
    </row>
    <row r="424238" spans="14:14">
      <c r="N424238" s="10"/>
    </row>
    <row r="424239" spans="14:14">
      <c r="N424239" s="10"/>
    </row>
    <row r="424240" spans="14:14">
      <c r="N424240" s="10"/>
    </row>
    <row r="424241" spans="14:14">
      <c r="N424241" s="10"/>
    </row>
    <row r="424242" spans="14:14">
      <c r="N424242" s="10"/>
    </row>
    <row r="424243" spans="14:14">
      <c r="N424243" s="10"/>
    </row>
    <row r="424244" spans="14:14">
      <c r="N424244" s="10"/>
    </row>
    <row r="424245" spans="14:14">
      <c r="N424245" s="10"/>
    </row>
    <row r="424246" spans="14:14">
      <c r="N424246" s="10"/>
    </row>
    <row r="424247" spans="14:14">
      <c r="N424247" s="10"/>
    </row>
    <row r="424248" spans="14:14">
      <c r="N424248" s="10"/>
    </row>
    <row r="424249" spans="14:14">
      <c r="N424249" s="10"/>
    </row>
    <row r="424250" spans="14:14">
      <c r="N424250" s="10"/>
    </row>
    <row r="424251" spans="14:14">
      <c r="N424251" s="10"/>
    </row>
    <row r="424252" spans="14:14">
      <c r="N424252" s="10"/>
    </row>
    <row r="424253" spans="14:14">
      <c r="N424253" s="10"/>
    </row>
    <row r="424254" spans="14:14">
      <c r="N424254" s="10"/>
    </row>
    <row r="424255" spans="14:14">
      <c r="N424255" s="10"/>
    </row>
    <row r="424256" spans="14:14">
      <c r="N424256" s="10"/>
    </row>
    <row r="424257" spans="14:14">
      <c r="N424257" s="10"/>
    </row>
    <row r="424258" spans="14:14">
      <c r="N424258" s="10"/>
    </row>
    <row r="424259" spans="14:14">
      <c r="N424259" s="10"/>
    </row>
    <row r="424260" spans="14:14">
      <c r="N424260" s="10"/>
    </row>
    <row r="424261" spans="14:14">
      <c r="N424261" s="10"/>
    </row>
    <row r="424262" spans="14:14">
      <c r="N424262" s="10"/>
    </row>
    <row r="424263" spans="14:14">
      <c r="N424263" s="10"/>
    </row>
    <row r="424264" spans="14:14">
      <c r="N424264" s="10"/>
    </row>
    <row r="424265" spans="14:14">
      <c r="N424265" s="10"/>
    </row>
    <row r="424266" spans="14:14">
      <c r="N424266" s="10"/>
    </row>
    <row r="424267" spans="14:14">
      <c r="N424267" s="10"/>
    </row>
    <row r="424268" spans="14:14">
      <c r="N424268" s="10"/>
    </row>
    <row r="424269" spans="14:14">
      <c r="N424269" s="10"/>
    </row>
    <row r="424270" spans="14:14">
      <c r="N424270" s="10"/>
    </row>
    <row r="424271" spans="14:14">
      <c r="N424271" s="10"/>
    </row>
    <row r="424272" spans="14:14">
      <c r="N424272" s="10"/>
    </row>
    <row r="424273" spans="14:14">
      <c r="N424273" s="10"/>
    </row>
    <row r="424274" spans="14:14">
      <c r="N424274" s="10"/>
    </row>
    <row r="424275" spans="14:14">
      <c r="N424275" s="10"/>
    </row>
    <row r="424276" spans="14:14">
      <c r="N424276" s="10"/>
    </row>
    <row r="424277" spans="14:14">
      <c r="N424277" s="10"/>
    </row>
    <row r="424278" spans="14:14">
      <c r="N424278" s="10"/>
    </row>
    <row r="424279" spans="14:14">
      <c r="N424279" s="10"/>
    </row>
    <row r="424280" spans="14:14">
      <c r="N424280" s="10"/>
    </row>
    <row r="424281" spans="14:14">
      <c r="N424281" s="10"/>
    </row>
    <row r="424282" spans="14:14">
      <c r="N424282" s="10"/>
    </row>
    <row r="424283" spans="14:14">
      <c r="N424283" s="10"/>
    </row>
    <row r="424284" spans="14:14">
      <c r="N424284" s="10"/>
    </row>
    <row r="424285" spans="14:14">
      <c r="N424285" s="10"/>
    </row>
    <row r="424286" spans="14:14">
      <c r="N424286" s="10"/>
    </row>
    <row r="424287" spans="14:14">
      <c r="N424287" s="10"/>
    </row>
    <row r="424288" spans="14:14">
      <c r="N424288" s="10"/>
    </row>
    <row r="424289" spans="14:14">
      <c r="N424289" s="10"/>
    </row>
    <row r="424290" spans="14:14">
      <c r="N424290" s="10"/>
    </row>
    <row r="424291" spans="14:14">
      <c r="N424291" s="10"/>
    </row>
    <row r="424292" spans="14:14">
      <c r="N424292" s="10"/>
    </row>
    <row r="424293" spans="14:14">
      <c r="N424293" s="10"/>
    </row>
    <row r="424294" spans="14:14">
      <c r="N424294" s="10"/>
    </row>
    <row r="424295" spans="14:14">
      <c r="N424295" s="10"/>
    </row>
    <row r="424296" spans="14:14">
      <c r="N424296" s="10"/>
    </row>
    <row r="424297" spans="14:14">
      <c r="N424297" s="10"/>
    </row>
    <row r="424298" spans="14:14">
      <c r="N424298" s="10"/>
    </row>
    <row r="424299" spans="14:14">
      <c r="N424299" s="10"/>
    </row>
    <row r="424300" spans="14:14">
      <c r="N424300" s="10"/>
    </row>
    <row r="424301" spans="14:14">
      <c r="N424301" s="10"/>
    </row>
    <row r="424302" spans="14:14">
      <c r="N424302" s="10"/>
    </row>
    <row r="424303" spans="14:14">
      <c r="N424303" s="10"/>
    </row>
    <row r="424304" spans="14:14">
      <c r="N424304" s="10"/>
    </row>
    <row r="424305" spans="14:14">
      <c r="N424305" s="10"/>
    </row>
    <row r="424306" spans="14:14">
      <c r="N424306" s="10"/>
    </row>
    <row r="424307" spans="14:14">
      <c r="N424307" s="10"/>
    </row>
    <row r="424308" spans="14:14">
      <c r="N424308" s="10"/>
    </row>
    <row r="424309" spans="14:14">
      <c r="N424309" s="10"/>
    </row>
    <row r="424310" spans="14:14">
      <c r="N424310" s="10"/>
    </row>
    <row r="424311" spans="14:14">
      <c r="N424311" s="10"/>
    </row>
    <row r="424312" spans="14:14">
      <c r="N424312" s="10"/>
    </row>
    <row r="424313" spans="14:14">
      <c r="N424313" s="10"/>
    </row>
    <row r="424314" spans="14:14">
      <c r="N424314" s="10"/>
    </row>
    <row r="424315" spans="14:14">
      <c r="N424315" s="10"/>
    </row>
    <row r="424316" spans="14:14">
      <c r="N424316" s="10"/>
    </row>
    <row r="424317" spans="14:14">
      <c r="N424317" s="10"/>
    </row>
    <row r="424318" spans="14:14">
      <c r="N424318" s="10"/>
    </row>
    <row r="424319" spans="14:14">
      <c r="N424319" s="10"/>
    </row>
    <row r="424320" spans="14:14">
      <c r="N424320" s="10"/>
    </row>
    <row r="424321" spans="14:14">
      <c r="N424321" s="10"/>
    </row>
    <row r="424322" spans="14:14">
      <c r="N424322" s="10"/>
    </row>
    <row r="424323" spans="14:14">
      <c r="N424323" s="10"/>
    </row>
    <row r="424324" spans="14:14">
      <c r="N424324" s="10"/>
    </row>
    <row r="424325" spans="14:14">
      <c r="N424325" s="10"/>
    </row>
    <row r="424326" spans="14:14">
      <c r="N424326" s="10"/>
    </row>
    <row r="424327" spans="14:14">
      <c r="N424327" s="10"/>
    </row>
    <row r="424328" spans="14:14">
      <c r="N424328" s="10"/>
    </row>
    <row r="424329" spans="14:14">
      <c r="N424329" s="10"/>
    </row>
    <row r="424330" spans="14:14">
      <c r="N424330" s="10"/>
    </row>
    <row r="424331" spans="14:14">
      <c r="N424331" s="10"/>
    </row>
    <row r="424332" spans="14:14">
      <c r="N424332" s="10"/>
    </row>
    <row r="424333" spans="14:14">
      <c r="N424333" s="10"/>
    </row>
    <row r="424334" spans="14:14">
      <c r="N424334" s="10"/>
    </row>
    <row r="424335" spans="14:14">
      <c r="N424335" s="10"/>
    </row>
    <row r="424336" spans="14:14">
      <c r="N424336" s="10"/>
    </row>
    <row r="424337" spans="14:14">
      <c r="N424337" s="10"/>
    </row>
    <row r="424338" spans="14:14">
      <c r="N424338" s="10"/>
    </row>
    <row r="424339" spans="14:14">
      <c r="N424339" s="10"/>
    </row>
    <row r="424340" spans="14:14">
      <c r="N424340" s="10"/>
    </row>
    <row r="424341" spans="14:14">
      <c r="N424341" s="10"/>
    </row>
    <row r="424342" spans="14:14">
      <c r="N424342" s="10"/>
    </row>
    <row r="424343" spans="14:14">
      <c r="N424343" s="10"/>
    </row>
    <row r="424344" spans="14:14">
      <c r="N424344" s="10"/>
    </row>
    <row r="424345" spans="14:14">
      <c r="N424345" s="10"/>
    </row>
    <row r="424346" spans="14:14">
      <c r="N424346" s="10"/>
    </row>
    <row r="424347" spans="14:14">
      <c r="N424347" s="10"/>
    </row>
    <row r="424348" spans="14:14">
      <c r="N424348" s="10"/>
    </row>
    <row r="424349" spans="14:14">
      <c r="N424349" s="10"/>
    </row>
    <row r="424350" spans="14:14">
      <c r="N424350" s="10"/>
    </row>
    <row r="424351" spans="14:14">
      <c r="N424351" s="10"/>
    </row>
    <row r="424352" spans="14:14">
      <c r="N424352" s="10"/>
    </row>
    <row r="424353" spans="14:14">
      <c r="N424353" s="10"/>
    </row>
    <row r="424354" spans="14:14">
      <c r="N424354" s="10"/>
    </row>
    <row r="424355" spans="14:14">
      <c r="N424355" s="10"/>
    </row>
    <row r="424356" spans="14:14">
      <c r="N424356" s="10"/>
    </row>
    <row r="424357" spans="14:14">
      <c r="N424357" s="10"/>
    </row>
    <row r="424358" spans="14:14">
      <c r="N424358" s="10"/>
    </row>
    <row r="424359" spans="14:14">
      <c r="N424359" s="10"/>
    </row>
    <row r="424360" spans="14:14">
      <c r="N424360" s="10"/>
    </row>
    <row r="424361" spans="14:14">
      <c r="N424361" s="10"/>
    </row>
    <row r="424362" spans="14:14">
      <c r="N424362" s="10"/>
    </row>
    <row r="424363" spans="14:14">
      <c r="N424363" s="10"/>
    </row>
    <row r="424364" spans="14:14">
      <c r="N424364" s="10"/>
    </row>
    <row r="424365" spans="14:14">
      <c r="N424365" s="10"/>
    </row>
    <row r="424366" spans="14:14">
      <c r="N424366" s="10"/>
    </row>
    <row r="424367" spans="14:14">
      <c r="N424367" s="10"/>
    </row>
    <row r="424368" spans="14:14">
      <c r="N424368" s="10"/>
    </row>
    <row r="424369" spans="14:14">
      <c r="N424369" s="10"/>
    </row>
    <row r="424370" spans="14:14">
      <c r="N424370" s="10"/>
    </row>
    <row r="424371" spans="14:14">
      <c r="N424371" s="10"/>
    </row>
    <row r="424372" spans="14:14">
      <c r="N424372" s="10"/>
    </row>
    <row r="424373" spans="14:14">
      <c r="N424373" s="10"/>
    </row>
    <row r="424374" spans="14:14">
      <c r="N424374" s="10"/>
    </row>
    <row r="424375" spans="14:14">
      <c r="N424375" s="10"/>
    </row>
    <row r="424376" spans="14:14">
      <c r="N424376" s="10"/>
    </row>
    <row r="424377" spans="14:14">
      <c r="N424377" s="10"/>
    </row>
    <row r="424378" spans="14:14">
      <c r="N424378" s="10"/>
    </row>
    <row r="424379" spans="14:14">
      <c r="N424379" s="10"/>
    </row>
    <row r="424380" spans="14:14">
      <c r="N424380" s="10"/>
    </row>
    <row r="424381" spans="14:14">
      <c r="N424381" s="10"/>
    </row>
    <row r="424382" spans="14:14">
      <c r="N424382" s="10"/>
    </row>
    <row r="424383" spans="14:14">
      <c r="N424383" s="10"/>
    </row>
    <row r="424384" spans="14:14">
      <c r="N424384" s="10"/>
    </row>
    <row r="424385" spans="14:14">
      <c r="N424385" s="10"/>
    </row>
    <row r="424386" spans="14:14">
      <c r="N424386" s="10"/>
    </row>
    <row r="424387" spans="14:14">
      <c r="N424387" s="10"/>
    </row>
    <row r="424388" spans="14:14">
      <c r="N424388" s="10"/>
    </row>
    <row r="424389" spans="14:14">
      <c r="N424389" s="10"/>
    </row>
    <row r="424390" spans="14:14">
      <c r="N424390" s="10"/>
    </row>
    <row r="424391" spans="14:14">
      <c r="N424391" s="10"/>
    </row>
    <row r="424392" spans="14:14">
      <c r="N424392" s="10"/>
    </row>
    <row r="424393" spans="14:14">
      <c r="N424393" s="10"/>
    </row>
    <row r="424394" spans="14:14">
      <c r="N424394" s="10"/>
    </row>
    <row r="424395" spans="14:14">
      <c r="N424395" s="10"/>
    </row>
    <row r="424396" spans="14:14">
      <c r="N424396" s="10"/>
    </row>
    <row r="424397" spans="14:14">
      <c r="N424397" s="10"/>
    </row>
    <row r="424398" spans="14:14">
      <c r="N424398" s="10"/>
    </row>
    <row r="424399" spans="14:14">
      <c r="N424399" s="10"/>
    </row>
    <row r="424400" spans="14:14">
      <c r="N424400" s="10"/>
    </row>
    <row r="424401" spans="14:14">
      <c r="N424401" s="10"/>
    </row>
    <row r="424402" spans="14:14">
      <c r="N424402" s="10"/>
    </row>
    <row r="424403" spans="14:14">
      <c r="N424403" s="10"/>
    </row>
    <row r="424404" spans="14:14">
      <c r="N424404" s="10"/>
    </row>
    <row r="424405" spans="14:14">
      <c r="N424405" s="10"/>
    </row>
    <row r="424406" spans="14:14">
      <c r="N424406" s="10"/>
    </row>
    <row r="424407" spans="14:14">
      <c r="N424407" s="10"/>
    </row>
    <row r="424408" spans="14:14">
      <c r="N424408" s="10"/>
    </row>
    <row r="424409" spans="14:14">
      <c r="N424409" s="10"/>
    </row>
    <row r="424410" spans="14:14">
      <c r="N424410" s="10"/>
    </row>
    <row r="424411" spans="14:14">
      <c r="N424411" s="10"/>
    </row>
    <row r="424412" spans="14:14">
      <c r="N424412" s="10"/>
    </row>
    <row r="424413" spans="14:14">
      <c r="N424413" s="10"/>
    </row>
    <row r="424414" spans="14:14">
      <c r="N424414" s="10"/>
    </row>
    <row r="424415" spans="14:14">
      <c r="N424415" s="10"/>
    </row>
    <row r="424416" spans="14:14">
      <c r="N424416" s="10"/>
    </row>
    <row r="424417" spans="14:14">
      <c r="N424417" s="10"/>
    </row>
    <row r="424418" spans="14:14">
      <c r="N424418" s="10"/>
    </row>
    <row r="424419" spans="14:14">
      <c r="N424419" s="10"/>
    </row>
    <row r="424420" spans="14:14">
      <c r="N424420" s="10"/>
    </row>
    <row r="424421" spans="14:14">
      <c r="N424421" s="10"/>
    </row>
    <row r="424422" spans="14:14">
      <c r="N424422" s="10"/>
    </row>
    <row r="424423" spans="14:14">
      <c r="N424423" s="10"/>
    </row>
    <row r="424424" spans="14:14">
      <c r="N424424" s="10"/>
    </row>
    <row r="424425" spans="14:14">
      <c r="N424425" s="10"/>
    </row>
    <row r="424426" spans="14:14">
      <c r="N424426" s="10"/>
    </row>
    <row r="424427" spans="14:14">
      <c r="N424427" s="10"/>
    </row>
    <row r="424428" spans="14:14">
      <c r="N424428" s="10"/>
    </row>
    <row r="424429" spans="14:14">
      <c r="N424429" s="10"/>
    </row>
    <row r="424430" spans="14:14">
      <c r="N424430" s="10"/>
    </row>
    <row r="424431" spans="14:14">
      <c r="N424431" s="10"/>
    </row>
    <row r="424432" spans="14:14">
      <c r="N424432" s="10"/>
    </row>
    <row r="424433" spans="14:14">
      <c r="N424433" s="10"/>
    </row>
    <row r="424434" spans="14:14">
      <c r="N424434" s="10"/>
    </row>
    <row r="424435" spans="14:14">
      <c r="N424435" s="10"/>
    </row>
    <row r="424436" spans="14:14">
      <c r="N424436" s="10"/>
    </row>
    <row r="424437" spans="14:14">
      <c r="N424437" s="10"/>
    </row>
    <row r="424438" spans="14:14">
      <c r="N424438" s="10"/>
    </row>
    <row r="424439" spans="14:14">
      <c r="N424439" s="10"/>
    </row>
    <row r="424440" spans="14:14">
      <c r="N424440" s="10"/>
    </row>
    <row r="424441" spans="14:14">
      <c r="N424441" s="10"/>
    </row>
    <row r="424442" spans="14:14">
      <c r="N424442" s="10"/>
    </row>
    <row r="424443" spans="14:14">
      <c r="N424443" s="10"/>
    </row>
    <row r="424444" spans="14:14">
      <c r="N424444" s="10"/>
    </row>
    <row r="424445" spans="14:14">
      <c r="N424445" s="10"/>
    </row>
    <row r="424446" spans="14:14">
      <c r="N424446" s="10"/>
    </row>
    <row r="424447" spans="14:14">
      <c r="N424447" s="10"/>
    </row>
    <row r="424448" spans="14:14">
      <c r="N424448" s="10"/>
    </row>
    <row r="424449" spans="14:14">
      <c r="N424449" s="10"/>
    </row>
    <row r="424450" spans="14:14">
      <c r="N424450" s="10"/>
    </row>
    <row r="424451" spans="14:14">
      <c r="N424451" s="10"/>
    </row>
    <row r="424452" spans="14:14">
      <c r="N424452" s="10"/>
    </row>
    <row r="424453" spans="14:14">
      <c r="N424453" s="10"/>
    </row>
    <row r="424454" spans="14:14">
      <c r="N424454" s="10"/>
    </row>
    <row r="424455" spans="14:14">
      <c r="N424455" s="10"/>
    </row>
    <row r="424456" spans="14:14">
      <c r="N424456" s="10"/>
    </row>
    <row r="424457" spans="14:14">
      <c r="N424457" s="10"/>
    </row>
    <row r="424458" spans="14:14">
      <c r="N424458" s="10"/>
    </row>
    <row r="424459" spans="14:14">
      <c r="N424459" s="10"/>
    </row>
    <row r="424460" spans="14:14">
      <c r="N424460" s="10"/>
    </row>
    <row r="424461" spans="14:14">
      <c r="N424461" s="10"/>
    </row>
    <row r="424462" spans="14:14">
      <c r="N424462" s="10"/>
    </row>
    <row r="424463" spans="14:14">
      <c r="N424463" s="10"/>
    </row>
    <row r="424464" spans="14:14">
      <c r="N424464" s="10"/>
    </row>
    <row r="424465" spans="14:14">
      <c r="N424465" s="10"/>
    </row>
    <row r="424466" spans="14:14">
      <c r="N424466" s="10"/>
    </row>
    <row r="424467" spans="14:14">
      <c r="N424467" s="10"/>
    </row>
    <row r="424468" spans="14:14">
      <c r="N424468" s="10"/>
    </row>
    <row r="424469" spans="14:14">
      <c r="N424469" s="10"/>
    </row>
    <row r="424470" spans="14:14">
      <c r="N424470" s="10"/>
    </row>
    <row r="424471" spans="14:14">
      <c r="N424471" s="10"/>
    </row>
    <row r="424472" spans="14:14">
      <c r="N424472" s="10"/>
    </row>
    <row r="424473" spans="14:14">
      <c r="N424473" s="10"/>
    </row>
    <row r="424474" spans="14:14">
      <c r="N424474" s="10"/>
    </row>
    <row r="424475" spans="14:14">
      <c r="N424475" s="10"/>
    </row>
    <row r="424476" spans="14:14">
      <c r="N424476" s="10"/>
    </row>
    <row r="424477" spans="14:14">
      <c r="N424477" s="10"/>
    </row>
    <row r="424478" spans="14:14">
      <c r="N424478" s="10"/>
    </row>
    <row r="424479" spans="14:14">
      <c r="N424479" s="10"/>
    </row>
    <row r="424480" spans="14:14">
      <c r="N424480" s="10"/>
    </row>
    <row r="424481" spans="14:14">
      <c r="N424481" s="10"/>
    </row>
    <row r="424482" spans="14:14">
      <c r="N424482" s="10"/>
    </row>
    <row r="424483" spans="14:14">
      <c r="N424483" s="10"/>
    </row>
    <row r="424484" spans="14:14">
      <c r="N424484" s="10"/>
    </row>
    <row r="424485" spans="14:14">
      <c r="N424485" s="10"/>
    </row>
    <row r="424486" spans="14:14">
      <c r="N424486" s="10"/>
    </row>
    <row r="424487" spans="14:14">
      <c r="N424487" s="10"/>
    </row>
    <row r="424488" spans="14:14">
      <c r="N424488" s="10"/>
    </row>
    <row r="424489" spans="14:14">
      <c r="N424489" s="10"/>
    </row>
    <row r="424490" spans="14:14">
      <c r="N424490" s="10"/>
    </row>
    <row r="424491" spans="14:14">
      <c r="N424491" s="10"/>
    </row>
    <row r="424492" spans="14:14">
      <c r="N424492" s="10"/>
    </row>
    <row r="424493" spans="14:14">
      <c r="N424493" s="10"/>
    </row>
    <row r="424494" spans="14:14">
      <c r="N424494" s="10"/>
    </row>
    <row r="424495" spans="14:14">
      <c r="N424495" s="10"/>
    </row>
    <row r="424496" spans="14:14">
      <c r="N424496" s="10"/>
    </row>
    <row r="424497" spans="14:14">
      <c r="N424497" s="10"/>
    </row>
    <row r="424498" spans="14:14">
      <c r="N424498" s="10"/>
    </row>
    <row r="424499" spans="14:14">
      <c r="N424499" s="10"/>
    </row>
    <row r="424500" spans="14:14">
      <c r="N424500" s="10"/>
    </row>
    <row r="424501" spans="14:14">
      <c r="N424501" s="10"/>
    </row>
    <row r="424502" spans="14:14">
      <c r="N424502" s="10"/>
    </row>
    <row r="424503" spans="14:14">
      <c r="N424503" s="10"/>
    </row>
    <row r="424504" spans="14:14">
      <c r="N424504" s="10"/>
    </row>
    <row r="424505" spans="14:14">
      <c r="N424505" s="10"/>
    </row>
    <row r="424506" spans="14:14">
      <c r="N424506" s="10"/>
    </row>
    <row r="424507" spans="14:14">
      <c r="N424507" s="10"/>
    </row>
    <row r="424508" spans="14:14">
      <c r="N424508" s="10"/>
    </row>
    <row r="424509" spans="14:14">
      <c r="N424509" s="10"/>
    </row>
    <row r="424510" spans="14:14">
      <c r="N424510" s="10"/>
    </row>
    <row r="424511" spans="14:14">
      <c r="N424511" s="10"/>
    </row>
    <row r="424512" spans="14:14">
      <c r="N424512" s="10"/>
    </row>
    <row r="424513" spans="14:14">
      <c r="N424513" s="10"/>
    </row>
    <row r="424514" spans="14:14">
      <c r="N424514" s="10"/>
    </row>
    <row r="424515" spans="14:14">
      <c r="N424515" s="10"/>
    </row>
    <row r="424516" spans="14:14">
      <c r="N424516" s="10"/>
    </row>
    <row r="424517" spans="14:14">
      <c r="N424517" s="10"/>
    </row>
    <row r="424518" spans="14:14">
      <c r="N424518" s="10"/>
    </row>
    <row r="424519" spans="14:14">
      <c r="N424519" s="10"/>
    </row>
    <row r="424520" spans="14:14">
      <c r="N424520" s="10"/>
    </row>
    <row r="424521" spans="14:14">
      <c r="N424521" s="10"/>
    </row>
    <row r="424522" spans="14:14">
      <c r="N424522" s="10"/>
    </row>
    <row r="424523" spans="14:14">
      <c r="N424523" s="10"/>
    </row>
    <row r="424524" spans="14:14">
      <c r="N424524" s="10"/>
    </row>
    <row r="424525" spans="14:14">
      <c r="N424525" s="10"/>
    </row>
    <row r="424526" spans="14:14">
      <c r="N424526" s="10"/>
    </row>
    <row r="424527" spans="14:14">
      <c r="N424527" s="10"/>
    </row>
    <row r="424528" spans="14:14">
      <c r="N424528" s="10"/>
    </row>
    <row r="424529" spans="14:14">
      <c r="N424529" s="10"/>
    </row>
    <row r="424530" spans="14:14">
      <c r="N424530" s="10"/>
    </row>
    <row r="424531" spans="14:14">
      <c r="N424531" s="10"/>
    </row>
    <row r="424532" spans="14:14">
      <c r="N424532" s="10"/>
    </row>
    <row r="424533" spans="14:14">
      <c r="N424533" s="10"/>
    </row>
    <row r="424534" spans="14:14">
      <c r="N424534" s="10"/>
    </row>
    <row r="424535" spans="14:14">
      <c r="N424535" s="10"/>
    </row>
    <row r="424536" spans="14:14">
      <c r="N424536" s="10"/>
    </row>
    <row r="424537" spans="14:14">
      <c r="N424537" s="10"/>
    </row>
    <row r="424538" spans="14:14">
      <c r="N424538" s="10"/>
    </row>
    <row r="424539" spans="14:14">
      <c r="N424539" s="10"/>
    </row>
    <row r="424540" spans="14:14">
      <c r="N424540" s="10"/>
    </row>
    <row r="424541" spans="14:14">
      <c r="N424541" s="10"/>
    </row>
    <row r="424542" spans="14:14">
      <c r="N424542" s="10"/>
    </row>
    <row r="424543" spans="14:14">
      <c r="N424543" s="10"/>
    </row>
    <row r="424544" spans="14:14">
      <c r="N424544" s="10"/>
    </row>
    <row r="424545" spans="14:14">
      <c r="N424545" s="10"/>
    </row>
    <row r="424546" spans="14:14">
      <c r="N424546" s="10"/>
    </row>
    <row r="424547" spans="14:14">
      <c r="N424547" s="10"/>
    </row>
    <row r="424548" spans="14:14">
      <c r="N424548" s="10"/>
    </row>
    <row r="424549" spans="14:14">
      <c r="N424549" s="10"/>
    </row>
    <row r="424550" spans="14:14">
      <c r="N424550" s="10"/>
    </row>
    <row r="424551" spans="14:14">
      <c r="N424551" s="10"/>
    </row>
    <row r="424552" spans="14:14">
      <c r="N424552" s="10"/>
    </row>
    <row r="424553" spans="14:14">
      <c r="N424553" s="10"/>
    </row>
    <row r="424554" spans="14:14">
      <c r="N424554" s="10"/>
    </row>
    <row r="424555" spans="14:14">
      <c r="N424555" s="10"/>
    </row>
    <row r="424556" spans="14:14">
      <c r="N424556" s="10"/>
    </row>
    <row r="424557" spans="14:14">
      <c r="N424557" s="10"/>
    </row>
    <row r="424558" spans="14:14">
      <c r="N424558" s="10"/>
    </row>
    <row r="424559" spans="14:14">
      <c r="N424559" s="10"/>
    </row>
    <row r="424560" spans="14:14">
      <c r="N424560" s="10"/>
    </row>
    <row r="424561" spans="14:14">
      <c r="N424561" s="10"/>
    </row>
    <row r="424562" spans="14:14">
      <c r="N424562" s="10"/>
    </row>
    <row r="424563" spans="14:14">
      <c r="N424563" s="10"/>
    </row>
    <row r="424564" spans="14:14">
      <c r="N424564" s="10"/>
    </row>
    <row r="424565" spans="14:14">
      <c r="N424565" s="10"/>
    </row>
    <row r="424566" spans="14:14">
      <c r="N424566" s="10"/>
    </row>
    <row r="424567" spans="14:14">
      <c r="N424567" s="10"/>
    </row>
    <row r="424568" spans="14:14">
      <c r="N424568" s="10"/>
    </row>
    <row r="424569" spans="14:14">
      <c r="N424569" s="10"/>
    </row>
    <row r="424570" spans="14:14">
      <c r="N424570" s="10"/>
    </row>
    <row r="424571" spans="14:14">
      <c r="N424571" s="10"/>
    </row>
    <row r="424572" spans="14:14">
      <c r="N424572" s="10"/>
    </row>
    <row r="424573" spans="14:14">
      <c r="N424573" s="10"/>
    </row>
    <row r="424574" spans="14:14">
      <c r="N424574" s="10"/>
    </row>
    <row r="424575" spans="14:14">
      <c r="N424575" s="10"/>
    </row>
    <row r="424576" spans="14:14">
      <c r="N424576" s="10"/>
    </row>
    <row r="424577" spans="14:14">
      <c r="N424577" s="10"/>
    </row>
    <row r="424578" spans="14:14">
      <c r="N424578" s="10"/>
    </row>
    <row r="424579" spans="14:14">
      <c r="N424579" s="10"/>
    </row>
    <row r="424580" spans="14:14">
      <c r="N424580" s="10"/>
    </row>
    <row r="424581" spans="14:14">
      <c r="N424581" s="10"/>
    </row>
    <row r="424582" spans="14:14">
      <c r="N424582" s="10"/>
    </row>
    <row r="424583" spans="14:14">
      <c r="N424583" s="10"/>
    </row>
    <row r="424584" spans="14:14">
      <c r="N424584" s="10"/>
    </row>
    <row r="424585" spans="14:14">
      <c r="N424585" s="10"/>
    </row>
    <row r="424586" spans="14:14">
      <c r="N424586" s="10"/>
    </row>
    <row r="424587" spans="14:14">
      <c r="N424587" s="10"/>
    </row>
    <row r="424588" spans="14:14">
      <c r="N424588" s="10"/>
    </row>
    <row r="424589" spans="14:14">
      <c r="N424589" s="10"/>
    </row>
    <row r="424590" spans="14:14">
      <c r="N424590" s="10"/>
    </row>
    <row r="424591" spans="14:14">
      <c r="N424591" s="10"/>
    </row>
    <row r="424592" spans="14:14">
      <c r="N424592" s="10"/>
    </row>
    <row r="424593" spans="14:14">
      <c r="N424593" s="10"/>
    </row>
    <row r="424594" spans="14:14">
      <c r="N424594" s="10"/>
    </row>
    <row r="424595" spans="14:14">
      <c r="N424595" s="10"/>
    </row>
    <row r="424596" spans="14:14">
      <c r="N424596" s="10"/>
    </row>
    <row r="424597" spans="14:14">
      <c r="N424597" s="10"/>
    </row>
    <row r="424598" spans="14:14">
      <c r="N424598" s="10"/>
    </row>
    <row r="424599" spans="14:14">
      <c r="N424599" s="10"/>
    </row>
    <row r="424600" spans="14:14">
      <c r="N424600" s="10"/>
    </row>
    <row r="424601" spans="14:14">
      <c r="N424601" s="10"/>
    </row>
    <row r="424602" spans="14:14">
      <c r="N424602" s="10"/>
    </row>
    <row r="424603" spans="14:14">
      <c r="N424603" s="10"/>
    </row>
    <row r="424604" spans="14:14">
      <c r="N424604" s="10"/>
    </row>
    <row r="424605" spans="14:14">
      <c r="N424605" s="10"/>
    </row>
    <row r="424606" spans="14:14">
      <c r="N424606" s="10"/>
    </row>
    <row r="424607" spans="14:14">
      <c r="N424607" s="10"/>
    </row>
    <row r="424608" spans="14:14">
      <c r="N424608" s="10"/>
    </row>
    <row r="424609" spans="14:14">
      <c r="N424609" s="10"/>
    </row>
    <row r="424610" spans="14:14">
      <c r="N424610" s="10"/>
    </row>
    <row r="424611" spans="14:14">
      <c r="N424611" s="10"/>
    </row>
    <row r="424612" spans="14:14">
      <c r="N424612" s="10"/>
    </row>
    <row r="424613" spans="14:14">
      <c r="N424613" s="10"/>
    </row>
    <row r="424614" spans="14:14">
      <c r="N424614" s="10"/>
    </row>
    <row r="424615" spans="14:14">
      <c r="N424615" s="10"/>
    </row>
    <row r="424616" spans="14:14">
      <c r="N424616" s="10"/>
    </row>
    <row r="424617" spans="14:14">
      <c r="N424617" s="10"/>
    </row>
    <row r="424618" spans="14:14">
      <c r="N424618" s="10"/>
    </row>
    <row r="424619" spans="14:14">
      <c r="N424619" s="10"/>
    </row>
    <row r="424620" spans="14:14">
      <c r="N424620" s="10"/>
    </row>
    <row r="424621" spans="14:14">
      <c r="N424621" s="10"/>
    </row>
    <row r="424622" spans="14:14">
      <c r="N424622" s="10"/>
    </row>
    <row r="424623" spans="14:14">
      <c r="N424623" s="10"/>
    </row>
    <row r="424624" spans="14:14">
      <c r="N424624" s="10"/>
    </row>
    <row r="424625" spans="14:14">
      <c r="N424625" s="10"/>
    </row>
    <row r="424626" spans="14:14">
      <c r="N424626" s="10"/>
    </row>
    <row r="424627" spans="14:14">
      <c r="N424627" s="10"/>
    </row>
    <row r="424628" spans="14:14">
      <c r="N424628" s="10"/>
    </row>
    <row r="424629" spans="14:14">
      <c r="N424629" s="10"/>
    </row>
    <row r="424630" spans="14:14">
      <c r="N424630" s="10"/>
    </row>
    <row r="424631" spans="14:14">
      <c r="N424631" s="10"/>
    </row>
    <row r="424632" spans="14:14">
      <c r="N424632" s="10"/>
    </row>
    <row r="424633" spans="14:14">
      <c r="N424633" s="10"/>
    </row>
    <row r="424634" spans="14:14">
      <c r="N424634" s="10"/>
    </row>
    <row r="424635" spans="14:14">
      <c r="N424635" s="10"/>
    </row>
    <row r="424636" spans="14:14">
      <c r="N424636" s="10"/>
    </row>
    <row r="424637" spans="14:14">
      <c r="N424637" s="10"/>
    </row>
    <row r="424638" spans="14:14">
      <c r="N424638" s="10"/>
    </row>
    <row r="424639" spans="14:14">
      <c r="N424639" s="10"/>
    </row>
    <row r="424640" spans="14:14">
      <c r="N424640" s="10"/>
    </row>
    <row r="424641" spans="14:14">
      <c r="N424641" s="10"/>
    </row>
    <row r="424642" spans="14:14">
      <c r="N424642" s="10"/>
    </row>
    <row r="424643" spans="14:14">
      <c r="N424643" s="10"/>
    </row>
    <row r="424644" spans="14:14">
      <c r="N424644" s="10"/>
    </row>
    <row r="424645" spans="14:14">
      <c r="N424645" s="10"/>
    </row>
    <row r="424646" spans="14:14">
      <c r="N424646" s="10"/>
    </row>
    <row r="424647" spans="14:14">
      <c r="N424647" s="10"/>
    </row>
    <row r="424648" spans="14:14">
      <c r="N424648" s="10"/>
    </row>
    <row r="424649" spans="14:14">
      <c r="N424649" s="10"/>
    </row>
    <row r="424650" spans="14:14">
      <c r="N424650" s="10"/>
    </row>
    <row r="424651" spans="14:14">
      <c r="N424651" s="10"/>
    </row>
    <row r="424652" spans="14:14">
      <c r="N424652" s="10"/>
    </row>
    <row r="424653" spans="14:14">
      <c r="N424653" s="10"/>
    </row>
    <row r="424654" spans="14:14">
      <c r="N424654" s="10"/>
    </row>
    <row r="424655" spans="14:14">
      <c r="N424655" s="10"/>
    </row>
    <row r="424656" spans="14:14">
      <c r="N424656" s="10"/>
    </row>
    <row r="424657" spans="14:14">
      <c r="N424657" s="10"/>
    </row>
    <row r="424658" spans="14:14">
      <c r="N424658" s="10"/>
    </row>
    <row r="424659" spans="14:14">
      <c r="N424659" s="10"/>
    </row>
    <row r="424660" spans="14:14">
      <c r="N424660" s="10"/>
    </row>
    <row r="424661" spans="14:14">
      <c r="N424661" s="10"/>
    </row>
    <row r="424662" spans="14:14">
      <c r="N424662" s="10"/>
    </row>
    <row r="424663" spans="14:14">
      <c r="N424663" s="10"/>
    </row>
    <row r="424664" spans="14:14">
      <c r="N424664" s="10"/>
    </row>
    <row r="424665" spans="14:14">
      <c r="N424665" s="10"/>
    </row>
    <row r="424666" spans="14:14">
      <c r="N424666" s="10"/>
    </row>
    <row r="424667" spans="14:14">
      <c r="N424667" s="10"/>
    </row>
    <row r="424668" spans="14:14">
      <c r="N424668" s="10"/>
    </row>
    <row r="424669" spans="14:14">
      <c r="N424669" s="10"/>
    </row>
    <row r="424670" spans="14:14">
      <c r="N424670" s="10"/>
    </row>
    <row r="424671" spans="14:14">
      <c r="N424671" s="10"/>
    </row>
    <row r="424672" spans="14:14">
      <c r="N424672" s="10"/>
    </row>
    <row r="424673" spans="14:14">
      <c r="N424673" s="10"/>
    </row>
    <row r="424674" spans="14:14">
      <c r="N424674" s="10"/>
    </row>
    <row r="424675" spans="14:14">
      <c r="N424675" s="10"/>
    </row>
    <row r="424676" spans="14:14">
      <c r="N424676" s="10"/>
    </row>
    <row r="424677" spans="14:14">
      <c r="N424677" s="10"/>
    </row>
    <row r="424678" spans="14:14">
      <c r="N424678" s="10"/>
    </row>
    <row r="424679" spans="14:14">
      <c r="N424679" s="10"/>
    </row>
    <row r="424680" spans="14:14">
      <c r="N424680" s="10"/>
    </row>
    <row r="424681" spans="14:14">
      <c r="N424681" s="10"/>
    </row>
    <row r="424682" spans="14:14">
      <c r="N424682" s="10"/>
    </row>
    <row r="424683" spans="14:14">
      <c r="N424683" s="10"/>
    </row>
    <row r="424684" spans="14:14">
      <c r="N424684" s="10"/>
    </row>
    <row r="424685" spans="14:14">
      <c r="N424685" s="10"/>
    </row>
    <row r="424686" spans="14:14">
      <c r="N424686" s="10"/>
    </row>
    <row r="424687" spans="14:14">
      <c r="N424687" s="10"/>
    </row>
    <row r="424688" spans="14:14">
      <c r="N424688" s="10"/>
    </row>
    <row r="424689" spans="14:14">
      <c r="N424689" s="10"/>
    </row>
    <row r="424690" spans="14:14">
      <c r="N424690" s="10"/>
    </row>
    <row r="424691" spans="14:14">
      <c r="N424691" s="10"/>
    </row>
    <row r="424692" spans="14:14">
      <c r="N424692" s="10"/>
    </row>
    <row r="424693" spans="14:14">
      <c r="N424693" s="10"/>
    </row>
    <row r="424694" spans="14:14">
      <c r="N424694" s="10"/>
    </row>
    <row r="424695" spans="14:14">
      <c r="N424695" s="10"/>
    </row>
    <row r="424696" spans="14:14">
      <c r="N424696" s="10"/>
    </row>
    <row r="424697" spans="14:14">
      <c r="N424697" s="10"/>
    </row>
    <row r="424698" spans="14:14">
      <c r="N424698" s="10"/>
    </row>
    <row r="424699" spans="14:14">
      <c r="N424699" s="10"/>
    </row>
    <row r="424700" spans="14:14">
      <c r="N424700" s="10"/>
    </row>
    <row r="424701" spans="14:14">
      <c r="N424701" s="10"/>
    </row>
    <row r="424702" spans="14:14">
      <c r="N424702" s="10"/>
    </row>
    <row r="424703" spans="14:14">
      <c r="N424703" s="10"/>
    </row>
    <row r="424704" spans="14:14">
      <c r="N424704" s="10"/>
    </row>
    <row r="424705" spans="14:14">
      <c r="N424705" s="10"/>
    </row>
    <row r="424706" spans="14:14">
      <c r="N424706" s="10"/>
    </row>
    <row r="424707" spans="14:14">
      <c r="N424707" s="10"/>
    </row>
    <row r="424708" spans="14:14">
      <c r="N424708" s="10"/>
    </row>
    <row r="424709" spans="14:14">
      <c r="N424709" s="10"/>
    </row>
    <row r="424710" spans="14:14">
      <c r="N424710" s="10"/>
    </row>
    <row r="424711" spans="14:14">
      <c r="N424711" s="10"/>
    </row>
    <row r="424712" spans="14:14">
      <c r="N424712" s="10"/>
    </row>
    <row r="424713" spans="14:14">
      <c r="N424713" s="10"/>
    </row>
    <row r="424714" spans="14:14">
      <c r="N424714" s="10"/>
    </row>
    <row r="424715" spans="14:14">
      <c r="N424715" s="10"/>
    </row>
    <row r="424716" spans="14:14">
      <c r="N424716" s="10"/>
    </row>
    <row r="424717" spans="14:14">
      <c r="N424717" s="10"/>
    </row>
    <row r="424718" spans="14:14">
      <c r="N424718" s="10"/>
    </row>
    <row r="424719" spans="14:14">
      <c r="N424719" s="10"/>
    </row>
    <row r="424720" spans="14:14">
      <c r="N424720" s="10"/>
    </row>
    <row r="424721" spans="14:14">
      <c r="N424721" s="10"/>
    </row>
    <row r="424722" spans="14:14">
      <c r="N424722" s="10"/>
    </row>
    <row r="424723" spans="14:14">
      <c r="N424723" s="10"/>
    </row>
    <row r="424724" spans="14:14">
      <c r="N424724" s="10"/>
    </row>
    <row r="424725" spans="14:14">
      <c r="N424725" s="10"/>
    </row>
    <row r="424726" spans="14:14">
      <c r="N424726" s="10"/>
    </row>
    <row r="424727" spans="14:14">
      <c r="N424727" s="10"/>
    </row>
    <row r="424728" spans="14:14">
      <c r="N424728" s="10"/>
    </row>
    <row r="424729" spans="14:14">
      <c r="N424729" s="10"/>
    </row>
    <row r="424730" spans="14:14">
      <c r="N424730" s="10"/>
    </row>
    <row r="424731" spans="14:14">
      <c r="N424731" s="10"/>
    </row>
    <row r="424732" spans="14:14">
      <c r="N424732" s="10"/>
    </row>
    <row r="424733" spans="14:14">
      <c r="N424733" s="10"/>
    </row>
    <row r="424734" spans="14:14">
      <c r="N424734" s="10"/>
    </row>
    <row r="424735" spans="14:14">
      <c r="N424735" s="10"/>
    </row>
    <row r="424736" spans="14:14">
      <c r="N424736" s="10"/>
    </row>
    <row r="424737" spans="14:14">
      <c r="N424737" s="10"/>
    </row>
    <row r="424738" spans="14:14">
      <c r="N424738" s="10"/>
    </row>
    <row r="424739" spans="14:14">
      <c r="N424739" s="10"/>
    </row>
    <row r="424740" spans="14:14">
      <c r="N424740" s="10"/>
    </row>
    <row r="424741" spans="14:14">
      <c r="N424741" s="10"/>
    </row>
    <row r="424742" spans="14:14">
      <c r="N424742" s="10"/>
    </row>
    <row r="424743" spans="14:14">
      <c r="N424743" s="10"/>
    </row>
    <row r="424744" spans="14:14">
      <c r="N424744" s="10"/>
    </row>
    <row r="424745" spans="14:14">
      <c r="N424745" s="10"/>
    </row>
    <row r="424746" spans="14:14">
      <c r="N424746" s="10"/>
    </row>
    <row r="424747" spans="14:14">
      <c r="N424747" s="10"/>
    </row>
    <row r="424748" spans="14:14">
      <c r="N424748" s="10"/>
    </row>
    <row r="424749" spans="14:14">
      <c r="N424749" s="10"/>
    </row>
    <row r="424750" spans="14:14">
      <c r="N424750" s="10"/>
    </row>
    <row r="424751" spans="14:14">
      <c r="N424751" s="10"/>
    </row>
    <row r="424752" spans="14:14">
      <c r="N424752" s="10"/>
    </row>
    <row r="424753" spans="14:14">
      <c r="N424753" s="10"/>
    </row>
    <row r="424754" spans="14:14">
      <c r="N424754" s="10"/>
    </row>
    <row r="424755" spans="14:14">
      <c r="N424755" s="10"/>
    </row>
    <row r="424756" spans="14:14">
      <c r="N424756" s="10"/>
    </row>
    <row r="424757" spans="14:14">
      <c r="N424757" s="10"/>
    </row>
    <row r="424758" spans="14:14">
      <c r="N424758" s="10"/>
    </row>
    <row r="424759" spans="14:14">
      <c r="N424759" s="10"/>
    </row>
    <row r="424760" spans="14:14">
      <c r="N424760" s="10"/>
    </row>
    <row r="424761" spans="14:14">
      <c r="N424761" s="10"/>
    </row>
    <row r="424762" spans="14:14">
      <c r="N424762" s="10"/>
    </row>
    <row r="424763" spans="14:14">
      <c r="N424763" s="10"/>
    </row>
    <row r="424764" spans="14:14">
      <c r="N424764" s="10"/>
    </row>
    <row r="424765" spans="14:14">
      <c r="N424765" s="10"/>
    </row>
    <row r="424766" spans="14:14">
      <c r="N424766" s="10"/>
    </row>
    <row r="424767" spans="14:14">
      <c r="N424767" s="10"/>
    </row>
    <row r="424768" spans="14:14">
      <c r="N424768" s="10"/>
    </row>
    <row r="424769" spans="14:14">
      <c r="N424769" s="10"/>
    </row>
    <row r="424770" spans="14:14">
      <c r="N424770" s="10"/>
    </row>
    <row r="424771" spans="14:14">
      <c r="N424771" s="10"/>
    </row>
    <row r="424772" spans="14:14">
      <c r="N424772" s="10"/>
    </row>
    <row r="424773" spans="14:14">
      <c r="N424773" s="10"/>
    </row>
    <row r="424774" spans="14:14">
      <c r="N424774" s="10"/>
    </row>
    <row r="424775" spans="14:14">
      <c r="N424775" s="10"/>
    </row>
    <row r="424776" spans="14:14">
      <c r="N424776" s="10"/>
    </row>
    <row r="424777" spans="14:14">
      <c r="N424777" s="10"/>
    </row>
    <row r="424778" spans="14:14">
      <c r="N424778" s="10"/>
    </row>
    <row r="424779" spans="14:14">
      <c r="N424779" s="10"/>
    </row>
    <row r="424780" spans="14:14">
      <c r="N424780" s="10"/>
    </row>
    <row r="424781" spans="14:14">
      <c r="N424781" s="10"/>
    </row>
    <row r="424782" spans="14:14">
      <c r="N424782" s="10"/>
    </row>
    <row r="424783" spans="14:14">
      <c r="N424783" s="10"/>
    </row>
    <row r="424784" spans="14:14">
      <c r="N424784" s="10"/>
    </row>
    <row r="424785" spans="14:14">
      <c r="N424785" s="10"/>
    </row>
    <row r="424786" spans="14:14">
      <c r="N424786" s="10"/>
    </row>
    <row r="424787" spans="14:14">
      <c r="N424787" s="10"/>
    </row>
    <row r="424788" spans="14:14">
      <c r="N424788" s="10"/>
    </row>
    <row r="424789" spans="14:14">
      <c r="N424789" s="10"/>
    </row>
    <row r="424790" spans="14:14">
      <c r="N424790" s="10"/>
    </row>
    <row r="424791" spans="14:14">
      <c r="N424791" s="10"/>
    </row>
    <row r="424792" spans="14:14">
      <c r="N424792" s="10"/>
    </row>
    <row r="424793" spans="14:14">
      <c r="N424793" s="10"/>
    </row>
    <row r="424794" spans="14:14">
      <c r="N424794" s="10"/>
    </row>
    <row r="424795" spans="14:14">
      <c r="N424795" s="10"/>
    </row>
    <row r="424796" spans="14:14">
      <c r="N424796" s="10"/>
    </row>
    <row r="424797" spans="14:14">
      <c r="N424797" s="10"/>
    </row>
    <row r="424798" spans="14:14">
      <c r="N424798" s="10"/>
    </row>
    <row r="424799" spans="14:14">
      <c r="N424799" s="10"/>
    </row>
    <row r="424800" spans="14:14">
      <c r="N424800" s="10"/>
    </row>
    <row r="424801" spans="14:14">
      <c r="N424801" s="10"/>
    </row>
    <row r="424802" spans="14:14">
      <c r="N424802" s="10"/>
    </row>
    <row r="424803" spans="14:14">
      <c r="N424803" s="10"/>
    </row>
    <row r="424804" spans="14:14">
      <c r="N424804" s="10"/>
    </row>
    <row r="424805" spans="14:14">
      <c r="N424805" s="10"/>
    </row>
    <row r="424806" spans="14:14">
      <c r="N424806" s="10"/>
    </row>
    <row r="424807" spans="14:14">
      <c r="N424807" s="10"/>
    </row>
    <row r="424808" spans="14:14">
      <c r="N424808" s="10"/>
    </row>
    <row r="424809" spans="14:14">
      <c r="N424809" s="10"/>
    </row>
    <row r="424810" spans="14:14">
      <c r="N424810" s="10"/>
    </row>
    <row r="424811" spans="14:14">
      <c r="N424811" s="10"/>
    </row>
    <row r="424812" spans="14:14">
      <c r="N424812" s="10"/>
    </row>
    <row r="424813" spans="14:14">
      <c r="N424813" s="10"/>
    </row>
    <row r="424814" spans="14:14">
      <c r="N424814" s="10"/>
    </row>
    <row r="424815" spans="14:14">
      <c r="N424815" s="10"/>
    </row>
    <row r="424816" spans="14:14">
      <c r="N424816" s="10"/>
    </row>
    <row r="424817" spans="14:14">
      <c r="N424817" s="10"/>
    </row>
    <row r="424818" spans="14:14">
      <c r="N424818" s="10"/>
    </row>
    <row r="424819" spans="14:14">
      <c r="N424819" s="10"/>
    </row>
    <row r="424820" spans="14:14">
      <c r="N424820" s="10"/>
    </row>
    <row r="424821" spans="14:14">
      <c r="N424821" s="10"/>
    </row>
    <row r="424822" spans="14:14">
      <c r="N424822" s="10"/>
    </row>
    <row r="424823" spans="14:14">
      <c r="N424823" s="10"/>
    </row>
    <row r="424824" spans="14:14">
      <c r="N424824" s="10"/>
    </row>
    <row r="424825" spans="14:14">
      <c r="N424825" s="10"/>
    </row>
    <row r="424826" spans="14:14">
      <c r="N424826" s="10"/>
    </row>
    <row r="424827" spans="14:14">
      <c r="N424827" s="10"/>
    </row>
    <row r="424828" spans="14:14">
      <c r="N424828" s="10"/>
    </row>
    <row r="424829" spans="14:14">
      <c r="N424829" s="10"/>
    </row>
    <row r="424830" spans="14:14">
      <c r="N424830" s="10"/>
    </row>
    <row r="424831" spans="14:14">
      <c r="N424831" s="10"/>
    </row>
    <row r="424832" spans="14:14">
      <c r="N424832" s="10"/>
    </row>
    <row r="424833" spans="14:14">
      <c r="N424833" s="10"/>
    </row>
    <row r="424834" spans="14:14">
      <c r="N424834" s="10"/>
    </row>
    <row r="424835" spans="14:14">
      <c r="N424835" s="10"/>
    </row>
    <row r="424836" spans="14:14">
      <c r="N424836" s="10"/>
    </row>
    <row r="424837" spans="14:14">
      <c r="N424837" s="10"/>
    </row>
    <row r="424838" spans="14:14">
      <c r="N424838" s="10"/>
    </row>
    <row r="424839" spans="14:14">
      <c r="N424839" s="10"/>
    </row>
    <row r="424840" spans="14:14">
      <c r="N424840" s="10"/>
    </row>
    <row r="424841" spans="14:14">
      <c r="N424841" s="10"/>
    </row>
    <row r="424842" spans="14:14">
      <c r="N424842" s="10"/>
    </row>
    <row r="424843" spans="14:14">
      <c r="N424843" s="10"/>
    </row>
    <row r="424844" spans="14:14">
      <c r="N424844" s="10"/>
    </row>
    <row r="424845" spans="14:14">
      <c r="N424845" s="10"/>
    </row>
    <row r="424846" spans="14:14">
      <c r="N424846" s="10"/>
    </row>
    <row r="424847" spans="14:14">
      <c r="N424847" s="10"/>
    </row>
    <row r="424848" spans="14:14">
      <c r="N424848" s="10"/>
    </row>
    <row r="424849" spans="14:14">
      <c r="N424849" s="10"/>
    </row>
    <row r="424850" spans="14:14">
      <c r="N424850" s="10"/>
    </row>
    <row r="424851" spans="14:14">
      <c r="N424851" s="10"/>
    </row>
    <row r="424852" spans="14:14">
      <c r="N424852" s="10"/>
    </row>
    <row r="424853" spans="14:14">
      <c r="N424853" s="10"/>
    </row>
    <row r="424854" spans="14:14">
      <c r="N424854" s="10"/>
    </row>
    <row r="424855" spans="14:14">
      <c r="N424855" s="10"/>
    </row>
    <row r="424856" spans="14:14">
      <c r="N424856" s="10"/>
    </row>
    <row r="424857" spans="14:14">
      <c r="N424857" s="10"/>
    </row>
    <row r="424858" spans="14:14">
      <c r="N424858" s="10"/>
    </row>
    <row r="424859" spans="14:14">
      <c r="N424859" s="10"/>
    </row>
    <row r="424860" spans="14:14">
      <c r="N424860" s="10"/>
    </row>
    <row r="424861" spans="14:14">
      <c r="N424861" s="10"/>
    </row>
    <row r="424862" spans="14:14">
      <c r="N424862" s="10"/>
    </row>
    <row r="424863" spans="14:14">
      <c r="N424863" s="10"/>
    </row>
    <row r="424864" spans="14:14">
      <c r="N424864" s="10"/>
    </row>
    <row r="424865" spans="14:14">
      <c r="N424865" s="10"/>
    </row>
    <row r="424866" spans="14:14">
      <c r="N424866" s="10"/>
    </row>
    <row r="424867" spans="14:14">
      <c r="N424867" s="10"/>
    </row>
    <row r="424868" spans="14:14">
      <c r="N424868" s="10"/>
    </row>
    <row r="424869" spans="14:14">
      <c r="N424869" s="10"/>
    </row>
    <row r="424870" spans="14:14">
      <c r="N424870" s="10"/>
    </row>
    <row r="424871" spans="14:14">
      <c r="N424871" s="10"/>
    </row>
    <row r="424872" spans="14:14">
      <c r="N424872" s="10"/>
    </row>
    <row r="424873" spans="14:14">
      <c r="N424873" s="10"/>
    </row>
    <row r="424874" spans="14:14">
      <c r="N424874" s="10"/>
    </row>
    <row r="424875" spans="14:14">
      <c r="N424875" s="10"/>
    </row>
    <row r="424876" spans="14:14">
      <c r="N424876" s="10"/>
    </row>
    <row r="424877" spans="14:14">
      <c r="N424877" s="10"/>
    </row>
    <row r="424878" spans="14:14">
      <c r="N424878" s="10"/>
    </row>
    <row r="424879" spans="14:14">
      <c r="N424879" s="10"/>
    </row>
    <row r="424880" spans="14:14">
      <c r="N424880" s="10"/>
    </row>
    <row r="424881" spans="14:14">
      <c r="N424881" s="10"/>
    </row>
    <row r="424882" spans="14:14">
      <c r="N424882" s="10"/>
    </row>
    <row r="424883" spans="14:14">
      <c r="N424883" s="10"/>
    </row>
    <row r="424884" spans="14:14">
      <c r="N424884" s="10"/>
    </row>
    <row r="424885" spans="14:14">
      <c r="N424885" s="10"/>
    </row>
    <row r="424886" spans="14:14">
      <c r="N424886" s="10"/>
    </row>
    <row r="424887" spans="14:14">
      <c r="N424887" s="10"/>
    </row>
    <row r="424888" spans="14:14">
      <c r="N424888" s="10"/>
    </row>
    <row r="424889" spans="14:14">
      <c r="N424889" s="10"/>
    </row>
    <row r="424890" spans="14:14">
      <c r="N424890" s="10"/>
    </row>
    <row r="424891" spans="14:14">
      <c r="N424891" s="10"/>
    </row>
    <row r="424892" spans="14:14">
      <c r="N424892" s="10"/>
    </row>
    <row r="424893" spans="14:14">
      <c r="N424893" s="10"/>
    </row>
    <row r="424894" spans="14:14">
      <c r="N424894" s="10"/>
    </row>
    <row r="424895" spans="14:14">
      <c r="N424895" s="10"/>
    </row>
    <row r="424896" spans="14:14">
      <c r="N424896" s="10"/>
    </row>
    <row r="424897" spans="14:14">
      <c r="N424897" s="10"/>
    </row>
    <row r="424898" spans="14:14">
      <c r="N424898" s="10"/>
    </row>
    <row r="424899" spans="14:14">
      <c r="N424899" s="10"/>
    </row>
    <row r="424900" spans="14:14">
      <c r="N424900" s="10"/>
    </row>
    <row r="424901" spans="14:14">
      <c r="N424901" s="10"/>
    </row>
    <row r="424902" spans="14:14">
      <c r="N424902" s="10"/>
    </row>
    <row r="424903" spans="14:14">
      <c r="N424903" s="10"/>
    </row>
    <row r="424904" spans="14:14">
      <c r="N424904" s="10"/>
    </row>
    <row r="424905" spans="14:14">
      <c r="N424905" s="10"/>
    </row>
    <row r="424906" spans="14:14">
      <c r="N424906" s="10"/>
    </row>
    <row r="424907" spans="14:14">
      <c r="N424907" s="10"/>
    </row>
    <row r="424908" spans="14:14">
      <c r="N424908" s="10"/>
    </row>
    <row r="424909" spans="14:14">
      <c r="N424909" s="10"/>
    </row>
    <row r="424910" spans="14:14">
      <c r="N424910" s="10"/>
    </row>
    <row r="424911" spans="14:14">
      <c r="N424911" s="10"/>
    </row>
    <row r="424912" spans="14:14">
      <c r="N424912" s="10"/>
    </row>
    <row r="424913" spans="14:14">
      <c r="N424913" s="10"/>
    </row>
    <row r="424914" spans="14:14">
      <c r="N424914" s="10"/>
    </row>
    <row r="424915" spans="14:14">
      <c r="N424915" s="10"/>
    </row>
    <row r="424916" spans="14:14">
      <c r="N424916" s="10"/>
    </row>
    <row r="424917" spans="14:14">
      <c r="N424917" s="10"/>
    </row>
    <row r="424918" spans="14:14">
      <c r="N424918" s="10"/>
    </row>
    <row r="424919" spans="14:14">
      <c r="N424919" s="10"/>
    </row>
    <row r="424920" spans="14:14">
      <c r="N424920" s="10"/>
    </row>
    <row r="424921" spans="14:14">
      <c r="N424921" s="10"/>
    </row>
    <row r="424922" spans="14:14">
      <c r="N424922" s="10"/>
    </row>
    <row r="424923" spans="14:14">
      <c r="N424923" s="10"/>
    </row>
    <row r="424924" spans="14:14">
      <c r="N424924" s="10"/>
    </row>
    <row r="424925" spans="14:14">
      <c r="N424925" s="10"/>
    </row>
    <row r="424926" spans="14:14">
      <c r="N424926" s="10"/>
    </row>
    <row r="424927" spans="14:14">
      <c r="N424927" s="10"/>
    </row>
    <row r="424928" spans="14:14">
      <c r="N424928" s="10"/>
    </row>
    <row r="424929" spans="14:14">
      <c r="N424929" s="10"/>
    </row>
    <row r="424930" spans="14:14">
      <c r="N424930" s="10"/>
    </row>
    <row r="424931" spans="14:14">
      <c r="N424931" s="10"/>
    </row>
    <row r="424932" spans="14:14">
      <c r="N424932" s="10"/>
    </row>
    <row r="424933" spans="14:14">
      <c r="N424933" s="10"/>
    </row>
    <row r="424934" spans="14:14">
      <c r="N424934" s="10"/>
    </row>
    <row r="424935" spans="14:14">
      <c r="N424935" s="10"/>
    </row>
    <row r="424936" spans="14:14">
      <c r="N424936" s="10"/>
    </row>
    <row r="424937" spans="14:14">
      <c r="N424937" s="10"/>
    </row>
    <row r="424938" spans="14:14">
      <c r="N424938" s="10"/>
    </row>
    <row r="424939" spans="14:14">
      <c r="N424939" s="10"/>
    </row>
    <row r="424940" spans="14:14">
      <c r="N424940" s="10"/>
    </row>
    <row r="424941" spans="14:14">
      <c r="N424941" s="10"/>
    </row>
    <row r="424942" spans="14:14">
      <c r="N424942" s="10"/>
    </row>
    <row r="424943" spans="14:14">
      <c r="N424943" s="10"/>
    </row>
    <row r="424944" spans="14:14">
      <c r="N424944" s="10"/>
    </row>
    <row r="424945" spans="14:14">
      <c r="N424945" s="10"/>
    </row>
    <row r="424946" spans="14:14">
      <c r="N424946" s="10"/>
    </row>
    <row r="424947" spans="14:14">
      <c r="N424947" s="10"/>
    </row>
    <row r="424948" spans="14:14">
      <c r="N424948" s="10"/>
    </row>
    <row r="424949" spans="14:14">
      <c r="N424949" s="10"/>
    </row>
    <row r="424950" spans="14:14">
      <c r="N424950" s="10"/>
    </row>
    <row r="424951" spans="14:14">
      <c r="N424951" s="10"/>
    </row>
    <row r="424952" spans="14:14">
      <c r="N424952" s="10"/>
    </row>
    <row r="424953" spans="14:14">
      <c r="N424953" s="10"/>
    </row>
    <row r="424954" spans="14:14">
      <c r="N424954" s="10"/>
    </row>
    <row r="424955" spans="14:14">
      <c r="N424955" s="10"/>
    </row>
    <row r="424956" spans="14:14">
      <c r="N424956" s="10"/>
    </row>
    <row r="424957" spans="14:14">
      <c r="N424957" s="10"/>
    </row>
    <row r="424958" spans="14:14">
      <c r="N424958" s="10"/>
    </row>
    <row r="424959" spans="14:14">
      <c r="N424959" s="10"/>
    </row>
    <row r="424960" spans="14:14">
      <c r="N424960" s="10"/>
    </row>
    <row r="424961" spans="14:14">
      <c r="N424961" s="10"/>
    </row>
    <row r="424962" spans="14:14">
      <c r="N424962" s="10"/>
    </row>
    <row r="424963" spans="14:14">
      <c r="N424963" s="10"/>
    </row>
    <row r="424964" spans="14:14">
      <c r="N424964" s="10"/>
    </row>
    <row r="424965" spans="14:14">
      <c r="N424965" s="10"/>
    </row>
    <row r="424966" spans="14:14">
      <c r="N424966" s="10"/>
    </row>
    <row r="424967" spans="14:14">
      <c r="N424967" s="10"/>
    </row>
    <row r="424968" spans="14:14">
      <c r="N424968" s="10"/>
    </row>
    <row r="424969" spans="14:14">
      <c r="N424969" s="10"/>
    </row>
    <row r="424970" spans="14:14">
      <c r="N424970" s="10"/>
    </row>
    <row r="424971" spans="14:14">
      <c r="N424971" s="10"/>
    </row>
    <row r="424972" spans="14:14">
      <c r="N424972" s="10"/>
    </row>
    <row r="424973" spans="14:14">
      <c r="N424973" s="10"/>
    </row>
    <row r="424974" spans="14:14">
      <c r="N424974" s="10"/>
    </row>
    <row r="424975" spans="14:14">
      <c r="N424975" s="10"/>
    </row>
    <row r="424976" spans="14:14">
      <c r="N424976" s="10"/>
    </row>
    <row r="424977" spans="14:14">
      <c r="N424977" s="10"/>
    </row>
    <row r="424978" spans="14:14">
      <c r="N424978" s="10"/>
    </row>
    <row r="424979" spans="14:14">
      <c r="N424979" s="10"/>
    </row>
    <row r="424980" spans="14:14">
      <c r="N424980" s="10"/>
    </row>
    <row r="424981" spans="14:14">
      <c r="N424981" s="10"/>
    </row>
    <row r="424982" spans="14:14">
      <c r="N424982" s="10"/>
    </row>
    <row r="424983" spans="14:14">
      <c r="N424983" s="10"/>
    </row>
    <row r="424984" spans="14:14">
      <c r="N424984" s="10"/>
    </row>
    <row r="424985" spans="14:14">
      <c r="N424985" s="10"/>
    </row>
    <row r="424986" spans="14:14">
      <c r="N424986" s="10"/>
    </row>
    <row r="424987" spans="14:14">
      <c r="N424987" s="10"/>
    </row>
    <row r="424988" spans="14:14">
      <c r="N424988" s="10"/>
    </row>
    <row r="424989" spans="14:14">
      <c r="N424989" s="10"/>
    </row>
    <row r="424990" spans="14:14">
      <c r="N424990" s="10"/>
    </row>
    <row r="424991" spans="14:14">
      <c r="N424991" s="10"/>
    </row>
    <row r="424992" spans="14:14">
      <c r="N424992" s="10"/>
    </row>
    <row r="424993" spans="14:14">
      <c r="N424993" s="10"/>
    </row>
    <row r="424994" spans="14:14">
      <c r="N424994" s="10"/>
    </row>
    <row r="424995" spans="14:14">
      <c r="N424995" s="10"/>
    </row>
    <row r="424996" spans="14:14">
      <c r="N424996" s="10"/>
    </row>
    <row r="424997" spans="14:14">
      <c r="N424997" s="10"/>
    </row>
    <row r="424998" spans="14:14">
      <c r="N424998" s="10"/>
    </row>
    <row r="424999" spans="14:14">
      <c r="N424999" s="10"/>
    </row>
    <row r="425000" spans="14:14">
      <c r="N425000" s="10"/>
    </row>
    <row r="425001" spans="14:14">
      <c r="N425001" s="10"/>
    </row>
    <row r="425002" spans="14:14">
      <c r="N425002" s="10"/>
    </row>
    <row r="425003" spans="14:14">
      <c r="N425003" s="10"/>
    </row>
    <row r="425004" spans="14:14">
      <c r="N425004" s="10"/>
    </row>
    <row r="425005" spans="14:14">
      <c r="N425005" s="10"/>
    </row>
    <row r="425006" spans="14:14">
      <c r="N425006" s="10"/>
    </row>
    <row r="425007" spans="14:14">
      <c r="N425007" s="10"/>
    </row>
    <row r="425008" spans="14:14">
      <c r="N425008" s="10"/>
    </row>
    <row r="425009" spans="14:14">
      <c r="N425009" s="10"/>
    </row>
    <row r="425010" spans="14:14">
      <c r="N425010" s="10"/>
    </row>
    <row r="425011" spans="14:14">
      <c r="N425011" s="10"/>
    </row>
    <row r="425012" spans="14:14">
      <c r="N425012" s="10"/>
    </row>
    <row r="425013" spans="14:14">
      <c r="N425013" s="10"/>
    </row>
    <row r="425014" spans="14:14">
      <c r="N425014" s="10"/>
    </row>
    <row r="425015" spans="14:14">
      <c r="N425015" s="10"/>
    </row>
    <row r="425016" spans="14:14">
      <c r="N425016" s="10"/>
    </row>
    <row r="425017" spans="14:14">
      <c r="N425017" s="10"/>
    </row>
    <row r="425018" spans="14:14">
      <c r="N425018" s="10"/>
    </row>
    <row r="425019" spans="14:14">
      <c r="N425019" s="10"/>
    </row>
    <row r="425020" spans="14:14">
      <c r="N425020" s="10"/>
    </row>
    <row r="425021" spans="14:14">
      <c r="N425021" s="10"/>
    </row>
    <row r="425022" spans="14:14">
      <c r="N425022" s="10"/>
    </row>
    <row r="425023" spans="14:14">
      <c r="N425023" s="10"/>
    </row>
    <row r="425024" spans="14:14">
      <c r="N425024" s="10"/>
    </row>
    <row r="425025" spans="14:14">
      <c r="N425025" s="10"/>
    </row>
    <row r="425026" spans="14:14">
      <c r="N425026" s="10"/>
    </row>
    <row r="425027" spans="14:14">
      <c r="N425027" s="10"/>
    </row>
    <row r="425028" spans="14:14">
      <c r="N425028" s="10"/>
    </row>
    <row r="425029" spans="14:14">
      <c r="N425029" s="10"/>
    </row>
    <row r="425030" spans="14:14">
      <c r="N425030" s="10"/>
    </row>
    <row r="425031" spans="14:14">
      <c r="N425031" s="10"/>
    </row>
    <row r="425032" spans="14:14">
      <c r="N425032" s="10"/>
    </row>
    <row r="425033" spans="14:14">
      <c r="N425033" s="10"/>
    </row>
    <row r="425034" spans="14:14">
      <c r="N425034" s="10"/>
    </row>
    <row r="425035" spans="14:14">
      <c r="N425035" s="10"/>
    </row>
    <row r="425036" spans="14:14">
      <c r="N425036" s="10"/>
    </row>
    <row r="425037" spans="14:14">
      <c r="N425037" s="10"/>
    </row>
    <row r="425038" spans="14:14">
      <c r="N425038" s="10"/>
    </row>
    <row r="425039" spans="14:14">
      <c r="N425039" s="10"/>
    </row>
    <row r="425040" spans="14:14">
      <c r="N425040" s="10"/>
    </row>
    <row r="425041" spans="14:14">
      <c r="N425041" s="10"/>
    </row>
    <row r="425042" spans="14:14">
      <c r="N425042" s="10"/>
    </row>
    <row r="425043" spans="14:14">
      <c r="N425043" s="10"/>
    </row>
    <row r="425044" spans="14:14">
      <c r="N425044" s="10"/>
    </row>
    <row r="425045" spans="14:14">
      <c r="N425045" s="10"/>
    </row>
    <row r="425046" spans="14:14">
      <c r="N425046" s="10"/>
    </row>
    <row r="425047" spans="14:14">
      <c r="N425047" s="10"/>
    </row>
    <row r="425048" spans="14:14">
      <c r="N425048" s="10"/>
    </row>
    <row r="425049" spans="14:14">
      <c r="N425049" s="10"/>
    </row>
    <row r="425050" spans="14:14">
      <c r="N425050" s="10"/>
    </row>
    <row r="425051" spans="14:14">
      <c r="N425051" s="10"/>
    </row>
    <row r="425052" spans="14:14">
      <c r="N425052" s="10"/>
    </row>
    <row r="425053" spans="14:14">
      <c r="N425053" s="10"/>
    </row>
    <row r="425054" spans="14:14">
      <c r="N425054" s="10"/>
    </row>
    <row r="425055" spans="14:14">
      <c r="N425055" s="10"/>
    </row>
    <row r="425056" spans="14:14">
      <c r="N425056" s="10"/>
    </row>
    <row r="425057" spans="14:14">
      <c r="N425057" s="10"/>
    </row>
    <row r="425058" spans="14:14">
      <c r="N425058" s="10"/>
    </row>
    <row r="425059" spans="14:14">
      <c r="N425059" s="10"/>
    </row>
    <row r="425060" spans="14:14">
      <c r="N425060" s="10"/>
    </row>
    <row r="425061" spans="14:14">
      <c r="N425061" s="10"/>
    </row>
    <row r="425062" spans="14:14">
      <c r="N425062" s="10"/>
    </row>
    <row r="425063" spans="14:14">
      <c r="N425063" s="10"/>
    </row>
    <row r="425064" spans="14:14">
      <c r="N425064" s="10"/>
    </row>
    <row r="425065" spans="14:14">
      <c r="N425065" s="10"/>
    </row>
    <row r="425066" spans="14:14">
      <c r="N425066" s="10"/>
    </row>
    <row r="425067" spans="14:14">
      <c r="N425067" s="10"/>
    </row>
    <row r="425068" spans="14:14">
      <c r="N425068" s="10"/>
    </row>
    <row r="425069" spans="14:14">
      <c r="N425069" s="10"/>
    </row>
    <row r="425070" spans="14:14">
      <c r="N425070" s="10"/>
    </row>
    <row r="425071" spans="14:14">
      <c r="N425071" s="10"/>
    </row>
    <row r="425072" spans="14:14">
      <c r="N425072" s="10"/>
    </row>
    <row r="425073" spans="14:14">
      <c r="N425073" s="10"/>
    </row>
    <row r="425074" spans="14:14">
      <c r="N425074" s="10"/>
    </row>
    <row r="425075" spans="14:14">
      <c r="N425075" s="10"/>
    </row>
    <row r="425076" spans="14:14">
      <c r="N425076" s="10"/>
    </row>
    <row r="425077" spans="14:14">
      <c r="N425077" s="10"/>
    </row>
    <row r="425078" spans="14:14">
      <c r="N425078" s="10"/>
    </row>
    <row r="425079" spans="14:14">
      <c r="N425079" s="10"/>
    </row>
    <row r="425080" spans="14:14">
      <c r="N425080" s="10"/>
    </row>
    <row r="425081" spans="14:14">
      <c r="N425081" s="10"/>
    </row>
    <row r="425082" spans="14:14">
      <c r="N425082" s="10"/>
    </row>
    <row r="425083" spans="14:14">
      <c r="N425083" s="10"/>
    </row>
    <row r="425084" spans="14:14">
      <c r="N425084" s="10"/>
    </row>
    <row r="425085" spans="14:14">
      <c r="N425085" s="10"/>
    </row>
    <row r="425086" spans="14:14">
      <c r="N425086" s="10"/>
    </row>
    <row r="425087" spans="14:14">
      <c r="N425087" s="10"/>
    </row>
    <row r="425088" spans="14:14">
      <c r="N425088" s="10"/>
    </row>
    <row r="425089" spans="14:14">
      <c r="N425089" s="10"/>
    </row>
    <row r="425090" spans="14:14">
      <c r="N425090" s="10"/>
    </row>
    <row r="425091" spans="14:14">
      <c r="N425091" s="10"/>
    </row>
    <row r="425092" spans="14:14">
      <c r="N425092" s="10"/>
    </row>
    <row r="425093" spans="14:14">
      <c r="N425093" s="10"/>
    </row>
    <row r="425094" spans="14:14">
      <c r="N425094" s="10"/>
    </row>
    <row r="425095" spans="14:14">
      <c r="N425095" s="10"/>
    </row>
    <row r="425096" spans="14:14">
      <c r="N425096" s="10"/>
    </row>
    <row r="425097" spans="14:14">
      <c r="N425097" s="10"/>
    </row>
    <row r="425098" spans="14:14">
      <c r="N425098" s="10"/>
    </row>
    <row r="425099" spans="14:14">
      <c r="N425099" s="10"/>
    </row>
    <row r="425100" spans="14:14">
      <c r="N425100" s="10"/>
    </row>
    <row r="425101" spans="14:14">
      <c r="N425101" s="10"/>
    </row>
    <row r="425102" spans="14:14">
      <c r="N425102" s="10"/>
    </row>
    <row r="425103" spans="14:14">
      <c r="N425103" s="10"/>
    </row>
    <row r="425104" spans="14:14">
      <c r="N425104" s="10"/>
    </row>
    <row r="425105" spans="14:14">
      <c r="N425105" s="10"/>
    </row>
    <row r="425106" spans="14:14">
      <c r="N425106" s="10"/>
    </row>
    <row r="425107" spans="14:14">
      <c r="N425107" s="10"/>
    </row>
    <row r="425108" spans="14:14">
      <c r="N425108" s="10"/>
    </row>
    <row r="425109" spans="14:14">
      <c r="N425109" s="10"/>
    </row>
    <row r="425110" spans="14:14">
      <c r="N425110" s="10"/>
    </row>
    <row r="425111" spans="14:14">
      <c r="N425111" s="10"/>
    </row>
    <row r="425112" spans="14:14">
      <c r="N425112" s="10"/>
    </row>
    <row r="425113" spans="14:14">
      <c r="N425113" s="10"/>
    </row>
    <row r="425114" spans="14:14">
      <c r="N425114" s="10"/>
    </row>
    <row r="425115" spans="14:14">
      <c r="N425115" s="10"/>
    </row>
    <row r="425116" spans="14:14">
      <c r="N425116" s="10"/>
    </row>
    <row r="425117" spans="14:14">
      <c r="N425117" s="10"/>
    </row>
    <row r="425118" spans="14:14">
      <c r="N425118" s="10"/>
    </row>
    <row r="425119" spans="14:14">
      <c r="N425119" s="10"/>
    </row>
    <row r="425120" spans="14:14">
      <c r="N425120" s="10"/>
    </row>
    <row r="425121" spans="14:14">
      <c r="N425121" s="10"/>
    </row>
    <row r="425122" spans="14:14">
      <c r="N425122" s="10"/>
    </row>
    <row r="425123" spans="14:14">
      <c r="N425123" s="10"/>
    </row>
    <row r="425124" spans="14:14">
      <c r="N425124" s="10"/>
    </row>
    <row r="425125" spans="14:14">
      <c r="N425125" s="10"/>
    </row>
    <row r="425126" spans="14:14">
      <c r="N425126" s="10"/>
    </row>
    <row r="425127" spans="14:14">
      <c r="N425127" s="10"/>
    </row>
    <row r="425128" spans="14:14">
      <c r="N425128" s="10"/>
    </row>
    <row r="425129" spans="14:14">
      <c r="N425129" s="10"/>
    </row>
    <row r="425130" spans="14:14">
      <c r="N425130" s="10"/>
    </row>
    <row r="425131" spans="14:14">
      <c r="N425131" s="10"/>
    </row>
    <row r="425132" spans="14:14">
      <c r="N425132" s="10"/>
    </row>
    <row r="425133" spans="14:14">
      <c r="N425133" s="10"/>
    </row>
    <row r="425134" spans="14:14">
      <c r="N425134" s="10"/>
    </row>
    <row r="425135" spans="14:14">
      <c r="N425135" s="10"/>
    </row>
    <row r="425136" spans="14:14">
      <c r="N425136" s="10"/>
    </row>
    <row r="425137" spans="14:14">
      <c r="N425137" s="10"/>
    </row>
    <row r="425138" spans="14:14">
      <c r="N425138" s="10"/>
    </row>
    <row r="425139" spans="14:14">
      <c r="N425139" s="10"/>
    </row>
    <row r="425140" spans="14:14">
      <c r="N425140" s="10"/>
    </row>
    <row r="425141" spans="14:14">
      <c r="N425141" s="10"/>
    </row>
    <row r="425142" spans="14:14">
      <c r="N425142" s="10"/>
    </row>
    <row r="425143" spans="14:14">
      <c r="N425143" s="10"/>
    </row>
    <row r="425144" spans="14:14">
      <c r="N425144" s="10"/>
    </row>
    <row r="425145" spans="14:14">
      <c r="N425145" s="10"/>
    </row>
    <row r="425146" spans="14:14">
      <c r="N425146" s="10"/>
    </row>
    <row r="425147" spans="14:14">
      <c r="N425147" s="10"/>
    </row>
    <row r="425148" spans="14:14">
      <c r="N425148" s="10"/>
    </row>
    <row r="425149" spans="14:14">
      <c r="N425149" s="10"/>
    </row>
    <row r="425150" spans="14:14">
      <c r="N425150" s="10"/>
    </row>
    <row r="425151" spans="14:14">
      <c r="N425151" s="10"/>
    </row>
    <row r="425152" spans="14:14">
      <c r="N425152" s="10"/>
    </row>
    <row r="425153" spans="14:14">
      <c r="N425153" s="10"/>
    </row>
    <row r="425154" spans="14:14">
      <c r="N425154" s="10"/>
    </row>
    <row r="425155" spans="14:14">
      <c r="N425155" s="10"/>
    </row>
    <row r="425156" spans="14:14">
      <c r="N425156" s="10"/>
    </row>
    <row r="425157" spans="14:14">
      <c r="N425157" s="10"/>
    </row>
    <row r="425158" spans="14:14">
      <c r="N425158" s="10"/>
    </row>
    <row r="425159" spans="14:14">
      <c r="N425159" s="10"/>
    </row>
    <row r="425160" spans="14:14">
      <c r="N425160" s="10"/>
    </row>
    <row r="425161" spans="14:14">
      <c r="N425161" s="10"/>
    </row>
    <row r="425162" spans="14:14">
      <c r="N425162" s="10"/>
    </row>
    <row r="425163" spans="14:14">
      <c r="N425163" s="10"/>
    </row>
    <row r="425164" spans="14:14">
      <c r="N425164" s="10"/>
    </row>
    <row r="425165" spans="14:14">
      <c r="N425165" s="10"/>
    </row>
    <row r="425166" spans="14:14">
      <c r="N425166" s="10"/>
    </row>
    <row r="425167" spans="14:14">
      <c r="N425167" s="10"/>
    </row>
    <row r="425168" spans="14:14">
      <c r="N425168" s="10"/>
    </row>
    <row r="425169" spans="14:14">
      <c r="N425169" s="10"/>
    </row>
    <row r="425170" spans="14:14">
      <c r="N425170" s="10"/>
    </row>
    <row r="425171" spans="14:14">
      <c r="N425171" s="10"/>
    </row>
    <row r="425172" spans="14:14">
      <c r="N425172" s="10"/>
    </row>
    <row r="425173" spans="14:14">
      <c r="N425173" s="10"/>
    </row>
    <row r="425174" spans="14:14">
      <c r="N425174" s="10"/>
    </row>
    <row r="425175" spans="14:14">
      <c r="N425175" s="10"/>
    </row>
    <row r="425176" spans="14:14">
      <c r="N425176" s="10"/>
    </row>
    <row r="425177" spans="14:14">
      <c r="N425177" s="10"/>
    </row>
    <row r="425178" spans="14:14">
      <c r="N425178" s="10"/>
    </row>
    <row r="425179" spans="14:14">
      <c r="N425179" s="10"/>
    </row>
    <row r="425180" spans="14:14">
      <c r="N425180" s="10"/>
    </row>
    <row r="425181" spans="14:14">
      <c r="N425181" s="10"/>
    </row>
    <row r="425182" spans="14:14">
      <c r="N425182" s="10"/>
    </row>
    <row r="425183" spans="14:14">
      <c r="N425183" s="10"/>
    </row>
    <row r="425184" spans="14:14">
      <c r="N425184" s="10"/>
    </row>
    <row r="425185" spans="14:14">
      <c r="N425185" s="10"/>
    </row>
    <row r="425186" spans="14:14">
      <c r="N425186" s="10"/>
    </row>
    <row r="425187" spans="14:14">
      <c r="N425187" s="10"/>
    </row>
    <row r="425188" spans="14:14">
      <c r="N425188" s="10"/>
    </row>
    <row r="425189" spans="14:14">
      <c r="N425189" s="10"/>
    </row>
    <row r="425190" spans="14:14">
      <c r="N425190" s="10"/>
    </row>
    <row r="425191" spans="14:14">
      <c r="N425191" s="10"/>
    </row>
    <row r="425192" spans="14:14">
      <c r="N425192" s="10"/>
    </row>
    <row r="425193" spans="14:14">
      <c r="N425193" s="10"/>
    </row>
    <row r="425194" spans="14:14">
      <c r="N425194" s="10"/>
    </row>
    <row r="425195" spans="14:14">
      <c r="N425195" s="10"/>
    </row>
    <row r="425196" spans="14:14">
      <c r="N425196" s="10"/>
    </row>
    <row r="425197" spans="14:14">
      <c r="N425197" s="10"/>
    </row>
    <row r="425198" spans="14:14">
      <c r="N425198" s="10"/>
    </row>
    <row r="425199" spans="14:14">
      <c r="N425199" s="10"/>
    </row>
    <row r="425200" spans="14:14">
      <c r="N425200" s="10"/>
    </row>
    <row r="425201" spans="14:14">
      <c r="N425201" s="10"/>
    </row>
    <row r="425202" spans="14:14">
      <c r="N425202" s="10"/>
    </row>
    <row r="425203" spans="14:14">
      <c r="N425203" s="10"/>
    </row>
    <row r="425204" spans="14:14">
      <c r="N425204" s="10"/>
    </row>
    <row r="425205" spans="14:14">
      <c r="N425205" s="10"/>
    </row>
    <row r="425206" spans="14:14">
      <c r="N425206" s="10"/>
    </row>
    <row r="425207" spans="14:14">
      <c r="N425207" s="10"/>
    </row>
    <row r="425208" spans="14:14">
      <c r="N425208" s="10"/>
    </row>
    <row r="425209" spans="14:14">
      <c r="N425209" s="10"/>
    </row>
    <row r="425210" spans="14:14">
      <c r="N425210" s="10"/>
    </row>
    <row r="425211" spans="14:14">
      <c r="N425211" s="10"/>
    </row>
    <row r="425212" spans="14:14">
      <c r="N425212" s="10"/>
    </row>
    <row r="425213" spans="14:14">
      <c r="N425213" s="10"/>
    </row>
    <row r="425214" spans="14:14">
      <c r="N425214" s="10"/>
    </row>
    <row r="425215" spans="14:14">
      <c r="N425215" s="10"/>
    </row>
    <row r="425216" spans="14:14">
      <c r="N425216" s="10"/>
    </row>
    <row r="425217" spans="14:14">
      <c r="N425217" s="10"/>
    </row>
    <row r="425218" spans="14:14">
      <c r="N425218" s="10"/>
    </row>
    <row r="425219" spans="14:14">
      <c r="N425219" s="10"/>
    </row>
    <row r="425220" spans="14:14">
      <c r="N425220" s="10"/>
    </row>
    <row r="425221" spans="14:14">
      <c r="N425221" s="10"/>
    </row>
    <row r="425222" spans="14:14">
      <c r="N425222" s="10"/>
    </row>
    <row r="425223" spans="14:14">
      <c r="N425223" s="10"/>
    </row>
    <row r="425224" spans="14:14">
      <c r="N425224" s="10"/>
    </row>
    <row r="425225" spans="14:14">
      <c r="N425225" s="10"/>
    </row>
    <row r="425226" spans="14:14">
      <c r="N425226" s="10"/>
    </row>
    <row r="425227" spans="14:14">
      <c r="N425227" s="10"/>
    </row>
    <row r="425228" spans="14:14">
      <c r="N425228" s="10"/>
    </row>
    <row r="425229" spans="14:14">
      <c r="N425229" s="10"/>
    </row>
    <row r="425230" spans="14:14">
      <c r="N425230" s="10"/>
    </row>
    <row r="425231" spans="14:14">
      <c r="N425231" s="10"/>
    </row>
    <row r="425232" spans="14:14">
      <c r="N425232" s="10"/>
    </row>
    <row r="425233" spans="14:14">
      <c r="N425233" s="10"/>
    </row>
    <row r="425234" spans="14:14">
      <c r="N425234" s="10"/>
    </row>
    <row r="425235" spans="14:14">
      <c r="N425235" s="10"/>
    </row>
    <row r="425236" spans="14:14">
      <c r="N425236" s="10"/>
    </row>
    <row r="425237" spans="14:14">
      <c r="N425237" s="10"/>
    </row>
    <row r="425238" spans="14:14">
      <c r="N425238" s="10"/>
    </row>
    <row r="425239" spans="14:14">
      <c r="N425239" s="10"/>
    </row>
    <row r="425240" spans="14:14">
      <c r="N425240" s="10"/>
    </row>
    <row r="425241" spans="14:14">
      <c r="N425241" s="10"/>
    </row>
    <row r="425242" spans="14:14">
      <c r="N425242" s="10"/>
    </row>
    <row r="425243" spans="14:14">
      <c r="N425243" s="10"/>
    </row>
    <row r="425244" spans="14:14">
      <c r="N425244" s="10"/>
    </row>
    <row r="425245" spans="14:14">
      <c r="N425245" s="10"/>
    </row>
    <row r="425246" spans="14:14">
      <c r="N425246" s="10"/>
    </row>
    <row r="425247" spans="14:14">
      <c r="N425247" s="10"/>
    </row>
    <row r="425248" spans="14:14">
      <c r="N425248" s="10"/>
    </row>
    <row r="425249" spans="14:14">
      <c r="N425249" s="10"/>
    </row>
    <row r="425250" spans="14:14">
      <c r="N425250" s="10"/>
    </row>
    <row r="425251" spans="14:14">
      <c r="N425251" s="10"/>
    </row>
    <row r="425252" spans="14:14">
      <c r="N425252" s="10"/>
    </row>
    <row r="425253" spans="14:14">
      <c r="N425253" s="10"/>
    </row>
    <row r="425254" spans="14:14">
      <c r="N425254" s="10"/>
    </row>
    <row r="425255" spans="14:14">
      <c r="N425255" s="10"/>
    </row>
    <row r="425256" spans="14:14">
      <c r="N425256" s="10"/>
    </row>
    <row r="425257" spans="14:14">
      <c r="N425257" s="10"/>
    </row>
    <row r="425258" spans="14:14">
      <c r="N425258" s="10"/>
    </row>
    <row r="425259" spans="14:14">
      <c r="N425259" s="10"/>
    </row>
    <row r="425260" spans="14:14">
      <c r="N425260" s="10"/>
    </row>
    <row r="425261" spans="14:14">
      <c r="N425261" s="10"/>
    </row>
    <row r="425262" spans="14:14">
      <c r="N425262" s="10"/>
    </row>
    <row r="425263" spans="14:14">
      <c r="N425263" s="10"/>
    </row>
    <row r="425264" spans="14:14">
      <c r="N425264" s="10"/>
    </row>
    <row r="425265" spans="14:14">
      <c r="N425265" s="10"/>
    </row>
    <row r="425266" spans="14:14">
      <c r="N425266" s="10"/>
    </row>
    <row r="425267" spans="14:14">
      <c r="N425267" s="10"/>
    </row>
    <row r="425268" spans="14:14">
      <c r="N425268" s="10"/>
    </row>
    <row r="425269" spans="14:14">
      <c r="N425269" s="10"/>
    </row>
    <row r="425270" spans="14:14">
      <c r="N425270" s="10"/>
    </row>
    <row r="425271" spans="14:14">
      <c r="N425271" s="10"/>
    </row>
    <row r="425272" spans="14:14">
      <c r="N425272" s="10"/>
    </row>
    <row r="425273" spans="14:14">
      <c r="N425273" s="10"/>
    </row>
    <row r="425274" spans="14:14">
      <c r="N425274" s="10"/>
    </row>
    <row r="425275" spans="14:14">
      <c r="N425275" s="10"/>
    </row>
    <row r="425276" spans="14:14">
      <c r="N425276" s="10"/>
    </row>
    <row r="425277" spans="14:14">
      <c r="N425277" s="10"/>
    </row>
    <row r="425278" spans="14:14">
      <c r="N425278" s="10"/>
    </row>
    <row r="425279" spans="14:14">
      <c r="N425279" s="10"/>
    </row>
    <row r="425280" spans="14:14">
      <c r="N425280" s="10"/>
    </row>
    <row r="425281" spans="14:14">
      <c r="N425281" s="10"/>
    </row>
    <row r="425282" spans="14:14">
      <c r="N425282" s="10"/>
    </row>
    <row r="425283" spans="14:14">
      <c r="N425283" s="10"/>
    </row>
    <row r="425284" spans="14:14">
      <c r="N425284" s="10"/>
    </row>
    <row r="425285" spans="14:14">
      <c r="N425285" s="10"/>
    </row>
    <row r="425286" spans="14:14">
      <c r="N425286" s="10"/>
    </row>
    <row r="425287" spans="14:14">
      <c r="N425287" s="10"/>
    </row>
    <row r="425288" spans="14:14">
      <c r="N425288" s="10"/>
    </row>
    <row r="425289" spans="14:14">
      <c r="N425289" s="10"/>
    </row>
    <row r="425290" spans="14:14">
      <c r="N425290" s="10"/>
    </row>
    <row r="425291" spans="14:14">
      <c r="N425291" s="10"/>
    </row>
    <row r="425292" spans="14:14">
      <c r="N425292" s="10"/>
    </row>
    <row r="425293" spans="14:14">
      <c r="N425293" s="10"/>
    </row>
    <row r="425294" spans="14:14">
      <c r="N425294" s="10"/>
    </row>
    <row r="425295" spans="14:14">
      <c r="N425295" s="10"/>
    </row>
    <row r="425296" spans="14:14">
      <c r="N425296" s="10"/>
    </row>
    <row r="425297" spans="14:14">
      <c r="N425297" s="10"/>
    </row>
    <row r="425298" spans="14:14">
      <c r="N425298" s="10"/>
    </row>
    <row r="425299" spans="14:14">
      <c r="N425299" s="10"/>
    </row>
    <row r="425300" spans="14:14">
      <c r="N425300" s="10"/>
    </row>
    <row r="425301" spans="14:14">
      <c r="N425301" s="10"/>
    </row>
    <row r="425302" spans="14:14">
      <c r="N425302" s="10"/>
    </row>
    <row r="425303" spans="14:14">
      <c r="N425303" s="10"/>
    </row>
    <row r="425304" spans="14:14">
      <c r="N425304" s="10"/>
    </row>
    <row r="425305" spans="14:14">
      <c r="N425305" s="10"/>
    </row>
    <row r="425306" spans="14:14">
      <c r="N425306" s="10"/>
    </row>
    <row r="425307" spans="14:14">
      <c r="N425307" s="10"/>
    </row>
    <row r="425308" spans="14:14">
      <c r="N425308" s="10"/>
    </row>
    <row r="425309" spans="14:14">
      <c r="N425309" s="10"/>
    </row>
    <row r="425310" spans="14:14">
      <c r="N425310" s="10"/>
    </row>
    <row r="425311" spans="14:14">
      <c r="N425311" s="10"/>
    </row>
    <row r="425312" spans="14:14">
      <c r="N425312" s="10"/>
    </row>
    <row r="425313" spans="14:14">
      <c r="N425313" s="10"/>
    </row>
    <row r="425314" spans="14:14">
      <c r="N425314" s="10"/>
    </row>
    <row r="425315" spans="14:14">
      <c r="N425315" s="10"/>
    </row>
    <row r="425316" spans="14:14">
      <c r="N425316" s="10"/>
    </row>
    <row r="425317" spans="14:14">
      <c r="N425317" s="10"/>
    </row>
    <row r="425318" spans="14:14">
      <c r="N425318" s="10"/>
    </row>
    <row r="425319" spans="14:14">
      <c r="N425319" s="10"/>
    </row>
    <row r="425320" spans="14:14">
      <c r="N425320" s="10"/>
    </row>
    <row r="425321" spans="14:14">
      <c r="N425321" s="10"/>
    </row>
    <row r="425322" spans="14:14">
      <c r="N425322" s="10"/>
    </row>
    <row r="425323" spans="14:14">
      <c r="N425323" s="10"/>
    </row>
    <row r="425324" spans="14:14">
      <c r="N425324" s="10"/>
    </row>
    <row r="425325" spans="14:14">
      <c r="N425325" s="10"/>
    </row>
    <row r="425326" spans="14:14">
      <c r="N425326" s="10"/>
    </row>
    <row r="425327" spans="14:14">
      <c r="N425327" s="10"/>
    </row>
    <row r="425328" spans="14:14">
      <c r="N425328" s="10"/>
    </row>
    <row r="425329" spans="14:14">
      <c r="N425329" s="10"/>
    </row>
    <row r="425330" spans="14:14">
      <c r="N425330" s="10"/>
    </row>
    <row r="425331" spans="14:14">
      <c r="N425331" s="10"/>
    </row>
    <row r="425332" spans="14:14">
      <c r="N425332" s="10"/>
    </row>
    <row r="425333" spans="14:14">
      <c r="N425333" s="10"/>
    </row>
    <row r="425334" spans="14:14">
      <c r="N425334" s="10"/>
    </row>
    <row r="425335" spans="14:14">
      <c r="N425335" s="10"/>
    </row>
    <row r="425336" spans="14:14">
      <c r="N425336" s="10"/>
    </row>
    <row r="425337" spans="14:14">
      <c r="N425337" s="10"/>
    </row>
    <row r="425338" spans="14:14">
      <c r="N425338" s="10"/>
    </row>
    <row r="425339" spans="14:14">
      <c r="N425339" s="10"/>
    </row>
    <row r="425340" spans="14:14">
      <c r="N425340" s="10"/>
    </row>
    <row r="425341" spans="14:14">
      <c r="N425341" s="10"/>
    </row>
    <row r="425342" spans="14:14">
      <c r="N425342" s="10"/>
    </row>
    <row r="425343" spans="14:14">
      <c r="N425343" s="10"/>
    </row>
    <row r="425344" spans="14:14">
      <c r="N425344" s="10"/>
    </row>
    <row r="425345" spans="14:14">
      <c r="N425345" s="10"/>
    </row>
    <row r="425346" spans="14:14">
      <c r="N425346" s="10"/>
    </row>
    <row r="425347" spans="14:14">
      <c r="N425347" s="10"/>
    </row>
    <row r="425348" spans="14:14">
      <c r="N425348" s="10"/>
    </row>
    <row r="425349" spans="14:14">
      <c r="N425349" s="10"/>
    </row>
    <row r="425350" spans="14:14">
      <c r="N425350" s="10"/>
    </row>
    <row r="425351" spans="14:14">
      <c r="N425351" s="10"/>
    </row>
    <row r="425352" spans="14:14">
      <c r="N425352" s="10"/>
    </row>
    <row r="425353" spans="14:14">
      <c r="N425353" s="10"/>
    </row>
    <row r="425354" spans="14:14">
      <c r="N425354" s="10"/>
    </row>
    <row r="425355" spans="14:14">
      <c r="N425355" s="10"/>
    </row>
    <row r="425356" spans="14:14">
      <c r="N425356" s="10"/>
    </row>
    <row r="425357" spans="14:14">
      <c r="N425357" s="10"/>
    </row>
    <row r="425358" spans="14:14">
      <c r="N425358" s="10"/>
    </row>
    <row r="425359" spans="14:14">
      <c r="N425359" s="10"/>
    </row>
    <row r="425360" spans="14:14">
      <c r="N425360" s="10"/>
    </row>
    <row r="425361" spans="14:14">
      <c r="N425361" s="10"/>
    </row>
    <row r="425362" spans="14:14">
      <c r="N425362" s="10"/>
    </row>
    <row r="425363" spans="14:14">
      <c r="N425363" s="10"/>
    </row>
    <row r="425364" spans="14:14">
      <c r="N425364" s="10"/>
    </row>
    <row r="425365" spans="14:14">
      <c r="N425365" s="10"/>
    </row>
    <row r="425366" spans="14:14">
      <c r="N425366" s="10"/>
    </row>
    <row r="425367" spans="14:14">
      <c r="N425367" s="10"/>
    </row>
    <row r="425368" spans="14:14">
      <c r="N425368" s="10"/>
    </row>
    <row r="425369" spans="14:14">
      <c r="N425369" s="10"/>
    </row>
    <row r="425370" spans="14:14">
      <c r="N425370" s="10"/>
    </row>
    <row r="425371" spans="14:14">
      <c r="N425371" s="10"/>
    </row>
    <row r="425372" spans="14:14">
      <c r="N425372" s="10"/>
    </row>
    <row r="425373" spans="14:14">
      <c r="N425373" s="10"/>
    </row>
    <row r="425374" spans="14:14">
      <c r="N425374" s="10"/>
    </row>
    <row r="425375" spans="14:14">
      <c r="N425375" s="10"/>
    </row>
    <row r="425376" spans="14:14">
      <c r="N425376" s="10"/>
    </row>
    <row r="425377" spans="14:14">
      <c r="N425377" s="10"/>
    </row>
    <row r="425378" spans="14:14">
      <c r="N425378" s="10"/>
    </row>
    <row r="425379" spans="14:14">
      <c r="N425379" s="10"/>
    </row>
    <row r="425380" spans="14:14">
      <c r="N425380" s="10"/>
    </row>
    <row r="425381" spans="14:14">
      <c r="N425381" s="10"/>
    </row>
    <row r="425382" spans="14:14">
      <c r="N425382" s="10"/>
    </row>
    <row r="425383" spans="14:14">
      <c r="N425383" s="10"/>
    </row>
    <row r="425384" spans="14:14">
      <c r="N425384" s="10"/>
    </row>
    <row r="425385" spans="14:14">
      <c r="N425385" s="10"/>
    </row>
    <row r="425386" spans="14:14">
      <c r="N425386" s="10"/>
    </row>
    <row r="425387" spans="14:14">
      <c r="N425387" s="10"/>
    </row>
    <row r="425388" spans="14:14">
      <c r="N425388" s="10"/>
    </row>
    <row r="425389" spans="14:14">
      <c r="N425389" s="10"/>
    </row>
    <row r="425390" spans="14:14">
      <c r="N425390" s="10"/>
    </row>
    <row r="425391" spans="14:14">
      <c r="N425391" s="10"/>
    </row>
    <row r="425392" spans="14:14">
      <c r="N425392" s="10"/>
    </row>
    <row r="425393" spans="14:14">
      <c r="N425393" s="10"/>
    </row>
    <row r="425394" spans="14:14">
      <c r="N425394" s="10"/>
    </row>
    <row r="425395" spans="14:14">
      <c r="N425395" s="10"/>
    </row>
    <row r="425396" spans="14:14">
      <c r="N425396" s="10"/>
    </row>
    <row r="425397" spans="14:14">
      <c r="N425397" s="10"/>
    </row>
    <row r="425398" spans="14:14">
      <c r="N425398" s="10"/>
    </row>
    <row r="425399" spans="14:14">
      <c r="N425399" s="10"/>
    </row>
    <row r="425400" spans="14:14">
      <c r="N425400" s="10"/>
    </row>
    <row r="425401" spans="14:14">
      <c r="N425401" s="10"/>
    </row>
    <row r="425402" spans="14:14">
      <c r="N425402" s="10"/>
    </row>
    <row r="425403" spans="14:14">
      <c r="N425403" s="10"/>
    </row>
    <row r="425404" spans="14:14">
      <c r="N425404" s="10"/>
    </row>
    <row r="425405" spans="14:14">
      <c r="N425405" s="10"/>
    </row>
    <row r="425406" spans="14:14">
      <c r="N425406" s="10"/>
    </row>
    <row r="425407" spans="14:14">
      <c r="N425407" s="10"/>
    </row>
    <row r="425408" spans="14:14">
      <c r="N425408" s="10"/>
    </row>
    <row r="425409" spans="14:14">
      <c r="N425409" s="10"/>
    </row>
    <row r="425410" spans="14:14">
      <c r="N425410" s="10"/>
    </row>
    <row r="425411" spans="14:14">
      <c r="N425411" s="10"/>
    </row>
    <row r="425412" spans="14:14">
      <c r="N425412" s="10"/>
    </row>
    <row r="425413" spans="14:14">
      <c r="N425413" s="10"/>
    </row>
    <row r="425414" spans="14:14">
      <c r="N425414" s="10"/>
    </row>
    <row r="425415" spans="14:14">
      <c r="N425415" s="10"/>
    </row>
    <row r="425416" spans="14:14">
      <c r="N425416" s="10"/>
    </row>
    <row r="425417" spans="14:14">
      <c r="N425417" s="10"/>
    </row>
    <row r="425418" spans="14:14">
      <c r="N425418" s="10"/>
    </row>
    <row r="425419" spans="14:14">
      <c r="N425419" s="10"/>
    </row>
    <row r="425420" spans="14:14">
      <c r="N425420" s="10"/>
    </row>
    <row r="425421" spans="14:14">
      <c r="N425421" s="10"/>
    </row>
    <row r="425422" spans="14:14">
      <c r="N425422" s="10"/>
    </row>
    <row r="425423" spans="14:14">
      <c r="N425423" s="10"/>
    </row>
    <row r="425424" spans="14:14">
      <c r="N425424" s="10"/>
    </row>
    <row r="425425" spans="14:14">
      <c r="N425425" s="10"/>
    </row>
    <row r="425426" spans="14:14">
      <c r="N425426" s="10"/>
    </row>
    <row r="425427" spans="14:14">
      <c r="N425427" s="10"/>
    </row>
    <row r="425428" spans="14:14">
      <c r="N425428" s="10"/>
    </row>
    <row r="425429" spans="14:14">
      <c r="N425429" s="10"/>
    </row>
    <row r="425430" spans="14:14">
      <c r="N425430" s="10"/>
    </row>
    <row r="425431" spans="14:14">
      <c r="N425431" s="10"/>
    </row>
    <row r="425432" spans="14:14">
      <c r="N425432" s="10"/>
    </row>
    <row r="425433" spans="14:14">
      <c r="N425433" s="10"/>
    </row>
    <row r="425434" spans="14:14">
      <c r="N425434" s="10"/>
    </row>
    <row r="425435" spans="14:14">
      <c r="N425435" s="10"/>
    </row>
    <row r="425436" spans="14:14">
      <c r="N425436" s="10"/>
    </row>
    <row r="425437" spans="14:14">
      <c r="N425437" s="10"/>
    </row>
    <row r="425438" spans="14:14">
      <c r="N425438" s="10"/>
    </row>
    <row r="425439" spans="14:14">
      <c r="N425439" s="10"/>
    </row>
    <row r="425440" spans="14:14">
      <c r="N425440" s="10"/>
    </row>
    <row r="425441" spans="14:14">
      <c r="N425441" s="10"/>
    </row>
    <row r="425442" spans="14:14">
      <c r="N425442" s="10"/>
    </row>
    <row r="425443" spans="14:14">
      <c r="N425443" s="10"/>
    </row>
    <row r="425444" spans="14:14">
      <c r="N425444" s="10"/>
    </row>
    <row r="425445" spans="14:14">
      <c r="N425445" s="10"/>
    </row>
    <row r="425446" spans="14:14">
      <c r="N425446" s="10"/>
    </row>
    <row r="425447" spans="14:14">
      <c r="N425447" s="10"/>
    </row>
    <row r="425448" spans="14:14">
      <c r="N425448" s="10"/>
    </row>
    <row r="425449" spans="14:14">
      <c r="N425449" s="10"/>
    </row>
    <row r="425450" spans="14:14">
      <c r="N425450" s="10"/>
    </row>
    <row r="425451" spans="14:14">
      <c r="N425451" s="10"/>
    </row>
    <row r="425452" spans="14:14">
      <c r="N425452" s="10"/>
    </row>
    <row r="425453" spans="14:14">
      <c r="N425453" s="10"/>
    </row>
    <row r="425454" spans="14:14">
      <c r="N425454" s="10"/>
    </row>
    <row r="425455" spans="14:14">
      <c r="N425455" s="10"/>
    </row>
    <row r="425456" spans="14:14">
      <c r="N425456" s="10"/>
    </row>
    <row r="425457" spans="14:14">
      <c r="N425457" s="10"/>
    </row>
    <row r="425458" spans="14:14">
      <c r="N425458" s="10"/>
    </row>
    <row r="425459" spans="14:14">
      <c r="N425459" s="10"/>
    </row>
    <row r="425460" spans="14:14">
      <c r="N425460" s="10"/>
    </row>
    <row r="425461" spans="14:14">
      <c r="N425461" s="10"/>
    </row>
    <row r="425462" spans="14:14">
      <c r="N425462" s="10"/>
    </row>
    <row r="425463" spans="14:14">
      <c r="N425463" s="10"/>
    </row>
    <row r="425464" spans="14:14">
      <c r="N425464" s="10"/>
    </row>
    <row r="425465" spans="14:14">
      <c r="N425465" s="10"/>
    </row>
    <row r="425466" spans="14:14">
      <c r="N425466" s="10"/>
    </row>
    <row r="425467" spans="14:14">
      <c r="N425467" s="10"/>
    </row>
    <row r="425468" spans="14:14">
      <c r="N425468" s="10"/>
    </row>
    <row r="425469" spans="14:14">
      <c r="N425469" s="10"/>
    </row>
    <row r="425470" spans="14:14">
      <c r="N425470" s="10"/>
    </row>
    <row r="425471" spans="14:14">
      <c r="N425471" s="10"/>
    </row>
    <row r="425472" spans="14:14">
      <c r="N425472" s="10"/>
    </row>
    <row r="425473" spans="14:14">
      <c r="N425473" s="10"/>
    </row>
    <row r="425474" spans="14:14">
      <c r="N425474" s="10"/>
    </row>
    <row r="425475" spans="14:14">
      <c r="N425475" s="10"/>
    </row>
    <row r="425476" spans="14:14">
      <c r="N425476" s="10"/>
    </row>
    <row r="425477" spans="14:14">
      <c r="N425477" s="10"/>
    </row>
    <row r="425478" spans="14:14">
      <c r="N425478" s="10"/>
    </row>
    <row r="425479" spans="14:14">
      <c r="N425479" s="10"/>
    </row>
    <row r="425480" spans="14:14">
      <c r="N425480" s="10"/>
    </row>
    <row r="425481" spans="14:14">
      <c r="N425481" s="10"/>
    </row>
    <row r="425482" spans="14:14">
      <c r="N425482" s="10"/>
    </row>
    <row r="425483" spans="14:14">
      <c r="N425483" s="10"/>
    </row>
    <row r="425484" spans="14:14">
      <c r="N425484" s="10"/>
    </row>
    <row r="425485" spans="14:14">
      <c r="N425485" s="10"/>
    </row>
    <row r="425486" spans="14:14">
      <c r="N425486" s="10"/>
    </row>
    <row r="425487" spans="14:14">
      <c r="N425487" s="10"/>
    </row>
    <row r="425488" spans="14:14">
      <c r="N425488" s="10"/>
    </row>
    <row r="425489" spans="14:14">
      <c r="N425489" s="10"/>
    </row>
    <row r="425490" spans="14:14">
      <c r="N425490" s="10"/>
    </row>
    <row r="425491" spans="14:14">
      <c r="N425491" s="10"/>
    </row>
    <row r="425492" spans="14:14">
      <c r="N425492" s="10"/>
    </row>
    <row r="425493" spans="14:14">
      <c r="N425493" s="10"/>
    </row>
    <row r="425494" spans="14:14">
      <c r="N425494" s="10"/>
    </row>
    <row r="425495" spans="14:14">
      <c r="N425495" s="10"/>
    </row>
    <row r="425496" spans="14:14">
      <c r="N425496" s="10"/>
    </row>
    <row r="425497" spans="14:14">
      <c r="N425497" s="10"/>
    </row>
    <row r="425498" spans="14:14">
      <c r="N425498" s="10"/>
    </row>
    <row r="425499" spans="14:14">
      <c r="N425499" s="10"/>
    </row>
    <row r="425500" spans="14:14">
      <c r="N425500" s="10"/>
    </row>
    <row r="425501" spans="14:14">
      <c r="N425501" s="10"/>
    </row>
    <row r="425502" spans="14:14">
      <c r="N425502" s="10"/>
    </row>
    <row r="425503" spans="14:14">
      <c r="N425503" s="10"/>
    </row>
    <row r="425504" spans="14:14">
      <c r="N425504" s="10"/>
    </row>
    <row r="425505" spans="14:14">
      <c r="N425505" s="10"/>
    </row>
    <row r="425506" spans="14:14">
      <c r="N425506" s="10"/>
    </row>
    <row r="425507" spans="14:14">
      <c r="N425507" s="10"/>
    </row>
    <row r="425508" spans="14:14">
      <c r="N425508" s="10"/>
    </row>
    <row r="425509" spans="14:14">
      <c r="N425509" s="10"/>
    </row>
    <row r="425510" spans="14:14">
      <c r="N425510" s="10"/>
    </row>
    <row r="425511" spans="14:14">
      <c r="N425511" s="10"/>
    </row>
    <row r="425512" spans="14:14">
      <c r="N425512" s="10"/>
    </row>
    <row r="425513" spans="14:14">
      <c r="N425513" s="10"/>
    </row>
    <row r="425514" spans="14:14">
      <c r="N425514" s="10"/>
    </row>
    <row r="425515" spans="14:14">
      <c r="N425515" s="10"/>
    </row>
    <row r="425516" spans="14:14">
      <c r="N425516" s="10"/>
    </row>
    <row r="425517" spans="14:14">
      <c r="N425517" s="10"/>
    </row>
    <row r="425518" spans="14:14">
      <c r="N425518" s="10"/>
    </row>
    <row r="425519" spans="14:14">
      <c r="N425519" s="10"/>
    </row>
    <row r="425520" spans="14:14">
      <c r="N425520" s="10"/>
    </row>
    <row r="425521" spans="14:14">
      <c r="N425521" s="10"/>
    </row>
    <row r="425522" spans="14:14">
      <c r="N425522" s="10"/>
    </row>
    <row r="425523" spans="14:14">
      <c r="N425523" s="10"/>
    </row>
    <row r="425524" spans="14:14">
      <c r="N425524" s="10"/>
    </row>
    <row r="425525" spans="14:14">
      <c r="N425525" s="10"/>
    </row>
    <row r="425526" spans="14:14">
      <c r="N425526" s="10"/>
    </row>
    <row r="425527" spans="14:14">
      <c r="N425527" s="10"/>
    </row>
    <row r="425528" spans="14:14">
      <c r="N425528" s="10"/>
    </row>
    <row r="425529" spans="14:14">
      <c r="N425529" s="10"/>
    </row>
    <row r="425530" spans="14:14">
      <c r="N425530" s="10"/>
    </row>
    <row r="425531" spans="14:14">
      <c r="N425531" s="10"/>
    </row>
    <row r="425532" spans="14:14">
      <c r="N425532" s="10"/>
    </row>
    <row r="425533" spans="14:14">
      <c r="N425533" s="10"/>
    </row>
    <row r="425534" spans="14:14">
      <c r="N425534" s="10"/>
    </row>
    <row r="425535" spans="14:14">
      <c r="N425535" s="10"/>
    </row>
    <row r="425536" spans="14:14">
      <c r="N425536" s="10"/>
    </row>
    <row r="425537" spans="14:14">
      <c r="N425537" s="10"/>
    </row>
    <row r="425538" spans="14:14">
      <c r="N425538" s="10"/>
    </row>
    <row r="425539" spans="14:14">
      <c r="N425539" s="10"/>
    </row>
    <row r="425540" spans="14:14">
      <c r="N425540" s="10"/>
    </row>
    <row r="425541" spans="14:14">
      <c r="N425541" s="10"/>
    </row>
    <row r="425542" spans="14:14">
      <c r="N425542" s="10"/>
    </row>
    <row r="425543" spans="14:14">
      <c r="N425543" s="10"/>
    </row>
    <row r="425544" spans="14:14">
      <c r="N425544" s="10"/>
    </row>
    <row r="425545" spans="14:14">
      <c r="N425545" s="10"/>
    </row>
    <row r="425546" spans="14:14">
      <c r="N425546" s="10"/>
    </row>
    <row r="425547" spans="14:14">
      <c r="N425547" s="10"/>
    </row>
    <row r="425548" spans="14:14">
      <c r="N425548" s="10"/>
    </row>
    <row r="425549" spans="14:14">
      <c r="N425549" s="10"/>
    </row>
    <row r="425550" spans="14:14">
      <c r="N425550" s="10"/>
    </row>
    <row r="425551" spans="14:14">
      <c r="N425551" s="10"/>
    </row>
    <row r="425552" spans="14:14">
      <c r="N425552" s="10"/>
    </row>
    <row r="425553" spans="14:14">
      <c r="N425553" s="10"/>
    </row>
    <row r="425554" spans="14:14">
      <c r="N425554" s="10"/>
    </row>
    <row r="425555" spans="14:14">
      <c r="N425555" s="10"/>
    </row>
    <row r="425556" spans="14:14">
      <c r="N425556" s="10"/>
    </row>
    <row r="425557" spans="14:14">
      <c r="N425557" s="10"/>
    </row>
    <row r="425558" spans="14:14">
      <c r="N425558" s="10"/>
    </row>
    <row r="425559" spans="14:14">
      <c r="N425559" s="10"/>
    </row>
    <row r="425560" spans="14:14">
      <c r="N425560" s="10"/>
    </row>
    <row r="425561" spans="14:14">
      <c r="N425561" s="10"/>
    </row>
    <row r="425562" spans="14:14">
      <c r="N425562" s="10"/>
    </row>
    <row r="425563" spans="14:14">
      <c r="N425563" s="10"/>
    </row>
    <row r="425564" spans="14:14">
      <c r="N425564" s="10"/>
    </row>
    <row r="425565" spans="14:14">
      <c r="N425565" s="10"/>
    </row>
    <row r="425566" spans="14:14">
      <c r="N425566" s="10"/>
    </row>
    <row r="425567" spans="14:14">
      <c r="N425567" s="10"/>
    </row>
    <row r="425568" spans="14:14">
      <c r="N425568" s="10"/>
    </row>
    <row r="425569" spans="14:14">
      <c r="N425569" s="10"/>
    </row>
    <row r="425570" spans="14:14">
      <c r="N425570" s="10"/>
    </row>
    <row r="425571" spans="14:14">
      <c r="N425571" s="10"/>
    </row>
    <row r="425572" spans="14:14">
      <c r="N425572" s="10"/>
    </row>
    <row r="425573" spans="14:14">
      <c r="N425573" s="10"/>
    </row>
    <row r="425574" spans="14:14">
      <c r="N425574" s="10"/>
    </row>
    <row r="425575" spans="14:14">
      <c r="N425575" s="10"/>
    </row>
    <row r="425576" spans="14:14">
      <c r="N425576" s="10"/>
    </row>
    <row r="425577" spans="14:14">
      <c r="N425577" s="10"/>
    </row>
    <row r="425578" spans="14:14">
      <c r="N425578" s="10"/>
    </row>
    <row r="425579" spans="14:14">
      <c r="N425579" s="10"/>
    </row>
    <row r="425580" spans="14:14">
      <c r="N425580" s="10"/>
    </row>
    <row r="425581" spans="14:14">
      <c r="N425581" s="10"/>
    </row>
    <row r="425582" spans="14:14">
      <c r="N425582" s="10"/>
    </row>
    <row r="425583" spans="14:14">
      <c r="N425583" s="10"/>
    </row>
    <row r="425584" spans="14:14">
      <c r="N425584" s="10"/>
    </row>
    <row r="425585" spans="14:14">
      <c r="N425585" s="10"/>
    </row>
    <row r="425586" spans="14:14">
      <c r="N425586" s="10"/>
    </row>
    <row r="425587" spans="14:14">
      <c r="N425587" s="10"/>
    </row>
    <row r="425588" spans="14:14">
      <c r="N425588" s="10"/>
    </row>
    <row r="425589" spans="14:14">
      <c r="N425589" s="10"/>
    </row>
    <row r="425590" spans="14:14">
      <c r="N425590" s="10"/>
    </row>
    <row r="425591" spans="14:14">
      <c r="N425591" s="10"/>
    </row>
    <row r="425592" spans="14:14">
      <c r="N425592" s="10"/>
    </row>
    <row r="425593" spans="14:14">
      <c r="N425593" s="10"/>
    </row>
    <row r="425594" spans="14:14">
      <c r="N425594" s="10"/>
    </row>
    <row r="425595" spans="14:14">
      <c r="N425595" s="10"/>
    </row>
    <row r="425596" spans="14:14">
      <c r="N425596" s="10"/>
    </row>
    <row r="425597" spans="14:14">
      <c r="N425597" s="10"/>
    </row>
    <row r="425598" spans="14:14">
      <c r="N425598" s="10"/>
    </row>
    <row r="425599" spans="14:14">
      <c r="N425599" s="10"/>
    </row>
    <row r="425600" spans="14:14">
      <c r="N425600" s="10"/>
    </row>
    <row r="425601" spans="14:14">
      <c r="N425601" s="10"/>
    </row>
    <row r="425602" spans="14:14">
      <c r="N425602" s="10"/>
    </row>
    <row r="425603" spans="14:14">
      <c r="N425603" s="10"/>
    </row>
    <row r="425604" spans="14:14">
      <c r="N425604" s="10"/>
    </row>
    <row r="425605" spans="14:14">
      <c r="N425605" s="10"/>
    </row>
    <row r="425606" spans="14:14">
      <c r="N425606" s="10"/>
    </row>
    <row r="425607" spans="14:14">
      <c r="N425607" s="10"/>
    </row>
    <row r="425608" spans="14:14">
      <c r="N425608" s="10"/>
    </row>
    <row r="425609" spans="14:14">
      <c r="N425609" s="10"/>
    </row>
    <row r="425610" spans="14:14">
      <c r="N425610" s="10"/>
    </row>
    <row r="425611" spans="14:14">
      <c r="N425611" s="10"/>
    </row>
    <row r="425612" spans="14:14">
      <c r="N425612" s="10"/>
    </row>
    <row r="425613" spans="14:14">
      <c r="N425613" s="10"/>
    </row>
    <row r="425614" spans="14:14">
      <c r="N425614" s="10"/>
    </row>
    <row r="425615" spans="14:14">
      <c r="N425615" s="10"/>
    </row>
    <row r="425616" spans="14:14">
      <c r="N425616" s="10"/>
    </row>
    <row r="425617" spans="14:14">
      <c r="N425617" s="10"/>
    </row>
    <row r="425618" spans="14:14">
      <c r="N425618" s="10"/>
    </row>
    <row r="425619" spans="14:14">
      <c r="N425619" s="10"/>
    </row>
    <row r="425620" spans="14:14">
      <c r="N425620" s="10"/>
    </row>
    <row r="425621" spans="14:14">
      <c r="N425621" s="10"/>
    </row>
    <row r="425622" spans="14:14">
      <c r="N425622" s="10"/>
    </row>
    <row r="425623" spans="14:14">
      <c r="N425623" s="10"/>
    </row>
    <row r="425624" spans="14:14">
      <c r="N425624" s="10"/>
    </row>
    <row r="425625" spans="14:14">
      <c r="N425625" s="10"/>
    </row>
    <row r="425626" spans="14:14">
      <c r="N425626" s="10"/>
    </row>
    <row r="425627" spans="14:14">
      <c r="N425627" s="10"/>
    </row>
    <row r="425628" spans="14:14">
      <c r="N425628" s="10"/>
    </row>
    <row r="425629" spans="14:14">
      <c r="N425629" s="10"/>
    </row>
    <row r="425630" spans="14:14">
      <c r="N425630" s="10"/>
    </row>
    <row r="425631" spans="14:14">
      <c r="N425631" s="10"/>
    </row>
    <row r="425632" spans="14:14">
      <c r="N425632" s="10"/>
    </row>
    <row r="425633" spans="14:14">
      <c r="N425633" s="10"/>
    </row>
    <row r="425634" spans="14:14">
      <c r="N425634" s="10"/>
    </row>
    <row r="425635" spans="14:14">
      <c r="N425635" s="10"/>
    </row>
    <row r="425636" spans="14:14">
      <c r="N425636" s="10"/>
    </row>
    <row r="425637" spans="14:14">
      <c r="N425637" s="10"/>
    </row>
    <row r="425638" spans="14:14">
      <c r="N425638" s="10"/>
    </row>
    <row r="425639" spans="14:14">
      <c r="N425639" s="10"/>
    </row>
    <row r="425640" spans="14:14">
      <c r="N425640" s="10"/>
    </row>
    <row r="425641" spans="14:14">
      <c r="N425641" s="10"/>
    </row>
    <row r="425642" spans="14:14">
      <c r="N425642" s="10"/>
    </row>
    <row r="425643" spans="14:14">
      <c r="N425643" s="10"/>
    </row>
    <row r="425644" spans="14:14">
      <c r="N425644" s="10"/>
    </row>
    <row r="425645" spans="14:14">
      <c r="N425645" s="10"/>
    </row>
    <row r="425646" spans="14:14">
      <c r="N425646" s="10"/>
    </row>
    <row r="425647" spans="14:14">
      <c r="N425647" s="10"/>
    </row>
    <row r="425648" spans="14:14">
      <c r="N425648" s="10"/>
    </row>
    <row r="425649" spans="14:14">
      <c r="N425649" s="10"/>
    </row>
    <row r="425650" spans="14:14">
      <c r="N425650" s="10"/>
    </row>
    <row r="425651" spans="14:14">
      <c r="N425651" s="10"/>
    </row>
    <row r="425652" spans="14:14">
      <c r="N425652" s="10"/>
    </row>
    <row r="425653" spans="14:14">
      <c r="N425653" s="10"/>
    </row>
    <row r="425654" spans="14:14">
      <c r="N425654" s="10"/>
    </row>
    <row r="425655" spans="14:14">
      <c r="N425655" s="10"/>
    </row>
    <row r="425656" spans="14:14">
      <c r="N425656" s="10"/>
    </row>
    <row r="425657" spans="14:14">
      <c r="N425657" s="10"/>
    </row>
    <row r="425658" spans="14:14">
      <c r="N425658" s="10"/>
    </row>
    <row r="425659" spans="14:14">
      <c r="N425659" s="10"/>
    </row>
    <row r="425660" spans="14:14">
      <c r="N425660" s="10"/>
    </row>
    <row r="425661" spans="14:14">
      <c r="N425661" s="10"/>
    </row>
    <row r="425662" spans="14:14">
      <c r="N425662" s="10"/>
    </row>
    <row r="425663" spans="14:14">
      <c r="N425663" s="10"/>
    </row>
    <row r="425664" spans="14:14">
      <c r="N425664" s="10"/>
    </row>
    <row r="425665" spans="14:14">
      <c r="N425665" s="10"/>
    </row>
    <row r="425666" spans="14:14">
      <c r="N425666" s="10"/>
    </row>
    <row r="425667" spans="14:14">
      <c r="N425667" s="10"/>
    </row>
    <row r="425668" spans="14:14">
      <c r="N425668" s="10"/>
    </row>
    <row r="425669" spans="14:14">
      <c r="N425669" s="10"/>
    </row>
    <row r="425670" spans="14:14">
      <c r="N425670" s="10"/>
    </row>
    <row r="425671" spans="14:14">
      <c r="N425671" s="10"/>
    </row>
    <row r="425672" spans="14:14">
      <c r="N425672" s="10"/>
    </row>
    <row r="425673" spans="14:14">
      <c r="N425673" s="10"/>
    </row>
    <row r="425674" spans="14:14">
      <c r="N425674" s="10"/>
    </row>
    <row r="425675" spans="14:14">
      <c r="N425675" s="10"/>
    </row>
    <row r="425676" spans="14:14">
      <c r="N425676" s="10"/>
    </row>
    <row r="425677" spans="14:14">
      <c r="N425677" s="10"/>
    </row>
    <row r="425678" spans="14:14">
      <c r="N425678" s="10"/>
    </row>
    <row r="425679" spans="14:14">
      <c r="N425679" s="10"/>
    </row>
    <row r="425680" spans="14:14">
      <c r="N425680" s="10"/>
    </row>
    <row r="425681" spans="14:14">
      <c r="N425681" s="10"/>
    </row>
    <row r="425682" spans="14:14">
      <c r="N425682" s="10"/>
    </row>
    <row r="425683" spans="14:14">
      <c r="N425683" s="10"/>
    </row>
    <row r="425684" spans="14:14">
      <c r="N425684" s="10"/>
    </row>
    <row r="425685" spans="14:14">
      <c r="N425685" s="10"/>
    </row>
    <row r="425686" spans="14:14">
      <c r="N425686" s="10"/>
    </row>
    <row r="425687" spans="14:14">
      <c r="N425687" s="10"/>
    </row>
    <row r="425688" spans="14:14">
      <c r="N425688" s="10"/>
    </row>
    <row r="425689" spans="14:14">
      <c r="N425689" s="10"/>
    </row>
    <row r="425690" spans="14:14">
      <c r="N425690" s="10"/>
    </row>
    <row r="425691" spans="14:14">
      <c r="N425691" s="10"/>
    </row>
    <row r="425692" spans="14:14">
      <c r="N425692" s="10"/>
    </row>
    <row r="425693" spans="14:14">
      <c r="N425693" s="10"/>
    </row>
    <row r="425694" spans="14:14">
      <c r="N425694" s="10"/>
    </row>
    <row r="425695" spans="14:14">
      <c r="N425695" s="10"/>
    </row>
    <row r="425696" spans="14:14">
      <c r="N425696" s="10"/>
    </row>
    <row r="425697" spans="14:14">
      <c r="N425697" s="10"/>
    </row>
    <row r="425698" spans="14:14">
      <c r="N425698" s="10"/>
    </row>
    <row r="425699" spans="14:14">
      <c r="N425699" s="10"/>
    </row>
    <row r="425700" spans="14:14">
      <c r="N425700" s="10"/>
    </row>
    <row r="425701" spans="14:14">
      <c r="N425701" s="10"/>
    </row>
    <row r="425702" spans="14:14">
      <c r="N425702" s="10"/>
    </row>
    <row r="425703" spans="14:14">
      <c r="N425703" s="10"/>
    </row>
    <row r="425704" spans="14:14">
      <c r="N425704" s="10"/>
    </row>
    <row r="425705" spans="14:14">
      <c r="N425705" s="10"/>
    </row>
    <row r="425706" spans="14:14">
      <c r="N425706" s="10"/>
    </row>
    <row r="425707" spans="14:14">
      <c r="N425707" s="10"/>
    </row>
    <row r="425708" spans="14:14">
      <c r="N425708" s="10"/>
    </row>
    <row r="425709" spans="14:14">
      <c r="N425709" s="10"/>
    </row>
    <row r="425710" spans="14:14">
      <c r="N425710" s="10"/>
    </row>
    <row r="425711" spans="14:14">
      <c r="N425711" s="10"/>
    </row>
    <row r="425712" spans="14:14">
      <c r="N425712" s="10"/>
    </row>
    <row r="425713" spans="14:14">
      <c r="N425713" s="10"/>
    </row>
    <row r="425714" spans="14:14">
      <c r="N425714" s="10"/>
    </row>
    <row r="425715" spans="14:14">
      <c r="N425715" s="10"/>
    </row>
    <row r="425716" spans="14:14">
      <c r="N425716" s="10"/>
    </row>
    <row r="425717" spans="14:14">
      <c r="N425717" s="10"/>
    </row>
    <row r="425718" spans="14:14">
      <c r="N425718" s="10"/>
    </row>
    <row r="425719" spans="14:14">
      <c r="N425719" s="10"/>
    </row>
    <row r="425720" spans="14:14">
      <c r="N425720" s="10"/>
    </row>
    <row r="425721" spans="14:14">
      <c r="N425721" s="10"/>
    </row>
    <row r="425722" spans="14:14">
      <c r="N425722" s="10"/>
    </row>
    <row r="425723" spans="14:14">
      <c r="N425723" s="10"/>
    </row>
    <row r="425724" spans="14:14">
      <c r="N425724" s="10"/>
    </row>
    <row r="425725" spans="14:14">
      <c r="N425725" s="10"/>
    </row>
    <row r="425726" spans="14:14">
      <c r="N425726" s="10"/>
    </row>
    <row r="425727" spans="14:14">
      <c r="N425727" s="10"/>
    </row>
    <row r="425728" spans="14:14">
      <c r="N425728" s="10"/>
    </row>
    <row r="425729" spans="14:14">
      <c r="N425729" s="10"/>
    </row>
    <row r="425730" spans="14:14">
      <c r="N425730" s="10"/>
    </row>
    <row r="425731" spans="14:14">
      <c r="N425731" s="10"/>
    </row>
    <row r="425732" spans="14:14">
      <c r="N425732" s="10"/>
    </row>
    <row r="425733" spans="14:14">
      <c r="N425733" s="10"/>
    </row>
    <row r="425734" spans="14:14">
      <c r="N425734" s="10"/>
    </row>
    <row r="425735" spans="14:14">
      <c r="N425735" s="10"/>
    </row>
    <row r="425736" spans="14:14">
      <c r="N425736" s="10"/>
    </row>
    <row r="425737" spans="14:14">
      <c r="N425737" s="10"/>
    </row>
    <row r="425738" spans="14:14">
      <c r="N425738" s="10"/>
    </row>
    <row r="425739" spans="14:14">
      <c r="N425739" s="10"/>
    </row>
    <row r="425740" spans="14:14">
      <c r="N425740" s="10"/>
    </row>
    <row r="425741" spans="14:14">
      <c r="N425741" s="10"/>
    </row>
    <row r="425742" spans="14:14">
      <c r="N425742" s="10"/>
    </row>
    <row r="425743" spans="14:14">
      <c r="N425743" s="10"/>
    </row>
    <row r="425744" spans="14:14">
      <c r="N425744" s="10"/>
    </row>
    <row r="425745" spans="14:14">
      <c r="N425745" s="10"/>
    </row>
    <row r="425746" spans="14:14">
      <c r="N425746" s="10"/>
    </row>
    <row r="425747" spans="14:14">
      <c r="N425747" s="10"/>
    </row>
    <row r="425748" spans="14:14">
      <c r="N425748" s="10"/>
    </row>
    <row r="425749" spans="14:14">
      <c r="N425749" s="10"/>
    </row>
    <row r="425750" spans="14:14">
      <c r="N425750" s="10"/>
    </row>
    <row r="425751" spans="14:14">
      <c r="N425751" s="10"/>
    </row>
    <row r="425752" spans="14:14">
      <c r="N425752" s="10"/>
    </row>
    <row r="425753" spans="14:14">
      <c r="N425753" s="10"/>
    </row>
    <row r="425754" spans="14:14">
      <c r="N425754" s="10"/>
    </row>
    <row r="425755" spans="14:14">
      <c r="N425755" s="10"/>
    </row>
    <row r="425756" spans="14:14">
      <c r="N425756" s="10"/>
    </row>
    <row r="425757" spans="14:14">
      <c r="N425757" s="10"/>
    </row>
    <row r="425758" spans="14:14">
      <c r="N425758" s="10"/>
    </row>
    <row r="425759" spans="14:14">
      <c r="N425759" s="10"/>
    </row>
    <row r="425760" spans="14:14">
      <c r="N425760" s="10"/>
    </row>
    <row r="425761" spans="14:14">
      <c r="N425761" s="10"/>
    </row>
    <row r="425762" spans="14:14">
      <c r="N425762" s="10"/>
    </row>
    <row r="425763" spans="14:14">
      <c r="N425763" s="10"/>
    </row>
    <row r="425764" spans="14:14">
      <c r="N425764" s="10"/>
    </row>
    <row r="425765" spans="14:14">
      <c r="N425765" s="10"/>
    </row>
    <row r="425766" spans="14:14">
      <c r="N425766" s="10"/>
    </row>
    <row r="425767" spans="14:14">
      <c r="N425767" s="10"/>
    </row>
    <row r="425768" spans="14:14">
      <c r="N425768" s="10"/>
    </row>
    <row r="425769" spans="14:14">
      <c r="N425769" s="10"/>
    </row>
    <row r="425770" spans="14:14">
      <c r="N425770" s="10"/>
    </row>
    <row r="425771" spans="14:14">
      <c r="N425771" s="10"/>
    </row>
    <row r="425772" spans="14:14">
      <c r="N425772" s="10"/>
    </row>
    <row r="425773" spans="14:14">
      <c r="N425773" s="10"/>
    </row>
    <row r="425774" spans="14:14">
      <c r="N425774" s="10"/>
    </row>
    <row r="425775" spans="14:14">
      <c r="N425775" s="10"/>
    </row>
    <row r="425776" spans="14:14">
      <c r="N425776" s="10"/>
    </row>
    <row r="425777" spans="14:14">
      <c r="N425777" s="10"/>
    </row>
    <row r="425778" spans="14:14">
      <c r="N425778" s="10"/>
    </row>
    <row r="425779" spans="14:14">
      <c r="N425779" s="10"/>
    </row>
    <row r="425780" spans="14:14">
      <c r="N425780" s="10"/>
    </row>
    <row r="425781" spans="14:14">
      <c r="N425781" s="10"/>
    </row>
    <row r="425782" spans="14:14">
      <c r="N425782" s="10"/>
    </row>
    <row r="425783" spans="14:14">
      <c r="N425783" s="10"/>
    </row>
    <row r="425784" spans="14:14">
      <c r="N425784" s="10"/>
    </row>
    <row r="425785" spans="14:14">
      <c r="N425785" s="10"/>
    </row>
    <row r="425786" spans="14:14">
      <c r="N425786" s="10"/>
    </row>
    <row r="425787" spans="14:14">
      <c r="N425787" s="10"/>
    </row>
    <row r="425788" spans="14:14">
      <c r="N425788" s="10"/>
    </row>
    <row r="425789" spans="14:14">
      <c r="N425789" s="10"/>
    </row>
    <row r="425790" spans="14:14">
      <c r="N425790" s="10"/>
    </row>
    <row r="425791" spans="14:14">
      <c r="N425791" s="10"/>
    </row>
    <row r="425792" spans="14:14">
      <c r="N425792" s="10"/>
    </row>
    <row r="425793" spans="14:14">
      <c r="N425793" s="10"/>
    </row>
    <row r="425794" spans="14:14">
      <c r="N425794" s="10"/>
    </row>
    <row r="425795" spans="14:14">
      <c r="N425795" s="10"/>
    </row>
    <row r="425796" spans="14:14">
      <c r="N425796" s="10"/>
    </row>
    <row r="425797" spans="14:14">
      <c r="N425797" s="10"/>
    </row>
    <row r="425798" spans="14:14">
      <c r="N425798" s="10"/>
    </row>
    <row r="425799" spans="14:14">
      <c r="N425799" s="10"/>
    </row>
    <row r="425800" spans="14:14">
      <c r="N425800" s="10"/>
    </row>
    <row r="425801" spans="14:14">
      <c r="N425801" s="10"/>
    </row>
    <row r="425802" spans="14:14">
      <c r="N425802" s="10"/>
    </row>
    <row r="425803" spans="14:14">
      <c r="N425803" s="10"/>
    </row>
    <row r="425804" spans="14:14">
      <c r="N425804" s="10"/>
    </row>
    <row r="425805" spans="14:14">
      <c r="N425805" s="10"/>
    </row>
    <row r="425806" spans="14:14">
      <c r="N425806" s="10"/>
    </row>
    <row r="425807" spans="14:14">
      <c r="N425807" s="10"/>
    </row>
    <row r="425808" spans="14:14">
      <c r="N425808" s="10"/>
    </row>
    <row r="425809" spans="14:14">
      <c r="N425809" s="10"/>
    </row>
    <row r="425810" spans="14:14">
      <c r="N425810" s="10"/>
    </row>
    <row r="425811" spans="14:14">
      <c r="N425811" s="10"/>
    </row>
    <row r="425812" spans="14:14">
      <c r="N425812" s="10"/>
    </row>
    <row r="425813" spans="14:14">
      <c r="N425813" s="10"/>
    </row>
    <row r="425814" spans="14:14">
      <c r="N425814" s="10"/>
    </row>
    <row r="425815" spans="14:14">
      <c r="N425815" s="10"/>
    </row>
    <row r="425816" spans="14:14">
      <c r="N425816" s="10"/>
    </row>
    <row r="425817" spans="14:14">
      <c r="N425817" s="10"/>
    </row>
    <row r="425818" spans="14:14">
      <c r="N425818" s="10"/>
    </row>
    <row r="425819" spans="14:14">
      <c r="N425819" s="10"/>
    </row>
    <row r="425820" spans="14:14">
      <c r="N425820" s="10"/>
    </row>
    <row r="425821" spans="14:14">
      <c r="N425821" s="10"/>
    </row>
    <row r="425822" spans="14:14">
      <c r="N425822" s="10"/>
    </row>
    <row r="425823" spans="14:14">
      <c r="N425823" s="10"/>
    </row>
    <row r="425824" spans="14:14">
      <c r="N425824" s="10"/>
    </row>
    <row r="425825" spans="14:14">
      <c r="N425825" s="10"/>
    </row>
    <row r="425826" spans="14:14">
      <c r="N425826" s="10"/>
    </row>
    <row r="425827" spans="14:14">
      <c r="N425827" s="10"/>
    </row>
    <row r="425828" spans="14:14">
      <c r="N425828" s="10"/>
    </row>
    <row r="425829" spans="14:14">
      <c r="N425829" s="10"/>
    </row>
    <row r="425830" spans="14:14">
      <c r="N425830" s="10"/>
    </row>
    <row r="425831" spans="14:14">
      <c r="N425831" s="10"/>
    </row>
    <row r="425832" spans="14:14">
      <c r="N425832" s="10"/>
    </row>
    <row r="425833" spans="14:14">
      <c r="N425833" s="10"/>
    </row>
    <row r="425834" spans="14:14">
      <c r="N425834" s="10"/>
    </row>
    <row r="425835" spans="14:14">
      <c r="N425835" s="10"/>
    </row>
    <row r="425836" spans="14:14">
      <c r="N425836" s="10"/>
    </row>
    <row r="425837" spans="14:14">
      <c r="N425837" s="10"/>
    </row>
    <row r="425838" spans="14:14">
      <c r="N425838" s="10"/>
    </row>
    <row r="425839" spans="14:14">
      <c r="N425839" s="10"/>
    </row>
    <row r="425840" spans="14:14">
      <c r="N425840" s="10"/>
    </row>
    <row r="425841" spans="14:14">
      <c r="N425841" s="10"/>
    </row>
    <row r="425842" spans="14:14">
      <c r="N425842" s="10"/>
    </row>
    <row r="425843" spans="14:14">
      <c r="N425843" s="10"/>
    </row>
    <row r="425844" spans="14:14">
      <c r="N425844" s="10"/>
    </row>
    <row r="425845" spans="14:14">
      <c r="N425845" s="10"/>
    </row>
    <row r="425846" spans="14:14">
      <c r="N425846" s="10"/>
    </row>
    <row r="425847" spans="14:14">
      <c r="N425847" s="10"/>
    </row>
    <row r="425848" spans="14:14">
      <c r="N425848" s="10"/>
    </row>
    <row r="425849" spans="14:14">
      <c r="N425849" s="10"/>
    </row>
    <row r="425850" spans="14:14">
      <c r="N425850" s="10"/>
    </row>
    <row r="425851" spans="14:14">
      <c r="N425851" s="10"/>
    </row>
    <row r="425852" spans="14:14">
      <c r="N425852" s="10"/>
    </row>
    <row r="425853" spans="14:14">
      <c r="N425853" s="10"/>
    </row>
    <row r="425854" spans="14:14">
      <c r="N425854" s="10"/>
    </row>
    <row r="425855" spans="14:14">
      <c r="N425855" s="10"/>
    </row>
    <row r="425856" spans="14:14">
      <c r="N425856" s="10"/>
    </row>
    <row r="425857" spans="14:14">
      <c r="N425857" s="10"/>
    </row>
    <row r="425858" spans="14:14">
      <c r="N425858" s="10"/>
    </row>
    <row r="425859" spans="14:14">
      <c r="N425859" s="10"/>
    </row>
    <row r="425860" spans="14:14">
      <c r="N425860" s="10"/>
    </row>
    <row r="425861" spans="14:14">
      <c r="N425861" s="10"/>
    </row>
    <row r="425862" spans="14:14">
      <c r="N425862" s="10"/>
    </row>
    <row r="425863" spans="14:14">
      <c r="N425863" s="10"/>
    </row>
    <row r="425864" spans="14:14">
      <c r="N425864" s="10"/>
    </row>
    <row r="425865" spans="14:14">
      <c r="N425865" s="10"/>
    </row>
    <row r="425866" spans="14:14">
      <c r="N425866" s="10"/>
    </row>
    <row r="425867" spans="14:14">
      <c r="N425867" s="10"/>
    </row>
    <row r="425868" spans="14:14">
      <c r="N425868" s="10"/>
    </row>
    <row r="425869" spans="14:14">
      <c r="N425869" s="10"/>
    </row>
    <row r="425870" spans="14:14">
      <c r="N425870" s="10"/>
    </row>
    <row r="425871" spans="14:14">
      <c r="N425871" s="10"/>
    </row>
    <row r="425872" spans="14:14">
      <c r="N425872" s="10"/>
    </row>
    <row r="425873" spans="14:14">
      <c r="N425873" s="10"/>
    </row>
    <row r="425874" spans="14:14">
      <c r="N425874" s="10"/>
    </row>
    <row r="425875" spans="14:14">
      <c r="N425875" s="10"/>
    </row>
    <row r="425876" spans="14:14">
      <c r="N425876" s="10"/>
    </row>
    <row r="425877" spans="14:14">
      <c r="N425877" s="10"/>
    </row>
    <row r="425878" spans="14:14">
      <c r="N425878" s="10"/>
    </row>
    <row r="425879" spans="14:14">
      <c r="N425879" s="10"/>
    </row>
    <row r="425880" spans="14:14">
      <c r="N425880" s="10"/>
    </row>
    <row r="425881" spans="14:14">
      <c r="N425881" s="10"/>
    </row>
    <row r="425882" spans="14:14">
      <c r="N425882" s="10"/>
    </row>
    <row r="425883" spans="14:14">
      <c r="N425883" s="10"/>
    </row>
    <row r="425884" spans="14:14">
      <c r="N425884" s="10"/>
    </row>
    <row r="425885" spans="14:14">
      <c r="N425885" s="10"/>
    </row>
    <row r="425886" spans="14:14">
      <c r="N425886" s="10"/>
    </row>
    <row r="425887" spans="14:14">
      <c r="N425887" s="10"/>
    </row>
    <row r="425888" spans="14:14">
      <c r="N425888" s="10"/>
    </row>
    <row r="425889" spans="14:14">
      <c r="N425889" s="10"/>
    </row>
    <row r="425890" spans="14:14">
      <c r="N425890" s="10"/>
    </row>
    <row r="425891" spans="14:14">
      <c r="N425891" s="10"/>
    </row>
    <row r="425892" spans="14:14">
      <c r="N425892" s="10"/>
    </row>
    <row r="425893" spans="14:14">
      <c r="N425893" s="10"/>
    </row>
    <row r="425894" spans="14:14">
      <c r="N425894" s="10"/>
    </row>
    <row r="425895" spans="14:14">
      <c r="N425895" s="10"/>
    </row>
    <row r="425896" spans="14:14">
      <c r="N425896" s="10"/>
    </row>
    <row r="425897" spans="14:14">
      <c r="N425897" s="10"/>
    </row>
    <row r="425898" spans="14:14">
      <c r="N425898" s="10"/>
    </row>
    <row r="425899" spans="14:14">
      <c r="N425899" s="10"/>
    </row>
    <row r="425900" spans="14:14">
      <c r="N425900" s="10"/>
    </row>
    <row r="425901" spans="14:14">
      <c r="N425901" s="10"/>
    </row>
    <row r="425902" spans="14:14">
      <c r="N425902" s="10"/>
    </row>
    <row r="425903" spans="14:14">
      <c r="N425903" s="10"/>
    </row>
    <row r="425904" spans="14:14">
      <c r="N425904" s="10"/>
    </row>
    <row r="425905" spans="14:14">
      <c r="N425905" s="10"/>
    </row>
    <row r="425906" spans="14:14">
      <c r="N425906" s="10"/>
    </row>
    <row r="425907" spans="14:14">
      <c r="N425907" s="10"/>
    </row>
    <row r="425908" spans="14:14">
      <c r="N425908" s="10"/>
    </row>
    <row r="425909" spans="14:14">
      <c r="N425909" s="10"/>
    </row>
    <row r="425910" spans="14:14">
      <c r="N425910" s="10"/>
    </row>
    <row r="425911" spans="14:14">
      <c r="N425911" s="10"/>
    </row>
    <row r="425912" spans="14:14">
      <c r="N425912" s="10"/>
    </row>
    <row r="425913" spans="14:14">
      <c r="N425913" s="10"/>
    </row>
    <row r="425914" spans="14:14">
      <c r="N425914" s="10"/>
    </row>
    <row r="425915" spans="14:14">
      <c r="N425915" s="10"/>
    </row>
    <row r="425916" spans="14:14">
      <c r="N425916" s="10"/>
    </row>
    <row r="425917" spans="14:14">
      <c r="N425917" s="10"/>
    </row>
    <row r="425918" spans="14:14">
      <c r="N425918" s="10"/>
    </row>
    <row r="425919" spans="14:14">
      <c r="N425919" s="10"/>
    </row>
    <row r="425920" spans="14:14">
      <c r="N425920" s="10"/>
    </row>
    <row r="425921" spans="14:14">
      <c r="N425921" s="10"/>
    </row>
    <row r="425922" spans="14:14">
      <c r="N425922" s="10"/>
    </row>
    <row r="425923" spans="14:14">
      <c r="N425923" s="10"/>
    </row>
    <row r="425924" spans="14:14">
      <c r="N425924" s="10"/>
    </row>
    <row r="425925" spans="14:14">
      <c r="N425925" s="10"/>
    </row>
    <row r="425926" spans="14:14">
      <c r="N425926" s="10"/>
    </row>
    <row r="425927" spans="14:14">
      <c r="N425927" s="10"/>
    </row>
    <row r="425928" spans="14:14">
      <c r="N425928" s="10"/>
    </row>
    <row r="425929" spans="14:14">
      <c r="N425929" s="10"/>
    </row>
    <row r="425930" spans="14:14">
      <c r="N425930" s="10"/>
    </row>
    <row r="425931" spans="14:14">
      <c r="N425931" s="10"/>
    </row>
    <row r="425932" spans="14:14">
      <c r="N425932" s="10"/>
    </row>
    <row r="425933" spans="14:14">
      <c r="N425933" s="10"/>
    </row>
    <row r="425934" spans="14:14">
      <c r="N425934" s="10"/>
    </row>
    <row r="425935" spans="14:14">
      <c r="N425935" s="10"/>
    </row>
    <row r="425936" spans="14:14">
      <c r="N425936" s="10"/>
    </row>
    <row r="425937" spans="14:14">
      <c r="N425937" s="10"/>
    </row>
    <row r="425938" spans="14:14">
      <c r="N425938" s="10"/>
    </row>
    <row r="425939" spans="14:14">
      <c r="N425939" s="10"/>
    </row>
    <row r="425940" spans="14:14">
      <c r="N425940" s="10"/>
    </row>
    <row r="425941" spans="14:14">
      <c r="N425941" s="10"/>
    </row>
    <row r="425942" spans="14:14">
      <c r="N425942" s="10"/>
    </row>
    <row r="425943" spans="14:14">
      <c r="N425943" s="10"/>
    </row>
    <row r="425944" spans="14:14">
      <c r="N425944" s="10"/>
    </row>
    <row r="425945" spans="14:14">
      <c r="N425945" s="10"/>
    </row>
    <row r="425946" spans="14:14">
      <c r="N425946" s="10"/>
    </row>
    <row r="425947" spans="14:14">
      <c r="N425947" s="10"/>
    </row>
    <row r="425948" spans="14:14">
      <c r="N425948" s="10"/>
    </row>
    <row r="425949" spans="14:14">
      <c r="N425949" s="10"/>
    </row>
    <row r="425950" spans="14:14">
      <c r="N425950" s="10"/>
    </row>
    <row r="425951" spans="14:14">
      <c r="N425951" s="10"/>
    </row>
    <row r="425952" spans="14:14">
      <c r="N425952" s="10"/>
    </row>
    <row r="425953" spans="14:14">
      <c r="N425953" s="10"/>
    </row>
    <row r="425954" spans="14:14">
      <c r="N425954" s="10"/>
    </row>
    <row r="425955" spans="14:14">
      <c r="N425955" s="10"/>
    </row>
    <row r="425956" spans="14:14">
      <c r="N425956" s="10"/>
    </row>
    <row r="425957" spans="14:14">
      <c r="N425957" s="10"/>
    </row>
    <row r="425958" spans="14:14">
      <c r="N425958" s="10"/>
    </row>
    <row r="425959" spans="14:14">
      <c r="N425959" s="10"/>
    </row>
    <row r="425960" spans="14:14">
      <c r="N425960" s="10"/>
    </row>
    <row r="425961" spans="14:14">
      <c r="N425961" s="10"/>
    </row>
    <row r="425962" spans="14:14">
      <c r="N425962" s="10"/>
    </row>
    <row r="425963" spans="14:14">
      <c r="N425963" s="10"/>
    </row>
    <row r="425964" spans="14:14">
      <c r="N425964" s="10"/>
    </row>
    <row r="425965" spans="14:14">
      <c r="N425965" s="10"/>
    </row>
    <row r="425966" spans="14:14">
      <c r="N425966" s="10"/>
    </row>
    <row r="425967" spans="14:14">
      <c r="N425967" s="10"/>
    </row>
    <row r="425968" spans="14:14">
      <c r="N425968" s="10"/>
    </row>
    <row r="425969" spans="14:14">
      <c r="N425969" s="10"/>
    </row>
    <row r="425970" spans="14:14">
      <c r="N425970" s="10"/>
    </row>
    <row r="425971" spans="14:14">
      <c r="N425971" s="10"/>
    </row>
    <row r="425972" spans="14:14">
      <c r="N425972" s="10"/>
    </row>
    <row r="425973" spans="14:14">
      <c r="N425973" s="10"/>
    </row>
    <row r="425974" spans="14:14">
      <c r="N425974" s="10"/>
    </row>
    <row r="425975" spans="14:14">
      <c r="N425975" s="10"/>
    </row>
    <row r="425976" spans="14:14">
      <c r="N425976" s="10"/>
    </row>
    <row r="425977" spans="14:14">
      <c r="N425977" s="10"/>
    </row>
    <row r="425978" spans="14:14">
      <c r="N425978" s="10"/>
    </row>
    <row r="425979" spans="14:14">
      <c r="N425979" s="10"/>
    </row>
    <row r="425980" spans="14:14">
      <c r="N425980" s="10"/>
    </row>
    <row r="425981" spans="14:14">
      <c r="N425981" s="10"/>
    </row>
    <row r="425982" spans="14:14">
      <c r="N425982" s="10"/>
    </row>
    <row r="425983" spans="14:14">
      <c r="N425983" s="10"/>
    </row>
    <row r="425984" spans="14:14">
      <c r="N425984" s="10"/>
    </row>
    <row r="425985" spans="14:14">
      <c r="N425985" s="10"/>
    </row>
    <row r="425986" spans="14:14">
      <c r="N425986" s="10"/>
    </row>
    <row r="425987" spans="14:14">
      <c r="N425987" s="10"/>
    </row>
    <row r="425988" spans="14:14">
      <c r="N425988" s="10"/>
    </row>
    <row r="425989" spans="14:14">
      <c r="N425989" s="10"/>
    </row>
    <row r="425990" spans="14:14">
      <c r="N425990" s="10"/>
    </row>
    <row r="425991" spans="14:14">
      <c r="N425991" s="10"/>
    </row>
    <row r="425992" spans="14:14">
      <c r="N425992" s="10"/>
    </row>
    <row r="425993" spans="14:14">
      <c r="N425993" s="10"/>
    </row>
    <row r="425994" spans="14:14">
      <c r="N425994" s="10"/>
    </row>
    <row r="425995" spans="14:14">
      <c r="N425995" s="10"/>
    </row>
    <row r="425996" spans="14:14">
      <c r="N425996" s="10"/>
    </row>
    <row r="425997" spans="14:14">
      <c r="N425997" s="10"/>
    </row>
    <row r="425998" spans="14:14">
      <c r="N425998" s="10"/>
    </row>
    <row r="425999" spans="14:14">
      <c r="N425999" s="10"/>
    </row>
    <row r="426000" spans="14:14">
      <c r="N426000" s="10"/>
    </row>
    <row r="426001" spans="14:14">
      <c r="N426001" s="10"/>
    </row>
    <row r="426002" spans="14:14">
      <c r="N426002" s="10"/>
    </row>
    <row r="426003" spans="14:14">
      <c r="N426003" s="10"/>
    </row>
    <row r="426004" spans="14:14">
      <c r="N426004" s="10"/>
    </row>
    <row r="426005" spans="14:14">
      <c r="N426005" s="10"/>
    </row>
    <row r="426006" spans="14:14">
      <c r="N426006" s="10"/>
    </row>
    <row r="426007" spans="14:14">
      <c r="N426007" s="10"/>
    </row>
    <row r="426008" spans="14:14">
      <c r="N426008" s="10"/>
    </row>
    <row r="426009" spans="14:14">
      <c r="N426009" s="10"/>
    </row>
    <row r="426010" spans="14:14">
      <c r="N426010" s="10"/>
    </row>
    <row r="426011" spans="14:14">
      <c r="N426011" s="10"/>
    </row>
    <row r="426012" spans="14:14">
      <c r="N426012" s="10"/>
    </row>
    <row r="426013" spans="14:14">
      <c r="N426013" s="10"/>
    </row>
    <row r="426014" spans="14:14">
      <c r="N426014" s="10"/>
    </row>
    <row r="426015" spans="14:14">
      <c r="N426015" s="10"/>
    </row>
    <row r="426016" spans="14:14">
      <c r="N426016" s="10"/>
    </row>
    <row r="426017" spans="14:14">
      <c r="N426017" s="10"/>
    </row>
    <row r="426018" spans="14:14">
      <c r="N426018" s="10"/>
    </row>
    <row r="426019" spans="14:14">
      <c r="N426019" s="10"/>
    </row>
    <row r="426020" spans="14:14">
      <c r="N426020" s="10"/>
    </row>
    <row r="426021" spans="14:14">
      <c r="N426021" s="10"/>
    </row>
    <row r="426022" spans="14:14">
      <c r="N426022" s="10"/>
    </row>
    <row r="426023" spans="14:14">
      <c r="N426023" s="10"/>
    </row>
    <row r="426024" spans="14:14">
      <c r="N426024" s="10"/>
    </row>
    <row r="426025" spans="14:14">
      <c r="N426025" s="10"/>
    </row>
    <row r="426026" spans="14:14">
      <c r="N426026" s="10"/>
    </row>
    <row r="426027" spans="14:14">
      <c r="N426027" s="10"/>
    </row>
    <row r="426028" spans="14:14">
      <c r="N426028" s="10"/>
    </row>
    <row r="426029" spans="14:14">
      <c r="N426029" s="10"/>
    </row>
    <row r="426030" spans="14:14">
      <c r="N426030" s="10"/>
    </row>
    <row r="426031" spans="14:14">
      <c r="N426031" s="10"/>
    </row>
    <row r="426032" spans="14:14">
      <c r="N426032" s="10"/>
    </row>
    <row r="426033" spans="14:14">
      <c r="N426033" s="10"/>
    </row>
    <row r="426034" spans="14:14">
      <c r="N426034" s="10"/>
    </row>
    <row r="426035" spans="14:14">
      <c r="N426035" s="10"/>
    </row>
    <row r="426036" spans="14:14">
      <c r="N426036" s="10"/>
    </row>
    <row r="426037" spans="14:14">
      <c r="N426037" s="10"/>
    </row>
    <row r="426038" spans="14:14">
      <c r="N426038" s="10"/>
    </row>
    <row r="426039" spans="14:14">
      <c r="N426039" s="10"/>
    </row>
    <row r="426040" spans="14:14">
      <c r="N426040" s="10"/>
    </row>
    <row r="426041" spans="14:14">
      <c r="N426041" s="10"/>
    </row>
    <row r="426042" spans="14:14">
      <c r="N426042" s="10"/>
    </row>
    <row r="426043" spans="14:14">
      <c r="N426043" s="10"/>
    </row>
    <row r="426044" spans="14:14">
      <c r="N426044" s="10"/>
    </row>
    <row r="426045" spans="14:14">
      <c r="N426045" s="10"/>
    </row>
    <row r="426046" spans="14:14">
      <c r="N426046" s="10"/>
    </row>
    <row r="426047" spans="14:14">
      <c r="N426047" s="10"/>
    </row>
    <row r="426048" spans="14:14">
      <c r="N426048" s="10"/>
    </row>
    <row r="426049" spans="14:14">
      <c r="N426049" s="10"/>
    </row>
    <row r="426050" spans="14:14">
      <c r="N426050" s="10"/>
    </row>
    <row r="426051" spans="14:14">
      <c r="N426051" s="10"/>
    </row>
    <row r="426052" spans="14:14">
      <c r="N426052" s="10"/>
    </row>
    <row r="426053" spans="14:14">
      <c r="N426053" s="10"/>
    </row>
    <row r="426054" spans="14:14">
      <c r="N426054" s="10"/>
    </row>
    <row r="426055" spans="14:14">
      <c r="N426055" s="10"/>
    </row>
    <row r="426056" spans="14:14">
      <c r="N426056" s="10"/>
    </row>
    <row r="426057" spans="14:14">
      <c r="N426057" s="10"/>
    </row>
    <row r="426058" spans="14:14">
      <c r="N426058" s="10"/>
    </row>
    <row r="426059" spans="14:14">
      <c r="N426059" s="10"/>
    </row>
    <row r="426060" spans="14:14">
      <c r="N426060" s="10"/>
    </row>
    <row r="426061" spans="14:14">
      <c r="N426061" s="10"/>
    </row>
    <row r="426062" spans="14:14">
      <c r="N426062" s="10"/>
    </row>
    <row r="426063" spans="14:14">
      <c r="N426063" s="10"/>
    </row>
    <row r="426064" spans="14:14">
      <c r="N426064" s="10"/>
    </row>
    <row r="426065" spans="14:14">
      <c r="N426065" s="10"/>
    </row>
    <row r="426066" spans="14:14">
      <c r="N426066" s="10"/>
    </row>
    <row r="426067" spans="14:14">
      <c r="N426067" s="10"/>
    </row>
    <row r="426068" spans="14:14">
      <c r="N426068" s="10"/>
    </row>
    <row r="426069" spans="14:14">
      <c r="N426069" s="10"/>
    </row>
    <row r="426070" spans="14:14">
      <c r="N426070" s="10"/>
    </row>
    <row r="426071" spans="14:14">
      <c r="N426071" s="10"/>
    </row>
    <row r="426072" spans="14:14">
      <c r="N426072" s="10"/>
    </row>
    <row r="426073" spans="14:14">
      <c r="N426073" s="10"/>
    </row>
    <row r="426074" spans="14:14">
      <c r="N426074" s="10"/>
    </row>
    <row r="426075" spans="14:14">
      <c r="N426075" s="10"/>
    </row>
    <row r="426076" spans="14:14">
      <c r="N426076" s="10"/>
    </row>
    <row r="426077" spans="14:14">
      <c r="N426077" s="10"/>
    </row>
    <row r="426078" spans="14:14">
      <c r="N426078" s="10"/>
    </row>
    <row r="426079" spans="14:14">
      <c r="N426079" s="10"/>
    </row>
    <row r="426080" spans="14:14">
      <c r="N426080" s="10"/>
    </row>
    <row r="426081" spans="14:14">
      <c r="N426081" s="10"/>
    </row>
    <row r="426082" spans="14:14">
      <c r="N426082" s="10"/>
    </row>
    <row r="426083" spans="14:14">
      <c r="N426083" s="10"/>
    </row>
    <row r="426084" spans="14:14">
      <c r="N426084" s="10"/>
    </row>
    <row r="426085" spans="14:14">
      <c r="N426085" s="10"/>
    </row>
    <row r="426086" spans="14:14">
      <c r="N426086" s="10"/>
    </row>
    <row r="426087" spans="14:14">
      <c r="N426087" s="10"/>
    </row>
    <row r="426088" spans="14:14">
      <c r="N426088" s="10"/>
    </row>
    <row r="426089" spans="14:14">
      <c r="N426089" s="10"/>
    </row>
    <row r="426090" spans="14:14">
      <c r="N426090" s="10"/>
    </row>
    <row r="426091" spans="14:14">
      <c r="N426091" s="10"/>
    </row>
    <row r="426092" spans="14:14">
      <c r="N426092" s="10"/>
    </row>
    <row r="426093" spans="14:14">
      <c r="N426093" s="10"/>
    </row>
    <row r="426094" spans="14:14">
      <c r="N426094" s="10"/>
    </row>
    <row r="426095" spans="14:14">
      <c r="N426095" s="10"/>
    </row>
    <row r="426096" spans="14:14">
      <c r="N426096" s="10"/>
    </row>
    <row r="426097" spans="14:14">
      <c r="N426097" s="10"/>
    </row>
    <row r="426098" spans="14:14">
      <c r="N426098" s="10"/>
    </row>
    <row r="426099" spans="14:14">
      <c r="N426099" s="10"/>
    </row>
    <row r="426100" spans="14:14">
      <c r="N426100" s="10"/>
    </row>
    <row r="426101" spans="14:14">
      <c r="N426101" s="10"/>
    </row>
    <row r="426102" spans="14:14">
      <c r="N426102" s="10"/>
    </row>
    <row r="426103" spans="14:14">
      <c r="N426103" s="10"/>
    </row>
    <row r="426104" spans="14:14">
      <c r="N426104" s="10"/>
    </row>
    <row r="426105" spans="14:14">
      <c r="N426105" s="10"/>
    </row>
    <row r="426106" spans="14:14">
      <c r="N426106" s="10"/>
    </row>
    <row r="426107" spans="14:14">
      <c r="N426107" s="10"/>
    </row>
    <row r="426108" spans="14:14">
      <c r="N426108" s="10"/>
    </row>
    <row r="426109" spans="14:14">
      <c r="N426109" s="10"/>
    </row>
    <row r="426110" spans="14:14">
      <c r="N426110" s="10"/>
    </row>
    <row r="426111" spans="14:14">
      <c r="N426111" s="10"/>
    </row>
    <row r="426112" spans="14:14">
      <c r="N426112" s="10"/>
    </row>
    <row r="426113" spans="14:14">
      <c r="N426113" s="10"/>
    </row>
    <row r="426114" spans="14:14">
      <c r="N426114" s="10"/>
    </row>
    <row r="426115" spans="14:14">
      <c r="N426115" s="10"/>
    </row>
    <row r="426116" spans="14:14">
      <c r="N426116" s="10"/>
    </row>
    <row r="426117" spans="14:14">
      <c r="N426117" s="10"/>
    </row>
    <row r="426118" spans="14:14">
      <c r="N426118" s="10"/>
    </row>
    <row r="426119" spans="14:14">
      <c r="N426119" s="10"/>
    </row>
    <row r="426120" spans="14:14">
      <c r="N426120" s="10"/>
    </row>
    <row r="426121" spans="14:14">
      <c r="N426121" s="10"/>
    </row>
    <row r="426122" spans="14:14">
      <c r="N426122" s="10"/>
    </row>
    <row r="426123" spans="14:14">
      <c r="N426123" s="10"/>
    </row>
    <row r="426124" spans="14:14">
      <c r="N426124" s="10"/>
    </row>
    <row r="426125" spans="14:14">
      <c r="N426125" s="10"/>
    </row>
    <row r="426126" spans="14:14">
      <c r="N426126" s="10"/>
    </row>
    <row r="426127" spans="14:14">
      <c r="N426127" s="10"/>
    </row>
    <row r="426128" spans="14:14">
      <c r="N426128" s="10"/>
    </row>
    <row r="426129" spans="14:14">
      <c r="N426129" s="10"/>
    </row>
    <row r="426130" spans="14:14">
      <c r="N426130" s="10"/>
    </row>
    <row r="426131" spans="14:14">
      <c r="N426131" s="10"/>
    </row>
    <row r="426132" spans="14:14">
      <c r="N426132" s="10"/>
    </row>
    <row r="426133" spans="14:14">
      <c r="N426133" s="10"/>
    </row>
    <row r="426134" spans="14:14">
      <c r="N426134" s="10"/>
    </row>
    <row r="426135" spans="14:14">
      <c r="N426135" s="10"/>
    </row>
    <row r="426136" spans="14:14">
      <c r="N426136" s="10"/>
    </row>
    <row r="426137" spans="14:14">
      <c r="N426137" s="10"/>
    </row>
    <row r="426138" spans="14:14">
      <c r="N426138" s="10"/>
    </row>
    <row r="426139" spans="14:14">
      <c r="N426139" s="10"/>
    </row>
    <row r="426140" spans="14:14">
      <c r="N426140" s="10"/>
    </row>
    <row r="426141" spans="14:14">
      <c r="N426141" s="10"/>
    </row>
    <row r="426142" spans="14:14">
      <c r="N426142" s="10"/>
    </row>
    <row r="426143" spans="14:14">
      <c r="N426143" s="10"/>
    </row>
    <row r="426144" spans="14:14">
      <c r="N426144" s="10"/>
    </row>
    <row r="426145" spans="14:14">
      <c r="N426145" s="10"/>
    </row>
    <row r="426146" spans="14:14">
      <c r="N426146" s="10"/>
    </row>
    <row r="426147" spans="14:14">
      <c r="N426147" s="10"/>
    </row>
    <row r="426148" spans="14:14">
      <c r="N426148" s="10"/>
    </row>
    <row r="426149" spans="14:14">
      <c r="N426149" s="10"/>
    </row>
    <row r="426150" spans="14:14">
      <c r="N426150" s="10"/>
    </row>
    <row r="426151" spans="14:14">
      <c r="N426151" s="10"/>
    </row>
    <row r="426152" spans="14:14">
      <c r="N426152" s="10"/>
    </row>
    <row r="426153" spans="14:14">
      <c r="N426153" s="10"/>
    </row>
    <row r="426154" spans="14:14">
      <c r="N426154" s="10"/>
    </row>
    <row r="426155" spans="14:14">
      <c r="N426155" s="10"/>
    </row>
    <row r="426156" spans="14:14">
      <c r="N426156" s="10"/>
    </row>
    <row r="426157" spans="14:14">
      <c r="N426157" s="10"/>
    </row>
    <row r="426158" spans="14:14">
      <c r="N426158" s="10"/>
    </row>
    <row r="426159" spans="14:14">
      <c r="N426159" s="10"/>
    </row>
    <row r="426160" spans="14:14">
      <c r="N426160" s="10"/>
    </row>
    <row r="426161" spans="14:14">
      <c r="N426161" s="10"/>
    </row>
    <row r="426162" spans="14:14">
      <c r="N426162" s="10"/>
    </row>
    <row r="426163" spans="14:14">
      <c r="N426163" s="10"/>
    </row>
    <row r="426164" spans="14:14">
      <c r="N426164" s="10"/>
    </row>
    <row r="426165" spans="14:14">
      <c r="N426165" s="10"/>
    </row>
    <row r="426166" spans="14:14">
      <c r="N426166" s="10"/>
    </row>
    <row r="426167" spans="14:14">
      <c r="N426167" s="10"/>
    </row>
    <row r="426168" spans="14:14">
      <c r="N426168" s="10"/>
    </row>
    <row r="426169" spans="14:14">
      <c r="N426169" s="10"/>
    </row>
    <row r="426170" spans="14:14">
      <c r="N426170" s="10"/>
    </row>
    <row r="426171" spans="14:14">
      <c r="N426171" s="10"/>
    </row>
    <row r="426172" spans="14:14">
      <c r="N426172" s="10"/>
    </row>
    <row r="426173" spans="14:14">
      <c r="N426173" s="10"/>
    </row>
    <row r="426174" spans="14:14">
      <c r="N426174" s="10"/>
    </row>
    <row r="426175" spans="14:14">
      <c r="N426175" s="10"/>
    </row>
    <row r="426176" spans="14:14">
      <c r="N426176" s="10"/>
    </row>
    <row r="426177" spans="14:14">
      <c r="N426177" s="10"/>
    </row>
    <row r="426178" spans="14:14">
      <c r="N426178" s="10"/>
    </row>
    <row r="426179" spans="14:14">
      <c r="N426179" s="10"/>
    </row>
    <row r="426180" spans="14:14">
      <c r="N426180" s="10"/>
    </row>
    <row r="426181" spans="14:14">
      <c r="N426181" s="10"/>
    </row>
    <row r="426182" spans="14:14">
      <c r="N426182" s="10"/>
    </row>
    <row r="426183" spans="14:14">
      <c r="N426183" s="10"/>
    </row>
    <row r="426184" spans="14:14">
      <c r="N426184" s="10"/>
    </row>
    <row r="426185" spans="14:14">
      <c r="N426185" s="10"/>
    </row>
    <row r="426186" spans="14:14">
      <c r="N426186" s="10"/>
    </row>
    <row r="426187" spans="14:14">
      <c r="N426187" s="10"/>
    </row>
    <row r="426188" spans="14:14">
      <c r="N426188" s="10"/>
    </row>
    <row r="426189" spans="14:14">
      <c r="N426189" s="10"/>
    </row>
    <row r="426190" spans="14:14">
      <c r="N426190" s="10"/>
    </row>
    <row r="426191" spans="14:14">
      <c r="N426191" s="10"/>
    </row>
    <row r="426192" spans="14:14">
      <c r="N426192" s="10"/>
    </row>
    <row r="426193" spans="14:14">
      <c r="N426193" s="10"/>
    </row>
    <row r="426194" spans="14:14">
      <c r="N426194" s="10"/>
    </row>
    <row r="426195" spans="14:14">
      <c r="N426195" s="10"/>
    </row>
    <row r="426196" spans="14:14">
      <c r="N426196" s="10"/>
    </row>
    <row r="426197" spans="14:14">
      <c r="N426197" s="10"/>
    </row>
    <row r="426198" spans="14:14">
      <c r="N426198" s="10"/>
    </row>
    <row r="426199" spans="14:14">
      <c r="N426199" s="10"/>
    </row>
    <row r="426200" spans="14:14">
      <c r="N426200" s="10"/>
    </row>
    <row r="426201" spans="14:14">
      <c r="N426201" s="10"/>
    </row>
    <row r="426202" spans="14:14">
      <c r="N426202" s="10"/>
    </row>
    <row r="426203" spans="14:14">
      <c r="N426203" s="10"/>
    </row>
    <row r="426204" spans="14:14">
      <c r="N426204" s="10"/>
    </row>
    <row r="426205" spans="14:14">
      <c r="N426205" s="10"/>
    </row>
    <row r="426206" spans="14:14">
      <c r="N426206" s="10"/>
    </row>
    <row r="426207" spans="14:14">
      <c r="N426207" s="10"/>
    </row>
    <row r="426208" spans="14:14">
      <c r="N426208" s="10"/>
    </row>
    <row r="426209" spans="14:14">
      <c r="N426209" s="10"/>
    </row>
    <row r="426210" spans="14:14">
      <c r="N426210" s="10"/>
    </row>
    <row r="426211" spans="14:14">
      <c r="N426211" s="10"/>
    </row>
    <row r="426212" spans="14:14">
      <c r="N426212" s="10"/>
    </row>
    <row r="426213" spans="14:14">
      <c r="N426213" s="10"/>
    </row>
    <row r="426214" spans="14:14">
      <c r="N426214" s="10"/>
    </row>
    <row r="426215" spans="14:14">
      <c r="N426215" s="10"/>
    </row>
    <row r="426216" spans="14:14">
      <c r="N426216" s="10"/>
    </row>
    <row r="426217" spans="14:14">
      <c r="N426217" s="10"/>
    </row>
    <row r="426218" spans="14:14">
      <c r="N426218" s="10"/>
    </row>
    <row r="426219" spans="14:14">
      <c r="N426219" s="10"/>
    </row>
    <row r="426220" spans="14:14">
      <c r="N426220" s="10"/>
    </row>
    <row r="426221" spans="14:14">
      <c r="N426221" s="10"/>
    </row>
    <row r="426222" spans="14:14">
      <c r="N426222" s="10"/>
    </row>
    <row r="426223" spans="14:14">
      <c r="N426223" s="10"/>
    </row>
    <row r="426224" spans="14:14">
      <c r="N426224" s="10"/>
    </row>
    <row r="426225" spans="14:14">
      <c r="N426225" s="10"/>
    </row>
    <row r="426226" spans="14:14">
      <c r="N426226" s="10"/>
    </row>
    <row r="426227" spans="14:14">
      <c r="N426227" s="10"/>
    </row>
    <row r="426228" spans="14:14">
      <c r="N426228" s="10"/>
    </row>
    <row r="426229" spans="14:14">
      <c r="N426229" s="10"/>
    </row>
    <row r="426230" spans="14:14">
      <c r="N426230" s="10"/>
    </row>
    <row r="426231" spans="14:14">
      <c r="N426231" s="10"/>
    </row>
    <row r="426232" spans="14:14">
      <c r="N426232" s="10"/>
    </row>
    <row r="426233" spans="14:14">
      <c r="N426233" s="10"/>
    </row>
    <row r="426234" spans="14:14">
      <c r="N426234" s="10"/>
    </row>
    <row r="426235" spans="14:14">
      <c r="N426235" s="10"/>
    </row>
    <row r="426236" spans="14:14">
      <c r="N426236" s="10"/>
    </row>
    <row r="426237" spans="14:14">
      <c r="N426237" s="10"/>
    </row>
    <row r="426238" spans="14:14">
      <c r="N426238" s="10"/>
    </row>
    <row r="426239" spans="14:14">
      <c r="N426239" s="10"/>
    </row>
    <row r="426240" spans="14:14">
      <c r="N426240" s="10"/>
    </row>
    <row r="426241" spans="14:14">
      <c r="N426241" s="10"/>
    </row>
    <row r="426242" spans="14:14">
      <c r="N426242" s="10"/>
    </row>
    <row r="426243" spans="14:14">
      <c r="N426243" s="10"/>
    </row>
    <row r="426244" spans="14:14">
      <c r="N426244" s="10"/>
    </row>
    <row r="426245" spans="14:14">
      <c r="N426245" s="10"/>
    </row>
    <row r="426246" spans="14:14">
      <c r="N426246" s="10"/>
    </row>
    <row r="426247" spans="14:14">
      <c r="N426247" s="10"/>
    </row>
    <row r="426248" spans="14:14">
      <c r="N426248" s="10"/>
    </row>
    <row r="426249" spans="14:14">
      <c r="N426249" s="10"/>
    </row>
    <row r="426250" spans="14:14">
      <c r="N426250" s="10"/>
    </row>
    <row r="426251" spans="14:14">
      <c r="N426251" s="10"/>
    </row>
    <row r="426252" spans="14:14">
      <c r="N426252" s="10"/>
    </row>
    <row r="426253" spans="14:14">
      <c r="N426253" s="10"/>
    </row>
    <row r="426254" spans="14:14">
      <c r="N426254" s="10"/>
    </row>
    <row r="426255" spans="14:14">
      <c r="N426255" s="10"/>
    </row>
    <row r="426256" spans="14:14">
      <c r="N426256" s="10"/>
    </row>
    <row r="426257" spans="14:14">
      <c r="N426257" s="10"/>
    </row>
    <row r="426258" spans="14:14">
      <c r="N426258" s="10"/>
    </row>
    <row r="426259" spans="14:14">
      <c r="N426259" s="10"/>
    </row>
    <row r="426260" spans="14:14">
      <c r="N426260" s="10"/>
    </row>
    <row r="426261" spans="14:14">
      <c r="N426261" s="10"/>
    </row>
    <row r="426262" spans="14:14">
      <c r="N426262" s="10"/>
    </row>
    <row r="426263" spans="14:14">
      <c r="N426263" s="10"/>
    </row>
    <row r="426264" spans="14:14">
      <c r="N426264" s="10"/>
    </row>
    <row r="426265" spans="14:14">
      <c r="N426265" s="10"/>
    </row>
    <row r="426266" spans="14:14">
      <c r="N426266" s="10"/>
    </row>
    <row r="426267" spans="14:14">
      <c r="N426267" s="10"/>
    </row>
    <row r="426268" spans="14:14">
      <c r="N426268" s="10"/>
    </row>
    <row r="426269" spans="14:14">
      <c r="N426269" s="10"/>
    </row>
    <row r="426270" spans="14:14">
      <c r="N426270" s="10"/>
    </row>
    <row r="426271" spans="14:14">
      <c r="N426271" s="10"/>
    </row>
    <row r="426272" spans="14:14">
      <c r="N426272" s="10"/>
    </row>
    <row r="426273" spans="14:14">
      <c r="N426273" s="10"/>
    </row>
    <row r="426274" spans="14:14">
      <c r="N426274" s="10"/>
    </row>
    <row r="426275" spans="14:14">
      <c r="N426275" s="10"/>
    </row>
    <row r="426276" spans="14:14">
      <c r="N426276" s="10"/>
    </row>
    <row r="426277" spans="14:14">
      <c r="N426277" s="10"/>
    </row>
    <row r="426278" spans="14:14">
      <c r="N426278" s="10"/>
    </row>
    <row r="426279" spans="14:14">
      <c r="N426279" s="10"/>
    </row>
    <row r="426280" spans="14:14">
      <c r="N426280" s="10"/>
    </row>
    <row r="426281" spans="14:14">
      <c r="N426281" s="10"/>
    </row>
    <row r="426282" spans="14:14">
      <c r="N426282" s="10"/>
    </row>
    <row r="426283" spans="14:14">
      <c r="N426283" s="10"/>
    </row>
    <row r="426284" spans="14:14">
      <c r="N426284" s="10"/>
    </row>
    <row r="426285" spans="14:14">
      <c r="N426285" s="10"/>
    </row>
    <row r="426286" spans="14:14">
      <c r="N426286" s="10"/>
    </row>
    <row r="426287" spans="14:14">
      <c r="N426287" s="10"/>
    </row>
    <row r="426288" spans="14:14">
      <c r="N426288" s="10"/>
    </row>
    <row r="426289" spans="14:14">
      <c r="N426289" s="10"/>
    </row>
    <row r="426290" spans="14:14">
      <c r="N426290" s="10"/>
    </row>
    <row r="426291" spans="14:14">
      <c r="N426291" s="10"/>
    </row>
    <row r="426292" spans="14:14">
      <c r="N426292" s="10"/>
    </row>
    <row r="426293" spans="14:14">
      <c r="N426293" s="10"/>
    </row>
    <row r="426294" spans="14:14">
      <c r="N426294" s="10"/>
    </row>
    <row r="426295" spans="14:14">
      <c r="N426295" s="10"/>
    </row>
    <row r="426296" spans="14:14">
      <c r="N426296" s="10"/>
    </row>
    <row r="426297" spans="14:14">
      <c r="N426297" s="10"/>
    </row>
    <row r="426298" spans="14:14">
      <c r="N426298" s="10"/>
    </row>
    <row r="426299" spans="14:14">
      <c r="N426299" s="10"/>
    </row>
    <row r="426300" spans="14:14">
      <c r="N426300" s="10"/>
    </row>
    <row r="426301" spans="14:14">
      <c r="N426301" s="10"/>
    </row>
    <row r="426302" spans="14:14">
      <c r="N426302" s="10"/>
    </row>
    <row r="426303" spans="14:14">
      <c r="N426303" s="10"/>
    </row>
    <row r="426304" spans="14:14">
      <c r="N426304" s="10"/>
    </row>
    <row r="426305" spans="14:14">
      <c r="N426305" s="10"/>
    </row>
    <row r="426306" spans="14:14">
      <c r="N426306" s="10"/>
    </row>
    <row r="426307" spans="14:14">
      <c r="N426307" s="10"/>
    </row>
    <row r="426308" spans="14:14">
      <c r="N426308" s="10"/>
    </row>
    <row r="426309" spans="14:14">
      <c r="N426309" s="10"/>
    </row>
    <row r="426310" spans="14:14">
      <c r="N426310" s="10"/>
    </row>
    <row r="426311" spans="14:14">
      <c r="N426311" s="10"/>
    </row>
    <row r="426312" spans="14:14">
      <c r="N426312" s="10"/>
    </row>
    <row r="426313" spans="14:14">
      <c r="N426313" s="10"/>
    </row>
    <row r="426314" spans="14:14">
      <c r="N426314" s="10"/>
    </row>
    <row r="426315" spans="14:14">
      <c r="N426315" s="10"/>
    </row>
    <row r="426316" spans="14:14">
      <c r="N426316" s="10"/>
    </row>
    <row r="426317" spans="14:14">
      <c r="N426317" s="10"/>
    </row>
    <row r="426318" spans="14:14">
      <c r="N426318" s="10"/>
    </row>
    <row r="426319" spans="14:14">
      <c r="N426319" s="10"/>
    </row>
    <row r="426320" spans="14:14">
      <c r="N426320" s="10"/>
    </row>
    <row r="426321" spans="14:14">
      <c r="N426321" s="10"/>
    </row>
    <row r="426322" spans="14:14">
      <c r="N426322" s="10"/>
    </row>
    <row r="426323" spans="14:14">
      <c r="N426323" s="10"/>
    </row>
    <row r="426324" spans="14:14">
      <c r="N426324" s="10"/>
    </row>
    <row r="426325" spans="14:14">
      <c r="N426325" s="10"/>
    </row>
    <row r="426326" spans="14:14">
      <c r="N426326" s="10"/>
    </row>
    <row r="426327" spans="14:14">
      <c r="N426327" s="10"/>
    </row>
    <row r="426328" spans="14:14">
      <c r="N426328" s="10"/>
    </row>
    <row r="426329" spans="14:14">
      <c r="N426329" s="10"/>
    </row>
    <row r="426330" spans="14:14">
      <c r="N426330" s="10"/>
    </row>
    <row r="426331" spans="14:14">
      <c r="N426331" s="10"/>
    </row>
    <row r="426332" spans="14:14">
      <c r="N426332" s="10"/>
    </row>
    <row r="426333" spans="14:14">
      <c r="N426333" s="10"/>
    </row>
    <row r="426334" spans="14:14">
      <c r="N426334" s="10"/>
    </row>
    <row r="426335" spans="14:14">
      <c r="N426335" s="10"/>
    </row>
    <row r="426336" spans="14:14">
      <c r="N426336" s="10"/>
    </row>
    <row r="426337" spans="14:14">
      <c r="N426337" s="10"/>
    </row>
    <row r="426338" spans="14:14">
      <c r="N426338" s="10"/>
    </row>
    <row r="426339" spans="14:14">
      <c r="N426339" s="10"/>
    </row>
    <row r="426340" spans="14:14">
      <c r="N426340" s="10"/>
    </row>
    <row r="426341" spans="14:14">
      <c r="N426341" s="10"/>
    </row>
    <row r="426342" spans="14:14">
      <c r="N426342" s="10"/>
    </row>
    <row r="426343" spans="14:14">
      <c r="N426343" s="10"/>
    </row>
    <row r="426344" spans="14:14">
      <c r="N426344" s="10"/>
    </row>
    <row r="426345" spans="14:14">
      <c r="N426345" s="10"/>
    </row>
    <row r="426346" spans="14:14">
      <c r="N426346" s="10"/>
    </row>
    <row r="426347" spans="14:14">
      <c r="N426347" s="10"/>
    </row>
    <row r="426348" spans="14:14">
      <c r="N426348" s="10"/>
    </row>
    <row r="426349" spans="14:14">
      <c r="N426349" s="10"/>
    </row>
    <row r="426350" spans="14:14">
      <c r="N426350" s="10"/>
    </row>
    <row r="426351" spans="14:14">
      <c r="N426351" s="10"/>
    </row>
    <row r="426352" spans="14:14">
      <c r="N426352" s="10"/>
    </row>
    <row r="426353" spans="14:14">
      <c r="N426353" s="10"/>
    </row>
    <row r="426354" spans="14:14">
      <c r="N426354" s="10"/>
    </row>
    <row r="426355" spans="14:14">
      <c r="N426355" s="10"/>
    </row>
    <row r="426356" spans="14:14">
      <c r="N426356" s="10"/>
    </row>
    <row r="426357" spans="14:14">
      <c r="N426357" s="10"/>
    </row>
    <row r="426358" spans="14:14">
      <c r="N426358" s="10"/>
    </row>
    <row r="426359" spans="14:14">
      <c r="N426359" s="10"/>
    </row>
    <row r="426360" spans="14:14">
      <c r="N426360" s="10"/>
    </row>
    <row r="426361" spans="14:14">
      <c r="N426361" s="10"/>
    </row>
    <row r="426362" spans="14:14">
      <c r="N426362" s="10"/>
    </row>
    <row r="426363" spans="14:14">
      <c r="N426363" s="10"/>
    </row>
    <row r="426364" spans="14:14">
      <c r="N426364" s="10"/>
    </row>
    <row r="426365" spans="14:14">
      <c r="N426365" s="10"/>
    </row>
    <row r="426366" spans="14:14">
      <c r="N426366" s="10"/>
    </row>
    <row r="426367" spans="14:14">
      <c r="N426367" s="10"/>
    </row>
    <row r="426368" spans="14:14">
      <c r="N426368" s="10"/>
    </row>
    <row r="426369" spans="14:14">
      <c r="N426369" s="10"/>
    </row>
    <row r="426370" spans="14:14">
      <c r="N426370" s="10"/>
    </row>
    <row r="426371" spans="14:14">
      <c r="N426371" s="10"/>
    </row>
    <row r="426372" spans="14:14">
      <c r="N426372" s="10"/>
    </row>
    <row r="426373" spans="14:14">
      <c r="N426373" s="10"/>
    </row>
    <row r="426374" spans="14:14">
      <c r="N426374" s="10"/>
    </row>
    <row r="426375" spans="14:14">
      <c r="N426375" s="10"/>
    </row>
    <row r="426376" spans="14:14">
      <c r="N426376" s="10"/>
    </row>
    <row r="426377" spans="14:14">
      <c r="N426377" s="10"/>
    </row>
    <row r="426378" spans="14:14">
      <c r="N426378" s="10"/>
    </row>
    <row r="426379" spans="14:14">
      <c r="N426379" s="10"/>
    </row>
    <row r="426380" spans="14:14">
      <c r="N426380" s="10"/>
    </row>
    <row r="426381" spans="14:14">
      <c r="N426381" s="10"/>
    </row>
    <row r="426382" spans="14:14">
      <c r="N426382" s="10"/>
    </row>
    <row r="426383" spans="14:14">
      <c r="N426383" s="10"/>
    </row>
    <row r="426384" spans="14:14">
      <c r="N426384" s="10"/>
    </row>
    <row r="426385" spans="14:14">
      <c r="N426385" s="10"/>
    </row>
    <row r="426386" spans="14:14">
      <c r="N426386" s="10"/>
    </row>
    <row r="426387" spans="14:14">
      <c r="N426387" s="10"/>
    </row>
    <row r="426388" spans="14:14">
      <c r="N426388" s="10"/>
    </row>
    <row r="426389" spans="14:14">
      <c r="N426389" s="10"/>
    </row>
    <row r="426390" spans="14:14">
      <c r="N426390" s="10"/>
    </row>
    <row r="426391" spans="14:14">
      <c r="N426391" s="10"/>
    </row>
    <row r="426392" spans="14:14">
      <c r="N426392" s="10"/>
    </row>
    <row r="426393" spans="14:14">
      <c r="N426393" s="10"/>
    </row>
    <row r="426394" spans="14:14">
      <c r="N426394" s="10"/>
    </row>
    <row r="426395" spans="14:14">
      <c r="N426395" s="10"/>
    </row>
    <row r="426396" spans="14:14">
      <c r="N426396" s="10"/>
    </row>
    <row r="426397" spans="14:14">
      <c r="N426397" s="10"/>
    </row>
    <row r="426398" spans="14:14">
      <c r="N426398" s="10"/>
    </row>
    <row r="426399" spans="14:14">
      <c r="N426399" s="10"/>
    </row>
    <row r="426400" spans="14:14">
      <c r="N426400" s="10"/>
    </row>
    <row r="426401" spans="14:14">
      <c r="N426401" s="10"/>
    </row>
    <row r="426402" spans="14:14">
      <c r="N426402" s="10"/>
    </row>
    <row r="426403" spans="14:14">
      <c r="N426403" s="10"/>
    </row>
    <row r="426404" spans="14:14">
      <c r="N426404" s="10"/>
    </row>
    <row r="426405" spans="14:14">
      <c r="N426405" s="10"/>
    </row>
    <row r="426406" spans="14:14">
      <c r="N426406" s="10"/>
    </row>
    <row r="426407" spans="14:14">
      <c r="N426407" s="10"/>
    </row>
    <row r="426408" spans="14:14">
      <c r="N426408" s="10"/>
    </row>
    <row r="426409" spans="14:14">
      <c r="N426409" s="10"/>
    </row>
    <row r="426410" spans="14:14">
      <c r="N426410" s="10"/>
    </row>
    <row r="426411" spans="14:14">
      <c r="N426411" s="10"/>
    </row>
    <row r="426412" spans="14:14">
      <c r="N426412" s="10"/>
    </row>
    <row r="426413" spans="14:14">
      <c r="N426413" s="10"/>
    </row>
    <row r="426414" spans="14:14">
      <c r="N426414" s="10"/>
    </row>
    <row r="426415" spans="14:14">
      <c r="N426415" s="10"/>
    </row>
    <row r="426416" spans="14:14">
      <c r="N426416" s="10"/>
    </row>
    <row r="426417" spans="14:14">
      <c r="N426417" s="10"/>
    </row>
    <row r="426418" spans="14:14">
      <c r="N426418" s="10"/>
    </row>
    <row r="426419" spans="14:14">
      <c r="N426419" s="10"/>
    </row>
    <row r="426420" spans="14:14">
      <c r="N426420" s="10"/>
    </row>
    <row r="426421" spans="14:14">
      <c r="N426421" s="10"/>
    </row>
    <row r="426422" spans="14:14">
      <c r="N426422" s="10"/>
    </row>
    <row r="426423" spans="14:14">
      <c r="N426423" s="10"/>
    </row>
    <row r="426424" spans="14:14">
      <c r="N426424" s="10"/>
    </row>
    <row r="426425" spans="14:14">
      <c r="N426425" s="10"/>
    </row>
    <row r="426426" spans="14:14">
      <c r="N426426" s="10"/>
    </row>
    <row r="426427" spans="14:14">
      <c r="N426427" s="10"/>
    </row>
    <row r="426428" spans="14:14">
      <c r="N426428" s="10"/>
    </row>
    <row r="426429" spans="14:14">
      <c r="N426429" s="10"/>
    </row>
    <row r="426430" spans="14:14">
      <c r="N426430" s="10"/>
    </row>
    <row r="426431" spans="14:14">
      <c r="N426431" s="10"/>
    </row>
    <row r="426432" spans="14:14">
      <c r="N426432" s="10"/>
    </row>
    <row r="426433" spans="14:14">
      <c r="N426433" s="10"/>
    </row>
    <row r="426434" spans="14:14">
      <c r="N426434" s="10"/>
    </row>
    <row r="426435" spans="14:14">
      <c r="N426435" s="10"/>
    </row>
    <row r="426436" spans="14:14">
      <c r="N426436" s="10"/>
    </row>
    <row r="426437" spans="14:14">
      <c r="N426437" s="10"/>
    </row>
    <row r="426438" spans="14:14">
      <c r="N426438" s="10"/>
    </row>
    <row r="426439" spans="14:14">
      <c r="N426439" s="10"/>
    </row>
    <row r="426440" spans="14:14">
      <c r="N426440" s="10"/>
    </row>
    <row r="426441" spans="14:14">
      <c r="N426441" s="10"/>
    </row>
    <row r="426442" spans="14:14">
      <c r="N426442" s="10"/>
    </row>
    <row r="426443" spans="14:14">
      <c r="N426443" s="10"/>
    </row>
    <row r="426444" spans="14:14">
      <c r="N426444" s="10"/>
    </row>
    <row r="426445" spans="14:14">
      <c r="N426445" s="10"/>
    </row>
    <row r="426446" spans="14:14">
      <c r="N426446" s="10"/>
    </row>
    <row r="426447" spans="14:14">
      <c r="N426447" s="10"/>
    </row>
    <row r="426448" spans="14:14">
      <c r="N426448" s="10"/>
    </row>
    <row r="426449" spans="14:14">
      <c r="N426449" s="10"/>
    </row>
    <row r="426450" spans="14:14">
      <c r="N426450" s="10"/>
    </row>
    <row r="426451" spans="14:14">
      <c r="N426451" s="10"/>
    </row>
    <row r="426452" spans="14:14">
      <c r="N426452" s="10"/>
    </row>
    <row r="426453" spans="14:14">
      <c r="N426453" s="10"/>
    </row>
    <row r="426454" spans="14:14">
      <c r="N426454" s="10"/>
    </row>
    <row r="426455" spans="14:14">
      <c r="N426455" s="10"/>
    </row>
    <row r="426456" spans="14:14">
      <c r="N426456" s="10"/>
    </row>
    <row r="426457" spans="14:14">
      <c r="N426457" s="10"/>
    </row>
    <row r="426458" spans="14:14">
      <c r="N426458" s="10"/>
    </row>
    <row r="426459" spans="14:14">
      <c r="N426459" s="10"/>
    </row>
    <row r="426460" spans="14:14">
      <c r="N426460" s="10"/>
    </row>
    <row r="426461" spans="14:14">
      <c r="N426461" s="10"/>
    </row>
    <row r="426462" spans="14:14">
      <c r="N426462" s="10"/>
    </row>
    <row r="426463" spans="14:14">
      <c r="N426463" s="10"/>
    </row>
    <row r="426464" spans="14:14">
      <c r="N426464" s="10"/>
    </row>
    <row r="426465" spans="14:14">
      <c r="N426465" s="10"/>
    </row>
    <row r="426466" spans="14:14">
      <c r="N426466" s="10"/>
    </row>
    <row r="426467" spans="14:14">
      <c r="N426467" s="10"/>
    </row>
    <row r="426468" spans="14:14">
      <c r="N426468" s="10"/>
    </row>
    <row r="426469" spans="14:14">
      <c r="N426469" s="10"/>
    </row>
    <row r="426470" spans="14:14">
      <c r="N426470" s="10"/>
    </row>
    <row r="426471" spans="14:14">
      <c r="N426471" s="10"/>
    </row>
    <row r="426472" spans="14:14">
      <c r="N426472" s="10"/>
    </row>
    <row r="426473" spans="14:14">
      <c r="N426473" s="10"/>
    </row>
    <row r="426474" spans="14:14">
      <c r="N426474" s="10"/>
    </row>
    <row r="426475" spans="14:14">
      <c r="N426475" s="10"/>
    </row>
    <row r="426476" spans="14:14">
      <c r="N426476" s="10"/>
    </row>
    <row r="426477" spans="14:14">
      <c r="N426477" s="10"/>
    </row>
    <row r="426478" spans="14:14">
      <c r="N426478" s="10"/>
    </row>
    <row r="426479" spans="14:14">
      <c r="N426479" s="10"/>
    </row>
    <row r="426480" spans="14:14">
      <c r="N426480" s="10"/>
    </row>
    <row r="426481" spans="14:14">
      <c r="N426481" s="10"/>
    </row>
    <row r="426482" spans="14:14">
      <c r="N426482" s="10"/>
    </row>
    <row r="426483" spans="14:14">
      <c r="N426483" s="10"/>
    </row>
    <row r="426484" spans="14:14">
      <c r="N426484" s="10"/>
    </row>
    <row r="426485" spans="14:14">
      <c r="N426485" s="10"/>
    </row>
    <row r="426486" spans="14:14">
      <c r="N426486" s="10"/>
    </row>
    <row r="426487" spans="14:14">
      <c r="N426487" s="10"/>
    </row>
    <row r="426488" spans="14:14">
      <c r="N426488" s="10"/>
    </row>
    <row r="426489" spans="14:14">
      <c r="N426489" s="10"/>
    </row>
    <row r="426490" spans="14:14">
      <c r="N426490" s="10"/>
    </row>
    <row r="426491" spans="14:14">
      <c r="N426491" s="10"/>
    </row>
    <row r="426492" spans="14:14">
      <c r="N426492" s="10"/>
    </row>
    <row r="426493" spans="14:14">
      <c r="N426493" s="10"/>
    </row>
    <row r="426494" spans="14:14">
      <c r="N426494" s="10"/>
    </row>
    <row r="426495" spans="14:14">
      <c r="N426495" s="10"/>
    </row>
    <row r="426496" spans="14:14">
      <c r="N426496" s="10"/>
    </row>
    <row r="426497" spans="14:14">
      <c r="N426497" s="10"/>
    </row>
    <row r="426498" spans="14:14">
      <c r="N426498" s="10"/>
    </row>
    <row r="426499" spans="14:14">
      <c r="N426499" s="10"/>
    </row>
    <row r="426500" spans="14:14">
      <c r="N426500" s="10"/>
    </row>
    <row r="426501" spans="14:14">
      <c r="N426501" s="10"/>
    </row>
    <row r="426502" spans="14:14">
      <c r="N426502" s="10"/>
    </row>
    <row r="426503" spans="14:14">
      <c r="N426503" s="10"/>
    </row>
    <row r="426504" spans="14:14">
      <c r="N426504" s="10"/>
    </row>
    <row r="426505" spans="14:14">
      <c r="N426505" s="10"/>
    </row>
    <row r="426506" spans="14:14">
      <c r="N426506" s="10"/>
    </row>
    <row r="426507" spans="14:14">
      <c r="N426507" s="10"/>
    </row>
    <row r="426508" spans="14:14">
      <c r="N426508" s="10"/>
    </row>
    <row r="426509" spans="14:14">
      <c r="N426509" s="10"/>
    </row>
    <row r="426510" spans="14:14">
      <c r="N426510" s="10"/>
    </row>
    <row r="426511" spans="14:14">
      <c r="N426511" s="10"/>
    </row>
    <row r="426512" spans="14:14">
      <c r="N426512" s="10"/>
    </row>
    <row r="426513" spans="14:14">
      <c r="N426513" s="10"/>
    </row>
    <row r="426514" spans="14:14">
      <c r="N426514" s="10"/>
    </row>
    <row r="426515" spans="14:14">
      <c r="N426515" s="10"/>
    </row>
    <row r="426516" spans="14:14">
      <c r="N426516" s="10"/>
    </row>
    <row r="426517" spans="14:14">
      <c r="N426517" s="10"/>
    </row>
    <row r="426518" spans="14:14">
      <c r="N426518" s="10"/>
    </row>
    <row r="426519" spans="14:14">
      <c r="N426519" s="10"/>
    </row>
    <row r="426520" spans="14:14">
      <c r="N426520" s="10"/>
    </row>
    <row r="426521" spans="14:14">
      <c r="N426521" s="10"/>
    </row>
    <row r="426522" spans="14:14">
      <c r="N426522" s="10"/>
    </row>
    <row r="426523" spans="14:14">
      <c r="N426523" s="10"/>
    </row>
    <row r="426524" spans="14:14">
      <c r="N426524" s="10"/>
    </row>
    <row r="426525" spans="14:14">
      <c r="N426525" s="10"/>
    </row>
    <row r="426526" spans="14:14">
      <c r="N426526" s="10"/>
    </row>
    <row r="426527" spans="14:14">
      <c r="N426527" s="10"/>
    </row>
    <row r="426528" spans="14:14">
      <c r="N426528" s="10"/>
    </row>
    <row r="426529" spans="14:14">
      <c r="N426529" s="10"/>
    </row>
    <row r="426530" spans="14:14">
      <c r="N426530" s="10"/>
    </row>
    <row r="426531" spans="14:14">
      <c r="N426531" s="10"/>
    </row>
    <row r="426532" spans="14:14">
      <c r="N426532" s="10"/>
    </row>
    <row r="426533" spans="14:14">
      <c r="N426533" s="10"/>
    </row>
    <row r="426534" spans="14:14">
      <c r="N426534" s="10"/>
    </row>
    <row r="426535" spans="14:14">
      <c r="N426535" s="10"/>
    </row>
    <row r="426536" spans="14:14">
      <c r="N426536" s="10"/>
    </row>
    <row r="426537" spans="14:14">
      <c r="N426537" s="10"/>
    </row>
    <row r="426538" spans="14:14">
      <c r="N426538" s="10"/>
    </row>
    <row r="426539" spans="14:14">
      <c r="N426539" s="10"/>
    </row>
    <row r="426540" spans="14:14">
      <c r="N426540" s="10"/>
    </row>
    <row r="426541" spans="14:14">
      <c r="N426541" s="10"/>
    </row>
    <row r="426542" spans="14:14">
      <c r="N426542" s="10"/>
    </row>
    <row r="426543" spans="14:14">
      <c r="N426543" s="10"/>
    </row>
    <row r="426544" spans="14:14">
      <c r="N426544" s="10"/>
    </row>
    <row r="426545" spans="14:14">
      <c r="N426545" s="10"/>
    </row>
    <row r="426546" spans="14:14">
      <c r="N426546" s="10"/>
    </row>
    <row r="426547" spans="14:14">
      <c r="N426547" s="10"/>
    </row>
    <row r="426548" spans="14:14">
      <c r="N426548" s="10"/>
    </row>
    <row r="426549" spans="14:14">
      <c r="N426549" s="10"/>
    </row>
    <row r="426550" spans="14:14">
      <c r="N426550" s="10"/>
    </row>
    <row r="426551" spans="14:14">
      <c r="N426551" s="10"/>
    </row>
    <row r="426552" spans="14:14">
      <c r="N426552" s="10"/>
    </row>
    <row r="426553" spans="14:14">
      <c r="N426553" s="10"/>
    </row>
    <row r="426554" spans="14:14">
      <c r="N426554" s="10"/>
    </row>
    <row r="426555" spans="14:14">
      <c r="N426555" s="10"/>
    </row>
    <row r="426556" spans="14:14">
      <c r="N426556" s="10"/>
    </row>
    <row r="426557" spans="14:14">
      <c r="N426557" s="10"/>
    </row>
    <row r="426558" spans="14:14">
      <c r="N426558" s="10"/>
    </row>
    <row r="426559" spans="14:14">
      <c r="N426559" s="10"/>
    </row>
    <row r="426560" spans="14:14">
      <c r="N426560" s="10"/>
    </row>
    <row r="426561" spans="14:14">
      <c r="N426561" s="10"/>
    </row>
    <row r="426562" spans="14:14">
      <c r="N426562" s="10"/>
    </row>
    <row r="426563" spans="14:14">
      <c r="N426563" s="10"/>
    </row>
    <row r="426564" spans="14:14">
      <c r="N426564" s="10"/>
    </row>
    <row r="426565" spans="14:14">
      <c r="N426565" s="10"/>
    </row>
    <row r="426566" spans="14:14">
      <c r="N426566" s="10"/>
    </row>
    <row r="426567" spans="14:14">
      <c r="N426567" s="10"/>
    </row>
    <row r="426568" spans="14:14">
      <c r="N426568" s="10"/>
    </row>
    <row r="426569" spans="14:14">
      <c r="N426569" s="10"/>
    </row>
    <row r="426570" spans="14:14">
      <c r="N426570" s="10"/>
    </row>
    <row r="426571" spans="14:14">
      <c r="N426571" s="10"/>
    </row>
    <row r="426572" spans="14:14">
      <c r="N426572" s="10"/>
    </row>
    <row r="426573" spans="14:14">
      <c r="N426573" s="10"/>
    </row>
    <row r="426574" spans="14:14">
      <c r="N426574" s="10"/>
    </row>
    <row r="426575" spans="14:14">
      <c r="N426575" s="10"/>
    </row>
    <row r="426576" spans="14:14">
      <c r="N426576" s="10"/>
    </row>
    <row r="426577" spans="14:14">
      <c r="N426577" s="10"/>
    </row>
    <row r="426578" spans="14:14">
      <c r="N426578" s="10"/>
    </row>
    <row r="426579" spans="14:14">
      <c r="N426579" s="10"/>
    </row>
    <row r="426580" spans="14:14">
      <c r="N426580" s="10"/>
    </row>
    <row r="426581" spans="14:14">
      <c r="N426581" s="10"/>
    </row>
    <row r="426582" spans="14:14">
      <c r="N426582" s="10"/>
    </row>
    <row r="426583" spans="14:14">
      <c r="N426583" s="10"/>
    </row>
    <row r="426584" spans="14:14">
      <c r="N426584" s="10"/>
    </row>
    <row r="426585" spans="14:14">
      <c r="N426585" s="10"/>
    </row>
    <row r="426586" spans="14:14">
      <c r="N426586" s="10"/>
    </row>
    <row r="426587" spans="14:14">
      <c r="N426587" s="10"/>
    </row>
    <row r="426588" spans="14:14">
      <c r="N426588" s="10"/>
    </row>
    <row r="426589" spans="14:14">
      <c r="N426589" s="10"/>
    </row>
    <row r="426590" spans="14:14">
      <c r="N426590" s="10"/>
    </row>
    <row r="426591" spans="14:14">
      <c r="N426591" s="10"/>
    </row>
    <row r="426592" spans="14:14">
      <c r="N426592" s="10"/>
    </row>
    <row r="426593" spans="14:14">
      <c r="N426593" s="10"/>
    </row>
    <row r="426594" spans="14:14">
      <c r="N426594" s="10"/>
    </row>
    <row r="426595" spans="14:14">
      <c r="N426595" s="10"/>
    </row>
    <row r="426596" spans="14:14">
      <c r="N426596" s="10"/>
    </row>
    <row r="426597" spans="14:14">
      <c r="N426597" s="10"/>
    </row>
    <row r="426598" spans="14:14">
      <c r="N426598" s="10"/>
    </row>
    <row r="426599" spans="14:14">
      <c r="N426599" s="10"/>
    </row>
    <row r="426600" spans="14:14">
      <c r="N426600" s="10"/>
    </row>
    <row r="426601" spans="14:14">
      <c r="N426601" s="10"/>
    </row>
    <row r="426602" spans="14:14">
      <c r="N426602" s="10"/>
    </row>
    <row r="426603" spans="14:14">
      <c r="N426603" s="10"/>
    </row>
    <row r="426604" spans="14:14">
      <c r="N426604" s="10"/>
    </row>
    <row r="426605" spans="14:14">
      <c r="N426605" s="10"/>
    </row>
    <row r="426606" spans="14:14">
      <c r="N426606" s="10"/>
    </row>
    <row r="426607" spans="14:14">
      <c r="N426607" s="10"/>
    </row>
    <row r="426608" spans="14:14">
      <c r="N426608" s="10"/>
    </row>
    <row r="426609" spans="14:14">
      <c r="N426609" s="10"/>
    </row>
    <row r="426610" spans="14:14">
      <c r="N426610" s="10"/>
    </row>
    <row r="426611" spans="14:14">
      <c r="N426611" s="10"/>
    </row>
    <row r="426612" spans="14:14">
      <c r="N426612" s="10"/>
    </row>
    <row r="426613" spans="14:14">
      <c r="N426613" s="10"/>
    </row>
    <row r="426614" spans="14:14">
      <c r="N426614" s="10"/>
    </row>
    <row r="426615" spans="14:14">
      <c r="N426615" s="10"/>
    </row>
    <row r="426616" spans="14:14">
      <c r="N426616" s="10"/>
    </row>
    <row r="426617" spans="14:14">
      <c r="N426617" s="10"/>
    </row>
    <row r="426618" spans="14:14">
      <c r="N426618" s="10"/>
    </row>
    <row r="426619" spans="14:14">
      <c r="N426619" s="10"/>
    </row>
    <row r="426620" spans="14:14">
      <c r="N426620" s="10"/>
    </row>
    <row r="426621" spans="14:14">
      <c r="N426621" s="10"/>
    </row>
    <row r="426622" spans="14:14">
      <c r="N426622" s="10"/>
    </row>
    <row r="426623" spans="14:14">
      <c r="N426623" s="10"/>
    </row>
    <row r="426624" spans="14:14">
      <c r="N426624" s="10"/>
    </row>
    <row r="426625" spans="14:14">
      <c r="N426625" s="10"/>
    </row>
    <row r="426626" spans="14:14">
      <c r="N426626" s="10"/>
    </row>
    <row r="426627" spans="14:14">
      <c r="N426627" s="10"/>
    </row>
    <row r="426628" spans="14:14">
      <c r="N426628" s="10"/>
    </row>
    <row r="426629" spans="14:14">
      <c r="N426629" s="10"/>
    </row>
    <row r="426630" spans="14:14">
      <c r="N426630" s="10"/>
    </row>
    <row r="426631" spans="14:14">
      <c r="N426631" s="10"/>
    </row>
    <row r="426632" spans="14:14">
      <c r="N426632" s="10"/>
    </row>
    <row r="426633" spans="14:14">
      <c r="N426633" s="10"/>
    </row>
    <row r="426634" spans="14:14">
      <c r="N426634" s="10"/>
    </row>
    <row r="426635" spans="14:14">
      <c r="N426635" s="10"/>
    </row>
    <row r="426636" spans="14:14">
      <c r="N426636" s="10"/>
    </row>
    <row r="426637" spans="14:14">
      <c r="N426637" s="10"/>
    </row>
    <row r="426638" spans="14:14">
      <c r="N426638" s="10"/>
    </row>
    <row r="426639" spans="14:14">
      <c r="N426639" s="10"/>
    </row>
    <row r="426640" spans="14:14">
      <c r="N426640" s="10"/>
    </row>
    <row r="426641" spans="14:14">
      <c r="N426641" s="10"/>
    </row>
    <row r="426642" spans="14:14">
      <c r="N426642" s="10"/>
    </row>
    <row r="426643" spans="14:14">
      <c r="N426643" s="10"/>
    </row>
    <row r="426644" spans="14:14">
      <c r="N426644" s="10"/>
    </row>
    <row r="426645" spans="14:14">
      <c r="N426645" s="10"/>
    </row>
    <row r="426646" spans="14:14">
      <c r="N426646" s="10"/>
    </row>
    <row r="426647" spans="14:14">
      <c r="N426647" s="10"/>
    </row>
    <row r="426648" spans="14:14">
      <c r="N426648" s="10"/>
    </row>
    <row r="426649" spans="14:14">
      <c r="N426649" s="10"/>
    </row>
    <row r="426650" spans="14:14">
      <c r="N426650" s="10"/>
    </row>
    <row r="426651" spans="14:14">
      <c r="N426651" s="10"/>
    </row>
    <row r="426652" spans="14:14">
      <c r="N426652" s="10"/>
    </row>
    <row r="426653" spans="14:14">
      <c r="N426653" s="10"/>
    </row>
    <row r="426654" spans="14:14">
      <c r="N426654" s="10"/>
    </row>
    <row r="426655" spans="14:14">
      <c r="N426655" s="10"/>
    </row>
    <row r="426656" spans="14:14">
      <c r="N426656" s="10"/>
    </row>
    <row r="426657" spans="14:14">
      <c r="N426657" s="10"/>
    </row>
    <row r="426658" spans="14:14">
      <c r="N426658" s="10"/>
    </row>
    <row r="426659" spans="14:14">
      <c r="N426659" s="10"/>
    </row>
    <row r="426660" spans="14:14">
      <c r="N426660" s="10"/>
    </row>
    <row r="426661" spans="14:14">
      <c r="N426661" s="10"/>
    </row>
    <row r="426662" spans="14:14">
      <c r="N426662" s="10"/>
    </row>
    <row r="426663" spans="14:14">
      <c r="N426663" s="10"/>
    </row>
    <row r="426664" spans="14:14">
      <c r="N426664" s="10"/>
    </row>
    <row r="426665" spans="14:14">
      <c r="N426665" s="10"/>
    </row>
    <row r="426666" spans="14:14">
      <c r="N426666" s="10"/>
    </row>
    <row r="426667" spans="14:14">
      <c r="N426667" s="10"/>
    </row>
    <row r="426668" spans="14:14">
      <c r="N426668" s="10"/>
    </row>
    <row r="426669" spans="14:14">
      <c r="N426669" s="10"/>
    </row>
    <row r="426670" spans="14:14">
      <c r="N426670" s="10"/>
    </row>
    <row r="426671" spans="14:14">
      <c r="N426671" s="10"/>
    </row>
    <row r="426672" spans="14:14">
      <c r="N426672" s="10"/>
    </row>
    <row r="426673" spans="14:14">
      <c r="N426673" s="10"/>
    </row>
    <row r="426674" spans="14:14">
      <c r="N426674" s="10"/>
    </row>
    <row r="426675" spans="14:14">
      <c r="N426675" s="10"/>
    </row>
    <row r="426676" spans="14:14">
      <c r="N426676" s="10"/>
    </row>
    <row r="426677" spans="14:14">
      <c r="N426677" s="10"/>
    </row>
    <row r="426678" spans="14:14">
      <c r="N426678" s="10"/>
    </row>
    <row r="426679" spans="14:14">
      <c r="N426679" s="10"/>
    </row>
    <row r="426680" spans="14:14">
      <c r="N426680" s="10"/>
    </row>
    <row r="426681" spans="14:14">
      <c r="N426681" s="10"/>
    </row>
    <row r="426682" spans="14:14">
      <c r="N426682" s="10"/>
    </row>
    <row r="426683" spans="14:14">
      <c r="N426683" s="10"/>
    </row>
    <row r="426684" spans="14:14">
      <c r="N426684" s="10"/>
    </row>
    <row r="426685" spans="14:14">
      <c r="N426685" s="10"/>
    </row>
    <row r="426686" spans="14:14">
      <c r="N426686" s="10"/>
    </row>
    <row r="426687" spans="14:14">
      <c r="N426687" s="10"/>
    </row>
    <row r="426688" spans="14:14">
      <c r="N426688" s="10"/>
    </row>
    <row r="426689" spans="14:14">
      <c r="N426689" s="10"/>
    </row>
    <row r="426690" spans="14:14">
      <c r="N426690" s="10"/>
    </row>
    <row r="426691" spans="14:14">
      <c r="N426691" s="10"/>
    </row>
    <row r="426692" spans="14:14">
      <c r="N426692" s="10"/>
    </row>
    <row r="426693" spans="14:14">
      <c r="N426693" s="10"/>
    </row>
    <row r="426694" spans="14:14">
      <c r="N426694" s="10"/>
    </row>
    <row r="426695" spans="14:14">
      <c r="N426695" s="10"/>
    </row>
    <row r="426696" spans="14:14">
      <c r="N426696" s="10"/>
    </row>
    <row r="426697" spans="14:14">
      <c r="N426697" s="10"/>
    </row>
    <row r="426698" spans="14:14">
      <c r="N426698" s="10"/>
    </row>
    <row r="426699" spans="14:14">
      <c r="N426699" s="10"/>
    </row>
    <row r="426700" spans="14:14">
      <c r="N426700" s="10"/>
    </row>
    <row r="426701" spans="14:14">
      <c r="N426701" s="10"/>
    </row>
    <row r="426702" spans="14:14">
      <c r="N426702" s="10"/>
    </row>
    <row r="426703" spans="14:14">
      <c r="N426703" s="10"/>
    </row>
    <row r="426704" spans="14:14">
      <c r="N426704" s="10"/>
    </row>
    <row r="426705" spans="14:14">
      <c r="N426705" s="10"/>
    </row>
    <row r="426706" spans="14:14">
      <c r="N426706" s="10"/>
    </row>
    <row r="426707" spans="14:14">
      <c r="N426707" s="10"/>
    </row>
    <row r="426708" spans="14:14">
      <c r="N426708" s="10"/>
    </row>
    <row r="426709" spans="14:14">
      <c r="N426709" s="10"/>
    </row>
    <row r="426710" spans="14:14">
      <c r="N426710" s="10"/>
    </row>
    <row r="426711" spans="14:14">
      <c r="N426711" s="10"/>
    </row>
    <row r="426712" spans="14:14">
      <c r="N426712" s="10"/>
    </row>
    <row r="426713" spans="14:14">
      <c r="N426713" s="10"/>
    </row>
    <row r="426714" spans="14:14">
      <c r="N426714" s="10"/>
    </row>
    <row r="426715" spans="14:14">
      <c r="N426715" s="10"/>
    </row>
    <row r="426716" spans="14:14">
      <c r="N426716" s="10"/>
    </row>
    <row r="426717" spans="14:14">
      <c r="N426717" s="10"/>
    </row>
    <row r="426718" spans="14:14">
      <c r="N426718" s="10"/>
    </row>
    <row r="426719" spans="14:14">
      <c r="N426719" s="10"/>
    </row>
    <row r="426720" spans="14:14">
      <c r="N426720" s="10"/>
    </row>
    <row r="426721" spans="14:14">
      <c r="N426721" s="10"/>
    </row>
    <row r="426722" spans="14:14">
      <c r="N426722" s="10"/>
    </row>
    <row r="426723" spans="14:14">
      <c r="N426723" s="10"/>
    </row>
    <row r="426724" spans="14:14">
      <c r="N426724" s="10"/>
    </row>
    <row r="426725" spans="14:14">
      <c r="N426725" s="10"/>
    </row>
    <row r="426726" spans="14:14">
      <c r="N426726" s="10"/>
    </row>
    <row r="426727" spans="14:14">
      <c r="N426727" s="10"/>
    </row>
    <row r="426728" spans="14:14">
      <c r="N426728" s="10"/>
    </row>
    <row r="426729" spans="14:14">
      <c r="N426729" s="10"/>
    </row>
    <row r="426730" spans="14:14">
      <c r="N426730" s="10"/>
    </row>
    <row r="426731" spans="14:14">
      <c r="N426731" s="10"/>
    </row>
    <row r="426732" spans="14:14">
      <c r="N426732" s="10"/>
    </row>
    <row r="426733" spans="14:14">
      <c r="N426733" s="10"/>
    </row>
    <row r="426734" spans="14:14">
      <c r="N426734" s="10"/>
    </row>
    <row r="426735" spans="14:14">
      <c r="N426735" s="10"/>
    </row>
    <row r="426736" spans="14:14">
      <c r="N426736" s="10"/>
    </row>
    <row r="426737" spans="14:14">
      <c r="N426737" s="10"/>
    </row>
    <row r="426738" spans="14:14">
      <c r="N426738" s="10"/>
    </row>
    <row r="426739" spans="14:14">
      <c r="N426739" s="10"/>
    </row>
    <row r="426740" spans="14:14">
      <c r="N426740" s="10"/>
    </row>
    <row r="426741" spans="14:14">
      <c r="N426741" s="10"/>
    </row>
    <row r="426742" spans="14:14">
      <c r="N426742" s="10"/>
    </row>
    <row r="426743" spans="14:14">
      <c r="N426743" s="10"/>
    </row>
    <row r="426744" spans="14:14">
      <c r="N426744" s="10"/>
    </row>
    <row r="426745" spans="14:14">
      <c r="N426745" s="10"/>
    </row>
    <row r="426746" spans="14:14">
      <c r="N426746" s="10"/>
    </row>
    <row r="426747" spans="14:14">
      <c r="N426747" s="10"/>
    </row>
    <row r="426748" spans="14:14">
      <c r="N426748" s="10"/>
    </row>
    <row r="426749" spans="14:14">
      <c r="N426749" s="10"/>
    </row>
    <row r="426750" spans="14:14">
      <c r="N426750" s="10"/>
    </row>
    <row r="426751" spans="14:14">
      <c r="N426751" s="10"/>
    </row>
    <row r="426752" spans="14:14">
      <c r="N426752" s="10"/>
    </row>
    <row r="426753" spans="14:14">
      <c r="N426753" s="10"/>
    </row>
    <row r="426754" spans="14:14">
      <c r="N426754" s="10"/>
    </row>
    <row r="426755" spans="14:14">
      <c r="N426755" s="10"/>
    </row>
    <row r="426756" spans="14:14">
      <c r="N426756" s="10"/>
    </row>
    <row r="426757" spans="14:14">
      <c r="N426757" s="10"/>
    </row>
    <row r="426758" spans="14:14">
      <c r="N426758" s="10"/>
    </row>
    <row r="426759" spans="14:14">
      <c r="N426759" s="10"/>
    </row>
    <row r="426760" spans="14:14">
      <c r="N426760" s="10"/>
    </row>
    <row r="426761" spans="14:14">
      <c r="N426761" s="10"/>
    </row>
    <row r="426762" spans="14:14">
      <c r="N426762" s="10"/>
    </row>
    <row r="426763" spans="14:14">
      <c r="N426763" s="10"/>
    </row>
    <row r="426764" spans="14:14">
      <c r="N426764" s="10"/>
    </row>
    <row r="426765" spans="14:14">
      <c r="N426765" s="10"/>
    </row>
    <row r="426766" spans="14:14">
      <c r="N426766" s="10"/>
    </row>
    <row r="426767" spans="14:14">
      <c r="N426767" s="10"/>
    </row>
    <row r="426768" spans="14:14">
      <c r="N426768" s="10"/>
    </row>
    <row r="426769" spans="14:14">
      <c r="N426769" s="10"/>
    </row>
    <row r="426770" spans="14:14">
      <c r="N426770" s="10"/>
    </row>
    <row r="426771" spans="14:14">
      <c r="N426771" s="10"/>
    </row>
    <row r="426772" spans="14:14">
      <c r="N426772" s="10"/>
    </row>
    <row r="426773" spans="14:14">
      <c r="N426773" s="10"/>
    </row>
    <row r="426774" spans="14:14">
      <c r="N426774" s="10"/>
    </row>
    <row r="426775" spans="14:14">
      <c r="N426775" s="10"/>
    </row>
    <row r="426776" spans="14:14">
      <c r="N426776" s="10"/>
    </row>
    <row r="426777" spans="14:14">
      <c r="N426777" s="10"/>
    </row>
    <row r="426778" spans="14:14">
      <c r="N426778" s="10"/>
    </row>
    <row r="426779" spans="14:14">
      <c r="N426779" s="10"/>
    </row>
    <row r="426780" spans="14:14">
      <c r="N426780" s="10"/>
    </row>
    <row r="426781" spans="14:14">
      <c r="N426781" s="10"/>
    </row>
    <row r="426782" spans="14:14">
      <c r="N426782" s="10"/>
    </row>
    <row r="426783" spans="14:14">
      <c r="N426783" s="10"/>
    </row>
    <row r="426784" spans="14:14">
      <c r="N426784" s="10"/>
    </row>
    <row r="426785" spans="14:14">
      <c r="N426785" s="10"/>
    </row>
    <row r="426786" spans="14:14">
      <c r="N426786" s="10"/>
    </row>
    <row r="426787" spans="14:14">
      <c r="N426787" s="10"/>
    </row>
    <row r="426788" spans="14:14">
      <c r="N426788" s="10"/>
    </row>
    <row r="426789" spans="14:14">
      <c r="N426789" s="10"/>
    </row>
    <row r="426790" spans="14:14">
      <c r="N426790" s="10"/>
    </row>
    <row r="426791" spans="14:14">
      <c r="N426791" s="10"/>
    </row>
    <row r="426792" spans="14:14">
      <c r="N426792" s="10"/>
    </row>
    <row r="426793" spans="14:14">
      <c r="N426793" s="10"/>
    </row>
    <row r="426794" spans="14:14">
      <c r="N426794" s="10"/>
    </row>
    <row r="426795" spans="14:14">
      <c r="N426795" s="10"/>
    </row>
    <row r="426796" spans="14:14">
      <c r="N426796" s="10"/>
    </row>
    <row r="426797" spans="14:14">
      <c r="N426797" s="10"/>
    </row>
    <row r="426798" spans="14:14">
      <c r="N426798" s="10"/>
    </row>
    <row r="426799" spans="14:14">
      <c r="N426799" s="10"/>
    </row>
    <row r="426800" spans="14:14">
      <c r="N426800" s="10"/>
    </row>
    <row r="426801" spans="14:14">
      <c r="N426801" s="10"/>
    </row>
    <row r="426802" spans="14:14">
      <c r="N426802" s="10"/>
    </row>
    <row r="426803" spans="14:14">
      <c r="N426803" s="10"/>
    </row>
    <row r="426804" spans="14:14">
      <c r="N426804" s="10"/>
    </row>
    <row r="426805" spans="14:14">
      <c r="N426805" s="10"/>
    </row>
    <row r="426806" spans="14:14">
      <c r="N426806" s="10"/>
    </row>
    <row r="426807" spans="14:14">
      <c r="N426807" s="10"/>
    </row>
    <row r="426808" spans="14:14">
      <c r="N426808" s="10"/>
    </row>
    <row r="426809" spans="14:14">
      <c r="N426809" s="10"/>
    </row>
    <row r="426810" spans="14:14">
      <c r="N426810" s="10"/>
    </row>
    <row r="426811" spans="14:14">
      <c r="N426811" s="10"/>
    </row>
    <row r="426812" spans="14:14">
      <c r="N426812" s="10"/>
    </row>
    <row r="426813" spans="14:14">
      <c r="N426813" s="10"/>
    </row>
    <row r="426814" spans="14:14">
      <c r="N426814" s="10"/>
    </row>
    <row r="426815" spans="14:14">
      <c r="N426815" s="10"/>
    </row>
    <row r="426816" spans="14:14">
      <c r="N426816" s="10"/>
    </row>
    <row r="426817" spans="14:14">
      <c r="N426817" s="10"/>
    </row>
    <row r="426818" spans="14:14">
      <c r="N426818" s="10"/>
    </row>
    <row r="426819" spans="14:14">
      <c r="N426819" s="10"/>
    </row>
    <row r="426820" spans="14:14">
      <c r="N426820" s="10"/>
    </row>
    <row r="426821" spans="14:14">
      <c r="N426821" s="10"/>
    </row>
    <row r="426822" spans="14:14">
      <c r="N426822" s="10"/>
    </row>
    <row r="426823" spans="14:14">
      <c r="N426823" s="10"/>
    </row>
    <row r="426824" spans="14:14">
      <c r="N426824" s="10"/>
    </row>
    <row r="426825" spans="14:14">
      <c r="N426825" s="10"/>
    </row>
    <row r="426826" spans="14:14">
      <c r="N426826" s="10"/>
    </row>
    <row r="426827" spans="14:14">
      <c r="N426827" s="10"/>
    </row>
    <row r="426828" spans="14:14">
      <c r="N426828" s="10"/>
    </row>
    <row r="426829" spans="14:14">
      <c r="N426829" s="10"/>
    </row>
    <row r="426830" spans="14:14">
      <c r="N426830" s="10"/>
    </row>
    <row r="426831" spans="14:14">
      <c r="N426831" s="10"/>
    </row>
    <row r="426832" spans="14:14">
      <c r="N426832" s="10"/>
    </row>
    <row r="426833" spans="14:14">
      <c r="N426833" s="10"/>
    </row>
    <row r="426834" spans="14:14">
      <c r="N426834" s="10"/>
    </row>
    <row r="426835" spans="14:14">
      <c r="N426835" s="10"/>
    </row>
    <row r="426836" spans="14:14">
      <c r="N426836" s="10"/>
    </row>
    <row r="426837" spans="14:14">
      <c r="N426837" s="10"/>
    </row>
    <row r="426838" spans="14:14">
      <c r="N426838" s="10"/>
    </row>
    <row r="426839" spans="14:14">
      <c r="N426839" s="10"/>
    </row>
    <row r="426840" spans="14:14">
      <c r="N426840" s="10"/>
    </row>
    <row r="426841" spans="14:14">
      <c r="N426841" s="10"/>
    </row>
    <row r="426842" spans="14:14">
      <c r="N426842" s="10"/>
    </row>
    <row r="426843" spans="14:14">
      <c r="N426843" s="10"/>
    </row>
    <row r="426844" spans="14:14">
      <c r="N426844" s="10"/>
    </row>
    <row r="426845" spans="14:14">
      <c r="N426845" s="10"/>
    </row>
    <row r="426846" spans="14:14">
      <c r="N426846" s="10"/>
    </row>
    <row r="426847" spans="14:14">
      <c r="N426847" s="10"/>
    </row>
    <row r="426848" spans="14:14">
      <c r="N426848" s="10"/>
    </row>
    <row r="426849" spans="14:14">
      <c r="N426849" s="10"/>
    </row>
    <row r="426850" spans="14:14">
      <c r="N426850" s="10"/>
    </row>
    <row r="426851" spans="14:14">
      <c r="N426851" s="10"/>
    </row>
    <row r="426852" spans="14:14">
      <c r="N426852" s="10"/>
    </row>
    <row r="426853" spans="14:14">
      <c r="N426853" s="10"/>
    </row>
    <row r="426854" spans="14:14">
      <c r="N426854" s="10"/>
    </row>
    <row r="426855" spans="14:14">
      <c r="N426855" s="10"/>
    </row>
    <row r="426856" spans="14:14">
      <c r="N426856" s="10"/>
    </row>
    <row r="426857" spans="14:14">
      <c r="N426857" s="10"/>
    </row>
    <row r="426858" spans="14:14">
      <c r="N426858" s="10"/>
    </row>
    <row r="426859" spans="14:14">
      <c r="N426859" s="10"/>
    </row>
    <row r="426860" spans="14:14">
      <c r="N426860" s="10"/>
    </row>
    <row r="426861" spans="14:14">
      <c r="N426861" s="10"/>
    </row>
    <row r="426862" spans="14:14">
      <c r="N426862" s="10"/>
    </row>
    <row r="426863" spans="14:14">
      <c r="N426863" s="10"/>
    </row>
    <row r="426864" spans="14:14">
      <c r="N426864" s="10"/>
    </row>
    <row r="426865" spans="14:14">
      <c r="N426865" s="10"/>
    </row>
    <row r="426866" spans="14:14">
      <c r="N426866" s="10"/>
    </row>
    <row r="426867" spans="14:14">
      <c r="N426867" s="10"/>
    </row>
    <row r="426868" spans="14:14">
      <c r="N426868" s="10"/>
    </row>
    <row r="426869" spans="14:14">
      <c r="N426869" s="10"/>
    </row>
    <row r="426870" spans="14:14">
      <c r="N426870" s="10"/>
    </row>
    <row r="426871" spans="14:14">
      <c r="N426871" s="10"/>
    </row>
    <row r="426872" spans="14:14">
      <c r="N426872" s="10"/>
    </row>
    <row r="426873" spans="14:14">
      <c r="N426873" s="10"/>
    </row>
    <row r="426874" spans="14:14">
      <c r="N426874" s="10"/>
    </row>
    <row r="426875" spans="14:14">
      <c r="N426875" s="10"/>
    </row>
    <row r="426876" spans="14:14">
      <c r="N426876" s="10"/>
    </row>
    <row r="426877" spans="14:14">
      <c r="N426877" s="10"/>
    </row>
    <row r="426878" spans="14:14">
      <c r="N426878" s="10"/>
    </row>
    <row r="426879" spans="14:14">
      <c r="N426879" s="10"/>
    </row>
    <row r="426880" spans="14:14">
      <c r="N426880" s="10"/>
    </row>
    <row r="426881" spans="14:14">
      <c r="N426881" s="10"/>
    </row>
    <row r="426882" spans="14:14">
      <c r="N426882" s="10"/>
    </row>
    <row r="426883" spans="14:14">
      <c r="N426883" s="10"/>
    </row>
    <row r="426884" spans="14:14">
      <c r="N426884" s="10"/>
    </row>
    <row r="426885" spans="14:14">
      <c r="N426885" s="10"/>
    </row>
    <row r="426886" spans="14:14">
      <c r="N426886" s="10"/>
    </row>
    <row r="426887" spans="14:14">
      <c r="N426887" s="10"/>
    </row>
    <row r="426888" spans="14:14">
      <c r="N426888" s="10"/>
    </row>
    <row r="426889" spans="14:14">
      <c r="N426889" s="10"/>
    </row>
    <row r="426890" spans="14:14">
      <c r="N426890" s="10"/>
    </row>
    <row r="426891" spans="14:14">
      <c r="N426891" s="10"/>
    </row>
    <row r="426892" spans="14:14">
      <c r="N426892" s="10"/>
    </row>
    <row r="426893" spans="14:14">
      <c r="N426893" s="10"/>
    </row>
    <row r="426894" spans="14:14">
      <c r="N426894" s="10"/>
    </row>
    <row r="426895" spans="14:14">
      <c r="N426895" s="10"/>
    </row>
    <row r="426896" spans="14:14">
      <c r="N426896" s="10"/>
    </row>
    <row r="426897" spans="14:14">
      <c r="N426897" s="10"/>
    </row>
    <row r="426898" spans="14:14">
      <c r="N426898" s="10"/>
    </row>
    <row r="426899" spans="14:14">
      <c r="N426899" s="10"/>
    </row>
    <row r="426900" spans="14:14">
      <c r="N426900" s="10"/>
    </row>
    <row r="426901" spans="14:14">
      <c r="N426901" s="10"/>
    </row>
    <row r="426902" spans="14:14">
      <c r="N426902" s="10"/>
    </row>
    <row r="426903" spans="14:14">
      <c r="N426903" s="10"/>
    </row>
    <row r="426904" spans="14:14">
      <c r="N426904" s="10"/>
    </row>
    <row r="426905" spans="14:14">
      <c r="N426905" s="10"/>
    </row>
    <row r="426906" spans="14:14">
      <c r="N426906" s="10"/>
    </row>
    <row r="426907" spans="14:14">
      <c r="N426907" s="10"/>
    </row>
    <row r="426908" spans="14:14">
      <c r="N426908" s="10"/>
    </row>
    <row r="426909" spans="14:14">
      <c r="N426909" s="10"/>
    </row>
    <row r="426910" spans="14:14">
      <c r="N426910" s="10"/>
    </row>
    <row r="426911" spans="14:14">
      <c r="N426911" s="10"/>
    </row>
    <row r="426912" spans="14:14">
      <c r="N426912" s="10"/>
    </row>
    <row r="426913" spans="14:14">
      <c r="N426913" s="10"/>
    </row>
    <row r="426914" spans="14:14">
      <c r="N426914" s="10"/>
    </row>
    <row r="426915" spans="14:14">
      <c r="N426915" s="10"/>
    </row>
    <row r="426916" spans="14:14">
      <c r="N426916" s="10"/>
    </row>
    <row r="426917" spans="14:14">
      <c r="N426917" s="10"/>
    </row>
    <row r="426918" spans="14:14">
      <c r="N426918" s="10"/>
    </row>
    <row r="426919" spans="14:14">
      <c r="N426919" s="10"/>
    </row>
    <row r="426920" spans="14:14">
      <c r="N426920" s="10"/>
    </row>
    <row r="426921" spans="14:14">
      <c r="N426921" s="10"/>
    </row>
    <row r="426922" spans="14:14">
      <c r="N426922" s="10"/>
    </row>
    <row r="426923" spans="14:14">
      <c r="N426923" s="10"/>
    </row>
    <row r="426924" spans="14:14">
      <c r="N426924" s="10"/>
    </row>
    <row r="426925" spans="14:14">
      <c r="N426925" s="10"/>
    </row>
    <row r="426926" spans="14:14">
      <c r="N426926" s="10"/>
    </row>
    <row r="426927" spans="14:14">
      <c r="N426927" s="10"/>
    </row>
    <row r="426928" spans="14:14">
      <c r="N426928" s="10"/>
    </row>
    <row r="426929" spans="14:14">
      <c r="N426929" s="10"/>
    </row>
    <row r="426930" spans="14:14">
      <c r="N426930" s="10"/>
    </row>
    <row r="426931" spans="14:14">
      <c r="N426931" s="10"/>
    </row>
    <row r="426932" spans="14:14">
      <c r="N426932" s="10"/>
    </row>
    <row r="426933" spans="14:14">
      <c r="N426933" s="10"/>
    </row>
    <row r="426934" spans="14:14">
      <c r="N426934" s="10"/>
    </row>
    <row r="426935" spans="14:14">
      <c r="N426935" s="10"/>
    </row>
    <row r="426936" spans="14:14">
      <c r="N426936" s="10"/>
    </row>
    <row r="426937" spans="14:14">
      <c r="N426937" s="10"/>
    </row>
    <row r="426938" spans="14:14">
      <c r="N426938" s="10"/>
    </row>
    <row r="426939" spans="14:14">
      <c r="N426939" s="10"/>
    </row>
    <row r="426940" spans="14:14">
      <c r="N426940" s="10"/>
    </row>
    <row r="426941" spans="14:14">
      <c r="N426941" s="10"/>
    </row>
    <row r="426942" spans="14:14">
      <c r="N426942" s="10"/>
    </row>
    <row r="426943" spans="14:14">
      <c r="N426943" s="10"/>
    </row>
    <row r="426944" spans="14:14">
      <c r="N426944" s="10"/>
    </row>
    <row r="426945" spans="14:14">
      <c r="N426945" s="10"/>
    </row>
    <row r="426946" spans="14:14">
      <c r="N426946" s="10"/>
    </row>
    <row r="426947" spans="14:14">
      <c r="N426947" s="10"/>
    </row>
    <row r="426948" spans="14:14">
      <c r="N426948" s="10"/>
    </row>
    <row r="426949" spans="14:14">
      <c r="N426949" s="10"/>
    </row>
    <row r="426950" spans="14:14">
      <c r="N426950" s="10"/>
    </row>
    <row r="426951" spans="14:14">
      <c r="N426951" s="10"/>
    </row>
    <row r="426952" spans="14:14">
      <c r="N426952" s="10"/>
    </row>
    <row r="426953" spans="14:14">
      <c r="N426953" s="10"/>
    </row>
    <row r="426954" spans="14:14">
      <c r="N426954" s="10"/>
    </row>
    <row r="426955" spans="14:14">
      <c r="N426955" s="10"/>
    </row>
    <row r="426956" spans="14:14">
      <c r="N426956" s="10"/>
    </row>
    <row r="426957" spans="14:14">
      <c r="N426957" s="10"/>
    </row>
    <row r="426958" spans="14:14">
      <c r="N426958" s="10"/>
    </row>
    <row r="426959" spans="14:14">
      <c r="N426959" s="10"/>
    </row>
    <row r="426960" spans="14:14">
      <c r="N426960" s="10"/>
    </row>
    <row r="426961" spans="14:14">
      <c r="N426961" s="10"/>
    </row>
    <row r="426962" spans="14:14">
      <c r="N426962" s="10"/>
    </row>
    <row r="426963" spans="14:14">
      <c r="N426963" s="10"/>
    </row>
    <row r="426964" spans="14:14">
      <c r="N426964" s="10"/>
    </row>
    <row r="426965" spans="14:14">
      <c r="N426965" s="10"/>
    </row>
    <row r="426966" spans="14:14">
      <c r="N426966" s="10"/>
    </row>
    <row r="426967" spans="14:14">
      <c r="N426967" s="10"/>
    </row>
    <row r="426968" spans="14:14">
      <c r="N426968" s="10"/>
    </row>
    <row r="426969" spans="14:14">
      <c r="N426969" s="10"/>
    </row>
    <row r="426970" spans="14:14">
      <c r="N426970" s="10"/>
    </row>
    <row r="426971" spans="14:14">
      <c r="N426971" s="10"/>
    </row>
    <row r="426972" spans="14:14">
      <c r="N426972" s="10"/>
    </row>
    <row r="426973" spans="14:14">
      <c r="N426973" s="10"/>
    </row>
    <row r="426974" spans="14:14">
      <c r="N426974" s="10"/>
    </row>
    <row r="426975" spans="14:14">
      <c r="N426975" s="10"/>
    </row>
    <row r="426976" spans="14:14">
      <c r="N426976" s="10"/>
    </row>
    <row r="426977" spans="14:14">
      <c r="N426977" s="10"/>
    </row>
    <row r="426978" spans="14:14">
      <c r="N426978" s="10"/>
    </row>
    <row r="426979" spans="14:14">
      <c r="N426979" s="10"/>
    </row>
    <row r="426980" spans="14:14">
      <c r="N426980" s="10"/>
    </row>
    <row r="426981" spans="14:14">
      <c r="N426981" s="10"/>
    </row>
    <row r="426982" spans="14:14">
      <c r="N426982" s="10"/>
    </row>
    <row r="426983" spans="14:14">
      <c r="N426983" s="10"/>
    </row>
    <row r="426984" spans="14:14">
      <c r="N426984" s="10"/>
    </row>
    <row r="426985" spans="14:14">
      <c r="N426985" s="10"/>
    </row>
    <row r="426986" spans="14:14">
      <c r="N426986" s="10"/>
    </row>
    <row r="426987" spans="14:14">
      <c r="N426987" s="10"/>
    </row>
    <row r="426988" spans="14:14">
      <c r="N426988" s="10"/>
    </row>
    <row r="426989" spans="14:14">
      <c r="N426989" s="10"/>
    </row>
    <row r="426990" spans="14:14">
      <c r="N426990" s="10"/>
    </row>
    <row r="426991" spans="14:14">
      <c r="N426991" s="10"/>
    </row>
    <row r="426992" spans="14:14">
      <c r="N426992" s="10"/>
    </row>
    <row r="426993" spans="14:14">
      <c r="N426993" s="10"/>
    </row>
    <row r="426994" spans="14:14">
      <c r="N426994" s="10"/>
    </row>
    <row r="426995" spans="14:14">
      <c r="N426995" s="10"/>
    </row>
    <row r="426996" spans="14:14">
      <c r="N426996" s="10"/>
    </row>
    <row r="426997" spans="14:14">
      <c r="N426997" s="10"/>
    </row>
    <row r="426998" spans="14:14">
      <c r="N426998" s="10"/>
    </row>
    <row r="426999" spans="14:14">
      <c r="N426999" s="10"/>
    </row>
    <row r="427000" spans="14:14">
      <c r="N427000" s="10"/>
    </row>
    <row r="427001" spans="14:14">
      <c r="N427001" s="10"/>
    </row>
    <row r="427002" spans="14:14">
      <c r="N427002" s="10"/>
    </row>
    <row r="427003" spans="14:14">
      <c r="N427003" s="10"/>
    </row>
    <row r="427004" spans="14:14">
      <c r="N427004" s="10"/>
    </row>
    <row r="427005" spans="14:14">
      <c r="N427005" s="10"/>
    </row>
    <row r="427006" spans="14:14">
      <c r="N427006" s="10"/>
    </row>
    <row r="427007" spans="14:14">
      <c r="N427007" s="10"/>
    </row>
    <row r="427008" spans="14:14">
      <c r="N427008" s="10"/>
    </row>
    <row r="427009" spans="14:14">
      <c r="N427009" s="10"/>
    </row>
    <row r="427010" spans="14:14">
      <c r="N427010" s="10"/>
    </row>
    <row r="427011" spans="14:14">
      <c r="N427011" s="10"/>
    </row>
    <row r="427012" spans="14:14">
      <c r="N427012" s="10"/>
    </row>
    <row r="427013" spans="14:14">
      <c r="N427013" s="10"/>
    </row>
    <row r="427014" spans="14:14">
      <c r="N427014" s="10"/>
    </row>
    <row r="427015" spans="14:14">
      <c r="N427015" s="10"/>
    </row>
    <row r="427016" spans="14:14">
      <c r="N427016" s="10"/>
    </row>
    <row r="427017" spans="14:14">
      <c r="N427017" s="10"/>
    </row>
    <row r="427018" spans="14:14">
      <c r="N427018" s="10"/>
    </row>
    <row r="427019" spans="14:14">
      <c r="N427019" s="10"/>
    </row>
    <row r="427020" spans="14:14">
      <c r="N427020" s="10"/>
    </row>
    <row r="427021" spans="14:14">
      <c r="N427021" s="10"/>
    </row>
    <row r="427022" spans="14:14">
      <c r="N427022" s="10"/>
    </row>
    <row r="427023" spans="14:14">
      <c r="N427023" s="10"/>
    </row>
    <row r="427024" spans="14:14">
      <c r="N427024" s="10"/>
    </row>
    <row r="427025" spans="14:14">
      <c r="N427025" s="10"/>
    </row>
    <row r="427026" spans="14:14">
      <c r="N427026" s="10"/>
    </row>
    <row r="427027" spans="14:14">
      <c r="N427027" s="10"/>
    </row>
    <row r="427028" spans="14:14">
      <c r="N427028" s="10"/>
    </row>
    <row r="427029" spans="14:14">
      <c r="N427029" s="10"/>
    </row>
    <row r="427030" spans="14:14">
      <c r="N427030" s="10"/>
    </row>
    <row r="427031" spans="14:14">
      <c r="N427031" s="10"/>
    </row>
    <row r="427032" spans="14:14">
      <c r="N427032" s="10"/>
    </row>
    <row r="427033" spans="14:14">
      <c r="N427033" s="10"/>
    </row>
    <row r="427034" spans="14:14">
      <c r="N427034" s="10"/>
    </row>
    <row r="427035" spans="14:14">
      <c r="N427035" s="10"/>
    </row>
    <row r="427036" spans="14:14">
      <c r="N427036" s="10"/>
    </row>
    <row r="427037" spans="14:14">
      <c r="N427037" s="10"/>
    </row>
    <row r="427038" spans="14:14">
      <c r="N427038" s="10"/>
    </row>
    <row r="427039" spans="14:14">
      <c r="N427039" s="10"/>
    </row>
    <row r="427040" spans="14:14">
      <c r="N427040" s="10"/>
    </row>
    <row r="427041" spans="14:14">
      <c r="N427041" s="10"/>
    </row>
    <row r="427042" spans="14:14">
      <c r="N427042" s="10"/>
    </row>
    <row r="427043" spans="14:14">
      <c r="N427043" s="10"/>
    </row>
    <row r="427044" spans="14:14">
      <c r="N427044" s="10"/>
    </row>
    <row r="427045" spans="14:14">
      <c r="N427045" s="10"/>
    </row>
    <row r="427046" spans="14:14">
      <c r="N427046" s="10"/>
    </row>
    <row r="427047" spans="14:14">
      <c r="N427047" s="10"/>
    </row>
    <row r="427048" spans="14:14">
      <c r="N427048" s="10"/>
    </row>
    <row r="427049" spans="14:14">
      <c r="N427049" s="10"/>
    </row>
    <row r="427050" spans="14:14">
      <c r="N427050" s="10"/>
    </row>
    <row r="427051" spans="14:14">
      <c r="N427051" s="10"/>
    </row>
    <row r="427052" spans="14:14">
      <c r="N427052" s="10"/>
    </row>
    <row r="427053" spans="14:14">
      <c r="N427053" s="10"/>
    </row>
    <row r="427054" spans="14:14">
      <c r="N427054" s="10"/>
    </row>
    <row r="427055" spans="14:14">
      <c r="N427055" s="10"/>
    </row>
    <row r="427056" spans="14:14">
      <c r="N427056" s="10"/>
    </row>
    <row r="427057" spans="14:14">
      <c r="N427057" s="10"/>
    </row>
    <row r="427058" spans="14:14">
      <c r="N427058" s="10"/>
    </row>
    <row r="427059" spans="14:14">
      <c r="N427059" s="10"/>
    </row>
    <row r="427060" spans="14:14">
      <c r="N427060" s="10"/>
    </row>
    <row r="427061" spans="14:14">
      <c r="N427061" s="10"/>
    </row>
    <row r="427062" spans="14:14">
      <c r="N427062" s="10"/>
    </row>
    <row r="427063" spans="14:14">
      <c r="N427063" s="10"/>
    </row>
    <row r="427064" spans="14:14">
      <c r="N427064" s="10"/>
    </row>
    <row r="427065" spans="14:14">
      <c r="N427065" s="10"/>
    </row>
    <row r="427066" spans="14:14">
      <c r="N427066" s="10"/>
    </row>
    <row r="427067" spans="14:14">
      <c r="N427067" s="10"/>
    </row>
    <row r="427068" spans="14:14">
      <c r="N427068" s="10"/>
    </row>
    <row r="427069" spans="14:14">
      <c r="N427069" s="10"/>
    </row>
    <row r="427070" spans="14:14">
      <c r="N427070" s="10"/>
    </row>
    <row r="427071" spans="14:14">
      <c r="N427071" s="10"/>
    </row>
    <row r="427072" spans="14:14">
      <c r="N427072" s="10"/>
    </row>
    <row r="427073" spans="14:14">
      <c r="N427073" s="10"/>
    </row>
    <row r="427074" spans="14:14">
      <c r="N427074" s="10"/>
    </row>
    <row r="427075" spans="14:14">
      <c r="N427075" s="10"/>
    </row>
    <row r="427076" spans="14:14">
      <c r="N427076" s="10"/>
    </row>
    <row r="427077" spans="14:14">
      <c r="N427077" s="10"/>
    </row>
    <row r="427078" spans="14:14">
      <c r="N427078" s="10"/>
    </row>
    <row r="427079" spans="14:14">
      <c r="N427079" s="10"/>
    </row>
    <row r="427080" spans="14:14">
      <c r="N427080" s="10"/>
    </row>
    <row r="427081" spans="14:14">
      <c r="N427081" s="10"/>
    </row>
    <row r="427082" spans="14:14">
      <c r="N427082" s="10"/>
    </row>
    <row r="427083" spans="14:14">
      <c r="N427083" s="10"/>
    </row>
    <row r="427084" spans="14:14">
      <c r="N427084" s="10"/>
    </row>
    <row r="427085" spans="14:14">
      <c r="N427085" s="10"/>
    </row>
    <row r="427086" spans="14:14">
      <c r="N427086" s="10"/>
    </row>
    <row r="427087" spans="14:14">
      <c r="N427087" s="10"/>
    </row>
    <row r="427088" spans="14:14">
      <c r="N427088" s="10"/>
    </row>
    <row r="427089" spans="14:14">
      <c r="N427089" s="10"/>
    </row>
    <row r="427090" spans="14:14">
      <c r="N427090" s="10"/>
    </row>
    <row r="427091" spans="14:14">
      <c r="N427091" s="10"/>
    </row>
    <row r="427092" spans="14:14">
      <c r="N427092" s="10"/>
    </row>
    <row r="427093" spans="14:14">
      <c r="N427093" s="10"/>
    </row>
    <row r="427094" spans="14:14">
      <c r="N427094" s="10"/>
    </row>
    <row r="427095" spans="14:14">
      <c r="N427095" s="10"/>
    </row>
    <row r="427096" spans="14:14">
      <c r="N427096" s="10"/>
    </row>
    <row r="427097" spans="14:14">
      <c r="N427097" s="10"/>
    </row>
    <row r="427098" spans="14:14">
      <c r="N427098" s="10"/>
    </row>
    <row r="427099" spans="14:14">
      <c r="N427099" s="10"/>
    </row>
    <row r="427100" spans="14:14">
      <c r="N427100" s="10"/>
    </row>
    <row r="427101" spans="14:14">
      <c r="N427101" s="10"/>
    </row>
    <row r="427102" spans="14:14">
      <c r="N427102" s="10"/>
    </row>
    <row r="427103" spans="14:14">
      <c r="N427103" s="10"/>
    </row>
    <row r="427104" spans="14:14">
      <c r="N427104" s="10"/>
    </row>
    <row r="427105" spans="14:14">
      <c r="N427105" s="10"/>
    </row>
    <row r="427106" spans="14:14">
      <c r="N427106" s="10"/>
    </row>
    <row r="427107" spans="14:14">
      <c r="N427107" s="10"/>
    </row>
    <row r="427108" spans="14:14">
      <c r="N427108" s="10"/>
    </row>
    <row r="427109" spans="14:14">
      <c r="N427109" s="10"/>
    </row>
    <row r="427110" spans="14:14">
      <c r="N427110" s="10"/>
    </row>
    <row r="427111" spans="14:14">
      <c r="N427111" s="10"/>
    </row>
    <row r="427112" spans="14:14">
      <c r="N427112" s="10"/>
    </row>
    <row r="427113" spans="14:14">
      <c r="N427113" s="10"/>
    </row>
    <row r="427114" spans="14:14">
      <c r="N427114" s="10"/>
    </row>
    <row r="427115" spans="14:14">
      <c r="N427115" s="10"/>
    </row>
    <row r="427116" spans="14:14">
      <c r="N427116" s="10"/>
    </row>
    <row r="427117" spans="14:14">
      <c r="N427117" s="10"/>
    </row>
    <row r="427118" spans="14:14">
      <c r="N427118" s="10"/>
    </row>
    <row r="427119" spans="14:14">
      <c r="N427119" s="10"/>
    </row>
    <row r="427120" spans="14:14">
      <c r="N427120" s="10"/>
    </row>
    <row r="427121" spans="14:14">
      <c r="N427121" s="10"/>
    </row>
    <row r="427122" spans="14:14">
      <c r="N427122" s="10"/>
    </row>
    <row r="427123" spans="14:14">
      <c r="N427123" s="10"/>
    </row>
    <row r="427124" spans="14:14">
      <c r="N427124" s="10"/>
    </row>
    <row r="427125" spans="14:14">
      <c r="N427125" s="10"/>
    </row>
    <row r="427126" spans="14:14">
      <c r="N427126" s="10"/>
    </row>
    <row r="427127" spans="14:14">
      <c r="N427127" s="10"/>
    </row>
    <row r="427128" spans="14:14">
      <c r="N427128" s="10"/>
    </row>
    <row r="427129" spans="14:14">
      <c r="N427129" s="10"/>
    </row>
    <row r="427130" spans="14:14">
      <c r="N427130" s="10"/>
    </row>
    <row r="427131" spans="14:14">
      <c r="N427131" s="10"/>
    </row>
    <row r="427132" spans="14:14">
      <c r="N427132" s="10"/>
    </row>
    <row r="427133" spans="14:14">
      <c r="N427133" s="10"/>
    </row>
    <row r="427134" spans="14:14">
      <c r="N427134" s="10"/>
    </row>
    <row r="427135" spans="14:14">
      <c r="N427135" s="10"/>
    </row>
    <row r="427136" spans="14:14">
      <c r="N427136" s="10"/>
    </row>
    <row r="427137" spans="14:14">
      <c r="N427137" s="10"/>
    </row>
    <row r="427138" spans="14:14">
      <c r="N427138" s="10"/>
    </row>
    <row r="427139" spans="14:14">
      <c r="N427139" s="10"/>
    </row>
    <row r="427140" spans="14:14">
      <c r="N427140" s="10"/>
    </row>
    <row r="427141" spans="14:14">
      <c r="N427141" s="10"/>
    </row>
    <row r="427142" spans="14:14">
      <c r="N427142" s="10"/>
    </row>
    <row r="427143" spans="14:14">
      <c r="N427143" s="10"/>
    </row>
    <row r="427144" spans="14:14">
      <c r="N427144" s="10"/>
    </row>
    <row r="427145" spans="14:14">
      <c r="N427145" s="10"/>
    </row>
    <row r="427146" spans="14:14">
      <c r="N427146" s="10"/>
    </row>
    <row r="427147" spans="14:14">
      <c r="N427147" s="10"/>
    </row>
    <row r="427148" spans="14:14">
      <c r="N427148" s="10"/>
    </row>
    <row r="427149" spans="14:14">
      <c r="N427149" s="10"/>
    </row>
    <row r="427150" spans="14:14">
      <c r="N427150" s="10"/>
    </row>
    <row r="427151" spans="14:14">
      <c r="N427151" s="10"/>
    </row>
    <row r="427152" spans="14:14">
      <c r="N427152" s="10"/>
    </row>
    <row r="427153" spans="14:14">
      <c r="N427153" s="10"/>
    </row>
    <row r="427154" spans="14:14">
      <c r="N427154" s="10"/>
    </row>
    <row r="427155" spans="14:14">
      <c r="N427155" s="10"/>
    </row>
    <row r="427156" spans="14:14">
      <c r="N427156" s="10"/>
    </row>
    <row r="427157" spans="14:14">
      <c r="N427157" s="10"/>
    </row>
    <row r="427158" spans="14:14">
      <c r="N427158" s="10"/>
    </row>
    <row r="427159" spans="14:14">
      <c r="N427159" s="10"/>
    </row>
    <row r="427160" spans="14:14">
      <c r="N427160" s="10"/>
    </row>
    <row r="427161" spans="14:14">
      <c r="N427161" s="10"/>
    </row>
    <row r="427162" spans="14:14">
      <c r="N427162" s="10"/>
    </row>
    <row r="427163" spans="14:14">
      <c r="N427163" s="10"/>
    </row>
    <row r="427164" spans="14:14">
      <c r="N427164" s="10"/>
    </row>
    <row r="427165" spans="14:14">
      <c r="N427165" s="10"/>
    </row>
    <row r="427166" spans="14:14">
      <c r="N427166" s="10"/>
    </row>
    <row r="427167" spans="14:14">
      <c r="N427167" s="10"/>
    </row>
    <row r="427168" spans="14:14">
      <c r="N427168" s="10"/>
    </row>
    <row r="427169" spans="14:14">
      <c r="N427169" s="10"/>
    </row>
    <row r="427170" spans="14:14">
      <c r="N427170" s="10"/>
    </row>
    <row r="427171" spans="14:14">
      <c r="N427171" s="10"/>
    </row>
    <row r="427172" spans="14:14">
      <c r="N427172" s="10"/>
    </row>
    <row r="427173" spans="14:14">
      <c r="N427173" s="10"/>
    </row>
    <row r="427174" spans="14:14">
      <c r="N427174" s="10"/>
    </row>
    <row r="427175" spans="14:14">
      <c r="N427175" s="10"/>
    </row>
    <row r="427176" spans="14:14">
      <c r="N427176" s="10"/>
    </row>
    <row r="427177" spans="14:14">
      <c r="N427177" s="10"/>
    </row>
    <row r="427178" spans="14:14">
      <c r="N427178" s="10"/>
    </row>
    <row r="427179" spans="14:14">
      <c r="N427179" s="10"/>
    </row>
    <row r="427180" spans="14:14">
      <c r="N427180" s="10"/>
    </row>
    <row r="427181" spans="14:14">
      <c r="N427181" s="10"/>
    </row>
    <row r="427182" spans="14:14">
      <c r="N427182" s="10"/>
    </row>
    <row r="427183" spans="14:14">
      <c r="N427183" s="10"/>
    </row>
    <row r="427184" spans="14:14">
      <c r="N427184" s="10"/>
    </row>
    <row r="427185" spans="14:14">
      <c r="N427185" s="10"/>
    </row>
    <row r="427186" spans="14:14">
      <c r="N427186" s="10"/>
    </row>
    <row r="427187" spans="14:14">
      <c r="N427187" s="10"/>
    </row>
    <row r="427188" spans="14:14">
      <c r="N427188" s="10"/>
    </row>
    <row r="427189" spans="14:14">
      <c r="N427189" s="10"/>
    </row>
    <row r="427190" spans="14:14">
      <c r="N427190" s="10"/>
    </row>
    <row r="427191" spans="14:14">
      <c r="N427191" s="10"/>
    </row>
    <row r="427192" spans="14:14">
      <c r="N427192" s="10"/>
    </row>
    <row r="427193" spans="14:14">
      <c r="N427193" s="10"/>
    </row>
    <row r="427194" spans="14:14">
      <c r="N427194" s="10"/>
    </row>
    <row r="427195" spans="14:14">
      <c r="N427195" s="10"/>
    </row>
    <row r="427196" spans="14:14">
      <c r="N427196" s="10"/>
    </row>
    <row r="427197" spans="14:14">
      <c r="N427197" s="10"/>
    </row>
    <row r="427198" spans="14:14">
      <c r="N427198" s="10"/>
    </row>
    <row r="427199" spans="14:14">
      <c r="N427199" s="10"/>
    </row>
    <row r="427200" spans="14:14">
      <c r="N427200" s="10"/>
    </row>
    <row r="427201" spans="14:14">
      <c r="N427201" s="10"/>
    </row>
    <row r="427202" spans="14:14">
      <c r="N427202" s="10"/>
    </row>
    <row r="427203" spans="14:14">
      <c r="N427203" s="10"/>
    </row>
    <row r="427204" spans="14:14">
      <c r="N427204" s="10"/>
    </row>
    <row r="427205" spans="14:14">
      <c r="N427205" s="10"/>
    </row>
    <row r="427206" spans="14:14">
      <c r="N427206" s="10"/>
    </row>
    <row r="427207" spans="14:14">
      <c r="N427207" s="10"/>
    </row>
    <row r="427208" spans="14:14">
      <c r="N427208" s="10"/>
    </row>
    <row r="427209" spans="14:14">
      <c r="N427209" s="10"/>
    </row>
    <row r="427210" spans="14:14">
      <c r="N427210" s="10"/>
    </row>
    <row r="427211" spans="14:14">
      <c r="N427211" s="10"/>
    </row>
    <row r="427212" spans="14:14">
      <c r="N427212" s="10"/>
    </row>
    <row r="427213" spans="14:14">
      <c r="N427213" s="10"/>
    </row>
    <row r="427214" spans="14:14">
      <c r="N427214" s="10"/>
    </row>
    <row r="427215" spans="14:14">
      <c r="N427215" s="10"/>
    </row>
    <row r="427216" spans="14:14">
      <c r="N427216" s="10"/>
    </row>
    <row r="427217" spans="14:14">
      <c r="N427217" s="10"/>
    </row>
    <row r="427218" spans="14:14">
      <c r="N427218" s="10"/>
    </row>
    <row r="427219" spans="14:14">
      <c r="N427219" s="10"/>
    </row>
    <row r="427220" spans="14:14">
      <c r="N427220" s="10"/>
    </row>
    <row r="427221" spans="14:14">
      <c r="N427221" s="10"/>
    </row>
    <row r="427222" spans="14:14">
      <c r="N427222" s="10"/>
    </row>
    <row r="427223" spans="14:14">
      <c r="N427223" s="10"/>
    </row>
    <row r="427224" spans="14:14">
      <c r="N427224" s="10"/>
    </row>
    <row r="427225" spans="14:14">
      <c r="N427225" s="10"/>
    </row>
    <row r="427226" spans="14:14">
      <c r="N427226" s="10"/>
    </row>
    <row r="427227" spans="14:14">
      <c r="N427227" s="10"/>
    </row>
    <row r="427228" spans="14:14">
      <c r="N427228" s="10"/>
    </row>
    <row r="427229" spans="14:14">
      <c r="N427229" s="10"/>
    </row>
    <row r="427230" spans="14:14">
      <c r="N427230" s="10"/>
    </row>
    <row r="427231" spans="14:14">
      <c r="N427231" s="10"/>
    </row>
    <row r="427232" spans="14:14">
      <c r="N427232" s="10"/>
    </row>
    <row r="427233" spans="14:14">
      <c r="N427233" s="10"/>
    </row>
    <row r="427234" spans="14:14">
      <c r="N427234" s="10"/>
    </row>
    <row r="427235" spans="14:14">
      <c r="N427235" s="10"/>
    </row>
    <row r="427236" spans="14:14">
      <c r="N427236" s="10"/>
    </row>
    <row r="427237" spans="14:14">
      <c r="N427237" s="10"/>
    </row>
    <row r="427238" spans="14:14">
      <c r="N427238" s="10"/>
    </row>
    <row r="427239" spans="14:14">
      <c r="N427239" s="10"/>
    </row>
    <row r="427240" spans="14:14">
      <c r="N427240" s="10"/>
    </row>
    <row r="427241" spans="14:14">
      <c r="N427241" s="10"/>
    </row>
    <row r="427242" spans="14:14">
      <c r="N427242" s="10"/>
    </row>
    <row r="427243" spans="14:14">
      <c r="N427243" s="10"/>
    </row>
    <row r="427244" spans="14:14">
      <c r="N427244" s="10"/>
    </row>
    <row r="427245" spans="14:14">
      <c r="N427245" s="10"/>
    </row>
    <row r="427246" spans="14:14">
      <c r="N427246" s="10"/>
    </row>
    <row r="427247" spans="14:14">
      <c r="N427247" s="10"/>
    </row>
    <row r="427248" spans="14:14">
      <c r="N427248" s="10"/>
    </row>
    <row r="427249" spans="14:14">
      <c r="N427249" s="10"/>
    </row>
    <row r="427250" spans="14:14">
      <c r="N427250" s="10"/>
    </row>
    <row r="427251" spans="14:14">
      <c r="N427251" s="10"/>
    </row>
    <row r="427252" spans="14:14">
      <c r="N427252" s="10"/>
    </row>
    <row r="427253" spans="14:14">
      <c r="N427253" s="10"/>
    </row>
    <row r="427254" spans="14:14">
      <c r="N427254" s="10"/>
    </row>
    <row r="427255" spans="14:14">
      <c r="N427255" s="10"/>
    </row>
    <row r="427256" spans="14:14">
      <c r="N427256" s="10"/>
    </row>
    <row r="427257" spans="14:14">
      <c r="N427257" s="10"/>
    </row>
    <row r="427258" spans="14:14">
      <c r="N427258" s="10"/>
    </row>
    <row r="427259" spans="14:14">
      <c r="N427259" s="10"/>
    </row>
    <row r="427260" spans="14:14">
      <c r="N427260" s="10"/>
    </row>
    <row r="427261" spans="14:14">
      <c r="N427261" s="10"/>
    </row>
    <row r="427262" spans="14:14">
      <c r="N427262" s="10"/>
    </row>
    <row r="427263" spans="14:14">
      <c r="N427263" s="10"/>
    </row>
    <row r="427264" spans="14:14">
      <c r="N427264" s="10"/>
    </row>
    <row r="427265" spans="14:14">
      <c r="N427265" s="10"/>
    </row>
    <row r="427266" spans="14:14">
      <c r="N427266" s="10"/>
    </row>
    <row r="427267" spans="14:14">
      <c r="N427267" s="10"/>
    </row>
    <row r="427268" spans="14:14">
      <c r="N427268" s="10"/>
    </row>
    <row r="427269" spans="14:14">
      <c r="N427269" s="10"/>
    </row>
    <row r="427270" spans="14:14">
      <c r="N427270" s="10"/>
    </row>
    <row r="427271" spans="14:14">
      <c r="N427271" s="10"/>
    </row>
    <row r="427272" spans="14:14">
      <c r="N427272" s="10"/>
    </row>
    <row r="427273" spans="14:14">
      <c r="N427273" s="10"/>
    </row>
    <row r="427274" spans="14:14">
      <c r="N427274" s="10"/>
    </row>
    <row r="427275" spans="14:14">
      <c r="N427275" s="10"/>
    </row>
    <row r="427276" spans="14:14">
      <c r="N427276" s="10"/>
    </row>
    <row r="427277" spans="14:14">
      <c r="N427277" s="10"/>
    </row>
    <row r="427278" spans="14:14">
      <c r="N427278" s="10"/>
    </row>
    <row r="427279" spans="14:14">
      <c r="N427279" s="10"/>
    </row>
    <row r="427280" spans="14:14">
      <c r="N427280" s="10"/>
    </row>
    <row r="427281" spans="14:14">
      <c r="N427281" s="10"/>
    </row>
    <row r="427282" spans="14:14">
      <c r="N427282" s="10"/>
    </row>
    <row r="427283" spans="14:14">
      <c r="N427283" s="10"/>
    </row>
    <row r="427284" spans="14:14">
      <c r="N427284" s="10"/>
    </row>
    <row r="427285" spans="14:14">
      <c r="N427285" s="10"/>
    </row>
    <row r="427286" spans="14:14">
      <c r="N427286" s="10"/>
    </row>
    <row r="427287" spans="14:14">
      <c r="N427287" s="10"/>
    </row>
    <row r="427288" spans="14:14">
      <c r="N427288" s="10"/>
    </row>
    <row r="427289" spans="14:14">
      <c r="N427289" s="10"/>
    </row>
    <row r="427290" spans="14:14">
      <c r="N427290" s="10"/>
    </row>
    <row r="427291" spans="14:14">
      <c r="N427291" s="10"/>
    </row>
    <row r="427292" spans="14:14">
      <c r="N427292" s="10"/>
    </row>
    <row r="427293" spans="14:14">
      <c r="N427293" s="10"/>
    </row>
    <row r="427294" spans="14:14">
      <c r="N427294" s="10"/>
    </row>
    <row r="427295" spans="14:14">
      <c r="N427295" s="10"/>
    </row>
    <row r="427296" spans="14:14">
      <c r="N427296" s="10"/>
    </row>
    <row r="427297" spans="14:14">
      <c r="N427297" s="10"/>
    </row>
    <row r="427298" spans="14:14">
      <c r="N427298" s="10"/>
    </row>
    <row r="427299" spans="14:14">
      <c r="N427299" s="10"/>
    </row>
    <row r="427300" spans="14:14">
      <c r="N427300" s="10"/>
    </row>
    <row r="427301" spans="14:14">
      <c r="N427301" s="10"/>
    </row>
    <row r="427302" spans="14:14">
      <c r="N427302" s="10"/>
    </row>
    <row r="427303" spans="14:14">
      <c r="N427303" s="10"/>
    </row>
    <row r="427304" spans="14:14">
      <c r="N427304" s="10"/>
    </row>
    <row r="427305" spans="14:14">
      <c r="N427305" s="10"/>
    </row>
    <row r="427306" spans="14:14">
      <c r="N427306" s="10"/>
    </row>
    <row r="427307" spans="14:14">
      <c r="N427307" s="10"/>
    </row>
    <row r="427308" spans="14:14">
      <c r="N427308" s="10"/>
    </row>
    <row r="427309" spans="14:14">
      <c r="N427309" s="10"/>
    </row>
    <row r="427310" spans="14:14">
      <c r="N427310" s="10"/>
    </row>
    <row r="427311" spans="14:14">
      <c r="N427311" s="10"/>
    </row>
    <row r="427312" spans="14:14">
      <c r="N427312" s="10"/>
    </row>
    <row r="427313" spans="14:14">
      <c r="N427313" s="10"/>
    </row>
    <row r="427314" spans="14:14">
      <c r="N427314" s="10"/>
    </row>
    <row r="427315" spans="14:14">
      <c r="N427315" s="10"/>
    </row>
    <row r="427316" spans="14:14">
      <c r="N427316" s="10"/>
    </row>
    <row r="427317" spans="14:14">
      <c r="N427317" s="10"/>
    </row>
    <row r="427318" spans="14:14">
      <c r="N427318" s="10"/>
    </row>
    <row r="427319" spans="14:14">
      <c r="N427319" s="10"/>
    </row>
    <row r="427320" spans="14:14">
      <c r="N427320" s="10"/>
    </row>
    <row r="427321" spans="14:14">
      <c r="N427321" s="10"/>
    </row>
    <row r="427322" spans="14:14">
      <c r="N427322" s="10"/>
    </row>
    <row r="427323" spans="14:14">
      <c r="N427323" s="10"/>
    </row>
    <row r="427324" spans="14:14">
      <c r="N427324" s="10"/>
    </row>
    <row r="427325" spans="14:14">
      <c r="N427325" s="10"/>
    </row>
    <row r="427326" spans="14:14">
      <c r="N427326" s="10"/>
    </row>
    <row r="427327" spans="14:14">
      <c r="N427327" s="10"/>
    </row>
    <row r="427328" spans="14:14">
      <c r="N427328" s="10"/>
    </row>
    <row r="427329" spans="14:14">
      <c r="N427329" s="10"/>
    </row>
    <row r="427330" spans="14:14">
      <c r="N427330" s="10"/>
    </row>
    <row r="427331" spans="14:14">
      <c r="N427331" s="10"/>
    </row>
    <row r="427332" spans="14:14">
      <c r="N427332" s="10"/>
    </row>
    <row r="427333" spans="14:14">
      <c r="N427333" s="10"/>
    </row>
    <row r="427334" spans="14:14">
      <c r="N427334" s="10"/>
    </row>
    <row r="427335" spans="14:14">
      <c r="N427335" s="10"/>
    </row>
    <row r="427336" spans="14:14">
      <c r="N427336" s="10"/>
    </row>
    <row r="427337" spans="14:14">
      <c r="N427337" s="10"/>
    </row>
    <row r="427338" spans="14:14">
      <c r="N427338" s="10"/>
    </row>
    <row r="427339" spans="14:14">
      <c r="N427339" s="10"/>
    </row>
    <row r="427340" spans="14:14">
      <c r="N427340" s="10"/>
    </row>
    <row r="427341" spans="14:14">
      <c r="N427341" s="10"/>
    </row>
    <row r="427342" spans="14:14">
      <c r="N427342" s="10"/>
    </row>
    <row r="427343" spans="14:14">
      <c r="N427343" s="10"/>
    </row>
    <row r="427344" spans="14:14">
      <c r="N427344" s="10"/>
    </row>
    <row r="427345" spans="14:14">
      <c r="N427345" s="10"/>
    </row>
    <row r="427346" spans="14:14">
      <c r="N427346" s="10"/>
    </row>
    <row r="427347" spans="14:14">
      <c r="N427347" s="10"/>
    </row>
    <row r="427348" spans="14:14">
      <c r="N427348" s="10"/>
    </row>
    <row r="427349" spans="14:14">
      <c r="N427349" s="10"/>
    </row>
    <row r="427350" spans="14:14">
      <c r="N427350" s="10"/>
    </row>
    <row r="427351" spans="14:14">
      <c r="N427351" s="10"/>
    </row>
    <row r="427352" spans="14:14">
      <c r="N427352" s="10"/>
    </row>
    <row r="427353" spans="14:14">
      <c r="N427353" s="10"/>
    </row>
    <row r="427354" spans="14:14">
      <c r="N427354" s="10"/>
    </row>
    <row r="427355" spans="14:14">
      <c r="N427355" s="10"/>
    </row>
    <row r="427356" spans="14:14">
      <c r="N427356" s="10"/>
    </row>
    <row r="427357" spans="14:14">
      <c r="N427357" s="10"/>
    </row>
    <row r="427358" spans="14:14">
      <c r="N427358" s="10"/>
    </row>
    <row r="427359" spans="14:14">
      <c r="N427359" s="10"/>
    </row>
    <row r="427360" spans="14:14">
      <c r="N427360" s="10"/>
    </row>
    <row r="427361" spans="14:14">
      <c r="N427361" s="10"/>
    </row>
    <row r="427362" spans="14:14">
      <c r="N427362" s="10"/>
    </row>
    <row r="427363" spans="14:14">
      <c r="N427363" s="10"/>
    </row>
    <row r="427364" spans="14:14">
      <c r="N427364" s="10"/>
    </row>
    <row r="427365" spans="14:14">
      <c r="N427365" s="10"/>
    </row>
    <row r="427366" spans="14:14">
      <c r="N427366" s="10"/>
    </row>
    <row r="427367" spans="14:14">
      <c r="N427367" s="10"/>
    </row>
    <row r="427368" spans="14:14">
      <c r="N427368" s="10"/>
    </row>
    <row r="427369" spans="14:14">
      <c r="N427369" s="10"/>
    </row>
    <row r="427370" spans="14:14">
      <c r="N427370" s="10"/>
    </row>
    <row r="427371" spans="14:14">
      <c r="N427371" s="10"/>
    </row>
    <row r="427372" spans="14:14">
      <c r="N427372" s="10"/>
    </row>
    <row r="427373" spans="14:14">
      <c r="N427373" s="10"/>
    </row>
    <row r="427374" spans="14:14">
      <c r="N427374" s="10"/>
    </row>
    <row r="427375" spans="14:14">
      <c r="N427375" s="10"/>
    </row>
    <row r="427376" spans="14:14">
      <c r="N427376" s="10"/>
    </row>
    <row r="427377" spans="14:14">
      <c r="N427377" s="10"/>
    </row>
    <row r="427378" spans="14:14">
      <c r="N427378" s="10"/>
    </row>
    <row r="427379" spans="14:14">
      <c r="N427379" s="10"/>
    </row>
    <row r="427380" spans="14:14">
      <c r="N427380" s="10"/>
    </row>
    <row r="427381" spans="14:14">
      <c r="N427381" s="10"/>
    </row>
    <row r="427382" spans="14:14">
      <c r="N427382" s="10"/>
    </row>
    <row r="427383" spans="14:14">
      <c r="N427383" s="10"/>
    </row>
    <row r="427384" spans="14:14">
      <c r="N427384" s="10"/>
    </row>
    <row r="427385" spans="14:14">
      <c r="N427385" s="10"/>
    </row>
    <row r="427386" spans="14:14">
      <c r="N427386" s="10"/>
    </row>
    <row r="427387" spans="14:14">
      <c r="N427387" s="10"/>
    </row>
    <row r="427388" spans="14:14">
      <c r="N427388" s="10"/>
    </row>
    <row r="427389" spans="14:14">
      <c r="N427389" s="10"/>
    </row>
    <row r="427390" spans="14:14">
      <c r="N427390" s="10"/>
    </row>
    <row r="427391" spans="14:14">
      <c r="N427391" s="10"/>
    </row>
    <row r="427392" spans="14:14">
      <c r="N427392" s="10"/>
    </row>
    <row r="427393" spans="14:14">
      <c r="N427393" s="10"/>
    </row>
    <row r="427394" spans="14:14">
      <c r="N427394" s="10"/>
    </row>
    <row r="427395" spans="14:14">
      <c r="N427395" s="10"/>
    </row>
    <row r="427396" spans="14:14">
      <c r="N427396" s="10"/>
    </row>
    <row r="427397" spans="14:14">
      <c r="N427397" s="10"/>
    </row>
    <row r="427398" spans="14:14">
      <c r="N427398" s="10"/>
    </row>
    <row r="427399" spans="14:14">
      <c r="N427399" s="10"/>
    </row>
    <row r="427400" spans="14:14">
      <c r="N427400" s="10"/>
    </row>
    <row r="427401" spans="14:14">
      <c r="N427401" s="10"/>
    </row>
    <row r="427402" spans="14:14">
      <c r="N427402" s="10"/>
    </row>
    <row r="427403" spans="14:14">
      <c r="N427403" s="10"/>
    </row>
    <row r="427404" spans="14:14">
      <c r="N427404" s="10"/>
    </row>
    <row r="427405" spans="14:14">
      <c r="N427405" s="10"/>
    </row>
    <row r="427406" spans="14:14">
      <c r="N427406" s="10"/>
    </row>
    <row r="427407" spans="14:14">
      <c r="N427407" s="10"/>
    </row>
    <row r="427408" spans="14:14">
      <c r="N427408" s="10"/>
    </row>
    <row r="427409" spans="14:14">
      <c r="N427409" s="10"/>
    </row>
    <row r="427410" spans="14:14">
      <c r="N427410" s="10"/>
    </row>
    <row r="427411" spans="14:14">
      <c r="N427411" s="10"/>
    </row>
    <row r="427412" spans="14:14">
      <c r="N427412" s="10"/>
    </row>
    <row r="427413" spans="14:14">
      <c r="N427413" s="10"/>
    </row>
    <row r="427414" spans="14:14">
      <c r="N427414" s="10"/>
    </row>
    <row r="427415" spans="14:14">
      <c r="N427415" s="10"/>
    </row>
    <row r="427416" spans="14:14">
      <c r="N427416" s="10"/>
    </row>
    <row r="427417" spans="14:14">
      <c r="N427417" s="10"/>
    </row>
    <row r="427418" spans="14:14">
      <c r="N427418" s="10"/>
    </row>
    <row r="427419" spans="14:14">
      <c r="N427419" s="10"/>
    </row>
    <row r="427420" spans="14:14">
      <c r="N427420" s="10"/>
    </row>
    <row r="427421" spans="14:14">
      <c r="N427421" s="10"/>
    </row>
    <row r="427422" spans="14:14">
      <c r="N427422" s="10"/>
    </row>
    <row r="427423" spans="14:14">
      <c r="N427423" s="10"/>
    </row>
    <row r="427424" spans="14:14">
      <c r="N427424" s="10"/>
    </row>
    <row r="427425" spans="14:14">
      <c r="N427425" s="10"/>
    </row>
    <row r="427426" spans="14:14">
      <c r="N427426" s="10"/>
    </row>
    <row r="427427" spans="14:14">
      <c r="N427427" s="10"/>
    </row>
    <row r="427428" spans="14:14">
      <c r="N427428" s="10"/>
    </row>
    <row r="427429" spans="14:14">
      <c r="N427429" s="10"/>
    </row>
    <row r="427430" spans="14:14">
      <c r="N427430" s="10"/>
    </row>
    <row r="427431" spans="14:14">
      <c r="N427431" s="10"/>
    </row>
    <row r="427432" spans="14:14">
      <c r="N427432" s="10"/>
    </row>
    <row r="427433" spans="14:14">
      <c r="N427433" s="10"/>
    </row>
    <row r="427434" spans="14:14">
      <c r="N427434" s="10"/>
    </row>
    <row r="427435" spans="14:14">
      <c r="N427435" s="10"/>
    </row>
    <row r="427436" spans="14:14">
      <c r="N427436" s="10"/>
    </row>
    <row r="427437" spans="14:14">
      <c r="N427437" s="10"/>
    </row>
    <row r="427438" spans="14:14">
      <c r="N427438" s="10"/>
    </row>
    <row r="427439" spans="14:14">
      <c r="N427439" s="10"/>
    </row>
    <row r="427440" spans="14:14">
      <c r="N427440" s="10"/>
    </row>
    <row r="427441" spans="14:14">
      <c r="N427441" s="10"/>
    </row>
    <row r="427442" spans="14:14">
      <c r="N427442" s="10"/>
    </row>
    <row r="427443" spans="14:14">
      <c r="N427443" s="10"/>
    </row>
    <row r="427444" spans="14:14">
      <c r="N427444" s="10"/>
    </row>
    <row r="427445" spans="14:14">
      <c r="N427445" s="10"/>
    </row>
    <row r="427446" spans="14:14">
      <c r="N427446" s="10"/>
    </row>
    <row r="427447" spans="14:14">
      <c r="N427447" s="10"/>
    </row>
    <row r="427448" spans="14:14">
      <c r="N427448" s="10"/>
    </row>
    <row r="427449" spans="14:14">
      <c r="N427449" s="10"/>
    </row>
    <row r="427450" spans="14:14">
      <c r="N427450" s="10"/>
    </row>
    <row r="427451" spans="14:14">
      <c r="N427451" s="10"/>
    </row>
    <row r="427452" spans="14:14">
      <c r="N427452" s="10"/>
    </row>
    <row r="427453" spans="14:14">
      <c r="N427453" s="10"/>
    </row>
    <row r="427454" spans="14:14">
      <c r="N427454" s="10"/>
    </row>
    <row r="427455" spans="14:14">
      <c r="N427455" s="10"/>
    </row>
    <row r="427456" spans="14:14">
      <c r="N427456" s="10"/>
    </row>
    <row r="427457" spans="14:14">
      <c r="N427457" s="10"/>
    </row>
    <row r="427458" spans="14:14">
      <c r="N427458" s="10"/>
    </row>
    <row r="427459" spans="14:14">
      <c r="N427459" s="10"/>
    </row>
    <row r="427460" spans="14:14">
      <c r="N427460" s="10"/>
    </row>
    <row r="427461" spans="14:14">
      <c r="N427461" s="10"/>
    </row>
    <row r="427462" spans="14:14">
      <c r="N427462" s="10"/>
    </row>
    <row r="427463" spans="14:14">
      <c r="N427463" s="10"/>
    </row>
    <row r="427464" spans="14:14">
      <c r="N427464" s="10"/>
    </row>
    <row r="427465" spans="14:14">
      <c r="N427465" s="10"/>
    </row>
    <row r="427466" spans="14:14">
      <c r="N427466" s="10"/>
    </row>
    <row r="427467" spans="14:14">
      <c r="N427467" s="10"/>
    </row>
    <row r="427468" spans="14:14">
      <c r="N427468" s="10"/>
    </row>
    <row r="427469" spans="14:14">
      <c r="N427469" s="10"/>
    </row>
    <row r="427470" spans="14:14">
      <c r="N427470" s="10"/>
    </row>
    <row r="427471" spans="14:14">
      <c r="N427471" s="10"/>
    </row>
    <row r="427472" spans="14:14">
      <c r="N427472" s="10"/>
    </row>
    <row r="427473" spans="14:14">
      <c r="N427473" s="10"/>
    </row>
    <row r="427474" spans="14:14">
      <c r="N427474" s="10"/>
    </row>
    <row r="427475" spans="14:14">
      <c r="N427475" s="10"/>
    </row>
    <row r="427476" spans="14:14">
      <c r="N427476" s="10"/>
    </row>
    <row r="427477" spans="14:14">
      <c r="N427477" s="10"/>
    </row>
    <row r="427478" spans="14:14">
      <c r="N427478" s="10"/>
    </row>
    <row r="427479" spans="14:14">
      <c r="N427479" s="10"/>
    </row>
    <row r="427480" spans="14:14">
      <c r="N427480" s="10"/>
    </row>
    <row r="427481" spans="14:14">
      <c r="N427481" s="10"/>
    </row>
    <row r="427482" spans="14:14">
      <c r="N427482" s="10"/>
    </row>
    <row r="427483" spans="14:14">
      <c r="N427483" s="10"/>
    </row>
    <row r="427484" spans="14:14">
      <c r="N427484" s="10"/>
    </row>
    <row r="427485" spans="14:14">
      <c r="N427485" s="10"/>
    </row>
    <row r="427486" spans="14:14">
      <c r="N427486" s="10"/>
    </row>
    <row r="427487" spans="14:14">
      <c r="N427487" s="10"/>
    </row>
    <row r="427488" spans="14:14">
      <c r="N427488" s="10"/>
    </row>
    <row r="427489" spans="14:14">
      <c r="N427489" s="10"/>
    </row>
    <row r="427490" spans="14:14">
      <c r="N427490" s="10"/>
    </row>
    <row r="427491" spans="14:14">
      <c r="N427491" s="10"/>
    </row>
    <row r="427492" spans="14:14">
      <c r="N427492" s="10"/>
    </row>
    <row r="427493" spans="14:14">
      <c r="N427493" s="10"/>
    </row>
    <row r="427494" spans="14:14">
      <c r="N427494" s="10"/>
    </row>
    <row r="427495" spans="14:14">
      <c r="N427495" s="10"/>
    </row>
    <row r="427496" spans="14:14">
      <c r="N427496" s="10"/>
    </row>
    <row r="427497" spans="14:14">
      <c r="N427497" s="10"/>
    </row>
    <row r="427498" spans="14:14">
      <c r="N427498" s="10"/>
    </row>
    <row r="427499" spans="14:14">
      <c r="N427499" s="10"/>
    </row>
    <row r="427500" spans="14:14">
      <c r="N427500" s="10"/>
    </row>
    <row r="427501" spans="14:14">
      <c r="N427501" s="10"/>
    </row>
    <row r="427502" spans="14:14">
      <c r="N427502" s="10"/>
    </row>
    <row r="427503" spans="14:14">
      <c r="N427503" s="10"/>
    </row>
    <row r="427504" spans="14:14">
      <c r="N427504" s="10"/>
    </row>
    <row r="427505" spans="14:14">
      <c r="N427505" s="10"/>
    </row>
    <row r="427506" spans="14:14">
      <c r="N427506" s="10"/>
    </row>
    <row r="427507" spans="14:14">
      <c r="N427507" s="10"/>
    </row>
    <row r="427508" spans="14:14">
      <c r="N427508" s="10"/>
    </row>
    <row r="427509" spans="14:14">
      <c r="N427509" s="10"/>
    </row>
    <row r="427510" spans="14:14">
      <c r="N427510" s="10"/>
    </row>
    <row r="427511" spans="14:14">
      <c r="N427511" s="10"/>
    </row>
    <row r="427512" spans="14:14">
      <c r="N427512" s="10"/>
    </row>
    <row r="427513" spans="14:14">
      <c r="N427513" s="10"/>
    </row>
    <row r="427514" spans="14:14">
      <c r="N427514" s="10"/>
    </row>
    <row r="427515" spans="14:14">
      <c r="N427515" s="10"/>
    </row>
    <row r="427516" spans="14:14">
      <c r="N427516" s="10"/>
    </row>
    <row r="427517" spans="14:14">
      <c r="N427517" s="10"/>
    </row>
    <row r="427518" spans="14:14">
      <c r="N427518" s="10"/>
    </row>
    <row r="427519" spans="14:14">
      <c r="N427519" s="10"/>
    </row>
    <row r="427520" spans="14:14">
      <c r="N427520" s="10"/>
    </row>
    <row r="427521" spans="14:14">
      <c r="N427521" s="10"/>
    </row>
    <row r="427522" spans="14:14">
      <c r="N427522" s="10"/>
    </row>
    <row r="427523" spans="14:14">
      <c r="N427523" s="10"/>
    </row>
    <row r="427524" spans="14:14">
      <c r="N427524" s="10"/>
    </row>
    <row r="427525" spans="14:14">
      <c r="N427525" s="10"/>
    </row>
    <row r="427526" spans="14:14">
      <c r="N427526" s="10"/>
    </row>
    <row r="427527" spans="14:14">
      <c r="N427527" s="10"/>
    </row>
    <row r="427528" spans="14:14">
      <c r="N427528" s="10"/>
    </row>
    <row r="427529" spans="14:14">
      <c r="N427529" s="10"/>
    </row>
    <row r="427530" spans="14:14">
      <c r="N427530" s="10"/>
    </row>
    <row r="427531" spans="14:14">
      <c r="N427531" s="10"/>
    </row>
    <row r="427532" spans="14:14">
      <c r="N427532" s="10"/>
    </row>
    <row r="427533" spans="14:14">
      <c r="N427533" s="10"/>
    </row>
    <row r="427534" spans="14:14">
      <c r="N427534" s="10"/>
    </row>
    <row r="427535" spans="14:14">
      <c r="N427535" s="10"/>
    </row>
    <row r="427536" spans="14:14">
      <c r="N427536" s="10"/>
    </row>
    <row r="427537" spans="14:14">
      <c r="N427537" s="10"/>
    </row>
    <row r="427538" spans="14:14">
      <c r="N427538" s="10"/>
    </row>
    <row r="427539" spans="14:14">
      <c r="N427539" s="10"/>
    </row>
    <row r="427540" spans="14:14">
      <c r="N427540" s="10"/>
    </row>
    <row r="427541" spans="14:14">
      <c r="N427541" s="10"/>
    </row>
    <row r="427542" spans="14:14">
      <c r="N427542" s="10"/>
    </row>
    <row r="427543" spans="14:14">
      <c r="N427543" s="10"/>
    </row>
    <row r="427544" spans="14:14">
      <c r="N427544" s="10"/>
    </row>
    <row r="427545" spans="14:14">
      <c r="N427545" s="10"/>
    </row>
    <row r="427546" spans="14:14">
      <c r="N427546" s="10"/>
    </row>
    <row r="427547" spans="14:14">
      <c r="N427547" s="10"/>
    </row>
    <row r="427548" spans="14:14">
      <c r="N427548" s="10"/>
    </row>
    <row r="427549" spans="14:14">
      <c r="N427549" s="10"/>
    </row>
    <row r="427550" spans="14:14">
      <c r="N427550" s="10"/>
    </row>
    <row r="427551" spans="14:14">
      <c r="N427551" s="10"/>
    </row>
    <row r="427552" spans="14:14">
      <c r="N427552" s="10"/>
    </row>
    <row r="427553" spans="14:14">
      <c r="N427553" s="10"/>
    </row>
    <row r="427554" spans="14:14">
      <c r="N427554" s="10"/>
    </row>
    <row r="427555" spans="14:14">
      <c r="N427555" s="10"/>
    </row>
    <row r="427556" spans="14:14">
      <c r="N427556" s="10"/>
    </row>
    <row r="427557" spans="14:14">
      <c r="N427557" s="10"/>
    </row>
    <row r="427558" spans="14:14">
      <c r="N427558" s="10"/>
    </row>
    <row r="427559" spans="14:14">
      <c r="N427559" s="10"/>
    </row>
    <row r="427560" spans="14:14">
      <c r="N427560" s="10"/>
    </row>
    <row r="427561" spans="14:14">
      <c r="N427561" s="10"/>
    </row>
    <row r="427562" spans="14:14">
      <c r="N427562" s="10"/>
    </row>
    <row r="427563" spans="14:14">
      <c r="N427563" s="10"/>
    </row>
    <row r="427564" spans="14:14">
      <c r="N427564" s="10"/>
    </row>
    <row r="427565" spans="14:14">
      <c r="N427565" s="10"/>
    </row>
    <row r="427566" spans="14:14">
      <c r="N427566" s="10"/>
    </row>
    <row r="427567" spans="14:14">
      <c r="N427567" s="10"/>
    </row>
    <row r="427568" spans="14:14">
      <c r="N427568" s="10"/>
    </row>
    <row r="427569" spans="14:14">
      <c r="N427569" s="10"/>
    </row>
    <row r="427570" spans="14:14">
      <c r="N427570" s="10"/>
    </row>
    <row r="427571" spans="14:14">
      <c r="N427571" s="10"/>
    </row>
    <row r="427572" spans="14:14">
      <c r="N427572" s="10"/>
    </row>
    <row r="427573" spans="14:14">
      <c r="N427573" s="10"/>
    </row>
    <row r="427574" spans="14:14">
      <c r="N427574" s="10"/>
    </row>
    <row r="427575" spans="14:14">
      <c r="N427575" s="10"/>
    </row>
    <row r="427576" spans="14:14">
      <c r="N427576" s="10"/>
    </row>
    <row r="427577" spans="14:14">
      <c r="N427577" s="10"/>
    </row>
    <row r="427578" spans="14:14">
      <c r="N427578" s="10"/>
    </row>
    <row r="427579" spans="14:14">
      <c r="N427579" s="10"/>
    </row>
    <row r="427580" spans="14:14">
      <c r="N427580" s="10"/>
    </row>
    <row r="427581" spans="14:14">
      <c r="N427581" s="10"/>
    </row>
    <row r="427582" spans="14:14">
      <c r="N427582" s="10"/>
    </row>
    <row r="427583" spans="14:14">
      <c r="N427583" s="10"/>
    </row>
    <row r="427584" spans="14:14">
      <c r="N427584" s="10"/>
    </row>
    <row r="427585" spans="14:14">
      <c r="N427585" s="10"/>
    </row>
    <row r="427586" spans="14:14">
      <c r="N427586" s="10"/>
    </row>
    <row r="427587" spans="14:14">
      <c r="N427587" s="10"/>
    </row>
    <row r="427588" spans="14:14">
      <c r="N427588" s="10"/>
    </row>
    <row r="427589" spans="14:14">
      <c r="N427589" s="10"/>
    </row>
    <row r="427590" spans="14:14">
      <c r="N427590" s="10"/>
    </row>
    <row r="427591" spans="14:14">
      <c r="N427591" s="10"/>
    </row>
    <row r="427592" spans="14:14">
      <c r="N427592" s="10"/>
    </row>
    <row r="427593" spans="14:14">
      <c r="N427593" s="10"/>
    </row>
    <row r="427594" spans="14:14">
      <c r="N427594" s="10"/>
    </row>
    <row r="427595" spans="14:14">
      <c r="N427595" s="10"/>
    </row>
    <row r="427596" spans="14:14">
      <c r="N427596" s="10"/>
    </row>
    <row r="427597" spans="14:14">
      <c r="N427597" s="10"/>
    </row>
    <row r="427598" spans="14:14">
      <c r="N427598" s="10"/>
    </row>
    <row r="427599" spans="14:14">
      <c r="N427599" s="10"/>
    </row>
    <row r="427600" spans="14:14">
      <c r="N427600" s="10"/>
    </row>
    <row r="427601" spans="14:14">
      <c r="N427601" s="10"/>
    </row>
    <row r="427602" spans="14:14">
      <c r="N427602" s="10"/>
    </row>
    <row r="427603" spans="14:14">
      <c r="N427603" s="10"/>
    </row>
    <row r="427604" spans="14:14">
      <c r="N427604" s="10"/>
    </row>
    <row r="427605" spans="14:14">
      <c r="N427605" s="10"/>
    </row>
    <row r="427606" spans="14:14">
      <c r="N427606" s="10"/>
    </row>
    <row r="427607" spans="14:14">
      <c r="N427607" s="10"/>
    </row>
    <row r="427608" spans="14:14">
      <c r="N427608" s="10"/>
    </row>
    <row r="427609" spans="14:14">
      <c r="N427609" s="10"/>
    </row>
    <row r="427610" spans="14:14">
      <c r="N427610" s="10"/>
    </row>
    <row r="427611" spans="14:14">
      <c r="N427611" s="10"/>
    </row>
    <row r="427612" spans="14:14">
      <c r="N427612" s="10"/>
    </row>
    <row r="427613" spans="14:14">
      <c r="N427613" s="10"/>
    </row>
    <row r="427614" spans="14:14">
      <c r="N427614" s="10"/>
    </row>
    <row r="427615" spans="14:14">
      <c r="N427615" s="10"/>
    </row>
    <row r="427616" spans="14:14">
      <c r="N427616" s="10"/>
    </row>
    <row r="427617" spans="14:14">
      <c r="N427617" s="10"/>
    </row>
    <row r="427618" spans="14:14">
      <c r="N427618" s="10"/>
    </row>
    <row r="427619" spans="14:14">
      <c r="N427619" s="10"/>
    </row>
    <row r="427620" spans="14:14">
      <c r="N427620" s="10"/>
    </row>
    <row r="427621" spans="14:14">
      <c r="N427621" s="10"/>
    </row>
    <row r="427622" spans="14:14">
      <c r="N427622" s="10"/>
    </row>
    <row r="427623" spans="14:14">
      <c r="N427623" s="10"/>
    </row>
    <row r="427624" spans="14:14">
      <c r="N427624" s="10"/>
    </row>
    <row r="427625" spans="14:14">
      <c r="N427625" s="10"/>
    </row>
    <row r="427626" spans="14:14">
      <c r="N427626" s="10"/>
    </row>
    <row r="427627" spans="14:14">
      <c r="N427627" s="10"/>
    </row>
    <row r="427628" spans="14:14">
      <c r="N427628" s="10"/>
    </row>
    <row r="427629" spans="14:14">
      <c r="N427629" s="10"/>
    </row>
    <row r="427630" spans="14:14">
      <c r="N427630" s="10"/>
    </row>
    <row r="427631" spans="14:14">
      <c r="N427631" s="10"/>
    </row>
    <row r="427632" spans="14:14">
      <c r="N427632" s="10"/>
    </row>
    <row r="427633" spans="14:14">
      <c r="N427633" s="10"/>
    </row>
    <row r="427634" spans="14:14">
      <c r="N427634" s="10"/>
    </row>
    <row r="427635" spans="14:14">
      <c r="N427635" s="10"/>
    </row>
    <row r="427636" spans="14:14">
      <c r="N427636" s="10"/>
    </row>
    <row r="427637" spans="14:14">
      <c r="N427637" s="10"/>
    </row>
    <row r="427638" spans="14:14">
      <c r="N427638" s="10"/>
    </row>
    <row r="427639" spans="14:14">
      <c r="N427639" s="10"/>
    </row>
    <row r="427640" spans="14:14">
      <c r="N427640" s="10"/>
    </row>
    <row r="427641" spans="14:14">
      <c r="N427641" s="10"/>
    </row>
    <row r="427642" spans="14:14">
      <c r="N427642" s="10"/>
    </row>
    <row r="427643" spans="14:14">
      <c r="N427643" s="10"/>
    </row>
    <row r="427644" spans="14:14">
      <c r="N427644" s="10"/>
    </row>
    <row r="427645" spans="14:14">
      <c r="N427645" s="10"/>
    </row>
    <row r="427646" spans="14:14">
      <c r="N427646" s="10"/>
    </row>
    <row r="427647" spans="14:14">
      <c r="N427647" s="10"/>
    </row>
    <row r="427648" spans="14:14">
      <c r="N427648" s="10"/>
    </row>
    <row r="427649" spans="14:14">
      <c r="N427649" s="10"/>
    </row>
    <row r="427650" spans="14:14">
      <c r="N427650" s="10"/>
    </row>
    <row r="427651" spans="14:14">
      <c r="N427651" s="10"/>
    </row>
    <row r="427652" spans="14:14">
      <c r="N427652" s="10"/>
    </row>
    <row r="427653" spans="14:14">
      <c r="N427653" s="10"/>
    </row>
    <row r="427654" spans="14:14">
      <c r="N427654" s="10"/>
    </row>
    <row r="427655" spans="14:14">
      <c r="N427655" s="10"/>
    </row>
    <row r="427656" spans="14:14">
      <c r="N427656" s="10"/>
    </row>
    <row r="427657" spans="14:14">
      <c r="N427657" s="10"/>
    </row>
    <row r="427658" spans="14:14">
      <c r="N427658" s="10"/>
    </row>
    <row r="427659" spans="14:14">
      <c r="N427659" s="10"/>
    </row>
    <row r="427660" spans="14:14">
      <c r="N427660" s="10"/>
    </row>
    <row r="427661" spans="14:14">
      <c r="N427661" s="10"/>
    </row>
    <row r="427662" spans="14:14">
      <c r="N427662" s="10"/>
    </row>
    <row r="427663" spans="14:14">
      <c r="N427663" s="10"/>
    </row>
    <row r="427664" spans="14:14">
      <c r="N427664" s="10"/>
    </row>
    <row r="427665" spans="14:14">
      <c r="N427665" s="10"/>
    </row>
    <row r="427666" spans="14:14">
      <c r="N427666" s="10"/>
    </row>
    <row r="427667" spans="14:14">
      <c r="N427667" s="10"/>
    </row>
    <row r="427668" spans="14:14">
      <c r="N427668" s="10"/>
    </row>
    <row r="427669" spans="14:14">
      <c r="N427669" s="10"/>
    </row>
    <row r="427670" spans="14:14">
      <c r="N427670" s="10"/>
    </row>
    <row r="427671" spans="14:14">
      <c r="N427671" s="10"/>
    </row>
    <row r="427672" spans="14:14">
      <c r="N427672" s="10"/>
    </row>
    <row r="427673" spans="14:14">
      <c r="N427673" s="10"/>
    </row>
    <row r="427674" spans="14:14">
      <c r="N427674" s="10"/>
    </row>
    <row r="427675" spans="14:14">
      <c r="N427675" s="10"/>
    </row>
    <row r="427676" spans="14:14">
      <c r="N427676" s="10"/>
    </row>
    <row r="427677" spans="14:14">
      <c r="N427677" s="10"/>
    </row>
    <row r="427678" spans="14:14">
      <c r="N427678" s="10"/>
    </row>
    <row r="427679" spans="14:14">
      <c r="N427679" s="10"/>
    </row>
    <row r="427680" spans="14:14">
      <c r="N427680" s="10"/>
    </row>
    <row r="427681" spans="14:14">
      <c r="N427681" s="10"/>
    </row>
    <row r="427682" spans="14:14">
      <c r="N427682" s="10"/>
    </row>
    <row r="427683" spans="14:14">
      <c r="N427683" s="10"/>
    </row>
    <row r="427684" spans="14:14">
      <c r="N427684" s="10"/>
    </row>
    <row r="427685" spans="14:14">
      <c r="N427685" s="10"/>
    </row>
    <row r="427686" spans="14:14">
      <c r="N427686" s="10"/>
    </row>
    <row r="427687" spans="14:14">
      <c r="N427687" s="10"/>
    </row>
    <row r="427688" spans="14:14">
      <c r="N427688" s="10"/>
    </row>
    <row r="427689" spans="14:14">
      <c r="N427689" s="10"/>
    </row>
    <row r="427690" spans="14:14">
      <c r="N427690" s="10"/>
    </row>
    <row r="427691" spans="14:14">
      <c r="N427691" s="10"/>
    </row>
    <row r="427692" spans="14:14">
      <c r="N427692" s="10"/>
    </row>
    <row r="427693" spans="14:14">
      <c r="N427693" s="10"/>
    </row>
    <row r="427694" spans="14:14">
      <c r="N427694" s="10"/>
    </row>
    <row r="427695" spans="14:14">
      <c r="N427695" s="10"/>
    </row>
    <row r="427696" spans="14:14">
      <c r="N427696" s="10"/>
    </row>
    <row r="427697" spans="14:14">
      <c r="N427697" s="10"/>
    </row>
    <row r="427698" spans="14:14">
      <c r="N427698" s="10"/>
    </row>
    <row r="427699" spans="14:14">
      <c r="N427699" s="10"/>
    </row>
    <row r="427700" spans="14:14">
      <c r="N427700" s="10"/>
    </row>
    <row r="427701" spans="14:14">
      <c r="N427701" s="10"/>
    </row>
    <row r="427702" spans="14:14">
      <c r="N427702" s="10"/>
    </row>
    <row r="427703" spans="14:14">
      <c r="N427703" s="10"/>
    </row>
    <row r="427704" spans="14:14">
      <c r="N427704" s="10"/>
    </row>
    <row r="427705" spans="14:14">
      <c r="N427705" s="10"/>
    </row>
    <row r="427706" spans="14:14">
      <c r="N427706" s="10"/>
    </row>
    <row r="427707" spans="14:14">
      <c r="N427707" s="10"/>
    </row>
    <row r="427708" spans="14:14">
      <c r="N427708" s="10"/>
    </row>
    <row r="427709" spans="14:14">
      <c r="N427709" s="10"/>
    </row>
    <row r="427710" spans="14:14">
      <c r="N427710" s="10"/>
    </row>
    <row r="427711" spans="14:14">
      <c r="N427711" s="10"/>
    </row>
    <row r="427712" spans="14:14">
      <c r="N427712" s="10"/>
    </row>
    <row r="427713" spans="14:14">
      <c r="N427713" s="10"/>
    </row>
    <row r="427714" spans="14:14">
      <c r="N427714" s="10"/>
    </row>
    <row r="427715" spans="14:14">
      <c r="N427715" s="10"/>
    </row>
    <row r="427716" spans="14:14">
      <c r="N427716" s="10"/>
    </row>
    <row r="427717" spans="14:14">
      <c r="N427717" s="10"/>
    </row>
    <row r="427718" spans="14:14">
      <c r="N427718" s="10"/>
    </row>
    <row r="427719" spans="14:14">
      <c r="N427719" s="10"/>
    </row>
    <row r="427720" spans="14:14">
      <c r="N427720" s="10"/>
    </row>
    <row r="427721" spans="14:14">
      <c r="N427721" s="10"/>
    </row>
    <row r="427722" spans="14:14">
      <c r="N427722" s="10"/>
    </row>
    <row r="427723" spans="14:14">
      <c r="N427723" s="10"/>
    </row>
    <row r="427724" spans="14:14">
      <c r="N427724" s="10"/>
    </row>
    <row r="427725" spans="14:14">
      <c r="N427725" s="10"/>
    </row>
    <row r="427726" spans="14:14">
      <c r="N427726" s="10"/>
    </row>
    <row r="427727" spans="14:14">
      <c r="N427727" s="10"/>
    </row>
    <row r="427728" spans="14:14">
      <c r="N427728" s="10"/>
    </row>
    <row r="427729" spans="14:14">
      <c r="N427729" s="10"/>
    </row>
    <row r="427730" spans="14:14">
      <c r="N427730" s="10"/>
    </row>
    <row r="427731" spans="14:14">
      <c r="N427731" s="10"/>
    </row>
    <row r="427732" spans="14:14">
      <c r="N427732" s="10"/>
    </row>
    <row r="427733" spans="14:14">
      <c r="N427733" s="10"/>
    </row>
    <row r="427734" spans="14:14">
      <c r="N427734" s="10"/>
    </row>
    <row r="427735" spans="14:14">
      <c r="N427735" s="10"/>
    </row>
    <row r="427736" spans="14:14">
      <c r="N427736" s="10"/>
    </row>
    <row r="427737" spans="14:14">
      <c r="N427737" s="10"/>
    </row>
    <row r="427738" spans="14:14">
      <c r="N427738" s="10"/>
    </row>
    <row r="427739" spans="14:14">
      <c r="N427739" s="10"/>
    </row>
    <row r="427740" spans="14:14">
      <c r="N427740" s="10"/>
    </row>
    <row r="427741" spans="14:14">
      <c r="N427741" s="10"/>
    </row>
    <row r="427742" spans="14:14">
      <c r="N427742" s="10"/>
    </row>
    <row r="427743" spans="14:14">
      <c r="N427743" s="10"/>
    </row>
    <row r="427744" spans="14:14">
      <c r="N427744" s="10"/>
    </row>
    <row r="427745" spans="14:14">
      <c r="N427745" s="10"/>
    </row>
    <row r="427746" spans="14:14">
      <c r="N427746" s="10"/>
    </row>
    <row r="427747" spans="14:14">
      <c r="N427747" s="10"/>
    </row>
    <row r="427748" spans="14:14">
      <c r="N427748" s="10"/>
    </row>
    <row r="427749" spans="14:14">
      <c r="N427749" s="10"/>
    </row>
    <row r="427750" spans="14:14">
      <c r="N427750" s="10"/>
    </row>
    <row r="427751" spans="14:14">
      <c r="N427751" s="10"/>
    </row>
    <row r="427752" spans="14:14">
      <c r="N427752" s="10"/>
    </row>
    <row r="427753" spans="14:14">
      <c r="N427753" s="10"/>
    </row>
    <row r="427754" spans="14:14">
      <c r="N427754" s="10"/>
    </row>
    <row r="427755" spans="14:14">
      <c r="N427755" s="10"/>
    </row>
    <row r="427756" spans="14:14">
      <c r="N427756" s="10"/>
    </row>
    <row r="427757" spans="14:14">
      <c r="N427757" s="10"/>
    </row>
    <row r="427758" spans="14:14">
      <c r="N427758" s="10"/>
    </row>
    <row r="427759" spans="14:14">
      <c r="N427759" s="10"/>
    </row>
    <row r="427760" spans="14:14">
      <c r="N427760" s="10"/>
    </row>
    <row r="427761" spans="14:14">
      <c r="N427761" s="10"/>
    </row>
    <row r="427762" spans="14:14">
      <c r="N427762" s="10"/>
    </row>
    <row r="427763" spans="14:14">
      <c r="N427763" s="10"/>
    </row>
    <row r="427764" spans="14:14">
      <c r="N427764" s="10"/>
    </row>
    <row r="427765" spans="14:14">
      <c r="N427765" s="10"/>
    </row>
    <row r="427766" spans="14:14">
      <c r="N427766" s="10"/>
    </row>
    <row r="427767" spans="14:14">
      <c r="N427767" s="10"/>
    </row>
    <row r="427768" spans="14:14">
      <c r="N427768" s="10"/>
    </row>
    <row r="427769" spans="14:14">
      <c r="N427769" s="10"/>
    </row>
    <row r="427770" spans="14:14">
      <c r="N427770" s="10"/>
    </row>
    <row r="427771" spans="14:14">
      <c r="N427771" s="10"/>
    </row>
    <row r="427772" spans="14:14">
      <c r="N427772" s="10"/>
    </row>
    <row r="427773" spans="14:14">
      <c r="N427773" s="10"/>
    </row>
    <row r="427774" spans="14:14">
      <c r="N427774" s="10"/>
    </row>
    <row r="427775" spans="14:14">
      <c r="N427775" s="10"/>
    </row>
    <row r="427776" spans="14:14">
      <c r="N427776" s="10"/>
    </row>
    <row r="427777" spans="14:14">
      <c r="N427777" s="10"/>
    </row>
    <row r="427778" spans="14:14">
      <c r="N427778" s="10"/>
    </row>
    <row r="427779" spans="14:14">
      <c r="N427779" s="10"/>
    </row>
    <row r="427780" spans="14:14">
      <c r="N427780" s="10"/>
    </row>
    <row r="427781" spans="14:14">
      <c r="N427781" s="10"/>
    </row>
    <row r="427782" spans="14:14">
      <c r="N427782" s="10"/>
    </row>
    <row r="427783" spans="14:14">
      <c r="N427783" s="10"/>
    </row>
    <row r="427784" spans="14:14">
      <c r="N427784" s="10"/>
    </row>
    <row r="427785" spans="14:14">
      <c r="N427785" s="10"/>
    </row>
    <row r="427786" spans="14:14">
      <c r="N427786" s="10"/>
    </row>
    <row r="427787" spans="14:14">
      <c r="N427787" s="10"/>
    </row>
    <row r="427788" spans="14:14">
      <c r="N427788" s="10"/>
    </row>
    <row r="427789" spans="14:14">
      <c r="N427789" s="10"/>
    </row>
    <row r="427790" spans="14:14">
      <c r="N427790" s="10"/>
    </row>
    <row r="427791" spans="14:14">
      <c r="N427791" s="10"/>
    </row>
    <row r="427792" spans="14:14">
      <c r="N427792" s="10"/>
    </row>
    <row r="427793" spans="14:14">
      <c r="N427793" s="10"/>
    </row>
    <row r="427794" spans="14:14">
      <c r="N427794" s="10"/>
    </row>
    <row r="427795" spans="14:14">
      <c r="N427795" s="10"/>
    </row>
    <row r="427796" spans="14:14">
      <c r="N427796" s="10"/>
    </row>
    <row r="427797" spans="14:14">
      <c r="N427797" s="10"/>
    </row>
    <row r="427798" spans="14:14">
      <c r="N427798" s="10"/>
    </row>
    <row r="427799" spans="14:14">
      <c r="N427799" s="10"/>
    </row>
    <row r="427800" spans="14:14">
      <c r="N427800" s="10"/>
    </row>
    <row r="427801" spans="14:14">
      <c r="N427801" s="10"/>
    </row>
    <row r="427802" spans="14:14">
      <c r="N427802" s="10"/>
    </row>
    <row r="427803" spans="14:14">
      <c r="N427803" s="10"/>
    </row>
    <row r="427804" spans="14:14">
      <c r="N427804" s="10"/>
    </row>
    <row r="427805" spans="14:14">
      <c r="N427805" s="10"/>
    </row>
    <row r="427806" spans="14:14">
      <c r="N427806" s="10"/>
    </row>
    <row r="427807" spans="14:14">
      <c r="N427807" s="10"/>
    </row>
    <row r="427808" spans="14:14">
      <c r="N427808" s="10"/>
    </row>
    <row r="427809" spans="14:14">
      <c r="N427809" s="10"/>
    </row>
    <row r="427810" spans="14:14">
      <c r="N427810" s="10"/>
    </row>
    <row r="427811" spans="14:14">
      <c r="N427811" s="10"/>
    </row>
    <row r="427812" spans="14:14">
      <c r="N427812" s="10"/>
    </row>
    <row r="427813" spans="14:14">
      <c r="N427813" s="10"/>
    </row>
    <row r="427814" spans="14:14">
      <c r="N427814" s="10"/>
    </row>
    <row r="427815" spans="14:14">
      <c r="N427815" s="10"/>
    </row>
    <row r="427816" spans="14:14">
      <c r="N427816" s="10"/>
    </row>
    <row r="427817" spans="14:14">
      <c r="N427817" s="10"/>
    </row>
    <row r="427818" spans="14:14">
      <c r="N427818" s="10"/>
    </row>
    <row r="427819" spans="14:14">
      <c r="N427819" s="10"/>
    </row>
    <row r="427820" spans="14:14">
      <c r="N427820" s="10"/>
    </row>
    <row r="427821" spans="14:14">
      <c r="N427821" s="10"/>
    </row>
    <row r="427822" spans="14:14">
      <c r="N427822" s="10"/>
    </row>
    <row r="427823" spans="14:14">
      <c r="N427823" s="10"/>
    </row>
    <row r="427824" spans="14:14">
      <c r="N427824" s="10"/>
    </row>
    <row r="427825" spans="14:14">
      <c r="N427825" s="10"/>
    </row>
    <row r="427826" spans="14:14">
      <c r="N427826" s="10"/>
    </row>
    <row r="427827" spans="14:14">
      <c r="N427827" s="10"/>
    </row>
    <row r="427828" spans="14:14">
      <c r="N427828" s="10"/>
    </row>
    <row r="427829" spans="14:14">
      <c r="N427829" s="10"/>
    </row>
    <row r="427830" spans="14:14">
      <c r="N427830" s="10"/>
    </row>
    <row r="427831" spans="14:14">
      <c r="N427831" s="10"/>
    </row>
    <row r="427832" spans="14:14">
      <c r="N427832" s="10"/>
    </row>
    <row r="427833" spans="14:14">
      <c r="N427833" s="10"/>
    </row>
    <row r="427834" spans="14:14">
      <c r="N427834" s="10"/>
    </row>
    <row r="427835" spans="14:14">
      <c r="N427835" s="10"/>
    </row>
    <row r="427836" spans="14:14">
      <c r="N427836" s="10"/>
    </row>
    <row r="427837" spans="14:14">
      <c r="N427837" s="10"/>
    </row>
    <row r="427838" spans="14:14">
      <c r="N427838" s="10"/>
    </row>
    <row r="427839" spans="14:14">
      <c r="N427839" s="10"/>
    </row>
    <row r="427840" spans="14:14">
      <c r="N427840" s="10"/>
    </row>
    <row r="427841" spans="14:14">
      <c r="N427841" s="10"/>
    </row>
    <row r="427842" spans="14:14">
      <c r="N427842" s="10"/>
    </row>
    <row r="427843" spans="14:14">
      <c r="N427843" s="10"/>
    </row>
    <row r="427844" spans="14:14">
      <c r="N427844" s="10"/>
    </row>
    <row r="427845" spans="14:14">
      <c r="N427845" s="10"/>
    </row>
    <row r="427846" spans="14:14">
      <c r="N427846" s="10"/>
    </row>
    <row r="427847" spans="14:14">
      <c r="N427847" s="10"/>
    </row>
    <row r="427848" spans="14:14">
      <c r="N427848" s="10"/>
    </row>
    <row r="427849" spans="14:14">
      <c r="N427849" s="10"/>
    </row>
    <row r="427850" spans="14:14">
      <c r="N427850" s="10"/>
    </row>
    <row r="427851" spans="14:14">
      <c r="N427851" s="10"/>
    </row>
    <row r="427852" spans="14:14">
      <c r="N427852" s="10"/>
    </row>
    <row r="427853" spans="14:14">
      <c r="N427853" s="10"/>
    </row>
    <row r="427854" spans="14:14">
      <c r="N427854" s="10"/>
    </row>
    <row r="427855" spans="14:14">
      <c r="N427855" s="10"/>
    </row>
    <row r="427856" spans="14:14">
      <c r="N427856" s="10"/>
    </row>
    <row r="427857" spans="14:14">
      <c r="N427857" s="10"/>
    </row>
    <row r="427858" spans="14:14">
      <c r="N427858" s="10"/>
    </row>
    <row r="427859" spans="14:14">
      <c r="N427859" s="10"/>
    </row>
    <row r="427860" spans="14:14">
      <c r="N427860" s="10"/>
    </row>
    <row r="427861" spans="14:14">
      <c r="N427861" s="10"/>
    </row>
    <row r="427862" spans="14:14">
      <c r="N427862" s="10"/>
    </row>
    <row r="427863" spans="14:14">
      <c r="N427863" s="10"/>
    </row>
    <row r="427864" spans="14:14">
      <c r="N427864" s="10"/>
    </row>
    <row r="427865" spans="14:14">
      <c r="N427865" s="10"/>
    </row>
    <row r="427866" spans="14:14">
      <c r="N427866" s="10"/>
    </row>
    <row r="427867" spans="14:14">
      <c r="N427867" s="10"/>
    </row>
    <row r="427868" spans="14:14">
      <c r="N427868" s="10"/>
    </row>
    <row r="427869" spans="14:14">
      <c r="N427869" s="10"/>
    </row>
    <row r="427870" spans="14:14">
      <c r="N427870" s="10"/>
    </row>
    <row r="427871" spans="14:14">
      <c r="N427871" s="10"/>
    </row>
    <row r="427872" spans="14:14">
      <c r="N427872" s="10"/>
    </row>
    <row r="427873" spans="14:14">
      <c r="N427873" s="10"/>
    </row>
    <row r="427874" spans="14:14">
      <c r="N427874" s="10"/>
    </row>
    <row r="427875" spans="14:14">
      <c r="N427875" s="10"/>
    </row>
    <row r="427876" spans="14:14">
      <c r="N427876" s="10"/>
    </row>
    <row r="427877" spans="14:14">
      <c r="N427877" s="10"/>
    </row>
    <row r="427878" spans="14:14">
      <c r="N427878" s="10"/>
    </row>
    <row r="427879" spans="14:14">
      <c r="N427879" s="10"/>
    </row>
    <row r="427880" spans="14:14">
      <c r="N427880" s="10"/>
    </row>
    <row r="427881" spans="14:14">
      <c r="N427881" s="10"/>
    </row>
    <row r="427882" spans="14:14">
      <c r="N427882" s="10"/>
    </row>
    <row r="427883" spans="14:14">
      <c r="N427883" s="10"/>
    </row>
    <row r="427884" spans="14:14">
      <c r="N427884" s="10"/>
    </row>
    <row r="427885" spans="14:14">
      <c r="N427885" s="10"/>
    </row>
    <row r="427886" spans="14:14">
      <c r="N427886" s="10"/>
    </row>
    <row r="427887" spans="14:14">
      <c r="N427887" s="10"/>
    </row>
    <row r="427888" spans="14:14">
      <c r="N427888" s="10"/>
    </row>
    <row r="427889" spans="14:14">
      <c r="N427889" s="10"/>
    </row>
    <row r="427890" spans="14:14">
      <c r="N427890" s="10"/>
    </row>
    <row r="427891" spans="14:14">
      <c r="N427891" s="10"/>
    </row>
    <row r="427892" spans="14:14">
      <c r="N427892" s="10"/>
    </row>
    <row r="427893" spans="14:14">
      <c r="N427893" s="10"/>
    </row>
    <row r="427894" spans="14:14">
      <c r="N427894" s="10"/>
    </row>
    <row r="427895" spans="14:14">
      <c r="N427895" s="10"/>
    </row>
    <row r="427896" spans="14:14">
      <c r="N427896" s="10"/>
    </row>
    <row r="427897" spans="14:14">
      <c r="N427897" s="10"/>
    </row>
    <row r="427898" spans="14:14">
      <c r="N427898" s="10"/>
    </row>
    <row r="427899" spans="14:14">
      <c r="N427899" s="10"/>
    </row>
    <row r="427900" spans="14:14">
      <c r="N427900" s="10"/>
    </row>
    <row r="427901" spans="14:14">
      <c r="N427901" s="10"/>
    </row>
    <row r="427902" spans="14:14">
      <c r="N427902" s="10"/>
    </row>
    <row r="427903" spans="14:14">
      <c r="N427903" s="10"/>
    </row>
    <row r="427904" spans="14:14">
      <c r="N427904" s="10"/>
    </row>
    <row r="427905" spans="14:14">
      <c r="N427905" s="10"/>
    </row>
    <row r="427906" spans="14:14">
      <c r="N427906" s="10"/>
    </row>
    <row r="427907" spans="14:14">
      <c r="N427907" s="10"/>
    </row>
    <row r="427908" spans="14:14">
      <c r="N427908" s="10"/>
    </row>
    <row r="427909" spans="14:14">
      <c r="N427909" s="10"/>
    </row>
    <row r="427910" spans="14:14">
      <c r="N427910" s="10"/>
    </row>
    <row r="427911" spans="14:14">
      <c r="N427911" s="10"/>
    </row>
    <row r="427912" spans="14:14">
      <c r="N427912" s="10"/>
    </row>
    <row r="427913" spans="14:14">
      <c r="N427913" s="10"/>
    </row>
    <row r="427914" spans="14:14">
      <c r="N427914" s="10"/>
    </row>
    <row r="427915" spans="14:14">
      <c r="N427915" s="10"/>
    </row>
    <row r="427916" spans="14:14">
      <c r="N427916" s="10"/>
    </row>
    <row r="427917" spans="14:14">
      <c r="N427917" s="10"/>
    </row>
    <row r="427918" spans="14:14">
      <c r="N427918" s="10"/>
    </row>
    <row r="427919" spans="14:14">
      <c r="N427919" s="10"/>
    </row>
    <row r="427920" spans="14:14">
      <c r="N427920" s="10"/>
    </row>
    <row r="427921" spans="14:14">
      <c r="N427921" s="10"/>
    </row>
    <row r="427922" spans="14:14">
      <c r="N427922" s="10"/>
    </row>
    <row r="427923" spans="14:14">
      <c r="N427923" s="10"/>
    </row>
    <row r="427924" spans="14:14">
      <c r="N427924" s="10"/>
    </row>
    <row r="427925" spans="14:14">
      <c r="N427925" s="10"/>
    </row>
    <row r="427926" spans="14:14">
      <c r="N427926" s="10"/>
    </row>
    <row r="427927" spans="14:14">
      <c r="N427927" s="10"/>
    </row>
    <row r="427928" spans="14:14">
      <c r="N427928" s="10"/>
    </row>
    <row r="427929" spans="14:14">
      <c r="N427929" s="10"/>
    </row>
    <row r="427930" spans="14:14">
      <c r="N427930" s="10"/>
    </row>
    <row r="427931" spans="14:14">
      <c r="N427931" s="10"/>
    </row>
    <row r="427932" spans="14:14">
      <c r="N427932" s="10"/>
    </row>
    <row r="427933" spans="14:14">
      <c r="N427933" s="10"/>
    </row>
    <row r="427934" spans="14:14">
      <c r="N427934" s="10"/>
    </row>
    <row r="427935" spans="14:14">
      <c r="N427935" s="10"/>
    </row>
    <row r="427936" spans="14:14">
      <c r="N427936" s="10"/>
    </row>
    <row r="427937" spans="14:14">
      <c r="N427937" s="10"/>
    </row>
    <row r="427938" spans="14:14">
      <c r="N427938" s="10"/>
    </row>
    <row r="427939" spans="14:14">
      <c r="N427939" s="10"/>
    </row>
    <row r="427940" spans="14:14">
      <c r="N427940" s="10"/>
    </row>
    <row r="427941" spans="14:14">
      <c r="N427941" s="10"/>
    </row>
    <row r="427942" spans="14:14">
      <c r="N427942" s="10"/>
    </row>
    <row r="427943" spans="14:14">
      <c r="N427943" s="10"/>
    </row>
    <row r="427944" spans="14:14">
      <c r="N427944" s="10"/>
    </row>
    <row r="427945" spans="14:14">
      <c r="N427945" s="10"/>
    </row>
    <row r="427946" spans="14:14">
      <c r="N427946" s="10"/>
    </row>
    <row r="427947" spans="14:14">
      <c r="N427947" s="10"/>
    </row>
    <row r="427948" spans="14:14">
      <c r="N427948" s="10"/>
    </row>
    <row r="427949" spans="14:14">
      <c r="N427949" s="10"/>
    </row>
    <row r="427950" spans="14:14">
      <c r="N427950" s="10"/>
    </row>
    <row r="427951" spans="14:14">
      <c r="N427951" s="10"/>
    </row>
    <row r="427952" spans="14:14">
      <c r="N427952" s="10"/>
    </row>
    <row r="427953" spans="14:14">
      <c r="N427953" s="10"/>
    </row>
    <row r="427954" spans="14:14">
      <c r="N427954" s="10"/>
    </row>
    <row r="427955" spans="14:14">
      <c r="N427955" s="10"/>
    </row>
    <row r="427956" spans="14:14">
      <c r="N427956" s="10"/>
    </row>
    <row r="427957" spans="14:14">
      <c r="N427957" s="10"/>
    </row>
    <row r="427958" spans="14:14">
      <c r="N427958" s="10"/>
    </row>
    <row r="427959" spans="14:14">
      <c r="N427959" s="10"/>
    </row>
    <row r="427960" spans="14:14">
      <c r="N427960" s="10"/>
    </row>
    <row r="427961" spans="14:14">
      <c r="N427961" s="10"/>
    </row>
    <row r="427962" spans="14:14">
      <c r="N427962" s="10"/>
    </row>
    <row r="427963" spans="14:14">
      <c r="N427963" s="10"/>
    </row>
    <row r="427964" spans="14:14">
      <c r="N427964" s="10"/>
    </row>
    <row r="427965" spans="14:14">
      <c r="N427965" s="10"/>
    </row>
    <row r="427966" spans="14:14">
      <c r="N427966" s="10"/>
    </row>
    <row r="427967" spans="14:14">
      <c r="N427967" s="10"/>
    </row>
    <row r="427968" spans="14:14">
      <c r="N427968" s="10"/>
    </row>
    <row r="427969" spans="14:14">
      <c r="N427969" s="10"/>
    </row>
    <row r="427970" spans="14:14">
      <c r="N427970" s="10"/>
    </row>
    <row r="427971" spans="14:14">
      <c r="N427971" s="10"/>
    </row>
    <row r="427972" spans="14:14">
      <c r="N427972" s="10"/>
    </row>
    <row r="427973" spans="14:14">
      <c r="N427973" s="10"/>
    </row>
    <row r="427974" spans="14:14">
      <c r="N427974" s="10"/>
    </row>
    <row r="427975" spans="14:14">
      <c r="N427975" s="10"/>
    </row>
    <row r="427976" spans="14:14">
      <c r="N427976" s="10"/>
    </row>
    <row r="427977" spans="14:14">
      <c r="N427977" s="10"/>
    </row>
    <row r="427978" spans="14:14">
      <c r="N427978" s="10"/>
    </row>
    <row r="427979" spans="14:14">
      <c r="N427979" s="10"/>
    </row>
    <row r="427980" spans="14:14">
      <c r="N427980" s="10"/>
    </row>
    <row r="427981" spans="14:14">
      <c r="N427981" s="10"/>
    </row>
    <row r="427982" spans="14:14">
      <c r="N427982" s="10"/>
    </row>
    <row r="427983" spans="14:14">
      <c r="N427983" s="10"/>
    </row>
    <row r="427984" spans="14:14">
      <c r="N427984" s="10"/>
    </row>
    <row r="427985" spans="14:14">
      <c r="N427985" s="10"/>
    </row>
    <row r="427986" spans="14:14">
      <c r="N427986" s="10"/>
    </row>
    <row r="427987" spans="14:14">
      <c r="N427987" s="10"/>
    </row>
    <row r="427988" spans="14:14">
      <c r="N427988" s="10"/>
    </row>
    <row r="427989" spans="14:14">
      <c r="N427989" s="10"/>
    </row>
    <row r="427990" spans="14:14">
      <c r="N427990" s="10"/>
    </row>
    <row r="427991" spans="14:14">
      <c r="N427991" s="10"/>
    </row>
    <row r="427992" spans="14:14">
      <c r="N427992" s="10"/>
    </row>
    <row r="427993" spans="14:14">
      <c r="N427993" s="10"/>
    </row>
    <row r="427994" spans="14:14">
      <c r="N427994" s="10"/>
    </row>
    <row r="427995" spans="14:14">
      <c r="N427995" s="10"/>
    </row>
    <row r="427996" spans="14:14">
      <c r="N427996" s="10"/>
    </row>
    <row r="427997" spans="14:14">
      <c r="N427997" s="10"/>
    </row>
    <row r="427998" spans="14:14">
      <c r="N427998" s="10"/>
    </row>
    <row r="427999" spans="14:14">
      <c r="N427999" s="10"/>
    </row>
    <row r="428000" spans="14:14">
      <c r="N428000" s="10"/>
    </row>
    <row r="428001" spans="14:14">
      <c r="N428001" s="10"/>
    </row>
    <row r="428002" spans="14:14">
      <c r="N428002" s="10"/>
    </row>
    <row r="428003" spans="14:14">
      <c r="N428003" s="10"/>
    </row>
    <row r="428004" spans="14:14">
      <c r="N428004" s="10"/>
    </row>
    <row r="428005" spans="14:14">
      <c r="N428005" s="10"/>
    </row>
    <row r="428006" spans="14:14">
      <c r="N428006" s="10"/>
    </row>
    <row r="428007" spans="14:14">
      <c r="N428007" s="10"/>
    </row>
    <row r="428008" spans="14:14">
      <c r="N428008" s="10"/>
    </row>
    <row r="428009" spans="14:14">
      <c r="N428009" s="10"/>
    </row>
    <row r="428010" spans="14:14">
      <c r="N428010" s="10"/>
    </row>
    <row r="428011" spans="14:14">
      <c r="N428011" s="10"/>
    </row>
    <row r="428012" spans="14:14">
      <c r="N428012" s="10"/>
    </row>
    <row r="428013" spans="14:14">
      <c r="N428013" s="10"/>
    </row>
    <row r="428014" spans="14:14">
      <c r="N428014" s="10"/>
    </row>
    <row r="428015" spans="14:14">
      <c r="N428015" s="10"/>
    </row>
    <row r="428016" spans="14:14">
      <c r="N428016" s="10"/>
    </row>
    <row r="428017" spans="14:14">
      <c r="N428017" s="10"/>
    </row>
    <row r="428018" spans="14:14">
      <c r="N428018" s="10"/>
    </row>
    <row r="428019" spans="14:14">
      <c r="N428019" s="10"/>
    </row>
    <row r="428020" spans="14:14">
      <c r="N428020" s="10"/>
    </row>
    <row r="428021" spans="14:14">
      <c r="N428021" s="10"/>
    </row>
    <row r="428022" spans="14:14">
      <c r="N428022" s="10"/>
    </row>
    <row r="428023" spans="14:14">
      <c r="N428023" s="10"/>
    </row>
    <row r="428024" spans="14:14">
      <c r="N428024" s="10"/>
    </row>
    <row r="428025" spans="14:14">
      <c r="N428025" s="10"/>
    </row>
    <row r="428026" spans="14:14">
      <c r="N428026" s="10"/>
    </row>
    <row r="428027" spans="14:14">
      <c r="N428027" s="10"/>
    </row>
    <row r="428028" spans="14:14">
      <c r="N428028" s="10"/>
    </row>
    <row r="428029" spans="14:14">
      <c r="N428029" s="10"/>
    </row>
    <row r="428030" spans="14:14">
      <c r="N428030" s="10"/>
    </row>
    <row r="428031" spans="14:14">
      <c r="N428031" s="10"/>
    </row>
    <row r="428032" spans="14:14">
      <c r="N428032" s="10"/>
    </row>
    <row r="428033" spans="14:14">
      <c r="N428033" s="10"/>
    </row>
    <row r="428034" spans="14:14">
      <c r="N428034" s="10"/>
    </row>
    <row r="428035" spans="14:14">
      <c r="N428035" s="10"/>
    </row>
    <row r="428036" spans="14:14">
      <c r="N428036" s="10"/>
    </row>
    <row r="428037" spans="14:14">
      <c r="N428037" s="10"/>
    </row>
    <row r="428038" spans="14:14">
      <c r="N428038" s="10"/>
    </row>
    <row r="428039" spans="14:14">
      <c r="N428039" s="10"/>
    </row>
    <row r="428040" spans="14:14">
      <c r="N428040" s="10"/>
    </row>
    <row r="428041" spans="14:14">
      <c r="N428041" s="10"/>
    </row>
    <row r="428042" spans="14:14">
      <c r="N428042" s="10"/>
    </row>
    <row r="428043" spans="14:14">
      <c r="N428043" s="10"/>
    </row>
    <row r="428044" spans="14:14">
      <c r="N428044" s="10"/>
    </row>
    <row r="428045" spans="14:14">
      <c r="N428045" s="10"/>
    </row>
    <row r="428046" spans="14:14">
      <c r="N428046" s="10"/>
    </row>
    <row r="428047" spans="14:14">
      <c r="N428047" s="10"/>
    </row>
    <row r="428048" spans="14:14">
      <c r="N428048" s="10"/>
    </row>
    <row r="428049" spans="14:14">
      <c r="N428049" s="10"/>
    </row>
    <row r="428050" spans="14:14">
      <c r="N428050" s="10"/>
    </row>
    <row r="428051" spans="14:14">
      <c r="N428051" s="10"/>
    </row>
    <row r="428052" spans="14:14">
      <c r="N428052" s="10"/>
    </row>
    <row r="428053" spans="14:14">
      <c r="N428053" s="10"/>
    </row>
    <row r="428054" spans="14:14">
      <c r="N428054" s="10"/>
    </row>
    <row r="428055" spans="14:14">
      <c r="N428055" s="10"/>
    </row>
    <row r="428056" spans="14:14">
      <c r="N428056" s="10"/>
    </row>
    <row r="428057" spans="14:14">
      <c r="N428057" s="10"/>
    </row>
    <row r="428058" spans="14:14">
      <c r="N428058" s="10"/>
    </row>
    <row r="428059" spans="14:14">
      <c r="N428059" s="10"/>
    </row>
    <row r="428060" spans="14:14">
      <c r="N428060" s="10"/>
    </row>
    <row r="428061" spans="14:14">
      <c r="N428061" s="10"/>
    </row>
    <row r="428062" spans="14:14">
      <c r="N428062" s="10"/>
    </row>
    <row r="428063" spans="14:14">
      <c r="N428063" s="10"/>
    </row>
    <row r="428064" spans="14:14">
      <c r="N428064" s="10"/>
    </row>
    <row r="428065" spans="14:14">
      <c r="N428065" s="10"/>
    </row>
    <row r="428066" spans="14:14">
      <c r="N428066" s="10"/>
    </row>
    <row r="428067" spans="14:14">
      <c r="N428067" s="10"/>
    </row>
    <row r="428068" spans="14:14">
      <c r="N428068" s="10"/>
    </row>
    <row r="428069" spans="14:14">
      <c r="N428069" s="10"/>
    </row>
    <row r="428070" spans="14:14">
      <c r="N428070" s="10"/>
    </row>
    <row r="428071" spans="14:14">
      <c r="N428071" s="10"/>
    </row>
    <row r="428072" spans="14:14">
      <c r="N428072" s="10"/>
    </row>
    <row r="428073" spans="14:14">
      <c r="N428073" s="10"/>
    </row>
    <row r="428074" spans="14:14">
      <c r="N428074" s="10"/>
    </row>
    <row r="428075" spans="14:14">
      <c r="N428075" s="10"/>
    </row>
    <row r="428076" spans="14:14">
      <c r="N428076" s="10"/>
    </row>
    <row r="428077" spans="14:14">
      <c r="N428077" s="10"/>
    </row>
    <row r="428078" spans="14:14">
      <c r="N428078" s="10"/>
    </row>
    <row r="428079" spans="14:14">
      <c r="N428079" s="10"/>
    </row>
    <row r="428080" spans="14:14">
      <c r="N428080" s="10"/>
    </row>
    <row r="428081" spans="14:14">
      <c r="N428081" s="10"/>
    </row>
    <row r="428082" spans="14:14">
      <c r="N428082" s="10"/>
    </row>
    <row r="428083" spans="14:14">
      <c r="N428083" s="10"/>
    </row>
    <row r="428084" spans="14:14">
      <c r="N428084" s="10"/>
    </row>
    <row r="428085" spans="14:14">
      <c r="N428085" s="10"/>
    </row>
    <row r="428086" spans="14:14">
      <c r="N428086" s="10"/>
    </row>
    <row r="428087" spans="14:14">
      <c r="N428087" s="10"/>
    </row>
    <row r="428088" spans="14:14">
      <c r="N428088" s="10"/>
    </row>
    <row r="428089" spans="14:14">
      <c r="N428089" s="10"/>
    </row>
    <row r="428090" spans="14:14">
      <c r="N428090" s="10"/>
    </row>
    <row r="428091" spans="14:14">
      <c r="N428091" s="10"/>
    </row>
    <row r="428092" spans="14:14">
      <c r="N428092" s="10"/>
    </row>
    <row r="428093" spans="14:14">
      <c r="N428093" s="10"/>
    </row>
    <row r="428094" spans="14:14">
      <c r="N428094" s="10"/>
    </row>
    <row r="428095" spans="14:14">
      <c r="N428095" s="10"/>
    </row>
    <row r="428096" spans="14:14">
      <c r="N428096" s="10"/>
    </row>
    <row r="428097" spans="14:14">
      <c r="N428097" s="10"/>
    </row>
    <row r="428098" spans="14:14">
      <c r="N428098" s="10"/>
    </row>
    <row r="428099" spans="14:14">
      <c r="N428099" s="10"/>
    </row>
    <row r="428100" spans="14:14">
      <c r="N428100" s="10"/>
    </row>
    <row r="428101" spans="14:14">
      <c r="N428101" s="10"/>
    </row>
    <row r="428102" spans="14:14">
      <c r="N428102" s="10"/>
    </row>
    <row r="428103" spans="14:14">
      <c r="N428103" s="10"/>
    </row>
    <row r="428104" spans="14:14">
      <c r="N428104" s="10"/>
    </row>
    <row r="428105" spans="14:14">
      <c r="N428105" s="10"/>
    </row>
    <row r="428106" spans="14:14">
      <c r="N428106" s="10"/>
    </row>
    <row r="428107" spans="14:14">
      <c r="N428107" s="10"/>
    </row>
    <row r="428108" spans="14:14">
      <c r="N428108" s="10"/>
    </row>
    <row r="428109" spans="14:14">
      <c r="N428109" s="10"/>
    </row>
    <row r="428110" spans="14:14">
      <c r="N428110" s="10"/>
    </row>
    <row r="428111" spans="14:14">
      <c r="N428111" s="10"/>
    </row>
    <row r="428112" spans="14:14">
      <c r="N428112" s="10"/>
    </row>
    <row r="428113" spans="14:14">
      <c r="N428113" s="10"/>
    </row>
    <row r="428114" spans="14:14">
      <c r="N428114" s="10"/>
    </row>
    <row r="428115" spans="14:14">
      <c r="N428115" s="10"/>
    </row>
    <row r="428116" spans="14:14">
      <c r="N428116" s="10"/>
    </row>
    <row r="428117" spans="14:14">
      <c r="N428117" s="10"/>
    </row>
    <row r="428118" spans="14:14">
      <c r="N428118" s="10"/>
    </row>
    <row r="428119" spans="14:14">
      <c r="N428119" s="10"/>
    </row>
    <row r="428120" spans="14:14">
      <c r="N428120" s="10"/>
    </row>
    <row r="428121" spans="14:14">
      <c r="N428121" s="10"/>
    </row>
    <row r="428122" spans="14:14">
      <c r="N428122" s="10"/>
    </row>
    <row r="428123" spans="14:14">
      <c r="N428123" s="10"/>
    </row>
    <row r="428124" spans="14:14">
      <c r="N428124" s="10"/>
    </row>
    <row r="428125" spans="14:14">
      <c r="N428125" s="10"/>
    </row>
    <row r="428126" spans="14:14">
      <c r="N428126" s="10"/>
    </row>
    <row r="428127" spans="14:14">
      <c r="N428127" s="10"/>
    </row>
    <row r="428128" spans="14:14">
      <c r="N428128" s="10"/>
    </row>
    <row r="428129" spans="14:14">
      <c r="N428129" s="10"/>
    </row>
    <row r="428130" spans="14:14">
      <c r="N428130" s="10"/>
    </row>
    <row r="428131" spans="14:14">
      <c r="N428131" s="10"/>
    </row>
    <row r="428132" spans="14:14">
      <c r="N428132" s="10"/>
    </row>
    <row r="428133" spans="14:14">
      <c r="N428133" s="10"/>
    </row>
    <row r="428134" spans="14:14">
      <c r="N428134" s="10"/>
    </row>
    <row r="428135" spans="14:14">
      <c r="N428135" s="10"/>
    </row>
    <row r="428136" spans="14:14">
      <c r="N428136" s="10"/>
    </row>
    <row r="428137" spans="14:14">
      <c r="N428137" s="10"/>
    </row>
    <row r="428138" spans="14:14">
      <c r="N428138" s="10"/>
    </row>
    <row r="428139" spans="14:14">
      <c r="N428139" s="10"/>
    </row>
    <row r="428140" spans="14:14">
      <c r="N428140" s="10"/>
    </row>
    <row r="428141" spans="14:14">
      <c r="N428141" s="10"/>
    </row>
    <row r="428142" spans="14:14">
      <c r="N428142" s="10"/>
    </row>
    <row r="428143" spans="14:14">
      <c r="N428143" s="10"/>
    </row>
    <row r="428144" spans="14:14">
      <c r="N428144" s="10"/>
    </row>
    <row r="428145" spans="14:14">
      <c r="N428145" s="10"/>
    </row>
    <row r="428146" spans="14:14">
      <c r="N428146" s="10"/>
    </row>
    <row r="428147" spans="14:14">
      <c r="N428147" s="10"/>
    </row>
    <row r="428148" spans="14:14">
      <c r="N428148" s="10"/>
    </row>
    <row r="428149" spans="14:14">
      <c r="N428149" s="10"/>
    </row>
    <row r="428150" spans="14:14">
      <c r="N428150" s="10"/>
    </row>
    <row r="428151" spans="14:14">
      <c r="N428151" s="10"/>
    </row>
    <row r="428152" spans="14:14">
      <c r="N428152" s="10"/>
    </row>
    <row r="428153" spans="14:14">
      <c r="N428153" s="10"/>
    </row>
    <row r="428154" spans="14:14">
      <c r="N428154" s="10"/>
    </row>
    <row r="428155" spans="14:14">
      <c r="N428155" s="10"/>
    </row>
    <row r="428156" spans="14:14">
      <c r="N428156" s="10"/>
    </row>
    <row r="428157" spans="14:14">
      <c r="N428157" s="10"/>
    </row>
    <row r="428158" spans="14:14">
      <c r="N428158" s="10"/>
    </row>
    <row r="428159" spans="14:14">
      <c r="N428159" s="10"/>
    </row>
    <row r="428160" spans="14:14">
      <c r="N428160" s="10"/>
    </row>
    <row r="428161" spans="14:14">
      <c r="N428161" s="10"/>
    </row>
    <row r="428162" spans="14:14">
      <c r="N428162" s="10"/>
    </row>
    <row r="428163" spans="14:14">
      <c r="N428163" s="10"/>
    </row>
    <row r="428164" spans="14:14">
      <c r="N428164" s="10"/>
    </row>
    <row r="428165" spans="14:14">
      <c r="N428165" s="10"/>
    </row>
    <row r="428166" spans="14:14">
      <c r="N428166" s="10"/>
    </row>
    <row r="428167" spans="14:14">
      <c r="N428167" s="10"/>
    </row>
    <row r="428168" spans="14:14">
      <c r="N428168" s="10"/>
    </row>
    <row r="428169" spans="14:14">
      <c r="N428169" s="10"/>
    </row>
    <row r="428170" spans="14:14">
      <c r="N428170" s="10"/>
    </row>
    <row r="428171" spans="14:14">
      <c r="N428171" s="10"/>
    </row>
    <row r="428172" spans="14:14">
      <c r="N428172" s="10"/>
    </row>
    <row r="428173" spans="14:14">
      <c r="N428173" s="10"/>
    </row>
    <row r="428174" spans="14:14">
      <c r="N428174" s="10"/>
    </row>
    <row r="428175" spans="14:14">
      <c r="N428175" s="10"/>
    </row>
    <row r="428176" spans="14:14">
      <c r="N428176" s="10"/>
    </row>
    <row r="428177" spans="14:14">
      <c r="N428177" s="10"/>
    </row>
    <row r="428178" spans="14:14">
      <c r="N428178" s="10"/>
    </row>
    <row r="428179" spans="14:14">
      <c r="N428179" s="10"/>
    </row>
    <row r="428180" spans="14:14">
      <c r="N428180" s="10"/>
    </row>
    <row r="428181" spans="14:14">
      <c r="N428181" s="10"/>
    </row>
    <row r="428182" spans="14:14">
      <c r="N428182" s="10"/>
    </row>
    <row r="428183" spans="14:14">
      <c r="N428183" s="10"/>
    </row>
    <row r="428184" spans="14:14">
      <c r="N428184" s="10"/>
    </row>
    <row r="428185" spans="14:14">
      <c r="N428185" s="10"/>
    </row>
    <row r="428186" spans="14:14">
      <c r="N428186" s="10"/>
    </row>
    <row r="428187" spans="14:14">
      <c r="N428187" s="10"/>
    </row>
    <row r="428188" spans="14:14">
      <c r="N428188" s="10"/>
    </row>
    <row r="428189" spans="14:14">
      <c r="N428189" s="10"/>
    </row>
    <row r="428190" spans="14:14">
      <c r="N428190" s="10"/>
    </row>
    <row r="428191" spans="14:14">
      <c r="N428191" s="10"/>
    </row>
    <row r="428192" spans="14:14">
      <c r="N428192" s="10"/>
    </row>
    <row r="428193" spans="14:14">
      <c r="N428193" s="10"/>
    </row>
    <row r="428194" spans="14:14">
      <c r="N428194" s="10"/>
    </row>
    <row r="428195" spans="14:14">
      <c r="N428195" s="10"/>
    </row>
    <row r="428196" spans="14:14">
      <c r="N428196" s="10"/>
    </row>
    <row r="428197" spans="14:14">
      <c r="N428197" s="10"/>
    </row>
    <row r="428198" spans="14:14">
      <c r="N428198" s="10"/>
    </row>
    <row r="428199" spans="14:14">
      <c r="N428199" s="10"/>
    </row>
    <row r="428200" spans="14:14">
      <c r="N428200" s="10"/>
    </row>
    <row r="428201" spans="14:14">
      <c r="N428201" s="10"/>
    </row>
    <row r="428202" spans="14:14">
      <c r="N428202" s="10"/>
    </row>
    <row r="428203" spans="14:14">
      <c r="N428203" s="10"/>
    </row>
    <row r="428204" spans="14:14">
      <c r="N428204" s="10"/>
    </row>
    <row r="428205" spans="14:14">
      <c r="N428205" s="10"/>
    </row>
    <row r="428206" spans="14:14">
      <c r="N428206" s="10"/>
    </row>
    <row r="428207" spans="14:14">
      <c r="N428207" s="10"/>
    </row>
    <row r="428208" spans="14:14">
      <c r="N428208" s="10"/>
    </row>
    <row r="428209" spans="14:14">
      <c r="N428209" s="10"/>
    </row>
    <row r="428210" spans="14:14">
      <c r="N428210" s="10"/>
    </row>
    <row r="428211" spans="14:14">
      <c r="N428211" s="10"/>
    </row>
    <row r="428212" spans="14:14">
      <c r="N428212" s="10"/>
    </row>
    <row r="428213" spans="14:14">
      <c r="N428213" s="10"/>
    </row>
    <row r="428214" spans="14:14">
      <c r="N428214" s="10"/>
    </row>
    <row r="428215" spans="14:14">
      <c r="N428215" s="10"/>
    </row>
    <row r="428216" spans="14:14">
      <c r="N428216" s="10"/>
    </row>
    <row r="428217" spans="14:14">
      <c r="N428217" s="10"/>
    </row>
    <row r="428218" spans="14:14">
      <c r="N428218" s="10"/>
    </row>
    <row r="428219" spans="14:14">
      <c r="N428219" s="10"/>
    </row>
    <row r="428220" spans="14:14">
      <c r="N428220" s="10"/>
    </row>
    <row r="428221" spans="14:14">
      <c r="N428221" s="10"/>
    </row>
    <row r="428222" spans="14:14">
      <c r="N428222" s="10"/>
    </row>
    <row r="428223" spans="14:14">
      <c r="N428223" s="10"/>
    </row>
    <row r="428224" spans="14:14">
      <c r="N428224" s="10"/>
    </row>
    <row r="428225" spans="14:14">
      <c r="N428225" s="10"/>
    </row>
    <row r="428226" spans="14:14">
      <c r="N428226" s="10"/>
    </row>
    <row r="428227" spans="14:14">
      <c r="N428227" s="10"/>
    </row>
    <row r="428228" spans="14:14">
      <c r="N428228" s="10"/>
    </row>
    <row r="428229" spans="14:14">
      <c r="N428229" s="10"/>
    </row>
    <row r="428230" spans="14:14">
      <c r="N428230" s="10"/>
    </row>
    <row r="428231" spans="14:14">
      <c r="N428231" s="10"/>
    </row>
    <row r="428232" spans="14:14">
      <c r="N428232" s="10"/>
    </row>
    <row r="428233" spans="14:14">
      <c r="N428233" s="10"/>
    </row>
    <row r="428234" spans="14:14">
      <c r="N428234" s="10"/>
    </row>
    <row r="428235" spans="14:14">
      <c r="N428235" s="10"/>
    </row>
    <row r="428236" spans="14:14">
      <c r="N428236" s="10"/>
    </row>
    <row r="428237" spans="14:14">
      <c r="N428237" s="10"/>
    </row>
    <row r="428238" spans="14:14">
      <c r="N428238" s="10"/>
    </row>
    <row r="428239" spans="14:14">
      <c r="N428239" s="10"/>
    </row>
    <row r="428240" spans="14:14">
      <c r="N428240" s="10"/>
    </row>
    <row r="428241" spans="14:14">
      <c r="N428241" s="10"/>
    </row>
    <row r="428242" spans="14:14">
      <c r="N428242" s="10"/>
    </row>
    <row r="428243" spans="14:14">
      <c r="N428243" s="10"/>
    </row>
    <row r="428244" spans="14:14">
      <c r="N428244" s="10"/>
    </row>
    <row r="428245" spans="14:14">
      <c r="N428245" s="10"/>
    </row>
    <row r="428246" spans="14:14">
      <c r="N428246" s="10"/>
    </row>
    <row r="428247" spans="14:14">
      <c r="N428247" s="10"/>
    </row>
    <row r="428248" spans="14:14">
      <c r="N428248" s="10"/>
    </row>
    <row r="428249" spans="14:14">
      <c r="N428249" s="10"/>
    </row>
    <row r="428250" spans="14:14">
      <c r="N428250" s="10"/>
    </row>
    <row r="428251" spans="14:14">
      <c r="N428251" s="10"/>
    </row>
    <row r="428252" spans="14:14">
      <c r="N428252" s="10"/>
    </row>
    <row r="428253" spans="14:14">
      <c r="N428253" s="10"/>
    </row>
    <row r="428254" spans="14:14">
      <c r="N428254" s="10"/>
    </row>
    <row r="428255" spans="14:14">
      <c r="N428255" s="10"/>
    </row>
    <row r="428256" spans="14:14">
      <c r="N428256" s="10"/>
    </row>
    <row r="428257" spans="14:14">
      <c r="N428257" s="10"/>
    </row>
    <row r="428258" spans="14:14">
      <c r="N428258" s="10"/>
    </row>
    <row r="428259" spans="14:14">
      <c r="N428259" s="10"/>
    </row>
    <row r="428260" spans="14:14">
      <c r="N428260" s="10"/>
    </row>
    <row r="428261" spans="14:14">
      <c r="N428261" s="10"/>
    </row>
    <row r="428262" spans="14:14">
      <c r="N428262" s="10"/>
    </row>
    <row r="428263" spans="14:14">
      <c r="N428263" s="10"/>
    </row>
    <row r="428264" spans="14:14">
      <c r="N428264" s="10"/>
    </row>
    <row r="428265" spans="14:14">
      <c r="N428265" s="10"/>
    </row>
    <row r="428266" spans="14:14">
      <c r="N428266" s="10"/>
    </row>
    <row r="428267" spans="14:14">
      <c r="N428267" s="10"/>
    </row>
    <row r="428268" spans="14:14">
      <c r="N428268" s="10"/>
    </row>
    <row r="428269" spans="14:14">
      <c r="N428269" s="10"/>
    </row>
    <row r="428270" spans="14:14">
      <c r="N428270" s="10"/>
    </row>
    <row r="428271" spans="14:14">
      <c r="N428271" s="10"/>
    </row>
    <row r="428272" spans="14:14">
      <c r="N428272" s="10"/>
    </row>
    <row r="428273" spans="14:14">
      <c r="N428273" s="10"/>
    </row>
    <row r="428274" spans="14:14">
      <c r="N428274" s="10"/>
    </row>
    <row r="428275" spans="14:14">
      <c r="N428275" s="10"/>
    </row>
    <row r="428276" spans="14:14">
      <c r="N428276" s="10"/>
    </row>
    <row r="428277" spans="14:14">
      <c r="N428277" s="10"/>
    </row>
    <row r="428278" spans="14:14">
      <c r="N428278" s="10"/>
    </row>
    <row r="428279" spans="14:14">
      <c r="N428279" s="10"/>
    </row>
    <row r="428280" spans="14:14">
      <c r="N428280" s="10"/>
    </row>
    <row r="428281" spans="14:14">
      <c r="N428281" s="10"/>
    </row>
    <row r="428282" spans="14:14">
      <c r="N428282" s="10"/>
    </row>
    <row r="428283" spans="14:14">
      <c r="N428283" s="10"/>
    </row>
    <row r="428284" spans="14:14">
      <c r="N428284" s="10"/>
    </row>
    <row r="428285" spans="14:14">
      <c r="N428285" s="10"/>
    </row>
    <row r="428286" spans="14:14">
      <c r="N428286" s="10"/>
    </row>
    <row r="428287" spans="14:14">
      <c r="N428287" s="10"/>
    </row>
    <row r="428288" spans="14:14">
      <c r="N428288" s="10"/>
    </row>
    <row r="428289" spans="14:14">
      <c r="N428289" s="10"/>
    </row>
    <row r="428290" spans="14:14">
      <c r="N428290" s="10"/>
    </row>
    <row r="428291" spans="14:14">
      <c r="N428291" s="10"/>
    </row>
    <row r="428292" spans="14:14">
      <c r="N428292" s="10"/>
    </row>
    <row r="428293" spans="14:14">
      <c r="N428293" s="10"/>
    </row>
    <row r="428294" spans="14:14">
      <c r="N428294" s="10"/>
    </row>
    <row r="428295" spans="14:14">
      <c r="N428295" s="10"/>
    </row>
    <row r="428296" spans="14:14">
      <c r="N428296" s="10"/>
    </row>
    <row r="428297" spans="14:14">
      <c r="N428297" s="10"/>
    </row>
    <row r="428298" spans="14:14">
      <c r="N428298" s="10"/>
    </row>
    <row r="428299" spans="14:14">
      <c r="N428299" s="10"/>
    </row>
    <row r="428300" spans="14:14">
      <c r="N428300" s="10"/>
    </row>
    <row r="428301" spans="14:14">
      <c r="N428301" s="10"/>
    </row>
    <row r="428302" spans="14:14">
      <c r="N428302" s="10"/>
    </row>
    <row r="428303" spans="14:14">
      <c r="N428303" s="10"/>
    </row>
    <row r="428304" spans="14:14">
      <c r="N428304" s="10"/>
    </row>
    <row r="428305" spans="14:14">
      <c r="N428305" s="10"/>
    </row>
    <row r="428306" spans="14:14">
      <c r="N428306" s="10"/>
    </row>
    <row r="428307" spans="14:14">
      <c r="N428307" s="10"/>
    </row>
    <row r="428308" spans="14:14">
      <c r="N428308" s="10"/>
    </row>
    <row r="428309" spans="14:14">
      <c r="N428309" s="10"/>
    </row>
    <row r="428310" spans="14:14">
      <c r="N428310" s="10"/>
    </row>
    <row r="428311" spans="14:14">
      <c r="N428311" s="10"/>
    </row>
    <row r="428312" spans="14:14">
      <c r="N428312" s="10"/>
    </row>
    <row r="428313" spans="14:14">
      <c r="N428313" s="10"/>
    </row>
    <row r="428314" spans="14:14">
      <c r="N428314" s="10"/>
    </row>
    <row r="428315" spans="14:14">
      <c r="N428315" s="10"/>
    </row>
    <row r="428316" spans="14:14">
      <c r="N428316" s="10"/>
    </row>
    <row r="428317" spans="14:14">
      <c r="N428317" s="10"/>
    </row>
    <row r="428318" spans="14:14">
      <c r="N428318" s="10"/>
    </row>
    <row r="428319" spans="14:14">
      <c r="N428319" s="10"/>
    </row>
    <row r="428320" spans="14:14">
      <c r="N428320" s="10"/>
    </row>
    <row r="428321" spans="14:14">
      <c r="N428321" s="10"/>
    </row>
    <row r="428322" spans="14:14">
      <c r="N428322" s="10"/>
    </row>
    <row r="428323" spans="14:14">
      <c r="N428323" s="10"/>
    </row>
    <row r="428324" spans="14:14">
      <c r="N428324" s="10"/>
    </row>
    <row r="428325" spans="14:14">
      <c r="N428325" s="10"/>
    </row>
    <row r="428326" spans="14:14">
      <c r="N428326" s="10"/>
    </row>
    <row r="428327" spans="14:14">
      <c r="N428327" s="10"/>
    </row>
    <row r="428328" spans="14:14">
      <c r="N428328" s="10"/>
    </row>
    <row r="428329" spans="14:14">
      <c r="N428329" s="10"/>
    </row>
    <row r="428330" spans="14:14">
      <c r="N428330" s="10"/>
    </row>
    <row r="428331" spans="14:14">
      <c r="N428331" s="10"/>
    </row>
    <row r="428332" spans="14:14">
      <c r="N428332" s="10"/>
    </row>
    <row r="428333" spans="14:14">
      <c r="N428333" s="10"/>
    </row>
    <row r="428334" spans="14:14">
      <c r="N428334" s="10"/>
    </row>
    <row r="428335" spans="14:14">
      <c r="N428335" s="10"/>
    </row>
    <row r="428336" spans="14:14">
      <c r="N428336" s="10"/>
    </row>
    <row r="428337" spans="14:14">
      <c r="N428337" s="10"/>
    </row>
    <row r="428338" spans="14:14">
      <c r="N428338" s="10"/>
    </row>
    <row r="428339" spans="14:14">
      <c r="N428339" s="10"/>
    </row>
    <row r="428340" spans="14:14">
      <c r="N428340" s="10"/>
    </row>
    <row r="428341" spans="14:14">
      <c r="N428341" s="10"/>
    </row>
    <row r="428342" spans="14:14">
      <c r="N428342" s="10"/>
    </row>
    <row r="428343" spans="14:14">
      <c r="N428343" s="10"/>
    </row>
    <row r="428344" spans="14:14">
      <c r="N428344" s="10"/>
    </row>
    <row r="428345" spans="14:14">
      <c r="N428345" s="10"/>
    </row>
    <row r="428346" spans="14:14">
      <c r="N428346" s="10"/>
    </row>
    <row r="428347" spans="14:14">
      <c r="N428347" s="10"/>
    </row>
    <row r="428348" spans="14:14">
      <c r="N428348" s="10"/>
    </row>
    <row r="428349" spans="14:14">
      <c r="N428349" s="10"/>
    </row>
    <row r="428350" spans="14:14">
      <c r="N428350" s="10"/>
    </row>
    <row r="428351" spans="14:14">
      <c r="N428351" s="10"/>
    </row>
    <row r="428352" spans="14:14">
      <c r="N428352" s="10"/>
    </row>
    <row r="428353" spans="14:14">
      <c r="N428353" s="10"/>
    </row>
    <row r="428354" spans="14:14">
      <c r="N428354" s="10"/>
    </row>
    <row r="428355" spans="14:14">
      <c r="N428355" s="10"/>
    </row>
    <row r="428356" spans="14:14">
      <c r="N428356" s="10"/>
    </row>
    <row r="428357" spans="14:14">
      <c r="N428357" s="10"/>
    </row>
    <row r="428358" spans="14:14">
      <c r="N428358" s="10"/>
    </row>
    <row r="428359" spans="14:14">
      <c r="N428359" s="10"/>
    </row>
    <row r="428360" spans="14:14">
      <c r="N428360" s="10"/>
    </row>
    <row r="428361" spans="14:14">
      <c r="N428361" s="10"/>
    </row>
    <row r="428362" spans="14:14">
      <c r="N428362" s="10"/>
    </row>
    <row r="428363" spans="14:14">
      <c r="N428363" s="10"/>
    </row>
    <row r="428364" spans="14:14">
      <c r="N428364" s="10"/>
    </row>
    <row r="428365" spans="14:14">
      <c r="N428365" s="10"/>
    </row>
    <row r="428366" spans="14:14">
      <c r="N428366" s="10"/>
    </row>
    <row r="428367" spans="14:14">
      <c r="N428367" s="10"/>
    </row>
    <row r="428368" spans="14:14">
      <c r="N428368" s="10"/>
    </row>
    <row r="428369" spans="14:14">
      <c r="N428369" s="10"/>
    </row>
    <row r="428370" spans="14:14">
      <c r="N428370" s="10"/>
    </row>
    <row r="428371" spans="14:14">
      <c r="N428371" s="10"/>
    </row>
    <row r="428372" spans="14:14">
      <c r="N428372" s="10"/>
    </row>
    <row r="428373" spans="14:14">
      <c r="N428373" s="10"/>
    </row>
    <row r="428374" spans="14:14">
      <c r="N428374" s="10"/>
    </row>
    <row r="428375" spans="14:14">
      <c r="N428375" s="10"/>
    </row>
    <row r="428376" spans="14:14">
      <c r="N428376" s="10"/>
    </row>
    <row r="428377" spans="14:14">
      <c r="N428377" s="10"/>
    </row>
    <row r="428378" spans="14:14">
      <c r="N428378" s="10"/>
    </row>
    <row r="428379" spans="14:14">
      <c r="N428379" s="10"/>
    </row>
    <row r="428380" spans="14:14">
      <c r="N428380" s="10"/>
    </row>
    <row r="428381" spans="14:14">
      <c r="N428381" s="10"/>
    </row>
    <row r="428382" spans="14:14">
      <c r="N428382" s="10"/>
    </row>
    <row r="428383" spans="14:14">
      <c r="N428383" s="10"/>
    </row>
    <row r="428384" spans="14:14">
      <c r="N428384" s="10"/>
    </row>
    <row r="428385" spans="14:14">
      <c r="N428385" s="10"/>
    </row>
    <row r="428386" spans="14:14">
      <c r="N428386" s="10"/>
    </row>
    <row r="428387" spans="14:14">
      <c r="N428387" s="10"/>
    </row>
    <row r="428388" spans="14:14">
      <c r="N428388" s="10"/>
    </row>
    <row r="428389" spans="14:14">
      <c r="N428389" s="10"/>
    </row>
    <row r="428390" spans="14:14">
      <c r="N428390" s="10"/>
    </row>
    <row r="428391" spans="14:14">
      <c r="N428391" s="10"/>
    </row>
    <row r="428392" spans="14:14">
      <c r="N428392" s="10"/>
    </row>
    <row r="428393" spans="14:14">
      <c r="N428393" s="10"/>
    </row>
    <row r="428394" spans="14:14">
      <c r="N428394" s="10"/>
    </row>
    <row r="428395" spans="14:14">
      <c r="N428395" s="10"/>
    </row>
    <row r="428396" spans="14:14">
      <c r="N428396" s="10"/>
    </row>
    <row r="428397" spans="14:14">
      <c r="N428397" s="10"/>
    </row>
    <row r="428398" spans="14:14">
      <c r="N428398" s="10"/>
    </row>
    <row r="428399" spans="14:14">
      <c r="N428399" s="10"/>
    </row>
    <row r="428400" spans="14:14">
      <c r="N428400" s="10"/>
    </row>
    <row r="428401" spans="14:14">
      <c r="N428401" s="10"/>
    </row>
    <row r="428402" spans="14:14">
      <c r="N428402" s="10"/>
    </row>
    <row r="428403" spans="14:14">
      <c r="N428403" s="10"/>
    </row>
    <row r="428404" spans="14:14">
      <c r="N428404" s="10"/>
    </row>
    <row r="428405" spans="14:14">
      <c r="N428405" s="10"/>
    </row>
    <row r="428406" spans="14:14">
      <c r="N428406" s="10"/>
    </row>
    <row r="428407" spans="14:14">
      <c r="N428407" s="10"/>
    </row>
    <row r="428408" spans="14:14">
      <c r="N428408" s="10"/>
    </row>
    <row r="428409" spans="14:14">
      <c r="N428409" s="10"/>
    </row>
    <row r="428410" spans="14:14">
      <c r="N428410" s="10"/>
    </row>
    <row r="428411" spans="14:14">
      <c r="N428411" s="10"/>
    </row>
    <row r="428412" spans="14:14">
      <c r="N428412" s="10"/>
    </row>
    <row r="428413" spans="14:14">
      <c r="N428413" s="10"/>
    </row>
    <row r="428414" spans="14:14">
      <c r="N428414" s="10"/>
    </row>
    <row r="428415" spans="14:14">
      <c r="N428415" s="10"/>
    </row>
    <row r="428416" spans="14:14">
      <c r="N428416" s="10"/>
    </row>
    <row r="428417" spans="14:14">
      <c r="N428417" s="10"/>
    </row>
    <row r="428418" spans="14:14">
      <c r="N428418" s="10"/>
    </row>
    <row r="428419" spans="14:14">
      <c r="N428419" s="10"/>
    </row>
    <row r="428420" spans="14:14">
      <c r="N428420" s="10"/>
    </row>
    <row r="428421" spans="14:14">
      <c r="N428421" s="10"/>
    </row>
    <row r="428422" spans="14:14">
      <c r="N428422" s="10"/>
    </row>
    <row r="428423" spans="14:14">
      <c r="N428423" s="10"/>
    </row>
    <row r="428424" spans="14:14">
      <c r="N428424" s="10"/>
    </row>
    <row r="428425" spans="14:14">
      <c r="N428425" s="10"/>
    </row>
    <row r="428426" spans="14:14">
      <c r="N428426" s="10"/>
    </row>
    <row r="428427" spans="14:14">
      <c r="N428427" s="10"/>
    </row>
    <row r="428428" spans="14:14">
      <c r="N428428" s="10"/>
    </row>
    <row r="428429" spans="14:14">
      <c r="N428429" s="10"/>
    </row>
    <row r="428430" spans="14:14">
      <c r="N428430" s="10"/>
    </row>
    <row r="428431" spans="14:14">
      <c r="N428431" s="10"/>
    </row>
    <row r="428432" spans="14:14">
      <c r="N428432" s="10"/>
    </row>
    <row r="428433" spans="14:14">
      <c r="N428433" s="10"/>
    </row>
    <row r="428434" spans="14:14">
      <c r="N428434" s="10"/>
    </row>
    <row r="428435" spans="14:14">
      <c r="N428435" s="10"/>
    </row>
    <row r="428436" spans="14:14">
      <c r="N428436" s="10"/>
    </row>
    <row r="428437" spans="14:14">
      <c r="N428437" s="10"/>
    </row>
    <row r="428438" spans="14:14">
      <c r="N428438" s="10"/>
    </row>
    <row r="428439" spans="14:14">
      <c r="N428439" s="10"/>
    </row>
    <row r="428440" spans="14:14">
      <c r="N428440" s="10"/>
    </row>
    <row r="428441" spans="14:14">
      <c r="N428441" s="10"/>
    </row>
    <row r="428442" spans="14:14">
      <c r="N428442" s="10"/>
    </row>
    <row r="428443" spans="14:14">
      <c r="N428443" s="10"/>
    </row>
    <row r="428444" spans="14:14">
      <c r="N428444" s="10"/>
    </row>
    <row r="428445" spans="14:14">
      <c r="N428445" s="10"/>
    </row>
    <row r="428446" spans="14:14">
      <c r="N428446" s="10"/>
    </row>
    <row r="428447" spans="14:14">
      <c r="N428447" s="10"/>
    </row>
    <row r="428448" spans="14:14">
      <c r="N428448" s="10"/>
    </row>
    <row r="428449" spans="14:14">
      <c r="N428449" s="10"/>
    </row>
    <row r="428450" spans="14:14">
      <c r="N428450" s="10"/>
    </row>
    <row r="428451" spans="14:14">
      <c r="N428451" s="10"/>
    </row>
    <row r="428452" spans="14:14">
      <c r="N428452" s="10"/>
    </row>
    <row r="428453" spans="14:14">
      <c r="N428453" s="10"/>
    </row>
    <row r="428454" spans="14:14">
      <c r="N428454" s="10"/>
    </row>
    <row r="428455" spans="14:14">
      <c r="N428455" s="10"/>
    </row>
    <row r="428456" spans="14:14">
      <c r="N428456" s="10"/>
    </row>
    <row r="428457" spans="14:14">
      <c r="N428457" s="10"/>
    </row>
    <row r="428458" spans="14:14">
      <c r="N428458" s="10"/>
    </row>
    <row r="428459" spans="14:14">
      <c r="N428459" s="10"/>
    </row>
    <row r="428460" spans="14:14">
      <c r="N428460" s="10"/>
    </row>
    <row r="428461" spans="14:14">
      <c r="N428461" s="10"/>
    </row>
    <row r="428462" spans="14:14">
      <c r="N428462" s="10"/>
    </row>
    <row r="428463" spans="14:14">
      <c r="N428463" s="10"/>
    </row>
    <row r="428464" spans="14:14">
      <c r="N428464" s="10"/>
    </row>
    <row r="428465" spans="14:14">
      <c r="N428465" s="10"/>
    </row>
    <row r="428466" spans="14:14">
      <c r="N428466" s="10"/>
    </row>
    <row r="428467" spans="14:14">
      <c r="N428467" s="10"/>
    </row>
    <row r="428468" spans="14:14">
      <c r="N428468" s="10"/>
    </row>
    <row r="428469" spans="14:14">
      <c r="N428469" s="10"/>
    </row>
    <row r="428470" spans="14:14">
      <c r="N428470" s="10"/>
    </row>
    <row r="428471" spans="14:14">
      <c r="N428471" s="10"/>
    </row>
    <row r="428472" spans="14:14">
      <c r="N428472" s="10"/>
    </row>
    <row r="428473" spans="14:14">
      <c r="N428473" s="10"/>
    </row>
    <row r="428474" spans="14:14">
      <c r="N428474" s="10"/>
    </row>
    <row r="428475" spans="14:14">
      <c r="N428475" s="10"/>
    </row>
    <row r="428476" spans="14:14">
      <c r="N428476" s="10"/>
    </row>
    <row r="428477" spans="14:14">
      <c r="N428477" s="10"/>
    </row>
    <row r="428478" spans="14:14">
      <c r="N428478" s="10"/>
    </row>
    <row r="428479" spans="14:14">
      <c r="N428479" s="10"/>
    </row>
    <row r="428480" spans="14:14">
      <c r="N428480" s="10"/>
    </row>
    <row r="428481" spans="14:14">
      <c r="N428481" s="10"/>
    </row>
    <row r="428482" spans="14:14">
      <c r="N428482" s="10"/>
    </row>
    <row r="428483" spans="14:14">
      <c r="N428483" s="10"/>
    </row>
    <row r="428484" spans="14:14">
      <c r="N428484" s="10"/>
    </row>
    <row r="428485" spans="14:14">
      <c r="N428485" s="10"/>
    </row>
    <row r="428486" spans="14:14">
      <c r="N428486" s="10"/>
    </row>
    <row r="428487" spans="14:14">
      <c r="N428487" s="10"/>
    </row>
    <row r="428488" spans="14:14">
      <c r="N428488" s="10"/>
    </row>
    <row r="428489" spans="14:14">
      <c r="N428489" s="10"/>
    </row>
    <row r="428490" spans="14:14">
      <c r="N428490" s="10"/>
    </row>
    <row r="428491" spans="14:14">
      <c r="N428491" s="10"/>
    </row>
    <row r="428492" spans="14:14">
      <c r="N428492" s="10"/>
    </row>
    <row r="428493" spans="14:14">
      <c r="N428493" s="10"/>
    </row>
    <row r="428494" spans="14:14">
      <c r="N428494" s="10"/>
    </row>
    <row r="428495" spans="14:14">
      <c r="N428495" s="10"/>
    </row>
    <row r="428496" spans="14:14">
      <c r="N428496" s="10"/>
    </row>
    <row r="428497" spans="14:14">
      <c r="N428497" s="10"/>
    </row>
    <row r="428498" spans="14:14">
      <c r="N428498" s="10"/>
    </row>
    <row r="428499" spans="14:14">
      <c r="N428499" s="10"/>
    </row>
    <row r="428500" spans="14:14">
      <c r="N428500" s="10"/>
    </row>
    <row r="428501" spans="14:14">
      <c r="N428501" s="10"/>
    </row>
    <row r="428502" spans="14:14">
      <c r="N428502" s="10"/>
    </row>
    <row r="428503" spans="14:14">
      <c r="N428503" s="10"/>
    </row>
    <row r="428504" spans="14:14">
      <c r="N428504" s="10"/>
    </row>
    <row r="428505" spans="14:14">
      <c r="N428505" s="10"/>
    </row>
    <row r="428506" spans="14:14">
      <c r="N428506" s="10"/>
    </row>
    <row r="428507" spans="14:14">
      <c r="N428507" s="10"/>
    </row>
    <row r="428508" spans="14:14">
      <c r="N428508" s="10"/>
    </row>
    <row r="428509" spans="14:14">
      <c r="N428509" s="10"/>
    </row>
    <row r="428510" spans="14:14">
      <c r="N428510" s="10"/>
    </row>
    <row r="428511" spans="14:14">
      <c r="N428511" s="10"/>
    </row>
    <row r="428512" spans="14:14">
      <c r="N428512" s="10"/>
    </row>
    <row r="428513" spans="14:14">
      <c r="N428513" s="10"/>
    </row>
    <row r="428514" spans="14:14">
      <c r="N428514" s="10"/>
    </row>
    <row r="428515" spans="14:14">
      <c r="N428515" s="10"/>
    </row>
    <row r="428516" spans="14:14">
      <c r="N428516" s="10"/>
    </row>
    <row r="428517" spans="14:14">
      <c r="N428517" s="10"/>
    </row>
    <row r="428518" spans="14:14">
      <c r="N428518" s="10"/>
    </row>
    <row r="428519" spans="14:14">
      <c r="N428519" s="10"/>
    </row>
    <row r="428520" spans="14:14">
      <c r="N428520" s="10"/>
    </row>
    <row r="428521" spans="14:14">
      <c r="N428521" s="10"/>
    </row>
    <row r="428522" spans="14:14">
      <c r="N428522" s="10"/>
    </row>
    <row r="428523" spans="14:14">
      <c r="N428523" s="10"/>
    </row>
    <row r="428524" spans="14:14">
      <c r="N428524" s="10"/>
    </row>
    <row r="428525" spans="14:14">
      <c r="N428525" s="10"/>
    </row>
    <row r="428526" spans="14:14">
      <c r="N428526" s="10"/>
    </row>
    <row r="428527" spans="14:14">
      <c r="N428527" s="10"/>
    </row>
    <row r="428528" spans="14:14">
      <c r="N428528" s="10"/>
    </row>
    <row r="428529" spans="14:14">
      <c r="N428529" s="10"/>
    </row>
    <row r="428530" spans="14:14">
      <c r="N428530" s="10"/>
    </row>
    <row r="428531" spans="14:14">
      <c r="N428531" s="10"/>
    </row>
    <row r="428532" spans="14:14">
      <c r="N428532" s="10"/>
    </row>
    <row r="428533" spans="14:14">
      <c r="N428533" s="10"/>
    </row>
    <row r="428534" spans="14:14">
      <c r="N428534" s="10"/>
    </row>
    <row r="428535" spans="14:14">
      <c r="N428535" s="10"/>
    </row>
    <row r="428536" spans="14:14">
      <c r="N428536" s="10"/>
    </row>
    <row r="428537" spans="14:14">
      <c r="N428537" s="10"/>
    </row>
    <row r="428538" spans="14:14">
      <c r="N428538" s="10"/>
    </row>
    <row r="428539" spans="14:14">
      <c r="N428539" s="10"/>
    </row>
    <row r="428540" spans="14:14">
      <c r="N428540" s="10"/>
    </row>
    <row r="428541" spans="14:14">
      <c r="N428541" s="10"/>
    </row>
    <row r="428542" spans="14:14">
      <c r="N428542" s="10"/>
    </row>
    <row r="428543" spans="14:14">
      <c r="N428543" s="10"/>
    </row>
    <row r="428544" spans="14:14">
      <c r="N428544" s="10"/>
    </row>
    <row r="428545" spans="14:14">
      <c r="N428545" s="10"/>
    </row>
    <row r="428546" spans="14:14">
      <c r="N428546" s="10"/>
    </row>
    <row r="428547" spans="14:14">
      <c r="N428547" s="10"/>
    </row>
    <row r="428548" spans="14:14">
      <c r="N428548" s="10"/>
    </row>
    <row r="428549" spans="14:14">
      <c r="N428549" s="10"/>
    </row>
    <row r="428550" spans="14:14">
      <c r="N428550" s="10"/>
    </row>
    <row r="428551" spans="14:14">
      <c r="N428551" s="10"/>
    </row>
    <row r="428552" spans="14:14">
      <c r="N428552" s="10"/>
    </row>
    <row r="428553" spans="14:14">
      <c r="N428553" s="10"/>
    </row>
    <row r="428554" spans="14:14">
      <c r="N428554" s="10"/>
    </row>
    <row r="428555" spans="14:14">
      <c r="N428555" s="10"/>
    </row>
    <row r="428556" spans="14:14">
      <c r="N428556" s="10"/>
    </row>
    <row r="428557" spans="14:14">
      <c r="N428557" s="10"/>
    </row>
    <row r="428558" spans="14:14">
      <c r="N428558" s="10"/>
    </row>
    <row r="428559" spans="14:14">
      <c r="N428559" s="10"/>
    </row>
    <row r="428560" spans="14:14">
      <c r="N428560" s="10"/>
    </row>
    <row r="428561" spans="14:14">
      <c r="N428561" s="10"/>
    </row>
    <row r="428562" spans="14:14">
      <c r="N428562" s="10"/>
    </row>
    <row r="428563" spans="14:14">
      <c r="N428563" s="10"/>
    </row>
    <row r="428564" spans="14:14">
      <c r="N428564" s="10"/>
    </row>
    <row r="428565" spans="14:14">
      <c r="N428565" s="10"/>
    </row>
    <row r="428566" spans="14:14">
      <c r="N428566" s="10"/>
    </row>
    <row r="428567" spans="14:14">
      <c r="N428567" s="10"/>
    </row>
    <row r="428568" spans="14:14">
      <c r="N428568" s="10"/>
    </row>
    <row r="428569" spans="14:14">
      <c r="N428569" s="10"/>
    </row>
    <row r="428570" spans="14:14">
      <c r="N428570" s="10"/>
    </row>
    <row r="428571" spans="14:14">
      <c r="N428571" s="10"/>
    </row>
    <row r="428572" spans="14:14">
      <c r="N428572" s="10"/>
    </row>
    <row r="428573" spans="14:14">
      <c r="N428573" s="10"/>
    </row>
    <row r="428574" spans="14:14">
      <c r="N428574" s="10"/>
    </row>
    <row r="428575" spans="14:14">
      <c r="N428575" s="10"/>
    </row>
    <row r="428576" spans="14:14">
      <c r="N428576" s="10"/>
    </row>
    <row r="428577" spans="14:14">
      <c r="N428577" s="10"/>
    </row>
    <row r="428578" spans="14:14">
      <c r="N428578" s="10"/>
    </row>
    <row r="428579" spans="14:14">
      <c r="N428579" s="10"/>
    </row>
    <row r="428580" spans="14:14">
      <c r="N428580" s="10"/>
    </row>
    <row r="428581" spans="14:14">
      <c r="N428581" s="10"/>
    </row>
    <row r="428582" spans="14:14">
      <c r="N428582" s="10"/>
    </row>
    <row r="428583" spans="14:14">
      <c r="N428583" s="10"/>
    </row>
    <row r="428584" spans="14:14">
      <c r="N428584" s="10"/>
    </row>
    <row r="428585" spans="14:14">
      <c r="N428585" s="10"/>
    </row>
    <row r="428586" spans="14:14">
      <c r="N428586" s="10"/>
    </row>
    <row r="428587" spans="14:14">
      <c r="N428587" s="10"/>
    </row>
    <row r="428588" spans="14:14">
      <c r="N428588" s="10"/>
    </row>
    <row r="428589" spans="14:14">
      <c r="N428589" s="10"/>
    </row>
    <row r="428590" spans="14:14">
      <c r="N428590" s="10"/>
    </row>
    <row r="428591" spans="14:14">
      <c r="N428591" s="10"/>
    </row>
    <row r="428592" spans="14:14">
      <c r="N428592" s="10"/>
    </row>
    <row r="428593" spans="14:14">
      <c r="N428593" s="10"/>
    </row>
    <row r="428594" spans="14:14">
      <c r="N428594" s="10"/>
    </row>
    <row r="428595" spans="14:14">
      <c r="N428595" s="10"/>
    </row>
    <row r="428596" spans="14:14">
      <c r="N428596" s="10"/>
    </row>
    <row r="428597" spans="14:14">
      <c r="N428597" s="10"/>
    </row>
    <row r="428598" spans="14:14">
      <c r="N428598" s="10"/>
    </row>
    <row r="428599" spans="14:14">
      <c r="N428599" s="10"/>
    </row>
    <row r="428600" spans="14:14">
      <c r="N428600" s="10"/>
    </row>
    <row r="428601" spans="14:14">
      <c r="N428601" s="10"/>
    </row>
    <row r="428602" spans="14:14">
      <c r="N428602" s="10"/>
    </row>
    <row r="428603" spans="14:14">
      <c r="N428603" s="10"/>
    </row>
    <row r="428604" spans="14:14">
      <c r="N428604" s="10"/>
    </row>
    <row r="428605" spans="14:14">
      <c r="N428605" s="10"/>
    </row>
    <row r="428606" spans="14:14">
      <c r="N428606" s="10"/>
    </row>
    <row r="428607" spans="14:14">
      <c r="N428607" s="10"/>
    </row>
    <row r="428608" spans="14:14">
      <c r="N428608" s="10"/>
    </row>
    <row r="428609" spans="14:14">
      <c r="N428609" s="10"/>
    </row>
    <row r="428610" spans="14:14">
      <c r="N428610" s="10"/>
    </row>
    <row r="428611" spans="14:14">
      <c r="N428611" s="10"/>
    </row>
    <row r="428612" spans="14:14">
      <c r="N428612" s="10"/>
    </row>
    <row r="428613" spans="14:14">
      <c r="N428613" s="10"/>
    </row>
    <row r="428614" spans="14:14">
      <c r="N428614" s="10"/>
    </row>
    <row r="428615" spans="14:14">
      <c r="N428615" s="10"/>
    </row>
    <row r="428616" spans="14:14">
      <c r="N428616" s="10"/>
    </row>
    <row r="428617" spans="14:14">
      <c r="N428617" s="10"/>
    </row>
    <row r="428618" spans="14:14">
      <c r="N428618" s="10"/>
    </row>
    <row r="428619" spans="14:14">
      <c r="N428619" s="10"/>
    </row>
    <row r="428620" spans="14:14">
      <c r="N428620" s="10"/>
    </row>
    <row r="428621" spans="14:14">
      <c r="N428621" s="10"/>
    </row>
    <row r="428622" spans="14:14">
      <c r="N428622" s="10"/>
    </row>
    <row r="428623" spans="14:14">
      <c r="N428623" s="10"/>
    </row>
    <row r="428624" spans="14:14">
      <c r="N428624" s="10"/>
    </row>
    <row r="428625" spans="14:14">
      <c r="N428625" s="10"/>
    </row>
    <row r="428626" spans="14:14">
      <c r="N428626" s="10"/>
    </row>
    <row r="428627" spans="14:14">
      <c r="N428627" s="10"/>
    </row>
    <row r="428628" spans="14:14">
      <c r="N428628" s="10"/>
    </row>
    <row r="428629" spans="14:14">
      <c r="N428629" s="10"/>
    </row>
    <row r="428630" spans="14:14">
      <c r="N428630" s="10"/>
    </row>
    <row r="428631" spans="14:14">
      <c r="N428631" s="10"/>
    </row>
    <row r="428632" spans="14:14">
      <c r="N428632" s="10"/>
    </row>
    <row r="428633" spans="14:14">
      <c r="N428633" s="10"/>
    </row>
    <row r="428634" spans="14:14">
      <c r="N428634" s="10"/>
    </row>
    <row r="428635" spans="14:14">
      <c r="N428635" s="10"/>
    </row>
    <row r="428636" spans="14:14">
      <c r="N428636" s="10"/>
    </row>
    <row r="428637" spans="14:14">
      <c r="N428637" s="10"/>
    </row>
    <row r="428638" spans="14:14">
      <c r="N428638" s="10"/>
    </row>
    <row r="428639" spans="14:14">
      <c r="N428639" s="10"/>
    </row>
    <row r="428640" spans="14:14">
      <c r="N428640" s="10"/>
    </row>
    <row r="428641" spans="14:14">
      <c r="N428641" s="10"/>
    </row>
    <row r="428642" spans="14:14">
      <c r="N428642" s="10"/>
    </row>
    <row r="428643" spans="14:14">
      <c r="N428643" s="10"/>
    </row>
    <row r="428644" spans="14:14">
      <c r="N428644" s="10"/>
    </row>
    <row r="428645" spans="14:14">
      <c r="N428645" s="10"/>
    </row>
    <row r="428646" spans="14:14">
      <c r="N428646" s="10"/>
    </row>
    <row r="428647" spans="14:14">
      <c r="N428647" s="10"/>
    </row>
    <row r="428648" spans="14:14">
      <c r="N428648" s="10"/>
    </row>
    <row r="428649" spans="14:14">
      <c r="N428649" s="10"/>
    </row>
    <row r="428650" spans="14:14">
      <c r="N428650" s="10"/>
    </row>
    <row r="428651" spans="14:14">
      <c r="N428651" s="10"/>
    </row>
    <row r="428652" spans="14:14">
      <c r="N428652" s="10"/>
    </row>
    <row r="428653" spans="14:14">
      <c r="N428653" s="10"/>
    </row>
    <row r="428654" spans="14:14">
      <c r="N428654" s="10"/>
    </row>
    <row r="428655" spans="14:14">
      <c r="N428655" s="10"/>
    </row>
    <row r="428656" spans="14:14">
      <c r="N428656" s="10"/>
    </row>
    <row r="428657" spans="14:14">
      <c r="N428657" s="10"/>
    </row>
    <row r="428658" spans="14:14">
      <c r="N428658" s="10"/>
    </row>
    <row r="428659" spans="14:14">
      <c r="N428659" s="10"/>
    </row>
    <row r="428660" spans="14:14">
      <c r="N428660" s="10"/>
    </row>
    <row r="428661" spans="14:14">
      <c r="N428661" s="10"/>
    </row>
    <row r="428662" spans="14:14">
      <c r="N428662" s="10"/>
    </row>
    <row r="428663" spans="14:14">
      <c r="N428663" s="10"/>
    </row>
    <row r="428664" spans="14:14">
      <c r="N428664" s="10"/>
    </row>
    <row r="428665" spans="14:14">
      <c r="N428665" s="10"/>
    </row>
    <row r="428666" spans="14:14">
      <c r="N428666" s="10"/>
    </row>
    <row r="428667" spans="14:14">
      <c r="N428667" s="10"/>
    </row>
    <row r="428668" spans="14:14">
      <c r="N428668" s="10"/>
    </row>
    <row r="428669" spans="14:14">
      <c r="N428669" s="10"/>
    </row>
    <row r="428670" spans="14:14">
      <c r="N428670" s="10"/>
    </row>
    <row r="428671" spans="14:14">
      <c r="N428671" s="10"/>
    </row>
    <row r="428672" spans="14:14">
      <c r="N428672" s="10"/>
    </row>
    <row r="428673" spans="14:14">
      <c r="N428673" s="10"/>
    </row>
    <row r="428674" spans="14:14">
      <c r="N428674" s="10"/>
    </row>
    <row r="428675" spans="14:14">
      <c r="N428675" s="10"/>
    </row>
    <row r="428676" spans="14:14">
      <c r="N428676" s="10"/>
    </row>
    <row r="428677" spans="14:14">
      <c r="N428677" s="10"/>
    </row>
    <row r="428678" spans="14:14">
      <c r="N428678" s="10"/>
    </row>
    <row r="428679" spans="14:14">
      <c r="N428679" s="10"/>
    </row>
    <row r="428680" spans="14:14">
      <c r="N428680" s="10"/>
    </row>
    <row r="428681" spans="14:14">
      <c r="N428681" s="10"/>
    </row>
    <row r="428682" spans="14:14">
      <c r="N428682" s="10"/>
    </row>
    <row r="428683" spans="14:14">
      <c r="N428683" s="10"/>
    </row>
    <row r="428684" spans="14:14">
      <c r="N428684" s="10"/>
    </row>
    <row r="428685" spans="14:14">
      <c r="N428685" s="10"/>
    </row>
    <row r="428686" spans="14:14">
      <c r="N428686" s="10"/>
    </row>
    <row r="428687" spans="14:14">
      <c r="N428687" s="10"/>
    </row>
    <row r="428688" spans="14:14">
      <c r="N428688" s="10"/>
    </row>
    <row r="428689" spans="14:14">
      <c r="N428689" s="10"/>
    </row>
    <row r="428690" spans="14:14">
      <c r="N428690" s="10"/>
    </row>
    <row r="428691" spans="14:14">
      <c r="N428691" s="10"/>
    </row>
    <row r="428692" spans="14:14">
      <c r="N428692" s="10"/>
    </row>
    <row r="428693" spans="14:14">
      <c r="N428693" s="10"/>
    </row>
    <row r="428694" spans="14:14">
      <c r="N428694" s="10"/>
    </row>
    <row r="428695" spans="14:14">
      <c r="N428695" s="10"/>
    </row>
    <row r="428696" spans="14:14">
      <c r="N428696" s="10"/>
    </row>
    <row r="428697" spans="14:14">
      <c r="N428697" s="10"/>
    </row>
    <row r="428698" spans="14:14">
      <c r="N428698" s="10"/>
    </row>
    <row r="428699" spans="14:14">
      <c r="N428699" s="10"/>
    </row>
    <row r="428700" spans="14:14">
      <c r="N428700" s="10"/>
    </row>
    <row r="428701" spans="14:14">
      <c r="N428701" s="10"/>
    </row>
    <row r="428702" spans="14:14">
      <c r="N428702" s="10"/>
    </row>
    <row r="428703" spans="14:14">
      <c r="N428703" s="10"/>
    </row>
    <row r="428704" spans="14:14">
      <c r="N428704" s="10"/>
    </row>
    <row r="428705" spans="14:14">
      <c r="N428705" s="10"/>
    </row>
    <row r="428706" spans="14:14">
      <c r="N428706" s="10"/>
    </row>
    <row r="428707" spans="14:14">
      <c r="N428707" s="10"/>
    </row>
    <row r="428708" spans="14:14">
      <c r="N428708" s="10"/>
    </row>
    <row r="428709" spans="14:14">
      <c r="N428709" s="10"/>
    </row>
    <row r="428710" spans="14:14">
      <c r="N428710" s="10"/>
    </row>
    <row r="428711" spans="14:14">
      <c r="N428711" s="10"/>
    </row>
    <row r="428712" spans="14:14">
      <c r="N428712" s="10"/>
    </row>
    <row r="428713" spans="14:14">
      <c r="N428713" s="10"/>
    </row>
    <row r="428714" spans="14:14">
      <c r="N428714" s="10"/>
    </row>
    <row r="428715" spans="14:14">
      <c r="N428715" s="10"/>
    </row>
    <row r="428716" spans="14:14">
      <c r="N428716" s="10"/>
    </row>
    <row r="428717" spans="14:14">
      <c r="N428717" s="10"/>
    </row>
    <row r="428718" spans="14:14">
      <c r="N428718" s="10"/>
    </row>
    <row r="428719" spans="14:14">
      <c r="N428719" s="10"/>
    </row>
    <row r="428720" spans="14:14">
      <c r="N428720" s="10"/>
    </row>
    <row r="428721" spans="14:14">
      <c r="N428721" s="10"/>
    </row>
    <row r="428722" spans="14:14">
      <c r="N428722" s="10"/>
    </row>
    <row r="428723" spans="14:14">
      <c r="N428723" s="10"/>
    </row>
    <row r="428724" spans="14:14">
      <c r="N428724" s="10"/>
    </row>
    <row r="428725" spans="14:14">
      <c r="N428725" s="10"/>
    </row>
    <row r="428726" spans="14:14">
      <c r="N428726" s="10"/>
    </row>
    <row r="428727" spans="14:14">
      <c r="N428727" s="10"/>
    </row>
    <row r="428728" spans="14:14">
      <c r="N428728" s="10"/>
    </row>
    <row r="428729" spans="14:14">
      <c r="N428729" s="10"/>
    </row>
    <row r="428730" spans="14:14">
      <c r="N428730" s="10"/>
    </row>
    <row r="428731" spans="14:14">
      <c r="N428731" s="10"/>
    </row>
    <row r="428732" spans="14:14">
      <c r="N428732" s="10"/>
    </row>
    <row r="428733" spans="14:14">
      <c r="N428733" s="10"/>
    </row>
    <row r="428734" spans="14:14">
      <c r="N428734" s="10"/>
    </row>
    <row r="428735" spans="14:14">
      <c r="N428735" s="10"/>
    </row>
    <row r="428736" spans="14:14">
      <c r="N428736" s="10"/>
    </row>
    <row r="428737" spans="14:14">
      <c r="N428737" s="10"/>
    </row>
    <row r="428738" spans="14:14">
      <c r="N428738" s="10"/>
    </row>
    <row r="428739" spans="14:14">
      <c r="N428739" s="10"/>
    </row>
    <row r="428740" spans="14:14">
      <c r="N428740" s="10"/>
    </row>
    <row r="428741" spans="14:14">
      <c r="N428741" s="10"/>
    </row>
    <row r="428742" spans="14:14">
      <c r="N428742" s="10"/>
    </row>
    <row r="428743" spans="14:14">
      <c r="N428743" s="10"/>
    </row>
    <row r="428744" spans="14:14">
      <c r="N428744" s="10"/>
    </row>
    <row r="428745" spans="14:14">
      <c r="N428745" s="10"/>
    </row>
    <row r="428746" spans="14:14">
      <c r="N428746" s="10"/>
    </row>
    <row r="428747" spans="14:14">
      <c r="N428747" s="10"/>
    </row>
    <row r="428748" spans="14:14">
      <c r="N428748" s="10"/>
    </row>
    <row r="428749" spans="14:14">
      <c r="N428749" s="10"/>
    </row>
    <row r="428750" spans="14:14">
      <c r="N428750" s="10"/>
    </row>
    <row r="428751" spans="14:14">
      <c r="N428751" s="10"/>
    </row>
    <row r="428752" spans="14:14">
      <c r="N428752" s="10"/>
    </row>
    <row r="428753" spans="14:14">
      <c r="N428753" s="10"/>
    </row>
    <row r="428754" spans="14:14">
      <c r="N428754" s="10"/>
    </row>
    <row r="428755" spans="14:14">
      <c r="N428755" s="10"/>
    </row>
    <row r="428756" spans="14:14">
      <c r="N428756" s="10"/>
    </row>
    <row r="428757" spans="14:14">
      <c r="N428757" s="10"/>
    </row>
    <row r="428758" spans="14:14">
      <c r="N428758" s="10"/>
    </row>
    <row r="428759" spans="14:14">
      <c r="N428759" s="10"/>
    </row>
    <row r="428760" spans="14:14">
      <c r="N428760" s="10"/>
    </row>
    <row r="428761" spans="14:14">
      <c r="N428761" s="10"/>
    </row>
    <row r="428762" spans="14:14">
      <c r="N428762" s="10"/>
    </row>
    <row r="428763" spans="14:14">
      <c r="N428763" s="10"/>
    </row>
    <row r="428764" spans="14:14">
      <c r="N428764" s="10"/>
    </row>
    <row r="428765" spans="14:14">
      <c r="N428765" s="10"/>
    </row>
    <row r="428766" spans="14:14">
      <c r="N428766" s="10"/>
    </row>
    <row r="428767" spans="14:14">
      <c r="N428767" s="10"/>
    </row>
    <row r="428768" spans="14:14">
      <c r="N428768" s="10"/>
    </row>
    <row r="428769" spans="14:14">
      <c r="N428769" s="10"/>
    </row>
    <row r="428770" spans="14:14">
      <c r="N428770" s="10"/>
    </row>
    <row r="428771" spans="14:14">
      <c r="N428771" s="10"/>
    </row>
    <row r="428772" spans="14:14">
      <c r="N428772" s="10"/>
    </row>
    <row r="428773" spans="14:14">
      <c r="N428773" s="10"/>
    </row>
    <row r="428774" spans="14:14">
      <c r="N428774" s="10"/>
    </row>
    <row r="428775" spans="14:14">
      <c r="N428775" s="10"/>
    </row>
    <row r="428776" spans="14:14">
      <c r="N428776" s="10"/>
    </row>
    <row r="428777" spans="14:14">
      <c r="N428777" s="10"/>
    </row>
    <row r="428778" spans="14:14">
      <c r="N428778" s="10"/>
    </row>
    <row r="428779" spans="14:14">
      <c r="N428779" s="10"/>
    </row>
    <row r="428780" spans="14:14">
      <c r="N428780" s="10"/>
    </row>
    <row r="428781" spans="14:14">
      <c r="N428781" s="10"/>
    </row>
    <row r="428782" spans="14:14">
      <c r="N428782" s="10"/>
    </row>
    <row r="428783" spans="14:14">
      <c r="N428783" s="10"/>
    </row>
    <row r="428784" spans="14:14">
      <c r="N428784" s="10"/>
    </row>
    <row r="428785" spans="14:14">
      <c r="N428785" s="10"/>
    </row>
    <row r="428786" spans="14:14">
      <c r="N428786" s="10"/>
    </row>
    <row r="428787" spans="14:14">
      <c r="N428787" s="10"/>
    </row>
    <row r="428788" spans="14:14">
      <c r="N428788" s="10"/>
    </row>
    <row r="428789" spans="14:14">
      <c r="N428789" s="10"/>
    </row>
    <row r="428790" spans="14:14">
      <c r="N428790" s="10"/>
    </row>
    <row r="428791" spans="14:14">
      <c r="N428791" s="10"/>
    </row>
    <row r="428792" spans="14:14">
      <c r="N428792" s="10"/>
    </row>
    <row r="428793" spans="14:14">
      <c r="N428793" s="10"/>
    </row>
    <row r="428794" spans="14:14">
      <c r="N428794" s="10"/>
    </row>
    <row r="428795" spans="14:14">
      <c r="N428795" s="10"/>
    </row>
    <row r="428796" spans="14:14">
      <c r="N428796" s="10"/>
    </row>
    <row r="428797" spans="14:14">
      <c r="N428797" s="10"/>
    </row>
    <row r="428798" spans="14:14">
      <c r="N428798" s="10"/>
    </row>
    <row r="428799" spans="14:14">
      <c r="N428799" s="10"/>
    </row>
    <row r="428800" spans="14:14">
      <c r="N428800" s="10"/>
    </row>
    <row r="428801" spans="14:14">
      <c r="N428801" s="10"/>
    </row>
    <row r="428802" spans="14:14">
      <c r="N428802" s="10"/>
    </row>
    <row r="428803" spans="14:14">
      <c r="N428803" s="10"/>
    </row>
    <row r="428804" spans="14:14">
      <c r="N428804" s="10"/>
    </row>
    <row r="428805" spans="14:14">
      <c r="N428805" s="10"/>
    </row>
    <row r="428806" spans="14:14">
      <c r="N428806" s="10"/>
    </row>
    <row r="428807" spans="14:14">
      <c r="N428807" s="10"/>
    </row>
    <row r="428808" spans="14:14">
      <c r="N428808" s="10"/>
    </row>
    <row r="428809" spans="14:14">
      <c r="N428809" s="10"/>
    </row>
    <row r="428810" spans="14:14">
      <c r="N428810" s="10"/>
    </row>
    <row r="428811" spans="14:14">
      <c r="N428811" s="10"/>
    </row>
    <row r="428812" spans="14:14">
      <c r="N428812" s="10"/>
    </row>
    <row r="428813" spans="14:14">
      <c r="N428813" s="10"/>
    </row>
    <row r="428814" spans="14:14">
      <c r="N428814" s="10"/>
    </row>
    <row r="428815" spans="14:14">
      <c r="N428815" s="10"/>
    </row>
    <row r="428816" spans="14:14">
      <c r="N428816" s="10"/>
    </row>
    <row r="428817" spans="14:14">
      <c r="N428817" s="10"/>
    </row>
    <row r="428818" spans="14:14">
      <c r="N428818" s="10"/>
    </row>
    <row r="428819" spans="14:14">
      <c r="N428819" s="10"/>
    </row>
    <row r="428820" spans="14:14">
      <c r="N428820" s="10"/>
    </row>
    <row r="428821" spans="14:14">
      <c r="N428821" s="10"/>
    </row>
    <row r="428822" spans="14:14">
      <c r="N428822" s="10"/>
    </row>
    <row r="428823" spans="14:14">
      <c r="N428823" s="10"/>
    </row>
    <row r="428824" spans="14:14">
      <c r="N428824" s="10"/>
    </row>
    <row r="428825" spans="14:14">
      <c r="N428825" s="10"/>
    </row>
    <row r="428826" spans="14:14">
      <c r="N428826" s="10"/>
    </row>
    <row r="428827" spans="14:14">
      <c r="N428827" s="10"/>
    </row>
    <row r="428828" spans="14:14">
      <c r="N428828" s="10"/>
    </row>
    <row r="428829" spans="14:14">
      <c r="N428829" s="10"/>
    </row>
    <row r="428830" spans="14:14">
      <c r="N428830" s="10"/>
    </row>
    <row r="428831" spans="14:14">
      <c r="N428831" s="10"/>
    </row>
    <row r="428832" spans="14:14">
      <c r="N428832" s="10"/>
    </row>
    <row r="428833" spans="14:14">
      <c r="N428833" s="10"/>
    </row>
    <row r="428834" spans="14:14">
      <c r="N428834" s="10"/>
    </row>
    <row r="428835" spans="14:14">
      <c r="N428835" s="10"/>
    </row>
    <row r="428836" spans="14:14">
      <c r="N428836" s="10"/>
    </row>
    <row r="428837" spans="14:14">
      <c r="N428837" s="10"/>
    </row>
    <row r="428838" spans="14:14">
      <c r="N428838" s="10"/>
    </row>
    <row r="428839" spans="14:14">
      <c r="N428839" s="10"/>
    </row>
    <row r="428840" spans="14:14">
      <c r="N428840" s="10"/>
    </row>
    <row r="428841" spans="14:14">
      <c r="N428841" s="10"/>
    </row>
    <row r="428842" spans="14:14">
      <c r="N428842" s="10"/>
    </row>
    <row r="428843" spans="14:14">
      <c r="N428843" s="10"/>
    </row>
    <row r="428844" spans="14:14">
      <c r="N428844" s="10"/>
    </row>
    <row r="428845" spans="14:14">
      <c r="N428845" s="10"/>
    </row>
    <row r="428846" spans="14:14">
      <c r="N428846" s="10"/>
    </row>
    <row r="428847" spans="14:14">
      <c r="N428847" s="10"/>
    </row>
    <row r="428848" spans="14:14">
      <c r="N428848" s="10"/>
    </row>
    <row r="428849" spans="14:14">
      <c r="N428849" s="10"/>
    </row>
    <row r="428850" spans="14:14">
      <c r="N428850" s="10"/>
    </row>
    <row r="428851" spans="14:14">
      <c r="N428851" s="10"/>
    </row>
    <row r="428852" spans="14:14">
      <c r="N428852" s="10"/>
    </row>
    <row r="428853" spans="14:14">
      <c r="N428853" s="10"/>
    </row>
    <row r="428854" spans="14:14">
      <c r="N428854" s="10"/>
    </row>
    <row r="428855" spans="14:14">
      <c r="N428855" s="10"/>
    </row>
    <row r="428856" spans="14:14">
      <c r="N428856" s="10"/>
    </row>
    <row r="428857" spans="14:14">
      <c r="N428857" s="10"/>
    </row>
    <row r="428858" spans="14:14">
      <c r="N428858" s="10"/>
    </row>
    <row r="428859" spans="14:14">
      <c r="N428859" s="10"/>
    </row>
    <row r="428860" spans="14:14">
      <c r="N428860" s="10"/>
    </row>
    <row r="428861" spans="14:14">
      <c r="N428861" s="10"/>
    </row>
    <row r="428862" spans="14:14">
      <c r="N428862" s="10"/>
    </row>
    <row r="428863" spans="14:14">
      <c r="N428863" s="10"/>
    </row>
    <row r="428864" spans="14:14">
      <c r="N428864" s="10"/>
    </row>
    <row r="428865" spans="14:14">
      <c r="N428865" s="10"/>
    </row>
    <row r="428866" spans="14:14">
      <c r="N428866" s="10"/>
    </row>
    <row r="428867" spans="14:14">
      <c r="N428867" s="10"/>
    </row>
    <row r="428868" spans="14:14">
      <c r="N428868" s="10"/>
    </row>
    <row r="428869" spans="14:14">
      <c r="N428869" s="10"/>
    </row>
    <row r="428870" spans="14:14">
      <c r="N428870" s="10"/>
    </row>
    <row r="428871" spans="14:14">
      <c r="N428871" s="10"/>
    </row>
    <row r="428872" spans="14:14">
      <c r="N428872" s="10"/>
    </row>
    <row r="428873" spans="14:14">
      <c r="N428873" s="10"/>
    </row>
    <row r="428874" spans="14:14">
      <c r="N428874" s="10"/>
    </row>
    <row r="428875" spans="14:14">
      <c r="N428875" s="10"/>
    </row>
    <row r="428876" spans="14:14">
      <c r="N428876" s="10"/>
    </row>
    <row r="428877" spans="14:14">
      <c r="N428877" s="10"/>
    </row>
    <row r="428878" spans="14:14">
      <c r="N428878" s="10"/>
    </row>
    <row r="428879" spans="14:14">
      <c r="N428879" s="10"/>
    </row>
    <row r="428880" spans="14:14">
      <c r="N428880" s="10"/>
    </row>
    <row r="428881" spans="14:14">
      <c r="N428881" s="10"/>
    </row>
    <row r="428882" spans="14:14">
      <c r="N428882" s="10"/>
    </row>
    <row r="428883" spans="14:14">
      <c r="N428883" s="10"/>
    </row>
    <row r="428884" spans="14:14">
      <c r="N428884" s="10"/>
    </row>
    <row r="428885" spans="14:14">
      <c r="N428885" s="10"/>
    </row>
    <row r="428886" spans="14:14">
      <c r="N428886" s="10"/>
    </row>
    <row r="428887" spans="14:14">
      <c r="N428887" s="10"/>
    </row>
    <row r="428888" spans="14:14">
      <c r="N428888" s="10"/>
    </row>
    <row r="428889" spans="14:14">
      <c r="N428889" s="10"/>
    </row>
    <row r="428890" spans="14:14">
      <c r="N428890" s="10"/>
    </row>
    <row r="428891" spans="14:14">
      <c r="N428891" s="10"/>
    </row>
    <row r="428892" spans="14:14">
      <c r="N428892" s="10"/>
    </row>
    <row r="428893" spans="14:14">
      <c r="N428893" s="10"/>
    </row>
    <row r="428894" spans="14:14">
      <c r="N428894" s="10"/>
    </row>
    <row r="428895" spans="14:14">
      <c r="N428895" s="10"/>
    </row>
    <row r="428896" spans="14:14">
      <c r="N428896" s="10"/>
    </row>
    <row r="428897" spans="14:14">
      <c r="N428897" s="10"/>
    </row>
    <row r="428898" spans="14:14">
      <c r="N428898" s="10"/>
    </row>
    <row r="428899" spans="14:14">
      <c r="N428899" s="10"/>
    </row>
    <row r="428900" spans="14:14">
      <c r="N428900" s="10"/>
    </row>
    <row r="428901" spans="14:14">
      <c r="N428901" s="10"/>
    </row>
    <row r="428902" spans="14:14">
      <c r="N428902" s="10"/>
    </row>
    <row r="428903" spans="14:14">
      <c r="N428903" s="10"/>
    </row>
    <row r="428904" spans="14:14">
      <c r="N428904" s="10"/>
    </row>
    <row r="428905" spans="14:14">
      <c r="N428905" s="10"/>
    </row>
    <row r="428906" spans="14:14">
      <c r="N428906" s="10"/>
    </row>
    <row r="428907" spans="14:14">
      <c r="N428907" s="10"/>
    </row>
    <row r="428908" spans="14:14">
      <c r="N428908" s="10"/>
    </row>
    <row r="428909" spans="14:14">
      <c r="N428909" s="10"/>
    </row>
    <row r="428910" spans="14:14">
      <c r="N428910" s="10"/>
    </row>
    <row r="428911" spans="14:14">
      <c r="N428911" s="10"/>
    </row>
    <row r="428912" spans="14:14">
      <c r="N428912" s="10"/>
    </row>
    <row r="428913" spans="14:14">
      <c r="N428913" s="10"/>
    </row>
    <row r="428914" spans="14:14">
      <c r="N428914" s="10"/>
    </row>
    <row r="428915" spans="14:14">
      <c r="N428915" s="10"/>
    </row>
    <row r="428916" spans="14:14">
      <c r="N428916" s="10"/>
    </row>
    <row r="428917" spans="14:14">
      <c r="N428917" s="10"/>
    </row>
    <row r="428918" spans="14:14">
      <c r="N428918" s="10"/>
    </row>
    <row r="428919" spans="14:14">
      <c r="N428919" s="10"/>
    </row>
    <row r="428920" spans="14:14">
      <c r="N428920" s="10"/>
    </row>
    <row r="428921" spans="14:14">
      <c r="N428921" s="10"/>
    </row>
    <row r="428922" spans="14:14">
      <c r="N428922" s="10"/>
    </row>
    <row r="428923" spans="14:14">
      <c r="N428923" s="10"/>
    </row>
    <row r="428924" spans="14:14">
      <c r="N428924" s="10"/>
    </row>
    <row r="428925" spans="14:14">
      <c r="N428925" s="10"/>
    </row>
    <row r="428926" spans="14:14">
      <c r="N428926" s="10"/>
    </row>
    <row r="428927" spans="14:14">
      <c r="N428927" s="10"/>
    </row>
    <row r="428928" spans="14:14">
      <c r="N428928" s="10"/>
    </row>
    <row r="428929" spans="14:14">
      <c r="N428929" s="10"/>
    </row>
    <row r="428930" spans="14:14">
      <c r="N428930" s="10"/>
    </row>
    <row r="428931" spans="14:14">
      <c r="N428931" s="10"/>
    </row>
    <row r="428932" spans="14:14">
      <c r="N428932" s="10"/>
    </row>
    <row r="428933" spans="14:14">
      <c r="N428933" s="10"/>
    </row>
    <row r="428934" spans="14:14">
      <c r="N428934" s="10"/>
    </row>
    <row r="428935" spans="14:14">
      <c r="N428935" s="10"/>
    </row>
    <row r="428936" spans="14:14">
      <c r="N428936" s="10"/>
    </row>
    <row r="428937" spans="14:14">
      <c r="N428937" s="10"/>
    </row>
    <row r="428938" spans="14:14">
      <c r="N428938" s="10"/>
    </row>
    <row r="428939" spans="14:14">
      <c r="N428939" s="10"/>
    </row>
    <row r="428940" spans="14:14">
      <c r="N428940" s="10"/>
    </row>
    <row r="428941" spans="14:14">
      <c r="N428941" s="10"/>
    </row>
    <row r="428942" spans="14:14">
      <c r="N428942" s="10"/>
    </row>
    <row r="428943" spans="14:14">
      <c r="N428943" s="10"/>
    </row>
    <row r="428944" spans="14:14">
      <c r="N428944" s="10"/>
    </row>
    <row r="428945" spans="14:14">
      <c r="N428945" s="10"/>
    </row>
    <row r="428946" spans="14:14">
      <c r="N428946" s="10"/>
    </row>
    <row r="428947" spans="14:14">
      <c r="N428947" s="10"/>
    </row>
    <row r="428948" spans="14:14">
      <c r="N428948" s="10"/>
    </row>
    <row r="428949" spans="14:14">
      <c r="N428949" s="10"/>
    </row>
    <row r="428950" spans="14:14">
      <c r="N428950" s="10"/>
    </row>
    <row r="428951" spans="14:14">
      <c r="N428951" s="10"/>
    </row>
    <row r="428952" spans="14:14">
      <c r="N428952" s="10"/>
    </row>
    <row r="428953" spans="14:14">
      <c r="N428953" s="10"/>
    </row>
    <row r="428954" spans="14:14">
      <c r="N428954" s="10"/>
    </row>
    <row r="428955" spans="14:14">
      <c r="N428955" s="10"/>
    </row>
    <row r="428956" spans="14:14">
      <c r="N428956" s="10"/>
    </row>
    <row r="428957" spans="14:14">
      <c r="N428957" s="10"/>
    </row>
    <row r="428958" spans="14:14">
      <c r="N428958" s="10"/>
    </row>
    <row r="428959" spans="14:14">
      <c r="N428959" s="10"/>
    </row>
    <row r="428960" spans="14:14">
      <c r="N428960" s="10"/>
    </row>
    <row r="428961" spans="14:14">
      <c r="N428961" s="10"/>
    </row>
    <row r="428962" spans="14:14">
      <c r="N428962" s="10"/>
    </row>
    <row r="428963" spans="14:14">
      <c r="N428963" s="10"/>
    </row>
    <row r="428964" spans="14:14">
      <c r="N428964" s="10"/>
    </row>
    <row r="428965" spans="14:14">
      <c r="N428965" s="10"/>
    </row>
    <row r="428966" spans="14:14">
      <c r="N428966" s="10"/>
    </row>
    <row r="428967" spans="14:14">
      <c r="N428967" s="10"/>
    </row>
    <row r="428968" spans="14:14">
      <c r="N428968" s="10"/>
    </row>
    <row r="428969" spans="14:14">
      <c r="N428969" s="10"/>
    </row>
    <row r="428970" spans="14:14">
      <c r="N428970" s="10"/>
    </row>
    <row r="428971" spans="14:14">
      <c r="N428971" s="10"/>
    </row>
    <row r="428972" spans="14:14">
      <c r="N428972" s="10"/>
    </row>
    <row r="428973" spans="14:14">
      <c r="N428973" s="10"/>
    </row>
    <row r="428974" spans="14:14">
      <c r="N428974" s="10"/>
    </row>
    <row r="428975" spans="14:14">
      <c r="N428975" s="10"/>
    </row>
    <row r="428976" spans="14:14">
      <c r="N428976" s="10"/>
    </row>
    <row r="428977" spans="14:14">
      <c r="N428977" s="10"/>
    </row>
    <row r="428978" spans="14:14">
      <c r="N428978" s="10"/>
    </row>
    <row r="428979" spans="14:14">
      <c r="N428979" s="10"/>
    </row>
    <row r="428980" spans="14:14">
      <c r="N428980" s="10"/>
    </row>
    <row r="428981" spans="14:14">
      <c r="N428981" s="10"/>
    </row>
    <row r="428982" spans="14:14">
      <c r="N428982" s="10"/>
    </row>
    <row r="428983" spans="14:14">
      <c r="N428983" s="10"/>
    </row>
    <row r="428984" spans="14:14">
      <c r="N428984" s="10"/>
    </row>
    <row r="428985" spans="14:14">
      <c r="N428985" s="10"/>
    </row>
    <row r="428986" spans="14:14">
      <c r="N428986" s="10"/>
    </row>
    <row r="428987" spans="14:14">
      <c r="N428987" s="10"/>
    </row>
    <row r="428988" spans="14:14">
      <c r="N428988" s="10"/>
    </row>
    <row r="428989" spans="14:14">
      <c r="N428989" s="10"/>
    </row>
    <row r="428990" spans="14:14">
      <c r="N428990" s="10"/>
    </row>
    <row r="428991" spans="14:14">
      <c r="N428991" s="10"/>
    </row>
    <row r="428992" spans="14:14">
      <c r="N428992" s="10"/>
    </row>
    <row r="428993" spans="14:14">
      <c r="N428993" s="10"/>
    </row>
    <row r="428994" spans="14:14">
      <c r="N428994" s="10"/>
    </row>
    <row r="428995" spans="14:14">
      <c r="N428995" s="10"/>
    </row>
    <row r="428996" spans="14:14">
      <c r="N428996" s="10"/>
    </row>
    <row r="428997" spans="14:14">
      <c r="N428997" s="10"/>
    </row>
    <row r="428998" spans="14:14">
      <c r="N428998" s="10"/>
    </row>
    <row r="428999" spans="14:14">
      <c r="N428999" s="10"/>
    </row>
    <row r="429000" spans="14:14">
      <c r="N429000" s="10"/>
    </row>
    <row r="429001" spans="14:14">
      <c r="N429001" s="10"/>
    </row>
    <row r="429002" spans="14:14">
      <c r="N429002" s="10"/>
    </row>
    <row r="429003" spans="14:14">
      <c r="N429003" s="10"/>
    </row>
    <row r="429004" spans="14:14">
      <c r="N429004" s="10"/>
    </row>
    <row r="429005" spans="14:14">
      <c r="N429005" s="10"/>
    </row>
    <row r="429006" spans="14:14">
      <c r="N429006" s="10"/>
    </row>
    <row r="429007" spans="14:14">
      <c r="N429007" s="10"/>
    </row>
    <row r="429008" spans="14:14">
      <c r="N429008" s="10"/>
    </row>
    <row r="429009" spans="14:14">
      <c r="N429009" s="10"/>
    </row>
    <row r="429010" spans="14:14">
      <c r="N429010" s="10"/>
    </row>
    <row r="429011" spans="14:14">
      <c r="N429011" s="10"/>
    </row>
    <row r="429012" spans="14:14">
      <c r="N429012" s="10"/>
    </row>
    <row r="429013" spans="14:14">
      <c r="N429013" s="10"/>
    </row>
    <row r="429014" spans="14:14">
      <c r="N429014" s="10"/>
    </row>
    <row r="429015" spans="14:14">
      <c r="N429015" s="10"/>
    </row>
    <row r="429016" spans="14:14">
      <c r="N429016" s="10"/>
    </row>
    <row r="429017" spans="14:14">
      <c r="N429017" s="10"/>
    </row>
    <row r="429018" spans="14:14">
      <c r="N429018" s="10"/>
    </row>
    <row r="429019" spans="14:14">
      <c r="N429019" s="10"/>
    </row>
    <row r="429020" spans="14:14">
      <c r="N429020" s="10"/>
    </row>
    <row r="429021" spans="14:14">
      <c r="N429021" s="10"/>
    </row>
    <row r="429022" spans="14:14">
      <c r="N429022" s="10"/>
    </row>
    <row r="429023" spans="14:14">
      <c r="N429023" s="10"/>
    </row>
    <row r="429024" spans="14:14">
      <c r="N429024" s="10"/>
    </row>
    <row r="429025" spans="14:14">
      <c r="N429025" s="10"/>
    </row>
    <row r="429026" spans="14:14">
      <c r="N429026" s="10"/>
    </row>
    <row r="429027" spans="14:14">
      <c r="N429027" s="10"/>
    </row>
    <row r="429028" spans="14:14">
      <c r="N429028" s="10"/>
    </row>
    <row r="429029" spans="14:14">
      <c r="N429029" s="10"/>
    </row>
    <row r="429030" spans="14:14">
      <c r="N429030" s="10"/>
    </row>
    <row r="429031" spans="14:14">
      <c r="N429031" s="10"/>
    </row>
    <row r="429032" spans="14:14">
      <c r="N429032" s="10"/>
    </row>
    <row r="429033" spans="14:14">
      <c r="N429033" s="10"/>
    </row>
    <row r="429034" spans="14:14">
      <c r="N429034" s="10"/>
    </row>
    <row r="429035" spans="14:14">
      <c r="N429035" s="10"/>
    </row>
    <row r="429036" spans="14:14">
      <c r="N429036" s="10"/>
    </row>
    <row r="429037" spans="14:14">
      <c r="N429037" s="10"/>
    </row>
    <row r="429038" spans="14:14">
      <c r="N429038" s="10"/>
    </row>
    <row r="429039" spans="14:14">
      <c r="N429039" s="10"/>
    </row>
    <row r="429040" spans="14:14">
      <c r="N429040" s="10"/>
    </row>
    <row r="429041" spans="14:14">
      <c r="N429041" s="10"/>
    </row>
    <row r="429042" spans="14:14">
      <c r="N429042" s="10"/>
    </row>
    <row r="429043" spans="14:14">
      <c r="N429043" s="10"/>
    </row>
    <row r="429044" spans="14:14">
      <c r="N429044" s="10"/>
    </row>
    <row r="429045" spans="14:14">
      <c r="N429045" s="10"/>
    </row>
    <row r="429046" spans="14:14">
      <c r="N429046" s="10"/>
    </row>
    <row r="429047" spans="14:14">
      <c r="N429047" s="10"/>
    </row>
    <row r="429048" spans="14:14">
      <c r="N429048" s="10"/>
    </row>
    <row r="429049" spans="14:14">
      <c r="N429049" s="10"/>
    </row>
    <row r="429050" spans="14:14">
      <c r="N429050" s="10"/>
    </row>
    <row r="429051" spans="14:14">
      <c r="N429051" s="10"/>
    </row>
    <row r="429052" spans="14:14">
      <c r="N429052" s="10"/>
    </row>
    <row r="429053" spans="14:14">
      <c r="N429053" s="10"/>
    </row>
    <row r="429054" spans="14:14">
      <c r="N429054" s="10"/>
    </row>
    <row r="429055" spans="14:14">
      <c r="N429055" s="10"/>
    </row>
    <row r="429056" spans="14:14">
      <c r="N429056" s="10"/>
    </row>
    <row r="429057" spans="14:14">
      <c r="N429057" s="10"/>
    </row>
    <row r="429058" spans="14:14">
      <c r="N429058" s="10"/>
    </row>
    <row r="429059" spans="14:14">
      <c r="N429059" s="10"/>
    </row>
    <row r="429060" spans="14:14">
      <c r="N429060" s="10"/>
    </row>
    <row r="429061" spans="14:14">
      <c r="N429061" s="10"/>
    </row>
    <row r="429062" spans="14:14">
      <c r="N429062" s="10"/>
    </row>
    <row r="429063" spans="14:14">
      <c r="N429063" s="10"/>
    </row>
    <row r="429064" spans="14:14">
      <c r="N429064" s="10"/>
    </row>
    <row r="429065" spans="14:14">
      <c r="N429065" s="10"/>
    </row>
    <row r="429066" spans="14:14">
      <c r="N429066" s="10"/>
    </row>
    <row r="429067" spans="14:14">
      <c r="N429067" s="10"/>
    </row>
    <row r="429068" spans="14:14">
      <c r="N429068" s="10"/>
    </row>
    <row r="429069" spans="14:14">
      <c r="N429069" s="10"/>
    </row>
    <row r="429070" spans="14:14">
      <c r="N429070" s="10"/>
    </row>
    <row r="429071" spans="14:14">
      <c r="N429071" s="10"/>
    </row>
    <row r="429072" spans="14:14">
      <c r="N429072" s="10"/>
    </row>
    <row r="429073" spans="14:14">
      <c r="N429073" s="10"/>
    </row>
    <row r="429074" spans="14:14">
      <c r="N429074" s="10"/>
    </row>
    <row r="429075" spans="14:14">
      <c r="N429075" s="10"/>
    </row>
    <row r="429076" spans="14:14">
      <c r="N429076" s="10"/>
    </row>
    <row r="429077" spans="14:14">
      <c r="N429077" s="10"/>
    </row>
    <row r="429078" spans="14:14">
      <c r="N429078" s="10"/>
    </row>
    <row r="429079" spans="14:14">
      <c r="N429079" s="10"/>
    </row>
    <row r="429080" spans="14:14">
      <c r="N429080" s="10"/>
    </row>
    <row r="429081" spans="14:14">
      <c r="N429081" s="10"/>
    </row>
    <row r="429082" spans="14:14">
      <c r="N429082" s="10"/>
    </row>
    <row r="429083" spans="14:14">
      <c r="N429083" s="10"/>
    </row>
    <row r="429084" spans="14:14">
      <c r="N429084" s="10"/>
    </row>
    <row r="429085" spans="14:14">
      <c r="N429085" s="10"/>
    </row>
    <row r="429086" spans="14:14">
      <c r="N429086" s="10"/>
    </row>
    <row r="429087" spans="14:14">
      <c r="N429087" s="10"/>
    </row>
    <row r="429088" spans="14:14">
      <c r="N429088" s="10"/>
    </row>
    <row r="429089" spans="14:14">
      <c r="N429089" s="10"/>
    </row>
    <row r="429090" spans="14:14">
      <c r="N429090" s="10"/>
    </row>
    <row r="429091" spans="14:14">
      <c r="N429091" s="10"/>
    </row>
    <row r="429092" spans="14:14">
      <c r="N429092" s="10"/>
    </row>
    <row r="429093" spans="14:14">
      <c r="N429093" s="10"/>
    </row>
    <row r="429094" spans="14:14">
      <c r="N429094" s="10"/>
    </row>
    <row r="429095" spans="14:14">
      <c r="N429095" s="10"/>
    </row>
    <row r="429096" spans="14:14">
      <c r="N429096" s="10"/>
    </row>
    <row r="429097" spans="14:14">
      <c r="N429097" s="10"/>
    </row>
    <row r="429098" spans="14:14">
      <c r="N429098" s="10"/>
    </row>
    <row r="429099" spans="14:14">
      <c r="N429099" s="10"/>
    </row>
    <row r="429100" spans="14:14">
      <c r="N429100" s="10"/>
    </row>
    <row r="429101" spans="14:14">
      <c r="N429101" s="10"/>
    </row>
    <row r="429102" spans="14:14">
      <c r="N429102" s="10"/>
    </row>
    <row r="429103" spans="14:14">
      <c r="N429103" s="10"/>
    </row>
    <row r="429104" spans="14:14">
      <c r="N429104" s="10"/>
    </row>
    <row r="429105" spans="14:14">
      <c r="N429105" s="10"/>
    </row>
    <row r="429106" spans="14:14">
      <c r="N429106" s="10"/>
    </row>
    <row r="429107" spans="14:14">
      <c r="N429107" s="10"/>
    </row>
    <row r="429108" spans="14:14">
      <c r="N429108" s="10"/>
    </row>
    <row r="429109" spans="14:14">
      <c r="N429109" s="10"/>
    </row>
    <row r="429110" spans="14:14">
      <c r="N429110" s="10"/>
    </row>
    <row r="429111" spans="14:14">
      <c r="N429111" s="10"/>
    </row>
    <row r="429112" spans="14:14">
      <c r="N429112" s="10"/>
    </row>
    <row r="429113" spans="14:14">
      <c r="N429113" s="10"/>
    </row>
    <row r="429114" spans="14:14">
      <c r="N429114" s="10"/>
    </row>
    <row r="429115" spans="14:14">
      <c r="N429115" s="10"/>
    </row>
    <row r="429116" spans="14:14">
      <c r="N429116" s="10"/>
    </row>
    <row r="429117" spans="14:14">
      <c r="N429117" s="10"/>
    </row>
    <row r="429118" spans="14:14">
      <c r="N429118" s="10"/>
    </row>
    <row r="429119" spans="14:14">
      <c r="N429119" s="10"/>
    </row>
    <row r="429120" spans="14:14">
      <c r="N429120" s="10"/>
    </row>
    <row r="429121" spans="14:14">
      <c r="N429121" s="10"/>
    </row>
    <row r="429122" spans="14:14">
      <c r="N429122" s="10"/>
    </row>
    <row r="429123" spans="14:14">
      <c r="N429123" s="10"/>
    </row>
    <row r="429124" spans="14:14">
      <c r="N429124" s="10"/>
    </row>
    <row r="429125" spans="14:14">
      <c r="N429125" s="10"/>
    </row>
    <row r="429126" spans="14:14">
      <c r="N429126" s="10"/>
    </row>
    <row r="429127" spans="14:14">
      <c r="N429127" s="10"/>
    </row>
    <row r="429128" spans="14:14">
      <c r="N429128" s="10"/>
    </row>
    <row r="429129" spans="14:14">
      <c r="N429129" s="10"/>
    </row>
    <row r="429130" spans="14:14">
      <c r="N429130" s="10"/>
    </row>
    <row r="429131" spans="14:14">
      <c r="N429131" s="10"/>
    </row>
    <row r="429132" spans="14:14">
      <c r="N429132" s="10"/>
    </row>
    <row r="429133" spans="14:14">
      <c r="N429133" s="10"/>
    </row>
    <row r="429134" spans="14:14">
      <c r="N429134" s="10"/>
    </row>
    <row r="429135" spans="14:14">
      <c r="N429135" s="10"/>
    </row>
    <row r="429136" spans="14:14">
      <c r="N429136" s="10"/>
    </row>
    <row r="429137" spans="14:14">
      <c r="N429137" s="10"/>
    </row>
    <row r="429138" spans="14:14">
      <c r="N429138" s="10"/>
    </row>
    <row r="429139" spans="14:14">
      <c r="N429139" s="10"/>
    </row>
    <row r="429140" spans="14:14">
      <c r="N429140" s="10"/>
    </row>
    <row r="429141" spans="14:14">
      <c r="N429141" s="10"/>
    </row>
    <row r="429142" spans="14:14">
      <c r="N429142" s="10"/>
    </row>
    <row r="429143" spans="14:14">
      <c r="N429143" s="10"/>
    </row>
    <row r="429144" spans="14:14">
      <c r="N429144" s="10"/>
    </row>
    <row r="429145" spans="14:14">
      <c r="N429145" s="10"/>
    </row>
    <row r="429146" spans="14:14">
      <c r="N429146" s="10"/>
    </row>
    <row r="429147" spans="14:14">
      <c r="N429147" s="10"/>
    </row>
    <row r="429148" spans="14:14">
      <c r="N429148" s="10"/>
    </row>
    <row r="429149" spans="14:14">
      <c r="N429149" s="10"/>
    </row>
    <row r="429150" spans="14:14">
      <c r="N429150" s="10"/>
    </row>
    <row r="429151" spans="14:14">
      <c r="N429151" s="10"/>
    </row>
    <row r="429152" spans="14:14">
      <c r="N429152" s="10"/>
    </row>
    <row r="429153" spans="14:14">
      <c r="N429153" s="10"/>
    </row>
    <row r="429154" spans="14:14">
      <c r="N429154" s="10"/>
    </row>
    <row r="429155" spans="14:14">
      <c r="N429155" s="10"/>
    </row>
    <row r="429156" spans="14:14">
      <c r="N429156" s="10"/>
    </row>
    <row r="429157" spans="14:14">
      <c r="N429157" s="10"/>
    </row>
    <row r="429158" spans="14:14">
      <c r="N429158" s="10"/>
    </row>
    <row r="429159" spans="14:14">
      <c r="N429159" s="10"/>
    </row>
    <row r="429160" spans="14:14">
      <c r="N429160" s="10"/>
    </row>
    <row r="429161" spans="14:14">
      <c r="N429161" s="10"/>
    </row>
    <row r="429162" spans="14:14">
      <c r="N429162" s="10"/>
    </row>
    <row r="429163" spans="14:14">
      <c r="N429163" s="10"/>
    </row>
    <row r="429164" spans="14:14">
      <c r="N429164" s="10"/>
    </row>
    <row r="429165" spans="14:14">
      <c r="N429165" s="10"/>
    </row>
    <row r="429166" spans="14:14">
      <c r="N429166" s="10"/>
    </row>
    <row r="429167" spans="14:14">
      <c r="N429167" s="10"/>
    </row>
    <row r="429168" spans="14:14">
      <c r="N429168" s="10"/>
    </row>
    <row r="429169" spans="14:14">
      <c r="N429169" s="10"/>
    </row>
    <row r="429170" spans="14:14">
      <c r="N429170" s="10"/>
    </row>
    <row r="429171" spans="14:14">
      <c r="N429171" s="10"/>
    </row>
    <row r="429172" spans="14:14">
      <c r="N429172" s="10"/>
    </row>
    <row r="429173" spans="14:14">
      <c r="N429173" s="10"/>
    </row>
    <row r="429174" spans="14:14">
      <c r="N429174" s="10"/>
    </row>
    <row r="429175" spans="14:14">
      <c r="N429175" s="10"/>
    </row>
    <row r="429176" spans="14:14">
      <c r="N429176" s="10"/>
    </row>
    <row r="429177" spans="14:14">
      <c r="N429177" s="10"/>
    </row>
    <row r="429178" spans="14:14">
      <c r="N429178" s="10"/>
    </row>
    <row r="429179" spans="14:14">
      <c r="N429179" s="10"/>
    </row>
    <row r="429180" spans="14:14">
      <c r="N429180" s="10"/>
    </row>
    <row r="429181" spans="14:14">
      <c r="N429181" s="10"/>
    </row>
    <row r="429182" spans="14:14">
      <c r="N429182" s="10"/>
    </row>
    <row r="429183" spans="14:14">
      <c r="N429183" s="10"/>
    </row>
    <row r="429184" spans="14:14">
      <c r="N429184" s="10"/>
    </row>
    <row r="429185" spans="14:14">
      <c r="N429185" s="10"/>
    </row>
    <row r="429186" spans="14:14">
      <c r="N429186" s="10"/>
    </row>
    <row r="429187" spans="14:14">
      <c r="N429187" s="10"/>
    </row>
    <row r="429188" spans="14:14">
      <c r="N429188" s="10"/>
    </row>
    <row r="429189" spans="14:14">
      <c r="N429189" s="10"/>
    </row>
    <row r="429190" spans="14:14">
      <c r="N429190" s="10"/>
    </row>
    <row r="429191" spans="14:14">
      <c r="N429191" s="10"/>
    </row>
    <row r="429192" spans="14:14">
      <c r="N429192" s="10"/>
    </row>
    <row r="429193" spans="14:14">
      <c r="N429193" s="10"/>
    </row>
    <row r="429194" spans="14:14">
      <c r="N429194" s="10"/>
    </row>
    <row r="429195" spans="14:14">
      <c r="N429195" s="10"/>
    </row>
    <row r="429196" spans="14:14">
      <c r="N429196" s="10"/>
    </row>
    <row r="429197" spans="14:14">
      <c r="N429197" s="10"/>
    </row>
    <row r="429198" spans="14:14">
      <c r="N429198" s="10"/>
    </row>
    <row r="429199" spans="14:14">
      <c r="N429199" s="10"/>
    </row>
    <row r="429200" spans="14:14">
      <c r="N429200" s="10"/>
    </row>
    <row r="429201" spans="14:14">
      <c r="N429201" s="10"/>
    </row>
    <row r="429202" spans="14:14">
      <c r="N429202" s="10"/>
    </row>
    <row r="429203" spans="14:14">
      <c r="N429203" s="10"/>
    </row>
    <row r="429204" spans="14:14">
      <c r="N429204" s="10"/>
    </row>
    <row r="429205" spans="14:14">
      <c r="N429205" s="10"/>
    </row>
    <row r="429206" spans="14:14">
      <c r="N429206" s="10"/>
    </row>
    <row r="429207" spans="14:14">
      <c r="N429207" s="10"/>
    </row>
    <row r="429208" spans="14:14">
      <c r="N429208" s="10"/>
    </row>
    <row r="429209" spans="14:14">
      <c r="N429209" s="10"/>
    </row>
    <row r="429210" spans="14:14">
      <c r="N429210" s="10"/>
    </row>
    <row r="429211" spans="14:14">
      <c r="N429211" s="10"/>
    </row>
    <row r="429212" spans="14:14">
      <c r="N429212" s="10"/>
    </row>
    <row r="429213" spans="14:14">
      <c r="N429213" s="10"/>
    </row>
    <row r="429214" spans="14:14">
      <c r="N429214" s="10"/>
    </row>
    <row r="429215" spans="14:14">
      <c r="N429215" s="10"/>
    </row>
    <row r="429216" spans="14:14">
      <c r="N429216" s="10"/>
    </row>
    <row r="429217" spans="14:14">
      <c r="N429217" s="10"/>
    </row>
    <row r="429218" spans="14:14">
      <c r="N429218" s="10"/>
    </row>
    <row r="429219" spans="14:14">
      <c r="N429219" s="10"/>
    </row>
    <row r="429220" spans="14:14">
      <c r="N429220" s="10"/>
    </row>
    <row r="429221" spans="14:14">
      <c r="N429221" s="10"/>
    </row>
    <row r="429222" spans="14:14">
      <c r="N429222" s="10"/>
    </row>
    <row r="429223" spans="14:14">
      <c r="N429223" s="10"/>
    </row>
    <row r="429224" spans="14:14">
      <c r="N429224" s="10"/>
    </row>
    <row r="429225" spans="14:14">
      <c r="N429225" s="10"/>
    </row>
    <row r="429226" spans="14:14">
      <c r="N429226" s="10"/>
    </row>
    <row r="429227" spans="14:14">
      <c r="N429227" s="10"/>
    </row>
    <row r="429228" spans="14:14">
      <c r="N429228" s="10"/>
    </row>
    <row r="429229" spans="14:14">
      <c r="N429229" s="10"/>
    </row>
    <row r="429230" spans="14:14">
      <c r="N429230" s="10"/>
    </row>
    <row r="429231" spans="14:14">
      <c r="N429231" s="10"/>
    </row>
    <row r="429232" spans="14:14">
      <c r="N429232" s="10"/>
    </row>
    <row r="429233" spans="14:14">
      <c r="N429233" s="10"/>
    </row>
    <row r="429234" spans="14:14">
      <c r="N429234" s="10"/>
    </row>
    <row r="429235" spans="14:14">
      <c r="N429235" s="10"/>
    </row>
    <row r="429236" spans="14:14">
      <c r="N429236" s="10"/>
    </row>
    <row r="429237" spans="14:14">
      <c r="N429237" s="10"/>
    </row>
    <row r="429238" spans="14:14">
      <c r="N429238" s="10"/>
    </row>
    <row r="429239" spans="14:14">
      <c r="N429239" s="10"/>
    </row>
    <row r="429240" spans="14:14">
      <c r="N429240" s="10"/>
    </row>
    <row r="429241" spans="14:14">
      <c r="N429241" s="10"/>
    </row>
    <row r="429242" spans="14:14">
      <c r="N429242" s="10"/>
    </row>
    <row r="429243" spans="14:14">
      <c r="N429243" s="10"/>
    </row>
    <row r="429244" spans="14:14">
      <c r="N429244" s="10"/>
    </row>
    <row r="429245" spans="14:14">
      <c r="N429245" s="10"/>
    </row>
    <row r="429246" spans="14:14">
      <c r="N429246" s="10"/>
    </row>
    <row r="429247" spans="14:14">
      <c r="N429247" s="10"/>
    </row>
    <row r="429248" spans="14:14">
      <c r="N429248" s="10"/>
    </row>
    <row r="429249" spans="14:14">
      <c r="N429249" s="10"/>
    </row>
    <row r="429250" spans="14:14">
      <c r="N429250" s="10"/>
    </row>
    <row r="429251" spans="14:14">
      <c r="N429251" s="10"/>
    </row>
    <row r="429252" spans="14:14">
      <c r="N429252" s="10"/>
    </row>
    <row r="429253" spans="14:14">
      <c r="N429253" s="10"/>
    </row>
    <row r="429254" spans="14:14">
      <c r="N429254" s="10"/>
    </row>
    <row r="429255" spans="14:14">
      <c r="N429255" s="10"/>
    </row>
    <row r="429256" spans="14:14">
      <c r="N429256" s="10"/>
    </row>
    <row r="429257" spans="14:14">
      <c r="N429257" s="10"/>
    </row>
    <row r="429258" spans="14:14">
      <c r="N429258" s="10"/>
    </row>
    <row r="429259" spans="14:14">
      <c r="N429259" s="10"/>
    </row>
    <row r="429260" spans="14:14">
      <c r="N429260" s="10"/>
    </row>
    <row r="429261" spans="14:14">
      <c r="N429261" s="10"/>
    </row>
    <row r="429262" spans="14:14">
      <c r="N429262" s="10"/>
    </row>
    <row r="429263" spans="14:14">
      <c r="N429263" s="10"/>
    </row>
    <row r="429264" spans="14:14">
      <c r="N429264" s="10"/>
    </row>
    <row r="429265" spans="14:14">
      <c r="N429265" s="10"/>
    </row>
    <row r="429266" spans="14:14">
      <c r="N429266" s="10"/>
    </row>
    <row r="429267" spans="14:14">
      <c r="N429267" s="10"/>
    </row>
    <row r="429268" spans="14:14">
      <c r="N429268" s="10"/>
    </row>
    <row r="429269" spans="14:14">
      <c r="N429269" s="10"/>
    </row>
    <row r="429270" spans="14:14">
      <c r="N429270" s="10"/>
    </row>
    <row r="429271" spans="14:14">
      <c r="N429271" s="10"/>
    </row>
    <row r="429272" spans="14:14">
      <c r="N429272" s="10"/>
    </row>
    <row r="429273" spans="14:14">
      <c r="N429273" s="10"/>
    </row>
    <row r="429274" spans="14:14">
      <c r="N429274" s="10"/>
    </row>
    <row r="429275" spans="14:14">
      <c r="N429275" s="10"/>
    </row>
    <row r="429276" spans="14:14">
      <c r="N429276" s="10"/>
    </row>
    <row r="429277" spans="14:14">
      <c r="N429277" s="10"/>
    </row>
    <row r="429278" spans="14:14">
      <c r="N429278" s="10"/>
    </row>
    <row r="429279" spans="14:14">
      <c r="N429279" s="10"/>
    </row>
    <row r="429280" spans="14:14">
      <c r="N429280" s="10"/>
    </row>
    <row r="429281" spans="14:14">
      <c r="N429281" s="10"/>
    </row>
    <row r="429282" spans="14:14">
      <c r="N429282" s="10"/>
    </row>
    <row r="429283" spans="14:14">
      <c r="N429283" s="10"/>
    </row>
    <row r="429284" spans="14:14">
      <c r="N429284" s="10"/>
    </row>
    <row r="429285" spans="14:14">
      <c r="N429285" s="10"/>
    </row>
    <row r="429286" spans="14:14">
      <c r="N429286" s="10"/>
    </row>
    <row r="429287" spans="14:14">
      <c r="N429287" s="10"/>
    </row>
    <row r="429288" spans="14:14">
      <c r="N429288" s="10"/>
    </row>
    <row r="429289" spans="14:14">
      <c r="N429289" s="10"/>
    </row>
    <row r="429290" spans="14:14">
      <c r="N429290" s="10"/>
    </row>
    <row r="429291" spans="14:14">
      <c r="N429291" s="10"/>
    </row>
    <row r="429292" spans="14:14">
      <c r="N429292" s="10"/>
    </row>
    <row r="429293" spans="14:14">
      <c r="N429293" s="10"/>
    </row>
    <row r="429294" spans="14:14">
      <c r="N429294" s="10"/>
    </row>
    <row r="429295" spans="14:14">
      <c r="N429295" s="10"/>
    </row>
    <row r="429296" spans="14:14">
      <c r="N429296" s="10"/>
    </row>
    <row r="429297" spans="14:14">
      <c r="N429297" s="10"/>
    </row>
    <row r="429298" spans="14:14">
      <c r="N429298" s="10"/>
    </row>
    <row r="429299" spans="14:14">
      <c r="N429299" s="10"/>
    </row>
    <row r="429300" spans="14:14">
      <c r="N429300" s="10"/>
    </row>
    <row r="429301" spans="14:14">
      <c r="N429301" s="10"/>
    </row>
    <row r="429302" spans="14:14">
      <c r="N429302" s="10"/>
    </row>
    <row r="429303" spans="14:14">
      <c r="N429303" s="10"/>
    </row>
    <row r="429304" spans="14:14">
      <c r="N429304" s="10"/>
    </row>
    <row r="429305" spans="14:14">
      <c r="N429305" s="10"/>
    </row>
    <row r="429306" spans="14:14">
      <c r="N429306" s="10"/>
    </row>
    <row r="429307" spans="14:14">
      <c r="N429307" s="10"/>
    </row>
    <row r="429308" spans="14:14">
      <c r="N429308" s="10"/>
    </row>
    <row r="429309" spans="14:14">
      <c r="N429309" s="10"/>
    </row>
    <row r="429310" spans="14:14">
      <c r="N429310" s="10"/>
    </row>
    <row r="429311" spans="14:14">
      <c r="N429311" s="10"/>
    </row>
    <row r="429312" spans="14:14">
      <c r="N429312" s="10"/>
    </row>
    <row r="429313" spans="14:14">
      <c r="N429313" s="10"/>
    </row>
    <row r="429314" spans="14:14">
      <c r="N429314" s="10"/>
    </row>
    <row r="429315" spans="14:14">
      <c r="N429315" s="10"/>
    </row>
    <row r="429316" spans="14:14">
      <c r="N429316" s="10"/>
    </row>
    <row r="429317" spans="14:14">
      <c r="N429317" s="10"/>
    </row>
    <row r="429318" spans="14:14">
      <c r="N429318" s="10"/>
    </row>
    <row r="429319" spans="14:14">
      <c r="N429319" s="10"/>
    </row>
    <row r="429320" spans="14:14">
      <c r="N429320" s="10"/>
    </row>
    <row r="429321" spans="14:14">
      <c r="N429321" s="10"/>
    </row>
    <row r="429322" spans="14:14">
      <c r="N429322" s="10"/>
    </row>
    <row r="429323" spans="14:14">
      <c r="N429323" s="10"/>
    </row>
    <row r="429324" spans="14:14">
      <c r="N429324" s="10"/>
    </row>
    <row r="429325" spans="14:14">
      <c r="N429325" s="10"/>
    </row>
    <row r="429326" spans="14:14">
      <c r="N429326" s="10"/>
    </row>
    <row r="429327" spans="14:14">
      <c r="N429327" s="10"/>
    </row>
    <row r="429328" spans="14:14">
      <c r="N429328" s="10"/>
    </row>
    <row r="429329" spans="14:14">
      <c r="N429329" s="10"/>
    </row>
    <row r="429330" spans="14:14">
      <c r="N429330" s="10"/>
    </row>
    <row r="429331" spans="14:14">
      <c r="N429331" s="10"/>
    </row>
    <row r="429332" spans="14:14">
      <c r="N429332" s="10"/>
    </row>
    <row r="429333" spans="14:14">
      <c r="N429333" s="10"/>
    </row>
    <row r="429334" spans="14:14">
      <c r="N429334" s="10"/>
    </row>
    <row r="429335" spans="14:14">
      <c r="N429335" s="10"/>
    </row>
    <row r="429336" spans="14:14">
      <c r="N429336" s="10"/>
    </row>
    <row r="429337" spans="14:14">
      <c r="N429337" s="10"/>
    </row>
    <row r="429338" spans="14:14">
      <c r="N429338" s="10"/>
    </row>
    <row r="429339" spans="14:14">
      <c r="N429339" s="10"/>
    </row>
    <row r="429340" spans="14:14">
      <c r="N429340" s="10"/>
    </row>
    <row r="429341" spans="14:14">
      <c r="N429341" s="10"/>
    </row>
    <row r="429342" spans="14:14">
      <c r="N429342" s="10"/>
    </row>
    <row r="429343" spans="14:14">
      <c r="N429343" s="10"/>
    </row>
    <row r="429344" spans="14:14">
      <c r="N429344" s="10"/>
    </row>
    <row r="429345" spans="14:14">
      <c r="N429345" s="10"/>
    </row>
    <row r="429346" spans="14:14">
      <c r="N429346" s="10"/>
    </row>
    <row r="429347" spans="14:14">
      <c r="N429347" s="10"/>
    </row>
    <row r="429348" spans="14:14">
      <c r="N429348" s="10"/>
    </row>
    <row r="429349" spans="14:14">
      <c r="N429349" s="10"/>
    </row>
    <row r="429350" spans="14:14">
      <c r="N429350" s="10"/>
    </row>
    <row r="429351" spans="14:14">
      <c r="N429351" s="10"/>
    </row>
    <row r="429352" spans="14:14">
      <c r="N429352" s="10"/>
    </row>
    <row r="429353" spans="14:14">
      <c r="N429353" s="10"/>
    </row>
    <row r="429354" spans="14:14">
      <c r="N429354" s="10"/>
    </row>
    <row r="429355" spans="14:14">
      <c r="N429355" s="10"/>
    </row>
    <row r="429356" spans="14:14">
      <c r="N429356" s="10"/>
    </row>
    <row r="429357" spans="14:14">
      <c r="N429357" s="10"/>
    </row>
    <row r="429358" spans="14:14">
      <c r="N429358" s="10"/>
    </row>
    <row r="429359" spans="14:14">
      <c r="N429359" s="10"/>
    </row>
    <row r="429360" spans="14:14">
      <c r="N429360" s="10"/>
    </row>
    <row r="429361" spans="14:14">
      <c r="N429361" s="10"/>
    </row>
    <row r="429362" spans="14:14">
      <c r="N429362" s="10"/>
    </row>
    <row r="429363" spans="14:14">
      <c r="N429363" s="10"/>
    </row>
    <row r="429364" spans="14:14">
      <c r="N429364" s="10"/>
    </row>
    <row r="429365" spans="14:14">
      <c r="N429365" s="10"/>
    </row>
    <row r="429366" spans="14:14">
      <c r="N429366" s="10"/>
    </row>
    <row r="429367" spans="14:14">
      <c r="N429367" s="10"/>
    </row>
    <row r="429368" spans="14:14">
      <c r="N429368" s="10"/>
    </row>
    <row r="429369" spans="14:14">
      <c r="N429369" s="10"/>
    </row>
    <row r="429370" spans="14:14">
      <c r="N429370" s="10"/>
    </row>
    <row r="429371" spans="14:14">
      <c r="N429371" s="10"/>
    </row>
    <row r="429372" spans="14:14">
      <c r="N429372" s="10"/>
    </row>
    <row r="429373" spans="14:14">
      <c r="N429373" s="10"/>
    </row>
    <row r="429374" spans="14:14">
      <c r="N429374" s="10"/>
    </row>
    <row r="429375" spans="14:14">
      <c r="N429375" s="10"/>
    </row>
    <row r="429376" spans="14:14">
      <c r="N429376" s="10"/>
    </row>
    <row r="429377" spans="14:14">
      <c r="N429377" s="10"/>
    </row>
    <row r="429378" spans="14:14">
      <c r="N429378" s="10"/>
    </row>
    <row r="429379" spans="14:14">
      <c r="N429379" s="10"/>
    </row>
    <row r="429380" spans="14:14">
      <c r="N429380" s="10"/>
    </row>
    <row r="429381" spans="14:14">
      <c r="N429381" s="10"/>
    </row>
    <row r="429382" spans="14:14">
      <c r="N429382" s="10"/>
    </row>
    <row r="429383" spans="14:14">
      <c r="N429383" s="10"/>
    </row>
    <row r="429384" spans="14:14">
      <c r="N429384" s="10"/>
    </row>
    <row r="429385" spans="14:14">
      <c r="N429385" s="10"/>
    </row>
    <row r="429386" spans="14:14">
      <c r="N429386" s="10"/>
    </row>
    <row r="429387" spans="14:14">
      <c r="N429387" s="10"/>
    </row>
    <row r="429388" spans="14:14">
      <c r="N429388" s="10"/>
    </row>
    <row r="429389" spans="14:14">
      <c r="N429389" s="10"/>
    </row>
    <row r="429390" spans="14:14">
      <c r="N429390" s="10"/>
    </row>
    <row r="429391" spans="14:14">
      <c r="N429391" s="10"/>
    </row>
    <row r="429392" spans="14:14">
      <c r="N429392" s="10"/>
    </row>
    <row r="429393" spans="14:14">
      <c r="N429393" s="10"/>
    </row>
    <row r="429394" spans="14:14">
      <c r="N429394" s="10"/>
    </row>
    <row r="429395" spans="14:14">
      <c r="N429395" s="10"/>
    </row>
    <row r="429396" spans="14:14">
      <c r="N429396" s="10"/>
    </row>
    <row r="429397" spans="14:14">
      <c r="N429397" s="10"/>
    </row>
    <row r="429398" spans="14:14">
      <c r="N429398" s="10"/>
    </row>
    <row r="429399" spans="14:14">
      <c r="N429399" s="10"/>
    </row>
    <row r="429400" spans="14:14">
      <c r="N429400" s="10"/>
    </row>
    <row r="429401" spans="14:14">
      <c r="N429401" s="10"/>
    </row>
    <row r="429402" spans="14:14">
      <c r="N429402" s="10"/>
    </row>
    <row r="429403" spans="14:14">
      <c r="N429403" s="10"/>
    </row>
    <row r="429404" spans="14:14">
      <c r="N429404" s="10"/>
    </row>
    <row r="429405" spans="14:14">
      <c r="N429405" s="10"/>
    </row>
    <row r="429406" spans="14:14">
      <c r="N429406" s="10"/>
    </row>
    <row r="429407" spans="14:14">
      <c r="N429407" s="10"/>
    </row>
    <row r="429408" spans="14:14">
      <c r="N429408" s="10"/>
    </row>
    <row r="429409" spans="14:14">
      <c r="N429409" s="10"/>
    </row>
    <row r="429410" spans="14:14">
      <c r="N429410" s="10"/>
    </row>
    <row r="429411" spans="14:14">
      <c r="N429411" s="10"/>
    </row>
    <row r="429412" spans="14:14">
      <c r="N429412" s="10"/>
    </row>
    <row r="429413" spans="14:14">
      <c r="N429413" s="10"/>
    </row>
    <row r="429414" spans="14:14">
      <c r="N429414" s="10"/>
    </row>
    <row r="429415" spans="14:14">
      <c r="N429415" s="10"/>
    </row>
    <row r="429416" spans="14:14">
      <c r="N429416" s="10"/>
    </row>
    <row r="429417" spans="14:14">
      <c r="N429417" s="10"/>
    </row>
    <row r="429418" spans="14:14">
      <c r="N429418" s="10"/>
    </row>
    <row r="429419" spans="14:14">
      <c r="N429419" s="10"/>
    </row>
    <row r="429420" spans="14:14">
      <c r="N429420" s="10"/>
    </row>
    <row r="429421" spans="14:14">
      <c r="N429421" s="10"/>
    </row>
    <row r="429422" spans="14:14">
      <c r="N429422" s="10"/>
    </row>
    <row r="429423" spans="14:14">
      <c r="N429423" s="10"/>
    </row>
    <row r="429424" spans="14:14">
      <c r="N429424" s="10"/>
    </row>
    <row r="429425" spans="14:14">
      <c r="N429425" s="10"/>
    </row>
    <row r="429426" spans="14:14">
      <c r="N429426" s="10"/>
    </row>
    <row r="429427" spans="14:14">
      <c r="N429427" s="10"/>
    </row>
    <row r="429428" spans="14:14">
      <c r="N429428" s="10"/>
    </row>
    <row r="429429" spans="14:14">
      <c r="N429429" s="10"/>
    </row>
    <row r="429430" spans="14:14">
      <c r="N429430" s="10"/>
    </row>
    <row r="429431" spans="14:14">
      <c r="N429431" s="10"/>
    </row>
    <row r="429432" spans="14:14">
      <c r="N429432" s="10"/>
    </row>
    <row r="429433" spans="14:14">
      <c r="N429433" s="10"/>
    </row>
    <row r="429434" spans="14:14">
      <c r="N429434" s="10"/>
    </row>
    <row r="429435" spans="14:14">
      <c r="N429435" s="10"/>
    </row>
    <row r="429436" spans="14:14">
      <c r="N429436" s="10"/>
    </row>
    <row r="429437" spans="14:14">
      <c r="N429437" s="10"/>
    </row>
    <row r="429438" spans="14:14">
      <c r="N429438" s="10"/>
    </row>
    <row r="429439" spans="14:14">
      <c r="N429439" s="10"/>
    </row>
    <row r="429440" spans="14:14">
      <c r="N429440" s="10"/>
    </row>
    <row r="429441" spans="14:14">
      <c r="N429441" s="10"/>
    </row>
    <row r="429442" spans="14:14">
      <c r="N429442" s="10"/>
    </row>
    <row r="429443" spans="14:14">
      <c r="N429443" s="10"/>
    </row>
    <row r="429444" spans="14:14">
      <c r="N429444" s="10"/>
    </row>
    <row r="429445" spans="14:14">
      <c r="N429445" s="10"/>
    </row>
    <row r="429446" spans="14:14">
      <c r="N429446" s="10"/>
    </row>
    <row r="429447" spans="14:14">
      <c r="N429447" s="10"/>
    </row>
    <row r="429448" spans="14:14">
      <c r="N429448" s="10"/>
    </row>
    <row r="429449" spans="14:14">
      <c r="N429449" s="10"/>
    </row>
    <row r="429450" spans="14:14">
      <c r="N429450" s="10"/>
    </row>
    <row r="429451" spans="14:14">
      <c r="N429451" s="10"/>
    </row>
    <row r="429452" spans="14:14">
      <c r="N429452" s="10"/>
    </row>
    <row r="429453" spans="14:14">
      <c r="N429453" s="10"/>
    </row>
    <row r="429454" spans="14:14">
      <c r="N429454" s="10"/>
    </row>
    <row r="429455" spans="14:14">
      <c r="N429455" s="10"/>
    </row>
    <row r="429456" spans="14:14">
      <c r="N429456" s="10"/>
    </row>
    <row r="429457" spans="14:14">
      <c r="N429457" s="10"/>
    </row>
    <row r="429458" spans="14:14">
      <c r="N429458" s="10"/>
    </row>
    <row r="429459" spans="14:14">
      <c r="N429459" s="10"/>
    </row>
    <row r="429460" spans="14:14">
      <c r="N429460" s="10"/>
    </row>
    <row r="429461" spans="14:14">
      <c r="N429461" s="10"/>
    </row>
    <row r="429462" spans="14:14">
      <c r="N429462" s="10"/>
    </row>
    <row r="429463" spans="14:14">
      <c r="N429463" s="10"/>
    </row>
    <row r="429464" spans="14:14">
      <c r="N429464" s="10"/>
    </row>
    <row r="429465" spans="14:14">
      <c r="N429465" s="10"/>
    </row>
    <row r="429466" spans="14:14">
      <c r="N429466" s="10"/>
    </row>
    <row r="429467" spans="14:14">
      <c r="N429467" s="10"/>
    </row>
    <row r="429468" spans="14:14">
      <c r="N429468" s="10"/>
    </row>
    <row r="429469" spans="14:14">
      <c r="N429469" s="10"/>
    </row>
    <row r="429470" spans="14:14">
      <c r="N429470" s="10"/>
    </row>
    <row r="429471" spans="14:14">
      <c r="N429471" s="10"/>
    </row>
    <row r="429472" spans="14:14">
      <c r="N429472" s="10"/>
    </row>
    <row r="429473" spans="14:14">
      <c r="N429473" s="10"/>
    </row>
    <row r="429474" spans="14:14">
      <c r="N429474" s="10"/>
    </row>
    <row r="429475" spans="14:14">
      <c r="N429475" s="10"/>
    </row>
    <row r="429476" spans="14:14">
      <c r="N429476" s="10"/>
    </row>
    <row r="429477" spans="14:14">
      <c r="N429477" s="10"/>
    </row>
    <row r="429478" spans="14:14">
      <c r="N429478" s="10"/>
    </row>
    <row r="429479" spans="14:14">
      <c r="N429479" s="10"/>
    </row>
    <row r="429480" spans="14:14">
      <c r="N429480" s="10"/>
    </row>
    <row r="429481" spans="14:14">
      <c r="N429481" s="10"/>
    </row>
    <row r="429482" spans="14:14">
      <c r="N429482" s="10"/>
    </row>
    <row r="429483" spans="14:14">
      <c r="N429483" s="10"/>
    </row>
    <row r="429484" spans="14:14">
      <c r="N429484" s="10"/>
    </row>
    <row r="429485" spans="14:14">
      <c r="N429485" s="10"/>
    </row>
    <row r="429486" spans="14:14">
      <c r="N429486" s="10"/>
    </row>
    <row r="429487" spans="14:14">
      <c r="N429487" s="10"/>
    </row>
    <row r="429488" spans="14:14">
      <c r="N429488" s="10"/>
    </row>
    <row r="429489" spans="14:14">
      <c r="N429489" s="10"/>
    </row>
    <row r="429490" spans="14:14">
      <c r="N429490" s="10"/>
    </row>
    <row r="429491" spans="14:14">
      <c r="N429491" s="10"/>
    </row>
    <row r="429492" spans="14:14">
      <c r="N429492" s="10"/>
    </row>
    <row r="429493" spans="14:14">
      <c r="N429493" s="10"/>
    </row>
    <row r="429494" spans="14:14">
      <c r="N429494" s="10"/>
    </row>
    <row r="429495" spans="14:14">
      <c r="N429495" s="10"/>
    </row>
    <row r="429496" spans="14:14">
      <c r="N429496" s="10"/>
    </row>
    <row r="429497" spans="14:14">
      <c r="N429497" s="10"/>
    </row>
    <row r="429498" spans="14:14">
      <c r="N429498" s="10"/>
    </row>
    <row r="429499" spans="14:14">
      <c r="N429499" s="10"/>
    </row>
    <row r="429500" spans="14:14">
      <c r="N429500" s="10"/>
    </row>
    <row r="429501" spans="14:14">
      <c r="N429501" s="10"/>
    </row>
    <row r="429502" spans="14:14">
      <c r="N429502" s="10"/>
    </row>
    <row r="429503" spans="14:14">
      <c r="N429503" s="10"/>
    </row>
    <row r="429504" spans="14:14">
      <c r="N429504" s="10"/>
    </row>
    <row r="429505" spans="14:14">
      <c r="N429505" s="10"/>
    </row>
    <row r="429506" spans="14:14">
      <c r="N429506" s="10"/>
    </row>
    <row r="429507" spans="14:14">
      <c r="N429507" s="10"/>
    </row>
    <row r="429508" spans="14:14">
      <c r="N429508" s="10"/>
    </row>
    <row r="429509" spans="14:14">
      <c r="N429509" s="10"/>
    </row>
    <row r="429510" spans="14:14">
      <c r="N429510" s="10"/>
    </row>
    <row r="429511" spans="14:14">
      <c r="N429511" s="10"/>
    </row>
    <row r="429512" spans="14:14">
      <c r="N429512" s="10"/>
    </row>
    <row r="429513" spans="14:14">
      <c r="N429513" s="10"/>
    </row>
    <row r="429514" spans="14:14">
      <c r="N429514" s="10"/>
    </row>
    <row r="429515" spans="14:14">
      <c r="N429515" s="10"/>
    </row>
    <row r="429516" spans="14:14">
      <c r="N429516" s="10"/>
    </row>
    <row r="429517" spans="14:14">
      <c r="N429517" s="10"/>
    </row>
    <row r="429518" spans="14:14">
      <c r="N429518" s="10"/>
    </row>
    <row r="429519" spans="14:14">
      <c r="N429519" s="10"/>
    </row>
    <row r="429520" spans="14:14">
      <c r="N429520" s="10"/>
    </row>
    <row r="429521" spans="14:14">
      <c r="N429521" s="10"/>
    </row>
    <row r="429522" spans="14:14">
      <c r="N429522" s="10"/>
    </row>
    <row r="429523" spans="14:14">
      <c r="N429523" s="10"/>
    </row>
    <row r="429524" spans="14:14">
      <c r="N429524" s="10"/>
    </row>
    <row r="429525" spans="14:14">
      <c r="N429525" s="10"/>
    </row>
    <row r="429526" spans="14:14">
      <c r="N429526" s="10"/>
    </row>
    <row r="429527" spans="14:14">
      <c r="N429527" s="10"/>
    </row>
    <row r="429528" spans="14:14">
      <c r="N429528" s="10"/>
    </row>
    <row r="429529" spans="14:14">
      <c r="N429529" s="10"/>
    </row>
    <row r="429530" spans="14:14">
      <c r="N429530" s="10"/>
    </row>
    <row r="429531" spans="14:14">
      <c r="N429531" s="10"/>
    </row>
    <row r="429532" spans="14:14">
      <c r="N429532" s="10"/>
    </row>
    <row r="429533" spans="14:14">
      <c r="N429533" s="10"/>
    </row>
    <row r="429534" spans="14:14">
      <c r="N429534" s="10"/>
    </row>
    <row r="429535" spans="14:14">
      <c r="N429535" s="10"/>
    </row>
    <row r="429536" spans="14:14">
      <c r="N429536" s="10"/>
    </row>
    <row r="429537" spans="14:14">
      <c r="N429537" s="10"/>
    </row>
    <row r="429538" spans="14:14">
      <c r="N429538" s="10"/>
    </row>
    <row r="429539" spans="14:14">
      <c r="N429539" s="10"/>
    </row>
    <row r="429540" spans="14:14">
      <c r="N429540" s="10"/>
    </row>
    <row r="429541" spans="14:14">
      <c r="N429541" s="10"/>
    </row>
    <row r="429542" spans="14:14">
      <c r="N429542" s="10"/>
    </row>
    <row r="429543" spans="14:14">
      <c r="N429543" s="10"/>
    </row>
    <row r="429544" spans="14:14">
      <c r="N429544" s="10"/>
    </row>
    <row r="429545" spans="14:14">
      <c r="N429545" s="10"/>
    </row>
    <row r="429546" spans="14:14">
      <c r="N429546" s="10"/>
    </row>
    <row r="429547" spans="14:14">
      <c r="N429547" s="10"/>
    </row>
    <row r="429548" spans="14:14">
      <c r="N429548" s="10"/>
    </row>
    <row r="429549" spans="14:14">
      <c r="N429549" s="10"/>
    </row>
    <row r="429550" spans="14:14">
      <c r="N429550" s="10"/>
    </row>
    <row r="429551" spans="14:14">
      <c r="N429551" s="10"/>
    </row>
    <row r="429552" spans="14:14">
      <c r="N429552" s="10"/>
    </row>
    <row r="429553" spans="14:14">
      <c r="N429553" s="10"/>
    </row>
    <row r="429554" spans="14:14">
      <c r="N429554" s="10"/>
    </row>
    <row r="429555" spans="14:14">
      <c r="N429555" s="10"/>
    </row>
    <row r="429556" spans="14:14">
      <c r="N429556" s="10"/>
    </row>
    <row r="429557" spans="14:14">
      <c r="N429557" s="10"/>
    </row>
    <row r="429558" spans="14:14">
      <c r="N429558" s="10"/>
    </row>
    <row r="429559" spans="14:14">
      <c r="N429559" s="10"/>
    </row>
    <row r="429560" spans="14:14">
      <c r="N429560" s="10"/>
    </row>
    <row r="429561" spans="14:14">
      <c r="N429561" s="10"/>
    </row>
    <row r="429562" spans="14:14">
      <c r="N429562" s="10"/>
    </row>
    <row r="429563" spans="14:14">
      <c r="N429563" s="10"/>
    </row>
    <row r="429564" spans="14:14">
      <c r="N429564" s="10"/>
    </row>
    <row r="429565" spans="14:14">
      <c r="N429565" s="10"/>
    </row>
    <row r="429566" spans="14:14">
      <c r="N429566" s="10"/>
    </row>
    <row r="429567" spans="14:14">
      <c r="N429567" s="10"/>
    </row>
    <row r="429568" spans="14:14">
      <c r="N429568" s="10"/>
    </row>
    <row r="429569" spans="14:14">
      <c r="N429569" s="10"/>
    </row>
    <row r="429570" spans="14:14">
      <c r="N429570" s="10"/>
    </row>
    <row r="429571" spans="14:14">
      <c r="N429571" s="10"/>
    </row>
    <row r="429572" spans="14:14">
      <c r="N429572" s="10"/>
    </row>
    <row r="429573" spans="14:14">
      <c r="N429573" s="10"/>
    </row>
    <row r="429574" spans="14:14">
      <c r="N429574" s="10"/>
    </row>
    <row r="429575" spans="14:14">
      <c r="N429575" s="10"/>
    </row>
    <row r="429576" spans="14:14">
      <c r="N429576" s="10"/>
    </row>
    <row r="429577" spans="14:14">
      <c r="N429577" s="10"/>
    </row>
    <row r="429578" spans="14:14">
      <c r="N429578" s="10"/>
    </row>
    <row r="429579" spans="14:14">
      <c r="N429579" s="10"/>
    </row>
    <row r="429580" spans="14:14">
      <c r="N429580" s="10"/>
    </row>
    <row r="429581" spans="14:14">
      <c r="N429581" s="10"/>
    </row>
    <row r="429582" spans="14:14">
      <c r="N429582" s="10"/>
    </row>
    <row r="429583" spans="14:14">
      <c r="N429583" s="10"/>
    </row>
    <row r="429584" spans="14:14">
      <c r="N429584" s="10"/>
    </row>
    <row r="429585" spans="14:14">
      <c r="N429585" s="10"/>
    </row>
    <row r="429586" spans="14:14">
      <c r="N429586" s="10"/>
    </row>
    <row r="429587" spans="14:14">
      <c r="N429587" s="10"/>
    </row>
    <row r="429588" spans="14:14">
      <c r="N429588" s="10"/>
    </row>
    <row r="429589" spans="14:14">
      <c r="N429589" s="10"/>
    </row>
    <row r="429590" spans="14:14">
      <c r="N429590" s="10"/>
    </row>
    <row r="429591" spans="14:14">
      <c r="N429591" s="10"/>
    </row>
    <row r="429592" spans="14:14">
      <c r="N429592" s="10"/>
    </row>
    <row r="429593" spans="14:14">
      <c r="N429593" s="10"/>
    </row>
    <row r="429594" spans="14:14">
      <c r="N429594" s="10"/>
    </row>
    <row r="429595" spans="14:14">
      <c r="N429595" s="10"/>
    </row>
    <row r="429596" spans="14:14">
      <c r="N429596" s="10"/>
    </row>
    <row r="429597" spans="14:14">
      <c r="N429597" s="10"/>
    </row>
    <row r="429598" spans="14:14">
      <c r="N429598" s="10"/>
    </row>
    <row r="429599" spans="14:14">
      <c r="N429599" s="10"/>
    </row>
    <row r="429600" spans="14:14">
      <c r="N429600" s="10"/>
    </row>
    <row r="429601" spans="14:14">
      <c r="N429601" s="10"/>
    </row>
    <row r="429602" spans="14:14">
      <c r="N429602" s="10"/>
    </row>
    <row r="429603" spans="14:14">
      <c r="N429603" s="10"/>
    </row>
    <row r="429604" spans="14:14">
      <c r="N429604" s="10"/>
    </row>
    <row r="429605" spans="14:14">
      <c r="N429605" s="10"/>
    </row>
    <row r="429606" spans="14:14">
      <c r="N429606" s="10"/>
    </row>
    <row r="429607" spans="14:14">
      <c r="N429607" s="10"/>
    </row>
    <row r="429608" spans="14:14">
      <c r="N429608" s="10"/>
    </row>
    <row r="429609" spans="14:14">
      <c r="N429609" s="10"/>
    </row>
    <row r="429610" spans="14:14">
      <c r="N429610" s="10"/>
    </row>
    <row r="429611" spans="14:14">
      <c r="N429611" s="10"/>
    </row>
    <row r="429612" spans="14:14">
      <c r="N429612" s="10"/>
    </row>
    <row r="429613" spans="14:14">
      <c r="N429613" s="10"/>
    </row>
    <row r="429614" spans="14:14">
      <c r="N429614" s="10"/>
    </row>
    <row r="429615" spans="14:14">
      <c r="N429615" s="10"/>
    </row>
    <row r="429616" spans="14:14">
      <c r="N429616" s="10"/>
    </row>
    <row r="429617" spans="14:14">
      <c r="N429617" s="10"/>
    </row>
    <row r="429618" spans="14:14">
      <c r="N429618" s="10"/>
    </row>
    <row r="429619" spans="14:14">
      <c r="N429619" s="10"/>
    </row>
    <row r="429620" spans="14:14">
      <c r="N429620" s="10"/>
    </row>
    <row r="429621" spans="14:14">
      <c r="N429621" s="10"/>
    </row>
    <row r="429622" spans="14:14">
      <c r="N429622" s="10"/>
    </row>
    <row r="429623" spans="14:14">
      <c r="N429623" s="10"/>
    </row>
    <row r="429624" spans="14:14">
      <c r="N429624" s="10"/>
    </row>
    <row r="429625" spans="14:14">
      <c r="N429625" s="10"/>
    </row>
    <row r="429626" spans="14:14">
      <c r="N429626" s="10"/>
    </row>
    <row r="429627" spans="14:14">
      <c r="N429627" s="10"/>
    </row>
    <row r="429628" spans="14:14">
      <c r="N429628" s="10"/>
    </row>
    <row r="429629" spans="14:14">
      <c r="N429629" s="10"/>
    </row>
    <row r="429630" spans="14:14">
      <c r="N429630" s="10"/>
    </row>
    <row r="429631" spans="14:14">
      <c r="N429631" s="10"/>
    </row>
    <row r="429632" spans="14:14">
      <c r="N429632" s="10"/>
    </row>
    <row r="429633" spans="14:14">
      <c r="N429633" s="10"/>
    </row>
    <row r="429634" spans="14:14">
      <c r="N429634" s="10"/>
    </row>
    <row r="429635" spans="14:14">
      <c r="N429635" s="10"/>
    </row>
    <row r="429636" spans="14:14">
      <c r="N429636" s="10"/>
    </row>
    <row r="429637" spans="14:14">
      <c r="N429637" s="10"/>
    </row>
    <row r="429638" spans="14:14">
      <c r="N429638" s="10"/>
    </row>
    <row r="429639" spans="14:14">
      <c r="N429639" s="10"/>
    </row>
    <row r="429640" spans="14:14">
      <c r="N429640" s="10"/>
    </row>
    <row r="429641" spans="14:14">
      <c r="N429641" s="10"/>
    </row>
    <row r="429642" spans="14:14">
      <c r="N429642" s="10"/>
    </row>
    <row r="429643" spans="14:14">
      <c r="N429643" s="10"/>
    </row>
    <row r="429644" spans="14:14">
      <c r="N429644" s="10"/>
    </row>
    <row r="429645" spans="14:14">
      <c r="N429645" s="10"/>
    </row>
    <row r="429646" spans="14:14">
      <c r="N429646" s="10"/>
    </row>
    <row r="429647" spans="14:14">
      <c r="N429647" s="10"/>
    </row>
    <row r="429648" spans="14:14">
      <c r="N429648" s="10"/>
    </row>
    <row r="429649" spans="14:14">
      <c r="N429649" s="10"/>
    </row>
    <row r="429650" spans="14:14">
      <c r="N429650" s="10"/>
    </row>
    <row r="429651" spans="14:14">
      <c r="N429651" s="10"/>
    </row>
    <row r="429652" spans="14:14">
      <c r="N429652" s="10"/>
    </row>
    <row r="429653" spans="14:14">
      <c r="N429653" s="10"/>
    </row>
    <row r="429654" spans="14:14">
      <c r="N429654" s="10"/>
    </row>
    <row r="429655" spans="14:14">
      <c r="N429655" s="10"/>
    </row>
    <row r="429656" spans="14:14">
      <c r="N429656" s="10"/>
    </row>
    <row r="429657" spans="14:14">
      <c r="N429657" s="10"/>
    </row>
    <row r="429658" spans="14:14">
      <c r="N429658" s="10"/>
    </row>
    <row r="429659" spans="14:14">
      <c r="N429659" s="10"/>
    </row>
    <row r="429660" spans="14:14">
      <c r="N429660" s="10"/>
    </row>
    <row r="429661" spans="14:14">
      <c r="N429661" s="10"/>
    </row>
    <row r="429662" spans="14:14">
      <c r="N429662" s="10"/>
    </row>
    <row r="429663" spans="14:14">
      <c r="N429663" s="10"/>
    </row>
    <row r="429664" spans="14:14">
      <c r="N429664" s="10"/>
    </row>
    <row r="429665" spans="14:14">
      <c r="N429665" s="10"/>
    </row>
    <row r="429666" spans="14:14">
      <c r="N429666" s="10"/>
    </row>
    <row r="429667" spans="14:14">
      <c r="N429667" s="10"/>
    </row>
    <row r="429668" spans="14:14">
      <c r="N429668" s="10"/>
    </row>
    <row r="429669" spans="14:14">
      <c r="N429669" s="10"/>
    </row>
    <row r="429670" spans="14:14">
      <c r="N429670" s="10"/>
    </row>
    <row r="429671" spans="14:14">
      <c r="N429671" s="10"/>
    </row>
    <row r="429672" spans="14:14">
      <c r="N429672" s="10"/>
    </row>
    <row r="429673" spans="14:14">
      <c r="N429673" s="10"/>
    </row>
    <row r="429674" spans="14:14">
      <c r="N429674" s="10"/>
    </row>
    <row r="429675" spans="14:14">
      <c r="N429675" s="10"/>
    </row>
    <row r="429676" spans="14:14">
      <c r="N429676" s="10"/>
    </row>
    <row r="429677" spans="14:14">
      <c r="N429677" s="10"/>
    </row>
    <row r="429678" spans="14:14">
      <c r="N429678" s="10"/>
    </row>
    <row r="429679" spans="14:14">
      <c r="N429679" s="10"/>
    </row>
    <row r="429680" spans="14:14">
      <c r="N429680" s="10"/>
    </row>
    <row r="429681" spans="14:14">
      <c r="N429681" s="10"/>
    </row>
    <row r="429682" spans="14:14">
      <c r="N429682" s="10"/>
    </row>
    <row r="429683" spans="14:14">
      <c r="N429683" s="10"/>
    </row>
    <row r="429684" spans="14:14">
      <c r="N429684" s="10"/>
    </row>
    <row r="429685" spans="14:14">
      <c r="N429685" s="10"/>
    </row>
    <row r="429686" spans="14:14">
      <c r="N429686" s="10"/>
    </row>
    <row r="429687" spans="14:14">
      <c r="N429687" s="10"/>
    </row>
    <row r="429688" spans="14:14">
      <c r="N429688" s="10"/>
    </row>
    <row r="429689" spans="14:14">
      <c r="N429689" s="10"/>
    </row>
    <row r="429690" spans="14:14">
      <c r="N429690" s="10"/>
    </row>
    <row r="429691" spans="14:14">
      <c r="N429691" s="10"/>
    </row>
    <row r="429692" spans="14:14">
      <c r="N429692" s="10"/>
    </row>
    <row r="429693" spans="14:14">
      <c r="N429693" s="10"/>
    </row>
    <row r="429694" spans="14:14">
      <c r="N429694" s="10"/>
    </row>
    <row r="429695" spans="14:14">
      <c r="N429695" s="10"/>
    </row>
    <row r="429696" spans="14:14">
      <c r="N429696" s="10"/>
    </row>
    <row r="429697" spans="14:14">
      <c r="N429697" s="10"/>
    </row>
    <row r="429698" spans="14:14">
      <c r="N429698" s="10"/>
    </row>
    <row r="429699" spans="14:14">
      <c r="N429699" s="10"/>
    </row>
    <row r="429700" spans="14:14">
      <c r="N429700" s="10"/>
    </row>
    <row r="429701" spans="14:14">
      <c r="N429701" s="10"/>
    </row>
    <row r="429702" spans="14:14">
      <c r="N429702" s="10"/>
    </row>
    <row r="429703" spans="14:14">
      <c r="N429703" s="10"/>
    </row>
    <row r="429704" spans="14:14">
      <c r="N429704" s="10"/>
    </row>
    <row r="429705" spans="14:14">
      <c r="N429705" s="10"/>
    </row>
    <row r="429706" spans="14:14">
      <c r="N429706" s="10"/>
    </row>
    <row r="429707" spans="14:14">
      <c r="N429707" s="10"/>
    </row>
    <row r="429708" spans="14:14">
      <c r="N429708" s="10"/>
    </row>
    <row r="429709" spans="14:14">
      <c r="N429709" s="10"/>
    </row>
    <row r="429710" spans="14:14">
      <c r="N429710" s="10"/>
    </row>
    <row r="429711" spans="14:14">
      <c r="N429711" s="10"/>
    </row>
    <row r="429712" spans="14:14">
      <c r="N429712" s="10"/>
    </row>
    <row r="429713" spans="14:14">
      <c r="N429713" s="10"/>
    </row>
    <row r="429714" spans="14:14">
      <c r="N429714" s="10"/>
    </row>
    <row r="429715" spans="14:14">
      <c r="N429715" s="10"/>
    </row>
    <row r="429716" spans="14:14">
      <c r="N429716" s="10"/>
    </row>
    <row r="429717" spans="14:14">
      <c r="N429717" s="10"/>
    </row>
    <row r="429718" spans="14:14">
      <c r="N429718" s="10"/>
    </row>
    <row r="429719" spans="14:14">
      <c r="N429719" s="10"/>
    </row>
    <row r="429720" spans="14:14">
      <c r="N429720" s="10"/>
    </row>
    <row r="429721" spans="14:14">
      <c r="N429721" s="10"/>
    </row>
    <row r="429722" spans="14:14">
      <c r="N429722" s="10"/>
    </row>
    <row r="429723" spans="14:14">
      <c r="N429723" s="10"/>
    </row>
    <row r="429724" spans="14:14">
      <c r="N429724" s="10"/>
    </row>
    <row r="429725" spans="14:14">
      <c r="N429725" s="10"/>
    </row>
    <row r="429726" spans="14:14">
      <c r="N429726" s="10"/>
    </row>
    <row r="429727" spans="14:14">
      <c r="N429727" s="10"/>
    </row>
    <row r="429728" spans="14:14">
      <c r="N429728" s="10"/>
    </row>
    <row r="429729" spans="14:14">
      <c r="N429729" s="10"/>
    </row>
    <row r="429730" spans="14:14">
      <c r="N429730" s="10"/>
    </row>
    <row r="429731" spans="14:14">
      <c r="N429731" s="10"/>
    </row>
    <row r="429732" spans="14:14">
      <c r="N429732" s="10"/>
    </row>
    <row r="429733" spans="14:14">
      <c r="N429733" s="10"/>
    </row>
    <row r="429734" spans="14:14">
      <c r="N429734" s="10"/>
    </row>
    <row r="429735" spans="14:14">
      <c r="N429735" s="10"/>
    </row>
    <row r="429736" spans="14:14">
      <c r="N429736" s="10"/>
    </row>
    <row r="429737" spans="14:14">
      <c r="N429737" s="10"/>
    </row>
    <row r="429738" spans="14:14">
      <c r="N429738" s="10"/>
    </row>
    <row r="429739" spans="14:14">
      <c r="N429739" s="10"/>
    </row>
    <row r="429740" spans="14:14">
      <c r="N429740" s="10"/>
    </row>
    <row r="429741" spans="14:14">
      <c r="N429741" s="10"/>
    </row>
    <row r="429742" spans="14:14">
      <c r="N429742" s="10"/>
    </row>
    <row r="429743" spans="14:14">
      <c r="N429743" s="10"/>
    </row>
    <row r="429744" spans="14:14">
      <c r="N429744" s="10"/>
    </row>
    <row r="429745" spans="14:14">
      <c r="N429745" s="10"/>
    </row>
    <row r="429746" spans="14:14">
      <c r="N429746" s="10"/>
    </row>
    <row r="429747" spans="14:14">
      <c r="N429747" s="10"/>
    </row>
    <row r="429748" spans="14:14">
      <c r="N429748" s="10"/>
    </row>
    <row r="429749" spans="14:14">
      <c r="N429749" s="10"/>
    </row>
    <row r="429750" spans="14:14">
      <c r="N429750" s="10"/>
    </row>
    <row r="429751" spans="14:14">
      <c r="N429751" s="10"/>
    </row>
    <row r="429752" spans="14:14">
      <c r="N429752" s="10"/>
    </row>
    <row r="429753" spans="14:14">
      <c r="N429753" s="10"/>
    </row>
    <row r="429754" spans="14:14">
      <c r="N429754" s="10"/>
    </row>
    <row r="429755" spans="14:14">
      <c r="N429755" s="10"/>
    </row>
    <row r="429756" spans="14:14">
      <c r="N429756" s="10"/>
    </row>
    <row r="429757" spans="14:14">
      <c r="N429757" s="10"/>
    </row>
    <row r="429758" spans="14:14">
      <c r="N429758" s="10"/>
    </row>
    <row r="429759" spans="14:14">
      <c r="N429759" s="10"/>
    </row>
    <row r="429760" spans="14:14">
      <c r="N429760" s="10"/>
    </row>
    <row r="429761" spans="14:14">
      <c r="N429761" s="10"/>
    </row>
    <row r="429762" spans="14:14">
      <c r="N429762" s="10"/>
    </row>
    <row r="429763" spans="14:14">
      <c r="N429763" s="10"/>
    </row>
    <row r="429764" spans="14:14">
      <c r="N429764" s="10"/>
    </row>
    <row r="429765" spans="14:14">
      <c r="N429765" s="10"/>
    </row>
    <row r="429766" spans="14:14">
      <c r="N429766" s="10"/>
    </row>
    <row r="429767" spans="14:14">
      <c r="N429767" s="10"/>
    </row>
    <row r="429768" spans="14:14">
      <c r="N429768" s="10"/>
    </row>
    <row r="429769" spans="14:14">
      <c r="N429769" s="10"/>
    </row>
    <row r="429770" spans="14:14">
      <c r="N429770" s="10"/>
    </row>
    <row r="429771" spans="14:14">
      <c r="N429771" s="10"/>
    </row>
    <row r="429772" spans="14:14">
      <c r="N429772" s="10"/>
    </row>
    <row r="429773" spans="14:14">
      <c r="N429773" s="10"/>
    </row>
    <row r="429774" spans="14:14">
      <c r="N429774" s="10"/>
    </row>
    <row r="429775" spans="14:14">
      <c r="N429775" s="10"/>
    </row>
    <row r="429776" spans="14:14">
      <c r="N429776" s="10"/>
    </row>
    <row r="429777" spans="14:14">
      <c r="N429777" s="10"/>
    </row>
    <row r="429778" spans="14:14">
      <c r="N429778" s="10"/>
    </row>
    <row r="429779" spans="14:14">
      <c r="N429779" s="10"/>
    </row>
    <row r="429780" spans="14:14">
      <c r="N429780" s="10"/>
    </row>
    <row r="429781" spans="14:14">
      <c r="N429781" s="10"/>
    </row>
    <row r="429782" spans="14:14">
      <c r="N429782" s="10"/>
    </row>
    <row r="429783" spans="14:14">
      <c r="N429783" s="10"/>
    </row>
    <row r="429784" spans="14:14">
      <c r="N429784" s="10"/>
    </row>
    <row r="429785" spans="14:14">
      <c r="N429785" s="10"/>
    </row>
    <row r="429786" spans="14:14">
      <c r="N429786" s="10"/>
    </row>
    <row r="429787" spans="14:14">
      <c r="N429787" s="10"/>
    </row>
    <row r="429788" spans="14:14">
      <c r="N429788" s="10"/>
    </row>
    <row r="429789" spans="14:14">
      <c r="N429789" s="10"/>
    </row>
    <row r="429790" spans="14:14">
      <c r="N429790" s="10"/>
    </row>
    <row r="429791" spans="14:14">
      <c r="N429791" s="10"/>
    </row>
    <row r="429792" spans="14:14">
      <c r="N429792" s="10"/>
    </row>
    <row r="429793" spans="14:14">
      <c r="N429793" s="10"/>
    </row>
    <row r="429794" spans="14:14">
      <c r="N429794" s="10"/>
    </row>
    <row r="429795" spans="14:14">
      <c r="N429795" s="10"/>
    </row>
    <row r="429796" spans="14:14">
      <c r="N429796" s="10"/>
    </row>
    <row r="429797" spans="14:14">
      <c r="N429797" s="10"/>
    </row>
    <row r="429798" spans="14:14">
      <c r="N429798" s="10"/>
    </row>
    <row r="429799" spans="14:14">
      <c r="N429799" s="10"/>
    </row>
    <row r="429800" spans="14:14">
      <c r="N429800" s="10"/>
    </row>
    <row r="429801" spans="14:14">
      <c r="N429801" s="10"/>
    </row>
    <row r="429802" spans="14:14">
      <c r="N429802" s="10"/>
    </row>
    <row r="429803" spans="14:14">
      <c r="N429803" s="10"/>
    </row>
    <row r="429804" spans="14:14">
      <c r="N429804" s="10"/>
    </row>
    <row r="429805" spans="14:14">
      <c r="N429805" s="10"/>
    </row>
    <row r="429806" spans="14:14">
      <c r="N429806" s="10"/>
    </row>
    <row r="429807" spans="14:14">
      <c r="N429807" s="10"/>
    </row>
    <row r="429808" spans="14:14">
      <c r="N429808" s="10"/>
    </row>
    <row r="429809" spans="14:14">
      <c r="N429809" s="10"/>
    </row>
    <row r="429810" spans="14:14">
      <c r="N429810" s="10"/>
    </row>
    <row r="429811" spans="14:14">
      <c r="N429811" s="10"/>
    </row>
    <row r="429812" spans="14:14">
      <c r="N429812" s="10"/>
    </row>
    <row r="429813" spans="14:14">
      <c r="N429813" s="10"/>
    </row>
    <row r="429814" spans="14:14">
      <c r="N429814" s="10"/>
    </row>
    <row r="429815" spans="14:14">
      <c r="N429815" s="10"/>
    </row>
    <row r="429816" spans="14:14">
      <c r="N429816" s="10"/>
    </row>
    <row r="429817" spans="14:14">
      <c r="N429817" s="10"/>
    </row>
    <row r="429818" spans="14:14">
      <c r="N429818" s="10"/>
    </row>
    <row r="429819" spans="14:14">
      <c r="N429819" s="10"/>
    </row>
    <row r="429820" spans="14:14">
      <c r="N429820" s="10"/>
    </row>
    <row r="429821" spans="14:14">
      <c r="N429821" s="10"/>
    </row>
    <row r="429822" spans="14:14">
      <c r="N429822" s="10"/>
    </row>
    <row r="429823" spans="14:14">
      <c r="N429823" s="10"/>
    </row>
    <row r="429824" spans="14:14">
      <c r="N429824" s="10"/>
    </row>
    <row r="429825" spans="14:14">
      <c r="N429825" s="10"/>
    </row>
    <row r="429826" spans="14:14">
      <c r="N429826" s="10"/>
    </row>
    <row r="429827" spans="14:14">
      <c r="N429827" s="10"/>
    </row>
    <row r="429828" spans="14:14">
      <c r="N429828" s="10"/>
    </row>
    <row r="429829" spans="14:14">
      <c r="N429829" s="10"/>
    </row>
    <row r="429830" spans="14:14">
      <c r="N429830" s="10"/>
    </row>
    <row r="429831" spans="14:14">
      <c r="N429831" s="10"/>
    </row>
    <row r="429832" spans="14:14">
      <c r="N429832" s="10"/>
    </row>
    <row r="429833" spans="14:14">
      <c r="N429833" s="10"/>
    </row>
    <row r="429834" spans="14:14">
      <c r="N429834" s="10"/>
    </row>
    <row r="429835" spans="14:14">
      <c r="N429835" s="10"/>
    </row>
    <row r="429836" spans="14:14">
      <c r="N429836" s="10"/>
    </row>
    <row r="429837" spans="14:14">
      <c r="N429837" s="10"/>
    </row>
    <row r="429838" spans="14:14">
      <c r="N429838" s="10"/>
    </row>
    <row r="429839" spans="14:14">
      <c r="N429839" s="10"/>
    </row>
    <row r="429840" spans="14:14">
      <c r="N429840" s="10"/>
    </row>
    <row r="429841" spans="14:14">
      <c r="N429841" s="10"/>
    </row>
    <row r="429842" spans="14:14">
      <c r="N429842" s="10"/>
    </row>
    <row r="429843" spans="14:14">
      <c r="N429843" s="10"/>
    </row>
    <row r="429844" spans="14:14">
      <c r="N429844" s="10"/>
    </row>
    <row r="429845" spans="14:14">
      <c r="N429845" s="10"/>
    </row>
    <row r="429846" spans="14:14">
      <c r="N429846" s="10"/>
    </row>
    <row r="429847" spans="14:14">
      <c r="N429847" s="10"/>
    </row>
    <row r="429848" spans="14:14">
      <c r="N429848" s="10"/>
    </row>
    <row r="429849" spans="14:14">
      <c r="N429849" s="10"/>
    </row>
    <row r="429850" spans="14:14">
      <c r="N429850" s="10"/>
    </row>
    <row r="429851" spans="14:14">
      <c r="N429851" s="10"/>
    </row>
    <row r="429852" spans="14:14">
      <c r="N429852" s="10"/>
    </row>
    <row r="429853" spans="14:14">
      <c r="N429853" s="10"/>
    </row>
    <row r="429854" spans="14:14">
      <c r="N429854" s="10"/>
    </row>
    <row r="429855" spans="14:14">
      <c r="N429855" s="10"/>
    </row>
    <row r="429856" spans="14:14">
      <c r="N429856" s="10"/>
    </row>
    <row r="429857" spans="14:14">
      <c r="N429857" s="10"/>
    </row>
    <row r="429858" spans="14:14">
      <c r="N429858" s="10"/>
    </row>
    <row r="429859" spans="14:14">
      <c r="N429859" s="10"/>
    </row>
    <row r="429860" spans="14:14">
      <c r="N429860" s="10"/>
    </row>
    <row r="429861" spans="14:14">
      <c r="N429861" s="10"/>
    </row>
    <row r="429862" spans="14:14">
      <c r="N429862" s="10"/>
    </row>
    <row r="429863" spans="14:14">
      <c r="N429863" s="10"/>
    </row>
    <row r="429864" spans="14:14">
      <c r="N429864" s="10"/>
    </row>
    <row r="429865" spans="14:14">
      <c r="N429865" s="10"/>
    </row>
    <row r="429866" spans="14:14">
      <c r="N429866" s="10"/>
    </row>
    <row r="429867" spans="14:14">
      <c r="N429867" s="10"/>
    </row>
    <row r="429868" spans="14:14">
      <c r="N429868" s="10"/>
    </row>
    <row r="429869" spans="14:14">
      <c r="N429869" s="10"/>
    </row>
    <row r="429870" spans="14:14">
      <c r="N429870" s="10"/>
    </row>
    <row r="429871" spans="14:14">
      <c r="N429871" s="10"/>
    </row>
    <row r="429872" spans="14:14">
      <c r="N429872" s="10"/>
    </row>
    <row r="429873" spans="14:14">
      <c r="N429873" s="10"/>
    </row>
    <row r="429874" spans="14:14">
      <c r="N429874" s="10"/>
    </row>
    <row r="429875" spans="14:14">
      <c r="N429875" s="10"/>
    </row>
    <row r="429876" spans="14:14">
      <c r="N429876" s="10"/>
    </row>
    <row r="429877" spans="14:14">
      <c r="N429877" s="10"/>
    </row>
    <row r="429878" spans="14:14">
      <c r="N429878" s="10"/>
    </row>
    <row r="429879" spans="14:14">
      <c r="N429879" s="10"/>
    </row>
    <row r="429880" spans="14:14">
      <c r="N429880" s="10"/>
    </row>
    <row r="429881" spans="14:14">
      <c r="N429881" s="10"/>
    </row>
    <row r="429882" spans="14:14">
      <c r="N429882" s="10"/>
    </row>
    <row r="429883" spans="14:14">
      <c r="N429883" s="10"/>
    </row>
    <row r="429884" spans="14:14">
      <c r="N429884" s="10"/>
    </row>
    <row r="429885" spans="14:14">
      <c r="N429885" s="10"/>
    </row>
    <row r="429886" spans="14:14">
      <c r="N429886" s="10"/>
    </row>
    <row r="429887" spans="14:14">
      <c r="N429887" s="10"/>
    </row>
    <row r="429888" spans="14:14">
      <c r="N429888" s="10"/>
    </row>
    <row r="429889" spans="14:14">
      <c r="N429889" s="10"/>
    </row>
    <row r="429890" spans="14:14">
      <c r="N429890" s="10"/>
    </row>
    <row r="429891" spans="14:14">
      <c r="N429891" s="10"/>
    </row>
    <row r="429892" spans="14:14">
      <c r="N429892" s="10"/>
    </row>
    <row r="429893" spans="14:14">
      <c r="N429893" s="10"/>
    </row>
    <row r="429894" spans="14:14">
      <c r="N429894" s="10"/>
    </row>
    <row r="429895" spans="14:14">
      <c r="N429895" s="10"/>
    </row>
    <row r="429896" spans="14:14">
      <c r="N429896" s="10"/>
    </row>
    <row r="429897" spans="14:14">
      <c r="N429897" s="10"/>
    </row>
    <row r="429898" spans="14:14">
      <c r="N429898" s="10"/>
    </row>
    <row r="429899" spans="14:14">
      <c r="N429899" s="10"/>
    </row>
    <row r="429900" spans="14:14">
      <c r="N429900" s="10"/>
    </row>
    <row r="429901" spans="14:14">
      <c r="N429901" s="10"/>
    </row>
    <row r="429902" spans="14:14">
      <c r="N429902" s="10"/>
    </row>
    <row r="429903" spans="14:14">
      <c r="N429903" s="10"/>
    </row>
    <row r="429904" spans="14:14">
      <c r="N429904" s="10"/>
    </row>
    <row r="429905" spans="14:14">
      <c r="N429905" s="10"/>
    </row>
    <row r="429906" spans="14:14">
      <c r="N429906" s="10"/>
    </row>
    <row r="429907" spans="14:14">
      <c r="N429907" s="10"/>
    </row>
    <row r="429908" spans="14:14">
      <c r="N429908" s="10"/>
    </row>
    <row r="429909" spans="14:14">
      <c r="N429909" s="10"/>
    </row>
    <row r="429910" spans="14:14">
      <c r="N429910" s="10"/>
    </row>
    <row r="429911" spans="14:14">
      <c r="N429911" s="10"/>
    </row>
    <row r="429912" spans="14:14">
      <c r="N429912" s="10"/>
    </row>
    <row r="429913" spans="14:14">
      <c r="N429913" s="10"/>
    </row>
    <row r="429914" spans="14:14">
      <c r="N429914" s="10"/>
    </row>
    <row r="429915" spans="14:14">
      <c r="N429915" s="10"/>
    </row>
    <row r="429916" spans="14:14">
      <c r="N429916" s="10"/>
    </row>
    <row r="429917" spans="14:14">
      <c r="N429917" s="10"/>
    </row>
    <row r="429918" spans="14:14">
      <c r="N429918" s="10"/>
    </row>
    <row r="429919" spans="14:14">
      <c r="N429919" s="10"/>
    </row>
    <row r="429920" spans="14:14">
      <c r="N429920" s="10"/>
    </row>
    <row r="429921" spans="14:14">
      <c r="N429921" s="10"/>
    </row>
    <row r="429922" spans="14:14">
      <c r="N429922" s="10"/>
    </row>
    <row r="429923" spans="14:14">
      <c r="N429923" s="10"/>
    </row>
    <row r="429924" spans="14:14">
      <c r="N429924" s="10"/>
    </row>
    <row r="429925" spans="14:14">
      <c r="N429925" s="10"/>
    </row>
    <row r="429926" spans="14:14">
      <c r="N429926" s="10"/>
    </row>
    <row r="429927" spans="14:14">
      <c r="N429927" s="10"/>
    </row>
    <row r="429928" spans="14:14">
      <c r="N429928" s="10"/>
    </row>
    <row r="429929" spans="14:14">
      <c r="N429929" s="10"/>
    </row>
    <row r="429930" spans="14:14">
      <c r="N429930" s="10"/>
    </row>
    <row r="429931" spans="14:14">
      <c r="N429931" s="10"/>
    </row>
    <row r="429932" spans="14:14">
      <c r="N429932" s="10"/>
    </row>
    <row r="429933" spans="14:14">
      <c r="N429933" s="10"/>
    </row>
    <row r="429934" spans="14:14">
      <c r="N429934" s="10"/>
    </row>
    <row r="429935" spans="14:14">
      <c r="N429935" s="10"/>
    </row>
    <row r="429936" spans="14:14">
      <c r="N429936" s="10"/>
    </row>
    <row r="429937" spans="14:14">
      <c r="N429937" s="10"/>
    </row>
    <row r="429938" spans="14:14">
      <c r="N429938" s="10"/>
    </row>
    <row r="429939" spans="14:14">
      <c r="N429939" s="10"/>
    </row>
    <row r="429940" spans="14:14">
      <c r="N429940" s="10"/>
    </row>
    <row r="429941" spans="14:14">
      <c r="N429941" s="10"/>
    </row>
    <row r="429942" spans="14:14">
      <c r="N429942" s="10"/>
    </row>
    <row r="429943" spans="14:14">
      <c r="N429943" s="10"/>
    </row>
    <row r="429944" spans="14:14">
      <c r="N429944" s="10"/>
    </row>
    <row r="429945" spans="14:14">
      <c r="N429945" s="10"/>
    </row>
    <row r="429946" spans="14:14">
      <c r="N429946" s="10"/>
    </row>
    <row r="429947" spans="14:14">
      <c r="N429947" s="10"/>
    </row>
    <row r="429948" spans="14:14">
      <c r="N429948" s="10"/>
    </row>
    <row r="429949" spans="14:14">
      <c r="N429949" s="10"/>
    </row>
    <row r="429950" spans="14:14">
      <c r="N429950" s="10"/>
    </row>
    <row r="429951" spans="14:14">
      <c r="N429951" s="10"/>
    </row>
    <row r="429952" spans="14:14">
      <c r="N429952" s="10"/>
    </row>
    <row r="429953" spans="14:14">
      <c r="N429953" s="10"/>
    </row>
    <row r="429954" spans="14:14">
      <c r="N429954" s="10"/>
    </row>
    <row r="429955" spans="14:14">
      <c r="N429955" s="10"/>
    </row>
    <row r="429956" spans="14:14">
      <c r="N429956" s="10"/>
    </row>
    <row r="429957" spans="14:14">
      <c r="N429957" s="10"/>
    </row>
    <row r="429958" spans="14:14">
      <c r="N429958" s="10"/>
    </row>
    <row r="429959" spans="14:14">
      <c r="N429959" s="10"/>
    </row>
    <row r="429960" spans="14:14">
      <c r="N429960" s="10"/>
    </row>
    <row r="429961" spans="14:14">
      <c r="N429961" s="10"/>
    </row>
    <row r="429962" spans="14:14">
      <c r="N429962" s="10"/>
    </row>
    <row r="429963" spans="14:14">
      <c r="N429963" s="10"/>
    </row>
    <row r="429964" spans="14:14">
      <c r="N429964" s="10"/>
    </row>
    <row r="429965" spans="14:14">
      <c r="N429965" s="10"/>
    </row>
    <row r="429966" spans="14:14">
      <c r="N429966" s="10"/>
    </row>
    <row r="429967" spans="14:14">
      <c r="N429967" s="10"/>
    </row>
    <row r="429968" spans="14:14">
      <c r="N429968" s="10"/>
    </row>
    <row r="429969" spans="14:14">
      <c r="N429969" s="10"/>
    </row>
    <row r="429970" spans="14:14">
      <c r="N429970" s="10"/>
    </row>
    <row r="429971" spans="14:14">
      <c r="N429971" s="10"/>
    </row>
    <row r="429972" spans="14:14">
      <c r="N429972" s="10"/>
    </row>
    <row r="429973" spans="14:14">
      <c r="N429973" s="10"/>
    </row>
    <row r="429974" spans="14:14">
      <c r="N429974" s="10"/>
    </row>
    <row r="429975" spans="14:14">
      <c r="N429975" s="10"/>
    </row>
    <row r="429976" spans="14:14">
      <c r="N429976" s="10"/>
    </row>
    <row r="429977" spans="14:14">
      <c r="N429977" s="10"/>
    </row>
    <row r="429978" spans="14:14">
      <c r="N429978" s="10"/>
    </row>
    <row r="429979" spans="14:14">
      <c r="N429979" s="10"/>
    </row>
    <row r="429980" spans="14:14">
      <c r="N429980" s="10"/>
    </row>
    <row r="429981" spans="14:14">
      <c r="N429981" s="10"/>
    </row>
    <row r="429982" spans="14:14">
      <c r="N429982" s="10"/>
    </row>
    <row r="429983" spans="14:14">
      <c r="N429983" s="10"/>
    </row>
    <row r="429984" spans="14:14">
      <c r="N429984" s="10"/>
    </row>
    <row r="429985" spans="14:14">
      <c r="N429985" s="10"/>
    </row>
    <row r="429986" spans="14:14">
      <c r="N429986" s="10"/>
    </row>
    <row r="429987" spans="14:14">
      <c r="N429987" s="10"/>
    </row>
    <row r="429988" spans="14:14">
      <c r="N429988" s="10"/>
    </row>
    <row r="429989" spans="14:14">
      <c r="N429989" s="10"/>
    </row>
    <row r="429990" spans="14:14">
      <c r="N429990" s="10"/>
    </row>
    <row r="429991" spans="14:14">
      <c r="N429991" s="10"/>
    </row>
    <row r="429992" spans="14:14">
      <c r="N429992" s="10"/>
    </row>
    <row r="429993" spans="14:14">
      <c r="N429993" s="10"/>
    </row>
    <row r="429994" spans="14:14">
      <c r="N429994" s="10"/>
    </row>
    <row r="429995" spans="14:14">
      <c r="N429995" s="10"/>
    </row>
    <row r="429996" spans="14:14">
      <c r="N429996" s="10"/>
    </row>
    <row r="429997" spans="14:14">
      <c r="N429997" s="10"/>
    </row>
    <row r="429998" spans="14:14">
      <c r="N429998" s="10"/>
    </row>
    <row r="429999" spans="14:14">
      <c r="N429999" s="10"/>
    </row>
    <row r="430000" spans="14:14">
      <c r="N430000" s="10"/>
    </row>
    <row r="430001" spans="14:14">
      <c r="N430001" s="10"/>
    </row>
    <row r="430002" spans="14:14">
      <c r="N430002" s="10"/>
    </row>
    <row r="430003" spans="14:14">
      <c r="N430003" s="10"/>
    </row>
    <row r="430004" spans="14:14">
      <c r="N430004" s="10"/>
    </row>
    <row r="430005" spans="14:14">
      <c r="N430005" s="10"/>
    </row>
    <row r="430006" spans="14:14">
      <c r="N430006" s="10"/>
    </row>
    <row r="430007" spans="14:14">
      <c r="N430007" s="10"/>
    </row>
    <row r="430008" spans="14:14">
      <c r="N430008" s="10"/>
    </row>
    <row r="430009" spans="14:14">
      <c r="N430009" s="10"/>
    </row>
    <row r="430010" spans="14:14">
      <c r="N430010" s="10"/>
    </row>
    <row r="430011" spans="14:14">
      <c r="N430011" s="10"/>
    </row>
    <row r="430012" spans="14:14">
      <c r="N430012" s="10"/>
    </row>
    <row r="430013" spans="14:14">
      <c r="N430013" s="10"/>
    </row>
    <row r="430014" spans="14:14">
      <c r="N430014" s="10"/>
    </row>
    <row r="430015" spans="14:14">
      <c r="N430015" s="10"/>
    </row>
    <row r="430016" spans="14:14">
      <c r="N430016" s="10"/>
    </row>
    <row r="430017" spans="14:14">
      <c r="N430017" s="10"/>
    </row>
    <row r="430018" spans="14:14">
      <c r="N430018" s="10"/>
    </row>
    <row r="430019" spans="14:14">
      <c r="N430019" s="10"/>
    </row>
    <row r="430020" spans="14:14">
      <c r="N430020" s="10"/>
    </row>
    <row r="430021" spans="14:14">
      <c r="N430021" s="10"/>
    </row>
    <row r="430022" spans="14:14">
      <c r="N430022" s="10"/>
    </row>
    <row r="430023" spans="14:14">
      <c r="N430023" s="10"/>
    </row>
    <row r="430024" spans="14:14">
      <c r="N430024" s="10"/>
    </row>
    <row r="430025" spans="14:14">
      <c r="N430025" s="10"/>
    </row>
    <row r="430026" spans="14:14">
      <c r="N430026" s="10"/>
    </row>
    <row r="430027" spans="14:14">
      <c r="N430027" s="10"/>
    </row>
    <row r="430028" spans="14:14">
      <c r="N430028" s="10"/>
    </row>
    <row r="430029" spans="14:14">
      <c r="N430029" s="10"/>
    </row>
    <row r="430030" spans="14:14">
      <c r="N430030" s="10"/>
    </row>
    <row r="430031" spans="14:14">
      <c r="N430031" s="10"/>
    </row>
    <row r="430032" spans="14:14">
      <c r="N430032" s="10"/>
    </row>
    <row r="430033" spans="14:14">
      <c r="N430033" s="10"/>
    </row>
    <row r="430034" spans="14:14">
      <c r="N430034" s="10"/>
    </row>
    <row r="430035" spans="14:14">
      <c r="N430035" s="10"/>
    </row>
    <row r="430036" spans="14:14">
      <c r="N430036" s="10"/>
    </row>
    <row r="430037" spans="14:14">
      <c r="N430037" s="10"/>
    </row>
    <row r="430038" spans="14:14">
      <c r="N430038" s="10"/>
    </row>
    <row r="430039" spans="14:14">
      <c r="N430039" s="10"/>
    </row>
    <row r="430040" spans="14:14">
      <c r="N430040" s="10"/>
    </row>
    <row r="430041" spans="14:14">
      <c r="N430041" s="10"/>
    </row>
    <row r="430042" spans="14:14">
      <c r="N430042" s="10"/>
    </row>
    <row r="430043" spans="14:14">
      <c r="N430043" s="10"/>
    </row>
    <row r="430044" spans="14:14">
      <c r="N430044" s="10"/>
    </row>
    <row r="430045" spans="14:14">
      <c r="N430045" s="10"/>
    </row>
    <row r="430046" spans="14:14">
      <c r="N430046" s="10"/>
    </row>
    <row r="430047" spans="14:14">
      <c r="N430047" s="10"/>
    </row>
    <row r="430048" spans="14:14">
      <c r="N430048" s="10"/>
    </row>
    <row r="430049" spans="14:14">
      <c r="N430049" s="10"/>
    </row>
    <row r="430050" spans="14:14">
      <c r="N430050" s="10"/>
    </row>
    <row r="430051" spans="14:14">
      <c r="N430051" s="10"/>
    </row>
    <row r="430052" spans="14:14">
      <c r="N430052" s="10"/>
    </row>
    <row r="430053" spans="14:14">
      <c r="N430053" s="10"/>
    </row>
    <row r="430054" spans="14:14">
      <c r="N430054" s="10"/>
    </row>
    <row r="430055" spans="14:14">
      <c r="N430055" s="10"/>
    </row>
    <row r="430056" spans="14:14">
      <c r="N430056" s="10"/>
    </row>
    <row r="430057" spans="14:14">
      <c r="N430057" s="10"/>
    </row>
    <row r="430058" spans="14:14">
      <c r="N430058" s="10"/>
    </row>
    <row r="430059" spans="14:14">
      <c r="N430059" s="10"/>
    </row>
    <row r="430060" spans="14:14">
      <c r="N430060" s="10"/>
    </row>
    <row r="430061" spans="14:14">
      <c r="N430061" s="10"/>
    </row>
    <row r="430062" spans="14:14">
      <c r="N430062" s="10"/>
    </row>
    <row r="430063" spans="14:14">
      <c r="N430063" s="10"/>
    </row>
    <row r="430064" spans="14:14">
      <c r="N430064" s="10"/>
    </row>
    <row r="430065" spans="14:14">
      <c r="N430065" s="10"/>
    </row>
    <row r="430066" spans="14:14">
      <c r="N430066" s="10"/>
    </row>
    <row r="430067" spans="14:14">
      <c r="N430067" s="10"/>
    </row>
    <row r="430068" spans="14:14">
      <c r="N430068" s="10"/>
    </row>
    <row r="430069" spans="14:14">
      <c r="N430069" s="10"/>
    </row>
    <row r="430070" spans="14:14">
      <c r="N430070" s="10"/>
    </row>
    <row r="430071" spans="14:14">
      <c r="N430071" s="10"/>
    </row>
    <row r="430072" spans="14:14">
      <c r="N430072" s="10"/>
    </row>
    <row r="430073" spans="14:14">
      <c r="N430073" s="10"/>
    </row>
    <row r="430074" spans="14:14">
      <c r="N430074" s="10"/>
    </row>
    <row r="430075" spans="14:14">
      <c r="N430075" s="10"/>
    </row>
    <row r="430076" spans="14:14">
      <c r="N430076" s="10"/>
    </row>
    <row r="430077" spans="14:14">
      <c r="N430077" s="10"/>
    </row>
    <row r="430078" spans="14:14">
      <c r="N430078" s="10"/>
    </row>
    <row r="430079" spans="14:14">
      <c r="N430079" s="10"/>
    </row>
    <row r="430080" spans="14:14">
      <c r="N430080" s="10"/>
    </row>
    <row r="430081" spans="14:14">
      <c r="N430081" s="10"/>
    </row>
    <row r="430082" spans="14:14">
      <c r="N430082" s="10"/>
    </row>
    <row r="430083" spans="14:14">
      <c r="N430083" s="10"/>
    </row>
    <row r="430084" spans="14:14">
      <c r="N430084" s="10"/>
    </row>
    <row r="430085" spans="14:14">
      <c r="N430085" s="10"/>
    </row>
    <row r="430086" spans="14:14">
      <c r="N430086" s="10"/>
    </row>
    <row r="430087" spans="14:14">
      <c r="N430087" s="10"/>
    </row>
    <row r="430088" spans="14:14">
      <c r="N430088" s="10"/>
    </row>
    <row r="430089" spans="14:14">
      <c r="N430089" s="10"/>
    </row>
    <row r="430090" spans="14:14">
      <c r="N430090" s="10"/>
    </row>
    <row r="430091" spans="14:14">
      <c r="N430091" s="10"/>
    </row>
    <row r="430092" spans="14:14">
      <c r="N430092" s="10"/>
    </row>
    <row r="430093" spans="14:14">
      <c r="N430093" s="10"/>
    </row>
    <row r="430094" spans="14:14">
      <c r="N430094" s="10"/>
    </row>
    <row r="430095" spans="14:14">
      <c r="N430095" s="10"/>
    </row>
    <row r="430096" spans="14:14">
      <c r="N430096" s="10"/>
    </row>
    <row r="430097" spans="14:14">
      <c r="N430097" s="10"/>
    </row>
    <row r="430098" spans="14:14">
      <c r="N430098" s="10"/>
    </row>
    <row r="430099" spans="14:14">
      <c r="N430099" s="10"/>
    </row>
    <row r="430100" spans="14:14">
      <c r="N430100" s="10"/>
    </row>
    <row r="430101" spans="14:14">
      <c r="N430101" s="10"/>
    </row>
    <row r="430102" spans="14:14">
      <c r="N430102" s="10"/>
    </row>
    <row r="430103" spans="14:14">
      <c r="N430103" s="10"/>
    </row>
    <row r="430104" spans="14:14">
      <c r="N430104" s="10"/>
    </row>
    <row r="430105" spans="14:14">
      <c r="N430105" s="10"/>
    </row>
    <row r="430106" spans="14:14">
      <c r="N430106" s="10"/>
    </row>
    <row r="430107" spans="14:14">
      <c r="N430107" s="10"/>
    </row>
    <row r="430108" spans="14:14">
      <c r="N430108" s="10"/>
    </row>
    <row r="430109" spans="14:14">
      <c r="N430109" s="10"/>
    </row>
    <row r="430110" spans="14:14">
      <c r="N430110" s="10"/>
    </row>
    <row r="430111" spans="14:14">
      <c r="N430111" s="10"/>
    </row>
    <row r="430112" spans="14:14">
      <c r="N430112" s="10"/>
    </row>
    <row r="430113" spans="14:14">
      <c r="N430113" s="10"/>
    </row>
    <row r="430114" spans="14:14">
      <c r="N430114" s="10"/>
    </row>
    <row r="430115" spans="14:14">
      <c r="N430115" s="10"/>
    </row>
    <row r="430116" spans="14:14">
      <c r="N430116" s="10"/>
    </row>
    <row r="430117" spans="14:14">
      <c r="N430117" s="10"/>
    </row>
    <row r="430118" spans="14:14">
      <c r="N430118" s="10"/>
    </row>
    <row r="430119" spans="14:14">
      <c r="N430119" s="10"/>
    </row>
    <row r="430120" spans="14:14">
      <c r="N430120" s="10"/>
    </row>
    <row r="430121" spans="14:14">
      <c r="N430121" s="10"/>
    </row>
    <row r="430122" spans="14:14">
      <c r="N430122" s="10"/>
    </row>
    <row r="430123" spans="14:14">
      <c r="N430123" s="10"/>
    </row>
    <row r="430124" spans="14:14">
      <c r="N430124" s="10"/>
    </row>
    <row r="430125" spans="14:14">
      <c r="N430125" s="10"/>
    </row>
    <row r="430126" spans="14:14">
      <c r="N430126" s="10"/>
    </row>
    <row r="430127" spans="14:14">
      <c r="N430127" s="10"/>
    </row>
    <row r="430128" spans="14:14">
      <c r="N430128" s="10"/>
    </row>
    <row r="430129" spans="14:14">
      <c r="N430129" s="10"/>
    </row>
    <row r="430130" spans="14:14">
      <c r="N430130" s="10"/>
    </row>
    <row r="430131" spans="14:14">
      <c r="N430131" s="10"/>
    </row>
    <row r="430132" spans="14:14">
      <c r="N430132" s="10"/>
    </row>
    <row r="430133" spans="14:14">
      <c r="N430133" s="10"/>
    </row>
    <row r="430134" spans="14:14">
      <c r="N430134" s="10"/>
    </row>
    <row r="430135" spans="14:14">
      <c r="N430135" s="10"/>
    </row>
    <row r="430136" spans="14:14">
      <c r="N430136" s="10"/>
    </row>
    <row r="430137" spans="14:14">
      <c r="N430137" s="10"/>
    </row>
    <row r="430138" spans="14:14">
      <c r="N430138" s="10"/>
    </row>
    <row r="430139" spans="14:14">
      <c r="N430139" s="10"/>
    </row>
    <row r="430140" spans="14:14">
      <c r="N430140" s="10"/>
    </row>
    <row r="430141" spans="14:14">
      <c r="N430141" s="10"/>
    </row>
    <row r="430142" spans="14:14">
      <c r="N430142" s="10"/>
    </row>
    <row r="430143" spans="14:14">
      <c r="N430143" s="10"/>
    </row>
    <row r="430144" spans="14:14">
      <c r="N430144" s="10"/>
    </row>
    <row r="430145" spans="14:14">
      <c r="N430145" s="10"/>
    </row>
    <row r="430146" spans="14:14">
      <c r="N430146" s="10"/>
    </row>
    <row r="430147" spans="14:14">
      <c r="N430147" s="10"/>
    </row>
    <row r="430148" spans="14:14">
      <c r="N430148" s="10"/>
    </row>
    <row r="430149" spans="14:14">
      <c r="N430149" s="10"/>
    </row>
    <row r="430150" spans="14:14">
      <c r="N430150" s="10"/>
    </row>
    <row r="430151" spans="14:14">
      <c r="N430151" s="10"/>
    </row>
    <row r="430152" spans="14:14">
      <c r="N430152" s="10"/>
    </row>
    <row r="430153" spans="14:14">
      <c r="N430153" s="10"/>
    </row>
    <row r="430154" spans="14:14">
      <c r="N430154" s="10"/>
    </row>
    <row r="430155" spans="14:14">
      <c r="N430155" s="10"/>
    </row>
    <row r="430156" spans="14:14">
      <c r="N430156" s="10"/>
    </row>
    <row r="430157" spans="14:14">
      <c r="N430157" s="10"/>
    </row>
    <row r="430158" spans="14:14">
      <c r="N430158" s="10"/>
    </row>
    <row r="430159" spans="14:14">
      <c r="N430159" s="10"/>
    </row>
    <row r="430160" spans="14:14">
      <c r="N430160" s="10"/>
    </row>
    <row r="430161" spans="14:14">
      <c r="N430161" s="10"/>
    </row>
    <row r="430162" spans="14:14">
      <c r="N430162" s="10"/>
    </row>
    <row r="430163" spans="14:14">
      <c r="N430163" s="10"/>
    </row>
    <row r="430164" spans="14:14">
      <c r="N430164" s="10"/>
    </row>
    <row r="430165" spans="14:14">
      <c r="N430165" s="10"/>
    </row>
    <row r="430166" spans="14:14">
      <c r="N430166" s="10"/>
    </row>
    <row r="430167" spans="14:14">
      <c r="N430167" s="10"/>
    </row>
    <row r="430168" spans="14:14">
      <c r="N430168" s="10"/>
    </row>
    <row r="430169" spans="14:14">
      <c r="N430169" s="10"/>
    </row>
    <row r="430170" spans="14:14">
      <c r="N430170" s="10"/>
    </row>
    <row r="430171" spans="14:14">
      <c r="N430171" s="10"/>
    </row>
    <row r="430172" spans="14:14">
      <c r="N430172" s="10"/>
    </row>
    <row r="430173" spans="14:14">
      <c r="N430173" s="10"/>
    </row>
    <row r="430174" spans="14:14">
      <c r="N430174" s="10"/>
    </row>
    <row r="430175" spans="14:14">
      <c r="N430175" s="10"/>
    </row>
    <row r="430176" spans="14:14">
      <c r="N430176" s="10"/>
    </row>
    <row r="430177" spans="14:14">
      <c r="N430177" s="10"/>
    </row>
    <row r="430178" spans="14:14">
      <c r="N430178" s="10"/>
    </row>
    <row r="430179" spans="14:14">
      <c r="N430179" s="10"/>
    </row>
    <row r="430180" spans="14:14">
      <c r="N430180" s="10"/>
    </row>
    <row r="430181" spans="14:14">
      <c r="N430181" s="10"/>
    </row>
    <row r="430182" spans="14:14">
      <c r="N430182" s="10"/>
    </row>
    <row r="430183" spans="14:14">
      <c r="N430183" s="10"/>
    </row>
    <row r="430184" spans="14:14">
      <c r="N430184" s="10"/>
    </row>
    <row r="430185" spans="14:14">
      <c r="N430185" s="10"/>
    </row>
    <row r="430186" spans="14:14">
      <c r="N430186" s="10"/>
    </row>
    <row r="430187" spans="14:14">
      <c r="N430187" s="10"/>
    </row>
    <row r="430188" spans="14:14">
      <c r="N430188" s="10"/>
    </row>
    <row r="430189" spans="14:14">
      <c r="N430189" s="10"/>
    </row>
    <row r="430190" spans="14:14">
      <c r="N430190" s="10"/>
    </row>
    <row r="430191" spans="14:14">
      <c r="N430191" s="10"/>
    </row>
    <row r="430192" spans="14:14">
      <c r="N430192" s="10"/>
    </row>
    <row r="430193" spans="14:14">
      <c r="N430193" s="10"/>
    </row>
    <row r="430194" spans="14:14">
      <c r="N430194" s="10"/>
    </row>
    <row r="430195" spans="14:14">
      <c r="N430195" s="10"/>
    </row>
    <row r="430196" spans="14:14">
      <c r="N430196" s="10"/>
    </row>
    <row r="430197" spans="14:14">
      <c r="N430197" s="10"/>
    </row>
    <row r="430198" spans="14:14">
      <c r="N430198" s="10"/>
    </row>
    <row r="430199" spans="14:14">
      <c r="N430199" s="10"/>
    </row>
    <row r="430200" spans="14:14">
      <c r="N430200" s="10"/>
    </row>
    <row r="430201" spans="14:14">
      <c r="N430201" s="10"/>
    </row>
    <row r="430202" spans="14:14">
      <c r="N430202" s="10"/>
    </row>
    <row r="430203" spans="14:14">
      <c r="N430203" s="10"/>
    </row>
    <row r="430204" spans="14:14">
      <c r="N430204" s="10"/>
    </row>
    <row r="430205" spans="14:14">
      <c r="N430205" s="10"/>
    </row>
    <row r="430206" spans="14:14">
      <c r="N430206" s="10"/>
    </row>
    <row r="430207" spans="14:14">
      <c r="N430207" s="10"/>
    </row>
    <row r="430208" spans="14:14">
      <c r="N430208" s="10"/>
    </row>
    <row r="430209" spans="14:14">
      <c r="N430209" s="10"/>
    </row>
    <row r="430210" spans="14:14">
      <c r="N430210" s="10"/>
    </row>
    <row r="430211" spans="14:14">
      <c r="N430211" s="10"/>
    </row>
    <row r="430212" spans="14:14">
      <c r="N430212" s="10"/>
    </row>
    <row r="430213" spans="14:14">
      <c r="N430213" s="10"/>
    </row>
    <row r="430214" spans="14:14">
      <c r="N430214" s="10"/>
    </row>
    <row r="430215" spans="14:14">
      <c r="N430215" s="10"/>
    </row>
    <row r="430216" spans="14:14">
      <c r="N430216" s="10"/>
    </row>
    <row r="430217" spans="14:14">
      <c r="N430217" s="10"/>
    </row>
    <row r="430218" spans="14:14">
      <c r="N430218" s="10"/>
    </row>
    <row r="430219" spans="14:14">
      <c r="N430219" s="10"/>
    </row>
    <row r="430220" spans="14:14">
      <c r="N430220" s="10"/>
    </row>
    <row r="430221" spans="14:14">
      <c r="N430221" s="10"/>
    </row>
    <row r="430222" spans="14:14">
      <c r="N430222" s="10"/>
    </row>
    <row r="430223" spans="14:14">
      <c r="N430223" s="10"/>
    </row>
    <row r="430224" spans="14:14">
      <c r="N430224" s="10"/>
    </row>
    <row r="430225" spans="14:14">
      <c r="N430225" s="10"/>
    </row>
    <row r="430226" spans="14:14">
      <c r="N430226" s="10"/>
    </row>
    <row r="430227" spans="14:14">
      <c r="N430227" s="10"/>
    </row>
    <row r="430228" spans="14:14">
      <c r="N430228" s="10"/>
    </row>
    <row r="430229" spans="14:14">
      <c r="N430229" s="10"/>
    </row>
    <row r="430230" spans="14:14">
      <c r="N430230" s="10"/>
    </row>
    <row r="430231" spans="14:14">
      <c r="N430231" s="10"/>
    </row>
    <row r="430232" spans="14:14">
      <c r="N430232" s="10"/>
    </row>
    <row r="430233" spans="14:14">
      <c r="N430233" s="10"/>
    </row>
    <row r="430234" spans="14:14">
      <c r="N430234" s="10"/>
    </row>
    <row r="430235" spans="14:14">
      <c r="N430235" s="10"/>
    </row>
    <row r="430236" spans="14:14">
      <c r="N430236" s="10"/>
    </row>
    <row r="430237" spans="14:14">
      <c r="N430237" s="10"/>
    </row>
    <row r="430238" spans="14:14">
      <c r="N430238" s="10"/>
    </row>
    <row r="430239" spans="14:14">
      <c r="N430239" s="10"/>
    </row>
    <row r="430240" spans="14:14">
      <c r="N430240" s="10"/>
    </row>
    <row r="430241" spans="14:14">
      <c r="N430241" s="10"/>
    </row>
    <row r="430242" spans="14:14">
      <c r="N430242" s="10"/>
    </row>
    <row r="430243" spans="14:14">
      <c r="N430243" s="10"/>
    </row>
    <row r="430244" spans="14:14">
      <c r="N430244" s="10"/>
    </row>
    <row r="430245" spans="14:14">
      <c r="N430245" s="10"/>
    </row>
    <row r="430246" spans="14:14">
      <c r="N430246" s="10"/>
    </row>
    <row r="430247" spans="14:14">
      <c r="N430247" s="10"/>
    </row>
    <row r="430248" spans="14:14">
      <c r="N430248" s="10"/>
    </row>
    <row r="430249" spans="14:14">
      <c r="N430249" s="10"/>
    </row>
    <row r="430250" spans="14:14">
      <c r="N430250" s="10"/>
    </row>
    <row r="430251" spans="14:14">
      <c r="N430251" s="10"/>
    </row>
    <row r="430252" spans="14:14">
      <c r="N430252" s="10"/>
    </row>
    <row r="430253" spans="14:14">
      <c r="N430253" s="10"/>
    </row>
    <row r="430254" spans="14:14">
      <c r="N430254" s="10"/>
    </row>
    <row r="430255" spans="14:14">
      <c r="N430255" s="10"/>
    </row>
    <row r="430256" spans="14:14">
      <c r="N430256" s="10"/>
    </row>
    <row r="430257" spans="14:14">
      <c r="N430257" s="10"/>
    </row>
    <row r="430258" spans="14:14">
      <c r="N430258" s="10"/>
    </row>
    <row r="430259" spans="14:14">
      <c r="N430259" s="10"/>
    </row>
    <row r="430260" spans="14:14">
      <c r="N430260" s="10"/>
    </row>
    <row r="430261" spans="14:14">
      <c r="N430261" s="10"/>
    </row>
    <row r="430262" spans="14:14">
      <c r="N430262" s="10"/>
    </row>
    <row r="430263" spans="14:14">
      <c r="N430263" s="10"/>
    </row>
    <row r="430264" spans="14:14">
      <c r="N430264" s="10"/>
    </row>
    <row r="430265" spans="14:14">
      <c r="N430265" s="10"/>
    </row>
    <row r="430266" spans="14:14">
      <c r="N430266" s="10"/>
    </row>
    <row r="430267" spans="14:14">
      <c r="N430267" s="10"/>
    </row>
    <row r="430268" spans="14:14">
      <c r="N430268" s="10"/>
    </row>
    <row r="430269" spans="14:14">
      <c r="N430269" s="10"/>
    </row>
    <row r="430270" spans="14:14">
      <c r="N430270" s="10"/>
    </row>
    <row r="430271" spans="14:14">
      <c r="N430271" s="10"/>
    </row>
    <row r="430272" spans="14:14">
      <c r="N430272" s="10"/>
    </row>
    <row r="430273" spans="14:14">
      <c r="N430273" s="10"/>
    </row>
    <row r="430274" spans="14:14">
      <c r="N430274" s="10"/>
    </row>
    <row r="430275" spans="14:14">
      <c r="N430275" s="10"/>
    </row>
    <row r="430276" spans="14:14">
      <c r="N430276" s="10"/>
    </row>
    <row r="430277" spans="14:14">
      <c r="N430277" s="10"/>
    </row>
    <row r="430278" spans="14:14">
      <c r="N430278" s="10"/>
    </row>
    <row r="430279" spans="14:14">
      <c r="N430279" s="10"/>
    </row>
    <row r="430280" spans="14:14">
      <c r="N430280" s="10"/>
    </row>
    <row r="430281" spans="14:14">
      <c r="N430281" s="10"/>
    </row>
    <row r="430282" spans="14:14">
      <c r="N430282" s="10"/>
    </row>
    <row r="430283" spans="14:14">
      <c r="N430283" s="10"/>
    </row>
    <row r="430284" spans="14:14">
      <c r="N430284" s="10"/>
    </row>
    <row r="430285" spans="14:14">
      <c r="N430285" s="10"/>
    </row>
    <row r="430286" spans="14:14">
      <c r="N430286" s="10"/>
    </row>
    <row r="430287" spans="14:14">
      <c r="N430287" s="10"/>
    </row>
    <row r="430288" spans="14:14">
      <c r="N430288" s="10"/>
    </row>
    <row r="430289" spans="14:14">
      <c r="N430289" s="10"/>
    </row>
    <row r="430290" spans="14:14">
      <c r="N430290" s="10"/>
    </row>
    <row r="430291" spans="14:14">
      <c r="N430291" s="10"/>
    </row>
    <row r="430292" spans="14:14">
      <c r="N430292" s="10"/>
    </row>
    <row r="430293" spans="14:14">
      <c r="N430293" s="10"/>
    </row>
    <row r="430294" spans="14:14">
      <c r="N430294" s="10"/>
    </row>
    <row r="430295" spans="14:14">
      <c r="N430295" s="10"/>
    </row>
    <row r="430296" spans="14:14">
      <c r="N430296" s="10"/>
    </row>
    <row r="430297" spans="14:14">
      <c r="N430297" s="10"/>
    </row>
    <row r="430298" spans="14:14">
      <c r="N430298" s="10"/>
    </row>
    <row r="430299" spans="14:14">
      <c r="N430299" s="10"/>
    </row>
    <row r="430300" spans="14:14">
      <c r="N430300" s="10"/>
    </row>
    <row r="430301" spans="14:14">
      <c r="N430301" s="10"/>
    </row>
    <row r="430302" spans="14:14">
      <c r="N430302" s="10"/>
    </row>
    <row r="430303" spans="14:14">
      <c r="N430303" s="10"/>
    </row>
    <row r="430304" spans="14:14">
      <c r="N430304" s="10"/>
    </row>
    <row r="430305" spans="14:14">
      <c r="N430305" s="10"/>
    </row>
    <row r="430306" spans="14:14">
      <c r="N430306" s="10"/>
    </row>
    <row r="430307" spans="14:14">
      <c r="N430307" s="10"/>
    </row>
    <row r="430308" spans="14:14">
      <c r="N430308" s="10"/>
    </row>
    <row r="430309" spans="14:14">
      <c r="N430309" s="10"/>
    </row>
    <row r="430310" spans="14:14">
      <c r="N430310" s="10"/>
    </row>
    <row r="430311" spans="14:14">
      <c r="N430311" s="10"/>
    </row>
    <row r="430312" spans="14:14">
      <c r="N430312" s="10"/>
    </row>
    <row r="430313" spans="14:14">
      <c r="N430313" s="10"/>
    </row>
    <row r="430314" spans="14:14">
      <c r="N430314" s="10"/>
    </row>
    <row r="430315" spans="14:14">
      <c r="N430315" s="10"/>
    </row>
    <row r="430316" spans="14:14">
      <c r="N430316" s="10"/>
    </row>
    <row r="430317" spans="14:14">
      <c r="N430317" s="10"/>
    </row>
    <row r="430318" spans="14:14">
      <c r="N430318" s="10"/>
    </row>
    <row r="430319" spans="14:14">
      <c r="N430319" s="10"/>
    </row>
    <row r="430320" spans="14:14">
      <c r="N430320" s="10"/>
    </row>
    <row r="430321" spans="14:14">
      <c r="N430321" s="10"/>
    </row>
    <row r="430322" spans="14:14">
      <c r="N430322" s="10"/>
    </row>
    <row r="430323" spans="14:14">
      <c r="N430323" s="10"/>
    </row>
    <row r="430324" spans="14:14">
      <c r="N430324" s="10"/>
    </row>
    <row r="430325" spans="14:14">
      <c r="N430325" s="10"/>
    </row>
    <row r="430326" spans="14:14">
      <c r="N430326" s="10"/>
    </row>
    <row r="430327" spans="14:14">
      <c r="N430327" s="10"/>
    </row>
    <row r="430328" spans="14:14">
      <c r="N430328" s="10"/>
    </row>
    <row r="430329" spans="14:14">
      <c r="N430329" s="10"/>
    </row>
    <row r="430330" spans="14:14">
      <c r="N430330" s="10"/>
    </row>
    <row r="430331" spans="14:14">
      <c r="N430331" s="10"/>
    </row>
    <row r="430332" spans="14:14">
      <c r="N430332" s="10"/>
    </row>
    <row r="430333" spans="14:14">
      <c r="N430333" s="10"/>
    </row>
    <row r="430334" spans="14:14">
      <c r="N430334" s="10"/>
    </row>
    <row r="430335" spans="14:14">
      <c r="N430335" s="10"/>
    </row>
    <row r="430336" spans="14:14">
      <c r="N430336" s="10"/>
    </row>
    <row r="430337" spans="14:14">
      <c r="N430337" s="10"/>
    </row>
    <row r="430338" spans="14:14">
      <c r="N430338" s="10"/>
    </row>
    <row r="430339" spans="14:14">
      <c r="N430339" s="10"/>
    </row>
    <row r="430340" spans="14:14">
      <c r="N430340" s="10"/>
    </row>
    <row r="430341" spans="14:14">
      <c r="N430341" s="10"/>
    </row>
    <row r="430342" spans="14:14">
      <c r="N430342" s="10"/>
    </row>
    <row r="430343" spans="14:14">
      <c r="N430343" s="10"/>
    </row>
    <row r="430344" spans="14:14">
      <c r="N430344" s="10"/>
    </row>
    <row r="430345" spans="14:14">
      <c r="N430345" s="10"/>
    </row>
    <row r="430346" spans="14:14">
      <c r="N430346" s="10"/>
    </row>
    <row r="430347" spans="14:14">
      <c r="N430347" s="10"/>
    </row>
    <row r="430348" spans="14:14">
      <c r="N430348" s="10"/>
    </row>
    <row r="430349" spans="14:14">
      <c r="N430349" s="10"/>
    </row>
    <row r="430350" spans="14:14">
      <c r="N430350" s="10"/>
    </row>
    <row r="430351" spans="14:14">
      <c r="N430351" s="10"/>
    </row>
    <row r="430352" spans="14:14">
      <c r="N430352" s="10"/>
    </row>
    <row r="430353" spans="14:14">
      <c r="N430353" s="10"/>
    </row>
    <row r="430354" spans="14:14">
      <c r="N430354" s="10"/>
    </row>
    <row r="430355" spans="14:14">
      <c r="N430355" s="10"/>
    </row>
    <row r="430356" spans="14:14">
      <c r="N430356" s="10"/>
    </row>
    <row r="430357" spans="14:14">
      <c r="N430357" s="10"/>
    </row>
    <row r="430358" spans="14:14">
      <c r="N430358" s="10"/>
    </row>
    <row r="430359" spans="14:14">
      <c r="N430359" s="10"/>
    </row>
    <row r="430360" spans="14:14">
      <c r="N430360" s="10"/>
    </row>
    <row r="430361" spans="14:14">
      <c r="N430361" s="10"/>
    </row>
    <row r="430362" spans="14:14">
      <c r="N430362" s="10"/>
    </row>
    <row r="430363" spans="14:14">
      <c r="N430363" s="10"/>
    </row>
    <row r="430364" spans="14:14">
      <c r="N430364" s="10"/>
    </row>
    <row r="430365" spans="14:14">
      <c r="N430365" s="10"/>
    </row>
    <row r="430366" spans="14:14">
      <c r="N430366" s="10"/>
    </row>
    <row r="430367" spans="14:14">
      <c r="N430367" s="10"/>
    </row>
    <row r="430368" spans="14:14">
      <c r="N430368" s="10"/>
    </row>
    <row r="430369" spans="14:14">
      <c r="N430369" s="10"/>
    </row>
    <row r="430370" spans="14:14">
      <c r="N430370" s="10"/>
    </row>
    <row r="430371" spans="14:14">
      <c r="N430371" s="10"/>
    </row>
    <row r="430372" spans="14:14">
      <c r="N430372" s="10"/>
    </row>
    <row r="430373" spans="14:14">
      <c r="N430373" s="10"/>
    </row>
    <row r="430374" spans="14:14">
      <c r="N430374" s="10"/>
    </row>
    <row r="430375" spans="14:14">
      <c r="N430375" s="10"/>
    </row>
    <row r="430376" spans="14:14">
      <c r="N430376" s="10"/>
    </row>
    <row r="430377" spans="14:14">
      <c r="N430377" s="10"/>
    </row>
    <row r="430378" spans="14:14">
      <c r="N430378" s="10"/>
    </row>
    <row r="430379" spans="14:14">
      <c r="N430379" s="10"/>
    </row>
    <row r="430380" spans="14:14">
      <c r="N430380" s="10"/>
    </row>
    <row r="430381" spans="14:14">
      <c r="N430381" s="10"/>
    </row>
    <row r="430382" spans="14:14">
      <c r="N430382" s="10"/>
    </row>
    <row r="430383" spans="14:14">
      <c r="N430383" s="10"/>
    </row>
    <row r="430384" spans="14:14">
      <c r="N430384" s="10"/>
    </row>
    <row r="430385" spans="14:14">
      <c r="N430385" s="10"/>
    </row>
    <row r="430386" spans="14:14">
      <c r="N430386" s="10"/>
    </row>
    <row r="430387" spans="14:14">
      <c r="N430387" s="10"/>
    </row>
    <row r="430388" spans="14:14">
      <c r="N430388" s="10"/>
    </row>
    <row r="430389" spans="14:14">
      <c r="N430389" s="10"/>
    </row>
    <row r="430390" spans="14:14">
      <c r="N430390" s="10"/>
    </row>
    <row r="430391" spans="14:14">
      <c r="N430391" s="10"/>
    </row>
    <row r="430392" spans="14:14">
      <c r="N430392" s="10"/>
    </row>
    <row r="430393" spans="14:14">
      <c r="N430393" s="10"/>
    </row>
    <row r="430394" spans="14:14">
      <c r="N430394" s="10"/>
    </row>
    <row r="430395" spans="14:14">
      <c r="N430395" s="10"/>
    </row>
    <row r="430396" spans="14:14">
      <c r="N430396" s="10"/>
    </row>
    <row r="430397" spans="14:14">
      <c r="N430397" s="10"/>
    </row>
    <row r="430398" spans="14:14">
      <c r="N430398" s="10"/>
    </row>
    <row r="430399" spans="14:14">
      <c r="N430399" s="10"/>
    </row>
    <row r="430400" spans="14:14">
      <c r="N430400" s="10"/>
    </row>
    <row r="430401" spans="14:14">
      <c r="N430401" s="10"/>
    </row>
    <row r="430402" spans="14:14">
      <c r="N430402" s="10"/>
    </row>
    <row r="430403" spans="14:14">
      <c r="N430403" s="10"/>
    </row>
    <row r="430404" spans="14:14">
      <c r="N430404" s="10"/>
    </row>
    <row r="430405" spans="14:14">
      <c r="N430405" s="10"/>
    </row>
    <row r="430406" spans="14:14">
      <c r="N430406" s="10"/>
    </row>
    <row r="430407" spans="14:14">
      <c r="N430407" s="10"/>
    </row>
    <row r="430408" spans="14:14">
      <c r="N430408" s="10"/>
    </row>
    <row r="430409" spans="14:14">
      <c r="N430409" s="10"/>
    </row>
    <row r="430410" spans="14:14">
      <c r="N430410" s="10"/>
    </row>
    <row r="430411" spans="14:14">
      <c r="N430411" s="10"/>
    </row>
    <row r="430412" spans="14:14">
      <c r="N430412" s="10"/>
    </row>
    <row r="430413" spans="14:14">
      <c r="N430413" s="10"/>
    </row>
    <row r="430414" spans="14:14">
      <c r="N430414" s="10"/>
    </row>
    <row r="430415" spans="14:14">
      <c r="N430415" s="10"/>
    </row>
    <row r="430416" spans="14:14">
      <c r="N430416" s="10"/>
    </row>
    <row r="430417" spans="14:14">
      <c r="N430417" s="10"/>
    </row>
    <row r="430418" spans="14:14">
      <c r="N430418" s="10"/>
    </row>
    <row r="430419" spans="14:14">
      <c r="N430419" s="10"/>
    </row>
    <row r="430420" spans="14:14">
      <c r="N430420" s="10"/>
    </row>
    <row r="430421" spans="14:14">
      <c r="N430421" s="10"/>
    </row>
    <row r="430422" spans="14:14">
      <c r="N430422" s="10"/>
    </row>
    <row r="430423" spans="14:14">
      <c r="N430423" s="10"/>
    </row>
    <row r="430424" spans="14:14">
      <c r="N430424" s="10"/>
    </row>
    <row r="430425" spans="14:14">
      <c r="N430425" s="10"/>
    </row>
    <row r="430426" spans="14:14">
      <c r="N430426" s="10"/>
    </row>
    <row r="430427" spans="14:14">
      <c r="N430427" s="10"/>
    </row>
    <row r="430428" spans="14:14">
      <c r="N430428" s="10"/>
    </row>
    <row r="430429" spans="14:14">
      <c r="N430429" s="10"/>
    </row>
    <row r="430430" spans="14:14">
      <c r="N430430" s="10"/>
    </row>
    <row r="430431" spans="14:14">
      <c r="N430431" s="10"/>
    </row>
    <row r="430432" spans="14:14">
      <c r="N430432" s="10"/>
    </row>
    <row r="430433" spans="14:14">
      <c r="N430433" s="10"/>
    </row>
    <row r="430434" spans="14:14">
      <c r="N430434" s="10"/>
    </row>
    <row r="430435" spans="14:14">
      <c r="N430435" s="10"/>
    </row>
    <row r="430436" spans="14:14">
      <c r="N430436" s="10"/>
    </row>
    <row r="430437" spans="14:14">
      <c r="N430437" s="10"/>
    </row>
    <row r="430438" spans="14:14">
      <c r="N430438" s="10"/>
    </row>
    <row r="430439" spans="14:14">
      <c r="N430439" s="10"/>
    </row>
    <row r="430440" spans="14:14">
      <c r="N430440" s="10"/>
    </row>
    <row r="430441" spans="14:14">
      <c r="N430441" s="10"/>
    </row>
    <row r="430442" spans="14:14">
      <c r="N430442" s="10"/>
    </row>
    <row r="430443" spans="14:14">
      <c r="N430443" s="10"/>
    </row>
    <row r="430444" spans="14:14">
      <c r="N430444" s="10"/>
    </row>
    <row r="430445" spans="14:14">
      <c r="N430445" s="10"/>
    </row>
    <row r="430446" spans="14:14">
      <c r="N430446" s="10"/>
    </row>
    <row r="430447" spans="14:14">
      <c r="N430447" s="10"/>
    </row>
    <row r="430448" spans="14:14">
      <c r="N430448" s="10"/>
    </row>
    <row r="430449" spans="14:14">
      <c r="N430449" s="10"/>
    </row>
    <row r="430450" spans="14:14">
      <c r="N430450" s="10"/>
    </row>
    <row r="430451" spans="14:14">
      <c r="N430451" s="10"/>
    </row>
    <row r="430452" spans="14:14">
      <c r="N430452" s="10"/>
    </row>
    <row r="430453" spans="14:14">
      <c r="N430453" s="10"/>
    </row>
    <row r="430454" spans="14:14">
      <c r="N430454" s="10"/>
    </row>
    <row r="430455" spans="14:14">
      <c r="N430455" s="10"/>
    </row>
    <row r="430456" spans="14:14">
      <c r="N430456" s="10"/>
    </row>
    <row r="430457" spans="14:14">
      <c r="N430457" s="10"/>
    </row>
    <row r="430458" spans="14:14">
      <c r="N430458" s="10"/>
    </row>
    <row r="430459" spans="14:14">
      <c r="N430459" s="10"/>
    </row>
    <row r="430460" spans="14:14">
      <c r="N430460" s="10"/>
    </row>
    <row r="430461" spans="14:14">
      <c r="N430461" s="10"/>
    </row>
    <row r="430462" spans="14:14">
      <c r="N430462" s="10"/>
    </row>
    <row r="430463" spans="14:14">
      <c r="N430463" s="10"/>
    </row>
    <row r="430464" spans="14:14">
      <c r="N430464" s="10"/>
    </row>
    <row r="430465" spans="14:14">
      <c r="N430465" s="10"/>
    </row>
    <row r="430466" spans="14:14">
      <c r="N430466" s="10"/>
    </row>
    <row r="430467" spans="14:14">
      <c r="N430467" s="10"/>
    </row>
    <row r="430468" spans="14:14">
      <c r="N430468" s="10"/>
    </row>
    <row r="430469" spans="14:14">
      <c r="N430469" s="10"/>
    </row>
    <row r="430470" spans="14:14">
      <c r="N430470" s="10"/>
    </row>
    <row r="430471" spans="14:14">
      <c r="N430471" s="10"/>
    </row>
    <row r="430472" spans="14:14">
      <c r="N430472" s="10"/>
    </row>
    <row r="430473" spans="14:14">
      <c r="N430473" s="10"/>
    </row>
    <row r="430474" spans="14:14">
      <c r="N430474" s="10"/>
    </row>
    <row r="430475" spans="14:14">
      <c r="N430475" s="10"/>
    </row>
    <row r="430476" spans="14:14">
      <c r="N430476" s="10"/>
    </row>
    <row r="430477" spans="14:14">
      <c r="N430477" s="10"/>
    </row>
    <row r="430478" spans="14:14">
      <c r="N430478" s="10"/>
    </row>
    <row r="430479" spans="14:14">
      <c r="N430479" s="10"/>
    </row>
    <row r="430480" spans="14:14">
      <c r="N430480" s="10"/>
    </row>
    <row r="430481" spans="14:14">
      <c r="N430481" s="10"/>
    </row>
    <row r="430482" spans="14:14">
      <c r="N430482" s="10"/>
    </row>
    <row r="430483" spans="14:14">
      <c r="N430483" s="10"/>
    </row>
    <row r="430484" spans="14:14">
      <c r="N430484" s="10"/>
    </row>
    <row r="430485" spans="14:14">
      <c r="N430485" s="10"/>
    </row>
    <row r="430486" spans="14:14">
      <c r="N430486" s="10"/>
    </row>
    <row r="430487" spans="14:14">
      <c r="N430487" s="10"/>
    </row>
    <row r="430488" spans="14:14">
      <c r="N430488" s="10"/>
    </row>
    <row r="430489" spans="14:14">
      <c r="N430489" s="10"/>
    </row>
    <row r="430490" spans="14:14">
      <c r="N430490" s="10"/>
    </row>
    <row r="430491" spans="14:14">
      <c r="N430491" s="10"/>
    </row>
    <row r="430492" spans="14:14">
      <c r="N430492" s="10"/>
    </row>
    <row r="430493" spans="14:14">
      <c r="N430493" s="10"/>
    </row>
    <row r="430494" spans="14:14">
      <c r="N430494" s="10"/>
    </row>
    <row r="430495" spans="14:14">
      <c r="N430495" s="10"/>
    </row>
    <row r="430496" spans="14:14">
      <c r="N430496" s="10"/>
    </row>
    <row r="430497" spans="14:14">
      <c r="N430497" s="10"/>
    </row>
    <row r="430498" spans="14:14">
      <c r="N430498" s="10"/>
    </row>
    <row r="430499" spans="14:14">
      <c r="N430499" s="10"/>
    </row>
    <row r="430500" spans="14:14">
      <c r="N430500" s="10"/>
    </row>
    <row r="430501" spans="14:14">
      <c r="N430501" s="10"/>
    </row>
    <row r="430502" spans="14:14">
      <c r="N430502" s="10"/>
    </row>
    <row r="430503" spans="14:14">
      <c r="N430503" s="10"/>
    </row>
    <row r="430504" spans="14:14">
      <c r="N430504" s="10"/>
    </row>
    <row r="430505" spans="14:14">
      <c r="N430505" s="10"/>
    </row>
    <row r="430506" spans="14:14">
      <c r="N430506" s="10"/>
    </row>
    <row r="430507" spans="14:14">
      <c r="N430507" s="10"/>
    </row>
    <row r="430508" spans="14:14">
      <c r="N430508" s="10"/>
    </row>
    <row r="430509" spans="14:14">
      <c r="N430509" s="10"/>
    </row>
    <row r="430510" spans="14:14">
      <c r="N430510" s="10"/>
    </row>
    <row r="430511" spans="14:14">
      <c r="N430511" s="10"/>
    </row>
    <row r="430512" spans="14:14">
      <c r="N430512" s="10"/>
    </row>
    <row r="430513" spans="14:14">
      <c r="N430513" s="10"/>
    </row>
    <row r="430514" spans="14:14">
      <c r="N430514" s="10"/>
    </row>
    <row r="430515" spans="14:14">
      <c r="N430515" s="10"/>
    </row>
    <row r="430516" spans="14:14">
      <c r="N430516" s="10"/>
    </row>
    <row r="430517" spans="14:14">
      <c r="N430517" s="10"/>
    </row>
    <row r="430518" spans="14:14">
      <c r="N430518" s="10"/>
    </row>
    <row r="430519" spans="14:14">
      <c r="N430519" s="10"/>
    </row>
    <row r="430520" spans="14:14">
      <c r="N430520" s="10"/>
    </row>
    <row r="430521" spans="14:14">
      <c r="N430521" s="10"/>
    </row>
    <row r="430522" spans="14:14">
      <c r="N430522" s="10"/>
    </row>
    <row r="430523" spans="14:14">
      <c r="N430523" s="10"/>
    </row>
    <row r="430524" spans="14:14">
      <c r="N430524" s="10"/>
    </row>
    <row r="430525" spans="14:14">
      <c r="N430525" s="10"/>
    </row>
    <row r="430526" spans="14:14">
      <c r="N430526" s="10"/>
    </row>
    <row r="430527" spans="14:14">
      <c r="N430527" s="10"/>
    </row>
    <row r="430528" spans="14:14">
      <c r="N430528" s="10"/>
    </row>
    <row r="430529" spans="14:14">
      <c r="N430529" s="10"/>
    </row>
    <row r="430530" spans="14:14">
      <c r="N430530" s="10"/>
    </row>
    <row r="430531" spans="14:14">
      <c r="N430531" s="10"/>
    </row>
    <row r="430532" spans="14:14">
      <c r="N430532" s="10"/>
    </row>
    <row r="430533" spans="14:14">
      <c r="N430533" s="10"/>
    </row>
    <row r="430534" spans="14:14">
      <c r="N430534" s="10"/>
    </row>
    <row r="430535" spans="14:14">
      <c r="N430535" s="10"/>
    </row>
    <row r="430536" spans="14:14">
      <c r="N430536" s="10"/>
    </row>
    <row r="430537" spans="14:14">
      <c r="N430537" s="10"/>
    </row>
    <row r="430538" spans="14:14">
      <c r="N430538" s="10"/>
    </row>
    <row r="430539" spans="14:14">
      <c r="N430539" s="10"/>
    </row>
    <row r="430540" spans="14:14">
      <c r="N430540" s="10"/>
    </row>
    <row r="430541" spans="14:14">
      <c r="N430541" s="10"/>
    </row>
    <row r="430542" spans="14:14">
      <c r="N430542" s="10"/>
    </row>
    <row r="430543" spans="14:14">
      <c r="N430543" s="10"/>
    </row>
    <row r="430544" spans="14:14">
      <c r="N430544" s="10"/>
    </row>
    <row r="430545" spans="14:14">
      <c r="N430545" s="10"/>
    </row>
    <row r="430546" spans="14:14">
      <c r="N430546" s="10"/>
    </row>
    <row r="430547" spans="14:14">
      <c r="N430547" s="10"/>
    </row>
    <row r="430548" spans="14:14">
      <c r="N430548" s="10"/>
    </row>
    <row r="430549" spans="14:14">
      <c r="N430549" s="10"/>
    </row>
    <row r="430550" spans="14:14">
      <c r="N430550" s="10"/>
    </row>
    <row r="430551" spans="14:14">
      <c r="N430551" s="10"/>
    </row>
    <row r="430552" spans="14:14">
      <c r="N430552" s="10"/>
    </row>
    <row r="430553" spans="14:14">
      <c r="N430553" s="10"/>
    </row>
    <row r="430554" spans="14:14">
      <c r="N430554" s="10"/>
    </row>
    <row r="430555" spans="14:14">
      <c r="N430555" s="10"/>
    </row>
    <row r="430556" spans="14:14">
      <c r="N430556" s="10"/>
    </row>
    <row r="430557" spans="14:14">
      <c r="N430557" s="10"/>
    </row>
    <row r="430558" spans="14:14">
      <c r="N430558" s="10"/>
    </row>
    <row r="430559" spans="14:14">
      <c r="N430559" s="10"/>
    </row>
    <row r="430560" spans="14:14">
      <c r="N430560" s="10"/>
    </row>
    <row r="430561" spans="14:14">
      <c r="N430561" s="10"/>
    </row>
    <row r="430562" spans="14:14">
      <c r="N430562" s="10"/>
    </row>
    <row r="430563" spans="14:14">
      <c r="N430563" s="10"/>
    </row>
    <row r="430564" spans="14:14">
      <c r="N430564" s="10"/>
    </row>
    <row r="430565" spans="14:14">
      <c r="N430565" s="10"/>
    </row>
    <row r="430566" spans="14:14">
      <c r="N430566" s="10"/>
    </row>
    <row r="430567" spans="14:14">
      <c r="N430567" s="10"/>
    </row>
    <row r="430568" spans="14:14">
      <c r="N430568" s="10"/>
    </row>
    <row r="430569" spans="14:14">
      <c r="N430569" s="10"/>
    </row>
    <row r="430570" spans="14:14">
      <c r="N430570" s="10"/>
    </row>
    <row r="430571" spans="14:14">
      <c r="N430571" s="10"/>
    </row>
    <row r="430572" spans="14:14">
      <c r="N430572" s="10"/>
    </row>
    <row r="430573" spans="14:14">
      <c r="N430573" s="10"/>
    </row>
    <row r="430574" spans="14:14">
      <c r="N430574" s="10"/>
    </row>
    <row r="430575" spans="14:14">
      <c r="N430575" s="10"/>
    </row>
    <row r="430576" spans="14:14">
      <c r="N430576" s="10"/>
    </row>
    <row r="430577" spans="14:14">
      <c r="N430577" s="10"/>
    </row>
    <row r="430578" spans="14:14">
      <c r="N430578" s="10"/>
    </row>
    <row r="430579" spans="14:14">
      <c r="N430579" s="10"/>
    </row>
    <row r="430580" spans="14:14">
      <c r="N430580" s="10"/>
    </row>
    <row r="430581" spans="14:14">
      <c r="N430581" s="10"/>
    </row>
    <row r="430582" spans="14:14">
      <c r="N430582" s="10"/>
    </row>
    <row r="430583" spans="14:14">
      <c r="N430583" s="10"/>
    </row>
    <row r="430584" spans="14:14">
      <c r="N430584" s="10"/>
    </row>
    <row r="430585" spans="14:14">
      <c r="N430585" s="10"/>
    </row>
    <row r="430586" spans="14:14">
      <c r="N430586" s="10"/>
    </row>
    <row r="430587" spans="14:14">
      <c r="N430587" s="10"/>
    </row>
    <row r="430588" spans="14:14">
      <c r="N430588" s="10"/>
    </row>
    <row r="430589" spans="14:14">
      <c r="N430589" s="10"/>
    </row>
    <row r="430590" spans="14:14">
      <c r="N430590" s="10"/>
    </row>
    <row r="430591" spans="14:14">
      <c r="N430591" s="10"/>
    </row>
    <row r="430592" spans="14:14">
      <c r="N430592" s="10"/>
    </row>
    <row r="430593" spans="14:14">
      <c r="N430593" s="10"/>
    </row>
    <row r="430594" spans="14:14">
      <c r="N430594" s="10"/>
    </row>
    <row r="430595" spans="14:14">
      <c r="N430595" s="10"/>
    </row>
    <row r="430596" spans="14:14">
      <c r="N430596" s="10"/>
    </row>
    <row r="430597" spans="14:14">
      <c r="N430597" s="10"/>
    </row>
    <row r="430598" spans="14:14">
      <c r="N430598" s="10"/>
    </row>
    <row r="430599" spans="14:14">
      <c r="N430599" s="10"/>
    </row>
    <row r="430600" spans="14:14">
      <c r="N430600" s="10"/>
    </row>
    <row r="430601" spans="14:14">
      <c r="N430601" s="10"/>
    </row>
    <row r="430602" spans="14:14">
      <c r="N430602" s="10"/>
    </row>
    <row r="430603" spans="14:14">
      <c r="N430603" s="10"/>
    </row>
    <row r="430604" spans="14:14">
      <c r="N430604" s="10"/>
    </row>
    <row r="430605" spans="14:14">
      <c r="N430605" s="10"/>
    </row>
    <row r="430606" spans="14:14">
      <c r="N430606" s="10"/>
    </row>
    <row r="430607" spans="14:14">
      <c r="N430607" s="10"/>
    </row>
    <row r="430608" spans="14:14">
      <c r="N430608" s="10"/>
    </row>
    <row r="430609" spans="14:14">
      <c r="N430609" s="10"/>
    </row>
    <row r="430610" spans="14:14">
      <c r="N430610" s="10"/>
    </row>
    <row r="430611" spans="14:14">
      <c r="N430611" s="10"/>
    </row>
    <row r="430612" spans="14:14">
      <c r="N430612" s="10"/>
    </row>
    <row r="430613" spans="14:14">
      <c r="N430613" s="10"/>
    </row>
    <row r="430614" spans="14:14">
      <c r="N430614" s="10"/>
    </row>
    <row r="430615" spans="14:14">
      <c r="N430615" s="10"/>
    </row>
    <row r="430616" spans="14:14">
      <c r="N430616" s="10"/>
    </row>
    <row r="430617" spans="14:14">
      <c r="N430617" s="10"/>
    </row>
    <row r="430618" spans="14:14">
      <c r="N430618" s="10"/>
    </row>
    <row r="430619" spans="14:14">
      <c r="N430619" s="10"/>
    </row>
    <row r="430620" spans="14:14">
      <c r="N430620" s="10"/>
    </row>
    <row r="430621" spans="14:14">
      <c r="N430621" s="10"/>
    </row>
    <row r="430622" spans="14:14">
      <c r="N430622" s="10"/>
    </row>
    <row r="430623" spans="14:14">
      <c r="N430623" s="10"/>
    </row>
    <row r="430624" spans="14:14">
      <c r="N430624" s="10"/>
    </row>
    <row r="430625" spans="14:14">
      <c r="N430625" s="10"/>
    </row>
    <row r="430626" spans="14:14">
      <c r="N430626" s="10"/>
    </row>
    <row r="430627" spans="14:14">
      <c r="N430627" s="10"/>
    </row>
    <row r="430628" spans="14:14">
      <c r="N430628" s="10"/>
    </row>
    <row r="430629" spans="14:14">
      <c r="N430629" s="10"/>
    </row>
    <row r="430630" spans="14:14">
      <c r="N430630" s="10"/>
    </row>
    <row r="430631" spans="14:14">
      <c r="N430631" s="10"/>
    </row>
    <row r="430632" spans="14:14">
      <c r="N430632" s="10"/>
    </row>
    <row r="430633" spans="14:14">
      <c r="N430633" s="10"/>
    </row>
    <row r="430634" spans="14:14">
      <c r="N430634" s="10"/>
    </row>
    <row r="430635" spans="14:14">
      <c r="N430635" s="10"/>
    </row>
    <row r="430636" spans="14:14">
      <c r="N430636" s="10"/>
    </row>
    <row r="430637" spans="14:14">
      <c r="N430637" s="10"/>
    </row>
    <row r="430638" spans="14:14">
      <c r="N430638" s="10"/>
    </row>
    <row r="430639" spans="14:14">
      <c r="N430639" s="10"/>
    </row>
    <row r="430640" spans="14:14">
      <c r="N430640" s="10"/>
    </row>
    <row r="430641" spans="14:14">
      <c r="N430641" s="10"/>
    </row>
    <row r="430642" spans="14:14">
      <c r="N430642" s="10"/>
    </row>
    <row r="430643" spans="14:14">
      <c r="N430643" s="10"/>
    </row>
    <row r="430644" spans="14:14">
      <c r="N430644" s="10"/>
    </row>
    <row r="430645" spans="14:14">
      <c r="N430645" s="10"/>
    </row>
    <row r="430646" spans="14:14">
      <c r="N430646" s="10"/>
    </row>
    <row r="430647" spans="14:14">
      <c r="N430647" s="10"/>
    </row>
    <row r="430648" spans="14:14">
      <c r="N430648" s="10"/>
    </row>
    <row r="430649" spans="14:14">
      <c r="N430649" s="10"/>
    </row>
    <row r="430650" spans="14:14">
      <c r="N430650" s="10"/>
    </row>
    <row r="430651" spans="14:14">
      <c r="N430651" s="10"/>
    </row>
    <row r="430652" spans="14:14">
      <c r="N430652" s="10"/>
    </row>
    <row r="430653" spans="14:14">
      <c r="N430653" s="10"/>
    </row>
    <row r="430654" spans="14:14">
      <c r="N430654" s="10"/>
    </row>
    <row r="430655" spans="14:14">
      <c r="N430655" s="10"/>
    </row>
    <row r="430656" spans="14:14">
      <c r="N430656" s="10"/>
    </row>
    <row r="430657" spans="14:14">
      <c r="N430657" s="10"/>
    </row>
    <row r="430658" spans="14:14">
      <c r="N430658" s="10"/>
    </row>
    <row r="430659" spans="14:14">
      <c r="N430659" s="10"/>
    </row>
    <row r="430660" spans="14:14">
      <c r="N430660" s="10"/>
    </row>
    <row r="430661" spans="14:14">
      <c r="N430661" s="10"/>
    </row>
    <row r="430662" spans="14:14">
      <c r="N430662" s="10"/>
    </row>
    <row r="430663" spans="14:14">
      <c r="N430663" s="10"/>
    </row>
    <row r="430664" spans="14:14">
      <c r="N430664" s="10"/>
    </row>
    <row r="430665" spans="14:14">
      <c r="N430665" s="10"/>
    </row>
    <row r="430666" spans="14:14">
      <c r="N430666" s="10"/>
    </row>
    <row r="430667" spans="14:14">
      <c r="N430667" s="10"/>
    </row>
    <row r="430668" spans="14:14">
      <c r="N430668" s="10"/>
    </row>
    <row r="430669" spans="14:14">
      <c r="N430669" s="10"/>
    </row>
    <row r="430670" spans="14:14">
      <c r="N430670" s="10"/>
    </row>
    <row r="430671" spans="14:14">
      <c r="N430671" s="10"/>
    </row>
    <row r="430672" spans="14:14">
      <c r="N430672" s="10"/>
    </row>
    <row r="430673" spans="14:14">
      <c r="N430673" s="10"/>
    </row>
    <row r="430674" spans="14:14">
      <c r="N430674" s="10"/>
    </row>
    <row r="430675" spans="14:14">
      <c r="N430675" s="10"/>
    </row>
    <row r="430676" spans="14:14">
      <c r="N430676" s="10"/>
    </row>
    <row r="430677" spans="14:14">
      <c r="N430677" s="10"/>
    </row>
    <row r="430678" spans="14:14">
      <c r="N430678" s="10"/>
    </row>
    <row r="430679" spans="14:14">
      <c r="N430679" s="10"/>
    </row>
    <row r="430680" spans="14:14">
      <c r="N430680" s="10"/>
    </row>
    <row r="430681" spans="14:14">
      <c r="N430681" s="10"/>
    </row>
    <row r="430682" spans="14:14">
      <c r="N430682" s="10"/>
    </row>
    <row r="430683" spans="14:14">
      <c r="N430683" s="10"/>
    </row>
    <row r="430684" spans="14:14">
      <c r="N430684" s="10"/>
    </row>
    <row r="430685" spans="14:14">
      <c r="N430685" s="10"/>
    </row>
    <row r="430686" spans="14:14">
      <c r="N430686" s="10"/>
    </row>
    <row r="430687" spans="14:14">
      <c r="N430687" s="10"/>
    </row>
    <row r="430688" spans="14:14">
      <c r="N430688" s="10"/>
    </row>
    <row r="430689" spans="14:14">
      <c r="N430689" s="10"/>
    </row>
    <row r="430690" spans="14:14">
      <c r="N430690" s="10"/>
    </row>
    <row r="430691" spans="14:14">
      <c r="N430691" s="10"/>
    </row>
    <row r="430692" spans="14:14">
      <c r="N430692" s="10"/>
    </row>
    <row r="430693" spans="14:14">
      <c r="N430693" s="10"/>
    </row>
    <row r="430694" spans="14:14">
      <c r="N430694" s="10"/>
    </row>
    <row r="430695" spans="14:14">
      <c r="N430695" s="10"/>
    </row>
    <row r="430696" spans="14:14">
      <c r="N430696" s="10"/>
    </row>
    <row r="430697" spans="14:14">
      <c r="N430697" s="10"/>
    </row>
    <row r="430698" spans="14:14">
      <c r="N430698" s="10"/>
    </row>
    <row r="430699" spans="14:14">
      <c r="N430699" s="10"/>
    </row>
    <row r="430700" spans="14:14">
      <c r="N430700" s="10"/>
    </row>
    <row r="430701" spans="14:14">
      <c r="N430701" s="10"/>
    </row>
    <row r="430702" spans="14:14">
      <c r="N430702" s="10"/>
    </row>
    <row r="430703" spans="14:14">
      <c r="N430703" s="10"/>
    </row>
    <row r="430704" spans="14:14">
      <c r="N430704" s="10"/>
    </row>
    <row r="430705" spans="14:14">
      <c r="N430705" s="10"/>
    </row>
    <row r="430706" spans="14:14">
      <c r="N430706" s="10"/>
    </row>
    <row r="430707" spans="14:14">
      <c r="N430707" s="10"/>
    </row>
    <row r="430708" spans="14:14">
      <c r="N430708" s="10"/>
    </row>
    <row r="430709" spans="14:14">
      <c r="N430709" s="10"/>
    </row>
    <row r="430710" spans="14:14">
      <c r="N430710" s="10"/>
    </row>
    <row r="430711" spans="14:14">
      <c r="N430711" s="10"/>
    </row>
    <row r="430712" spans="14:14">
      <c r="N430712" s="10"/>
    </row>
    <row r="430713" spans="14:14">
      <c r="N430713" s="10"/>
    </row>
    <row r="430714" spans="14:14">
      <c r="N430714" s="10"/>
    </row>
    <row r="430715" spans="14:14">
      <c r="N430715" s="10"/>
    </row>
    <row r="430716" spans="14:14">
      <c r="N430716" s="10"/>
    </row>
    <row r="430717" spans="14:14">
      <c r="N430717" s="10"/>
    </row>
    <row r="430718" spans="14:14">
      <c r="N430718" s="10"/>
    </row>
    <row r="430719" spans="14:14">
      <c r="N430719" s="10"/>
    </row>
    <row r="430720" spans="14:14">
      <c r="N430720" s="10"/>
    </row>
    <row r="430721" spans="14:14">
      <c r="N430721" s="10"/>
    </row>
    <row r="430722" spans="14:14">
      <c r="N430722" s="10"/>
    </row>
    <row r="430723" spans="14:14">
      <c r="N430723" s="10"/>
    </row>
    <row r="430724" spans="14:14">
      <c r="N430724" s="10"/>
    </row>
    <row r="430725" spans="14:14">
      <c r="N430725" s="10"/>
    </row>
    <row r="430726" spans="14:14">
      <c r="N430726" s="10"/>
    </row>
    <row r="430727" spans="14:14">
      <c r="N430727" s="10"/>
    </row>
    <row r="430728" spans="14:14">
      <c r="N430728" s="10"/>
    </row>
    <row r="430729" spans="14:14">
      <c r="N430729" s="10"/>
    </row>
    <row r="430730" spans="14:14">
      <c r="N430730" s="10"/>
    </row>
    <row r="430731" spans="14:14">
      <c r="N430731" s="10"/>
    </row>
    <row r="430732" spans="14:14">
      <c r="N430732" s="10"/>
    </row>
    <row r="430733" spans="14:14">
      <c r="N430733" s="10"/>
    </row>
    <row r="430734" spans="14:14">
      <c r="N430734" s="10"/>
    </row>
    <row r="430735" spans="14:14">
      <c r="N430735" s="10"/>
    </row>
    <row r="430736" spans="14:14">
      <c r="N430736" s="10"/>
    </row>
    <row r="430737" spans="14:14">
      <c r="N430737" s="10"/>
    </row>
    <row r="430738" spans="14:14">
      <c r="N430738" s="10"/>
    </row>
    <row r="430739" spans="14:14">
      <c r="N430739" s="10"/>
    </row>
    <row r="430740" spans="14:14">
      <c r="N430740" s="10"/>
    </row>
    <row r="430741" spans="14:14">
      <c r="N430741" s="10"/>
    </row>
    <row r="430742" spans="14:14">
      <c r="N430742" s="10"/>
    </row>
    <row r="430743" spans="14:14">
      <c r="N430743" s="10"/>
    </row>
    <row r="430744" spans="14:14">
      <c r="N430744" s="10"/>
    </row>
    <row r="430745" spans="14:14">
      <c r="N430745" s="10"/>
    </row>
    <row r="430746" spans="14:14">
      <c r="N430746" s="10"/>
    </row>
    <row r="430747" spans="14:14">
      <c r="N430747" s="10"/>
    </row>
    <row r="430748" spans="14:14">
      <c r="N430748" s="10"/>
    </row>
    <row r="430749" spans="14:14">
      <c r="N430749" s="10"/>
    </row>
    <row r="430750" spans="14:14">
      <c r="N430750" s="10"/>
    </row>
    <row r="430751" spans="14:14">
      <c r="N430751" s="10"/>
    </row>
    <row r="430752" spans="14:14">
      <c r="N430752" s="10"/>
    </row>
    <row r="430753" spans="14:14">
      <c r="N430753" s="10"/>
    </row>
    <row r="430754" spans="14:14">
      <c r="N430754" s="10"/>
    </row>
    <row r="430755" spans="14:14">
      <c r="N430755" s="10"/>
    </row>
    <row r="430756" spans="14:14">
      <c r="N430756" s="10"/>
    </row>
    <row r="430757" spans="14:14">
      <c r="N430757" s="10"/>
    </row>
    <row r="430758" spans="14:14">
      <c r="N430758" s="10"/>
    </row>
    <row r="430759" spans="14:14">
      <c r="N430759" s="10"/>
    </row>
    <row r="430760" spans="14:14">
      <c r="N430760" s="10"/>
    </row>
    <row r="430761" spans="14:14">
      <c r="N430761" s="10"/>
    </row>
    <row r="430762" spans="14:14">
      <c r="N430762" s="10"/>
    </row>
    <row r="430763" spans="14:14">
      <c r="N430763" s="10"/>
    </row>
    <row r="430764" spans="14:14">
      <c r="N430764" s="10"/>
    </row>
    <row r="430765" spans="14:14">
      <c r="N430765" s="10"/>
    </row>
    <row r="430766" spans="14:14">
      <c r="N430766" s="10"/>
    </row>
    <row r="430767" spans="14:14">
      <c r="N430767" s="10"/>
    </row>
    <row r="430768" spans="14:14">
      <c r="N430768" s="10"/>
    </row>
    <row r="430769" spans="14:14">
      <c r="N430769" s="10"/>
    </row>
    <row r="430770" spans="14:14">
      <c r="N430770" s="10"/>
    </row>
    <row r="430771" spans="14:14">
      <c r="N430771" s="10"/>
    </row>
    <row r="430772" spans="14:14">
      <c r="N430772" s="10"/>
    </row>
    <row r="430773" spans="14:14">
      <c r="N430773" s="10"/>
    </row>
    <row r="430774" spans="14:14">
      <c r="N430774" s="10"/>
    </row>
    <row r="430775" spans="14:14">
      <c r="N430775" s="10"/>
    </row>
    <row r="430776" spans="14:14">
      <c r="N430776" s="10"/>
    </row>
    <row r="430777" spans="14:14">
      <c r="N430777" s="10"/>
    </row>
    <row r="430778" spans="14:14">
      <c r="N430778" s="10"/>
    </row>
    <row r="430779" spans="14:14">
      <c r="N430779" s="10"/>
    </row>
    <row r="430780" spans="14:14">
      <c r="N430780" s="10"/>
    </row>
    <row r="430781" spans="14:14">
      <c r="N430781" s="10"/>
    </row>
    <row r="430782" spans="14:14">
      <c r="N430782" s="10"/>
    </row>
    <row r="430783" spans="14:14">
      <c r="N430783" s="10"/>
    </row>
    <row r="430784" spans="14:14">
      <c r="N430784" s="10"/>
    </row>
    <row r="430785" spans="14:14">
      <c r="N430785" s="10"/>
    </row>
    <row r="430786" spans="14:14">
      <c r="N430786" s="10"/>
    </row>
    <row r="430787" spans="14:14">
      <c r="N430787" s="10"/>
    </row>
    <row r="430788" spans="14:14">
      <c r="N430788" s="10"/>
    </row>
    <row r="430789" spans="14:14">
      <c r="N430789" s="10"/>
    </row>
    <row r="430790" spans="14:14">
      <c r="N430790" s="10"/>
    </row>
    <row r="430791" spans="14:14">
      <c r="N430791" s="10"/>
    </row>
    <row r="430792" spans="14:14">
      <c r="N430792" s="10"/>
    </row>
    <row r="430793" spans="14:14">
      <c r="N430793" s="10"/>
    </row>
    <row r="430794" spans="14:14">
      <c r="N430794" s="10"/>
    </row>
    <row r="430795" spans="14:14">
      <c r="N430795" s="10"/>
    </row>
    <row r="430796" spans="14:14">
      <c r="N430796" s="10"/>
    </row>
    <row r="430797" spans="14:14">
      <c r="N430797" s="10"/>
    </row>
    <row r="430798" spans="14:14">
      <c r="N430798" s="10"/>
    </row>
    <row r="430799" spans="14:14">
      <c r="N430799" s="10"/>
    </row>
    <row r="430800" spans="14:14">
      <c r="N430800" s="10"/>
    </row>
    <row r="430801" spans="14:14">
      <c r="N430801" s="10"/>
    </row>
    <row r="430802" spans="14:14">
      <c r="N430802" s="10"/>
    </row>
    <row r="430803" spans="14:14">
      <c r="N430803" s="10"/>
    </row>
    <row r="430804" spans="14:14">
      <c r="N430804" s="10"/>
    </row>
    <row r="430805" spans="14:14">
      <c r="N430805" s="10"/>
    </row>
    <row r="430806" spans="14:14">
      <c r="N430806" s="10"/>
    </row>
    <row r="430807" spans="14:14">
      <c r="N430807" s="10"/>
    </row>
    <row r="430808" spans="14:14">
      <c r="N430808" s="10"/>
    </row>
    <row r="430809" spans="14:14">
      <c r="N430809" s="10"/>
    </row>
    <row r="430810" spans="14:14">
      <c r="N430810" s="10"/>
    </row>
    <row r="430811" spans="14:14">
      <c r="N430811" s="10"/>
    </row>
    <row r="430812" spans="14:14">
      <c r="N430812" s="10"/>
    </row>
    <row r="430813" spans="14:14">
      <c r="N430813" s="10"/>
    </row>
    <row r="430814" spans="14:14">
      <c r="N430814" s="10"/>
    </row>
    <row r="430815" spans="14:14">
      <c r="N430815" s="10"/>
    </row>
    <row r="430816" spans="14:14">
      <c r="N430816" s="10"/>
    </row>
    <row r="430817" spans="14:14">
      <c r="N430817" s="10"/>
    </row>
    <row r="430818" spans="14:14">
      <c r="N430818" s="10"/>
    </row>
    <row r="430819" spans="14:14">
      <c r="N430819" s="10"/>
    </row>
    <row r="430820" spans="14:14">
      <c r="N430820" s="10"/>
    </row>
    <row r="430821" spans="14:14">
      <c r="N430821" s="10"/>
    </row>
    <row r="430822" spans="14:14">
      <c r="N430822" s="10"/>
    </row>
    <row r="430823" spans="14:14">
      <c r="N430823" s="10"/>
    </row>
    <row r="430824" spans="14:14">
      <c r="N430824" s="10"/>
    </row>
    <row r="430825" spans="14:14">
      <c r="N430825" s="10"/>
    </row>
    <row r="430826" spans="14:14">
      <c r="N430826" s="10"/>
    </row>
    <row r="430827" spans="14:14">
      <c r="N430827" s="10"/>
    </row>
    <row r="430828" spans="14:14">
      <c r="N430828" s="10"/>
    </row>
    <row r="430829" spans="14:14">
      <c r="N430829" s="10"/>
    </row>
    <row r="430830" spans="14:14">
      <c r="N430830" s="10"/>
    </row>
    <row r="430831" spans="14:14">
      <c r="N430831" s="10"/>
    </row>
    <row r="430832" spans="14:14">
      <c r="N430832" s="10"/>
    </row>
    <row r="430833" spans="14:14">
      <c r="N430833" s="10"/>
    </row>
    <row r="430834" spans="14:14">
      <c r="N430834" s="10"/>
    </row>
    <row r="430835" spans="14:14">
      <c r="N430835" s="10"/>
    </row>
    <row r="430836" spans="14:14">
      <c r="N430836" s="10"/>
    </row>
    <row r="430837" spans="14:14">
      <c r="N430837" s="10"/>
    </row>
    <row r="430838" spans="14:14">
      <c r="N430838" s="10"/>
    </row>
    <row r="430839" spans="14:14">
      <c r="N430839" s="10"/>
    </row>
    <row r="430840" spans="14:14">
      <c r="N430840" s="10"/>
    </row>
    <row r="430841" spans="14:14">
      <c r="N430841" s="10"/>
    </row>
    <row r="430842" spans="14:14">
      <c r="N430842" s="10"/>
    </row>
    <row r="430843" spans="14:14">
      <c r="N430843" s="10"/>
    </row>
    <row r="430844" spans="14:14">
      <c r="N430844" s="10"/>
    </row>
    <row r="430845" spans="14:14">
      <c r="N430845" s="10"/>
    </row>
    <row r="430846" spans="14:14">
      <c r="N430846" s="10"/>
    </row>
    <row r="430847" spans="14:14">
      <c r="N430847" s="10"/>
    </row>
    <row r="430848" spans="14:14">
      <c r="N430848" s="10"/>
    </row>
    <row r="430849" spans="14:14">
      <c r="N430849" s="10"/>
    </row>
    <row r="430850" spans="14:14">
      <c r="N430850" s="10"/>
    </row>
    <row r="430851" spans="14:14">
      <c r="N430851" s="10"/>
    </row>
    <row r="430852" spans="14:14">
      <c r="N430852" s="10"/>
    </row>
    <row r="430853" spans="14:14">
      <c r="N430853" s="10"/>
    </row>
    <row r="430854" spans="14:14">
      <c r="N430854" s="10"/>
    </row>
    <row r="430855" spans="14:14">
      <c r="N430855" s="10"/>
    </row>
    <row r="430856" spans="14:14">
      <c r="N430856" s="10"/>
    </row>
    <row r="430857" spans="14:14">
      <c r="N430857" s="10"/>
    </row>
    <row r="430858" spans="14:14">
      <c r="N430858" s="10"/>
    </row>
    <row r="430859" spans="14:14">
      <c r="N430859" s="10"/>
    </row>
    <row r="430860" spans="14:14">
      <c r="N430860" s="10"/>
    </row>
    <row r="430861" spans="14:14">
      <c r="N430861" s="10"/>
    </row>
    <row r="430862" spans="14:14">
      <c r="N430862" s="10"/>
    </row>
    <row r="430863" spans="14:14">
      <c r="N430863" s="10"/>
    </row>
    <row r="430864" spans="14:14">
      <c r="N430864" s="10"/>
    </row>
    <row r="430865" spans="14:14">
      <c r="N430865" s="10"/>
    </row>
    <row r="430866" spans="14:14">
      <c r="N430866" s="10"/>
    </row>
    <row r="430867" spans="14:14">
      <c r="N430867" s="10"/>
    </row>
    <row r="430868" spans="14:14">
      <c r="N430868" s="10"/>
    </row>
    <row r="430869" spans="14:14">
      <c r="N430869" s="10"/>
    </row>
    <row r="430870" spans="14:14">
      <c r="N430870" s="10"/>
    </row>
    <row r="430871" spans="14:14">
      <c r="N430871" s="10"/>
    </row>
    <row r="430872" spans="14:14">
      <c r="N430872" s="10"/>
    </row>
    <row r="430873" spans="14:14">
      <c r="N430873" s="10"/>
    </row>
    <row r="430874" spans="14:14">
      <c r="N430874" s="10"/>
    </row>
    <row r="430875" spans="14:14">
      <c r="N430875" s="10"/>
    </row>
    <row r="430876" spans="14:14">
      <c r="N430876" s="10"/>
    </row>
    <row r="430877" spans="14:14">
      <c r="N430877" s="10"/>
    </row>
    <row r="430878" spans="14:14">
      <c r="N430878" s="10"/>
    </row>
    <row r="430879" spans="14:14">
      <c r="N430879" s="10"/>
    </row>
    <row r="430880" spans="14:14">
      <c r="N430880" s="10"/>
    </row>
    <row r="430881" spans="14:14">
      <c r="N430881" s="10"/>
    </row>
    <row r="430882" spans="14:14">
      <c r="N430882" s="10"/>
    </row>
    <row r="430883" spans="14:14">
      <c r="N430883" s="10"/>
    </row>
    <row r="430884" spans="14:14">
      <c r="N430884" s="10"/>
    </row>
    <row r="430885" spans="14:14">
      <c r="N430885" s="10"/>
    </row>
    <row r="430886" spans="14:14">
      <c r="N430886" s="10"/>
    </row>
    <row r="430887" spans="14:14">
      <c r="N430887" s="10"/>
    </row>
    <row r="430888" spans="14:14">
      <c r="N430888" s="10"/>
    </row>
    <row r="430889" spans="14:14">
      <c r="N430889" s="10"/>
    </row>
    <row r="430890" spans="14:14">
      <c r="N430890" s="10"/>
    </row>
    <row r="430891" spans="14:14">
      <c r="N430891" s="10"/>
    </row>
    <row r="430892" spans="14:14">
      <c r="N430892" s="10"/>
    </row>
    <row r="430893" spans="14:14">
      <c r="N430893" s="10"/>
    </row>
    <row r="430894" spans="14:14">
      <c r="N430894" s="10"/>
    </row>
    <row r="430895" spans="14:14">
      <c r="N430895" s="10"/>
    </row>
    <row r="430896" spans="14:14">
      <c r="N430896" s="10"/>
    </row>
    <row r="430897" spans="14:14">
      <c r="N430897" s="10"/>
    </row>
    <row r="430898" spans="14:14">
      <c r="N430898" s="10"/>
    </row>
    <row r="430899" spans="14:14">
      <c r="N430899" s="10"/>
    </row>
    <row r="430900" spans="14:14">
      <c r="N430900" s="10"/>
    </row>
    <row r="430901" spans="14:14">
      <c r="N430901" s="10"/>
    </row>
    <row r="430902" spans="14:14">
      <c r="N430902" s="10"/>
    </row>
    <row r="430903" spans="14:14">
      <c r="N430903" s="10"/>
    </row>
    <row r="430904" spans="14:14">
      <c r="N430904" s="10"/>
    </row>
    <row r="430905" spans="14:14">
      <c r="N430905" s="10"/>
    </row>
    <row r="430906" spans="14:14">
      <c r="N430906" s="10"/>
    </row>
    <row r="430907" spans="14:14">
      <c r="N430907" s="10"/>
    </row>
    <row r="430908" spans="14:14">
      <c r="N430908" s="10"/>
    </row>
    <row r="430909" spans="14:14">
      <c r="N430909" s="10"/>
    </row>
    <row r="430910" spans="14:14">
      <c r="N430910" s="10"/>
    </row>
    <row r="430911" spans="14:14">
      <c r="N430911" s="10"/>
    </row>
    <row r="430912" spans="14:14">
      <c r="N430912" s="10"/>
    </row>
    <row r="430913" spans="14:14">
      <c r="N430913" s="10"/>
    </row>
    <row r="430914" spans="14:14">
      <c r="N430914" s="10"/>
    </row>
    <row r="430915" spans="14:14">
      <c r="N430915" s="10"/>
    </row>
    <row r="430916" spans="14:14">
      <c r="N430916" s="10"/>
    </row>
    <row r="430917" spans="14:14">
      <c r="N430917" s="10"/>
    </row>
    <row r="430918" spans="14:14">
      <c r="N430918" s="10"/>
    </row>
    <row r="430919" spans="14:14">
      <c r="N430919" s="10"/>
    </row>
    <row r="430920" spans="14:14">
      <c r="N430920" s="10"/>
    </row>
    <row r="430921" spans="14:14">
      <c r="N430921" s="10"/>
    </row>
    <row r="430922" spans="14:14">
      <c r="N430922" s="10"/>
    </row>
    <row r="430923" spans="14:14">
      <c r="N430923" s="10"/>
    </row>
    <row r="430924" spans="14:14">
      <c r="N430924" s="10"/>
    </row>
    <row r="430925" spans="14:14">
      <c r="N430925" s="10"/>
    </row>
    <row r="430926" spans="14:14">
      <c r="N430926" s="10"/>
    </row>
    <row r="430927" spans="14:14">
      <c r="N430927" s="10"/>
    </row>
    <row r="430928" spans="14:14">
      <c r="N430928" s="10"/>
    </row>
    <row r="430929" spans="14:14">
      <c r="N430929" s="10"/>
    </row>
    <row r="430930" spans="14:14">
      <c r="N430930" s="10"/>
    </row>
    <row r="430931" spans="14:14">
      <c r="N430931" s="10"/>
    </row>
    <row r="430932" spans="14:14">
      <c r="N430932" s="10"/>
    </row>
    <row r="430933" spans="14:14">
      <c r="N430933" s="10"/>
    </row>
    <row r="430934" spans="14:14">
      <c r="N430934" s="10"/>
    </row>
    <row r="430935" spans="14:14">
      <c r="N430935" s="10"/>
    </row>
    <row r="430936" spans="14:14">
      <c r="N430936" s="10"/>
    </row>
    <row r="430937" spans="14:14">
      <c r="N430937" s="10"/>
    </row>
    <row r="430938" spans="14:14">
      <c r="N430938" s="10"/>
    </row>
    <row r="430939" spans="14:14">
      <c r="N430939" s="10"/>
    </row>
    <row r="430940" spans="14:14">
      <c r="N430940" s="10"/>
    </row>
    <row r="430941" spans="14:14">
      <c r="N430941" s="10"/>
    </row>
    <row r="430942" spans="14:14">
      <c r="N430942" s="10"/>
    </row>
    <row r="430943" spans="14:14">
      <c r="N430943" s="10"/>
    </row>
    <row r="430944" spans="14:14">
      <c r="N430944" s="10"/>
    </row>
    <row r="430945" spans="14:14">
      <c r="N430945" s="10"/>
    </row>
    <row r="430946" spans="14:14">
      <c r="N430946" s="10"/>
    </row>
    <row r="430947" spans="14:14">
      <c r="N430947" s="10"/>
    </row>
    <row r="430948" spans="14:14">
      <c r="N430948" s="10"/>
    </row>
    <row r="430949" spans="14:14">
      <c r="N430949" s="10"/>
    </row>
    <row r="430950" spans="14:14">
      <c r="N430950" s="10"/>
    </row>
    <row r="430951" spans="14:14">
      <c r="N430951" s="10"/>
    </row>
    <row r="430952" spans="14:14">
      <c r="N430952" s="10"/>
    </row>
    <row r="430953" spans="14:14">
      <c r="N430953" s="10"/>
    </row>
    <row r="430954" spans="14:14">
      <c r="N430954" s="10"/>
    </row>
    <row r="430955" spans="14:14">
      <c r="N430955" s="10"/>
    </row>
    <row r="430956" spans="14:14">
      <c r="N430956" s="10"/>
    </row>
    <row r="430957" spans="14:14">
      <c r="N430957" s="10"/>
    </row>
    <row r="430958" spans="14:14">
      <c r="N430958" s="10"/>
    </row>
    <row r="430959" spans="14:14">
      <c r="N430959" s="10"/>
    </row>
    <row r="430960" spans="14:14">
      <c r="N430960" s="10"/>
    </row>
    <row r="430961" spans="14:14">
      <c r="N430961" s="10"/>
    </row>
    <row r="430962" spans="14:14">
      <c r="N430962" s="10"/>
    </row>
    <row r="430963" spans="14:14">
      <c r="N430963" s="10"/>
    </row>
    <row r="430964" spans="14:14">
      <c r="N430964" s="10"/>
    </row>
    <row r="430965" spans="14:14">
      <c r="N430965" s="10"/>
    </row>
    <row r="430966" spans="14:14">
      <c r="N430966" s="10"/>
    </row>
    <row r="430967" spans="14:14">
      <c r="N430967" s="10"/>
    </row>
    <row r="430968" spans="14:14">
      <c r="N430968" s="10"/>
    </row>
    <row r="430969" spans="14:14">
      <c r="N430969" s="10"/>
    </row>
    <row r="430970" spans="14:14">
      <c r="N430970" s="10"/>
    </row>
    <row r="430971" spans="14:14">
      <c r="N430971" s="10"/>
    </row>
    <row r="430972" spans="14:14">
      <c r="N430972" s="10"/>
    </row>
    <row r="430973" spans="14:14">
      <c r="N430973" s="10"/>
    </row>
    <row r="430974" spans="14:14">
      <c r="N430974" s="10"/>
    </row>
    <row r="430975" spans="14:14">
      <c r="N430975" s="10"/>
    </row>
    <row r="430976" spans="14:14">
      <c r="N430976" s="10"/>
    </row>
    <row r="430977" spans="14:14">
      <c r="N430977" s="10"/>
    </row>
    <row r="430978" spans="14:14">
      <c r="N430978" s="10"/>
    </row>
    <row r="430979" spans="14:14">
      <c r="N430979" s="10"/>
    </row>
    <row r="430980" spans="14:14">
      <c r="N430980" s="10"/>
    </row>
    <row r="430981" spans="14:14">
      <c r="N430981" s="10"/>
    </row>
    <row r="430982" spans="14:14">
      <c r="N430982" s="10"/>
    </row>
    <row r="430983" spans="14:14">
      <c r="N430983" s="10"/>
    </row>
    <row r="430984" spans="14:14">
      <c r="N430984" s="10"/>
    </row>
    <row r="430985" spans="14:14">
      <c r="N430985" s="10"/>
    </row>
    <row r="430986" spans="14:14">
      <c r="N430986" s="10"/>
    </row>
    <row r="430987" spans="14:14">
      <c r="N430987" s="10"/>
    </row>
    <row r="430988" spans="14:14">
      <c r="N430988" s="10"/>
    </row>
    <row r="430989" spans="14:14">
      <c r="N430989" s="10"/>
    </row>
    <row r="430990" spans="14:14">
      <c r="N430990" s="10"/>
    </row>
    <row r="430991" spans="14:14">
      <c r="N430991" s="10"/>
    </row>
    <row r="430992" spans="14:14">
      <c r="N430992" s="10"/>
    </row>
    <row r="430993" spans="14:14">
      <c r="N430993" s="10"/>
    </row>
    <row r="430994" spans="14:14">
      <c r="N430994" s="10"/>
    </row>
    <row r="430995" spans="14:14">
      <c r="N430995" s="10"/>
    </row>
    <row r="430996" spans="14:14">
      <c r="N430996" s="10"/>
    </row>
    <row r="430997" spans="14:14">
      <c r="N430997" s="10"/>
    </row>
    <row r="430998" spans="14:14">
      <c r="N430998" s="10"/>
    </row>
    <row r="430999" spans="14:14">
      <c r="N430999" s="10"/>
    </row>
    <row r="431000" spans="14:14">
      <c r="N431000" s="10"/>
    </row>
    <row r="431001" spans="14:14">
      <c r="N431001" s="10"/>
    </row>
    <row r="431002" spans="14:14">
      <c r="N431002" s="10"/>
    </row>
    <row r="431003" spans="14:14">
      <c r="N431003" s="10"/>
    </row>
    <row r="431004" spans="14:14">
      <c r="N431004" s="10"/>
    </row>
    <row r="431005" spans="14:14">
      <c r="N431005" s="10"/>
    </row>
    <row r="431006" spans="14:14">
      <c r="N431006" s="10"/>
    </row>
    <row r="431007" spans="14:14">
      <c r="N431007" s="10"/>
    </row>
    <row r="431008" spans="14:14">
      <c r="N431008" s="10"/>
    </row>
    <row r="431009" spans="14:14">
      <c r="N431009" s="10"/>
    </row>
    <row r="431010" spans="14:14">
      <c r="N431010" s="10"/>
    </row>
    <row r="431011" spans="14:14">
      <c r="N431011" s="10"/>
    </row>
    <row r="431012" spans="14:14">
      <c r="N431012" s="10"/>
    </row>
    <row r="431013" spans="14:14">
      <c r="N431013" s="10"/>
    </row>
    <row r="431014" spans="14:14">
      <c r="N431014" s="10"/>
    </row>
    <row r="431015" spans="14:14">
      <c r="N431015" s="10"/>
    </row>
    <row r="431016" spans="14:14">
      <c r="N431016" s="10"/>
    </row>
    <row r="431017" spans="14:14">
      <c r="N431017" s="10"/>
    </row>
    <row r="431018" spans="14:14">
      <c r="N431018" s="10"/>
    </row>
    <row r="431019" spans="14:14">
      <c r="N431019" s="10"/>
    </row>
    <row r="431020" spans="14:14">
      <c r="N431020" s="10"/>
    </row>
    <row r="431021" spans="14:14">
      <c r="N431021" s="10"/>
    </row>
    <row r="431022" spans="14:14">
      <c r="N431022" s="10"/>
    </row>
    <row r="431023" spans="14:14">
      <c r="N431023" s="10"/>
    </row>
    <row r="431024" spans="14:14">
      <c r="N431024" s="10"/>
    </row>
    <row r="431025" spans="14:14">
      <c r="N431025" s="10"/>
    </row>
    <row r="431026" spans="14:14">
      <c r="N431026" s="10"/>
    </row>
    <row r="431027" spans="14:14">
      <c r="N431027" s="10"/>
    </row>
    <row r="431028" spans="14:14">
      <c r="N431028" s="10"/>
    </row>
    <row r="431029" spans="14:14">
      <c r="N431029" s="10"/>
    </row>
    <row r="431030" spans="14:14">
      <c r="N431030" s="10"/>
    </row>
    <row r="431031" spans="14:14">
      <c r="N431031" s="10"/>
    </row>
    <row r="431032" spans="14:14">
      <c r="N431032" s="10"/>
    </row>
    <row r="431033" spans="14:14">
      <c r="N431033" s="10"/>
    </row>
    <row r="431034" spans="14:14">
      <c r="N431034" s="10"/>
    </row>
    <row r="431035" spans="14:14">
      <c r="N431035" s="10"/>
    </row>
    <row r="431036" spans="14:14">
      <c r="N431036" s="10"/>
    </row>
    <row r="431037" spans="14:14">
      <c r="N431037" s="10"/>
    </row>
    <row r="431038" spans="14:14">
      <c r="N431038" s="10"/>
    </row>
    <row r="431039" spans="14:14">
      <c r="N431039" s="10"/>
    </row>
    <row r="431040" spans="14:14">
      <c r="N431040" s="10"/>
    </row>
    <row r="431041" spans="14:14">
      <c r="N431041" s="10"/>
    </row>
    <row r="431042" spans="14:14">
      <c r="N431042" s="10"/>
    </row>
    <row r="431043" spans="14:14">
      <c r="N431043" s="10"/>
    </row>
    <row r="431044" spans="14:14">
      <c r="N431044" s="10"/>
    </row>
    <row r="431045" spans="14:14">
      <c r="N431045" s="10"/>
    </row>
    <row r="431046" spans="14:14">
      <c r="N431046" s="10"/>
    </row>
    <row r="431047" spans="14:14">
      <c r="N431047" s="10"/>
    </row>
    <row r="431048" spans="14:14">
      <c r="N431048" s="10"/>
    </row>
    <row r="431049" spans="14:14">
      <c r="N431049" s="10"/>
    </row>
    <row r="431050" spans="14:14">
      <c r="N431050" s="10"/>
    </row>
    <row r="431051" spans="14:14">
      <c r="N431051" s="10"/>
    </row>
    <row r="431052" spans="14:14">
      <c r="N431052" s="10"/>
    </row>
    <row r="431053" spans="14:14">
      <c r="N431053" s="10"/>
    </row>
    <row r="431054" spans="14:14">
      <c r="N431054" s="10"/>
    </row>
    <row r="431055" spans="14:14">
      <c r="N431055" s="10"/>
    </row>
    <row r="431056" spans="14:14">
      <c r="N431056" s="10"/>
    </row>
    <row r="431057" spans="14:14">
      <c r="N431057" s="10"/>
    </row>
    <row r="431058" spans="14:14">
      <c r="N431058" s="10"/>
    </row>
    <row r="431059" spans="14:14">
      <c r="N431059" s="10"/>
    </row>
    <row r="431060" spans="14:14">
      <c r="N431060" s="10"/>
    </row>
    <row r="431061" spans="14:14">
      <c r="N431061" s="10"/>
    </row>
    <row r="431062" spans="14:14">
      <c r="N431062" s="10"/>
    </row>
    <row r="431063" spans="14:14">
      <c r="N431063" s="10"/>
    </row>
    <row r="431064" spans="14:14">
      <c r="N431064" s="10"/>
    </row>
    <row r="431065" spans="14:14">
      <c r="N431065" s="10"/>
    </row>
    <row r="431066" spans="14:14">
      <c r="N431066" s="10"/>
    </row>
    <row r="431067" spans="14:14">
      <c r="N431067" s="10"/>
    </row>
    <row r="431068" spans="14:14">
      <c r="N431068" s="10"/>
    </row>
    <row r="431069" spans="14:14">
      <c r="N431069" s="10"/>
    </row>
    <row r="431070" spans="14:14">
      <c r="N431070" s="10"/>
    </row>
    <row r="431071" spans="14:14">
      <c r="N431071" s="10"/>
    </row>
    <row r="431072" spans="14:14">
      <c r="N431072" s="10"/>
    </row>
    <row r="431073" spans="14:14">
      <c r="N431073" s="10"/>
    </row>
    <row r="431074" spans="14:14">
      <c r="N431074" s="10"/>
    </row>
    <row r="431075" spans="14:14">
      <c r="N431075" s="10"/>
    </row>
    <row r="431076" spans="14:14">
      <c r="N431076" s="10"/>
    </row>
    <row r="431077" spans="14:14">
      <c r="N431077" s="10"/>
    </row>
    <row r="431078" spans="14:14">
      <c r="N431078" s="10"/>
    </row>
    <row r="431079" spans="14:14">
      <c r="N431079" s="10"/>
    </row>
    <row r="431080" spans="14:14">
      <c r="N431080" s="10"/>
    </row>
    <row r="431081" spans="14:14">
      <c r="N431081" s="10"/>
    </row>
    <row r="431082" spans="14:14">
      <c r="N431082" s="10"/>
    </row>
    <row r="431083" spans="14:14">
      <c r="N431083" s="10"/>
    </row>
    <row r="431084" spans="14:14">
      <c r="N431084" s="10"/>
    </row>
    <row r="431085" spans="14:14">
      <c r="N431085" s="10"/>
    </row>
    <row r="431086" spans="14:14">
      <c r="N431086" s="10"/>
    </row>
    <row r="431087" spans="14:14">
      <c r="N431087" s="10"/>
    </row>
    <row r="431088" spans="14:14">
      <c r="N431088" s="10"/>
    </row>
    <row r="431089" spans="14:14">
      <c r="N431089" s="10"/>
    </row>
    <row r="431090" spans="14:14">
      <c r="N431090" s="10"/>
    </row>
    <row r="431091" spans="14:14">
      <c r="N431091" s="10"/>
    </row>
    <row r="431092" spans="14:14">
      <c r="N431092" s="10"/>
    </row>
    <row r="431093" spans="14:14">
      <c r="N431093" s="10"/>
    </row>
    <row r="431094" spans="14:14">
      <c r="N431094" s="10"/>
    </row>
    <row r="431095" spans="14:14">
      <c r="N431095" s="10"/>
    </row>
    <row r="431096" spans="14:14">
      <c r="N431096" s="10"/>
    </row>
    <row r="431097" spans="14:14">
      <c r="N431097" s="10"/>
    </row>
    <row r="431098" spans="14:14">
      <c r="N431098" s="10"/>
    </row>
    <row r="431099" spans="14:14">
      <c r="N431099" s="10"/>
    </row>
    <row r="431100" spans="14:14">
      <c r="N431100" s="10"/>
    </row>
    <row r="431101" spans="14:14">
      <c r="N431101" s="10"/>
    </row>
    <row r="431102" spans="14:14">
      <c r="N431102" s="10"/>
    </row>
    <row r="431103" spans="14:14">
      <c r="N431103" s="10"/>
    </row>
    <row r="431104" spans="14:14">
      <c r="N431104" s="10"/>
    </row>
    <row r="431105" spans="14:14">
      <c r="N431105" s="10"/>
    </row>
    <row r="431106" spans="14:14">
      <c r="N431106" s="10"/>
    </row>
    <row r="431107" spans="14:14">
      <c r="N431107" s="10"/>
    </row>
    <row r="431108" spans="14:14">
      <c r="N431108" s="10"/>
    </row>
    <row r="431109" spans="14:14">
      <c r="N431109" s="10"/>
    </row>
    <row r="431110" spans="14:14">
      <c r="N431110" s="10"/>
    </row>
    <row r="431111" spans="14:14">
      <c r="N431111" s="10"/>
    </row>
    <row r="431112" spans="14:14">
      <c r="N431112" s="10"/>
    </row>
    <row r="431113" spans="14:14">
      <c r="N431113" s="10"/>
    </row>
    <row r="431114" spans="14:14">
      <c r="N431114" s="10"/>
    </row>
    <row r="431115" spans="14:14">
      <c r="N431115" s="10"/>
    </row>
    <row r="431116" spans="14:14">
      <c r="N431116" s="10"/>
    </row>
    <row r="431117" spans="14:14">
      <c r="N431117" s="10"/>
    </row>
    <row r="431118" spans="14:14">
      <c r="N431118" s="10"/>
    </row>
    <row r="431119" spans="14:14">
      <c r="N431119" s="10"/>
    </row>
    <row r="431120" spans="14:14">
      <c r="N431120" s="10"/>
    </row>
    <row r="431121" spans="14:14">
      <c r="N431121" s="10"/>
    </row>
    <row r="431122" spans="14:14">
      <c r="N431122" s="10"/>
    </row>
    <row r="431123" spans="14:14">
      <c r="N431123" s="10"/>
    </row>
    <row r="431124" spans="14:14">
      <c r="N431124" s="10"/>
    </row>
    <row r="431125" spans="14:14">
      <c r="N431125" s="10"/>
    </row>
    <row r="431126" spans="14:14">
      <c r="N431126" s="10"/>
    </row>
    <row r="431127" spans="14:14">
      <c r="N431127" s="10"/>
    </row>
    <row r="431128" spans="14:14">
      <c r="N431128" s="10"/>
    </row>
    <row r="431129" spans="14:14">
      <c r="N431129" s="10"/>
    </row>
    <row r="431130" spans="14:14">
      <c r="N431130" s="10"/>
    </row>
    <row r="431131" spans="14:14">
      <c r="N431131" s="10"/>
    </row>
    <row r="431132" spans="14:14">
      <c r="N431132" s="10"/>
    </row>
    <row r="431133" spans="14:14">
      <c r="N431133" s="10"/>
    </row>
    <row r="431134" spans="14:14">
      <c r="N431134" s="10"/>
    </row>
    <row r="431135" spans="14:14">
      <c r="N431135" s="10"/>
    </row>
    <row r="431136" spans="14:14">
      <c r="N431136" s="10"/>
    </row>
    <row r="431137" spans="14:14">
      <c r="N431137" s="10"/>
    </row>
    <row r="431138" spans="14:14">
      <c r="N431138" s="10"/>
    </row>
    <row r="431139" spans="14:14">
      <c r="N431139" s="10"/>
    </row>
    <row r="431140" spans="14:14">
      <c r="N431140" s="10"/>
    </row>
    <row r="431141" spans="14:14">
      <c r="N431141" s="10"/>
    </row>
    <row r="431142" spans="14:14">
      <c r="N431142" s="10"/>
    </row>
    <row r="431143" spans="14:14">
      <c r="N431143" s="10"/>
    </row>
    <row r="431144" spans="14:14">
      <c r="N431144" s="10"/>
    </row>
    <row r="431145" spans="14:14">
      <c r="N431145" s="10"/>
    </row>
    <row r="431146" spans="14:14">
      <c r="N431146" s="10"/>
    </row>
    <row r="431147" spans="14:14">
      <c r="N431147" s="10"/>
    </row>
    <row r="431148" spans="14:14">
      <c r="N431148" s="10"/>
    </row>
    <row r="431149" spans="14:14">
      <c r="N431149" s="10"/>
    </row>
    <row r="431150" spans="14:14">
      <c r="N431150" s="10"/>
    </row>
    <row r="431151" spans="14:14">
      <c r="N431151" s="10"/>
    </row>
    <row r="431152" spans="14:14">
      <c r="N431152" s="10"/>
    </row>
    <row r="431153" spans="14:14">
      <c r="N431153" s="10"/>
    </row>
    <row r="431154" spans="14:14">
      <c r="N431154" s="10"/>
    </row>
    <row r="431155" spans="14:14">
      <c r="N431155" s="10"/>
    </row>
    <row r="431156" spans="14:14">
      <c r="N431156" s="10"/>
    </row>
    <row r="431157" spans="14:14">
      <c r="N431157" s="10"/>
    </row>
    <row r="431158" spans="14:14">
      <c r="N431158" s="10"/>
    </row>
    <row r="431159" spans="14:14">
      <c r="N431159" s="10"/>
    </row>
    <row r="431160" spans="14:14">
      <c r="N431160" s="10"/>
    </row>
    <row r="431161" spans="14:14">
      <c r="N431161" s="10"/>
    </row>
    <row r="431162" spans="14:14">
      <c r="N431162" s="10"/>
    </row>
    <row r="431163" spans="14:14">
      <c r="N431163" s="10"/>
    </row>
    <row r="431164" spans="14:14">
      <c r="N431164" s="10"/>
    </row>
    <row r="431165" spans="14:14">
      <c r="N431165" s="10"/>
    </row>
    <row r="431166" spans="14:14">
      <c r="N431166" s="10"/>
    </row>
    <row r="431167" spans="14:14">
      <c r="N431167" s="10"/>
    </row>
    <row r="431168" spans="14:14">
      <c r="N431168" s="10"/>
    </row>
    <row r="431169" spans="14:14">
      <c r="N431169" s="10"/>
    </row>
    <row r="431170" spans="14:14">
      <c r="N431170" s="10"/>
    </row>
    <row r="431171" spans="14:14">
      <c r="N431171" s="10"/>
    </row>
    <row r="431172" spans="14:14">
      <c r="N431172" s="10"/>
    </row>
    <row r="431173" spans="14:14">
      <c r="N431173" s="10"/>
    </row>
    <row r="431174" spans="14:14">
      <c r="N431174" s="10"/>
    </row>
    <row r="431175" spans="14:14">
      <c r="N431175" s="10"/>
    </row>
    <row r="431176" spans="14:14">
      <c r="N431176" s="10"/>
    </row>
    <row r="431177" spans="14:14">
      <c r="N431177" s="10"/>
    </row>
    <row r="431178" spans="14:14">
      <c r="N431178" s="10"/>
    </row>
    <row r="431179" spans="14:14">
      <c r="N431179" s="10"/>
    </row>
    <row r="431180" spans="14:14">
      <c r="N431180" s="10"/>
    </row>
    <row r="431181" spans="14:14">
      <c r="N431181" s="10"/>
    </row>
    <row r="431182" spans="14:14">
      <c r="N431182" s="10"/>
    </row>
    <row r="431183" spans="14:14">
      <c r="N431183" s="10"/>
    </row>
    <row r="431184" spans="14:14">
      <c r="N431184" s="10"/>
    </row>
    <row r="431185" spans="14:14">
      <c r="N431185" s="10"/>
    </row>
    <row r="431186" spans="14:14">
      <c r="N431186" s="10"/>
    </row>
    <row r="431187" spans="14:14">
      <c r="N431187" s="10"/>
    </row>
    <row r="431188" spans="14:14">
      <c r="N431188" s="10"/>
    </row>
    <row r="431189" spans="14:14">
      <c r="N431189" s="10"/>
    </row>
    <row r="431190" spans="14:14">
      <c r="N431190" s="10"/>
    </row>
    <row r="431191" spans="14:14">
      <c r="N431191" s="10"/>
    </row>
    <row r="431192" spans="14:14">
      <c r="N431192" s="10"/>
    </row>
    <row r="431193" spans="14:14">
      <c r="N431193" s="10"/>
    </row>
    <row r="431194" spans="14:14">
      <c r="N431194" s="10"/>
    </row>
    <row r="431195" spans="14:14">
      <c r="N431195" s="10"/>
    </row>
    <row r="431196" spans="14:14">
      <c r="N431196" s="10"/>
    </row>
    <row r="431197" spans="14:14">
      <c r="N431197" s="10"/>
    </row>
    <row r="431198" spans="14:14">
      <c r="N431198" s="10"/>
    </row>
    <row r="431199" spans="14:14">
      <c r="N431199" s="10"/>
    </row>
    <row r="431200" spans="14:14">
      <c r="N431200" s="10"/>
    </row>
    <row r="431201" spans="14:14">
      <c r="N431201" s="10"/>
    </row>
    <row r="431202" spans="14:14">
      <c r="N431202" s="10"/>
    </row>
    <row r="431203" spans="14:14">
      <c r="N431203" s="10"/>
    </row>
    <row r="431204" spans="14:14">
      <c r="N431204" s="10"/>
    </row>
    <row r="431205" spans="14:14">
      <c r="N431205" s="10"/>
    </row>
    <row r="431206" spans="14:14">
      <c r="N431206" s="10"/>
    </row>
    <row r="431207" spans="14:14">
      <c r="N431207" s="10"/>
    </row>
    <row r="431208" spans="14:14">
      <c r="N431208" s="10"/>
    </row>
    <row r="431209" spans="14:14">
      <c r="N431209" s="10"/>
    </row>
    <row r="431210" spans="14:14">
      <c r="N431210" s="10"/>
    </row>
    <row r="431211" spans="14:14">
      <c r="N431211" s="10"/>
    </row>
    <row r="431212" spans="14:14">
      <c r="N431212" s="10"/>
    </row>
    <row r="431213" spans="14:14">
      <c r="N431213" s="10"/>
    </row>
    <row r="431214" spans="14:14">
      <c r="N431214" s="10"/>
    </row>
    <row r="431215" spans="14:14">
      <c r="N431215" s="10"/>
    </row>
    <row r="431216" spans="14:14">
      <c r="N431216" s="10"/>
    </row>
    <row r="431217" spans="14:14">
      <c r="N431217" s="10"/>
    </row>
    <row r="431218" spans="14:14">
      <c r="N431218" s="10"/>
    </row>
    <row r="431219" spans="14:14">
      <c r="N431219" s="10"/>
    </row>
    <row r="431220" spans="14:14">
      <c r="N431220" s="10"/>
    </row>
    <row r="431221" spans="14:14">
      <c r="N431221" s="10"/>
    </row>
    <row r="431222" spans="14:14">
      <c r="N431222" s="10"/>
    </row>
    <row r="431223" spans="14:14">
      <c r="N431223" s="10"/>
    </row>
    <row r="431224" spans="14:14">
      <c r="N431224" s="10"/>
    </row>
    <row r="431225" spans="14:14">
      <c r="N431225" s="10"/>
    </row>
    <row r="431226" spans="14:14">
      <c r="N431226" s="10"/>
    </row>
    <row r="431227" spans="14:14">
      <c r="N431227" s="10"/>
    </row>
    <row r="431228" spans="14:14">
      <c r="N431228" s="10"/>
    </row>
    <row r="431229" spans="14:14">
      <c r="N431229" s="10"/>
    </row>
    <row r="431230" spans="14:14">
      <c r="N431230" s="10"/>
    </row>
    <row r="431231" spans="14:14">
      <c r="N431231" s="10"/>
    </row>
    <row r="431232" spans="14:14">
      <c r="N431232" s="10"/>
    </row>
    <row r="431233" spans="14:14">
      <c r="N431233" s="10"/>
    </row>
    <row r="431234" spans="14:14">
      <c r="N431234" s="10"/>
    </row>
    <row r="431235" spans="14:14">
      <c r="N431235" s="10"/>
    </row>
    <row r="431236" spans="14:14">
      <c r="N431236" s="10"/>
    </row>
    <row r="431237" spans="14:14">
      <c r="N431237" s="10"/>
    </row>
    <row r="431238" spans="14:14">
      <c r="N431238" s="10"/>
    </row>
    <row r="431239" spans="14:14">
      <c r="N431239" s="10"/>
    </row>
    <row r="431240" spans="14:14">
      <c r="N431240" s="10"/>
    </row>
    <row r="431241" spans="14:14">
      <c r="N431241" s="10"/>
    </row>
    <row r="431242" spans="14:14">
      <c r="N431242" s="10"/>
    </row>
    <row r="431243" spans="14:14">
      <c r="N431243" s="10"/>
    </row>
    <row r="431244" spans="14:14">
      <c r="N431244" s="10"/>
    </row>
    <row r="431245" spans="14:14">
      <c r="N431245" s="10"/>
    </row>
    <row r="431246" spans="14:14">
      <c r="N431246" s="10"/>
    </row>
    <row r="431247" spans="14:14">
      <c r="N431247" s="10"/>
    </row>
    <row r="431248" spans="14:14">
      <c r="N431248" s="10"/>
    </row>
    <row r="431249" spans="14:14">
      <c r="N431249" s="10"/>
    </row>
    <row r="431250" spans="14:14">
      <c r="N431250" s="10"/>
    </row>
    <row r="431251" spans="14:14">
      <c r="N431251" s="10"/>
    </row>
    <row r="431252" spans="14:14">
      <c r="N431252" s="10"/>
    </row>
    <row r="431253" spans="14:14">
      <c r="N431253" s="10"/>
    </row>
    <row r="431254" spans="14:14">
      <c r="N431254" s="10"/>
    </row>
    <row r="431255" spans="14:14">
      <c r="N431255" s="10"/>
    </row>
    <row r="431256" spans="14:14">
      <c r="N431256" s="10"/>
    </row>
    <row r="431257" spans="14:14">
      <c r="N431257" s="10"/>
    </row>
    <row r="431258" spans="14:14">
      <c r="N431258" s="10"/>
    </row>
    <row r="431259" spans="14:14">
      <c r="N431259" s="10"/>
    </row>
    <row r="431260" spans="14:14">
      <c r="N431260" s="10"/>
    </row>
    <row r="431261" spans="14:14">
      <c r="N431261" s="10"/>
    </row>
    <row r="431262" spans="14:14">
      <c r="N431262" s="10"/>
    </row>
    <row r="431263" spans="14:14">
      <c r="N431263" s="10"/>
    </row>
    <row r="431264" spans="14:14">
      <c r="N431264" s="10"/>
    </row>
    <row r="431265" spans="14:14">
      <c r="N431265" s="10"/>
    </row>
    <row r="431266" spans="14:14">
      <c r="N431266" s="10"/>
    </row>
    <row r="431267" spans="14:14">
      <c r="N431267" s="10"/>
    </row>
    <row r="431268" spans="14:14">
      <c r="N431268" s="10"/>
    </row>
    <row r="431269" spans="14:14">
      <c r="N431269" s="10"/>
    </row>
    <row r="431270" spans="14:14">
      <c r="N431270" s="10"/>
    </row>
    <row r="431271" spans="14:14">
      <c r="N431271" s="10"/>
    </row>
    <row r="431272" spans="14:14">
      <c r="N431272" s="10"/>
    </row>
    <row r="431273" spans="14:14">
      <c r="N431273" s="10"/>
    </row>
    <row r="431274" spans="14:14">
      <c r="N431274" s="10"/>
    </row>
    <row r="431275" spans="14:14">
      <c r="N431275" s="10"/>
    </row>
    <row r="431276" spans="14:14">
      <c r="N431276" s="10"/>
    </row>
    <row r="431277" spans="14:14">
      <c r="N431277" s="10"/>
    </row>
    <row r="431278" spans="14:14">
      <c r="N431278" s="10"/>
    </row>
    <row r="431279" spans="14:14">
      <c r="N431279" s="10"/>
    </row>
    <row r="431280" spans="14:14">
      <c r="N431280" s="10"/>
    </row>
    <row r="431281" spans="14:14">
      <c r="N431281" s="10"/>
    </row>
    <row r="431282" spans="14:14">
      <c r="N431282" s="10"/>
    </row>
    <row r="431283" spans="14:14">
      <c r="N431283" s="10"/>
    </row>
    <row r="431284" spans="14:14">
      <c r="N431284" s="10"/>
    </row>
    <row r="431285" spans="14:14">
      <c r="N431285" s="10"/>
    </row>
    <row r="431286" spans="14:14">
      <c r="N431286" s="10"/>
    </row>
    <row r="431287" spans="14:14">
      <c r="N431287" s="10"/>
    </row>
    <row r="431288" spans="14:14">
      <c r="N431288" s="10"/>
    </row>
    <row r="431289" spans="14:14">
      <c r="N431289" s="10"/>
    </row>
    <row r="431290" spans="14:14">
      <c r="N431290" s="10"/>
    </row>
    <row r="431291" spans="14:14">
      <c r="N431291" s="10"/>
    </row>
    <row r="431292" spans="14:14">
      <c r="N431292" s="10"/>
    </row>
    <row r="431293" spans="14:14">
      <c r="N431293" s="10"/>
    </row>
    <row r="431294" spans="14:14">
      <c r="N431294" s="10"/>
    </row>
    <row r="431295" spans="14:14">
      <c r="N431295" s="10"/>
    </row>
    <row r="431296" spans="14:14">
      <c r="N431296" s="10"/>
    </row>
    <row r="431297" spans="14:14">
      <c r="N431297" s="10"/>
    </row>
    <row r="431298" spans="14:14">
      <c r="N431298" s="10"/>
    </row>
    <row r="431299" spans="14:14">
      <c r="N431299" s="10"/>
    </row>
    <row r="431300" spans="14:14">
      <c r="N431300" s="10"/>
    </row>
    <row r="431301" spans="14:14">
      <c r="N431301" s="10"/>
    </row>
    <row r="431302" spans="14:14">
      <c r="N431302" s="10"/>
    </row>
    <row r="431303" spans="14:14">
      <c r="N431303" s="10"/>
    </row>
    <row r="431304" spans="14:14">
      <c r="N431304" s="10"/>
    </row>
    <row r="431305" spans="14:14">
      <c r="N431305" s="10"/>
    </row>
    <row r="431306" spans="14:14">
      <c r="N431306" s="10"/>
    </row>
    <row r="431307" spans="14:14">
      <c r="N431307" s="10"/>
    </row>
    <row r="431308" spans="14:14">
      <c r="N431308" s="10"/>
    </row>
    <row r="431309" spans="14:14">
      <c r="N431309" s="10"/>
    </row>
    <row r="431310" spans="14:14">
      <c r="N431310" s="10"/>
    </row>
    <row r="431311" spans="14:14">
      <c r="N431311" s="10"/>
    </row>
    <row r="431312" spans="14:14">
      <c r="N431312" s="10"/>
    </row>
    <row r="431313" spans="14:14">
      <c r="N431313" s="10"/>
    </row>
    <row r="431314" spans="14:14">
      <c r="N431314" s="10"/>
    </row>
    <row r="431315" spans="14:14">
      <c r="N431315" s="10"/>
    </row>
    <row r="431316" spans="14:14">
      <c r="N431316" s="10"/>
    </row>
    <row r="431317" spans="14:14">
      <c r="N431317" s="10"/>
    </row>
    <row r="431318" spans="14:14">
      <c r="N431318" s="10"/>
    </row>
    <row r="431319" spans="14:14">
      <c r="N431319" s="10"/>
    </row>
    <row r="431320" spans="14:14">
      <c r="N431320" s="10"/>
    </row>
    <row r="431321" spans="14:14">
      <c r="N431321" s="10"/>
    </row>
    <row r="431322" spans="14:14">
      <c r="N431322" s="10"/>
    </row>
    <row r="431323" spans="14:14">
      <c r="N431323" s="10"/>
    </row>
    <row r="431324" spans="14:14">
      <c r="N431324" s="10"/>
    </row>
    <row r="431325" spans="14:14">
      <c r="N431325" s="10"/>
    </row>
    <row r="431326" spans="14:14">
      <c r="N431326" s="10"/>
    </row>
    <row r="431327" spans="14:14">
      <c r="N431327" s="10"/>
    </row>
    <row r="431328" spans="14:14">
      <c r="N431328" s="10"/>
    </row>
    <row r="431329" spans="14:14">
      <c r="N431329" s="10"/>
    </row>
    <row r="431330" spans="14:14">
      <c r="N431330" s="10"/>
    </row>
    <row r="431331" spans="14:14">
      <c r="N431331" s="10"/>
    </row>
    <row r="431332" spans="14:14">
      <c r="N431332" s="10"/>
    </row>
    <row r="431333" spans="14:14">
      <c r="N431333" s="10"/>
    </row>
    <row r="431334" spans="14:14">
      <c r="N431334" s="10"/>
    </row>
    <row r="431335" spans="14:14">
      <c r="N431335" s="10"/>
    </row>
    <row r="431336" spans="14:14">
      <c r="N431336" s="10"/>
    </row>
    <row r="431337" spans="14:14">
      <c r="N431337" s="10"/>
    </row>
    <row r="431338" spans="14:14">
      <c r="N431338" s="10"/>
    </row>
    <row r="431339" spans="14:14">
      <c r="N431339" s="10"/>
    </row>
    <row r="431340" spans="14:14">
      <c r="N431340" s="10"/>
    </row>
    <row r="431341" spans="14:14">
      <c r="N431341" s="10"/>
    </row>
    <row r="431342" spans="14:14">
      <c r="N431342" s="10"/>
    </row>
    <row r="431343" spans="14:14">
      <c r="N431343" s="10"/>
    </row>
    <row r="431344" spans="14:14">
      <c r="N431344" s="10"/>
    </row>
    <row r="431345" spans="14:14">
      <c r="N431345" s="10"/>
    </row>
    <row r="431346" spans="14:14">
      <c r="N431346" s="10"/>
    </row>
    <row r="431347" spans="14:14">
      <c r="N431347" s="10"/>
    </row>
    <row r="431348" spans="14:14">
      <c r="N431348" s="10"/>
    </row>
    <row r="431349" spans="14:14">
      <c r="N431349" s="10"/>
    </row>
    <row r="431350" spans="14:14">
      <c r="N431350" s="10"/>
    </row>
    <row r="431351" spans="14:14">
      <c r="N431351" s="10"/>
    </row>
    <row r="431352" spans="14:14">
      <c r="N431352" s="10"/>
    </row>
    <row r="431353" spans="14:14">
      <c r="N431353" s="10"/>
    </row>
    <row r="431354" spans="14:14">
      <c r="N431354" s="10"/>
    </row>
    <row r="431355" spans="14:14">
      <c r="N431355" s="10"/>
    </row>
    <row r="431356" spans="14:14">
      <c r="N431356" s="10"/>
    </row>
    <row r="431357" spans="14:14">
      <c r="N431357" s="10"/>
    </row>
    <row r="431358" spans="14:14">
      <c r="N431358" s="10"/>
    </row>
    <row r="431359" spans="14:14">
      <c r="N431359" s="10"/>
    </row>
    <row r="431360" spans="14:14">
      <c r="N431360" s="10"/>
    </row>
    <row r="431361" spans="14:14">
      <c r="N431361" s="10"/>
    </row>
    <row r="431362" spans="14:14">
      <c r="N431362" s="10"/>
    </row>
    <row r="431363" spans="14:14">
      <c r="N431363" s="10"/>
    </row>
    <row r="431364" spans="14:14">
      <c r="N431364" s="10"/>
    </row>
    <row r="431365" spans="14:14">
      <c r="N431365" s="10"/>
    </row>
    <row r="431366" spans="14:14">
      <c r="N431366" s="10"/>
    </row>
    <row r="431367" spans="14:14">
      <c r="N431367" s="10"/>
    </row>
    <row r="431368" spans="14:14">
      <c r="N431368" s="10"/>
    </row>
    <row r="431369" spans="14:14">
      <c r="N431369" s="10"/>
    </row>
    <row r="431370" spans="14:14">
      <c r="N431370" s="10"/>
    </row>
    <row r="431371" spans="14:14">
      <c r="N431371" s="10"/>
    </row>
    <row r="431372" spans="14:14">
      <c r="N431372" s="10"/>
    </row>
    <row r="431373" spans="14:14">
      <c r="N431373" s="10"/>
    </row>
    <row r="431374" spans="14:14">
      <c r="N431374" s="10"/>
    </row>
    <row r="431375" spans="14:14">
      <c r="N431375" s="10"/>
    </row>
    <row r="431376" spans="14:14">
      <c r="N431376" s="10"/>
    </row>
    <row r="431377" spans="14:14">
      <c r="N431377" s="10"/>
    </row>
    <row r="431378" spans="14:14">
      <c r="N431378" s="10"/>
    </row>
    <row r="431379" spans="14:14">
      <c r="N431379" s="10"/>
    </row>
    <row r="431380" spans="14:14">
      <c r="N431380" s="10"/>
    </row>
    <row r="431381" spans="14:14">
      <c r="N431381" s="10"/>
    </row>
    <row r="431382" spans="14:14">
      <c r="N431382" s="10"/>
    </row>
    <row r="431383" spans="14:14">
      <c r="N431383" s="10"/>
    </row>
    <row r="431384" spans="14:14">
      <c r="N431384" s="10"/>
    </row>
    <row r="431385" spans="14:14">
      <c r="N431385" s="10"/>
    </row>
    <row r="431386" spans="14:14">
      <c r="N431386" s="10"/>
    </row>
    <row r="431387" spans="14:14">
      <c r="N431387" s="10"/>
    </row>
    <row r="431388" spans="14:14">
      <c r="N431388" s="10"/>
    </row>
    <row r="431389" spans="14:14">
      <c r="N431389" s="10"/>
    </row>
    <row r="431390" spans="14:14">
      <c r="N431390" s="10"/>
    </row>
    <row r="431391" spans="14:14">
      <c r="N431391" s="10"/>
    </row>
    <row r="431392" spans="14:14">
      <c r="N431392" s="10"/>
    </row>
    <row r="431393" spans="14:14">
      <c r="N431393" s="10"/>
    </row>
    <row r="431394" spans="14:14">
      <c r="N431394" s="10"/>
    </row>
    <row r="431395" spans="14:14">
      <c r="N431395" s="10"/>
    </row>
    <row r="431396" spans="14:14">
      <c r="N431396" s="10"/>
    </row>
    <row r="431397" spans="14:14">
      <c r="N431397" s="10"/>
    </row>
    <row r="431398" spans="14:14">
      <c r="N431398" s="10"/>
    </row>
    <row r="431399" spans="14:14">
      <c r="N431399" s="10"/>
    </row>
    <row r="431400" spans="14:14">
      <c r="N431400" s="10"/>
    </row>
    <row r="431401" spans="14:14">
      <c r="N431401" s="10"/>
    </row>
    <row r="431402" spans="14:14">
      <c r="N431402" s="10"/>
    </row>
    <row r="431403" spans="14:14">
      <c r="N431403" s="10"/>
    </row>
    <row r="431404" spans="14:14">
      <c r="N431404" s="10"/>
    </row>
    <row r="431405" spans="14:14">
      <c r="N431405" s="10"/>
    </row>
    <row r="431406" spans="14:14">
      <c r="N431406" s="10"/>
    </row>
    <row r="431407" spans="14:14">
      <c r="N431407" s="10"/>
    </row>
    <row r="431408" spans="14:14">
      <c r="N431408" s="10"/>
    </row>
    <row r="431409" spans="14:14">
      <c r="N431409" s="10"/>
    </row>
    <row r="431410" spans="14:14">
      <c r="N431410" s="10"/>
    </row>
    <row r="431411" spans="14:14">
      <c r="N431411" s="10"/>
    </row>
    <row r="431412" spans="14:14">
      <c r="N431412" s="10"/>
    </row>
    <row r="431413" spans="14:14">
      <c r="N431413" s="10"/>
    </row>
    <row r="431414" spans="14:14">
      <c r="N431414" s="10"/>
    </row>
    <row r="431415" spans="14:14">
      <c r="N431415" s="10"/>
    </row>
    <row r="431416" spans="14:14">
      <c r="N431416" s="10"/>
    </row>
    <row r="431417" spans="14:14">
      <c r="N431417" s="10"/>
    </row>
    <row r="431418" spans="14:14">
      <c r="N431418" s="10"/>
    </row>
    <row r="431419" spans="14:14">
      <c r="N431419" s="10"/>
    </row>
    <row r="431420" spans="14:14">
      <c r="N431420" s="10"/>
    </row>
    <row r="431421" spans="14:14">
      <c r="N431421" s="10"/>
    </row>
    <row r="431422" spans="14:14">
      <c r="N431422" s="10"/>
    </row>
    <row r="431423" spans="14:14">
      <c r="N431423" s="10"/>
    </row>
    <row r="431424" spans="14:14">
      <c r="N431424" s="10"/>
    </row>
    <row r="431425" spans="14:14">
      <c r="N431425" s="10"/>
    </row>
    <row r="431426" spans="14:14">
      <c r="N431426" s="10"/>
    </row>
    <row r="431427" spans="14:14">
      <c r="N431427" s="10"/>
    </row>
    <row r="431428" spans="14:14">
      <c r="N431428" s="10"/>
    </row>
    <row r="431429" spans="14:14">
      <c r="N431429" s="10"/>
    </row>
    <row r="431430" spans="14:14">
      <c r="N431430" s="10"/>
    </row>
    <row r="431431" spans="14:14">
      <c r="N431431" s="10"/>
    </row>
    <row r="431432" spans="14:14">
      <c r="N431432" s="10"/>
    </row>
    <row r="431433" spans="14:14">
      <c r="N431433" s="10"/>
    </row>
    <row r="431434" spans="14:14">
      <c r="N431434" s="10"/>
    </row>
    <row r="431435" spans="14:14">
      <c r="N431435" s="10"/>
    </row>
    <row r="431436" spans="14:14">
      <c r="N431436" s="10"/>
    </row>
    <row r="431437" spans="14:14">
      <c r="N431437" s="10"/>
    </row>
    <row r="431438" spans="14:14">
      <c r="N431438" s="10"/>
    </row>
    <row r="431439" spans="14:14">
      <c r="N431439" s="10"/>
    </row>
    <row r="431440" spans="14:14">
      <c r="N431440" s="10"/>
    </row>
    <row r="431441" spans="14:14">
      <c r="N431441" s="10"/>
    </row>
    <row r="431442" spans="14:14">
      <c r="N431442" s="10"/>
    </row>
    <row r="431443" spans="14:14">
      <c r="N431443" s="10"/>
    </row>
    <row r="431444" spans="14:14">
      <c r="N431444" s="10"/>
    </row>
    <row r="431445" spans="14:14">
      <c r="N431445" s="10"/>
    </row>
    <row r="431446" spans="14:14">
      <c r="N431446" s="10"/>
    </row>
    <row r="431447" spans="14:14">
      <c r="N431447" s="10"/>
    </row>
    <row r="431448" spans="14:14">
      <c r="N431448" s="10"/>
    </row>
    <row r="431449" spans="14:14">
      <c r="N431449" s="10"/>
    </row>
    <row r="431450" spans="14:14">
      <c r="N431450" s="10"/>
    </row>
    <row r="431451" spans="14:14">
      <c r="N431451" s="10"/>
    </row>
    <row r="431452" spans="14:14">
      <c r="N431452" s="10"/>
    </row>
    <row r="431453" spans="14:14">
      <c r="N431453" s="10"/>
    </row>
    <row r="431454" spans="14:14">
      <c r="N431454" s="10"/>
    </row>
    <row r="431455" spans="14:14">
      <c r="N431455" s="10"/>
    </row>
    <row r="431456" spans="14:14">
      <c r="N431456" s="10"/>
    </row>
    <row r="431457" spans="14:14">
      <c r="N431457" s="10"/>
    </row>
    <row r="431458" spans="14:14">
      <c r="N431458" s="10"/>
    </row>
    <row r="431459" spans="14:14">
      <c r="N431459" s="10"/>
    </row>
    <row r="431460" spans="14:14">
      <c r="N431460" s="10"/>
    </row>
    <row r="431461" spans="14:14">
      <c r="N431461" s="10"/>
    </row>
    <row r="431462" spans="14:14">
      <c r="N431462" s="10"/>
    </row>
    <row r="431463" spans="14:14">
      <c r="N431463" s="10"/>
    </row>
    <row r="431464" spans="14:14">
      <c r="N431464" s="10"/>
    </row>
    <row r="431465" spans="14:14">
      <c r="N431465" s="10"/>
    </row>
    <row r="431466" spans="14:14">
      <c r="N431466" s="10"/>
    </row>
    <row r="431467" spans="14:14">
      <c r="N431467" s="10"/>
    </row>
    <row r="431468" spans="14:14">
      <c r="N431468" s="10"/>
    </row>
    <row r="431469" spans="14:14">
      <c r="N431469" s="10"/>
    </row>
    <row r="431470" spans="14:14">
      <c r="N431470" s="10"/>
    </row>
    <row r="431471" spans="14:14">
      <c r="N431471" s="10"/>
    </row>
    <row r="431472" spans="14:14">
      <c r="N431472" s="10"/>
    </row>
    <row r="431473" spans="14:14">
      <c r="N431473" s="10"/>
    </row>
    <row r="431474" spans="14:14">
      <c r="N431474" s="10"/>
    </row>
    <row r="431475" spans="14:14">
      <c r="N431475" s="10"/>
    </row>
    <row r="431476" spans="14:14">
      <c r="N431476" s="10"/>
    </row>
    <row r="431477" spans="14:14">
      <c r="N431477" s="10"/>
    </row>
    <row r="431478" spans="14:14">
      <c r="N431478" s="10"/>
    </row>
    <row r="431479" spans="14:14">
      <c r="N431479" s="10"/>
    </row>
    <row r="431480" spans="14:14">
      <c r="N431480" s="10"/>
    </row>
    <row r="431481" spans="14:14">
      <c r="N431481" s="10"/>
    </row>
    <row r="431482" spans="14:14">
      <c r="N431482" s="10"/>
    </row>
    <row r="431483" spans="14:14">
      <c r="N431483" s="10"/>
    </row>
    <row r="431484" spans="14:14">
      <c r="N431484" s="10"/>
    </row>
    <row r="431485" spans="14:14">
      <c r="N431485" s="10"/>
    </row>
    <row r="431486" spans="14:14">
      <c r="N431486" s="10"/>
    </row>
    <row r="431487" spans="14:14">
      <c r="N431487" s="10"/>
    </row>
    <row r="431488" spans="14:14">
      <c r="N431488" s="10"/>
    </row>
    <row r="431489" spans="14:14">
      <c r="N431489" s="10"/>
    </row>
    <row r="431490" spans="14:14">
      <c r="N431490" s="10"/>
    </row>
    <row r="431491" spans="14:14">
      <c r="N431491" s="10"/>
    </row>
    <row r="431492" spans="14:14">
      <c r="N431492" s="10"/>
    </row>
    <row r="431493" spans="14:14">
      <c r="N431493" s="10"/>
    </row>
    <row r="431494" spans="14:14">
      <c r="N431494" s="10"/>
    </row>
    <row r="431495" spans="14:14">
      <c r="N431495" s="10"/>
    </row>
    <row r="431496" spans="14:14">
      <c r="N431496" s="10"/>
    </row>
    <row r="431497" spans="14:14">
      <c r="N431497" s="10"/>
    </row>
    <row r="431498" spans="14:14">
      <c r="N431498" s="10"/>
    </row>
    <row r="431499" spans="14:14">
      <c r="N431499" s="10"/>
    </row>
    <row r="431500" spans="14:14">
      <c r="N431500" s="10"/>
    </row>
    <row r="431501" spans="14:14">
      <c r="N431501" s="10"/>
    </row>
    <row r="431502" spans="14:14">
      <c r="N431502" s="10"/>
    </row>
    <row r="431503" spans="14:14">
      <c r="N431503" s="10"/>
    </row>
    <row r="431504" spans="14:14">
      <c r="N431504" s="10"/>
    </row>
    <row r="431505" spans="14:14">
      <c r="N431505" s="10"/>
    </row>
    <row r="431506" spans="14:14">
      <c r="N431506" s="10"/>
    </row>
    <row r="431507" spans="14:14">
      <c r="N431507" s="10"/>
    </row>
    <row r="431508" spans="14:14">
      <c r="N431508" s="10"/>
    </row>
    <row r="431509" spans="14:14">
      <c r="N431509" s="10"/>
    </row>
    <row r="431510" spans="14:14">
      <c r="N431510" s="10"/>
    </row>
    <row r="431511" spans="14:14">
      <c r="N431511" s="10"/>
    </row>
    <row r="431512" spans="14:14">
      <c r="N431512" s="10"/>
    </row>
    <row r="431513" spans="14:14">
      <c r="N431513" s="10"/>
    </row>
    <row r="431514" spans="14:14">
      <c r="N431514" s="10"/>
    </row>
    <row r="431515" spans="14:14">
      <c r="N431515" s="10"/>
    </row>
    <row r="431516" spans="14:14">
      <c r="N431516" s="10"/>
    </row>
    <row r="431517" spans="14:14">
      <c r="N431517" s="10"/>
    </row>
    <row r="431518" spans="14:14">
      <c r="N431518" s="10"/>
    </row>
    <row r="431519" spans="14:14">
      <c r="N431519" s="10"/>
    </row>
    <row r="431520" spans="14:14">
      <c r="N431520" s="10"/>
    </row>
    <row r="431521" spans="14:14">
      <c r="N431521" s="10"/>
    </row>
    <row r="431522" spans="14:14">
      <c r="N431522" s="10"/>
    </row>
    <row r="431523" spans="14:14">
      <c r="N431523" s="10"/>
    </row>
    <row r="431524" spans="14:14">
      <c r="N431524" s="10"/>
    </row>
    <row r="431525" spans="14:14">
      <c r="N431525" s="10"/>
    </row>
    <row r="431526" spans="14:14">
      <c r="N431526" s="10"/>
    </row>
    <row r="431527" spans="14:14">
      <c r="N431527" s="10"/>
    </row>
    <row r="431528" spans="14:14">
      <c r="N431528" s="10"/>
    </row>
    <row r="431529" spans="14:14">
      <c r="N431529" s="10"/>
    </row>
    <row r="431530" spans="14:14">
      <c r="N431530" s="10"/>
    </row>
    <row r="431531" spans="14:14">
      <c r="N431531" s="10"/>
    </row>
    <row r="431532" spans="14:14">
      <c r="N431532" s="10"/>
    </row>
    <row r="431533" spans="14:14">
      <c r="N431533" s="10"/>
    </row>
    <row r="431534" spans="14:14">
      <c r="N431534" s="10"/>
    </row>
    <row r="431535" spans="14:14">
      <c r="N431535" s="10"/>
    </row>
    <row r="431536" spans="14:14">
      <c r="N431536" s="10"/>
    </row>
    <row r="431537" spans="14:14">
      <c r="N431537" s="10"/>
    </row>
    <row r="431538" spans="14:14">
      <c r="N431538" s="10"/>
    </row>
    <row r="431539" spans="14:14">
      <c r="N431539" s="10"/>
    </row>
    <row r="431540" spans="14:14">
      <c r="N431540" s="10"/>
    </row>
    <row r="431541" spans="14:14">
      <c r="N431541" s="10"/>
    </row>
    <row r="431542" spans="14:14">
      <c r="N431542" s="10"/>
    </row>
    <row r="431543" spans="14:14">
      <c r="N431543" s="10"/>
    </row>
    <row r="431544" spans="14:14">
      <c r="N431544" s="10"/>
    </row>
    <row r="431545" spans="14:14">
      <c r="N431545" s="10"/>
    </row>
    <row r="431546" spans="14:14">
      <c r="N431546" s="10"/>
    </row>
    <row r="431547" spans="14:14">
      <c r="N431547" s="10"/>
    </row>
    <row r="431548" spans="14:14">
      <c r="N431548" s="10"/>
    </row>
    <row r="431549" spans="14:14">
      <c r="N431549" s="10"/>
    </row>
    <row r="431550" spans="14:14">
      <c r="N431550" s="10"/>
    </row>
    <row r="431551" spans="14:14">
      <c r="N431551" s="10"/>
    </row>
    <row r="431552" spans="14:14">
      <c r="N431552" s="10"/>
    </row>
    <row r="431553" spans="14:14">
      <c r="N431553" s="10"/>
    </row>
    <row r="431554" spans="14:14">
      <c r="N431554" s="10"/>
    </row>
    <row r="431555" spans="14:14">
      <c r="N431555" s="10"/>
    </row>
    <row r="431556" spans="14:14">
      <c r="N431556" s="10"/>
    </row>
    <row r="431557" spans="14:14">
      <c r="N431557" s="10"/>
    </row>
    <row r="431558" spans="14:14">
      <c r="N431558" s="10"/>
    </row>
    <row r="431559" spans="14:14">
      <c r="N431559" s="10"/>
    </row>
    <row r="431560" spans="14:14">
      <c r="N431560" s="10"/>
    </row>
    <row r="431561" spans="14:14">
      <c r="N431561" s="10"/>
    </row>
    <row r="431562" spans="14:14">
      <c r="N431562" s="10"/>
    </row>
    <row r="431563" spans="14:14">
      <c r="N431563" s="10"/>
    </row>
    <row r="431564" spans="14:14">
      <c r="N431564" s="10"/>
    </row>
    <row r="431565" spans="14:14">
      <c r="N431565" s="10"/>
    </row>
    <row r="431566" spans="14:14">
      <c r="N431566" s="10"/>
    </row>
    <row r="431567" spans="14:14">
      <c r="N431567" s="10"/>
    </row>
    <row r="431568" spans="14:14">
      <c r="N431568" s="10"/>
    </row>
    <row r="431569" spans="14:14">
      <c r="N431569" s="10"/>
    </row>
    <row r="431570" spans="14:14">
      <c r="N431570" s="10"/>
    </row>
    <row r="431571" spans="14:14">
      <c r="N431571" s="10"/>
    </row>
    <row r="431572" spans="14:14">
      <c r="N431572" s="10"/>
    </row>
    <row r="431573" spans="14:14">
      <c r="N431573" s="10"/>
    </row>
    <row r="431574" spans="14:14">
      <c r="N431574" s="10"/>
    </row>
    <row r="431575" spans="14:14">
      <c r="N431575" s="10"/>
    </row>
    <row r="431576" spans="14:14">
      <c r="N431576" s="10"/>
    </row>
    <row r="431577" spans="14:14">
      <c r="N431577" s="10"/>
    </row>
    <row r="431578" spans="14:14">
      <c r="N431578" s="10"/>
    </row>
    <row r="431579" spans="14:14">
      <c r="N431579" s="10"/>
    </row>
    <row r="431580" spans="14:14">
      <c r="N431580" s="10"/>
    </row>
    <row r="431581" spans="14:14">
      <c r="N431581" s="10"/>
    </row>
    <row r="431582" spans="14:14">
      <c r="N431582" s="10"/>
    </row>
    <row r="431583" spans="14:14">
      <c r="N431583" s="10"/>
    </row>
    <row r="431584" spans="14:14">
      <c r="N431584" s="10"/>
    </row>
    <row r="431585" spans="14:14">
      <c r="N431585" s="10"/>
    </row>
    <row r="431586" spans="14:14">
      <c r="N431586" s="10"/>
    </row>
    <row r="431587" spans="14:14">
      <c r="N431587" s="10"/>
    </row>
    <row r="431588" spans="14:14">
      <c r="N431588" s="10"/>
    </row>
    <row r="431589" spans="14:14">
      <c r="N431589" s="10"/>
    </row>
    <row r="431590" spans="14:14">
      <c r="N431590" s="10"/>
    </row>
    <row r="431591" spans="14:14">
      <c r="N431591" s="10"/>
    </row>
    <row r="431592" spans="14:14">
      <c r="N431592" s="10"/>
    </row>
    <row r="431593" spans="14:14">
      <c r="N431593" s="10"/>
    </row>
    <row r="431594" spans="14:14">
      <c r="N431594" s="10"/>
    </row>
    <row r="431595" spans="14:14">
      <c r="N431595" s="10"/>
    </row>
    <row r="431596" spans="14:14">
      <c r="N431596" s="10"/>
    </row>
    <row r="431597" spans="14:14">
      <c r="N431597" s="10"/>
    </row>
    <row r="431598" spans="14:14">
      <c r="N431598" s="10"/>
    </row>
    <row r="431599" spans="14:14">
      <c r="N431599" s="10"/>
    </row>
    <row r="431600" spans="14:14">
      <c r="N431600" s="10"/>
    </row>
    <row r="431601" spans="14:14">
      <c r="N431601" s="10"/>
    </row>
    <row r="431602" spans="14:14">
      <c r="N431602" s="10"/>
    </row>
    <row r="431603" spans="14:14">
      <c r="N431603" s="10"/>
    </row>
    <row r="431604" spans="14:14">
      <c r="N431604" s="10"/>
    </row>
    <row r="431605" spans="14:14">
      <c r="N431605" s="10"/>
    </row>
    <row r="431606" spans="14:14">
      <c r="N431606" s="10"/>
    </row>
    <row r="431607" spans="14:14">
      <c r="N431607" s="10"/>
    </row>
    <row r="431608" spans="14:14">
      <c r="N431608" s="10"/>
    </row>
    <row r="431609" spans="14:14">
      <c r="N431609" s="10"/>
    </row>
    <row r="431610" spans="14:14">
      <c r="N431610" s="10"/>
    </row>
    <row r="431611" spans="14:14">
      <c r="N431611" s="10"/>
    </row>
    <row r="431612" spans="14:14">
      <c r="N431612" s="10"/>
    </row>
    <row r="431613" spans="14:14">
      <c r="N431613" s="10"/>
    </row>
    <row r="431614" spans="14:14">
      <c r="N431614" s="10"/>
    </row>
    <row r="431615" spans="14:14">
      <c r="N431615" s="10"/>
    </row>
    <row r="431616" spans="14:14">
      <c r="N431616" s="10"/>
    </row>
    <row r="431617" spans="14:14">
      <c r="N431617" s="10"/>
    </row>
    <row r="431618" spans="14:14">
      <c r="N431618" s="10"/>
    </row>
    <row r="431619" spans="14:14">
      <c r="N431619" s="10"/>
    </row>
    <row r="431620" spans="14:14">
      <c r="N431620" s="10"/>
    </row>
    <row r="431621" spans="14:14">
      <c r="N431621" s="10"/>
    </row>
    <row r="431622" spans="14:14">
      <c r="N431622" s="10"/>
    </row>
    <row r="431623" spans="14:14">
      <c r="N431623" s="10"/>
    </row>
    <row r="431624" spans="14:14">
      <c r="N431624" s="10"/>
    </row>
    <row r="431625" spans="14:14">
      <c r="N431625" s="10"/>
    </row>
    <row r="431626" spans="14:14">
      <c r="N431626" s="10"/>
    </row>
    <row r="431627" spans="14:14">
      <c r="N431627" s="10"/>
    </row>
    <row r="431628" spans="14:14">
      <c r="N431628" s="10"/>
    </row>
    <row r="431629" spans="14:14">
      <c r="N431629" s="10"/>
    </row>
    <row r="431630" spans="14:14">
      <c r="N431630" s="10"/>
    </row>
    <row r="431631" spans="14:14">
      <c r="N431631" s="10"/>
    </row>
    <row r="431632" spans="14:14">
      <c r="N431632" s="10"/>
    </row>
    <row r="431633" spans="14:14">
      <c r="N431633" s="10"/>
    </row>
    <row r="431634" spans="14:14">
      <c r="N431634" s="10"/>
    </row>
    <row r="431635" spans="14:14">
      <c r="N431635" s="10"/>
    </row>
    <row r="431636" spans="14:14">
      <c r="N431636" s="10"/>
    </row>
    <row r="431637" spans="14:14">
      <c r="N431637" s="10"/>
    </row>
    <row r="431638" spans="14:14">
      <c r="N431638" s="10"/>
    </row>
    <row r="431639" spans="14:14">
      <c r="N431639" s="10"/>
    </row>
    <row r="431640" spans="14:14">
      <c r="N431640" s="10"/>
    </row>
    <row r="431641" spans="14:14">
      <c r="N431641" s="10"/>
    </row>
    <row r="431642" spans="14:14">
      <c r="N431642" s="10"/>
    </row>
    <row r="431643" spans="14:14">
      <c r="N431643" s="10"/>
    </row>
    <row r="431644" spans="14:14">
      <c r="N431644" s="10"/>
    </row>
    <row r="431645" spans="14:14">
      <c r="N431645" s="10"/>
    </row>
    <row r="431646" spans="14:14">
      <c r="N431646" s="10"/>
    </row>
    <row r="431647" spans="14:14">
      <c r="N431647" s="10"/>
    </row>
    <row r="431648" spans="14:14">
      <c r="N431648" s="10"/>
    </row>
    <row r="431649" spans="14:14">
      <c r="N431649" s="10"/>
    </row>
    <row r="431650" spans="14:14">
      <c r="N431650" s="10"/>
    </row>
    <row r="431651" spans="14:14">
      <c r="N431651" s="10"/>
    </row>
    <row r="431652" spans="14:14">
      <c r="N431652" s="10"/>
    </row>
    <row r="431653" spans="14:14">
      <c r="N431653" s="10"/>
    </row>
    <row r="431654" spans="14:14">
      <c r="N431654" s="10"/>
    </row>
    <row r="431655" spans="14:14">
      <c r="N431655" s="10"/>
    </row>
    <row r="431656" spans="14:14">
      <c r="N431656" s="10"/>
    </row>
    <row r="431657" spans="14:14">
      <c r="N431657" s="10"/>
    </row>
    <row r="431658" spans="14:14">
      <c r="N431658" s="10"/>
    </row>
    <row r="431659" spans="14:14">
      <c r="N431659" s="10"/>
    </row>
    <row r="431660" spans="14:14">
      <c r="N431660" s="10"/>
    </row>
    <row r="431661" spans="14:14">
      <c r="N431661" s="10"/>
    </row>
    <row r="431662" spans="14:14">
      <c r="N431662" s="10"/>
    </row>
    <row r="431663" spans="14:14">
      <c r="N431663" s="10"/>
    </row>
    <row r="431664" spans="14:14">
      <c r="N431664" s="10"/>
    </row>
    <row r="431665" spans="14:14">
      <c r="N431665" s="10"/>
    </row>
    <row r="431666" spans="14:14">
      <c r="N431666" s="10"/>
    </row>
    <row r="431667" spans="14:14">
      <c r="N431667" s="10"/>
    </row>
    <row r="431668" spans="14:14">
      <c r="N431668" s="10"/>
    </row>
    <row r="431669" spans="14:14">
      <c r="N431669" s="10"/>
    </row>
    <row r="431670" spans="14:14">
      <c r="N431670" s="10"/>
    </row>
    <row r="431671" spans="14:14">
      <c r="N431671" s="10"/>
    </row>
    <row r="431672" spans="14:14">
      <c r="N431672" s="10"/>
    </row>
    <row r="431673" spans="14:14">
      <c r="N431673" s="10"/>
    </row>
    <row r="431674" spans="14:14">
      <c r="N431674" s="10"/>
    </row>
    <row r="431675" spans="14:14">
      <c r="N431675" s="10"/>
    </row>
    <row r="431676" spans="14:14">
      <c r="N431676" s="10"/>
    </row>
    <row r="431677" spans="14:14">
      <c r="N431677" s="10"/>
    </row>
    <row r="431678" spans="14:14">
      <c r="N431678" s="10"/>
    </row>
    <row r="431679" spans="14:14">
      <c r="N431679" s="10"/>
    </row>
    <row r="431680" spans="14:14">
      <c r="N431680" s="10"/>
    </row>
    <row r="431681" spans="14:14">
      <c r="N431681" s="10"/>
    </row>
    <row r="431682" spans="14:14">
      <c r="N431682" s="10"/>
    </row>
    <row r="431683" spans="14:14">
      <c r="N431683" s="10"/>
    </row>
    <row r="431684" spans="14:14">
      <c r="N431684" s="10"/>
    </row>
    <row r="431685" spans="14:14">
      <c r="N431685" s="10"/>
    </row>
    <row r="431686" spans="14:14">
      <c r="N431686" s="10"/>
    </row>
    <row r="431687" spans="14:14">
      <c r="N431687" s="10"/>
    </row>
    <row r="431688" spans="14:14">
      <c r="N431688" s="10"/>
    </row>
    <row r="431689" spans="14:14">
      <c r="N431689" s="10"/>
    </row>
    <row r="431690" spans="14:14">
      <c r="N431690" s="10"/>
    </row>
    <row r="431691" spans="14:14">
      <c r="N431691" s="10"/>
    </row>
    <row r="431692" spans="14:14">
      <c r="N431692" s="10"/>
    </row>
    <row r="431693" spans="14:14">
      <c r="N431693" s="10"/>
    </row>
    <row r="431694" spans="14:14">
      <c r="N431694" s="10"/>
    </row>
    <row r="431695" spans="14:14">
      <c r="N431695" s="10"/>
    </row>
    <row r="431696" spans="14:14">
      <c r="N431696" s="10"/>
    </row>
    <row r="431697" spans="14:14">
      <c r="N431697" s="10"/>
    </row>
    <row r="431698" spans="14:14">
      <c r="N431698" s="10"/>
    </row>
    <row r="431699" spans="14:14">
      <c r="N431699" s="10"/>
    </row>
    <row r="431700" spans="14:14">
      <c r="N431700" s="10"/>
    </row>
    <row r="431701" spans="14:14">
      <c r="N431701" s="10"/>
    </row>
    <row r="431702" spans="14:14">
      <c r="N431702" s="10"/>
    </row>
    <row r="431703" spans="14:14">
      <c r="N431703" s="10"/>
    </row>
    <row r="431704" spans="14:14">
      <c r="N431704" s="10"/>
    </row>
    <row r="431705" spans="14:14">
      <c r="N431705" s="10"/>
    </row>
    <row r="431706" spans="14:14">
      <c r="N431706" s="10"/>
    </row>
    <row r="431707" spans="14:14">
      <c r="N431707" s="10"/>
    </row>
    <row r="431708" spans="14:14">
      <c r="N431708" s="10"/>
    </row>
    <row r="431709" spans="14:14">
      <c r="N431709" s="10"/>
    </row>
    <row r="431710" spans="14:14">
      <c r="N431710" s="10"/>
    </row>
    <row r="431711" spans="14:14">
      <c r="N431711" s="10"/>
    </row>
    <row r="431712" spans="14:14">
      <c r="N431712" s="10"/>
    </row>
    <row r="431713" spans="14:14">
      <c r="N431713" s="10"/>
    </row>
    <row r="431714" spans="14:14">
      <c r="N431714" s="10"/>
    </row>
    <row r="431715" spans="14:14">
      <c r="N431715" s="10"/>
    </row>
    <row r="431716" spans="14:14">
      <c r="N431716" s="10"/>
    </row>
    <row r="431717" spans="14:14">
      <c r="N431717" s="10"/>
    </row>
    <row r="431718" spans="14:14">
      <c r="N431718" s="10"/>
    </row>
    <row r="431719" spans="14:14">
      <c r="N431719" s="10"/>
    </row>
    <row r="431720" spans="14:14">
      <c r="N431720" s="10"/>
    </row>
    <row r="431721" spans="14:14">
      <c r="N431721" s="10"/>
    </row>
    <row r="431722" spans="14:14">
      <c r="N431722" s="10"/>
    </row>
    <row r="431723" spans="14:14">
      <c r="N431723" s="10"/>
    </row>
    <row r="431724" spans="14:14">
      <c r="N431724" s="10"/>
    </row>
    <row r="431725" spans="14:14">
      <c r="N431725" s="10"/>
    </row>
    <row r="431726" spans="14:14">
      <c r="N431726" s="10"/>
    </row>
    <row r="431727" spans="14:14">
      <c r="N431727" s="10"/>
    </row>
    <row r="431728" spans="14:14">
      <c r="N431728" s="10"/>
    </row>
    <row r="431729" spans="14:14">
      <c r="N431729" s="10"/>
    </row>
    <row r="431730" spans="14:14">
      <c r="N431730" s="10"/>
    </row>
    <row r="431731" spans="14:14">
      <c r="N431731" s="10"/>
    </row>
    <row r="431732" spans="14:14">
      <c r="N431732" s="10"/>
    </row>
    <row r="431733" spans="14:14">
      <c r="N431733" s="10"/>
    </row>
    <row r="431734" spans="14:14">
      <c r="N431734" s="10"/>
    </row>
    <row r="431735" spans="14:14">
      <c r="N431735" s="10"/>
    </row>
    <row r="431736" spans="14:14">
      <c r="N431736" s="10"/>
    </row>
    <row r="431737" spans="14:14">
      <c r="N431737" s="10"/>
    </row>
    <row r="431738" spans="14:14">
      <c r="N431738" s="10"/>
    </row>
    <row r="431739" spans="14:14">
      <c r="N431739" s="10"/>
    </row>
    <row r="431740" spans="14:14">
      <c r="N431740" s="10"/>
    </row>
    <row r="431741" spans="14:14">
      <c r="N431741" s="10"/>
    </row>
    <row r="431742" spans="14:14">
      <c r="N431742" s="10"/>
    </row>
    <row r="431743" spans="14:14">
      <c r="N431743" s="10"/>
    </row>
    <row r="431744" spans="14:14">
      <c r="N431744" s="10"/>
    </row>
    <row r="431745" spans="14:14">
      <c r="N431745" s="10"/>
    </row>
    <row r="431746" spans="14:14">
      <c r="N431746" s="10"/>
    </row>
    <row r="431747" spans="14:14">
      <c r="N431747" s="10"/>
    </row>
    <row r="431748" spans="14:14">
      <c r="N431748" s="10"/>
    </row>
    <row r="431749" spans="14:14">
      <c r="N431749" s="10"/>
    </row>
    <row r="431750" spans="14:14">
      <c r="N431750" s="10"/>
    </row>
    <row r="431751" spans="14:14">
      <c r="N431751" s="10"/>
    </row>
    <row r="431752" spans="14:14">
      <c r="N431752" s="10"/>
    </row>
    <row r="431753" spans="14:14">
      <c r="N431753" s="10"/>
    </row>
    <row r="431754" spans="14:14">
      <c r="N431754" s="10"/>
    </row>
    <row r="431755" spans="14:14">
      <c r="N431755" s="10"/>
    </row>
    <row r="431756" spans="14:14">
      <c r="N431756" s="10"/>
    </row>
    <row r="431757" spans="14:14">
      <c r="N431757" s="10"/>
    </row>
    <row r="431758" spans="14:14">
      <c r="N431758" s="10"/>
    </row>
    <row r="431759" spans="14:14">
      <c r="N431759" s="10"/>
    </row>
    <row r="431760" spans="14:14">
      <c r="N431760" s="10"/>
    </row>
    <row r="431761" spans="14:14">
      <c r="N431761" s="10"/>
    </row>
    <row r="431762" spans="14:14">
      <c r="N431762" s="10"/>
    </row>
    <row r="431763" spans="14:14">
      <c r="N431763" s="10"/>
    </row>
    <row r="431764" spans="14:14">
      <c r="N431764" s="10"/>
    </row>
    <row r="431765" spans="14:14">
      <c r="N431765" s="10"/>
    </row>
    <row r="431766" spans="14:14">
      <c r="N431766" s="10"/>
    </row>
    <row r="431767" spans="14:14">
      <c r="N431767" s="10"/>
    </row>
    <row r="431768" spans="14:14">
      <c r="N431768" s="10"/>
    </row>
    <row r="431769" spans="14:14">
      <c r="N431769" s="10"/>
    </row>
    <row r="431770" spans="14:14">
      <c r="N431770" s="10"/>
    </row>
    <row r="431771" spans="14:14">
      <c r="N431771" s="10"/>
    </row>
    <row r="431772" spans="14:14">
      <c r="N431772" s="10"/>
    </row>
    <row r="431773" spans="14:14">
      <c r="N431773" s="10"/>
    </row>
    <row r="431774" spans="14:14">
      <c r="N431774" s="10"/>
    </row>
    <row r="431775" spans="14:14">
      <c r="N431775" s="10"/>
    </row>
    <row r="431776" spans="14:14">
      <c r="N431776" s="10"/>
    </row>
    <row r="431777" spans="14:14">
      <c r="N431777" s="10"/>
    </row>
    <row r="431778" spans="14:14">
      <c r="N431778" s="10"/>
    </row>
    <row r="431779" spans="14:14">
      <c r="N431779" s="10"/>
    </row>
    <row r="431780" spans="14:14">
      <c r="N431780" s="10"/>
    </row>
    <row r="431781" spans="14:14">
      <c r="N431781" s="10"/>
    </row>
    <row r="431782" spans="14:14">
      <c r="N431782" s="10"/>
    </row>
    <row r="431783" spans="14:14">
      <c r="N431783" s="10"/>
    </row>
    <row r="431784" spans="14:14">
      <c r="N431784" s="10"/>
    </row>
    <row r="431785" spans="14:14">
      <c r="N431785" s="10"/>
    </row>
    <row r="431786" spans="14:14">
      <c r="N431786" s="10"/>
    </row>
    <row r="431787" spans="14:14">
      <c r="N431787" s="10"/>
    </row>
    <row r="431788" spans="14:14">
      <c r="N431788" s="10"/>
    </row>
    <row r="431789" spans="14:14">
      <c r="N431789" s="10"/>
    </row>
    <row r="431790" spans="14:14">
      <c r="N431790" s="10"/>
    </row>
    <row r="431791" spans="14:14">
      <c r="N431791" s="10"/>
    </row>
    <row r="431792" spans="14:14">
      <c r="N431792" s="10"/>
    </row>
    <row r="431793" spans="14:14">
      <c r="N431793" s="10"/>
    </row>
    <row r="431794" spans="14:14">
      <c r="N431794" s="10"/>
    </row>
    <row r="431795" spans="14:14">
      <c r="N431795" s="10"/>
    </row>
    <row r="431796" spans="14:14">
      <c r="N431796" s="10"/>
    </row>
    <row r="431797" spans="14:14">
      <c r="N431797" s="10"/>
    </row>
    <row r="431798" spans="14:14">
      <c r="N431798" s="10"/>
    </row>
    <row r="431799" spans="14:14">
      <c r="N431799" s="10"/>
    </row>
    <row r="431800" spans="14:14">
      <c r="N431800" s="10"/>
    </row>
    <row r="431801" spans="14:14">
      <c r="N431801" s="10"/>
    </row>
    <row r="431802" spans="14:14">
      <c r="N431802" s="10"/>
    </row>
    <row r="431803" spans="14:14">
      <c r="N431803" s="10"/>
    </row>
    <row r="431804" spans="14:14">
      <c r="N431804" s="10"/>
    </row>
    <row r="431805" spans="14:14">
      <c r="N431805" s="10"/>
    </row>
    <row r="431806" spans="14:14">
      <c r="N431806" s="10"/>
    </row>
    <row r="431807" spans="14:14">
      <c r="N431807" s="10"/>
    </row>
    <row r="431808" spans="14:14">
      <c r="N431808" s="10"/>
    </row>
    <row r="431809" spans="14:14">
      <c r="N431809" s="10"/>
    </row>
    <row r="431810" spans="14:14">
      <c r="N431810" s="10"/>
    </row>
    <row r="431811" spans="14:14">
      <c r="N431811" s="10"/>
    </row>
    <row r="431812" spans="14:14">
      <c r="N431812" s="10"/>
    </row>
    <row r="431813" spans="14:14">
      <c r="N431813" s="10"/>
    </row>
    <row r="431814" spans="14:14">
      <c r="N431814" s="10"/>
    </row>
    <row r="431815" spans="14:14">
      <c r="N431815" s="10"/>
    </row>
    <row r="431816" spans="14:14">
      <c r="N431816" s="10"/>
    </row>
    <row r="431817" spans="14:14">
      <c r="N431817" s="10"/>
    </row>
    <row r="431818" spans="14:14">
      <c r="N431818" s="10"/>
    </row>
    <row r="431819" spans="14:14">
      <c r="N431819" s="10"/>
    </row>
    <row r="431820" spans="14:14">
      <c r="N431820" s="10"/>
    </row>
    <row r="431821" spans="14:14">
      <c r="N431821" s="10"/>
    </row>
    <row r="431822" spans="14:14">
      <c r="N431822" s="10"/>
    </row>
    <row r="431823" spans="14:14">
      <c r="N431823" s="10"/>
    </row>
    <row r="431824" spans="14:14">
      <c r="N431824" s="10"/>
    </row>
    <row r="431825" spans="14:14">
      <c r="N431825" s="10"/>
    </row>
    <row r="431826" spans="14:14">
      <c r="N431826" s="10"/>
    </row>
    <row r="431827" spans="14:14">
      <c r="N431827" s="10"/>
    </row>
    <row r="431828" spans="14:14">
      <c r="N431828" s="10"/>
    </row>
    <row r="431829" spans="14:14">
      <c r="N431829" s="10"/>
    </row>
    <row r="431830" spans="14:14">
      <c r="N431830" s="10"/>
    </row>
    <row r="431831" spans="14:14">
      <c r="N431831" s="10"/>
    </row>
    <row r="431832" spans="14:14">
      <c r="N431832" s="10"/>
    </row>
    <row r="431833" spans="14:14">
      <c r="N431833" s="10"/>
    </row>
    <row r="431834" spans="14:14">
      <c r="N431834" s="10"/>
    </row>
    <row r="431835" spans="14:14">
      <c r="N431835" s="10"/>
    </row>
    <row r="431836" spans="14:14">
      <c r="N431836" s="10"/>
    </row>
    <row r="431837" spans="14:14">
      <c r="N431837" s="10"/>
    </row>
    <row r="431838" spans="14:14">
      <c r="N431838" s="10"/>
    </row>
    <row r="431839" spans="14:14">
      <c r="N431839" s="10"/>
    </row>
    <row r="431840" spans="14:14">
      <c r="N431840" s="10"/>
    </row>
    <row r="431841" spans="14:14">
      <c r="N431841" s="10"/>
    </row>
    <row r="431842" spans="14:14">
      <c r="N431842" s="10"/>
    </row>
    <row r="431843" spans="14:14">
      <c r="N431843" s="10"/>
    </row>
    <row r="431844" spans="14:14">
      <c r="N431844" s="10"/>
    </row>
    <row r="431845" spans="14:14">
      <c r="N431845" s="10"/>
    </row>
    <row r="431846" spans="14:14">
      <c r="N431846" s="10"/>
    </row>
    <row r="431847" spans="14:14">
      <c r="N431847" s="10"/>
    </row>
    <row r="431848" spans="14:14">
      <c r="N431848" s="10"/>
    </row>
    <row r="431849" spans="14:14">
      <c r="N431849" s="10"/>
    </row>
    <row r="431850" spans="14:14">
      <c r="N431850" s="10"/>
    </row>
    <row r="431851" spans="14:14">
      <c r="N431851" s="10"/>
    </row>
    <row r="431852" spans="14:14">
      <c r="N431852" s="10"/>
    </row>
    <row r="431853" spans="14:14">
      <c r="N431853" s="10"/>
    </row>
    <row r="431854" spans="14:14">
      <c r="N431854" s="10"/>
    </row>
    <row r="431855" spans="14:14">
      <c r="N431855" s="10"/>
    </row>
    <row r="431856" spans="14:14">
      <c r="N431856" s="10"/>
    </row>
    <row r="431857" spans="14:14">
      <c r="N431857" s="10"/>
    </row>
    <row r="431858" spans="14:14">
      <c r="N431858" s="10"/>
    </row>
    <row r="431859" spans="14:14">
      <c r="N431859" s="10"/>
    </row>
    <row r="431860" spans="14:14">
      <c r="N431860" s="10"/>
    </row>
    <row r="431861" spans="14:14">
      <c r="N431861" s="10"/>
    </row>
    <row r="431862" spans="14:14">
      <c r="N431862" s="10"/>
    </row>
    <row r="431863" spans="14:14">
      <c r="N431863" s="10"/>
    </row>
    <row r="431864" spans="14:14">
      <c r="N431864" s="10"/>
    </row>
    <row r="431865" spans="14:14">
      <c r="N431865" s="10"/>
    </row>
    <row r="431866" spans="14:14">
      <c r="N431866" s="10"/>
    </row>
    <row r="431867" spans="14:14">
      <c r="N431867" s="10"/>
    </row>
    <row r="431868" spans="14:14">
      <c r="N431868" s="10"/>
    </row>
    <row r="431869" spans="14:14">
      <c r="N431869" s="10"/>
    </row>
    <row r="431870" spans="14:14">
      <c r="N431870" s="10"/>
    </row>
    <row r="431871" spans="14:14">
      <c r="N431871" s="10"/>
    </row>
    <row r="431872" spans="14:14">
      <c r="N431872" s="10"/>
    </row>
    <row r="431873" spans="14:14">
      <c r="N431873" s="10"/>
    </row>
    <row r="431874" spans="14:14">
      <c r="N431874" s="10"/>
    </row>
    <row r="431875" spans="14:14">
      <c r="N431875" s="10"/>
    </row>
    <row r="431876" spans="14:14">
      <c r="N431876" s="10"/>
    </row>
    <row r="431877" spans="14:14">
      <c r="N431877" s="10"/>
    </row>
    <row r="431878" spans="14:14">
      <c r="N431878" s="10"/>
    </row>
    <row r="431879" spans="14:14">
      <c r="N431879" s="10"/>
    </row>
    <row r="431880" spans="14:14">
      <c r="N431880" s="10"/>
    </row>
    <row r="431881" spans="14:14">
      <c r="N431881" s="10"/>
    </row>
    <row r="431882" spans="14:14">
      <c r="N431882" s="10"/>
    </row>
    <row r="431883" spans="14:14">
      <c r="N431883" s="10"/>
    </row>
    <row r="431884" spans="14:14">
      <c r="N431884" s="10"/>
    </row>
    <row r="431885" spans="14:14">
      <c r="N431885" s="10"/>
    </row>
    <row r="431886" spans="14:14">
      <c r="N431886" s="10"/>
    </row>
    <row r="431887" spans="14:14">
      <c r="N431887" s="10"/>
    </row>
    <row r="431888" spans="14:14">
      <c r="N431888" s="10"/>
    </row>
    <row r="431889" spans="14:14">
      <c r="N431889" s="10"/>
    </row>
    <row r="431890" spans="14:14">
      <c r="N431890" s="10"/>
    </row>
    <row r="431891" spans="14:14">
      <c r="N431891" s="10"/>
    </row>
    <row r="431892" spans="14:14">
      <c r="N431892" s="10"/>
    </row>
    <row r="431893" spans="14:14">
      <c r="N431893" s="10"/>
    </row>
    <row r="431894" spans="14:14">
      <c r="N431894" s="10"/>
    </row>
    <row r="431895" spans="14:14">
      <c r="N431895" s="10"/>
    </row>
    <row r="431896" spans="14:14">
      <c r="N431896" s="10"/>
    </row>
    <row r="431897" spans="14:14">
      <c r="N431897" s="10"/>
    </row>
    <row r="431898" spans="14:14">
      <c r="N431898" s="10"/>
    </row>
    <row r="431899" spans="14:14">
      <c r="N431899" s="10"/>
    </row>
    <row r="431900" spans="14:14">
      <c r="N431900" s="10"/>
    </row>
    <row r="431901" spans="14:14">
      <c r="N431901" s="10"/>
    </row>
    <row r="431902" spans="14:14">
      <c r="N431902" s="10"/>
    </row>
    <row r="431903" spans="14:14">
      <c r="N431903" s="10"/>
    </row>
    <row r="431904" spans="14:14">
      <c r="N431904" s="10"/>
    </row>
    <row r="431905" spans="14:14">
      <c r="N431905" s="10"/>
    </row>
    <row r="431906" spans="14:14">
      <c r="N431906" s="10"/>
    </row>
    <row r="431907" spans="14:14">
      <c r="N431907" s="10"/>
    </row>
    <row r="431908" spans="14:14">
      <c r="N431908" s="10"/>
    </row>
    <row r="431909" spans="14:14">
      <c r="N431909" s="10"/>
    </row>
    <row r="431910" spans="14:14">
      <c r="N431910" s="10"/>
    </row>
    <row r="431911" spans="14:14">
      <c r="N431911" s="10"/>
    </row>
    <row r="431912" spans="14:14">
      <c r="N431912" s="10"/>
    </row>
    <row r="431913" spans="14:14">
      <c r="N431913" s="10"/>
    </row>
    <row r="431914" spans="14:14">
      <c r="N431914" s="10"/>
    </row>
    <row r="431915" spans="14:14">
      <c r="N431915" s="10"/>
    </row>
    <row r="431916" spans="14:14">
      <c r="N431916" s="10"/>
    </row>
    <row r="431917" spans="14:14">
      <c r="N431917" s="10"/>
    </row>
    <row r="431918" spans="14:14">
      <c r="N431918" s="10"/>
    </row>
    <row r="431919" spans="14:14">
      <c r="N431919" s="10"/>
    </row>
    <row r="431920" spans="14:14">
      <c r="N431920" s="10"/>
    </row>
    <row r="431921" spans="14:14">
      <c r="N431921" s="10"/>
    </row>
    <row r="431922" spans="14:14">
      <c r="N431922" s="10"/>
    </row>
    <row r="431923" spans="14:14">
      <c r="N431923" s="10"/>
    </row>
    <row r="431924" spans="14:14">
      <c r="N431924" s="10"/>
    </row>
    <row r="431925" spans="14:14">
      <c r="N431925" s="10"/>
    </row>
    <row r="431926" spans="14:14">
      <c r="N431926" s="10"/>
    </row>
    <row r="431927" spans="14:14">
      <c r="N431927" s="10"/>
    </row>
    <row r="431928" spans="14:14">
      <c r="N431928" s="10"/>
    </row>
    <row r="431929" spans="14:14">
      <c r="N431929" s="10"/>
    </row>
    <row r="431930" spans="14:14">
      <c r="N431930" s="10"/>
    </row>
    <row r="431931" spans="14:14">
      <c r="N431931" s="10"/>
    </row>
    <row r="431932" spans="14:14">
      <c r="N431932" s="10"/>
    </row>
    <row r="431933" spans="14:14">
      <c r="N431933" s="10"/>
    </row>
    <row r="431934" spans="14:14">
      <c r="N431934" s="10"/>
    </row>
    <row r="431935" spans="14:14">
      <c r="N431935" s="10"/>
    </row>
    <row r="431936" spans="14:14">
      <c r="N431936" s="10"/>
    </row>
    <row r="431937" spans="14:14">
      <c r="N431937" s="10"/>
    </row>
    <row r="431938" spans="14:14">
      <c r="N431938" s="10"/>
    </row>
    <row r="431939" spans="14:14">
      <c r="N431939" s="10"/>
    </row>
    <row r="431940" spans="14:14">
      <c r="N431940" s="10"/>
    </row>
    <row r="431941" spans="14:14">
      <c r="N431941" s="10"/>
    </row>
    <row r="431942" spans="14:14">
      <c r="N431942" s="10"/>
    </row>
    <row r="431943" spans="14:14">
      <c r="N431943" s="10"/>
    </row>
    <row r="431944" spans="14:14">
      <c r="N431944" s="10"/>
    </row>
    <row r="431945" spans="14:14">
      <c r="N431945" s="10"/>
    </row>
    <row r="431946" spans="14:14">
      <c r="N431946" s="10"/>
    </row>
    <row r="431947" spans="14:14">
      <c r="N431947" s="10"/>
    </row>
    <row r="431948" spans="14:14">
      <c r="N431948" s="10"/>
    </row>
    <row r="431949" spans="14:14">
      <c r="N431949" s="10"/>
    </row>
    <row r="431950" spans="14:14">
      <c r="N431950" s="10"/>
    </row>
    <row r="431951" spans="14:14">
      <c r="N431951" s="10"/>
    </row>
    <row r="431952" spans="14:14">
      <c r="N431952" s="10"/>
    </row>
    <row r="431953" spans="14:14">
      <c r="N431953" s="10"/>
    </row>
    <row r="431954" spans="14:14">
      <c r="N431954" s="10"/>
    </row>
    <row r="431955" spans="14:14">
      <c r="N431955" s="10"/>
    </row>
    <row r="431956" spans="14:14">
      <c r="N431956" s="10"/>
    </row>
    <row r="431957" spans="14:14">
      <c r="N431957" s="10"/>
    </row>
    <row r="431958" spans="14:14">
      <c r="N431958" s="10"/>
    </row>
    <row r="431959" spans="14:14">
      <c r="N431959" s="10"/>
    </row>
    <row r="431960" spans="14:14">
      <c r="N431960" s="10"/>
    </row>
    <row r="431961" spans="14:14">
      <c r="N431961" s="10"/>
    </row>
    <row r="431962" spans="14:14">
      <c r="N431962" s="10"/>
    </row>
    <row r="431963" spans="14:14">
      <c r="N431963" s="10"/>
    </row>
    <row r="431964" spans="14:14">
      <c r="N431964" s="10"/>
    </row>
    <row r="431965" spans="14:14">
      <c r="N431965" s="10"/>
    </row>
    <row r="431966" spans="14:14">
      <c r="N431966" s="10"/>
    </row>
    <row r="431967" spans="14:14">
      <c r="N431967" s="10"/>
    </row>
    <row r="431968" spans="14:14">
      <c r="N431968" s="10"/>
    </row>
    <row r="431969" spans="14:14">
      <c r="N431969" s="10"/>
    </row>
    <row r="431970" spans="14:14">
      <c r="N431970" s="10"/>
    </row>
    <row r="431971" spans="14:14">
      <c r="N431971" s="10"/>
    </row>
    <row r="431972" spans="14:14">
      <c r="N431972" s="10"/>
    </row>
    <row r="431973" spans="14:14">
      <c r="N431973" s="10"/>
    </row>
    <row r="431974" spans="14:14">
      <c r="N431974" s="10"/>
    </row>
    <row r="431975" spans="14:14">
      <c r="N431975" s="10"/>
    </row>
    <row r="431976" spans="14:14">
      <c r="N431976" s="10"/>
    </row>
    <row r="431977" spans="14:14">
      <c r="N431977" s="10"/>
    </row>
    <row r="431978" spans="14:14">
      <c r="N431978" s="10"/>
    </row>
    <row r="431979" spans="14:14">
      <c r="N431979" s="10"/>
    </row>
    <row r="431980" spans="14:14">
      <c r="N431980" s="10"/>
    </row>
    <row r="431981" spans="14:14">
      <c r="N431981" s="10"/>
    </row>
    <row r="431982" spans="14:14">
      <c r="N431982" s="10"/>
    </row>
    <row r="431983" spans="14:14">
      <c r="N431983" s="10"/>
    </row>
    <row r="431984" spans="14:14">
      <c r="N431984" s="10"/>
    </row>
    <row r="431985" spans="14:14">
      <c r="N431985" s="10"/>
    </row>
    <row r="431986" spans="14:14">
      <c r="N431986" s="10"/>
    </row>
    <row r="431987" spans="14:14">
      <c r="N431987" s="10"/>
    </row>
    <row r="431988" spans="14:14">
      <c r="N431988" s="10"/>
    </row>
    <row r="431989" spans="14:14">
      <c r="N431989" s="10"/>
    </row>
    <row r="431990" spans="14:14">
      <c r="N431990" s="10"/>
    </row>
    <row r="431991" spans="14:14">
      <c r="N431991" s="10"/>
    </row>
    <row r="431992" spans="14:14">
      <c r="N431992" s="10"/>
    </row>
    <row r="431993" spans="14:14">
      <c r="N431993" s="10"/>
    </row>
    <row r="431994" spans="14:14">
      <c r="N431994" s="10"/>
    </row>
    <row r="431995" spans="14:14">
      <c r="N431995" s="10"/>
    </row>
    <row r="431996" spans="14:14">
      <c r="N431996" s="10"/>
    </row>
    <row r="431997" spans="14:14">
      <c r="N431997" s="10"/>
    </row>
    <row r="431998" spans="14:14">
      <c r="N431998" s="10"/>
    </row>
    <row r="431999" spans="14:14">
      <c r="N431999" s="10"/>
    </row>
    <row r="432000" spans="14:14">
      <c r="N432000" s="10"/>
    </row>
    <row r="432001" spans="14:14">
      <c r="N432001" s="10"/>
    </row>
    <row r="432002" spans="14:14">
      <c r="N432002" s="10"/>
    </row>
    <row r="432003" spans="14:14">
      <c r="N432003" s="10"/>
    </row>
    <row r="432004" spans="14:14">
      <c r="N432004" s="10"/>
    </row>
    <row r="432005" spans="14:14">
      <c r="N432005" s="10"/>
    </row>
    <row r="432006" spans="14:14">
      <c r="N432006" s="10"/>
    </row>
    <row r="432007" spans="14:14">
      <c r="N432007" s="10"/>
    </row>
    <row r="432008" spans="14:14">
      <c r="N432008" s="10"/>
    </row>
    <row r="432009" spans="14:14">
      <c r="N432009" s="10"/>
    </row>
    <row r="432010" spans="14:14">
      <c r="N432010" s="10"/>
    </row>
    <row r="432011" spans="14:14">
      <c r="N432011" s="10"/>
    </row>
    <row r="432012" spans="14:14">
      <c r="N432012" s="10"/>
    </row>
    <row r="432013" spans="14:14">
      <c r="N432013" s="10"/>
    </row>
    <row r="432014" spans="14:14">
      <c r="N432014" s="10"/>
    </row>
    <row r="432015" spans="14:14">
      <c r="N432015" s="10"/>
    </row>
    <row r="432016" spans="14:14">
      <c r="N432016" s="10"/>
    </row>
    <row r="432017" spans="14:14">
      <c r="N432017" s="10"/>
    </row>
    <row r="432018" spans="14:14">
      <c r="N432018" s="10"/>
    </row>
    <row r="432019" spans="14:14">
      <c r="N432019" s="10"/>
    </row>
    <row r="432020" spans="14:14">
      <c r="N432020" s="10"/>
    </row>
    <row r="432021" spans="14:14">
      <c r="N432021" s="10"/>
    </row>
    <row r="432022" spans="14:14">
      <c r="N432022" s="10"/>
    </row>
    <row r="432023" spans="14:14">
      <c r="N432023" s="10"/>
    </row>
    <row r="432024" spans="14:14">
      <c r="N432024" s="10"/>
    </row>
    <row r="432025" spans="14:14">
      <c r="N432025" s="10"/>
    </row>
    <row r="432026" spans="14:14">
      <c r="N432026" s="10"/>
    </row>
    <row r="432027" spans="14:14">
      <c r="N432027" s="10"/>
    </row>
    <row r="432028" spans="14:14">
      <c r="N432028" s="10"/>
    </row>
    <row r="432029" spans="14:14">
      <c r="N432029" s="10"/>
    </row>
    <row r="432030" spans="14:14">
      <c r="N432030" s="10"/>
    </row>
    <row r="432031" spans="14:14">
      <c r="N432031" s="10"/>
    </row>
    <row r="432032" spans="14:14">
      <c r="N432032" s="10"/>
    </row>
    <row r="432033" spans="14:14">
      <c r="N432033" s="10"/>
    </row>
    <row r="432034" spans="14:14">
      <c r="N432034" s="10"/>
    </row>
    <row r="432035" spans="14:14">
      <c r="N432035" s="10"/>
    </row>
    <row r="432036" spans="14:14">
      <c r="N432036" s="10"/>
    </row>
    <row r="432037" spans="14:14">
      <c r="N432037" s="10"/>
    </row>
    <row r="432038" spans="14:14">
      <c r="N432038" s="10"/>
    </row>
    <row r="432039" spans="14:14">
      <c r="N432039" s="10"/>
    </row>
    <row r="432040" spans="14:14">
      <c r="N432040" s="10"/>
    </row>
    <row r="432041" spans="14:14">
      <c r="N432041" s="10"/>
    </row>
    <row r="432042" spans="14:14">
      <c r="N432042" s="10"/>
    </row>
    <row r="432043" spans="14:14">
      <c r="N432043" s="10"/>
    </row>
    <row r="432044" spans="14:14">
      <c r="N432044" s="10"/>
    </row>
    <row r="432045" spans="14:14">
      <c r="N432045" s="10"/>
    </row>
    <row r="432046" spans="14:14">
      <c r="N432046" s="10"/>
    </row>
    <row r="432047" spans="14:14">
      <c r="N432047" s="10"/>
    </row>
    <row r="432048" spans="14:14">
      <c r="N432048" s="10"/>
    </row>
    <row r="432049" spans="14:14">
      <c r="N432049" s="10"/>
    </row>
    <row r="432050" spans="14:14">
      <c r="N432050" s="10"/>
    </row>
    <row r="432051" spans="14:14">
      <c r="N432051" s="10"/>
    </row>
    <row r="432052" spans="14:14">
      <c r="N432052" s="10"/>
    </row>
    <row r="432053" spans="14:14">
      <c r="N432053" s="10"/>
    </row>
    <row r="432054" spans="14:14">
      <c r="N432054" s="10"/>
    </row>
    <row r="432055" spans="14:14">
      <c r="N432055" s="10"/>
    </row>
    <row r="432056" spans="14:14">
      <c r="N432056" s="10"/>
    </row>
    <row r="432057" spans="14:14">
      <c r="N432057" s="10"/>
    </row>
    <row r="432058" spans="14:14">
      <c r="N432058" s="10"/>
    </row>
    <row r="432059" spans="14:14">
      <c r="N432059" s="10"/>
    </row>
    <row r="432060" spans="14:14">
      <c r="N432060" s="10"/>
    </row>
    <row r="432061" spans="14:14">
      <c r="N432061" s="10"/>
    </row>
    <row r="432062" spans="14:14">
      <c r="N432062" s="10"/>
    </row>
    <row r="432063" spans="14:14">
      <c r="N432063" s="10"/>
    </row>
    <row r="432064" spans="14:14">
      <c r="N432064" s="10"/>
    </row>
    <row r="432065" spans="14:14">
      <c r="N432065" s="10"/>
    </row>
    <row r="432066" spans="14:14">
      <c r="N432066" s="10"/>
    </row>
    <row r="432067" spans="14:14">
      <c r="N432067" s="10"/>
    </row>
    <row r="432068" spans="14:14">
      <c r="N432068" s="10"/>
    </row>
    <row r="432069" spans="14:14">
      <c r="N432069" s="10"/>
    </row>
    <row r="432070" spans="14:14">
      <c r="N432070" s="10"/>
    </row>
    <row r="432071" spans="14:14">
      <c r="N432071" s="10"/>
    </row>
    <row r="432072" spans="14:14">
      <c r="N432072" s="10"/>
    </row>
    <row r="432073" spans="14:14">
      <c r="N432073" s="10"/>
    </row>
    <row r="432074" spans="14:14">
      <c r="N432074" s="10"/>
    </row>
    <row r="432075" spans="14:14">
      <c r="N432075" s="10"/>
    </row>
    <row r="432076" spans="14:14">
      <c r="N432076" s="10"/>
    </row>
    <row r="432077" spans="14:14">
      <c r="N432077" s="10"/>
    </row>
    <row r="432078" spans="14:14">
      <c r="N432078" s="10"/>
    </row>
    <row r="432079" spans="14:14">
      <c r="N432079" s="10"/>
    </row>
    <row r="432080" spans="14:14">
      <c r="N432080" s="10"/>
    </row>
    <row r="432081" spans="14:14">
      <c r="N432081" s="10"/>
    </row>
    <row r="432082" spans="14:14">
      <c r="N432082" s="10"/>
    </row>
    <row r="432083" spans="14:14">
      <c r="N432083" s="10"/>
    </row>
    <row r="432084" spans="14:14">
      <c r="N432084" s="10"/>
    </row>
    <row r="432085" spans="14:14">
      <c r="N432085" s="10"/>
    </row>
    <row r="432086" spans="14:14">
      <c r="N432086" s="10"/>
    </row>
    <row r="432087" spans="14:14">
      <c r="N432087" s="10"/>
    </row>
    <row r="432088" spans="14:14">
      <c r="N432088" s="10"/>
    </row>
    <row r="432089" spans="14:14">
      <c r="N432089" s="10"/>
    </row>
    <row r="432090" spans="14:14">
      <c r="N432090" s="10"/>
    </row>
    <row r="432091" spans="14:14">
      <c r="N432091" s="10"/>
    </row>
    <row r="432092" spans="14:14">
      <c r="N432092" s="10"/>
    </row>
    <row r="432093" spans="14:14">
      <c r="N432093" s="10"/>
    </row>
    <row r="432094" spans="14:14">
      <c r="N432094" s="10"/>
    </row>
    <row r="432095" spans="14:14">
      <c r="N432095" s="10"/>
    </row>
    <row r="432096" spans="14:14">
      <c r="N432096" s="10"/>
    </row>
    <row r="432097" spans="14:14">
      <c r="N432097" s="10"/>
    </row>
    <row r="432098" spans="14:14">
      <c r="N432098" s="10"/>
    </row>
    <row r="432099" spans="14:14">
      <c r="N432099" s="10"/>
    </row>
    <row r="432100" spans="14:14">
      <c r="N432100" s="10"/>
    </row>
    <row r="432101" spans="14:14">
      <c r="N432101" s="10"/>
    </row>
    <row r="432102" spans="14:14">
      <c r="N432102" s="10"/>
    </row>
    <row r="432103" spans="14:14">
      <c r="N432103" s="10"/>
    </row>
    <row r="432104" spans="14:14">
      <c r="N432104" s="10"/>
    </row>
    <row r="432105" spans="14:14">
      <c r="N432105" s="10"/>
    </row>
    <row r="432106" spans="14:14">
      <c r="N432106" s="10"/>
    </row>
    <row r="432107" spans="14:14">
      <c r="N432107" s="10"/>
    </row>
    <row r="432108" spans="14:14">
      <c r="N432108" s="10"/>
    </row>
    <row r="432109" spans="14:14">
      <c r="N432109" s="10"/>
    </row>
    <row r="432110" spans="14:14">
      <c r="N432110" s="10"/>
    </row>
    <row r="432111" spans="14:14">
      <c r="N432111" s="10"/>
    </row>
    <row r="432112" spans="14:14">
      <c r="N432112" s="10"/>
    </row>
    <row r="432113" spans="14:14">
      <c r="N432113" s="10"/>
    </row>
    <row r="432114" spans="14:14">
      <c r="N432114" s="10"/>
    </row>
    <row r="432115" spans="14:14">
      <c r="N432115" s="10"/>
    </row>
    <row r="432116" spans="14:14">
      <c r="N432116" s="10"/>
    </row>
    <row r="432117" spans="14:14">
      <c r="N432117" s="10"/>
    </row>
    <row r="432118" spans="14:14">
      <c r="N432118" s="10"/>
    </row>
    <row r="432119" spans="14:14">
      <c r="N432119" s="10"/>
    </row>
    <row r="432120" spans="14:14">
      <c r="N432120" s="10"/>
    </row>
    <row r="432121" spans="14:14">
      <c r="N432121" s="10"/>
    </row>
    <row r="432122" spans="14:14">
      <c r="N432122" s="10"/>
    </row>
    <row r="432123" spans="14:14">
      <c r="N432123" s="10"/>
    </row>
    <row r="432124" spans="14:14">
      <c r="N432124" s="10"/>
    </row>
    <row r="432125" spans="14:14">
      <c r="N432125" s="10"/>
    </row>
    <row r="432126" spans="14:14">
      <c r="N432126" s="10"/>
    </row>
    <row r="432127" spans="14:14">
      <c r="N432127" s="10"/>
    </row>
    <row r="432128" spans="14:14">
      <c r="N432128" s="10"/>
    </row>
    <row r="432129" spans="14:14">
      <c r="N432129" s="10"/>
    </row>
    <row r="432130" spans="14:14">
      <c r="N432130" s="10"/>
    </row>
    <row r="432131" spans="14:14">
      <c r="N432131" s="10"/>
    </row>
    <row r="432132" spans="14:14">
      <c r="N432132" s="10"/>
    </row>
    <row r="432133" spans="14:14">
      <c r="N432133" s="10"/>
    </row>
    <row r="432134" spans="14:14">
      <c r="N432134" s="10"/>
    </row>
    <row r="432135" spans="14:14">
      <c r="N432135" s="10"/>
    </row>
    <row r="432136" spans="14:14">
      <c r="N432136" s="10"/>
    </row>
    <row r="432137" spans="14:14">
      <c r="N432137" s="10"/>
    </row>
    <row r="432138" spans="14:14">
      <c r="N432138" s="10"/>
    </row>
    <row r="432139" spans="14:14">
      <c r="N432139" s="10"/>
    </row>
    <row r="432140" spans="14:14">
      <c r="N432140" s="10"/>
    </row>
    <row r="432141" spans="14:14">
      <c r="N432141" s="10"/>
    </row>
    <row r="432142" spans="14:14">
      <c r="N432142" s="10"/>
    </row>
    <row r="432143" spans="14:14">
      <c r="N432143" s="10"/>
    </row>
    <row r="432144" spans="14:14">
      <c r="N432144" s="10"/>
    </row>
    <row r="432145" spans="14:14">
      <c r="N432145" s="10"/>
    </row>
    <row r="432146" spans="14:14">
      <c r="N432146" s="10"/>
    </row>
    <row r="432147" spans="14:14">
      <c r="N432147" s="10"/>
    </row>
    <row r="432148" spans="14:14">
      <c r="N432148" s="10"/>
    </row>
    <row r="432149" spans="14:14">
      <c r="N432149" s="10"/>
    </row>
    <row r="432150" spans="14:14">
      <c r="N432150" s="10"/>
    </row>
    <row r="432151" spans="14:14">
      <c r="N432151" s="10"/>
    </row>
    <row r="432152" spans="14:14">
      <c r="N432152" s="10"/>
    </row>
    <row r="432153" spans="14:14">
      <c r="N432153" s="10"/>
    </row>
    <row r="432154" spans="14:14">
      <c r="N432154" s="10"/>
    </row>
    <row r="432155" spans="14:14">
      <c r="N432155" s="10"/>
    </row>
    <row r="432156" spans="14:14">
      <c r="N432156" s="10"/>
    </row>
    <row r="432157" spans="14:14">
      <c r="N432157" s="10"/>
    </row>
    <row r="432158" spans="14:14">
      <c r="N432158" s="10"/>
    </row>
    <row r="432159" spans="14:14">
      <c r="N432159" s="10"/>
    </row>
    <row r="432160" spans="14:14">
      <c r="N432160" s="10"/>
    </row>
    <row r="432161" spans="14:14">
      <c r="N432161" s="10"/>
    </row>
    <row r="432162" spans="14:14">
      <c r="N432162" s="10"/>
    </row>
    <row r="432163" spans="14:14">
      <c r="N432163" s="10"/>
    </row>
    <row r="432164" spans="14:14">
      <c r="N432164" s="10"/>
    </row>
    <row r="432165" spans="14:14">
      <c r="N432165" s="10"/>
    </row>
    <row r="432166" spans="14:14">
      <c r="N432166" s="10"/>
    </row>
    <row r="432167" spans="14:14">
      <c r="N432167" s="10"/>
    </row>
    <row r="432168" spans="14:14">
      <c r="N432168" s="10"/>
    </row>
    <row r="432169" spans="14:14">
      <c r="N432169" s="10"/>
    </row>
    <row r="432170" spans="14:14">
      <c r="N432170" s="10"/>
    </row>
    <row r="432171" spans="14:14">
      <c r="N432171" s="10"/>
    </row>
    <row r="432172" spans="14:14">
      <c r="N432172" s="10"/>
    </row>
    <row r="432173" spans="14:14">
      <c r="N432173" s="10"/>
    </row>
    <row r="432174" spans="14:14">
      <c r="N432174" s="10"/>
    </row>
    <row r="432175" spans="14:14">
      <c r="N432175" s="10"/>
    </row>
    <row r="432176" spans="14:14">
      <c r="N432176" s="10"/>
    </row>
    <row r="432177" spans="14:14">
      <c r="N432177" s="10"/>
    </row>
    <row r="432178" spans="14:14">
      <c r="N432178" s="10"/>
    </row>
    <row r="432179" spans="14:14">
      <c r="N432179" s="10"/>
    </row>
    <row r="432180" spans="14:14">
      <c r="N432180" s="10"/>
    </row>
    <row r="432181" spans="14:14">
      <c r="N432181" s="10"/>
    </row>
    <row r="432182" spans="14:14">
      <c r="N432182" s="10"/>
    </row>
    <row r="432183" spans="14:14">
      <c r="N432183" s="10"/>
    </row>
    <row r="432184" spans="14:14">
      <c r="N432184" s="10"/>
    </row>
    <row r="432185" spans="14:14">
      <c r="N432185" s="10"/>
    </row>
    <row r="432186" spans="14:14">
      <c r="N432186" s="10"/>
    </row>
    <row r="432187" spans="14:14">
      <c r="N432187" s="10"/>
    </row>
    <row r="432188" spans="14:14">
      <c r="N432188" s="10"/>
    </row>
    <row r="432189" spans="14:14">
      <c r="N432189" s="10"/>
    </row>
    <row r="432190" spans="14:14">
      <c r="N432190" s="10"/>
    </row>
    <row r="432191" spans="14:14">
      <c r="N432191" s="10"/>
    </row>
    <row r="432192" spans="14:14">
      <c r="N432192" s="10"/>
    </row>
    <row r="432193" spans="14:14">
      <c r="N432193" s="10"/>
    </row>
    <row r="432194" spans="14:14">
      <c r="N432194" s="10"/>
    </row>
    <row r="432195" spans="14:14">
      <c r="N432195" s="10"/>
    </row>
    <row r="432196" spans="14:14">
      <c r="N432196" s="10"/>
    </row>
    <row r="432197" spans="14:14">
      <c r="N432197" s="10"/>
    </row>
    <row r="432198" spans="14:14">
      <c r="N432198" s="10"/>
    </row>
    <row r="432199" spans="14:14">
      <c r="N432199" s="10"/>
    </row>
    <row r="432200" spans="14:14">
      <c r="N432200" s="10"/>
    </row>
    <row r="432201" spans="14:14">
      <c r="N432201" s="10"/>
    </row>
    <row r="432202" spans="14:14">
      <c r="N432202" s="10"/>
    </row>
    <row r="432203" spans="14:14">
      <c r="N432203" s="10"/>
    </row>
    <row r="432204" spans="14:14">
      <c r="N432204" s="10"/>
    </row>
    <row r="432205" spans="14:14">
      <c r="N432205" s="10"/>
    </row>
    <row r="432206" spans="14:14">
      <c r="N432206" s="10"/>
    </row>
    <row r="432207" spans="14:14">
      <c r="N432207" s="10"/>
    </row>
    <row r="432208" spans="14:14">
      <c r="N432208" s="10"/>
    </row>
    <row r="432209" spans="14:14">
      <c r="N432209" s="10"/>
    </row>
    <row r="432210" spans="14:14">
      <c r="N432210" s="10"/>
    </row>
    <row r="432211" spans="14:14">
      <c r="N432211" s="10"/>
    </row>
    <row r="432212" spans="14:14">
      <c r="N432212" s="10"/>
    </row>
    <row r="432213" spans="14:14">
      <c r="N432213" s="10"/>
    </row>
    <row r="432214" spans="14:14">
      <c r="N432214" s="10"/>
    </row>
    <row r="432215" spans="14:14">
      <c r="N432215" s="10"/>
    </row>
    <row r="432216" spans="14:14">
      <c r="N432216" s="10"/>
    </row>
    <row r="432217" spans="14:14">
      <c r="N432217" s="10"/>
    </row>
    <row r="432218" spans="14:14">
      <c r="N432218" s="10"/>
    </row>
    <row r="432219" spans="14:14">
      <c r="N432219" s="10"/>
    </row>
    <row r="432220" spans="14:14">
      <c r="N432220" s="10"/>
    </row>
    <row r="432221" spans="14:14">
      <c r="N432221" s="10"/>
    </row>
    <row r="432222" spans="14:14">
      <c r="N432222" s="10"/>
    </row>
    <row r="432223" spans="14:14">
      <c r="N432223" s="10"/>
    </row>
    <row r="432224" spans="14:14">
      <c r="N432224" s="10"/>
    </row>
    <row r="432225" spans="14:14">
      <c r="N432225" s="10"/>
    </row>
    <row r="432226" spans="14:14">
      <c r="N432226" s="10"/>
    </row>
    <row r="432227" spans="14:14">
      <c r="N432227" s="10"/>
    </row>
    <row r="432228" spans="14:14">
      <c r="N432228" s="10"/>
    </row>
    <row r="432229" spans="14:14">
      <c r="N432229" s="10"/>
    </row>
    <row r="432230" spans="14:14">
      <c r="N432230" s="10"/>
    </row>
    <row r="432231" spans="14:14">
      <c r="N432231" s="10"/>
    </row>
    <row r="432232" spans="14:14">
      <c r="N432232" s="10"/>
    </row>
    <row r="432233" spans="14:14">
      <c r="N432233" s="10"/>
    </row>
    <row r="432234" spans="14:14">
      <c r="N432234" s="10"/>
    </row>
    <row r="432235" spans="14:14">
      <c r="N432235" s="10"/>
    </row>
    <row r="432236" spans="14:14">
      <c r="N432236" s="10"/>
    </row>
    <row r="432237" spans="14:14">
      <c r="N432237" s="10"/>
    </row>
    <row r="432238" spans="14:14">
      <c r="N432238" s="10"/>
    </row>
    <row r="432239" spans="14:14">
      <c r="N432239" s="10"/>
    </row>
    <row r="432240" spans="14:14">
      <c r="N432240" s="10"/>
    </row>
    <row r="432241" spans="14:14">
      <c r="N432241" s="10"/>
    </row>
    <row r="432242" spans="14:14">
      <c r="N432242" s="10"/>
    </row>
    <row r="432243" spans="14:14">
      <c r="N432243" s="10"/>
    </row>
    <row r="432244" spans="14:14">
      <c r="N432244" s="10"/>
    </row>
    <row r="432245" spans="14:14">
      <c r="N432245" s="10"/>
    </row>
    <row r="432246" spans="14:14">
      <c r="N432246" s="10"/>
    </row>
    <row r="432247" spans="14:14">
      <c r="N432247" s="10"/>
    </row>
    <row r="432248" spans="14:14">
      <c r="N432248" s="10"/>
    </row>
    <row r="432249" spans="14:14">
      <c r="N432249" s="10"/>
    </row>
    <row r="432250" spans="14:14">
      <c r="N432250" s="10"/>
    </row>
    <row r="432251" spans="14:14">
      <c r="N432251" s="10"/>
    </row>
    <row r="432252" spans="14:14">
      <c r="N432252" s="10"/>
    </row>
    <row r="432253" spans="14:14">
      <c r="N432253" s="10"/>
    </row>
    <row r="432254" spans="14:14">
      <c r="N432254" s="10"/>
    </row>
    <row r="432255" spans="14:14">
      <c r="N432255" s="10"/>
    </row>
    <row r="432256" spans="14:14">
      <c r="N432256" s="10"/>
    </row>
    <row r="432257" spans="14:14">
      <c r="N432257" s="10"/>
    </row>
    <row r="432258" spans="14:14">
      <c r="N432258" s="10"/>
    </row>
    <row r="432259" spans="14:14">
      <c r="N432259" s="10"/>
    </row>
    <row r="432260" spans="14:14">
      <c r="N432260" s="10"/>
    </row>
    <row r="432261" spans="14:14">
      <c r="N432261" s="10"/>
    </row>
    <row r="432262" spans="14:14">
      <c r="N432262" s="10"/>
    </row>
    <row r="432263" spans="14:14">
      <c r="N432263" s="10"/>
    </row>
    <row r="432264" spans="14:14">
      <c r="N432264" s="10"/>
    </row>
    <row r="432265" spans="14:14">
      <c r="N432265" s="10"/>
    </row>
    <row r="432266" spans="14:14">
      <c r="N432266" s="10"/>
    </row>
    <row r="432267" spans="14:14">
      <c r="N432267" s="10"/>
    </row>
    <row r="432268" spans="14:14">
      <c r="N432268" s="10"/>
    </row>
    <row r="432269" spans="14:14">
      <c r="N432269" s="10"/>
    </row>
    <row r="432270" spans="14:14">
      <c r="N432270" s="10"/>
    </row>
    <row r="432271" spans="14:14">
      <c r="N432271" s="10"/>
    </row>
    <row r="432272" spans="14:14">
      <c r="N432272" s="10"/>
    </row>
    <row r="432273" spans="14:14">
      <c r="N432273" s="10"/>
    </row>
    <row r="432274" spans="14:14">
      <c r="N432274" s="10"/>
    </row>
    <row r="432275" spans="14:14">
      <c r="N432275" s="10"/>
    </row>
    <row r="432276" spans="14:14">
      <c r="N432276" s="10"/>
    </row>
    <row r="432277" spans="14:14">
      <c r="N432277" s="10"/>
    </row>
    <row r="432278" spans="14:14">
      <c r="N432278" s="10"/>
    </row>
    <row r="432279" spans="14:14">
      <c r="N432279" s="10"/>
    </row>
    <row r="432280" spans="14:14">
      <c r="N432280" s="10"/>
    </row>
    <row r="432281" spans="14:14">
      <c r="N432281" s="10"/>
    </row>
    <row r="432282" spans="14:14">
      <c r="N432282" s="10"/>
    </row>
    <row r="432283" spans="14:14">
      <c r="N432283" s="10"/>
    </row>
    <row r="432284" spans="14:14">
      <c r="N432284" s="10"/>
    </row>
    <row r="432285" spans="14:14">
      <c r="N432285" s="10"/>
    </row>
    <row r="432286" spans="14:14">
      <c r="N432286" s="10"/>
    </row>
    <row r="432287" spans="14:14">
      <c r="N432287" s="10"/>
    </row>
    <row r="432288" spans="14:14">
      <c r="N432288" s="10"/>
    </row>
    <row r="432289" spans="14:14">
      <c r="N432289" s="10"/>
    </row>
    <row r="432290" spans="14:14">
      <c r="N432290" s="10"/>
    </row>
    <row r="432291" spans="14:14">
      <c r="N432291" s="10"/>
    </row>
    <row r="432292" spans="14:14">
      <c r="N432292" s="10"/>
    </row>
    <row r="432293" spans="14:14">
      <c r="N432293" s="10"/>
    </row>
    <row r="432294" spans="14:14">
      <c r="N432294" s="10"/>
    </row>
    <row r="432295" spans="14:14">
      <c r="N432295" s="10"/>
    </row>
    <row r="432296" spans="14:14">
      <c r="N432296" s="10"/>
    </row>
    <row r="432297" spans="14:14">
      <c r="N432297" s="10"/>
    </row>
    <row r="432298" spans="14:14">
      <c r="N432298" s="10"/>
    </row>
    <row r="432299" spans="14:14">
      <c r="N432299" s="10"/>
    </row>
    <row r="432300" spans="14:14">
      <c r="N432300" s="10"/>
    </row>
    <row r="432301" spans="14:14">
      <c r="N432301" s="10"/>
    </row>
    <row r="432302" spans="14:14">
      <c r="N432302" s="10"/>
    </row>
    <row r="432303" spans="14:14">
      <c r="N432303" s="10"/>
    </row>
    <row r="432304" spans="14:14">
      <c r="N432304" s="10"/>
    </row>
    <row r="432305" spans="14:14">
      <c r="N432305" s="10"/>
    </row>
    <row r="432306" spans="14:14">
      <c r="N432306" s="10"/>
    </row>
    <row r="432307" spans="14:14">
      <c r="N432307" s="10"/>
    </row>
    <row r="432308" spans="14:14">
      <c r="N432308" s="10"/>
    </row>
    <row r="432309" spans="14:14">
      <c r="N432309" s="10"/>
    </row>
    <row r="432310" spans="14:14">
      <c r="N432310" s="10"/>
    </row>
    <row r="432311" spans="14:14">
      <c r="N432311" s="10"/>
    </row>
    <row r="432312" spans="14:14">
      <c r="N432312" s="10"/>
    </row>
    <row r="432313" spans="14:14">
      <c r="N432313" s="10"/>
    </row>
    <row r="432314" spans="14:14">
      <c r="N432314" s="10"/>
    </row>
    <row r="432315" spans="14:14">
      <c r="N432315" s="10"/>
    </row>
    <row r="432316" spans="14:14">
      <c r="N432316" s="10"/>
    </row>
    <row r="432317" spans="14:14">
      <c r="N432317" s="10"/>
    </row>
    <row r="432318" spans="14:14">
      <c r="N432318" s="10"/>
    </row>
    <row r="432319" spans="14:14">
      <c r="N432319" s="10"/>
    </row>
    <row r="432320" spans="14:14">
      <c r="N432320" s="10"/>
    </row>
    <row r="432321" spans="14:14">
      <c r="N432321" s="10"/>
    </row>
    <row r="432322" spans="14:14">
      <c r="N432322" s="10"/>
    </row>
    <row r="432323" spans="14:14">
      <c r="N432323" s="10"/>
    </row>
    <row r="432324" spans="14:14">
      <c r="N432324" s="10"/>
    </row>
    <row r="432325" spans="14:14">
      <c r="N432325" s="10"/>
    </row>
    <row r="432326" spans="14:14">
      <c r="N432326" s="10"/>
    </row>
    <row r="432327" spans="14:14">
      <c r="N432327" s="10"/>
    </row>
    <row r="432328" spans="14:14">
      <c r="N432328" s="10"/>
    </row>
    <row r="432329" spans="14:14">
      <c r="N432329" s="10"/>
    </row>
    <row r="432330" spans="14:14">
      <c r="N432330" s="10"/>
    </row>
    <row r="432331" spans="14:14">
      <c r="N432331" s="10"/>
    </row>
    <row r="432332" spans="14:14">
      <c r="N432332" s="10"/>
    </row>
    <row r="432333" spans="14:14">
      <c r="N432333" s="10"/>
    </row>
    <row r="432334" spans="14:14">
      <c r="N432334" s="10"/>
    </row>
    <row r="432335" spans="14:14">
      <c r="N432335" s="10"/>
    </row>
    <row r="432336" spans="14:14">
      <c r="N432336" s="10"/>
    </row>
    <row r="432337" spans="14:14">
      <c r="N432337" s="10"/>
    </row>
    <row r="432338" spans="14:14">
      <c r="N432338" s="10"/>
    </row>
    <row r="432339" spans="14:14">
      <c r="N432339" s="10"/>
    </row>
    <row r="432340" spans="14:14">
      <c r="N432340" s="10"/>
    </row>
    <row r="432341" spans="14:14">
      <c r="N432341" s="10"/>
    </row>
    <row r="432342" spans="14:14">
      <c r="N432342" s="10"/>
    </row>
    <row r="432343" spans="14:14">
      <c r="N432343" s="10"/>
    </row>
    <row r="432344" spans="14:14">
      <c r="N432344" s="10"/>
    </row>
    <row r="432345" spans="14:14">
      <c r="N432345" s="10"/>
    </row>
    <row r="432346" spans="14:14">
      <c r="N432346" s="10"/>
    </row>
    <row r="432347" spans="14:14">
      <c r="N432347" s="10"/>
    </row>
    <row r="432348" spans="14:14">
      <c r="N432348" s="10"/>
    </row>
    <row r="432349" spans="14:14">
      <c r="N432349" s="10"/>
    </row>
    <row r="432350" spans="14:14">
      <c r="N432350" s="10"/>
    </row>
    <row r="432351" spans="14:14">
      <c r="N432351" s="10"/>
    </row>
    <row r="432352" spans="14:14">
      <c r="N432352" s="10"/>
    </row>
    <row r="432353" spans="14:14">
      <c r="N432353" s="10"/>
    </row>
    <row r="432354" spans="14:14">
      <c r="N432354" s="10"/>
    </row>
    <row r="432355" spans="14:14">
      <c r="N432355" s="10"/>
    </row>
    <row r="432356" spans="14:14">
      <c r="N432356" s="10"/>
    </row>
    <row r="432357" spans="14:14">
      <c r="N432357" s="10"/>
    </row>
    <row r="432358" spans="14:14">
      <c r="N432358" s="10"/>
    </row>
    <row r="432359" spans="14:14">
      <c r="N432359" s="10"/>
    </row>
    <row r="432360" spans="14:14">
      <c r="N432360" s="10"/>
    </row>
    <row r="432361" spans="14:14">
      <c r="N432361" s="10"/>
    </row>
    <row r="432362" spans="14:14">
      <c r="N432362" s="10"/>
    </row>
    <row r="432363" spans="14:14">
      <c r="N432363" s="10"/>
    </row>
    <row r="432364" spans="14:14">
      <c r="N432364" s="10"/>
    </row>
    <row r="432365" spans="14:14">
      <c r="N432365" s="10"/>
    </row>
    <row r="432366" spans="14:14">
      <c r="N432366" s="10"/>
    </row>
    <row r="432367" spans="14:14">
      <c r="N432367" s="10"/>
    </row>
    <row r="432368" spans="14:14">
      <c r="N432368" s="10"/>
    </row>
    <row r="432369" spans="14:14">
      <c r="N432369" s="10"/>
    </row>
    <row r="432370" spans="14:14">
      <c r="N432370" s="10"/>
    </row>
    <row r="432371" spans="14:14">
      <c r="N432371" s="10"/>
    </row>
    <row r="432372" spans="14:14">
      <c r="N432372" s="10"/>
    </row>
    <row r="432373" spans="14:14">
      <c r="N432373" s="10"/>
    </row>
    <row r="432374" spans="14:14">
      <c r="N432374" s="10"/>
    </row>
    <row r="432375" spans="14:14">
      <c r="N432375" s="10"/>
    </row>
    <row r="432376" spans="14:14">
      <c r="N432376" s="10"/>
    </row>
    <row r="432377" spans="14:14">
      <c r="N432377" s="10"/>
    </row>
    <row r="432378" spans="14:14">
      <c r="N432378" s="10"/>
    </row>
    <row r="432379" spans="14:14">
      <c r="N432379" s="10"/>
    </row>
    <row r="432380" spans="14:14">
      <c r="N432380" s="10"/>
    </row>
    <row r="432381" spans="14:14">
      <c r="N432381" s="10"/>
    </row>
    <row r="432382" spans="14:14">
      <c r="N432382" s="10"/>
    </row>
    <row r="432383" spans="14:14">
      <c r="N432383" s="10"/>
    </row>
    <row r="432384" spans="14:14">
      <c r="N432384" s="10"/>
    </row>
    <row r="432385" spans="14:14">
      <c r="N432385" s="10"/>
    </row>
    <row r="432386" spans="14:14">
      <c r="N432386" s="10"/>
    </row>
    <row r="432387" spans="14:14">
      <c r="N432387" s="10"/>
    </row>
    <row r="432388" spans="14:14">
      <c r="N432388" s="10"/>
    </row>
    <row r="432389" spans="14:14">
      <c r="N432389" s="10"/>
    </row>
    <row r="432390" spans="14:14">
      <c r="N432390" s="10"/>
    </row>
    <row r="432391" spans="14:14">
      <c r="N432391" s="10"/>
    </row>
    <row r="432392" spans="14:14">
      <c r="N432392" s="10"/>
    </row>
    <row r="432393" spans="14:14">
      <c r="N432393" s="10"/>
    </row>
    <row r="432394" spans="14:14">
      <c r="N432394" s="10"/>
    </row>
    <row r="432395" spans="14:14">
      <c r="N432395" s="10"/>
    </row>
    <row r="432396" spans="14:14">
      <c r="N432396" s="10"/>
    </row>
    <row r="432397" spans="14:14">
      <c r="N432397" s="10"/>
    </row>
    <row r="432398" spans="14:14">
      <c r="N432398" s="10"/>
    </row>
    <row r="432399" spans="14:14">
      <c r="N432399" s="10"/>
    </row>
    <row r="432400" spans="14:14">
      <c r="N432400" s="10"/>
    </row>
    <row r="432401" spans="14:14">
      <c r="N432401" s="10"/>
    </row>
    <row r="432402" spans="14:14">
      <c r="N432402" s="10"/>
    </row>
    <row r="432403" spans="14:14">
      <c r="N432403" s="10"/>
    </row>
    <row r="432404" spans="14:14">
      <c r="N432404" s="10"/>
    </row>
    <row r="432405" spans="14:14">
      <c r="N432405" s="10"/>
    </row>
    <row r="432406" spans="14:14">
      <c r="N432406" s="10"/>
    </row>
    <row r="432407" spans="14:14">
      <c r="N432407" s="10"/>
    </row>
    <row r="432408" spans="14:14">
      <c r="N432408" s="10"/>
    </row>
    <row r="432409" spans="14:14">
      <c r="N432409" s="10"/>
    </row>
    <row r="432410" spans="14:14">
      <c r="N432410" s="10"/>
    </row>
    <row r="432411" spans="14:14">
      <c r="N432411" s="10"/>
    </row>
    <row r="432412" spans="14:14">
      <c r="N432412" s="10"/>
    </row>
    <row r="432413" spans="14:14">
      <c r="N432413" s="10"/>
    </row>
    <row r="432414" spans="14:14">
      <c r="N432414" s="10"/>
    </row>
    <row r="432415" spans="14:14">
      <c r="N432415" s="10"/>
    </row>
    <row r="432416" spans="14:14">
      <c r="N432416" s="10"/>
    </row>
    <row r="432417" spans="14:14">
      <c r="N432417" s="10"/>
    </row>
    <row r="432418" spans="14:14">
      <c r="N432418" s="10"/>
    </row>
    <row r="432419" spans="14:14">
      <c r="N432419" s="10"/>
    </row>
    <row r="432420" spans="14:14">
      <c r="N432420" s="10"/>
    </row>
    <row r="432421" spans="14:14">
      <c r="N432421" s="10"/>
    </row>
    <row r="432422" spans="14:14">
      <c r="N432422" s="10"/>
    </row>
    <row r="432423" spans="14:14">
      <c r="N432423" s="10"/>
    </row>
    <row r="432424" spans="14:14">
      <c r="N432424" s="10"/>
    </row>
    <row r="432425" spans="14:14">
      <c r="N432425" s="10"/>
    </row>
    <row r="432426" spans="14:14">
      <c r="N432426" s="10"/>
    </row>
    <row r="432427" spans="14:14">
      <c r="N432427" s="10"/>
    </row>
    <row r="432428" spans="14:14">
      <c r="N432428" s="10"/>
    </row>
    <row r="432429" spans="14:14">
      <c r="N432429" s="10"/>
    </row>
    <row r="432430" spans="14:14">
      <c r="N432430" s="10"/>
    </row>
    <row r="432431" spans="14:14">
      <c r="N432431" s="10"/>
    </row>
    <row r="432432" spans="14:14">
      <c r="N432432" s="10"/>
    </row>
    <row r="432433" spans="14:14">
      <c r="N432433" s="10"/>
    </row>
    <row r="432434" spans="14:14">
      <c r="N432434" s="10"/>
    </row>
    <row r="432435" spans="14:14">
      <c r="N432435" s="10"/>
    </row>
    <row r="432436" spans="14:14">
      <c r="N432436" s="10"/>
    </row>
    <row r="432437" spans="14:14">
      <c r="N432437" s="10"/>
    </row>
    <row r="432438" spans="14:14">
      <c r="N432438" s="10"/>
    </row>
    <row r="432439" spans="14:14">
      <c r="N432439" s="10"/>
    </row>
    <row r="432440" spans="14:14">
      <c r="N432440" s="10"/>
    </row>
    <row r="432441" spans="14:14">
      <c r="N432441" s="10"/>
    </row>
    <row r="432442" spans="14:14">
      <c r="N432442" s="10"/>
    </row>
    <row r="432443" spans="14:14">
      <c r="N432443" s="10"/>
    </row>
    <row r="432444" spans="14:14">
      <c r="N432444" s="10"/>
    </row>
    <row r="432445" spans="14:14">
      <c r="N432445" s="10"/>
    </row>
    <row r="432446" spans="14:14">
      <c r="N432446" s="10"/>
    </row>
    <row r="432447" spans="14:14">
      <c r="N432447" s="10"/>
    </row>
    <row r="432448" spans="14:14">
      <c r="N432448" s="10"/>
    </row>
    <row r="432449" spans="14:14">
      <c r="N432449" s="10"/>
    </row>
    <row r="432450" spans="14:14">
      <c r="N432450" s="10"/>
    </row>
    <row r="432451" spans="14:14">
      <c r="N432451" s="10"/>
    </row>
    <row r="432452" spans="14:14">
      <c r="N432452" s="10"/>
    </row>
    <row r="432453" spans="14:14">
      <c r="N432453" s="10"/>
    </row>
    <row r="432454" spans="14:14">
      <c r="N432454" s="10"/>
    </row>
    <row r="432455" spans="14:14">
      <c r="N432455" s="10"/>
    </row>
    <row r="432456" spans="14:14">
      <c r="N432456" s="10"/>
    </row>
    <row r="432457" spans="14:14">
      <c r="N432457" s="10"/>
    </row>
    <row r="432458" spans="14:14">
      <c r="N432458" s="10"/>
    </row>
    <row r="432459" spans="14:14">
      <c r="N432459" s="10"/>
    </row>
    <row r="432460" spans="14:14">
      <c r="N432460" s="10"/>
    </row>
    <row r="432461" spans="14:14">
      <c r="N432461" s="10"/>
    </row>
    <row r="432462" spans="14:14">
      <c r="N432462" s="10"/>
    </row>
    <row r="432463" spans="14:14">
      <c r="N432463" s="10"/>
    </row>
    <row r="432464" spans="14:14">
      <c r="N432464" s="10"/>
    </row>
    <row r="432465" spans="14:14">
      <c r="N432465" s="10"/>
    </row>
    <row r="432466" spans="14:14">
      <c r="N432466" s="10"/>
    </row>
    <row r="432467" spans="14:14">
      <c r="N432467" s="10"/>
    </row>
    <row r="432468" spans="14:14">
      <c r="N432468" s="10"/>
    </row>
    <row r="432469" spans="14:14">
      <c r="N432469" s="10"/>
    </row>
    <row r="432470" spans="14:14">
      <c r="N432470" s="10"/>
    </row>
    <row r="432471" spans="14:14">
      <c r="N432471" s="10"/>
    </row>
    <row r="432472" spans="14:14">
      <c r="N432472" s="10"/>
    </row>
    <row r="432473" spans="14:14">
      <c r="N432473" s="10"/>
    </row>
    <row r="432474" spans="14:14">
      <c r="N432474" s="10"/>
    </row>
    <row r="432475" spans="14:14">
      <c r="N432475" s="10"/>
    </row>
    <row r="432476" spans="14:14">
      <c r="N432476" s="10"/>
    </row>
    <row r="432477" spans="14:14">
      <c r="N432477" s="10"/>
    </row>
    <row r="432478" spans="14:14">
      <c r="N432478" s="10"/>
    </row>
    <row r="432479" spans="14:14">
      <c r="N432479" s="10"/>
    </row>
    <row r="432480" spans="14:14">
      <c r="N432480" s="10"/>
    </row>
    <row r="432481" spans="14:14">
      <c r="N432481" s="10"/>
    </row>
    <row r="432482" spans="14:14">
      <c r="N432482" s="10"/>
    </row>
    <row r="432483" spans="14:14">
      <c r="N432483" s="10"/>
    </row>
    <row r="432484" spans="14:14">
      <c r="N432484" s="10"/>
    </row>
    <row r="432485" spans="14:14">
      <c r="N432485" s="10"/>
    </row>
    <row r="432486" spans="14:14">
      <c r="N432486" s="10"/>
    </row>
    <row r="432487" spans="14:14">
      <c r="N432487" s="10"/>
    </row>
    <row r="432488" spans="14:14">
      <c r="N432488" s="10"/>
    </row>
    <row r="432489" spans="14:14">
      <c r="N432489" s="10"/>
    </row>
    <row r="432490" spans="14:14">
      <c r="N432490" s="10"/>
    </row>
    <row r="432491" spans="14:14">
      <c r="N432491" s="10"/>
    </row>
    <row r="432492" spans="14:14">
      <c r="N432492" s="10"/>
    </row>
    <row r="432493" spans="14:14">
      <c r="N432493" s="10"/>
    </row>
    <row r="432494" spans="14:14">
      <c r="N432494" s="10"/>
    </row>
    <row r="432495" spans="14:14">
      <c r="N432495" s="10"/>
    </row>
    <row r="432496" spans="14:14">
      <c r="N432496" s="10"/>
    </row>
    <row r="432497" spans="14:14">
      <c r="N432497" s="10"/>
    </row>
    <row r="432498" spans="14:14">
      <c r="N432498" s="10"/>
    </row>
    <row r="432499" spans="14:14">
      <c r="N432499" s="10"/>
    </row>
    <row r="432500" spans="14:14">
      <c r="N432500" s="10"/>
    </row>
    <row r="432501" spans="14:14">
      <c r="N432501" s="10"/>
    </row>
    <row r="432502" spans="14:14">
      <c r="N432502" s="10"/>
    </row>
    <row r="432503" spans="14:14">
      <c r="N432503" s="10"/>
    </row>
    <row r="432504" spans="14:14">
      <c r="N432504" s="10"/>
    </row>
    <row r="432505" spans="14:14">
      <c r="N432505" s="10"/>
    </row>
    <row r="432506" spans="14:14">
      <c r="N432506" s="10"/>
    </row>
    <row r="432507" spans="14:14">
      <c r="N432507" s="10"/>
    </row>
    <row r="432508" spans="14:14">
      <c r="N432508" s="10"/>
    </row>
    <row r="432509" spans="14:14">
      <c r="N432509" s="10"/>
    </row>
    <row r="432510" spans="14:14">
      <c r="N432510" s="10"/>
    </row>
    <row r="432511" spans="14:14">
      <c r="N432511" s="10"/>
    </row>
    <row r="432512" spans="14:14">
      <c r="N432512" s="10"/>
    </row>
    <row r="432513" spans="14:14">
      <c r="N432513" s="10"/>
    </row>
    <row r="432514" spans="14:14">
      <c r="N432514" s="10"/>
    </row>
    <row r="432515" spans="14:14">
      <c r="N432515" s="10"/>
    </row>
    <row r="432516" spans="14:14">
      <c r="N432516" s="10"/>
    </row>
    <row r="432517" spans="14:14">
      <c r="N432517" s="10"/>
    </row>
    <row r="432518" spans="14:14">
      <c r="N432518" s="10"/>
    </row>
    <row r="432519" spans="14:14">
      <c r="N432519" s="10"/>
    </row>
    <row r="432520" spans="14:14">
      <c r="N432520" s="10"/>
    </row>
    <row r="432521" spans="14:14">
      <c r="N432521" s="10"/>
    </row>
    <row r="432522" spans="14:14">
      <c r="N432522" s="10"/>
    </row>
    <row r="432523" spans="14:14">
      <c r="N432523" s="10"/>
    </row>
    <row r="432524" spans="14:14">
      <c r="N432524" s="10"/>
    </row>
    <row r="432525" spans="14:14">
      <c r="N432525" s="10"/>
    </row>
    <row r="432526" spans="14:14">
      <c r="N432526" s="10"/>
    </row>
    <row r="432527" spans="14:14">
      <c r="N432527" s="10"/>
    </row>
    <row r="432528" spans="14:14">
      <c r="N432528" s="10"/>
    </row>
    <row r="432529" spans="14:14">
      <c r="N432529" s="10"/>
    </row>
    <row r="432530" spans="14:14">
      <c r="N432530" s="10"/>
    </row>
    <row r="432531" spans="14:14">
      <c r="N432531" s="10"/>
    </row>
    <row r="432532" spans="14:14">
      <c r="N432532" s="10"/>
    </row>
    <row r="432533" spans="14:14">
      <c r="N432533" s="10"/>
    </row>
    <row r="432534" spans="14:14">
      <c r="N432534" s="10"/>
    </row>
    <row r="432535" spans="14:14">
      <c r="N432535" s="10"/>
    </row>
    <row r="432536" spans="14:14">
      <c r="N432536" s="10"/>
    </row>
    <row r="432537" spans="14:14">
      <c r="N432537" s="10"/>
    </row>
    <row r="432538" spans="14:14">
      <c r="N432538" s="10"/>
    </row>
    <row r="432539" spans="14:14">
      <c r="N432539" s="10"/>
    </row>
    <row r="432540" spans="14:14">
      <c r="N432540" s="10"/>
    </row>
    <row r="432541" spans="14:14">
      <c r="N432541" s="10"/>
    </row>
    <row r="432542" spans="14:14">
      <c r="N432542" s="10"/>
    </row>
    <row r="432543" spans="14:14">
      <c r="N432543" s="10"/>
    </row>
    <row r="432544" spans="14:14">
      <c r="N432544" s="10"/>
    </row>
    <row r="432545" spans="14:14">
      <c r="N432545" s="10"/>
    </row>
    <row r="432546" spans="14:14">
      <c r="N432546" s="10"/>
    </row>
    <row r="432547" spans="14:14">
      <c r="N432547" s="10"/>
    </row>
    <row r="432548" spans="14:14">
      <c r="N432548" s="10"/>
    </row>
    <row r="432549" spans="14:14">
      <c r="N432549" s="10"/>
    </row>
    <row r="432550" spans="14:14">
      <c r="N432550" s="10"/>
    </row>
    <row r="432551" spans="14:14">
      <c r="N432551" s="10"/>
    </row>
    <row r="432552" spans="14:14">
      <c r="N432552" s="10"/>
    </row>
    <row r="432553" spans="14:14">
      <c r="N432553" s="10"/>
    </row>
    <row r="432554" spans="14:14">
      <c r="N432554" s="10"/>
    </row>
    <row r="432555" spans="14:14">
      <c r="N432555" s="10"/>
    </row>
    <row r="432556" spans="14:14">
      <c r="N432556" s="10"/>
    </row>
    <row r="432557" spans="14:14">
      <c r="N432557" s="10"/>
    </row>
    <row r="432558" spans="14:14">
      <c r="N432558" s="10"/>
    </row>
    <row r="432559" spans="14:14">
      <c r="N432559" s="10"/>
    </row>
    <row r="432560" spans="14:14">
      <c r="N432560" s="10"/>
    </row>
    <row r="432561" spans="14:14">
      <c r="N432561" s="10"/>
    </row>
    <row r="432562" spans="14:14">
      <c r="N432562" s="10"/>
    </row>
    <row r="432563" spans="14:14">
      <c r="N432563" s="10"/>
    </row>
    <row r="432564" spans="14:14">
      <c r="N432564" s="10"/>
    </row>
    <row r="432565" spans="14:14">
      <c r="N432565" s="10"/>
    </row>
    <row r="432566" spans="14:14">
      <c r="N432566" s="10"/>
    </row>
    <row r="432567" spans="14:14">
      <c r="N432567" s="10"/>
    </row>
    <row r="432568" spans="14:14">
      <c r="N432568" s="10"/>
    </row>
    <row r="432569" spans="14:14">
      <c r="N432569" s="10"/>
    </row>
    <row r="432570" spans="14:14">
      <c r="N432570" s="10"/>
    </row>
    <row r="432571" spans="14:14">
      <c r="N432571" s="10"/>
    </row>
    <row r="432572" spans="14:14">
      <c r="N432572" s="10"/>
    </row>
    <row r="432573" spans="14:14">
      <c r="N432573" s="10"/>
    </row>
    <row r="432574" spans="14:14">
      <c r="N432574" s="10"/>
    </row>
    <row r="432575" spans="14:14">
      <c r="N432575" s="10"/>
    </row>
    <row r="432576" spans="14:14">
      <c r="N432576" s="10"/>
    </row>
    <row r="432577" spans="14:14">
      <c r="N432577" s="10"/>
    </row>
    <row r="432578" spans="14:14">
      <c r="N432578" s="10"/>
    </row>
    <row r="432579" spans="14:14">
      <c r="N432579" s="10"/>
    </row>
    <row r="432580" spans="14:14">
      <c r="N432580" s="10"/>
    </row>
    <row r="432581" spans="14:14">
      <c r="N432581" s="10"/>
    </row>
    <row r="432582" spans="14:14">
      <c r="N432582" s="10"/>
    </row>
    <row r="432583" spans="14:14">
      <c r="N432583" s="10"/>
    </row>
    <row r="432584" spans="14:14">
      <c r="N432584" s="10"/>
    </row>
    <row r="432585" spans="14:14">
      <c r="N432585" s="10"/>
    </row>
    <row r="432586" spans="14:14">
      <c r="N432586" s="10"/>
    </row>
    <row r="432587" spans="14:14">
      <c r="N432587" s="10"/>
    </row>
    <row r="432588" spans="14:14">
      <c r="N432588" s="10"/>
    </row>
    <row r="432589" spans="14:14">
      <c r="N432589" s="10"/>
    </row>
    <row r="432590" spans="14:14">
      <c r="N432590" s="10"/>
    </row>
    <row r="432591" spans="14:14">
      <c r="N432591" s="10"/>
    </row>
    <row r="432592" spans="14:14">
      <c r="N432592" s="10"/>
    </row>
    <row r="432593" spans="14:14">
      <c r="N432593" s="10"/>
    </row>
    <row r="432594" spans="14:14">
      <c r="N432594" s="10"/>
    </row>
    <row r="432595" spans="14:14">
      <c r="N432595" s="10"/>
    </row>
    <row r="432596" spans="14:14">
      <c r="N432596" s="10"/>
    </row>
    <row r="432597" spans="14:14">
      <c r="N432597" s="10"/>
    </row>
    <row r="432598" spans="14:14">
      <c r="N432598" s="10"/>
    </row>
    <row r="432599" spans="14:14">
      <c r="N432599" s="10"/>
    </row>
    <row r="432600" spans="14:14">
      <c r="N432600" s="10"/>
    </row>
    <row r="432601" spans="14:14">
      <c r="N432601" s="10"/>
    </row>
    <row r="432602" spans="14:14">
      <c r="N432602" s="10"/>
    </row>
    <row r="432603" spans="14:14">
      <c r="N432603" s="10"/>
    </row>
    <row r="432604" spans="14:14">
      <c r="N432604" s="10"/>
    </row>
    <row r="432605" spans="14:14">
      <c r="N432605" s="10"/>
    </row>
    <row r="432606" spans="14:14">
      <c r="N432606" s="10"/>
    </row>
    <row r="432607" spans="14:14">
      <c r="N432607" s="10"/>
    </row>
    <row r="432608" spans="14:14">
      <c r="N432608" s="10"/>
    </row>
    <row r="432609" spans="14:14">
      <c r="N432609" s="10"/>
    </row>
    <row r="432610" spans="14:14">
      <c r="N432610" s="10"/>
    </row>
    <row r="432611" spans="14:14">
      <c r="N432611" s="10"/>
    </row>
    <row r="432612" spans="14:14">
      <c r="N432612" s="10"/>
    </row>
    <row r="432613" spans="14:14">
      <c r="N432613" s="10"/>
    </row>
    <row r="432614" spans="14:14">
      <c r="N432614" s="10"/>
    </row>
    <row r="432615" spans="14:14">
      <c r="N432615" s="10"/>
    </row>
    <row r="432616" spans="14:14">
      <c r="N432616" s="10"/>
    </row>
    <row r="432617" spans="14:14">
      <c r="N432617" s="10"/>
    </row>
    <row r="432618" spans="14:14">
      <c r="N432618" s="10"/>
    </row>
    <row r="432619" spans="14:14">
      <c r="N432619" s="10"/>
    </row>
    <row r="432620" spans="14:14">
      <c r="N432620" s="10"/>
    </row>
    <row r="432621" spans="14:14">
      <c r="N432621" s="10"/>
    </row>
    <row r="432622" spans="14:14">
      <c r="N432622" s="10"/>
    </row>
    <row r="432623" spans="14:14">
      <c r="N432623" s="10"/>
    </row>
    <row r="432624" spans="14:14">
      <c r="N432624" s="10"/>
    </row>
    <row r="432625" spans="14:14">
      <c r="N432625" s="10"/>
    </row>
    <row r="432626" spans="14:14">
      <c r="N432626" s="10"/>
    </row>
    <row r="432627" spans="14:14">
      <c r="N432627" s="10"/>
    </row>
    <row r="432628" spans="14:14">
      <c r="N432628" s="10"/>
    </row>
    <row r="432629" spans="14:14">
      <c r="N432629" s="10"/>
    </row>
    <row r="432630" spans="14:14">
      <c r="N432630" s="10"/>
    </row>
    <row r="432631" spans="14:14">
      <c r="N432631" s="10"/>
    </row>
    <row r="432632" spans="14:14">
      <c r="N432632" s="10"/>
    </row>
    <row r="432633" spans="14:14">
      <c r="N432633" s="10"/>
    </row>
    <row r="432634" spans="14:14">
      <c r="N432634" s="10"/>
    </row>
    <row r="432635" spans="14:14">
      <c r="N432635" s="10"/>
    </row>
    <row r="432636" spans="14:14">
      <c r="N432636" s="10"/>
    </row>
    <row r="432637" spans="14:14">
      <c r="N432637" s="10"/>
    </row>
    <row r="432638" spans="14:14">
      <c r="N432638" s="10"/>
    </row>
    <row r="432639" spans="14:14">
      <c r="N432639" s="10"/>
    </row>
    <row r="432640" spans="14:14">
      <c r="N432640" s="10"/>
    </row>
    <row r="432641" spans="14:14">
      <c r="N432641" s="10"/>
    </row>
    <row r="432642" spans="14:14">
      <c r="N432642" s="10"/>
    </row>
    <row r="432643" spans="14:14">
      <c r="N432643" s="10"/>
    </row>
    <row r="432644" spans="14:14">
      <c r="N432644" s="10"/>
    </row>
    <row r="432645" spans="14:14">
      <c r="N432645" s="10"/>
    </row>
    <row r="432646" spans="14:14">
      <c r="N432646" s="10"/>
    </row>
    <row r="432647" spans="14:14">
      <c r="N432647" s="10"/>
    </row>
    <row r="432648" spans="14:14">
      <c r="N432648" s="10"/>
    </row>
    <row r="432649" spans="14:14">
      <c r="N432649" s="10"/>
    </row>
    <row r="432650" spans="14:14">
      <c r="N432650" s="10"/>
    </row>
    <row r="432651" spans="14:14">
      <c r="N432651" s="10"/>
    </row>
    <row r="432652" spans="14:14">
      <c r="N432652" s="10"/>
    </row>
    <row r="432653" spans="14:14">
      <c r="N432653" s="10"/>
    </row>
    <row r="432654" spans="14:14">
      <c r="N432654" s="10"/>
    </row>
    <row r="432655" spans="14:14">
      <c r="N432655" s="10"/>
    </row>
    <row r="432656" spans="14:14">
      <c r="N432656" s="10"/>
    </row>
    <row r="432657" spans="14:14">
      <c r="N432657" s="10"/>
    </row>
    <row r="432658" spans="14:14">
      <c r="N432658" s="10"/>
    </row>
    <row r="432659" spans="14:14">
      <c r="N432659" s="10"/>
    </row>
    <row r="432660" spans="14:14">
      <c r="N432660" s="10"/>
    </row>
    <row r="432661" spans="14:14">
      <c r="N432661" s="10"/>
    </row>
    <row r="432662" spans="14:14">
      <c r="N432662" s="10"/>
    </row>
    <row r="432663" spans="14:14">
      <c r="N432663" s="10"/>
    </row>
    <row r="432664" spans="14:14">
      <c r="N432664" s="10"/>
    </row>
    <row r="432665" spans="14:14">
      <c r="N432665" s="10"/>
    </row>
    <row r="432666" spans="14:14">
      <c r="N432666" s="10"/>
    </row>
    <row r="432667" spans="14:14">
      <c r="N432667" s="10"/>
    </row>
    <row r="432668" spans="14:14">
      <c r="N432668" s="10"/>
    </row>
    <row r="432669" spans="14:14">
      <c r="N432669" s="10"/>
    </row>
    <row r="432670" spans="14:14">
      <c r="N432670" s="10"/>
    </row>
    <row r="432671" spans="14:14">
      <c r="N432671" s="10"/>
    </row>
    <row r="432672" spans="14:14">
      <c r="N432672" s="10"/>
    </row>
    <row r="432673" spans="14:14">
      <c r="N432673" s="10"/>
    </row>
    <row r="432674" spans="14:14">
      <c r="N432674" s="10"/>
    </row>
    <row r="432675" spans="14:14">
      <c r="N432675" s="10"/>
    </row>
    <row r="432676" spans="14:14">
      <c r="N432676" s="10"/>
    </row>
    <row r="432677" spans="14:14">
      <c r="N432677" s="10"/>
    </row>
    <row r="432678" spans="14:14">
      <c r="N432678" s="10"/>
    </row>
    <row r="432679" spans="14:14">
      <c r="N432679" s="10"/>
    </row>
    <row r="432680" spans="14:14">
      <c r="N432680" s="10"/>
    </row>
    <row r="432681" spans="14:14">
      <c r="N432681" s="10"/>
    </row>
    <row r="432682" spans="14:14">
      <c r="N432682" s="10"/>
    </row>
    <row r="432683" spans="14:14">
      <c r="N432683" s="10"/>
    </row>
    <row r="432684" spans="14:14">
      <c r="N432684" s="10"/>
    </row>
    <row r="432685" spans="14:14">
      <c r="N432685" s="10"/>
    </row>
    <row r="432686" spans="14:14">
      <c r="N432686" s="10"/>
    </row>
    <row r="432687" spans="14:14">
      <c r="N432687" s="10"/>
    </row>
    <row r="432688" spans="14:14">
      <c r="N432688" s="10"/>
    </row>
    <row r="432689" spans="14:14">
      <c r="N432689" s="10"/>
    </row>
    <row r="432690" spans="14:14">
      <c r="N432690" s="10"/>
    </row>
    <row r="432691" spans="14:14">
      <c r="N432691" s="10"/>
    </row>
    <row r="432692" spans="14:14">
      <c r="N432692" s="10"/>
    </row>
    <row r="432693" spans="14:14">
      <c r="N432693" s="10"/>
    </row>
    <row r="432694" spans="14:14">
      <c r="N432694" s="10"/>
    </row>
    <row r="432695" spans="14:14">
      <c r="N432695" s="10"/>
    </row>
    <row r="432696" spans="14:14">
      <c r="N432696" s="10"/>
    </row>
    <row r="432697" spans="14:14">
      <c r="N432697" s="10"/>
    </row>
    <row r="432698" spans="14:14">
      <c r="N432698" s="10"/>
    </row>
    <row r="432699" spans="14:14">
      <c r="N432699" s="10"/>
    </row>
    <row r="432700" spans="14:14">
      <c r="N432700" s="10"/>
    </row>
    <row r="432701" spans="14:14">
      <c r="N432701" s="10"/>
    </row>
    <row r="432702" spans="14:14">
      <c r="N432702" s="10"/>
    </row>
    <row r="432703" spans="14:14">
      <c r="N432703" s="10"/>
    </row>
    <row r="432704" spans="14:14">
      <c r="N432704" s="10"/>
    </row>
    <row r="432705" spans="14:14">
      <c r="N432705" s="10"/>
    </row>
    <row r="432706" spans="14:14">
      <c r="N432706" s="10"/>
    </row>
    <row r="432707" spans="14:14">
      <c r="N432707" s="10"/>
    </row>
    <row r="432708" spans="14:14">
      <c r="N432708" s="10"/>
    </row>
    <row r="432709" spans="14:14">
      <c r="N432709" s="10"/>
    </row>
    <row r="432710" spans="14:14">
      <c r="N432710" s="10"/>
    </row>
    <row r="432711" spans="14:14">
      <c r="N432711" s="10"/>
    </row>
    <row r="432712" spans="14:14">
      <c r="N432712" s="10"/>
    </row>
    <row r="432713" spans="14:14">
      <c r="N432713" s="10"/>
    </row>
    <row r="432714" spans="14:14">
      <c r="N432714" s="10"/>
    </row>
    <row r="432715" spans="14:14">
      <c r="N432715" s="10"/>
    </row>
    <row r="432716" spans="14:14">
      <c r="N432716" s="10"/>
    </row>
    <row r="432717" spans="14:14">
      <c r="N432717" s="10"/>
    </row>
    <row r="432718" spans="14:14">
      <c r="N432718" s="10"/>
    </row>
    <row r="432719" spans="14:14">
      <c r="N432719" s="10"/>
    </row>
    <row r="432720" spans="14:14">
      <c r="N432720" s="10"/>
    </row>
    <row r="432721" spans="14:14">
      <c r="N432721" s="10"/>
    </row>
    <row r="432722" spans="14:14">
      <c r="N432722" s="10"/>
    </row>
    <row r="432723" spans="14:14">
      <c r="N432723" s="10"/>
    </row>
    <row r="432724" spans="14:14">
      <c r="N432724" s="10"/>
    </row>
    <row r="432725" spans="14:14">
      <c r="N432725" s="10"/>
    </row>
    <row r="432726" spans="14:14">
      <c r="N432726" s="10"/>
    </row>
    <row r="432727" spans="14:14">
      <c r="N432727" s="10"/>
    </row>
    <row r="432728" spans="14:14">
      <c r="N432728" s="10"/>
    </row>
    <row r="432729" spans="14:14">
      <c r="N432729" s="10"/>
    </row>
    <row r="432730" spans="14:14">
      <c r="N432730" s="10"/>
    </row>
    <row r="432731" spans="14:14">
      <c r="N432731" s="10"/>
    </row>
    <row r="432732" spans="14:14">
      <c r="N432732" s="10"/>
    </row>
    <row r="432733" spans="14:14">
      <c r="N432733" s="10"/>
    </row>
    <row r="432734" spans="14:14">
      <c r="N432734" s="10"/>
    </row>
    <row r="432735" spans="14:14">
      <c r="N432735" s="10"/>
    </row>
    <row r="432736" spans="14:14">
      <c r="N432736" s="10"/>
    </row>
    <row r="432737" spans="14:14">
      <c r="N432737" s="10"/>
    </row>
    <row r="432738" spans="14:14">
      <c r="N432738" s="10"/>
    </row>
    <row r="432739" spans="14:14">
      <c r="N432739" s="10"/>
    </row>
    <row r="432740" spans="14:14">
      <c r="N432740" s="10"/>
    </row>
    <row r="432741" spans="14:14">
      <c r="N432741" s="10"/>
    </row>
    <row r="432742" spans="14:14">
      <c r="N432742" s="10"/>
    </row>
    <row r="432743" spans="14:14">
      <c r="N432743" s="10"/>
    </row>
    <row r="432744" spans="14:14">
      <c r="N432744" s="10"/>
    </row>
    <row r="432745" spans="14:14">
      <c r="N432745" s="10"/>
    </row>
    <row r="432746" spans="14:14">
      <c r="N432746" s="10"/>
    </row>
    <row r="432747" spans="14:14">
      <c r="N432747" s="10"/>
    </row>
    <row r="432748" spans="14:14">
      <c r="N432748" s="10"/>
    </row>
    <row r="432749" spans="14:14">
      <c r="N432749" s="10"/>
    </row>
    <row r="432750" spans="14:14">
      <c r="N432750" s="10"/>
    </row>
    <row r="432751" spans="14:14">
      <c r="N432751" s="10"/>
    </row>
    <row r="432752" spans="14:14">
      <c r="N432752" s="10"/>
    </row>
    <row r="432753" spans="14:14">
      <c r="N432753" s="10"/>
    </row>
    <row r="432754" spans="14:14">
      <c r="N432754" s="10"/>
    </row>
    <row r="432755" spans="14:14">
      <c r="N432755" s="10"/>
    </row>
    <row r="432756" spans="14:14">
      <c r="N432756" s="10"/>
    </row>
    <row r="432757" spans="14:14">
      <c r="N432757" s="10"/>
    </row>
    <row r="432758" spans="14:14">
      <c r="N432758" s="10"/>
    </row>
    <row r="432759" spans="14:14">
      <c r="N432759" s="10"/>
    </row>
    <row r="432760" spans="14:14">
      <c r="N432760" s="10"/>
    </row>
    <row r="432761" spans="14:14">
      <c r="N432761" s="10"/>
    </row>
    <row r="432762" spans="14:14">
      <c r="N432762" s="10"/>
    </row>
    <row r="432763" spans="14:14">
      <c r="N432763" s="10"/>
    </row>
    <row r="432764" spans="14:14">
      <c r="N432764" s="10"/>
    </row>
    <row r="432765" spans="14:14">
      <c r="N432765" s="10"/>
    </row>
    <row r="432766" spans="14:14">
      <c r="N432766" s="10"/>
    </row>
    <row r="432767" spans="14:14">
      <c r="N432767" s="10"/>
    </row>
    <row r="432768" spans="14:14">
      <c r="N432768" s="10"/>
    </row>
    <row r="432769" spans="14:14">
      <c r="N432769" s="10"/>
    </row>
    <row r="432770" spans="14:14">
      <c r="N432770" s="10"/>
    </row>
    <row r="432771" spans="14:14">
      <c r="N432771" s="10"/>
    </row>
    <row r="432772" spans="14:14">
      <c r="N432772" s="10"/>
    </row>
    <row r="432773" spans="14:14">
      <c r="N432773" s="10"/>
    </row>
    <row r="432774" spans="14:14">
      <c r="N432774" s="10"/>
    </row>
    <row r="432775" spans="14:14">
      <c r="N432775" s="10"/>
    </row>
    <row r="432776" spans="14:14">
      <c r="N432776" s="10"/>
    </row>
    <row r="432777" spans="14:14">
      <c r="N432777" s="10"/>
    </row>
    <row r="432778" spans="14:14">
      <c r="N432778" s="10"/>
    </row>
    <row r="432779" spans="14:14">
      <c r="N432779" s="10"/>
    </row>
    <row r="432780" spans="14:14">
      <c r="N432780" s="10"/>
    </row>
    <row r="432781" spans="14:14">
      <c r="N432781" s="10"/>
    </row>
    <row r="432782" spans="14:14">
      <c r="N432782" s="10"/>
    </row>
    <row r="432783" spans="14:14">
      <c r="N432783" s="10"/>
    </row>
    <row r="432784" spans="14:14">
      <c r="N432784" s="10"/>
    </row>
    <row r="432785" spans="14:14">
      <c r="N432785" s="10"/>
    </row>
    <row r="432786" spans="14:14">
      <c r="N432786" s="10"/>
    </row>
    <row r="432787" spans="14:14">
      <c r="N432787" s="10"/>
    </row>
    <row r="432788" spans="14:14">
      <c r="N432788" s="10"/>
    </row>
    <row r="432789" spans="14:14">
      <c r="N432789" s="10"/>
    </row>
    <row r="432790" spans="14:14">
      <c r="N432790" s="10"/>
    </row>
    <row r="432791" spans="14:14">
      <c r="N432791" s="10"/>
    </row>
    <row r="432792" spans="14:14">
      <c r="N432792" s="10"/>
    </row>
    <row r="432793" spans="14:14">
      <c r="N432793" s="10"/>
    </row>
    <row r="432794" spans="14:14">
      <c r="N432794" s="10"/>
    </row>
    <row r="432795" spans="14:14">
      <c r="N432795" s="10"/>
    </row>
    <row r="432796" spans="14:14">
      <c r="N432796" s="10"/>
    </row>
    <row r="432797" spans="14:14">
      <c r="N432797" s="10"/>
    </row>
    <row r="432798" spans="14:14">
      <c r="N432798" s="10"/>
    </row>
    <row r="432799" spans="14:14">
      <c r="N432799" s="10"/>
    </row>
    <row r="432800" spans="14:14">
      <c r="N432800" s="10"/>
    </row>
    <row r="432801" spans="14:14">
      <c r="N432801" s="10"/>
    </row>
    <row r="432802" spans="14:14">
      <c r="N432802" s="10"/>
    </row>
    <row r="432803" spans="14:14">
      <c r="N432803" s="10"/>
    </row>
    <row r="432804" spans="14:14">
      <c r="N432804" s="10"/>
    </row>
    <row r="432805" spans="14:14">
      <c r="N432805" s="10"/>
    </row>
    <row r="432806" spans="14:14">
      <c r="N432806" s="10"/>
    </row>
    <row r="432807" spans="14:14">
      <c r="N432807" s="10"/>
    </row>
    <row r="432808" spans="14:14">
      <c r="N432808" s="10"/>
    </row>
    <row r="432809" spans="14:14">
      <c r="N432809" s="10"/>
    </row>
    <row r="432810" spans="14:14">
      <c r="N432810" s="10"/>
    </row>
    <row r="432811" spans="14:14">
      <c r="N432811" s="10"/>
    </row>
    <row r="432812" spans="14:14">
      <c r="N432812" s="10"/>
    </row>
    <row r="432813" spans="14:14">
      <c r="N432813" s="10"/>
    </row>
    <row r="432814" spans="14:14">
      <c r="N432814" s="10"/>
    </row>
    <row r="432815" spans="14:14">
      <c r="N432815" s="10"/>
    </row>
    <row r="432816" spans="14:14">
      <c r="N432816" s="10"/>
    </row>
    <row r="432817" spans="14:14">
      <c r="N432817" s="10"/>
    </row>
    <row r="432818" spans="14:14">
      <c r="N432818" s="10"/>
    </row>
    <row r="432819" spans="14:14">
      <c r="N432819" s="10"/>
    </row>
    <row r="432820" spans="14:14">
      <c r="N432820" s="10"/>
    </row>
    <row r="432821" spans="14:14">
      <c r="N432821" s="10"/>
    </row>
    <row r="432822" spans="14:14">
      <c r="N432822" s="10"/>
    </row>
    <row r="432823" spans="14:14">
      <c r="N432823" s="10"/>
    </row>
    <row r="432824" spans="14:14">
      <c r="N432824" s="10"/>
    </row>
    <row r="432825" spans="14:14">
      <c r="N432825" s="10"/>
    </row>
    <row r="432826" spans="14:14">
      <c r="N432826" s="10"/>
    </row>
    <row r="432827" spans="14:14">
      <c r="N432827" s="10"/>
    </row>
    <row r="432828" spans="14:14">
      <c r="N432828" s="10"/>
    </row>
    <row r="432829" spans="14:14">
      <c r="N432829" s="10"/>
    </row>
    <row r="432830" spans="14:14">
      <c r="N432830" s="10"/>
    </row>
    <row r="432831" spans="14:14">
      <c r="N432831" s="10"/>
    </row>
    <row r="432832" spans="14:14">
      <c r="N432832" s="10"/>
    </row>
    <row r="432833" spans="14:14">
      <c r="N432833" s="10"/>
    </row>
    <row r="432834" spans="14:14">
      <c r="N432834" s="10"/>
    </row>
    <row r="432835" spans="14:14">
      <c r="N432835" s="10"/>
    </row>
    <row r="432836" spans="14:14">
      <c r="N432836" s="10"/>
    </row>
    <row r="432837" spans="14:14">
      <c r="N432837" s="10"/>
    </row>
    <row r="432838" spans="14:14">
      <c r="N432838" s="10"/>
    </row>
    <row r="432839" spans="14:14">
      <c r="N432839" s="10"/>
    </row>
    <row r="432840" spans="14:14">
      <c r="N432840" s="10"/>
    </row>
    <row r="432841" spans="14:14">
      <c r="N432841" s="10"/>
    </row>
    <row r="432842" spans="14:14">
      <c r="N432842" s="10"/>
    </row>
    <row r="432843" spans="14:14">
      <c r="N432843" s="10"/>
    </row>
    <row r="432844" spans="14:14">
      <c r="N432844" s="10"/>
    </row>
    <row r="432845" spans="14:14">
      <c r="N432845" s="10"/>
    </row>
    <row r="432846" spans="14:14">
      <c r="N432846" s="10"/>
    </row>
    <row r="432847" spans="14:14">
      <c r="N432847" s="10"/>
    </row>
    <row r="432848" spans="14:14">
      <c r="N432848" s="10"/>
    </row>
    <row r="432849" spans="14:14">
      <c r="N432849" s="10"/>
    </row>
    <row r="432850" spans="14:14">
      <c r="N432850" s="10"/>
    </row>
    <row r="432851" spans="14:14">
      <c r="N432851" s="10"/>
    </row>
    <row r="432852" spans="14:14">
      <c r="N432852" s="10"/>
    </row>
    <row r="432853" spans="14:14">
      <c r="N432853" s="10"/>
    </row>
    <row r="432854" spans="14:14">
      <c r="N432854" s="10"/>
    </row>
    <row r="432855" spans="14:14">
      <c r="N432855" s="10"/>
    </row>
    <row r="432856" spans="14:14">
      <c r="N432856" s="10"/>
    </row>
    <row r="432857" spans="14:14">
      <c r="N432857" s="10"/>
    </row>
    <row r="432858" spans="14:14">
      <c r="N432858" s="10"/>
    </row>
    <row r="432859" spans="14:14">
      <c r="N432859" s="10"/>
    </row>
    <row r="432860" spans="14:14">
      <c r="N432860" s="10"/>
    </row>
    <row r="432861" spans="14:14">
      <c r="N432861" s="10"/>
    </row>
    <row r="432862" spans="14:14">
      <c r="N432862" s="10"/>
    </row>
    <row r="432863" spans="14:14">
      <c r="N432863" s="10"/>
    </row>
    <row r="432864" spans="14:14">
      <c r="N432864" s="10"/>
    </row>
    <row r="432865" spans="14:14">
      <c r="N432865" s="10"/>
    </row>
    <row r="432866" spans="14:14">
      <c r="N432866" s="10"/>
    </row>
    <row r="432867" spans="14:14">
      <c r="N432867" s="10"/>
    </row>
    <row r="432868" spans="14:14">
      <c r="N432868" s="10"/>
    </row>
    <row r="432869" spans="14:14">
      <c r="N432869" s="10"/>
    </row>
    <row r="432870" spans="14:14">
      <c r="N432870" s="10"/>
    </row>
    <row r="432871" spans="14:14">
      <c r="N432871" s="10"/>
    </row>
    <row r="432872" spans="14:14">
      <c r="N432872" s="10"/>
    </row>
    <row r="432873" spans="14:14">
      <c r="N432873" s="10"/>
    </row>
    <row r="432874" spans="14:14">
      <c r="N432874" s="10"/>
    </row>
    <row r="432875" spans="14:14">
      <c r="N432875" s="10"/>
    </row>
    <row r="432876" spans="14:14">
      <c r="N432876" s="10"/>
    </row>
    <row r="432877" spans="14:14">
      <c r="N432877" s="10"/>
    </row>
    <row r="432878" spans="14:14">
      <c r="N432878" s="10"/>
    </row>
    <row r="432879" spans="14:14">
      <c r="N432879" s="10"/>
    </row>
    <row r="432880" spans="14:14">
      <c r="N432880" s="10"/>
    </row>
    <row r="432881" spans="14:14">
      <c r="N432881" s="10"/>
    </row>
    <row r="432882" spans="14:14">
      <c r="N432882" s="10"/>
    </row>
    <row r="432883" spans="14:14">
      <c r="N432883" s="10"/>
    </row>
    <row r="432884" spans="14:14">
      <c r="N432884" s="10"/>
    </row>
    <row r="432885" spans="14:14">
      <c r="N432885" s="10"/>
    </row>
    <row r="432886" spans="14:14">
      <c r="N432886" s="10"/>
    </row>
    <row r="432887" spans="14:14">
      <c r="N432887" s="10"/>
    </row>
    <row r="432888" spans="14:14">
      <c r="N432888" s="10"/>
    </row>
    <row r="432889" spans="14:14">
      <c r="N432889" s="10"/>
    </row>
    <row r="432890" spans="14:14">
      <c r="N432890" s="10"/>
    </row>
    <row r="432891" spans="14:14">
      <c r="N432891" s="10"/>
    </row>
    <row r="432892" spans="14:14">
      <c r="N432892" s="10"/>
    </row>
    <row r="432893" spans="14:14">
      <c r="N432893" s="10"/>
    </row>
    <row r="432894" spans="14:14">
      <c r="N432894" s="10"/>
    </row>
    <row r="432895" spans="14:14">
      <c r="N432895" s="10"/>
    </row>
    <row r="432896" spans="14:14">
      <c r="N432896" s="10"/>
    </row>
    <row r="432897" spans="14:14">
      <c r="N432897" s="10"/>
    </row>
    <row r="432898" spans="14:14">
      <c r="N432898" s="10"/>
    </row>
    <row r="432899" spans="14:14">
      <c r="N432899" s="10"/>
    </row>
    <row r="432900" spans="14:14">
      <c r="N432900" s="10"/>
    </row>
    <row r="432901" spans="14:14">
      <c r="N432901" s="10"/>
    </row>
    <row r="432902" spans="14:14">
      <c r="N432902" s="10"/>
    </row>
    <row r="432903" spans="14:14">
      <c r="N432903" s="10"/>
    </row>
    <row r="432904" spans="14:14">
      <c r="N432904" s="10"/>
    </row>
    <row r="432905" spans="14:14">
      <c r="N432905" s="10"/>
    </row>
    <row r="432906" spans="14:14">
      <c r="N432906" s="10"/>
    </row>
    <row r="432907" spans="14:14">
      <c r="N432907" s="10"/>
    </row>
    <row r="432908" spans="14:14">
      <c r="N432908" s="10"/>
    </row>
    <row r="432909" spans="14:14">
      <c r="N432909" s="10"/>
    </row>
    <row r="432910" spans="14:14">
      <c r="N432910" s="10"/>
    </row>
    <row r="432911" spans="14:14">
      <c r="N432911" s="10"/>
    </row>
    <row r="432912" spans="14:14">
      <c r="N432912" s="10"/>
    </row>
    <row r="432913" spans="14:14">
      <c r="N432913" s="10"/>
    </row>
    <row r="432914" spans="14:14">
      <c r="N432914" s="10"/>
    </row>
    <row r="432915" spans="14:14">
      <c r="N432915" s="10"/>
    </row>
    <row r="432916" spans="14:14">
      <c r="N432916" s="10"/>
    </row>
    <row r="432917" spans="14:14">
      <c r="N432917" s="10"/>
    </row>
    <row r="432918" spans="14:14">
      <c r="N432918" s="10"/>
    </row>
    <row r="432919" spans="14:14">
      <c r="N432919" s="10"/>
    </row>
    <row r="432920" spans="14:14">
      <c r="N432920" s="10"/>
    </row>
    <row r="432921" spans="14:14">
      <c r="N432921" s="10"/>
    </row>
    <row r="432922" spans="14:14">
      <c r="N432922" s="10"/>
    </row>
    <row r="432923" spans="14:14">
      <c r="N432923" s="10"/>
    </row>
    <row r="432924" spans="14:14">
      <c r="N432924" s="10"/>
    </row>
    <row r="432925" spans="14:14">
      <c r="N432925" s="10"/>
    </row>
    <row r="432926" spans="14:14">
      <c r="N432926" s="10"/>
    </row>
    <row r="432927" spans="14:14">
      <c r="N432927" s="10"/>
    </row>
    <row r="432928" spans="14:14">
      <c r="N432928" s="10"/>
    </row>
    <row r="432929" spans="14:14">
      <c r="N432929" s="10"/>
    </row>
    <row r="432930" spans="14:14">
      <c r="N432930" s="10"/>
    </row>
    <row r="432931" spans="14:14">
      <c r="N432931" s="10"/>
    </row>
    <row r="432932" spans="14:14">
      <c r="N432932" s="10"/>
    </row>
    <row r="432933" spans="14:14">
      <c r="N432933" s="10"/>
    </row>
    <row r="432934" spans="14:14">
      <c r="N432934" s="10"/>
    </row>
    <row r="432935" spans="14:14">
      <c r="N432935" s="10"/>
    </row>
    <row r="432936" spans="14:14">
      <c r="N432936" s="10"/>
    </row>
    <row r="432937" spans="14:14">
      <c r="N432937" s="10"/>
    </row>
    <row r="432938" spans="14:14">
      <c r="N432938" s="10"/>
    </row>
    <row r="432939" spans="14:14">
      <c r="N432939" s="10"/>
    </row>
    <row r="432940" spans="14:14">
      <c r="N432940" s="10"/>
    </row>
    <row r="432941" spans="14:14">
      <c r="N432941" s="10"/>
    </row>
    <row r="432942" spans="14:14">
      <c r="N432942" s="10"/>
    </row>
    <row r="432943" spans="14:14">
      <c r="N432943" s="10"/>
    </row>
    <row r="432944" spans="14:14">
      <c r="N432944" s="10"/>
    </row>
    <row r="432945" spans="14:14">
      <c r="N432945" s="10"/>
    </row>
    <row r="432946" spans="14:14">
      <c r="N432946" s="10"/>
    </row>
    <row r="432947" spans="14:14">
      <c r="N432947" s="10"/>
    </row>
    <row r="432948" spans="14:14">
      <c r="N432948" s="10"/>
    </row>
    <row r="432949" spans="14:14">
      <c r="N432949" s="10"/>
    </row>
    <row r="432950" spans="14:14">
      <c r="N432950" s="10"/>
    </row>
    <row r="432951" spans="14:14">
      <c r="N432951" s="10"/>
    </row>
    <row r="432952" spans="14:14">
      <c r="N432952" s="10"/>
    </row>
    <row r="432953" spans="14:14">
      <c r="N432953" s="10"/>
    </row>
    <row r="432954" spans="14:14">
      <c r="N432954" s="10"/>
    </row>
    <row r="432955" spans="14:14">
      <c r="N432955" s="10"/>
    </row>
    <row r="432956" spans="14:14">
      <c r="N432956" s="10"/>
    </row>
    <row r="432957" spans="14:14">
      <c r="N432957" s="10"/>
    </row>
    <row r="432958" spans="14:14">
      <c r="N432958" s="10"/>
    </row>
    <row r="432959" spans="14:14">
      <c r="N432959" s="10"/>
    </row>
    <row r="432960" spans="14:14">
      <c r="N432960" s="10"/>
    </row>
    <row r="432961" spans="14:14">
      <c r="N432961" s="10"/>
    </row>
    <row r="432962" spans="14:14">
      <c r="N432962" s="10"/>
    </row>
    <row r="432963" spans="14:14">
      <c r="N432963" s="10"/>
    </row>
    <row r="432964" spans="14:14">
      <c r="N432964" s="10"/>
    </row>
    <row r="432965" spans="14:14">
      <c r="N432965" s="10"/>
    </row>
    <row r="432966" spans="14:14">
      <c r="N432966" s="10"/>
    </row>
    <row r="432967" spans="14:14">
      <c r="N432967" s="10"/>
    </row>
    <row r="432968" spans="14:14">
      <c r="N432968" s="10"/>
    </row>
    <row r="432969" spans="14:14">
      <c r="N432969" s="10"/>
    </row>
    <row r="432970" spans="14:14">
      <c r="N432970" s="10"/>
    </row>
    <row r="432971" spans="14:14">
      <c r="N432971" s="10"/>
    </row>
    <row r="432972" spans="14:14">
      <c r="N432972" s="10"/>
    </row>
    <row r="432973" spans="14:14">
      <c r="N432973" s="10"/>
    </row>
    <row r="432974" spans="14:14">
      <c r="N432974" s="10"/>
    </row>
    <row r="432975" spans="14:14">
      <c r="N432975" s="10"/>
    </row>
    <row r="432976" spans="14:14">
      <c r="N432976" s="10"/>
    </row>
    <row r="432977" spans="14:14">
      <c r="N432977" s="10"/>
    </row>
    <row r="432978" spans="14:14">
      <c r="N432978" s="10"/>
    </row>
    <row r="432979" spans="14:14">
      <c r="N432979" s="10"/>
    </row>
    <row r="432980" spans="14:14">
      <c r="N432980" s="10"/>
    </row>
    <row r="432981" spans="14:14">
      <c r="N432981" s="10"/>
    </row>
    <row r="432982" spans="14:14">
      <c r="N432982" s="10"/>
    </row>
    <row r="432983" spans="14:14">
      <c r="N432983" s="10"/>
    </row>
    <row r="432984" spans="14:14">
      <c r="N432984" s="10"/>
    </row>
    <row r="432985" spans="14:14">
      <c r="N432985" s="10"/>
    </row>
    <row r="432986" spans="14:14">
      <c r="N432986" s="10"/>
    </row>
    <row r="432987" spans="14:14">
      <c r="N432987" s="10"/>
    </row>
    <row r="432988" spans="14:14">
      <c r="N432988" s="10"/>
    </row>
    <row r="432989" spans="14:14">
      <c r="N432989" s="10"/>
    </row>
    <row r="432990" spans="14:14">
      <c r="N432990" s="10"/>
    </row>
    <row r="432991" spans="14:14">
      <c r="N432991" s="10"/>
    </row>
    <row r="432992" spans="14:14">
      <c r="N432992" s="10"/>
    </row>
    <row r="432993" spans="14:14">
      <c r="N432993" s="10"/>
    </row>
    <row r="432994" spans="14:14">
      <c r="N432994" s="10"/>
    </row>
    <row r="432995" spans="14:14">
      <c r="N432995" s="10"/>
    </row>
    <row r="432996" spans="14:14">
      <c r="N432996" s="10"/>
    </row>
    <row r="432997" spans="14:14">
      <c r="N432997" s="10"/>
    </row>
    <row r="432998" spans="14:14">
      <c r="N432998" s="10"/>
    </row>
    <row r="432999" spans="14:14">
      <c r="N432999" s="10"/>
    </row>
    <row r="433000" spans="14:14">
      <c r="N433000" s="10"/>
    </row>
    <row r="433001" spans="14:14">
      <c r="N433001" s="10"/>
    </row>
    <row r="433002" spans="14:14">
      <c r="N433002" s="10"/>
    </row>
    <row r="433003" spans="14:14">
      <c r="N433003" s="10"/>
    </row>
    <row r="433004" spans="14:14">
      <c r="N433004" s="10"/>
    </row>
    <row r="433005" spans="14:14">
      <c r="N433005" s="10"/>
    </row>
    <row r="433006" spans="14:14">
      <c r="N433006" s="10"/>
    </row>
    <row r="433007" spans="14:14">
      <c r="N433007" s="10"/>
    </row>
    <row r="433008" spans="14:14">
      <c r="N433008" s="10"/>
    </row>
    <row r="433009" spans="14:14">
      <c r="N433009" s="10"/>
    </row>
    <row r="433010" spans="14:14">
      <c r="N433010" s="10"/>
    </row>
    <row r="433011" spans="14:14">
      <c r="N433011" s="10"/>
    </row>
    <row r="433012" spans="14:14">
      <c r="N433012" s="10"/>
    </row>
    <row r="433013" spans="14:14">
      <c r="N433013" s="10"/>
    </row>
    <row r="433014" spans="14:14">
      <c r="N433014" s="10"/>
    </row>
    <row r="433015" spans="14:14">
      <c r="N433015" s="10"/>
    </row>
    <row r="433016" spans="14:14">
      <c r="N433016" s="10"/>
    </row>
    <row r="433017" spans="14:14">
      <c r="N433017" s="10"/>
    </row>
    <row r="433018" spans="14:14">
      <c r="N433018" s="10"/>
    </row>
    <row r="433019" spans="14:14">
      <c r="N433019" s="10"/>
    </row>
    <row r="433020" spans="14:14">
      <c r="N433020" s="10"/>
    </row>
    <row r="433021" spans="14:14">
      <c r="N433021" s="10"/>
    </row>
    <row r="433022" spans="14:14">
      <c r="N433022" s="10"/>
    </row>
    <row r="433023" spans="14:14">
      <c r="N433023" s="10"/>
    </row>
    <row r="433024" spans="14:14">
      <c r="N433024" s="10"/>
    </row>
    <row r="433025" spans="14:14">
      <c r="N433025" s="10"/>
    </row>
    <row r="433026" spans="14:14">
      <c r="N433026" s="10"/>
    </row>
    <row r="433027" spans="14:14">
      <c r="N433027" s="10"/>
    </row>
    <row r="433028" spans="14:14">
      <c r="N433028" s="10"/>
    </row>
    <row r="433029" spans="14:14">
      <c r="N433029" s="10"/>
    </row>
    <row r="433030" spans="14:14">
      <c r="N433030" s="10"/>
    </row>
    <row r="433031" spans="14:14">
      <c r="N433031" s="10"/>
    </row>
    <row r="433032" spans="14:14">
      <c r="N433032" s="10"/>
    </row>
    <row r="433033" spans="14:14">
      <c r="N433033" s="10"/>
    </row>
    <row r="433034" spans="14:14">
      <c r="N433034" s="10"/>
    </row>
    <row r="433035" spans="14:14">
      <c r="N433035" s="10"/>
    </row>
    <row r="433036" spans="14:14">
      <c r="N433036" s="10"/>
    </row>
    <row r="433037" spans="14:14">
      <c r="N433037" s="10"/>
    </row>
    <row r="433038" spans="14:14">
      <c r="N433038" s="10"/>
    </row>
    <row r="433039" spans="14:14">
      <c r="N433039" s="10"/>
    </row>
    <row r="433040" spans="14:14">
      <c r="N433040" s="10"/>
    </row>
    <row r="433041" spans="14:14">
      <c r="N433041" s="10"/>
    </row>
    <row r="433042" spans="14:14">
      <c r="N433042" s="10"/>
    </row>
    <row r="433043" spans="14:14">
      <c r="N433043" s="10"/>
    </row>
    <row r="433044" spans="14:14">
      <c r="N433044" s="10"/>
    </row>
    <row r="433045" spans="14:14">
      <c r="N433045" s="10"/>
    </row>
    <row r="433046" spans="14:14">
      <c r="N433046" s="10"/>
    </row>
    <row r="433047" spans="14:14">
      <c r="N433047" s="10"/>
    </row>
    <row r="433048" spans="14:14">
      <c r="N433048" s="10"/>
    </row>
    <row r="433049" spans="14:14">
      <c r="N433049" s="10"/>
    </row>
    <row r="433050" spans="14:14">
      <c r="N433050" s="10"/>
    </row>
    <row r="433051" spans="14:14">
      <c r="N433051" s="10"/>
    </row>
    <row r="433052" spans="14:14">
      <c r="N433052" s="10"/>
    </row>
    <row r="433053" spans="14:14">
      <c r="N433053" s="10"/>
    </row>
    <row r="433054" spans="14:14">
      <c r="N433054" s="10"/>
    </row>
    <row r="433055" spans="14:14">
      <c r="N433055" s="10"/>
    </row>
    <row r="433056" spans="14:14">
      <c r="N433056" s="10"/>
    </row>
    <row r="433057" spans="14:14">
      <c r="N433057" s="10"/>
    </row>
    <row r="433058" spans="14:14">
      <c r="N433058" s="10"/>
    </row>
    <row r="433059" spans="14:14">
      <c r="N433059" s="10"/>
    </row>
    <row r="433060" spans="14:14">
      <c r="N433060" s="10"/>
    </row>
    <row r="433061" spans="14:14">
      <c r="N433061" s="10"/>
    </row>
    <row r="433062" spans="14:14">
      <c r="N433062" s="10"/>
    </row>
    <row r="433063" spans="14:14">
      <c r="N433063" s="10"/>
    </row>
    <row r="433064" spans="14:14">
      <c r="N433064" s="10"/>
    </row>
    <row r="433065" spans="14:14">
      <c r="N433065" s="10"/>
    </row>
    <row r="433066" spans="14:14">
      <c r="N433066" s="10"/>
    </row>
    <row r="433067" spans="14:14">
      <c r="N433067" s="10"/>
    </row>
    <row r="433068" spans="14:14">
      <c r="N433068" s="10"/>
    </row>
    <row r="433069" spans="14:14">
      <c r="N433069" s="10"/>
    </row>
    <row r="433070" spans="14:14">
      <c r="N433070" s="10"/>
    </row>
    <row r="433071" spans="14:14">
      <c r="N433071" s="10"/>
    </row>
    <row r="433072" spans="14:14">
      <c r="N433072" s="10"/>
    </row>
    <row r="433073" spans="14:14">
      <c r="N433073" s="10"/>
    </row>
    <row r="433074" spans="14:14">
      <c r="N433074" s="10"/>
    </row>
    <row r="433075" spans="14:14">
      <c r="N433075" s="10"/>
    </row>
    <row r="433076" spans="14:14">
      <c r="N433076" s="10"/>
    </row>
    <row r="433077" spans="14:14">
      <c r="N433077" s="10"/>
    </row>
    <row r="433078" spans="14:14">
      <c r="N433078" s="10"/>
    </row>
    <row r="433079" spans="14:14">
      <c r="N433079" s="10"/>
    </row>
    <row r="433080" spans="14:14">
      <c r="N433080" s="10"/>
    </row>
    <row r="433081" spans="14:14">
      <c r="N433081" s="10"/>
    </row>
    <row r="433082" spans="14:14">
      <c r="N433082" s="10"/>
    </row>
    <row r="433083" spans="14:14">
      <c r="N433083" s="10"/>
    </row>
    <row r="433084" spans="14:14">
      <c r="N433084" s="10"/>
    </row>
    <row r="433085" spans="14:14">
      <c r="N433085" s="10"/>
    </row>
    <row r="433086" spans="14:14">
      <c r="N433086" s="10"/>
    </row>
    <row r="433087" spans="14:14">
      <c r="N433087" s="10"/>
    </row>
    <row r="433088" spans="14:14">
      <c r="N433088" s="10"/>
    </row>
    <row r="433089" spans="14:14">
      <c r="N433089" s="10"/>
    </row>
    <row r="433090" spans="14:14">
      <c r="N433090" s="10"/>
    </row>
    <row r="433091" spans="14:14">
      <c r="N433091" s="10"/>
    </row>
    <row r="433092" spans="14:14">
      <c r="N433092" s="10"/>
    </row>
    <row r="433093" spans="14:14">
      <c r="N433093" s="10"/>
    </row>
    <row r="433094" spans="14:14">
      <c r="N433094" s="10"/>
    </row>
    <row r="433095" spans="14:14">
      <c r="N433095" s="10"/>
    </row>
    <row r="433096" spans="14:14">
      <c r="N433096" s="10"/>
    </row>
    <row r="433097" spans="14:14">
      <c r="N433097" s="10"/>
    </row>
    <row r="433098" spans="14:14">
      <c r="N433098" s="10"/>
    </row>
    <row r="433099" spans="14:14">
      <c r="N433099" s="10"/>
    </row>
    <row r="433100" spans="14:14">
      <c r="N433100" s="10"/>
    </row>
    <row r="433101" spans="14:14">
      <c r="N433101" s="10"/>
    </row>
    <row r="433102" spans="14:14">
      <c r="N433102" s="10"/>
    </row>
    <row r="433103" spans="14:14">
      <c r="N433103" s="10"/>
    </row>
    <row r="433104" spans="14:14">
      <c r="N433104" s="10"/>
    </row>
    <row r="433105" spans="14:14">
      <c r="N433105" s="10"/>
    </row>
    <row r="433106" spans="14:14">
      <c r="N433106" s="10"/>
    </row>
    <row r="433107" spans="14:14">
      <c r="N433107" s="10"/>
    </row>
    <row r="433108" spans="14:14">
      <c r="N433108" s="10"/>
    </row>
    <row r="433109" spans="14:14">
      <c r="N433109" s="10"/>
    </row>
    <row r="433110" spans="14:14">
      <c r="N433110" s="10"/>
    </row>
    <row r="433111" spans="14:14">
      <c r="N433111" s="10"/>
    </row>
    <row r="433112" spans="14:14">
      <c r="N433112" s="10"/>
    </row>
    <row r="433113" spans="14:14">
      <c r="N433113" s="10"/>
    </row>
    <row r="433114" spans="14:14">
      <c r="N433114" s="10"/>
    </row>
    <row r="433115" spans="14:14">
      <c r="N433115" s="10"/>
    </row>
    <row r="433116" spans="14:14">
      <c r="N433116" s="10"/>
    </row>
    <row r="433117" spans="14:14">
      <c r="N433117" s="10"/>
    </row>
    <row r="433118" spans="14:14">
      <c r="N433118" s="10"/>
    </row>
    <row r="433119" spans="14:14">
      <c r="N433119" s="10"/>
    </row>
    <row r="433120" spans="14:14">
      <c r="N433120" s="10"/>
    </row>
    <row r="433121" spans="14:14">
      <c r="N433121" s="10"/>
    </row>
    <row r="433122" spans="14:14">
      <c r="N433122" s="10"/>
    </row>
    <row r="433123" spans="14:14">
      <c r="N433123" s="10"/>
    </row>
    <row r="433124" spans="14:14">
      <c r="N433124" s="10"/>
    </row>
    <row r="433125" spans="14:14">
      <c r="N433125" s="10"/>
    </row>
    <row r="433126" spans="14:14">
      <c r="N433126" s="10"/>
    </row>
    <row r="433127" spans="14:14">
      <c r="N433127" s="10"/>
    </row>
    <row r="433128" spans="14:14">
      <c r="N433128" s="10"/>
    </row>
    <row r="433129" spans="14:14">
      <c r="N433129" s="10"/>
    </row>
    <row r="433130" spans="14:14">
      <c r="N433130" s="10"/>
    </row>
    <row r="433131" spans="14:14">
      <c r="N433131" s="10"/>
    </row>
    <row r="433132" spans="14:14">
      <c r="N433132" s="10"/>
    </row>
    <row r="433133" spans="14:14">
      <c r="N433133" s="10"/>
    </row>
    <row r="433134" spans="14:14">
      <c r="N433134" s="10"/>
    </row>
    <row r="433135" spans="14:14">
      <c r="N433135" s="10"/>
    </row>
    <row r="433136" spans="14:14">
      <c r="N433136" s="10"/>
    </row>
    <row r="433137" spans="14:14">
      <c r="N433137" s="10"/>
    </row>
    <row r="433138" spans="14:14">
      <c r="N433138" s="10"/>
    </row>
    <row r="433139" spans="14:14">
      <c r="N433139" s="10"/>
    </row>
    <row r="433140" spans="14:14">
      <c r="N433140" s="10"/>
    </row>
    <row r="433141" spans="14:14">
      <c r="N433141" s="10"/>
    </row>
    <row r="433142" spans="14:14">
      <c r="N433142" s="10"/>
    </row>
    <row r="433143" spans="14:14">
      <c r="N433143" s="10"/>
    </row>
    <row r="433144" spans="14:14">
      <c r="N433144" s="10"/>
    </row>
    <row r="433145" spans="14:14">
      <c r="N433145" s="10"/>
    </row>
    <row r="433146" spans="14:14">
      <c r="N433146" s="10"/>
    </row>
    <row r="433147" spans="14:14">
      <c r="N433147" s="10"/>
    </row>
    <row r="433148" spans="14:14">
      <c r="N433148" s="10"/>
    </row>
    <row r="433149" spans="14:14">
      <c r="N433149" s="10"/>
    </row>
    <row r="433150" spans="14:14">
      <c r="N433150" s="10"/>
    </row>
    <row r="433151" spans="14:14">
      <c r="N433151" s="10"/>
    </row>
    <row r="433152" spans="14:14">
      <c r="N433152" s="10"/>
    </row>
    <row r="433153" spans="14:14">
      <c r="N433153" s="10"/>
    </row>
    <row r="433154" spans="14:14">
      <c r="N433154" s="10"/>
    </row>
    <row r="433155" spans="14:14">
      <c r="N433155" s="10"/>
    </row>
    <row r="433156" spans="14:14">
      <c r="N433156" s="10"/>
    </row>
    <row r="433157" spans="14:14">
      <c r="N433157" s="10"/>
    </row>
    <row r="433158" spans="14:14">
      <c r="N433158" s="10"/>
    </row>
    <row r="433159" spans="14:14">
      <c r="N433159" s="10"/>
    </row>
    <row r="433160" spans="14:14">
      <c r="N433160" s="10"/>
    </row>
    <row r="433161" spans="14:14">
      <c r="N433161" s="10"/>
    </row>
    <row r="433162" spans="14:14">
      <c r="N433162" s="10"/>
    </row>
    <row r="433163" spans="14:14">
      <c r="N433163" s="10"/>
    </row>
    <row r="433164" spans="14:14">
      <c r="N433164" s="10"/>
    </row>
    <row r="433165" spans="14:14">
      <c r="N433165" s="10"/>
    </row>
    <row r="433166" spans="14:14">
      <c r="N433166" s="10"/>
    </row>
    <row r="433167" spans="14:14">
      <c r="N433167" s="10"/>
    </row>
    <row r="433168" spans="14:14">
      <c r="N433168" s="10"/>
    </row>
    <row r="433169" spans="14:14">
      <c r="N433169" s="10"/>
    </row>
    <row r="433170" spans="14:14">
      <c r="N433170" s="10"/>
    </row>
    <row r="433171" spans="14:14">
      <c r="N433171" s="10"/>
    </row>
    <row r="433172" spans="14:14">
      <c r="N433172" s="10"/>
    </row>
    <row r="433173" spans="14:14">
      <c r="N433173" s="10"/>
    </row>
    <row r="433174" spans="14:14">
      <c r="N433174" s="10"/>
    </row>
    <row r="433175" spans="14:14">
      <c r="N433175" s="10"/>
    </row>
    <row r="433176" spans="14:14">
      <c r="N433176" s="10"/>
    </row>
    <row r="433177" spans="14:14">
      <c r="N433177" s="10"/>
    </row>
    <row r="433178" spans="14:14">
      <c r="N433178" s="10"/>
    </row>
    <row r="433179" spans="14:14">
      <c r="N433179" s="10"/>
    </row>
    <row r="433180" spans="14:14">
      <c r="N433180" s="10"/>
    </row>
    <row r="433181" spans="14:14">
      <c r="N433181" s="10"/>
    </row>
    <row r="433182" spans="14:14">
      <c r="N433182" s="10"/>
    </row>
    <row r="433183" spans="14:14">
      <c r="N433183" s="10"/>
    </row>
    <row r="433184" spans="14:14">
      <c r="N433184" s="10"/>
    </row>
    <row r="433185" spans="14:14">
      <c r="N433185" s="10"/>
    </row>
    <row r="433186" spans="14:14">
      <c r="N433186" s="10"/>
    </row>
    <row r="433187" spans="14:14">
      <c r="N433187" s="10"/>
    </row>
    <row r="433188" spans="14:14">
      <c r="N433188" s="10"/>
    </row>
    <row r="433189" spans="14:14">
      <c r="N433189" s="10"/>
    </row>
    <row r="433190" spans="14:14">
      <c r="N433190" s="10"/>
    </row>
    <row r="433191" spans="14:14">
      <c r="N433191" s="10"/>
    </row>
    <row r="433192" spans="14:14">
      <c r="N433192" s="10"/>
    </row>
    <row r="433193" spans="14:14">
      <c r="N433193" s="10"/>
    </row>
    <row r="433194" spans="14:14">
      <c r="N433194" s="10"/>
    </row>
    <row r="433195" spans="14:14">
      <c r="N433195" s="10"/>
    </row>
    <row r="433196" spans="14:14">
      <c r="N433196" s="10"/>
    </row>
    <row r="433197" spans="14:14">
      <c r="N433197" s="10"/>
    </row>
    <row r="433198" spans="14:14">
      <c r="N433198" s="10"/>
    </row>
    <row r="433199" spans="14:14">
      <c r="N433199" s="10"/>
    </row>
    <row r="433200" spans="14:14">
      <c r="N433200" s="10"/>
    </row>
    <row r="433201" spans="14:14">
      <c r="N433201" s="10"/>
    </row>
    <row r="433202" spans="14:14">
      <c r="N433202" s="10"/>
    </row>
    <row r="433203" spans="14:14">
      <c r="N433203" s="10"/>
    </row>
    <row r="433204" spans="14:14">
      <c r="N433204" s="10"/>
    </row>
    <row r="433205" spans="14:14">
      <c r="N433205" s="10"/>
    </row>
    <row r="433206" spans="14:14">
      <c r="N433206" s="10"/>
    </row>
    <row r="433207" spans="14:14">
      <c r="N433207" s="10"/>
    </row>
    <row r="433208" spans="14:14">
      <c r="N433208" s="10"/>
    </row>
    <row r="433209" spans="14:14">
      <c r="N433209" s="10"/>
    </row>
    <row r="433210" spans="14:14">
      <c r="N433210" s="10"/>
    </row>
    <row r="433211" spans="14:14">
      <c r="N433211" s="10"/>
    </row>
    <row r="433212" spans="14:14">
      <c r="N433212" s="10"/>
    </row>
    <row r="433213" spans="14:14">
      <c r="N433213" s="10"/>
    </row>
    <row r="433214" spans="14:14">
      <c r="N433214" s="10"/>
    </row>
    <row r="433215" spans="14:14">
      <c r="N433215" s="10"/>
    </row>
    <row r="433216" spans="14:14">
      <c r="N433216" s="10"/>
    </row>
    <row r="433217" spans="14:14">
      <c r="N433217" s="10"/>
    </row>
    <row r="433218" spans="14:14">
      <c r="N433218" s="10"/>
    </row>
    <row r="433219" spans="14:14">
      <c r="N433219" s="10"/>
    </row>
    <row r="433220" spans="14:14">
      <c r="N433220" s="10"/>
    </row>
    <row r="433221" spans="14:14">
      <c r="N433221" s="10"/>
    </row>
    <row r="433222" spans="14:14">
      <c r="N433222" s="10"/>
    </row>
    <row r="433223" spans="14:14">
      <c r="N433223" s="10"/>
    </row>
    <row r="433224" spans="14:14">
      <c r="N433224" s="10"/>
    </row>
    <row r="433225" spans="14:14">
      <c r="N433225" s="10"/>
    </row>
    <row r="433226" spans="14:14">
      <c r="N433226" s="10"/>
    </row>
    <row r="433227" spans="14:14">
      <c r="N433227" s="10"/>
    </row>
    <row r="433228" spans="14:14">
      <c r="N433228" s="10"/>
    </row>
    <row r="433229" spans="14:14">
      <c r="N433229" s="10"/>
    </row>
    <row r="433230" spans="14:14">
      <c r="N433230" s="10"/>
    </row>
    <row r="433231" spans="14:14">
      <c r="N433231" s="10"/>
    </row>
    <row r="433232" spans="14:14">
      <c r="N433232" s="10"/>
    </row>
    <row r="433233" spans="14:14">
      <c r="N433233" s="10"/>
    </row>
    <row r="433234" spans="14:14">
      <c r="N433234" s="10"/>
    </row>
    <row r="433235" spans="14:14">
      <c r="N433235" s="10"/>
    </row>
    <row r="433236" spans="14:14">
      <c r="N433236" s="10"/>
    </row>
    <row r="433237" spans="14:14">
      <c r="N433237" s="10"/>
    </row>
    <row r="433238" spans="14:14">
      <c r="N433238" s="10"/>
    </row>
    <row r="433239" spans="14:14">
      <c r="N433239" s="10"/>
    </row>
    <row r="433240" spans="14:14">
      <c r="N433240" s="10"/>
    </row>
    <row r="433241" spans="14:14">
      <c r="N433241" s="10"/>
    </row>
    <row r="433242" spans="14:14">
      <c r="N433242" s="10"/>
    </row>
    <row r="433243" spans="14:14">
      <c r="N433243" s="10"/>
    </row>
    <row r="433244" spans="14:14">
      <c r="N433244" s="10"/>
    </row>
    <row r="433245" spans="14:14">
      <c r="N433245" s="10"/>
    </row>
    <row r="433246" spans="14:14">
      <c r="N433246" s="10"/>
    </row>
    <row r="433247" spans="14:14">
      <c r="N433247" s="10"/>
    </row>
    <row r="433248" spans="14:14">
      <c r="N433248" s="10"/>
    </row>
    <row r="433249" spans="14:14">
      <c r="N433249" s="10"/>
    </row>
    <row r="433250" spans="14:14">
      <c r="N433250" s="10"/>
    </row>
    <row r="433251" spans="14:14">
      <c r="N433251" s="10"/>
    </row>
    <row r="433252" spans="14:14">
      <c r="N433252" s="10"/>
    </row>
    <row r="433253" spans="14:14">
      <c r="N433253" s="10"/>
    </row>
    <row r="433254" spans="14:14">
      <c r="N433254" s="10"/>
    </row>
    <row r="433255" spans="14:14">
      <c r="N433255" s="10"/>
    </row>
    <row r="433256" spans="14:14">
      <c r="N433256" s="10"/>
    </row>
    <row r="433257" spans="14:14">
      <c r="N433257" s="10"/>
    </row>
    <row r="433258" spans="14:14">
      <c r="N433258" s="10"/>
    </row>
    <row r="433259" spans="14:14">
      <c r="N433259" s="10"/>
    </row>
    <row r="433260" spans="14:14">
      <c r="N433260" s="10"/>
    </row>
    <row r="433261" spans="14:14">
      <c r="N433261" s="10"/>
    </row>
    <row r="433262" spans="14:14">
      <c r="N433262" s="10"/>
    </row>
    <row r="433263" spans="14:14">
      <c r="N433263" s="10"/>
    </row>
    <row r="433264" spans="14:14">
      <c r="N433264" s="10"/>
    </row>
    <row r="433265" spans="14:14">
      <c r="N433265" s="10"/>
    </row>
    <row r="433266" spans="14:14">
      <c r="N433266" s="10"/>
    </row>
    <row r="433267" spans="14:14">
      <c r="N433267" s="10"/>
    </row>
    <row r="433268" spans="14:14">
      <c r="N433268" s="10"/>
    </row>
    <row r="433269" spans="14:14">
      <c r="N433269" s="10"/>
    </row>
    <row r="433270" spans="14:14">
      <c r="N433270" s="10"/>
    </row>
    <row r="433271" spans="14:14">
      <c r="N433271" s="10"/>
    </row>
    <row r="433272" spans="14:14">
      <c r="N433272" s="10"/>
    </row>
    <row r="433273" spans="14:14">
      <c r="N433273" s="10"/>
    </row>
    <row r="433274" spans="14:14">
      <c r="N433274" s="10"/>
    </row>
    <row r="433275" spans="14:14">
      <c r="N433275" s="10"/>
    </row>
    <row r="433276" spans="14:14">
      <c r="N433276" s="10"/>
    </row>
    <row r="433277" spans="14:14">
      <c r="N433277" s="10"/>
    </row>
    <row r="433278" spans="14:14">
      <c r="N433278" s="10"/>
    </row>
    <row r="433279" spans="14:14">
      <c r="N433279" s="10"/>
    </row>
    <row r="433280" spans="14:14">
      <c r="N433280" s="10"/>
    </row>
    <row r="433281" spans="14:14">
      <c r="N433281" s="10"/>
    </row>
    <row r="433282" spans="14:14">
      <c r="N433282" s="10"/>
    </row>
    <row r="433283" spans="14:14">
      <c r="N433283" s="10"/>
    </row>
    <row r="433284" spans="14:14">
      <c r="N433284" s="10"/>
    </row>
    <row r="433285" spans="14:14">
      <c r="N433285" s="10"/>
    </row>
    <row r="433286" spans="14:14">
      <c r="N433286" s="10"/>
    </row>
    <row r="433287" spans="14:14">
      <c r="N433287" s="10"/>
    </row>
    <row r="433288" spans="14:14">
      <c r="N433288" s="10"/>
    </row>
    <row r="433289" spans="14:14">
      <c r="N433289" s="10"/>
    </row>
    <row r="433290" spans="14:14">
      <c r="N433290" s="10"/>
    </row>
    <row r="433291" spans="14:14">
      <c r="N433291" s="10"/>
    </row>
    <row r="433292" spans="14:14">
      <c r="N433292" s="10"/>
    </row>
    <row r="433293" spans="14:14">
      <c r="N433293" s="10"/>
    </row>
    <row r="433294" spans="14:14">
      <c r="N433294" s="10"/>
    </row>
    <row r="433295" spans="14:14">
      <c r="N433295" s="10"/>
    </row>
    <row r="433296" spans="14:14">
      <c r="N433296" s="10"/>
    </row>
    <row r="433297" spans="14:14">
      <c r="N433297" s="10"/>
    </row>
    <row r="433298" spans="14:14">
      <c r="N433298" s="10"/>
    </row>
    <row r="433299" spans="14:14">
      <c r="N433299" s="10"/>
    </row>
    <row r="433300" spans="14:14">
      <c r="N433300" s="10"/>
    </row>
    <row r="433301" spans="14:14">
      <c r="N433301" s="10"/>
    </row>
    <row r="433302" spans="14:14">
      <c r="N433302" s="10"/>
    </row>
    <row r="433303" spans="14:14">
      <c r="N433303" s="10"/>
    </row>
    <row r="433304" spans="14:14">
      <c r="N433304" s="10"/>
    </row>
    <row r="433305" spans="14:14">
      <c r="N433305" s="10"/>
    </row>
    <row r="433306" spans="14:14">
      <c r="N433306" s="10"/>
    </row>
    <row r="433307" spans="14:14">
      <c r="N433307" s="10"/>
    </row>
    <row r="433308" spans="14:14">
      <c r="N433308" s="10"/>
    </row>
    <row r="433309" spans="14:14">
      <c r="N433309" s="10"/>
    </row>
    <row r="433310" spans="14:14">
      <c r="N433310" s="10"/>
    </row>
    <row r="433311" spans="14:14">
      <c r="N433311" s="10"/>
    </row>
    <row r="433312" spans="14:14">
      <c r="N433312" s="10"/>
    </row>
    <row r="433313" spans="14:14">
      <c r="N433313" s="10"/>
    </row>
    <row r="433314" spans="14:14">
      <c r="N433314" s="10"/>
    </row>
    <row r="433315" spans="14:14">
      <c r="N433315" s="10"/>
    </row>
    <row r="433316" spans="14:14">
      <c r="N433316" s="10"/>
    </row>
    <row r="433317" spans="14:14">
      <c r="N433317" s="10"/>
    </row>
    <row r="433318" spans="14:14">
      <c r="N433318" s="10"/>
    </row>
    <row r="433319" spans="14:14">
      <c r="N433319" s="10"/>
    </row>
    <row r="433320" spans="14:14">
      <c r="N433320" s="10"/>
    </row>
    <row r="433321" spans="14:14">
      <c r="N433321" s="10"/>
    </row>
    <row r="433322" spans="14:14">
      <c r="N433322" s="10"/>
    </row>
    <row r="433323" spans="14:14">
      <c r="N433323" s="10"/>
    </row>
    <row r="433324" spans="14:14">
      <c r="N433324" s="10"/>
    </row>
    <row r="433325" spans="14:14">
      <c r="N433325" s="10"/>
    </row>
    <row r="433326" spans="14:14">
      <c r="N433326" s="10"/>
    </row>
    <row r="433327" spans="14:14">
      <c r="N433327" s="10"/>
    </row>
    <row r="433328" spans="14:14">
      <c r="N433328" s="10"/>
    </row>
    <row r="433329" spans="14:14">
      <c r="N433329" s="10"/>
    </row>
    <row r="433330" spans="14:14">
      <c r="N433330" s="10"/>
    </row>
    <row r="433331" spans="14:14">
      <c r="N433331" s="10"/>
    </row>
    <row r="433332" spans="14:14">
      <c r="N433332" s="10"/>
    </row>
    <row r="433333" spans="14:14">
      <c r="N433333" s="10"/>
    </row>
    <row r="433334" spans="14:14">
      <c r="N433334" s="10"/>
    </row>
    <row r="433335" spans="14:14">
      <c r="N433335" s="10"/>
    </row>
    <row r="433336" spans="14:14">
      <c r="N433336" s="10"/>
    </row>
    <row r="433337" spans="14:14">
      <c r="N433337" s="10"/>
    </row>
    <row r="433338" spans="14:14">
      <c r="N433338" s="10"/>
    </row>
    <row r="433339" spans="14:14">
      <c r="N433339" s="10"/>
    </row>
    <row r="433340" spans="14:14">
      <c r="N433340" s="10"/>
    </row>
    <row r="433341" spans="14:14">
      <c r="N433341" s="10"/>
    </row>
    <row r="433342" spans="14:14">
      <c r="N433342" s="10"/>
    </row>
    <row r="433343" spans="14:14">
      <c r="N433343" s="10"/>
    </row>
    <row r="433344" spans="14:14">
      <c r="N433344" s="10"/>
    </row>
    <row r="433345" spans="14:14">
      <c r="N433345" s="10"/>
    </row>
    <row r="433346" spans="14:14">
      <c r="N433346" s="10"/>
    </row>
    <row r="433347" spans="14:14">
      <c r="N433347" s="10"/>
    </row>
    <row r="433348" spans="14:14">
      <c r="N433348" s="10"/>
    </row>
    <row r="433349" spans="14:14">
      <c r="N433349" s="10"/>
    </row>
    <row r="433350" spans="14:14">
      <c r="N433350" s="10"/>
    </row>
    <row r="433351" spans="14:14">
      <c r="N433351" s="10"/>
    </row>
    <row r="433352" spans="14:14">
      <c r="N433352" s="10"/>
    </row>
    <row r="433353" spans="14:14">
      <c r="N433353" s="10"/>
    </row>
    <row r="433354" spans="14:14">
      <c r="N433354" s="10"/>
    </row>
    <row r="433355" spans="14:14">
      <c r="N433355" s="10"/>
    </row>
    <row r="433356" spans="14:14">
      <c r="N433356" s="10"/>
    </row>
    <row r="433357" spans="14:14">
      <c r="N433357" s="10"/>
    </row>
    <row r="433358" spans="14:14">
      <c r="N433358" s="10"/>
    </row>
    <row r="433359" spans="14:14">
      <c r="N433359" s="10"/>
    </row>
    <row r="433360" spans="14:14">
      <c r="N433360" s="10"/>
    </row>
    <row r="433361" spans="14:14">
      <c r="N433361" s="10"/>
    </row>
    <row r="433362" spans="14:14">
      <c r="N433362" s="10"/>
    </row>
    <row r="433363" spans="14:14">
      <c r="N433363" s="10"/>
    </row>
    <row r="433364" spans="14:14">
      <c r="N433364" s="10"/>
    </row>
    <row r="433365" spans="14:14">
      <c r="N433365" s="10"/>
    </row>
    <row r="433366" spans="14:14">
      <c r="N433366" s="10"/>
    </row>
    <row r="433367" spans="14:14">
      <c r="N433367" s="10"/>
    </row>
    <row r="433368" spans="14:14">
      <c r="N433368" s="10"/>
    </row>
    <row r="433369" spans="14:14">
      <c r="N433369" s="10"/>
    </row>
    <row r="433370" spans="14:14">
      <c r="N433370" s="10"/>
    </row>
    <row r="433371" spans="14:14">
      <c r="N433371" s="10"/>
    </row>
    <row r="433372" spans="14:14">
      <c r="N433372" s="10"/>
    </row>
    <row r="433373" spans="14:14">
      <c r="N433373" s="10"/>
    </row>
    <row r="433374" spans="14:14">
      <c r="N433374" s="10"/>
    </row>
    <row r="433375" spans="14:14">
      <c r="N433375" s="10"/>
    </row>
    <row r="433376" spans="14:14">
      <c r="N433376" s="10"/>
    </row>
    <row r="433377" spans="14:14">
      <c r="N433377" s="10"/>
    </row>
    <row r="433378" spans="14:14">
      <c r="N433378" s="10"/>
    </row>
    <row r="433379" spans="14:14">
      <c r="N433379" s="10"/>
    </row>
    <row r="433380" spans="14:14">
      <c r="N433380" s="10"/>
    </row>
    <row r="433381" spans="14:14">
      <c r="N433381" s="10"/>
    </row>
    <row r="433382" spans="14:14">
      <c r="N433382" s="10"/>
    </row>
    <row r="433383" spans="14:14">
      <c r="N433383" s="10"/>
    </row>
    <row r="433384" spans="14:14">
      <c r="N433384" s="10"/>
    </row>
    <row r="433385" spans="14:14">
      <c r="N433385" s="10"/>
    </row>
    <row r="433386" spans="14:14">
      <c r="N433386" s="10"/>
    </row>
    <row r="433387" spans="14:14">
      <c r="N433387" s="10"/>
    </row>
    <row r="433388" spans="14:14">
      <c r="N433388" s="10"/>
    </row>
    <row r="433389" spans="14:14">
      <c r="N433389" s="10"/>
    </row>
    <row r="433390" spans="14:14">
      <c r="N433390" s="10"/>
    </row>
    <row r="433391" spans="14:14">
      <c r="N433391" s="10"/>
    </row>
    <row r="433392" spans="14:14">
      <c r="N433392" s="10"/>
    </row>
    <row r="433393" spans="14:14">
      <c r="N433393" s="10"/>
    </row>
    <row r="433394" spans="14:14">
      <c r="N433394" s="10"/>
    </row>
    <row r="433395" spans="14:14">
      <c r="N433395" s="10"/>
    </row>
    <row r="433396" spans="14:14">
      <c r="N433396" s="10"/>
    </row>
    <row r="433397" spans="14:14">
      <c r="N433397" s="10"/>
    </row>
    <row r="433398" spans="14:14">
      <c r="N433398" s="10"/>
    </row>
    <row r="433399" spans="14:14">
      <c r="N433399" s="10"/>
    </row>
    <row r="433400" spans="14:14">
      <c r="N433400" s="10"/>
    </row>
    <row r="433401" spans="14:14">
      <c r="N433401" s="10"/>
    </row>
    <row r="433402" spans="14:14">
      <c r="N433402" s="10"/>
    </row>
    <row r="433403" spans="14:14">
      <c r="N433403" s="10"/>
    </row>
    <row r="433404" spans="14:14">
      <c r="N433404" s="10"/>
    </row>
    <row r="433405" spans="14:14">
      <c r="N433405" s="10"/>
    </row>
    <row r="433406" spans="14:14">
      <c r="N433406" s="10"/>
    </row>
    <row r="433407" spans="14:14">
      <c r="N433407" s="10"/>
    </row>
    <row r="433408" spans="14:14">
      <c r="N433408" s="10"/>
    </row>
    <row r="433409" spans="14:14">
      <c r="N433409" s="10"/>
    </row>
    <row r="433410" spans="14:14">
      <c r="N433410" s="10"/>
    </row>
    <row r="433411" spans="14:14">
      <c r="N433411" s="10"/>
    </row>
    <row r="433412" spans="14:14">
      <c r="N433412" s="10"/>
    </row>
    <row r="433413" spans="14:14">
      <c r="N433413" s="10"/>
    </row>
    <row r="433414" spans="14:14">
      <c r="N433414" s="10"/>
    </row>
    <row r="433415" spans="14:14">
      <c r="N433415" s="10"/>
    </row>
    <row r="433416" spans="14:14">
      <c r="N433416" s="10"/>
    </row>
    <row r="433417" spans="14:14">
      <c r="N433417" s="10"/>
    </row>
    <row r="433418" spans="14:14">
      <c r="N433418" s="10"/>
    </row>
    <row r="433419" spans="14:14">
      <c r="N433419" s="10"/>
    </row>
    <row r="433420" spans="14:14">
      <c r="N433420" s="10"/>
    </row>
    <row r="433421" spans="14:14">
      <c r="N433421" s="10"/>
    </row>
    <row r="433422" spans="14:14">
      <c r="N433422" s="10"/>
    </row>
    <row r="433423" spans="14:14">
      <c r="N433423" s="10"/>
    </row>
    <row r="433424" spans="14:14">
      <c r="N433424" s="10"/>
    </row>
    <row r="433425" spans="14:14">
      <c r="N433425" s="10"/>
    </row>
    <row r="433426" spans="14:14">
      <c r="N433426" s="10"/>
    </row>
    <row r="433427" spans="14:14">
      <c r="N433427" s="10"/>
    </row>
    <row r="433428" spans="14:14">
      <c r="N433428" s="10"/>
    </row>
    <row r="433429" spans="14:14">
      <c r="N433429" s="10"/>
    </row>
    <row r="433430" spans="14:14">
      <c r="N433430" s="10"/>
    </row>
    <row r="433431" spans="14:14">
      <c r="N433431" s="10"/>
    </row>
    <row r="433432" spans="14:14">
      <c r="N433432" s="10"/>
    </row>
    <row r="433433" spans="14:14">
      <c r="N433433" s="10"/>
    </row>
    <row r="433434" spans="14:14">
      <c r="N433434" s="10"/>
    </row>
    <row r="433435" spans="14:14">
      <c r="N433435" s="10"/>
    </row>
    <row r="433436" spans="14:14">
      <c r="N433436" s="10"/>
    </row>
    <row r="433437" spans="14:14">
      <c r="N433437" s="10"/>
    </row>
    <row r="433438" spans="14:14">
      <c r="N433438" s="10"/>
    </row>
    <row r="433439" spans="14:14">
      <c r="N433439" s="10"/>
    </row>
    <row r="433440" spans="14:14">
      <c r="N433440" s="10"/>
    </row>
    <row r="433441" spans="14:14">
      <c r="N433441" s="10"/>
    </row>
    <row r="433442" spans="14:14">
      <c r="N433442" s="10"/>
    </row>
    <row r="433443" spans="14:14">
      <c r="N433443" s="10"/>
    </row>
    <row r="433444" spans="14:14">
      <c r="N433444" s="10"/>
    </row>
    <row r="433445" spans="14:14">
      <c r="N433445" s="10"/>
    </row>
    <row r="433446" spans="14:14">
      <c r="N433446" s="10"/>
    </row>
    <row r="433447" spans="14:14">
      <c r="N433447" s="10"/>
    </row>
    <row r="433448" spans="14:14">
      <c r="N433448" s="10"/>
    </row>
    <row r="433449" spans="14:14">
      <c r="N433449" s="10"/>
    </row>
    <row r="433450" spans="14:14">
      <c r="N433450" s="10"/>
    </row>
    <row r="433451" spans="14:14">
      <c r="N433451" s="10"/>
    </row>
    <row r="433452" spans="14:14">
      <c r="N433452" s="10"/>
    </row>
    <row r="433453" spans="14:14">
      <c r="N433453" s="10"/>
    </row>
    <row r="433454" spans="14:14">
      <c r="N433454" s="10"/>
    </row>
    <row r="433455" spans="14:14">
      <c r="N433455" s="10"/>
    </row>
    <row r="433456" spans="14:14">
      <c r="N433456" s="10"/>
    </row>
    <row r="433457" spans="14:14">
      <c r="N433457" s="10"/>
    </row>
    <row r="433458" spans="14:14">
      <c r="N433458" s="10"/>
    </row>
    <row r="433459" spans="14:14">
      <c r="N433459" s="10"/>
    </row>
    <row r="433460" spans="14:14">
      <c r="N433460" s="10"/>
    </row>
    <row r="433461" spans="14:14">
      <c r="N433461" s="10"/>
    </row>
    <row r="433462" spans="14:14">
      <c r="N433462" s="10"/>
    </row>
    <row r="433463" spans="14:14">
      <c r="N433463" s="10"/>
    </row>
    <row r="433464" spans="14:14">
      <c r="N433464" s="10"/>
    </row>
    <row r="433465" spans="14:14">
      <c r="N433465" s="10"/>
    </row>
    <row r="433466" spans="14:14">
      <c r="N433466" s="10"/>
    </row>
    <row r="433467" spans="14:14">
      <c r="N433467" s="10"/>
    </row>
    <row r="433468" spans="14:14">
      <c r="N433468" s="10"/>
    </row>
    <row r="433469" spans="14:14">
      <c r="N433469" s="10"/>
    </row>
    <row r="433470" spans="14:14">
      <c r="N433470" s="10"/>
    </row>
    <row r="433471" spans="14:14">
      <c r="N433471" s="10"/>
    </row>
    <row r="433472" spans="14:14">
      <c r="N433472" s="10"/>
    </row>
    <row r="433473" spans="14:14">
      <c r="N433473" s="10"/>
    </row>
    <row r="433474" spans="14:14">
      <c r="N433474" s="10"/>
    </row>
    <row r="433475" spans="14:14">
      <c r="N433475" s="10"/>
    </row>
    <row r="433476" spans="14:14">
      <c r="N433476" s="10"/>
    </row>
    <row r="433477" spans="14:14">
      <c r="N433477" s="10"/>
    </row>
    <row r="433478" spans="14:14">
      <c r="N433478" s="10"/>
    </row>
    <row r="433479" spans="14:14">
      <c r="N433479" s="10"/>
    </row>
    <row r="433480" spans="14:14">
      <c r="N433480" s="10"/>
    </row>
    <row r="433481" spans="14:14">
      <c r="N433481" s="10"/>
    </row>
    <row r="433482" spans="14:14">
      <c r="N433482" s="10"/>
    </row>
    <row r="433483" spans="14:14">
      <c r="N433483" s="10"/>
    </row>
    <row r="433484" spans="14:14">
      <c r="N433484" s="10"/>
    </row>
    <row r="433485" spans="14:14">
      <c r="N433485" s="10"/>
    </row>
    <row r="433486" spans="14:14">
      <c r="N433486" s="10"/>
    </row>
    <row r="433487" spans="14:14">
      <c r="N433487" s="10"/>
    </row>
    <row r="433488" spans="14:14">
      <c r="N433488" s="10"/>
    </row>
    <row r="433489" spans="14:14">
      <c r="N433489" s="10"/>
    </row>
    <row r="433490" spans="14:14">
      <c r="N433490" s="10"/>
    </row>
    <row r="433491" spans="14:14">
      <c r="N433491" s="10"/>
    </row>
    <row r="433492" spans="14:14">
      <c r="N433492" s="10"/>
    </row>
    <row r="433493" spans="14:14">
      <c r="N433493" s="10"/>
    </row>
    <row r="433494" spans="14:14">
      <c r="N433494" s="10"/>
    </row>
    <row r="433495" spans="14:14">
      <c r="N433495" s="10"/>
    </row>
    <row r="433496" spans="14:14">
      <c r="N433496" s="10"/>
    </row>
    <row r="433497" spans="14:14">
      <c r="N433497" s="10"/>
    </row>
    <row r="433498" spans="14:14">
      <c r="N433498" s="10"/>
    </row>
    <row r="433499" spans="14:14">
      <c r="N433499" s="10"/>
    </row>
    <row r="433500" spans="14:14">
      <c r="N433500" s="10"/>
    </row>
    <row r="433501" spans="14:14">
      <c r="N433501" s="10"/>
    </row>
    <row r="433502" spans="14:14">
      <c r="N433502" s="10"/>
    </row>
    <row r="433503" spans="14:14">
      <c r="N433503" s="10"/>
    </row>
    <row r="433504" spans="14:14">
      <c r="N433504" s="10"/>
    </row>
    <row r="433505" spans="14:14">
      <c r="N433505" s="10"/>
    </row>
    <row r="433506" spans="14:14">
      <c r="N433506" s="10"/>
    </row>
    <row r="433507" spans="14:14">
      <c r="N433507" s="10"/>
    </row>
    <row r="433508" spans="14:14">
      <c r="N433508" s="10"/>
    </row>
    <row r="433509" spans="14:14">
      <c r="N433509" s="10"/>
    </row>
    <row r="433510" spans="14:14">
      <c r="N433510" s="10"/>
    </row>
    <row r="433511" spans="14:14">
      <c r="N433511" s="10"/>
    </row>
    <row r="433512" spans="14:14">
      <c r="N433512" s="10"/>
    </row>
    <row r="433513" spans="14:14">
      <c r="N433513" s="10"/>
    </row>
    <row r="433514" spans="14:14">
      <c r="N433514" s="10"/>
    </row>
    <row r="433515" spans="14:14">
      <c r="N433515" s="10"/>
    </row>
    <row r="433516" spans="14:14">
      <c r="N433516" s="10"/>
    </row>
    <row r="433517" spans="14:14">
      <c r="N433517" s="10"/>
    </row>
    <row r="433518" spans="14:14">
      <c r="N433518" s="10"/>
    </row>
    <row r="433519" spans="14:14">
      <c r="N433519" s="10"/>
    </row>
    <row r="433520" spans="14:14">
      <c r="N433520" s="10"/>
    </row>
    <row r="433521" spans="14:14">
      <c r="N433521" s="10"/>
    </row>
    <row r="433522" spans="14:14">
      <c r="N433522" s="10"/>
    </row>
    <row r="433523" spans="14:14">
      <c r="N433523" s="10"/>
    </row>
    <row r="433524" spans="14:14">
      <c r="N433524" s="10"/>
    </row>
    <row r="433525" spans="14:14">
      <c r="N433525" s="10"/>
    </row>
    <row r="433526" spans="14:14">
      <c r="N433526" s="10"/>
    </row>
    <row r="433527" spans="14:14">
      <c r="N433527" s="10"/>
    </row>
    <row r="433528" spans="14:14">
      <c r="N433528" s="10"/>
    </row>
    <row r="433529" spans="14:14">
      <c r="N433529" s="10"/>
    </row>
    <row r="433530" spans="14:14">
      <c r="N433530" s="10"/>
    </row>
    <row r="433531" spans="14:14">
      <c r="N433531" s="10"/>
    </row>
    <row r="433532" spans="14:14">
      <c r="N433532" s="10"/>
    </row>
    <row r="433533" spans="14:14">
      <c r="N433533" s="10"/>
    </row>
    <row r="433534" spans="14:14">
      <c r="N433534" s="10"/>
    </row>
    <row r="433535" spans="14:14">
      <c r="N433535" s="10"/>
    </row>
    <row r="433536" spans="14:14">
      <c r="N433536" s="10"/>
    </row>
    <row r="433537" spans="14:14">
      <c r="N433537" s="10"/>
    </row>
    <row r="433538" spans="14:14">
      <c r="N433538" s="10"/>
    </row>
    <row r="433539" spans="14:14">
      <c r="N433539" s="10"/>
    </row>
    <row r="433540" spans="14:14">
      <c r="N433540" s="10"/>
    </row>
    <row r="433541" spans="14:14">
      <c r="N433541" s="10"/>
    </row>
    <row r="433542" spans="14:14">
      <c r="N433542" s="10"/>
    </row>
    <row r="433543" spans="14:14">
      <c r="N433543" s="10"/>
    </row>
    <row r="433544" spans="14:14">
      <c r="N433544" s="10"/>
    </row>
    <row r="433545" spans="14:14">
      <c r="N433545" s="10"/>
    </row>
    <row r="433546" spans="14:14">
      <c r="N433546" s="10"/>
    </row>
    <row r="433547" spans="14:14">
      <c r="N433547" s="10"/>
    </row>
    <row r="433548" spans="14:14">
      <c r="N433548" s="10"/>
    </row>
    <row r="433549" spans="14:14">
      <c r="N433549" s="10"/>
    </row>
    <row r="433550" spans="14:14">
      <c r="N433550" s="10"/>
    </row>
    <row r="433551" spans="14:14">
      <c r="N433551" s="10"/>
    </row>
    <row r="433552" spans="14:14">
      <c r="N433552" s="10"/>
    </row>
    <row r="433553" spans="14:14">
      <c r="N433553" s="10"/>
    </row>
    <row r="433554" spans="14:14">
      <c r="N433554" s="10"/>
    </row>
    <row r="433555" spans="14:14">
      <c r="N433555" s="10"/>
    </row>
    <row r="433556" spans="14:14">
      <c r="N433556" s="10"/>
    </row>
    <row r="433557" spans="14:14">
      <c r="N433557" s="10"/>
    </row>
    <row r="433558" spans="14:14">
      <c r="N433558" s="10"/>
    </row>
    <row r="433559" spans="14:14">
      <c r="N433559" s="10"/>
    </row>
    <row r="433560" spans="14:14">
      <c r="N433560" s="10"/>
    </row>
    <row r="433561" spans="14:14">
      <c r="N433561" s="10"/>
    </row>
    <row r="433562" spans="14:14">
      <c r="N433562" s="10"/>
    </row>
    <row r="433563" spans="14:14">
      <c r="N433563" s="10"/>
    </row>
    <row r="433564" spans="14:14">
      <c r="N433564" s="10"/>
    </row>
    <row r="433565" spans="14:14">
      <c r="N433565" s="10"/>
    </row>
    <row r="433566" spans="14:14">
      <c r="N433566" s="10"/>
    </row>
    <row r="433567" spans="14:14">
      <c r="N433567" s="10"/>
    </row>
    <row r="433568" spans="14:14">
      <c r="N433568" s="10"/>
    </row>
    <row r="433569" spans="14:14">
      <c r="N433569" s="10"/>
    </row>
    <row r="433570" spans="14:14">
      <c r="N433570" s="10"/>
    </row>
    <row r="433571" spans="14:14">
      <c r="N433571" s="10"/>
    </row>
    <row r="433572" spans="14:14">
      <c r="N433572" s="10"/>
    </row>
    <row r="433573" spans="14:14">
      <c r="N433573" s="10"/>
    </row>
    <row r="433574" spans="14:14">
      <c r="N433574" s="10"/>
    </row>
    <row r="433575" spans="14:14">
      <c r="N433575" s="10"/>
    </row>
    <row r="433576" spans="14:14">
      <c r="N433576" s="10"/>
    </row>
    <row r="433577" spans="14:14">
      <c r="N433577" s="10"/>
    </row>
    <row r="433578" spans="14:14">
      <c r="N433578" s="10"/>
    </row>
    <row r="433579" spans="14:14">
      <c r="N433579" s="10"/>
    </row>
    <row r="433580" spans="14:14">
      <c r="N433580" s="10"/>
    </row>
    <row r="433581" spans="14:14">
      <c r="N433581" s="10"/>
    </row>
    <row r="433582" spans="14:14">
      <c r="N433582" s="10"/>
    </row>
    <row r="433583" spans="14:14">
      <c r="N433583" s="10"/>
    </row>
    <row r="433584" spans="14:14">
      <c r="N433584" s="10"/>
    </row>
    <row r="433585" spans="14:14">
      <c r="N433585" s="10"/>
    </row>
    <row r="433586" spans="14:14">
      <c r="N433586" s="10"/>
    </row>
    <row r="433587" spans="14:14">
      <c r="N433587" s="10"/>
    </row>
    <row r="433588" spans="14:14">
      <c r="N433588" s="10"/>
    </row>
    <row r="433589" spans="14:14">
      <c r="N433589" s="10"/>
    </row>
    <row r="433590" spans="14:14">
      <c r="N433590" s="10"/>
    </row>
    <row r="433591" spans="14:14">
      <c r="N433591" s="10"/>
    </row>
    <row r="433592" spans="14:14">
      <c r="N433592" s="10"/>
    </row>
    <row r="433593" spans="14:14">
      <c r="N433593" s="10"/>
    </row>
    <row r="433594" spans="14:14">
      <c r="N433594" s="10"/>
    </row>
    <row r="433595" spans="14:14">
      <c r="N433595" s="10"/>
    </row>
    <row r="433596" spans="14:14">
      <c r="N433596" s="10"/>
    </row>
    <row r="433597" spans="14:14">
      <c r="N433597" s="10"/>
    </row>
    <row r="433598" spans="14:14">
      <c r="N433598" s="10"/>
    </row>
    <row r="433599" spans="14:14">
      <c r="N433599" s="10"/>
    </row>
    <row r="433600" spans="14:14">
      <c r="N433600" s="10"/>
    </row>
    <row r="433601" spans="14:14">
      <c r="N433601" s="10"/>
    </row>
    <row r="433602" spans="14:14">
      <c r="N433602" s="10"/>
    </row>
    <row r="433603" spans="14:14">
      <c r="N433603" s="10"/>
    </row>
    <row r="433604" spans="14:14">
      <c r="N433604" s="10"/>
    </row>
    <row r="433605" spans="14:14">
      <c r="N433605" s="10"/>
    </row>
    <row r="433606" spans="14:14">
      <c r="N433606" s="10"/>
    </row>
    <row r="433607" spans="14:14">
      <c r="N433607" s="10"/>
    </row>
    <row r="433608" spans="14:14">
      <c r="N433608" s="10"/>
    </row>
    <row r="433609" spans="14:14">
      <c r="N433609" s="10"/>
    </row>
    <row r="433610" spans="14:14">
      <c r="N433610" s="10"/>
    </row>
    <row r="433611" spans="14:14">
      <c r="N433611" s="10"/>
    </row>
    <row r="433612" spans="14:14">
      <c r="N433612" s="10"/>
    </row>
    <row r="433613" spans="14:14">
      <c r="N433613" s="10"/>
    </row>
    <row r="433614" spans="14:14">
      <c r="N433614" s="10"/>
    </row>
    <row r="433615" spans="14:14">
      <c r="N433615" s="10"/>
    </row>
    <row r="433616" spans="14:14">
      <c r="N433616" s="10"/>
    </row>
    <row r="433617" spans="14:14">
      <c r="N433617" s="10"/>
    </row>
    <row r="433618" spans="14:14">
      <c r="N433618" s="10"/>
    </row>
    <row r="433619" spans="14:14">
      <c r="N433619" s="10"/>
    </row>
    <row r="433620" spans="14:14">
      <c r="N433620" s="10"/>
    </row>
    <row r="433621" spans="14:14">
      <c r="N433621" s="10"/>
    </row>
    <row r="433622" spans="14:14">
      <c r="N433622" s="10"/>
    </row>
    <row r="433623" spans="14:14">
      <c r="N433623" s="10"/>
    </row>
    <row r="433624" spans="14:14">
      <c r="N433624" s="10"/>
    </row>
    <row r="433625" spans="14:14">
      <c r="N433625" s="10"/>
    </row>
    <row r="433626" spans="14:14">
      <c r="N433626" s="10"/>
    </row>
    <row r="433627" spans="14:14">
      <c r="N433627" s="10"/>
    </row>
    <row r="433628" spans="14:14">
      <c r="N433628" s="10"/>
    </row>
    <row r="433629" spans="14:14">
      <c r="N433629" s="10"/>
    </row>
    <row r="433630" spans="14:14">
      <c r="N433630" s="10"/>
    </row>
    <row r="433631" spans="14:14">
      <c r="N433631" s="10"/>
    </row>
    <row r="433632" spans="14:14">
      <c r="N433632" s="10"/>
    </row>
    <row r="433633" spans="14:14">
      <c r="N433633" s="10"/>
    </row>
    <row r="433634" spans="14:14">
      <c r="N433634" s="10"/>
    </row>
    <row r="433635" spans="14:14">
      <c r="N433635" s="10"/>
    </row>
    <row r="433636" spans="14:14">
      <c r="N433636" s="10"/>
    </row>
    <row r="433637" spans="14:14">
      <c r="N433637" s="10"/>
    </row>
    <row r="433638" spans="14:14">
      <c r="N433638" s="10"/>
    </row>
    <row r="433639" spans="14:14">
      <c r="N433639" s="10"/>
    </row>
    <row r="433640" spans="14:14">
      <c r="N433640" s="10"/>
    </row>
    <row r="433641" spans="14:14">
      <c r="N433641" s="10"/>
    </row>
    <row r="433642" spans="14:14">
      <c r="N433642" s="10"/>
    </row>
    <row r="433643" spans="14:14">
      <c r="N433643" s="10"/>
    </row>
    <row r="433644" spans="14:14">
      <c r="N433644" s="10"/>
    </row>
    <row r="433645" spans="14:14">
      <c r="N433645" s="10"/>
    </row>
    <row r="433646" spans="14:14">
      <c r="N433646" s="10"/>
    </row>
    <row r="433647" spans="14:14">
      <c r="N433647" s="10"/>
    </row>
    <row r="433648" spans="14:14">
      <c r="N433648" s="10"/>
    </row>
    <row r="433649" spans="14:14">
      <c r="N433649" s="10"/>
    </row>
    <row r="433650" spans="14:14">
      <c r="N433650" s="10"/>
    </row>
    <row r="433651" spans="14:14">
      <c r="N433651" s="10"/>
    </row>
    <row r="433652" spans="14:14">
      <c r="N433652" s="10"/>
    </row>
    <row r="433653" spans="14:14">
      <c r="N433653" s="10"/>
    </row>
    <row r="433654" spans="14:14">
      <c r="N433654" s="10"/>
    </row>
    <row r="433655" spans="14:14">
      <c r="N433655" s="10"/>
    </row>
    <row r="433656" spans="14:14">
      <c r="N433656" s="10"/>
    </row>
    <row r="433657" spans="14:14">
      <c r="N433657" s="10"/>
    </row>
    <row r="433658" spans="14:14">
      <c r="N433658" s="10"/>
    </row>
    <row r="433659" spans="14:14">
      <c r="N433659" s="10"/>
    </row>
    <row r="433660" spans="14:14">
      <c r="N433660" s="10"/>
    </row>
    <row r="433661" spans="14:14">
      <c r="N433661" s="10"/>
    </row>
    <row r="433662" spans="14:14">
      <c r="N433662" s="10"/>
    </row>
    <row r="433663" spans="14:14">
      <c r="N433663" s="10"/>
    </row>
    <row r="433664" spans="14:14">
      <c r="N433664" s="10"/>
    </row>
    <row r="433665" spans="14:14">
      <c r="N433665" s="10"/>
    </row>
    <row r="433666" spans="14:14">
      <c r="N433666" s="10"/>
    </row>
    <row r="433667" spans="14:14">
      <c r="N433667" s="10"/>
    </row>
    <row r="433668" spans="14:14">
      <c r="N433668" s="10"/>
    </row>
    <row r="433669" spans="14:14">
      <c r="N433669" s="10"/>
    </row>
    <row r="433670" spans="14:14">
      <c r="N433670" s="10"/>
    </row>
    <row r="433671" spans="14:14">
      <c r="N433671" s="10"/>
    </row>
    <row r="433672" spans="14:14">
      <c r="N433672" s="10"/>
    </row>
    <row r="433673" spans="14:14">
      <c r="N433673" s="10"/>
    </row>
    <row r="433674" spans="14:14">
      <c r="N433674" s="10"/>
    </row>
    <row r="433675" spans="14:14">
      <c r="N433675" s="10"/>
    </row>
    <row r="433676" spans="14:14">
      <c r="N433676" s="10"/>
    </row>
    <row r="433677" spans="14:14">
      <c r="N433677" s="10"/>
    </row>
    <row r="433678" spans="14:14">
      <c r="N433678" s="10"/>
    </row>
    <row r="433679" spans="14:14">
      <c r="N433679" s="10"/>
    </row>
    <row r="433680" spans="14:14">
      <c r="N433680" s="10"/>
    </row>
    <row r="433681" spans="14:14">
      <c r="N433681" s="10"/>
    </row>
    <row r="433682" spans="14:14">
      <c r="N433682" s="10"/>
    </row>
    <row r="433683" spans="14:14">
      <c r="N433683" s="10"/>
    </row>
    <row r="433684" spans="14:14">
      <c r="N433684" s="10"/>
    </row>
    <row r="433685" spans="14:14">
      <c r="N433685" s="10"/>
    </row>
    <row r="433686" spans="14:14">
      <c r="N433686" s="10"/>
    </row>
    <row r="433687" spans="14:14">
      <c r="N433687" s="10"/>
    </row>
    <row r="433688" spans="14:14">
      <c r="N433688" s="10"/>
    </row>
    <row r="433689" spans="14:14">
      <c r="N433689" s="10"/>
    </row>
    <row r="433690" spans="14:14">
      <c r="N433690" s="10"/>
    </row>
    <row r="433691" spans="14:14">
      <c r="N433691" s="10"/>
    </row>
    <row r="433692" spans="14:14">
      <c r="N433692" s="10"/>
    </row>
    <row r="433693" spans="14:14">
      <c r="N433693" s="10"/>
    </row>
    <row r="433694" spans="14:14">
      <c r="N433694" s="10"/>
    </row>
    <row r="433695" spans="14:14">
      <c r="N433695" s="10"/>
    </row>
    <row r="433696" spans="14:14">
      <c r="N433696" s="10"/>
    </row>
    <row r="433697" spans="14:14">
      <c r="N433697" s="10"/>
    </row>
    <row r="433698" spans="14:14">
      <c r="N433698" s="10"/>
    </row>
    <row r="433699" spans="14:14">
      <c r="N433699" s="10"/>
    </row>
    <row r="433700" spans="14:14">
      <c r="N433700" s="10"/>
    </row>
    <row r="433701" spans="14:14">
      <c r="N433701" s="10"/>
    </row>
    <row r="433702" spans="14:14">
      <c r="N433702" s="10"/>
    </row>
    <row r="433703" spans="14:14">
      <c r="N433703" s="10"/>
    </row>
    <row r="433704" spans="14:14">
      <c r="N433704" s="10"/>
    </row>
    <row r="433705" spans="14:14">
      <c r="N433705" s="10"/>
    </row>
    <row r="433706" spans="14:14">
      <c r="N433706" s="10"/>
    </row>
    <row r="433707" spans="14:14">
      <c r="N433707" s="10"/>
    </row>
    <row r="433708" spans="14:14">
      <c r="N433708" s="10"/>
    </row>
    <row r="433709" spans="14:14">
      <c r="N433709" s="10"/>
    </row>
    <row r="433710" spans="14:14">
      <c r="N433710" s="10"/>
    </row>
    <row r="433711" spans="14:14">
      <c r="N433711" s="10"/>
    </row>
    <row r="433712" spans="14:14">
      <c r="N433712" s="10"/>
    </row>
    <row r="433713" spans="14:14">
      <c r="N433713" s="10"/>
    </row>
    <row r="433714" spans="14:14">
      <c r="N433714" s="10"/>
    </row>
    <row r="433715" spans="14:14">
      <c r="N433715" s="10"/>
    </row>
    <row r="433716" spans="14:14">
      <c r="N433716" s="10"/>
    </row>
    <row r="433717" spans="14:14">
      <c r="N433717" s="10"/>
    </row>
    <row r="433718" spans="14:14">
      <c r="N433718" s="10"/>
    </row>
    <row r="433719" spans="14:14">
      <c r="N433719" s="10"/>
    </row>
    <row r="433720" spans="14:14">
      <c r="N433720" s="10"/>
    </row>
    <row r="433721" spans="14:14">
      <c r="N433721" s="10"/>
    </row>
    <row r="433722" spans="14:14">
      <c r="N433722" s="10"/>
    </row>
    <row r="433723" spans="14:14">
      <c r="N433723" s="10"/>
    </row>
    <row r="433724" spans="14:14">
      <c r="N433724" s="10"/>
    </row>
    <row r="433725" spans="14:14">
      <c r="N433725" s="10"/>
    </row>
    <row r="433726" spans="14:14">
      <c r="N433726" s="10"/>
    </row>
    <row r="433727" spans="14:14">
      <c r="N433727" s="10"/>
    </row>
    <row r="433728" spans="14:14">
      <c r="N433728" s="10"/>
    </row>
    <row r="433729" spans="14:14">
      <c r="N433729" s="10"/>
    </row>
    <row r="433730" spans="14:14">
      <c r="N433730" s="10"/>
    </row>
    <row r="433731" spans="14:14">
      <c r="N433731" s="10"/>
    </row>
    <row r="433732" spans="14:14">
      <c r="N433732" s="10"/>
    </row>
    <row r="433733" spans="14:14">
      <c r="N433733" s="10"/>
    </row>
    <row r="433734" spans="14:14">
      <c r="N433734" s="10"/>
    </row>
    <row r="433735" spans="14:14">
      <c r="N433735" s="10"/>
    </row>
    <row r="433736" spans="14:14">
      <c r="N433736" s="10"/>
    </row>
    <row r="433737" spans="14:14">
      <c r="N433737" s="10"/>
    </row>
    <row r="433738" spans="14:14">
      <c r="N433738" s="10"/>
    </row>
    <row r="433739" spans="14:14">
      <c r="N433739" s="10"/>
    </row>
    <row r="433740" spans="14:14">
      <c r="N433740" s="10"/>
    </row>
    <row r="433741" spans="14:14">
      <c r="N433741" s="10"/>
    </row>
    <row r="433742" spans="14:14">
      <c r="N433742" s="10"/>
    </row>
    <row r="433743" spans="14:14">
      <c r="N433743" s="10"/>
    </row>
    <row r="433744" spans="14:14">
      <c r="N433744" s="10"/>
    </row>
    <row r="433745" spans="14:14">
      <c r="N433745" s="10"/>
    </row>
    <row r="433746" spans="14:14">
      <c r="N433746" s="10"/>
    </row>
    <row r="433747" spans="14:14">
      <c r="N433747" s="10"/>
    </row>
    <row r="433748" spans="14:14">
      <c r="N433748" s="10"/>
    </row>
    <row r="433749" spans="14:14">
      <c r="N433749" s="10"/>
    </row>
    <row r="433750" spans="14:14">
      <c r="N433750" s="10"/>
    </row>
    <row r="433751" spans="14:14">
      <c r="N433751" s="10"/>
    </row>
    <row r="433752" spans="14:14">
      <c r="N433752" s="10"/>
    </row>
    <row r="433753" spans="14:14">
      <c r="N433753" s="10"/>
    </row>
    <row r="433754" spans="14:14">
      <c r="N433754" s="10"/>
    </row>
    <row r="433755" spans="14:14">
      <c r="N433755" s="10"/>
    </row>
    <row r="433756" spans="14:14">
      <c r="N433756" s="10"/>
    </row>
    <row r="433757" spans="14:14">
      <c r="N433757" s="10"/>
    </row>
    <row r="433758" spans="14:14">
      <c r="N433758" s="10"/>
    </row>
    <row r="433759" spans="14:14">
      <c r="N433759" s="10"/>
    </row>
    <row r="433760" spans="14:14">
      <c r="N433760" s="10"/>
    </row>
    <row r="433761" spans="14:14">
      <c r="N433761" s="10"/>
    </row>
    <row r="433762" spans="14:14">
      <c r="N433762" s="10"/>
    </row>
    <row r="433763" spans="14:14">
      <c r="N433763" s="10"/>
    </row>
    <row r="433764" spans="14:14">
      <c r="N433764" s="10"/>
    </row>
    <row r="433765" spans="14:14">
      <c r="N433765" s="10"/>
    </row>
    <row r="433766" spans="14:14">
      <c r="N433766" s="10"/>
    </row>
    <row r="433767" spans="14:14">
      <c r="N433767" s="10"/>
    </row>
    <row r="433768" spans="14:14">
      <c r="N433768" s="10"/>
    </row>
    <row r="433769" spans="14:14">
      <c r="N433769" s="10"/>
    </row>
    <row r="433770" spans="14:14">
      <c r="N433770" s="10"/>
    </row>
    <row r="433771" spans="14:14">
      <c r="N433771" s="10"/>
    </row>
    <row r="433772" spans="14:14">
      <c r="N433772" s="10"/>
    </row>
    <row r="433773" spans="14:14">
      <c r="N433773" s="10"/>
    </row>
    <row r="433774" spans="14:14">
      <c r="N433774" s="10"/>
    </row>
    <row r="433775" spans="14:14">
      <c r="N433775" s="10"/>
    </row>
    <row r="433776" spans="14:14">
      <c r="N433776" s="10"/>
    </row>
    <row r="433777" spans="14:14">
      <c r="N433777" s="10"/>
    </row>
    <row r="433778" spans="14:14">
      <c r="N433778" s="10"/>
    </row>
    <row r="433779" spans="14:14">
      <c r="N433779" s="10"/>
    </row>
    <row r="433780" spans="14:14">
      <c r="N433780" s="10"/>
    </row>
    <row r="433781" spans="14:14">
      <c r="N433781" s="10"/>
    </row>
    <row r="433782" spans="14:14">
      <c r="N433782" s="10"/>
    </row>
    <row r="433783" spans="14:14">
      <c r="N433783" s="10"/>
    </row>
    <row r="433784" spans="14:14">
      <c r="N433784" s="10"/>
    </row>
    <row r="433785" spans="14:14">
      <c r="N433785" s="10"/>
    </row>
    <row r="433786" spans="14:14">
      <c r="N433786" s="10"/>
    </row>
    <row r="433787" spans="14:14">
      <c r="N433787" s="10"/>
    </row>
    <row r="433788" spans="14:14">
      <c r="N433788" s="10"/>
    </row>
    <row r="433789" spans="14:14">
      <c r="N433789" s="10"/>
    </row>
    <row r="433790" spans="14:14">
      <c r="N433790" s="10"/>
    </row>
    <row r="433791" spans="14:14">
      <c r="N433791" s="10"/>
    </row>
    <row r="433792" spans="14:14">
      <c r="N433792" s="10"/>
    </row>
    <row r="433793" spans="14:14">
      <c r="N433793" s="10"/>
    </row>
    <row r="433794" spans="14:14">
      <c r="N433794" s="10"/>
    </row>
    <row r="433795" spans="14:14">
      <c r="N433795" s="10"/>
    </row>
    <row r="433796" spans="14:14">
      <c r="N433796" s="10"/>
    </row>
    <row r="433797" spans="14:14">
      <c r="N433797" s="10"/>
    </row>
    <row r="433798" spans="14:14">
      <c r="N433798" s="10"/>
    </row>
    <row r="433799" spans="14:14">
      <c r="N433799" s="10"/>
    </row>
    <row r="433800" spans="14:14">
      <c r="N433800" s="10"/>
    </row>
    <row r="433801" spans="14:14">
      <c r="N433801" s="10"/>
    </row>
    <row r="433802" spans="14:14">
      <c r="N433802" s="10"/>
    </row>
    <row r="433803" spans="14:14">
      <c r="N433803" s="10"/>
    </row>
    <row r="433804" spans="14:14">
      <c r="N433804" s="10"/>
    </row>
    <row r="433805" spans="14:14">
      <c r="N433805" s="10"/>
    </row>
    <row r="433806" spans="14:14">
      <c r="N433806" s="10"/>
    </row>
    <row r="433807" spans="14:14">
      <c r="N433807" s="10"/>
    </row>
    <row r="433808" spans="14:14">
      <c r="N433808" s="10"/>
    </row>
    <row r="433809" spans="14:14">
      <c r="N433809" s="10"/>
    </row>
    <row r="433810" spans="14:14">
      <c r="N433810" s="10"/>
    </row>
    <row r="433811" spans="14:14">
      <c r="N433811" s="10"/>
    </row>
    <row r="433812" spans="14:14">
      <c r="N433812" s="10"/>
    </row>
    <row r="433813" spans="14:14">
      <c r="N433813" s="10"/>
    </row>
    <row r="433814" spans="14:14">
      <c r="N433814" s="10"/>
    </row>
    <row r="433815" spans="14:14">
      <c r="N433815" s="10"/>
    </row>
    <row r="433816" spans="14:14">
      <c r="N433816" s="10"/>
    </row>
    <row r="433817" spans="14:14">
      <c r="N433817" s="10"/>
    </row>
    <row r="433818" spans="14:14">
      <c r="N433818" s="10"/>
    </row>
    <row r="433819" spans="14:14">
      <c r="N433819" s="10"/>
    </row>
    <row r="433820" spans="14:14">
      <c r="N433820" s="10"/>
    </row>
    <row r="433821" spans="14:14">
      <c r="N433821" s="10"/>
    </row>
    <row r="433822" spans="14:14">
      <c r="N433822" s="10"/>
    </row>
    <row r="433823" spans="14:14">
      <c r="N433823" s="10"/>
    </row>
    <row r="433824" spans="14:14">
      <c r="N433824" s="10"/>
    </row>
    <row r="433825" spans="14:14">
      <c r="N433825" s="10"/>
    </row>
    <row r="433826" spans="14:14">
      <c r="N433826" s="10"/>
    </row>
    <row r="433827" spans="14:14">
      <c r="N433827" s="10"/>
    </row>
    <row r="433828" spans="14:14">
      <c r="N433828" s="10"/>
    </row>
    <row r="433829" spans="14:14">
      <c r="N433829" s="10"/>
    </row>
    <row r="433830" spans="14:14">
      <c r="N433830" s="10"/>
    </row>
    <row r="433831" spans="14:14">
      <c r="N433831" s="10"/>
    </row>
    <row r="433832" spans="14:14">
      <c r="N433832" s="10"/>
    </row>
    <row r="433833" spans="14:14">
      <c r="N433833" s="10"/>
    </row>
    <row r="433834" spans="14:14">
      <c r="N433834" s="10"/>
    </row>
    <row r="433835" spans="14:14">
      <c r="N433835" s="10"/>
    </row>
    <row r="433836" spans="14:14">
      <c r="N433836" s="10"/>
    </row>
    <row r="433837" spans="14:14">
      <c r="N433837" s="10"/>
    </row>
    <row r="433838" spans="14:14">
      <c r="N433838" s="10"/>
    </row>
    <row r="433839" spans="14:14">
      <c r="N433839" s="10"/>
    </row>
    <row r="433840" spans="14:14">
      <c r="N433840" s="10"/>
    </row>
    <row r="433841" spans="14:14">
      <c r="N433841" s="10"/>
    </row>
    <row r="433842" spans="14:14">
      <c r="N433842" s="10"/>
    </row>
    <row r="433843" spans="14:14">
      <c r="N433843" s="10"/>
    </row>
    <row r="433844" spans="14:14">
      <c r="N433844" s="10"/>
    </row>
    <row r="433845" spans="14:14">
      <c r="N433845" s="10"/>
    </row>
    <row r="433846" spans="14:14">
      <c r="N433846" s="10"/>
    </row>
    <row r="433847" spans="14:14">
      <c r="N433847" s="10"/>
    </row>
    <row r="433848" spans="14:14">
      <c r="N433848" s="10"/>
    </row>
    <row r="433849" spans="14:14">
      <c r="N433849" s="10"/>
    </row>
    <row r="433850" spans="14:14">
      <c r="N433850" s="10"/>
    </row>
    <row r="433851" spans="14:14">
      <c r="N433851" s="10"/>
    </row>
    <row r="433852" spans="14:14">
      <c r="N433852" s="10"/>
    </row>
    <row r="433853" spans="14:14">
      <c r="N433853" s="10"/>
    </row>
    <row r="433854" spans="14:14">
      <c r="N433854" s="10"/>
    </row>
    <row r="433855" spans="14:14">
      <c r="N433855" s="10"/>
    </row>
    <row r="433856" spans="14:14">
      <c r="N433856" s="10"/>
    </row>
    <row r="433857" spans="14:14">
      <c r="N433857" s="10"/>
    </row>
    <row r="433858" spans="14:14">
      <c r="N433858" s="10"/>
    </row>
    <row r="433859" spans="14:14">
      <c r="N433859" s="10"/>
    </row>
    <row r="433860" spans="14:14">
      <c r="N433860" s="10"/>
    </row>
    <row r="433861" spans="14:14">
      <c r="N433861" s="10"/>
    </row>
    <row r="433862" spans="14:14">
      <c r="N433862" s="10"/>
    </row>
    <row r="433863" spans="14:14">
      <c r="N433863" s="10"/>
    </row>
    <row r="433864" spans="14:14">
      <c r="N433864" s="10"/>
    </row>
    <row r="433865" spans="14:14">
      <c r="N433865" s="10"/>
    </row>
    <row r="433866" spans="14:14">
      <c r="N433866" s="10"/>
    </row>
    <row r="433867" spans="14:14">
      <c r="N433867" s="10"/>
    </row>
    <row r="433868" spans="14:14">
      <c r="N433868" s="10"/>
    </row>
    <row r="433869" spans="14:14">
      <c r="N433869" s="10"/>
    </row>
    <row r="433870" spans="14:14">
      <c r="N433870" s="10"/>
    </row>
    <row r="433871" spans="14:14">
      <c r="N433871" s="10"/>
    </row>
    <row r="433872" spans="14:14">
      <c r="N433872" s="10"/>
    </row>
    <row r="433873" spans="14:14">
      <c r="N433873" s="10"/>
    </row>
    <row r="433874" spans="14:14">
      <c r="N433874" s="10"/>
    </row>
    <row r="433875" spans="14:14">
      <c r="N433875" s="10"/>
    </row>
    <row r="433876" spans="14:14">
      <c r="N433876" s="10"/>
    </row>
    <row r="433877" spans="14:14">
      <c r="N433877" s="10"/>
    </row>
    <row r="433878" spans="14:14">
      <c r="N433878" s="10"/>
    </row>
    <row r="433879" spans="14:14">
      <c r="N433879" s="10"/>
    </row>
    <row r="433880" spans="14:14">
      <c r="N433880" s="10"/>
    </row>
    <row r="433881" spans="14:14">
      <c r="N433881" s="10"/>
    </row>
    <row r="433882" spans="14:14">
      <c r="N433882" s="10"/>
    </row>
    <row r="433883" spans="14:14">
      <c r="N433883" s="10"/>
    </row>
    <row r="433884" spans="14:14">
      <c r="N433884" s="10"/>
    </row>
    <row r="433885" spans="14:14">
      <c r="N433885" s="10"/>
    </row>
    <row r="433886" spans="14:14">
      <c r="N433886" s="10"/>
    </row>
    <row r="433887" spans="14:14">
      <c r="N433887" s="10"/>
    </row>
    <row r="433888" spans="14:14">
      <c r="N433888" s="10"/>
    </row>
    <row r="433889" spans="14:14">
      <c r="N433889" s="10"/>
    </row>
    <row r="433890" spans="14:14">
      <c r="N433890" s="10"/>
    </row>
    <row r="433891" spans="14:14">
      <c r="N433891" s="10"/>
    </row>
    <row r="433892" spans="14:14">
      <c r="N433892" s="10"/>
    </row>
    <row r="433893" spans="14:14">
      <c r="N433893" s="10"/>
    </row>
    <row r="433894" spans="14:14">
      <c r="N433894" s="10"/>
    </row>
    <row r="433895" spans="14:14">
      <c r="N433895" s="10"/>
    </row>
    <row r="433896" spans="14:14">
      <c r="N433896" s="10"/>
    </row>
    <row r="433897" spans="14:14">
      <c r="N433897" s="10"/>
    </row>
    <row r="433898" spans="14:14">
      <c r="N433898" s="10"/>
    </row>
    <row r="433899" spans="14:14">
      <c r="N433899" s="10"/>
    </row>
    <row r="433900" spans="14:14">
      <c r="N433900" s="10"/>
    </row>
    <row r="433901" spans="14:14">
      <c r="N433901" s="10"/>
    </row>
    <row r="433902" spans="14:14">
      <c r="N433902" s="10"/>
    </row>
    <row r="433903" spans="14:14">
      <c r="N433903" s="10"/>
    </row>
    <row r="433904" spans="14:14">
      <c r="N433904" s="10"/>
    </row>
    <row r="433905" spans="14:14">
      <c r="N433905" s="10"/>
    </row>
    <row r="433906" spans="14:14">
      <c r="N433906" s="10"/>
    </row>
    <row r="433907" spans="14:14">
      <c r="N433907" s="10"/>
    </row>
    <row r="433908" spans="14:14">
      <c r="N433908" s="10"/>
    </row>
    <row r="433909" spans="14:14">
      <c r="N433909" s="10"/>
    </row>
    <row r="433910" spans="14:14">
      <c r="N433910" s="10"/>
    </row>
    <row r="433911" spans="14:14">
      <c r="N433911" s="10"/>
    </row>
    <row r="433912" spans="14:14">
      <c r="N433912" s="10"/>
    </row>
    <row r="433913" spans="14:14">
      <c r="N433913" s="10"/>
    </row>
    <row r="433914" spans="14:14">
      <c r="N433914" s="10"/>
    </row>
    <row r="433915" spans="14:14">
      <c r="N433915" s="10"/>
    </row>
    <row r="433916" spans="14:14">
      <c r="N433916" s="10"/>
    </row>
    <row r="433917" spans="14:14">
      <c r="N433917" s="10"/>
    </row>
    <row r="433918" spans="14:14">
      <c r="N433918" s="10"/>
    </row>
    <row r="433919" spans="14:14">
      <c r="N433919" s="10"/>
    </row>
    <row r="433920" spans="14:14">
      <c r="N433920" s="10"/>
    </row>
    <row r="433921" spans="14:14">
      <c r="N433921" s="10"/>
    </row>
    <row r="433922" spans="14:14">
      <c r="N433922" s="10"/>
    </row>
    <row r="433923" spans="14:14">
      <c r="N433923" s="10"/>
    </row>
    <row r="433924" spans="14:14">
      <c r="N433924" s="10"/>
    </row>
    <row r="433925" spans="14:14">
      <c r="N433925" s="10"/>
    </row>
    <row r="433926" spans="14:14">
      <c r="N433926" s="10"/>
    </row>
    <row r="433927" spans="14:14">
      <c r="N433927" s="10"/>
    </row>
    <row r="433928" spans="14:14">
      <c r="N433928" s="10"/>
    </row>
    <row r="433929" spans="14:14">
      <c r="N433929" s="10"/>
    </row>
    <row r="433930" spans="14:14">
      <c r="N433930" s="10"/>
    </row>
    <row r="433931" spans="14:14">
      <c r="N433931" s="10"/>
    </row>
    <row r="433932" spans="14:14">
      <c r="N433932" s="10"/>
    </row>
    <row r="433933" spans="14:14">
      <c r="N433933" s="10"/>
    </row>
    <row r="433934" spans="14:14">
      <c r="N433934" s="10"/>
    </row>
    <row r="433935" spans="14:14">
      <c r="N433935" s="10"/>
    </row>
    <row r="433936" spans="14:14">
      <c r="N433936" s="10"/>
    </row>
    <row r="433937" spans="14:14">
      <c r="N433937" s="10"/>
    </row>
    <row r="433938" spans="14:14">
      <c r="N433938" s="10"/>
    </row>
    <row r="433939" spans="14:14">
      <c r="N433939" s="10"/>
    </row>
    <row r="433940" spans="14:14">
      <c r="N433940" s="10"/>
    </row>
    <row r="433941" spans="14:14">
      <c r="N433941" s="10"/>
    </row>
    <row r="433942" spans="14:14">
      <c r="N433942" s="10"/>
    </row>
    <row r="433943" spans="14:14">
      <c r="N433943" s="10"/>
    </row>
    <row r="433944" spans="14:14">
      <c r="N433944" s="10"/>
    </row>
    <row r="433945" spans="14:14">
      <c r="N433945" s="10"/>
    </row>
    <row r="433946" spans="14:14">
      <c r="N433946" s="10"/>
    </row>
    <row r="433947" spans="14:14">
      <c r="N433947" s="10"/>
    </row>
    <row r="433948" spans="14:14">
      <c r="N433948" s="10"/>
    </row>
    <row r="433949" spans="14:14">
      <c r="N433949" s="10"/>
    </row>
    <row r="433950" spans="14:14">
      <c r="N433950" s="10"/>
    </row>
    <row r="433951" spans="14:14">
      <c r="N433951" s="10"/>
    </row>
    <row r="433952" spans="14:14">
      <c r="N433952" s="10"/>
    </row>
    <row r="433953" spans="14:14">
      <c r="N433953" s="10"/>
    </row>
    <row r="433954" spans="14:14">
      <c r="N433954" s="10"/>
    </row>
    <row r="433955" spans="14:14">
      <c r="N433955" s="10"/>
    </row>
    <row r="433956" spans="14:14">
      <c r="N433956" s="10"/>
    </row>
    <row r="433957" spans="14:14">
      <c r="N433957" s="10"/>
    </row>
    <row r="433958" spans="14:14">
      <c r="N433958" s="10"/>
    </row>
    <row r="433959" spans="14:14">
      <c r="N433959" s="10"/>
    </row>
    <row r="433960" spans="14:14">
      <c r="N433960" s="10"/>
    </row>
    <row r="433961" spans="14:14">
      <c r="N433961" s="10"/>
    </row>
    <row r="433962" spans="14:14">
      <c r="N433962" s="10"/>
    </row>
    <row r="433963" spans="14:14">
      <c r="N433963" s="10"/>
    </row>
    <row r="433964" spans="14:14">
      <c r="N433964" s="10"/>
    </row>
    <row r="433965" spans="14:14">
      <c r="N433965" s="10"/>
    </row>
    <row r="433966" spans="14:14">
      <c r="N433966" s="10"/>
    </row>
    <row r="433967" spans="14:14">
      <c r="N433967" s="10"/>
    </row>
    <row r="433968" spans="14:14">
      <c r="N433968" s="10"/>
    </row>
    <row r="433969" spans="14:14">
      <c r="N433969" s="10"/>
    </row>
    <row r="433970" spans="14:14">
      <c r="N433970" s="10"/>
    </row>
    <row r="433971" spans="14:14">
      <c r="N433971" s="10"/>
    </row>
    <row r="433972" spans="14:14">
      <c r="N433972" s="10"/>
    </row>
    <row r="433973" spans="14:14">
      <c r="N433973" s="10"/>
    </row>
    <row r="433974" spans="14:14">
      <c r="N433974" s="10"/>
    </row>
    <row r="433975" spans="14:14">
      <c r="N433975" s="10"/>
    </row>
    <row r="433976" spans="14:14">
      <c r="N433976" s="10"/>
    </row>
    <row r="433977" spans="14:14">
      <c r="N433977" s="10"/>
    </row>
    <row r="433978" spans="14:14">
      <c r="N433978" s="10"/>
    </row>
    <row r="433979" spans="14:14">
      <c r="N433979" s="10"/>
    </row>
    <row r="433980" spans="14:14">
      <c r="N433980" s="10"/>
    </row>
    <row r="433981" spans="14:14">
      <c r="N433981" s="10"/>
    </row>
    <row r="433982" spans="14:14">
      <c r="N433982" s="10"/>
    </row>
    <row r="433983" spans="14:14">
      <c r="N433983" s="10"/>
    </row>
    <row r="433984" spans="14:14">
      <c r="N433984" s="10"/>
    </row>
    <row r="433985" spans="14:14">
      <c r="N433985" s="10"/>
    </row>
    <row r="433986" spans="14:14">
      <c r="N433986" s="10"/>
    </row>
    <row r="433987" spans="14:14">
      <c r="N433987" s="10"/>
    </row>
    <row r="433988" spans="14:14">
      <c r="N433988" s="10"/>
    </row>
    <row r="433989" spans="14:14">
      <c r="N433989" s="10"/>
    </row>
    <row r="433990" spans="14:14">
      <c r="N433990" s="10"/>
    </row>
    <row r="433991" spans="14:14">
      <c r="N433991" s="10"/>
    </row>
    <row r="433992" spans="14:14">
      <c r="N433992" s="10"/>
    </row>
    <row r="433993" spans="14:14">
      <c r="N433993" s="10"/>
    </row>
    <row r="433994" spans="14:14">
      <c r="N433994" s="10"/>
    </row>
    <row r="433995" spans="14:14">
      <c r="N433995" s="10"/>
    </row>
    <row r="433996" spans="14:14">
      <c r="N433996" s="10"/>
    </row>
    <row r="433997" spans="14:14">
      <c r="N433997" s="10"/>
    </row>
    <row r="433998" spans="14:14">
      <c r="N433998" s="10"/>
    </row>
    <row r="433999" spans="14:14">
      <c r="N433999" s="10"/>
    </row>
    <row r="434000" spans="14:14">
      <c r="N434000" s="10"/>
    </row>
    <row r="434001" spans="14:14">
      <c r="N434001" s="10"/>
    </row>
    <row r="434002" spans="14:14">
      <c r="N434002" s="10"/>
    </row>
    <row r="434003" spans="14:14">
      <c r="N434003" s="10"/>
    </row>
    <row r="434004" spans="14:14">
      <c r="N434004" s="10"/>
    </row>
    <row r="434005" spans="14:14">
      <c r="N434005" s="10"/>
    </row>
    <row r="434006" spans="14:14">
      <c r="N434006" s="10"/>
    </row>
    <row r="434007" spans="14:14">
      <c r="N434007" s="10"/>
    </row>
    <row r="434008" spans="14:14">
      <c r="N434008" s="10"/>
    </row>
    <row r="434009" spans="14:14">
      <c r="N434009" s="10"/>
    </row>
    <row r="434010" spans="14:14">
      <c r="N434010" s="10"/>
    </row>
    <row r="434011" spans="14:14">
      <c r="N434011" s="10"/>
    </row>
    <row r="434012" spans="14:14">
      <c r="N434012" s="10"/>
    </row>
    <row r="434013" spans="14:14">
      <c r="N434013" s="10"/>
    </row>
    <row r="434014" spans="14:14">
      <c r="N434014" s="10"/>
    </row>
    <row r="434015" spans="14:14">
      <c r="N434015" s="10"/>
    </row>
    <row r="434016" spans="14:14">
      <c r="N434016" s="10"/>
    </row>
    <row r="434017" spans="14:14">
      <c r="N434017" s="10"/>
    </row>
    <row r="434018" spans="14:14">
      <c r="N434018" s="10"/>
    </row>
    <row r="434019" spans="14:14">
      <c r="N434019" s="10"/>
    </row>
    <row r="434020" spans="14:14">
      <c r="N434020" s="10"/>
    </row>
    <row r="434021" spans="14:14">
      <c r="N434021" s="10"/>
    </row>
    <row r="434022" spans="14:14">
      <c r="N434022" s="10"/>
    </row>
    <row r="434023" spans="14:14">
      <c r="N434023" s="10"/>
    </row>
    <row r="434024" spans="14:14">
      <c r="N434024" s="10"/>
    </row>
    <row r="434025" spans="14:14">
      <c r="N434025" s="10"/>
    </row>
    <row r="434026" spans="14:14">
      <c r="N434026" s="10"/>
    </row>
    <row r="434027" spans="14:14">
      <c r="N434027" s="10"/>
    </row>
    <row r="434028" spans="14:14">
      <c r="N434028" s="10"/>
    </row>
    <row r="434029" spans="14:14">
      <c r="N434029" s="10"/>
    </row>
    <row r="434030" spans="14:14">
      <c r="N434030" s="10"/>
    </row>
    <row r="434031" spans="14:14">
      <c r="N434031" s="10"/>
    </row>
    <row r="434032" spans="14:14">
      <c r="N434032" s="10"/>
    </row>
    <row r="434033" spans="14:14">
      <c r="N434033" s="10"/>
    </row>
    <row r="434034" spans="14:14">
      <c r="N434034" s="10"/>
    </row>
    <row r="434035" spans="14:14">
      <c r="N434035" s="10"/>
    </row>
    <row r="434036" spans="14:14">
      <c r="N434036" s="10"/>
    </row>
    <row r="434037" spans="14:14">
      <c r="N434037" s="10"/>
    </row>
    <row r="434038" spans="14:14">
      <c r="N434038" s="10"/>
    </row>
    <row r="434039" spans="14:14">
      <c r="N434039" s="10"/>
    </row>
    <row r="434040" spans="14:14">
      <c r="N434040" s="10"/>
    </row>
    <row r="434041" spans="14:14">
      <c r="N434041" s="10"/>
    </row>
    <row r="434042" spans="14:14">
      <c r="N434042" s="10"/>
    </row>
    <row r="434043" spans="14:14">
      <c r="N434043" s="10"/>
    </row>
    <row r="434044" spans="14:14">
      <c r="N434044" s="10"/>
    </row>
    <row r="434045" spans="14:14">
      <c r="N434045" s="10"/>
    </row>
    <row r="434046" spans="14:14">
      <c r="N434046" s="10"/>
    </row>
    <row r="434047" spans="14:14">
      <c r="N434047" s="10"/>
    </row>
    <row r="434048" spans="14:14">
      <c r="N434048" s="10"/>
    </row>
    <row r="434049" spans="14:14">
      <c r="N434049" s="10"/>
    </row>
    <row r="434050" spans="14:14">
      <c r="N434050" s="10"/>
    </row>
    <row r="434051" spans="14:14">
      <c r="N434051" s="10"/>
    </row>
    <row r="434052" spans="14:14">
      <c r="N434052" s="10"/>
    </row>
    <row r="434053" spans="14:14">
      <c r="N434053" s="10"/>
    </row>
    <row r="434054" spans="14:14">
      <c r="N434054" s="10"/>
    </row>
    <row r="434055" spans="14:14">
      <c r="N434055" s="10"/>
    </row>
    <row r="434056" spans="14:14">
      <c r="N434056" s="10"/>
    </row>
    <row r="434057" spans="14:14">
      <c r="N434057" s="10"/>
    </row>
    <row r="434058" spans="14:14">
      <c r="N434058" s="10"/>
    </row>
    <row r="434059" spans="14:14">
      <c r="N434059" s="10"/>
    </row>
    <row r="434060" spans="14:14">
      <c r="N434060" s="10"/>
    </row>
    <row r="434061" spans="14:14">
      <c r="N434061" s="10"/>
    </row>
    <row r="434062" spans="14:14">
      <c r="N434062" s="10"/>
    </row>
    <row r="434063" spans="14:14">
      <c r="N434063" s="10"/>
    </row>
    <row r="434064" spans="14:14">
      <c r="N434064" s="10"/>
    </row>
    <row r="434065" spans="14:14">
      <c r="N434065" s="10"/>
    </row>
    <row r="434066" spans="14:14">
      <c r="N434066" s="10"/>
    </row>
    <row r="434067" spans="14:14">
      <c r="N434067" s="10"/>
    </row>
    <row r="434068" spans="14:14">
      <c r="N434068" s="10"/>
    </row>
    <row r="434069" spans="14:14">
      <c r="N434069" s="10"/>
    </row>
    <row r="434070" spans="14:14">
      <c r="N434070" s="10"/>
    </row>
    <row r="434071" spans="14:14">
      <c r="N434071" s="10"/>
    </row>
    <row r="434072" spans="14:14">
      <c r="N434072" s="10"/>
    </row>
    <row r="434073" spans="14:14">
      <c r="N434073" s="10"/>
    </row>
    <row r="434074" spans="14:14">
      <c r="N434074" s="10"/>
    </row>
    <row r="434075" spans="14:14">
      <c r="N434075" s="10"/>
    </row>
    <row r="434076" spans="14:14">
      <c r="N434076" s="10"/>
    </row>
    <row r="434077" spans="14:14">
      <c r="N434077" s="10"/>
    </row>
    <row r="434078" spans="14:14">
      <c r="N434078" s="10"/>
    </row>
    <row r="434079" spans="14:14">
      <c r="N434079" s="10"/>
    </row>
    <row r="434080" spans="14:14">
      <c r="N434080" s="10"/>
    </row>
    <row r="434081" spans="14:14">
      <c r="N434081" s="10"/>
    </row>
    <row r="434082" spans="14:14">
      <c r="N434082" s="10"/>
    </row>
    <row r="434083" spans="14:14">
      <c r="N434083" s="10"/>
    </row>
    <row r="434084" spans="14:14">
      <c r="N434084" s="10"/>
    </row>
    <row r="434085" spans="14:14">
      <c r="N434085" s="10"/>
    </row>
    <row r="434086" spans="14:14">
      <c r="N434086" s="10"/>
    </row>
    <row r="434087" spans="14:14">
      <c r="N434087" s="10"/>
    </row>
    <row r="434088" spans="14:14">
      <c r="N434088" s="10"/>
    </row>
    <row r="434089" spans="14:14">
      <c r="N434089" s="10"/>
    </row>
    <row r="434090" spans="14:14">
      <c r="N434090" s="10"/>
    </row>
    <row r="434091" spans="14:14">
      <c r="N434091" s="10"/>
    </row>
    <row r="434092" spans="14:14">
      <c r="N434092" s="10"/>
    </row>
    <row r="434093" spans="14:14">
      <c r="N434093" s="10"/>
    </row>
    <row r="434094" spans="14:14">
      <c r="N434094" s="10"/>
    </row>
    <row r="434095" spans="14:14">
      <c r="N434095" s="10"/>
    </row>
    <row r="434096" spans="14:14">
      <c r="N434096" s="10"/>
    </row>
    <row r="434097" spans="14:14">
      <c r="N434097" s="10"/>
    </row>
    <row r="434098" spans="14:14">
      <c r="N434098" s="10"/>
    </row>
    <row r="434099" spans="14:14">
      <c r="N434099" s="10"/>
    </row>
    <row r="434100" spans="14:14">
      <c r="N434100" s="10"/>
    </row>
    <row r="434101" spans="14:14">
      <c r="N434101" s="10"/>
    </row>
    <row r="434102" spans="14:14">
      <c r="N434102" s="10"/>
    </row>
    <row r="434103" spans="14:14">
      <c r="N434103" s="10"/>
    </row>
    <row r="434104" spans="14:14">
      <c r="N434104" s="10"/>
    </row>
    <row r="434105" spans="14:14">
      <c r="N434105" s="10"/>
    </row>
    <row r="434106" spans="14:14">
      <c r="N434106" s="10"/>
    </row>
    <row r="434107" spans="14:14">
      <c r="N434107" s="10"/>
    </row>
    <row r="434108" spans="14:14">
      <c r="N434108" s="10"/>
    </row>
    <row r="434109" spans="14:14">
      <c r="N434109" s="10"/>
    </row>
    <row r="434110" spans="14:14">
      <c r="N434110" s="10"/>
    </row>
    <row r="434111" spans="14:14">
      <c r="N434111" s="10"/>
    </row>
    <row r="434112" spans="14:14">
      <c r="N434112" s="10"/>
    </row>
    <row r="434113" spans="14:14">
      <c r="N434113" s="10"/>
    </row>
    <row r="434114" spans="14:14">
      <c r="N434114" s="10"/>
    </row>
    <row r="434115" spans="14:14">
      <c r="N434115" s="10"/>
    </row>
    <row r="434116" spans="14:14">
      <c r="N434116" s="10"/>
    </row>
    <row r="434117" spans="14:14">
      <c r="N434117" s="10"/>
    </row>
    <row r="434118" spans="14:14">
      <c r="N434118" s="10"/>
    </row>
    <row r="434119" spans="14:14">
      <c r="N434119" s="10"/>
    </row>
    <row r="434120" spans="14:14">
      <c r="N434120" s="10"/>
    </row>
    <row r="434121" spans="14:14">
      <c r="N434121" s="10"/>
    </row>
    <row r="434122" spans="14:14">
      <c r="N434122" s="10"/>
    </row>
    <row r="434123" spans="14:14">
      <c r="N434123" s="10"/>
    </row>
    <row r="434124" spans="14:14">
      <c r="N434124" s="10"/>
    </row>
    <row r="434125" spans="14:14">
      <c r="N434125" s="10"/>
    </row>
    <row r="434126" spans="14:14">
      <c r="N434126" s="10"/>
    </row>
    <row r="434127" spans="14:14">
      <c r="N434127" s="10"/>
    </row>
    <row r="434128" spans="14:14">
      <c r="N434128" s="10"/>
    </row>
    <row r="434129" spans="14:14">
      <c r="N434129" s="10"/>
    </row>
    <row r="434130" spans="14:14">
      <c r="N434130" s="10"/>
    </row>
    <row r="434131" spans="14:14">
      <c r="N434131" s="10"/>
    </row>
    <row r="434132" spans="14:14">
      <c r="N434132" s="10"/>
    </row>
    <row r="434133" spans="14:14">
      <c r="N434133" s="10"/>
    </row>
    <row r="434134" spans="14:14">
      <c r="N434134" s="10"/>
    </row>
    <row r="434135" spans="14:14">
      <c r="N434135" s="10"/>
    </row>
    <row r="434136" spans="14:14">
      <c r="N434136" s="10"/>
    </row>
    <row r="434137" spans="14:14">
      <c r="N434137" s="10"/>
    </row>
    <row r="434138" spans="14:14">
      <c r="N434138" s="10"/>
    </row>
    <row r="434139" spans="14:14">
      <c r="N434139" s="10"/>
    </row>
    <row r="434140" spans="14:14">
      <c r="N434140" s="10"/>
    </row>
    <row r="434141" spans="14:14">
      <c r="N434141" s="10"/>
    </row>
    <row r="434142" spans="14:14">
      <c r="N434142" s="10"/>
    </row>
    <row r="434143" spans="14:14">
      <c r="N434143" s="10"/>
    </row>
    <row r="434144" spans="14:14">
      <c r="N434144" s="10"/>
    </row>
    <row r="434145" spans="14:14">
      <c r="N434145" s="10"/>
    </row>
    <row r="434146" spans="14:14">
      <c r="N434146" s="10"/>
    </row>
    <row r="434147" spans="14:14">
      <c r="N434147" s="10"/>
    </row>
    <row r="434148" spans="14:14">
      <c r="N434148" s="10"/>
    </row>
    <row r="434149" spans="14:14">
      <c r="N434149" s="10"/>
    </row>
    <row r="434150" spans="14:14">
      <c r="N434150" s="10"/>
    </row>
    <row r="434151" spans="14:14">
      <c r="N434151" s="10"/>
    </row>
    <row r="434152" spans="14:14">
      <c r="N434152" s="10"/>
    </row>
    <row r="434153" spans="14:14">
      <c r="N434153" s="10"/>
    </row>
    <row r="434154" spans="14:14">
      <c r="N434154" s="10"/>
    </row>
    <row r="434155" spans="14:14">
      <c r="N434155" s="10"/>
    </row>
    <row r="434156" spans="14:14">
      <c r="N434156" s="10"/>
    </row>
    <row r="434157" spans="14:14">
      <c r="N434157" s="10"/>
    </row>
    <row r="434158" spans="14:14">
      <c r="N434158" s="10"/>
    </row>
    <row r="434159" spans="14:14">
      <c r="N434159" s="10"/>
    </row>
    <row r="434160" spans="14:14">
      <c r="N434160" s="10"/>
    </row>
    <row r="434161" spans="14:14">
      <c r="N434161" s="10"/>
    </row>
    <row r="434162" spans="14:14">
      <c r="N434162" s="10"/>
    </row>
    <row r="434163" spans="14:14">
      <c r="N434163" s="10"/>
    </row>
    <row r="434164" spans="14:14">
      <c r="N434164" s="10"/>
    </row>
    <row r="434165" spans="14:14">
      <c r="N434165" s="10"/>
    </row>
    <row r="434166" spans="14:14">
      <c r="N434166" s="10"/>
    </row>
    <row r="434167" spans="14:14">
      <c r="N434167" s="10"/>
    </row>
    <row r="434168" spans="14:14">
      <c r="N434168" s="10"/>
    </row>
    <row r="434169" spans="14:14">
      <c r="N434169" s="10"/>
    </row>
    <row r="434170" spans="14:14">
      <c r="N434170" s="10"/>
    </row>
    <row r="434171" spans="14:14">
      <c r="N434171" s="10"/>
    </row>
    <row r="434172" spans="14:14">
      <c r="N434172" s="10"/>
    </row>
    <row r="434173" spans="14:14">
      <c r="N434173" s="10"/>
    </row>
    <row r="434174" spans="14:14">
      <c r="N434174" s="10"/>
    </row>
    <row r="434175" spans="14:14">
      <c r="N434175" s="10"/>
    </row>
    <row r="434176" spans="14:14">
      <c r="N434176" s="10"/>
    </row>
    <row r="434177" spans="14:14">
      <c r="N434177" s="10"/>
    </row>
    <row r="434178" spans="14:14">
      <c r="N434178" s="10"/>
    </row>
    <row r="434179" spans="14:14">
      <c r="N434179" s="10"/>
    </row>
    <row r="434180" spans="14:14">
      <c r="N434180" s="10"/>
    </row>
    <row r="434181" spans="14:14">
      <c r="N434181" s="10"/>
    </row>
    <row r="434182" spans="14:14">
      <c r="N434182" s="10"/>
    </row>
    <row r="434183" spans="14:14">
      <c r="N434183" s="10"/>
    </row>
    <row r="434184" spans="14:14">
      <c r="N434184" s="10"/>
    </row>
    <row r="434185" spans="14:14">
      <c r="N434185" s="10"/>
    </row>
    <row r="434186" spans="14:14">
      <c r="N434186" s="10"/>
    </row>
    <row r="434187" spans="14:14">
      <c r="N434187" s="10"/>
    </row>
    <row r="434188" spans="14:14">
      <c r="N434188" s="10"/>
    </row>
    <row r="434189" spans="14:14">
      <c r="N434189" s="10"/>
    </row>
    <row r="434190" spans="14:14">
      <c r="N434190" s="10"/>
    </row>
    <row r="434191" spans="14:14">
      <c r="N434191" s="10"/>
    </row>
    <row r="434192" spans="14:14">
      <c r="N434192" s="10"/>
    </row>
    <row r="434193" spans="14:14">
      <c r="N434193" s="10"/>
    </row>
    <row r="434194" spans="14:14">
      <c r="N434194" s="10"/>
    </row>
    <row r="434195" spans="14:14">
      <c r="N434195" s="10"/>
    </row>
    <row r="434196" spans="14:14">
      <c r="N434196" s="10"/>
    </row>
    <row r="434197" spans="14:14">
      <c r="N434197" s="10"/>
    </row>
    <row r="434198" spans="14:14">
      <c r="N434198" s="10"/>
    </row>
    <row r="434199" spans="14:14">
      <c r="N434199" s="10"/>
    </row>
    <row r="434200" spans="14:14">
      <c r="N434200" s="10"/>
    </row>
    <row r="434201" spans="14:14">
      <c r="N434201" s="10"/>
    </row>
    <row r="434202" spans="14:14">
      <c r="N434202" s="10"/>
    </row>
    <row r="434203" spans="14:14">
      <c r="N434203" s="10"/>
    </row>
    <row r="434204" spans="14:14">
      <c r="N434204" s="10"/>
    </row>
    <row r="434205" spans="14:14">
      <c r="N434205" s="10"/>
    </row>
    <row r="434206" spans="14:14">
      <c r="N434206" s="10"/>
    </row>
    <row r="434207" spans="14:14">
      <c r="N434207" s="10"/>
    </row>
    <row r="434208" spans="14:14">
      <c r="N434208" s="10"/>
    </row>
    <row r="434209" spans="14:14">
      <c r="N434209" s="10"/>
    </row>
    <row r="434210" spans="14:14">
      <c r="N434210" s="10"/>
    </row>
    <row r="434211" spans="14:14">
      <c r="N434211" s="10"/>
    </row>
    <row r="434212" spans="14:14">
      <c r="N434212" s="10"/>
    </row>
    <row r="434213" spans="14:14">
      <c r="N434213" s="10"/>
    </row>
    <row r="434214" spans="14:14">
      <c r="N434214" s="10"/>
    </row>
    <row r="434215" spans="14:14">
      <c r="N434215" s="10"/>
    </row>
    <row r="434216" spans="14:14">
      <c r="N434216" s="10"/>
    </row>
    <row r="434217" spans="14:14">
      <c r="N434217" s="10"/>
    </row>
    <row r="434218" spans="14:14">
      <c r="N434218" s="10"/>
    </row>
    <row r="434219" spans="14:14">
      <c r="N434219" s="10"/>
    </row>
    <row r="434220" spans="14:14">
      <c r="N434220" s="10"/>
    </row>
    <row r="434221" spans="14:14">
      <c r="N434221" s="10"/>
    </row>
    <row r="434222" spans="14:14">
      <c r="N434222" s="10"/>
    </row>
    <row r="434223" spans="14:14">
      <c r="N434223" s="10"/>
    </row>
    <row r="434224" spans="14:14">
      <c r="N434224" s="10"/>
    </row>
    <row r="434225" spans="14:14">
      <c r="N434225" s="10"/>
    </row>
    <row r="434226" spans="14:14">
      <c r="N434226" s="10"/>
    </row>
    <row r="434227" spans="14:14">
      <c r="N434227" s="10"/>
    </row>
    <row r="434228" spans="14:14">
      <c r="N434228" s="10"/>
    </row>
    <row r="434229" spans="14:14">
      <c r="N434229" s="10"/>
    </row>
    <row r="434230" spans="14:14">
      <c r="N434230" s="10"/>
    </row>
    <row r="434231" spans="14:14">
      <c r="N434231" s="10"/>
    </row>
    <row r="434232" spans="14:14">
      <c r="N434232" s="10"/>
    </row>
    <row r="434233" spans="14:14">
      <c r="N434233" s="10"/>
    </row>
    <row r="434234" spans="14:14">
      <c r="N434234" s="10"/>
    </row>
    <row r="434235" spans="14:14">
      <c r="N434235" s="10"/>
    </row>
    <row r="434236" spans="14:14">
      <c r="N434236" s="10"/>
    </row>
    <row r="434237" spans="14:14">
      <c r="N434237" s="10"/>
    </row>
    <row r="434238" spans="14:14">
      <c r="N434238" s="10"/>
    </row>
    <row r="434239" spans="14:14">
      <c r="N434239" s="10"/>
    </row>
    <row r="434240" spans="14:14">
      <c r="N434240" s="10"/>
    </row>
    <row r="434241" spans="14:14">
      <c r="N434241" s="10"/>
    </row>
    <row r="434242" spans="14:14">
      <c r="N434242" s="10"/>
    </row>
    <row r="434243" spans="14:14">
      <c r="N434243" s="10"/>
    </row>
    <row r="434244" spans="14:14">
      <c r="N434244" s="10"/>
    </row>
    <row r="434245" spans="14:14">
      <c r="N434245" s="10"/>
    </row>
    <row r="434246" spans="14:14">
      <c r="N434246" s="10"/>
    </row>
    <row r="434247" spans="14:14">
      <c r="N434247" s="10"/>
    </row>
    <row r="434248" spans="14:14">
      <c r="N434248" s="10"/>
    </row>
    <row r="434249" spans="14:14">
      <c r="N434249" s="10"/>
    </row>
    <row r="434250" spans="14:14">
      <c r="N434250" s="10"/>
    </row>
    <row r="434251" spans="14:14">
      <c r="N434251" s="10"/>
    </row>
    <row r="434252" spans="14:14">
      <c r="N434252" s="10"/>
    </row>
    <row r="434253" spans="14:14">
      <c r="N434253" s="10"/>
    </row>
    <row r="434254" spans="14:14">
      <c r="N434254" s="10"/>
    </row>
    <row r="434255" spans="14:14">
      <c r="N434255" s="10"/>
    </row>
    <row r="434256" spans="14:14">
      <c r="N434256" s="10"/>
    </row>
    <row r="434257" spans="14:14">
      <c r="N434257" s="10"/>
    </row>
    <row r="434258" spans="14:14">
      <c r="N434258" s="10"/>
    </row>
    <row r="434259" spans="14:14">
      <c r="N434259" s="10"/>
    </row>
    <row r="434260" spans="14:14">
      <c r="N434260" s="10"/>
    </row>
    <row r="434261" spans="14:14">
      <c r="N434261" s="10"/>
    </row>
    <row r="434262" spans="14:14">
      <c r="N434262" s="10"/>
    </row>
    <row r="434263" spans="14:14">
      <c r="N434263" s="10"/>
    </row>
    <row r="434264" spans="14:14">
      <c r="N434264" s="10"/>
    </row>
    <row r="434265" spans="14:14">
      <c r="N434265" s="10"/>
    </row>
    <row r="434266" spans="14:14">
      <c r="N434266" s="10"/>
    </row>
    <row r="434267" spans="14:14">
      <c r="N434267" s="10"/>
    </row>
    <row r="434268" spans="14:14">
      <c r="N434268" s="10"/>
    </row>
    <row r="434269" spans="14:14">
      <c r="N434269" s="10"/>
    </row>
    <row r="434270" spans="14:14">
      <c r="N434270" s="10"/>
    </row>
    <row r="434271" spans="14:14">
      <c r="N434271" s="10"/>
    </row>
    <row r="434272" spans="14:14">
      <c r="N434272" s="10"/>
    </row>
    <row r="434273" spans="14:14">
      <c r="N434273" s="10"/>
    </row>
    <row r="434274" spans="14:14">
      <c r="N434274" s="10"/>
    </row>
    <row r="434275" spans="14:14">
      <c r="N434275" s="10"/>
    </row>
    <row r="434276" spans="14:14">
      <c r="N434276" s="10"/>
    </row>
    <row r="434277" spans="14:14">
      <c r="N434277" s="10"/>
    </row>
    <row r="434278" spans="14:14">
      <c r="N434278" s="10"/>
    </row>
    <row r="434279" spans="14:14">
      <c r="N434279" s="10"/>
    </row>
    <row r="434280" spans="14:14">
      <c r="N434280" s="10"/>
    </row>
    <row r="434281" spans="14:14">
      <c r="N434281" s="10"/>
    </row>
    <row r="434282" spans="14:14">
      <c r="N434282" s="10"/>
    </row>
    <row r="434283" spans="14:14">
      <c r="N434283" s="10"/>
    </row>
    <row r="434284" spans="14:14">
      <c r="N434284" s="10"/>
    </row>
    <row r="434285" spans="14:14">
      <c r="N434285" s="10"/>
    </row>
    <row r="434286" spans="14:14">
      <c r="N434286" s="10"/>
    </row>
    <row r="434287" spans="14:14">
      <c r="N434287" s="10"/>
    </row>
    <row r="434288" spans="14:14">
      <c r="N434288" s="10"/>
    </row>
    <row r="434289" spans="14:14">
      <c r="N434289" s="10"/>
    </row>
    <row r="434290" spans="14:14">
      <c r="N434290" s="10"/>
    </row>
    <row r="434291" spans="14:14">
      <c r="N434291" s="10"/>
    </row>
    <row r="434292" spans="14:14">
      <c r="N434292" s="10"/>
    </row>
    <row r="434293" spans="14:14">
      <c r="N434293" s="10"/>
    </row>
    <row r="434294" spans="14:14">
      <c r="N434294" s="10"/>
    </row>
    <row r="434295" spans="14:14">
      <c r="N434295" s="10"/>
    </row>
    <row r="434296" spans="14:14">
      <c r="N434296" s="10"/>
    </row>
    <row r="434297" spans="14:14">
      <c r="N434297" s="10"/>
    </row>
    <row r="434298" spans="14:14">
      <c r="N434298" s="10"/>
    </row>
    <row r="434299" spans="14:14">
      <c r="N434299" s="10"/>
    </row>
    <row r="434300" spans="14:14">
      <c r="N434300" s="10"/>
    </row>
    <row r="434301" spans="14:14">
      <c r="N434301" s="10"/>
    </row>
    <row r="434302" spans="14:14">
      <c r="N434302" s="10"/>
    </row>
    <row r="434303" spans="14:14">
      <c r="N434303" s="10"/>
    </row>
    <row r="434304" spans="14:14">
      <c r="N434304" s="10"/>
    </row>
    <row r="434305" spans="14:14">
      <c r="N434305" s="10"/>
    </row>
    <row r="434306" spans="14:14">
      <c r="N434306" s="10"/>
    </row>
    <row r="434307" spans="14:14">
      <c r="N434307" s="10"/>
    </row>
    <row r="434308" spans="14:14">
      <c r="N434308" s="10"/>
    </row>
    <row r="434309" spans="14:14">
      <c r="N434309" s="10"/>
    </row>
    <row r="434310" spans="14:14">
      <c r="N434310" s="10"/>
    </row>
    <row r="434311" spans="14:14">
      <c r="N434311" s="10"/>
    </row>
    <row r="434312" spans="14:14">
      <c r="N434312" s="10"/>
    </row>
    <row r="434313" spans="14:14">
      <c r="N434313" s="10"/>
    </row>
    <row r="434314" spans="14:14">
      <c r="N434314" s="10"/>
    </row>
    <row r="434315" spans="14:14">
      <c r="N434315" s="10"/>
    </row>
    <row r="434316" spans="14:14">
      <c r="N434316" s="10"/>
    </row>
    <row r="434317" spans="14:14">
      <c r="N434317" s="10"/>
    </row>
    <row r="434318" spans="14:14">
      <c r="N434318" s="10"/>
    </row>
    <row r="434319" spans="14:14">
      <c r="N434319" s="10"/>
    </row>
    <row r="434320" spans="14:14">
      <c r="N434320" s="10"/>
    </row>
    <row r="434321" spans="14:14">
      <c r="N434321" s="10"/>
    </row>
    <row r="434322" spans="14:14">
      <c r="N434322" s="10"/>
    </row>
    <row r="434323" spans="14:14">
      <c r="N434323" s="10"/>
    </row>
    <row r="434324" spans="14:14">
      <c r="N434324" s="10"/>
    </row>
    <row r="434325" spans="14:14">
      <c r="N434325" s="10"/>
    </row>
    <row r="434326" spans="14:14">
      <c r="N434326" s="10"/>
    </row>
    <row r="434327" spans="14:14">
      <c r="N434327" s="10"/>
    </row>
    <row r="434328" spans="14:14">
      <c r="N434328" s="10"/>
    </row>
    <row r="434329" spans="14:14">
      <c r="N434329" s="10"/>
    </row>
    <row r="434330" spans="14:14">
      <c r="N434330" s="10"/>
    </row>
    <row r="434331" spans="14:14">
      <c r="N434331" s="10"/>
    </row>
    <row r="434332" spans="14:14">
      <c r="N434332" s="10"/>
    </row>
    <row r="434333" spans="14:14">
      <c r="N434333" s="10"/>
    </row>
    <row r="434334" spans="14:14">
      <c r="N434334" s="10"/>
    </row>
    <row r="434335" spans="14:14">
      <c r="N434335" s="10"/>
    </row>
    <row r="434336" spans="14:14">
      <c r="N434336" s="10"/>
    </row>
    <row r="434337" spans="14:14">
      <c r="N434337" s="10"/>
    </row>
    <row r="434338" spans="14:14">
      <c r="N434338" s="10"/>
    </row>
    <row r="434339" spans="14:14">
      <c r="N434339" s="10"/>
    </row>
    <row r="434340" spans="14:14">
      <c r="N434340" s="10"/>
    </row>
    <row r="434341" spans="14:14">
      <c r="N434341" s="10"/>
    </row>
    <row r="434342" spans="14:14">
      <c r="N434342" s="10"/>
    </row>
    <row r="434343" spans="14:14">
      <c r="N434343" s="10"/>
    </row>
    <row r="434344" spans="14:14">
      <c r="N434344" s="10"/>
    </row>
    <row r="434345" spans="14:14">
      <c r="N434345" s="10"/>
    </row>
    <row r="434346" spans="14:14">
      <c r="N434346" s="10"/>
    </row>
    <row r="434347" spans="14:14">
      <c r="N434347" s="10"/>
    </row>
    <row r="434348" spans="14:14">
      <c r="N434348" s="10"/>
    </row>
    <row r="434349" spans="14:14">
      <c r="N434349" s="10"/>
    </row>
    <row r="434350" spans="14:14">
      <c r="N434350" s="10"/>
    </row>
    <row r="434351" spans="14:14">
      <c r="N434351" s="10"/>
    </row>
    <row r="434352" spans="14:14">
      <c r="N434352" s="10"/>
    </row>
    <row r="434353" spans="14:14">
      <c r="N434353" s="10"/>
    </row>
    <row r="434354" spans="14:14">
      <c r="N434354" s="10"/>
    </row>
    <row r="434355" spans="14:14">
      <c r="N434355" s="10"/>
    </row>
    <row r="434356" spans="14:14">
      <c r="N434356" s="10"/>
    </row>
    <row r="434357" spans="14:14">
      <c r="N434357" s="10"/>
    </row>
    <row r="434358" spans="14:14">
      <c r="N434358" s="10"/>
    </row>
    <row r="434359" spans="14:14">
      <c r="N434359" s="10"/>
    </row>
    <row r="434360" spans="14:14">
      <c r="N434360" s="10"/>
    </row>
    <row r="434361" spans="14:14">
      <c r="N434361" s="10"/>
    </row>
    <row r="434362" spans="14:14">
      <c r="N434362" s="10"/>
    </row>
    <row r="434363" spans="14:14">
      <c r="N434363" s="10"/>
    </row>
    <row r="434364" spans="14:14">
      <c r="N434364" s="10"/>
    </row>
    <row r="434365" spans="14:14">
      <c r="N434365" s="10"/>
    </row>
    <row r="434366" spans="14:14">
      <c r="N434366" s="10"/>
    </row>
    <row r="434367" spans="14:14">
      <c r="N434367" s="10"/>
    </row>
    <row r="434368" spans="14:14">
      <c r="N434368" s="10"/>
    </row>
    <row r="434369" spans="14:14">
      <c r="N434369" s="10"/>
    </row>
    <row r="434370" spans="14:14">
      <c r="N434370" s="10"/>
    </row>
    <row r="434371" spans="14:14">
      <c r="N434371" s="10"/>
    </row>
    <row r="434372" spans="14:14">
      <c r="N434372" s="10"/>
    </row>
    <row r="434373" spans="14:14">
      <c r="N434373" s="10"/>
    </row>
    <row r="434374" spans="14:14">
      <c r="N434374" s="10"/>
    </row>
    <row r="434375" spans="14:14">
      <c r="N434375" s="10"/>
    </row>
    <row r="434376" spans="14:14">
      <c r="N434376" s="10"/>
    </row>
    <row r="434377" spans="14:14">
      <c r="N434377" s="10"/>
    </row>
    <row r="434378" spans="14:14">
      <c r="N434378" s="10"/>
    </row>
    <row r="434379" spans="14:14">
      <c r="N434379" s="10"/>
    </row>
    <row r="434380" spans="14:14">
      <c r="N434380" s="10"/>
    </row>
    <row r="434381" spans="14:14">
      <c r="N434381" s="10"/>
    </row>
    <row r="434382" spans="14:14">
      <c r="N434382" s="10"/>
    </row>
    <row r="434383" spans="14:14">
      <c r="N434383" s="10"/>
    </row>
    <row r="434384" spans="14:14">
      <c r="N434384" s="10"/>
    </row>
    <row r="434385" spans="14:14">
      <c r="N434385" s="10"/>
    </row>
    <row r="434386" spans="14:14">
      <c r="N434386" s="10"/>
    </row>
    <row r="434387" spans="14:14">
      <c r="N434387" s="10"/>
    </row>
    <row r="434388" spans="14:14">
      <c r="N434388" s="10"/>
    </row>
    <row r="434389" spans="14:14">
      <c r="N434389" s="10"/>
    </row>
    <row r="434390" spans="14:14">
      <c r="N434390" s="10"/>
    </row>
    <row r="434391" spans="14:14">
      <c r="N434391" s="10"/>
    </row>
    <row r="434392" spans="14:14">
      <c r="N434392" s="10"/>
    </row>
    <row r="434393" spans="14:14">
      <c r="N434393" s="10"/>
    </row>
    <row r="434394" spans="14:14">
      <c r="N434394" s="10"/>
    </row>
    <row r="434395" spans="14:14">
      <c r="N434395" s="10"/>
    </row>
    <row r="434396" spans="14:14">
      <c r="N434396" s="10"/>
    </row>
    <row r="434397" spans="14:14">
      <c r="N434397" s="10"/>
    </row>
    <row r="434398" spans="14:14">
      <c r="N434398" s="10"/>
    </row>
    <row r="434399" spans="14:14">
      <c r="N434399" s="10"/>
    </row>
    <row r="434400" spans="14:14">
      <c r="N434400" s="10"/>
    </row>
    <row r="434401" spans="14:14">
      <c r="N434401" s="10"/>
    </row>
    <row r="434402" spans="14:14">
      <c r="N434402" s="10"/>
    </row>
    <row r="434403" spans="14:14">
      <c r="N434403" s="10"/>
    </row>
    <row r="434404" spans="14:14">
      <c r="N434404" s="10"/>
    </row>
    <row r="434405" spans="14:14">
      <c r="N434405" s="10"/>
    </row>
    <row r="434406" spans="14:14">
      <c r="N434406" s="10"/>
    </row>
    <row r="434407" spans="14:14">
      <c r="N434407" s="10"/>
    </row>
    <row r="434408" spans="14:14">
      <c r="N434408" s="10"/>
    </row>
    <row r="434409" spans="14:14">
      <c r="N434409" s="10"/>
    </row>
    <row r="434410" spans="14:14">
      <c r="N434410" s="10"/>
    </row>
    <row r="434411" spans="14:14">
      <c r="N434411" s="10"/>
    </row>
    <row r="434412" spans="14:14">
      <c r="N434412" s="10"/>
    </row>
    <row r="434413" spans="14:14">
      <c r="N434413" s="10"/>
    </row>
    <row r="434414" spans="14:14">
      <c r="N434414" s="10"/>
    </row>
    <row r="434415" spans="14:14">
      <c r="N434415" s="10"/>
    </row>
    <row r="434416" spans="14:14">
      <c r="N434416" s="10"/>
    </row>
    <row r="434417" spans="14:14">
      <c r="N434417" s="10"/>
    </row>
    <row r="434418" spans="14:14">
      <c r="N434418" s="10"/>
    </row>
    <row r="434419" spans="14:14">
      <c r="N434419" s="10"/>
    </row>
    <row r="434420" spans="14:14">
      <c r="N434420" s="10"/>
    </row>
    <row r="434421" spans="14:14">
      <c r="N434421" s="10"/>
    </row>
    <row r="434422" spans="14:14">
      <c r="N434422" s="10"/>
    </row>
    <row r="434423" spans="14:14">
      <c r="N434423" s="10"/>
    </row>
    <row r="434424" spans="14:14">
      <c r="N434424" s="10"/>
    </row>
    <row r="434425" spans="14:14">
      <c r="N434425" s="10"/>
    </row>
    <row r="434426" spans="14:14">
      <c r="N434426" s="10"/>
    </row>
    <row r="434427" spans="14:14">
      <c r="N434427" s="10"/>
    </row>
    <row r="434428" spans="14:14">
      <c r="N434428" s="10"/>
    </row>
    <row r="434429" spans="14:14">
      <c r="N434429" s="10"/>
    </row>
    <row r="434430" spans="14:14">
      <c r="N434430" s="10"/>
    </row>
    <row r="434431" spans="14:14">
      <c r="N434431" s="10"/>
    </row>
    <row r="434432" spans="14:14">
      <c r="N434432" s="10"/>
    </row>
    <row r="434433" spans="14:14">
      <c r="N434433" s="10"/>
    </row>
    <row r="434434" spans="14:14">
      <c r="N434434" s="10"/>
    </row>
    <row r="434435" spans="14:14">
      <c r="N434435" s="10"/>
    </row>
    <row r="434436" spans="14:14">
      <c r="N434436" s="10"/>
    </row>
    <row r="434437" spans="14:14">
      <c r="N434437" s="10"/>
    </row>
    <row r="434438" spans="14:14">
      <c r="N434438" s="10"/>
    </row>
    <row r="434439" spans="14:14">
      <c r="N434439" s="10"/>
    </row>
    <row r="434440" spans="14:14">
      <c r="N434440" s="10"/>
    </row>
    <row r="434441" spans="14:14">
      <c r="N434441" s="10"/>
    </row>
    <row r="434442" spans="14:14">
      <c r="N434442" s="10"/>
    </row>
    <row r="434443" spans="14:14">
      <c r="N434443" s="10"/>
    </row>
    <row r="434444" spans="14:14">
      <c r="N434444" s="10"/>
    </row>
    <row r="434445" spans="14:14">
      <c r="N434445" s="10"/>
    </row>
    <row r="434446" spans="14:14">
      <c r="N434446" s="10"/>
    </row>
    <row r="434447" spans="14:14">
      <c r="N434447" s="10"/>
    </row>
    <row r="434448" spans="14:14">
      <c r="N434448" s="10"/>
    </row>
    <row r="434449" spans="14:14">
      <c r="N434449" s="10"/>
    </row>
    <row r="434450" spans="14:14">
      <c r="N434450" s="10"/>
    </row>
    <row r="434451" spans="14:14">
      <c r="N434451" s="10"/>
    </row>
    <row r="434452" spans="14:14">
      <c r="N434452" s="10"/>
    </row>
    <row r="434453" spans="14:14">
      <c r="N434453" s="10"/>
    </row>
    <row r="434454" spans="14:14">
      <c r="N434454" s="10"/>
    </row>
    <row r="434455" spans="14:14">
      <c r="N434455" s="10"/>
    </row>
    <row r="434456" spans="14:14">
      <c r="N434456" s="10"/>
    </row>
    <row r="434457" spans="14:14">
      <c r="N434457" s="10"/>
    </row>
    <row r="434458" spans="14:14">
      <c r="N434458" s="10"/>
    </row>
    <row r="434459" spans="14:14">
      <c r="N434459" s="10"/>
    </row>
    <row r="434460" spans="14:14">
      <c r="N434460" s="10"/>
    </row>
    <row r="434461" spans="14:14">
      <c r="N434461" s="10"/>
    </row>
    <row r="434462" spans="14:14">
      <c r="N434462" s="10"/>
    </row>
    <row r="434463" spans="14:14">
      <c r="N434463" s="10"/>
    </row>
    <row r="434464" spans="14:14">
      <c r="N434464" s="10"/>
    </row>
    <row r="434465" spans="14:14">
      <c r="N434465" s="10"/>
    </row>
    <row r="434466" spans="14:14">
      <c r="N434466" s="10"/>
    </row>
    <row r="434467" spans="14:14">
      <c r="N434467" s="10"/>
    </row>
    <row r="434468" spans="14:14">
      <c r="N434468" s="10"/>
    </row>
    <row r="434469" spans="14:14">
      <c r="N434469" s="10"/>
    </row>
    <row r="434470" spans="14:14">
      <c r="N434470" s="10"/>
    </row>
    <row r="434471" spans="14:14">
      <c r="N434471" s="10"/>
    </row>
    <row r="434472" spans="14:14">
      <c r="N434472" s="10"/>
    </row>
    <row r="434473" spans="14:14">
      <c r="N434473" s="10"/>
    </row>
    <row r="434474" spans="14:14">
      <c r="N434474" s="10"/>
    </row>
    <row r="434475" spans="14:14">
      <c r="N434475" s="10"/>
    </row>
    <row r="434476" spans="14:14">
      <c r="N434476" s="10"/>
    </row>
    <row r="434477" spans="14:14">
      <c r="N434477" s="10"/>
    </row>
    <row r="434478" spans="14:14">
      <c r="N434478" s="10"/>
    </row>
    <row r="434479" spans="14:14">
      <c r="N434479" s="10"/>
    </row>
    <row r="434480" spans="14:14">
      <c r="N434480" s="10"/>
    </row>
    <row r="434481" spans="14:14">
      <c r="N434481" s="10"/>
    </row>
    <row r="434482" spans="14:14">
      <c r="N434482" s="10"/>
    </row>
    <row r="434483" spans="14:14">
      <c r="N434483" s="10"/>
    </row>
    <row r="434484" spans="14:14">
      <c r="N434484" s="10"/>
    </row>
    <row r="434485" spans="14:14">
      <c r="N434485" s="10"/>
    </row>
    <row r="434486" spans="14:14">
      <c r="N434486" s="10"/>
    </row>
    <row r="434487" spans="14:14">
      <c r="N434487" s="10"/>
    </row>
    <row r="434488" spans="14:14">
      <c r="N434488" s="10"/>
    </row>
    <row r="434489" spans="14:14">
      <c r="N434489" s="10"/>
    </row>
    <row r="434490" spans="14:14">
      <c r="N434490" s="10"/>
    </row>
    <row r="434491" spans="14:14">
      <c r="N434491" s="10"/>
    </row>
    <row r="434492" spans="14:14">
      <c r="N434492" s="10"/>
    </row>
    <row r="434493" spans="14:14">
      <c r="N434493" s="10"/>
    </row>
    <row r="434494" spans="14:14">
      <c r="N434494" s="10"/>
    </row>
    <row r="434495" spans="14:14">
      <c r="N434495" s="10"/>
    </row>
    <row r="434496" spans="14:14">
      <c r="N434496" s="10"/>
    </row>
    <row r="434497" spans="14:14">
      <c r="N434497" s="10"/>
    </row>
    <row r="434498" spans="14:14">
      <c r="N434498" s="10"/>
    </row>
    <row r="434499" spans="14:14">
      <c r="N434499" s="10"/>
    </row>
    <row r="434500" spans="14:14">
      <c r="N434500" s="10"/>
    </row>
    <row r="434501" spans="14:14">
      <c r="N434501" s="10"/>
    </row>
    <row r="434502" spans="14:14">
      <c r="N434502" s="10"/>
    </row>
    <row r="434503" spans="14:14">
      <c r="N434503" s="10"/>
    </row>
    <row r="434504" spans="14:14">
      <c r="N434504" s="10"/>
    </row>
    <row r="434505" spans="14:14">
      <c r="N434505" s="10"/>
    </row>
    <row r="434506" spans="14:14">
      <c r="N434506" s="10"/>
    </row>
    <row r="434507" spans="14:14">
      <c r="N434507" s="10"/>
    </row>
    <row r="434508" spans="14:14">
      <c r="N434508" s="10"/>
    </row>
    <row r="434509" spans="14:14">
      <c r="N434509" s="10"/>
    </row>
    <row r="434510" spans="14:14">
      <c r="N434510" s="10"/>
    </row>
    <row r="434511" spans="14:14">
      <c r="N434511" s="10"/>
    </row>
    <row r="434512" spans="14:14">
      <c r="N434512" s="10"/>
    </row>
    <row r="434513" spans="14:14">
      <c r="N434513" s="10"/>
    </row>
    <row r="434514" spans="14:14">
      <c r="N434514" s="10"/>
    </row>
    <row r="434515" spans="14:14">
      <c r="N434515" s="10"/>
    </row>
    <row r="434516" spans="14:14">
      <c r="N434516" s="10"/>
    </row>
    <row r="434517" spans="14:14">
      <c r="N434517" s="10"/>
    </row>
    <row r="434518" spans="14:14">
      <c r="N434518" s="10"/>
    </row>
    <row r="434519" spans="14:14">
      <c r="N434519" s="10"/>
    </row>
    <row r="434520" spans="14:14">
      <c r="N434520" s="10"/>
    </row>
    <row r="434521" spans="14:14">
      <c r="N434521" s="10"/>
    </row>
    <row r="434522" spans="14:14">
      <c r="N434522" s="10"/>
    </row>
    <row r="434523" spans="14:14">
      <c r="N434523" s="10"/>
    </row>
    <row r="434524" spans="14:14">
      <c r="N434524" s="10"/>
    </row>
    <row r="434525" spans="14:14">
      <c r="N434525" s="10"/>
    </row>
    <row r="434526" spans="14:14">
      <c r="N434526" s="10"/>
    </row>
    <row r="434527" spans="14:14">
      <c r="N434527" s="10"/>
    </row>
    <row r="434528" spans="14:14">
      <c r="N434528" s="10"/>
    </row>
    <row r="434529" spans="14:14">
      <c r="N434529" s="10"/>
    </row>
    <row r="434530" spans="14:14">
      <c r="N434530" s="10"/>
    </row>
    <row r="434531" spans="14:14">
      <c r="N434531" s="10"/>
    </row>
    <row r="434532" spans="14:14">
      <c r="N434532" s="10"/>
    </row>
    <row r="434533" spans="14:14">
      <c r="N434533" s="10"/>
    </row>
    <row r="434534" spans="14:14">
      <c r="N434534" s="10"/>
    </row>
    <row r="434535" spans="14:14">
      <c r="N434535" s="10"/>
    </row>
    <row r="434536" spans="14:14">
      <c r="N434536" s="10"/>
    </row>
    <row r="434537" spans="14:14">
      <c r="N434537" s="10"/>
    </row>
    <row r="434538" spans="14:14">
      <c r="N434538" s="10"/>
    </row>
    <row r="434539" spans="14:14">
      <c r="N434539" s="10"/>
    </row>
    <row r="434540" spans="14:14">
      <c r="N434540" s="10"/>
    </row>
    <row r="434541" spans="14:14">
      <c r="N434541" s="10"/>
    </row>
    <row r="434542" spans="14:14">
      <c r="N434542" s="10"/>
    </row>
    <row r="434543" spans="14:14">
      <c r="N434543" s="10"/>
    </row>
    <row r="434544" spans="14:14">
      <c r="N434544" s="10"/>
    </row>
    <row r="434545" spans="14:14">
      <c r="N434545" s="10"/>
    </row>
    <row r="434546" spans="14:14">
      <c r="N434546" s="10"/>
    </row>
    <row r="434547" spans="14:14">
      <c r="N434547" s="10"/>
    </row>
    <row r="434548" spans="14:14">
      <c r="N434548" s="10"/>
    </row>
    <row r="434549" spans="14:14">
      <c r="N434549" s="10"/>
    </row>
    <row r="434550" spans="14:14">
      <c r="N434550" s="10"/>
    </row>
    <row r="434551" spans="14:14">
      <c r="N434551" s="10"/>
    </row>
    <row r="434552" spans="14:14">
      <c r="N434552" s="10"/>
    </row>
    <row r="434553" spans="14:14">
      <c r="N434553" s="10"/>
    </row>
    <row r="434554" spans="14:14">
      <c r="N434554" s="10"/>
    </row>
    <row r="434555" spans="14:14">
      <c r="N434555" s="10"/>
    </row>
    <row r="434556" spans="14:14">
      <c r="N434556" s="10"/>
    </row>
    <row r="434557" spans="14:14">
      <c r="N434557" s="10"/>
    </row>
    <row r="434558" spans="14:14">
      <c r="N434558" s="10"/>
    </row>
    <row r="434559" spans="14:14">
      <c r="N434559" s="10"/>
    </row>
    <row r="434560" spans="14:14">
      <c r="N434560" s="10"/>
    </row>
    <row r="434561" spans="14:14">
      <c r="N434561" s="10"/>
    </row>
    <row r="434562" spans="14:14">
      <c r="N434562" s="10"/>
    </row>
    <row r="434563" spans="14:14">
      <c r="N434563" s="10"/>
    </row>
    <row r="434564" spans="14:14">
      <c r="N434564" s="10"/>
    </row>
    <row r="434565" spans="14:14">
      <c r="N434565" s="10"/>
    </row>
    <row r="434566" spans="14:14">
      <c r="N434566" s="10"/>
    </row>
    <row r="434567" spans="14:14">
      <c r="N434567" s="10"/>
    </row>
    <row r="434568" spans="14:14">
      <c r="N434568" s="10"/>
    </row>
    <row r="434569" spans="14:14">
      <c r="N434569" s="10"/>
    </row>
    <row r="434570" spans="14:14">
      <c r="N434570" s="10"/>
    </row>
    <row r="434571" spans="14:14">
      <c r="N434571" s="10"/>
    </row>
    <row r="434572" spans="14:14">
      <c r="N434572" s="10"/>
    </row>
    <row r="434573" spans="14:14">
      <c r="N434573" s="10"/>
    </row>
    <row r="434574" spans="14:14">
      <c r="N434574" s="10"/>
    </row>
    <row r="434575" spans="14:14">
      <c r="N434575" s="10"/>
    </row>
    <row r="434576" spans="14:14">
      <c r="N434576" s="10"/>
    </row>
    <row r="434577" spans="14:14">
      <c r="N434577" s="10"/>
    </row>
    <row r="434578" spans="14:14">
      <c r="N434578" s="10"/>
    </row>
    <row r="434579" spans="14:14">
      <c r="N434579" s="10"/>
    </row>
    <row r="434580" spans="14:14">
      <c r="N434580" s="10"/>
    </row>
    <row r="434581" spans="14:14">
      <c r="N434581" s="10"/>
    </row>
    <row r="434582" spans="14:14">
      <c r="N434582" s="10"/>
    </row>
    <row r="434583" spans="14:14">
      <c r="N434583" s="10"/>
    </row>
    <row r="434584" spans="14:14">
      <c r="N434584" s="10"/>
    </row>
    <row r="434585" spans="14:14">
      <c r="N434585" s="10"/>
    </row>
    <row r="434586" spans="14:14">
      <c r="N434586" s="10"/>
    </row>
    <row r="434587" spans="14:14">
      <c r="N434587" s="10"/>
    </row>
    <row r="434588" spans="14:14">
      <c r="N434588" s="10"/>
    </row>
    <row r="434589" spans="14:14">
      <c r="N434589" s="10"/>
    </row>
    <row r="434590" spans="14:14">
      <c r="N434590" s="10"/>
    </row>
    <row r="434591" spans="14:14">
      <c r="N434591" s="10"/>
    </row>
    <row r="434592" spans="14:14">
      <c r="N434592" s="10"/>
    </row>
    <row r="434593" spans="14:14">
      <c r="N434593" s="10"/>
    </row>
    <row r="434594" spans="14:14">
      <c r="N434594" s="10"/>
    </row>
    <row r="434595" spans="14:14">
      <c r="N434595" s="10"/>
    </row>
    <row r="434596" spans="14:14">
      <c r="N434596" s="10"/>
    </row>
    <row r="434597" spans="14:14">
      <c r="N434597" s="10"/>
    </row>
    <row r="434598" spans="14:14">
      <c r="N434598" s="10"/>
    </row>
    <row r="434599" spans="14:14">
      <c r="N434599" s="10"/>
    </row>
    <row r="434600" spans="14:14">
      <c r="N434600" s="10"/>
    </row>
    <row r="434601" spans="14:14">
      <c r="N434601" s="10"/>
    </row>
    <row r="434602" spans="14:14">
      <c r="N434602" s="10"/>
    </row>
    <row r="434603" spans="14:14">
      <c r="N434603" s="10"/>
    </row>
    <row r="434604" spans="14:14">
      <c r="N434604" s="10"/>
    </row>
    <row r="434605" spans="14:14">
      <c r="N434605" s="10"/>
    </row>
    <row r="434606" spans="14:14">
      <c r="N434606" s="10"/>
    </row>
    <row r="434607" spans="14:14">
      <c r="N434607" s="10"/>
    </row>
    <row r="434608" spans="14:14">
      <c r="N434608" s="10"/>
    </row>
    <row r="434609" spans="14:14">
      <c r="N434609" s="10"/>
    </row>
    <row r="434610" spans="14:14">
      <c r="N434610" s="10"/>
    </row>
    <row r="434611" spans="14:14">
      <c r="N434611" s="10"/>
    </row>
    <row r="434612" spans="14:14">
      <c r="N434612" s="10"/>
    </row>
    <row r="434613" spans="14:14">
      <c r="N434613" s="10"/>
    </row>
    <row r="434614" spans="14:14">
      <c r="N434614" s="10"/>
    </row>
    <row r="434615" spans="14:14">
      <c r="N434615" s="10"/>
    </row>
    <row r="434616" spans="14:14">
      <c r="N434616" s="10"/>
    </row>
    <row r="434617" spans="14:14">
      <c r="N434617" s="10"/>
    </row>
    <row r="434618" spans="14:14">
      <c r="N434618" s="10"/>
    </row>
    <row r="434619" spans="14:14">
      <c r="N434619" s="10"/>
    </row>
    <row r="434620" spans="14:14">
      <c r="N434620" s="10"/>
    </row>
    <row r="434621" spans="14:14">
      <c r="N434621" s="10"/>
    </row>
    <row r="434622" spans="14:14">
      <c r="N434622" s="10"/>
    </row>
    <row r="434623" spans="14:14">
      <c r="N434623" s="10"/>
    </row>
    <row r="434624" spans="14:14">
      <c r="N434624" s="10"/>
    </row>
    <row r="434625" spans="14:14">
      <c r="N434625" s="10"/>
    </row>
    <row r="434626" spans="14:14">
      <c r="N434626" s="10"/>
    </row>
    <row r="434627" spans="14:14">
      <c r="N434627" s="10"/>
    </row>
    <row r="434628" spans="14:14">
      <c r="N434628" s="10"/>
    </row>
    <row r="434629" spans="14:14">
      <c r="N434629" s="10"/>
    </row>
    <row r="434630" spans="14:14">
      <c r="N434630" s="10"/>
    </row>
    <row r="434631" spans="14:14">
      <c r="N434631" s="10"/>
    </row>
    <row r="434632" spans="14:14">
      <c r="N434632" s="10"/>
    </row>
    <row r="434633" spans="14:14">
      <c r="N434633" s="10"/>
    </row>
    <row r="434634" spans="14:14">
      <c r="N434634" s="10"/>
    </row>
    <row r="434635" spans="14:14">
      <c r="N434635" s="10"/>
    </row>
    <row r="434636" spans="14:14">
      <c r="N434636" s="10"/>
    </row>
    <row r="434637" spans="14:14">
      <c r="N434637" s="10"/>
    </row>
    <row r="434638" spans="14:14">
      <c r="N434638" s="10"/>
    </row>
    <row r="434639" spans="14:14">
      <c r="N434639" s="10"/>
    </row>
    <row r="434640" spans="14:14">
      <c r="N434640" s="10"/>
    </row>
    <row r="434641" spans="14:14">
      <c r="N434641" s="10"/>
    </row>
    <row r="434642" spans="14:14">
      <c r="N434642" s="10"/>
    </row>
    <row r="434643" spans="14:14">
      <c r="N434643" s="10"/>
    </row>
    <row r="434644" spans="14:14">
      <c r="N434644" s="10"/>
    </row>
    <row r="434645" spans="14:14">
      <c r="N434645" s="10"/>
    </row>
    <row r="434646" spans="14:14">
      <c r="N434646" s="10"/>
    </row>
    <row r="434647" spans="14:14">
      <c r="N434647" s="10"/>
    </row>
    <row r="434648" spans="14:14">
      <c r="N434648" s="10"/>
    </row>
    <row r="434649" spans="14:14">
      <c r="N434649" s="10"/>
    </row>
    <row r="434650" spans="14:14">
      <c r="N434650" s="10"/>
    </row>
    <row r="434651" spans="14:14">
      <c r="N434651" s="10"/>
    </row>
    <row r="434652" spans="14:14">
      <c r="N434652" s="10"/>
    </row>
    <row r="434653" spans="14:14">
      <c r="N434653" s="10"/>
    </row>
    <row r="434654" spans="14:14">
      <c r="N434654" s="10"/>
    </row>
    <row r="434655" spans="14:14">
      <c r="N434655" s="10"/>
    </row>
    <row r="434656" spans="14:14">
      <c r="N434656" s="10"/>
    </row>
    <row r="434657" spans="14:14">
      <c r="N434657" s="10"/>
    </row>
    <row r="434658" spans="14:14">
      <c r="N434658" s="10"/>
    </row>
    <row r="434659" spans="14:14">
      <c r="N434659" s="10"/>
    </row>
    <row r="434660" spans="14:14">
      <c r="N434660" s="10"/>
    </row>
    <row r="434661" spans="14:14">
      <c r="N434661" s="10"/>
    </row>
    <row r="434662" spans="14:14">
      <c r="N434662" s="10"/>
    </row>
    <row r="434663" spans="14:14">
      <c r="N434663" s="10"/>
    </row>
    <row r="434664" spans="14:14">
      <c r="N434664" s="10"/>
    </row>
    <row r="434665" spans="14:14">
      <c r="N434665" s="10"/>
    </row>
    <row r="434666" spans="14:14">
      <c r="N434666" s="10"/>
    </row>
    <row r="434667" spans="14:14">
      <c r="N434667" s="10"/>
    </row>
    <row r="434668" spans="14:14">
      <c r="N434668" s="10"/>
    </row>
    <row r="434669" spans="14:14">
      <c r="N434669" s="10"/>
    </row>
    <row r="434670" spans="14:14">
      <c r="N434670" s="10"/>
    </row>
    <row r="434671" spans="14:14">
      <c r="N434671" s="10"/>
    </row>
    <row r="434672" spans="14:14">
      <c r="N434672" s="10"/>
    </row>
    <row r="434673" spans="14:14">
      <c r="N434673" s="10"/>
    </row>
    <row r="434674" spans="14:14">
      <c r="N434674" s="10"/>
    </row>
    <row r="434675" spans="14:14">
      <c r="N434675" s="10"/>
    </row>
    <row r="434676" spans="14:14">
      <c r="N434676" s="10"/>
    </row>
    <row r="434677" spans="14:14">
      <c r="N434677" s="10"/>
    </row>
    <row r="434678" spans="14:14">
      <c r="N434678" s="10"/>
    </row>
    <row r="434679" spans="14:14">
      <c r="N434679" s="10"/>
    </row>
    <row r="434680" spans="14:14">
      <c r="N434680" s="10"/>
    </row>
    <row r="434681" spans="14:14">
      <c r="N434681" s="10"/>
    </row>
    <row r="434682" spans="14:14">
      <c r="N434682" s="10"/>
    </row>
    <row r="434683" spans="14:14">
      <c r="N434683" s="10"/>
    </row>
    <row r="434684" spans="14:14">
      <c r="N434684" s="10"/>
    </row>
    <row r="434685" spans="14:14">
      <c r="N434685" s="10"/>
    </row>
    <row r="434686" spans="14:14">
      <c r="N434686" s="10"/>
    </row>
    <row r="434687" spans="14:14">
      <c r="N434687" s="10"/>
    </row>
    <row r="434688" spans="14:14">
      <c r="N434688" s="10"/>
    </row>
    <row r="434689" spans="14:14">
      <c r="N434689" s="10"/>
    </row>
    <row r="434690" spans="14:14">
      <c r="N434690" s="10"/>
    </row>
    <row r="434691" spans="14:14">
      <c r="N434691" s="10"/>
    </row>
    <row r="434692" spans="14:14">
      <c r="N434692" s="10"/>
    </row>
    <row r="434693" spans="14:14">
      <c r="N434693" s="10"/>
    </row>
    <row r="434694" spans="14:14">
      <c r="N434694" s="10"/>
    </row>
    <row r="434695" spans="14:14">
      <c r="N434695" s="10"/>
    </row>
    <row r="434696" spans="14:14">
      <c r="N434696" s="10"/>
    </row>
    <row r="434697" spans="14:14">
      <c r="N434697" s="10"/>
    </row>
    <row r="434698" spans="14:14">
      <c r="N434698" s="10"/>
    </row>
    <row r="434699" spans="14:14">
      <c r="N434699" s="10"/>
    </row>
    <row r="434700" spans="14:14">
      <c r="N434700" s="10"/>
    </row>
    <row r="434701" spans="14:14">
      <c r="N434701" s="10"/>
    </row>
    <row r="434702" spans="14:14">
      <c r="N434702" s="10"/>
    </row>
    <row r="434703" spans="14:14">
      <c r="N434703" s="10"/>
    </row>
    <row r="434704" spans="14:14">
      <c r="N434704" s="10"/>
    </row>
    <row r="434705" spans="14:14">
      <c r="N434705" s="10"/>
    </row>
    <row r="434706" spans="14:14">
      <c r="N434706" s="10"/>
    </row>
    <row r="434707" spans="14:14">
      <c r="N434707" s="10"/>
    </row>
    <row r="434708" spans="14:14">
      <c r="N434708" s="10"/>
    </row>
    <row r="434709" spans="14:14">
      <c r="N434709" s="10"/>
    </row>
    <row r="434710" spans="14:14">
      <c r="N434710" s="10"/>
    </row>
    <row r="434711" spans="14:14">
      <c r="N434711" s="10"/>
    </row>
    <row r="434712" spans="14:14">
      <c r="N434712" s="10"/>
    </row>
    <row r="434713" spans="14:14">
      <c r="N434713" s="10"/>
    </row>
    <row r="434714" spans="14:14">
      <c r="N434714" s="10"/>
    </row>
    <row r="434715" spans="14:14">
      <c r="N434715" s="10"/>
    </row>
    <row r="434716" spans="14:14">
      <c r="N434716" s="10"/>
    </row>
    <row r="434717" spans="14:14">
      <c r="N434717" s="10"/>
    </row>
    <row r="434718" spans="14:14">
      <c r="N434718" s="10"/>
    </row>
    <row r="434719" spans="14:14">
      <c r="N434719" s="10"/>
    </row>
    <row r="434720" spans="14:14">
      <c r="N434720" s="10"/>
    </row>
    <row r="434721" spans="14:14">
      <c r="N434721" s="10"/>
    </row>
    <row r="434722" spans="14:14">
      <c r="N434722" s="10"/>
    </row>
    <row r="434723" spans="14:14">
      <c r="N434723" s="10"/>
    </row>
    <row r="434724" spans="14:14">
      <c r="N434724" s="10"/>
    </row>
    <row r="434725" spans="14:14">
      <c r="N434725" s="10"/>
    </row>
    <row r="434726" spans="14:14">
      <c r="N434726" s="10"/>
    </row>
    <row r="434727" spans="14:14">
      <c r="N434727" s="10"/>
    </row>
    <row r="434728" spans="14:14">
      <c r="N434728" s="10"/>
    </row>
    <row r="434729" spans="14:14">
      <c r="N434729" s="10"/>
    </row>
    <row r="434730" spans="14:14">
      <c r="N434730" s="10"/>
    </row>
    <row r="434731" spans="14:14">
      <c r="N434731" s="10"/>
    </row>
    <row r="434732" spans="14:14">
      <c r="N434732" s="10"/>
    </row>
    <row r="434733" spans="14:14">
      <c r="N434733" s="10"/>
    </row>
    <row r="434734" spans="14:14">
      <c r="N434734" s="10"/>
    </row>
    <row r="434735" spans="14:14">
      <c r="N434735" s="10"/>
    </row>
    <row r="434736" spans="14:14">
      <c r="N434736" s="10"/>
    </row>
    <row r="434737" spans="14:14">
      <c r="N434737" s="10"/>
    </row>
    <row r="434738" spans="14:14">
      <c r="N434738" s="10"/>
    </row>
    <row r="434739" spans="14:14">
      <c r="N434739" s="10"/>
    </row>
    <row r="434740" spans="14:14">
      <c r="N434740" s="10"/>
    </row>
    <row r="434741" spans="14:14">
      <c r="N434741" s="10"/>
    </row>
    <row r="434742" spans="14:14">
      <c r="N434742" s="10"/>
    </row>
    <row r="434743" spans="14:14">
      <c r="N434743" s="10"/>
    </row>
    <row r="434744" spans="14:14">
      <c r="N434744" s="10"/>
    </row>
    <row r="434745" spans="14:14">
      <c r="N434745" s="10"/>
    </row>
    <row r="434746" spans="14:14">
      <c r="N434746" s="10"/>
    </row>
    <row r="434747" spans="14:14">
      <c r="N434747" s="10"/>
    </row>
    <row r="434748" spans="14:14">
      <c r="N434748" s="10"/>
    </row>
    <row r="434749" spans="14:14">
      <c r="N434749" s="10"/>
    </row>
    <row r="434750" spans="14:14">
      <c r="N434750" s="10"/>
    </row>
    <row r="434751" spans="14:14">
      <c r="N434751" s="10"/>
    </row>
    <row r="434752" spans="14:14">
      <c r="N434752" s="10"/>
    </row>
    <row r="434753" spans="14:14">
      <c r="N434753" s="10"/>
    </row>
    <row r="434754" spans="14:14">
      <c r="N434754" s="10"/>
    </row>
    <row r="434755" spans="14:14">
      <c r="N434755" s="10"/>
    </row>
    <row r="434756" spans="14:14">
      <c r="N434756" s="10"/>
    </row>
    <row r="434757" spans="14:14">
      <c r="N434757" s="10"/>
    </row>
    <row r="434758" spans="14:14">
      <c r="N434758" s="10"/>
    </row>
    <row r="434759" spans="14:14">
      <c r="N434759" s="10"/>
    </row>
    <row r="434760" spans="14:14">
      <c r="N434760" s="10"/>
    </row>
    <row r="434761" spans="14:14">
      <c r="N434761" s="10"/>
    </row>
    <row r="434762" spans="14:14">
      <c r="N434762" s="10"/>
    </row>
    <row r="434763" spans="14:14">
      <c r="N434763" s="10"/>
    </row>
    <row r="434764" spans="14:14">
      <c r="N434764" s="10"/>
    </row>
    <row r="434765" spans="14:14">
      <c r="N434765" s="10"/>
    </row>
    <row r="434766" spans="14:14">
      <c r="N434766" s="10"/>
    </row>
    <row r="434767" spans="14:14">
      <c r="N434767" s="10"/>
    </row>
    <row r="434768" spans="14:14">
      <c r="N434768" s="10"/>
    </row>
    <row r="434769" spans="14:14">
      <c r="N434769" s="10"/>
    </row>
    <row r="434770" spans="14:14">
      <c r="N434770" s="10"/>
    </row>
    <row r="434771" spans="14:14">
      <c r="N434771" s="10"/>
    </row>
    <row r="434772" spans="14:14">
      <c r="N434772" s="10"/>
    </row>
    <row r="434773" spans="14:14">
      <c r="N434773" s="10"/>
    </row>
    <row r="434774" spans="14:14">
      <c r="N434774" s="10"/>
    </row>
    <row r="434775" spans="14:14">
      <c r="N434775" s="10"/>
    </row>
    <row r="434776" spans="14:14">
      <c r="N434776" s="10"/>
    </row>
    <row r="434777" spans="14:14">
      <c r="N434777" s="10"/>
    </row>
    <row r="434778" spans="14:14">
      <c r="N434778" s="10"/>
    </row>
    <row r="434779" spans="14:14">
      <c r="N434779" s="10"/>
    </row>
    <row r="434780" spans="14:14">
      <c r="N434780" s="10"/>
    </row>
    <row r="434781" spans="14:14">
      <c r="N434781" s="10"/>
    </row>
    <row r="434782" spans="14:14">
      <c r="N434782" s="10"/>
    </row>
    <row r="434783" spans="14:14">
      <c r="N434783" s="10"/>
    </row>
    <row r="434784" spans="14:14">
      <c r="N434784" s="10"/>
    </row>
    <row r="434785" spans="14:14">
      <c r="N434785" s="10"/>
    </row>
    <row r="434786" spans="14:14">
      <c r="N434786" s="10"/>
    </row>
    <row r="434787" spans="14:14">
      <c r="N434787" s="10"/>
    </row>
    <row r="434788" spans="14:14">
      <c r="N434788" s="10"/>
    </row>
    <row r="434789" spans="14:14">
      <c r="N434789" s="10"/>
    </row>
    <row r="434790" spans="14:14">
      <c r="N434790" s="10"/>
    </row>
    <row r="434791" spans="14:14">
      <c r="N434791" s="10"/>
    </row>
    <row r="434792" spans="14:14">
      <c r="N434792" s="10"/>
    </row>
    <row r="434793" spans="14:14">
      <c r="N434793" s="10"/>
    </row>
    <row r="434794" spans="14:14">
      <c r="N434794" s="10"/>
    </row>
    <row r="434795" spans="14:14">
      <c r="N434795" s="10"/>
    </row>
    <row r="434796" spans="14:14">
      <c r="N434796" s="10"/>
    </row>
    <row r="434797" spans="14:14">
      <c r="N434797" s="10"/>
    </row>
    <row r="434798" spans="14:14">
      <c r="N434798" s="10"/>
    </row>
    <row r="434799" spans="14:14">
      <c r="N434799" s="10"/>
    </row>
    <row r="434800" spans="14:14">
      <c r="N434800" s="10"/>
    </row>
    <row r="434801" spans="14:14">
      <c r="N434801" s="10"/>
    </row>
    <row r="434802" spans="14:14">
      <c r="N434802" s="10"/>
    </row>
    <row r="434803" spans="14:14">
      <c r="N434803" s="10"/>
    </row>
    <row r="434804" spans="14:14">
      <c r="N434804" s="10"/>
    </row>
    <row r="434805" spans="14:14">
      <c r="N434805" s="10"/>
    </row>
    <row r="434806" spans="14:14">
      <c r="N434806" s="10"/>
    </row>
    <row r="434807" spans="14:14">
      <c r="N434807" s="10"/>
    </row>
    <row r="434808" spans="14:14">
      <c r="N434808" s="10"/>
    </row>
    <row r="434809" spans="14:14">
      <c r="N434809" s="10"/>
    </row>
    <row r="434810" spans="14:14">
      <c r="N434810" s="10"/>
    </row>
    <row r="434811" spans="14:14">
      <c r="N434811" s="10"/>
    </row>
    <row r="434812" spans="14:14">
      <c r="N434812" s="10"/>
    </row>
    <row r="434813" spans="14:14">
      <c r="N434813" s="10"/>
    </row>
    <row r="434814" spans="14:14">
      <c r="N434814" s="10"/>
    </row>
    <row r="434815" spans="14:14">
      <c r="N434815" s="10"/>
    </row>
    <row r="434816" spans="14:14">
      <c r="N434816" s="10"/>
    </row>
    <row r="434817" spans="14:14">
      <c r="N434817" s="10"/>
    </row>
    <row r="434818" spans="14:14">
      <c r="N434818" s="10"/>
    </row>
    <row r="434819" spans="14:14">
      <c r="N434819" s="10"/>
    </row>
    <row r="434820" spans="14:14">
      <c r="N434820" s="10"/>
    </row>
    <row r="434821" spans="14:14">
      <c r="N434821" s="10"/>
    </row>
    <row r="434822" spans="14:14">
      <c r="N434822" s="10"/>
    </row>
    <row r="434823" spans="14:14">
      <c r="N434823" s="10"/>
    </row>
    <row r="434824" spans="14:14">
      <c r="N434824" s="10"/>
    </row>
    <row r="434825" spans="14:14">
      <c r="N434825" s="10"/>
    </row>
    <row r="434826" spans="14:14">
      <c r="N434826" s="10"/>
    </row>
    <row r="434827" spans="14:14">
      <c r="N434827" s="10"/>
    </row>
    <row r="434828" spans="14:14">
      <c r="N434828" s="10"/>
    </row>
    <row r="434829" spans="14:14">
      <c r="N434829" s="10"/>
    </row>
    <row r="434830" spans="14:14">
      <c r="N434830" s="10"/>
    </row>
    <row r="434831" spans="14:14">
      <c r="N434831" s="10"/>
    </row>
    <row r="434832" spans="14:14">
      <c r="N434832" s="10"/>
    </row>
    <row r="434833" spans="14:14">
      <c r="N434833" s="10"/>
    </row>
    <row r="434834" spans="14:14">
      <c r="N434834" s="10"/>
    </row>
    <row r="434835" spans="14:14">
      <c r="N434835" s="10"/>
    </row>
    <row r="434836" spans="14:14">
      <c r="N434836" s="10"/>
    </row>
    <row r="434837" spans="14:14">
      <c r="N434837" s="10"/>
    </row>
    <row r="434838" spans="14:14">
      <c r="N434838" s="10"/>
    </row>
    <row r="434839" spans="14:14">
      <c r="N434839" s="10"/>
    </row>
    <row r="434840" spans="14:14">
      <c r="N434840" s="10"/>
    </row>
    <row r="434841" spans="14:14">
      <c r="N434841" s="10"/>
    </row>
    <row r="434842" spans="14:14">
      <c r="N434842" s="10"/>
    </row>
    <row r="434843" spans="14:14">
      <c r="N434843" s="10"/>
    </row>
    <row r="434844" spans="14:14">
      <c r="N434844" s="10"/>
    </row>
    <row r="434845" spans="14:14">
      <c r="N434845" s="10"/>
    </row>
    <row r="434846" spans="14:14">
      <c r="N434846" s="10"/>
    </row>
    <row r="434847" spans="14:14">
      <c r="N434847" s="10"/>
    </row>
    <row r="434848" spans="14:14">
      <c r="N434848" s="10"/>
    </row>
    <row r="434849" spans="14:14">
      <c r="N434849" s="10"/>
    </row>
    <row r="434850" spans="14:14">
      <c r="N434850" s="10"/>
    </row>
    <row r="434851" spans="14:14">
      <c r="N434851" s="10"/>
    </row>
    <row r="434852" spans="14:14">
      <c r="N434852" s="10"/>
    </row>
    <row r="434853" spans="14:14">
      <c r="N434853" s="10"/>
    </row>
    <row r="434854" spans="14:14">
      <c r="N434854" s="10"/>
    </row>
    <row r="434855" spans="14:14">
      <c r="N434855" s="10"/>
    </row>
    <row r="434856" spans="14:14">
      <c r="N434856" s="10"/>
    </row>
    <row r="434857" spans="14:14">
      <c r="N434857" s="10"/>
    </row>
    <row r="434858" spans="14:14">
      <c r="N434858" s="10"/>
    </row>
    <row r="434859" spans="14:14">
      <c r="N434859" s="10"/>
    </row>
    <row r="434860" spans="14:14">
      <c r="N434860" s="10"/>
    </row>
    <row r="434861" spans="14:14">
      <c r="N434861" s="10"/>
    </row>
    <row r="434862" spans="14:14">
      <c r="N434862" s="10"/>
    </row>
    <row r="434863" spans="14:14">
      <c r="N434863" s="10"/>
    </row>
    <row r="434864" spans="14:14">
      <c r="N434864" s="10"/>
    </row>
    <row r="434865" spans="14:14">
      <c r="N434865" s="10"/>
    </row>
    <row r="434866" spans="14:14">
      <c r="N434866" s="10"/>
    </row>
    <row r="434867" spans="14:14">
      <c r="N434867" s="10"/>
    </row>
    <row r="434868" spans="14:14">
      <c r="N434868" s="10"/>
    </row>
    <row r="434869" spans="14:14">
      <c r="N434869" s="10"/>
    </row>
    <row r="434870" spans="14:14">
      <c r="N434870" s="10"/>
    </row>
    <row r="434871" spans="14:14">
      <c r="N434871" s="10"/>
    </row>
    <row r="434872" spans="14:14">
      <c r="N434872" s="10"/>
    </row>
    <row r="434873" spans="14:14">
      <c r="N434873" s="10"/>
    </row>
    <row r="434874" spans="14:14">
      <c r="N434874" s="10"/>
    </row>
    <row r="434875" spans="14:14">
      <c r="N434875" s="10"/>
    </row>
    <row r="434876" spans="14:14">
      <c r="N434876" s="10"/>
    </row>
    <row r="434877" spans="14:14">
      <c r="N434877" s="10"/>
    </row>
    <row r="434878" spans="14:14">
      <c r="N434878" s="10"/>
    </row>
    <row r="434879" spans="14:14">
      <c r="N434879" s="10"/>
    </row>
    <row r="434880" spans="14:14">
      <c r="N434880" s="10"/>
    </row>
    <row r="434881" spans="14:14">
      <c r="N434881" s="10"/>
    </row>
    <row r="434882" spans="14:14">
      <c r="N434882" s="10"/>
    </row>
    <row r="434883" spans="14:14">
      <c r="N434883" s="10"/>
    </row>
    <row r="434884" spans="14:14">
      <c r="N434884" s="10"/>
    </row>
    <row r="434885" spans="14:14">
      <c r="N434885" s="10"/>
    </row>
    <row r="434886" spans="14:14">
      <c r="N434886" s="10"/>
    </row>
    <row r="434887" spans="14:14">
      <c r="N434887" s="10"/>
    </row>
    <row r="434888" spans="14:14">
      <c r="N434888" s="10"/>
    </row>
    <row r="434889" spans="14:14">
      <c r="N434889" s="10"/>
    </row>
    <row r="434890" spans="14:14">
      <c r="N434890" s="10"/>
    </row>
    <row r="434891" spans="14:14">
      <c r="N434891" s="10"/>
    </row>
    <row r="434892" spans="14:14">
      <c r="N434892" s="10"/>
    </row>
    <row r="434893" spans="14:14">
      <c r="N434893" s="10"/>
    </row>
    <row r="434894" spans="14:14">
      <c r="N434894" s="10"/>
    </row>
    <row r="434895" spans="14:14">
      <c r="N434895" s="10"/>
    </row>
    <row r="434896" spans="14:14">
      <c r="N434896" s="10"/>
    </row>
    <row r="434897" spans="14:14">
      <c r="N434897" s="10"/>
    </row>
    <row r="434898" spans="14:14">
      <c r="N434898" s="10"/>
    </row>
    <row r="434899" spans="14:14">
      <c r="N434899" s="10"/>
    </row>
    <row r="434900" spans="14:14">
      <c r="N434900" s="10"/>
    </row>
    <row r="434901" spans="14:14">
      <c r="N434901" s="10"/>
    </row>
    <row r="434902" spans="14:14">
      <c r="N434902" s="10"/>
    </row>
    <row r="434903" spans="14:14">
      <c r="N434903" s="10"/>
    </row>
    <row r="434904" spans="14:14">
      <c r="N434904" s="10"/>
    </row>
    <row r="434905" spans="14:14">
      <c r="N434905" s="10"/>
    </row>
    <row r="434906" spans="14:14">
      <c r="N434906" s="10"/>
    </row>
    <row r="434907" spans="14:14">
      <c r="N434907" s="10"/>
    </row>
    <row r="434908" spans="14:14">
      <c r="N434908" s="10"/>
    </row>
    <row r="434909" spans="14:14">
      <c r="N434909" s="10"/>
    </row>
    <row r="434910" spans="14:14">
      <c r="N434910" s="10"/>
    </row>
    <row r="434911" spans="14:14">
      <c r="N434911" s="10"/>
    </row>
    <row r="434912" spans="14:14">
      <c r="N434912" s="10"/>
    </row>
    <row r="434913" spans="14:14">
      <c r="N434913" s="10"/>
    </row>
    <row r="434914" spans="14:14">
      <c r="N434914" s="10"/>
    </row>
    <row r="434915" spans="14:14">
      <c r="N434915" s="10"/>
    </row>
    <row r="434916" spans="14:14">
      <c r="N434916" s="10"/>
    </row>
    <row r="434917" spans="14:14">
      <c r="N434917" s="10"/>
    </row>
    <row r="434918" spans="14:14">
      <c r="N434918" s="10"/>
    </row>
    <row r="434919" spans="14:14">
      <c r="N434919" s="10"/>
    </row>
    <row r="434920" spans="14:14">
      <c r="N434920" s="10"/>
    </row>
    <row r="434921" spans="14:14">
      <c r="N434921" s="10"/>
    </row>
    <row r="434922" spans="14:14">
      <c r="N434922" s="10"/>
    </row>
    <row r="434923" spans="14:14">
      <c r="N434923" s="10"/>
    </row>
    <row r="434924" spans="14:14">
      <c r="N434924" s="10"/>
    </row>
    <row r="434925" spans="14:14">
      <c r="N434925" s="10"/>
    </row>
    <row r="434926" spans="14:14">
      <c r="N434926" s="10"/>
    </row>
    <row r="434927" spans="14:14">
      <c r="N434927" s="10"/>
    </row>
    <row r="434928" spans="14:14">
      <c r="N434928" s="10"/>
    </row>
    <row r="434929" spans="14:14">
      <c r="N434929" s="10"/>
    </row>
    <row r="434930" spans="14:14">
      <c r="N434930" s="10"/>
    </row>
    <row r="434931" spans="14:14">
      <c r="N434931" s="10"/>
    </row>
    <row r="434932" spans="14:14">
      <c r="N434932" s="10"/>
    </row>
    <row r="434933" spans="14:14">
      <c r="N434933" s="10"/>
    </row>
    <row r="434934" spans="14:14">
      <c r="N434934" s="10"/>
    </row>
    <row r="434935" spans="14:14">
      <c r="N434935" s="10"/>
    </row>
    <row r="434936" spans="14:14">
      <c r="N434936" s="10"/>
    </row>
    <row r="434937" spans="14:14">
      <c r="N434937" s="10"/>
    </row>
    <row r="434938" spans="14:14">
      <c r="N434938" s="10"/>
    </row>
    <row r="434939" spans="14:14">
      <c r="N434939" s="10"/>
    </row>
    <row r="434940" spans="14:14">
      <c r="N434940" s="10"/>
    </row>
    <row r="434941" spans="14:14">
      <c r="N434941" s="10"/>
    </row>
    <row r="434942" spans="14:14">
      <c r="N434942" s="10"/>
    </row>
    <row r="434943" spans="14:14">
      <c r="N434943" s="10"/>
    </row>
    <row r="434944" spans="14:14">
      <c r="N434944" s="10"/>
    </row>
    <row r="434945" spans="14:14">
      <c r="N434945" s="10"/>
    </row>
    <row r="434946" spans="14:14">
      <c r="N434946" s="10"/>
    </row>
    <row r="434947" spans="14:14">
      <c r="N434947" s="10"/>
    </row>
    <row r="434948" spans="14:14">
      <c r="N434948" s="10"/>
    </row>
    <row r="434949" spans="14:14">
      <c r="N434949" s="10"/>
    </row>
    <row r="434950" spans="14:14">
      <c r="N434950" s="10"/>
    </row>
    <row r="434951" spans="14:14">
      <c r="N434951" s="10"/>
    </row>
    <row r="434952" spans="14:14">
      <c r="N434952" s="10"/>
    </row>
    <row r="434953" spans="14:14">
      <c r="N434953" s="10"/>
    </row>
    <row r="434954" spans="14:14">
      <c r="N434954" s="10"/>
    </row>
    <row r="434955" spans="14:14">
      <c r="N434955" s="10"/>
    </row>
    <row r="434956" spans="14:14">
      <c r="N434956" s="10"/>
    </row>
    <row r="434957" spans="14:14">
      <c r="N434957" s="10"/>
    </row>
    <row r="434958" spans="14:14">
      <c r="N434958" s="10"/>
    </row>
    <row r="434959" spans="14:14">
      <c r="N434959" s="10"/>
    </row>
    <row r="434960" spans="14:14">
      <c r="N434960" s="10"/>
    </row>
    <row r="434961" spans="14:14">
      <c r="N434961" s="10"/>
    </row>
    <row r="434962" spans="14:14">
      <c r="N434962" s="10"/>
    </row>
    <row r="434963" spans="14:14">
      <c r="N434963" s="10"/>
    </row>
    <row r="434964" spans="14:14">
      <c r="N434964" s="10"/>
    </row>
    <row r="434965" spans="14:14">
      <c r="N434965" s="10"/>
    </row>
    <row r="434966" spans="14:14">
      <c r="N434966" s="10"/>
    </row>
    <row r="434967" spans="14:14">
      <c r="N434967" s="10"/>
    </row>
    <row r="434968" spans="14:14">
      <c r="N434968" s="10"/>
    </row>
    <row r="434969" spans="14:14">
      <c r="N434969" s="10"/>
    </row>
    <row r="434970" spans="14:14">
      <c r="N434970" s="10"/>
    </row>
    <row r="434971" spans="14:14">
      <c r="N434971" s="10"/>
    </row>
    <row r="434972" spans="14:14">
      <c r="N434972" s="10"/>
    </row>
    <row r="434973" spans="14:14">
      <c r="N434973" s="10"/>
    </row>
    <row r="434974" spans="14:14">
      <c r="N434974" s="10"/>
    </row>
    <row r="434975" spans="14:14">
      <c r="N434975" s="10"/>
    </row>
    <row r="434976" spans="14:14">
      <c r="N434976" s="10"/>
    </row>
    <row r="434977" spans="14:14">
      <c r="N434977" s="10"/>
    </row>
    <row r="434978" spans="14:14">
      <c r="N434978" s="10"/>
    </row>
    <row r="434979" spans="14:14">
      <c r="N434979" s="10"/>
    </row>
    <row r="434980" spans="14:14">
      <c r="N434980" s="10"/>
    </row>
    <row r="434981" spans="14:14">
      <c r="N434981" s="10"/>
    </row>
    <row r="434982" spans="14:14">
      <c r="N434982" s="10"/>
    </row>
    <row r="434983" spans="14:14">
      <c r="N434983" s="10"/>
    </row>
    <row r="434984" spans="14:14">
      <c r="N434984" s="10"/>
    </row>
    <row r="434985" spans="14:14">
      <c r="N434985" s="10"/>
    </row>
    <row r="434986" spans="14:14">
      <c r="N434986" s="10"/>
    </row>
    <row r="434987" spans="14:14">
      <c r="N434987" s="10"/>
    </row>
    <row r="434988" spans="14:14">
      <c r="N434988" s="10"/>
    </row>
    <row r="434989" spans="14:14">
      <c r="N434989" s="10"/>
    </row>
    <row r="434990" spans="14:14">
      <c r="N434990" s="10"/>
    </row>
    <row r="434991" spans="14:14">
      <c r="N434991" s="10"/>
    </row>
    <row r="434992" spans="14:14">
      <c r="N434992" s="10"/>
    </row>
    <row r="434993" spans="14:14">
      <c r="N434993" s="10"/>
    </row>
    <row r="434994" spans="14:14">
      <c r="N434994" s="10"/>
    </row>
    <row r="434995" spans="14:14">
      <c r="N434995" s="10"/>
    </row>
    <row r="434996" spans="14:14">
      <c r="N434996" s="10"/>
    </row>
    <row r="434997" spans="14:14">
      <c r="N434997" s="10"/>
    </row>
    <row r="434998" spans="14:14">
      <c r="N434998" s="10"/>
    </row>
    <row r="434999" spans="14:14">
      <c r="N434999" s="10"/>
    </row>
    <row r="435000" spans="14:14">
      <c r="N435000" s="10"/>
    </row>
    <row r="435001" spans="14:14">
      <c r="N435001" s="10"/>
    </row>
    <row r="435002" spans="14:14">
      <c r="N435002" s="10"/>
    </row>
    <row r="435003" spans="14:14">
      <c r="N435003" s="10"/>
    </row>
    <row r="435004" spans="14:14">
      <c r="N435004" s="10"/>
    </row>
    <row r="435005" spans="14:14">
      <c r="N435005" s="10"/>
    </row>
    <row r="435006" spans="14:14">
      <c r="N435006" s="10"/>
    </row>
    <row r="435007" spans="14:14">
      <c r="N435007" s="10"/>
    </row>
    <row r="435008" spans="14:14">
      <c r="N435008" s="10"/>
    </row>
    <row r="435009" spans="14:14">
      <c r="N435009" s="10"/>
    </row>
    <row r="435010" spans="14:14">
      <c r="N435010" s="10"/>
    </row>
    <row r="435011" spans="14:14">
      <c r="N435011" s="10"/>
    </row>
    <row r="435012" spans="14:14">
      <c r="N435012" s="10"/>
    </row>
    <row r="435013" spans="14:14">
      <c r="N435013" s="10"/>
    </row>
    <row r="435014" spans="14:14">
      <c r="N435014" s="10"/>
    </row>
    <row r="435015" spans="14:14">
      <c r="N435015" s="10"/>
    </row>
    <row r="435016" spans="14:14">
      <c r="N435016" s="10"/>
    </row>
    <row r="435017" spans="14:14">
      <c r="N435017" s="10"/>
    </row>
    <row r="435018" spans="14:14">
      <c r="N435018" s="10"/>
    </row>
    <row r="435019" spans="14:14">
      <c r="N435019" s="10"/>
    </row>
    <row r="435020" spans="14:14">
      <c r="N435020" s="10"/>
    </row>
    <row r="435021" spans="14:14">
      <c r="N435021" s="10"/>
    </row>
    <row r="435022" spans="14:14">
      <c r="N435022" s="10"/>
    </row>
    <row r="435023" spans="14:14">
      <c r="N435023" s="10"/>
    </row>
    <row r="435024" spans="14:14">
      <c r="N435024" s="10"/>
    </row>
    <row r="435025" spans="14:14">
      <c r="N435025" s="10"/>
    </row>
    <row r="435026" spans="14:14">
      <c r="N435026" s="10"/>
    </row>
    <row r="435027" spans="14:14">
      <c r="N435027" s="10"/>
    </row>
    <row r="435028" spans="14:14">
      <c r="N435028" s="10"/>
    </row>
    <row r="435029" spans="14:14">
      <c r="N435029" s="10"/>
    </row>
    <row r="435030" spans="14:14">
      <c r="N435030" s="10"/>
    </row>
    <row r="435031" spans="14:14">
      <c r="N435031" s="10"/>
    </row>
    <row r="435032" spans="14:14">
      <c r="N435032" s="10"/>
    </row>
    <row r="435033" spans="14:14">
      <c r="N435033" s="10"/>
    </row>
    <row r="435034" spans="14:14">
      <c r="N435034" s="10"/>
    </row>
    <row r="435035" spans="14:14">
      <c r="N435035" s="10"/>
    </row>
    <row r="435036" spans="14:14">
      <c r="N435036" s="10"/>
    </row>
    <row r="435037" spans="14:14">
      <c r="N435037" s="10"/>
    </row>
    <row r="435038" spans="14:14">
      <c r="N435038" s="10"/>
    </row>
    <row r="435039" spans="14:14">
      <c r="N435039" s="10"/>
    </row>
    <row r="435040" spans="14:14">
      <c r="N435040" s="10"/>
    </row>
    <row r="435041" spans="14:14">
      <c r="N435041" s="10"/>
    </row>
    <row r="435042" spans="14:14">
      <c r="N435042" s="10"/>
    </row>
    <row r="435043" spans="14:14">
      <c r="N435043" s="10"/>
    </row>
    <row r="435044" spans="14:14">
      <c r="N435044" s="10"/>
    </row>
    <row r="435045" spans="14:14">
      <c r="N435045" s="10"/>
    </row>
    <row r="435046" spans="14:14">
      <c r="N435046" s="10"/>
    </row>
    <row r="435047" spans="14:14">
      <c r="N435047" s="10"/>
    </row>
    <row r="435048" spans="14:14">
      <c r="N435048" s="10"/>
    </row>
    <row r="435049" spans="14:14">
      <c r="N435049" s="10"/>
    </row>
    <row r="435050" spans="14:14">
      <c r="N435050" s="10"/>
    </row>
    <row r="435051" spans="14:14">
      <c r="N435051" s="10"/>
    </row>
    <row r="435052" spans="14:14">
      <c r="N435052" s="10"/>
    </row>
    <row r="435053" spans="14:14">
      <c r="N435053" s="10"/>
    </row>
    <row r="435054" spans="14:14">
      <c r="N435054" s="10"/>
    </row>
    <row r="435055" spans="14:14">
      <c r="N435055" s="10"/>
    </row>
    <row r="435056" spans="14:14">
      <c r="N435056" s="10"/>
    </row>
    <row r="435057" spans="14:14">
      <c r="N435057" s="10"/>
    </row>
    <row r="435058" spans="14:14">
      <c r="N435058" s="10"/>
    </row>
    <row r="435059" spans="14:14">
      <c r="N435059" s="10"/>
    </row>
    <row r="435060" spans="14:14">
      <c r="N435060" s="10"/>
    </row>
    <row r="435061" spans="14:14">
      <c r="N435061" s="10"/>
    </row>
    <row r="435062" spans="14:14">
      <c r="N435062" s="10"/>
    </row>
    <row r="435063" spans="14:14">
      <c r="N435063" s="10"/>
    </row>
    <row r="435064" spans="14:14">
      <c r="N435064" s="10"/>
    </row>
    <row r="435065" spans="14:14">
      <c r="N435065" s="10"/>
    </row>
    <row r="435066" spans="14:14">
      <c r="N435066" s="10"/>
    </row>
    <row r="435067" spans="14:14">
      <c r="N435067" s="10"/>
    </row>
    <row r="435068" spans="14:14">
      <c r="N435068" s="10"/>
    </row>
    <row r="435069" spans="14:14">
      <c r="N435069" s="10"/>
    </row>
    <row r="435070" spans="14:14">
      <c r="N435070" s="10"/>
    </row>
    <row r="435071" spans="14:14">
      <c r="N435071" s="10"/>
    </row>
    <row r="435072" spans="14:14">
      <c r="N435072" s="10"/>
    </row>
    <row r="435073" spans="14:14">
      <c r="N435073" s="10"/>
    </row>
    <row r="435074" spans="14:14">
      <c r="N435074" s="10"/>
    </row>
    <row r="435075" spans="14:14">
      <c r="N435075" s="10"/>
    </row>
    <row r="435076" spans="14:14">
      <c r="N435076" s="10"/>
    </row>
    <row r="435077" spans="14:14">
      <c r="N435077" s="10"/>
    </row>
    <row r="435078" spans="14:14">
      <c r="N435078" s="10"/>
    </row>
    <row r="435079" spans="14:14">
      <c r="N435079" s="10"/>
    </row>
    <row r="435080" spans="14:14">
      <c r="N435080" s="10"/>
    </row>
    <row r="435081" spans="14:14">
      <c r="N435081" s="10"/>
    </row>
    <row r="435082" spans="14:14">
      <c r="N435082" s="10"/>
    </row>
    <row r="435083" spans="14:14">
      <c r="N435083" s="10"/>
    </row>
    <row r="435084" spans="14:14">
      <c r="N435084" s="10"/>
    </row>
    <row r="435085" spans="14:14">
      <c r="N435085" s="10"/>
    </row>
    <row r="435086" spans="14:14">
      <c r="N435086" s="10"/>
    </row>
    <row r="435087" spans="14:14">
      <c r="N435087" s="10"/>
    </row>
    <row r="435088" spans="14:14">
      <c r="N435088" s="10"/>
    </row>
    <row r="435089" spans="14:14">
      <c r="N435089" s="10"/>
    </row>
    <row r="435090" spans="14:14">
      <c r="N435090" s="10"/>
    </row>
    <row r="435091" spans="14:14">
      <c r="N435091" s="10"/>
    </row>
    <row r="435092" spans="14:14">
      <c r="N435092" s="10"/>
    </row>
    <row r="435093" spans="14:14">
      <c r="N435093" s="10"/>
    </row>
    <row r="435094" spans="14:14">
      <c r="N435094" s="10"/>
    </row>
    <row r="435095" spans="14:14">
      <c r="N435095" s="10"/>
    </row>
    <row r="435096" spans="14:14">
      <c r="N435096" s="10"/>
    </row>
    <row r="435097" spans="14:14">
      <c r="N435097" s="10"/>
    </row>
    <row r="435098" spans="14:14">
      <c r="N435098" s="10"/>
    </row>
    <row r="435099" spans="14:14">
      <c r="N435099" s="10"/>
    </row>
    <row r="435100" spans="14:14">
      <c r="N435100" s="10"/>
    </row>
    <row r="435101" spans="14:14">
      <c r="N435101" s="10"/>
    </row>
    <row r="435102" spans="14:14">
      <c r="N435102" s="10"/>
    </row>
    <row r="435103" spans="14:14">
      <c r="N435103" s="10"/>
    </row>
    <row r="435104" spans="14:14">
      <c r="N435104" s="10"/>
    </row>
    <row r="435105" spans="14:14">
      <c r="N435105" s="10"/>
    </row>
    <row r="435106" spans="14:14">
      <c r="N435106" s="10"/>
    </row>
    <row r="435107" spans="14:14">
      <c r="N435107" s="10"/>
    </row>
    <row r="435108" spans="14:14">
      <c r="N435108" s="10"/>
    </row>
    <row r="435109" spans="14:14">
      <c r="N435109" s="10"/>
    </row>
    <row r="435110" spans="14:14">
      <c r="N435110" s="10"/>
    </row>
    <row r="435111" spans="14:14">
      <c r="N435111" s="10"/>
    </row>
    <row r="435112" spans="14:14">
      <c r="N435112" s="10"/>
    </row>
    <row r="435113" spans="14:14">
      <c r="N435113" s="10"/>
    </row>
    <row r="435114" spans="14:14">
      <c r="N435114" s="10"/>
    </row>
    <row r="435115" spans="14:14">
      <c r="N435115" s="10"/>
    </row>
    <row r="435116" spans="14:14">
      <c r="N435116" s="10"/>
    </row>
    <row r="435117" spans="14:14">
      <c r="N435117" s="10"/>
    </row>
    <row r="435118" spans="14:14">
      <c r="N435118" s="10"/>
    </row>
    <row r="435119" spans="14:14">
      <c r="N435119" s="10"/>
    </row>
    <row r="435120" spans="14:14">
      <c r="N435120" s="10"/>
    </row>
    <row r="435121" spans="14:14">
      <c r="N435121" s="10"/>
    </row>
    <row r="435122" spans="14:14">
      <c r="N435122" s="10"/>
    </row>
    <row r="435123" spans="14:14">
      <c r="N435123" s="10"/>
    </row>
    <row r="435124" spans="14:14">
      <c r="N435124" s="10"/>
    </row>
    <row r="435125" spans="14:14">
      <c r="N435125" s="10"/>
    </row>
    <row r="435126" spans="14:14">
      <c r="N435126" s="10"/>
    </row>
    <row r="435127" spans="14:14">
      <c r="N435127" s="10"/>
    </row>
    <row r="435128" spans="14:14">
      <c r="N435128" s="10"/>
    </row>
    <row r="435129" spans="14:14">
      <c r="N435129" s="10"/>
    </row>
    <row r="435130" spans="14:14">
      <c r="N435130" s="10"/>
    </row>
    <row r="435131" spans="14:14">
      <c r="N435131" s="10"/>
    </row>
    <row r="435132" spans="14:14">
      <c r="N435132" s="10"/>
    </row>
    <row r="435133" spans="14:14">
      <c r="N435133" s="10"/>
    </row>
    <row r="435134" spans="14:14">
      <c r="N435134" s="10"/>
    </row>
    <row r="435135" spans="14:14">
      <c r="N435135" s="10"/>
    </row>
    <row r="435136" spans="14:14">
      <c r="N435136" s="10"/>
    </row>
    <row r="435137" spans="14:14">
      <c r="N435137" s="10"/>
    </row>
    <row r="435138" spans="14:14">
      <c r="N435138" s="10"/>
    </row>
    <row r="435139" spans="14:14">
      <c r="N435139" s="10"/>
    </row>
    <row r="435140" spans="14:14">
      <c r="N435140" s="10"/>
    </row>
    <row r="435141" spans="14:14">
      <c r="N435141" s="10"/>
    </row>
    <row r="435142" spans="14:14">
      <c r="N435142" s="10"/>
    </row>
    <row r="435143" spans="14:14">
      <c r="N435143" s="10"/>
    </row>
    <row r="435144" spans="14:14">
      <c r="N435144" s="10"/>
    </row>
    <row r="435145" spans="14:14">
      <c r="N435145" s="10"/>
    </row>
    <row r="435146" spans="14:14">
      <c r="N435146" s="10"/>
    </row>
    <row r="435147" spans="14:14">
      <c r="N435147" s="10"/>
    </row>
    <row r="435148" spans="14:14">
      <c r="N435148" s="10"/>
    </row>
    <row r="435149" spans="14:14">
      <c r="N435149" s="10"/>
    </row>
    <row r="435150" spans="14:14">
      <c r="N435150" s="10"/>
    </row>
    <row r="435151" spans="14:14">
      <c r="N435151" s="10"/>
    </row>
    <row r="435152" spans="14:14">
      <c r="N435152" s="10"/>
    </row>
    <row r="435153" spans="14:14">
      <c r="N435153" s="10"/>
    </row>
    <row r="435154" spans="14:14">
      <c r="N435154" s="10"/>
    </row>
    <row r="435155" spans="14:14">
      <c r="N435155" s="10"/>
    </row>
    <row r="435156" spans="14:14">
      <c r="N435156" s="10"/>
    </row>
    <row r="435157" spans="14:14">
      <c r="N435157" s="10"/>
    </row>
    <row r="435158" spans="14:14">
      <c r="N435158" s="10"/>
    </row>
    <row r="435159" spans="14:14">
      <c r="N435159" s="10"/>
    </row>
    <row r="435160" spans="14:14">
      <c r="N435160" s="10"/>
    </row>
    <row r="435161" spans="14:14">
      <c r="N435161" s="10"/>
    </row>
    <row r="435162" spans="14:14">
      <c r="N435162" s="10"/>
    </row>
    <row r="435163" spans="14:14">
      <c r="N435163" s="10"/>
    </row>
    <row r="435164" spans="14:14">
      <c r="N435164" s="10"/>
    </row>
    <row r="435165" spans="14:14">
      <c r="N435165" s="10"/>
    </row>
    <row r="435166" spans="14:14">
      <c r="N435166" s="10"/>
    </row>
    <row r="435167" spans="14:14">
      <c r="N435167" s="10"/>
    </row>
    <row r="435168" spans="14:14">
      <c r="N435168" s="10"/>
    </row>
    <row r="435169" spans="14:14">
      <c r="N435169" s="10"/>
    </row>
    <row r="435170" spans="14:14">
      <c r="N435170" s="10"/>
    </row>
    <row r="435171" spans="14:14">
      <c r="N435171" s="10"/>
    </row>
    <row r="435172" spans="14:14">
      <c r="N435172" s="10"/>
    </row>
    <row r="435173" spans="14:14">
      <c r="N435173" s="10"/>
    </row>
    <row r="435174" spans="14:14">
      <c r="N435174" s="10"/>
    </row>
    <row r="435175" spans="14:14">
      <c r="N435175" s="10"/>
    </row>
    <row r="435176" spans="14:14">
      <c r="N435176" s="10"/>
    </row>
    <row r="435177" spans="14:14">
      <c r="N435177" s="10"/>
    </row>
    <row r="435178" spans="14:14">
      <c r="N435178" s="10"/>
    </row>
    <row r="435179" spans="14:14">
      <c r="N435179" s="10"/>
    </row>
    <row r="435180" spans="14:14">
      <c r="N435180" s="10"/>
    </row>
    <row r="435181" spans="14:14">
      <c r="N435181" s="10"/>
    </row>
    <row r="435182" spans="14:14">
      <c r="N435182" s="10"/>
    </row>
    <row r="435183" spans="14:14">
      <c r="N435183" s="10"/>
    </row>
    <row r="435184" spans="14:14">
      <c r="N435184" s="10"/>
    </row>
    <row r="435185" spans="14:14">
      <c r="N435185" s="10"/>
    </row>
    <row r="435186" spans="14:14">
      <c r="N435186" s="10"/>
    </row>
    <row r="435187" spans="14:14">
      <c r="N435187" s="10"/>
    </row>
    <row r="435188" spans="14:14">
      <c r="N435188" s="10"/>
    </row>
    <row r="435189" spans="14:14">
      <c r="N435189" s="10"/>
    </row>
    <row r="435190" spans="14:14">
      <c r="N435190" s="10"/>
    </row>
    <row r="435191" spans="14:14">
      <c r="N435191" s="10"/>
    </row>
    <row r="435192" spans="14:14">
      <c r="N435192" s="10"/>
    </row>
    <row r="435193" spans="14:14">
      <c r="N435193" s="10"/>
    </row>
    <row r="435194" spans="14:14">
      <c r="N435194" s="10"/>
    </row>
    <row r="435195" spans="14:14">
      <c r="N435195" s="10"/>
    </row>
    <row r="435196" spans="14:14">
      <c r="N435196" s="10"/>
    </row>
    <row r="435197" spans="14:14">
      <c r="N435197" s="10"/>
    </row>
    <row r="435198" spans="14:14">
      <c r="N435198" s="10"/>
    </row>
    <row r="435199" spans="14:14">
      <c r="N435199" s="10"/>
    </row>
    <row r="435200" spans="14:14">
      <c r="N435200" s="10"/>
    </row>
    <row r="435201" spans="14:14">
      <c r="N435201" s="10"/>
    </row>
    <row r="435202" spans="14:14">
      <c r="N435202" s="10"/>
    </row>
    <row r="435203" spans="14:14">
      <c r="N435203" s="10"/>
    </row>
    <row r="435204" spans="14:14">
      <c r="N435204" s="10"/>
    </row>
    <row r="435205" spans="14:14">
      <c r="N435205" s="10"/>
    </row>
    <row r="435206" spans="14:14">
      <c r="N435206" s="10"/>
    </row>
    <row r="435207" spans="14:14">
      <c r="N435207" s="10"/>
    </row>
    <row r="435208" spans="14:14">
      <c r="N435208" s="10"/>
    </row>
    <row r="435209" spans="14:14">
      <c r="N435209" s="10"/>
    </row>
    <row r="435210" spans="14:14">
      <c r="N435210" s="10"/>
    </row>
    <row r="435211" spans="14:14">
      <c r="N435211" s="10"/>
    </row>
    <row r="435212" spans="14:14">
      <c r="N435212" s="10"/>
    </row>
    <row r="435213" spans="14:14">
      <c r="N435213" s="10"/>
    </row>
    <row r="435214" spans="14:14">
      <c r="N435214" s="10"/>
    </row>
    <row r="435215" spans="14:14">
      <c r="N435215" s="10"/>
    </row>
    <row r="435216" spans="14:14">
      <c r="N435216" s="10"/>
    </row>
    <row r="435217" spans="14:14">
      <c r="N435217" s="10"/>
    </row>
    <row r="435218" spans="14:14">
      <c r="N435218" s="10"/>
    </row>
    <row r="435219" spans="14:14">
      <c r="N435219" s="10"/>
    </row>
    <row r="435220" spans="14:14">
      <c r="N435220" s="10"/>
    </row>
    <row r="435221" spans="14:14">
      <c r="N435221" s="10"/>
    </row>
    <row r="435222" spans="14:14">
      <c r="N435222" s="10"/>
    </row>
    <row r="435223" spans="14:14">
      <c r="N435223" s="10"/>
    </row>
    <row r="435224" spans="14:14">
      <c r="N435224" s="10"/>
    </row>
    <row r="435225" spans="14:14">
      <c r="N435225" s="10"/>
    </row>
    <row r="435226" spans="14:14">
      <c r="N435226" s="10"/>
    </row>
    <row r="435227" spans="14:14">
      <c r="N435227" s="10"/>
    </row>
    <row r="435228" spans="14:14">
      <c r="N435228" s="10"/>
    </row>
    <row r="435229" spans="14:14">
      <c r="N435229" s="10"/>
    </row>
    <row r="435230" spans="14:14">
      <c r="N435230" s="10"/>
    </row>
    <row r="435231" spans="14:14">
      <c r="N435231" s="10"/>
    </row>
    <row r="435232" spans="14:14">
      <c r="N435232" s="10"/>
    </row>
    <row r="435233" spans="14:14">
      <c r="N435233" s="10"/>
    </row>
    <row r="435234" spans="14:14">
      <c r="N435234" s="10"/>
    </row>
    <row r="435235" spans="14:14">
      <c r="N435235" s="10"/>
    </row>
    <row r="435236" spans="14:14">
      <c r="N435236" s="10"/>
    </row>
    <row r="435237" spans="14:14">
      <c r="N435237" s="10"/>
    </row>
    <row r="435238" spans="14:14">
      <c r="N435238" s="10"/>
    </row>
    <row r="435239" spans="14:14">
      <c r="N435239" s="10"/>
    </row>
    <row r="435240" spans="14:14">
      <c r="N435240" s="10"/>
    </row>
    <row r="435241" spans="14:14">
      <c r="N435241" s="10"/>
    </row>
    <row r="435242" spans="14:14">
      <c r="N435242" s="10"/>
    </row>
    <row r="435243" spans="14:14">
      <c r="N435243" s="10"/>
    </row>
    <row r="435244" spans="14:14">
      <c r="N435244" s="10"/>
    </row>
    <row r="435245" spans="14:14">
      <c r="N435245" s="10"/>
    </row>
    <row r="435246" spans="14:14">
      <c r="N435246" s="10"/>
    </row>
    <row r="435247" spans="14:14">
      <c r="N435247" s="10"/>
    </row>
    <row r="435248" spans="14:14">
      <c r="N435248" s="10"/>
    </row>
    <row r="435249" spans="14:14">
      <c r="N435249" s="10"/>
    </row>
    <row r="435250" spans="14:14">
      <c r="N435250" s="10"/>
    </row>
    <row r="435251" spans="14:14">
      <c r="N435251" s="10"/>
    </row>
    <row r="435252" spans="14:14">
      <c r="N435252" s="10"/>
    </row>
    <row r="435253" spans="14:14">
      <c r="N435253" s="10"/>
    </row>
    <row r="435254" spans="14:14">
      <c r="N435254" s="10"/>
    </row>
    <row r="435255" spans="14:14">
      <c r="N435255" s="10"/>
    </row>
    <row r="435256" spans="14:14">
      <c r="N435256" s="10"/>
    </row>
    <row r="435257" spans="14:14">
      <c r="N435257" s="10"/>
    </row>
    <row r="435258" spans="14:14">
      <c r="N435258" s="10"/>
    </row>
    <row r="435259" spans="14:14">
      <c r="N435259" s="10"/>
    </row>
    <row r="435260" spans="14:14">
      <c r="N435260" s="10"/>
    </row>
    <row r="435261" spans="14:14">
      <c r="N435261" s="10"/>
    </row>
    <row r="435262" spans="14:14">
      <c r="N435262" s="10"/>
    </row>
    <row r="435263" spans="14:14">
      <c r="N435263" s="10"/>
    </row>
    <row r="435264" spans="14:14">
      <c r="N435264" s="10"/>
    </row>
    <row r="435265" spans="14:14">
      <c r="N435265" s="10"/>
    </row>
    <row r="435266" spans="14:14">
      <c r="N435266" s="10"/>
    </row>
    <row r="435267" spans="14:14">
      <c r="N435267" s="10"/>
    </row>
    <row r="435268" spans="14:14">
      <c r="N435268" s="10"/>
    </row>
    <row r="435269" spans="14:14">
      <c r="N435269" s="10"/>
    </row>
    <row r="435270" spans="14:14">
      <c r="N435270" s="10"/>
    </row>
    <row r="435271" spans="14:14">
      <c r="N435271" s="10"/>
    </row>
    <row r="435272" spans="14:14">
      <c r="N435272" s="10"/>
    </row>
    <row r="435273" spans="14:14">
      <c r="N435273" s="10"/>
    </row>
    <row r="435274" spans="14:14">
      <c r="N435274" s="10"/>
    </row>
    <row r="435275" spans="14:14">
      <c r="N435275" s="10"/>
    </row>
    <row r="435276" spans="14:14">
      <c r="N435276" s="10"/>
    </row>
    <row r="435277" spans="14:14">
      <c r="N435277" s="10"/>
    </row>
    <row r="435278" spans="14:14">
      <c r="N435278" s="10"/>
    </row>
    <row r="435279" spans="14:14">
      <c r="N435279" s="10"/>
    </row>
    <row r="435280" spans="14:14">
      <c r="N435280" s="10"/>
    </row>
    <row r="435281" spans="14:14">
      <c r="N435281" s="10"/>
    </row>
    <row r="435282" spans="14:14">
      <c r="N435282" s="10"/>
    </row>
    <row r="435283" spans="14:14">
      <c r="N435283" s="10"/>
    </row>
    <row r="435284" spans="14:14">
      <c r="N435284" s="10"/>
    </row>
    <row r="435285" spans="14:14">
      <c r="N435285" s="10"/>
    </row>
    <row r="435286" spans="14:14">
      <c r="N435286" s="10"/>
    </row>
    <row r="435287" spans="14:14">
      <c r="N435287" s="10"/>
    </row>
    <row r="435288" spans="14:14">
      <c r="N435288" s="10"/>
    </row>
    <row r="435289" spans="14:14">
      <c r="N435289" s="10"/>
    </row>
    <row r="435290" spans="14:14">
      <c r="N435290" s="10"/>
    </row>
    <row r="435291" spans="14:14">
      <c r="N435291" s="10"/>
    </row>
    <row r="435292" spans="14:14">
      <c r="N435292" s="10"/>
    </row>
    <row r="435293" spans="14:14">
      <c r="N435293" s="10"/>
    </row>
    <row r="435294" spans="14:14">
      <c r="N435294" s="10"/>
    </row>
    <row r="435295" spans="14:14">
      <c r="N435295" s="10"/>
    </row>
    <row r="435296" spans="14:14">
      <c r="N435296" s="10"/>
    </row>
    <row r="435297" spans="14:14">
      <c r="N435297" s="10"/>
    </row>
    <row r="435298" spans="14:14">
      <c r="N435298" s="10"/>
    </row>
    <row r="435299" spans="14:14">
      <c r="N435299" s="10"/>
    </row>
    <row r="435300" spans="14:14">
      <c r="N435300" s="10"/>
    </row>
    <row r="435301" spans="14:14">
      <c r="N435301" s="10"/>
    </row>
    <row r="435302" spans="14:14">
      <c r="N435302" s="10"/>
    </row>
    <row r="435303" spans="14:14">
      <c r="N435303" s="10"/>
    </row>
    <row r="435304" spans="14:14">
      <c r="N435304" s="10"/>
    </row>
    <row r="435305" spans="14:14">
      <c r="N435305" s="10"/>
    </row>
    <row r="435306" spans="14:14">
      <c r="N435306" s="10"/>
    </row>
    <row r="435307" spans="14:14">
      <c r="N435307" s="10"/>
    </row>
    <row r="435308" spans="14:14">
      <c r="N435308" s="10"/>
    </row>
    <row r="435309" spans="14:14">
      <c r="N435309" s="10"/>
    </row>
    <row r="435310" spans="14:14">
      <c r="N435310" s="10"/>
    </row>
    <row r="435311" spans="14:14">
      <c r="N435311" s="10"/>
    </row>
    <row r="435312" spans="14:14">
      <c r="N435312" s="10"/>
    </row>
    <row r="435313" spans="14:14">
      <c r="N435313" s="10"/>
    </row>
    <row r="435314" spans="14:14">
      <c r="N435314" s="10"/>
    </row>
    <row r="435315" spans="14:14">
      <c r="N435315" s="10"/>
    </row>
    <row r="435316" spans="14:14">
      <c r="N435316" s="10"/>
    </row>
    <row r="435317" spans="14:14">
      <c r="N435317" s="10"/>
    </row>
    <row r="435318" spans="14:14">
      <c r="N435318" s="10"/>
    </row>
    <row r="435319" spans="14:14">
      <c r="N435319" s="10"/>
    </row>
    <row r="435320" spans="14:14">
      <c r="N435320" s="10"/>
    </row>
    <row r="435321" spans="14:14">
      <c r="N435321" s="10"/>
    </row>
    <row r="435322" spans="14:14">
      <c r="N435322" s="10"/>
    </row>
    <row r="435323" spans="14:14">
      <c r="N435323" s="10"/>
    </row>
    <row r="435324" spans="14:14">
      <c r="N435324" s="10"/>
    </row>
    <row r="435325" spans="14:14">
      <c r="N435325" s="10"/>
    </row>
    <row r="435326" spans="14:14">
      <c r="N435326" s="10"/>
    </row>
    <row r="435327" spans="14:14">
      <c r="N435327" s="10"/>
    </row>
    <row r="435328" spans="14:14">
      <c r="N435328" s="10"/>
    </row>
    <row r="435329" spans="14:14">
      <c r="N435329" s="10"/>
    </row>
    <row r="435330" spans="14:14">
      <c r="N435330" s="10"/>
    </row>
    <row r="435331" spans="14:14">
      <c r="N435331" s="10"/>
    </row>
    <row r="435332" spans="14:14">
      <c r="N435332" s="10"/>
    </row>
    <row r="435333" spans="14:14">
      <c r="N435333" s="10"/>
    </row>
    <row r="435334" spans="14:14">
      <c r="N435334" s="10"/>
    </row>
    <row r="435335" spans="14:14">
      <c r="N435335" s="10"/>
    </row>
    <row r="435336" spans="14:14">
      <c r="N435336" s="10"/>
    </row>
    <row r="435337" spans="14:14">
      <c r="N435337" s="10"/>
    </row>
    <row r="435338" spans="14:14">
      <c r="N435338" s="10"/>
    </row>
    <row r="435339" spans="14:14">
      <c r="N435339" s="10"/>
    </row>
    <row r="435340" spans="14:14">
      <c r="N435340" s="10"/>
    </row>
    <row r="435341" spans="14:14">
      <c r="N435341" s="10"/>
    </row>
    <row r="435342" spans="14:14">
      <c r="N435342" s="10"/>
    </row>
    <row r="435343" spans="14:14">
      <c r="N435343" s="10"/>
    </row>
    <row r="435344" spans="14:14">
      <c r="N435344" s="10"/>
    </row>
    <row r="435345" spans="14:14">
      <c r="N435345" s="10"/>
    </row>
    <row r="435346" spans="14:14">
      <c r="N435346" s="10"/>
    </row>
    <row r="435347" spans="14:14">
      <c r="N435347" s="10"/>
    </row>
    <row r="435348" spans="14:14">
      <c r="N435348" s="10"/>
    </row>
    <row r="435349" spans="14:14">
      <c r="N435349" s="10"/>
    </row>
    <row r="435350" spans="14:14">
      <c r="N435350" s="10"/>
    </row>
    <row r="435351" spans="14:14">
      <c r="N435351" s="10"/>
    </row>
    <row r="435352" spans="14:14">
      <c r="N435352" s="10"/>
    </row>
    <row r="435353" spans="14:14">
      <c r="N435353" s="10"/>
    </row>
    <row r="435354" spans="14:14">
      <c r="N435354" s="10"/>
    </row>
    <row r="435355" spans="14:14">
      <c r="N435355" s="10"/>
    </row>
    <row r="435356" spans="14:14">
      <c r="N435356" s="10"/>
    </row>
    <row r="435357" spans="14:14">
      <c r="N435357" s="10"/>
    </row>
    <row r="435358" spans="14:14">
      <c r="N435358" s="10"/>
    </row>
    <row r="435359" spans="14:14">
      <c r="N435359" s="10"/>
    </row>
    <row r="435360" spans="14:14">
      <c r="N435360" s="10"/>
    </row>
    <row r="435361" spans="14:14">
      <c r="N435361" s="10"/>
    </row>
    <row r="435362" spans="14:14">
      <c r="N435362" s="10"/>
    </row>
    <row r="435363" spans="14:14">
      <c r="N435363" s="10"/>
    </row>
    <row r="435364" spans="14:14">
      <c r="N435364" s="10"/>
    </row>
    <row r="435365" spans="14:14">
      <c r="N435365" s="10"/>
    </row>
    <row r="435366" spans="14:14">
      <c r="N435366" s="10"/>
    </row>
    <row r="435367" spans="14:14">
      <c r="N435367" s="10"/>
    </row>
    <row r="435368" spans="14:14">
      <c r="N435368" s="10"/>
    </row>
    <row r="435369" spans="14:14">
      <c r="N435369" s="10"/>
    </row>
    <row r="435370" spans="14:14">
      <c r="N435370" s="10"/>
    </row>
    <row r="435371" spans="14:14">
      <c r="N435371" s="10"/>
    </row>
    <row r="435372" spans="14:14">
      <c r="N435372" s="10"/>
    </row>
    <row r="435373" spans="14:14">
      <c r="N435373" s="10"/>
    </row>
    <row r="435374" spans="14:14">
      <c r="N435374" s="10"/>
    </row>
    <row r="435375" spans="14:14">
      <c r="N435375" s="10"/>
    </row>
    <row r="435376" spans="14:14">
      <c r="N435376" s="10"/>
    </row>
    <row r="435377" spans="14:14">
      <c r="N435377" s="10"/>
    </row>
    <row r="435378" spans="14:14">
      <c r="N435378" s="10"/>
    </row>
    <row r="435379" spans="14:14">
      <c r="N435379" s="10"/>
    </row>
    <row r="435380" spans="14:14">
      <c r="N435380" s="10"/>
    </row>
    <row r="435381" spans="14:14">
      <c r="N435381" s="10"/>
    </row>
    <row r="435382" spans="14:14">
      <c r="N435382" s="10"/>
    </row>
    <row r="435383" spans="14:14">
      <c r="N435383" s="10"/>
    </row>
    <row r="435384" spans="14:14">
      <c r="N435384" s="10"/>
    </row>
    <row r="435385" spans="14:14">
      <c r="N435385" s="10"/>
    </row>
    <row r="435386" spans="14:14">
      <c r="N435386" s="10"/>
    </row>
    <row r="435387" spans="14:14">
      <c r="N435387" s="10"/>
    </row>
    <row r="435388" spans="14:14">
      <c r="N435388" s="10"/>
    </row>
    <row r="435389" spans="14:14">
      <c r="N435389" s="10"/>
    </row>
    <row r="435390" spans="14:14">
      <c r="N435390" s="10"/>
    </row>
    <row r="435391" spans="14:14">
      <c r="N435391" s="10"/>
    </row>
    <row r="435392" spans="14:14">
      <c r="N435392" s="10"/>
    </row>
    <row r="435393" spans="14:14">
      <c r="N435393" s="10"/>
    </row>
    <row r="435394" spans="14:14">
      <c r="N435394" s="10"/>
    </row>
    <row r="435395" spans="14:14">
      <c r="N435395" s="10"/>
    </row>
    <row r="435396" spans="14:14">
      <c r="N435396" s="10"/>
    </row>
    <row r="435397" spans="14:14">
      <c r="N435397" s="10"/>
    </row>
    <row r="435398" spans="14:14">
      <c r="N435398" s="10"/>
    </row>
    <row r="435399" spans="14:14">
      <c r="N435399" s="10"/>
    </row>
    <row r="435400" spans="14:14">
      <c r="N435400" s="10"/>
    </row>
    <row r="435401" spans="14:14">
      <c r="N435401" s="10"/>
    </row>
    <row r="435402" spans="14:14">
      <c r="N435402" s="10"/>
    </row>
    <row r="435403" spans="14:14">
      <c r="N435403" s="10"/>
    </row>
    <row r="435404" spans="14:14">
      <c r="N435404" s="10"/>
    </row>
    <row r="435405" spans="14:14">
      <c r="N435405" s="10"/>
    </row>
    <row r="435406" spans="14:14">
      <c r="N435406" s="10"/>
    </row>
    <row r="435407" spans="14:14">
      <c r="N435407" s="10"/>
    </row>
    <row r="435408" spans="14:14">
      <c r="N435408" s="10"/>
    </row>
    <row r="435409" spans="14:14">
      <c r="N435409" s="10"/>
    </row>
    <row r="435410" spans="14:14">
      <c r="N435410" s="10"/>
    </row>
    <row r="435411" spans="14:14">
      <c r="N435411" s="10"/>
    </row>
    <row r="435412" spans="14:14">
      <c r="N435412" s="10"/>
    </row>
    <row r="435413" spans="14:14">
      <c r="N435413" s="10"/>
    </row>
    <row r="435414" spans="14:14">
      <c r="N435414" s="10"/>
    </row>
    <row r="435415" spans="14:14">
      <c r="N435415" s="10"/>
    </row>
    <row r="435416" spans="14:14">
      <c r="N435416" s="10"/>
    </row>
    <row r="435417" spans="14:14">
      <c r="N435417" s="10"/>
    </row>
    <row r="435418" spans="14:14">
      <c r="N435418" s="10"/>
    </row>
    <row r="435419" spans="14:14">
      <c r="N435419" s="10"/>
    </row>
    <row r="435420" spans="14:14">
      <c r="N435420" s="10"/>
    </row>
    <row r="435421" spans="14:14">
      <c r="N435421" s="10"/>
    </row>
    <row r="435422" spans="14:14">
      <c r="N435422" s="10"/>
    </row>
    <row r="435423" spans="14:14">
      <c r="N435423" s="10"/>
    </row>
    <row r="435424" spans="14:14">
      <c r="N435424" s="10"/>
    </row>
    <row r="435425" spans="14:14">
      <c r="N435425" s="10"/>
    </row>
    <row r="435426" spans="14:14">
      <c r="N435426" s="10"/>
    </row>
    <row r="435427" spans="14:14">
      <c r="N435427" s="10"/>
    </row>
    <row r="435428" spans="14:14">
      <c r="N435428" s="10"/>
    </row>
    <row r="435429" spans="14:14">
      <c r="N435429" s="10"/>
    </row>
    <row r="435430" spans="14:14">
      <c r="N435430" s="10"/>
    </row>
    <row r="435431" spans="14:14">
      <c r="N435431" s="10"/>
    </row>
    <row r="435432" spans="14:14">
      <c r="N435432" s="10"/>
    </row>
    <row r="435433" spans="14:14">
      <c r="N435433" s="10"/>
    </row>
    <row r="435434" spans="14:14">
      <c r="N435434" s="10"/>
    </row>
    <row r="435435" spans="14:14">
      <c r="N435435" s="10"/>
    </row>
    <row r="435436" spans="14:14">
      <c r="N435436" s="10"/>
    </row>
    <row r="435437" spans="14:14">
      <c r="N435437" s="10"/>
    </row>
    <row r="435438" spans="14:14">
      <c r="N435438" s="10"/>
    </row>
    <row r="435439" spans="14:14">
      <c r="N435439" s="10"/>
    </row>
    <row r="435440" spans="14:14">
      <c r="N435440" s="10"/>
    </row>
    <row r="435441" spans="14:14">
      <c r="N435441" s="10"/>
    </row>
    <row r="435442" spans="14:14">
      <c r="N435442" s="10"/>
    </row>
    <row r="435443" spans="14:14">
      <c r="N435443" s="10"/>
    </row>
    <row r="435444" spans="14:14">
      <c r="N435444" s="10"/>
    </row>
    <row r="435445" spans="14:14">
      <c r="N435445" s="10"/>
    </row>
    <row r="435446" spans="14:14">
      <c r="N435446" s="10"/>
    </row>
    <row r="435447" spans="14:14">
      <c r="N435447" s="10"/>
    </row>
    <row r="435448" spans="14:14">
      <c r="N435448" s="10"/>
    </row>
    <row r="435449" spans="14:14">
      <c r="N435449" s="10"/>
    </row>
    <row r="435450" spans="14:14">
      <c r="N435450" s="10"/>
    </row>
    <row r="435451" spans="14:14">
      <c r="N435451" s="10"/>
    </row>
    <row r="435452" spans="14:14">
      <c r="N435452" s="10"/>
    </row>
    <row r="435453" spans="14:14">
      <c r="N435453" s="10"/>
    </row>
    <row r="435454" spans="14:14">
      <c r="N435454" s="10"/>
    </row>
    <row r="435455" spans="14:14">
      <c r="N435455" s="10"/>
    </row>
    <row r="435456" spans="14:14">
      <c r="N435456" s="10"/>
    </row>
    <row r="435457" spans="14:14">
      <c r="N435457" s="10"/>
    </row>
    <row r="435458" spans="14:14">
      <c r="N435458" s="10"/>
    </row>
    <row r="435459" spans="14:14">
      <c r="N435459" s="10"/>
    </row>
    <row r="435460" spans="14:14">
      <c r="N435460" s="10"/>
    </row>
    <row r="435461" spans="14:14">
      <c r="N435461" s="10"/>
    </row>
    <row r="435462" spans="14:14">
      <c r="N435462" s="10"/>
    </row>
    <row r="435463" spans="14:14">
      <c r="N435463" s="10"/>
    </row>
    <row r="435464" spans="14:14">
      <c r="N435464" s="10"/>
    </row>
    <row r="435465" spans="14:14">
      <c r="N435465" s="10"/>
    </row>
    <row r="435466" spans="14:14">
      <c r="N435466" s="10"/>
    </row>
    <row r="435467" spans="14:14">
      <c r="N435467" s="10"/>
    </row>
    <row r="435468" spans="14:14">
      <c r="N435468" s="10"/>
    </row>
    <row r="435469" spans="14:14">
      <c r="N435469" s="10"/>
    </row>
    <row r="435470" spans="14:14">
      <c r="N435470" s="10"/>
    </row>
    <row r="435471" spans="14:14">
      <c r="N435471" s="10"/>
    </row>
    <row r="435472" spans="14:14">
      <c r="N435472" s="10"/>
    </row>
    <row r="435473" spans="14:14">
      <c r="N435473" s="10"/>
    </row>
    <row r="435474" spans="14:14">
      <c r="N435474" s="10"/>
    </row>
    <row r="435475" spans="14:14">
      <c r="N435475" s="10"/>
    </row>
    <row r="435476" spans="14:14">
      <c r="N435476" s="10"/>
    </row>
    <row r="435477" spans="14:14">
      <c r="N435477" s="10"/>
    </row>
    <row r="435478" spans="14:14">
      <c r="N435478" s="10"/>
    </row>
    <row r="435479" spans="14:14">
      <c r="N435479" s="10"/>
    </row>
    <row r="435480" spans="14:14">
      <c r="N435480" s="10"/>
    </row>
    <row r="435481" spans="14:14">
      <c r="N435481" s="10"/>
    </row>
    <row r="435482" spans="14:14">
      <c r="N435482" s="10"/>
    </row>
    <row r="435483" spans="14:14">
      <c r="N435483" s="10"/>
    </row>
    <row r="435484" spans="14:14">
      <c r="N435484" s="10"/>
    </row>
    <row r="435485" spans="14:14">
      <c r="N435485" s="10"/>
    </row>
    <row r="435486" spans="14:14">
      <c r="N435486" s="10"/>
    </row>
    <row r="435487" spans="14:14">
      <c r="N435487" s="10"/>
    </row>
    <row r="435488" spans="14:14">
      <c r="N435488" s="10"/>
    </row>
    <row r="435489" spans="14:14">
      <c r="N435489" s="10"/>
    </row>
    <row r="435490" spans="14:14">
      <c r="N435490" s="10"/>
    </row>
    <row r="435491" spans="14:14">
      <c r="N435491" s="10"/>
    </row>
    <row r="435492" spans="14:14">
      <c r="N435492" s="10"/>
    </row>
    <row r="435493" spans="14:14">
      <c r="N435493" s="10"/>
    </row>
    <row r="435494" spans="14:14">
      <c r="N435494" s="10"/>
    </row>
    <row r="435495" spans="14:14">
      <c r="N435495" s="10"/>
    </row>
    <row r="435496" spans="14:14">
      <c r="N435496" s="10"/>
    </row>
    <row r="435497" spans="14:14">
      <c r="N435497" s="10"/>
    </row>
    <row r="435498" spans="14:14">
      <c r="N435498" s="10"/>
    </row>
    <row r="435499" spans="14:14">
      <c r="N435499" s="10"/>
    </row>
    <row r="435500" spans="14:14">
      <c r="N435500" s="10"/>
    </row>
    <row r="435501" spans="14:14">
      <c r="N435501" s="10"/>
    </row>
    <row r="435502" spans="14:14">
      <c r="N435502" s="10"/>
    </row>
    <row r="435503" spans="14:14">
      <c r="N435503" s="10"/>
    </row>
    <row r="435504" spans="14:14">
      <c r="N435504" s="10"/>
    </row>
    <row r="435505" spans="14:14">
      <c r="N435505" s="10"/>
    </row>
    <row r="435506" spans="14:14">
      <c r="N435506" s="10"/>
    </row>
    <row r="435507" spans="14:14">
      <c r="N435507" s="10"/>
    </row>
    <row r="435508" spans="14:14">
      <c r="N435508" s="10"/>
    </row>
    <row r="435509" spans="14:14">
      <c r="N435509" s="10"/>
    </row>
    <row r="435510" spans="14:14">
      <c r="N435510" s="10"/>
    </row>
    <row r="435511" spans="14:14">
      <c r="N435511" s="10"/>
    </row>
    <row r="435512" spans="14:14">
      <c r="N435512" s="10"/>
    </row>
    <row r="435513" spans="14:14">
      <c r="N435513" s="10"/>
    </row>
    <row r="435514" spans="14:14">
      <c r="N435514" s="10"/>
    </row>
    <row r="435515" spans="14:14">
      <c r="N435515" s="10"/>
    </row>
    <row r="435516" spans="14:14">
      <c r="N435516" s="10"/>
    </row>
    <row r="435517" spans="14:14">
      <c r="N435517" s="10"/>
    </row>
    <row r="435518" spans="14:14">
      <c r="N435518" s="10"/>
    </row>
    <row r="435519" spans="14:14">
      <c r="N435519" s="10"/>
    </row>
    <row r="435520" spans="14:14">
      <c r="N435520" s="10"/>
    </row>
    <row r="435521" spans="14:14">
      <c r="N435521" s="10"/>
    </row>
    <row r="435522" spans="14:14">
      <c r="N435522" s="10"/>
    </row>
    <row r="435523" spans="14:14">
      <c r="N435523" s="10"/>
    </row>
    <row r="435524" spans="14:14">
      <c r="N435524" s="10"/>
    </row>
    <row r="435525" spans="14:14">
      <c r="N435525" s="10"/>
    </row>
    <row r="435526" spans="14:14">
      <c r="N435526" s="10"/>
    </row>
    <row r="435527" spans="14:14">
      <c r="N435527" s="10"/>
    </row>
    <row r="435528" spans="14:14">
      <c r="N435528" s="10"/>
    </row>
    <row r="435529" spans="14:14">
      <c r="N435529" s="10"/>
    </row>
    <row r="435530" spans="14:14">
      <c r="N435530" s="10"/>
    </row>
    <row r="435531" spans="14:14">
      <c r="N435531" s="10"/>
    </row>
    <row r="435532" spans="14:14">
      <c r="N435532" s="10"/>
    </row>
    <row r="435533" spans="14:14">
      <c r="N435533" s="10"/>
    </row>
    <row r="435534" spans="14:14">
      <c r="N435534" s="10"/>
    </row>
    <row r="435535" spans="14:14">
      <c r="N435535" s="10"/>
    </row>
    <row r="435536" spans="14:14">
      <c r="N435536" s="10"/>
    </row>
    <row r="435537" spans="14:14">
      <c r="N435537" s="10"/>
    </row>
    <row r="435538" spans="14:14">
      <c r="N435538" s="10"/>
    </row>
    <row r="435539" spans="14:14">
      <c r="N435539" s="10"/>
    </row>
    <row r="435540" spans="14:14">
      <c r="N435540" s="10"/>
    </row>
    <row r="435541" spans="14:14">
      <c r="N435541" s="10"/>
    </row>
    <row r="435542" spans="14:14">
      <c r="N435542" s="10"/>
    </row>
    <row r="435543" spans="14:14">
      <c r="N435543" s="10"/>
    </row>
    <row r="435544" spans="14:14">
      <c r="N435544" s="10"/>
    </row>
    <row r="435545" spans="14:14">
      <c r="N435545" s="10"/>
    </row>
    <row r="435546" spans="14:14">
      <c r="N435546" s="10"/>
    </row>
    <row r="435547" spans="14:14">
      <c r="N435547" s="10"/>
    </row>
    <row r="435548" spans="14:14">
      <c r="N435548" s="10"/>
    </row>
    <row r="435549" spans="14:14">
      <c r="N435549" s="10"/>
    </row>
    <row r="435550" spans="14:14">
      <c r="N435550" s="10"/>
    </row>
    <row r="435551" spans="14:14">
      <c r="N435551" s="10"/>
    </row>
    <row r="435552" spans="14:14">
      <c r="N435552" s="10"/>
    </row>
    <row r="435553" spans="14:14">
      <c r="N435553" s="10"/>
    </row>
    <row r="435554" spans="14:14">
      <c r="N435554" s="10"/>
    </row>
    <row r="435555" spans="14:14">
      <c r="N435555" s="10"/>
    </row>
    <row r="435556" spans="14:14">
      <c r="N435556" s="10"/>
    </row>
    <row r="435557" spans="14:14">
      <c r="N435557" s="10"/>
    </row>
    <row r="435558" spans="14:14">
      <c r="N435558" s="10"/>
    </row>
    <row r="435559" spans="14:14">
      <c r="N435559" s="10"/>
    </row>
    <row r="435560" spans="14:14">
      <c r="N435560" s="10"/>
    </row>
    <row r="435561" spans="14:14">
      <c r="N435561" s="10"/>
    </row>
    <row r="435562" spans="14:14">
      <c r="N435562" s="10"/>
    </row>
    <row r="435563" spans="14:14">
      <c r="N435563" s="10"/>
    </row>
    <row r="435564" spans="14:14">
      <c r="N435564" s="10"/>
    </row>
    <row r="435565" spans="14:14">
      <c r="N435565" s="10"/>
    </row>
    <row r="435566" spans="14:14">
      <c r="N435566" s="10"/>
    </row>
    <row r="435567" spans="14:14">
      <c r="N435567" s="10"/>
    </row>
    <row r="435568" spans="14:14">
      <c r="N435568" s="10"/>
    </row>
    <row r="435569" spans="14:14">
      <c r="N435569" s="10"/>
    </row>
    <row r="435570" spans="14:14">
      <c r="N435570" s="10"/>
    </row>
    <row r="435571" spans="14:14">
      <c r="N435571" s="10"/>
    </row>
    <row r="435572" spans="14:14">
      <c r="N435572" s="10"/>
    </row>
    <row r="435573" spans="14:14">
      <c r="N435573" s="10"/>
    </row>
    <row r="435574" spans="14:14">
      <c r="N435574" s="10"/>
    </row>
    <row r="435575" spans="14:14">
      <c r="N435575" s="10"/>
    </row>
    <row r="435576" spans="14:14">
      <c r="N435576" s="10"/>
    </row>
    <row r="435577" spans="14:14">
      <c r="N435577" s="10"/>
    </row>
    <row r="435578" spans="14:14">
      <c r="N435578" s="10"/>
    </row>
    <row r="435579" spans="14:14">
      <c r="N435579" s="10"/>
    </row>
    <row r="435580" spans="14:14">
      <c r="N435580" s="10"/>
    </row>
    <row r="435581" spans="14:14">
      <c r="N435581" s="10"/>
    </row>
    <row r="435582" spans="14:14">
      <c r="N435582" s="10"/>
    </row>
    <row r="435583" spans="14:14">
      <c r="N435583" s="10"/>
    </row>
    <row r="435584" spans="14:14">
      <c r="N435584" s="10"/>
    </row>
    <row r="435585" spans="14:14">
      <c r="N435585" s="10"/>
    </row>
    <row r="435586" spans="14:14">
      <c r="N435586" s="10"/>
    </row>
    <row r="435587" spans="14:14">
      <c r="N435587" s="10"/>
    </row>
    <row r="435588" spans="14:14">
      <c r="N435588" s="10"/>
    </row>
    <row r="435589" spans="14:14">
      <c r="N435589" s="10"/>
    </row>
    <row r="435590" spans="14:14">
      <c r="N435590" s="10"/>
    </row>
    <row r="435591" spans="14:14">
      <c r="N435591" s="10"/>
    </row>
    <row r="435592" spans="14:14">
      <c r="N435592" s="10"/>
    </row>
    <row r="435593" spans="14:14">
      <c r="N435593" s="10"/>
    </row>
    <row r="435594" spans="14:14">
      <c r="N435594" s="10"/>
    </row>
    <row r="435595" spans="14:14">
      <c r="N435595" s="10"/>
    </row>
    <row r="435596" spans="14:14">
      <c r="N435596" s="10"/>
    </row>
    <row r="435597" spans="14:14">
      <c r="N435597" s="10"/>
    </row>
    <row r="435598" spans="14:14">
      <c r="N435598" s="10"/>
    </row>
    <row r="435599" spans="14:14">
      <c r="N435599" s="10"/>
    </row>
    <row r="435600" spans="14:14">
      <c r="N435600" s="10"/>
    </row>
    <row r="435601" spans="14:14">
      <c r="N435601" s="10"/>
    </row>
    <row r="435602" spans="14:14">
      <c r="N435602" s="10"/>
    </row>
    <row r="435603" spans="14:14">
      <c r="N435603" s="10"/>
    </row>
    <row r="435604" spans="14:14">
      <c r="N435604" s="10"/>
    </row>
    <row r="435605" spans="14:14">
      <c r="N435605" s="10"/>
    </row>
    <row r="435606" spans="14:14">
      <c r="N435606" s="10"/>
    </row>
    <row r="435607" spans="14:14">
      <c r="N435607" s="10"/>
    </row>
    <row r="435608" spans="14:14">
      <c r="N435608" s="10"/>
    </row>
    <row r="435609" spans="14:14">
      <c r="N435609" s="10"/>
    </row>
    <row r="435610" spans="14:14">
      <c r="N435610" s="10"/>
    </row>
    <row r="435611" spans="14:14">
      <c r="N435611" s="10"/>
    </row>
    <row r="435612" spans="14:14">
      <c r="N435612" s="10"/>
    </row>
    <row r="435613" spans="14:14">
      <c r="N435613" s="10"/>
    </row>
    <row r="435614" spans="14:14">
      <c r="N435614" s="10"/>
    </row>
    <row r="435615" spans="14:14">
      <c r="N435615" s="10"/>
    </row>
    <row r="435616" spans="14:14">
      <c r="N435616" s="10"/>
    </row>
    <row r="435617" spans="14:14">
      <c r="N435617" s="10"/>
    </row>
    <row r="435618" spans="14:14">
      <c r="N435618" s="10"/>
    </row>
    <row r="435619" spans="14:14">
      <c r="N435619" s="10"/>
    </row>
    <row r="435620" spans="14:14">
      <c r="N435620" s="10"/>
    </row>
    <row r="435621" spans="14:14">
      <c r="N435621" s="10"/>
    </row>
    <row r="435622" spans="14:14">
      <c r="N435622" s="10"/>
    </row>
    <row r="435623" spans="14:14">
      <c r="N435623" s="10"/>
    </row>
    <row r="435624" spans="14:14">
      <c r="N435624" s="10"/>
    </row>
    <row r="435625" spans="14:14">
      <c r="N435625" s="10"/>
    </row>
    <row r="435626" spans="14:14">
      <c r="N435626" s="10"/>
    </row>
    <row r="435627" spans="14:14">
      <c r="N435627" s="10"/>
    </row>
    <row r="435628" spans="14:14">
      <c r="N435628" s="10"/>
    </row>
    <row r="435629" spans="14:14">
      <c r="N435629" s="10"/>
    </row>
    <row r="435630" spans="14:14">
      <c r="N435630" s="10"/>
    </row>
    <row r="435631" spans="14:14">
      <c r="N435631" s="10"/>
    </row>
    <row r="435632" spans="14:14">
      <c r="N435632" s="10"/>
    </row>
    <row r="435633" spans="14:14">
      <c r="N435633" s="10"/>
    </row>
    <row r="435634" spans="14:14">
      <c r="N435634" s="10"/>
    </row>
    <row r="435635" spans="14:14">
      <c r="N435635" s="10"/>
    </row>
    <row r="435636" spans="14:14">
      <c r="N435636" s="10"/>
    </row>
    <row r="435637" spans="14:14">
      <c r="N435637" s="10"/>
    </row>
    <row r="435638" spans="14:14">
      <c r="N435638" s="10"/>
    </row>
    <row r="435639" spans="14:14">
      <c r="N435639" s="10"/>
    </row>
    <row r="435640" spans="14:14">
      <c r="N435640" s="10"/>
    </row>
    <row r="435641" spans="14:14">
      <c r="N435641" s="10"/>
    </row>
    <row r="435642" spans="14:14">
      <c r="N435642" s="10"/>
    </row>
    <row r="435643" spans="14:14">
      <c r="N435643" s="10"/>
    </row>
    <row r="435644" spans="14:14">
      <c r="N435644" s="10"/>
    </row>
    <row r="435645" spans="14:14">
      <c r="N435645" s="10"/>
    </row>
    <row r="435646" spans="14:14">
      <c r="N435646" s="10"/>
    </row>
    <row r="435647" spans="14:14">
      <c r="N435647" s="10"/>
    </row>
    <row r="435648" spans="14:14">
      <c r="N435648" s="10"/>
    </row>
    <row r="435649" spans="14:14">
      <c r="N435649" s="10"/>
    </row>
    <row r="435650" spans="14:14">
      <c r="N435650" s="10"/>
    </row>
    <row r="435651" spans="14:14">
      <c r="N435651" s="10"/>
    </row>
    <row r="435652" spans="14:14">
      <c r="N435652" s="10"/>
    </row>
    <row r="435653" spans="14:14">
      <c r="N435653" s="10"/>
    </row>
    <row r="435654" spans="14:14">
      <c r="N435654" s="10"/>
    </row>
    <row r="435655" spans="14:14">
      <c r="N435655" s="10"/>
    </row>
    <row r="435656" spans="14:14">
      <c r="N435656" s="10"/>
    </row>
    <row r="435657" spans="14:14">
      <c r="N435657" s="10"/>
    </row>
    <row r="435658" spans="14:14">
      <c r="N435658" s="10"/>
    </row>
    <row r="435659" spans="14:14">
      <c r="N435659" s="10"/>
    </row>
    <row r="435660" spans="14:14">
      <c r="N435660" s="10"/>
    </row>
    <row r="435661" spans="14:14">
      <c r="N435661" s="10"/>
    </row>
    <row r="435662" spans="14:14">
      <c r="N435662" s="10"/>
    </row>
    <row r="435663" spans="14:14">
      <c r="N435663" s="10"/>
    </row>
    <row r="435664" spans="14:14">
      <c r="N435664" s="10"/>
    </row>
    <row r="435665" spans="14:14">
      <c r="N435665" s="10"/>
    </row>
    <row r="435666" spans="14:14">
      <c r="N435666" s="10"/>
    </row>
    <row r="435667" spans="14:14">
      <c r="N435667" s="10"/>
    </row>
    <row r="435668" spans="14:14">
      <c r="N435668" s="10"/>
    </row>
    <row r="435669" spans="14:14">
      <c r="N435669" s="10"/>
    </row>
    <row r="435670" spans="14:14">
      <c r="N435670" s="10"/>
    </row>
    <row r="435671" spans="14:14">
      <c r="N435671" s="10"/>
    </row>
    <row r="435672" spans="14:14">
      <c r="N435672" s="10"/>
    </row>
    <row r="435673" spans="14:14">
      <c r="N435673" s="10"/>
    </row>
    <row r="435674" spans="14:14">
      <c r="N435674" s="10"/>
    </row>
    <row r="435675" spans="14:14">
      <c r="N435675" s="10"/>
    </row>
    <row r="435676" spans="14:14">
      <c r="N435676" s="10"/>
    </row>
    <row r="435677" spans="14:14">
      <c r="N435677" s="10"/>
    </row>
    <row r="435678" spans="14:14">
      <c r="N435678" s="10"/>
    </row>
    <row r="435679" spans="14:14">
      <c r="N435679" s="10"/>
    </row>
    <row r="435680" spans="14:14">
      <c r="N435680" s="10"/>
    </row>
    <row r="435681" spans="14:14">
      <c r="N435681" s="10"/>
    </row>
    <row r="435682" spans="14:14">
      <c r="N435682" s="10"/>
    </row>
    <row r="435683" spans="14:14">
      <c r="N435683" s="10"/>
    </row>
    <row r="435684" spans="14:14">
      <c r="N435684" s="10"/>
    </row>
    <row r="435685" spans="14:14">
      <c r="N435685" s="10"/>
    </row>
    <row r="435686" spans="14:14">
      <c r="N435686" s="10"/>
    </row>
    <row r="435687" spans="14:14">
      <c r="N435687" s="10"/>
    </row>
    <row r="435688" spans="14:14">
      <c r="N435688" s="10"/>
    </row>
    <row r="435689" spans="14:14">
      <c r="N435689" s="10"/>
    </row>
    <row r="435690" spans="14:14">
      <c r="N435690" s="10"/>
    </row>
    <row r="435691" spans="14:14">
      <c r="N435691" s="10"/>
    </row>
    <row r="435692" spans="14:14">
      <c r="N435692" s="10"/>
    </row>
    <row r="435693" spans="14:14">
      <c r="N435693" s="10"/>
    </row>
    <row r="435694" spans="14:14">
      <c r="N435694" s="10"/>
    </row>
    <row r="435695" spans="14:14">
      <c r="N435695" s="10"/>
    </row>
    <row r="435696" spans="14:14">
      <c r="N435696" s="10"/>
    </row>
    <row r="435697" spans="14:14">
      <c r="N435697" s="10"/>
    </row>
    <row r="435698" spans="14:14">
      <c r="N435698" s="10"/>
    </row>
    <row r="435699" spans="14:14">
      <c r="N435699" s="10"/>
    </row>
    <row r="435700" spans="14:14">
      <c r="N435700" s="10"/>
    </row>
    <row r="435701" spans="14:14">
      <c r="N435701" s="10"/>
    </row>
    <row r="435702" spans="14:14">
      <c r="N435702" s="10"/>
    </row>
    <row r="435703" spans="14:14">
      <c r="N435703" s="10"/>
    </row>
    <row r="435704" spans="14:14">
      <c r="N435704" s="10"/>
    </row>
    <row r="435705" spans="14:14">
      <c r="N435705" s="10"/>
    </row>
    <row r="435706" spans="14:14">
      <c r="N435706" s="10"/>
    </row>
    <row r="435707" spans="14:14">
      <c r="N435707" s="10"/>
    </row>
    <row r="435708" spans="14:14">
      <c r="N435708" s="10"/>
    </row>
    <row r="435709" spans="14:14">
      <c r="N435709" s="10"/>
    </row>
    <row r="435710" spans="14:14">
      <c r="N435710" s="10"/>
    </row>
    <row r="435711" spans="14:14">
      <c r="N435711" s="10"/>
    </row>
    <row r="435712" spans="14:14">
      <c r="N435712" s="10"/>
    </row>
    <row r="435713" spans="14:14">
      <c r="N435713" s="10"/>
    </row>
    <row r="435714" spans="14:14">
      <c r="N435714" s="10"/>
    </row>
    <row r="435715" spans="14:14">
      <c r="N435715" s="10"/>
    </row>
    <row r="435716" spans="14:14">
      <c r="N435716" s="10"/>
    </row>
    <row r="435717" spans="14:14">
      <c r="N435717" s="10"/>
    </row>
    <row r="435718" spans="14:14">
      <c r="N435718" s="10"/>
    </row>
    <row r="435719" spans="14:14">
      <c r="N435719" s="10"/>
    </row>
    <row r="435720" spans="14:14">
      <c r="N435720" s="10"/>
    </row>
    <row r="435721" spans="14:14">
      <c r="N435721" s="10"/>
    </row>
    <row r="435722" spans="14:14">
      <c r="N435722" s="10"/>
    </row>
    <row r="435723" spans="14:14">
      <c r="N435723" s="10"/>
    </row>
    <row r="435724" spans="14:14">
      <c r="N435724" s="10"/>
    </row>
    <row r="435725" spans="14:14">
      <c r="N435725" s="10"/>
    </row>
    <row r="435726" spans="14:14">
      <c r="N435726" s="10"/>
    </row>
    <row r="435727" spans="14:14">
      <c r="N435727" s="10"/>
    </row>
    <row r="435728" spans="14:14">
      <c r="N435728" s="10"/>
    </row>
    <row r="435729" spans="14:14">
      <c r="N435729" s="10"/>
    </row>
    <row r="435730" spans="14:14">
      <c r="N435730" s="10"/>
    </row>
    <row r="435731" spans="14:14">
      <c r="N435731" s="10"/>
    </row>
    <row r="435732" spans="14:14">
      <c r="N435732" s="10"/>
    </row>
    <row r="435733" spans="14:14">
      <c r="N435733" s="10"/>
    </row>
    <row r="435734" spans="14:14">
      <c r="N435734" s="10"/>
    </row>
    <row r="435735" spans="14:14">
      <c r="N435735" s="10"/>
    </row>
    <row r="435736" spans="14:14">
      <c r="N435736" s="10"/>
    </row>
    <row r="435737" spans="14:14">
      <c r="N435737" s="10"/>
    </row>
    <row r="435738" spans="14:14">
      <c r="N435738" s="10"/>
    </row>
    <row r="435739" spans="14:14">
      <c r="N435739" s="10"/>
    </row>
    <row r="435740" spans="14:14">
      <c r="N435740" s="10"/>
    </row>
    <row r="435741" spans="14:14">
      <c r="N435741" s="10"/>
    </row>
    <row r="435742" spans="14:14">
      <c r="N435742" s="10"/>
    </row>
    <row r="435743" spans="14:14">
      <c r="N435743" s="10"/>
    </row>
    <row r="435744" spans="14:14">
      <c r="N435744" s="10"/>
    </row>
    <row r="435745" spans="14:14">
      <c r="N435745" s="10"/>
    </row>
    <row r="435746" spans="14:14">
      <c r="N435746" s="10"/>
    </row>
    <row r="435747" spans="14:14">
      <c r="N435747" s="10"/>
    </row>
    <row r="435748" spans="14:14">
      <c r="N435748" s="10"/>
    </row>
    <row r="435749" spans="14:14">
      <c r="N435749" s="10"/>
    </row>
    <row r="435750" spans="14:14">
      <c r="N435750" s="10"/>
    </row>
    <row r="435751" spans="14:14">
      <c r="N435751" s="10"/>
    </row>
    <row r="435752" spans="14:14">
      <c r="N435752" s="10"/>
    </row>
    <row r="435753" spans="14:14">
      <c r="N435753" s="10"/>
    </row>
    <row r="435754" spans="14:14">
      <c r="N435754" s="10"/>
    </row>
    <row r="435755" spans="14:14">
      <c r="N435755" s="10"/>
    </row>
    <row r="435756" spans="14:14">
      <c r="N435756" s="10"/>
    </row>
    <row r="435757" spans="14:14">
      <c r="N435757" s="10"/>
    </row>
    <row r="435758" spans="14:14">
      <c r="N435758" s="10"/>
    </row>
    <row r="435759" spans="14:14">
      <c r="N435759" s="10"/>
    </row>
    <row r="435760" spans="14:14">
      <c r="N435760" s="10"/>
    </row>
    <row r="435761" spans="14:14">
      <c r="N435761" s="10"/>
    </row>
    <row r="435762" spans="14:14">
      <c r="N435762" s="10"/>
    </row>
    <row r="435763" spans="14:14">
      <c r="N435763" s="10"/>
    </row>
    <row r="435764" spans="14:14">
      <c r="N435764" s="10"/>
    </row>
    <row r="435765" spans="14:14">
      <c r="N435765" s="10"/>
    </row>
    <row r="435766" spans="14:14">
      <c r="N435766" s="10"/>
    </row>
    <row r="435767" spans="14:14">
      <c r="N435767" s="10"/>
    </row>
    <row r="435768" spans="14:14">
      <c r="N435768" s="10"/>
    </row>
    <row r="435769" spans="14:14">
      <c r="N435769" s="10"/>
    </row>
    <row r="435770" spans="14:14">
      <c r="N435770" s="10"/>
    </row>
    <row r="435771" spans="14:14">
      <c r="N435771" s="10"/>
    </row>
    <row r="435772" spans="14:14">
      <c r="N435772" s="10"/>
    </row>
    <row r="435773" spans="14:14">
      <c r="N435773" s="10"/>
    </row>
    <row r="435774" spans="14:14">
      <c r="N435774" s="10"/>
    </row>
    <row r="435775" spans="14:14">
      <c r="N435775" s="10"/>
    </row>
    <row r="435776" spans="14:14">
      <c r="N435776" s="10"/>
    </row>
    <row r="435777" spans="14:14">
      <c r="N435777" s="10"/>
    </row>
    <row r="435778" spans="14:14">
      <c r="N435778" s="10"/>
    </row>
    <row r="435779" spans="14:14">
      <c r="N435779" s="10"/>
    </row>
    <row r="435780" spans="14:14">
      <c r="N435780" s="10"/>
    </row>
    <row r="435781" spans="14:14">
      <c r="N435781" s="10"/>
    </row>
    <row r="435782" spans="14:14">
      <c r="N435782" s="10"/>
    </row>
    <row r="435783" spans="14:14">
      <c r="N435783" s="10"/>
    </row>
    <row r="435784" spans="14:14">
      <c r="N435784" s="10"/>
    </row>
    <row r="435785" spans="14:14">
      <c r="N435785" s="10"/>
    </row>
    <row r="435786" spans="14:14">
      <c r="N435786" s="10"/>
    </row>
    <row r="435787" spans="14:14">
      <c r="N435787" s="10"/>
    </row>
    <row r="435788" spans="14:14">
      <c r="N435788" s="10"/>
    </row>
    <row r="435789" spans="14:14">
      <c r="N435789" s="10"/>
    </row>
    <row r="435790" spans="14:14">
      <c r="N435790" s="10"/>
    </row>
    <row r="435791" spans="14:14">
      <c r="N435791" s="10"/>
    </row>
    <row r="435792" spans="14:14">
      <c r="N435792" s="10"/>
    </row>
    <row r="435793" spans="14:14">
      <c r="N435793" s="10"/>
    </row>
    <row r="435794" spans="14:14">
      <c r="N435794" s="10"/>
    </row>
    <row r="435795" spans="14:14">
      <c r="N435795" s="10"/>
    </row>
    <row r="435796" spans="14:14">
      <c r="N435796" s="10"/>
    </row>
    <row r="435797" spans="14:14">
      <c r="N435797" s="10"/>
    </row>
    <row r="435798" spans="14:14">
      <c r="N435798" s="10"/>
    </row>
    <row r="435799" spans="14:14">
      <c r="N435799" s="10"/>
    </row>
    <row r="435800" spans="14:14">
      <c r="N435800" s="10"/>
    </row>
    <row r="435801" spans="14:14">
      <c r="N435801" s="10"/>
    </row>
    <row r="435802" spans="14:14">
      <c r="N435802" s="10"/>
    </row>
    <row r="435803" spans="14:14">
      <c r="N435803" s="10"/>
    </row>
    <row r="435804" spans="14:14">
      <c r="N435804" s="10"/>
    </row>
    <row r="435805" spans="14:14">
      <c r="N435805" s="10"/>
    </row>
    <row r="435806" spans="14:14">
      <c r="N435806" s="10"/>
    </row>
    <row r="435807" spans="14:14">
      <c r="N435807" s="10"/>
    </row>
    <row r="435808" spans="14:14">
      <c r="N435808" s="10"/>
    </row>
    <row r="435809" spans="14:14">
      <c r="N435809" s="10"/>
    </row>
    <row r="435810" spans="14:14">
      <c r="N435810" s="10"/>
    </row>
    <row r="435811" spans="14:14">
      <c r="N435811" s="10"/>
    </row>
    <row r="435812" spans="14:14">
      <c r="N435812" s="10"/>
    </row>
    <row r="435813" spans="14:14">
      <c r="N435813" s="10"/>
    </row>
    <row r="435814" spans="14:14">
      <c r="N435814" s="10"/>
    </row>
    <row r="435815" spans="14:14">
      <c r="N435815" s="10"/>
    </row>
    <row r="435816" spans="14:14">
      <c r="N435816" s="10"/>
    </row>
    <row r="435817" spans="14:14">
      <c r="N435817" s="10"/>
    </row>
    <row r="435818" spans="14:14">
      <c r="N435818" s="10"/>
    </row>
    <row r="435819" spans="14:14">
      <c r="N435819" s="10"/>
    </row>
    <row r="435820" spans="14:14">
      <c r="N435820" s="10"/>
    </row>
    <row r="435821" spans="14:14">
      <c r="N435821" s="10"/>
    </row>
    <row r="435822" spans="14:14">
      <c r="N435822" s="10"/>
    </row>
    <row r="435823" spans="14:14">
      <c r="N435823" s="10"/>
    </row>
    <row r="435824" spans="14:14">
      <c r="N435824" s="10"/>
    </row>
    <row r="435825" spans="14:14">
      <c r="N435825" s="10"/>
    </row>
    <row r="435826" spans="14:14">
      <c r="N435826" s="10"/>
    </row>
    <row r="435827" spans="14:14">
      <c r="N435827" s="10"/>
    </row>
    <row r="435828" spans="14:14">
      <c r="N435828" s="10"/>
    </row>
    <row r="435829" spans="14:14">
      <c r="N435829" s="10"/>
    </row>
    <row r="435830" spans="14:14">
      <c r="N435830" s="10"/>
    </row>
    <row r="435831" spans="14:14">
      <c r="N435831" s="10"/>
    </row>
    <row r="435832" spans="14:14">
      <c r="N435832" s="10"/>
    </row>
    <row r="435833" spans="14:14">
      <c r="N435833" s="10"/>
    </row>
    <row r="435834" spans="14:14">
      <c r="N435834" s="10"/>
    </row>
    <row r="435835" spans="14:14">
      <c r="N435835" s="10"/>
    </row>
    <row r="435836" spans="14:14">
      <c r="N435836" s="10"/>
    </row>
    <row r="435837" spans="14:14">
      <c r="N435837" s="10"/>
    </row>
    <row r="435838" spans="14:14">
      <c r="N435838" s="10"/>
    </row>
    <row r="435839" spans="14:14">
      <c r="N435839" s="10"/>
    </row>
    <row r="435840" spans="14:14">
      <c r="N435840" s="10"/>
    </row>
    <row r="435841" spans="14:14">
      <c r="N435841" s="10"/>
    </row>
    <row r="435842" spans="14:14">
      <c r="N435842" s="10"/>
    </row>
    <row r="435843" spans="14:14">
      <c r="N435843" s="10"/>
    </row>
    <row r="435844" spans="14:14">
      <c r="N435844" s="10"/>
    </row>
    <row r="435845" spans="14:14">
      <c r="N435845" s="10"/>
    </row>
    <row r="435846" spans="14:14">
      <c r="N435846" s="10"/>
    </row>
    <row r="435847" spans="14:14">
      <c r="N435847" s="10"/>
    </row>
    <row r="435848" spans="14:14">
      <c r="N435848" s="10"/>
    </row>
    <row r="435849" spans="14:14">
      <c r="N435849" s="10"/>
    </row>
    <row r="435850" spans="14:14">
      <c r="N435850" s="10"/>
    </row>
    <row r="435851" spans="14:14">
      <c r="N435851" s="10"/>
    </row>
    <row r="435852" spans="14:14">
      <c r="N435852" s="10"/>
    </row>
    <row r="435853" spans="14:14">
      <c r="N435853" s="10"/>
    </row>
    <row r="435854" spans="14:14">
      <c r="N435854" s="10"/>
    </row>
    <row r="435855" spans="14:14">
      <c r="N435855" s="10"/>
    </row>
    <row r="435856" spans="14:14">
      <c r="N435856" s="10"/>
    </row>
    <row r="435857" spans="14:14">
      <c r="N435857" s="10"/>
    </row>
    <row r="435858" spans="14:14">
      <c r="N435858" s="10"/>
    </row>
    <row r="435859" spans="14:14">
      <c r="N435859" s="10"/>
    </row>
    <row r="435860" spans="14:14">
      <c r="N435860" s="10"/>
    </row>
    <row r="435861" spans="14:14">
      <c r="N435861" s="10"/>
    </row>
    <row r="435862" spans="14:14">
      <c r="N435862" s="10"/>
    </row>
    <row r="435863" spans="14:14">
      <c r="N435863" s="10"/>
    </row>
    <row r="435864" spans="14:14">
      <c r="N435864" s="10"/>
    </row>
    <row r="435865" spans="14:14">
      <c r="N435865" s="10"/>
    </row>
    <row r="435866" spans="14:14">
      <c r="N435866" s="10"/>
    </row>
    <row r="435867" spans="14:14">
      <c r="N435867" s="10"/>
    </row>
    <row r="435868" spans="14:14">
      <c r="N435868" s="10"/>
    </row>
    <row r="435869" spans="14:14">
      <c r="N435869" s="10"/>
    </row>
    <row r="435870" spans="14:14">
      <c r="N435870" s="10"/>
    </row>
    <row r="435871" spans="14:14">
      <c r="N435871" s="10"/>
    </row>
    <row r="435872" spans="14:14">
      <c r="N435872" s="10"/>
    </row>
    <row r="435873" spans="14:14">
      <c r="N435873" s="10"/>
    </row>
    <row r="435874" spans="14:14">
      <c r="N435874" s="10"/>
    </row>
    <row r="435875" spans="14:14">
      <c r="N435875" s="10"/>
    </row>
    <row r="435876" spans="14:14">
      <c r="N435876" s="10"/>
    </row>
    <row r="435877" spans="14:14">
      <c r="N435877" s="10"/>
    </row>
    <row r="435878" spans="14:14">
      <c r="N435878" s="10"/>
    </row>
    <row r="435879" spans="14:14">
      <c r="N435879" s="10"/>
    </row>
    <row r="435880" spans="14:14">
      <c r="N435880" s="10"/>
    </row>
    <row r="435881" spans="14:14">
      <c r="N435881" s="10"/>
    </row>
    <row r="435882" spans="14:14">
      <c r="N435882" s="10"/>
    </row>
    <row r="435883" spans="14:14">
      <c r="N435883" s="10"/>
    </row>
    <row r="435884" spans="14:14">
      <c r="N435884" s="10"/>
    </row>
    <row r="435885" spans="14:14">
      <c r="N435885" s="10"/>
    </row>
    <row r="435886" spans="14:14">
      <c r="N435886" s="10"/>
    </row>
    <row r="435887" spans="14:14">
      <c r="N435887" s="10"/>
    </row>
    <row r="435888" spans="14:14">
      <c r="N435888" s="10"/>
    </row>
    <row r="435889" spans="14:14">
      <c r="N435889" s="10"/>
    </row>
    <row r="435890" spans="14:14">
      <c r="N435890" s="10"/>
    </row>
    <row r="435891" spans="14:14">
      <c r="N435891" s="10"/>
    </row>
    <row r="435892" spans="14:14">
      <c r="N435892" s="10"/>
    </row>
    <row r="435893" spans="14:14">
      <c r="N435893" s="10"/>
    </row>
    <row r="435894" spans="14:14">
      <c r="N435894" s="10"/>
    </row>
    <row r="435895" spans="14:14">
      <c r="N435895" s="10"/>
    </row>
    <row r="435896" spans="14:14">
      <c r="N435896" s="10"/>
    </row>
    <row r="435897" spans="14:14">
      <c r="N435897" s="10"/>
    </row>
    <row r="435898" spans="14:14">
      <c r="N435898" s="10"/>
    </row>
    <row r="435899" spans="14:14">
      <c r="N435899" s="10"/>
    </row>
    <row r="435900" spans="14:14">
      <c r="N435900" s="10"/>
    </row>
    <row r="435901" spans="14:14">
      <c r="N435901" s="10"/>
    </row>
    <row r="435902" spans="14:14">
      <c r="N435902" s="10"/>
    </row>
    <row r="435903" spans="14:14">
      <c r="N435903" s="10"/>
    </row>
    <row r="435904" spans="14:14">
      <c r="N435904" s="10"/>
    </row>
    <row r="435905" spans="14:14">
      <c r="N435905" s="10"/>
    </row>
    <row r="435906" spans="14:14">
      <c r="N435906" s="10"/>
    </row>
    <row r="435907" spans="14:14">
      <c r="N435907" s="10"/>
    </row>
    <row r="435908" spans="14:14">
      <c r="N435908" s="10"/>
    </row>
    <row r="435909" spans="14:14">
      <c r="N435909" s="10"/>
    </row>
    <row r="435910" spans="14:14">
      <c r="N435910" s="10"/>
    </row>
    <row r="435911" spans="14:14">
      <c r="N435911" s="10"/>
    </row>
    <row r="435912" spans="14:14">
      <c r="N435912" s="10"/>
    </row>
    <row r="435913" spans="14:14">
      <c r="N435913" s="10"/>
    </row>
    <row r="435914" spans="14:14">
      <c r="N435914" s="10"/>
    </row>
    <row r="435915" spans="14:14">
      <c r="N435915" s="10"/>
    </row>
    <row r="435916" spans="14:14">
      <c r="N435916" s="10"/>
    </row>
    <row r="435917" spans="14:14">
      <c r="N435917" s="10"/>
    </row>
    <row r="435918" spans="14:14">
      <c r="N435918" s="10"/>
    </row>
    <row r="435919" spans="14:14">
      <c r="N435919" s="10"/>
    </row>
    <row r="435920" spans="14:14">
      <c r="N435920" s="10"/>
    </row>
    <row r="435921" spans="14:14">
      <c r="N435921" s="10"/>
    </row>
    <row r="435922" spans="14:14">
      <c r="N435922" s="10"/>
    </row>
    <row r="435923" spans="14:14">
      <c r="N435923" s="10"/>
    </row>
    <row r="435924" spans="14:14">
      <c r="N435924" s="10"/>
    </row>
    <row r="435925" spans="14:14">
      <c r="N435925" s="10"/>
    </row>
    <row r="435926" spans="14:14">
      <c r="N435926" s="10"/>
    </row>
    <row r="435927" spans="14:14">
      <c r="N435927" s="10"/>
    </row>
    <row r="435928" spans="14:14">
      <c r="N435928" s="10"/>
    </row>
    <row r="435929" spans="14:14">
      <c r="N435929" s="10"/>
    </row>
    <row r="435930" spans="14:14">
      <c r="N435930" s="10"/>
    </row>
    <row r="435931" spans="14:14">
      <c r="N435931" s="10"/>
    </row>
    <row r="435932" spans="14:14">
      <c r="N435932" s="10"/>
    </row>
    <row r="435933" spans="14:14">
      <c r="N435933" s="10"/>
    </row>
    <row r="435934" spans="14:14">
      <c r="N435934" s="10"/>
    </row>
    <row r="435935" spans="14:14">
      <c r="N435935" s="10"/>
    </row>
    <row r="435936" spans="14:14">
      <c r="N435936" s="10"/>
    </row>
    <row r="435937" spans="14:14">
      <c r="N435937" s="10"/>
    </row>
    <row r="435938" spans="14:14">
      <c r="N435938" s="10"/>
    </row>
    <row r="435939" spans="14:14">
      <c r="N435939" s="10"/>
    </row>
    <row r="435940" spans="14:14">
      <c r="N435940" s="10"/>
    </row>
    <row r="435941" spans="14:14">
      <c r="N435941" s="10"/>
    </row>
    <row r="435942" spans="14:14">
      <c r="N435942" s="10"/>
    </row>
    <row r="435943" spans="14:14">
      <c r="N435943" s="10"/>
    </row>
    <row r="435944" spans="14:14">
      <c r="N435944" s="10"/>
    </row>
    <row r="435945" spans="14:14">
      <c r="N435945" s="10"/>
    </row>
    <row r="435946" spans="14:14">
      <c r="N435946" s="10"/>
    </row>
    <row r="435947" spans="14:14">
      <c r="N435947" s="10"/>
    </row>
    <row r="435948" spans="14:14">
      <c r="N435948" s="10"/>
    </row>
    <row r="435949" spans="14:14">
      <c r="N435949" s="10"/>
    </row>
    <row r="435950" spans="14:14">
      <c r="N435950" s="10"/>
    </row>
    <row r="435951" spans="14:14">
      <c r="N435951" s="10"/>
    </row>
    <row r="435952" spans="14:14">
      <c r="N435952" s="10"/>
    </row>
    <row r="435953" spans="14:14">
      <c r="N435953" s="10"/>
    </row>
    <row r="435954" spans="14:14">
      <c r="N435954" s="10"/>
    </row>
    <row r="435955" spans="14:14">
      <c r="N435955" s="10"/>
    </row>
    <row r="435956" spans="14:14">
      <c r="N435956" s="10"/>
    </row>
    <row r="435957" spans="14:14">
      <c r="N435957" s="10"/>
    </row>
    <row r="435958" spans="14:14">
      <c r="N435958" s="10"/>
    </row>
    <row r="435959" spans="14:14">
      <c r="N435959" s="10"/>
    </row>
    <row r="435960" spans="14:14">
      <c r="N435960" s="10"/>
    </row>
    <row r="435961" spans="14:14">
      <c r="N435961" s="10"/>
    </row>
    <row r="435962" spans="14:14">
      <c r="N435962" s="10"/>
    </row>
    <row r="435963" spans="14:14">
      <c r="N435963" s="10"/>
    </row>
    <row r="435964" spans="14:14">
      <c r="N435964" s="10"/>
    </row>
    <row r="435965" spans="14:14">
      <c r="N435965" s="10"/>
    </row>
    <row r="435966" spans="14:14">
      <c r="N435966" s="10"/>
    </row>
    <row r="435967" spans="14:14">
      <c r="N435967" s="10"/>
    </row>
    <row r="435968" spans="14:14">
      <c r="N435968" s="10"/>
    </row>
    <row r="435969" spans="14:14">
      <c r="N435969" s="10"/>
    </row>
    <row r="435970" spans="14:14">
      <c r="N435970" s="10"/>
    </row>
    <row r="435971" spans="14:14">
      <c r="N435971" s="10"/>
    </row>
    <row r="435972" spans="14:14">
      <c r="N435972" s="10"/>
    </row>
    <row r="435973" spans="14:14">
      <c r="N435973" s="10"/>
    </row>
    <row r="435974" spans="14:14">
      <c r="N435974" s="10"/>
    </row>
    <row r="435975" spans="14:14">
      <c r="N435975" s="10"/>
    </row>
    <row r="435976" spans="14:14">
      <c r="N435976" s="10"/>
    </row>
    <row r="435977" spans="14:14">
      <c r="N435977" s="10"/>
    </row>
    <row r="435978" spans="14:14">
      <c r="N435978" s="10"/>
    </row>
    <row r="435979" spans="14:14">
      <c r="N435979" s="10"/>
    </row>
    <row r="435980" spans="14:14">
      <c r="N435980" s="10"/>
    </row>
    <row r="435981" spans="14:14">
      <c r="N435981" s="10"/>
    </row>
    <row r="435982" spans="14:14">
      <c r="N435982" s="10"/>
    </row>
    <row r="435983" spans="14:14">
      <c r="N435983" s="10"/>
    </row>
    <row r="435984" spans="14:14">
      <c r="N435984" s="10"/>
    </row>
    <row r="435985" spans="14:14">
      <c r="N435985" s="10"/>
    </row>
    <row r="435986" spans="14:14">
      <c r="N435986" s="10"/>
    </row>
    <row r="435987" spans="14:14">
      <c r="N435987" s="10"/>
    </row>
    <row r="435988" spans="14:14">
      <c r="N435988" s="10"/>
    </row>
    <row r="435989" spans="14:14">
      <c r="N435989" s="10"/>
    </row>
    <row r="435990" spans="14:14">
      <c r="N435990" s="10"/>
    </row>
    <row r="435991" spans="14:14">
      <c r="N435991" s="10"/>
    </row>
    <row r="435992" spans="14:14">
      <c r="N435992" s="10"/>
    </row>
    <row r="435993" spans="14:14">
      <c r="N435993" s="10"/>
    </row>
    <row r="435994" spans="14:14">
      <c r="N435994" s="10"/>
    </row>
    <row r="435995" spans="14:14">
      <c r="N435995" s="10"/>
    </row>
    <row r="435996" spans="14:14">
      <c r="N435996" s="10"/>
    </row>
    <row r="435997" spans="14:14">
      <c r="N435997" s="10"/>
    </row>
    <row r="435998" spans="14:14">
      <c r="N435998" s="10"/>
    </row>
    <row r="435999" spans="14:14">
      <c r="N435999" s="10"/>
    </row>
    <row r="436000" spans="14:14">
      <c r="N436000" s="10"/>
    </row>
    <row r="436001" spans="14:14">
      <c r="N436001" s="10"/>
    </row>
    <row r="436002" spans="14:14">
      <c r="N436002" s="10"/>
    </row>
    <row r="436003" spans="14:14">
      <c r="N436003" s="10"/>
    </row>
    <row r="436004" spans="14:14">
      <c r="N436004" s="10"/>
    </row>
    <row r="436005" spans="14:14">
      <c r="N436005" s="10"/>
    </row>
    <row r="436006" spans="14:14">
      <c r="N436006" s="10"/>
    </row>
    <row r="436007" spans="14:14">
      <c r="N436007" s="10"/>
    </row>
    <row r="436008" spans="14:14">
      <c r="N436008" s="10"/>
    </row>
    <row r="436009" spans="14:14">
      <c r="N436009" s="10"/>
    </row>
    <row r="436010" spans="14:14">
      <c r="N436010" s="10"/>
    </row>
    <row r="436011" spans="14:14">
      <c r="N436011" s="10"/>
    </row>
    <row r="436012" spans="14:14">
      <c r="N436012" s="10"/>
    </row>
    <row r="436013" spans="14:14">
      <c r="N436013" s="10"/>
    </row>
    <row r="436014" spans="14:14">
      <c r="N436014" s="10"/>
    </row>
    <row r="436015" spans="14:14">
      <c r="N436015" s="10"/>
    </row>
    <row r="436016" spans="14:14">
      <c r="N436016" s="10"/>
    </row>
    <row r="436017" spans="14:14">
      <c r="N436017" s="10"/>
    </row>
    <row r="436018" spans="14:14">
      <c r="N436018" s="10"/>
    </row>
    <row r="436019" spans="14:14">
      <c r="N436019" s="10"/>
    </row>
    <row r="436020" spans="14:14">
      <c r="N436020" s="10"/>
    </row>
    <row r="436021" spans="14:14">
      <c r="N436021" s="10"/>
    </row>
    <row r="436022" spans="14:14">
      <c r="N436022" s="10"/>
    </row>
    <row r="436023" spans="14:14">
      <c r="N436023" s="10"/>
    </row>
    <row r="436024" spans="14:14">
      <c r="N436024" s="10"/>
    </row>
    <row r="436025" spans="14:14">
      <c r="N436025" s="10"/>
    </row>
    <row r="436026" spans="14:14">
      <c r="N436026" s="10"/>
    </row>
    <row r="436027" spans="14:14">
      <c r="N436027" s="10"/>
    </row>
    <row r="436028" spans="14:14">
      <c r="N436028" s="10"/>
    </row>
    <row r="436029" spans="14:14">
      <c r="N436029" s="10"/>
    </row>
    <row r="436030" spans="14:14">
      <c r="N436030" s="10"/>
    </row>
    <row r="436031" spans="14:14">
      <c r="N436031" s="10"/>
    </row>
    <row r="436032" spans="14:14">
      <c r="N436032" s="10"/>
    </row>
    <row r="436033" spans="14:14">
      <c r="N436033" s="10"/>
    </row>
    <row r="436034" spans="14:14">
      <c r="N436034" s="10"/>
    </row>
    <row r="436035" spans="14:14">
      <c r="N436035" s="10"/>
    </row>
    <row r="436036" spans="14:14">
      <c r="N436036" s="10"/>
    </row>
    <row r="436037" spans="14:14">
      <c r="N436037" s="10"/>
    </row>
    <row r="436038" spans="14:14">
      <c r="N436038" s="10"/>
    </row>
    <row r="436039" spans="14:14">
      <c r="N436039" s="10"/>
    </row>
    <row r="436040" spans="14:14">
      <c r="N436040" s="10"/>
    </row>
    <row r="436041" spans="14:14">
      <c r="N436041" s="10"/>
    </row>
    <row r="436042" spans="14:14">
      <c r="N436042" s="10"/>
    </row>
    <row r="436043" spans="14:14">
      <c r="N436043" s="10"/>
    </row>
    <row r="436044" spans="14:14">
      <c r="N436044" s="10"/>
    </row>
    <row r="436045" spans="14:14">
      <c r="N436045" s="10"/>
    </row>
    <row r="436046" spans="14:14">
      <c r="N436046" s="10"/>
    </row>
    <row r="436047" spans="14:14">
      <c r="N436047" s="10"/>
    </row>
    <row r="436048" spans="14:14">
      <c r="N436048" s="10"/>
    </row>
    <row r="436049" spans="14:14">
      <c r="N436049" s="10"/>
    </row>
    <row r="436050" spans="14:14">
      <c r="N436050" s="10"/>
    </row>
    <row r="436051" spans="14:14">
      <c r="N436051" s="10"/>
    </row>
    <row r="436052" spans="14:14">
      <c r="N436052" s="10"/>
    </row>
    <row r="436053" spans="14:14">
      <c r="N436053" s="10"/>
    </row>
    <row r="436054" spans="14:14">
      <c r="N436054" s="10"/>
    </row>
    <row r="436055" spans="14:14">
      <c r="N436055" s="10"/>
    </row>
    <row r="436056" spans="14:14">
      <c r="N436056" s="10"/>
    </row>
    <row r="436057" spans="14:14">
      <c r="N436057" s="10"/>
    </row>
    <row r="436058" spans="14:14">
      <c r="N436058" s="10"/>
    </row>
    <row r="436059" spans="14:14">
      <c r="N436059" s="10"/>
    </row>
    <row r="436060" spans="14:14">
      <c r="N436060" s="10"/>
    </row>
    <row r="436061" spans="14:14">
      <c r="N436061" s="10"/>
    </row>
    <row r="436062" spans="14:14">
      <c r="N436062" s="10"/>
    </row>
    <row r="436063" spans="14:14">
      <c r="N436063" s="10"/>
    </row>
    <row r="436064" spans="14:14">
      <c r="N436064" s="10"/>
    </row>
    <row r="436065" spans="14:14">
      <c r="N436065" s="10"/>
    </row>
    <row r="436066" spans="14:14">
      <c r="N436066" s="10"/>
    </row>
    <row r="436067" spans="14:14">
      <c r="N436067" s="10"/>
    </row>
    <row r="436068" spans="14:14">
      <c r="N436068" s="10"/>
    </row>
    <row r="436069" spans="14:14">
      <c r="N436069" s="10"/>
    </row>
    <row r="436070" spans="14:14">
      <c r="N436070" s="10"/>
    </row>
    <row r="436071" spans="14:14">
      <c r="N436071" s="10"/>
    </row>
    <row r="436072" spans="14:14">
      <c r="N436072" s="10"/>
    </row>
    <row r="436073" spans="14:14">
      <c r="N436073" s="10"/>
    </row>
    <row r="436074" spans="14:14">
      <c r="N436074" s="10"/>
    </row>
    <row r="436075" spans="14:14">
      <c r="N436075" s="10"/>
    </row>
    <row r="436076" spans="14:14">
      <c r="N436076" s="10"/>
    </row>
    <row r="436077" spans="14:14">
      <c r="N436077" s="10"/>
    </row>
    <row r="436078" spans="14:14">
      <c r="N436078" s="10"/>
    </row>
    <row r="436079" spans="14:14">
      <c r="N436079" s="10"/>
    </row>
    <row r="436080" spans="14:14">
      <c r="N436080" s="10"/>
    </row>
    <row r="436081" spans="14:14">
      <c r="N436081" s="10"/>
    </row>
    <row r="436082" spans="14:14">
      <c r="N436082" s="10"/>
    </row>
    <row r="436083" spans="14:14">
      <c r="N436083" s="10"/>
    </row>
    <row r="436084" spans="14:14">
      <c r="N436084" s="10"/>
    </row>
    <row r="436085" spans="14:14">
      <c r="N436085" s="10"/>
    </row>
    <row r="436086" spans="14:14">
      <c r="N436086" s="10"/>
    </row>
    <row r="436087" spans="14:14">
      <c r="N436087" s="10"/>
    </row>
    <row r="436088" spans="14:14">
      <c r="N436088" s="10"/>
    </row>
    <row r="436089" spans="14:14">
      <c r="N436089" s="10"/>
    </row>
    <row r="436090" spans="14:14">
      <c r="N436090" s="10"/>
    </row>
    <row r="436091" spans="14:14">
      <c r="N436091" s="10"/>
    </row>
    <row r="436092" spans="14:14">
      <c r="N436092" s="10"/>
    </row>
    <row r="436093" spans="14:14">
      <c r="N436093" s="10"/>
    </row>
    <row r="436094" spans="14:14">
      <c r="N436094" s="10"/>
    </row>
    <row r="436095" spans="14:14">
      <c r="N436095" s="10"/>
    </row>
    <row r="436096" spans="14:14">
      <c r="N436096" s="10"/>
    </row>
    <row r="436097" spans="14:14">
      <c r="N436097" s="10"/>
    </row>
    <row r="436098" spans="14:14">
      <c r="N436098" s="10"/>
    </row>
    <row r="436099" spans="14:14">
      <c r="N436099" s="10"/>
    </row>
    <row r="436100" spans="14:14">
      <c r="N436100" s="10"/>
    </row>
    <row r="436101" spans="14:14">
      <c r="N436101" s="10"/>
    </row>
    <row r="436102" spans="14:14">
      <c r="N436102" s="10"/>
    </row>
    <row r="436103" spans="14:14">
      <c r="N436103" s="10"/>
    </row>
    <row r="436104" spans="14:14">
      <c r="N436104" s="10"/>
    </row>
    <row r="436105" spans="14:14">
      <c r="N436105" s="10"/>
    </row>
    <row r="436106" spans="14:14">
      <c r="N436106" s="10"/>
    </row>
    <row r="436107" spans="14:14">
      <c r="N436107" s="10"/>
    </row>
    <row r="436108" spans="14:14">
      <c r="N436108" s="10"/>
    </row>
    <row r="436109" spans="14:14">
      <c r="N436109" s="10"/>
    </row>
    <row r="436110" spans="14:14">
      <c r="N436110" s="10"/>
    </row>
    <row r="436111" spans="14:14">
      <c r="N436111" s="10"/>
    </row>
    <row r="436112" spans="14:14">
      <c r="N436112" s="10"/>
    </row>
    <row r="436113" spans="14:14">
      <c r="N436113" s="10"/>
    </row>
    <row r="436114" spans="14:14">
      <c r="N436114" s="10"/>
    </row>
    <row r="436115" spans="14:14">
      <c r="N436115" s="10"/>
    </row>
    <row r="436116" spans="14:14">
      <c r="N436116" s="10"/>
    </row>
    <row r="436117" spans="14:14">
      <c r="N436117" s="10"/>
    </row>
    <row r="436118" spans="14:14">
      <c r="N436118" s="10"/>
    </row>
    <row r="436119" spans="14:14">
      <c r="N436119" s="10"/>
    </row>
    <row r="436120" spans="14:14">
      <c r="N436120" s="10"/>
    </row>
    <row r="436121" spans="14:14">
      <c r="N436121" s="10"/>
    </row>
    <row r="436122" spans="14:14">
      <c r="N436122" s="10"/>
    </row>
    <row r="436123" spans="14:14">
      <c r="N436123" s="10"/>
    </row>
    <row r="436124" spans="14:14">
      <c r="N436124" s="10"/>
    </row>
    <row r="436125" spans="14:14">
      <c r="N436125" s="10"/>
    </row>
    <row r="436126" spans="14:14">
      <c r="N436126" s="10"/>
    </row>
    <row r="436127" spans="14:14">
      <c r="N436127" s="10"/>
    </row>
    <row r="436128" spans="14:14">
      <c r="N436128" s="10"/>
    </row>
    <row r="436129" spans="14:14">
      <c r="N436129" s="10"/>
    </row>
    <row r="436130" spans="14:14">
      <c r="N436130" s="10"/>
    </row>
    <row r="436131" spans="14:14">
      <c r="N436131" s="10"/>
    </row>
    <row r="436132" spans="14:14">
      <c r="N436132" s="10"/>
    </row>
    <row r="436133" spans="14:14">
      <c r="N436133" s="10"/>
    </row>
    <row r="436134" spans="14:14">
      <c r="N436134" s="10"/>
    </row>
    <row r="436135" spans="14:14">
      <c r="N436135" s="10"/>
    </row>
    <row r="436136" spans="14:14">
      <c r="N436136" s="10"/>
    </row>
    <row r="436137" spans="14:14">
      <c r="N436137" s="10"/>
    </row>
    <row r="436138" spans="14:14">
      <c r="N436138" s="10"/>
    </row>
    <row r="436139" spans="14:14">
      <c r="N436139" s="10"/>
    </row>
    <row r="436140" spans="14:14">
      <c r="N436140" s="10"/>
    </row>
    <row r="436141" spans="14:14">
      <c r="N436141" s="10"/>
    </row>
    <row r="436142" spans="14:14">
      <c r="N436142" s="10"/>
    </row>
    <row r="436143" spans="14:14">
      <c r="N436143" s="10"/>
    </row>
    <row r="436144" spans="14:14">
      <c r="N436144" s="10"/>
    </row>
    <row r="436145" spans="14:14">
      <c r="N436145" s="10"/>
    </row>
    <row r="436146" spans="14:14">
      <c r="N436146" s="10"/>
    </row>
    <row r="436147" spans="14:14">
      <c r="N436147" s="10"/>
    </row>
    <row r="436148" spans="14:14">
      <c r="N436148" s="10"/>
    </row>
    <row r="436149" spans="14:14">
      <c r="N436149" s="10"/>
    </row>
    <row r="436150" spans="14:14">
      <c r="N436150" s="10"/>
    </row>
    <row r="436151" spans="14:14">
      <c r="N436151" s="10"/>
    </row>
    <row r="436152" spans="14:14">
      <c r="N436152" s="10"/>
    </row>
    <row r="436153" spans="14:14">
      <c r="N436153" s="10"/>
    </row>
    <row r="436154" spans="14:14">
      <c r="N436154" s="10"/>
    </row>
    <row r="436155" spans="14:14">
      <c r="N436155" s="10"/>
    </row>
    <row r="436156" spans="14:14">
      <c r="N436156" s="10"/>
    </row>
    <row r="436157" spans="14:14">
      <c r="N436157" s="10"/>
    </row>
    <row r="436158" spans="14:14">
      <c r="N436158" s="10"/>
    </row>
    <row r="436159" spans="14:14">
      <c r="N436159" s="10"/>
    </row>
    <row r="436160" spans="14:14">
      <c r="N436160" s="10"/>
    </row>
    <row r="436161" spans="14:14">
      <c r="N436161" s="10"/>
    </row>
    <row r="436162" spans="14:14">
      <c r="N436162" s="10"/>
    </row>
    <row r="436163" spans="14:14">
      <c r="N436163" s="10"/>
    </row>
    <row r="436164" spans="14:14">
      <c r="N436164" s="10"/>
    </row>
    <row r="436165" spans="14:14">
      <c r="N436165" s="10"/>
    </row>
    <row r="436166" spans="14:14">
      <c r="N436166" s="10"/>
    </row>
    <row r="436167" spans="14:14">
      <c r="N436167" s="10"/>
    </row>
    <row r="436168" spans="14:14">
      <c r="N436168" s="10"/>
    </row>
    <row r="436169" spans="14:14">
      <c r="N436169" s="10"/>
    </row>
    <row r="436170" spans="14:14">
      <c r="N436170" s="10"/>
    </row>
    <row r="436171" spans="14:14">
      <c r="N436171" s="10"/>
    </row>
    <row r="436172" spans="14:14">
      <c r="N436172" s="10"/>
    </row>
    <row r="436173" spans="14:14">
      <c r="N436173" s="10"/>
    </row>
    <row r="436174" spans="14:14">
      <c r="N436174" s="10"/>
    </row>
    <row r="436175" spans="14:14">
      <c r="N436175" s="10"/>
    </row>
    <row r="436176" spans="14:14">
      <c r="N436176" s="10"/>
    </row>
    <row r="436177" spans="14:14">
      <c r="N436177" s="10"/>
    </row>
    <row r="436178" spans="14:14">
      <c r="N436178" s="10"/>
    </row>
    <row r="436179" spans="14:14">
      <c r="N436179" s="10"/>
    </row>
    <row r="436180" spans="14:14">
      <c r="N436180" s="10"/>
    </row>
    <row r="436181" spans="14:14">
      <c r="N436181" s="10"/>
    </row>
    <row r="436182" spans="14:14">
      <c r="N436182" s="10"/>
    </row>
    <row r="436183" spans="14:14">
      <c r="N436183" s="10"/>
    </row>
    <row r="436184" spans="14:14">
      <c r="N436184" s="10"/>
    </row>
    <row r="436185" spans="14:14">
      <c r="N436185" s="10"/>
    </row>
    <row r="436186" spans="14:14">
      <c r="N436186" s="10"/>
    </row>
    <row r="436187" spans="14:14">
      <c r="N436187" s="10"/>
    </row>
    <row r="436188" spans="14:14">
      <c r="N436188" s="10"/>
    </row>
    <row r="436189" spans="14:14">
      <c r="N436189" s="10"/>
    </row>
    <row r="436190" spans="14:14">
      <c r="N436190" s="10"/>
    </row>
    <row r="436191" spans="14:14">
      <c r="N436191" s="10"/>
    </row>
    <row r="436192" spans="14:14">
      <c r="N436192" s="10"/>
    </row>
    <row r="436193" spans="14:14">
      <c r="N436193" s="10"/>
    </row>
    <row r="436194" spans="14:14">
      <c r="N436194" s="10"/>
    </row>
    <row r="436195" spans="14:14">
      <c r="N436195" s="10"/>
    </row>
    <row r="436196" spans="14:14">
      <c r="N436196" s="10"/>
    </row>
    <row r="436197" spans="14:14">
      <c r="N436197" s="10"/>
    </row>
    <row r="436198" spans="14:14">
      <c r="N436198" s="10"/>
    </row>
    <row r="436199" spans="14:14">
      <c r="N436199" s="10"/>
    </row>
    <row r="436200" spans="14:14">
      <c r="N436200" s="10"/>
    </row>
    <row r="436201" spans="14:14">
      <c r="N436201" s="10"/>
    </row>
    <row r="436202" spans="14:14">
      <c r="N436202" s="10"/>
    </row>
    <row r="436203" spans="14:14">
      <c r="N436203" s="10"/>
    </row>
    <row r="436204" spans="14:14">
      <c r="N436204" s="10"/>
    </row>
    <row r="436205" spans="14:14">
      <c r="N436205" s="10"/>
    </row>
    <row r="436206" spans="14:14">
      <c r="N436206" s="10"/>
    </row>
    <row r="436207" spans="14:14">
      <c r="N436207" s="10"/>
    </row>
    <row r="436208" spans="14:14">
      <c r="N436208" s="10"/>
    </row>
    <row r="436209" spans="14:14">
      <c r="N436209" s="10"/>
    </row>
    <row r="436210" spans="14:14">
      <c r="N436210" s="10"/>
    </row>
    <row r="436211" spans="14:14">
      <c r="N436211" s="10"/>
    </row>
    <row r="436212" spans="14:14">
      <c r="N436212" s="10"/>
    </row>
    <row r="436213" spans="14:14">
      <c r="N436213" s="10"/>
    </row>
    <row r="436214" spans="14:14">
      <c r="N436214" s="10"/>
    </row>
    <row r="436215" spans="14:14">
      <c r="N436215" s="10"/>
    </row>
    <row r="436216" spans="14:14">
      <c r="N436216" s="10"/>
    </row>
    <row r="436217" spans="14:14">
      <c r="N436217" s="10"/>
    </row>
    <row r="436218" spans="14:14">
      <c r="N436218" s="10"/>
    </row>
    <row r="436219" spans="14:14">
      <c r="N436219" s="10"/>
    </row>
    <row r="436220" spans="14:14">
      <c r="N436220" s="10"/>
    </row>
    <row r="436221" spans="14:14">
      <c r="N436221" s="10"/>
    </row>
    <row r="436222" spans="14:14">
      <c r="N436222" s="10"/>
    </row>
    <row r="436223" spans="14:14">
      <c r="N436223" s="10"/>
    </row>
    <row r="436224" spans="14:14">
      <c r="N436224" s="10"/>
    </row>
    <row r="436225" spans="14:14">
      <c r="N436225" s="10"/>
    </row>
    <row r="436226" spans="14:14">
      <c r="N436226" s="10"/>
    </row>
    <row r="436227" spans="14:14">
      <c r="N436227" s="10"/>
    </row>
    <row r="436228" spans="14:14">
      <c r="N436228" s="10"/>
    </row>
    <row r="436229" spans="14:14">
      <c r="N436229" s="10"/>
    </row>
    <row r="436230" spans="14:14">
      <c r="N436230" s="10"/>
    </row>
    <row r="436231" spans="14:14">
      <c r="N436231" s="10"/>
    </row>
    <row r="436232" spans="14:14">
      <c r="N436232" s="10"/>
    </row>
    <row r="436233" spans="14:14">
      <c r="N436233" s="10"/>
    </row>
    <row r="436234" spans="14:14">
      <c r="N436234" s="10"/>
    </row>
    <row r="436235" spans="14:14">
      <c r="N436235" s="10"/>
    </row>
    <row r="436236" spans="14:14">
      <c r="N436236" s="10"/>
    </row>
    <row r="436237" spans="14:14">
      <c r="N436237" s="10"/>
    </row>
    <row r="436238" spans="14:14">
      <c r="N436238" s="10"/>
    </row>
    <row r="436239" spans="14:14">
      <c r="N436239" s="10"/>
    </row>
    <row r="436240" spans="14:14">
      <c r="N436240" s="10"/>
    </row>
    <row r="436241" spans="14:14">
      <c r="N436241" s="10"/>
    </row>
    <row r="436242" spans="14:14">
      <c r="N436242" s="10"/>
    </row>
    <row r="436243" spans="14:14">
      <c r="N436243" s="10"/>
    </row>
    <row r="436244" spans="14:14">
      <c r="N436244" s="10"/>
    </row>
    <row r="436245" spans="14:14">
      <c r="N436245" s="10"/>
    </row>
    <row r="436246" spans="14:14">
      <c r="N436246" s="10"/>
    </row>
    <row r="436247" spans="14:14">
      <c r="N436247" s="10"/>
    </row>
    <row r="436248" spans="14:14">
      <c r="N436248" s="10"/>
    </row>
    <row r="436249" spans="14:14">
      <c r="N436249" s="10"/>
    </row>
    <row r="436250" spans="14:14">
      <c r="N436250" s="10"/>
    </row>
    <row r="436251" spans="14:14">
      <c r="N436251" s="10"/>
    </row>
    <row r="436252" spans="14:14">
      <c r="N436252" s="10"/>
    </row>
    <row r="436253" spans="14:14">
      <c r="N436253" s="10"/>
    </row>
    <row r="436254" spans="14:14">
      <c r="N436254" s="10"/>
    </row>
    <row r="436255" spans="14:14">
      <c r="N436255" s="10"/>
    </row>
    <row r="436256" spans="14:14">
      <c r="N436256" s="10"/>
    </row>
    <row r="436257" spans="14:14">
      <c r="N436257" s="10"/>
    </row>
    <row r="436258" spans="14:14">
      <c r="N436258" s="10"/>
    </row>
    <row r="436259" spans="14:14">
      <c r="N436259" s="10"/>
    </row>
    <row r="436260" spans="14:14">
      <c r="N436260" s="10"/>
    </row>
    <row r="436261" spans="14:14">
      <c r="N436261" s="10"/>
    </row>
    <row r="436262" spans="14:14">
      <c r="N436262" s="10"/>
    </row>
    <row r="436263" spans="14:14">
      <c r="N436263" s="10"/>
    </row>
    <row r="436264" spans="14:14">
      <c r="N436264" s="10"/>
    </row>
    <row r="436265" spans="14:14">
      <c r="N436265" s="10"/>
    </row>
    <row r="436266" spans="14:14">
      <c r="N436266" s="10"/>
    </row>
    <row r="436267" spans="14:14">
      <c r="N436267" s="10"/>
    </row>
    <row r="436268" spans="14:14">
      <c r="N436268" s="10"/>
    </row>
    <row r="436269" spans="14:14">
      <c r="N436269" s="10"/>
    </row>
    <row r="436270" spans="14:14">
      <c r="N436270" s="10"/>
    </row>
    <row r="436271" spans="14:14">
      <c r="N436271" s="10"/>
    </row>
    <row r="436272" spans="14:14">
      <c r="N436272" s="10"/>
    </row>
    <row r="436273" spans="14:14">
      <c r="N436273" s="10"/>
    </row>
    <row r="436274" spans="14:14">
      <c r="N436274" s="10"/>
    </row>
    <row r="436275" spans="14:14">
      <c r="N436275" s="10"/>
    </row>
    <row r="436276" spans="14:14">
      <c r="N436276" s="10"/>
    </row>
    <row r="436277" spans="14:14">
      <c r="N436277" s="10"/>
    </row>
    <row r="436278" spans="14:14">
      <c r="N436278" s="10"/>
    </row>
    <row r="436279" spans="14:14">
      <c r="N436279" s="10"/>
    </row>
    <row r="436280" spans="14:14">
      <c r="N436280" s="10"/>
    </row>
    <row r="436281" spans="14:14">
      <c r="N436281" s="10"/>
    </row>
    <row r="436282" spans="14:14">
      <c r="N436282" s="10"/>
    </row>
    <row r="436283" spans="14:14">
      <c r="N436283" s="10"/>
    </row>
    <row r="436284" spans="14:14">
      <c r="N436284" s="10"/>
    </row>
    <row r="436285" spans="14:14">
      <c r="N436285" s="10"/>
    </row>
    <row r="436286" spans="14:14">
      <c r="N436286" s="10"/>
    </row>
    <row r="436287" spans="14:14">
      <c r="N436287" s="10"/>
    </row>
    <row r="436288" spans="14:14">
      <c r="N436288" s="10"/>
    </row>
    <row r="436289" spans="14:14">
      <c r="N436289" s="10"/>
    </row>
    <row r="436290" spans="14:14">
      <c r="N436290" s="10"/>
    </row>
    <row r="436291" spans="14:14">
      <c r="N436291" s="10"/>
    </row>
    <row r="436292" spans="14:14">
      <c r="N436292" s="10"/>
    </row>
    <row r="436293" spans="14:14">
      <c r="N436293" s="10"/>
    </row>
    <row r="436294" spans="14:14">
      <c r="N436294" s="10"/>
    </row>
    <row r="436295" spans="14:14">
      <c r="N436295" s="10"/>
    </row>
    <row r="436296" spans="14:14">
      <c r="N436296" s="10"/>
    </row>
    <row r="436297" spans="14:14">
      <c r="N436297" s="10"/>
    </row>
    <row r="436298" spans="14:14">
      <c r="N436298" s="10"/>
    </row>
    <row r="436299" spans="14:14">
      <c r="N436299" s="10"/>
    </row>
    <row r="436300" spans="14:14">
      <c r="N436300" s="10"/>
    </row>
    <row r="436301" spans="14:14">
      <c r="N436301" s="10"/>
    </row>
    <row r="436302" spans="14:14">
      <c r="N436302" s="10"/>
    </row>
    <row r="436303" spans="14:14">
      <c r="N436303" s="10"/>
    </row>
    <row r="436304" spans="14:14">
      <c r="N436304" s="10"/>
    </row>
    <row r="436305" spans="14:14">
      <c r="N436305" s="10"/>
    </row>
    <row r="436306" spans="14:14">
      <c r="N436306" s="10"/>
    </row>
    <row r="436307" spans="14:14">
      <c r="N436307" s="10"/>
    </row>
    <row r="436308" spans="14:14">
      <c r="N436308" s="10"/>
    </row>
    <row r="436309" spans="14:14">
      <c r="N436309" s="10"/>
    </row>
    <row r="436310" spans="14:14">
      <c r="N436310" s="10"/>
    </row>
    <row r="436311" spans="14:14">
      <c r="N436311" s="10"/>
    </row>
    <row r="436312" spans="14:14">
      <c r="N436312" s="10"/>
    </row>
    <row r="436313" spans="14:14">
      <c r="N436313" s="10"/>
    </row>
    <row r="436314" spans="14:14">
      <c r="N436314" s="10"/>
    </row>
    <row r="436315" spans="14:14">
      <c r="N436315" s="10"/>
    </row>
    <row r="436316" spans="14:14">
      <c r="N436316" s="10"/>
    </row>
    <row r="436317" spans="14:14">
      <c r="N436317" s="10"/>
    </row>
    <row r="436318" spans="14:14">
      <c r="N436318" s="10"/>
    </row>
    <row r="436319" spans="14:14">
      <c r="N436319" s="10"/>
    </row>
    <row r="436320" spans="14:14">
      <c r="N436320" s="10"/>
    </row>
    <row r="436321" spans="14:14">
      <c r="N436321" s="10"/>
    </row>
    <row r="436322" spans="14:14">
      <c r="N436322" s="10"/>
    </row>
    <row r="436323" spans="14:14">
      <c r="N436323" s="10"/>
    </row>
    <row r="436324" spans="14:14">
      <c r="N436324" s="10"/>
    </row>
    <row r="436325" spans="14:14">
      <c r="N436325" s="10"/>
    </row>
    <row r="436326" spans="14:14">
      <c r="N436326" s="10"/>
    </row>
    <row r="436327" spans="14:14">
      <c r="N436327" s="10"/>
    </row>
    <row r="436328" spans="14:14">
      <c r="N436328" s="10"/>
    </row>
    <row r="436329" spans="14:14">
      <c r="N436329" s="10"/>
    </row>
    <row r="436330" spans="14:14">
      <c r="N436330" s="10"/>
    </row>
    <row r="436331" spans="14:14">
      <c r="N436331" s="10"/>
    </row>
    <row r="436332" spans="14:14">
      <c r="N436332" s="10"/>
    </row>
    <row r="436333" spans="14:14">
      <c r="N436333" s="10"/>
    </row>
    <row r="436334" spans="14:14">
      <c r="N436334" s="10"/>
    </row>
    <row r="436335" spans="14:14">
      <c r="N436335" s="10"/>
    </row>
    <row r="436336" spans="14:14">
      <c r="N436336" s="10"/>
    </row>
    <row r="436337" spans="14:14">
      <c r="N436337" s="10"/>
    </row>
    <row r="436338" spans="14:14">
      <c r="N436338" s="10"/>
    </row>
    <row r="436339" spans="14:14">
      <c r="N436339" s="10"/>
    </row>
    <row r="436340" spans="14:14">
      <c r="N436340" s="10"/>
    </row>
    <row r="436341" spans="14:14">
      <c r="N436341" s="10"/>
    </row>
    <row r="436342" spans="14:14">
      <c r="N436342" s="10"/>
    </row>
    <row r="436343" spans="14:14">
      <c r="N436343" s="10"/>
    </row>
    <row r="436344" spans="14:14">
      <c r="N436344" s="10"/>
    </row>
    <row r="436345" spans="14:14">
      <c r="N436345" s="10"/>
    </row>
    <row r="436346" spans="14:14">
      <c r="N436346" s="10"/>
    </row>
    <row r="436347" spans="14:14">
      <c r="N436347" s="10"/>
    </row>
    <row r="436348" spans="14:14">
      <c r="N436348" s="10"/>
    </row>
    <row r="436349" spans="14:14">
      <c r="N436349" s="10"/>
    </row>
    <row r="436350" spans="14:14">
      <c r="N436350" s="10"/>
    </row>
    <row r="436351" spans="14:14">
      <c r="N436351" s="10"/>
    </row>
    <row r="436352" spans="14:14">
      <c r="N436352" s="10"/>
    </row>
    <row r="436353" spans="14:14">
      <c r="N436353" s="10"/>
    </row>
    <row r="436354" spans="14:14">
      <c r="N436354" s="10"/>
    </row>
    <row r="436355" spans="14:14">
      <c r="N436355" s="10"/>
    </row>
    <row r="436356" spans="14:14">
      <c r="N436356" s="10"/>
    </row>
    <row r="436357" spans="14:14">
      <c r="N436357" s="10"/>
    </row>
    <row r="436358" spans="14:14">
      <c r="N436358" s="10"/>
    </row>
    <row r="436359" spans="14:14">
      <c r="N436359" s="10"/>
    </row>
    <row r="436360" spans="14:14">
      <c r="N436360" s="10"/>
    </row>
    <row r="436361" spans="14:14">
      <c r="N436361" s="10"/>
    </row>
    <row r="436362" spans="14:14">
      <c r="N436362" s="10"/>
    </row>
    <row r="436363" spans="14:14">
      <c r="N436363" s="10"/>
    </row>
    <row r="436364" spans="14:14">
      <c r="N436364" s="10"/>
    </row>
    <row r="436365" spans="14:14">
      <c r="N436365" s="10"/>
    </row>
    <row r="436366" spans="14:14">
      <c r="N436366" s="10"/>
    </row>
    <row r="436367" spans="14:14">
      <c r="N436367" s="10"/>
    </row>
    <row r="436368" spans="14:14">
      <c r="N436368" s="10"/>
    </row>
    <row r="436369" spans="14:14">
      <c r="N436369" s="10"/>
    </row>
    <row r="436370" spans="14:14">
      <c r="N436370" s="10"/>
    </row>
    <row r="436371" spans="14:14">
      <c r="N436371" s="10"/>
    </row>
    <row r="436372" spans="14:14">
      <c r="N436372" s="10"/>
    </row>
    <row r="436373" spans="14:14">
      <c r="N436373" s="10"/>
    </row>
    <row r="436374" spans="14:14">
      <c r="N436374" s="10"/>
    </row>
    <row r="436375" spans="14:14">
      <c r="N436375" s="10"/>
    </row>
    <row r="436376" spans="14:14">
      <c r="N436376" s="10"/>
    </row>
    <row r="436377" spans="14:14">
      <c r="N436377" s="10"/>
    </row>
    <row r="436378" spans="14:14">
      <c r="N436378" s="10"/>
    </row>
    <row r="436379" spans="14:14">
      <c r="N436379" s="10"/>
    </row>
    <row r="436380" spans="14:14">
      <c r="N436380" s="10"/>
    </row>
    <row r="436381" spans="14:14">
      <c r="N436381" s="10"/>
    </row>
    <row r="436382" spans="14:14">
      <c r="N436382" s="10"/>
    </row>
    <row r="436383" spans="14:14">
      <c r="N436383" s="10"/>
    </row>
    <row r="436384" spans="14:14">
      <c r="N436384" s="10"/>
    </row>
    <row r="436385" spans="14:14">
      <c r="N436385" s="10"/>
    </row>
    <row r="436386" spans="14:14">
      <c r="N436386" s="10"/>
    </row>
    <row r="436387" spans="14:14">
      <c r="N436387" s="10"/>
    </row>
    <row r="436388" spans="14:14">
      <c r="N436388" s="10"/>
    </row>
    <row r="436389" spans="14:14">
      <c r="N436389" s="10"/>
    </row>
    <row r="436390" spans="14:14">
      <c r="N436390" s="10"/>
    </row>
    <row r="436391" spans="14:14">
      <c r="N436391" s="10"/>
    </row>
    <row r="436392" spans="14:14">
      <c r="N436392" s="10"/>
    </row>
    <row r="436393" spans="14:14">
      <c r="N436393" s="10"/>
    </row>
    <row r="436394" spans="14:14">
      <c r="N436394" s="10"/>
    </row>
    <row r="436395" spans="14:14">
      <c r="N436395" s="10"/>
    </row>
    <row r="436396" spans="14:14">
      <c r="N436396" s="10"/>
    </row>
    <row r="436397" spans="14:14">
      <c r="N436397" s="10"/>
    </row>
    <row r="436398" spans="14:14">
      <c r="N436398" s="10"/>
    </row>
    <row r="436399" spans="14:14">
      <c r="N436399" s="10"/>
    </row>
    <row r="436400" spans="14:14">
      <c r="N436400" s="10"/>
    </row>
    <row r="436401" spans="14:14">
      <c r="N436401" s="10"/>
    </row>
    <row r="436402" spans="14:14">
      <c r="N436402" s="10"/>
    </row>
    <row r="436403" spans="14:14">
      <c r="N436403" s="10"/>
    </row>
    <row r="436404" spans="14:14">
      <c r="N436404" s="10"/>
    </row>
    <row r="436405" spans="14:14">
      <c r="N436405" s="10"/>
    </row>
    <row r="436406" spans="14:14">
      <c r="N436406" s="10"/>
    </row>
    <row r="436407" spans="14:14">
      <c r="N436407" s="10"/>
    </row>
    <row r="436408" spans="14:14">
      <c r="N436408" s="10"/>
    </row>
    <row r="436409" spans="14:14">
      <c r="N436409" s="10"/>
    </row>
    <row r="436410" spans="14:14">
      <c r="N436410" s="10"/>
    </row>
    <row r="436411" spans="14:14">
      <c r="N436411" s="10"/>
    </row>
    <row r="436412" spans="14:14">
      <c r="N436412" s="10"/>
    </row>
    <row r="436413" spans="14:14">
      <c r="N436413" s="10"/>
    </row>
    <row r="436414" spans="14:14">
      <c r="N436414" s="10"/>
    </row>
    <row r="436415" spans="14:14">
      <c r="N436415" s="10"/>
    </row>
    <row r="436416" spans="14:14">
      <c r="N436416" s="10"/>
    </row>
    <row r="436417" spans="14:14">
      <c r="N436417" s="10"/>
    </row>
    <row r="436418" spans="14:14">
      <c r="N436418" s="10"/>
    </row>
    <row r="436419" spans="14:14">
      <c r="N436419" s="10"/>
    </row>
    <row r="436420" spans="14:14">
      <c r="N436420" s="10"/>
    </row>
    <row r="436421" spans="14:14">
      <c r="N436421" s="10"/>
    </row>
    <row r="436422" spans="14:14">
      <c r="N436422" s="10"/>
    </row>
    <row r="436423" spans="14:14">
      <c r="N436423" s="10"/>
    </row>
    <row r="436424" spans="14:14">
      <c r="N436424" s="10"/>
    </row>
    <row r="436425" spans="14:14">
      <c r="N436425" s="10"/>
    </row>
    <row r="436426" spans="14:14">
      <c r="N436426" s="10"/>
    </row>
    <row r="436427" spans="14:14">
      <c r="N436427" s="10"/>
    </row>
    <row r="436428" spans="14:14">
      <c r="N436428" s="10"/>
    </row>
    <row r="436429" spans="14:14">
      <c r="N436429" s="10"/>
    </row>
    <row r="436430" spans="14:14">
      <c r="N436430" s="10"/>
    </row>
    <row r="436431" spans="14:14">
      <c r="N436431" s="10"/>
    </row>
    <row r="436432" spans="14:14">
      <c r="N436432" s="10"/>
    </row>
    <row r="436433" spans="14:14">
      <c r="N436433" s="10"/>
    </row>
    <row r="436434" spans="14:14">
      <c r="N436434" s="10"/>
    </row>
    <row r="436435" spans="14:14">
      <c r="N436435" s="10"/>
    </row>
    <row r="436436" spans="14:14">
      <c r="N436436" s="10"/>
    </row>
    <row r="436437" spans="14:14">
      <c r="N436437" s="10"/>
    </row>
    <row r="436438" spans="14:14">
      <c r="N436438" s="10"/>
    </row>
    <row r="436439" spans="14:14">
      <c r="N436439" s="10"/>
    </row>
    <row r="436440" spans="14:14">
      <c r="N436440" s="10"/>
    </row>
    <row r="436441" spans="14:14">
      <c r="N436441" s="10"/>
    </row>
    <row r="436442" spans="14:14">
      <c r="N436442" s="10"/>
    </row>
    <row r="436443" spans="14:14">
      <c r="N436443" s="10"/>
    </row>
    <row r="436444" spans="14:14">
      <c r="N436444" s="10"/>
    </row>
    <row r="436445" spans="14:14">
      <c r="N436445" s="10"/>
    </row>
    <row r="436446" spans="14:14">
      <c r="N436446" s="10"/>
    </row>
    <row r="436447" spans="14:14">
      <c r="N436447" s="10"/>
    </row>
    <row r="436448" spans="14:14">
      <c r="N436448" s="10"/>
    </row>
    <row r="436449" spans="14:14">
      <c r="N436449" s="10"/>
    </row>
    <row r="436450" spans="14:14">
      <c r="N436450" s="10"/>
    </row>
    <row r="436451" spans="14:14">
      <c r="N436451" s="10"/>
    </row>
    <row r="436452" spans="14:14">
      <c r="N436452" s="10"/>
    </row>
    <row r="436453" spans="14:14">
      <c r="N436453" s="10"/>
    </row>
    <row r="436454" spans="14:14">
      <c r="N436454" s="10"/>
    </row>
    <row r="436455" spans="14:14">
      <c r="N436455" s="10"/>
    </row>
    <row r="436456" spans="14:14">
      <c r="N436456" s="10"/>
    </row>
    <row r="436457" spans="14:14">
      <c r="N436457" s="10"/>
    </row>
    <row r="436458" spans="14:14">
      <c r="N436458" s="10"/>
    </row>
    <row r="436459" spans="14:14">
      <c r="N436459" s="10"/>
    </row>
    <row r="436460" spans="14:14">
      <c r="N436460" s="10"/>
    </row>
    <row r="436461" spans="14:14">
      <c r="N436461" s="10"/>
    </row>
    <row r="436462" spans="14:14">
      <c r="N436462" s="10"/>
    </row>
    <row r="436463" spans="14:14">
      <c r="N436463" s="10"/>
    </row>
    <row r="436464" spans="14:14">
      <c r="N436464" s="10"/>
    </row>
    <row r="436465" spans="14:14">
      <c r="N436465" s="10"/>
    </row>
    <row r="436466" spans="14:14">
      <c r="N436466" s="10"/>
    </row>
    <row r="436467" spans="14:14">
      <c r="N436467" s="10"/>
    </row>
    <row r="436468" spans="14:14">
      <c r="N436468" s="10"/>
    </row>
    <row r="436469" spans="14:14">
      <c r="N436469" s="10"/>
    </row>
    <row r="436470" spans="14:14">
      <c r="N436470" s="10"/>
    </row>
    <row r="436471" spans="14:14">
      <c r="N436471" s="10"/>
    </row>
    <row r="436472" spans="14:14">
      <c r="N436472" s="10"/>
    </row>
    <row r="436473" spans="14:14">
      <c r="N436473" s="10"/>
    </row>
    <row r="436474" spans="14:14">
      <c r="N436474" s="10"/>
    </row>
    <row r="436475" spans="14:14">
      <c r="N436475" s="10"/>
    </row>
    <row r="436476" spans="14:14">
      <c r="N436476" s="10"/>
    </row>
    <row r="436477" spans="14:14">
      <c r="N436477" s="10"/>
    </row>
    <row r="436478" spans="14:14">
      <c r="N436478" s="10"/>
    </row>
    <row r="436479" spans="14:14">
      <c r="N436479" s="10"/>
    </row>
    <row r="436480" spans="14:14">
      <c r="N436480" s="10"/>
    </row>
    <row r="436481" spans="14:14">
      <c r="N436481" s="10"/>
    </row>
    <row r="436482" spans="14:14">
      <c r="N436482" s="10"/>
    </row>
    <row r="436483" spans="14:14">
      <c r="N436483" s="10"/>
    </row>
    <row r="436484" spans="14:14">
      <c r="N436484" s="10"/>
    </row>
    <row r="436485" spans="14:14">
      <c r="N436485" s="10"/>
    </row>
    <row r="436486" spans="14:14">
      <c r="N436486" s="10"/>
    </row>
    <row r="436487" spans="14:14">
      <c r="N436487" s="10"/>
    </row>
    <row r="436488" spans="14:14">
      <c r="N436488" s="10"/>
    </row>
    <row r="436489" spans="14:14">
      <c r="N436489" s="10"/>
    </row>
    <row r="436490" spans="14:14">
      <c r="N436490" s="10"/>
    </row>
    <row r="436491" spans="14:14">
      <c r="N436491" s="10"/>
    </row>
    <row r="436492" spans="14:14">
      <c r="N436492" s="10"/>
    </row>
    <row r="436493" spans="14:14">
      <c r="N436493" s="10"/>
    </row>
    <row r="436494" spans="14:14">
      <c r="N436494" s="10"/>
    </row>
    <row r="436495" spans="14:14">
      <c r="N436495" s="10"/>
    </row>
    <row r="436496" spans="14:14">
      <c r="N436496" s="10"/>
    </row>
    <row r="436497" spans="14:14">
      <c r="N436497" s="10"/>
    </row>
    <row r="436498" spans="14:14">
      <c r="N436498" s="10"/>
    </row>
    <row r="436499" spans="14:14">
      <c r="N436499" s="10"/>
    </row>
    <row r="436500" spans="14:14">
      <c r="N436500" s="10"/>
    </row>
    <row r="436501" spans="14:14">
      <c r="N436501" s="10"/>
    </row>
    <row r="436502" spans="14:14">
      <c r="N436502" s="10"/>
    </row>
    <row r="436503" spans="14:14">
      <c r="N436503" s="10"/>
    </row>
    <row r="436504" spans="14:14">
      <c r="N436504" s="10"/>
    </row>
    <row r="436505" spans="14:14">
      <c r="N436505" s="10"/>
    </row>
    <row r="436506" spans="14:14">
      <c r="N436506" s="10"/>
    </row>
    <row r="436507" spans="14:14">
      <c r="N436507" s="10"/>
    </row>
    <row r="436508" spans="14:14">
      <c r="N436508" s="10"/>
    </row>
    <row r="436509" spans="14:14">
      <c r="N436509" s="10"/>
    </row>
    <row r="436510" spans="14:14">
      <c r="N436510" s="10"/>
    </row>
    <row r="436511" spans="14:14">
      <c r="N436511" s="10"/>
    </row>
    <row r="436512" spans="14:14">
      <c r="N436512" s="10"/>
    </row>
    <row r="436513" spans="14:14">
      <c r="N436513" s="10"/>
    </row>
    <row r="436514" spans="14:14">
      <c r="N436514" s="10"/>
    </row>
    <row r="436515" spans="14:14">
      <c r="N436515" s="10"/>
    </row>
    <row r="436516" spans="14:14">
      <c r="N436516" s="10"/>
    </row>
    <row r="436517" spans="14:14">
      <c r="N436517" s="10"/>
    </row>
    <row r="436518" spans="14:14">
      <c r="N436518" s="10"/>
    </row>
    <row r="436519" spans="14:14">
      <c r="N436519" s="10"/>
    </row>
    <row r="436520" spans="14:14">
      <c r="N436520" s="10"/>
    </row>
    <row r="436521" spans="14:14">
      <c r="N436521" s="10"/>
    </row>
    <row r="436522" spans="14:14">
      <c r="N436522" s="10"/>
    </row>
    <row r="436523" spans="14:14">
      <c r="N436523" s="10"/>
    </row>
    <row r="436524" spans="14:14">
      <c r="N436524" s="10"/>
    </row>
    <row r="436525" spans="14:14">
      <c r="N436525" s="10"/>
    </row>
    <row r="436526" spans="14:14">
      <c r="N436526" s="10"/>
    </row>
    <row r="436527" spans="14:14">
      <c r="N436527" s="10"/>
    </row>
    <row r="436528" spans="14:14">
      <c r="N436528" s="10"/>
    </row>
    <row r="436529" spans="14:14">
      <c r="N436529" s="10"/>
    </row>
    <row r="436530" spans="14:14">
      <c r="N436530" s="10"/>
    </row>
    <row r="436531" spans="14:14">
      <c r="N436531" s="10"/>
    </row>
    <row r="436532" spans="14:14">
      <c r="N436532" s="10"/>
    </row>
    <row r="436533" spans="14:14">
      <c r="N436533" s="10"/>
    </row>
    <row r="436534" spans="14:14">
      <c r="N436534" s="10"/>
    </row>
    <row r="436535" spans="14:14">
      <c r="N436535" s="10"/>
    </row>
    <row r="436536" spans="14:14">
      <c r="N436536" s="10"/>
    </row>
    <row r="436537" spans="14:14">
      <c r="N436537" s="10"/>
    </row>
    <row r="436538" spans="14:14">
      <c r="N436538" s="10"/>
    </row>
    <row r="436539" spans="14:14">
      <c r="N436539" s="10"/>
    </row>
    <row r="436540" spans="14:14">
      <c r="N436540" s="10"/>
    </row>
    <row r="436541" spans="14:14">
      <c r="N436541" s="10"/>
    </row>
    <row r="436542" spans="14:14">
      <c r="N436542" s="10"/>
    </row>
    <row r="436543" spans="14:14">
      <c r="N436543" s="10"/>
    </row>
    <row r="436544" spans="14:14">
      <c r="N436544" s="10"/>
    </row>
    <row r="436545" spans="14:14">
      <c r="N436545" s="10"/>
    </row>
    <row r="436546" spans="14:14">
      <c r="N436546" s="10"/>
    </row>
    <row r="436547" spans="14:14">
      <c r="N436547" s="10"/>
    </row>
    <row r="436548" spans="14:14">
      <c r="N436548" s="10"/>
    </row>
    <row r="436549" spans="14:14">
      <c r="N436549" s="10"/>
    </row>
    <row r="436550" spans="14:14">
      <c r="N436550" s="10"/>
    </row>
    <row r="436551" spans="14:14">
      <c r="N436551" s="10"/>
    </row>
    <row r="436552" spans="14:14">
      <c r="N436552" s="10"/>
    </row>
    <row r="436553" spans="14:14">
      <c r="N436553" s="10"/>
    </row>
    <row r="436554" spans="14:14">
      <c r="N436554" s="10"/>
    </row>
    <row r="436555" spans="14:14">
      <c r="N436555" s="10"/>
    </row>
    <row r="436556" spans="14:14">
      <c r="N436556" s="10"/>
    </row>
    <row r="436557" spans="14:14">
      <c r="N436557" s="10"/>
    </row>
    <row r="436558" spans="14:14">
      <c r="N436558" s="10"/>
    </row>
    <row r="436559" spans="14:14">
      <c r="N436559" s="10"/>
    </row>
    <row r="436560" spans="14:14">
      <c r="N436560" s="10"/>
    </row>
    <row r="436561" spans="14:14">
      <c r="N436561" s="10"/>
    </row>
    <row r="436562" spans="14:14">
      <c r="N436562" s="10"/>
    </row>
    <row r="436563" spans="14:14">
      <c r="N436563" s="10"/>
    </row>
    <row r="436564" spans="14:14">
      <c r="N436564" s="10"/>
    </row>
    <row r="436565" spans="14:14">
      <c r="N436565" s="10"/>
    </row>
    <row r="436566" spans="14:14">
      <c r="N436566" s="10"/>
    </row>
    <row r="436567" spans="14:14">
      <c r="N436567" s="10"/>
    </row>
    <row r="436568" spans="14:14">
      <c r="N436568" s="10"/>
    </row>
    <row r="436569" spans="14:14">
      <c r="N436569" s="10"/>
    </row>
    <row r="436570" spans="14:14">
      <c r="N436570" s="10"/>
    </row>
    <row r="436571" spans="14:14">
      <c r="N436571" s="10"/>
    </row>
    <row r="436572" spans="14:14">
      <c r="N436572" s="10"/>
    </row>
    <row r="436573" spans="14:14">
      <c r="N436573" s="10"/>
    </row>
    <row r="436574" spans="14:14">
      <c r="N436574" s="10"/>
    </row>
    <row r="436575" spans="14:14">
      <c r="N436575" s="10"/>
    </row>
    <row r="436576" spans="14:14">
      <c r="N436576" s="10"/>
    </row>
    <row r="436577" spans="14:14">
      <c r="N436577" s="10"/>
    </row>
    <row r="436578" spans="14:14">
      <c r="N436578" s="10"/>
    </row>
    <row r="436579" spans="14:14">
      <c r="N436579" s="10"/>
    </row>
    <row r="436580" spans="14:14">
      <c r="N436580" s="10"/>
    </row>
    <row r="436581" spans="14:14">
      <c r="N436581" s="10"/>
    </row>
    <row r="436582" spans="14:14">
      <c r="N436582" s="10"/>
    </row>
    <row r="436583" spans="14:14">
      <c r="N436583" s="10"/>
    </row>
    <row r="436584" spans="14:14">
      <c r="N436584" s="10"/>
    </row>
    <row r="436585" spans="14:14">
      <c r="N436585" s="10"/>
    </row>
    <row r="436586" spans="14:14">
      <c r="N436586" s="10"/>
    </row>
    <row r="436587" spans="14:14">
      <c r="N436587" s="10"/>
    </row>
    <row r="436588" spans="14:14">
      <c r="N436588" s="10"/>
    </row>
    <row r="436589" spans="14:14">
      <c r="N436589" s="10"/>
    </row>
    <row r="436590" spans="14:14">
      <c r="N436590" s="10"/>
    </row>
    <row r="436591" spans="14:14">
      <c r="N436591" s="10"/>
    </row>
    <row r="436592" spans="14:14">
      <c r="N436592" s="10"/>
    </row>
    <row r="436593" spans="14:14">
      <c r="N436593" s="10"/>
    </row>
    <row r="436594" spans="14:14">
      <c r="N436594" s="10"/>
    </row>
    <row r="436595" spans="14:14">
      <c r="N436595" s="10"/>
    </row>
    <row r="436596" spans="14:14">
      <c r="N436596" s="10"/>
    </row>
    <row r="436597" spans="14:14">
      <c r="N436597" s="10"/>
    </row>
    <row r="436598" spans="14:14">
      <c r="N436598" s="10"/>
    </row>
    <row r="436599" spans="14:14">
      <c r="N436599" s="10"/>
    </row>
    <row r="436600" spans="14:14">
      <c r="N436600" s="10"/>
    </row>
    <row r="436601" spans="14:14">
      <c r="N436601" s="10"/>
    </row>
    <row r="436602" spans="14:14">
      <c r="N436602" s="10"/>
    </row>
    <row r="436603" spans="14:14">
      <c r="N436603" s="10"/>
    </row>
    <row r="436604" spans="14:14">
      <c r="N436604" s="10"/>
    </row>
    <row r="436605" spans="14:14">
      <c r="N436605" s="10"/>
    </row>
    <row r="436606" spans="14:14">
      <c r="N436606" s="10"/>
    </row>
    <row r="436607" spans="14:14">
      <c r="N436607" s="10"/>
    </row>
    <row r="436608" spans="14:14">
      <c r="N436608" s="10"/>
    </row>
    <row r="436609" spans="14:14">
      <c r="N436609" s="10"/>
    </row>
    <row r="436610" spans="14:14">
      <c r="N436610" s="10"/>
    </row>
    <row r="436611" spans="14:14">
      <c r="N436611" s="10"/>
    </row>
    <row r="436612" spans="14:14">
      <c r="N436612" s="10"/>
    </row>
    <row r="436613" spans="14:14">
      <c r="N436613" s="10"/>
    </row>
    <row r="436614" spans="14:14">
      <c r="N436614" s="10"/>
    </row>
    <row r="436615" spans="14:14">
      <c r="N436615" s="10"/>
    </row>
    <row r="436616" spans="14:14">
      <c r="N436616" s="10"/>
    </row>
    <row r="436617" spans="14:14">
      <c r="N436617" s="10"/>
    </row>
    <row r="436618" spans="14:14">
      <c r="N436618" s="10"/>
    </row>
    <row r="436619" spans="14:14">
      <c r="N436619" s="10"/>
    </row>
    <row r="436620" spans="14:14">
      <c r="N436620" s="10"/>
    </row>
    <row r="436621" spans="14:14">
      <c r="N436621" s="10"/>
    </row>
    <row r="436622" spans="14:14">
      <c r="N436622" s="10"/>
    </row>
    <row r="436623" spans="14:14">
      <c r="N436623" s="10"/>
    </row>
    <row r="436624" spans="14:14">
      <c r="N436624" s="10"/>
    </row>
    <row r="436625" spans="14:14">
      <c r="N436625" s="10"/>
    </row>
    <row r="436626" spans="14:14">
      <c r="N436626" s="10"/>
    </row>
    <row r="436627" spans="14:14">
      <c r="N436627" s="10"/>
    </row>
    <row r="436628" spans="14:14">
      <c r="N436628" s="10"/>
    </row>
    <row r="436629" spans="14:14">
      <c r="N436629" s="10"/>
    </row>
    <row r="436630" spans="14:14">
      <c r="N436630" s="10"/>
    </row>
    <row r="436631" spans="14:14">
      <c r="N436631" s="10"/>
    </row>
    <row r="436632" spans="14:14">
      <c r="N436632" s="10"/>
    </row>
    <row r="436633" spans="14:14">
      <c r="N436633" s="10"/>
    </row>
    <row r="436634" spans="14:14">
      <c r="N436634" s="10"/>
    </row>
    <row r="436635" spans="14:14">
      <c r="N436635" s="10"/>
    </row>
    <row r="436636" spans="14:14">
      <c r="N436636" s="10"/>
    </row>
    <row r="436637" spans="14:14">
      <c r="N436637" s="10"/>
    </row>
    <row r="436638" spans="14:14">
      <c r="N436638" s="10"/>
    </row>
    <row r="436639" spans="14:14">
      <c r="N436639" s="10"/>
    </row>
    <row r="436640" spans="14:14">
      <c r="N436640" s="10"/>
    </row>
    <row r="436641" spans="14:14">
      <c r="N436641" s="10"/>
    </row>
    <row r="436642" spans="14:14">
      <c r="N436642" s="10"/>
    </row>
    <row r="436643" spans="14:14">
      <c r="N436643" s="10"/>
    </row>
    <row r="436644" spans="14:14">
      <c r="N436644" s="10"/>
    </row>
    <row r="436645" spans="14:14">
      <c r="N436645" s="10"/>
    </row>
    <row r="436646" spans="14:14">
      <c r="N436646" s="10"/>
    </row>
    <row r="436647" spans="14:14">
      <c r="N436647" s="10"/>
    </row>
    <row r="436648" spans="14:14">
      <c r="N436648" s="10"/>
    </row>
    <row r="436649" spans="14:14">
      <c r="N436649" s="10"/>
    </row>
    <row r="436650" spans="14:14">
      <c r="N436650" s="10"/>
    </row>
    <row r="436651" spans="14:14">
      <c r="N436651" s="10"/>
    </row>
    <row r="436652" spans="14:14">
      <c r="N436652" s="10"/>
    </row>
    <row r="436653" spans="14:14">
      <c r="N436653" s="10"/>
    </row>
    <row r="436654" spans="14:14">
      <c r="N436654" s="10"/>
    </row>
    <row r="436655" spans="14:14">
      <c r="N436655" s="10"/>
    </row>
    <row r="436656" spans="14:14">
      <c r="N436656" s="10"/>
    </row>
    <row r="436657" spans="14:14">
      <c r="N436657" s="10"/>
    </row>
    <row r="436658" spans="14:14">
      <c r="N436658" s="10"/>
    </row>
    <row r="436659" spans="14:14">
      <c r="N436659" s="10"/>
    </row>
    <row r="436660" spans="14:14">
      <c r="N436660" s="10"/>
    </row>
    <row r="436661" spans="14:14">
      <c r="N436661" s="10"/>
    </row>
    <row r="436662" spans="14:14">
      <c r="N436662" s="10"/>
    </row>
    <row r="436663" spans="14:14">
      <c r="N436663" s="10"/>
    </row>
    <row r="436664" spans="14:14">
      <c r="N436664" s="10"/>
    </row>
    <row r="436665" spans="14:14">
      <c r="N436665" s="10"/>
    </row>
    <row r="436666" spans="14:14">
      <c r="N436666" s="10"/>
    </row>
    <row r="436667" spans="14:14">
      <c r="N436667" s="10"/>
    </row>
    <row r="436668" spans="14:14">
      <c r="N436668" s="10"/>
    </row>
    <row r="436669" spans="14:14">
      <c r="N436669" s="10"/>
    </row>
    <row r="436670" spans="14:14">
      <c r="N436670" s="10"/>
    </row>
    <row r="436671" spans="14:14">
      <c r="N436671" s="10"/>
    </row>
    <row r="436672" spans="14:14">
      <c r="N436672" s="10"/>
    </row>
    <row r="436673" spans="14:14">
      <c r="N436673" s="10"/>
    </row>
    <row r="436674" spans="14:14">
      <c r="N436674" s="10"/>
    </row>
    <row r="436675" spans="14:14">
      <c r="N436675" s="10"/>
    </row>
    <row r="436676" spans="14:14">
      <c r="N436676" s="10"/>
    </row>
    <row r="436677" spans="14:14">
      <c r="N436677" s="10"/>
    </row>
    <row r="436678" spans="14:14">
      <c r="N436678" s="10"/>
    </row>
    <row r="436679" spans="14:14">
      <c r="N436679" s="10"/>
    </row>
    <row r="436680" spans="14:14">
      <c r="N436680" s="10"/>
    </row>
    <row r="436681" spans="14:14">
      <c r="N436681" s="10"/>
    </row>
    <row r="436682" spans="14:14">
      <c r="N436682" s="10"/>
    </row>
    <row r="436683" spans="14:14">
      <c r="N436683" s="10"/>
    </row>
    <row r="436684" spans="14:14">
      <c r="N436684" s="10"/>
    </row>
    <row r="436685" spans="14:14">
      <c r="N436685" s="10"/>
    </row>
    <row r="436686" spans="14:14">
      <c r="N436686" s="10"/>
    </row>
    <row r="436687" spans="14:14">
      <c r="N436687" s="10"/>
    </row>
    <row r="436688" spans="14:14">
      <c r="N436688" s="10"/>
    </row>
    <row r="436689" spans="14:14">
      <c r="N436689" s="10"/>
    </row>
    <row r="436690" spans="14:14">
      <c r="N436690" s="10"/>
    </row>
    <row r="436691" spans="14:14">
      <c r="N436691" s="10"/>
    </row>
    <row r="436692" spans="14:14">
      <c r="N436692" s="10"/>
    </row>
    <row r="436693" spans="14:14">
      <c r="N436693" s="10"/>
    </row>
    <row r="436694" spans="14:14">
      <c r="N436694" s="10"/>
    </row>
    <row r="436695" spans="14:14">
      <c r="N436695" s="10"/>
    </row>
    <row r="436696" spans="14:14">
      <c r="N436696" s="10"/>
    </row>
    <row r="436697" spans="14:14">
      <c r="N436697" s="10"/>
    </row>
    <row r="436698" spans="14:14">
      <c r="N436698" s="10"/>
    </row>
    <row r="436699" spans="14:14">
      <c r="N436699" s="10"/>
    </row>
    <row r="436700" spans="14:14">
      <c r="N436700" s="10"/>
    </row>
    <row r="436701" spans="14:14">
      <c r="N436701" s="10"/>
    </row>
    <row r="436702" spans="14:14">
      <c r="N436702" s="10"/>
    </row>
    <row r="436703" spans="14:14">
      <c r="N436703" s="10"/>
    </row>
    <row r="436704" spans="14:14">
      <c r="N436704" s="10"/>
    </row>
    <row r="436705" spans="14:14">
      <c r="N436705" s="10"/>
    </row>
    <row r="436706" spans="14:14">
      <c r="N436706" s="10"/>
    </row>
    <row r="436707" spans="14:14">
      <c r="N436707" s="10"/>
    </row>
    <row r="436708" spans="14:14">
      <c r="N436708" s="10"/>
    </row>
    <row r="436709" spans="14:14">
      <c r="N436709" s="10"/>
    </row>
    <row r="436710" spans="14:14">
      <c r="N436710" s="10"/>
    </row>
    <row r="436711" spans="14:14">
      <c r="N436711" s="10"/>
    </row>
    <row r="436712" spans="14:14">
      <c r="N436712" s="10"/>
    </row>
    <row r="436713" spans="14:14">
      <c r="N436713" s="10"/>
    </row>
    <row r="436714" spans="14:14">
      <c r="N436714" s="10"/>
    </row>
    <row r="436715" spans="14:14">
      <c r="N436715" s="10"/>
    </row>
    <row r="436716" spans="14:14">
      <c r="N436716" s="10"/>
    </row>
    <row r="436717" spans="14:14">
      <c r="N436717" s="10"/>
    </row>
    <row r="436718" spans="14:14">
      <c r="N436718" s="10"/>
    </row>
    <row r="436719" spans="14:14">
      <c r="N436719" s="10"/>
    </row>
    <row r="436720" spans="14:14">
      <c r="N436720" s="10"/>
    </row>
    <row r="436721" spans="14:14">
      <c r="N436721" s="10"/>
    </row>
    <row r="436722" spans="14:14">
      <c r="N436722" s="10"/>
    </row>
    <row r="436723" spans="14:14">
      <c r="N436723" s="10"/>
    </row>
    <row r="436724" spans="14:14">
      <c r="N436724" s="10"/>
    </row>
    <row r="436725" spans="14:14">
      <c r="N436725" s="10"/>
    </row>
    <row r="436726" spans="14:14">
      <c r="N436726" s="10"/>
    </row>
    <row r="436727" spans="14:14">
      <c r="N436727" s="10"/>
    </row>
    <row r="436728" spans="14:14">
      <c r="N436728" s="10"/>
    </row>
    <row r="436729" spans="14:14">
      <c r="N436729" s="10"/>
    </row>
    <row r="436730" spans="14:14">
      <c r="N436730" s="10"/>
    </row>
    <row r="436731" spans="14:14">
      <c r="N436731" s="10"/>
    </row>
    <row r="436732" spans="14:14">
      <c r="N436732" s="10"/>
    </row>
    <row r="436733" spans="14:14">
      <c r="N436733" s="10"/>
    </row>
    <row r="436734" spans="14:14">
      <c r="N436734" s="10"/>
    </row>
    <row r="436735" spans="14:14">
      <c r="N436735" s="10"/>
    </row>
    <row r="436736" spans="14:14">
      <c r="N436736" s="10"/>
    </row>
    <row r="436737" spans="14:14">
      <c r="N436737" s="10"/>
    </row>
    <row r="436738" spans="14:14">
      <c r="N436738" s="10"/>
    </row>
    <row r="436739" spans="14:14">
      <c r="N436739" s="10"/>
    </row>
    <row r="436740" spans="14:14">
      <c r="N436740" s="10"/>
    </row>
    <row r="436741" spans="14:14">
      <c r="N436741" s="10"/>
    </row>
    <row r="436742" spans="14:14">
      <c r="N436742" s="10"/>
    </row>
    <row r="436743" spans="14:14">
      <c r="N436743" s="10"/>
    </row>
    <row r="436744" spans="14:14">
      <c r="N436744" s="10"/>
    </row>
    <row r="436745" spans="14:14">
      <c r="N436745" s="10"/>
    </row>
    <row r="436746" spans="14:14">
      <c r="N436746" s="10"/>
    </row>
    <row r="436747" spans="14:14">
      <c r="N436747" s="10"/>
    </row>
    <row r="436748" spans="14:14">
      <c r="N436748" s="10"/>
    </row>
    <row r="436749" spans="14:14">
      <c r="N436749" s="10"/>
    </row>
    <row r="436750" spans="14:14">
      <c r="N436750" s="10"/>
    </row>
    <row r="436751" spans="14:14">
      <c r="N436751" s="10"/>
    </row>
    <row r="436752" spans="14:14">
      <c r="N436752" s="10"/>
    </row>
    <row r="436753" spans="14:14">
      <c r="N436753" s="10"/>
    </row>
    <row r="436754" spans="14:14">
      <c r="N436754" s="10"/>
    </row>
    <row r="436755" spans="14:14">
      <c r="N436755" s="10"/>
    </row>
    <row r="436756" spans="14:14">
      <c r="N436756" s="10"/>
    </row>
    <row r="436757" spans="14:14">
      <c r="N436757" s="10"/>
    </row>
    <row r="436758" spans="14:14">
      <c r="N436758" s="10"/>
    </row>
    <row r="436759" spans="14:14">
      <c r="N436759" s="10"/>
    </row>
    <row r="436760" spans="14:14">
      <c r="N436760" s="10"/>
    </row>
    <row r="436761" spans="14:14">
      <c r="N436761" s="10"/>
    </row>
    <row r="436762" spans="14:14">
      <c r="N436762" s="10"/>
    </row>
    <row r="436763" spans="14:14">
      <c r="N436763" s="10"/>
    </row>
    <row r="436764" spans="14:14">
      <c r="N436764" s="10"/>
    </row>
    <row r="436765" spans="14:14">
      <c r="N436765" s="10"/>
    </row>
    <row r="436766" spans="14:14">
      <c r="N436766" s="10"/>
    </row>
    <row r="436767" spans="14:14">
      <c r="N436767" s="10"/>
    </row>
    <row r="436768" spans="14:14">
      <c r="N436768" s="10"/>
    </row>
    <row r="436769" spans="14:14">
      <c r="N436769" s="10"/>
    </row>
    <row r="436770" spans="14:14">
      <c r="N436770" s="10"/>
    </row>
    <row r="436771" spans="14:14">
      <c r="N436771" s="10"/>
    </row>
    <row r="436772" spans="14:14">
      <c r="N436772" s="10"/>
    </row>
    <row r="436773" spans="14:14">
      <c r="N436773" s="10"/>
    </row>
    <row r="436774" spans="14:14">
      <c r="N436774" s="10"/>
    </row>
    <row r="436775" spans="14:14">
      <c r="N436775" s="10"/>
    </row>
    <row r="436776" spans="14:14">
      <c r="N436776" s="10"/>
    </row>
    <row r="436777" spans="14:14">
      <c r="N436777" s="10"/>
    </row>
    <row r="436778" spans="14:14">
      <c r="N436778" s="10"/>
    </row>
    <row r="436779" spans="14:14">
      <c r="N436779" s="10"/>
    </row>
    <row r="436780" spans="14:14">
      <c r="N436780" s="10"/>
    </row>
    <row r="436781" spans="14:14">
      <c r="N436781" s="10"/>
    </row>
    <row r="436782" spans="14:14">
      <c r="N436782" s="10"/>
    </row>
    <row r="436783" spans="14:14">
      <c r="N436783" s="10"/>
    </row>
    <row r="436784" spans="14:14">
      <c r="N436784" s="10"/>
    </row>
    <row r="436785" spans="14:14">
      <c r="N436785" s="10"/>
    </row>
    <row r="436786" spans="14:14">
      <c r="N436786" s="10"/>
    </row>
    <row r="436787" spans="14:14">
      <c r="N436787" s="10"/>
    </row>
    <row r="436788" spans="14:14">
      <c r="N436788" s="10"/>
    </row>
    <row r="436789" spans="14:14">
      <c r="N436789" s="10"/>
    </row>
    <row r="436790" spans="14:14">
      <c r="N436790" s="10"/>
    </row>
    <row r="436791" spans="14:14">
      <c r="N436791" s="10"/>
    </row>
    <row r="436792" spans="14:14">
      <c r="N436792" s="10"/>
    </row>
    <row r="436793" spans="14:14">
      <c r="N436793" s="10"/>
    </row>
    <row r="436794" spans="14:14">
      <c r="N436794" s="10"/>
    </row>
    <row r="436795" spans="14:14">
      <c r="N436795" s="10"/>
    </row>
    <row r="436796" spans="14:14">
      <c r="N436796" s="10"/>
    </row>
    <row r="436797" spans="14:14">
      <c r="N436797" s="10"/>
    </row>
    <row r="436798" spans="14:14">
      <c r="N436798" s="10"/>
    </row>
    <row r="436799" spans="14:14">
      <c r="N436799" s="10"/>
    </row>
    <row r="436800" spans="14:14">
      <c r="N436800" s="10"/>
    </row>
    <row r="436801" spans="14:14">
      <c r="N436801" s="10"/>
    </row>
    <row r="436802" spans="14:14">
      <c r="N436802" s="10"/>
    </row>
    <row r="436803" spans="14:14">
      <c r="N436803" s="10"/>
    </row>
    <row r="436804" spans="14:14">
      <c r="N436804" s="10"/>
    </row>
    <row r="436805" spans="14:14">
      <c r="N436805" s="10"/>
    </row>
    <row r="436806" spans="14:14">
      <c r="N436806" s="10"/>
    </row>
    <row r="436807" spans="14:14">
      <c r="N436807" s="10"/>
    </row>
    <row r="436808" spans="14:14">
      <c r="N436808" s="10"/>
    </row>
    <row r="436809" spans="14:14">
      <c r="N436809" s="10"/>
    </row>
    <row r="436810" spans="14:14">
      <c r="N436810" s="10"/>
    </row>
    <row r="436811" spans="14:14">
      <c r="N436811" s="10"/>
    </row>
    <row r="436812" spans="14:14">
      <c r="N436812" s="10"/>
    </row>
    <row r="436813" spans="14:14">
      <c r="N436813" s="10"/>
    </row>
    <row r="436814" spans="14:14">
      <c r="N436814" s="10"/>
    </row>
    <row r="436815" spans="14:14">
      <c r="N436815" s="10"/>
    </row>
    <row r="436816" spans="14:14">
      <c r="N436816" s="10"/>
    </row>
    <row r="436817" spans="14:14">
      <c r="N436817" s="10"/>
    </row>
    <row r="436818" spans="14:14">
      <c r="N436818" s="10"/>
    </row>
    <row r="436819" spans="14:14">
      <c r="N436819" s="10"/>
    </row>
    <row r="436820" spans="14:14">
      <c r="N436820" s="10"/>
    </row>
    <row r="436821" spans="14:14">
      <c r="N436821" s="10"/>
    </row>
    <row r="436822" spans="14:14">
      <c r="N436822" s="10"/>
    </row>
    <row r="436823" spans="14:14">
      <c r="N436823" s="10"/>
    </row>
    <row r="436824" spans="14:14">
      <c r="N436824" s="10"/>
    </row>
    <row r="436825" spans="14:14">
      <c r="N436825" s="10"/>
    </row>
    <row r="436826" spans="14:14">
      <c r="N436826" s="10"/>
    </row>
    <row r="436827" spans="14:14">
      <c r="N436827" s="10"/>
    </row>
    <row r="436828" spans="14:14">
      <c r="N436828" s="10"/>
    </row>
    <row r="436829" spans="14:14">
      <c r="N436829" s="10"/>
    </row>
    <row r="436830" spans="14:14">
      <c r="N436830" s="10"/>
    </row>
    <row r="436831" spans="14:14">
      <c r="N436831" s="10"/>
    </row>
    <row r="436832" spans="14:14">
      <c r="N436832" s="10"/>
    </row>
    <row r="436833" spans="14:14">
      <c r="N436833" s="10"/>
    </row>
    <row r="436834" spans="14:14">
      <c r="N436834" s="10"/>
    </row>
    <row r="436835" spans="14:14">
      <c r="N436835" s="10"/>
    </row>
    <row r="436836" spans="14:14">
      <c r="N436836" s="10"/>
    </row>
    <row r="436837" spans="14:14">
      <c r="N436837" s="10"/>
    </row>
    <row r="436838" spans="14:14">
      <c r="N436838" s="10"/>
    </row>
    <row r="436839" spans="14:14">
      <c r="N436839" s="10"/>
    </row>
    <row r="436840" spans="14:14">
      <c r="N436840" s="10"/>
    </row>
    <row r="436841" spans="14:14">
      <c r="N436841" s="10"/>
    </row>
    <row r="436842" spans="14:14">
      <c r="N436842" s="10"/>
    </row>
    <row r="436843" spans="14:14">
      <c r="N436843" s="10"/>
    </row>
    <row r="436844" spans="14:14">
      <c r="N436844" s="10"/>
    </row>
    <row r="436845" spans="14:14">
      <c r="N436845" s="10"/>
    </row>
    <row r="436846" spans="14:14">
      <c r="N436846" s="10"/>
    </row>
    <row r="436847" spans="14:14">
      <c r="N436847" s="10"/>
    </row>
    <row r="436848" spans="14:14">
      <c r="N436848" s="10"/>
    </row>
    <row r="436849" spans="14:14">
      <c r="N436849" s="10"/>
    </row>
    <row r="436850" spans="14:14">
      <c r="N436850" s="10"/>
    </row>
    <row r="436851" spans="14:14">
      <c r="N436851" s="10"/>
    </row>
    <row r="436852" spans="14:14">
      <c r="N436852" s="10"/>
    </row>
    <row r="436853" spans="14:14">
      <c r="N436853" s="10"/>
    </row>
    <row r="436854" spans="14:14">
      <c r="N436854" s="10"/>
    </row>
    <row r="436855" spans="14:14">
      <c r="N436855" s="10"/>
    </row>
    <row r="436856" spans="14:14">
      <c r="N436856" s="10"/>
    </row>
    <row r="436857" spans="14:14">
      <c r="N436857" s="10"/>
    </row>
    <row r="436858" spans="14:14">
      <c r="N436858" s="10"/>
    </row>
    <row r="436859" spans="14:14">
      <c r="N436859" s="10"/>
    </row>
    <row r="436860" spans="14:14">
      <c r="N436860" s="10"/>
    </row>
    <row r="436861" spans="14:14">
      <c r="N436861" s="10"/>
    </row>
    <row r="436862" spans="14:14">
      <c r="N436862" s="10"/>
    </row>
    <row r="436863" spans="14:14">
      <c r="N436863" s="10"/>
    </row>
    <row r="436864" spans="14:14">
      <c r="N436864" s="10"/>
    </row>
    <row r="436865" spans="14:14">
      <c r="N436865" s="10"/>
    </row>
    <row r="436866" spans="14:14">
      <c r="N436866" s="10"/>
    </row>
    <row r="436867" spans="14:14">
      <c r="N436867" s="10"/>
    </row>
    <row r="436868" spans="14:14">
      <c r="N436868" s="10"/>
    </row>
    <row r="436869" spans="14:14">
      <c r="N436869" s="10"/>
    </row>
    <row r="436870" spans="14:14">
      <c r="N436870" s="10"/>
    </row>
    <row r="436871" spans="14:14">
      <c r="N436871" s="10"/>
    </row>
    <row r="436872" spans="14:14">
      <c r="N436872" s="10"/>
    </row>
    <row r="436873" spans="14:14">
      <c r="N436873" s="10"/>
    </row>
    <row r="436874" spans="14:14">
      <c r="N436874" s="10"/>
    </row>
    <row r="436875" spans="14:14">
      <c r="N436875" s="10"/>
    </row>
    <row r="436876" spans="14:14">
      <c r="N436876" s="10"/>
    </row>
    <row r="436877" spans="14:14">
      <c r="N436877" s="10"/>
    </row>
    <row r="436878" spans="14:14">
      <c r="N436878" s="10"/>
    </row>
    <row r="436879" spans="14:14">
      <c r="N436879" s="10"/>
    </row>
    <row r="436880" spans="14:14">
      <c r="N436880" s="10"/>
    </row>
    <row r="436881" spans="14:14">
      <c r="N436881" s="10"/>
    </row>
    <row r="436882" spans="14:14">
      <c r="N436882" s="10"/>
    </row>
    <row r="436883" spans="14:14">
      <c r="N436883" s="10"/>
    </row>
    <row r="436884" spans="14:14">
      <c r="N436884" s="10"/>
    </row>
    <row r="436885" spans="14:14">
      <c r="N436885" s="10"/>
    </row>
    <row r="436886" spans="14:14">
      <c r="N436886" s="10"/>
    </row>
    <row r="436887" spans="14:14">
      <c r="N436887" s="10"/>
    </row>
    <row r="436888" spans="14:14">
      <c r="N436888" s="10"/>
    </row>
    <row r="436889" spans="14:14">
      <c r="N436889" s="10"/>
    </row>
    <row r="436890" spans="14:14">
      <c r="N436890" s="10"/>
    </row>
    <row r="436891" spans="14:14">
      <c r="N436891" s="10"/>
    </row>
    <row r="436892" spans="14:14">
      <c r="N436892" s="10"/>
    </row>
    <row r="436893" spans="14:14">
      <c r="N436893" s="10"/>
    </row>
    <row r="436894" spans="14:14">
      <c r="N436894" s="10"/>
    </row>
    <row r="436895" spans="14:14">
      <c r="N436895" s="10"/>
    </row>
    <row r="436896" spans="14:14">
      <c r="N436896" s="10"/>
    </row>
    <row r="436897" spans="14:14">
      <c r="N436897" s="10"/>
    </row>
    <row r="436898" spans="14:14">
      <c r="N436898" s="10"/>
    </row>
    <row r="436899" spans="14:14">
      <c r="N436899" s="10"/>
    </row>
    <row r="436900" spans="14:14">
      <c r="N436900" s="10"/>
    </row>
    <row r="436901" spans="14:14">
      <c r="N436901" s="10"/>
    </row>
    <row r="436902" spans="14:14">
      <c r="N436902" s="10"/>
    </row>
    <row r="436903" spans="14:14">
      <c r="N436903" s="10"/>
    </row>
    <row r="436904" spans="14:14">
      <c r="N436904" s="10"/>
    </row>
    <row r="436905" spans="14:14">
      <c r="N436905" s="10"/>
    </row>
    <row r="436906" spans="14:14">
      <c r="N436906" s="10"/>
    </row>
    <row r="436907" spans="14:14">
      <c r="N436907" s="10"/>
    </row>
    <row r="436908" spans="14:14">
      <c r="N436908" s="10"/>
    </row>
    <row r="436909" spans="14:14">
      <c r="N436909" s="10"/>
    </row>
    <row r="436910" spans="14:14">
      <c r="N436910" s="10"/>
    </row>
    <row r="436911" spans="14:14">
      <c r="N436911" s="10"/>
    </row>
    <row r="436912" spans="14:14">
      <c r="N436912" s="10"/>
    </row>
    <row r="436913" spans="14:14">
      <c r="N436913" s="10"/>
    </row>
    <row r="436914" spans="14:14">
      <c r="N436914" s="10"/>
    </row>
    <row r="436915" spans="14:14">
      <c r="N436915" s="10"/>
    </row>
    <row r="436916" spans="14:14">
      <c r="N436916" s="10"/>
    </row>
    <row r="436917" spans="14:14">
      <c r="N436917" s="10"/>
    </row>
    <row r="436918" spans="14:14">
      <c r="N436918" s="10"/>
    </row>
    <row r="436919" spans="14:14">
      <c r="N436919" s="10"/>
    </row>
    <row r="436920" spans="14:14">
      <c r="N436920" s="10"/>
    </row>
    <row r="436921" spans="14:14">
      <c r="N436921" s="10"/>
    </row>
    <row r="436922" spans="14:14">
      <c r="N436922" s="10"/>
    </row>
    <row r="436923" spans="14:14">
      <c r="N436923" s="10"/>
    </row>
    <row r="436924" spans="14:14">
      <c r="N436924" s="10"/>
    </row>
    <row r="436925" spans="14:14">
      <c r="N436925" s="10"/>
    </row>
    <row r="436926" spans="14:14">
      <c r="N436926" s="10"/>
    </row>
    <row r="436927" spans="14:14">
      <c r="N436927" s="10"/>
    </row>
    <row r="436928" spans="14:14">
      <c r="N436928" s="10"/>
    </row>
    <row r="436929" spans="14:14">
      <c r="N436929" s="10"/>
    </row>
    <row r="436930" spans="14:14">
      <c r="N436930" s="10"/>
    </row>
    <row r="436931" spans="14:14">
      <c r="N436931" s="10"/>
    </row>
    <row r="436932" spans="14:14">
      <c r="N436932" s="10"/>
    </row>
    <row r="436933" spans="14:14">
      <c r="N436933" s="10"/>
    </row>
    <row r="436934" spans="14:14">
      <c r="N436934" s="10"/>
    </row>
    <row r="436935" spans="14:14">
      <c r="N436935" s="10"/>
    </row>
    <row r="436936" spans="14:14">
      <c r="N436936" s="10"/>
    </row>
    <row r="436937" spans="14:14">
      <c r="N436937" s="10"/>
    </row>
    <row r="436938" spans="14:14">
      <c r="N436938" s="10"/>
    </row>
    <row r="436939" spans="14:14">
      <c r="N436939" s="10"/>
    </row>
    <row r="436940" spans="14:14">
      <c r="N436940" s="10"/>
    </row>
    <row r="436941" spans="14:14">
      <c r="N436941" s="10"/>
    </row>
    <row r="436942" spans="14:14">
      <c r="N436942" s="10"/>
    </row>
    <row r="436943" spans="14:14">
      <c r="N436943" s="10"/>
    </row>
    <row r="436944" spans="14:14">
      <c r="N436944" s="10"/>
    </row>
    <row r="436945" spans="14:14">
      <c r="N436945" s="10"/>
    </row>
    <row r="436946" spans="14:14">
      <c r="N436946" s="10"/>
    </row>
    <row r="436947" spans="14:14">
      <c r="N436947" s="10"/>
    </row>
    <row r="436948" spans="14:14">
      <c r="N436948" s="10"/>
    </row>
    <row r="436949" spans="14:14">
      <c r="N436949" s="10"/>
    </row>
    <row r="436950" spans="14:14">
      <c r="N436950" s="10"/>
    </row>
    <row r="436951" spans="14:14">
      <c r="N436951" s="10"/>
    </row>
    <row r="436952" spans="14:14">
      <c r="N436952" s="10"/>
    </row>
    <row r="436953" spans="14:14">
      <c r="N436953" s="10"/>
    </row>
    <row r="436954" spans="14:14">
      <c r="N436954" s="10"/>
    </row>
    <row r="436955" spans="14:14">
      <c r="N436955" s="10"/>
    </row>
    <row r="436956" spans="14:14">
      <c r="N436956" s="10"/>
    </row>
    <row r="436957" spans="14:14">
      <c r="N436957" s="10"/>
    </row>
    <row r="436958" spans="14:14">
      <c r="N436958" s="10"/>
    </row>
    <row r="436959" spans="14:14">
      <c r="N436959" s="10"/>
    </row>
    <row r="436960" spans="14:14">
      <c r="N436960" s="10"/>
    </row>
    <row r="436961" spans="14:14">
      <c r="N436961" s="10"/>
    </row>
    <row r="436962" spans="14:14">
      <c r="N436962" s="10"/>
    </row>
    <row r="436963" spans="14:14">
      <c r="N436963" s="10"/>
    </row>
    <row r="436964" spans="14:14">
      <c r="N436964" s="10"/>
    </row>
    <row r="436965" spans="14:14">
      <c r="N436965" s="10"/>
    </row>
    <row r="436966" spans="14:14">
      <c r="N436966" s="10"/>
    </row>
    <row r="436967" spans="14:14">
      <c r="N436967" s="10"/>
    </row>
    <row r="436968" spans="14:14">
      <c r="N436968" s="10"/>
    </row>
    <row r="436969" spans="14:14">
      <c r="N436969" s="10"/>
    </row>
    <row r="436970" spans="14:14">
      <c r="N436970" s="10"/>
    </row>
    <row r="436971" spans="14:14">
      <c r="N436971" s="10"/>
    </row>
    <row r="436972" spans="14:14">
      <c r="N436972" s="10"/>
    </row>
    <row r="436973" spans="14:14">
      <c r="N436973" s="10"/>
    </row>
    <row r="436974" spans="14:14">
      <c r="N436974" s="10"/>
    </row>
    <row r="436975" spans="14:14">
      <c r="N436975" s="10"/>
    </row>
    <row r="436976" spans="14:14">
      <c r="N436976" s="10"/>
    </row>
    <row r="436977" spans="14:14">
      <c r="N436977" s="10"/>
    </row>
    <row r="436978" spans="14:14">
      <c r="N436978" s="10"/>
    </row>
    <row r="436979" spans="14:14">
      <c r="N436979" s="10"/>
    </row>
    <row r="436980" spans="14:14">
      <c r="N436980" s="10"/>
    </row>
    <row r="436981" spans="14:14">
      <c r="N436981" s="10"/>
    </row>
    <row r="436982" spans="14:14">
      <c r="N436982" s="10"/>
    </row>
    <row r="436983" spans="14:14">
      <c r="N436983" s="10"/>
    </row>
    <row r="436984" spans="14:14">
      <c r="N436984" s="10"/>
    </row>
    <row r="436985" spans="14:14">
      <c r="N436985" s="10"/>
    </row>
    <row r="436986" spans="14:14">
      <c r="N436986" s="10"/>
    </row>
    <row r="436987" spans="14:14">
      <c r="N436987" s="10"/>
    </row>
    <row r="436988" spans="14:14">
      <c r="N436988" s="10"/>
    </row>
    <row r="436989" spans="14:14">
      <c r="N436989" s="10"/>
    </row>
    <row r="436990" spans="14:14">
      <c r="N436990" s="10"/>
    </row>
    <row r="436991" spans="14:14">
      <c r="N436991" s="10"/>
    </row>
    <row r="436992" spans="14:14">
      <c r="N436992" s="10"/>
    </row>
    <row r="436993" spans="14:14">
      <c r="N436993" s="10"/>
    </row>
    <row r="436994" spans="14:14">
      <c r="N436994" s="10"/>
    </row>
    <row r="436995" spans="14:14">
      <c r="N436995" s="10"/>
    </row>
    <row r="436996" spans="14:14">
      <c r="N436996" s="10"/>
    </row>
    <row r="436997" spans="14:14">
      <c r="N436997" s="10"/>
    </row>
    <row r="436998" spans="14:14">
      <c r="N436998" s="10"/>
    </row>
    <row r="436999" spans="14:14">
      <c r="N436999" s="10"/>
    </row>
    <row r="437000" spans="14:14">
      <c r="N437000" s="10"/>
    </row>
    <row r="437001" spans="14:14">
      <c r="N437001" s="10"/>
    </row>
    <row r="437002" spans="14:14">
      <c r="N437002" s="10"/>
    </row>
    <row r="437003" spans="14:14">
      <c r="N437003" s="10"/>
    </row>
    <row r="437004" spans="14:14">
      <c r="N437004" s="10"/>
    </row>
    <row r="437005" spans="14:14">
      <c r="N437005" s="10"/>
    </row>
    <row r="437006" spans="14:14">
      <c r="N437006" s="10"/>
    </row>
    <row r="437007" spans="14:14">
      <c r="N437007" s="10"/>
    </row>
    <row r="437008" spans="14:14">
      <c r="N437008" s="10"/>
    </row>
    <row r="437009" spans="14:14">
      <c r="N437009" s="10"/>
    </row>
    <row r="437010" spans="14:14">
      <c r="N437010" s="10"/>
    </row>
    <row r="437011" spans="14:14">
      <c r="N437011" s="10"/>
    </row>
    <row r="437012" spans="14:14">
      <c r="N437012" s="10"/>
    </row>
    <row r="437013" spans="14:14">
      <c r="N437013" s="10"/>
    </row>
    <row r="437014" spans="14:14">
      <c r="N437014" s="10"/>
    </row>
    <row r="437015" spans="14:14">
      <c r="N437015" s="10"/>
    </row>
    <row r="437016" spans="14:14">
      <c r="N437016" s="10"/>
    </row>
    <row r="437017" spans="14:14">
      <c r="N437017" s="10"/>
    </row>
    <row r="437018" spans="14:14">
      <c r="N437018" s="10"/>
    </row>
    <row r="437019" spans="14:14">
      <c r="N437019" s="10"/>
    </row>
    <row r="437020" spans="14:14">
      <c r="N437020" s="10"/>
    </row>
    <row r="437021" spans="14:14">
      <c r="N437021" s="10"/>
    </row>
    <row r="437022" spans="14:14">
      <c r="N437022" s="10"/>
    </row>
    <row r="437023" spans="14:14">
      <c r="N437023" s="10"/>
    </row>
    <row r="437024" spans="14:14">
      <c r="N437024" s="10"/>
    </row>
    <row r="437025" spans="14:14">
      <c r="N437025" s="10"/>
    </row>
    <row r="437026" spans="14:14">
      <c r="N437026" s="10"/>
    </row>
    <row r="437027" spans="14:14">
      <c r="N437027" s="10"/>
    </row>
    <row r="437028" spans="14:14">
      <c r="N437028" s="10"/>
    </row>
    <row r="437029" spans="14:14">
      <c r="N437029" s="10"/>
    </row>
    <row r="437030" spans="14:14">
      <c r="N437030" s="10"/>
    </row>
    <row r="437031" spans="14:14">
      <c r="N437031" s="10"/>
    </row>
    <row r="437032" spans="14:14">
      <c r="N437032" s="10"/>
    </row>
    <row r="437033" spans="14:14">
      <c r="N437033" s="10"/>
    </row>
    <row r="437034" spans="14:14">
      <c r="N437034" s="10"/>
    </row>
    <row r="437035" spans="14:14">
      <c r="N437035" s="10"/>
    </row>
    <row r="437036" spans="14:14">
      <c r="N437036" s="10"/>
    </row>
    <row r="437037" spans="14:14">
      <c r="N437037" s="10"/>
    </row>
    <row r="437038" spans="14:14">
      <c r="N437038" s="10"/>
    </row>
    <row r="437039" spans="14:14">
      <c r="N437039" s="10"/>
    </row>
    <row r="437040" spans="14:14">
      <c r="N437040" s="10"/>
    </row>
    <row r="437041" spans="14:14">
      <c r="N437041" s="10"/>
    </row>
    <row r="437042" spans="14:14">
      <c r="N437042" s="10"/>
    </row>
    <row r="437043" spans="14:14">
      <c r="N437043" s="10"/>
    </row>
    <row r="437044" spans="14:14">
      <c r="N437044" s="10"/>
    </row>
    <row r="437045" spans="14:14">
      <c r="N437045" s="10"/>
    </row>
    <row r="437046" spans="14:14">
      <c r="N437046" s="10"/>
    </row>
    <row r="437047" spans="14:14">
      <c r="N437047" s="10"/>
    </row>
    <row r="437048" spans="14:14">
      <c r="N437048" s="10"/>
    </row>
    <row r="437049" spans="14:14">
      <c r="N437049" s="10"/>
    </row>
    <row r="437050" spans="14:14">
      <c r="N437050" s="10"/>
    </row>
    <row r="437051" spans="14:14">
      <c r="N437051" s="10"/>
    </row>
    <row r="437052" spans="14:14">
      <c r="N437052" s="10"/>
    </row>
    <row r="437053" spans="14:14">
      <c r="N437053" s="10"/>
    </row>
    <row r="437054" spans="14:14">
      <c r="N437054" s="10"/>
    </row>
    <row r="437055" spans="14:14">
      <c r="N437055" s="10"/>
    </row>
    <row r="437056" spans="14:14">
      <c r="N437056" s="10"/>
    </row>
    <row r="437057" spans="14:14">
      <c r="N437057" s="10"/>
    </row>
    <row r="437058" spans="14:14">
      <c r="N437058" s="10"/>
    </row>
    <row r="437059" spans="14:14">
      <c r="N437059" s="10"/>
    </row>
    <row r="437060" spans="14:14">
      <c r="N437060" s="10"/>
    </row>
    <row r="437061" spans="14:14">
      <c r="N437061" s="10"/>
    </row>
    <row r="437062" spans="14:14">
      <c r="N437062" s="10"/>
    </row>
    <row r="437063" spans="14:14">
      <c r="N437063" s="10"/>
    </row>
    <row r="437064" spans="14:14">
      <c r="N437064" s="10"/>
    </row>
    <row r="437065" spans="14:14">
      <c r="N437065" s="10"/>
    </row>
    <row r="437066" spans="14:14">
      <c r="N437066" s="10"/>
    </row>
    <row r="437067" spans="14:14">
      <c r="N437067" s="10"/>
    </row>
    <row r="437068" spans="14:14">
      <c r="N437068" s="10"/>
    </row>
    <row r="437069" spans="14:14">
      <c r="N437069" s="10"/>
    </row>
    <row r="437070" spans="14:14">
      <c r="N437070" s="10"/>
    </row>
    <row r="437071" spans="14:14">
      <c r="N437071" s="10"/>
    </row>
    <row r="437072" spans="14:14">
      <c r="N437072" s="10"/>
    </row>
    <row r="437073" spans="14:14">
      <c r="N437073" s="10"/>
    </row>
    <row r="437074" spans="14:14">
      <c r="N437074" s="10"/>
    </row>
    <row r="437075" spans="14:14">
      <c r="N437075" s="10"/>
    </row>
    <row r="437076" spans="14:14">
      <c r="N437076" s="10"/>
    </row>
    <row r="437077" spans="14:14">
      <c r="N437077" s="10"/>
    </row>
    <row r="437078" spans="14:14">
      <c r="N437078" s="10"/>
    </row>
    <row r="437079" spans="14:14">
      <c r="N437079" s="10"/>
    </row>
    <row r="437080" spans="14:14">
      <c r="N437080" s="10"/>
    </row>
    <row r="437081" spans="14:14">
      <c r="N437081" s="10"/>
    </row>
    <row r="437082" spans="14:14">
      <c r="N437082" s="10"/>
    </row>
    <row r="437083" spans="14:14">
      <c r="N437083" s="10"/>
    </row>
    <row r="437084" spans="14:14">
      <c r="N437084" s="10"/>
    </row>
    <row r="437085" spans="14:14">
      <c r="N437085" s="10"/>
    </row>
    <row r="437086" spans="14:14">
      <c r="N437086" s="10"/>
    </row>
    <row r="437087" spans="14:14">
      <c r="N437087" s="10"/>
    </row>
    <row r="437088" spans="14:14">
      <c r="N437088" s="10"/>
    </row>
    <row r="437089" spans="14:14">
      <c r="N437089" s="10"/>
    </row>
    <row r="437090" spans="14:14">
      <c r="N437090" s="10"/>
    </row>
    <row r="437091" spans="14:14">
      <c r="N437091" s="10"/>
    </row>
    <row r="437092" spans="14:14">
      <c r="N437092" s="10"/>
    </row>
    <row r="437093" spans="14:14">
      <c r="N437093" s="10"/>
    </row>
    <row r="437094" spans="14:14">
      <c r="N437094" s="10"/>
    </row>
    <row r="437095" spans="14:14">
      <c r="N437095" s="10"/>
    </row>
    <row r="437096" spans="14:14">
      <c r="N437096" s="10"/>
    </row>
    <row r="437097" spans="14:14">
      <c r="N437097" s="10"/>
    </row>
    <row r="437098" spans="14:14">
      <c r="N437098" s="10"/>
    </row>
    <row r="437099" spans="14:14">
      <c r="N437099" s="10"/>
    </row>
    <row r="437100" spans="14:14">
      <c r="N437100" s="10"/>
    </row>
    <row r="437101" spans="14:14">
      <c r="N437101" s="10"/>
    </row>
    <row r="437102" spans="14:14">
      <c r="N437102" s="10"/>
    </row>
    <row r="437103" spans="14:14">
      <c r="N437103" s="10"/>
    </row>
    <row r="437104" spans="14:14">
      <c r="N437104" s="10"/>
    </row>
    <row r="437105" spans="14:14">
      <c r="N437105" s="10"/>
    </row>
    <row r="437106" spans="14:14">
      <c r="N437106" s="10"/>
    </row>
    <row r="437107" spans="14:14">
      <c r="N437107" s="10"/>
    </row>
    <row r="437108" spans="14:14">
      <c r="N437108" s="10"/>
    </row>
    <row r="437109" spans="14:14">
      <c r="N437109" s="10"/>
    </row>
    <row r="437110" spans="14:14">
      <c r="N437110" s="10"/>
    </row>
    <row r="437111" spans="14:14">
      <c r="N437111" s="10"/>
    </row>
    <row r="437112" spans="14:14">
      <c r="N437112" s="10"/>
    </row>
    <row r="437113" spans="14:14">
      <c r="N437113" s="10"/>
    </row>
    <row r="437114" spans="14:14">
      <c r="N437114" s="10"/>
    </row>
    <row r="437115" spans="14:14">
      <c r="N437115" s="10"/>
    </row>
    <row r="437116" spans="14:14">
      <c r="N437116" s="10"/>
    </row>
    <row r="437117" spans="14:14">
      <c r="N437117" s="10"/>
    </row>
    <row r="437118" spans="14:14">
      <c r="N437118" s="10"/>
    </row>
    <row r="437119" spans="14:14">
      <c r="N437119" s="10"/>
    </row>
    <row r="437120" spans="14:14">
      <c r="N437120" s="10"/>
    </row>
    <row r="437121" spans="14:14">
      <c r="N437121" s="10"/>
    </row>
    <row r="437122" spans="14:14">
      <c r="N437122" s="10"/>
    </row>
    <row r="437123" spans="14:14">
      <c r="N437123" s="10"/>
    </row>
    <row r="437124" spans="14:14">
      <c r="N437124" s="10"/>
    </row>
    <row r="437125" spans="14:14">
      <c r="N437125" s="10"/>
    </row>
    <row r="437126" spans="14:14">
      <c r="N437126" s="10"/>
    </row>
    <row r="437127" spans="14:14">
      <c r="N437127" s="10"/>
    </row>
    <row r="437128" spans="14:14">
      <c r="N437128" s="10"/>
    </row>
    <row r="437129" spans="14:14">
      <c r="N437129" s="10"/>
    </row>
    <row r="437130" spans="14:14">
      <c r="N437130" s="10"/>
    </row>
    <row r="437131" spans="14:14">
      <c r="N437131" s="10"/>
    </row>
    <row r="437132" spans="14:14">
      <c r="N437132" s="10"/>
    </row>
    <row r="437133" spans="14:14">
      <c r="N437133" s="10"/>
    </row>
    <row r="437134" spans="14:14">
      <c r="N437134" s="10"/>
    </row>
    <row r="437135" spans="14:14">
      <c r="N437135" s="10"/>
    </row>
    <row r="437136" spans="14:14">
      <c r="N437136" s="10"/>
    </row>
    <row r="437137" spans="14:14">
      <c r="N437137" s="10"/>
    </row>
    <row r="437138" spans="14:14">
      <c r="N437138" s="10"/>
    </row>
    <row r="437139" spans="14:14">
      <c r="N437139" s="10"/>
    </row>
    <row r="437140" spans="14:14">
      <c r="N437140" s="10"/>
    </row>
    <row r="437141" spans="14:14">
      <c r="N437141" s="10"/>
    </row>
    <row r="437142" spans="14:14">
      <c r="N437142" s="10"/>
    </row>
    <row r="437143" spans="14:14">
      <c r="N437143" s="10"/>
    </row>
    <row r="437144" spans="14:14">
      <c r="N437144" s="10"/>
    </row>
    <row r="437145" spans="14:14">
      <c r="N437145" s="10"/>
    </row>
    <row r="437146" spans="14:14">
      <c r="N437146" s="10"/>
    </row>
    <row r="437147" spans="14:14">
      <c r="N437147" s="10"/>
    </row>
    <row r="437148" spans="14:14">
      <c r="N437148" s="10"/>
    </row>
    <row r="437149" spans="14:14">
      <c r="N437149" s="10"/>
    </row>
    <row r="437150" spans="14:14">
      <c r="N437150" s="10"/>
    </row>
    <row r="437151" spans="14:14">
      <c r="N437151" s="10"/>
    </row>
    <row r="437152" spans="14:14">
      <c r="N437152" s="10"/>
    </row>
    <row r="437153" spans="14:14">
      <c r="N437153" s="10"/>
    </row>
    <row r="437154" spans="14:14">
      <c r="N437154" s="10"/>
    </row>
    <row r="437155" spans="14:14">
      <c r="N437155" s="10"/>
    </row>
    <row r="437156" spans="14:14">
      <c r="N437156" s="10"/>
    </row>
    <row r="437157" spans="14:14">
      <c r="N437157" s="10"/>
    </row>
    <row r="437158" spans="14:14">
      <c r="N437158" s="10"/>
    </row>
    <row r="437159" spans="14:14">
      <c r="N437159" s="10"/>
    </row>
    <row r="437160" spans="14:14">
      <c r="N437160" s="10"/>
    </row>
    <row r="437161" spans="14:14">
      <c r="N437161" s="10"/>
    </row>
    <row r="437162" spans="14:14">
      <c r="N437162" s="10"/>
    </row>
    <row r="437163" spans="14:14">
      <c r="N437163" s="10"/>
    </row>
    <row r="437164" spans="14:14">
      <c r="N437164" s="10"/>
    </row>
    <row r="437165" spans="14:14">
      <c r="N437165" s="10"/>
    </row>
    <row r="437166" spans="14:14">
      <c r="N437166" s="10"/>
    </row>
    <row r="437167" spans="14:14">
      <c r="N437167" s="10"/>
    </row>
    <row r="437168" spans="14:14">
      <c r="N437168" s="10"/>
    </row>
    <row r="437169" spans="14:14">
      <c r="N437169" s="10"/>
    </row>
    <row r="437170" spans="14:14">
      <c r="N437170" s="10"/>
    </row>
    <row r="437171" spans="14:14">
      <c r="N437171" s="10"/>
    </row>
    <row r="437172" spans="14:14">
      <c r="N437172" s="10"/>
    </row>
    <row r="437173" spans="14:14">
      <c r="N437173" s="10"/>
    </row>
    <row r="437174" spans="14:14">
      <c r="N437174" s="10"/>
    </row>
    <row r="437175" spans="14:14">
      <c r="N437175" s="10"/>
    </row>
    <row r="437176" spans="14:14">
      <c r="N437176" s="10"/>
    </row>
    <row r="437177" spans="14:14">
      <c r="N437177" s="10"/>
    </row>
    <row r="437178" spans="14:14">
      <c r="N437178" s="10"/>
    </row>
    <row r="437179" spans="14:14">
      <c r="N437179" s="10"/>
    </row>
    <row r="437180" spans="14:14">
      <c r="N437180" s="10"/>
    </row>
    <row r="437181" spans="14:14">
      <c r="N437181" s="10"/>
    </row>
    <row r="437182" spans="14:14">
      <c r="N437182" s="10"/>
    </row>
    <row r="437183" spans="14:14">
      <c r="N437183" s="10"/>
    </row>
    <row r="437184" spans="14:14">
      <c r="N437184" s="10"/>
    </row>
    <row r="437185" spans="14:14">
      <c r="N437185" s="10"/>
    </row>
    <row r="437186" spans="14:14">
      <c r="N437186" s="10"/>
    </row>
    <row r="437187" spans="14:14">
      <c r="N437187" s="10"/>
    </row>
    <row r="437188" spans="14:14">
      <c r="N437188" s="10"/>
    </row>
    <row r="437189" spans="14:14">
      <c r="N437189" s="10"/>
    </row>
    <row r="437190" spans="14:14">
      <c r="N437190" s="10"/>
    </row>
    <row r="437191" spans="14:14">
      <c r="N437191" s="10"/>
    </row>
    <row r="437192" spans="14:14">
      <c r="N437192" s="10"/>
    </row>
    <row r="437193" spans="14:14">
      <c r="N437193" s="10"/>
    </row>
    <row r="437194" spans="14:14">
      <c r="N437194" s="10"/>
    </row>
    <row r="437195" spans="14:14">
      <c r="N437195" s="10"/>
    </row>
    <row r="437196" spans="14:14">
      <c r="N437196" s="10"/>
    </row>
    <row r="437197" spans="14:14">
      <c r="N437197" s="10"/>
    </row>
    <row r="437198" spans="14:14">
      <c r="N437198" s="10"/>
    </row>
    <row r="437199" spans="14:14">
      <c r="N437199" s="10"/>
    </row>
    <row r="437200" spans="14:14">
      <c r="N437200" s="10"/>
    </row>
    <row r="437201" spans="14:14">
      <c r="N437201" s="10"/>
    </row>
    <row r="437202" spans="14:14">
      <c r="N437202" s="10"/>
    </row>
    <row r="437203" spans="14:14">
      <c r="N437203" s="10"/>
    </row>
    <row r="437204" spans="14:14">
      <c r="N437204" s="10"/>
    </row>
    <row r="437205" spans="14:14">
      <c r="N437205" s="10"/>
    </row>
    <row r="437206" spans="14:14">
      <c r="N437206" s="10"/>
    </row>
    <row r="437207" spans="14:14">
      <c r="N437207" s="10"/>
    </row>
    <row r="437208" spans="14:14">
      <c r="N437208" s="10"/>
    </row>
    <row r="437209" spans="14:14">
      <c r="N437209" s="10"/>
    </row>
    <row r="437210" spans="14:14">
      <c r="N437210" s="10"/>
    </row>
    <row r="437211" spans="14:14">
      <c r="N437211" s="10"/>
    </row>
    <row r="437212" spans="14:14">
      <c r="N437212" s="10"/>
    </row>
    <row r="437213" spans="14:14">
      <c r="N437213" s="10"/>
    </row>
    <row r="437214" spans="14:14">
      <c r="N437214" s="10"/>
    </row>
    <row r="437215" spans="14:14">
      <c r="N437215" s="10"/>
    </row>
    <row r="437216" spans="14:14">
      <c r="N437216" s="10"/>
    </row>
    <row r="437217" spans="14:14">
      <c r="N437217" s="10"/>
    </row>
    <row r="437218" spans="14:14">
      <c r="N437218" s="10"/>
    </row>
    <row r="437219" spans="14:14">
      <c r="N437219" s="10"/>
    </row>
    <row r="437220" spans="14:14">
      <c r="N437220" s="10"/>
    </row>
    <row r="437221" spans="14:14">
      <c r="N437221" s="10"/>
    </row>
    <row r="437222" spans="14:14">
      <c r="N437222" s="10"/>
    </row>
    <row r="437223" spans="14:14">
      <c r="N437223" s="10"/>
    </row>
    <row r="437224" spans="14:14">
      <c r="N437224" s="10"/>
    </row>
    <row r="437225" spans="14:14">
      <c r="N437225" s="10"/>
    </row>
    <row r="437226" spans="14:14">
      <c r="N437226" s="10"/>
    </row>
    <row r="437227" spans="14:14">
      <c r="N437227" s="10"/>
    </row>
    <row r="437228" spans="14:14">
      <c r="N437228" s="10"/>
    </row>
    <row r="437229" spans="14:14">
      <c r="N437229" s="10"/>
    </row>
    <row r="437230" spans="14:14">
      <c r="N437230" s="10"/>
    </row>
    <row r="437231" spans="14:14">
      <c r="N437231" s="10"/>
    </row>
    <row r="437232" spans="14:14">
      <c r="N437232" s="10"/>
    </row>
    <row r="437233" spans="14:14">
      <c r="N437233" s="10"/>
    </row>
    <row r="437234" spans="14:14">
      <c r="N437234" s="10"/>
    </row>
    <row r="437235" spans="14:14">
      <c r="N437235" s="10"/>
    </row>
    <row r="437236" spans="14:14">
      <c r="N437236" s="10"/>
    </row>
    <row r="437237" spans="14:14">
      <c r="N437237" s="10"/>
    </row>
    <row r="437238" spans="14:14">
      <c r="N437238" s="10"/>
    </row>
    <row r="437239" spans="14:14">
      <c r="N437239" s="10"/>
    </row>
    <row r="437240" spans="14:14">
      <c r="N437240" s="10"/>
    </row>
    <row r="437241" spans="14:14">
      <c r="N437241" s="10"/>
    </row>
    <row r="437242" spans="14:14">
      <c r="N437242" s="10"/>
    </row>
    <row r="437243" spans="14:14">
      <c r="N437243" s="10"/>
    </row>
    <row r="437244" spans="14:14">
      <c r="N437244" s="10"/>
    </row>
    <row r="437245" spans="14:14">
      <c r="N437245" s="10"/>
    </row>
    <row r="437246" spans="14:14">
      <c r="N437246" s="10"/>
    </row>
    <row r="437247" spans="14:14">
      <c r="N437247" s="10"/>
    </row>
    <row r="437248" spans="14:14">
      <c r="N437248" s="10"/>
    </row>
    <row r="437249" spans="14:14">
      <c r="N437249" s="10"/>
    </row>
    <row r="437250" spans="14:14">
      <c r="N437250" s="10"/>
    </row>
    <row r="437251" spans="14:14">
      <c r="N437251" s="10"/>
    </row>
    <row r="437252" spans="14:14">
      <c r="N437252" s="10"/>
    </row>
    <row r="437253" spans="14:14">
      <c r="N437253" s="10"/>
    </row>
    <row r="437254" spans="14:14">
      <c r="N437254" s="10"/>
    </row>
    <row r="437255" spans="14:14">
      <c r="N437255" s="10"/>
    </row>
    <row r="437256" spans="14:14">
      <c r="N437256" s="10"/>
    </row>
    <row r="437257" spans="14:14">
      <c r="N437257" s="10"/>
    </row>
    <row r="437258" spans="14:14">
      <c r="N437258" s="10"/>
    </row>
    <row r="437259" spans="14:14">
      <c r="N437259" s="10"/>
    </row>
    <row r="437260" spans="14:14">
      <c r="N437260" s="10"/>
    </row>
    <row r="437261" spans="14:14">
      <c r="N437261" s="10"/>
    </row>
    <row r="437262" spans="14:14">
      <c r="N437262" s="10"/>
    </row>
    <row r="437263" spans="14:14">
      <c r="N437263" s="10"/>
    </row>
    <row r="437264" spans="14:14">
      <c r="N437264" s="10"/>
    </row>
    <row r="437265" spans="14:14">
      <c r="N437265" s="10"/>
    </row>
    <row r="437266" spans="14:14">
      <c r="N437266" s="10"/>
    </row>
    <row r="437267" spans="14:14">
      <c r="N437267" s="10"/>
    </row>
    <row r="437268" spans="14:14">
      <c r="N437268" s="10"/>
    </row>
    <row r="437269" spans="14:14">
      <c r="N437269" s="10"/>
    </row>
    <row r="437270" spans="14:14">
      <c r="N437270" s="10"/>
    </row>
    <row r="437271" spans="14:14">
      <c r="N437271" s="10"/>
    </row>
    <row r="437272" spans="14:14">
      <c r="N437272" s="10"/>
    </row>
    <row r="437273" spans="14:14">
      <c r="N437273" s="10"/>
    </row>
    <row r="437274" spans="14:14">
      <c r="N437274" s="10"/>
    </row>
    <row r="437275" spans="14:14">
      <c r="N437275" s="10"/>
    </row>
    <row r="437276" spans="14:14">
      <c r="N437276" s="10"/>
    </row>
    <row r="437277" spans="14:14">
      <c r="N437277" s="10"/>
    </row>
    <row r="437278" spans="14:14">
      <c r="N437278" s="10"/>
    </row>
    <row r="437279" spans="14:14">
      <c r="N437279" s="10"/>
    </row>
    <row r="437280" spans="14:14">
      <c r="N437280" s="10"/>
    </row>
    <row r="437281" spans="14:14">
      <c r="N437281" s="10"/>
    </row>
    <row r="437282" spans="14:14">
      <c r="N437282" s="10"/>
    </row>
    <row r="437283" spans="14:14">
      <c r="N437283" s="10"/>
    </row>
    <row r="437284" spans="14:14">
      <c r="N437284" s="10"/>
    </row>
    <row r="437285" spans="14:14">
      <c r="N437285" s="10"/>
    </row>
    <row r="437286" spans="14:14">
      <c r="N437286" s="10"/>
    </row>
    <row r="437287" spans="14:14">
      <c r="N437287" s="10"/>
    </row>
    <row r="437288" spans="14:14">
      <c r="N437288" s="10"/>
    </row>
    <row r="437289" spans="14:14">
      <c r="N437289" s="10"/>
    </row>
    <row r="437290" spans="14:14">
      <c r="N437290" s="10"/>
    </row>
    <row r="437291" spans="14:14">
      <c r="N437291" s="10"/>
    </row>
    <row r="437292" spans="14:14">
      <c r="N437292" s="10"/>
    </row>
    <row r="437293" spans="14:14">
      <c r="N437293" s="10"/>
    </row>
    <row r="437294" spans="14:14">
      <c r="N437294" s="10"/>
    </row>
    <row r="437295" spans="14:14">
      <c r="N437295" s="10"/>
    </row>
    <row r="437296" spans="14:14">
      <c r="N437296" s="10"/>
    </row>
    <row r="437297" spans="14:14">
      <c r="N437297" s="10"/>
    </row>
    <row r="437298" spans="14:14">
      <c r="N437298" s="10"/>
    </row>
    <row r="437299" spans="14:14">
      <c r="N437299" s="10"/>
    </row>
    <row r="437300" spans="14:14">
      <c r="N437300" s="10"/>
    </row>
    <row r="437301" spans="14:14">
      <c r="N437301" s="10"/>
    </row>
    <row r="437302" spans="14:14">
      <c r="N437302" s="10"/>
    </row>
    <row r="437303" spans="14:14">
      <c r="N437303" s="10"/>
    </row>
    <row r="437304" spans="14:14">
      <c r="N437304" s="10"/>
    </row>
    <row r="437305" spans="14:14">
      <c r="N437305" s="10"/>
    </row>
    <row r="437306" spans="14:14">
      <c r="N437306" s="10"/>
    </row>
    <row r="437307" spans="14:14">
      <c r="N437307" s="10"/>
    </row>
    <row r="437308" spans="14:14">
      <c r="N437308" s="10"/>
    </row>
    <row r="437309" spans="14:14">
      <c r="N437309" s="10"/>
    </row>
    <row r="437310" spans="14:14">
      <c r="N437310" s="10"/>
    </row>
    <row r="437311" spans="14:14">
      <c r="N437311" s="10"/>
    </row>
    <row r="437312" spans="14:14">
      <c r="N437312" s="10"/>
    </row>
    <row r="437313" spans="14:14">
      <c r="N437313" s="10"/>
    </row>
    <row r="437314" spans="14:14">
      <c r="N437314" s="10"/>
    </row>
    <row r="437315" spans="14:14">
      <c r="N437315" s="10"/>
    </row>
    <row r="437316" spans="14:14">
      <c r="N437316" s="10"/>
    </row>
    <row r="437317" spans="14:14">
      <c r="N437317" s="10"/>
    </row>
    <row r="437318" spans="14:14">
      <c r="N437318" s="10"/>
    </row>
    <row r="437319" spans="14:14">
      <c r="N437319" s="10"/>
    </row>
    <row r="437320" spans="14:14">
      <c r="N437320" s="10"/>
    </row>
    <row r="437321" spans="14:14">
      <c r="N437321" s="10"/>
    </row>
    <row r="437322" spans="14:14">
      <c r="N437322" s="10"/>
    </row>
    <row r="437323" spans="14:14">
      <c r="N437323" s="10"/>
    </row>
    <row r="437324" spans="14:14">
      <c r="N437324" s="10"/>
    </row>
    <row r="437325" spans="14:14">
      <c r="N437325" s="10"/>
    </row>
    <row r="437326" spans="14:14">
      <c r="N437326" s="10"/>
    </row>
    <row r="437327" spans="14:14">
      <c r="N437327" s="10"/>
    </row>
    <row r="437328" spans="14:14">
      <c r="N437328" s="10"/>
    </row>
    <row r="437329" spans="14:14">
      <c r="N437329" s="10"/>
    </row>
    <row r="437330" spans="14:14">
      <c r="N437330" s="10"/>
    </row>
    <row r="437331" spans="14:14">
      <c r="N437331" s="10"/>
    </row>
    <row r="437332" spans="14:14">
      <c r="N437332" s="10"/>
    </row>
    <row r="437333" spans="14:14">
      <c r="N437333" s="10"/>
    </row>
    <row r="437334" spans="14:14">
      <c r="N437334" s="10"/>
    </row>
    <row r="437335" spans="14:14">
      <c r="N437335" s="10"/>
    </row>
    <row r="437336" spans="14:14">
      <c r="N437336" s="10"/>
    </row>
    <row r="437337" spans="14:14">
      <c r="N437337" s="10"/>
    </row>
    <row r="437338" spans="14:14">
      <c r="N437338" s="10"/>
    </row>
    <row r="437339" spans="14:14">
      <c r="N437339" s="10"/>
    </row>
    <row r="437340" spans="14:14">
      <c r="N437340" s="10"/>
    </row>
    <row r="437341" spans="14:14">
      <c r="N437341" s="10"/>
    </row>
    <row r="437342" spans="14:14">
      <c r="N437342" s="10"/>
    </row>
    <row r="437343" spans="14:14">
      <c r="N437343" s="10"/>
    </row>
    <row r="437344" spans="14:14">
      <c r="N437344" s="10"/>
    </row>
    <row r="437345" spans="14:14">
      <c r="N437345" s="10"/>
    </row>
    <row r="437346" spans="14:14">
      <c r="N437346" s="10"/>
    </row>
    <row r="437347" spans="14:14">
      <c r="N437347" s="10"/>
    </row>
    <row r="437348" spans="14:14">
      <c r="N437348" s="10"/>
    </row>
    <row r="437349" spans="14:14">
      <c r="N437349" s="10"/>
    </row>
    <row r="437350" spans="14:14">
      <c r="N437350" s="10"/>
    </row>
    <row r="437351" spans="14:14">
      <c r="N437351" s="10"/>
    </row>
    <row r="437352" spans="14:14">
      <c r="N437352" s="10"/>
    </row>
    <row r="437353" spans="14:14">
      <c r="N437353" s="10"/>
    </row>
    <row r="437354" spans="14:14">
      <c r="N437354" s="10"/>
    </row>
    <row r="437355" spans="14:14">
      <c r="N437355" s="10"/>
    </row>
    <row r="437356" spans="14:14">
      <c r="N437356" s="10"/>
    </row>
    <row r="437357" spans="14:14">
      <c r="N437357" s="10"/>
    </row>
    <row r="437358" spans="14:14">
      <c r="N437358" s="10"/>
    </row>
    <row r="437359" spans="14:14">
      <c r="N437359" s="10"/>
    </row>
    <row r="437360" spans="14:14">
      <c r="N437360" s="10"/>
    </row>
    <row r="437361" spans="14:14">
      <c r="N437361" s="10"/>
    </row>
    <row r="437362" spans="14:14">
      <c r="N437362" s="10"/>
    </row>
    <row r="437363" spans="14:14">
      <c r="N437363" s="10"/>
    </row>
    <row r="437364" spans="14:14">
      <c r="N437364" s="10"/>
    </row>
    <row r="437365" spans="14:14">
      <c r="N437365" s="10"/>
    </row>
    <row r="437366" spans="14:14">
      <c r="N437366" s="10"/>
    </row>
    <row r="437367" spans="14:14">
      <c r="N437367" s="10"/>
    </row>
    <row r="437368" spans="14:14">
      <c r="N437368" s="10"/>
    </row>
    <row r="437369" spans="14:14">
      <c r="N437369" s="10"/>
    </row>
    <row r="437370" spans="14:14">
      <c r="N437370" s="10"/>
    </row>
    <row r="437371" spans="14:14">
      <c r="N437371" s="10"/>
    </row>
    <row r="437372" spans="14:14">
      <c r="N437372" s="10"/>
    </row>
    <row r="437373" spans="14:14">
      <c r="N437373" s="10"/>
    </row>
    <row r="437374" spans="14:14">
      <c r="N437374" s="10"/>
    </row>
    <row r="437375" spans="14:14">
      <c r="N437375" s="10"/>
    </row>
    <row r="437376" spans="14:14">
      <c r="N437376" s="10"/>
    </row>
    <row r="437377" spans="14:14">
      <c r="N437377" s="10"/>
    </row>
    <row r="437378" spans="14:14">
      <c r="N437378" s="10"/>
    </row>
    <row r="437379" spans="14:14">
      <c r="N437379" s="10"/>
    </row>
    <row r="437380" spans="14:14">
      <c r="N437380" s="10"/>
    </row>
    <row r="437381" spans="14:14">
      <c r="N437381" s="10"/>
    </row>
    <row r="437382" spans="14:14">
      <c r="N437382" s="10"/>
    </row>
    <row r="437383" spans="14:14">
      <c r="N437383" s="10"/>
    </row>
    <row r="437384" spans="14:14">
      <c r="N437384" s="10"/>
    </row>
    <row r="437385" spans="14:14">
      <c r="N437385" s="10"/>
    </row>
    <row r="437386" spans="14:14">
      <c r="N437386" s="10"/>
    </row>
    <row r="437387" spans="14:14">
      <c r="N437387" s="10"/>
    </row>
    <row r="437388" spans="14:14">
      <c r="N437388" s="10"/>
    </row>
    <row r="437389" spans="14:14">
      <c r="N437389" s="10"/>
    </row>
    <row r="437390" spans="14:14">
      <c r="N437390" s="10"/>
    </row>
    <row r="437391" spans="14:14">
      <c r="N437391" s="10"/>
    </row>
    <row r="437392" spans="14:14">
      <c r="N437392" s="10"/>
    </row>
    <row r="437393" spans="14:14">
      <c r="N437393" s="10"/>
    </row>
    <row r="437394" spans="14:14">
      <c r="N437394" s="10"/>
    </row>
    <row r="437395" spans="14:14">
      <c r="N437395" s="10"/>
    </row>
    <row r="437396" spans="14:14">
      <c r="N437396" s="10"/>
    </row>
    <row r="437397" spans="14:14">
      <c r="N437397" s="10"/>
    </row>
    <row r="437398" spans="14:14">
      <c r="N437398" s="10"/>
    </row>
    <row r="437399" spans="14:14">
      <c r="N437399" s="10"/>
    </row>
    <row r="437400" spans="14:14">
      <c r="N437400" s="10"/>
    </row>
    <row r="437401" spans="14:14">
      <c r="N437401" s="10"/>
    </row>
    <row r="437402" spans="14:14">
      <c r="N437402" s="10"/>
    </row>
    <row r="437403" spans="14:14">
      <c r="N437403" s="10"/>
    </row>
    <row r="437404" spans="14:14">
      <c r="N437404" s="10"/>
    </row>
    <row r="437405" spans="14:14">
      <c r="N437405" s="10"/>
    </row>
    <row r="437406" spans="14:14">
      <c r="N437406" s="10"/>
    </row>
    <row r="437407" spans="14:14">
      <c r="N437407" s="10"/>
    </row>
    <row r="437408" spans="14:14">
      <c r="N437408" s="10"/>
    </row>
    <row r="437409" spans="14:14">
      <c r="N437409" s="10"/>
    </row>
    <row r="437410" spans="14:14">
      <c r="N437410" s="10"/>
    </row>
    <row r="437411" spans="14:14">
      <c r="N437411" s="10"/>
    </row>
    <row r="437412" spans="14:14">
      <c r="N437412" s="10"/>
    </row>
    <row r="437413" spans="14:14">
      <c r="N437413" s="10"/>
    </row>
    <row r="437414" spans="14:14">
      <c r="N437414" s="10"/>
    </row>
    <row r="437415" spans="14:14">
      <c r="N437415" s="10"/>
    </row>
    <row r="437416" spans="14:14">
      <c r="N437416" s="10"/>
    </row>
    <row r="437417" spans="14:14">
      <c r="N437417" s="10"/>
    </row>
    <row r="437418" spans="14:14">
      <c r="N437418" s="10"/>
    </row>
    <row r="437419" spans="14:14">
      <c r="N437419" s="10"/>
    </row>
    <row r="437420" spans="14:14">
      <c r="N437420" s="10"/>
    </row>
    <row r="437421" spans="14:14">
      <c r="N437421" s="10"/>
    </row>
    <row r="437422" spans="14:14">
      <c r="N437422" s="10"/>
    </row>
    <row r="437423" spans="14:14">
      <c r="N437423" s="10"/>
    </row>
    <row r="437424" spans="14:14">
      <c r="N437424" s="10"/>
    </row>
    <row r="437425" spans="14:14">
      <c r="N437425" s="10"/>
    </row>
    <row r="437426" spans="14:14">
      <c r="N437426" s="10"/>
    </row>
    <row r="437427" spans="14:14">
      <c r="N437427" s="10"/>
    </row>
    <row r="437428" spans="14:14">
      <c r="N437428" s="10"/>
    </row>
    <row r="437429" spans="14:14">
      <c r="N437429" s="10"/>
    </row>
    <row r="437430" spans="14:14">
      <c r="N437430" s="10"/>
    </row>
    <row r="437431" spans="14:14">
      <c r="N437431" s="10"/>
    </row>
    <row r="437432" spans="14:14">
      <c r="N437432" s="10"/>
    </row>
    <row r="437433" spans="14:14">
      <c r="N437433" s="10"/>
    </row>
    <row r="437434" spans="14:14">
      <c r="N437434" s="10"/>
    </row>
    <row r="437435" spans="14:14">
      <c r="N437435" s="10"/>
    </row>
    <row r="437436" spans="14:14">
      <c r="N437436" s="10"/>
    </row>
    <row r="437437" spans="14:14">
      <c r="N437437" s="10"/>
    </row>
    <row r="437438" spans="14:14">
      <c r="N437438" s="10"/>
    </row>
    <row r="437439" spans="14:14">
      <c r="N437439" s="10"/>
    </row>
    <row r="437440" spans="14:14">
      <c r="N437440" s="10"/>
    </row>
    <row r="437441" spans="14:14">
      <c r="N437441" s="10"/>
    </row>
    <row r="437442" spans="14:14">
      <c r="N437442" s="10"/>
    </row>
    <row r="437443" spans="14:14">
      <c r="N437443" s="10"/>
    </row>
    <row r="437444" spans="14:14">
      <c r="N437444" s="10"/>
    </row>
    <row r="437445" spans="14:14">
      <c r="N437445" s="10"/>
    </row>
    <row r="437446" spans="14:14">
      <c r="N437446" s="10"/>
    </row>
    <row r="437447" spans="14:14">
      <c r="N437447" s="10"/>
    </row>
    <row r="437448" spans="14:14">
      <c r="N437448" s="10"/>
    </row>
    <row r="437449" spans="14:14">
      <c r="N437449" s="10"/>
    </row>
    <row r="437450" spans="14:14">
      <c r="N437450" s="10"/>
    </row>
    <row r="437451" spans="14:14">
      <c r="N437451" s="10"/>
    </row>
    <row r="437452" spans="14:14">
      <c r="N437452" s="10"/>
    </row>
    <row r="437453" spans="14:14">
      <c r="N437453" s="10"/>
    </row>
    <row r="437454" spans="14:14">
      <c r="N437454" s="10"/>
    </row>
    <row r="437455" spans="14:14">
      <c r="N437455" s="10"/>
    </row>
    <row r="437456" spans="14:14">
      <c r="N437456" s="10"/>
    </row>
    <row r="437457" spans="14:14">
      <c r="N437457" s="10"/>
    </row>
    <row r="437458" spans="14:14">
      <c r="N437458" s="10"/>
    </row>
    <row r="437459" spans="14:14">
      <c r="N437459" s="10"/>
    </row>
    <row r="437460" spans="14:14">
      <c r="N437460" s="10"/>
    </row>
    <row r="437461" spans="14:14">
      <c r="N437461" s="10"/>
    </row>
    <row r="437462" spans="14:14">
      <c r="N437462" s="10"/>
    </row>
    <row r="437463" spans="14:14">
      <c r="N437463" s="10"/>
    </row>
    <row r="437464" spans="14:14">
      <c r="N437464" s="10"/>
    </row>
    <row r="437465" spans="14:14">
      <c r="N437465" s="10"/>
    </row>
    <row r="437466" spans="14:14">
      <c r="N437466" s="10"/>
    </row>
    <row r="437467" spans="14:14">
      <c r="N437467" s="10"/>
    </row>
    <row r="437468" spans="14:14">
      <c r="N437468" s="10"/>
    </row>
    <row r="437469" spans="14:14">
      <c r="N437469" s="10"/>
    </row>
    <row r="437470" spans="14:14">
      <c r="N437470" s="10"/>
    </row>
    <row r="437471" spans="14:14">
      <c r="N437471" s="10"/>
    </row>
    <row r="437472" spans="14:14">
      <c r="N437472" s="10"/>
    </row>
    <row r="437473" spans="14:14">
      <c r="N437473" s="10"/>
    </row>
    <row r="437474" spans="14:14">
      <c r="N437474" s="10"/>
    </row>
    <row r="437475" spans="14:14">
      <c r="N437475" s="10"/>
    </row>
    <row r="437476" spans="14:14">
      <c r="N437476" s="10"/>
    </row>
    <row r="437477" spans="14:14">
      <c r="N437477" s="10"/>
    </row>
    <row r="437478" spans="14:14">
      <c r="N437478" s="10"/>
    </row>
    <row r="437479" spans="14:14">
      <c r="N437479" s="10"/>
    </row>
    <row r="437480" spans="14:14">
      <c r="N437480" s="10"/>
    </row>
    <row r="437481" spans="14:14">
      <c r="N437481" s="10"/>
    </row>
    <row r="437482" spans="14:14">
      <c r="N437482" s="10"/>
    </row>
    <row r="437483" spans="14:14">
      <c r="N437483" s="10"/>
    </row>
    <row r="437484" spans="14:14">
      <c r="N437484" s="10"/>
    </row>
    <row r="437485" spans="14:14">
      <c r="N437485" s="10"/>
    </row>
    <row r="437486" spans="14:14">
      <c r="N437486" s="10"/>
    </row>
    <row r="437487" spans="14:14">
      <c r="N437487" s="10"/>
    </row>
    <row r="437488" spans="14:14">
      <c r="N437488" s="10"/>
    </row>
    <row r="437489" spans="14:14">
      <c r="N437489" s="10"/>
    </row>
    <row r="437490" spans="14:14">
      <c r="N437490" s="10"/>
    </row>
    <row r="437491" spans="14:14">
      <c r="N437491" s="10"/>
    </row>
    <row r="437492" spans="14:14">
      <c r="N437492" s="10"/>
    </row>
    <row r="437493" spans="14:14">
      <c r="N437493" s="10"/>
    </row>
    <row r="437494" spans="14:14">
      <c r="N437494" s="10"/>
    </row>
    <row r="437495" spans="14:14">
      <c r="N437495" s="10"/>
    </row>
    <row r="437496" spans="14:14">
      <c r="N437496" s="10"/>
    </row>
    <row r="437497" spans="14:14">
      <c r="N437497" s="10"/>
    </row>
    <row r="437498" spans="14:14">
      <c r="N437498" s="10"/>
    </row>
    <row r="437499" spans="14:14">
      <c r="N437499" s="10"/>
    </row>
    <row r="437500" spans="14:14">
      <c r="N437500" s="10"/>
    </row>
    <row r="437501" spans="14:14">
      <c r="N437501" s="10"/>
    </row>
    <row r="437502" spans="14:14">
      <c r="N437502" s="10"/>
    </row>
    <row r="437503" spans="14:14">
      <c r="N437503" s="10"/>
    </row>
    <row r="437504" spans="14:14">
      <c r="N437504" s="10"/>
    </row>
    <row r="437505" spans="14:14">
      <c r="N437505" s="10"/>
    </row>
    <row r="437506" spans="14:14">
      <c r="N437506" s="10"/>
    </row>
    <row r="437507" spans="14:14">
      <c r="N437507" s="10"/>
    </row>
    <row r="437508" spans="14:14">
      <c r="N437508" s="10"/>
    </row>
    <row r="437509" spans="14:14">
      <c r="N437509" s="10"/>
    </row>
    <row r="437510" spans="14:14">
      <c r="N437510" s="10"/>
    </row>
    <row r="437511" spans="14:14">
      <c r="N437511" s="10"/>
    </row>
    <row r="437512" spans="14:14">
      <c r="N437512" s="10"/>
    </row>
    <row r="437513" spans="14:14">
      <c r="N437513" s="10"/>
    </row>
    <row r="437514" spans="14:14">
      <c r="N437514" s="10"/>
    </row>
    <row r="437515" spans="14:14">
      <c r="N437515" s="10"/>
    </row>
    <row r="437516" spans="14:14">
      <c r="N437516" s="10"/>
    </row>
    <row r="437517" spans="14:14">
      <c r="N437517" s="10"/>
    </row>
    <row r="437518" spans="14:14">
      <c r="N437518" s="10"/>
    </row>
    <row r="437519" spans="14:14">
      <c r="N437519" s="10"/>
    </row>
    <row r="437520" spans="14:14">
      <c r="N437520" s="10"/>
    </row>
    <row r="437521" spans="14:14">
      <c r="N437521" s="10"/>
    </row>
    <row r="437522" spans="14:14">
      <c r="N437522" s="10"/>
    </row>
    <row r="437523" spans="14:14">
      <c r="N437523" s="10"/>
    </row>
    <row r="437524" spans="14:14">
      <c r="N437524" s="10"/>
    </row>
    <row r="437525" spans="14:14">
      <c r="N437525" s="10"/>
    </row>
    <row r="437526" spans="14:14">
      <c r="N437526" s="10"/>
    </row>
    <row r="437527" spans="14:14">
      <c r="N437527" s="10"/>
    </row>
    <row r="437528" spans="14:14">
      <c r="N437528" s="10"/>
    </row>
    <row r="437529" spans="14:14">
      <c r="N437529" s="10"/>
    </row>
    <row r="437530" spans="14:14">
      <c r="N437530" s="10"/>
    </row>
    <row r="437531" spans="14:14">
      <c r="N437531" s="10"/>
    </row>
    <row r="437532" spans="14:14">
      <c r="N437532" s="10"/>
    </row>
    <row r="437533" spans="14:14">
      <c r="N437533" s="10"/>
    </row>
    <row r="437534" spans="14:14">
      <c r="N437534" s="10"/>
    </row>
    <row r="437535" spans="14:14">
      <c r="N437535" s="10"/>
    </row>
    <row r="437536" spans="14:14">
      <c r="N437536" s="10"/>
    </row>
    <row r="437537" spans="14:14">
      <c r="N437537" s="10"/>
    </row>
    <row r="437538" spans="14:14">
      <c r="N437538" s="10"/>
    </row>
    <row r="437539" spans="14:14">
      <c r="N437539" s="10"/>
    </row>
    <row r="437540" spans="14:14">
      <c r="N437540" s="10"/>
    </row>
    <row r="437541" spans="14:14">
      <c r="N437541" s="10"/>
    </row>
    <row r="437542" spans="14:14">
      <c r="N437542" s="10"/>
    </row>
    <row r="437543" spans="14:14">
      <c r="N437543" s="10"/>
    </row>
    <row r="437544" spans="14:14">
      <c r="N437544" s="10"/>
    </row>
    <row r="437545" spans="14:14">
      <c r="N437545" s="10"/>
    </row>
    <row r="437546" spans="14:14">
      <c r="N437546" s="10"/>
    </row>
    <row r="437547" spans="14:14">
      <c r="N437547" s="10"/>
    </row>
    <row r="437548" spans="14:14">
      <c r="N437548" s="10"/>
    </row>
    <row r="437549" spans="14:14">
      <c r="N437549" s="10"/>
    </row>
    <row r="437550" spans="14:14">
      <c r="N437550" s="10"/>
    </row>
    <row r="437551" spans="14:14">
      <c r="N437551" s="10"/>
    </row>
    <row r="437552" spans="14:14">
      <c r="N437552" s="10"/>
    </row>
    <row r="437553" spans="14:14">
      <c r="N437553" s="10"/>
    </row>
    <row r="437554" spans="14:14">
      <c r="N437554" s="10"/>
    </row>
    <row r="437555" spans="14:14">
      <c r="N437555" s="10"/>
    </row>
    <row r="437556" spans="14:14">
      <c r="N437556" s="10"/>
    </row>
    <row r="437557" spans="14:14">
      <c r="N437557" s="10"/>
    </row>
    <row r="437558" spans="14:14">
      <c r="N437558" s="10"/>
    </row>
    <row r="437559" spans="14:14">
      <c r="N437559" s="10"/>
    </row>
    <row r="437560" spans="14:14">
      <c r="N437560" s="10"/>
    </row>
    <row r="437561" spans="14:14">
      <c r="N437561" s="10"/>
    </row>
    <row r="437562" spans="14:14">
      <c r="N437562" s="10"/>
    </row>
    <row r="437563" spans="14:14">
      <c r="N437563" s="10"/>
    </row>
    <row r="437564" spans="14:14">
      <c r="N437564" s="10"/>
    </row>
    <row r="437565" spans="14:14">
      <c r="N437565" s="10"/>
    </row>
    <row r="437566" spans="14:14">
      <c r="N437566" s="10"/>
    </row>
    <row r="437567" spans="14:14">
      <c r="N437567" s="10"/>
    </row>
    <row r="437568" spans="14:14">
      <c r="N437568" s="10"/>
    </row>
    <row r="437569" spans="14:14">
      <c r="N437569" s="10"/>
    </row>
    <row r="437570" spans="14:14">
      <c r="N437570" s="10"/>
    </row>
    <row r="437571" spans="14:14">
      <c r="N437571" s="10"/>
    </row>
    <row r="437572" spans="14:14">
      <c r="N437572" s="10"/>
    </row>
    <row r="437573" spans="14:14">
      <c r="N437573" s="10"/>
    </row>
    <row r="437574" spans="14:14">
      <c r="N437574" s="10"/>
    </row>
    <row r="437575" spans="14:14">
      <c r="N437575" s="10"/>
    </row>
    <row r="437576" spans="14:14">
      <c r="N437576" s="10"/>
    </row>
    <row r="437577" spans="14:14">
      <c r="N437577" s="10"/>
    </row>
    <row r="437578" spans="14:14">
      <c r="N437578" s="10"/>
    </row>
    <row r="437579" spans="14:14">
      <c r="N437579" s="10"/>
    </row>
    <row r="437580" spans="14:14">
      <c r="N437580" s="10"/>
    </row>
    <row r="437581" spans="14:14">
      <c r="N437581" s="10"/>
    </row>
    <row r="437582" spans="14:14">
      <c r="N437582" s="10"/>
    </row>
    <row r="437583" spans="14:14">
      <c r="N437583" s="10"/>
    </row>
    <row r="437584" spans="14:14">
      <c r="N437584" s="10"/>
    </row>
    <row r="437585" spans="14:14">
      <c r="N437585" s="10"/>
    </row>
    <row r="437586" spans="14:14">
      <c r="N437586" s="10"/>
    </row>
    <row r="437587" spans="14:14">
      <c r="N437587" s="10"/>
    </row>
    <row r="437588" spans="14:14">
      <c r="N437588" s="10"/>
    </row>
    <row r="437589" spans="14:14">
      <c r="N437589" s="10"/>
    </row>
    <row r="437590" spans="14:14">
      <c r="N437590" s="10"/>
    </row>
    <row r="437591" spans="14:14">
      <c r="N437591" s="10"/>
    </row>
    <row r="437592" spans="14:14">
      <c r="N437592" s="10"/>
    </row>
    <row r="437593" spans="14:14">
      <c r="N437593" s="10"/>
    </row>
    <row r="437594" spans="14:14">
      <c r="N437594" s="10"/>
    </row>
    <row r="437595" spans="14:14">
      <c r="N437595" s="10"/>
    </row>
    <row r="437596" spans="14:14">
      <c r="N437596" s="10"/>
    </row>
    <row r="437597" spans="14:14">
      <c r="N437597" s="10"/>
    </row>
    <row r="437598" spans="14:14">
      <c r="N437598" s="10"/>
    </row>
    <row r="437599" spans="14:14">
      <c r="N437599" s="10"/>
    </row>
    <row r="437600" spans="14:14">
      <c r="N437600" s="10"/>
    </row>
    <row r="437601" spans="14:14">
      <c r="N437601" s="10"/>
    </row>
    <row r="437602" spans="14:14">
      <c r="N437602" s="10"/>
    </row>
    <row r="437603" spans="14:14">
      <c r="N437603" s="10"/>
    </row>
    <row r="437604" spans="14:14">
      <c r="N437604" s="10"/>
    </row>
    <row r="437605" spans="14:14">
      <c r="N437605" s="10"/>
    </row>
    <row r="437606" spans="14:14">
      <c r="N437606" s="10"/>
    </row>
    <row r="437607" spans="14:14">
      <c r="N437607" s="10"/>
    </row>
    <row r="437608" spans="14:14">
      <c r="N437608" s="10"/>
    </row>
    <row r="437609" spans="14:14">
      <c r="N437609" s="10"/>
    </row>
    <row r="437610" spans="14:14">
      <c r="N437610" s="10"/>
    </row>
    <row r="437611" spans="14:14">
      <c r="N437611" s="10"/>
    </row>
    <row r="437612" spans="14:14">
      <c r="N437612" s="10"/>
    </row>
    <row r="437613" spans="14:14">
      <c r="N437613" s="10"/>
    </row>
    <row r="437614" spans="14:14">
      <c r="N437614" s="10"/>
    </row>
    <row r="437615" spans="14:14">
      <c r="N437615" s="10"/>
    </row>
    <row r="437616" spans="14:14">
      <c r="N437616" s="10"/>
    </row>
    <row r="437617" spans="14:14">
      <c r="N437617" s="10"/>
    </row>
    <row r="437618" spans="14:14">
      <c r="N437618" s="10"/>
    </row>
    <row r="437619" spans="14:14">
      <c r="N437619" s="10"/>
    </row>
    <row r="437620" spans="14:14">
      <c r="N437620" s="10"/>
    </row>
    <row r="437621" spans="14:14">
      <c r="N437621" s="10"/>
    </row>
    <row r="437622" spans="14:14">
      <c r="N437622" s="10"/>
    </row>
    <row r="437623" spans="14:14">
      <c r="N437623" s="10"/>
    </row>
    <row r="437624" spans="14:14">
      <c r="N437624" s="10"/>
    </row>
    <row r="437625" spans="14:14">
      <c r="N437625" s="10"/>
    </row>
    <row r="437626" spans="14:14">
      <c r="N437626" s="10"/>
    </row>
    <row r="437627" spans="14:14">
      <c r="N437627" s="10"/>
    </row>
    <row r="437628" spans="14:14">
      <c r="N437628" s="10"/>
    </row>
    <row r="437629" spans="14:14">
      <c r="N437629" s="10"/>
    </row>
    <row r="437630" spans="14:14">
      <c r="N437630" s="10"/>
    </row>
    <row r="437631" spans="14:14">
      <c r="N437631" s="10"/>
    </row>
    <row r="437632" spans="14:14">
      <c r="N437632" s="10"/>
    </row>
    <row r="437633" spans="14:14">
      <c r="N437633" s="10"/>
    </row>
    <row r="437634" spans="14:14">
      <c r="N437634" s="10"/>
    </row>
    <row r="437635" spans="14:14">
      <c r="N437635" s="10"/>
    </row>
    <row r="437636" spans="14:14">
      <c r="N437636" s="10"/>
    </row>
    <row r="437637" spans="14:14">
      <c r="N437637" s="10"/>
    </row>
    <row r="437638" spans="14:14">
      <c r="N437638" s="10"/>
    </row>
    <row r="437639" spans="14:14">
      <c r="N437639" s="10"/>
    </row>
    <row r="437640" spans="14:14">
      <c r="N437640" s="10"/>
    </row>
    <row r="437641" spans="14:14">
      <c r="N437641" s="10"/>
    </row>
    <row r="437642" spans="14:14">
      <c r="N437642" s="10"/>
    </row>
    <row r="437643" spans="14:14">
      <c r="N437643" s="10"/>
    </row>
    <row r="437644" spans="14:14">
      <c r="N437644" s="10"/>
    </row>
    <row r="437645" spans="14:14">
      <c r="N437645" s="10"/>
    </row>
    <row r="437646" spans="14:14">
      <c r="N437646" s="10"/>
    </row>
    <row r="437647" spans="14:14">
      <c r="N437647" s="10"/>
    </row>
    <row r="437648" spans="14:14">
      <c r="N437648" s="10"/>
    </row>
    <row r="437649" spans="14:14">
      <c r="N437649" s="10"/>
    </row>
    <row r="437650" spans="14:14">
      <c r="N437650" s="10"/>
    </row>
    <row r="437651" spans="14:14">
      <c r="N437651" s="10"/>
    </row>
    <row r="437652" spans="14:14">
      <c r="N437652" s="10"/>
    </row>
    <row r="437653" spans="14:14">
      <c r="N437653" s="10"/>
    </row>
    <row r="437654" spans="14:14">
      <c r="N437654" s="10"/>
    </row>
    <row r="437655" spans="14:14">
      <c r="N437655" s="10"/>
    </row>
    <row r="437656" spans="14:14">
      <c r="N437656" s="10"/>
    </row>
    <row r="437657" spans="14:14">
      <c r="N437657" s="10"/>
    </row>
    <row r="437658" spans="14:14">
      <c r="N437658" s="10"/>
    </row>
    <row r="437659" spans="14:14">
      <c r="N437659" s="10"/>
    </row>
    <row r="437660" spans="14:14">
      <c r="N437660" s="10"/>
    </row>
    <row r="437661" spans="14:14">
      <c r="N437661" s="10"/>
    </row>
    <row r="437662" spans="14:14">
      <c r="N437662" s="10"/>
    </row>
    <row r="437663" spans="14:14">
      <c r="N437663" s="10"/>
    </row>
    <row r="437664" spans="14:14">
      <c r="N437664" s="10"/>
    </row>
    <row r="437665" spans="14:14">
      <c r="N437665" s="10"/>
    </row>
    <row r="437666" spans="14:14">
      <c r="N437666" s="10"/>
    </row>
    <row r="437667" spans="14:14">
      <c r="N437667" s="10"/>
    </row>
    <row r="437668" spans="14:14">
      <c r="N437668" s="10"/>
    </row>
    <row r="437669" spans="14:14">
      <c r="N437669" s="10"/>
    </row>
    <row r="437670" spans="14:14">
      <c r="N437670" s="10"/>
    </row>
    <row r="437671" spans="14:14">
      <c r="N437671" s="10"/>
    </row>
    <row r="437672" spans="14:14">
      <c r="N437672" s="10"/>
    </row>
    <row r="437673" spans="14:14">
      <c r="N437673" s="10"/>
    </row>
    <row r="437674" spans="14:14">
      <c r="N437674" s="10"/>
    </row>
    <row r="437675" spans="14:14">
      <c r="N437675" s="10"/>
    </row>
    <row r="437676" spans="14:14">
      <c r="N437676" s="10"/>
    </row>
    <row r="437677" spans="14:14">
      <c r="N437677" s="10"/>
    </row>
    <row r="437678" spans="14:14">
      <c r="N437678" s="10"/>
    </row>
    <row r="437679" spans="14:14">
      <c r="N437679" s="10"/>
    </row>
    <row r="437680" spans="14:14">
      <c r="N437680" s="10"/>
    </row>
    <row r="437681" spans="14:14">
      <c r="N437681" s="10"/>
    </row>
    <row r="437682" spans="14:14">
      <c r="N437682" s="10"/>
    </row>
    <row r="437683" spans="14:14">
      <c r="N437683" s="10"/>
    </row>
    <row r="437684" spans="14:14">
      <c r="N437684" s="10"/>
    </row>
    <row r="437685" spans="14:14">
      <c r="N437685" s="10"/>
    </row>
    <row r="437686" spans="14:14">
      <c r="N437686" s="10"/>
    </row>
    <row r="437687" spans="14:14">
      <c r="N437687" s="10"/>
    </row>
    <row r="437688" spans="14:14">
      <c r="N437688" s="10"/>
    </row>
    <row r="437689" spans="14:14">
      <c r="N437689" s="10"/>
    </row>
    <row r="437690" spans="14:14">
      <c r="N437690" s="10"/>
    </row>
    <row r="437691" spans="14:14">
      <c r="N437691" s="10"/>
    </row>
    <row r="437692" spans="14:14">
      <c r="N437692" s="10"/>
    </row>
    <row r="437693" spans="14:14">
      <c r="N437693" s="10"/>
    </row>
    <row r="437694" spans="14:14">
      <c r="N437694" s="10"/>
    </row>
    <row r="437695" spans="14:14">
      <c r="N437695" s="10"/>
    </row>
    <row r="437696" spans="14:14">
      <c r="N437696" s="10"/>
    </row>
    <row r="437697" spans="14:14">
      <c r="N437697" s="10"/>
    </row>
    <row r="437698" spans="14:14">
      <c r="N437698" s="10"/>
    </row>
    <row r="437699" spans="14:14">
      <c r="N437699" s="10"/>
    </row>
    <row r="437700" spans="14:14">
      <c r="N437700" s="10"/>
    </row>
    <row r="437701" spans="14:14">
      <c r="N437701" s="10"/>
    </row>
    <row r="437702" spans="14:14">
      <c r="N437702" s="10"/>
    </row>
    <row r="437703" spans="14:14">
      <c r="N437703" s="10"/>
    </row>
    <row r="437704" spans="14:14">
      <c r="N437704" s="10"/>
    </row>
    <row r="437705" spans="14:14">
      <c r="N437705" s="10"/>
    </row>
    <row r="437706" spans="14:14">
      <c r="N437706" s="10"/>
    </row>
    <row r="437707" spans="14:14">
      <c r="N437707" s="10"/>
    </row>
    <row r="437708" spans="14:14">
      <c r="N437708" s="10"/>
    </row>
    <row r="437709" spans="14:14">
      <c r="N437709" s="10"/>
    </row>
    <row r="437710" spans="14:14">
      <c r="N437710" s="10"/>
    </row>
    <row r="437711" spans="14:14">
      <c r="N437711" s="10"/>
    </row>
    <row r="437712" spans="14:14">
      <c r="N437712" s="10"/>
    </row>
    <row r="437713" spans="14:14">
      <c r="N437713" s="10"/>
    </row>
    <row r="437714" spans="14:14">
      <c r="N437714" s="10"/>
    </row>
    <row r="437715" spans="14:14">
      <c r="N437715" s="10"/>
    </row>
    <row r="437716" spans="14:14">
      <c r="N437716" s="10"/>
    </row>
    <row r="437717" spans="14:14">
      <c r="N437717" s="10"/>
    </row>
    <row r="437718" spans="14:14">
      <c r="N437718" s="10"/>
    </row>
    <row r="437719" spans="14:14">
      <c r="N437719" s="10"/>
    </row>
    <row r="437720" spans="14:14">
      <c r="N437720" s="10"/>
    </row>
    <row r="437721" spans="14:14">
      <c r="N437721" s="10"/>
    </row>
    <row r="437722" spans="14:14">
      <c r="N437722" s="10"/>
    </row>
    <row r="437723" spans="14:14">
      <c r="N437723" s="10"/>
    </row>
    <row r="437724" spans="14:14">
      <c r="N437724" s="10"/>
    </row>
    <row r="437725" spans="14:14">
      <c r="N437725" s="10"/>
    </row>
    <row r="437726" spans="14:14">
      <c r="N437726" s="10"/>
    </row>
    <row r="437727" spans="14:14">
      <c r="N437727" s="10"/>
    </row>
    <row r="437728" spans="14:14">
      <c r="N437728" s="10"/>
    </row>
    <row r="437729" spans="14:14">
      <c r="N437729" s="10"/>
    </row>
    <row r="437730" spans="14:14">
      <c r="N437730" s="10"/>
    </row>
    <row r="437731" spans="14:14">
      <c r="N437731" s="10"/>
    </row>
    <row r="437732" spans="14:14">
      <c r="N437732" s="10"/>
    </row>
    <row r="437733" spans="14:14">
      <c r="N437733" s="10"/>
    </row>
    <row r="437734" spans="14:14">
      <c r="N437734" s="10"/>
    </row>
    <row r="437735" spans="14:14">
      <c r="N437735" s="10"/>
    </row>
    <row r="437736" spans="14:14">
      <c r="N437736" s="10"/>
    </row>
    <row r="437737" spans="14:14">
      <c r="N437737" s="10"/>
    </row>
    <row r="437738" spans="14:14">
      <c r="N437738" s="10"/>
    </row>
    <row r="437739" spans="14:14">
      <c r="N437739" s="10"/>
    </row>
    <row r="437740" spans="14:14">
      <c r="N437740" s="10"/>
    </row>
    <row r="437741" spans="14:14">
      <c r="N437741" s="10"/>
    </row>
    <row r="437742" spans="14:14">
      <c r="N437742" s="10"/>
    </row>
    <row r="437743" spans="14:14">
      <c r="N437743" s="10"/>
    </row>
    <row r="437744" spans="14:14">
      <c r="N437744" s="10"/>
    </row>
    <row r="437745" spans="14:14">
      <c r="N437745" s="10"/>
    </row>
    <row r="437746" spans="14:14">
      <c r="N437746" s="10"/>
    </row>
    <row r="437747" spans="14:14">
      <c r="N437747" s="10"/>
    </row>
    <row r="437748" spans="14:14">
      <c r="N437748" s="10"/>
    </row>
    <row r="437749" spans="14:14">
      <c r="N437749" s="10"/>
    </row>
    <row r="437750" spans="14:14">
      <c r="N437750" s="10"/>
    </row>
    <row r="437751" spans="14:14">
      <c r="N437751" s="10"/>
    </row>
    <row r="437752" spans="14:14">
      <c r="N437752" s="10"/>
    </row>
    <row r="437753" spans="14:14">
      <c r="N437753" s="10"/>
    </row>
    <row r="437754" spans="14:14">
      <c r="N437754" s="10"/>
    </row>
    <row r="437755" spans="14:14">
      <c r="N437755" s="10"/>
    </row>
    <row r="437756" spans="14:14">
      <c r="N437756" s="10"/>
    </row>
    <row r="437757" spans="14:14">
      <c r="N437757" s="10"/>
    </row>
    <row r="437758" spans="14:14">
      <c r="N437758" s="10"/>
    </row>
    <row r="437759" spans="14:14">
      <c r="N437759" s="10"/>
    </row>
    <row r="437760" spans="14:14">
      <c r="N437760" s="10"/>
    </row>
    <row r="437761" spans="14:14">
      <c r="N437761" s="10"/>
    </row>
    <row r="437762" spans="14:14">
      <c r="N437762" s="10"/>
    </row>
    <row r="437763" spans="14:14">
      <c r="N437763" s="10"/>
    </row>
    <row r="437764" spans="14:14">
      <c r="N437764" s="10"/>
    </row>
    <row r="437765" spans="14:14">
      <c r="N437765" s="10"/>
    </row>
    <row r="437766" spans="14:14">
      <c r="N437766" s="10"/>
    </row>
    <row r="437767" spans="14:14">
      <c r="N437767" s="10"/>
    </row>
    <row r="437768" spans="14:14">
      <c r="N437768" s="10"/>
    </row>
    <row r="437769" spans="14:14">
      <c r="N437769" s="10"/>
    </row>
    <row r="437770" spans="14:14">
      <c r="N437770" s="10"/>
    </row>
    <row r="437771" spans="14:14">
      <c r="N437771" s="10"/>
    </row>
    <row r="437772" spans="14:14">
      <c r="N437772" s="10"/>
    </row>
    <row r="437773" spans="14:14">
      <c r="N437773" s="10"/>
    </row>
    <row r="437774" spans="14:14">
      <c r="N437774" s="10"/>
    </row>
    <row r="437775" spans="14:14">
      <c r="N437775" s="10"/>
    </row>
    <row r="437776" spans="14:14">
      <c r="N437776" s="10"/>
    </row>
    <row r="437777" spans="14:14">
      <c r="N437777" s="10"/>
    </row>
    <row r="437778" spans="14:14">
      <c r="N437778" s="10"/>
    </row>
    <row r="437779" spans="14:14">
      <c r="N437779" s="10"/>
    </row>
    <row r="437780" spans="14:14">
      <c r="N437780" s="10"/>
    </row>
    <row r="437781" spans="14:14">
      <c r="N437781" s="10"/>
    </row>
    <row r="437782" spans="14:14">
      <c r="N437782" s="10"/>
    </row>
    <row r="437783" spans="14:14">
      <c r="N437783" s="10"/>
    </row>
    <row r="437784" spans="14:14">
      <c r="N437784" s="10"/>
    </row>
    <row r="437785" spans="14:14">
      <c r="N437785" s="10"/>
    </row>
    <row r="437786" spans="14:14">
      <c r="N437786" s="10"/>
    </row>
    <row r="437787" spans="14:14">
      <c r="N437787" s="10"/>
    </row>
    <row r="437788" spans="14:14">
      <c r="N437788" s="10"/>
    </row>
    <row r="437789" spans="14:14">
      <c r="N437789" s="10"/>
    </row>
    <row r="437790" spans="14:14">
      <c r="N437790" s="10"/>
    </row>
    <row r="437791" spans="14:14">
      <c r="N437791" s="10"/>
    </row>
    <row r="437792" spans="14:14">
      <c r="N437792" s="10"/>
    </row>
    <row r="437793" spans="14:14">
      <c r="N437793" s="10"/>
    </row>
    <row r="437794" spans="14:14">
      <c r="N437794" s="10"/>
    </row>
    <row r="437795" spans="14:14">
      <c r="N437795" s="10"/>
    </row>
    <row r="437796" spans="14:14">
      <c r="N437796" s="10"/>
    </row>
    <row r="437797" spans="14:14">
      <c r="N437797" s="10"/>
    </row>
    <row r="437798" spans="14:14">
      <c r="N437798" s="10"/>
    </row>
    <row r="437799" spans="14:14">
      <c r="N437799" s="10"/>
    </row>
    <row r="437800" spans="14:14">
      <c r="N437800" s="10"/>
    </row>
    <row r="437801" spans="14:14">
      <c r="N437801" s="10"/>
    </row>
    <row r="437802" spans="14:14">
      <c r="N437802" s="10"/>
    </row>
    <row r="437803" spans="14:14">
      <c r="N437803" s="10"/>
    </row>
    <row r="437804" spans="14:14">
      <c r="N437804" s="10"/>
    </row>
    <row r="437805" spans="14:14">
      <c r="N437805" s="10"/>
    </row>
    <row r="437806" spans="14:14">
      <c r="N437806" s="10"/>
    </row>
    <row r="437807" spans="14:14">
      <c r="N437807" s="10"/>
    </row>
    <row r="437808" spans="14:14">
      <c r="N437808" s="10"/>
    </row>
    <row r="437809" spans="14:14">
      <c r="N437809" s="10"/>
    </row>
    <row r="437810" spans="14:14">
      <c r="N437810" s="10"/>
    </row>
    <row r="437811" spans="14:14">
      <c r="N437811" s="10"/>
    </row>
    <row r="437812" spans="14:14">
      <c r="N437812" s="10"/>
    </row>
    <row r="437813" spans="14:14">
      <c r="N437813" s="10"/>
    </row>
    <row r="437814" spans="14:14">
      <c r="N437814" s="10"/>
    </row>
    <row r="437815" spans="14:14">
      <c r="N437815" s="10"/>
    </row>
    <row r="437816" spans="14:14">
      <c r="N437816" s="10"/>
    </row>
    <row r="437817" spans="14:14">
      <c r="N437817" s="10"/>
    </row>
    <row r="437818" spans="14:14">
      <c r="N437818" s="10"/>
    </row>
    <row r="437819" spans="14:14">
      <c r="N437819" s="10"/>
    </row>
    <row r="437820" spans="14:14">
      <c r="N437820" s="10"/>
    </row>
    <row r="437821" spans="14:14">
      <c r="N437821" s="10"/>
    </row>
    <row r="437822" spans="14:14">
      <c r="N437822" s="10"/>
    </row>
    <row r="437823" spans="14:14">
      <c r="N437823" s="10"/>
    </row>
    <row r="437824" spans="14:14">
      <c r="N437824" s="10"/>
    </row>
    <row r="437825" spans="14:14">
      <c r="N437825" s="10"/>
    </row>
    <row r="437826" spans="14:14">
      <c r="N437826" s="10"/>
    </row>
    <row r="437827" spans="14:14">
      <c r="N437827" s="10"/>
    </row>
    <row r="437828" spans="14:14">
      <c r="N437828" s="10"/>
    </row>
    <row r="437829" spans="14:14">
      <c r="N437829" s="10"/>
    </row>
    <row r="437830" spans="14:14">
      <c r="N437830" s="10"/>
    </row>
    <row r="437831" spans="14:14">
      <c r="N437831" s="10"/>
    </row>
    <row r="437832" spans="14:14">
      <c r="N437832" s="10"/>
    </row>
    <row r="437833" spans="14:14">
      <c r="N437833" s="10"/>
    </row>
    <row r="437834" spans="14:14">
      <c r="N437834" s="10"/>
    </row>
    <row r="437835" spans="14:14">
      <c r="N437835" s="10"/>
    </row>
    <row r="437836" spans="14:14">
      <c r="N437836" s="10"/>
    </row>
    <row r="437837" spans="14:14">
      <c r="N437837" s="10"/>
    </row>
    <row r="437838" spans="14:14">
      <c r="N437838" s="10"/>
    </row>
    <row r="437839" spans="14:14">
      <c r="N437839" s="10"/>
    </row>
    <row r="437840" spans="14:14">
      <c r="N437840" s="10"/>
    </row>
    <row r="437841" spans="14:14">
      <c r="N437841" s="10"/>
    </row>
    <row r="437842" spans="14:14">
      <c r="N437842" s="10"/>
    </row>
    <row r="437843" spans="14:14">
      <c r="N437843" s="10"/>
    </row>
    <row r="437844" spans="14:14">
      <c r="N437844" s="10"/>
    </row>
    <row r="437845" spans="14:14">
      <c r="N437845" s="10"/>
    </row>
    <row r="437846" spans="14:14">
      <c r="N437846" s="10"/>
    </row>
    <row r="437847" spans="14:14">
      <c r="N437847" s="10"/>
    </row>
    <row r="437848" spans="14:14">
      <c r="N437848" s="10"/>
    </row>
    <row r="437849" spans="14:14">
      <c r="N437849" s="10"/>
    </row>
    <row r="437850" spans="14:14">
      <c r="N437850" s="10"/>
    </row>
    <row r="437851" spans="14:14">
      <c r="N437851" s="10"/>
    </row>
    <row r="437852" spans="14:14">
      <c r="N437852" s="10"/>
    </row>
    <row r="437853" spans="14:14">
      <c r="N437853" s="10"/>
    </row>
    <row r="437854" spans="14:14">
      <c r="N437854" s="10"/>
    </row>
    <row r="437855" spans="14:14">
      <c r="N437855" s="10"/>
    </row>
    <row r="437856" spans="14:14">
      <c r="N437856" s="10"/>
    </row>
    <row r="437857" spans="14:14">
      <c r="N437857" s="10"/>
    </row>
    <row r="437858" spans="14:14">
      <c r="N437858" s="10"/>
    </row>
    <row r="437859" spans="14:14">
      <c r="N437859" s="10"/>
    </row>
    <row r="437860" spans="14:14">
      <c r="N437860" s="10"/>
    </row>
    <row r="437861" spans="14:14">
      <c r="N437861" s="10"/>
    </row>
    <row r="437862" spans="14:14">
      <c r="N437862" s="10"/>
    </row>
    <row r="437863" spans="14:14">
      <c r="N437863" s="10"/>
    </row>
    <row r="437864" spans="14:14">
      <c r="N437864" s="10"/>
    </row>
    <row r="437865" spans="14:14">
      <c r="N437865" s="10"/>
    </row>
    <row r="437866" spans="14:14">
      <c r="N437866" s="10"/>
    </row>
    <row r="437867" spans="14:14">
      <c r="N437867" s="10"/>
    </row>
    <row r="437868" spans="14:14">
      <c r="N437868" s="10"/>
    </row>
    <row r="437869" spans="14:14">
      <c r="N437869" s="10"/>
    </row>
    <row r="437870" spans="14:14">
      <c r="N437870" s="10"/>
    </row>
    <row r="437871" spans="14:14">
      <c r="N437871" s="10"/>
    </row>
    <row r="437872" spans="14:14">
      <c r="N437872" s="10"/>
    </row>
    <row r="437873" spans="14:14">
      <c r="N437873" s="10"/>
    </row>
    <row r="437874" spans="14:14">
      <c r="N437874" s="10"/>
    </row>
    <row r="437875" spans="14:14">
      <c r="N437875" s="10"/>
    </row>
    <row r="437876" spans="14:14">
      <c r="N437876" s="10"/>
    </row>
    <row r="437877" spans="14:14">
      <c r="N437877" s="10"/>
    </row>
    <row r="437878" spans="14:14">
      <c r="N437878" s="10"/>
    </row>
    <row r="437879" spans="14:14">
      <c r="N437879" s="10"/>
    </row>
    <row r="437880" spans="14:14">
      <c r="N437880" s="10"/>
    </row>
    <row r="437881" spans="14:14">
      <c r="N437881" s="10"/>
    </row>
    <row r="437882" spans="14:14">
      <c r="N437882" s="10"/>
    </row>
    <row r="437883" spans="14:14">
      <c r="N437883" s="10"/>
    </row>
    <row r="437884" spans="14:14">
      <c r="N437884" s="10"/>
    </row>
    <row r="437885" spans="14:14">
      <c r="N437885" s="10"/>
    </row>
    <row r="437886" spans="14:14">
      <c r="N437886" s="10"/>
    </row>
    <row r="437887" spans="14:14">
      <c r="N437887" s="10"/>
    </row>
    <row r="437888" spans="14:14">
      <c r="N437888" s="10"/>
    </row>
    <row r="437889" spans="14:14">
      <c r="N437889" s="10"/>
    </row>
    <row r="437890" spans="14:14">
      <c r="N437890" s="10"/>
    </row>
    <row r="437891" spans="14:14">
      <c r="N437891" s="10"/>
    </row>
    <row r="437892" spans="14:14">
      <c r="N437892" s="10"/>
    </row>
    <row r="437893" spans="14:14">
      <c r="N437893" s="10"/>
    </row>
    <row r="437894" spans="14:14">
      <c r="N437894" s="10"/>
    </row>
    <row r="437895" spans="14:14">
      <c r="N437895" s="10"/>
    </row>
    <row r="437896" spans="14:14">
      <c r="N437896" s="10"/>
    </row>
    <row r="437897" spans="14:14">
      <c r="N437897" s="10"/>
    </row>
    <row r="437898" spans="14:14">
      <c r="N437898" s="10"/>
    </row>
    <row r="437899" spans="14:14">
      <c r="N437899" s="10"/>
    </row>
    <row r="437900" spans="14:14">
      <c r="N437900" s="10"/>
    </row>
    <row r="437901" spans="14:14">
      <c r="N437901" s="10"/>
    </row>
    <row r="437902" spans="14:14">
      <c r="N437902" s="10"/>
    </row>
    <row r="437903" spans="14:14">
      <c r="N437903" s="10"/>
    </row>
    <row r="437904" spans="14:14">
      <c r="N437904" s="10"/>
    </row>
    <row r="437905" spans="14:14">
      <c r="N437905" s="10"/>
    </row>
    <row r="437906" spans="14:14">
      <c r="N437906" s="10"/>
    </row>
    <row r="437907" spans="14:14">
      <c r="N437907" s="10"/>
    </row>
    <row r="437908" spans="14:14">
      <c r="N437908" s="10"/>
    </row>
    <row r="437909" spans="14:14">
      <c r="N437909" s="10"/>
    </row>
    <row r="437910" spans="14:14">
      <c r="N437910" s="10"/>
    </row>
    <row r="437911" spans="14:14">
      <c r="N437911" s="10"/>
    </row>
    <row r="437912" spans="14:14">
      <c r="N437912" s="10"/>
    </row>
    <row r="437913" spans="14:14">
      <c r="N437913" s="10"/>
    </row>
    <row r="437914" spans="14:14">
      <c r="N437914" s="10"/>
    </row>
    <row r="437915" spans="14:14">
      <c r="N437915" s="10"/>
    </row>
    <row r="437916" spans="14:14">
      <c r="N437916" s="10"/>
    </row>
    <row r="437917" spans="14:14">
      <c r="N437917" s="10"/>
    </row>
    <row r="437918" spans="14:14">
      <c r="N437918" s="10"/>
    </row>
    <row r="437919" spans="14:14">
      <c r="N437919" s="10"/>
    </row>
    <row r="437920" spans="14:14">
      <c r="N437920" s="10"/>
    </row>
    <row r="437921" spans="14:14">
      <c r="N437921" s="10"/>
    </row>
    <row r="437922" spans="14:14">
      <c r="N437922" s="10"/>
    </row>
    <row r="437923" spans="14:14">
      <c r="N437923" s="10"/>
    </row>
    <row r="437924" spans="14:14">
      <c r="N437924" s="10"/>
    </row>
    <row r="437925" spans="14:14">
      <c r="N437925" s="10"/>
    </row>
    <row r="437926" spans="14:14">
      <c r="N437926" s="10"/>
    </row>
    <row r="437927" spans="14:14">
      <c r="N437927" s="10"/>
    </row>
    <row r="437928" spans="14:14">
      <c r="N437928" s="10"/>
    </row>
    <row r="437929" spans="14:14">
      <c r="N437929" s="10"/>
    </row>
    <row r="437930" spans="14:14">
      <c r="N437930" s="10"/>
    </row>
    <row r="437931" spans="14:14">
      <c r="N437931" s="10"/>
    </row>
    <row r="437932" spans="14:14">
      <c r="N437932" s="10"/>
    </row>
    <row r="437933" spans="14:14">
      <c r="N437933" s="10"/>
    </row>
    <row r="437934" spans="14:14">
      <c r="N437934" s="10"/>
    </row>
    <row r="437935" spans="14:14">
      <c r="N437935" s="10"/>
    </row>
    <row r="437936" spans="14:14">
      <c r="N437936" s="10"/>
    </row>
    <row r="437937" spans="14:14">
      <c r="N437937" s="10"/>
    </row>
    <row r="437938" spans="14:14">
      <c r="N437938" s="10"/>
    </row>
    <row r="437939" spans="14:14">
      <c r="N437939" s="10"/>
    </row>
    <row r="437940" spans="14:14">
      <c r="N437940" s="10"/>
    </row>
    <row r="437941" spans="14:14">
      <c r="N437941" s="10"/>
    </row>
    <row r="437942" spans="14:14">
      <c r="N437942" s="10"/>
    </row>
    <row r="437943" spans="14:14">
      <c r="N437943" s="10"/>
    </row>
    <row r="437944" spans="14:14">
      <c r="N437944" s="10"/>
    </row>
    <row r="437945" spans="14:14">
      <c r="N437945" s="10"/>
    </row>
    <row r="437946" spans="14:14">
      <c r="N437946" s="10"/>
    </row>
    <row r="437947" spans="14:14">
      <c r="N437947" s="10"/>
    </row>
    <row r="437948" spans="14:14">
      <c r="N437948" s="10"/>
    </row>
    <row r="437949" spans="14:14">
      <c r="N437949" s="10"/>
    </row>
    <row r="437950" spans="14:14">
      <c r="N437950" s="10"/>
    </row>
    <row r="437951" spans="14:14">
      <c r="N437951" s="10"/>
    </row>
    <row r="437952" spans="14:14">
      <c r="N437952" s="10"/>
    </row>
    <row r="437953" spans="14:14">
      <c r="N437953" s="10"/>
    </row>
    <row r="437954" spans="14:14">
      <c r="N437954" s="10"/>
    </row>
    <row r="437955" spans="14:14">
      <c r="N437955" s="10"/>
    </row>
    <row r="437956" spans="14:14">
      <c r="N437956" s="10"/>
    </row>
    <row r="437957" spans="14:14">
      <c r="N437957" s="10"/>
    </row>
    <row r="437958" spans="14:14">
      <c r="N437958" s="10"/>
    </row>
    <row r="437959" spans="14:14">
      <c r="N437959" s="10"/>
    </row>
    <row r="437960" spans="14:14">
      <c r="N437960" s="10"/>
    </row>
    <row r="437961" spans="14:14">
      <c r="N437961" s="10"/>
    </row>
    <row r="437962" spans="14:14">
      <c r="N437962" s="10"/>
    </row>
    <row r="437963" spans="14:14">
      <c r="N437963" s="10"/>
    </row>
    <row r="437964" spans="14:14">
      <c r="N437964" s="10"/>
    </row>
    <row r="437965" spans="14:14">
      <c r="N437965" s="10"/>
    </row>
    <row r="437966" spans="14:14">
      <c r="N437966" s="10"/>
    </row>
    <row r="437967" spans="14:14">
      <c r="N437967" s="10"/>
    </row>
    <row r="437968" spans="14:14">
      <c r="N437968" s="10"/>
    </row>
    <row r="437969" spans="14:14">
      <c r="N437969" s="10"/>
    </row>
    <row r="437970" spans="14:14">
      <c r="N437970" s="10"/>
    </row>
    <row r="437971" spans="14:14">
      <c r="N437971" s="10"/>
    </row>
    <row r="437972" spans="14:14">
      <c r="N437972" s="10"/>
    </row>
    <row r="437973" spans="14:14">
      <c r="N437973" s="10"/>
    </row>
    <row r="437974" spans="14:14">
      <c r="N437974" s="10"/>
    </row>
    <row r="437975" spans="14:14">
      <c r="N437975" s="10"/>
    </row>
    <row r="437976" spans="14:14">
      <c r="N437976" s="10"/>
    </row>
    <row r="437977" spans="14:14">
      <c r="N437977" s="10"/>
    </row>
    <row r="437978" spans="14:14">
      <c r="N437978" s="10"/>
    </row>
    <row r="437979" spans="14:14">
      <c r="N437979" s="10"/>
    </row>
    <row r="437980" spans="14:14">
      <c r="N437980" s="10"/>
    </row>
    <row r="437981" spans="14:14">
      <c r="N437981" s="10"/>
    </row>
    <row r="437982" spans="14:14">
      <c r="N437982" s="10"/>
    </row>
    <row r="437983" spans="14:14">
      <c r="N437983" s="10"/>
    </row>
    <row r="437984" spans="14:14">
      <c r="N437984" s="10"/>
    </row>
    <row r="437985" spans="14:14">
      <c r="N437985" s="10"/>
    </row>
    <row r="437986" spans="14:14">
      <c r="N437986" s="10"/>
    </row>
    <row r="437987" spans="14:14">
      <c r="N437987" s="10"/>
    </row>
    <row r="437988" spans="14:14">
      <c r="N437988" s="10"/>
    </row>
    <row r="437989" spans="14:14">
      <c r="N437989" s="10"/>
    </row>
    <row r="437990" spans="14:14">
      <c r="N437990" s="10"/>
    </row>
    <row r="437991" spans="14:14">
      <c r="N437991" s="10"/>
    </row>
    <row r="437992" spans="14:14">
      <c r="N437992" s="10"/>
    </row>
    <row r="437993" spans="14:14">
      <c r="N437993" s="10"/>
    </row>
    <row r="437994" spans="14:14">
      <c r="N437994" s="10"/>
    </row>
    <row r="437995" spans="14:14">
      <c r="N437995" s="10"/>
    </row>
    <row r="437996" spans="14:14">
      <c r="N437996" s="10"/>
    </row>
    <row r="437997" spans="14:14">
      <c r="N437997" s="10"/>
    </row>
    <row r="437998" spans="14:14">
      <c r="N437998" s="10"/>
    </row>
    <row r="437999" spans="14:14">
      <c r="N437999" s="10"/>
    </row>
    <row r="438000" spans="14:14">
      <c r="N438000" s="10"/>
    </row>
    <row r="438001" spans="14:14">
      <c r="N438001" s="10"/>
    </row>
    <row r="438002" spans="14:14">
      <c r="N438002" s="10"/>
    </row>
    <row r="438003" spans="14:14">
      <c r="N438003" s="10"/>
    </row>
    <row r="438004" spans="14:14">
      <c r="N438004" s="10"/>
    </row>
    <row r="438005" spans="14:14">
      <c r="N438005" s="10"/>
    </row>
    <row r="438006" spans="14:14">
      <c r="N438006" s="10"/>
    </row>
    <row r="438007" spans="14:14">
      <c r="N438007" s="10"/>
    </row>
    <row r="438008" spans="14:14">
      <c r="N438008" s="10"/>
    </row>
    <row r="438009" spans="14:14">
      <c r="N438009" s="10"/>
    </row>
    <row r="438010" spans="14:14">
      <c r="N438010" s="10"/>
    </row>
    <row r="438011" spans="14:14">
      <c r="N438011" s="10"/>
    </row>
    <row r="438012" spans="14:14">
      <c r="N438012" s="10"/>
    </row>
    <row r="438013" spans="14:14">
      <c r="N438013" s="10"/>
    </row>
    <row r="438014" spans="14:14">
      <c r="N438014" s="10"/>
    </row>
    <row r="438015" spans="14:14">
      <c r="N438015" s="10"/>
    </row>
    <row r="438016" spans="14:14">
      <c r="N438016" s="10"/>
    </row>
    <row r="438017" spans="14:14">
      <c r="N438017" s="10"/>
    </row>
    <row r="438018" spans="14:14">
      <c r="N438018" s="10"/>
    </row>
    <row r="438019" spans="14:14">
      <c r="N438019" s="10"/>
    </row>
    <row r="438020" spans="14:14">
      <c r="N438020" s="10"/>
    </row>
    <row r="438021" spans="14:14">
      <c r="N438021" s="10"/>
    </row>
    <row r="438022" spans="14:14">
      <c r="N438022" s="10"/>
    </row>
    <row r="438023" spans="14:14">
      <c r="N438023" s="10"/>
    </row>
    <row r="438024" spans="14:14">
      <c r="N438024" s="10"/>
    </row>
    <row r="438025" spans="14:14">
      <c r="N438025" s="10"/>
    </row>
    <row r="438026" spans="14:14">
      <c r="N438026" s="10"/>
    </row>
    <row r="438027" spans="14:14">
      <c r="N438027" s="10"/>
    </row>
    <row r="438028" spans="14:14">
      <c r="N438028" s="10"/>
    </row>
    <row r="438029" spans="14:14">
      <c r="N438029" s="10"/>
    </row>
    <row r="438030" spans="14:14">
      <c r="N438030" s="10"/>
    </row>
    <row r="438031" spans="14:14">
      <c r="N438031" s="10"/>
    </row>
    <row r="438032" spans="14:14">
      <c r="N438032" s="10"/>
    </row>
    <row r="438033" spans="14:14">
      <c r="N438033" s="10"/>
    </row>
    <row r="438034" spans="14:14">
      <c r="N438034" s="10"/>
    </row>
    <row r="438035" spans="14:14">
      <c r="N438035" s="10"/>
    </row>
    <row r="438036" spans="14:14">
      <c r="N438036" s="10"/>
    </row>
    <row r="438037" spans="14:14">
      <c r="N438037" s="10"/>
    </row>
    <row r="438038" spans="14:14">
      <c r="N438038" s="10"/>
    </row>
    <row r="438039" spans="14:14">
      <c r="N438039" s="10"/>
    </row>
    <row r="438040" spans="14:14">
      <c r="N438040" s="10"/>
    </row>
    <row r="438041" spans="14:14">
      <c r="N438041" s="10"/>
    </row>
    <row r="438042" spans="14:14">
      <c r="N438042" s="10"/>
    </row>
    <row r="438043" spans="14:14">
      <c r="N438043" s="10"/>
    </row>
    <row r="438044" spans="14:14">
      <c r="N438044" s="10"/>
    </row>
    <row r="438045" spans="14:14">
      <c r="N438045" s="10"/>
    </row>
    <row r="438046" spans="14:14">
      <c r="N438046" s="10"/>
    </row>
    <row r="438047" spans="14:14">
      <c r="N438047" s="10"/>
    </row>
    <row r="438048" spans="14:14">
      <c r="N438048" s="10"/>
    </row>
    <row r="438049" spans="14:14">
      <c r="N438049" s="10"/>
    </row>
    <row r="438050" spans="14:14">
      <c r="N438050" s="10"/>
    </row>
    <row r="438051" spans="14:14">
      <c r="N438051" s="10"/>
    </row>
    <row r="438052" spans="14:14">
      <c r="N438052" s="10"/>
    </row>
    <row r="438053" spans="14:14">
      <c r="N438053" s="10"/>
    </row>
    <row r="438054" spans="14:14">
      <c r="N438054" s="10"/>
    </row>
    <row r="438055" spans="14:14">
      <c r="N438055" s="10"/>
    </row>
    <row r="438056" spans="14:14">
      <c r="N438056" s="10"/>
    </row>
    <row r="438057" spans="14:14">
      <c r="N438057" s="10"/>
    </row>
    <row r="438058" spans="14:14">
      <c r="N438058" s="10"/>
    </row>
    <row r="438059" spans="14:14">
      <c r="N438059" s="10"/>
    </row>
    <row r="438060" spans="14:14">
      <c r="N438060" s="10"/>
    </row>
    <row r="438061" spans="14:14">
      <c r="N438061" s="10"/>
    </row>
    <row r="438062" spans="14:14">
      <c r="N438062" s="10"/>
    </row>
    <row r="438063" spans="14:14">
      <c r="N438063" s="10"/>
    </row>
    <row r="438064" spans="14:14">
      <c r="N438064" s="10"/>
    </row>
    <row r="438065" spans="14:14">
      <c r="N438065" s="10"/>
    </row>
    <row r="438066" spans="14:14">
      <c r="N438066" s="10"/>
    </row>
    <row r="438067" spans="14:14">
      <c r="N438067" s="10"/>
    </row>
    <row r="438068" spans="14:14">
      <c r="N438068" s="10"/>
    </row>
    <row r="438069" spans="14:14">
      <c r="N438069" s="10"/>
    </row>
    <row r="438070" spans="14:14">
      <c r="N438070" s="10"/>
    </row>
    <row r="438071" spans="14:14">
      <c r="N438071" s="10"/>
    </row>
    <row r="438072" spans="14:14">
      <c r="N438072" s="10"/>
    </row>
    <row r="438073" spans="14:14">
      <c r="N438073" s="10"/>
    </row>
    <row r="438074" spans="14:14">
      <c r="N438074" s="10"/>
    </row>
    <row r="438075" spans="14:14">
      <c r="N438075" s="10"/>
    </row>
    <row r="438076" spans="14:14">
      <c r="N438076" s="10"/>
    </row>
    <row r="438077" spans="14:14">
      <c r="N438077" s="10"/>
    </row>
    <row r="438078" spans="14:14">
      <c r="N438078" s="10"/>
    </row>
    <row r="438079" spans="14:14">
      <c r="N438079" s="10"/>
    </row>
    <row r="438080" spans="14:14">
      <c r="N438080" s="10"/>
    </row>
    <row r="438081" spans="14:14">
      <c r="N438081" s="10"/>
    </row>
    <row r="438082" spans="14:14">
      <c r="N438082" s="10"/>
    </row>
    <row r="438083" spans="14:14">
      <c r="N438083" s="10"/>
    </row>
    <row r="438084" spans="14:14">
      <c r="N438084" s="10"/>
    </row>
    <row r="438085" spans="14:14">
      <c r="N438085" s="10"/>
    </row>
    <row r="438086" spans="14:14">
      <c r="N438086" s="10"/>
    </row>
    <row r="438087" spans="14:14">
      <c r="N438087" s="10"/>
    </row>
    <row r="438088" spans="14:14">
      <c r="N438088" s="10"/>
    </row>
    <row r="438089" spans="14:14">
      <c r="N438089" s="10"/>
    </row>
    <row r="438090" spans="14:14">
      <c r="N438090" s="10"/>
    </row>
    <row r="438091" spans="14:14">
      <c r="N438091" s="10"/>
    </row>
    <row r="438092" spans="14:14">
      <c r="N438092" s="10"/>
    </row>
    <row r="438093" spans="14:14">
      <c r="N438093" s="10"/>
    </row>
    <row r="438094" spans="14:14">
      <c r="N438094" s="10"/>
    </row>
    <row r="438095" spans="14:14">
      <c r="N438095" s="10"/>
    </row>
    <row r="438096" spans="14:14">
      <c r="N438096" s="10"/>
    </row>
    <row r="438097" spans="14:14">
      <c r="N438097" s="10"/>
    </row>
    <row r="438098" spans="14:14">
      <c r="N438098" s="10"/>
    </row>
    <row r="438099" spans="14:14">
      <c r="N438099" s="10"/>
    </row>
    <row r="438100" spans="14:14">
      <c r="N438100" s="10"/>
    </row>
    <row r="438101" spans="14:14">
      <c r="N438101" s="10"/>
    </row>
    <row r="438102" spans="14:14">
      <c r="N438102" s="10"/>
    </row>
    <row r="438103" spans="14:14">
      <c r="N438103" s="10"/>
    </row>
    <row r="438104" spans="14:14">
      <c r="N438104" s="10"/>
    </row>
    <row r="438105" spans="14:14">
      <c r="N438105" s="10"/>
    </row>
    <row r="438106" spans="14:14">
      <c r="N438106" s="10"/>
    </row>
    <row r="438107" spans="14:14">
      <c r="N438107" s="10"/>
    </row>
    <row r="438108" spans="14:14">
      <c r="N438108" s="10"/>
    </row>
    <row r="438109" spans="14:14">
      <c r="N438109" s="10"/>
    </row>
    <row r="438110" spans="14:14">
      <c r="N438110" s="10"/>
    </row>
    <row r="438111" spans="14:14">
      <c r="N438111" s="10"/>
    </row>
    <row r="438112" spans="14:14">
      <c r="N438112" s="10"/>
    </row>
    <row r="438113" spans="14:14">
      <c r="N438113" s="10"/>
    </row>
    <row r="438114" spans="14:14">
      <c r="N438114" s="10"/>
    </row>
    <row r="438115" spans="14:14">
      <c r="N438115" s="10"/>
    </row>
    <row r="438116" spans="14:14">
      <c r="N438116" s="10"/>
    </row>
    <row r="438117" spans="14:14">
      <c r="N438117" s="10"/>
    </row>
    <row r="438118" spans="14:14">
      <c r="N438118" s="10"/>
    </row>
    <row r="438119" spans="14:14">
      <c r="N438119" s="10"/>
    </row>
    <row r="438120" spans="14:14">
      <c r="N438120" s="10"/>
    </row>
    <row r="438121" spans="14:14">
      <c r="N438121" s="10"/>
    </row>
    <row r="438122" spans="14:14">
      <c r="N438122" s="10"/>
    </row>
    <row r="438123" spans="14:14">
      <c r="N438123" s="10"/>
    </row>
    <row r="438124" spans="14:14">
      <c r="N438124" s="10"/>
    </row>
    <row r="438125" spans="14:14">
      <c r="N438125" s="10"/>
    </row>
    <row r="438126" spans="14:14">
      <c r="N438126" s="10"/>
    </row>
    <row r="438127" spans="14:14">
      <c r="N438127" s="10"/>
    </row>
    <row r="438128" spans="14:14">
      <c r="N438128" s="10"/>
    </row>
    <row r="438129" spans="14:14">
      <c r="N438129" s="10"/>
    </row>
    <row r="438130" spans="14:14">
      <c r="N438130" s="10"/>
    </row>
    <row r="438131" spans="14:14">
      <c r="N438131" s="10"/>
    </row>
    <row r="438132" spans="14:14">
      <c r="N438132" s="10"/>
    </row>
    <row r="438133" spans="14:14">
      <c r="N438133" s="10"/>
    </row>
    <row r="438134" spans="14:14">
      <c r="N438134" s="10"/>
    </row>
    <row r="438135" spans="14:14">
      <c r="N438135" s="10"/>
    </row>
    <row r="438136" spans="14:14">
      <c r="N438136" s="10"/>
    </row>
    <row r="438137" spans="14:14">
      <c r="N438137" s="10"/>
    </row>
    <row r="438138" spans="14:14">
      <c r="N438138" s="10"/>
    </row>
    <row r="438139" spans="14:14">
      <c r="N438139" s="10"/>
    </row>
    <row r="438140" spans="14:14">
      <c r="N438140" s="10"/>
    </row>
    <row r="438141" spans="14:14">
      <c r="N438141" s="10"/>
    </row>
    <row r="438142" spans="14:14">
      <c r="N438142" s="10"/>
    </row>
    <row r="438143" spans="14:14">
      <c r="N438143" s="10"/>
    </row>
    <row r="438144" spans="14:14">
      <c r="N438144" s="10"/>
    </row>
    <row r="438145" spans="14:14">
      <c r="N438145" s="10"/>
    </row>
    <row r="438146" spans="14:14">
      <c r="N438146" s="10"/>
    </row>
    <row r="438147" spans="14:14">
      <c r="N438147" s="10"/>
    </row>
    <row r="438148" spans="14:14">
      <c r="N438148" s="10"/>
    </row>
    <row r="438149" spans="14:14">
      <c r="N438149" s="10"/>
    </row>
    <row r="438150" spans="14:14">
      <c r="N438150" s="10"/>
    </row>
    <row r="438151" spans="14:14">
      <c r="N438151" s="10"/>
    </row>
    <row r="438152" spans="14:14">
      <c r="N438152" s="10"/>
    </row>
    <row r="438153" spans="14:14">
      <c r="N438153" s="10"/>
    </row>
    <row r="438154" spans="14:14">
      <c r="N438154" s="10"/>
    </row>
    <row r="438155" spans="14:14">
      <c r="N438155" s="10"/>
    </row>
    <row r="438156" spans="14:14">
      <c r="N438156" s="10"/>
    </row>
    <row r="438157" spans="14:14">
      <c r="N438157" s="10"/>
    </row>
    <row r="438158" spans="14:14">
      <c r="N438158" s="10"/>
    </row>
    <row r="438159" spans="14:14">
      <c r="N438159" s="10"/>
    </row>
    <row r="438160" spans="14:14">
      <c r="N438160" s="10"/>
    </row>
    <row r="438161" spans="14:14">
      <c r="N438161" s="10"/>
    </row>
    <row r="438162" spans="14:14">
      <c r="N438162" s="10"/>
    </row>
    <row r="438163" spans="14:14">
      <c r="N438163" s="10"/>
    </row>
    <row r="438164" spans="14:14">
      <c r="N438164" s="10"/>
    </row>
    <row r="438165" spans="14:14">
      <c r="N438165" s="10"/>
    </row>
    <row r="438166" spans="14:14">
      <c r="N438166" s="10"/>
    </row>
    <row r="438167" spans="14:14">
      <c r="N438167" s="10"/>
    </row>
    <row r="438168" spans="14:14">
      <c r="N438168" s="10"/>
    </row>
    <row r="438169" spans="14:14">
      <c r="N438169" s="10"/>
    </row>
    <row r="438170" spans="14:14">
      <c r="N438170" s="10"/>
    </row>
    <row r="438171" spans="14:14">
      <c r="N438171" s="10"/>
    </row>
    <row r="438172" spans="14:14">
      <c r="N438172" s="10"/>
    </row>
    <row r="438173" spans="14:14">
      <c r="N438173" s="10"/>
    </row>
    <row r="438174" spans="14:14">
      <c r="N438174" s="10"/>
    </row>
    <row r="438175" spans="14:14">
      <c r="N438175" s="10"/>
    </row>
    <row r="438176" spans="14:14">
      <c r="N438176" s="10"/>
    </row>
    <row r="438177" spans="14:14">
      <c r="N438177" s="10"/>
    </row>
    <row r="438178" spans="14:14">
      <c r="N438178" s="10"/>
    </row>
    <row r="438179" spans="14:14">
      <c r="N438179" s="10"/>
    </row>
    <row r="438180" spans="14:14">
      <c r="N438180" s="10"/>
    </row>
    <row r="438181" spans="14:14">
      <c r="N438181" s="10"/>
    </row>
    <row r="438182" spans="14:14">
      <c r="N438182" s="10"/>
    </row>
    <row r="438183" spans="14:14">
      <c r="N438183" s="10"/>
    </row>
    <row r="438184" spans="14:14">
      <c r="N438184" s="10"/>
    </row>
    <row r="438185" spans="14:14">
      <c r="N438185" s="10"/>
    </row>
    <row r="438186" spans="14:14">
      <c r="N438186" s="10"/>
    </row>
    <row r="438187" spans="14:14">
      <c r="N438187" s="10"/>
    </row>
    <row r="438188" spans="14:14">
      <c r="N438188" s="10"/>
    </row>
    <row r="438189" spans="14:14">
      <c r="N438189" s="10"/>
    </row>
    <row r="438190" spans="14:14">
      <c r="N438190" s="10"/>
    </row>
    <row r="438191" spans="14:14">
      <c r="N438191" s="10"/>
    </row>
    <row r="438192" spans="14:14">
      <c r="N438192" s="10"/>
    </row>
    <row r="438193" spans="14:14">
      <c r="N438193" s="10"/>
    </row>
    <row r="438194" spans="14:14">
      <c r="N438194" s="10"/>
    </row>
    <row r="438195" spans="14:14">
      <c r="N438195" s="10"/>
    </row>
    <row r="438196" spans="14:14">
      <c r="N438196" s="10"/>
    </row>
    <row r="438197" spans="14:14">
      <c r="N438197" s="10"/>
    </row>
    <row r="438198" spans="14:14">
      <c r="N438198" s="10"/>
    </row>
    <row r="438199" spans="14:14">
      <c r="N438199" s="10"/>
    </row>
    <row r="438200" spans="14:14">
      <c r="N438200" s="10"/>
    </row>
    <row r="438201" spans="14:14">
      <c r="N438201" s="10"/>
    </row>
    <row r="438202" spans="14:14">
      <c r="N438202" s="10"/>
    </row>
    <row r="438203" spans="14:14">
      <c r="N438203" s="10"/>
    </row>
    <row r="438204" spans="14:14">
      <c r="N438204" s="10"/>
    </row>
    <row r="438205" spans="14:14">
      <c r="N438205" s="10"/>
    </row>
    <row r="438206" spans="14:14">
      <c r="N438206" s="10"/>
    </row>
    <row r="438207" spans="14:14">
      <c r="N438207" s="10"/>
    </row>
    <row r="438208" spans="14:14">
      <c r="N438208" s="10"/>
    </row>
    <row r="438209" spans="14:14">
      <c r="N438209" s="10"/>
    </row>
    <row r="438210" spans="14:14">
      <c r="N438210" s="10"/>
    </row>
    <row r="438211" spans="14:14">
      <c r="N438211" s="10"/>
    </row>
    <row r="438212" spans="14:14">
      <c r="N438212" s="10"/>
    </row>
    <row r="438213" spans="14:14">
      <c r="N438213" s="10"/>
    </row>
    <row r="438214" spans="14:14">
      <c r="N438214" s="10"/>
    </row>
    <row r="438215" spans="14:14">
      <c r="N438215" s="10"/>
    </row>
    <row r="438216" spans="14:14">
      <c r="N438216" s="10"/>
    </row>
    <row r="438217" spans="14:14">
      <c r="N438217" s="10"/>
    </row>
    <row r="438218" spans="14:14">
      <c r="N438218" s="10"/>
    </row>
    <row r="438219" spans="14:14">
      <c r="N438219" s="10"/>
    </row>
    <row r="438220" spans="14:14">
      <c r="N438220" s="10"/>
    </row>
    <row r="438221" spans="14:14">
      <c r="N438221" s="10"/>
    </row>
    <row r="438222" spans="14:14">
      <c r="N438222" s="10"/>
    </row>
    <row r="438223" spans="14:14">
      <c r="N438223" s="10"/>
    </row>
    <row r="438224" spans="14:14">
      <c r="N438224" s="10"/>
    </row>
    <row r="438225" spans="14:14">
      <c r="N438225" s="10"/>
    </row>
    <row r="438226" spans="14:14">
      <c r="N438226" s="10"/>
    </row>
    <row r="438227" spans="14:14">
      <c r="N438227" s="10"/>
    </row>
    <row r="438228" spans="14:14">
      <c r="N438228" s="10"/>
    </row>
    <row r="438229" spans="14:14">
      <c r="N438229" s="10"/>
    </row>
    <row r="438230" spans="14:14">
      <c r="N438230" s="10"/>
    </row>
    <row r="438231" spans="14:14">
      <c r="N438231" s="10"/>
    </row>
    <row r="438232" spans="14:14">
      <c r="N438232" s="10"/>
    </row>
    <row r="438233" spans="14:14">
      <c r="N438233" s="10"/>
    </row>
    <row r="438234" spans="14:14">
      <c r="N438234" s="10"/>
    </row>
    <row r="438235" spans="14:14">
      <c r="N438235" s="10"/>
    </row>
    <row r="438236" spans="14:14">
      <c r="N438236" s="10"/>
    </row>
    <row r="438237" spans="14:14">
      <c r="N438237" s="10"/>
    </row>
    <row r="438238" spans="14:14">
      <c r="N438238" s="10"/>
    </row>
    <row r="438239" spans="14:14">
      <c r="N438239" s="10"/>
    </row>
    <row r="438240" spans="14:14">
      <c r="N438240" s="10"/>
    </row>
    <row r="438241" spans="14:14">
      <c r="N438241" s="10"/>
    </row>
    <row r="438242" spans="14:14">
      <c r="N438242" s="10"/>
    </row>
    <row r="438243" spans="14:14">
      <c r="N438243" s="10"/>
    </row>
    <row r="438244" spans="14:14">
      <c r="N438244" s="10"/>
    </row>
    <row r="438245" spans="14:14">
      <c r="N438245" s="10"/>
    </row>
    <row r="438246" spans="14:14">
      <c r="N438246" s="10"/>
    </row>
    <row r="438247" spans="14:14">
      <c r="N438247" s="10"/>
    </row>
    <row r="438248" spans="14:14">
      <c r="N438248" s="10"/>
    </row>
    <row r="438249" spans="14:14">
      <c r="N438249" s="10"/>
    </row>
    <row r="438250" spans="14:14">
      <c r="N438250" s="10"/>
    </row>
    <row r="438251" spans="14:14">
      <c r="N438251" s="10"/>
    </row>
    <row r="438252" spans="14:14">
      <c r="N438252" s="10"/>
    </row>
    <row r="438253" spans="14:14">
      <c r="N438253" s="10"/>
    </row>
    <row r="438254" spans="14:14">
      <c r="N438254" s="10"/>
    </row>
    <row r="438255" spans="14:14">
      <c r="N438255" s="10"/>
    </row>
    <row r="438256" spans="14:14">
      <c r="N438256" s="10"/>
    </row>
    <row r="438257" spans="14:14">
      <c r="N438257" s="10"/>
    </row>
    <row r="438258" spans="14:14">
      <c r="N438258" s="10"/>
    </row>
    <row r="438259" spans="14:14">
      <c r="N438259" s="10"/>
    </row>
    <row r="438260" spans="14:14">
      <c r="N438260" s="10"/>
    </row>
    <row r="438261" spans="14:14">
      <c r="N438261" s="10"/>
    </row>
    <row r="438262" spans="14:14">
      <c r="N438262" s="10"/>
    </row>
    <row r="438263" spans="14:14">
      <c r="N438263" s="10"/>
    </row>
    <row r="438264" spans="14:14">
      <c r="N438264" s="10"/>
    </row>
    <row r="438265" spans="14:14">
      <c r="N438265" s="10"/>
    </row>
    <row r="438266" spans="14:14">
      <c r="N438266" s="10"/>
    </row>
    <row r="438267" spans="14:14">
      <c r="N438267" s="10"/>
    </row>
    <row r="438268" spans="14:14">
      <c r="N438268" s="10"/>
    </row>
    <row r="438269" spans="14:14">
      <c r="N438269" s="10"/>
    </row>
    <row r="438270" spans="14:14">
      <c r="N438270" s="10"/>
    </row>
    <row r="438271" spans="14:14">
      <c r="N438271" s="10"/>
    </row>
    <row r="438272" spans="14:14">
      <c r="N438272" s="10"/>
    </row>
    <row r="438273" spans="14:14">
      <c r="N438273" s="10"/>
    </row>
    <row r="438274" spans="14:14">
      <c r="N438274" s="10"/>
    </row>
    <row r="438275" spans="14:14">
      <c r="N438275" s="10"/>
    </row>
    <row r="438276" spans="14:14">
      <c r="N438276" s="10"/>
    </row>
    <row r="438277" spans="14:14">
      <c r="N438277" s="10"/>
    </row>
    <row r="438278" spans="14:14">
      <c r="N438278" s="10"/>
    </row>
    <row r="438279" spans="14:14">
      <c r="N438279" s="10"/>
    </row>
    <row r="438280" spans="14:14">
      <c r="N438280" s="10"/>
    </row>
    <row r="438281" spans="14:14">
      <c r="N438281" s="10"/>
    </row>
    <row r="438282" spans="14:14">
      <c r="N438282" s="10"/>
    </row>
    <row r="438283" spans="14:14">
      <c r="N438283" s="10"/>
    </row>
    <row r="438284" spans="14:14">
      <c r="N438284" s="10"/>
    </row>
    <row r="438285" spans="14:14">
      <c r="N438285" s="10"/>
    </row>
    <row r="438286" spans="14:14">
      <c r="N438286" s="10"/>
    </row>
    <row r="438287" spans="14:14">
      <c r="N438287" s="10"/>
    </row>
    <row r="438288" spans="14:14">
      <c r="N438288" s="10"/>
    </row>
    <row r="438289" spans="14:14">
      <c r="N438289" s="10"/>
    </row>
    <row r="438290" spans="14:14">
      <c r="N438290" s="10"/>
    </row>
    <row r="438291" spans="14:14">
      <c r="N438291" s="10"/>
    </row>
    <row r="438292" spans="14:14">
      <c r="N438292" s="10"/>
    </row>
    <row r="438293" spans="14:14">
      <c r="N438293" s="10"/>
    </row>
    <row r="438294" spans="14:14">
      <c r="N438294" s="10"/>
    </row>
    <row r="438295" spans="14:14">
      <c r="N438295" s="10"/>
    </row>
    <row r="438296" spans="14:14">
      <c r="N438296" s="10"/>
    </row>
    <row r="438297" spans="14:14">
      <c r="N438297" s="10"/>
    </row>
    <row r="438298" spans="14:14">
      <c r="N438298" s="10"/>
    </row>
    <row r="438299" spans="14:14">
      <c r="N438299" s="10"/>
    </row>
    <row r="438300" spans="14:14">
      <c r="N438300" s="10"/>
    </row>
    <row r="438301" spans="14:14">
      <c r="N438301" s="10"/>
    </row>
    <row r="438302" spans="14:14">
      <c r="N438302" s="10"/>
    </row>
    <row r="438303" spans="14:14">
      <c r="N438303" s="10"/>
    </row>
    <row r="438304" spans="14:14">
      <c r="N438304" s="10"/>
    </row>
    <row r="438305" spans="14:14">
      <c r="N438305" s="10"/>
    </row>
    <row r="438306" spans="14:14">
      <c r="N438306" s="10"/>
    </row>
    <row r="438307" spans="14:14">
      <c r="N438307" s="10"/>
    </row>
    <row r="438308" spans="14:14">
      <c r="N438308" s="10"/>
    </row>
    <row r="438309" spans="14:14">
      <c r="N438309" s="10"/>
    </row>
    <row r="438310" spans="14:14">
      <c r="N438310" s="10"/>
    </row>
    <row r="438311" spans="14:14">
      <c r="N438311" s="10"/>
    </row>
    <row r="438312" spans="14:14">
      <c r="N438312" s="10"/>
    </row>
    <row r="438313" spans="14:14">
      <c r="N438313" s="10"/>
    </row>
    <row r="438314" spans="14:14">
      <c r="N438314" s="10"/>
    </row>
    <row r="438315" spans="14:14">
      <c r="N438315" s="10"/>
    </row>
    <row r="438316" spans="14:14">
      <c r="N438316" s="10"/>
    </row>
    <row r="438317" spans="14:14">
      <c r="N438317" s="10"/>
    </row>
    <row r="438318" spans="14:14">
      <c r="N438318" s="10"/>
    </row>
    <row r="438319" spans="14:14">
      <c r="N438319" s="10"/>
    </row>
    <row r="438320" spans="14:14">
      <c r="N438320" s="10"/>
    </row>
    <row r="438321" spans="14:14">
      <c r="N438321" s="10"/>
    </row>
    <row r="438322" spans="14:14">
      <c r="N438322" s="10"/>
    </row>
    <row r="438323" spans="14:14">
      <c r="N438323" s="10"/>
    </row>
    <row r="438324" spans="14:14">
      <c r="N438324" s="10"/>
    </row>
    <row r="438325" spans="14:14">
      <c r="N438325" s="10"/>
    </row>
    <row r="438326" spans="14:14">
      <c r="N438326" s="10"/>
    </row>
    <row r="438327" spans="14:14">
      <c r="N438327" s="10"/>
    </row>
    <row r="438328" spans="14:14">
      <c r="N438328" s="10"/>
    </row>
    <row r="438329" spans="14:14">
      <c r="N438329" s="10"/>
    </row>
    <row r="438330" spans="14:14">
      <c r="N438330" s="10"/>
    </row>
    <row r="438331" spans="14:14">
      <c r="N438331" s="10"/>
    </row>
    <row r="438332" spans="14:14">
      <c r="N438332" s="10"/>
    </row>
    <row r="438333" spans="14:14">
      <c r="N438333" s="10"/>
    </row>
    <row r="438334" spans="14:14">
      <c r="N438334" s="10"/>
    </row>
    <row r="438335" spans="14:14">
      <c r="N438335" s="10"/>
    </row>
    <row r="438336" spans="14:14">
      <c r="N438336" s="10"/>
    </row>
    <row r="438337" spans="14:14">
      <c r="N438337" s="10"/>
    </row>
    <row r="438338" spans="14:14">
      <c r="N438338" s="10"/>
    </row>
    <row r="438339" spans="14:14">
      <c r="N438339" s="10"/>
    </row>
    <row r="438340" spans="14:14">
      <c r="N438340" s="10"/>
    </row>
    <row r="438341" spans="14:14">
      <c r="N438341" s="10"/>
    </row>
    <row r="438342" spans="14:14">
      <c r="N438342" s="10"/>
    </row>
    <row r="438343" spans="14:14">
      <c r="N438343" s="10"/>
    </row>
    <row r="438344" spans="14:14">
      <c r="N438344" s="10"/>
    </row>
    <row r="438345" spans="14:14">
      <c r="N438345" s="10"/>
    </row>
    <row r="438346" spans="14:14">
      <c r="N438346" s="10"/>
    </row>
    <row r="438347" spans="14:14">
      <c r="N438347" s="10"/>
    </row>
    <row r="438348" spans="14:14">
      <c r="N438348" s="10"/>
    </row>
    <row r="438349" spans="14:14">
      <c r="N438349" s="10"/>
    </row>
    <row r="438350" spans="14:14">
      <c r="N438350" s="10"/>
    </row>
    <row r="438351" spans="14:14">
      <c r="N438351" s="10"/>
    </row>
    <row r="438352" spans="14:14">
      <c r="N438352" s="10"/>
    </row>
    <row r="438353" spans="14:14">
      <c r="N438353" s="10"/>
    </row>
    <row r="438354" spans="14:14">
      <c r="N438354" s="10"/>
    </row>
    <row r="438355" spans="14:14">
      <c r="N438355" s="10"/>
    </row>
    <row r="438356" spans="14:14">
      <c r="N438356" s="10"/>
    </row>
    <row r="438357" spans="14:14">
      <c r="N438357" s="10"/>
    </row>
    <row r="438358" spans="14:14">
      <c r="N438358" s="10"/>
    </row>
    <row r="438359" spans="14:14">
      <c r="N438359" s="10"/>
    </row>
    <row r="438360" spans="14:14">
      <c r="N438360" s="10"/>
    </row>
    <row r="438361" spans="14:14">
      <c r="N438361" s="10"/>
    </row>
    <row r="438362" spans="14:14">
      <c r="N438362" s="10"/>
    </row>
    <row r="438363" spans="14:14">
      <c r="N438363" s="10"/>
    </row>
    <row r="438364" spans="14:14">
      <c r="N438364" s="10"/>
    </row>
    <row r="438365" spans="14:14">
      <c r="N438365" s="10"/>
    </row>
    <row r="438366" spans="14:14">
      <c r="N438366" s="10"/>
    </row>
    <row r="438367" spans="14:14">
      <c r="N438367" s="10"/>
    </row>
    <row r="438368" spans="14:14">
      <c r="N438368" s="10"/>
    </row>
    <row r="438369" spans="14:14">
      <c r="N438369" s="10"/>
    </row>
    <row r="438370" spans="14:14">
      <c r="N438370" s="10"/>
    </row>
    <row r="438371" spans="14:14">
      <c r="N438371" s="10"/>
    </row>
    <row r="438372" spans="14:14">
      <c r="N438372" s="10"/>
    </row>
    <row r="438373" spans="14:14">
      <c r="N438373" s="10"/>
    </row>
    <row r="438374" spans="14:14">
      <c r="N438374" s="10"/>
    </row>
    <row r="438375" spans="14:14">
      <c r="N438375" s="10"/>
    </row>
    <row r="438376" spans="14:14">
      <c r="N438376" s="10"/>
    </row>
    <row r="438377" spans="14:14">
      <c r="N438377" s="10"/>
    </row>
    <row r="438378" spans="14:14">
      <c r="N438378" s="10"/>
    </row>
    <row r="438379" spans="14:14">
      <c r="N438379" s="10"/>
    </row>
    <row r="438380" spans="14:14">
      <c r="N438380" s="10"/>
    </row>
    <row r="438381" spans="14:14">
      <c r="N438381" s="10"/>
    </row>
    <row r="438382" spans="14:14">
      <c r="N438382" s="10"/>
    </row>
    <row r="438383" spans="14:14">
      <c r="N438383" s="10"/>
    </row>
    <row r="438384" spans="14:14">
      <c r="N438384" s="10"/>
    </row>
    <row r="438385" spans="14:14">
      <c r="N438385" s="10"/>
    </row>
    <row r="438386" spans="14:14">
      <c r="N438386" s="10"/>
    </row>
    <row r="438387" spans="14:14">
      <c r="N438387" s="10"/>
    </row>
    <row r="438388" spans="14:14">
      <c r="N438388" s="10"/>
    </row>
    <row r="438389" spans="14:14">
      <c r="N438389" s="10"/>
    </row>
    <row r="438390" spans="14:14">
      <c r="N438390" s="10"/>
    </row>
    <row r="438391" spans="14:14">
      <c r="N438391" s="10"/>
    </row>
    <row r="438392" spans="14:14">
      <c r="N438392" s="10"/>
    </row>
    <row r="438393" spans="14:14">
      <c r="N438393" s="10"/>
    </row>
    <row r="438394" spans="14:14">
      <c r="N438394" s="10"/>
    </row>
    <row r="438395" spans="14:14">
      <c r="N438395" s="10"/>
    </row>
    <row r="438396" spans="14:14">
      <c r="N438396" s="10"/>
    </row>
    <row r="438397" spans="14:14">
      <c r="N438397" s="10"/>
    </row>
    <row r="438398" spans="14:14">
      <c r="N438398" s="10"/>
    </row>
    <row r="438399" spans="14:14">
      <c r="N438399" s="10"/>
    </row>
    <row r="438400" spans="14:14">
      <c r="N438400" s="10"/>
    </row>
    <row r="438401" spans="14:14">
      <c r="N438401" s="10"/>
    </row>
    <row r="438402" spans="14:14">
      <c r="N438402" s="10"/>
    </row>
    <row r="438403" spans="14:14">
      <c r="N438403" s="10"/>
    </row>
    <row r="438404" spans="14:14">
      <c r="N438404" s="10"/>
    </row>
    <row r="438405" spans="14:14">
      <c r="N438405" s="10"/>
    </row>
    <row r="438406" spans="14:14">
      <c r="N438406" s="10"/>
    </row>
    <row r="438407" spans="14:14">
      <c r="N438407" s="10"/>
    </row>
    <row r="438408" spans="14:14">
      <c r="N438408" s="10"/>
    </row>
    <row r="438409" spans="14:14">
      <c r="N438409" s="10"/>
    </row>
    <row r="438410" spans="14:14">
      <c r="N438410" s="10"/>
    </row>
    <row r="438411" spans="14:14">
      <c r="N438411" s="10"/>
    </row>
    <row r="438412" spans="14:14">
      <c r="N438412" s="10"/>
    </row>
    <row r="438413" spans="14:14">
      <c r="N438413" s="10"/>
    </row>
    <row r="438414" spans="14:14">
      <c r="N438414" s="10"/>
    </row>
    <row r="438415" spans="14:14">
      <c r="N438415" s="10"/>
    </row>
    <row r="438416" spans="14:14">
      <c r="N438416" s="10"/>
    </row>
    <row r="438417" spans="14:14">
      <c r="N438417" s="10"/>
    </row>
    <row r="438418" spans="14:14">
      <c r="N438418" s="10"/>
    </row>
    <row r="438419" spans="14:14">
      <c r="N438419" s="10"/>
    </row>
    <row r="438420" spans="14:14">
      <c r="N438420" s="10"/>
    </row>
    <row r="438421" spans="14:14">
      <c r="N438421" s="10"/>
    </row>
    <row r="438422" spans="14:14">
      <c r="N438422" s="10"/>
    </row>
    <row r="438423" spans="14:14">
      <c r="N438423" s="10"/>
    </row>
    <row r="438424" spans="14:14">
      <c r="N438424" s="10"/>
    </row>
    <row r="438425" spans="14:14">
      <c r="N438425" s="10"/>
    </row>
    <row r="438426" spans="14:14">
      <c r="N438426" s="10"/>
    </row>
    <row r="438427" spans="14:14">
      <c r="N438427" s="10"/>
    </row>
    <row r="438428" spans="14:14">
      <c r="N438428" s="10"/>
    </row>
    <row r="438429" spans="14:14">
      <c r="N438429" s="10"/>
    </row>
    <row r="438430" spans="14:14">
      <c r="N438430" s="10"/>
    </row>
    <row r="438431" spans="14:14">
      <c r="N438431" s="10"/>
    </row>
    <row r="438432" spans="14:14">
      <c r="N438432" s="10"/>
    </row>
    <row r="438433" spans="14:14">
      <c r="N438433" s="10"/>
    </row>
    <row r="438434" spans="14:14">
      <c r="N438434" s="10"/>
    </row>
    <row r="438435" spans="14:14">
      <c r="N438435" s="10"/>
    </row>
    <row r="438436" spans="14:14">
      <c r="N438436" s="10"/>
    </row>
    <row r="438437" spans="14:14">
      <c r="N438437" s="10"/>
    </row>
    <row r="438438" spans="14:14">
      <c r="N438438" s="10"/>
    </row>
    <row r="438439" spans="14:14">
      <c r="N438439" s="10"/>
    </row>
    <row r="438440" spans="14:14">
      <c r="N438440" s="10"/>
    </row>
    <row r="438441" spans="14:14">
      <c r="N438441" s="10"/>
    </row>
    <row r="438442" spans="14:14">
      <c r="N438442" s="10"/>
    </row>
    <row r="438443" spans="14:14">
      <c r="N438443" s="10"/>
    </row>
    <row r="438444" spans="14:14">
      <c r="N438444" s="10"/>
    </row>
    <row r="438445" spans="14:14">
      <c r="N438445" s="10"/>
    </row>
    <row r="438446" spans="14:14">
      <c r="N438446" s="10"/>
    </row>
    <row r="438447" spans="14:14">
      <c r="N438447" s="10"/>
    </row>
    <row r="438448" spans="14:14">
      <c r="N438448" s="10"/>
    </row>
    <row r="438449" spans="14:14">
      <c r="N438449" s="10"/>
    </row>
    <row r="438450" spans="14:14">
      <c r="N438450" s="10"/>
    </row>
    <row r="438451" spans="14:14">
      <c r="N438451" s="10"/>
    </row>
    <row r="438452" spans="14:14">
      <c r="N438452" s="10"/>
    </row>
    <row r="438453" spans="14:14">
      <c r="N438453" s="10"/>
    </row>
    <row r="438454" spans="14:14">
      <c r="N438454" s="10"/>
    </row>
    <row r="438455" spans="14:14">
      <c r="N438455" s="10"/>
    </row>
    <row r="438456" spans="14:14">
      <c r="N438456" s="10"/>
    </row>
    <row r="438457" spans="14:14">
      <c r="N438457" s="10"/>
    </row>
    <row r="438458" spans="14:14">
      <c r="N438458" s="10"/>
    </row>
    <row r="438459" spans="14:14">
      <c r="N438459" s="10"/>
    </row>
    <row r="438460" spans="14:14">
      <c r="N438460" s="10"/>
    </row>
    <row r="438461" spans="14:14">
      <c r="N438461" s="10"/>
    </row>
    <row r="438462" spans="14:14">
      <c r="N438462" s="10"/>
    </row>
    <row r="438463" spans="14:14">
      <c r="N438463" s="10"/>
    </row>
    <row r="438464" spans="14:14">
      <c r="N438464" s="10"/>
    </row>
    <row r="438465" spans="14:14">
      <c r="N438465" s="10"/>
    </row>
    <row r="438466" spans="14:14">
      <c r="N438466" s="10"/>
    </row>
    <row r="438467" spans="14:14">
      <c r="N438467" s="10"/>
    </row>
    <row r="438468" spans="14:14">
      <c r="N438468" s="10"/>
    </row>
    <row r="438469" spans="14:14">
      <c r="N438469" s="10"/>
    </row>
    <row r="438470" spans="14:14">
      <c r="N438470" s="10"/>
    </row>
    <row r="438471" spans="14:14">
      <c r="N438471" s="10"/>
    </row>
    <row r="438472" spans="14:14">
      <c r="N438472" s="10"/>
    </row>
    <row r="438473" spans="14:14">
      <c r="N438473" s="10"/>
    </row>
    <row r="438474" spans="14:14">
      <c r="N438474" s="10"/>
    </row>
    <row r="438475" spans="14:14">
      <c r="N438475" s="10"/>
    </row>
    <row r="438476" spans="14:14">
      <c r="N438476" s="10"/>
    </row>
    <row r="438477" spans="14:14">
      <c r="N438477" s="10"/>
    </row>
    <row r="438478" spans="14:14">
      <c r="N438478" s="10"/>
    </row>
    <row r="438479" spans="14:14">
      <c r="N438479" s="10"/>
    </row>
    <row r="438480" spans="14:14">
      <c r="N438480" s="10"/>
    </row>
    <row r="438481" spans="14:14">
      <c r="N438481" s="10"/>
    </row>
    <row r="438482" spans="14:14">
      <c r="N438482" s="10"/>
    </row>
    <row r="438483" spans="14:14">
      <c r="N438483" s="10"/>
    </row>
    <row r="438484" spans="14:14">
      <c r="N438484" s="10"/>
    </row>
    <row r="438485" spans="14:14">
      <c r="N438485" s="10"/>
    </row>
    <row r="438486" spans="14:14">
      <c r="N438486" s="10"/>
    </row>
    <row r="438487" spans="14:14">
      <c r="N438487" s="10"/>
    </row>
    <row r="438488" spans="14:14">
      <c r="N438488" s="10"/>
    </row>
    <row r="438489" spans="14:14">
      <c r="N438489" s="10"/>
    </row>
    <row r="438490" spans="14:14">
      <c r="N438490" s="10"/>
    </row>
    <row r="438491" spans="14:14">
      <c r="N438491" s="10"/>
    </row>
    <row r="438492" spans="14:14">
      <c r="N438492" s="10"/>
    </row>
    <row r="438493" spans="14:14">
      <c r="N438493" s="10"/>
    </row>
    <row r="438494" spans="14:14">
      <c r="N438494" s="10"/>
    </row>
    <row r="438495" spans="14:14">
      <c r="N438495" s="10"/>
    </row>
    <row r="438496" spans="14:14">
      <c r="N438496" s="10"/>
    </row>
    <row r="438497" spans="14:14">
      <c r="N438497" s="10"/>
    </row>
    <row r="438498" spans="14:14">
      <c r="N438498" s="10"/>
    </row>
    <row r="438499" spans="14:14">
      <c r="N438499" s="10"/>
    </row>
    <row r="438500" spans="14:14">
      <c r="N438500" s="10"/>
    </row>
    <row r="438501" spans="14:14">
      <c r="N438501" s="10"/>
    </row>
    <row r="438502" spans="14:14">
      <c r="N438502" s="10"/>
    </row>
    <row r="438503" spans="14:14">
      <c r="N438503" s="10"/>
    </row>
    <row r="438504" spans="14:14">
      <c r="N438504" s="10"/>
    </row>
    <row r="438505" spans="14:14">
      <c r="N438505" s="10"/>
    </row>
    <row r="438506" spans="14:14">
      <c r="N438506" s="10"/>
    </row>
    <row r="438507" spans="14:14">
      <c r="N438507" s="10"/>
    </row>
    <row r="438508" spans="14:14">
      <c r="N438508" s="10"/>
    </row>
    <row r="438509" spans="14:14">
      <c r="N438509" s="10"/>
    </row>
    <row r="438510" spans="14:14">
      <c r="N438510" s="10"/>
    </row>
    <row r="438511" spans="14:14">
      <c r="N438511" s="10"/>
    </row>
    <row r="438512" spans="14:14">
      <c r="N438512" s="10"/>
    </row>
    <row r="438513" spans="14:14">
      <c r="N438513" s="10"/>
    </row>
    <row r="438514" spans="14:14">
      <c r="N438514" s="10"/>
    </row>
    <row r="438515" spans="14:14">
      <c r="N438515" s="10"/>
    </row>
    <row r="438516" spans="14:14">
      <c r="N438516" s="10"/>
    </row>
    <row r="438517" spans="14:14">
      <c r="N438517" s="10"/>
    </row>
    <row r="438518" spans="14:14">
      <c r="N438518" s="10"/>
    </row>
    <row r="438519" spans="14:14">
      <c r="N438519" s="10"/>
    </row>
    <row r="438520" spans="14:14">
      <c r="N438520" s="10"/>
    </row>
    <row r="438521" spans="14:14">
      <c r="N438521" s="10"/>
    </row>
    <row r="438522" spans="14:14">
      <c r="N438522" s="10"/>
    </row>
    <row r="438523" spans="14:14">
      <c r="N438523" s="10"/>
    </row>
    <row r="438524" spans="14:14">
      <c r="N438524" s="10"/>
    </row>
    <row r="438525" spans="14:14">
      <c r="N438525" s="10"/>
    </row>
    <row r="438526" spans="14:14">
      <c r="N438526" s="10"/>
    </row>
    <row r="438527" spans="14:14">
      <c r="N438527" s="10"/>
    </row>
    <row r="438528" spans="14:14">
      <c r="N438528" s="10"/>
    </row>
    <row r="438529" spans="14:14">
      <c r="N438529" s="10"/>
    </row>
    <row r="438530" spans="14:14">
      <c r="N438530" s="10"/>
    </row>
    <row r="438531" spans="14:14">
      <c r="N438531" s="10"/>
    </row>
    <row r="438532" spans="14:14">
      <c r="N438532" s="10"/>
    </row>
    <row r="438533" spans="14:14">
      <c r="N438533" s="10"/>
    </row>
    <row r="438534" spans="14:14">
      <c r="N438534" s="10"/>
    </row>
    <row r="438535" spans="14:14">
      <c r="N438535" s="10"/>
    </row>
    <row r="438536" spans="14:14">
      <c r="N438536" s="10"/>
    </row>
    <row r="438537" spans="14:14">
      <c r="N438537" s="10"/>
    </row>
    <row r="438538" spans="14:14">
      <c r="N438538" s="10"/>
    </row>
    <row r="438539" spans="14:14">
      <c r="N438539" s="10"/>
    </row>
    <row r="438540" spans="14:14">
      <c r="N438540" s="10"/>
    </row>
    <row r="438541" spans="14:14">
      <c r="N438541" s="10"/>
    </row>
    <row r="438542" spans="14:14">
      <c r="N438542" s="10"/>
    </row>
    <row r="438543" spans="14:14">
      <c r="N438543" s="10"/>
    </row>
    <row r="438544" spans="14:14">
      <c r="N438544" s="10"/>
    </row>
    <row r="438545" spans="14:14">
      <c r="N438545" s="10"/>
    </row>
    <row r="438546" spans="14:14">
      <c r="N438546" s="10"/>
    </row>
    <row r="438547" spans="14:14">
      <c r="N438547" s="10"/>
    </row>
    <row r="438548" spans="14:14">
      <c r="N438548" s="10"/>
    </row>
    <row r="438549" spans="14:14">
      <c r="N438549" s="10"/>
    </row>
    <row r="438550" spans="14:14">
      <c r="N438550" s="10"/>
    </row>
    <row r="438551" spans="14:14">
      <c r="N438551" s="10"/>
    </row>
    <row r="438552" spans="14:14">
      <c r="N438552" s="10"/>
    </row>
    <row r="438553" spans="14:14">
      <c r="N438553" s="10"/>
    </row>
    <row r="438554" spans="14:14">
      <c r="N438554" s="10"/>
    </row>
    <row r="438555" spans="14:14">
      <c r="N438555" s="10"/>
    </row>
    <row r="438556" spans="14:14">
      <c r="N438556" s="10"/>
    </row>
    <row r="438557" spans="14:14">
      <c r="N438557" s="10"/>
    </row>
    <row r="438558" spans="14:14">
      <c r="N438558" s="10"/>
    </row>
    <row r="438559" spans="14:14">
      <c r="N438559" s="10"/>
    </row>
    <row r="438560" spans="14:14">
      <c r="N438560" s="10"/>
    </row>
    <row r="438561" spans="14:14">
      <c r="N438561" s="10"/>
    </row>
    <row r="438562" spans="14:14">
      <c r="N438562" s="10"/>
    </row>
    <row r="438563" spans="14:14">
      <c r="N438563" s="10"/>
    </row>
    <row r="438564" spans="14:14">
      <c r="N438564" s="10"/>
    </row>
    <row r="438565" spans="14:14">
      <c r="N438565" s="10"/>
    </row>
    <row r="438566" spans="14:14">
      <c r="N438566" s="10"/>
    </row>
    <row r="438567" spans="14:14">
      <c r="N438567" s="10"/>
    </row>
    <row r="438568" spans="14:14">
      <c r="N438568" s="10"/>
    </row>
    <row r="438569" spans="14:14">
      <c r="N438569" s="10"/>
    </row>
    <row r="438570" spans="14:14">
      <c r="N438570" s="10"/>
    </row>
    <row r="438571" spans="14:14">
      <c r="N438571" s="10"/>
    </row>
    <row r="438572" spans="14:14">
      <c r="N438572" s="10"/>
    </row>
    <row r="438573" spans="14:14">
      <c r="N438573" s="10"/>
    </row>
    <row r="438574" spans="14:14">
      <c r="N438574" s="10"/>
    </row>
    <row r="438575" spans="14:14">
      <c r="N438575" s="10"/>
    </row>
    <row r="438576" spans="14:14">
      <c r="N438576" s="10"/>
    </row>
    <row r="438577" spans="14:14">
      <c r="N438577" s="10"/>
    </row>
    <row r="438578" spans="14:14">
      <c r="N438578" s="10"/>
    </row>
    <row r="438579" spans="14:14">
      <c r="N438579" s="10"/>
    </row>
    <row r="438580" spans="14:14">
      <c r="N438580" s="10"/>
    </row>
    <row r="438581" spans="14:14">
      <c r="N438581" s="10"/>
    </row>
    <row r="438582" spans="14:14">
      <c r="N438582" s="10"/>
    </row>
    <row r="438583" spans="14:14">
      <c r="N438583" s="10"/>
    </row>
    <row r="438584" spans="14:14">
      <c r="N438584" s="10"/>
    </row>
    <row r="438585" spans="14:14">
      <c r="N438585" s="10"/>
    </row>
    <row r="438586" spans="14:14">
      <c r="N438586" s="10"/>
    </row>
    <row r="438587" spans="14:14">
      <c r="N438587" s="10"/>
    </row>
    <row r="438588" spans="14:14">
      <c r="N438588" s="10"/>
    </row>
    <row r="438589" spans="14:14">
      <c r="N438589" s="10"/>
    </row>
    <row r="438590" spans="14:14">
      <c r="N438590" s="10"/>
    </row>
    <row r="438591" spans="14:14">
      <c r="N438591" s="10"/>
    </row>
    <row r="438592" spans="14:14">
      <c r="N438592" s="10"/>
    </row>
    <row r="438593" spans="14:14">
      <c r="N438593" s="10"/>
    </row>
    <row r="438594" spans="14:14">
      <c r="N438594" s="10"/>
    </row>
    <row r="438595" spans="14:14">
      <c r="N438595" s="10"/>
    </row>
    <row r="438596" spans="14:14">
      <c r="N438596" s="10"/>
    </row>
    <row r="438597" spans="14:14">
      <c r="N438597" s="10"/>
    </row>
    <row r="438598" spans="14:14">
      <c r="N438598" s="10"/>
    </row>
    <row r="438599" spans="14:14">
      <c r="N438599" s="10"/>
    </row>
    <row r="438600" spans="14:14">
      <c r="N438600" s="10"/>
    </row>
    <row r="438601" spans="14:14">
      <c r="N438601" s="10"/>
    </row>
    <row r="438602" spans="14:14">
      <c r="N438602" s="10"/>
    </row>
    <row r="438603" spans="14:14">
      <c r="N438603" s="10"/>
    </row>
    <row r="438604" spans="14:14">
      <c r="N438604" s="10"/>
    </row>
    <row r="438605" spans="14:14">
      <c r="N438605" s="10"/>
    </row>
    <row r="438606" spans="14:14">
      <c r="N438606" s="10"/>
    </row>
    <row r="438607" spans="14:14">
      <c r="N438607" s="10"/>
    </row>
    <row r="438608" spans="14:14">
      <c r="N438608" s="10"/>
    </row>
    <row r="438609" spans="14:14">
      <c r="N438609" s="10"/>
    </row>
    <row r="438610" spans="14:14">
      <c r="N438610" s="10"/>
    </row>
    <row r="438611" spans="14:14">
      <c r="N438611" s="10"/>
    </row>
    <row r="438612" spans="14:14">
      <c r="N438612" s="10"/>
    </row>
    <row r="438613" spans="14:14">
      <c r="N438613" s="10"/>
    </row>
    <row r="438614" spans="14:14">
      <c r="N438614" s="10"/>
    </row>
    <row r="438615" spans="14:14">
      <c r="N438615" s="10"/>
    </row>
    <row r="438616" spans="14:14">
      <c r="N438616" s="10"/>
    </row>
    <row r="438617" spans="14:14">
      <c r="N438617" s="10"/>
    </row>
    <row r="438618" spans="14:14">
      <c r="N438618" s="10"/>
    </row>
    <row r="438619" spans="14:14">
      <c r="N438619" s="10"/>
    </row>
    <row r="438620" spans="14:14">
      <c r="N438620" s="10"/>
    </row>
    <row r="438621" spans="14:14">
      <c r="N438621" s="10"/>
    </row>
    <row r="438622" spans="14:14">
      <c r="N438622" s="10"/>
    </row>
    <row r="438623" spans="14:14">
      <c r="N438623" s="10"/>
    </row>
    <row r="438624" spans="14:14">
      <c r="N438624" s="10"/>
    </row>
    <row r="438625" spans="14:14">
      <c r="N438625" s="10"/>
    </row>
    <row r="438626" spans="14:14">
      <c r="N438626" s="10"/>
    </row>
    <row r="438627" spans="14:14">
      <c r="N438627" s="10"/>
    </row>
    <row r="438628" spans="14:14">
      <c r="N438628" s="10"/>
    </row>
    <row r="438629" spans="14:14">
      <c r="N438629" s="10"/>
    </row>
    <row r="438630" spans="14:14">
      <c r="N438630" s="10"/>
    </row>
    <row r="438631" spans="14:14">
      <c r="N438631" s="10"/>
    </row>
    <row r="438632" spans="14:14">
      <c r="N438632" s="10"/>
    </row>
    <row r="438633" spans="14:14">
      <c r="N438633" s="10"/>
    </row>
    <row r="438634" spans="14:14">
      <c r="N438634" s="10"/>
    </row>
    <row r="438635" spans="14:14">
      <c r="N438635" s="10"/>
    </row>
    <row r="438636" spans="14:14">
      <c r="N438636" s="10"/>
    </row>
    <row r="438637" spans="14:14">
      <c r="N438637" s="10"/>
    </row>
    <row r="438638" spans="14:14">
      <c r="N438638" s="10"/>
    </row>
    <row r="438639" spans="14:14">
      <c r="N438639" s="10"/>
    </row>
    <row r="438640" spans="14:14">
      <c r="N438640" s="10"/>
    </row>
    <row r="438641" spans="14:14">
      <c r="N438641" s="10"/>
    </row>
    <row r="438642" spans="14:14">
      <c r="N438642" s="10"/>
    </row>
    <row r="438643" spans="14:14">
      <c r="N438643" s="10"/>
    </row>
    <row r="438644" spans="14:14">
      <c r="N438644" s="10"/>
    </row>
    <row r="438645" spans="14:14">
      <c r="N438645" s="10"/>
    </row>
    <row r="438646" spans="14:14">
      <c r="N438646" s="10"/>
    </row>
    <row r="438647" spans="14:14">
      <c r="N438647" s="10"/>
    </row>
    <row r="438648" spans="14:14">
      <c r="N438648" s="10"/>
    </row>
    <row r="438649" spans="14:14">
      <c r="N438649" s="10"/>
    </row>
    <row r="438650" spans="14:14">
      <c r="N438650" s="10"/>
    </row>
    <row r="438651" spans="14:14">
      <c r="N438651" s="10"/>
    </row>
    <row r="438652" spans="14:14">
      <c r="N438652" s="10"/>
    </row>
    <row r="438653" spans="14:14">
      <c r="N438653" s="10"/>
    </row>
    <row r="438654" spans="14:14">
      <c r="N438654" s="10"/>
    </row>
    <row r="438655" spans="14:14">
      <c r="N438655" s="10"/>
    </row>
    <row r="438656" spans="14:14">
      <c r="N438656" s="10"/>
    </row>
    <row r="438657" spans="14:14">
      <c r="N438657" s="10"/>
    </row>
    <row r="438658" spans="14:14">
      <c r="N438658" s="10"/>
    </row>
    <row r="438659" spans="14:14">
      <c r="N438659" s="10"/>
    </row>
    <row r="438660" spans="14:14">
      <c r="N438660" s="10"/>
    </row>
    <row r="438661" spans="14:14">
      <c r="N438661" s="10"/>
    </row>
    <row r="438662" spans="14:14">
      <c r="N438662" s="10"/>
    </row>
    <row r="438663" spans="14:14">
      <c r="N438663" s="10"/>
    </row>
    <row r="438664" spans="14:14">
      <c r="N438664" s="10"/>
    </row>
    <row r="438665" spans="14:14">
      <c r="N438665" s="10"/>
    </row>
    <row r="438666" spans="14:14">
      <c r="N438666" s="10"/>
    </row>
    <row r="438667" spans="14:14">
      <c r="N438667" s="10"/>
    </row>
    <row r="438668" spans="14:14">
      <c r="N438668" s="10"/>
    </row>
    <row r="438669" spans="14:14">
      <c r="N438669" s="10"/>
    </row>
    <row r="438670" spans="14:14">
      <c r="N438670" s="10"/>
    </row>
    <row r="438671" spans="14:14">
      <c r="N438671" s="10"/>
    </row>
    <row r="438672" spans="14:14">
      <c r="N438672" s="10"/>
    </row>
    <row r="438673" spans="14:14">
      <c r="N438673" s="10"/>
    </row>
    <row r="438674" spans="14:14">
      <c r="N438674" s="10"/>
    </row>
    <row r="438675" spans="14:14">
      <c r="N438675" s="10"/>
    </row>
    <row r="438676" spans="14:14">
      <c r="N438676" s="10"/>
    </row>
    <row r="438677" spans="14:14">
      <c r="N438677" s="10"/>
    </row>
    <row r="438678" spans="14:14">
      <c r="N438678" s="10"/>
    </row>
    <row r="438679" spans="14:14">
      <c r="N438679" s="10"/>
    </row>
    <row r="438680" spans="14:14">
      <c r="N438680" s="10"/>
    </row>
    <row r="438681" spans="14:14">
      <c r="N438681" s="10"/>
    </row>
    <row r="438682" spans="14:14">
      <c r="N438682" s="10"/>
    </row>
    <row r="438683" spans="14:14">
      <c r="N438683" s="10"/>
    </row>
    <row r="438684" spans="14:14">
      <c r="N438684" s="10"/>
    </row>
    <row r="438685" spans="14:14">
      <c r="N438685" s="10"/>
    </row>
    <row r="438686" spans="14:14">
      <c r="N438686" s="10"/>
    </row>
    <row r="438687" spans="14:14">
      <c r="N438687" s="10"/>
    </row>
    <row r="438688" spans="14:14">
      <c r="N438688" s="10"/>
    </row>
    <row r="438689" spans="14:14">
      <c r="N438689" s="10"/>
    </row>
    <row r="438690" spans="14:14">
      <c r="N438690" s="10"/>
    </row>
    <row r="438691" spans="14:14">
      <c r="N438691" s="10"/>
    </row>
    <row r="438692" spans="14:14">
      <c r="N438692" s="10"/>
    </row>
    <row r="438693" spans="14:14">
      <c r="N438693" s="10"/>
    </row>
    <row r="438694" spans="14:14">
      <c r="N438694" s="10"/>
    </row>
    <row r="438695" spans="14:14">
      <c r="N438695" s="10"/>
    </row>
    <row r="438696" spans="14:14">
      <c r="N438696" s="10"/>
    </row>
    <row r="438697" spans="14:14">
      <c r="N438697" s="10"/>
    </row>
    <row r="438698" spans="14:14">
      <c r="N438698" s="10"/>
    </row>
    <row r="438699" spans="14:14">
      <c r="N438699" s="10"/>
    </row>
    <row r="438700" spans="14:14">
      <c r="N438700" s="10"/>
    </row>
    <row r="438701" spans="14:14">
      <c r="N438701" s="10"/>
    </row>
    <row r="438702" spans="14:14">
      <c r="N438702" s="10"/>
    </row>
    <row r="438703" spans="14:14">
      <c r="N438703" s="10"/>
    </row>
    <row r="438704" spans="14:14">
      <c r="N438704" s="10"/>
    </row>
    <row r="438705" spans="14:14">
      <c r="N438705" s="10"/>
    </row>
    <row r="438706" spans="14:14">
      <c r="N438706" s="10"/>
    </row>
    <row r="438707" spans="14:14">
      <c r="N438707" s="10"/>
    </row>
    <row r="438708" spans="14:14">
      <c r="N438708" s="10"/>
    </row>
    <row r="438709" spans="14:14">
      <c r="N438709" s="10"/>
    </row>
    <row r="438710" spans="14:14">
      <c r="N438710" s="10"/>
    </row>
    <row r="438711" spans="14:14">
      <c r="N438711" s="10"/>
    </row>
    <row r="438712" spans="14:14">
      <c r="N438712" s="10"/>
    </row>
    <row r="438713" spans="14:14">
      <c r="N438713" s="10"/>
    </row>
    <row r="438714" spans="14:14">
      <c r="N438714" s="10"/>
    </row>
    <row r="438715" spans="14:14">
      <c r="N438715" s="10"/>
    </row>
    <row r="438716" spans="14:14">
      <c r="N438716" s="10"/>
    </row>
    <row r="438717" spans="14:14">
      <c r="N438717" s="10"/>
    </row>
    <row r="438718" spans="14:14">
      <c r="N438718" s="10"/>
    </row>
    <row r="438719" spans="14:14">
      <c r="N438719" s="10"/>
    </row>
    <row r="438720" spans="14:14">
      <c r="N438720" s="10"/>
    </row>
    <row r="438721" spans="14:14">
      <c r="N438721" s="10"/>
    </row>
    <row r="438722" spans="14:14">
      <c r="N438722" s="10"/>
    </row>
    <row r="438723" spans="14:14">
      <c r="N438723" s="10"/>
    </row>
    <row r="438724" spans="14:14">
      <c r="N438724" s="10"/>
    </row>
    <row r="438725" spans="14:14">
      <c r="N438725" s="10"/>
    </row>
    <row r="438726" spans="14:14">
      <c r="N438726" s="10"/>
    </row>
    <row r="438727" spans="14:14">
      <c r="N438727" s="10"/>
    </row>
    <row r="438728" spans="14:14">
      <c r="N438728" s="10"/>
    </row>
    <row r="438729" spans="14:14">
      <c r="N438729" s="10"/>
    </row>
    <row r="438730" spans="14:14">
      <c r="N438730" s="10"/>
    </row>
    <row r="438731" spans="14:14">
      <c r="N438731" s="10"/>
    </row>
    <row r="438732" spans="14:14">
      <c r="N438732" s="10"/>
    </row>
    <row r="438733" spans="14:14">
      <c r="N438733" s="10"/>
    </row>
    <row r="438734" spans="14:14">
      <c r="N438734" s="10"/>
    </row>
    <row r="438735" spans="14:14">
      <c r="N438735" s="10"/>
    </row>
    <row r="438736" spans="14:14">
      <c r="N438736" s="10"/>
    </row>
    <row r="438737" spans="14:14">
      <c r="N438737" s="10"/>
    </row>
    <row r="438738" spans="14:14">
      <c r="N438738" s="10"/>
    </row>
    <row r="438739" spans="14:14">
      <c r="N438739" s="10"/>
    </row>
    <row r="438740" spans="14:14">
      <c r="N438740" s="10"/>
    </row>
    <row r="438741" spans="14:14">
      <c r="N438741" s="10"/>
    </row>
    <row r="438742" spans="14:14">
      <c r="N438742" s="10"/>
    </row>
    <row r="438743" spans="14:14">
      <c r="N438743" s="10"/>
    </row>
    <row r="438744" spans="14:14">
      <c r="N438744" s="10"/>
    </row>
    <row r="438745" spans="14:14">
      <c r="N438745" s="10"/>
    </row>
    <row r="438746" spans="14:14">
      <c r="N438746" s="10"/>
    </row>
    <row r="438747" spans="14:14">
      <c r="N438747" s="10"/>
    </row>
    <row r="438748" spans="14:14">
      <c r="N438748" s="10"/>
    </row>
    <row r="438749" spans="14:14">
      <c r="N438749" s="10"/>
    </row>
    <row r="438750" spans="14:14">
      <c r="N438750" s="10"/>
    </row>
    <row r="438751" spans="14:14">
      <c r="N438751" s="10"/>
    </row>
    <row r="438752" spans="14:14">
      <c r="N438752" s="10"/>
    </row>
    <row r="438753" spans="14:14">
      <c r="N438753" s="10"/>
    </row>
    <row r="438754" spans="14:14">
      <c r="N438754" s="10"/>
    </row>
    <row r="438755" spans="14:14">
      <c r="N438755" s="10"/>
    </row>
    <row r="438756" spans="14:14">
      <c r="N438756" s="10"/>
    </row>
    <row r="438757" spans="14:14">
      <c r="N438757" s="10"/>
    </row>
    <row r="438758" spans="14:14">
      <c r="N438758" s="10"/>
    </row>
    <row r="438759" spans="14:14">
      <c r="N438759" s="10"/>
    </row>
    <row r="438760" spans="14:14">
      <c r="N438760" s="10"/>
    </row>
    <row r="438761" spans="14:14">
      <c r="N438761" s="10"/>
    </row>
    <row r="438762" spans="14:14">
      <c r="N438762" s="10"/>
    </row>
    <row r="438763" spans="14:14">
      <c r="N438763" s="10"/>
    </row>
    <row r="438764" spans="14:14">
      <c r="N438764" s="10"/>
    </row>
    <row r="438765" spans="14:14">
      <c r="N438765" s="10"/>
    </row>
    <row r="438766" spans="14:14">
      <c r="N438766" s="10"/>
    </row>
    <row r="438767" spans="14:14">
      <c r="N438767" s="10"/>
    </row>
    <row r="438768" spans="14:14">
      <c r="N438768" s="10"/>
    </row>
    <row r="438769" spans="14:14">
      <c r="N438769" s="10"/>
    </row>
    <row r="438770" spans="14:14">
      <c r="N438770" s="10"/>
    </row>
    <row r="438771" spans="14:14">
      <c r="N438771" s="10"/>
    </row>
    <row r="438772" spans="14:14">
      <c r="N438772" s="10"/>
    </row>
    <row r="438773" spans="14:14">
      <c r="N438773" s="10"/>
    </row>
    <row r="438774" spans="14:14">
      <c r="N438774" s="10"/>
    </row>
    <row r="438775" spans="14:14">
      <c r="N438775" s="10"/>
    </row>
    <row r="438776" spans="14:14">
      <c r="N438776" s="10"/>
    </row>
    <row r="438777" spans="14:14">
      <c r="N438777" s="10"/>
    </row>
    <row r="438778" spans="14:14">
      <c r="N438778" s="10"/>
    </row>
    <row r="438779" spans="14:14">
      <c r="N438779" s="10"/>
    </row>
    <row r="438780" spans="14:14">
      <c r="N438780" s="10"/>
    </row>
    <row r="438781" spans="14:14">
      <c r="N438781" s="10"/>
    </row>
    <row r="438782" spans="14:14">
      <c r="N438782" s="10"/>
    </row>
    <row r="438783" spans="14:14">
      <c r="N438783" s="10"/>
    </row>
    <row r="438784" spans="14:14">
      <c r="N438784" s="10"/>
    </row>
    <row r="438785" spans="14:14">
      <c r="N438785" s="10"/>
    </row>
    <row r="438786" spans="14:14">
      <c r="N438786" s="10"/>
    </row>
    <row r="438787" spans="14:14">
      <c r="N438787" s="10"/>
    </row>
    <row r="438788" spans="14:14">
      <c r="N438788" s="10"/>
    </row>
    <row r="438789" spans="14:14">
      <c r="N438789" s="10"/>
    </row>
    <row r="438790" spans="14:14">
      <c r="N438790" s="10"/>
    </row>
    <row r="438791" spans="14:14">
      <c r="N438791" s="10"/>
    </row>
    <row r="438792" spans="14:14">
      <c r="N438792" s="10"/>
    </row>
    <row r="438793" spans="14:14">
      <c r="N438793" s="10"/>
    </row>
    <row r="438794" spans="14:14">
      <c r="N438794" s="10"/>
    </row>
    <row r="438795" spans="14:14">
      <c r="N438795" s="10"/>
    </row>
    <row r="438796" spans="14:14">
      <c r="N438796" s="10"/>
    </row>
    <row r="438797" spans="14:14">
      <c r="N438797" s="10"/>
    </row>
    <row r="438798" spans="14:14">
      <c r="N438798" s="10"/>
    </row>
    <row r="438799" spans="14:14">
      <c r="N438799" s="10"/>
    </row>
    <row r="438800" spans="14:14">
      <c r="N438800" s="10"/>
    </row>
    <row r="438801" spans="14:14">
      <c r="N438801" s="10"/>
    </row>
    <row r="438802" spans="14:14">
      <c r="N438802" s="10"/>
    </row>
    <row r="438803" spans="14:14">
      <c r="N438803" s="10"/>
    </row>
    <row r="438804" spans="14:14">
      <c r="N438804" s="10"/>
    </row>
    <row r="438805" spans="14:14">
      <c r="N438805" s="10"/>
    </row>
    <row r="438806" spans="14:14">
      <c r="N438806" s="10"/>
    </row>
    <row r="438807" spans="14:14">
      <c r="N438807" s="10"/>
    </row>
    <row r="438808" spans="14:14">
      <c r="N438808" s="10"/>
    </row>
    <row r="438809" spans="14:14">
      <c r="N438809" s="10"/>
    </row>
    <row r="438810" spans="14:14">
      <c r="N438810" s="10"/>
    </row>
    <row r="438811" spans="14:14">
      <c r="N438811" s="10"/>
    </row>
    <row r="438812" spans="14:14">
      <c r="N438812" s="10"/>
    </row>
    <row r="438813" spans="14:14">
      <c r="N438813" s="10"/>
    </row>
    <row r="438814" spans="14:14">
      <c r="N438814" s="10"/>
    </row>
    <row r="438815" spans="14:14">
      <c r="N438815" s="10"/>
    </row>
    <row r="438816" spans="14:14">
      <c r="N438816" s="10"/>
    </row>
    <row r="438817" spans="14:14">
      <c r="N438817" s="10"/>
    </row>
    <row r="438818" spans="14:14">
      <c r="N438818" s="10"/>
    </row>
    <row r="438819" spans="14:14">
      <c r="N438819" s="10"/>
    </row>
    <row r="438820" spans="14:14">
      <c r="N438820" s="10"/>
    </row>
    <row r="438821" spans="14:14">
      <c r="N438821" s="10"/>
    </row>
    <row r="438822" spans="14:14">
      <c r="N438822" s="10"/>
    </row>
    <row r="438823" spans="14:14">
      <c r="N438823" s="10"/>
    </row>
    <row r="438824" spans="14:14">
      <c r="N438824" s="10"/>
    </row>
    <row r="438825" spans="14:14">
      <c r="N438825" s="10"/>
    </row>
    <row r="438826" spans="14:14">
      <c r="N438826" s="10"/>
    </row>
    <row r="438827" spans="14:14">
      <c r="N438827" s="10"/>
    </row>
    <row r="438828" spans="14:14">
      <c r="N438828" s="10"/>
    </row>
    <row r="438829" spans="14:14">
      <c r="N438829" s="10"/>
    </row>
    <row r="438830" spans="14:14">
      <c r="N438830" s="10"/>
    </row>
    <row r="438831" spans="14:14">
      <c r="N438831" s="10"/>
    </row>
    <row r="438832" spans="14:14">
      <c r="N438832" s="10"/>
    </row>
    <row r="438833" spans="14:14">
      <c r="N438833" s="10"/>
    </row>
    <row r="438834" spans="14:14">
      <c r="N438834" s="10"/>
    </row>
    <row r="438835" spans="14:14">
      <c r="N438835" s="10"/>
    </row>
    <row r="438836" spans="14:14">
      <c r="N438836" s="10"/>
    </row>
    <row r="438837" spans="14:14">
      <c r="N438837" s="10"/>
    </row>
    <row r="438838" spans="14:14">
      <c r="N438838" s="10"/>
    </row>
    <row r="438839" spans="14:14">
      <c r="N438839" s="10"/>
    </row>
    <row r="438840" spans="14:14">
      <c r="N438840" s="10"/>
    </row>
    <row r="438841" spans="14:14">
      <c r="N438841" s="10"/>
    </row>
    <row r="438842" spans="14:14">
      <c r="N438842" s="10"/>
    </row>
    <row r="438843" spans="14:14">
      <c r="N438843" s="10"/>
    </row>
    <row r="438844" spans="14:14">
      <c r="N438844" s="10"/>
    </row>
    <row r="438845" spans="14:14">
      <c r="N438845" s="10"/>
    </row>
    <row r="438846" spans="14:14">
      <c r="N438846" s="10"/>
    </row>
    <row r="438847" spans="14:14">
      <c r="N438847" s="10"/>
    </row>
    <row r="438848" spans="14:14">
      <c r="N438848" s="10"/>
    </row>
    <row r="438849" spans="14:14">
      <c r="N438849" s="10"/>
    </row>
    <row r="438850" spans="14:14">
      <c r="N438850" s="10"/>
    </row>
    <row r="438851" spans="14:14">
      <c r="N438851" s="10"/>
    </row>
    <row r="438852" spans="14:14">
      <c r="N438852" s="10"/>
    </row>
    <row r="438853" spans="14:14">
      <c r="N438853" s="10"/>
    </row>
    <row r="438854" spans="14:14">
      <c r="N438854" s="10"/>
    </row>
    <row r="438855" spans="14:14">
      <c r="N438855" s="10"/>
    </row>
    <row r="438856" spans="14:14">
      <c r="N438856" s="10"/>
    </row>
    <row r="438857" spans="14:14">
      <c r="N438857" s="10"/>
    </row>
    <row r="438858" spans="14:14">
      <c r="N438858" s="10"/>
    </row>
    <row r="438859" spans="14:14">
      <c r="N438859" s="10"/>
    </row>
    <row r="438860" spans="14:14">
      <c r="N438860" s="10"/>
    </row>
    <row r="438861" spans="14:14">
      <c r="N438861" s="10"/>
    </row>
    <row r="438862" spans="14:14">
      <c r="N438862" s="10"/>
    </row>
    <row r="438863" spans="14:14">
      <c r="N438863" s="10"/>
    </row>
    <row r="438864" spans="14:14">
      <c r="N438864" s="10"/>
    </row>
    <row r="438865" spans="14:14">
      <c r="N438865" s="10"/>
    </row>
    <row r="438866" spans="14:14">
      <c r="N438866" s="10"/>
    </row>
    <row r="438867" spans="14:14">
      <c r="N438867" s="10"/>
    </row>
    <row r="438868" spans="14:14">
      <c r="N438868" s="10"/>
    </row>
    <row r="438869" spans="14:14">
      <c r="N438869" s="10"/>
    </row>
    <row r="438870" spans="14:14">
      <c r="N438870" s="10"/>
    </row>
    <row r="438871" spans="14:14">
      <c r="N438871" s="10"/>
    </row>
    <row r="438872" spans="14:14">
      <c r="N438872" s="10"/>
    </row>
    <row r="438873" spans="14:14">
      <c r="N438873" s="10"/>
    </row>
    <row r="438874" spans="14:14">
      <c r="N438874" s="10"/>
    </row>
    <row r="438875" spans="14:14">
      <c r="N438875" s="10"/>
    </row>
    <row r="438876" spans="14:14">
      <c r="N438876" s="10"/>
    </row>
    <row r="438877" spans="14:14">
      <c r="N438877" s="10"/>
    </row>
    <row r="438878" spans="14:14">
      <c r="N438878" s="10"/>
    </row>
    <row r="438879" spans="14:14">
      <c r="N438879" s="10"/>
    </row>
    <row r="438880" spans="14:14">
      <c r="N438880" s="10"/>
    </row>
    <row r="438881" spans="14:14">
      <c r="N438881" s="10"/>
    </row>
    <row r="438882" spans="14:14">
      <c r="N438882" s="10"/>
    </row>
    <row r="438883" spans="14:14">
      <c r="N438883" s="10"/>
    </row>
    <row r="438884" spans="14:14">
      <c r="N438884" s="10"/>
    </row>
    <row r="438885" spans="14:14">
      <c r="N438885" s="10"/>
    </row>
    <row r="438886" spans="14:14">
      <c r="N438886" s="10"/>
    </row>
    <row r="438887" spans="14:14">
      <c r="N438887" s="10"/>
    </row>
    <row r="438888" spans="14:14">
      <c r="N438888" s="10"/>
    </row>
    <row r="438889" spans="14:14">
      <c r="N438889" s="10"/>
    </row>
    <row r="438890" spans="14:14">
      <c r="N438890" s="10"/>
    </row>
    <row r="438891" spans="14:14">
      <c r="N438891" s="10"/>
    </row>
    <row r="438892" spans="14:14">
      <c r="N438892" s="10"/>
    </row>
    <row r="438893" spans="14:14">
      <c r="N438893" s="10"/>
    </row>
    <row r="438894" spans="14:14">
      <c r="N438894" s="10"/>
    </row>
    <row r="438895" spans="14:14">
      <c r="N438895" s="10"/>
    </row>
    <row r="438896" spans="14:14">
      <c r="N438896" s="10"/>
    </row>
    <row r="438897" spans="14:14">
      <c r="N438897" s="10"/>
    </row>
    <row r="438898" spans="14:14">
      <c r="N438898" s="10"/>
    </row>
    <row r="438899" spans="14:14">
      <c r="N438899" s="10"/>
    </row>
    <row r="438900" spans="14:14">
      <c r="N438900" s="10"/>
    </row>
    <row r="438901" spans="14:14">
      <c r="N438901" s="10"/>
    </row>
    <row r="438902" spans="14:14">
      <c r="N438902" s="10"/>
    </row>
    <row r="438903" spans="14:14">
      <c r="N438903" s="10"/>
    </row>
    <row r="438904" spans="14:14">
      <c r="N438904" s="10"/>
    </row>
    <row r="438905" spans="14:14">
      <c r="N438905" s="10"/>
    </row>
    <row r="438906" spans="14:14">
      <c r="N438906" s="10"/>
    </row>
    <row r="438907" spans="14:14">
      <c r="N438907" s="10"/>
    </row>
    <row r="438908" spans="14:14">
      <c r="N438908" s="10"/>
    </row>
    <row r="438909" spans="14:14">
      <c r="N438909" s="10"/>
    </row>
    <row r="438910" spans="14:14">
      <c r="N438910" s="10"/>
    </row>
    <row r="438911" spans="14:14">
      <c r="N438911" s="10"/>
    </row>
    <row r="438912" spans="14:14">
      <c r="N438912" s="10"/>
    </row>
    <row r="438913" spans="14:14">
      <c r="N438913" s="10"/>
    </row>
    <row r="438914" spans="14:14">
      <c r="N438914" s="10"/>
    </row>
    <row r="438915" spans="14:14">
      <c r="N438915" s="10"/>
    </row>
    <row r="438916" spans="14:14">
      <c r="N438916" s="10"/>
    </row>
    <row r="438917" spans="14:14">
      <c r="N438917" s="10"/>
    </row>
    <row r="438918" spans="14:14">
      <c r="N438918" s="10"/>
    </row>
    <row r="438919" spans="14:14">
      <c r="N438919" s="10"/>
    </row>
    <row r="438920" spans="14:14">
      <c r="N438920" s="10"/>
    </row>
    <row r="438921" spans="14:14">
      <c r="N438921" s="10"/>
    </row>
    <row r="438922" spans="14:14">
      <c r="N438922" s="10"/>
    </row>
    <row r="438923" spans="14:14">
      <c r="N438923" s="10"/>
    </row>
    <row r="438924" spans="14:14">
      <c r="N438924" s="10"/>
    </row>
    <row r="438925" spans="14:14">
      <c r="N438925" s="10"/>
    </row>
    <row r="438926" spans="14:14">
      <c r="N438926" s="10"/>
    </row>
    <row r="438927" spans="14:14">
      <c r="N438927" s="10"/>
    </row>
    <row r="438928" spans="14:14">
      <c r="N438928" s="10"/>
    </row>
    <row r="438929" spans="14:14">
      <c r="N438929" s="10"/>
    </row>
    <row r="438930" spans="14:14">
      <c r="N438930" s="10"/>
    </row>
    <row r="438931" spans="14:14">
      <c r="N438931" s="10"/>
    </row>
    <row r="438932" spans="14:14">
      <c r="N438932" s="10"/>
    </row>
    <row r="438933" spans="14:14">
      <c r="N438933" s="10"/>
    </row>
    <row r="438934" spans="14:14">
      <c r="N438934" s="10"/>
    </row>
    <row r="438935" spans="14:14">
      <c r="N438935" s="10"/>
    </row>
    <row r="438936" spans="14:14">
      <c r="N438936" s="10"/>
    </row>
    <row r="438937" spans="14:14">
      <c r="N438937" s="10"/>
    </row>
    <row r="438938" spans="14:14">
      <c r="N438938" s="10"/>
    </row>
    <row r="438939" spans="14:14">
      <c r="N438939" s="10"/>
    </row>
    <row r="438940" spans="14:14">
      <c r="N438940" s="10"/>
    </row>
    <row r="438941" spans="14:14">
      <c r="N438941" s="10"/>
    </row>
    <row r="438942" spans="14:14">
      <c r="N438942" s="10"/>
    </row>
    <row r="438943" spans="14:14">
      <c r="N438943" s="10"/>
    </row>
    <row r="438944" spans="14:14">
      <c r="N438944" s="10"/>
    </row>
    <row r="438945" spans="14:14">
      <c r="N438945" s="10"/>
    </row>
    <row r="438946" spans="14:14">
      <c r="N438946" s="10"/>
    </row>
    <row r="438947" spans="14:14">
      <c r="N438947" s="10"/>
    </row>
    <row r="438948" spans="14:14">
      <c r="N438948" s="10"/>
    </row>
    <row r="438949" spans="14:14">
      <c r="N438949" s="10"/>
    </row>
    <row r="438950" spans="14:14">
      <c r="N438950" s="10"/>
    </row>
    <row r="438951" spans="14:14">
      <c r="N438951" s="10"/>
    </row>
    <row r="438952" spans="14:14">
      <c r="N438952" s="10"/>
    </row>
    <row r="438953" spans="14:14">
      <c r="N438953" s="10"/>
    </row>
    <row r="438954" spans="14:14">
      <c r="N438954" s="10"/>
    </row>
    <row r="438955" spans="14:14">
      <c r="N438955" s="10"/>
    </row>
    <row r="438956" spans="14:14">
      <c r="N438956" s="10"/>
    </row>
    <row r="438957" spans="14:14">
      <c r="N438957" s="10"/>
    </row>
    <row r="438958" spans="14:14">
      <c r="N438958" s="10"/>
    </row>
    <row r="438959" spans="14:14">
      <c r="N438959" s="10"/>
    </row>
    <row r="438960" spans="14:14">
      <c r="N438960" s="10"/>
    </row>
    <row r="438961" spans="14:14">
      <c r="N438961" s="10"/>
    </row>
    <row r="438962" spans="14:14">
      <c r="N438962" s="10"/>
    </row>
    <row r="438963" spans="14:14">
      <c r="N438963" s="10"/>
    </row>
    <row r="438964" spans="14:14">
      <c r="N438964" s="10"/>
    </row>
    <row r="438965" spans="14:14">
      <c r="N438965" s="10"/>
    </row>
    <row r="438966" spans="14:14">
      <c r="N438966" s="10"/>
    </row>
    <row r="438967" spans="14:14">
      <c r="N438967" s="10"/>
    </row>
    <row r="438968" spans="14:14">
      <c r="N438968" s="10"/>
    </row>
    <row r="438969" spans="14:14">
      <c r="N438969" s="10"/>
    </row>
    <row r="438970" spans="14:14">
      <c r="N438970" s="10"/>
    </row>
    <row r="438971" spans="14:14">
      <c r="N438971" s="10"/>
    </row>
    <row r="438972" spans="14:14">
      <c r="N438972" s="10"/>
    </row>
    <row r="438973" spans="14:14">
      <c r="N438973" s="10"/>
    </row>
    <row r="438974" spans="14:14">
      <c r="N438974" s="10"/>
    </row>
    <row r="438975" spans="14:14">
      <c r="N438975" s="10"/>
    </row>
    <row r="438976" spans="14:14">
      <c r="N438976" s="10"/>
    </row>
    <row r="438977" spans="14:14">
      <c r="N438977" s="10"/>
    </row>
    <row r="438978" spans="14:14">
      <c r="N438978" s="10"/>
    </row>
    <row r="438979" spans="14:14">
      <c r="N438979" s="10"/>
    </row>
    <row r="438980" spans="14:14">
      <c r="N438980" s="10"/>
    </row>
    <row r="438981" spans="14:14">
      <c r="N438981" s="10"/>
    </row>
    <row r="438982" spans="14:14">
      <c r="N438982" s="10"/>
    </row>
    <row r="438983" spans="14:14">
      <c r="N438983" s="10"/>
    </row>
    <row r="438984" spans="14:14">
      <c r="N438984" s="10"/>
    </row>
    <row r="438985" spans="14:14">
      <c r="N438985" s="10"/>
    </row>
    <row r="438986" spans="14:14">
      <c r="N438986" s="10"/>
    </row>
    <row r="438987" spans="14:14">
      <c r="N438987" s="10"/>
    </row>
    <row r="438988" spans="14:14">
      <c r="N438988" s="10"/>
    </row>
    <row r="438989" spans="14:14">
      <c r="N438989" s="10"/>
    </row>
    <row r="438990" spans="14:14">
      <c r="N438990" s="10"/>
    </row>
    <row r="438991" spans="14:14">
      <c r="N438991" s="10"/>
    </row>
    <row r="438992" spans="14:14">
      <c r="N438992" s="10"/>
    </row>
    <row r="438993" spans="14:14">
      <c r="N438993" s="10"/>
    </row>
    <row r="438994" spans="14:14">
      <c r="N438994" s="10"/>
    </row>
    <row r="438995" spans="14:14">
      <c r="N438995" s="10"/>
    </row>
    <row r="438996" spans="14:14">
      <c r="N438996" s="10"/>
    </row>
    <row r="438997" spans="14:14">
      <c r="N438997" s="10"/>
    </row>
    <row r="438998" spans="14:14">
      <c r="N438998" s="10"/>
    </row>
    <row r="438999" spans="14:14">
      <c r="N438999" s="10"/>
    </row>
    <row r="439000" spans="14:14">
      <c r="N439000" s="10"/>
    </row>
    <row r="439001" spans="14:14">
      <c r="N439001" s="10"/>
    </row>
    <row r="439002" spans="14:14">
      <c r="N439002" s="10"/>
    </row>
    <row r="439003" spans="14:14">
      <c r="N439003" s="10"/>
    </row>
    <row r="439004" spans="14:14">
      <c r="N439004" s="10"/>
    </row>
    <row r="439005" spans="14:14">
      <c r="N439005" s="10"/>
    </row>
    <row r="439006" spans="14:14">
      <c r="N439006" s="10"/>
    </row>
    <row r="439007" spans="14:14">
      <c r="N439007" s="10"/>
    </row>
    <row r="439008" spans="14:14">
      <c r="N439008" s="10"/>
    </row>
    <row r="439009" spans="14:14">
      <c r="N439009" s="10"/>
    </row>
    <row r="439010" spans="14:14">
      <c r="N439010" s="10"/>
    </row>
    <row r="439011" spans="14:14">
      <c r="N439011" s="10"/>
    </row>
    <row r="439012" spans="14:14">
      <c r="N439012" s="10"/>
    </row>
    <row r="439013" spans="14:14">
      <c r="N439013" s="10"/>
    </row>
    <row r="439014" spans="14:14">
      <c r="N439014" s="10"/>
    </row>
    <row r="439015" spans="14:14">
      <c r="N439015" s="10"/>
    </row>
    <row r="439016" spans="14:14">
      <c r="N439016" s="10"/>
    </row>
    <row r="439017" spans="14:14">
      <c r="N439017" s="10"/>
    </row>
    <row r="439018" spans="14:14">
      <c r="N439018" s="10"/>
    </row>
    <row r="439019" spans="14:14">
      <c r="N439019" s="10"/>
    </row>
    <row r="439020" spans="14:14">
      <c r="N439020" s="10"/>
    </row>
    <row r="439021" spans="14:14">
      <c r="N439021" s="10"/>
    </row>
    <row r="439022" spans="14:14">
      <c r="N439022" s="10"/>
    </row>
    <row r="439023" spans="14:14">
      <c r="N439023" s="10"/>
    </row>
    <row r="439024" spans="14:14">
      <c r="N439024" s="10"/>
    </row>
    <row r="439025" spans="14:14">
      <c r="N439025" s="10"/>
    </row>
    <row r="439026" spans="14:14">
      <c r="N439026" s="10"/>
    </row>
    <row r="439027" spans="14:14">
      <c r="N439027" s="10"/>
    </row>
    <row r="439028" spans="14:14">
      <c r="N439028" s="10"/>
    </row>
    <row r="439029" spans="14:14">
      <c r="N439029" s="10"/>
    </row>
    <row r="439030" spans="14:14">
      <c r="N439030" s="10"/>
    </row>
    <row r="439031" spans="14:14">
      <c r="N439031" s="10"/>
    </row>
    <row r="439032" spans="14:14">
      <c r="N439032" s="10"/>
    </row>
    <row r="439033" spans="14:14">
      <c r="N439033" s="10"/>
    </row>
    <row r="439034" spans="14:14">
      <c r="N439034" s="10"/>
    </row>
    <row r="439035" spans="14:14">
      <c r="N439035" s="10"/>
    </row>
    <row r="439036" spans="14:14">
      <c r="N439036" s="10"/>
    </row>
    <row r="439037" spans="14:14">
      <c r="N439037" s="10"/>
    </row>
    <row r="439038" spans="14:14">
      <c r="N439038" s="10"/>
    </row>
    <row r="439039" spans="14:14">
      <c r="N439039" s="10"/>
    </row>
    <row r="439040" spans="14:14">
      <c r="N439040" s="10"/>
    </row>
    <row r="439041" spans="14:14">
      <c r="N439041" s="10"/>
    </row>
    <row r="439042" spans="14:14">
      <c r="N439042" s="10"/>
    </row>
    <row r="439043" spans="14:14">
      <c r="N439043" s="10"/>
    </row>
    <row r="439044" spans="14:14">
      <c r="N439044" s="10"/>
    </row>
    <row r="439045" spans="14:14">
      <c r="N439045" s="10"/>
    </row>
    <row r="439046" spans="14:14">
      <c r="N439046" s="10"/>
    </row>
    <row r="439047" spans="14:14">
      <c r="N439047" s="10"/>
    </row>
    <row r="439048" spans="14:14">
      <c r="N439048" s="10"/>
    </row>
    <row r="439049" spans="14:14">
      <c r="N439049" s="10"/>
    </row>
    <row r="439050" spans="14:14">
      <c r="N439050" s="10"/>
    </row>
    <row r="439051" spans="14:14">
      <c r="N439051" s="10"/>
    </row>
    <row r="439052" spans="14:14">
      <c r="N439052" s="10"/>
    </row>
    <row r="439053" spans="14:14">
      <c r="N439053" s="10"/>
    </row>
    <row r="439054" spans="14:14">
      <c r="N439054" s="10"/>
    </row>
    <row r="439055" spans="14:14">
      <c r="N439055" s="10"/>
    </row>
    <row r="439056" spans="14:14">
      <c r="N439056" s="10"/>
    </row>
    <row r="439057" spans="14:14">
      <c r="N439057" s="10"/>
    </row>
    <row r="439058" spans="14:14">
      <c r="N439058" s="10"/>
    </row>
    <row r="439059" spans="14:14">
      <c r="N439059" s="10"/>
    </row>
    <row r="439060" spans="14:14">
      <c r="N439060" s="10"/>
    </row>
    <row r="439061" spans="14:14">
      <c r="N439061" s="10"/>
    </row>
    <row r="439062" spans="14:14">
      <c r="N439062" s="10"/>
    </row>
    <row r="439063" spans="14:14">
      <c r="N439063" s="10"/>
    </row>
    <row r="439064" spans="14:14">
      <c r="N439064" s="10"/>
    </row>
    <row r="439065" spans="14:14">
      <c r="N439065" s="10"/>
    </row>
    <row r="439066" spans="14:14">
      <c r="N439066" s="10"/>
    </row>
    <row r="439067" spans="14:14">
      <c r="N439067" s="10"/>
    </row>
    <row r="439068" spans="14:14">
      <c r="N439068" s="10"/>
    </row>
    <row r="439069" spans="14:14">
      <c r="N439069" s="10"/>
    </row>
    <row r="439070" spans="14:14">
      <c r="N439070" s="10"/>
    </row>
    <row r="439071" spans="14:14">
      <c r="N439071" s="10"/>
    </row>
    <row r="439072" spans="14:14">
      <c r="N439072" s="10"/>
    </row>
    <row r="439073" spans="14:14">
      <c r="N439073" s="10"/>
    </row>
    <row r="439074" spans="14:14">
      <c r="N439074" s="10"/>
    </row>
    <row r="439075" spans="14:14">
      <c r="N439075" s="10"/>
    </row>
    <row r="439076" spans="14:14">
      <c r="N439076" s="10"/>
    </row>
    <row r="439077" spans="14:14">
      <c r="N439077" s="10"/>
    </row>
    <row r="439078" spans="14:14">
      <c r="N439078" s="10"/>
    </row>
    <row r="439079" spans="14:14">
      <c r="N439079" s="10"/>
    </row>
    <row r="439080" spans="14:14">
      <c r="N439080" s="10"/>
    </row>
    <row r="439081" spans="14:14">
      <c r="N439081" s="10"/>
    </row>
    <row r="439082" spans="14:14">
      <c r="N439082" s="10"/>
    </row>
    <row r="439083" spans="14:14">
      <c r="N439083" s="10"/>
    </row>
    <row r="439084" spans="14:14">
      <c r="N439084" s="10"/>
    </row>
    <row r="439085" spans="14:14">
      <c r="N439085" s="10"/>
    </row>
    <row r="439086" spans="14:14">
      <c r="N439086" s="10"/>
    </row>
    <row r="439087" spans="14:14">
      <c r="N439087" s="10"/>
    </row>
    <row r="439088" spans="14:14">
      <c r="N439088" s="10"/>
    </row>
    <row r="439089" spans="14:14">
      <c r="N439089" s="10"/>
    </row>
    <row r="439090" spans="14:14">
      <c r="N439090" s="10"/>
    </row>
    <row r="439091" spans="14:14">
      <c r="N439091" s="10"/>
    </row>
    <row r="439092" spans="14:14">
      <c r="N439092" s="10"/>
    </row>
    <row r="439093" spans="14:14">
      <c r="N439093" s="10"/>
    </row>
    <row r="439094" spans="14:14">
      <c r="N439094" s="10"/>
    </row>
    <row r="439095" spans="14:14">
      <c r="N439095" s="10"/>
    </row>
    <row r="439096" spans="14:14">
      <c r="N439096" s="10"/>
    </row>
    <row r="439097" spans="14:14">
      <c r="N439097" s="10"/>
    </row>
    <row r="439098" spans="14:14">
      <c r="N439098" s="10"/>
    </row>
    <row r="439099" spans="14:14">
      <c r="N439099" s="10"/>
    </row>
    <row r="439100" spans="14:14">
      <c r="N439100" s="10"/>
    </row>
    <row r="439101" spans="14:14">
      <c r="N439101" s="10"/>
    </row>
    <row r="439102" spans="14:14">
      <c r="N439102" s="10"/>
    </row>
    <row r="439103" spans="14:14">
      <c r="N439103" s="10"/>
    </row>
    <row r="439104" spans="14:14">
      <c r="N439104" s="10"/>
    </row>
    <row r="439105" spans="14:14">
      <c r="N439105" s="10"/>
    </row>
    <row r="439106" spans="14:14">
      <c r="N439106" s="10"/>
    </row>
    <row r="439107" spans="14:14">
      <c r="N439107" s="10"/>
    </row>
    <row r="439108" spans="14:14">
      <c r="N439108" s="10"/>
    </row>
    <row r="439109" spans="14:14">
      <c r="N439109" s="10"/>
    </row>
    <row r="439110" spans="14:14">
      <c r="N439110" s="10"/>
    </row>
    <row r="439111" spans="14:14">
      <c r="N439111" s="10"/>
    </row>
    <row r="439112" spans="14:14">
      <c r="N439112" s="10"/>
    </row>
    <row r="439113" spans="14:14">
      <c r="N439113" s="10"/>
    </row>
    <row r="439114" spans="14:14">
      <c r="N439114" s="10"/>
    </row>
    <row r="439115" spans="14:14">
      <c r="N439115" s="10"/>
    </row>
    <row r="439116" spans="14:14">
      <c r="N439116" s="10"/>
    </row>
    <row r="439117" spans="14:14">
      <c r="N439117" s="10"/>
    </row>
    <row r="439118" spans="14:14">
      <c r="N439118" s="10"/>
    </row>
    <row r="439119" spans="14:14">
      <c r="N439119" s="10"/>
    </row>
    <row r="439120" spans="14:14">
      <c r="N439120" s="10"/>
    </row>
    <row r="439121" spans="14:14">
      <c r="N439121" s="10"/>
    </row>
    <row r="439122" spans="14:14">
      <c r="N439122" s="10"/>
    </row>
    <row r="439123" spans="14:14">
      <c r="N439123" s="10"/>
    </row>
    <row r="439124" spans="14:14">
      <c r="N439124" s="10"/>
    </row>
    <row r="439125" spans="14:14">
      <c r="N439125" s="10"/>
    </row>
    <row r="439126" spans="14:14">
      <c r="N439126" s="10"/>
    </row>
    <row r="439127" spans="14:14">
      <c r="N439127" s="10"/>
    </row>
    <row r="439128" spans="14:14">
      <c r="N439128" s="10"/>
    </row>
    <row r="439129" spans="14:14">
      <c r="N439129" s="10"/>
    </row>
    <row r="439130" spans="14:14">
      <c r="N439130" s="10"/>
    </row>
    <row r="439131" spans="14:14">
      <c r="N439131" s="10"/>
    </row>
    <row r="439132" spans="14:14">
      <c r="N439132" s="10"/>
    </row>
    <row r="439133" spans="14:14">
      <c r="N439133" s="10"/>
    </row>
    <row r="439134" spans="14:14">
      <c r="N439134" s="10"/>
    </row>
    <row r="439135" spans="14:14">
      <c r="N439135" s="10"/>
    </row>
    <row r="439136" spans="14:14">
      <c r="N439136" s="10"/>
    </row>
    <row r="439137" spans="14:14">
      <c r="N439137" s="10"/>
    </row>
    <row r="439138" spans="14:14">
      <c r="N439138" s="10"/>
    </row>
    <row r="439139" spans="14:14">
      <c r="N439139" s="10"/>
    </row>
    <row r="439140" spans="14:14">
      <c r="N439140" s="10"/>
    </row>
    <row r="439141" spans="14:14">
      <c r="N439141" s="10"/>
    </row>
    <row r="439142" spans="14:14">
      <c r="N439142" s="10"/>
    </row>
    <row r="439143" spans="14:14">
      <c r="N439143" s="10"/>
    </row>
    <row r="439144" spans="14:14">
      <c r="N439144" s="10"/>
    </row>
    <row r="439145" spans="14:14">
      <c r="N439145" s="10"/>
    </row>
    <row r="439146" spans="14:14">
      <c r="N439146" s="10"/>
    </row>
    <row r="439147" spans="14:14">
      <c r="N439147" s="10"/>
    </row>
    <row r="439148" spans="14:14">
      <c r="N439148" s="10"/>
    </row>
    <row r="439149" spans="14:14">
      <c r="N439149" s="10"/>
    </row>
    <row r="439150" spans="14:14">
      <c r="N439150" s="10"/>
    </row>
    <row r="439151" spans="14:14">
      <c r="N439151" s="10"/>
    </row>
    <row r="439152" spans="14:14">
      <c r="N439152" s="10"/>
    </row>
    <row r="439153" spans="14:14">
      <c r="N439153" s="10"/>
    </row>
    <row r="439154" spans="14:14">
      <c r="N439154" s="10"/>
    </row>
    <row r="439155" spans="14:14">
      <c r="N439155" s="10"/>
    </row>
    <row r="439156" spans="14:14">
      <c r="N439156" s="10"/>
    </row>
    <row r="439157" spans="14:14">
      <c r="N439157" s="10"/>
    </row>
    <row r="439158" spans="14:14">
      <c r="N439158" s="10"/>
    </row>
    <row r="439159" spans="14:14">
      <c r="N439159" s="10"/>
    </row>
    <row r="439160" spans="14:14">
      <c r="N439160" s="10"/>
    </row>
    <row r="439161" spans="14:14">
      <c r="N439161" s="10"/>
    </row>
    <row r="439162" spans="14:14">
      <c r="N439162" s="10"/>
    </row>
    <row r="439163" spans="14:14">
      <c r="N439163" s="10"/>
    </row>
    <row r="439164" spans="14:14">
      <c r="N439164" s="10"/>
    </row>
    <row r="439165" spans="14:14">
      <c r="N439165" s="10"/>
    </row>
    <row r="439166" spans="14:14">
      <c r="N439166" s="10"/>
    </row>
    <row r="439167" spans="14:14">
      <c r="N439167" s="10"/>
    </row>
    <row r="439168" spans="14:14">
      <c r="N439168" s="10"/>
    </row>
    <row r="439169" spans="14:14">
      <c r="N439169" s="10"/>
    </row>
    <row r="439170" spans="14:14">
      <c r="N439170" s="10"/>
    </row>
    <row r="439171" spans="14:14">
      <c r="N439171" s="10"/>
    </row>
    <row r="439172" spans="14:14">
      <c r="N439172" s="10"/>
    </row>
    <row r="439173" spans="14:14">
      <c r="N439173" s="10"/>
    </row>
    <row r="439174" spans="14:14">
      <c r="N439174" s="10"/>
    </row>
    <row r="439175" spans="14:14">
      <c r="N439175" s="10"/>
    </row>
    <row r="439176" spans="14:14">
      <c r="N439176" s="10"/>
    </row>
    <row r="439177" spans="14:14">
      <c r="N439177" s="10"/>
    </row>
    <row r="439178" spans="14:14">
      <c r="N439178" s="10"/>
    </row>
    <row r="439179" spans="14:14">
      <c r="N439179" s="10"/>
    </row>
    <row r="439180" spans="14:14">
      <c r="N439180" s="10"/>
    </row>
    <row r="439181" spans="14:14">
      <c r="N439181" s="10"/>
    </row>
    <row r="439182" spans="14:14">
      <c r="N439182" s="10"/>
    </row>
    <row r="439183" spans="14:14">
      <c r="N439183" s="10"/>
    </row>
    <row r="439184" spans="14:14">
      <c r="N439184" s="10"/>
    </row>
    <row r="439185" spans="14:14">
      <c r="N439185" s="10"/>
    </row>
    <row r="439186" spans="14:14">
      <c r="N439186" s="10"/>
    </row>
    <row r="439187" spans="14:14">
      <c r="N439187" s="10"/>
    </row>
    <row r="439188" spans="14:14">
      <c r="N439188" s="10"/>
    </row>
    <row r="439189" spans="14:14">
      <c r="N439189" s="10"/>
    </row>
    <row r="439190" spans="14:14">
      <c r="N439190" s="10"/>
    </row>
    <row r="439191" spans="14:14">
      <c r="N439191" s="10"/>
    </row>
    <row r="439192" spans="14:14">
      <c r="N439192" s="10"/>
    </row>
    <row r="439193" spans="14:14">
      <c r="N439193" s="10"/>
    </row>
    <row r="439194" spans="14:14">
      <c r="N439194" s="10"/>
    </row>
    <row r="439195" spans="14:14">
      <c r="N439195" s="10"/>
    </row>
    <row r="439196" spans="14:14">
      <c r="N439196" s="10"/>
    </row>
    <row r="439197" spans="14:14">
      <c r="N439197" s="10"/>
    </row>
    <row r="439198" spans="14:14">
      <c r="N439198" s="10"/>
    </row>
    <row r="439199" spans="14:14">
      <c r="N439199" s="10"/>
    </row>
    <row r="439200" spans="14:14">
      <c r="N439200" s="10"/>
    </row>
    <row r="439201" spans="14:14">
      <c r="N439201" s="10"/>
    </row>
    <row r="439202" spans="14:14">
      <c r="N439202" s="10"/>
    </row>
    <row r="439203" spans="14:14">
      <c r="N439203" s="10"/>
    </row>
    <row r="439204" spans="14:14">
      <c r="N439204" s="10"/>
    </row>
    <row r="439205" spans="14:14">
      <c r="N439205" s="10"/>
    </row>
    <row r="439206" spans="14:14">
      <c r="N439206" s="10"/>
    </row>
    <row r="439207" spans="14:14">
      <c r="N439207" s="10"/>
    </row>
    <row r="439208" spans="14:14">
      <c r="N439208" s="10"/>
    </row>
    <row r="439209" spans="14:14">
      <c r="N439209" s="10"/>
    </row>
    <row r="439210" spans="14:14">
      <c r="N439210" s="10"/>
    </row>
    <row r="439211" spans="14:14">
      <c r="N439211" s="10"/>
    </row>
    <row r="439212" spans="14:14">
      <c r="N439212" s="10"/>
    </row>
    <row r="439213" spans="14:14">
      <c r="N439213" s="10"/>
    </row>
    <row r="439214" spans="14:14">
      <c r="N439214" s="10"/>
    </row>
    <row r="439215" spans="14:14">
      <c r="N439215" s="10"/>
    </row>
    <row r="439216" spans="14:14">
      <c r="N439216" s="10"/>
    </row>
    <row r="439217" spans="14:14">
      <c r="N439217" s="10"/>
    </row>
    <row r="439218" spans="14:14">
      <c r="N439218" s="10"/>
    </row>
    <row r="439219" spans="14:14">
      <c r="N439219" s="10"/>
    </row>
    <row r="439220" spans="14:14">
      <c r="N439220" s="10"/>
    </row>
    <row r="439221" spans="14:14">
      <c r="N439221" s="10"/>
    </row>
    <row r="439222" spans="14:14">
      <c r="N439222" s="10"/>
    </row>
    <row r="439223" spans="14:14">
      <c r="N439223" s="10"/>
    </row>
    <row r="439224" spans="14:14">
      <c r="N439224" s="10"/>
    </row>
    <row r="439225" spans="14:14">
      <c r="N439225" s="10"/>
    </row>
    <row r="439226" spans="14:14">
      <c r="N439226" s="10"/>
    </row>
    <row r="439227" spans="14:14">
      <c r="N439227" s="10"/>
    </row>
    <row r="439228" spans="14:14">
      <c r="N439228" s="10"/>
    </row>
    <row r="439229" spans="14:14">
      <c r="N439229" s="10"/>
    </row>
    <row r="439230" spans="14:14">
      <c r="N439230" s="10"/>
    </row>
    <row r="439231" spans="14:14">
      <c r="N439231" s="10"/>
    </row>
    <row r="439232" spans="14:14">
      <c r="N439232" s="10"/>
    </row>
    <row r="439233" spans="14:14">
      <c r="N439233" s="10"/>
    </row>
    <row r="439234" spans="14:14">
      <c r="N439234" s="10"/>
    </row>
    <row r="439235" spans="14:14">
      <c r="N439235" s="10"/>
    </row>
    <row r="439236" spans="14:14">
      <c r="N439236" s="10"/>
    </row>
    <row r="439237" spans="14:14">
      <c r="N439237" s="10"/>
    </row>
    <row r="439238" spans="14:14">
      <c r="N439238" s="10"/>
    </row>
    <row r="439239" spans="14:14">
      <c r="N439239" s="10"/>
    </row>
    <row r="439240" spans="14:14">
      <c r="N439240" s="10"/>
    </row>
    <row r="439241" spans="14:14">
      <c r="N439241" s="10"/>
    </row>
    <row r="439242" spans="14:14">
      <c r="N439242" s="10"/>
    </row>
    <row r="439243" spans="14:14">
      <c r="N439243" s="10"/>
    </row>
    <row r="439244" spans="14:14">
      <c r="N439244" s="10"/>
    </row>
    <row r="439245" spans="14:14">
      <c r="N439245" s="10"/>
    </row>
    <row r="439246" spans="14:14">
      <c r="N439246" s="10"/>
    </row>
    <row r="439247" spans="14:14">
      <c r="N439247" s="10"/>
    </row>
    <row r="439248" spans="14:14">
      <c r="N439248" s="10"/>
    </row>
    <row r="439249" spans="14:14">
      <c r="N439249" s="10"/>
    </row>
    <row r="439250" spans="14:14">
      <c r="N439250" s="10"/>
    </row>
    <row r="439251" spans="14:14">
      <c r="N439251" s="10"/>
    </row>
    <row r="439252" spans="14:14">
      <c r="N439252" s="10"/>
    </row>
    <row r="439253" spans="14:14">
      <c r="N439253" s="10"/>
    </row>
    <row r="439254" spans="14:14">
      <c r="N439254" s="10"/>
    </row>
    <row r="439255" spans="14:14">
      <c r="N439255" s="10"/>
    </row>
    <row r="439256" spans="14:14">
      <c r="N439256" s="10"/>
    </row>
    <row r="439257" spans="14:14">
      <c r="N439257" s="10"/>
    </row>
    <row r="439258" spans="14:14">
      <c r="N439258" s="10"/>
    </row>
    <row r="439259" spans="14:14">
      <c r="N439259" s="10"/>
    </row>
    <row r="439260" spans="14:14">
      <c r="N439260" s="10"/>
    </row>
    <row r="439261" spans="14:14">
      <c r="N439261" s="10"/>
    </row>
    <row r="439262" spans="14:14">
      <c r="N439262" s="10"/>
    </row>
    <row r="439263" spans="14:14">
      <c r="N439263" s="10"/>
    </row>
    <row r="439264" spans="14:14">
      <c r="N439264" s="10"/>
    </row>
    <row r="439265" spans="14:14">
      <c r="N439265" s="10"/>
    </row>
    <row r="439266" spans="14:14">
      <c r="N439266" s="10"/>
    </row>
    <row r="439267" spans="14:14">
      <c r="N439267" s="10"/>
    </row>
    <row r="439268" spans="14:14">
      <c r="N439268" s="10"/>
    </row>
    <row r="439269" spans="14:14">
      <c r="N439269" s="10"/>
    </row>
    <row r="439270" spans="14:14">
      <c r="N439270" s="10"/>
    </row>
    <row r="439271" spans="14:14">
      <c r="N439271" s="10"/>
    </row>
    <row r="439272" spans="14:14">
      <c r="N439272" s="10"/>
    </row>
    <row r="439273" spans="14:14">
      <c r="N439273" s="10"/>
    </row>
    <row r="439274" spans="14:14">
      <c r="N439274" s="10"/>
    </row>
    <row r="439275" spans="14:14">
      <c r="N439275" s="10"/>
    </row>
    <row r="439276" spans="14:14">
      <c r="N439276" s="10"/>
    </row>
    <row r="439277" spans="14:14">
      <c r="N439277" s="10"/>
    </row>
    <row r="439278" spans="14:14">
      <c r="N439278" s="10"/>
    </row>
    <row r="439279" spans="14:14">
      <c r="N439279" s="10"/>
    </row>
    <row r="439280" spans="14:14">
      <c r="N439280" s="10"/>
    </row>
    <row r="439281" spans="14:14">
      <c r="N439281" s="10"/>
    </row>
    <row r="439282" spans="14:14">
      <c r="N439282" s="10"/>
    </row>
    <row r="439283" spans="14:14">
      <c r="N439283" s="10"/>
    </row>
    <row r="439284" spans="14:14">
      <c r="N439284" s="10"/>
    </row>
    <row r="439285" spans="14:14">
      <c r="N439285" s="10"/>
    </row>
    <row r="439286" spans="14:14">
      <c r="N439286" s="10"/>
    </row>
    <row r="439287" spans="14:14">
      <c r="N439287" s="10"/>
    </row>
    <row r="439288" spans="14:14">
      <c r="N439288" s="10"/>
    </row>
    <row r="439289" spans="14:14">
      <c r="N439289" s="10"/>
    </row>
    <row r="439290" spans="14:14">
      <c r="N439290" s="10"/>
    </row>
    <row r="439291" spans="14:14">
      <c r="N439291" s="10"/>
    </row>
    <row r="439292" spans="14:14">
      <c r="N439292" s="10"/>
    </row>
    <row r="439293" spans="14:14">
      <c r="N439293" s="10"/>
    </row>
    <row r="439294" spans="14:14">
      <c r="N439294" s="10"/>
    </row>
    <row r="439295" spans="14:14">
      <c r="N439295" s="10"/>
    </row>
    <row r="439296" spans="14:14">
      <c r="N439296" s="10"/>
    </row>
    <row r="439297" spans="14:14">
      <c r="N439297" s="10"/>
    </row>
    <row r="439298" spans="14:14">
      <c r="N439298" s="10"/>
    </row>
    <row r="439299" spans="14:14">
      <c r="N439299" s="10"/>
    </row>
    <row r="439300" spans="14:14">
      <c r="N439300" s="10"/>
    </row>
    <row r="439301" spans="14:14">
      <c r="N439301" s="10"/>
    </row>
    <row r="439302" spans="14:14">
      <c r="N439302" s="10"/>
    </row>
    <row r="439303" spans="14:14">
      <c r="N439303" s="10"/>
    </row>
    <row r="439304" spans="14:14">
      <c r="N439304" s="10"/>
    </row>
    <row r="439305" spans="14:14">
      <c r="N439305" s="10"/>
    </row>
    <row r="439306" spans="14:14">
      <c r="N439306" s="10"/>
    </row>
    <row r="439307" spans="14:14">
      <c r="N439307" s="10"/>
    </row>
    <row r="439308" spans="14:14">
      <c r="N439308" s="10"/>
    </row>
    <row r="439309" spans="14:14">
      <c r="N439309" s="10"/>
    </row>
    <row r="439310" spans="14:14">
      <c r="N439310" s="10"/>
    </row>
    <row r="439311" spans="14:14">
      <c r="N439311" s="10"/>
    </row>
    <row r="439312" spans="14:14">
      <c r="N439312" s="10"/>
    </row>
    <row r="439313" spans="14:14">
      <c r="N439313" s="10"/>
    </row>
    <row r="439314" spans="14:14">
      <c r="N439314" s="10"/>
    </row>
    <row r="439315" spans="14:14">
      <c r="N439315" s="10"/>
    </row>
    <row r="439316" spans="14:14">
      <c r="N439316" s="10"/>
    </row>
    <row r="439317" spans="14:14">
      <c r="N439317" s="10"/>
    </row>
    <row r="439318" spans="14:14">
      <c r="N439318" s="10"/>
    </row>
    <row r="439319" spans="14:14">
      <c r="N439319" s="10"/>
    </row>
    <row r="439320" spans="14:14">
      <c r="N439320" s="10"/>
    </row>
    <row r="439321" spans="14:14">
      <c r="N439321" s="10"/>
    </row>
    <row r="439322" spans="14:14">
      <c r="N439322" s="10"/>
    </row>
    <row r="439323" spans="14:14">
      <c r="N439323" s="10"/>
    </row>
    <row r="439324" spans="14:14">
      <c r="N439324" s="10"/>
    </row>
    <row r="439325" spans="14:14">
      <c r="N439325" s="10"/>
    </row>
    <row r="439326" spans="14:14">
      <c r="N439326" s="10"/>
    </row>
    <row r="439327" spans="14:14">
      <c r="N439327" s="10"/>
    </row>
    <row r="439328" spans="14:14">
      <c r="N439328" s="10"/>
    </row>
    <row r="439329" spans="14:14">
      <c r="N439329" s="10"/>
    </row>
    <row r="439330" spans="14:14">
      <c r="N439330" s="10"/>
    </row>
    <row r="439331" spans="14:14">
      <c r="N439331" s="10"/>
    </row>
    <row r="439332" spans="14:14">
      <c r="N439332" s="10"/>
    </row>
    <row r="439333" spans="14:14">
      <c r="N439333" s="10"/>
    </row>
    <row r="439334" spans="14:14">
      <c r="N439334" s="10"/>
    </row>
    <row r="439335" spans="14:14">
      <c r="N439335" s="10"/>
    </row>
    <row r="439336" spans="14:14">
      <c r="N439336" s="10"/>
    </row>
    <row r="439337" spans="14:14">
      <c r="N439337" s="10"/>
    </row>
    <row r="439338" spans="14:14">
      <c r="N439338" s="10"/>
    </row>
    <row r="439339" spans="14:14">
      <c r="N439339" s="10"/>
    </row>
    <row r="439340" spans="14:14">
      <c r="N439340" s="10"/>
    </row>
    <row r="439341" spans="14:14">
      <c r="N439341" s="10"/>
    </row>
    <row r="439342" spans="14:14">
      <c r="N439342" s="10"/>
    </row>
    <row r="439343" spans="14:14">
      <c r="N439343" s="10"/>
    </row>
    <row r="439344" spans="14:14">
      <c r="N439344" s="10"/>
    </row>
    <row r="439345" spans="14:14">
      <c r="N439345" s="10"/>
    </row>
    <row r="439346" spans="14:14">
      <c r="N439346" s="10"/>
    </row>
    <row r="439347" spans="14:14">
      <c r="N439347" s="10"/>
    </row>
    <row r="439348" spans="14:14">
      <c r="N439348" s="10"/>
    </row>
    <row r="439349" spans="14:14">
      <c r="N439349" s="10"/>
    </row>
    <row r="439350" spans="14:14">
      <c r="N439350" s="10"/>
    </row>
    <row r="439351" spans="14:14">
      <c r="N439351" s="10"/>
    </row>
    <row r="439352" spans="14:14">
      <c r="N439352" s="10"/>
    </row>
    <row r="439353" spans="14:14">
      <c r="N439353" s="10"/>
    </row>
    <row r="439354" spans="14:14">
      <c r="N439354" s="10"/>
    </row>
    <row r="439355" spans="14:14">
      <c r="N439355" s="10"/>
    </row>
    <row r="439356" spans="14:14">
      <c r="N439356" s="10"/>
    </row>
    <row r="439357" spans="14:14">
      <c r="N439357" s="10"/>
    </row>
    <row r="439358" spans="14:14">
      <c r="N439358" s="10"/>
    </row>
    <row r="439359" spans="14:14">
      <c r="N439359" s="10"/>
    </row>
    <row r="439360" spans="14:14">
      <c r="N439360" s="10"/>
    </row>
    <row r="439361" spans="14:14">
      <c r="N439361" s="10"/>
    </row>
    <row r="439362" spans="14:14">
      <c r="N439362" s="10"/>
    </row>
    <row r="439363" spans="14:14">
      <c r="N439363" s="10"/>
    </row>
    <row r="439364" spans="14:14">
      <c r="N439364" s="10"/>
    </row>
    <row r="439365" spans="14:14">
      <c r="N439365" s="10"/>
    </row>
    <row r="439366" spans="14:14">
      <c r="N439366" s="10"/>
    </row>
    <row r="439367" spans="14:14">
      <c r="N439367" s="10"/>
    </row>
    <row r="439368" spans="14:14">
      <c r="N439368" s="10"/>
    </row>
    <row r="439369" spans="14:14">
      <c r="N439369" s="10"/>
    </row>
    <row r="439370" spans="14:14">
      <c r="N439370" s="10"/>
    </row>
    <row r="439371" spans="14:14">
      <c r="N439371" s="10"/>
    </row>
    <row r="439372" spans="14:14">
      <c r="N439372" s="10"/>
    </row>
    <row r="439373" spans="14:14">
      <c r="N439373" s="10"/>
    </row>
    <row r="439374" spans="14:14">
      <c r="N439374" s="10"/>
    </row>
    <row r="439375" spans="14:14">
      <c r="N439375" s="10"/>
    </row>
    <row r="439376" spans="14:14">
      <c r="N439376" s="10"/>
    </row>
    <row r="439377" spans="14:14">
      <c r="N439377" s="10"/>
    </row>
    <row r="439378" spans="14:14">
      <c r="N439378" s="10"/>
    </row>
    <row r="439379" spans="14:14">
      <c r="N439379" s="10"/>
    </row>
    <row r="439380" spans="14:14">
      <c r="N439380" s="10"/>
    </row>
    <row r="439381" spans="14:14">
      <c r="N439381" s="10"/>
    </row>
    <row r="439382" spans="14:14">
      <c r="N439382" s="10"/>
    </row>
    <row r="439383" spans="14:14">
      <c r="N439383" s="10"/>
    </row>
    <row r="439384" spans="14:14">
      <c r="N439384" s="10"/>
    </row>
    <row r="439385" spans="14:14">
      <c r="N439385" s="10"/>
    </row>
    <row r="439386" spans="14:14">
      <c r="N439386" s="10"/>
    </row>
    <row r="439387" spans="14:14">
      <c r="N439387" s="10"/>
    </row>
    <row r="439388" spans="14:14">
      <c r="N439388" s="10"/>
    </row>
    <row r="439389" spans="14:14">
      <c r="N439389" s="10"/>
    </row>
    <row r="439390" spans="14:14">
      <c r="N439390" s="10"/>
    </row>
    <row r="439391" spans="14:14">
      <c r="N439391" s="10"/>
    </row>
    <row r="439392" spans="14:14">
      <c r="N439392" s="10"/>
    </row>
    <row r="439393" spans="14:14">
      <c r="N439393" s="10"/>
    </row>
    <row r="439394" spans="14:14">
      <c r="N439394" s="10"/>
    </row>
    <row r="439395" spans="14:14">
      <c r="N439395" s="10"/>
    </row>
    <row r="439396" spans="14:14">
      <c r="N439396" s="10"/>
    </row>
    <row r="439397" spans="14:14">
      <c r="N439397" s="10"/>
    </row>
    <row r="439398" spans="14:14">
      <c r="N439398" s="10"/>
    </row>
    <row r="439399" spans="14:14">
      <c r="N439399" s="10"/>
    </row>
    <row r="439400" spans="14:14">
      <c r="N439400" s="10"/>
    </row>
    <row r="439401" spans="14:14">
      <c r="N439401" s="10"/>
    </row>
    <row r="439402" spans="14:14">
      <c r="N439402" s="10"/>
    </row>
    <row r="439403" spans="14:14">
      <c r="N439403" s="10"/>
    </row>
    <row r="439404" spans="14:14">
      <c r="N439404" s="10"/>
    </row>
    <row r="439405" spans="14:14">
      <c r="N439405" s="10"/>
    </row>
    <row r="439406" spans="14:14">
      <c r="N439406" s="10"/>
    </row>
    <row r="439407" spans="14:14">
      <c r="N439407" s="10"/>
    </row>
    <row r="439408" spans="14:14">
      <c r="N439408" s="10"/>
    </row>
    <row r="439409" spans="14:14">
      <c r="N439409" s="10"/>
    </row>
    <row r="439410" spans="14:14">
      <c r="N439410" s="10"/>
    </row>
    <row r="439411" spans="14:14">
      <c r="N439411" s="10"/>
    </row>
    <row r="439412" spans="14:14">
      <c r="N439412" s="10"/>
    </row>
    <row r="439413" spans="14:14">
      <c r="N439413" s="10"/>
    </row>
    <row r="439414" spans="14:14">
      <c r="N439414" s="10"/>
    </row>
    <row r="439415" spans="14:14">
      <c r="N439415" s="10"/>
    </row>
    <row r="439416" spans="14:14">
      <c r="N439416" s="10"/>
    </row>
    <row r="439417" spans="14:14">
      <c r="N439417" s="10"/>
    </row>
    <row r="439418" spans="14:14">
      <c r="N439418" s="10"/>
    </row>
    <row r="439419" spans="14:14">
      <c r="N439419" s="10"/>
    </row>
    <row r="439420" spans="14:14">
      <c r="N439420" s="10"/>
    </row>
    <row r="439421" spans="14:14">
      <c r="N439421" s="10"/>
    </row>
    <row r="439422" spans="14:14">
      <c r="N439422" s="10"/>
    </row>
    <row r="439423" spans="14:14">
      <c r="N439423" s="10"/>
    </row>
    <row r="439424" spans="14:14">
      <c r="N439424" s="10"/>
    </row>
    <row r="439425" spans="14:14">
      <c r="N439425" s="10"/>
    </row>
    <row r="439426" spans="14:14">
      <c r="N439426" s="10"/>
    </row>
    <row r="439427" spans="14:14">
      <c r="N439427" s="10"/>
    </row>
    <row r="439428" spans="14:14">
      <c r="N439428" s="10"/>
    </row>
    <row r="439429" spans="14:14">
      <c r="N439429" s="10"/>
    </row>
    <row r="439430" spans="14:14">
      <c r="N439430" s="10"/>
    </row>
    <row r="439431" spans="14:14">
      <c r="N439431" s="10"/>
    </row>
    <row r="439432" spans="14:14">
      <c r="N439432" s="10"/>
    </row>
    <row r="439433" spans="14:14">
      <c r="N439433" s="10"/>
    </row>
    <row r="439434" spans="14:14">
      <c r="N439434" s="10"/>
    </row>
    <row r="439435" spans="14:14">
      <c r="N439435" s="10"/>
    </row>
    <row r="439436" spans="14:14">
      <c r="N439436" s="10"/>
    </row>
    <row r="439437" spans="14:14">
      <c r="N439437" s="10"/>
    </row>
    <row r="439438" spans="14:14">
      <c r="N439438" s="10"/>
    </row>
    <row r="439439" spans="14:14">
      <c r="N439439" s="10"/>
    </row>
    <row r="439440" spans="14:14">
      <c r="N439440" s="10"/>
    </row>
    <row r="439441" spans="14:14">
      <c r="N439441" s="10"/>
    </row>
    <row r="439442" spans="14:14">
      <c r="N439442" s="10"/>
    </row>
    <row r="439443" spans="14:14">
      <c r="N439443" s="10"/>
    </row>
    <row r="439444" spans="14:14">
      <c r="N439444" s="10"/>
    </row>
    <row r="439445" spans="14:14">
      <c r="N439445" s="10"/>
    </row>
    <row r="439446" spans="14:14">
      <c r="N439446" s="10"/>
    </row>
    <row r="439447" spans="14:14">
      <c r="N439447" s="10"/>
    </row>
    <row r="439448" spans="14:14">
      <c r="N439448" s="10"/>
    </row>
    <row r="439449" spans="14:14">
      <c r="N439449" s="10"/>
    </row>
    <row r="439450" spans="14:14">
      <c r="N439450" s="10"/>
    </row>
    <row r="439451" spans="14:14">
      <c r="N439451" s="10"/>
    </row>
    <row r="439452" spans="14:14">
      <c r="N439452" s="10"/>
    </row>
    <row r="439453" spans="14:14">
      <c r="N439453" s="10"/>
    </row>
    <row r="439454" spans="14:14">
      <c r="N439454" s="10"/>
    </row>
    <row r="439455" spans="14:14">
      <c r="N439455" s="10"/>
    </row>
    <row r="439456" spans="14:14">
      <c r="N439456" s="10"/>
    </row>
    <row r="439457" spans="14:14">
      <c r="N439457" s="10"/>
    </row>
    <row r="439458" spans="14:14">
      <c r="N439458" s="10"/>
    </row>
    <row r="439459" spans="14:14">
      <c r="N439459" s="10"/>
    </row>
    <row r="439460" spans="14:14">
      <c r="N439460" s="10"/>
    </row>
    <row r="439461" spans="14:14">
      <c r="N439461" s="10"/>
    </row>
    <row r="439462" spans="14:14">
      <c r="N439462" s="10"/>
    </row>
    <row r="439463" spans="14:14">
      <c r="N439463" s="10"/>
    </row>
    <row r="439464" spans="14:14">
      <c r="N439464" s="10"/>
    </row>
    <row r="439465" spans="14:14">
      <c r="N439465" s="10"/>
    </row>
    <row r="439466" spans="14:14">
      <c r="N439466" s="10"/>
    </row>
    <row r="439467" spans="14:14">
      <c r="N439467" s="10"/>
    </row>
    <row r="439468" spans="14:14">
      <c r="N439468" s="10"/>
    </row>
    <row r="439469" spans="14:14">
      <c r="N439469" s="10"/>
    </row>
    <row r="439470" spans="14:14">
      <c r="N439470" s="10"/>
    </row>
    <row r="439471" spans="14:14">
      <c r="N439471" s="10"/>
    </row>
    <row r="439472" spans="14:14">
      <c r="N439472" s="10"/>
    </row>
    <row r="439473" spans="14:14">
      <c r="N439473" s="10"/>
    </row>
    <row r="439474" spans="14:14">
      <c r="N439474" s="10"/>
    </row>
    <row r="439475" spans="14:14">
      <c r="N439475" s="10"/>
    </row>
    <row r="439476" spans="14:14">
      <c r="N439476" s="10"/>
    </row>
    <row r="439477" spans="14:14">
      <c r="N439477" s="10"/>
    </row>
    <row r="439478" spans="14:14">
      <c r="N439478" s="10"/>
    </row>
    <row r="439479" spans="14:14">
      <c r="N439479" s="10"/>
    </row>
    <row r="439480" spans="14:14">
      <c r="N439480" s="10"/>
    </row>
    <row r="439481" spans="14:14">
      <c r="N439481" s="10"/>
    </row>
    <row r="439482" spans="14:14">
      <c r="N439482" s="10"/>
    </row>
    <row r="439483" spans="14:14">
      <c r="N439483" s="10"/>
    </row>
    <row r="439484" spans="14:14">
      <c r="N439484" s="10"/>
    </row>
    <row r="439485" spans="14:14">
      <c r="N439485" s="10"/>
    </row>
    <row r="439486" spans="14:14">
      <c r="N439486" s="10"/>
    </row>
    <row r="439487" spans="14:14">
      <c r="N439487" s="10"/>
    </row>
    <row r="439488" spans="14:14">
      <c r="N439488" s="10"/>
    </row>
    <row r="439489" spans="14:14">
      <c r="N439489" s="10"/>
    </row>
    <row r="439490" spans="14:14">
      <c r="N439490" s="10"/>
    </row>
    <row r="439491" spans="14:14">
      <c r="N439491" s="10"/>
    </row>
    <row r="439492" spans="14:14">
      <c r="N439492" s="10"/>
    </row>
    <row r="439493" spans="14:14">
      <c r="N439493" s="10"/>
    </row>
    <row r="439494" spans="14:14">
      <c r="N439494" s="10"/>
    </row>
    <row r="439495" spans="14:14">
      <c r="N439495" s="10"/>
    </row>
    <row r="439496" spans="14:14">
      <c r="N439496" s="10"/>
    </row>
    <row r="439497" spans="14:14">
      <c r="N439497" s="10"/>
    </row>
    <row r="439498" spans="14:14">
      <c r="N439498" s="10"/>
    </row>
    <row r="439499" spans="14:14">
      <c r="N439499" s="10"/>
    </row>
    <row r="439500" spans="14:14">
      <c r="N439500" s="10"/>
    </row>
    <row r="439501" spans="14:14">
      <c r="N439501" s="10"/>
    </row>
    <row r="439502" spans="14:14">
      <c r="N439502" s="10"/>
    </row>
    <row r="439503" spans="14:14">
      <c r="N439503" s="10"/>
    </row>
    <row r="439504" spans="14:14">
      <c r="N439504" s="10"/>
    </row>
    <row r="439505" spans="14:14">
      <c r="N439505" s="10"/>
    </row>
    <row r="439506" spans="14:14">
      <c r="N439506" s="10"/>
    </row>
    <row r="439507" spans="14:14">
      <c r="N439507" s="10"/>
    </row>
    <row r="439508" spans="14:14">
      <c r="N439508" s="10"/>
    </row>
    <row r="439509" spans="14:14">
      <c r="N439509" s="10"/>
    </row>
    <row r="439510" spans="14:14">
      <c r="N439510" s="10"/>
    </row>
    <row r="439511" spans="14:14">
      <c r="N439511" s="10"/>
    </row>
    <row r="439512" spans="14:14">
      <c r="N439512" s="10"/>
    </row>
    <row r="439513" spans="14:14">
      <c r="N439513" s="10"/>
    </row>
    <row r="439514" spans="14:14">
      <c r="N439514" s="10"/>
    </row>
    <row r="439515" spans="14:14">
      <c r="N439515" s="10"/>
    </row>
    <row r="439516" spans="14:14">
      <c r="N439516" s="10"/>
    </row>
    <row r="439517" spans="14:14">
      <c r="N439517" s="10"/>
    </row>
    <row r="439518" spans="14:14">
      <c r="N439518" s="10"/>
    </row>
    <row r="439519" spans="14:14">
      <c r="N439519" s="10"/>
    </row>
    <row r="439520" spans="14:14">
      <c r="N439520" s="10"/>
    </row>
    <row r="439521" spans="14:14">
      <c r="N439521" s="10"/>
    </row>
    <row r="439522" spans="14:14">
      <c r="N439522" s="10"/>
    </row>
    <row r="439523" spans="14:14">
      <c r="N439523" s="10"/>
    </row>
    <row r="439524" spans="14:14">
      <c r="N439524" s="10"/>
    </row>
    <row r="439525" spans="14:14">
      <c r="N439525" s="10"/>
    </row>
    <row r="439526" spans="14:14">
      <c r="N439526" s="10"/>
    </row>
    <row r="439527" spans="14:14">
      <c r="N439527" s="10"/>
    </row>
    <row r="439528" spans="14:14">
      <c r="N439528" s="10"/>
    </row>
    <row r="439529" spans="14:14">
      <c r="N439529" s="10"/>
    </row>
    <row r="439530" spans="14:14">
      <c r="N439530" s="10"/>
    </row>
    <row r="439531" spans="14:14">
      <c r="N439531" s="10"/>
    </row>
    <row r="439532" spans="14:14">
      <c r="N439532" s="10"/>
    </row>
    <row r="439533" spans="14:14">
      <c r="N439533" s="10"/>
    </row>
    <row r="439534" spans="14:14">
      <c r="N439534" s="10"/>
    </row>
    <row r="439535" spans="14:14">
      <c r="N439535" s="10"/>
    </row>
    <row r="439536" spans="14:14">
      <c r="N439536" s="10"/>
    </row>
    <row r="439537" spans="14:14">
      <c r="N439537" s="10"/>
    </row>
    <row r="439538" spans="14:14">
      <c r="N439538" s="10"/>
    </row>
    <row r="439539" spans="14:14">
      <c r="N439539" s="10"/>
    </row>
    <row r="439540" spans="14:14">
      <c r="N439540" s="10"/>
    </row>
    <row r="439541" spans="14:14">
      <c r="N439541" s="10"/>
    </row>
    <row r="439542" spans="14:14">
      <c r="N439542" s="10"/>
    </row>
    <row r="439543" spans="14:14">
      <c r="N439543" s="10"/>
    </row>
    <row r="439544" spans="14:14">
      <c r="N439544" s="10"/>
    </row>
    <row r="439545" spans="14:14">
      <c r="N439545" s="10"/>
    </row>
    <row r="439546" spans="14:14">
      <c r="N439546" s="10"/>
    </row>
    <row r="439547" spans="14:14">
      <c r="N439547" s="10"/>
    </row>
    <row r="439548" spans="14:14">
      <c r="N439548" s="10"/>
    </row>
    <row r="439549" spans="14:14">
      <c r="N439549" s="10"/>
    </row>
    <row r="439550" spans="14:14">
      <c r="N439550" s="10"/>
    </row>
    <row r="439551" spans="14:14">
      <c r="N439551" s="10"/>
    </row>
    <row r="439552" spans="14:14">
      <c r="N439552" s="10"/>
    </row>
    <row r="439553" spans="14:14">
      <c r="N439553" s="10"/>
    </row>
    <row r="439554" spans="14:14">
      <c r="N439554" s="10"/>
    </row>
    <row r="439555" spans="14:14">
      <c r="N439555" s="10"/>
    </row>
    <row r="439556" spans="14:14">
      <c r="N439556" s="10"/>
    </row>
    <row r="439557" spans="14:14">
      <c r="N439557" s="10"/>
    </row>
    <row r="439558" spans="14:14">
      <c r="N439558" s="10"/>
    </row>
    <row r="439559" spans="14:14">
      <c r="N439559" s="10"/>
    </row>
    <row r="439560" spans="14:14">
      <c r="N439560" s="10"/>
    </row>
    <row r="439561" spans="14:14">
      <c r="N439561" s="10"/>
    </row>
    <row r="439562" spans="14:14">
      <c r="N439562" s="10"/>
    </row>
    <row r="439563" spans="14:14">
      <c r="N439563" s="10"/>
    </row>
    <row r="439564" spans="14:14">
      <c r="N439564" s="10"/>
    </row>
    <row r="439565" spans="14:14">
      <c r="N439565" s="10"/>
    </row>
    <row r="439566" spans="14:14">
      <c r="N439566" s="10"/>
    </row>
    <row r="439567" spans="14:14">
      <c r="N439567" s="10"/>
    </row>
    <row r="439568" spans="14:14">
      <c r="N439568" s="10"/>
    </row>
    <row r="439569" spans="14:14">
      <c r="N439569" s="10"/>
    </row>
    <row r="439570" spans="14:14">
      <c r="N439570" s="10"/>
    </row>
    <row r="439571" spans="14:14">
      <c r="N439571" s="10"/>
    </row>
    <row r="439572" spans="14:14">
      <c r="N439572" s="10"/>
    </row>
    <row r="439573" spans="14:14">
      <c r="N439573" s="10"/>
    </row>
    <row r="439574" spans="14:14">
      <c r="N439574" s="10"/>
    </row>
    <row r="439575" spans="14:14">
      <c r="N439575" s="10"/>
    </row>
    <row r="439576" spans="14:14">
      <c r="N439576" s="10"/>
    </row>
    <row r="439577" spans="14:14">
      <c r="N439577" s="10"/>
    </row>
    <row r="439578" spans="14:14">
      <c r="N439578" s="10"/>
    </row>
    <row r="439579" spans="14:14">
      <c r="N439579" s="10"/>
    </row>
    <row r="439580" spans="14:14">
      <c r="N439580" s="10"/>
    </row>
    <row r="439581" spans="14:14">
      <c r="N439581" s="10"/>
    </row>
    <row r="439582" spans="14:14">
      <c r="N439582" s="10"/>
    </row>
    <row r="439583" spans="14:14">
      <c r="N439583" s="10"/>
    </row>
    <row r="439584" spans="14:14">
      <c r="N439584" s="10"/>
    </row>
    <row r="439585" spans="14:14">
      <c r="N439585" s="10"/>
    </row>
    <row r="439586" spans="14:14">
      <c r="N439586" s="10"/>
    </row>
    <row r="439587" spans="14:14">
      <c r="N439587" s="10"/>
    </row>
    <row r="439588" spans="14:14">
      <c r="N439588" s="10"/>
    </row>
    <row r="439589" spans="14:14">
      <c r="N439589" s="10"/>
    </row>
    <row r="439590" spans="14:14">
      <c r="N439590" s="10"/>
    </row>
    <row r="439591" spans="14:14">
      <c r="N439591" s="10"/>
    </row>
    <row r="439592" spans="14:14">
      <c r="N439592" s="10"/>
    </row>
    <row r="439593" spans="14:14">
      <c r="N439593" s="10"/>
    </row>
    <row r="439594" spans="14:14">
      <c r="N439594" s="10"/>
    </row>
    <row r="439595" spans="14:14">
      <c r="N439595" s="10"/>
    </row>
    <row r="439596" spans="14:14">
      <c r="N439596" s="10"/>
    </row>
    <row r="439597" spans="14:14">
      <c r="N439597" s="10"/>
    </row>
    <row r="439598" spans="14:14">
      <c r="N439598" s="10"/>
    </row>
    <row r="439599" spans="14:14">
      <c r="N439599" s="10"/>
    </row>
    <row r="439600" spans="14:14">
      <c r="N439600" s="10"/>
    </row>
    <row r="439601" spans="14:14">
      <c r="N439601" s="10"/>
    </row>
    <row r="439602" spans="14:14">
      <c r="N439602" s="10"/>
    </row>
    <row r="439603" spans="14:14">
      <c r="N439603" s="10"/>
    </row>
    <row r="439604" spans="14:14">
      <c r="N439604" s="10"/>
    </row>
    <row r="439605" spans="14:14">
      <c r="N439605" s="10"/>
    </row>
    <row r="439606" spans="14:14">
      <c r="N439606" s="10"/>
    </row>
    <row r="439607" spans="14:14">
      <c r="N439607" s="10"/>
    </row>
    <row r="439608" spans="14:14">
      <c r="N439608" s="10"/>
    </row>
    <row r="439609" spans="14:14">
      <c r="N439609" s="10"/>
    </row>
    <row r="439610" spans="14:14">
      <c r="N439610" s="10"/>
    </row>
    <row r="439611" spans="14:14">
      <c r="N439611" s="10"/>
    </row>
    <row r="439612" spans="14:14">
      <c r="N439612" s="10"/>
    </row>
    <row r="439613" spans="14:14">
      <c r="N439613" s="10"/>
    </row>
    <row r="439614" spans="14:14">
      <c r="N439614" s="10"/>
    </row>
    <row r="439615" spans="14:14">
      <c r="N439615" s="10"/>
    </row>
    <row r="439616" spans="14:14">
      <c r="N439616" s="10"/>
    </row>
    <row r="439617" spans="14:14">
      <c r="N439617" s="10"/>
    </row>
    <row r="439618" spans="14:14">
      <c r="N439618" s="10"/>
    </row>
    <row r="439619" spans="14:14">
      <c r="N439619" s="10"/>
    </row>
    <row r="439620" spans="14:14">
      <c r="N439620" s="10"/>
    </row>
    <row r="439621" spans="14:14">
      <c r="N439621" s="10"/>
    </row>
    <row r="439622" spans="14:14">
      <c r="N439622" s="10"/>
    </row>
    <row r="439623" spans="14:14">
      <c r="N439623" s="10"/>
    </row>
    <row r="439624" spans="14:14">
      <c r="N439624" s="10"/>
    </row>
    <row r="439625" spans="14:14">
      <c r="N439625" s="10"/>
    </row>
    <row r="439626" spans="14:14">
      <c r="N439626" s="10"/>
    </row>
    <row r="439627" spans="14:14">
      <c r="N439627" s="10"/>
    </row>
    <row r="439628" spans="14:14">
      <c r="N439628" s="10"/>
    </row>
    <row r="439629" spans="14:14">
      <c r="N439629" s="10"/>
    </row>
    <row r="439630" spans="14:14">
      <c r="N439630" s="10"/>
    </row>
    <row r="439631" spans="14:14">
      <c r="N439631" s="10"/>
    </row>
    <row r="439632" spans="14:14">
      <c r="N439632" s="10"/>
    </row>
    <row r="439633" spans="14:14">
      <c r="N439633" s="10"/>
    </row>
    <row r="439634" spans="14:14">
      <c r="N439634" s="10"/>
    </row>
    <row r="439635" spans="14:14">
      <c r="N439635" s="10"/>
    </row>
    <row r="439636" spans="14:14">
      <c r="N439636" s="10"/>
    </row>
    <row r="439637" spans="14:14">
      <c r="N439637" s="10"/>
    </row>
    <row r="439638" spans="14:14">
      <c r="N439638" s="10"/>
    </row>
    <row r="439639" spans="14:14">
      <c r="N439639" s="10"/>
    </row>
    <row r="439640" spans="14:14">
      <c r="N439640" s="10"/>
    </row>
    <row r="439641" spans="14:14">
      <c r="N439641" s="10"/>
    </row>
    <row r="439642" spans="14:14">
      <c r="N439642" s="10"/>
    </row>
    <row r="439643" spans="14:14">
      <c r="N439643" s="10"/>
    </row>
    <row r="439644" spans="14:14">
      <c r="N439644" s="10"/>
    </row>
    <row r="439645" spans="14:14">
      <c r="N439645" s="10"/>
    </row>
    <row r="439646" spans="14:14">
      <c r="N439646" s="10"/>
    </row>
    <row r="439647" spans="14:14">
      <c r="N439647" s="10"/>
    </row>
    <row r="439648" spans="14:14">
      <c r="N439648" s="10"/>
    </row>
    <row r="439649" spans="14:14">
      <c r="N439649" s="10"/>
    </row>
    <row r="439650" spans="14:14">
      <c r="N439650" s="10"/>
    </row>
    <row r="439651" spans="14:14">
      <c r="N439651" s="10"/>
    </row>
    <row r="439652" spans="14:14">
      <c r="N439652" s="10"/>
    </row>
    <row r="439653" spans="14:14">
      <c r="N439653" s="10"/>
    </row>
    <row r="439654" spans="14:14">
      <c r="N439654" s="10"/>
    </row>
    <row r="439655" spans="14:14">
      <c r="N439655" s="10"/>
    </row>
    <row r="439656" spans="14:14">
      <c r="N439656" s="10"/>
    </row>
    <row r="439657" spans="14:14">
      <c r="N439657" s="10"/>
    </row>
    <row r="439658" spans="14:14">
      <c r="N439658" s="10"/>
    </row>
    <row r="439659" spans="14:14">
      <c r="N439659" s="10"/>
    </row>
    <row r="439660" spans="14:14">
      <c r="N439660" s="10"/>
    </row>
    <row r="439661" spans="14:14">
      <c r="N439661" s="10"/>
    </row>
    <row r="439662" spans="14:14">
      <c r="N439662" s="10"/>
    </row>
    <row r="439663" spans="14:14">
      <c r="N439663" s="10"/>
    </row>
    <row r="439664" spans="14:14">
      <c r="N439664" s="10"/>
    </row>
    <row r="439665" spans="14:14">
      <c r="N439665" s="10"/>
    </row>
    <row r="439666" spans="14:14">
      <c r="N439666" s="10"/>
    </row>
    <row r="439667" spans="14:14">
      <c r="N439667" s="10"/>
    </row>
    <row r="439668" spans="14:14">
      <c r="N439668" s="10"/>
    </row>
    <row r="439669" spans="14:14">
      <c r="N439669" s="10"/>
    </row>
    <row r="439670" spans="14:14">
      <c r="N439670" s="10"/>
    </row>
    <row r="439671" spans="14:14">
      <c r="N439671" s="10"/>
    </row>
    <row r="439672" spans="14:14">
      <c r="N439672" s="10"/>
    </row>
    <row r="439673" spans="14:14">
      <c r="N439673" s="10"/>
    </row>
    <row r="439674" spans="14:14">
      <c r="N439674" s="10"/>
    </row>
    <row r="439675" spans="14:14">
      <c r="N439675" s="10"/>
    </row>
    <row r="439676" spans="14:14">
      <c r="N439676" s="10"/>
    </row>
    <row r="439677" spans="14:14">
      <c r="N439677" s="10"/>
    </row>
    <row r="439678" spans="14:14">
      <c r="N439678" s="10"/>
    </row>
    <row r="439679" spans="14:14">
      <c r="N439679" s="10"/>
    </row>
    <row r="439680" spans="14:14">
      <c r="N439680" s="10"/>
    </row>
    <row r="439681" spans="14:14">
      <c r="N439681" s="10"/>
    </row>
    <row r="439682" spans="14:14">
      <c r="N439682" s="10"/>
    </row>
    <row r="439683" spans="14:14">
      <c r="N439683" s="10"/>
    </row>
    <row r="439684" spans="14:14">
      <c r="N439684" s="10"/>
    </row>
    <row r="439685" spans="14:14">
      <c r="N439685" s="10"/>
    </row>
    <row r="439686" spans="14:14">
      <c r="N439686" s="10"/>
    </row>
    <row r="439687" spans="14:14">
      <c r="N439687" s="10"/>
    </row>
    <row r="439688" spans="14:14">
      <c r="N439688" s="10"/>
    </row>
    <row r="439689" spans="14:14">
      <c r="N439689" s="10"/>
    </row>
    <row r="439690" spans="14:14">
      <c r="N439690" s="10"/>
    </row>
    <row r="439691" spans="14:14">
      <c r="N439691" s="10"/>
    </row>
    <row r="439692" spans="14:14">
      <c r="N439692" s="10"/>
    </row>
    <row r="439693" spans="14:14">
      <c r="N439693" s="10"/>
    </row>
    <row r="439694" spans="14:14">
      <c r="N439694" s="10"/>
    </row>
    <row r="439695" spans="14:14">
      <c r="N439695" s="10"/>
    </row>
    <row r="439696" spans="14:14">
      <c r="N439696" s="10"/>
    </row>
    <row r="439697" spans="14:14">
      <c r="N439697" s="10"/>
    </row>
    <row r="439698" spans="14:14">
      <c r="N439698" s="10"/>
    </row>
    <row r="439699" spans="14:14">
      <c r="N439699" s="10"/>
    </row>
    <row r="439700" spans="14:14">
      <c r="N439700" s="10"/>
    </row>
    <row r="439701" spans="14:14">
      <c r="N439701" s="10"/>
    </row>
    <row r="439702" spans="14:14">
      <c r="N439702" s="10"/>
    </row>
    <row r="439703" spans="14:14">
      <c r="N439703" s="10"/>
    </row>
    <row r="439704" spans="14:14">
      <c r="N439704" s="10"/>
    </row>
    <row r="439705" spans="14:14">
      <c r="N439705" s="10"/>
    </row>
    <row r="439706" spans="14:14">
      <c r="N439706" s="10"/>
    </row>
    <row r="439707" spans="14:14">
      <c r="N439707" s="10"/>
    </row>
    <row r="439708" spans="14:14">
      <c r="N439708" s="10"/>
    </row>
    <row r="439709" spans="14:14">
      <c r="N439709" s="10"/>
    </row>
    <row r="439710" spans="14:14">
      <c r="N439710" s="10"/>
    </row>
    <row r="439711" spans="14:14">
      <c r="N439711" s="10"/>
    </row>
    <row r="439712" spans="14:14">
      <c r="N439712" s="10"/>
    </row>
    <row r="439713" spans="14:14">
      <c r="N439713" s="10"/>
    </row>
    <row r="439714" spans="14:14">
      <c r="N439714" s="10"/>
    </row>
    <row r="439715" spans="14:14">
      <c r="N439715" s="10"/>
    </row>
    <row r="439716" spans="14:14">
      <c r="N439716" s="10"/>
    </row>
    <row r="439717" spans="14:14">
      <c r="N439717" s="10"/>
    </row>
    <row r="439718" spans="14:14">
      <c r="N439718" s="10"/>
    </row>
    <row r="439719" spans="14:14">
      <c r="N439719" s="10"/>
    </row>
    <row r="439720" spans="14:14">
      <c r="N439720" s="10"/>
    </row>
    <row r="439721" spans="14:14">
      <c r="N439721" s="10"/>
    </row>
    <row r="439722" spans="14:14">
      <c r="N439722" s="10"/>
    </row>
    <row r="439723" spans="14:14">
      <c r="N439723" s="10"/>
    </row>
    <row r="439724" spans="14:14">
      <c r="N439724" s="10"/>
    </row>
    <row r="439725" spans="14:14">
      <c r="N439725" s="10"/>
    </row>
    <row r="439726" spans="14:14">
      <c r="N439726" s="10"/>
    </row>
    <row r="439727" spans="14:14">
      <c r="N439727" s="10"/>
    </row>
    <row r="439728" spans="14:14">
      <c r="N439728" s="10"/>
    </row>
    <row r="439729" spans="14:14">
      <c r="N439729" s="10"/>
    </row>
    <row r="439730" spans="14:14">
      <c r="N439730" s="10"/>
    </row>
    <row r="439731" spans="14:14">
      <c r="N439731" s="10"/>
    </row>
    <row r="439732" spans="14:14">
      <c r="N439732" s="10"/>
    </row>
    <row r="439733" spans="14:14">
      <c r="N439733" s="10"/>
    </row>
    <row r="439734" spans="14:14">
      <c r="N439734" s="10"/>
    </row>
    <row r="439735" spans="14:14">
      <c r="N439735" s="10"/>
    </row>
    <row r="439736" spans="14:14">
      <c r="N439736" s="10"/>
    </row>
    <row r="439737" spans="14:14">
      <c r="N439737" s="10"/>
    </row>
    <row r="439738" spans="14:14">
      <c r="N439738" s="10"/>
    </row>
    <row r="439739" spans="14:14">
      <c r="N439739" s="10"/>
    </row>
    <row r="439740" spans="14:14">
      <c r="N439740" s="10"/>
    </row>
    <row r="439741" spans="14:14">
      <c r="N439741" s="10"/>
    </row>
    <row r="439742" spans="14:14">
      <c r="N439742" s="10"/>
    </row>
    <row r="439743" spans="14:14">
      <c r="N439743" s="10"/>
    </row>
    <row r="439744" spans="14:14">
      <c r="N439744" s="10"/>
    </row>
    <row r="439745" spans="14:14">
      <c r="N439745" s="10"/>
    </row>
    <row r="439746" spans="14:14">
      <c r="N439746" s="10"/>
    </row>
    <row r="439747" spans="14:14">
      <c r="N439747" s="10"/>
    </row>
    <row r="439748" spans="14:14">
      <c r="N439748" s="10"/>
    </row>
    <row r="439749" spans="14:14">
      <c r="N439749" s="10"/>
    </row>
    <row r="439750" spans="14:14">
      <c r="N439750" s="10"/>
    </row>
    <row r="439751" spans="14:14">
      <c r="N439751" s="10"/>
    </row>
    <row r="439752" spans="14:14">
      <c r="N439752" s="10"/>
    </row>
    <row r="439753" spans="14:14">
      <c r="N439753" s="10"/>
    </row>
    <row r="439754" spans="14:14">
      <c r="N439754" s="10"/>
    </row>
    <row r="439755" spans="14:14">
      <c r="N439755" s="10"/>
    </row>
    <row r="439756" spans="14:14">
      <c r="N439756" s="10"/>
    </row>
    <row r="439757" spans="14:14">
      <c r="N439757" s="10"/>
    </row>
    <row r="439758" spans="14:14">
      <c r="N439758" s="10"/>
    </row>
    <row r="439759" spans="14:14">
      <c r="N439759" s="10"/>
    </row>
    <row r="439760" spans="14:14">
      <c r="N439760" s="10"/>
    </row>
    <row r="439761" spans="14:14">
      <c r="N439761" s="10"/>
    </row>
    <row r="439762" spans="14:14">
      <c r="N439762" s="10"/>
    </row>
    <row r="439763" spans="14:14">
      <c r="N439763" s="10"/>
    </row>
    <row r="439764" spans="14:14">
      <c r="N439764" s="10"/>
    </row>
    <row r="439765" spans="14:14">
      <c r="N439765" s="10"/>
    </row>
    <row r="439766" spans="14:14">
      <c r="N439766" s="10"/>
    </row>
    <row r="439767" spans="14:14">
      <c r="N439767" s="10"/>
    </row>
    <row r="439768" spans="14:14">
      <c r="N439768" s="10"/>
    </row>
    <row r="439769" spans="14:14">
      <c r="N439769" s="10"/>
    </row>
    <row r="439770" spans="14:14">
      <c r="N439770" s="10"/>
    </row>
    <row r="439771" spans="14:14">
      <c r="N439771" s="10"/>
    </row>
    <row r="439772" spans="14:14">
      <c r="N439772" s="10"/>
    </row>
    <row r="439773" spans="14:14">
      <c r="N439773" s="10"/>
    </row>
    <row r="439774" spans="14:14">
      <c r="N439774" s="10"/>
    </row>
    <row r="439775" spans="14:14">
      <c r="N439775" s="10"/>
    </row>
    <row r="439776" spans="14:14">
      <c r="N439776" s="10"/>
    </row>
    <row r="439777" spans="14:14">
      <c r="N439777" s="10"/>
    </row>
    <row r="439778" spans="14:14">
      <c r="N439778" s="10"/>
    </row>
    <row r="439779" spans="14:14">
      <c r="N439779" s="10"/>
    </row>
    <row r="439780" spans="14:14">
      <c r="N439780" s="10"/>
    </row>
    <row r="439781" spans="14:14">
      <c r="N439781" s="10"/>
    </row>
    <row r="439782" spans="14:14">
      <c r="N439782" s="10"/>
    </row>
    <row r="439783" spans="14:14">
      <c r="N439783" s="10"/>
    </row>
    <row r="439784" spans="14:14">
      <c r="N439784" s="10"/>
    </row>
    <row r="439785" spans="14:14">
      <c r="N439785" s="10"/>
    </row>
    <row r="439786" spans="14:14">
      <c r="N439786" s="10"/>
    </row>
    <row r="439787" spans="14:14">
      <c r="N439787" s="10"/>
    </row>
    <row r="439788" spans="14:14">
      <c r="N439788" s="10"/>
    </row>
    <row r="439789" spans="14:14">
      <c r="N439789" s="10"/>
    </row>
    <row r="439790" spans="14:14">
      <c r="N439790" s="10"/>
    </row>
    <row r="439791" spans="14:14">
      <c r="N439791" s="10"/>
    </row>
    <row r="439792" spans="14:14">
      <c r="N439792" s="10"/>
    </row>
    <row r="439793" spans="14:14">
      <c r="N439793" s="10"/>
    </row>
    <row r="439794" spans="14:14">
      <c r="N439794" s="10"/>
    </row>
    <row r="439795" spans="14:14">
      <c r="N439795" s="10"/>
    </row>
    <row r="439796" spans="14:14">
      <c r="N439796" s="10"/>
    </row>
    <row r="439797" spans="14:14">
      <c r="N439797" s="10"/>
    </row>
    <row r="439798" spans="14:14">
      <c r="N439798" s="10"/>
    </row>
    <row r="439799" spans="14:14">
      <c r="N439799" s="10"/>
    </row>
    <row r="439800" spans="14:14">
      <c r="N439800" s="10"/>
    </row>
    <row r="439801" spans="14:14">
      <c r="N439801" s="10"/>
    </row>
    <row r="439802" spans="14:14">
      <c r="N439802" s="10"/>
    </row>
    <row r="439803" spans="14:14">
      <c r="N439803" s="10"/>
    </row>
    <row r="439804" spans="14:14">
      <c r="N439804" s="10"/>
    </row>
    <row r="439805" spans="14:14">
      <c r="N439805" s="10"/>
    </row>
    <row r="439806" spans="14:14">
      <c r="N439806" s="10"/>
    </row>
    <row r="439807" spans="14:14">
      <c r="N439807" s="10"/>
    </row>
    <row r="439808" spans="14:14">
      <c r="N439808" s="10"/>
    </row>
    <row r="439809" spans="14:14">
      <c r="N439809" s="10"/>
    </row>
    <row r="439810" spans="14:14">
      <c r="N439810" s="10"/>
    </row>
    <row r="439811" spans="14:14">
      <c r="N439811" s="10"/>
    </row>
    <row r="439812" spans="14:14">
      <c r="N439812" s="10"/>
    </row>
    <row r="439813" spans="14:14">
      <c r="N439813" s="10"/>
    </row>
    <row r="439814" spans="14:14">
      <c r="N439814" s="10"/>
    </row>
    <row r="439815" spans="14:14">
      <c r="N439815" s="10"/>
    </row>
    <row r="439816" spans="14:14">
      <c r="N439816" s="10"/>
    </row>
    <row r="439817" spans="14:14">
      <c r="N439817" s="10"/>
    </row>
    <row r="439818" spans="14:14">
      <c r="N439818" s="10"/>
    </row>
    <row r="439819" spans="14:14">
      <c r="N439819" s="10"/>
    </row>
    <row r="439820" spans="14:14">
      <c r="N439820" s="10"/>
    </row>
    <row r="439821" spans="14:14">
      <c r="N439821" s="10"/>
    </row>
    <row r="439822" spans="14:14">
      <c r="N439822" s="10"/>
    </row>
    <row r="439823" spans="14:14">
      <c r="N439823" s="10"/>
    </row>
    <row r="439824" spans="14:14">
      <c r="N439824" s="10"/>
    </row>
    <row r="439825" spans="14:14">
      <c r="N439825" s="10"/>
    </row>
    <row r="439826" spans="14:14">
      <c r="N439826" s="10"/>
    </row>
    <row r="439827" spans="14:14">
      <c r="N439827" s="10"/>
    </row>
    <row r="439828" spans="14:14">
      <c r="N439828" s="10"/>
    </row>
    <row r="439829" spans="14:14">
      <c r="N439829" s="10"/>
    </row>
    <row r="439830" spans="14:14">
      <c r="N439830" s="10"/>
    </row>
    <row r="439831" spans="14:14">
      <c r="N439831" s="10"/>
    </row>
    <row r="439832" spans="14:14">
      <c r="N439832" s="10"/>
    </row>
    <row r="439833" spans="14:14">
      <c r="N439833" s="10"/>
    </row>
    <row r="439834" spans="14:14">
      <c r="N439834" s="10"/>
    </row>
    <row r="439835" spans="14:14">
      <c r="N439835" s="10"/>
    </row>
    <row r="439836" spans="14:14">
      <c r="N439836" s="10"/>
    </row>
    <row r="439837" spans="14:14">
      <c r="N439837" s="10"/>
    </row>
    <row r="439838" spans="14:14">
      <c r="N439838" s="10"/>
    </row>
    <row r="439839" spans="14:14">
      <c r="N439839" s="10"/>
    </row>
    <row r="439840" spans="14:14">
      <c r="N439840" s="10"/>
    </row>
    <row r="439841" spans="14:14">
      <c r="N439841" s="10"/>
    </row>
    <row r="439842" spans="14:14">
      <c r="N439842" s="10"/>
    </row>
    <row r="439843" spans="14:14">
      <c r="N439843" s="10"/>
    </row>
    <row r="439844" spans="14:14">
      <c r="N439844" s="10"/>
    </row>
    <row r="439845" spans="14:14">
      <c r="N439845" s="10"/>
    </row>
    <row r="439846" spans="14:14">
      <c r="N439846" s="10"/>
    </row>
    <row r="439847" spans="14:14">
      <c r="N439847" s="10"/>
    </row>
    <row r="439848" spans="14:14">
      <c r="N439848" s="10"/>
    </row>
    <row r="439849" spans="14:14">
      <c r="N439849" s="10"/>
    </row>
    <row r="439850" spans="14:14">
      <c r="N439850" s="10"/>
    </row>
    <row r="439851" spans="14:14">
      <c r="N439851" s="10"/>
    </row>
    <row r="439852" spans="14:14">
      <c r="N439852" s="10"/>
    </row>
    <row r="439853" spans="14:14">
      <c r="N439853" s="10"/>
    </row>
    <row r="439854" spans="14:14">
      <c r="N439854" s="10"/>
    </row>
    <row r="439855" spans="14:14">
      <c r="N439855" s="10"/>
    </row>
    <row r="439856" spans="14:14">
      <c r="N439856" s="10"/>
    </row>
    <row r="439857" spans="14:14">
      <c r="N439857" s="10"/>
    </row>
    <row r="439858" spans="14:14">
      <c r="N439858" s="10"/>
    </row>
    <row r="439859" spans="14:14">
      <c r="N439859" s="10"/>
    </row>
    <row r="439860" spans="14:14">
      <c r="N439860" s="10"/>
    </row>
    <row r="439861" spans="14:14">
      <c r="N439861" s="10"/>
    </row>
    <row r="439862" spans="14:14">
      <c r="N439862" s="10"/>
    </row>
    <row r="439863" spans="14:14">
      <c r="N439863" s="10"/>
    </row>
    <row r="439864" spans="14:14">
      <c r="N439864" s="10"/>
    </row>
    <row r="439865" spans="14:14">
      <c r="N439865" s="10"/>
    </row>
    <row r="439866" spans="14:14">
      <c r="N439866" s="10"/>
    </row>
    <row r="439867" spans="14:14">
      <c r="N439867" s="10"/>
    </row>
    <row r="439868" spans="14:14">
      <c r="N439868" s="10"/>
    </row>
    <row r="439869" spans="14:14">
      <c r="N439869" s="10"/>
    </row>
    <row r="439870" spans="14:14">
      <c r="N439870" s="10"/>
    </row>
    <row r="439871" spans="14:14">
      <c r="N439871" s="10"/>
    </row>
    <row r="439872" spans="14:14">
      <c r="N439872" s="10"/>
    </row>
    <row r="439873" spans="14:14">
      <c r="N439873" s="10"/>
    </row>
    <row r="439874" spans="14:14">
      <c r="N439874" s="10"/>
    </row>
    <row r="439875" spans="14:14">
      <c r="N439875" s="10"/>
    </row>
    <row r="439876" spans="14:14">
      <c r="N439876" s="10"/>
    </row>
    <row r="439877" spans="14:14">
      <c r="N439877" s="10"/>
    </row>
    <row r="439878" spans="14:14">
      <c r="N439878" s="10"/>
    </row>
    <row r="439879" spans="14:14">
      <c r="N439879" s="10"/>
    </row>
    <row r="439880" spans="14:14">
      <c r="N439880" s="10"/>
    </row>
    <row r="439881" spans="14:14">
      <c r="N439881" s="10"/>
    </row>
    <row r="439882" spans="14:14">
      <c r="N439882" s="10"/>
    </row>
    <row r="439883" spans="14:14">
      <c r="N439883" s="10"/>
    </row>
    <row r="439884" spans="14:14">
      <c r="N439884" s="10"/>
    </row>
    <row r="439885" spans="14:14">
      <c r="N439885" s="10"/>
    </row>
    <row r="439886" spans="14:14">
      <c r="N439886" s="10"/>
    </row>
    <row r="439887" spans="14:14">
      <c r="N439887" s="10"/>
    </row>
    <row r="439888" spans="14:14">
      <c r="N439888" s="10"/>
    </row>
    <row r="439889" spans="14:14">
      <c r="N439889" s="10"/>
    </row>
    <row r="439890" spans="14:14">
      <c r="N439890" s="10"/>
    </row>
    <row r="439891" spans="14:14">
      <c r="N439891" s="10"/>
    </row>
    <row r="439892" spans="14:14">
      <c r="N439892" s="10"/>
    </row>
    <row r="439893" spans="14:14">
      <c r="N439893" s="10"/>
    </row>
    <row r="439894" spans="14:14">
      <c r="N439894" s="10"/>
    </row>
    <row r="439895" spans="14:14">
      <c r="N439895" s="10"/>
    </row>
    <row r="439896" spans="14:14">
      <c r="N439896" s="10"/>
    </row>
    <row r="439897" spans="14:14">
      <c r="N439897" s="10"/>
    </row>
    <row r="439898" spans="14:14">
      <c r="N439898" s="10"/>
    </row>
    <row r="439899" spans="14:14">
      <c r="N439899" s="10"/>
    </row>
    <row r="439900" spans="14:14">
      <c r="N439900" s="10"/>
    </row>
    <row r="439901" spans="14:14">
      <c r="N439901" s="10"/>
    </row>
    <row r="439902" spans="14:14">
      <c r="N439902" s="10"/>
    </row>
    <row r="439903" spans="14:14">
      <c r="N439903" s="10"/>
    </row>
    <row r="439904" spans="14:14">
      <c r="N439904" s="10"/>
    </row>
    <row r="439905" spans="14:14">
      <c r="N439905" s="10"/>
    </row>
    <row r="439906" spans="14:14">
      <c r="N439906" s="10"/>
    </row>
    <row r="439907" spans="14:14">
      <c r="N439907" s="10"/>
    </row>
    <row r="439908" spans="14:14">
      <c r="N439908" s="10"/>
    </row>
    <row r="439909" spans="14:14">
      <c r="N439909" s="10"/>
    </row>
    <row r="439910" spans="14:14">
      <c r="N439910" s="10"/>
    </row>
    <row r="439911" spans="14:14">
      <c r="N439911" s="10"/>
    </row>
    <row r="439912" spans="14:14">
      <c r="N439912" s="10"/>
    </row>
    <row r="439913" spans="14:14">
      <c r="N439913" s="10"/>
    </row>
    <row r="439914" spans="14:14">
      <c r="N439914" s="10"/>
    </row>
    <row r="439915" spans="14:14">
      <c r="N439915" s="10"/>
    </row>
    <row r="439916" spans="14:14">
      <c r="N439916" s="10"/>
    </row>
    <row r="439917" spans="14:14">
      <c r="N439917" s="10"/>
    </row>
    <row r="439918" spans="14:14">
      <c r="N439918" s="10"/>
    </row>
    <row r="439919" spans="14:14">
      <c r="N439919" s="10"/>
    </row>
    <row r="439920" spans="14:14">
      <c r="N439920" s="10"/>
    </row>
    <row r="439921" spans="14:14">
      <c r="N439921" s="10"/>
    </row>
    <row r="439922" spans="14:14">
      <c r="N439922" s="10"/>
    </row>
    <row r="439923" spans="14:14">
      <c r="N439923" s="10"/>
    </row>
    <row r="439924" spans="14:14">
      <c r="N439924" s="10"/>
    </row>
    <row r="439925" spans="14:14">
      <c r="N439925" s="10"/>
    </row>
    <row r="439926" spans="14:14">
      <c r="N439926" s="10"/>
    </row>
    <row r="439927" spans="14:14">
      <c r="N439927" s="10"/>
    </row>
    <row r="439928" spans="14:14">
      <c r="N439928" s="10"/>
    </row>
    <row r="439929" spans="14:14">
      <c r="N439929" s="10"/>
    </row>
    <row r="439930" spans="14:14">
      <c r="N439930" s="10"/>
    </row>
    <row r="439931" spans="14:14">
      <c r="N439931" s="10"/>
    </row>
    <row r="439932" spans="14:14">
      <c r="N439932" s="10"/>
    </row>
    <row r="439933" spans="14:14">
      <c r="N439933" s="10"/>
    </row>
    <row r="439934" spans="14:14">
      <c r="N439934" s="10"/>
    </row>
    <row r="439935" spans="14:14">
      <c r="N439935" s="10"/>
    </row>
    <row r="439936" spans="14:14">
      <c r="N439936" s="10"/>
    </row>
    <row r="439937" spans="14:14">
      <c r="N439937" s="10"/>
    </row>
    <row r="439938" spans="14:14">
      <c r="N439938" s="10"/>
    </row>
    <row r="439939" spans="14:14">
      <c r="N439939" s="10"/>
    </row>
    <row r="439940" spans="14:14">
      <c r="N439940" s="10"/>
    </row>
    <row r="439941" spans="14:14">
      <c r="N439941" s="10"/>
    </row>
    <row r="439942" spans="14:14">
      <c r="N439942" s="10"/>
    </row>
    <row r="439943" spans="14:14">
      <c r="N439943" s="10"/>
    </row>
    <row r="439944" spans="14:14">
      <c r="N439944" s="10"/>
    </row>
    <row r="439945" spans="14:14">
      <c r="N439945" s="10"/>
    </row>
    <row r="439946" spans="14:14">
      <c r="N439946" s="10"/>
    </row>
    <row r="439947" spans="14:14">
      <c r="N439947" s="10"/>
    </row>
    <row r="439948" spans="14:14">
      <c r="N439948" s="10"/>
    </row>
    <row r="439949" spans="14:14">
      <c r="N439949" s="10"/>
    </row>
    <row r="439950" spans="14:14">
      <c r="N439950" s="10"/>
    </row>
    <row r="439951" spans="14:14">
      <c r="N439951" s="10"/>
    </row>
    <row r="439952" spans="14:14">
      <c r="N439952" s="10"/>
    </row>
    <row r="439953" spans="14:14">
      <c r="N439953" s="10"/>
    </row>
    <row r="439954" spans="14:14">
      <c r="N439954" s="10"/>
    </row>
    <row r="439955" spans="14:14">
      <c r="N439955" s="10"/>
    </row>
    <row r="439956" spans="14:14">
      <c r="N439956" s="10"/>
    </row>
    <row r="439957" spans="14:14">
      <c r="N439957" s="10"/>
    </row>
    <row r="439958" spans="14:14">
      <c r="N439958" s="10"/>
    </row>
    <row r="439959" spans="14:14">
      <c r="N439959" s="10"/>
    </row>
    <row r="439960" spans="14:14">
      <c r="N439960" s="10"/>
    </row>
    <row r="439961" spans="14:14">
      <c r="N439961" s="10"/>
    </row>
    <row r="439962" spans="14:14">
      <c r="N439962" s="10"/>
    </row>
    <row r="439963" spans="14:14">
      <c r="N439963" s="10"/>
    </row>
    <row r="439964" spans="14:14">
      <c r="N439964" s="10"/>
    </row>
    <row r="439965" spans="14:14">
      <c r="N439965" s="10"/>
    </row>
    <row r="439966" spans="14:14">
      <c r="N439966" s="10"/>
    </row>
    <row r="439967" spans="14:14">
      <c r="N439967" s="10"/>
    </row>
    <row r="439968" spans="14:14">
      <c r="N439968" s="10"/>
    </row>
    <row r="439969" spans="14:14">
      <c r="N439969" s="10"/>
    </row>
    <row r="439970" spans="14:14">
      <c r="N439970" s="10"/>
    </row>
    <row r="439971" spans="14:14">
      <c r="N439971" s="10"/>
    </row>
    <row r="439972" spans="14:14">
      <c r="N439972" s="10"/>
    </row>
    <row r="439973" spans="14:14">
      <c r="N439973" s="10"/>
    </row>
    <row r="439974" spans="14:14">
      <c r="N439974" s="10"/>
    </row>
    <row r="439975" spans="14:14">
      <c r="N439975" s="10"/>
    </row>
    <row r="439976" spans="14:14">
      <c r="N439976" s="10"/>
    </row>
    <row r="439977" spans="14:14">
      <c r="N439977" s="10"/>
    </row>
    <row r="439978" spans="14:14">
      <c r="N439978" s="10"/>
    </row>
    <row r="439979" spans="14:14">
      <c r="N439979" s="10"/>
    </row>
    <row r="439980" spans="14:14">
      <c r="N439980" s="10"/>
    </row>
    <row r="439981" spans="14:14">
      <c r="N439981" s="10"/>
    </row>
    <row r="439982" spans="14:14">
      <c r="N439982" s="10"/>
    </row>
    <row r="439983" spans="14:14">
      <c r="N439983" s="10"/>
    </row>
    <row r="439984" spans="14:14">
      <c r="N439984" s="10"/>
    </row>
    <row r="439985" spans="14:14">
      <c r="N439985" s="10"/>
    </row>
    <row r="439986" spans="14:14">
      <c r="N439986" s="10"/>
    </row>
    <row r="439987" spans="14:14">
      <c r="N439987" s="10"/>
    </row>
    <row r="439988" spans="14:14">
      <c r="N439988" s="10"/>
    </row>
    <row r="439989" spans="14:14">
      <c r="N439989" s="10"/>
    </row>
    <row r="439990" spans="14:14">
      <c r="N439990" s="10"/>
    </row>
    <row r="439991" spans="14:14">
      <c r="N439991" s="10"/>
    </row>
    <row r="439992" spans="14:14">
      <c r="N439992" s="10"/>
    </row>
    <row r="439993" spans="14:14">
      <c r="N439993" s="10"/>
    </row>
    <row r="439994" spans="14:14">
      <c r="N439994" s="10"/>
    </row>
    <row r="439995" spans="14:14">
      <c r="N439995" s="10"/>
    </row>
    <row r="439996" spans="14:14">
      <c r="N439996" s="10"/>
    </row>
    <row r="439997" spans="14:14">
      <c r="N439997" s="10"/>
    </row>
    <row r="439998" spans="14:14">
      <c r="N439998" s="10"/>
    </row>
    <row r="439999" spans="14:14">
      <c r="N439999" s="10"/>
    </row>
    <row r="440000" spans="14:14">
      <c r="N440000" s="10"/>
    </row>
    <row r="440001" spans="14:14">
      <c r="N440001" s="10"/>
    </row>
    <row r="440002" spans="14:14">
      <c r="N440002" s="10"/>
    </row>
    <row r="440003" spans="14:14">
      <c r="N440003" s="10"/>
    </row>
    <row r="440004" spans="14:14">
      <c r="N440004" s="10"/>
    </row>
    <row r="440005" spans="14:14">
      <c r="N440005" s="10"/>
    </row>
    <row r="440006" spans="14:14">
      <c r="N440006" s="10"/>
    </row>
    <row r="440007" spans="14:14">
      <c r="N440007" s="10"/>
    </row>
    <row r="440008" spans="14:14">
      <c r="N440008" s="10"/>
    </row>
    <row r="440009" spans="14:14">
      <c r="N440009" s="10"/>
    </row>
    <row r="440010" spans="14:14">
      <c r="N440010" s="10"/>
    </row>
    <row r="440011" spans="14:14">
      <c r="N440011" s="10"/>
    </row>
    <row r="440012" spans="14:14">
      <c r="N440012" s="10"/>
    </row>
    <row r="440013" spans="14:14">
      <c r="N440013" s="10"/>
    </row>
    <row r="440014" spans="14:14">
      <c r="N440014" s="10"/>
    </row>
    <row r="440015" spans="14:14">
      <c r="N440015" s="10"/>
    </row>
    <row r="440016" spans="14:14">
      <c r="N440016" s="10"/>
    </row>
    <row r="440017" spans="14:14">
      <c r="N440017" s="10"/>
    </row>
    <row r="440018" spans="14:14">
      <c r="N440018" s="10"/>
    </row>
    <row r="440019" spans="14:14">
      <c r="N440019" s="10"/>
    </row>
    <row r="440020" spans="14:14">
      <c r="N440020" s="10"/>
    </row>
    <row r="440021" spans="14:14">
      <c r="N440021" s="10"/>
    </row>
    <row r="440022" spans="14:14">
      <c r="N440022" s="10"/>
    </row>
    <row r="440023" spans="14:14">
      <c r="N440023" s="10"/>
    </row>
    <row r="440024" spans="14:14">
      <c r="N440024" s="10"/>
    </row>
    <row r="440025" spans="14:14">
      <c r="N440025" s="10"/>
    </row>
    <row r="440026" spans="14:14">
      <c r="N440026" s="10"/>
    </row>
    <row r="440027" spans="14:14">
      <c r="N440027" s="10"/>
    </row>
    <row r="440028" spans="14:14">
      <c r="N440028" s="10"/>
    </row>
    <row r="440029" spans="14:14">
      <c r="N440029" s="10"/>
    </row>
    <row r="440030" spans="14:14">
      <c r="N440030" s="10"/>
    </row>
    <row r="440031" spans="14:14">
      <c r="N440031" s="10"/>
    </row>
    <row r="440032" spans="14:14">
      <c r="N440032" s="10"/>
    </row>
    <row r="440033" spans="14:14">
      <c r="N440033" s="10"/>
    </row>
    <row r="440034" spans="14:14">
      <c r="N440034" s="10"/>
    </row>
    <row r="440035" spans="14:14">
      <c r="N440035" s="10"/>
    </row>
    <row r="440036" spans="14:14">
      <c r="N440036" s="10"/>
    </row>
    <row r="440037" spans="14:14">
      <c r="N440037" s="10"/>
    </row>
    <row r="440038" spans="14:14">
      <c r="N440038" s="10"/>
    </row>
    <row r="440039" spans="14:14">
      <c r="N440039" s="10"/>
    </row>
    <row r="440040" spans="14:14">
      <c r="N440040" s="10"/>
    </row>
    <row r="440041" spans="14:14">
      <c r="N440041" s="10"/>
    </row>
    <row r="440042" spans="14:14">
      <c r="N440042" s="10"/>
    </row>
    <row r="440043" spans="14:14">
      <c r="N440043" s="10"/>
    </row>
    <row r="440044" spans="14:14">
      <c r="N440044" s="10"/>
    </row>
    <row r="440045" spans="14:14">
      <c r="N440045" s="10"/>
    </row>
    <row r="440046" spans="14:14">
      <c r="N440046" s="10"/>
    </row>
    <row r="440047" spans="14:14">
      <c r="N440047" s="10"/>
    </row>
    <row r="440048" spans="14:14">
      <c r="N440048" s="10"/>
    </row>
    <row r="440049" spans="14:14">
      <c r="N440049" s="10"/>
    </row>
    <row r="440050" spans="14:14">
      <c r="N440050" s="10"/>
    </row>
    <row r="440051" spans="14:14">
      <c r="N440051" s="10"/>
    </row>
    <row r="440052" spans="14:14">
      <c r="N440052" s="10"/>
    </row>
    <row r="440053" spans="14:14">
      <c r="N440053" s="10"/>
    </row>
    <row r="440054" spans="14:14">
      <c r="N440054" s="10"/>
    </row>
    <row r="440055" spans="14:14">
      <c r="N440055" s="10"/>
    </row>
    <row r="440056" spans="14:14">
      <c r="N440056" s="10"/>
    </row>
    <row r="440057" spans="14:14">
      <c r="N440057" s="10"/>
    </row>
    <row r="440058" spans="14:14">
      <c r="N440058" s="10"/>
    </row>
    <row r="440059" spans="14:14">
      <c r="N440059" s="10"/>
    </row>
    <row r="440060" spans="14:14">
      <c r="N440060" s="10"/>
    </row>
    <row r="440061" spans="14:14">
      <c r="N440061" s="10"/>
    </row>
    <row r="440062" spans="14:14">
      <c r="N440062" s="10"/>
    </row>
    <row r="440063" spans="14:14">
      <c r="N440063" s="10"/>
    </row>
    <row r="440064" spans="14:14">
      <c r="N440064" s="10"/>
    </row>
    <row r="440065" spans="14:14">
      <c r="N440065" s="10"/>
    </row>
    <row r="440066" spans="14:14">
      <c r="N440066" s="10"/>
    </row>
    <row r="440067" spans="14:14">
      <c r="N440067" s="10"/>
    </row>
    <row r="440068" spans="14:14">
      <c r="N440068" s="10"/>
    </row>
    <row r="440069" spans="14:14">
      <c r="N440069" s="10"/>
    </row>
    <row r="440070" spans="14:14">
      <c r="N440070" s="10"/>
    </row>
    <row r="440071" spans="14:14">
      <c r="N440071" s="10"/>
    </row>
    <row r="440072" spans="14:14">
      <c r="N440072" s="10"/>
    </row>
    <row r="440073" spans="14:14">
      <c r="N440073" s="10"/>
    </row>
    <row r="440074" spans="14:14">
      <c r="N440074" s="10"/>
    </row>
    <row r="440075" spans="14:14">
      <c r="N440075" s="10"/>
    </row>
    <row r="440076" spans="14:14">
      <c r="N440076" s="10"/>
    </row>
    <row r="440077" spans="14:14">
      <c r="N440077" s="10"/>
    </row>
    <row r="440078" spans="14:14">
      <c r="N440078" s="10"/>
    </row>
    <row r="440079" spans="14:14">
      <c r="N440079" s="10"/>
    </row>
    <row r="440080" spans="14:14">
      <c r="N440080" s="10"/>
    </row>
    <row r="440081" spans="14:14">
      <c r="N440081" s="10"/>
    </row>
    <row r="440082" spans="14:14">
      <c r="N440082" s="10"/>
    </row>
    <row r="440083" spans="14:14">
      <c r="N440083" s="10"/>
    </row>
    <row r="440084" spans="14:14">
      <c r="N440084" s="10"/>
    </row>
    <row r="440085" spans="14:14">
      <c r="N440085" s="10"/>
    </row>
    <row r="440086" spans="14:14">
      <c r="N440086" s="10"/>
    </row>
    <row r="440087" spans="14:14">
      <c r="N440087" s="10"/>
    </row>
    <row r="440088" spans="14:14">
      <c r="N440088" s="10"/>
    </row>
    <row r="440089" spans="14:14">
      <c r="N440089" s="10"/>
    </row>
    <row r="440090" spans="14:14">
      <c r="N440090" s="10"/>
    </row>
    <row r="440091" spans="14:14">
      <c r="N440091" s="10"/>
    </row>
    <row r="440092" spans="14:14">
      <c r="N440092" s="10"/>
    </row>
    <row r="440093" spans="14:14">
      <c r="N440093" s="10"/>
    </row>
    <row r="440094" spans="14:14">
      <c r="N440094" s="10"/>
    </row>
    <row r="440095" spans="14:14">
      <c r="N440095" s="10"/>
    </row>
    <row r="440096" spans="14:14">
      <c r="N440096" s="10"/>
    </row>
    <row r="440097" spans="14:14">
      <c r="N440097" s="10"/>
    </row>
    <row r="440098" spans="14:14">
      <c r="N440098" s="10"/>
    </row>
    <row r="440099" spans="14:14">
      <c r="N440099" s="10"/>
    </row>
    <row r="440100" spans="14:14">
      <c r="N440100" s="10"/>
    </row>
    <row r="440101" spans="14:14">
      <c r="N440101" s="10"/>
    </row>
    <row r="440102" spans="14:14">
      <c r="N440102" s="10"/>
    </row>
    <row r="440103" spans="14:14">
      <c r="N440103" s="10"/>
    </row>
    <row r="440104" spans="14:14">
      <c r="N440104" s="10"/>
    </row>
    <row r="440105" spans="14:14">
      <c r="N440105" s="10"/>
    </row>
    <row r="440106" spans="14:14">
      <c r="N440106" s="10"/>
    </row>
    <row r="440107" spans="14:14">
      <c r="N440107" s="10"/>
    </row>
    <row r="440108" spans="14:14">
      <c r="N440108" s="10"/>
    </row>
    <row r="440109" spans="14:14">
      <c r="N440109" s="10"/>
    </row>
    <row r="440110" spans="14:14">
      <c r="N440110" s="10"/>
    </row>
    <row r="440111" spans="14:14">
      <c r="N440111" s="10"/>
    </row>
    <row r="440112" spans="14:14">
      <c r="N440112" s="10"/>
    </row>
    <row r="440113" spans="14:14">
      <c r="N440113" s="10"/>
    </row>
    <row r="440114" spans="14:14">
      <c r="N440114" s="10"/>
    </row>
    <row r="440115" spans="14:14">
      <c r="N440115" s="10"/>
    </row>
    <row r="440116" spans="14:14">
      <c r="N440116" s="10"/>
    </row>
    <row r="440117" spans="14:14">
      <c r="N440117" s="10"/>
    </row>
    <row r="440118" spans="14:14">
      <c r="N440118" s="10"/>
    </row>
    <row r="440119" spans="14:14">
      <c r="N440119" s="10"/>
    </row>
    <row r="440120" spans="14:14">
      <c r="N440120" s="10"/>
    </row>
    <row r="440121" spans="14:14">
      <c r="N440121" s="10"/>
    </row>
    <row r="440122" spans="14:14">
      <c r="N440122" s="10"/>
    </row>
    <row r="440123" spans="14:14">
      <c r="N440123" s="10"/>
    </row>
    <row r="440124" spans="14:14">
      <c r="N440124" s="10"/>
    </row>
    <row r="440125" spans="14:14">
      <c r="N440125" s="10"/>
    </row>
    <row r="440126" spans="14:14">
      <c r="N440126" s="10"/>
    </row>
    <row r="440127" spans="14:14">
      <c r="N440127" s="10"/>
    </row>
    <row r="440128" spans="14:14">
      <c r="N440128" s="10"/>
    </row>
    <row r="440129" spans="14:14">
      <c r="N440129" s="10"/>
    </row>
    <row r="440130" spans="14:14">
      <c r="N440130" s="10"/>
    </row>
    <row r="440131" spans="14:14">
      <c r="N440131" s="10"/>
    </row>
    <row r="440132" spans="14:14">
      <c r="N440132" s="10"/>
    </row>
    <row r="440133" spans="14:14">
      <c r="N440133" s="10"/>
    </row>
    <row r="440134" spans="14:14">
      <c r="N440134" s="10"/>
    </row>
    <row r="440135" spans="14:14">
      <c r="N440135" s="10"/>
    </row>
    <row r="440136" spans="14:14">
      <c r="N440136" s="10"/>
    </row>
    <row r="440137" spans="14:14">
      <c r="N440137" s="10"/>
    </row>
    <row r="440138" spans="14:14">
      <c r="N440138" s="10"/>
    </row>
    <row r="440139" spans="14:14">
      <c r="N440139" s="10"/>
    </row>
    <row r="440140" spans="14:14">
      <c r="N440140" s="10"/>
    </row>
    <row r="440141" spans="14:14">
      <c r="N440141" s="10"/>
    </row>
    <row r="440142" spans="14:14">
      <c r="N440142" s="10"/>
    </row>
    <row r="440143" spans="14:14">
      <c r="N440143" s="10"/>
    </row>
    <row r="440144" spans="14:14">
      <c r="N440144" s="10"/>
    </row>
    <row r="440145" spans="14:14">
      <c r="N440145" s="10"/>
    </row>
    <row r="440146" spans="14:14">
      <c r="N440146" s="10"/>
    </row>
    <row r="440147" spans="14:14">
      <c r="N440147" s="10"/>
    </row>
    <row r="440148" spans="14:14">
      <c r="N440148" s="10"/>
    </row>
    <row r="440149" spans="14:14">
      <c r="N440149" s="10"/>
    </row>
    <row r="440150" spans="14:14">
      <c r="N440150" s="10"/>
    </row>
    <row r="440151" spans="14:14">
      <c r="N440151" s="10"/>
    </row>
    <row r="440152" spans="14:14">
      <c r="N440152" s="10"/>
    </row>
    <row r="440153" spans="14:14">
      <c r="N440153" s="10"/>
    </row>
    <row r="440154" spans="14:14">
      <c r="N440154" s="10"/>
    </row>
    <row r="440155" spans="14:14">
      <c r="N440155" s="10"/>
    </row>
    <row r="440156" spans="14:14">
      <c r="N440156" s="10"/>
    </row>
    <row r="440157" spans="14:14">
      <c r="N440157" s="10"/>
    </row>
    <row r="440158" spans="14:14">
      <c r="N440158" s="10"/>
    </row>
    <row r="440159" spans="14:14">
      <c r="N440159" s="10"/>
    </row>
    <row r="440160" spans="14:14">
      <c r="N440160" s="10"/>
    </row>
    <row r="440161" spans="14:14">
      <c r="N440161" s="10"/>
    </row>
    <row r="440162" spans="14:14">
      <c r="N440162" s="10"/>
    </row>
    <row r="440163" spans="14:14">
      <c r="N440163" s="10"/>
    </row>
    <row r="440164" spans="14:14">
      <c r="N440164" s="10"/>
    </row>
    <row r="440165" spans="14:14">
      <c r="N440165" s="10"/>
    </row>
    <row r="440166" spans="14:14">
      <c r="N440166" s="10"/>
    </row>
    <row r="440167" spans="14:14">
      <c r="N440167" s="10"/>
    </row>
    <row r="440168" spans="14:14">
      <c r="N440168" s="10"/>
    </row>
    <row r="440169" spans="14:14">
      <c r="N440169" s="10"/>
    </row>
    <row r="440170" spans="14:14">
      <c r="N440170" s="10"/>
    </row>
    <row r="440171" spans="14:14">
      <c r="N440171" s="10"/>
    </row>
    <row r="440172" spans="14:14">
      <c r="N440172" s="10"/>
    </row>
    <row r="440173" spans="14:14">
      <c r="N440173" s="10"/>
    </row>
    <row r="440174" spans="14:14">
      <c r="N440174" s="10"/>
    </row>
    <row r="440175" spans="14:14">
      <c r="N440175" s="10"/>
    </row>
    <row r="440176" spans="14:14">
      <c r="N440176" s="10"/>
    </row>
    <row r="440177" spans="14:14">
      <c r="N440177" s="10"/>
    </row>
    <row r="440178" spans="14:14">
      <c r="N440178" s="10"/>
    </row>
    <row r="440179" spans="14:14">
      <c r="N440179" s="10"/>
    </row>
    <row r="440180" spans="14:14">
      <c r="N440180" s="10"/>
    </row>
    <row r="440181" spans="14:14">
      <c r="N440181" s="10"/>
    </row>
    <row r="440182" spans="14:14">
      <c r="N440182" s="10"/>
    </row>
    <row r="440183" spans="14:14">
      <c r="N440183" s="10"/>
    </row>
    <row r="440184" spans="14:14">
      <c r="N440184" s="10"/>
    </row>
    <row r="440185" spans="14:14">
      <c r="N440185" s="10"/>
    </row>
    <row r="440186" spans="14:14">
      <c r="N440186" s="10"/>
    </row>
    <row r="440187" spans="14:14">
      <c r="N440187" s="10"/>
    </row>
    <row r="440188" spans="14:14">
      <c r="N440188" s="10"/>
    </row>
    <row r="440189" spans="14:14">
      <c r="N440189" s="10"/>
    </row>
    <row r="440190" spans="14:14">
      <c r="N440190" s="10"/>
    </row>
    <row r="440191" spans="14:14">
      <c r="N440191" s="10"/>
    </row>
    <row r="440192" spans="14:14">
      <c r="N440192" s="10"/>
    </row>
    <row r="440193" spans="14:14">
      <c r="N440193" s="10"/>
    </row>
    <row r="440194" spans="14:14">
      <c r="N440194" s="10"/>
    </row>
    <row r="440195" spans="14:14">
      <c r="N440195" s="10"/>
    </row>
    <row r="440196" spans="14:14">
      <c r="N440196" s="10"/>
    </row>
    <row r="440197" spans="14:14">
      <c r="N440197" s="10"/>
    </row>
    <row r="440198" spans="14:14">
      <c r="N440198" s="10"/>
    </row>
    <row r="440199" spans="14:14">
      <c r="N440199" s="10"/>
    </row>
    <row r="440200" spans="14:14">
      <c r="N440200" s="10"/>
    </row>
    <row r="440201" spans="14:14">
      <c r="N440201" s="10"/>
    </row>
    <row r="440202" spans="14:14">
      <c r="N440202" s="10"/>
    </row>
    <row r="440203" spans="14:14">
      <c r="N440203" s="10"/>
    </row>
    <row r="440204" spans="14:14">
      <c r="N440204" s="10"/>
    </row>
    <row r="440205" spans="14:14">
      <c r="N440205" s="10"/>
    </row>
    <row r="440206" spans="14:14">
      <c r="N440206" s="10"/>
    </row>
    <row r="440207" spans="14:14">
      <c r="N440207" s="10"/>
    </row>
    <row r="440208" spans="14:14">
      <c r="N440208" s="10"/>
    </row>
    <row r="440209" spans="14:14">
      <c r="N440209" s="10"/>
    </row>
    <row r="440210" spans="14:14">
      <c r="N440210" s="10"/>
    </row>
    <row r="440211" spans="14:14">
      <c r="N440211" s="10"/>
    </row>
    <row r="440212" spans="14:14">
      <c r="N440212" s="10"/>
    </row>
    <row r="440213" spans="14:14">
      <c r="N440213" s="10"/>
    </row>
    <row r="440214" spans="14:14">
      <c r="N440214" s="10"/>
    </row>
    <row r="440215" spans="14:14">
      <c r="N440215" s="10"/>
    </row>
    <row r="440216" spans="14:14">
      <c r="N440216" s="10"/>
    </row>
    <row r="440217" spans="14:14">
      <c r="N440217" s="10"/>
    </row>
    <row r="440218" spans="14:14">
      <c r="N440218" s="10"/>
    </row>
    <row r="440219" spans="14:14">
      <c r="N440219" s="10"/>
    </row>
    <row r="440220" spans="14:14">
      <c r="N440220" s="10"/>
    </row>
    <row r="440221" spans="14:14">
      <c r="N440221" s="10"/>
    </row>
    <row r="440222" spans="14:14">
      <c r="N440222" s="10"/>
    </row>
    <row r="440223" spans="14:14">
      <c r="N440223" s="10"/>
    </row>
    <row r="440224" spans="14:14">
      <c r="N440224" s="10"/>
    </row>
    <row r="440225" spans="14:14">
      <c r="N440225" s="10"/>
    </row>
    <row r="440226" spans="14:14">
      <c r="N440226" s="10"/>
    </row>
    <row r="440227" spans="14:14">
      <c r="N440227" s="10"/>
    </row>
    <row r="440228" spans="14:14">
      <c r="N440228" s="10"/>
    </row>
    <row r="440229" spans="14:14">
      <c r="N440229" s="10"/>
    </row>
    <row r="440230" spans="14:14">
      <c r="N440230" s="10"/>
    </row>
    <row r="440231" spans="14:14">
      <c r="N440231" s="10"/>
    </row>
    <row r="440232" spans="14:14">
      <c r="N440232" s="10"/>
    </row>
    <row r="440233" spans="14:14">
      <c r="N440233" s="10"/>
    </row>
    <row r="440234" spans="14:14">
      <c r="N440234" s="10"/>
    </row>
    <row r="440235" spans="14:14">
      <c r="N440235" s="10"/>
    </row>
    <row r="440236" spans="14:14">
      <c r="N440236" s="10"/>
    </row>
    <row r="440237" spans="14:14">
      <c r="N440237" s="10"/>
    </row>
    <row r="440238" spans="14:14">
      <c r="N440238" s="10"/>
    </row>
    <row r="440239" spans="14:14">
      <c r="N440239" s="10"/>
    </row>
    <row r="440240" spans="14:14">
      <c r="N440240" s="10"/>
    </row>
    <row r="440241" spans="14:14">
      <c r="N440241" s="10"/>
    </row>
    <row r="440242" spans="14:14">
      <c r="N440242" s="10"/>
    </row>
    <row r="440243" spans="14:14">
      <c r="N440243" s="10"/>
    </row>
    <row r="440244" spans="14:14">
      <c r="N440244" s="10"/>
    </row>
    <row r="440245" spans="14:14">
      <c r="N440245" s="10"/>
    </row>
    <row r="440246" spans="14:14">
      <c r="N440246" s="10"/>
    </row>
    <row r="440247" spans="14:14">
      <c r="N440247" s="10"/>
    </row>
    <row r="440248" spans="14:14">
      <c r="N440248" s="10"/>
    </row>
    <row r="440249" spans="14:14">
      <c r="N440249" s="10"/>
    </row>
    <row r="440250" spans="14:14">
      <c r="N440250" s="10"/>
    </row>
    <row r="440251" spans="14:14">
      <c r="N440251" s="10"/>
    </row>
    <row r="440252" spans="14:14">
      <c r="N440252" s="10"/>
    </row>
    <row r="440253" spans="14:14">
      <c r="N440253" s="10"/>
    </row>
    <row r="440254" spans="14:14">
      <c r="N440254" s="10"/>
    </row>
    <row r="440255" spans="14:14">
      <c r="N440255" s="10"/>
    </row>
    <row r="440256" spans="14:14">
      <c r="N440256" s="10"/>
    </row>
    <row r="440257" spans="14:14">
      <c r="N440257" s="10"/>
    </row>
    <row r="440258" spans="14:14">
      <c r="N440258" s="10"/>
    </row>
    <row r="440259" spans="14:14">
      <c r="N440259" s="10"/>
    </row>
    <row r="440260" spans="14:14">
      <c r="N440260" s="10"/>
    </row>
    <row r="440261" spans="14:14">
      <c r="N440261" s="10"/>
    </row>
    <row r="440262" spans="14:14">
      <c r="N440262" s="10"/>
    </row>
    <row r="440263" spans="14:14">
      <c r="N440263" s="10"/>
    </row>
    <row r="440264" spans="14:14">
      <c r="N440264" s="10"/>
    </row>
    <row r="440265" spans="14:14">
      <c r="N440265" s="10"/>
    </row>
    <row r="440266" spans="14:14">
      <c r="N440266" s="10"/>
    </row>
    <row r="440267" spans="14:14">
      <c r="N440267" s="10"/>
    </row>
    <row r="440268" spans="14:14">
      <c r="N440268" s="10"/>
    </row>
    <row r="440269" spans="14:14">
      <c r="N440269" s="10"/>
    </row>
    <row r="440270" spans="14:14">
      <c r="N440270" s="10"/>
    </row>
    <row r="440271" spans="14:14">
      <c r="N440271" s="10"/>
    </row>
    <row r="440272" spans="14:14">
      <c r="N440272" s="10"/>
    </row>
    <row r="440273" spans="14:14">
      <c r="N440273" s="10"/>
    </row>
    <row r="440274" spans="14:14">
      <c r="N440274" s="10"/>
    </row>
    <row r="440275" spans="14:14">
      <c r="N440275" s="10"/>
    </row>
    <row r="440276" spans="14:14">
      <c r="N440276" s="10"/>
    </row>
    <row r="440277" spans="14:14">
      <c r="N440277" s="10"/>
    </row>
    <row r="440278" spans="14:14">
      <c r="N440278" s="10"/>
    </row>
    <row r="440279" spans="14:14">
      <c r="N440279" s="10"/>
    </row>
    <row r="440280" spans="14:14">
      <c r="N440280" s="10"/>
    </row>
    <row r="440281" spans="14:14">
      <c r="N440281" s="10"/>
    </row>
    <row r="440282" spans="14:14">
      <c r="N440282" s="10"/>
    </row>
    <row r="440283" spans="14:14">
      <c r="N440283" s="10"/>
    </row>
    <row r="440284" spans="14:14">
      <c r="N440284" s="10"/>
    </row>
    <row r="440285" spans="14:14">
      <c r="N440285" s="10"/>
    </row>
    <row r="440286" spans="14:14">
      <c r="N440286" s="10"/>
    </row>
    <row r="440287" spans="14:14">
      <c r="N440287" s="10"/>
    </row>
    <row r="440288" spans="14:14">
      <c r="N440288" s="10"/>
    </row>
    <row r="440289" spans="14:14">
      <c r="N440289" s="10"/>
    </row>
    <row r="440290" spans="14:14">
      <c r="N440290" s="10"/>
    </row>
    <row r="440291" spans="14:14">
      <c r="N440291" s="10"/>
    </row>
    <row r="440292" spans="14:14">
      <c r="N440292" s="10"/>
    </row>
    <row r="440293" spans="14:14">
      <c r="N440293" s="10"/>
    </row>
    <row r="440294" spans="14:14">
      <c r="N440294" s="10"/>
    </row>
    <row r="440295" spans="14:14">
      <c r="N440295" s="10"/>
    </row>
    <row r="440296" spans="14:14">
      <c r="N440296" s="10"/>
    </row>
    <row r="440297" spans="14:14">
      <c r="N440297" s="10"/>
    </row>
    <row r="440298" spans="14:14">
      <c r="N440298" s="10"/>
    </row>
    <row r="440299" spans="14:14">
      <c r="N440299" s="10"/>
    </row>
    <row r="440300" spans="14:14">
      <c r="N440300" s="10"/>
    </row>
    <row r="440301" spans="14:14">
      <c r="N440301" s="10"/>
    </row>
    <row r="440302" spans="14:14">
      <c r="N440302" s="10"/>
    </row>
    <row r="440303" spans="14:14">
      <c r="N440303" s="10"/>
    </row>
    <row r="440304" spans="14:14">
      <c r="N440304" s="10"/>
    </row>
    <row r="440305" spans="14:14">
      <c r="N440305" s="10"/>
    </row>
    <row r="440306" spans="14:14">
      <c r="N440306" s="10"/>
    </row>
    <row r="440307" spans="14:14">
      <c r="N440307" s="10"/>
    </row>
    <row r="440308" spans="14:14">
      <c r="N440308" s="10"/>
    </row>
    <row r="440309" spans="14:14">
      <c r="N440309" s="10"/>
    </row>
    <row r="440310" spans="14:14">
      <c r="N440310" s="10"/>
    </row>
    <row r="440311" spans="14:14">
      <c r="N440311" s="10"/>
    </row>
    <row r="440312" spans="14:14">
      <c r="N440312" s="10"/>
    </row>
    <row r="440313" spans="14:14">
      <c r="N440313" s="10"/>
    </row>
    <row r="440314" spans="14:14">
      <c r="N440314" s="10"/>
    </row>
    <row r="440315" spans="14:14">
      <c r="N440315" s="10"/>
    </row>
    <row r="440316" spans="14:14">
      <c r="N440316" s="10"/>
    </row>
    <row r="440317" spans="14:14">
      <c r="N440317" s="10"/>
    </row>
    <row r="440318" spans="14:14">
      <c r="N440318" s="10"/>
    </row>
    <row r="440319" spans="14:14">
      <c r="N440319" s="10"/>
    </row>
    <row r="440320" spans="14:14">
      <c r="N440320" s="10"/>
    </row>
    <row r="440321" spans="14:14">
      <c r="N440321" s="10"/>
    </row>
    <row r="440322" spans="14:14">
      <c r="N440322" s="10"/>
    </row>
    <row r="440323" spans="14:14">
      <c r="N440323" s="10"/>
    </row>
    <row r="440324" spans="14:14">
      <c r="N440324" s="10"/>
    </row>
    <row r="440325" spans="14:14">
      <c r="N440325" s="10"/>
    </row>
    <row r="440326" spans="14:14">
      <c r="N440326" s="10"/>
    </row>
    <row r="440327" spans="14:14">
      <c r="N440327" s="10"/>
    </row>
    <row r="440328" spans="14:14">
      <c r="N440328" s="10"/>
    </row>
    <row r="440329" spans="14:14">
      <c r="N440329" s="10"/>
    </row>
    <row r="440330" spans="14:14">
      <c r="N440330" s="10"/>
    </row>
    <row r="440331" spans="14:14">
      <c r="N440331" s="10"/>
    </row>
    <row r="440332" spans="14:14">
      <c r="N440332" s="10"/>
    </row>
    <row r="440333" spans="14:14">
      <c r="N440333" s="10"/>
    </row>
    <row r="440334" spans="14:14">
      <c r="N440334" s="10"/>
    </row>
    <row r="440335" spans="14:14">
      <c r="N440335" s="10"/>
    </row>
    <row r="440336" spans="14:14">
      <c r="N440336" s="10"/>
    </row>
    <row r="440337" spans="14:14">
      <c r="N440337" s="10"/>
    </row>
    <row r="440338" spans="14:14">
      <c r="N440338" s="10"/>
    </row>
    <row r="440339" spans="14:14">
      <c r="N440339" s="10"/>
    </row>
    <row r="440340" spans="14:14">
      <c r="N440340" s="10"/>
    </row>
    <row r="440341" spans="14:14">
      <c r="N440341" s="10"/>
    </row>
    <row r="440342" spans="14:14">
      <c r="N440342" s="10"/>
    </row>
    <row r="440343" spans="14:14">
      <c r="N440343" s="10"/>
    </row>
    <row r="440344" spans="14:14">
      <c r="N440344" s="10"/>
    </row>
    <row r="440345" spans="14:14">
      <c r="N440345" s="10"/>
    </row>
    <row r="440346" spans="14:14">
      <c r="N440346" s="10"/>
    </row>
    <row r="440347" spans="14:14">
      <c r="N440347" s="10"/>
    </row>
    <row r="440348" spans="14:14">
      <c r="N440348" s="10"/>
    </row>
    <row r="440349" spans="14:14">
      <c r="N440349" s="10"/>
    </row>
    <row r="440350" spans="14:14">
      <c r="N440350" s="10"/>
    </row>
    <row r="440351" spans="14:14">
      <c r="N440351" s="10"/>
    </row>
    <row r="440352" spans="14:14">
      <c r="N440352" s="10"/>
    </row>
    <row r="440353" spans="14:14">
      <c r="N440353" s="10"/>
    </row>
    <row r="440354" spans="14:14">
      <c r="N440354" s="10"/>
    </row>
    <row r="440355" spans="14:14">
      <c r="N440355" s="10"/>
    </row>
    <row r="440356" spans="14:14">
      <c r="N440356" s="10"/>
    </row>
    <row r="440357" spans="14:14">
      <c r="N440357" s="10"/>
    </row>
    <row r="440358" spans="14:14">
      <c r="N440358" s="10"/>
    </row>
    <row r="440359" spans="14:14">
      <c r="N440359" s="10"/>
    </row>
    <row r="440360" spans="14:14">
      <c r="N440360" s="10"/>
    </row>
    <row r="440361" spans="14:14">
      <c r="N440361" s="10"/>
    </row>
    <row r="440362" spans="14:14">
      <c r="N440362" s="10"/>
    </row>
    <row r="440363" spans="14:14">
      <c r="N440363" s="10"/>
    </row>
    <row r="440364" spans="14:14">
      <c r="N440364" s="10"/>
    </row>
    <row r="440365" spans="14:14">
      <c r="N440365" s="10"/>
    </row>
    <row r="440366" spans="14:14">
      <c r="N440366" s="10"/>
    </row>
    <row r="440367" spans="14:14">
      <c r="N440367" s="10"/>
    </row>
    <row r="440368" spans="14:14">
      <c r="N440368" s="10"/>
    </row>
    <row r="440369" spans="14:14">
      <c r="N440369" s="10"/>
    </row>
    <row r="440370" spans="14:14">
      <c r="N440370" s="10"/>
    </row>
    <row r="440371" spans="14:14">
      <c r="N440371" s="10"/>
    </row>
    <row r="440372" spans="14:14">
      <c r="N440372" s="10"/>
    </row>
    <row r="440373" spans="14:14">
      <c r="N440373" s="10"/>
    </row>
    <row r="440374" spans="14:14">
      <c r="N440374" s="10"/>
    </row>
    <row r="440375" spans="14:14">
      <c r="N440375" s="10"/>
    </row>
    <row r="440376" spans="14:14">
      <c r="N440376" s="10"/>
    </row>
    <row r="440377" spans="14:14">
      <c r="N440377" s="10"/>
    </row>
    <row r="440378" spans="14:14">
      <c r="N440378" s="10"/>
    </row>
    <row r="440379" spans="14:14">
      <c r="N440379" s="10"/>
    </row>
    <row r="440380" spans="14:14">
      <c r="N440380" s="10"/>
    </row>
    <row r="440381" spans="14:14">
      <c r="N440381" s="10"/>
    </row>
    <row r="440382" spans="14:14">
      <c r="N440382" s="10"/>
    </row>
    <row r="440383" spans="14:14">
      <c r="N440383" s="10"/>
    </row>
    <row r="440384" spans="14:14">
      <c r="N440384" s="10"/>
    </row>
    <row r="440385" spans="14:14">
      <c r="N440385" s="10"/>
    </row>
    <row r="440386" spans="14:14">
      <c r="N440386" s="10"/>
    </row>
    <row r="440387" spans="14:14">
      <c r="N440387" s="10"/>
    </row>
    <row r="440388" spans="14:14">
      <c r="N440388" s="10"/>
    </row>
    <row r="440389" spans="14:14">
      <c r="N440389" s="10"/>
    </row>
    <row r="440390" spans="14:14">
      <c r="N440390" s="10"/>
    </row>
    <row r="440391" spans="14:14">
      <c r="N440391" s="10"/>
    </row>
    <row r="440392" spans="14:14">
      <c r="N440392" s="10"/>
    </row>
    <row r="440393" spans="14:14">
      <c r="N440393" s="10"/>
    </row>
    <row r="440394" spans="14:14">
      <c r="N440394" s="10"/>
    </row>
    <row r="440395" spans="14:14">
      <c r="N440395" s="10"/>
    </row>
    <row r="440396" spans="14:14">
      <c r="N440396" s="10"/>
    </row>
    <row r="440397" spans="14:14">
      <c r="N440397" s="10"/>
    </row>
    <row r="440398" spans="14:14">
      <c r="N440398" s="10"/>
    </row>
    <row r="440399" spans="14:14">
      <c r="N440399" s="10"/>
    </row>
    <row r="440400" spans="14:14">
      <c r="N440400" s="10"/>
    </row>
    <row r="440401" spans="14:14">
      <c r="N440401" s="10"/>
    </row>
    <row r="440402" spans="14:14">
      <c r="N440402" s="10"/>
    </row>
    <row r="440403" spans="14:14">
      <c r="N440403" s="10"/>
    </row>
    <row r="440404" spans="14:14">
      <c r="N440404" s="10"/>
    </row>
    <row r="440405" spans="14:14">
      <c r="N440405" s="10"/>
    </row>
    <row r="440406" spans="14:14">
      <c r="N440406" s="10"/>
    </row>
    <row r="440407" spans="14:14">
      <c r="N440407" s="10"/>
    </row>
    <row r="440408" spans="14:14">
      <c r="N440408" s="10"/>
    </row>
    <row r="440409" spans="14:14">
      <c r="N440409" s="10"/>
    </row>
    <row r="440410" spans="14:14">
      <c r="N440410" s="10"/>
    </row>
    <row r="440411" spans="14:14">
      <c r="N440411" s="10"/>
    </row>
    <row r="440412" spans="14:14">
      <c r="N440412" s="10"/>
    </row>
    <row r="440413" spans="14:14">
      <c r="N440413" s="10"/>
    </row>
    <row r="440414" spans="14:14">
      <c r="N440414" s="10"/>
    </row>
    <row r="440415" spans="14:14">
      <c r="N440415" s="10"/>
    </row>
    <row r="440416" spans="14:14">
      <c r="N440416" s="10"/>
    </row>
    <row r="440417" spans="14:14">
      <c r="N440417" s="10"/>
    </row>
    <row r="440418" spans="14:14">
      <c r="N440418" s="10"/>
    </row>
    <row r="440419" spans="14:14">
      <c r="N440419" s="10"/>
    </row>
    <row r="440420" spans="14:14">
      <c r="N440420" s="10"/>
    </row>
    <row r="440421" spans="14:14">
      <c r="N440421" s="10"/>
    </row>
    <row r="440422" spans="14:14">
      <c r="N440422" s="10"/>
    </row>
    <row r="440423" spans="14:14">
      <c r="N440423" s="10"/>
    </row>
    <row r="440424" spans="14:14">
      <c r="N440424" s="10"/>
    </row>
    <row r="440425" spans="14:14">
      <c r="N440425" s="10"/>
    </row>
    <row r="440426" spans="14:14">
      <c r="N440426" s="10"/>
    </row>
    <row r="440427" spans="14:14">
      <c r="N440427" s="10"/>
    </row>
    <row r="440428" spans="14:14">
      <c r="N440428" s="10"/>
    </row>
    <row r="440429" spans="14:14">
      <c r="N440429" s="10"/>
    </row>
    <row r="440430" spans="14:14">
      <c r="N440430" s="10"/>
    </row>
    <row r="440431" spans="14:14">
      <c r="N440431" s="10"/>
    </row>
    <row r="440432" spans="14:14">
      <c r="N440432" s="10"/>
    </row>
    <row r="440433" spans="14:14">
      <c r="N440433" s="10"/>
    </row>
    <row r="440434" spans="14:14">
      <c r="N440434" s="10"/>
    </row>
    <row r="440435" spans="14:14">
      <c r="N440435" s="10"/>
    </row>
    <row r="440436" spans="14:14">
      <c r="N440436" s="10"/>
    </row>
    <row r="440437" spans="14:14">
      <c r="N440437" s="10"/>
    </row>
    <row r="440438" spans="14:14">
      <c r="N440438" s="10"/>
    </row>
    <row r="440439" spans="14:14">
      <c r="N440439" s="10"/>
    </row>
    <row r="440440" spans="14:14">
      <c r="N440440" s="10"/>
    </row>
    <row r="440441" spans="14:14">
      <c r="N440441" s="10"/>
    </row>
    <row r="440442" spans="14:14">
      <c r="N440442" s="10"/>
    </row>
    <row r="440443" spans="14:14">
      <c r="N440443" s="10"/>
    </row>
    <row r="440444" spans="14:14">
      <c r="N440444" s="10"/>
    </row>
    <row r="440445" spans="14:14">
      <c r="N440445" s="10"/>
    </row>
    <row r="440446" spans="14:14">
      <c r="N440446" s="10"/>
    </row>
    <row r="440447" spans="14:14">
      <c r="N440447" s="10"/>
    </row>
    <row r="440448" spans="14:14">
      <c r="N440448" s="10"/>
    </row>
    <row r="440449" spans="14:14">
      <c r="N440449" s="10"/>
    </row>
    <row r="440450" spans="14:14">
      <c r="N440450" s="10"/>
    </row>
    <row r="440451" spans="14:14">
      <c r="N440451" s="10"/>
    </row>
    <row r="440452" spans="14:14">
      <c r="N440452" s="10"/>
    </row>
    <row r="440453" spans="14:14">
      <c r="N440453" s="10"/>
    </row>
    <row r="440454" spans="14:14">
      <c r="N440454" s="10"/>
    </row>
    <row r="440455" spans="14:14">
      <c r="N440455" s="10"/>
    </row>
    <row r="440456" spans="14:14">
      <c r="N440456" s="10"/>
    </row>
    <row r="440457" spans="14:14">
      <c r="N440457" s="10"/>
    </row>
    <row r="440458" spans="14:14">
      <c r="N440458" s="10"/>
    </row>
    <row r="440459" spans="14:14">
      <c r="N440459" s="10"/>
    </row>
    <row r="440460" spans="14:14">
      <c r="N440460" s="10"/>
    </row>
    <row r="440461" spans="14:14">
      <c r="N440461" s="10"/>
    </row>
    <row r="440462" spans="14:14">
      <c r="N440462" s="10"/>
    </row>
    <row r="440463" spans="14:14">
      <c r="N440463" s="10"/>
    </row>
    <row r="440464" spans="14:14">
      <c r="N440464" s="10"/>
    </row>
    <row r="440465" spans="14:14">
      <c r="N440465" s="10"/>
    </row>
    <row r="440466" spans="14:14">
      <c r="N440466" s="10"/>
    </row>
    <row r="440467" spans="14:14">
      <c r="N440467" s="10"/>
    </row>
    <row r="440468" spans="14:14">
      <c r="N440468" s="10"/>
    </row>
    <row r="440469" spans="14:14">
      <c r="N440469" s="10"/>
    </row>
    <row r="440470" spans="14:14">
      <c r="N440470" s="10"/>
    </row>
    <row r="440471" spans="14:14">
      <c r="N440471" s="10"/>
    </row>
    <row r="440472" spans="14:14">
      <c r="N440472" s="10"/>
    </row>
    <row r="440473" spans="14:14">
      <c r="N440473" s="10"/>
    </row>
    <row r="440474" spans="14:14">
      <c r="N440474" s="10"/>
    </row>
    <row r="440475" spans="14:14">
      <c r="N440475" s="10"/>
    </row>
    <row r="440476" spans="14:14">
      <c r="N440476" s="10"/>
    </row>
    <row r="440477" spans="14:14">
      <c r="N440477" s="10"/>
    </row>
    <row r="440478" spans="14:14">
      <c r="N440478" s="10"/>
    </row>
    <row r="440479" spans="14:14">
      <c r="N440479" s="10"/>
    </row>
    <row r="440480" spans="14:14">
      <c r="N440480" s="10"/>
    </row>
    <row r="440481" spans="14:14">
      <c r="N440481" s="10"/>
    </row>
    <row r="440482" spans="14:14">
      <c r="N440482" s="10"/>
    </row>
    <row r="440483" spans="14:14">
      <c r="N440483" s="10"/>
    </row>
    <row r="440484" spans="14:14">
      <c r="N440484" s="10"/>
    </row>
    <row r="440485" spans="14:14">
      <c r="N440485" s="10"/>
    </row>
    <row r="440486" spans="14:14">
      <c r="N440486" s="10"/>
    </row>
    <row r="440487" spans="14:14">
      <c r="N440487" s="10"/>
    </row>
    <row r="440488" spans="14:14">
      <c r="N440488" s="10"/>
    </row>
    <row r="440489" spans="14:14">
      <c r="N440489" s="10"/>
    </row>
    <row r="440490" spans="14:14">
      <c r="N440490" s="10"/>
    </row>
    <row r="440491" spans="14:14">
      <c r="N440491" s="10"/>
    </row>
    <row r="440492" spans="14:14">
      <c r="N440492" s="10"/>
    </row>
    <row r="440493" spans="14:14">
      <c r="N440493" s="10"/>
    </row>
    <row r="440494" spans="14:14">
      <c r="N440494" s="10"/>
    </row>
    <row r="440495" spans="14:14">
      <c r="N440495" s="10"/>
    </row>
    <row r="440496" spans="14:14">
      <c r="N440496" s="10"/>
    </row>
    <row r="440497" spans="14:14">
      <c r="N440497" s="10"/>
    </row>
    <row r="440498" spans="14:14">
      <c r="N440498" s="10"/>
    </row>
    <row r="440499" spans="14:14">
      <c r="N440499" s="10"/>
    </row>
    <row r="440500" spans="14:14">
      <c r="N440500" s="10"/>
    </row>
    <row r="440501" spans="14:14">
      <c r="N440501" s="10"/>
    </row>
    <row r="440502" spans="14:14">
      <c r="N440502" s="10"/>
    </row>
    <row r="440503" spans="14:14">
      <c r="N440503" s="10"/>
    </row>
    <row r="440504" spans="14:14">
      <c r="N440504" s="10"/>
    </row>
    <row r="440505" spans="14:14">
      <c r="N440505" s="10"/>
    </row>
    <row r="440506" spans="14:14">
      <c r="N440506" s="10"/>
    </row>
    <row r="440507" spans="14:14">
      <c r="N440507" s="10"/>
    </row>
    <row r="440508" spans="14:14">
      <c r="N440508" s="10"/>
    </row>
    <row r="440509" spans="14:14">
      <c r="N440509" s="10"/>
    </row>
    <row r="440510" spans="14:14">
      <c r="N440510" s="10"/>
    </row>
    <row r="440511" spans="14:14">
      <c r="N440511" s="10"/>
    </row>
    <row r="440512" spans="14:14">
      <c r="N440512" s="10"/>
    </row>
    <row r="440513" spans="14:14">
      <c r="N440513" s="10"/>
    </row>
    <row r="440514" spans="14:14">
      <c r="N440514" s="10"/>
    </row>
    <row r="440515" spans="14:14">
      <c r="N440515" s="10"/>
    </row>
    <row r="440516" spans="14:14">
      <c r="N440516" s="10"/>
    </row>
    <row r="440517" spans="14:14">
      <c r="N440517" s="10"/>
    </row>
    <row r="440518" spans="14:14">
      <c r="N440518" s="10"/>
    </row>
    <row r="440519" spans="14:14">
      <c r="N440519" s="10"/>
    </row>
    <row r="440520" spans="14:14">
      <c r="N440520" s="10"/>
    </row>
    <row r="440521" spans="14:14">
      <c r="N440521" s="10"/>
    </row>
    <row r="440522" spans="14:14">
      <c r="N440522" s="10"/>
    </row>
    <row r="440523" spans="14:14">
      <c r="N440523" s="10"/>
    </row>
    <row r="440524" spans="14:14">
      <c r="N440524" s="10"/>
    </row>
    <row r="440525" spans="14:14">
      <c r="N440525" s="10"/>
    </row>
    <row r="440526" spans="14:14">
      <c r="N440526" s="10"/>
    </row>
    <row r="440527" spans="14:14">
      <c r="N440527" s="10"/>
    </row>
    <row r="440528" spans="14:14">
      <c r="N440528" s="10"/>
    </row>
    <row r="440529" spans="14:14">
      <c r="N440529" s="10"/>
    </row>
    <row r="440530" spans="14:14">
      <c r="N440530" s="10"/>
    </row>
    <row r="440531" spans="14:14">
      <c r="N440531" s="10"/>
    </row>
    <row r="440532" spans="14:14">
      <c r="N440532" s="10"/>
    </row>
    <row r="440533" spans="14:14">
      <c r="N440533" s="10"/>
    </row>
    <row r="440534" spans="14:14">
      <c r="N440534" s="10"/>
    </row>
    <row r="440535" spans="14:14">
      <c r="N440535" s="10"/>
    </row>
    <row r="440536" spans="14:14">
      <c r="N440536" s="10"/>
    </row>
    <row r="440537" spans="14:14">
      <c r="N440537" s="10"/>
    </row>
    <row r="440538" spans="14:14">
      <c r="N440538" s="10"/>
    </row>
    <row r="440539" spans="14:14">
      <c r="N440539" s="10"/>
    </row>
    <row r="440540" spans="14:14">
      <c r="N440540" s="10"/>
    </row>
    <row r="440541" spans="14:14">
      <c r="N440541" s="10"/>
    </row>
    <row r="440542" spans="14:14">
      <c r="N440542" s="10"/>
    </row>
    <row r="440543" spans="14:14">
      <c r="N440543" s="10"/>
    </row>
    <row r="440544" spans="14:14">
      <c r="N440544" s="10"/>
    </row>
    <row r="440545" spans="14:14">
      <c r="N440545" s="10"/>
    </row>
    <row r="440546" spans="14:14">
      <c r="N440546" s="10"/>
    </row>
    <row r="440547" spans="14:14">
      <c r="N440547" s="10"/>
    </row>
    <row r="440548" spans="14:14">
      <c r="N440548" s="10"/>
    </row>
    <row r="440549" spans="14:14">
      <c r="N440549" s="10"/>
    </row>
    <row r="440550" spans="14:14">
      <c r="N440550" s="10"/>
    </row>
    <row r="440551" spans="14:14">
      <c r="N440551" s="10"/>
    </row>
    <row r="440552" spans="14:14">
      <c r="N440552" s="10"/>
    </row>
    <row r="440553" spans="14:14">
      <c r="N440553" s="10"/>
    </row>
    <row r="440554" spans="14:14">
      <c r="N440554" s="10"/>
    </row>
    <row r="440555" spans="14:14">
      <c r="N440555" s="10"/>
    </row>
    <row r="440556" spans="14:14">
      <c r="N440556" s="10"/>
    </row>
    <row r="440557" spans="14:14">
      <c r="N440557" s="10"/>
    </row>
    <row r="440558" spans="14:14">
      <c r="N440558" s="10"/>
    </row>
    <row r="440559" spans="14:14">
      <c r="N440559" s="10"/>
    </row>
    <row r="440560" spans="14:14">
      <c r="N440560" s="10"/>
    </row>
    <row r="440561" spans="14:14">
      <c r="N440561" s="10"/>
    </row>
    <row r="440562" spans="14:14">
      <c r="N440562" s="10"/>
    </row>
    <row r="440563" spans="14:14">
      <c r="N440563" s="10"/>
    </row>
    <row r="440564" spans="14:14">
      <c r="N440564" s="10"/>
    </row>
    <row r="440565" spans="14:14">
      <c r="N440565" s="10"/>
    </row>
    <row r="440566" spans="14:14">
      <c r="N440566" s="10"/>
    </row>
    <row r="440567" spans="14:14">
      <c r="N440567" s="10"/>
    </row>
    <row r="440568" spans="14:14">
      <c r="N440568" s="10"/>
    </row>
    <row r="440569" spans="14:14">
      <c r="N440569" s="10"/>
    </row>
    <row r="440570" spans="14:14">
      <c r="N440570" s="10"/>
    </row>
    <row r="440571" spans="14:14">
      <c r="N440571" s="10"/>
    </row>
    <row r="440572" spans="14:14">
      <c r="N440572" s="10"/>
    </row>
    <row r="440573" spans="14:14">
      <c r="N440573" s="10"/>
    </row>
    <row r="440574" spans="14:14">
      <c r="N440574" s="10"/>
    </row>
    <row r="440575" spans="14:14">
      <c r="N440575" s="10"/>
    </row>
    <row r="440576" spans="14:14">
      <c r="N440576" s="10"/>
    </row>
    <row r="440577" spans="14:14">
      <c r="N440577" s="10"/>
    </row>
    <row r="440578" spans="14:14">
      <c r="N440578" s="10"/>
    </row>
    <row r="440579" spans="14:14">
      <c r="N440579" s="10"/>
    </row>
    <row r="440580" spans="14:14">
      <c r="N440580" s="10"/>
    </row>
    <row r="440581" spans="14:14">
      <c r="N440581" s="10"/>
    </row>
    <row r="440582" spans="14:14">
      <c r="N440582" s="10"/>
    </row>
    <row r="440583" spans="14:14">
      <c r="N440583" s="10"/>
    </row>
    <row r="440584" spans="14:14">
      <c r="N440584" s="10"/>
    </row>
    <row r="440585" spans="14:14">
      <c r="N440585" s="10"/>
    </row>
    <row r="440586" spans="14:14">
      <c r="N440586" s="10"/>
    </row>
    <row r="440587" spans="14:14">
      <c r="N440587" s="10"/>
    </row>
    <row r="440588" spans="14:14">
      <c r="N440588" s="10"/>
    </row>
    <row r="440589" spans="14:14">
      <c r="N440589" s="10"/>
    </row>
    <row r="440590" spans="14:14">
      <c r="N440590" s="10"/>
    </row>
    <row r="440591" spans="14:14">
      <c r="N440591" s="10"/>
    </row>
    <row r="440592" spans="14:14">
      <c r="N440592" s="10"/>
    </row>
    <row r="440593" spans="14:14">
      <c r="N440593" s="10"/>
    </row>
    <row r="440594" spans="14:14">
      <c r="N440594" s="10"/>
    </row>
    <row r="440595" spans="14:14">
      <c r="N440595" s="10"/>
    </row>
    <row r="440596" spans="14:14">
      <c r="N440596" s="10"/>
    </row>
    <row r="440597" spans="14:14">
      <c r="N440597" s="10"/>
    </row>
    <row r="440598" spans="14:14">
      <c r="N440598" s="10"/>
    </row>
    <row r="440599" spans="14:14">
      <c r="N440599" s="10"/>
    </row>
    <row r="440600" spans="14:14">
      <c r="N440600" s="10"/>
    </row>
    <row r="440601" spans="14:14">
      <c r="N440601" s="10"/>
    </row>
    <row r="440602" spans="14:14">
      <c r="N440602" s="10"/>
    </row>
    <row r="440603" spans="14:14">
      <c r="N440603" s="10"/>
    </row>
    <row r="440604" spans="14:14">
      <c r="N440604" s="10"/>
    </row>
    <row r="440605" spans="14:14">
      <c r="N440605" s="10"/>
    </row>
    <row r="440606" spans="14:14">
      <c r="N440606" s="10"/>
    </row>
    <row r="440607" spans="14:14">
      <c r="N440607" s="10"/>
    </row>
    <row r="440608" spans="14:14">
      <c r="N440608" s="10"/>
    </row>
    <row r="440609" spans="14:14">
      <c r="N440609" s="10"/>
    </row>
    <row r="440610" spans="14:14">
      <c r="N440610" s="10"/>
    </row>
    <row r="440611" spans="14:14">
      <c r="N440611" s="10"/>
    </row>
    <row r="440612" spans="14:14">
      <c r="N440612" s="10"/>
    </row>
    <row r="440613" spans="14:14">
      <c r="N440613" s="10"/>
    </row>
    <row r="440614" spans="14:14">
      <c r="N440614" s="10"/>
    </row>
    <row r="440615" spans="14:14">
      <c r="N440615" s="10"/>
    </row>
    <row r="440616" spans="14:14">
      <c r="N440616" s="10"/>
    </row>
    <row r="440617" spans="14:14">
      <c r="N440617" s="10"/>
    </row>
    <row r="440618" spans="14:14">
      <c r="N440618" s="10"/>
    </row>
    <row r="440619" spans="14:14">
      <c r="N440619" s="10"/>
    </row>
    <row r="440620" spans="14:14">
      <c r="N440620" s="10"/>
    </row>
    <row r="440621" spans="14:14">
      <c r="N440621" s="10"/>
    </row>
    <row r="440622" spans="14:14">
      <c r="N440622" s="10"/>
    </row>
    <row r="440623" spans="14:14">
      <c r="N440623" s="10"/>
    </row>
    <row r="440624" spans="14:14">
      <c r="N440624" s="10"/>
    </row>
    <row r="440625" spans="14:14">
      <c r="N440625" s="10"/>
    </row>
    <row r="440626" spans="14:14">
      <c r="N440626" s="10"/>
    </row>
    <row r="440627" spans="14:14">
      <c r="N440627" s="10"/>
    </row>
    <row r="440628" spans="14:14">
      <c r="N440628" s="10"/>
    </row>
    <row r="440629" spans="14:14">
      <c r="N440629" s="10"/>
    </row>
    <row r="440630" spans="14:14">
      <c r="N440630" s="10"/>
    </row>
    <row r="440631" spans="14:14">
      <c r="N440631" s="10"/>
    </row>
    <row r="440632" spans="14:14">
      <c r="N440632" s="10"/>
    </row>
    <row r="440633" spans="14:14">
      <c r="N440633" s="10"/>
    </row>
    <row r="440634" spans="14:14">
      <c r="N440634" s="10"/>
    </row>
    <row r="440635" spans="14:14">
      <c r="N440635" s="10"/>
    </row>
    <row r="440636" spans="14:14">
      <c r="N440636" s="10"/>
    </row>
    <row r="440637" spans="14:14">
      <c r="N440637" s="10"/>
    </row>
    <row r="440638" spans="14:14">
      <c r="N440638" s="10"/>
    </row>
    <row r="440639" spans="14:14">
      <c r="N440639" s="10"/>
    </row>
    <row r="440640" spans="14:14">
      <c r="N440640" s="10"/>
    </row>
    <row r="440641" spans="14:14">
      <c r="N440641" s="10"/>
    </row>
    <row r="440642" spans="14:14">
      <c r="N440642" s="10"/>
    </row>
    <row r="440643" spans="14:14">
      <c r="N440643" s="10"/>
    </row>
    <row r="440644" spans="14:14">
      <c r="N440644" s="10"/>
    </row>
    <row r="440645" spans="14:14">
      <c r="N440645" s="10"/>
    </row>
    <row r="440646" spans="14:14">
      <c r="N440646" s="10"/>
    </row>
    <row r="440647" spans="14:14">
      <c r="N440647" s="10"/>
    </row>
    <row r="440648" spans="14:14">
      <c r="N440648" s="10"/>
    </row>
    <row r="440649" spans="14:14">
      <c r="N440649" s="10"/>
    </row>
    <row r="440650" spans="14:14">
      <c r="N440650" s="10"/>
    </row>
    <row r="440651" spans="14:14">
      <c r="N440651" s="10"/>
    </row>
    <row r="440652" spans="14:14">
      <c r="N440652" s="10"/>
    </row>
    <row r="440653" spans="14:14">
      <c r="N440653" s="10"/>
    </row>
    <row r="440654" spans="14:14">
      <c r="N440654" s="10"/>
    </row>
    <row r="440655" spans="14:14">
      <c r="N440655" s="10"/>
    </row>
    <row r="440656" spans="14:14">
      <c r="N440656" s="10"/>
    </row>
    <row r="440657" spans="14:14">
      <c r="N440657" s="10"/>
    </row>
    <row r="440658" spans="14:14">
      <c r="N440658" s="10"/>
    </row>
    <row r="440659" spans="14:14">
      <c r="N440659" s="10"/>
    </row>
    <row r="440660" spans="14:14">
      <c r="N440660" s="10"/>
    </row>
    <row r="440661" spans="14:14">
      <c r="N440661" s="10"/>
    </row>
    <row r="440662" spans="14:14">
      <c r="N440662" s="10"/>
    </row>
    <row r="440663" spans="14:14">
      <c r="N440663" s="10"/>
    </row>
    <row r="440664" spans="14:14">
      <c r="N440664" s="10"/>
    </row>
    <row r="440665" spans="14:14">
      <c r="N440665" s="10"/>
    </row>
    <row r="440666" spans="14:14">
      <c r="N440666" s="10"/>
    </row>
    <row r="440667" spans="14:14">
      <c r="N440667" s="10"/>
    </row>
    <row r="440668" spans="14:14">
      <c r="N440668" s="10"/>
    </row>
    <row r="440669" spans="14:14">
      <c r="N440669" s="10"/>
    </row>
    <row r="440670" spans="14:14">
      <c r="N440670" s="10"/>
    </row>
    <row r="440671" spans="14:14">
      <c r="N440671" s="10"/>
    </row>
    <row r="440672" spans="14:14">
      <c r="N440672" s="10"/>
    </row>
    <row r="440673" spans="14:14">
      <c r="N440673" s="10"/>
    </row>
    <row r="440674" spans="14:14">
      <c r="N440674" s="10"/>
    </row>
    <row r="440675" spans="14:14">
      <c r="N440675" s="10"/>
    </row>
    <row r="440676" spans="14:14">
      <c r="N440676" s="10"/>
    </row>
    <row r="440677" spans="14:14">
      <c r="N440677" s="10"/>
    </row>
    <row r="440678" spans="14:14">
      <c r="N440678" s="10"/>
    </row>
    <row r="440679" spans="14:14">
      <c r="N440679" s="10"/>
    </row>
    <row r="440680" spans="14:14">
      <c r="N440680" s="10"/>
    </row>
    <row r="440681" spans="14:14">
      <c r="N440681" s="10"/>
    </row>
    <row r="440682" spans="14:14">
      <c r="N440682" s="10"/>
    </row>
    <row r="440683" spans="14:14">
      <c r="N440683" s="10"/>
    </row>
    <row r="440684" spans="14:14">
      <c r="N440684" s="10"/>
    </row>
    <row r="440685" spans="14:14">
      <c r="N440685" s="10"/>
    </row>
    <row r="440686" spans="14:14">
      <c r="N440686" s="10"/>
    </row>
    <row r="440687" spans="14:14">
      <c r="N440687" s="10"/>
    </row>
    <row r="440688" spans="14:14">
      <c r="N440688" s="10"/>
    </row>
    <row r="440689" spans="14:14">
      <c r="N440689" s="10"/>
    </row>
    <row r="440690" spans="14:14">
      <c r="N440690" s="10"/>
    </row>
    <row r="440691" spans="14:14">
      <c r="N440691" s="10"/>
    </row>
    <row r="440692" spans="14:14">
      <c r="N440692" s="10"/>
    </row>
    <row r="440693" spans="14:14">
      <c r="N440693" s="10"/>
    </row>
    <row r="440694" spans="14:14">
      <c r="N440694" s="10"/>
    </row>
    <row r="440695" spans="14:14">
      <c r="N440695" s="10"/>
    </row>
    <row r="440696" spans="14:14">
      <c r="N440696" s="10"/>
    </row>
    <row r="440697" spans="14:14">
      <c r="N440697" s="10"/>
    </row>
    <row r="440698" spans="14:14">
      <c r="N440698" s="10"/>
    </row>
    <row r="440699" spans="14:14">
      <c r="N440699" s="10"/>
    </row>
    <row r="440700" spans="14:14">
      <c r="N440700" s="10"/>
    </row>
    <row r="440701" spans="14:14">
      <c r="N440701" s="10"/>
    </row>
    <row r="440702" spans="14:14">
      <c r="N440702" s="10"/>
    </row>
    <row r="440703" spans="14:14">
      <c r="N440703" s="10"/>
    </row>
    <row r="440704" spans="14:14">
      <c r="N440704" s="10"/>
    </row>
    <row r="440705" spans="14:14">
      <c r="N440705" s="10"/>
    </row>
    <row r="440706" spans="14:14">
      <c r="N440706" s="10"/>
    </row>
    <row r="440707" spans="14:14">
      <c r="N440707" s="10"/>
    </row>
    <row r="440708" spans="14:14">
      <c r="N440708" s="10"/>
    </row>
    <row r="440709" spans="14:14">
      <c r="N440709" s="10"/>
    </row>
    <row r="440710" spans="14:14">
      <c r="N440710" s="10"/>
    </row>
    <row r="440711" spans="14:14">
      <c r="N440711" s="10"/>
    </row>
    <row r="440712" spans="14:14">
      <c r="N440712" s="10"/>
    </row>
    <row r="440713" spans="14:14">
      <c r="N440713" s="10"/>
    </row>
    <row r="440714" spans="14:14">
      <c r="N440714" s="10"/>
    </row>
    <row r="440715" spans="14:14">
      <c r="N440715" s="10"/>
    </row>
    <row r="440716" spans="14:14">
      <c r="N440716" s="10"/>
    </row>
    <row r="440717" spans="14:14">
      <c r="N440717" s="10"/>
    </row>
    <row r="440718" spans="14:14">
      <c r="N440718" s="10"/>
    </row>
    <row r="440719" spans="14:14">
      <c r="N440719" s="10"/>
    </row>
    <row r="440720" spans="14:14">
      <c r="N440720" s="10"/>
    </row>
    <row r="440721" spans="14:14">
      <c r="N440721" s="10"/>
    </row>
    <row r="440722" spans="14:14">
      <c r="N440722" s="10"/>
    </row>
    <row r="440723" spans="14:14">
      <c r="N440723" s="10"/>
    </row>
    <row r="440724" spans="14:14">
      <c r="N440724" s="10"/>
    </row>
    <row r="440725" spans="14:14">
      <c r="N440725" s="10"/>
    </row>
    <row r="440726" spans="14:14">
      <c r="N440726" s="10"/>
    </row>
    <row r="440727" spans="14:14">
      <c r="N440727" s="10"/>
    </row>
    <row r="440728" spans="14:14">
      <c r="N440728" s="10"/>
    </row>
    <row r="440729" spans="14:14">
      <c r="N440729" s="10"/>
    </row>
    <row r="440730" spans="14:14">
      <c r="N440730" s="10"/>
    </row>
    <row r="440731" spans="14:14">
      <c r="N440731" s="10"/>
    </row>
    <row r="440732" spans="14:14">
      <c r="N440732" s="10"/>
    </row>
    <row r="440733" spans="14:14">
      <c r="N440733" s="10"/>
    </row>
    <row r="440734" spans="14:14">
      <c r="N440734" s="10"/>
    </row>
    <row r="440735" spans="14:14">
      <c r="N440735" s="10"/>
    </row>
    <row r="440736" spans="14:14">
      <c r="N440736" s="10"/>
    </row>
    <row r="440737" spans="14:14">
      <c r="N440737" s="10"/>
    </row>
    <row r="440738" spans="14:14">
      <c r="N440738" s="10"/>
    </row>
    <row r="440739" spans="14:14">
      <c r="N440739" s="10"/>
    </row>
    <row r="440740" spans="14:14">
      <c r="N440740" s="10"/>
    </row>
    <row r="440741" spans="14:14">
      <c r="N440741" s="10"/>
    </row>
    <row r="440742" spans="14:14">
      <c r="N440742" s="10"/>
    </row>
    <row r="440743" spans="14:14">
      <c r="N440743" s="10"/>
    </row>
    <row r="440744" spans="14:14">
      <c r="N440744" s="10"/>
    </row>
    <row r="440745" spans="14:14">
      <c r="N440745" s="10"/>
    </row>
    <row r="440746" spans="14:14">
      <c r="N440746" s="10"/>
    </row>
    <row r="440747" spans="14:14">
      <c r="N440747" s="10"/>
    </row>
    <row r="440748" spans="14:14">
      <c r="N440748" s="10"/>
    </row>
    <row r="440749" spans="14:14">
      <c r="N440749" s="10"/>
    </row>
    <row r="440750" spans="14:14">
      <c r="N440750" s="10"/>
    </row>
    <row r="440751" spans="14:14">
      <c r="N440751" s="10"/>
    </row>
    <row r="440752" spans="14:14">
      <c r="N440752" s="10"/>
    </row>
    <row r="440753" spans="14:14">
      <c r="N440753" s="10"/>
    </row>
    <row r="440754" spans="14:14">
      <c r="N440754" s="10"/>
    </row>
    <row r="440755" spans="14:14">
      <c r="N440755" s="10"/>
    </row>
    <row r="440756" spans="14:14">
      <c r="N440756" s="10"/>
    </row>
    <row r="440757" spans="14:14">
      <c r="N440757" s="10"/>
    </row>
    <row r="440758" spans="14:14">
      <c r="N440758" s="10"/>
    </row>
    <row r="440759" spans="14:14">
      <c r="N440759" s="10"/>
    </row>
    <row r="440760" spans="14:14">
      <c r="N440760" s="10"/>
    </row>
    <row r="440761" spans="14:14">
      <c r="N440761" s="10"/>
    </row>
    <row r="440762" spans="14:14">
      <c r="N440762" s="10"/>
    </row>
    <row r="440763" spans="14:14">
      <c r="N440763" s="10"/>
    </row>
    <row r="440764" spans="14:14">
      <c r="N440764" s="10"/>
    </row>
    <row r="440765" spans="14:14">
      <c r="N440765" s="10"/>
    </row>
    <row r="440766" spans="14:14">
      <c r="N440766" s="10"/>
    </row>
    <row r="440767" spans="14:14">
      <c r="N440767" s="10"/>
    </row>
    <row r="440768" spans="14:14">
      <c r="N440768" s="10"/>
    </row>
    <row r="440769" spans="14:14">
      <c r="N440769" s="10"/>
    </row>
    <row r="440770" spans="14:14">
      <c r="N440770" s="10"/>
    </row>
    <row r="440771" spans="14:14">
      <c r="N440771" s="10"/>
    </row>
    <row r="440772" spans="14:14">
      <c r="N440772" s="10"/>
    </row>
    <row r="440773" spans="14:14">
      <c r="N440773" s="10"/>
    </row>
    <row r="440774" spans="14:14">
      <c r="N440774" s="10"/>
    </row>
    <row r="440775" spans="14:14">
      <c r="N440775" s="10"/>
    </row>
    <row r="440776" spans="14:14">
      <c r="N440776" s="10"/>
    </row>
    <row r="440777" spans="14:14">
      <c r="N440777" s="10"/>
    </row>
    <row r="440778" spans="14:14">
      <c r="N440778" s="10"/>
    </row>
    <row r="440779" spans="14:14">
      <c r="N440779" s="10"/>
    </row>
    <row r="440780" spans="14:14">
      <c r="N440780" s="10"/>
    </row>
    <row r="440781" spans="14:14">
      <c r="N440781" s="10"/>
    </row>
    <row r="440782" spans="14:14">
      <c r="N440782" s="10"/>
    </row>
    <row r="440783" spans="14:14">
      <c r="N440783" s="10"/>
    </row>
    <row r="440784" spans="14:14">
      <c r="N440784" s="10"/>
    </row>
    <row r="440785" spans="14:14">
      <c r="N440785" s="10"/>
    </row>
    <row r="440786" spans="14:14">
      <c r="N440786" s="10"/>
    </row>
    <row r="440787" spans="14:14">
      <c r="N440787" s="10"/>
    </row>
    <row r="440788" spans="14:14">
      <c r="N440788" s="10"/>
    </row>
    <row r="440789" spans="14:14">
      <c r="N440789" s="10"/>
    </row>
    <row r="440790" spans="14:14">
      <c r="N440790" s="10"/>
    </row>
    <row r="440791" spans="14:14">
      <c r="N440791" s="10"/>
    </row>
    <row r="440792" spans="14:14">
      <c r="N440792" s="10"/>
    </row>
    <row r="440793" spans="14:14">
      <c r="N440793" s="10"/>
    </row>
    <row r="440794" spans="14:14">
      <c r="N440794" s="10"/>
    </row>
    <row r="440795" spans="14:14">
      <c r="N440795" s="10"/>
    </row>
    <row r="440796" spans="14:14">
      <c r="N440796" s="10"/>
    </row>
    <row r="440797" spans="14:14">
      <c r="N440797" s="10"/>
    </row>
    <row r="440798" spans="14:14">
      <c r="N440798" s="10"/>
    </row>
    <row r="440799" spans="14:14">
      <c r="N440799" s="10"/>
    </row>
    <row r="440800" spans="14:14">
      <c r="N440800" s="10"/>
    </row>
    <row r="440801" spans="14:14">
      <c r="N440801" s="10"/>
    </row>
    <row r="440802" spans="14:14">
      <c r="N440802" s="10"/>
    </row>
    <row r="440803" spans="14:14">
      <c r="N440803" s="10"/>
    </row>
    <row r="440804" spans="14:14">
      <c r="N440804" s="10"/>
    </row>
    <row r="440805" spans="14:14">
      <c r="N440805" s="10"/>
    </row>
    <row r="440806" spans="14:14">
      <c r="N440806" s="10"/>
    </row>
    <row r="440807" spans="14:14">
      <c r="N440807" s="10"/>
    </row>
    <row r="440808" spans="14:14">
      <c r="N440808" s="10"/>
    </row>
    <row r="440809" spans="14:14">
      <c r="N440809" s="10"/>
    </row>
    <row r="440810" spans="14:14">
      <c r="N440810" s="10"/>
    </row>
    <row r="440811" spans="14:14">
      <c r="N440811" s="10"/>
    </row>
    <row r="440812" spans="14:14">
      <c r="N440812" s="10"/>
    </row>
    <row r="440813" spans="14:14">
      <c r="N440813" s="10"/>
    </row>
    <row r="440814" spans="14:14">
      <c r="N440814" s="10"/>
    </row>
    <row r="440815" spans="14:14">
      <c r="N440815" s="10"/>
    </row>
    <row r="440816" spans="14:14">
      <c r="N440816" s="10"/>
    </row>
    <row r="440817" spans="14:14">
      <c r="N440817" s="10"/>
    </row>
    <row r="440818" spans="14:14">
      <c r="N440818" s="10"/>
    </row>
    <row r="440819" spans="14:14">
      <c r="N440819" s="10"/>
    </row>
    <row r="440820" spans="14:14">
      <c r="N440820" s="10"/>
    </row>
    <row r="440821" spans="14:14">
      <c r="N440821" s="10"/>
    </row>
    <row r="440822" spans="14:14">
      <c r="N440822" s="10"/>
    </row>
    <row r="440823" spans="14:14">
      <c r="N440823" s="10"/>
    </row>
    <row r="440824" spans="14:14">
      <c r="N440824" s="10"/>
    </row>
    <row r="440825" spans="14:14">
      <c r="N440825" s="10"/>
    </row>
    <row r="440826" spans="14:14">
      <c r="N440826" s="10"/>
    </row>
    <row r="440827" spans="14:14">
      <c r="N440827" s="10"/>
    </row>
    <row r="440828" spans="14:14">
      <c r="N440828" s="10"/>
    </row>
    <row r="440829" spans="14:14">
      <c r="N440829" s="10"/>
    </row>
    <row r="440830" spans="14:14">
      <c r="N440830" s="10"/>
    </row>
    <row r="440831" spans="14:14">
      <c r="N440831" s="10"/>
    </row>
    <row r="440832" spans="14:14">
      <c r="N440832" s="10"/>
    </row>
    <row r="440833" spans="14:14">
      <c r="N440833" s="10"/>
    </row>
    <row r="440834" spans="14:14">
      <c r="N440834" s="10"/>
    </row>
    <row r="440835" spans="14:14">
      <c r="N440835" s="10"/>
    </row>
    <row r="440836" spans="14:14">
      <c r="N440836" s="10"/>
    </row>
    <row r="440837" spans="14:14">
      <c r="N440837" s="10"/>
    </row>
    <row r="440838" spans="14:14">
      <c r="N440838" s="10"/>
    </row>
    <row r="440839" spans="14:14">
      <c r="N440839" s="10"/>
    </row>
    <row r="440840" spans="14:14">
      <c r="N440840" s="10"/>
    </row>
    <row r="440841" spans="14:14">
      <c r="N440841" s="10"/>
    </row>
    <row r="440842" spans="14:14">
      <c r="N440842" s="10"/>
    </row>
    <row r="440843" spans="14:14">
      <c r="N440843" s="10"/>
    </row>
    <row r="440844" spans="14:14">
      <c r="N440844" s="10"/>
    </row>
    <row r="440845" spans="14:14">
      <c r="N440845" s="10"/>
    </row>
    <row r="440846" spans="14:14">
      <c r="N440846" s="10"/>
    </row>
    <row r="440847" spans="14:14">
      <c r="N440847" s="10"/>
    </row>
    <row r="440848" spans="14:14">
      <c r="N440848" s="10"/>
    </row>
    <row r="440849" spans="14:14">
      <c r="N440849" s="10"/>
    </row>
    <row r="440850" spans="14:14">
      <c r="N440850" s="10"/>
    </row>
    <row r="440851" spans="14:14">
      <c r="N440851" s="10"/>
    </row>
    <row r="440852" spans="14:14">
      <c r="N440852" s="10"/>
    </row>
    <row r="440853" spans="14:14">
      <c r="N440853" s="10"/>
    </row>
    <row r="440854" spans="14:14">
      <c r="N440854" s="10"/>
    </row>
    <row r="440855" spans="14:14">
      <c r="N440855" s="10"/>
    </row>
    <row r="440856" spans="14:14">
      <c r="N440856" s="10"/>
    </row>
    <row r="440857" spans="14:14">
      <c r="N440857" s="10"/>
    </row>
    <row r="440858" spans="14:14">
      <c r="N440858" s="10"/>
    </row>
    <row r="440859" spans="14:14">
      <c r="N440859" s="10"/>
    </row>
    <row r="440860" spans="14:14">
      <c r="N440860" s="10"/>
    </row>
    <row r="440861" spans="14:14">
      <c r="N440861" s="10"/>
    </row>
    <row r="440862" spans="14:14">
      <c r="N440862" s="10"/>
    </row>
    <row r="440863" spans="14:14">
      <c r="N440863" s="10"/>
    </row>
    <row r="440864" spans="14:14">
      <c r="N440864" s="10"/>
    </row>
    <row r="440865" spans="14:14">
      <c r="N440865" s="10"/>
    </row>
    <row r="440866" spans="14:14">
      <c r="N440866" s="10"/>
    </row>
    <row r="440867" spans="14:14">
      <c r="N440867" s="10"/>
    </row>
    <row r="440868" spans="14:14">
      <c r="N440868" s="10"/>
    </row>
    <row r="440869" spans="14:14">
      <c r="N440869" s="10"/>
    </row>
    <row r="440870" spans="14:14">
      <c r="N440870" s="10"/>
    </row>
    <row r="440871" spans="14:14">
      <c r="N440871" s="10"/>
    </row>
    <row r="440872" spans="14:14">
      <c r="N440872" s="10"/>
    </row>
    <row r="440873" spans="14:14">
      <c r="N440873" s="10"/>
    </row>
    <row r="440874" spans="14:14">
      <c r="N440874" s="10"/>
    </row>
    <row r="440875" spans="14:14">
      <c r="N440875" s="10"/>
    </row>
    <row r="440876" spans="14:14">
      <c r="N440876" s="10"/>
    </row>
    <row r="440877" spans="14:14">
      <c r="N440877" s="10"/>
    </row>
    <row r="440878" spans="14:14">
      <c r="N440878" s="10"/>
    </row>
    <row r="440879" spans="14:14">
      <c r="N440879" s="10"/>
    </row>
    <row r="440880" spans="14:14">
      <c r="N440880" s="10"/>
    </row>
    <row r="440881" spans="14:14">
      <c r="N440881" s="10"/>
    </row>
    <row r="440882" spans="14:14">
      <c r="N440882" s="10"/>
    </row>
    <row r="440883" spans="14:14">
      <c r="N440883" s="10"/>
    </row>
    <row r="440884" spans="14:14">
      <c r="N440884" s="10"/>
    </row>
    <row r="440885" spans="14:14">
      <c r="N440885" s="10"/>
    </row>
    <row r="440886" spans="14:14">
      <c r="N440886" s="10"/>
    </row>
    <row r="440887" spans="14:14">
      <c r="N440887" s="10"/>
    </row>
    <row r="440888" spans="14:14">
      <c r="N440888" s="10"/>
    </row>
    <row r="440889" spans="14:14">
      <c r="N440889" s="10"/>
    </row>
    <row r="440890" spans="14:14">
      <c r="N440890" s="10"/>
    </row>
    <row r="440891" spans="14:14">
      <c r="N440891" s="10"/>
    </row>
    <row r="440892" spans="14:14">
      <c r="N440892" s="10"/>
    </row>
    <row r="440893" spans="14:14">
      <c r="N440893" s="10"/>
    </row>
    <row r="440894" spans="14:14">
      <c r="N440894" s="10"/>
    </row>
    <row r="440895" spans="14:14">
      <c r="N440895" s="10"/>
    </row>
    <row r="440896" spans="14:14">
      <c r="N440896" s="10"/>
    </row>
    <row r="440897" spans="14:14">
      <c r="N440897" s="10"/>
    </row>
    <row r="440898" spans="14:14">
      <c r="N440898" s="10"/>
    </row>
    <row r="440899" spans="14:14">
      <c r="N440899" s="10"/>
    </row>
    <row r="440900" spans="14:14">
      <c r="N440900" s="10"/>
    </row>
    <row r="440901" spans="14:14">
      <c r="N440901" s="10"/>
    </row>
    <row r="440902" spans="14:14">
      <c r="N440902" s="10"/>
    </row>
    <row r="440903" spans="14:14">
      <c r="N440903" s="10"/>
    </row>
    <row r="440904" spans="14:14">
      <c r="N440904" s="10"/>
    </row>
    <row r="440905" spans="14:14">
      <c r="N440905" s="10"/>
    </row>
    <row r="440906" spans="14:14">
      <c r="N440906" s="10"/>
    </row>
    <row r="440907" spans="14:14">
      <c r="N440907" s="10"/>
    </row>
    <row r="440908" spans="14:14">
      <c r="N440908" s="10"/>
    </row>
    <row r="440909" spans="14:14">
      <c r="N440909" s="10"/>
    </row>
    <row r="440910" spans="14:14">
      <c r="N440910" s="10"/>
    </row>
    <row r="440911" spans="14:14">
      <c r="N440911" s="10"/>
    </row>
    <row r="440912" spans="14:14">
      <c r="N440912" s="10"/>
    </row>
    <row r="440913" spans="14:14">
      <c r="N440913" s="10"/>
    </row>
    <row r="440914" spans="14:14">
      <c r="N440914" s="10"/>
    </row>
    <row r="440915" spans="14:14">
      <c r="N440915" s="10"/>
    </row>
    <row r="440916" spans="14:14">
      <c r="N440916" s="10"/>
    </row>
    <row r="440917" spans="14:14">
      <c r="N440917" s="10"/>
    </row>
    <row r="440918" spans="14:14">
      <c r="N440918" s="10"/>
    </row>
    <row r="440919" spans="14:14">
      <c r="N440919" s="10"/>
    </row>
    <row r="440920" spans="14:14">
      <c r="N440920" s="10"/>
    </row>
    <row r="440921" spans="14:14">
      <c r="N440921" s="10"/>
    </row>
    <row r="440922" spans="14:14">
      <c r="N440922" s="10"/>
    </row>
    <row r="440923" spans="14:14">
      <c r="N440923" s="10"/>
    </row>
    <row r="440924" spans="14:14">
      <c r="N440924" s="10"/>
    </row>
    <row r="440925" spans="14:14">
      <c r="N440925" s="10"/>
    </row>
    <row r="440926" spans="14:14">
      <c r="N440926" s="10"/>
    </row>
    <row r="440927" spans="14:14">
      <c r="N440927" s="10"/>
    </row>
    <row r="440928" spans="14:14">
      <c r="N440928" s="10"/>
    </row>
    <row r="440929" spans="14:14">
      <c r="N440929" s="10"/>
    </row>
    <row r="440930" spans="14:14">
      <c r="N440930" s="10"/>
    </row>
    <row r="440931" spans="14:14">
      <c r="N440931" s="10"/>
    </row>
    <row r="440932" spans="14:14">
      <c r="N440932" s="10"/>
    </row>
    <row r="440933" spans="14:14">
      <c r="N440933" s="10"/>
    </row>
    <row r="440934" spans="14:14">
      <c r="N440934" s="10"/>
    </row>
    <row r="440935" spans="14:14">
      <c r="N440935" s="10"/>
    </row>
    <row r="440936" spans="14:14">
      <c r="N440936" s="10"/>
    </row>
    <row r="440937" spans="14:14">
      <c r="N440937" s="10"/>
    </row>
    <row r="440938" spans="14:14">
      <c r="N440938" s="10"/>
    </row>
    <row r="440939" spans="14:14">
      <c r="N440939" s="10"/>
    </row>
    <row r="440940" spans="14:14">
      <c r="N440940" s="10"/>
    </row>
    <row r="440941" spans="14:14">
      <c r="N440941" s="10"/>
    </row>
    <row r="440942" spans="14:14">
      <c r="N440942" s="10"/>
    </row>
    <row r="440943" spans="14:14">
      <c r="N440943" s="10"/>
    </row>
    <row r="440944" spans="14:14">
      <c r="N440944" s="10"/>
    </row>
    <row r="440945" spans="14:14">
      <c r="N440945" s="10"/>
    </row>
    <row r="440946" spans="14:14">
      <c r="N440946" s="10"/>
    </row>
    <row r="440947" spans="14:14">
      <c r="N440947" s="10"/>
    </row>
    <row r="440948" spans="14:14">
      <c r="N440948" s="10"/>
    </row>
    <row r="440949" spans="14:14">
      <c r="N440949" s="10"/>
    </row>
    <row r="440950" spans="14:14">
      <c r="N440950" s="10"/>
    </row>
    <row r="440951" spans="14:14">
      <c r="N440951" s="10"/>
    </row>
    <row r="440952" spans="14:14">
      <c r="N440952" s="10"/>
    </row>
    <row r="440953" spans="14:14">
      <c r="N440953" s="10"/>
    </row>
    <row r="440954" spans="14:14">
      <c r="N440954" s="10"/>
    </row>
    <row r="440955" spans="14:14">
      <c r="N440955" s="10"/>
    </row>
    <row r="440956" spans="14:14">
      <c r="N440956" s="10"/>
    </row>
    <row r="440957" spans="14:14">
      <c r="N440957" s="10"/>
    </row>
    <row r="440958" spans="14:14">
      <c r="N440958" s="10"/>
    </row>
    <row r="440959" spans="14:14">
      <c r="N440959" s="10"/>
    </row>
    <row r="440960" spans="14:14">
      <c r="N440960" s="10"/>
    </row>
    <row r="440961" spans="14:14">
      <c r="N440961" s="10"/>
    </row>
    <row r="440962" spans="14:14">
      <c r="N440962" s="10"/>
    </row>
    <row r="440963" spans="14:14">
      <c r="N440963" s="10"/>
    </row>
    <row r="440964" spans="14:14">
      <c r="N440964" s="10"/>
    </row>
    <row r="440965" spans="14:14">
      <c r="N440965" s="10"/>
    </row>
    <row r="440966" spans="14:14">
      <c r="N440966" s="10"/>
    </row>
    <row r="440967" spans="14:14">
      <c r="N440967" s="10"/>
    </row>
    <row r="440968" spans="14:14">
      <c r="N440968" s="10"/>
    </row>
    <row r="440969" spans="14:14">
      <c r="N440969" s="10"/>
    </row>
    <row r="440970" spans="14:14">
      <c r="N440970" s="10"/>
    </row>
    <row r="440971" spans="14:14">
      <c r="N440971" s="10"/>
    </row>
    <row r="440972" spans="14:14">
      <c r="N440972" s="10"/>
    </row>
    <row r="440973" spans="14:14">
      <c r="N440973" s="10"/>
    </row>
    <row r="440974" spans="14:14">
      <c r="N440974" s="10"/>
    </row>
    <row r="440975" spans="14:14">
      <c r="N440975" s="10"/>
    </row>
    <row r="440976" spans="14:14">
      <c r="N440976" s="10"/>
    </row>
    <row r="440977" spans="14:14">
      <c r="N440977" s="10"/>
    </row>
    <row r="440978" spans="14:14">
      <c r="N440978" s="10"/>
    </row>
    <row r="440979" spans="14:14">
      <c r="N440979" s="10"/>
    </row>
    <row r="440980" spans="14:14">
      <c r="N440980" s="10"/>
    </row>
    <row r="440981" spans="14:14">
      <c r="N440981" s="10"/>
    </row>
    <row r="440982" spans="14:14">
      <c r="N440982" s="10"/>
    </row>
    <row r="440983" spans="14:14">
      <c r="N440983" s="10"/>
    </row>
    <row r="440984" spans="14:14">
      <c r="N440984" s="10"/>
    </row>
    <row r="440985" spans="14:14">
      <c r="N440985" s="10"/>
    </row>
    <row r="440986" spans="14:14">
      <c r="N440986" s="10"/>
    </row>
    <row r="440987" spans="14:14">
      <c r="N440987" s="10"/>
    </row>
    <row r="440988" spans="14:14">
      <c r="N440988" s="10"/>
    </row>
    <row r="440989" spans="14:14">
      <c r="N440989" s="10"/>
    </row>
    <row r="440990" spans="14:14">
      <c r="N440990" s="10"/>
    </row>
    <row r="440991" spans="14:14">
      <c r="N440991" s="10"/>
    </row>
    <row r="440992" spans="14:14">
      <c r="N440992" s="10"/>
    </row>
    <row r="440993" spans="14:14">
      <c r="N440993" s="10"/>
    </row>
    <row r="440994" spans="14:14">
      <c r="N440994" s="10"/>
    </row>
    <row r="440995" spans="14:14">
      <c r="N440995" s="10"/>
    </row>
    <row r="440996" spans="14:14">
      <c r="N440996" s="10"/>
    </row>
    <row r="440997" spans="14:14">
      <c r="N440997" s="10"/>
    </row>
    <row r="440998" spans="14:14">
      <c r="N440998" s="10"/>
    </row>
    <row r="440999" spans="14:14">
      <c r="N440999" s="10"/>
    </row>
    <row r="441000" spans="14:14">
      <c r="N441000" s="10"/>
    </row>
    <row r="441001" spans="14:14">
      <c r="N441001" s="10"/>
    </row>
    <row r="441002" spans="14:14">
      <c r="N441002" s="10"/>
    </row>
    <row r="441003" spans="14:14">
      <c r="N441003" s="10"/>
    </row>
    <row r="441004" spans="14:14">
      <c r="N441004" s="10"/>
    </row>
    <row r="441005" spans="14:14">
      <c r="N441005" s="10"/>
    </row>
    <row r="441006" spans="14:14">
      <c r="N441006" s="10"/>
    </row>
    <row r="441007" spans="14:14">
      <c r="N441007" s="10"/>
    </row>
    <row r="441008" spans="14:14">
      <c r="N441008" s="10"/>
    </row>
    <row r="441009" spans="14:14">
      <c r="N441009" s="10"/>
    </row>
    <row r="441010" spans="14:14">
      <c r="N441010" s="10"/>
    </row>
    <row r="441011" spans="14:14">
      <c r="N441011" s="10"/>
    </row>
    <row r="441012" spans="14:14">
      <c r="N441012" s="10"/>
    </row>
    <row r="441013" spans="14:14">
      <c r="N441013" s="10"/>
    </row>
    <row r="441014" spans="14:14">
      <c r="N441014" s="10"/>
    </row>
    <row r="441015" spans="14:14">
      <c r="N441015" s="10"/>
    </row>
    <row r="441016" spans="14:14">
      <c r="N441016" s="10"/>
    </row>
    <row r="441017" spans="14:14">
      <c r="N441017" s="10"/>
    </row>
    <row r="441018" spans="14:14">
      <c r="N441018" s="10"/>
    </row>
    <row r="441019" spans="14:14">
      <c r="N441019" s="10"/>
    </row>
    <row r="441020" spans="14:14">
      <c r="N441020" s="10"/>
    </row>
    <row r="441021" spans="14:14">
      <c r="N441021" s="10"/>
    </row>
    <row r="441022" spans="14:14">
      <c r="N441022" s="10"/>
    </row>
    <row r="441023" spans="14:14">
      <c r="N441023" s="10"/>
    </row>
    <row r="441024" spans="14:14">
      <c r="N441024" s="10"/>
    </row>
    <row r="441025" spans="14:14">
      <c r="N441025" s="10"/>
    </row>
    <row r="441026" spans="14:14">
      <c r="N441026" s="10"/>
    </row>
    <row r="441027" spans="14:14">
      <c r="N441027" s="10"/>
    </row>
    <row r="441028" spans="14:14">
      <c r="N441028" s="10"/>
    </row>
    <row r="441029" spans="14:14">
      <c r="N441029" s="10"/>
    </row>
    <row r="441030" spans="14:14">
      <c r="N441030" s="10"/>
    </row>
    <row r="441031" spans="14:14">
      <c r="N441031" s="10"/>
    </row>
    <row r="441032" spans="14:14">
      <c r="N441032" s="10"/>
    </row>
    <row r="441033" spans="14:14">
      <c r="N441033" s="10"/>
    </row>
    <row r="441034" spans="14:14">
      <c r="N441034" s="10"/>
    </row>
    <row r="441035" spans="14:14">
      <c r="N441035" s="10"/>
    </row>
    <row r="441036" spans="14:14">
      <c r="N441036" s="10"/>
    </row>
    <row r="441037" spans="14:14">
      <c r="N441037" s="10"/>
    </row>
    <row r="441038" spans="14:14">
      <c r="N441038" s="10"/>
    </row>
    <row r="441039" spans="14:14">
      <c r="N441039" s="10"/>
    </row>
    <row r="441040" spans="14:14">
      <c r="N441040" s="10"/>
    </row>
    <row r="441041" spans="14:14">
      <c r="N441041" s="10"/>
    </row>
    <row r="441042" spans="14:14">
      <c r="N441042" s="10"/>
    </row>
    <row r="441043" spans="14:14">
      <c r="N441043" s="10"/>
    </row>
    <row r="441044" spans="14:14">
      <c r="N441044" s="10"/>
    </row>
    <row r="441045" spans="14:14">
      <c r="N441045" s="10"/>
    </row>
    <row r="441046" spans="14:14">
      <c r="N441046" s="10"/>
    </row>
    <row r="441047" spans="14:14">
      <c r="N441047" s="10"/>
    </row>
    <row r="441048" spans="14:14">
      <c r="N441048" s="10"/>
    </row>
    <row r="441049" spans="14:14">
      <c r="N441049" s="10"/>
    </row>
    <row r="441050" spans="14:14">
      <c r="N441050" s="10"/>
    </row>
    <row r="441051" spans="14:14">
      <c r="N441051" s="10"/>
    </row>
    <row r="441052" spans="14:14">
      <c r="N441052" s="10"/>
    </row>
    <row r="441053" spans="14:14">
      <c r="N441053" s="10"/>
    </row>
    <row r="441054" spans="14:14">
      <c r="N441054" s="10"/>
    </row>
    <row r="441055" spans="14:14">
      <c r="N441055" s="10"/>
    </row>
    <row r="441056" spans="14:14">
      <c r="N441056" s="10"/>
    </row>
    <row r="441057" spans="14:14">
      <c r="N441057" s="10"/>
    </row>
    <row r="441058" spans="14:14">
      <c r="N441058" s="10"/>
    </row>
    <row r="441059" spans="14:14">
      <c r="N441059" s="10"/>
    </row>
    <row r="441060" spans="14:14">
      <c r="N441060" s="10"/>
    </row>
    <row r="441061" spans="14:14">
      <c r="N441061" s="10"/>
    </row>
    <row r="441062" spans="14:14">
      <c r="N441062" s="10"/>
    </row>
    <row r="441063" spans="14:14">
      <c r="N441063" s="10"/>
    </row>
    <row r="441064" spans="14:14">
      <c r="N441064" s="10"/>
    </row>
    <row r="441065" spans="14:14">
      <c r="N441065" s="10"/>
    </row>
    <row r="441066" spans="14:14">
      <c r="N441066" s="10"/>
    </row>
    <row r="441067" spans="14:14">
      <c r="N441067" s="10"/>
    </row>
    <row r="441068" spans="14:14">
      <c r="N441068" s="10"/>
    </row>
    <row r="441069" spans="14:14">
      <c r="N441069" s="10"/>
    </row>
    <row r="441070" spans="14:14">
      <c r="N441070" s="10"/>
    </row>
    <row r="441071" spans="14:14">
      <c r="N441071" s="10"/>
    </row>
    <row r="441072" spans="14:14">
      <c r="N441072" s="10"/>
    </row>
    <row r="441073" spans="14:14">
      <c r="N441073" s="10"/>
    </row>
    <row r="441074" spans="14:14">
      <c r="N441074" s="10"/>
    </row>
    <row r="441075" spans="14:14">
      <c r="N441075" s="10"/>
    </row>
    <row r="441076" spans="14:14">
      <c r="N441076" s="10"/>
    </row>
    <row r="441077" spans="14:14">
      <c r="N441077" s="10"/>
    </row>
    <row r="441078" spans="14:14">
      <c r="N441078" s="10"/>
    </row>
    <row r="441079" spans="14:14">
      <c r="N441079" s="10"/>
    </row>
    <row r="441080" spans="14:14">
      <c r="N441080" s="10"/>
    </row>
    <row r="441081" spans="14:14">
      <c r="N441081" s="10"/>
    </row>
    <row r="441082" spans="14:14">
      <c r="N441082" s="10"/>
    </row>
    <row r="441083" spans="14:14">
      <c r="N441083" s="10"/>
    </row>
    <row r="441084" spans="14:14">
      <c r="N441084" s="10"/>
    </row>
    <row r="441085" spans="14:14">
      <c r="N441085" s="10"/>
    </row>
    <row r="441086" spans="14:14">
      <c r="N441086" s="10"/>
    </row>
    <row r="441087" spans="14:14">
      <c r="N441087" s="10"/>
    </row>
    <row r="441088" spans="14:14">
      <c r="N441088" s="10"/>
    </row>
    <row r="441089" spans="14:14">
      <c r="N441089" s="10"/>
    </row>
    <row r="441090" spans="14:14">
      <c r="N441090" s="10"/>
    </row>
    <row r="441091" spans="14:14">
      <c r="N441091" s="10"/>
    </row>
    <row r="441092" spans="14:14">
      <c r="N441092" s="10"/>
    </row>
    <row r="441093" spans="14:14">
      <c r="N441093" s="10"/>
    </row>
    <row r="441094" spans="14:14">
      <c r="N441094" s="10"/>
    </row>
    <row r="441095" spans="14:14">
      <c r="N441095" s="10"/>
    </row>
    <row r="441096" spans="14:14">
      <c r="N441096" s="10"/>
    </row>
    <row r="441097" spans="14:14">
      <c r="N441097" s="10"/>
    </row>
    <row r="441098" spans="14:14">
      <c r="N441098" s="10"/>
    </row>
    <row r="441099" spans="14:14">
      <c r="N441099" s="10"/>
    </row>
    <row r="441100" spans="14:14">
      <c r="N441100" s="10"/>
    </row>
    <row r="441101" spans="14:14">
      <c r="N441101" s="10"/>
    </row>
    <row r="441102" spans="14:14">
      <c r="N441102" s="10"/>
    </row>
    <row r="441103" spans="14:14">
      <c r="N441103" s="10"/>
    </row>
    <row r="441104" spans="14:14">
      <c r="N441104" s="10"/>
    </row>
    <row r="441105" spans="14:14">
      <c r="N441105" s="10"/>
    </row>
    <row r="441106" spans="14:14">
      <c r="N441106" s="10"/>
    </row>
    <row r="441107" spans="14:14">
      <c r="N441107" s="10"/>
    </row>
    <row r="441108" spans="14:14">
      <c r="N441108" s="10"/>
    </row>
    <row r="441109" spans="14:14">
      <c r="N441109" s="10"/>
    </row>
    <row r="441110" spans="14:14">
      <c r="N441110" s="10"/>
    </row>
    <row r="441111" spans="14:14">
      <c r="N441111" s="10"/>
    </row>
    <row r="441112" spans="14:14">
      <c r="N441112" s="10"/>
    </row>
    <row r="441113" spans="14:14">
      <c r="N441113" s="10"/>
    </row>
    <row r="441114" spans="14:14">
      <c r="N441114" s="10"/>
    </row>
    <row r="441115" spans="14:14">
      <c r="N441115" s="10"/>
    </row>
    <row r="441116" spans="14:14">
      <c r="N441116" s="10"/>
    </row>
    <row r="441117" spans="14:14">
      <c r="N441117" s="10"/>
    </row>
    <row r="441118" spans="14:14">
      <c r="N441118" s="10"/>
    </row>
    <row r="441119" spans="14:14">
      <c r="N441119" s="10"/>
    </row>
    <row r="441120" spans="14:14">
      <c r="N441120" s="10"/>
    </row>
    <row r="441121" spans="14:14">
      <c r="N441121" s="10"/>
    </row>
    <row r="441122" spans="14:14">
      <c r="N441122" s="10"/>
    </row>
    <row r="441123" spans="14:14">
      <c r="N441123" s="10"/>
    </row>
    <row r="441124" spans="14:14">
      <c r="N441124" s="10"/>
    </row>
    <row r="441125" spans="14:14">
      <c r="N441125" s="10"/>
    </row>
    <row r="441126" spans="14:14">
      <c r="N441126" s="10"/>
    </row>
    <row r="441127" spans="14:14">
      <c r="N441127" s="10"/>
    </row>
    <row r="441128" spans="14:14">
      <c r="N441128" s="10"/>
    </row>
    <row r="441129" spans="14:14">
      <c r="N441129" s="10"/>
    </row>
    <row r="441130" spans="14:14">
      <c r="N441130" s="10"/>
    </row>
    <row r="441131" spans="14:14">
      <c r="N441131" s="10"/>
    </row>
    <row r="441132" spans="14:14">
      <c r="N441132" s="10"/>
    </row>
    <row r="441133" spans="14:14">
      <c r="N441133" s="10"/>
    </row>
    <row r="441134" spans="14:14">
      <c r="N441134" s="10"/>
    </row>
    <row r="441135" spans="14:14">
      <c r="N441135" s="10"/>
    </row>
    <row r="441136" spans="14:14">
      <c r="N441136" s="10"/>
    </row>
    <row r="441137" spans="14:14">
      <c r="N441137" s="10"/>
    </row>
    <row r="441138" spans="14:14">
      <c r="N441138" s="10"/>
    </row>
    <row r="441139" spans="14:14">
      <c r="N441139" s="10"/>
    </row>
    <row r="441140" spans="14:14">
      <c r="N441140" s="10"/>
    </row>
    <row r="441141" spans="14:14">
      <c r="N441141" s="10"/>
    </row>
    <row r="441142" spans="14:14">
      <c r="N441142" s="10"/>
    </row>
    <row r="441143" spans="14:14">
      <c r="N441143" s="10"/>
    </row>
    <row r="441144" spans="14:14">
      <c r="N441144" s="10"/>
    </row>
    <row r="441145" spans="14:14">
      <c r="N441145" s="10"/>
    </row>
    <row r="441146" spans="14:14">
      <c r="N441146" s="10"/>
    </row>
    <row r="441147" spans="14:14">
      <c r="N441147" s="10"/>
    </row>
    <row r="441148" spans="14:14">
      <c r="N441148" s="10"/>
    </row>
    <row r="441149" spans="14:14">
      <c r="N441149" s="10"/>
    </row>
    <row r="441150" spans="14:14">
      <c r="N441150" s="10"/>
    </row>
    <row r="441151" spans="14:14">
      <c r="N441151" s="10"/>
    </row>
    <row r="441152" spans="14:14">
      <c r="N441152" s="10"/>
    </row>
    <row r="441153" spans="14:14">
      <c r="N441153" s="10"/>
    </row>
    <row r="441154" spans="14:14">
      <c r="N441154" s="10"/>
    </row>
    <row r="441155" spans="14:14">
      <c r="N441155" s="10"/>
    </row>
    <row r="441156" spans="14:14">
      <c r="N441156" s="10"/>
    </row>
    <row r="441157" spans="14:14">
      <c r="N441157" s="10"/>
    </row>
    <row r="441158" spans="14:14">
      <c r="N441158" s="10"/>
    </row>
    <row r="441159" spans="14:14">
      <c r="N441159" s="10"/>
    </row>
    <row r="441160" spans="14:14">
      <c r="N441160" s="10"/>
    </row>
    <row r="441161" spans="14:14">
      <c r="N441161" s="10"/>
    </row>
    <row r="441162" spans="14:14">
      <c r="N441162" s="10"/>
    </row>
    <row r="441163" spans="14:14">
      <c r="N441163" s="10"/>
    </row>
    <row r="441164" spans="14:14">
      <c r="N441164" s="10"/>
    </row>
    <row r="441165" spans="14:14">
      <c r="N441165" s="10"/>
    </row>
    <row r="441166" spans="14:14">
      <c r="N441166" s="10"/>
    </row>
    <row r="441167" spans="14:14">
      <c r="N441167" s="10"/>
    </row>
    <row r="441168" spans="14:14">
      <c r="N441168" s="10"/>
    </row>
    <row r="441169" spans="14:14">
      <c r="N441169" s="10"/>
    </row>
    <row r="441170" spans="14:14">
      <c r="N441170" s="10"/>
    </row>
    <row r="441171" spans="14:14">
      <c r="N441171" s="10"/>
    </row>
    <row r="441172" spans="14:14">
      <c r="N441172" s="10"/>
    </row>
    <row r="441173" spans="14:14">
      <c r="N441173" s="10"/>
    </row>
    <row r="441174" spans="14:14">
      <c r="N441174" s="10"/>
    </row>
    <row r="441175" spans="14:14">
      <c r="N441175" s="10"/>
    </row>
    <row r="441176" spans="14:14">
      <c r="N441176" s="10"/>
    </row>
    <row r="441177" spans="14:14">
      <c r="N441177" s="10"/>
    </row>
    <row r="441178" spans="14:14">
      <c r="N441178" s="10"/>
    </row>
    <row r="441179" spans="14:14">
      <c r="N441179" s="10"/>
    </row>
    <row r="441180" spans="14:14">
      <c r="N441180" s="10"/>
    </row>
    <row r="441181" spans="14:14">
      <c r="N441181" s="10"/>
    </row>
    <row r="441182" spans="14:14">
      <c r="N441182" s="10"/>
    </row>
    <row r="441183" spans="14:14">
      <c r="N441183" s="10"/>
    </row>
    <row r="441184" spans="14:14">
      <c r="N441184" s="10"/>
    </row>
    <row r="441185" spans="14:14">
      <c r="N441185" s="10"/>
    </row>
    <row r="441186" spans="14:14">
      <c r="N441186" s="10"/>
    </row>
    <row r="441187" spans="14:14">
      <c r="N441187" s="10"/>
    </row>
    <row r="441188" spans="14:14">
      <c r="N441188" s="10"/>
    </row>
    <row r="441189" spans="14:14">
      <c r="N441189" s="10"/>
    </row>
    <row r="441190" spans="14:14">
      <c r="N441190" s="10"/>
    </row>
    <row r="441191" spans="14:14">
      <c r="N441191" s="10"/>
    </row>
    <row r="441192" spans="14:14">
      <c r="N441192" s="10"/>
    </row>
    <row r="441193" spans="14:14">
      <c r="N441193" s="10"/>
    </row>
    <row r="441194" spans="14:14">
      <c r="N441194" s="10"/>
    </row>
    <row r="441195" spans="14:14">
      <c r="N441195" s="10"/>
    </row>
    <row r="441196" spans="14:14">
      <c r="N441196" s="10"/>
    </row>
    <row r="441197" spans="14:14">
      <c r="N441197" s="10"/>
    </row>
    <row r="441198" spans="14:14">
      <c r="N441198" s="10"/>
    </row>
    <row r="441199" spans="14:14">
      <c r="N441199" s="10"/>
    </row>
    <row r="441200" spans="14:14">
      <c r="N441200" s="10"/>
    </row>
    <row r="441201" spans="14:14">
      <c r="N441201" s="10"/>
    </row>
    <row r="441202" spans="14:14">
      <c r="N441202" s="10"/>
    </row>
    <row r="441203" spans="14:14">
      <c r="N441203" s="10"/>
    </row>
    <row r="441204" spans="14:14">
      <c r="N441204" s="10"/>
    </row>
    <row r="441205" spans="14:14">
      <c r="N441205" s="10"/>
    </row>
    <row r="441206" spans="14:14">
      <c r="N441206" s="10"/>
    </row>
    <row r="441207" spans="14:14">
      <c r="N441207" s="10"/>
    </row>
    <row r="441208" spans="14:14">
      <c r="N441208" s="10"/>
    </row>
    <row r="441209" spans="14:14">
      <c r="N441209" s="10"/>
    </row>
    <row r="441210" spans="14:14">
      <c r="N441210" s="10"/>
    </row>
    <row r="441211" spans="14:14">
      <c r="N441211" s="10"/>
    </row>
    <row r="441212" spans="14:14">
      <c r="N441212" s="10"/>
    </row>
    <row r="441213" spans="14:14">
      <c r="N441213" s="10"/>
    </row>
    <row r="441214" spans="14:14">
      <c r="N441214" s="10"/>
    </row>
    <row r="441215" spans="14:14">
      <c r="N441215" s="10"/>
    </row>
    <row r="441216" spans="14:14">
      <c r="N441216" s="10"/>
    </row>
    <row r="441217" spans="14:14">
      <c r="N441217" s="10"/>
    </row>
    <row r="441218" spans="14:14">
      <c r="N441218" s="10"/>
    </row>
    <row r="441219" spans="14:14">
      <c r="N441219" s="10"/>
    </row>
    <row r="441220" spans="14:14">
      <c r="N441220" s="10"/>
    </row>
    <row r="441221" spans="14:14">
      <c r="N441221" s="10"/>
    </row>
    <row r="441222" spans="14:14">
      <c r="N441222" s="10"/>
    </row>
    <row r="441223" spans="14:14">
      <c r="N441223" s="10"/>
    </row>
    <row r="441224" spans="14:14">
      <c r="N441224" s="10"/>
    </row>
    <row r="441225" spans="14:14">
      <c r="N441225" s="10"/>
    </row>
    <row r="441226" spans="14:14">
      <c r="N441226" s="10"/>
    </row>
    <row r="441227" spans="14:14">
      <c r="N441227" s="10"/>
    </row>
    <row r="441228" spans="14:14">
      <c r="N441228" s="10"/>
    </row>
    <row r="441229" spans="14:14">
      <c r="N441229" s="10"/>
    </row>
    <row r="441230" spans="14:14">
      <c r="N441230" s="10"/>
    </row>
    <row r="441231" spans="14:14">
      <c r="N441231" s="10"/>
    </row>
    <row r="441232" spans="14:14">
      <c r="N441232" s="10"/>
    </row>
    <row r="441233" spans="14:14">
      <c r="N441233" s="10"/>
    </row>
    <row r="441234" spans="14:14">
      <c r="N441234" s="10"/>
    </row>
    <row r="441235" spans="14:14">
      <c r="N441235" s="10"/>
    </row>
    <row r="441236" spans="14:14">
      <c r="N441236" s="10"/>
    </row>
    <row r="441237" spans="14:14">
      <c r="N441237" s="10"/>
    </row>
    <row r="441238" spans="14:14">
      <c r="N441238" s="10"/>
    </row>
    <row r="441239" spans="14:14">
      <c r="N441239" s="10"/>
    </row>
    <row r="441240" spans="14:14">
      <c r="N441240" s="10"/>
    </row>
    <row r="441241" spans="14:14">
      <c r="N441241" s="10"/>
    </row>
    <row r="441242" spans="14:14">
      <c r="N441242" s="10"/>
    </row>
    <row r="441243" spans="14:14">
      <c r="N441243" s="10"/>
    </row>
    <row r="441244" spans="14:14">
      <c r="N441244" s="10"/>
    </row>
    <row r="441245" spans="14:14">
      <c r="N441245" s="10"/>
    </row>
    <row r="441246" spans="14:14">
      <c r="N441246" s="10"/>
    </row>
    <row r="441247" spans="14:14">
      <c r="N441247" s="10"/>
    </row>
    <row r="441248" spans="14:14">
      <c r="N441248" s="10"/>
    </row>
    <row r="441249" spans="14:14">
      <c r="N441249" s="10"/>
    </row>
    <row r="441250" spans="14:14">
      <c r="N441250" s="10"/>
    </row>
    <row r="441251" spans="14:14">
      <c r="N441251" s="10"/>
    </row>
    <row r="441252" spans="14:14">
      <c r="N441252" s="10"/>
    </row>
    <row r="441253" spans="14:14">
      <c r="N441253" s="10"/>
    </row>
    <row r="441254" spans="14:14">
      <c r="N441254" s="10"/>
    </row>
    <row r="441255" spans="14:14">
      <c r="N441255" s="10"/>
    </row>
    <row r="441256" spans="14:14">
      <c r="N441256" s="10"/>
    </row>
    <row r="441257" spans="14:14">
      <c r="N441257" s="10"/>
    </row>
    <row r="441258" spans="14:14">
      <c r="N441258" s="10"/>
    </row>
    <row r="441259" spans="14:14">
      <c r="N441259" s="10"/>
    </row>
    <row r="441260" spans="14:14">
      <c r="N441260" s="10"/>
    </row>
    <row r="441261" spans="14:14">
      <c r="N441261" s="10"/>
    </row>
    <row r="441262" spans="14:14">
      <c r="N441262" s="10"/>
    </row>
    <row r="441263" spans="14:14">
      <c r="N441263" s="10"/>
    </row>
    <row r="441264" spans="14:14">
      <c r="N441264" s="10"/>
    </row>
    <row r="441265" spans="14:14">
      <c r="N441265" s="10"/>
    </row>
    <row r="441266" spans="14:14">
      <c r="N441266" s="10"/>
    </row>
    <row r="441267" spans="14:14">
      <c r="N441267" s="10"/>
    </row>
    <row r="441268" spans="14:14">
      <c r="N441268" s="10"/>
    </row>
    <row r="441269" spans="14:14">
      <c r="N441269" s="10"/>
    </row>
    <row r="441270" spans="14:14">
      <c r="N441270" s="10"/>
    </row>
    <row r="441271" spans="14:14">
      <c r="N441271" s="10"/>
    </row>
    <row r="441272" spans="14:14">
      <c r="N441272" s="10"/>
    </row>
    <row r="441273" spans="14:14">
      <c r="N441273" s="10"/>
    </row>
    <row r="441274" spans="14:14">
      <c r="N441274" s="10"/>
    </row>
    <row r="441275" spans="14:14">
      <c r="N441275" s="10"/>
    </row>
    <row r="441276" spans="14:14">
      <c r="N441276" s="10"/>
    </row>
    <row r="441277" spans="14:14">
      <c r="N441277" s="10"/>
    </row>
    <row r="441278" spans="14:14">
      <c r="N441278" s="10"/>
    </row>
    <row r="441279" spans="14:14">
      <c r="N441279" s="10"/>
    </row>
    <row r="441280" spans="14:14">
      <c r="N441280" s="10"/>
    </row>
    <row r="441281" spans="14:14">
      <c r="N441281" s="10"/>
    </row>
    <row r="441282" spans="14:14">
      <c r="N441282" s="10"/>
    </row>
    <row r="441283" spans="14:14">
      <c r="N441283" s="10"/>
    </row>
    <row r="441284" spans="14:14">
      <c r="N441284" s="10"/>
    </row>
    <row r="441285" spans="14:14">
      <c r="N441285" s="10"/>
    </row>
    <row r="441286" spans="14:14">
      <c r="N441286" s="10"/>
    </row>
    <row r="441287" spans="14:14">
      <c r="N441287" s="10"/>
    </row>
    <row r="441288" spans="14:14">
      <c r="N441288" s="10"/>
    </row>
    <row r="441289" spans="14:14">
      <c r="N441289" s="10"/>
    </row>
    <row r="441290" spans="14:14">
      <c r="N441290" s="10"/>
    </row>
    <row r="441291" spans="14:14">
      <c r="N441291" s="10"/>
    </row>
    <row r="441292" spans="14:14">
      <c r="N441292" s="10"/>
    </row>
    <row r="441293" spans="14:14">
      <c r="N441293" s="10"/>
    </row>
    <row r="441294" spans="14:14">
      <c r="N441294" s="10"/>
    </row>
    <row r="441295" spans="14:14">
      <c r="N441295" s="10"/>
    </row>
    <row r="441296" spans="14:14">
      <c r="N441296" s="10"/>
    </row>
    <row r="441297" spans="14:14">
      <c r="N441297" s="10"/>
    </row>
    <row r="441298" spans="14:14">
      <c r="N441298" s="10"/>
    </row>
    <row r="441299" spans="14:14">
      <c r="N441299" s="10"/>
    </row>
    <row r="441300" spans="14:14">
      <c r="N441300" s="10"/>
    </row>
    <row r="441301" spans="14:14">
      <c r="N441301" s="10"/>
    </row>
    <row r="441302" spans="14:14">
      <c r="N441302" s="10"/>
    </row>
    <row r="441303" spans="14:14">
      <c r="N441303" s="10"/>
    </row>
    <row r="441304" spans="14:14">
      <c r="N441304" s="10"/>
    </row>
    <row r="441305" spans="14:14">
      <c r="N441305" s="10"/>
    </row>
    <row r="441306" spans="14:14">
      <c r="N441306" s="10"/>
    </row>
    <row r="441307" spans="14:14">
      <c r="N441307" s="10"/>
    </row>
    <row r="441308" spans="14:14">
      <c r="N441308" s="10"/>
    </row>
    <row r="441309" spans="14:14">
      <c r="N441309" s="10"/>
    </row>
    <row r="441310" spans="14:14">
      <c r="N441310" s="10"/>
    </row>
    <row r="441311" spans="14:14">
      <c r="N441311" s="10"/>
    </row>
    <row r="441312" spans="14:14">
      <c r="N441312" s="10"/>
    </row>
    <row r="441313" spans="14:14">
      <c r="N441313" s="10"/>
    </row>
    <row r="441314" spans="14:14">
      <c r="N441314" s="10"/>
    </row>
    <row r="441315" spans="14:14">
      <c r="N441315" s="10"/>
    </row>
    <row r="441316" spans="14:14">
      <c r="N441316" s="10"/>
    </row>
    <row r="441317" spans="14:14">
      <c r="N441317" s="10"/>
    </row>
    <row r="441318" spans="14:14">
      <c r="N441318" s="10"/>
    </row>
    <row r="441319" spans="14:14">
      <c r="N441319" s="10"/>
    </row>
    <row r="441320" spans="14:14">
      <c r="N441320" s="10"/>
    </row>
    <row r="441321" spans="14:14">
      <c r="N441321" s="10"/>
    </row>
    <row r="441322" spans="14:14">
      <c r="N441322" s="10"/>
    </row>
    <row r="441323" spans="14:14">
      <c r="N441323" s="10"/>
    </row>
    <row r="441324" spans="14:14">
      <c r="N441324" s="10"/>
    </row>
    <row r="441325" spans="14:14">
      <c r="N441325" s="10"/>
    </row>
    <row r="441326" spans="14:14">
      <c r="N441326" s="10"/>
    </row>
    <row r="441327" spans="14:14">
      <c r="N441327" s="10"/>
    </row>
    <row r="441328" spans="14:14">
      <c r="N441328" s="10"/>
    </row>
    <row r="441329" spans="14:14">
      <c r="N441329" s="10"/>
    </row>
    <row r="441330" spans="14:14">
      <c r="N441330" s="10"/>
    </row>
    <row r="441331" spans="14:14">
      <c r="N441331" s="10"/>
    </row>
    <row r="441332" spans="14:14">
      <c r="N441332" s="10"/>
    </row>
    <row r="441333" spans="14:14">
      <c r="N441333" s="10"/>
    </row>
    <row r="441334" spans="14:14">
      <c r="N441334" s="10"/>
    </row>
    <row r="441335" spans="14:14">
      <c r="N441335" s="10"/>
    </row>
    <row r="441336" spans="14:14">
      <c r="N441336" s="10"/>
    </row>
    <row r="441337" spans="14:14">
      <c r="N441337" s="10"/>
    </row>
    <row r="441338" spans="14:14">
      <c r="N441338" s="10"/>
    </row>
    <row r="441339" spans="14:14">
      <c r="N441339" s="10"/>
    </row>
    <row r="441340" spans="14:14">
      <c r="N441340" s="10"/>
    </row>
    <row r="441341" spans="14:14">
      <c r="N441341" s="10"/>
    </row>
    <row r="441342" spans="14:14">
      <c r="N441342" s="10"/>
    </row>
    <row r="441343" spans="14:14">
      <c r="N441343" s="10"/>
    </row>
    <row r="441344" spans="14:14">
      <c r="N441344" s="10"/>
    </row>
    <row r="441345" spans="14:14">
      <c r="N441345" s="10"/>
    </row>
    <row r="441346" spans="14:14">
      <c r="N441346" s="10"/>
    </row>
    <row r="441347" spans="14:14">
      <c r="N441347" s="10"/>
    </row>
    <row r="441348" spans="14:14">
      <c r="N441348" s="10"/>
    </row>
    <row r="441349" spans="14:14">
      <c r="N441349" s="10"/>
    </row>
    <row r="441350" spans="14:14">
      <c r="N441350" s="10"/>
    </row>
    <row r="441351" spans="14:14">
      <c r="N441351" s="10"/>
    </row>
    <row r="441352" spans="14:14">
      <c r="N441352" s="10"/>
    </row>
    <row r="441353" spans="14:14">
      <c r="N441353" s="10"/>
    </row>
    <row r="441354" spans="14:14">
      <c r="N441354" s="10"/>
    </row>
    <row r="441355" spans="14:14">
      <c r="N441355" s="10"/>
    </row>
    <row r="441356" spans="14:14">
      <c r="N441356" s="10"/>
    </row>
    <row r="441357" spans="14:14">
      <c r="N441357" s="10"/>
    </row>
    <row r="441358" spans="14:14">
      <c r="N441358" s="10"/>
    </row>
    <row r="441359" spans="14:14">
      <c r="N441359" s="10"/>
    </row>
    <row r="441360" spans="14:14">
      <c r="N441360" s="10"/>
    </row>
    <row r="441361" spans="14:14">
      <c r="N441361" s="10"/>
    </row>
    <row r="441362" spans="14:14">
      <c r="N441362" s="10"/>
    </row>
    <row r="441363" spans="14:14">
      <c r="N441363" s="10"/>
    </row>
    <row r="441364" spans="14:14">
      <c r="N441364" s="10"/>
    </row>
    <row r="441365" spans="14:14">
      <c r="N441365" s="10"/>
    </row>
    <row r="441366" spans="14:14">
      <c r="N441366" s="10"/>
    </row>
    <row r="441367" spans="14:14">
      <c r="N441367" s="10"/>
    </row>
    <row r="441368" spans="14:14">
      <c r="N441368" s="10"/>
    </row>
    <row r="441369" spans="14:14">
      <c r="N441369" s="10"/>
    </row>
    <row r="441370" spans="14:14">
      <c r="N441370" s="10"/>
    </row>
    <row r="441371" spans="14:14">
      <c r="N441371" s="10"/>
    </row>
    <row r="441372" spans="14:14">
      <c r="N441372" s="10"/>
    </row>
    <row r="441373" spans="14:14">
      <c r="N441373" s="10"/>
    </row>
    <row r="441374" spans="14:14">
      <c r="N441374" s="10"/>
    </row>
    <row r="441375" spans="14:14">
      <c r="N441375" s="10"/>
    </row>
    <row r="441376" spans="14:14">
      <c r="N441376" s="10"/>
    </row>
    <row r="441377" spans="14:14">
      <c r="N441377" s="10"/>
    </row>
    <row r="441378" spans="14:14">
      <c r="N441378" s="10"/>
    </row>
    <row r="441379" spans="14:14">
      <c r="N441379" s="10"/>
    </row>
    <row r="441380" spans="14:14">
      <c r="N441380" s="10"/>
    </row>
    <row r="441381" spans="14:14">
      <c r="N441381" s="10"/>
    </row>
    <row r="441382" spans="14:14">
      <c r="N441382" s="10"/>
    </row>
    <row r="441383" spans="14:14">
      <c r="N441383" s="10"/>
    </row>
    <row r="441384" spans="14:14">
      <c r="N441384" s="10"/>
    </row>
    <row r="441385" spans="14:14">
      <c r="N441385" s="10"/>
    </row>
    <row r="441386" spans="14:14">
      <c r="N441386" s="10"/>
    </row>
    <row r="441387" spans="14:14">
      <c r="N441387" s="10"/>
    </row>
    <row r="441388" spans="14:14">
      <c r="N441388" s="10"/>
    </row>
    <row r="441389" spans="14:14">
      <c r="N441389" s="10"/>
    </row>
    <row r="441390" spans="14:14">
      <c r="N441390" s="10"/>
    </row>
    <row r="441391" spans="14:14">
      <c r="N441391" s="10"/>
    </row>
    <row r="441392" spans="14:14">
      <c r="N441392" s="10"/>
    </row>
    <row r="441393" spans="14:14">
      <c r="N441393" s="10"/>
    </row>
    <row r="441394" spans="14:14">
      <c r="N441394" s="10"/>
    </row>
    <row r="441395" spans="14:14">
      <c r="N441395" s="10"/>
    </row>
    <row r="441396" spans="14:14">
      <c r="N441396" s="10"/>
    </row>
    <row r="441397" spans="14:14">
      <c r="N441397" s="10"/>
    </row>
    <row r="441398" spans="14:14">
      <c r="N441398" s="10"/>
    </row>
    <row r="441399" spans="14:14">
      <c r="N441399" s="10"/>
    </row>
    <row r="441400" spans="14:14">
      <c r="N441400" s="10"/>
    </row>
    <row r="441401" spans="14:14">
      <c r="N441401" s="10"/>
    </row>
    <row r="441402" spans="14:14">
      <c r="N441402" s="10"/>
    </row>
    <row r="441403" spans="14:14">
      <c r="N441403" s="10"/>
    </row>
    <row r="441404" spans="14:14">
      <c r="N441404" s="10"/>
    </row>
    <row r="441405" spans="14:14">
      <c r="N441405" s="10"/>
    </row>
    <row r="441406" spans="14:14">
      <c r="N441406" s="10"/>
    </row>
    <row r="441407" spans="14:14">
      <c r="N441407" s="10"/>
    </row>
    <row r="441408" spans="14:14">
      <c r="N441408" s="10"/>
    </row>
    <row r="441409" spans="14:14">
      <c r="N441409" s="10"/>
    </row>
    <row r="441410" spans="14:14">
      <c r="N441410" s="10"/>
    </row>
    <row r="441411" spans="14:14">
      <c r="N441411" s="10"/>
    </row>
    <row r="441412" spans="14:14">
      <c r="N441412" s="10"/>
    </row>
    <row r="441413" spans="14:14">
      <c r="N441413" s="10"/>
    </row>
    <row r="441414" spans="14:14">
      <c r="N441414" s="10"/>
    </row>
    <row r="441415" spans="14:14">
      <c r="N441415" s="10"/>
    </row>
    <row r="441416" spans="14:14">
      <c r="N441416" s="10"/>
    </row>
    <row r="441417" spans="14:14">
      <c r="N441417" s="10"/>
    </row>
    <row r="441418" spans="14:14">
      <c r="N441418" s="10"/>
    </row>
    <row r="441419" spans="14:14">
      <c r="N441419" s="10"/>
    </row>
    <row r="441420" spans="14:14">
      <c r="N441420" s="10"/>
    </row>
    <row r="441421" spans="14:14">
      <c r="N441421" s="10"/>
    </row>
    <row r="441422" spans="14:14">
      <c r="N441422" s="10"/>
    </row>
    <row r="441423" spans="14:14">
      <c r="N441423" s="10"/>
    </row>
    <row r="441424" spans="14:14">
      <c r="N441424" s="10"/>
    </row>
    <row r="441425" spans="14:14">
      <c r="N441425" s="10"/>
    </row>
    <row r="441426" spans="14:14">
      <c r="N441426" s="10"/>
    </row>
    <row r="441427" spans="14:14">
      <c r="N441427" s="10"/>
    </row>
    <row r="441428" spans="14:14">
      <c r="N441428" s="10"/>
    </row>
    <row r="441429" spans="14:14">
      <c r="N441429" s="10"/>
    </row>
    <row r="441430" spans="14:14">
      <c r="N441430" s="10"/>
    </row>
    <row r="441431" spans="14:14">
      <c r="N441431" s="10"/>
    </row>
    <row r="441432" spans="14:14">
      <c r="N441432" s="10"/>
    </row>
    <row r="441433" spans="14:14">
      <c r="N441433" s="10"/>
    </row>
    <row r="441434" spans="14:14">
      <c r="N441434" s="10"/>
    </row>
    <row r="441435" spans="14:14">
      <c r="N441435" s="10"/>
    </row>
    <row r="441436" spans="14:14">
      <c r="N441436" s="10"/>
    </row>
    <row r="441437" spans="14:14">
      <c r="N441437" s="10"/>
    </row>
    <row r="441438" spans="14:14">
      <c r="N441438" s="10"/>
    </row>
    <row r="441439" spans="14:14">
      <c r="N441439" s="10"/>
    </row>
    <row r="441440" spans="14:14">
      <c r="N441440" s="10"/>
    </row>
    <row r="441441" spans="14:14">
      <c r="N441441" s="10"/>
    </row>
    <row r="441442" spans="14:14">
      <c r="N441442" s="10"/>
    </row>
    <row r="441443" spans="14:14">
      <c r="N441443" s="10"/>
    </row>
    <row r="441444" spans="14:14">
      <c r="N441444" s="10"/>
    </row>
    <row r="441445" spans="14:14">
      <c r="N441445" s="10"/>
    </row>
    <row r="441446" spans="14:14">
      <c r="N441446" s="10"/>
    </row>
    <row r="441447" spans="14:14">
      <c r="N441447" s="10"/>
    </row>
    <row r="441448" spans="14:14">
      <c r="N441448" s="10"/>
    </row>
    <row r="441449" spans="14:14">
      <c r="N441449" s="10"/>
    </row>
    <row r="441450" spans="14:14">
      <c r="N441450" s="10"/>
    </row>
    <row r="441451" spans="14:14">
      <c r="N441451" s="10"/>
    </row>
    <row r="441452" spans="14:14">
      <c r="N441452" s="10"/>
    </row>
    <row r="441453" spans="14:14">
      <c r="N441453" s="10"/>
    </row>
    <row r="441454" spans="14:14">
      <c r="N441454" s="10"/>
    </row>
    <row r="441455" spans="14:14">
      <c r="N441455" s="10"/>
    </row>
    <row r="441456" spans="14:14">
      <c r="N441456" s="10"/>
    </row>
    <row r="441457" spans="14:14">
      <c r="N441457" s="10"/>
    </row>
    <row r="441458" spans="14:14">
      <c r="N441458" s="10"/>
    </row>
    <row r="441459" spans="14:14">
      <c r="N441459" s="10"/>
    </row>
    <row r="441460" spans="14:14">
      <c r="N441460" s="10"/>
    </row>
    <row r="441461" spans="14:14">
      <c r="N441461" s="10"/>
    </row>
    <row r="441462" spans="14:14">
      <c r="N441462" s="10"/>
    </row>
    <row r="441463" spans="14:14">
      <c r="N441463" s="10"/>
    </row>
    <row r="441464" spans="14:14">
      <c r="N441464" s="10"/>
    </row>
    <row r="441465" spans="14:14">
      <c r="N441465" s="10"/>
    </row>
    <row r="441466" spans="14:14">
      <c r="N441466" s="10"/>
    </row>
    <row r="441467" spans="14:14">
      <c r="N441467" s="10"/>
    </row>
    <row r="441468" spans="14:14">
      <c r="N441468" s="10"/>
    </row>
    <row r="441469" spans="14:14">
      <c r="N441469" s="10"/>
    </row>
    <row r="441470" spans="14:14">
      <c r="N441470" s="10"/>
    </row>
    <row r="441471" spans="14:14">
      <c r="N441471" s="10"/>
    </row>
    <row r="441472" spans="14:14">
      <c r="N441472" s="10"/>
    </row>
    <row r="441473" spans="14:14">
      <c r="N441473" s="10"/>
    </row>
    <row r="441474" spans="14:14">
      <c r="N441474" s="10"/>
    </row>
    <row r="441475" spans="14:14">
      <c r="N441475" s="10"/>
    </row>
    <row r="441476" spans="14:14">
      <c r="N441476" s="10"/>
    </row>
    <row r="441477" spans="14:14">
      <c r="N441477" s="10"/>
    </row>
    <row r="441478" spans="14:14">
      <c r="N441478" s="10"/>
    </row>
    <row r="441479" spans="14:14">
      <c r="N441479" s="10"/>
    </row>
    <row r="441480" spans="14:14">
      <c r="N441480" s="10"/>
    </row>
    <row r="441481" spans="14:14">
      <c r="N441481" s="10"/>
    </row>
    <row r="441482" spans="14:14">
      <c r="N441482" s="10"/>
    </row>
    <row r="441483" spans="14:14">
      <c r="N441483" s="10"/>
    </row>
    <row r="441484" spans="14:14">
      <c r="N441484" s="10"/>
    </row>
    <row r="441485" spans="14:14">
      <c r="N441485" s="10"/>
    </row>
    <row r="441486" spans="14:14">
      <c r="N441486" s="10"/>
    </row>
    <row r="441487" spans="14:14">
      <c r="N441487" s="10"/>
    </row>
    <row r="441488" spans="14:14">
      <c r="N441488" s="10"/>
    </row>
    <row r="441489" spans="14:14">
      <c r="N441489" s="10"/>
    </row>
    <row r="441490" spans="14:14">
      <c r="N441490" s="10"/>
    </row>
    <row r="441491" spans="14:14">
      <c r="N441491" s="10"/>
    </row>
    <row r="441492" spans="14:14">
      <c r="N441492" s="10"/>
    </row>
    <row r="441493" spans="14:14">
      <c r="N441493" s="10"/>
    </row>
    <row r="441494" spans="14:14">
      <c r="N441494" s="10"/>
    </row>
    <row r="441495" spans="14:14">
      <c r="N441495" s="10"/>
    </row>
    <row r="441496" spans="14:14">
      <c r="N441496" s="10"/>
    </row>
    <row r="441497" spans="14:14">
      <c r="N441497" s="10"/>
    </row>
    <row r="441498" spans="14:14">
      <c r="N441498" s="10"/>
    </row>
    <row r="441499" spans="14:14">
      <c r="N441499" s="10"/>
    </row>
    <row r="441500" spans="14:14">
      <c r="N441500" s="10"/>
    </row>
    <row r="441501" spans="14:14">
      <c r="N441501" s="10"/>
    </row>
    <row r="441502" spans="14:14">
      <c r="N441502" s="10"/>
    </row>
    <row r="441503" spans="14:14">
      <c r="N441503" s="10"/>
    </row>
    <row r="441504" spans="14:14">
      <c r="N441504" s="10"/>
    </row>
    <row r="441505" spans="14:14">
      <c r="N441505" s="10"/>
    </row>
    <row r="441506" spans="14:14">
      <c r="N441506" s="10"/>
    </row>
    <row r="441507" spans="14:14">
      <c r="N441507" s="10"/>
    </row>
    <row r="441508" spans="14:14">
      <c r="N441508" s="10"/>
    </row>
    <row r="441509" spans="14:14">
      <c r="N441509" s="10"/>
    </row>
    <row r="441510" spans="14:14">
      <c r="N441510" s="10"/>
    </row>
    <row r="441511" spans="14:14">
      <c r="N441511" s="10"/>
    </row>
    <row r="441512" spans="14:14">
      <c r="N441512" s="10"/>
    </row>
    <row r="441513" spans="14:14">
      <c r="N441513" s="10"/>
    </row>
    <row r="441514" spans="14:14">
      <c r="N441514" s="10"/>
    </row>
    <row r="441515" spans="14:14">
      <c r="N441515" s="10"/>
    </row>
    <row r="441516" spans="14:14">
      <c r="N441516" s="10"/>
    </row>
    <row r="441517" spans="14:14">
      <c r="N441517" s="10"/>
    </row>
    <row r="441518" spans="14:14">
      <c r="N441518" s="10"/>
    </row>
    <row r="441519" spans="14:14">
      <c r="N441519" s="10"/>
    </row>
    <row r="441520" spans="14:14">
      <c r="N441520" s="10"/>
    </row>
    <row r="441521" spans="14:14">
      <c r="N441521" s="10"/>
    </row>
    <row r="441522" spans="14:14">
      <c r="N441522" s="10"/>
    </row>
    <row r="441523" spans="14:14">
      <c r="N441523" s="10"/>
    </row>
    <row r="441524" spans="14:14">
      <c r="N441524" s="10"/>
    </row>
    <row r="441525" spans="14:14">
      <c r="N441525" s="10"/>
    </row>
    <row r="441526" spans="14:14">
      <c r="N441526" s="10"/>
    </row>
    <row r="441527" spans="14:14">
      <c r="N441527" s="10"/>
    </row>
    <row r="441528" spans="14:14">
      <c r="N441528" s="10"/>
    </row>
    <row r="441529" spans="14:14">
      <c r="N441529" s="10"/>
    </row>
    <row r="441530" spans="14:14">
      <c r="N441530" s="10"/>
    </row>
    <row r="441531" spans="14:14">
      <c r="N441531" s="10"/>
    </row>
    <row r="441532" spans="14:14">
      <c r="N441532" s="10"/>
    </row>
    <row r="441533" spans="14:14">
      <c r="N441533" s="10"/>
    </row>
    <row r="441534" spans="14:14">
      <c r="N441534" s="10"/>
    </row>
    <row r="441535" spans="14:14">
      <c r="N441535" s="10"/>
    </row>
    <row r="441536" spans="14:14">
      <c r="N441536" s="10"/>
    </row>
    <row r="441537" spans="14:14">
      <c r="N441537" s="10"/>
    </row>
    <row r="441538" spans="14:14">
      <c r="N441538" s="10"/>
    </row>
    <row r="441539" spans="14:14">
      <c r="N441539" s="10"/>
    </row>
    <row r="441540" spans="14:14">
      <c r="N441540" s="10"/>
    </row>
    <row r="441541" spans="14:14">
      <c r="N441541" s="10"/>
    </row>
    <row r="441542" spans="14:14">
      <c r="N441542" s="10"/>
    </row>
    <row r="441543" spans="14:14">
      <c r="N441543" s="10"/>
    </row>
    <row r="441544" spans="14:14">
      <c r="N441544" s="10"/>
    </row>
    <row r="441545" spans="14:14">
      <c r="N441545" s="10"/>
    </row>
    <row r="441546" spans="14:14">
      <c r="N441546" s="10"/>
    </row>
    <row r="441547" spans="14:14">
      <c r="N441547" s="10"/>
    </row>
    <row r="441548" spans="14:14">
      <c r="N441548" s="10"/>
    </row>
    <row r="441549" spans="14:14">
      <c r="N441549" s="10"/>
    </row>
    <row r="441550" spans="14:14">
      <c r="N441550" s="10"/>
    </row>
    <row r="441551" spans="14:14">
      <c r="N441551" s="10"/>
    </row>
    <row r="441552" spans="14:14">
      <c r="N441552" s="10"/>
    </row>
    <row r="441553" spans="14:14">
      <c r="N441553" s="10"/>
    </row>
    <row r="441554" spans="14:14">
      <c r="N441554" s="10"/>
    </row>
    <row r="441555" spans="14:14">
      <c r="N441555" s="10"/>
    </row>
    <row r="441556" spans="14:14">
      <c r="N441556" s="10"/>
    </row>
    <row r="441557" spans="14:14">
      <c r="N441557" s="10"/>
    </row>
    <row r="441558" spans="14:14">
      <c r="N441558" s="10"/>
    </row>
    <row r="441559" spans="14:14">
      <c r="N441559" s="10"/>
    </row>
    <row r="441560" spans="14:14">
      <c r="N441560" s="10"/>
    </row>
    <row r="441561" spans="14:14">
      <c r="N441561" s="10"/>
    </row>
    <row r="441562" spans="14:14">
      <c r="N441562" s="10"/>
    </row>
    <row r="441563" spans="14:14">
      <c r="N441563" s="10"/>
    </row>
    <row r="441564" spans="14:14">
      <c r="N441564" s="10"/>
    </row>
    <row r="441565" spans="14:14">
      <c r="N441565" s="10"/>
    </row>
    <row r="441566" spans="14:14">
      <c r="N441566" s="10"/>
    </row>
    <row r="441567" spans="14:14">
      <c r="N441567" s="10"/>
    </row>
    <row r="441568" spans="14:14">
      <c r="N441568" s="10"/>
    </row>
    <row r="441569" spans="14:14">
      <c r="N441569" s="10"/>
    </row>
    <row r="441570" spans="14:14">
      <c r="N441570" s="10"/>
    </row>
    <row r="441571" spans="14:14">
      <c r="N441571" s="10"/>
    </row>
    <row r="441572" spans="14:14">
      <c r="N441572" s="10"/>
    </row>
    <row r="441573" spans="14:14">
      <c r="N441573" s="10"/>
    </row>
    <row r="441574" spans="14:14">
      <c r="N441574" s="10"/>
    </row>
    <row r="441575" spans="14:14">
      <c r="N441575" s="10"/>
    </row>
    <row r="441576" spans="14:14">
      <c r="N441576" s="10"/>
    </row>
    <row r="441577" spans="14:14">
      <c r="N441577" s="10"/>
    </row>
    <row r="441578" spans="14:14">
      <c r="N441578" s="10"/>
    </row>
    <row r="441579" spans="14:14">
      <c r="N441579" s="10"/>
    </row>
    <row r="441580" spans="14:14">
      <c r="N441580" s="10"/>
    </row>
    <row r="441581" spans="14:14">
      <c r="N441581" s="10"/>
    </row>
    <row r="441582" spans="14:14">
      <c r="N441582" s="10"/>
    </row>
    <row r="441583" spans="14:14">
      <c r="N441583" s="10"/>
    </row>
    <row r="441584" spans="14:14">
      <c r="N441584" s="10"/>
    </row>
    <row r="441585" spans="14:14">
      <c r="N441585" s="10"/>
    </row>
    <row r="441586" spans="14:14">
      <c r="N441586" s="10"/>
    </row>
    <row r="441587" spans="14:14">
      <c r="N441587" s="10"/>
    </row>
    <row r="441588" spans="14:14">
      <c r="N441588" s="10"/>
    </row>
    <row r="441589" spans="14:14">
      <c r="N441589" s="10"/>
    </row>
    <row r="441590" spans="14:14">
      <c r="N441590" s="10"/>
    </row>
    <row r="441591" spans="14:14">
      <c r="N441591" s="10"/>
    </row>
    <row r="441592" spans="14:14">
      <c r="N441592" s="10"/>
    </row>
    <row r="441593" spans="14:14">
      <c r="N441593" s="10"/>
    </row>
    <row r="441594" spans="14:14">
      <c r="N441594" s="10"/>
    </row>
    <row r="441595" spans="14:14">
      <c r="N441595" s="10"/>
    </row>
    <row r="441596" spans="14:14">
      <c r="N441596" s="10"/>
    </row>
    <row r="441597" spans="14:14">
      <c r="N441597" s="10"/>
    </row>
    <row r="441598" spans="14:14">
      <c r="N441598" s="10"/>
    </row>
    <row r="441599" spans="14:14">
      <c r="N441599" s="10"/>
    </row>
    <row r="441600" spans="14:14">
      <c r="N441600" s="10"/>
    </row>
    <row r="441601" spans="14:14">
      <c r="N441601" s="10"/>
    </row>
    <row r="441602" spans="14:14">
      <c r="N441602" s="10"/>
    </row>
    <row r="441603" spans="14:14">
      <c r="N441603" s="10"/>
    </row>
    <row r="441604" spans="14:14">
      <c r="N441604" s="10"/>
    </row>
    <row r="441605" spans="14:14">
      <c r="N441605" s="10"/>
    </row>
    <row r="441606" spans="14:14">
      <c r="N441606" s="10"/>
    </row>
    <row r="441607" spans="14:14">
      <c r="N441607" s="10"/>
    </row>
    <row r="441608" spans="14:14">
      <c r="N441608" s="10"/>
    </row>
    <row r="441609" spans="14:14">
      <c r="N441609" s="10"/>
    </row>
    <row r="441610" spans="14:14">
      <c r="N441610" s="10"/>
    </row>
    <row r="441611" spans="14:14">
      <c r="N441611" s="10"/>
    </row>
    <row r="441612" spans="14:14">
      <c r="N441612" s="10"/>
    </row>
    <row r="441613" spans="14:14">
      <c r="N441613" s="10"/>
    </row>
    <row r="441614" spans="14:14">
      <c r="N441614" s="10"/>
    </row>
    <row r="441615" spans="14:14">
      <c r="N441615" s="10"/>
    </row>
    <row r="441616" spans="14:14">
      <c r="N441616" s="10"/>
    </row>
    <row r="441617" spans="14:14">
      <c r="N441617" s="10"/>
    </row>
    <row r="441618" spans="14:14">
      <c r="N441618" s="10"/>
    </row>
    <row r="441619" spans="14:14">
      <c r="N441619" s="10"/>
    </row>
    <row r="441620" spans="14:14">
      <c r="N441620" s="10"/>
    </row>
    <row r="441621" spans="14:14">
      <c r="N441621" s="10"/>
    </row>
    <row r="441622" spans="14:14">
      <c r="N441622" s="10"/>
    </row>
    <row r="441623" spans="14:14">
      <c r="N441623" s="10"/>
    </row>
    <row r="441624" spans="14:14">
      <c r="N441624" s="10"/>
    </row>
    <row r="441625" spans="14:14">
      <c r="N441625" s="10"/>
    </row>
    <row r="441626" spans="14:14">
      <c r="N441626" s="10"/>
    </row>
    <row r="441627" spans="14:14">
      <c r="N441627" s="10"/>
    </row>
    <row r="441628" spans="14:14">
      <c r="N441628" s="10"/>
    </row>
    <row r="441629" spans="14:14">
      <c r="N441629" s="10"/>
    </row>
    <row r="441630" spans="14:14">
      <c r="N441630" s="10"/>
    </row>
    <row r="441631" spans="14:14">
      <c r="N441631" s="10"/>
    </row>
    <row r="441632" spans="14:14">
      <c r="N441632" s="10"/>
    </row>
    <row r="441633" spans="14:14">
      <c r="N441633" s="10"/>
    </row>
    <row r="441634" spans="14:14">
      <c r="N441634" s="10"/>
    </row>
    <row r="441635" spans="14:14">
      <c r="N441635" s="10"/>
    </row>
    <row r="441636" spans="14:14">
      <c r="N441636" s="10"/>
    </row>
    <row r="441637" spans="14:14">
      <c r="N441637" s="10"/>
    </row>
    <row r="441638" spans="14:14">
      <c r="N441638" s="10"/>
    </row>
    <row r="441639" spans="14:14">
      <c r="N441639" s="10"/>
    </row>
    <row r="441640" spans="14:14">
      <c r="N441640" s="10"/>
    </row>
    <row r="441641" spans="14:14">
      <c r="N441641" s="10"/>
    </row>
    <row r="441642" spans="14:14">
      <c r="N441642" s="10"/>
    </row>
    <row r="441643" spans="14:14">
      <c r="N441643" s="10"/>
    </row>
    <row r="441644" spans="14:14">
      <c r="N441644" s="10"/>
    </row>
    <row r="441645" spans="14:14">
      <c r="N441645" s="10"/>
    </row>
    <row r="441646" spans="14:14">
      <c r="N441646" s="10"/>
    </row>
    <row r="441647" spans="14:14">
      <c r="N441647" s="10"/>
    </row>
    <row r="441648" spans="14:14">
      <c r="N441648" s="10"/>
    </row>
    <row r="441649" spans="14:14">
      <c r="N441649" s="10"/>
    </row>
    <row r="441650" spans="14:14">
      <c r="N441650" s="10"/>
    </row>
    <row r="441651" spans="14:14">
      <c r="N441651" s="10"/>
    </row>
    <row r="441652" spans="14:14">
      <c r="N441652" s="10"/>
    </row>
    <row r="441653" spans="14:14">
      <c r="N441653" s="10"/>
    </row>
    <row r="441654" spans="14:14">
      <c r="N441654" s="10"/>
    </row>
    <row r="441655" spans="14:14">
      <c r="N441655" s="10"/>
    </row>
    <row r="441656" spans="14:14">
      <c r="N441656" s="10"/>
    </row>
    <row r="441657" spans="14:14">
      <c r="N441657" s="10"/>
    </row>
    <row r="441658" spans="14:14">
      <c r="N441658" s="10"/>
    </row>
    <row r="441659" spans="14:14">
      <c r="N441659" s="10"/>
    </row>
    <row r="441660" spans="14:14">
      <c r="N441660" s="10"/>
    </row>
    <row r="441661" spans="14:14">
      <c r="N441661" s="10"/>
    </row>
    <row r="441662" spans="14:14">
      <c r="N441662" s="10"/>
    </row>
    <row r="441663" spans="14:14">
      <c r="N441663" s="10"/>
    </row>
    <row r="441664" spans="14:14">
      <c r="N441664" s="10"/>
    </row>
    <row r="441665" spans="14:14">
      <c r="N441665" s="10"/>
    </row>
    <row r="441666" spans="14:14">
      <c r="N441666" s="10"/>
    </row>
    <row r="441667" spans="14:14">
      <c r="N441667" s="10"/>
    </row>
    <row r="441668" spans="14:14">
      <c r="N441668" s="10"/>
    </row>
    <row r="441669" spans="14:14">
      <c r="N441669" s="10"/>
    </row>
    <row r="441670" spans="14:14">
      <c r="N441670" s="10"/>
    </row>
    <row r="441671" spans="14:14">
      <c r="N441671" s="10"/>
    </row>
    <row r="441672" spans="14:14">
      <c r="N441672" s="10"/>
    </row>
    <row r="441673" spans="14:14">
      <c r="N441673" s="10"/>
    </row>
    <row r="441674" spans="14:14">
      <c r="N441674" s="10"/>
    </row>
    <row r="441675" spans="14:14">
      <c r="N441675" s="10"/>
    </row>
    <row r="441676" spans="14:14">
      <c r="N441676" s="10"/>
    </row>
    <row r="441677" spans="14:14">
      <c r="N441677" s="10"/>
    </row>
    <row r="441678" spans="14:14">
      <c r="N441678" s="10"/>
    </row>
    <row r="441679" spans="14:14">
      <c r="N441679" s="10"/>
    </row>
    <row r="441680" spans="14:14">
      <c r="N441680" s="10"/>
    </row>
    <row r="441681" spans="14:14">
      <c r="N441681" s="10"/>
    </row>
    <row r="441682" spans="14:14">
      <c r="N441682" s="10"/>
    </row>
    <row r="441683" spans="14:14">
      <c r="N441683" s="10"/>
    </row>
    <row r="441684" spans="14:14">
      <c r="N441684" s="10"/>
    </row>
    <row r="441685" spans="14:14">
      <c r="N441685" s="10"/>
    </row>
    <row r="441686" spans="14:14">
      <c r="N441686" s="10"/>
    </row>
    <row r="441687" spans="14:14">
      <c r="N441687" s="10"/>
    </row>
    <row r="441688" spans="14:14">
      <c r="N441688" s="10"/>
    </row>
    <row r="441689" spans="14:14">
      <c r="N441689" s="10"/>
    </row>
    <row r="441690" spans="14:14">
      <c r="N441690" s="10"/>
    </row>
    <row r="441691" spans="14:14">
      <c r="N441691" s="10"/>
    </row>
    <row r="441692" spans="14:14">
      <c r="N441692" s="10"/>
    </row>
    <row r="441693" spans="14:14">
      <c r="N441693" s="10"/>
    </row>
    <row r="441694" spans="14:14">
      <c r="N441694" s="10"/>
    </row>
    <row r="441695" spans="14:14">
      <c r="N441695" s="10"/>
    </row>
    <row r="441696" spans="14:14">
      <c r="N441696" s="10"/>
    </row>
    <row r="441697" spans="14:14">
      <c r="N441697" s="10"/>
    </row>
    <row r="441698" spans="14:14">
      <c r="N441698" s="10"/>
    </row>
    <row r="441699" spans="14:14">
      <c r="N441699" s="10"/>
    </row>
    <row r="441700" spans="14:14">
      <c r="N441700" s="10"/>
    </row>
    <row r="441701" spans="14:14">
      <c r="N441701" s="10"/>
    </row>
    <row r="441702" spans="14:14">
      <c r="N441702" s="10"/>
    </row>
    <row r="441703" spans="14:14">
      <c r="N441703" s="10"/>
    </row>
    <row r="441704" spans="14:14">
      <c r="N441704" s="10"/>
    </row>
    <row r="441705" spans="14:14">
      <c r="N441705" s="10"/>
    </row>
    <row r="441706" spans="14:14">
      <c r="N441706" s="10"/>
    </row>
    <row r="441707" spans="14:14">
      <c r="N441707" s="10"/>
    </row>
    <row r="441708" spans="14:14">
      <c r="N441708" s="10"/>
    </row>
    <row r="441709" spans="14:14">
      <c r="N441709" s="10"/>
    </row>
    <row r="441710" spans="14:14">
      <c r="N441710" s="10"/>
    </row>
    <row r="441711" spans="14:14">
      <c r="N441711" s="10"/>
    </row>
    <row r="441712" spans="14:14">
      <c r="N441712" s="10"/>
    </row>
    <row r="441713" spans="14:14">
      <c r="N441713" s="10"/>
    </row>
    <row r="441714" spans="14:14">
      <c r="N441714" s="10"/>
    </row>
    <row r="441715" spans="14:14">
      <c r="N441715" s="10"/>
    </row>
    <row r="441716" spans="14:14">
      <c r="N441716" s="10"/>
    </row>
    <row r="441717" spans="14:14">
      <c r="N441717" s="10"/>
    </row>
    <row r="441718" spans="14:14">
      <c r="N441718" s="10"/>
    </row>
    <row r="441719" spans="14:14">
      <c r="N441719" s="10"/>
    </row>
    <row r="441720" spans="14:14">
      <c r="N441720" s="10"/>
    </row>
    <row r="441721" spans="14:14">
      <c r="N441721" s="10"/>
    </row>
    <row r="441722" spans="14:14">
      <c r="N441722" s="10"/>
    </row>
    <row r="441723" spans="14:14">
      <c r="N441723" s="10"/>
    </row>
    <row r="441724" spans="14:14">
      <c r="N441724" s="10"/>
    </row>
    <row r="441725" spans="14:14">
      <c r="N441725" s="10"/>
    </row>
    <row r="441726" spans="14:14">
      <c r="N441726" s="10"/>
    </row>
    <row r="441727" spans="14:14">
      <c r="N441727" s="10"/>
    </row>
    <row r="441728" spans="14:14">
      <c r="N441728" s="10"/>
    </row>
    <row r="441729" spans="14:14">
      <c r="N441729" s="10"/>
    </row>
    <row r="441730" spans="14:14">
      <c r="N441730" s="10"/>
    </row>
    <row r="441731" spans="14:14">
      <c r="N441731" s="10"/>
    </row>
    <row r="441732" spans="14:14">
      <c r="N441732" s="10"/>
    </row>
    <row r="441733" spans="14:14">
      <c r="N441733" s="10"/>
    </row>
    <row r="441734" spans="14:14">
      <c r="N441734" s="10"/>
    </row>
    <row r="441735" spans="14:14">
      <c r="N441735" s="10"/>
    </row>
    <row r="441736" spans="14:14">
      <c r="N441736" s="10"/>
    </row>
    <row r="441737" spans="14:14">
      <c r="N441737" s="10"/>
    </row>
    <row r="441738" spans="14:14">
      <c r="N441738" s="10"/>
    </row>
    <row r="441739" spans="14:14">
      <c r="N441739" s="10"/>
    </row>
    <row r="441740" spans="14:14">
      <c r="N441740" s="10"/>
    </row>
    <row r="441741" spans="14:14">
      <c r="N441741" s="10"/>
    </row>
    <row r="441742" spans="14:14">
      <c r="N441742" s="10"/>
    </row>
    <row r="441743" spans="14:14">
      <c r="N441743" s="10"/>
    </row>
    <row r="441744" spans="14:14">
      <c r="N441744" s="10"/>
    </row>
    <row r="441745" spans="14:14">
      <c r="N441745" s="10"/>
    </row>
    <row r="441746" spans="14:14">
      <c r="N441746" s="10"/>
    </row>
    <row r="441747" spans="14:14">
      <c r="N441747" s="10"/>
    </row>
    <row r="441748" spans="14:14">
      <c r="N441748" s="10"/>
    </row>
    <row r="441749" spans="14:14">
      <c r="N441749" s="10"/>
    </row>
    <row r="441750" spans="14:14">
      <c r="N441750" s="10"/>
    </row>
    <row r="441751" spans="14:14">
      <c r="N441751" s="10"/>
    </row>
    <row r="441752" spans="14:14">
      <c r="N441752" s="10"/>
    </row>
    <row r="441753" spans="14:14">
      <c r="N441753" s="10"/>
    </row>
    <row r="441754" spans="14:14">
      <c r="N441754" s="10"/>
    </row>
    <row r="441755" spans="14:14">
      <c r="N441755" s="10"/>
    </row>
    <row r="441756" spans="14:14">
      <c r="N441756" s="10"/>
    </row>
    <row r="441757" spans="14:14">
      <c r="N441757" s="10"/>
    </row>
    <row r="441758" spans="14:14">
      <c r="N441758" s="10"/>
    </row>
    <row r="441759" spans="14:14">
      <c r="N441759" s="10"/>
    </row>
    <row r="441760" spans="14:14">
      <c r="N441760" s="10"/>
    </row>
    <row r="441761" spans="14:14">
      <c r="N441761" s="10"/>
    </row>
    <row r="441762" spans="14:14">
      <c r="N441762" s="10"/>
    </row>
    <row r="441763" spans="14:14">
      <c r="N441763" s="10"/>
    </row>
    <row r="441764" spans="14:14">
      <c r="N441764" s="10"/>
    </row>
    <row r="441765" spans="14:14">
      <c r="N441765" s="10"/>
    </row>
    <row r="441766" spans="14:14">
      <c r="N441766" s="10"/>
    </row>
    <row r="441767" spans="14:14">
      <c r="N441767" s="10"/>
    </row>
    <row r="441768" spans="14:14">
      <c r="N441768" s="10"/>
    </row>
    <row r="441769" spans="14:14">
      <c r="N441769" s="10"/>
    </row>
    <row r="441770" spans="14:14">
      <c r="N441770" s="10"/>
    </row>
    <row r="441771" spans="14:14">
      <c r="N441771" s="10"/>
    </row>
    <row r="441772" spans="14:14">
      <c r="N441772" s="10"/>
    </row>
    <row r="441773" spans="14:14">
      <c r="N441773" s="10"/>
    </row>
    <row r="441774" spans="14:14">
      <c r="N441774" s="10"/>
    </row>
    <row r="441775" spans="14:14">
      <c r="N441775" s="10"/>
    </row>
    <row r="441776" spans="14:14">
      <c r="N441776" s="10"/>
    </row>
    <row r="441777" spans="14:14">
      <c r="N441777" s="10"/>
    </row>
    <row r="441778" spans="14:14">
      <c r="N441778" s="10"/>
    </row>
    <row r="441779" spans="14:14">
      <c r="N441779" s="10"/>
    </row>
    <row r="441780" spans="14:14">
      <c r="N441780" s="10"/>
    </row>
    <row r="441781" spans="14:14">
      <c r="N441781" s="10"/>
    </row>
    <row r="441782" spans="14:14">
      <c r="N441782" s="10"/>
    </row>
    <row r="441783" spans="14:14">
      <c r="N441783" s="10"/>
    </row>
    <row r="441784" spans="14:14">
      <c r="N441784" s="10"/>
    </row>
    <row r="441785" spans="14:14">
      <c r="N441785" s="10"/>
    </row>
    <row r="441786" spans="14:14">
      <c r="N441786" s="10"/>
    </row>
    <row r="441787" spans="14:14">
      <c r="N441787" s="10"/>
    </row>
    <row r="441788" spans="14:14">
      <c r="N441788" s="10"/>
    </row>
    <row r="441789" spans="14:14">
      <c r="N441789" s="10"/>
    </row>
    <row r="441790" spans="14:14">
      <c r="N441790" s="10"/>
    </row>
    <row r="441791" spans="14:14">
      <c r="N441791" s="10"/>
    </row>
    <row r="441792" spans="14:14">
      <c r="N441792" s="10"/>
    </row>
    <row r="441793" spans="14:14">
      <c r="N441793" s="10"/>
    </row>
    <row r="441794" spans="14:14">
      <c r="N441794" s="10"/>
    </row>
    <row r="441795" spans="14:14">
      <c r="N441795" s="10"/>
    </row>
    <row r="441796" spans="14:14">
      <c r="N441796" s="10"/>
    </row>
    <row r="441797" spans="14:14">
      <c r="N441797" s="10"/>
    </row>
    <row r="441798" spans="14:14">
      <c r="N441798" s="10"/>
    </row>
    <row r="441799" spans="14:14">
      <c r="N441799" s="10"/>
    </row>
    <row r="441800" spans="14:14">
      <c r="N441800" s="10"/>
    </row>
    <row r="441801" spans="14:14">
      <c r="N441801" s="10"/>
    </row>
    <row r="441802" spans="14:14">
      <c r="N441802" s="10"/>
    </row>
    <row r="441803" spans="14:14">
      <c r="N441803" s="10"/>
    </row>
    <row r="441804" spans="14:14">
      <c r="N441804" s="10"/>
    </row>
    <row r="441805" spans="14:14">
      <c r="N441805" s="10"/>
    </row>
    <row r="441806" spans="14:14">
      <c r="N441806" s="10"/>
    </row>
    <row r="441807" spans="14:14">
      <c r="N441807" s="10"/>
    </row>
    <row r="441808" spans="14:14">
      <c r="N441808" s="10"/>
    </row>
    <row r="441809" spans="14:14">
      <c r="N441809" s="10"/>
    </row>
    <row r="441810" spans="14:14">
      <c r="N441810" s="10"/>
    </row>
    <row r="441811" spans="14:14">
      <c r="N441811" s="10"/>
    </row>
    <row r="441812" spans="14:14">
      <c r="N441812" s="10"/>
    </row>
    <row r="441813" spans="14:14">
      <c r="N441813" s="10"/>
    </row>
    <row r="441814" spans="14:14">
      <c r="N441814" s="10"/>
    </row>
    <row r="441815" spans="14:14">
      <c r="N441815" s="10"/>
    </row>
    <row r="441816" spans="14:14">
      <c r="N441816" s="10"/>
    </row>
    <row r="441817" spans="14:14">
      <c r="N441817" s="10"/>
    </row>
    <row r="441818" spans="14:14">
      <c r="N441818" s="10"/>
    </row>
    <row r="441819" spans="14:14">
      <c r="N441819" s="10"/>
    </row>
    <row r="441820" spans="14:14">
      <c r="N441820" s="10"/>
    </row>
    <row r="441821" spans="14:14">
      <c r="N441821" s="10"/>
    </row>
    <row r="441822" spans="14:14">
      <c r="N441822" s="10"/>
    </row>
    <row r="441823" spans="14:14">
      <c r="N441823" s="10"/>
    </row>
    <row r="441824" spans="14:14">
      <c r="N441824" s="10"/>
    </row>
    <row r="441825" spans="14:14">
      <c r="N441825" s="10"/>
    </row>
    <row r="441826" spans="14:14">
      <c r="N441826" s="10"/>
    </row>
    <row r="441827" spans="14:14">
      <c r="N441827" s="10"/>
    </row>
    <row r="441828" spans="14:14">
      <c r="N441828" s="10"/>
    </row>
    <row r="441829" spans="14:14">
      <c r="N441829" s="10"/>
    </row>
    <row r="441830" spans="14:14">
      <c r="N441830" s="10"/>
    </row>
    <row r="441831" spans="14:14">
      <c r="N441831" s="10"/>
    </row>
    <row r="441832" spans="14:14">
      <c r="N441832" s="10"/>
    </row>
    <row r="441833" spans="14:14">
      <c r="N441833" s="10"/>
    </row>
    <row r="441834" spans="14:14">
      <c r="N441834" s="10"/>
    </row>
    <row r="441835" spans="14:14">
      <c r="N441835" s="10"/>
    </row>
    <row r="441836" spans="14:14">
      <c r="N441836" s="10"/>
    </row>
    <row r="441837" spans="14:14">
      <c r="N441837" s="10"/>
    </row>
    <row r="441838" spans="14:14">
      <c r="N441838" s="10"/>
    </row>
    <row r="441839" spans="14:14">
      <c r="N441839" s="10"/>
    </row>
    <row r="441840" spans="14:14">
      <c r="N441840" s="10"/>
    </row>
    <row r="441841" spans="14:14">
      <c r="N441841" s="10"/>
    </row>
    <row r="441842" spans="14:14">
      <c r="N441842" s="10"/>
    </row>
    <row r="441843" spans="14:14">
      <c r="N441843" s="10"/>
    </row>
    <row r="441844" spans="14:14">
      <c r="N441844" s="10"/>
    </row>
    <row r="441845" spans="14:14">
      <c r="N441845" s="10"/>
    </row>
    <row r="441846" spans="14:14">
      <c r="N441846" s="10"/>
    </row>
    <row r="441847" spans="14:14">
      <c r="N441847" s="10"/>
    </row>
    <row r="441848" spans="14:14">
      <c r="N441848" s="10"/>
    </row>
    <row r="441849" spans="14:14">
      <c r="N441849" s="10"/>
    </row>
    <row r="441850" spans="14:14">
      <c r="N441850" s="10"/>
    </row>
    <row r="441851" spans="14:14">
      <c r="N441851" s="10"/>
    </row>
    <row r="441852" spans="14:14">
      <c r="N441852" s="10"/>
    </row>
    <row r="441853" spans="14:14">
      <c r="N441853" s="10"/>
    </row>
    <row r="441854" spans="14:14">
      <c r="N441854" s="10"/>
    </row>
    <row r="441855" spans="14:14">
      <c r="N441855" s="10"/>
    </row>
    <row r="441856" spans="14:14">
      <c r="N441856" s="10"/>
    </row>
    <row r="441857" spans="14:14">
      <c r="N441857" s="10"/>
    </row>
    <row r="441858" spans="14:14">
      <c r="N441858" s="10"/>
    </row>
    <row r="441859" spans="14:14">
      <c r="N441859" s="10"/>
    </row>
    <row r="441860" spans="14:14">
      <c r="N441860" s="10"/>
    </row>
    <row r="441861" spans="14:14">
      <c r="N441861" s="10"/>
    </row>
    <row r="441862" spans="14:14">
      <c r="N441862" s="10"/>
    </row>
    <row r="441863" spans="14:14">
      <c r="N441863" s="10"/>
    </row>
    <row r="441864" spans="14:14">
      <c r="N441864" s="10"/>
    </row>
    <row r="441865" spans="14:14">
      <c r="N441865" s="10"/>
    </row>
    <row r="441866" spans="14:14">
      <c r="N441866" s="10"/>
    </row>
    <row r="441867" spans="14:14">
      <c r="N441867" s="10"/>
    </row>
    <row r="441868" spans="14:14">
      <c r="N441868" s="10"/>
    </row>
    <row r="441869" spans="14:14">
      <c r="N441869" s="10"/>
    </row>
    <row r="441870" spans="14:14">
      <c r="N441870" s="10"/>
    </row>
    <row r="441871" spans="14:14">
      <c r="N441871" s="10"/>
    </row>
    <row r="441872" spans="14:14">
      <c r="N441872" s="10"/>
    </row>
    <row r="441873" spans="14:14">
      <c r="N441873" s="10"/>
    </row>
    <row r="441874" spans="14:14">
      <c r="N441874" s="10"/>
    </row>
    <row r="441875" spans="14:14">
      <c r="N441875" s="10"/>
    </row>
    <row r="441876" spans="14:14">
      <c r="N441876" s="10"/>
    </row>
    <row r="441877" spans="14:14">
      <c r="N441877" s="10"/>
    </row>
    <row r="441878" spans="14:14">
      <c r="N441878" s="10"/>
    </row>
    <row r="441879" spans="14:14">
      <c r="N441879" s="10"/>
    </row>
    <row r="441880" spans="14:14">
      <c r="N441880" s="10"/>
    </row>
    <row r="441881" spans="14:14">
      <c r="N441881" s="10"/>
    </row>
    <row r="441882" spans="14:14">
      <c r="N441882" s="10"/>
    </row>
    <row r="441883" spans="14:14">
      <c r="N441883" s="10"/>
    </row>
    <row r="441884" spans="14:14">
      <c r="N441884" s="10"/>
    </row>
    <row r="441885" spans="14:14">
      <c r="N441885" s="10"/>
    </row>
    <row r="441886" spans="14:14">
      <c r="N441886" s="10"/>
    </row>
    <row r="441887" spans="14:14">
      <c r="N441887" s="10"/>
    </row>
    <row r="441888" spans="14:14">
      <c r="N441888" s="10"/>
    </row>
    <row r="441889" spans="14:14">
      <c r="N441889" s="10"/>
    </row>
    <row r="441890" spans="14:14">
      <c r="N441890" s="10"/>
    </row>
    <row r="441891" spans="14:14">
      <c r="N441891" s="10"/>
    </row>
    <row r="441892" spans="14:14">
      <c r="N441892" s="10"/>
    </row>
    <row r="441893" spans="14:14">
      <c r="N441893" s="10"/>
    </row>
    <row r="441894" spans="14:14">
      <c r="N441894" s="10"/>
    </row>
    <row r="441895" spans="14:14">
      <c r="N441895" s="10"/>
    </row>
    <row r="441896" spans="14:14">
      <c r="N441896" s="10"/>
    </row>
    <row r="441897" spans="14:14">
      <c r="N441897" s="10"/>
    </row>
    <row r="441898" spans="14:14">
      <c r="N441898" s="10"/>
    </row>
    <row r="441899" spans="14:14">
      <c r="N441899" s="10"/>
    </row>
    <row r="441900" spans="14:14">
      <c r="N441900" s="10"/>
    </row>
    <row r="441901" spans="14:14">
      <c r="N441901" s="10"/>
    </row>
    <row r="441902" spans="14:14">
      <c r="N441902" s="10"/>
    </row>
    <row r="441903" spans="14:14">
      <c r="N441903" s="10"/>
    </row>
    <row r="441904" spans="14:14">
      <c r="N441904" s="10"/>
    </row>
    <row r="441905" spans="14:14">
      <c r="N441905" s="10"/>
    </row>
    <row r="441906" spans="14:14">
      <c r="N441906" s="10"/>
    </row>
    <row r="441907" spans="14:14">
      <c r="N441907" s="10"/>
    </row>
    <row r="441908" spans="14:14">
      <c r="N441908" s="10"/>
    </row>
    <row r="441909" spans="14:14">
      <c r="N441909" s="10"/>
    </row>
    <row r="441910" spans="14:14">
      <c r="N441910" s="10"/>
    </row>
    <row r="441911" spans="14:14">
      <c r="N441911" s="10"/>
    </row>
    <row r="441912" spans="14:14">
      <c r="N441912" s="10"/>
    </row>
    <row r="441913" spans="14:14">
      <c r="N441913" s="10"/>
    </row>
    <row r="441914" spans="14:14">
      <c r="N441914" s="10"/>
    </row>
    <row r="441915" spans="14:14">
      <c r="N441915" s="10"/>
    </row>
    <row r="441916" spans="14:14">
      <c r="N441916" s="10"/>
    </row>
    <row r="441917" spans="14:14">
      <c r="N441917" s="10"/>
    </row>
    <row r="441918" spans="14:14">
      <c r="N441918" s="10"/>
    </row>
    <row r="441919" spans="14:14">
      <c r="N441919" s="10"/>
    </row>
    <row r="441920" spans="14:14">
      <c r="N441920" s="10"/>
    </row>
    <row r="441921" spans="14:14">
      <c r="N441921" s="10"/>
    </row>
    <row r="441922" spans="14:14">
      <c r="N441922" s="10"/>
    </row>
    <row r="441923" spans="14:14">
      <c r="N441923" s="10"/>
    </row>
    <row r="441924" spans="14:14">
      <c r="N441924" s="10"/>
    </row>
    <row r="441925" spans="14:14">
      <c r="N441925" s="10"/>
    </row>
    <row r="441926" spans="14:14">
      <c r="N441926" s="10"/>
    </row>
    <row r="441927" spans="14:14">
      <c r="N441927" s="10"/>
    </row>
    <row r="441928" spans="14:14">
      <c r="N441928" s="10"/>
    </row>
    <row r="441929" spans="14:14">
      <c r="N441929" s="10"/>
    </row>
    <row r="441930" spans="14:14">
      <c r="N441930" s="10"/>
    </row>
    <row r="441931" spans="14:14">
      <c r="N441931" s="10"/>
    </row>
    <row r="441932" spans="14:14">
      <c r="N441932" s="10"/>
    </row>
    <row r="441933" spans="14:14">
      <c r="N441933" s="10"/>
    </row>
    <row r="441934" spans="14:14">
      <c r="N441934" s="10"/>
    </row>
    <row r="441935" spans="14:14">
      <c r="N441935" s="10"/>
    </row>
    <row r="441936" spans="14:14">
      <c r="N441936" s="10"/>
    </row>
    <row r="441937" spans="14:14">
      <c r="N441937" s="10"/>
    </row>
    <row r="441938" spans="14:14">
      <c r="N441938" s="10"/>
    </row>
    <row r="441939" spans="14:14">
      <c r="N441939" s="10"/>
    </row>
    <row r="441940" spans="14:14">
      <c r="N441940" s="10"/>
    </row>
    <row r="441941" spans="14:14">
      <c r="N441941" s="10"/>
    </row>
    <row r="441942" spans="14:14">
      <c r="N441942" s="10"/>
    </row>
    <row r="441943" spans="14:14">
      <c r="N441943" s="10"/>
    </row>
    <row r="441944" spans="14:14">
      <c r="N441944" s="10"/>
    </row>
    <row r="441945" spans="14:14">
      <c r="N441945" s="10"/>
    </row>
    <row r="441946" spans="14:14">
      <c r="N441946" s="10"/>
    </row>
    <row r="441947" spans="14:14">
      <c r="N441947" s="10"/>
    </row>
    <row r="441948" spans="14:14">
      <c r="N441948" s="10"/>
    </row>
    <row r="441949" spans="14:14">
      <c r="N441949" s="10"/>
    </row>
    <row r="441950" spans="14:14">
      <c r="N441950" s="10"/>
    </row>
    <row r="441951" spans="14:14">
      <c r="N441951" s="10"/>
    </row>
    <row r="441952" spans="14:14">
      <c r="N441952" s="10"/>
    </row>
    <row r="441953" spans="14:14">
      <c r="N441953" s="10"/>
    </row>
    <row r="441954" spans="14:14">
      <c r="N441954" s="10"/>
    </row>
    <row r="441955" spans="14:14">
      <c r="N441955" s="10"/>
    </row>
    <row r="441956" spans="14:14">
      <c r="N441956" s="10"/>
    </row>
    <row r="441957" spans="14:14">
      <c r="N441957" s="10"/>
    </row>
    <row r="441958" spans="14:14">
      <c r="N441958" s="10"/>
    </row>
    <row r="441959" spans="14:14">
      <c r="N441959" s="10"/>
    </row>
    <row r="441960" spans="14:14">
      <c r="N441960" s="10"/>
    </row>
    <row r="441961" spans="14:14">
      <c r="N441961" s="10"/>
    </row>
    <row r="441962" spans="14:14">
      <c r="N441962" s="10"/>
    </row>
    <row r="441963" spans="14:14">
      <c r="N441963" s="10"/>
    </row>
    <row r="441964" spans="14:14">
      <c r="N441964" s="10"/>
    </row>
    <row r="441965" spans="14:14">
      <c r="N441965" s="10"/>
    </row>
    <row r="441966" spans="14:14">
      <c r="N441966" s="10"/>
    </row>
    <row r="441967" spans="14:14">
      <c r="N441967" s="10"/>
    </row>
    <row r="441968" spans="14:14">
      <c r="N441968" s="10"/>
    </row>
    <row r="441969" spans="14:14">
      <c r="N441969" s="10"/>
    </row>
    <row r="441970" spans="14:14">
      <c r="N441970" s="10"/>
    </row>
    <row r="441971" spans="14:14">
      <c r="N441971" s="10"/>
    </row>
    <row r="441972" spans="14:14">
      <c r="N441972" s="10"/>
    </row>
    <row r="441973" spans="14:14">
      <c r="N441973" s="10"/>
    </row>
    <row r="441974" spans="14:14">
      <c r="N441974" s="10"/>
    </row>
    <row r="441975" spans="14:14">
      <c r="N441975" s="10"/>
    </row>
    <row r="441976" spans="14:14">
      <c r="N441976" s="10"/>
    </row>
    <row r="441977" spans="14:14">
      <c r="N441977" s="10"/>
    </row>
    <row r="441978" spans="14:14">
      <c r="N441978" s="10"/>
    </row>
    <row r="441979" spans="14:14">
      <c r="N441979" s="10"/>
    </row>
    <row r="441980" spans="14:14">
      <c r="N441980" s="10"/>
    </row>
    <row r="441981" spans="14:14">
      <c r="N441981" s="10"/>
    </row>
    <row r="441982" spans="14:14">
      <c r="N441982" s="10"/>
    </row>
    <row r="441983" spans="14:14">
      <c r="N441983" s="10"/>
    </row>
    <row r="441984" spans="14:14">
      <c r="N441984" s="10"/>
    </row>
    <row r="441985" spans="14:14">
      <c r="N441985" s="10"/>
    </row>
    <row r="441986" spans="14:14">
      <c r="N441986" s="10"/>
    </row>
    <row r="441987" spans="14:14">
      <c r="N441987" s="10"/>
    </row>
    <row r="441988" spans="14:14">
      <c r="N441988" s="10"/>
    </row>
    <row r="441989" spans="14:14">
      <c r="N441989" s="10"/>
    </row>
    <row r="441990" spans="14:14">
      <c r="N441990" s="10"/>
    </row>
    <row r="441991" spans="14:14">
      <c r="N441991" s="10"/>
    </row>
    <row r="441992" spans="14:14">
      <c r="N441992" s="10"/>
    </row>
    <row r="441993" spans="14:14">
      <c r="N441993" s="10"/>
    </row>
    <row r="441994" spans="14:14">
      <c r="N441994" s="10"/>
    </row>
    <row r="441995" spans="14:14">
      <c r="N441995" s="10"/>
    </row>
    <row r="441996" spans="14:14">
      <c r="N441996" s="10"/>
    </row>
    <row r="441997" spans="14:14">
      <c r="N441997" s="10"/>
    </row>
    <row r="441998" spans="14:14">
      <c r="N441998" s="10"/>
    </row>
    <row r="441999" spans="14:14">
      <c r="N441999" s="10"/>
    </row>
    <row r="442000" spans="14:14">
      <c r="N442000" s="10"/>
    </row>
    <row r="442001" spans="14:14">
      <c r="N442001" s="10"/>
    </row>
    <row r="442002" spans="14:14">
      <c r="N442002" s="10"/>
    </row>
    <row r="442003" spans="14:14">
      <c r="N442003" s="10"/>
    </row>
    <row r="442004" spans="14:14">
      <c r="N442004" s="10"/>
    </row>
    <row r="442005" spans="14:14">
      <c r="N442005" s="10"/>
    </row>
    <row r="442006" spans="14:14">
      <c r="N442006" s="10"/>
    </row>
    <row r="442007" spans="14:14">
      <c r="N442007" s="10"/>
    </row>
    <row r="442008" spans="14:14">
      <c r="N442008" s="10"/>
    </row>
    <row r="442009" spans="14:14">
      <c r="N442009" s="10"/>
    </row>
    <row r="442010" spans="14:14">
      <c r="N442010" s="10"/>
    </row>
    <row r="442011" spans="14:14">
      <c r="N442011" s="10"/>
    </row>
    <row r="442012" spans="14:14">
      <c r="N442012" s="10"/>
    </row>
    <row r="442013" spans="14:14">
      <c r="N442013" s="10"/>
    </row>
    <row r="442014" spans="14:14">
      <c r="N442014" s="10"/>
    </row>
    <row r="442015" spans="14:14">
      <c r="N442015" s="10"/>
    </row>
    <row r="442016" spans="14:14">
      <c r="N442016" s="10"/>
    </row>
    <row r="442017" spans="14:14">
      <c r="N442017" s="10"/>
    </row>
    <row r="442018" spans="14:14">
      <c r="N442018" s="10"/>
    </row>
    <row r="442019" spans="14:14">
      <c r="N442019" s="10"/>
    </row>
    <row r="442020" spans="14:14">
      <c r="N442020" s="10"/>
    </row>
    <row r="442021" spans="14:14">
      <c r="N442021" s="10"/>
    </row>
    <row r="442022" spans="14:14">
      <c r="N442022" s="10"/>
    </row>
    <row r="442023" spans="14:14">
      <c r="N442023" s="10"/>
    </row>
    <row r="442024" spans="14:14">
      <c r="N442024" s="10"/>
    </row>
    <row r="442025" spans="14:14">
      <c r="N442025" s="10"/>
    </row>
    <row r="442026" spans="14:14">
      <c r="N442026" s="10"/>
    </row>
    <row r="442027" spans="14:14">
      <c r="N442027" s="10"/>
    </row>
    <row r="442028" spans="14:14">
      <c r="N442028" s="10"/>
    </row>
    <row r="442029" spans="14:14">
      <c r="N442029" s="10"/>
    </row>
    <row r="442030" spans="14:14">
      <c r="N442030" s="10"/>
    </row>
    <row r="442031" spans="14:14">
      <c r="N442031" s="10"/>
    </row>
    <row r="442032" spans="14:14">
      <c r="N442032" s="10"/>
    </row>
    <row r="442033" spans="14:14">
      <c r="N442033" s="10"/>
    </row>
    <row r="442034" spans="14:14">
      <c r="N442034" s="10"/>
    </row>
    <row r="442035" spans="14:14">
      <c r="N442035" s="10"/>
    </row>
    <row r="442036" spans="14:14">
      <c r="N442036" s="10"/>
    </row>
    <row r="442037" spans="14:14">
      <c r="N442037" s="10"/>
    </row>
    <row r="442038" spans="14:14">
      <c r="N442038" s="10"/>
    </row>
    <row r="442039" spans="14:14">
      <c r="N442039" s="10"/>
    </row>
    <row r="442040" spans="14:14">
      <c r="N442040" s="10"/>
    </row>
    <row r="442041" spans="14:14">
      <c r="N442041" s="10"/>
    </row>
    <row r="442042" spans="14:14">
      <c r="N442042" s="10"/>
    </row>
    <row r="442043" spans="14:14">
      <c r="N442043" s="10"/>
    </row>
    <row r="442044" spans="14:14">
      <c r="N442044" s="10"/>
    </row>
    <row r="442045" spans="14:14">
      <c r="N442045" s="10"/>
    </row>
    <row r="442046" spans="14:14">
      <c r="N442046" s="10"/>
    </row>
    <row r="442047" spans="14:14">
      <c r="N442047" s="10"/>
    </row>
    <row r="442048" spans="14:14">
      <c r="N442048" s="10"/>
    </row>
    <row r="442049" spans="14:14">
      <c r="N442049" s="10"/>
    </row>
    <row r="442050" spans="14:14">
      <c r="N442050" s="10"/>
    </row>
    <row r="442051" spans="14:14">
      <c r="N442051" s="10"/>
    </row>
    <row r="442052" spans="14:14">
      <c r="N442052" s="10"/>
    </row>
    <row r="442053" spans="14:14">
      <c r="N442053" s="10"/>
    </row>
    <row r="442054" spans="14:14">
      <c r="N442054" s="10"/>
    </row>
    <row r="442055" spans="14:14">
      <c r="N442055" s="10"/>
    </row>
    <row r="442056" spans="14:14">
      <c r="N442056" s="10"/>
    </row>
    <row r="442057" spans="14:14">
      <c r="N442057" s="10"/>
    </row>
    <row r="442058" spans="14:14">
      <c r="N442058" s="10"/>
    </row>
    <row r="442059" spans="14:14">
      <c r="N442059" s="10"/>
    </row>
    <row r="442060" spans="14:14">
      <c r="N442060" s="10"/>
    </row>
    <row r="442061" spans="14:14">
      <c r="N442061" s="10"/>
    </row>
    <row r="442062" spans="14:14">
      <c r="N442062" s="10"/>
    </row>
    <row r="442063" spans="14:14">
      <c r="N442063" s="10"/>
    </row>
    <row r="442064" spans="14:14">
      <c r="N442064" s="10"/>
    </row>
    <row r="442065" spans="14:14">
      <c r="N442065" s="10"/>
    </row>
    <row r="442066" spans="14:14">
      <c r="N442066" s="10"/>
    </row>
    <row r="442067" spans="14:14">
      <c r="N442067" s="10"/>
    </row>
    <row r="442068" spans="14:14">
      <c r="N442068" s="10"/>
    </row>
    <row r="442069" spans="14:14">
      <c r="N442069" s="10"/>
    </row>
    <row r="442070" spans="14:14">
      <c r="N442070" s="10"/>
    </row>
    <row r="442071" spans="14:14">
      <c r="N442071" s="10"/>
    </row>
    <row r="442072" spans="14:14">
      <c r="N442072" s="10"/>
    </row>
    <row r="442073" spans="14:14">
      <c r="N442073" s="10"/>
    </row>
    <row r="442074" spans="14:14">
      <c r="N442074" s="10"/>
    </row>
    <row r="442075" spans="14:14">
      <c r="N442075" s="10"/>
    </row>
    <row r="442076" spans="14:14">
      <c r="N442076" s="10"/>
    </row>
    <row r="442077" spans="14:14">
      <c r="N442077" s="10"/>
    </row>
    <row r="442078" spans="14:14">
      <c r="N442078" s="10"/>
    </row>
    <row r="442079" spans="14:14">
      <c r="N442079" s="10"/>
    </row>
    <row r="442080" spans="14:14">
      <c r="N442080" s="10"/>
    </row>
    <row r="442081" spans="14:14">
      <c r="N442081" s="10"/>
    </row>
    <row r="442082" spans="14:14">
      <c r="N442082" s="10"/>
    </row>
    <row r="442083" spans="14:14">
      <c r="N442083" s="10"/>
    </row>
    <row r="442084" spans="14:14">
      <c r="N442084" s="10"/>
    </row>
    <row r="442085" spans="14:14">
      <c r="N442085" s="10"/>
    </row>
    <row r="442086" spans="14:14">
      <c r="N442086" s="10"/>
    </row>
    <row r="442087" spans="14:14">
      <c r="N442087" s="10"/>
    </row>
    <row r="442088" spans="14:14">
      <c r="N442088" s="10"/>
    </row>
    <row r="442089" spans="14:14">
      <c r="N442089" s="10"/>
    </row>
    <row r="442090" spans="14:14">
      <c r="N442090" s="10"/>
    </row>
    <row r="442091" spans="14:14">
      <c r="N442091" s="10"/>
    </row>
    <row r="442092" spans="14:14">
      <c r="N442092" s="10"/>
    </row>
    <row r="442093" spans="14:14">
      <c r="N442093" s="10"/>
    </row>
    <row r="442094" spans="14:14">
      <c r="N442094" s="10"/>
    </row>
    <row r="442095" spans="14:14">
      <c r="N442095" s="10"/>
    </row>
    <row r="442096" spans="14:14">
      <c r="N442096" s="10"/>
    </row>
    <row r="442097" spans="14:14">
      <c r="N442097" s="10"/>
    </row>
    <row r="442098" spans="14:14">
      <c r="N442098" s="10"/>
    </row>
    <row r="442099" spans="14:14">
      <c r="N442099" s="10"/>
    </row>
    <row r="442100" spans="14:14">
      <c r="N442100" s="10"/>
    </row>
    <row r="442101" spans="14:14">
      <c r="N442101" s="10"/>
    </row>
    <row r="442102" spans="14:14">
      <c r="N442102" s="10"/>
    </row>
    <row r="442103" spans="14:14">
      <c r="N442103" s="10"/>
    </row>
    <row r="442104" spans="14:14">
      <c r="N442104" s="10"/>
    </row>
    <row r="442105" spans="14:14">
      <c r="N442105" s="10"/>
    </row>
    <row r="442106" spans="14:14">
      <c r="N442106" s="10"/>
    </row>
    <row r="442107" spans="14:14">
      <c r="N442107" s="10"/>
    </row>
    <row r="442108" spans="14:14">
      <c r="N442108" s="10"/>
    </row>
    <row r="442109" spans="14:14">
      <c r="N442109" s="10"/>
    </row>
    <row r="442110" spans="14:14">
      <c r="N442110" s="10"/>
    </row>
    <row r="442111" spans="14:14">
      <c r="N442111" s="10"/>
    </row>
    <row r="442112" spans="14:14">
      <c r="N442112" s="10"/>
    </row>
    <row r="442113" spans="14:14">
      <c r="N442113" s="10"/>
    </row>
    <row r="442114" spans="14:14">
      <c r="N442114" s="10"/>
    </row>
    <row r="442115" spans="14:14">
      <c r="N442115" s="10"/>
    </row>
    <row r="442116" spans="14:14">
      <c r="N442116" s="10"/>
    </row>
    <row r="442117" spans="14:14">
      <c r="N442117" s="10"/>
    </row>
    <row r="442118" spans="14:14">
      <c r="N442118" s="10"/>
    </row>
    <row r="442119" spans="14:14">
      <c r="N442119" s="10"/>
    </row>
    <row r="442120" spans="14:14">
      <c r="N442120" s="10"/>
    </row>
    <row r="442121" spans="14:14">
      <c r="N442121" s="10"/>
    </row>
    <row r="442122" spans="14:14">
      <c r="N442122" s="10"/>
    </row>
    <row r="442123" spans="14:14">
      <c r="N442123" s="10"/>
    </row>
    <row r="442124" spans="14:14">
      <c r="N442124" s="10"/>
    </row>
    <row r="442125" spans="14:14">
      <c r="N442125" s="10"/>
    </row>
    <row r="442126" spans="14:14">
      <c r="N442126" s="10"/>
    </row>
    <row r="442127" spans="14:14">
      <c r="N442127" s="10"/>
    </row>
    <row r="442128" spans="14:14">
      <c r="N442128" s="10"/>
    </row>
    <row r="442129" spans="14:14">
      <c r="N442129" s="10"/>
    </row>
    <row r="442130" spans="14:14">
      <c r="N442130" s="10"/>
    </row>
    <row r="442131" spans="14:14">
      <c r="N442131" s="10"/>
    </row>
    <row r="442132" spans="14:14">
      <c r="N442132" s="10"/>
    </row>
    <row r="442133" spans="14:14">
      <c r="N442133" s="10"/>
    </row>
    <row r="442134" spans="14:14">
      <c r="N442134" s="10"/>
    </row>
    <row r="442135" spans="14:14">
      <c r="N442135" s="10"/>
    </row>
    <row r="442136" spans="14:14">
      <c r="N442136" s="10"/>
    </row>
    <row r="442137" spans="14:14">
      <c r="N442137" s="10"/>
    </row>
    <row r="442138" spans="14:14">
      <c r="N442138" s="10"/>
    </row>
    <row r="442139" spans="14:14">
      <c r="N442139" s="10"/>
    </row>
    <row r="442140" spans="14:14">
      <c r="N442140" s="10"/>
    </row>
    <row r="442141" spans="14:14">
      <c r="N442141" s="10"/>
    </row>
    <row r="442142" spans="14:14">
      <c r="N442142" s="10"/>
    </row>
    <row r="442143" spans="14:14">
      <c r="N442143" s="10"/>
    </row>
    <row r="442144" spans="14:14">
      <c r="N442144" s="10"/>
    </row>
    <row r="442145" spans="14:14">
      <c r="N442145" s="10"/>
    </row>
    <row r="442146" spans="14:14">
      <c r="N442146" s="10"/>
    </row>
    <row r="442147" spans="14:14">
      <c r="N442147" s="10"/>
    </row>
    <row r="442148" spans="14:14">
      <c r="N442148" s="10"/>
    </row>
    <row r="442149" spans="14:14">
      <c r="N442149" s="10"/>
    </row>
    <row r="442150" spans="14:14">
      <c r="N442150" s="10"/>
    </row>
    <row r="442151" spans="14:14">
      <c r="N442151" s="10"/>
    </row>
    <row r="442152" spans="14:14">
      <c r="N442152" s="10"/>
    </row>
    <row r="442153" spans="14:14">
      <c r="N442153" s="10"/>
    </row>
    <row r="442154" spans="14:14">
      <c r="N442154" s="10"/>
    </row>
    <row r="442155" spans="14:14">
      <c r="N442155" s="10"/>
    </row>
    <row r="442156" spans="14:14">
      <c r="N442156" s="10"/>
    </row>
    <row r="442157" spans="14:14">
      <c r="N442157" s="10"/>
    </row>
    <row r="442158" spans="14:14">
      <c r="N442158" s="10"/>
    </row>
    <row r="442159" spans="14:14">
      <c r="N442159" s="10"/>
    </row>
    <row r="442160" spans="14:14">
      <c r="N442160" s="10"/>
    </row>
    <row r="442161" spans="14:14">
      <c r="N442161" s="10"/>
    </row>
    <row r="442162" spans="14:14">
      <c r="N442162" s="10"/>
    </row>
    <row r="442163" spans="14:14">
      <c r="N442163" s="10"/>
    </row>
    <row r="442164" spans="14:14">
      <c r="N442164" s="10"/>
    </row>
    <row r="442165" spans="14:14">
      <c r="N442165" s="10"/>
    </row>
    <row r="442166" spans="14:14">
      <c r="N442166" s="10"/>
    </row>
    <row r="442167" spans="14:14">
      <c r="N442167" s="10"/>
    </row>
    <row r="442168" spans="14:14">
      <c r="N442168" s="10"/>
    </row>
    <row r="442169" spans="14:14">
      <c r="N442169" s="10"/>
    </row>
    <row r="442170" spans="14:14">
      <c r="N442170" s="10"/>
    </row>
    <row r="442171" spans="14:14">
      <c r="N442171" s="10"/>
    </row>
    <row r="442172" spans="14:14">
      <c r="N442172" s="10"/>
    </row>
    <row r="442173" spans="14:14">
      <c r="N442173" s="10"/>
    </row>
    <row r="442174" spans="14:14">
      <c r="N442174" s="10"/>
    </row>
    <row r="442175" spans="14:14">
      <c r="N442175" s="10"/>
    </row>
    <row r="442176" spans="14:14">
      <c r="N442176" s="10"/>
    </row>
    <row r="442177" spans="14:14">
      <c r="N442177" s="10"/>
    </row>
    <row r="442178" spans="14:14">
      <c r="N442178" s="10"/>
    </row>
    <row r="442179" spans="14:14">
      <c r="N442179" s="10"/>
    </row>
    <row r="442180" spans="14:14">
      <c r="N442180" s="10"/>
    </row>
    <row r="442181" spans="14:14">
      <c r="N442181" s="10"/>
    </row>
    <row r="442182" spans="14:14">
      <c r="N442182" s="10"/>
    </row>
    <row r="442183" spans="14:14">
      <c r="N442183" s="10"/>
    </row>
    <row r="442184" spans="14:14">
      <c r="N442184" s="10"/>
    </row>
    <row r="442185" spans="14:14">
      <c r="N442185" s="10"/>
    </row>
    <row r="442186" spans="14:14">
      <c r="N442186" s="10"/>
    </row>
    <row r="442187" spans="14:14">
      <c r="N442187" s="10"/>
    </row>
    <row r="442188" spans="14:14">
      <c r="N442188" s="10"/>
    </row>
    <row r="442189" spans="14:14">
      <c r="N442189" s="10"/>
    </row>
    <row r="442190" spans="14:14">
      <c r="N442190" s="10"/>
    </row>
    <row r="442191" spans="14:14">
      <c r="N442191" s="10"/>
    </row>
    <row r="442192" spans="14:14">
      <c r="N442192" s="10"/>
    </row>
    <row r="442193" spans="14:14">
      <c r="N442193" s="10"/>
    </row>
    <row r="442194" spans="14:14">
      <c r="N442194" s="10"/>
    </row>
    <row r="442195" spans="14:14">
      <c r="N442195" s="10"/>
    </row>
    <row r="442196" spans="14:14">
      <c r="N442196" s="10"/>
    </row>
    <row r="442197" spans="14:14">
      <c r="N442197" s="10"/>
    </row>
    <row r="442198" spans="14:14">
      <c r="N442198" s="10"/>
    </row>
    <row r="442199" spans="14:14">
      <c r="N442199" s="10"/>
    </row>
    <row r="442200" spans="14:14">
      <c r="N442200" s="10"/>
    </row>
    <row r="442201" spans="14:14">
      <c r="N442201" s="10"/>
    </row>
    <row r="442202" spans="14:14">
      <c r="N442202" s="10"/>
    </row>
    <row r="442203" spans="14:14">
      <c r="N442203" s="10"/>
    </row>
    <row r="442204" spans="14:14">
      <c r="N442204" s="10"/>
    </row>
    <row r="442205" spans="14:14">
      <c r="N442205" s="10"/>
    </row>
    <row r="442206" spans="14:14">
      <c r="N442206" s="10"/>
    </row>
    <row r="442207" spans="14:14">
      <c r="N442207" s="10"/>
    </row>
    <row r="442208" spans="14:14">
      <c r="N442208" s="10"/>
    </row>
    <row r="442209" spans="14:14">
      <c r="N442209" s="10"/>
    </row>
    <row r="442210" spans="14:14">
      <c r="N442210" s="10"/>
    </row>
    <row r="442211" spans="14:14">
      <c r="N442211" s="10"/>
    </row>
    <row r="442212" spans="14:14">
      <c r="N442212" s="10"/>
    </row>
    <row r="442213" spans="14:14">
      <c r="N442213" s="10"/>
    </row>
    <row r="442214" spans="14:14">
      <c r="N442214" s="10"/>
    </row>
    <row r="442215" spans="14:14">
      <c r="N442215" s="10"/>
    </row>
    <row r="442216" spans="14:14">
      <c r="N442216" s="10"/>
    </row>
    <row r="442217" spans="14:14">
      <c r="N442217" s="10"/>
    </row>
    <row r="442218" spans="14:14">
      <c r="N442218" s="10"/>
    </row>
    <row r="442219" spans="14:14">
      <c r="N442219" s="10"/>
    </row>
    <row r="442220" spans="14:14">
      <c r="N442220" s="10"/>
    </row>
    <row r="442221" spans="14:14">
      <c r="N442221" s="10"/>
    </row>
    <row r="442222" spans="14:14">
      <c r="N442222" s="10"/>
    </row>
    <row r="442223" spans="14:14">
      <c r="N442223" s="10"/>
    </row>
    <row r="442224" spans="14:14">
      <c r="N442224" s="10"/>
    </row>
    <row r="442225" spans="14:14">
      <c r="N442225" s="10"/>
    </row>
    <row r="442226" spans="14:14">
      <c r="N442226" s="10"/>
    </row>
    <row r="442227" spans="14:14">
      <c r="N442227" s="10"/>
    </row>
    <row r="442228" spans="14:14">
      <c r="N442228" s="10"/>
    </row>
    <row r="442229" spans="14:14">
      <c r="N442229" s="10"/>
    </row>
    <row r="442230" spans="14:14">
      <c r="N442230" s="10"/>
    </row>
    <row r="442231" spans="14:14">
      <c r="N442231" s="10"/>
    </row>
    <row r="442232" spans="14:14">
      <c r="N442232" s="10"/>
    </row>
    <row r="442233" spans="14:14">
      <c r="N442233" s="10"/>
    </row>
    <row r="442234" spans="14:14">
      <c r="N442234" s="10"/>
    </row>
    <row r="442235" spans="14:14">
      <c r="N442235" s="10"/>
    </row>
    <row r="442236" spans="14:14">
      <c r="N442236" s="10"/>
    </row>
    <row r="442237" spans="14:14">
      <c r="N442237" s="10"/>
    </row>
    <row r="442238" spans="14:14">
      <c r="N442238" s="10"/>
    </row>
    <row r="442239" spans="14:14">
      <c r="N442239" s="10"/>
    </row>
    <row r="442240" spans="14:14">
      <c r="N442240" s="10"/>
    </row>
    <row r="442241" spans="14:14">
      <c r="N442241" s="10"/>
    </row>
    <row r="442242" spans="14:14">
      <c r="N442242" s="10"/>
    </row>
    <row r="442243" spans="14:14">
      <c r="N442243" s="10"/>
    </row>
    <row r="442244" spans="14:14">
      <c r="N442244" s="10"/>
    </row>
    <row r="442245" spans="14:14">
      <c r="N442245" s="10"/>
    </row>
    <row r="442246" spans="14:14">
      <c r="N442246" s="10"/>
    </row>
    <row r="442247" spans="14:14">
      <c r="N442247" s="10"/>
    </row>
    <row r="442248" spans="14:14">
      <c r="N442248" s="10"/>
    </row>
    <row r="442249" spans="14:14">
      <c r="N442249" s="10"/>
    </row>
    <row r="442250" spans="14:14">
      <c r="N442250" s="10"/>
    </row>
    <row r="442251" spans="14:14">
      <c r="N442251" s="10"/>
    </row>
    <row r="442252" spans="14:14">
      <c r="N442252" s="10"/>
    </row>
    <row r="442253" spans="14:14">
      <c r="N442253" s="10"/>
    </row>
    <row r="442254" spans="14:14">
      <c r="N442254" s="10"/>
    </row>
    <row r="442255" spans="14:14">
      <c r="N442255" s="10"/>
    </row>
    <row r="442256" spans="14:14">
      <c r="N442256" s="10"/>
    </row>
    <row r="442257" spans="14:14">
      <c r="N442257" s="10"/>
    </row>
    <row r="442258" spans="14:14">
      <c r="N442258" s="10"/>
    </row>
    <row r="442259" spans="14:14">
      <c r="N442259" s="10"/>
    </row>
    <row r="442260" spans="14:14">
      <c r="N442260" s="10"/>
    </row>
    <row r="442261" spans="14:14">
      <c r="N442261" s="10"/>
    </row>
    <row r="442262" spans="14:14">
      <c r="N442262" s="10"/>
    </row>
    <row r="442263" spans="14:14">
      <c r="N442263" s="10"/>
    </row>
    <row r="442264" spans="14:14">
      <c r="N442264" s="10"/>
    </row>
    <row r="442265" spans="14:14">
      <c r="N442265" s="10"/>
    </row>
    <row r="442266" spans="14:14">
      <c r="N442266" s="10"/>
    </row>
    <row r="442267" spans="14:14">
      <c r="N442267" s="10"/>
    </row>
    <row r="442268" spans="14:14">
      <c r="N442268" s="10"/>
    </row>
    <row r="442269" spans="14:14">
      <c r="N442269" s="10"/>
    </row>
    <row r="442270" spans="14:14">
      <c r="N442270" s="10"/>
    </row>
    <row r="442271" spans="14:14">
      <c r="N442271" s="10"/>
    </row>
    <row r="442272" spans="14:14">
      <c r="N442272" s="10"/>
    </row>
    <row r="442273" spans="14:14">
      <c r="N442273" s="10"/>
    </row>
    <row r="442274" spans="14:14">
      <c r="N442274" s="10"/>
    </row>
    <row r="442275" spans="14:14">
      <c r="N442275" s="10"/>
    </row>
    <row r="442276" spans="14:14">
      <c r="N442276" s="10"/>
    </row>
    <row r="442277" spans="14:14">
      <c r="N442277" s="10"/>
    </row>
    <row r="442278" spans="14:14">
      <c r="N442278" s="10"/>
    </row>
    <row r="442279" spans="14:14">
      <c r="N442279" s="10"/>
    </row>
    <row r="442280" spans="14:14">
      <c r="N442280" s="10"/>
    </row>
    <row r="442281" spans="14:14">
      <c r="N442281" s="10"/>
    </row>
    <row r="442282" spans="14:14">
      <c r="N442282" s="10"/>
    </row>
    <row r="442283" spans="14:14">
      <c r="N442283" s="10"/>
    </row>
    <row r="442284" spans="14:14">
      <c r="N442284" s="10"/>
    </row>
    <row r="442285" spans="14:14">
      <c r="N442285" s="10"/>
    </row>
    <row r="442286" spans="14:14">
      <c r="N442286" s="10"/>
    </row>
    <row r="442287" spans="14:14">
      <c r="N442287" s="10"/>
    </row>
    <row r="442288" spans="14:14">
      <c r="N442288" s="10"/>
    </row>
    <row r="442289" spans="14:14">
      <c r="N442289" s="10"/>
    </row>
    <row r="442290" spans="14:14">
      <c r="N442290" s="10"/>
    </row>
    <row r="442291" spans="14:14">
      <c r="N442291" s="10"/>
    </row>
    <row r="442292" spans="14:14">
      <c r="N442292" s="10"/>
    </row>
    <row r="442293" spans="14:14">
      <c r="N442293" s="10"/>
    </row>
    <row r="442294" spans="14:14">
      <c r="N442294" s="10"/>
    </row>
    <row r="442295" spans="14:14">
      <c r="N442295" s="10"/>
    </row>
    <row r="442296" spans="14:14">
      <c r="N442296" s="10"/>
    </row>
    <row r="442297" spans="14:14">
      <c r="N442297" s="10"/>
    </row>
    <row r="442298" spans="14:14">
      <c r="N442298" s="10"/>
    </row>
    <row r="442299" spans="14:14">
      <c r="N442299" s="10"/>
    </row>
    <row r="442300" spans="14:14">
      <c r="N442300" s="10"/>
    </row>
    <row r="442301" spans="14:14">
      <c r="N442301" s="10"/>
    </row>
    <row r="442302" spans="14:14">
      <c r="N442302" s="10"/>
    </row>
    <row r="442303" spans="14:14">
      <c r="N442303" s="10"/>
    </row>
    <row r="442304" spans="14:14">
      <c r="N442304" s="10"/>
    </row>
    <row r="442305" spans="14:14">
      <c r="N442305" s="10"/>
    </row>
    <row r="442306" spans="14:14">
      <c r="N442306" s="10"/>
    </row>
    <row r="442307" spans="14:14">
      <c r="N442307" s="10"/>
    </row>
    <row r="442308" spans="14:14">
      <c r="N442308" s="10"/>
    </row>
    <row r="442309" spans="14:14">
      <c r="N442309" s="10"/>
    </row>
    <row r="442310" spans="14:14">
      <c r="N442310" s="10"/>
    </row>
    <row r="442311" spans="14:14">
      <c r="N442311" s="10"/>
    </row>
    <row r="442312" spans="14:14">
      <c r="N442312" s="10"/>
    </row>
    <row r="442313" spans="14:14">
      <c r="N442313" s="10"/>
    </row>
    <row r="442314" spans="14:14">
      <c r="N442314" s="10"/>
    </row>
    <row r="442315" spans="14:14">
      <c r="N442315" s="10"/>
    </row>
    <row r="442316" spans="14:14">
      <c r="N442316" s="10"/>
    </row>
    <row r="442317" spans="14:14">
      <c r="N442317" s="10"/>
    </row>
    <row r="442318" spans="14:14">
      <c r="N442318" s="10"/>
    </row>
    <row r="442319" spans="14:14">
      <c r="N442319" s="10"/>
    </row>
    <row r="442320" spans="14:14">
      <c r="N442320" s="10"/>
    </row>
    <row r="442321" spans="14:14">
      <c r="N442321" s="10"/>
    </row>
    <row r="442322" spans="14:14">
      <c r="N442322" s="10"/>
    </row>
    <row r="442323" spans="14:14">
      <c r="N442323" s="10"/>
    </row>
    <row r="442324" spans="14:14">
      <c r="N442324" s="10"/>
    </row>
    <row r="442325" spans="14:14">
      <c r="N442325" s="10"/>
    </row>
    <row r="442326" spans="14:14">
      <c r="N442326" s="10"/>
    </row>
    <row r="442327" spans="14:14">
      <c r="N442327" s="10"/>
    </row>
    <row r="442328" spans="14:14">
      <c r="N442328" s="10"/>
    </row>
    <row r="442329" spans="14:14">
      <c r="N442329" s="10"/>
    </row>
    <row r="442330" spans="14:14">
      <c r="N442330" s="10"/>
    </row>
    <row r="442331" spans="14:14">
      <c r="N442331" s="10"/>
    </row>
    <row r="442332" spans="14:14">
      <c r="N442332" s="10"/>
    </row>
    <row r="442333" spans="14:14">
      <c r="N442333" s="10"/>
    </row>
    <row r="442334" spans="14:14">
      <c r="N442334" s="10"/>
    </row>
    <row r="442335" spans="14:14">
      <c r="N442335" s="10"/>
    </row>
    <row r="442336" spans="14:14">
      <c r="N442336" s="10"/>
    </row>
    <row r="442337" spans="14:14">
      <c r="N442337" s="10"/>
    </row>
    <row r="442338" spans="14:14">
      <c r="N442338" s="10"/>
    </row>
    <row r="442339" spans="14:14">
      <c r="N442339" s="10"/>
    </row>
    <row r="442340" spans="14:14">
      <c r="N442340" s="10"/>
    </row>
    <row r="442341" spans="14:14">
      <c r="N442341" s="10"/>
    </row>
    <row r="442342" spans="14:14">
      <c r="N442342" s="10"/>
    </row>
    <row r="442343" spans="14:14">
      <c r="N442343" s="10"/>
    </row>
    <row r="442344" spans="14:14">
      <c r="N442344" s="10"/>
    </row>
    <row r="442345" spans="14:14">
      <c r="N442345" s="10"/>
    </row>
    <row r="442346" spans="14:14">
      <c r="N442346" s="10"/>
    </row>
    <row r="442347" spans="14:14">
      <c r="N442347" s="10"/>
    </row>
    <row r="442348" spans="14:14">
      <c r="N442348" s="10"/>
    </row>
    <row r="442349" spans="14:14">
      <c r="N442349" s="10"/>
    </row>
    <row r="442350" spans="14:14">
      <c r="N442350" s="10"/>
    </row>
    <row r="442351" spans="14:14">
      <c r="N442351" s="10"/>
    </row>
    <row r="442352" spans="14:14">
      <c r="N442352" s="10"/>
    </row>
    <row r="442353" spans="14:14">
      <c r="N442353" s="10"/>
    </row>
    <row r="442354" spans="14:14">
      <c r="N442354" s="10"/>
    </row>
    <row r="442355" spans="14:14">
      <c r="N442355" s="10"/>
    </row>
    <row r="442356" spans="14:14">
      <c r="N442356" s="10"/>
    </row>
    <row r="442357" spans="14:14">
      <c r="N442357" s="10"/>
    </row>
    <row r="442358" spans="14:14">
      <c r="N442358" s="10"/>
    </row>
    <row r="442359" spans="14:14">
      <c r="N442359" s="10"/>
    </row>
    <row r="442360" spans="14:14">
      <c r="N442360" s="10"/>
    </row>
    <row r="442361" spans="14:14">
      <c r="N442361" s="10"/>
    </row>
    <row r="442362" spans="14:14">
      <c r="N442362" s="10"/>
    </row>
    <row r="442363" spans="14:14">
      <c r="N442363" s="10"/>
    </row>
    <row r="442364" spans="14:14">
      <c r="N442364" s="10"/>
    </row>
    <row r="442365" spans="14:14">
      <c r="N442365" s="10"/>
    </row>
    <row r="442366" spans="14:14">
      <c r="N442366" s="10"/>
    </row>
    <row r="442367" spans="14:14">
      <c r="N442367" s="10"/>
    </row>
    <row r="442368" spans="14:14">
      <c r="N442368" s="10"/>
    </row>
    <row r="442369" spans="14:14">
      <c r="N442369" s="10"/>
    </row>
    <row r="442370" spans="14:14">
      <c r="N442370" s="10"/>
    </row>
    <row r="442371" spans="14:14">
      <c r="N442371" s="10"/>
    </row>
    <row r="442372" spans="14:14">
      <c r="N442372" s="10"/>
    </row>
    <row r="442373" spans="14:14">
      <c r="N442373" s="10"/>
    </row>
    <row r="442374" spans="14:14">
      <c r="N442374" s="10"/>
    </row>
    <row r="442375" spans="14:14">
      <c r="N442375" s="10"/>
    </row>
    <row r="442376" spans="14:14">
      <c r="N442376" s="10"/>
    </row>
    <row r="442377" spans="14:14">
      <c r="N442377" s="10"/>
    </row>
    <row r="442378" spans="14:14">
      <c r="N442378" s="10"/>
    </row>
    <row r="442379" spans="14:14">
      <c r="N442379" s="10"/>
    </row>
    <row r="442380" spans="14:14">
      <c r="N442380" s="10"/>
    </row>
    <row r="442381" spans="14:14">
      <c r="N442381" s="10"/>
    </row>
    <row r="442382" spans="14:14">
      <c r="N442382" s="10"/>
    </row>
    <row r="442383" spans="14:14">
      <c r="N442383" s="10"/>
    </row>
    <row r="442384" spans="14:14">
      <c r="N442384" s="10"/>
    </row>
    <row r="442385" spans="14:14">
      <c r="N442385" s="10"/>
    </row>
    <row r="442386" spans="14:14">
      <c r="N442386" s="10"/>
    </row>
    <row r="442387" spans="14:14">
      <c r="N442387" s="10"/>
    </row>
    <row r="442388" spans="14:14">
      <c r="N442388" s="10"/>
    </row>
    <row r="442389" spans="14:14">
      <c r="N442389" s="10"/>
    </row>
    <row r="442390" spans="14:14">
      <c r="N442390" s="10"/>
    </row>
    <row r="442391" spans="14:14">
      <c r="N442391" s="10"/>
    </row>
    <row r="442392" spans="14:14">
      <c r="N442392" s="10"/>
    </row>
    <row r="442393" spans="14:14">
      <c r="N442393" s="10"/>
    </row>
    <row r="442394" spans="14:14">
      <c r="N442394" s="10"/>
    </row>
    <row r="442395" spans="14:14">
      <c r="N442395" s="10"/>
    </row>
    <row r="442396" spans="14:14">
      <c r="N442396" s="10"/>
    </row>
    <row r="442397" spans="14:14">
      <c r="N442397" s="10"/>
    </row>
    <row r="442398" spans="14:14">
      <c r="N442398" s="10"/>
    </row>
    <row r="442399" spans="14:14">
      <c r="N442399" s="10"/>
    </row>
    <row r="442400" spans="14:14">
      <c r="N442400" s="10"/>
    </row>
    <row r="442401" spans="14:14">
      <c r="N442401" s="10"/>
    </row>
    <row r="442402" spans="14:14">
      <c r="N442402" s="10"/>
    </row>
    <row r="442403" spans="14:14">
      <c r="N442403" s="10"/>
    </row>
    <row r="442404" spans="14:14">
      <c r="N442404" s="10"/>
    </row>
    <row r="442405" spans="14:14">
      <c r="N442405" s="10"/>
    </row>
    <row r="442406" spans="14:14">
      <c r="N442406" s="10"/>
    </row>
    <row r="442407" spans="14:14">
      <c r="N442407" s="10"/>
    </row>
    <row r="442408" spans="14:14">
      <c r="N442408" s="10"/>
    </row>
    <row r="442409" spans="14:14">
      <c r="N442409" s="10"/>
    </row>
    <row r="442410" spans="14:14">
      <c r="N442410" s="10"/>
    </row>
    <row r="442411" spans="14:14">
      <c r="N442411" s="10"/>
    </row>
    <row r="442412" spans="14:14">
      <c r="N442412" s="10"/>
    </row>
    <row r="442413" spans="14:14">
      <c r="N442413" s="10"/>
    </row>
    <row r="442414" spans="14:14">
      <c r="N442414" s="10"/>
    </row>
    <row r="442415" spans="14:14">
      <c r="N442415" s="10"/>
    </row>
    <row r="442416" spans="14:14">
      <c r="N442416" s="10"/>
    </row>
    <row r="442417" spans="14:14">
      <c r="N442417" s="10"/>
    </row>
    <row r="442418" spans="14:14">
      <c r="N442418" s="10"/>
    </row>
    <row r="442419" spans="14:14">
      <c r="N442419" s="10"/>
    </row>
    <row r="442420" spans="14:14">
      <c r="N442420" s="10"/>
    </row>
    <row r="442421" spans="14:14">
      <c r="N442421" s="10"/>
    </row>
    <row r="442422" spans="14:14">
      <c r="N442422" s="10"/>
    </row>
    <row r="442423" spans="14:14">
      <c r="N442423" s="10"/>
    </row>
    <row r="442424" spans="14:14">
      <c r="N442424" s="10"/>
    </row>
    <row r="442425" spans="14:14">
      <c r="N442425" s="10"/>
    </row>
    <row r="442426" spans="14:14">
      <c r="N442426" s="10"/>
    </row>
    <row r="442427" spans="14:14">
      <c r="N442427" s="10"/>
    </row>
    <row r="442428" spans="14:14">
      <c r="N442428" s="10"/>
    </row>
    <row r="442429" spans="14:14">
      <c r="N442429" s="10"/>
    </row>
    <row r="442430" spans="14:14">
      <c r="N442430" s="10"/>
    </row>
    <row r="442431" spans="14:14">
      <c r="N442431" s="10"/>
    </row>
    <row r="442432" spans="14:14">
      <c r="N442432" s="10"/>
    </row>
    <row r="442433" spans="14:14">
      <c r="N442433" s="10"/>
    </row>
    <row r="442434" spans="14:14">
      <c r="N442434" s="10"/>
    </row>
    <row r="442435" spans="14:14">
      <c r="N442435" s="10"/>
    </row>
    <row r="442436" spans="14:14">
      <c r="N442436" s="10"/>
    </row>
    <row r="442437" spans="14:14">
      <c r="N442437" s="10"/>
    </row>
    <row r="442438" spans="14:14">
      <c r="N442438" s="10"/>
    </row>
    <row r="442439" spans="14:14">
      <c r="N442439" s="10"/>
    </row>
    <row r="442440" spans="14:14">
      <c r="N442440" s="10"/>
    </row>
    <row r="442441" spans="14:14">
      <c r="N442441" s="10"/>
    </row>
    <row r="442442" spans="14:14">
      <c r="N442442" s="10"/>
    </row>
    <row r="442443" spans="14:14">
      <c r="N442443" s="10"/>
    </row>
    <row r="442444" spans="14:14">
      <c r="N442444" s="10"/>
    </row>
    <row r="442445" spans="14:14">
      <c r="N442445" s="10"/>
    </row>
    <row r="442446" spans="14:14">
      <c r="N442446" s="10"/>
    </row>
    <row r="442447" spans="14:14">
      <c r="N442447" s="10"/>
    </row>
    <row r="442448" spans="14:14">
      <c r="N442448" s="10"/>
    </row>
    <row r="442449" spans="14:14">
      <c r="N442449" s="10"/>
    </row>
    <row r="442450" spans="14:14">
      <c r="N442450" s="10"/>
    </row>
    <row r="442451" spans="14:14">
      <c r="N442451" s="10"/>
    </row>
    <row r="442452" spans="14:14">
      <c r="N442452" s="10"/>
    </row>
    <row r="442453" spans="14:14">
      <c r="N442453" s="10"/>
    </row>
    <row r="442454" spans="14:14">
      <c r="N442454" s="10"/>
    </row>
    <row r="442455" spans="14:14">
      <c r="N442455" s="10"/>
    </row>
    <row r="442456" spans="14:14">
      <c r="N442456" s="10"/>
    </row>
    <row r="442457" spans="14:14">
      <c r="N442457" s="10"/>
    </row>
    <row r="442458" spans="14:14">
      <c r="N442458" s="10"/>
    </row>
    <row r="442459" spans="14:14">
      <c r="N442459" s="10"/>
    </row>
    <row r="442460" spans="14:14">
      <c r="N442460" s="10"/>
    </row>
    <row r="442461" spans="14:14">
      <c r="N442461" s="10"/>
    </row>
    <row r="442462" spans="14:14">
      <c r="N442462" s="10"/>
    </row>
    <row r="442463" spans="14:14">
      <c r="N442463" s="10"/>
    </row>
    <row r="442464" spans="14:14">
      <c r="N442464" s="10"/>
    </row>
    <row r="442465" spans="14:14">
      <c r="N442465" s="10"/>
    </row>
    <row r="442466" spans="14:14">
      <c r="N442466" s="10"/>
    </row>
    <row r="442467" spans="14:14">
      <c r="N442467" s="10"/>
    </row>
    <row r="442468" spans="14:14">
      <c r="N442468" s="10"/>
    </row>
    <row r="442469" spans="14:14">
      <c r="N442469" s="10"/>
    </row>
    <row r="442470" spans="14:14">
      <c r="N442470" s="10"/>
    </row>
    <row r="442471" spans="14:14">
      <c r="N442471" s="10"/>
    </row>
    <row r="442472" spans="14:14">
      <c r="N442472" s="10"/>
    </row>
    <row r="442473" spans="14:14">
      <c r="N442473" s="10"/>
    </row>
    <row r="442474" spans="14:14">
      <c r="N442474" s="10"/>
    </row>
    <row r="442475" spans="14:14">
      <c r="N442475" s="10"/>
    </row>
    <row r="442476" spans="14:14">
      <c r="N442476" s="10"/>
    </row>
    <row r="442477" spans="14:14">
      <c r="N442477" s="10"/>
    </row>
    <row r="442478" spans="14:14">
      <c r="N442478" s="10"/>
    </row>
    <row r="442479" spans="14:14">
      <c r="N442479" s="10"/>
    </row>
    <row r="442480" spans="14:14">
      <c r="N442480" s="10"/>
    </row>
    <row r="442481" spans="14:14">
      <c r="N442481" s="10"/>
    </row>
    <row r="442482" spans="14:14">
      <c r="N442482" s="10"/>
    </row>
    <row r="442483" spans="14:14">
      <c r="N442483" s="10"/>
    </row>
    <row r="442484" spans="14:14">
      <c r="N442484" s="10"/>
    </row>
    <row r="442485" spans="14:14">
      <c r="N442485" s="10"/>
    </row>
    <row r="442486" spans="14:14">
      <c r="N442486" s="10"/>
    </row>
    <row r="442487" spans="14:14">
      <c r="N442487" s="10"/>
    </row>
    <row r="442488" spans="14:14">
      <c r="N442488" s="10"/>
    </row>
    <row r="442489" spans="14:14">
      <c r="N442489" s="10"/>
    </row>
    <row r="442490" spans="14:14">
      <c r="N442490" s="10"/>
    </row>
    <row r="442491" spans="14:14">
      <c r="N442491" s="10"/>
    </row>
    <row r="442492" spans="14:14">
      <c r="N442492" s="10"/>
    </row>
    <row r="442493" spans="14:14">
      <c r="N442493" s="10"/>
    </row>
    <row r="442494" spans="14:14">
      <c r="N442494" s="10"/>
    </row>
    <row r="442495" spans="14:14">
      <c r="N442495" s="10"/>
    </row>
    <row r="442496" spans="14:14">
      <c r="N442496" s="10"/>
    </row>
    <row r="442497" spans="14:14">
      <c r="N442497" s="10"/>
    </row>
    <row r="442498" spans="14:14">
      <c r="N442498" s="10"/>
    </row>
    <row r="442499" spans="14:14">
      <c r="N442499" s="10"/>
    </row>
    <row r="442500" spans="14:14">
      <c r="N442500" s="10"/>
    </row>
    <row r="442501" spans="14:14">
      <c r="N442501" s="10"/>
    </row>
    <row r="442502" spans="14:14">
      <c r="N442502" s="10"/>
    </row>
    <row r="442503" spans="14:14">
      <c r="N442503" s="10"/>
    </row>
    <row r="442504" spans="14:14">
      <c r="N442504" s="10"/>
    </row>
    <row r="442505" spans="14:14">
      <c r="N442505" s="10"/>
    </row>
    <row r="442506" spans="14:14">
      <c r="N442506" s="10"/>
    </row>
    <row r="442507" spans="14:14">
      <c r="N442507" s="10"/>
    </row>
    <row r="442508" spans="14:14">
      <c r="N442508" s="10"/>
    </row>
    <row r="442509" spans="14:14">
      <c r="N442509" s="10"/>
    </row>
    <row r="442510" spans="14:14">
      <c r="N442510" s="10"/>
    </row>
    <row r="442511" spans="14:14">
      <c r="N442511" s="10"/>
    </row>
    <row r="442512" spans="14:14">
      <c r="N442512" s="10"/>
    </row>
    <row r="442513" spans="14:14">
      <c r="N442513" s="10"/>
    </row>
    <row r="442514" spans="14:14">
      <c r="N442514" s="10"/>
    </row>
    <row r="442515" spans="14:14">
      <c r="N442515" s="10"/>
    </row>
    <row r="442516" spans="14:14">
      <c r="N442516" s="10"/>
    </row>
    <row r="442517" spans="14:14">
      <c r="N442517" s="10"/>
    </row>
    <row r="442518" spans="14:14">
      <c r="N442518" s="10"/>
    </row>
    <row r="442519" spans="14:14">
      <c r="N442519" s="10"/>
    </row>
    <row r="442520" spans="14:14">
      <c r="N442520" s="10"/>
    </row>
    <row r="442521" spans="14:14">
      <c r="N442521" s="10"/>
    </row>
    <row r="442522" spans="14:14">
      <c r="N442522" s="10"/>
    </row>
    <row r="442523" spans="14:14">
      <c r="N442523" s="10"/>
    </row>
    <row r="442524" spans="14:14">
      <c r="N442524" s="10"/>
    </row>
    <row r="442525" spans="14:14">
      <c r="N442525" s="10"/>
    </row>
    <row r="442526" spans="14:14">
      <c r="N442526" s="10"/>
    </row>
    <row r="442527" spans="14:14">
      <c r="N442527" s="10"/>
    </row>
    <row r="442528" spans="14:14">
      <c r="N442528" s="10"/>
    </row>
    <row r="442529" spans="14:14">
      <c r="N442529" s="10"/>
    </row>
    <row r="442530" spans="14:14">
      <c r="N442530" s="10"/>
    </row>
    <row r="442531" spans="14:14">
      <c r="N442531" s="10"/>
    </row>
    <row r="442532" spans="14:14">
      <c r="N442532" s="10"/>
    </row>
    <row r="442533" spans="14:14">
      <c r="N442533" s="10"/>
    </row>
    <row r="442534" spans="14:14">
      <c r="N442534" s="10"/>
    </row>
    <row r="442535" spans="14:14">
      <c r="N442535" s="10"/>
    </row>
    <row r="442536" spans="14:14">
      <c r="N442536" s="10"/>
    </row>
    <row r="442537" spans="14:14">
      <c r="N442537" s="10"/>
    </row>
    <row r="442538" spans="14:14">
      <c r="N442538" s="10"/>
    </row>
    <row r="442539" spans="14:14">
      <c r="N442539" s="10"/>
    </row>
    <row r="442540" spans="14:14">
      <c r="N442540" s="10"/>
    </row>
    <row r="442541" spans="14:14">
      <c r="N442541" s="10"/>
    </row>
    <row r="442542" spans="14:14">
      <c r="N442542" s="10"/>
    </row>
    <row r="442543" spans="14:14">
      <c r="N442543" s="10"/>
    </row>
    <row r="442544" spans="14:14">
      <c r="N442544" s="10"/>
    </row>
    <row r="442545" spans="14:14">
      <c r="N442545" s="10"/>
    </row>
    <row r="442546" spans="14:14">
      <c r="N442546" s="10"/>
    </row>
    <row r="442547" spans="14:14">
      <c r="N442547" s="10"/>
    </row>
    <row r="442548" spans="14:14">
      <c r="N442548" s="10"/>
    </row>
    <row r="442549" spans="14:14">
      <c r="N442549" s="10"/>
    </row>
    <row r="442550" spans="14:14">
      <c r="N442550" s="10"/>
    </row>
    <row r="442551" spans="14:14">
      <c r="N442551" s="10"/>
    </row>
    <row r="442552" spans="14:14">
      <c r="N442552" s="10"/>
    </row>
    <row r="442553" spans="14:14">
      <c r="N442553" s="10"/>
    </row>
    <row r="442554" spans="14:14">
      <c r="N442554" s="10"/>
    </row>
    <row r="442555" spans="14:14">
      <c r="N442555" s="10"/>
    </row>
    <row r="442556" spans="14:14">
      <c r="N442556" s="10"/>
    </row>
    <row r="442557" spans="14:14">
      <c r="N442557" s="10"/>
    </row>
    <row r="442558" spans="14:14">
      <c r="N442558" s="10"/>
    </row>
    <row r="442559" spans="14:14">
      <c r="N442559" s="10"/>
    </row>
    <row r="442560" spans="14:14">
      <c r="N442560" s="10"/>
    </row>
    <row r="442561" spans="14:14">
      <c r="N442561" s="10"/>
    </row>
    <row r="442562" spans="14:14">
      <c r="N442562" s="10"/>
    </row>
    <row r="442563" spans="14:14">
      <c r="N442563" s="10"/>
    </row>
    <row r="442564" spans="14:14">
      <c r="N442564" s="10"/>
    </row>
    <row r="442565" spans="14:14">
      <c r="N442565" s="10"/>
    </row>
    <row r="442566" spans="14:14">
      <c r="N442566" s="10"/>
    </row>
    <row r="442567" spans="14:14">
      <c r="N442567" s="10"/>
    </row>
    <row r="442568" spans="14:14">
      <c r="N442568" s="10"/>
    </row>
    <row r="442569" spans="14:14">
      <c r="N442569" s="10"/>
    </row>
    <row r="442570" spans="14:14">
      <c r="N442570" s="10"/>
    </row>
    <row r="442571" spans="14:14">
      <c r="N442571" s="10"/>
    </row>
    <row r="442572" spans="14:14">
      <c r="N442572" s="10"/>
    </row>
    <row r="442573" spans="14:14">
      <c r="N442573" s="10"/>
    </row>
    <row r="442574" spans="14:14">
      <c r="N442574" s="10"/>
    </row>
    <row r="442575" spans="14:14">
      <c r="N442575" s="10"/>
    </row>
    <row r="442576" spans="14:14">
      <c r="N442576" s="10"/>
    </row>
    <row r="442577" spans="14:14">
      <c r="N442577" s="10"/>
    </row>
    <row r="442578" spans="14:14">
      <c r="N442578" s="10"/>
    </row>
    <row r="442579" spans="14:14">
      <c r="N442579" s="10"/>
    </row>
    <row r="442580" spans="14:14">
      <c r="N442580" s="10"/>
    </row>
    <row r="442581" spans="14:14">
      <c r="N442581" s="10"/>
    </row>
    <row r="442582" spans="14:14">
      <c r="N442582" s="10"/>
    </row>
    <row r="442583" spans="14:14">
      <c r="N442583" s="10"/>
    </row>
    <row r="442584" spans="14:14">
      <c r="N442584" s="10"/>
    </row>
    <row r="442585" spans="14:14">
      <c r="N442585" s="10"/>
    </row>
    <row r="442586" spans="14:14">
      <c r="N442586" s="10"/>
    </row>
    <row r="442587" spans="14:14">
      <c r="N442587" s="10"/>
    </row>
    <row r="442588" spans="14:14">
      <c r="N442588" s="10"/>
    </row>
    <row r="442589" spans="14:14">
      <c r="N442589" s="10"/>
    </row>
    <row r="442590" spans="14:14">
      <c r="N442590" s="10"/>
    </row>
    <row r="442591" spans="14:14">
      <c r="N442591" s="10"/>
    </row>
    <row r="442592" spans="14:14">
      <c r="N442592" s="10"/>
    </row>
    <row r="442593" spans="14:14">
      <c r="N442593" s="10"/>
    </row>
    <row r="442594" spans="14:14">
      <c r="N442594" s="10"/>
    </row>
    <row r="442595" spans="14:14">
      <c r="N442595" s="10"/>
    </row>
    <row r="442596" spans="14:14">
      <c r="N442596" s="10"/>
    </row>
    <row r="442597" spans="14:14">
      <c r="N442597" s="10"/>
    </row>
    <row r="442598" spans="14:14">
      <c r="N442598" s="10"/>
    </row>
    <row r="442599" spans="14:14">
      <c r="N442599" s="10"/>
    </row>
    <row r="442600" spans="14:14">
      <c r="N442600" s="10"/>
    </row>
    <row r="442601" spans="14:14">
      <c r="N442601" s="10"/>
    </row>
    <row r="442602" spans="14:14">
      <c r="N442602" s="10"/>
    </row>
    <row r="442603" spans="14:14">
      <c r="N442603" s="10"/>
    </row>
    <row r="442604" spans="14:14">
      <c r="N442604" s="10"/>
    </row>
    <row r="442605" spans="14:14">
      <c r="N442605" s="10"/>
    </row>
    <row r="442606" spans="14:14">
      <c r="N442606" s="10"/>
    </row>
    <row r="442607" spans="14:14">
      <c r="N442607" s="10"/>
    </row>
    <row r="442608" spans="14:14">
      <c r="N442608" s="10"/>
    </row>
    <row r="442609" spans="14:14">
      <c r="N442609" s="10"/>
    </row>
    <row r="442610" spans="14:14">
      <c r="N442610" s="10"/>
    </row>
    <row r="442611" spans="14:14">
      <c r="N442611" s="10"/>
    </row>
    <row r="442612" spans="14:14">
      <c r="N442612" s="10"/>
    </row>
    <row r="442613" spans="14:14">
      <c r="N442613" s="10"/>
    </row>
    <row r="442614" spans="14:14">
      <c r="N442614" s="10"/>
    </row>
    <row r="442615" spans="14:14">
      <c r="N442615" s="10"/>
    </row>
    <row r="442616" spans="14:14">
      <c r="N442616" s="10"/>
    </row>
    <row r="442617" spans="14:14">
      <c r="N442617" s="10"/>
    </row>
    <row r="442618" spans="14:14">
      <c r="N442618" s="10"/>
    </row>
    <row r="442619" spans="14:14">
      <c r="N442619" s="10"/>
    </row>
    <row r="442620" spans="14:14">
      <c r="N442620" s="10"/>
    </row>
    <row r="442621" spans="14:14">
      <c r="N442621" s="10"/>
    </row>
    <row r="442622" spans="14:14">
      <c r="N442622" s="10"/>
    </row>
    <row r="442623" spans="14:14">
      <c r="N442623" s="10"/>
    </row>
    <row r="442624" spans="14:14">
      <c r="N442624" s="10"/>
    </row>
    <row r="442625" spans="14:14">
      <c r="N442625" s="10"/>
    </row>
    <row r="442626" spans="14:14">
      <c r="N442626" s="10"/>
    </row>
    <row r="442627" spans="14:14">
      <c r="N442627" s="10"/>
    </row>
    <row r="442628" spans="14:14">
      <c r="N442628" s="10"/>
    </row>
    <row r="442629" spans="14:14">
      <c r="N442629" s="10"/>
    </row>
    <row r="442630" spans="14:14">
      <c r="N442630" s="10"/>
    </row>
    <row r="442631" spans="14:14">
      <c r="N442631" s="10"/>
    </row>
    <row r="442632" spans="14:14">
      <c r="N442632" s="10"/>
    </row>
    <row r="442633" spans="14:14">
      <c r="N442633" s="10"/>
    </row>
    <row r="442634" spans="14:14">
      <c r="N442634" s="10"/>
    </row>
    <row r="442635" spans="14:14">
      <c r="N442635" s="10"/>
    </row>
    <row r="442636" spans="14:14">
      <c r="N442636" s="10"/>
    </row>
    <row r="442637" spans="14:14">
      <c r="N442637" s="10"/>
    </row>
    <row r="442638" spans="14:14">
      <c r="N442638" s="10"/>
    </row>
    <row r="442639" spans="14:14">
      <c r="N442639" s="10"/>
    </row>
    <row r="442640" spans="14:14">
      <c r="N442640" s="10"/>
    </row>
    <row r="442641" spans="14:14">
      <c r="N442641" s="10"/>
    </row>
    <row r="442642" spans="14:14">
      <c r="N442642" s="10"/>
    </row>
    <row r="442643" spans="14:14">
      <c r="N442643" s="10"/>
    </row>
    <row r="442644" spans="14:14">
      <c r="N442644" s="10"/>
    </row>
    <row r="442645" spans="14:14">
      <c r="N442645" s="10"/>
    </row>
    <row r="442646" spans="14:14">
      <c r="N442646" s="10"/>
    </row>
    <row r="442647" spans="14:14">
      <c r="N442647" s="10"/>
    </row>
    <row r="442648" spans="14:14">
      <c r="N442648" s="10"/>
    </row>
    <row r="442649" spans="14:14">
      <c r="N442649" s="10"/>
    </row>
    <row r="442650" spans="14:14">
      <c r="N442650" s="10"/>
    </row>
    <row r="442651" spans="14:14">
      <c r="N442651" s="10"/>
    </row>
    <row r="442652" spans="14:14">
      <c r="N442652" s="10"/>
    </row>
    <row r="442653" spans="14:14">
      <c r="N442653" s="10"/>
    </row>
    <row r="442654" spans="14:14">
      <c r="N442654" s="10"/>
    </row>
    <row r="442655" spans="14:14">
      <c r="N442655" s="10"/>
    </row>
    <row r="442656" spans="14:14">
      <c r="N442656" s="10"/>
    </row>
    <row r="442657" spans="14:14">
      <c r="N442657" s="10"/>
    </row>
    <row r="442658" spans="14:14">
      <c r="N442658" s="10"/>
    </row>
    <row r="442659" spans="14:14">
      <c r="N442659" s="10"/>
    </row>
    <row r="442660" spans="14:14">
      <c r="N442660" s="10"/>
    </row>
    <row r="442661" spans="14:14">
      <c r="N442661" s="10"/>
    </row>
    <row r="442662" spans="14:14">
      <c r="N442662" s="10"/>
    </row>
    <row r="442663" spans="14:14">
      <c r="N442663" s="10"/>
    </row>
    <row r="442664" spans="14:14">
      <c r="N442664" s="10"/>
    </row>
    <row r="442665" spans="14:14">
      <c r="N442665" s="10"/>
    </row>
    <row r="442666" spans="14:14">
      <c r="N442666" s="10"/>
    </row>
    <row r="442667" spans="14:14">
      <c r="N442667" s="10"/>
    </row>
    <row r="442668" spans="14:14">
      <c r="N442668" s="10"/>
    </row>
    <row r="442669" spans="14:14">
      <c r="N442669" s="10"/>
    </row>
    <row r="442670" spans="14:14">
      <c r="N442670" s="10"/>
    </row>
    <row r="442671" spans="14:14">
      <c r="N442671" s="10"/>
    </row>
    <row r="442672" spans="14:14">
      <c r="N442672" s="10"/>
    </row>
    <row r="442673" spans="14:14">
      <c r="N442673" s="10"/>
    </row>
    <row r="442674" spans="14:14">
      <c r="N442674" s="10"/>
    </row>
    <row r="442675" spans="14:14">
      <c r="N442675" s="10"/>
    </row>
    <row r="442676" spans="14:14">
      <c r="N442676" s="10"/>
    </row>
    <row r="442677" spans="14:14">
      <c r="N442677" s="10"/>
    </row>
    <row r="442678" spans="14:14">
      <c r="N442678" s="10"/>
    </row>
    <row r="442679" spans="14:14">
      <c r="N442679" s="10"/>
    </row>
    <row r="442680" spans="14:14">
      <c r="N442680" s="10"/>
    </row>
    <row r="442681" spans="14:14">
      <c r="N442681" s="10"/>
    </row>
    <row r="442682" spans="14:14">
      <c r="N442682" s="10"/>
    </row>
    <row r="442683" spans="14:14">
      <c r="N442683" s="10"/>
    </row>
    <row r="442684" spans="14:14">
      <c r="N442684" s="10"/>
    </row>
    <row r="442685" spans="14:14">
      <c r="N442685" s="10"/>
    </row>
    <row r="442686" spans="14:14">
      <c r="N442686" s="10"/>
    </row>
    <row r="442687" spans="14:14">
      <c r="N442687" s="10"/>
    </row>
    <row r="442688" spans="14:14">
      <c r="N442688" s="10"/>
    </row>
    <row r="442689" spans="14:14">
      <c r="N442689" s="10"/>
    </row>
    <row r="442690" spans="14:14">
      <c r="N442690" s="10"/>
    </row>
    <row r="442691" spans="14:14">
      <c r="N442691" s="10"/>
    </row>
    <row r="442692" spans="14:14">
      <c r="N442692" s="10"/>
    </row>
    <row r="442693" spans="14:14">
      <c r="N442693" s="10"/>
    </row>
    <row r="442694" spans="14:14">
      <c r="N442694" s="10"/>
    </row>
    <row r="442695" spans="14:14">
      <c r="N442695" s="10"/>
    </row>
    <row r="442696" spans="14:14">
      <c r="N442696" s="10"/>
    </row>
    <row r="442697" spans="14:14">
      <c r="N442697" s="10"/>
    </row>
    <row r="442698" spans="14:14">
      <c r="N442698" s="10"/>
    </row>
    <row r="442699" spans="14:14">
      <c r="N442699" s="10"/>
    </row>
    <row r="442700" spans="14:14">
      <c r="N442700" s="10"/>
    </row>
    <row r="442701" spans="14:14">
      <c r="N442701" s="10"/>
    </row>
    <row r="442702" spans="14:14">
      <c r="N442702" s="10"/>
    </row>
    <row r="442703" spans="14:14">
      <c r="N442703" s="10"/>
    </row>
    <row r="442704" spans="14:14">
      <c r="N442704" s="10"/>
    </row>
    <row r="442705" spans="14:14">
      <c r="N442705" s="10"/>
    </row>
    <row r="442706" spans="14:14">
      <c r="N442706" s="10"/>
    </row>
    <row r="442707" spans="14:14">
      <c r="N442707" s="10"/>
    </row>
    <row r="442708" spans="14:14">
      <c r="N442708" s="10"/>
    </row>
    <row r="442709" spans="14:14">
      <c r="N442709" s="10"/>
    </row>
    <row r="442710" spans="14:14">
      <c r="N442710" s="10"/>
    </row>
    <row r="442711" spans="14:14">
      <c r="N442711" s="10"/>
    </row>
    <row r="442712" spans="14:14">
      <c r="N442712" s="10"/>
    </row>
    <row r="442713" spans="14:14">
      <c r="N442713" s="10"/>
    </row>
    <row r="442714" spans="14:14">
      <c r="N442714" s="10"/>
    </row>
    <row r="442715" spans="14:14">
      <c r="N442715" s="10"/>
    </row>
    <row r="442716" spans="14:14">
      <c r="N442716" s="10"/>
    </row>
    <row r="442717" spans="14:14">
      <c r="N442717" s="10"/>
    </row>
    <row r="442718" spans="14:14">
      <c r="N442718" s="10"/>
    </row>
    <row r="442719" spans="14:14">
      <c r="N442719" s="10"/>
    </row>
    <row r="442720" spans="14:14">
      <c r="N442720" s="10"/>
    </row>
    <row r="442721" spans="14:14">
      <c r="N442721" s="10"/>
    </row>
    <row r="442722" spans="14:14">
      <c r="N442722" s="10"/>
    </row>
    <row r="442723" spans="14:14">
      <c r="N442723" s="10"/>
    </row>
    <row r="442724" spans="14:14">
      <c r="N442724" s="10"/>
    </row>
    <row r="442725" spans="14:14">
      <c r="N442725" s="10"/>
    </row>
    <row r="442726" spans="14:14">
      <c r="N442726" s="10"/>
    </row>
    <row r="442727" spans="14:14">
      <c r="N442727" s="10"/>
    </row>
    <row r="442728" spans="14:14">
      <c r="N442728" s="10"/>
    </row>
    <row r="442729" spans="14:14">
      <c r="N442729" s="10"/>
    </row>
    <row r="442730" spans="14:14">
      <c r="N442730" s="10"/>
    </row>
    <row r="442731" spans="14:14">
      <c r="N442731" s="10"/>
    </row>
    <row r="442732" spans="14:14">
      <c r="N442732" s="10"/>
    </row>
    <row r="442733" spans="14:14">
      <c r="N442733" s="10"/>
    </row>
    <row r="442734" spans="14:14">
      <c r="N442734" s="10"/>
    </row>
    <row r="442735" spans="14:14">
      <c r="N442735" s="10"/>
    </row>
    <row r="442736" spans="14:14">
      <c r="N442736" s="10"/>
    </row>
    <row r="442737" spans="14:14">
      <c r="N442737" s="10"/>
    </row>
    <row r="442738" spans="14:14">
      <c r="N442738" s="10"/>
    </row>
    <row r="442739" spans="14:14">
      <c r="N442739" s="10"/>
    </row>
    <row r="442740" spans="14:14">
      <c r="N442740" s="10"/>
    </row>
    <row r="442741" spans="14:14">
      <c r="N442741" s="10"/>
    </row>
    <row r="442742" spans="14:14">
      <c r="N442742" s="10"/>
    </row>
    <row r="442743" spans="14:14">
      <c r="N442743" s="10"/>
    </row>
    <row r="442744" spans="14:14">
      <c r="N442744" s="10"/>
    </row>
    <row r="442745" spans="14:14">
      <c r="N442745" s="10"/>
    </row>
    <row r="442746" spans="14:14">
      <c r="N442746" s="10"/>
    </row>
    <row r="442747" spans="14:14">
      <c r="N442747" s="10"/>
    </row>
    <row r="442748" spans="14:14">
      <c r="N442748" s="10"/>
    </row>
    <row r="442749" spans="14:14">
      <c r="N442749" s="10"/>
    </row>
    <row r="442750" spans="14:14">
      <c r="N442750" s="10"/>
    </row>
    <row r="442751" spans="14:14">
      <c r="N442751" s="10"/>
    </row>
    <row r="442752" spans="14:14">
      <c r="N442752" s="10"/>
    </row>
    <row r="442753" spans="14:14">
      <c r="N442753" s="10"/>
    </row>
    <row r="442754" spans="14:14">
      <c r="N442754" s="10"/>
    </row>
    <row r="442755" spans="14:14">
      <c r="N442755" s="10"/>
    </row>
    <row r="442756" spans="14:14">
      <c r="N442756" s="10"/>
    </row>
    <row r="442757" spans="14:14">
      <c r="N442757" s="10"/>
    </row>
    <row r="442758" spans="14:14">
      <c r="N442758" s="10"/>
    </row>
    <row r="442759" spans="14:14">
      <c r="N442759" s="10"/>
    </row>
    <row r="442760" spans="14:14">
      <c r="N442760" s="10"/>
    </row>
    <row r="442761" spans="14:14">
      <c r="N442761" s="10"/>
    </row>
    <row r="442762" spans="14:14">
      <c r="N442762" s="10"/>
    </row>
    <row r="442763" spans="14:14">
      <c r="N442763" s="10"/>
    </row>
    <row r="442764" spans="14:14">
      <c r="N442764" s="10"/>
    </row>
    <row r="442765" spans="14:14">
      <c r="N442765" s="10"/>
    </row>
    <row r="442766" spans="14:14">
      <c r="N442766" s="10"/>
    </row>
    <row r="442767" spans="14:14">
      <c r="N442767" s="10"/>
    </row>
    <row r="442768" spans="14:14">
      <c r="N442768" s="10"/>
    </row>
    <row r="442769" spans="14:14">
      <c r="N442769" s="10"/>
    </row>
    <row r="442770" spans="14:14">
      <c r="N442770" s="10"/>
    </row>
    <row r="442771" spans="14:14">
      <c r="N442771" s="10"/>
    </row>
    <row r="442772" spans="14:14">
      <c r="N442772" s="10"/>
    </row>
    <row r="442773" spans="14:14">
      <c r="N442773" s="10"/>
    </row>
    <row r="442774" spans="14:14">
      <c r="N442774" s="10"/>
    </row>
    <row r="442775" spans="14:14">
      <c r="N442775" s="10"/>
    </row>
    <row r="442776" spans="14:14">
      <c r="N442776" s="10"/>
    </row>
    <row r="442777" spans="14:14">
      <c r="N442777" s="10"/>
    </row>
    <row r="442778" spans="14:14">
      <c r="N442778" s="10"/>
    </row>
    <row r="442779" spans="14:14">
      <c r="N442779" s="10"/>
    </row>
    <row r="442780" spans="14:14">
      <c r="N442780" s="10"/>
    </row>
    <row r="442781" spans="14:14">
      <c r="N442781" s="10"/>
    </row>
    <row r="442782" spans="14:14">
      <c r="N442782" s="10"/>
    </row>
    <row r="442783" spans="14:14">
      <c r="N442783" s="10"/>
    </row>
    <row r="442784" spans="14:14">
      <c r="N442784" s="10"/>
    </row>
    <row r="442785" spans="14:14">
      <c r="N442785" s="10"/>
    </row>
    <row r="442786" spans="14:14">
      <c r="N442786" s="10"/>
    </row>
    <row r="442787" spans="14:14">
      <c r="N442787" s="10"/>
    </row>
    <row r="442788" spans="14:14">
      <c r="N442788" s="10"/>
    </row>
    <row r="442789" spans="14:14">
      <c r="N442789" s="10"/>
    </row>
    <row r="442790" spans="14:14">
      <c r="N442790" s="10"/>
    </row>
    <row r="442791" spans="14:14">
      <c r="N442791" s="10"/>
    </row>
    <row r="442792" spans="14:14">
      <c r="N442792" s="10"/>
    </row>
    <row r="442793" spans="14:14">
      <c r="N442793" s="10"/>
    </row>
    <row r="442794" spans="14:14">
      <c r="N442794" s="10"/>
    </row>
    <row r="442795" spans="14:14">
      <c r="N442795" s="10"/>
    </row>
    <row r="442796" spans="14:14">
      <c r="N442796" s="10"/>
    </row>
    <row r="442797" spans="14:14">
      <c r="N442797" s="10"/>
    </row>
    <row r="442798" spans="14:14">
      <c r="N442798" s="10"/>
    </row>
    <row r="442799" spans="14:14">
      <c r="N442799" s="10"/>
    </row>
    <row r="442800" spans="14:14">
      <c r="N442800" s="10"/>
    </row>
    <row r="442801" spans="14:14">
      <c r="N442801" s="10"/>
    </row>
    <row r="442802" spans="14:14">
      <c r="N442802" s="10"/>
    </row>
    <row r="442803" spans="14:14">
      <c r="N442803" s="10"/>
    </row>
    <row r="442804" spans="14:14">
      <c r="N442804" s="10"/>
    </row>
    <row r="442805" spans="14:14">
      <c r="N442805" s="10"/>
    </row>
    <row r="442806" spans="14:14">
      <c r="N442806" s="10"/>
    </row>
    <row r="442807" spans="14:14">
      <c r="N442807" s="10"/>
    </row>
    <row r="442808" spans="14:14">
      <c r="N442808" s="10"/>
    </row>
    <row r="442809" spans="14:14">
      <c r="N442809" s="10"/>
    </row>
    <row r="442810" spans="14:14">
      <c r="N442810" s="10"/>
    </row>
    <row r="442811" spans="14:14">
      <c r="N442811" s="10"/>
    </row>
    <row r="442812" spans="14:14">
      <c r="N442812" s="10"/>
    </row>
    <row r="442813" spans="14:14">
      <c r="N442813" s="10"/>
    </row>
    <row r="442814" spans="14:14">
      <c r="N442814" s="10"/>
    </row>
    <row r="442815" spans="14:14">
      <c r="N442815" s="10"/>
    </row>
    <row r="442816" spans="14:14">
      <c r="N442816" s="10"/>
    </row>
    <row r="442817" spans="14:14">
      <c r="N442817" s="10"/>
    </row>
    <row r="442818" spans="14:14">
      <c r="N442818" s="10"/>
    </row>
    <row r="442819" spans="14:14">
      <c r="N442819" s="10"/>
    </row>
    <row r="442820" spans="14:14">
      <c r="N442820" s="10"/>
    </row>
    <row r="442821" spans="14:14">
      <c r="N442821" s="10"/>
    </row>
    <row r="442822" spans="14:14">
      <c r="N442822" s="10"/>
    </row>
    <row r="442823" spans="14:14">
      <c r="N442823" s="10"/>
    </row>
    <row r="442824" spans="14:14">
      <c r="N442824" s="10"/>
    </row>
    <row r="442825" spans="14:14">
      <c r="N442825" s="10"/>
    </row>
    <row r="442826" spans="14:14">
      <c r="N442826" s="10"/>
    </row>
    <row r="442827" spans="14:14">
      <c r="N442827" s="10"/>
    </row>
    <row r="442828" spans="14:14">
      <c r="N442828" s="10"/>
    </row>
    <row r="442829" spans="14:14">
      <c r="N442829" s="10"/>
    </row>
    <row r="442830" spans="14:14">
      <c r="N442830" s="10"/>
    </row>
    <row r="442831" spans="14:14">
      <c r="N442831" s="10"/>
    </row>
    <row r="442832" spans="14:14">
      <c r="N442832" s="10"/>
    </row>
    <row r="442833" spans="14:14">
      <c r="N442833" s="10"/>
    </row>
    <row r="442834" spans="14:14">
      <c r="N442834" s="10"/>
    </row>
    <row r="442835" spans="14:14">
      <c r="N442835" s="10"/>
    </row>
    <row r="442836" spans="14:14">
      <c r="N442836" s="10"/>
    </row>
    <row r="442837" spans="14:14">
      <c r="N442837" s="10"/>
    </row>
    <row r="442838" spans="14:14">
      <c r="N442838" s="10"/>
    </row>
    <row r="442839" spans="14:14">
      <c r="N442839" s="10"/>
    </row>
    <row r="442840" spans="14:14">
      <c r="N442840" s="10"/>
    </row>
    <row r="442841" spans="14:14">
      <c r="N442841" s="10"/>
    </row>
    <row r="442842" spans="14:14">
      <c r="N442842" s="10"/>
    </row>
    <row r="442843" spans="14:14">
      <c r="N442843" s="10"/>
    </row>
    <row r="442844" spans="14:14">
      <c r="N442844" s="10"/>
    </row>
    <row r="442845" spans="14:14">
      <c r="N442845" s="10"/>
    </row>
    <row r="442846" spans="14:14">
      <c r="N442846" s="10"/>
    </row>
    <row r="442847" spans="14:14">
      <c r="N442847" s="10"/>
    </row>
    <row r="442848" spans="14:14">
      <c r="N442848" s="10"/>
    </row>
    <row r="442849" spans="14:14">
      <c r="N442849" s="10"/>
    </row>
    <row r="442850" spans="14:14">
      <c r="N442850" s="10"/>
    </row>
    <row r="442851" spans="14:14">
      <c r="N442851" s="10"/>
    </row>
    <row r="442852" spans="14:14">
      <c r="N442852" s="10"/>
    </row>
    <row r="442853" spans="14:14">
      <c r="N442853" s="10"/>
    </row>
    <row r="442854" spans="14:14">
      <c r="N442854" s="10"/>
    </row>
    <row r="442855" spans="14:14">
      <c r="N442855" s="10"/>
    </row>
    <row r="442856" spans="14:14">
      <c r="N442856" s="10"/>
    </row>
    <row r="442857" spans="14:14">
      <c r="N442857" s="10"/>
    </row>
    <row r="442858" spans="14:14">
      <c r="N442858" s="10"/>
    </row>
    <row r="442859" spans="14:14">
      <c r="N442859" s="10"/>
    </row>
    <row r="442860" spans="14:14">
      <c r="N442860" s="10"/>
    </row>
    <row r="442861" spans="14:14">
      <c r="N442861" s="10"/>
    </row>
    <row r="442862" spans="14:14">
      <c r="N442862" s="10"/>
    </row>
    <row r="442863" spans="14:14">
      <c r="N442863" s="10"/>
    </row>
    <row r="442864" spans="14:14">
      <c r="N442864" s="10"/>
    </row>
    <row r="442865" spans="14:14">
      <c r="N442865" s="10"/>
    </row>
    <row r="442866" spans="14:14">
      <c r="N442866" s="10"/>
    </row>
    <row r="442867" spans="14:14">
      <c r="N442867" s="10"/>
    </row>
    <row r="442868" spans="14:14">
      <c r="N442868" s="10"/>
    </row>
    <row r="442869" spans="14:14">
      <c r="N442869" s="10"/>
    </row>
    <row r="442870" spans="14:14">
      <c r="N442870" s="10"/>
    </row>
    <row r="442871" spans="14:14">
      <c r="N442871" s="10"/>
    </row>
    <row r="442872" spans="14:14">
      <c r="N442872" s="10"/>
    </row>
    <row r="442873" spans="14:14">
      <c r="N442873" s="10"/>
    </row>
    <row r="442874" spans="14:14">
      <c r="N442874" s="10"/>
    </row>
    <row r="442875" spans="14:14">
      <c r="N442875" s="10"/>
    </row>
    <row r="442876" spans="14:14">
      <c r="N442876" s="10"/>
    </row>
    <row r="442877" spans="14:14">
      <c r="N442877" s="10"/>
    </row>
    <row r="442878" spans="14:14">
      <c r="N442878" s="10"/>
    </row>
    <row r="442879" spans="14:14">
      <c r="N442879" s="10"/>
    </row>
    <row r="442880" spans="14:14">
      <c r="N442880" s="10"/>
    </row>
    <row r="442881" spans="14:14">
      <c r="N442881" s="10"/>
    </row>
    <row r="442882" spans="14:14">
      <c r="N442882" s="10"/>
    </row>
    <row r="442883" spans="14:14">
      <c r="N442883" s="10"/>
    </row>
    <row r="442884" spans="14:14">
      <c r="N442884" s="10"/>
    </row>
    <row r="442885" spans="14:14">
      <c r="N442885" s="10"/>
    </row>
    <row r="442886" spans="14:14">
      <c r="N442886" s="10"/>
    </row>
    <row r="442887" spans="14:14">
      <c r="N442887" s="10"/>
    </row>
    <row r="442888" spans="14:14">
      <c r="N442888" s="10"/>
    </row>
    <row r="442889" spans="14:14">
      <c r="N442889" s="10"/>
    </row>
    <row r="442890" spans="14:14">
      <c r="N442890" s="10"/>
    </row>
    <row r="442891" spans="14:14">
      <c r="N442891" s="10"/>
    </row>
    <row r="442892" spans="14:14">
      <c r="N442892" s="10"/>
    </row>
    <row r="442893" spans="14:14">
      <c r="N442893" s="10"/>
    </row>
    <row r="442894" spans="14:14">
      <c r="N442894" s="10"/>
    </row>
    <row r="442895" spans="14:14">
      <c r="N442895" s="10"/>
    </row>
    <row r="442896" spans="14:14">
      <c r="N442896" s="10"/>
    </row>
    <row r="442897" spans="14:14">
      <c r="N442897" s="10"/>
    </row>
    <row r="442898" spans="14:14">
      <c r="N442898" s="10"/>
    </row>
    <row r="442899" spans="14:14">
      <c r="N442899" s="10"/>
    </row>
    <row r="442900" spans="14:14">
      <c r="N442900" s="10"/>
    </row>
    <row r="442901" spans="14:14">
      <c r="N442901" s="10"/>
    </row>
    <row r="442902" spans="14:14">
      <c r="N442902" s="10"/>
    </row>
    <row r="442903" spans="14:14">
      <c r="N442903" s="10"/>
    </row>
    <row r="442904" spans="14:14">
      <c r="N442904" s="10"/>
    </row>
    <row r="442905" spans="14:14">
      <c r="N442905" s="10"/>
    </row>
    <row r="442906" spans="14:14">
      <c r="N442906" s="10"/>
    </row>
    <row r="442907" spans="14:14">
      <c r="N442907" s="10"/>
    </row>
    <row r="442908" spans="14:14">
      <c r="N442908" s="10"/>
    </row>
    <row r="442909" spans="14:14">
      <c r="N442909" s="10"/>
    </row>
    <row r="442910" spans="14:14">
      <c r="N442910" s="10"/>
    </row>
    <row r="442911" spans="14:14">
      <c r="N442911" s="10"/>
    </row>
    <row r="442912" spans="14:14">
      <c r="N442912" s="10"/>
    </row>
    <row r="442913" spans="14:14">
      <c r="N442913" s="10"/>
    </row>
    <row r="442914" spans="14:14">
      <c r="N442914" s="10"/>
    </row>
    <row r="442915" spans="14:14">
      <c r="N442915" s="10"/>
    </row>
    <row r="442916" spans="14:14">
      <c r="N442916" s="10"/>
    </row>
    <row r="442917" spans="14:14">
      <c r="N442917" s="10"/>
    </row>
    <row r="442918" spans="14:14">
      <c r="N442918" s="10"/>
    </row>
    <row r="442919" spans="14:14">
      <c r="N442919" s="10"/>
    </row>
    <row r="442920" spans="14:14">
      <c r="N442920" s="10"/>
    </row>
    <row r="442921" spans="14:14">
      <c r="N442921" s="10"/>
    </row>
    <row r="442922" spans="14:14">
      <c r="N442922" s="10"/>
    </row>
    <row r="442923" spans="14:14">
      <c r="N442923" s="10"/>
    </row>
    <row r="442924" spans="14:14">
      <c r="N442924" s="10"/>
    </row>
    <row r="442925" spans="14:14">
      <c r="N442925" s="10"/>
    </row>
    <row r="442926" spans="14:14">
      <c r="N442926" s="10"/>
    </row>
    <row r="442927" spans="14:14">
      <c r="N442927" s="10"/>
    </row>
    <row r="442928" spans="14:14">
      <c r="N442928" s="10"/>
    </row>
    <row r="442929" spans="14:14">
      <c r="N442929" s="10"/>
    </row>
    <row r="442930" spans="14:14">
      <c r="N442930" s="10"/>
    </row>
    <row r="442931" spans="14:14">
      <c r="N442931" s="10"/>
    </row>
    <row r="442932" spans="14:14">
      <c r="N442932" s="10"/>
    </row>
    <row r="442933" spans="14:14">
      <c r="N442933" s="10"/>
    </row>
    <row r="442934" spans="14:14">
      <c r="N442934" s="10"/>
    </row>
    <row r="442935" spans="14:14">
      <c r="N442935" s="10"/>
    </row>
    <row r="442936" spans="14:14">
      <c r="N442936" s="10"/>
    </row>
    <row r="442937" spans="14:14">
      <c r="N442937" s="10"/>
    </row>
    <row r="442938" spans="14:14">
      <c r="N442938" s="10"/>
    </row>
    <row r="442939" spans="14:14">
      <c r="N442939" s="10"/>
    </row>
    <row r="442940" spans="14:14">
      <c r="N442940" s="10"/>
    </row>
    <row r="442941" spans="14:14">
      <c r="N442941" s="10"/>
    </row>
    <row r="442942" spans="14:14">
      <c r="N442942" s="10"/>
    </row>
    <row r="442943" spans="14:14">
      <c r="N442943" s="10"/>
    </row>
    <row r="442944" spans="14:14">
      <c r="N442944" s="10"/>
    </row>
    <row r="442945" spans="14:14">
      <c r="N442945" s="10"/>
    </row>
    <row r="442946" spans="14:14">
      <c r="N442946" s="10"/>
    </row>
    <row r="442947" spans="14:14">
      <c r="N442947" s="10"/>
    </row>
    <row r="442948" spans="14:14">
      <c r="N442948" s="10"/>
    </row>
    <row r="442949" spans="14:14">
      <c r="N442949" s="10"/>
    </row>
    <row r="442950" spans="14:14">
      <c r="N442950" s="10"/>
    </row>
    <row r="442951" spans="14:14">
      <c r="N442951" s="10"/>
    </row>
    <row r="442952" spans="14:14">
      <c r="N442952" s="10"/>
    </row>
    <row r="442953" spans="14:14">
      <c r="N442953" s="10"/>
    </row>
    <row r="442954" spans="14:14">
      <c r="N442954" s="10"/>
    </row>
    <row r="442955" spans="14:14">
      <c r="N442955" s="10"/>
    </row>
    <row r="442956" spans="14:14">
      <c r="N442956" s="10"/>
    </row>
    <row r="442957" spans="14:14">
      <c r="N442957" s="10"/>
    </row>
    <row r="442958" spans="14:14">
      <c r="N442958" s="10"/>
    </row>
    <row r="442959" spans="14:14">
      <c r="N442959" s="10"/>
    </row>
    <row r="442960" spans="14:14">
      <c r="N442960" s="10"/>
    </row>
    <row r="442961" spans="14:14">
      <c r="N442961" s="10"/>
    </row>
    <row r="442962" spans="14:14">
      <c r="N442962" s="10"/>
    </row>
    <row r="442963" spans="14:14">
      <c r="N442963" s="10"/>
    </row>
    <row r="442964" spans="14:14">
      <c r="N442964" s="10"/>
    </row>
    <row r="442965" spans="14:14">
      <c r="N442965" s="10"/>
    </row>
    <row r="442966" spans="14:14">
      <c r="N442966" s="10"/>
    </row>
    <row r="442967" spans="14:14">
      <c r="N442967" s="10"/>
    </row>
    <row r="442968" spans="14:14">
      <c r="N442968" s="10"/>
    </row>
    <row r="442969" spans="14:14">
      <c r="N442969" s="10"/>
    </row>
    <row r="442970" spans="14:14">
      <c r="N442970" s="10"/>
    </row>
    <row r="442971" spans="14:14">
      <c r="N442971" s="10"/>
    </row>
    <row r="442972" spans="14:14">
      <c r="N442972" s="10"/>
    </row>
    <row r="442973" spans="14:14">
      <c r="N442973" s="10"/>
    </row>
    <row r="442974" spans="14:14">
      <c r="N442974" s="10"/>
    </row>
    <row r="442975" spans="14:14">
      <c r="N442975" s="10"/>
    </row>
    <row r="442976" spans="14:14">
      <c r="N442976" s="10"/>
    </row>
    <row r="442977" spans="14:14">
      <c r="N442977" s="10"/>
    </row>
    <row r="442978" spans="14:14">
      <c r="N442978" s="10"/>
    </row>
    <row r="442979" spans="14:14">
      <c r="N442979" s="10"/>
    </row>
    <row r="442980" spans="14:14">
      <c r="N442980" s="10"/>
    </row>
    <row r="442981" spans="14:14">
      <c r="N442981" s="10"/>
    </row>
    <row r="442982" spans="14:14">
      <c r="N442982" s="10"/>
    </row>
    <row r="442983" spans="14:14">
      <c r="N442983" s="10"/>
    </row>
    <row r="442984" spans="14:14">
      <c r="N442984" s="10"/>
    </row>
    <row r="442985" spans="14:14">
      <c r="N442985" s="10"/>
    </row>
    <row r="442986" spans="14:14">
      <c r="N442986" s="10"/>
    </row>
    <row r="442987" spans="14:14">
      <c r="N442987" s="10"/>
    </row>
    <row r="442988" spans="14:14">
      <c r="N442988" s="10"/>
    </row>
    <row r="442989" spans="14:14">
      <c r="N442989" s="10"/>
    </row>
    <row r="442990" spans="14:14">
      <c r="N442990" s="10"/>
    </row>
    <row r="442991" spans="14:14">
      <c r="N442991" s="10"/>
    </row>
    <row r="442992" spans="14:14">
      <c r="N442992" s="10"/>
    </row>
    <row r="442993" spans="14:14">
      <c r="N442993" s="10"/>
    </row>
    <row r="442994" spans="14:14">
      <c r="N442994" s="10"/>
    </row>
    <row r="442995" spans="14:14">
      <c r="N442995" s="10"/>
    </row>
    <row r="442996" spans="14:14">
      <c r="N442996" s="10"/>
    </row>
    <row r="442997" spans="14:14">
      <c r="N442997" s="10"/>
    </row>
    <row r="442998" spans="14:14">
      <c r="N442998" s="10"/>
    </row>
    <row r="442999" spans="14:14">
      <c r="N442999" s="10"/>
    </row>
    <row r="443000" spans="14:14">
      <c r="N443000" s="10"/>
    </row>
    <row r="443001" spans="14:14">
      <c r="N443001" s="10"/>
    </row>
    <row r="443002" spans="14:14">
      <c r="N443002" s="10"/>
    </row>
    <row r="443003" spans="14:14">
      <c r="N443003" s="10"/>
    </row>
    <row r="443004" spans="14:14">
      <c r="N443004" s="10"/>
    </row>
    <row r="443005" spans="14:14">
      <c r="N443005" s="10"/>
    </row>
    <row r="443006" spans="14:14">
      <c r="N443006" s="10"/>
    </row>
    <row r="443007" spans="14:14">
      <c r="N443007" s="10"/>
    </row>
    <row r="443008" spans="14:14">
      <c r="N443008" s="10"/>
    </row>
    <row r="443009" spans="14:14">
      <c r="N443009" s="10"/>
    </row>
    <row r="443010" spans="14:14">
      <c r="N443010" s="10"/>
    </row>
    <row r="443011" spans="14:14">
      <c r="N443011" s="10"/>
    </row>
    <row r="443012" spans="14:14">
      <c r="N443012" s="10"/>
    </row>
    <row r="443013" spans="14:14">
      <c r="N443013" s="10"/>
    </row>
    <row r="443014" spans="14:14">
      <c r="N443014" s="10"/>
    </row>
    <row r="443015" spans="14:14">
      <c r="N443015" s="10"/>
    </row>
    <row r="443016" spans="14:14">
      <c r="N443016" s="10"/>
    </row>
    <row r="443017" spans="14:14">
      <c r="N443017" s="10"/>
    </row>
    <row r="443018" spans="14:14">
      <c r="N443018" s="10"/>
    </row>
    <row r="443019" spans="14:14">
      <c r="N443019" s="10"/>
    </row>
    <row r="443020" spans="14:14">
      <c r="N443020" s="10"/>
    </row>
    <row r="443021" spans="14:14">
      <c r="N443021" s="10"/>
    </row>
    <row r="443022" spans="14:14">
      <c r="N443022" s="10"/>
    </row>
    <row r="443023" spans="14:14">
      <c r="N443023" s="10"/>
    </row>
    <row r="443024" spans="14:14">
      <c r="N443024" s="10"/>
    </row>
    <row r="443025" spans="14:14">
      <c r="N443025" s="10"/>
    </row>
    <row r="443026" spans="14:14">
      <c r="N443026" s="10"/>
    </row>
    <row r="443027" spans="14:14">
      <c r="N443027" s="10"/>
    </row>
    <row r="443028" spans="14:14">
      <c r="N443028" s="10"/>
    </row>
    <row r="443029" spans="14:14">
      <c r="N443029" s="10"/>
    </row>
    <row r="443030" spans="14:14">
      <c r="N443030" s="10"/>
    </row>
    <row r="443031" spans="14:14">
      <c r="N443031" s="10"/>
    </row>
    <row r="443032" spans="14:14">
      <c r="N443032" s="10"/>
    </row>
    <row r="443033" spans="14:14">
      <c r="N443033" s="10"/>
    </row>
    <row r="443034" spans="14:14">
      <c r="N443034" s="10"/>
    </row>
    <row r="443035" spans="14:14">
      <c r="N443035" s="10"/>
    </row>
    <row r="443036" spans="14:14">
      <c r="N443036" s="10"/>
    </row>
    <row r="443037" spans="14:14">
      <c r="N443037" s="10"/>
    </row>
    <row r="443038" spans="14:14">
      <c r="N443038" s="10"/>
    </row>
    <row r="443039" spans="14:14">
      <c r="N443039" s="10"/>
    </row>
    <row r="443040" spans="14:14">
      <c r="N443040" s="10"/>
    </row>
    <row r="443041" spans="14:14">
      <c r="N443041" s="10"/>
    </row>
    <row r="443042" spans="14:14">
      <c r="N443042" s="10"/>
    </row>
    <row r="443043" spans="14:14">
      <c r="N443043" s="10"/>
    </row>
    <row r="443044" spans="14:14">
      <c r="N443044" s="10"/>
    </row>
    <row r="443045" spans="14:14">
      <c r="N443045" s="10"/>
    </row>
    <row r="443046" spans="14:14">
      <c r="N443046" s="10"/>
    </row>
    <row r="443047" spans="14:14">
      <c r="N443047" s="10"/>
    </row>
    <row r="443048" spans="14:14">
      <c r="N443048" s="10"/>
    </row>
    <row r="443049" spans="14:14">
      <c r="N443049" s="10"/>
    </row>
    <row r="443050" spans="14:14">
      <c r="N443050" s="10"/>
    </row>
    <row r="443051" spans="14:14">
      <c r="N443051" s="10"/>
    </row>
    <row r="443052" spans="14:14">
      <c r="N443052" s="10"/>
    </row>
    <row r="443053" spans="14:14">
      <c r="N443053" s="10"/>
    </row>
    <row r="443054" spans="14:14">
      <c r="N443054" s="10"/>
    </row>
    <row r="443055" spans="14:14">
      <c r="N443055" s="10"/>
    </row>
    <row r="443056" spans="14:14">
      <c r="N443056" s="10"/>
    </row>
    <row r="443057" spans="14:14">
      <c r="N443057" s="10"/>
    </row>
    <row r="443058" spans="14:14">
      <c r="N443058" s="10"/>
    </row>
    <row r="443059" spans="14:14">
      <c r="N443059" s="10"/>
    </row>
    <row r="443060" spans="14:14">
      <c r="N443060" s="10"/>
    </row>
    <row r="443061" spans="14:14">
      <c r="N443061" s="10"/>
    </row>
    <row r="443062" spans="14:14">
      <c r="N443062" s="10"/>
    </row>
    <row r="443063" spans="14:14">
      <c r="N443063" s="10"/>
    </row>
    <row r="443064" spans="14:14">
      <c r="N443064" s="10"/>
    </row>
    <row r="443065" spans="14:14">
      <c r="N443065" s="10"/>
    </row>
    <row r="443066" spans="14:14">
      <c r="N443066" s="10"/>
    </row>
    <row r="443067" spans="14:14">
      <c r="N443067" s="10"/>
    </row>
    <row r="443068" spans="14:14">
      <c r="N443068" s="10"/>
    </row>
    <row r="443069" spans="14:14">
      <c r="N443069" s="10"/>
    </row>
    <row r="443070" spans="14:14">
      <c r="N443070" s="10"/>
    </row>
    <row r="443071" spans="14:14">
      <c r="N443071" s="10"/>
    </row>
    <row r="443072" spans="14:14">
      <c r="N443072" s="10"/>
    </row>
    <row r="443073" spans="14:14">
      <c r="N443073" s="10"/>
    </row>
    <row r="443074" spans="14:14">
      <c r="N443074" s="10"/>
    </row>
    <row r="443075" spans="14:14">
      <c r="N443075" s="10"/>
    </row>
    <row r="443076" spans="14:14">
      <c r="N443076" s="10"/>
    </row>
    <row r="443077" spans="14:14">
      <c r="N443077" s="10"/>
    </row>
    <row r="443078" spans="14:14">
      <c r="N443078" s="10"/>
    </row>
    <row r="443079" spans="14:14">
      <c r="N443079" s="10"/>
    </row>
    <row r="443080" spans="14:14">
      <c r="N443080" s="10"/>
    </row>
    <row r="443081" spans="14:14">
      <c r="N443081" s="10"/>
    </row>
    <row r="443082" spans="14:14">
      <c r="N443082" s="10"/>
    </row>
    <row r="443083" spans="14:14">
      <c r="N443083" s="10"/>
    </row>
    <row r="443084" spans="14:14">
      <c r="N443084" s="10"/>
    </row>
    <row r="443085" spans="14:14">
      <c r="N443085" s="10"/>
    </row>
    <row r="443086" spans="14:14">
      <c r="N443086" s="10"/>
    </row>
    <row r="443087" spans="14:14">
      <c r="N443087" s="10"/>
    </row>
    <row r="443088" spans="14:14">
      <c r="N443088" s="10"/>
    </row>
    <row r="443089" spans="14:14">
      <c r="N443089" s="10"/>
    </row>
    <row r="443090" spans="14:14">
      <c r="N443090" s="10"/>
    </row>
    <row r="443091" spans="14:14">
      <c r="N443091" s="10"/>
    </row>
    <row r="443092" spans="14:14">
      <c r="N443092" s="10"/>
    </row>
    <row r="443093" spans="14:14">
      <c r="N443093" s="10"/>
    </row>
    <row r="443094" spans="14:14">
      <c r="N443094" s="10"/>
    </row>
    <row r="443095" spans="14:14">
      <c r="N443095" s="10"/>
    </row>
    <row r="443096" spans="14:14">
      <c r="N443096" s="10"/>
    </row>
    <row r="443097" spans="14:14">
      <c r="N443097" s="10"/>
    </row>
    <row r="443098" spans="14:14">
      <c r="N443098" s="10"/>
    </row>
    <row r="443099" spans="14:14">
      <c r="N443099" s="10"/>
    </row>
    <row r="443100" spans="14:14">
      <c r="N443100" s="10"/>
    </row>
    <row r="443101" spans="14:14">
      <c r="N443101" s="10"/>
    </row>
    <row r="443102" spans="14:14">
      <c r="N443102" s="10"/>
    </row>
    <row r="443103" spans="14:14">
      <c r="N443103" s="10"/>
    </row>
    <row r="443104" spans="14:14">
      <c r="N443104" s="10"/>
    </row>
    <row r="443105" spans="14:14">
      <c r="N443105" s="10"/>
    </row>
    <row r="443106" spans="14:14">
      <c r="N443106" s="10"/>
    </row>
    <row r="443107" spans="14:14">
      <c r="N443107" s="10"/>
    </row>
    <row r="443108" spans="14:14">
      <c r="N443108" s="10"/>
    </row>
    <row r="443109" spans="14:14">
      <c r="N443109" s="10"/>
    </row>
    <row r="443110" spans="14:14">
      <c r="N443110" s="10"/>
    </row>
    <row r="443111" spans="14:14">
      <c r="N443111" s="10"/>
    </row>
    <row r="443112" spans="14:14">
      <c r="N443112" s="10"/>
    </row>
    <row r="443113" spans="14:14">
      <c r="N443113" s="10"/>
    </row>
    <row r="443114" spans="14:14">
      <c r="N443114" s="10"/>
    </row>
    <row r="443115" spans="14:14">
      <c r="N443115" s="10"/>
    </row>
    <row r="443116" spans="14:14">
      <c r="N443116" s="10"/>
    </row>
    <row r="443117" spans="14:14">
      <c r="N443117" s="10"/>
    </row>
    <row r="443118" spans="14:14">
      <c r="N443118" s="10"/>
    </row>
    <row r="443119" spans="14:14">
      <c r="N443119" s="10"/>
    </row>
    <row r="443120" spans="14:14">
      <c r="N443120" s="10"/>
    </row>
    <row r="443121" spans="14:14">
      <c r="N443121" s="10"/>
    </row>
    <row r="443122" spans="14:14">
      <c r="N443122" s="10"/>
    </row>
    <row r="443123" spans="14:14">
      <c r="N443123" s="10"/>
    </row>
    <row r="443124" spans="14:14">
      <c r="N443124" s="10"/>
    </row>
    <row r="443125" spans="14:14">
      <c r="N443125" s="10"/>
    </row>
    <row r="443126" spans="14:14">
      <c r="N443126" s="10"/>
    </row>
    <row r="443127" spans="14:14">
      <c r="N443127" s="10"/>
    </row>
    <row r="443128" spans="14:14">
      <c r="N443128" s="10"/>
    </row>
    <row r="443129" spans="14:14">
      <c r="N443129" s="10"/>
    </row>
    <row r="443130" spans="14:14">
      <c r="N443130" s="10"/>
    </row>
    <row r="443131" spans="14:14">
      <c r="N443131" s="10"/>
    </row>
    <row r="443132" spans="14:14">
      <c r="N443132" s="10"/>
    </row>
    <row r="443133" spans="14:14">
      <c r="N443133" s="10"/>
    </row>
    <row r="443134" spans="14:14">
      <c r="N443134" s="10"/>
    </row>
    <row r="443135" spans="14:14">
      <c r="N443135" s="10"/>
    </row>
    <row r="443136" spans="14:14">
      <c r="N443136" s="10"/>
    </row>
    <row r="443137" spans="14:14">
      <c r="N443137" s="10"/>
    </row>
    <row r="443138" spans="14:14">
      <c r="N443138" s="10"/>
    </row>
    <row r="443139" spans="14:14">
      <c r="N443139" s="10"/>
    </row>
    <row r="443140" spans="14:14">
      <c r="N443140" s="10"/>
    </row>
    <row r="443141" spans="14:14">
      <c r="N443141" s="10"/>
    </row>
    <row r="443142" spans="14:14">
      <c r="N443142" s="10"/>
    </row>
    <row r="443143" spans="14:14">
      <c r="N443143" s="10"/>
    </row>
    <row r="443144" spans="14:14">
      <c r="N443144" s="10"/>
    </row>
    <row r="443145" spans="14:14">
      <c r="N443145" s="10"/>
    </row>
    <row r="443146" spans="14:14">
      <c r="N443146" s="10"/>
    </row>
    <row r="443147" spans="14:14">
      <c r="N443147" s="10"/>
    </row>
    <row r="443148" spans="14:14">
      <c r="N443148" s="10"/>
    </row>
    <row r="443149" spans="14:14">
      <c r="N443149" s="10"/>
    </row>
    <row r="443150" spans="14:14">
      <c r="N443150" s="10"/>
    </row>
    <row r="443151" spans="14:14">
      <c r="N443151" s="10"/>
    </row>
    <row r="443152" spans="14:14">
      <c r="N443152" s="10"/>
    </row>
    <row r="443153" spans="14:14">
      <c r="N443153" s="10"/>
    </row>
    <row r="443154" spans="14:14">
      <c r="N443154" s="10"/>
    </row>
    <row r="443155" spans="14:14">
      <c r="N443155" s="10"/>
    </row>
    <row r="443156" spans="14:14">
      <c r="N443156" s="10"/>
    </row>
    <row r="443157" spans="14:14">
      <c r="N443157" s="10"/>
    </row>
    <row r="443158" spans="14:14">
      <c r="N443158" s="10"/>
    </row>
    <row r="443159" spans="14:14">
      <c r="N443159" s="10"/>
    </row>
    <row r="443160" spans="14:14">
      <c r="N443160" s="10"/>
    </row>
    <row r="443161" spans="14:14">
      <c r="N443161" s="10"/>
    </row>
    <row r="443162" spans="14:14">
      <c r="N443162" s="10"/>
    </row>
    <row r="443163" spans="14:14">
      <c r="N443163" s="10"/>
    </row>
    <row r="443164" spans="14:14">
      <c r="N443164" s="10"/>
    </row>
    <row r="443165" spans="14:14">
      <c r="N443165" s="10"/>
    </row>
    <row r="443166" spans="14:14">
      <c r="N443166" s="10"/>
    </row>
    <row r="443167" spans="14:14">
      <c r="N443167" s="10"/>
    </row>
    <row r="443168" spans="14:14">
      <c r="N443168" s="10"/>
    </row>
    <row r="443169" spans="14:14">
      <c r="N443169" s="10"/>
    </row>
    <row r="443170" spans="14:14">
      <c r="N443170" s="10"/>
    </row>
    <row r="443171" spans="14:14">
      <c r="N443171" s="10"/>
    </row>
    <row r="443172" spans="14:14">
      <c r="N443172" s="10"/>
    </row>
    <row r="443173" spans="14:14">
      <c r="N443173" s="10"/>
    </row>
    <row r="443174" spans="14:14">
      <c r="N443174" s="10"/>
    </row>
    <row r="443175" spans="14:14">
      <c r="N443175" s="10"/>
    </row>
    <row r="443176" spans="14:14">
      <c r="N443176" s="10"/>
    </row>
    <row r="443177" spans="14:14">
      <c r="N443177" s="10"/>
    </row>
    <row r="443178" spans="14:14">
      <c r="N443178" s="10"/>
    </row>
    <row r="443179" spans="14:14">
      <c r="N443179" s="10"/>
    </row>
    <row r="443180" spans="14:14">
      <c r="N443180" s="10"/>
    </row>
    <row r="443181" spans="14:14">
      <c r="N443181" s="10"/>
    </row>
    <row r="443182" spans="14:14">
      <c r="N443182" s="10"/>
    </row>
    <row r="443183" spans="14:14">
      <c r="N443183" s="10"/>
    </row>
    <row r="443184" spans="14:14">
      <c r="N443184" s="10"/>
    </row>
    <row r="443185" spans="14:14">
      <c r="N443185" s="10"/>
    </row>
    <row r="443186" spans="14:14">
      <c r="N443186" s="10"/>
    </row>
    <row r="443187" spans="14:14">
      <c r="N443187" s="10"/>
    </row>
    <row r="443188" spans="14:14">
      <c r="N443188" s="10"/>
    </row>
    <row r="443189" spans="14:14">
      <c r="N443189" s="10"/>
    </row>
    <row r="443190" spans="14:14">
      <c r="N443190" s="10"/>
    </row>
    <row r="443191" spans="14:14">
      <c r="N443191" s="10"/>
    </row>
    <row r="443192" spans="14:14">
      <c r="N443192" s="10"/>
    </row>
    <row r="443193" spans="14:14">
      <c r="N443193" s="10"/>
    </row>
    <row r="443194" spans="14:14">
      <c r="N443194" s="10"/>
    </row>
    <row r="443195" spans="14:14">
      <c r="N443195" s="10"/>
    </row>
    <row r="443196" spans="14:14">
      <c r="N443196" s="10"/>
    </row>
    <row r="443197" spans="14:14">
      <c r="N443197" s="10"/>
    </row>
    <row r="443198" spans="14:14">
      <c r="N443198" s="10"/>
    </row>
    <row r="443199" spans="14:14">
      <c r="N443199" s="10"/>
    </row>
    <row r="443200" spans="14:14">
      <c r="N443200" s="10"/>
    </row>
    <row r="443201" spans="14:14">
      <c r="N443201" s="10"/>
    </row>
    <row r="443202" spans="14:14">
      <c r="N443202" s="10"/>
    </row>
    <row r="443203" spans="14:14">
      <c r="N443203" s="10"/>
    </row>
    <row r="443204" spans="14:14">
      <c r="N443204" s="10"/>
    </row>
    <row r="443205" spans="14:14">
      <c r="N443205" s="10"/>
    </row>
    <row r="443206" spans="14:14">
      <c r="N443206" s="10"/>
    </row>
    <row r="443207" spans="14:14">
      <c r="N443207" s="10"/>
    </row>
    <row r="443208" spans="14:14">
      <c r="N443208" s="10"/>
    </row>
    <row r="443209" spans="14:14">
      <c r="N443209" s="10"/>
    </row>
    <row r="443210" spans="14:14">
      <c r="N443210" s="10"/>
    </row>
    <row r="443211" spans="14:14">
      <c r="N443211" s="10"/>
    </row>
    <row r="443212" spans="14:14">
      <c r="N443212" s="10"/>
    </row>
    <row r="443213" spans="14:14">
      <c r="N443213" s="10"/>
    </row>
    <row r="443214" spans="14:14">
      <c r="N443214" s="10"/>
    </row>
    <row r="443215" spans="14:14">
      <c r="N443215" s="10"/>
    </row>
    <row r="443216" spans="14:14">
      <c r="N443216" s="10"/>
    </row>
    <row r="443217" spans="14:14">
      <c r="N443217" s="10"/>
    </row>
    <row r="443218" spans="14:14">
      <c r="N443218" s="10"/>
    </row>
    <row r="443219" spans="14:14">
      <c r="N443219" s="10"/>
    </row>
    <row r="443220" spans="14:14">
      <c r="N443220" s="10"/>
    </row>
    <row r="443221" spans="14:14">
      <c r="N443221" s="10"/>
    </row>
    <row r="443222" spans="14:14">
      <c r="N443222" s="10"/>
    </row>
    <row r="443223" spans="14:14">
      <c r="N443223" s="10"/>
    </row>
    <row r="443224" spans="14:14">
      <c r="N443224" s="10"/>
    </row>
    <row r="443225" spans="14:14">
      <c r="N443225" s="10"/>
    </row>
    <row r="443226" spans="14:14">
      <c r="N443226" s="10"/>
    </row>
    <row r="443227" spans="14:14">
      <c r="N443227" s="10"/>
    </row>
    <row r="443228" spans="14:14">
      <c r="N443228" s="10"/>
    </row>
    <row r="443229" spans="14:14">
      <c r="N443229" s="10"/>
    </row>
    <row r="443230" spans="14:14">
      <c r="N443230" s="10"/>
    </row>
    <row r="443231" spans="14:14">
      <c r="N443231" s="10"/>
    </row>
    <row r="443232" spans="14:14">
      <c r="N443232" s="10"/>
    </row>
    <row r="443233" spans="14:14">
      <c r="N443233" s="10"/>
    </row>
    <row r="443234" spans="14:14">
      <c r="N443234" s="10"/>
    </row>
    <row r="443235" spans="14:14">
      <c r="N443235" s="10"/>
    </row>
    <row r="443236" spans="14:14">
      <c r="N443236" s="10"/>
    </row>
    <row r="443237" spans="14:14">
      <c r="N443237" s="10"/>
    </row>
    <row r="443238" spans="14:14">
      <c r="N443238" s="10"/>
    </row>
    <row r="443239" spans="14:14">
      <c r="N443239" s="10"/>
    </row>
    <row r="443240" spans="14:14">
      <c r="N443240" s="10"/>
    </row>
    <row r="443241" spans="14:14">
      <c r="N443241" s="10"/>
    </row>
    <row r="443242" spans="14:14">
      <c r="N443242" s="10"/>
    </row>
    <row r="443243" spans="14:14">
      <c r="N443243" s="10"/>
    </row>
    <row r="443244" spans="14:14">
      <c r="N443244" s="10"/>
    </row>
    <row r="443245" spans="14:14">
      <c r="N443245" s="10"/>
    </row>
    <row r="443246" spans="14:14">
      <c r="N443246" s="10"/>
    </row>
    <row r="443247" spans="14:14">
      <c r="N443247" s="10"/>
    </row>
    <row r="443248" spans="14:14">
      <c r="N443248" s="10"/>
    </row>
    <row r="443249" spans="14:14">
      <c r="N443249" s="10"/>
    </row>
    <row r="443250" spans="14:14">
      <c r="N443250" s="10"/>
    </row>
    <row r="443251" spans="14:14">
      <c r="N443251" s="10"/>
    </row>
    <row r="443252" spans="14:14">
      <c r="N443252" s="10"/>
    </row>
    <row r="443253" spans="14:14">
      <c r="N443253" s="10"/>
    </row>
    <row r="443254" spans="14:14">
      <c r="N443254" s="10"/>
    </row>
    <row r="443255" spans="14:14">
      <c r="N443255" s="10"/>
    </row>
    <row r="443256" spans="14:14">
      <c r="N443256" s="10"/>
    </row>
    <row r="443257" spans="14:14">
      <c r="N443257" s="10"/>
    </row>
    <row r="443258" spans="14:14">
      <c r="N443258" s="10"/>
    </row>
    <row r="443259" spans="14:14">
      <c r="N443259" s="10"/>
    </row>
    <row r="443260" spans="14:14">
      <c r="N443260" s="10"/>
    </row>
    <row r="443261" spans="14:14">
      <c r="N443261" s="10"/>
    </row>
    <row r="443262" spans="14:14">
      <c r="N443262" s="10"/>
    </row>
    <row r="443263" spans="14:14">
      <c r="N443263" s="10"/>
    </row>
    <row r="443264" spans="14:14">
      <c r="N443264" s="10"/>
    </row>
    <row r="443265" spans="14:14">
      <c r="N443265" s="10"/>
    </row>
    <row r="443266" spans="14:14">
      <c r="N443266" s="10"/>
    </row>
    <row r="443267" spans="14:14">
      <c r="N443267" s="10"/>
    </row>
    <row r="443268" spans="14:14">
      <c r="N443268" s="10"/>
    </row>
    <row r="443269" spans="14:14">
      <c r="N443269" s="10"/>
    </row>
    <row r="443270" spans="14:14">
      <c r="N443270" s="10"/>
    </row>
    <row r="443271" spans="14:14">
      <c r="N443271" s="10"/>
    </row>
    <row r="443272" spans="14:14">
      <c r="N443272" s="10"/>
    </row>
    <row r="443273" spans="14:14">
      <c r="N443273" s="10"/>
    </row>
    <row r="443274" spans="14:14">
      <c r="N443274" s="10"/>
    </row>
    <row r="443275" spans="14:14">
      <c r="N443275" s="10"/>
    </row>
    <row r="443276" spans="14:14">
      <c r="N443276" s="10"/>
    </row>
    <row r="443277" spans="14:14">
      <c r="N443277" s="10"/>
    </row>
    <row r="443278" spans="14:14">
      <c r="N443278" s="10"/>
    </row>
    <row r="443279" spans="14:14">
      <c r="N443279" s="10"/>
    </row>
    <row r="443280" spans="14:14">
      <c r="N443280" s="10"/>
    </row>
    <row r="443281" spans="14:14">
      <c r="N443281" s="10"/>
    </row>
    <row r="443282" spans="14:14">
      <c r="N443282" s="10"/>
    </row>
    <row r="443283" spans="14:14">
      <c r="N443283" s="10"/>
    </row>
    <row r="443284" spans="14:14">
      <c r="N443284" s="10"/>
    </row>
    <row r="443285" spans="14:14">
      <c r="N443285" s="10"/>
    </row>
    <row r="443286" spans="14:14">
      <c r="N443286" s="10"/>
    </row>
    <row r="443287" spans="14:14">
      <c r="N443287" s="10"/>
    </row>
    <row r="443288" spans="14:14">
      <c r="N443288" s="10"/>
    </row>
    <row r="443289" spans="14:14">
      <c r="N443289" s="10"/>
    </row>
    <row r="443290" spans="14:14">
      <c r="N443290" s="10"/>
    </row>
    <row r="443291" spans="14:14">
      <c r="N443291" s="10"/>
    </row>
    <row r="443292" spans="14:14">
      <c r="N443292" s="10"/>
    </row>
    <row r="443293" spans="14:14">
      <c r="N443293" s="10"/>
    </row>
    <row r="443294" spans="14:14">
      <c r="N443294" s="10"/>
    </row>
    <row r="443295" spans="14:14">
      <c r="N443295" s="10"/>
    </row>
    <row r="443296" spans="14:14">
      <c r="N443296" s="10"/>
    </row>
    <row r="443297" spans="14:14">
      <c r="N443297" s="10"/>
    </row>
    <row r="443298" spans="14:14">
      <c r="N443298" s="10"/>
    </row>
    <row r="443299" spans="14:14">
      <c r="N443299" s="10"/>
    </row>
    <row r="443300" spans="14:14">
      <c r="N443300" s="10"/>
    </row>
    <row r="443301" spans="14:14">
      <c r="N443301" s="10"/>
    </row>
    <row r="443302" spans="14:14">
      <c r="N443302" s="10"/>
    </row>
    <row r="443303" spans="14:14">
      <c r="N443303" s="10"/>
    </row>
    <row r="443304" spans="14:14">
      <c r="N443304" s="10"/>
    </row>
    <row r="443305" spans="14:14">
      <c r="N443305" s="10"/>
    </row>
    <row r="443306" spans="14:14">
      <c r="N443306" s="10"/>
    </row>
    <row r="443307" spans="14:14">
      <c r="N443307" s="10"/>
    </row>
    <row r="443308" spans="14:14">
      <c r="N443308" s="10"/>
    </row>
    <row r="443309" spans="14:14">
      <c r="N443309" s="10"/>
    </row>
    <row r="443310" spans="14:14">
      <c r="N443310" s="10"/>
    </row>
    <row r="443311" spans="14:14">
      <c r="N443311" s="10"/>
    </row>
    <row r="443312" spans="14:14">
      <c r="N443312" s="10"/>
    </row>
    <row r="443313" spans="14:14">
      <c r="N443313" s="10"/>
    </row>
    <row r="443314" spans="14:14">
      <c r="N443314" s="10"/>
    </row>
    <row r="443315" spans="14:14">
      <c r="N443315" s="10"/>
    </row>
    <row r="443316" spans="14:14">
      <c r="N443316" s="10"/>
    </row>
    <row r="443317" spans="14:14">
      <c r="N443317" s="10"/>
    </row>
    <row r="443318" spans="14:14">
      <c r="N443318" s="10"/>
    </row>
    <row r="443319" spans="14:14">
      <c r="N443319" s="10"/>
    </row>
    <row r="443320" spans="14:14">
      <c r="N443320" s="10"/>
    </row>
    <row r="443321" spans="14:14">
      <c r="N443321" s="10"/>
    </row>
    <row r="443322" spans="14:14">
      <c r="N443322" s="10"/>
    </row>
    <row r="443323" spans="14:14">
      <c r="N443323" s="10"/>
    </row>
    <row r="443324" spans="14:14">
      <c r="N443324" s="10"/>
    </row>
    <row r="443325" spans="14:14">
      <c r="N443325" s="10"/>
    </row>
    <row r="443326" spans="14:14">
      <c r="N443326" s="10"/>
    </row>
    <row r="443327" spans="14:14">
      <c r="N443327" s="10"/>
    </row>
    <row r="443328" spans="14:14">
      <c r="N443328" s="10"/>
    </row>
    <row r="443329" spans="14:14">
      <c r="N443329" s="10"/>
    </row>
    <row r="443330" spans="14:14">
      <c r="N443330" s="10"/>
    </row>
    <row r="443331" spans="14:14">
      <c r="N443331" s="10"/>
    </row>
    <row r="443332" spans="14:14">
      <c r="N443332" s="10"/>
    </row>
    <row r="443333" spans="14:14">
      <c r="N443333" s="10"/>
    </row>
    <row r="443334" spans="14:14">
      <c r="N443334" s="10"/>
    </row>
    <row r="443335" spans="14:14">
      <c r="N443335" s="10"/>
    </row>
    <row r="443336" spans="14:14">
      <c r="N443336" s="10"/>
    </row>
    <row r="443337" spans="14:14">
      <c r="N443337" s="10"/>
    </row>
    <row r="443338" spans="14:14">
      <c r="N443338" s="10"/>
    </row>
    <row r="443339" spans="14:14">
      <c r="N443339" s="10"/>
    </row>
    <row r="443340" spans="14:14">
      <c r="N443340" s="10"/>
    </row>
    <row r="443341" spans="14:14">
      <c r="N443341" s="10"/>
    </row>
    <row r="443342" spans="14:14">
      <c r="N443342" s="10"/>
    </row>
    <row r="443343" spans="14:14">
      <c r="N443343" s="10"/>
    </row>
    <row r="443344" spans="14:14">
      <c r="N443344" s="10"/>
    </row>
    <row r="443345" spans="14:14">
      <c r="N443345" s="10"/>
    </row>
    <row r="443346" spans="14:14">
      <c r="N443346" s="10"/>
    </row>
    <row r="443347" spans="14:14">
      <c r="N443347" s="10"/>
    </row>
    <row r="443348" spans="14:14">
      <c r="N443348" s="10"/>
    </row>
    <row r="443349" spans="14:14">
      <c r="N443349" s="10"/>
    </row>
    <row r="443350" spans="14:14">
      <c r="N443350" s="10"/>
    </row>
    <row r="443351" spans="14:14">
      <c r="N443351" s="10"/>
    </row>
    <row r="443352" spans="14:14">
      <c r="N443352" s="10"/>
    </row>
    <row r="443353" spans="14:14">
      <c r="N443353" s="10"/>
    </row>
    <row r="443354" spans="14:14">
      <c r="N443354" s="10"/>
    </row>
    <row r="443355" spans="14:14">
      <c r="N443355" s="10"/>
    </row>
    <row r="443356" spans="14:14">
      <c r="N443356" s="10"/>
    </row>
    <row r="443357" spans="14:14">
      <c r="N443357" s="10"/>
    </row>
    <row r="443358" spans="14:14">
      <c r="N443358" s="10"/>
    </row>
    <row r="443359" spans="14:14">
      <c r="N443359" s="10"/>
    </row>
    <row r="443360" spans="14:14">
      <c r="N443360" s="10"/>
    </row>
    <row r="443361" spans="14:14">
      <c r="N443361" s="10"/>
    </row>
    <row r="443362" spans="14:14">
      <c r="N443362" s="10"/>
    </row>
    <row r="443363" spans="14:14">
      <c r="N443363" s="10"/>
    </row>
    <row r="443364" spans="14:14">
      <c r="N443364" s="10"/>
    </row>
    <row r="443365" spans="14:14">
      <c r="N443365" s="10"/>
    </row>
    <row r="443366" spans="14:14">
      <c r="N443366" s="10"/>
    </row>
    <row r="443367" spans="14:14">
      <c r="N443367" s="10"/>
    </row>
    <row r="443368" spans="14:14">
      <c r="N443368" s="10"/>
    </row>
    <row r="443369" spans="14:14">
      <c r="N443369" s="10"/>
    </row>
    <row r="443370" spans="14:14">
      <c r="N443370" s="10"/>
    </row>
    <row r="443371" spans="14:14">
      <c r="N443371" s="10"/>
    </row>
    <row r="443372" spans="14:14">
      <c r="N443372" s="10"/>
    </row>
    <row r="443373" spans="14:14">
      <c r="N443373" s="10"/>
    </row>
    <row r="443374" spans="14:14">
      <c r="N443374" s="10"/>
    </row>
    <row r="443375" spans="14:14">
      <c r="N443375" s="10"/>
    </row>
    <row r="443376" spans="14:14">
      <c r="N443376" s="10"/>
    </row>
    <row r="443377" spans="14:14">
      <c r="N443377" s="10"/>
    </row>
    <row r="443378" spans="14:14">
      <c r="N443378" s="10"/>
    </row>
    <row r="443379" spans="14:14">
      <c r="N443379" s="10"/>
    </row>
    <row r="443380" spans="14:14">
      <c r="N443380" s="10"/>
    </row>
    <row r="443381" spans="14:14">
      <c r="N443381" s="10"/>
    </row>
    <row r="443382" spans="14:14">
      <c r="N443382" s="10"/>
    </row>
    <row r="443383" spans="14:14">
      <c r="N443383" s="10"/>
    </row>
    <row r="443384" spans="14:14">
      <c r="N443384" s="10"/>
    </row>
    <row r="443385" spans="14:14">
      <c r="N443385" s="10"/>
    </row>
    <row r="443386" spans="14:14">
      <c r="N443386" s="10"/>
    </row>
    <row r="443387" spans="14:14">
      <c r="N443387" s="10"/>
    </row>
    <row r="443388" spans="14:14">
      <c r="N443388" s="10"/>
    </row>
    <row r="443389" spans="14:14">
      <c r="N443389" s="10"/>
    </row>
    <row r="443390" spans="14:14">
      <c r="N443390" s="10"/>
    </row>
    <row r="443391" spans="14:14">
      <c r="N443391" s="10"/>
    </row>
    <row r="443392" spans="14:14">
      <c r="N443392" s="10"/>
    </row>
    <row r="443393" spans="14:14">
      <c r="N443393" s="10"/>
    </row>
    <row r="443394" spans="14:14">
      <c r="N443394" s="10"/>
    </row>
    <row r="443395" spans="14:14">
      <c r="N443395" s="10"/>
    </row>
    <row r="443396" spans="14:14">
      <c r="N443396" s="10"/>
    </row>
    <row r="443397" spans="14:14">
      <c r="N443397" s="10"/>
    </row>
    <row r="443398" spans="14:14">
      <c r="N443398" s="10"/>
    </row>
    <row r="443399" spans="14:14">
      <c r="N443399" s="10"/>
    </row>
    <row r="443400" spans="14:14">
      <c r="N443400" s="10"/>
    </row>
    <row r="443401" spans="14:14">
      <c r="N443401" s="10"/>
    </row>
    <row r="443402" spans="14:14">
      <c r="N443402" s="10"/>
    </row>
    <row r="443403" spans="14:14">
      <c r="N443403" s="10"/>
    </row>
    <row r="443404" spans="14:14">
      <c r="N443404" s="10"/>
    </row>
    <row r="443405" spans="14:14">
      <c r="N443405" s="10"/>
    </row>
    <row r="443406" spans="14:14">
      <c r="N443406" s="10"/>
    </row>
    <row r="443407" spans="14:14">
      <c r="N443407" s="10"/>
    </row>
    <row r="443408" spans="14:14">
      <c r="N443408" s="10"/>
    </row>
    <row r="443409" spans="14:14">
      <c r="N443409" s="10"/>
    </row>
    <row r="443410" spans="14:14">
      <c r="N443410" s="10"/>
    </row>
    <row r="443411" spans="14:14">
      <c r="N443411" s="10"/>
    </row>
    <row r="443412" spans="14:14">
      <c r="N443412" s="10"/>
    </row>
    <row r="443413" spans="14:14">
      <c r="N443413" s="10"/>
    </row>
    <row r="443414" spans="14:14">
      <c r="N443414" s="10"/>
    </row>
    <row r="443415" spans="14:14">
      <c r="N443415" s="10"/>
    </row>
    <row r="443416" spans="14:14">
      <c r="N443416" s="10"/>
    </row>
    <row r="443417" spans="14:14">
      <c r="N443417" s="10"/>
    </row>
    <row r="443418" spans="14:14">
      <c r="N443418" s="10"/>
    </row>
    <row r="443419" spans="14:14">
      <c r="N443419" s="10"/>
    </row>
    <row r="443420" spans="14:14">
      <c r="N443420" s="10"/>
    </row>
    <row r="443421" spans="14:14">
      <c r="N443421" s="10"/>
    </row>
    <row r="443422" spans="14:14">
      <c r="N443422" s="10"/>
    </row>
    <row r="443423" spans="14:14">
      <c r="N443423" s="10"/>
    </row>
    <row r="443424" spans="14:14">
      <c r="N443424" s="10"/>
    </row>
    <row r="443425" spans="14:14">
      <c r="N443425" s="10"/>
    </row>
    <row r="443426" spans="14:14">
      <c r="N443426" s="10"/>
    </row>
    <row r="443427" spans="14:14">
      <c r="N443427" s="10"/>
    </row>
    <row r="443428" spans="14:14">
      <c r="N443428" s="10"/>
    </row>
    <row r="443429" spans="14:14">
      <c r="N443429" s="10"/>
    </row>
    <row r="443430" spans="14:14">
      <c r="N443430" s="10"/>
    </row>
    <row r="443431" spans="14:14">
      <c r="N443431" s="10"/>
    </row>
    <row r="443432" spans="14:14">
      <c r="N443432" s="10"/>
    </row>
    <row r="443433" spans="14:14">
      <c r="N443433" s="10"/>
    </row>
    <row r="443434" spans="14:14">
      <c r="N443434" s="10"/>
    </row>
    <row r="443435" spans="14:14">
      <c r="N443435" s="10"/>
    </row>
    <row r="443436" spans="14:14">
      <c r="N443436" s="10"/>
    </row>
    <row r="443437" spans="14:14">
      <c r="N443437" s="10"/>
    </row>
    <row r="443438" spans="14:14">
      <c r="N443438" s="10"/>
    </row>
    <row r="443439" spans="14:14">
      <c r="N443439" s="10"/>
    </row>
    <row r="443440" spans="14:14">
      <c r="N443440" s="10"/>
    </row>
    <row r="443441" spans="14:14">
      <c r="N443441" s="10"/>
    </row>
    <row r="443442" spans="14:14">
      <c r="N443442" s="10"/>
    </row>
    <row r="443443" spans="14:14">
      <c r="N443443" s="10"/>
    </row>
    <row r="443444" spans="14:14">
      <c r="N443444" s="10"/>
    </row>
    <row r="443445" spans="14:14">
      <c r="N443445" s="10"/>
    </row>
    <row r="443446" spans="14:14">
      <c r="N443446" s="10"/>
    </row>
    <row r="443447" spans="14:14">
      <c r="N443447" s="10"/>
    </row>
    <row r="443448" spans="14:14">
      <c r="N443448" s="10"/>
    </row>
    <row r="443449" spans="14:14">
      <c r="N443449" s="10"/>
    </row>
    <row r="443450" spans="14:14">
      <c r="N443450" s="10"/>
    </row>
    <row r="443451" spans="14:14">
      <c r="N443451" s="10"/>
    </row>
    <row r="443452" spans="14:14">
      <c r="N443452" s="10"/>
    </row>
    <row r="443453" spans="14:14">
      <c r="N443453" s="10"/>
    </row>
    <row r="443454" spans="14:14">
      <c r="N443454" s="10"/>
    </row>
    <row r="443455" spans="14:14">
      <c r="N443455" s="10"/>
    </row>
    <row r="443456" spans="14:14">
      <c r="N443456" s="10"/>
    </row>
    <row r="443457" spans="14:14">
      <c r="N443457" s="10"/>
    </row>
    <row r="443458" spans="14:14">
      <c r="N443458" s="10"/>
    </row>
    <row r="443459" spans="14:14">
      <c r="N443459" s="10"/>
    </row>
    <row r="443460" spans="14:14">
      <c r="N443460" s="10"/>
    </row>
    <row r="443461" spans="14:14">
      <c r="N443461" s="10"/>
    </row>
    <row r="443462" spans="14:14">
      <c r="N443462" s="10"/>
    </row>
    <row r="443463" spans="14:14">
      <c r="N443463" s="10"/>
    </row>
    <row r="443464" spans="14:14">
      <c r="N443464" s="10"/>
    </row>
    <row r="443465" spans="14:14">
      <c r="N443465" s="10"/>
    </row>
    <row r="443466" spans="14:14">
      <c r="N443466" s="10"/>
    </row>
    <row r="443467" spans="14:14">
      <c r="N443467" s="10"/>
    </row>
    <row r="443468" spans="14:14">
      <c r="N443468" s="10"/>
    </row>
    <row r="443469" spans="14:14">
      <c r="N443469" s="10"/>
    </row>
    <row r="443470" spans="14:14">
      <c r="N443470" s="10"/>
    </row>
    <row r="443471" spans="14:14">
      <c r="N443471" s="10"/>
    </row>
    <row r="443472" spans="14:14">
      <c r="N443472" s="10"/>
    </row>
    <row r="443473" spans="14:14">
      <c r="N443473" s="10"/>
    </row>
    <row r="443474" spans="14:14">
      <c r="N443474" s="10"/>
    </row>
    <row r="443475" spans="14:14">
      <c r="N443475" s="10"/>
    </row>
    <row r="443476" spans="14:14">
      <c r="N443476" s="10"/>
    </row>
    <row r="443477" spans="14:14">
      <c r="N443477" s="10"/>
    </row>
    <row r="443478" spans="14:14">
      <c r="N443478" s="10"/>
    </row>
    <row r="443479" spans="14:14">
      <c r="N443479" s="10"/>
    </row>
    <row r="443480" spans="14:14">
      <c r="N443480" s="10"/>
    </row>
    <row r="443481" spans="14:14">
      <c r="N443481" s="10"/>
    </row>
    <row r="443482" spans="14:14">
      <c r="N443482" s="10"/>
    </row>
    <row r="443483" spans="14:14">
      <c r="N443483" s="10"/>
    </row>
    <row r="443484" spans="14:14">
      <c r="N443484" s="10"/>
    </row>
    <row r="443485" spans="14:14">
      <c r="N443485" s="10"/>
    </row>
    <row r="443486" spans="14:14">
      <c r="N443486" s="10"/>
    </row>
    <row r="443487" spans="14:14">
      <c r="N443487" s="10"/>
    </row>
    <row r="443488" spans="14:14">
      <c r="N443488" s="10"/>
    </row>
    <row r="443489" spans="14:14">
      <c r="N443489" s="10"/>
    </row>
    <row r="443490" spans="14:14">
      <c r="N443490" s="10"/>
    </row>
    <row r="443491" spans="14:14">
      <c r="N443491" s="10"/>
    </row>
    <row r="443492" spans="14:14">
      <c r="N443492" s="10"/>
    </row>
    <row r="443493" spans="14:14">
      <c r="N443493" s="10"/>
    </row>
    <row r="443494" spans="14:14">
      <c r="N443494" s="10"/>
    </row>
    <row r="443495" spans="14:14">
      <c r="N443495" s="10"/>
    </row>
    <row r="443496" spans="14:14">
      <c r="N443496" s="10"/>
    </row>
    <row r="443497" spans="14:14">
      <c r="N443497" s="10"/>
    </row>
    <row r="443498" spans="14:14">
      <c r="N443498" s="10"/>
    </row>
    <row r="443499" spans="14:14">
      <c r="N443499" s="10"/>
    </row>
    <row r="443500" spans="14:14">
      <c r="N443500" s="10"/>
    </row>
    <row r="443501" spans="14:14">
      <c r="N443501" s="10"/>
    </row>
    <row r="443502" spans="14:14">
      <c r="N443502" s="10"/>
    </row>
    <row r="443503" spans="14:14">
      <c r="N443503" s="10"/>
    </row>
    <row r="443504" spans="14:14">
      <c r="N443504" s="10"/>
    </row>
    <row r="443505" spans="14:14">
      <c r="N443505" s="10"/>
    </row>
    <row r="443506" spans="14:14">
      <c r="N443506" s="10"/>
    </row>
    <row r="443507" spans="14:14">
      <c r="N443507" s="10"/>
    </row>
    <row r="443508" spans="14:14">
      <c r="N443508" s="10"/>
    </row>
    <row r="443509" spans="14:14">
      <c r="N443509" s="10"/>
    </row>
    <row r="443510" spans="14:14">
      <c r="N443510" s="10"/>
    </row>
    <row r="443511" spans="14:14">
      <c r="N443511" s="10"/>
    </row>
    <row r="443512" spans="14:14">
      <c r="N443512" s="10"/>
    </row>
    <row r="443513" spans="14:14">
      <c r="N443513" s="10"/>
    </row>
    <row r="443514" spans="14:14">
      <c r="N443514" s="10"/>
    </row>
    <row r="443515" spans="14:14">
      <c r="N443515" s="10"/>
    </row>
    <row r="443516" spans="14:14">
      <c r="N443516" s="10"/>
    </row>
    <row r="443517" spans="14:14">
      <c r="N443517" s="10"/>
    </row>
    <row r="443518" spans="14:14">
      <c r="N443518" s="10"/>
    </row>
    <row r="443519" spans="14:14">
      <c r="N443519" s="10"/>
    </row>
    <row r="443520" spans="14:14">
      <c r="N443520" s="10"/>
    </row>
    <row r="443521" spans="14:14">
      <c r="N443521" s="10"/>
    </row>
    <row r="443522" spans="14:14">
      <c r="N443522" s="10"/>
    </row>
    <row r="443523" spans="14:14">
      <c r="N443523" s="10"/>
    </row>
    <row r="443524" spans="14:14">
      <c r="N443524" s="10"/>
    </row>
    <row r="443525" spans="14:14">
      <c r="N443525" s="10"/>
    </row>
    <row r="443526" spans="14:14">
      <c r="N443526" s="10"/>
    </row>
    <row r="443527" spans="14:14">
      <c r="N443527" s="10"/>
    </row>
    <row r="443528" spans="14:14">
      <c r="N443528" s="10"/>
    </row>
    <row r="443529" spans="14:14">
      <c r="N443529" s="10"/>
    </row>
    <row r="443530" spans="14:14">
      <c r="N443530" s="10"/>
    </row>
    <row r="443531" spans="14:14">
      <c r="N443531" s="10"/>
    </row>
    <row r="443532" spans="14:14">
      <c r="N443532" s="10"/>
    </row>
    <row r="443533" spans="14:14">
      <c r="N443533" s="10"/>
    </row>
    <row r="443534" spans="14:14">
      <c r="N443534" s="10"/>
    </row>
    <row r="443535" spans="14:14">
      <c r="N443535" s="10"/>
    </row>
    <row r="443536" spans="14:14">
      <c r="N443536" s="10"/>
    </row>
    <row r="443537" spans="14:14">
      <c r="N443537" s="10"/>
    </row>
    <row r="443538" spans="14:14">
      <c r="N443538" s="10"/>
    </row>
    <row r="443539" spans="14:14">
      <c r="N443539" s="10"/>
    </row>
    <row r="443540" spans="14:14">
      <c r="N443540" s="10"/>
    </row>
    <row r="443541" spans="14:14">
      <c r="N443541" s="10"/>
    </row>
    <row r="443542" spans="14:14">
      <c r="N443542" s="10"/>
    </row>
    <row r="443543" spans="14:14">
      <c r="N443543" s="10"/>
    </row>
    <row r="443544" spans="14:14">
      <c r="N443544" s="10"/>
    </row>
    <row r="443545" spans="14:14">
      <c r="N443545" s="10"/>
    </row>
    <row r="443546" spans="14:14">
      <c r="N443546" s="10"/>
    </row>
    <row r="443547" spans="14:14">
      <c r="N443547" s="10"/>
    </row>
    <row r="443548" spans="14:14">
      <c r="N443548" s="10"/>
    </row>
    <row r="443549" spans="14:14">
      <c r="N443549" s="10"/>
    </row>
    <row r="443550" spans="14:14">
      <c r="N443550" s="10"/>
    </row>
    <row r="443551" spans="14:14">
      <c r="N443551" s="10"/>
    </row>
    <row r="443552" spans="14:14">
      <c r="N443552" s="10"/>
    </row>
    <row r="443553" spans="14:14">
      <c r="N443553" s="10"/>
    </row>
    <row r="443554" spans="14:14">
      <c r="N443554" s="10"/>
    </row>
    <row r="443555" spans="14:14">
      <c r="N443555" s="10"/>
    </row>
    <row r="443556" spans="14:14">
      <c r="N443556" s="10"/>
    </row>
    <row r="443557" spans="14:14">
      <c r="N443557" s="10"/>
    </row>
    <row r="443558" spans="14:14">
      <c r="N443558" s="10"/>
    </row>
    <row r="443559" spans="14:14">
      <c r="N443559" s="10"/>
    </row>
    <row r="443560" spans="14:14">
      <c r="N443560" s="10"/>
    </row>
    <row r="443561" spans="14:14">
      <c r="N443561" s="10"/>
    </row>
    <row r="443562" spans="14:14">
      <c r="N443562" s="10"/>
    </row>
    <row r="443563" spans="14:14">
      <c r="N443563" s="10"/>
    </row>
    <row r="443564" spans="14:14">
      <c r="N443564" s="10"/>
    </row>
    <row r="443565" spans="14:14">
      <c r="N443565" s="10"/>
    </row>
    <row r="443566" spans="14:14">
      <c r="N443566" s="10"/>
    </row>
    <row r="443567" spans="14:14">
      <c r="N443567" s="10"/>
    </row>
    <row r="443568" spans="14:14">
      <c r="N443568" s="10"/>
    </row>
    <row r="443569" spans="14:14">
      <c r="N443569" s="10"/>
    </row>
    <row r="443570" spans="14:14">
      <c r="N443570" s="10"/>
    </row>
    <row r="443571" spans="14:14">
      <c r="N443571" s="10"/>
    </row>
    <row r="443572" spans="14:14">
      <c r="N443572" s="10"/>
    </row>
    <row r="443573" spans="14:14">
      <c r="N443573" s="10"/>
    </row>
    <row r="443574" spans="14:14">
      <c r="N443574" s="10"/>
    </row>
    <row r="443575" spans="14:14">
      <c r="N443575" s="10"/>
    </row>
    <row r="443576" spans="14:14">
      <c r="N443576" s="10"/>
    </row>
    <row r="443577" spans="14:14">
      <c r="N443577" s="10"/>
    </row>
    <row r="443578" spans="14:14">
      <c r="N443578" s="10"/>
    </row>
    <row r="443579" spans="14:14">
      <c r="N443579" s="10"/>
    </row>
    <row r="443580" spans="14:14">
      <c r="N443580" s="10"/>
    </row>
    <row r="443581" spans="14:14">
      <c r="N443581" s="10"/>
    </row>
    <row r="443582" spans="14:14">
      <c r="N443582" s="10"/>
    </row>
    <row r="443583" spans="14:14">
      <c r="N443583" s="10"/>
    </row>
    <row r="443584" spans="14:14">
      <c r="N443584" s="10"/>
    </row>
    <row r="443585" spans="14:14">
      <c r="N443585" s="10"/>
    </row>
    <row r="443586" spans="14:14">
      <c r="N443586" s="10"/>
    </row>
    <row r="443587" spans="14:14">
      <c r="N443587" s="10"/>
    </row>
    <row r="443588" spans="14:14">
      <c r="N443588" s="10"/>
    </row>
    <row r="443589" spans="14:14">
      <c r="N443589" s="10"/>
    </row>
    <row r="443590" spans="14:14">
      <c r="N443590" s="10"/>
    </row>
    <row r="443591" spans="14:14">
      <c r="N443591" s="10"/>
    </row>
    <row r="443592" spans="14:14">
      <c r="N443592" s="10"/>
    </row>
    <row r="443593" spans="14:14">
      <c r="N443593" s="10"/>
    </row>
    <row r="443594" spans="14:14">
      <c r="N443594" s="10"/>
    </row>
    <row r="443595" spans="14:14">
      <c r="N443595" s="10"/>
    </row>
    <row r="443596" spans="14:14">
      <c r="N443596" s="10"/>
    </row>
    <row r="443597" spans="14:14">
      <c r="N443597" s="10"/>
    </row>
    <row r="443598" spans="14:14">
      <c r="N443598" s="10"/>
    </row>
    <row r="443599" spans="14:14">
      <c r="N443599" s="10"/>
    </row>
    <row r="443600" spans="14:14">
      <c r="N443600" s="10"/>
    </row>
    <row r="443601" spans="14:14">
      <c r="N443601" s="10"/>
    </row>
    <row r="443602" spans="14:14">
      <c r="N443602" s="10"/>
    </row>
    <row r="443603" spans="14:14">
      <c r="N443603" s="10"/>
    </row>
    <row r="443604" spans="14:14">
      <c r="N443604" s="10"/>
    </row>
    <row r="443605" spans="14:14">
      <c r="N443605" s="10"/>
    </row>
    <row r="443606" spans="14:14">
      <c r="N443606" s="10"/>
    </row>
    <row r="443607" spans="14:14">
      <c r="N443607" s="10"/>
    </row>
    <row r="443608" spans="14:14">
      <c r="N443608" s="10"/>
    </row>
    <row r="443609" spans="14:14">
      <c r="N443609" s="10"/>
    </row>
    <row r="443610" spans="14:14">
      <c r="N443610" s="10"/>
    </row>
    <row r="443611" spans="14:14">
      <c r="N443611" s="10"/>
    </row>
    <row r="443612" spans="14:14">
      <c r="N443612" s="10"/>
    </row>
    <row r="443613" spans="14:14">
      <c r="N443613" s="10"/>
    </row>
    <row r="443614" spans="14:14">
      <c r="N443614" s="10"/>
    </row>
    <row r="443615" spans="14:14">
      <c r="N443615" s="10"/>
    </row>
    <row r="443616" spans="14:14">
      <c r="N443616" s="10"/>
    </row>
    <row r="443617" spans="14:14">
      <c r="N443617" s="10"/>
    </row>
    <row r="443618" spans="14:14">
      <c r="N443618" s="10"/>
    </row>
    <row r="443619" spans="14:14">
      <c r="N443619" s="10"/>
    </row>
    <row r="443620" spans="14:14">
      <c r="N443620" s="10"/>
    </row>
    <row r="443621" spans="14:14">
      <c r="N443621" s="10"/>
    </row>
    <row r="443622" spans="14:14">
      <c r="N443622" s="10"/>
    </row>
    <row r="443623" spans="14:14">
      <c r="N443623" s="10"/>
    </row>
    <row r="443624" spans="14:14">
      <c r="N443624" s="10"/>
    </row>
    <row r="443625" spans="14:14">
      <c r="N443625" s="10"/>
    </row>
    <row r="443626" spans="14:14">
      <c r="N443626" s="10"/>
    </row>
    <row r="443627" spans="14:14">
      <c r="N443627" s="10"/>
    </row>
    <row r="443628" spans="14:14">
      <c r="N443628" s="10"/>
    </row>
    <row r="443629" spans="14:14">
      <c r="N443629" s="10"/>
    </row>
    <row r="443630" spans="14:14">
      <c r="N443630" s="10"/>
    </row>
    <row r="443631" spans="14:14">
      <c r="N443631" s="10"/>
    </row>
    <row r="443632" spans="14:14">
      <c r="N443632" s="10"/>
    </row>
    <row r="443633" spans="14:14">
      <c r="N443633" s="10"/>
    </row>
    <row r="443634" spans="14:14">
      <c r="N443634" s="10"/>
    </row>
    <row r="443635" spans="14:14">
      <c r="N443635" s="10"/>
    </row>
    <row r="443636" spans="14:14">
      <c r="N443636" s="10"/>
    </row>
    <row r="443637" spans="14:14">
      <c r="N443637" s="10"/>
    </row>
    <row r="443638" spans="14:14">
      <c r="N443638" s="10"/>
    </row>
    <row r="443639" spans="14:14">
      <c r="N443639" s="10"/>
    </row>
    <row r="443640" spans="14:14">
      <c r="N443640" s="10"/>
    </row>
    <row r="443641" spans="14:14">
      <c r="N443641" s="10"/>
    </row>
    <row r="443642" spans="14:14">
      <c r="N443642" s="10"/>
    </row>
    <row r="443643" spans="14:14">
      <c r="N443643" s="10"/>
    </row>
    <row r="443644" spans="14:14">
      <c r="N443644" s="10"/>
    </row>
    <row r="443645" spans="14:14">
      <c r="N443645" s="10"/>
    </row>
    <row r="443646" spans="14:14">
      <c r="N443646" s="10"/>
    </row>
    <row r="443647" spans="14:14">
      <c r="N443647" s="10"/>
    </row>
    <row r="443648" spans="14:14">
      <c r="N443648" s="10"/>
    </row>
    <row r="443649" spans="14:14">
      <c r="N443649" s="10"/>
    </row>
    <row r="443650" spans="14:14">
      <c r="N443650" s="10"/>
    </row>
    <row r="443651" spans="14:14">
      <c r="N443651" s="10"/>
    </row>
    <row r="443652" spans="14:14">
      <c r="N443652" s="10"/>
    </row>
    <row r="443653" spans="14:14">
      <c r="N443653" s="10"/>
    </row>
    <row r="443654" spans="14:14">
      <c r="N443654" s="10"/>
    </row>
    <row r="443655" spans="14:14">
      <c r="N443655" s="10"/>
    </row>
    <row r="443656" spans="14:14">
      <c r="N443656" s="10"/>
    </row>
    <row r="443657" spans="14:14">
      <c r="N443657" s="10"/>
    </row>
    <row r="443658" spans="14:14">
      <c r="N443658" s="10"/>
    </row>
    <row r="443659" spans="14:14">
      <c r="N443659" s="10"/>
    </row>
    <row r="443660" spans="14:14">
      <c r="N443660" s="10"/>
    </row>
    <row r="443661" spans="14:14">
      <c r="N443661" s="10"/>
    </row>
    <row r="443662" spans="14:14">
      <c r="N443662" s="10"/>
    </row>
    <row r="443663" spans="14:14">
      <c r="N443663" s="10"/>
    </row>
    <row r="443664" spans="14:14">
      <c r="N443664" s="10"/>
    </row>
    <row r="443665" spans="14:14">
      <c r="N443665" s="10"/>
    </row>
    <row r="443666" spans="14:14">
      <c r="N443666" s="10"/>
    </row>
    <row r="443667" spans="14:14">
      <c r="N443667" s="10"/>
    </row>
    <row r="443668" spans="14:14">
      <c r="N443668" s="10"/>
    </row>
    <row r="443669" spans="14:14">
      <c r="N443669" s="10"/>
    </row>
    <row r="443670" spans="14:14">
      <c r="N443670" s="10"/>
    </row>
    <row r="443671" spans="14:14">
      <c r="N443671" s="10"/>
    </row>
    <row r="443672" spans="14:14">
      <c r="N443672" s="10"/>
    </row>
    <row r="443673" spans="14:14">
      <c r="N443673" s="10"/>
    </row>
    <row r="443674" spans="14:14">
      <c r="N443674" s="10"/>
    </row>
    <row r="443675" spans="14:14">
      <c r="N443675" s="10"/>
    </row>
    <row r="443676" spans="14:14">
      <c r="N443676" s="10"/>
    </row>
    <row r="443677" spans="14:14">
      <c r="N443677" s="10"/>
    </row>
    <row r="443678" spans="14:14">
      <c r="N443678" s="10"/>
    </row>
    <row r="443679" spans="14:14">
      <c r="N443679" s="10"/>
    </row>
    <row r="443680" spans="14:14">
      <c r="N443680" s="10"/>
    </row>
    <row r="443681" spans="14:14">
      <c r="N443681" s="10"/>
    </row>
    <row r="443682" spans="14:14">
      <c r="N443682" s="10"/>
    </row>
    <row r="443683" spans="14:14">
      <c r="N443683" s="10"/>
    </row>
    <row r="443684" spans="14:14">
      <c r="N443684" s="10"/>
    </row>
    <row r="443685" spans="14:14">
      <c r="N443685" s="10"/>
    </row>
    <row r="443686" spans="14:14">
      <c r="N443686" s="10"/>
    </row>
    <row r="443687" spans="14:14">
      <c r="N443687" s="10"/>
    </row>
    <row r="443688" spans="14:14">
      <c r="N443688" s="10"/>
    </row>
    <row r="443689" spans="14:14">
      <c r="N443689" s="10"/>
    </row>
    <row r="443690" spans="14:14">
      <c r="N443690" s="10"/>
    </row>
    <row r="443691" spans="14:14">
      <c r="N443691" s="10"/>
    </row>
    <row r="443692" spans="14:14">
      <c r="N443692" s="10"/>
    </row>
    <row r="443693" spans="14:14">
      <c r="N443693" s="10"/>
    </row>
    <row r="443694" spans="14:14">
      <c r="N443694" s="10"/>
    </row>
    <row r="443695" spans="14:14">
      <c r="N443695" s="10"/>
    </row>
    <row r="443696" spans="14:14">
      <c r="N443696" s="10"/>
    </row>
    <row r="443697" spans="14:14">
      <c r="N443697" s="10"/>
    </row>
    <row r="443698" spans="14:14">
      <c r="N443698" s="10"/>
    </row>
    <row r="443699" spans="14:14">
      <c r="N443699" s="10"/>
    </row>
    <row r="443700" spans="14:14">
      <c r="N443700" s="10"/>
    </row>
    <row r="443701" spans="14:14">
      <c r="N443701" s="10"/>
    </row>
    <row r="443702" spans="14:14">
      <c r="N443702" s="10"/>
    </row>
    <row r="443703" spans="14:14">
      <c r="N443703" s="10"/>
    </row>
    <row r="443704" spans="14:14">
      <c r="N443704" s="10"/>
    </row>
    <row r="443705" spans="14:14">
      <c r="N443705" s="10"/>
    </row>
    <row r="443706" spans="14:14">
      <c r="N443706" s="10"/>
    </row>
    <row r="443707" spans="14:14">
      <c r="N443707" s="10"/>
    </row>
    <row r="443708" spans="14:14">
      <c r="N443708" s="10"/>
    </row>
    <row r="443709" spans="14:14">
      <c r="N443709" s="10"/>
    </row>
    <row r="443710" spans="14:14">
      <c r="N443710" s="10"/>
    </row>
    <row r="443711" spans="14:14">
      <c r="N443711" s="10"/>
    </row>
    <row r="443712" spans="14:14">
      <c r="N443712" s="10"/>
    </row>
    <row r="443713" spans="14:14">
      <c r="N443713" s="10"/>
    </row>
    <row r="443714" spans="14:14">
      <c r="N443714" s="10"/>
    </row>
    <row r="443715" spans="14:14">
      <c r="N443715" s="10"/>
    </row>
    <row r="443716" spans="14:14">
      <c r="N443716" s="10"/>
    </row>
    <row r="443717" spans="14:14">
      <c r="N443717" s="10"/>
    </row>
    <row r="443718" spans="14:14">
      <c r="N443718" s="10"/>
    </row>
    <row r="443719" spans="14:14">
      <c r="N443719" s="10"/>
    </row>
    <row r="443720" spans="14:14">
      <c r="N443720" s="10"/>
    </row>
    <row r="443721" spans="14:14">
      <c r="N443721" s="10"/>
    </row>
    <row r="443722" spans="14:14">
      <c r="N443722" s="10"/>
    </row>
    <row r="443723" spans="14:14">
      <c r="N443723" s="10"/>
    </row>
    <row r="443724" spans="14:14">
      <c r="N443724" s="10"/>
    </row>
    <row r="443725" spans="14:14">
      <c r="N443725" s="10"/>
    </row>
    <row r="443726" spans="14:14">
      <c r="N443726" s="10"/>
    </row>
    <row r="443727" spans="14:14">
      <c r="N443727" s="10"/>
    </row>
    <row r="443728" spans="14:14">
      <c r="N443728" s="10"/>
    </row>
    <row r="443729" spans="14:14">
      <c r="N443729" s="10"/>
    </row>
    <row r="443730" spans="14:14">
      <c r="N443730" s="10"/>
    </row>
    <row r="443731" spans="14:14">
      <c r="N443731" s="10"/>
    </row>
    <row r="443732" spans="14:14">
      <c r="N443732" s="10"/>
    </row>
    <row r="443733" spans="14:14">
      <c r="N443733" s="10"/>
    </row>
    <row r="443734" spans="14:14">
      <c r="N443734" s="10"/>
    </row>
    <row r="443735" spans="14:14">
      <c r="N443735" s="10"/>
    </row>
    <row r="443736" spans="14:14">
      <c r="N443736" s="10"/>
    </row>
    <row r="443737" spans="14:14">
      <c r="N443737" s="10"/>
    </row>
    <row r="443738" spans="14:14">
      <c r="N443738" s="10"/>
    </row>
    <row r="443739" spans="14:14">
      <c r="N443739" s="10"/>
    </row>
    <row r="443740" spans="14:14">
      <c r="N443740" s="10"/>
    </row>
    <row r="443741" spans="14:14">
      <c r="N443741" s="10"/>
    </row>
    <row r="443742" spans="14:14">
      <c r="N443742" s="10"/>
    </row>
    <row r="443743" spans="14:14">
      <c r="N443743" s="10"/>
    </row>
    <row r="443744" spans="14:14">
      <c r="N443744" s="10"/>
    </row>
    <row r="443745" spans="14:14">
      <c r="N443745" s="10"/>
    </row>
    <row r="443746" spans="14:14">
      <c r="N443746" s="10"/>
    </row>
    <row r="443747" spans="14:14">
      <c r="N443747" s="10"/>
    </row>
    <row r="443748" spans="14:14">
      <c r="N443748" s="10"/>
    </row>
    <row r="443749" spans="14:14">
      <c r="N443749" s="10"/>
    </row>
    <row r="443750" spans="14:14">
      <c r="N443750" s="10"/>
    </row>
    <row r="443751" spans="14:14">
      <c r="N443751" s="10"/>
    </row>
    <row r="443752" spans="14:14">
      <c r="N443752" s="10"/>
    </row>
    <row r="443753" spans="14:14">
      <c r="N443753" s="10"/>
    </row>
    <row r="443754" spans="14:14">
      <c r="N443754" s="10"/>
    </row>
    <row r="443755" spans="14:14">
      <c r="N443755" s="10"/>
    </row>
    <row r="443756" spans="14:14">
      <c r="N443756" s="10"/>
    </row>
    <row r="443757" spans="14:14">
      <c r="N443757" s="10"/>
    </row>
    <row r="443758" spans="14:14">
      <c r="N443758" s="10"/>
    </row>
    <row r="443759" spans="14:14">
      <c r="N443759" s="10"/>
    </row>
    <row r="443760" spans="14:14">
      <c r="N443760" s="10"/>
    </row>
    <row r="443761" spans="14:14">
      <c r="N443761" s="10"/>
    </row>
    <row r="443762" spans="14:14">
      <c r="N443762" s="10"/>
    </row>
    <row r="443763" spans="14:14">
      <c r="N443763" s="10"/>
    </row>
    <row r="443764" spans="14:14">
      <c r="N443764" s="10"/>
    </row>
    <row r="443765" spans="14:14">
      <c r="N443765" s="10"/>
    </row>
    <row r="443766" spans="14:14">
      <c r="N443766" s="10"/>
    </row>
    <row r="443767" spans="14:14">
      <c r="N443767" s="10"/>
    </row>
    <row r="443768" spans="14:14">
      <c r="N443768" s="10"/>
    </row>
    <row r="443769" spans="14:14">
      <c r="N443769" s="10"/>
    </row>
    <row r="443770" spans="14:14">
      <c r="N443770" s="10"/>
    </row>
    <row r="443771" spans="14:14">
      <c r="N443771" s="10"/>
    </row>
    <row r="443772" spans="14:14">
      <c r="N443772" s="10"/>
    </row>
    <row r="443773" spans="14:14">
      <c r="N443773" s="10"/>
    </row>
    <row r="443774" spans="14:14">
      <c r="N443774" s="10"/>
    </row>
    <row r="443775" spans="14:14">
      <c r="N443775" s="10"/>
    </row>
    <row r="443776" spans="14:14">
      <c r="N443776" s="10"/>
    </row>
    <row r="443777" spans="14:14">
      <c r="N443777" s="10"/>
    </row>
    <row r="443778" spans="14:14">
      <c r="N443778" s="10"/>
    </row>
    <row r="443779" spans="14:14">
      <c r="N443779" s="10"/>
    </row>
    <row r="443780" spans="14:14">
      <c r="N443780" s="10"/>
    </row>
    <row r="443781" spans="14:14">
      <c r="N443781" s="10"/>
    </row>
    <row r="443782" spans="14:14">
      <c r="N443782" s="10"/>
    </row>
    <row r="443783" spans="14:14">
      <c r="N443783" s="10"/>
    </row>
    <row r="443784" spans="14:14">
      <c r="N443784" s="10"/>
    </row>
    <row r="443785" spans="14:14">
      <c r="N443785" s="10"/>
    </row>
    <row r="443786" spans="14:14">
      <c r="N443786" s="10"/>
    </row>
    <row r="443787" spans="14:14">
      <c r="N443787" s="10"/>
    </row>
    <row r="443788" spans="14:14">
      <c r="N443788" s="10"/>
    </row>
    <row r="443789" spans="14:14">
      <c r="N443789" s="10"/>
    </row>
    <row r="443790" spans="14:14">
      <c r="N443790" s="10"/>
    </row>
    <row r="443791" spans="14:14">
      <c r="N443791" s="10"/>
    </row>
    <row r="443792" spans="14:14">
      <c r="N443792" s="10"/>
    </row>
    <row r="443793" spans="14:14">
      <c r="N443793" s="10"/>
    </row>
    <row r="443794" spans="14:14">
      <c r="N443794" s="10"/>
    </row>
    <row r="443795" spans="14:14">
      <c r="N443795" s="10"/>
    </row>
    <row r="443796" spans="14:14">
      <c r="N443796" s="10"/>
    </row>
    <row r="443797" spans="14:14">
      <c r="N443797" s="10"/>
    </row>
    <row r="443798" spans="14:14">
      <c r="N443798" s="10"/>
    </row>
    <row r="443799" spans="14:14">
      <c r="N443799" s="10"/>
    </row>
    <row r="443800" spans="14:14">
      <c r="N443800" s="10"/>
    </row>
    <row r="443801" spans="14:14">
      <c r="N443801" s="10"/>
    </row>
    <row r="443802" spans="14:14">
      <c r="N443802" s="10"/>
    </row>
    <row r="443803" spans="14:14">
      <c r="N443803" s="10"/>
    </row>
    <row r="443804" spans="14:14">
      <c r="N443804" s="10"/>
    </row>
    <row r="443805" spans="14:14">
      <c r="N443805" s="10"/>
    </row>
    <row r="443806" spans="14:14">
      <c r="N443806" s="10"/>
    </row>
    <row r="443807" spans="14:14">
      <c r="N443807" s="10"/>
    </row>
    <row r="443808" spans="14:14">
      <c r="N443808" s="10"/>
    </row>
    <row r="443809" spans="14:14">
      <c r="N443809" s="10"/>
    </row>
    <row r="443810" spans="14:14">
      <c r="N443810" s="10"/>
    </row>
    <row r="443811" spans="14:14">
      <c r="N443811" s="10"/>
    </row>
    <row r="443812" spans="14:14">
      <c r="N443812" s="10"/>
    </row>
    <row r="443813" spans="14:14">
      <c r="N443813" s="10"/>
    </row>
    <row r="443814" spans="14:14">
      <c r="N443814" s="10"/>
    </row>
    <row r="443815" spans="14:14">
      <c r="N443815" s="10"/>
    </row>
    <row r="443816" spans="14:14">
      <c r="N443816" s="10"/>
    </row>
    <row r="443817" spans="14:14">
      <c r="N443817" s="10"/>
    </row>
    <row r="443818" spans="14:14">
      <c r="N443818" s="10"/>
    </row>
    <row r="443819" spans="14:14">
      <c r="N443819" s="10"/>
    </row>
    <row r="443820" spans="14:14">
      <c r="N443820" s="10"/>
    </row>
    <row r="443821" spans="14:14">
      <c r="N443821" s="10"/>
    </row>
    <row r="443822" spans="14:14">
      <c r="N443822" s="10"/>
    </row>
    <row r="443823" spans="14:14">
      <c r="N443823" s="10"/>
    </row>
    <row r="443824" spans="14:14">
      <c r="N443824" s="10"/>
    </row>
    <row r="443825" spans="14:14">
      <c r="N443825" s="10"/>
    </row>
    <row r="443826" spans="14:14">
      <c r="N443826" s="10"/>
    </row>
    <row r="443827" spans="14:14">
      <c r="N443827" s="10"/>
    </row>
    <row r="443828" spans="14:14">
      <c r="N443828" s="10"/>
    </row>
    <row r="443829" spans="14:14">
      <c r="N443829" s="10"/>
    </row>
    <row r="443830" spans="14:14">
      <c r="N443830" s="10"/>
    </row>
    <row r="443831" spans="14:14">
      <c r="N443831" s="10"/>
    </row>
    <row r="443832" spans="14:14">
      <c r="N443832" s="10"/>
    </row>
    <row r="443833" spans="14:14">
      <c r="N443833" s="10"/>
    </row>
    <row r="443834" spans="14:14">
      <c r="N443834" s="10"/>
    </row>
    <row r="443835" spans="14:14">
      <c r="N443835" s="10"/>
    </row>
    <row r="443836" spans="14:14">
      <c r="N443836" s="10"/>
    </row>
    <row r="443837" spans="14:14">
      <c r="N443837" s="10"/>
    </row>
    <row r="443838" spans="14:14">
      <c r="N443838" s="10"/>
    </row>
    <row r="443839" spans="14:14">
      <c r="N443839" s="10"/>
    </row>
    <row r="443840" spans="14:14">
      <c r="N443840" s="10"/>
    </row>
    <row r="443841" spans="14:14">
      <c r="N443841" s="10"/>
    </row>
    <row r="443842" spans="14:14">
      <c r="N443842" s="10"/>
    </row>
    <row r="443843" spans="14:14">
      <c r="N443843" s="10"/>
    </row>
    <row r="443844" spans="14:14">
      <c r="N443844" s="10"/>
    </row>
    <row r="443845" spans="14:14">
      <c r="N443845" s="10"/>
    </row>
    <row r="443846" spans="14:14">
      <c r="N443846" s="10"/>
    </row>
    <row r="443847" spans="14:14">
      <c r="N443847" s="10"/>
    </row>
    <row r="443848" spans="14:14">
      <c r="N443848" s="10"/>
    </row>
    <row r="443849" spans="14:14">
      <c r="N443849" s="10"/>
    </row>
    <row r="443850" spans="14:14">
      <c r="N443850" s="10"/>
    </row>
    <row r="443851" spans="14:14">
      <c r="N443851" s="10"/>
    </row>
    <row r="443852" spans="14:14">
      <c r="N443852" s="10"/>
    </row>
    <row r="443853" spans="14:14">
      <c r="N443853" s="10"/>
    </row>
    <row r="443854" spans="14:14">
      <c r="N443854" s="10"/>
    </row>
    <row r="443855" spans="14:14">
      <c r="N443855" s="10"/>
    </row>
    <row r="443856" spans="14:14">
      <c r="N443856" s="10"/>
    </row>
    <row r="443857" spans="14:14">
      <c r="N443857" s="10"/>
    </row>
    <row r="443858" spans="14:14">
      <c r="N443858" s="10"/>
    </row>
    <row r="443859" spans="14:14">
      <c r="N443859" s="10"/>
    </row>
    <row r="443860" spans="14:14">
      <c r="N443860" s="10"/>
    </row>
    <row r="443861" spans="14:14">
      <c r="N443861" s="10"/>
    </row>
    <row r="443862" spans="14:14">
      <c r="N443862" s="10"/>
    </row>
    <row r="443863" spans="14:14">
      <c r="N443863" s="10"/>
    </row>
    <row r="443864" spans="14:14">
      <c r="N443864" s="10"/>
    </row>
    <row r="443865" spans="14:14">
      <c r="N443865" s="10"/>
    </row>
    <row r="443866" spans="14:14">
      <c r="N443866" s="10"/>
    </row>
    <row r="443867" spans="14:14">
      <c r="N443867" s="10"/>
    </row>
    <row r="443868" spans="14:14">
      <c r="N443868" s="10"/>
    </row>
    <row r="443869" spans="14:14">
      <c r="N443869" s="10"/>
    </row>
    <row r="443870" spans="14:14">
      <c r="N443870" s="10"/>
    </row>
    <row r="443871" spans="14:14">
      <c r="N443871" s="10"/>
    </row>
    <row r="443872" spans="14:14">
      <c r="N443872" s="10"/>
    </row>
    <row r="443873" spans="14:14">
      <c r="N443873" s="10"/>
    </row>
    <row r="443874" spans="14:14">
      <c r="N443874" s="10"/>
    </row>
    <row r="443875" spans="14:14">
      <c r="N443875" s="10"/>
    </row>
    <row r="443876" spans="14:14">
      <c r="N443876" s="10"/>
    </row>
    <row r="443877" spans="14:14">
      <c r="N443877" s="10"/>
    </row>
    <row r="443878" spans="14:14">
      <c r="N443878" s="10"/>
    </row>
    <row r="443879" spans="14:14">
      <c r="N443879" s="10"/>
    </row>
    <row r="443880" spans="14:14">
      <c r="N443880" s="10"/>
    </row>
    <row r="443881" spans="14:14">
      <c r="N443881" s="10"/>
    </row>
    <row r="443882" spans="14:14">
      <c r="N443882" s="10"/>
    </row>
    <row r="443883" spans="14:14">
      <c r="N443883" s="10"/>
    </row>
    <row r="443884" spans="14:14">
      <c r="N443884" s="10"/>
    </row>
    <row r="443885" spans="14:14">
      <c r="N443885" s="10"/>
    </row>
    <row r="443886" spans="14:14">
      <c r="N443886" s="10"/>
    </row>
    <row r="443887" spans="14:14">
      <c r="N443887" s="10"/>
    </row>
    <row r="443888" spans="14:14">
      <c r="N443888" s="10"/>
    </row>
    <row r="443889" spans="14:14">
      <c r="N443889" s="10"/>
    </row>
    <row r="443890" spans="14:14">
      <c r="N443890" s="10"/>
    </row>
    <row r="443891" spans="14:14">
      <c r="N443891" s="10"/>
    </row>
    <row r="443892" spans="14:14">
      <c r="N443892" s="10"/>
    </row>
    <row r="443893" spans="14:14">
      <c r="N443893" s="10"/>
    </row>
    <row r="443894" spans="14:14">
      <c r="N443894" s="10"/>
    </row>
    <row r="443895" spans="14:14">
      <c r="N443895" s="10"/>
    </row>
    <row r="443896" spans="14:14">
      <c r="N443896" s="10"/>
    </row>
    <row r="443897" spans="14:14">
      <c r="N443897" s="10"/>
    </row>
    <row r="443898" spans="14:14">
      <c r="N443898" s="10"/>
    </row>
    <row r="443899" spans="14:14">
      <c r="N443899" s="10"/>
    </row>
    <row r="443900" spans="14:14">
      <c r="N443900" s="10"/>
    </row>
    <row r="443901" spans="14:14">
      <c r="N443901" s="10"/>
    </row>
    <row r="443902" spans="14:14">
      <c r="N443902" s="10"/>
    </row>
    <row r="443903" spans="14:14">
      <c r="N443903" s="10"/>
    </row>
    <row r="443904" spans="14:14">
      <c r="N443904" s="10"/>
    </row>
    <row r="443905" spans="14:14">
      <c r="N443905" s="10"/>
    </row>
    <row r="443906" spans="14:14">
      <c r="N443906" s="10"/>
    </row>
    <row r="443907" spans="14:14">
      <c r="N443907" s="10"/>
    </row>
    <row r="443908" spans="14:14">
      <c r="N443908" s="10"/>
    </row>
    <row r="443909" spans="14:14">
      <c r="N443909" s="10"/>
    </row>
    <row r="443910" spans="14:14">
      <c r="N443910" s="10"/>
    </row>
    <row r="443911" spans="14:14">
      <c r="N443911" s="10"/>
    </row>
    <row r="443912" spans="14:14">
      <c r="N443912" s="10"/>
    </row>
    <row r="443913" spans="14:14">
      <c r="N443913" s="10"/>
    </row>
    <row r="443914" spans="14:14">
      <c r="N443914" s="10"/>
    </row>
    <row r="443915" spans="14:14">
      <c r="N443915" s="10"/>
    </row>
    <row r="443916" spans="14:14">
      <c r="N443916" s="10"/>
    </row>
    <row r="443917" spans="14:14">
      <c r="N443917" s="10"/>
    </row>
    <row r="443918" spans="14:14">
      <c r="N443918" s="10"/>
    </row>
    <row r="443919" spans="14:14">
      <c r="N443919" s="10"/>
    </row>
    <row r="443920" spans="14:14">
      <c r="N443920" s="10"/>
    </row>
    <row r="443921" spans="14:14">
      <c r="N443921" s="10"/>
    </row>
    <row r="443922" spans="14:14">
      <c r="N443922" s="10"/>
    </row>
    <row r="443923" spans="14:14">
      <c r="N443923" s="10"/>
    </row>
    <row r="443924" spans="14:14">
      <c r="N443924" s="10"/>
    </row>
    <row r="443925" spans="14:14">
      <c r="N443925" s="10"/>
    </row>
    <row r="443926" spans="14:14">
      <c r="N443926" s="10"/>
    </row>
    <row r="443927" spans="14:14">
      <c r="N443927" s="10"/>
    </row>
    <row r="443928" spans="14:14">
      <c r="N443928" s="10"/>
    </row>
    <row r="443929" spans="14:14">
      <c r="N443929" s="10"/>
    </row>
    <row r="443930" spans="14:14">
      <c r="N443930" s="10"/>
    </row>
    <row r="443931" spans="14:14">
      <c r="N443931" s="10"/>
    </row>
    <row r="443932" spans="14:14">
      <c r="N443932" s="10"/>
    </row>
    <row r="443933" spans="14:14">
      <c r="N443933" s="10"/>
    </row>
    <row r="443934" spans="14:14">
      <c r="N443934" s="10"/>
    </row>
    <row r="443935" spans="14:14">
      <c r="N443935" s="10"/>
    </row>
    <row r="443936" spans="14:14">
      <c r="N443936" s="10"/>
    </row>
    <row r="443937" spans="14:14">
      <c r="N443937" s="10"/>
    </row>
    <row r="443938" spans="14:14">
      <c r="N443938" s="10"/>
    </row>
    <row r="443939" spans="14:14">
      <c r="N443939" s="10"/>
    </row>
    <row r="443940" spans="14:14">
      <c r="N443940" s="10"/>
    </row>
    <row r="443941" spans="14:14">
      <c r="N443941" s="10"/>
    </row>
    <row r="443942" spans="14:14">
      <c r="N443942" s="10"/>
    </row>
    <row r="443943" spans="14:14">
      <c r="N443943" s="10"/>
    </row>
    <row r="443944" spans="14:14">
      <c r="N443944" s="10"/>
    </row>
    <row r="443945" spans="14:14">
      <c r="N443945" s="10"/>
    </row>
    <row r="443946" spans="14:14">
      <c r="N443946" s="10"/>
    </row>
    <row r="443947" spans="14:14">
      <c r="N443947" s="10"/>
    </row>
    <row r="443948" spans="14:14">
      <c r="N443948" s="10"/>
    </row>
    <row r="443949" spans="14:14">
      <c r="N443949" s="10"/>
    </row>
    <row r="443950" spans="14:14">
      <c r="N443950" s="10"/>
    </row>
    <row r="443951" spans="14:14">
      <c r="N443951" s="10"/>
    </row>
    <row r="443952" spans="14:14">
      <c r="N443952" s="10"/>
    </row>
    <row r="443953" spans="14:14">
      <c r="N443953" s="10"/>
    </row>
    <row r="443954" spans="14:14">
      <c r="N443954" s="10"/>
    </row>
    <row r="443955" spans="14:14">
      <c r="N443955" s="10"/>
    </row>
    <row r="443956" spans="14:14">
      <c r="N443956" s="10"/>
    </row>
    <row r="443957" spans="14:14">
      <c r="N443957" s="10"/>
    </row>
    <row r="443958" spans="14:14">
      <c r="N443958" s="10"/>
    </row>
    <row r="443959" spans="14:14">
      <c r="N443959" s="10"/>
    </row>
    <row r="443960" spans="14:14">
      <c r="N443960" s="10"/>
    </row>
    <row r="443961" spans="14:14">
      <c r="N443961" s="10"/>
    </row>
    <row r="443962" spans="14:14">
      <c r="N443962" s="10"/>
    </row>
    <row r="443963" spans="14:14">
      <c r="N443963" s="10"/>
    </row>
    <row r="443964" spans="14:14">
      <c r="N443964" s="10"/>
    </row>
    <row r="443965" spans="14:14">
      <c r="N443965" s="10"/>
    </row>
    <row r="443966" spans="14:14">
      <c r="N443966" s="10"/>
    </row>
    <row r="443967" spans="14:14">
      <c r="N443967" s="10"/>
    </row>
    <row r="443968" spans="14:14">
      <c r="N443968" s="10"/>
    </row>
    <row r="443969" spans="14:14">
      <c r="N443969" s="10"/>
    </row>
    <row r="443970" spans="14:14">
      <c r="N443970" s="10"/>
    </row>
    <row r="443971" spans="14:14">
      <c r="N443971" s="10"/>
    </row>
    <row r="443972" spans="14:14">
      <c r="N443972" s="10"/>
    </row>
    <row r="443973" spans="14:14">
      <c r="N443973" s="10"/>
    </row>
    <row r="443974" spans="14:14">
      <c r="N443974" s="10"/>
    </row>
    <row r="443975" spans="14:14">
      <c r="N443975" s="10"/>
    </row>
    <row r="443976" spans="14:14">
      <c r="N443976" s="10"/>
    </row>
    <row r="443977" spans="14:14">
      <c r="N443977" s="10"/>
    </row>
    <row r="443978" spans="14:14">
      <c r="N443978" s="10"/>
    </row>
    <row r="443979" spans="14:14">
      <c r="N443979" s="10"/>
    </row>
    <row r="443980" spans="14:14">
      <c r="N443980" s="10"/>
    </row>
    <row r="443981" spans="14:14">
      <c r="N443981" s="10"/>
    </row>
    <row r="443982" spans="14:14">
      <c r="N443982" s="10"/>
    </row>
    <row r="443983" spans="14:14">
      <c r="N443983" s="10"/>
    </row>
    <row r="443984" spans="14:14">
      <c r="N443984" s="10"/>
    </row>
    <row r="443985" spans="14:14">
      <c r="N443985" s="10"/>
    </row>
    <row r="443986" spans="14:14">
      <c r="N443986" s="10"/>
    </row>
    <row r="443987" spans="14:14">
      <c r="N443987" s="10"/>
    </row>
    <row r="443988" spans="14:14">
      <c r="N443988" s="10"/>
    </row>
    <row r="443989" spans="14:14">
      <c r="N443989" s="10"/>
    </row>
    <row r="443990" spans="14:14">
      <c r="N443990" s="10"/>
    </row>
    <row r="443991" spans="14:14">
      <c r="N443991" s="10"/>
    </row>
    <row r="443992" spans="14:14">
      <c r="N443992" s="10"/>
    </row>
    <row r="443993" spans="14:14">
      <c r="N443993" s="10"/>
    </row>
    <row r="443994" spans="14:14">
      <c r="N443994" s="10"/>
    </row>
    <row r="443995" spans="14:14">
      <c r="N443995" s="10"/>
    </row>
    <row r="443996" spans="14:14">
      <c r="N443996" s="10"/>
    </row>
    <row r="443997" spans="14:14">
      <c r="N443997" s="10"/>
    </row>
    <row r="443998" spans="14:14">
      <c r="N443998" s="10"/>
    </row>
    <row r="443999" spans="14:14">
      <c r="N443999" s="10"/>
    </row>
    <row r="444000" spans="14:14">
      <c r="N444000" s="10"/>
    </row>
    <row r="444001" spans="14:14">
      <c r="N444001" s="10"/>
    </row>
    <row r="444002" spans="14:14">
      <c r="N444002" s="10"/>
    </row>
    <row r="444003" spans="14:14">
      <c r="N444003" s="10"/>
    </row>
    <row r="444004" spans="14:14">
      <c r="N444004" s="10"/>
    </row>
    <row r="444005" spans="14:14">
      <c r="N444005" s="10"/>
    </row>
    <row r="444006" spans="14:14">
      <c r="N444006" s="10"/>
    </row>
    <row r="444007" spans="14:14">
      <c r="N444007" s="10"/>
    </row>
    <row r="444008" spans="14:14">
      <c r="N444008" s="10"/>
    </row>
    <row r="444009" spans="14:14">
      <c r="N444009" s="10"/>
    </row>
    <row r="444010" spans="14:14">
      <c r="N444010" s="10"/>
    </row>
    <row r="444011" spans="14:14">
      <c r="N444011" s="10"/>
    </row>
    <row r="444012" spans="14:14">
      <c r="N444012" s="10"/>
    </row>
    <row r="444013" spans="14:14">
      <c r="N444013" s="10"/>
    </row>
    <row r="444014" spans="14:14">
      <c r="N444014" s="10"/>
    </row>
    <row r="444015" spans="14:14">
      <c r="N444015" s="10"/>
    </row>
    <row r="444016" spans="14:14">
      <c r="N444016" s="10"/>
    </row>
    <row r="444017" spans="14:14">
      <c r="N444017" s="10"/>
    </row>
    <row r="444018" spans="14:14">
      <c r="N444018" s="10"/>
    </row>
    <row r="444019" spans="14:14">
      <c r="N444019" s="10"/>
    </row>
    <row r="444020" spans="14:14">
      <c r="N444020" s="10"/>
    </row>
    <row r="444021" spans="14:14">
      <c r="N444021" s="10"/>
    </row>
    <row r="444022" spans="14:14">
      <c r="N444022" s="10"/>
    </row>
    <row r="444023" spans="14:14">
      <c r="N444023" s="10"/>
    </row>
    <row r="444024" spans="14:14">
      <c r="N444024" s="10"/>
    </row>
    <row r="444025" spans="14:14">
      <c r="N444025" s="10"/>
    </row>
    <row r="444026" spans="14:14">
      <c r="N444026" s="10"/>
    </row>
    <row r="444027" spans="14:14">
      <c r="N444027" s="10"/>
    </row>
    <row r="444028" spans="14:14">
      <c r="N444028" s="10"/>
    </row>
    <row r="444029" spans="14:14">
      <c r="N444029" s="10"/>
    </row>
    <row r="444030" spans="14:14">
      <c r="N444030" s="10"/>
    </row>
    <row r="444031" spans="14:14">
      <c r="N444031" s="10"/>
    </row>
    <row r="444032" spans="14:14">
      <c r="N444032" s="10"/>
    </row>
    <row r="444033" spans="14:14">
      <c r="N444033" s="10"/>
    </row>
    <row r="444034" spans="14:14">
      <c r="N444034" s="10"/>
    </row>
    <row r="444035" spans="14:14">
      <c r="N444035" s="10"/>
    </row>
    <row r="444036" spans="14:14">
      <c r="N444036" s="10"/>
    </row>
    <row r="444037" spans="14:14">
      <c r="N444037" s="10"/>
    </row>
    <row r="444038" spans="14:14">
      <c r="N444038" s="10"/>
    </row>
    <row r="444039" spans="14:14">
      <c r="N444039" s="10"/>
    </row>
    <row r="444040" spans="14:14">
      <c r="N444040" s="10"/>
    </row>
    <row r="444041" spans="14:14">
      <c r="N444041" s="10"/>
    </row>
    <row r="444042" spans="14:14">
      <c r="N444042" s="10"/>
    </row>
    <row r="444043" spans="14:14">
      <c r="N444043" s="10"/>
    </row>
    <row r="444044" spans="14:14">
      <c r="N444044" s="10"/>
    </row>
    <row r="444045" spans="14:14">
      <c r="N444045" s="10"/>
    </row>
    <row r="444046" spans="14:14">
      <c r="N444046" s="10"/>
    </row>
    <row r="444047" spans="14:14">
      <c r="N444047" s="10"/>
    </row>
    <row r="444048" spans="14:14">
      <c r="N444048" s="10"/>
    </row>
    <row r="444049" spans="14:14">
      <c r="N444049" s="10"/>
    </row>
    <row r="444050" spans="14:14">
      <c r="N444050" s="10"/>
    </row>
    <row r="444051" spans="14:14">
      <c r="N444051" s="10"/>
    </row>
    <row r="444052" spans="14:14">
      <c r="N444052" s="10"/>
    </row>
    <row r="444053" spans="14:14">
      <c r="N444053" s="10"/>
    </row>
    <row r="444054" spans="14:14">
      <c r="N444054" s="10"/>
    </row>
    <row r="444055" spans="14:14">
      <c r="N444055" s="10"/>
    </row>
    <row r="444056" spans="14:14">
      <c r="N444056" s="10"/>
    </row>
    <row r="444057" spans="14:14">
      <c r="N444057" s="10"/>
    </row>
    <row r="444058" spans="14:14">
      <c r="N444058" s="10"/>
    </row>
    <row r="444059" spans="14:14">
      <c r="N444059" s="10"/>
    </row>
    <row r="444060" spans="14:14">
      <c r="N444060" s="10"/>
    </row>
    <row r="444061" spans="14:14">
      <c r="N444061" s="10"/>
    </row>
    <row r="444062" spans="14:14">
      <c r="N444062" s="10"/>
    </row>
    <row r="444063" spans="14:14">
      <c r="N444063" s="10"/>
    </row>
    <row r="444064" spans="14:14">
      <c r="N444064" s="10"/>
    </row>
    <row r="444065" spans="14:14">
      <c r="N444065" s="10"/>
    </row>
    <row r="444066" spans="14:14">
      <c r="N444066" s="10"/>
    </row>
    <row r="444067" spans="14:14">
      <c r="N444067" s="10"/>
    </row>
    <row r="444068" spans="14:14">
      <c r="N444068" s="10"/>
    </row>
    <row r="444069" spans="14:14">
      <c r="N444069" s="10"/>
    </row>
    <row r="444070" spans="14:14">
      <c r="N444070" s="10"/>
    </row>
    <row r="444071" spans="14:14">
      <c r="N444071" s="10"/>
    </row>
    <row r="444072" spans="14:14">
      <c r="N444072" s="10"/>
    </row>
    <row r="444073" spans="14:14">
      <c r="N444073" s="10"/>
    </row>
    <row r="444074" spans="14:14">
      <c r="N444074" s="10"/>
    </row>
    <row r="444075" spans="14:14">
      <c r="N444075" s="10"/>
    </row>
    <row r="444076" spans="14:14">
      <c r="N444076" s="10"/>
    </row>
    <row r="444077" spans="14:14">
      <c r="N444077" s="10"/>
    </row>
    <row r="444078" spans="14:14">
      <c r="N444078" s="10"/>
    </row>
    <row r="444079" spans="14:14">
      <c r="N444079" s="10"/>
    </row>
    <row r="444080" spans="14:14">
      <c r="N444080" s="10"/>
    </row>
    <row r="444081" spans="14:14">
      <c r="N444081" s="10"/>
    </row>
    <row r="444082" spans="14:14">
      <c r="N444082" s="10"/>
    </row>
    <row r="444083" spans="14:14">
      <c r="N444083" s="10"/>
    </row>
    <row r="444084" spans="14:14">
      <c r="N444084" s="10"/>
    </row>
    <row r="444085" spans="14:14">
      <c r="N444085" s="10"/>
    </row>
    <row r="444086" spans="14:14">
      <c r="N444086" s="10"/>
    </row>
    <row r="444087" spans="14:14">
      <c r="N444087" s="10"/>
    </row>
    <row r="444088" spans="14:14">
      <c r="N444088" s="10"/>
    </row>
    <row r="444089" spans="14:14">
      <c r="N444089" s="10"/>
    </row>
    <row r="444090" spans="14:14">
      <c r="N444090" s="10"/>
    </row>
    <row r="444091" spans="14:14">
      <c r="N444091" s="10"/>
    </row>
    <row r="444092" spans="14:14">
      <c r="N444092" s="10"/>
    </row>
    <row r="444093" spans="14:14">
      <c r="N444093" s="10"/>
    </row>
    <row r="444094" spans="14:14">
      <c r="N444094" s="10"/>
    </row>
    <row r="444095" spans="14:14">
      <c r="N444095" s="10"/>
    </row>
    <row r="444096" spans="14:14">
      <c r="N444096" s="10"/>
    </row>
    <row r="444097" spans="14:14">
      <c r="N444097" s="10"/>
    </row>
    <row r="444098" spans="14:14">
      <c r="N444098" s="10"/>
    </row>
    <row r="444099" spans="14:14">
      <c r="N444099" s="10"/>
    </row>
    <row r="444100" spans="14:14">
      <c r="N444100" s="10"/>
    </row>
    <row r="444101" spans="14:14">
      <c r="N444101" s="10"/>
    </row>
    <row r="444102" spans="14:14">
      <c r="N444102" s="10"/>
    </row>
    <row r="444103" spans="14:14">
      <c r="N444103" s="10"/>
    </row>
    <row r="444104" spans="14:14">
      <c r="N444104" s="10"/>
    </row>
    <row r="444105" spans="14:14">
      <c r="N444105" s="10"/>
    </row>
    <row r="444106" spans="14:14">
      <c r="N444106" s="10"/>
    </row>
    <row r="444107" spans="14:14">
      <c r="N444107" s="10"/>
    </row>
    <row r="444108" spans="14:14">
      <c r="N444108" s="10"/>
    </row>
    <row r="444109" spans="14:14">
      <c r="N444109" s="10"/>
    </row>
    <row r="444110" spans="14:14">
      <c r="N444110" s="10"/>
    </row>
    <row r="444111" spans="14:14">
      <c r="N444111" s="10"/>
    </row>
    <row r="444112" spans="14:14">
      <c r="N444112" s="10"/>
    </row>
    <row r="444113" spans="14:14">
      <c r="N444113" s="10"/>
    </row>
    <row r="444114" spans="14:14">
      <c r="N444114" s="10"/>
    </row>
    <row r="444115" spans="14:14">
      <c r="N444115" s="10"/>
    </row>
    <row r="444116" spans="14:14">
      <c r="N444116" s="10"/>
    </row>
    <row r="444117" spans="14:14">
      <c r="N444117" s="10"/>
    </row>
    <row r="444118" spans="14:14">
      <c r="N444118" s="10"/>
    </row>
    <row r="444119" spans="14:14">
      <c r="N444119" s="10"/>
    </row>
    <row r="444120" spans="14:14">
      <c r="N444120" s="10"/>
    </row>
    <row r="444121" spans="14:14">
      <c r="N444121" s="10"/>
    </row>
    <row r="444122" spans="14:14">
      <c r="N444122" s="10"/>
    </row>
    <row r="444123" spans="14:14">
      <c r="N444123" s="10"/>
    </row>
    <row r="444124" spans="14:14">
      <c r="N444124" s="10"/>
    </row>
    <row r="444125" spans="14:14">
      <c r="N444125" s="10"/>
    </row>
    <row r="444126" spans="14:14">
      <c r="N444126" s="10"/>
    </row>
    <row r="444127" spans="14:14">
      <c r="N444127" s="10"/>
    </row>
    <row r="444128" spans="14:14">
      <c r="N444128" s="10"/>
    </row>
    <row r="444129" spans="14:14">
      <c r="N444129" s="10"/>
    </row>
    <row r="444130" spans="14:14">
      <c r="N444130" s="10"/>
    </row>
    <row r="444131" spans="14:14">
      <c r="N444131" s="10"/>
    </row>
    <row r="444132" spans="14:14">
      <c r="N444132" s="10"/>
    </row>
    <row r="444133" spans="14:14">
      <c r="N444133" s="10"/>
    </row>
    <row r="444134" spans="14:14">
      <c r="N444134" s="10"/>
    </row>
    <row r="444135" spans="14:14">
      <c r="N444135" s="10"/>
    </row>
    <row r="444136" spans="14:14">
      <c r="N444136" s="10"/>
    </row>
    <row r="444137" spans="14:14">
      <c r="N444137" s="10"/>
    </row>
    <row r="444138" spans="14:14">
      <c r="N444138" s="10"/>
    </row>
    <row r="444139" spans="14:14">
      <c r="N444139" s="10"/>
    </row>
    <row r="444140" spans="14:14">
      <c r="N444140" s="10"/>
    </row>
    <row r="444141" spans="14:14">
      <c r="N444141" s="10"/>
    </row>
    <row r="444142" spans="14:14">
      <c r="N444142" s="10"/>
    </row>
    <row r="444143" spans="14:14">
      <c r="N444143" s="10"/>
    </row>
    <row r="444144" spans="14:14">
      <c r="N444144" s="10"/>
    </row>
    <row r="444145" spans="14:14">
      <c r="N444145" s="10"/>
    </row>
    <row r="444146" spans="14:14">
      <c r="N444146" s="10"/>
    </row>
    <row r="444147" spans="14:14">
      <c r="N444147" s="10"/>
    </row>
    <row r="444148" spans="14:14">
      <c r="N444148" s="10"/>
    </row>
    <row r="444149" spans="14:14">
      <c r="N444149" s="10"/>
    </row>
    <row r="444150" spans="14:14">
      <c r="N444150" s="10"/>
    </row>
    <row r="444151" spans="14:14">
      <c r="N444151" s="10"/>
    </row>
    <row r="444152" spans="14:14">
      <c r="N444152" s="10"/>
    </row>
    <row r="444153" spans="14:14">
      <c r="N444153" s="10"/>
    </row>
    <row r="444154" spans="14:14">
      <c r="N444154" s="10"/>
    </row>
    <row r="444155" spans="14:14">
      <c r="N444155" s="10"/>
    </row>
    <row r="444156" spans="14:14">
      <c r="N444156" s="10"/>
    </row>
    <row r="444157" spans="14:14">
      <c r="N444157" s="10"/>
    </row>
    <row r="444158" spans="14:14">
      <c r="N444158" s="10"/>
    </row>
    <row r="444159" spans="14:14">
      <c r="N444159" s="10"/>
    </row>
    <row r="444160" spans="14:14">
      <c r="N444160" s="10"/>
    </row>
    <row r="444161" spans="14:14">
      <c r="N444161" s="10"/>
    </row>
    <row r="444162" spans="14:14">
      <c r="N444162" s="10"/>
    </row>
    <row r="444163" spans="14:14">
      <c r="N444163" s="10"/>
    </row>
    <row r="444164" spans="14:14">
      <c r="N444164" s="10"/>
    </row>
    <row r="444165" spans="14:14">
      <c r="N444165" s="10"/>
    </row>
    <row r="444166" spans="14:14">
      <c r="N444166" s="10"/>
    </row>
    <row r="444167" spans="14:14">
      <c r="N444167" s="10"/>
    </row>
    <row r="444168" spans="14:14">
      <c r="N444168" s="10"/>
    </row>
    <row r="444169" spans="14:14">
      <c r="N444169" s="10"/>
    </row>
    <row r="444170" spans="14:14">
      <c r="N444170" s="10"/>
    </row>
    <row r="444171" spans="14:14">
      <c r="N444171" s="10"/>
    </row>
    <row r="444172" spans="14:14">
      <c r="N444172" s="10"/>
    </row>
    <row r="444173" spans="14:14">
      <c r="N444173" s="10"/>
    </row>
    <row r="444174" spans="14:14">
      <c r="N444174" s="10"/>
    </row>
    <row r="444175" spans="14:14">
      <c r="N444175" s="10"/>
    </row>
    <row r="444176" spans="14:14">
      <c r="N444176" s="10"/>
    </row>
    <row r="444177" spans="14:14">
      <c r="N444177" s="10"/>
    </row>
    <row r="444178" spans="14:14">
      <c r="N444178" s="10"/>
    </row>
    <row r="444179" spans="14:14">
      <c r="N444179" s="10"/>
    </row>
    <row r="444180" spans="14:14">
      <c r="N444180" s="10"/>
    </row>
    <row r="444181" spans="14:14">
      <c r="N444181" s="10"/>
    </row>
    <row r="444182" spans="14:14">
      <c r="N444182" s="10"/>
    </row>
    <row r="444183" spans="14:14">
      <c r="N444183" s="10"/>
    </row>
    <row r="444184" spans="14:14">
      <c r="N444184" s="10"/>
    </row>
    <row r="444185" spans="14:14">
      <c r="N444185" s="10"/>
    </row>
    <row r="444186" spans="14:14">
      <c r="N444186" s="10"/>
    </row>
    <row r="444187" spans="14:14">
      <c r="N444187" s="10"/>
    </row>
    <row r="444188" spans="14:14">
      <c r="N444188" s="10"/>
    </row>
    <row r="444189" spans="14:14">
      <c r="N444189" s="10"/>
    </row>
    <row r="444190" spans="14:14">
      <c r="N444190" s="10"/>
    </row>
    <row r="444191" spans="14:14">
      <c r="N444191" s="10"/>
    </row>
    <row r="444192" spans="14:14">
      <c r="N444192" s="10"/>
    </row>
    <row r="444193" spans="14:14">
      <c r="N444193" s="10"/>
    </row>
    <row r="444194" spans="14:14">
      <c r="N444194" s="10"/>
    </row>
    <row r="444195" spans="14:14">
      <c r="N444195" s="10"/>
    </row>
    <row r="444196" spans="14:14">
      <c r="N444196" s="10"/>
    </row>
    <row r="444197" spans="14:14">
      <c r="N444197" s="10"/>
    </row>
    <row r="444198" spans="14:14">
      <c r="N444198" s="10"/>
    </row>
    <row r="444199" spans="14:14">
      <c r="N444199" s="10"/>
    </row>
    <row r="444200" spans="14:14">
      <c r="N444200" s="10"/>
    </row>
    <row r="444201" spans="14:14">
      <c r="N444201" s="10"/>
    </row>
    <row r="444202" spans="14:14">
      <c r="N444202" s="10"/>
    </row>
    <row r="444203" spans="14:14">
      <c r="N444203" s="10"/>
    </row>
    <row r="444204" spans="14:14">
      <c r="N444204" s="10"/>
    </row>
    <row r="444205" spans="14:14">
      <c r="N444205" s="10"/>
    </row>
    <row r="444206" spans="14:14">
      <c r="N444206" s="10"/>
    </row>
    <row r="444207" spans="14:14">
      <c r="N444207" s="10"/>
    </row>
    <row r="444208" spans="14:14">
      <c r="N444208" s="10"/>
    </row>
    <row r="444209" spans="14:14">
      <c r="N444209" s="10"/>
    </row>
    <row r="444210" spans="14:14">
      <c r="N444210" s="10"/>
    </row>
    <row r="444211" spans="14:14">
      <c r="N444211" s="10"/>
    </row>
    <row r="444212" spans="14:14">
      <c r="N444212" s="10"/>
    </row>
    <row r="444213" spans="14:14">
      <c r="N444213" s="10"/>
    </row>
    <row r="444214" spans="14:14">
      <c r="N444214" s="10"/>
    </row>
    <row r="444215" spans="14:14">
      <c r="N444215" s="10"/>
    </row>
    <row r="444216" spans="14:14">
      <c r="N444216" s="10"/>
    </row>
    <row r="444217" spans="14:14">
      <c r="N444217" s="10"/>
    </row>
    <row r="444218" spans="14:14">
      <c r="N444218" s="10"/>
    </row>
    <row r="444219" spans="14:14">
      <c r="N444219" s="10"/>
    </row>
    <row r="444220" spans="14:14">
      <c r="N444220" s="10"/>
    </row>
    <row r="444221" spans="14:14">
      <c r="N444221" s="10"/>
    </row>
    <row r="444222" spans="14:14">
      <c r="N444222" s="10"/>
    </row>
    <row r="444223" spans="14:14">
      <c r="N444223" s="10"/>
    </row>
    <row r="444224" spans="14:14">
      <c r="N444224" s="10"/>
    </row>
    <row r="444225" spans="14:14">
      <c r="N444225" s="10"/>
    </row>
    <row r="444226" spans="14:14">
      <c r="N444226" s="10"/>
    </row>
    <row r="444227" spans="14:14">
      <c r="N444227" s="10"/>
    </row>
    <row r="444228" spans="14:14">
      <c r="N444228" s="10"/>
    </row>
    <row r="444229" spans="14:14">
      <c r="N444229" s="10"/>
    </row>
    <row r="444230" spans="14:14">
      <c r="N444230" s="10"/>
    </row>
    <row r="444231" spans="14:14">
      <c r="N444231" s="10"/>
    </row>
    <row r="444232" spans="14:14">
      <c r="N444232" s="10"/>
    </row>
    <row r="444233" spans="14:14">
      <c r="N444233" s="10"/>
    </row>
    <row r="444234" spans="14:14">
      <c r="N444234" s="10"/>
    </row>
    <row r="444235" spans="14:14">
      <c r="N444235" s="10"/>
    </row>
    <row r="444236" spans="14:14">
      <c r="N444236" s="10"/>
    </row>
    <row r="444237" spans="14:14">
      <c r="N444237" s="10"/>
    </row>
    <row r="444238" spans="14:14">
      <c r="N444238" s="10"/>
    </row>
    <row r="444239" spans="14:14">
      <c r="N444239" s="10"/>
    </row>
    <row r="444240" spans="14:14">
      <c r="N444240" s="10"/>
    </row>
    <row r="444241" spans="14:14">
      <c r="N444241" s="10"/>
    </row>
    <row r="444242" spans="14:14">
      <c r="N444242" s="10"/>
    </row>
    <row r="444243" spans="14:14">
      <c r="N444243" s="10"/>
    </row>
    <row r="444244" spans="14:14">
      <c r="N444244" s="10"/>
    </row>
    <row r="444245" spans="14:14">
      <c r="N444245" s="10"/>
    </row>
    <row r="444246" spans="14:14">
      <c r="N444246" s="10"/>
    </row>
    <row r="444247" spans="14:14">
      <c r="N444247" s="10"/>
    </row>
    <row r="444248" spans="14:14">
      <c r="N444248" s="10"/>
    </row>
    <row r="444249" spans="14:14">
      <c r="N444249" s="10"/>
    </row>
    <row r="444250" spans="14:14">
      <c r="N444250" s="10"/>
    </row>
    <row r="444251" spans="14:14">
      <c r="N444251" s="10"/>
    </row>
    <row r="444252" spans="14:14">
      <c r="N444252" s="10"/>
    </row>
    <row r="444253" spans="14:14">
      <c r="N444253" s="10"/>
    </row>
    <row r="444254" spans="14:14">
      <c r="N444254" s="10"/>
    </row>
    <row r="444255" spans="14:14">
      <c r="N444255" s="10"/>
    </row>
    <row r="444256" spans="14:14">
      <c r="N444256" s="10"/>
    </row>
    <row r="444257" spans="14:14">
      <c r="N444257" s="10"/>
    </row>
    <row r="444258" spans="14:14">
      <c r="N444258" s="10"/>
    </row>
    <row r="444259" spans="14:14">
      <c r="N444259" s="10"/>
    </row>
    <row r="444260" spans="14:14">
      <c r="N444260" s="10"/>
    </row>
    <row r="444261" spans="14:14">
      <c r="N444261" s="10"/>
    </row>
    <row r="444262" spans="14:14">
      <c r="N444262" s="10"/>
    </row>
    <row r="444263" spans="14:14">
      <c r="N444263" s="10"/>
    </row>
    <row r="444264" spans="14:14">
      <c r="N444264" s="10"/>
    </row>
    <row r="444265" spans="14:14">
      <c r="N444265" s="10"/>
    </row>
    <row r="444266" spans="14:14">
      <c r="N444266" s="10"/>
    </row>
    <row r="444267" spans="14:14">
      <c r="N444267" s="10"/>
    </row>
    <row r="444268" spans="14:14">
      <c r="N444268" s="10"/>
    </row>
    <row r="444269" spans="14:14">
      <c r="N444269" s="10"/>
    </row>
    <row r="444270" spans="14:14">
      <c r="N444270" s="10"/>
    </row>
    <row r="444271" spans="14:14">
      <c r="N444271" s="10"/>
    </row>
    <row r="444272" spans="14:14">
      <c r="N444272" s="10"/>
    </row>
    <row r="444273" spans="14:14">
      <c r="N444273" s="10"/>
    </row>
    <row r="444274" spans="14:14">
      <c r="N444274" s="10"/>
    </row>
    <row r="444275" spans="14:14">
      <c r="N444275" s="10"/>
    </row>
    <row r="444276" spans="14:14">
      <c r="N444276" s="10"/>
    </row>
    <row r="444277" spans="14:14">
      <c r="N444277" s="10"/>
    </row>
    <row r="444278" spans="14:14">
      <c r="N444278" s="10"/>
    </row>
    <row r="444279" spans="14:14">
      <c r="N444279" s="10"/>
    </row>
    <row r="444280" spans="14:14">
      <c r="N444280" s="10"/>
    </row>
    <row r="444281" spans="14:14">
      <c r="N444281" s="10"/>
    </row>
    <row r="444282" spans="14:14">
      <c r="N444282" s="10"/>
    </row>
    <row r="444283" spans="14:14">
      <c r="N444283" s="10"/>
    </row>
    <row r="444284" spans="14:14">
      <c r="N444284" s="10"/>
    </row>
    <row r="444285" spans="14:14">
      <c r="N444285" s="10"/>
    </row>
    <row r="444286" spans="14:14">
      <c r="N444286" s="10"/>
    </row>
    <row r="444287" spans="14:14">
      <c r="N444287" s="10"/>
    </row>
    <row r="444288" spans="14:14">
      <c r="N444288" s="10"/>
    </row>
    <row r="444289" spans="14:14">
      <c r="N444289" s="10"/>
    </row>
    <row r="444290" spans="14:14">
      <c r="N444290" s="10"/>
    </row>
    <row r="444291" spans="14:14">
      <c r="N444291" s="10"/>
    </row>
    <row r="444292" spans="14:14">
      <c r="N444292" s="10"/>
    </row>
    <row r="444293" spans="14:14">
      <c r="N444293" s="10"/>
    </row>
    <row r="444294" spans="14:14">
      <c r="N444294" s="10"/>
    </row>
    <row r="444295" spans="14:14">
      <c r="N444295" s="10"/>
    </row>
    <row r="444296" spans="14:14">
      <c r="N444296" s="10"/>
    </row>
    <row r="444297" spans="14:14">
      <c r="N444297" s="10"/>
    </row>
    <row r="444298" spans="14:14">
      <c r="N444298" s="10"/>
    </row>
    <row r="444299" spans="14:14">
      <c r="N444299" s="10"/>
    </row>
    <row r="444300" spans="14:14">
      <c r="N444300" s="10"/>
    </row>
    <row r="444301" spans="14:14">
      <c r="N444301" s="10"/>
    </row>
    <row r="444302" spans="14:14">
      <c r="N444302" s="10"/>
    </row>
    <row r="444303" spans="14:14">
      <c r="N444303" s="10"/>
    </row>
    <row r="444304" spans="14:14">
      <c r="N444304" s="10"/>
    </row>
    <row r="444305" spans="14:14">
      <c r="N444305" s="10"/>
    </row>
    <row r="444306" spans="14:14">
      <c r="N444306" s="10"/>
    </row>
    <row r="444307" spans="14:14">
      <c r="N444307" s="10"/>
    </row>
    <row r="444308" spans="14:14">
      <c r="N444308" s="10"/>
    </row>
    <row r="444309" spans="14:14">
      <c r="N444309" s="10"/>
    </row>
    <row r="444310" spans="14:14">
      <c r="N444310" s="10"/>
    </row>
    <row r="444311" spans="14:14">
      <c r="N444311" s="10"/>
    </row>
    <row r="444312" spans="14:14">
      <c r="N444312" s="10"/>
    </row>
    <row r="444313" spans="14:14">
      <c r="N444313" s="10"/>
    </row>
    <row r="444314" spans="14:14">
      <c r="N444314" s="10"/>
    </row>
    <row r="444315" spans="14:14">
      <c r="N444315" s="10"/>
    </row>
    <row r="444316" spans="14:14">
      <c r="N444316" s="10"/>
    </row>
    <row r="444317" spans="14:14">
      <c r="N444317" s="10"/>
    </row>
    <row r="444318" spans="14:14">
      <c r="N444318" s="10"/>
    </row>
    <row r="444319" spans="14:14">
      <c r="N444319" s="10"/>
    </row>
    <row r="444320" spans="14:14">
      <c r="N444320" s="10"/>
    </row>
    <row r="444321" spans="14:14">
      <c r="N444321" s="10"/>
    </row>
    <row r="444322" spans="14:14">
      <c r="N444322" s="10"/>
    </row>
    <row r="444323" spans="14:14">
      <c r="N444323" s="10"/>
    </row>
    <row r="444324" spans="14:14">
      <c r="N444324" s="10"/>
    </row>
    <row r="444325" spans="14:14">
      <c r="N444325" s="10"/>
    </row>
    <row r="444326" spans="14:14">
      <c r="N444326" s="10"/>
    </row>
    <row r="444327" spans="14:14">
      <c r="N444327" s="10"/>
    </row>
    <row r="444328" spans="14:14">
      <c r="N444328" s="10"/>
    </row>
    <row r="444329" spans="14:14">
      <c r="N444329" s="10"/>
    </row>
    <row r="444330" spans="14:14">
      <c r="N444330" s="10"/>
    </row>
    <row r="444331" spans="14:14">
      <c r="N444331" s="10"/>
    </row>
    <row r="444332" spans="14:14">
      <c r="N444332" s="10"/>
    </row>
    <row r="444333" spans="14:14">
      <c r="N444333" s="10"/>
    </row>
    <row r="444334" spans="14:14">
      <c r="N444334" s="10"/>
    </row>
    <row r="444335" spans="14:14">
      <c r="N444335" s="10"/>
    </row>
    <row r="444336" spans="14:14">
      <c r="N444336" s="10"/>
    </row>
    <row r="444337" spans="14:14">
      <c r="N444337" s="10"/>
    </row>
    <row r="444338" spans="14:14">
      <c r="N444338" s="10"/>
    </row>
    <row r="444339" spans="14:14">
      <c r="N444339" s="10"/>
    </row>
    <row r="444340" spans="14:14">
      <c r="N444340" s="10"/>
    </row>
    <row r="444341" spans="14:14">
      <c r="N444341" s="10"/>
    </row>
    <row r="444342" spans="14:14">
      <c r="N444342" s="10"/>
    </row>
    <row r="444343" spans="14:14">
      <c r="N444343" s="10"/>
    </row>
    <row r="444344" spans="14:14">
      <c r="N444344" s="10"/>
    </row>
    <row r="444345" spans="14:14">
      <c r="N444345" s="10"/>
    </row>
    <row r="444346" spans="14:14">
      <c r="N444346" s="10"/>
    </row>
    <row r="444347" spans="14:14">
      <c r="N444347" s="10"/>
    </row>
    <row r="444348" spans="14:14">
      <c r="N444348" s="10"/>
    </row>
    <row r="444349" spans="14:14">
      <c r="N444349" s="10"/>
    </row>
    <row r="444350" spans="14:14">
      <c r="N444350" s="10"/>
    </row>
    <row r="444351" spans="14:14">
      <c r="N444351" s="10"/>
    </row>
    <row r="444352" spans="14:14">
      <c r="N444352" s="10"/>
    </row>
    <row r="444353" spans="14:14">
      <c r="N444353" s="10"/>
    </row>
    <row r="444354" spans="14:14">
      <c r="N444354" s="10"/>
    </row>
    <row r="444355" spans="14:14">
      <c r="N444355" s="10"/>
    </row>
    <row r="444356" spans="14:14">
      <c r="N444356" s="10"/>
    </row>
    <row r="444357" spans="14:14">
      <c r="N444357" s="10"/>
    </row>
    <row r="444358" spans="14:14">
      <c r="N444358" s="10"/>
    </row>
    <row r="444359" spans="14:14">
      <c r="N444359" s="10"/>
    </row>
    <row r="444360" spans="14:14">
      <c r="N444360" s="10"/>
    </row>
    <row r="444361" spans="14:14">
      <c r="N444361" s="10"/>
    </row>
    <row r="444362" spans="14:14">
      <c r="N444362" s="10"/>
    </row>
    <row r="444363" spans="14:14">
      <c r="N444363" s="10"/>
    </row>
    <row r="444364" spans="14:14">
      <c r="N444364" s="10"/>
    </row>
    <row r="444365" spans="14:14">
      <c r="N444365" s="10"/>
    </row>
    <row r="444366" spans="14:14">
      <c r="N444366" s="10"/>
    </row>
    <row r="444367" spans="14:14">
      <c r="N444367" s="10"/>
    </row>
    <row r="444368" spans="14:14">
      <c r="N444368" s="10"/>
    </row>
    <row r="444369" spans="14:14">
      <c r="N444369" s="10"/>
    </row>
    <row r="444370" spans="14:14">
      <c r="N444370" s="10"/>
    </row>
    <row r="444371" spans="14:14">
      <c r="N444371" s="10"/>
    </row>
    <row r="444372" spans="14:14">
      <c r="N444372" s="10"/>
    </row>
    <row r="444373" spans="14:14">
      <c r="N444373" s="10"/>
    </row>
    <row r="444374" spans="14:14">
      <c r="N444374" s="10"/>
    </row>
    <row r="444375" spans="14:14">
      <c r="N444375" s="10"/>
    </row>
    <row r="444376" spans="14:14">
      <c r="N444376" s="10"/>
    </row>
    <row r="444377" spans="14:14">
      <c r="N444377" s="10"/>
    </row>
    <row r="444378" spans="14:14">
      <c r="N444378" s="10"/>
    </row>
    <row r="444379" spans="14:14">
      <c r="N444379" s="10"/>
    </row>
    <row r="444380" spans="14:14">
      <c r="N444380" s="10"/>
    </row>
    <row r="444381" spans="14:14">
      <c r="N444381" s="10"/>
    </row>
    <row r="444382" spans="14:14">
      <c r="N444382" s="10"/>
    </row>
    <row r="444383" spans="14:14">
      <c r="N444383" s="10"/>
    </row>
    <row r="444384" spans="14:14">
      <c r="N444384" s="10"/>
    </row>
    <row r="444385" spans="14:14">
      <c r="N444385" s="10"/>
    </row>
    <row r="444386" spans="14:14">
      <c r="N444386" s="10"/>
    </row>
    <row r="444387" spans="14:14">
      <c r="N444387" s="10"/>
    </row>
    <row r="444388" spans="14:14">
      <c r="N444388" s="10"/>
    </row>
    <row r="444389" spans="14:14">
      <c r="N444389" s="10"/>
    </row>
    <row r="444390" spans="14:14">
      <c r="N444390" s="10"/>
    </row>
    <row r="444391" spans="14:14">
      <c r="N444391" s="10"/>
    </row>
    <row r="444392" spans="14:14">
      <c r="N444392" s="10"/>
    </row>
    <row r="444393" spans="14:14">
      <c r="N444393" s="10"/>
    </row>
    <row r="444394" spans="14:14">
      <c r="N444394" s="10"/>
    </row>
    <row r="444395" spans="14:14">
      <c r="N444395" s="10"/>
    </row>
    <row r="444396" spans="14:14">
      <c r="N444396" s="10"/>
    </row>
    <row r="444397" spans="14:14">
      <c r="N444397" s="10"/>
    </row>
    <row r="444398" spans="14:14">
      <c r="N444398" s="10"/>
    </row>
    <row r="444399" spans="14:14">
      <c r="N444399" s="10"/>
    </row>
    <row r="444400" spans="14:14">
      <c r="N444400" s="10"/>
    </row>
    <row r="444401" spans="14:14">
      <c r="N444401" s="10"/>
    </row>
    <row r="444402" spans="14:14">
      <c r="N444402" s="10"/>
    </row>
    <row r="444403" spans="14:14">
      <c r="N444403" s="10"/>
    </row>
    <row r="444404" spans="14:14">
      <c r="N444404" s="10"/>
    </row>
    <row r="444405" spans="14:14">
      <c r="N444405" s="10"/>
    </row>
    <row r="444406" spans="14:14">
      <c r="N444406" s="10"/>
    </row>
    <row r="444407" spans="14:14">
      <c r="N444407" s="10"/>
    </row>
    <row r="444408" spans="14:14">
      <c r="N444408" s="10"/>
    </row>
    <row r="444409" spans="14:14">
      <c r="N444409" s="10"/>
    </row>
    <row r="444410" spans="14:14">
      <c r="N444410" s="10"/>
    </row>
    <row r="444411" spans="14:14">
      <c r="N444411" s="10"/>
    </row>
    <row r="444412" spans="14:14">
      <c r="N444412" s="10"/>
    </row>
    <row r="444413" spans="14:14">
      <c r="N444413" s="10"/>
    </row>
    <row r="444414" spans="14:14">
      <c r="N444414" s="10"/>
    </row>
    <row r="444415" spans="14:14">
      <c r="N444415" s="10"/>
    </row>
    <row r="444416" spans="14:14">
      <c r="N444416" s="10"/>
    </row>
    <row r="444417" spans="14:14">
      <c r="N444417" s="10"/>
    </row>
    <row r="444418" spans="14:14">
      <c r="N444418" s="10"/>
    </row>
    <row r="444419" spans="14:14">
      <c r="N444419" s="10"/>
    </row>
    <row r="444420" spans="14:14">
      <c r="N444420" s="10"/>
    </row>
    <row r="444421" spans="14:14">
      <c r="N444421" s="10"/>
    </row>
    <row r="444422" spans="14:14">
      <c r="N444422" s="10"/>
    </row>
    <row r="444423" spans="14:14">
      <c r="N444423" s="10"/>
    </row>
    <row r="444424" spans="14:14">
      <c r="N444424" s="10"/>
    </row>
    <row r="444425" spans="14:14">
      <c r="N444425" s="10"/>
    </row>
    <row r="444426" spans="14:14">
      <c r="N444426" s="10"/>
    </row>
    <row r="444427" spans="14:14">
      <c r="N444427" s="10"/>
    </row>
    <row r="444428" spans="14:14">
      <c r="N444428" s="10"/>
    </row>
    <row r="444429" spans="14:14">
      <c r="N444429" s="10"/>
    </row>
    <row r="444430" spans="14:14">
      <c r="N444430" s="10"/>
    </row>
    <row r="444431" spans="14:14">
      <c r="N444431" s="10"/>
    </row>
    <row r="444432" spans="14:14">
      <c r="N444432" s="10"/>
    </row>
    <row r="444433" spans="14:14">
      <c r="N444433" s="10"/>
    </row>
    <row r="444434" spans="14:14">
      <c r="N444434" s="10"/>
    </row>
    <row r="444435" spans="14:14">
      <c r="N444435" s="10"/>
    </row>
    <row r="444436" spans="14:14">
      <c r="N444436" s="10"/>
    </row>
    <row r="444437" spans="14:14">
      <c r="N444437" s="10"/>
    </row>
    <row r="444438" spans="14:14">
      <c r="N444438" s="10"/>
    </row>
    <row r="444439" spans="14:14">
      <c r="N444439" s="10"/>
    </row>
    <row r="444440" spans="14:14">
      <c r="N444440" s="10"/>
    </row>
    <row r="444441" spans="14:14">
      <c r="N444441" s="10"/>
    </row>
    <row r="444442" spans="14:14">
      <c r="N444442" s="10"/>
    </row>
    <row r="444443" spans="14:14">
      <c r="N444443" s="10"/>
    </row>
    <row r="444444" spans="14:14">
      <c r="N444444" s="10"/>
    </row>
    <row r="444445" spans="14:14">
      <c r="N444445" s="10"/>
    </row>
    <row r="444446" spans="14:14">
      <c r="N444446" s="10"/>
    </row>
    <row r="444447" spans="14:14">
      <c r="N444447" s="10"/>
    </row>
    <row r="444448" spans="14:14">
      <c r="N444448" s="10"/>
    </row>
    <row r="444449" spans="14:14">
      <c r="N444449" s="10"/>
    </row>
    <row r="444450" spans="14:14">
      <c r="N444450" s="10"/>
    </row>
    <row r="444451" spans="14:14">
      <c r="N444451" s="10"/>
    </row>
    <row r="444452" spans="14:14">
      <c r="N444452" s="10"/>
    </row>
    <row r="444453" spans="14:14">
      <c r="N444453" s="10"/>
    </row>
    <row r="444454" spans="14:14">
      <c r="N444454" s="10"/>
    </row>
    <row r="444455" spans="14:14">
      <c r="N444455" s="10"/>
    </row>
    <row r="444456" spans="14:14">
      <c r="N444456" s="10"/>
    </row>
    <row r="444457" spans="14:14">
      <c r="N444457" s="10"/>
    </row>
    <row r="444458" spans="14:14">
      <c r="N444458" s="10"/>
    </row>
    <row r="444459" spans="14:14">
      <c r="N444459" s="10"/>
    </row>
    <row r="444460" spans="14:14">
      <c r="N444460" s="10"/>
    </row>
    <row r="444461" spans="14:14">
      <c r="N444461" s="10"/>
    </row>
    <row r="444462" spans="14:14">
      <c r="N444462" s="10"/>
    </row>
    <row r="444463" spans="14:14">
      <c r="N444463" s="10"/>
    </row>
    <row r="444464" spans="14:14">
      <c r="N444464" s="10"/>
    </row>
    <row r="444465" spans="14:14">
      <c r="N444465" s="10"/>
    </row>
    <row r="444466" spans="14:14">
      <c r="N444466" s="10"/>
    </row>
    <row r="444467" spans="14:14">
      <c r="N444467" s="10"/>
    </row>
    <row r="444468" spans="14:14">
      <c r="N444468" s="10"/>
    </row>
    <row r="444469" spans="14:14">
      <c r="N444469" s="10"/>
    </row>
    <row r="444470" spans="14:14">
      <c r="N444470" s="10"/>
    </row>
    <row r="444471" spans="14:14">
      <c r="N444471" s="10"/>
    </row>
    <row r="444472" spans="14:14">
      <c r="N444472" s="10"/>
    </row>
    <row r="444473" spans="14:14">
      <c r="N444473" s="10"/>
    </row>
    <row r="444474" spans="14:14">
      <c r="N444474" s="10"/>
    </row>
    <row r="444475" spans="14:14">
      <c r="N444475" s="10"/>
    </row>
    <row r="444476" spans="14:14">
      <c r="N444476" s="10"/>
    </row>
    <row r="444477" spans="14:14">
      <c r="N444477" s="10"/>
    </row>
    <row r="444478" spans="14:14">
      <c r="N444478" s="10"/>
    </row>
    <row r="444479" spans="14:14">
      <c r="N444479" s="10"/>
    </row>
    <row r="444480" spans="14:14">
      <c r="N444480" s="10"/>
    </row>
    <row r="444481" spans="14:14">
      <c r="N444481" s="10"/>
    </row>
    <row r="444482" spans="14:14">
      <c r="N444482" s="10"/>
    </row>
    <row r="444483" spans="14:14">
      <c r="N444483" s="10"/>
    </row>
    <row r="444484" spans="14:14">
      <c r="N444484" s="10"/>
    </row>
    <row r="444485" spans="14:14">
      <c r="N444485" s="10"/>
    </row>
    <row r="444486" spans="14:14">
      <c r="N444486" s="10"/>
    </row>
    <row r="444487" spans="14:14">
      <c r="N444487" s="10"/>
    </row>
    <row r="444488" spans="14:14">
      <c r="N444488" s="10"/>
    </row>
    <row r="444489" spans="14:14">
      <c r="N444489" s="10"/>
    </row>
    <row r="444490" spans="14:14">
      <c r="N444490" s="10"/>
    </row>
    <row r="444491" spans="14:14">
      <c r="N444491" s="10"/>
    </row>
    <row r="444492" spans="14:14">
      <c r="N444492" s="10"/>
    </row>
    <row r="444493" spans="14:14">
      <c r="N444493" s="10"/>
    </row>
    <row r="444494" spans="14:14">
      <c r="N444494" s="10"/>
    </row>
    <row r="444495" spans="14:14">
      <c r="N444495" s="10"/>
    </row>
    <row r="444496" spans="14:14">
      <c r="N444496" s="10"/>
    </row>
    <row r="444497" spans="14:14">
      <c r="N444497" s="10"/>
    </row>
    <row r="444498" spans="14:14">
      <c r="N444498" s="10"/>
    </row>
    <row r="444499" spans="14:14">
      <c r="N444499" s="10"/>
    </row>
    <row r="444500" spans="14:14">
      <c r="N444500" s="10"/>
    </row>
    <row r="444501" spans="14:14">
      <c r="N444501" s="10"/>
    </row>
    <row r="444502" spans="14:14">
      <c r="N444502" s="10"/>
    </row>
    <row r="444503" spans="14:14">
      <c r="N444503" s="10"/>
    </row>
    <row r="444504" spans="14:14">
      <c r="N444504" s="10"/>
    </row>
    <row r="444505" spans="14:14">
      <c r="N444505" s="10"/>
    </row>
    <row r="444506" spans="14:14">
      <c r="N444506" s="10"/>
    </row>
    <row r="444507" spans="14:14">
      <c r="N444507" s="10"/>
    </row>
    <row r="444508" spans="14:14">
      <c r="N444508" s="10"/>
    </row>
    <row r="444509" spans="14:14">
      <c r="N444509" s="10"/>
    </row>
    <row r="444510" spans="14:14">
      <c r="N444510" s="10"/>
    </row>
    <row r="444511" spans="14:14">
      <c r="N444511" s="10"/>
    </row>
    <row r="444512" spans="14:14">
      <c r="N444512" s="10"/>
    </row>
    <row r="444513" spans="14:14">
      <c r="N444513" s="10"/>
    </row>
    <row r="444514" spans="14:14">
      <c r="N444514" s="10"/>
    </row>
    <row r="444515" spans="14:14">
      <c r="N444515" s="10"/>
    </row>
    <row r="444516" spans="14:14">
      <c r="N444516" s="10"/>
    </row>
    <row r="444517" spans="14:14">
      <c r="N444517" s="10"/>
    </row>
    <row r="444518" spans="14:14">
      <c r="N444518" s="10"/>
    </row>
    <row r="444519" spans="14:14">
      <c r="N444519" s="10"/>
    </row>
    <row r="444520" spans="14:14">
      <c r="N444520" s="10"/>
    </row>
    <row r="444521" spans="14:14">
      <c r="N444521" s="10"/>
    </row>
    <row r="444522" spans="14:14">
      <c r="N444522" s="10"/>
    </row>
    <row r="444523" spans="14:14">
      <c r="N444523" s="10"/>
    </row>
    <row r="444524" spans="14:14">
      <c r="N444524" s="10"/>
    </row>
    <row r="444525" spans="14:14">
      <c r="N444525" s="10"/>
    </row>
    <row r="444526" spans="14:14">
      <c r="N444526" s="10"/>
    </row>
    <row r="444527" spans="14:14">
      <c r="N444527" s="10"/>
    </row>
    <row r="444528" spans="14:14">
      <c r="N444528" s="10"/>
    </row>
    <row r="444529" spans="14:14">
      <c r="N444529" s="10"/>
    </row>
    <row r="444530" spans="14:14">
      <c r="N444530" s="10"/>
    </row>
    <row r="444531" spans="14:14">
      <c r="N444531" s="10"/>
    </row>
    <row r="444532" spans="14:14">
      <c r="N444532" s="10"/>
    </row>
    <row r="444533" spans="14:14">
      <c r="N444533" s="10"/>
    </row>
    <row r="444534" spans="14:14">
      <c r="N444534" s="10"/>
    </row>
    <row r="444535" spans="14:14">
      <c r="N444535" s="10"/>
    </row>
    <row r="444536" spans="14:14">
      <c r="N444536" s="10"/>
    </row>
    <row r="444537" spans="14:14">
      <c r="N444537" s="10"/>
    </row>
    <row r="444538" spans="14:14">
      <c r="N444538" s="10"/>
    </row>
    <row r="444539" spans="14:14">
      <c r="N444539" s="10"/>
    </row>
    <row r="444540" spans="14:14">
      <c r="N444540" s="10"/>
    </row>
    <row r="444541" spans="14:14">
      <c r="N444541" s="10"/>
    </row>
    <row r="444542" spans="14:14">
      <c r="N444542" s="10"/>
    </row>
    <row r="444543" spans="14:14">
      <c r="N444543" s="10"/>
    </row>
    <row r="444544" spans="14:14">
      <c r="N444544" s="10"/>
    </row>
    <row r="444545" spans="14:14">
      <c r="N444545" s="10"/>
    </row>
    <row r="444546" spans="14:14">
      <c r="N444546" s="10"/>
    </row>
    <row r="444547" spans="14:14">
      <c r="N444547" s="10"/>
    </row>
    <row r="444548" spans="14:14">
      <c r="N444548" s="10"/>
    </row>
    <row r="444549" spans="14:14">
      <c r="N444549" s="10"/>
    </row>
    <row r="444550" spans="14:14">
      <c r="N444550" s="10"/>
    </row>
    <row r="444551" spans="14:14">
      <c r="N444551" s="10"/>
    </row>
    <row r="444552" spans="14:14">
      <c r="N444552" s="10"/>
    </row>
    <row r="444553" spans="14:14">
      <c r="N444553" s="10"/>
    </row>
    <row r="444554" spans="14:14">
      <c r="N444554" s="10"/>
    </row>
    <row r="444555" spans="14:14">
      <c r="N444555" s="10"/>
    </row>
    <row r="444556" spans="14:14">
      <c r="N444556" s="10"/>
    </row>
    <row r="444557" spans="14:14">
      <c r="N444557" s="10"/>
    </row>
    <row r="444558" spans="14:14">
      <c r="N444558" s="10"/>
    </row>
    <row r="444559" spans="14:14">
      <c r="N444559" s="10"/>
    </row>
    <row r="444560" spans="14:14">
      <c r="N444560" s="10"/>
    </row>
    <row r="444561" spans="14:14">
      <c r="N444561" s="10"/>
    </row>
    <row r="444562" spans="14:14">
      <c r="N444562" s="10"/>
    </row>
    <row r="444563" spans="14:14">
      <c r="N444563" s="10"/>
    </row>
    <row r="444564" spans="14:14">
      <c r="N444564" s="10"/>
    </row>
    <row r="444565" spans="14:14">
      <c r="N444565" s="10"/>
    </row>
    <row r="444566" spans="14:14">
      <c r="N444566" s="10"/>
    </row>
    <row r="444567" spans="14:14">
      <c r="N444567" s="10"/>
    </row>
    <row r="444568" spans="14:14">
      <c r="N444568" s="10"/>
    </row>
    <row r="444569" spans="14:14">
      <c r="N444569" s="10"/>
    </row>
    <row r="444570" spans="14:14">
      <c r="N444570" s="10"/>
    </row>
    <row r="444571" spans="14:14">
      <c r="N444571" s="10"/>
    </row>
    <row r="444572" spans="14:14">
      <c r="N444572" s="10"/>
    </row>
    <row r="444573" spans="14:14">
      <c r="N444573" s="10"/>
    </row>
    <row r="444574" spans="14:14">
      <c r="N444574" s="10"/>
    </row>
    <row r="444575" spans="14:14">
      <c r="N444575" s="10"/>
    </row>
    <row r="444576" spans="14:14">
      <c r="N444576" s="10"/>
    </row>
    <row r="444577" spans="14:14">
      <c r="N444577" s="10"/>
    </row>
    <row r="444578" spans="14:14">
      <c r="N444578" s="10"/>
    </row>
    <row r="444579" spans="14:14">
      <c r="N444579" s="10"/>
    </row>
    <row r="444580" spans="14:14">
      <c r="N444580" s="10"/>
    </row>
    <row r="444581" spans="14:14">
      <c r="N444581" s="10"/>
    </row>
    <row r="444582" spans="14:14">
      <c r="N444582" s="10"/>
    </row>
    <row r="444583" spans="14:14">
      <c r="N444583" s="10"/>
    </row>
    <row r="444584" spans="14:14">
      <c r="N444584" s="10"/>
    </row>
    <row r="444585" spans="14:14">
      <c r="N444585" s="10"/>
    </row>
    <row r="444586" spans="14:14">
      <c r="N444586" s="10"/>
    </row>
    <row r="444587" spans="14:14">
      <c r="N444587" s="10"/>
    </row>
    <row r="444588" spans="14:14">
      <c r="N444588" s="10"/>
    </row>
    <row r="444589" spans="14:14">
      <c r="N444589" s="10"/>
    </row>
    <row r="444590" spans="14:14">
      <c r="N444590" s="10"/>
    </row>
    <row r="444591" spans="14:14">
      <c r="N444591" s="10"/>
    </row>
    <row r="444592" spans="14:14">
      <c r="N444592" s="10"/>
    </row>
    <row r="444593" spans="14:14">
      <c r="N444593" s="10"/>
    </row>
    <row r="444594" spans="14:14">
      <c r="N444594" s="10"/>
    </row>
    <row r="444595" spans="14:14">
      <c r="N444595" s="10"/>
    </row>
    <row r="444596" spans="14:14">
      <c r="N444596" s="10"/>
    </row>
    <row r="444597" spans="14:14">
      <c r="N444597" s="10"/>
    </row>
    <row r="444598" spans="14:14">
      <c r="N444598" s="10"/>
    </row>
    <row r="444599" spans="14:14">
      <c r="N444599" s="10"/>
    </row>
    <row r="444600" spans="14:14">
      <c r="N444600" s="10"/>
    </row>
    <row r="444601" spans="14:14">
      <c r="N444601" s="10"/>
    </row>
    <row r="444602" spans="14:14">
      <c r="N444602" s="10"/>
    </row>
    <row r="444603" spans="14:14">
      <c r="N444603" s="10"/>
    </row>
    <row r="444604" spans="14:14">
      <c r="N444604" s="10"/>
    </row>
    <row r="444605" spans="14:14">
      <c r="N444605" s="10"/>
    </row>
    <row r="444606" spans="14:14">
      <c r="N444606" s="10"/>
    </row>
    <row r="444607" spans="14:14">
      <c r="N444607" s="10"/>
    </row>
    <row r="444608" spans="14:14">
      <c r="N444608" s="10"/>
    </row>
    <row r="444609" spans="14:14">
      <c r="N444609" s="10"/>
    </row>
    <row r="444610" spans="14:14">
      <c r="N444610" s="10"/>
    </row>
    <row r="444611" spans="14:14">
      <c r="N444611" s="10"/>
    </row>
    <row r="444612" spans="14:14">
      <c r="N444612" s="10"/>
    </row>
    <row r="444613" spans="14:14">
      <c r="N444613" s="10"/>
    </row>
    <row r="444614" spans="14:14">
      <c r="N444614" s="10"/>
    </row>
    <row r="444615" spans="14:14">
      <c r="N444615" s="10"/>
    </row>
    <row r="444616" spans="14:14">
      <c r="N444616" s="10"/>
    </row>
    <row r="444617" spans="14:14">
      <c r="N444617" s="10"/>
    </row>
    <row r="444618" spans="14:14">
      <c r="N444618" s="10"/>
    </row>
    <row r="444619" spans="14:14">
      <c r="N444619" s="10"/>
    </row>
    <row r="444620" spans="14:14">
      <c r="N444620" s="10"/>
    </row>
    <row r="444621" spans="14:14">
      <c r="N444621" s="10"/>
    </row>
    <row r="444622" spans="14:14">
      <c r="N444622" s="10"/>
    </row>
    <row r="444623" spans="14:14">
      <c r="N444623" s="10"/>
    </row>
    <row r="444624" spans="14:14">
      <c r="N444624" s="10"/>
    </row>
    <row r="444625" spans="14:14">
      <c r="N444625" s="10"/>
    </row>
    <row r="444626" spans="14:14">
      <c r="N444626" s="10"/>
    </row>
    <row r="444627" spans="14:14">
      <c r="N444627" s="10"/>
    </row>
    <row r="444628" spans="14:14">
      <c r="N444628" s="10"/>
    </row>
    <row r="444629" spans="14:14">
      <c r="N444629" s="10"/>
    </row>
    <row r="444630" spans="14:14">
      <c r="N444630" s="10"/>
    </row>
    <row r="444631" spans="14:14">
      <c r="N444631" s="10"/>
    </row>
    <row r="444632" spans="14:14">
      <c r="N444632" s="10"/>
    </row>
    <row r="444633" spans="14:14">
      <c r="N444633" s="10"/>
    </row>
    <row r="444634" spans="14:14">
      <c r="N444634" s="10"/>
    </row>
    <row r="444635" spans="14:14">
      <c r="N444635" s="10"/>
    </row>
    <row r="444636" spans="14:14">
      <c r="N444636" s="10"/>
    </row>
    <row r="444637" spans="14:14">
      <c r="N444637" s="10"/>
    </row>
    <row r="444638" spans="14:14">
      <c r="N444638" s="10"/>
    </row>
    <row r="444639" spans="14:14">
      <c r="N444639" s="10"/>
    </row>
    <row r="444640" spans="14:14">
      <c r="N444640" s="10"/>
    </row>
    <row r="444641" spans="14:14">
      <c r="N444641" s="10"/>
    </row>
    <row r="444642" spans="14:14">
      <c r="N444642" s="10"/>
    </row>
    <row r="444643" spans="14:14">
      <c r="N444643" s="10"/>
    </row>
    <row r="444644" spans="14:14">
      <c r="N444644" s="10"/>
    </row>
    <row r="444645" spans="14:14">
      <c r="N444645" s="10"/>
    </row>
    <row r="444646" spans="14:14">
      <c r="N444646" s="10"/>
    </row>
    <row r="444647" spans="14:14">
      <c r="N444647" s="10"/>
    </row>
    <row r="444648" spans="14:14">
      <c r="N444648" s="10"/>
    </row>
    <row r="444649" spans="14:14">
      <c r="N444649" s="10"/>
    </row>
    <row r="444650" spans="14:14">
      <c r="N444650" s="10"/>
    </row>
    <row r="444651" spans="14:14">
      <c r="N444651" s="10"/>
    </row>
    <row r="444652" spans="14:14">
      <c r="N444652" s="10"/>
    </row>
    <row r="444653" spans="14:14">
      <c r="N444653" s="10"/>
    </row>
    <row r="444654" spans="14:14">
      <c r="N444654" s="10"/>
    </row>
    <row r="444655" spans="14:14">
      <c r="N444655" s="10"/>
    </row>
    <row r="444656" spans="14:14">
      <c r="N444656" s="10"/>
    </row>
    <row r="444657" spans="14:14">
      <c r="N444657" s="10"/>
    </row>
    <row r="444658" spans="14:14">
      <c r="N444658" s="10"/>
    </row>
    <row r="444659" spans="14:14">
      <c r="N444659" s="10"/>
    </row>
    <row r="444660" spans="14:14">
      <c r="N444660" s="10"/>
    </row>
    <row r="444661" spans="14:14">
      <c r="N444661" s="10"/>
    </row>
    <row r="444662" spans="14:14">
      <c r="N444662" s="10"/>
    </row>
    <row r="444663" spans="14:14">
      <c r="N444663" s="10"/>
    </row>
    <row r="444664" spans="14:14">
      <c r="N444664" s="10"/>
    </row>
    <row r="444665" spans="14:14">
      <c r="N444665" s="10"/>
    </row>
    <row r="444666" spans="14:14">
      <c r="N444666" s="10"/>
    </row>
    <row r="444667" spans="14:14">
      <c r="N444667" s="10"/>
    </row>
    <row r="444668" spans="14:14">
      <c r="N444668" s="10"/>
    </row>
    <row r="444669" spans="14:14">
      <c r="N444669" s="10"/>
    </row>
    <row r="444670" spans="14:14">
      <c r="N444670" s="10"/>
    </row>
    <row r="444671" spans="14:14">
      <c r="N444671" s="10"/>
    </row>
    <row r="444672" spans="14:14">
      <c r="N444672" s="10"/>
    </row>
    <row r="444673" spans="14:14">
      <c r="N444673" s="10"/>
    </row>
    <row r="444674" spans="14:14">
      <c r="N444674" s="10"/>
    </row>
    <row r="444675" spans="14:14">
      <c r="N444675" s="10"/>
    </row>
    <row r="444676" spans="14:14">
      <c r="N444676" s="10"/>
    </row>
    <row r="444677" spans="14:14">
      <c r="N444677" s="10"/>
    </row>
    <row r="444678" spans="14:14">
      <c r="N444678" s="10"/>
    </row>
    <row r="444679" spans="14:14">
      <c r="N444679" s="10"/>
    </row>
    <row r="444680" spans="14:14">
      <c r="N444680" s="10"/>
    </row>
    <row r="444681" spans="14:14">
      <c r="N444681" s="10"/>
    </row>
    <row r="444682" spans="14:14">
      <c r="N444682" s="10"/>
    </row>
    <row r="444683" spans="14:14">
      <c r="N444683" s="10"/>
    </row>
    <row r="444684" spans="14:14">
      <c r="N444684" s="10"/>
    </row>
    <row r="444685" spans="14:14">
      <c r="N444685" s="10"/>
    </row>
    <row r="444686" spans="14:14">
      <c r="N444686" s="10"/>
    </row>
    <row r="444687" spans="14:14">
      <c r="N444687" s="10"/>
    </row>
    <row r="444688" spans="14:14">
      <c r="N444688" s="10"/>
    </row>
    <row r="444689" spans="14:14">
      <c r="N444689" s="10"/>
    </row>
    <row r="444690" spans="14:14">
      <c r="N444690" s="10"/>
    </row>
    <row r="444691" spans="14:14">
      <c r="N444691" s="10"/>
    </row>
    <row r="444692" spans="14:14">
      <c r="N444692" s="10"/>
    </row>
    <row r="444693" spans="14:14">
      <c r="N444693" s="10"/>
    </row>
    <row r="444694" spans="14:14">
      <c r="N444694" s="10"/>
    </row>
    <row r="444695" spans="14:14">
      <c r="N444695" s="10"/>
    </row>
    <row r="444696" spans="14:14">
      <c r="N444696" s="10"/>
    </row>
    <row r="444697" spans="14:14">
      <c r="N444697" s="10"/>
    </row>
    <row r="444698" spans="14:14">
      <c r="N444698" s="10"/>
    </row>
    <row r="444699" spans="14:14">
      <c r="N444699" s="10"/>
    </row>
    <row r="444700" spans="14:14">
      <c r="N444700" s="10"/>
    </row>
    <row r="444701" spans="14:14">
      <c r="N444701" s="10"/>
    </row>
    <row r="444702" spans="14:14">
      <c r="N444702" s="10"/>
    </row>
    <row r="444703" spans="14:14">
      <c r="N444703" s="10"/>
    </row>
    <row r="444704" spans="14:14">
      <c r="N444704" s="10"/>
    </row>
    <row r="444705" spans="14:14">
      <c r="N444705" s="10"/>
    </row>
    <row r="444706" spans="14:14">
      <c r="N444706" s="10"/>
    </row>
    <row r="444707" spans="14:14">
      <c r="N444707" s="10"/>
    </row>
    <row r="444708" spans="14:14">
      <c r="N444708" s="10"/>
    </row>
    <row r="444709" spans="14:14">
      <c r="N444709" s="10"/>
    </row>
    <row r="444710" spans="14:14">
      <c r="N444710" s="10"/>
    </row>
    <row r="444711" spans="14:14">
      <c r="N444711" s="10"/>
    </row>
    <row r="444712" spans="14:14">
      <c r="N444712" s="10"/>
    </row>
    <row r="444713" spans="14:14">
      <c r="N444713" s="10"/>
    </row>
    <row r="444714" spans="14:14">
      <c r="N444714" s="10"/>
    </row>
    <row r="444715" spans="14:14">
      <c r="N444715" s="10"/>
    </row>
    <row r="444716" spans="14:14">
      <c r="N444716" s="10"/>
    </row>
    <row r="444717" spans="14:14">
      <c r="N444717" s="10"/>
    </row>
    <row r="444718" spans="14:14">
      <c r="N444718" s="10"/>
    </row>
    <row r="444719" spans="14:14">
      <c r="N444719" s="10"/>
    </row>
    <row r="444720" spans="14:14">
      <c r="N444720" s="10"/>
    </row>
    <row r="444721" spans="14:14">
      <c r="N444721" s="10"/>
    </row>
    <row r="444722" spans="14:14">
      <c r="N444722" s="10"/>
    </row>
    <row r="444723" spans="14:14">
      <c r="N444723" s="10"/>
    </row>
    <row r="444724" spans="14:14">
      <c r="N444724" s="10"/>
    </row>
    <row r="444725" spans="14:14">
      <c r="N444725" s="10"/>
    </row>
    <row r="444726" spans="14:14">
      <c r="N444726" s="10"/>
    </row>
    <row r="444727" spans="14:14">
      <c r="N444727" s="10"/>
    </row>
    <row r="444728" spans="14:14">
      <c r="N444728" s="10"/>
    </row>
    <row r="444729" spans="14:14">
      <c r="N444729" s="10"/>
    </row>
    <row r="444730" spans="14:14">
      <c r="N444730" s="10"/>
    </row>
    <row r="444731" spans="14:14">
      <c r="N444731" s="10"/>
    </row>
    <row r="444732" spans="14:14">
      <c r="N444732" s="10"/>
    </row>
    <row r="444733" spans="14:14">
      <c r="N444733" s="10"/>
    </row>
    <row r="444734" spans="14:14">
      <c r="N444734" s="10"/>
    </row>
    <row r="444735" spans="14:14">
      <c r="N444735" s="10"/>
    </row>
    <row r="444736" spans="14:14">
      <c r="N444736" s="10"/>
    </row>
    <row r="444737" spans="14:14">
      <c r="N444737" s="10"/>
    </row>
    <row r="444738" spans="14:14">
      <c r="N444738" s="10"/>
    </row>
    <row r="444739" spans="14:14">
      <c r="N444739" s="10"/>
    </row>
    <row r="444740" spans="14:14">
      <c r="N444740" s="10"/>
    </row>
    <row r="444741" spans="14:14">
      <c r="N444741" s="10"/>
    </row>
    <row r="444742" spans="14:14">
      <c r="N444742" s="10"/>
    </row>
    <row r="444743" spans="14:14">
      <c r="N444743" s="10"/>
    </row>
    <row r="444744" spans="14:14">
      <c r="N444744" s="10"/>
    </row>
    <row r="444745" spans="14:14">
      <c r="N444745" s="10"/>
    </row>
    <row r="444746" spans="14:14">
      <c r="N444746" s="10"/>
    </row>
    <row r="444747" spans="14:14">
      <c r="N444747" s="10"/>
    </row>
    <row r="444748" spans="14:14">
      <c r="N444748" s="10"/>
    </row>
    <row r="444749" spans="14:14">
      <c r="N444749" s="10"/>
    </row>
    <row r="444750" spans="14:14">
      <c r="N444750" s="10"/>
    </row>
    <row r="444751" spans="14:14">
      <c r="N444751" s="10"/>
    </row>
    <row r="444752" spans="14:14">
      <c r="N444752" s="10"/>
    </row>
    <row r="444753" spans="14:14">
      <c r="N444753" s="10"/>
    </row>
    <row r="444754" spans="14:14">
      <c r="N444754" s="10"/>
    </row>
    <row r="444755" spans="14:14">
      <c r="N444755" s="10"/>
    </row>
    <row r="444756" spans="14:14">
      <c r="N444756" s="10"/>
    </row>
    <row r="444757" spans="14:14">
      <c r="N444757" s="10"/>
    </row>
    <row r="444758" spans="14:14">
      <c r="N444758" s="10"/>
    </row>
    <row r="444759" spans="14:14">
      <c r="N444759" s="10"/>
    </row>
    <row r="444760" spans="14:14">
      <c r="N444760" s="10"/>
    </row>
    <row r="444761" spans="14:14">
      <c r="N444761" s="10"/>
    </row>
    <row r="444762" spans="14:14">
      <c r="N444762" s="10"/>
    </row>
    <row r="444763" spans="14:14">
      <c r="N444763" s="10"/>
    </row>
    <row r="444764" spans="14:14">
      <c r="N444764" s="10"/>
    </row>
    <row r="444765" spans="14:14">
      <c r="N444765" s="10"/>
    </row>
    <row r="444766" spans="14:14">
      <c r="N444766" s="10"/>
    </row>
    <row r="444767" spans="14:14">
      <c r="N444767" s="10"/>
    </row>
    <row r="444768" spans="14:14">
      <c r="N444768" s="10"/>
    </row>
    <row r="444769" spans="14:14">
      <c r="N444769" s="10"/>
    </row>
    <row r="444770" spans="14:14">
      <c r="N444770" s="10"/>
    </row>
    <row r="444771" spans="14:14">
      <c r="N444771" s="10"/>
    </row>
    <row r="444772" spans="14:14">
      <c r="N444772" s="10"/>
    </row>
    <row r="444773" spans="14:14">
      <c r="N444773" s="10"/>
    </row>
    <row r="444774" spans="14:14">
      <c r="N444774" s="10"/>
    </row>
    <row r="444775" spans="14:14">
      <c r="N444775" s="10"/>
    </row>
    <row r="444776" spans="14:14">
      <c r="N444776" s="10"/>
    </row>
    <row r="444777" spans="14:14">
      <c r="N444777" s="10"/>
    </row>
    <row r="444778" spans="14:14">
      <c r="N444778" s="10"/>
    </row>
    <row r="444779" spans="14:14">
      <c r="N444779" s="10"/>
    </row>
    <row r="444780" spans="14:14">
      <c r="N444780" s="10"/>
    </row>
    <row r="444781" spans="14:14">
      <c r="N444781" s="10"/>
    </row>
    <row r="444782" spans="14:14">
      <c r="N444782" s="10"/>
    </row>
    <row r="444783" spans="14:14">
      <c r="N444783" s="10"/>
    </row>
    <row r="444784" spans="14:14">
      <c r="N444784" s="10"/>
    </row>
    <row r="444785" spans="14:14">
      <c r="N444785" s="10"/>
    </row>
    <row r="444786" spans="14:14">
      <c r="N444786" s="10"/>
    </row>
    <row r="444787" spans="14:14">
      <c r="N444787" s="10"/>
    </row>
    <row r="444788" spans="14:14">
      <c r="N444788" s="10"/>
    </row>
    <row r="444789" spans="14:14">
      <c r="N444789" s="10"/>
    </row>
    <row r="444790" spans="14:14">
      <c r="N444790" s="10"/>
    </row>
    <row r="444791" spans="14:14">
      <c r="N444791" s="10"/>
    </row>
    <row r="444792" spans="14:14">
      <c r="N444792" s="10"/>
    </row>
    <row r="444793" spans="14:14">
      <c r="N444793" s="10"/>
    </row>
    <row r="444794" spans="14:14">
      <c r="N444794" s="10"/>
    </row>
    <row r="444795" spans="14:14">
      <c r="N444795" s="10"/>
    </row>
    <row r="444796" spans="14:14">
      <c r="N444796" s="10"/>
    </row>
    <row r="444797" spans="14:14">
      <c r="N444797" s="10"/>
    </row>
    <row r="444798" spans="14:14">
      <c r="N444798" s="10"/>
    </row>
    <row r="444799" spans="14:14">
      <c r="N444799" s="10"/>
    </row>
    <row r="444800" spans="14:14">
      <c r="N444800" s="10"/>
    </row>
    <row r="444801" spans="14:14">
      <c r="N444801" s="10"/>
    </row>
    <row r="444802" spans="14:14">
      <c r="N444802" s="10"/>
    </row>
    <row r="444803" spans="14:14">
      <c r="N444803" s="10"/>
    </row>
    <row r="444804" spans="14:14">
      <c r="N444804" s="10"/>
    </row>
    <row r="444805" spans="14:14">
      <c r="N444805" s="10"/>
    </row>
    <row r="444806" spans="14:14">
      <c r="N444806" s="10"/>
    </row>
    <row r="444807" spans="14:14">
      <c r="N444807" s="10"/>
    </row>
    <row r="444808" spans="14:14">
      <c r="N444808" s="10"/>
    </row>
    <row r="444809" spans="14:14">
      <c r="N444809" s="10"/>
    </row>
    <row r="444810" spans="14:14">
      <c r="N444810" s="10"/>
    </row>
    <row r="444811" spans="14:14">
      <c r="N444811" s="10"/>
    </row>
    <row r="444812" spans="14:14">
      <c r="N444812" s="10"/>
    </row>
    <row r="444813" spans="14:14">
      <c r="N444813" s="10"/>
    </row>
    <row r="444814" spans="14:14">
      <c r="N444814" s="10"/>
    </row>
    <row r="444815" spans="14:14">
      <c r="N444815" s="10"/>
    </row>
    <row r="444816" spans="14:14">
      <c r="N444816" s="10"/>
    </row>
    <row r="444817" spans="14:14">
      <c r="N444817" s="10"/>
    </row>
    <row r="444818" spans="14:14">
      <c r="N444818" s="10"/>
    </row>
    <row r="444819" spans="14:14">
      <c r="N444819" s="10"/>
    </row>
    <row r="444820" spans="14:14">
      <c r="N444820" s="10"/>
    </row>
    <row r="444821" spans="14:14">
      <c r="N444821" s="10"/>
    </row>
    <row r="444822" spans="14:14">
      <c r="N444822" s="10"/>
    </row>
    <row r="444823" spans="14:14">
      <c r="N444823" s="10"/>
    </row>
    <row r="444824" spans="14:14">
      <c r="N444824" s="10"/>
    </row>
    <row r="444825" spans="14:14">
      <c r="N444825" s="10"/>
    </row>
    <row r="444826" spans="14:14">
      <c r="N444826" s="10"/>
    </row>
    <row r="444827" spans="14:14">
      <c r="N444827" s="10"/>
    </row>
    <row r="444828" spans="14:14">
      <c r="N444828" s="10"/>
    </row>
    <row r="444829" spans="14:14">
      <c r="N444829" s="10"/>
    </row>
    <row r="444830" spans="14:14">
      <c r="N444830" s="10"/>
    </row>
    <row r="444831" spans="14:14">
      <c r="N444831" s="10"/>
    </row>
    <row r="444832" spans="14:14">
      <c r="N444832" s="10"/>
    </row>
    <row r="444833" spans="14:14">
      <c r="N444833" s="10"/>
    </row>
    <row r="444834" spans="14:14">
      <c r="N444834" s="10"/>
    </row>
    <row r="444835" spans="14:14">
      <c r="N444835" s="10"/>
    </row>
    <row r="444836" spans="14:14">
      <c r="N444836" s="10"/>
    </row>
    <row r="444837" spans="14:14">
      <c r="N444837" s="10"/>
    </row>
    <row r="444838" spans="14:14">
      <c r="N444838" s="10"/>
    </row>
    <row r="444839" spans="14:14">
      <c r="N444839" s="10"/>
    </row>
    <row r="444840" spans="14:14">
      <c r="N444840" s="10"/>
    </row>
    <row r="444841" spans="14:14">
      <c r="N444841" s="10"/>
    </row>
    <row r="444842" spans="14:14">
      <c r="N444842" s="10"/>
    </row>
    <row r="444843" spans="14:14">
      <c r="N444843" s="10"/>
    </row>
    <row r="444844" spans="14:14">
      <c r="N444844" s="10"/>
    </row>
    <row r="444845" spans="14:14">
      <c r="N444845" s="10"/>
    </row>
    <row r="444846" spans="14:14">
      <c r="N444846" s="10"/>
    </row>
    <row r="444847" spans="14:14">
      <c r="N444847" s="10"/>
    </row>
    <row r="444848" spans="14:14">
      <c r="N444848" s="10"/>
    </row>
    <row r="444849" spans="14:14">
      <c r="N444849" s="10"/>
    </row>
    <row r="444850" spans="14:14">
      <c r="N444850" s="10"/>
    </row>
    <row r="444851" spans="14:14">
      <c r="N444851" s="10"/>
    </row>
    <row r="444852" spans="14:14">
      <c r="N444852" s="10"/>
    </row>
    <row r="444853" spans="14:14">
      <c r="N444853" s="10"/>
    </row>
    <row r="444854" spans="14:14">
      <c r="N444854" s="10"/>
    </row>
    <row r="444855" spans="14:14">
      <c r="N444855" s="10"/>
    </row>
    <row r="444856" spans="14:14">
      <c r="N444856" s="10"/>
    </row>
    <row r="444857" spans="14:14">
      <c r="N444857" s="10"/>
    </row>
    <row r="444858" spans="14:14">
      <c r="N444858" s="10"/>
    </row>
    <row r="444859" spans="14:14">
      <c r="N444859" s="10"/>
    </row>
    <row r="444860" spans="14:14">
      <c r="N444860" s="10"/>
    </row>
    <row r="444861" spans="14:14">
      <c r="N444861" s="10"/>
    </row>
    <row r="444862" spans="14:14">
      <c r="N444862" s="10"/>
    </row>
    <row r="444863" spans="14:14">
      <c r="N444863" s="10"/>
    </row>
    <row r="444864" spans="14:14">
      <c r="N444864" s="10"/>
    </row>
    <row r="444865" spans="14:14">
      <c r="N444865" s="10"/>
    </row>
    <row r="444866" spans="14:14">
      <c r="N444866" s="10"/>
    </row>
    <row r="444867" spans="14:14">
      <c r="N444867" s="10"/>
    </row>
    <row r="444868" spans="14:14">
      <c r="N444868" s="10"/>
    </row>
    <row r="444869" spans="14:14">
      <c r="N444869" s="10"/>
    </row>
    <row r="444870" spans="14:14">
      <c r="N444870" s="10"/>
    </row>
    <row r="444871" spans="14:14">
      <c r="N444871" s="10"/>
    </row>
    <row r="444872" spans="14:14">
      <c r="N444872" s="10"/>
    </row>
    <row r="444873" spans="14:14">
      <c r="N444873" s="10"/>
    </row>
    <row r="444874" spans="14:14">
      <c r="N444874" s="10"/>
    </row>
    <row r="444875" spans="14:14">
      <c r="N444875" s="10"/>
    </row>
    <row r="444876" spans="14:14">
      <c r="N444876" s="10"/>
    </row>
    <row r="444877" spans="14:14">
      <c r="N444877" s="10"/>
    </row>
    <row r="444878" spans="14:14">
      <c r="N444878" s="10"/>
    </row>
    <row r="444879" spans="14:14">
      <c r="N444879" s="10"/>
    </row>
    <row r="444880" spans="14:14">
      <c r="N444880" s="10"/>
    </row>
    <row r="444881" spans="14:14">
      <c r="N444881" s="10"/>
    </row>
    <row r="444882" spans="14:14">
      <c r="N444882" s="10"/>
    </row>
    <row r="444883" spans="14:14">
      <c r="N444883" s="10"/>
    </row>
    <row r="444884" spans="14:14">
      <c r="N444884" s="10"/>
    </row>
    <row r="444885" spans="14:14">
      <c r="N444885" s="10"/>
    </row>
    <row r="444886" spans="14:14">
      <c r="N444886" s="10"/>
    </row>
    <row r="444887" spans="14:14">
      <c r="N444887" s="10"/>
    </row>
    <row r="444888" spans="14:14">
      <c r="N444888" s="10"/>
    </row>
    <row r="444889" spans="14:14">
      <c r="N444889" s="10"/>
    </row>
    <row r="444890" spans="14:14">
      <c r="N444890" s="10"/>
    </row>
    <row r="444891" spans="14:14">
      <c r="N444891" s="10"/>
    </row>
    <row r="444892" spans="14:14">
      <c r="N444892" s="10"/>
    </row>
    <row r="444893" spans="14:14">
      <c r="N444893" s="10"/>
    </row>
    <row r="444894" spans="14:14">
      <c r="N444894" s="10"/>
    </row>
    <row r="444895" spans="14:14">
      <c r="N444895" s="10"/>
    </row>
    <row r="444896" spans="14:14">
      <c r="N444896" s="10"/>
    </row>
    <row r="444897" spans="14:14">
      <c r="N444897" s="10"/>
    </row>
    <row r="444898" spans="14:14">
      <c r="N444898" s="10"/>
    </row>
    <row r="444899" spans="14:14">
      <c r="N444899" s="10"/>
    </row>
    <row r="444900" spans="14:14">
      <c r="N444900" s="10"/>
    </row>
    <row r="444901" spans="14:14">
      <c r="N444901" s="10"/>
    </row>
    <row r="444902" spans="14:14">
      <c r="N444902" s="10"/>
    </row>
    <row r="444903" spans="14:14">
      <c r="N444903" s="10"/>
    </row>
    <row r="444904" spans="14:14">
      <c r="N444904" s="10"/>
    </row>
    <row r="444905" spans="14:14">
      <c r="N444905" s="10"/>
    </row>
    <row r="444906" spans="14:14">
      <c r="N444906" s="10"/>
    </row>
    <row r="444907" spans="14:14">
      <c r="N444907" s="10"/>
    </row>
    <row r="444908" spans="14:14">
      <c r="N444908" s="10"/>
    </row>
    <row r="444909" spans="14:14">
      <c r="N444909" s="10"/>
    </row>
    <row r="444910" spans="14:14">
      <c r="N444910" s="10"/>
    </row>
    <row r="444911" spans="14:14">
      <c r="N444911" s="10"/>
    </row>
    <row r="444912" spans="14:14">
      <c r="N444912" s="10"/>
    </row>
    <row r="444913" spans="14:14">
      <c r="N444913" s="10"/>
    </row>
    <row r="444914" spans="14:14">
      <c r="N444914" s="10"/>
    </row>
    <row r="444915" spans="14:14">
      <c r="N444915" s="10"/>
    </row>
    <row r="444916" spans="14:14">
      <c r="N444916" s="10"/>
    </row>
    <row r="444917" spans="14:14">
      <c r="N444917" s="10"/>
    </row>
    <row r="444918" spans="14:14">
      <c r="N444918" s="10"/>
    </row>
    <row r="444919" spans="14:14">
      <c r="N444919" s="10"/>
    </row>
    <row r="444920" spans="14:14">
      <c r="N444920" s="10"/>
    </row>
    <row r="444921" spans="14:14">
      <c r="N444921" s="10"/>
    </row>
    <row r="444922" spans="14:14">
      <c r="N444922" s="10"/>
    </row>
    <row r="444923" spans="14:14">
      <c r="N444923" s="10"/>
    </row>
    <row r="444924" spans="14:14">
      <c r="N444924" s="10"/>
    </row>
    <row r="444925" spans="14:14">
      <c r="N444925" s="10"/>
    </row>
    <row r="444926" spans="14:14">
      <c r="N444926" s="10"/>
    </row>
    <row r="444927" spans="14:14">
      <c r="N444927" s="10"/>
    </row>
    <row r="444928" spans="14:14">
      <c r="N444928" s="10"/>
    </row>
    <row r="444929" spans="14:14">
      <c r="N444929" s="10"/>
    </row>
    <row r="444930" spans="14:14">
      <c r="N444930" s="10"/>
    </row>
    <row r="444931" spans="14:14">
      <c r="N444931" s="10"/>
    </row>
    <row r="444932" spans="14:14">
      <c r="N444932" s="10"/>
    </row>
    <row r="444933" spans="14:14">
      <c r="N444933" s="10"/>
    </row>
    <row r="444934" spans="14:14">
      <c r="N444934" s="10"/>
    </row>
    <row r="444935" spans="14:14">
      <c r="N444935" s="10"/>
    </row>
    <row r="444936" spans="14:14">
      <c r="N444936" s="10"/>
    </row>
    <row r="444937" spans="14:14">
      <c r="N444937" s="10"/>
    </row>
    <row r="444938" spans="14:14">
      <c r="N444938" s="10"/>
    </row>
    <row r="444939" spans="14:14">
      <c r="N444939" s="10"/>
    </row>
    <row r="444940" spans="14:14">
      <c r="N444940" s="10"/>
    </row>
    <row r="444941" spans="14:14">
      <c r="N444941" s="10"/>
    </row>
    <row r="444942" spans="14:14">
      <c r="N444942" s="10"/>
    </row>
    <row r="444943" spans="14:14">
      <c r="N444943" s="10"/>
    </row>
    <row r="444944" spans="14:14">
      <c r="N444944" s="10"/>
    </row>
    <row r="444945" spans="14:14">
      <c r="N444945" s="10"/>
    </row>
    <row r="444946" spans="14:14">
      <c r="N444946" s="10"/>
    </row>
    <row r="444947" spans="14:14">
      <c r="N444947" s="10"/>
    </row>
    <row r="444948" spans="14:14">
      <c r="N444948" s="10"/>
    </row>
    <row r="444949" spans="14:14">
      <c r="N444949" s="10"/>
    </row>
    <row r="444950" spans="14:14">
      <c r="N444950" s="10"/>
    </row>
    <row r="444951" spans="14:14">
      <c r="N444951" s="10"/>
    </row>
    <row r="444952" spans="14:14">
      <c r="N444952" s="10"/>
    </row>
    <row r="444953" spans="14:14">
      <c r="N444953" s="10"/>
    </row>
    <row r="444954" spans="14:14">
      <c r="N444954" s="10"/>
    </row>
    <row r="444955" spans="14:14">
      <c r="N444955" s="10"/>
    </row>
    <row r="444956" spans="14:14">
      <c r="N444956" s="10"/>
    </row>
    <row r="444957" spans="14:14">
      <c r="N444957" s="10"/>
    </row>
    <row r="444958" spans="14:14">
      <c r="N444958" s="10"/>
    </row>
    <row r="444959" spans="14:14">
      <c r="N444959" s="10"/>
    </row>
    <row r="444960" spans="14:14">
      <c r="N444960" s="10"/>
    </row>
    <row r="444961" spans="14:14">
      <c r="N444961" s="10"/>
    </row>
    <row r="444962" spans="14:14">
      <c r="N444962" s="10"/>
    </row>
    <row r="444963" spans="14:14">
      <c r="N444963" s="10"/>
    </row>
    <row r="444964" spans="14:14">
      <c r="N444964" s="10"/>
    </row>
    <row r="444965" spans="14:14">
      <c r="N444965" s="10"/>
    </row>
    <row r="444966" spans="14:14">
      <c r="N444966" s="10"/>
    </row>
    <row r="444967" spans="14:14">
      <c r="N444967" s="10"/>
    </row>
    <row r="444968" spans="14:14">
      <c r="N444968" s="10"/>
    </row>
    <row r="444969" spans="14:14">
      <c r="N444969" s="10"/>
    </row>
    <row r="444970" spans="14:14">
      <c r="N444970" s="10"/>
    </row>
    <row r="444971" spans="14:14">
      <c r="N444971" s="10"/>
    </row>
    <row r="444972" spans="14:14">
      <c r="N444972" s="10"/>
    </row>
    <row r="444973" spans="14:14">
      <c r="N444973" s="10"/>
    </row>
    <row r="444974" spans="14:14">
      <c r="N444974" s="10"/>
    </row>
    <row r="444975" spans="14:14">
      <c r="N444975" s="10"/>
    </row>
    <row r="444976" spans="14:14">
      <c r="N444976" s="10"/>
    </row>
    <row r="444977" spans="14:14">
      <c r="N444977" s="10"/>
    </row>
    <row r="444978" spans="14:14">
      <c r="N444978" s="10"/>
    </row>
    <row r="444979" spans="14:14">
      <c r="N444979" s="10"/>
    </row>
    <row r="444980" spans="14:14">
      <c r="N444980" s="10"/>
    </row>
    <row r="444981" spans="14:14">
      <c r="N444981" s="10"/>
    </row>
    <row r="444982" spans="14:14">
      <c r="N444982" s="10"/>
    </row>
    <row r="444983" spans="14:14">
      <c r="N444983" s="10"/>
    </row>
    <row r="444984" spans="14:14">
      <c r="N444984" s="10"/>
    </row>
    <row r="444985" spans="14:14">
      <c r="N444985" s="10"/>
    </row>
    <row r="444986" spans="14:14">
      <c r="N444986" s="10"/>
    </row>
    <row r="444987" spans="14:14">
      <c r="N444987" s="10"/>
    </row>
    <row r="444988" spans="14:14">
      <c r="N444988" s="10"/>
    </row>
    <row r="444989" spans="14:14">
      <c r="N444989" s="10"/>
    </row>
    <row r="444990" spans="14:14">
      <c r="N444990" s="10"/>
    </row>
    <row r="444991" spans="14:14">
      <c r="N444991" s="10"/>
    </row>
    <row r="444992" spans="14:14">
      <c r="N444992" s="10"/>
    </row>
    <row r="444993" spans="14:14">
      <c r="N444993" s="10"/>
    </row>
    <row r="444994" spans="14:14">
      <c r="N444994" s="10"/>
    </row>
    <row r="444995" spans="14:14">
      <c r="N444995" s="10"/>
    </row>
    <row r="444996" spans="14:14">
      <c r="N444996" s="10"/>
    </row>
    <row r="444997" spans="14:14">
      <c r="N444997" s="10"/>
    </row>
    <row r="444998" spans="14:14">
      <c r="N444998" s="10"/>
    </row>
    <row r="444999" spans="14:14">
      <c r="N444999" s="10"/>
    </row>
    <row r="445000" spans="14:14">
      <c r="N445000" s="10"/>
    </row>
    <row r="445001" spans="14:14">
      <c r="N445001" s="10"/>
    </row>
    <row r="445002" spans="14:14">
      <c r="N445002" s="10"/>
    </row>
    <row r="445003" spans="14:14">
      <c r="N445003" s="10"/>
    </row>
    <row r="445004" spans="14:14">
      <c r="N445004" s="10"/>
    </row>
    <row r="445005" spans="14:14">
      <c r="N445005" s="10"/>
    </row>
    <row r="445006" spans="14:14">
      <c r="N445006" s="10"/>
    </row>
    <row r="445007" spans="14:14">
      <c r="N445007" s="10"/>
    </row>
    <row r="445008" spans="14:14">
      <c r="N445008" s="10"/>
    </row>
    <row r="445009" spans="14:14">
      <c r="N445009" s="10"/>
    </row>
    <row r="445010" spans="14:14">
      <c r="N445010" s="10"/>
    </row>
    <row r="445011" spans="14:14">
      <c r="N445011" s="10"/>
    </row>
    <row r="445012" spans="14:14">
      <c r="N445012" s="10"/>
    </row>
    <row r="445013" spans="14:14">
      <c r="N445013" s="10"/>
    </row>
    <row r="445014" spans="14:14">
      <c r="N445014" s="10"/>
    </row>
    <row r="445015" spans="14:14">
      <c r="N445015" s="10"/>
    </row>
    <row r="445016" spans="14:14">
      <c r="N445016" s="10"/>
    </row>
    <row r="445017" spans="14:14">
      <c r="N445017" s="10"/>
    </row>
    <row r="445018" spans="14:14">
      <c r="N445018" s="10"/>
    </row>
    <row r="445019" spans="14:14">
      <c r="N445019" s="10"/>
    </row>
    <row r="445020" spans="14:14">
      <c r="N445020" s="10"/>
    </row>
    <row r="445021" spans="14:14">
      <c r="N445021" s="10"/>
    </row>
    <row r="445022" spans="14:14">
      <c r="N445022" s="10"/>
    </row>
    <row r="445023" spans="14:14">
      <c r="N445023" s="10"/>
    </row>
    <row r="445024" spans="14:14">
      <c r="N445024" s="10"/>
    </row>
    <row r="445025" spans="14:14">
      <c r="N445025" s="10"/>
    </row>
    <row r="445026" spans="14:14">
      <c r="N445026" s="10"/>
    </row>
    <row r="445027" spans="14:14">
      <c r="N445027" s="10"/>
    </row>
    <row r="445028" spans="14:14">
      <c r="N445028" s="10"/>
    </row>
    <row r="445029" spans="14:14">
      <c r="N445029" s="10"/>
    </row>
    <row r="445030" spans="14:14">
      <c r="N445030" s="10"/>
    </row>
    <row r="445031" spans="14:14">
      <c r="N445031" s="10"/>
    </row>
    <row r="445032" spans="14:14">
      <c r="N445032" s="10"/>
    </row>
    <row r="445033" spans="14:14">
      <c r="N445033" s="10"/>
    </row>
    <row r="445034" spans="14:14">
      <c r="N445034" s="10"/>
    </row>
    <row r="445035" spans="14:14">
      <c r="N445035" s="10"/>
    </row>
    <row r="445036" spans="14:14">
      <c r="N445036" s="10"/>
    </row>
    <row r="445037" spans="14:14">
      <c r="N445037" s="10"/>
    </row>
    <row r="445038" spans="14:14">
      <c r="N445038" s="10"/>
    </row>
    <row r="445039" spans="14:14">
      <c r="N445039" s="10"/>
    </row>
    <row r="445040" spans="14:14">
      <c r="N445040" s="10"/>
    </row>
    <row r="445041" spans="14:14">
      <c r="N445041" s="10"/>
    </row>
    <row r="445042" spans="14:14">
      <c r="N445042" s="10"/>
    </row>
    <row r="445043" spans="14:14">
      <c r="N445043" s="10"/>
    </row>
    <row r="445044" spans="14:14">
      <c r="N445044" s="10"/>
    </row>
    <row r="445045" spans="14:14">
      <c r="N445045" s="10"/>
    </row>
    <row r="445046" spans="14:14">
      <c r="N445046" s="10"/>
    </row>
    <row r="445047" spans="14:14">
      <c r="N445047" s="10"/>
    </row>
    <row r="445048" spans="14:14">
      <c r="N445048" s="10"/>
    </row>
    <row r="445049" spans="14:14">
      <c r="N445049" s="10"/>
    </row>
    <row r="445050" spans="14:14">
      <c r="N445050" s="10"/>
    </row>
    <row r="445051" spans="14:14">
      <c r="N445051" s="10"/>
    </row>
    <row r="445052" spans="14:14">
      <c r="N445052" s="10"/>
    </row>
    <row r="445053" spans="14:14">
      <c r="N445053" s="10"/>
    </row>
    <row r="445054" spans="14:14">
      <c r="N445054" s="10"/>
    </row>
    <row r="445055" spans="14:14">
      <c r="N445055" s="10"/>
    </row>
    <row r="445056" spans="14:14">
      <c r="N445056" s="10"/>
    </row>
    <row r="445057" spans="14:14">
      <c r="N445057" s="10"/>
    </row>
    <row r="445058" spans="14:14">
      <c r="N445058" s="10"/>
    </row>
    <row r="445059" spans="14:14">
      <c r="N445059" s="10"/>
    </row>
    <row r="445060" spans="14:14">
      <c r="N445060" s="10"/>
    </row>
    <row r="445061" spans="14:14">
      <c r="N445061" s="10"/>
    </row>
    <row r="445062" spans="14:14">
      <c r="N445062" s="10"/>
    </row>
    <row r="445063" spans="14:14">
      <c r="N445063" s="10"/>
    </row>
    <row r="445064" spans="14:14">
      <c r="N445064" s="10"/>
    </row>
    <row r="445065" spans="14:14">
      <c r="N445065" s="10"/>
    </row>
    <row r="445066" spans="14:14">
      <c r="N445066" s="10"/>
    </row>
    <row r="445067" spans="14:14">
      <c r="N445067" s="10"/>
    </row>
    <row r="445068" spans="14:14">
      <c r="N445068" s="10"/>
    </row>
    <row r="445069" spans="14:14">
      <c r="N445069" s="10"/>
    </row>
    <row r="445070" spans="14:14">
      <c r="N445070" s="10"/>
    </row>
    <row r="445071" spans="14:14">
      <c r="N445071" s="10"/>
    </row>
    <row r="445072" spans="14:14">
      <c r="N445072" s="10"/>
    </row>
    <row r="445073" spans="14:14">
      <c r="N445073" s="10"/>
    </row>
    <row r="445074" spans="14:14">
      <c r="N445074" s="10"/>
    </row>
    <row r="445075" spans="14:14">
      <c r="N445075" s="10"/>
    </row>
    <row r="445076" spans="14:14">
      <c r="N445076" s="10"/>
    </row>
    <row r="445077" spans="14:14">
      <c r="N445077" s="10"/>
    </row>
    <row r="445078" spans="14:14">
      <c r="N445078" s="10"/>
    </row>
    <row r="445079" spans="14:14">
      <c r="N445079" s="10"/>
    </row>
    <row r="445080" spans="14:14">
      <c r="N445080" s="10"/>
    </row>
    <row r="445081" spans="14:14">
      <c r="N445081" s="10"/>
    </row>
    <row r="445082" spans="14:14">
      <c r="N445082" s="10"/>
    </row>
    <row r="445083" spans="14:14">
      <c r="N445083" s="10"/>
    </row>
    <row r="445084" spans="14:14">
      <c r="N445084" s="10"/>
    </row>
    <row r="445085" spans="14:14">
      <c r="N445085" s="10"/>
    </row>
    <row r="445086" spans="14:14">
      <c r="N445086" s="10"/>
    </row>
    <row r="445087" spans="14:14">
      <c r="N445087" s="10"/>
    </row>
    <row r="445088" spans="14:14">
      <c r="N445088" s="10"/>
    </row>
    <row r="445089" spans="14:14">
      <c r="N445089" s="10"/>
    </row>
    <row r="445090" spans="14:14">
      <c r="N445090" s="10"/>
    </row>
    <row r="445091" spans="14:14">
      <c r="N445091" s="10"/>
    </row>
    <row r="445092" spans="14:14">
      <c r="N445092" s="10"/>
    </row>
    <row r="445093" spans="14:14">
      <c r="N445093" s="10"/>
    </row>
    <row r="445094" spans="14:14">
      <c r="N445094" s="10"/>
    </row>
    <row r="445095" spans="14:14">
      <c r="N445095" s="10"/>
    </row>
    <row r="445096" spans="14:14">
      <c r="N445096" s="10"/>
    </row>
    <row r="445097" spans="14:14">
      <c r="N445097" s="10"/>
    </row>
    <row r="445098" spans="14:14">
      <c r="N445098" s="10"/>
    </row>
    <row r="445099" spans="14:14">
      <c r="N445099" s="10"/>
    </row>
    <row r="445100" spans="14:14">
      <c r="N445100" s="10"/>
    </row>
    <row r="445101" spans="14:14">
      <c r="N445101" s="10"/>
    </row>
    <row r="445102" spans="14:14">
      <c r="N445102" s="10"/>
    </row>
    <row r="445103" spans="14:14">
      <c r="N445103" s="10"/>
    </row>
    <row r="445104" spans="14:14">
      <c r="N445104" s="10"/>
    </row>
    <row r="445105" spans="14:14">
      <c r="N445105" s="10"/>
    </row>
    <row r="445106" spans="14:14">
      <c r="N445106" s="10"/>
    </row>
    <row r="445107" spans="14:14">
      <c r="N445107" s="10"/>
    </row>
    <row r="445108" spans="14:14">
      <c r="N445108" s="10"/>
    </row>
    <row r="445109" spans="14:14">
      <c r="N445109" s="10"/>
    </row>
    <row r="445110" spans="14:14">
      <c r="N445110" s="10"/>
    </row>
    <row r="445111" spans="14:14">
      <c r="N445111" s="10"/>
    </row>
    <row r="445112" spans="14:14">
      <c r="N445112" s="10"/>
    </row>
    <row r="445113" spans="14:14">
      <c r="N445113" s="10"/>
    </row>
    <row r="445114" spans="14:14">
      <c r="N445114" s="10"/>
    </row>
    <row r="445115" spans="14:14">
      <c r="N445115" s="10"/>
    </row>
    <row r="445116" spans="14:14">
      <c r="N445116" s="10"/>
    </row>
    <row r="445117" spans="14:14">
      <c r="N445117" s="10"/>
    </row>
    <row r="445118" spans="14:14">
      <c r="N445118" s="10"/>
    </row>
    <row r="445119" spans="14:14">
      <c r="N445119" s="10"/>
    </row>
    <row r="445120" spans="14:14">
      <c r="N445120" s="10"/>
    </row>
    <row r="445121" spans="14:14">
      <c r="N445121" s="10"/>
    </row>
    <row r="445122" spans="14:14">
      <c r="N445122" s="10"/>
    </row>
    <row r="445123" spans="14:14">
      <c r="N445123" s="10"/>
    </row>
    <row r="445124" spans="14:14">
      <c r="N445124" s="10"/>
    </row>
    <row r="445125" spans="14:14">
      <c r="N445125" s="10"/>
    </row>
    <row r="445126" spans="14:14">
      <c r="N445126" s="10"/>
    </row>
    <row r="445127" spans="14:14">
      <c r="N445127" s="10"/>
    </row>
    <row r="445128" spans="14:14">
      <c r="N445128" s="10"/>
    </row>
    <row r="445129" spans="14:14">
      <c r="N445129" s="10"/>
    </row>
    <row r="445130" spans="14:14">
      <c r="N445130" s="10"/>
    </row>
    <row r="445131" spans="14:14">
      <c r="N445131" s="10"/>
    </row>
    <row r="445132" spans="14:14">
      <c r="N445132" s="10"/>
    </row>
    <row r="445133" spans="14:14">
      <c r="N445133" s="10"/>
    </row>
    <row r="445134" spans="14:14">
      <c r="N445134" s="10"/>
    </row>
    <row r="445135" spans="14:14">
      <c r="N445135" s="10"/>
    </row>
    <row r="445136" spans="14:14">
      <c r="N445136" s="10"/>
    </row>
    <row r="445137" spans="14:14">
      <c r="N445137" s="10"/>
    </row>
    <row r="445138" spans="14:14">
      <c r="N445138" s="10"/>
    </row>
    <row r="445139" spans="14:14">
      <c r="N445139" s="10"/>
    </row>
    <row r="445140" spans="14:14">
      <c r="N445140" s="10"/>
    </row>
    <row r="445141" spans="14:14">
      <c r="N445141" s="10"/>
    </row>
    <row r="445142" spans="14:14">
      <c r="N445142" s="10"/>
    </row>
    <row r="445143" spans="14:14">
      <c r="N445143" s="10"/>
    </row>
    <row r="445144" spans="14:14">
      <c r="N445144" s="10"/>
    </row>
    <row r="445145" spans="14:14">
      <c r="N445145" s="10"/>
    </row>
    <row r="445146" spans="14:14">
      <c r="N445146" s="10"/>
    </row>
    <row r="445147" spans="14:14">
      <c r="N445147" s="10"/>
    </row>
    <row r="445148" spans="14:14">
      <c r="N445148" s="10"/>
    </row>
    <row r="445149" spans="14:14">
      <c r="N445149" s="10"/>
    </row>
    <row r="445150" spans="14:14">
      <c r="N445150" s="10"/>
    </row>
    <row r="445151" spans="14:14">
      <c r="N445151" s="10"/>
    </row>
    <row r="445152" spans="14:14">
      <c r="N445152" s="10"/>
    </row>
    <row r="445153" spans="14:14">
      <c r="N445153" s="10"/>
    </row>
    <row r="445154" spans="14:14">
      <c r="N445154" s="10"/>
    </row>
    <row r="445155" spans="14:14">
      <c r="N445155" s="10"/>
    </row>
    <row r="445156" spans="14:14">
      <c r="N445156" s="10"/>
    </row>
    <row r="445157" spans="14:14">
      <c r="N445157" s="10"/>
    </row>
    <row r="445158" spans="14:14">
      <c r="N445158" s="10"/>
    </row>
    <row r="445159" spans="14:14">
      <c r="N445159" s="10"/>
    </row>
    <row r="445160" spans="14:14">
      <c r="N445160" s="10"/>
    </row>
    <row r="445161" spans="14:14">
      <c r="N445161" s="10"/>
    </row>
    <row r="445162" spans="14:14">
      <c r="N445162" s="10"/>
    </row>
    <row r="445163" spans="14:14">
      <c r="N445163" s="10"/>
    </row>
    <row r="445164" spans="14:14">
      <c r="N445164" s="10"/>
    </row>
    <row r="445165" spans="14:14">
      <c r="N445165" s="10"/>
    </row>
    <row r="445166" spans="14:14">
      <c r="N445166" s="10"/>
    </row>
    <row r="445167" spans="14:14">
      <c r="N445167" s="10"/>
    </row>
    <row r="445168" spans="14:14">
      <c r="N445168" s="10"/>
    </row>
    <row r="445169" spans="14:14">
      <c r="N445169" s="10"/>
    </row>
    <row r="445170" spans="14:14">
      <c r="N445170" s="10"/>
    </row>
    <row r="445171" spans="14:14">
      <c r="N445171" s="10"/>
    </row>
    <row r="445172" spans="14:14">
      <c r="N445172" s="10"/>
    </row>
    <row r="445173" spans="14:14">
      <c r="N445173" s="10"/>
    </row>
    <row r="445174" spans="14:14">
      <c r="N445174" s="10"/>
    </row>
    <row r="445175" spans="14:14">
      <c r="N445175" s="10"/>
    </row>
    <row r="445176" spans="14:14">
      <c r="N445176" s="10"/>
    </row>
    <row r="445177" spans="14:14">
      <c r="N445177" s="10"/>
    </row>
    <row r="445178" spans="14:14">
      <c r="N445178" s="10"/>
    </row>
    <row r="445179" spans="14:14">
      <c r="N445179" s="10"/>
    </row>
    <row r="445180" spans="14:14">
      <c r="N445180" s="10"/>
    </row>
    <row r="445181" spans="14:14">
      <c r="N445181" s="10"/>
    </row>
    <row r="445182" spans="14:14">
      <c r="N445182" s="10"/>
    </row>
    <row r="445183" spans="14:14">
      <c r="N445183" s="10"/>
    </row>
    <row r="445184" spans="14:14">
      <c r="N445184" s="10"/>
    </row>
    <row r="445185" spans="14:14">
      <c r="N445185" s="10"/>
    </row>
    <row r="445186" spans="14:14">
      <c r="N445186" s="10"/>
    </row>
    <row r="445187" spans="14:14">
      <c r="N445187" s="10"/>
    </row>
    <row r="445188" spans="14:14">
      <c r="N445188" s="10"/>
    </row>
    <row r="445189" spans="14:14">
      <c r="N445189" s="10"/>
    </row>
    <row r="445190" spans="14:14">
      <c r="N445190" s="10"/>
    </row>
    <row r="445191" spans="14:14">
      <c r="N445191" s="10"/>
    </row>
    <row r="445192" spans="14:14">
      <c r="N445192" s="10"/>
    </row>
    <row r="445193" spans="14:14">
      <c r="N445193" s="10"/>
    </row>
    <row r="445194" spans="14:14">
      <c r="N445194" s="10"/>
    </row>
    <row r="445195" spans="14:14">
      <c r="N445195" s="10"/>
    </row>
    <row r="445196" spans="14:14">
      <c r="N445196" s="10"/>
    </row>
    <row r="445197" spans="14:14">
      <c r="N445197" s="10"/>
    </row>
    <row r="445198" spans="14:14">
      <c r="N445198" s="10"/>
    </row>
    <row r="445199" spans="14:14">
      <c r="N445199" s="10"/>
    </row>
    <row r="445200" spans="14:14">
      <c r="N445200" s="10"/>
    </row>
    <row r="445201" spans="14:14">
      <c r="N445201" s="10"/>
    </row>
    <row r="445202" spans="14:14">
      <c r="N445202" s="10"/>
    </row>
    <row r="445203" spans="14:14">
      <c r="N445203" s="10"/>
    </row>
    <row r="445204" spans="14:14">
      <c r="N445204" s="10"/>
    </row>
    <row r="445205" spans="14:14">
      <c r="N445205" s="10"/>
    </row>
    <row r="445206" spans="14:14">
      <c r="N445206" s="10"/>
    </row>
    <row r="445207" spans="14:14">
      <c r="N445207" s="10"/>
    </row>
    <row r="445208" spans="14:14">
      <c r="N445208" s="10"/>
    </row>
    <row r="445209" spans="14:14">
      <c r="N445209" s="10"/>
    </row>
    <row r="445210" spans="14:14">
      <c r="N445210" s="10"/>
    </row>
    <row r="445211" spans="14:14">
      <c r="N445211" s="10"/>
    </row>
    <row r="445212" spans="14:14">
      <c r="N445212" s="10"/>
    </row>
    <row r="445213" spans="14:14">
      <c r="N445213" s="10"/>
    </row>
    <row r="445214" spans="14:14">
      <c r="N445214" s="10"/>
    </row>
    <row r="445215" spans="14:14">
      <c r="N445215" s="10"/>
    </row>
    <row r="445216" spans="14:14">
      <c r="N445216" s="10"/>
    </row>
    <row r="445217" spans="14:14">
      <c r="N445217" s="10"/>
    </row>
    <row r="445218" spans="14:14">
      <c r="N445218" s="10"/>
    </row>
    <row r="445219" spans="14:14">
      <c r="N445219" s="10"/>
    </row>
    <row r="445220" spans="14:14">
      <c r="N445220" s="10"/>
    </row>
    <row r="445221" spans="14:14">
      <c r="N445221" s="10"/>
    </row>
    <row r="445222" spans="14:14">
      <c r="N445222" s="10"/>
    </row>
    <row r="445223" spans="14:14">
      <c r="N445223" s="10"/>
    </row>
    <row r="445224" spans="14:14">
      <c r="N445224" s="10"/>
    </row>
    <row r="445225" spans="14:14">
      <c r="N445225" s="10"/>
    </row>
    <row r="445226" spans="14:14">
      <c r="N445226" s="10"/>
    </row>
    <row r="445227" spans="14:14">
      <c r="N445227" s="10"/>
    </row>
    <row r="445228" spans="14:14">
      <c r="N445228" s="10"/>
    </row>
    <row r="445229" spans="14:14">
      <c r="N445229" s="10"/>
    </row>
    <row r="445230" spans="14:14">
      <c r="N445230" s="10"/>
    </row>
    <row r="445231" spans="14:14">
      <c r="N445231" s="10"/>
    </row>
    <row r="445232" spans="14:14">
      <c r="N445232" s="10"/>
    </row>
    <row r="445233" spans="14:14">
      <c r="N445233" s="10"/>
    </row>
    <row r="445234" spans="14:14">
      <c r="N445234" s="10"/>
    </row>
    <row r="445235" spans="14:14">
      <c r="N445235" s="10"/>
    </row>
    <row r="445236" spans="14:14">
      <c r="N445236" s="10"/>
    </row>
    <row r="445237" spans="14:14">
      <c r="N445237" s="10"/>
    </row>
    <row r="445238" spans="14:14">
      <c r="N445238" s="10"/>
    </row>
    <row r="445239" spans="14:14">
      <c r="N445239" s="10"/>
    </row>
    <row r="445240" spans="14:14">
      <c r="N445240" s="10"/>
    </row>
    <row r="445241" spans="14:14">
      <c r="N445241" s="10"/>
    </row>
    <row r="445242" spans="14:14">
      <c r="N445242" s="10"/>
    </row>
    <row r="445243" spans="14:14">
      <c r="N445243" s="10"/>
    </row>
    <row r="445244" spans="14:14">
      <c r="N445244" s="10"/>
    </row>
    <row r="445245" spans="14:14">
      <c r="N445245" s="10"/>
    </row>
    <row r="445246" spans="14:14">
      <c r="N445246" s="10"/>
    </row>
    <row r="445247" spans="14:14">
      <c r="N445247" s="10"/>
    </row>
    <row r="445248" spans="14:14">
      <c r="N445248" s="10"/>
    </row>
    <row r="445249" spans="14:14">
      <c r="N445249" s="10"/>
    </row>
    <row r="445250" spans="14:14">
      <c r="N445250" s="10"/>
    </row>
    <row r="445251" spans="14:14">
      <c r="N445251" s="10"/>
    </row>
    <row r="445252" spans="14:14">
      <c r="N445252" s="10"/>
    </row>
    <row r="445253" spans="14:14">
      <c r="N445253" s="10"/>
    </row>
    <row r="445254" spans="14:14">
      <c r="N445254" s="10"/>
    </row>
    <row r="445255" spans="14:14">
      <c r="N445255" s="10"/>
    </row>
    <row r="445256" spans="14:14">
      <c r="N445256" s="10"/>
    </row>
    <row r="445257" spans="14:14">
      <c r="N445257" s="10"/>
    </row>
    <row r="445258" spans="14:14">
      <c r="N445258" s="10"/>
    </row>
    <row r="445259" spans="14:14">
      <c r="N445259" s="10"/>
    </row>
    <row r="445260" spans="14:14">
      <c r="N445260" s="10"/>
    </row>
    <row r="445261" spans="14:14">
      <c r="N445261" s="10"/>
    </row>
    <row r="445262" spans="14:14">
      <c r="N445262" s="10"/>
    </row>
    <row r="445263" spans="14:14">
      <c r="N445263" s="10"/>
    </row>
    <row r="445264" spans="14:14">
      <c r="N445264" s="10"/>
    </row>
    <row r="445265" spans="14:14">
      <c r="N445265" s="10"/>
    </row>
    <row r="445266" spans="14:14">
      <c r="N445266" s="10"/>
    </row>
    <row r="445267" spans="14:14">
      <c r="N445267" s="10"/>
    </row>
    <row r="445268" spans="14:14">
      <c r="N445268" s="10"/>
    </row>
    <row r="445269" spans="14:14">
      <c r="N445269" s="10"/>
    </row>
    <row r="445270" spans="14:14">
      <c r="N445270" s="10"/>
    </row>
    <row r="445271" spans="14:14">
      <c r="N445271" s="10"/>
    </row>
    <row r="445272" spans="14:14">
      <c r="N445272" s="10"/>
    </row>
    <row r="445273" spans="14:14">
      <c r="N445273" s="10"/>
    </row>
    <row r="445274" spans="14:14">
      <c r="N445274" s="10"/>
    </row>
    <row r="445275" spans="14:14">
      <c r="N445275" s="10"/>
    </row>
    <row r="445276" spans="14:14">
      <c r="N445276" s="10"/>
    </row>
    <row r="445277" spans="14:14">
      <c r="N445277" s="10"/>
    </row>
    <row r="445278" spans="14:14">
      <c r="N445278" s="10"/>
    </row>
    <row r="445279" spans="14:14">
      <c r="N445279" s="10"/>
    </row>
    <row r="445280" spans="14:14">
      <c r="N445280" s="10"/>
    </row>
    <row r="445281" spans="14:14">
      <c r="N445281" s="10"/>
    </row>
    <row r="445282" spans="14:14">
      <c r="N445282" s="10"/>
    </row>
    <row r="445283" spans="14:14">
      <c r="N445283" s="10"/>
    </row>
    <row r="445284" spans="14:14">
      <c r="N445284" s="10"/>
    </row>
    <row r="445285" spans="14:14">
      <c r="N445285" s="10"/>
    </row>
    <row r="445286" spans="14:14">
      <c r="N445286" s="10"/>
    </row>
    <row r="445287" spans="14:14">
      <c r="N445287" s="10"/>
    </row>
    <row r="445288" spans="14:14">
      <c r="N445288" s="10"/>
    </row>
    <row r="445289" spans="14:14">
      <c r="N445289" s="10"/>
    </row>
    <row r="445290" spans="14:14">
      <c r="N445290" s="10"/>
    </row>
    <row r="445291" spans="14:14">
      <c r="N445291" s="10"/>
    </row>
    <row r="445292" spans="14:14">
      <c r="N445292" s="10"/>
    </row>
    <row r="445293" spans="14:14">
      <c r="N445293" s="10"/>
    </row>
    <row r="445294" spans="14:14">
      <c r="N445294" s="10"/>
    </row>
    <row r="445295" spans="14:14">
      <c r="N445295" s="10"/>
    </row>
    <row r="445296" spans="14:14">
      <c r="N445296" s="10"/>
    </row>
    <row r="445297" spans="14:14">
      <c r="N445297" s="10"/>
    </row>
    <row r="445298" spans="14:14">
      <c r="N445298" s="10"/>
    </row>
    <row r="445299" spans="14:14">
      <c r="N445299" s="10"/>
    </row>
    <row r="445300" spans="14:14">
      <c r="N445300" s="10"/>
    </row>
    <row r="445301" spans="14:14">
      <c r="N445301" s="10"/>
    </row>
    <row r="445302" spans="14:14">
      <c r="N445302" s="10"/>
    </row>
    <row r="445303" spans="14:14">
      <c r="N445303" s="10"/>
    </row>
    <row r="445304" spans="14:14">
      <c r="N445304" s="10"/>
    </row>
    <row r="445305" spans="14:14">
      <c r="N445305" s="10"/>
    </row>
    <row r="445306" spans="14:14">
      <c r="N445306" s="10"/>
    </row>
    <row r="445307" spans="14:14">
      <c r="N445307" s="10"/>
    </row>
    <row r="445308" spans="14:14">
      <c r="N445308" s="10"/>
    </row>
    <row r="445309" spans="14:14">
      <c r="N445309" s="10"/>
    </row>
    <row r="445310" spans="14:14">
      <c r="N445310" s="10"/>
    </row>
    <row r="445311" spans="14:14">
      <c r="N445311" s="10"/>
    </row>
    <row r="445312" spans="14:14">
      <c r="N445312" s="10"/>
    </row>
    <row r="445313" spans="14:14">
      <c r="N445313" s="10"/>
    </row>
    <row r="445314" spans="14:14">
      <c r="N445314" s="10"/>
    </row>
    <row r="445315" spans="14:14">
      <c r="N445315" s="10"/>
    </row>
    <row r="445316" spans="14:14">
      <c r="N445316" s="10"/>
    </row>
    <row r="445317" spans="14:14">
      <c r="N445317" s="10"/>
    </row>
    <row r="445318" spans="14:14">
      <c r="N445318" s="10"/>
    </row>
    <row r="445319" spans="14:14">
      <c r="N445319" s="10"/>
    </row>
    <row r="445320" spans="14:14">
      <c r="N445320" s="10"/>
    </row>
    <row r="445321" spans="14:14">
      <c r="N445321" s="10"/>
    </row>
    <row r="445322" spans="14:14">
      <c r="N445322" s="10"/>
    </row>
    <row r="445323" spans="14:14">
      <c r="N445323" s="10"/>
    </row>
    <row r="445324" spans="14:14">
      <c r="N445324" s="10"/>
    </row>
    <row r="445325" spans="14:14">
      <c r="N445325" s="10"/>
    </row>
    <row r="445326" spans="14:14">
      <c r="N445326" s="10"/>
    </row>
    <row r="445327" spans="14:14">
      <c r="N445327" s="10"/>
    </row>
    <row r="445328" spans="14:14">
      <c r="N445328" s="10"/>
    </row>
    <row r="445329" spans="14:14">
      <c r="N445329" s="10"/>
    </row>
    <row r="445330" spans="14:14">
      <c r="N445330" s="10"/>
    </row>
    <row r="445331" spans="14:14">
      <c r="N445331" s="10"/>
    </row>
    <row r="445332" spans="14:14">
      <c r="N445332" s="10"/>
    </row>
    <row r="445333" spans="14:14">
      <c r="N445333" s="10"/>
    </row>
    <row r="445334" spans="14:14">
      <c r="N445334" s="10"/>
    </row>
    <row r="445335" spans="14:14">
      <c r="N445335" s="10"/>
    </row>
    <row r="445336" spans="14:14">
      <c r="N445336" s="10"/>
    </row>
    <row r="445337" spans="14:14">
      <c r="N445337" s="10"/>
    </row>
    <row r="445338" spans="14:14">
      <c r="N445338" s="10"/>
    </row>
    <row r="445339" spans="14:14">
      <c r="N445339" s="10"/>
    </row>
    <row r="445340" spans="14:14">
      <c r="N445340" s="10"/>
    </row>
    <row r="445341" spans="14:14">
      <c r="N445341" s="10"/>
    </row>
    <row r="445342" spans="14:14">
      <c r="N445342" s="10"/>
    </row>
    <row r="445343" spans="14:14">
      <c r="N445343" s="10"/>
    </row>
    <row r="445344" spans="14:14">
      <c r="N445344" s="10"/>
    </row>
    <row r="445345" spans="14:14">
      <c r="N445345" s="10"/>
    </row>
    <row r="445346" spans="14:14">
      <c r="N445346" s="10"/>
    </row>
    <row r="445347" spans="14:14">
      <c r="N445347" s="10"/>
    </row>
    <row r="445348" spans="14:14">
      <c r="N445348" s="10"/>
    </row>
    <row r="445349" spans="14:14">
      <c r="N445349" s="10"/>
    </row>
    <row r="445350" spans="14:14">
      <c r="N445350" s="10"/>
    </row>
    <row r="445351" spans="14:14">
      <c r="N445351" s="10"/>
    </row>
    <row r="445352" spans="14:14">
      <c r="N445352" s="10"/>
    </row>
    <row r="445353" spans="14:14">
      <c r="N445353" s="10"/>
    </row>
    <row r="445354" spans="14:14">
      <c r="N445354" s="10"/>
    </row>
    <row r="445355" spans="14:14">
      <c r="N445355" s="10"/>
    </row>
    <row r="445356" spans="14:14">
      <c r="N445356" s="10"/>
    </row>
    <row r="445357" spans="14:14">
      <c r="N445357" s="10"/>
    </row>
    <row r="445358" spans="14:14">
      <c r="N445358" s="10"/>
    </row>
    <row r="445359" spans="14:14">
      <c r="N445359" s="10"/>
    </row>
    <row r="445360" spans="14:14">
      <c r="N445360" s="10"/>
    </row>
    <row r="445361" spans="14:14">
      <c r="N445361" s="10"/>
    </row>
    <row r="445362" spans="14:14">
      <c r="N445362" s="10"/>
    </row>
    <row r="445363" spans="14:14">
      <c r="N445363" s="10"/>
    </row>
    <row r="445364" spans="14:14">
      <c r="N445364" s="10"/>
    </row>
    <row r="445365" spans="14:14">
      <c r="N445365" s="10"/>
    </row>
    <row r="445366" spans="14:14">
      <c r="N445366" s="10"/>
    </row>
    <row r="445367" spans="14:14">
      <c r="N445367" s="10"/>
    </row>
    <row r="445368" spans="14:14">
      <c r="N445368" s="10"/>
    </row>
    <row r="445369" spans="14:14">
      <c r="N445369" s="10"/>
    </row>
    <row r="445370" spans="14:14">
      <c r="N445370" s="10"/>
    </row>
    <row r="445371" spans="14:14">
      <c r="N445371" s="10"/>
    </row>
    <row r="445372" spans="14:14">
      <c r="N445372" s="10"/>
    </row>
    <row r="445373" spans="14:14">
      <c r="N445373" s="10"/>
    </row>
    <row r="445374" spans="14:14">
      <c r="N445374" s="10"/>
    </row>
    <row r="445375" spans="14:14">
      <c r="N445375" s="10"/>
    </row>
    <row r="445376" spans="14:14">
      <c r="N445376" s="10"/>
    </row>
    <row r="445377" spans="14:14">
      <c r="N445377" s="10"/>
    </row>
    <row r="445378" spans="14:14">
      <c r="N445378" s="10"/>
    </row>
    <row r="445379" spans="14:14">
      <c r="N445379" s="10"/>
    </row>
    <row r="445380" spans="14:14">
      <c r="N445380" s="10"/>
    </row>
    <row r="445381" spans="14:14">
      <c r="N445381" s="10"/>
    </row>
    <row r="445382" spans="14:14">
      <c r="N445382" s="10"/>
    </row>
    <row r="445383" spans="14:14">
      <c r="N445383" s="10"/>
    </row>
    <row r="445384" spans="14:14">
      <c r="N445384" s="10"/>
    </row>
    <row r="445385" spans="14:14">
      <c r="N445385" s="10"/>
    </row>
    <row r="445386" spans="14:14">
      <c r="N445386" s="10"/>
    </row>
    <row r="445387" spans="14:14">
      <c r="N445387" s="10"/>
    </row>
    <row r="445388" spans="14:14">
      <c r="N445388" s="10"/>
    </row>
    <row r="445389" spans="14:14">
      <c r="N445389" s="10"/>
    </row>
    <row r="445390" spans="14:14">
      <c r="N445390" s="10"/>
    </row>
    <row r="445391" spans="14:14">
      <c r="N445391" s="10"/>
    </row>
    <row r="445392" spans="14:14">
      <c r="N445392" s="10"/>
    </row>
    <row r="445393" spans="14:14">
      <c r="N445393" s="10"/>
    </row>
    <row r="445394" spans="14:14">
      <c r="N445394" s="10"/>
    </row>
    <row r="445395" spans="14:14">
      <c r="N445395" s="10"/>
    </row>
    <row r="445396" spans="14:14">
      <c r="N445396" s="10"/>
    </row>
    <row r="445397" spans="14:14">
      <c r="N445397" s="10"/>
    </row>
    <row r="445398" spans="14:14">
      <c r="N445398" s="10"/>
    </row>
    <row r="445399" spans="14:14">
      <c r="N445399" s="10"/>
    </row>
    <row r="445400" spans="14:14">
      <c r="N445400" s="10"/>
    </row>
    <row r="445401" spans="14:14">
      <c r="N445401" s="10"/>
    </row>
    <row r="445402" spans="14:14">
      <c r="N445402" s="10"/>
    </row>
    <row r="445403" spans="14:14">
      <c r="N445403" s="10"/>
    </row>
    <row r="445404" spans="14:14">
      <c r="N445404" s="10"/>
    </row>
    <row r="445405" spans="14:14">
      <c r="N445405" s="10"/>
    </row>
    <row r="445406" spans="14:14">
      <c r="N445406" s="10"/>
    </row>
    <row r="445407" spans="14:14">
      <c r="N445407" s="10"/>
    </row>
    <row r="445408" spans="14:14">
      <c r="N445408" s="10"/>
    </row>
    <row r="445409" spans="14:14">
      <c r="N445409" s="10"/>
    </row>
    <row r="445410" spans="14:14">
      <c r="N445410" s="10"/>
    </row>
    <row r="445411" spans="14:14">
      <c r="N445411" s="10"/>
    </row>
    <row r="445412" spans="14:14">
      <c r="N445412" s="10"/>
    </row>
    <row r="445413" spans="14:14">
      <c r="N445413" s="10"/>
    </row>
    <row r="445414" spans="14:14">
      <c r="N445414" s="10"/>
    </row>
    <row r="445415" spans="14:14">
      <c r="N445415" s="10"/>
    </row>
    <row r="445416" spans="14:14">
      <c r="N445416" s="10"/>
    </row>
    <row r="445417" spans="14:14">
      <c r="N445417" s="10"/>
    </row>
    <row r="445418" spans="14:14">
      <c r="N445418" s="10"/>
    </row>
    <row r="445419" spans="14:14">
      <c r="N445419" s="10"/>
    </row>
    <row r="445420" spans="14:14">
      <c r="N445420" s="10"/>
    </row>
    <row r="445421" spans="14:14">
      <c r="N445421" s="10"/>
    </row>
    <row r="445422" spans="14:14">
      <c r="N445422" s="10"/>
    </row>
    <row r="445423" spans="14:14">
      <c r="N445423" s="10"/>
    </row>
    <row r="445424" spans="14:14">
      <c r="N445424" s="10"/>
    </row>
    <row r="445425" spans="14:14">
      <c r="N445425" s="10"/>
    </row>
    <row r="445426" spans="14:14">
      <c r="N445426" s="10"/>
    </row>
    <row r="445427" spans="14:14">
      <c r="N445427" s="10"/>
    </row>
    <row r="445428" spans="14:14">
      <c r="N445428" s="10"/>
    </row>
    <row r="445429" spans="14:14">
      <c r="N445429" s="10"/>
    </row>
    <row r="445430" spans="14:14">
      <c r="N445430" s="10"/>
    </row>
    <row r="445431" spans="14:14">
      <c r="N445431" s="10"/>
    </row>
    <row r="445432" spans="14:14">
      <c r="N445432" s="10"/>
    </row>
    <row r="445433" spans="14:14">
      <c r="N445433" s="10"/>
    </row>
    <row r="445434" spans="14:14">
      <c r="N445434" s="10"/>
    </row>
    <row r="445435" spans="14:14">
      <c r="N445435" s="10"/>
    </row>
    <row r="445436" spans="14:14">
      <c r="N445436" s="10"/>
    </row>
    <row r="445437" spans="14:14">
      <c r="N445437" s="10"/>
    </row>
    <row r="445438" spans="14:14">
      <c r="N445438" s="10"/>
    </row>
    <row r="445439" spans="14:14">
      <c r="N445439" s="10"/>
    </row>
    <row r="445440" spans="14:14">
      <c r="N445440" s="10"/>
    </row>
    <row r="445441" spans="14:14">
      <c r="N445441" s="10"/>
    </row>
    <row r="445442" spans="14:14">
      <c r="N445442" s="10"/>
    </row>
    <row r="445443" spans="14:14">
      <c r="N445443" s="10"/>
    </row>
    <row r="445444" spans="14:14">
      <c r="N445444" s="10"/>
    </row>
    <row r="445445" spans="14:14">
      <c r="N445445" s="10"/>
    </row>
    <row r="445446" spans="14:14">
      <c r="N445446" s="10"/>
    </row>
    <row r="445447" spans="14:14">
      <c r="N445447" s="10"/>
    </row>
    <row r="445448" spans="14:14">
      <c r="N445448" s="10"/>
    </row>
    <row r="445449" spans="14:14">
      <c r="N445449" s="10"/>
    </row>
    <row r="445450" spans="14:14">
      <c r="N445450" s="10"/>
    </row>
    <row r="445451" spans="14:14">
      <c r="N445451" s="10"/>
    </row>
    <row r="445452" spans="14:14">
      <c r="N445452" s="10"/>
    </row>
    <row r="445453" spans="14:14">
      <c r="N445453" s="10"/>
    </row>
    <row r="445454" spans="14:14">
      <c r="N445454" s="10"/>
    </row>
    <row r="445455" spans="14:14">
      <c r="N445455" s="10"/>
    </row>
    <row r="445456" spans="14:14">
      <c r="N445456" s="10"/>
    </row>
    <row r="445457" spans="14:14">
      <c r="N445457" s="10"/>
    </row>
    <row r="445458" spans="14:14">
      <c r="N445458" s="10"/>
    </row>
    <row r="445459" spans="14:14">
      <c r="N445459" s="10"/>
    </row>
    <row r="445460" spans="14:14">
      <c r="N445460" s="10"/>
    </row>
    <row r="445461" spans="14:14">
      <c r="N445461" s="10"/>
    </row>
    <row r="445462" spans="14:14">
      <c r="N445462" s="10"/>
    </row>
    <row r="445463" spans="14:14">
      <c r="N445463" s="10"/>
    </row>
    <row r="445464" spans="14:14">
      <c r="N445464" s="10"/>
    </row>
    <row r="445465" spans="14:14">
      <c r="N445465" s="10"/>
    </row>
    <row r="445466" spans="14:14">
      <c r="N445466" s="10"/>
    </row>
    <row r="445467" spans="14:14">
      <c r="N445467" s="10"/>
    </row>
    <row r="445468" spans="14:14">
      <c r="N445468" s="10"/>
    </row>
    <row r="445469" spans="14:14">
      <c r="N445469" s="10"/>
    </row>
    <row r="445470" spans="14:14">
      <c r="N445470" s="10"/>
    </row>
    <row r="445471" spans="14:14">
      <c r="N445471" s="10"/>
    </row>
    <row r="445472" spans="14:14">
      <c r="N445472" s="10"/>
    </row>
    <row r="445473" spans="14:14">
      <c r="N445473" s="10"/>
    </row>
    <row r="445474" spans="14:14">
      <c r="N445474" s="10"/>
    </row>
    <row r="445475" spans="14:14">
      <c r="N445475" s="10"/>
    </row>
    <row r="445476" spans="14:14">
      <c r="N445476" s="10"/>
    </row>
    <row r="445477" spans="14:14">
      <c r="N445477" s="10"/>
    </row>
    <row r="445478" spans="14:14">
      <c r="N445478" s="10"/>
    </row>
    <row r="445479" spans="14:14">
      <c r="N445479" s="10"/>
    </row>
    <row r="445480" spans="14:14">
      <c r="N445480" s="10"/>
    </row>
    <row r="445481" spans="14:14">
      <c r="N445481" s="10"/>
    </row>
    <row r="445482" spans="14:14">
      <c r="N445482" s="10"/>
    </row>
    <row r="445483" spans="14:14">
      <c r="N445483" s="10"/>
    </row>
    <row r="445484" spans="14:14">
      <c r="N445484" s="10"/>
    </row>
    <row r="445485" spans="14:14">
      <c r="N445485" s="10"/>
    </row>
    <row r="445486" spans="14:14">
      <c r="N445486" s="10"/>
    </row>
    <row r="445487" spans="14:14">
      <c r="N445487" s="10"/>
    </row>
    <row r="445488" spans="14:14">
      <c r="N445488" s="10"/>
    </row>
    <row r="445489" spans="14:14">
      <c r="N445489" s="10"/>
    </row>
    <row r="445490" spans="14:14">
      <c r="N445490" s="10"/>
    </row>
    <row r="445491" spans="14:14">
      <c r="N445491" s="10"/>
    </row>
    <row r="445492" spans="14:14">
      <c r="N445492" s="10"/>
    </row>
    <row r="445493" spans="14:14">
      <c r="N445493" s="10"/>
    </row>
    <row r="445494" spans="14:14">
      <c r="N445494" s="10"/>
    </row>
    <row r="445495" spans="14:14">
      <c r="N445495" s="10"/>
    </row>
    <row r="445496" spans="14:14">
      <c r="N445496" s="10"/>
    </row>
    <row r="445497" spans="14:14">
      <c r="N445497" s="10"/>
    </row>
    <row r="445498" spans="14:14">
      <c r="N445498" s="10"/>
    </row>
    <row r="445499" spans="14:14">
      <c r="N445499" s="10"/>
    </row>
    <row r="445500" spans="14:14">
      <c r="N445500" s="10"/>
    </row>
    <row r="445501" spans="14:14">
      <c r="N445501" s="10"/>
    </row>
    <row r="445502" spans="14:14">
      <c r="N445502" s="10"/>
    </row>
    <row r="445503" spans="14:14">
      <c r="N445503" s="10"/>
    </row>
    <row r="445504" spans="14:14">
      <c r="N445504" s="10"/>
    </row>
    <row r="445505" spans="14:14">
      <c r="N445505" s="10"/>
    </row>
    <row r="445506" spans="14:14">
      <c r="N445506" s="10"/>
    </row>
    <row r="445507" spans="14:14">
      <c r="N445507" s="10"/>
    </row>
    <row r="445508" spans="14:14">
      <c r="N445508" s="10"/>
    </row>
    <row r="445509" spans="14:14">
      <c r="N445509" s="10"/>
    </row>
    <row r="445510" spans="14:14">
      <c r="N445510" s="10"/>
    </row>
    <row r="445511" spans="14:14">
      <c r="N445511" s="10"/>
    </row>
    <row r="445512" spans="14:14">
      <c r="N445512" s="10"/>
    </row>
    <row r="445513" spans="14:14">
      <c r="N445513" s="10"/>
    </row>
    <row r="445514" spans="14:14">
      <c r="N445514" s="10"/>
    </row>
    <row r="445515" spans="14:14">
      <c r="N445515" s="10"/>
    </row>
    <row r="445516" spans="14:14">
      <c r="N445516" s="10"/>
    </row>
    <row r="445517" spans="14:14">
      <c r="N445517" s="10"/>
    </row>
    <row r="445518" spans="14:14">
      <c r="N445518" s="10"/>
    </row>
    <row r="445519" spans="14:14">
      <c r="N445519" s="10"/>
    </row>
    <row r="445520" spans="14:14">
      <c r="N445520" s="10"/>
    </row>
    <row r="445521" spans="14:14">
      <c r="N445521" s="10"/>
    </row>
    <row r="445522" spans="14:14">
      <c r="N445522" s="10"/>
    </row>
    <row r="445523" spans="14:14">
      <c r="N445523" s="10"/>
    </row>
    <row r="445524" spans="14:14">
      <c r="N445524" s="10"/>
    </row>
    <row r="445525" spans="14:14">
      <c r="N445525" s="10"/>
    </row>
    <row r="445526" spans="14:14">
      <c r="N445526" s="10"/>
    </row>
    <row r="445527" spans="14:14">
      <c r="N445527" s="10"/>
    </row>
    <row r="445528" spans="14:14">
      <c r="N445528" s="10"/>
    </row>
    <row r="445529" spans="14:14">
      <c r="N445529" s="10"/>
    </row>
    <row r="445530" spans="14:14">
      <c r="N445530" s="10"/>
    </row>
    <row r="445531" spans="14:14">
      <c r="N445531" s="10"/>
    </row>
    <row r="445532" spans="14:14">
      <c r="N445532" s="10"/>
    </row>
    <row r="445533" spans="14:14">
      <c r="N445533" s="10"/>
    </row>
    <row r="445534" spans="14:14">
      <c r="N445534" s="10"/>
    </row>
    <row r="445535" spans="14:14">
      <c r="N445535" s="10"/>
    </row>
    <row r="445536" spans="14:14">
      <c r="N445536" s="10"/>
    </row>
    <row r="445537" spans="14:14">
      <c r="N445537" s="10"/>
    </row>
    <row r="445538" spans="14:14">
      <c r="N445538" s="10"/>
    </row>
    <row r="445539" spans="14:14">
      <c r="N445539" s="10"/>
    </row>
    <row r="445540" spans="14:14">
      <c r="N445540" s="10"/>
    </row>
    <row r="445541" spans="14:14">
      <c r="N445541" s="10"/>
    </row>
    <row r="445542" spans="14:14">
      <c r="N445542" s="10"/>
    </row>
    <row r="445543" spans="14:14">
      <c r="N445543" s="10"/>
    </row>
    <row r="445544" spans="14:14">
      <c r="N445544" s="10"/>
    </row>
    <row r="445545" spans="14:14">
      <c r="N445545" s="10"/>
    </row>
    <row r="445546" spans="14:14">
      <c r="N445546" s="10"/>
    </row>
    <row r="445547" spans="14:14">
      <c r="N445547" s="10"/>
    </row>
    <row r="445548" spans="14:14">
      <c r="N445548" s="10"/>
    </row>
    <row r="445549" spans="14:14">
      <c r="N445549" s="10"/>
    </row>
    <row r="445550" spans="14:14">
      <c r="N445550" s="10"/>
    </row>
    <row r="445551" spans="14:14">
      <c r="N445551" s="10"/>
    </row>
    <row r="445552" spans="14:14">
      <c r="N445552" s="10"/>
    </row>
    <row r="445553" spans="14:14">
      <c r="N445553" s="10"/>
    </row>
    <row r="445554" spans="14:14">
      <c r="N445554" s="10"/>
    </row>
    <row r="445555" spans="14:14">
      <c r="N445555" s="10"/>
    </row>
    <row r="445556" spans="14:14">
      <c r="N445556" s="10"/>
    </row>
    <row r="445557" spans="14:14">
      <c r="N445557" s="10"/>
    </row>
    <row r="445558" spans="14:14">
      <c r="N445558" s="10"/>
    </row>
    <row r="445559" spans="14:14">
      <c r="N445559" s="10"/>
    </row>
    <row r="445560" spans="14:14">
      <c r="N445560" s="10"/>
    </row>
    <row r="445561" spans="14:14">
      <c r="N445561" s="10"/>
    </row>
    <row r="445562" spans="14:14">
      <c r="N445562" s="10"/>
    </row>
    <row r="445563" spans="14:14">
      <c r="N445563" s="10"/>
    </row>
    <row r="445564" spans="14:14">
      <c r="N445564" s="10"/>
    </row>
    <row r="445565" spans="14:14">
      <c r="N445565" s="10"/>
    </row>
    <row r="445566" spans="14:14">
      <c r="N445566" s="10"/>
    </row>
    <row r="445567" spans="14:14">
      <c r="N445567" s="10"/>
    </row>
    <row r="445568" spans="14:14">
      <c r="N445568" s="10"/>
    </row>
    <row r="445569" spans="14:14">
      <c r="N445569" s="10"/>
    </row>
    <row r="445570" spans="14:14">
      <c r="N445570" s="10"/>
    </row>
    <row r="445571" spans="14:14">
      <c r="N445571" s="10"/>
    </row>
    <row r="445572" spans="14:14">
      <c r="N445572" s="10"/>
    </row>
    <row r="445573" spans="14:14">
      <c r="N445573" s="10"/>
    </row>
    <row r="445574" spans="14:14">
      <c r="N445574" s="10"/>
    </row>
    <row r="445575" spans="14:14">
      <c r="N445575" s="10"/>
    </row>
    <row r="445576" spans="14:14">
      <c r="N445576" s="10"/>
    </row>
    <row r="445577" spans="14:14">
      <c r="N445577" s="10"/>
    </row>
    <row r="445578" spans="14:14">
      <c r="N445578" s="10"/>
    </row>
    <row r="445579" spans="14:14">
      <c r="N445579" s="10"/>
    </row>
    <row r="445580" spans="14:14">
      <c r="N445580" s="10"/>
    </row>
    <row r="445581" spans="14:14">
      <c r="N445581" s="10"/>
    </row>
    <row r="445582" spans="14:14">
      <c r="N445582" s="10"/>
    </row>
    <row r="445583" spans="14:14">
      <c r="N445583" s="10"/>
    </row>
    <row r="445584" spans="14:14">
      <c r="N445584" s="10"/>
    </row>
    <row r="445585" spans="14:14">
      <c r="N445585" s="10"/>
    </row>
    <row r="445586" spans="14:14">
      <c r="N445586" s="10"/>
    </row>
    <row r="445587" spans="14:14">
      <c r="N445587" s="10"/>
    </row>
    <row r="445588" spans="14:14">
      <c r="N445588" s="10"/>
    </row>
    <row r="445589" spans="14:14">
      <c r="N445589" s="10"/>
    </row>
    <row r="445590" spans="14:14">
      <c r="N445590" s="10"/>
    </row>
    <row r="445591" spans="14:14">
      <c r="N445591" s="10"/>
    </row>
    <row r="445592" spans="14:14">
      <c r="N445592" s="10"/>
    </row>
    <row r="445593" spans="14:14">
      <c r="N445593" s="10"/>
    </row>
    <row r="445594" spans="14:14">
      <c r="N445594" s="10"/>
    </row>
    <row r="445595" spans="14:14">
      <c r="N445595" s="10"/>
    </row>
    <row r="445596" spans="14:14">
      <c r="N445596" s="10"/>
    </row>
    <row r="445597" spans="14:14">
      <c r="N445597" s="10"/>
    </row>
    <row r="445598" spans="14:14">
      <c r="N445598" s="10"/>
    </row>
    <row r="445599" spans="14:14">
      <c r="N445599" s="10"/>
    </row>
    <row r="445600" spans="14:14">
      <c r="N445600" s="10"/>
    </row>
    <row r="445601" spans="14:14">
      <c r="N445601" s="10"/>
    </row>
    <row r="445602" spans="14:14">
      <c r="N445602" s="10"/>
    </row>
    <row r="445603" spans="14:14">
      <c r="N445603" s="10"/>
    </row>
    <row r="445604" spans="14:14">
      <c r="N445604" s="10"/>
    </row>
    <row r="445605" spans="14:14">
      <c r="N445605" s="10"/>
    </row>
    <row r="445606" spans="14:14">
      <c r="N445606" s="10"/>
    </row>
    <row r="445607" spans="14:14">
      <c r="N445607" s="10"/>
    </row>
    <row r="445608" spans="14:14">
      <c r="N445608" s="10"/>
    </row>
    <row r="445609" spans="14:14">
      <c r="N445609" s="10"/>
    </row>
    <row r="445610" spans="14:14">
      <c r="N445610" s="10"/>
    </row>
    <row r="445611" spans="14:14">
      <c r="N445611" s="10"/>
    </row>
    <row r="445612" spans="14:14">
      <c r="N445612" s="10"/>
    </row>
    <row r="445613" spans="14:14">
      <c r="N445613" s="10"/>
    </row>
    <row r="445614" spans="14:14">
      <c r="N445614" s="10"/>
    </row>
    <row r="445615" spans="14:14">
      <c r="N445615" s="10"/>
    </row>
    <row r="445616" spans="14:14">
      <c r="N445616" s="10"/>
    </row>
    <row r="445617" spans="14:14">
      <c r="N445617" s="10"/>
    </row>
    <row r="445618" spans="14:14">
      <c r="N445618" s="10"/>
    </row>
    <row r="445619" spans="14:14">
      <c r="N445619" s="10"/>
    </row>
    <row r="445620" spans="14:14">
      <c r="N445620" s="10"/>
    </row>
    <row r="445621" spans="14:14">
      <c r="N445621" s="10"/>
    </row>
    <row r="445622" spans="14:14">
      <c r="N445622" s="10"/>
    </row>
    <row r="445623" spans="14:14">
      <c r="N445623" s="10"/>
    </row>
    <row r="445624" spans="14:14">
      <c r="N445624" s="10"/>
    </row>
    <row r="445625" spans="14:14">
      <c r="N445625" s="10"/>
    </row>
    <row r="445626" spans="14:14">
      <c r="N445626" s="10"/>
    </row>
    <row r="445627" spans="14:14">
      <c r="N445627" s="10"/>
    </row>
    <row r="445628" spans="14:14">
      <c r="N445628" s="10"/>
    </row>
    <row r="445629" spans="14:14">
      <c r="N445629" s="10"/>
    </row>
    <row r="445630" spans="14:14">
      <c r="N445630" s="10"/>
    </row>
    <row r="445631" spans="14:14">
      <c r="N445631" s="10"/>
    </row>
    <row r="445632" spans="14:14">
      <c r="N445632" s="10"/>
    </row>
    <row r="445633" spans="14:14">
      <c r="N445633" s="10"/>
    </row>
    <row r="445634" spans="14:14">
      <c r="N445634" s="10"/>
    </row>
    <row r="445635" spans="14:14">
      <c r="N445635" s="10"/>
    </row>
    <row r="445636" spans="14:14">
      <c r="N445636" s="10"/>
    </row>
    <row r="445637" spans="14:14">
      <c r="N445637" s="10"/>
    </row>
    <row r="445638" spans="14:14">
      <c r="N445638" s="10"/>
    </row>
    <row r="445639" spans="14:14">
      <c r="N445639" s="10"/>
    </row>
    <row r="445640" spans="14:14">
      <c r="N445640" s="10"/>
    </row>
    <row r="445641" spans="14:14">
      <c r="N445641" s="10"/>
    </row>
    <row r="445642" spans="14:14">
      <c r="N445642" s="10"/>
    </row>
    <row r="445643" spans="14:14">
      <c r="N445643" s="10"/>
    </row>
    <row r="445644" spans="14:14">
      <c r="N445644" s="10"/>
    </row>
    <row r="445645" spans="14:14">
      <c r="N445645" s="10"/>
    </row>
    <row r="445646" spans="14:14">
      <c r="N445646" s="10"/>
    </row>
    <row r="445647" spans="14:14">
      <c r="N445647" s="10"/>
    </row>
    <row r="445648" spans="14:14">
      <c r="N445648" s="10"/>
    </row>
    <row r="445649" spans="14:14">
      <c r="N445649" s="10"/>
    </row>
    <row r="445650" spans="14:14">
      <c r="N445650" s="10"/>
    </row>
    <row r="445651" spans="14:14">
      <c r="N445651" s="10"/>
    </row>
    <row r="445652" spans="14:14">
      <c r="N445652" s="10"/>
    </row>
    <row r="445653" spans="14:14">
      <c r="N445653" s="10"/>
    </row>
    <row r="445654" spans="14:14">
      <c r="N445654" s="10"/>
    </row>
    <row r="445655" spans="14:14">
      <c r="N445655" s="10"/>
    </row>
    <row r="445656" spans="14:14">
      <c r="N445656" s="10"/>
    </row>
    <row r="445657" spans="14:14">
      <c r="N445657" s="10"/>
    </row>
    <row r="445658" spans="14:14">
      <c r="N445658" s="10"/>
    </row>
    <row r="445659" spans="14:14">
      <c r="N445659" s="10"/>
    </row>
    <row r="445660" spans="14:14">
      <c r="N445660" s="10"/>
    </row>
    <row r="445661" spans="14:14">
      <c r="N445661" s="10"/>
    </row>
    <row r="445662" spans="14:14">
      <c r="N445662" s="10"/>
    </row>
    <row r="445663" spans="14:14">
      <c r="N445663" s="10"/>
    </row>
    <row r="445664" spans="14:14">
      <c r="N445664" s="10"/>
    </row>
    <row r="445665" spans="14:14">
      <c r="N445665" s="10"/>
    </row>
    <row r="445666" spans="14:14">
      <c r="N445666" s="10"/>
    </row>
    <row r="445667" spans="14:14">
      <c r="N445667" s="10"/>
    </row>
    <row r="445668" spans="14:14">
      <c r="N445668" s="10"/>
    </row>
    <row r="445669" spans="14:14">
      <c r="N445669" s="10"/>
    </row>
    <row r="445670" spans="14:14">
      <c r="N445670" s="10"/>
    </row>
    <row r="445671" spans="14:14">
      <c r="N445671" s="10"/>
    </row>
    <row r="445672" spans="14:14">
      <c r="N445672" s="10"/>
    </row>
    <row r="445673" spans="14:14">
      <c r="N445673" s="10"/>
    </row>
    <row r="445674" spans="14:14">
      <c r="N445674" s="10"/>
    </row>
    <row r="445675" spans="14:14">
      <c r="N445675" s="10"/>
    </row>
    <row r="445676" spans="14:14">
      <c r="N445676" s="10"/>
    </row>
    <row r="445677" spans="14:14">
      <c r="N445677" s="10"/>
    </row>
    <row r="445678" spans="14:14">
      <c r="N445678" s="10"/>
    </row>
    <row r="445679" spans="14:14">
      <c r="N445679" s="10"/>
    </row>
    <row r="445680" spans="14:14">
      <c r="N445680" s="10"/>
    </row>
    <row r="445681" spans="14:14">
      <c r="N445681" s="10"/>
    </row>
    <row r="445682" spans="14:14">
      <c r="N445682" s="10"/>
    </row>
    <row r="445683" spans="14:14">
      <c r="N445683" s="10"/>
    </row>
    <row r="445684" spans="14:14">
      <c r="N445684" s="10"/>
    </row>
    <row r="445685" spans="14:14">
      <c r="N445685" s="10"/>
    </row>
    <row r="445686" spans="14:14">
      <c r="N445686" s="10"/>
    </row>
    <row r="445687" spans="14:14">
      <c r="N445687" s="10"/>
    </row>
    <row r="445688" spans="14:14">
      <c r="N445688" s="10"/>
    </row>
    <row r="445689" spans="14:14">
      <c r="N445689" s="10"/>
    </row>
    <row r="445690" spans="14:14">
      <c r="N445690" s="10"/>
    </row>
    <row r="445691" spans="14:14">
      <c r="N445691" s="10"/>
    </row>
    <row r="445692" spans="14:14">
      <c r="N445692" s="10"/>
    </row>
    <row r="445693" spans="14:14">
      <c r="N445693" s="10"/>
    </row>
    <row r="445694" spans="14:14">
      <c r="N445694" s="10"/>
    </row>
    <row r="445695" spans="14:14">
      <c r="N445695" s="10"/>
    </row>
    <row r="445696" spans="14:14">
      <c r="N445696" s="10"/>
    </row>
    <row r="445697" spans="14:14">
      <c r="N445697" s="10"/>
    </row>
    <row r="445698" spans="14:14">
      <c r="N445698" s="10"/>
    </row>
    <row r="445699" spans="14:14">
      <c r="N445699" s="10"/>
    </row>
    <row r="445700" spans="14:14">
      <c r="N445700" s="10"/>
    </row>
    <row r="445701" spans="14:14">
      <c r="N445701" s="10"/>
    </row>
    <row r="445702" spans="14:14">
      <c r="N445702" s="10"/>
    </row>
    <row r="445703" spans="14:14">
      <c r="N445703" s="10"/>
    </row>
    <row r="445704" spans="14:14">
      <c r="N445704" s="10"/>
    </row>
    <row r="445705" spans="14:14">
      <c r="N445705" s="10"/>
    </row>
    <row r="445706" spans="14:14">
      <c r="N445706" s="10"/>
    </row>
    <row r="445707" spans="14:14">
      <c r="N445707" s="10"/>
    </row>
    <row r="445708" spans="14:14">
      <c r="N445708" s="10"/>
    </row>
    <row r="445709" spans="14:14">
      <c r="N445709" s="10"/>
    </row>
    <row r="445710" spans="14:14">
      <c r="N445710" s="10"/>
    </row>
    <row r="445711" spans="14:14">
      <c r="N445711" s="10"/>
    </row>
    <row r="445712" spans="14:14">
      <c r="N445712" s="10"/>
    </row>
    <row r="445713" spans="14:14">
      <c r="N445713" s="10"/>
    </row>
    <row r="445714" spans="14:14">
      <c r="N445714" s="10"/>
    </row>
    <row r="445715" spans="14:14">
      <c r="N445715" s="10"/>
    </row>
    <row r="445716" spans="14:14">
      <c r="N445716" s="10"/>
    </row>
    <row r="445717" spans="14:14">
      <c r="N445717" s="10"/>
    </row>
    <row r="445718" spans="14:14">
      <c r="N445718" s="10"/>
    </row>
    <row r="445719" spans="14:14">
      <c r="N445719" s="10"/>
    </row>
    <row r="445720" spans="14:14">
      <c r="N445720" s="10"/>
    </row>
    <row r="445721" spans="14:14">
      <c r="N445721" s="10"/>
    </row>
    <row r="445722" spans="14:14">
      <c r="N445722" s="10"/>
    </row>
    <row r="445723" spans="14:14">
      <c r="N445723" s="10"/>
    </row>
    <row r="445724" spans="14:14">
      <c r="N445724" s="10"/>
    </row>
    <row r="445725" spans="14:14">
      <c r="N445725" s="10"/>
    </row>
    <row r="445726" spans="14:14">
      <c r="N445726" s="10"/>
    </row>
    <row r="445727" spans="14:14">
      <c r="N445727" s="10"/>
    </row>
    <row r="445728" spans="14:14">
      <c r="N445728" s="10"/>
    </row>
    <row r="445729" spans="14:14">
      <c r="N445729" s="10"/>
    </row>
    <row r="445730" spans="14:14">
      <c r="N445730" s="10"/>
    </row>
    <row r="445731" spans="14:14">
      <c r="N445731" s="10"/>
    </row>
    <row r="445732" spans="14:14">
      <c r="N445732" s="10"/>
    </row>
    <row r="445733" spans="14:14">
      <c r="N445733" s="10"/>
    </row>
    <row r="445734" spans="14:14">
      <c r="N445734" s="10"/>
    </row>
    <row r="445735" spans="14:14">
      <c r="N445735" s="10"/>
    </row>
    <row r="445736" spans="14:14">
      <c r="N445736" s="10"/>
    </row>
    <row r="445737" spans="14:14">
      <c r="N445737" s="10"/>
    </row>
    <row r="445738" spans="14:14">
      <c r="N445738" s="10"/>
    </row>
    <row r="445739" spans="14:14">
      <c r="N445739" s="10"/>
    </row>
    <row r="445740" spans="14:14">
      <c r="N445740" s="10"/>
    </row>
    <row r="445741" spans="14:14">
      <c r="N445741" s="10"/>
    </row>
    <row r="445742" spans="14:14">
      <c r="N445742" s="10"/>
    </row>
    <row r="445743" spans="14:14">
      <c r="N445743" s="10"/>
    </row>
    <row r="445744" spans="14:14">
      <c r="N445744" s="10"/>
    </row>
    <row r="445745" spans="14:14">
      <c r="N445745" s="10"/>
    </row>
    <row r="445746" spans="14:14">
      <c r="N445746" s="10"/>
    </row>
    <row r="445747" spans="14:14">
      <c r="N445747" s="10"/>
    </row>
    <row r="445748" spans="14:14">
      <c r="N445748" s="10"/>
    </row>
    <row r="445749" spans="14:14">
      <c r="N445749" s="10"/>
    </row>
    <row r="445750" spans="14:14">
      <c r="N445750" s="10"/>
    </row>
    <row r="445751" spans="14:14">
      <c r="N445751" s="10"/>
    </row>
    <row r="445752" spans="14:14">
      <c r="N445752" s="10"/>
    </row>
    <row r="445753" spans="14:14">
      <c r="N445753" s="10"/>
    </row>
    <row r="445754" spans="14:14">
      <c r="N445754" s="10"/>
    </row>
    <row r="445755" spans="14:14">
      <c r="N445755" s="10"/>
    </row>
    <row r="445756" spans="14:14">
      <c r="N445756" s="10"/>
    </row>
    <row r="445757" spans="14:14">
      <c r="N445757" s="10"/>
    </row>
    <row r="445758" spans="14:14">
      <c r="N445758" s="10"/>
    </row>
    <row r="445759" spans="14:14">
      <c r="N445759" s="10"/>
    </row>
    <row r="445760" spans="14:14">
      <c r="N445760" s="10"/>
    </row>
    <row r="445761" spans="14:14">
      <c r="N445761" s="10"/>
    </row>
    <row r="445762" spans="14:14">
      <c r="N445762" s="10"/>
    </row>
    <row r="445763" spans="14:14">
      <c r="N445763" s="10"/>
    </row>
    <row r="445764" spans="14:14">
      <c r="N445764" s="10"/>
    </row>
    <row r="445765" spans="14:14">
      <c r="N445765" s="10"/>
    </row>
    <row r="445766" spans="14:14">
      <c r="N445766" s="10"/>
    </row>
    <row r="445767" spans="14:14">
      <c r="N445767" s="10"/>
    </row>
    <row r="445768" spans="14:14">
      <c r="N445768" s="10"/>
    </row>
    <row r="445769" spans="14:14">
      <c r="N445769" s="10"/>
    </row>
    <row r="445770" spans="14:14">
      <c r="N445770" s="10"/>
    </row>
    <row r="445771" spans="14:14">
      <c r="N445771" s="10"/>
    </row>
    <row r="445772" spans="14:14">
      <c r="N445772" s="10"/>
    </row>
    <row r="445773" spans="14:14">
      <c r="N445773" s="10"/>
    </row>
    <row r="445774" spans="14:14">
      <c r="N445774" s="10"/>
    </row>
    <row r="445775" spans="14:14">
      <c r="N445775" s="10"/>
    </row>
    <row r="445776" spans="14:14">
      <c r="N445776" s="10"/>
    </row>
    <row r="445777" spans="14:14">
      <c r="N445777" s="10"/>
    </row>
    <row r="445778" spans="14:14">
      <c r="N445778" s="10"/>
    </row>
    <row r="445779" spans="14:14">
      <c r="N445779" s="10"/>
    </row>
    <row r="445780" spans="14:14">
      <c r="N445780" s="10"/>
    </row>
    <row r="445781" spans="14:14">
      <c r="N445781" s="10"/>
    </row>
    <row r="445782" spans="14:14">
      <c r="N445782" s="10"/>
    </row>
    <row r="445783" spans="14:14">
      <c r="N445783" s="10"/>
    </row>
    <row r="445784" spans="14:14">
      <c r="N445784" s="10"/>
    </row>
    <row r="445785" spans="14:14">
      <c r="N445785" s="10"/>
    </row>
    <row r="445786" spans="14:14">
      <c r="N445786" s="10"/>
    </row>
    <row r="445787" spans="14:14">
      <c r="N445787" s="10"/>
    </row>
    <row r="445788" spans="14:14">
      <c r="N445788" s="10"/>
    </row>
    <row r="445789" spans="14:14">
      <c r="N445789" s="10"/>
    </row>
    <row r="445790" spans="14:14">
      <c r="N445790" s="10"/>
    </row>
    <row r="445791" spans="14:14">
      <c r="N445791" s="10"/>
    </row>
    <row r="445792" spans="14:14">
      <c r="N445792" s="10"/>
    </row>
    <row r="445793" spans="14:14">
      <c r="N445793" s="10"/>
    </row>
    <row r="445794" spans="14:14">
      <c r="N445794" s="10"/>
    </row>
    <row r="445795" spans="14:14">
      <c r="N445795" s="10"/>
    </row>
    <row r="445796" spans="14:14">
      <c r="N445796" s="10"/>
    </row>
    <row r="445797" spans="14:14">
      <c r="N445797" s="10"/>
    </row>
    <row r="445798" spans="14:14">
      <c r="N445798" s="10"/>
    </row>
    <row r="445799" spans="14:14">
      <c r="N445799" s="10"/>
    </row>
    <row r="445800" spans="14:14">
      <c r="N445800" s="10"/>
    </row>
    <row r="445801" spans="14:14">
      <c r="N445801" s="10"/>
    </row>
    <row r="445802" spans="14:14">
      <c r="N445802" s="10"/>
    </row>
    <row r="445803" spans="14:14">
      <c r="N445803" s="10"/>
    </row>
    <row r="445804" spans="14:14">
      <c r="N445804" s="10"/>
    </row>
    <row r="445805" spans="14:14">
      <c r="N445805" s="10"/>
    </row>
    <row r="445806" spans="14:14">
      <c r="N445806" s="10"/>
    </row>
    <row r="445807" spans="14:14">
      <c r="N445807" s="10"/>
    </row>
    <row r="445808" spans="14:14">
      <c r="N445808" s="10"/>
    </row>
    <row r="445809" spans="14:14">
      <c r="N445809" s="10"/>
    </row>
    <row r="445810" spans="14:14">
      <c r="N445810" s="10"/>
    </row>
    <row r="445811" spans="14:14">
      <c r="N445811" s="10"/>
    </row>
    <row r="445812" spans="14:14">
      <c r="N445812" s="10"/>
    </row>
    <row r="445813" spans="14:14">
      <c r="N445813" s="10"/>
    </row>
    <row r="445814" spans="14:14">
      <c r="N445814" s="10"/>
    </row>
    <row r="445815" spans="14:14">
      <c r="N445815" s="10"/>
    </row>
    <row r="445816" spans="14:14">
      <c r="N445816" s="10"/>
    </row>
    <row r="445817" spans="14:14">
      <c r="N445817" s="10"/>
    </row>
    <row r="445818" spans="14:14">
      <c r="N445818" s="10"/>
    </row>
    <row r="445819" spans="14:14">
      <c r="N445819" s="10"/>
    </row>
    <row r="445820" spans="14:14">
      <c r="N445820" s="10"/>
    </row>
    <row r="445821" spans="14:14">
      <c r="N445821" s="10"/>
    </row>
    <row r="445822" spans="14:14">
      <c r="N445822" s="10"/>
    </row>
    <row r="445823" spans="14:14">
      <c r="N445823" s="10"/>
    </row>
    <row r="445824" spans="14:14">
      <c r="N445824" s="10"/>
    </row>
    <row r="445825" spans="14:14">
      <c r="N445825" s="10"/>
    </row>
    <row r="445826" spans="14:14">
      <c r="N445826" s="10"/>
    </row>
    <row r="445827" spans="14:14">
      <c r="N445827" s="10"/>
    </row>
    <row r="445828" spans="14:14">
      <c r="N445828" s="10"/>
    </row>
    <row r="445829" spans="14:14">
      <c r="N445829" s="10"/>
    </row>
    <row r="445830" spans="14:14">
      <c r="N445830" s="10"/>
    </row>
    <row r="445831" spans="14:14">
      <c r="N445831" s="10"/>
    </row>
    <row r="445832" spans="14:14">
      <c r="N445832" s="10"/>
    </row>
    <row r="445833" spans="14:14">
      <c r="N445833" s="10"/>
    </row>
    <row r="445834" spans="14:14">
      <c r="N445834" s="10"/>
    </row>
    <row r="445835" spans="14:14">
      <c r="N445835" s="10"/>
    </row>
    <row r="445836" spans="14:14">
      <c r="N445836" s="10"/>
    </row>
    <row r="445837" spans="14:14">
      <c r="N445837" s="10"/>
    </row>
    <row r="445838" spans="14:14">
      <c r="N445838" s="10"/>
    </row>
    <row r="445839" spans="14:14">
      <c r="N445839" s="10"/>
    </row>
    <row r="445840" spans="14:14">
      <c r="N445840" s="10"/>
    </row>
    <row r="445841" spans="14:14">
      <c r="N445841" s="10"/>
    </row>
    <row r="445842" spans="14:14">
      <c r="N445842" s="10"/>
    </row>
    <row r="445843" spans="14:14">
      <c r="N445843" s="10"/>
    </row>
    <row r="445844" spans="14:14">
      <c r="N445844" s="10"/>
    </row>
    <row r="445845" spans="14:14">
      <c r="N445845" s="10"/>
    </row>
    <row r="445846" spans="14:14">
      <c r="N445846" s="10"/>
    </row>
    <row r="445847" spans="14:14">
      <c r="N445847" s="10"/>
    </row>
    <row r="445848" spans="14:14">
      <c r="N445848" s="10"/>
    </row>
    <row r="445849" spans="14:14">
      <c r="N445849" s="10"/>
    </row>
    <row r="445850" spans="14:14">
      <c r="N445850" s="10"/>
    </row>
    <row r="445851" spans="14:14">
      <c r="N445851" s="10"/>
    </row>
    <row r="445852" spans="14:14">
      <c r="N445852" s="10"/>
    </row>
    <row r="445853" spans="14:14">
      <c r="N445853" s="10"/>
    </row>
    <row r="445854" spans="14:14">
      <c r="N445854" s="10"/>
    </row>
    <row r="445855" spans="14:14">
      <c r="N445855" s="10"/>
    </row>
    <row r="445856" spans="14:14">
      <c r="N445856" s="10"/>
    </row>
    <row r="445857" spans="14:14">
      <c r="N445857" s="10"/>
    </row>
    <row r="445858" spans="14:14">
      <c r="N445858" s="10"/>
    </row>
    <row r="445859" spans="14:14">
      <c r="N445859" s="10"/>
    </row>
    <row r="445860" spans="14:14">
      <c r="N445860" s="10"/>
    </row>
    <row r="445861" spans="14:14">
      <c r="N445861" s="10"/>
    </row>
    <row r="445862" spans="14:14">
      <c r="N445862" s="10"/>
    </row>
    <row r="445863" spans="14:14">
      <c r="N445863" s="10"/>
    </row>
    <row r="445864" spans="14:14">
      <c r="N445864" s="10"/>
    </row>
    <row r="445865" spans="14:14">
      <c r="N445865" s="10"/>
    </row>
    <row r="445866" spans="14:14">
      <c r="N445866" s="10"/>
    </row>
    <row r="445867" spans="14:14">
      <c r="N445867" s="10"/>
    </row>
    <row r="445868" spans="14:14">
      <c r="N445868" s="10"/>
    </row>
    <row r="445869" spans="14:14">
      <c r="N445869" s="10"/>
    </row>
    <row r="445870" spans="14:14">
      <c r="N445870" s="10"/>
    </row>
    <row r="445871" spans="14:14">
      <c r="N445871" s="10"/>
    </row>
    <row r="445872" spans="14:14">
      <c r="N445872" s="10"/>
    </row>
    <row r="445873" spans="14:14">
      <c r="N445873" s="10"/>
    </row>
    <row r="445874" spans="14:14">
      <c r="N445874" s="10"/>
    </row>
    <row r="445875" spans="14:14">
      <c r="N445875" s="10"/>
    </row>
    <row r="445876" spans="14:14">
      <c r="N445876" s="10"/>
    </row>
    <row r="445877" spans="14:14">
      <c r="N445877" s="10"/>
    </row>
    <row r="445878" spans="14:14">
      <c r="N445878" s="10"/>
    </row>
    <row r="445879" spans="14:14">
      <c r="N445879" s="10"/>
    </row>
    <row r="445880" spans="14:14">
      <c r="N445880" s="10"/>
    </row>
    <row r="445881" spans="14:14">
      <c r="N445881" s="10"/>
    </row>
    <row r="445882" spans="14:14">
      <c r="N445882" s="10"/>
    </row>
    <row r="445883" spans="14:14">
      <c r="N445883" s="10"/>
    </row>
    <row r="445884" spans="14:14">
      <c r="N445884" s="10"/>
    </row>
    <row r="445885" spans="14:14">
      <c r="N445885" s="10"/>
    </row>
    <row r="445886" spans="14:14">
      <c r="N445886" s="10"/>
    </row>
    <row r="445887" spans="14:14">
      <c r="N445887" s="10"/>
    </row>
    <row r="445888" spans="14:14">
      <c r="N445888" s="10"/>
    </row>
    <row r="445889" spans="14:14">
      <c r="N445889" s="10"/>
    </row>
    <row r="445890" spans="14:14">
      <c r="N445890" s="10"/>
    </row>
    <row r="445891" spans="14:14">
      <c r="N445891" s="10"/>
    </row>
    <row r="445892" spans="14:14">
      <c r="N445892" s="10"/>
    </row>
    <row r="445893" spans="14:14">
      <c r="N445893" s="10"/>
    </row>
    <row r="445894" spans="14:14">
      <c r="N445894" s="10"/>
    </row>
    <row r="445895" spans="14:14">
      <c r="N445895" s="10"/>
    </row>
    <row r="445896" spans="14:14">
      <c r="N445896" s="10"/>
    </row>
    <row r="445897" spans="14:14">
      <c r="N445897" s="10"/>
    </row>
    <row r="445898" spans="14:14">
      <c r="N445898" s="10"/>
    </row>
    <row r="445899" spans="14:14">
      <c r="N445899" s="10"/>
    </row>
    <row r="445900" spans="14:14">
      <c r="N445900" s="10"/>
    </row>
    <row r="445901" spans="14:14">
      <c r="N445901" s="10"/>
    </row>
    <row r="445902" spans="14:14">
      <c r="N445902" s="10"/>
    </row>
    <row r="445903" spans="14:14">
      <c r="N445903" s="10"/>
    </row>
    <row r="445904" spans="14:14">
      <c r="N445904" s="10"/>
    </row>
    <row r="445905" spans="14:14">
      <c r="N445905" s="10"/>
    </row>
    <row r="445906" spans="14:14">
      <c r="N445906" s="10"/>
    </row>
    <row r="445907" spans="14:14">
      <c r="N445907" s="10"/>
    </row>
    <row r="445908" spans="14:14">
      <c r="N445908" s="10"/>
    </row>
    <row r="445909" spans="14:14">
      <c r="N445909" s="10"/>
    </row>
    <row r="445910" spans="14:14">
      <c r="N445910" s="10"/>
    </row>
    <row r="445911" spans="14:14">
      <c r="N445911" s="10"/>
    </row>
    <row r="445912" spans="14:14">
      <c r="N445912" s="10"/>
    </row>
    <row r="445913" spans="14:14">
      <c r="N445913" s="10"/>
    </row>
    <row r="445914" spans="14:14">
      <c r="N445914" s="10"/>
    </row>
    <row r="445915" spans="14:14">
      <c r="N445915" s="10"/>
    </row>
    <row r="445916" spans="14:14">
      <c r="N445916" s="10"/>
    </row>
    <row r="445917" spans="14:14">
      <c r="N445917" s="10"/>
    </row>
    <row r="445918" spans="14:14">
      <c r="N445918" s="10"/>
    </row>
    <row r="445919" spans="14:14">
      <c r="N445919" s="10"/>
    </row>
    <row r="445920" spans="14:14">
      <c r="N445920" s="10"/>
    </row>
    <row r="445921" spans="14:14">
      <c r="N445921" s="10"/>
    </row>
    <row r="445922" spans="14:14">
      <c r="N445922" s="10"/>
    </row>
    <row r="445923" spans="14:14">
      <c r="N445923" s="10"/>
    </row>
    <row r="445924" spans="14:14">
      <c r="N445924" s="10"/>
    </row>
    <row r="445925" spans="14:14">
      <c r="N445925" s="10"/>
    </row>
    <row r="445926" spans="14:14">
      <c r="N445926" s="10"/>
    </row>
    <row r="445927" spans="14:14">
      <c r="N445927" s="10"/>
    </row>
    <row r="445928" spans="14:14">
      <c r="N445928" s="10"/>
    </row>
    <row r="445929" spans="14:14">
      <c r="N445929" s="10"/>
    </row>
    <row r="445930" spans="14:14">
      <c r="N445930" s="10"/>
    </row>
    <row r="445931" spans="14:14">
      <c r="N445931" s="10"/>
    </row>
    <row r="445932" spans="14:14">
      <c r="N445932" s="10"/>
    </row>
    <row r="445933" spans="14:14">
      <c r="N445933" s="10"/>
    </row>
    <row r="445934" spans="14:14">
      <c r="N445934" s="10"/>
    </row>
    <row r="445935" spans="14:14">
      <c r="N445935" s="10"/>
    </row>
    <row r="445936" spans="14:14">
      <c r="N445936" s="10"/>
    </row>
    <row r="445937" spans="14:14">
      <c r="N445937" s="10"/>
    </row>
    <row r="445938" spans="14:14">
      <c r="N445938" s="10"/>
    </row>
    <row r="445939" spans="14:14">
      <c r="N445939" s="10"/>
    </row>
    <row r="445940" spans="14:14">
      <c r="N445940" s="10"/>
    </row>
    <row r="445941" spans="14:14">
      <c r="N445941" s="10"/>
    </row>
    <row r="445942" spans="14:14">
      <c r="N445942" s="10"/>
    </row>
    <row r="445943" spans="14:14">
      <c r="N445943" s="10"/>
    </row>
    <row r="445944" spans="14:14">
      <c r="N445944" s="10"/>
    </row>
    <row r="445945" spans="14:14">
      <c r="N445945" s="10"/>
    </row>
    <row r="445946" spans="14:14">
      <c r="N445946" s="10"/>
    </row>
    <row r="445947" spans="14:14">
      <c r="N445947" s="10"/>
    </row>
    <row r="445948" spans="14:14">
      <c r="N445948" s="10"/>
    </row>
    <row r="445949" spans="14:14">
      <c r="N445949" s="10"/>
    </row>
    <row r="445950" spans="14:14">
      <c r="N445950" s="10"/>
    </row>
    <row r="445951" spans="14:14">
      <c r="N445951" s="10"/>
    </row>
    <row r="445952" spans="14:14">
      <c r="N445952" s="10"/>
    </row>
    <row r="445953" spans="14:14">
      <c r="N445953" s="10"/>
    </row>
    <row r="445954" spans="14:14">
      <c r="N445954" s="10"/>
    </row>
    <row r="445955" spans="14:14">
      <c r="N445955" s="10"/>
    </row>
    <row r="445956" spans="14:14">
      <c r="N445956" s="10"/>
    </row>
    <row r="445957" spans="14:14">
      <c r="N445957" s="10"/>
    </row>
    <row r="445958" spans="14:14">
      <c r="N445958" s="10"/>
    </row>
    <row r="445959" spans="14:14">
      <c r="N445959" s="10"/>
    </row>
    <row r="445960" spans="14:14">
      <c r="N445960" s="10"/>
    </row>
    <row r="445961" spans="14:14">
      <c r="N445961" s="10"/>
    </row>
    <row r="445962" spans="14:14">
      <c r="N445962" s="10"/>
    </row>
    <row r="445963" spans="14:14">
      <c r="N445963" s="10"/>
    </row>
    <row r="445964" spans="14:14">
      <c r="N445964" s="10"/>
    </row>
    <row r="445965" spans="14:14">
      <c r="N445965" s="10"/>
    </row>
    <row r="445966" spans="14:14">
      <c r="N445966" s="10"/>
    </row>
    <row r="445967" spans="14:14">
      <c r="N445967" s="10"/>
    </row>
    <row r="445968" spans="14:14">
      <c r="N445968" s="10"/>
    </row>
    <row r="445969" spans="14:14">
      <c r="N445969" s="10"/>
    </row>
    <row r="445970" spans="14:14">
      <c r="N445970" s="10"/>
    </row>
    <row r="445971" spans="14:14">
      <c r="N445971" s="10"/>
    </row>
    <row r="445972" spans="14:14">
      <c r="N445972" s="10"/>
    </row>
    <row r="445973" spans="14:14">
      <c r="N445973" s="10"/>
    </row>
    <row r="445974" spans="14:14">
      <c r="N445974" s="10"/>
    </row>
    <row r="445975" spans="14:14">
      <c r="N445975" s="10"/>
    </row>
    <row r="445976" spans="14:14">
      <c r="N445976" s="10"/>
    </row>
    <row r="445977" spans="14:14">
      <c r="N445977" s="10"/>
    </row>
    <row r="445978" spans="14:14">
      <c r="N445978" s="10"/>
    </row>
    <row r="445979" spans="14:14">
      <c r="N445979" s="10"/>
    </row>
    <row r="445980" spans="14:14">
      <c r="N445980" s="10"/>
    </row>
    <row r="445981" spans="14:14">
      <c r="N445981" s="10"/>
    </row>
    <row r="445982" spans="14:14">
      <c r="N445982" s="10"/>
    </row>
    <row r="445983" spans="14:14">
      <c r="N445983" s="10"/>
    </row>
    <row r="445984" spans="14:14">
      <c r="N445984" s="10"/>
    </row>
    <row r="445985" spans="14:14">
      <c r="N445985" s="10"/>
    </row>
    <row r="445986" spans="14:14">
      <c r="N445986" s="10"/>
    </row>
    <row r="445987" spans="14:14">
      <c r="N445987" s="10"/>
    </row>
    <row r="445988" spans="14:14">
      <c r="N445988" s="10"/>
    </row>
    <row r="445989" spans="14:14">
      <c r="N445989" s="10"/>
    </row>
    <row r="445990" spans="14:14">
      <c r="N445990" s="10"/>
    </row>
    <row r="445991" spans="14:14">
      <c r="N445991" s="10"/>
    </row>
    <row r="445992" spans="14:14">
      <c r="N445992" s="10"/>
    </row>
    <row r="445993" spans="14:14">
      <c r="N445993" s="10"/>
    </row>
    <row r="445994" spans="14:14">
      <c r="N445994" s="10"/>
    </row>
    <row r="445995" spans="14:14">
      <c r="N445995" s="10"/>
    </row>
    <row r="445996" spans="14:14">
      <c r="N445996" s="10"/>
    </row>
    <row r="445997" spans="14:14">
      <c r="N445997" s="10"/>
    </row>
    <row r="445998" spans="14:14">
      <c r="N445998" s="10"/>
    </row>
    <row r="445999" spans="14:14">
      <c r="N445999" s="10"/>
    </row>
    <row r="446000" spans="14:14">
      <c r="N446000" s="10"/>
    </row>
    <row r="446001" spans="14:14">
      <c r="N446001" s="10"/>
    </row>
    <row r="446002" spans="14:14">
      <c r="N446002" s="10"/>
    </row>
    <row r="446003" spans="14:14">
      <c r="N446003" s="10"/>
    </row>
    <row r="446004" spans="14:14">
      <c r="N446004" s="10"/>
    </row>
    <row r="446005" spans="14:14">
      <c r="N446005" s="10"/>
    </row>
    <row r="446006" spans="14:14">
      <c r="N446006" s="10"/>
    </row>
    <row r="446007" spans="14:14">
      <c r="N446007" s="10"/>
    </row>
    <row r="446008" spans="14:14">
      <c r="N446008" s="10"/>
    </row>
    <row r="446009" spans="14:14">
      <c r="N446009" s="10"/>
    </row>
    <row r="446010" spans="14:14">
      <c r="N446010" s="10"/>
    </row>
    <row r="446011" spans="14:14">
      <c r="N446011" s="10"/>
    </row>
    <row r="446012" spans="14:14">
      <c r="N446012" s="10"/>
    </row>
    <row r="446013" spans="14:14">
      <c r="N446013" s="10"/>
    </row>
    <row r="446014" spans="14:14">
      <c r="N446014" s="10"/>
    </row>
    <row r="446015" spans="14:14">
      <c r="N446015" s="10"/>
    </row>
    <row r="446016" spans="14:14">
      <c r="N446016" s="10"/>
    </row>
    <row r="446017" spans="14:14">
      <c r="N446017" s="10"/>
    </row>
    <row r="446018" spans="14:14">
      <c r="N446018" s="10"/>
    </row>
    <row r="446019" spans="14:14">
      <c r="N446019" s="10"/>
    </row>
    <row r="446020" spans="14:14">
      <c r="N446020" s="10"/>
    </row>
    <row r="446021" spans="14:14">
      <c r="N446021" s="10"/>
    </row>
    <row r="446022" spans="14:14">
      <c r="N446022" s="10"/>
    </row>
    <row r="446023" spans="14:14">
      <c r="N446023" s="10"/>
    </row>
    <row r="446024" spans="14:14">
      <c r="N446024" s="10"/>
    </row>
    <row r="446025" spans="14:14">
      <c r="N446025" s="10"/>
    </row>
    <row r="446026" spans="14:14">
      <c r="N446026" s="10"/>
    </row>
    <row r="446027" spans="14:14">
      <c r="N446027" s="10"/>
    </row>
    <row r="446028" spans="14:14">
      <c r="N446028" s="10"/>
    </row>
    <row r="446029" spans="14:14">
      <c r="N446029" s="10"/>
    </row>
    <row r="446030" spans="14:14">
      <c r="N446030" s="10"/>
    </row>
    <row r="446031" spans="14:14">
      <c r="N446031" s="10"/>
    </row>
    <row r="446032" spans="14:14">
      <c r="N446032" s="10"/>
    </row>
    <row r="446033" spans="14:14">
      <c r="N446033" s="10"/>
    </row>
    <row r="446034" spans="14:14">
      <c r="N446034" s="10"/>
    </row>
    <row r="446035" spans="14:14">
      <c r="N446035" s="10"/>
    </row>
    <row r="446036" spans="14:14">
      <c r="N446036" s="10"/>
    </row>
    <row r="446037" spans="14:14">
      <c r="N446037" s="10"/>
    </row>
    <row r="446038" spans="14:14">
      <c r="N446038" s="10"/>
    </row>
    <row r="446039" spans="14:14">
      <c r="N446039" s="10"/>
    </row>
    <row r="446040" spans="14:14">
      <c r="N446040" s="10"/>
    </row>
    <row r="446041" spans="14:14">
      <c r="N446041" s="10"/>
    </row>
    <row r="446042" spans="14:14">
      <c r="N446042" s="10"/>
    </row>
    <row r="446043" spans="14:14">
      <c r="N446043" s="10"/>
    </row>
    <row r="446044" spans="14:14">
      <c r="N446044" s="10"/>
    </row>
    <row r="446045" spans="14:14">
      <c r="N446045" s="10"/>
    </row>
    <row r="446046" spans="14:14">
      <c r="N446046" s="10"/>
    </row>
    <row r="446047" spans="14:14">
      <c r="N446047" s="10"/>
    </row>
    <row r="446048" spans="14:14">
      <c r="N446048" s="10"/>
    </row>
    <row r="446049" spans="14:14">
      <c r="N446049" s="10"/>
    </row>
    <row r="446050" spans="14:14">
      <c r="N446050" s="10"/>
    </row>
    <row r="446051" spans="14:14">
      <c r="N446051" s="10"/>
    </row>
    <row r="446052" spans="14:14">
      <c r="N446052" s="10"/>
    </row>
    <row r="446053" spans="14:14">
      <c r="N446053" s="10"/>
    </row>
    <row r="446054" spans="14:14">
      <c r="N446054" s="10"/>
    </row>
    <row r="446055" spans="14:14">
      <c r="N446055" s="10"/>
    </row>
    <row r="446056" spans="14:14">
      <c r="N446056" s="10"/>
    </row>
    <row r="446057" spans="14:14">
      <c r="N446057" s="10"/>
    </row>
    <row r="446058" spans="14:14">
      <c r="N446058" s="10"/>
    </row>
    <row r="446059" spans="14:14">
      <c r="N446059" s="10"/>
    </row>
    <row r="446060" spans="14:14">
      <c r="N446060" s="10"/>
    </row>
    <row r="446061" spans="14:14">
      <c r="N446061" s="10"/>
    </row>
    <row r="446062" spans="14:14">
      <c r="N446062" s="10"/>
    </row>
    <row r="446063" spans="14:14">
      <c r="N446063" s="10"/>
    </row>
    <row r="446064" spans="14:14">
      <c r="N446064" s="10"/>
    </row>
    <row r="446065" spans="14:14">
      <c r="N446065" s="10"/>
    </row>
    <row r="446066" spans="14:14">
      <c r="N446066" s="10"/>
    </row>
    <row r="446067" spans="14:14">
      <c r="N446067" s="10"/>
    </row>
    <row r="446068" spans="14:14">
      <c r="N446068" s="10"/>
    </row>
    <row r="446069" spans="14:14">
      <c r="N446069" s="10"/>
    </row>
    <row r="446070" spans="14:14">
      <c r="N446070" s="10"/>
    </row>
    <row r="446071" spans="14:14">
      <c r="N446071" s="10"/>
    </row>
    <row r="446072" spans="14:14">
      <c r="N446072" s="10"/>
    </row>
    <row r="446073" spans="14:14">
      <c r="N446073" s="10"/>
    </row>
    <row r="446074" spans="14:14">
      <c r="N446074" s="10"/>
    </row>
    <row r="446075" spans="14:14">
      <c r="N446075" s="10"/>
    </row>
    <row r="446076" spans="14:14">
      <c r="N446076" s="10"/>
    </row>
    <row r="446077" spans="14:14">
      <c r="N446077" s="10"/>
    </row>
    <row r="446078" spans="14:14">
      <c r="N446078" s="10"/>
    </row>
    <row r="446079" spans="14:14">
      <c r="N446079" s="10"/>
    </row>
    <row r="446080" spans="14:14">
      <c r="N446080" s="10"/>
    </row>
    <row r="446081" spans="14:14">
      <c r="N446081" s="10"/>
    </row>
    <row r="446082" spans="14:14">
      <c r="N446082" s="10"/>
    </row>
    <row r="446083" spans="14:14">
      <c r="N446083" s="10"/>
    </row>
    <row r="446084" spans="14:14">
      <c r="N446084" s="10"/>
    </row>
    <row r="446085" spans="14:14">
      <c r="N446085" s="10"/>
    </row>
    <row r="446086" spans="14:14">
      <c r="N446086" s="10"/>
    </row>
    <row r="446087" spans="14:14">
      <c r="N446087" s="10"/>
    </row>
    <row r="446088" spans="14:14">
      <c r="N446088" s="10"/>
    </row>
    <row r="446089" spans="14:14">
      <c r="N446089" s="10"/>
    </row>
    <row r="446090" spans="14:14">
      <c r="N446090" s="10"/>
    </row>
    <row r="446091" spans="14:14">
      <c r="N446091" s="10"/>
    </row>
    <row r="446092" spans="14:14">
      <c r="N446092" s="10"/>
    </row>
    <row r="446093" spans="14:14">
      <c r="N446093" s="10"/>
    </row>
    <row r="446094" spans="14:14">
      <c r="N446094" s="10"/>
    </row>
    <row r="446095" spans="14:14">
      <c r="N446095" s="10"/>
    </row>
    <row r="446096" spans="14:14">
      <c r="N446096" s="10"/>
    </row>
    <row r="446097" spans="14:14">
      <c r="N446097" s="10"/>
    </row>
    <row r="446098" spans="14:14">
      <c r="N446098" s="10"/>
    </row>
    <row r="446099" spans="14:14">
      <c r="N446099" s="10"/>
    </row>
    <row r="446100" spans="14:14">
      <c r="N446100" s="10"/>
    </row>
    <row r="446101" spans="14:14">
      <c r="N446101" s="10"/>
    </row>
    <row r="446102" spans="14:14">
      <c r="N446102" s="10"/>
    </row>
    <row r="446103" spans="14:14">
      <c r="N446103" s="10"/>
    </row>
    <row r="446104" spans="14:14">
      <c r="N446104" s="10"/>
    </row>
    <row r="446105" spans="14:14">
      <c r="N446105" s="10"/>
    </row>
    <row r="446106" spans="14:14">
      <c r="N446106" s="10"/>
    </row>
    <row r="446107" spans="14:14">
      <c r="N446107" s="10"/>
    </row>
    <row r="446108" spans="14:14">
      <c r="N446108" s="10"/>
    </row>
    <row r="446109" spans="14:14">
      <c r="N446109" s="10"/>
    </row>
    <row r="446110" spans="14:14">
      <c r="N446110" s="10"/>
    </row>
    <row r="446111" spans="14:14">
      <c r="N446111" s="10"/>
    </row>
    <row r="446112" spans="14:14">
      <c r="N446112" s="10"/>
    </row>
    <row r="446113" spans="14:14">
      <c r="N446113" s="10"/>
    </row>
    <row r="446114" spans="14:14">
      <c r="N446114" s="10"/>
    </row>
    <row r="446115" spans="14:14">
      <c r="N446115" s="10"/>
    </row>
    <row r="446116" spans="14:14">
      <c r="N446116" s="10"/>
    </row>
    <row r="446117" spans="14:14">
      <c r="N446117" s="10"/>
    </row>
    <row r="446118" spans="14:14">
      <c r="N446118" s="10"/>
    </row>
    <row r="446119" spans="14:14">
      <c r="N446119" s="10"/>
    </row>
    <row r="446120" spans="14:14">
      <c r="N446120" s="10"/>
    </row>
    <row r="446121" spans="14:14">
      <c r="N446121" s="10"/>
    </row>
    <row r="446122" spans="14:14">
      <c r="N446122" s="10"/>
    </row>
    <row r="446123" spans="14:14">
      <c r="N446123" s="10"/>
    </row>
    <row r="446124" spans="14:14">
      <c r="N446124" s="10"/>
    </row>
    <row r="446125" spans="14:14">
      <c r="N446125" s="10"/>
    </row>
    <row r="446126" spans="14:14">
      <c r="N446126" s="10"/>
    </row>
    <row r="446127" spans="14:14">
      <c r="N446127" s="10"/>
    </row>
    <row r="446128" spans="14:14">
      <c r="N446128" s="10"/>
    </row>
    <row r="446129" spans="14:14">
      <c r="N446129" s="10"/>
    </row>
    <row r="446130" spans="14:14">
      <c r="N446130" s="10"/>
    </row>
    <row r="446131" spans="14:14">
      <c r="N446131" s="10"/>
    </row>
    <row r="446132" spans="14:14">
      <c r="N446132" s="10"/>
    </row>
    <row r="446133" spans="14:14">
      <c r="N446133" s="10"/>
    </row>
    <row r="446134" spans="14:14">
      <c r="N446134" s="10"/>
    </row>
    <row r="446135" spans="14:14">
      <c r="N446135" s="10"/>
    </row>
    <row r="446136" spans="14:14">
      <c r="N446136" s="10"/>
    </row>
    <row r="446137" spans="14:14">
      <c r="N446137" s="10"/>
    </row>
    <row r="446138" spans="14:14">
      <c r="N446138" s="10"/>
    </row>
    <row r="446139" spans="14:14">
      <c r="N446139" s="10"/>
    </row>
    <row r="446140" spans="14:14">
      <c r="N446140" s="10"/>
    </row>
    <row r="446141" spans="14:14">
      <c r="N446141" s="10"/>
    </row>
    <row r="446142" spans="14:14">
      <c r="N446142" s="10"/>
    </row>
    <row r="446143" spans="14:14">
      <c r="N446143" s="10"/>
    </row>
    <row r="446144" spans="14:14">
      <c r="N446144" s="10"/>
    </row>
    <row r="446145" spans="14:14">
      <c r="N446145" s="10"/>
    </row>
    <row r="446146" spans="14:14">
      <c r="N446146" s="10"/>
    </row>
    <row r="446147" spans="14:14">
      <c r="N446147" s="10"/>
    </row>
    <row r="446148" spans="14:14">
      <c r="N446148" s="10"/>
    </row>
    <row r="446149" spans="14:14">
      <c r="N446149" s="10"/>
    </row>
    <row r="446150" spans="14:14">
      <c r="N446150" s="10"/>
    </row>
    <row r="446151" spans="14:14">
      <c r="N446151" s="10"/>
    </row>
    <row r="446152" spans="14:14">
      <c r="N446152" s="10"/>
    </row>
    <row r="446153" spans="14:14">
      <c r="N446153" s="10"/>
    </row>
    <row r="446154" spans="14:14">
      <c r="N446154" s="10"/>
    </row>
    <row r="446155" spans="14:14">
      <c r="N446155" s="10"/>
    </row>
    <row r="446156" spans="14:14">
      <c r="N446156" s="10"/>
    </row>
    <row r="446157" spans="14:14">
      <c r="N446157" s="10"/>
    </row>
    <row r="446158" spans="14:14">
      <c r="N446158" s="10"/>
    </row>
    <row r="446159" spans="14:14">
      <c r="N446159" s="10"/>
    </row>
    <row r="446160" spans="14:14">
      <c r="N446160" s="10"/>
    </row>
    <row r="446161" spans="14:14">
      <c r="N446161" s="10"/>
    </row>
    <row r="446162" spans="14:14">
      <c r="N446162" s="10"/>
    </row>
    <row r="446163" spans="14:14">
      <c r="N446163" s="10"/>
    </row>
    <row r="446164" spans="14:14">
      <c r="N446164" s="10"/>
    </row>
    <row r="446165" spans="14:14">
      <c r="N446165" s="10"/>
    </row>
    <row r="446166" spans="14:14">
      <c r="N446166" s="10"/>
    </row>
    <row r="446167" spans="14:14">
      <c r="N446167" s="10"/>
    </row>
    <row r="446168" spans="14:14">
      <c r="N446168" s="10"/>
    </row>
    <row r="446169" spans="14:14">
      <c r="N446169" s="10"/>
    </row>
    <row r="446170" spans="14:14">
      <c r="N446170" s="10"/>
    </row>
    <row r="446171" spans="14:14">
      <c r="N446171" s="10"/>
    </row>
    <row r="446172" spans="14:14">
      <c r="N446172" s="10"/>
    </row>
    <row r="446173" spans="14:14">
      <c r="N446173" s="10"/>
    </row>
    <row r="446174" spans="14:14">
      <c r="N446174" s="10"/>
    </row>
    <row r="446175" spans="14:14">
      <c r="N446175" s="10"/>
    </row>
    <row r="446176" spans="14:14">
      <c r="N446176" s="10"/>
    </row>
    <row r="446177" spans="14:14">
      <c r="N446177" s="10"/>
    </row>
    <row r="446178" spans="14:14">
      <c r="N446178" s="10"/>
    </row>
    <row r="446179" spans="14:14">
      <c r="N446179" s="10"/>
    </row>
    <row r="446180" spans="14:14">
      <c r="N446180" s="10"/>
    </row>
    <row r="446181" spans="14:14">
      <c r="N446181" s="10"/>
    </row>
    <row r="446182" spans="14:14">
      <c r="N446182" s="10"/>
    </row>
    <row r="446183" spans="14:14">
      <c r="N446183" s="10"/>
    </row>
    <row r="446184" spans="14:14">
      <c r="N446184" s="10"/>
    </row>
    <row r="446185" spans="14:14">
      <c r="N446185" s="10"/>
    </row>
    <row r="446186" spans="14:14">
      <c r="N446186" s="10"/>
    </row>
    <row r="446187" spans="14:14">
      <c r="N446187" s="10"/>
    </row>
    <row r="446188" spans="14:14">
      <c r="N446188" s="10"/>
    </row>
    <row r="446189" spans="14:14">
      <c r="N446189" s="10"/>
    </row>
    <row r="446190" spans="14:14">
      <c r="N446190" s="10"/>
    </row>
    <row r="446191" spans="14:14">
      <c r="N446191" s="10"/>
    </row>
    <row r="446192" spans="14:14">
      <c r="N446192" s="10"/>
    </row>
    <row r="446193" spans="14:14">
      <c r="N446193" s="10"/>
    </row>
    <row r="446194" spans="14:14">
      <c r="N446194" s="10"/>
    </row>
    <row r="446195" spans="14:14">
      <c r="N446195" s="10"/>
    </row>
    <row r="446196" spans="14:14">
      <c r="N446196" s="10"/>
    </row>
    <row r="446197" spans="14:14">
      <c r="N446197" s="10"/>
    </row>
    <row r="446198" spans="14:14">
      <c r="N446198" s="10"/>
    </row>
    <row r="446199" spans="14:14">
      <c r="N446199" s="10"/>
    </row>
    <row r="446200" spans="14:14">
      <c r="N446200" s="10"/>
    </row>
    <row r="446201" spans="14:14">
      <c r="N446201" s="10"/>
    </row>
    <row r="446202" spans="14:14">
      <c r="N446202" s="10"/>
    </row>
    <row r="446203" spans="14:14">
      <c r="N446203" s="10"/>
    </row>
    <row r="446204" spans="14:14">
      <c r="N446204" s="10"/>
    </row>
    <row r="446205" spans="14:14">
      <c r="N446205" s="10"/>
    </row>
    <row r="446206" spans="14:14">
      <c r="N446206" s="10"/>
    </row>
    <row r="446207" spans="14:14">
      <c r="N446207" s="10"/>
    </row>
    <row r="446208" spans="14:14">
      <c r="N446208" s="10"/>
    </row>
    <row r="446209" spans="14:14">
      <c r="N446209" s="10"/>
    </row>
    <row r="446210" spans="14:14">
      <c r="N446210" s="10"/>
    </row>
    <row r="446211" spans="14:14">
      <c r="N446211" s="10"/>
    </row>
    <row r="446212" spans="14:14">
      <c r="N446212" s="10"/>
    </row>
    <row r="446213" spans="14:14">
      <c r="N446213" s="10"/>
    </row>
    <row r="446214" spans="14:14">
      <c r="N446214" s="10"/>
    </row>
    <row r="446215" spans="14:14">
      <c r="N446215" s="10"/>
    </row>
    <row r="446216" spans="14:14">
      <c r="N446216" s="10"/>
    </row>
    <row r="446217" spans="14:14">
      <c r="N446217" s="10"/>
    </row>
    <row r="446218" spans="14:14">
      <c r="N446218" s="10"/>
    </row>
    <row r="446219" spans="14:14">
      <c r="N446219" s="10"/>
    </row>
    <row r="446220" spans="14:14">
      <c r="N446220" s="10"/>
    </row>
    <row r="446221" spans="14:14">
      <c r="N446221" s="10"/>
    </row>
    <row r="446222" spans="14:14">
      <c r="N446222" s="10"/>
    </row>
    <row r="446223" spans="14:14">
      <c r="N446223" s="10"/>
    </row>
    <row r="446224" spans="14:14">
      <c r="N446224" s="10"/>
    </row>
    <row r="446225" spans="14:14">
      <c r="N446225" s="10"/>
    </row>
    <row r="446226" spans="14:14">
      <c r="N446226" s="10"/>
    </row>
    <row r="446227" spans="14:14">
      <c r="N446227" s="10"/>
    </row>
    <row r="446228" spans="14:14">
      <c r="N446228" s="10"/>
    </row>
    <row r="446229" spans="14:14">
      <c r="N446229" s="10"/>
    </row>
    <row r="446230" spans="14:14">
      <c r="N446230" s="10"/>
    </row>
    <row r="446231" spans="14:14">
      <c r="N446231" s="10"/>
    </row>
    <row r="446232" spans="14:14">
      <c r="N446232" s="10"/>
    </row>
    <row r="446233" spans="14:14">
      <c r="N446233" s="10"/>
    </row>
    <row r="446234" spans="14:14">
      <c r="N446234" s="10"/>
    </row>
    <row r="446235" spans="14:14">
      <c r="N446235" s="10"/>
    </row>
    <row r="446236" spans="14:14">
      <c r="N446236" s="10"/>
    </row>
    <row r="446237" spans="14:14">
      <c r="N446237" s="10"/>
    </row>
    <row r="446238" spans="14:14">
      <c r="N446238" s="10"/>
    </row>
    <row r="446239" spans="14:14">
      <c r="N446239" s="10"/>
    </row>
    <row r="446240" spans="14:14">
      <c r="N446240" s="10"/>
    </row>
    <row r="446241" spans="14:14">
      <c r="N446241" s="10"/>
    </row>
    <row r="446242" spans="14:14">
      <c r="N446242" s="10"/>
    </row>
    <row r="446243" spans="14:14">
      <c r="N446243" s="10"/>
    </row>
    <row r="446244" spans="14:14">
      <c r="N446244" s="10"/>
    </row>
    <row r="446245" spans="14:14">
      <c r="N446245" s="10"/>
    </row>
    <row r="446246" spans="14:14">
      <c r="N446246" s="10"/>
    </row>
    <row r="446247" spans="14:14">
      <c r="N446247" s="10"/>
    </row>
    <row r="446248" spans="14:14">
      <c r="N446248" s="10"/>
    </row>
    <row r="446249" spans="14:14">
      <c r="N446249" s="10"/>
    </row>
    <row r="446250" spans="14:14">
      <c r="N446250" s="10"/>
    </row>
    <row r="446251" spans="14:14">
      <c r="N446251" s="10"/>
    </row>
    <row r="446252" spans="14:14">
      <c r="N446252" s="10"/>
    </row>
    <row r="446253" spans="14:14">
      <c r="N446253" s="10"/>
    </row>
    <row r="446254" spans="14:14">
      <c r="N446254" s="10"/>
    </row>
    <row r="446255" spans="14:14">
      <c r="N446255" s="10"/>
    </row>
    <row r="446256" spans="14:14">
      <c r="N446256" s="10"/>
    </row>
    <row r="446257" spans="14:14">
      <c r="N446257" s="10"/>
    </row>
    <row r="446258" spans="14:14">
      <c r="N446258" s="10"/>
    </row>
    <row r="446259" spans="14:14">
      <c r="N446259" s="10"/>
    </row>
    <row r="446260" spans="14:14">
      <c r="N446260" s="10"/>
    </row>
    <row r="446261" spans="14:14">
      <c r="N446261" s="10"/>
    </row>
    <row r="446262" spans="14:14">
      <c r="N446262" s="10"/>
    </row>
    <row r="446263" spans="14:14">
      <c r="N446263" s="10"/>
    </row>
    <row r="446264" spans="14:14">
      <c r="N446264" s="10"/>
    </row>
    <row r="446265" spans="14:14">
      <c r="N446265" s="10"/>
    </row>
    <row r="446266" spans="14:14">
      <c r="N446266" s="10"/>
    </row>
    <row r="446267" spans="14:14">
      <c r="N446267" s="10"/>
    </row>
    <row r="446268" spans="14:14">
      <c r="N446268" s="10"/>
    </row>
    <row r="446269" spans="14:14">
      <c r="N446269" s="10"/>
    </row>
    <row r="446270" spans="14:14">
      <c r="N446270" s="10"/>
    </row>
    <row r="446271" spans="14:14">
      <c r="N446271" s="10"/>
    </row>
    <row r="446272" spans="14:14">
      <c r="N446272" s="10"/>
    </row>
    <row r="446273" spans="14:14">
      <c r="N446273" s="10"/>
    </row>
    <row r="446274" spans="14:14">
      <c r="N446274" s="10"/>
    </row>
    <row r="446275" spans="14:14">
      <c r="N446275" s="10"/>
    </row>
    <row r="446276" spans="14:14">
      <c r="N446276" s="10"/>
    </row>
    <row r="446277" spans="14:14">
      <c r="N446277" s="10"/>
    </row>
    <row r="446278" spans="14:14">
      <c r="N446278" s="10"/>
    </row>
    <row r="446279" spans="14:14">
      <c r="N446279" s="10"/>
    </row>
    <row r="446280" spans="14:14">
      <c r="N446280" s="10"/>
    </row>
    <row r="446281" spans="14:14">
      <c r="N446281" s="10"/>
    </row>
    <row r="446282" spans="14:14">
      <c r="N446282" s="10"/>
    </row>
    <row r="446283" spans="14:14">
      <c r="N446283" s="10"/>
    </row>
    <row r="446284" spans="14:14">
      <c r="N446284" s="10"/>
    </row>
    <row r="446285" spans="14:14">
      <c r="N446285" s="10"/>
    </row>
    <row r="446286" spans="14:14">
      <c r="N446286" s="10"/>
    </row>
    <row r="446287" spans="14:14">
      <c r="N446287" s="10"/>
    </row>
    <row r="446288" spans="14:14">
      <c r="N446288" s="10"/>
    </row>
    <row r="446289" spans="14:14">
      <c r="N446289" s="10"/>
    </row>
    <row r="446290" spans="14:14">
      <c r="N446290" s="10"/>
    </row>
    <row r="446291" spans="14:14">
      <c r="N446291" s="10"/>
    </row>
    <row r="446292" spans="14:14">
      <c r="N446292" s="10"/>
    </row>
    <row r="446293" spans="14:14">
      <c r="N446293" s="10"/>
    </row>
    <row r="446294" spans="14:14">
      <c r="N446294" s="10"/>
    </row>
    <row r="446295" spans="14:14">
      <c r="N446295" s="10"/>
    </row>
    <row r="446296" spans="14:14">
      <c r="N446296" s="10"/>
    </row>
    <row r="446297" spans="14:14">
      <c r="N446297" s="10"/>
    </row>
    <row r="446298" spans="14:14">
      <c r="N446298" s="10"/>
    </row>
    <row r="446299" spans="14:14">
      <c r="N446299" s="10"/>
    </row>
    <row r="446300" spans="14:14">
      <c r="N446300" s="10"/>
    </row>
    <row r="446301" spans="14:14">
      <c r="N446301" s="10"/>
    </row>
    <row r="446302" spans="14:14">
      <c r="N446302" s="10"/>
    </row>
    <row r="446303" spans="14:14">
      <c r="N446303" s="10"/>
    </row>
    <row r="446304" spans="14:14">
      <c r="N446304" s="10"/>
    </row>
    <row r="446305" spans="14:14">
      <c r="N446305" s="10"/>
    </row>
    <row r="446306" spans="14:14">
      <c r="N446306" s="10"/>
    </row>
    <row r="446307" spans="14:14">
      <c r="N446307" s="10"/>
    </row>
    <row r="446308" spans="14:14">
      <c r="N446308" s="10"/>
    </row>
    <row r="446309" spans="14:14">
      <c r="N446309" s="10"/>
    </row>
    <row r="446310" spans="14:14">
      <c r="N446310" s="10"/>
    </row>
    <row r="446311" spans="14:14">
      <c r="N446311" s="10"/>
    </row>
    <row r="446312" spans="14:14">
      <c r="N446312" s="10"/>
    </row>
    <row r="446313" spans="14:14">
      <c r="N446313" s="10"/>
    </row>
    <row r="446314" spans="14:14">
      <c r="N446314" s="10"/>
    </row>
    <row r="446315" spans="14:14">
      <c r="N446315" s="10"/>
    </row>
    <row r="446316" spans="14:14">
      <c r="N446316" s="10"/>
    </row>
    <row r="446317" spans="14:14">
      <c r="N446317" s="10"/>
    </row>
    <row r="446318" spans="14:14">
      <c r="N446318" s="10"/>
    </row>
    <row r="446319" spans="14:14">
      <c r="N446319" s="10"/>
    </row>
    <row r="446320" spans="14:14">
      <c r="N446320" s="10"/>
    </row>
    <row r="446321" spans="14:14">
      <c r="N446321" s="10"/>
    </row>
    <row r="446322" spans="14:14">
      <c r="N446322" s="10"/>
    </row>
    <row r="446323" spans="14:14">
      <c r="N446323" s="10"/>
    </row>
    <row r="446324" spans="14:14">
      <c r="N446324" s="10"/>
    </row>
    <row r="446325" spans="14:14">
      <c r="N446325" s="10"/>
    </row>
    <row r="446326" spans="14:14">
      <c r="N446326" s="10"/>
    </row>
    <row r="446327" spans="14:14">
      <c r="N446327" s="10"/>
    </row>
    <row r="446328" spans="14:14">
      <c r="N446328" s="10"/>
    </row>
    <row r="446329" spans="14:14">
      <c r="N446329" s="10"/>
    </row>
    <row r="446330" spans="14:14">
      <c r="N446330" s="10"/>
    </row>
    <row r="446331" spans="14:14">
      <c r="N446331" s="10"/>
    </row>
    <row r="446332" spans="14:14">
      <c r="N446332" s="10"/>
    </row>
    <row r="446333" spans="14:14">
      <c r="N446333" s="10"/>
    </row>
    <row r="446334" spans="14:14">
      <c r="N446334" s="10"/>
    </row>
    <row r="446335" spans="14:14">
      <c r="N446335" s="10"/>
    </row>
    <row r="446336" spans="14:14">
      <c r="N446336" s="10"/>
    </row>
    <row r="446337" spans="14:14">
      <c r="N446337" s="10"/>
    </row>
    <row r="446338" spans="14:14">
      <c r="N446338" s="10"/>
    </row>
    <row r="446339" spans="14:14">
      <c r="N446339" s="10"/>
    </row>
    <row r="446340" spans="14:14">
      <c r="N446340" s="10"/>
    </row>
    <row r="446341" spans="14:14">
      <c r="N446341" s="10"/>
    </row>
    <row r="446342" spans="14:14">
      <c r="N446342" s="10"/>
    </row>
    <row r="446343" spans="14:14">
      <c r="N446343" s="10"/>
    </row>
    <row r="446344" spans="14:14">
      <c r="N446344" s="10"/>
    </row>
    <row r="446345" spans="14:14">
      <c r="N446345" s="10"/>
    </row>
    <row r="446346" spans="14:14">
      <c r="N446346" s="10"/>
    </row>
    <row r="446347" spans="14:14">
      <c r="N446347" s="10"/>
    </row>
    <row r="446348" spans="14:14">
      <c r="N446348" s="10"/>
    </row>
    <row r="446349" spans="14:14">
      <c r="N446349" s="10"/>
    </row>
    <row r="446350" spans="14:14">
      <c r="N446350" s="10"/>
    </row>
    <row r="446351" spans="14:14">
      <c r="N446351" s="10"/>
    </row>
    <row r="446352" spans="14:14">
      <c r="N446352" s="10"/>
    </row>
    <row r="446353" spans="14:14">
      <c r="N446353" s="10"/>
    </row>
    <row r="446354" spans="14:14">
      <c r="N446354" s="10"/>
    </row>
    <row r="446355" spans="14:14">
      <c r="N446355" s="10"/>
    </row>
    <row r="446356" spans="14:14">
      <c r="N446356" s="10"/>
    </row>
    <row r="446357" spans="14:14">
      <c r="N446357" s="10"/>
    </row>
    <row r="446358" spans="14:14">
      <c r="N446358" s="10"/>
    </row>
    <row r="446359" spans="14:14">
      <c r="N446359" s="10"/>
    </row>
    <row r="446360" spans="14:14">
      <c r="N446360" s="10"/>
    </row>
    <row r="446361" spans="14:14">
      <c r="N446361" s="10"/>
    </row>
    <row r="446362" spans="14:14">
      <c r="N446362" s="10"/>
    </row>
    <row r="446363" spans="14:14">
      <c r="N446363" s="10"/>
    </row>
    <row r="446364" spans="14:14">
      <c r="N446364" s="10"/>
    </row>
    <row r="446365" spans="14:14">
      <c r="N446365" s="10"/>
    </row>
    <row r="446366" spans="14:14">
      <c r="N446366" s="10"/>
    </row>
    <row r="446367" spans="14:14">
      <c r="N446367" s="10"/>
    </row>
    <row r="446368" spans="14:14">
      <c r="N446368" s="10"/>
    </row>
    <row r="446369" spans="14:14">
      <c r="N446369" s="10"/>
    </row>
    <row r="446370" spans="14:14">
      <c r="N446370" s="10"/>
    </row>
    <row r="446371" spans="14:14">
      <c r="N446371" s="10"/>
    </row>
    <row r="446372" spans="14:14">
      <c r="N446372" s="10"/>
    </row>
    <row r="446373" spans="14:14">
      <c r="N446373" s="10"/>
    </row>
    <row r="446374" spans="14:14">
      <c r="N446374" s="10"/>
    </row>
    <row r="446375" spans="14:14">
      <c r="N446375" s="10"/>
    </row>
    <row r="446376" spans="14:14">
      <c r="N446376" s="10"/>
    </row>
    <row r="446377" spans="14:14">
      <c r="N446377" s="10"/>
    </row>
    <row r="446378" spans="14:14">
      <c r="N446378" s="10"/>
    </row>
    <row r="446379" spans="14:14">
      <c r="N446379" s="10"/>
    </row>
    <row r="446380" spans="14:14">
      <c r="N446380" s="10"/>
    </row>
    <row r="446381" spans="14:14">
      <c r="N446381" s="10"/>
    </row>
    <row r="446382" spans="14:14">
      <c r="N446382" s="10"/>
    </row>
    <row r="446383" spans="14:14">
      <c r="N446383" s="10"/>
    </row>
    <row r="446384" spans="14:14">
      <c r="N446384" s="10"/>
    </row>
    <row r="446385" spans="14:14">
      <c r="N446385" s="10"/>
    </row>
    <row r="446386" spans="14:14">
      <c r="N446386" s="10"/>
    </row>
    <row r="446387" spans="14:14">
      <c r="N446387" s="10"/>
    </row>
    <row r="446388" spans="14:14">
      <c r="N446388" s="10"/>
    </row>
    <row r="446389" spans="14:14">
      <c r="N446389" s="10"/>
    </row>
    <row r="446390" spans="14:14">
      <c r="N446390" s="10"/>
    </row>
    <row r="446391" spans="14:14">
      <c r="N446391" s="10"/>
    </row>
    <row r="446392" spans="14:14">
      <c r="N446392" s="10"/>
    </row>
    <row r="446393" spans="14:14">
      <c r="N446393" s="10"/>
    </row>
    <row r="446394" spans="14:14">
      <c r="N446394" s="10"/>
    </row>
    <row r="446395" spans="14:14">
      <c r="N446395" s="10"/>
    </row>
    <row r="446396" spans="14:14">
      <c r="N446396" s="10"/>
    </row>
    <row r="446397" spans="14:14">
      <c r="N446397" s="10"/>
    </row>
    <row r="446398" spans="14:14">
      <c r="N446398" s="10"/>
    </row>
    <row r="446399" spans="14:14">
      <c r="N446399" s="10"/>
    </row>
    <row r="446400" spans="14:14">
      <c r="N446400" s="10"/>
    </row>
    <row r="446401" spans="14:14">
      <c r="N446401" s="10"/>
    </row>
    <row r="446402" spans="14:14">
      <c r="N446402" s="10"/>
    </row>
    <row r="446403" spans="14:14">
      <c r="N446403" s="10"/>
    </row>
    <row r="446404" spans="14:14">
      <c r="N446404" s="10"/>
    </row>
    <row r="446405" spans="14:14">
      <c r="N446405" s="10"/>
    </row>
    <row r="446406" spans="14:14">
      <c r="N446406" s="10"/>
    </row>
    <row r="446407" spans="14:14">
      <c r="N446407" s="10"/>
    </row>
    <row r="446408" spans="14:14">
      <c r="N446408" s="10"/>
    </row>
    <row r="446409" spans="14:14">
      <c r="N446409" s="10"/>
    </row>
    <row r="446410" spans="14:14">
      <c r="N446410" s="10"/>
    </row>
    <row r="446411" spans="14:14">
      <c r="N446411" s="10"/>
    </row>
    <row r="446412" spans="14:14">
      <c r="N446412" s="10"/>
    </row>
    <row r="446413" spans="14:14">
      <c r="N446413" s="10"/>
    </row>
    <row r="446414" spans="14:14">
      <c r="N446414" s="10"/>
    </row>
    <row r="446415" spans="14:14">
      <c r="N446415" s="10"/>
    </row>
    <row r="446416" spans="14:14">
      <c r="N446416" s="10"/>
    </row>
    <row r="446417" spans="14:14">
      <c r="N446417" s="10"/>
    </row>
    <row r="446418" spans="14:14">
      <c r="N446418" s="10"/>
    </row>
    <row r="446419" spans="14:14">
      <c r="N446419" s="10"/>
    </row>
    <row r="446420" spans="14:14">
      <c r="N446420" s="10"/>
    </row>
    <row r="446421" spans="14:14">
      <c r="N446421" s="10"/>
    </row>
    <row r="446422" spans="14:14">
      <c r="N446422" s="10"/>
    </row>
    <row r="446423" spans="14:14">
      <c r="N446423" s="10"/>
    </row>
    <row r="446424" spans="14:14">
      <c r="N446424" s="10"/>
    </row>
    <row r="446425" spans="14:14">
      <c r="N446425" s="10"/>
    </row>
    <row r="446426" spans="14:14">
      <c r="N446426" s="10"/>
    </row>
    <row r="446427" spans="14:14">
      <c r="N446427" s="10"/>
    </row>
    <row r="446428" spans="14:14">
      <c r="N446428" s="10"/>
    </row>
    <row r="446429" spans="14:14">
      <c r="N446429" s="10"/>
    </row>
    <row r="446430" spans="14:14">
      <c r="N446430" s="10"/>
    </row>
    <row r="446431" spans="14:14">
      <c r="N446431" s="10"/>
    </row>
    <row r="446432" spans="14:14">
      <c r="N446432" s="10"/>
    </row>
    <row r="446433" spans="14:14">
      <c r="N446433" s="10"/>
    </row>
    <row r="446434" spans="14:14">
      <c r="N446434" s="10"/>
    </row>
    <row r="446435" spans="14:14">
      <c r="N446435" s="10"/>
    </row>
    <row r="446436" spans="14:14">
      <c r="N446436" s="10"/>
    </row>
    <row r="446437" spans="14:14">
      <c r="N446437" s="10"/>
    </row>
    <row r="446438" spans="14:14">
      <c r="N446438" s="10"/>
    </row>
    <row r="446439" spans="14:14">
      <c r="N446439" s="10"/>
    </row>
    <row r="446440" spans="14:14">
      <c r="N446440" s="10"/>
    </row>
    <row r="446441" spans="14:14">
      <c r="N446441" s="10"/>
    </row>
    <row r="446442" spans="14:14">
      <c r="N446442" s="10"/>
    </row>
    <row r="446443" spans="14:14">
      <c r="N446443" s="10"/>
    </row>
    <row r="446444" spans="14:14">
      <c r="N446444" s="10"/>
    </row>
    <row r="446445" spans="14:14">
      <c r="N446445" s="10"/>
    </row>
    <row r="446446" spans="14:14">
      <c r="N446446" s="10"/>
    </row>
    <row r="446447" spans="14:14">
      <c r="N446447" s="10"/>
    </row>
    <row r="446448" spans="14:14">
      <c r="N446448" s="10"/>
    </row>
    <row r="446449" spans="14:14">
      <c r="N446449" s="10"/>
    </row>
    <row r="446450" spans="14:14">
      <c r="N446450" s="10"/>
    </row>
    <row r="446451" spans="14:14">
      <c r="N446451" s="10"/>
    </row>
    <row r="446452" spans="14:14">
      <c r="N446452" s="10"/>
    </row>
    <row r="446453" spans="14:14">
      <c r="N446453" s="10"/>
    </row>
    <row r="446454" spans="14:14">
      <c r="N446454" s="10"/>
    </row>
    <row r="446455" spans="14:14">
      <c r="N446455" s="10"/>
    </row>
    <row r="446456" spans="14:14">
      <c r="N446456" s="10"/>
    </row>
    <row r="446457" spans="14:14">
      <c r="N446457" s="10"/>
    </row>
    <row r="446458" spans="14:14">
      <c r="N446458" s="10"/>
    </row>
    <row r="446459" spans="14:14">
      <c r="N446459" s="10"/>
    </row>
    <row r="446460" spans="14:14">
      <c r="N446460" s="10"/>
    </row>
    <row r="446461" spans="14:14">
      <c r="N446461" s="10"/>
    </row>
    <row r="446462" spans="14:14">
      <c r="N446462" s="10"/>
    </row>
    <row r="446463" spans="14:14">
      <c r="N446463" s="10"/>
    </row>
    <row r="446464" spans="14:14">
      <c r="N446464" s="10"/>
    </row>
    <row r="446465" spans="14:14">
      <c r="N446465" s="10"/>
    </row>
    <row r="446466" spans="14:14">
      <c r="N446466" s="10"/>
    </row>
    <row r="446467" spans="14:14">
      <c r="N446467" s="10"/>
    </row>
    <row r="446468" spans="14:14">
      <c r="N446468" s="10"/>
    </row>
    <row r="446469" spans="14:14">
      <c r="N446469" s="10"/>
    </row>
    <row r="446470" spans="14:14">
      <c r="N446470" s="10"/>
    </row>
    <row r="446471" spans="14:14">
      <c r="N446471" s="10"/>
    </row>
    <row r="446472" spans="14:14">
      <c r="N446472" s="10"/>
    </row>
    <row r="446473" spans="14:14">
      <c r="N446473" s="10"/>
    </row>
    <row r="446474" spans="14:14">
      <c r="N446474" s="10"/>
    </row>
    <row r="446475" spans="14:14">
      <c r="N446475" s="10"/>
    </row>
    <row r="446476" spans="14:14">
      <c r="N446476" s="10"/>
    </row>
    <row r="446477" spans="14:14">
      <c r="N446477" s="10"/>
    </row>
    <row r="446478" spans="14:14">
      <c r="N446478" s="10"/>
    </row>
    <row r="446479" spans="14:14">
      <c r="N446479" s="10"/>
    </row>
    <row r="446480" spans="14:14">
      <c r="N446480" s="10"/>
    </row>
    <row r="446481" spans="14:14">
      <c r="N446481" s="10"/>
    </row>
    <row r="446482" spans="14:14">
      <c r="N446482" s="10"/>
    </row>
    <row r="446483" spans="14:14">
      <c r="N446483" s="10"/>
    </row>
    <row r="446484" spans="14:14">
      <c r="N446484" s="10"/>
    </row>
    <row r="446485" spans="14:14">
      <c r="N446485" s="10"/>
    </row>
    <row r="446486" spans="14:14">
      <c r="N446486" s="10"/>
    </row>
    <row r="446487" spans="14:14">
      <c r="N446487" s="10"/>
    </row>
    <row r="446488" spans="14:14">
      <c r="N446488" s="10"/>
    </row>
    <row r="446489" spans="14:14">
      <c r="N446489" s="10"/>
    </row>
    <row r="446490" spans="14:14">
      <c r="N446490" s="10"/>
    </row>
    <row r="446491" spans="14:14">
      <c r="N446491" s="10"/>
    </row>
    <row r="446492" spans="14:14">
      <c r="N446492" s="10"/>
    </row>
    <row r="446493" spans="14:14">
      <c r="N446493" s="10"/>
    </row>
    <row r="446494" spans="14:14">
      <c r="N446494" s="10"/>
    </row>
    <row r="446495" spans="14:14">
      <c r="N446495" s="10"/>
    </row>
    <row r="446496" spans="14:14">
      <c r="N446496" s="10"/>
    </row>
    <row r="446497" spans="14:14">
      <c r="N446497" s="10"/>
    </row>
    <row r="446498" spans="14:14">
      <c r="N446498" s="10"/>
    </row>
    <row r="446499" spans="14:14">
      <c r="N446499" s="10"/>
    </row>
    <row r="446500" spans="14:14">
      <c r="N446500" s="10"/>
    </row>
    <row r="446501" spans="14:14">
      <c r="N446501" s="10"/>
    </row>
    <row r="446502" spans="14:14">
      <c r="N446502" s="10"/>
    </row>
    <row r="446503" spans="14:14">
      <c r="N446503" s="10"/>
    </row>
    <row r="446504" spans="14:14">
      <c r="N446504" s="10"/>
    </row>
    <row r="446505" spans="14:14">
      <c r="N446505" s="10"/>
    </row>
    <row r="446506" spans="14:14">
      <c r="N446506" s="10"/>
    </row>
    <row r="446507" spans="14:14">
      <c r="N446507" s="10"/>
    </row>
    <row r="446508" spans="14:14">
      <c r="N446508" s="10"/>
    </row>
    <row r="446509" spans="14:14">
      <c r="N446509" s="10"/>
    </row>
    <row r="446510" spans="14:14">
      <c r="N446510" s="10"/>
    </row>
    <row r="446511" spans="14:14">
      <c r="N446511" s="10"/>
    </row>
    <row r="446512" spans="14:14">
      <c r="N446512" s="10"/>
    </row>
    <row r="446513" spans="14:14">
      <c r="N446513" s="10"/>
    </row>
    <row r="446514" spans="14:14">
      <c r="N446514" s="10"/>
    </row>
    <row r="446515" spans="14:14">
      <c r="N446515" s="10"/>
    </row>
    <row r="446516" spans="14:14">
      <c r="N446516" s="10"/>
    </row>
    <row r="446517" spans="14:14">
      <c r="N446517" s="10"/>
    </row>
    <row r="446518" spans="14:14">
      <c r="N446518" s="10"/>
    </row>
    <row r="446519" spans="14:14">
      <c r="N446519" s="10"/>
    </row>
    <row r="446520" spans="14:14">
      <c r="N446520" s="10"/>
    </row>
    <row r="446521" spans="14:14">
      <c r="N446521" s="10"/>
    </row>
    <row r="446522" spans="14:14">
      <c r="N446522" s="10"/>
    </row>
    <row r="446523" spans="14:14">
      <c r="N446523" s="10"/>
    </row>
    <row r="446524" spans="14:14">
      <c r="N446524" s="10"/>
    </row>
    <row r="446525" spans="14:14">
      <c r="N446525" s="10"/>
    </row>
    <row r="446526" spans="14:14">
      <c r="N446526" s="10"/>
    </row>
    <row r="446527" spans="14:14">
      <c r="N446527" s="10"/>
    </row>
    <row r="446528" spans="14:14">
      <c r="N446528" s="10"/>
    </row>
    <row r="446529" spans="14:14">
      <c r="N446529" s="10"/>
    </row>
    <row r="446530" spans="14:14">
      <c r="N446530" s="10"/>
    </row>
    <row r="446531" spans="14:14">
      <c r="N446531" s="10"/>
    </row>
    <row r="446532" spans="14:14">
      <c r="N446532" s="10"/>
    </row>
    <row r="446533" spans="14:14">
      <c r="N446533" s="10"/>
    </row>
    <row r="446534" spans="14:14">
      <c r="N446534" s="10"/>
    </row>
    <row r="446535" spans="14:14">
      <c r="N446535" s="10"/>
    </row>
    <row r="446536" spans="14:14">
      <c r="N446536" s="10"/>
    </row>
    <row r="446537" spans="14:14">
      <c r="N446537" s="10"/>
    </row>
    <row r="446538" spans="14:14">
      <c r="N446538" s="10"/>
    </row>
    <row r="446539" spans="14:14">
      <c r="N446539" s="10"/>
    </row>
    <row r="446540" spans="14:14">
      <c r="N446540" s="10"/>
    </row>
    <row r="446541" spans="14:14">
      <c r="N446541" s="10"/>
    </row>
    <row r="446542" spans="14:14">
      <c r="N446542" s="10"/>
    </row>
    <row r="446543" spans="14:14">
      <c r="N446543" s="10"/>
    </row>
    <row r="446544" spans="14:14">
      <c r="N446544" s="10"/>
    </row>
    <row r="446545" spans="14:14">
      <c r="N446545" s="10"/>
    </row>
    <row r="446546" spans="14:14">
      <c r="N446546" s="10"/>
    </row>
    <row r="446547" spans="14:14">
      <c r="N446547" s="10"/>
    </row>
    <row r="446548" spans="14:14">
      <c r="N446548" s="10"/>
    </row>
    <row r="446549" spans="14:14">
      <c r="N446549" s="10"/>
    </row>
    <row r="446550" spans="14:14">
      <c r="N446550" s="10"/>
    </row>
    <row r="446551" spans="14:14">
      <c r="N446551" s="10"/>
    </row>
    <row r="446552" spans="14:14">
      <c r="N446552" s="10"/>
    </row>
    <row r="446553" spans="14:14">
      <c r="N446553" s="10"/>
    </row>
    <row r="446554" spans="14:14">
      <c r="N446554" s="10"/>
    </row>
    <row r="446555" spans="14:14">
      <c r="N446555" s="10"/>
    </row>
    <row r="446556" spans="14:14">
      <c r="N446556" s="10"/>
    </row>
    <row r="446557" spans="14:14">
      <c r="N446557" s="10"/>
    </row>
    <row r="446558" spans="14:14">
      <c r="N446558" s="10"/>
    </row>
    <row r="446559" spans="14:14">
      <c r="N446559" s="10"/>
    </row>
    <row r="446560" spans="14:14">
      <c r="N446560" s="10"/>
    </row>
    <row r="446561" spans="14:14">
      <c r="N446561" s="10"/>
    </row>
    <row r="446562" spans="14:14">
      <c r="N446562" s="10"/>
    </row>
    <row r="446563" spans="14:14">
      <c r="N446563" s="10"/>
    </row>
    <row r="446564" spans="14:14">
      <c r="N446564" s="10"/>
    </row>
    <row r="446565" spans="14:14">
      <c r="N446565" s="10"/>
    </row>
    <row r="446566" spans="14:14">
      <c r="N446566" s="10"/>
    </row>
    <row r="446567" spans="14:14">
      <c r="N446567" s="10"/>
    </row>
    <row r="446568" spans="14:14">
      <c r="N446568" s="10"/>
    </row>
    <row r="446569" spans="14:14">
      <c r="N446569" s="10"/>
    </row>
    <row r="446570" spans="14:14">
      <c r="N446570" s="10"/>
    </row>
    <row r="446571" spans="14:14">
      <c r="N446571" s="10"/>
    </row>
    <row r="446572" spans="14:14">
      <c r="N446572" s="10"/>
    </row>
    <row r="446573" spans="14:14">
      <c r="N446573" s="10"/>
    </row>
    <row r="446574" spans="14:14">
      <c r="N446574" s="10"/>
    </row>
    <row r="446575" spans="14:14">
      <c r="N446575" s="10"/>
    </row>
    <row r="446576" spans="14:14">
      <c r="N446576" s="10"/>
    </row>
    <row r="446577" spans="14:14">
      <c r="N446577" s="10"/>
    </row>
    <row r="446578" spans="14:14">
      <c r="N446578" s="10"/>
    </row>
    <row r="446579" spans="14:14">
      <c r="N446579" s="10"/>
    </row>
    <row r="446580" spans="14:14">
      <c r="N446580" s="10"/>
    </row>
    <row r="446581" spans="14:14">
      <c r="N446581" s="10"/>
    </row>
    <row r="446582" spans="14:14">
      <c r="N446582" s="10"/>
    </row>
    <row r="446583" spans="14:14">
      <c r="N446583" s="10"/>
    </row>
    <row r="446584" spans="14:14">
      <c r="N446584" s="10"/>
    </row>
    <row r="446585" spans="14:14">
      <c r="N446585" s="10"/>
    </row>
    <row r="446586" spans="14:14">
      <c r="N446586" s="10"/>
    </row>
    <row r="446587" spans="14:14">
      <c r="N446587" s="10"/>
    </row>
    <row r="446588" spans="14:14">
      <c r="N446588" s="10"/>
    </row>
    <row r="446589" spans="14:14">
      <c r="N446589" s="10"/>
    </row>
    <row r="446590" spans="14:14">
      <c r="N446590" s="10"/>
    </row>
    <row r="446591" spans="14:14">
      <c r="N446591" s="10"/>
    </row>
    <row r="446592" spans="14:14">
      <c r="N446592" s="10"/>
    </row>
    <row r="446593" spans="14:14">
      <c r="N446593" s="10"/>
    </row>
    <row r="446594" spans="14:14">
      <c r="N446594" s="10"/>
    </row>
    <row r="446595" spans="14:14">
      <c r="N446595" s="10"/>
    </row>
    <row r="446596" spans="14:14">
      <c r="N446596" s="10"/>
    </row>
    <row r="446597" spans="14:14">
      <c r="N446597" s="10"/>
    </row>
    <row r="446598" spans="14:14">
      <c r="N446598" s="10"/>
    </row>
    <row r="446599" spans="14:14">
      <c r="N446599" s="10"/>
    </row>
    <row r="446600" spans="14:14">
      <c r="N446600" s="10"/>
    </row>
    <row r="446601" spans="14:14">
      <c r="N446601" s="10"/>
    </row>
    <row r="446602" spans="14:14">
      <c r="N446602" s="10"/>
    </row>
    <row r="446603" spans="14:14">
      <c r="N446603" s="10"/>
    </row>
    <row r="446604" spans="14:14">
      <c r="N446604" s="10"/>
    </row>
    <row r="446605" spans="14:14">
      <c r="N446605" s="10"/>
    </row>
    <row r="446606" spans="14:14">
      <c r="N446606" s="10"/>
    </row>
    <row r="446607" spans="14:14">
      <c r="N446607" s="10"/>
    </row>
    <row r="446608" spans="14:14">
      <c r="N446608" s="10"/>
    </row>
    <row r="446609" spans="14:14">
      <c r="N446609" s="10"/>
    </row>
    <row r="446610" spans="14:14">
      <c r="N446610" s="10"/>
    </row>
    <row r="446611" spans="14:14">
      <c r="N446611" s="10"/>
    </row>
    <row r="446612" spans="14:14">
      <c r="N446612" s="10"/>
    </row>
    <row r="446613" spans="14:14">
      <c r="N446613" s="10"/>
    </row>
    <row r="446614" spans="14:14">
      <c r="N446614" s="10"/>
    </row>
    <row r="446615" spans="14:14">
      <c r="N446615" s="10"/>
    </row>
    <row r="446616" spans="14:14">
      <c r="N446616" s="10"/>
    </row>
    <row r="446617" spans="14:14">
      <c r="N446617" s="10"/>
    </row>
    <row r="446618" spans="14:14">
      <c r="N446618" s="10"/>
    </row>
    <row r="446619" spans="14:14">
      <c r="N446619" s="10"/>
    </row>
    <row r="446620" spans="14:14">
      <c r="N446620" s="10"/>
    </row>
    <row r="446621" spans="14:14">
      <c r="N446621" s="10"/>
    </row>
    <row r="446622" spans="14:14">
      <c r="N446622" s="10"/>
    </row>
    <row r="446623" spans="14:14">
      <c r="N446623" s="10"/>
    </row>
    <row r="446624" spans="14:14">
      <c r="N446624" s="10"/>
    </row>
    <row r="446625" spans="14:14">
      <c r="N446625" s="10"/>
    </row>
    <row r="446626" spans="14:14">
      <c r="N446626" s="10"/>
    </row>
    <row r="446627" spans="14:14">
      <c r="N446627" s="10"/>
    </row>
    <row r="446628" spans="14:14">
      <c r="N446628" s="10"/>
    </row>
    <row r="446629" spans="14:14">
      <c r="N446629" s="10"/>
    </row>
    <row r="446630" spans="14:14">
      <c r="N446630" s="10"/>
    </row>
    <row r="446631" spans="14:14">
      <c r="N446631" s="10"/>
    </row>
    <row r="446632" spans="14:14">
      <c r="N446632" s="10"/>
    </row>
    <row r="446633" spans="14:14">
      <c r="N446633" s="10"/>
    </row>
    <row r="446634" spans="14:14">
      <c r="N446634" s="10"/>
    </row>
    <row r="446635" spans="14:14">
      <c r="N446635" s="10"/>
    </row>
    <row r="446636" spans="14:14">
      <c r="N446636" s="10"/>
    </row>
    <row r="446637" spans="14:14">
      <c r="N446637" s="10"/>
    </row>
    <row r="446638" spans="14:14">
      <c r="N446638" s="10"/>
    </row>
    <row r="446639" spans="14:14">
      <c r="N446639" s="10"/>
    </row>
    <row r="446640" spans="14:14">
      <c r="N446640" s="10"/>
    </row>
    <row r="446641" spans="14:14">
      <c r="N446641" s="10"/>
    </row>
    <row r="446642" spans="14:14">
      <c r="N446642" s="10"/>
    </row>
    <row r="446643" spans="14:14">
      <c r="N446643" s="10"/>
    </row>
    <row r="446644" spans="14:14">
      <c r="N446644" s="10"/>
    </row>
    <row r="446645" spans="14:14">
      <c r="N446645" s="10"/>
    </row>
    <row r="446646" spans="14:14">
      <c r="N446646" s="10"/>
    </row>
    <row r="446647" spans="14:14">
      <c r="N446647" s="10"/>
    </row>
    <row r="446648" spans="14:14">
      <c r="N446648" s="10"/>
    </row>
    <row r="446649" spans="14:14">
      <c r="N446649" s="10"/>
    </row>
    <row r="446650" spans="14:14">
      <c r="N446650" s="10"/>
    </row>
    <row r="446651" spans="14:14">
      <c r="N446651" s="10"/>
    </row>
    <row r="446652" spans="14:14">
      <c r="N446652" s="10"/>
    </row>
    <row r="446653" spans="14:14">
      <c r="N446653" s="10"/>
    </row>
    <row r="446654" spans="14:14">
      <c r="N446654" s="10"/>
    </row>
    <row r="446655" spans="14:14">
      <c r="N446655" s="10"/>
    </row>
    <row r="446656" spans="14:14">
      <c r="N446656" s="10"/>
    </row>
    <row r="446657" spans="14:14">
      <c r="N446657" s="10"/>
    </row>
    <row r="446658" spans="14:14">
      <c r="N446658" s="10"/>
    </row>
    <row r="446659" spans="14:14">
      <c r="N446659" s="10"/>
    </row>
    <row r="446660" spans="14:14">
      <c r="N446660" s="10"/>
    </row>
    <row r="446661" spans="14:14">
      <c r="N446661" s="10"/>
    </row>
    <row r="446662" spans="14:14">
      <c r="N446662" s="10"/>
    </row>
    <row r="446663" spans="14:14">
      <c r="N446663" s="10"/>
    </row>
    <row r="446664" spans="14:14">
      <c r="N446664" s="10"/>
    </row>
    <row r="446665" spans="14:14">
      <c r="N446665" s="10"/>
    </row>
    <row r="446666" spans="14:14">
      <c r="N446666" s="10"/>
    </row>
    <row r="446667" spans="14:14">
      <c r="N446667" s="10"/>
    </row>
    <row r="446668" spans="14:14">
      <c r="N446668" s="10"/>
    </row>
    <row r="446669" spans="14:14">
      <c r="N446669" s="10"/>
    </row>
    <row r="446670" spans="14:14">
      <c r="N446670" s="10"/>
    </row>
    <row r="446671" spans="14:14">
      <c r="N446671" s="10"/>
    </row>
    <row r="446672" spans="14:14">
      <c r="N446672" s="10"/>
    </row>
    <row r="446673" spans="14:14">
      <c r="N446673" s="10"/>
    </row>
    <row r="446674" spans="14:14">
      <c r="N446674" s="10"/>
    </row>
    <row r="446675" spans="14:14">
      <c r="N446675" s="10"/>
    </row>
    <row r="446676" spans="14:14">
      <c r="N446676" s="10"/>
    </row>
    <row r="446677" spans="14:14">
      <c r="N446677" s="10"/>
    </row>
    <row r="446678" spans="14:14">
      <c r="N446678" s="10"/>
    </row>
    <row r="446679" spans="14:14">
      <c r="N446679" s="10"/>
    </row>
    <row r="446680" spans="14:14">
      <c r="N446680" s="10"/>
    </row>
    <row r="446681" spans="14:14">
      <c r="N446681" s="10"/>
    </row>
    <row r="446682" spans="14:14">
      <c r="N446682" s="10"/>
    </row>
    <row r="446683" spans="14:14">
      <c r="N446683" s="10"/>
    </row>
    <row r="446684" spans="14:14">
      <c r="N446684" s="10"/>
    </row>
    <row r="446685" spans="14:14">
      <c r="N446685" s="10"/>
    </row>
    <row r="446686" spans="14:14">
      <c r="N446686" s="10"/>
    </row>
    <row r="446687" spans="14:14">
      <c r="N446687" s="10"/>
    </row>
    <row r="446688" spans="14:14">
      <c r="N446688" s="10"/>
    </row>
    <row r="446689" spans="14:14">
      <c r="N446689" s="10"/>
    </row>
    <row r="446690" spans="14:14">
      <c r="N446690" s="10"/>
    </row>
    <row r="446691" spans="14:14">
      <c r="N446691" s="10"/>
    </row>
    <row r="446692" spans="14:14">
      <c r="N446692" s="10"/>
    </row>
    <row r="446693" spans="14:14">
      <c r="N446693" s="10"/>
    </row>
    <row r="446694" spans="14:14">
      <c r="N446694" s="10"/>
    </row>
    <row r="446695" spans="14:14">
      <c r="N446695" s="10"/>
    </row>
    <row r="446696" spans="14:14">
      <c r="N446696" s="10"/>
    </row>
    <row r="446697" spans="14:14">
      <c r="N446697" s="10"/>
    </row>
    <row r="446698" spans="14:14">
      <c r="N446698" s="10"/>
    </row>
    <row r="446699" spans="14:14">
      <c r="N446699" s="10"/>
    </row>
    <row r="446700" spans="14:14">
      <c r="N446700" s="10"/>
    </row>
    <row r="446701" spans="14:14">
      <c r="N446701" s="10"/>
    </row>
    <row r="446702" spans="14:14">
      <c r="N446702" s="10"/>
    </row>
    <row r="446703" spans="14:14">
      <c r="N446703" s="10"/>
    </row>
    <row r="446704" spans="14:14">
      <c r="N446704" s="10"/>
    </row>
    <row r="446705" spans="14:14">
      <c r="N446705" s="10"/>
    </row>
    <row r="446706" spans="14:14">
      <c r="N446706" s="10"/>
    </row>
    <row r="446707" spans="14:14">
      <c r="N446707" s="10"/>
    </row>
    <row r="446708" spans="14:14">
      <c r="N446708" s="10"/>
    </row>
    <row r="446709" spans="14:14">
      <c r="N446709" s="10"/>
    </row>
    <row r="446710" spans="14:14">
      <c r="N446710" s="10"/>
    </row>
    <row r="446711" spans="14:14">
      <c r="N446711" s="10"/>
    </row>
    <row r="446712" spans="14:14">
      <c r="N446712" s="10"/>
    </row>
    <row r="446713" spans="14:14">
      <c r="N446713" s="10"/>
    </row>
    <row r="446714" spans="14:14">
      <c r="N446714" s="10"/>
    </row>
    <row r="446715" spans="14:14">
      <c r="N446715" s="10"/>
    </row>
    <row r="446716" spans="14:14">
      <c r="N446716" s="10"/>
    </row>
    <row r="446717" spans="14:14">
      <c r="N446717" s="10"/>
    </row>
    <row r="446718" spans="14:14">
      <c r="N446718" s="10"/>
    </row>
    <row r="446719" spans="14:14">
      <c r="N446719" s="10"/>
    </row>
    <row r="446720" spans="14:14">
      <c r="N446720" s="10"/>
    </row>
    <row r="446721" spans="14:14">
      <c r="N446721" s="10"/>
    </row>
    <row r="446722" spans="14:14">
      <c r="N446722" s="10"/>
    </row>
    <row r="446723" spans="14:14">
      <c r="N446723" s="10"/>
    </row>
    <row r="446724" spans="14:14">
      <c r="N446724" s="10"/>
    </row>
    <row r="446725" spans="14:14">
      <c r="N446725" s="10"/>
    </row>
    <row r="446726" spans="14:14">
      <c r="N446726" s="10"/>
    </row>
    <row r="446727" spans="14:14">
      <c r="N446727" s="10"/>
    </row>
    <row r="446728" spans="14:14">
      <c r="N446728" s="10"/>
    </row>
    <row r="446729" spans="14:14">
      <c r="N446729" s="10"/>
    </row>
    <row r="446730" spans="14:14">
      <c r="N446730" s="10"/>
    </row>
    <row r="446731" spans="14:14">
      <c r="N446731" s="10"/>
    </row>
    <row r="446732" spans="14:14">
      <c r="N446732" s="10"/>
    </row>
    <row r="446733" spans="14:14">
      <c r="N446733" s="10"/>
    </row>
    <row r="446734" spans="14:14">
      <c r="N446734" s="10"/>
    </row>
    <row r="446735" spans="14:14">
      <c r="N446735" s="10"/>
    </row>
    <row r="446736" spans="14:14">
      <c r="N446736" s="10"/>
    </row>
    <row r="446737" spans="14:14">
      <c r="N446737" s="10"/>
    </row>
    <row r="446738" spans="14:14">
      <c r="N446738" s="10"/>
    </row>
    <row r="446739" spans="14:14">
      <c r="N446739" s="10"/>
    </row>
    <row r="446740" spans="14:14">
      <c r="N446740" s="10"/>
    </row>
    <row r="446741" spans="14:14">
      <c r="N446741" s="10"/>
    </row>
    <row r="446742" spans="14:14">
      <c r="N446742" s="10"/>
    </row>
    <row r="446743" spans="14:14">
      <c r="N446743" s="10"/>
    </row>
    <row r="446744" spans="14:14">
      <c r="N446744" s="10"/>
    </row>
    <row r="446745" spans="14:14">
      <c r="N446745" s="10"/>
    </row>
    <row r="446746" spans="14:14">
      <c r="N446746" s="10"/>
    </row>
    <row r="446747" spans="14:14">
      <c r="N446747" s="10"/>
    </row>
    <row r="446748" spans="14:14">
      <c r="N446748" s="10"/>
    </row>
    <row r="446749" spans="14:14">
      <c r="N446749" s="10"/>
    </row>
    <row r="446750" spans="14:14">
      <c r="N446750" s="10"/>
    </row>
    <row r="446751" spans="14:14">
      <c r="N446751" s="10"/>
    </row>
    <row r="446752" spans="14:14">
      <c r="N446752" s="10"/>
    </row>
    <row r="446753" spans="14:14">
      <c r="N446753" s="10"/>
    </row>
    <row r="446754" spans="14:14">
      <c r="N446754" s="10"/>
    </row>
    <row r="446755" spans="14:14">
      <c r="N446755" s="10"/>
    </row>
    <row r="446756" spans="14:14">
      <c r="N446756" s="10"/>
    </row>
    <row r="446757" spans="14:14">
      <c r="N446757" s="10"/>
    </row>
    <row r="446758" spans="14:14">
      <c r="N446758" s="10"/>
    </row>
    <row r="446759" spans="14:14">
      <c r="N446759" s="10"/>
    </row>
    <row r="446760" spans="14:14">
      <c r="N446760" s="10"/>
    </row>
    <row r="446761" spans="14:14">
      <c r="N446761" s="10"/>
    </row>
    <row r="446762" spans="14:14">
      <c r="N446762" s="10"/>
    </row>
    <row r="446763" spans="14:14">
      <c r="N446763" s="10"/>
    </row>
    <row r="446764" spans="14:14">
      <c r="N446764" s="10"/>
    </row>
    <row r="446765" spans="14:14">
      <c r="N446765" s="10"/>
    </row>
    <row r="446766" spans="14:14">
      <c r="N446766" s="10"/>
    </row>
    <row r="446767" spans="14:14">
      <c r="N446767" s="10"/>
    </row>
    <row r="446768" spans="14:14">
      <c r="N446768" s="10"/>
    </row>
    <row r="446769" spans="14:14">
      <c r="N446769" s="10"/>
    </row>
    <row r="446770" spans="14:14">
      <c r="N446770" s="10"/>
    </row>
    <row r="446771" spans="14:14">
      <c r="N446771" s="10"/>
    </row>
    <row r="446772" spans="14:14">
      <c r="N446772" s="10"/>
    </row>
    <row r="446773" spans="14:14">
      <c r="N446773" s="10"/>
    </row>
    <row r="446774" spans="14:14">
      <c r="N446774" s="10"/>
    </row>
    <row r="446775" spans="14:14">
      <c r="N446775" s="10"/>
    </row>
    <row r="446776" spans="14:14">
      <c r="N446776" s="10"/>
    </row>
    <row r="446777" spans="14:14">
      <c r="N446777" s="10"/>
    </row>
    <row r="446778" spans="14:14">
      <c r="N446778" s="10"/>
    </row>
    <row r="446779" spans="14:14">
      <c r="N446779" s="10"/>
    </row>
    <row r="446780" spans="14:14">
      <c r="N446780" s="10"/>
    </row>
    <row r="446781" spans="14:14">
      <c r="N446781" s="10"/>
    </row>
    <row r="446782" spans="14:14">
      <c r="N446782" s="10"/>
    </row>
    <row r="446783" spans="14:14">
      <c r="N446783" s="10"/>
    </row>
    <row r="446784" spans="14:14">
      <c r="N446784" s="10"/>
    </row>
    <row r="446785" spans="14:14">
      <c r="N446785" s="10"/>
    </row>
    <row r="446786" spans="14:14">
      <c r="N446786" s="10"/>
    </row>
    <row r="446787" spans="14:14">
      <c r="N446787" s="10"/>
    </row>
    <row r="446788" spans="14:14">
      <c r="N446788" s="10"/>
    </row>
    <row r="446789" spans="14:14">
      <c r="N446789" s="10"/>
    </row>
    <row r="446790" spans="14:14">
      <c r="N446790" s="10"/>
    </row>
    <row r="446791" spans="14:14">
      <c r="N446791" s="10"/>
    </row>
    <row r="446792" spans="14:14">
      <c r="N446792" s="10"/>
    </row>
    <row r="446793" spans="14:14">
      <c r="N446793" s="10"/>
    </row>
    <row r="446794" spans="14:14">
      <c r="N446794" s="10"/>
    </row>
    <row r="446795" spans="14:14">
      <c r="N446795" s="10"/>
    </row>
    <row r="446796" spans="14:14">
      <c r="N446796" s="10"/>
    </row>
    <row r="446797" spans="14:14">
      <c r="N446797" s="10"/>
    </row>
    <row r="446798" spans="14:14">
      <c r="N446798" s="10"/>
    </row>
    <row r="446799" spans="14:14">
      <c r="N446799" s="10"/>
    </row>
    <row r="446800" spans="14:14">
      <c r="N446800" s="10"/>
    </row>
    <row r="446801" spans="14:14">
      <c r="N446801" s="10"/>
    </row>
    <row r="446802" spans="14:14">
      <c r="N446802" s="10"/>
    </row>
    <row r="446803" spans="14:14">
      <c r="N446803" s="10"/>
    </row>
    <row r="446804" spans="14:14">
      <c r="N446804" s="10"/>
    </row>
    <row r="446805" spans="14:14">
      <c r="N446805" s="10"/>
    </row>
    <row r="446806" spans="14:14">
      <c r="N446806" s="10"/>
    </row>
    <row r="446807" spans="14:14">
      <c r="N446807" s="10"/>
    </row>
    <row r="446808" spans="14:14">
      <c r="N446808" s="10"/>
    </row>
    <row r="446809" spans="14:14">
      <c r="N446809" s="10"/>
    </row>
    <row r="446810" spans="14:14">
      <c r="N446810" s="10"/>
    </row>
    <row r="446811" spans="14:14">
      <c r="N446811" s="10"/>
    </row>
    <row r="446812" spans="14:14">
      <c r="N446812" s="10"/>
    </row>
    <row r="446813" spans="14:14">
      <c r="N446813" s="10"/>
    </row>
    <row r="446814" spans="14:14">
      <c r="N446814" s="10"/>
    </row>
    <row r="446815" spans="14:14">
      <c r="N446815" s="10"/>
    </row>
    <row r="446816" spans="14:14">
      <c r="N446816" s="10"/>
    </row>
    <row r="446817" spans="14:14">
      <c r="N446817" s="10"/>
    </row>
    <row r="446818" spans="14:14">
      <c r="N446818" s="10"/>
    </row>
    <row r="446819" spans="14:14">
      <c r="N446819" s="10"/>
    </row>
    <row r="446820" spans="14:14">
      <c r="N446820" s="10"/>
    </row>
    <row r="446821" spans="14:14">
      <c r="N446821" s="10"/>
    </row>
    <row r="446822" spans="14:14">
      <c r="N446822" s="10"/>
    </row>
    <row r="446823" spans="14:14">
      <c r="N446823" s="10"/>
    </row>
    <row r="446824" spans="14:14">
      <c r="N446824" s="10"/>
    </row>
    <row r="446825" spans="14:14">
      <c r="N446825" s="10"/>
    </row>
    <row r="446826" spans="14:14">
      <c r="N446826" s="10"/>
    </row>
    <row r="446827" spans="14:14">
      <c r="N446827" s="10"/>
    </row>
    <row r="446828" spans="14:14">
      <c r="N446828" s="10"/>
    </row>
    <row r="446829" spans="14:14">
      <c r="N446829" s="10"/>
    </row>
    <row r="446830" spans="14:14">
      <c r="N446830" s="10"/>
    </row>
    <row r="446831" spans="14:14">
      <c r="N446831" s="10"/>
    </row>
    <row r="446832" spans="14:14">
      <c r="N446832" s="10"/>
    </row>
    <row r="446833" spans="14:14">
      <c r="N446833" s="10"/>
    </row>
    <row r="446834" spans="14:14">
      <c r="N446834" s="10"/>
    </row>
    <row r="446835" spans="14:14">
      <c r="N446835" s="10"/>
    </row>
    <row r="446836" spans="14:14">
      <c r="N446836" s="10"/>
    </row>
    <row r="446837" spans="14:14">
      <c r="N446837" s="10"/>
    </row>
    <row r="446838" spans="14:14">
      <c r="N446838" s="10"/>
    </row>
    <row r="446839" spans="14:14">
      <c r="N446839" s="10"/>
    </row>
    <row r="446840" spans="14:14">
      <c r="N446840" s="10"/>
    </row>
    <row r="446841" spans="14:14">
      <c r="N446841" s="10"/>
    </row>
    <row r="446842" spans="14:14">
      <c r="N446842" s="10"/>
    </row>
    <row r="446843" spans="14:14">
      <c r="N446843" s="10"/>
    </row>
    <row r="446844" spans="14:14">
      <c r="N446844" s="10"/>
    </row>
    <row r="446845" spans="14:14">
      <c r="N446845" s="10"/>
    </row>
    <row r="446846" spans="14:14">
      <c r="N446846" s="10"/>
    </row>
    <row r="446847" spans="14:14">
      <c r="N446847" s="10"/>
    </row>
    <row r="446848" spans="14:14">
      <c r="N446848" s="10"/>
    </row>
    <row r="446849" spans="14:14">
      <c r="N446849" s="10"/>
    </row>
    <row r="446850" spans="14:14">
      <c r="N446850" s="10"/>
    </row>
    <row r="446851" spans="14:14">
      <c r="N446851" s="10"/>
    </row>
    <row r="446852" spans="14:14">
      <c r="N446852" s="10"/>
    </row>
    <row r="446853" spans="14:14">
      <c r="N446853" s="10"/>
    </row>
    <row r="446854" spans="14:14">
      <c r="N446854" s="10"/>
    </row>
    <row r="446855" spans="14:14">
      <c r="N446855" s="10"/>
    </row>
    <row r="446856" spans="14:14">
      <c r="N446856" s="10"/>
    </row>
    <row r="446857" spans="14:14">
      <c r="N446857" s="10"/>
    </row>
    <row r="446858" spans="14:14">
      <c r="N446858" s="10"/>
    </row>
    <row r="446859" spans="14:14">
      <c r="N446859" s="10"/>
    </row>
    <row r="446860" spans="14:14">
      <c r="N446860" s="10"/>
    </row>
    <row r="446861" spans="14:14">
      <c r="N446861" s="10"/>
    </row>
    <row r="446862" spans="14:14">
      <c r="N446862" s="10"/>
    </row>
    <row r="446863" spans="14:14">
      <c r="N446863" s="10"/>
    </row>
    <row r="446864" spans="14:14">
      <c r="N446864" s="10"/>
    </row>
    <row r="446865" spans="14:14">
      <c r="N446865" s="10"/>
    </row>
    <row r="446866" spans="14:14">
      <c r="N446866" s="10"/>
    </row>
    <row r="446867" spans="14:14">
      <c r="N446867" s="10"/>
    </row>
    <row r="446868" spans="14:14">
      <c r="N446868" s="10"/>
    </row>
    <row r="446869" spans="14:14">
      <c r="N446869" s="10"/>
    </row>
    <row r="446870" spans="14:14">
      <c r="N446870" s="10"/>
    </row>
    <row r="446871" spans="14:14">
      <c r="N446871" s="10"/>
    </row>
    <row r="446872" spans="14:14">
      <c r="N446872" s="10"/>
    </row>
    <row r="446873" spans="14:14">
      <c r="N446873" s="10"/>
    </row>
    <row r="446874" spans="14:14">
      <c r="N446874" s="10"/>
    </row>
    <row r="446875" spans="14:14">
      <c r="N446875" s="10"/>
    </row>
    <row r="446876" spans="14:14">
      <c r="N446876" s="10"/>
    </row>
    <row r="446877" spans="14:14">
      <c r="N446877" s="10"/>
    </row>
    <row r="446878" spans="14:14">
      <c r="N446878" s="10"/>
    </row>
    <row r="446879" spans="14:14">
      <c r="N446879" s="10"/>
    </row>
    <row r="446880" spans="14:14">
      <c r="N446880" s="10"/>
    </row>
    <row r="446881" spans="14:14">
      <c r="N446881" s="10"/>
    </row>
    <row r="446882" spans="14:14">
      <c r="N446882" s="10"/>
    </row>
    <row r="446883" spans="14:14">
      <c r="N446883" s="10"/>
    </row>
    <row r="446884" spans="14:14">
      <c r="N446884" s="10"/>
    </row>
    <row r="446885" spans="14:14">
      <c r="N446885" s="10"/>
    </row>
    <row r="446886" spans="14:14">
      <c r="N446886" s="10"/>
    </row>
    <row r="446887" spans="14:14">
      <c r="N446887" s="10"/>
    </row>
    <row r="446888" spans="14:14">
      <c r="N446888" s="10"/>
    </row>
    <row r="446889" spans="14:14">
      <c r="N446889" s="10"/>
    </row>
    <row r="446890" spans="14:14">
      <c r="N446890" s="10"/>
    </row>
    <row r="446891" spans="14:14">
      <c r="N446891" s="10"/>
    </row>
    <row r="446892" spans="14:14">
      <c r="N446892" s="10"/>
    </row>
    <row r="446893" spans="14:14">
      <c r="N446893" s="10"/>
    </row>
    <row r="446894" spans="14:14">
      <c r="N446894" s="10"/>
    </row>
    <row r="446895" spans="14:14">
      <c r="N446895" s="10"/>
    </row>
    <row r="446896" spans="14:14">
      <c r="N446896" s="10"/>
    </row>
    <row r="446897" spans="14:14">
      <c r="N446897" s="10"/>
    </row>
    <row r="446898" spans="14:14">
      <c r="N446898" s="10"/>
    </row>
    <row r="446899" spans="14:14">
      <c r="N446899" s="10"/>
    </row>
    <row r="446900" spans="14:14">
      <c r="N446900" s="10"/>
    </row>
    <row r="446901" spans="14:14">
      <c r="N446901" s="10"/>
    </row>
    <row r="446902" spans="14:14">
      <c r="N446902" s="10"/>
    </row>
    <row r="446903" spans="14:14">
      <c r="N446903" s="10"/>
    </row>
    <row r="446904" spans="14:14">
      <c r="N446904" s="10"/>
    </row>
    <row r="446905" spans="14:14">
      <c r="N446905" s="10"/>
    </row>
    <row r="446906" spans="14:14">
      <c r="N446906" s="10"/>
    </row>
    <row r="446907" spans="14:14">
      <c r="N446907" s="10"/>
    </row>
    <row r="446908" spans="14:14">
      <c r="N446908" s="10"/>
    </row>
    <row r="446909" spans="14:14">
      <c r="N446909" s="10"/>
    </row>
    <row r="446910" spans="14:14">
      <c r="N446910" s="10"/>
    </row>
    <row r="446911" spans="14:14">
      <c r="N446911" s="10"/>
    </row>
    <row r="446912" spans="14:14">
      <c r="N446912" s="10"/>
    </row>
    <row r="446913" spans="14:14">
      <c r="N446913" s="10"/>
    </row>
    <row r="446914" spans="14:14">
      <c r="N446914" s="10"/>
    </row>
    <row r="446915" spans="14:14">
      <c r="N446915" s="10"/>
    </row>
    <row r="446916" spans="14:14">
      <c r="N446916" s="10"/>
    </row>
    <row r="446917" spans="14:14">
      <c r="N446917" s="10"/>
    </row>
    <row r="446918" spans="14:14">
      <c r="N446918" s="10"/>
    </row>
    <row r="446919" spans="14:14">
      <c r="N446919" s="10"/>
    </row>
    <row r="446920" spans="14:14">
      <c r="N446920" s="10"/>
    </row>
    <row r="446921" spans="14:14">
      <c r="N446921" s="10"/>
    </row>
    <row r="446922" spans="14:14">
      <c r="N446922" s="10"/>
    </row>
    <row r="446923" spans="14:14">
      <c r="N446923" s="10"/>
    </row>
    <row r="446924" spans="14:14">
      <c r="N446924" s="10"/>
    </row>
    <row r="446925" spans="14:14">
      <c r="N446925" s="10"/>
    </row>
    <row r="446926" spans="14:14">
      <c r="N446926" s="10"/>
    </row>
    <row r="446927" spans="14:14">
      <c r="N446927" s="10"/>
    </row>
    <row r="446928" spans="14:14">
      <c r="N446928" s="10"/>
    </row>
    <row r="446929" spans="14:14">
      <c r="N446929" s="10"/>
    </row>
    <row r="446930" spans="14:14">
      <c r="N446930" s="10"/>
    </row>
    <row r="446931" spans="14:14">
      <c r="N446931" s="10"/>
    </row>
    <row r="446932" spans="14:14">
      <c r="N446932" s="10"/>
    </row>
    <row r="446933" spans="14:14">
      <c r="N446933" s="10"/>
    </row>
    <row r="446934" spans="14:14">
      <c r="N446934" s="10"/>
    </row>
    <row r="446935" spans="14:14">
      <c r="N446935" s="10"/>
    </row>
    <row r="446936" spans="14:14">
      <c r="N446936" s="10"/>
    </row>
    <row r="446937" spans="14:14">
      <c r="N446937" s="10"/>
    </row>
    <row r="446938" spans="14:14">
      <c r="N446938" s="10"/>
    </row>
    <row r="446939" spans="14:14">
      <c r="N446939" s="10"/>
    </row>
    <row r="446940" spans="14:14">
      <c r="N446940" s="10"/>
    </row>
    <row r="446941" spans="14:14">
      <c r="N446941" s="10"/>
    </row>
    <row r="446942" spans="14:14">
      <c r="N446942" s="10"/>
    </row>
    <row r="446943" spans="14:14">
      <c r="N446943" s="10"/>
    </row>
    <row r="446944" spans="14:14">
      <c r="N446944" s="10"/>
    </row>
    <row r="446945" spans="14:14">
      <c r="N446945" s="10"/>
    </row>
    <row r="446946" spans="14:14">
      <c r="N446946" s="10"/>
    </row>
    <row r="446947" spans="14:14">
      <c r="N446947" s="10"/>
    </row>
    <row r="446948" spans="14:14">
      <c r="N446948" s="10"/>
    </row>
    <row r="446949" spans="14:14">
      <c r="N446949" s="10"/>
    </row>
    <row r="446950" spans="14:14">
      <c r="N446950" s="10"/>
    </row>
    <row r="446951" spans="14:14">
      <c r="N446951" s="10"/>
    </row>
    <row r="446952" spans="14:14">
      <c r="N446952" s="10"/>
    </row>
    <row r="446953" spans="14:14">
      <c r="N446953" s="10"/>
    </row>
    <row r="446954" spans="14:14">
      <c r="N446954" s="10"/>
    </row>
    <row r="446955" spans="14:14">
      <c r="N446955" s="10"/>
    </row>
    <row r="446956" spans="14:14">
      <c r="N446956" s="10"/>
    </row>
    <row r="446957" spans="14:14">
      <c r="N446957" s="10"/>
    </row>
    <row r="446958" spans="14:14">
      <c r="N446958" s="10"/>
    </row>
    <row r="446959" spans="14:14">
      <c r="N446959" s="10"/>
    </row>
    <row r="446960" spans="14:14">
      <c r="N446960" s="10"/>
    </row>
    <row r="446961" spans="14:14">
      <c r="N446961" s="10"/>
    </row>
    <row r="446962" spans="14:14">
      <c r="N446962" s="10"/>
    </row>
    <row r="446963" spans="14:14">
      <c r="N446963" s="10"/>
    </row>
    <row r="446964" spans="14:14">
      <c r="N446964" s="10"/>
    </row>
    <row r="446965" spans="14:14">
      <c r="N446965" s="10"/>
    </row>
    <row r="446966" spans="14:14">
      <c r="N446966" s="10"/>
    </row>
    <row r="446967" spans="14:14">
      <c r="N446967" s="10"/>
    </row>
    <row r="446968" spans="14:14">
      <c r="N446968" s="10"/>
    </row>
    <row r="446969" spans="14:14">
      <c r="N446969" s="10"/>
    </row>
    <row r="446970" spans="14:14">
      <c r="N446970" s="10"/>
    </row>
    <row r="446971" spans="14:14">
      <c r="N446971" s="10"/>
    </row>
    <row r="446972" spans="14:14">
      <c r="N446972" s="10"/>
    </row>
    <row r="446973" spans="14:14">
      <c r="N446973" s="10"/>
    </row>
    <row r="446974" spans="14:14">
      <c r="N446974" s="10"/>
    </row>
    <row r="446975" spans="14:14">
      <c r="N446975" s="10"/>
    </row>
    <row r="446976" spans="14:14">
      <c r="N446976" s="10"/>
    </row>
    <row r="446977" spans="14:14">
      <c r="N446977" s="10"/>
    </row>
    <row r="446978" spans="14:14">
      <c r="N446978" s="10"/>
    </row>
    <row r="446979" spans="14:14">
      <c r="N446979" s="10"/>
    </row>
    <row r="446980" spans="14:14">
      <c r="N446980" s="10"/>
    </row>
    <row r="446981" spans="14:14">
      <c r="N446981" s="10"/>
    </row>
    <row r="446982" spans="14:14">
      <c r="N446982" s="10"/>
    </row>
    <row r="446983" spans="14:14">
      <c r="N446983" s="10"/>
    </row>
    <row r="446984" spans="14:14">
      <c r="N446984" s="10"/>
    </row>
    <row r="446985" spans="14:14">
      <c r="N446985" s="10"/>
    </row>
    <row r="446986" spans="14:14">
      <c r="N446986" s="10"/>
    </row>
    <row r="446987" spans="14:14">
      <c r="N446987" s="10"/>
    </row>
    <row r="446988" spans="14:14">
      <c r="N446988" s="10"/>
    </row>
    <row r="446989" spans="14:14">
      <c r="N446989" s="10"/>
    </row>
    <row r="446990" spans="14:14">
      <c r="N446990" s="10"/>
    </row>
    <row r="446991" spans="14:14">
      <c r="N446991" s="10"/>
    </row>
    <row r="446992" spans="14:14">
      <c r="N446992" s="10"/>
    </row>
    <row r="446993" spans="14:14">
      <c r="N446993" s="10"/>
    </row>
    <row r="446994" spans="14:14">
      <c r="N446994" s="10"/>
    </row>
    <row r="446995" spans="14:14">
      <c r="N446995" s="10"/>
    </row>
    <row r="446996" spans="14:14">
      <c r="N446996" s="10"/>
    </row>
    <row r="446997" spans="14:14">
      <c r="N446997" s="10"/>
    </row>
    <row r="446998" spans="14:14">
      <c r="N446998" s="10"/>
    </row>
    <row r="446999" spans="14:14">
      <c r="N446999" s="10"/>
    </row>
    <row r="447000" spans="14:14">
      <c r="N447000" s="10"/>
    </row>
    <row r="447001" spans="14:14">
      <c r="N447001" s="10"/>
    </row>
    <row r="447002" spans="14:14">
      <c r="N447002" s="10"/>
    </row>
    <row r="447003" spans="14:14">
      <c r="N447003" s="10"/>
    </row>
    <row r="447004" spans="14:14">
      <c r="N447004" s="10"/>
    </row>
    <row r="447005" spans="14:14">
      <c r="N447005" s="10"/>
    </row>
    <row r="447006" spans="14:14">
      <c r="N447006" s="10"/>
    </row>
    <row r="447007" spans="14:14">
      <c r="N447007" s="10"/>
    </row>
    <row r="447008" spans="14:14">
      <c r="N447008" s="10"/>
    </row>
    <row r="447009" spans="14:14">
      <c r="N447009" s="10"/>
    </row>
    <row r="447010" spans="14:14">
      <c r="N447010" s="10"/>
    </row>
    <row r="447011" spans="14:14">
      <c r="N447011" s="10"/>
    </row>
    <row r="447012" spans="14:14">
      <c r="N447012" s="10"/>
    </row>
    <row r="447013" spans="14:14">
      <c r="N447013" s="10"/>
    </row>
    <row r="447014" spans="14:14">
      <c r="N447014" s="10"/>
    </row>
    <row r="447015" spans="14:14">
      <c r="N447015" s="10"/>
    </row>
    <row r="447016" spans="14:14">
      <c r="N447016" s="10"/>
    </row>
    <row r="447017" spans="14:14">
      <c r="N447017" s="10"/>
    </row>
    <row r="447018" spans="14:14">
      <c r="N447018" s="10"/>
    </row>
    <row r="447019" spans="14:14">
      <c r="N447019" s="10"/>
    </row>
    <row r="447020" spans="14:14">
      <c r="N447020" s="10"/>
    </row>
    <row r="447021" spans="14:14">
      <c r="N447021" s="10"/>
    </row>
    <row r="447022" spans="14:14">
      <c r="N447022" s="10"/>
    </row>
    <row r="447023" spans="14:14">
      <c r="N447023" s="10"/>
    </row>
    <row r="447024" spans="14:14">
      <c r="N447024" s="10"/>
    </row>
    <row r="447025" spans="14:14">
      <c r="N447025" s="10"/>
    </row>
    <row r="447026" spans="14:14">
      <c r="N447026" s="10"/>
    </row>
    <row r="447027" spans="14:14">
      <c r="N447027" s="10"/>
    </row>
    <row r="447028" spans="14:14">
      <c r="N447028" s="10"/>
    </row>
    <row r="447029" spans="14:14">
      <c r="N447029" s="10"/>
    </row>
    <row r="447030" spans="14:14">
      <c r="N447030" s="10"/>
    </row>
    <row r="447031" spans="14:14">
      <c r="N447031" s="10"/>
    </row>
    <row r="447032" spans="14:14">
      <c r="N447032" s="10"/>
    </row>
    <row r="447033" spans="14:14">
      <c r="N447033" s="10"/>
    </row>
    <row r="447034" spans="14:14">
      <c r="N447034" s="10"/>
    </row>
    <row r="447035" spans="14:14">
      <c r="N447035" s="10"/>
    </row>
    <row r="447036" spans="14:14">
      <c r="N447036" s="10"/>
    </row>
    <row r="447037" spans="14:14">
      <c r="N447037" s="10"/>
    </row>
    <row r="447038" spans="14:14">
      <c r="N447038" s="10"/>
    </row>
    <row r="447039" spans="14:14">
      <c r="N447039" s="10"/>
    </row>
    <row r="447040" spans="14:14">
      <c r="N447040" s="10"/>
    </row>
    <row r="447041" spans="14:14">
      <c r="N447041" s="10"/>
    </row>
    <row r="447042" spans="14:14">
      <c r="N447042" s="10"/>
    </row>
    <row r="447043" spans="14:14">
      <c r="N447043" s="10"/>
    </row>
    <row r="447044" spans="14:14">
      <c r="N447044" s="10"/>
    </row>
    <row r="447045" spans="14:14">
      <c r="N447045" s="10"/>
    </row>
    <row r="447046" spans="14:14">
      <c r="N447046" s="10"/>
    </row>
    <row r="447047" spans="14:14">
      <c r="N447047" s="10"/>
    </row>
    <row r="447048" spans="14:14">
      <c r="N447048" s="10"/>
    </row>
    <row r="447049" spans="14:14">
      <c r="N447049" s="10"/>
    </row>
    <row r="447050" spans="14:14">
      <c r="N447050" s="10"/>
    </row>
    <row r="447051" spans="14:14">
      <c r="N447051" s="10"/>
    </row>
    <row r="447052" spans="14:14">
      <c r="N447052" s="10"/>
    </row>
    <row r="447053" spans="14:14">
      <c r="N447053" s="10"/>
    </row>
    <row r="447054" spans="14:14">
      <c r="N447054" s="10"/>
    </row>
    <row r="447055" spans="14:14">
      <c r="N447055" s="10"/>
    </row>
    <row r="447056" spans="14:14">
      <c r="N447056" s="10"/>
    </row>
    <row r="447057" spans="14:14">
      <c r="N447057" s="10"/>
    </row>
    <row r="447058" spans="14:14">
      <c r="N447058" s="10"/>
    </row>
    <row r="447059" spans="14:14">
      <c r="N447059" s="10"/>
    </row>
    <row r="447060" spans="14:14">
      <c r="N447060" s="10"/>
    </row>
    <row r="447061" spans="14:14">
      <c r="N447061" s="10"/>
    </row>
    <row r="447062" spans="14:14">
      <c r="N447062" s="10"/>
    </row>
    <row r="447063" spans="14:14">
      <c r="N447063" s="10"/>
    </row>
    <row r="447064" spans="14:14">
      <c r="N447064" s="10"/>
    </row>
    <row r="447065" spans="14:14">
      <c r="N447065" s="10"/>
    </row>
    <row r="447066" spans="14:14">
      <c r="N447066" s="10"/>
    </row>
    <row r="447067" spans="14:14">
      <c r="N447067" s="10"/>
    </row>
    <row r="447068" spans="14:14">
      <c r="N447068" s="10"/>
    </row>
    <row r="447069" spans="14:14">
      <c r="N447069" s="10"/>
    </row>
    <row r="447070" spans="14:14">
      <c r="N447070" s="10"/>
    </row>
    <row r="447071" spans="14:14">
      <c r="N447071" s="10"/>
    </row>
    <row r="447072" spans="14:14">
      <c r="N447072" s="10"/>
    </row>
    <row r="447073" spans="14:14">
      <c r="N447073" s="10"/>
    </row>
    <row r="447074" spans="14:14">
      <c r="N447074" s="10"/>
    </row>
    <row r="447075" spans="14:14">
      <c r="N447075" s="10"/>
    </row>
    <row r="447076" spans="14:14">
      <c r="N447076" s="10"/>
    </row>
    <row r="447077" spans="14:14">
      <c r="N447077" s="10"/>
    </row>
    <row r="447078" spans="14:14">
      <c r="N447078" s="10"/>
    </row>
    <row r="447079" spans="14:14">
      <c r="N447079" s="10"/>
    </row>
    <row r="447080" spans="14:14">
      <c r="N447080" s="10"/>
    </row>
    <row r="447081" spans="14:14">
      <c r="N447081" s="10"/>
    </row>
    <row r="447082" spans="14:14">
      <c r="N447082" s="10"/>
    </row>
    <row r="447083" spans="14:14">
      <c r="N447083" s="10"/>
    </row>
    <row r="447084" spans="14:14">
      <c r="N447084" s="10"/>
    </row>
    <row r="447085" spans="14:14">
      <c r="N447085" s="10"/>
    </row>
    <row r="447086" spans="14:14">
      <c r="N447086" s="10"/>
    </row>
    <row r="447087" spans="14:14">
      <c r="N447087" s="10"/>
    </row>
    <row r="447088" spans="14:14">
      <c r="N447088" s="10"/>
    </row>
    <row r="447089" spans="14:14">
      <c r="N447089" s="10"/>
    </row>
    <row r="447090" spans="14:14">
      <c r="N447090" s="10"/>
    </row>
    <row r="447091" spans="14:14">
      <c r="N447091" s="10"/>
    </row>
    <row r="447092" spans="14:14">
      <c r="N447092" s="10"/>
    </row>
    <row r="447093" spans="14:14">
      <c r="N447093" s="10"/>
    </row>
    <row r="447094" spans="14:14">
      <c r="N447094" s="10"/>
    </row>
    <row r="447095" spans="14:14">
      <c r="N447095" s="10"/>
    </row>
    <row r="447096" spans="14:14">
      <c r="N447096" s="10"/>
    </row>
    <row r="447097" spans="14:14">
      <c r="N447097" s="10"/>
    </row>
    <row r="447098" spans="14:14">
      <c r="N447098" s="10"/>
    </row>
    <row r="447099" spans="14:14">
      <c r="N447099" s="10"/>
    </row>
    <row r="447100" spans="14:14">
      <c r="N447100" s="10"/>
    </row>
    <row r="447101" spans="14:14">
      <c r="N447101" s="10"/>
    </row>
    <row r="447102" spans="14:14">
      <c r="N447102" s="10"/>
    </row>
    <row r="447103" spans="14:14">
      <c r="N447103" s="10"/>
    </row>
    <row r="447104" spans="14:14">
      <c r="N447104" s="10"/>
    </row>
    <row r="447105" spans="14:14">
      <c r="N447105" s="10"/>
    </row>
    <row r="447106" spans="14:14">
      <c r="N447106" s="10"/>
    </row>
    <row r="447107" spans="14:14">
      <c r="N447107" s="10"/>
    </row>
    <row r="447108" spans="14:14">
      <c r="N447108" s="10"/>
    </row>
    <row r="447109" spans="14:14">
      <c r="N447109" s="10"/>
    </row>
    <row r="447110" spans="14:14">
      <c r="N447110" s="10"/>
    </row>
    <row r="447111" spans="14:14">
      <c r="N447111" s="10"/>
    </row>
    <row r="447112" spans="14:14">
      <c r="N447112" s="10"/>
    </row>
    <row r="447113" spans="14:14">
      <c r="N447113" s="10"/>
    </row>
    <row r="447114" spans="14:14">
      <c r="N447114" s="10"/>
    </row>
    <row r="447115" spans="14:14">
      <c r="N447115" s="10"/>
    </row>
    <row r="447116" spans="14:14">
      <c r="N447116" s="10"/>
    </row>
    <row r="447117" spans="14:14">
      <c r="N447117" s="10"/>
    </row>
    <row r="447118" spans="14:14">
      <c r="N447118" s="10"/>
    </row>
    <row r="447119" spans="14:14">
      <c r="N447119" s="10"/>
    </row>
    <row r="447120" spans="14:14">
      <c r="N447120" s="10"/>
    </row>
    <row r="447121" spans="14:14">
      <c r="N447121" s="10"/>
    </row>
    <row r="447122" spans="14:14">
      <c r="N447122" s="10"/>
    </row>
    <row r="447123" spans="14:14">
      <c r="N447123" s="10"/>
    </row>
    <row r="447124" spans="14:14">
      <c r="N447124" s="10"/>
    </row>
    <row r="447125" spans="14:14">
      <c r="N447125" s="10"/>
    </row>
    <row r="447126" spans="14:14">
      <c r="N447126" s="10"/>
    </row>
    <row r="447127" spans="14:14">
      <c r="N447127" s="10"/>
    </row>
    <row r="447128" spans="14:14">
      <c r="N447128" s="10"/>
    </row>
    <row r="447129" spans="14:14">
      <c r="N447129" s="10"/>
    </row>
    <row r="447130" spans="14:14">
      <c r="N447130" s="10"/>
    </row>
    <row r="447131" spans="14:14">
      <c r="N447131" s="10"/>
    </row>
    <row r="447132" spans="14:14">
      <c r="N447132" s="10"/>
    </row>
    <row r="447133" spans="14:14">
      <c r="N447133" s="10"/>
    </row>
    <row r="447134" spans="14:14">
      <c r="N447134" s="10"/>
    </row>
    <row r="447135" spans="14:14">
      <c r="N447135" s="10"/>
    </row>
    <row r="447136" spans="14:14">
      <c r="N447136" s="10"/>
    </row>
    <row r="447137" spans="14:14">
      <c r="N447137" s="10"/>
    </row>
    <row r="447138" spans="14:14">
      <c r="N447138" s="10"/>
    </row>
    <row r="447139" spans="14:14">
      <c r="N447139" s="10"/>
    </row>
    <row r="447140" spans="14:14">
      <c r="N447140" s="10"/>
    </row>
    <row r="447141" spans="14:14">
      <c r="N447141" s="10"/>
    </row>
    <row r="447142" spans="14:14">
      <c r="N447142" s="10"/>
    </row>
    <row r="447143" spans="14:14">
      <c r="N447143" s="10"/>
    </row>
    <row r="447144" spans="14:14">
      <c r="N447144" s="10"/>
    </row>
    <row r="447145" spans="14:14">
      <c r="N447145" s="10"/>
    </row>
    <row r="447146" spans="14:14">
      <c r="N447146" s="10"/>
    </row>
    <row r="447147" spans="14:14">
      <c r="N447147" s="10"/>
    </row>
    <row r="447148" spans="14:14">
      <c r="N447148" s="10"/>
    </row>
    <row r="447149" spans="14:14">
      <c r="N447149" s="10"/>
    </row>
    <row r="447150" spans="14:14">
      <c r="N447150" s="10"/>
    </row>
    <row r="447151" spans="14:14">
      <c r="N447151" s="10"/>
    </row>
    <row r="447152" spans="14:14">
      <c r="N447152" s="10"/>
    </row>
    <row r="447153" spans="14:14">
      <c r="N447153" s="10"/>
    </row>
    <row r="447154" spans="14:14">
      <c r="N447154" s="10"/>
    </row>
    <row r="447155" spans="14:14">
      <c r="N447155" s="10"/>
    </row>
    <row r="447156" spans="14:14">
      <c r="N447156" s="10"/>
    </row>
    <row r="447157" spans="14:14">
      <c r="N447157" s="10"/>
    </row>
    <row r="447158" spans="14:14">
      <c r="N447158" s="10"/>
    </row>
    <row r="447159" spans="14:14">
      <c r="N447159" s="10"/>
    </row>
    <row r="447160" spans="14:14">
      <c r="N447160" s="10"/>
    </row>
    <row r="447161" spans="14:14">
      <c r="N447161" s="10"/>
    </row>
    <row r="447162" spans="14:14">
      <c r="N447162" s="10"/>
    </row>
    <row r="447163" spans="14:14">
      <c r="N447163" s="10"/>
    </row>
    <row r="447164" spans="14:14">
      <c r="N447164" s="10"/>
    </row>
    <row r="447165" spans="14:14">
      <c r="N447165" s="10"/>
    </row>
    <row r="447166" spans="14:14">
      <c r="N447166" s="10"/>
    </row>
    <row r="447167" spans="14:14">
      <c r="N447167" s="10"/>
    </row>
    <row r="447168" spans="14:14">
      <c r="N447168" s="10"/>
    </row>
    <row r="447169" spans="14:14">
      <c r="N447169" s="10"/>
    </row>
    <row r="447170" spans="14:14">
      <c r="N447170" s="10"/>
    </row>
    <row r="447171" spans="14:14">
      <c r="N447171" s="10"/>
    </row>
    <row r="447172" spans="14:14">
      <c r="N447172" s="10"/>
    </row>
    <row r="447173" spans="14:14">
      <c r="N447173" s="10"/>
    </row>
    <row r="447174" spans="14:14">
      <c r="N447174" s="10"/>
    </row>
    <row r="447175" spans="14:14">
      <c r="N447175" s="10"/>
    </row>
    <row r="447176" spans="14:14">
      <c r="N447176" s="10"/>
    </row>
    <row r="447177" spans="14:14">
      <c r="N447177" s="10"/>
    </row>
    <row r="447178" spans="14:14">
      <c r="N447178" s="10"/>
    </row>
    <row r="447179" spans="14:14">
      <c r="N447179" s="10"/>
    </row>
    <row r="447180" spans="14:14">
      <c r="N447180" s="10"/>
    </row>
    <row r="447181" spans="14:14">
      <c r="N447181" s="10"/>
    </row>
    <row r="447182" spans="14:14">
      <c r="N447182" s="10"/>
    </row>
    <row r="447183" spans="14:14">
      <c r="N447183" s="10"/>
    </row>
    <row r="447184" spans="14:14">
      <c r="N447184" s="10"/>
    </row>
    <row r="447185" spans="14:14">
      <c r="N447185" s="10"/>
    </row>
    <row r="447186" spans="14:14">
      <c r="N447186" s="10"/>
    </row>
    <row r="447187" spans="14:14">
      <c r="N447187" s="10"/>
    </row>
    <row r="447188" spans="14:14">
      <c r="N447188" s="10"/>
    </row>
    <row r="447189" spans="14:14">
      <c r="N447189" s="10"/>
    </row>
    <row r="447190" spans="14:14">
      <c r="N447190" s="10"/>
    </row>
    <row r="447191" spans="14:14">
      <c r="N447191" s="10"/>
    </row>
    <row r="447192" spans="14:14">
      <c r="N447192" s="10"/>
    </row>
    <row r="447193" spans="14:14">
      <c r="N447193" s="10"/>
    </row>
    <row r="447194" spans="14:14">
      <c r="N447194" s="10"/>
    </row>
    <row r="447195" spans="14:14">
      <c r="N447195" s="10"/>
    </row>
    <row r="447196" spans="14:14">
      <c r="N447196" s="10"/>
    </row>
    <row r="447197" spans="14:14">
      <c r="N447197" s="10"/>
    </row>
    <row r="447198" spans="14:14">
      <c r="N447198" s="10"/>
    </row>
    <row r="447199" spans="14:14">
      <c r="N447199" s="10"/>
    </row>
    <row r="447200" spans="14:14">
      <c r="N447200" s="10"/>
    </row>
    <row r="447201" spans="14:14">
      <c r="N447201" s="10"/>
    </row>
    <row r="447202" spans="14:14">
      <c r="N447202" s="10"/>
    </row>
    <row r="447203" spans="14:14">
      <c r="N447203" s="10"/>
    </row>
    <row r="447204" spans="14:14">
      <c r="N447204" s="10"/>
    </row>
    <row r="447205" spans="14:14">
      <c r="N447205" s="10"/>
    </row>
    <row r="447206" spans="14:14">
      <c r="N447206" s="10"/>
    </row>
    <row r="447207" spans="14:14">
      <c r="N447207" s="10"/>
    </row>
    <row r="447208" spans="14:14">
      <c r="N447208" s="10"/>
    </row>
    <row r="447209" spans="14:14">
      <c r="N447209" s="10"/>
    </row>
    <row r="447210" spans="14:14">
      <c r="N447210" s="10"/>
    </row>
    <row r="447211" spans="14:14">
      <c r="N447211" s="10"/>
    </row>
    <row r="447212" spans="14:14">
      <c r="N447212" s="10"/>
    </row>
    <row r="447213" spans="14:14">
      <c r="N447213" s="10"/>
    </row>
    <row r="447214" spans="14:14">
      <c r="N447214" s="10"/>
    </row>
    <row r="447215" spans="14:14">
      <c r="N447215" s="10"/>
    </row>
    <row r="447216" spans="14:14">
      <c r="N447216" s="10"/>
    </row>
    <row r="447217" spans="14:14">
      <c r="N447217" s="10"/>
    </row>
    <row r="447218" spans="14:14">
      <c r="N447218" s="10"/>
    </row>
    <row r="447219" spans="14:14">
      <c r="N447219" s="10"/>
    </row>
    <row r="447220" spans="14:14">
      <c r="N447220" s="10"/>
    </row>
    <row r="447221" spans="14:14">
      <c r="N447221" s="10"/>
    </row>
    <row r="447222" spans="14:14">
      <c r="N447222" s="10"/>
    </row>
    <row r="447223" spans="14:14">
      <c r="N447223" s="10"/>
    </row>
    <row r="447224" spans="14:14">
      <c r="N447224" s="10"/>
    </row>
    <row r="447225" spans="14:14">
      <c r="N447225" s="10"/>
    </row>
    <row r="447226" spans="14:14">
      <c r="N447226" s="10"/>
    </row>
    <row r="447227" spans="14:14">
      <c r="N447227" s="10"/>
    </row>
    <row r="447228" spans="14:14">
      <c r="N447228" s="10"/>
    </row>
    <row r="447229" spans="14:14">
      <c r="N447229" s="10"/>
    </row>
    <row r="447230" spans="14:14">
      <c r="N447230" s="10"/>
    </row>
    <row r="447231" spans="14:14">
      <c r="N447231" s="10"/>
    </row>
    <row r="447232" spans="14:14">
      <c r="N447232" s="10"/>
    </row>
    <row r="447233" spans="14:14">
      <c r="N447233" s="10"/>
    </row>
    <row r="447234" spans="14:14">
      <c r="N447234" s="10"/>
    </row>
    <row r="447235" spans="14:14">
      <c r="N447235" s="10"/>
    </row>
    <row r="447236" spans="14:14">
      <c r="N447236" s="10"/>
    </row>
    <row r="447237" spans="14:14">
      <c r="N447237" s="10"/>
    </row>
    <row r="447238" spans="14:14">
      <c r="N447238" s="10"/>
    </row>
    <row r="447239" spans="14:14">
      <c r="N447239" s="10"/>
    </row>
    <row r="447240" spans="14:14">
      <c r="N447240" s="10"/>
    </row>
    <row r="447241" spans="14:14">
      <c r="N447241" s="10"/>
    </row>
    <row r="447242" spans="14:14">
      <c r="N447242" s="10"/>
    </row>
    <row r="447243" spans="14:14">
      <c r="N447243" s="10"/>
    </row>
    <row r="447244" spans="14:14">
      <c r="N447244" s="10"/>
    </row>
    <row r="447245" spans="14:14">
      <c r="N447245" s="10"/>
    </row>
    <row r="447246" spans="14:14">
      <c r="N447246" s="10"/>
    </row>
    <row r="447247" spans="14:14">
      <c r="N447247" s="10"/>
    </row>
    <row r="447248" spans="14:14">
      <c r="N447248" s="10"/>
    </row>
    <row r="447249" spans="14:14">
      <c r="N447249" s="10"/>
    </row>
    <row r="447250" spans="14:14">
      <c r="N447250" s="10"/>
    </row>
    <row r="447251" spans="14:14">
      <c r="N447251" s="10"/>
    </row>
    <row r="447252" spans="14:14">
      <c r="N447252" s="10"/>
    </row>
    <row r="447253" spans="14:14">
      <c r="N447253" s="10"/>
    </row>
    <row r="447254" spans="14:14">
      <c r="N447254" s="10"/>
    </row>
    <row r="447255" spans="14:14">
      <c r="N447255" s="10"/>
    </row>
    <row r="447256" spans="14:14">
      <c r="N447256" s="10"/>
    </row>
    <row r="447257" spans="14:14">
      <c r="N447257" s="10"/>
    </row>
    <row r="447258" spans="14:14">
      <c r="N447258" s="10"/>
    </row>
    <row r="447259" spans="14:14">
      <c r="N447259" s="10"/>
    </row>
    <row r="447260" spans="14:14">
      <c r="N447260" s="10"/>
    </row>
    <row r="447261" spans="14:14">
      <c r="N447261" s="10"/>
    </row>
    <row r="447262" spans="14:14">
      <c r="N447262" s="10"/>
    </row>
    <row r="447263" spans="14:14">
      <c r="N447263" s="10"/>
    </row>
    <row r="447264" spans="14:14">
      <c r="N447264" s="10"/>
    </row>
    <row r="447265" spans="14:14">
      <c r="N447265" s="10"/>
    </row>
    <row r="447266" spans="14:14">
      <c r="N447266" s="10"/>
    </row>
    <row r="447267" spans="14:14">
      <c r="N447267" s="10"/>
    </row>
    <row r="447268" spans="14:14">
      <c r="N447268" s="10"/>
    </row>
    <row r="447269" spans="14:14">
      <c r="N447269" s="10"/>
    </row>
    <row r="447270" spans="14:14">
      <c r="N447270" s="10"/>
    </row>
    <row r="447271" spans="14:14">
      <c r="N447271" s="10"/>
    </row>
    <row r="447272" spans="14:14">
      <c r="N447272" s="10"/>
    </row>
    <row r="447273" spans="14:14">
      <c r="N447273" s="10"/>
    </row>
    <row r="447274" spans="14:14">
      <c r="N447274" s="10"/>
    </row>
    <row r="447275" spans="14:14">
      <c r="N447275" s="10"/>
    </row>
    <row r="447276" spans="14:14">
      <c r="N447276" s="10"/>
    </row>
    <row r="447277" spans="14:14">
      <c r="N447277" s="10"/>
    </row>
    <row r="447278" spans="14:14">
      <c r="N447278" s="10"/>
    </row>
    <row r="447279" spans="14:14">
      <c r="N447279" s="10"/>
    </row>
    <row r="447280" spans="14:14">
      <c r="N447280" s="10"/>
    </row>
    <row r="447281" spans="14:14">
      <c r="N447281" s="10"/>
    </row>
    <row r="447282" spans="14:14">
      <c r="N447282" s="10"/>
    </row>
    <row r="447283" spans="14:14">
      <c r="N447283" s="10"/>
    </row>
    <row r="447284" spans="14:14">
      <c r="N447284" s="10"/>
    </row>
    <row r="447285" spans="14:14">
      <c r="N447285" s="10"/>
    </row>
    <row r="447286" spans="14:14">
      <c r="N447286" s="10"/>
    </row>
    <row r="447287" spans="14:14">
      <c r="N447287" s="10"/>
    </row>
    <row r="447288" spans="14:14">
      <c r="N447288" s="10"/>
    </row>
    <row r="447289" spans="14:14">
      <c r="N447289" s="10"/>
    </row>
    <row r="447290" spans="14:14">
      <c r="N447290" s="10"/>
    </row>
    <row r="447291" spans="14:14">
      <c r="N447291" s="10"/>
    </row>
    <row r="447292" spans="14:14">
      <c r="N447292" s="10"/>
    </row>
    <row r="447293" spans="14:14">
      <c r="N447293" s="10"/>
    </row>
    <row r="447294" spans="14:14">
      <c r="N447294" s="10"/>
    </row>
    <row r="447295" spans="14:14">
      <c r="N447295" s="10"/>
    </row>
    <row r="447296" spans="14:14">
      <c r="N447296" s="10"/>
    </row>
    <row r="447297" spans="14:14">
      <c r="N447297" s="10"/>
    </row>
    <row r="447298" spans="14:14">
      <c r="N447298" s="10"/>
    </row>
    <row r="447299" spans="14:14">
      <c r="N447299" s="10"/>
    </row>
    <row r="447300" spans="14:14">
      <c r="N447300" s="10"/>
    </row>
    <row r="447301" spans="14:14">
      <c r="N447301" s="10"/>
    </row>
    <row r="447302" spans="14:14">
      <c r="N447302" s="10"/>
    </row>
    <row r="447303" spans="14:14">
      <c r="N447303" s="10"/>
    </row>
    <row r="447304" spans="14:14">
      <c r="N447304" s="10"/>
    </row>
    <row r="447305" spans="14:14">
      <c r="N447305" s="10"/>
    </row>
    <row r="447306" spans="14:14">
      <c r="N447306" s="10"/>
    </row>
    <row r="447307" spans="14:14">
      <c r="N447307" s="10"/>
    </row>
    <row r="447308" spans="14:14">
      <c r="N447308" s="10"/>
    </row>
    <row r="447309" spans="14:14">
      <c r="N447309" s="10"/>
    </row>
    <row r="447310" spans="14:14">
      <c r="N447310" s="10"/>
    </row>
    <row r="447311" spans="14:14">
      <c r="N447311" s="10"/>
    </row>
    <row r="447312" spans="14:14">
      <c r="N447312" s="10"/>
    </row>
    <row r="447313" spans="14:14">
      <c r="N447313" s="10"/>
    </row>
    <row r="447314" spans="14:14">
      <c r="N447314" s="10"/>
    </row>
    <row r="447315" spans="14:14">
      <c r="N447315" s="10"/>
    </row>
    <row r="447316" spans="14:14">
      <c r="N447316" s="10"/>
    </row>
    <row r="447317" spans="14:14">
      <c r="N447317" s="10"/>
    </row>
    <row r="447318" spans="14:14">
      <c r="N447318" s="10"/>
    </row>
    <row r="447319" spans="14:14">
      <c r="N447319" s="10"/>
    </row>
    <row r="447320" spans="14:14">
      <c r="N447320" s="10"/>
    </row>
    <row r="447321" spans="14:14">
      <c r="N447321" s="10"/>
    </row>
    <row r="447322" spans="14:14">
      <c r="N447322" s="10"/>
    </row>
    <row r="447323" spans="14:14">
      <c r="N447323" s="10"/>
    </row>
    <row r="447324" spans="14:14">
      <c r="N447324" s="10"/>
    </row>
    <row r="447325" spans="14:14">
      <c r="N447325" s="10"/>
    </row>
    <row r="447326" spans="14:14">
      <c r="N447326" s="10"/>
    </row>
    <row r="447327" spans="14:14">
      <c r="N447327" s="10"/>
    </row>
    <row r="447328" spans="14:14">
      <c r="N447328" s="10"/>
    </row>
    <row r="447329" spans="14:14">
      <c r="N447329" s="10"/>
    </row>
    <row r="447330" spans="14:14">
      <c r="N447330" s="10"/>
    </row>
    <row r="447331" spans="14:14">
      <c r="N447331" s="10"/>
    </row>
    <row r="447332" spans="14:14">
      <c r="N447332" s="10"/>
    </row>
    <row r="447333" spans="14:14">
      <c r="N447333" s="10"/>
    </row>
    <row r="447334" spans="14:14">
      <c r="N447334" s="10"/>
    </row>
    <row r="447335" spans="14:14">
      <c r="N447335" s="10"/>
    </row>
    <row r="447336" spans="14:14">
      <c r="N447336" s="10"/>
    </row>
    <row r="447337" spans="14:14">
      <c r="N447337" s="10"/>
    </row>
    <row r="447338" spans="14:14">
      <c r="N447338" s="10"/>
    </row>
    <row r="447339" spans="14:14">
      <c r="N447339" s="10"/>
    </row>
    <row r="447340" spans="14:14">
      <c r="N447340" s="10"/>
    </row>
    <row r="447341" spans="14:14">
      <c r="N447341" s="10"/>
    </row>
    <row r="447342" spans="14:14">
      <c r="N447342" s="10"/>
    </row>
    <row r="447343" spans="14:14">
      <c r="N447343" s="10"/>
    </row>
    <row r="447344" spans="14:14">
      <c r="N447344" s="10"/>
    </row>
    <row r="447345" spans="14:14">
      <c r="N447345" s="10"/>
    </row>
    <row r="447346" spans="14:14">
      <c r="N447346" s="10"/>
    </row>
    <row r="447347" spans="14:14">
      <c r="N447347" s="10"/>
    </row>
    <row r="447348" spans="14:14">
      <c r="N447348" s="10"/>
    </row>
    <row r="447349" spans="14:14">
      <c r="N447349" s="10"/>
    </row>
    <row r="447350" spans="14:14">
      <c r="N447350" s="10"/>
    </row>
    <row r="447351" spans="14:14">
      <c r="N447351" s="10"/>
    </row>
    <row r="447352" spans="14:14">
      <c r="N447352" s="10"/>
    </row>
    <row r="447353" spans="14:14">
      <c r="N447353" s="10"/>
    </row>
    <row r="447354" spans="14:14">
      <c r="N447354" s="10"/>
    </row>
    <row r="447355" spans="14:14">
      <c r="N447355" s="10"/>
    </row>
    <row r="447356" spans="14:14">
      <c r="N447356" s="10"/>
    </row>
    <row r="447357" spans="14:14">
      <c r="N447357" s="10"/>
    </row>
    <row r="447358" spans="14:14">
      <c r="N447358" s="10"/>
    </row>
    <row r="447359" spans="14:14">
      <c r="N447359" s="10"/>
    </row>
    <row r="447360" spans="14:14">
      <c r="N447360" s="10"/>
    </row>
    <row r="447361" spans="14:14">
      <c r="N447361" s="10"/>
    </row>
    <row r="447362" spans="14:14">
      <c r="N447362" s="10"/>
    </row>
    <row r="447363" spans="14:14">
      <c r="N447363" s="10"/>
    </row>
    <row r="447364" spans="14:14">
      <c r="N447364" s="10"/>
    </row>
    <row r="447365" spans="14:14">
      <c r="N447365" s="10"/>
    </row>
    <row r="447366" spans="14:14">
      <c r="N447366" s="10"/>
    </row>
    <row r="447367" spans="14:14">
      <c r="N447367" s="10"/>
    </row>
    <row r="447368" spans="14:14">
      <c r="N447368" s="10"/>
    </row>
    <row r="447369" spans="14:14">
      <c r="N447369" s="10"/>
    </row>
    <row r="447370" spans="14:14">
      <c r="N447370" s="10"/>
    </row>
    <row r="447371" spans="14:14">
      <c r="N447371" s="10"/>
    </row>
    <row r="447372" spans="14:14">
      <c r="N447372" s="10"/>
    </row>
    <row r="447373" spans="14:14">
      <c r="N447373" s="10"/>
    </row>
    <row r="447374" spans="14:14">
      <c r="N447374" s="10"/>
    </row>
    <row r="447375" spans="14:14">
      <c r="N447375" s="10"/>
    </row>
    <row r="447376" spans="14:14">
      <c r="N447376" s="10"/>
    </row>
    <row r="447377" spans="14:14">
      <c r="N447377" s="10"/>
    </row>
    <row r="447378" spans="14:14">
      <c r="N447378" s="10"/>
    </row>
    <row r="447379" spans="14:14">
      <c r="N447379" s="10"/>
    </row>
    <row r="447380" spans="14:14">
      <c r="N447380" s="10"/>
    </row>
    <row r="447381" spans="14:14">
      <c r="N447381" s="10"/>
    </row>
    <row r="447382" spans="14:14">
      <c r="N447382" s="10"/>
    </row>
    <row r="447383" spans="14:14">
      <c r="N447383" s="10"/>
    </row>
    <row r="447384" spans="14:14">
      <c r="N447384" s="10"/>
    </row>
    <row r="447385" spans="14:14">
      <c r="N447385" s="10"/>
    </row>
    <row r="447386" spans="14:14">
      <c r="N447386" s="10"/>
    </row>
    <row r="447387" spans="14:14">
      <c r="N447387" s="10"/>
    </row>
    <row r="447388" spans="14:14">
      <c r="N447388" s="10"/>
    </row>
    <row r="447389" spans="14:14">
      <c r="N447389" s="10"/>
    </row>
    <row r="447390" spans="14:14">
      <c r="N447390" s="10"/>
    </row>
    <row r="447391" spans="14:14">
      <c r="N447391" s="10"/>
    </row>
    <row r="447392" spans="14:14">
      <c r="N447392" s="10"/>
    </row>
    <row r="447393" spans="14:14">
      <c r="N447393" s="10"/>
    </row>
    <row r="447394" spans="14:14">
      <c r="N447394" s="10"/>
    </row>
    <row r="447395" spans="14:14">
      <c r="N447395" s="10"/>
    </row>
    <row r="447396" spans="14:14">
      <c r="N447396" s="10"/>
    </row>
    <row r="447397" spans="14:14">
      <c r="N447397" s="10"/>
    </row>
    <row r="447398" spans="14:14">
      <c r="N447398" s="10"/>
    </row>
    <row r="447399" spans="14:14">
      <c r="N447399" s="10"/>
    </row>
    <row r="447400" spans="14:14">
      <c r="N447400" s="10"/>
    </row>
    <row r="447401" spans="14:14">
      <c r="N447401" s="10"/>
    </row>
    <row r="447402" spans="14:14">
      <c r="N447402" s="10"/>
    </row>
    <row r="447403" spans="14:14">
      <c r="N447403" s="10"/>
    </row>
    <row r="447404" spans="14:14">
      <c r="N447404" s="10"/>
    </row>
    <row r="447405" spans="14:14">
      <c r="N447405" s="10"/>
    </row>
    <row r="447406" spans="14:14">
      <c r="N447406" s="10"/>
    </row>
    <row r="447407" spans="14:14">
      <c r="N447407" s="10"/>
    </row>
    <row r="447408" spans="14:14">
      <c r="N447408" s="10"/>
    </row>
    <row r="447409" spans="14:14">
      <c r="N447409" s="10"/>
    </row>
    <row r="447410" spans="14:14">
      <c r="N447410" s="10"/>
    </row>
    <row r="447411" spans="14:14">
      <c r="N447411" s="10"/>
    </row>
    <row r="447412" spans="14:14">
      <c r="N447412" s="10"/>
    </row>
    <row r="447413" spans="14:14">
      <c r="N447413" s="10"/>
    </row>
    <row r="447414" spans="14:14">
      <c r="N447414" s="10"/>
    </row>
    <row r="447415" spans="14:14">
      <c r="N447415" s="10"/>
    </row>
    <row r="447416" spans="14:14">
      <c r="N447416" s="10"/>
    </row>
    <row r="447417" spans="14:14">
      <c r="N447417" s="10"/>
    </row>
    <row r="447418" spans="14:14">
      <c r="N447418" s="10"/>
    </row>
    <row r="447419" spans="14:14">
      <c r="N447419" s="10"/>
    </row>
    <row r="447420" spans="14:14">
      <c r="N447420" s="10"/>
    </row>
    <row r="447421" spans="14:14">
      <c r="N447421" s="10"/>
    </row>
    <row r="447422" spans="14:14">
      <c r="N447422" s="10"/>
    </row>
    <row r="447423" spans="14:14">
      <c r="N447423" s="10"/>
    </row>
    <row r="447424" spans="14:14">
      <c r="N447424" s="10"/>
    </row>
    <row r="447425" spans="14:14">
      <c r="N447425" s="10"/>
    </row>
    <row r="447426" spans="14:14">
      <c r="N447426" s="10"/>
    </row>
    <row r="447427" spans="14:14">
      <c r="N447427" s="10"/>
    </row>
    <row r="447428" spans="14:14">
      <c r="N447428" s="10"/>
    </row>
    <row r="447429" spans="14:14">
      <c r="N447429" s="10"/>
    </row>
    <row r="447430" spans="14:14">
      <c r="N447430" s="10"/>
    </row>
    <row r="447431" spans="14:14">
      <c r="N447431" s="10"/>
    </row>
    <row r="447432" spans="14:14">
      <c r="N447432" s="10"/>
    </row>
    <row r="447433" spans="14:14">
      <c r="N447433" s="10"/>
    </row>
    <row r="447434" spans="14:14">
      <c r="N447434" s="10"/>
    </row>
    <row r="447435" spans="14:14">
      <c r="N447435" s="10"/>
    </row>
    <row r="447436" spans="14:14">
      <c r="N447436" s="10"/>
    </row>
    <row r="447437" spans="14:14">
      <c r="N447437" s="10"/>
    </row>
    <row r="447438" spans="14:14">
      <c r="N447438" s="10"/>
    </row>
    <row r="447439" spans="14:14">
      <c r="N447439" s="10"/>
    </row>
    <row r="447440" spans="14:14">
      <c r="N447440" s="10"/>
    </row>
    <row r="447441" spans="14:14">
      <c r="N447441" s="10"/>
    </row>
    <row r="447442" spans="14:14">
      <c r="N447442" s="10"/>
    </row>
    <row r="447443" spans="14:14">
      <c r="N447443" s="10"/>
    </row>
    <row r="447444" spans="14:14">
      <c r="N447444" s="10"/>
    </row>
    <row r="447445" spans="14:14">
      <c r="N447445" s="10"/>
    </row>
    <row r="447446" spans="14:14">
      <c r="N447446" s="10"/>
    </row>
    <row r="447447" spans="14:14">
      <c r="N447447" s="10"/>
    </row>
    <row r="447448" spans="14:14">
      <c r="N447448" s="10"/>
    </row>
    <row r="447449" spans="14:14">
      <c r="N447449" s="10"/>
    </row>
    <row r="447450" spans="14:14">
      <c r="N447450" s="10"/>
    </row>
    <row r="447451" spans="14:14">
      <c r="N447451" s="10"/>
    </row>
    <row r="447452" spans="14:14">
      <c r="N447452" s="10"/>
    </row>
    <row r="447453" spans="14:14">
      <c r="N447453" s="10"/>
    </row>
    <row r="447454" spans="14:14">
      <c r="N447454" s="10"/>
    </row>
    <row r="447455" spans="14:14">
      <c r="N447455" s="10"/>
    </row>
    <row r="447456" spans="14:14">
      <c r="N447456" s="10"/>
    </row>
    <row r="447457" spans="14:14">
      <c r="N447457" s="10"/>
    </row>
    <row r="447458" spans="14:14">
      <c r="N447458" s="10"/>
    </row>
    <row r="447459" spans="14:14">
      <c r="N447459" s="10"/>
    </row>
    <row r="447460" spans="14:14">
      <c r="N447460" s="10"/>
    </row>
    <row r="447461" spans="14:14">
      <c r="N447461" s="10"/>
    </row>
    <row r="447462" spans="14:14">
      <c r="N447462" s="10"/>
    </row>
    <row r="447463" spans="14:14">
      <c r="N447463" s="10"/>
    </row>
    <row r="447464" spans="14:14">
      <c r="N447464" s="10"/>
    </row>
    <row r="447465" spans="14:14">
      <c r="N447465" s="10"/>
    </row>
    <row r="447466" spans="14:14">
      <c r="N447466" s="10"/>
    </row>
    <row r="447467" spans="14:14">
      <c r="N447467" s="10"/>
    </row>
    <row r="447468" spans="14:14">
      <c r="N447468" s="10"/>
    </row>
    <row r="447469" spans="14:14">
      <c r="N447469" s="10"/>
    </row>
    <row r="447470" spans="14:14">
      <c r="N447470" s="10"/>
    </row>
    <row r="447471" spans="14:14">
      <c r="N447471" s="10"/>
    </row>
    <row r="447472" spans="14:14">
      <c r="N447472" s="10"/>
    </row>
    <row r="447473" spans="14:14">
      <c r="N447473" s="10"/>
    </row>
    <row r="447474" spans="14:14">
      <c r="N447474" s="10"/>
    </row>
    <row r="447475" spans="14:14">
      <c r="N447475" s="10"/>
    </row>
    <row r="447476" spans="14:14">
      <c r="N447476" s="10"/>
    </row>
    <row r="447477" spans="14:14">
      <c r="N447477" s="10"/>
    </row>
    <row r="447478" spans="14:14">
      <c r="N447478" s="10"/>
    </row>
    <row r="447479" spans="14:14">
      <c r="N447479" s="10"/>
    </row>
    <row r="447480" spans="14:14">
      <c r="N447480" s="10"/>
    </row>
    <row r="447481" spans="14:14">
      <c r="N447481" s="10"/>
    </row>
    <row r="447482" spans="14:14">
      <c r="N447482" s="10"/>
    </row>
    <row r="447483" spans="14:14">
      <c r="N447483" s="10"/>
    </row>
    <row r="447484" spans="14:14">
      <c r="N447484" s="10"/>
    </row>
    <row r="447485" spans="14:14">
      <c r="N447485" s="10"/>
    </row>
    <row r="447486" spans="14:14">
      <c r="N447486" s="10"/>
    </row>
    <row r="447487" spans="14:14">
      <c r="N447487" s="10"/>
    </row>
    <row r="447488" spans="14:14">
      <c r="N447488" s="10"/>
    </row>
    <row r="447489" spans="14:14">
      <c r="N447489" s="10"/>
    </row>
    <row r="447490" spans="14:14">
      <c r="N447490" s="10"/>
    </row>
    <row r="447491" spans="14:14">
      <c r="N447491" s="10"/>
    </row>
    <row r="447492" spans="14:14">
      <c r="N447492" s="10"/>
    </row>
    <row r="447493" spans="14:14">
      <c r="N447493" s="10"/>
    </row>
    <row r="447494" spans="14:14">
      <c r="N447494" s="10"/>
    </row>
    <row r="447495" spans="14:14">
      <c r="N447495" s="10"/>
    </row>
    <row r="447496" spans="14:14">
      <c r="N447496" s="10"/>
    </row>
    <row r="447497" spans="14:14">
      <c r="N447497" s="10"/>
    </row>
    <row r="447498" spans="14:14">
      <c r="N447498" s="10"/>
    </row>
    <row r="447499" spans="14:14">
      <c r="N447499" s="10"/>
    </row>
    <row r="447500" spans="14:14">
      <c r="N447500" s="10"/>
    </row>
    <row r="447501" spans="14:14">
      <c r="N447501" s="10"/>
    </row>
    <row r="447502" spans="14:14">
      <c r="N447502" s="10"/>
    </row>
    <row r="447503" spans="14:14">
      <c r="N447503" s="10"/>
    </row>
    <row r="447504" spans="14:14">
      <c r="N447504" s="10"/>
    </row>
    <row r="447505" spans="14:14">
      <c r="N447505" s="10"/>
    </row>
    <row r="447506" spans="14:14">
      <c r="N447506" s="10"/>
    </row>
    <row r="447507" spans="14:14">
      <c r="N447507" s="10"/>
    </row>
    <row r="447508" spans="14:14">
      <c r="N447508" s="10"/>
    </row>
    <row r="447509" spans="14:14">
      <c r="N447509" s="10"/>
    </row>
    <row r="447510" spans="14:14">
      <c r="N447510" s="10"/>
    </row>
    <row r="447511" spans="14:14">
      <c r="N447511" s="10"/>
    </row>
    <row r="447512" spans="14:14">
      <c r="N447512" s="10"/>
    </row>
    <row r="447513" spans="14:14">
      <c r="N447513" s="10"/>
    </row>
    <row r="447514" spans="14:14">
      <c r="N447514" s="10"/>
    </row>
    <row r="447515" spans="14:14">
      <c r="N447515" s="10"/>
    </row>
    <row r="447516" spans="14:14">
      <c r="N447516" s="10"/>
    </row>
    <row r="447517" spans="14:14">
      <c r="N447517" s="10"/>
    </row>
    <row r="447518" spans="14:14">
      <c r="N447518" s="10"/>
    </row>
    <row r="447519" spans="14:14">
      <c r="N447519" s="10"/>
    </row>
    <row r="447520" spans="14:14">
      <c r="N447520" s="10"/>
    </row>
    <row r="447521" spans="14:14">
      <c r="N447521" s="10"/>
    </row>
    <row r="447522" spans="14:14">
      <c r="N447522" s="10"/>
    </row>
    <row r="447523" spans="14:14">
      <c r="N447523" s="10"/>
    </row>
    <row r="447524" spans="14:14">
      <c r="N447524" s="10"/>
    </row>
    <row r="447525" spans="14:14">
      <c r="N447525" s="10"/>
    </row>
    <row r="447526" spans="14:14">
      <c r="N447526" s="10"/>
    </row>
    <row r="447527" spans="14:14">
      <c r="N447527" s="10"/>
    </row>
    <row r="447528" spans="14:14">
      <c r="N447528" s="10"/>
    </row>
    <row r="447529" spans="14:14">
      <c r="N447529" s="10"/>
    </row>
    <row r="447530" spans="14:14">
      <c r="N447530" s="10"/>
    </row>
    <row r="447531" spans="14:14">
      <c r="N447531" s="10"/>
    </row>
    <row r="447532" spans="14:14">
      <c r="N447532" s="10"/>
    </row>
    <row r="447533" spans="14:14">
      <c r="N447533" s="10"/>
    </row>
    <row r="447534" spans="14:14">
      <c r="N447534" s="10"/>
    </row>
    <row r="447535" spans="14:14">
      <c r="N447535" s="10"/>
    </row>
    <row r="447536" spans="14:14">
      <c r="N447536" s="10"/>
    </row>
    <row r="447537" spans="14:14">
      <c r="N447537" s="10"/>
    </row>
    <row r="447538" spans="14:14">
      <c r="N447538" s="10"/>
    </row>
    <row r="447539" spans="14:14">
      <c r="N447539" s="10"/>
    </row>
    <row r="447540" spans="14:14">
      <c r="N447540" s="10"/>
    </row>
    <row r="447541" spans="14:14">
      <c r="N447541" s="10"/>
    </row>
    <row r="447542" spans="14:14">
      <c r="N447542" s="10"/>
    </row>
    <row r="447543" spans="14:14">
      <c r="N447543" s="10"/>
    </row>
    <row r="447544" spans="14:14">
      <c r="N447544" s="10"/>
    </row>
    <row r="447545" spans="14:14">
      <c r="N447545" s="10"/>
    </row>
    <row r="447546" spans="14:14">
      <c r="N447546" s="10"/>
    </row>
    <row r="447547" spans="14:14">
      <c r="N447547" s="10"/>
    </row>
    <row r="447548" spans="14:14">
      <c r="N447548" s="10"/>
    </row>
    <row r="447549" spans="14:14">
      <c r="N447549" s="10"/>
    </row>
    <row r="447550" spans="14:14">
      <c r="N447550" s="10"/>
    </row>
    <row r="447551" spans="14:14">
      <c r="N447551" s="10"/>
    </row>
    <row r="447552" spans="14:14">
      <c r="N447552" s="10"/>
    </row>
    <row r="447553" spans="14:14">
      <c r="N447553" s="10"/>
    </row>
    <row r="447554" spans="14:14">
      <c r="N447554" s="10"/>
    </row>
    <row r="447555" spans="14:14">
      <c r="N447555" s="10"/>
    </row>
    <row r="447556" spans="14:14">
      <c r="N447556" s="10"/>
    </row>
    <row r="447557" spans="14:14">
      <c r="N447557" s="10"/>
    </row>
    <row r="447558" spans="14:14">
      <c r="N447558" s="10"/>
    </row>
    <row r="447559" spans="14:14">
      <c r="N447559" s="10"/>
    </row>
    <row r="447560" spans="14:14">
      <c r="N447560" s="10"/>
    </row>
    <row r="447561" spans="14:14">
      <c r="N447561" s="10"/>
    </row>
    <row r="447562" spans="14:14">
      <c r="N447562" s="10"/>
    </row>
    <row r="447563" spans="14:14">
      <c r="N447563" s="10"/>
    </row>
    <row r="447564" spans="14:14">
      <c r="N447564" s="10"/>
    </row>
    <row r="447565" spans="14:14">
      <c r="N447565" s="10"/>
    </row>
    <row r="447566" spans="14:14">
      <c r="N447566" s="10"/>
    </row>
    <row r="447567" spans="14:14">
      <c r="N447567" s="10"/>
    </row>
    <row r="447568" spans="14:14">
      <c r="N447568" s="10"/>
    </row>
    <row r="447569" spans="14:14">
      <c r="N447569" s="10"/>
    </row>
    <row r="447570" spans="14:14">
      <c r="N447570" s="10"/>
    </row>
    <row r="447571" spans="14:14">
      <c r="N447571" s="10"/>
    </row>
    <row r="447572" spans="14:14">
      <c r="N447572" s="10"/>
    </row>
    <row r="447573" spans="14:14">
      <c r="N447573" s="10"/>
    </row>
    <row r="447574" spans="14:14">
      <c r="N447574" s="10"/>
    </row>
    <row r="447575" spans="14:14">
      <c r="N447575" s="10"/>
    </row>
    <row r="447576" spans="14:14">
      <c r="N447576" s="10"/>
    </row>
    <row r="447577" spans="14:14">
      <c r="N447577" s="10"/>
    </row>
    <row r="447578" spans="14:14">
      <c r="N447578" s="10"/>
    </row>
    <row r="447579" spans="14:14">
      <c r="N447579" s="10"/>
    </row>
    <row r="447580" spans="14:14">
      <c r="N447580" s="10"/>
    </row>
    <row r="447581" spans="14:14">
      <c r="N447581" s="10"/>
    </row>
    <row r="447582" spans="14:14">
      <c r="N447582" s="10"/>
    </row>
    <row r="447583" spans="14:14">
      <c r="N447583" s="10"/>
    </row>
    <row r="447584" spans="14:14">
      <c r="N447584" s="10"/>
    </row>
    <row r="447585" spans="14:14">
      <c r="N447585" s="10"/>
    </row>
    <row r="447586" spans="14:14">
      <c r="N447586" s="10"/>
    </row>
    <row r="447587" spans="14:14">
      <c r="N447587" s="10"/>
    </row>
    <row r="447588" spans="14:14">
      <c r="N447588" s="10"/>
    </row>
    <row r="447589" spans="14:14">
      <c r="N447589" s="10"/>
    </row>
    <row r="447590" spans="14:14">
      <c r="N447590" s="10"/>
    </row>
    <row r="447591" spans="14:14">
      <c r="N447591" s="10"/>
    </row>
    <row r="447592" spans="14:14">
      <c r="N447592" s="10"/>
    </row>
    <row r="447593" spans="14:14">
      <c r="N447593" s="10"/>
    </row>
    <row r="447594" spans="14:14">
      <c r="N447594" s="10"/>
    </row>
    <row r="447595" spans="14:14">
      <c r="N447595" s="10"/>
    </row>
    <row r="447596" spans="14:14">
      <c r="N447596" s="10"/>
    </row>
    <row r="447597" spans="14:14">
      <c r="N447597" s="10"/>
    </row>
    <row r="447598" spans="14:14">
      <c r="N447598" s="10"/>
    </row>
    <row r="447599" spans="14:14">
      <c r="N447599" s="10"/>
    </row>
    <row r="447600" spans="14:14">
      <c r="N447600" s="10"/>
    </row>
    <row r="447601" spans="14:14">
      <c r="N447601" s="10"/>
    </row>
    <row r="447602" spans="14:14">
      <c r="N447602" s="10"/>
    </row>
    <row r="447603" spans="14:14">
      <c r="N447603" s="10"/>
    </row>
    <row r="447604" spans="14:14">
      <c r="N447604" s="10"/>
    </row>
    <row r="447605" spans="14:14">
      <c r="N447605" s="10"/>
    </row>
    <row r="447606" spans="14:14">
      <c r="N447606" s="10"/>
    </row>
    <row r="447607" spans="14:14">
      <c r="N447607" s="10"/>
    </row>
    <row r="447608" spans="14:14">
      <c r="N447608" s="10"/>
    </row>
    <row r="447609" spans="14:14">
      <c r="N447609" s="10"/>
    </row>
    <row r="447610" spans="14:14">
      <c r="N447610" s="10"/>
    </row>
    <row r="447611" spans="14:14">
      <c r="N447611" s="10"/>
    </row>
    <row r="447612" spans="14:14">
      <c r="N447612" s="10"/>
    </row>
    <row r="447613" spans="14:14">
      <c r="N447613" s="10"/>
    </row>
    <row r="447614" spans="14:14">
      <c r="N447614" s="10"/>
    </row>
    <row r="447615" spans="14:14">
      <c r="N447615" s="10"/>
    </row>
    <row r="447616" spans="14:14">
      <c r="N447616" s="10"/>
    </row>
    <row r="447617" spans="14:14">
      <c r="N447617" s="10"/>
    </row>
    <row r="447618" spans="14:14">
      <c r="N447618" s="10"/>
    </row>
    <row r="447619" spans="14:14">
      <c r="N447619" s="10"/>
    </row>
    <row r="447620" spans="14:14">
      <c r="N447620" s="10"/>
    </row>
    <row r="447621" spans="14:14">
      <c r="N447621" s="10"/>
    </row>
    <row r="447622" spans="14:14">
      <c r="N447622" s="10"/>
    </row>
    <row r="447623" spans="14:14">
      <c r="N447623" s="10"/>
    </row>
    <row r="447624" spans="14:14">
      <c r="N447624" s="10"/>
    </row>
    <row r="447625" spans="14:14">
      <c r="N447625" s="10"/>
    </row>
    <row r="447626" spans="14:14">
      <c r="N447626" s="10"/>
    </row>
    <row r="447627" spans="14:14">
      <c r="N447627" s="10"/>
    </row>
    <row r="447628" spans="14:14">
      <c r="N447628" s="10"/>
    </row>
    <row r="447629" spans="14:14">
      <c r="N447629" s="10"/>
    </row>
    <row r="447630" spans="14:14">
      <c r="N447630" s="10"/>
    </row>
    <row r="447631" spans="14:14">
      <c r="N447631" s="10"/>
    </row>
    <row r="447632" spans="14:14">
      <c r="N447632" s="10"/>
    </row>
    <row r="447633" spans="14:14">
      <c r="N447633" s="10"/>
    </row>
    <row r="447634" spans="14:14">
      <c r="N447634" s="10"/>
    </row>
    <row r="447635" spans="14:14">
      <c r="N447635" s="10"/>
    </row>
    <row r="447636" spans="14:14">
      <c r="N447636" s="10"/>
    </row>
    <row r="447637" spans="14:14">
      <c r="N447637" s="10"/>
    </row>
    <row r="447638" spans="14:14">
      <c r="N447638" s="10"/>
    </row>
    <row r="447639" spans="14:14">
      <c r="N447639" s="10"/>
    </row>
    <row r="447640" spans="14:14">
      <c r="N447640" s="10"/>
    </row>
    <row r="447641" spans="14:14">
      <c r="N447641" s="10"/>
    </row>
    <row r="447642" spans="14:14">
      <c r="N447642" s="10"/>
    </row>
    <row r="447643" spans="14:14">
      <c r="N447643" s="10"/>
    </row>
    <row r="447644" spans="14:14">
      <c r="N447644" s="10"/>
    </row>
    <row r="447645" spans="14:14">
      <c r="N447645" s="10"/>
    </row>
    <row r="447646" spans="14:14">
      <c r="N447646" s="10"/>
    </row>
    <row r="447647" spans="14:14">
      <c r="N447647" s="10"/>
    </row>
    <row r="447648" spans="14:14">
      <c r="N447648" s="10"/>
    </row>
    <row r="447649" spans="14:14">
      <c r="N447649" s="10"/>
    </row>
    <row r="447650" spans="14:14">
      <c r="N447650" s="10"/>
    </row>
    <row r="447651" spans="14:14">
      <c r="N447651" s="10"/>
    </row>
    <row r="447652" spans="14:14">
      <c r="N447652" s="10"/>
    </row>
    <row r="447653" spans="14:14">
      <c r="N447653" s="10"/>
    </row>
    <row r="447654" spans="14:14">
      <c r="N447654" s="10"/>
    </row>
    <row r="447655" spans="14:14">
      <c r="N447655" s="10"/>
    </row>
    <row r="447656" spans="14:14">
      <c r="N447656" s="10"/>
    </row>
    <row r="447657" spans="14:14">
      <c r="N447657" s="10"/>
    </row>
    <row r="447658" spans="14:14">
      <c r="N447658" s="10"/>
    </row>
    <row r="447659" spans="14:14">
      <c r="N447659" s="10"/>
    </row>
    <row r="447660" spans="14:14">
      <c r="N447660" s="10"/>
    </row>
    <row r="447661" spans="14:14">
      <c r="N447661" s="10"/>
    </row>
    <row r="447662" spans="14:14">
      <c r="N447662" s="10"/>
    </row>
    <row r="447663" spans="14:14">
      <c r="N447663" s="10"/>
    </row>
    <row r="447664" spans="14:14">
      <c r="N447664" s="10"/>
    </row>
    <row r="447665" spans="14:14">
      <c r="N447665" s="10"/>
    </row>
    <row r="447666" spans="14:14">
      <c r="N447666" s="10"/>
    </row>
    <row r="447667" spans="14:14">
      <c r="N447667" s="10"/>
    </row>
    <row r="447668" spans="14:14">
      <c r="N447668" s="10"/>
    </row>
    <row r="447669" spans="14:14">
      <c r="N447669" s="10"/>
    </row>
    <row r="447670" spans="14:14">
      <c r="N447670" s="10"/>
    </row>
    <row r="447671" spans="14:14">
      <c r="N447671" s="10"/>
    </row>
    <row r="447672" spans="14:14">
      <c r="N447672" s="10"/>
    </row>
    <row r="447673" spans="14:14">
      <c r="N447673" s="10"/>
    </row>
    <row r="447674" spans="14:14">
      <c r="N447674" s="10"/>
    </row>
    <row r="447675" spans="14:14">
      <c r="N447675" s="10"/>
    </row>
    <row r="447676" spans="14:14">
      <c r="N447676" s="10"/>
    </row>
    <row r="447677" spans="14:14">
      <c r="N447677" s="10"/>
    </row>
    <row r="447678" spans="14:14">
      <c r="N447678" s="10"/>
    </row>
    <row r="447679" spans="14:14">
      <c r="N447679" s="10"/>
    </row>
    <row r="447680" spans="14:14">
      <c r="N447680" s="10"/>
    </row>
    <row r="447681" spans="14:14">
      <c r="N447681" s="10"/>
    </row>
    <row r="447682" spans="14:14">
      <c r="N447682" s="10"/>
    </row>
    <row r="447683" spans="14:14">
      <c r="N447683" s="10"/>
    </row>
    <row r="447684" spans="14:14">
      <c r="N447684" s="10"/>
    </row>
    <row r="447685" spans="14:14">
      <c r="N447685" s="10"/>
    </row>
    <row r="447686" spans="14:14">
      <c r="N447686" s="10"/>
    </row>
    <row r="447687" spans="14:14">
      <c r="N447687" s="10"/>
    </row>
    <row r="447688" spans="14:14">
      <c r="N447688" s="10"/>
    </row>
    <row r="447689" spans="14:14">
      <c r="N447689" s="10"/>
    </row>
    <row r="447690" spans="14:14">
      <c r="N447690" s="10"/>
    </row>
    <row r="447691" spans="14:14">
      <c r="N447691" s="10"/>
    </row>
    <row r="447692" spans="14:14">
      <c r="N447692" s="10"/>
    </row>
    <row r="447693" spans="14:14">
      <c r="N447693" s="10"/>
    </row>
    <row r="447694" spans="14:14">
      <c r="N447694" s="10"/>
    </row>
    <row r="447695" spans="14:14">
      <c r="N447695" s="10"/>
    </row>
    <row r="447696" spans="14:14">
      <c r="N447696" s="10"/>
    </row>
    <row r="447697" spans="14:14">
      <c r="N447697" s="10"/>
    </row>
    <row r="447698" spans="14:14">
      <c r="N447698" s="10"/>
    </row>
    <row r="447699" spans="14:14">
      <c r="N447699" s="10"/>
    </row>
    <row r="447700" spans="14:14">
      <c r="N447700" s="10"/>
    </row>
    <row r="447701" spans="14:14">
      <c r="N447701" s="10"/>
    </row>
    <row r="447702" spans="14:14">
      <c r="N447702" s="10"/>
    </row>
    <row r="447703" spans="14:14">
      <c r="N447703" s="10"/>
    </row>
    <row r="447704" spans="14:14">
      <c r="N447704" s="10"/>
    </row>
    <row r="447705" spans="14:14">
      <c r="N447705" s="10"/>
    </row>
    <row r="447706" spans="14:14">
      <c r="N447706" s="10"/>
    </row>
    <row r="447707" spans="14:14">
      <c r="N447707" s="10"/>
    </row>
    <row r="447708" spans="14:14">
      <c r="N447708" s="10"/>
    </row>
    <row r="447709" spans="14:14">
      <c r="N447709" s="10"/>
    </row>
    <row r="447710" spans="14:14">
      <c r="N447710" s="10"/>
    </row>
    <row r="447711" spans="14:14">
      <c r="N447711" s="10"/>
    </row>
    <row r="447712" spans="14:14">
      <c r="N447712" s="10"/>
    </row>
    <row r="447713" spans="14:14">
      <c r="N447713" s="10"/>
    </row>
    <row r="447714" spans="14:14">
      <c r="N447714" s="10"/>
    </row>
    <row r="447715" spans="14:14">
      <c r="N447715" s="10"/>
    </row>
    <row r="447716" spans="14:14">
      <c r="N447716" s="10"/>
    </row>
    <row r="447717" spans="14:14">
      <c r="N447717" s="10"/>
    </row>
    <row r="447718" spans="14:14">
      <c r="N447718" s="10"/>
    </row>
    <row r="447719" spans="14:14">
      <c r="N447719" s="10"/>
    </row>
    <row r="447720" spans="14:14">
      <c r="N447720" s="10"/>
    </row>
    <row r="447721" spans="14:14">
      <c r="N447721" s="10"/>
    </row>
    <row r="447722" spans="14:14">
      <c r="N447722" s="10"/>
    </row>
    <row r="447723" spans="14:14">
      <c r="N447723" s="10"/>
    </row>
    <row r="447724" spans="14:14">
      <c r="N447724" s="10"/>
    </row>
    <row r="447725" spans="14:14">
      <c r="N447725" s="10"/>
    </row>
    <row r="447726" spans="14:14">
      <c r="N447726" s="10"/>
    </row>
    <row r="447727" spans="14:14">
      <c r="N447727" s="10"/>
    </row>
    <row r="447728" spans="14:14">
      <c r="N447728" s="10"/>
    </row>
    <row r="447729" spans="14:14">
      <c r="N447729" s="10"/>
    </row>
    <row r="447730" spans="14:14">
      <c r="N447730" s="10"/>
    </row>
    <row r="447731" spans="14:14">
      <c r="N447731" s="10"/>
    </row>
    <row r="447732" spans="14:14">
      <c r="N447732" s="10"/>
    </row>
    <row r="447733" spans="14:14">
      <c r="N447733" s="10"/>
    </row>
    <row r="447734" spans="14:14">
      <c r="N447734" s="10"/>
    </row>
    <row r="447735" spans="14:14">
      <c r="N447735" s="10"/>
    </row>
    <row r="447736" spans="14:14">
      <c r="N447736" s="10"/>
    </row>
    <row r="447737" spans="14:14">
      <c r="N447737" s="10"/>
    </row>
    <row r="447738" spans="14:14">
      <c r="N447738" s="10"/>
    </row>
    <row r="447739" spans="14:14">
      <c r="N447739" s="10"/>
    </row>
    <row r="447740" spans="14:14">
      <c r="N447740" s="10"/>
    </row>
    <row r="447741" spans="14:14">
      <c r="N447741" s="10"/>
    </row>
    <row r="447742" spans="14:14">
      <c r="N447742" s="10"/>
    </row>
    <row r="447743" spans="14:14">
      <c r="N447743" s="10"/>
    </row>
    <row r="447744" spans="14:14">
      <c r="N447744" s="10"/>
    </row>
    <row r="447745" spans="14:14">
      <c r="N447745" s="10"/>
    </row>
    <row r="447746" spans="14:14">
      <c r="N447746" s="10"/>
    </row>
    <row r="447747" spans="14:14">
      <c r="N447747" s="10"/>
    </row>
    <row r="447748" spans="14:14">
      <c r="N447748" s="10"/>
    </row>
    <row r="447749" spans="14:14">
      <c r="N447749" s="10"/>
    </row>
    <row r="447750" spans="14:14">
      <c r="N447750" s="10"/>
    </row>
    <row r="447751" spans="14:14">
      <c r="N447751" s="10"/>
    </row>
    <row r="447752" spans="14:14">
      <c r="N447752" s="10"/>
    </row>
    <row r="447753" spans="14:14">
      <c r="N447753" s="10"/>
    </row>
    <row r="447754" spans="14:14">
      <c r="N447754" s="10"/>
    </row>
    <row r="447755" spans="14:14">
      <c r="N447755" s="10"/>
    </row>
    <row r="447756" spans="14:14">
      <c r="N447756" s="10"/>
    </row>
    <row r="447757" spans="14:14">
      <c r="N447757" s="10"/>
    </row>
    <row r="447758" spans="14:14">
      <c r="N447758" s="10"/>
    </row>
    <row r="447759" spans="14:14">
      <c r="N447759" s="10"/>
    </row>
    <row r="447760" spans="14:14">
      <c r="N447760" s="10"/>
    </row>
    <row r="447761" spans="14:14">
      <c r="N447761" s="10"/>
    </row>
    <row r="447762" spans="14:14">
      <c r="N447762" s="10"/>
    </row>
    <row r="447763" spans="14:14">
      <c r="N447763" s="10"/>
    </row>
    <row r="447764" spans="14:14">
      <c r="N447764" s="10"/>
    </row>
    <row r="447765" spans="14:14">
      <c r="N447765" s="10"/>
    </row>
    <row r="447766" spans="14:14">
      <c r="N447766" s="10"/>
    </row>
    <row r="447767" spans="14:14">
      <c r="N447767" s="10"/>
    </row>
    <row r="447768" spans="14:14">
      <c r="N447768" s="10"/>
    </row>
    <row r="447769" spans="14:14">
      <c r="N447769" s="10"/>
    </row>
    <row r="447770" spans="14:14">
      <c r="N447770" s="10"/>
    </row>
    <row r="447771" spans="14:14">
      <c r="N447771" s="10"/>
    </row>
    <row r="447772" spans="14:14">
      <c r="N447772" s="10"/>
    </row>
    <row r="447773" spans="14:14">
      <c r="N447773" s="10"/>
    </row>
    <row r="447774" spans="14:14">
      <c r="N447774" s="10"/>
    </row>
    <row r="447775" spans="14:14">
      <c r="N447775" s="10"/>
    </row>
    <row r="447776" spans="14:14">
      <c r="N447776" s="10"/>
    </row>
    <row r="447777" spans="14:14">
      <c r="N447777" s="10"/>
    </row>
    <row r="447778" spans="14:14">
      <c r="N447778" s="10"/>
    </row>
    <row r="447779" spans="14:14">
      <c r="N447779" s="10"/>
    </row>
    <row r="447780" spans="14:14">
      <c r="N447780" s="10"/>
    </row>
    <row r="447781" spans="14:14">
      <c r="N447781" s="10"/>
    </row>
    <row r="447782" spans="14:14">
      <c r="N447782" s="10"/>
    </row>
    <row r="447783" spans="14:14">
      <c r="N447783" s="10"/>
    </row>
    <row r="447784" spans="14:14">
      <c r="N447784" s="10"/>
    </row>
    <row r="447785" spans="14:14">
      <c r="N447785" s="10"/>
    </row>
    <row r="447786" spans="14:14">
      <c r="N447786" s="10"/>
    </row>
    <row r="447787" spans="14:14">
      <c r="N447787" s="10"/>
    </row>
    <row r="447788" spans="14:14">
      <c r="N447788" s="10"/>
    </row>
    <row r="447789" spans="14:14">
      <c r="N447789" s="10"/>
    </row>
    <row r="447790" spans="14:14">
      <c r="N447790" s="10"/>
    </row>
    <row r="447791" spans="14:14">
      <c r="N447791" s="10"/>
    </row>
    <row r="447792" spans="14:14">
      <c r="N447792" s="10"/>
    </row>
    <row r="447793" spans="14:14">
      <c r="N447793" s="10"/>
    </row>
    <row r="447794" spans="14:14">
      <c r="N447794" s="10"/>
    </row>
    <row r="447795" spans="14:14">
      <c r="N447795" s="10"/>
    </row>
    <row r="447796" spans="14:14">
      <c r="N447796" s="10"/>
    </row>
    <row r="447797" spans="14:14">
      <c r="N447797" s="10"/>
    </row>
    <row r="447798" spans="14:14">
      <c r="N447798" s="10"/>
    </row>
    <row r="447799" spans="14:14">
      <c r="N447799" s="10"/>
    </row>
    <row r="447800" spans="14:14">
      <c r="N447800" s="10"/>
    </row>
    <row r="447801" spans="14:14">
      <c r="N447801" s="10"/>
    </row>
    <row r="447802" spans="14:14">
      <c r="N447802" s="10"/>
    </row>
    <row r="447803" spans="14:14">
      <c r="N447803" s="10"/>
    </row>
    <row r="447804" spans="14:14">
      <c r="N447804" s="10"/>
    </row>
    <row r="447805" spans="14:14">
      <c r="N447805" s="10"/>
    </row>
    <row r="447806" spans="14:14">
      <c r="N447806" s="10"/>
    </row>
    <row r="447807" spans="14:14">
      <c r="N447807" s="10"/>
    </row>
    <row r="447808" spans="14:14">
      <c r="N447808" s="10"/>
    </row>
    <row r="447809" spans="14:14">
      <c r="N447809" s="10"/>
    </row>
    <row r="447810" spans="14:14">
      <c r="N447810" s="10"/>
    </row>
    <row r="447811" spans="14:14">
      <c r="N447811" s="10"/>
    </row>
    <row r="447812" spans="14:14">
      <c r="N447812" s="10"/>
    </row>
    <row r="447813" spans="14:14">
      <c r="N447813" s="10"/>
    </row>
    <row r="447814" spans="14:14">
      <c r="N447814" s="10"/>
    </row>
    <row r="447815" spans="14:14">
      <c r="N447815" s="10"/>
    </row>
    <row r="447816" spans="14:14">
      <c r="N447816" s="10"/>
    </row>
    <row r="447817" spans="14:14">
      <c r="N447817" s="10"/>
    </row>
    <row r="447818" spans="14:14">
      <c r="N447818" s="10"/>
    </row>
    <row r="447819" spans="14:14">
      <c r="N447819" s="10"/>
    </row>
    <row r="447820" spans="14:14">
      <c r="N447820" s="10"/>
    </row>
    <row r="447821" spans="14:14">
      <c r="N447821" s="10"/>
    </row>
    <row r="447822" spans="14:14">
      <c r="N447822" s="10"/>
    </row>
    <row r="447823" spans="14:14">
      <c r="N447823" s="10"/>
    </row>
    <row r="447824" spans="14:14">
      <c r="N447824" s="10"/>
    </row>
    <row r="447825" spans="14:14">
      <c r="N447825" s="10"/>
    </row>
    <row r="447826" spans="14:14">
      <c r="N447826" s="10"/>
    </row>
    <row r="447827" spans="14:14">
      <c r="N447827" s="10"/>
    </row>
    <row r="447828" spans="14:14">
      <c r="N447828" s="10"/>
    </row>
    <row r="447829" spans="14:14">
      <c r="N447829" s="10"/>
    </row>
    <row r="447830" spans="14:14">
      <c r="N447830" s="10"/>
    </row>
    <row r="447831" spans="14:14">
      <c r="N447831" s="10"/>
    </row>
    <row r="447832" spans="14:14">
      <c r="N447832" s="10"/>
    </row>
    <row r="447833" spans="14:14">
      <c r="N447833" s="10"/>
    </row>
    <row r="447834" spans="14:14">
      <c r="N447834" s="10"/>
    </row>
    <row r="447835" spans="14:14">
      <c r="N447835" s="10"/>
    </row>
    <row r="447836" spans="14:14">
      <c r="N447836" s="10"/>
    </row>
    <row r="447837" spans="14:14">
      <c r="N447837" s="10"/>
    </row>
    <row r="447838" spans="14:14">
      <c r="N447838" s="10"/>
    </row>
    <row r="447839" spans="14:14">
      <c r="N447839" s="10"/>
    </row>
    <row r="447840" spans="14:14">
      <c r="N447840" s="10"/>
    </row>
    <row r="447841" spans="14:14">
      <c r="N447841" s="10"/>
    </row>
    <row r="447842" spans="14:14">
      <c r="N447842" s="10"/>
    </row>
    <row r="447843" spans="14:14">
      <c r="N447843" s="10"/>
    </row>
    <row r="447844" spans="14:14">
      <c r="N447844" s="10"/>
    </row>
    <row r="447845" spans="14:14">
      <c r="N447845" s="10"/>
    </row>
    <row r="447846" spans="14:14">
      <c r="N447846" s="10"/>
    </row>
    <row r="447847" spans="14:14">
      <c r="N447847" s="10"/>
    </row>
    <row r="447848" spans="14:14">
      <c r="N447848" s="10"/>
    </row>
    <row r="447849" spans="14:14">
      <c r="N447849" s="10"/>
    </row>
    <row r="447850" spans="14:14">
      <c r="N447850" s="10"/>
    </row>
    <row r="447851" spans="14:14">
      <c r="N447851" s="10"/>
    </row>
    <row r="447852" spans="14:14">
      <c r="N447852" s="10"/>
    </row>
    <row r="447853" spans="14:14">
      <c r="N447853" s="10"/>
    </row>
    <row r="447854" spans="14:14">
      <c r="N447854" s="10"/>
    </row>
    <row r="447855" spans="14:14">
      <c r="N447855" s="10"/>
    </row>
    <row r="447856" spans="14:14">
      <c r="N447856" s="10"/>
    </row>
    <row r="447857" spans="14:14">
      <c r="N447857" s="10"/>
    </row>
    <row r="447858" spans="14:14">
      <c r="N447858" s="10"/>
    </row>
    <row r="447859" spans="14:14">
      <c r="N447859" s="10"/>
    </row>
    <row r="447860" spans="14:14">
      <c r="N447860" s="10"/>
    </row>
    <row r="447861" spans="14:14">
      <c r="N447861" s="10"/>
    </row>
    <row r="447862" spans="14:14">
      <c r="N447862" s="10"/>
    </row>
    <row r="447863" spans="14:14">
      <c r="N447863" s="10"/>
    </row>
    <row r="447864" spans="14:14">
      <c r="N447864" s="10"/>
    </row>
    <row r="447865" spans="14:14">
      <c r="N447865" s="10"/>
    </row>
    <row r="447866" spans="14:14">
      <c r="N447866" s="10"/>
    </row>
    <row r="447867" spans="14:14">
      <c r="N447867" s="10"/>
    </row>
    <row r="447868" spans="14:14">
      <c r="N447868" s="10"/>
    </row>
    <row r="447869" spans="14:14">
      <c r="N447869" s="10"/>
    </row>
    <row r="447870" spans="14:14">
      <c r="N447870" s="10"/>
    </row>
    <row r="447871" spans="14:14">
      <c r="N447871" s="10"/>
    </row>
    <row r="447872" spans="14:14">
      <c r="N447872" s="10"/>
    </row>
    <row r="447873" spans="14:14">
      <c r="N447873" s="10"/>
    </row>
    <row r="447874" spans="14:14">
      <c r="N447874" s="10"/>
    </row>
    <row r="447875" spans="14:14">
      <c r="N447875" s="10"/>
    </row>
    <row r="447876" spans="14:14">
      <c r="N447876" s="10"/>
    </row>
    <row r="447877" spans="14:14">
      <c r="N447877" s="10"/>
    </row>
    <row r="447878" spans="14:14">
      <c r="N447878" s="10"/>
    </row>
    <row r="447879" spans="14:14">
      <c r="N447879" s="10"/>
    </row>
    <row r="447880" spans="14:14">
      <c r="N447880" s="10"/>
    </row>
    <row r="447881" spans="14:14">
      <c r="N447881" s="10"/>
    </row>
    <row r="447882" spans="14:14">
      <c r="N447882" s="10"/>
    </row>
    <row r="447883" spans="14:14">
      <c r="N447883" s="10"/>
    </row>
    <row r="447884" spans="14:14">
      <c r="N447884" s="10"/>
    </row>
    <row r="447885" spans="14:14">
      <c r="N447885" s="10"/>
    </row>
    <row r="447886" spans="14:14">
      <c r="N447886" s="10"/>
    </row>
    <row r="447887" spans="14:14">
      <c r="N447887" s="10"/>
    </row>
    <row r="447888" spans="14:14">
      <c r="N447888" s="10"/>
    </row>
    <row r="447889" spans="14:14">
      <c r="N447889" s="10"/>
    </row>
    <row r="447890" spans="14:14">
      <c r="N447890" s="10"/>
    </row>
    <row r="447891" spans="14:14">
      <c r="N447891" s="10"/>
    </row>
    <row r="447892" spans="14:14">
      <c r="N447892" s="10"/>
    </row>
    <row r="447893" spans="14:14">
      <c r="N447893" s="10"/>
    </row>
    <row r="447894" spans="14:14">
      <c r="N447894" s="10"/>
    </row>
    <row r="447895" spans="14:14">
      <c r="N447895" s="10"/>
    </row>
    <row r="447896" spans="14:14">
      <c r="N447896" s="10"/>
    </row>
    <row r="447897" spans="14:14">
      <c r="N447897" s="10"/>
    </row>
    <row r="447898" spans="14:14">
      <c r="N447898" s="10"/>
    </row>
    <row r="447899" spans="14:14">
      <c r="N447899" s="10"/>
    </row>
    <row r="447900" spans="14:14">
      <c r="N447900" s="10"/>
    </row>
    <row r="447901" spans="14:14">
      <c r="N447901" s="10"/>
    </row>
    <row r="447902" spans="14:14">
      <c r="N447902" s="10"/>
    </row>
    <row r="447903" spans="14:14">
      <c r="N447903" s="10"/>
    </row>
    <row r="447904" spans="14:14">
      <c r="N447904" s="10"/>
    </row>
    <row r="447905" spans="14:14">
      <c r="N447905" s="10"/>
    </row>
    <row r="447906" spans="14:14">
      <c r="N447906" s="10"/>
    </row>
    <row r="447907" spans="14:14">
      <c r="N447907" s="10"/>
    </row>
    <row r="447908" spans="14:14">
      <c r="N447908" s="10"/>
    </row>
    <row r="447909" spans="14:14">
      <c r="N447909" s="10"/>
    </row>
    <row r="447910" spans="14:14">
      <c r="N447910" s="10"/>
    </row>
    <row r="447911" spans="14:14">
      <c r="N447911" s="10"/>
    </row>
    <row r="447912" spans="14:14">
      <c r="N447912" s="10"/>
    </row>
    <row r="447913" spans="14:14">
      <c r="N447913" s="10"/>
    </row>
    <row r="447914" spans="14:14">
      <c r="N447914" s="10"/>
    </row>
    <row r="447915" spans="14:14">
      <c r="N447915" s="10"/>
    </row>
    <row r="447916" spans="14:14">
      <c r="N447916" s="10"/>
    </row>
    <row r="447917" spans="14:14">
      <c r="N447917" s="10"/>
    </row>
    <row r="447918" spans="14:14">
      <c r="N447918" s="10"/>
    </row>
    <row r="447919" spans="14:14">
      <c r="N447919" s="10"/>
    </row>
    <row r="447920" spans="14:14">
      <c r="N447920" s="10"/>
    </row>
    <row r="447921" spans="14:14">
      <c r="N447921" s="10"/>
    </row>
    <row r="447922" spans="14:14">
      <c r="N447922" s="10"/>
    </row>
    <row r="447923" spans="14:14">
      <c r="N447923" s="10"/>
    </row>
    <row r="447924" spans="14:14">
      <c r="N447924" s="10"/>
    </row>
    <row r="447925" spans="14:14">
      <c r="N447925" s="10"/>
    </row>
    <row r="447926" spans="14:14">
      <c r="N447926" s="10"/>
    </row>
    <row r="447927" spans="14:14">
      <c r="N447927" s="10"/>
    </row>
    <row r="447928" spans="14:14">
      <c r="N447928" s="10"/>
    </row>
    <row r="447929" spans="14:14">
      <c r="N447929" s="10"/>
    </row>
    <row r="447930" spans="14:14">
      <c r="N447930" s="10"/>
    </row>
    <row r="447931" spans="14:14">
      <c r="N447931" s="10"/>
    </row>
    <row r="447932" spans="14:14">
      <c r="N447932" s="10"/>
    </row>
    <row r="447933" spans="14:14">
      <c r="N447933" s="10"/>
    </row>
    <row r="447934" spans="14:14">
      <c r="N447934" s="10"/>
    </row>
    <row r="447935" spans="14:14">
      <c r="N447935" s="10"/>
    </row>
    <row r="447936" spans="14:14">
      <c r="N447936" s="10"/>
    </row>
    <row r="447937" spans="14:14">
      <c r="N447937" s="10"/>
    </row>
    <row r="447938" spans="14:14">
      <c r="N447938" s="10"/>
    </row>
    <row r="447939" spans="14:14">
      <c r="N447939" s="10"/>
    </row>
    <row r="447940" spans="14:14">
      <c r="N447940" s="10"/>
    </row>
    <row r="447941" spans="14:14">
      <c r="N447941" s="10"/>
    </row>
    <row r="447942" spans="14:14">
      <c r="N447942" s="10"/>
    </row>
    <row r="447943" spans="14:14">
      <c r="N447943" s="10"/>
    </row>
    <row r="447944" spans="14:14">
      <c r="N447944" s="10"/>
    </row>
    <row r="447945" spans="14:14">
      <c r="N447945" s="10"/>
    </row>
    <row r="447946" spans="14:14">
      <c r="N447946" s="10"/>
    </row>
    <row r="447947" spans="14:14">
      <c r="N447947" s="10"/>
    </row>
    <row r="447948" spans="14:14">
      <c r="N447948" s="10"/>
    </row>
    <row r="447949" spans="14:14">
      <c r="N447949" s="10"/>
    </row>
    <row r="447950" spans="14:14">
      <c r="N447950" s="10"/>
    </row>
    <row r="447951" spans="14:14">
      <c r="N447951" s="10"/>
    </row>
    <row r="447952" spans="14:14">
      <c r="N447952" s="10"/>
    </row>
    <row r="447953" spans="14:14">
      <c r="N447953" s="10"/>
    </row>
    <row r="447954" spans="14:14">
      <c r="N447954" s="10"/>
    </row>
    <row r="447955" spans="14:14">
      <c r="N447955" s="10"/>
    </row>
    <row r="447956" spans="14:14">
      <c r="N447956" s="10"/>
    </row>
    <row r="447957" spans="14:14">
      <c r="N447957" s="10"/>
    </row>
    <row r="447958" spans="14:14">
      <c r="N447958" s="10"/>
    </row>
    <row r="447959" spans="14:14">
      <c r="N447959" s="10"/>
    </row>
    <row r="447960" spans="14:14">
      <c r="N447960" s="10"/>
    </row>
    <row r="447961" spans="14:14">
      <c r="N447961" s="10"/>
    </row>
    <row r="447962" spans="14:14">
      <c r="N447962" s="10"/>
    </row>
    <row r="447963" spans="14:14">
      <c r="N447963" s="10"/>
    </row>
    <row r="447964" spans="14:14">
      <c r="N447964" s="10"/>
    </row>
    <row r="447965" spans="14:14">
      <c r="N447965" s="10"/>
    </row>
    <row r="447966" spans="14:14">
      <c r="N447966" s="10"/>
    </row>
    <row r="447967" spans="14:14">
      <c r="N447967" s="10"/>
    </row>
    <row r="447968" spans="14:14">
      <c r="N447968" s="10"/>
    </row>
    <row r="447969" spans="14:14">
      <c r="N447969" s="10"/>
    </row>
    <row r="447970" spans="14:14">
      <c r="N447970" s="10"/>
    </row>
    <row r="447971" spans="14:14">
      <c r="N447971" s="10"/>
    </row>
    <row r="447972" spans="14:14">
      <c r="N447972" s="10"/>
    </row>
    <row r="447973" spans="14:14">
      <c r="N447973" s="10"/>
    </row>
    <row r="447974" spans="14:14">
      <c r="N447974" s="10"/>
    </row>
    <row r="447975" spans="14:14">
      <c r="N447975" s="10"/>
    </row>
    <row r="447976" spans="14:14">
      <c r="N447976" s="10"/>
    </row>
    <row r="447977" spans="14:14">
      <c r="N447977" s="10"/>
    </row>
    <row r="447978" spans="14:14">
      <c r="N447978" s="10"/>
    </row>
    <row r="447979" spans="14:14">
      <c r="N447979" s="10"/>
    </row>
    <row r="447980" spans="14:14">
      <c r="N447980" s="10"/>
    </row>
    <row r="447981" spans="14:14">
      <c r="N447981" s="10"/>
    </row>
    <row r="447982" spans="14:14">
      <c r="N447982" s="10"/>
    </row>
    <row r="447983" spans="14:14">
      <c r="N447983" s="10"/>
    </row>
    <row r="447984" spans="14:14">
      <c r="N447984" s="10"/>
    </row>
    <row r="447985" spans="14:14">
      <c r="N447985" s="10"/>
    </row>
    <row r="447986" spans="14:14">
      <c r="N447986" s="10"/>
    </row>
    <row r="447987" spans="14:14">
      <c r="N447987" s="10"/>
    </row>
    <row r="447988" spans="14:14">
      <c r="N447988" s="10"/>
    </row>
    <row r="447989" spans="14:14">
      <c r="N447989" s="10"/>
    </row>
    <row r="447990" spans="14:14">
      <c r="N447990" s="10"/>
    </row>
    <row r="447991" spans="14:14">
      <c r="N447991" s="10"/>
    </row>
    <row r="447992" spans="14:14">
      <c r="N447992" s="10"/>
    </row>
    <row r="447993" spans="14:14">
      <c r="N447993" s="10"/>
    </row>
    <row r="447994" spans="14:14">
      <c r="N447994" s="10"/>
    </row>
    <row r="447995" spans="14:14">
      <c r="N447995" s="10"/>
    </row>
    <row r="447996" spans="14:14">
      <c r="N447996" s="10"/>
    </row>
    <row r="447997" spans="14:14">
      <c r="N447997" s="10"/>
    </row>
    <row r="447998" spans="14:14">
      <c r="N447998" s="10"/>
    </row>
    <row r="447999" spans="14:14">
      <c r="N447999" s="10"/>
    </row>
    <row r="448000" spans="14:14">
      <c r="N448000" s="10"/>
    </row>
    <row r="448001" spans="14:14">
      <c r="N448001" s="10"/>
    </row>
    <row r="448002" spans="14:14">
      <c r="N448002" s="10"/>
    </row>
    <row r="448003" spans="14:14">
      <c r="N448003" s="10"/>
    </row>
    <row r="448004" spans="14:14">
      <c r="N448004" s="10"/>
    </row>
    <row r="448005" spans="14:14">
      <c r="N448005" s="10"/>
    </row>
    <row r="448006" spans="14:14">
      <c r="N448006" s="10"/>
    </row>
    <row r="448007" spans="14:14">
      <c r="N448007" s="10"/>
    </row>
    <row r="448008" spans="14:14">
      <c r="N448008" s="10"/>
    </row>
    <row r="448009" spans="14:14">
      <c r="N448009" s="10"/>
    </row>
    <row r="448010" spans="14:14">
      <c r="N448010" s="10"/>
    </row>
    <row r="448011" spans="14:14">
      <c r="N448011" s="10"/>
    </row>
    <row r="448012" spans="14:14">
      <c r="N448012" s="10"/>
    </row>
    <row r="448013" spans="14:14">
      <c r="N448013" s="10"/>
    </row>
    <row r="448014" spans="14:14">
      <c r="N448014" s="10"/>
    </row>
    <row r="448015" spans="14:14">
      <c r="N448015" s="10"/>
    </row>
    <row r="448016" spans="14:14">
      <c r="N448016" s="10"/>
    </row>
    <row r="448017" spans="14:14">
      <c r="N448017" s="10"/>
    </row>
    <row r="448018" spans="14:14">
      <c r="N448018" s="10"/>
    </row>
    <row r="448019" spans="14:14">
      <c r="N448019" s="10"/>
    </row>
    <row r="448020" spans="14:14">
      <c r="N448020" s="10"/>
    </row>
    <row r="448021" spans="14:14">
      <c r="N448021" s="10"/>
    </row>
    <row r="448022" spans="14:14">
      <c r="N448022" s="10"/>
    </row>
    <row r="448023" spans="14:14">
      <c r="N448023" s="10"/>
    </row>
    <row r="448024" spans="14:14">
      <c r="N448024" s="10"/>
    </row>
    <row r="448025" spans="14:14">
      <c r="N448025" s="10"/>
    </row>
    <row r="448026" spans="14:14">
      <c r="N448026" s="10"/>
    </row>
    <row r="448027" spans="14:14">
      <c r="N448027" s="10"/>
    </row>
    <row r="448028" spans="14:14">
      <c r="N448028" s="10"/>
    </row>
    <row r="448029" spans="14:14">
      <c r="N448029" s="10"/>
    </row>
    <row r="448030" spans="14:14">
      <c r="N448030" s="10"/>
    </row>
    <row r="448031" spans="14:14">
      <c r="N448031" s="10"/>
    </row>
    <row r="448032" spans="14:14">
      <c r="N448032" s="10"/>
    </row>
    <row r="448033" spans="14:14">
      <c r="N448033" s="10"/>
    </row>
    <row r="448034" spans="14:14">
      <c r="N448034" s="10"/>
    </row>
    <row r="448035" spans="14:14">
      <c r="N448035" s="10"/>
    </row>
    <row r="448036" spans="14:14">
      <c r="N448036" s="10"/>
    </row>
    <row r="448037" spans="14:14">
      <c r="N448037" s="10"/>
    </row>
    <row r="448038" spans="14:14">
      <c r="N448038" s="10"/>
    </row>
    <row r="448039" spans="14:14">
      <c r="N448039" s="10"/>
    </row>
    <row r="448040" spans="14:14">
      <c r="N448040" s="10"/>
    </row>
    <row r="448041" spans="14:14">
      <c r="N448041" s="10"/>
    </row>
    <row r="448042" spans="14:14">
      <c r="N448042" s="10"/>
    </row>
    <row r="448043" spans="14:14">
      <c r="N448043" s="10"/>
    </row>
    <row r="448044" spans="14:14">
      <c r="N448044" s="10"/>
    </row>
    <row r="448045" spans="14:14">
      <c r="N448045" s="10"/>
    </row>
    <row r="448046" spans="14:14">
      <c r="N448046" s="10"/>
    </row>
    <row r="448047" spans="14:14">
      <c r="N448047" s="10"/>
    </row>
    <row r="448048" spans="14:14">
      <c r="N448048" s="10"/>
    </row>
    <row r="448049" spans="14:14">
      <c r="N448049" s="10"/>
    </row>
    <row r="448050" spans="14:14">
      <c r="N448050" s="10"/>
    </row>
    <row r="448051" spans="14:14">
      <c r="N448051" s="10"/>
    </row>
    <row r="448052" spans="14:14">
      <c r="N448052" s="10"/>
    </row>
    <row r="448053" spans="14:14">
      <c r="N448053" s="10"/>
    </row>
    <row r="448054" spans="14:14">
      <c r="N448054" s="10"/>
    </row>
    <row r="448055" spans="14:14">
      <c r="N448055" s="10"/>
    </row>
    <row r="448056" spans="14:14">
      <c r="N448056" s="10"/>
    </row>
    <row r="448057" spans="14:14">
      <c r="N448057" s="10"/>
    </row>
    <row r="448058" spans="14:14">
      <c r="N448058" s="10"/>
    </row>
    <row r="448059" spans="14:14">
      <c r="N448059" s="10"/>
    </row>
    <row r="448060" spans="14:14">
      <c r="N448060" s="10"/>
    </row>
    <row r="448061" spans="14:14">
      <c r="N448061" s="10"/>
    </row>
    <row r="448062" spans="14:14">
      <c r="N448062" s="10"/>
    </row>
    <row r="448063" spans="14:14">
      <c r="N448063" s="10"/>
    </row>
    <row r="448064" spans="14:14">
      <c r="N448064" s="10"/>
    </row>
    <row r="448065" spans="14:14">
      <c r="N448065" s="10"/>
    </row>
    <row r="448066" spans="14:14">
      <c r="N448066" s="10"/>
    </row>
    <row r="448067" spans="14:14">
      <c r="N448067" s="10"/>
    </row>
    <row r="448068" spans="14:14">
      <c r="N448068" s="10"/>
    </row>
    <row r="448069" spans="14:14">
      <c r="N448069" s="10"/>
    </row>
    <row r="448070" spans="14:14">
      <c r="N448070" s="10"/>
    </row>
    <row r="448071" spans="14:14">
      <c r="N448071" s="10"/>
    </row>
    <row r="448072" spans="14:14">
      <c r="N448072" s="10"/>
    </row>
    <row r="448073" spans="14:14">
      <c r="N448073" s="10"/>
    </row>
    <row r="448074" spans="14:14">
      <c r="N448074" s="10"/>
    </row>
    <row r="448075" spans="14:14">
      <c r="N448075" s="10"/>
    </row>
    <row r="448076" spans="14:14">
      <c r="N448076" s="10"/>
    </row>
    <row r="448077" spans="14:14">
      <c r="N448077" s="10"/>
    </row>
    <row r="448078" spans="14:14">
      <c r="N448078" s="10"/>
    </row>
    <row r="448079" spans="14:14">
      <c r="N448079" s="10"/>
    </row>
    <row r="448080" spans="14:14">
      <c r="N448080" s="10"/>
    </row>
    <row r="448081" spans="14:14">
      <c r="N448081" s="10"/>
    </row>
    <row r="448082" spans="14:14">
      <c r="N448082" s="10"/>
    </row>
    <row r="448083" spans="14:14">
      <c r="N448083" s="10"/>
    </row>
    <row r="448084" spans="14:14">
      <c r="N448084" s="10"/>
    </row>
    <row r="448085" spans="14:14">
      <c r="N448085" s="10"/>
    </row>
    <row r="448086" spans="14:14">
      <c r="N448086" s="10"/>
    </row>
    <row r="448087" spans="14:14">
      <c r="N448087" s="10"/>
    </row>
    <row r="448088" spans="14:14">
      <c r="N448088" s="10"/>
    </row>
    <row r="448089" spans="14:14">
      <c r="N448089" s="10"/>
    </row>
    <row r="448090" spans="14:14">
      <c r="N448090" s="10"/>
    </row>
    <row r="448091" spans="14:14">
      <c r="N448091" s="10"/>
    </row>
    <row r="448092" spans="14:14">
      <c r="N448092" s="10"/>
    </row>
    <row r="448093" spans="14:14">
      <c r="N448093" s="10"/>
    </row>
    <row r="448094" spans="14:14">
      <c r="N448094" s="10"/>
    </row>
    <row r="448095" spans="14:14">
      <c r="N448095" s="10"/>
    </row>
    <row r="448096" spans="14:14">
      <c r="N448096" s="10"/>
    </row>
    <row r="448097" spans="14:14">
      <c r="N448097" s="10"/>
    </row>
    <row r="448098" spans="14:14">
      <c r="N448098" s="10"/>
    </row>
    <row r="448099" spans="14:14">
      <c r="N448099" s="10"/>
    </row>
    <row r="448100" spans="14:14">
      <c r="N448100" s="10"/>
    </row>
    <row r="448101" spans="14:14">
      <c r="N448101" s="10"/>
    </row>
    <row r="448102" spans="14:14">
      <c r="N448102" s="10"/>
    </row>
    <row r="448103" spans="14:14">
      <c r="N448103" s="10"/>
    </row>
    <row r="448104" spans="14:14">
      <c r="N448104" s="10"/>
    </row>
    <row r="448105" spans="14:14">
      <c r="N448105" s="10"/>
    </row>
    <row r="448106" spans="14:14">
      <c r="N448106" s="10"/>
    </row>
    <row r="448107" spans="14:14">
      <c r="N448107" s="10"/>
    </row>
    <row r="448108" spans="14:14">
      <c r="N448108" s="10"/>
    </row>
    <row r="448109" spans="14:14">
      <c r="N448109" s="10"/>
    </row>
    <row r="448110" spans="14:14">
      <c r="N448110" s="10"/>
    </row>
    <row r="448111" spans="14:14">
      <c r="N448111" s="10"/>
    </row>
    <row r="448112" spans="14:14">
      <c r="N448112" s="10"/>
    </row>
    <row r="448113" spans="14:14">
      <c r="N448113" s="10"/>
    </row>
    <row r="448114" spans="14:14">
      <c r="N448114" s="10"/>
    </row>
    <row r="448115" spans="14:14">
      <c r="N448115" s="10"/>
    </row>
    <row r="448116" spans="14:14">
      <c r="N448116" s="10"/>
    </row>
    <row r="448117" spans="14:14">
      <c r="N448117" s="10"/>
    </row>
    <row r="448118" spans="14:14">
      <c r="N448118" s="10"/>
    </row>
    <row r="448119" spans="14:14">
      <c r="N448119" s="10"/>
    </row>
    <row r="448120" spans="14:14">
      <c r="N448120" s="10"/>
    </row>
    <row r="448121" spans="14:14">
      <c r="N448121" s="10"/>
    </row>
    <row r="448122" spans="14:14">
      <c r="N448122" s="10"/>
    </row>
    <row r="448123" spans="14:14">
      <c r="N448123" s="10"/>
    </row>
    <row r="448124" spans="14:14">
      <c r="N448124" s="10"/>
    </row>
    <row r="448125" spans="14:14">
      <c r="N448125" s="10"/>
    </row>
    <row r="448126" spans="14:14">
      <c r="N448126" s="10"/>
    </row>
    <row r="448127" spans="14:14">
      <c r="N448127" s="10"/>
    </row>
    <row r="448128" spans="14:14">
      <c r="N448128" s="10"/>
    </row>
    <row r="448129" spans="14:14">
      <c r="N448129" s="10"/>
    </row>
    <row r="448130" spans="14:14">
      <c r="N448130" s="10"/>
    </row>
    <row r="448131" spans="14:14">
      <c r="N448131" s="10"/>
    </row>
    <row r="448132" spans="14:14">
      <c r="N448132" s="10"/>
    </row>
    <row r="448133" spans="14:14">
      <c r="N448133" s="10"/>
    </row>
    <row r="448134" spans="14:14">
      <c r="N448134" s="10"/>
    </row>
    <row r="448135" spans="14:14">
      <c r="N448135" s="10"/>
    </row>
    <row r="448136" spans="14:14">
      <c r="N448136" s="10"/>
    </row>
    <row r="448137" spans="14:14">
      <c r="N448137" s="10"/>
    </row>
    <row r="448138" spans="14:14">
      <c r="N448138" s="10"/>
    </row>
    <row r="448139" spans="14:14">
      <c r="N448139" s="10"/>
    </row>
    <row r="448140" spans="14:14">
      <c r="N448140" s="10"/>
    </row>
    <row r="448141" spans="14:14">
      <c r="N448141" s="10"/>
    </row>
    <row r="448142" spans="14:14">
      <c r="N448142" s="10"/>
    </row>
    <row r="448143" spans="14:14">
      <c r="N448143" s="10"/>
    </row>
    <row r="448144" spans="14:14">
      <c r="N448144" s="10"/>
    </row>
    <row r="448145" spans="14:14">
      <c r="N448145" s="10"/>
    </row>
    <row r="448146" spans="14:14">
      <c r="N448146" s="10"/>
    </row>
    <row r="448147" spans="14:14">
      <c r="N448147" s="10"/>
    </row>
    <row r="448148" spans="14:14">
      <c r="N448148" s="10"/>
    </row>
    <row r="448149" spans="14:14">
      <c r="N448149" s="10"/>
    </row>
    <row r="448150" spans="14:14">
      <c r="N448150" s="10"/>
    </row>
    <row r="448151" spans="14:14">
      <c r="N448151" s="10"/>
    </row>
    <row r="448152" spans="14:14">
      <c r="N448152" s="10"/>
    </row>
    <row r="448153" spans="14:14">
      <c r="N448153" s="10"/>
    </row>
    <row r="448154" spans="14:14">
      <c r="N448154" s="10"/>
    </row>
    <row r="448155" spans="14:14">
      <c r="N448155" s="10"/>
    </row>
    <row r="448156" spans="14:14">
      <c r="N448156" s="10"/>
    </row>
    <row r="448157" spans="14:14">
      <c r="N448157" s="10"/>
    </row>
    <row r="448158" spans="14:14">
      <c r="N448158" s="10"/>
    </row>
    <row r="448159" spans="14:14">
      <c r="N448159" s="10"/>
    </row>
    <row r="448160" spans="14:14">
      <c r="N448160" s="10"/>
    </row>
    <row r="448161" spans="14:14">
      <c r="N448161" s="10"/>
    </row>
    <row r="448162" spans="14:14">
      <c r="N448162" s="10"/>
    </row>
    <row r="448163" spans="14:14">
      <c r="N448163" s="10"/>
    </row>
    <row r="448164" spans="14:14">
      <c r="N448164" s="10"/>
    </row>
    <row r="448165" spans="14:14">
      <c r="N448165" s="10"/>
    </row>
    <row r="448166" spans="14:14">
      <c r="N448166" s="10"/>
    </row>
    <row r="448167" spans="14:14">
      <c r="N448167" s="10"/>
    </row>
    <row r="448168" spans="14:14">
      <c r="N448168" s="10"/>
    </row>
    <row r="448169" spans="14:14">
      <c r="N448169" s="10"/>
    </row>
    <row r="448170" spans="14:14">
      <c r="N448170" s="10"/>
    </row>
    <row r="448171" spans="14:14">
      <c r="N448171" s="10"/>
    </row>
    <row r="448172" spans="14:14">
      <c r="N448172" s="10"/>
    </row>
    <row r="448173" spans="14:14">
      <c r="N448173" s="10"/>
    </row>
    <row r="448174" spans="14:14">
      <c r="N448174" s="10"/>
    </row>
    <row r="448175" spans="14:14">
      <c r="N448175" s="10"/>
    </row>
    <row r="448176" spans="14:14">
      <c r="N448176" s="10"/>
    </row>
    <row r="448177" spans="14:14">
      <c r="N448177" s="10"/>
    </row>
    <row r="448178" spans="14:14">
      <c r="N448178" s="10"/>
    </row>
    <row r="448179" spans="14:14">
      <c r="N448179" s="10"/>
    </row>
    <row r="448180" spans="14:14">
      <c r="N448180" s="10"/>
    </row>
    <row r="448181" spans="14:14">
      <c r="N448181" s="10"/>
    </row>
    <row r="448182" spans="14:14">
      <c r="N448182" s="10"/>
    </row>
    <row r="448183" spans="14:14">
      <c r="N448183" s="10"/>
    </row>
    <row r="448184" spans="14:14">
      <c r="N448184" s="10"/>
    </row>
    <row r="448185" spans="14:14">
      <c r="N448185" s="10"/>
    </row>
    <row r="448186" spans="14:14">
      <c r="N448186" s="10"/>
    </row>
    <row r="448187" spans="14:14">
      <c r="N448187" s="10"/>
    </row>
    <row r="448188" spans="14:14">
      <c r="N448188" s="10"/>
    </row>
    <row r="448189" spans="14:14">
      <c r="N448189" s="10"/>
    </row>
    <row r="448190" spans="14:14">
      <c r="N448190" s="10"/>
    </row>
    <row r="448191" spans="14:14">
      <c r="N448191" s="10"/>
    </row>
    <row r="448192" spans="14:14">
      <c r="N448192" s="10"/>
    </row>
    <row r="448193" spans="14:14">
      <c r="N448193" s="10"/>
    </row>
    <row r="448194" spans="14:14">
      <c r="N448194" s="10"/>
    </row>
    <row r="448195" spans="14:14">
      <c r="N448195" s="10"/>
    </row>
    <row r="448196" spans="14:14">
      <c r="N448196" s="10"/>
    </row>
    <row r="448197" spans="14:14">
      <c r="N448197" s="10"/>
    </row>
    <row r="448198" spans="14:14">
      <c r="N448198" s="10"/>
    </row>
    <row r="448199" spans="14:14">
      <c r="N448199" s="10"/>
    </row>
    <row r="448200" spans="14:14">
      <c r="N448200" s="10"/>
    </row>
    <row r="448201" spans="14:14">
      <c r="N448201" s="10"/>
    </row>
    <row r="448202" spans="14:14">
      <c r="N448202" s="10"/>
    </row>
    <row r="448203" spans="14:14">
      <c r="N448203" s="10"/>
    </row>
    <row r="448204" spans="14:14">
      <c r="N448204" s="10"/>
    </row>
    <row r="448205" spans="14:14">
      <c r="N448205" s="10"/>
    </row>
    <row r="448206" spans="14:14">
      <c r="N448206" s="10"/>
    </row>
    <row r="448207" spans="14:14">
      <c r="N448207" s="10"/>
    </row>
    <row r="448208" spans="14:14">
      <c r="N448208" s="10"/>
    </row>
    <row r="448209" spans="14:14">
      <c r="N448209" s="10"/>
    </row>
    <row r="448210" spans="14:14">
      <c r="N448210" s="10"/>
    </row>
    <row r="448211" spans="14:14">
      <c r="N448211" s="10"/>
    </row>
    <row r="448212" spans="14:14">
      <c r="N448212" s="10"/>
    </row>
    <row r="448213" spans="14:14">
      <c r="N448213" s="10"/>
    </row>
    <row r="448214" spans="14:14">
      <c r="N448214" s="10"/>
    </row>
    <row r="448215" spans="14:14">
      <c r="N448215" s="10"/>
    </row>
    <row r="448216" spans="14:14">
      <c r="N448216" s="10"/>
    </row>
    <row r="448217" spans="14:14">
      <c r="N448217" s="10"/>
    </row>
    <row r="448218" spans="14:14">
      <c r="N448218" s="10"/>
    </row>
    <row r="448219" spans="14:14">
      <c r="N448219" s="10"/>
    </row>
    <row r="448220" spans="14:14">
      <c r="N448220" s="10"/>
    </row>
    <row r="448221" spans="14:14">
      <c r="N448221" s="10"/>
    </row>
    <row r="448222" spans="14:14">
      <c r="N448222" s="10"/>
    </row>
    <row r="448223" spans="14:14">
      <c r="N448223" s="10"/>
    </row>
    <row r="448224" spans="14:14">
      <c r="N448224" s="10"/>
    </row>
    <row r="448225" spans="14:14">
      <c r="N448225" s="10"/>
    </row>
    <row r="448226" spans="14:14">
      <c r="N448226" s="10"/>
    </row>
    <row r="448227" spans="14:14">
      <c r="N448227" s="10"/>
    </row>
    <row r="448228" spans="14:14">
      <c r="N448228" s="10"/>
    </row>
    <row r="448229" spans="14:14">
      <c r="N448229" s="10"/>
    </row>
    <row r="448230" spans="14:14">
      <c r="N448230" s="10"/>
    </row>
    <row r="448231" spans="14:14">
      <c r="N448231" s="10"/>
    </row>
    <row r="448232" spans="14:14">
      <c r="N448232" s="10"/>
    </row>
    <row r="448233" spans="14:14">
      <c r="N448233" s="10"/>
    </row>
    <row r="448234" spans="14:14">
      <c r="N448234" s="10"/>
    </row>
    <row r="448235" spans="14:14">
      <c r="N448235" s="10"/>
    </row>
    <row r="448236" spans="14:14">
      <c r="N448236" s="10"/>
    </row>
    <row r="448237" spans="14:14">
      <c r="N448237" s="10"/>
    </row>
    <row r="448238" spans="14:14">
      <c r="N448238" s="10"/>
    </row>
    <row r="448239" spans="14:14">
      <c r="N448239" s="10"/>
    </row>
    <row r="448240" spans="14:14">
      <c r="N448240" s="10"/>
    </row>
    <row r="448241" spans="14:14">
      <c r="N448241" s="10"/>
    </row>
    <row r="448242" spans="14:14">
      <c r="N448242" s="10"/>
    </row>
    <row r="448243" spans="14:14">
      <c r="N448243" s="10"/>
    </row>
    <row r="448244" spans="14:14">
      <c r="N448244" s="10"/>
    </row>
    <row r="448245" spans="14:14">
      <c r="N448245" s="10"/>
    </row>
    <row r="448246" spans="14:14">
      <c r="N448246" s="10"/>
    </row>
    <row r="448247" spans="14:14">
      <c r="N448247" s="10"/>
    </row>
    <row r="448248" spans="14:14">
      <c r="N448248" s="10"/>
    </row>
    <row r="448249" spans="14:14">
      <c r="N448249" s="10"/>
    </row>
    <row r="448250" spans="14:14">
      <c r="N448250" s="10"/>
    </row>
    <row r="448251" spans="14:14">
      <c r="N448251" s="10"/>
    </row>
    <row r="448252" spans="14:14">
      <c r="N448252" s="10"/>
    </row>
    <row r="448253" spans="14:14">
      <c r="N448253" s="10"/>
    </row>
    <row r="448254" spans="14:14">
      <c r="N448254" s="10"/>
    </row>
    <row r="448255" spans="14:14">
      <c r="N448255" s="10"/>
    </row>
    <row r="448256" spans="14:14">
      <c r="N448256" s="10"/>
    </row>
    <row r="448257" spans="14:14">
      <c r="N448257" s="10"/>
    </row>
    <row r="448258" spans="14:14">
      <c r="N448258" s="10"/>
    </row>
    <row r="448259" spans="14:14">
      <c r="N448259" s="10"/>
    </row>
    <row r="448260" spans="14:14">
      <c r="N448260" s="10"/>
    </row>
    <row r="448261" spans="14:14">
      <c r="N448261" s="10"/>
    </row>
    <row r="448262" spans="14:14">
      <c r="N448262" s="10"/>
    </row>
    <row r="448263" spans="14:14">
      <c r="N448263" s="10"/>
    </row>
    <row r="448264" spans="14:14">
      <c r="N448264" s="10"/>
    </row>
    <row r="448265" spans="14:14">
      <c r="N448265" s="10"/>
    </row>
    <row r="448266" spans="14:14">
      <c r="N448266" s="10"/>
    </row>
    <row r="448267" spans="14:14">
      <c r="N448267" s="10"/>
    </row>
    <row r="448268" spans="14:14">
      <c r="N448268" s="10"/>
    </row>
    <row r="448269" spans="14:14">
      <c r="N448269" s="10"/>
    </row>
    <row r="448270" spans="14:14">
      <c r="N448270" s="10"/>
    </row>
    <row r="448271" spans="14:14">
      <c r="N448271" s="10"/>
    </row>
    <row r="448272" spans="14:14">
      <c r="N448272" s="10"/>
    </row>
    <row r="448273" spans="14:14">
      <c r="N448273" s="10"/>
    </row>
    <row r="448274" spans="14:14">
      <c r="N448274" s="10"/>
    </row>
    <row r="448275" spans="14:14">
      <c r="N448275" s="10"/>
    </row>
    <row r="448276" spans="14:14">
      <c r="N448276" s="10"/>
    </row>
    <row r="448277" spans="14:14">
      <c r="N448277" s="10"/>
    </row>
    <row r="448278" spans="14:14">
      <c r="N448278" s="10"/>
    </row>
    <row r="448279" spans="14:14">
      <c r="N448279" s="10"/>
    </row>
    <row r="448280" spans="14:14">
      <c r="N448280" s="10"/>
    </row>
    <row r="448281" spans="14:14">
      <c r="N448281" s="10"/>
    </row>
    <row r="448282" spans="14:14">
      <c r="N448282" s="10"/>
    </row>
    <row r="448283" spans="14:14">
      <c r="N448283" s="10"/>
    </row>
    <row r="448284" spans="14:14">
      <c r="N448284" s="10"/>
    </row>
    <row r="448285" spans="14:14">
      <c r="N448285" s="10"/>
    </row>
    <row r="448286" spans="14:14">
      <c r="N448286" s="10"/>
    </row>
    <row r="448287" spans="14:14">
      <c r="N448287" s="10"/>
    </row>
    <row r="448288" spans="14:14">
      <c r="N448288" s="10"/>
    </row>
    <row r="448289" spans="14:14">
      <c r="N448289" s="10"/>
    </row>
    <row r="448290" spans="14:14">
      <c r="N448290" s="10"/>
    </row>
    <row r="448291" spans="14:14">
      <c r="N448291" s="10"/>
    </row>
    <row r="448292" spans="14:14">
      <c r="N448292" s="10"/>
    </row>
    <row r="448293" spans="14:14">
      <c r="N448293" s="10"/>
    </row>
    <row r="448294" spans="14:14">
      <c r="N448294" s="10"/>
    </row>
    <row r="448295" spans="14:14">
      <c r="N448295" s="10"/>
    </row>
    <row r="448296" spans="14:14">
      <c r="N448296" s="10"/>
    </row>
    <row r="448297" spans="14:14">
      <c r="N448297" s="10"/>
    </row>
    <row r="448298" spans="14:14">
      <c r="N448298" s="10"/>
    </row>
    <row r="448299" spans="14:14">
      <c r="N448299" s="10"/>
    </row>
    <row r="448300" spans="14:14">
      <c r="N448300" s="10"/>
    </row>
    <row r="448301" spans="14:14">
      <c r="N448301" s="10"/>
    </row>
    <row r="448302" spans="14:14">
      <c r="N448302" s="10"/>
    </row>
    <row r="448303" spans="14:14">
      <c r="N448303" s="10"/>
    </row>
    <row r="448304" spans="14:14">
      <c r="N448304" s="10"/>
    </row>
    <row r="448305" spans="14:14">
      <c r="N448305" s="10"/>
    </row>
    <row r="448306" spans="14:14">
      <c r="N448306" s="10"/>
    </row>
    <row r="448307" spans="14:14">
      <c r="N448307" s="10"/>
    </row>
    <row r="448308" spans="14:14">
      <c r="N448308" s="10"/>
    </row>
    <row r="448309" spans="14:14">
      <c r="N448309" s="10"/>
    </row>
    <row r="448310" spans="14:14">
      <c r="N448310" s="10"/>
    </row>
    <row r="448311" spans="14:14">
      <c r="N448311" s="10"/>
    </row>
    <row r="448312" spans="14:14">
      <c r="N448312" s="10"/>
    </row>
    <row r="448313" spans="14:14">
      <c r="N448313" s="10"/>
    </row>
    <row r="448314" spans="14:14">
      <c r="N448314" s="10"/>
    </row>
    <row r="448315" spans="14:14">
      <c r="N448315" s="10"/>
    </row>
    <row r="448316" spans="14:14">
      <c r="N448316" s="10"/>
    </row>
    <row r="448317" spans="14:14">
      <c r="N448317" s="10"/>
    </row>
    <row r="448318" spans="14:14">
      <c r="N448318" s="10"/>
    </row>
    <row r="448319" spans="14:14">
      <c r="N448319" s="10"/>
    </row>
    <row r="448320" spans="14:14">
      <c r="N448320" s="10"/>
    </row>
    <row r="448321" spans="14:14">
      <c r="N448321" s="10"/>
    </row>
    <row r="448322" spans="14:14">
      <c r="N448322" s="10"/>
    </row>
    <row r="448323" spans="14:14">
      <c r="N448323" s="10"/>
    </row>
    <row r="448324" spans="14:14">
      <c r="N448324" s="10"/>
    </row>
    <row r="448325" spans="14:14">
      <c r="N448325" s="10"/>
    </row>
    <row r="448326" spans="14:14">
      <c r="N448326" s="10"/>
    </row>
    <row r="448327" spans="14:14">
      <c r="N448327" s="10"/>
    </row>
    <row r="448328" spans="14:14">
      <c r="N448328" s="10"/>
    </row>
    <row r="448329" spans="14:14">
      <c r="N448329" s="10"/>
    </row>
    <row r="448330" spans="14:14">
      <c r="N448330" s="10"/>
    </row>
    <row r="448331" spans="14:14">
      <c r="N448331" s="10"/>
    </row>
    <row r="448332" spans="14:14">
      <c r="N448332" s="10"/>
    </row>
    <row r="448333" spans="14:14">
      <c r="N448333" s="10"/>
    </row>
    <row r="448334" spans="14:14">
      <c r="N448334" s="10"/>
    </row>
    <row r="448335" spans="14:14">
      <c r="N448335" s="10"/>
    </row>
    <row r="448336" spans="14:14">
      <c r="N448336" s="10"/>
    </row>
    <row r="448337" spans="14:14">
      <c r="N448337" s="10"/>
    </row>
    <row r="448338" spans="14:14">
      <c r="N448338" s="10"/>
    </row>
    <row r="448339" spans="14:14">
      <c r="N448339" s="10"/>
    </row>
    <row r="448340" spans="14:14">
      <c r="N448340" s="10"/>
    </row>
    <row r="448341" spans="14:14">
      <c r="N448341" s="10"/>
    </row>
    <row r="448342" spans="14:14">
      <c r="N448342" s="10"/>
    </row>
    <row r="448343" spans="14:14">
      <c r="N448343" s="10"/>
    </row>
    <row r="448344" spans="14:14">
      <c r="N448344" s="10"/>
    </row>
    <row r="448345" spans="14:14">
      <c r="N448345" s="10"/>
    </row>
    <row r="448346" spans="14:14">
      <c r="N448346" s="10"/>
    </row>
    <row r="448347" spans="14:14">
      <c r="N448347" s="10"/>
    </row>
    <row r="448348" spans="14:14">
      <c r="N448348" s="10"/>
    </row>
    <row r="448349" spans="14:14">
      <c r="N448349" s="10"/>
    </row>
    <row r="448350" spans="14:14">
      <c r="N448350" s="10"/>
    </row>
    <row r="448351" spans="14:14">
      <c r="N448351" s="10"/>
    </row>
    <row r="448352" spans="14:14">
      <c r="N448352" s="10"/>
    </row>
    <row r="448353" spans="14:14">
      <c r="N448353" s="10"/>
    </row>
    <row r="448354" spans="14:14">
      <c r="N448354" s="10"/>
    </row>
    <row r="448355" spans="14:14">
      <c r="N448355" s="10"/>
    </row>
    <row r="448356" spans="14:14">
      <c r="N448356" s="10"/>
    </row>
    <row r="448357" spans="14:14">
      <c r="N448357" s="10"/>
    </row>
    <row r="448358" spans="14:14">
      <c r="N448358" s="10"/>
    </row>
    <row r="448359" spans="14:14">
      <c r="N448359" s="10"/>
    </row>
    <row r="448360" spans="14:14">
      <c r="N448360" s="10"/>
    </row>
    <row r="448361" spans="14:14">
      <c r="N448361" s="10"/>
    </row>
    <row r="448362" spans="14:14">
      <c r="N448362" s="10"/>
    </row>
    <row r="448363" spans="14:14">
      <c r="N448363" s="10"/>
    </row>
    <row r="448364" spans="14:14">
      <c r="N448364" s="10"/>
    </row>
    <row r="448365" spans="14:14">
      <c r="N448365" s="10"/>
    </row>
    <row r="448366" spans="14:14">
      <c r="N448366" s="10"/>
    </row>
    <row r="448367" spans="14:14">
      <c r="N448367" s="10"/>
    </row>
    <row r="448368" spans="14:14">
      <c r="N448368" s="10"/>
    </row>
    <row r="448369" spans="14:14">
      <c r="N448369" s="10"/>
    </row>
    <row r="448370" spans="14:14">
      <c r="N448370" s="10"/>
    </row>
    <row r="448371" spans="14:14">
      <c r="N448371" s="10"/>
    </row>
    <row r="448372" spans="14:14">
      <c r="N448372" s="10"/>
    </row>
    <row r="448373" spans="14:14">
      <c r="N448373" s="10"/>
    </row>
    <row r="448374" spans="14:14">
      <c r="N448374" s="10"/>
    </row>
    <row r="448375" spans="14:14">
      <c r="N448375" s="10"/>
    </row>
    <row r="448376" spans="14:14">
      <c r="N448376" s="10"/>
    </row>
    <row r="448377" spans="14:14">
      <c r="N448377" s="10"/>
    </row>
    <row r="448378" spans="14:14">
      <c r="N448378" s="10"/>
    </row>
    <row r="448379" spans="14:14">
      <c r="N448379" s="10"/>
    </row>
    <row r="448380" spans="14:14">
      <c r="N448380" s="10"/>
    </row>
    <row r="448381" spans="14:14">
      <c r="N448381" s="10"/>
    </row>
    <row r="448382" spans="14:14">
      <c r="N448382" s="10"/>
    </row>
    <row r="448383" spans="14:14">
      <c r="N448383" s="10"/>
    </row>
    <row r="448384" spans="14:14">
      <c r="N448384" s="10"/>
    </row>
    <row r="448385" spans="14:14">
      <c r="N448385" s="10"/>
    </row>
    <row r="448386" spans="14:14">
      <c r="N448386" s="10"/>
    </row>
    <row r="448387" spans="14:14">
      <c r="N448387" s="10"/>
    </row>
    <row r="448388" spans="14:14">
      <c r="N448388" s="10"/>
    </row>
    <row r="448389" spans="14:14">
      <c r="N448389" s="10"/>
    </row>
    <row r="448390" spans="14:14">
      <c r="N448390" s="10"/>
    </row>
    <row r="448391" spans="14:14">
      <c r="N448391" s="10"/>
    </row>
    <row r="448392" spans="14:14">
      <c r="N448392" s="10"/>
    </row>
    <row r="448393" spans="14:14">
      <c r="N448393" s="10"/>
    </row>
    <row r="448394" spans="14:14">
      <c r="N448394" s="10"/>
    </row>
    <row r="448395" spans="14:14">
      <c r="N448395" s="10"/>
    </row>
    <row r="448396" spans="14:14">
      <c r="N448396" s="10"/>
    </row>
    <row r="448397" spans="14:14">
      <c r="N448397" s="10"/>
    </row>
    <row r="448398" spans="14:14">
      <c r="N448398" s="10"/>
    </row>
    <row r="448399" spans="14:14">
      <c r="N448399" s="10"/>
    </row>
    <row r="448400" spans="14:14">
      <c r="N448400" s="10"/>
    </row>
    <row r="448401" spans="14:14">
      <c r="N448401" s="10"/>
    </row>
    <row r="448402" spans="14:14">
      <c r="N448402" s="10"/>
    </row>
    <row r="448403" spans="14:14">
      <c r="N448403" s="10"/>
    </row>
    <row r="448404" spans="14:14">
      <c r="N448404" s="10"/>
    </row>
    <row r="448405" spans="14:14">
      <c r="N448405" s="10"/>
    </row>
    <row r="448406" spans="14:14">
      <c r="N448406" s="10"/>
    </row>
    <row r="448407" spans="14:14">
      <c r="N448407" s="10"/>
    </row>
    <row r="448408" spans="14:14">
      <c r="N448408" s="10"/>
    </row>
    <row r="448409" spans="14:14">
      <c r="N448409" s="10"/>
    </row>
    <row r="448410" spans="14:14">
      <c r="N448410" s="10"/>
    </row>
    <row r="448411" spans="14:14">
      <c r="N448411" s="10"/>
    </row>
    <row r="448412" spans="14:14">
      <c r="N448412" s="10"/>
    </row>
    <row r="448413" spans="14:14">
      <c r="N448413" s="10"/>
    </row>
    <row r="448414" spans="14:14">
      <c r="N448414" s="10"/>
    </row>
    <row r="448415" spans="14:14">
      <c r="N448415" s="10"/>
    </row>
    <row r="448416" spans="14:14">
      <c r="N448416" s="10"/>
    </row>
    <row r="448417" spans="14:14">
      <c r="N448417" s="10"/>
    </row>
    <row r="448418" spans="14:14">
      <c r="N448418" s="10"/>
    </row>
    <row r="448419" spans="14:14">
      <c r="N448419" s="10"/>
    </row>
    <row r="448420" spans="14:14">
      <c r="N448420" s="10"/>
    </row>
    <row r="448421" spans="14:14">
      <c r="N448421" s="10"/>
    </row>
    <row r="448422" spans="14:14">
      <c r="N448422" s="10"/>
    </row>
    <row r="448423" spans="14:14">
      <c r="N448423" s="10"/>
    </row>
    <row r="448424" spans="14:14">
      <c r="N448424" s="10"/>
    </row>
    <row r="448425" spans="14:14">
      <c r="N448425" s="10"/>
    </row>
    <row r="448426" spans="14:14">
      <c r="N448426" s="10"/>
    </row>
    <row r="448427" spans="14:14">
      <c r="N448427" s="10"/>
    </row>
    <row r="448428" spans="14:14">
      <c r="N448428" s="10"/>
    </row>
    <row r="448429" spans="14:14">
      <c r="N448429" s="10"/>
    </row>
    <row r="448430" spans="14:14">
      <c r="N448430" s="10"/>
    </row>
    <row r="448431" spans="14:14">
      <c r="N448431" s="10"/>
    </row>
    <row r="448432" spans="14:14">
      <c r="N448432" s="10"/>
    </row>
    <row r="448433" spans="14:14">
      <c r="N448433" s="10"/>
    </row>
    <row r="448434" spans="14:14">
      <c r="N448434" s="10"/>
    </row>
    <row r="448435" spans="14:14">
      <c r="N448435" s="10"/>
    </row>
    <row r="448436" spans="14:14">
      <c r="N448436" s="10"/>
    </row>
    <row r="448437" spans="14:14">
      <c r="N448437" s="10"/>
    </row>
    <row r="448438" spans="14:14">
      <c r="N448438" s="10"/>
    </row>
    <row r="448439" spans="14:14">
      <c r="N448439" s="10"/>
    </row>
    <row r="448440" spans="14:14">
      <c r="N448440" s="10"/>
    </row>
    <row r="448441" spans="14:14">
      <c r="N448441" s="10"/>
    </row>
    <row r="448442" spans="14:14">
      <c r="N448442" s="10"/>
    </row>
    <row r="448443" spans="14:14">
      <c r="N448443" s="10"/>
    </row>
    <row r="448444" spans="14:14">
      <c r="N448444" s="10"/>
    </row>
    <row r="448445" spans="14:14">
      <c r="N448445" s="10"/>
    </row>
    <row r="448446" spans="14:14">
      <c r="N448446" s="10"/>
    </row>
    <row r="448447" spans="14:14">
      <c r="N448447" s="10"/>
    </row>
    <row r="448448" spans="14:14">
      <c r="N448448" s="10"/>
    </row>
    <row r="448449" spans="14:14">
      <c r="N448449" s="10"/>
    </row>
    <row r="448450" spans="14:14">
      <c r="N448450" s="10"/>
    </row>
    <row r="448451" spans="14:14">
      <c r="N448451" s="10"/>
    </row>
    <row r="448452" spans="14:14">
      <c r="N448452" s="10"/>
    </row>
    <row r="448453" spans="14:14">
      <c r="N448453" s="10"/>
    </row>
    <row r="448454" spans="14:14">
      <c r="N448454" s="10"/>
    </row>
    <row r="448455" spans="14:14">
      <c r="N448455" s="10"/>
    </row>
    <row r="448456" spans="14:14">
      <c r="N448456" s="10"/>
    </row>
    <row r="448457" spans="14:14">
      <c r="N448457" s="10"/>
    </row>
    <row r="448458" spans="14:14">
      <c r="N448458" s="10"/>
    </row>
    <row r="448459" spans="14:14">
      <c r="N448459" s="10"/>
    </row>
    <row r="448460" spans="14:14">
      <c r="N448460" s="10"/>
    </row>
    <row r="448461" spans="14:14">
      <c r="N448461" s="10"/>
    </row>
    <row r="448462" spans="14:14">
      <c r="N448462" s="10"/>
    </row>
    <row r="448463" spans="14:14">
      <c r="N448463" s="10"/>
    </row>
    <row r="448464" spans="14:14">
      <c r="N448464" s="10"/>
    </row>
    <row r="448465" spans="14:14">
      <c r="N448465" s="10"/>
    </row>
    <row r="448466" spans="14:14">
      <c r="N448466" s="10"/>
    </row>
    <row r="448467" spans="14:14">
      <c r="N448467" s="10"/>
    </row>
    <row r="448468" spans="14:14">
      <c r="N448468" s="10"/>
    </row>
    <row r="448469" spans="14:14">
      <c r="N448469" s="10"/>
    </row>
    <row r="448470" spans="14:14">
      <c r="N448470" s="10"/>
    </row>
    <row r="448471" spans="14:14">
      <c r="N448471" s="10"/>
    </row>
    <row r="448472" spans="14:14">
      <c r="N448472" s="10"/>
    </row>
    <row r="448473" spans="14:14">
      <c r="N448473" s="10"/>
    </row>
    <row r="448474" spans="14:14">
      <c r="N448474" s="10"/>
    </row>
    <row r="448475" spans="14:14">
      <c r="N448475" s="10"/>
    </row>
    <row r="448476" spans="14:14">
      <c r="N448476" s="10"/>
    </row>
    <row r="448477" spans="14:14">
      <c r="N448477" s="10"/>
    </row>
    <row r="448478" spans="14:14">
      <c r="N448478" s="10"/>
    </row>
    <row r="448479" spans="14:14">
      <c r="N448479" s="10"/>
    </row>
    <row r="448480" spans="14:14">
      <c r="N448480" s="10"/>
    </row>
    <row r="448481" spans="14:14">
      <c r="N448481" s="10"/>
    </row>
    <row r="448482" spans="14:14">
      <c r="N448482" s="10"/>
    </row>
    <row r="448483" spans="14:14">
      <c r="N448483" s="10"/>
    </row>
    <row r="448484" spans="14:14">
      <c r="N448484" s="10"/>
    </row>
    <row r="448485" spans="14:14">
      <c r="N448485" s="10"/>
    </row>
    <row r="448486" spans="14:14">
      <c r="N448486" s="10"/>
    </row>
    <row r="448487" spans="14:14">
      <c r="N448487" s="10"/>
    </row>
    <row r="448488" spans="14:14">
      <c r="N448488" s="10"/>
    </row>
    <row r="448489" spans="14:14">
      <c r="N448489" s="10"/>
    </row>
    <row r="448490" spans="14:14">
      <c r="N448490" s="10"/>
    </row>
    <row r="448491" spans="14:14">
      <c r="N448491" s="10"/>
    </row>
    <row r="448492" spans="14:14">
      <c r="N448492" s="10"/>
    </row>
    <row r="448493" spans="14:14">
      <c r="N448493" s="10"/>
    </row>
    <row r="448494" spans="14:14">
      <c r="N448494" s="10"/>
    </row>
    <row r="448495" spans="14:14">
      <c r="N448495" s="10"/>
    </row>
    <row r="448496" spans="14:14">
      <c r="N448496" s="10"/>
    </row>
    <row r="448497" spans="14:14">
      <c r="N448497" s="10"/>
    </row>
    <row r="448498" spans="14:14">
      <c r="N448498" s="10"/>
    </row>
    <row r="448499" spans="14:14">
      <c r="N448499" s="10"/>
    </row>
    <row r="448500" spans="14:14">
      <c r="N448500" s="10"/>
    </row>
    <row r="448501" spans="14:14">
      <c r="N448501" s="10"/>
    </row>
    <row r="448502" spans="14:14">
      <c r="N448502" s="10"/>
    </row>
    <row r="448503" spans="14:14">
      <c r="N448503" s="10"/>
    </row>
    <row r="448504" spans="14:14">
      <c r="N448504" s="10"/>
    </row>
    <row r="448505" spans="14:14">
      <c r="N448505" s="10"/>
    </row>
    <row r="448506" spans="14:14">
      <c r="N448506" s="10"/>
    </row>
    <row r="448507" spans="14:14">
      <c r="N448507" s="10"/>
    </row>
    <row r="448508" spans="14:14">
      <c r="N448508" s="10"/>
    </row>
    <row r="448509" spans="14:14">
      <c r="N448509" s="10"/>
    </row>
    <row r="448510" spans="14:14">
      <c r="N448510" s="10"/>
    </row>
    <row r="448511" spans="14:14">
      <c r="N448511" s="10"/>
    </row>
    <row r="448512" spans="14:14">
      <c r="N448512" s="10"/>
    </row>
    <row r="448513" spans="14:14">
      <c r="N448513" s="10"/>
    </row>
    <row r="448514" spans="14:14">
      <c r="N448514" s="10"/>
    </row>
    <row r="448515" spans="14:14">
      <c r="N448515" s="10"/>
    </row>
    <row r="448516" spans="14:14">
      <c r="N448516" s="10"/>
    </row>
    <row r="448517" spans="14:14">
      <c r="N448517" s="10"/>
    </row>
    <row r="448518" spans="14:14">
      <c r="N448518" s="10"/>
    </row>
    <row r="448519" spans="14:14">
      <c r="N448519" s="10"/>
    </row>
    <row r="448520" spans="14:14">
      <c r="N448520" s="10"/>
    </row>
    <row r="448521" spans="14:14">
      <c r="N448521" s="10"/>
    </row>
    <row r="448522" spans="14:14">
      <c r="N448522" s="10"/>
    </row>
    <row r="448523" spans="14:14">
      <c r="N448523" s="10"/>
    </row>
    <row r="448524" spans="14:14">
      <c r="N448524" s="10"/>
    </row>
    <row r="448525" spans="14:14">
      <c r="N448525" s="10"/>
    </row>
    <row r="448526" spans="14:14">
      <c r="N448526" s="10"/>
    </row>
    <row r="448527" spans="14:14">
      <c r="N448527" s="10"/>
    </row>
    <row r="448528" spans="14:14">
      <c r="N448528" s="10"/>
    </row>
    <row r="448529" spans="14:14">
      <c r="N448529" s="10"/>
    </row>
    <row r="448530" spans="14:14">
      <c r="N448530" s="10"/>
    </row>
    <row r="448531" spans="14:14">
      <c r="N448531" s="10"/>
    </row>
    <row r="448532" spans="14:14">
      <c r="N448532" s="10"/>
    </row>
    <row r="448533" spans="14:14">
      <c r="N448533" s="10"/>
    </row>
    <row r="448534" spans="14:14">
      <c r="N448534" s="10"/>
    </row>
    <row r="448535" spans="14:14">
      <c r="N448535" s="10"/>
    </row>
    <row r="448536" spans="14:14">
      <c r="N448536" s="10"/>
    </row>
    <row r="448537" spans="14:14">
      <c r="N448537" s="10"/>
    </row>
    <row r="448538" spans="14:14">
      <c r="N448538" s="10"/>
    </row>
    <row r="448539" spans="14:14">
      <c r="N448539" s="10"/>
    </row>
    <row r="448540" spans="14:14">
      <c r="N448540" s="10"/>
    </row>
    <row r="448541" spans="14:14">
      <c r="N448541" s="10"/>
    </row>
    <row r="448542" spans="14:14">
      <c r="N448542" s="10"/>
    </row>
    <row r="448543" spans="14:14">
      <c r="N448543" s="10"/>
    </row>
    <row r="448544" spans="14:14">
      <c r="N448544" s="10"/>
    </row>
    <row r="448545" spans="14:14">
      <c r="N448545" s="10"/>
    </row>
    <row r="448546" spans="14:14">
      <c r="N448546" s="10"/>
    </row>
    <row r="448547" spans="14:14">
      <c r="N448547" s="10"/>
    </row>
    <row r="448548" spans="14:14">
      <c r="N448548" s="10"/>
    </row>
    <row r="448549" spans="14:14">
      <c r="N448549" s="10"/>
    </row>
    <row r="448550" spans="14:14">
      <c r="N448550" s="10"/>
    </row>
    <row r="448551" spans="14:14">
      <c r="N448551" s="10"/>
    </row>
    <row r="448552" spans="14:14">
      <c r="N448552" s="10"/>
    </row>
    <row r="448553" spans="14:14">
      <c r="N448553" s="10"/>
    </row>
    <row r="448554" spans="14:14">
      <c r="N448554" s="10"/>
    </row>
    <row r="448555" spans="14:14">
      <c r="N448555" s="10"/>
    </row>
    <row r="448556" spans="14:14">
      <c r="N448556" s="10"/>
    </row>
    <row r="448557" spans="14:14">
      <c r="N448557" s="10"/>
    </row>
    <row r="448558" spans="14:14">
      <c r="N448558" s="10"/>
    </row>
    <row r="448559" spans="14:14">
      <c r="N448559" s="10"/>
    </row>
    <row r="448560" spans="14:14">
      <c r="N448560" s="10"/>
    </row>
    <row r="448561" spans="14:14">
      <c r="N448561" s="10"/>
    </row>
    <row r="448562" spans="14:14">
      <c r="N448562" s="10"/>
    </row>
    <row r="448563" spans="14:14">
      <c r="N448563" s="10"/>
    </row>
    <row r="448564" spans="14:14">
      <c r="N448564" s="10"/>
    </row>
    <row r="448565" spans="14:14">
      <c r="N448565" s="10"/>
    </row>
    <row r="448566" spans="14:14">
      <c r="N448566" s="10"/>
    </row>
    <row r="448567" spans="14:14">
      <c r="N448567" s="10"/>
    </row>
    <row r="448568" spans="14:14">
      <c r="N448568" s="10"/>
    </row>
    <row r="448569" spans="14:14">
      <c r="N448569" s="10"/>
    </row>
    <row r="448570" spans="14:14">
      <c r="N448570" s="10"/>
    </row>
    <row r="448571" spans="14:14">
      <c r="N448571" s="10"/>
    </row>
    <row r="448572" spans="14:14">
      <c r="N448572" s="10"/>
    </row>
    <row r="448573" spans="14:14">
      <c r="N448573" s="10"/>
    </row>
    <row r="448574" spans="14:14">
      <c r="N448574" s="10"/>
    </row>
    <row r="448575" spans="14:14">
      <c r="N448575" s="10"/>
    </row>
    <row r="448576" spans="14:14">
      <c r="N448576" s="10"/>
    </row>
    <row r="448577" spans="14:14">
      <c r="N448577" s="10"/>
    </row>
    <row r="448578" spans="14:14">
      <c r="N448578" s="10"/>
    </row>
    <row r="448579" spans="14:14">
      <c r="N448579" s="10"/>
    </row>
    <row r="448580" spans="14:14">
      <c r="N448580" s="10"/>
    </row>
    <row r="448581" spans="14:14">
      <c r="N448581" s="10"/>
    </row>
    <row r="448582" spans="14:14">
      <c r="N448582" s="10"/>
    </row>
    <row r="448583" spans="14:14">
      <c r="N448583" s="10"/>
    </row>
    <row r="448584" spans="14:14">
      <c r="N448584" s="10"/>
    </row>
    <row r="448585" spans="14:14">
      <c r="N448585" s="10"/>
    </row>
    <row r="448586" spans="14:14">
      <c r="N448586" s="10"/>
    </row>
    <row r="448587" spans="14:14">
      <c r="N448587" s="10"/>
    </row>
    <row r="448588" spans="14:14">
      <c r="N448588" s="10"/>
    </row>
    <row r="448589" spans="14:14">
      <c r="N448589" s="10"/>
    </row>
    <row r="448590" spans="14:14">
      <c r="N448590" s="10"/>
    </row>
    <row r="448591" spans="14:14">
      <c r="N448591" s="10"/>
    </row>
    <row r="448592" spans="14:14">
      <c r="N448592" s="10"/>
    </row>
    <row r="448593" spans="14:14">
      <c r="N448593" s="10"/>
    </row>
    <row r="448594" spans="14:14">
      <c r="N448594" s="10"/>
    </row>
    <row r="448595" spans="14:14">
      <c r="N448595" s="10"/>
    </row>
    <row r="448596" spans="14:14">
      <c r="N448596" s="10"/>
    </row>
    <row r="448597" spans="14:14">
      <c r="N448597" s="10"/>
    </row>
    <row r="448598" spans="14:14">
      <c r="N448598" s="10"/>
    </row>
    <row r="448599" spans="14:14">
      <c r="N448599" s="10"/>
    </row>
    <row r="448600" spans="14:14">
      <c r="N448600" s="10"/>
    </row>
    <row r="448601" spans="14:14">
      <c r="N448601" s="10"/>
    </row>
    <row r="448602" spans="14:14">
      <c r="N448602" s="10"/>
    </row>
    <row r="448603" spans="14:14">
      <c r="N448603" s="10"/>
    </row>
    <row r="448604" spans="14:14">
      <c r="N448604" s="10"/>
    </row>
    <row r="448605" spans="14:14">
      <c r="N448605" s="10"/>
    </row>
    <row r="448606" spans="14:14">
      <c r="N448606" s="10"/>
    </row>
    <row r="448607" spans="14:14">
      <c r="N448607" s="10"/>
    </row>
    <row r="448608" spans="14:14">
      <c r="N448608" s="10"/>
    </row>
    <row r="448609" spans="14:14">
      <c r="N448609" s="10"/>
    </row>
    <row r="448610" spans="14:14">
      <c r="N448610" s="10"/>
    </row>
    <row r="448611" spans="14:14">
      <c r="N448611" s="10"/>
    </row>
    <row r="448612" spans="14:14">
      <c r="N448612" s="10"/>
    </row>
    <row r="448613" spans="14:14">
      <c r="N448613" s="10"/>
    </row>
    <row r="448614" spans="14:14">
      <c r="N448614" s="10"/>
    </row>
    <row r="448615" spans="14:14">
      <c r="N448615" s="10"/>
    </row>
    <row r="448616" spans="14:14">
      <c r="N448616" s="10"/>
    </row>
    <row r="448617" spans="14:14">
      <c r="N448617" s="10"/>
    </row>
    <row r="448618" spans="14:14">
      <c r="N448618" s="10"/>
    </row>
    <row r="448619" spans="14:14">
      <c r="N448619" s="10"/>
    </row>
    <row r="448620" spans="14:14">
      <c r="N448620" s="10"/>
    </row>
    <row r="448621" spans="14:14">
      <c r="N448621" s="10"/>
    </row>
    <row r="448622" spans="14:14">
      <c r="N448622" s="10"/>
    </row>
    <row r="448623" spans="14:14">
      <c r="N448623" s="10"/>
    </row>
    <row r="448624" spans="14:14">
      <c r="N448624" s="10"/>
    </row>
    <row r="448625" spans="14:14">
      <c r="N448625" s="10"/>
    </row>
    <row r="448626" spans="14:14">
      <c r="N448626" s="10"/>
    </row>
    <row r="448627" spans="14:14">
      <c r="N448627" s="10"/>
    </row>
    <row r="448628" spans="14:14">
      <c r="N448628" s="10"/>
    </row>
    <row r="448629" spans="14:14">
      <c r="N448629" s="10"/>
    </row>
    <row r="448630" spans="14:14">
      <c r="N448630" s="10"/>
    </row>
    <row r="448631" spans="14:14">
      <c r="N448631" s="10"/>
    </row>
    <row r="448632" spans="14:14">
      <c r="N448632" s="10"/>
    </row>
    <row r="448633" spans="14:14">
      <c r="N448633" s="10"/>
    </row>
    <row r="448634" spans="14:14">
      <c r="N448634" s="10"/>
    </row>
    <row r="448635" spans="14:14">
      <c r="N448635" s="10"/>
    </row>
    <row r="448636" spans="14:14">
      <c r="N448636" s="10"/>
    </row>
    <row r="448637" spans="14:14">
      <c r="N448637" s="10"/>
    </row>
    <row r="448638" spans="14:14">
      <c r="N448638" s="10"/>
    </row>
    <row r="448639" spans="14:14">
      <c r="N448639" s="10"/>
    </row>
    <row r="448640" spans="14:14">
      <c r="N448640" s="10"/>
    </row>
    <row r="448641" spans="14:14">
      <c r="N448641" s="10"/>
    </row>
    <row r="448642" spans="14:14">
      <c r="N448642" s="10"/>
    </row>
    <row r="448643" spans="14:14">
      <c r="N448643" s="10"/>
    </row>
    <row r="448644" spans="14:14">
      <c r="N448644" s="10"/>
    </row>
    <row r="448645" spans="14:14">
      <c r="N448645" s="10"/>
    </row>
    <row r="448646" spans="14:14">
      <c r="N448646" s="10"/>
    </row>
    <row r="448647" spans="14:14">
      <c r="N448647" s="10"/>
    </row>
    <row r="448648" spans="14:14">
      <c r="N448648" s="10"/>
    </row>
    <row r="448649" spans="14:14">
      <c r="N448649" s="10"/>
    </row>
    <row r="448650" spans="14:14">
      <c r="N448650" s="10"/>
    </row>
    <row r="448651" spans="14:14">
      <c r="N448651" s="10"/>
    </row>
    <row r="448652" spans="14:14">
      <c r="N448652" s="10"/>
    </row>
    <row r="448653" spans="14:14">
      <c r="N448653" s="10"/>
    </row>
    <row r="448654" spans="14:14">
      <c r="N448654" s="10"/>
    </row>
    <row r="448655" spans="14:14">
      <c r="N448655" s="10"/>
    </row>
    <row r="448656" spans="14:14">
      <c r="N448656" s="10"/>
    </row>
    <row r="448657" spans="14:14">
      <c r="N448657" s="10"/>
    </row>
    <row r="448658" spans="14:14">
      <c r="N448658" s="10"/>
    </row>
    <row r="448659" spans="14:14">
      <c r="N448659" s="10"/>
    </row>
    <row r="448660" spans="14:14">
      <c r="N448660" s="10"/>
    </row>
    <row r="448661" spans="14:14">
      <c r="N448661" s="10"/>
    </row>
    <row r="448662" spans="14:14">
      <c r="N448662" s="10"/>
    </row>
    <row r="448663" spans="14:14">
      <c r="N448663" s="10"/>
    </row>
    <row r="448664" spans="14:14">
      <c r="N448664" s="10"/>
    </row>
    <row r="448665" spans="14:14">
      <c r="N448665" s="10"/>
    </row>
    <row r="448666" spans="14:14">
      <c r="N448666" s="10"/>
    </row>
    <row r="448667" spans="14:14">
      <c r="N448667" s="10"/>
    </row>
    <row r="448668" spans="14:14">
      <c r="N448668" s="10"/>
    </row>
    <row r="448669" spans="14:14">
      <c r="N448669" s="10"/>
    </row>
    <row r="448670" spans="14:14">
      <c r="N448670" s="10"/>
    </row>
    <row r="448671" spans="14:14">
      <c r="N448671" s="10"/>
    </row>
    <row r="448672" spans="14:14">
      <c r="N448672" s="10"/>
    </row>
    <row r="448673" spans="14:14">
      <c r="N448673" s="10"/>
    </row>
    <row r="448674" spans="14:14">
      <c r="N448674" s="10"/>
    </row>
    <row r="448675" spans="14:14">
      <c r="N448675" s="10"/>
    </row>
    <row r="448676" spans="14:14">
      <c r="N448676" s="10"/>
    </row>
    <row r="448677" spans="14:14">
      <c r="N448677" s="10"/>
    </row>
    <row r="448678" spans="14:14">
      <c r="N448678" s="10"/>
    </row>
    <row r="448679" spans="14:14">
      <c r="N448679" s="10"/>
    </row>
    <row r="448680" spans="14:14">
      <c r="N448680" s="10"/>
    </row>
    <row r="448681" spans="14:14">
      <c r="N448681" s="10"/>
    </row>
    <row r="448682" spans="14:14">
      <c r="N448682" s="10"/>
    </row>
    <row r="448683" spans="14:14">
      <c r="N448683" s="10"/>
    </row>
    <row r="448684" spans="14:14">
      <c r="N448684" s="10"/>
    </row>
    <row r="448685" spans="14:14">
      <c r="N448685" s="10"/>
    </row>
    <row r="448686" spans="14:14">
      <c r="N448686" s="10"/>
    </row>
    <row r="448687" spans="14:14">
      <c r="N448687" s="10"/>
    </row>
    <row r="448688" spans="14:14">
      <c r="N448688" s="10"/>
    </row>
    <row r="448689" spans="14:14">
      <c r="N448689" s="10"/>
    </row>
    <row r="448690" spans="14:14">
      <c r="N448690" s="10"/>
    </row>
    <row r="448691" spans="14:14">
      <c r="N448691" s="10"/>
    </row>
    <row r="448692" spans="14:14">
      <c r="N448692" s="10"/>
    </row>
    <row r="448693" spans="14:14">
      <c r="N448693" s="10"/>
    </row>
    <row r="448694" spans="14:14">
      <c r="N448694" s="10"/>
    </row>
    <row r="448695" spans="14:14">
      <c r="N448695" s="10"/>
    </row>
    <row r="448696" spans="14:14">
      <c r="N448696" s="10"/>
    </row>
    <row r="448697" spans="14:14">
      <c r="N448697" s="10"/>
    </row>
    <row r="448698" spans="14:14">
      <c r="N448698" s="10"/>
    </row>
    <row r="448699" spans="14:14">
      <c r="N448699" s="10"/>
    </row>
    <row r="448700" spans="14:14">
      <c r="N448700" s="10"/>
    </row>
    <row r="448701" spans="14:14">
      <c r="N448701" s="10"/>
    </row>
    <row r="448702" spans="14:14">
      <c r="N448702" s="10"/>
    </row>
    <row r="448703" spans="14:14">
      <c r="N448703" s="10"/>
    </row>
    <row r="448704" spans="14:14">
      <c r="N448704" s="10"/>
    </row>
    <row r="448705" spans="14:14">
      <c r="N448705" s="10"/>
    </row>
    <row r="448706" spans="14:14">
      <c r="N448706" s="10"/>
    </row>
    <row r="448707" spans="14:14">
      <c r="N448707" s="10"/>
    </row>
    <row r="448708" spans="14:14">
      <c r="N448708" s="10"/>
    </row>
    <row r="448709" spans="14:14">
      <c r="N448709" s="10"/>
    </row>
    <row r="448710" spans="14:14">
      <c r="N448710" s="10"/>
    </row>
    <row r="448711" spans="14:14">
      <c r="N448711" s="10"/>
    </row>
    <row r="448712" spans="14:14">
      <c r="N448712" s="10"/>
    </row>
    <row r="448713" spans="14:14">
      <c r="N448713" s="10"/>
    </row>
    <row r="448714" spans="14:14">
      <c r="N448714" s="10"/>
    </row>
    <row r="448715" spans="14:14">
      <c r="N448715" s="10"/>
    </row>
    <row r="448716" spans="14:14">
      <c r="N448716" s="10"/>
    </row>
    <row r="448717" spans="14:14">
      <c r="N448717" s="10"/>
    </row>
    <row r="448718" spans="14:14">
      <c r="N448718" s="10"/>
    </row>
    <row r="448719" spans="14:14">
      <c r="N448719" s="10"/>
    </row>
    <row r="448720" spans="14:14">
      <c r="N448720" s="10"/>
    </row>
    <row r="448721" spans="14:14">
      <c r="N448721" s="10"/>
    </row>
    <row r="448722" spans="14:14">
      <c r="N448722" s="10"/>
    </row>
    <row r="448723" spans="14:14">
      <c r="N448723" s="10"/>
    </row>
    <row r="448724" spans="14:14">
      <c r="N448724" s="10"/>
    </row>
    <row r="448725" spans="14:14">
      <c r="N448725" s="10"/>
    </row>
    <row r="448726" spans="14:14">
      <c r="N448726" s="10"/>
    </row>
    <row r="448727" spans="14:14">
      <c r="N448727" s="10"/>
    </row>
    <row r="448728" spans="14:14">
      <c r="N448728" s="10"/>
    </row>
    <row r="448729" spans="14:14">
      <c r="N448729" s="10"/>
    </row>
    <row r="448730" spans="14:14">
      <c r="N448730" s="10"/>
    </row>
    <row r="448731" spans="14:14">
      <c r="N448731" s="10"/>
    </row>
    <row r="448732" spans="14:14">
      <c r="N448732" s="10"/>
    </row>
    <row r="448733" spans="14:14">
      <c r="N448733" s="10"/>
    </row>
    <row r="448734" spans="14:14">
      <c r="N448734" s="10"/>
    </row>
    <row r="448735" spans="14:14">
      <c r="N448735" s="10"/>
    </row>
    <row r="448736" spans="14:14">
      <c r="N448736" s="10"/>
    </row>
    <row r="448737" spans="14:14">
      <c r="N448737" s="10"/>
    </row>
    <row r="448738" spans="14:14">
      <c r="N448738" s="10"/>
    </row>
    <row r="448739" spans="14:14">
      <c r="N448739" s="10"/>
    </row>
    <row r="448740" spans="14:14">
      <c r="N448740" s="10"/>
    </row>
    <row r="448741" spans="14:14">
      <c r="N448741" s="10"/>
    </row>
    <row r="448742" spans="14:14">
      <c r="N448742" s="10"/>
    </row>
    <row r="448743" spans="14:14">
      <c r="N448743" s="10"/>
    </row>
    <row r="448744" spans="14:14">
      <c r="N448744" s="10"/>
    </row>
    <row r="448745" spans="14:14">
      <c r="N448745" s="10"/>
    </row>
    <row r="448746" spans="14:14">
      <c r="N448746" s="10"/>
    </row>
    <row r="448747" spans="14:14">
      <c r="N448747" s="10"/>
    </row>
    <row r="448748" spans="14:14">
      <c r="N448748" s="10"/>
    </row>
    <row r="448749" spans="14:14">
      <c r="N448749" s="10"/>
    </row>
    <row r="448750" spans="14:14">
      <c r="N448750" s="10"/>
    </row>
    <row r="448751" spans="14:14">
      <c r="N448751" s="10"/>
    </row>
    <row r="448752" spans="14:14">
      <c r="N448752" s="10"/>
    </row>
    <row r="448753" spans="14:14">
      <c r="N448753" s="10"/>
    </row>
    <row r="448754" spans="14:14">
      <c r="N448754" s="10"/>
    </row>
    <row r="448755" spans="14:14">
      <c r="N448755" s="10"/>
    </row>
    <row r="448756" spans="14:14">
      <c r="N448756" s="10"/>
    </row>
    <row r="448757" spans="14:14">
      <c r="N448757" s="10"/>
    </row>
    <row r="448758" spans="14:14">
      <c r="N448758" s="10"/>
    </row>
    <row r="448759" spans="14:14">
      <c r="N448759" s="10"/>
    </row>
    <row r="448760" spans="14:14">
      <c r="N448760" s="10"/>
    </row>
    <row r="448761" spans="14:14">
      <c r="N448761" s="10"/>
    </row>
    <row r="448762" spans="14:14">
      <c r="N448762" s="10"/>
    </row>
    <row r="448763" spans="14:14">
      <c r="N448763" s="10"/>
    </row>
    <row r="448764" spans="14:14">
      <c r="N448764" s="10"/>
    </row>
    <row r="448765" spans="14:14">
      <c r="N448765" s="10"/>
    </row>
    <row r="448766" spans="14:14">
      <c r="N448766" s="10"/>
    </row>
    <row r="448767" spans="14:14">
      <c r="N448767" s="10"/>
    </row>
    <row r="448768" spans="14:14">
      <c r="N448768" s="10"/>
    </row>
    <row r="448769" spans="14:14">
      <c r="N448769" s="10"/>
    </row>
    <row r="448770" spans="14:14">
      <c r="N448770" s="10"/>
    </row>
    <row r="448771" spans="14:14">
      <c r="N448771" s="10"/>
    </row>
    <row r="448772" spans="14:14">
      <c r="N448772" s="10"/>
    </row>
    <row r="448773" spans="14:14">
      <c r="N448773" s="10"/>
    </row>
    <row r="448774" spans="14:14">
      <c r="N448774" s="10"/>
    </row>
    <row r="448775" spans="14:14">
      <c r="N448775" s="10"/>
    </row>
    <row r="448776" spans="14:14">
      <c r="N448776" s="10"/>
    </row>
    <row r="448777" spans="14:14">
      <c r="N448777" s="10"/>
    </row>
    <row r="448778" spans="14:14">
      <c r="N448778" s="10"/>
    </row>
    <row r="448779" spans="14:14">
      <c r="N448779" s="10"/>
    </row>
    <row r="448780" spans="14:14">
      <c r="N448780" s="10"/>
    </row>
    <row r="448781" spans="14:14">
      <c r="N448781" s="10"/>
    </row>
    <row r="448782" spans="14:14">
      <c r="N448782" s="10"/>
    </row>
    <row r="448783" spans="14:14">
      <c r="N448783" s="10"/>
    </row>
    <row r="448784" spans="14:14">
      <c r="N448784" s="10"/>
    </row>
    <row r="448785" spans="14:14">
      <c r="N448785" s="10"/>
    </row>
    <row r="448786" spans="14:14">
      <c r="N448786" s="10"/>
    </row>
    <row r="448787" spans="14:14">
      <c r="N448787" s="10"/>
    </row>
    <row r="448788" spans="14:14">
      <c r="N448788" s="10"/>
    </row>
    <row r="448789" spans="14:14">
      <c r="N448789" s="10"/>
    </row>
    <row r="448790" spans="14:14">
      <c r="N448790" s="10"/>
    </row>
    <row r="448791" spans="14:14">
      <c r="N448791" s="10"/>
    </row>
    <row r="448792" spans="14:14">
      <c r="N448792" s="10"/>
    </row>
    <row r="448793" spans="14:14">
      <c r="N448793" s="10"/>
    </row>
    <row r="448794" spans="14:14">
      <c r="N448794" s="10"/>
    </row>
    <row r="448795" spans="14:14">
      <c r="N448795" s="10"/>
    </row>
    <row r="448796" spans="14:14">
      <c r="N448796" s="10"/>
    </row>
    <row r="448797" spans="14:14">
      <c r="N448797" s="10"/>
    </row>
    <row r="448798" spans="14:14">
      <c r="N448798" s="10"/>
    </row>
    <row r="448799" spans="14:14">
      <c r="N448799" s="10"/>
    </row>
    <row r="448800" spans="14:14">
      <c r="N448800" s="10"/>
    </row>
    <row r="448801" spans="14:14">
      <c r="N448801" s="10"/>
    </row>
    <row r="448802" spans="14:14">
      <c r="N448802" s="10"/>
    </row>
    <row r="448803" spans="14:14">
      <c r="N448803" s="10"/>
    </row>
    <row r="448804" spans="14:14">
      <c r="N448804" s="10"/>
    </row>
    <row r="448805" spans="14:14">
      <c r="N448805" s="10"/>
    </row>
    <row r="448806" spans="14:14">
      <c r="N448806" s="10"/>
    </row>
    <row r="448807" spans="14:14">
      <c r="N448807" s="10"/>
    </row>
    <row r="448808" spans="14:14">
      <c r="N448808" s="10"/>
    </row>
    <row r="448809" spans="14:14">
      <c r="N448809" s="10"/>
    </row>
    <row r="448810" spans="14:14">
      <c r="N448810" s="10"/>
    </row>
    <row r="448811" spans="14:14">
      <c r="N448811" s="10"/>
    </row>
    <row r="448812" spans="14:14">
      <c r="N448812" s="10"/>
    </row>
    <row r="448813" spans="14:14">
      <c r="N448813" s="10"/>
    </row>
    <row r="448814" spans="14:14">
      <c r="N448814" s="10"/>
    </row>
    <row r="448815" spans="14:14">
      <c r="N448815" s="10"/>
    </row>
    <row r="448816" spans="14:14">
      <c r="N448816" s="10"/>
    </row>
    <row r="448817" spans="14:14">
      <c r="N448817" s="10"/>
    </row>
    <row r="448818" spans="14:14">
      <c r="N448818" s="10"/>
    </row>
    <row r="448819" spans="14:14">
      <c r="N448819" s="10"/>
    </row>
    <row r="448820" spans="14:14">
      <c r="N448820" s="10"/>
    </row>
    <row r="448821" spans="14:14">
      <c r="N448821" s="10"/>
    </row>
    <row r="448822" spans="14:14">
      <c r="N448822" s="10"/>
    </row>
    <row r="448823" spans="14:14">
      <c r="N448823" s="10"/>
    </row>
    <row r="448824" spans="14:14">
      <c r="N448824" s="10"/>
    </row>
    <row r="448825" spans="14:14">
      <c r="N448825" s="10"/>
    </row>
    <row r="448826" spans="14:14">
      <c r="N448826" s="10"/>
    </row>
    <row r="448827" spans="14:14">
      <c r="N448827" s="10"/>
    </row>
    <row r="448828" spans="14:14">
      <c r="N448828" s="10"/>
    </row>
    <row r="448829" spans="14:14">
      <c r="N448829" s="10"/>
    </row>
    <row r="448830" spans="14:14">
      <c r="N448830" s="10"/>
    </row>
    <row r="448831" spans="14:14">
      <c r="N448831" s="10"/>
    </row>
    <row r="448832" spans="14:14">
      <c r="N448832" s="10"/>
    </row>
    <row r="448833" spans="14:14">
      <c r="N448833" s="10"/>
    </row>
    <row r="448834" spans="14:14">
      <c r="N448834" s="10"/>
    </row>
    <row r="448835" spans="14:14">
      <c r="N448835" s="10"/>
    </row>
    <row r="448836" spans="14:14">
      <c r="N448836" s="10"/>
    </row>
    <row r="448837" spans="14:14">
      <c r="N448837" s="10"/>
    </row>
    <row r="448838" spans="14:14">
      <c r="N448838" s="10"/>
    </row>
    <row r="448839" spans="14:14">
      <c r="N448839" s="10"/>
    </row>
    <row r="448840" spans="14:14">
      <c r="N448840" s="10"/>
    </row>
    <row r="448841" spans="14:14">
      <c r="N448841" s="10"/>
    </row>
    <row r="448842" spans="14:14">
      <c r="N448842" s="10"/>
    </row>
    <row r="448843" spans="14:14">
      <c r="N448843" s="10"/>
    </row>
    <row r="448844" spans="14:14">
      <c r="N448844" s="10"/>
    </row>
    <row r="448845" spans="14:14">
      <c r="N448845" s="10"/>
    </row>
    <row r="448846" spans="14:14">
      <c r="N448846" s="10"/>
    </row>
    <row r="448847" spans="14:14">
      <c r="N448847" s="10"/>
    </row>
    <row r="448848" spans="14:14">
      <c r="N448848" s="10"/>
    </row>
    <row r="448849" spans="14:14">
      <c r="N448849" s="10"/>
    </row>
    <row r="448850" spans="14:14">
      <c r="N448850" s="10"/>
    </row>
    <row r="448851" spans="14:14">
      <c r="N448851" s="10"/>
    </row>
    <row r="448852" spans="14:14">
      <c r="N448852" s="10"/>
    </row>
    <row r="448853" spans="14:14">
      <c r="N448853" s="10"/>
    </row>
    <row r="448854" spans="14:14">
      <c r="N448854" s="10"/>
    </row>
    <row r="448855" spans="14:14">
      <c r="N448855" s="10"/>
    </row>
    <row r="448856" spans="14:14">
      <c r="N448856" s="10"/>
    </row>
    <row r="448857" spans="14:14">
      <c r="N448857" s="10"/>
    </row>
    <row r="448858" spans="14:14">
      <c r="N448858" s="10"/>
    </row>
    <row r="448859" spans="14:14">
      <c r="N448859" s="10"/>
    </row>
    <row r="448860" spans="14:14">
      <c r="N448860" s="10"/>
    </row>
    <row r="448861" spans="14:14">
      <c r="N448861" s="10"/>
    </row>
    <row r="448862" spans="14:14">
      <c r="N448862" s="10"/>
    </row>
    <row r="448863" spans="14:14">
      <c r="N448863" s="10"/>
    </row>
    <row r="448864" spans="14:14">
      <c r="N448864" s="10"/>
    </row>
    <row r="448865" spans="14:14">
      <c r="N448865" s="10"/>
    </row>
    <row r="448866" spans="14:14">
      <c r="N448866" s="10"/>
    </row>
    <row r="448867" spans="14:14">
      <c r="N448867" s="10"/>
    </row>
    <row r="448868" spans="14:14">
      <c r="N448868" s="10"/>
    </row>
    <row r="448869" spans="14:14">
      <c r="N448869" s="10"/>
    </row>
    <row r="448870" spans="14:14">
      <c r="N448870" s="10"/>
    </row>
    <row r="448871" spans="14:14">
      <c r="N448871" s="10"/>
    </row>
    <row r="448872" spans="14:14">
      <c r="N448872" s="10"/>
    </row>
    <row r="448873" spans="14:14">
      <c r="N448873" s="10"/>
    </row>
    <row r="448874" spans="14:14">
      <c r="N448874" s="10"/>
    </row>
    <row r="448875" spans="14:14">
      <c r="N448875" s="10"/>
    </row>
    <row r="448876" spans="14:14">
      <c r="N448876" s="10"/>
    </row>
    <row r="448877" spans="14:14">
      <c r="N448877" s="10"/>
    </row>
    <row r="448878" spans="14:14">
      <c r="N448878" s="10"/>
    </row>
    <row r="448879" spans="14:14">
      <c r="N448879" s="10"/>
    </row>
    <row r="448880" spans="14:14">
      <c r="N448880" s="10"/>
    </row>
    <row r="448881" spans="14:14">
      <c r="N448881" s="10"/>
    </row>
    <row r="448882" spans="14:14">
      <c r="N448882" s="10"/>
    </row>
    <row r="448883" spans="14:14">
      <c r="N448883" s="10"/>
    </row>
    <row r="448884" spans="14:14">
      <c r="N448884" s="10"/>
    </row>
    <row r="448885" spans="14:14">
      <c r="N448885" s="10"/>
    </row>
    <row r="448886" spans="14:14">
      <c r="N448886" s="10"/>
    </row>
    <row r="448887" spans="14:14">
      <c r="N448887" s="10"/>
    </row>
    <row r="448888" spans="14:14">
      <c r="N448888" s="10"/>
    </row>
    <row r="448889" spans="14:14">
      <c r="N448889" s="10"/>
    </row>
    <row r="448890" spans="14:14">
      <c r="N448890" s="10"/>
    </row>
    <row r="448891" spans="14:14">
      <c r="N448891" s="10"/>
    </row>
    <row r="448892" spans="14:14">
      <c r="N448892" s="10"/>
    </row>
    <row r="448893" spans="14:14">
      <c r="N448893" s="10"/>
    </row>
    <row r="448894" spans="14:14">
      <c r="N448894" s="10"/>
    </row>
    <row r="448895" spans="14:14">
      <c r="N448895" s="10"/>
    </row>
    <row r="448896" spans="14:14">
      <c r="N448896" s="10"/>
    </row>
    <row r="448897" spans="14:14">
      <c r="N448897" s="10"/>
    </row>
    <row r="448898" spans="14:14">
      <c r="N448898" s="10"/>
    </row>
    <row r="448899" spans="14:14">
      <c r="N448899" s="10"/>
    </row>
    <row r="448900" spans="14:14">
      <c r="N448900" s="10"/>
    </row>
    <row r="448901" spans="14:14">
      <c r="N448901" s="10"/>
    </row>
    <row r="448902" spans="14:14">
      <c r="N448902" s="10"/>
    </row>
    <row r="448903" spans="14:14">
      <c r="N448903" s="10"/>
    </row>
    <row r="448904" spans="14:14">
      <c r="N448904" s="10"/>
    </row>
    <row r="448905" spans="14:14">
      <c r="N448905" s="10"/>
    </row>
    <row r="448906" spans="14:14">
      <c r="N448906" s="10"/>
    </row>
    <row r="448907" spans="14:14">
      <c r="N448907" s="10"/>
    </row>
    <row r="448908" spans="14:14">
      <c r="N448908" s="10"/>
    </row>
    <row r="448909" spans="14:14">
      <c r="N448909" s="10"/>
    </row>
    <row r="448910" spans="14:14">
      <c r="N448910" s="10"/>
    </row>
    <row r="448911" spans="14:14">
      <c r="N448911" s="10"/>
    </row>
    <row r="448912" spans="14:14">
      <c r="N448912" s="10"/>
    </row>
    <row r="448913" spans="14:14">
      <c r="N448913" s="10"/>
    </row>
    <row r="448914" spans="14:14">
      <c r="N448914" s="10"/>
    </row>
    <row r="448915" spans="14:14">
      <c r="N448915" s="10"/>
    </row>
    <row r="448916" spans="14:14">
      <c r="N448916" s="10"/>
    </row>
    <row r="448917" spans="14:14">
      <c r="N448917" s="10"/>
    </row>
    <row r="448918" spans="14:14">
      <c r="N448918" s="10"/>
    </row>
    <row r="448919" spans="14:14">
      <c r="N448919" s="10"/>
    </row>
    <row r="448920" spans="14:14">
      <c r="N448920" s="10"/>
    </row>
    <row r="448921" spans="14:14">
      <c r="N448921" s="10"/>
    </row>
    <row r="448922" spans="14:14">
      <c r="N448922" s="10"/>
    </row>
    <row r="448923" spans="14:14">
      <c r="N448923" s="10"/>
    </row>
    <row r="448924" spans="14:14">
      <c r="N448924" s="10"/>
    </row>
    <row r="448925" spans="14:14">
      <c r="N448925" s="10"/>
    </row>
    <row r="448926" spans="14:14">
      <c r="N448926" s="10"/>
    </row>
    <row r="448927" spans="14:14">
      <c r="N448927" s="10"/>
    </row>
    <row r="448928" spans="14:14">
      <c r="N448928" s="10"/>
    </row>
    <row r="448929" spans="14:14">
      <c r="N448929" s="10"/>
    </row>
    <row r="448930" spans="14:14">
      <c r="N448930" s="10"/>
    </row>
    <row r="448931" spans="14:14">
      <c r="N448931" s="10"/>
    </row>
    <row r="448932" spans="14:14">
      <c r="N448932" s="10"/>
    </row>
    <row r="448933" spans="14:14">
      <c r="N448933" s="10"/>
    </row>
    <row r="448934" spans="14:14">
      <c r="N448934" s="10"/>
    </row>
    <row r="448935" spans="14:14">
      <c r="N448935" s="10"/>
    </row>
    <row r="448936" spans="14:14">
      <c r="N448936" s="10"/>
    </row>
    <row r="448937" spans="14:14">
      <c r="N448937" s="10"/>
    </row>
    <row r="448938" spans="14:14">
      <c r="N448938" s="10"/>
    </row>
    <row r="448939" spans="14:14">
      <c r="N448939" s="10"/>
    </row>
    <row r="448940" spans="14:14">
      <c r="N448940" s="10"/>
    </row>
    <row r="448941" spans="14:14">
      <c r="N448941" s="10"/>
    </row>
    <row r="448942" spans="14:14">
      <c r="N448942" s="10"/>
    </row>
    <row r="448943" spans="14:14">
      <c r="N448943" s="10"/>
    </row>
    <row r="448944" spans="14:14">
      <c r="N448944" s="10"/>
    </row>
    <row r="448945" spans="14:14">
      <c r="N448945" s="10"/>
    </row>
    <row r="448946" spans="14:14">
      <c r="N448946" s="10"/>
    </row>
    <row r="448947" spans="14:14">
      <c r="N448947" s="10"/>
    </row>
    <row r="448948" spans="14:14">
      <c r="N448948" s="10"/>
    </row>
    <row r="448949" spans="14:14">
      <c r="N448949" s="10"/>
    </row>
    <row r="448950" spans="14:14">
      <c r="N448950" s="10"/>
    </row>
    <row r="448951" spans="14:14">
      <c r="N448951" s="10"/>
    </row>
    <row r="448952" spans="14:14">
      <c r="N448952" s="10"/>
    </row>
    <row r="448953" spans="14:14">
      <c r="N448953" s="10"/>
    </row>
    <row r="448954" spans="14:14">
      <c r="N448954" s="10"/>
    </row>
    <row r="448955" spans="14:14">
      <c r="N448955" s="10"/>
    </row>
    <row r="448956" spans="14:14">
      <c r="N448956" s="10"/>
    </row>
    <row r="448957" spans="14:14">
      <c r="N448957" s="10"/>
    </row>
    <row r="448958" spans="14:14">
      <c r="N448958" s="10"/>
    </row>
    <row r="448959" spans="14:14">
      <c r="N448959" s="10"/>
    </row>
    <row r="448960" spans="14:14">
      <c r="N448960" s="10"/>
    </row>
    <row r="448961" spans="14:14">
      <c r="N448961" s="10"/>
    </row>
    <row r="448962" spans="14:14">
      <c r="N448962" s="10"/>
    </row>
    <row r="448963" spans="14:14">
      <c r="N448963" s="10"/>
    </row>
    <row r="448964" spans="14:14">
      <c r="N448964" s="10"/>
    </row>
    <row r="448965" spans="14:14">
      <c r="N448965" s="10"/>
    </row>
    <row r="448966" spans="14:14">
      <c r="N448966" s="10"/>
    </row>
    <row r="448967" spans="14:14">
      <c r="N448967" s="10"/>
    </row>
    <row r="448968" spans="14:14">
      <c r="N448968" s="10"/>
    </row>
    <row r="448969" spans="14:14">
      <c r="N448969" s="10"/>
    </row>
    <row r="448970" spans="14:14">
      <c r="N448970" s="10"/>
    </row>
    <row r="448971" spans="14:14">
      <c r="N448971" s="10"/>
    </row>
    <row r="448972" spans="14:14">
      <c r="N448972" s="10"/>
    </row>
    <row r="448973" spans="14:14">
      <c r="N448973" s="10"/>
    </row>
    <row r="448974" spans="14:14">
      <c r="N448974" s="10"/>
    </row>
    <row r="448975" spans="14:14">
      <c r="N448975" s="10"/>
    </row>
    <row r="448976" spans="14:14">
      <c r="N448976" s="10"/>
    </row>
    <row r="448977" spans="14:14">
      <c r="N448977" s="10"/>
    </row>
    <row r="448978" spans="14:14">
      <c r="N448978" s="10"/>
    </row>
    <row r="448979" spans="14:14">
      <c r="N448979" s="10"/>
    </row>
    <row r="448980" spans="14:14">
      <c r="N448980" s="10"/>
    </row>
    <row r="448981" spans="14:14">
      <c r="N448981" s="10"/>
    </row>
    <row r="448982" spans="14:14">
      <c r="N448982" s="10"/>
    </row>
    <row r="448983" spans="14:14">
      <c r="N448983" s="10"/>
    </row>
    <row r="448984" spans="14:14">
      <c r="N448984" s="10"/>
    </row>
    <row r="448985" spans="14:14">
      <c r="N448985" s="10"/>
    </row>
    <row r="448986" spans="14:14">
      <c r="N448986" s="10"/>
    </row>
    <row r="448987" spans="14:14">
      <c r="N448987" s="10"/>
    </row>
    <row r="448988" spans="14:14">
      <c r="N448988" s="10"/>
    </row>
    <row r="448989" spans="14:14">
      <c r="N448989" s="10"/>
    </row>
    <row r="448990" spans="14:14">
      <c r="N448990" s="10"/>
    </row>
    <row r="448991" spans="14:14">
      <c r="N448991" s="10"/>
    </row>
    <row r="448992" spans="14:14">
      <c r="N448992" s="10"/>
    </row>
    <row r="448993" spans="14:14">
      <c r="N448993" s="10"/>
    </row>
    <row r="448994" spans="14:14">
      <c r="N448994" s="10"/>
    </row>
    <row r="448995" spans="14:14">
      <c r="N448995" s="10"/>
    </row>
    <row r="448996" spans="14:14">
      <c r="N448996" s="10"/>
    </row>
    <row r="448997" spans="14:14">
      <c r="N448997" s="10"/>
    </row>
    <row r="448998" spans="14:14">
      <c r="N448998" s="10"/>
    </row>
    <row r="448999" spans="14:14">
      <c r="N448999" s="10"/>
    </row>
    <row r="449000" spans="14:14">
      <c r="N449000" s="10"/>
    </row>
    <row r="449001" spans="14:14">
      <c r="N449001" s="10"/>
    </row>
    <row r="449002" spans="14:14">
      <c r="N449002" s="10"/>
    </row>
    <row r="449003" spans="14:14">
      <c r="N449003" s="10"/>
    </row>
    <row r="449004" spans="14:14">
      <c r="N449004" s="10"/>
    </row>
    <row r="449005" spans="14:14">
      <c r="N449005" s="10"/>
    </row>
    <row r="449006" spans="14:14">
      <c r="N449006" s="10"/>
    </row>
    <row r="449007" spans="14:14">
      <c r="N449007" s="10"/>
    </row>
    <row r="449008" spans="14:14">
      <c r="N449008" s="10"/>
    </row>
    <row r="449009" spans="14:14">
      <c r="N449009" s="10"/>
    </row>
    <row r="449010" spans="14:14">
      <c r="N449010" s="10"/>
    </row>
    <row r="449011" spans="14:14">
      <c r="N449011" s="10"/>
    </row>
    <row r="449012" spans="14:14">
      <c r="N449012" s="10"/>
    </row>
    <row r="449013" spans="14:14">
      <c r="N449013" s="10"/>
    </row>
    <row r="449014" spans="14:14">
      <c r="N449014" s="10"/>
    </row>
    <row r="449015" spans="14:14">
      <c r="N449015" s="10"/>
    </row>
    <row r="449016" spans="14:14">
      <c r="N449016" s="10"/>
    </row>
    <row r="449017" spans="14:14">
      <c r="N449017" s="10"/>
    </row>
    <row r="449018" spans="14:14">
      <c r="N449018" s="10"/>
    </row>
    <row r="449019" spans="14:14">
      <c r="N449019" s="10"/>
    </row>
    <row r="449020" spans="14:14">
      <c r="N449020" s="10"/>
    </row>
    <row r="449021" spans="14:14">
      <c r="N449021" s="10"/>
    </row>
    <row r="449022" spans="14:14">
      <c r="N449022" s="10"/>
    </row>
    <row r="449023" spans="14:14">
      <c r="N449023" s="10"/>
    </row>
    <row r="449024" spans="14:14">
      <c r="N449024" s="10"/>
    </row>
    <row r="449025" spans="14:14">
      <c r="N449025" s="10"/>
    </row>
    <row r="449026" spans="14:14">
      <c r="N449026" s="10"/>
    </row>
    <row r="449027" spans="14:14">
      <c r="N449027" s="10"/>
    </row>
    <row r="449028" spans="14:14">
      <c r="N449028" s="10"/>
    </row>
    <row r="449029" spans="14:14">
      <c r="N449029" s="10"/>
    </row>
    <row r="449030" spans="14:14">
      <c r="N449030" s="10"/>
    </row>
    <row r="449031" spans="14:14">
      <c r="N449031" s="10"/>
    </row>
    <row r="449032" spans="14:14">
      <c r="N449032" s="10"/>
    </row>
    <row r="449033" spans="14:14">
      <c r="N449033" s="10"/>
    </row>
    <row r="449034" spans="14:14">
      <c r="N449034" s="10"/>
    </row>
    <row r="449035" spans="14:14">
      <c r="N449035" s="10"/>
    </row>
    <row r="449036" spans="14:14">
      <c r="N449036" s="10"/>
    </row>
    <row r="449037" spans="14:14">
      <c r="N449037" s="10"/>
    </row>
    <row r="449038" spans="14:14">
      <c r="N449038" s="10"/>
    </row>
    <row r="449039" spans="14:14">
      <c r="N449039" s="10"/>
    </row>
    <row r="449040" spans="14:14">
      <c r="N449040" s="10"/>
    </row>
    <row r="449041" spans="14:14">
      <c r="N449041" s="10"/>
    </row>
    <row r="449042" spans="14:14">
      <c r="N449042" s="10"/>
    </row>
    <row r="449043" spans="14:14">
      <c r="N449043" s="10"/>
    </row>
    <row r="449044" spans="14:14">
      <c r="N449044" s="10"/>
    </row>
    <row r="449045" spans="14:14">
      <c r="N449045" s="10"/>
    </row>
    <row r="449046" spans="14:14">
      <c r="N449046" s="10"/>
    </row>
    <row r="449047" spans="14:14">
      <c r="N449047" s="10"/>
    </row>
    <row r="449048" spans="14:14">
      <c r="N449048" s="10"/>
    </row>
    <row r="449049" spans="14:14">
      <c r="N449049" s="10"/>
    </row>
    <row r="449050" spans="14:14">
      <c r="N449050" s="10"/>
    </row>
    <row r="449051" spans="14:14">
      <c r="N449051" s="10"/>
    </row>
    <row r="449052" spans="14:14">
      <c r="N449052" s="10"/>
    </row>
    <row r="449053" spans="14:14">
      <c r="N449053" s="10"/>
    </row>
    <row r="449054" spans="14:14">
      <c r="N449054" s="10"/>
    </row>
    <row r="449055" spans="14:14">
      <c r="N449055" s="10"/>
    </row>
    <row r="449056" spans="14:14">
      <c r="N449056" s="10"/>
    </row>
    <row r="449057" spans="14:14">
      <c r="N449057" s="10"/>
    </row>
    <row r="449058" spans="14:14">
      <c r="N449058" s="10"/>
    </row>
    <row r="449059" spans="14:14">
      <c r="N449059" s="10"/>
    </row>
    <row r="449060" spans="14:14">
      <c r="N449060" s="10"/>
    </row>
    <row r="449061" spans="14:14">
      <c r="N449061" s="10"/>
    </row>
    <row r="449062" spans="14:14">
      <c r="N449062" s="10"/>
    </row>
    <row r="449063" spans="14:14">
      <c r="N449063" s="10"/>
    </row>
    <row r="449064" spans="14:14">
      <c r="N449064" s="10"/>
    </row>
    <row r="449065" spans="14:14">
      <c r="N449065" s="10"/>
    </row>
    <row r="449066" spans="14:14">
      <c r="N449066" s="10"/>
    </row>
    <row r="449067" spans="14:14">
      <c r="N449067" s="10"/>
    </row>
    <row r="449068" spans="14:14">
      <c r="N449068" s="10"/>
    </row>
    <row r="449069" spans="14:14">
      <c r="N449069" s="10"/>
    </row>
    <row r="449070" spans="14:14">
      <c r="N449070" s="10"/>
    </row>
    <row r="449071" spans="14:14">
      <c r="N449071" s="10"/>
    </row>
    <row r="449072" spans="14:14">
      <c r="N449072" s="10"/>
    </row>
    <row r="449073" spans="14:14">
      <c r="N449073" s="10"/>
    </row>
    <row r="449074" spans="14:14">
      <c r="N449074" s="10"/>
    </row>
    <row r="449075" spans="14:14">
      <c r="N449075" s="10"/>
    </row>
    <row r="449076" spans="14:14">
      <c r="N449076" s="10"/>
    </row>
    <row r="449077" spans="14:14">
      <c r="N449077" s="10"/>
    </row>
    <row r="449078" spans="14:14">
      <c r="N449078" s="10"/>
    </row>
    <row r="449079" spans="14:14">
      <c r="N449079" s="10"/>
    </row>
    <row r="449080" spans="14:14">
      <c r="N449080" s="10"/>
    </row>
    <row r="449081" spans="14:14">
      <c r="N449081" s="10"/>
    </row>
    <row r="449082" spans="14:14">
      <c r="N449082" s="10"/>
    </row>
    <row r="449083" spans="14:14">
      <c r="N449083" s="10"/>
    </row>
    <row r="449084" spans="14:14">
      <c r="N449084" s="10"/>
    </row>
    <row r="449085" spans="14:14">
      <c r="N449085" s="10"/>
    </row>
    <row r="449086" spans="14:14">
      <c r="N449086" s="10"/>
    </row>
    <row r="449087" spans="14:14">
      <c r="N449087" s="10"/>
    </row>
    <row r="449088" spans="14:14">
      <c r="N449088" s="10"/>
    </row>
    <row r="449089" spans="14:14">
      <c r="N449089" s="10"/>
    </row>
    <row r="449090" spans="14:14">
      <c r="N449090" s="10"/>
    </row>
    <row r="449091" spans="14:14">
      <c r="N449091" s="10"/>
    </row>
    <row r="449092" spans="14:14">
      <c r="N449092" s="10"/>
    </row>
    <row r="449093" spans="14:14">
      <c r="N449093" s="10"/>
    </row>
    <row r="449094" spans="14:14">
      <c r="N449094" s="10"/>
    </row>
    <row r="449095" spans="14:14">
      <c r="N449095" s="10"/>
    </row>
    <row r="449096" spans="14:14">
      <c r="N449096" s="10"/>
    </row>
    <row r="449097" spans="14:14">
      <c r="N449097" s="10"/>
    </row>
    <row r="449098" spans="14:14">
      <c r="N449098" s="10"/>
    </row>
    <row r="449099" spans="14:14">
      <c r="N449099" s="10"/>
    </row>
    <row r="449100" spans="14:14">
      <c r="N449100" s="10"/>
    </row>
    <row r="449101" spans="14:14">
      <c r="N449101" s="10"/>
    </row>
    <row r="449102" spans="14:14">
      <c r="N449102" s="10"/>
    </row>
    <row r="449103" spans="14:14">
      <c r="N449103" s="10"/>
    </row>
    <row r="449104" spans="14:14">
      <c r="N449104" s="10"/>
    </row>
    <row r="449105" spans="14:14">
      <c r="N449105" s="10"/>
    </row>
    <row r="449106" spans="14:14">
      <c r="N449106" s="10"/>
    </row>
    <row r="449107" spans="14:14">
      <c r="N449107" s="10"/>
    </row>
    <row r="449108" spans="14:14">
      <c r="N449108" s="10"/>
    </row>
    <row r="449109" spans="14:14">
      <c r="N449109" s="10"/>
    </row>
    <row r="449110" spans="14:14">
      <c r="N449110" s="10"/>
    </row>
    <row r="449111" spans="14:14">
      <c r="N449111" s="10"/>
    </row>
    <row r="449112" spans="14:14">
      <c r="N449112" s="10"/>
    </row>
    <row r="449113" spans="14:14">
      <c r="N449113" s="10"/>
    </row>
    <row r="449114" spans="14:14">
      <c r="N449114" s="10"/>
    </row>
    <row r="449115" spans="14:14">
      <c r="N449115" s="10"/>
    </row>
    <row r="449116" spans="14:14">
      <c r="N449116" s="10"/>
    </row>
    <row r="449117" spans="14:14">
      <c r="N449117" s="10"/>
    </row>
    <row r="449118" spans="14:14">
      <c r="N449118" s="10"/>
    </row>
    <row r="449119" spans="14:14">
      <c r="N449119" s="10"/>
    </row>
    <row r="449120" spans="14:14">
      <c r="N449120" s="10"/>
    </row>
    <row r="449121" spans="14:14">
      <c r="N449121" s="10"/>
    </row>
    <row r="449122" spans="14:14">
      <c r="N449122" s="10"/>
    </row>
    <row r="449123" spans="14:14">
      <c r="N449123" s="10"/>
    </row>
    <row r="449124" spans="14:14">
      <c r="N449124" s="10"/>
    </row>
    <row r="449125" spans="14:14">
      <c r="N449125" s="10"/>
    </row>
    <row r="449126" spans="14:14">
      <c r="N449126" s="10"/>
    </row>
    <row r="449127" spans="14:14">
      <c r="N449127" s="10"/>
    </row>
    <row r="449128" spans="14:14">
      <c r="N449128" s="10"/>
    </row>
    <row r="449129" spans="14:14">
      <c r="N449129" s="10"/>
    </row>
    <row r="449130" spans="14:14">
      <c r="N449130" s="10"/>
    </row>
    <row r="449131" spans="14:14">
      <c r="N449131" s="10"/>
    </row>
    <row r="449132" spans="14:14">
      <c r="N449132" s="10"/>
    </row>
    <row r="449133" spans="14:14">
      <c r="N449133" s="10"/>
    </row>
    <row r="449134" spans="14:14">
      <c r="N449134" s="10"/>
    </row>
    <row r="449135" spans="14:14">
      <c r="N449135" s="10"/>
    </row>
    <row r="449136" spans="14:14">
      <c r="N449136" s="10"/>
    </row>
    <row r="449137" spans="14:14">
      <c r="N449137" s="10"/>
    </row>
    <row r="449138" spans="14:14">
      <c r="N449138" s="10"/>
    </row>
    <row r="449139" spans="14:14">
      <c r="N449139" s="10"/>
    </row>
    <row r="449140" spans="14:14">
      <c r="N449140" s="10"/>
    </row>
    <row r="449141" spans="14:14">
      <c r="N449141" s="10"/>
    </row>
    <row r="449142" spans="14:14">
      <c r="N449142" s="10"/>
    </row>
    <row r="449143" spans="14:14">
      <c r="N449143" s="10"/>
    </row>
    <row r="449144" spans="14:14">
      <c r="N449144" s="10"/>
    </row>
    <row r="449145" spans="14:14">
      <c r="N449145" s="10"/>
    </row>
    <row r="449146" spans="14:14">
      <c r="N449146" s="10"/>
    </row>
    <row r="449147" spans="14:14">
      <c r="N449147" s="10"/>
    </row>
    <row r="449148" spans="14:14">
      <c r="N449148" s="10"/>
    </row>
    <row r="449149" spans="14:14">
      <c r="N449149" s="10"/>
    </row>
    <row r="449150" spans="14:14">
      <c r="N449150" s="10"/>
    </row>
    <row r="449151" spans="14:14">
      <c r="N449151" s="10"/>
    </row>
    <row r="449152" spans="14:14">
      <c r="N449152" s="10"/>
    </row>
    <row r="449153" spans="14:14">
      <c r="N449153" s="10"/>
    </row>
    <row r="449154" spans="14:14">
      <c r="N449154" s="10"/>
    </row>
    <row r="449155" spans="14:14">
      <c r="N449155" s="10"/>
    </row>
    <row r="449156" spans="14:14">
      <c r="N449156" s="10"/>
    </row>
    <row r="449157" spans="14:14">
      <c r="N449157" s="10"/>
    </row>
    <row r="449158" spans="14:14">
      <c r="N449158" s="10"/>
    </row>
    <row r="449159" spans="14:14">
      <c r="N449159" s="10"/>
    </row>
    <row r="449160" spans="14:14">
      <c r="N449160" s="10"/>
    </row>
    <row r="449161" spans="14:14">
      <c r="N449161" s="10"/>
    </row>
    <row r="449162" spans="14:14">
      <c r="N449162" s="10"/>
    </row>
    <row r="449163" spans="14:14">
      <c r="N449163" s="10"/>
    </row>
    <row r="449164" spans="14:14">
      <c r="N449164" s="10"/>
    </row>
    <row r="449165" spans="14:14">
      <c r="N449165" s="10"/>
    </row>
    <row r="449166" spans="14:14">
      <c r="N449166" s="10"/>
    </row>
    <row r="449167" spans="14:14">
      <c r="N449167" s="10"/>
    </row>
    <row r="449168" spans="14:14">
      <c r="N449168" s="10"/>
    </row>
    <row r="449169" spans="14:14">
      <c r="N449169" s="10"/>
    </row>
    <row r="449170" spans="14:14">
      <c r="N449170" s="10"/>
    </row>
    <row r="449171" spans="14:14">
      <c r="N449171" s="10"/>
    </row>
    <row r="449172" spans="14:14">
      <c r="N449172" s="10"/>
    </row>
    <row r="449173" spans="14:14">
      <c r="N449173" s="10"/>
    </row>
    <row r="449174" spans="14:14">
      <c r="N449174" s="10"/>
    </row>
    <row r="449175" spans="14:14">
      <c r="N449175" s="10"/>
    </row>
    <row r="449176" spans="14:14">
      <c r="N449176" s="10"/>
    </row>
    <row r="449177" spans="14:14">
      <c r="N449177" s="10"/>
    </row>
    <row r="449178" spans="14:14">
      <c r="N449178" s="10"/>
    </row>
    <row r="449179" spans="14:14">
      <c r="N449179" s="10"/>
    </row>
    <row r="449180" spans="14:14">
      <c r="N449180" s="10"/>
    </row>
    <row r="449181" spans="14:14">
      <c r="N449181" s="10"/>
    </row>
    <row r="449182" spans="14:14">
      <c r="N449182" s="10"/>
    </row>
    <row r="449183" spans="14:14">
      <c r="N449183" s="10"/>
    </row>
    <row r="449184" spans="14:14">
      <c r="N449184" s="10"/>
    </row>
    <row r="449185" spans="14:14">
      <c r="N449185" s="10"/>
    </row>
    <row r="449186" spans="14:14">
      <c r="N449186" s="10"/>
    </row>
    <row r="449187" spans="14:14">
      <c r="N449187" s="10"/>
    </row>
    <row r="449188" spans="14:14">
      <c r="N449188" s="10"/>
    </row>
    <row r="449189" spans="14:14">
      <c r="N449189" s="10"/>
    </row>
    <row r="449190" spans="14:14">
      <c r="N449190" s="10"/>
    </row>
    <row r="449191" spans="14:14">
      <c r="N449191" s="10"/>
    </row>
    <row r="449192" spans="14:14">
      <c r="N449192" s="10"/>
    </row>
    <row r="449193" spans="14:14">
      <c r="N449193" s="10"/>
    </row>
    <row r="449194" spans="14:14">
      <c r="N449194" s="10"/>
    </row>
    <row r="449195" spans="14:14">
      <c r="N449195" s="10"/>
    </row>
    <row r="449196" spans="14:14">
      <c r="N449196" s="10"/>
    </row>
    <row r="449197" spans="14:14">
      <c r="N449197" s="10"/>
    </row>
    <row r="449198" spans="14:14">
      <c r="N449198" s="10"/>
    </row>
    <row r="449199" spans="14:14">
      <c r="N449199" s="10"/>
    </row>
    <row r="449200" spans="14:14">
      <c r="N449200" s="10"/>
    </row>
    <row r="449201" spans="14:14">
      <c r="N449201" s="10"/>
    </row>
    <row r="449202" spans="14:14">
      <c r="N449202" s="10"/>
    </row>
    <row r="449203" spans="14:14">
      <c r="N449203" s="10"/>
    </row>
    <row r="449204" spans="14:14">
      <c r="N449204" s="10"/>
    </row>
    <row r="449205" spans="14:14">
      <c r="N449205" s="10"/>
    </row>
    <row r="449206" spans="14:14">
      <c r="N449206" s="10"/>
    </row>
    <row r="449207" spans="14:14">
      <c r="N449207" s="10"/>
    </row>
    <row r="449208" spans="14:14">
      <c r="N449208" s="10"/>
    </row>
    <row r="449209" spans="14:14">
      <c r="N449209" s="10"/>
    </row>
    <row r="449210" spans="14:14">
      <c r="N449210" s="10"/>
    </row>
    <row r="449211" spans="14:14">
      <c r="N449211" s="10"/>
    </row>
    <row r="449212" spans="14:14">
      <c r="N449212" s="10"/>
    </row>
    <row r="449213" spans="14:14">
      <c r="N449213" s="10"/>
    </row>
    <row r="449214" spans="14:14">
      <c r="N449214" s="10"/>
    </row>
    <row r="449215" spans="14:14">
      <c r="N449215" s="10"/>
    </row>
    <row r="449216" spans="14:14">
      <c r="N449216" s="10"/>
    </row>
    <row r="449217" spans="14:14">
      <c r="N449217" s="10"/>
    </row>
    <row r="449218" spans="14:14">
      <c r="N449218" s="10"/>
    </row>
    <row r="449219" spans="14:14">
      <c r="N449219" s="10"/>
    </row>
    <row r="449220" spans="14:14">
      <c r="N449220" s="10"/>
    </row>
    <row r="449221" spans="14:14">
      <c r="N449221" s="10"/>
    </row>
    <row r="449222" spans="14:14">
      <c r="N449222" s="10"/>
    </row>
    <row r="449223" spans="14:14">
      <c r="N449223" s="10"/>
    </row>
    <row r="449224" spans="14:14">
      <c r="N449224" s="10"/>
    </row>
    <row r="449225" spans="14:14">
      <c r="N449225" s="10"/>
    </row>
    <row r="449226" spans="14:14">
      <c r="N449226" s="10"/>
    </row>
    <row r="449227" spans="14:14">
      <c r="N449227" s="10"/>
    </row>
    <row r="449228" spans="14:14">
      <c r="N449228" s="10"/>
    </row>
    <row r="449229" spans="14:14">
      <c r="N449229" s="10"/>
    </row>
    <row r="449230" spans="14:14">
      <c r="N449230" s="10"/>
    </row>
    <row r="449231" spans="14:14">
      <c r="N449231" s="10"/>
    </row>
    <row r="449232" spans="14:14">
      <c r="N449232" s="10"/>
    </row>
    <row r="449233" spans="14:14">
      <c r="N449233" s="10"/>
    </row>
    <row r="449234" spans="14:14">
      <c r="N449234" s="10"/>
    </row>
    <row r="449235" spans="14:14">
      <c r="N449235" s="10"/>
    </row>
    <row r="449236" spans="14:14">
      <c r="N449236" s="10"/>
    </row>
    <row r="449237" spans="14:14">
      <c r="N449237" s="10"/>
    </row>
    <row r="449238" spans="14:14">
      <c r="N449238" s="10"/>
    </row>
    <row r="449239" spans="14:14">
      <c r="N449239" s="10"/>
    </row>
    <row r="449240" spans="14:14">
      <c r="N449240" s="10"/>
    </row>
    <row r="449241" spans="14:14">
      <c r="N449241" s="10"/>
    </row>
    <row r="449242" spans="14:14">
      <c r="N449242" s="10"/>
    </row>
    <row r="449243" spans="14:14">
      <c r="N449243" s="10"/>
    </row>
    <row r="449244" spans="14:14">
      <c r="N449244" s="10"/>
    </row>
    <row r="449245" spans="14:14">
      <c r="N449245" s="10"/>
    </row>
    <row r="449246" spans="14:14">
      <c r="N449246" s="10"/>
    </row>
    <row r="449247" spans="14:14">
      <c r="N449247" s="10"/>
    </row>
    <row r="449248" spans="14:14">
      <c r="N449248" s="10"/>
    </row>
    <row r="449249" spans="14:14">
      <c r="N449249" s="10"/>
    </row>
    <row r="449250" spans="14:14">
      <c r="N449250" s="10"/>
    </row>
    <row r="449251" spans="14:14">
      <c r="N449251" s="10"/>
    </row>
    <row r="449252" spans="14:14">
      <c r="N449252" s="10"/>
    </row>
    <row r="449253" spans="14:14">
      <c r="N449253" s="10"/>
    </row>
    <row r="449254" spans="14:14">
      <c r="N449254" s="10"/>
    </row>
    <row r="449255" spans="14:14">
      <c r="N449255" s="10"/>
    </row>
    <row r="449256" spans="14:14">
      <c r="N449256" s="10"/>
    </row>
    <row r="449257" spans="14:14">
      <c r="N449257" s="10"/>
    </row>
    <row r="449258" spans="14:14">
      <c r="N449258" s="10"/>
    </row>
    <row r="449259" spans="14:14">
      <c r="N449259" s="10"/>
    </row>
    <row r="449260" spans="14:14">
      <c r="N449260" s="10"/>
    </row>
    <row r="449261" spans="14:14">
      <c r="N449261" s="10"/>
    </row>
    <row r="449262" spans="14:14">
      <c r="N449262" s="10"/>
    </row>
    <row r="449263" spans="14:14">
      <c r="N449263" s="10"/>
    </row>
    <row r="449264" spans="14:14">
      <c r="N449264" s="10"/>
    </row>
    <row r="449265" spans="14:14">
      <c r="N449265" s="10"/>
    </row>
    <row r="449266" spans="14:14">
      <c r="N449266" s="10"/>
    </row>
    <row r="449267" spans="14:14">
      <c r="N449267" s="10"/>
    </row>
    <row r="449268" spans="14:14">
      <c r="N449268" s="10"/>
    </row>
    <row r="449269" spans="14:14">
      <c r="N449269" s="10"/>
    </row>
    <row r="449270" spans="14:14">
      <c r="N449270" s="10"/>
    </row>
    <row r="449271" spans="14:14">
      <c r="N449271" s="10"/>
    </row>
    <row r="449272" spans="14:14">
      <c r="N449272" s="10"/>
    </row>
    <row r="449273" spans="14:14">
      <c r="N449273" s="10"/>
    </row>
    <row r="449274" spans="14:14">
      <c r="N449274" s="10"/>
    </row>
    <row r="449275" spans="14:14">
      <c r="N449275" s="10"/>
    </row>
    <row r="449276" spans="14:14">
      <c r="N449276" s="10"/>
    </row>
    <row r="449277" spans="14:14">
      <c r="N449277" s="10"/>
    </row>
    <row r="449278" spans="14:14">
      <c r="N449278" s="10"/>
    </row>
    <row r="449279" spans="14:14">
      <c r="N449279" s="10"/>
    </row>
    <row r="449280" spans="14:14">
      <c r="N449280" s="10"/>
    </row>
    <row r="449281" spans="14:14">
      <c r="N449281" s="10"/>
    </row>
    <row r="449282" spans="14:14">
      <c r="N449282" s="10"/>
    </row>
    <row r="449283" spans="14:14">
      <c r="N449283" s="10"/>
    </row>
    <row r="449284" spans="14:14">
      <c r="N449284" s="10"/>
    </row>
    <row r="449285" spans="14:14">
      <c r="N449285" s="10"/>
    </row>
    <row r="449286" spans="14:14">
      <c r="N449286" s="10"/>
    </row>
    <row r="449287" spans="14:14">
      <c r="N449287" s="10"/>
    </row>
    <row r="449288" spans="14:14">
      <c r="N449288" s="10"/>
    </row>
    <row r="449289" spans="14:14">
      <c r="N449289" s="10"/>
    </row>
    <row r="449290" spans="14:14">
      <c r="N449290" s="10"/>
    </row>
    <row r="449291" spans="14:14">
      <c r="N449291" s="10"/>
    </row>
    <row r="449292" spans="14:14">
      <c r="N449292" s="10"/>
    </row>
    <row r="449293" spans="14:14">
      <c r="N449293" s="10"/>
    </row>
    <row r="449294" spans="14:14">
      <c r="N449294" s="10"/>
    </row>
    <row r="449295" spans="14:14">
      <c r="N449295" s="10"/>
    </row>
    <row r="449296" spans="14:14">
      <c r="N449296" s="10"/>
    </row>
    <row r="449297" spans="14:14">
      <c r="N449297" s="10"/>
    </row>
    <row r="449298" spans="14:14">
      <c r="N449298" s="10"/>
    </row>
    <row r="449299" spans="14:14">
      <c r="N449299" s="10"/>
    </row>
    <row r="449300" spans="14:14">
      <c r="N449300" s="10"/>
    </row>
    <row r="449301" spans="14:14">
      <c r="N449301" s="10"/>
    </row>
    <row r="449302" spans="14:14">
      <c r="N449302" s="10"/>
    </row>
    <row r="449303" spans="14:14">
      <c r="N449303" s="10"/>
    </row>
    <row r="449304" spans="14:14">
      <c r="N449304" s="10"/>
    </row>
    <row r="449305" spans="14:14">
      <c r="N449305" s="10"/>
    </row>
    <row r="449306" spans="14:14">
      <c r="N449306" s="10"/>
    </row>
    <row r="449307" spans="14:14">
      <c r="N449307" s="10"/>
    </row>
    <row r="449308" spans="14:14">
      <c r="N449308" s="10"/>
    </row>
    <row r="449309" spans="14:14">
      <c r="N449309" s="10"/>
    </row>
    <row r="449310" spans="14:14">
      <c r="N449310" s="10"/>
    </row>
    <row r="449311" spans="14:14">
      <c r="N449311" s="10"/>
    </row>
    <row r="449312" spans="14:14">
      <c r="N449312" s="10"/>
    </row>
    <row r="449313" spans="14:14">
      <c r="N449313" s="10"/>
    </row>
    <row r="449314" spans="14:14">
      <c r="N449314" s="10"/>
    </row>
    <row r="449315" spans="14:14">
      <c r="N449315" s="10"/>
    </row>
    <row r="449316" spans="14:14">
      <c r="N449316" s="10"/>
    </row>
    <row r="449317" spans="14:14">
      <c r="N449317" s="10"/>
    </row>
    <row r="449318" spans="14:14">
      <c r="N449318" s="10"/>
    </row>
    <row r="449319" spans="14:14">
      <c r="N449319" s="10"/>
    </row>
    <row r="449320" spans="14:14">
      <c r="N449320" s="10"/>
    </row>
    <row r="449321" spans="14:14">
      <c r="N449321" s="10"/>
    </row>
    <row r="449322" spans="14:14">
      <c r="N449322" s="10"/>
    </row>
    <row r="449323" spans="14:14">
      <c r="N449323" s="10"/>
    </row>
    <row r="449324" spans="14:14">
      <c r="N449324" s="10"/>
    </row>
    <row r="449325" spans="14:14">
      <c r="N449325" s="10"/>
    </row>
    <row r="449326" spans="14:14">
      <c r="N449326" s="10"/>
    </row>
    <row r="449327" spans="14:14">
      <c r="N449327" s="10"/>
    </row>
    <row r="449328" spans="14:14">
      <c r="N449328" s="10"/>
    </row>
    <row r="449329" spans="14:14">
      <c r="N449329" s="10"/>
    </row>
    <row r="449330" spans="14:14">
      <c r="N449330" s="10"/>
    </row>
    <row r="449331" spans="14:14">
      <c r="N449331" s="10"/>
    </row>
    <row r="449332" spans="14:14">
      <c r="N449332" s="10"/>
    </row>
    <row r="449333" spans="14:14">
      <c r="N449333" s="10"/>
    </row>
    <row r="449334" spans="14:14">
      <c r="N449334" s="10"/>
    </row>
    <row r="449335" spans="14:14">
      <c r="N449335" s="10"/>
    </row>
    <row r="449336" spans="14:14">
      <c r="N449336" s="10"/>
    </row>
    <row r="449337" spans="14:14">
      <c r="N449337" s="10"/>
    </row>
    <row r="449338" spans="14:14">
      <c r="N449338" s="10"/>
    </row>
    <row r="449339" spans="14:14">
      <c r="N449339" s="10"/>
    </row>
    <row r="449340" spans="14:14">
      <c r="N449340" s="10"/>
    </row>
    <row r="449341" spans="14:14">
      <c r="N449341" s="10"/>
    </row>
    <row r="449342" spans="14:14">
      <c r="N449342" s="10"/>
    </row>
    <row r="449343" spans="14:14">
      <c r="N449343" s="10"/>
    </row>
    <row r="449344" spans="14:14">
      <c r="N449344" s="10"/>
    </row>
    <row r="449345" spans="14:14">
      <c r="N449345" s="10"/>
    </row>
    <row r="449346" spans="14:14">
      <c r="N449346" s="10"/>
    </row>
    <row r="449347" spans="14:14">
      <c r="N449347" s="10"/>
    </row>
    <row r="449348" spans="14:14">
      <c r="N449348" s="10"/>
    </row>
    <row r="449349" spans="14:14">
      <c r="N449349" s="10"/>
    </row>
    <row r="449350" spans="14:14">
      <c r="N449350" s="10"/>
    </row>
    <row r="449351" spans="14:14">
      <c r="N449351" s="10"/>
    </row>
    <row r="449352" spans="14:14">
      <c r="N449352" s="10"/>
    </row>
    <row r="449353" spans="14:14">
      <c r="N449353" s="10"/>
    </row>
    <row r="449354" spans="14:14">
      <c r="N449354" s="10"/>
    </row>
    <row r="449355" spans="14:14">
      <c r="N449355" s="10"/>
    </row>
    <row r="449356" spans="14:14">
      <c r="N449356" s="10"/>
    </row>
    <row r="449357" spans="14:14">
      <c r="N449357" s="10"/>
    </row>
    <row r="449358" spans="14:14">
      <c r="N449358" s="10"/>
    </row>
    <row r="449359" spans="14:14">
      <c r="N449359" s="10"/>
    </row>
    <row r="449360" spans="14:14">
      <c r="N449360" s="10"/>
    </row>
    <row r="449361" spans="14:14">
      <c r="N449361" s="10"/>
    </row>
    <row r="449362" spans="14:14">
      <c r="N449362" s="10"/>
    </row>
    <row r="449363" spans="14:14">
      <c r="N449363" s="10"/>
    </row>
    <row r="449364" spans="14:14">
      <c r="N449364" s="10"/>
    </row>
    <row r="449365" spans="14:14">
      <c r="N449365" s="10"/>
    </row>
    <row r="449366" spans="14:14">
      <c r="N449366" s="10"/>
    </row>
    <row r="449367" spans="14:14">
      <c r="N449367" s="10"/>
    </row>
    <row r="449368" spans="14:14">
      <c r="N449368" s="10"/>
    </row>
    <row r="449369" spans="14:14">
      <c r="N449369" s="10"/>
    </row>
    <row r="449370" spans="14:14">
      <c r="N449370" s="10"/>
    </row>
    <row r="449371" spans="14:14">
      <c r="N449371" s="10"/>
    </row>
    <row r="449372" spans="14:14">
      <c r="N449372" s="10"/>
    </row>
    <row r="449373" spans="14:14">
      <c r="N449373" s="10"/>
    </row>
    <row r="449374" spans="14:14">
      <c r="N449374" s="10"/>
    </row>
    <row r="449375" spans="14:14">
      <c r="N449375" s="10"/>
    </row>
    <row r="449376" spans="14:14">
      <c r="N449376" s="10"/>
    </row>
    <row r="449377" spans="14:14">
      <c r="N449377" s="10"/>
    </row>
    <row r="449378" spans="14:14">
      <c r="N449378" s="10"/>
    </row>
    <row r="449379" spans="14:14">
      <c r="N449379" s="10"/>
    </row>
    <row r="449380" spans="14:14">
      <c r="N449380" s="10"/>
    </row>
    <row r="449381" spans="14:14">
      <c r="N449381" s="10"/>
    </row>
    <row r="449382" spans="14:14">
      <c r="N449382" s="10"/>
    </row>
    <row r="449383" spans="14:14">
      <c r="N449383" s="10"/>
    </row>
    <row r="449384" spans="14:14">
      <c r="N449384" s="10"/>
    </row>
    <row r="449385" spans="14:14">
      <c r="N449385" s="10"/>
    </row>
    <row r="449386" spans="14:14">
      <c r="N449386" s="10"/>
    </row>
    <row r="449387" spans="14:14">
      <c r="N449387" s="10"/>
    </row>
    <row r="449388" spans="14:14">
      <c r="N449388" s="10"/>
    </row>
    <row r="449389" spans="14:14">
      <c r="N449389" s="10"/>
    </row>
    <row r="449390" spans="14:14">
      <c r="N449390" s="10"/>
    </row>
    <row r="449391" spans="14:14">
      <c r="N449391" s="10"/>
    </row>
    <row r="449392" spans="14:14">
      <c r="N449392" s="10"/>
    </row>
    <row r="449393" spans="14:14">
      <c r="N449393" s="10"/>
    </row>
    <row r="449394" spans="14:14">
      <c r="N449394" s="10"/>
    </row>
    <row r="449395" spans="14:14">
      <c r="N449395" s="10"/>
    </row>
    <row r="449396" spans="14:14">
      <c r="N449396" s="10"/>
    </row>
    <row r="449397" spans="14:14">
      <c r="N449397" s="10"/>
    </row>
    <row r="449398" spans="14:14">
      <c r="N449398" s="10"/>
    </row>
    <row r="449399" spans="14:14">
      <c r="N449399" s="10"/>
    </row>
    <row r="449400" spans="14:14">
      <c r="N449400" s="10"/>
    </row>
    <row r="449401" spans="14:14">
      <c r="N449401" s="10"/>
    </row>
    <row r="449402" spans="14:14">
      <c r="N449402" s="10"/>
    </row>
    <row r="449403" spans="14:14">
      <c r="N449403" s="10"/>
    </row>
    <row r="449404" spans="14:14">
      <c r="N449404" s="10"/>
    </row>
    <row r="449405" spans="14:14">
      <c r="N449405" s="10"/>
    </row>
    <row r="449406" spans="14:14">
      <c r="N449406" s="10"/>
    </row>
    <row r="449407" spans="14:14">
      <c r="N449407" s="10"/>
    </row>
    <row r="449408" spans="14:14">
      <c r="N449408" s="10"/>
    </row>
    <row r="449409" spans="14:14">
      <c r="N449409" s="10"/>
    </row>
    <row r="449410" spans="14:14">
      <c r="N449410" s="10"/>
    </row>
    <row r="449411" spans="14:14">
      <c r="N449411" s="10"/>
    </row>
    <row r="449412" spans="14:14">
      <c r="N449412" s="10"/>
    </row>
    <row r="449413" spans="14:14">
      <c r="N449413" s="10"/>
    </row>
    <row r="449414" spans="14:14">
      <c r="N449414" s="10"/>
    </row>
    <row r="449415" spans="14:14">
      <c r="N449415" s="10"/>
    </row>
    <row r="449416" spans="14:14">
      <c r="N449416" s="10"/>
    </row>
    <row r="449417" spans="14:14">
      <c r="N449417" s="10"/>
    </row>
    <row r="449418" spans="14:14">
      <c r="N449418" s="10"/>
    </row>
    <row r="449419" spans="14:14">
      <c r="N449419" s="10"/>
    </row>
    <row r="449420" spans="14:14">
      <c r="N449420" s="10"/>
    </row>
    <row r="449421" spans="14:14">
      <c r="N449421" s="10"/>
    </row>
    <row r="449422" spans="14:14">
      <c r="N449422" s="10"/>
    </row>
    <row r="449423" spans="14:14">
      <c r="N449423" s="10"/>
    </row>
    <row r="449424" spans="14:14">
      <c r="N449424" s="10"/>
    </row>
    <row r="449425" spans="14:14">
      <c r="N449425" s="10"/>
    </row>
    <row r="449426" spans="14:14">
      <c r="N449426" s="10"/>
    </row>
    <row r="449427" spans="14:14">
      <c r="N449427" s="10"/>
    </row>
    <row r="449428" spans="14:14">
      <c r="N449428" s="10"/>
    </row>
    <row r="449429" spans="14:14">
      <c r="N449429" s="10"/>
    </row>
    <row r="449430" spans="14:14">
      <c r="N449430" s="10"/>
    </row>
    <row r="449431" spans="14:14">
      <c r="N449431" s="10"/>
    </row>
    <row r="449432" spans="14:14">
      <c r="N449432" s="10"/>
    </row>
    <row r="449433" spans="14:14">
      <c r="N449433" s="10"/>
    </row>
    <row r="449434" spans="14:14">
      <c r="N449434" s="10"/>
    </row>
    <row r="449435" spans="14:14">
      <c r="N449435" s="10"/>
    </row>
    <row r="449436" spans="14:14">
      <c r="N449436" s="10"/>
    </row>
    <row r="449437" spans="14:14">
      <c r="N449437" s="10"/>
    </row>
    <row r="449438" spans="14:14">
      <c r="N449438" s="10"/>
    </row>
    <row r="449439" spans="14:14">
      <c r="N449439" s="10"/>
    </row>
    <row r="449440" spans="14:14">
      <c r="N449440" s="10"/>
    </row>
    <row r="449441" spans="14:14">
      <c r="N449441" s="10"/>
    </row>
    <row r="449442" spans="14:14">
      <c r="N449442" s="10"/>
    </row>
    <row r="449443" spans="14:14">
      <c r="N449443" s="10"/>
    </row>
    <row r="449444" spans="14:14">
      <c r="N449444" s="10"/>
    </row>
    <row r="449445" spans="14:14">
      <c r="N449445" s="10"/>
    </row>
    <row r="449446" spans="14:14">
      <c r="N449446" s="10"/>
    </row>
    <row r="449447" spans="14:14">
      <c r="N449447" s="10"/>
    </row>
    <row r="449448" spans="14:14">
      <c r="N449448" s="10"/>
    </row>
    <row r="449449" spans="14:14">
      <c r="N449449" s="10"/>
    </row>
    <row r="449450" spans="14:14">
      <c r="N449450" s="10"/>
    </row>
    <row r="449451" spans="14:14">
      <c r="N449451" s="10"/>
    </row>
    <row r="449452" spans="14:14">
      <c r="N449452" s="10"/>
    </row>
    <row r="449453" spans="14:14">
      <c r="N449453" s="10"/>
    </row>
    <row r="449454" spans="14:14">
      <c r="N449454" s="10"/>
    </row>
    <row r="449455" spans="14:14">
      <c r="N449455" s="10"/>
    </row>
    <row r="449456" spans="14:14">
      <c r="N449456" s="10"/>
    </row>
    <row r="449457" spans="14:14">
      <c r="N449457" s="10"/>
    </row>
    <row r="449458" spans="14:14">
      <c r="N449458" s="10"/>
    </row>
    <row r="449459" spans="14:14">
      <c r="N449459" s="10"/>
    </row>
    <row r="449460" spans="14:14">
      <c r="N449460" s="10"/>
    </row>
    <row r="449461" spans="14:14">
      <c r="N449461" s="10"/>
    </row>
    <row r="449462" spans="14:14">
      <c r="N449462" s="10"/>
    </row>
    <row r="449463" spans="14:14">
      <c r="N449463" s="10"/>
    </row>
    <row r="449464" spans="14:14">
      <c r="N449464" s="10"/>
    </row>
    <row r="449465" spans="14:14">
      <c r="N449465" s="10"/>
    </row>
    <row r="449466" spans="14:14">
      <c r="N449466" s="10"/>
    </row>
    <row r="449467" spans="14:14">
      <c r="N449467" s="10"/>
    </row>
    <row r="449468" spans="14:14">
      <c r="N449468" s="10"/>
    </row>
    <row r="449469" spans="14:14">
      <c r="N449469" s="10"/>
    </row>
    <row r="449470" spans="14:14">
      <c r="N449470" s="10"/>
    </row>
    <row r="449471" spans="14:14">
      <c r="N449471" s="10"/>
    </row>
    <row r="449472" spans="14:14">
      <c r="N449472" s="10"/>
    </row>
    <row r="449473" spans="14:14">
      <c r="N449473" s="10"/>
    </row>
    <row r="449474" spans="14:14">
      <c r="N449474" s="10"/>
    </row>
    <row r="449475" spans="14:14">
      <c r="N449475" s="10"/>
    </row>
    <row r="449476" spans="14:14">
      <c r="N449476" s="10"/>
    </row>
    <row r="449477" spans="14:14">
      <c r="N449477" s="10"/>
    </row>
    <row r="449478" spans="14:14">
      <c r="N449478" s="10"/>
    </row>
    <row r="449479" spans="14:14">
      <c r="N449479" s="10"/>
    </row>
    <row r="449480" spans="14:14">
      <c r="N449480" s="10"/>
    </row>
    <row r="449481" spans="14:14">
      <c r="N449481" s="10"/>
    </row>
    <row r="449482" spans="14:14">
      <c r="N449482" s="10"/>
    </row>
    <row r="449483" spans="14:14">
      <c r="N449483" s="10"/>
    </row>
    <row r="449484" spans="14:14">
      <c r="N449484" s="10"/>
    </row>
    <row r="449485" spans="14:14">
      <c r="N449485" s="10"/>
    </row>
    <row r="449486" spans="14:14">
      <c r="N449486" s="10"/>
    </row>
    <row r="449487" spans="14:14">
      <c r="N449487" s="10"/>
    </row>
    <row r="449488" spans="14:14">
      <c r="N449488" s="10"/>
    </row>
    <row r="449489" spans="14:14">
      <c r="N449489" s="10"/>
    </row>
    <row r="449490" spans="14:14">
      <c r="N449490" s="10"/>
    </row>
    <row r="449491" spans="14:14">
      <c r="N449491" s="10"/>
    </row>
    <row r="449492" spans="14:14">
      <c r="N449492" s="10"/>
    </row>
    <row r="449493" spans="14:14">
      <c r="N449493" s="10"/>
    </row>
    <row r="449494" spans="14:14">
      <c r="N449494" s="10"/>
    </row>
    <row r="449495" spans="14:14">
      <c r="N449495" s="10"/>
    </row>
    <row r="449496" spans="14:14">
      <c r="N449496" s="10"/>
    </row>
    <row r="449497" spans="14:14">
      <c r="N449497" s="10"/>
    </row>
    <row r="449498" spans="14:14">
      <c r="N449498" s="10"/>
    </row>
    <row r="449499" spans="14:14">
      <c r="N449499" s="10"/>
    </row>
    <row r="449500" spans="14:14">
      <c r="N449500" s="10"/>
    </row>
    <row r="449501" spans="14:14">
      <c r="N449501" s="10"/>
    </row>
    <row r="449502" spans="14:14">
      <c r="N449502" s="10"/>
    </row>
    <row r="449503" spans="14:14">
      <c r="N449503" s="10"/>
    </row>
    <row r="449504" spans="14:14">
      <c r="N449504" s="10"/>
    </row>
    <row r="449505" spans="14:14">
      <c r="N449505" s="10"/>
    </row>
    <row r="449506" spans="14:14">
      <c r="N449506" s="10"/>
    </row>
    <row r="449507" spans="14:14">
      <c r="N449507" s="10"/>
    </row>
    <row r="449508" spans="14:14">
      <c r="N449508" s="10"/>
    </row>
    <row r="449509" spans="14:14">
      <c r="N449509" s="10"/>
    </row>
    <row r="449510" spans="14:14">
      <c r="N449510" s="10"/>
    </row>
    <row r="449511" spans="14:14">
      <c r="N449511" s="10"/>
    </row>
    <row r="449512" spans="14:14">
      <c r="N449512" s="10"/>
    </row>
    <row r="449513" spans="14:14">
      <c r="N449513" s="10"/>
    </row>
    <row r="449514" spans="14:14">
      <c r="N449514" s="10"/>
    </row>
    <row r="449515" spans="14:14">
      <c r="N449515" s="10"/>
    </row>
    <row r="449516" spans="14:14">
      <c r="N449516" s="10"/>
    </row>
    <row r="449517" spans="14:14">
      <c r="N449517" s="10"/>
    </row>
    <row r="449518" spans="14:14">
      <c r="N449518" s="10"/>
    </row>
    <row r="449519" spans="14:14">
      <c r="N449519" s="10"/>
    </row>
    <row r="449520" spans="14:14">
      <c r="N449520" s="10"/>
    </row>
    <row r="449521" spans="14:14">
      <c r="N449521" s="10"/>
    </row>
    <row r="449522" spans="14:14">
      <c r="N449522" s="10"/>
    </row>
    <row r="449523" spans="14:14">
      <c r="N449523" s="10"/>
    </row>
    <row r="449524" spans="14:14">
      <c r="N449524" s="10"/>
    </row>
    <row r="449525" spans="14:14">
      <c r="N449525" s="10"/>
    </row>
    <row r="449526" spans="14:14">
      <c r="N449526" s="10"/>
    </row>
    <row r="449527" spans="14:14">
      <c r="N449527" s="10"/>
    </row>
    <row r="449528" spans="14:14">
      <c r="N449528" s="10"/>
    </row>
    <row r="449529" spans="14:14">
      <c r="N449529" s="10"/>
    </row>
    <row r="449530" spans="14:14">
      <c r="N449530" s="10"/>
    </row>
    <row r="449531" spans="14:14">
      <c r="N449531" s="10"/>
    </row>
    <row r="449532" spans="14:14">
      <c r="N449532" s="10"/>
    </row>
    <row r="449533" spans="14:14">
      <c r="N449533" s="10"/>
    </row>
    <row r="449534" spans="14:14">
      <c r="N449534" s="10"/>
    </row>
    <row r="449535" spans="14:14">
      <c r="N449535" s="10"/>
    </row>
    <row r="449536" spans="14:14">
      <c r="N449536" s="10"/>
    </row>
    <row r="449537" spans="14:14">
      <c r="N449537" s="10"/>
    </row>
    <row r="449538" spans="14:14">
      <c r="N449538" s="10"/>
    </row>
    <row r="449539" spans="14:14">
      <c r="N449539" s="10"/>
    </row>
    <row r="449540" spans="14:14">
      <c r="N449540" s="10"/>
    </row>
    <row r="449541" spans="14:14">
      <c r="N449541" s="10"/>
    </row>
    <row r="449542" spans="14:14">
      <c r="N449542" s="10"/>
    </row>
    <row r="449543" spans="14:14">
      <c r="N449543" s="10"/>
    </row>
    <row r="449544" spans="14:14">
      <c r="N449544" s="10"/>
    </row>
    <row r="449545" spans="14:14">
      <c r="N449545" s="10"/>
    </row>
    <row r="449546" spans="14:14">
      <c r="N449546" s="10"/>
    </row>
    <row r="449547" spans="14:14">
      <c r="N449547" s="10"/>
    </row>
    <row r="449548" spans="14:14">
      <c r="N449548" s="10"/>
    </row>
    <row r="449549" spans="14:14">
      <c r="N449549" s="10"/>
    </row>
    <row r="449550" spans="14:14">
      <c r="N449550" s="10"/>
    </row>
    <row r="449551" spans="14:14">
      <c r="N449551" s="10"/>
    </row>
    <row r="449552" spans="14:14">
      <c r="N449552" s="10"/>
    </row>
    <row r="449553" spans="14:14">
      <c r="N449553" s="10"/>
    </row>
    <row r="449554" spans="14:14">
      <c r="N449554" s="10"/>
    </row>
    <row r="449555" spans="14:14">
      <c r="N449555" s="10"/>
    </row>
    <row r="449556" spans="14:14">
      <c r="N449556" s="10"/>
    </row>
    <row r="449557" spans="14:14">
      <c r="N449557" s="10"/>
    </row>
    <row r="449558" spans="14:14">
      <c r="N449558" s="10"/>
    </row>
    <row r="449559" spans="14:14">
      <c r="N449559" s="10"/>
    </row>
    <row r="449560" spans="14:14">
      <c r="N449560" s="10"/>
    </row>
    <row r="449561" spans="14:14">
      <c r="N449561" s="10"/>
    </row>
    <row r="449562" spans="14:14">
      <c r="N449562" s="10"/>
    </row>
    <row r="449563" spans="14:14">
      <c r="N449563" s="10"/>
    </row>
    <row r="449564" spans="14:14">
      <c r="N449564" s="10"/>
    </row>
    <row r="449565" spans="14:14">
      <c r="N449565" s="10"/>
    </row>
    <row r="449566" spans="14:14">
      <c r="N449566" s="10"/>
    </row>
    <row r="449567" spans="14:14">
      <c r="N449567" s="10"/>
    </row>
    <row r="449568" spans="14:14">
      <c r="N449568" s="10"/>
    </row>
    <row r="449569" spans="14:14">
      <c r="N449569" s="10"/>
    </row>
    <row r="449570" spans="14:14">
      <c r="N449570" s="10"/>
    </row>
    <row r="449571" spans="14:14">
      <c r="N449571" s="10"/>
    </row>
    <row r="449572" spans="14:14">
      <c r="N449572" s="10"/>
    </row>
    <row r="449573" spans="14:14">
      <c r="N449573" s="10"/>
    </row>
    <row r="449574" spans="14:14">
      <c r="N449574" s="10"/>
    </row>
    <row r="449575" spans="14:14">
      <c r="N449575" s="10"/>
    </row>
    <row r="449576" spans="14:14">
      <c r="N449576" s="10"/>
    </row>
    <row r="449577" spans="14:14">
      <c r="N449577" s="10"/>
    </row>
    <row r="449578" spans="14:14">
      <c r="N449578" s="10"/>
    </row>
    <row r="449579" spans="14:14">
      <c r="N449579" s="10"/>
    </row>
    <row r="449580" spans="14:14">
      <c r="N449580" s="10"/>
    </row>
    <row r="449581" spans="14:14">
      <c r="N449581" s="10"/>
    </row>
    <row r="449582" spans="14:14">
      <c r="N449582" s="10"/>
    </row>
    <row r="449583" spans="14:14">
      <c r="N449583" s="10"/>
    </row>
    <row r="449584" spans="14:14">
      <c r="N449584" s="10"/>
    </row>
    <row r="449585" spans="14:14">
      <c r="N449585" s="10"/>
    </row>
    <row r="449586" spans="14:14">
      <c r="N449586" s="10"/>
    </row>
    <row r="449587" spans="14:14">
      <c r="N449587" s="10"/>
    </row>
    <row r="449588" spans="14:14">
      <c r="N449588" s="10"/>
    </row>
    <row r="449589" spans="14:14">
      <c r="N449589" s="10"/>
    </row>
    <row r="449590" spans="14:14">
      <c r="N449590" s="10"/>
    </row>
    <row r="449591" spans="14:14">
      <c r="N449591" s="10"/>
    </row>
    <row r="449592" spans="14:14">
      <c r="N449592" s="10"/>
    </row>
    <row r="449593" spans="14:14">
      <c r="N449593" s="10"/>
    </row>
    <row r="449594" spans="14:14">
      <c r="N449594" s="10"/>
    </row>
    <row r="449595" spans="14:14">
      <c r="N449595" s="10"/>
    </row>
    <row r="449596" spans="14:14">
      <c r="N449596" s="10"/>
    </row>
    <row r="449597" spans="14:14">
      <c r="N449597" s="10"/>
    </row>
    <row r="449598" spans="14:14">
      <c r="N449598" s="10"/>
    </row>
    <row r="449599" spans="14:14">
      <c r="N449599" s="10"/>
    </row>
    <row r="449600" spans="14:14">
      <c r="N449600" s="10"/>
    </row>
    <row r="449601" spans="14:14">
      <c r="N449601" s="10"/>
    </row>
    <row r="449602" spans="14:14">
      <c r="N449602" s="10"/>
    </row>
    <row r="449603" spans="14:14">
      <c r="N449603" s="10"/>
    </row>
    <row r="449604" spans="14:14">
      <c r="N449604" s="10"/>
    </row>
    <row r="449605" spans="14:14">
      <c r="N449605" s="10"/>
    </row>
    <row r="449606" spans="14:14">
      <c r="N449606" s="10"/>
    </row>
    <row r="449607" spans="14:14">
      <c r="N449607" s="10"/>
    </row>
    <row r="449608" spans="14:14">
      <c r="N449608" s="10"/>
    </row>
    <row r="449609" spans="14:14">
      <c r="N449609" s="10"/>
    </row>
    <row r="449610" spans="14:14">
      <c r="N449610" s="10"/>
    </row>
    <row r="449611" spans="14:14">
      <c r="N449611" s="10"/>
    </row>
    <row r="449612" spans="14:14">
      <c r="N449612" s="10"/>
    </row>
    <row r="449613" spans="14:14">
      <c r="N449613" s="10"/>
    </row>
    <row r="449614" spans="14:14">
      <c r="N449614" s="10"/>
    </row>
    <row r="449615" spans="14:14">
      <c r="N449615" s="10"/>
    </row>
    <row r="449616" spans="14:14">
      <c r="N449616" s="10"/>
    </row>
    <row r="449617" spans="14:14">
      <c r="N449617" s="10"/>
    </row>
    <row r="449618" spans="14:14">
      <c r="N449618" s="10"/>
    </row>
    <row r="449619" spans="14:14">
      <c r="N449619" s="10"/>
    </row>
    <row r="449620" spans="14:14">
      <c r="N449620" s="10"/>
    </row>
    <row r="449621" spans="14:14">
      <c r="N449621" s="10"/>
    </row>
    <row r="449622" spans="14:14">
      <c r="N449622" s="10"/>
    </row>
    <row r="449623" spans="14:14">
      <c r="N449623" s="10"/>
    </row>
    <row r="449624" spans="14:14">
      <c r="N449624" s="10"/>
    </row>
    <row r="449625" spans="14:14">
      <c r="N449625" s="10"/>
    </row>
    <row r="449626" spans="14:14">
      <c r="N449626" s="10"/>
    </row>
    <row r="449627" spans="14:14">
      <c r="N449627" s="10"/>
    </row>
    <row r="449628" spans="14:14">
      <c r="N449628" s="10"/>
    </row>
    <row r="449629" spans="14:14">
      <c r="N449629" s="10"/>
    </row>
    <row r="449630" spans="14:14">
      <c r="N449630" s="10"/>
    </row>
    <row r="449631" spans="14:14">
      <c r="N449631" s="10"/>
    </row>
    <row r="449632" spans="14:14">
      <c r="N449632" s="10"/>
    </row>
    <row r="449633" spans="14:14">
      <c r="N449633" s="10"/>
    </row>
    <row r="449634" spans="14:14">
      <c r="N449634" s="10"/>
    </row>
    <row r="449635" spans="14:14">
      <c r="N449635" s="10"/>
    </row>
    <row r="449636" spans="14:14">
      <c r="N449636" s="10"/>
    </row>
    <row r="449637" spans="14:14">
      <c r="N449637" s="10"/>
    </row>
    <row r="449638" spans="14:14">
      <c r="N449638" s="10"/>
    </row>
    <row r="449639" spans="14:14">
      <c r="N449639" s="10"/>
    </row>
    <row r="449640" spans="14:14">
      <c r="N449640" s="10"/>
    </row>
    <row r="449641" spans="14:14">
      <c r="N449641" s="10"/>
    </row>
    <row r="449642" spans="14:14">
      <c r="N449642" s="10"/>
    </row>
    <row r="449643" spans="14:14">
      <c r="N449643" s="10"/>
    </row>
    <row r="449644" spans="14:14">
      <c r="N449644" s="10"/>
    </row>
    <row r="449645" spans="14:14">
      <c r="N449645" s="10"/>
    </row>
    <row r="449646" spans="14:14">
      <c r="N449646" s="10"/>
    </row>
    <row r="449647" spans="14:14">
      <c r="N449647" s="10"/>
    </row>
    <row r="449648" spans="14:14">
      <c r="N449648" s="10"/>
    </row>
    <row r="449649" spans="14:14">
      <c r="N449649" s="10"/>
    </row>
    <row r="449650" spans="14:14">
      <c r="N449650" s="10"/>
    </row>
    <row r="449651" spans="14:14">
      <c r="N449651" s="10"/>
    </row>
    <row r="449652" spans="14:14">
      <c r="N449652" s="10"/>
    </row>
    <row r="449653" spans="14:14">
      <c r="N449653" s="10"/>
    </row>
    <row r="449654" spans="14:14">
      <c r="N449654" s="10"/>
    </row>
    <row r="449655" spans="14:14">
      <c r="N449655" s="10"/>
    </row>
    <row r="449656" spans="14:14">
      <c r="N449656" s="10"/>
    </row>
    <row r="449657" spans="14:14">
      <c r="N449657" s="10"/>
    </row>
    <row r="449658" spans="14:14">
      <c r="N449658" s="10"/>
    </row>
    <row r="449659" spans="14:14">
      <c r="N449659" s="10"/>
    </row>
    <row r="449660" spans="14:14">
      <c r="N449660" s="10"/>
    </row>
    <row r="449661" spans="14:14">
      <c r="N449661" s="10"/>
    </row>
    <row r="449662" spans="14:14">
      <c r="N449662" s="10"/>
    </row>
    <row r="449663" spans="14:14">
      <c r="N449663" s="10"/>
    </row>
    <row r="449664" spans="14:14">
      <c r="N449664" s="10"/>
    </row>
    <row r="449665" spans="14:14">
      <c r="N449665" s="10"/>
    </row>
    <row r="449666" spans="14:14">
      <c r="N449666" s="10"/>
    </row>
    <row r="449667" spans="14:14">
      <c r="N449667" s="10"/>
    </row>
    <row r="449668" spans="14:14">
      <c r="N449668" s="10"/>
    </row>
    <row r="449669" spans="14:14">
      <c r="N449669" s="10"/>
    </row>
    <row r="449670" spans="14:14">
      <c r="N449670" s="10"/>
    </row>
    <row r="449671" spans="14:14">
      <c r="N449671" s="10"/>
    </row>
    <row r="449672" spans="14:14">
      <c r="N449672" s="10"/>
    </row>
    <row r="449673" spans="14:14">
      <c r="N449673" s="10"/>
    </row>
    <row r="449674" spans="14:14">
      <c r="N449674" s="10"/>
    </row>
    <row r="449675" spans="14:14">
      <c r="N449675" s="10"/>
    </row>
    <row r="449676" spans="14:14">
      <c r="N449676" s="10"/>
    </row>
    <row r="449677" spans="14:14">
      <c r="N449677" s="10"/>
    </row>
    <row r="449678" spans="14:14">
      <c r="N449678" s="10"/>
    </row>
    <row r="449679" spans="14:14">
      <c r="N449679" s="10"/>
    </row>
    <row r="449680" spans="14:14">
      <c r="N449680" s="10"/>
    </row>
    <row r="449681" spans="14:14">
      <c r="N449681" s="10"/>
    </row>
    <row r="449682" spans="14:14">
      <c r="N449682" s="10"/>
    </row>
    <row r="449683" spans="14:14">
      <c r="N449683" s="10"/>
    </row>
    <row r="449684" spans="14:14">
      <c r="N449684" s="10"/>
    </row>
    <row r="449685" spans="14:14">
      <c r="N449685" s="10"/>
    </row>
    <row r="449686" spans="14:14">
      <c r="N449686" s="10"/>
    </row>
    <row r="449687" spans="14:14">
      <c r="N449687" s="10"/>
    </row>
    <row r="449688" spans="14:14">
      <c r="N449688" s="10"/>
    </row>
    <row r="449689" spans="14:14">
      <c r="N449689" s="10"/>
    </row>
    <row r="449690" spans="14:14">
      <c r="N449690" s="10"/>
    </row>
    <row r="449691" spans="14:14">
      <c r="N449691" s="10"/>
    </row>
    <row r="449692" spans="14:14">
      <c r="N449692" s="10"/>
    </row>
    <row r="449693" spans="14:14">
      <c r="N449693" s="10"/>
    </row>
    <row r="449694" spans="14:14">
      <c r="N449694" s="10"/>
    </row>
    <row r="449695" spans="14:14">
      <c r="N449695" s="10"/>
    </row>
    <row r="449696" spans="14:14">
      <c r="N449696" s="10"/>
    </row>
    <row r="449697" spans="14:14">
      <c r="N449697" s="10"/>
    </row>
    <row r="449698" spans="14:14">
      <c r="N449698" s="10"/>
    </row>
    <row r="449699" spans="14:14">
      <c r="N449699" s="10"/>
    </row>
    <row r="449700" spans="14:14">
      <c r="N449700" s="10"/>
    </row>
    <row r="449701" spans="14:14">
      <c r="N449701" s="10"/>
    </row>
    <row r="449702" spans="14:14">
      <c r="N449702" s="10"/>
    </row>
    <row r="449703" spans="14:14">
      <c r="N449703" s="10"/>
    </row>
    <row r="449704" spans="14:14">
      <c r="N449704" s="10"/>
    </row>
    <row r="449705" spans="14:14">
      <c r="N449705" s="10"/>
    </row>
    <row r="449706" spans="14:14">
      <c r="N449706" s="10"/>
    </row>
    <row r="449707" spans="14:14">
      <c r="N449707" s="10"/>
    </row>
    <row r="449708" spans="14:14">
      <c r="N449708" s="10"/>
    </row>
    <row r="449709" spans="14:14">
      <c r="N449709" s="10"/>
    </row>
    <row r="449710" spans="14:14">
      <c r="N449710" s="10"/>
    </row>
    <row r="449711" spans="14:14">
      <c r="N449711" s="10"/>
    </row>
    <row r="449712" spans="14:14">
      <c r="N449712" s="10"/>
    </row>
    <row r="449713" spans="14:14">
      <c r="N449713" s="10"/>
    </row>
    <row r="449714" spans="14:14">
      <c r="N449714" s="10"/>
    </row>
    <row r="449715" spans="14:14">
      <c r="N449715" s="10"/>
    </row>
    <row r="449716" spans="14:14">
      <c r="N449716" s="10"/>
    </row>
    <row r="449717" spans="14:14">
      <c r="N449717" s="10"/>
    </row>
    <row r="449718" spans="14:14">
      <c r="N449718" s="10"/>
    </row>
    <row r="449719" spans="14:14">
      <c r="N449719" s="10"/>
    </row>
    <row r="449720" spans="14:14">
      <c r="N449720" s="10"/>
    </row>
    <row r="449721" spans="14:14">
      <c r="N449721" s="10"/>
    </row>
    <row r="449722" spans="14:14">
      <c r="N449722" s="10"/>
    </row>
    <row r="449723" spans="14:14">
      <c r="N449723" s="10"/>
    </row>
    <row r="449724" spans="14:14">
      <c r="N449724" s="10"/>
    </row>
    <row r="449725" spans="14:14">
      <c r="N449725" s="10"/>
    </row>
    <row r="449726" spans="14:14">
      <c r="N449726" s="10"/>
    </row>
    <row r="449727" spans="14:14">
      <c r="N449727" s="10"/>
    </row>
    <row r="449728" spans="14:14">
      <c r="N449728" s="10"/>
    </row>
    <row r="449729" spans="14:14">
      <c r="N449729" s="10"/>
    </row>
    <row r="449730" spans="14:14">
      <c r="N449730" s="10"/>
    </row>
    <row r="449731" spans="14:14">
      <c r="N449731" s="10"/>
    </row>
    <row r="449732" spans="14:14">
      <c r="N449732" s="10"/>
    </row>
    <row r="449733" spans="14:14">
      <c r="N449733" s="10"/>
    </row>
    <row r="449734" spans="14:14">
      <c r="N449734" s="10"/>
    </row>
    <row r="449735" spans="14:14">
      <c r="N449735" s="10"/>
    </row>
    <row r="449736" spans="14:14">
      <c r="N449736" s="10"/>
    </row>
    <row r="449737" spans="14:14">
      <c r="N449737" s="10"/>
    </row>
    <row r="449738" spans="14:14">
      <c r="N449738" s="10"/>
    </row>
    <row r="449739" spans="14:14">
      <c r="N449739" s="10"/>
    </row>
    <row r="449740" spans="14:14">
      <c r="N449740" s="10"/>
    </row>
    <row r="449741" spans="14:14">
      <c r="N449741" s="10"/>
    </row>
    <row r="449742" spans="14:14">
      <c r="N449742" s="10"/>
    </row>
    <row r="449743" spans="14:14">
      <c r="N449743" s="10"/>
    </row>
    <row r="449744" spans="14:14">
      <c r="N449744" s="10"/>
    </row>
    <row r="449745" spans="14:14">
      <c r="N449745" s="10"/>
    </row>
    <row r="449746" spans="14:14">
      <c r="N449746" s="10"/>
    </row>
    <row r="449747" spans="14:14">
      <c r="N449747" s="10"/>
    </row>
    <row r="449748" spans="14:14">
      <c r="N449748" s="10"/>
    </row>
    <row r="449749" spans="14:14">
      <c r="N449749" s="10"/>
    </row>
    <row r="449750" spans="14:14">
      <c r="N449750" s="10"/>
    </row>
    <row r="449751" spans="14:14">
      <c r="N449751" s="10"/>
    </row>
    <row r="449752" spans="14:14">
      <c r="N449752" s="10"/>
    </row>
    <row r="449753" spans="14:14">
      <c r="N449753" s="10"/>
    </row>
    <row r="449754" spans="14:14">
      <c r="N449754" s="10"/>
    </row>
    <row r="449755" spans="14:14">
      <c r="N449755" s="10"/>
    </row>
    <row r="449756" spans="14:14">
      <c r="N449756" s="10"/>
    </row>
    <row r="449757" spans="14:14">
      <c r="N449757" s="10"/>
    </row>
    <row r="449758" spans="14:14">
      <c r="N449758" s="10"/>
    </row>
    <row r="449759" spans="14:14">
      <c r="N449759" s="10"/>
    </row>
    <row r="449760" spans="14:14">
      <c r="N449760" s="10"/>
    </row>
    <row r="449761" spans="14:14">
      <c r="N449761" s="10"/>
    </row>
    <row r="449762" spans="14:14">
      <c r="N449762" s="10"/>
    </row>
    <row r="449763" spans="14:14">
      <c r="N449763" s="10"/>
    </row>
    <row r="449764" spans="14:14">
      <c r="N449764" s="10"/>
    </row>
    <row r="449765" spans="14:14">
      <c r="N449765" s="10"/>
    </row>
    <row r="449766" spans="14:14">
      <c r="N449766" s="10"/>
    </row>
    <row r="449767" spans="14:14">
      <c r="N449767" s="10"/>
    </row>
    <row r="449768" spans="14:14">
      <c r="N449768" s="10"/>
    </row>
    <row r="449769" spans="14:14">
      <c r="N449769" s="10"/>
    </row>
    <row r="449770" spans="14:14">
      <c r="N449770" s="10"/>
    </row>
    <row r="449771" spans="14:14">
      <c r="N449771" s="10"/>
    </row>
    <row r="449772" spans="14:14">
      <c r="N449772" s="10"/>
    </row>
    <row r="449773" spans="14:14">
      <c r="N449773" s="10"/>
    </row>
    <row r="449774" spans="14:14">
      <c r="N449774" s="10"/>
    </row>
    <row r="449775" spans="14:14">
      <c r="N449775" s="10"/>
    </row>
    <row r="449776" spans="14:14">
      <c r="N449776" s="10"/>
    </row>
    <row r="449777" spans="14:14">
      <c r="N449777" s="10"/>
    </row>
    <row r="449778" spans="14:14">
      <c r="N449778" s="10"/>
    </row>
    <row r="449779" spans="14:14">
      <c r="N449779" s="10"/>
    </row>
    <row r="449780" spans="14:14">
      <c r="N449780" s="10"/>
    </row>
    <row r="449781" spans="14:14">
      <c r="N449781" s="10"/>
    </row>
    <row r="449782" spans="14:14">
      <c r="N449782" s="10"/>
    </row>
    <row r="449783" spans="14:14">
      <c r="N449783" s="10"/>
    </row>
    <row r="449784" spans="14:14">
      <c r="N449784" s="10"/>
    </row>
    <row r="449785" spans="14:14">
      <c r="N449785" s="10"/>
    </row>
    <row r="449786" spans="14:14">
      <c r="N449786" s="10"/>
    </row>
    <row r="449787" spans="14:14">
      <c r="N449787" s="10"/>
    </row>
    <row r="449788" spans="14:14">
      <c r="N449788" s="10"/>
    </row>
    <row r="449789" spans="14:14">
      <c r="N449789" s="10"/>
    </row>
    <row r="449790" spans="14:14">
      <c r="N449790" s="10"/>
    </row>
    <row r="449791" spans="14:14">
      <c r="N449791" s="10"/>
    </row>
    <row r="449792" spans="14:14">
      <c r="N449792" s="10"/>
    </row>
    <row r="449793" spans="14:14">
      <c r="N449793" s="10"/>
    </row>
    <row r="449794" spans="14:14">
      <c r="N449794" s="10"/>
    </row>
    <row r="449795" spans="14:14">
      <c r="N449795" s="10"/>
    </row>
    <row r="449796" spans="14:14">
      <c r="N449796" s="10"/>
    </row>
    <row r="449797" spans="14:14">
      <c r="N449797" s="10"/>
    </row>
    <row r="449798" spans="14:14">
      <c r="N449798" s="10"/>
    </row>
    <row r="449799" spans="14:14">
      <c r="N449799" s="10"/>
    </row>
    <row r="449800" spans="14:14">
      <c r="N449800" s="10"/>
    </row>
    <row r="449801" spans="14:14">
      <c r="N449801" s="10"/>
    </row>
    <row r="449802" spans="14:14">
      <c r="N449802" s="10"/>
    </row>
    <row r="449803" spans="14:14">
      <c r="N449803" s="10"/>
    </row>
    <row r="449804" spans="14:14">
      <c r="N449804" s="10"/>
    </row>
    <row r="449805" spans="14:14">
      <c r="N449805" s="10"/>
    </row>
    <row r="449806" spans="14:14">
      <c r="N449806" s="10"/>
    </row>
    <row r="449807" spans="14:14">
      <c r="N449807" s="10"/>
    </row>
    <row r="449808" spans="14:14">
      <c r="N449808" s="10"/>
    </row>
    <row r="449809" spans="14:14">
      <c r="N449809" s="10"/>
    </row>
    <row r="449810" spans="14:14">
      <c r="N449810" s="10"/>
    </row>
    <row r="449811" spans="14:14">
      <c r="N449811" s="10"/>
    </row>
    <row r="449812" spans="14:14">
      <c r="N449812" s="10"/>
    </row>
    <row r="449813" spans="14:14">
      <c r="N449813" s="10"/>
    </row>
    <row r="449814" spans="14:14">
      <c r="N449814" s="10"/>
    </row>
    <row r="449815" spans="14:14">
      <c r="N449815" s="10"/>
    </row>
    <row r="449816" spans="14:14">
      <c r="N449816" s="10"/>
    </row>
    <row r="449817" spans="14:14">
      <c r="N449817" s="10"/>
    </row>
    <row r="449818" spans="14:14">
      <c r="N449818" s="10"/>
    </row>
    <row r="449819" spans="14:14">
      <c r="N449819" s="10"/>
    </row>
    <row r="449820" spans="14:14">
      <c r="N449820" s="10"/>
    </row>
    <row r="449821" spans="14:14">
      <c r="N449821" s="10"/>
    </row>
    <row r="449822" spans="14:14">
      <c r="N449822" s="10"/>
    </row>
    <row r="449823" spans="14:14">
      <c r="N449823" s="10"/>
    </row>
    <row r="449824" spans="14:14">
      <c r="N449824" s="10"/>
    </row>
    <row r="449825" spans="14:14">
      <c r="N449825" s="10"/>
    </row>
    <row r="449826" spans="14:14">
      <c r="N449826" s="10"/>
    </row>
    <row r="449827" spans="14:14">
      <c r="N449827" s="10"/>
    </row>
    <row r="449828" spans="14:14">
      <c r="N449828" s="10"/>
    </row>
    <row r="449829" spans="14:14">
      <c r="N449829" s="10"/>
    </row>
    <row r="449830" spans="14:14">
      <c r="N449830" s="10"/>
    </row>
    <row r="449831" spans="14:14">
      <c r="N449831" s="10"/>
    </row>
    <row r="449832" spans="14:14">
      <c r="N449832" s="10"/>
    </row>
    <row r="449833" spans="14:14">
      <c r="N449833" s="10"/>
    </row>
    <row r="449834" spans="14:14">
      <c r="N449834" s="10"/>
    </row>
    <row r="449835" spans="14:14">
      <c r="N449835" s="10"/>
    </row>
    <row r="449836" spans="14:14">
      <c r="N449836" s="10"/>
    </row>
    <row r="449837" spans="14:14">
      <c r="N449837" s="10"/>
    </row>
    <row r="449838" spans="14:14">
      <c r="N449838" s="10"/>
    </row>
    <row r="449839" spans="14:14">
      <c r="N449839" s="10"/>
    </row>
    <row r="449840" spans="14:14">
      <c r="N449840" s="10"/>
    </row>
    <row r="449841" spans="14:14">
      <c r="N449841" s="10"/>
    </row>
    <row r="449842" spans="14:14">
      <c r="N449842" s="10"/>
    </row>
    <row r="449843" spans="14:14">
      <c r="N449843" s="10"/>
    </row>
    <row r="449844" spans="14:14">
      <c r="N449844" s="10"/>
    </row>
    <row r="449845" spans="14:14">
      <c r="N449845" s="10"/>
    </row>
    <row r="449846" spans="14:14">
      <c r="N449846" s="10"/>
    </row>
    <row r="449847" spans="14:14">
      <c r="N449847" s="10"/>
    </row>
    <row r="449848" spans="14:14">
      <c r="N449848" s="10"/>
    </row>
    <row r="449849" spans="14:14">
      <c r="N449849" s="10"/>
    </row>
    <row r="449850" spans="14:14">
      <c r="N449850" s="10"/>
    </row>
    <row r="449851" spans="14:14">
      <c r="N449851" s="10"/>
    </row>
    <row r="449852" spans="14:14">
      <c r="N449852" s="10"/>
    </row>
    <row r="449853" spans="14:14">
      <c r="N449853" s="10"/>
    </row>
    <row r="449854" spans="14:14">
      <c r="N449854" s="10"/>
    </row>
    <row r="449855" spans="14:14">
      <c r="N449855" s="10"/>
    </row>
    <row r="449856" spans="14:14">
      <c r="N449856" s="10"/>
    </row>
    <row r="449857" spans="14:14">
      <c r="N449857" s="10"/>
    </row>
    <row r="449858" spans="14:14">
      <c r="N449858" s="10"/>
    </row>
    <row r="449859" spans="14:14">
      <c r="N449859" s="10"/>
    </row>
    <row r="449860" spans="14:14">
      <c r="N449860" s="10"/>
    </row>
    <row r="449861" spans="14:14">
      <c r="N449861" s="10"/>
    </row>
    <row r="449862" spans="14:14">
      <c r="N449862" s="10"/>
    </row>
    <row r="449863" spans="14:14">
      <c r="N449863" s="10"/>
    </row>
    <row r="449864" spans="14:14">
      <c r="N449864" s="10"/>
    </row>
    <row r="449865" spans="14:14">
      <c r="N449865" s="10"/>
    </row>
    <row r="449866" spans="14:14">
      <c r="N449866" s="10"/>
    </row>
    <row r="449867" spans="14:14">
      <c r="N449867" s="10"/>
    </row>
    <row r="449868" spans="14:14">
      <c r="N449868" s="10"/>
    </row>
    <row r="449869" spans="14:14">
      <c r="N449869" s="10"/>
    </row>
    <row r="449870" spans="14:14">
      <c r="N449870" s="10"/>
    </row>
    <row r="449871" spans="14:14">
      <c r="N449871" s="10"/>
    </row>
    <row r="449872" spans="14:14">
      <c r="N449872" s="10"/>
    </row>
    <row r="449873" spans="14:14">
      <c r="N449873" s="10"/>
    </row>
    <row r="449874" spans="14:14">
      <c r="N449874" s="10"/>
    </row>
    <row r="449875" spans="14:14">
      <c r="N449875" s="10"/>
    </row>
    <row r="449876" spans="14:14">
      <c r="N449876" s="10"/>
    </row>
    <row r="449877" spans="14:14">
      <c r="N449877" s="10"/>
    </row>
    <row r="449878" spans="14:14">
      <c r="N449878" s="10"/>
    </row>
    <row r="449879" spans="14:14">
      <c r="N449879" s="10"/>
    </row>
    <row r="449880" spans="14:14">
      <c r="N449880" s="10"/>
    </row>
    <row r="449881" spans="14:14">
      <c r="N449881" s="10"/>
    </row>
    <row r="449882" spans="14:14">
      <c r="N449882" s="10"/>
    </row>
    <row r="449883" spans="14:14">
      <c r="N449883" s="10"/>
    </row>
    <row r="449884" spans="14:14">
      <c r="N449884" s="10"/>
    </row>
    <row r="449885" spans="14:14">
      <c r="N449885" s="10"/>
    </row>
    <row r="449886" spans="14:14">
      <c r="N449886" s="10"/>
    </row>
    <row r="449887" spans="14:14">
      <c r="N449887" s="10"/>
    </row>
    <row r="449888" spans="14:14">
      <c r="N449888" s="10"/>
    </row>
    <row r="449889" spans="14:14">
      <c r="N449889" s="10"/>
    </row>
    <row r="449890" spans="14:14">
      <c r="N449890" s="10"/>
    </row>
    <row r="449891" spans="14:14">
      <c r="N449891" s="10"/>
    </row>
    <row r="449892" spans="14:14">
      <c r="N449892" s="10"/>
    </row>
    <row r="449893" spans="14:14">
      <c r="N449893" s="10"/>
    </row>
    <row r="449894" spans="14:14">
      <c r="N449894" s="10"/>
    </row>
    <row r="449895" spans="14:14">
      <c r="N449895" s="10"/>
    </row>
    <row r="449896" spans="14:14">
      <c r="N449896" s="10"/>
    </row>
    <row r="449897" spans="14:14">
      <c r="N449897" s="10"/>
    </row>
    <row r="449898" spans="14:14">
      <c r="N449898" s="10"/>
    </row>
    <row r="449899" spans="14:14">
      <c r="N449899" s="10"/>
    </row>
    <row r="449900" spans="14:14">
      <c r="N449900" s="10"/>
    </row>
    <row r="449901" spans="14:14">
      <c r="N449901" s="10"/>
    </row>
    <row r="449902" spans="14:14">
      <c r="N449902" s="10"/>
    </row>
    <row r="449903" spans="14:14">
      <c r="N449903" s="10"/>
    </row>
    <row r="449904" spans="14:14">
      <c r="N449904" s="10"/>
    </row>
    <row r="449905" spans="14:14">
      <c r="N449905" s="10"/>
    </row>
    <row r="449906" spans="14:14">
      <c r="N449906" s="10"/>
    </row>
    <row r="449907" spans="14:14">
      <c r="N449907" s="10"/>
    </row>
    <row r="449908" spans="14:14">
      <c r="N449908" s="10"/>
    </row>
    <row r="449909" spans="14:14">
      <c r="N449909" s="10"/>
    </row>
    <row r="449910" spans="14:14">
      <c r="N449910" s="10"/>
    </row>
    <row r="449911" spans="14:14">
      <c r="N449911" s="10"/>
    </row>
    <row r="449912" spans="14:14">
      <c r="N449912" s="10"/>
    </row>
    <row r="449913" spans="14:14">
      <c r="N449913" s="10"/>
    </row>
    <row r="449914" spans="14:14">
      <c r="N449914" s="10"/>
    </row>
    <row r="449915" spans="14:14">
      <c r="N449915" s="10"/>
    </row>
    <row r="449916" spans="14:14">
      <c r="N449916" s="10"/>
    </row>
    <row r="449917" spans="14:14">
      <c r="N449917" s="10"/>
    </row>
    <row r="449918" spans="14:14">
      <c r="N449918" s="10"/>
    </row>
    <row r="449919" spans="14:14">
      <c r="N449919" s="10"/>
    </row>
    <row r="449920" spans="14:14">
      <c r="N449920" s="10"/>
    </row>
    <row r="449921" spans="14:14">
      <c r="N449921" s="10"/>
    </row>
    <row r="449922" spans="14:14">
      <c r="N449922" s="10"/>
    </row>
    <row r="449923" spans="14:14">
      <c r="N449923" s="10"/>
    </row>
    <row r="449924" spans="14:14">
      <c r="N449924" s="10"/>
    </row>
    <row r="449925" spans="14:14">
      <c r="N449925" s="10"/>
    </row>
    <row r="449926" spans="14:14">
      <c r="N449926" s="10"/>
    </row>
    <row r="449927" spans="14:14">
      <c r="N449927" s="10"/>
    </row>
    <row r="449928" spans="14:14">
      <c r="N449928" s="10"/>
    </row>
    <row r="449929" spans="14:14">
      <c r="N449929" s="10"/>
    </row>
    <row r="449930" spans="14:14">
      <c r="N449930" s="10"/>
    </row>
    <row r="449931" spans="14:14">
      <c r="N449931" s="10"/>
    </row>
    <row r="449932" spans="14:14">
      <c r="N449932" s="10"/>
    </row>
    <row r="449933" spans="14:14">
      <c r="N449933" s="10"/>
    </row>
    <row r="449934" spans="14:14">
      <c r="N449934" s="10"/>
    </row>
    <row r="449935" spans="14:14">
      <c r="N449935" s="10"/>
    </row>
    <row r="449936" spans="14:14">
      <c r="N449936" s="10"/>
    </row>
    <row r="449937" spans="14:14">
      <c r="N449937" s="10"/>
    </row>
    <row r="449938" spans="14:14">
      <c r="N449938" s="10"/>
    </row>
    <row r="449939" spans="14:14">
      <c r="N449939" s="10"/>
    </row>
    <row r="449940" spans="14:14">
      <c r="N449940" s="10"/>
    </row>
    <row r="449941" spans="14:14">
      <c r="N449941" s="10"/>
    </row>
    <row r="449942" spans="14:14">
      <c r="N449942" s="10"/>
    </row>
    <row r="449943" spans="14:14">
      <c r="N449943" s="10"/>
    </row>
    <row r="449944" spans="14:14">
      <c r="N449944" s="10"/>
    </row>
    <row r="449945" spans="14:14">
      <c r="N449945" s="10"/>
    </row>
    <row r="449946" spans="14:14">
      <c r="N449946" s="10"/>
    </row>
    <row r="449947" spans="14:14">
      <c r="N449947" s="10"/>
    </row>
    <row r="449948" spans="14:14">
      <c r="N449948" s="10"/>
    </row>
    <row r="449949" spans="14:14">
      <c r="N449949" s="10"/>
    </row>
    <row r="449950" spans="14:14">
      <c r="N449950" s="10"/>
    </row>
    <row r="449951" spans="14:14">
      <c r="N449951" s="10"/>
    </row>
    <row r="449952" spans="14:14">
      <c r="N449952" s="10"/>
    </row>
    <row r="449953" spans="14:14">
      <c r="N449953" s="10"/>
    </row>
    <row r="449954" spans="14:14">
      <c r="N449954" s="10"/>
    </row>
    <row r="449955" spans="14:14">
      <c r="N449955" s="10"/>
    </row>
    <row r="449956" spans="14:14">
      <c r="N449956" s="10"/>
    </row>
    <row r="449957" spans="14:14">
      <c r="N449957" s="10"/>
    </row>
    <row r="449958" spans="14:14">
      <c r="N449958" s="10"/>
    </row>
    <row r="449959" spans="14:14">
      <c r="N449959" s="10"/>
    </row>
    <row r="449960" spans="14:14">
      <c r="N449960" s="10"/>
    </row>
    <row r="449961" spans="14:14">
      <c r="N449961" s="10"/>
    </row>
    <row r="449962" spans="14:14">
      <c r="N449962" s="10"/>
    </row>
    <row r="449963" spans="14:14">
      <c r="N449963" s="10"/>
    </row>
    <row r="449964" spans="14:14">
      <c r="N449964" s="10"/>
    </row>
    <row r="449965" spans="14:14">
      <c r="N449965" s="10"/>
    </row>
    <row r="449966" spans="14:14">
      <c r="N449966" s="10"/>
    </row>
    <row r="449967" spans="14:14">
      <c r="N449967" s="10"/>
    </row>
    <row r="449968" spans="14:14">
      <c r="N449968" s="10"/>
    </row>
    <row r="449969" spans="14:14">
      <c r="N449969" s="10"/>
    </row>
    <row r="449970" spans="14:14">
      <c r="N449970" s="10"/>
    </row>
    <row r="449971" spans="14:14">
      <c r="N449971" s="10"/>
    </row>
    <row r="449972" spans="14:14">
      <c r="N449972" s="10"/>
    </row>
    <row r="449973" spans="14:14">
      <c r="N449973" s="10"/>
    </row>
    <row r="449974" spans="14:14">
      <c r="N449974" s="10"/>
    </row>
    <row r="449975" spans="14:14">
      <c r="N449975" s="10"/>
    </row>
    <row r="449976" spans="14:14">
      <c r="N449976" s="10"/>
    </row>
    <row r="449977" spans="14:14">
      <c r="N449977" s="10"/>
    </row>
    <row r="449978" spans="14:14">
      <c r="N449978" s="10"/>
    </row>
    <row r="449979" spans="14:14">
      <c r="N449979" s="10"/>
    </row>
    <row r="449980" spans="14:14">
      <c r="N449980" s="10"/>
    </row>
    <row r="449981" spans="14:14">
      <c r="N449981" s="10"/>
    </row>
    <row r="449982" spans="14:14">
      <c r="N449982" s="10"/>
    </row>
    <row r="449983" spans="14:14">
      <c r="N449983" s="10"/>
    </row>
    <row r="449984" spans="14:14">
      <c r="N449984" s="10"/>
    </row>
    <row r="449985" spans="14:14">
      <c r="N449985" s="10"/>
    </row>
    <row r="449986" spans="14:14">
      <c r="N449986" s="10"/>
    </row>
    <row r="449987" spans="14:14">
      <c r="N449987" s="10"/>
    </row>
    <row r="449988" spans="14:14">
      <c r="N449988" s="10"/>
    </row>
    <row r="449989" spans="14:14">
      <c r="N449989" s="10"/>
    </row>
    <row r="449990" spans="14:14">
      <c r="N449990" s="10"/>
    </row>
    <row r="449991" spans="14:14">
      <c r="N449991" s="10"/>
    </row>
    <row r="449992" spans="14:14">
      <c r="N449992" s="10"/>
    </row>
    <row r="449993" spans="14:14">
      <c r="N449993" s="10"/>
    </row>
    <row r="449994" spans="14:14">
      <c r="N449994" s="10"/>
    </row>
    <row r="449995" spans="14:14">
      <c r="N449995" s="10"/>
    </row>
    <row r="449996" spans="14:14">
      <c r="N449996" s="10"/>
    </row>
    <row r="449997" spans="14:14">
      <c r="N449997" s="10"/>
    </row>
    <row r="449998" spans="14:14">
      <c r="N449998" s="10"/>
    </row>
    <row r="449999" spans="14:14">
      <c r="N449999" s="10"/>
    </row>
    <row r="450000" spans="14:14">
      <c r="N450000" s="10"/>
    </row>
    <row r="450001" spans="14:14">
      <c r="N450001" s="10"/>
    </row>
    <row r="450002" spans="14:14">
      <c r="N450002" s="10"/>
    </row>
    <row r="450003" spans="14:14">
      <c r="N450003" s="10"/>
    </row>
    <row r="450004" spans="14:14">
      <c r="N450004" s="10"/>
    </row>
    <row r="450005" spans="14:14">
      <c r="N450005" s="10"/>
    </row>
    <row r="450006" spans="14:14">
      <c r="N450006" s="10"/>
    </row>
    <row r="450007" spans="14:14">
      <c r="N450007" s="10"/>
    </row>
    <row r="450008" spans="14:14">
      <c r="N450008" s="10"/>
    </row>
    <row r="450009" spans="14:14">
      <c r="N450009" s="10"/>
    </row>
    <row r="450010" spans="14:14">
      <c r="N450010" s="10"/>
    </row>
    <row r="450011" spans="14:14">
      <c r="N450011" s="10"/>
    </row>
    <row r="450012" spans="14:14">
      <c r="N450012" s="10"/>
    </row>
    <row r="450013" spans="14:14">
      <c r="N450013" s="10"/>
    </row>
    <row r="450014" spans="14:14">
      <c r="N450014" s="10"/>
    </row>
    <row r="450015" spans="14:14">
      <c r="N450015" s="10"/>
    </row>
    <row r="450016" spans="14:14">
      <c r="N450016" s="10"/>
    </row>
    <row r="450017" spans="14:14">
      <c r="N450017" s="10"/>
    </row>
    <row r="450018" spans="14:14">
      <c r="N450018" s="10"/>
    </row>
    <row r="450019" spans="14:14">
      <c r="N450019" s="10"/>
    </row>
    <row r="450020" spans="14:14">
      <c r="N450020" s="10"/>
    </row>
    <row r="450021" spans="14:14">
      <c r="N450021" s="10"/>
    </row>
    <row r="450022" spans="14:14">
      <c r="N450022" s="10"/>
    </row>
    <row r="450023" spans="14:14">
      <c r="N450023" s="10"/>
    </row>
    <row r="450024" spans="14:14">
      <c r="N450024" s="10"/>
    </row>
    <row r="450025" spans="14:14">
      <c r="N450025" s="10"/>
    </row>
    <row r="450026" spans="14:14">
      <c r="N450026" s="10"/>
    </row>
    <row r="450027" spans="14:14">
      <c r="N450027" s="10"/>
    </row>
    <row r="450028" spans="14:14">
      <c r="N450028" s="10"/>
    </row>
    <row r="450029" spans="14:14">
      <c r="N450029" s="10"/>
    </row>
    <row r="450030" spans="14:14">
      <c r="N450030" s="10"/>
    </row>
    <row r="450031" spans="14:14">
      <c r="N450031" s="10"/>
    </row>
    <row r="450032" spans="14:14">
      <c r="N450032" s="10"/>
    </row>
    <row r="450033" spans="14:14">
      <c r="N450033" s="10"/>
    </row>
    <row r="450034" spans="14:14">
      <c r="N450034" s="10"/>
    </row>
    <row r="450035" spans="14:14">
      <c r="N450035" s="10"/>
    </row>
    <row r="450036" spans="14:14">
      <c r="N450036" s="10"/>
    </row>
    <row r="450037" spans="14:14">
      <c r="N450037" s="10"/>
    </row>
    <row r="450038" spans="14:14">
      <c r="N450038" s="10"/>
    </row>
    <row r="450039" spans="14:14">
      <c r="N450039" s="10"/>
    </row>
    <row r="450040" spans="14:14">
      <c r="N450040" s="10"/>
    </row>
    <row r="450041" spans="14:14">
      <c r="N450041" s="10"/>
    </row>
    <row r="450042" spans="14:14">
      <c r="N450042" s="10"/>
    </row>
    <row r="450043" spans="14:14">
      <c r="N450043" s="10"/>
    </row>
    <row r="450044" spans="14:14">
      <c r="N450044" s="10"/>
    </row>
    <row r="450045" spans="14:14">
      <c r="N450045" s="10"/>
    </row>
    <row r="450046" spans="14:14">
      <c r="N450046" s="10"/>
    </row>
    <row r="450047" spans="14:14">
      <c r="N450047" s="10"/>
    </row>
    <row r="450048" spans="14:14">
      <c r="N450048" s="10"/>
    </row>
    <row r="450049" spans="14:14">
      <c r="N450049" s="10"/>
    </row>
    <row r="450050" spans="14:14">
      <c r="N450050" s="10"/>
    </row>
    <row r="450051" spans="14:14">
      <c r="N450051" s="10"/>
    </row>
    <row r="450052" spans="14:14">
      <c r="N450052" s="10"/>
    </row>
    <row r="450053" spans="14:14">
      <c r="N450053" s="10"/>
    </row>
    <row r="450054" spans="14:14">
      <c r="N450054" s="10"/>
    </row>
    <row r="450055" spans="14:14">
      <c r="N450055" s="10"/>
    </row>
    <row r="450056" spans="14:14">
      <c r="N450056" s="10"/>
    </row>
    <row r="450057" spans="14:14">
      <c r="N450057" s="10"/>
    </row>
    <row r="450058" spans="14:14">
      <c r="N450058" s="10"/>
    </row>
    <row r="450059" spans="14:14">
      <c r="N450059" s="10"/>
    </row>
    <row r="450060" spans="14:14">
      <c r="N450060" s="10"/>
    </row>
    <row r="450061" spans="14:14">
      <c r="N450061" s="10"/>
    </row>
    <row r="450062" spans="14:14">
      <c r="N450062" s="10"/>
    </row>
    <row r="450063" spans="14:14">
      <c r="N450063" s="10"/>
    </row>
    <row r="450064" spans="14:14">
      <c r="N450064" s="10"/>
    </row>
    <row r="450065" spans="14:14">
      <c r="N450065" s="10"/>
    </row>
    <row r="450066" spans="14:14">
      <c r="N450066" s="10"/>
    </row>
    <row r="450067" spans="14:14">
      <c r="N450067" s="10"/>
    </row>
    <row r="450068" spans="14:14">
      <c r="N450068" s="10"/>
    </row>
    <row r="450069" spans="14:14">
      <c r="N450069" s="10"/>
    </row>
    <row r="450070" spans="14:14">
      <c r="N450070" s="10"/>
    </row>
    <row r="450071" spans="14:14">
      <c r="N450071" s="10"/>
    </row>
    <row r="450072" spans="14:14">
      <c r="N450072" s="10"/>
    </row>
    <row r="450073" spans="14:14">
      <c r="N450073" s="10"/>
    </row>
    <row r="450074" spans="14:14">
      <c r="N450074" s="10"/>
    </row>
    <row r="450075" spans="14:14">
      <c r="N450075" s="10"/>
    </row>
    <row r="450076" spans="14:14">
      <c r="N450076" s="10"/>
    </row>
    <row r="450077" spans="14:14">
      <c r="N450077" s="10"/>
    </row>
    <row r="450078" spans="14:14">
      <c r="N450078" s="10"/>
    </row>
    <row r="450079" spans="14:14">
      <c r="N450079" s="10"/>
    </row>
    <row r="450080" spans="14:14">
      <c r="N450080" s="10"/>
    </row>
    <row r="450081" spans="14:14">
      <c r="N450081" s="10"/>
    </row>
    <row r="450082" spans="14:14">
      <c r="N450082" s="10"/>
    </row>
    <row r="450083" spans="14:14">
      <c r="N450083" s="10"/>
    </row>
    <row r="450084" spans="14:14">
      <c r="N450084" s="10"/>
    </row>
    <row r="450085" spans="14:14">
      <c r="N450085" s="10"/>
    </row>
    <row r="450086" spans="14:14">
      <c r="N450086" s="10"/>
    </row>
    <row r="450087" spans="14:14">
      <c r="N450087" s="10"/>
    </row>
    <row r="450088" spans="14:14">
      <c r="N450088" s="10"/>
    </row>
    <row r="450089" spans="14:14">
      <c r="N450089" s="10"/>
    </row>
    <row r="450090" spans="14:14">
      <c r="N450090" s="10"/>
    </row>
    <row r="450091" spans="14:14">
      <c r="N450091" s="10"/>
    </row>
    <row r="450092" spans="14:14">
      <c r="N450092" s="10"/>
    </row>
    <row r="450093" spans="14:14">
      <c r="N450093" s="10"/>
    </row>
    <row r="450094" spans="14:14">
      <c r="N450094" s="10"/>
    </row>
    <row r="450095" spans="14:14">
      <c r="N450095" s="10"/>
    </row>
    <row r="450096" spans="14:14">
      <c r="N450096" s="10"/>
    </row>
    <row r="450097" spans="14:14">
      <c r="N450097" s="10"/>
    </row>
    <row r="450098" spans="14:14">
      <c r="N450098" s="10"/>
    </row>
    <row r="450099" spans="14:14">
      <c r="N450099" s="10"/>
    </row>
    <row r="450100" spans="14:14">
      <c r="N450100" s="10"/>
    </row>
    <row r="450101" spans="14:14">
      <c r="N450101" s="10"/>
    </row>
    <row r="450102" spans="14:14">
      <c r="N450102" s="10"/>
    </row>
    <row r="450103" spans="14:14">
      <c r="N450103" s="10"/>
    </row>
    <row r="450104" spans="14:14">
      <c r="N450104" s="10"/>
    </row>
    <row r="450105" spans="14:14">
      <c r="N450105" s="10"/>
    </row>
    <row r="450106" spans="14:14">
      <c r="N450106" s="10"/>
    </row>
    <row r="450107" spans="14:14">
      <c r="N450107" s="10"/>
    </row>
    <row r="450108" spans="14:14">
      <c r="N450108" s="10"/>
    </row>
    <row r="450109" spans="14:14">
      <c r="N450109" s="10"/>
    </row>
    <row r="450110" spans="14:14">
      <c r="N450110" s="10"/>
    </row>
    <row r="450111" spans="14:14">
      <c r="N450111" s="10"/>
    </row>
    <row r="450112" spans="14:14">
      <c r="N450112" s="10"/>
    </row>
    <row r="450113" spans="14:14">
      <c r="N450113" s="10"/>
    </row>
    <row r="450114" spans="14:14">
      <c r="N450114" s="10"/>
    </row>
    <row r="450115" spans="14:14">
      <c r="N450115" s="10"/>
    </row>
    <row r="450116" spans="14:14">
      <c r="N450116" s="10"/>
    </row>
    <row r="450117" spans="14:14">
      <c r="N450117" s="10"/>
    </row>
    <row r="450118" spans="14:14">
      <c r="N450118" s="10"/>
    </row>
    <row r="450119" spans="14:14">
      <c r="N450119" s="10"/>
    </row>
    <row r="450120" spans="14:14">
      <c r="N450120" s="10"/>
    </row>
    <row r="450121" spans="14:14">
      <c r="N450121" s="10"/>
    </row>
    <row r="450122" spans="14:14">
      <c r="N450122" s="10"/>
    </row>
    <row r="450123" spans="14:14">
      <c r="N450123" s="10"/>
    </row>
    <row r="450124" spans="14:14">
      <c r="N450124" s="10"/>
    </row>
    <row r="450125" spans="14:14">
      <c r="N450125" s="10"/>
    </row>
    <row r="450126" spans="14:14">
      <c r="N450126" s="10"/>
    </row>
    <row r="450127" spans="14:14">
      <c r="N450127" s="10"/>
    </row>
    <row r="450128" spans="14:14">
      <c r="N450128" s="10"/>
    </row>
    <row r="450129" spans="14:14">
      <c r="N450129" s="10"/>
    </row>
    <row r="450130" spans="14:14">
      <c r="N450130" s="10"/>
    </row>
    <row r="450131" spans="14:14">
      <c r="N450131" s="10"/>
    </row>
    <row r="450132" spans="14:14">
      <c r="N450132" s="10"/>
    </row>
    <row r="450133" spans="14:14">
      <c r="N450133" s="10"/>
    </row>
    <row r="450134" spans="14:14">
      <c r="N450134" s="10"/>
    </row>
    <row r="450135" spans="14:14">
      <c r="N450135" s="10"/>
    </row>
    <row r="450136" spans="14:14">
      <c r="N450136" s="10"/>
    </row>
    <row r="450137" spans="14:14">
      <c r="N450137" s="10"/>
    </row>
    <row r="450138" spans="14:14">
      <c r="N450138" s="10"/>
    </row>
    <row r="450139" spans="14:14">
      <c r="N450139" s="10"/>
    </row>
    <row r="450140" spans="14:14">
      <c r="N450140" s="10"/>
    </row>
    <row r="450141" spans="14:14">
      <c r="N450141" s="10"/>
    </row>
    <row r="450142" spans="14:14">
      <c r="N450142" s="10"/>
    </row>
    <row r="450143" spans="14:14">
      <c r="N450143" s="10"/>
    </row>
    <row r="450144" spans="14:14">
      <c r="N450144" s="10"/>
    </row>
    <row r="450145" spans="14:14">
      <c r="N450145" s="10"/>
    </row>
    <row r="450146" spans="14:14">
      <c r="N450146" s="10"/>
    </row>
    <row r="450147" spans="14:14">
      <c r="N450147" s="10"/>
    </row>
    <row r="450148" spans="14:14">
      <c r="N450148" s="10"/>
    </row>
    <row r="450149" spans="14:14">
      <c r="N450149" s="10"/>
    </row>
    <row r="450150" spans="14:14">
      <c r="N450150" s="10"/>
    </row>
    <row r="450151" spans="14:14">
      <c r="N450151" s="10"/>
    </row>
    <row r="450152" spans="14:14">
      <c r="N450152" s="10"/>
    </row>
    <row r="450153" spans="14:14">
      <c r="N450153" s="10"/>
    </row>
    <row r="450154" spans="14:14">
      <c r="N450154" s="10"/>
    </row>
    <row r="450155" spans="14:14">
      <c r="N450155" s="10"/>
    </row>
    <row r="450156" spans="14:14">
      <c r="N450156" s="10"/>
    </row>
    <row r="450157" spans="14:14">
      <c r="N450157" s="10"/>
    </row>
    <row r="450158" spans="14:14">
      <c r="N450158" s="10"/>
    </row>
    <row r="450159" spans="14:14">
      <c r="N450159" s="10"/>
    </row>
    <row r="450160" spans="14:14">
      <c r="N450160" s="10"/>
    </row>
    <row r="450161" spans="14:14">
      <c r="N450161" s="10"/>
    </row>
    <row r="450162" spans="14:14">
      <c r="N450162" s="10"/>
    </row>
    <row r="450163" spans="14:14">
      <c r="N450163" s="10"/>
    </row>
    <row r="450164" spans="14:14">
      <c r="N450164" s="10"/>
    </row>
    <row r="450165" spans="14:14">
      <c r="N450165" s="10"/>
    </row>
    <row r="450166" spans="14:14">
      <c r="N450166" s="10"/>
    </row>
    <row r="450167" spans="14:14">
      <c r="N450167" s="10"/>
    </row>
    <row r="450168" spans="14:14">
      <c r="N450168" s="10"/>
    </row>
    <row r="450169" spans="14:14">
      <c r="N450169" s="10"/>
    </row>
    <row r="450170" spans="14:14">
      <c r="N450170" s="10"/>
    </row>
    <row r="450171" spans="14:14">
      <c r="N450171" s="10"/>
    </row>
    <row r="450172" spans="14:14">
      <c r="N450172" s="10"/>
    </row>
    <row r="450173" spans="14:14">
      <c r="N450173" s="10"/>
    </row>
    <row r="450174" spans="14:14">
      <c r="N450174" s="10"/>
    </row>
    <row r="450175" spans="14:14">
      <c r="N450175" s="10"/>
    </row>
    <row r="450176" spans="14:14">
      <c r="N450176" s="10"/>
    </row>
    <row r="450177" spans="14:14">
      <c r="N450177" s="10"/>
    </row>
    <row r="450178" spans="14:14">
      <c r="N450178" s="10"/>
    </row>
    <row r="450179" spans="14:14">
      <c r="N450179" s="10"/>
    </row>
    <row r="450180" spans="14:14">
      <c r="N450180" s="10"/>
    </row>
    <row r="450181" spans="14:14">
      <c r="N450181" s="10"/>
    </row>
    <row r="450182" spans="14:14">
      <c r="N450182" s="10"/>
    </row>
    <row r="450183" spans="14:14">
      <c r="N450183" s="10"/>
    </row>
    <row r="450184" spans="14:14">
      <c r="N450184" s="10"/>
    </row>
    <row r="450185" spans="14:14">
      <c r="N450185" s="10"/>
    </row>
    <row r="450186" spans="14:14">
      <c r="N450186" s="10"/>
    </row>
    <row r="450187" spans="14:14">
      <c r="N450187" s="10"/>
    </row>
    <row r="450188" spans="14:14">
      <c r="N450188" s="10"/>
    </row>
    <row r="450189" spans="14:14">
      <c r="N450189" s="10"/>
    </row>
    <row r="450190" spans="14:14">
      <c r="N450190" s="10"/>
    </row>
    <row r="450191" spans="14:14">
      <c r="N450191" s="10"/>
    </row>
    <row r="450192" spans="14:14">
      <c r="N450192" s="10"/>
    </row>
    <row r="450193" spans="14:14">
      <c r="N450193" s="10"/>
    </row>
    <row r="450194" spans="14:14">
      <c r="N450194" s="10"/>
    </row>
    <row r="450195" spans="14:14">
      <c r="N450195" s="10"/>
    </row>
    <row r="450196" spans="14:14">
      <c r="N450196" s="10"/>
    </row>
    <row r="450197" spans="14:14">
      <c r="N450197" s="10"/>
    </row>
    <row r="450198" spans="14:14">
      <c r="N450198" s="10"/>
    </row>
    <row r="450199" spans="14:14">
      <c r="N450199" s="10"/>
    </row>
    <row r="450200" spans="14:14">
      <c r="N450200" s="10"/>
    </row>
    <row r="450201" spans="14:14">
      <c r="N450201" s="10"/>
    </row>
    <row r="450202" spans="14:14">
      <c r="N450202" s="10"/>
    </row>
    <row r="450203" spans="14:14">
      <c r="N450203" s="10"/>
    </row>
    <row r="450204" spans="14:14">
      <c r="N450204" s="10"/>
    </row>
    <row r="450205" spans="14:14">
      <c r="N450205" s="10"/>
    </row>
    <row r="450206" spans="14:14">
      <c r="N450206" s="10"/>
    </row>
    <row r="450207" spans="14:14">
      <c r="N450207" s="10"/>
    </row>
    <row r="450208" spans="14:14">
      <c r="N450208" s="10"/>
    </row>
    <row r="450209" spans="14:14">
      <c r="N450209" s="10"/>
    </row>
    <row r="450210" spans="14:14">
      <c r="N450210" s="10"/>
    </row>
    <row r="450211" spans="14:14">
      <c r="N450211" s="10"/>
    </row>
    <row r="450212" spans="14:14">
      <c r="N450212" s="10"/>
    </row>
    <row r="450213" spans="14:14">
      <c r="N450213" s="10"/>
    </row>
    <row r="450214" spans="14:14">
      <c r="N450214" s="10"/>
    </row>
    <row r="450215" spans="14:14">
      <c r="N450215" s="10"/>
    </row>
    <row r="450216" spans="14:14">
      <c r="N450216" s="10"/>
    </row>
    <row r="450217" spans="14:14">
      <c r="N450217" s="10"/>
    </row>
    <row r="450218" spans="14:14">
      <c r="N450218" s="10"/>
    </row>
    <row r="450219" spans="14:14">
      <c r="N450219" s="10"/>
    </row>
    <row r="450220" spans="14:14">
      <c r="N450220" s="10"/>
    </row>
    <row r="450221" spans="14:14">
      <c r="N450221" s="10"/>
    </row>
    <row r="450222" spans="14:14">
      <c r="N450222" s="10"/>
    </row>
    <row r="450223" spans="14:14">
      <c r="N450223" s="10"/>
    </row>
    <row r="450224" spans="14:14">
      <c r="N450224" s="10"/>
    </row>
    <row r="450225" spans="14:14">
      <c r="N450225" s="10"/>
    </row>
    <row r="450226" spans="14:14">
      <c r="N450226" s="10"/>
    </row>
    <row r="450227" spans="14:14">
      <c r="N450227" s="10"/>
    </row>
    <row r="450228" spans="14:14">
      <c r="N450228" s="10"/>
    </row>
    <row r="450229" spans="14:14">
      <c r="N450229" s="10"/>
    </row>
    <row r="450230" spans="14:14">
      <c r="N450230" s="10"/>
    </row>
    <row r="450231" spans="14:14">
      <c r="N450231" s="10"/>
    </row>
    <row r="450232" spans="14:14">
      <c r="N450232" s="10"/>
    </row>
    <row r="450233" spans="14:14">
      <c r="N450233" s="10"/>
    </row>
    <row r="450234" spans="14:14">
      <c r="N450234" s="10"/>
    </row>
    <row r="450235" spans="14:14">
      <c r="N450235" s="10"/>
    </row>
    <row r="450236" spans="14:14">
      <c r="N450236" s="10"/>
    </row>
    <row r="450237" spans="14:14">
      <c r="N450237" s="10"/>
    </row>
    <row r="450238" spans="14:14">
      <c r="N450238" s="10"/>
    </row>
    <row r="450239" spans="14:14">
      <c r="N450239" s="10"/>
    </row>
    <row r="450240" spans="14:14">
      <c r="N450240" s="10"/>
    </row>
    <row r="450241" spans="14:14">
      <c r="N450241" s="10"/>
    </row>
    <row r="450242" spans="14:14">
      <c r="N450242" s="10"/>
    </row>
    <row r="450243" spans="14:14">
      <c r="N450243" s="10"/>
    </row>
    <row r="450244" spans="14:14">
      <c r="N450244" s="10"/>
    </row>
    <row r="450245" spans="14:14">
      <c r="N450245" s="10"/>
    </row>
    <row r="450246" spans="14:14">
      <c r="N450246" s="10"/>
    </row>
    <row r="450247" spans="14:14">
      <c r="N450247" s="10"/>
    </row>
    <row r="450248" spans="14:14">
      <c r="N450248" s="10"/>
    </row>
    <row r="450249" spans="14:14">
      <c r="N450249" s="10"/>
    </row>
    <row r="450250" spans="14:14">
      <c r="N450250" s="10"/>
    </row>
    <row r="450251" spans="14:14">
      <c r="N450251" s="10"/>
    </row>
    <row r="450252" spans="14:14">
      <c r="N450252" s="10"/>
    </row>
    <row r="450253" spans="14:14">
      <c r="N450253" s="10"/>
    </row>
    <row r="450254" spans="14:14">
      <c r="N450254" s="10"/>
    </row>
    <row r="450255" spans="14:14">
      <c r="N450255" s="10"/>
    </row>
    <row r="450256" spans="14:14">
      <c r="N450256" s="10"/>
    </row>
    <row r="450257" spans="14:14">
      <c r="N450257" s="10"/>
    </row>
    <row r="450258" spans="14:14">
      <c r="N450258" s="10"/>
    </row>
    <row r="450259" spans="14:14">
      <c r="N450259" s="10"/>
    </row>
    <row r="450260" spans="14:14">
      <c r="N450260" s="10"/>
    </row>
    <row r="450261" spans="14:14">
      <c r="N450261" s="10"/>
    </row>
    <row r="450262" spans="14:14">
      <c r="N450262" s="10"/>
    </row>
    <row r="450263" spans="14:14">
      <c r="N450263" s="10"/>
    </row>
    <row r="450264" spans="14:14">
      <c r="N450264" s="10"/>
    </row>
    <row r="450265" spans="14:14">
      <c r="N450265" s="10"/>
    </row>
    <row r="450266" spans="14:14">
      <c r="N450266" s="10"/>
    </row>
    <row r="450267" spans="14:14">
      <c r="N450267" s="10"/>
    </row>
    <row r="450268" spans="14:14">
      <c r="N450268" s="10"/>
    </row>
    <row r="450269" spans="14:14">
      <c r="N450269" s="10"/>
    </row>
    <row r="450270" spans="14:14">
      <c r="N450270" s="10"/>
    </row>
    <row r="450271" spans="14:14">
      <c r="N450271" s="10"/>
    </row>
    <row r="450272" spans="14:14">
      <c r="N450272" s="10"/>
    </row>
    <row r="450273" spans="14:14">
      <c r="N450273" s="10"/>
    </row>
    <row r="450274" spans="14:14">
      <c r="N450274" s="10"/>
    </row>
    <row r="450275" spans="14:14">
      <c r="N450275" s="10"/>
    </row>
    <row r="450276" spans="14:14">
      <c r="N450276" s="10"/>
    </row>
    <row r="450277" spans="14:14">
      <c r="N450277" s="10"/>
    </row>
    <row r="450278" spans="14:14">
      <c r="N450278" s="10"/>
    </row>
    <row r="450279" spans="14:14">
      <c r="N450279" s="10"/>
    </row>
    <row r="450280" spans="14:14">
      <c r="N450280" s="10"/>
    </row>
    <row r="450281" spans="14:14">
      <c r="N450281" s="10"/>
    </row>
    <row r="450282" spans="14:14">
      <c r="N450282" s="10"/>
    </row>
    <row r="450283" spans="14:14">
      <c r="N450283" s="10"/>
    </row>
    <row r="450284" spans="14:14">
      <c r="N450284" s="10"/>
    </row>
    <row r="450285" spans="14:14">
      <c r="N450285" s="10"/>
    </row>
    <row r="450286" spans="14:14">
      <c r="N450286" s="10"/>
    </row>
    <row r="450287" spans="14:14">
      <c r="N450287" s="10"/>
    </row>
    <row r="450288" spans="14:14">
      <c r="N450288" s="10"/>
    </row>
    <row r="450289" spans="14:14">
      <c r="N450289" s="10"/>
    </row>
    <row r="450290" spans="14:14">
      <c r="N450290" s="10"/>
    </row>
    <row r="450291" spans="14:14">
      <c r="N450291" s="10"/>
    </row>
    <row r="450292" spans="14:14">
      <c r="N450292" s="10"/>
    </row>
    <row r="450293" spans="14:14">
      <c r="N450293" s="10"/>
    </row>
    <row r="450294" spans="14:14">
      <c r="N450294" s="10"/>
    </row>
    <row r="450295" spans="14:14">
      <c r="N450295" s="10"/>
    </row>
    <row r="450296" spans="14:14">
      <c r="N450296" s="10"/>
    </row>
    <row r="450297" spans="14:14">
      <c r="N450297" s="10"/>
    </row>
    <row r="450298" spans="14:14">
      <c r="N450298" s="10"/>
    </row>
    <row r="450299" spans="14:14">
      <c r="N450299" s="10"/>
    </row>
    <row r="450300" spans="14:14">
      <c r="N450300" s="10"/>
    </row>
    <row r="450301" spans="14:14">
      <c r="N450301" s="10"/>
    </row>
    <row r="450302" spans="14:14">
      <c r="N450302" s="10"/>
    </row>
    <row r="450303" spans="14:14">
      <c r="N450303" s="10"/>
    </row>
    <row r="450304" spans="14:14">
      <c r="N450304" s="10"/>
    </row>
    <row r="450305" spans="14:14">
      <c r="N450305" s="10"/>
    </row>
    <row r="450306" spans="14:14">
      <c r="N450306" s="10"/>
    </row>
    <row r="450307" spans="14:14">
      <c r="N450307" s="10"/>
    </row>
    <row r="450308" spans="14:14">
      <c r="N450308" s="10"/>
    </row>
    <row r="450309" spans="14:14">
      <c r="N450309" s="10"/>
    </row>
    <row r="450310" spans="14:14">
      <c r="N450310" s="10"/>
    </row>
    <row r="450311" spans="14:14">
      <c r="N450311" s="10"/>
    </row>
    <row r="450312" spans="14:14">
      <c r="N450312" s="10"/>
    </row>
    <row r="450313" spans="14:14">
      <c r="N450313" s="10"/>
    </row>
    <row r="450314" spans="14:14">
      <c r="N450314" s="10"/>
    </row>
    <row r="450315" spans="14:14">
      <c r="N450315" s="10"/>
    </row>
    <row r="450316" spans="14:14">
      <c r="N450316" s="10"/>
    </row>
    <row r="450317" spans="14:14">
      <c r="N450317" s="10"/>
    </row>
    <row r="450318" spans="14:14">
      <c r="N450318" s="10"/>
    </row>
    <row r="450319" spans="14:14">
      <c r="N450319" s="10"/>
    </row>
    <row r="450320" spans="14:14">
      <c r="N450320" s="10"/>
    </row>
    <row r="450321" spans="14:14">
      <c r="N450321" s="10"/>
    </row>
    <row r="450322" spans="14:14">
      <c r="N450322" s="10"/>
    </row>
    <row r="450323" spans="14:14">
      <c r="N450323" s="10"/>
    </row>
    <row r="450324" spans="14:14">
      <c r="N450324" s="10"/>
    </row>
    <row r="450325" spans="14:14">
      <c r="N450325" s="10"/>
    </row>
    <row r="450326" spans="14:14">
      <c r="N450326" s="10"/>
    </row>
    <row r="450327" spans="14:14">
      <c r="N450327" s="10"/>
    </row>
    <row r="450328" spans="14:14">
      <c r="N450328" s="10"/>
    </row>
    <row r="450329" spans="14:14">
      <c r="N450329" s="10"/>
    </row>
    <row r="450330" spans="14:14">
      <c r="N450330" s="10"/>
    </row>
    <row r="450331" spans="14:14">
      <c r="N450331" s="10"/>
    </row>
    <row r="450332" spans="14:14">
      <c r="N450332" s="10"/>
    </row>
    <row r="450333" spans="14:14">
      <c r="N450333" s="10"/>
    </row>
    <row r="450334" spans="14:14">
      <c r="N450334" s="10"/>
    </row>
    <row r="450335" spans="14:14">
      <c r="N450335" s="10"/>
    </row>
    <row r="450336" spans="14:14">
      <c r="N450336" s="10"/>
    </row>
    <row r="450337" spans="14:14">
      <c r="N450337" s="10"/>
    </row>
    <row r="450338" spans="14:14">
      <c r="N450338" s="10"/>
    </row>
    <row r="450339" spans="14:14">
      <c r="N450339" s="10"/>
    </row>
    <row r="450340" spans="14:14">
      <c r="N450340" s="10"/>
    </row>
    <row r="450341" spans="14:14">
      <c r="N450341" s="10"/>
    </row>
    <row r="450342" spans="14:14">
      <c r="N450342" s="10"/>
    </row>
    <row r="450343" spans="14:14">
      <c r="N450343" s="10"/>
    </row>
    <row r="450344" spans="14:14">
      <c r="N450344" s="10"/>
    </row>
    <row r="450345" spans="14:14">
      <c r="N450345" s="10"/>
    </row>
    <row r="450346" spans="14:14">
      <c r="N450346" s="10"/>
    </row>
    <row r="450347" spans="14:14">
      <c r="N450347" s="10"/>
    </row>
    <row r="450348" spans="14:14">
      <c r="N450348" s="10"/>
    </row>
    <row r="450349" spans="14:14">
      <c r="N450349" s="10"/>
    </row>
    <row r="450350" spans="14:14">
      <c r="N450350" s="10"/>
    </row>
    <row r="450351" spans="14:14">
      <c r="N450351" s="10"/>
    </row>
    <row r="450352" spans="14:14">
      <c r="N450352" s="10"/>
    </row>
    <row r="450353" spans="14:14">
      <c r="N450353" s="10"/>
    </row>
    <row r="450354" spans="14:14">
      <c r="N450354" s="10"/>
    </row>
    <row r="450355" spans="14:14">
      <c r="N450355" s="10"/>
    </row>
    <row r="450356" spans="14:14">
      <c r="N450356" s="10"/>
    </row>
    <row r="450357" spans="14:14">
      <c r="N450357" s="10"/>
    </row>
    <row r="450358" spans="14:14">
      <c r="N450358" s="10"/>
    </row>
    <row r="450359" spans="14:14">
      <c r="N450359" s="10"/>
    </row>
    <row r="450360" spans="14:14">
      <c r="N450360" s="10"/>
    </row>
    <row r="450361" spans="14:14">
      <c r="N450361" s="10"/>
    </row>
    <row r="450362" spans="14:14">
      <c r="N450362" s="10"/>
    </row>
    <row r="450363" spans="14:14">
      <c r="N450363" s="10"/>
    </row>
    <row r="450364" spans="14:14">
      <c r="N450364" s="10"/>
    </row>
    <row r="450365" spans="14:14">
      <c r="N450365" s="10"/>
    </row>
    <row r="450366" spans="14:14">
      <c r="N450366" s="10"/>
    </row>
    <row r="450367" spans="14:14">
      <c r="N450367" s="10"/>
    </row>
    <row r="450368" spans="14:14">
      <c r="N450368" s="10"/>
    </row>
    <row r="450369" spans="14:14">
      <c r="N450369" s="10"/>
    </row>
    <row r="450370" spans="14:14">
      <c r="N450370" s="10"/>
    </row>
    <row r="450371" spans="14:14">
      <c r="N450371" s="10"/>
    </row>
    <row r="450372" spans="14:14">
      <c r="N450372" s="10"/>
    </row>
    <row r="450373" spans="14:14">
      <c r="N450373" s="10"/>
    </row>
    <row r="450374" spans="14:14">
      <c r="N450374" s="10"/>
    </row>
    <row r="450375" spans="14:14">
      <c r="N450375" s="10"/>
    </row>
    <row r="450376" spans="14:14">
      <c r="N450376" s="10"/>
    </row>
    <row r="450377" spans="14:14">
      <c r="N450377" s="10"/>
    </row>
    <row r="450378" spans="14:14">
      <c r="N450378" s="10"/>
    </row>
    <row r="450379" spans="14:14">
      <c r="N450379" s="10"/>
    </row>
    <row r="450380" spans="14:14">
      <c r="N450380" s="10"/>
    </row>
    <row r="450381" spans="14:14">
      <c r="N450381" s="10"/>
    </row>
    <row r="450382" spans="14:14">
      <c r="N450382" s="10"/>
    </row>
    <row r="450383" spans="14:14">
      <c r="N450383" s="10"/>
    </row>
    <row r="450384" spans="14:14">
      <c r="N450384" s="10"/>
    </row>
    <row r="450385" spans="14:14">
      <c r="N450385" s="10"/>
    </row>
    <row r="450386" spans="14:14">
      <c r="N450386" s="10"/>
    </row>
    <row r="450387" spans="14:14">
      <c r="N450387" s="10"/>
    </row>
    <row r="450388" spans="14:14">
      <c r="N450388" s="10"/>
    </row>
    <row r="450389" spans="14:14">
      <c r="N450389" s="10"/>
    </row>
    <row r="450390" spans="14:14">
      <c r="N450390" s="10"/>
    </row>
    <row r="450391" spans="14:14">
      <c r="N450391" s="10"/>
    </row>
    <row r="450392" spans="14:14">
      <c r="N450392" s="10"/>
    </row>
    <row r="450393" spans="14:14">
      <c r="N450393" s="10"/>
    </row>
    <row r="450394" spans="14:14">
      <c r="N450394" s="10"/>
    </row>
    <row r="450395" spans="14:14">
      <c r="N450395" s="10"/>
    </row>
    <row r="450396" spans="14:14">
      <c r="N450396" s="10"/>
    </row>
    <row r="450397" spans="14:14">
      <c r="N450397" s="10"/>
    </row>
    <row r="450398" spans="14:14">
      <c r="N450398" s="10"/>
    </row>
    <row r="450399" spans="14:14">
      <c r="N450399" s="10"/>
    </row>
    <row r="450400" spans="14:14">
      <c r="N450400" s="10"/>
    </row>
    <row r="450401" spans="14:14">
      <c r="N450401" s="10"/>
    </row>
    <row r="450402" spans="14:14">
      <c r="N450402" s="10"/>
    </row>
    <row r="450403" spans="14:14">
      <c r="N450403" s="10"/>
    </row>
    <row r="450404" spans="14:14">
      <c r="N450404" s="10"/>
    </row>
    <row r="450405" spans="14:14">
      <c r="N450405" s="10"/>
    </row>
    <row r="450406" spans="14:14">
      <c r="N450406" s="10"/>
    </row>
    <row r="450407" spans="14:14">
      <c r="N450407" s="10"/>
    </row>
    <row r="450408" spans="14:14">
      <c r="N450408" s="10"/>
    </row>
    <row r="450409" spans="14:14">
      <c r="N450409" s="10"/>
    </row>
    <row r="450410" spans="14:14">
      <c r="N450410" s="10"/>
    </row>
    <row r="450411" spans="14:14">
      <c r="N450411" s="10"/>
    </row>
    <row r="450412" spans="14:14">
      <c r="N450412" s="10"/>
    </row>
    <row r="450413" spans="14:14">
      <c r="N450413" s="10"/>
    </row>
    <row r="450414" spans="14:14">
      <c r="N450414" s="10"/>
    </row>
    <row r="450415" spans="14:14">
      <c r="N450415" s="10"/>
    </row>
    <row r="450416" spans="14:14">
      <c r="N450416" s="10"/>
    </row>
    <row r="450417" spans="14:14">
      <c r="N450417" s="10"/>
    </row>
    <row r="450418" spans="14:14">
      <c r="N450418" s="10"/>
    </row>
    <row r="450419" spans="14:14">
      <c r="N450419" s="10"/>
    </row>
    <row r="450420" spans="14:14">
      <c r="N450420" s="10"/>
    </row>
    <row r="450421" spans="14:14">
      <c r="N450421" s="10"/>
    </row>
    <row r="450422" spans="14:14">
      <c r="N450422" s="10"/>
    </row>
    <row r="450423" spans="14:14">
      <c r="N450423" s="10"/>
    </row>
    <row r="450424" spans="14:14">
      <c r="N450424" s="10"/>
    </row>
    <row r="450425" spans="14:14">
      <c r="N450425" s="10"/>
    </row>
    <row r="450426" spans="14:14">
      <c r="N450426" s="10"/>
    </row>
    <row r="450427" spans="14:14">
      <c r="N450427" s="10"/>
    </row>
    <row r="450428" spans="14:14">
      <c r="N450428" s="10"/>
    </row>
    <row r="450429" spans="14:14">
      <c r="N450429" s="10"/>
    </row>
    <row r="450430" spans="14:14">
      <c r="N450430" s="10"/>
    </row>
    <row r="450431" spans="14:14">
      <c r="N450431" s="10"/>
    </row>
    <row r="450432" spans="14:14">
      <c r="N450432" s="10"/>
    </row>
    <row r="450433" spans="14:14">
      <c r="N450433" s="10"/>
    </row>
    <row r="450434" spans="14:14">
      <c r="N450434" s="10"/>
    </row>
    <row r="450435" spans="14:14">
      <c r="N450435" s="10"/>
    </row>
    <row r="450436" spans="14:14">
      <c r="N450436" s="10"/>
    </row>
    <row r="450437" spans="14:14">
      <c r="N450437" s="10"/>
    </row>
    <row r="450438" spans="14:14">
      <c r="N450438" s="10"/>
    </row>
    <row r="450439" spans="14:14">
      <c r="N450439" s="10"/>
    </row>
    <row r="450440" spans="14:14">
      <c r="N450440" s="10"/>
    </row>
    <row r="450441" spans="14:14">
      <c r="N450441" s="10"/>
    </row>
    <row r="450442" spans="14:14">
      <c r="N450442" s="10"/>
    </row>
    <row r="450443" spans="14:14">
      <c r="N450443" s="10"/>
    </row>
    <row r="450444" spans="14:14">
      <c r="N450444" s="10"/>
    </row>
    <row r="450445" spans="14:14">
      <c r="N450445" s="10"/>
    </row>
    <row r="450446" spans="14:14">
      <c r="N450446" s="10"/>
    </row>
    <row r="450447" spans="14:14">
      <c r="N450447" s="10"/>
    </row>
    <row r="450448" spans="14:14">
      <c r="N450448" s="10"/>
    </row>
    <row r="450449" spans="14:14">
      <c r="N450449" s="10"/>
    </row>
    <row r="450450" spans="14:14">
      <c r="N450450" s="10"/>
    </row>
    <row r="450451" spans="14:14">
      <c r="N450451" s="10"/>
    </row>
    <row r="450452" spans="14:14">
      <c r="N450452" s="10"/>
    </row>
    <row r="450453" spans="14:14">
      <c r="N450453" s="10"/>
    </row>
    <row r="450454" spans="14:14">
      <c r="N450454" s="10"/>
    </row>
    <row r="450455" spans="14:14">
      <c r="N450455" s="10"/>
    </row>
    <row r="450456" spans="14:14">
      <c r="N450456" s="10"/>
    </row>
    <row r="450457" spans="14:14">
      <c r="N450457" s="10"/>
    </row>
    <row r="450458" spans="14:14">
      <c r="N450458" s="10"/>
    </row>
    <row r="450459" spans="14:14">
      <c r="N450459" s="10"/>
    </row>
    <row r="450460" spans="14:14">
      <c r="N450460" s="10"/>
    </row>
    <row r="450461" spans="14:14">
      <c r="N450461" s="10"/>
    </row>
    <row r="450462" spans="14:14">
      <c r="N450462" s="10"/>
    </row>
    <row r="450463" spans="14:14">
      <c r="N450463" s="10"/>
    </row>
    <row r="450464" spans="14:14">
      <c r="N450464" s="10"/>
    </row>
    <row r="450465" spans="14:14">
      <c r="N450465" s="10"/>
    </row>
    <row r="450466" spans="14:14">
      <c r="N450466" s="10"/>
    </row>
    <row r="450467" spans="14:14">
      <c r="N450467" s="10"/>
    </row>
    <row r="450468" spans="14:14">
      <c r="N450468" s="10"/>
    </row>
    <row r="450469" spans="14:14">
      <c r="N450469" s="10"/>
    </row>
    <row r="450470" spans="14:14">
      <c r="N450470" s="10"/>
    </row>
    <row r="450471" spans="14:14">
      <c r="N450471" s="10"/>
    </row>
    <row r="450472" spans="14:14">
      <c r="N450472" s="10"/>
    </row>
    <row r="450473" spans="14:14">
      <c r="N450473" s="10"/>
    </row>
    <row r="450474" spans="14:14">
      <c r="N450474" s="10"/>
    </row>
    <row r="450475" spans="14:14">
      <c r="N450475" s="10"/>
    </row>
    <row r="450476" spans="14:14">
      <c r="N450476" s="10"/>
    </row>
    <row r="450477" spans="14:14">
      <c r="N450477" s="10"/>
    </row>
    <row r="450478" spans="14:14">
      <c r="N450478" s="10"/>
    </row>
    <row r="450479" spans="14:14">
      <c r="N450479" s="10"/>
    </row>
    <row r="450480" spans="14:14">
      <c r="N450480" s="10"/>
    </row>
    <row r="450481" spans="14:14">
      <c r="N450481" s="10"/>
    </row>
    <row r="450482" spans="14:14">
      <c r="N450482" s="10"/>
    </row>
    <row r="450483" spans="14:14">
      <c r="N450483" s="10"/>
    </row>
    <row r="450484" spans="14:14">
      <c r="N450484" s="10"/>
    </row>
    <row r="450485" spans="14:14">
      <c r="N450485" s="10"/>
    </row>
    <row r="450486" spans="14:14">
      <c r="N450486" s="10"/>
    </row>
    <row r="450487" spans="14:14">
      <c r="N450487" s="10"/>
    </row>
    <row r="450488" spans="14:14">
      <c r="N450488" s="10"/>
    </row>
    <row r="450489" spans="14:14">
      <c r="N450489" s="10"/>
    </row>
    <row r="450490" spans="14:14">
      <c r="N450490" s="10"/>
    </row>
    <row r="450491" spans="14:14">
      <c r="N450491" s="10"/>
    </row>
    <row r="450492" spans="14:14">
      <c r="N450492" s="10"/>
    </row>
    <row r="450493" spans="14:14">
      <c r="N450493" s="10"/>
    </row>
    <row r="450494" spans="14:14">
      <c r="N450494" s="10"/>
    </row>
    <row r="450495" spans="14:14">
      <c r="N450495" s="10"/>
    </row>
    <row r="450496" spans="14:14">
      <c r="N450496" s="10"/>
    </row>
    <row r="450497" spans="14:14">
      <c r="N450497" s="10"/>
    </row>
    <row r="450498" spans="14:14">
      <c r="N450498" s="10"/>
    </row>
    <row r="450499" spans="14:14">
      <c r="N450499" s="10"/>
    </row>
    <row r="450500" spans="14:14">
      <c r="N450500" s="10"/>
    </row>
    <row r="450501" spans="14:14">
      <c r="N450501" s="10"/>
    </row>
    <row r="450502" spans="14:14">
      <c r="N450502" s="10"/>
    </row>
    <row r="450503" spans="14:14">
      <c r="N450503" s="10"/>
    </row>
    <row r="450504" spans="14:14">
      <c r="N450504" s="10"/>
    </row>
    <row r="450505" spans="14:14">
      <c r="N450505" s="10"/>
    </row>
    <row r="450506" spans="14:14">
      <c r="N450506" s="10"/>
    </row>
    <row r="450507" spans="14:14">
      <c r="N450507" s="10"/>
    </row>
    <row r="450508" spans="14:14">
      <c r="N450508" s="10"/>
    </row>
    <row r="450509" spans="14:14">
      <c r="N450509" s="10"/>
    </row>
    <row r="450510" spans="14:14">
      <c r="N450510" s="10"/>
    </row>
    <row r="450511" spans="14:14">
      <c r="N450511" s="10"/>
    </row>
    <row r="450512" spans="14:14">
      <c r="N450512" s="10"/>
    </row>
    <row r="450513" spans="14:14">
      <c r="N450513" s="10"/>
    </row>
    <row r="450514" spans="14:14">
      <c r="N450514" s="10"/>
    </row>
    <row r="450515" spans="14:14">
      <c r="N450515" s="10"/>
    </row>
    <row r="450516" spans="14:14">
      <c r="N450516" s="10"/>
    </row>
    <row r="450517" spans="14:14">
      <c r="N450517" s="10"/>
    </row>
    <row r="450518" spans="14:14">
      <c r="N450518" s="10"/>
    </row>
    <row r="450519" spans="14:14">
      <c r="N450519" s="10"/>
    </row>
    <row r="450520" spans="14:14">
      <c r="N450520" s="10"/>
    </row>
    <row r="450521" spans="14:14">
      <c r="N450521" s="10"/>
    </row>
    <row r="450522" spans="14:14">
      <c r="N450522" s="10"/>
    </row>
    <row r="450523" spans="14:14">
      <c r="N450523" s="10"/>
    </row>
    <row r="450524" spans="14:14">
      <c r="N450524" s="10"/>
    </row>
    <row r="450525" spans="14:14">
      <c r="N450525" s="10"/>
    </row>
    <row r="450526" spans="14:14">
      <c r="N450526" s="10"/>
    </row>
    <row r="450527" spans="14:14">
      <c r="N450527" s="10"/>
    </row>
    <row r="450528" spans="14:14">
      <c r="N450528" s="10"/>
    </row>
    <row r="450529" spans="14:14">
      <c r="N450529" s="10"/>
    </row>
    <row r="450530" spans="14:14">
      <c r="N450530" s="10"/>
    </row>
    <row r="450531" spans="14:14">
      <c r="N450531" s="10"/>
    </row>
    <row r="450532" spans="14:14">
      <c r="N450532" s="10"/>
    </row>
    <row r="450533" spans="14:14">
      <c r="N450533" s="10"/>
    </row>
    <row r="450534" spans="14:14">
      <c r="N450534" s="10"/>
    </row>
    <row r="450535" spans="14:14">
      <c r="N450535" s="10"/>
    </row>
    <row r="450536" spans="14:14">
      <c r="N450536" s="10"/>
    </row>
    <row r="450537" spans="14:14">
      <c r="N450537" s="10"/>
    </row>
    <row r="450538" spans="14:14">
      <c r="N450538" s="10"/>
    </row>
    <row r="450539" spans="14:14">
      <c r="N450539" s="10"/>
    </row>
    <row r="450540" spans="14:14">
      <c r="N450540" s="10"/>
    </row>
    <row r="450541" spans="14:14">
      <c r="N450541" s="10"/>
    </row>
    <row r="450542" spans="14:14">
      <c r="N450542" s="10"/>
    </row>
    <row r="450543" spans="14:14">
      <c r="N450543" s="10"/>
    </row>
    <row r="450544" spans="14:14">
      <c r="N450544" s="10"/>
    </row>
    <row r="450545" spans="14:14">
      <c r="N450545" s="10"/>
    </row>
    <row r="450546" spans="14:14">
      <c r="N450546" s="10"/>
    </row>
    <row r="450547" spans="14:14">
      <c r="N450547" s="10"/>
    </row>
    <row r="450548" spans="14:14">
      <c r="N450548" s="10"/>
    </row>
    <row r="450549" spans="14:14">
      <c r="N450549" s="10"/>
    </row>
    <row r="450550" spans="14:14">
      <c r="N450550" s="10"/>
    </row>
    <row r="450551" spans="14:14">
      <c r="N450551" s="10"/>
    </row>
    <row r="450552" spans="14:14">
      <c r="N450552" s="10"/>
    </row>
    <row r="450553" spans="14:14">
      <c r="N450553" s="10"/>
    </row>
    <row r="450554" spans="14:14">
      <c r="N450554" s="10"/>
    </row>
    <row r="450555" spans="14:14">
      <c r="N450555" s="10"/>
    </row>
    <row r="450556" spans="14:14">
      <c r="N450556" s="10"/>
    </row>
    <row r="450557" spans="14:14">
      <c r="N450557" s="10"/>
    </row>
    <row r="450558" spans="14:14">
      <c r="N450558" s="10"/>
    </row>
    <row r="450559" spans="14:14">
      <c r="N450559" s="10"/>
    </row>
    <row r="450560" spans="14:14">
      <c r="N450560" s="10"/>
    </row>
    <row r="450561" spans="14:14">
      <c r="N450561" s="10"/>
    </row>
    <row r="450562" spans="14:14">
      <c r="N450562" s="10"/>
    </row>
    <row r="450563" spans="14:14">
      <c r="N450563" s="10"/>
    </row>
    <row r="450564" spans="14:14">
      <c r="N450564" s="10"/>
    </row>
    <row r="450565" spans="14:14">
      <c r="N450565" s="10"/>
    </row>
    <row r="450566" spans="14:14">
      <c r="N450566" s="10"/>
    </row>
    <row r="450567" spans="14:14">
      <c r="N450567" s="10"/>
    </row>
    <row r="450568" spans="14:14">
      <c r="N450568" s="10"/>
    </row>
    <row r="450569" spans="14:14">
      <c r="N450569" s="10"/>
    </row>
    <row r="450570" spans="14:14">
      <c r="N450570" s="10"/>
    </row>
    <row r="450571" spans="14:14">
      <c r="N450571" s="10"/>
    </row>
    <row r="450572" spans="14:14">
      <c r="N450572" s="10"/>
    </row>
    <row r="450573" spans="14:14">
      <c r="N450573" s="10"/>
    </row>
    <row r="450574" spans="14:14">
      <c r="N450574" s="10"/>
    </row>
    <row r="450575" spans="14:14">
      <c r="N450575" s="10"/>
    </row>
    <row r="450576" spans="14:14">
      <c r="N450576" s="10"/>
    </row>
    <row r="450577" spans="14:14">
      <c r="N450577" s="10"/>
    </row>
    <row r="450578" spans="14:14">
      <c r="N450578" s="10"/>
    </row>
    <row r="450579" spans="14:14">
      <c r="N450579" s="10"/>
    </row>
    <row r="450580" spans="14:14">
      <c r="N450580" s="10"/>
    </row>
    <row r="450581" spans="14:14">
      <c r="N450581" s="10"/>
    </row>
    <row r="450582" spans="14:14">
      <c r="N450582" s="10"/>
    </row>
    <row r="450583" spans="14:14">
      <c r="N450583" s="10"/>
    </row>
    <row r="450584" spans="14:14">
      <c r="N450584" s="10"/>
    </row>
    <row r="450585" spans="14:14">
      <c r="N450585" s="10"/>
    </row>
    <row r="450586" spans="14:14">
      <c r="N450586" s="10"/>
    </row>
    <row r="450587" spans="14:14">
      <c r="N450587" s="10"/>
    </row>
    <row r="450588" spans="14:14">
      <c r="N450588" s="10"/>
    </row>
    <row r="450589" spans="14:14">
      <c r="N450589" s="10"/>
    </row>
    <row r="450590" spans="14:14">
      <c r="N450590" s="10"/>
    </row>
    <row r="450591" spans="14:14">
      <c r="N450591" s="10"/>
    </row>
    <row r="450592" spans="14:14">
      <c r="N450592" s="10"/>
    </row>
    <row r="450593" spans="14:14">
      <c r="N450593" s="10"/>
    </row>
    <row r="450594" spans="14:14">
      <c r="N450594" s="10"/>
    </row>
    <row r="450595" spans="14:14">
      <c r="N450595" s="10"/>
    </row>
    <row r="450596" spans="14:14">
      <c r="N450596" s="10"/>
    </row>
    <row r="450597" spans="14:14">
      <c r="N450597" s="10"/>
    </row>
    <row r="450598" spans="14:14">
      <c r="N450598" s="10"/>
    </row>
    <row r="450599" spans="14:14">
      <c r="N450599" s="10"/>
    </row>
    <row r="450600" spans="14:14">
      <c r="N450600" s="10"/>
    </row>
    <row r="450601" spans="14:14">
      <c r="N450601" s="10"/>
    </row>
    <row r="450602" spans="14:14">
      <c r="N450602" s="10"/>
    </row>
    <row r="450603" spans="14:14">
      <c r="N450603" s="10"/>
    </row>
    <row r="450604" spans="14:14">
      <c r="N450604" s="10"/>
    </row>
    <row r="450605" spans="14:14">
      <c r="N450605" s="10"/>
    </row>
    <row r="450606" spans="14:14">
      <c r="N450606" s="10"/>
    </row>
    <row r="450607" spans="14:14">
      <c r="N450607" s="10"/>
    </row>
    <row r="450608" spans="14:14">
      <c r="N450608" s="10"/>
    </row>
    <row r="450609" spans="14:14">
      <c r="N450609" s="10"/>
    </row>
    <row r="450610" spans="14:14">
      <c r="N450610" s="10"/>
    </row>
    <row r="450611" spans="14:14">
      <c r="N450611" s="10"/>
    </row>
    <row r="450612" spans="14:14">
      <c r="N450612" s="10"/>
    </row>
    <row r="450613" spans="14:14">
      <c r="N450613" s="10"/>
    </row>
    <row r="450614" spans="14:14">
      <c r="N450614" s="10"/>
    </row>
    <row r="450615" spans="14:14">
      <c r="N450615" s="10"/>
    </row>
    <row r="450616" spans="14:14">
      <c r="N450616" s="10"/>
    </row>
    <row r="450617" spans="14:14">
      <c r="N450617" s="10"/>
    </row>
    <row r="450618" spans="14:14">
      <c r="N450618" s="10"/>
    </row>
    <row r="450619" spans="14:14">
      <c r="N450619" s="10"/>
    </row>
    <row r="450620" spans="14:14">
      <c r="N450620" s="10"/>
    </row>
    <row r="450621" spans="14:14">
      <c r="N450621" s="10"/>
    </row>
    <row r="450622" spans="14:14">
      <c r="N450622" s="10"/>
    </row>
    <row r="450623" spans="14:14">
      <c r="N450623" s="10"/>
    </row>
    <row r="450624" spans="14:14">
      <c r="N450624" s="10"/>
    </row>
    <row r="450625" spans="14:14">
      <c r="N450625" s="10"/>
    </row>
    <row r="450626" spans="14:14">
      <c r="N450626" s="10"/>
    </row>
    <row r="450627" spans="14:14">
      <c r="N450627" s="10"/>
    </row>
    <row r="450628" spans="14:14">
      <c r="N450628" s="10"/>
    </row>
    <row r="450629" spans="14:14">
      <c r="N450629" s="10"/>
    </row>
    <row r="450630" spans="14:14">
      <c r="N450630" s="10"/>
    </row>
    <row r="450631" spans="14:14">
      <c r="N450631" s="10"/>
    </row>
    <row r="450632" spans="14:14">
      <c r="N450632" s="10"/>
    </row>
    <row r="450633" spans="14:14">
      <c r="N450633" s="10"/>
    </row>
    <row r="450634" spans="14:14">
      <c r="N450634" s="10"/>
    </row>
    <row r="450635" spans="14:14">
      <c r="N450635" s="10"/>
    </row>
    <row r="450636" spans="14:14">
      <c r="N450636" s="10"/>
    </row>
    <row r="450637" spans="14:14">
      <c r="N450637" s="10"/>
    </row>
    <row r="450638" spans="14:14">
      <c r="N450638" s="10"/>
    </row>
    <row r="450639" spans="14:14">
      <c r="N450639" s="10"/>
    </row>
    <row r="450640" spans="14:14">
      <c r="N450640" s="10"/>
    </row>
    <row r="450641" spans="14:14">
      <c r="N450641" s="10"/>
    </row>
    <row r="450642" spans="14:14">
      <c r="N450642" s="10"/>
    </row>
    <row r="450643" spans="14:14">
      <c r="N450643" s="10"/>
    </row>
    <row r="450644" spans="14:14">
      <c r="N450644" s="10"/>
    </row>
    <row r="450645" spans="14:14">
      <c r="N450645" s="10"/>
    </row>
    <row r="450646" spans="14:14">
      <c r="N450646" s="10"/>
    </row>
    <row r="450647" spans="14:14">
      <c r="N450647" s="10"/>
    </row>
    <row r="450648" spans="14:14">
      <c r="N450648" s="10"/>
    </row>
    <row r="450649" spans="14:14">
      <c r="N450649" s="10"/>
    </row>
    <row r="450650" spans="14:14">
      <c r="N450650" s="10"/>
    </row>
    <row r="450651" spans="14:14">
      <c r="N450651" s="10"/>
    </row>
    <row r="450652" spans="14:14">
      <c r="N450652" s="10"/>
    </row>
    <row r="450653" spans="14:14">
      <c r="N450653" s="10"/>
    </row>
    <row r="450654" spans="14:14">
      <c r="N450654" s="10"/>
    </row>
    <row r="450655" spans="14:14">
      <c r="N450655" s="10"/>
    </row>
    <row r="450656" spans="14:14">
      <c r="N450656" s="10"/>
    </row>
    <row r="450657" spans="14:14">
      <c r="N450657" s="10"/>
    </row>
    <row r="450658" spans="14:14">
      <c r="N450658" s="10"/>
    </row>
    <row r="450659" spans="14:14">
      <c r="N450659" s="10"/>
    </row>
    <row r="450660" spans="14:14">
      <c r="N450660" s="10"/>
    </row>
    <row r="450661" spans="14:14">
      <c r="N450661" s="10"/>
    </row>
    <row r="450662" spans="14:14">
      <c r="N450662" s="10"/>
    </row>
    <row r="450663" spans="14:14">
      <c r="N450663" s="10"/>
    </row>
    <row r="450664" spans="14:14">
      <c r="N450664" s="10"/>
    </row>
    <row r="450665" spans="14:14">
      <c r="N450665" s="10"/>
    </row>
    <row r="450666" spans="14:14">
      <c r="N450666" s="10"/>
    </row>
    <row r="450667" spans="14:14">
      <c r="N450667" s="10"/>
    </row>
    <row r="450668" spans="14:14">
      <c r="N450668" s="10"/>
    </row>
    <row r="450669" spans="14:14">
      <c r="N450669" s="10"/>
    </row>
    <row r="450670" spans="14:14">
      <c r="N450670" s="10"/>
    </row>
    <row r="450671" spans="14:14">
      <c r="N450671" s="10"/>
    </row>
    <row r="450672" spans="14:14">
      <c r="N450672" s="10"/>
    </row>
    <row r="450673" spans="14:14">
      <c r="N450673" s="10"/>
    </row>
    <row r="450674" spans="14:14">
      <c r="N450674" s="10"/>
    </row>
    <row r="450675" spans="14:14">
      <c r="N450675" s="10"/>
    </row>
    <row r="450676" spans="14:14">
      <c r="N450676" s="10"/>
    </row>
    <row r="450677" spans="14:14">
      <c r="N450677" s="10"/>
    </row>
    <row r="450678" spans="14:14">
      <c r="N450678" s="10"/>
    </row>
    <row r="450679" spans="14:14">
      <c r="N450679" s="10"/>
    </row>
    <row r="450680" spans="14:14">
      <c r="N450680" s="10"/>
    </row>
    <row r="450681" spans="14:14">
      <c r="N450681" s="10"/>
    </row>
    <row r="450682" spans="14:14">
      <c r="N450682" s="10"/>
    </row>
    <row r="450683" spans="14:14">
      <c r="N450683" s="10"/>
    </row>
    <row r="450684" spans="14:14">
      <c r="N450684" s="10"/>
    </row>
    <row r="450685" spans="14:14">
      <c r="N450685" s="10"/>
    </row>
    <row r="450686" spans="14:14">
      <c r="N450686" s="10"/>
    </row>
    <row r="450687" spans="14:14">
      <c r="N450687" s="10"/>
    </row>
    <row r="450688" spans="14:14">
      <c r="N450688" s="10"/>
    </row>
    <row r="450689" spans="14:14">
      <c r="N450689" s="10"/>
    </row>
    <row r="450690" spans="14:14">
      <c r="N450690" s="10"/>
    </row>
    <row r="450691" spans="14:14">
      <c r="N450691" s="10"/>
    </row>
    <row r="450692" spans="14:14">
      <c r="N450692" s="10"/>
    </row>
    <row r="450693" spans="14:14">
      <c r="N450693" s="10"/>
    </row>
    <row r="450694" spans="14:14">
      <c r="N450694" s="10"/>
    </row>
    <row r="450695" spans="14:14">
      <c r="N450695" s="10"/>
    </row>
    <row r="450696" spans="14:14">
      <c r="N450696" s="10"/>
    </row>
    <row r="450697" spans="14:14">
      <c r="N450697" s="10"/>
    </row>
    <row r="450698" spans="14:14">
      <c r="N450698" s="10"/>
    </row>
    <row r="450699" spans="14:14">
      <c r="N450699" s="10"/>
    </row>
    <row r="450700" spans="14:14">
      <c r="N450700" s="10"/>
    </row>
    <row r="450701" spans="14:14">
      <c r="N450701" s="10"/>
    </row>
    <row r="450702" spans="14:14">
      <c r="N450702" s="10"/>
    </row>
    <row r="450703" spans="14:14">
      <c r="N450703" s="10"/>
    </row>
    <row r="450704" spans="14:14">
      <c r="N450704" s="10"/>
    </row>
    <row r="450705" spans="14:14">
      <c r="N450705" s="10"/>
    </row>
    <row r="450706" spans="14:14">
      <c r="N450706" s="10"/>
    </row>
    <row r="450707" spans="14:14">
      <c r="N450707" s="10"/>
    </row>
    <row r="450708" spans="14:14">
      <c r="N450708" s="10"/>
    </row>
    <row r="450709" spans="14:14">
      <c r="N450709" s="10"/>
    </row>
    <row r="450710" spans="14:14">
      <c r="N450710" s="10"/>
    </row>
    <row r="450711" spans="14:14">
      <c r="N450711" s="10"/>
    </row>
    <row r="450712" spans="14:14">
      <c r="N450712" s="10"/>
    </row>
    <row r="450713" spans="14:14">
      <c r="N450713" s="10"/>
    </row>
    <row r="450714" spans="14:14">
      <c r="N450714" s="10"/>
    </row>
    <row r="450715" spans="14:14">
      <c r="N450715" s="10"/>
    </row>
    <row r="450716" spans="14:14">
      <c r="N450716" s="10"/>
    </row>
    <row r="450717" spans="14:14">
      <c r="N450717" s="10"/>
    </row>
    <row r="450718" spans="14:14">
      <c r="N450718" s="10"/>
    </row>
    <row r="450719" spans="14:14">
      <c r="N450719" s="10"/>
    </row>
    <row r="450720" spans="14:14">
      <c r="N450720" s="10"/>
    </row>
    <row r="450721" spans="14:14">
      <c r="N450721" s="10"/>
    </row>
    <row r="450722" spans="14:14">
      <c r="N450722" s="10"/>
    </row>
    <row r="450723" spans="14:14">
      <c r="N450723" s="10"/>
    </row>
    <row r="450724" spans="14:14">
      <c r="N450724" s="10"/>
    </row>
    <row r="450725" spans="14:14">
      <c r="N450725" s="10"/>
    </row>
    <row r="450726" spans="14:14">
      <c r="N450726" s="10"/>
    </row>
    <row r="450727" spans="14:14">
      <c r="N450727" s="10"/>
    </row>
    <row r="450728" spans="14:14">
      <c r="N450728" s="10"/>
    </row>
    <row r="450729" spans="14:14">
      <c r="N450729" s="10"/>
    </row>
    <row r="450730" spans="14:14">
      <c r="N450730" s="10"/>
    </row>
    <row r="450731" spans="14:14">
      <c r="N450731" s="10"/>
    </row>
    <row r="450732" spans="14:14">
      <c r="N450732" s="10"/>
    </row>
    <row r="450733" spans="14:14">
      <c r="N450733" s="10"/>
    </row>
    <row r="450734" spans="14:14">
      <c r="N450734" s="10"/>
    </row>
    <row r="450735" spans="14:14">
      <c r="N450735" s="10"/>
    </row>
    <row r="450736" spans="14:14">
      <c r="N450736" s="10"/>
    </row>
    <row r="450737" spans="14:14">
      <c r="N450737" s="10"/>
    </row>
    <row r="450738" spans="14:14">
      <c r="N450738" s="10"/>
    </row>
    <row r="450739" spans="14:14">
      <c r="N450739" s="10"/>
    </row>
    <row r="450740" spans="14:14">
      <c r="N450740" s="10"/>
    </row>
    <row r="450741" spans="14:14">
      <c r="N450741" s="10"/>
    </row>
    <row r="450742" spans="14:14">
      <c r="N450742" s="10"/>
    </row>
    <row r="450743" spans="14:14">
      <c r="N450743" s="10"/>
    </row>
    <row r="450744" spans="14:14">
      <c r="N450744" s="10"/>
    </row>
    <row r="450745" spans="14:14">
      <c r="N450745" s="10"/>
    </row>
    <row r="450746" spans="14:14">
      <c r="N450746" s="10"/>
    </row>
    <row r="450747" spans="14:14">
      <c r="N450747" s="10"/>
    </row>
    <row r="450748" spans="14:14">
      <c r="N450748" s="10"/>
    </row>
    <row r="450749" spans="14:14">
      <c r="N450749" s="10"/>
    </row>
    <row r="450750" spans="14:14">
      <c r="N450750" s="10"/>
    </row>
    <row r="450751" spans="14:14">
      <c r="N450751" s="10"/>
    </row>
    <row r="450752" spans="14:14">
      <c r="N450752" s="10"/>
    </row>
    <row r="450753" spans="14:14">
      <c r="N450753" s="10"/>
    </row>
    <row r="450754" spans="14:14">
      <c r="N450754" s="10"/>
    </row>
    <row r="450755" spans="14:14">
      <c r="N450755" s="10"/>
    </row>
    <row r="450756" spans="14:14">
      <c r="N450756" s="10"/>
    </row>
    <row r="450757" spans="14:14">
      <c r="N450757" s="10"/>
    </row>
    <row r="450758" spans="14:14">
      <c r="N450758" s="10"/>
    </row>
    <row r="450759" spans="14:14">
      <c r="N450759" s="10"/>
    </row>
    <row r="450760" spans="14:14">
      <c r="N450760" s="10"/>
    </row>
    <row r="450761" spans="14:14">
      <c r="N450761" s="10"/>
    </row>
    <row r="450762" spans="14:14">
      <c r="N450762" s="10"/>
    </row>
    <row r="450763" spans="14:14">
      <c r="N450763" s="10"/>
    </row>
    <row r="450764" spans="14:14">
      <c r="N450764" s="10"/>
    </row>
    <row r="450765" spans="14:14">
      <c r="N450765" s="10"/>
    </row>
    <row r="450766" spans="14:14">
      <c r="N450766" s="10"/>
    </row>
    <row r="450767" spans="14:14">
      <c r="N450767" s="10"/>
    </row>
    <row r="450768" spans="14:14">
      <c r="N450768" s="10"/>
    </row>
    <row r="450769" spans="14:14">
      <c r="N450769" s="10"/>
    </row>
    <row r="450770" spans="14:14">
      <c r="N450770" s="10"/>
    </row>
    <row r="450771" spans="14:14">
      <c r="N450771" s="10"/>
    </row>
    <row r="450772" spans="14:14">
      <c r="N450772" s="10"/>
    </row>
    <row r="450773" spans="14:14">
      <c r="N450773" s="10"/>
    </row>
    <row r="450774" spans="14:14">
      <c r="N450774" s="10"/>
    </row>
    <row r="450775" spans="14:14">
      <c r="N450775" s="10"/>
    </row>
    <row r="450776" spans="14:14">
      <c r="N450776" s="10"/>
    </row>
    <row r="450777" spans="14:14">
      <c r="N450777" s="10"/>
    </row>
    <row r="450778" spans="14:14">
      <c r="N450778" s="10"/>
    </row>
    <row r="450779" spans="14:14">
      <c r="N450779" s="10"/>
    </row>
    <row r="450780" spans="14:14">
      <c r="N450780" s="10"/>
    </row>
    <row r="450781" spans="14:14">
      <c r="N450781" s="10"/>
    </row>
    <row r="450782" spans="14:14">
      <c r="N450782" s="10"/>
    </row>
    <row r="450783" spans="14:14">
      <c r="N450783" s="10"/>
    </row>
    <row r="450784" spans="14:14">
      <c r="N450784" s="10"/>
    </row>
    <row r="450785" spans="14:14">
      <c r="N450785" s="10"/>
    </row>
    <row r="450786" spans="14:14">
      <c r="N450786" s="10"/>
    </row>
    <row r="450787" spans="14:14">
      <c r="N450787" s="10"/>
    </row>
    <row r="450788" spans="14:14">
      <c r="N450788" s="10"/>
    </row>
    <row r="450789" spans="14:14">
      <c r="N450789" s="10"/>
    </row>
    <row r="450790" spans="14:14">
      <c r="N450790" s="10"/>
    </row>
    <row r="450791" spans="14:14">
      <c r="N450791" s="10"/>
    </row>
    <row r="450792" spans="14:14">
      <c r="N450792" s="10"/>
    </row>
    <row r="450793" spans="14:14">
      <c r="N450793" s="10"/>
    </row>
    <row r="450794" spans="14:14">
      <c r="N450794" s="10"/>
    </row>
    <row r="450795" spans="14:14">
      <c r="N450795" s="10"/>
    </row>
    <row r="450796" spans="14:14">
      <c r="N450796" s="10"/>
    </row>
    <row r="450797" spans="14:14">
      <c r="N450797" s="10"/>
    </row>
    <row r="450798" spans="14:14">
      <c r="N450798" s="10"/>
    </row>
    <row r="450799" spans="14:14">
      <c r="N450799" s="10"/>
    </row>
    <row r="450800" spans="14:14">
      <c r="N450800" s="10"/>
    </row>
    <row r="450801" spans="14:14">
      <c r="N450801" s="10"/>
    </row>
    <row r="450802" spans="14:14">
      <c r="N450802" s="10"/>
    </row>
    <row r="450803" spans="14:14">
      <c r="N450803" s="10"/>
    </row>
    <row r="450804" spans="14:14">
      <c r="N450804" s="10"/>
    </row>
    <row r="450805" spans="14:14">
      <c r="N450805" s="10"/>
    </row>
    <row r="450806" spans="14:14">
      <c r="N450806" s="10"/>
    </row>
    <row r="450807" spans="14:14">
      <c r="N450807" s="10"/>
    </row>
    <row r="450808" spans="14:14">
      <c r="N450808" s="10"/>
    </row>
    <row r="450809" spans="14:14">
      <c r="N450809" s="10"/>
    </row>
    <row r="450810" spans="14:14">
      <c r="N450810" s="10"/>
    </row>
    <row r="450811" spans="14:14">
      <c r="N450811" s="10"/>
    </row>
    <row r="450812" spans="14:14">
      <c r="N450812" s="10"/>
    </row>
    <row r="450813" spans="14:14">
      <c r="N450813" s="10"/>
    </row>
    <row r="450814" spans="14:14">
      <c r="N450814" s="10"/>
    </row>
    <row r="450815" spans="14:14">
      <c r="N450815" s="10"/>
    </row>
    <row r="450816" spans="14:14">
      <c r="N450816" s="10"/>
    </row>
    <row r="450817" spans="14:14">
      <c r="N450817" s="10"/>
    </row>
    <row r="450818" spans="14:14">
      <c r="N450818" s="10"/>
    </row>
    <row r="450819" spans="14:14">
      <c r="N450819" s="10"/>
    </row>
    <row r="450820" spans="14:14">
      <c r="N450820" s="10"/>
    </row>
    <row r="450821" spans="14:14">
      <c r="N450821" s="10"/>
    </row>
    <row r="450822" spans="14:14">
      <c r="N450822" s="10"/>
    </row>
    <row r="450823" spans="14:14">
      <c r="N450823" s="10"/>
    </row>
    <row r="450824" spans="14:14">
      <c r="N450824" s="10"/>
    </row>
    <row r="450825" spans="14:14">
      <c r="N450825" s="10"/>
    </row>
    <row r="450826" spans="14:14">
      <c r="N450826" s="10"/>
    </row>
    <row r="450827" spans="14:14">
      <c r="N450827" s="10"/>
    </row>
    <row r="450828" spans="14:14">
      <c r="N450828" s="10"/>
    </row>
    <row r="450829" spans="14:14">
      <c r="N450829" s="10"/>
    </row>
    <row r="450830" spans="14:14">
      <c r="N450830" s="10"/>
    </row>
    <row r="450831" spans="14:14">
      <c r="N450831" s="10"/>
    </row>
    <row r="450832" spans="14:14">
      <c r="N450832" s="10"/>
    </row>
    <row r="450833" spans="14:14">
      <c r="N450833" s="10"/>
    </row>
    <row r="450834" spans="14:14">
      <c r="N450834" s="10"/>
    </row>
    <row r="450835" spans="14:14">
      <c r="N450835" s="10"/>
    </row>
    <row r="450836" spans="14:14">
      <c r="N450836" s="10"/>
    </row>
    <row r="450837" spans="14:14">
      <c r="N450837" s="10"/>
    </row>
    <row r="450838" spans="14:14">
      <c r="N450838" s="10"/>
    </row>
    <row r="450839" spans="14:14">
      <c r="N450839" s="10"/>
    </row>
    <row r="450840" spans="14:14">
      <c r="N450840" s="10"/>
    </row>
    <row r="450841" spans="14:14">
      <c r="N450841" s="10"/>
    </row>
    <row r="450842" spans="14:14">
      <c r="N450842" s="10"/>
    </row>
    <row r="450843" spans="14:14">
      <c r="N450843" s="10"/>
    </row>
    <row r="450844" spans="14:14">
      <c r="N450844" s="10"/>
    </row>
    <row r="450845" spans="14:14">
      <c r="N450845" s="10"/>
    </row>
    <row r="450846" spans="14:14">
      <c r="N450846" s="10"/>
    </row>
    <row r="450847" spans="14:14">
      <c r="N450847" s="10"/>
    </row>
    <row r="450848" spans="14:14">
      <c r="N450848" s="10"/>
    </row>
    <row r="450849" spans="14:14">
      <c r="N450849" s="10"/>
    </row>
    <row r="450850" spans="14:14">
      <c r="N450850" s="10"/>
    </row>
    <row r="450851" spans="14:14">
      <c r="N450851" s="10"/>
    </row>
    <row r="450852" spans="14:14">
      <c r="N450852" s="10"/>
    </row>
    <row r="450853" spans="14:14">
      <c r="N450853" s="10"/>
    </row>
    <row r="450854" spans="14:14">
      <c r="N450854" s="10"/>
    </row>
    <row r="450855" spans="14:14">
      <c r="N450855" s="10"/>
    </row>
    <row r="450856" spans="14:14">
      <c r="N450856" s="10"/>
    </row>
    <row r="450857" spans="14:14">
      <c r="N450857" s="10"/>
    </row>
    <row r="450858" spans="14:14">
      <c r="N450858" s="10"/>
    </row>
    <row r="450859" spans="14:14">
      <c r="N450859" s="10"/>
    </row>
    <row r="450860" spans="14:14">
      <c r="N450860" s="10"/>
    </row>
    <row r="450861" spans="14:14">
      <c r="N450861" s="10"/>
    </row>
    <row r="450862" spans="14:14">
      <c r="N450862" s="10"/>
    </row>
    <row r="450863" spans="14:14">
      <c r="N450863" s="10"/>
    </row>
    <row r="450864" spans="14:14">
      <c r="N450864" s="10"/>
    </row>
    <row r="450865" spans="14:14">
      <c r="N450865" s="10"/>
    </row>
    <row r="450866" spans="14:14">
      <c r="N450866" s="10"/>
    </row>
    <row r="450867" spans="14:14">
      <c r="N450867" s="10"/>
    </row>
    <row r="450868" spans="14:14">
      <c r="N450868" s="10"/>
    </row>
    <row r="450869" spans="14:14">
      <c r="N450869" s="10"/>
    </row>
    <row r="450870" spans="14:14">
      <c r="N450870" s="10"/>
    </row>
    <row r="450871" spans="14:14">
      <c r="N450871" s="10"/>
    </row>
    <row r="450872" spans="14:14">
      <c r="N450872" s="10"/>
    </row>
    <row r="450873" spans="14:14">
      <c r="N450873" s="10"/>
    </row>
    <row r="450874" spans="14:14">
      <c r="N450874" s="10"/>
    </row>
    <row r="450875" spans="14:14">
      <c r="N450875" s="10"/>
    </row>
    <row r="450876" spans="14:14">
      <c r="N450876" s="10"/>
    </row>
    <row r="450877" spans="14:14">
      <c r="N450877" s="10"/>
    </row>
    <row r="450878" spans="14:14">
      <c r="N450878" s="10"/>
    </row>
    <row r="450879" spans="14:14">
      <c r="N450879" s="10"/>
    </row>
    <row r="450880" spans="14:14">
      <c r="N450880" s="10"/>
    </row>
    <row r="450881" spans="14:14">
      <c r="N450881" s="10"/>
    </row>
    <row r="450882" spans="14:14">
      <c r="N450882" s="10"/>
    </row>
    <row r="450883" spans="14:14">
      <c r="N450883" s="10"/>
    </row>
    <row r="450884" spans="14:14">
      <c r="N450884" s="10"/>
    </row>
    <row r="450885" spans="14:14">
      <c r="N450885" s="10"/>
    </row>
    <row r="450886" spans="14:14">
      <c r="N450886" s="10"/>
    </row>
    <row r="450887" spans="14:14">
      <c r="N450887" s="10"/>
    </row>
    <row r="450888" spans="14:14">
      <c r="N450888" s="10"/>
    </row>
    <row r="450889" spans="14:14">
      <c r="N450889" s="10"/>
    </row>
    <row r="450890" spans="14:14">
      <c r="N450890" s="10"/>
    </row>
    <row r="450891" spans="14:14">
      <c r="N450891" s="10"/>
    </row>
    <row r="450892" spans="14:14">
      <c r="N450892" s="10"/>
    </row>
    <row r="450893" spans="14:14">
      <c r="N450893" s="10"/>
    </row>
    <row r="450894" spans="14:14">
      <c r="N450894" s="10"/>
    </row>
    <row r="450895" spans="14:14">
      <c r="N450895" s="10"/>
    </row>
    <row r="450896" spans="14:14">
      <c r="N450896" s="10"/>
    </row>
    <row r="450897" spans="14:14">
      <c r="N450897" s="10"/>
    </row>
    <row r="450898" spans="14:14">
      <c r="N450898" s="10"/>
    </row>
    <row r="450899" spans="14:14">
      <c r="N450899" s="10"/>
    </row>
    <row r="450900" spans="14:14">
      <c r="N450900" s="10"/>
    </row>
    <row r="450901" spans="14:14">
      <c r="N450901" s="10"/>
    </row>
    <row r="450902" spans="14:14">
      <c r="N450902" s="10"/>
    </row>
    <row r="450903" spans="14:14">
      <c r="N450903" s="10"/>
    </row>
    <row r="450904" spans="14:14">
      <c r="N450904" s="10"/>
    </row>
    <row r="450905" spans="14:14">
      <c r="N450905" s="10"/>
    </row>
    <row r="450906" spans="14:14">
      <c r="N450906" s="10"/>
    </row>
    <row r="450907" spans="14:14">
      <c r="N450907" s="10"/>
    </row>
    <row r="450908" spans="14:14">
      <c r="N450908" s="10"/>
    </row>
    <row r="450909" spans="14:14">
      <c r="N450909" s="10"/>
    </row>
    <row r="450910" spans="14:14">
      <c r="N450910" s="10"/>
    </row>
    <row r="450911" spans="14:14">
      <c r="N450911" s="10"/>
    </row>
    <row r="450912" spans="14:14">
      <c r="N450912" s="10"/>
    </row>
    <row r="450913" spans="14:14">
      <c r="N450913" s="10"/>
    </row>
    <row r="450914" spans="14:14">
      <c r="N450914" s="10"/>
    </row>
    <row r="450915" spans="14:14">
      <c r="N450915" s="10"/>
    </row>
    <row r="450916" spans="14:14">
      <c r="N450916" s="10"/>
    </row>
    <row r="450917" spans="14:14">
      <c r="N450917" s="10"/>
    </row>
    <row r="450918" spans="14:14">
      <c r="N450918" s="10"/>
    </row>
    <row r="450919" spans="14:14">
      <c r="N450919" s="10"/>
    </row>
    <row r="450920" spans="14:14">
      <c r="N450920" s="10"/>
    </row>
    <row r="450921" spans="14:14">
      <c r="N450921" s="10"/>
    </row>
    <row r="450922" spans="14:14">
      <c r="N450922" s="10"/>
    </row>
    <row r="450923" spans="14:14">
      <c r="N450923" s="10"/>
    </row>
    <row r="450924" spans="14:14">
      <c r="N450924" s="10"/>
    </row>
    <row r="450925" spans="14:14">
      <c r="N450925" s="10"/>
    </row>
    <row r="450926" spans="14:14">
      <c r="N450926" s="10"/>
    </row>
    <row r="450927" spans="14:14">
      <c r="N450927" s="10"/>
    </row>
    <row r="450928" spans="14:14">
      <c r="N450928" s="10"/>
    </row>
    <row r="450929" spans="14:14">
      <c r="N450929" s="10"/>
    </row>
    <row r="450930" spans="14:14">
      <c r="N450930" s="10"/>
    </row>
    <row r="450931" spans="14:14">
      <c r="N450931" s="10"/>
    </row>
    <row r="450932" spans="14:14">
      <c r="N450932" s="10"/>
    </row>
    <row r="450933" spans="14:14">
      <c r="N450933" s="10"/>
    </row>
    <row r="450934" spans="14:14">
      <c r="N450934" s="10"/>
    </row>
    <row r="450935" spans="14:14">
      <c r="N450935" s="10"/>
    </row>
    <row r="450936" spans="14:14">
      <c r="N450936" s="10"/>
    </row>
    <row r="450937" spans="14:14">
      <c r="N450937" s="10"/>
    </row>
    <row r="450938" spans="14:14">
      <c r="N450938" s="10"/>
    </row>
    <row r="450939" spans="14:14">
      <c r="N450939" s="10"/>
    </row>
    <row r="450940" spans="14:14">
      <c r="N450940" s="10"/>
    </row>
    <row r="450941" spans="14:14">
      <c r="N450941" s="10"/>
    </row>
    <row r="450942" spans="14:14">
      <c r="N450942" s="10"/>
    </row>
    <row r="450943" spans="14:14">
      <c r="N450943" s="10"/>
    </row>
    <row r="450944" spans="14:14">
      <c r="N450944" s="10"/>
    </row>
    <row r="450945" spans="14:14">
      <c r="N450945" s="10"/>
    </row>
    <row r="450946" spans="14:14">
      <c r="N450946" s="10"/>
    </row>
    <row r="450947" spans="14:14">
      <c r="N450947" s="10"/>
    </row>
    <row r="450948" spans="14:14">
      <c r="N450948" s="10"/>
    </row>
    <row r="450949" spans="14:14">
      <c r="N450949" s="10"/>
    </row>
    <row r="450950" spans="14:14">
      <c r="N450950" s="10"/>
    </row>
    <row r="450951" spans="14:14">
      <c r="N450951" s="10"/>
    </row>
    <row r="450952" spans="14:14">
      <c r="N450952" s="10"/>
    </row>
    <row r="450953" spans="14:14">
      <c r="N450953" s="10"/>
    </row>
    <row r="450954" spans="14:14">
      <c r="N450954" s="10"/>
    </row>
    <row r="450955" spans="14:14">
      <c r="N450955" s="10"/>
    </row>
    <row r="450956" spans="14:14">
      <c r="N450956" s="10"/>
    </row>
    <row r="450957" spans="14:14">
      <c r="N450957" s="10"/>
    </row>
    <row r="450958" spans="14:14">
      <c r="N450958" s="10"/>
    </row>
    <row r="450959" spans="14:14">
      <c r="N450959" s="10"/>
    </row>
    <row r="450960" spans="14:14">
      <c r="N450960" s="10"/>
    </row>
    <row r="450961" spans="14:14">
      <c r="N450961" s="10"/>
    </row>
    <row r="450962" spans="14:14">
      <c r="N450962" s="10"/>
    </row>
    <row r="450963" spans="14:14">
      <c r="N450963" s="10"/>
    </row>
    <row r="450964" spans="14:14">
      <c r="N450964" s="10"/>
    </row>
    <row r="450965" spans="14:14">
      <c r="N450965" s="10"/>
    </row>
    <row r="450966" spans="14:14">
      <c r="N450966" s="10"/>
    </row>
    <row r="450967" spans="14:14">
      <c r="N450967" s="10"/>
    </row>
    <row r="450968" spans="14:14">
      <c r="N450968" s="10"/>
    </row>
    <row r="450969" spans="14:14">
      <c r="N450969" s="10"/>
    </row>
    <row r="450970" spans="14:14">
      <c r="N450970" s="10"/>
    </row>
    <row r="450971" spans="14:14">
      <c r="N450971" s="10"/>
    </row>
    <row r="450972" spans="14:14">
      <c r="N450972" s="10"/>
    </row>
    <row r="450973" spans="14:14">
      <c r="N450973" s="10"/>
    </row>
    <row r="450974" spans="14:14">
      <c r="N450974" s="10"/>
    </row>
    <row r="450975" spans="14:14">
      <c r="N450975" s="10"/>
    </row>
    <row r="450976" spans="14:14">
      <c r="N450976" s="10"/>
    </row>
    <row r="450977" spans="14:14">
      <c r="N450977" s="10"/>
    </row>
    <row r="450978" spans="14:14">
      <c r="N450978" s="10"/>
    </row>
    <row r="450979" spans="14:14">
      <c r="N450979" s="10"/>
    </row>
    <row r="450980" spans="14:14">
      <c r="N450980" s="10"/>
    </row>
    <row r="450981" spans="14:14">
      <c r="N450981" s="10"/>
    </row>
    <row r="450982" spans="14:14">
      <c r="N450982" s="10"/>
    </row>
    <row r="450983" spans="14:14">
      <c r="N450983" s="10"/>
    </row>
    <row r="450984" spans="14:14">
      <c r="N450984" s="10"/>
    </row>
    <row r="450985" spans="14:14">
      <c r="N450985" s="10"/>
    </row>
    <row r="450986" spans="14:14">
      <c r="N450986" s="10"/>
    </row>
    <row r="450987" spans="14:14">
      <c r="N450987" s="10"/>
    </row>
    <row r="450988" spans="14:14">
      <c r="N450988" s="10"/>
    </row>
    <row r="450989" spans="14:14">
      <c r="N450989" s="10"/>
    </row>
    <row r="450990" spans="14:14">
      <c r="N450990" s="10"/>
    </row>
    <row r="450991" spans="14:14">
      <c r="N450991" s="10"/>
    </row>
    <row r="450992" spans="14:14">
      <c r="N450992" s="10"/>
    </row>
    <row r="450993" spans="14:14">
      <c r="N450993" s="10"/>
    </row>
    <row r="450994" spans="14:14">
      <c r="N450994" s="10"/>
    </row>
    <row r="450995" spans="14:14">
      <c r="N450995" s="10"/>
    </row>
    <row r="450996" spans="14:14">
      <c r="N450996" s="10"/>
    </row>
    <row r="450997" spans="14:14">
      <c r="N450997" s="10"/>
    </row>
    <row r="450998" spans="14:14">
      <c r="N450998" s="10"/>
    </row>
    <row r="450999" spans="14:14">
      <c r="N450999" s="10"/>
    </row>
    <row r="451000" spans="14:14">
      <c r="N451000" s="10"/>
    </row>
    <row r="451001" spans="14:14">
      <c r="N451001" s="10"/>
    </row>
    <row r="451002" spans="14:14">
      <c r="N451002" s="10"/>
    </row>
    <row r="451003" spans="14:14">
      <c r="N451003" s="10"/>
    </row>
    <row r="451004" spans="14:14">
      <c r="N451004" s="10"/>
    </row>
    <row r="451005" spans="14:14">
      <c r="N451005" s="10"/>
    </row>
    <row r="451006" spans="14:14">
      <c r="N451006" s="10"/>
    </row>
    <row r="451007" spans="14:14">
      <c r="N451007" s="10"/>
    </row>
    <row r="451008" spans="14:14">
      <c r="N451008" s="10"/>
    </row>
    <row r="451009" spans="14:14">
      <c r="N451009" s="10"/>
    </row>
    <row r="451010" spans="14:14">
      <c r="N451010" s="10"/>
    </row>
    <row r="451011" spans="14:14">
      <c r="N451011" s="10"/>
    </row>
    <row r="451012" spans="14:14">
      <c r="N451012" s="10"/>
    </row>
    <row r="451013" spans="14:14">
      <c r="N451013" s="10"/>
    </row>
    <row r="451014" spans="14:14">
      <c r="N451014" s="10"/>
    </row>
    <row r="451015" spans="14:14">
      <c r="N451015" s="10"/>
    </row>
    <row r="451016" spans="14:14">
      <c r="N451016" s="10"/>
    </row>
    <row r="451017" spans="14:14">
      <c r="N451017" s="10"/>
    </row>
    <row r="451018" spans="14:14">
      <c r="N451018" s="10"/>
    </row>
    <row r="451019" spans="14:14">
      <c r="N451019" s="10"/>
    </row>
    <row r="451020" spans="14:14">
      <c r="N451020" s="10"/>
    </row>
    <row r="451021" spans="14:14">
      <c r="N451021" s="10"/>
    </row>
    <row r="451022" spans="14:14">
      <c r="N451022" s="10"/>
    </row>
    <row r="451023" spans="14:14">
      <c r="N451023" s="10"/>
    </row>
    <row r="451024" spans="14:14">
      <c r="N451024" s="10"/>
    </row>
    <row r="451025" spans="14:14">
      <c r="N451025" s="10"/>
    </row>
    <row r="451026" spans="14:14">
      <c r="N451026" s="10"/>
    </row>
    <row r="451027" spans="14:14">
      <c r="N451027" s="10"/>
    </row>
    <row r="451028" spans="14:14">
      <c r="N451028" s="10"/>
    </row>
    <row r="451029" spans="14:14">
      <c r="N451029" s="10"/>
    </row>
    <row r="451030" spans="14:14">
      <c r="N451030" s="10"/>
    </row>
    <row r="451031" spans="14:14">
      <c r="N451031" s="10"/>
    </row>
    <row r="451032" spans="14:14">
      <c r="N451032" s="10"/>
    </row>
    <row r="451033" spans="14:14">
      <c r="N451033" s="10"/>
    </row>
    <row r="451034" spans="14:14">
      <c r="N451034" s="10"/>
    </row>
    <row r="451035" spans="14:14">
      <c r="N451035" s="10"/>
    </row>
    <row r="451036" spans="14:14">
      <c r="N451036" s="10"/>
    </row>
    <row r="451037" spans="14:14">
      <c r="N451037" s="10"/>
    </row>
    <row r="451038" spans="14:14">
      <c r="N451038" s="10"/>
    </row>
    <row r="451039" spans="14:14">
      <c r="N451039" s="10"/>
    </row>
    <row r="451040" spans="14:14">
      <c r="N451040" s="10"/>
    </row>
    <row r="451041" spans="14:14">
      <c r="N451041" s="10"/>
    </row>
    <row r="451042" spans="14:14">
      <c r="N451042" s="10"/>
    </row>
    <row r="451043" spans="14:14">
      <c r="N451043" s="10"/>
    </row>
    <row r="451044" spans="14:14">
      <c r="N451044" s="10"/>
    </row>
    <row r="451045" spans="14:14">
      <c r="N451045" s="10"/>
    </row>
    <row r="451046" spans="14:14">
      <c r="N451046" s="10"/>
    </row>
    <row r="451047" spans="14:14">
      <c r="N451047" s="10"/>
    </row>
    <row r="451048" spans="14:14">
      <c r="N451048" s="10"/>
    </row>
    <row r="451049" spans="14:14">
      <c r="N451049" s="10"/>
    </row>
    <row r="451050" spans="14:14">
      <c r="N451050" s="10"/>
    </row>
    <row r="451051" spans="14:14">
      <c r="N451051" s="10"/>
    </row>
    <row r="451052" spans="14:14">
      <c r="N451052" s="10"/>
    </row>
    <row r="451053" spans="14:14">
      <c r="N451053" s="10"/>
    </row>
    <row r="451054" spans="14:14">
      <c r="N451054" s="10"/>
    </row>
    <row r="451055" spans="14:14">
      <c r="N451055" s="10"/>
    </row>
    <row r="451056" spans="14:14">
      <c r="N451056" s="10"/>
    </row>
    <row r="451057" spans="14:14">
      <c r="N451057" s="10"/>
    </row>
    <row r="451058" spans="14:14">
      <c r="N451058" s="10"/>
    </row>
    <row r="451059" spans="14:14">
      <c r="N451059" s="10"/>
    </row>
    <row r="451060" spans="14:14">
      <c r="N451060" s="10"/>
    </row>
    <row r="451061" spans="14:14">
      <c r="N451061" s="10"/>
    </row>
    <row r="451062" spans="14:14">
      <c r="N451062" s="10"/>
    </row>
    <row r="451063" spans="14:14">
      <c r="N451063" s="10"/>
    </row>
    <row r="451064" spans="14:14">
      <c r="N451064" s="10"/>
    </row>
    <row r="451065" spans="14:14">
      <c r="N451065" s="10"/>
    </row>
    <row r="451066" spans="14:14">
      <c r="N451066" s="10"/>
    </row>
    <row r="451067" spans="14:14">
      <c r="N451067" s="10"/>
    </row>
    <row r="451068" spans="14:14">
      <c r="N451068" s="10"/>
    </row>
    <row r="451069" spans="14:14">
      <c r="N451069" s="10"/>
    </row>
    <row r="451070" spans="14:14">
      <c r="N451070" s="10"/>
    </row>
    <row r="451071" spans="14:14">
      <c r="N451071" s="10"/>
    </row>
    <row r="451072" spans="14:14">
      <c r="N451072" s="10"/>
    </row>
    <row r="451073" spans="14:14">
      <c r="N451073" s="10"/>
    </row>
    <row r="451074" spans="14:14">
      <c r="N451074" s="10"/>
    </row>
    <row r="451075" spans="14:14">
      <c r="N451075" s="10"/>
    </row>
    <row r="451076" spans="14:14">
      <c r="N451076" s="10"/>
    </row>
    <row r="451077" spans="14:14">
      <c r="N451077" s="10"/>
    </row>
    <row r="451078" spans="14:14">
      <c r="N451078" s="10"/>
    </row>
    <row r="451079" spans="14:14">
      <c r="N451079" s="10"/>
    </row>
    <row r="451080" spans="14:14">
      <c r="N451080" s="10"/>
    </row>
    <row r="451081" spans="14:14">
      <c r="N451081" s="10"/>
    </row>
    <row r="451082" spans="14:14">
      <c r="N451082" s="10"/>
    </row>
    <row r="451083" spans="14:14">
      <c r="N451083" s="10"/>
    </row>
    <row r="451084" spans="14:14">
      <c r="N451084" s="10"/>
    </row>
    <row r="451085" spans="14:14">
      <c r="N451085" s="10"/>
    </row>
    <row r="451086" spans="14:14">
      <c r="N451086" s="10"/>
    </row>
    <row r="451087" spans="14:14">
      <c r="N451087" s="10"/>
    </row>
    <row r="451088" spans="14:14">
      <c r="N451088" s="10"/>
    </row>
    <row r="451089" spans="14:14">
      <c r="N451089" s="10"/>
    </row>
    <row r="451090" spans="14:14">
      <c r="N451090" s="10"/>
    </row>
    <row r="451091" spans="14:14">
      <c r="N451091" s="10"/>
    </row>
    <row r="451092" spans="14:14">
      <c r="N451092" s="10"/>
    </row>
    <row r="451093" spans="14:14">
      <c r="N451093" s="10"/>
    </row>
    <row r="451094" spans="14:14">
      <c r="N451094" s="10"/>
    </row>
    <row r="451095" spans="14:14">
      <c r="N451095" s="10"/>
    </row>
    <row r="451096" spans="14:14">
      <c r="N451096" s="10"/>
    </row>
    <row r="451097" spans="14:14">
      <c r="N451097" s="10"/>
    </row>
    <row r="451098" spans="14:14">
      <c r="N451098" s="10"/>
    </row>
    <row r="451099" spans="14:14">
      <c r="N451099" s="10"/>
    </row>
    <row r="451100" spans="14:14">
      <c r="N451100" s="10"/>
    </row>
    <row r="451101" spans="14:14">
      <c r="N451101" s="10"/>
    </row>
    <row r="451102" spans="14:14">
      <c r="N451102" s="10"/>
    </row>
    <row r="451103" spans="14:14">
      <c r="N451103" s="10"/>
    </row>
    <row r="451104" spans="14:14">
      <c r="N451104" s="10"/>
    </row>
    <row r="451105" spans="14:14">
      <c r="N451105" s="10"/>
    </row>
    <row r="451106" spans="14:14">
      <c r="N451106" s="10"/>
    </row>
    <row r="451107" spans="14:14">
      <c r="N451107" s="10"/>
    </row>
    <row r="451108" spans="14:14">
      <c r="N451108" s="10"/>
    </row>
    <row r="451109" spans="14:14">
      <c r="N451109" s="10"/>
    </row>
    <row r="451110" spans="14:14">
      <c r="N451110" s="10"/>
    </row>
    <row r="451111" spans="14:14">
      <c r="N451111" s="10"/>
    </row>
    <row r="451112" spans="14:14">
      <c r="N451112" s="10"/>
    </row>
    <row r="451113" spans="14:14">
      <c r="N451113" s="10"/>
    </row>
    <row r="451114" spans="14:14">
      <c r="N451114" s="10"/>
    </row>
    <row r="451115" spans="14:14">
      <c r="N451115" s="10"/>
    </row>
    <row r="451116" spans="14:14">
      <c r="N451116" s="10"/>
    </row>
    <row r="451117" spans="14:14">
      <c r="N451117" s="10"/>
    </row>
    <row r="451118" spans="14:14">
      <c r="N451118" s="10"/>
    </row>
    <row r="451119" spans="14:14">
      <c r="N451119" s="10"/>
    </row>
    <row r="451120" spans="14:14">
      <c r="N451120" s="10"/>
    </row>
    <row r="451121" spans="14:14">
      <c r="N451121" s="10"/>
    </row>
    <row r="451122" spans="14:14">
      <c r="N451122" s="10"/>
    </row>
    <row r="451123" spans="14:14">
      <c r="N451123" s="10"/>
    </row>
    <row r="451124" spans="14:14">
      <c r="N451124" s="10"/>
    </row>
    <row r="451125" spans="14:14">
      <c r="N451125" s="10"/>
    </row>
    <row r="451126" spans="14:14">
      <c r="N451126" s="10"/>
    </row>
    <row r="451127" spans="14:14">
      <c r="N451127" s="10"/>
    </row>
    <row r="451128" spans="14:14">
      <c r="N451128" s="10"/>
    </row>
    <row r="451129" spans="14:14">
      <c r="N451129" s="10"/>
    </row>
    <row r="451130" spans="14:14">
      <c r="N451130" s="10"/>
    </row>
    <row r="451131" spans="14:14">
      <c r="N451131" s="10"/>
    </row>
    <row r="451132" spans="14:14">
      <c r="N451132" s="10"/>
    </row>
    <row r="451133" spans="14:14">
      <c r="N451133" s="10"/>
    </row>
    <row r="451134" spans="14:14">
      <c r="N451134" s="10"/>
    </row>
    <row r="451135" spans="14:14">
      <c r="N451135" s="10"/>
    </row>
    <row r="451136" spans="14:14">
      <c r="N451136" s="10"/>
    </row>
    <row r="451137" spans="14:14">
      <c r="N451137" s="10"/>
    </row>
    <row r="451138" spans="14:14">
      <c r="N451138" s="10"/>
    </row>
    <row r="451139" spans="14:14">
      <c r="N451139" s="10"/>
    </row>
    <row r="451140" spans="14:14">
      <c r="N451140" s="10"/>
    </row>
    <row r="451141" spans="14:14">
      <c r="N451141" s="10"/>
    </row>
    <row r="451142" spans="14:14">
      <c r="N451142" s="10"/>
    </row>
    <row r="451143" spans="14:14">
      <c r="N451143" s="10"/>
    </row>
    <row r="451144" spans="14:14">
      <c r="N451144" s="10"/>
    </row>
    <row r="451145" spans="14:14">
      <c r="N451145" s="10"/>
    </row>
    <row r="451146" spans="14:14">
      <c r="N451146" s="10"/>
    </row>
    <row r="451147" spans="14:14">
      <c r="N451147" s="10"/>
    </row>
    <row r="451148" spans="14:14">
      <c r="N451148" s="10"/>
    </row>
    <row r="451149" spans="14:14">
      <c r="N451149" s="10"/>
    </row>
    <row r="451150" spans="14:14">
      <c r="N451150" s="10"/>
    </row>
    <row r="451151" spans="14:14">
      <c r="N451151" s="10"/>
    </row>
    <row r="451152" spans="14:14">
      <c r="N451152" s="10"/>
    </row>
    <row r="451153" spans="14:14">
      <c r="N451153" s="10"/>
    </row>
    <row r="451154" spans="14:14">
      <c r="N451154" s="10"/>
    </row>
    <row r="451155" spans="14:14">
      <c r="N451155" s="10"/>
    </row>
    <row r="451156" spans="14:14">
      <c r="N451156" s="10"/>
    </row>
    <row r="451157" spans="14:14">
      <c r="N451157" s="10"/>
    </row>
    <row r="451158" spans="14:14">
      <c r="N451158" s="10"/>
    </row>
    <row r="451159" spans="14:14">
      <c r="N451159" s="10"/>
    </row>
    <row r="451160" spans="14:14">
      <c r="N451160" s="10"/>
    </row>
    <row r="451161" spans="14:14">
      <c r="N451161" s="10"/>
    </row>
    <row r="451162" spans="14:14">
      <c r="N451162" s="10"/>
    </row>
    <row r="451163" spans="14:14">
      <c r="N451163" s="10"/>
    </row>
    <row r="451164" spans="14:14">
      <c r="N451164" s="10"/>
    </row>
    <row r="451165" spans="14:14">
      <c r="N451165" s="10"/>
    </row>
    <row r="451166" spans="14:14">
      <c r="N451166" s="10"/>
    </row>
    <row r="451167" spans="14:14">
      <c r="N451167" s="10"/>
    </row>
    <row r="451168" spans="14:14">
      <c r="N451168" s="10"/>
    </row>
    <row r="451169" spans="14:14">
      <c r="N451169" s="10"/>
    </row>
    <row r="451170" spans="14:14">
      <c r="N451170" s="10"/>
    </row>
    <row r="451171" spans="14:14">
      <c r="N451171" s="10"/>
    </row>
    <row r="451172" spans="14:14">
      <c r="N451172" s="10"/>
    </row>
    <row r="451173" spans="14:14">
      <c r="N451173" s="10"/>
    </row>
    <row r="451174" spans="14:14">
      <c r="N451174" s="10"/>
    </row>
    <row r="451175" spans="14:14">
      <c r="N451175" s="10"/>
    </row>
    <row r="451176" spans="14:14">
      <c r="N451176" s="10"/>
    </row>
    <row r="451177" spans="14:14">
      <c r="N451177" s="10"/>
    </row>
    <row r="451178" spans="14:14">
      <c r="N451178" s="10"/>
    </row>
    <row r="451179" spans="14:14">
      <c r="N451179" s="10"/>
    </row>
    <row r="451180" spans="14:14">
      <c r="N451180" s="10"/>
    </row>
    <row r="451181" spans="14:14">
      <c r="N451181" s="10"/>
    </row>
    <row r="451182" spans="14:14">
      <c r="N451182" s="10"/>
    </row>
    <row r="451183" spans="14:14">
      <c r="N451183" s="10"/>
    </row>
    <row r="451184" spans="14:14">
      <c r="N451184" s="10"/>
    </row>
    <row r="451185" spans="14:14">
      <c r="N451185" s="10"/>
    </row>
    <row r="451186" spans="14:14">
      <c r="N451186" s="10"/>
    </row>
    <row r="451187" spans="14:14">
      <c r="N451187" s="10"/>
    </row>
    <row r="451188" spans="14:14">
      <c r="N451188" s="10"/>
    </row>
    <row r="451189" spans="14:14">
      <c r="N451189" s="10"/>
    </row>
    <row r="451190" spans="14:14">
      <c r="N451190" s="10"/>
    </row>
    <row r="451191" spans="14:14">
      <c r="N451191" s="10"/>
    </row>
    <row r="451192" spans="14:14">
      <c r="N451192" s="10"/>
    </row>
    <row r="451193" spans="14:14">
      <c r="N451193" s="10"/>
    </row>
    <row r="451194" spans="14:14">
      <c r="N451194" s="10"/>
    </row>
    <row r="451195" spans="14:14">
      <c r="N451195" s="10"/>
    </row>
    <row r="451196" spans="14:14">
      <c r="N451196" s="10"/>
    </row>
    <row r="451197" spans="14:14">
      <c r="N451197" s="10"/>
    </row>
    <row r="451198" spans="14:14">
      <c r="N451198" s="10"/>
    </row>
    <row r="451199" spans="14:14">
      <c r="N451199" s="10"/>
    </row>
    <row r="451200" spans="14:14">
      <c r="N451200" s="10"/>
    </row>
    <row r="451201" spans="14:14">
      <c r="N451201" s="10"/>
    </row>
    <row r="451202" spans="14:14">
      <c r="N451202" s="10"/>
    </row>
    <row r="451203" spans="14:14">
      <c r="N451203" s="10"/>
    </row>
    <row r="451204" spans="14:14">
      <c r="N451204" s="10"/>
    </row>
    <row r="451205" spans="14:14">
      <c r="N451205" s="10"/>
    </row>
    <row r="451206" spans="14:14">
      <c r="N451206" s="10"/>
    </row>
    <row r="451207" spans="14:14">
      <c r="N451207" s="10"/>
    </row>
    <row r="451208" spans="14:14">
      <c r="N451208" s="10"/>
    </row>
    <row r="451209" spans="14:14">
      <c r="N451209" s="10"/>
    </row>
    <row r="451210" spans="14:14">
      <c r="N451210" s="10"/>
    </row>
    <row r="451211" spans="14:14">
      <c r="N451211" s="10"/>
    </row>
    <row r="451212" spans="14:14">
      <c r="N451212" s="10"/>
    </row>
    <row r="451213" spans="14:14">
      <c r="N451213" s="10"/>
    </row>
    <row r="451214" spans="14:14">
      <c r="N451214" s="10"/>
    </row>
    <row r="451215" spans="14:14">
      <c r="N451215" s="10"/>
    </row>
    <row r="451216" spans="14:14">
      <c r="N451216" s="10"/>
    </row>
    <row r="451217" spans="14:14">
      <c r="N451217" s="10"/>
    </row>
    <row r="451218" spans="14:14">
      <c r="N451218" s="10"/>
    </row>
    <row r="451219" spans="14:14">
      <c r="N451219" s="10"/>
    </row>
    <row r="451220" spans="14:14">
      <c r="N451220" s="10"/>
    </row>
    <row r="451221" spans="14:14">
      <c r="N451221" s="10"/>
    </row>
    <row r="451222" spans="14:14">
      <c r="N451222" s="10"/>
    </row>
    <row r="451223" spans="14:14">
      <c r="N451223" s="10"/>
    </row>
    <row r="451224" spans="14:14">
      <c r="N451224" s="10"/>
    </row>
    <row r="451225" spans="14:14">
      <c r="N451225" s="10"/>
    </row>
    <row r="451226" spans="14:14">
      <c r="N451226" s="10"/>
    </row>
    <row r="451227" spans="14:14">
      <c r="N451227" s="10"/>
    </row>
    <row r="451228" spans="14:14">
      <c r="N451228" s="10"/>
    </row>
    <row r="451229" spans="14:14">
      <c r="N451229" s="10"/>
    </row>
    <row r="451230" spans="14:14">
      <c r="N451230" s="10"/>
    </row>
    <row r="451231" spans="14:14">
      <c r="N451231" s="10"/>
    </row>
    <row r="451232" spans="14:14">
      <c r="N451232" s="10"/>
    </row>
    <row r="451233" spans="14:14">
      <c r="N451233" s="10"/>
    </row>
    <row r="451234" spans="14:14">
      <c r="N451234" s="10"/>
    </row>
    <row r="451235" spans="14:14">
      <c r="N451235" s="10"/>
    </row>
    <row r="451236" spans="14:14">
      <c r="N451236" s="10"/>
    </row>
    <row r="451237" spans="14:14">
      <c r="N451237" s="10"/>
    </row>
    <row r="451238" spans="14:14">
      <c r="N451238" s="10"/>
    </row>
    <row r="451239" spans="14:14">
      <c r="N451239" s="10"/>
    </row>
    <row r="451240" spans="14:14">
      <c r="N451240" s="10"/>
    </row>
    <row r="451241" spans="14:14">
      <c r="N451241" s="10"/>
    </row>
    <row r="451242" spans="14:14">
      <c r="N451242" s="10"/>
    </row>
    <row r="451243" spans="14:14">
      <c r="N451243" s="10"/>
    </row>
    <row r="451244" spans="14:14">
      <c r="N451244" s="10"/>
    </row>
    <row r="451245" spans="14:14">
      <c r="N451245" s="10"/>
    </row>
    <row r="451246" spans="14:14">
      <c r="N451246" s="10"/>
    </row>
    <row r="451247" spans="14:14">
      <c r="N451247" s="10"/>
    </row>
    <row r="451248" spans="14:14">
      <c r="N451248" s="10"/>
    </row>
    <row r="451249" spans="14:14">
      <c r="N451249" s="10"/>
    </row>
    <row r="451250" spans="14:14">
      <c r="N451250" s="10"/>
    </row>
    <row r="451251" spans="14:14">
      <c r="N451251" s="10"/>
    </row>
    <row r="451252" spans="14:14">
      <c r="N451252" s="10"/>
    </row>
    <row r="451253" spans="14:14">
      <c r="N451253" s="10"/>
    </row>
    <row r="451254" spans="14:14">
      <c r="N451254" s="10"/>
    </row>
    <row r="451255" spans="14:14">
      <c r="N451255" s="10"/>
    </row>
    <row r="451256" spans="14:14">
      <c r="N451256" s="10"/>
    </row>
    <row r="451257" spans="14:14">
      <c r="N451257" s="10"/>
    </row>
    <row r="451258" spans="14:14">
      <c r="N451258" s="10"/>
    </row>
    <row r="451259" spans="14:14">
      <c r="N451259" s="10"/>
    </row>
    <row r="451260" spans="14:14">
      <c r="N451260" s="10"/>
    </row>
    <row r="451261" spans="14:14">
      <c r="N451261" s="10"/>
    </row>
    <row r="451262" spans="14:14">
      <c r="N451262" s="10"/>
    </row>
    <row r="451263" spans="14:14">
      <c r="N451263" s="10"/>
    </row>
    <row r="451264" spans="14:14">
      <c r="N451264" s="10"/>
    </row>
    <row r="451265" spans="14:14">
      <c r="N451265" s="10"/>
    </row>
    <row r="451266" spans="14:14">
      <c r="N451266" s="10"/>
    </row>
    <row r="451267" spans="14:14">
      <c r="N451267" s="10"/>
    </row>
    <row r="451268" spans="14:14">
      <c r="N451268" s="10"/>
    </row>
    <row r="451269" spans="14:14">
      <c r="N451269" s="10"/>
    </row>
    <row r="451270" spans="14:14">
      <c r="N451270" s="10"/>
    </row>
    <row r="451271" spans="14:14">
      <c r="N451271" s="10"/>
    </row>
    <row r="451272" spans="14:14">
      <c r="N451272" s="10"/>
    </row>
    <row r="451273" spans="14:14">
      <c r="N451273" s="10"/>
    </row>
    <row r="451274" spans="14:14">
      <c r="N451274" s="10"/>
    </row>
    <row r="451275" spans="14:14">
      <c r="N451275" s="10"/>
    </row>
    <row r="451276" spans="14:14">
      <c r="N451276" s="10"/>
    </row>
    <row r="451277" spans="14:14">
      <c r="N451277" s="10"/>
    </row>
    <row r="451278" spans="14:14">
      <c r="N451278" s="10"/>
    </row>
    <row r="451279" spans="14:14">
      <c r="N451279" s="10"/>
    </row>
    <row r="451280" spans="14:14">
      <c r="N451280" s="10"/>
    </row>
    <row r="451281" spans="14:14">
      <c r="N451281" s="10"/>
    </row>
    <row r="451282" spans="14:14">
      <c r="N451282" s="10"/>
    </row>
    <row r="451283" spans="14:14">
      <c r="N451283" s="10"/>
    </row>
    <row r="451284" spans="14:14">
      <c r="N451284" s="10"/>
    </row>
    <row r="451285" spans="14:14">
      <c r="N451285" s="10"/>
    </row>
    <row r="451286" spans="14:14">
      <c r="N451286" s="10"/>
    </row>
    <row r="451287" spans="14:14">
      <c r="N451287" s="10"/>
    </row>
    <row r="451288" spans="14:14">
      <c r="N451288" s="10"/>
    </row>
    <row r="451289" spans="14:14">
      <c r="N451289" s="10"/>
    </row>
    <row r="451290" spans="14:14">
      <c r="N451290" s="10"/>
    </row>
    <row r="451291" spans="14:14">
      <c r="N451291" s="10"/>
    </row>
    <row r="451292" spans="14:14">
      <c r="N451292" s="10"/>
    </row>
    <row r="451293" spans="14:14">
      <c r="N451293" s="10"/>
    </row>
    <row r="451294" spans="14:14">
      <c r="N451294" s="10"/>
    </row>
    <row r="451295" spans="14:14">
      <c r="N451295" s="10"/>
    </row>
    <row r="451296" spans="14:14">
      <c r="N451296" s="10"/>
    </row>
    <row r="451297" spans="14:14">
      <c r="N451297" s="10"/>
    </row>
    <row r="451298" spans="14:14">
      <c r="N451298" s="10"/>
    </row>
    <row r="451299" spans="14:14">
      <c r="N451299" s="10"/>
    </row>
    <row r="451300" spans="14:14">
      <c r="N451300" s="10"/>
    </row>
    <row r="451301" spans="14:14">
      <c r="N451301" s="10"/>
    </row>
    <row r="451302" spans="14:14">
      <c r="N451302" s="10"/>
    </row>
    <row r="451303" spans="14:14">
      <c r="N451303" s="10"/>
    </row>
    <row r="451304" spans="14:14">
      <c r="N451304" s="10"/>
    </row>
    <row r="451305" spans="14:14">
      <c r="N451305" s="10"/>
    </row>
    <row r="451306" spans="14:14">
      <c r="N451306" s="10"/>
    </row>
    <row r="451307" spans="14:14">
      <c r="N451307" s="10"/>
    </row>
    <row r="451308" spans="14:14">
      <c r="N451308" s="10"/>
    </row>
    <row r="451309" spans="14:14">
      <c r="N451309" s="10"/>
    </row>
    <row r="451310" spans="14:14">
      <c r="N451310" s="10"/>
    </row>
    <row r="451311" spans="14:14">
      <c r="N451311" s="10"/>
    </row>
    <row r="451312" spans="14:14">
      <c r="N451312" s="10"/>
    </row>
    <row r="451313" spans="14:14">
      <c r="N451313" s="10"/>
    </row>
    <row r="451314" spans="14:14">
      <c r="N451314" s="10"/>
    </row>
    <row r="451315" spans="14:14">
      <c r="N451315" s="10"/>
    </row>
    <row r="451316" spans="14:14">
      <c r="N451316" s="10"/>
    </row>
    <row r="451317" spans="14:14">
      <c r="N451317" s="10"/>
    </row>
    <row r="451318" spans="14:14">
      <c r="N451318" s="10"/>
    </row>
    <row r="451319" spans="14:14">
      <c r="N451319" s="10"/>
    </row>
    <row r="451320" spans="14:14">
      <c r="N451320" s="10"/>
    </row>
    <row r="451321" spans="14:14">
      <c r="N451321" s="10"/>
    </row>
    <row r="451322" spans="14:14">
      <c r="N451322" s="10"/>
    </row>
    <row r="451323" spans="14:14">
      <c r="N451323" s="10"/>
    </row>
    <row r="451324" spans="14:14">
      <c r="N451324" s="10"/>
    </row>
    <row r="451325" spans="14:14">
      <c r="N451325" s="10"/>
    </row>
    <row r="451326" spans="14:14">
      <c r="N451326" s="10"/>
    </row>
    <row r="451327" spans="14:14">
      <c r="N451327" s="10"/>
    </row>
    <row r="451328" spans="14:14">
      <c r="N451328" s="10"/>
    </row>
    <row r="451329" spans="14:14">
      <c r="N451329" s="10"/>
    </row>
    <row r="451330" spans="14:14">
      <c r="N451330" s="10"/>
    </row>
    <row r="451331" spans="14:14">
      <c r="N451331" s="10"/>
    </row>
    <row r="451332" spans="14:14">
      <c r="N451332" s="10"/>
    </row>
    <row r="451333" spans="14:14">
      <c r="N451333" s="10"/>
    </row>
    <row r="451334" spans="14:14">
      <c r="N451334" s="10"/>
    </row>
    <row r="451335" spans="14:14">
      <c r="N451335" s="10"/>
    </row>
    <row r="451336" spans="14:14">
      <c r="N451336" s="10"/>
    </row>
    <row r="451337" spans="14:14">
      <c r="N451337" s="10"/>
    </row>
    <row r="451338" spans="14:14">
      <c r="N451338" s="10"/>
    </row>
    <row r="451339" spans="14:14">
      <c r="N451339" s="10"/>
    </row>
    <row r="451340" spans="14:14">
      <c r="N451340" s="10"/>
    </row>
    <row r="451341" spans="14:14">
      <c r="N451341" s="10"/>
    </row>
    <row r="451342" spans="14:14">
      <c r="N451342" s="10"/>
    </row>
    <row r="451343" spans="14:14">
      <c r="N451343" s="10"/>
    </row>
    <row r="451344" spans="14:14">
      <c r="N451344" s="10"/>
    </row>
    <row r="451345" spans="14:14">
      <c r="N451345" s="10"/>
    </row>
    <row r="451346" spans="14:14">
      <c r="N451346" s="10"/>
    </row>
    <row r="451347" spans="14:14">
      <c r="N451347" s="10"/>
    </row>
    <row r="451348" spans="14:14">
      <c r="N451348" s="10"/>
    </row>
    <row r="451349" spans="14:14">
      <c r="N451349" s="10"/>
    </row>
    <row r="451350" spans="14:14">
      <c r="N451350" s="10"/>
    </row>
    <row r="451351" spans="14:14">
      <c r="N451351" s="10"/>
    </row>
    <row r="451352" spans="14:14">
      <c r="N451352" s="10"/>
    </row>
    <row r="451353" spans="14:14">
      <c r="N451353" s="10"/>
    </row>
    <row r="451354" spans="14:14">
      <c r="N451354" s="10"/>
    </row>
    <row r="451355" spans="14:14">
      <c r="N451355" s="10"/>
    </row>
    <row r="451356" spans="14:14">
      <c r="N451356" s="10"/>
    </row>
    <row r="451357" spans="14:14">
      <c r="N451357" s="10"/>
    </row>
    <row r="451358" spans="14:14">
      <c r="N451358" s="10"/>
    </row>
    <row r="451359" spans="14:14">
      <c r="N451359" s="10"/>
    </row>
    <row r="451360" spans="14:14">
      <c r="N451360" s="10"/>
    </row>
    <row r="451361" spans="14:14">
      <c r="N451361" s="10"/>
    </row>
    <row r="451362" spans="14:14">
      <c r="N451362" s="10"/>
    </row>
    <row r="451363" spans="14:14">
      <c r="N451363" s="10"/>
    </row>
    <row r="451364" spans="14:14">
      <c r="N451364" s="10"/>
    </row>
    <row r="451365" spans="14:14">
      <c r="N451365" s="10"/>
    </row>
    <row r="451366" spans="14:14">
      <c r="N451366" s="10"/>
    </row>
    <row r="451367" spans="14:14">
      <c r="N451367" s="10"/>
    </row>
    <row r="451368" spans="14:14">
      <c r="N451368" s="10"/>
    </row>
    <row r="451369" spans="14:14">
      <c r="N451369" s="10"/>
    </row>
    <row r="451370" spans="14:14">
      <c r="N451370" s="10"/>
    </row>
    <row r="451371" spans="14:14">
      <c r="N451371" s="10"/>
    </row>
    <row r="451372" spans="14:14">
      <c r="N451372" s="10"/>
    </row>
    <row r="451373" spans="14:14">
      <c r="N451373" s="10"/>
    </row>
    <row r="451374" spans="14:14">
      <c r="N451374" s="10"/>
    </row>
    <row r="451375" spans="14:14">
      <c r="N451375" s="10"/>
    </row>
    <row r="451376" spans="14:14">
      <c r="N451376" s="10"/>
    </row>
    <row r="451377" spans="14:14">
      <c r="N451377" s="10"/>
    </row>
    <row r="451378" spans="14:14">
      <c r="N451378" s="10"/>
    </row>
    <row r="451379" spans="14:14">
      <c r="N451379" s="10"/>
    </row>
    <row r="451380" spans="14:14">
      <c r="N451380" s="10"/>
    </row>
    <row r="451381" spans="14:14">
      <c r="N451381" s="10"/>
    </row>
    <row r="451382" spans="14:14">
      <c r="N451382" s="10"/>
    </row>
    <row r="451383" spans="14:14">
      <c r="N451383" s="10"/>
    </row>
    <row r="451384" spans="14:14">
      <c r="N451384" s="10"/>
    </row>
    <row r="451385" spans="14:14">
      <c r="N451385" s="10"/>
    </row>
    <row r="451386" spans="14:14">
      <c r="N451386" s="10"/>
    </row>
    <row r="451387" spans="14:14">
      <c r="N451387" s="10"/>
    </row>
    <row r="451388" spans="14:14">
      <c r="N451388" s="10"/>
    </row>
    <row r="451389" spans="14:14">
      <c r="N451389" s="10"/>
    </row>
    <row r="451390" spans="14:14">
      <c r="N451390" s="10"/>
    </row>
    <row r="451391" spans="14:14">
      <c r="N451391" s="10"/>
    </row>
    <row r="451392" spans="14:14">
      <c r="N451392" s="10"/>
    </row>
    <row r="451393" spans="14:14">
      <c r="N451393" s="10"/>
    </row>
    <row r="451394" spans="14:14">
      <c r="N451394" s="10"/>
    </row>
    <row r="451395" spans="14:14">
      <c r="N451395" s="10"/>
    </row>
    <row r="451396" spans="14:14">
      <c r="N451396" s="10"/>
    </row>
    <row r="451397" spans="14:14">
      <c r="N451397" s="10"/>
    </row>
    <row r="451398" spans="14:14">
      <c r="N451398" s="10"/>
    </row>
    <row r="451399" spans="14:14">
      <c r="N451399" s="10"/>
    </row>
    <row r="451400" spans="14:14">
      <c r="N451400" s="10"/>
    </row>
    <row r="451401" spans="14:14">
      <c r="N451401" s="10"/>
    </row>
    <row r="451402" spans="14:14">
      <c r="N451402" s="10"/>
    </row>
    <row r="451403" spans="14:14">
      <c r="N451403" s="10"/>
    </row>
    <row r="451404" spans="14:14">
      <c r="N451404" s="10"/>
    </row>
    <row r="451405" spans="14:14">
      <c r="N451405" s="10"/>
    </row>
    <row r="451406" spans="14:14">
      <c r="N451406" s="10"/>
    </row>
    <row r="451407" spans="14:14">
      <c r="N451407" s="10"/>
    </row>
    <row r="451408" spans="14:14">
      <c r="N451408" s="10"/>
    </row>
    <row r="451409" spans="14:14">
      <c r="N451409" s="10"/>
    </row>
    <row r="451410" spans="14:14">
      <c r="N451410" s="10"/>
    </row>
    <row r="451411" spans="14:14">
      <c r="N451411" s="10"/>
    </row>
    <row r="451412" spans="14:14">
      <c r="N451412" s="10"/>
    </row>
    <row r="451413" spans="14:14">
      <c r="N451413" s="10"/>
    </row>
    <row r="451414" spans="14:14">
      <c r="N451414" s="10"/>
    </row>
    <row r="451415" spans="14:14">
      <c r="N451415" s="10"/>
    </row>
    <row r="451416" spans="14:14">
      <c r="N451416" s="10"/>
    </row>
    <row r="451417" spans="14:14">
      <c r="N451417" s="10"/>
    </row>
    <row r="451418" spans="14:14">
      <c r="N451418" s="10"/>
    </row>
    <row r="451419" spans="14:14">
      <c r="N451419" s="10"/>
    </row>
    <row r="451420" spans="14:14">
      <c r="N451420" s="10"/>
    </row>
    <row r="451421" spans="14:14">
      <c r="N451421" s="10"/>
    </row>
    <row r="451422" spans="14:14">
      <c r="N451422" s="10"/>
    </row>
    <row r="451423" spans="14:14">
      <c r="N451423" s="10"/>
    </row>
    <row r="451424" spans="14:14">
      <c r="N451424" s="10"/>
    </row>
    <row r="451425" spans="14:14">
      <c r="N451425" s="10"/>
    </row>
    <row r="451426" spans="14:14">
      <c r="N451426" s="10"/>
    </row>
    <row r="451427" spans="14:14">
      <c r="N451427" s="10"/>
    </row>
    <row r="451428" spans="14:14">
      <c r="N451428" s="10"/>
    </row>
    <row r="451429" spans="14:14">
      <c r="N451429" s="10"/>
    </row>
    <row r="451430" spans="14:14">
      <c r="N451430" s="10"/>
    </row>
    <row r="451431" spans="14:14">
      <c r="N451431" s="10"/>
    </row>
    <row r="451432" spans="14:14">
      <c r="N451432" s="10"/>
    </row>
    <row r="451433" spans="14:14">
      <c r="N451433" s="10"/>
    </row>
    <row r="451434" spans="14:14">
      <c r="N451434" s="10"/>
    </row>
    <row r="451435" spans="14:14">
      <c r="N451435" s="10"/>
    </row>
    <row r="451436" spans="14:14">
      <c r="N451436" s="10"/>
    </row>
    <row r="451437" spans="14:14">
      <c r="N451437" s="10"/>
    </row>
    <row r="451438" spans="14:14">
      <c r="N451438" s="10"/>
    </row>
    <row r="451439" spans="14:14">
      <c r="N451439" s="10"/>
    </row>
    <row r="451440" spans="14:14">
      <c r="N451440" s="10"/>
    </row>
    <row r="451441" spans="14:14">
      <c r="N451441" s="10"/>
    </row>
    <row r="451442" spans="14:14">
      <c r="N451442" s="10"/>
    </row>
    <row r="451443" spans="14:14">
      <c r="N451443" s="10"/>
    </row>
    <row r="451444" spans="14:14">
      <c r="N451444" s="10"/>
    </row>
    <row r="451445" spans="14:14">
      <c r="N451445" s="10"/>
    </row>
    <row r="451446" spans="14:14">
      <c r="N451446" s="10"/>
    </row>
    <row r="451447" spans="14:14">
      <c r="N451447" s="10"/>
    </row>
    <row r="451448" spans="14:14">
      <c r="N451448" s="10"/>
    </row>
    <row r="451449" spans="14:14">
      <c r="N451449" s="10"/>
    </row>
    <row r="451450" spans="14:14">
      <c r="N451450" s="10"/>
    </row>
    <row r="451451" spans="14:14">
      <c r="N451451" s="10"/>
    </row>
    <row r="451452" spans="14:14">
      <c r="N451452" s="10"/>
    </row>
    <row r="451453" spans="14:14">
      <c r="N451453" s="10"/>
    </row>
    <row r="451454" spans="14:14">
      <c r="N451454" s="10"/>
    </row>
    <row r="451455" spans="14:14">
      <c r="N451455" s="10"/>
    </row>
    <row r="451456" spans="14:14">
      <c r="N451456" s="10"/>
    </row>
    <row r="451457" spans="14:14">
      <c r="N451457" s="10"/>
    </row>
    <row r="451458" spans="14:14">
      <c r="N451458" s="10"/>
    </row>
    <row r="451459" spans="14:14">
      <c r="N451459" s="10"/>
    </row>
    <row r="451460" spans="14:14">
      <c r="N451460" s="10"/>
    </row>
    <row r="451461" spans="14:14">
      <c r="N451461" s="10"/>
    </row>
    <row r="451462" spans="14:14">
      <c r="N451462" s="10"/>
    </row>
    <row r="451463" spans="14:14">
      <c r="N451463" s="10"/>
    </row>
    <row r="451464" spans="14:14">
      <c r="N451464" s="10"/>
    </row>
    <row r="451465" spans="14:14">
      <c r="N451465" s="10"/>
    </row>
    <row r="451466" spans="14:14">
      <c r="N451466" s="10"/>
    </row>
    <row r="451467" spans="14:14">
      <c r="N451467" s="10"/>
    </row>
    <row r="451468" spans="14:14">
      <c r="N451468" s="10"/>
    </row>
    <row r="451469" spans="14:14">
      <c r="N451469" s="10"/>
    </row>
    <row r="451470" spans="14:14">
      <c r="N451470" s="10"/>
    </row>
    <row r="451471" spans="14:14">
      <c r="N451471" s="10"/>
    </row>
    <row r="451472" spans="14:14">
      <c r="N451472" s="10"/>
    </row>
    <row r="451473" spans="14:14">
      <c r="N451473" s="10"/>
    </row>
    <row r="451474" spans="14:14">
      <c r="N451474" s="10"/>
    </row>
    <row r="451475" spans="14:14">
      <c r="N451475" s="10"/>
    </row>
    <row r="451476" spans="14:14">
      <c r="N451476" s="10"/>
    </row>
    <row r="451477" spans="14:14">
      <c r="N451477" s="10"/>
    </row>
    <row r="451478" spans="14:14">
      <c r="N451478" s="10"/>
    </row>
    <row r="451479" spans="14:14">
      <c r="N451479" s="10"/>
    </row>
    <row r="451480" spans="14:14">
      <c r="N451480" s="10"/>
    </row>
    <row r="451481" spans="14:14">
      <c r="N451481" s="10"/>
    </row>
    <row r="451482" spans="14:14">
      <c r="N451482" s="10"/>
    </row>
    <row r="451483" spans="14:14">
      <c r="N451483" s="10"/>
    </row>
    <row r="451484" spans="14:14">
      <c r="N451484" s="10"/>
    </row>
    <row r="451485" spans="14:14">
      <c r="N451485" s="10"/>
    </row>
    <row r="451486" spans="14:14">
      <c r="N451486" s="10"/>
    </row>
    <row r="451487" spans="14:14">
      <c r="N451487" s="10"/>
    </row>
    <row r="451488" spans="14:14">
      <c r="N451488" s="10"/>
    </row>
    <row r="451489" spans="14:14">
      <c r="N451489" s="10"/>
    </row>
    <row r="451490" spans="14:14">
      <c r="N451490" s="10"/>
    </row>
    <row r="451491" spans="14:14">
      <c r="N451491" s="10"/>
    </row>
    <row r="451492" spans="14:14">
      <c r="N451492" s="10"/>
    </row>
    <row r="451493" spans="14:14">
      <c r="N451493" s="10"/>
    </row>
    <row r="451494" spans="14:14">
      <c r="N451494" s="10"/>
    </row>
    <row r="451495" spans="14:14">
      <c r="N451495" s="10"/>
    </row>
    <row r="451496" spans="14:14">
      <c r="N451496" s="10"/>
    </row>
    <row r="451497" spans="14:14">
      <c r="N451497" s="10"/>
    </row>
    <row r="451498" spans="14:14">
      <c r="N451498" s="10"/>
    </row>
    <row r="451499" spans="14:14">
      <c r="N451499" s="10"/>
    </row>
    <row r="451500" spans="14:14">
      <c r="N451500" s="10"/>
    </row>
    <row r="451501" spans="14:14">
      <c r="N451501" s="10"/>
    </row>
    <row r="451502" spans="14:14">
      <c r="N451502" s="10"/>
    </row>
    <row r="451503" spans="14:14">
      <c r="N451503" s="10"/>
    </row>
    <row r="451504" spans="14:14">
      <c r="N451504" s="10"/>
    </row>
    <row r="451505" spans="14:14">
      <c r="N451505" s="10"/>
    </row>
    <row r="451506" spans="14:14">
      <c r="N451506" s="10"/>
    </row>
    <row r="451507" spans="14:14">
      <c r="N451507" s="10"/>
    </row>
    <row r="451508" spans="14:14">
      <c r="N451508" s="10"/>
    </row>
    <row r="451509" spans="14:14">
      <c r="N451509" s="10"/>
    </row>
    <row r="451510" spans="14:14">
      <c r="N451510" s="10"/>
    </row>
    <row r="451511" spans="14:14">
      <c r="N451511" s="10"/>
    </row>
    <row r="451512" spans="14:14">
      <c r="N451512" s="10"/>
    </row>
    <row r="451513" spans="14:14">
      <c r="N451513" s="10"/>
    </row>
    <row r="451514" spans="14:14">
      <c r="N451514" s="10"/>
    </row>
    <row r="451515" spans="14:14">
      <c r="N451515" s="10"/>
    </row>
    <row r="451516" spans="14:14">
      <c r="N451516" s="10"/>
    </row>
    <row r="451517" spans="14:14">
      <c r="N451517" s="10"/>
    </row>
    <row r="451518" spans="14:14">
      <c r="N451518" s="10"/>
    </row>
    <row r="451519" spans="14:14">
      <c r="N451519" s="10"/>
    </row>
    <row r="451520" spans="14:14">
      <c r="N451520" s="10"/>
    </row>
    <row r="451521" spans="14:14">
      <c r="N451521" s="10"/>
    </row>
    <row r="451522" spans="14:14">
      <c r="N451522" s="10"/>
    </row>
    <row r="451523" spans="14:14">
      <c r="N451523" s="10"/>
    </row>
    <row r="451524" spans="14:14">
      <c r="N451524" s="10"/>
    </row>
    <row r="451525" spans="14:14">
      <c r="N451525" s="10"/>
    </row>
    <row r="451526" spans="14:14">
      <c r="N451526" s="10"/>
    </row>
    <row r="451527" spans="14:14">
      <c r="N451527" s="10"/>
    </row>
    <row r="451528" spans="14:14">
      <c r="N451528" s="10"/>
    </row>
    <row r="451529" spans="14:14">
      <c r="N451529" s="10"/>
    </row>
    <row r="451530" spans="14:14">
      <c r="N451530" s="10"/>
    </row>
    <row r="451531" spans="14:14">
      <c r="N451531" s="10"/>
    </row>
    <row r="451532" spans="14:14">
      <c r="N451532" s="10"/>
    </row>
    <row r="451533" spans="14:14">
      <c r="N451533" s="10"/>
    </row>
    <row r="451534" spans="14:14">
      <c r="N451534" s="10"/>
    </row>
    <row r="451535" spans="14:14">
      <c r="N451535" s="10"/>
    </row>
    <row r="451536" spans="14:14">
      <c r="N451536" s="10"/>
    </row>
    <row r="451537" spans="14:14">
      <c r="N451537" s="10"/>
    </row>
    <row r="451538" spans="14:14">
      <c r="N451538" s="10"/>
    </row>
    <row r="451539" spans="14:14">
      <c r="N451539" s="10"/>
    </row>
    <row r="451540" spans="14:14">
      <c r="N451540" s="10"/>
    </row>
    <row r="451541" spans="14:14">
      <c r="N451541" s="10"/>
    </row>
    <row r="451542" spans="14:14">
      <c r="N451542" s="10"/>
    </row>
    <row r="451543" spans="14:14">
      <c r="N451543" s="10"/>
    </row>
    <row r="451544" spans="14:14">
      <c r="N451544" s="10"/>
    </row>
    <row r="451545" spans="14:14">
      <c r="N451545" s="10"/>
    </row>
    <row r="451546" spans="14:14">
      <c r="N451546" s="10"/>
    </row>
    <row r="451547" spans="14:14">
      <c r="N451547" s="10"/>
    </row>
    <row r="451548" spans="14:14">
      <c r="N451548" s="10"/>
    </row>
    <row r="451549" spans="14:14">
      <c r="N451549" s="10"/>
    </row>
    <row r="451550" spans="14:14">
      <c r="N451550" s="10"/>
    </row>
    <row r="451551" spans="14:14">
      <c r="N451551" s="10"/>
    </row>
    <row r="451552" spans="14:14">
      <c r="N451552" s="10"/>
    </row>
    <row r="451553" spans="14:14">
      <c r="N451553" s="10"/>
    </row>
    <row r="451554" spans="14:14">
      <c r="N451554" s="10"/>
    </row>
    <row r="451555" spans="14:14">
      <c r="N451555" s="10"/>
    </row>
    <row r="451556" spans="14:14">
      <c r="N451556" s="10"/>
    </row>
    <row r="451557" spans="14:14">
      <c r="N451557" s="10"/>
    </row>
    <row r="451558" spans="14:14">
      <c r="N451558" s="10"/>
    </row>
    <row r="451559" spans="14:14">
      <c r="N451559" s="10"/>
    </row>
    <row r="451560" spans="14:14">
      <c r="N451560" s="10"/>
    </row>
    <row r="451561" spans="14:14">
      <c r="N451561" s="10"/>
    </row>
    <row r="451562" spans="14:14">
      <c r="N451562" s="10"/>
    </row>
    <row r="451563" spans="14:14">
      <c r="N451563" s="10"/>
    </row>
    <row r="451564" spans="14:14">
      <c r="N451564" s="10"/>
    </row>
    <row r="451565" spans="14:14">
      <c r="N451565" s="10"/>
    </row>
    <row r="451566" spans="14:14">
      <c r="N451566" s="10"/>
    </row>
    <row r="451567" spans="14:14">
      <c r="N451567" s="10"/>
    </row>
    <row r="451568" spans="14:14">
      <c r="N451568" s="10"/>
    </row>
    <row r="451569" spans="14:14">
      <c r="N451569" s="10"/>
    </row>
    <row r="451570" spans="14:14">
      <c r="N451570" s="10"/>
    </row>
    <row r="451571" spans="14:14">
      <c r="N451571" s="10"/>
    </row>
    <row r="451572" spans="14:14">
      <c r="N451572" s="10"/>
    </row>
    <row r="451573" spans="14:14">
      <c r="N451573" s="10"/>
    </row>
    <row r="451574" spans="14:14">
      <c r="N451574" s="10"/>
    </row>
    <row r="451575" spans="14:14">
      <c r="N451575" s="10"/>
    </row>
    <row r="451576" spans="14:14">
      <c r="N451576" s="10"/>
    </row>
    <row r="451577" spans="14:14">
      <c r="N451577" s="10"/>
    </row>
    <row r="451578" spans="14:14">
      <c r="N451578" s="10"/>
    </row>
    <row r="451579" spans="14:14">
      <c r="N451579" s="10"/>
    </row>
    <row r="451580" spans="14:14">
      <c r="N451580" s="10"/>
    </row>
    <row r="451581" spans="14:14">
      <c r="N451581" s="10"/>
    </row>
    <row r="451582" spans="14:14">
      <c r="N451582" s="10"/>
    </row>
    <row r="451583" spans="14:14">
      <c r="N451583" s="10"/>
    </row>
    <row r="451584" spans="14:14">
      <c r="N451584" s="10"/>
    </row>
    <row r="451585" spans="14:14">
      <c r="N451585" s="10"/>
    </row>
    <row r="451586" spans="14:14">
      <c r="N451586" s="10"/>
    </row>
    <row r="451587" spans="14:14">
      <c r="N451587" s="10"/>
    </row>
    <row r="451588" spans="14:14">
      <c r="N451588" s="10"/>
    </row>
    <row r="451589" spans="14:14">
      <c r="N451589" s="10"/>
    </row>
    <row r="451590" spans="14:14">
      <c r="N451590" s="10"/>
    </row>
    <row r="451591" spans="14:14">
      <c r="N451591" s="10"/>
    </row>
    <row r="451592" spans="14:14">
      <c r="N451592" s="10"/>
    </row>
    <row r="451593" spans="14:14">
      <c r="N451593" s="10"/>
    </row>
    <row r="451594" spans="14:14">
      <c r="N451594" s="10"/>
    </row>
    <row r="451595" spans="14:14">
      <c r="N451595" s="10"/>
    </row>
    <row r="451596" spans="14:14">
      <c r="N451596" s="10"/>
    </row>
    <row r="451597" spans="14:14">
      <c r="N451597" s="10"/>
    </row>
    <row r="451598" spans="14:14">
      <c r="N451598" s="10"/>
    </row>
    <row r="451599" spans="14:14">
      <c r="N451599" s="10"/>
    </row>
    <row r="451600" spans="14:14">
      <c r="N451600" s="10"/>
    </row>
    <row r="451601" spans="14:14">
      <c r="N451601" s="10"/>
    </row>
    <row r="451602" spans="14:14">
      <c r="N451602" s="10"/>
    </row>
    <row r="451603" spans="14:14">
      <c r="N451603" s="10"/>
    </row>
    <row r="451604" spans="14:14">
      <c r="N451604" s="10"/>
    </row>
    <row r="451605" spans="14:14">
      <c r="N451605" s="10"/>
    </row>
    <row r="451606" spans="14:14">
      <c r="N451606" s="10"/>
    </row>
    <row r="451607" spans="14:14">
      <c r="N451607" s="10"/>
    </row>
    <row r="451608" spans="14:14">
      <c r="N451608" s="10"/>
    </row>
    <row r="451609" spans="14:14">
      <c r="N451609" s="10"/>
    </row>
    <row r="451610" spans="14:14">
      <c r="N451610" s="10"/>
    </row>
    <row r="451611" spans="14:14">
      <c r="N451611" s="10"/>
    </row>
    <row r="451612" spans="14:14">
      <c r="N451612" s="10"/>
    </row>
    <row r="451613" spans="14:14">
      <c r="N451613" s="10"/>
    </row>
    <row r="451614" spans="14:14">
      <c r="N451614" s="10"/>
    </row>
    <row r="451615" spans="14:14">
      <c r="N451615" s="10"/>
    </row>
    <row r="451616" spans="14:14">
      <c r="N451616" s="10"/>
    </row>
    <row r="451617" spans="14:14">
      <c r="N451617" s="10"/>
    </row>
    <row r="451618" spans="14:14">
      <c r="N451618" s="10"/>
    </row>
    <row r="451619" spans="14:14">
      <c r="N451619" s="10"/>
    </row>
    <row r="451620" spans="14:14">
      <c r="N451620" s="10"/>
    </row>
    <row r="451621" spans="14:14">
      <c r="N451621" s="10"/>
    </row>
    <row r="451622" spans="14:14">
      <c r="N451622" s="10"/>
    </row>
    <row r="451623" spans="14:14">
      <c r="N451623" s="10"/>
    </row>
    <row r="451624" spans="14:14">
      <c r="N451624" s="10"/>
    </row>
    <row r="451625" spans="14:14">
      <c r="N451625" s="10"/>
    </row>
    <row r="451626" spans="14:14">
      <c r="N451626" s="10"/>
    </row>
    <row r="451627" spans="14:14">
      <c r="N451627" s="10"/>
    </row>
    <row r="451628" spans="14:14">
      <c r="N451628" s="10"/>
    </row>
    <row r="451629" spans="14:14">
      <c r="N451629" s="10"/>
    </row>
    <row r="451630" spans="14:14">
      <c r="N451630" s="10"/>
    </row>
    <row r="451631" spans="14:14">
      <c r="N451631" s="10"/>
    </row>
    <row r="451632" spans="14:14">
      <c r="N451632" s="10"/>
    </row>
    <row r="451633" spans="14:14">
      <c r="N451633" s="10"/>
    </row>
    <row r="451634" spans="14:14">
      <c r="N451634" s="10"/>
    </row>
    <row r="451635" spans="14:14">
      <c r="N451635" s="10"/>
    </row>
    <row r="451636" spans="14:14">
      <c r="N451636" s="10"/>
    </row>
    <row r="451637" spans="14:14">
      <c r="N451637" s="10"/>
    </row>
    <row r="451638" spans="14:14">
      <c r="N451638" s="10"/>
    </row>
    <row r="451639" spans="14:14">
      <c r="N451639" s="10"/>
    </row>
    <row r="451640" spans="14:14">
      <c r="N451640" s="10"/>
    </row>
    <row r="451641" spans="14:14">
      <c r="N451641" s="10"/>
    </row>
    <row r="451642" spans="14:14">
      <c r="N451642" s="10"/>
    </row>
    <row r="451643" spans="14:14">
      <c r="N451643" s="10"/>
    </row>
    <row r="451644" spans="14:14">
      <c r="N451644" s="10"/>
    </row>
    <row r="451645" spans="14:14">
      <c r="N451645" s="10"/>
    </row>
    <row r="451646" spans="14:14">
      <c r="N451646" s="10"/>
    </row>
    <row r="451647" spans="14:14">
      <c r="N451647" s="10"/>
    </row>
    <row r="451648" spans="14:14">
      <c r="N451648" s="10"/>
    </row>
    <row r="451649" spans="14:14">
      <c r="N451649" s="10"/>
    </row>
    <row r="451650" spans="14:14">
      <c r="N451650" s="10"/>
    </row>
    <row r="451651" spans="14:14">
      <c r="N451651" s="10"/>
    </row>
    <row r="451652" spans="14:14">
      <c r="N451652" s="10"/>
    </row>
    <row r="451653" spans="14:14">
      <c r="N451653" s="10"/>
    </row>
    <row r="451654" spans="14:14">
      <c r="N451654" s="10"/>
    </row>
    <row r="451655" spans="14:14">
      <c r="N451655" s="10"/>
    </row>
    <row r="451656" spans="14:14">
      <c r="N451656" s="10"/>
    </row>
    <row r="451657" spans="14:14">
      <c r="N451657" s="10"/>
    </row>
    <row r="451658" spans="14:14">
      <c r="N451658" s="10"/>
    </row>
    <row r="451659" spans="14:14">
      <c r="N451659" s="10"/>
    </row>
    <row r="451660" spans="14:14">
      <c r="N451660" s="10"/>
    </row>
    <row r="451661" spans="14:14">
      <c r="N451661" s="10"/>
    </row>
    <row r="451662" spans="14:14">
      <c r="N451662" s="10"/>
    </row>
    <row r="451663" spans="14:14">
      <c r="N451663" s="10"/>
    </row>
    <row r="451664" spans="14:14">
      <c r="N451664" s="10"/>
    </row>
    <row r="451665" spans="14:14">
      <c r="N451665" s="10"/>
    </row>
    <row r="451666" spans="14:14">
      <c r="N451666" s="10"/>
    </row>
    <row r="451667" spans="14:14">
      <c r="N451667" s="10"/>
    </row>
    <row r="451668" spans="14:14">
      <c r="N451668" s="10"/>
    </row>
    <row r="451669" spans="14:14">
      <c r="N451669" s="10"/>
    </row>
    <row r="451670" spans="14:14">
      <c r="N451670" s="10"/>
    </row>
    <row r="451671" spans="14:14">
      <c r="N451671" s="10"/>
    </row>
    <row r="451672" spans="14:14">
      <c r="N451672" s="10"/>
    </row>
    <row r="451673" spans="14:14">
      <c r="N451673" s="10"/>
    </row>
    <row r="451674" spans="14:14">
      <c r="N451674" s="10"/>
    </row>
    <row r="451675" spans="14:14">
      <c r="N451675" s="10"/>
    </row>
    <row r="451676" spans="14:14">
      <c r="N451676" s="10"/>
    </row>
    <row r="451677" spans="14:14">
      <c r="N451677" s="10"/>
    </row>
    <row r="451678" spans="14:14">
      <c r="N451678" s="10"/>
    </row>
    <row r="451679" spans="14:14">
      <c r="N451679" s="10"/>
    </row>
    <row r="451680" spans="14:14">
      <c r="N451680" s="10"/>
    </row>
    <row r="451681" spans="14:14">
      <c r="N451681" s="10"/>
    </row>
    <row r="451682" spans="14:14">
      <c r="N451682" s="10"/>
    </row>
    <row r="451683" spans="14:14">
      <c r="N451683" s="10"/>
    </row>
    <row r="451684" spans="14:14">
      <c r="N451684" s="10"/>
    </row>
    <row r="451685" spans="14:14">
      <c r="N451685" s="10"/>
    </row>
    <row r="451686" spans="14:14">
      <c r="N451686" s="10"/>
    </row>
    <row r="451687" spans="14:14">
      <c r="N451687" s="10"/>
    </row>
    <row r="451688" spans="14:14">
      <c r="N451688" s="10"/>
    </row>
    <row r="451689" spans="14:14">
      <c r="N451689" s="10"/>
    </row>
    <row r="451690" spans="14:14">
      <c r="N451690" s="10"/>
    </row>
    <row r="451691" spans="14:14">
      <c r="N451691" s="10"/>
    </row>
    <row r="451692" spans="14:14">
      <c r="N451692" s="10"/>
    </row>
    <row r="451693" spans="14:14">
      <c r="N451693" s="10"/>
    </row>
    <row r="451694" spans="14:14">
      <c r="N451694" s="10"/>
    </row>
    <row r="451695" spans="14:14">
      <c r="N451695" s="10"/>
    </row>
    <row r="451696" spans="14:14">
      <c r="N451696" s="10"/>
    </row>
    <row r="451697" spans="14:14">
      <c r="N451697" s="10"/>
    </row>
    <row r="451698" spans="14:14">
      <c r="N451698" s="10"/>
    </row>
    <row r="451699" spans="14:14">
      <c r="N451699" s="10"/>
    </row>
    <row r="451700" spans="14:14">
      <c r="N451700" s="10"/>
    </row>
    <row r="451701" spans="14:14">
      <c r="N451701" s="10"/>
    </row>
    <row r="451702" spans="14:14">
      <c r="N451702" s="10"/>
    </row>
    <row r="451703" spans="14:14">
      <c r="N451703" s="10"/>
    </row>
    <row r="451704" spans="14:14">
      <c r="N451704" s="10"/>
    </row>
    <row r="451705" spans="14:14">
      <c r="N451705" s="10"/>
    </row>
    <row r="451706" spans="14:14">
      <c r="N451706" s="10"/>
    </row>
    <row r="451707" spans="14:14">
      <c r="N451707" s="10"/>
    </row>
    <row r="451708" spans="14:14">
      <c r="N451708" s="10"/>
    </row>
    <row r="451709" spans="14:14">
      <c r="N451709" s="10"/>
    </row>
    <row r="451710" spans="14:14">
      <c r="N451710" s="10"/>
    </row>
    <row r="451711" spans="14:14">
      <c r="N451711" s="10"/>
    </row>
    <row r="451712" spans="14:14">
      <c r="N451712" s="10"/>
    </row>
    <row r="451713" spans="14:14">
      <c r="N451713" s="10"/>
    </row>
    <row r="451714" spans="14:14">
      <c r="N451714" s="10"/>
    </row>
    <row r="451715" spans="14:14">
      <c r="N451715" s="10"/>
    </row>
    <row r="451716" spans="14:14">
      <c r="N451716" s="10"/>
    </row>
    <row r="451717" spans="14:14">
      <c r="N451717" s="10"/>
    </row>
    <row r="451718" spans="14:14">
      <c r="N451718" s="10"/>
    </row>
    <row r="451719" spans="14:14">
      <c r="N451719" s="10"/>
    </row>
    <row r="451720" spans="14:14">
      <c r="N451720" s="10"/>
    </row>
    <row r="451721" spans="14:14">
      <c r="N451721" s="10"/>
    </row>
    <row r="451722" spans="14:14">
      <c r="N451722" s="10"/>
    </row>
    <row r="451723" spans="14:14">
      <c r="N451723" s="10"/>
    </row>
    <row r="451724" spans="14:14">
      <c r="N451724" s="10"/>
    </row>
    <row r="451725" spans="14:14">
      <c r="N451725" s="10"/>
    </row>
    <row r="451726" spans="14:14">
      <c r="N451726" s="10"/>
    </row>
    <row r="451727" spans="14:14">
      <c r="N451727" s="10"/>
    </row>
    <row r="451728" spans="14:14">
      <c r="N451728" s="10"/>
    </row>
    <row r="451729" spans="14:14">
      <c r="N451729" s="10"/>
    </row>
    <row r="451730" spans="14:14">
      <c r="N451730" s="10"/>
    </row>
    <row r="451731" spans="14:14">
      <c r="N451731" s="10"/>
    </row>
    <row r="451732" spans="14:14">
      <c r="N451732" s="10"/>
    </row>
    <row r="451733" spans="14:14">
      <c r="N451733" s="10"/>
    </row>
    <row r="451734" spans="14:14">
      <c r="N451734" s="10"/>
    </row>
    <row r="451735" spans="14:14">
      <c r="N451735" s="10"/>
    </row>
    <row r="451736" spans="14:14">
      <c r="N451736" s="10"/>
    </row>
    <row r="451737" spans="14:14">
      <c r="N451737" s="10"/>
    </row>
    <row r="451738" spans="14:14">
      <c r="N451738" s="10"/>
    </row>
    <row r="451739" spans="14:14">
      <c r="N451739" s="10"/>
    </row>
    <row r="451740" spans="14:14">
      <c r="N451740" s="10"/>
    </row>
    <row r="451741" spans="14:14">
      <c r="N451741" s="10"/>
    </row>
    <row r="451742" spans="14:14">
      <c r="N451742" s="10"/>
    </row>
    <row r="451743" spans="14:14">
      <c r="N451743" s="10"/>
    </row>
    <row r="451744" spans="14:14">
      <c r="N451744" s="10"/>
    </row>
    <row r="451745" spans="14:14">
      <c r="N451745" s="10"/>
    </row>
    <row r="451746" spans="14:14">
      <c r="N451746" s="10"/>
    </row>
    <row r="451747" spans="14:14">
      <c r="N451747" s="10"/>
    </row>
    <row r="451748" spans="14:14">
      <c r="N451748" s="10"/>
    </row>
    <row r="451749" spans="14:14">
      <c r="N451749" s="10"/>
    </row>
    <row r="451750" spans="14:14">
      <c r="N451750" s="10"/>
    </row>
    <row r="451751" spans="14:14">
      <c r="N451751" s="10"/>
    </row>
    <row r="451752" spans="14:14">
      <c r="N451752" s="10"/>
    </row>
    <row r="451753" spans="14:14">
      <c r="N451753" s="10"/>
    </row>
    <row r="451754" spans="14:14">
      <c r="N451754" s="10"/>
    </row>
    <row r="451755" spans="14:14">
      <c r="N451755" s="10"/>
    </row>
    <row r="451756" spans="14:14">
      <c r="N451756" s="10"/>
    </row>
    <row r="451757" spans="14:14">
      <c r="N451757" s="10"/>
    </row>
    <row r="451758" spans="14:14">
      <c r="N451758" s="10"/>
    </row>
    <row r="451759" spans="14:14">
      <c r="N451759" s="10"/>
    </row>
    <row r="451760" spans="14:14">
      <c r="N451760" s="10"/>
    </row>
    <row r="451761" spans="14:14">
      <c r="N451761" s="10"/>
    </row>
    <row r="451762" spans="14:14">
      <c r="N451762" s="10"/>
    </row>
    <row r="451763" spans="14:14">
      <c r="N451763" s="10"/>
    </row>
    <row r="451764" spans="14:14">
      <c r="N451764" s="10"/>
    </row>
    <row r="451765" spans="14:14">
      <c r="N451765" s="10"/>
    </row>
    <row r="451766" spans="14:14">
      <c r="N451766" s="10"/>
    </row>
    <row r="451767" spans="14:14">
      <c r="N451767" s="10"/>
    </row>
    <row r="451768" spans="14:14">
      <c r="N451768" s="10"/>
    </row>
    <row r="451769" spans="14:14">
      <c r="N451769" s="10"/>
    </row>
    <row r="451770" spans="14:14">
      <c r="N451770" s="10"/>
    </row>
    <row r="451771" spans="14:14">
      <c r="N451771" s="10"/>
    </row>
    <row r="451772" spans="14:14">
      <c r="N451772" s="10"/>
    </row>
    <row r="451773" spans="14:14">
      <c r="N451773" s="10"/>
    </row>
    <row r="451774" spans="14:14">
      <c r="N451774" s="10"/>
    </row>
    <row r="451775" spans="14:14">
      <c r="N451775" s="10"/>
    </row>
    <row r="451776" spans="14:14">
      <c r="N451776" s="10"/>
    </row>
    <row r="451777" spans="14:14">
      <c r="N451777" s="10"/>
    </row>
    <row r="451778" spans="14:14">
      <c r="N451778" s="10"/>
    </row>
    <row r="451779" spans="14:14">
      <c r="N451779" s="10"/>
    </row>
    <row r="451780" spans="14:14">
      <c r="N451780" s="10"/>
    </row>
    <row r="451781" spans="14:14">
      <c r="N451781" s="10"/>
    </row>
    <row r="451782" spans="14:14">
      <c r="N451782" s="10"/>
    </row>
    <row r="451783" spans="14:14">
      <c r="N451783" s="10"/>
    </row>
    <row r="451784" spans="14:14">
      <c r="N451784" s="10"/>
    </row>
    <row r="451785" spans="14:14">
      <c r="N451785" s="10"/>
    </row>
    <row r="451786" spans="14:14">
      <c r="N451786" s="10"/>
    </row>
    <row r="451787" spans="14:14">
      <c r="N451787" s="10"/>
    </row>
    <row r="451788" spans="14:14">
      <c r="N451788" s="10"/>
    </row>
    <row r="451789" spans="14:14">
      <c r="N451789" s="10"/>
    </row>
    <row r="451790" spans="14:14">
      <c r="N451790" s="10"/>
    </row>
    <row r="451791" spans="14:14">
      <c r="N451791" s="10"/>
    </row>
    <row r="451792" spans="14:14">
      <c r="N451792" s="10"/>
    </row>
    <row r="451793" spans="14:14">
      <c r="N451793" s="10"/>
    </row>
    <row r="451794" spans="14:14">
      <c r="N451794" s="10"/>
    </row>
    <row r="451795" spans="14:14">
      <c r="N451795" s="10"/>
    </row>
    <row r="451796" spans="14:14">
      <c r="N451796" s="10"/>
    </row>
    <row r="451797" spans="14:14">
      <c r="N451797" s="10"/>
    </row>
    <row r="451798" spans="14:14">
      <c r="N451798" s="10"/>
    </row>
    <row r="451799" spans="14:14">
      <c r="N451799" s="10"/>
    </row>
    <row r="451800" spans="14:14">
      <c r="N451800" s="10"/>
    </row>
    <row r="451801" spans="14:14">
      <c r="N451801" s="10"/>
    </row>
    <row r="451802" spans="14:14">
      <c r="N451802" s="10"/>
    </row>
    <row r="451803" spans="14:14">
      <c r="N451803" s="10"/>
    </row>
    <row r="451804" spans="14:14">
      <c r="N451804" s="10"/>
    </row>
    <row r="451805" spans="14:14">
      <c r="N451805" s="10"/>
    </row>
    <row r="451806" spans="14:14">
      <c r="N451806" s="10"/>
    </row>
    <row r="451807" spans="14:14">
      <c r="N451807" s="10"/>
    </row>
    <row r="451808" spans="14:14">
      <c r="N451808" s="10"/>
    </row>
    <row r="451809" spans="14:14">
      <c r="N451809" s="10"/>
    </row>
    <row r="451810" spans="14:14">
      <c r="N451810" s="10"/>
    </row>
    <row r="451811" spans="14:14">
      <c r="N451811" s="10"/>
    </row>
    <row r="451812" spans="14:14">
      <c r="N451812" s="10"/>
    </row>
    <row r="451813" spans="14:14">
      <c r="N451813" s="10"/>
    </row>
    <row r="451814" spans="14:14">
      <c r="N451814" s="10"/>
    </row>
    <row r="451815" spans="14:14">
      <c r="N451815" s="10"/>
    </row>
    <row r="451816" spans="14:14">
      <c r="N451816" s="10"/>
    </row>
    <row r="451817" spans="14:14">
      <c r="N451817" s="10"/>
    </row>
    <row r="451818" spans="14:14">
      <c r="N451818" s="10"/>
    </row>
    <row r="451819" spans="14:14">
      <c r="N451819" s="10"/>
    </row>
    <row r="451820" spans="14:14">
      <c r="N451820" s="10"/>
    </row>
    <row r="451821" spans="14:14">
      <c r="N451821" s="10"/>
    </row>
    <row r="451822" spans="14:14">
      <c r="N451822" s="10"/>
    </row>
    <row r="451823" spans="14:14">
      <c r="N451823" s="10"/>
    </row>
    <row r="451824" spans="14:14">
      <c r="N451824" s="10"/>
    </row>
    <row r="451825" spans="14:14">
      <c r="N451825" s="10"/>
    </row>
    <row r="451826" spans="14:14">
      <c r="N451826" s="10"/>
    </row>
    <row r="451827" spans="14:14">
      <c r="N451827" s="10"/>
    </row>
    <row r="451828" spans="14:14">
      <c r="N451828" s="10"/>
    </row>
    <row r="451829" spans="14:14">
      <c r="N451829" s="10"/>
    </row>
    <row r="451830" spans="14:14">
      <c r="N451830" s="10"/>
    </row>
    <row r="451831" spans="14:14">
      <c r="N451831" s="10"/>
    </row>
    <row r="451832" spans="14:14">
      <c r="N451832" s="10"/>
    </row>
    <row r="451833" spans="14:14">
      <c r="N451833" s="10"/>
    </row>
    <row r="451834" spans="14:14">
      <c r="N451834" s="10"/>
    </row>
    <row r="451835" spans="14:14">
      <c r="N451835" s="10"/>
    </row>
    <row r="451836" spans="14:14">
      <c r="N451836" s="10"/>
    </row>
    <row r="451837" spans="14:14">
      <c r="N451837" s="10"/>
    </row>
    <row r="451838" spans="14:14">
      <c r="N451838" s="10"/>
    </row>
    <row r="451839" spans="14:14">
      <c r="N451839" s="10"/>
    </row>
    <row r="451840" spans="14:14">
      <c r="N451840" s="10"/>
    </row>
    <row r="451841" spans="14:14">
      <c r="N451841" s="10"/>
    </row>
    <row r="451842" spans="14:14">
      <c r="N451842" s="10"/>
    </row>
    <row r="451843" spans="14:14">
      <c r="N451843" s="10"/>
    </row>
    <row r="451844" spans="14:14">
      <c r="N451844" s="10"/>
    </row>
    <row r="451845" spans="14:14">
      <c r="N451845" s="10"/>
    </row>
    <row r="451846" spans="14:14">
      <c r="N451846" s="10"/>
    </row>
    <row r="451847" spans="14:14">
      <c r="N451847" s="10"/>
    </row>
    <row r="451848" spans="14:14">
      <c r="N451848" s="10"/>
    </row>
    <row r="451849" spans="14:14">
      <c r="N451849" s="10"/>
    </row>
    <row r="451850" spans="14:14">
      <c r="N451850" s="10"/>
    </row>
    <row r="451851" spans="14:14">
      <c r="N451851" s="10"/>
    </row>
    <row r="451852" spans="14:14">
      <c r="N451852" s="10"/>
    </row>
    <row r="451853" spans="14:14">
      <c r="N451853" s="10"/>
    </row>
    <row r="451854" spans="14:14">
      <c r="N451854" s="10"/>
    </row>
    <row r="451855" spans="14:14">
      <c r="N451855" s="10"/>
    </row>
    <row r="451856" spans="14:14">
      <c r="N451856" s="10"/>
    </row>
    <row r="451857" spans="14:14">
      <c r="N451857" s="10"/>
    </row>
    <row r="451858" spans="14:14">
      <c r="N451858" s="10"/>
    </row>
    <row r="451859" spans="14:14">
      <c r="N451859" s="10"/>
    </row>
    <row r="451860" spans="14:14">
      <c r="N451860" s="10"/>
    </row>
    <row r="451861" spans="14:14">
      <c r="N451861" s="10"/>
    </row>
    <row r="451862" spans="14:14">
      <c r="N451862" s="10"/>
    </row>
    <row r="451863" spans="14:14">
      <c r="N451863" s="10"/>
    </row>
    <row r="451864" spans="14:14">
      <c r="N451864" s="10"/>
    </row>
    <row r="451865" spans="14:14">
      <c r="N451865" s="10"/>
    </row>
    <row r="451866" spans="14:14">
      <c r="N451866" s="10"/>
    </row>
    <row r="451867" spans="14:14">
      <c r="N451867" s="10"/>
    </row>
    <row r="451868" spans="14:14">
      <c r="N451868" s="10"/>
    </row>
    <row r="451869" spans="14:14">
      <c r="N451869" s="10"/>
    </row>
    <row r="451870" spans="14:14">
      <c r="N451870" s="10"/>
    </row>
    <row r="451871" spans="14:14">
      <c r="N451871" s="10"/>
    </row>
    <row r="451872" spans="14:14">
      <c r="N451872" s="10"/>
    </row>
    <row r="451873" spans="14:14">
      <c r="N451873" s="10"/>
    </row>
    <row r="451874" spans="14:14">
      <c r="N451874" s="10"/>
    </row>
    <row r="451875" spans="14:14">
      <c r="N451875" s="10"/>
    </row>
    <row r="451876" spans="14:14">
      <c r="N451876" s="10"/>
    </row>
    <row r="451877" spans="14:14">
      <c r="N451877" s="10"/>
    </row>
    <row r="451878" spans="14:14">
      <c r="N451878" s="10"/>
    </row>
    <row r="451879" spans="14:14">
      <c r="N451879" s="10"/>
    </row>
    <row r="451880" spans="14:14">
      <c r="N451880" s="10"/>
    </row>
    <row r="451881" spans="14:14">
      <c r="N451881" s="10"/>
    </row>
    <row r="451882" spans="14:14">
      <c r="N451882" s="10"/>
    </row>
    <row r="451883" spans="14:14">
      <c r="N451883" s="10"/>
    </row>
    <row r="451884" spans="14:14">
      <c r="N451884" s="10"/>
    </row>
    <row r="451885" spans="14:14">
      <c r="N451885" s="10"/>
    </row>
    <row r="451886" spans="14:14">
      <c r="N451886" s="10"/>
    </row>
    <row r="451887" spans="14:14">
      <c r="N451887" s="10"/>
    </row>
    <row r="451888" spans="14:14">
      <c r="N451888" s="10"/>
    </row>
    <row r="451889" spans="14:14">
      <c r="N451889" s="10"/>
    </row>
    <row r="451890" spans="14:14">
      <c r="N451890" s="10"/>
    </row>
    <row r="451891" spans="14:14">
      <c r="N451891" s="10"/>
    </row>
    <row r="451892" spans="14:14">
      <c r="N451892" s="10"/>
    </row>
    <row r="451893" spans="14:14">
      <c r="N451893" s="10"/>
    </row>
    <row r="451894" spans="14:14">
      <c r="N451894" s="10"/>
    </row>
    <row r="451895" spans="14:14">
      <c r="N451895" s="10"/>
    </row>
    <row r="451896" spans="14:14">
      <c r="N451896" s="10"/>
    </row>
    <row r="451897" spans="14:14">
      <c r="N451897" s="10"/>
    </row>
    <row r="451898" spans="14:14">
      <c r="N451898" s="10"/>
    </row>
    <row r="451899" spans="14:14">
      <c r="N451899" s="10"/>
    </row>
    <row r="451900" spans="14:14">
      <c r="N451900" s="10"/>
    </row>
    <row r="451901" spans="14:14">
      <c r="N451901" s="10"/>
    </row>
    <row r="451902" spans="14:14">
      <c r="N451902" s="10"/>
    </row>
    <row r="451903" spans="14:14">
      <c r="N451903" s="10"/>
    </row>
    <row r="451904" spans="14:14">
      <c r="N451904" s="10"/>
    </row>
    <row r="451905" spans="14:14">
      <c r="N451905" s="10"/>
    </row>
    <row r="451906" spans="14:14">
      <c r="N451906" s="10"/>
    </row>
    <row r="451907" spans="14:14">
      <c r="N451907" s="10"/>
    </row>
    <row r="451908" spans="14:14">
      <c r="N451908" s="10"/>
    </row>
    <row r="451909" spans="14:14">
      <c r="N451909" s="10"/>
    </row>
    <row r="451910" spans="14:14">
      <c r="N451910" s="10"/>
    </row>
    <row r="451911" spans="14:14">
      <c r="N451911" s="10"/>
    </row>
    <row r="451912" spans="14:14">
      <c r="N451912" s="10"/>
    </row>
    <row r="451913" spans="14:14">
      <c r="N451913" s="10"/>
    </row>
    <row r="451914" spans="14:14">
      <c r="N451914" s="10"/>
    </row>
    <row r="451915" spans="14:14">
      <c r="N451915" s="10"/>
    </row>
    <row r="451916" spans="14:14">
      <c r="N451916" s="10"/>
    </row>
    <row r="451917" spans="14:14">
      <c r="N451917" s="10"/>
    </row>
    <row r="451918" spans="14:14">
      <c r="N451918" s="10"/>
    </row>
    <row r="451919" spans="14:14">
      <c r="N451919" s="10"/>
    </row>
    <row r="451920" spans="14:14">
      <c r="N451920" s="10"/>
    </row>
    <row r="451921" spans="14:14">
      <c r="N451921" s="10"/>
    </row>
    <row r="451922" spans="14:14">
      <c r="N451922" s="10"/>
    </row>
    <row r="451923" spans="14:14">
      <c r="N451923" s="10"/>
    </row>
    <row r="451924" spans="14:14">
      <c r="N451924" s="10"/>
    </row>
    <row r="451925" spans="14:14">
      <c r="N451925" s="10"/>
    </row>
    <row r="451926" spans="14:14">
      <c r="N451926" s="10"/>
    </row>
    <row r="451927" spans="14:14">
      <c r="N451927" s="10"/>
    </row>
    <row r="451928" spans="14:14">
      <c r="N451928" s="10"/>
    </row>
    <row r="451929" spans="14:14">
      <c r="N451929" s="10"/>
    </row>
    <row r="451930" spans="14:14">
      <c r="N451930" s="10"/>
    </row>
    <row r="451931" spans="14:14">
      <c r="N451931" s="10"/>
    </row>
    <row r="451932" spans="14:14">
      <c r="N451932" s="10"/>
    </row>
    <row r="451933" spans="14:14">
      <c r="N451933" s="10"/>
    </row>
    <row r="451934" spans="14:14">
      <c r="N451934" s="10"/>
    </row>
    <row r="451935" spans="14:14">
      <c r="N451935" s="10"/>
    </row>
    <row r="451936" spans="14:14">
      <c r="N451936" s="10"/>
    </row>
    <row r="451937" spans="14:14">
      <c r="N451937" s="10"/>
    </row>
    <row r="451938" spans="14:14">
      <c r="N451938" s="10"/>
    </row>
    <row r="451939" spans="14:14">
      <c r="N451939" s="10"/>
    </row>
    <row r="451940" spans="14:14">
      <c r="N451940" s="10"/>
    </row>
    <row r="451941" spans="14:14">
      <c r="N451941" s="10"/>
    </row>
    <row r="451942" spans="14:14">
      <c r="N451942" s="10"/>
    </row>
    <row r="451943" spans="14:14">
      <c r="N451943" s="10"/>
    </row>
    <row r="451944" spans="14:14">
      <c r="N451944" s="10"/>
    </row>
    <row r="451945" spans="14:14">
      <c r="N451945" s="10"/>
    </row>
    <row r="451946" spans="14:14">
      <c r="N451946" s="10"/>
    </row>
    <row r="451947" spans="14:14">
      <c r="N451947" s="10"/>
    </row>
    <row r="451948" spans="14:14">
      <c r="N451948" s="10"/>
    </row>
    <row r="451949" spans="14:14">
      <c r="N451949" s="10"/>
    </row>
    <row r="451950" spans="14:14">
      <c r="N451950" s="10"/>
    </row>
    <row r="451951" spans="14:14">
      <c r="N451951" s="10"/>
    </row>
    <row r="451952" spans="14:14">
      <c r="N451952" s="10"/>
    </row>
    <row r="451953" spans="14:14">
      <c r="N451953" s="10"/>
    </row>
    <row r="451954" spans="14:14">
      <c r="N451954" s="10"/>
    </row>
    <row r="451955" spans="14:14">
      <c r="N451955" s="10"/>
    </row>
    <row r="451956" spans="14:14">
      <c r="N451956" s="10"/>
    </row>
    <row r="451957" spans="14:14">
      <c r="N451957" s="10"/>
    </row>
    <row r="451958" spans="14:14">
      <c r="N451958" s="10"/>
    </row>
    <row r="451959" spans="14:14">
      <c r="N451959" s="10"/>
    </row>
    <row r="451960" spans="14:14">
      <c r="N451960" s="10"/>
    </row>
    <row r="451961" spans="14:14">
      <c r="N451961" s="10"/>
    </row>
    <row r="451962" spans="14:14">
      <c r="N451962" s="10"/>
    </row>
    <row r="451963" spans="14:14">
      <c r="N451963" s="10"/>
    </row>
    <row r="451964" spans="14:14">
      <c r="N451964" s="10"/>
    </row>
    <row r="451965" spans="14:14">
      <c r="N451965" s="10"/>
    </row>
    <row r="451966" spans="14:14">
      <c r="N451966" s="10"/>
    </row>
    <row r="451967" spans="14:14">
      <c r="N451967" s="10"/>
    </row>
    <row r="451968" spans="14:14">
      <c r="N451968" s="10"/>
    </row>
    <row r="451969" spans="14:14">
      <c r="N451969" s="10"/>
    </row>
    <row r="451970" spans="14:14">
      <c r="N451970" s="10"/>
    </row>
    <row r="451971" spans="14:14">
      <c r="N451971" s="10"/>
    </row>
    <row r="451972" spans="14:14">
      <c r="N451972" s="10"/>
    </row>
    <row r="451973" spans="14:14">
      <c r="N451973" s="10"/>
    </row>
    <row r="451974" spans="14:14">
      <c r="N451974" s="10"/>
    </row>
    <row r="451975" spans="14:14">
      <c r="N451975" s="10"/>
    </row>
    <row r="451976" spans="14:14">
      <c r="N451976" s="10"/>
    </row>
    <row r="451977" spans="14:14">
      <c r="N451977" s="10"/>
    </row>
    <row r="451978" spans="14:14">
      <c r="N451978" s="10"/>
    </row>
    <row r="451979" spans="14:14">
      <c r="N451979" s="10"/>
    </row>
    <row r="451980" spans="14:14">
      <c r="N451980" s="10"/>
    </row>
    <row r="451981" spans="14:14">
      <c r="N451981" s="10"/>
    </row>
    <row r="451982" spans="14:14">
      <c r="N451982" s="10"/>
    </row>
    <row r="451983" spans="14:14">
      <c r="N451983" s="10"/>
    </row>
    <row r="451984" spans="14:14">
      <c r="N451984" s="10"/>
    </row>
    <row r="451985" spans="14:14">
      <c r="N451985" s="10"/>
    </row>
    <row r="451986" spans="14:14">
      <c r="N451986" s="10"/>
    </row>
    <row r="451987" spans="14:14">
      <c r="N451987" s="10"/>
    </row>
    <row r="451988" spans="14:14">
      <c r="N451988" s="10"/>
    </row>
    <row r="451989" spans="14:14">
      <c r="N451989" s="10"/>
    </row>
    <row r="451990" spans="14:14">
      <c r="N451990" s="10"/>
    </row>
    <row r="451991" spans="14:14">
      <c r="N451991" s="10"/>
    </row>
    <row r="451992" spans="14:14">
      <c r="N451992" s="10"/>
    </row>
    <row r="451993" spans="14:14">
      <c r="N451993" s="10"/>
    </row>
    <row r="451994" spans="14:14">
      <c r="N451994" s="10"/>
    </row>
    <row r="451995" spans="14:14">
      <c r="N451995" s="10"/>
    </row>
    <row r="451996" spans="14:14">
      <c r="N451996" s="10"/>
    </row>
    <row r="451997" spans="14:14">
      <c r="N451997" s="10"/>
    </row>
    <row r="451998" spans="14:14">
      <c r="N451998" s="10"/>
    </row>
    <row r="451999" spans="14:14">
      <c r="N451999" s="10"/>
    </row>
    <row r="452000" spans="14:14">
      <c r="N452000" s="10"/>
    </row>
    <row r="452001" spans="14:14">
      <c r="N452001" s="10"/>
    </row>
    <row r="452002" spans="14:14">
      <c r="N452002" s="10"/>
    </row>
    <row r="452003" spans="14:14">
      <c r="N452003" s="10"/>
    </row>
    <row r="452004" spans="14:14">
      <c r="N452004" s="10"/>
    </row>
    <row r="452005" spans="14:14">
      <c r="N452005" s="10"/>
    </row>
    <row r="452006" spans="14:14">
      <c r="N452006" s="10"/>
    </row>
    <row r="452007" spans="14:14">
      <c r="N452007" s="10"/>
    </row>
    <row r="452008" spans="14:14">
      <c r="N452008" s="10"/>
    </row>
    <row r="452009" spans="14:14">
      <c r="N452009" s="10"/>
    </row>
    <row r="452010" spans="14:14">
      <c r="N452010" s="10"/>
    </row>
    <row r="452011" spans="14:14">
      <c r="N452011" s="10"/>
    </row>
    <row r="452012" spans="14:14">
      <c r="N452012" s="10"/>
    </row>
    <row r="452013" spans="14:14">
      <c r="N452013" s="10"/>
    </row>
    <row r="452014" spans="14:14">
      <c r="N452014" s="10"/>
    </row>
    <row r="452015" spans="14:14">
      <c r="N452015" s="10"/>
    </row>
    <row r="452016" spans="14:14">
      <c r="N452016" s="10"/>
    </row>
    <row r="452017" spans="14:14">
      <c r="N452017" s="10"/>
    </row>
    <row r="452018" spans="14:14">
      <c r="N452018" s="10"/>
    </row>
    <row r="452019" spans="14:14">
      <c r="N452019" s="10"/>
    </row>
    <row r="452020" spans="14:14">
      <c r="N452020" s="10"/>
    </row>
    <row r="452021" spans="14:14">
      <c r="N452021" s="10"/>
    </row>
    <row r="452022" spans="14:14">
      <c r="N452022" s="10"/>
    </row>
    <row r="452023" spans="14:14">
      <c r="N452023" s="10"/>
    </row>
    <row r="452024" spans="14:14">
      <c r="N452024" s="10"/>
    </row>
    <row r="452025" spans="14:14">
      <c r="N452025" s="10"/>
    </row>
    <row r="452026" spans="14:14">
      <c r="N452026" s="10"/>
    </row>
    <row r="452027" spans="14:14">
      <c r="N452027" s="10"/>
    </row>
    <row r="452028" spans="14:14">
      <c r="N452028" s="10"/>
    </row>
    <row r="452029" spans="14:14">
      <c r="N452029" s="10"/>
    </row>
    <row r="452030" spans="14:14">
      <c r="N452030" s="10"/>
    </row>
    <row r="452031" spans="14:14">
      <c r="N452031" s="10"/>
    </row>
    <row r="452032" spans="14:14">
      <c r="N452032" s="10"/>
    </row>
    <row r="452033" spans="14:14">
      <c r="N452033" s="10"/>
    </row>
    <row r="452034" spans="14:14">
      <c r="N452034" s="10"/>
    </row>
    <row r="452035" spans="14:14">
      <c r="N452035" s="10"/>
    </row>
    <row r="452036" spans="14:14">
      <c r="N452036" s="10"/>
    </row>
    <row r="452037" spans="14:14">
      <c r="N452037" s="10"/>
    </row>
    <row r="452038" spans="14:14">
      <c r="N452038" s="10"/>
    </row>
    <row r="452039" spans="14:14">
      <c r="N452039" s="10"/>
    </row>
    <row r="452040" spans="14:14">
      <c r="N452040" s="10"/>
    </row>
    <row r="452041" spans="14:14">
      <c r="N452041" s="10"/>
    </row>
    <row r="452042" spans="14:14">
      <c r="N452042" s="10"/>
    </row>
    <row r="452043" spans="14:14">
      <c r="N452043" s="10"/>
    </row>
    <row r="452044" spans="14:14">
      <c r="N452044" s="10"/>
    </row>
    <row r="452045" spans="14:14">
      <c r="N452045" s="10"/>
    </row>
    <row r="452046" spans="14:14">
      <c r="N452046" s="10"/>
    </row>
    <row r="452047" spans="14:14">
      <c r="N452047" s="10"/>
    </row>
    <row r="452048" spans="14:14">
      <c r="N452048" s="10"/>
    </row>
    <row r="452049" spans="14:14">
      <c r="N452049" s="10"/>
    </row>
    <row r="452050" spans="14:14">
      <c r="N452050" s="10"/>
    </row>
    <row r="452051" spans="14:14">
      <c r="N452051" s="10"/>
    </row>
    <row r="452052" spans="14:14">
      <c r="N452052" s="10"/>
    </row>
    <row r="452053" spans="14:14">
      <c r="N452053" s="10"/>
    </row>
    <row r="452054" spans="14:14">
      <c r="N452054" s="10"/>
    </row>
    <row r="452055" spans="14:14">
      <c r="N452055" s="10"/>
    </row>
    <row r="452056" spans="14:14">
      <c r="N452056" s="10"/>
    </row>
    <row r="452057" spans="14:14">
      <c r="N452057" s="10"/>
    </row>
    <row r="452058" spans="14:14">
      <c r="N452058" s="10"/>
    </row>
    <row r="452059" spans="14:14">
      <c r="N452059" s="10"/>
    </row>
    <row r="452060" spans="14:14">
      <c r="N452060" s="10"/>
    </row>
    <row r="452061" spans="14:14">
      <c r="N452061" s="10"/>
    </row>
    <row r="452062" spans="14:14">
      <c r="N452062" s="10"/>
    </row>
    <row r="452063" spans="14:14">
      <c r="N452063" s="10"/>
    </row>
    <row r="452064" spans="14:14">
      <c r="N452064" s="10"/>
    </row>
    <row r="452065" spans="14:14">
      <c r="N452065" s="10"/>
    </row>
    <row r="452066" spans="14:14">
      <c r="N452066" s="10"/>
    </row>
    <row r="452067" spans="14:14">
      <c r="N452067" s="10"/>
    </row>
    <row r="452068" spans="14:14">
      <c r="N452068" s="10"/>
    </row>
    <row r="452069" spans="14:14">
      <c r="N452069" s="10"/>
    </row>
    <row r="452070" spans="14:14">
      <c r="N452070" s="10"/>
    </row>
    <row r="452071" spans="14:14">
      <c r="N452071" s="10"/>
    </row>
    <row r="452072" spans="14:14">
      <c r="N452072" s="10"/>
    </row>
    <row r="452073" spans="14:14">
      <c r="N452073" s="10"/>
    </row>
    <row r="452074" spans="14:14">
      <c r="N452074" s="10"/>
    </row>
    <row r="452075" spans="14:14">
      <c r="N452075" s="10"/>
    </row>
    <row r="452076" spans="14:14">
      <c r="N452076" s="10"/>
    </row>
    <row r="452077" spans="14:14">
      <c r="N452077" s="10"/>
    </row>
    <row r="452078" spans="14:14">
      <c r="N452078" s="10"/>
    </row>
    <row r="452079" spans="14:14">
      <c r="N452079" s="10"/>
    </row>
    <row r="452080" spans="14:14">
      <c r="N452080" s="10"/>
    </row>
    <row r="452081" spans="14:14">
      <c r="N452081" s="10"/>
    </row>
    <row r="452082" spans="14:14">
      <c r="N452082" s="10"/>
    </row>
    <row r="452083" spans="14:14">
      <c r="N452083" s="10"/>
    </row>
    <row r="452084" spans="14:14">
      <c r="N452084" s="10"/>
    </row>
    <row r="452085" spans="14:14">
      <c r="N452085" s="10"/>
    </row>
    <row r="452086" spans="14:14">
      <c r="N452086" s="10"/>
    </row>
    <row r="452087" spans="14:14">
      <c r="N452087" s="10"/>
    </row>
    <row r="452088" spans="14:14">
      <c r="N452088" s="10"/>
    </row>
    <row r="452089" spans="14:14">
      <c r="N452089" s="10"/>
    </row>
    <row r="452090" spans="14:14">
      <c r="N452090" s="10"/>
    </row>
    <row r="452091" spans="14:14">
      <c r="N452091" s="10"/>
    </row>
    <row r="452092" spans="14:14">
      <c r="N452092" s="10"/>
    </row>
    <row r="452093" spans="14:14">
      <c r="N452093" s="10"/>
    </row>
    <row r="452094" spans="14:14">
      <c r="N452094" s="10"/>
    </row>
    <row r="452095" spans="14:14">
      <c r="N452095" s="10"/>
    </row>
    <row r="452096" spans="14:14">
      <c r="N452096" s="10"/>
    </row>
    <row r="452097" spans="14:14">
      <c r="N452097" s="10"/>
    </row>
    <row r="452098" spans="14:14">
      <c r="N452098" s="10"/>
    </row>
    <row r="452099" spans="14:14">
      <c r="N452099" s="10"/>
    </row>
    <row r="452100" spans="14:14">
      <c r="N452100" s="10"/>
    </row>
    <row r="452101" spans="14:14">
      <c r="N452101" s="10"/>
    </row>
    <row r="452102" spans="14:14">
      <c r="N452102" s="10"/>
    </row>
    <row r="452103" spans="14:14">
      <c r="N452103" s="10"/>
    </row>
    <row r="452104" spans="14:14">
      <c r="N452104" s="10"/>
    </row>
    <row r="452105" spans="14:14">
      <c r="N452105" s="10"/>
    </row>
    <row r="452106" spans="14:14">
      <c r="N452106" s="10"/>
    </row>
    <row r="452107" spans="14:14">
      <c r="N452107" s="10"/>
    </row>
    <row r="452108" spans="14:14">
      <c r="N452108" s="10"/>
    </row>
    <row r="452109" spans="14:14">
      <c r="N452109" s="10"/>
    </row>
    <row r="452110" spans="14:14">
      <c r="N452110" s="10"/>
    </row>
    <row r="452111" spans="14:14">
      <c r="N452111" s="10"/>
    </row>
    <row r="452112" spans="14:14">
      <c r="N452112" s="10"/>
    </row>
    <row r="452113" spans="14:14">
      <c r="N452113" s="10"/>
    </row>
    <row r="452114" spans="14:14">
      <c r="N452114" s="10"/>
    </row>
    <row r="452115" spans="14:14">
      <c r="N452115" s="10"/>
    </row>
    <row r="452116" spans="14:14">
      <c r="N452116" s="10"/>
    </row>
    <row r="452117" spans="14:14">
      <c r="N452117" s="10"/>
    </row>
    <row r="452118" spans="14:14">
      <c r="N452118" s="10"/>
    </row>
    <row r="452119" spans="14:14">
      <c r="N452119" s="10"/>
    </row>
    <row r="452120" spans="14:14">
      <c r="N452120" s="10"/>
    </row>
    <row r="452121" spans="14:14">
      <c r="N452121" s="10"/>
    </row>
    <row r="452122" spans="14:14">
      <c r="N452122" s="10"/>
    </row>
    <row r="452123" spans="14:14">
      <c r="N452123" s="10"/>
    </row>
    <row r="452124" spans="14:14">
      <c r="N452124" s="10"/>
    </row>
    <row r="452125" spans="14:14">
      <c r="N452125" s="10"/>
    </row>
    <row r="452126" spans="14:14">
      <c r="N452126" s="10"/>
    </row>
    <row r="452127" spans="14:14">
      <c r="N452127" s="10"/>
    </row>
    <row r="452128" spans="14:14">
      <c r="N452128" s="10"/>
    </row>
    <row r="452129" spans="14:14">
      <c r="N452129" s="10"/>
    </row>
    <row r="452130" spans="14:14">
      <c r="N452130" s="10"/>
    </row>
    <row r="452131" spans="14:14">
      <c r="N452131" s="10"/>
    </row>
    <row r="452132" spans="14:14">
      <c r="N452132" s="10"/>
    </row>
    <row r="452133" spans="14:14">
      <c r="N452133" s="10"/>
    </row>
    <row r="452134" spans="14:14">
      <c r="N452134" s="10"/>
    </row>
    <row r="452135" spans="14:14">
      <c r="N452135" s="10"/>
    </row>
    <row r="452136" spans="14:14">
      <c r="N452136" s="10"/>
    </row>
    <row r="452137" spans="14:14">
      <c r="N452137" s="10"/>
    </row>
    <row r="452138" spans="14:14">
      <c r="N452138" s="10"/>
    </row>
    <row r="452139" spans="14:14">
      <c r="N452139" s="10"/>
    </row>
    <row r="452140" spans="14:14">
      <c r="N452140" s="10"/>
    </row>
    <row r="452141" spans="14:14">
      <c r="N452141" s="10"/>
    </row>
    <row r="452142" spans="14:14">
      <c r="N452142" s="10"/>
    </row>
    <row r="452143" spans="14:14">
      <c r="N452143" s="10"/>
    </row>
    <row r="452144" spans="14:14">
      <c r="N452144" s="10"/>
    </row>
    <row r="452145" spans="14:14">
      <c r="N452145" s="10"/>
    </row>
    <row r="452146" spans="14:14">
      <c r="N452146" s="10"/>
    </row>
    <row r="452147" spans="14:14">
      <c r="N452147" s="10"/>
    </row>
    <row r="452148" spans="14:14">
      <c r="N452148" s="10"/>
    </row>
    <row r="452149" spans="14:14">
      <c r="N452149" s="10"/>
    </row>
    <row r="452150" spans="14:14">
      <c r="N452150" s="10"/>
    </row>
    <row r="452151" spans="14:14">
      <c r="N452151" s="10"/>
    </row>
    <row r="452152" spans="14:14">
      <c r="N452152" s="10"/>
    </row>
    <row r="452153" spans="14:14">
      <c r="N452153" s="10"/>
    </row>
    <row r="452154" spans="14:14">
      <c r="N452154" s="10"/>
    </row>
    <row r="452155" spans="14:14">
      <c r="N452155" s="10"/>
    </row>
    <row r="452156" spans="14:14">
      <c r="N452156" s="10"/>
    </row>
    <row r="452157" spans="14:14">
      <c r="N452157" s="10"/>
    </row>
    <row r="452158" spans="14:14">
      <c r="N452158" s="10"/>
    </row>
    <row r="452159" spans="14:14">
      <c r="N452159" s="10"/>
    </row>
    <row r="452160" spans="14:14">
      <c r="N452160" s="10"/>
    </row>
    <row r="452161" spans="14:14">
      <c r="N452161" s="10"/>
    </row>
    <row r="452162" spans="14:14">
      <c r="N452162" s="10"/>
    </row>
    <row r="452163" spans="14:14">
      <c r="N452163" s="10"/>
    </row>
    <row r="452164" spans="14:14">
      <c r="N452164" s="10"/>
    </row>
    <row r="452165" spans="14:14">
      <c r="N452165" s="10"/>
    </row>
    <row r="452166" spans="14:14">
      <c r="N452166" s="10"/>
    </row>
    <row r="452167" spans="14:14">
      <c r="N452167" s="10"/>
    </row>
    <row r="452168" spans="14:14">
      <c r="N452168" s="10"/>
    </row>
    <row r="452169" spans="14:14">
      <c r="N452169" s="10"/>
    </row>
    <row r="452170" spans="14:14">
      <c r="N452170" s="10"/>
    </row>
    <row r="452171" spans="14:14">
      <c r="N452171" s="10"/>
    </row>
    <row r="452172" spans="14:14">
      <c r="N452172" s="10"/>
    </row>
    <row r="452173" spans="14:14">
      <c r="N452173" s="10"/>
    </row>
    <row r="452174" spans="14:14">
      <c r="N452174" s="10"/>
    </row>
    <row r="452175" spans="14:14">
      <c r="N452175" s="10"/>
    </row>
    <row r="452176" spans="14:14">
      <c r="N452176" s="10"/>
    </row>
    <row r="452177" spans="14:14">
      <c r="N452177" s="10"/>
    </row>
    <row r="452178" spans="14:14">
      <c r="N452178" s="10"/>
    </row>
    <row r="452179" spans="14:14">
      <c r="N452179" s="10"/>
    </row>
    <row r="452180" spans="14:14">
      <c r="N452180" s="10"/>
    </row>
    <row r="452181" spans="14:14">
      <c r="N452181" s="10"/>
    </row>
    <row r="452182" spans="14:14">
      <c r="N452182" s="10"/>
    </row>
    <row r="452183" spans="14:14">
      <c r="N452183" s="10"/>
    </row>
    <row r="452184" spans="14:14">
      <c r="N452184" s="10"/>
    </row>
    <row r="452185" spans="14:14">
      <c r="N452185" s="10"/>
    </row>
    <row r="452186" spans="14:14">
      <c r="N452186" s="10"/>
    </row>
    <row r="452187" spans="14:14">
      <c r="N452187" s="10"/>
    </row>
    <row r="452188" spans="14:14">
      <c r="N452188" s="10"/>
    </row>
    <row r="452189" spans="14:14">
      <c r="N452189" s="10"/>
    </row>
    <row r="452190" spans="14:14">
      <c r="N452190" s="10"/>
    </row>
    <row r="452191" spans="14:14">
      <c r="N452191" s="10"/>
    </row>
    <row r="452192" spans="14:14">
      <c r="N452192" s="10"/>
    </row>
    <row r="452193" spans="14:14">
      <c r="N452193" s="10"/>
    </row>
    <row r="452194" spans="14:14">
      <c r="N452194" s="10"/>
    </row>
    <row r="452195" spans="14:14">
      <c r="N452195" s="10"/>
    </row>
    <row r="452196" spans="14:14">
      <c r="N452196" s="10"/>
    </row>
    <row r="452197" spans="14:14">
      <c r="N452197" s="10"/>
    </row>
    <row r="452198" spans="14:14">
      <c r="N452198" s="10"/>
    </row>
    <row r="452199" spans="14:14">
      <c r="N452199" s="10"/>
    </row>
    <row r="452200" spans="14:14">
      <c r="N452200" s="10"/>
    </row>
    <row r="452201" spans="14:14">
      <c r="N452201" s="10"/>
    </row>
    <row r="452202" spans="14:14">
      <c r="N452202" s="10"/>
    </row>
    <row r="452203" spans="14:14">
      <c r="N452203" s="10"/>
    </row>
    <row r="452204" spans="14:14">
      <c r="N452204" s="10"/>
    </row>
    <row r="452205" spans="14:14">
      <c r="N452205" s="10"/>
    </row>
    <row r="452206" spans="14:14">
      <c r="N452206" s="10"/>
    </row>
    <row r="452207" spans="14:14">
      <c r="N452207" s="10"/>
    </row>
    <row r="452208" spans="14:14">
      <c r="N452208" s="10"/>
    </row>
    <row r="452209" spans="14:14">
      <c r="N452209" s="10"/>
    </row>
    <row r="452210" spans="14:14">
      <c r="N452210" s="10"/>
    </row>
    <row r="452211" spans="14:14">
      <c r="N452211" s="10"/>
    </row>
    <row r="452212" spans="14:14">
      <c r="N452212" s="10"/>
    </row>
    <row r="452213" spans="14:14">
      <c r="N452213" s="10"/>
    </row>
    <row r="452214" spans="14:14">
      <c r="N452214" s="10"/>
    </row>
    <row r="452215" spans="14:14">
      <c r="N452215" s="10"/>
    </row>
    <row r="452216" spans="14:14">
      <c r="N452216" s="10"/>
    </row>
    <row r="452217" spans="14:14">
      <c r="N452217" s="10"/>
    </row>
    <row r="452218" spans="14:14">
      <c r="N452218" s="10"/>
    </row>
    <row r="452219" spans="14:14">
      <c r="N452219" s="10"/>
    </row>
    <row r="452220" spans="14:14">
      <c r="N452220" s="10"/>
    </row>
    <row r="452221" spans="14:14">
      <c r="N452221" s="10"/>
    </row>
    <row r="452222" spans="14:14">
      <c r="N452222" s="10"/>
    </row>
    <row r="452223" spans="14:14">
      <c r="N452223" s="10"/>
    </row>
    <row r="452224" spans="14:14">
      <c r="N452224" s="10"/>
    </row>
    <row r="452225" spans="14:14">
      <c r="N452225" s="10"/>
    </row>
    <row r="452226" spans="14:14">
      <c r="N452226" s="10"/>
    </row>
    <row r="452227" spans="14:14">
      <c r="N452227" s="10"/>
    </row>
    <row r="452228" spans="14:14">
      <c r="N452228" s="10"/>
    </row>
    <row r="452229" spans="14:14">
      <c r="N452229" s="10"/>
    </row>
    <row r="452230" spans="14:14">
      <c r="N452230" s="10"/>
    </row>
    <row r="452231" spans="14:14">
      <c r="N452231" s="10"/>
    </row>
    <row r="452232" spans="14:14">
      <c r="N452232" s="10"/>
    </row>
    <row r="452233" spans="14:14">
      <c r="N452233" s="10"/>
    </row>
    <row r="452234" spans="14:14">
      <c r="N452234" s="10"/>
    </row>
    <row r="452235" spans="14:14">
      <c r="N452235" s="10"/>
    </row>
    <row r="452236" spans="14:14">
      <c r="N452236" s="10"/>
    </row>
    <row r="452237" spans="14:14">
      <c r="N452237" s="10"/>
    </row>
    <row r="452238" spans="14:14">
      <c r="N452238" s="10"/>
    </row>
    <row r="452239" spans="14:14">
      <c r="N452239" s="10"/>
    </row>
    <row r="452240" spans="14:14">
      <c r="N452240" s="10"/>
    </row>
    <row r="452241" spans="14:14">
      <c r="N452241" s="10"/>
    </row>
    <row r="452242" spans="14:14">
      <c r="N452242" s="10"/>
    </row>
    <row r="452243" spans="14:14">
      <c r="N452243" s="10"/>
    </row>
    <row r="452244" spans="14:14">
      <c r="N452244" s="10"/>
    </row>
    <row r="452245" spans="14:14">
      <c r="N452245" s="10"/>
    </row>
    <row r="452246" spans="14:14">
      <c r="N452246" s="10"/>
    </row>
    <row r="452247" spans="14:14">
      <c r="N452247" s="10"/>
    </row>
    <row r="452248" spans="14:14">
      <c r="N452248" s="10"/>
    </row>
    <row r="452249" spans="14:14">
      <c r="N452249" s="10"/>
    </row>
    <row r="452250" spans="14:14">
      <c r="N452250" s="10"/>
    </row>
    <row r="452251" spans="14:14">
      <c r="N452251" s="10"/>
    </row>
    <row r="452252" spans="14:14">
      <c r="N452252" s="10"/>
    </row>
    <row r="452253" spans="14:14">
      <c r="N452253" s="10"/>
    </row>
    <row r="452254" spans="14:14">
      <c r="N452254" s="10"/>
    </row>
    <row r="452255" spans="14:14">
      <c r="N452255" s="10"/>
    </row>
    <row r="452256" spans="14:14">
      <c r="N452256" s="10"/>
    </row>
    <row r="452257" spans="14:14">
      <c r="N452257" s="10"/>
    </row>
    <row r="452258" spans="14:14">
      <c r="N452258" s="10"/>
    </row>
    <row r="452259" spans="14:14">
      <c r="N452259" s="10"/>
    </row>
    <row r="452260" spans="14:14">
      <c r="N452260" s="10"/>
    </row>
    <row r="452261" spans="14:14">
      <c r="N452261" s="10"/>
    </row>
    <row r="452262" spans="14:14">
      <c r="N452262" s="10"/>
    </row>
    <row r="452263" spans="14:14">
      <c r="N452263" s="10"/>
    </row>
    <row r="452264" spans="14:14">
      <c r="N452264" s="10"/>
    </row>
    <row r="452265" spans="14:14">
      <c r="N452265" s="10"/>
    </row>
    <row r="452266" spans="14:14">
      <c r="N452266" s="10"/>
    </row>
    <row r="452267" spans="14:14">
      <c r="N452267" s="10"/>
    </row>
    <row r="452268" spans="14:14">
      <c r="N452268" s="10"/>
    </row>
    <row r="452269" spans="14:14">
      <c r="N452269" s="10"/>
    </row>
    <row r="452270" spans="14:14">
      <c r="N452270" s="10"/>
    </row>
    <row r="452271" spans="14:14">
      <c r="N452271" s="10"/>
    </row>
    <row r="452272" spans="14:14">
      <c r="N452272" s="10"/>
    </row>
    <row r="452273" spans="14:14">
      <c r="N452273" s="10"/>
    </row>
    <row r="452274" spans="14:14">
      <c r="N452274" s="10"/>
    </row>
    <row r="452275" spans="14:14">
      <c r="N452275" s="10"/>
    </row>
    <row r="452276" spans="14:14">
      <c r="N452276" s="10"/>
    </row>
    <row r="452277" spans="14:14">
      <c r="N452277" s="10"/>
    </row>
    <row r="452278" spans="14:14">
      <c r="N452278" s="10"/>
    </row>
    <row r="452279" spans="14:14">
      <c r="N452279" s="10"/>
    </row>
    <row r="452280" spans="14:14">
      <c r="N452280" s="10"/>
    </row>
    <row r="452281" spans="14:14">
      <c r="N452281" s="10"/>
    </row>
    <row r="452282" spans="14:14">
      <c r="N452282" s="10"/>
    </row>
    <row r="452283" spans="14:14">
      <c r="N452283" s="10"/>
    </row>
    <row r="452284" spans="14:14">
      <c r="N452284" s="10"/>
    </row>
    <row r="452285" spans="14:14">
      <c r="N452285" s="10"/>
    </row>
    <row r="452286" spans="14:14">
      <c r="N452286" s="10"/>
    </row>
    <row r="452287" spans="14:14">
      <c r="N452287" s="10"/>
    </row>
    <row r="452288" spans="14:14">
      <c r="N452288" s="10"/>
    </row>
    <row r="452289" spans="14:14">
      <c r="N452289" s="10"/>
    </row>
    <row r="452290" spans="14:14">
      <c r="N452290" s="10"/>
    </row>
    <row r="452291" spans="14:14">
      <c r="N452291" s="10"/>
    </row>
    <row r="452292" spans="14:14">
      <c r="N452292" s="10"/>
    </row>
    <row r="452293" spans="14:14">
      <c r="N452293" s="10"/>
    </row>
    <row r="452294" spans="14:14">
      <c r="N452294" s="10"/>
    </row>
    <row r="452295" spans="14:14">
      <c r="N452295" s="10"/>
    </row>
    <row r="452296" spans="14:14">
      <c r="N452296" s="10"/>
    </row>
    <row r="452297" spans="14:14">
      <c r="N452297" s="10"/>
    </row>
    <row r="452298" spans="14:14">
      <c r="N452298" s="10"/>
    </row>
    <row r="452299" spans="14:14">
      <c r="N452299" s="10"/>
    </row>
    <row r="452300" spans="14:14">
      <c r="N452300" s="10"/>
    </row>
    <row r="452301" spans="14:14">
      <c r="N452301" s="10"/>
    </row>
    <row r="452302" spans="14:14">
      <c r="N452302" s="10"/>
    </row>
    <row r="452303" spans="14:14">
      <c r="N452303" s="10"/>
    </row>
    <row r="452304" spans="14:14">
      <c r="N452304" s="10"/>
    </row>
    <row r="452305" spans="14:14">
      <c r="N452305" s="10"/>
    </row>
    <row r="452306" spans="14:14">
      <c r="N452306" s="10"/>
    </row>
    <row r="452307" spans="14:14">
      <c r="N452307" s="10"/>
    </row>
    <row r="452308" spans="14:14">
      <c r="N452308" s="10"/>
    </row>
    <row r="452309" spans="14:14">
      <c r="N452309" s="10"/>
    </row>
    <row r="452310" spans="14:14">
      <c r="N452310" s="10"/>
    </row>
    <row r="452311" spans="14:14">
      <c r="N452311" s="10"/>
    </row>
    <row r="452312" spans="14:14">
      <c r="N452312" s="10"/>
    </row>
    <row r="452313" spans="14:14">
      <c r="N452313" s="10"/>
    </row>
    <row r="452314" spans="14:14">
      <c r="N452314" s="10"/>
    </row>
    <row r="452315" spans="14:14">
      <c r="N452315" s="10"/>
    </row>
    <row r="452316" spans="14:14">
      <c r="N452316" s="10"/>
    </row>
    <row r="452317" spans="14:14">
      <c r="N452317" s="10"/>
    </row>
    <row r="452318" spans="14:14">
      <c r="N452318" s="10"/>
    </row>
    <row r="452319" spans="14:14">
      <c r="N452319" s="10"/>
    </row>
    <row r="452320" spans="14:14">
      <c r="N452320" s="10"/>
    </row>
    <row r="452321" spans="14:14">
      <c r="N452321" s="10"/>
    </row>
    <row r="452322" spans="14:14">
      <c r="N452322" s="10"/>
    </row>
    <row r="452323" spans="14:14">
      <c r="N452323" s="10"/>
    </row>
    <row r="452324" spans="14:14">
      <c r="N452324" s="10"/>
    </row>
    <row r="452325" spans="14:14">
      <c r="N452325" s="10"/>
    </row>
    <row r="452326" spans="14:14">
      <c r="N452326" s="10"/>
    </row>
    <row r="452327" spans="14:14">
      <c r="N452327" s="10"/>
    </row>
    <row r="452328" spans="14:14">
      <c r="N452328" s="10"/>
    </row>
    <row r="452329" spans="14:14">
      <c r="N452329" s="10"/>
    </row>
    <row r="452330" spans="14:14">
      <c r="N452330" s="10"/>
    </row>
    <row r="452331" spans="14:14">
      <c r="N452331" s="10"/>
    </row>
    <row r="452332" spans="14:14">
      <c r="N452332" s="10"/>
    </row>
    <row r="452333" spans="14:14">
      <c r="N452333" s="10"/>
    </row>
    <row r="452334" spans="14:14">
      <c r="N452334" s="10"/>
    </row>
    <row r="452335" spans="14:14">
      <c r="N452335" s="10"/>
    </row>
    <row r="452336" spans="14:14">
      <c r="N452336" s="10"/>
    </row>
    <row r="452337" spans="14:14">
      <c r="N452337" s="10"/>
    </row>
    <row r="452338" spans="14:14">
      <c r="N452338" s="10"/>
    </row>
    <row r="452339" spans="14:14">
      <c r="N452339" s="10"/>
    </row>
    <row r="452340" spans="14:14">
      <c r="N452340" s="10"/>
    </row>
    <row r="452341" spans="14:14">
      <c r="N452341" s="10"/>
    </row>
    <row r="452342" spans="14:14">
      <c r="N452342" s="10"/>
    </row>
    <row r="452343" spans="14:14">
      <c r="N452343" s="10"/>
    </row>
    <row r="452344" spans="14:14">
      <c r="N452344" s="10"/>
    </row>
    <row r="452345" spans="14:14">
      <c r="N452345" s="10"/>
    </row>
    <row r="452346" spans="14:14">
      <c r="N452346" s="10"/>
    </row>
    <row r="452347" spans="14:14">
      <c r="N452347" s="10"/>
    </row>
    <row r="452348" spans="14:14">
      <c r="N452348" s="10"/>
    </row>
    <row r="452349" spans="14:14">
      <c r="N452349" s="10"/>
    </row>
    <row r="452350" spans="14:14">
      <c r="N452350" s="10"/>
    </row>
    <row r="452351" spans="14:14">
      <c r="N452351" s="10"/>
    </row>
    <row r="452352" spans="14:14">
      <c r="N452352" s="10"/>
    </row>
    <row r="452353" spans="14:14">
      <c r="N452353" s="10"/>
    </row>
    <row r="452354" spans="14:14">
      <c r="N452354" s="10"/>
    </row>
    <row r="452355" spans="14:14">
      <c r="N452355" s="10"/>
    </row>
    <row r="452356" spans="14:14">
      <c r="N452356" s="10"/>
    </row>
    <row r="452357" spans="14:14">
      <c r="N452357" s="10"/>
    </row>
    <row r="452358" spans="14:14">
      <c r="N452358" s="10"/>
    </row>
    <row r="452359" spans="14:14">
      <c r="N452359" s="10"/>
    </row>
    <row r="452360" spans="14:14">
      <c r="N452360" s="10"/>
    </row>
    <row r="452361" spans="14:14">
      <c r="N452361" s="10"/>
    </row>
    <row r="452362" spans="14:14">
      <c r="N452362" s="10"/>
    </row>
    <row r="452363" spans="14:14">
      <c r="N452363" s="10"/>
    </row>
    <row r="452364" spans="14:14">
      <c r="N452364" s="10"/>
    </row>
    <row r="452365" spans="14:14">
      <c r="N452365" s="10"/>
    </row>
    <row r="452366" spans="14:14">
      <c r="N452366" s="10"/>
    </row>
    <row r="452367" spans="14:14">
      <c r="N452367" s="10"/>
    </row>
    <row r="452368" spans="14:14">
      <c r="N452368" s="10"/>
    </row>
    <row r="452369" spans="14:14">
      <c r="N452369" s="10"/>
    </row>
    <row r="452370" spans="14:14">
      <c r="N452370" s="10"/>
    </row>
    <row r="452371" spans="14:14">
      <c r="N452371" s="10"/>
    </row>
    <row r="452372" spans="14:14">
      <c r="N452372" s="10"/>
    </row>
    <row r="452373" spans="14:14">
      <c r="N452373" s="10"/>
    </row>
    <row r="452374" spans="14:14">
      <c r="N452374" s="10"/>
    </row>
    <row r="452375" spans="14:14">
      <c r="N452375" s="10"/>
    </row>
    <row r="452376" spans="14:14">
      <c r="N452376" s="10"/>
    </row>
    <row r="452377" spans="14:14">
      <c r="N452377" s="10"/>
    </row>
    <row r="452378" spans="14:14">
      <c r="N452378" s="10"/>
    </row>
    <row r="452379" spans="14:14">
      <c r="N452379" s="10"/>
    </row>
    <row r="452380" spans="14:14">
      <c r="N452380" s="10"/>
    </row>
    <row r="452381" spans="14:14">
      <c r="N452381" s="10"/>
    </row>
    <row r="452382" spans="14:14">
      <c r="N452382" s="10"/>
    </row>
    <row r="452383" spans="14:14">
      <c r="N452383" s="10"/>
    </row>
    <row r="452384" spans="14:14">
      <c r="N452384" s="10"/>
    </row>
    <row r="452385" spans="14:14">
      <c r="N452385" s="10"/>
    </row>
    <row r="452386" spans="14:14">
      <c r="N452386" s="10"/>
    </row>
    <row r="452387" spans="14:14">
      <c r="N452387" s="10"/>
    </row>
    <row r="452388" spans="14:14">
      <c r="N452388" s="10"/>
    </row>
    <row r="452389" spans="14:14">
      <c r="N452389" s="10"/>
    </row>
    <row r="452390" spans="14:14">
      <c r="N452390" s="10"/>
    </row>
    <row r="452391" spans="14:14">
      <c r="N452391" s="10"/>
    </row>
    <row r="452392" spans="14:14">
      <c r="N452392" s="10"/>
    </row>
    <row r="452393" spans="14:14">
      <c r="N452393" s="10"/>
    </row>
    <row r="452394" spans="14:14">
      <c r="N452394" s="10"/>
    </row>
    <row r="452395" spans="14:14">
      <c r="N452395" s="10"/>
    </row>
    <row r="452396" spans="14:14">
      <c r="N452396" s="10"/>
    </row>
    <row r="452397" spans="14:14">
      <c r="N452397" s="10"/>
    </row>
    <row r="452398" spans="14:14">
      <c r="N452398" s="10"/>
    </row>
    <row r="452399" spans="14:14">
      <c r="N452399" s="10"/>
    </row>
    <row r="452400" spans="14:14">
      <c r="N452400" s="10"/>
    </row>
    <row r="452401" spans="14:14">
      <c r="N452401" s="10"/>
    </row>
    <row r="452402" spans="14:14">
      <c r="N452402" s="10"/>
    </row>
    <row r="452403" spans="14:14">
      <c r="N452403" s="10"/>
    </row>
    <row r="452404" spans="14:14">
      <c r="N452404" s="10"/>
    </row>
    <row r="452405" spans="14:14">
      <c r="N452405" s="10"/>
    </row>
    <row r="452406" spans="14:14">
      <c r="N452406" s="10"/>
    </row>
    <row r="452407" spans="14:14">
      <c r="N452407" s="10"/>
    </row>
    <row r="452408" spans="14:14">
      <c r="N452408" s="10"/>
    </row>
    <row r="452409" spans="14:14">
      <c r="N452409" s="10"/>
    </row>
    <row r="452410" spans="14:14">
      <c r="N452410" s="10"/>
    </row>
    <row r="452411" spans="14:14">
      <c r="N452411" s="10"/>
    </row>
    <row r="452412" spans="14:14">
      <c r="N452412" s="10"/>
    </row>
    <row r="452413" spans="14:14">
      <c r="N452413" s="10"/>
    </row>
    <row r="452414" spans="14:14">
      <c r="N452414" s="10"/>
    </row>
    <row r="452415" spans="14:14">
      <c r="N452415" s="10"/>
    </row>
    <row r="452416" spans="14:14">
      <c r="N452416" s="10"/>
    </row>
    <row r="452417" spans="14:14">
      <c r="N452417" s="10"/>
    </row>
    <row r="452418" spans="14:14">
      <c r="N452418" s="10"/>
    </row>
    <row r="452419" spans="14:14">
      <c r="N452419" s="10"/>
    </row>
    <row r="452420" spans="14:14">
      <c r="N452420" s="10"/>
    </row>
    <row r="452421" spans="14:14">
      <c r="N452421" s="10"/>
    </row>
    <row r="452422" spans="14:14">
      <c r="N452422" s="10"/>
    </row>
    <row r="452423" spans="14:14">
      <c r="N452423" s="10"/>
    </row>
    <row r="452424" spans="14:14">
      <c r="N452424" s="10"/>
    </row>
    <row r="452425" spans="14:14">
      <c r="N452425" s="10"/>
    </row>
    <row r="452426" spans="14:14">
      <c r="N452426" s="10"/>
    </row>
    <row r="452427" spans="14:14">
      <c r="N452427" s="10"/>
    </row>
    <row r="452428" spans="14:14">
      <c r="N452428" s="10"/>
    </row>
    <row r="452429" spans="14:14">
      <c r="N452429" s="10"/>
    </row>
    <row r="452430" spans="14:14">
      <c r="N452430" s="10"/>
    </row>
    <row r="452431" spans="14:14">
      <c r="N452431" s="10"/>
    </row>
    <row r="452432" spans="14:14">
      <c r="N452432" s="10"/>
    </row>
    <row r="452433" spans="14:14">
      <c r="N452433" s="10"/>
    </row>
    <row r="452434" spans="14:14">
      <c r="N452434" s="10"/>
    </row>
    <row r="452435" spans="14:14">
      <c r="N452435" s="10"/>
    </row>
    <row r="452436" spans="14:14">
      <c r="N452436" s="10"/>
    </row>
    <row r="452437" spans="14:14">
      <c r="N452437" s="10"/>
    </row>
    <row r="452438" spans="14:14">
      <c r="N452438" s="10"/>
    </row>
    <row r="452439" spans="14:14">
      <c r="N452439" s="10"/>
    </row>
    <row r="452440" spans="14:14">
      <c r="N452440" s="10"/>
    </row>
    <row r="452441" spans="14:14">
      <c r="N452441" s="10"/>
    </row>
    <row r="452442" spans="14:14">
      <c r="N452442" s="10"/>
    </row>
    <row r="452443" spans="14:14">
      <c r="N452443" s="10"/>
    </row>
    <row r="452444" spans="14:14">
      <c r="N452444" s="10"/>
    </row>
    <row r="452445" spans="14:14">
      <c r="N452445" s="10"/>
    </row>
    <row r="452446" spans="14:14">
      <c r="N452446" s="10"/>
    </row>
    <row r="452447" spans="14:14">
      <c r="N452447" s="10"/>
    </row>
    <row r="452448" spans="14:14">
      <c r="N452448" s="10"/>
    </row>
    <row r="452449" spans="14:14">
      <c r="N452449" s="10"/>
    </row>
    <row r="452450" spans="14:14">
      <c r="N452450" s="10"/>
    </row>
    <row r="452451" spans="14:14">
      <c r="N452451" s="10"/>
    </row>
    <row r="452452" spans="14:14">
      <c r="N452452" s="10"/>
    </row>
    <row r="452453" spans="14:14">
      <c r="N452453" s="10"/>
    </row>
    <row r="452454" spans="14:14">
      <c r="N452454" s="10"/>
    </row>
    <row r="452455" spans="14:14">
      <c r="N452455" s="10"/>
    </row>
    <row r="452456" spans="14:14">
      <c r="N452456" s="10"/>
    </row>
    <row r="452457" spans="14:14">
      <c r="N452457" s="10"/>
    </row>
    <row r="452458" spans="14:14">
      <c r="N452458" s="10"/>
    </row>
    <row r="452459" spans="14:14">
      <c r="N452459" s="10"/>
    </row>
    <row r="452460" spans="14:14">
      <c r="N452460" s="10"/>
    </row>
    <row r="452461" spans="14:14">
      <c r="N452461" s="10"/>
    </row>
    <row r="452462" spans="14:14">
      <c r="N452462" s="10"/>
    </row>
    <row r="452463" spans="14:14">
      <c r="N452463" s="10"/>
    </row>
    <row r="452464" spans="14:14">
      <c r="N452464" s="10"/>
    </row>
    <row r="452465" spans="14:14">
      <c r="N452465" s="10"/>
    </row>
    <row r="452466" spans="14:14">
      <c r="N452466" s="10"/>
    </row>
    <row r="452467" spans="14:14">
      <c r="N452467" s="10"/>
    </row>
    <row r="452468" spans="14:14">
      <c r="N452468" s="10"/>
    </row>
    <row r="452469" spans="14:14">
      <c r="N452469" s="10"/>
    </row>
    <row r="452470" spans="14:14">
      <c r="N452470" s="10"/>
    </row>
    <row r="452471" spans="14:14">
      <c r="N452471" s="10"/>
    </row>
    <row r="452472" spans="14:14">
      <c r="N452472" s="10"/>
    </row>
    <row r="452473" spans="14:14">
      <c r="N452473" s="10"/>
    </row>
    <row r="452474" spans="14:14">
      <c r="N452474" s="10"/>
    </row>
    <row r="452475" spans="14:14">
      <c r="N452475" s="10"/>
    </row>
    <row r="452476" spans="14:14">
      <c r="N452476" s="10"/>
    </row>
    <row r="452477" spans="14:14">
      <c r="N452477" s="10"/>
    </row>
    <row r="452478" spans="14:14">
      <c r="N452478" s="10"/>
    </row>
    <row r="452479" spans="14:14">
      <c r="N452479" s="10"/>
    </row>
    <row r="452480" spans="14:14">
      <c r="N452480" s="10"/>
    </row>
    <row r="452481" spans="14:14">
      <c r="N452481" s="10"/>
    </row>
    <row r="452482" spans="14:14">
      <c r="N452482" s="10"/>
    </row>
    <row r="452483" spans="14:14">
      <c r="N452483" s="10"/>
    </row>
    <row r="452484" spans="14:14">
      <c r="N452484" s="10"/>
    </row>
    <row r="452485" spans="14:14">
      <c r="N452485" s="10"/>
    </row>
    <row r="452486" spans="14:14">
      <c r="N452486" s="10"/>
    </row>
    <row r="452487" spans="14:14">
      <c r="N452487" s="10"/>
    </row>
    <row r="452488" spans="14:14">
      <c r="N452488" s="10"/>
    </row>
    <row r="452489" spans="14:14">
      <c r="N452489" s="10"/>
    </row>
    <row r="452490" spans="14:14">
      <c r="N452490" s="10"/>
    </row>
    <row r="452491" spans="14:14">
      <c r="N452491" s="10"/>
    </row>
    <row r="452492" spans="14:14">
      <c r="N452492" s="10"/>
    </row>
    <row r="452493" spans="14:14">
      <c r="N452493" s="10"/>
    </row>
    <row r="452494" spans="14:14">
      <c r="N452494" s="10"/>
    </row>
    <row r="452495" spans="14:14">
      <c r="N452495" s="10"/>
    </row>
    <row r="452496" spans="14:14">
      <c r="N452496" s="10"/>
    </row>
    <row r="452497" spans="14:14">
      <c r="N452497" s="10"/>
    </row>
    <row r="452498" spans="14:14">
      <c r="N452498" s="10"/>
    </row>
    <row r="452499" spans="14:14">
      <c r="N452499" s="10"/>
    </row>
    <row r="452500" spans="14:14">
      <c r="N452500" s="10"/>
    </row>
    <row r="452501" spans="14:14">
      <c r="N452501" s="10"/>
    </row>
    <row r="452502" spans="14:14">
      <c r="N452502" s="10"/>
    </row>
    <row r="452503" spans="14:14">
      <c r="N452503" s="10"/>
    </row>
    <row r="452504" spans="14:14">
      <c r="N452504" s="10"/>
    </row>
    <row r="452505" spans="14:14">
      <c r="N452505" s="10"/>
    </row>
    <row r="452506" spans="14:14">
      <c r="N452506" s="10"/>
    </row>
    <row r="452507" spans="14:14">
      <c r="N452507" s="10"/>
    </row>
    <row r="452508" spans="14:14">
      <c r="N452508" s="10"/>
    </row>
    <row r="452509" spans="14:14">
      <c r="N452509" s="10"/>
    </row>
    <row r="452510" spans="14:14">
      <c r="N452510" s="10"/>
    </row>
    <row r="452511" spans="14:14">
      <c r="N452511" s="10"/>
    </row>
    <row r="452512" spans="14:14">
      <c r="N452512" s="10"/>
    </row>
    <row r="452513" spans="14:14">
      <c r="N452513" s="10"/>
    </row>
    <row r="452514" spans="14:14">
      <c r="N452514" s="10"/>
    </row>
    <row r="452515" spans="14:14">
      <c r="N452515" s="10"/>
    </row>
    <row r="452516" spans="14:14">
      <c r="N452516" s="10"/>
    </row>
    <row r="452517" spans="14:14">
      <c r="N452517" s="10"/>
    </row>
    <row r="452518" spans="14:14">
      <c r="N452518" s="10"/>
    </row>
    <row r="452519" spans="14:14">
      <c r="N452519" s="10"/>
    </row>
    <row r="452520" spans="14:14">
      <c r="N452520" s="10"/>
    </row>
    <row r="452521" spans="14:14">
      <c r="N452521" s="10"/>
    </row>
    <row r="452522" spans="14:14">
      <c r="N452522" s="10"/>
    </row>
    <row r="452523" spans="14:14">
      <c r="N452523" s="10"/>
    </row>
    <row r="452524" spans="14:14">
      <c r="N452524" s="10"/>
    </row>
    <row r="452525" spans="14:14">
      <c r="N452525" s="10"/>
    </row>
    <row r="452526" spans="14:14">
      <c r="N452526" s="10"/>
    </row>
    <row r="452527" spans="14:14">
      <c r="N452527" s="10"/>
    </row>
    <row r="452528" spans="14:14">
      <c r="N452528" s="10"/>
    </row>
    <row r="452529" spans="14:14">
      <c r="N452529" s="10"/>
    </row>
    <row r="452530" spans="14:14">
      <c r="N452530" s="10"/>
    </row>
    <row r="452531" spans="14:14">
      <c r="N452531" s="10"/>
    </row>
    <row r="452532" spans="14:14">
      <c r="N452532" s="10"/>
    </row>
    <row r="452533" spans="14:14">
      <c r="N452533" s="10"/>
    </row>
    <row r="452534" spans="14:14">
      <c r="N452534" s="10"/>
    </row>
    <row r="452535" spans="14:14">
      <c r="N452535" s="10"/>
    </row>
    <row r="452536" spans="14:14">
      <c r="N452536" s="10"/>
    </row>
    <row r="452537" spans="14:14">
      <c r="N452537" s="10"/>
    </row>
    <row r="452538" spans="14:14">
      <c r="N452538" s="10"/>
    </row>
    <row r="452539" spans="14:14">
      <c r="N452539" s="10"/>
    </row>
    <row r="452540" spans="14:14">
      <c r="N452540" s="10"/>
    </row>
    <row r="452541" spans="14:14">
      <c r="N452541" s="10"/>
    </row>
    <row r="452542" spans="14:14">
      <c r="N452542" s="10"/>
    </row>
    <row r="452543" spans="14:14">
      <c r="N452543" s="10"/>
    </row>
    <row r="452544" spans="14:14">
      <c r="N452544" s="10"/>
    </row>
    <row r="452545" spans="14:14">
      <c r="N452545" s="10"/>
    </row>
    <row r="452546" spans="14:14">
      <c r="N452546" s="10"/>
    </row>
    <row r="452547" spans="14:14">
      <c r="N452547" s="10"/>
    </row>
    <row r="452548" spans="14:14">
      <c r="N452548" s="10"/>
    </row>
    <row r="452549" spans="14:14">
      <c r="N452549" s="10"/>
    </row>
    <row r="452550" spans="14:14">
      <c r="N452550" s="10"/>
    </row>
    <row r="452551" spans="14:14">
      <c r="N452551" s="10"/>
    </row>
    <row r="452552" spans="14:14">
      <c r="N452552" s="10"/>
    </row>
    <row r="452553" spans="14:14">
      <c r="N452553" s="10"/>
    </row>
    <row r="452554" spans="14:14">
      <c r="N452554" s="10"/>
    </row>
    <row r="452555" spans="14:14">
      <c r="N452555" s="10"/>
    </row>
    <row r="452556" spans="14:14">
      <c r="N452556" s="10"/>
    </row>
    <row r="452557" spans="14:14">
      <c r="N452557" s="10"/>
    </row>
    <row r="452558" spans="14:14">
      <c r="N452558" s="10"/>
    </row>
    <row r="452559" spans="14:14">
      <c r="N452559" s="10"/>
    </row>
    <row r="452560" spans="14:14">
      <c r="N452560" s="10"/>
    </row>
    <row r="452561" spans="14:14">
      <c r="N452561" s="10"/>
    </row>
    <row r="452562" spans="14:14">
      <c r="N452562" s="10"/>
    </row>
    <row r="452563" spans="14:14">
      <c r="N452563" s="10"/>
    </row>
    <row r="452564" spans="14:14">
      <c r="N452564" s="10"/>
    </row>
    <row r="452565" spans="14:14">
      <c r="N452565" s="10"/>
    </row>
    <row r="452566" spans="14:14">
      <c r="N452566" s="10"/>
    </row>
    <row r="452567" spans="14:14">
      <c r="N452567" s="10"/>
    </row>
    <row r="452568" spans="14:14">
      <c r="N452568" s="10"/>
    </row>
    <row r="452569" spans="14:14">
      <c r="N452569" s="10"/>
    </row>
    <row r="452570" spans="14:14">
      <c r="N452570" s="10"/>
    </row>
    <row r="452571" spans="14:14">
      <c r="N452571" s="10"/>
    </row>
    <row r="452572" spans="14:14">
      <c r="N452572" s="10"/>
    </row>
    <row r="452573" spans="14:14">
      <c r="N452573" s="10"/>
    </row>
    <row r="452574" spans="14:14">
      <c r="N452574" s="10"/>
    </row>
    <row r="452575" spans="14:14">
      <c r="N452575" s="10"/>
    </row>
    <row r="452576" spans="14:14">
      <c r="N452576" s="10"/>
    </row>
    <row r="452577" spans="14:14">
      <c r="N452577" s="10"/>
    </row>
    <row r="452578" spans="14:14">
      <c r="N452578" s="10"/>
    </row>
    <row r="452579" spans="14:14">
      <c r="N452579" s="10"/>
    </row>
    <row r="452580" spans="14:14">
      <c r="N452580" s="10"/>
    </row>
    <row r="452581" spans="14:14">
      <c r="N452581" s="10"/>
    </row>
    <row r="452582" spans="14:14">
      <c r="N452582" s="10"/>
    </row>
    <row r="452583" spans="14:14">
      <c r="N452583" s="10"/>
    </row>
    <row r="452584" spans="14:14">
      <c r="N452584" s="10"/>
    </row>
    <row r="452585" spans="14:14">
      <c r="N452585" s="10"/>
    </row>
    <row r="452586" spans="14:14">
      <c r="N452586" s="10"/>
    </row>
    <row r="452587" spans="14:14">
      <c r="N452587" s="10"/>
    </row>
    <row r="452588" spans="14:14">
      <c r="N452588" s="10"/>
    </row>
    <row r="452589" spans="14:14">
      <c r="N452589" s="10"/>
    </row>
    <row r="452590" spans="14:14">
      <c r="N452590" s="10"/>
    </row>
    <row r="452591" spans="14:14">
      <c r="N452591" s="10"/>
    </row>
    <row r="452592" spans="14:14">
      <c r="N452592" s="10"/>
    </row>
    <row r="452593" spans="14:14">
      <c r="N452593" s="10"/>
    </row>
    <row r="452594" spans="14:14">
      <c r="N452594" s="10"/>
    </row>
    <row r="452595" spans="14:14">
      <c r="N452595" s="10"/>
    </row>
    <row r="452596" spans="14:14">
      <c r="N452596" s="10"/>
    </row>
    <row r="452597" spans="14:14">
      <c r="N452597" s="10"/>
    </row>
    <row r="452598" spans="14:14">
      <c r="N452598" s="10"/>
    </row>
    <row r="452599" spans="14:14">
      <c r="N452599" s="10"/>
    </row>
    <row r="452600" spans="14:14">
      <c r="N452600" s="10"/>
    </row>
    <row r="452601" spans="14:14">
      <c r="N452601" s="10"/>
    </row>
    <row r="452602" spans="14:14">
      <c r="N452602" s="10"/>
    </row>
    <row r="452603" spans="14:14">
      <c r="N452603" s="10"/>
    </row>
    <row r="452604" spans="14:14">
      <c r="N452604" s="10"/>
    </row>
    <row r="452605" spans="14:14">
      <c r="N452605" s="10"/>
    </row>
    <row r="452606" spans="14:14">
      <c r="N452606" s="10"/>
    </row>
    <row r="452607" spans="14:14">
      <c r="N452607" s="10"/>
    </row>
    <row r="452608" spans="14:14">
      <c r="N452608" s="10"/>
    </row>
    <row r="452609" spans="14:14">
      <c r="N452609" s="10"/>
    </row>
    <row r="452610" spans="14:14">
      <c r="N452610" s="10"/>
    </row>
    <row r="452611" spans="14:14">
      <c r="N452611" s="10"/>
    </row>
    <row r="452612" spans="14:14">
      <c r="N452612" s="10"/>
    </row>
    <row r="452613" spans="14:14">
      <c r="N452613" s="10"/>
    </row>
    <row r="452614" spans="14:14">
      <c r="N452614" s="10"/>
    </row>
    <row r="452615" spans="14:14">
      <c r="N452615" s="10"/>
    </row>
    <row r="452616" spans="14:14">
      <c r="N452616" s="10"/>
    </row>
    <row r="452617" spans="14:14">
      <c r="N452617" s="10"/>
    </row>
    <row r="452618" spans="14:14">
      <c r="N452618" s="10"/>
    </row>
    <row r="452619" spans="14:14">
      <c r="N452619" s="10"/>
    </row>
    <row r="452620" spans="14:14">
      <c r="N452620" s="10"/>
    </row>
    <row r="452621" spans="14:14">
      <c r="N452621" s="10"/>
    </row>
    <row r="452622" spans="14:14">
      <c r="N452622" s="10"/>
    </row>
    <row r="452623" spans="14:14">
      <c r="N452623" s="10"/>
    </row>
    <row r="452624" spans="14:14">
      <c r="N452624" s="10"/>
    </row>
    <row r="452625" spans="14:14">
      <c r="N452625" s="10"/>
    </row>
    <row r="452626" spans="14:14">
      <c r="N452626" s="10"/>
    </row>
    <row r="452627" spans="14:14">
      <c r="N452627" s="10"/>
    </row>
    <row r="452628" spans="14:14">
      <c r="N452628" s="10"/>
    </row>
    <row r="452629" spans="14:14">
      <c r="N452629" s="10"/>
    </row>
    <row r="452630" spans="14:14">
      <c r="N452630" s="10"/>
    </row>
    <row r="452631" spans="14:14">
      <c r="N452631" s="10"/>
    </row>
    <row r="452632" spans="14:14">
      <c r="N452632" s="10"/>
    </row>
    <row r="452633" spans="14:14">
      <c r="N452633" s="10"/>
    </row>
    <row r="452634" spans="14:14">
      <c r="N452634" s="10"/>
    </row>
    <row r="452635" spans="14:14">
      <c r="N452635" s="10"/>
    </row>
    <row r="452636" spans="14:14">
      <c r="N452636" s="10"/>
    </row>
    <row r="452637" spans="14:14">
      <c r="N452637" s="10"/>
    </row>
    <row r="452638" spans="14:14">
      <c r="N452638" s="10"/>
    </row>
    <row r="452639" spans="14:14">
      <c r="N452639" s="10"/>
    </row>
    <row r="452640" spans="14:14">
      <c r="N452640" s="10"/>
    </row>
    <row r="452641" spans="14:14">
      <c r="N452641" s="10"/>
    </row>
    <row r="452642" spans="14:14">
      <c r="N452642" s="10"/>
    </row>
    <row r="452643" spans="14:14">
      <c r="N452643" s="10"/>
    </row>
    <row r="452644" spans="14:14">
      <c r="N452644" s="10"/>
    </row>
    <row r="452645" spans="14:14">
      <c r="N452645" s="10"/>
    </row>
    <row r="452646" spans="14:14">
      <c r="N452646" s="10"/>
    </row>
    <row r="452647" spans="14:14">
      <c r="N452647" s="10"/>
    </row>
    <row r="452648" spans="14:14">
      <c r="N452648" s="10"/>
    </row>
    <row r="452649" spans="14:14">
      <c r="N452649" s="10"/>
    </row>
    <row r="452650" spans="14:14">
      <c r="N452650" s="10"/>
    </row>
    <row r="452651" spans="14:14">
      <c r="N452651" s="10"/>
    </row>
    <row r="452652" spans="14:14">
      <c r="N452652" s="10"/>
    </row>
    <row r="452653" spans="14:14">
      <c r="N452653" s="10"/>
    </row>
    <row r="452654" spans="14:14">
      <c r="N452654" s="10"/>
    </row>
    <row r="452655" spans="14:14">
      <c r="N452655" s="10"/>
    </row>
    <row r="452656" spans="14:14">
      <c r="N452656" s="10"/>
    </row>
    <row r="452657" spans="14:14">
      <c r="N452657" s="10"/>
    </row>
    <row r="452658" spans="14:14">
      <c r="N452658" s="10"/>
    </row>
    <row r="452659" spans="14:14">
      <c r="N452659" s="10"/>
    </row>
    <row r="452660" spans="14:14">
      <c r="N452660" s="10"/>
    </row>
    <row r="452661" spans="14:14">
      <c r="N452661" s="10"/>
    </row>
    <row r="452662" spans="14:14">
      <c r="N452662" s="10"/>
    </row>
    <row r="452663" spans="14:14">
      <c r="N452663" s="10"/>
    </row>
    <row r="452664" spans="14:14">
      <c r="N452664" s="10"/>
    </row>
    <row r="452665" spans="14:14">
      <c r="N452665" s="10"/>
    </row>
    <row r="452666" spans="14:14">
      <c r="N452666" s="10"/>
    </row>
    <row r="452667" spans="14:14">
      <c r="N452667" s="10"/>
    </row>
    <row r="452668" spans="14:14">
      <c r="N452668" s="10"/>
    </row>
    <row r="452669" spans="14:14">
      <c r="N452669" s="10"/>
    </row>
    <row r="452670" spans="14:14">
      <c r="N452670" s="10"/>
    </row>
    <row r="452671" spans="14:14">
      <c r="N452671" s="10"/>
    </row>
    <row r="452672" spans="14:14">
      <c r="N452672" s="10"/>
    </row>
    <row r="452673" spans="14:14">
      <c r="N452673" s="10"/>
    </row>
    <row r="452674" spans="14:14">
      <c r="N452674" s="10"/>
    </row>
    <row r="452675" spans="14:14">
      <c r="N452675" s="10"/>
    </row>
    <row r="452676" spans="14:14">
      <c r="N452676" s="10"/>
    </row>
    <row r="452677" spans="14:14">
      <c r="N452677" s="10"/>
    </row>
    <row r="452678" spans="14:14">
      <c r="N452678" s="10"/>
    </row>
    <row r="452679" spans="14:14">
      <c r="N452679" s="10"/>
    </row>
    <row r="452680" spans="14:14">
      <c r="N452680" s="10"/>
    </row>
    <row r="452681" spans="14:14">
      <c r="N452681" s="10"/>
    </row>
    <row r="452682" spans="14:14">
      <c r="N452682" s="10"/>
    </row>
    <row r="452683" spans="14:14">
      <c r="N452683" s="10"/>
    </row>
    <row r="452684" spans="14:14">
      <c r="N452684" s="10"/>
    </row>
    <row r="452685" spans="14:14">
      <c r="N452685" s="10"/>
    </row>
    <row r="452686" spans="14:14">
      <c r="N452686" s="10"/>
    </row>
    <row r="452687" spans="14:14">
      <c r="N452687" s="10"/>
    </row>
    <row r="452688" spans="14:14">
      <c r="N452688" s="10"/>
    </row>
    <row r="452689" spans="14:14">
      <c r="N452689" s="10"/>
    </row>
    <row r="452690" spans="14:14">
      <c r="N452690" s="10"/>
    </row>
    <row r="452691" spans="14:14">
      <c r="N452691" s="10"/>
    </row>
    <row r="452692" spans="14:14">
      <c r="N452692" s="10"/>
    </row>
    <row r="452693" spans="14:14">
      <c r="N452693" s="10"/>
    </row>
    <row r="452694" spans="14:14">
      <c r="N452694" s="10"/>
    </row>
    <row r="452695" spans="14:14">
      <c r="N452695" s="10"/>
    </row>
    <row r="452696" spans="14:14">
      <c r="N452696" s="10"/>
    </row>
    <row r="452697" spans="14:14">
      <c r="N452697" s="10"/>
    </row>
    <row r="452698" spans="14:14">
      <c r="N452698" s="10"/>
    </row>
    <row r="452699" spans="14:14">
      <c r="N452699" s="10"/>
    </row>
    <row r="452700" spans="14:14">
      <c r="N452700" s="10"/>
    </row>
    <row r="452701" spans="14:14">
      <c r="N452701" s="10"/>
    </row>
    <row r="452702" spans="14:14">
      <c r="N452702" s="10"/>
    </row>
    <row r="452703" spans="14:14">
      <c r="N452703" s="10"/>
    </row>
    <row r="452704" spans="14:14">
      <c r="N452704" s="10"/>
    </row>
    <row r="452705" spans="14:14">
      <c r="N452705" s="10"/>
    </row>
    <row r="452706" spans="14:14">
      <c r="N452706" s="10"/>
    </row>
    <row r="452707" spans="14:14">
      <c r="N452707" s="10"/>
    </row>
    <row r="452708" spans="14:14">
      <c r="N452708" s="10"/>
    </row>
    <row r="452709" spans="14:14">
      <c r="N452709" s="10"/>
    </row>
    <row r="452710" spans="14:14">
      <c r="N452710" s="10"/>
    </row>
    <row r="452711" spans="14:14">
      <c r="N452711" s="10"/>
    </row>
    <row r="452712" spans="14:14">
      <c r="N452712" s="10"/>
    </row>
    <row r="452713" spans="14:14">
      <c r="N452713" s="10"/>
    </row>
    <row r="452714" spans="14:14">
      <c r="N452714" s="10"/>
    </row>
    <row r="452715" spans="14:14">
      <c r="N452715" s="10"/>
    </row>
    <row r="452716" spans="14:14">
      <c r="N452716" s="10"/>
    </row>
    <row r="452717" spans="14:14">
      <c r="N452717" s="10"/>
    </row>
    <row r="452718" spans="14:14">
      <c r="N452718" s="10"/>
    </row>
    <row r="452719" spans="14:14">
      <c r="N452719" s="10"/>
    </row>
    <row r="452720" spans="14:14">
      <c r="N452720" s="10"/>
    </row>
    <row r="452721" spans="14:14">
      <c r="N452721" s="10"/>
    </row>
    <row r="452722" spans="14:14">
      <c r="N452722" s="10"/>
    </row>
    <row r="452723" spans="14:14">
      <c r="N452723" s="10"/>
    </row>
    <row r="452724" spans="14:14">
      <c r="N452724" s="10"/>
    </row>
    <row r="452725" spans="14:14">
      <c r="N452725" s="10"/>
    </row>
    <row r="452726" spans="14:14">
      <c r="N452726" s="10"/>
    </row>
    <row r="452727" spans="14:14">
      <c r="N452727" s="10"/>
    </row>
    <row r="452728" spans="14:14">
      <c r="N452728" s="10"/>
    </row>
    <row r="452729" spans="14:14">
      <c r="N452729" s="10"/>
    </row>
    <row r="452730" spans="14:14">
      <c r="N452730" s="10"/>
    </row>
    <row r="452731" spans="14:14">
      <c r="N452731" s="10"/>
    </row>
    <row r="452732" spans="14:14">
      <c r="N452732" s="10"/>
    </row>
    <row r="452733" spans="14:14">
      <c r="N452733" s="10"/>
    </row>
    <row r="452734" spans="14:14">
      <c r="N452734" s="10"/>
    </row>
    <row r="452735" spans="14:14">
      <c r="N452735" s="10"/>
    </row>
    <row r="452736" spans="14:14">
      <c r="N452736" s="10"/>
    </row>
    <row r="452737" spans="14:14">
      <c r="N452737" s="10"/>
    </row>
    <row r="452738" spans="14:14">
      <c r="N452738" s="10"/>
    </row>
    <row r="452739" spans="14:14">
      <c r="N452739" s="10"/>
    </row>
    <row r="452740" spans="14:14">
      <c r="N452740" s="10"/>
    </row>
    <row r="452741" spans="14:14">
      <c r="N452741" s="10"/>
    </row>
    <row r="452742" spans="14:14">
      <c r="N452742" s="10"/>
    </row>
    <row r="452743" spans="14:14">
      <c r="N452743" s="10"/>
    </row>
    <row r="452744" spans="14:14">
      <c r="N452744" s="10"/>
    </row>
    <row r="452745" spans="14:14">
      <c r="N452745" s="10"/>
    </row>
    <row r="452746" spans="14:14">
      <c r="N452746" s="10"/>
    </row>
    <row r="452747" spans="14:14">
      <c r="N452747" s="10"/>
    </row>
    <row r="452748" spans="14:14">
      <c r="N452748" s="10"/>
    </row>
    <row r="452749" spans="14:14">
      <c r="N452749" s="10"/>
    </row>
    <row r="452750" spans="14:14">
      <c r="N452750" s="10"/>
    </row>
    <row r="452751" spans="14:14">
      <c r="N452751" s="10"/>
    </row>
    <row r="452752" spans="14:14">
      <c r="N452752" s="10"/>
    </row>
    <row r="452753" spans="14:14">
      <c r="N452753" s="10"/>
    </row>
    <row r="452754" spans="14:14">
      <c r="N452754" s="10"/>
    </row>
    <row r="452755" spans="14:14">
      <c r="N452755" s="10"/>
    </row>
    <row r="452756" spans="14:14">
      <c r="N452756" s="10"/>
    </row>
    <row r="452757" spans="14:14">
      <c r="N452757" s="10"/>
    </row>
    <row r="452758" spans="14:14">
      <c r="N452758" s="10"/>
    </row>
    <row r="452759" spans="14:14">
      <c r="N452759" s="10"/>
    </row>
    <row r="452760" spans="14:14">
      <c r="N452760" s="10"/>
    </row>
    <row r="452761" spans="14:14">
      <c r="N452761" s="10"/>
    </row>
    <row r="452762" spans="14:14">
      <c r="N452762" s="10"/>
    </row>
    <row r="452763" spans="14:14">
      <c r="N452763" s="10"/>
    </row>
    <row r="452764" spans="14:14">
      <c r="N452764" s="10"/>
    </row>
    <row r="452765" spans="14:14">
      <c r="N452765" s="10"/>
    </row>
    <row r="452766" spans="14:14">
      <c r="N452766" s="10"/>
    </row>
    <row r="452767" spans="14:14">
      <c r="N452767" s="10"/>
    </row>
    <row r="452768" spans="14:14">
      <c r="N452768" s="10"/>
    </row>
    <row r="452769" spans="14:14">
      <c r="N452769" s="10"/>
    </row>
    <row r="452770" spans="14:14">
      <c r="N452770" s="10"/>
    </row>
    <row r="452771" spans="14:14">
      <c r="N452771" s="10"/>
    </row>
    <row r="452772" spans="14:14">
      <c r="N452772" s="10"/>
    </row>
    <row r="452773" spans="14:14">
      <c r="N452773" s="10"/>
    </row>
    <row r="452774" spans="14:14">
      <c r="N452774" s="10"/>
    </row>
    <row r="452775" spans="14:14">
      <c r="N452775" s="10"/>
    </row>
    <row r="452776" spans="14:14">
      <c r="N452776" s="10"/>
    </row>
    <row r="452777" spans="14:14">
      <c r="N452777" s="10"/>
    </row>
    <row r="452778" spans="14:14">
      <c r="N452778" s="10"/>
    </row>
    <row r="452779" spans="14:14">
      <c r="N452779" s="10"/>
    </row>
    <row r="452780" spans="14:14">
      <c r="N452780" s="10"/>
    </row>
    <row r="452781" spans="14:14">
      <c r="N452781" s="10"/>
    </row>
    <row r="452782" spans="14:14">
      <c r="N452782" s="10"/>
    </row>
    <row r="452783" spans="14:14">
      <c r="N452783" s="10"/>
    </row>
    <row r="452784" spans="14:14">
      <c r="N452784" s="10"/>
    </row>
    <row r="452785" spans="14:14">
      <c r="N452785" s="10"/>
    </row>
    <row r="452786" spans="14:14">
      <c r="N452786" s="10"/>
    </row>
    <row r="452787" spans="14:14">
      <c r="N452787" s="10"/>
    </row>
    <row r="452788" spans="14:14">
      <c r="N452788" s="10"/>
    </row>
    <row r="452789" spans="14:14">
      <c r="N452789" s="10"/>
    </row>
    <row r="452790" spans="14:14">
      <c r="N452790" s="10"/>
    </row>
    <row r="452791" spans="14:14">
      <c r="N452791" s="10"/>
    </row>
    <row r="452792" spans="14:14">
      <c r="N452792" s="10"/>
    </row>
    <row r="452793" spans="14:14">
      <c r="N452793" s="10"/>
    </row>
    <row r="452794" spans="14:14">
      <c r="N452794" s="10"/>
    </row>
    <row r="452795" spans="14:14">
      <c r="N452795" s="10"/>
    </row>
    <row r="452796" spans="14:14">
      <c r="N452796" s="10"/>
    </row>
    <row r="452797" spans="14:14">
      <c r="N452797" s="10"/>
    </row>
    <row r="452798" spans="14:14">
      <c r="N452798" s="10"/>
    </row>
    <row r="452799" spans="14:14">
      <c r="N452799" s="10"/>
    </row>
    <row r="452800" spans="14:14">
      <c r="N452800" s="10"/>
    </row>
    <row r="452801" spans="14:14">
      <c r="N452801" s="10"/>
    </row>
    <row r="452802" spans="14:14">
      <c r="N452802" s="10"/>
    </row>
    <row r="452803" spans="14:14">
      <c r="N452803" s="10"/>
    </row>
    <row r="452804" spans="14:14">
      <c r="N452804" s="10"/>
    </row>
    <row r="452805" spans="14:14">
      <c r="N452805" s="10"/>
    </row>
    <row r="452806" spans="14:14">
      <c r="N452806" s="10"/>
    </row>
    <row r="452807" spans="14:14">
      <c r="N452807" s="10"/>
    </row>
    <row r="452808" spans="14:14">
      <c r="N452808" s="10"/>
    </row>
    <row r="452809" spans="14:14">
      <c r="N452809" s="10"/>
    </row>
    <row r="452810" spans="14:14">
      <c r="N452810" s="10"/>
    </row>
    <row r="452811" spans="14:14">
      <c r="N452811" s="10"/>
    </row>
    <row r="452812" spans="14:14">
      <c r="N452812" s="10"/>
    </row>
    <row r="452813" spans="14:14">
      <c r="N452813" s="10"/>
    </row>
    <row r="452814" spans="14:14">
      <c r="N452814" s="10"/>
    </row>
    <row r="452815" spans="14:14">
      <c r="N452815" s="10"/>
    </row>
    <row r="452816" spans="14:14">
      <c r="N452816" s="10"/>
    </row>
    <row r="452817" spans="14:14">
      <c r="N452817" s="10"/>
    </row>
    <row r="452818" spans="14:14">
      <c r="N452818" s="10"/>
    </row>
    <row r="452819" spans="14:14">
      <c r="N452819" s="10"/>
    </row>
    <row r="452820" spans="14:14">
      <c r="N452820" s="10"/>
    </row>
    <row r="452821" spans="14:14">
      <c r="N452821" s="10"/>
    </row>
    <row r="452822" spans="14:14">
      <c r="N452822" s="10"/>
    </row>
    <row r="452823" spans="14:14">
      <c r="N452823" s="10"/>
    </row>
    <row r="452824" spans="14:14">
      <c r="N452824" s="10"/>
    </row>
    <row r="452825" spans="14:14">
      <c r="N452825" s="10"/>
    </row>
    <row r="452826" spans="14:14">
      <c r="N452826" s="10"/>
    </row>
    <row r="452827" spans="14:14">
      <c r="N452827" s="10"/>
    </row>
    <row r="452828" spans="14:14">
      <c r="N452828" s="10"/>
    </row>
    <row r="452829" spans="14:14">
      <c r="N452829" s="10"/>
    </row>
    <row r="452830" spans="14:14">
      <c r="N452830" s="10"/>
    </row>
    <row r="452831" spans="14:14">
      <c r="N452831" s="10"/>
    </row>
    <row r="452832" spans="14:14">
      <c r="N452832" s="10"/>
    </row>
    <row r="452833" spans="14:14">
      <c r="N452833" s="10"/>
    </row>
    <row r="452834" spans="14:14">
      <c r="N452834" s="10"/>
    </row>
    <row r="452835" spans="14:14">
      <c r="N452835" s="10"/>
    </row>
    <row r="452836" spans="14:14">
      <c r="N452836" s="10"/>
    </row>
    <row r="452837" spans="14:14">
      <c r="N452837" s="10"/>
    </row>
    <row r="452838" spans="14:14">
      <c r="N452838" s="10"/>
    </row>
    <row r="452839" spans="14:14">
      <c r="N452839" s="10"/>
    </row>
    <row r="452840" spans="14:14">
      <c r="N452840" s="10"/>
    </row>
    <row r="452841" spans="14:14">
      <c r="N452841" s="10"/>
    </row>
    <row r="452842" spans="14:14">
      <c r="N452842" s="10"/>
    </row>
    <row r="452843" spans="14:14">
      <c r="N452843" s="10"/>
    </row>
    <row r="452844" spans="14:14">
      <c r="N452844" s="10"/>
    </row>
    <row r="452845" spans="14:14">
      <c r="N452845" s="10"/>
    </row>
    <row r="452846" spans="14:14">
      <c r="N452846" s="10"/>
    </row>
    <row r="452847" spans="14:14">
      <c r="N452847" s="10"/>
    </row>
    <row r="452848" spans="14:14">
      <c r="N452848" s="10"/>
    </row>
    <row r="452849" spans="14:14">
      <c r="N452849" s="10"/>
    </row>
    <row r="452850" spans="14:14">
      <c r="N452850" s="10"/>
    </row>
    <row r="452851" spans="14:14">
      <c r="N452851" s="10"/>
    </row>
    <row r="452852" spans="14:14">
      <c r="N452852" s="10"/>
    </row>
    <row r="452853" spans="14:14">
      <c r="N452853" s="10"/>
    </row>
    <row r="452854" spans="14:14">
      <c r="N452854" s="10"/>
    </row>
    <row r="452855" spans="14:14">
      <c r="N452855" s="10"/>
    </row>
    <row r="452856" spans="14:14">
      <c r="N452856" s="10"/>
    </row>
    <row r="452857" spans="14:14">
      <c r="N452857" s="10"/>
    </row>
    <row r="452858" spans="14:14">
      <c r="N452858" s="10"/>
    </row>
    <row r="452859" spans="14:14">
      <c r="N452859" s="10"/>
    </row>
    <row r="452860" spans="14:14">
      <c r="N452860" s="10"/>
    </row>
    <row r="452861" spans="14:14">
      <c r="N452861" s="10"/>
    </row>
    <row r="452862" spans="14:14">
      <c r="N452862" s="10"/>
    </row>
    <row r="452863" spans="14:14">
      <c r="N452863" s="10"/>
    </row>
    <row r="452864" spans="14:14">
      <c r="N452864" s="10"/>
    </row>
    <row r="452865" spans="14:14">
      <c r="N452865" s="10"/>
    </row>
    <row r="452866" spans="14:14">
      <c r="N452866" s="10"/>
    </row>
    <row r="452867" spans="14:14">
      <c r="N452867" s="10"/>
    </row>
    <row r="452868" spans="14:14">
      <c r="N452868" s="10"/>
    </row>
    <row r="452869" spans="14:14">
      <c r="N452869" s="10"/>
    </row>
    <row r="452870" spans="14:14">
      <c r="N452870" s="10"/>
    </row>
    <row r="452871" spans="14:14">
      <c r="N452871" s="10"/>
    </row>
    <row r="452872" spans="14:14">
      <c r="N452872" s="10"/>
    </row>
    <row r="452873" spans="14:14">
      <c r="N452873" s="10"/>
    </row>
    <row r="452874" spans="14:14">
      <c r="N452874" s="10"/>
    </row>
    <row r="452875" spans="14:14">
      <c r="N452875" s="10"/>
    </row>
    <row r="452876" spans="14:14">
      <c r="N452876" s="10"/>
    </row>
    <row r="452877" spans="14:14">
      <c r="N452877" s="10"/>
    </row>
    <row r="452878" spans="14:14">
      <c r="N452878" s="10"/>
    </row>
    <row r="452879" spans="14:14">
      <c r="N452879" s="10"/>
    </row>
    <row r="452880" spans="14:14">
      <c r="N452880" s="10"/>
    </row>
    <row r="452881" spans="14:14">
      <c r="N452881" s="10"/>
    </row>
    <row r="452882" spans="14:14">
      <c r="N452882" s="10"/>
    </row>
    <row r="452883" spans="14:14">
      <c r="N452883" s="10"/>
    </row>
    <row r="452884" spans="14:14">
      <c r="N452884" s="10"/>
    </row>
    <row r="452885" spans="14:14">
      <c r="N452885" s="10"/>
    </row>
    <row r="452886" spans="14:14">
      <c r="N452886" s="10"/>
    </row>
    <row r="452887" spans="14:14">
      <c r="N452887" s="10"/>
    </row>
    <row r="452888" spans="14:14">
      <c r="N452888" s="10"/>
    </row>
    <row r="452889" spans="14:14">
      <c r="N452889" s="10"/>
    </row>
    <row r="452890" spans="14:14">
      <c r="N452890" s="10"/>
    </row>
    <row r="452891" spans="14:14">
      <c r="N452891" s="10"/>
    </row>
    <row r="452892" spans="14:14">
      <c r="N452892" s="10"/>
    </row>
    <row r="452893" spans="14:14">
      <c r="N452893" s="10"/>
    </row>
    <row r="452894" spans="14:14">
      <c r="N452894" s="10"/>
    </row>
    <row r="452895" spans="14:14">
      <c r="N452895" s="10"/>
    </row>
    <row r="452896" spans="14:14">
      <c r="N452896" s="10"/>
    </row>
    <row r="452897" spans="14:14">
      <c r="N452897" s="10"/>
    </row>
    <row r="452898" spans="14:14">
      <c r="N452898" s="10"/>
    </row>
    <row r="452899" spans="14:14">
      <c r="N452899" s="10"/>
    </row>
    <row r="452900" spans="14:14">
      <c r="N452900" s="10"/>
    </row>
    <row r="452901" spans="14:14">
      <c r="N452901" s="10"/>
    </row>
    <row r="452902" spans="14:14">
      <c r="N452902" s="10"/>
    </row>
    <row r="452903" spans="14:14">
      <c r="N452903" s="10"/>
    </row>
    <row r="452904" spans="14:14">
      <c r="N452904" s="10"/>
    </row>
    <row r="452905" spans="14:14">
      <c r="N452905" s="10"/>
    </row>
    <row r="452906" spans="14:14">
      <c r="N452906" s="10"/>
    </row>
    <row r="452907" spans="14:14">
      <c r="N452907" s="10"/>
    </row>
    <row r="452908" spans="14:14">
      <c r="N452908" s="10"/>
    </row>
    <row r="452909" spans="14:14">
      <c r="N452909" s="10"/>
    </row>
    <row r="452910" spans="14:14">
      <c r="N452910" s="10"/>
    </row>
    <row r="452911" spans="14:14">
      <c r="N452911" s="10"/>
    </row>
    <row r="452912" spans="14:14">
      <c r="N452912" s="10"/>
    </row>
    <row r="452913" spans="14:14">
      <c r="N452913" s="10"/>
    </row>
    <row r="452914" spans="14:14">
      <c r="N452914" s="10"/>
    </row>
    <row r="452915" spans="14:14">
      <c r="N452915" s="10"/>
    </row>
    <row r="452916" spans="14:14">
      <c r="N452916" s="10"/>
    </row>
    <row r="452917" spans="14:14">
      <c r="N452917" s="10"/>
    </row>
    <row r="452918" spans="14:14">
      <c r="N452918" s="10"/>
    </row>
    <row r="452919" spans="14:14">
      <c r="N452919" s="10"/>
    </row>
    <row r="452920" spans="14:14">
      <c r="N452920" s="10"/>
    </row>
    <row r="452921" spans="14:14">
      <c r="N452921" s="10"/>
    </row>
    <row r="452922" spans="14:14">
      <c r="N452922" s="10"/>
    </row>
    <row r="452923" spans="14:14">
      <c r="N452923" s="10"/>
    </row>
    <row r="452924" spans="14:14">
      <c r="N452924" s="10"/>
    </row>
    <row r="452925" spans="14:14">
      <c r="N452925" s="10"/>
    </row>
    <row r="452926" spans="14:14">
      <c r="N452926" s="10"/>
    </row>
    <row r="452927" spans="14:14">
      <c r="N452927" s="10"/>
    </row>
    <row r="452928" spans="14:14">
      <c r="N452928" s="10"/>
    </row>
    <row r="452929" spans="14:14">
      <c r="N452929" s="10"/>
    </row>
    <row r="452930" spans="14:14">
      <c r="N452930" s="10"/>
    </row>
    <row r="452931" spans="14:14">
      <c r="N452931" s="10"/>
    </row>
    <row r="452932" spans="14:14">
      <c r="N452932" s="10"/>
    </row>
    <row r="452933" spans="14:14">
      <c r="N452933" s="10"/>
    </row>
    <row r="452934" spans="14:14">
      <c r="N452934" s="10"/>
    </row>
    <row r="452935" spans="14:14">
      <c r="N452935" s="10"/>
    </row>
    <row r="452936" spans="14:14">
      <c r="N452936" s="10"/>
    </row>
    <row r="452937" spans="14:14">
      <c r="N452937" s="10"/>
    </row>
    <row r="452938" spans="14:14">
      <c r="N452938" s="10"/>
    </row>
    <row r="452939" spans="14:14">
      <c r="N452939" s="10"/>
    </row>
    <row r="452940" spans="14:14">
      <c r="N452940" s="10"/>
    </row>
    <row r="452941" spans="14:14">
      <c r="N452941" s="10"/>
    </row>
    <row r="452942" spans="14:14">
      <c r="N452942" s="10"/>
    </row>
    <row r="452943" spans="14:14">
      <c r="N452943" s="10"/>
    </row>
    <row r="452944" spans="14:14">
      <c r="N452944" s="10"/>
    </row>
    <row r="452945" spans="14:14">
      <c r="N452945" s="10"/>
    </row>
    <row r="452946" spans="14:14">
      <c r="N452946" s="10"/>
    </row>
    <row r="452947" spans="14:14">
      <c r="N452947" s="10"/>
    </row>
    <row r="452948" spans="14:14">
      <c r="N452948" s="10"/>
    </row>
    <row r="452949" spans="14:14">
      <c r="N452949" s="10"/>
    </row>
    <row r="452950" spans="14:14">
      <c r="N452950" s="10"/>
    </row>
    <row r="452951" spans="14:14">
      <c r="N452951" s="10"/>
    </row>
    <row r="452952" spans="14:14">
      <c r="N452952" s="10"/>
    </row>
    <row r="452953" spans="14:14">
      <c r="N452953" s="10"/>
    </row>
    <row r="452954" spans="14:14">
      <c r="N452954" s="10"/>
    </row>
    <row r="452955" spans="14:14">
      <c r="N452955" s="10"/>
    </row>
    <row r="452956" spans="14:14">
      <c r="N452956" s="10"/>
    </row>
    <row r="452957" spans="14:14">
      <c r="N452957" s="10"/>
    </row>
    <row r="452958" spans="14:14">
      <c r="N452958" s="10"/>
    </row>
    <row r="452959" spans="14:14">
      <c r="N452959" s="10"/>
    </row>
    <row r="452960" spans="14:14">
      <c r="N452960" s="10"/>
    </row>
    <row r="452961" spans="14:14">
      <c r="N452961" s="10"/>
    </row>
    <row r="452962" spans="14:14">
      <c r="N452962" s="10"/>
    </row>
    <row r="452963" spans="14:14">
      <c r="N452963" s="10"/>
    </row>
    <row r="452964" spans="14:14">
      <c r="N452964" s="10"/>
    </row>
    <row r="452965" spans="14:14">
      <c r="N452965" s="10"/>
    </row>
    <row r="452966" spans="14:14">
      <c r="N452966" s="10"/>
    </row>
    <row r="452967" spans="14:14">
      <c r="N452967" s="10"/>
    </row>
    <row r="452968" spans="14:14">
      <c r="N452968" s="10"/>
    </row>
    <row r="452969" spans="14:14">
      <c r="N452969" s="10"/>
    </row>
    <row r="452970" spans="14:14">
      <c r="N452970" s="10"/>
    </row>
    <row r="452971" spans="14:14">
      <c r="N452971" s="10"/>
    </row>
    <row r="452972" spans="14:14">
      <c r="N452972" s="10"/>
    </row>
    <row r="452973" spans="14:14">
      <c r="N452973" s="10"/>
    </row>
    <row r="452974" spans="14:14">
      <c r="N452974" s="10"/>
    </row>
    <row r="452975" spans="14:14">
      <c r="N452975" s="10"/>
    </row>
    <row r="452976" spans="14:14">
      <c r="N452976" s="10"/>
    </row>
    <row r="452977" spans="14:14">
      <c r="N452977" s="10"/>
    </row>
    <row r="452978" spans="14:14">
      <c r="N452978" s="10"/>
    </row>
    <row r="452979" spans="14:14">
      <c r="N452979" s="10"/>
    </row>
    <row r="452980" spans="14:14">
      <c r="N452980" s="10"/>
    </row>
    <row r="452981" spans="14:14">
      <c r="N452981" s="10"/>
    </row>
    <row r="452982" spans="14:14">
      <c r="N452982" s="10"/>
    </row>
    <row r="452983" spans="14:14">
      <c r="N452983" s="10"/>
    </row>
    <row r="452984" spans="14:14">
      <c r="N452984" s="10"/>
    </row>
    <row r="452985" spans="14:14">
      <c r="N452985" s="10"/>
    </row>
    <row r="452986" spans="14:14">
      <c r="N452986" s="10"/>
    </row>
    <row r="452987" spans="14:14">
      <c r="N452987" s="10"/>
    </row>
    <row r="452988" spans="14:14">
      <c r="N452988" s="10"/>
    </row>
    <row r="452989" spans="14:14">
      <c r="N452989" s="10"/>
    </row>
    <row r="452990" spans="14:14">
      <c r="N452990" s="10"/>
    </row>
    <row r="452991" spans="14:14">
      <c r="N452991" s="10"/>
    </row>
    <row r="452992" spans="14:14">
      <c r="N452992" s="10"/>
    </row>
    <row r="452993" spans="14:14">
      <c r="N452993" s="10"/>
    </row>
    <row r="452994" spans="14:14">
      <c r="N452994" s="10"/>
    </row>
    <row r="452995" spans="14:14">
      <c r="N452995" s="10"/>
    </row>
    <row r="452996" spans="14:14">
      <c r="N452996" s="10"/>
    </row>
    <row r="452997" spans="14:14">
      <c r="N452997" s="10"/>
    </row>
    <row r="452998" spans="14:14">
      <c r="N452998" s="10"/>
    </row>
    <row r="452999" spans="14:14">
      <c r="N452999" s="10"/>
    </row>
    <row r="453000" spans="14:14">
      <c r="N453000" s="10"/>
    </row>
    <row r="453001" spans="14:14">
      <c r="N453001" s="10"/>
    </row>
    <row r="453002" spans="14:14">
      <c r="N453002" s="10"/>
    </row>
    <row r="453003" spans="14:14">
      <c r="N453003" s="10"/>
    </row>
    <row r="453004" spans="14:14">
      <c r="N453004" s="10"/>
    </row>
    <row r="453005" spans="14:14">
      <c r="N453005" s="10"/>
    </row>
    <row r="453006" spans="14:14">
      <c r="N453006" s="10"/>
    </row>
    <row r="453007" spans="14:14">
      <c r="N453007" s="10"/>
    </row>
    <row r="453008" spans="14:14">
      <c r="N453008" s="10"/>
    </row>
    <row r="453009" spans="14:14">
      <c r="N453009" s="10"/>
    </row>
    <row r="453010" spans="14:14">
      <c r="N453010" s="10"/>
    </row>
    <row r="453011" spans="14:14">
      <c r="N453011" s="10"/>
    </row>
    <row r="453012" spans="14:14">
      <c r="N453012" s="10"/>
    </row>
    <row r="453013" spans="14:14">
      <c r="N453013" s="10"/>
    </row>
    <row r="453014" spans="14:14">
      <c r="N453014" s="10"/>
    </row>
    <row r="453015" spans="14:14">
      <c r="N453015" s="10"/>
    </row>
    <row r="453016" spans="14:14">
      <c r="N453016" s="10"/>
    </row>
    <row r="453017" spans="14:14">
      <c r="N453017" s="10"/>
    </row>
    <row r="453018" spans="14:14">
      <c r="N453018" s="10"/>
    </row>
    <row r="453019" spans="14:14">
      <c r="N453019" s="10"/>
    </row>
    <row r="453020" spans="14:14">
      <c r="N453020" s="10"/>
    </row>
    <row r="453021" spans="14:14">
      <c r="N453021" s="10"/>
    </row>
    <row r="453022" spans="14:14">
      <c r="N453022" s="10"/>
    </row>
    <row r="453023" spans="14:14">
      <c r="N453023" s="10"/>
    </row>
    <row r="453024" spans="14:14">
      <c r="N453024" s="10"/>
    </row>
    <row r="453025" spans="14:14">
      <c r="N453025" s="10"/>
    </row>
    <row r="453026" spans="14:14">
      <c r="N453026" s="10"/>
    </row>
    <row r="453027" spans="14:14">
      <c r="N453027" s="10"/>
    </row>
    <row r="453028" spans="14:14">
      <c r="N453028" s="10"/>
    </row>
    <row r="453029" spans="14:14">
      <c r="N453029" s="10"/>
    </row>
    <row r="453030" spans="14:14">
      <c r="N453030" s="10"/>
    </row>
    <row r="453031" spans="14:14">
      <c r="N453031" s="10"/>
    </row>
    <row r="453032" spans="14:14">
      <c r="N453032" s="10"/>
    </row>
    <row r="453033" spans="14:14">
      <c r="N453033" s="10"/>
    </row>
    <row r="453034" spans="14:14">
      <c r="N453034" s="10"/>
    </row>
    <row r="453035" spans="14:14">
      <c r="N453035" s="10"/>
    </row>
    <row r="453036" spans="14:14">
      <c r="N453036" s="10"/>
    </row>
    <row r="453037" spans="14:14">
      <c r="N453037" s="10"/>
    </row>
    <row r="453038" spans="14:14">
      <c r="N453038" s="10"/>
    </row>
    <row r="453039" spans="14:14">
      <c r="N453039" s="10"/>
    </row>
    <row r="453040" spans="14:14">
      <c r="N453040" s="10"/>
    </row>
    <row r="453041" spans="14:14">
      <c r="N453041" s="10"/>
    </row>
    <row r="453042" spans="14:14">
      <c r="N453042" s="10"/>
    </row>
    <row r="453043" spans="14:14">
      <c r="N453043" s="10"/>
    </row>
    <row r="453044" spans="14:14">
      <c r="N453044" s="10"/>
    </row>
    <row r="453045" spans="14:14">
      <c r="N453045" s="10"/>
    </row>
    <row r="453046" spans="14:14">
      <c r="N453046" s="10"/>
    </row>
    <row r="453047" spans="14:14">
      <c r="N453047" s="10"/>
    </row>
    <row r="453048" spans="14:14">
      <c r="N453048" s="10"/>
    </row>
    <row r="453049" spans="14:14">
      <c r="N453049" s="10"/>
    </row>
    <row r="453050" spans="14:14">
      <c r="N453050" s="10"/>
    </row>
    <row r="453051" spans="14:14">
      <c r="N453051" s="10"/>
    </row>
    <row r="453052" spans="14:14">
      <c r="N453052" s="10"/>
    </row>
    <row r="453053" spans="14:14">
      <c r="N453053" s="10"/>
    </row>
    <row r="453054" spans="14:14">
      <c r="N453054" s="10"/>
    </row>
    <row r="453055" spans="14:14">
      <c r="N453055" s="10"/>
    </row>
    <row r="453056" spans="14:14">
      <c r="N453056" s="10"/>
    </row>
    <row r="453057" spans="14:14">
      <c r="N453057" s="10"/>
    </row>
    <row r="453058" spans="14:14">
      <c r="N453058" s="10"/>
    </row>
    <row r="453059" spans="14:14">
      <c r="N453059" s="10"/>
    </row>
    <row r="453060" spans="14:14">
      <c r="N453060" s="10"/>
    </row>
    <row r="453061" spans="14:14">
      <c r="N453061" s="10"/>
    </row>
    <row r="453062" spans="14:14">
      <c r="N453062" s="10"/>
    </row>
    <row r="453063" spans="14:14">
      <c r="N453063" s="10"/>
    </row>
    <row r="453064" spans="14:14">
      <c r="N453064" s="10"/>
    </row>
    <row r="453065" spans="14:14">
      <c r="N453065" s="10"/>
    </row>
    <row r="453066" spans="14:14">
      <c r="N453066" s="10"/>
    </row>
    <row r="453067" spans="14:14">
      <c r="N453067" s="10"/>
    </row>
    <row r="453068" spans="14:14">
      <c r="N453068" s="10"/>
    </row>
    <row r="453069" spans="14:14">
      <c r="N453069" s="10"/>
    </row>
    <row r="453070" spans="14:14">
      <c r="N453070" s="10"/>
    </row>
    <row r="453071" spans="14:14">
      <c r="N453071" s="10"/>
    </row>
    <row r="453072" spans="14:14">
      <c r="N453072" s="10"/>
    </row>
    <row r="453073" spans="14:14">
      <c r="N453073" s="10"/>
    </row>
    <row r="453074" spans="14:14">
      <c r="N453074" s="10"/>
    </row>
    <row r="453075" spans="14:14">
      <c r="N453075" s="10"/>
    </row>
    <row r="453076" spans="14:14">
      <c r="N453076" s="10"/>
    </row>
    <row r="453077" spans="14:14">
      <c r="N453077" s="10"/>
    </row>
    <row r="453078" spans="14:14">
      <c r="N453078" s="10"/>
    </row>
    <row r="453079" spans="14:14">
      <c r="N453079" s="10"/>
    </row>
    <row r="453080" spans="14:14">
      <c r="N453080" s="10"/>
    </row>
    <row r="453081" spans="14:14">
      <c r="N453081" s="10"/>
    </row>
    <row r="453082" spans="14:14">
      <c r="N453082" s="10"/>
    </row>
    <row r="453083" spans="14:14">
      <c r="N453083" s="10"/>
    </row>
    <row r="453084" spans="14:14">
      <c r="N453084" s="10"/>
    </row>
    <row r="453085" spans="14:14">
      <c r="N453085" s="10"/>
    </row>
    <row r="453086" spans="14:14">
      <c r="N453086" s="10"/>
    </row>
    <row r="453087" spans="14:14">
      <c r="N453087" s="10"/>
    </row>
    <row r="453088" spans="14:14">
      <c r="N453088" s="10"/>
    </row>
    <row r="453089" spans="14:14">
      <c r="N453089" s="10"/>
    </row>
    <row r="453090" spans="14:14">
      <c r="N453090" s="10"/>
    </row>
    <row r="453091" spans="14:14">
      <c r="N453091" s="10"/>
    </row>
    <row r="453092" spans="14:14">
      <c r="N453092" s="10"/>
    </row>
    <row r="453093" spans="14:14">
      <c r="N453093" s="10"/>
    </row>
    <row r="453094" spans="14:14">
      <c r="N453094" s="10"/>
    </row>
    <row r="453095" spans="14:14">
      <c r="N453095" s="10"/>
    </row>
    <row r="453096" spans="14:14">
      <c r="N453096" s="10"/>
    </row>
    <row r="453097" spans="14:14">
      <c r="N453097" s="10"/>
    </row>
    <row r="453098" spans="14:14">
      <c r="N453098" s="10"/>
    </row>
    <row r="453099" spans="14:14">
      <c r="N453099" s="10"/>
    </row>
    <row r="453100" spans="14:14">
      <c r="N453100" s="10"/>
    </row>
    <row r="453101" spans="14:14">
      <c r="N453101" s="10"/>
    </row>
    <row r="453102" spans="14:14">
      <c r="N453102" s="10"/>
    </row>
    <row r="453103" spans="14:14">
      <c r="N453103" s="10"/>
    </row>
    <row r="453104" spans="14:14">
      <c r="N453104" s="10"/>
    </row>
    <row r="453105" spans="14:14">
      <c r="N453105" s="10"/>
    </row>
    <row r="453106" spans="14:14">
      <c r="N453106" s="10"/>
    </row>
    <row r="453107" spans="14:14">
      <c r="N453107" s="10"/>
    </row>
    <row r="453108" spans="14:14">
      <c r="N453108" s="10"/>
    </row>
    <row r="453109" spans="14:14">
      <c r="N453109" s="10"/>
    </row>
    <row r="453110" spans="14:14">
      <c r="N453110" s="10"/>
    </row>
    <row r="453111" spans="14:14">
      <c r="N453111" s="10"/>
    </row>
    <row r="453112" spans="14:14">
      <c r="N453112" s="10"/>
    </row>
    <row r="453113" spans="14:14">
      <c r="N453113" s="10"/>
    </row>
    <row r="453114" spans="14:14">
      <c r="N453114" s="10"/>
    </row>
    <row r="453115" spans="14:14">
      <c r="N453115" s="10"/>
    </row>
    <row r="453116" spans="14:14">
      <c r="N453116" s="10"/>
    </row>
    <row r="453117" spans="14:14">
      <c r="N453117" s="10"/>
    </row>
    <row r="453118" spans="14:14">
      <c r="N453118" s="10"/>
    </row>
    <row r="453119" spans="14:14">
      <c r="N453119" s="10"/>
    </row>
    <row r="453120" spans="14:14">
      <c r="N453120" s="10"/>
    </row>
    <row r="453121" spans="14:14">
      <c r="N453121" s="10"/>
    </row>
    <row r="453122" spans="14:14">
      <c r="N453122" s="10"/>
    </row>
    <row r="453123" spans="14:14">
      <c r="N453123" s="10"/>
    </row>
    <row r="453124" spans="14:14">
      <c r="N453124" s="10"/>
    </row>
    <row r="453125" spans="14:14">
      <c r="N453125" s="10"/>
    </row>
    <row r="453126" spans="14:14">
      <c r="N453126" s="10"/>
    </row>
    <row r="453127" spans="14:14">
      <c r="N453127" s="10"/>
    </row>
    <row r="453128" spans="14:14">
      <c r="N453128" s="10"/>
    </row>
    <row r="453129" spans="14:14">
      <c r="N453129" s="10"/>
    </row>
    <row r="453130" spans="14:14">
      <c r="N453130" s="10"/>
    </row>
    <row r="453131" spans="14:14">
      <c r="N453131" s="10"/>
    </row>
    <row r="453132" spans="14:14">
      <c r="N453132" s="10"/>
    </row>
    <row r="453133" spans="14:14">
      <c r="N453133" s="10"/>
    </row>
    <row r="453134" spans="14:14">
      <c r="N453134" s="10"/>
    </row>
    <row r="453135" spans="14:14">
      <c r="N453135" s="10"/>
    </row>
    <row r="453136" spans="14:14">
      <c r="N453136" s="10"/>
    </row>
    <row r="453137" spans="14:14">
      <c r="N453137" s="10"/>
    </row>
    <row r="453138" spans="14:14">
      <c r="N453138" s="10"/>
    </row>
    <row r="453139" spans="14:14">
      <c r="N453139" s="10"/>
    </row>
    <row r="453140" spans="14:14">
      <c r="N453140" s="10"/>
    </row>
    <row r="453141" spans="14:14">
      <c r="N453141" s="10"/>
    </row>
    <row r="453142" spans="14:14">
      <c r="N453142" s="10"/>
    </row>
    <row r="453143" spans="14:14">
      <c r="N453143" s="10"/>
    </row>
    <row r="453144" spans="14:14">
      <c r="N453144" s="10"/>
    </row>
    <row r="453145" spans="14:14">
      <c r="N453145" s="10"/>
    </row>
    <row r="453146" spans="14:14">
      <c r="N453146" s="10"/>
    </row>
    <row r="453147" spans="14:14">
      <c r="N453147" s="10"/>
    </row>
    <row r="453148" spans="14:14">
      <c r="N453148" s="10"/>
    </row>
    <row r="453149" spans="14:14">
      <c r="N453149" s="10"/>
    </row>
    <row r="453150" spans="14:14">
      <c r="N453150" s="10"/>
    </row>
    <row r="453151" spans="14:14">
      <c r="N453151" s="10"/>
    </row>
    <row r="453152" spans="14:14">
      <c r="N453152" s="10"/>
    </row>
    <row r="453153" spans="14:14">
      <c r="N453153" s="10"/>
    </row>
    <row r="453154" spans="14:14">
      <c r="N453154" s="10"/>
    </row>
    <row r="453155" spans="14:14">
      <c r="N453155" s="10"/>
    </row>
    <row r="453156" spans="14:14">
      <c r="N453156" s="10"/>
    </row>
    <row r="453157" spans="14:14">
      <c r="N453157" s="10"/>
    </row>
    <row r="453158" spans="14:14">
      <c r="N453158" s="10"/>
    </row>
    <row r="453159" spans="14:14">
      <c r="N453159" s="10"/>
    </row>
    <row r="453160" spans="14:14">
      <c r="N453160" s="10"/>
    </row>
    <row r="453161" spans="14:14">
      <c r="N453161" s="10"/>
    </row>
    <row r="453162" spans="14:14">
      <c r="N453162" s="10"/>
    </row>
    <row r="453163" spans="14:14">
      <c r="N453163" s="10"/>
    </row>
    <row r="453164" spans="14:14">
      <c r="N453164" s="10"/>
    </row>
    <row r="453165" spans="14:14">
      <c r="N453165" s="10"/>
    </row>
    <row r="453166" spans="14:14">
      <c r="N453166" s="10"/>
    </row>
    <row r="453167" spans="14:14">
      <c r="N453167" s="10"/>
    </row>
    <row r="453168" spans="14:14">
      <c r="N453168" s="10"/>
    </row>
    <row r="453169" spans="14:14">
      <c r="N453169" s="10"/>
    </row>
    <row r="453170" spans="14:14">
      <c r="N453170" s="10"/>
    </row>
    <row r="453171" spans="14:14">
      <c r="N453171" s="10"/>
    </row>
    <row r="453172" spans="14:14">
      <c r="N453172" s="10"/>
    </row>
    <row r="453173" spans="14:14">
      <c r="N453173" s="10"/>
    </row>
    <row r="453174" spans="14:14">
      <c r="N453174" s="10"/>
    </row>
    <row r="453175" spans="14:14">
      <c r="N453175" s="10"/>
    </row>
    <row r="453176" spans="14:14">
      <c r="N453176" s="10"/>
    </row>
    <row r="453177" spans="14:14">
      <c r="N453177" s="10"/>
    </row>
    <row r="453178" spans="14:14">
      <c r="N453178" s="10"/>
    </row>
    <row r="453179" spans="14:14">
      <c r="N453179" s="10"/>
    </row>
    <row r="453180" spans="14:14">
      <c r="N453180" s="10"/>
    </row>
    <row r="453181" spans="14:14">
      <c r="N453181" s="10"/>
    </row>
    <row r="453182" spans="14:14">
      <c r="N453182" s="10"/>
    </row>
    <row r="453183" spans="14:14">
      <c r="N453183" s="10"/>
    </row>
    <row r="453184" spans="14:14">
      <c r="N453184" s="10"/>
    </row>
    <row r="453185" spans="14:14">
      <c r="N453185" s="10"/>
    </row>
    <row r="453186" spans="14:14">
      <c r="N453186" s="10"/>
    </row>
    <row r="453187" spans="14:14">
      <c r="N453187" s="10"/>
    </row>
    <row r="453188" spans="14:14">
      <c r="N453188" s="10"/>
    </row>
    <row r="453189" spans="14:14">
      <c r="N453189" s="10"/>
    </row>
    <row r="453190" spans="14:14">
      <c r="N453190" s="10"/>
    </row>
    <row r="453191" spans="14:14">
      <c r="N453191" s="10"/>
    </row>
    <row r="453192" spans="14:14">
      <c r="N453192" s="10"/>
    </row>
    <row r="453193" spans="14:14">
      <c r="N453193" s="10"/>
    </row>
    <row r="453194" spans="14:14">
      <c r="N453194" s="10"/>
    </row>
    <row r="453195" spans="14:14">
      <c r="N453195" s="10"/>
    </row>
    <row r="453196" spans="14:14">
      <c r="N453196" s="10"/>
    </row>
    <row r="453197" spans="14:14">
      <c r="N453197" s="10"/>
    </row>
    <row r="453198" spans="14:14">
      <c r="N453198" s="10"/>
    </row>
    <row r="453199" spans="14:14">
      <c r="N453199" s="10"/>
    </row>
    <row r="453200" spans="14:14">
      <c r="N453200" s="10"/>
    </row>
    <row r="453201" spans="14:14">
      <c r="N453201" s="10"/>
    </row>
    <row r="453202" spans="14:14">
      <c r="N453202" s="10"/>
    </row>
    <row r="453203" spans="14:14">
      <c r="N453203" s="10"/>
    </row>
    <row r="453204" spans="14:14">
      <c r="N453204" s="10"/>
    </row>
    <row r="453205" spans="14:14">
      <c r="N453205" s="10"/>
    </row>
    <row r="453206" spans="14:14">
      <c r="N453206" s="10"/>
    </row>
    <row r="453207" spans="14:14">
      <c r="N453207" s="10"/>
    </row>
    <row r="453208" spans="14:14">
      <c r="N453208" s="10"/>
    </row>
    <row r="453209" spans="14:14">
      <c r="N453209" s="10"/>
    </row>
    <row r="453210" spans="14:14">
      <c r="N453210" s="10"/>
    </row>
    <row r="453211" spans="14:14">
      <c r="N453211" s="10"/>
    </row>
    <row r="453212" spans="14:14">
      <c r="N453212" s="10"/>
    </row>
    <row r="453213" spans="14:14">
      <c r="N453213" s="10"/>
    </row>
    <row r="453214" spans="14:14">
      <c r="N453214" s="10"/>
    </row>
    <row r="453215" spans="14:14">
      <c r="N453215" s="10"/>
    </row>
    <row r="453216" spans="14:14">
      <c r="N453216" s="10"/>
    </row>
    <row r="453217" spans="14:14">
      <c r="N453217" s="10"/>
    </row>
    <row r="453218" spans="14:14">
      <c r="N453218" s="10"/>
    </row>
    <row r="453219" spans="14:14">
      <c r="N453219" s="10"/>
    </row>
    <row r="453220" spans="14:14">
      <c r="N453220" s="10"/>
    </row>
    <row r="453221" spans="14:14">
      <c r="N453221" s="10"/>
    </row>
    <row r="453222" spans="14:14">
      <c r="N453222" s="10"/>
    </row>
    <row r="453223" spans="14:14">
      <c r="N453223" s="10"/>
    </row>
    <row r="453224" spans="14:14">
      <c r="N453224" s="10"/>
    </row>
    <row r="453225" spans="14:14">
      <c r="N453225" s="10"/>
    </row>
    <row r="453226" spans="14:14">
      <c r="N453226" s="10"/>
    </row>
    <row r="453227" spans="14:14">
      <c r="N453227" s="10"/>
    </row>
    <row r="453228" spans="14:14">
      <c r="N453228" s="10"/>
    </row>
    <row r="453229" spans="14:14">
      <c r="N453229" s="10"/>
    </row>
    <row r="453230" spans="14:14">
      <c r="N453230" s="10"/>
    </row>
    <row r="453231" spans="14:14">
      <c r="N453231" s="10"/>
    </row>
    <row r="453232" spans="14:14">
      <c r="N453232" s="10"/>
    </row>
    <row r="453233" spans="14:14">
      <c r="N453233" s="10"/>
    </row>
    <row r="453234" spans="14:14">
      <c r="N453234" s="10"/>
    </row>
    <row r="453235" spans="14:14">
      <c r="N453235" s="10"/>
    </row>
    <row r="453236" spans="14:14">
      <c r="N453236" s="10"/>
    </row>
    <row r="453237" spans="14:14">
      <c r="N453237" s="10"/>
    </row>
    <row r="453238" spans="14:14">
      <c r="N453238" s="10"/>
    </row>
    <row r="453239" spans="14:14">
      <c r="N453239" s="10"/>
    </row>
    <row r="453240" spans="14:14">
      <c r="N453240" s="10"/>
    </row>
    <row r="453241" spans="14:14">
      <c r="N453241" s="10"/>
    </row>
    <row r="453242" spans="14:14">
      <c r="N453242" s="10"/>
    </row>
    <row r="453243" spans="14:14">
      <c r="N453243" s="10"/>
    </row>
    <row r="453244" spans="14:14">
      <c r="N453244" s="10"/>
    </row>
    <row r="453245" spans="14:14">
      <c r="N453245" s="10"/>
    </row>
    <row r="453246" spans="14:14">
      <c r="N453246" s="10"/>
    </row>
    <row r="453247" spans="14:14">
      <c r="N453247" s="10"/>
    </row>
    <row r="453248" spans="14:14">
      <c r="N453248" s="10"/>
    </row>
    <row r="453249" spans="14:14">
      <c r="N453249" s="10"/>
    </row>
    <row r="453250" spans="14:14">
      <c r="N453250" s="10"/>
    </row>
    <row r="453251" spans="14:14">
      <c r="N453251" s="10"/>
    </row>
    <row r="453252" spans="14:14">
      <c r="N453252" s="10"/>
    </row>
    <row r="453253" spans="14:14">
      <c r="N453253" s="10"/>
    </row>
    <row r="453254" spans="14:14">
      <c r="N453254" s="10"/>
    </row>
    <row r="453255" spans="14:14">
      <c r="N453255" s="10"/>
    </row>
    <row r="453256" spans="14:14">
      <c r="N453256" s="10"/>
    </row>
    <row r="453257" spans="14:14">
      <c r="N453257" s="10"/>
    </row>
    <row r="453258" spans="14:14">
      <c r="N453258" s="10"/>
    </row>
    <row r="453259" spans="14:14">
      <c r="N453259" s="10"/>
    </row>
    <row r="453260" spans="14:14">
      <c r="N453260" s="10"/>
    </row>
    <row r="453261" spans="14:14">
      <c r="N453261" s="10"/>
    </row>
    <row r="453262" spans="14:14">
      <c r="N453262" s="10"/>
    </row>
    <row r="453263" spans="14:14">
      <c r="N453263" s="10"/>
    </row>
    <row r="453264" spans="14:14">
      <c r="N453264" s="10"/>
    </row>
    <row r="453265" spans="14:14">
      <c r="N453265" s="10"/>
    </row>
    <row r="453266" spans="14:14">
      <c r="N453266" s="10"/>
    </row>
    <row r="453267" spans="14:14">
      <c r="N453267" s="10"/>
    </row>
    <row r="453268" spans="14:14">
      <c r="N453268" s="10"/>
    </row>
    <row r="453269" spans="14:14">
      <c r="N453269" s="10"/>
    </row>
    <row r="453270" spans="14:14">
      <c r="N453270" s="10"/>
    </row>
    <row r="453271" spans="14:14">
      <c r="N453271" s="10"/>
    </row>
    <row r="453272" spans="14:14">
      <c r="N453272" s="10"/>
    </row>
    <row r="453273" spans="14:14">
      <c r="N453273" s="10"/>
    </row>
    <row r="453274" spans="14:14">
      <c r="N453274" s="10"/>
    </row>
    <row r="453275" spans="14:14">
      <c r="N453275" s="10"/>
    </row>
    <row r="453276" spans="14:14">
      <c r="N453276" s="10"/>
    </row>
    <row r="453277" spans="14:14">
      <c r="N453277" s="10"/>
    </row>
    <row r="453278" spans="14:14">
      <c r="N453278" s="10"/>
    </row>
    <row r="453279" spans="14:14">
      <c r="N453279" s="10"/>
    </row>
    <row r="453280" spans="14:14">
      <c r="N453280" s="10"/>
    </row>
    <row r="453281" spans="14:14">
      <c r="N453281" s="10"/>
    </row>
    <row r="453282" spans="14:14">
      <c r="N453282" s="10"/>
    </row>
    <row r="453283" spans="14:14">
      <c r="N453283" s="10"/>
    </row>
    <row r="453284" spans="14:14">
      <c r="N453284" s="10"/>
    </row>
    <row r="453285" spans="14:14">
      <c r="N453285" s="10"/>
    </row>
    <row r="453286" spans="14:14">
      <c r="N453286" s="10"/>
    </row>
    <row r="453287" spans="14:14">
      <c r="N453287" s="10"/>
    </row>
    <row r="453288" spans="14:14">
      <c r="N453288" s="10"/>
    </row>
    <row r="453289" spans="14:14">
      <c r="N453289" s="10"/>
    </row>
    <row r="453290" spans="14:14">
      <c r="N453290" s="10"/>
    </row>
    <row r="453291" spans="14:14">
      <c r="N453291" s="10"/>
    </row>
    <row r="453292" spans="14:14">
      <c r="N453292" s="10"/>
    </row>
    <row r="453293" spans="14:14">
      <c r="N453293" s="10"/>
    </row>
    <row r="453294" spans="14:14">
      <c r="N453294" s="10"/>
    </row>
    <row r="453295" spans="14:14">
      <c r="N453295" s="10"/>
    </row>
    <row r="453296" spans="14:14">
      <c r="N453296" s="10"/>
    </row>
    <row r="453297" spans="14:14">
      <c r="N453297" s="10"/>
    </row>
    <row r="453298" spans="14:14">
      <c r="N453298" s="10"/>
    </row>
    <row r="453299" spans="14:14">
      <c r="N453299" s="10"/>
    </row>
    <row r="453300" spans="14:14">
      <c r="N453300" s="10"/>
    </row>
    <row r="453301" spans="14:14">
      <c r="N453301" s="10"/>
    </row>
    <row r="453302" spans="14:14">
      <c r="N453302" s="10"/>
    </row>
    <row r="453303" spans="14:14">
      <c r="N453303" s="10"/>
    </row>
    <row r="453304" spans="14:14">
      <c r="N453304" s="10"/>
    </row>
    <row r="453305" spans="14:14">
      <c r="N453305" s="10"/>
    </row>
    <row r="453306" spans="14:14">
      <c r="N453306" s="10"/>
    </row>
    <row r="453307" spans="14:14">
      <c r="N453307" s="10"/>
    </row>
    <row r="453308" spans="14:14">
      <c r="N453308" s="10"/>
    </row>
    <row r="453309" spans="14:14">
      <c r="N453309" s="10"/>
    </row>
    <row r="453310" spans="14:14">
      <c r="N453310" s="10"/>
    </row>
    <row r="453311" spans="14:14">
      <c r="N453311" s="10"/>
    </row>
    <row r="453312" spans="14:14">
      <c r="N453312" s="10"/>
    </row>
    <row r="453313" spans="14:14">
      <c r="N453313" s="10"/>
    </row>
    <row r="453314" spans="14:14">
      <c r="N453314" s="10"/>
    </row>
    <row r="453315" spans="14:14">
      <c r="N453315" s="10"/>
    </row>
    <row r="453316" spans="14:14">
      <c r="N453316" s="10"/>
    </row>
    <row r="453317" spans="14:14">
      <c r="N453317" s="10"/>
    </row>
    <row r="453318" spans="14:14">
      <c r="N453318" s="10"/>
    </row>
    <row r="453319" spans="14:14">
      <c r="N453319" s="10"/>
    </row>
    <row r="453320" spans="14:14">
      <c r="N453320" s="10"/>
    </row>
    <row r="453321" spans="14:14">
      <c r="N453321" s="10"/>
    </row>
    <row r="453322" spans="14:14">
      <c r="N453322" s="10"/>
    </row>
    <row r="453323" spans="14:14">
      <c r="N453323" s="10"/>
    </row>
    <row r="453324" spans="14:14">
      <c r="N453324" s="10"/>
    </row>
    <row r="453325" spans="14:14">
      <c r="N453325" s="10"/>
    </row>
    <row r="453326" spans="14:14">
      <c r="N453326" s="10"/>
    </row>
    <row r="453327" spans="14:14">
      <c r="N453327" s="10"/>
    </row>
    <row r="453328" spans="14:14">
      <c r="N453328" s="10"/>
    </row>
    <row r="453329" spans="14:14">
      <c r="N453329" s="10"/>
    </row>
    <row r="453330" spans="14:14">
      <c r="N453330" s="10"/>
    </row>
    <row r="453331" spans="14:14">
      <c r="N453331" s="10"/>
    </row>
    <row r="453332" spans="14:14">
      <c r="N453332" s="10"/>
    </row>
    <row r="453333" spans="14:14">
      <c r="N453333" s="10"/>
    </row>
    <row r="453334" spans="14:14">
      <c r="N453334" s="10"/>
    </row>
    <row r="453335" spans="14:14">
      <c r="N453335" s="10"/>
    </row>
    <row r="453336" spans="14:14">
      <c r="N453336" s="10"/>
    </row>
    <row r="453337" spans="14:14">
      <c r="N453337" s="10"/>
    </row>
    <row r="453338" spans="14:14">
      <c r="N453338" s="10"/>
    </row>
    <row r="453339" spans="14:14">
      <c r="N453339" s="10"/>
    </row>
    <row r="453340" spans="14:14">
      <c r="N453340" s="10"/>
    </row>
    <row r="453341" spans="14:14">
      <c r="N453341" s="10"/>
    </row>
    <row r="453342" spans="14:14">
      <c r="N453342" s="10"/>
    </row>
    <row r="453343" spans="14:14">
      <c r="N453343" s="10"/>
    </row>
    <row r="453344" spans="14:14">
      <c r="N453344" s="10"/>
    </row>
    <row r="453345" spans="14:14">
      <c r="N453345" s="10"/>
    </row>
    <row r="453346" spans="14:14">
      <c r="N453346" s="10"/>
    </row>
    <row r="453347" spans="14:14">
      <c r="N453347" s="10"/>
    </row>
    <row r="453348" spans="14:14">
      <c r="N453348" s="10"/>
    </row>
    <row r="453349" spans="14:14">
      <c r="N453349" s="10"/>
    </row>
    <row r="453350" spans="14:14">
      <c r="N453350" s="10"/>
    </row>
    <row r="453351" spans="14:14">
      <c r="N453351" s="10"/>
    </row>
    <row r="453352" spans="14:14">
      <c r="N453352" s="10"/>
    </row>
    <row r="453353" spans="14:14">
      <c r="N453353" s="10"/>
    </row>
    <row r="453354" spans="14:14">
      <c r="N453354" s="10"/>
    </row>
    <row r="453355" spans="14:14">
      <c r="N453355" s="10"/>
    </row>
    <row r="453356" spans="14:14">
      <c r="N453356" s="10"/>
    </row>
    <row r="453357" spans="14:14">
      <c r="N453357" s="10"/>
    </row>
    <row r="453358" spans="14:14">
      <c r="N453358" s="10"/>
    </row>
    <row r="453359" spans="14:14">
      <c r="N453359" s="10"/>
    </row>
    <row r="453360" spans="14:14">
      <c r="N453360" s="10"/>
    </row>
    <row r="453361" spans="14:14">
      <c r="N453361" s="10"/>
    </row>
    <row r="453362" spans="14:14">
      <c r="N453362" s="10"/>
    </row>
    <row r="453363" spans="14:14">
      <c r="N453363" s="10"/>
    </row>
    <row r="453364" spans="14:14">
      <c r="N453364" s="10"/>
    </row>
    <row r="453365" spans="14:14">
      <c r="N453365" s="10"/>
    </row>
    <row r="453366" spans="14:14">
      <c r="N453366" s="10"/>
    </row>
    <row r="453367" spans="14:14">
      <c r="N453367" s="10"/>
    </row>
    <row r="453368" spans="14:14">
      <c r="N453368" s="10"/>
    </row>
    <row r="453369" spans="14:14">
      <c r="N453369" s="10"/>
    </row>
    <row r="453370" spans="14:14">
      <c r="N453370" s="10"/>
    </row>
    <row r="453371" spans="14:14">
      <c r="N453371" s="10"/>
    </row>
    <row r="453372" spans="14:14">
      <c r="N453372" s="10"/>
    </row>
    <row r="453373" spans="14:14">
      <c r="N453373" s="10"/>
    </row>
    <row r="453374" spans="14:14">
      <c r="N453374" s="10"/>
    </row>
    <row r="453375" spans="14:14">
      <c r="N453375" s="10"/>
    </row>
    <row r="453376" spans="14:14">
      <c r="N453376" s="10"/>
    </row>
    <row r="453377" spans="14:14">
      <c r="N453377" s="10"/>
    </row>
    <row r="453378" spans="14:14">
      <c r="N453378" s="10"/>
    </row>
    <row r="453379" spans="14:14">
      <c r="N453379" s="10"/>
    </row>
    <row r="453380" spans="14:14">
      <c r="N453380" s="10"/>
    </row>
    <row r="453381" spans="14:14">
      <c r="N453381" s="10"/>
    </row>
    <row r="453382" spans="14:14">
      <c r="N453382" s="10"/>
    </row>
    <row r="453383" spans="14:14">
      <c r="N453383" s="10"/>
    </row>
    <row r="453384" spans="14:14">
      <c r="N453384" s="10"/>
    </row>
    <row r="453385" spans="14:14">
      <c r="N453385" s="10"/>
    </row>
    <row r="453386" spans="14:14">
      <c r="N453386" s="10"/>
    </row>
    <row r="453387" spans="14:14">
      <c r="N453387" s="10"/>
    </row>
    <row r="453388" spans="14:14">
      <c r="N453388" s="10"/>
    </row>
    <row r="453389" spans="14:14">
      <c r="N453389" s="10"/>
    </row>
    <row r="453390" spans="14:14">
      <c r="N453390" s="10"/>
    </row>
    <row r="453391" spans="14:14">
      <c r="N453391" s="10"/>
    </row>
    <row r="453392" spans="14:14">
      <c r="N453392" s="10"/>
    </row>
    <row r="453393" spans="14:14">
      <c r="N453393" s="10"/>
    </row>
    <row r="453394" spans="14:14">
      <c r="N453394" s="10"/>
    </row>
    <row r="453395" spans="14:14">
      <c r="N453395" s="10"/>
    </row>
    <row r="453396" spans="14:14">
      <c r="N453396" s="10"/>
    </row>
    <row r="453397" spans="14:14">
      <c r="N453397" s="10"/>
    </row>
    <row r="453398" spans="14:14">
      <c r="N453398" s="10"/>
    </row>
    <row r="453399" spans="14:14">
      <c r="N453399" s="10"/>
    </row>
    <row r="453400" spans="14:14">
      <c r="N453400" s="10"/>
    </row>
    <row r="453401" spans="14:14">
      <c r="N453401" s="10"/>
    </row>
    <row r="453402" spans="14:14">
      <c r="N453402" s="10"/>
    </row>
    <row r="453403" spans="14:14">
      <c r="N453403" s="10"/>
    </row>
    <row r="453404" spans="14:14">
      <c r="N453404" s="10"/>
    </row>
    <row r="453405" spans="14:14">
      <c r="N453405" s="10"/>
    </row>
    <row r="453406" spans="14:14">
      <c r="N453406" s="10"/>
    </row>
    <row r="453407" spans="14:14">
      <c r="N453407" s="10"/>
    </row>
    <row r="453408" spans="14:14">
      <c r="N453408" s="10"/>
    </row>
    <row r="453409" spans="14:14">
      <c r="N453409" s="10"/>
    </row>
    <row r="453410" spans="14:14">
      <c r="N453410" s="10"/>
    </row>
    <row r="453411" spans="14:14">
      <c r="N453411" s="10"/>
    </row>
    <row r="453412" spans="14:14">
      <c r="N453412" s="10"/>
    </row>
    <row r="453413" spans="14:14">
      <c r="N453413" s="10"/>
    </row>
    <row r="453414" spans="14:14">
      <c r="N453414" s="10"/>
    </row>
    <row r="453415" spans="14:14">
      <c r="N453415" s="10"/>
    </row>
    <row r="453416" spans="14:14">
      <c r="N453416" s="10"/>
    </row>
    <row r="453417" spans="14:14">
      <c r="N453417" s="10"/>
    </row>
    <row r="453418" spans="14:14">
      <c r="N453418" s="10"/>
    </row>
    <row r="453419" spans="14:14">
      <c r="N453419" s="10"/>
    </row>
    <row r="453420" spans="14:14">
      <c r="N453420" s="10"/>
    </row>
    <row r="453421" spans="14:14">
      <c r="N453421" s="10"/>
    </row>
    <row r="453422" spans="14:14">
      <c r="N453422" s="10"/>
    </row>
    <row r="453423" spans="14:14">
      <c r="N453423" s="10"/>
    </row>
    <row r="453424" spans="14:14">
      <c r="N453424" s="10"/>
    </row>
    <row r="453425" spans="14:14">
      <c r="N453425" s="10"/>
    </row>
    <row r="453426" spans="14:14">
      <c r="N453426" s="10"/>
    </row>
    <row r="453427" spans="14:14">
      <c r="N453427" s="10"/>
    </row>
    <row r="453428" spans="14:14">
      <c r="N453428" s="10"/>
    </row>
    <row r="453429" spans="14:14">
      <c r="N453429" s="10"/>
    </row>
    <row r="453430" spans="14:14">
      <c r="N453430" s="10"/>
    </row>
    <row r="453431" spans="14:14">
      <c r="N453431" s="10"/>
    </row>
    <row r="453432" spans="14:14">
      <c r="N453432" s="10"/>
    </row>
    <row r="453433" spans="14:14">
      <c r="N453433" s="10"/>
    </row>
    <row r="453434" spans="14:14">
      <c r="N453434" s="10"/>
    </row>
    <row r="453435" spans="14:14">
      <c r="N453435" s="10"/>
    </row>
    <row r="453436" spans="14:14">
      <c r="N453436" s="10"/>
    </row>
    <row r="453437" spans="14:14">
      <c r="N453437" s="10"/>
    </row>
    <row r="453438" spans="14:14">
      <c r="N453438" s="10"/>
    </row>
    <row r="453439" spans="14:14">
      <c r="N453439" s="10"/>
    </row>
    <row r="453440" spans="14:14">
      <c r="N453440" s="10"/>
    </row>
    <row r="453441" spans="14:14">
      <c r="N453441" s="10"/>
    </row>
    <row r="453442" spans="14:14">
      <c r="N453442" s="10"/>
    </row>
    <row r="453443" spans="14:14">
      <c r="N453443" s="10"/>
    </row>
    <row r="453444" spans="14:14">
      <c r="N453444" s="10"/>
    </row>
    <row r="453445" spans="14:14">
      <c r="N453445" s="10"/>
    </row>
    <row r="453446" spans="14:14">
      <c r="N453446" s="10"/>
    </row>
    <row r="453447" spans="14:14">
      <c r="N453447" s="10"/>
    </row>
    <row r="453448" spans="14:14">
      <c r="N453448" s="10"/>
    </row>
    <row r="453449" spans="14:14">
      <c r="N453449" s="10"/>
    </row>
    <row r="453450" spans="14:14">
      <c r="N453450" s="10"/>
    </row>
    <row r="453451" spans="14:14">
      <c r="N453451" s="10"/>
    </row>
    <row r="453452" spans="14:14">
      <c r="N453452" s="10"/>
    </row>
    <row r="453453" spans="14:14">
      <c r="N453453" s="10"/>
    </row>
    <row r="453454" spans="14:14">
      <c r="N453454" s="10"/>
    </row>
    <row r="453455" spans="14:14">
      <c r="N453455" s="10"/>
    </row>
    <row r="453456" spans="14:14">
      <c r="N453456" s="10"/>
    </row>
    <row r="453457" spans="14:14">
      <c r="N453457" s="10"/>
    </row>
    <row r="453458" spans="14:14">
      <c r="N453458" s="10"/>
    </row>
    <row r="453459" spans="14:14">
      <c r="N453459" s="10"/>
    </row>
    <row r="453460" spans="14:14">
      <c r="N453460" s="10"/>
    </row>
    <row r="453461" spans="14:14">
      <c r="N453461" s="10"/>
    </row>
    <row r="453462" spans="14:14">
      <c r="N453462" s="10"/>
    </row>
    <row r="453463" spans="14:14">
      <c r="N453463" s="10"/>
    </row>
    <row r="453464" spans="14:14">
      <c r="N453464" s="10"/>
    </row>
    <row r="453465" spans="14:14">
      <c r="N453465" s="10"/>
    </row>
    <row r="453466" spans="14:14">
      <c r="N453466" s="10"/>
    </row>
    <row r="453467" spans="14:14">
      <c r="N453467" s="10"/>
    </row>
    <row r="453468" spans="14:14">
      <c r="N453468" s="10"/>
    </row>
    <row r="453469" spans="14:14">
      <c r="N453469" s="10"/>
    </row>
    <row r="453470" spans="14:14">
      <c r="N453470" s="10"/>
    </row>
    <row r="453471" spans="14:14">
      <c r="N453471" s="10"/>
    </row>
    <row r="453472" spans="14:14">
      <c r="N453472" s="10"/>
    </row>
    <row r="453473" spans="14:14">
      <c r="N453473" s="10"/>
    </row>
    <row r="453474" spans="14:14">
      <c r="N453474" s="10"/>
    </row>
    <row r="453475" spans="14:14">
      <c r="N453475" s="10"/>
    </row>
    <row r="453476" spans="14:14">
      <c r="N453476" s="10"/>
    </row>
    <row r="453477" spans="14:14">
      <c r="N453477" s="10"/>
    </row>
    <row r="453478" spans="14:14">
      <c r="N453478" s="10"/>
    </row>
    <row r="453479" spans="14:14">
      <c r="N453479" s="10"/>
    </row>
    <row r="453480" spans="14:14">
      <c r="N453480" s="10"/>
    </row>
    <row r="453481" spans="14:14">
      <c r="N453481" s="10"/>
    </row>
    <row r="453482" spans="14:14">
      <c r="N453482" s="10"/>
    </row>
    <row r="453483" spans="14:14">
      <c r="N453483" s="10"/>
    </row>
    <row r="453484" spans="14:14">
      <c r="N453484" s="10"/>
    </row>
    <row r="453485" spans="14:14">
      <c r="N453485" s="10"/>
    </row>
    <row r="453486" spans="14:14">
      <c r="N453486" s="10"/>
    </row>
    <row r="453487" spans="14:14">
      <c r="N453487" s="10"/>
    </row>
    <row r="453488" spans="14:14">
      <c r="N453488" s="10"/>
    </row>
    <row r="453489" spans="14:14">
      <c r="N453489" s="10"/>
    </row>
    <row r="453490" spans="14:14">
      <c r="N453490" s="10"/>
    </row>
    <row r="453491" spans="14:14">
      <c r="N453491" s="10"/>
    </row>
    <row r="453492" spans="14:14">
      <c r="N453492" s="10"/>
    </row>
    <row r="453493" spans="14:14">
      <c r="N453493" s="10"/>
    </row>
    <row r="453494" spans="14:14">
      <c r="N453494" s="10"/>
    </row>
    <row r="453495" spans="14:14">
      <c r="N453495" s="10"/>
    </row>
    <row r="453496" spans="14:14">
      <c r="N453496" s="10"/>
    </row>
    <row r="453497" spans="14:14">
      <c r="N453497" s="10"/>
    </row>
    <row r="453498" spans="14:14">
      <c r="N453498" s="10"/>
    </row>
    <row r="453499" spans="14:14">
      <c r="N453499" s="10"/>
    </row>
    <row r="453500" spans="14:14">
      <c r="N453500" s="10"/>
    </row>
    <row r="453501" spans="14:14">
      <c r="N453501" s="10"/>
    </row>
    <row r="453502" spans="14:14">
      <c r="N453502" s="10"/>
    </row>
    <row r="453503" spans="14:14">
      <c r="N453503" s="10"/>
    </row>
    <row r="453504" spans="14:14">
      <c r="N453504" s="10"/>
    </row>
    <row r="453505" spans="14:14">
      <c r="N453505" s="10"/>
    </row>
    <row r="453506" spans="14:14">
      <c r="N453506" s="10"/>
    </row>
    <row r="453507" spans="14:14">
      <c r="N453507" s="10"/>
    </row>
    <row r="453508" spans="14:14">
      <c r="N453508" s="10"/>
    </row>
    <row r="453509" spans="14:14">
      <c r="N453509" s="10"/>
    </row>
    <row r="453510" spans="14:14">
      <c r="N453510" s="10"/>
    </row>
    <row r="453511" spans="14:14">
      <c r="N453511" s="10"/>
    </row>
    <row r="453512" spans="14:14">
      <c r="N453512" s="10"/>
    </row>
    <row r="453513" spans="14:14">
      <c r="N453513" s="10"/>
    </row>
    <row r="453514" spans="14:14">
      <c r="N453514" s="10"/>
    </row>
    <row r="453515" spans="14:14">
      <c r="N453515" s="10"/>
    </row>
    <row r="453516" spans="14:14">
      <c r="N453516" s="10"/>
    </row>
    <row r="453517" spans="14:14">
      <c r="N453517" s="10"/>
    </row>
    <row r="453518" spans="14:14">
      <c r="N453518" s="10"/>
    </row>
    <row r="453519" spans="14:14">
      <c r="N453519" s="10"/>
    </row>
    <row r="453520" spans="14:14">
      <c r="N453520" s="10"/>
    </row>
    <row r="453521" spans="14:14">
      <c r="N453521" s="10"/>
    </row>
    <row r="453522" spans="14:14">
      <c r="N453522" s="10"/>
    </row>
    <row r="453523" spans="14:14">
      <c r="N453523" s="10"/>
    </row>
    <row r="453524" spans="14:14">
      <c r="N453524" s="10"/>
    </row>
    <row r="453525" spans="14:14">
      <c r="N453525" s="10"/>
    </row>
    <row r="453526" spans="14:14">
      <c r="N453526" s="10"/>
    </row>
    <row r="453527" spans="14:14">
      <c r="N453527" s="10"/>
    </row>
    <row r="453528" spans="14:14">
      <c r="N453528" s="10"/>
    </row>
    <row r="453529" spans="14:14">
      <c r="N453529" s="10"/>
    </row>
    <row r="453530" spans="14:14">
      <c r="N453530" s="10"/>
    </row>
    <row r="453531" spans="14:14">
      <c r="N453531" s="10"/>
    </row>
    <row r="453532" spans="14:14">
      <c r="N453532" s="10"/>
    </row>
    <row r="453533" spans="14:14">
      <c r="N453533" s="10"/>
    </row>
    <row r="453534" spans="14:14">
      <c r="N453534" s="10"/>
    </row>
    <row r="453535" spans="14:14">
      <c r="N453535" s="10"/>
    </row>
    <row r="453536" spans="14:14">
      <c r="N453536" s="10"/>
    </row>
    <row r="453537" spans="14:14">
      <c r="N453537" s="10"/>
    </row>
    <row r="453538" spans="14:14">
      <c r="N453538" s="10"/>
    </row>
    <row r="453539" spans="14:14">
      <c r="N453539" s="10"/>
    </row>
    <row r="453540" spans="14:14">
      <c r="N453540" s="10"/>
    </row>
    <row r="453541" spans="14:14">
      <c r="N453541" s="10"/>
    </row>
    <row r="453542" spans="14:14">
      <c r="N453542" s="10"/>
    </row>
    <row r="453543" spans="14:14">
      <c r="N453543" s="10"/>
    </row>
    <row r="453544" spans="14:14">
      <c r="N453544" s="10"/>
    </row>
    <row r="453545" spans="14:14">
      <c r="N453545" s="10"/>
    </row>
    <row r="453546" spans="14:14">
      <c r="N453546" s="10"/>
    </row>
    <row r="453547" spans="14:14">
      <c r="N453547" s="10"/>
    </row>
    <row r="453548" spans="14:14">
      <c r="N453548" s="10"/>
    </row>
    <row r="453549" spans="14:14">
      <c r="N453549" s="10"/>
    </row>
    <row r="453550" spans="14:14">
      <c r="N453550" s="10"/>
    </row>
    <row r="453551" spans="14:14">
      <c r="N453551" s="10"/>
    </row>
    <row r="453552" spans="14:14">
      <c r="N453552" s="10"/>
    </row>
    <row r="453553" spans="14:14">
      <c r="N453553" s="10"/>
    </row>
    <row r="453554" spans="14:14">
      <c r="N453554" s="10"/>
    </row>
    <row r="453555" spans="14:14">
      <c r="N453555" s="10"/>
    </row>
    <row r="453556" spans="14:14">
      <c r="N453556" s="10"/>
    </row>
    <row r="453557" spans="14:14">
      <c r="N453557" s="10"/>
    </row>
    <row r="453558" spans="14:14">
      <c r="N453558" s="10"/>
    </row>
    <row r="453559" spans="14:14">
      <c r="N453559" s="10"/>
    </row>
    <row r="453560" spans="14:14">
      <c r="N453560" s="10"/>
    </row>
    <row r="453561" spans="14:14">
      <c r="N453561" s="10"/>
    </row>
    <row r="453562" spans="14:14">
      <c r="N453562" s="10"/>
    </row>
    <row r="453563" spans="14:14">
      <c r="N453563" s="10"/>
    </row>
    <row r="453564" spans="14:14">
      <c r="N453564" s="10"/>
    </row>
    <row r="453565" spans="14:14">
      <c r="N453565" s="10"/>
    </row>
    <row r="453566" spans="14:14">
      <c r="N453566" s="10"/>
    </row>
    <row r="453567" spans="14:14">
      <c r="N453567" s="10"/>
    </row>
    <row r="453568" spans="14:14">
      <c r="N453568" s="10"/>
    </row>
    <row r="453569" spans="14:14">
      <c r="N453569" s="10"/>
    </row>
    <row r="453570" spans="14:14">
      <c r="N453570" s="10"/>
    </row>
    <row r="453571" spans="14:14">
      <c r="N453571" s="10"/>
    </row>
    <row r="453572" spans="14:14">
      <c r="N453572" s="10"/>
    </row>
    <row r="453573" spans="14:14">
      <c r="N453573" s="10"/>
    </row>
    <row r="453574" spans="14:14">
      <c r="N453574" s="10"/>
    </row>
    <row r="453575" spans="14:14">
      <c r="N453575" s="10"/>
    </row>
    <row r="453576" spans="14:14">
      <c r="N453576" s="10"/>
    </row>
    <row r="453577" spans="14:14">
      <c r="N453577" s="10"/>
    </row>
    <row r="453578" spans="14:14">
      <c r="N453578" s="10"/>
    </row>
    <row r="453579" spans="14:14">
      <c r="N453579" s="10"/>
    </row>
    <row r="453580" spans="14:14">
      <c r="N453580" s="10"/>
    </row>
    <row r="453581" spans="14:14">
      <c r="N453581" s="10"/>
    </row>
    <row r="453582" spans="14:14">
      <c r="N453582" s="10"/>
    </row>
    <row r="453583" spans="14:14">
      <c r="N453583" s="10"/>
    </row>
    <row r="453584" spans="14:14">
      <c r="N453584" s="10"/>
    </row>
    <row r="453585" spans="14:14">
      <c r="N453585" s="10"/>
    </row>
    <row r="453586" spans="14:14">
      <c r="N453586" s="10"/>
    </row>
    <row r="453587" spans="14:14">
      <c r="N453587" s="10"/>
    </row>
    <row r="453588" spans="14:14">
      <c r="N453588" s="10"/>
    </row>
    <row r="453589" spans="14:14">
      <c r="N453589" s="10"/>
    </row>
    <row r="453590" spans="14:14">
      <c r="N453590" s="10"/>
    </row>
    <row r="453591" spans="14:14">
      <c r="N453591" s="10"/>
    </row>
    <row r="453592" spans="14:14">
      <c r="N453592" s="10"/>
    </row>
    <row r="453593" spans="14:14">
      <c r="N453593" s="10"/>
    </row>
    <row r="453594" spans="14:14">
      <c r="N453594" s="10"/>
    </row>
    <row r="453595" spans="14:14">
      <c r="N453595" s="10"/>
    </row>
    <row r="453596" spans="14:14">
      <c r="N453596" s="10"/>
    </row>
    <row r="453597" spans="14:14">
      <c r="N453597" s="10"/>
    </row>
    <row r="453598" spans="14:14">
      <c r="N453598" s="10"/>
    </row>
    <row r="453599" spans="14:14">
      <c r="N453599" s="10"/>
    </row>
    <row r="453600" spans="14:14">
      <c r="N453600" s="10"/>
    </row>
    <row r="453601" spans="14:14">
      <c r="N453601" s="10"/>
    </row>
    <row r="453602" spans="14:14">
      <c r="N453602" s="10"/>
    </row>
    <row r="453603" spans="14:14">
      <c r="N453603" s="10"/>
    </row>
    <row r="453604" spans="14:14">
      <c r="N453604" s="10"/>
    </row>
    <row r="453605" spans="14:14">
      <c r="N453605" s="10"/>
    </row>
    <row r="453606" spans="14:14">
      <c r="N453606" s="10"/>
    </row>
    <row r="453607" spans="14:14">
      <c r="N453607" s="10"/>
    </row>
    <row r="453608" spans="14:14">
      <c r="N453608" s="10"/>
    </row>
    <row r="453609" spans="14:14">
      <c r="N453609" s="10"/>
    </row>
    <row r="453610" spans="14:14">
      <c r="N453610" s="10"/>
    </row>
    <row r="453611" spans="14:14">
      <c r="N453611" s="10"/>
    </row>
    <row r="453612" spans="14:14">
      <c r="N453612" s="10"/>
    </row>
    <row r="453613" spans="14:14">
      <c r="N453613" s="10"/>
    </row>
    <row r="453614" spans="14:14">
      <c r="N453614" s="10"/>
    </row>
    <row r="453615" spans="14:14">
      <c r="N453615" s="10"/>
    </row>
    <row r="453616" spans="14:14">
      <c r="N453616" s="10"/>
    </row>
    <row r="453617" spans="14:14">
      <c r="N453617" s="10"/>
    </row>
    <row r="453618" spans="14:14">
      <c r="N453618" s="10"/>
    </row>
    <row r="453619" spans="14:14">
      <c r="N453619" s="10"/>
    </row>
    <row r="453620" spans="14:14">
      <c r="N453620" s="10"/>
    </row>
    <row r="453621" spans="14:14">
      <c r="N453621" s="10"/>
    </row>
    <row r="453622" spans="14:14">
      <c r="N453622" s="10"/>
    </row>
    <row r="453623" spans="14:14">
      <c r="N453623" s="10"/>
    </row>
    <row r="453624" spans="14:14">
      <c r="N453624" s="10"/>
    </row>
    <row r="453625" spans="14:14">
      <c r="N453625" s="10"/>
    </row>
    <row r="453626" spans="14:14">
      <c r="N453626" s="10"/>
    </row>
    <row r="453627" spans="14:14">
      <c r="N453627" s="10"/>
    </row>
    <row r="453628" spans="14:14">
      <c r="N453628" s="10"/>
    </row>
    <row r="453629" spans="14:14">
      <c r="N453629" s="10"/>
    </row>
    <row r="453630" spans="14:14">
      <c r="N453630" s="10"/>
    </row>
    <row r="453631" spans="14:14">
      <c r="N453631" s="10"/>
    </row>
    <row r="453632" spans="14:14">
      <c r="N453632" s="10"/>
    </row>
    <row r="453633" spans="14:14">
      <c r="N453633" s="10"/>
    </row>
    <row r="453634" spans="14:14">
      <c r="N453634" s="10"/>
    </row>
    <row r="453635" spans="14:14">
      <c r="N453635" s="10"/>
    </row>
    <row r="453636" spans="14:14">
      <c r="N453636" s="10"/>
    </row>
    <row r="453637" spans="14:14">
      <c r="N453637" s="10"/>
    </row>
    <row r="453638" spans="14:14">
      <c r="N453638" s="10"/>
    </row>
    <row r="453639" spans="14:14">
      <c r="N453639" s="10"/>
    </row>
    <row r="453640" spans="14:14">
      <c r="N453640" s="10"/>
    </row>
    <row r="453641" spans="14:14">
      <c r="N453641" s="10"/>
    </row>
    <row r="453642" spans="14:14">
      <c r="N453642" s="10"/>
    </row>
    <row r="453643" spans="14:14">
      <c r="N453643" s="10"/>
    </row>
    <row r="453644" spans="14:14">
      <c r="N453644" s="10"/>
    </row>
    <row r="453645" spans="14:14">
      <c r="N453645" s="10"/>
    </row>
    <row r="453646" spans="14:14">
      <c r="N453646" s="10"/>
    </row>
    <row r="453647" spans="14:14">
      <c r="N453647" s="10"/>
    </row>
    <row r="453648" spans="14:14">
      <c r="N453648" s="10"/>
    </row>
    <row r="453649" spans="14:14">
      <c r="N453649" s="10"/>
    </row>
    <row r="453650" spans="14:14">
      <c r="N453650" s="10"/>
    </row>
    <row r="453651" spans="14:14">
      <c r="N453651" s="10"/>
    </row>
    <row r="453652" spans="14:14">
      <c r="N453652" s="10"/>
    </row>
    <row r="453653" spans="14:14">
      <c r="N453653" s="10"/>
    </row>
    <row r="453654" spans="14:14">
      <c r="N453654" s="10"/>
    </row>
    <row r="453655" spans="14:14">
      <c r="N453655" s="10"/>
    </row>
    <row r="453656" spans="14:14">
      <c r="N453656" s="10"/>
    </row>
    <row r="453657" spans="14:14">
      <c r="N453657" s="10"/>
    </row>
    <row r="453658" spans="14:14">
      <c r="N453658" s="10"/>
    </row>
    <row r="453659" spans="14:14">
      <c r="N453659" s="10"/>
    </row>
    <row r="453660" spans="14:14">
      <c r="N453660" s="10"/>
    </row>
    <row r="453661" spans="14:14">
      <c r="N453661" s="10"/>
    </row>
    <row r="453662" spans="14:14">
      <c r="N453662" s="10"/>
    </row>
    <row r="453663" spans="14:14">
      <c r="N453663" s="10"/>
    </row>
    <row r="453664" spans="14:14">
      <c r="N453664" s="10"/>
    </row>
    <row r="453665" spans="14:14">
      <c r="N453665" s="10"/>
    </row>
    <row r="453666" spans="14:14">
      <c r="N453666" s="10"/>
    </row>
    <row r="453667" spans="14:14">
      <c r="N453667" s="10"/>
    </row>
    <row r="453668" spans="14:14">
      <c r="N453668" s="10"/>
    </row>
    <row r="453669" spans="14:14">
      <c r="N453669" s="10"/>
    </row>
    <row r="453670" spans="14:14">
      <c r="N453670" s="10"/>
    </row>
    <row r="453671" spans="14:14">
      <c r="N453671" s="10"/>
    </row>
    <row r="453672" spans="14:14">
      <c r="N453672" s="10"/>
    </row>
    <row r="453673" spans="14:14">
      <c r="N453673" s="10"/>
    </row>
    <row r="453674" spans="14:14">
      <c r="N453674" s="10"/>
    </row>
    <row r="453675" spans="14:14">
      <c r="N453675" s="10"/>
    </row>
    <row r="453676" spans="14:14">
      <c r="N453676" s="10"/>
    </row>
    <row r="453677" spans="14:14">
      <c r="N453677" s="10"/>
    </row>
    <row r="453678" spans="14:14">
      <c r="N453678" s="10"/>
    </row>
    <row r="453679" spans="14:14">
      <c r="N453679" s="10"/>
    </row>
    <row r="453680" spans="14:14">
      <c r="N453680" s="10"/>
    </row>
    <row r="453681" spans="14:14">
      <c r="N453681" s="10"/>
    </row>
    <row r="453682" spans="14:14">
      <c r="N453682" s="10"/>
    </row>
    <row r="453683" spans="14:14">
      <c r="N453683" s="10"/>
    </row>
    <row r="453684" spans="14:14">
      <c r="N453684" s="10"/>
    </row>
    <row r="453685" spans="14:14">
      <c r="N453685" s="10"/>
    </row>
    <row r="453686" spans="14:14">
      <c r="N453686" s="10"/>
    </row>
    <row r="453687" spans="14:14">
      <c r="N453687" s="10"/>
    </row>
    <row r="453688" spans="14:14">
      <c r="N453688" s="10"/>
    </row>
    <row r="453689" spans="14:14">
      <c r="N453689" s="10"/>
    </row>
    <row r="453690" spans="14:14">
      <c r="N453690" s="10"/>
    </row>
    <row r="453691" spans="14:14">
      <c r="N453691" s="10"/>
    </row>
    <row r="453692" spans="14:14">
      <c r="N453692" s="10"/>
    </row>
    <row r="453693" spans="14:14">
      <c r="N453693" s="10"/>
    </row>
    <row r="453694" spans="14:14">
      <c r="N453694" s="10"/>
    </row>
    <row r="453695" spans="14:14">
      <c r="N453695" s="10"/>
    </row>
    <row r="453696" spans="14:14">
      <c r="N453696" s="10"/>
    </row>
    <row r="453697" spans="14:14">
      <c r="N453697" s="10"/>
    </row>
    <row r="453698" spans="14:14">
      <c r="N453698" s="10"/>
    </row>
    <row r="453699" spans="14:14">
      <c r="N453699" s="10"/>
    </row>
    <row r="453700" spans="14:14">
      <c r="N453700" s="10"/>
    </row>
    <row r="453701" spans="14:14">
      <c r="N453701" s="10"/>
    </row>
    <row r="453702" spans="14:14">
      <c r="N453702" s="10"/>
    </row>
    <row r="453703" spans="14:14">
      <c r="N453703" s="10"/>
    </row>
    <row r="453704" spans="14:14">
      <c r="N453704" s="10"/>
    </row>
    <row r="453705" spans="14:14">
      <c r="N453705" s="10"/>
    </row>
    <row r="453706" spans="14:14">
      <c r="N453706" s="10"/>
    </row>
    <row r="453707" spans="14:14">
      <c r="N453707" s="10"/>
    </row>
    <row r="453708" spans="14:14">
      <c r="N453708" s="10"/>
    </row>
    <row r="453709" spans="14:14">
      <c r="N453709" s="10"/>
    </row>
    <row r="453710" spans="14:14">
      <c r="N453710" s="10"/>
    </row>
    <row r="453711" spans="14:14">
      <c r="N453711" s="10"/>
    </row>
    <row r="453712" spans="14:14">
      <c r="N453712" s="10"/>
    </row>
    <row r="453713" spans="14:14">
      <c r="N453713" s="10"/>
    </row>
    <row r="453714" spans="14:14">
      <c r="N453714" s="10"/>
    </row>
    <row r="453715" spans="14:14">
      <c r="N453715" s="10"/>
    </row>
    <row r="453716" spans="14:14">
      <c r="N453716" s="10"/>
    </row>
    <row r="453717" spans="14:14">
      <c r="N453717" s="10"/>
    </row>
    <row r="453718" spans="14:14">
      <c r="N453718" s="10"/>
    </row>
    <row r="453719" spans="14:14">
      <c r="N453719" s="10"/>
    </row>
    <row r="453720" spans="14:14">
      <c r="N453720" s="10"/>
    </row>
    <row r="453721" spans="14:14">
      <c r="N453721" s="10"/>
    </row>
    <row r="453722" spans="14:14">
      <c r="N453722" s="10"/>
    </row>
    <row r="453723" spans="14:14">
      <c r="N453723" s="10"/>
    </row>
    <row r="453724" spans="14:14">
      <c r="N453724" s="10"/>
    </row>
    <row r="453725" spans="14:14">
      <c r="N453725" s="10"/>
    </row>
    <row r="453726" spans="14:14">
      <c r="N453726" s="10"/>
    </row>
    <row r="453727" spans="14:14">
      <c r="N453727" s="10"/>
    </row>
    <row r="453728" spans="14:14">
      <c r="N453728" s="10"/>
    </row>
    <row r="453729" spans="14:14">
      <c r="N453729" s="10"/>
    </row>
    <row r="453730" spans="14:14">
      <c r="N453730" s="10"/>
    </row>
    <row r="453731" spans="14:14">
      <c r="N453731" s="10"/>
    </row>
    <row r="453732" spans="14:14">
      <c r="N453732" s="10"/>
    </row>
    <row r="453733" spans="14:14">
      <c r="N453733" s="10"/>
    </row>
    <row r="453734" spans="14:14">
      <c r="N453734" s="10"/>
    </row>
    <row r="453735" spans="14:14">
      <c r="N453735" s="10"/>
    </row>
    <row r="453736" spans="14:14">
      <c r="N453736" s="10"/>
    </row>
    <row r="453737" spans="14:14">
      <c r="N453737" s="10"/>
    </row>
    <row r="453738" spans="14:14">
      <c r="N453738" s="10"/>
    </row>
    <row r="453739" spans="14:14">
      <c r="N453739" s="10"/>
    </row>
    <row r="453740" spans="14:14">
      <c r="N453740" s="10"/>
    </row>
    <row r="453741" spans="14:14">
      <c r="N453741" s="10"/>
    </row>
    <row r="453742" spans="14:14">
      <c r="N453742" s="10"/>
    </row>
    <row r="453743" spans="14:14">
      <c r="N453743" s="10"/>
    </row>
    <row r="453744" spans="14:14">
      <c r="N453744" s="10"/>
    </row>
    <row r="453745" spans="14:14">
      <c r="N453745" s="10"/>
    </row>
    <row r="453746" spans="14:14">
      <c r="N453746" s="10"/>
    </row>
    <row r="453747" spans="14:14">
      <c r="N453747" s="10"/>
    </row>
    <row r="453748" spans="14:14">
      <c r="N453748" s="10"/>
    </row>
    <row r="453749" spans="14:14">
      <c r="N453749" s="10"/>
    </row>
    <row r="453750" spans="14:14">
      <c r="N453750" s="10"/>
    </row>
    <row r="453751" spans="14:14">
      <c r="N453751" s="10"/>
    </row>
    <row r="453752" spans="14:14">
      <c r="N453752" s="10"/>
    </row>
    <row r="453753" spans="14:14">
      <c r="N453753" s="10"/>
    </row>
    <row r="453754" spans="14:14">
      <c r="N453754" s="10"/>
    </row>
    <row r="453755" spans="14:14">
      <c r="N453755" s="10"/>
    </row>
    <row r="453756" spans="14:14">
      <c r="N453756" s="10"/>
    </row>
    <row r="453757" spans="14:14">
      <c r="N453757" s="10"/>
    </row>
    <row r="453758" spans="14:14">
      <c r="N453758" s="10"/>
    </row>
    <row r="453759" spans="14:14">
      <c r="N453759" s="10"/>
    </row>
    <row r="453760" spans="14:14">
      <c r="N453760" s="10"/>
    </row>
    <row r="453761" spans="14:14">
      <c r="N453761" s="10"/>
    </row>
    <row r="453762" spans="14:14">
      <c r="N453762" s="10"/>
    </row>
    <row r="453763" spans="14:14">
      <c r="N453763" s="10"/>
    </row>
    <row r="453764" spans="14:14">
      <c r="N453764" s="10"/>
    </row>
    <row r="453765" spans="14:14">
      <c r="N453765" s="10"/>
    </row>
    <row r="453766" spans="14:14">
      <c r="N453766" s="10"/>
    </row>
    <row r="453767" spans="14:14">
      <c r="N453767" s="10"/>
    </row>
    <row r="453768" spans="14:14">
      <c r="N453768" s="10"/>
    </row>
    <row r="453769" spans="14:14">
      <c r="N453769" s="10"/>
    </row>
    <row r="453770" spans="14:14">
      <c r="N453770" s="10"/>
    </row>
    <row r="453771" spans="14:14">
      <c r="N453771" s="10"/>
    </row>
    <row r="453772" spans="14:14">
      <c r="N453772" s="10"/>
    </row>
    <row r="453773" spans="14:14">
      <c r="N453773" s="10"/>
    </row>
    <row r="453774" spans="14:14">
      <c r="N453774" s="10"/>
    </row>
    <row r="453775" spans="14:14">
      <c r="N453775" s="10"/>
    </row>
    <row r="453776" spans="14:14">
      <c r="N453776" s="10"/>
    </row>
    <row r="453777" spans="14:14">
      <c r="N453777" s="10"/>
    </row>
    <row r="453778" spans="14:14">
      <c r="N453778" s="10"/>
    </row>
    <row r="453779" spans="14:14">
      <c r="N453779" s="10"/>
    </row>
    <row r="453780" spans="14:14">
      <c r="N453780" s="10"/>
    </row>
    <row r="453781" spans="14:14">
      <c r="N453781" s="10"/>
    </row>
    <row r="453782" spans="14:14">
      <c r="N453782" s="10"/>
    </row>
    <row r="453783" spans="14:14">
      <c r="N453783" s="10"/>
    </row>
    <row r="453784" spans="14:14">
      <c r="N453784" s="10"/>
    </row>
    <row r="453785" spans="14:14">
      <c r="N453785" s="10"/>
    </row>
    <row r="453786" spans="14:14">
      <c r="N453786" s="10"/>
    </row>
    <row r="453787" spans="14:14">
      <c r="N453787" s="10"/>
    </row>
    <row r="453788" spans="14:14">
      <c r="N453788" s="10"/>
    </row>
    <row r="453789" spans="14:14">
      <c r="N453789" s="10"/>
    </row>
    <row r="453790" spans="14:14">
      <c r="N453790" s="10"/>
    </row>
    <row r="453791" spans="14:14">
      <c r="N453791" s="10"/>
    </row>
    <row r="453792" spans="14:14">
      <c r="N453792" s="10"/>
    </row>
    <row r="453793" spans="14:14">
      <c r="N453793" s="10"/>
    </row>
    <row r="453794" spans="14:14">
      <c r="N453794" s="10"/>
    </row>
    <row r="453795" spans="14:14">
      <c r="N453795" s="10"/>
    </row>
    <row r="453796" spans="14:14">
      <c r="N453796" s="10"/>
    </row>
    <row r="453797" spans="14:14">
      <c r="N453797" s="10"/>
    </row>
    <row r="453798" spans="14:14">
      <c r="N453798" s="10"/>
    </row>
    <row r="453799" spans="14:14">
      <c r="N453799" s="10"/>
    </row>
    <row r="453800" spans="14:14">
      <c r="N453800" s="10"/>
    </row>
    <row r="453801" spans="14:14">
      <c r="N453801" s="10"/>
    </row>
    <row r="453802" spans="14:14">
      <c r="N453802" s="10"/>
    </row>
    <row r="453803" spans="14:14">
      <c r="N453803" s="10"/>
    </row>
    <row r="453804" spans="14:14">
      <c r="N453804" s="10"/>
    </row>
    <row r="453805" spans="14:14">
      <c r="N453805" s="10"/>
    </row>
    <row r="453806" spans="14:14">
      <c r="N453806" s="10"/>
    </row>
    <row r="453807" spans="14:14">
      <c r="N453807" s="10"/>
    </row>
    <row r="453808" spans="14:14">
      <c r="N453808" s="10"/>
    </row>
    <row r="453809" spans="14:14">
      <c r="N453809" s="10"/>
    </row>
    <row r="453810" spans="14:14">
      <c r="N453810" s="10"/>
    </row>
    <row r="453811" spans="14:14">
      <c r="N453811" s="10"/>
    </row>
    <row r="453812" spans="14:14">
      <c r="N453812" s="10"/>
    </row>
    <row r="453813" spans="14:14">
      <c r="N453813" s="10"/>
    </row>
    <row r="453814" spans="14:14">
      <c r="N453814" s="10"/>
    </row>
    <row r="453815" spans="14:14">
      <c r="N453815" s="10"/>
    </row>
    <row r="453816" spans="14:14">
      <c r="N453816" s="10"/>
    </row>
    <row r="453817" spans="14:14">
      <c r="N453817" s="10"/>
    </row>
    <row r="453818" spans="14:14">
      <c r="N453818" s="10"/>
    </row>
    <row r="453819" spans="14:14">
      <c r="N453819" s="10"/>
    </row>
    <row r="453820" spans="14:14">
      <c r="N453820" s="10"/>
    </row>
    <row r="453821" spans="14:14">
      <c r="N453821" s="10"/>
    </row>
    <row r="453822" spans="14:14">
      <c r="N453822" s="10"/>
    </row>
    <row r="453823" spans="14:14">
      <c r="N453823" s="10"/>
    </row>
    <row r="453824" spans="14:14">
      <c r="N453824" s="10"/>
    </row>
    <row r="453825" spans="14:14">
      <c r="N453825" s="10"/>
    </row>
    <row r="453826" spans="14:14">
      <c r="N453826" s="10"/>
    </row>
    <row r="453827" spans="14:14">
      <c r="N453827" s="10"/>
    </row>
    <row r="453828" spans="14:14">
      <c r="N453828" s="10"/>
    </row>
    <row r="453829" spans="14:14">
      <c r="N453829" s="10"/>
    </row>
    <row r="453830" spans="14:14">
      <c r="N453830" s="10"/>
    </row>
    <row r="453831" spans="14:14">
      <c r="N453831" s="10"/>
    </row>
    <row r="453832" spans="14:14">
      <c r="N453832" s="10"/>
    </row>
    <row r="453833" spans="14:14">
      <c r="N453833" s="10"/>
    </row>
    <row r="453834" spans="14:14">
      <c r="N453834" s="10"/>
    </row>
    <row r="453835" spans="14:14">
      <c r="N453835" s="10"/>
    </row>
    <row r="453836" spans="14:14">
      <c r="N453836" s="10"/>
    </row>
    <row r="453837" spans="14:14">
      <c r="N453837" s="10"/>
    </row>
    <row r="453838" spans="14:14">
      <c r="N453838" s="10"/>
    </row>
    <row r="453839" spans="14:14">
      <c r="N453839" s="10"/>
    </row>
    <row r="453840" spans="14:14">
      <c r="N453840" s="10"/>
    </row>
    <row r="453841" spans="14:14">
      <c r="N453841" s="10"/>
    </row>
    <row r="453842" spans="14:14">
      <c r="N453842" s="10"/>
    </row>
    <row r="453843" spans="14:14">
      <c r="N453843" s="10"/>
    </row>
    <row r="453844" spans="14:14">
      <c r="N453844" s="10"/>
    </row>
    <row r="453845" spans="14:14">
      <c r="N453845" s="10"/>
    </row>
    <row r="453846" spans="14:14">
      <c r="N453846" s="10"/>
    </row>
    <row r="453847" spans="14:14">
      <c r="N453847" s="10"/>
    </row>
    <row r="453848" spans="14:14">
      <c r="N453848" s="10"/>
    </row>
    <row r="453849" spans="14:14">
      <c r="N453849" s="10"/>
    </row>
    <row r="453850" spans="14:14">
      <c r="N453850" s="10"/>
    </row>
    <row r="453851" spans="14:14">
      <c r="N453851" s="10"/>
    </row>
    <row r="453852" spans="14:14">
      <c r="N453852" s="10"/>
    </row>
    <row r="453853" spans="14:14">
      <c r="N453853" s="10"/>
    </row>
    <row r="453854" spans="14:14">
      <c r="N453854" s="10"/>
    </row>
    <row r="453855" spans="14:14">
      <c r="N453855" s="10"/>
    </row>
    <row r="453856" spans="14:14">
      <c r="N453856" s="10"/>
    </row>
    <row r="453857" spans="14:14">
      <c r="N453857" s="10"/>
    </row>
    <row r="453858" spans="14:14">
      <c r="N453858" s="10"/>
    </row>
    <row r="453859" spans="14:14">
      <c r="N453859" s="10"/>
    </row>
    <row r="453860" spans="14:14">
      <c r="N453860" s="10"/>
    </row>
    <row r="453861" spans="14:14">
      <c r="N453861" s="10"/>
    </row>
    <row r="453862" spans="14:14">
      <c r="N453862" s="10"/>
    </row>
    <row r="453863" spans="14:14">
      <c r="N453863" s="10"/>
    </row>
    <row r="453864" spans="14:14">
      <c r="N453864" s="10"/>
    </row>
    <row r="453865" spans="14:14">
      <c r="N453865" s="10"/>
    </row>
    <row r="453866" spans="14:14">
      <c r="N453866" s="10"/>
    </row>
    <row r="453867" spans="14:14">
      <c r="N453867" s="10"/>
    </row>
    <row r="453868" spans="14:14">
      <c r="N453868" s="10"/>
    </row>
    <row r="453869" spans="14:14">
      <c r="N453869" s="10"/>
    </row>
    <row r="453870" spans="14:14">
      <c r="N453870" s="10"/>
    </row>
    <row r="453871" spans="14:14">
      <c r="N453871" s="10"/>
    </row>
    <row r="453872" spans="14:14">
      <c r="N453872" s="10"/>
    </row>
    <row r="453873" spans="14:14">
      <c r="N453873" s="10"/>
    </row>
    <row r="453874" spans="14:14">
      <c r="N453874" s="10"/>
    </row>
    <row r="453875" spans="14:14">
      <c r="N453875" s="10"/>
    </row>
    <row r="453876" spans="14:14">
      <c r="N453876" s="10"/>
    </row>
    <row r="453877" spans="14:14">
      <c r="N453877" s="10"/>
    </row>
    <row r="453878" spans="14:14">
      <c r="N453878" s="10"/>
    </row>
    <row r="453879" spans="14:14">
      <c r="N453879" s="10"/>
    </row>
    <row r="453880" spans="14:14">
      <c r="N453880" s="10"/>
    </row>
    <row r="453881" spans="14:14">
      <c r="N453881" s="10"/>
    </row>
    <row r="453882" spans="14:14">
      <c r="N453882" s="10"/>
    </row>
    <row r="453883" spans="14:14">
      <c r="N453883" s="10"/>
    </row>
    <row r="453884" spans="14:14">
      <c r="N453884" s="10"/>
    </row>
    <row r="453885" spans="14:14">
      <c r="N453885" s="10"/>
    </row>
    <row r="453886" spans="14:14">
      <c r="N453886" s="10"/>
    </row>
    <row r="453887" spans="14:14">
      <c r="N453887" s="10"/>
    </row>
    <row r="453888" spans="14:14">
      <c r="N453888" s="10"/>
    </row>
    <row r="453889" spans="14:14">
      <c r="N453889" s="10"/>
    </row>
    <row r="453890" spans="14:14">
      <c r="N453890" s="10"/>
    </row>
    <row r="453891" spans="14:14">
      <c r="N453891" s="10"/>
    </row>
    <row r="453892" spans="14:14">
      <c r="N453892" s="10"/>
    </row>
    <row r="453893" spans="14:14">
      <c r="N453893" s="10"/>
    </row>
    <row r="453894" spans="14:14">
      <c r="N453894" s="10"/>
    </row>
    <row r="453895" spans="14:14">
      <c r="N453895" s="10"/>
    </row>
    <row r="453896" spans="14:14">
      <c r="N453896" s="10"/>
    </row>
    <row r="453897" spans="14:14">
      <c r="N453897" s="10"/>
    </row>
    <row r="453898" spans="14:14">
      <c r="N453898" s="10"/>
    </row>
    <row r="453899" spans="14:14">
      <c r="N453899" s="10"/>
    </row>
    <row r="453900" spans="14:14">
      <c r="N453900" s="10"/>
    </row>
    <row r="453901" spans="14:14">
      <c r="N453901" s="10"/>
    </row>
    <row r="453902" spans="14:14">
      <c r="N453902" s="10"/>
    </row>
    <row r="453903" spans="14:14">
      <c r="N453903" s="10"/>
    </row>
    <row r="453904" spans="14:14">
      <c r="N453904" s="10"/>
    </row>
    <row r="453905" spans="14:14">
      <c r="N453905" s="10"/>
    </row>
    <row r="453906" spans="14:14">
      <c r="N453906" s="10"/>
    </row>
    <row r="453907" spans="14:14">
      <c r="N453907" s="10"/>
    </row>
    <row r="453908" spans="14:14">
      <c r="N453908" s="10"/>
    </row>
    <row r="453909" spans="14:14">
      <c r="N453909" s="10"/>
    </row>
    <row r="453910" spans="14:14">
      <c r="N453910" s="10"/>
    </row>
    <row r="453911" spans="14:14">
      <c r="N453911" s="10"/>
    </row>
    <row r="453912" spans="14:14">
      <c r="N453912" s="10"/>
    </row>
    <row r="453913" spans="14:14">
      <c r="N453913" s="10"/>
    </row>
    <row r="453914" spans="14:14">
      <c r="N453914" s="10"/>
    </row>
    <row r="453915" spans="14:14">
      <c r="N453915" s="10"/>
    </row>
    <row r="453916" spans="14:14">
      <c r="N453916" s="10"/>
    </row>
    <row r="453917" spans="14:14">
      <c r="N453917" s="10"/>
    </row>
    <row r="453918" spans="14:14">
      <c r="N453918" s="10"/>
    </row>
    <row r="453919" spans="14:14">
      <c r="N453919" s="10"/>
    </row>
    <row r="453920" spans="14:14">
      <c r="N453920" s="10"/>
    </row>
    <row r="453921" spans="14:14">
      <c r="N453921" s="10"/>
    </row>
    <row r="453922" spans="14:14">
      <c r="N453922" s="10"/>
    </row>
    <row r="453923" spans="14:14">
      <c r="N453923" s="10"/>
    </row>
    <row r="453924" spans="14:14">
      <c r="N453924" s="10"/>
    </row>
    <row r="453925" spans="14:14">
      <c r="N453925" s="10"/>
    </row>
    <row r="453926" spans="14:14">
      <c r="N453926" s="10"/>
    </row>
    <row r="453927" spans="14:14">
      <c r="N453927" s="10"/>
    </row>
    <row r="453928" spans="14:14">
      <c r="N453928" s="10"/>
    </row>
    <row r="453929" spans="14:14">
      <c r="N453929" s="10"/>
    </row>
    <row r="453930" spans="14:14">
      <c r="N453930" s="10"/>
    </row>
    <row r="453931" spans="14:14">
      <c r="N453931" s="10"/>
    </row>
    <row r="453932" spans="14:14">
      <c r="N453932" s="10"/>
    </row>
    <row r="453933" spans="14:14">
      <c r="N453933" s="10"/>
    </row>
    <row r="453934" spans="14:14">
      <c r="N453934" s="10"/>
    </row>
    <row r="453935" spans="14:14">
      <c r="N453935" s="10"/>
    </row>
    <row r="453936" spans="14:14">
      <c r="N453936" s="10"/>
    </row>
    <row r="453937" spans="14:14">
      <c r="N453937" s="10"/>
    </row>
    <row r="453938" spans="14:14">
      <c r="N453938" s="10"/>
    </row>
    <row r="453939" spans="14:14">
      <c r="N453939" s="10"/>
    </row>
    <row r="453940" spans="14:14">
      <c r="N453940" s="10"/>
    </row>
    <row r="453941" spans="14:14">
      <c r="N453941" s="10"/>
    </row>
    <row r="453942" spans="14:14">
      <c r="N453942" s="10"/>
    </row>
    <row r="453943" spans="14:14">
      <c r="N453943" s="10"/>
    </row>
    <row r="453944" spans="14:14">
      <c r="N453944" s="10"/>
    </row>
    <row r="453945" spans="14:14">
      <c r="N453945" s="10"/>
    </row>
    <row r="453946" spans="14:14">
      <c r="N453946" s="10"/>
    </row>
    <row r="453947" spans="14:14">
      <c r="N453947" s="10"/>
    </row>
    <row r="453948" spans="14:14">
      <c r="N453948" s="10"/>
    </row>
    <row r="453949" spans="14:14">
      <c r="N453949" s="10"/>
    </row>
    <row r="453950" spans="14:14">
      <c r="N453950" s="10"/>
    </row>
    <row r="453951" spans="14:14">
      <c r="N453951" s="10"/>
    </row>
    <row r="453952" spans="14:14">
      <c r="N453952" s="10"/>
    </row>
    <row r="453953" spans="14:14">
      <c r="N453953" s="10"/>
    </row>
    <row r="453954" spans="14:14">
      <c r="N453954" s="10"/>
    </row>
    <row r="453955" spans="14:14">
      <c r="N453955" s="10"/>
    </row>
    <row r="453956" spans="14:14">
      <c r="N453956" s="10"/>
    </row>
    <row r="453957" spans="14:14">
      <c r="N453957" s="10"/>
    </row>
    <row r="453958" spans="14:14">
      <c r="N453958" s="10"/>
    </row>
    <row r="453959" spans="14:14">
      <c r="N453959" s="10"/>
    </row>
    <row r="453960" spans="14:14">
      <c r="N453960" s="10"/>
    </row>
    <row r="453961" spans="14:14">
      <c r="N453961" s="10"/>
    </row>
    <row r="453962" spans="14:14">
      <c r="N453962" s="10"/>
    </row>
    <row r="453963" spans="14:14">
      <c r="N453963" s="10"/>
    </row>
    <row r="453964" spans="14:14">
      <c r="N453964" s="10"/>
    </row>
    <row r="453965" spans="14:14">
      <c r="N453965" s="10"/>
    </row>
    <row r="453966" spans="14:14">
      <c r="N453966" s="10"/>
    </row>
    <row r="453967" spans="14:14">
      <c r="N453967" s="10"/>
    </row>
    <row r="453968" spans="14:14">
      <c r="N453968" s="10"/>
    </row>
    <row r="453969" spans="14:14">
      <c r="N453969" s="10"/>
    </row>
    <row r="453970" spans="14:14">
      <c r="N453970" s="10"/>
    </row>
    <row r="453971" spans="14:14">
      <c r="N453971" s="10"/>
    </row>
    <row r="453972" spans="14:14">
      <c r="N453972" s="10"/>
    </row>
    <row r="453973" spans="14:14">
      <c r="N453973" s="10"/>
    </row>
    <row r="453974" spans="14:14">
      <c r="N453974" s="10"/>
    </row>
    <row r="453975" spans="14:14">
      <c r="N453975" s="10"/>
    </row>
    <row r="453976" spans="14:14">
      <c r="N453976" s="10"/>
    </row>
    <row r="453977" spans="14:14">
      <c r="N453977" s="10"/>
    </row>
    <row r="453978" spans="14:14">
      <c r="N453978" s="10"/>
    </row>
    <row r="453979" spans="14:14">
      <c r="N453979" s="10"/>
    </row>
    <row r="453980" spans="14:14">
      <c r="N453980" s="10"/>
    </row>
    <row r="453981" spans="14:14">
      <c r="N453981" s="10"/>
    </row>
    <row r="453982" spans="14:14">
      <c r="N453982" s="10"/>
    </row>
    <row r="453983" spans="14:14">
      <c r="N453983" s="10"/>
    </row>
    <row r="453984" spans="14:14">
      <c r="N453984" s="10"/>
    </row>
    <row r="453985" spans="14:14">
      <c r="N453985" s="10"/>
    </row>
    <row r="453986" spans="14:14">
      <c r="N453986" s="10"/>
    </row>
    <row r="453987" spans="14:14">
      <c r="N453987" s="10"/>
    </row>
    <row r="453988" spans="14:14">
      <c r="N453988" s="10"/>
    </row>
    <row r="453989" spans="14:14">
      <c r="N453989" s="10"/>
    </row>
    <row r="453990" spans="14:14">
      <c r="N453990" s="10"/>
    </row>
    <row r="453991" spans="14:14">
      <c r="N453991" s="10"/>
    </row>
    <row r="453992" spans="14:14">
      <c r="N453992" s="10"/>
    </row>
    <row r="453993" spans="14:14">
      <c r="N453993" s="10"/>
    </row>
    <row r="453994" spans="14:14">
      <c r="N453994" s="10"/>
    </row>
    <row r="453995" spans="14:14">
      <c r="N453995" s="10"/>
    </row>
    <row r="453996" spans="14:14">
      <c r="N453996" s="10"/>
    </row>
    <row r="453997" spans="14:14">
      <c r="N453997" s="10"/>
    </row>
    <row r="453998" spans="14:14">
      <c r="N453998" s="10"/>
    </row>
    <row r="453999" spans="14:14">
      <c r="N453999" s="10"/>
    </row>
    <row r="454000" spans="14:14">
      <c r="N454000" s="10"/>
    </row>
    <row r="454001" spans="14:14">
      <c r="N454001" s="10"/>
    </row>
    <row r="454002" spans="14:14">
      <c r="N454002" s="10"/>
    </row>
    <row r="454003" spans="14:14">
      <c r="N454003" s="10"/>
    </row>
    <row r="454004" spans="14:14">
      <c r="N454004" s="10"/>
    </row>
    <row r="454005" spans="14:14">
      <c r="N454005" s="10"/>
    </row>
    <row r="454006" spans="14:14">
      <c r="N454006" s="10"/>
    </row>
    <row r="454007" spans="14:14">
      <c r="N454007" s="10"/>
    </row>
    <row r="454008" spans="14:14">
      <c r="N454008" s="10"/>
    </row>
    <row r="454009" spans="14:14">
      <c r="N454009" s="10"/>
    </row>
    <row r="454010" spans="14:14">
      <c r="N454010" s="10"/>
    </row>
    <row r="454011" spans="14:14">
      <c r="N454011" s="10"/>
    </row>
    <row r="454012" spans="14:14">
      <c r="N454012" s="10"/>
    </row>
    <row r="454013" spans="14:14">
      <c r="N454013" s="10"/>
    </row>
    <row r="454014" spans="14:14">
      <c r="N454014" s="10"/>
    </row>
    <row r="454015" spans="14:14">
      <c r="N454015" s="10"/>
    </row>
    <row r="454016" spans="14:14">
      <c r="N454016" s="10"/>
    </row>
    <row r="454017" spans="14:14">
      <c r="N454017" s="10"/>
    </row>
    <row r="454018" spans="14:14">
      <c r="N454018" s="10"/>
    </row>
    <row r="454019" spans="14:14">
      <c r="N454019" s="10"/>
    </row>
    <row r="454020" spans="14:14">
      <c r="N454020" s="10"/>
    </row>
    <row r="454021" spans="14:14">
      <c r="N454021" s="10"/>
    </row>
    <row r="454022" spans="14:14">
      <c r="N454022" s="10"/>
    </row>
    <row r="454023" spans="14:14">
      <c r="N454023" s="10"/>
    </row>
    <row r="454024" spans="14:14">
      <c r="N454024" s="10"/>
    </row>
    <row r="454025" spans="14:14">
      <c r="N454025" s="10"/>
    </row>
    <row r="454026" spans="14:14">
      <c r="N454026" s="10"/>
    </row>
    <row r="454027" spans="14:14">
      <c r="N454027" s="10"/>
    </row>
    <row r="454028" spans="14:14">
      <c r="N454028" s="10"/>
    </row>
    <row r="454029" spans="14:14">
      <c r="N454029" s="10"/>
    </row>
    <row r="454030" spans="14:14">
      <c r="N454030" s="10"/>
    </row>
    <row r="454031" spans="14:14">
      <c r="N454031" s="10"/>
    </row>
    <row r="454032" spans="14:14">
      <c r="N454032" s="10"/>
    </row>
    <row r="454033" spans="14:14">
      <c r="N454033" s="10"/>
    </row>
    <row r="454034" spans="14:14">
      <c r="N454034" s="10"/>
    </row>
    <row r="454035" spans="14:14">
      <c r="N454035" s="10"/>
    </row>
    <row r="454036" spans="14:14">
      <c r="N454036" s="10"/>
    </row>
    <row r="454037" spans="14:14">
      <c r="N454037" s="10"/>
    </row>
    <row r="454038" spans="14:14">
      <c r="N454038" s="10"/>
    </row>
    <row r="454039" spans="14:14">
      <c r="N454039" s="10"/>
    </row>
    <row r="454040" spans="14:14">
      <c r="N454040" s="10"/>
    </row>
    <row r="454041" spans="14:14">
      <c r="N454041" s="10"/>
    </row>
    <row r="454042" spans="14:14">
      <c r="N454042" s="10"/>
    </row>
    <row r="454043" spans="14:14">
      <c r="N454043" s="10"/>
    </row>
    <row r="454044" spans="14:14">
      <c r="N454044" s="10"/>
    </row>
    <row r="454045" spans="14:14">
      <c r="N454045" s="10"/>
    </row>
    <row r="454046" spans="14:14">
      <c r="N454046" s="10"/>
    </row>
    <row r="454047" spans="14:14">
      <c r="N454047" s="10"/>
    </row>
    <row r="454048" spans="14:14">
      <c r="N454048" s="10"/>
    </row>
    <row r="454049" spans="14:14">
      <c r="N454049" s="10"/>
    </row>
    <row r="454050" spans="14:14">
      <c r="N454050" s="10"/>
    </row>
    <row r="454051" spans="14:14">
      <c r="N454051" s="10"/>
    </row>
    <row r="454052" spans="14:14">
      <c r="N454052" s="10"/>
    </row>
    <row r="454053" spans="14:14">
      <c r="N454053" s="10"/>
    </row>
    <row r="454054" spans="14:14">
      <c r="N454054" s="10"/>
    </row>
    <row r="454055" spans="14:14">
      <c r="N454055" s="10"/>
    </row>
    <row r="454056" spans="14:14">
      <c r="N454056" s="10"/>
    </row>
    <row r="454057" spans="14:14">
      <c r="N454057" s="10"/>
    </row>
    <row r="454058" spans="14:14">
      <c r="N454058" s="10"/>
    </row>
    <row r="454059" spans="14:14">
      <c r="N454059" s="10"/>
    </row>
    <row r="454060" spans="14:14">
      <c r="N454060" s="10"/>
    </row>
    <row r="454061" spans="14:14">
      <c r="N454061" s="10"/>
    </row>
    <row r="454062" spans="14:14">
      <c r="N454062" s="10"/>
    </row>
    <row r="454063" spans="14:14">
      <c r="N454063" s="10"/>
    </row>
    <row r="454064" spans="14:14">
      <c r="N454064" s="10"/>
    </row>
    <row r="454065" spans="14:14">
      <c r="N454065" s="10"/>
    </row>
    <row r="454066" spans="14:14">
      <c r="N454066" s="10"/>
    </row>
    <row r="454067" spans="14:14">
      <c r="N454067" s="10"/>
    </row>
    <row r="454068" spans="14:14">
      <c r="N454068" s="10"/>
    </row>
    <row r="454069" spans="14:14">
      <c r="N454069" s="10"/>
    </row>
    <row r="454070" spans="14:14">
      <c r="N454070" s="10"/>
    </row>
    <row r="454071" spans="14:14">
      <c r="N454071" s="10"/>
    </row>
    <row r="454072" spans="14:14">
      <c r="N454072" s="10"/>
    </row>
    <row r="454073" spans="14:14">
      <c r="N454073" s="10"/>
    </row>
    <row r="454074" spans="14:14">
      <c r="N454074" s="10"/>
    </row>
    <row r="454075" spans="14:14">
      <c r="N454075" s="10"/>
    </row>
    <row r="454076" spans="14:14">
      <c r="N454076" s="10"/>
    </row>
    <row r="454077" spans="14:14">
      <c r="N454077" s="10"/>
    </row>
    <row r="454078" spans="14:14">
      <c r="N454078" s="10"/>
    </row>
    <row r="454079" spans="14:14">
      <c r="N454079" s="10"/>
    </row>
    <row r="454080" spans="14:14">
      <c r="N454080" s="10"/>
    </row>
    <row r="454081" spans="14:14">
      <c r="N454081" s="10"/>
    </row>
    <row r="454082" spans="14:14">
      <c r="N454082" s="10"/>
    </row>
    <row r="454083" spans="14:14">
      <c r="N454083" s="10"/>
    </row>
    <row r="454084" spans="14:14">
      <c r="N454084" s="10"/>
    </row>
    <row r="454085" spans="14:14">
      <c r="N454085" s="10"/>
    </row>
    <row r="454086" spans="14:14">
      <c r="N454086" s="10"/>
    </row>
    <row r="454087" spans="14:14">
      <c r="N454087" s="10"/>
    </row>
    <row r="454088" spans="14:14">
      <c r="N454088" s="10"/>
    </row>
    <row r="454089" spans="14:14">
      <c r="N454089" s="10"/>
    </row>
    <row r="454090" spans="14:14">
      <c r="N454090" s="10"/>
    </row>
    <row r="454091" spans="14:14">
      <c r="N454091" s="10"/>
    </row>
    <row r="454092" spans="14:14">
      <c r="N454092" s="10"/>
    </row>
    <row r="454093" spans="14:14">
      <c r="N454093" s="10"/>
    </row>
    <row r="454094" spans="14:14">
      <c r="N454094" s="10"/>
    </row>
    <row r="454095" spans="14:14">
      <c r="N454095" s="10"/>
    </row>
    <row r="454096" spans="14:14">
      <c r="N454096" s="10"/>
    </row>
    <row r="454097" spans="14:14">
      <c r="N454097" s="10"/>
    </row>
    <row r="454098" spans="14:14">
      <c r="N454098" s="10"/>
    </row>
    <row r="454099" spans="14:14">
      <c r="N454099" s="10"/>
    </row>
    <row r="454100" spans="14:14">
      <c r="N454100" s="10"/>
    </row>
    <row r="454101" spans="14:14">
      <c r="N454101" s="10"/>
    </row>
    <row r="454102" spans="14:14">
      <c r="N454102" s="10"/>
    </row>
    <row r="454103" spans="14:14">
      <c r="N454103" s="10"/>
    </row>
    <row r="454104" spans="14:14">
      <c r="N454104" s="10"/>
    </row>
    <row r="454105" spans="14:14">
      <c r="N454105" s="10"/>
    </row>
    <row r="454106" spans="14:14">
      <c r="N454106" s="10"/>
    </row>
    <row r="454107" spans="14:14">
      <c r="N454107" s="10"/>
    </row>
    <row r="454108" spans="14:14">
      <c r="N454108" s="10"/>
    </row>
    <row r="454109" spans="14:14">
      <c r="N454109" s="10"/>
    </row>
    <row r="454110" spans="14:14">
      <c r="N454110" s="10"/>
    </row>
    <row r="454111" spans="14:14">
      <c r="N454111" s="10"/>
    </row>
    <row r="454112" spans="14:14">
      <c r="N454112" s="10"/>
    </row>
    <row r="454113" spans="14:14">
      <c r="N454113" s="10"/>
    </row>
    <row r="454114" spans="14:14">
      <c r="N454114" s="10"/>
    </row>
    <row r="454115" spans="14:14">
      <c r="N454115" s="10"/>
    </row>
    <row r="454116" spans="14:14">
      <c r="N454116" s="10"/>
    </row>
    <row r="454117" spans="14:14">
      <c r="N454117" s="10"/>
    </row>
    <row r="454118" spans="14:14">
      <c r="N454118" s="10"/>
    </row>
    <row r="454119" spans="14:14">
      <c r="N454119" s="10"/>
    </row>
    <row r="454120" spans="14:14">
      <c r="N454120" s="10"/>
    </row>
    <row r="454121" spans="14:14">
      <c r="N454121" s="10"/>
    </row>
    <row r="454122" spans="14:14">
      <c r="N454122" s="10"/>
    </row>
    <row r="454123" spans="14:14">
      <c r="N454123" s="10"/>
    </row>
    <row r="454124" spans="14:14">
      <c r="N454124" s="10"/>
    </row>
    <row r="454125" spans="14:14">
      <c r="N454125" s="10"/>
    </row>
    <row r="454126" spans="14:14">
      <c r="N454126" s="10"/>
    </row>
    <row r="454127" spans="14:14">
      <c r="N454127" s="10"/>
    </row>
    <row r="454128" spans="14:14">
      <c r="N454128" s="10"/>
    </row>
    <row r="454129" spans="14:14">
      <c r="N454129" s="10"/>
    </row>
    <row r="454130" spans="14:14">
      <c r="N454130" s="10"/>
    </row>
    <row r="454131" spans="14:14">
      <c r="N454131" s="10"/>
    </row>
    <row r="454132" spans="14:14">
      <c r="N454132" s="10"/>
    </row>
    <row r="454133" spans="14:14">
      <c r="N454133" s="10"/>
    </row>
    <row r="454134" spans="14:14">
      <c r="N454134" s="10"/>
    </row>
    <row r="454135" spans="14:14">
      <c r="N454135" s="10"/>
    </row>
    <row r="454136" spans="14:14">
      <c r="N454136" s="10"/>
    </row>
    <row r="454137" spans="14:14">
      <c r="N454137" s="10"/>
    </row>
    <row r="454138" spans="14:14">
      <c r="N454138" s="10"/>
    </row>
    <row r="454139" spans="14:14">
      <c r="N454139" s="10"/>
    </row>
    <row r="454140" spans="14:14">
      <c r="N454140" s="10"/>
    </row>
    <row r="454141" spans="14:14">
      <c r="N454141" s="10"/>
    </row>
    <row r="454142" spans="14:14">
      <c r="N454142" s="10"/>
    </row>
    <row r="454143" spans="14:14">
      <c r="N454143" s="10"/>
    </row>
    <row r="454144" spans="14:14">
      <c r="N454144" s="10"/>
    </row>
    <row r="454145" spans="14:14">
      <c r="N454145" s="10"/>
    </row>
    <row r="454146" spans="14:14">
      <c r="N454146" s="10"/>
    </row>
    <row r="454147" spans="14:14">
      <c r="N454147" s="10"/>
    </row>
    <row r="454148" spans="14:14">
      <c r="N454148" s="10"/>
    </row>
    <row r="454149" spans="14:14">
      <c r="N454149" s="10"/>
    </row>
    <row r="454150" spans="14:14">
      <c r="N454150" s="10"/>
    </row>
    <row r="454151" spans="14:14">
      <c r="N454151" s="10"/>
    </row>
    <row r="454152" spans="14:14">
      <c r="N454152" s="10"/>
    </row>
    <row r="454153" spans="14:14">
      <c r="N454153" s="10"/>
    </row>
    <row r="454154" spans="14:14">
      <c r="N454154" s="10"/>
    </row>
    <row r="454155" spans="14:14">
      <c r="N454155" s="10"/>
    </row>
    <row r="454156" spans="14:14">
      <c r="N454156" s="10"/>
    </row>
    <row r="454157" spans="14:14">
      <c r="N454157" s="10"/>
    </row>
    <row r="454158" spans="14:14">
      <c r="N454158" s="10"/>
    </row>
    <row r="454159" spans="14:14">
      <c r="N454159" s="10"/>
    </row>
    <row r="454160" spans="14:14">
      <c r="N454160" s="10"/>
    </row>
    <row r="454161" spans="14:14">
      <c r="N454161" s="10"/>
    </row>
    <row r="454162" spans="14:14">
      <c r="N454162" s="10"/>
    </row>
    <row r="454163" spans="14:14">
      <c r="N454163" s="10"/>
    </row>
    <row r="454164" spans="14:14">
      <c r="N454164" s="10"/>
    </row>
    <row r="454165" spans="14:14">
      <c r="N454165" s="10"/>
    </row>
    <row r="454166" spans="14:14">
      <c r="N454166" s="10"/>
    </row>
    <row r="454167" spans="14:14">
      <c r="N454167" s="10"/>
    </row>
    <row r="454168" spans="14:14">
      <c r="N454168" s="10"/>
    </row>
    <row r="454169" spans="14:14">
      <c r="N454169" s="10"/>
    </row>
    <row r="454170" spans="14:14">
      <c r="N454170" s="10"/>
    </row>
    <row r="454171" spans="14:14">
      <c r="N454171" s="10"/>
    </row>
    <row r="454172" spans="14:14">
      <c r="N454172" s="10"/>
    </row>
    <row r="454173" spans="14:14">
      <c r="N454173" s="10"/>
    </row>
    <row r="454174" spans="14:14">
      <c r="N454174" s="10"/>
    </row>
    <row r="454175" spans="14:14">
      <c r="N454175" s="10"/>
    </row>
    <row r="454176" spans="14:14">
      <c r="N454176" s="10"/>
    </row>
    <row r="454177" spans="14:14">
      <c r="N454177" s="10"/>
    </row>
    <row r="454178" spans="14:14">
      <c r="N454178" s="10"/>
    </row>
    <row r="454179" spans="14:14">
      <c r="N454179" s="10"/>
    </row>
    <row r="454180" spans="14:14">
      <c r="N454180" s="10"/>
    </row>
    <row r="454181" spans="14:14">
      <c r="N454181" s="10"/>
    </row>
    <row r="454182" spans="14:14">
      <c r="N454182" s="10"/>
    </row>
    <row r="454183" spans="14:14">
      <c r="N454183" s="10"/>
    </row>
    <row r="454184" spans="14:14">
      <c r="N454184" s="10"/>
    </row>
    <row r="454185" spans="14:14">
      <c r="N454185" s="10"/>
    </row>
    <row r="454186" spans="14:14">
      <c r="N454186" s="10"/>
    </row>
    <row r="454187" spans="14:14">
      <c r="N454187" s="10"/>
    </row>
    <row r="454188" spans="14:14">
      <c r="N454188" s="10"/>
    </row>
    <row r="454189" spans="14:14">
      <c r="N454189" s="10"/>
    </row>
    <row r="454190" spans="14:14">
      <c r="N454190" s="10"/>
    </row>
    <row r="454191" spans="14:14">
      <c r="N454191" s="10"/>
    </row>
    <row r="454192" spans="14:14">
      <c r="N454192" s="10"/>
    </row>
    <row r="454193" spans="14:14">
      <c r="N454193" s="10"/>
    </row>
    <row r="454194" spans="14:14">
      <c r="N454194" s="10"/>
    </row>
    <row r="454195" spans="14:14">
      <c r="N454195" s="10"/>
    </row>
    <row r="454196" spans="14:14">
      <c r="N454196" s="10"/>
    </row>
    <row r="454197" spans="14:14">
      <c r="N454197" s="10"/>
    </row>
    <row r="454198" spans="14:14">
      <c r="N454198" s="10"/>
    </row>
    <row r="454199" spans="14:14">
      <c r="N454199" s="10"/>
    </row>
    <row r="454200" spans="14:14">
      <c r="N454200" s="10"/>
    </row>
    <row r="454201" spans="14:14">
      <c r="N454201" s="10"/>
    </row>
    <row r="454202" spans="14:14">
      <c r="N454202" s="10"/>
    </row>
    <row r="454203" spans="14:14">
      <c r="N454203" s="10"/>
    </row>
    <row r="454204" spans="14:14">
      <c r="N454204" s="10"/>
    </row>
    <row r="454205" spans="14:14">
      <c r="N454205" s="10"/>
    </row>
    <row r="454206" spans="14:14">
      <c r="N454206" s="10"/>
    </row>
    <row r="454207" spans="14:14">
      <c r="N454207" s="10"/>
    </row>
    <row r="454208" spans="14:14">
      <c r="N454208" s="10"/>
    </row>
    <row r="454209" spans="14:14">
      <c r="N454209" s="10"/>
    </row>
    <row r="454210" spans="14:14">
      <c r="N454210" s="10"/>
    </row>
    <row r="454211" spans="14:14">
      <c r="N454211" s="10"/>
    </row>
    <row r="454212" spans="14:14">
      <c r="N454212" s="10"/>
    </row>
    <row r="454213" spans="14:14">
      <c r="N454213" s="10"/>
    </row>
    <row r="454214" spans="14:14">
      <c r="N454214" s="10"/>
    </row>
    <row r="454215" spans="14:14">
      <c r="N454215" s="10"/>
    </row>
    <row r="454216" spans="14:14">
      <c r="N454216" s="10"/>
    </row>
    <row r="454217" spans="14:14">
      <c r="N454217" s="10"/>
    </row>
    <row r="454218" spans="14:14">
      <c r="N454218" s="10"/>
    </row>
    <row r="454219" spans="14:14">
      <c r="N454219" s="10"/>
    </row>
    <row r="454220" spans="14:14">
      <c r="N454220" s="10"/>
    </row>
    <row r="454221" spans="14:14">
      <c r="N454221" s="10"/>
    </row>
    <row r="454222" spans="14:14">
      <c r="N454222" s="10"/>
    </row>
    <row r="454223" spans="14:14">
      <c r="N454223" s="10"/>
    </row>
    <row r="454224" spans="14:14">
      <c r="N454224" s="10"/>
    </row>
    <row r="454225" spans="14:14">
      <c r="N454225" s="10"/>
    </row>
    <row r="454226" spans="14:14">
      <c r="N454226" s="10"/>
    </row>
    <row r="454227" spans="14:14">
      <c r="N454227" s="10"/>
    </row>
    <row r="454228" spans="14:14">
      <c r="N454228" s="10"/>
    </row>
    <row r="454229" spans="14:14">
      <c r="N454229" s="10"/>
    </row>
    <row r="454230" spans="14:14">
      <c r="N454230" s="10"/>
    </row>
    <row r="454231" spans="14:14">
      <c r="N454231" s="10"/>
    </row>
    <row r="454232" spans="14:14">
      <c r="N454232" s="10"/>
    </row>
    <row r="454233" spans="14:14">
      <c r="N454233" s="10"/>
    </row>
    <row r="454234" spans="14:14">
      <c r="N454234" s="10"/>
    </row>
    <row r="454235" spans="14:14">
      <c r="N454235" s="10"/>
    </row>
    <row r="454236" spans="14:14">
      <c r="N454236" s="10"/>
    </row>
    <row r="454237" spans="14:14">
      <c r="N454237" s="10"/>
    </row>
    <row r="454238" spans="14:14">
      <c r="N454238" s="10"/>
    </row>
    <row r="454239" spans="14:14">
      <c r="N454239" s="10"/>
    </row>
    <row r="454240" spans="14:14">
      <c r="N454240" s="10"/>
    </row>
    <row r="454241" spans="14:14">
      <c r="N454241" s="10"/>
    </row>
    <row r="454242" spans="14:14">
      <c r="N454242" s="10"/>
    </row>
    <row r="454243" spans="14:14">
      <c r="N454243" s="10"/>
    </row>
    <row r="454244" spans="14:14">
      <c r="N454244" s="10"/>
    </row>
    <row r="454245" spans="14:14">
      <c r="N454245" s="10"/>
    </row>
    <row r="454246" spans="14:14">
      <c r="N454246" s="10"/>
    </row>
    <row r="454247" spans="14:14">
      <c r="N454247" s="10"/>
    </row>
    <row r="454248" spans="14:14">
      <c r="N454248" s="10"/>
    </row>
    <row r="454249" spans="14:14">
      <c r="N454249" s="10"/>
    </row>
    <row r="454250" spans="14:14">
      <c r="N454250" s="10"/>
    </row>
    <row r="454251" spans="14:14">
      <c r="N454251" s="10"/>
    </row>
    <row r="454252" spans="14:14">
      <c r="N454252" s="10"/>
    </row>
    <row r="454253" spans="14:14">
      <c r="N454253" s="10"/>
    </row>
    <row r="454254" spans="14:14">
      <c r="N454254" s="10"/>
    </row>
    <row r="454255" spans="14:14">
      <c r="N454255" s="10"/>
    </row>
    <row r="454256" spans="14:14">
      <c r="N454256" s="10"/>
    </row>
    <row r="454257" spans="14:14">
      <c r="N454257" s="10"/>
    </row>
    <row r="454258" spans="14:14">
      <c r="N454258" s="10"/>
    </row>
    <row r="454259" spans="14:14">
      <c r="N454259" s="10"/>
    </row>
    <row r="454260" spans="14:14">
      <c r="N454260" s="10"/>
    </row>
    <row r="454261" spans="14:14">
      <c r="N454261" s="10"/>
    </row>
    <row r="454262" spans="14:14">
      <c r="N454262" s="10"/>
    </row>
    <row r="454263" spans="14:14">
      <c r="N454263" s="10"/>
    </row>
    <row r="454264" spans="14:14">
      <c r="N454264" s="10"/>
    </row>
    <row r="454265" spans="14:14">
      <c r="N454265" s="10"/>
    </row>
    <row r="454266" spans="14:14">
      <c r="N454266" s="10"/>
    </row>
    <row r="454267" spans="14:14">
      <c r="N454267" s="10"/>
    </row>
    <row r="454268" spans="14:14">
      <c r="N454268" s="10"/>
    </row>
    <row r="454269" spans="14:14">
      <c r="N454269" s="10"/>
    </row>
    <row r="454270" spans="14:14">
      <c r="N454270" s="10"/>
    </row>
    <row r="454271" spans="14:14">
      <c r="N454271" s="10"/>
    </row>
    <row r="454272" spans="14:14">
      <c r="N454272" s="10"/>
    </row>
    <row r="454273" spans="14:14">
      <c r="N454273" s="10"/>
    </row>
    <row r="454274" spans="14:14">
      <c r="N454274" s="10"/>
    </row>
    <row r="454275" spans="14:14">
      <c r="N454275" s="10"/>
    </row>
    <row r="454276" spans="14:14">
      <c r="N454276" s="10"/>
    </row>
    <row r="454277" spans="14:14">
      <c r="N454277" s="10"/>
    </row>
    <row r="454278" spans="14:14">
      <c r="N454278" s="10"/>
    </row>
    <row r="454279" spans="14:14">
      <c r="N454279" s="10"/>
    </row>
    <row r="454280" spans="14:14">
      <c r="N454280" s="10"/>
    </row>
    <row r="454281" spans="14:14">
      <c r="N454281" s="10"/>
    </row>
    <row r="454282" spans="14:14">
      <c r="N454282" s="10"/>
    </row>
    <row r="454283" spans="14:14">
      <c r="N454283" s="10"/>
    </row>
    <row r="454284" spans="14:14">
      <c r="N454284" s="10"/>
    </row>
    <row r="454285" spans="14:14">
      <c r="N454285" s="10"/>
    </row>
    <row r="454286" spans="14:14">
      <c r="N454286" s="10"/>
    </row>
    <row r="454287" spans="14:14">
      <c r="N454287" s="10"/>
    </row>
    <row r="454288" spans="14:14">
      <c r="N454288" s="10"/>
    </row>
    <row r="454289" spans="14:14">
      <c r="N454289" s="10"/>
    </row>
    <row r="454290" spans="14:14">
      <c r="N454290" s="10"/>
    </row>
    <row r="454291" spans="14:14">
      <c r="N454291" s="10"/>
    </row>
    <row r="454292" spans="14:14">
      <c r="N454292" s="10"/>
    </row>
    <row r="454293" spans="14:14">
      <c r="N454293" s="10"/>
    </row>
    <row r="454294" spans="14:14">
      <c r="N454294" s="10"/>
    </row>
    <row r="454295" spans="14:14">
      <c r="N454295" s="10"/>
    </row>
    <row r="454296" spans="14:14">
      <c r="N454296" s="10"/>
    </row>
    <row r="454297" spans="14:14">
      <c r="N454297" s="10"/>
    </row>
    <row r="454298" spans="14:14">
      <c r="N454298" s="10"/>
    </row>
    <row r="454299" spans="14:14">
      <c r="N454299" s="10"/>
    </row>
    <row r="454300" spans="14:14">
      <c r="N454300" s="10"/>
    </row>
    <row r="454301" spans="14:14">
      <c r="N454301" s="10"/>
    </row>
    <row r="454302" spans="14:14">
      <c r="N454302" s="10"/>
    </row>
    <row r="454303" spans="14:14">
      <c r="N454303" s="10"/>
    </row>
    <row r="454304" spans="14:14">
      <c r="N454304" s="10"/>
    </row>
    <row r="454305" spans="14:14">
      <c r="N454305" s="10"/>
    </row>
    <row r="454306" spans="14:14">
      <c r="N454306" s="10"/>
    </row>
    <row r="454307" spans="14:14">
      <c r="N454307" s="10"/>
    </row>
    <row r="454308" spans="14:14">
      <c r="N454308" s="10"/>
    </row>
    <row r="454309" spans="14:14">
      <c r="N454309" s="10"/>
    </row>
    <row r="454310" spans="14:14">
      <c r="N454310" s="10"/>
    </row>
    <row r="454311" spans="14:14">
      <c r="N454311" s="10"/>
    </row>
    <row r="454312" spans="14:14">
      <c r="N454312" s="10"/>
    </row>
    <row r="454313" spans="14:14">
      <c r="N454313" s="10"/>
    </row>
    <row r="454314" spans="14:14">
      <c r="N454314" s="10"/>
    </row>
    <row r="454315" spans="14:14">
      <c r="N454315" s="10"/>
    </row>
    <row r="454316" spans="14:14">
      <c r="N454316" s="10"/>
    </row>
    <row r="454317" spans="14:14">
      <c r="N454317" s="10"/>
    </row>
    <row r="454318" spans="14:14">
      <c r="N454318" s="10"/>
    </row>
    <row r="454319" spans="14:14">
      <c r="N454319" s="10"/>
    </row>
    <row r="454320" spans="14:14">
      <c r="N454320" s="10"/>
    </row>
    <row r="454321" spans="14:14">
      <c r="N454321" s="10"/>
    </row>
    <row r="454322" spans="14:14">
      <c r="N454322" s="10"/>
    </row>
    <row r="454323" spans="14:14">
      <c r="N454323" s="10"/>
    </row>
    <row r="454324" spans="14:14">
      <c r="N454324" s="10"/>
    </row>
    <row r="454325" spans="14:14">
      <c r="N454325" s="10"/>
    </row>
    <row r="454326" spans="14:14">
      <c r="N454326" s="10"/>
    </row>
    <row r="454327" spans="14:14">
      <c r="N454327" s="10"/>
    </row>
    <row r="454328" spans="14:14">
      <c r="N454328" s="10"/>
    </row>
    <row r="454329" spans="14:14">
      <c r="N454329" s="10"/>
    </row>
    <row r="454330" spans="14:14">
      <c r="N454330" s="10"/>
    </row>
    <row r="454331" spans="14:14">
      <c r="N454331" s="10"/>
    </row>
    <row r="454332" spans="14:14">
      <c r="N454332" s="10"/>
    </row>
    <row r="454333" spans="14:14">
      <c r="N454333" s="10"/>
    </row>
    <row r="454334" spans="14:14">
      <c r="N454334" s="10"/>
    </row>
    <row r="454335" spans="14:14">
      <c r="N454335" s="10"/>
    </row>
    <row r="454336" spans="14:14">
      <c r="N454336" s="10"/>
    </row>
    <row r="454337" spans="14:14">
      <c r="N454337" s="10"/>
    </row>
    <row r="454338" spans="14:14">
      <c r="N454338" s="10"/>
    </row>
    <row r="454339" spans="14:14">
      <c r="N454339" s="10"/>
    </row>
    <row r="454340" spans="14:14">
      <c r="N454340" s="10"/>
    </row>
    <row r="454341" spans="14:14">
      <c r="N454341" s="10"/>
    </row>
    <row r="454342" spans="14:14">
      <c r="N454342" s="10"/>
    </row>
    <row r="454343" spans="14:14">
      <c r="N454343" s="10"/>
    </row>
    <row r="454344" spans="14:14">
      <c r="N454344" s="10"/>
    </row>
    <row r="454345" spans="14:14">
      <c r="N454345" s="10"/>
    </row>
    <row r="454346" spans="14:14">
      <c r="N454346" s="10"/>
    </row>
    <row r="454347" spans="14:14">
      <c r="N454347" s="10"/>
    </row>
    <row r="454348" spans="14:14">
      <c r="N454348" s="10"/>
    </row>
    <row r="454349" spans="14:14">
      <c r="N454349" s="10"/>
    </row>
    <row r="454350" spans="14:14">
      <c r="N454350" s="10"/>
    </row>
    <row r="454351" spans="14:14">
      <c r="N454351" s="10"/>
    </row>
    <row r="454352" spans="14:14">
      <c r="N454352" s="10"/>
    </row>
    <row r="454353" spans="14:14">
      <c r="N454353" s="10"/>
    </row>
    <row r="454354" spans="14:14">
      <c r="N454354" s="10"/>
    </row>
    <row r="454355" spans="14:14">
      <c r="N454355" s="10"/>
    </row>
    <row r="454356" spans="14:14">
      <c r="N454356" s="10"/>
    </row>
    <row r="454357" spans="14:14">
      <c r="N454357" s="10"/>
    </row>
    <row r="454358" spans="14:14">
      <c r="N454358" s="10"/>
    </row>
    <row r="454359" spans="14:14">
      <c r="N454359" s="10"/>
    </row>
    <row r="454360" spans="14:14">
      <c r="N454360" s="10"/>
    </row>
    <row r="454361" spans="14:14">
      <c r="N454361" s="10"/>
    </row>
    <row r="454362" spans="14:14">
      <c r="N454362" s="10"/>
    </row>
    <row r="454363" spans="14:14">
      <c r="N454363" s="10"/>
    </row>
    <row r="454364" spans="14:14">
      <c r="N454364" s="10"/>
    </row>
    <row r="454365" spans="14:14">
      <c r="N454365" s="10"/>
    </row>
    <row r="454366" spans="14:14">
      <c r="N454366" s="10"/>
    </row>
    <row r="454367" spans="14:14">
      <c r="N454367" s="10"/>
    </row>
    <row r="454368" spans="14:14">
      <c r="N454368" s="10"/>
    </row>
    <row r="454369" spans="14:14">
      <c r="N454369" s="10"/>
    </row>
    <row r="454370" spans="14:14">
      <c r="N454370" s="10"/>
    </row>
    <row r="454371" spans="14:14">
      <c r="N454371" s="10"/>
    </row>
    <row r="454372" spans="14:14">
      <c r="N454372" s="10"/>
    </row>
    <row r="454373" spans="14:14">
      <c r="N454373" s="10"/>
    </row>
    <row r="454374" spans="14:14">
      <c r="N454374" s="10"/>
    </row>
    <row r="454375" spans="14:14">
      <c r="N454375" s="10"/>
    </row>
    <row r="454376" spans="14:14">
      <c r="N454376" s="10"/>
    </row>
    <row r="454377" spans="14:14">
      <c r="N454377" s="10"/>
    </row>
    <row r="454378" spans="14:14">
      <c r="N454378" s="10"/>
    </row>
    <row r="454379" spans="14:14">
      <c r="N454379" s="10"/>
    </row>
    <row r="454380" spans="14:14">
      <c r="N454380" s="10"/>
    </row>
    <row r="454381" spans="14:14">
      <c r="N454381" s="10"/>
    </row>
    <row r="454382" spans="14:14">
      <c r="N454382" s="10"/>
    </row>
    <row r="454383" spans="14:14">
      <c r="N454383" s="10"/>
    </row>
    <row r="454384" spans="14:14">
      <c r="N454384" s="10"/>
    </row>
    <row r="454385" spans="14:14">
      <c r="N454385" s="10"/>
    </row>
    <row r="454386" spans="14:14">
      <c r="N454386" s="10"/>
    </row>
    <row r="454387" spans="14:14">
      <c r="N454387" s="10"/>
    </row>
    <row r="454388" spans="14:14">
      <c r="N454388" s="10"/>
    </row>
    <row r="454389" spans="14:14">
      <c r="N454389" s="10"/>
    </row>
    <row r="454390" spans="14:14">
      <c r="N454390" s="10"/>
    </row>
    <row r="454391" spans="14:14">
      <c r="N454391" s="10"/>
    </row>
    <row r="454392" spans="14:14">
      <c r="N454392" s="10"/>
    </row>
    <row r="454393" spans="14:14">
      <c r="N454393" s="10"/>
    </row>
    <row r="454394" spans="14:14">
      <c r="N454394" s="10"/>
    </row>
    <row r="454395" spans="14:14">
      <c r="N454395" s="10"/>
    </row>
    <row r="454396" spans="14:14">
      <c r="N454396" s="10"/>
    </row>
    <row r="454397" spans="14:14">
      <c r="N454397" s="10"/>
    </row>
    <row r="454398" spans="14:14">
      <c r="N454398" s="10"/>
    </row>
    <row r="454399" spans="14:14">
      <c r="N454399" s="10"/>
    </row>
    <row r="454400" spans="14:14">
      <c r="N454400" s="10"/>
    </row>
    <row r="454401" spans="14:14">
      <c r="N454401" s="10"/>
    </row>
    <row r="454402" spans="14:14">
      <c r="N454402" s="10"/>
    </row>
    <row r="454403" spans="14:14">
      <c r="N454403" s="10"/>
    </row>
    <row r="454404" spans="14:14">
      <c r="N454404" s="10"/>
    </row>
    <row r="454405" spans="14:14">
      <c r="N454405" s="10"/>
    </row>
    <row r="454406" spans="14:14">
      <c r="N454406" s="10"/>
    </row>
    <row r="454407" spans="14:14">
      <c r="N454407" s="10"/>
    </row>
    <row r="454408" spans="14:14">
      <c r="N454408" s="10"/>
    </row>
    <row r="454409" spans="14:14">
      <c r="N454409" s="10"/>
    </row>
    <row r="454410" spans="14:14">
      <c r="N454410" s="10"/>
    </row>
    <row r="454411" spans="14:14">
      <c r="N454411" s="10"/>
    </row>
    <row r="454412" spans="14:14">
      <c r="N454412" s="10"/>
    </row>
    <row r="454413" spans="14:14">
      <c r="N454413" s="10"/>
    </row>
    <row r="454414" spans="14:14">
      <c r="N454414" s="10"/>
    </row>
    <row r="454415" spans="14:14">
      <c r="N454415" s="10"/>
    </row>
    <row r="454416" spans="14:14">
      <c r="N454416" s="10"/>
    </row>
    <row r="454417" spans="14:14">
      <c r="N454417" s="10"/>
    </row>
    <row r="454418" spans="14:14">
      <c r="N454418" s="10"/>
    </row>
    <row r="454419" spans="14:14">
      <c r="N454419" s="10"/>
    </row>
    <row r="454420" spans="14:14">
      <c r="N454420" s="10"/>
    </row>
    <row r="454421" spans="14:14">
      <c r="N454421" s="10"/>
    </row>
    <row r="454422" spans="14:14">
      <c r="N454422" s="10"/>
    </row>
    <row r="454423" spans="14:14">
      <c r="N454423" s="10"/>
    </row>
    <row r="454424" spans="14:14">
      <c r="N454424" s="10"/>
    </row>
    <row r="454425" spans="14:14">
      <c r="N454425" s="10"/>
    </row>
    <row r="454426" spans="14:14">
      <c r="N454426" s="10"/>
    </row>
    <row r="454427" spans="14:14">
      <c r="N454427" s="10"/>
    </row>
    <row r="454428" spans="14:14">
      <c r="N454428" s="10"/>
    </row>
    <row r="454429" spans="14:14">
      <c r="N454429" s="10"/>
    </row>
    <row r="454430" spans="14:14">
      <c r="N454430" s="10"/>
    </row>
    <row r="454431" spans="14:14">
      <c r="N454431" s="10"/>
    </row>
    <row r="454432" spans="14:14">
      <c r="N454432" s="10"/>
    </row>
    <row r="454433" spans="14:14">
      <c r="N454433" s="10"/>
    </row>
    <row r="454434" spans="14:14">
      <c r="N454434" s="10"/>
    </row>
    <row r="454435" spans="14:14">
      <c r="N454435" s="10"/>
    </row>
    <row r="454436" spans="14:14">
      <c r="N454436" s="10"/>
    </row>
    <row r="454437" spans="14:14">
      <c r="N454437" s="10"/>
    </row>
    <row r="454438" spans="14:14">
      <c r="N454438" s="10"/>
    </row>
    <row r="454439" spans="14:14">
      <c r="N454439" s="10"/>
    </row>
    <row r="454440" spans="14:14">
      <c r="N454440" s="10"/>
    </row>
    <row r="454441" spans="14:14">
      <c r="N454441" s="10"/>
    </row>
    <row r="454442" spans="14:14">
      <c r="N454442" s="10"/>
    </row>
    <row r="454443" spans="14:14">
      <c r="N454443" s="10"/>
    </row>
    <row r="454444" spans="14:14">
      <c r="N454444" s="10"/>
    </row>
    <row r="454445" spans="14:14">
      <c r="N454445" s="10"/>
    </row>
    <row r="454446" spans="14:14">
      <c r="N454446" s="10"/>
    </row>
    <row r="454447" spans="14:14">
      <c r="N454447" s="10"/>
    </row>
    <row r="454448" spans="14:14">
      <c r="N454448" s="10"/>
    </row>
    <row r="454449" spans="14:14">
      <c r="N454449" s="10"/>
    </row>
    <row r="454450" spans="14:14">
      <c r="N454450" s="10"/>
    </row>
    <row r="454451" spans="14:14">
      <c r="N454451" s="10"/>
    </row>
    <row r="454452" spans="14:14">
      <c r="N454452" s="10"/>
    </row>
    <row r="454453" spans="14:14">
      <c r="N454453" s="10"/>
    </row>
    <row r="454454" spans="14:14">
      <c r="N454454" s="10"/>
    </row>
    <row r="454455" spans="14:14">
      <c r="N454455" s="10"/>
    </row>
    <row r="454456" spans="14:14">
      <c r="N454456" s="10"/>
    </row>
    <row r="454457" spans="14:14">
      <c r="N454457" s="10"/>
    </row>
    <row r="454458" spans="14:14">
      <c r="N454458" s="10"/>
    </row>
    <row r="454459" spans="14:14">
      <c r="N454459" s="10"/>
    </row>
    <row r="454460" spans="14:14">
      <c r="N454460" s="10"/>
    </row>
    <row r="454461" spans="14:14">
      <c r="N454461" s="10"/>
    </row>
    <row r="454462" spans="14:14">
      <c r="N454462" s="10"/>
    </row>
    <row r="454463" spans="14:14">
      <c r="N454463" s="10"/>
    </row>
    <row r="454464" spans="14:14">
      <c r="N454464" s="10"/>
    </row>
    <row r="454465" spans="14:14">
      <c r="N454465" s="10"/>
    </row>
    <row r="454466" spans="14:14">
      <c r="N454466" s="10"/>
    </row>
    <row r="454467" spans="14:14">
      <c r="N454467" s="10"/>
    </row>
    <row r="454468" spans="14:14">
      <c r="N454468" s="10"/>
    </row>
    <row r="454469" spans="14:14">
      <c r="N454469" s="10"/>
    </row>
    <row r="454470" spans="14:14">
      <c r="N454470" s="10"/>
    </row>
    <row r="454471" spans="14:14">
      <c r="N454471" s="10"/>
    </row>
    <row r="454472" spans="14:14">
      <c r="N454472" s="10"/>
    </row>
    <row r="454473" spans="14:14">
      <c r="N454473" s="10"/>
    </row>
    <row r="454474" spans="14:14">
      <c r="N454474" s="10"/>
    </row>
    <row r="454475" spans="14:14">
      <c r="N454475" s="10"/>
    </row>
    <row r="454476" spans="14:14">
      <c r="N454476" s="10"/>
    </row>
    <row r="454477" spans="14:14">
      <c r="N454477" s="10"/>
    </row>
    <row r="454478" spans="14:14">
      <c r="N454478" s="10"/>
    </row>
    <row r="454479" spans="14:14">
      <c r="N454479" s="10"/>
    </row>
    <row r="454480" spans="14:14">
      <c r="N454480" s="10"/>
    </row>
    <row r="454481" spans="14:14">
      <c r="N454481" s="10"/>
    </row>
    <row r="454482" spans="14:14">
      <c r="N454482" s="10"/>
    </row>
    <row r="454483" spans="14:14">
      <c r="N454483" s="10"/>
    </row>
    <row r="454484" spans="14:14">
      <c r="N454484" s="10"/>
    </row>
    <row r="454485" spans="14:14">
      <c r="N454485" s="10"/>
    </row>
    <row r="454486" spans="14:14">
      <c r="N454486" s="10"/>
    </row>
    <row r="454487" spans="14:14">
      <c r="N454487" s="10"/>
    </row>
    <row r="454488" spans="14:14">
      <c r="N454488" s="10"/>
    </row>
    <row r="454489" spans="14:14">
      <c r="N454489" s="10"/>
    </row>
    <row r="454490" spans="14:14">
      <c r="N454490" s="10"/>
    </row>
    <row r="454491" spans="14:14">
      <c r="N454491" s="10"/>
    </row>
    <row r="454492" spans="14:14">
      <c r="N454492" s="10"/>
    </row>
    <row r="454493" spans="14:14">
      <c r="N454493" s="10"/>
    </row>
    <row r="454494" spans="14:14">
      <c r="N454494" s="10"/>
    </row>
    <row r="454495" spans="14:14">
      <c r="N454495" s="10"/>
    </row>
    <row r="454496" spans="14:14">
      <c r="N454496" s="10"/>
    </row>
    <row r="454497" spans="14:14">
      <c r="N454497" s="10"/>
    </row>
    <row r="454498" spans="14:14">
      <c r="N454498" s="10"/>
    </row>
    <row r="454499" spans="14:14">
      <c r="N454499" s="10"/>
    </row>
    <row r="454500" spans="14:14">
      <c r="N454500" s="10"/>
    </row>
    <row r="454501" spans="14:14">
      <c r="N454501" s="10"/>
    </row>
    <row r="454502" spans="14:14">
      <c r="N454502" s="10"/>
    </row>
    <row r="454503" spans="14:14">
      <c r="N454503" s="10"/>
    </row>
    <row r="454504" spans="14:14">
      <c r="N454504" s="10"/>
    </row>
    <row r="454505" spans="14:14">
      <c r="N454505" s="10"/>
    </row>
    <row r="454506" spans="14:14">
      <c r="N454506" s="10"/>
    </row>
    <row r="454507" spans="14:14">
      <c r="N454507" s="10"/>
    </row>
    <row r="454508" spans="14:14">
      <c r="N454508" s="10"/>
    </row>
    <row r="454509" spans="14:14">
      <c r="N454509" s="10"/>
    </row>
    <row r="454510" spans="14:14">
      <c r="N454510" s="10"/>
    </row>
    <row r="454511" spans="14:14">
      <c r="N454511" s="10"/>
    </row>
    <row r="454512" spans="14:14">
      <c r="N454512" s="10"/>
    </row>
    <row r="454513" spans="14:14">
      <c r="N454513" s="10"/>
    </row>
    <row r="454514" spans="14:14">
      <c r="N454514" s="10"/>
    </row>
    <row r="454515" spans="14:14">
      <c r="N454515" s="10"/>
    </row>
    <row r="454516" spans="14:14">
      <c r="N454516" s="10"/>
    </row>
    <row r="454517" spans="14:14">
      <c r="N454517" s="10"/>
    </row>
    <row r="454518" spans="14:14">
      <c r="N454518" s="10"/>
    </row>
    <row r="454519" spans="14:14">
      <c r="N454519" s="10"/>
    </row>
    <row r="454520" spans="14:14">
      <c r="N454520" s="10"/>
    </row>
    <row r="454521" spans="14:14">
      <c r="N454521" s="10"/>
    </row>
    <row r="454522" spans="14:14">
      <c r="N454522" s="10"/>
    </row>
    <row r="454523" spans="14:14">
      <c r="N454523" s="10"/>
    </row>
    <row r="454524" spans="14:14">
      <c r="N454524" s="10"/>
    </row>
    <row r="454525" spans="14:14">
      <c r="N454525" s="10"/>
    </row>
    <row r="454526" spans="14:14">
      <c r="N454526" s="10"/>
    </row>
    <row r="454527" spans="14:14">
      <c r="N454527" s="10"/>
    </row>
    <row r="454528" spans="14:14">
      <c r="N454528" s="10"/>
    </row>
    <row r="454529" spans="14:14">
      <c r="N454529" s="10"/>
    </row>
    <row r="454530" spans="14:14">
      <c r="N454530" s="10"/>
    </row>
    <row r="454531" spans="14:14">
      <c r="N454531" s="10"/>
    </row>
    <row r="454532" spans="14:14">
      <c r="N454532" s="10"/>
    </row>
    <row r="454533" spans="14:14">
      <c r="N454533" s="10"/>
    </row>
    <row r="454534" spans="14:14">
      <c r="N454534" s="10"/>
    </row>
    <row r="454535" spans="14:14">
      <c r="N454535" s="10"/>
    </row>
    <row r="454536" spans="14:14">
      <c r="N454536" s="10"/>
    </row>
    <row r="454537" spans="14:14">
      <c r="N454537" s="10"/>
    </row>
    <row r="454538" spans="14:14">
      <c r="N454538" s="10"/>
    </row>
    <row r="454539" spans="14:14">
      <c r="N454539" s="10"/>
    </row>
    <row r="454540" spans="14:14">
      <c r="N454540" s="10"/>
    </row>
    <row r="454541" spans="14:14">
      <c r="N454541" s="10"/>
    </row>
    <row r="454542" spans="14:14">
      <c r="N454542" s="10"/>
    </row>
    <row r="454543" spans="14:14">
      <c r="N454543" s="10"/>
    </row>
    <row r="454544" spans="14:14">
      <c r="N454544" s="10"/>
    </row>
    <row r="454545" spans="14:14">
      <c r="N454545" s="10"/>
    </row>
    <row r="454546" spans="14:14">
      <c r="N454546" s="10"/>
    </row>
    <row r="454547" spans="14:14">
      <c r="N454547" s="10"/>
    </row>
    <row r="454548" spans="14:14">
      <c r="N454548" s="10"/>
    </row>
    <row r="454549" spans="14:14">
      <c r="N454549" s="10"/>
    </row>
    <row r="454550" spans="14:14">
      <c r="N454550" s="10"/>
    </row>
    <row r="454551" spans="14:14">
      <c r="N454551" s="10"/>
    </row>
    <row r="454552" spans="14:14">
      <c r="N454552" s="10"/>
    </row>
    <row r="454553" spans="14:14">
      <c r="N454553" s="10"/>
    </row>
    <row r="454554" spans="14:14">
      <c r="N454554" s="10"/>
    </row>
    <row r="454555" spans="14:14">
      <c r="N454555" s="10"/>
    </row>
    <row r="454556" spans="14:14">
      <c r="N454556" s="10"/>
    </row>
    <row r="454557" spans="14:14">
      <c r="N454557" s="10"/>
    </row>
    <row r="454558" spans="14:14">
      <c r="N454558" s="10"/>
    </row>
    <row r="454559" spans="14:14">
      <c r="N454559" s="10"/>
    </row>
    <row r="454560" spans="14:14">
      <c r="N454560" s="10"/>
    </row>
    <row r="454561" spans="14:14">
      <c r="N454561" s="10"/>
    </row>
    <row r="454562" spans="14:14">
      <c r="N454562" s="10"/>
    </row>
    <row r="454563" spans="14:14">
      <c r="N454563" s="10"/>
    </row>
    <row r="454564" spans="14:14">
      <c r="N454564" s="10"/>
    </row>
    <row r="454565" spans="14:14">
      <c r="N454565" s="10"/>
    </row>
    <row r="454566" spans="14:14">
      <c r="N454566" s="10"/>
    </row>
    <row r="454567" spans="14:14">
      <c r="N454567" s="10"/>
    </row>
    <row r="454568" spans="14:14">
      <c r="N454568" s="10"/>
    </row>
    <row r="454569" spans="14:14">
      <c r="N454569" s="10"/>
    </row>
    <row r="454570" spans="14:14">
      <c r="N454570" s="10"/>
    </row>
    <row r="454571" spans="14:14">
      <c r="N454571" s="10"/>
    </row>
    <row r="454572" spans="14:14">
      <c r="N454572" s="10"/>
    </row>
    <row r="454573" spans="14:14">
      <c r="N454573" s="10"/>
    </row>
    <row r="454574" spans="14:14">
      <c r="N454574" s="10"/>
    </row>
    <row r="454575" spans="14:14">
      <c r="N454575" s="10"/>
    </row>
    <row r="454576" spans="14:14">
      <c r="N454576" s="10"/>
    </row>
    <row r="454577" spans="14:14">
      <c r="N454577" s="10"/>
    </row>
    <row r="454578" spans="14:14">
      <c r="N454578" s="10"/>
    </row>
    <row r="454579" spans="14:14">
      <c r="N454579" s="10"/>
    </row>
    <row r="454580" spans="14:14">
      <c r="N454580" s="10"/>
    </row>
    <row r="454581" spans="14:14">
      <c r="N454581" s="10"/>
    </row>
    <row r="454582" spans="14:14">
      <c r="N454582" s="10"/>
    </row>
    <row r="454583" spans="14:14">
      <c r="N454583" s="10"/>
    </row>
    <row r="454584" spans="14:14">
      <c r="N454584" s="10"/>
    </row>
    <row r="454585" spans="14:14">
      <c r="N454585" s="10"/>
    </row>
    <row r="454586" spans="14:14">
      <c r="N454586" s="10"/>
    </row>
    <row r="454587" spans="14:14">
      <c r="N454587" s="10"/>
    </row>
    <row r="454588" spans="14:14">
      <c r="N454588" s="10"/>
    </row>
    <row r="454589" spans="14:14">
      <c r="N454589" s="10"/>
    </row>
    <row r="454590" spans="14:14">
      <c r="N454590" s="10"/>
    </row>
    <row r="454591" spans="14:14">
      <c r="N454591" s="10"/>
    </row>
    <row r="454592" spans="14:14">
      <c r="N454592" s="10"/>
    </row>
    <row r="454593" spans="14:14">
      <c r="N454593" s="10"/>
    </row>
    <row r="454594" spans="14:14">
      <c r="N454594" s="10"/>
    </row>
    <row r="454595" spans="14:14">
      <c r="N454595" s="10"/>
    </row>
    <row r="454596" spans="14:14">
      <c r="N454596" s="10"/>
    </row>
    <row r="454597" spans="14:14">
      <c r="N454597" s="10"/>
    </row>
    <row r="454598" spans="14:14">
      <c r="N454598" s="10"/>
    </row>
    <row r="454599" spans="14:14">
      <c r="N454599" s="10"/>
    </row>
    <row r="454600" spans="14:14">
      <c r="N454600" s="10"/>
    </row>
    <row r="454601" spans="14:14">
      <c r="N454601" s="10"/>
    </row>
    <row r="454602" spans="14:14">
      <c r="N454602" s="10"/>
    </row>
    <row r="454603" spans="14:14">
      <c r="N454603" s="10"/>
    </row>
    <row r="454604" spans="14:14">
      <c r="N454604" s="10"/>
    </row>
    <row r="454605" spans="14:14">
      <c r="N454605" s="10"/>
    </row>
    <row r="454606" spans="14:14">
      <c r="N454606" s="10"/>
    </row>
    <row r="454607" spans="14:14">
      <c r="N454607" s="10"/>
    </row>
    <row r="454608" spans="14:14">
      <c r="N454608" s="10"/>
    </row>
    <row r="454609" spans="14:14">
      <c r="N454609" s="10"/>
    </row>
    <row r="454610" spans="14:14">
      <c r="N454610" s="10"/>
    </row>
    <row r="454611" spans="14:14">
      <c r="N454611" s="10"/>
    </row>
    <row r="454612" spans="14:14">
      <c r="N454612" s="10"/>
    </row>
    <row r="454613" spans="14:14">
      <c r="N454613" s="10"/>
    </row>
    <row r="454614" spans="14:14">
      <c r="N454614" s="10"/>
    </row>
    <row r="454615" spans="14:14">
      <c r="N454615" s="10"/>
    </row>
    <row r="454616" spans="14:14">
      <c r="N454616" s="10"/>
    </row>
    <row r="454617" spans="14:14">
      <c r="N454617" s="10"/>
    </row>
    <row r="454618" spans="14:14">
      <c r="N454618" s="10"/>
    </row>
    <row r="454619" spans="14:14">
      <c r="N454619" s="10"/>
    </row>
    <row r="454620" spans="14:14">
      <c r="N454620" s="10"/>
    </row>
    <row r="454621" spans="14:14">
      <c r="N454621" s="10"/>
    </row>
    <row r="454622" spans="14:14">
      <c r="N454622" s="10"/>
    </row>
    <row r="454623" spans="14:14">
      <c r="N454623" s="10"/>
    </row>
    <row r="454624" spans="14:14">
      <c r="N454624" s="10"/>
    </row>
    <row r="454625" spans="14:14">
      <c r="N454625" s="10"/>
    </row>
    <row r="454626" spans="14:14">
      <c r="N454626" s="10"/>
    </row>
    <row r="454627" spans="14:14">
      <c r="N454627" s="10"/>
    </row>
    <row r="454628" spans="14:14">
      <c r="N454628" s="10"/>
    </row>
    <row r="454629" spans="14:14">
      <c r="N454629" s="10"/>
    </row>
    <row r="454630" spans="14:14">
      <c r="N454630" s="10"/>
    </row>
    <row r="454631" spans="14:14">
      <c r="N454631" s="10"/>
    </row>
    <row r="454632" spans="14:14">
      <c r="N454632" s="10"/>
    </row>
    <row r="454633" spans="14:14">
      <c r="N454633" s="10"/>
    </row>
    <row r="454634" spans="14:14">
      <c r="N454634" s="10"/>
    </row>
    <row r="454635" spans="14:14">
      <c r="N454635" s="10"/>
    </row>
    <row r="454636" spans="14:14">
      <c r="N454636" s="10"/>
    </row>
    <row r="454637" spans="14:14">
      <c r="N454637" s="10"/>
    </row>
    <row r="454638" spans="14:14">
      <c r="N454638" s="10"/>
    </row>
    <row r="454639" spans="14:14">
      <c r="N454639" s="10"/>
    </row>
    <row r="454640" spans="14:14">
      <c r="N454640" s="10"/>
    </row>
    <row r="454641" spans="14:14">
      <c r="N454641" s="10"/>
    </row>
    <row r="454642" spans="14:14">
      <c r="N454642" s="10"/>
    </row>
    <row r="454643" spans="14:14">
      <c r="N454643" s="10"/>
    </row>
    <row r="454644" spans="14:14">
      <c r="N454644" s="10"/>
    </row>
    <row r="454645" spans="14:14">
      <c r="N454645" s="10"/>
    </row>
    <row r="454646" spans="14:14">
      <c r="N454646" s="10"/>
    </row>
    <row r="454647" spans="14:14">
      <c r="N454647" s="10"/>
    </row>
    <row r="454648" spans="14:14">
      <c r="N454648" s="10"/>
    </row>
    <row r="454649" spans="14:14">
      <c r="N454649" s="10"/>
    </row>
    <row r="454650" spans="14:14">
      <c r="N454650" s="10"/>
    </row>
    <row r="454651" spans="14:14">
      <c r="N454651" s="10"/>
    </row>
    <row r="454652" spans="14:14">
      <c r="N454652" s="10"/>
    </row>
    <row r="454653" spans="14:14">
      <c r="N454653" s="10"/>
    </row>
    <row r="454654" spans="14:14">
      <c r="N454654" s="10"/>
    </row>
    <row r="454655" spans="14:14">
      <c r="N454655" s="10"/>
    </row>
    <row r="454656" spans="14:14">
      <c r="N454656" s="10"/>
    </row>
    <row r="454657" spans="14:14">
      <c r="N454657" s="10"/>
    </row>
    <row r="454658" spans="14:14">
      <c r="N454658" s="10"/>
    </row>
    <row r="454659" spans="14:14">
      <c r="N454659" s="10"/>
    </row>
    <row r="454660" spans="14:14">
      <c r="N454660" s="10"/>
    </row>
    <row r="454661" spans="14:14">
      <c r="N454661" s="10"/>
    </row>
    <row r="454662" spans="14:14">
      <c r="N454662" s="10"/>
    </row>
    <row r="454663" spans="14:14">
      <c r="N454663" s="10"/>
    </row>
    <row r="454664" spans="14:14">
      <c r="N454664" s="10"/>
    </row>
    <row r="454665" spans="14:14">
      <c r="N454665" s="10"/>
    </row>
    <row r="454666" spans="14:14">
      <c r="N454666" s="10"/>
    </row>
    <row r="454667" spans="14:14">
      <c r="N454667" s="10"/>
    </row>
    <row r="454668" spans="14:14">
      <c r="N454668" s="10"/>
    </row>
    <row r="454669" spans="14:14">
      <c r="N454669" s="10"/>
    </row>
    <row r="454670" spans="14:14">
      <c r="N454670" s="10"/>
    </row>
    <row r="454671" spans="14:14">
      <c r="N454671" s="10"/>
    </row>
    <row r="454672" spans="14:14">
      <c r="N454672" s="10"/>
    </row>
    <row r="454673" spans="14:14">
      <c r="N454673" s="10"/>
    </row>
    <row r="454674" spans="14:14">
      <c r="N454674" s="10"/>
    </row>
    <row r="454675" spans="14:14">
      <c r="N454675" s="10"/>
    </row>
    <row r="454676" spans="14:14">
      <c r="N454676" s="10"/>
    </row>
    <row r="454677" spans="14:14">
      <c r="N454677" s="10"/>
    </row>
    <row r="454678" spans="14:14">
      <c r="N454678" s="10"/>
    </row>
    <row r="454679" spans="14:14">
      <c r="N454679" s="10"/>
    </row>
    <row r="454680" spans="14:14">
      <c r="N454680" s="10"/>
    </row>
    <row r="454681" spans="14:14">
      <c r="N454681" s="10"/>
    </row>
    <row r="454682" spans="14:14">
      <c r="N454682" s="10"/>
    </row>
    <row r="454683" spans="14:14">
      <c r="N454683" s="10"/>
    </row>
    <row r="454684" spans="14:14">
      <c r="N454684" s="10"/>
    </row>
    <row r="454685" spans="14:14">
      <c r="N454685" s="10"/>
    </row>
    <row r="454686" spans="14:14">
      <c r="N454686" s="10"/>
    </row>
    <row r="454687" spans="14:14">
      <c r="N454687" s="10"/>
    </row>
    <row r="454688" spans="14:14">
      <c r="N454688" s="10"/>
    </row>
    <row r="454689" spans="14:14">
      <c r="N454689" s="10"/>
    </row>
    <row r="454690" spans="14:14">
      <c r="N454690" s="10"/>
    </row>
    <row r="454691" spans="14:14">
      <c r="N454691" s="10"/>
    </row>
    <row r="454692" spans="14:14">
      <c r="N454692" s="10"/>
    </row>
    <row r="454693" spans="14:14">
      <c r="N454693" s="10"/>
    </row>
    <row r="454694" spans="14:14">
      <c r="N454694" s="10"/>
    </row>
    <row r="454695" spans="14:14">
      <c r="N454695" s="10"/>
    </row>
    <row r="454696" spans="14:14">
      <c r="N454696" s="10"/>
    </row>
    <row r="454697" spans="14:14">
      <c r="N454697" s="10"/>
    </row>
    <row r="454698" spans="14:14">
      <c r="N454698" s="10"/>
    </row>
    <row r="454699" spans="14:14">
      <c r="N454699" s="10"/>
    </row>
    <row r="454700" spans="14:14">
      <c r="N454700" s="10"/>
    </row>
    <row r="454701" spans="14:14">
      <c r="N454701" s="10"/>
    </row>
    <row r="454702" spans="14:14">
      <c r="N454702" s="10"/>
    </row>
    <row r="454703" spans="14:14">
      <c r="N454703" s="10"/>
    </row>
    <row r="454704" spans="14:14">
      <c r="N454704" s="10"/>
    </row>
    <row r="454705" spans="14:14">
      <c r="N454705" s="10"/>
    </row>
    <row r="454706" spans="14:14">
      <c r="N454706" s="10"/>
    </row>
    <row r="454707" spans="14:14">
      <c r="N454707" s="10"/>
    </row>
    <row r="454708" spans="14:14">
      <c r="N454708" s="10"/>
    </row>
    <row r="454709" spans="14:14">
      <c r="N454709" s="10"/>
    </row>
    <row r="454710" spans="14:14">
      <c r="N454710" s="10"/>
    </row>
    <row r="454711" spans="14:14">
      <c r="N454711" s="10"/>
    </row>
    <row r="454712" spans="14:14">
      <c r="N454712" s="10"/>
    </row>
    <row r="454713" spans="14:14">
      <c r="N454713" s="10"/>
    </row>
    <row r="454714" spans="14:14">
      <c r="N454714" s="10"/>
    </row>
    <row r="454715" spans="14:14">
      <c r="N454715" s="10"/>
    </row>
    <row r="454716" spans="14:14">
      <c r="N454716" s="10"/>
    </row>
    <row r="454717" spans="14:14">
      <c r="N454717" s="10"/>
    </row>
    <row r="454718" spans="14:14">
      <c r="N454718" s="10"/>
    </row>
    <row r="454719" spans="14:14">
      <c r="N454719" s="10"/>
    </row>
    <row r="454720" spans="14:14">
      <c r="N454720" s="10"/>
    </row>
    <row r="454721" spans="14:14">
      <c r="N454721" s="10"/>
    </row>
    <row r="454722" spans="14:14">
      <c r="N454722" s="10"/>
    </row>
    <row r="454723" spans="14:14">
      <c r="N454723" s="10"/>
    </row>
    <row r="454724" spans="14:14">
      <c r="N454724" s="10"/>
    </row>
    <row r="454725" spans="14:14">
      <c r="N454725" s="10"/>
    </row>
    <row r="454726" spans="14:14">
      <c r="N454726" s="10"/>
    </row>
    <row r="454727" spans="14:14">
      <c r="N454727" s="10"/>
    </row>
    <row r="454728" spans="14:14">
      <c r="N454728" s="10"/>
    </row>
    <row r="454729" spans="14:14">
      <c r="N454729" s="10"/>
    </row>
    <row r="454730" spans="14:14">
      <c r="N454730" s="10"/>
    </row>
    <row r="454731" spans="14:14">
      <c r="N454731" s="10"/>
    </row>
    <row r="454732" spans="14:14">
      <c r="N454732" s="10"/>
    </row>
    <row r="454733" spans="14:14">
      <c r="N454733" s="10"/>
    </row>
    <row r="454734" spans="14:14">
      <c r="N454734" s="10"/>
    </row>
    <row r="454735" spans="14:14">
      <c r="N454735" s="10"/>
    </row>
    <row r="454736" spans="14:14">
      <c r="N454736" s="10"/>
    </row>
    <row r="454737" spans="14:14">
      <c r="N454737" s="10"/>
    </row>
    <row r="454738" spans="14:14">
      <c r="N454738" s="10"/>
    </row>
    <row r="454739" spans="14:14">
      <c r="N454739" s="10"/>
    </row>
    <row r="454740" spans="14:14">
      <c r="N454740" s="10"/>
    </row>
    <row r="454741" spans="14:14">
      <c r="N454741" s="10"/>
    </row>
    <row r="454742" spans="14:14">
      <c r="N454742" s="10"/>
    </row>
    <row r="454743" spans="14:14">
      <c r="N454743" s="10"/>
    </row>
    <row r="454744" spans="14:14">
      <c r="N454744" s="10"/>
    </row>
    <row r="454745" spans="14:14">
      <c r="N454745" s="10"/>
    </row>
    <row r="454746" spans="14:14">
      <c r="N454746" s="10"/>
    </row>
    <row r="454747" spans="14:14">
      <c r="N454747" s="10"/>
    </row>
    <row r="454748" spans="14:14">
      <c r="N454748" s="10"/>
    </row>
    <row r="454749" spans="14:14">
      <c r="N454749" s="10"/>
    </row>
    <row r="454750" spans="14:14">
      <c r="N454750" s="10"/>
    </row>
    <row r="454751" spans="14:14">
      <c r="N454751" s="10"/>
    </row>
    <row r="454752" spans="14:14">
      <c r="N454752" s="10"/>
    </row>
    <row r="454753" spans="14:14">
      <c r="N454753" s="10"/>
    </row>
    <row r="454754" spans="14:14">
      <c r="N454754" s="10"/>
    </row>
    <row r="454755" spans="14:14">
      <c r="N454755" s="10"/>
    </row>
    <row r="454756" spans="14:14">
      <c r="N454756" s="10"/>
    </row>
    <row r="454757" spans="14:14">
      <c r="N454757" s="10"/>
    </row>
    <row r="454758" spans="14:14">
      <c r="N454758" s="10"/>
    </row>
    <row r="454759" spans="14:14">
      <c r="N454759" s="10"/>
    </row>
    <row r="454760" spans="14:14">
      <c r="N454760" s="10"/>
    </row>
    <row r="454761" spans="14:14">
      <c r="N454761" s="10"/>
    </row>
    <row r="454762" spans="14:14">
      <c r="N454762" s="10"/>
    </row>
    <row r="454763" spans="14:14">
      <c r="N454763" s="10"/>
    </row>
    <row r="454764" spans="14:14">
      <c r="N454764" s="10"/>
    </row>
    <row r="454765" spans="14:14">
      <c r="N454765" s="10"/>
    </row>
    <row r="454766" spans="14:14">
      <c r="N454766" s="10"/>
    </row>
    <row r="454767" spans="14:14">
      <c r="N454767" s="10"/>
    </row>
    <row r="454768" spans="14:14">
      <c r="N454768" s="10"/>
    </row>
    <row r="454769" spans="14:14">
      <c r="N454769" s="10"/>
    </row>
    <row r="454770" spans="14:14">
      <c r="N454770" s="10"/>
    </row>
    <row r="454771" spans="14:14">
      <c r="N454771" s="10"/>
    </row>
    <row r="454772" spans="14:14">
      <c r="N454772" s="10"/>
    </row>
    <row r="454773" spans="14:14">
      <c r="N454773" s="10"/>
    </row>
    <row r="454774" spans="14:14">
      <c r="N454774" s="10"/>
    </row>
    <row r="454775" spans="14:14">
      <c r="N454775" s="10"/>
    </row>
    <row r="454776" spans="14:14">
      <c r="N454776" s="10"/>
    </row>
    <row r="454777" spans="14:14">
      <c r="N454777" s="10"/>
    </row>
    <row r="454778" spans="14:14">
      <c r="N454778" s="10"/>
    </row>
    <row r="454779" spans="14:14">
      <c r="N454779" s="10"/>
    </row>
    <row r="454780" spans="14:14">
      <c r="N454780" s="10"/>
    </row>
    <row r="454781" spans="14:14">
      <c r="N454781" s="10"/>
    </row>
    <row r="454782" spans="14:14">
      <c r="N454782" s="10"/>
    </row>
    <row r="454783" spans="14:14">
      <c r="N454783" s="10"/>
    </row>
    <row r="454784" spans="14:14">
      <c r="N454784" s="10"/>
    </row>
    <row r="454785" spans="14:14">
      <c r="N454785" s="10"/>
    </row>
    <row r="454786" spans="14:14">
      <c r="N454786" s="10"/>
    </row>
    <row r="454787" spans="14:14">
      <c r="N454787" s="10"/>
    </row>
    <row r="454788" spans="14:14">
      <c r="N454788" s="10"/>
    </row>
    <row r="454789" spans="14:14">
      <c r="N454789" s="10"/>
    </row>
    <row r="454790" spans="14:14">
      <c r="N454790" s="10"/>
    </row>
    <row r="454791" spans="14:14">
      <c r="N454791" s="10"/>
    </row>
    <row r="454792" spans="14:14">
      <c r="N454792" s="10"/>
    </row>
    <row r="454793" spans="14:14">
      <c r="N454793" s="10"/>
    </row>
    <row r="454794" spans="14:14">
      <c r="N454794" s="10"/>
    </row>
    <row r="454795" spans="14:14">
      <c r="N454795" s="10"/>
    </row>
    <row r="454796" spans="14:14">
      <c r="N454796" s="10"/>
    </row>
    <row r="454797" spans="14:14">
      <c r="N454797" s="10"/>
    </row>
    <row r="454798" spans="14:14">
      <c r="N454798" s="10"/>
    </row>
    <row r="454799" spans="14:14">
      <c r="N454799" s="10"/>
    </row>
    <row r="454800" spans="14:14">
      <c r="N454800" s="10"/>
    </row>
    <row r="454801" spans="14:14">
      <c r="N454801" s="10"/>
    </row>
    <row r="454802" spans="14:14">
      <c r="N454802" s="10"/>
    </row>
    <row r="454803" spans="14:14">
      <c r="N454803" s="10"/>
    </row>
    <row r="454804" spans="14:14">
      <c r="N454804" s="10"/>
    </row>
    <row r="454805" spans="14:14">
      <c r="N454805" s="10"/>
    </row>
    <row r="454806" spans="14:14">
      <c r="N454806" s="10"/>
    </row>
    <row r="454807" spans="14:14">
      <c r="N454807" s="10"/>
    </row>
    <row r="454808" spans="14:14">
      <c r="N454808" s="10"/>
    </row>
    <row r="454809" spans="14:14">
      <c r="N454809" s="10"/>
    </row>
    <row r="454810" spans="14:14">
      <c r="N454810" s="10"/>
    </row>
    <row r="454811" spans="14:14">
      <c r="N454811" s="10"/>
    </row>
    <row r="454812" spans="14:14">
      <c r="N454812" s="10"/>
    </row>
    <row r="454813" spans="14:14">
      <c r="N454813" s="10"/>
    </row>
    <row r="454814" spans="14:14">
      <c r="N454814" s="10"/>
    </row>
    <row r="454815" spans="14:14">
      <c r="N454815" s="10"/>
    </row>
    <row r="454816" spans="14:14">
      <c r="N454816" s="10"/>
    </row>
    <row r="454817" spans="14:14">
      <c r="N454817" s="10"/>
    </row>
    <row r="454818" spans="14:14">
      <c r="N454818" s="10"/>
    </row>
    <row r="454819" spans="14:14">
      <c r="N454819" s="10"/>
    </row>
    <row r="454820" spans="14:14">
      <c r="N454820" s="10"/>
    </row>
    <row r="454821" spans="14:14">
      <c r="N454821" s="10"/>
    </row>
    <row r="454822" spans="14:14">
      <c r="N454822" s="10"/>
    </row>
    <row r="454823" spans="14:14">
      <c r="N454823" s="10"/>
    </row>
    <row r="454824" spans="14:14">
      <c r="N454824" s="10"/>
    </row>
    <row r="454825" spans="14:14">
      <c r="N454825" s="10"/>
    </row>
    <row r="454826" spans="14:14">
      <c r="N454826" s="10"/>
    </row>
    <row r="454827" spans="14:14">
      <c r="N454827" s="10"/>
    </row>
    <row r="454828" spans="14:14">
      <c r="N454828" s="10"/>
    </row>
    <row r="454829" spans="14:14">
      <c r="N454829" s="10"/>
    </row>
    <row r="454830" spans="14:14">
      <c r="N454830" s="10"/>
    </row>
    <row r="454831" spans="14:14">
      <c r="N454831" s="10"/>
    </row>
    <row r="454832" spans="14:14">
      <c r="N454832" s="10"/>
    </row>
    <row r="454833" spans="14:14">
      <c r="N454833" s="10"/>
    </row>
    <row r="454834" spans="14:14">
      <c r="N454834" s="10"/>
    </row>
    <row r="454835" spans="14:14">
      <c r="N454835" s="10"/>
    </row>
    <row r="454836" spans="14:14">
      <c r="N454836" s="10"/>
    </row>
    <row r="454837" spans="14:14">
      <c r="N454837" s="10"/>
    </row>
    <row r="454838" spans="14:14">
      <c r="N454838" s="10"/>
    </row>
    <row r="454839" spans="14:14">
      <c r="N454839" s="10"/>
    </row>
    <row r="454840" spans="14:14">
      <c r="N454840" s="10"/>
    </row>
    <row r="454841" spans="14:14">
      <c r="N454841" s="10"/>
    </row>
    <row r="454842" spans="14:14">
      <c r="N454842" s="10"/>
    </row>
    <row r="454843" spans="14:14">
      <c r="N454843" s="10"/>
    </row>
    <row r="454844" spans="14:14">
      <c r="N454844" s="10"/>
    </row>
    <row r="454845" spans="14:14">
      <c r="N454845" s="10"/>
    </row>
    <row r="454846" spans="14:14">
      <c r="N454846" s="10"/>
    </row>
    <row r="454847" spans="14:14">
      <c r="N454847" s="10"/>
    </row>
    <row r="454848" spans="14:14">
      <c r="N454848" s="10"/>
    </row>
    <row r="454849" spans="14:14">
      <c r="N454849" s="10"/>
    </row>
    <row r="454850" spans="14:14">
      <c r="N454850" s="10"/>
    </row>
    <row r="454851" spans="14:14">
      <c r="N454851" s="10"/>
    </row>
    <row r="454852" spans="14:14">
      <c r="N454852" s="10"/>
    </row>
    <row r="454853" spans="14:14">
      <c r="N454853" s="10"/>
    </row>
    <row r="454854" spans="14:14">
      <c r="N454854" s="10"/>
    </row>
    <row r="454855" spans="14:14">
      <c r="N454855" s="10"/>
    </row>
    <row r="454856" spans="14:14">
      <c r="N454856" s="10"/>
    </row>
    <row r="454857" spans="14:14">
      <c r="N454857" s="10"/>
    </row>
    <row r="454858" spans="14:14">
      <c r="N454858" s="10"/>
    </row>
    <row r="454859" spans="14:14">
      <c r="N454859" s="10"/>
    </row>
    <row r="454860" spans="14:14">
      <c r="N454860" s="10"/>
    </row>
    <row r="454861" spans="14:14">
      <c r="N454861" s="10"/>
    </row>
    <row r="454862" spans="14:14">
      <c r="N454862" s="10"/>
    </row>
    <row r="454863" spans="14:14">
      <c r="N454863" s="10"/>
    </row>
    <row r="454864" spans="14:14">
      <c r="N454864" s="10"/>
    </row>
    <row r="454865" spans="14:14">
      <c r="N454865" s="10"/>
    </row>
    <row r="454866" spans="14:14">
      <c r="N454866" s="10"/>
    </row>
    <row r="454867" spans="14:14">
      <c r="N454867" s="10"/>
    </row>
    <row r="454868" spans="14:14">
      <c r="N454868" s="10"/>
    </row>
    <row r="454869" spans="14:14">
      <c r="N454869" s="10"/>
    </row>
    <row r="454870" spans="14:14">
      <c r="N454870" s="10"/>
    </row>
    <row r="454871" spans="14:14">
      <c r="N454871" s="10"/>
    </row>
    <row r="454872" spans="14:14">
      <c r="N454872" s="10"/>
    </row>
    <row r="454873" spans="14:14">
      <c r="N454873" s="10"/>
    </row>
    <row r="454874" spans="14:14">
      <c r="N454874" s="10"/>
    </row>
    <row r="454875" spans="14:14">
      <c r="N454875" s="10"/>
    </row>
    <row r="454876" spans="14:14">
      <c r="N454876" s="10"/>
    </row>
    <row r="454877" spans="14:14">
      <c r="N454877" s="10"/>
    </row>
    <row r="454878" spans="14:14">
      <c r="N454878" s="10"/>
    </row>
    <row r="454879" spans="14:14">
      <c r="N454879" s="10"/>
    </row>
    <row r="454880" spans="14:14">
      <c r="N454880" s="10"/>
    </row>
    <row r="454881" spans="14:14">
      <c r="N454881" s="10"/>
    </row>
    <row r="454882" spans="14:14">
      <c r="N454882" s="10"/>
    </row>
    <row r="454883" spans="14:14">
      <c r="N454883" s="10"/>
    </row>
    <row r="454884" spans="14:14">
      <c r="N454884" s="10"/>
    </row>
    <row r="454885" spans="14:14">
      <c r="N454885" s="10"/>
    </row>
    <row r="454886" spans="14:14">
      <c r="N454886" s="10"/>
    </row>
    <row r="454887" spans="14:14">
      <c r="N454887" s="10"/>
    </row>
    <row r="454888" spans="14:14">
      <c r="N454888" s="10"/>
    </row>
    <row r="454889" spans="14:14">
      <c r="N454889" s="10"/>
    </row>
    <row r="454890" spans="14:14">
      <c r="N454890" s="10"/>
    </row>
    <row r="454891" spans="14:14">
      <c r="N454891" s="10"/>
    </row>
    <row r="454892" spans="14:14">
      <c r="N454892" s="10"/>
    </row>
    <row r="454893" spans="14:14">
      <c r="N454893" s="10"/>
    </row>
    <row r="454894" spans="14:14">
      <c r="N454894" s="10"/>
    </row>
    <row r="454895" spans="14:14">
      <c r="N454895" s="10"/>
    </row>
    <row r="454896" spans="14:14">
      <c r="N454896" s="10"/>
    </row>
    <row r="454897" spans="14:14">
      <c r="N454897" s="10"/>
    </row>
    <row r="454898" spans="14:14">
      <c r="N454898" s="10"/>
    </row>
    <row r="454899" spans="14:14">
      <c r="N454899" s="10"/>
    </row>
    <row r="454900" spans="14:14">
      <c r="N454900" s="10"/>
    </row>
    <row r="454901" spans="14:14">
      <c r="N454901" s="10"/>
    </row>
    <row r="454902" spans="14:14">
      <c r="N454902" s="10"/>
    </row>
    <row r="454903" spans="14:14">
      <c r="N454903" s="10"/>
    </row>
    <row r="454904" spans="14:14">
      <c r="N454904" s="10"/>
    </row>
    <row r="454905" spans="14:14">
      <c r="N454905" s="10"/>
    </row>
    <row r="454906" spans="14:14">
      <c r="N454906" s="10"/>
    </row>
    <row r="454907" spans="14:14">
      <c r="N454907" s="10"/>
    </row>
    <row r="454908" spans="14:14">
      <c r="N454908" s="10"/>
    </row>
    <row r="454909" spans="14:14">
      <c r="N454909" s="10"/>
    </row>
    <row r="454910" spans="14:14">
      <c r="N454910" s="10"/>
    </row>
    <row r="454911" spans="14:14">
      <c r="N454911" s="10"/>
    </row>
    <row r="454912" spans="14:14">
      <c r="N454912" s="10"/>
    </row>
    <row r="454913" spans="14:14">
      <c r="N454913" s="10"/>
    </row>
    <row r="454914" spans="14:14">
      <c r="N454914" s="10"/>
    </row>
    <row r="454915" spans="14:14">
      <c r="N454915" s="10"/>
    </row>
    <row r="454916" spans="14:14">
      <c r="N454916" s="10"/>
    </row>
    <row r="454917" spans="14:14">
      <c r="N454917" s="10"/>
    </row>
    <row r="454918" spans="14:14">
      <c r="N454918" s="10"/>
    </row>
    <row r="454919" spans="14:14">
      <c r="N454919" s="10"/>
    </row>
    <row r="454920" spans="14:14">
      <c r="N454920" s="10"/>
    </row>
    <row r="454921" spans="14:14">
      <c r="N454921" s="10"/>
    </row>
    <row r="454922" spans="14:14">
      <c r="N454922" s="10"/>
    </row>
    <row r="454923" spans="14:14">
      <c r="N454923" s="10"/>
    </row>
    <row r="454924" spans="14:14">
      <c r="N454924" s="10"/>
    </row>
    <row r="454925" spans="14:14">
      <c r="N454925" s="10"/>
    </row>
    <row r="454926" spans="14:14">
      <c r="N454926" s="10"/>
    </row>
    <row r="454927" spans="14:14">
      <c r="N454927" s="10"/>
    </row>
    <row r="454928" spans="14:14">
      <c r="N454928" s="10"/>
    </row>
    <row r="454929" spans="14:14">
      <c r="N454929" s="10"/>
    </row>
    <row r="454930" spans="14:14">
      <c r="N454930" s="10"/>
    </row>
    <row r="454931" spans="14:14">
      <c r="N454931" s="10"/>
    </row>
    <row r="454932" spans="14:14">
      <c r="N454932" s="10"/>
    </row>
    <row r="454933" spans="14:14">
      <c r="N454933" s="10"/>
    </row>
    <row r="454934" spans="14:14">
      <c r="N454934" s="10"/>
    </row>
    <row r="454935" spans="14:14">
      <c r="N454935" s="10"/>
    </row>
    <row r="454936" spans="14:14">
      <c r="N454936" s="10"/>
    </row>
    <row r="454937" spans="14:14">
      <c r="N454937" s="10"/>
    </row>
    <row r="454938" spans="14:14">
      <c r="N454938" s="10"/>
    </row>
    <row r="454939" spans="14:14">
      <c r="N454939" s="10"/>
    </row>
    <row r="454940" spans="14:14">
      <c r="N454940" s="10"/>
    </row>
    <row r="454941" spans="14:14">
      <c r="N454941" s="10"/>
    </row>
    <row r="454942" spans="14:14">
      <c r="N454942" s="10"/>
    </row>
    <row r="454943" spans="14:14">
      <c r="N454943" s="10"/>
    </row>
    <row r="454944" spans="14:14">
      <c r="N454944" s="10"/>
    </row>
    <row r="454945" spans="14:14">
      <c r="N454945" s="10"/>
    </row>
    <row r="454946" spans="14:14">
      <c r="N454946" s="10"/>
    </row>
    <row r="454947" spans="14:14">
      <c r="N454947" s="10"/>
    </row>
    <row r="454948" spans="14:14">
      <c r="N454948" s="10"/>
    </row>
    <row r="454949" spans="14:14">
      <c r="N454949" s="10"/>
    </row>
    <row r="454950" spans="14:14">
      <c r="N454950" s="10"/>
    </row>
    <row r="454951" spans="14:14">
      <c r="N454951" s="10"/>
    </row>
    <row r="454952" spans="14:14">
      <c r="N454952" s="10"/>
    </row>
    <row r="454953" spans="14:14">
      <c r="N454953" s="10"/>
    </row>
    <row r="454954" spans="14:14">
      <c r="N454954" s="10"/>
    </row>
    <row r="454955" spans="14:14">
      <c r="N454955" s="10"/>
    </row>
    <row r="454956" spans="14:14">
      <c r="N454956" s="10"/>
    </row>
    <row r="454957" spans="14:14">
      <c r="N454957" s="10"/>
    </row>
    <row r="454958" spans="14:14">
      <c r="N454958" s="10"/>
    </row>
    <row r="454959" spans="14:14">
      <c r="N454959" s="10"/>
    </row>
    <row r="454960" spans="14:14">
      <c r="N454960" s="10"/>
    </row>
    <row r="454961" spans="14:14">
      <c r="N454961" s="10"/>
    </row>
    <row r="454962" spans="14:14">
      <c r="N454962" s="10"/>
    </row>
    <row r="454963" spans="14:14">
      <c r="N454963" s="10"/>
    </row>
    <row r="454964" spans="14:14">
      <c r="N454964" s="10"/>
    </row>
    <row r="454965" spans="14:14">
      <c r="N454965" s="10"/>
    </row>
    <row r="454966" spans="14:14">
      <c r="N454966" s="10"/>
    </row>
    <row r="454967" spans="14:14">
      <c r="N454967" s="10"/>
    </row>
    <row r="454968" spans="14:14">
      <c r="N454968" s="10"/>
    </row>
    <row r="454969" spans="14:14">
      <c r="N454969" s="10"/>
    </row>
    <row r="454970" spans="14:14">
      <c r="N454970" s="10"/>
    </row>
    <row r="454971" spans="14:14">
      <c r="N454971" s="10"/>
    </row>
    <row r="454972" spans="14:14">
      <c r="N454972" s="10"/>
    </row>
    <row r="454973" spans="14:14">
      <c r="N454973" s="10"/>
    </row>
    <row r="454974" spans="14:14">
      <c r="N454974" s="10"/>
    </row>
    <row r="454975" spans="14:14">
      <c r="N454975" s="10"/>
    </row>
    <row r="454976" spans="14:14">
      <c r="N454976" s="10"/>
    </row>
    <row r="454977" spans="14:14">
      <c r="N454977" s="10"/>
    </row>
    <row r="454978" spans="14:14">
      <c r="N454978" s="10"/>
    </row>
    <row r="454979" spans="14:14">
      <c r="N454979" s="10"/>
    </row>
    <row r="454980" spans="14:14">
      <c r="N454980" s="10"/>
    </row>
    <row r="454981" spans="14:14">
      <c r="N454981" s="10"/>
    </row>
    <row r="454982" spans="14:14">
      <c r="N454982" s="10"/>
    </row>
    <row r="454983" spans="14:14">
      <c r="N454983" s="10"/>
    </row>
    <row r="454984" spans="14:14">
      <c r="N454984" s="10"/>
    </row>
    <row r="454985" spans="14:14">
      <c r="N454985" s="10"/>
    </row>
    <row r="454986" spans="14:14">
      <c r="N454986" s="10"/>
    </row>
    <row r="454987" spans="14:14">
      <c r="N454987" s="10"/>
    </row>
    <row r="454988" spans="14:14">
      <c r="N454988" s="10"/>
    </row>
    <row r="454989" spans="14:14">
      <c r="N454989" s="10"/>
    </row>
    <row r="454990" spans="14:14">
      <c r="N454990" s="10"/>
    </row>
    <row r="454991" spans="14:14">
      <c r="N454991" s="10"/>
    </row>
    <row r="454992" spans="14:14">
      <c r="N454992" s="10"/>
    </row>
    <row r="454993" spans="14:14">
      <c r="N454993" s="10"/>
    </row>
    <row r="454994" spans="14:14">
      <c r="N454994" s="10"/>
    </row>
    <row r="454995" spans="14:14">
      <c r="N454995" s="10"/>
    </row>
    <row r="454996" spans="14:14">
      <c r="N454996" s="10"/>
    </row>
    <row r="454997" spans="14:14">
      <c r="N454997" s="10"/>
    </row>
    <row r="454998" spans="14:14">
      <c r="N454998" s="10"/>
    </row>
    <row r="454999" spans="14:14">
      <c r="N454999" s="10"/>
    </row>
    <row r="455000" spans="14:14">
      <c r="N455000" s="10"/>
    </row>
    <row r="455001" spans="14:14">
      <c r="N455001" s="10"/>
    </row>
    <row r="455002" spans="14:14">
      <c r="N455002" s="10"/>
    </row>
    <row r="455003" spans="14:14">
      <c r="N455003" s="10"/>
    </row>
    <row r="455004" spans="14:14">
      <c r="N455004" s="10"/>
    </row>
    <row r="455005" spans="14:14">
      <c r="N455005" s="10"/>
    </row>
    <row r="455006" spans="14:14">
      <c r="N455006" s="10"/>
    </row>
    <row r="455007" spans="14:14">
      <c r="N455007" s="10"/>
    </row>
    <row r="455008" spans="14:14">
      <c r="N455008" s="10"/>
    </row>
    <row r="455009" spans="14:14">
      <c r="N455009" s="10"/>
    </row>
    <row r="455010" spans="14:14">
      <c r="N455010" s="10"/>
    </row>
    <row r="455011" spans="14:14">
      <c r="N455011" s="10"/>
    </row>
    <row r="455012" spans="14:14">
      <c r="N455012" s="10"/>
    </row>
    <row r="455013" spans="14:14">
      <c r="N455013" s="10"/>
    </row>
    <row r="455014" spans="14:14">
      <c r="N455014" s="10"/>
    </row>
    <row r="455015" spans="14:14">
      <c r="N455015" s="10"/>
    </row>
    <row r="455016" spans="14:14">
      <c r="N455016" s="10"/>
    </row>
    <row r="455017" spans="14:14">
      <c r="N455017" s="10"/>
    </row>
    <row r="455018" spans="14:14">
      <c r="N455018" s="10"/>
    </row>
    <row r="455019" spans="14:14">
      <c r="N455019" s="10"/>
    </row>
    <row r="455020" spans="14:14">
      <c r="N455020" s="10"/>
    </row>
    <row r="455021" spans="14:14">
      <c r="N455021" s="10"/>
    </row>
    <row r="455022" spans="14:14">
      <c r="N455022" s="10"/>
    </row>
    <row r="455023" spans="14:14">
      <c r="N455023" s="10"/>
    </row>
    <row r="455024" spans="14:14">
      <c r="N455024" s="10"/>
    </row>
    <row r="455025" spans="14:14">
      <c r="N455025" s="10"/>
    </row>
    <row r="455026" spans="14:14">
      <c r="N455026" s="10"/>
    </row>
    <row r="455027" spans="14:14">
      <c r="N455027" s="10"/>
    </row>
    <row r="455028" spans="14:14">
      <c r="N455028" s="10"/>
    </row>
    <row r="455029" spans="14:14">
      <c r="N455029" s="10"/>
    </row>
    <row r="455030" spans="14:14">
      <c r="N455030" s="10"/>
    </row>
    <row r="455031" spans="14:14">
      <c r="N455031" s="10"/>
    </row>
    <row r="455032" spans="14:14">
      <c r="N455032" s="10"/>
    </row>
    <row r="455033" spans="14:14">
      <c r="N455033" s="10"/>
    </row>
    <row r="455034" spans="14:14">
      <c r="N455034" s="10"/>
    </row>
    <row r="455035" spans="14:14">
      <c r="N455035" s="10"/>
    </row>
    <row r="455036" spans="14:14">
      <c r="N455036" s="10"/>
    </row>
    <row r="455037" spans="14:14">
      <c r="N455037" s="10"/>
    </row>
    <row r="455038" spans="14:14">
      <c r="N455038" s="10"/>
    </row>
    <row r="455039" spans="14:14">
      <c r="N455039" s="10"/>
    </row>
    <row r="455040" spans="14:14">
      <c r="N455040" s="10"/>
    </row>
    <row r="455041" spans="14:14">
      <c r="N455041" s="10"/>
    </row>
    <row r="455042" spans="14:14">
      <c r="N455042" s="10"/>
    </row>
    <row r="455043" spans="14:14">
      <c r="N455043" s="10"/>
    </row>
    <row r="455044" spans="14:14">
      <c r="N455044" s="10"/>
    </row>
    <row r="455045" spans="14:14">
      <c r="N455045" s="10"/>
    </row>
    <row r="455046" spans="14:14">
      <c r="N455046" s="10"/>
    </row>
    <row r="455047" spans="14:14">
      <c r="N455047" s="10"/>
    </row>
    <row r="455048" spans="14:14">
      <c r="N455048" s="10"/>
    </row>
    <row r="455049" spans="14:14">
      <c r="N455049" s="10"/>
    </row>
    <row r="455050" spans="14:14">
      <c r="N455050" s="10"/>
    </row>
    <row r="455051" spans="14:14">
      <c r="N455051" s="10"/>
    </row>
    <row r="455052" spans="14:14">
      <c r="N455052" s="10"/>
    </row>
    <row r="455053" spans="14:14">
      <c r="N455053" s="10"/>
    </row>
    <row r="455054" spans="14:14">
      <c r="N455054" s="10"/>
    </row>
    <row r="455055" spans="14:14">
      <c r="N455055" s="10"/>
    </row>
    <row r="455056" spans="14:14">
      <c r="N455056" s="10"/>
    </row>
    <row r="455057" spans="14:14">
      <c r="N455057" s="10"/>
    </row>
    <row r="455058" spans="14:14">
      <c r="N455058" s="10"/>
    </row>
    <row r="455059" spans="14:14">
      <c r="N455059" s="10"/>
    </row>
    <row r="455060" spans="14:14">
      <c r="N455060" s="10"/>
    </row>
    <row r="455061" spans="14:14">
      <c r="N455061" s="10"/>
    </row>
    <row r="455062" spans="14:14">
      <c r="N455062" s="10"/>
    </row>
    <row r="455063" spans="14:14">
      <c r="N455063" s="10"/>
    </row>
    <row r="455064" spans="14:14">
      <c r="N455064" s="10"/>
    </row>
    <row r="455065" spans="14:14">
      <c r="N455065" s="10"/>
    </row>
    <row r="455066" spans="14:14">
      <c r="N455066" s="10"/>
    </row>
    <row r="455067" spans="14:14">
      <c r="N455067" s="10"/>
    </row>
    <row r="455068" spans="14:14">
      <c r="N455068" s="10"/>
    </row>
    <row r="455069" spans="14:14">
      <c r="N455069" s="10"/>
    </row>
    <row r="455070" spans="14:14">
      <c r="N455070" s="10"/>
    </row>
    <row r="455071" spans="14:14">
      <c r="N455071" s="10"/>
    </row>
    <row r="455072" spans="14:14">
      <c r="N455072" s="10"/>
    </row>
    <row r="455073" spans="14:14">
      <c r="N455073" s="10"/>
    </row>
    <row r="455074" spans="14:14">
      <c r="N455074" s="10"/>
    </row>
    <row r="455075" spans="14:14">
      <c r="N455075" s="10"/>
    </row>
    <row r="455076" spans="14:14">
      <c r="N455076" s="10"/>
    </row>
    <row r="455077" spans="14:14">
      <c r="N455077" s="10"/>
    </row>
    <row r="455078" spans="14:14">
      <c r="N455078" s="10"/>
    </row>
    <row r="455079" spans="14:14">
      <c r="N455079" s="10"/>
    </row>
    <row r="455080" spans="14:14">
      <c r="N455080" s="10"/>
    </row>
    <row r="455081" spans="14:14">
      <c r="N455081" s="10"/>
    </row>
    <row r="455082" spans="14:14">
      <c r="N455082" s="10"/>
    </row>
    <row r="455083" spans="14:14">
      <c r="N455083" s="10"/>
    </row>
    <row r="455084" spans="14:14">
      <c r="N455084" s="10"/>
    </row>
    <row r="455085" spans="14:14">
      <c r="N455085" s="10"/>
    </row>
    <row r="455086" spans="14:14">
      <c r="N455086" s="10"/>
    </row>
    <row r="455087" spans="14:14">
      <c r="N455087" s="10"/>
    </row>
    <row r="455088" spans="14:14">
      <c r="N455088" s="10"/>
    </row>
    <row r="455089" spans="14:14">
      <c r="N455089" s="10"/>
    </row>
    <row r="455090" spans="14:14">
      <c r="N455090" s="10"/>
    </row>
    <row r="455091" spans="14:14">
      <c r="N455091" s="10"/>
    </row>
    <row r="455092" spans="14:14">
      <c r="N455092" s="10"/>
    </row>
    <row r="455093" spans="14:14">
      <c r="N455093" s="10"/>
    </row>
    <row r="455094" spans="14:14">
      <c r="N455094" s="10"/>
    </row>
    <row r="455095" spans="14:14">
      <c r="N455095" s="10"/>
    </row>
    <row r="455096" spans="14:14">
      <c r="N455096" s="10"/>
    </row>
    <row r="455097" spans="14:14">
      <c r="N455097" s="10"/>
    </row>
    <row r="455098" spans="14:14">
      <c r="N455098" s="10"/>
    </row>
    <row r="455099" spans="14:14">
      <c r="N455099" s="10"/>
    </row>
    <row r="455100" spans="14:14">
      <c r="N455100" s="10"/>
    </row>
    <row r="455101" spans="14:14">
      <c r="N455101" s="10"/>
    </row>
    <row r="455102" spans="14:14">
      <c r="N455102" s="10"/>
    </row>
    <row r="455103" spans="14:14">
      <c r="N455103" s="10"/>
    </row>
    <row r="455104" spans="14:14">
      <c r="N455104" s="10"/>
    </row>
    <row r="455105" spans="14:14">
      <c r="N455105" s="10"/>
    </row>
    <row r="455106" spans="14:14">
      <c r="N455106" s="10"/>
    </row>
    <row r="455107" spans="14:14">
      <c r="N455107" s="10"/>
    </row>
    <row r="455108" spans="14:14">
      <c r="N455108" s="10"/>
    </row>
    <row r="455109" spans="14:14">
      <c r="N455109" s="10"/>
    </row>
    <row r="455110" spans="14:14">
      <c r="N455110" s="10"/>
    </row>
    <row r="455111" spans="14:14">
      <c r="N455111" s="10"/>
    </row>
    <row r="455112" spans="14:14">
      <c r="N455112" s="10"/>
    </row>
    <row r="455113" spans="14:14">
      <c r="N455113" s="10"/>
    </row>
    <row r="455114" spans="14:14">
      <c r="N455114" s="10"/>
    </row>
    <row r="455115" spans="14:14">
      <c r="N455115" s="10"/>
    </row>
    <row r="455116" spans="14:14">
      <c r="N455116" s="10"/>
    </row>
    <row r="455117" spans="14:14">
      <c r="N455117" s="10"/>
    </row>
    <row r="455118" spans="14:14">
      <c r="N455118" s="10"/>
    </row>
    <row r="455119" spans="14:14">
      <c r="N455119" s="10"/>
    </row>
    <row r="455120" spans="14:14">
      <c r="N455120" s="10"/>
    </row>
    <row r="455121" spans="14:14">
      <c r="N455121" s="10"/>
    </row>
    <row r="455122" spans="14:14">
      <c r="N455122" s="10"/>
    </row>
    <row r="455123" spans="14:14">
      <c r="N455123" s="10"/>
    </row>
    <row r="455124" spans="14:14">
      <c r="N455124" s="10"/>
    </row>
    <row r="455125" spans="14:14">
      <c r="N455125" s="10"/>
    </row>
    <row r="455126" spans="14:14">
      <c r="N455126" s="10"/>
    </row>
    <row r="455127" spans="14:14">
      <c r="N455127" s="10"/>
    </row>
    <row r="455128" spans="14:14">
      <c r="N455128" s="10"/>
    </row>
    <row r="455129" spans="14:14">
      <c r="N455129" s="10"/>
    </row>
    <row r="455130" spans="14:14">
      <c r="N455130" s="10"/>
    </row>
    <row r="455131" spans="14:14">
      <c r="N455131" s="10"/>
    </row>
    <row r="455132" spans="14:14">
      <c r="N455132" s="10"/>
    </row>
    <row r="455133" spans="14:14">
      <c r="N455133" s="10"/>
    </row>
    <row r="455134" spans="14:14">
      <c r="N455134" s="10"/>
    </row>
    <row r="455135" spans="14:14">
      <c r="N455135" s="10"/>
    </row>
    <row r="455136" spans="14:14">
      <c r="N455136" s="10"/>
    </row>
    <row r="455137" spans="14:14">
      <c r="N455137" s="10"/>
    </row>
    <row r="455138" spans="14:14">
      <c r="N455138" s="10"/>
    </row>
    <row r="455139" spans="14:14">
      <c r="N455139" s="10"/>
    </row>
    <row r="455140" spans="14:14">
      <c r="N455140" s="10"/>
    </row>
    <row r="455141" spans="14:14">
      <c r="N455141" s="10"/>
    </row>
    <row r="455142" spans="14:14">
      <c r="N455142" s="10"/>
    </row>
    <row r="455143" spans="14:14">
      <c r="N455143" s="10"/>
    </row>
    <row r="455144" spans="14:14">
      <c r="N455144" s="10"/>
    </row>
    <row r="455145" spans="14:14">
      <c r="N455145" s="10"/>
    </row>
    <row r="455146" spans="14:14">
      <c r="N455146" s="10"/>
    </row>
    <row r="455147" spans="14:14">
      <c r="N455147" s="10"/>
    </row>
    <row r="455148" spans="14:14">
      <c r="N455148" s="10"/>
    </row>
    <row r="455149" spans="14:14">
      <c r="N455149" s="10"/>
    </row>
    <row r="455150" spans="14:14">
      <c r="N455150" s="10"/>
    </row>
    <row r="455151" spans="14:14">
      <c r="N455151" s="10"/>
    </row>
    <row r="455152" spans="14:14">
      <c r="N455152" s="10"/>
    </row>
    <row r="455153" spans="14:14">
      <c r="N455153" s="10"/>
    </row>
    <row r="455154" spans="14:14">
      <c r="N455154" s="10"/>
    </row>
    <row r="455155" spans="14:14">
      <c r="N455155" s="10"/>
    </row>
    <row r="455156" spans="14:14">
      <c r="N455156" s="10"/>
    </row>
    <row r="455157" spans="14:14">
      <c r="N455157" s="10"/>
    </row>
    <row r="455158" spans="14:14">
      <c r="N455158" s="10"/>
    </row>
    <row r="455159" spans="14:14">
      <c r="N455159" s="10"/>
    </row>
    <row r="455160" spans="14:14">
      <c r="N455160" s="10"/>
    </row>
    <row r="455161" spans="14:14">
      <c r="N455161" s="10"/>
    </row>
    <row r="455162" spans="14:14">
      <c r="N455162" s="10"/>
    </row>
    <row r="455163" spans="14:14">
      <c r="N455163" s="10"/>
    </row>
    <row r="455164" spans="14:14">
      <c r="N455164" s="10"/>
    </row>
    <row r="455165" spans="14:14">
      <c r="N455165" s="10"/>
    </row>
    <row r="455166" spans="14:14">
      <c r="N455166" s="10"/>
    </row>
    <row r="455167" spans="14:14">
      <c r="N455167" s="10"/>
    </row>
    <row r="455168" spans="14:14">
      <c r="N455168" s="10"/>
    </row>
    <row r="455169" spans="14:14">
      <c r="N455169" s="10"/>
    </row>
    <row r="455170" spans="14:14">
      <c r="N455170" s="10"/>
    </row>
    <row r="455171" spans="14:14">
      <c r="N455171" s="10"/>
    </row>
    <row r="455172" spans="14:14">
      <c r="N455172" s="10"/>
    </row>
    <row r="455173" spans="14:14">
      <c r="N455173" s="10"/>
    </row>
    <row r="455174" spans="14:14">
      <c r="N455174" s="10"/>
    </row>
    <row r="455175" spans="14:14">
      <c r="N455175" s="10"/>
    </row>
    <row r="455176" spans="14:14">
      <c r="N455176" s="10"/>
    </row>
    <row r="455177" spans="14:14">
      <c r="N455177" s="10"/>
    </row>
    <row r="455178" spans="14:14">
      <c r="N455178" s="10"/>
    </row>
    <row r="455179" spans="14:14">
      <c r="N455179" s="10"/>
    </row>
    <row r="455180" spans="14:14">
      <c r="N455180" s="10"/>
    </row>
    <row r="455181" spans="14:14">
      <c r="N455181" s="10"/>
    </row>
    <row r="455182" spans="14:14">
      <c r="N455182" s="10"/>
    </row>
    <row r="455183" spans="14:14">
      <c r="N455183" s="10"/>
    </row>
    <row r="455184" spans="14:14">
      <c r="N455184" s="10"/>
    </row>
    <row r="455185" spans="14:14">
      <c r="N455185" s="10"/>
    </row>
    <row r="455186" spans="14:14">
      <c r="N455186" s="10"/>
    </row>
    <row r="455187" spans="14:14">
      <c r="N455187" s="10"/>
    </row>
    <row r="455188" spans="14:14">
      <c r="N455188" s="10"/>
    </row>
    <row r="455189" spans="14:14">
      <c r="N455189" s="10"/>
    </row>
    <row r="455190" spans="14:14">
      <c r="N455190" s="10"/>
    </row>
    <row r="455191" spans="14:14">
      <c r="N455191" s="10"/>
    </row>
    <row r="455192" spans="14:14">
      <c r="N455192" s="10"/>
    </row>
    <row r="455193" spans="14:14">
      <c r="N455193" s="10"/>
    </row>
    <row r="455194" spans="14:14">
      <c r="N455194" s="10"/>
    </row>
    <row r="455195" spans="14:14">
      <c r="N455195" s="10"/>
    </row>
    <row r="455196" spans="14:14">
      <c r="N455196" s="10"/>
    </row>
    <row r="455197" spans="14:14">
      <c r="N455197" s="10"/>
    </row>
    <row r="455198" spans="14:14">
      <c r="N455198" s="10"/>
    </row>
    <row r="455199" spans="14:14">
      <c r="N455199" s="10"/>
    </row>
    <row r="455200" spans="14:14">
      <c r="N455200" s="10"/>
    </row>
    <row r="455201" spans="14:14">
      <c r="N455201" s="10"/>
    </row>
    <row r="455202" spans="14:14">
      <c r="N455202" s="10"/>
    </row>
    <row r="455203" spans="14:14">
      <c r="N455203" s="10"/>
    </row>
    <row r="455204" spans="14:14">
      <c r="N455204" s="10"/>
    </row>
    <row r="455205" spans="14:14">
      <c r="N455205" s="10"/>
    </row>
    <row r="455206" spans="14:14">
      <c r="N455206" s="10"/>
    </row>
    <row r="455207" spans="14:14">
      <c r="N455207" s="10"/>
    </row>
    <row r="455208" spans="14:14">
      <c r="N455208" s="10"/>
    </row>
    <row r="455209" spans="14:14">
      <c r="N455209" s="10"/>
    </row>
    <row r="455210" spans="14:14">
      <c r="N455210" s="10"/>
    </row>
    <row r="455211" spans="14:14">
      <c r="N455211" s="10"/>
    </row>
    <row r="455212" spans="14:14">
      <c r="N455212" s="10"/>
    </row>
    <row r="455213" spans="14:14">
      <c r="N455213" s="10"/>
    </row>
    <row r="455214" spans="14:14">
      <c r="N455214" s="10"/>
    </row>
    <row r="455215" spans="14:14">
      <c r="N455215" s="10"/>
    </row>
    <row r="455216" spans="14:14">
      <c r="N455216" s="10"/>
    </row>
    <row r="455217" spans="14:14">
      <c r="N455217" s="10"/>
    </row>
    <row r="455218" spans="14:14">
      <c r="N455218" s="10"/>
    </row>
    <row r="455219" spans="14:14">
      <c r="N455219" s="10"/>
    </row>
    <row r="455220" spans="14:14">
      <c r="N455220" s="10"/>
    </row>
    <row r="455221" spans="14:14">
      <c r="N455221" s="10"/>
    </row>
    <row r="455222" spans="14:14">
      <c r="N455222" s="10"/>
    </row>
    <row r="455223" spans="14:14">
      <c r="N455223" s="10"/>
    </row>
    <row r="455224" spans="14:14">
      <c r="N455224" s="10"/>
    </row>
    <row r="455225" spans="14:14">
      <c r="N455225" s="10"/>
    </row>
    <row r="455226" spans="14:14">
      <c r="N455226" s="10"/>
    </row>
    <row r="455227" spans="14:14">
      <c r="N455227" s="10"/>
    </row>
    <row r="455228" spans="14:14">
      <c r="N455228" s="10"/>
    </row>
    <row r="455229" spans="14:14">
      <c r="N455229" s="10"/>
    </row>
    <row r="455230" spans="14:14">
      <c r="N455230" s="10"/>
    </row>
    <row r="455231" spans="14:14">
      <c r="N455231" s="10"/>
    </row>
    <row r="455232" spans="14:14">
      <c r="N455232" s="10"/>
    </row>
    <row r="455233" spans="14:14">
      <c r="N455233" s="10"/>
    </row>
    <row r="455234" spans="14:14">
      <c r="N455234" s="10"/>
    </row>
    <row r="455235" spans="14:14">
      <c r="N455235" s="10"/>
    </row>
    <row r="455236" spans="14:14">
      <c r="N455236" s="10"/>
    </row>
    <row r="455237" spans="14:14">
      <c r="N455237" s="10"/>
    </row>
    <row r="455238" spans="14:14">
      <c r="N455238" s="10"/>
    </row>
    <row r="455239" spans="14:14">
      <c r="N455239" s="10"/>
    </row>
    <row r="455240" spans="14:14">
      <c r="N455240" s="10"/>
    </row>
    <row r="455241" spans="14:14">
      <c r="N455241" s="10"/>
    </row>
    <row r="455242" spans="14:14">
      <c r="N455242" s="10"/>
    </row>
    <row r="455243" spans="14:14">
      <c r="N455243" s="10"/>
    </row>
    <row r="455244" spans="14:14">
      <c r="N455244" s="10"/>
    </row>
    <row r="455245" spans="14:14">
      <c r="N455245" s="10"/>
    </row>
    <row r="455246" spans="14:14">
      <c r="N455246" s="10"/>
    </row>
    <row r="455247" spans="14:14">
      <c r="N455247" s="10"/>
    </row>
    <row r="455248" spans="14:14">
      <c r="N455248" s="10"/>
    </row>
    <row r="455249" spans="14:14">
      <c r="N455249" s="10"/>
    </row>
    <row r="455250" spans="14:14">
      <c r="N455250" s="10"/>
    </row>
    <row r="455251" spans="14:14">
      <c r="N455251" s="10"/>
    </row>
    <row r="455252" spans="14:14">
      <c r="N455252" s="10"/>
    </row>
    <row r="455253" spans="14:14">
      <c r="N455253" s="10"/>
    </row>
    <row r="455254" spans="14:14">
      <c r="N455254" s="10"/>
    </row>
    <row r="455255" spans="14:14">
      <c r="N455255" s="10"/>
    </row>
    <row r="455256" spans="14:14">
      <c r="N455256" s="10"/>
    </row>
    <row r="455257" spans="14:14">
      <c r="N455257" s="10"/>
    </row>
    <row r="455258" spans="14:14">
      <c r="N455258" s="10"/>
    </row>
    <row r="455259" spans="14:14">
      <c r="N455259" s="10"/>
    </row>
    <row r="455260" spans="14:14">
      <c r="N455260" s="10"/>
    </row>
    <row r="455261" spans="14:14">
      <c r="N455261" s="10"/>
    </row>
    <row r="455262" spans="14:14">
      <c r="N455262" s="10"/>
    </row>
    <row r="455263" spans="14:14">
      <c r="N455263" s="10"/>
    </row>
    <row r="455264" spans="14:14">
      <c r="N455264" s="10"/>
    </row>
    <row r="455265" spans="14:14">
      <c r="N455265" s="10"/>
    </row>
    <row r="455266" spans="14:14">
      <c r="N455266" s="10"/>
    </row>
    <row r="455267" spans="14:14">
      <c r="N455267" s="10"/>
    </row>
    <row r="455268" spans="14:14">
      <c r="N455268" s="10"/>
    </row>
    <row r="455269" spans="14:14">
      <c r="N455269" s="10"/>
    </row>
    <row r="455270" spans="14:14">
      <c r="N455270" s="10"/>
    </row>
    <row r="455271" spans="14:14">
      <c r="N455271" s="10"/>
    </row>
    <row r="455272" spans="14:14">
      <c r="N455272" s="10"/>
    </row>
    <row r="455273" spans="14:14">
      <c r="N455273" s="10"/>
    </row>
    <row r="455274" spans="14:14">
      <c r="N455274" s="10"/>
    </row>
    <row r="455275" spans="14:14">
      <c r="N455275" s="10"/>
    </row>
    <row r="455276" spans="14:14">
      <c r="N455276" s="10"/>
    </row>
    <row r="455277" spans="14:14">
      <c r="N455277" s="10"/>
    </row>
    <row r="455278" spans="14:14">
      <c r="N455278" s="10"/>
    </row>
    <row r="455279" spans="14:14">
      <c r="N455279" s="10"/>
    </row>
    <row r="455280" spans="14:14">
      <c r="N455280" s="10"/>
    </row>
    <row r="455281" spans="14:14">
      <c r="N455281" s="10"/>
    </row>
    <row r="455282" spans="14:14">
      <c r="N455282" s="10"/>
    </row>
    <row r="455283" spans="14:14">
      <c r="N455283" s="10"/>
    </row>
    <row r="455284" spans="14:14">
      <c r="N455284" s="10"/>
    </row>
    <row r="455285" spans="14:14">
      <c r="N455285" s="10"/>
    </row>
    <row r="455286" spans="14:14">
      <c r="N455286" s="10"/>
    </row>
    <row r="455287" spans="14:14">
      <c r="N455287" s="10"/>
    </row>
    <row r="455288" spans="14:14">
      <c r="N455288" s="10"/>
    </row>
    <row r="455289" spans="14:14">
      <c r="N455289" s="10"/>
    </row>
    <row r="455290" spans="14:14">
      <c r="N455290" s="10"/>
    </row>
    <row r="455291" spans="14:14">
      <c r="N455291" s="10"/>
    </row>
    <row r="455292" spans="14:14">
      <c r="N455292" s="10"/>
    </row>
    <row r="455293" spans="14:14">
      <c r="N455293" s="10"/>
    </row>
    <row r="455294" spans="14:14">
      <c r="N455294" s="10"/>
    </row>
    <row r="455295" spans="14:14">
      <c r="N455295" s="10"/>
    </row>
    <row r="455296" spans="14:14">
      <c r="N455296" s="10"/>
    </row>
    <row r="455297" spans="14:14">
      <c r="N455297" s="10"/>
    </row>
    <row r="455298" spans="14:14">
      <c r="N455298" s="10"/>
    </row>
    <row r="455299" spans="14:14">
      <c r="N455299" s="10"/>
    </row>
    <row r="455300" spans="14:14">
      <c r="N455300" s="10"/>
    </row>
    <row r="455301" spans="14:14">
      <c r="N455301" s="10"/>
    </row>
    <row r="455302" spans="14:14">
      <c r="N455302" s="10"/>
    </row>
    <row r="455303" spans="14:14">
      <c r="N455303" s="10"/>
    </row>
    <row r="455304" spans="14:14">
      <c r="N455304" s="10"/>
    </row>
    <row r="455305" spans="14:14">
      <c r="N455305" s="10"/>
    </row>
    <row r="455306" spans="14:14">
      <c r="N455306" s="10"/>
    </row>
    <row r="455307" spans="14:14">
      <c r="N455307" s="10"/>
    </row>
    <row r="455308" spans="14:14">
      <c r="N455308" s="10"/>
    </row>
    <row r="455309" spans="14:14">
      <c r="N455309" s="10"/>
    </row>
    <row r="455310" spans="14:14">
      <c r="N455310" s="10"/>
    </row>
    <row r="455311" spans="14:14">
      <c r="N455311" s="10"/>
    </row>
    <row r="455312" spans="14:14">
      <c r="N455312" s="10"/>
    </row>
    <row r="455313" spans="14:14">
      <c r="N455313" s="10"/>
    </row>
    <row r="455314" spans="14:14">
      <c r="N455314" s="10"/>
    </row>
    <row r="455315" spans="14:14">
      <c r="N455315" s="10"/>
    </row>
    <row r="455316" spans="14:14">
      <c r="N455316" s="10"/>
    </row>
    <row r="455317" spans="14:14">
      <c r="N455317" s="10"/>
    </row>
    <row r="455318" spans="14:14">
      <c r="N455318" s="10"/>
    </row>
    <row r="455319" spans="14:14">
      <c r="N455319" s="10"/>
    </row>
    <row r="455320" spans="14:14">
      <c r="N455320" s="10"/>
    </row>
    <row r="455321" spans="14:14">
      <c r="N455321" s="10"/>
    </row>
    <row r="455322" spans="14:14">
      <c r="N455322" s="10"/>
    </row>
    <row r="455323" spans="14:14">
      <c r="N455323" s="10"/>
    </row>
    <row r="455324" spans="14:14">
      <c r="N455324" s="10"/>
    </row>
    <row r="455325" spans="14:14">
      <c r="N455325" s="10"/>
    </row>
    <row r="455326" spans="14:14">
      <c r="N455326" s="10"/>
    </row>
    <row r="455327" spans="14:14">
      <c r="N455327" s="10"/>
    </row>
    <row r="455328" spans="14:14">
      <c r="N455328" s="10"/>
    </row>
    <row r="455329" spans="14:14">
      <c r="N455329" s="10"/>
    </row>
    <row r="455330" spans="14:14">
      <c r="N455330" s="10"/>
    </row>
    <row r="455331" spans="14:14">
      <c r="N455331" s="10"/>
    </row>
    <row r="455332" spans="14:14">
      <c r="N455332" s="10"/>
    </row>
    <row r="455333" spans="14:14">
      <c r="N455333" s="10"/>
    </row>
    <row r="455334" spans="14:14">
      <c r="N455334" s="10"/>
    </row>
    <row r="455335" spans="14:14">
      <c r="N455335" s="10"/>
    </row>
    <row r="455336" spans="14:14">
      <c r="N455336" s="10"/>
    </row>
    <row r="455337" spans="14:14">
      <c r="N455337" s="10"/>
    </row>
    <row r="455338" spans="14:14">
      <c r="N455338" s="10"/>
    </row>
    <row r="455339" spans="14:14">
      <c r="N455339" s="10"/>
    </row>
    <row r="455340" spans="14:14">
      <c r="N455340" s="10"/>
    </row>
    <row r="455341" spans="14:14">
      <c r="N455341" s="10"/>
    </row>
    <row r="455342" spans="14:14">
      <c r="N455342" s="10"/>
    </row>
    <row r="455343" spans="14:14">
      <c r="N455343" s="10"/>
    </row>
    <row r="455344" spans="14:14">
      <c r="N455344" s="10"/>
    </row>
    <row r="455345" spans="14:14">
      <c r="N455345" s="10"/>
    </row>
    <row r="455346" spans="14:14">
      <c r="N455346" s="10"/>
    </row>
    <row r="455347" spans="14:14">
      <c r="N455347" s="10"/>
    </row>
    <row r="455348" spans="14:14">
      <c r="N455348" s="10"/>
    </row>
    <row r="455349" spans="14:14">
      <c r="N455349" s="10"/>
    </row>
    <row r="455350" spans="14:14">
      <c r="N455350" s="10"/>
    </row>
    <row r="455351" spans="14:14">
      <c r="N455351" s="10"/>
    </row>
    <row r="455352" spans="14:14">
      <c r="N455352" s="10"/>
    </row>
    <row r="455353" spans="14:14">
      <c r="N455353" s="10"/>
    </row>
    <row r="455354" spans="14:14">
      <c r="N455354" s="10"/>
    </row>
    <row r="455355" spans="14:14">
      <c r="N455355" s="10"/>
    </row>
    <row r="455356" spans="14:14">
      <c r="N455356" s="10"/>
    </row>
    <row r="455357" spans="14:14">
      <c r="N455357" s="10"/>
    </row>
    <row r="455358" spans="14:14">
      <c r="N455358" s="10"/>
    </row>
    <row r="455359" spans="14:14">
      <c r="N455359" s="10"/>
    </row>
    <row r="455360" spans="14:14">
      <c r="N455360" s="10"/>
    </row>
    <row r="455361" spans="14:14">
      <c r="N455361" s="10"/>
    </row>
    <row r="455362" spans="14:14">
      <c r="N455362" s="10"/>
    </row>
    <row r="455363" spans="14:14">
      <c r="N455363" s="10"/>
    </row>
    <row r="455364" spans="14:14">
      <c r="N455364" s="10"/>
    </row>
    <row r="455365" spans="14:14">
      <c r="N455365" s="10"/>
    </row>
    <row r="455366" spans="14:14">
      <c r="N455366" s="10"/>
    </row>
    <row r="455367" spans="14:14">
      <c r="N455367" s="10"/>
    </row>
    <row r="455368" spans="14:14">
      <c r="N455368" s="10"/>
    </row>
    <row r="455369" spans="14:14">
      <c r="N455369" s="10"/>
    </row>
    <row r="455370" spans="14:14">
      <c r="N455370" s="10"/>
    </row>
    <row r="455371" spans="14:14">
      <c r="N455371" s="10"/>
    </row>
    <row r="455372" spans="14:14">
      <c r="N455372" s="10"/>
    </row>
    <row r="455373" spans="14:14">
      <c r="N455373" s="10"/>
    </row>
    <row r="455374" spans="14:14">
      <c r="N455374" s="10"/>
    </row>
    <row r="455375" spans="14:14">
      <c r="N455375" s="10"/>
    </row>
    <row r="455376" spans="14:14">
      <c r="N455376" s="10"/>
    </row>
    <row r="455377" spans="14:14">
      <c r="N455377" s="10"/>
    </row>
    <row r="455378" spans="14:14">
      <c r="N455378" s="10"/>
    </row>
    <row r="455379" spans="14:14">
      <c r="N455379" s="10"/>
    </row>
    <row r="455380" spans="14:14">
      <c r="N455380" s="10"/>
    </row>
    <row r="455381" spans="14:14">
      <c r="N455381" s="10"/>
    </row>
    <row r="455382" spans="14:14">
      <c r="N455382" s="10"/>
    </row>
    <row r="455383" spans="14:14">
      <c r="N455383" s="10"/>
    </row>
    <row r="455384" spans="14:14">
      <c r="N455384" s="10"/>
    </row>
    <row r="455385" spans="14:14">
      <c r="N455385" s="10"/>
    </row>
    <row r="455386" spans="14:14">
      <c r="N455386" s="10"/>
    </row>
    <row r="455387" spans="14:14">
      <c r="N455387" s="10"/>
    </row>
    <row r="455388" spans="14:14">
      <c r="N455388" s="10"/>
    </row>
    <row r="455389" spans="14:14">
      <c r="N455389" s="10"/>
    </row>
    <row r="455390" spans="14:14">
      <c r="N455390" s="10"/>
    </row>
    <row r="455391" spans="14:14">
      <c r="N455391" s="10"/>
    </row>
    <row r="455392" spans="14:14">
      <c r="N455392" s="10"/>
    </row>
    <row r="455393" spans="14:14">
      <c r="N455393" s="10"/>
    </row>
    <row r="455394" spans="14:14">
      <c r="N455394" s="10"/>
    </row>
    <row r="455395" spans="14:14">
      <c r="N455395" s="10"/>
    </row>
    <row r="455396" spans="14:14">
      <c r="N455396" s="10"/>
    </row>
    <row r="455397" spans="14:14">
      <c r="N455397" s="10"/>
    </row>
    <row r="455398" spans="14:14">
      <c r="N455398" s="10"/>
    </row>
    <row r="455399" spans="14:14">
      <c r="N455399" s="10"/>
    </row>
    <row r="455400" spans="14:14">
      <c r="N455400" s="10"/>
    </row>
    <row r="455401" spans="14:14">
      <c r="N455401" s="10"/>
    </row>
    <row r="455402" spans="14:14">
      <c r="N455402" s="10"/>
    </row>
    <row r="455403" spans="14:14">
      <c r="N455403" s="10"/>
    </row>
    <row r="455404" spans="14:14">
      <c r="N455404" s="10"/>
    </row>
    <row r="455405" spans="14:14">
      <c r="N455405" s="10"/>
    </row>
    <row r="455406" spans="14:14">
      <c r="N455406" s="10"/>
    </row>
    <row r="455407" spans="14:14">
      <c r="N455407" s="10"/>
    </row>
    <row r="455408" spans="14:14">
      <c r="N455408" s="10"/>
    </row>
    <row r="455409" spans="14:14">
      <c r="N455409" s="10"/>
    </row>
    <row r="455410" spans="14:14">
      <c r="N455410" s="10"/>
    </row>
    <row r="455411" spans="14:14">
      <c r="N455411" s="10"/>
    </row>
    <row r="455412" spans="14:14">
      <c r="N455412" s="10"/>
    </row>
    <row r="455413" spans="14:14">
      <c r="N455413" s="10"/>
    </row>
    <row r="455414" spans="14:14">
      <c r="N455414" s="10"/>
    </row>
    <row r="455415" spans="14:14">
      <c r="N455415" s="10"/>
    </row>
    <row r="455416" spans="14:14">
      <c r="N455416" s="10"/>
    </row>
    <row r="455417" spans="14:14">
      <c r="N455417" s="10"/>
    </row>
    <row r="455418" spans="14:14">
      <c r="N455418" s="10"/>
    </row>
    <row r="455419" spans="14:14">
      <c r="N455419" s="10"/>
    </row>
    <row r="455420" spans="14:14">
      <c r="N455420" s="10"/>
    </row>
    <row r="455421" spans="14:14">
      <c r="N455421" s="10"/>
    </row>
    <row r="455422" spans="14:14">
      <c r="N455422" s="10"/>
    </row>
    <row r="455423" spans="14:14">
      <c r="N455423" s="10"/>
    </row>
    <row r="455424" spans="14:14">
      <c r="N455424" s="10"/>
    </row>
    <row r="455425" spans="14:14">
      <c r="N455425" s="10"/>
    </row>
    <row r="455426" spans="14:14">
      <c r="N455426" s="10"/>
    </row>
    <row r="455427" spans="14:14">
      <c r="N455427" s="10"/>
    </row>
    <row r="455428" spans="14:14">
      <c r="N455428" s="10"/>
    </row>
    <row r="455429" spans="14:14">
      <c r="N455429" s="10"/>
    </row>
    <row r="455430" spans="14:14">
      <c r="N455430" s="10"/>
    </row>
    <row r="455431" spans="14:14">
      <c r="N455431" s="10"/>
    </row>
    <row r="455432" spans="14:14">
      <c r="N455432" s="10"/>
    </row>
    <row r="455433" spans="14:14">
      <c r="N455433" s="10"/>
    </row>
    <row r="455434" spans="14:14">
      <c r="N455434" s="10"/>
    </row>
    <row r="455435" spans="14:14">
      <c r="N455435" s="10"/>
    </row>
    <row r="455436" spans="14:14">
      <c r="N455436" s="10"/>
    </row>
    <row r="455437" spans="14:14">
      <c r="N455437" s="10"/>
    </row>
    <row r="455438" spans="14:14">
      <c r="N455438" s="10"/>
    </row>
    <row r="455439" spans="14:14">
      <c r="N455439" s="10"/>
    </row>
    <row r="455440" spans="14:14">
      <c r="N455440" s="10"/>
    </row>
    <row r="455441" spans="14:14">
      <c r="N455441" s="10"/>
    </row>
    <row r="455442" spans="14:14">
      <c r="N455442" s="10"/>
    </row>
    <row r="455443" spans="14:14">
      <c r="N455443" s="10"/>
    </row>
    <row r="455444" spans="14:14">
      <c r="N455444" s="10"/>
    </row>
    <row r="455445" spans="14:14">
      <c r="N455445" s="10"/>
    </row>
    <row r="455446" spans="14:14">
      <c r="N455446" s="10"/>
    </row>
    <row r="455447" spans="14:14">
      <c r="N455447" s="10"/>
    </row>
    <row r="455448" spans="14:14">
      <c r="N455448" s="10"/>
    </row>
    <row r="455449" spans="14:14">
      <c r="N455449" s="10"/>
    </row>
    <row r="455450" spans="14:14">
      <c r="N455450" s="10"/>
    </row>
    <row r="455451" spans="14:14">
      <c r="N455451" s="10"/>
    </row>
    <row r="455452" spans="14:14">
      <c r="N455452" s="10"/>
    </row>
    <row r="455453" spans="14:14">
      <c r="N455453" s="10"/>
    </row>
    <row r="455454" spans="14:14">
      <c r="N455454" s="10"/>
    </row>
    <row r="455455" spans="14:14">
      <c r="N455455" s="10"/>
    </row>
    <row r="455456" spans="14:14">
      <c r="N455456" s="10"/>
    </row>
    <row r="455457" spans="14:14">
      <c r="N455457" s="10"/>
    </row>
    <row r="455458" spans="14:14">
      <c r="N455458" s="10"/>
    </row>
    <row r="455459" spans="14:14">
      <c r="N455459" s="10"/>
    </row>
    <row r="455460" spans="14:14">
      <c r="N455460" s="10"/>
    </row>
    <row r="455461" spans="14:14">
      <c r="N455461" s="10"/>
    </row>
    <row r="455462" spans="14:14">
      <c r="N455462" s="10"/>
    </row>
    <row r="455463" spans="14:14">
      <c r="N455463" s="10"/>
    </row>
    <row r="455464" spans="14:14">
      <c r="N455464" s="10"/>
    </row>
    <row r="455465" spans="14:14">
      <c r="N455465" s="10"/>
    </row>
    <row r="455466" spans="14:14">
      <c r="N455466" s="10"/>
    </row>
    <row r="455467" spans="14:14">
      <c r="N455467" s="10"/>
    </row>
    <row r="455468" spans="14:14">
      <c r="N455468" s="10"/>
    </row>
    <row r="455469" spans="14:14">
      <c r="N455469" s="10"/>
    </row>
    <row r="455470" spans="14:14">
      <c r="N455470" s="10"/>
    </row>
    <row r="455471" spans="14:14">
      <c r="N455471" s="10"/>
    </row>
    <row r="455472" spans="14:14">
      <c r="N455472" s="10"/>
    </row>
    <row r="455473" spans="14:14">
      <c r="N455473" s="10"/>
    </row>
    <row r="455474" spans="14:14">
      <c r="N455474" s="10"/>
    </row>
    <row r="455475" spans="14:14">
      <c r="N455475" s="10"/>
    </row>
    <row r="455476" spans="14:14">
      <c r="N455476" s="10"/>
    </row>
    <row r="455477" spans="14:14">
      <c r="N455477" s="10"/>
    </row>
    <row r="455478" spans="14:14">
      <c r="N455478" s="10"/>
    </row>
    <row r="455479" spans="14:14">
      <c r="N455479" s="10"/>
    </row>
    <row r="455480" spans="14:14">
      <c r="N455480" s="10"/>
    </row>
    <row r="455481" spans="14:14">
      <c r="N455481" s="10"/>
    </row>
    <row r="455482" spans="14:14">
      <c r="N455482" s="10"/>
    </row>
    <row r="455483" spans="14:14">
      <c r="N455483" s="10"/>
    </row>
    <row r="455484" spans="14:14">
      <c r="N455484" s="10"/>
    </row>
    <row r="455485" spans="14:14">
      <c r="N455485" s="10"/>
    </row>
    <row r="455486" spans="14:14">
      <c r="N455486" s="10"/>
    </row>
    <row r="455487" spans="14:14">
      <c r="N455487" s="10"/>
    </row>
    <row r="455488" spans="14:14">
      <c r="N455488" s="10"/>
    </row>
    <row r="455489" spans="14:14">
      <c r="N455489" s="10"/>
    </row>
    <row r="455490" spans="14:14">
      <c r="N455490" s="10"/>
    </row>
    <row r="455491" spans="14:14">
      <c r="N455491" s="10"/>
    </row>
    <row r="455492" spans="14:14">
      <c r="N455492" s="10"/>
    </row>
    <row r="455493" spans="14:14">
      <c r="N455493" s="10"/>
    </row>
    <row r="455494" spans="14:14">
      <c r="N455494" s="10"/>
    </row>
    <row r="455495" spans="14:14">
      <c r="N455495" s="10"/>
    </row>
    <row r="455496" spans="14:14">
      <c r="N455496" s="10"/>
    </row>
    <row r="455497" spans="14:14">
      <c r="N455497" s="10"/>
    </row>
    <row r="455498" spans="14:14">
      <c r="N455498" s="10"/>
    </row>
    <row r="455499" spans="14:14">
      <c r="N455499" s="10"/>
    </row>
    <row r="455500" spans="14:14">
      <c r="N455500" s="10"/>
    </row>
    <row r="455501" spans="14:14">
      <c r="N455501" s="10"/>
    </row>
    <row r="455502" spans="14:14">
      <c r="N455502" s="10"/>
    </row>
    <row r="455503" spans="14:14">
      <c r="N455503" s="10"/>
    </row>
    <row r="455504" spans="14:14">
      <c r="N455504" s="10"/>
    </row>
    <row r="455505" spans="14:14">
      <c r="N455505" s="10"/>
    </row>
    <row r="455506" spans="14:14">
      <c r="N455506" s="10"/>
    </row>
    <row r="455507" spans="14:14">
      <c r="N455507" s="10"/>
    </row>
    <row r="455508" spans="14:14">
      <c r="N455508" s="10"/>
    </row>
    <row r="455509" spans="14:14">
      <c r="N455509" s="10"/>
    </row>
    <row r="455510" spans="14:14">
      <c r="N455510" s="10"/>
    </row>
    <row r="455511" spans="14:14">
      <c r="N455511" s="10"/>
    </row>
    <row r="455512" spans="14:14">
      <c r="N455512" s="10"/>
    </row>
    <row r="455513" spans="14:14">
      <c r="N455513" s="10"/>
    </row>
    <row r="455514" spans="14:14">
      <c r="N455514" s="10"/>
    </row>
    <row r="455515" spans="14:14">
      <c r="N455515" s="10"/>
    </row>
    <row r="455516" spans="14:14">
      <c r="N455516" s="10"/>
    </row>
    <row r="455517" spans="14:14">
      <c r="N455517" s="10"/>
    </row>
    <row r="455518" spans="14:14">
      <c r="N455518" s="10"/>
    </row>
    <row r="455519" spans="14:14">
      <c r="N455519" s="10"/>
    </row>
    <row r="455520" spans="14:14">
      <c r="N455520" s="10"/>
    </row>
    <row r="455521" spans="14:14">
      <c r="N455521" s="10"/>
    </row>
    <row r="455522" spans="14:14">
      <c r="N455522" s="10"/>
    </row>
    <row r="455523" spans="14:14">
      <c r="N455523" s="10"/>
    </row>
    <row r="455524" spans="14:14">
      <c r="N455524" s="10"/>
    </row>
    <row r="455525" spans="14:14">
      <c r="N455525" s="10"/>
    </row>
    <row r="455526" spans="14:14">
      <c r="N455526" s="10"/>
    </row>
    <row r="455527" spans="14:14">
      <c r="N455527" s="10"/>
    </row>
    <row r="455528" spans="14:14">
      <c r="N455528" s="10"/>
    </row>
    <row r="455529" spans="14:14">
      <c r="N455529" s="10"/>
    </row>
    <row r="455530" spans="14:14">
      <c r="N455530" s="10"/>
    </row>
    <row r="455531" spans="14:14">
      <c r="N455531" s="10"/>
    </row>
    <row r="455532" spans="14:14">
      <c r="N455532" s="10"/>
    </row>
    <row r="455533" spans="14:14">
      <c r="N455533" s="10"/>
    </row>
    <row r="455534" spans="14:14">
      <c r="N455534" s="10"/>
    </row>
    <row r="455535" spans="14:14">
      <c r="N455535" s="10"/>
    </row>
    <row r="455536" spans="14:14">
      <c r="N455536" s="10"/>
    </row>
    <row r="455537" spans="14:14">
      <c r="N455537" s="10"/>
    </row>
    <row r="455538" spans="14:14">
      <c r="N455538" s="10"/>
    </row>
    <row r="455539" spans="14:14">
      <c r="N455539" s="10"/>
    </row>
    <row r="455540" spans="14:14">
      <c r="N455540" s="10"/>
    </row>
    <row r="455541" spans="14:14">
      <c r="N455541" s="10"/>
    </row>
    <row r="455542" spans="14:14">
      <c r="N455542" s="10"/>
    </row>
    <row r="455543" spans="14:14">
      <c r="N455543" s="10"/>
    </row>
    <row r="455544" spans="14:14">
      <c r="N455544" s="10"/>
    </row>
    <row r="455545" spans="14:14">
      <c r="N455545" s="10"/>
    </row>
    <row r="455546" spans="14:14">
      <c r="N455546" s="10"/>
    </row>
    <row r="455547" spans="14:14">
      <c r="N455547" s="10"/>
    </row>
    <row r="455548" spans="14:14">
      <c r="N455548" s="10"/>
    </row>
    <row r="455549" spans="14:14">
      <c r="N455549" s="10"/>
    </row>
    <row r="455550" spans="14:14">
      <c r="N455550" s="10"/>
    </row>
    <row r="455551" spans="14:14">
      <c r="N455551" s="10"/>
    </row>
    <row r="455552" spans="14:14">
      <c r="N455552" s="10"/>
    </row>
    <row r="455553" spans="14:14">
      <c r="N455553" s="10"/>
    </row>
    <row r="455554" spans="14:14">
      <c r="N455554" s="10"/>
    </row>
    <row r="455555" spans="14:14">
      <c r="N455555" s="10"/>
    </row>
    <row r="455556" spans="14:14">
      <c r="N455556" s="10"/>
    </row>
    <row r="455557" spans="14:14">
      <c r="N455557" s="10"/>
    </row>
    <row r="455558" spans="14:14">
      <c r="N455558" s="10"/>
    </row>
    <row r="455559" spans="14:14">
      <c r="N455559" s="10"/>
    </row>
    <row r="455560" spans="14:14">
      <c r="N455560" s="10"/>
    </row>
    <row r="455561" spans="14:14">
      <c r="N455561" s="10"/>
    </row>
    <row r="455562" spans="14:14">
      <c r="N455562" s="10"/>
    </row>
    <row r="455563" spans="14:14">
      <c r="N455563" s="10"/>
    </row>
    <row r="455564" spans="14:14">
      <c r="N455564" s="10"/>
    </row>
    <row r="455565" spans="14:14">
      <c r="N455565" s="10"/>
    </row>
    <row r="455566" spans="14:14">
      <c r="N455566" s="10"/>
    </row>
    <row r="455567" spans="14:14">
      <c r="N455567" s="10"/>
    </row>
    <row r="455568" spans="14:14">
      <c r="N455568" s="10"/>
    </row>
    <row r="455569" spans="14:14">
      <c r="N455569" s="10"/>
    </row>
    <row r="455570" spans="14:14">
      <c r="N455570" s="10"/>
    </row>
    <row r="455571" spans="14:14">
      <c r="N455571" s="10"/>
    </row>
    <row r="455572" spans="14:14">
      <c r="N455572" s="10"/>
    </row>
    <row r="455573" spans="14:14">
      <c r="N455573" s="10"/>
    </row>
    <row r="455574" spans="14:14">
      <c r="N455574" s="10"/>
    </row>
    <row r="455575" spans="14:14">
      <c r="N455575" s="10"/>
    </row>
    <row r="455576" spans="14:14">
      <c r="N455576" s="10"/>
    </row>
    <row r="455577" spans="14:14">
      <c r="N455577" s="10"/>
    </row>
    <row r="455578" spans="14:14">
      <c r="N455578" s="10"/>
    </row>
    <row r="455579" spans="14:14">
      <c r="N455579" s="10"/>
    </row>
    <row r="455580" spans="14:14">
      <c r="N455580" s="10"/>
    </row>
    <row r="455581" spans="14:14">
      <c r="N455581" s="10"/>
    </row>
    <row r="455582" spans="14:14">
      <c r="N455582" s="10"/>
    </row>
    <row r="455583" spans="14:14">
      <c r="N455583" s="10"/>
    </row>
    <row r="455584" spans="14:14">
      <c r="N455584" s="10"/>
    </row>
    <row r="455585" spans="14:14">
      <c r="N455585" s="10"/>
    </row>
    <row r="455586" spans="14:14">
      <c r="N455586" s="10"/>
    </row>
    <row r="455587" spans="14:14">
      <c r="N455587" s="10"/>
    </row>
    <row r="455588" spans="14:14">
      <c r="N455588" s="10"/>
    </row>
    <row r="455589" spans="14:14">
      <c r="N455589" s="10"/>
    </row>
    <row r="455590" spans="14:14">
      <c r="N455590" s="10"/>
    </row>
    <row r="455591" spans="14:14">
      <c r="N455591" s="10"/>
    </row>
    <row r="455592" spans="14:14">
      <c r="N455592" s="10"/>
    </row>
    <row r="455593" spans="14:14">
      <c r="N455593" s="10"/>
    </row>
    <row r="455594" spans="14:14">
      <c r="N455594" s="10"/>
    </row>
    <row r="455595" spans="14:14">
      <c r="N455595" s="10"/>
    </row>
    <row r="455596" spans="14:14">
      <c r="N455596" s="10"/>
    </row>
    <row r="455597" spans="14:14">
      <c r="N455597" s="10"/>
    </row>
    <row r="455598" spans="14:14">
      <c r="N455598" s="10"/>
    </row>
    <row r="455599" spans="14:14">
      <c r="N455599" s="10"/>
    </row>
    <row r="455600" spans="14:14">
      <c r="N455600" s="10"/>
    </row>
    <row r="455601" spans="14:14">
      <c r="N455601" s="10"/>
    </row>
    <row r="455602" spans="14:14">
      <c r="N455602" s="10"/>
    </row>
    <row r="455603" spans="14:14">
      <c r="N455603" s="10"/>
    </row>
    <row r="455604" spans="14:14">
      <c r="N455604" s="10"/>
    </row>
    <row r="455605" spans="14:14">
      <c r="N455605" s="10"/>
    </row>
    <row r="455606" spans="14:14">
      <c r="N455606" s="10"/>
    </row>
    <row r="455607" spans="14:14">
      <c r="N455607" s="10"/>
    </row>
    <row r="455608" spans="14:14">
      <c r="N455608" s="10"/>
    </row>
    <row r="455609" spans="14:14">
      <c r="N455609" s="10"/>
    </row>
    <row r="455610" spans="14:14">
      <c r="N455610" s="10"/>
    </row>
    <row r="455611" spans="14:14">
      <c r="N455611" s="10"/>
    </row>
    <row r="455612" spans="14:14">
      <c r="N455612" s="10"/>
    </row>
    <row r="455613" spans="14:14">
      <c r="N455613" s="10"/>
    </row>
    <row r="455614" spans="14:14">
      <c r="N455614" s="10"/>
    </row>
    <row r="455615" spans="14:14">
      <c r="N455615" s="10"/>
    </row>
    <row r="455616" spans="14:14">
      <c r="N455616" s="10"/>
    </row>
    <row r="455617" spans="14:14">
      <c r="N455617" s="10"/>
    </row>
    <row r="455618" spans="14:14">
      <c r="N455618" s="10"/>
    </row>
    <row r="455619" spans="14:14">
      <c r="N455619" s="10"/>
    </row>
    <row r="455620" spans="14:14">
      <c r="N455620" s="10"/>
    </row>
    <row r="455621" spans="14:14">
      <c r="N455621" s="10"/>
    </row>
    <row r="455622" spans="14:14">
      <c r="N455622" s="10"/>
    </row>
    <row r="455623" spans="14:14">
      <c r="N455623" s="10"/>
    </row>
    <row r="455624" spans="14:14">
      <c r="N455624" s="10"/>
    </row>
    <row r="455625" spans="14:14">
      <c r="N455625" s="10"/>
    </row>
    <row r="455626" spans="14:14">
      <c r="N455626" s="10"/>
    </row>
    <row r="455627" spans="14:14">
      <c r="N455627" s="10"/>
    </row>
    <row r="455628" spans="14:14">
      <c r="N455628" s="10"/>
    </row>
    <row r="455629" spans="14:14">
      <c r="N455629" s="10"/>
    </row>
    <row r="455630" spans="14:14">
      <c r="N455630" s="10"/>
    </row>
    <row r="455631" spans="14:14">
      <c r="N455631" s="10"/>
    </row>
    <row r="455632" spans="14:14">
      <c r="N455632" s="10"/>
    </row>
    <row r="455633" spans="14:14">
      <c r="N455633" s="10"/>
    </row>
    <row r="455634" spans="14:14">
      <c r="N455634" s="10"/>
    </row>
    <row r="455635" spans="14:14">
      <c r="N455635" s="10"/>
    </row>
    <row r="455636" spans="14:14">
      <c r="N455636" s="10"/>
    </row>
    <row r="455637" spans="14:14">
      <c r="N455637" s="10"/>
    </row>
    <row r="455638" spans="14:14">
      <c r="N455638" s="10"/>
    </row>
    <row r="455639" spans="14:14">
      <c r="N455639" s="10"/>
    </row>
    <row r="455640" spans="14:14">
      <c r="N455640" s="10"/>
    </row>
    <row r="455641" spans="14:14">
      <c r="N455641" s="10"/>
    </row>
    <row r="455642" spans="14:14">
      <c r="N455642" s="10"/>
    </row>
    <row r="455643" spans="14:14">
      <c r="N455643" s="10"/>
    </row>
    <row r="455644" spans="14:14">
      <c r="N455644" s="10"/>
    </row>
    <row r="455645" spans="14:14">
      <c r="N455645" s="10"/>
    </row>
    <row r="455646" spans="14:14">
      <c r="N455646" s="10"/>
    </row>
    <row r="455647" spans="14:14">
      <c r="N455647" s="10"/>
    </row>
    <row r="455648" spans="14:14">
      <c r="N455648" s="10"/>
    </row>
    <row r="455649" spans="14:14">
      <c r="N455649" s="10"/>
    </row>
    <row r="455650" spans="14:14">
      <c r="N455650" s="10"/>
    </row>
    <row r="455651" spans="14:14">
      <c r="N455651" s="10"/>
    </row>
    <row r="455652" spans="14:14">
      <c r="N455652" s="10"/>
    </row>
    <row r="455653" spans="14:14">
      <c r="N455653" s="10"/>
    </row>
    <row r="455654" spans="14:14">
      <c r="N455654" s="10"/>
    </row>
    <row r="455655" spans="14:14">
      <c r="N455655" s="10"/>
    </row>
    <row r="455656" spans="14:14">
      <c r="N455656" s="10"/>
    </row>
    <row r="455657" spans="14:14">
      <c r="N455657" s="10"/>
    </row>
    <row r="455658" spans="14:14">
      <c r="N455658" s="10"/>
    </row>
    <row r="455659" spans="14:14">
      <c r="N455659" s="10"/>
    </row>
    <row r="455660" spans="14:14">
      <c r="N455660" s="10"/>
    </row>
    <row r="455661" spans="14:14">
      <c r="N455661" s="10"/>
    </row>
    <row r="455662" spans="14:14">
      <c r="N455662" s="10"/>
    </row>
    <row r="455663" spans="14:14">
      <c r="N455663" s="10"/>
    </row>
    <row r="455664" spans="14:14">
      <c r="N455664" s="10"/>
    </row>
    <row r="455665" spans="14:14">
      <c r="N455665" s="10"/>
    </row>
    <row r="455666" spans="14:14">
      <c r="N455666" s="10"/>
    </row>
    <row r="455667" spans="14:14">
      <c r="N455667" s="10"/>
    </row>
    <row r="455668" spans="14:14">
      <c r="N455668" s="10"/>
    </row>
    <row r="455669" spans="14:14">
      <c r="N455669" s="10"/>
    </row>
    <row r="455670" spans="14:14">
      <c r="N455670" s="10"/>
    </row>
    <row r="455671" spans="14:14">
      <c r="N455671" s="10"/>
    </row>
    <row r="455672" spans="14:14">
      <c r="N455672" s="10"/>
    </row>
    <row r="455673" spans="14:14">
      <c r="N455673" s="10"/>
    </row>
    <row r="455674" spans="14:14">
      <c r="N455674" s="10"/>
    </row>
    <row r="455675" spans="14:14">
      <c r="N455675" s="10"/>
    </row>
    <row r="455676" spans="14:14">
      <c r="N455676" s="10"/>
    </row>
    <row r="455677" spans="14:14">
      <c r="N455677" s="10"/>
    </row>
    <row r="455678" spans="14:14">
      <c r="N455678" s="10"/>
    </row>
    <row r="455679" spans="14:14">
      <c r="N455679" s="10"/>
    </row>
    <row r="455680" spans="14:14">
      <c r="N455680" s="10"/>
    </row>
    <row r="455681" spans="14:14">
      <c r="N455681" s="10"/>
    </row>
    <row r="455682" spans="14:14">
      <c r="N455682" s="10"/>
    </row>
    <row r="455683" spans="14:14">
      <c r="N455683" s="10"/>
    </row>
    <row r="455684" spans="14:14">
      <c r="N455684" s="10"/>
    </row>
    <row r="455685" spans="14:14">
      <c r="N455685" s="10"/>
    </row>
    <row r="455686" spans="14:14">
      <c r="N455686" s="10"/>
    </row>
    <row r="455687" spans="14:14">
      <c r="N455687" s="10"/>
    </row>
    <row r="455688" spans="14:14">
      <c r="N455688" s="10"/>
    </row>
    <row r="455689" spans="14:14">
      <c r="N455689" s="10"/>
    </row>
    <row r="455690" spans="14:14">
      <c r="N455690" s="10"/>
    </row>
    <row r="455691" spans="14:14">
      <c r="N455691" s="10"/>
    </row>
    <row r="455692" spans="14:14">
      <c r="N455692" s="10"/>
    </row>
    <row r="455693" spans="14:14">
      <c r="N455693" s="10"/>
    </row>
    <row r="455694" spans="14:14">
      <c r="N455694" s="10"/>
    </row>
    <row r="455695" spans="14:14">
      <c r="N455695" s="10"/>
    </row>
    <row r="455696" spans="14:14">
      <c r="N455696" s="10"/>
    </row>
    <row r="455697" spans="14:14">
      <c r="N455697" s="10"/>
    </row>
    <row r="455698" spans="14:14">
      <c r="N455698" s="10"/>
    </row>
    <row r="455699" spans="14:14">
      <c r="N455699" s="10"/>
    </row>
    <row r="455700" spans="14:14">
      <c r="N455700" s="10"/>
    </row>
    <row r="455701" spans="14:14">
      <c r="N455701" s="10"/>
    </row>
    <row r="455702" spans="14:14">
      <c r="N455702" s="10"/>
    </row>
    <row r="455703" spans="14:14">
      <c r="N455703" s="10"/>
    </row>
    <row r="455704" spans="14:14">
      <c r="N455704" s="10"/>
    </row>
    <row r="455705" spans="14:14">
      <c r="N455705" s="10"/>
    </row>
    <row r="455706" spans="14:14">
      <c r="N455706" s="10"/>
    </row>
    <row r="455707" spans="14:14">
      <c r="N455707" s="10"/>
    </row>
    <row r="455708" spans="14:14">
      <c r="N455708" s="10"/>
    </row>
    <row r="455709" spans="14:14">
      <c r="N455709" s="10"/>
    </row>
    <row r="455710" spans="14:14">
      <c r="N455710" s="10"/>
    </row>
    <row r="455711" spans="14:14">
      <c r="N455711" s="10"/>
    </row>
    <row r="455712" spans="14:14">
      <c r="N455712" s="10"/>
    </row>
    <row r="455713" spans="14:14">
      <c r="N455713" s="10"/>
    </row>
    <row r="455714" spans="14:14">
      <c r="N455714" s="10"/>
    </row>
    <row r="455715" spans="14:14">
      <c r="N455715" s="10"/>
    </row>
    <row r="455716" spans="14:14">
      <c r="N455716" s="10"/>
    </row>
    <row r="455717" spans="14:14">
      <c r="N455717" s="10"/>
    </row>
    <row r="455718" spans="14:14">
      <c r="N455718" s="10"/>
    </row>
    <row r="455719" spans="14:14">
      <c r="N455719" s="10"/>
    </row>
    <row r="455720" spans="14:14">
      <c r="N455720" s="10"/>
    </row>
    <row r="455721" spans="14:14">
      <c r="N455721" s="10"/>
    </row>
    <row r="455722" spans="14:14">
      <c r="N455722" s="10"/>
    </row>
    <row r="455723" spans="14:14">
      <c r="N455723" s="10"/>
    </row>
    <row r="455724" spans="14:14">
      <c r="N455724" s="10"/>
    </row>
    <row r="455725" spans="14:14">
      <c r="N455725" s="10"/>
    </row>
    <row r="455726" spans="14:14">
      <c r="N455726" s="10"/>
    </row>
    <row r="455727" spans="14:14">
      <c r="N455727" s="10"/>
    </row>
    <row r="455728" spans="14:14">
      <c r="N455728" s="10"/>
    </row>
    <row r="455729" spans="14:14">
      <c r="N455729" s="10"/>
    </row>
    <row r="455730" spans="14:14">
      <c r="N455730" s="10"/>
    </row>
    <row r="455731" spans="14:14">
      <c r="N455731" s="10"/>
    </row>
    <row r="455732" spans="14:14">
      <c r="N455732" s="10"/>
    </row>
    <row r="455733" spans="14:14">
      <c r="N455733" s="10"/>
    </row>
    <row r="455734" spans="14:14">
      <c r="N455734" s="10"/>
    </row>
    <row r="455735" spans="14:14">
      <c r="N455735" s="10"/>
    </row>
    <row r="455736" spans="14:14">
      <c r="N455736" s="10"/>
    </row>
    <row r="455737" spans="14:14">
      <c r="N455737" s="10"/>
    </row>
    <row r="455738" spans="14:14">
      <c r="N455738" s="10"/>
    </row>
    <row r="455739" spans="14:14">
      <c r="N455739" s="10"/>
    </row>
    <row r="455740" spans="14:14">
      <c r="N455740" s="10"/>
    </row>
    <row r="455741" spans="14:14">
      <c r="N455741" s="10"/>
    </row>
    <row r="455742" spans="14:14">
      <c r="N455742" s="10"/>
    </row>
    <row r="455743" spans="14:14">
      <c r="N455743" s="10"/>
    </row>
    <row r="455744" spans="14:14">
      <c r="N455744" s="10"/>
    </row>
    <row r="455745" spans="14:14">
      <c r="N455745" s="10"/>
    </row>
    <row r="455746" spans="14:14">
      <c r="N455746" s="10"/>
    </row>
    <row r="455747" spans="14:14">
      <c r="N455747" s="10"/>
    </row>
    <row r="455748" spans="14:14">
      <c r="N455748" s="10"/>
    </row>
    <row r="455749" spans="14:14">
      <c r="N455749" s="10"/>
    </row>
    <row r="455750" spans="14:14">
      <c r="N455750" s="10"/>
    </row>
    <row r="455751" spans="14:14">
      <c r="N455751" s="10"/>
    </row>
    <row r="455752" spans="14:14">
      <c r="N455752" s="10"/>
    </row>
    <row r="455753" spans="14:14">
      <c r="N455753" s="10"/>
    </row>
    <row r="455754" spans="14:14">
      <c r="N455754" s="10"/>
    </row>
    <row r="455755" spans="14:14">
      <c r="N455755" s="10"/>
    </row>
    <row r="455756" spans="14:14">
      <c r="N455756" s="10"/>
    </row>
    <row r="455757" spans="14:14">
      <c r="N455757" s="10"/>
    </row>
    <row r="455758" spans="14:14">
      <c r="N455758" s="10"/>
    </row>
    <row r="455759" spans="14:14">
      <c r="N455759" s="10"/>
    </row>
    <row r="455760" spans="14:14">
      <c r="N455760" s="10"/>
    </row>
    <row r="455761" spans="14:14">
      <c r="N455761" s="10"/>
    </row>
    <row r="455762" spans="14:14">
      <c r="N455762" s="10"/>
    </row>
    <row r="455763" spans="14:14">
      <c r="N455763" s="10"/>
    </row>
    <row r="455764" spans="14:14">
      <c r="N455764" s="10"/>
    </row>
    <row r="455765" spans="14:14">
      <c r="N455765" s="10"/>
    </row>
    <row r="455766" spans="14:14">
      <c r="N455766" s="10"/>
    </row>
    <row r="455767" spans="14:14">
      <c r="N455767" s="10"/>
    </row>
    <row r="455768" spans="14:14">
      <c r="N455768" s="10"/>
    </row>
    <row r="455769" spans="14:14">
      <c r="N455769" s="10"/>
    </row>
    <row r="455770" spans="14:14">
      <c r="N455770" s="10"/>
    </row>
    <row r="455771" spans="14:14">
      <c r="N455771" s="10"/>
    </row>
    <row r="455772" spans="14:14">
      <c r="N455772" s="10"/>
    </row>
    <row r="455773" spans="14:14">
      <c r="N455773" s="10"/>
    </row>
    <row r="455774" spans="14:14">
      <c r="N455774" s="10"/>
    </row>
    <row r="455775" spans="14:14">
      <c r="N455775" s="10"/>
    </row>
    <row r="455776" spans="14:14">
      <c r="N455776" s="10"/>
    </row>
    <row r="455777" spans="14:14">
      <c r="N455777" s="10"/>
    </row>
    <row r="455778" spans="14:14">
      <c r="N455778" s="10"/>
    </row>
    <row r="455779" spans="14:14">
      <c r="N455779" s="10"/>
    </row>
    <row r="455780" spans="14:14">
      <c r="N455780" s="10"/>
    </row>
    <row r="455781" spans="14:14">
      <c r="N455781" s="10"/>
    </row>
    <row r="455782" spans="14:14">
      <c r="N455782" s="10"/>
    </row>
    <row r="455783" spans="14:14">
      <c r="N455783" s="10"/>
    </row>
    <row r="455784" spans="14:14">
      <c r="N455784" s="10"/>
    </row>
    <row r="455785" spans="14:14">
      <c r="N455785" s="10"/>
    </row>
    <row r="455786" spans="14:14">
      <c r="N455786" s="10"/>
    </row>
    <row r="455787" spans="14:14">
      <c r="N455787" s="10"/>
    </row>
    <row r="455788" spans="14:14">
      <c r="N455788" s="10"/>
    </row>
    <row r="455789" spans="14:14">
      <c r="N455789" s="10"/>
    </row>
    <row r="455790" spans="14:14">
      <c r="N455790" s="10"/>
    </row>
    <row r="455791" spans="14:14">
      <c r="N455791" s="10"/>
    </row>
    <row r="455792" spans="14:14">
      <c r="N455792" s="10"/>
    </row>
    <row r="455793" spans="14:14">
      <c r="N455793" s="10"/>
    </row>
    <row r="455794" spans="14:14">
      <c r="N455794" s="10"/>
    </row>
    <row r="455795" spans="14:14">
      <c r="N455795" s="10"/>
    </row>
    <row r="455796" spans="14:14">
      <c r="N455796" s="10"/>
    </row>
    <row r="455797" spans="14:14">
      <c r="N455797" s="10"/>
    </row>
    <row r="455798" spans="14:14">
      <c r="N455798" s="10"/>
    </row>
    <row r="455799" spans="14:14">
      <c r="N455799" s="10"/>
    </row>
    <row r="455800" spans="14:14">
      <c r="N455800" s="10"/>
    </row>
    <row r="455801" spans="14:14">
      <c r="N455801" s="10"/>
    </row>
    <row r="455802" spans="14:14">
      <c r="N455802" s="10"/>
    </row>
    <row r="455803" spans="14:14">
      <c r="N455803" s="10"/>
    </row>
    <row r="455804" spans="14:14">
      <c r="N455804" s="10"/>
    </row>
    <row r="455805" spans="14:14">
      <c r="N455805" s="10"/>
    </row>
    <row r="455806" spans="14:14">
      <c r="N455806" s="10"/>
    </row>
    <row r="455807" spans="14:14">
      <c r="N455807" s="10"/>
    </row>
    <row r="455808" spans="14:14">
      <c r="N455808" s="10"/>
    </row>
    <row r="455809" spans="14:14">
      <c r="N455809" s="10"/>
    </row>
    <row r="455810" spans="14:14">
      <c r="N455810" s="10"/>
    </row>
    <row r="455811" spans="14:14">
      <c r="N455811" s="10"/>
    </row>
    <row r="455812" spans="14:14">
      <c r="N455812" s="10"/>
    </row>
    <row r="455813" spans="14:14">
      <c r="N455813" s="10"/>
    </row>
    <row r="455814" spans="14:14">
      <c r="N455814" s="10"/>
    </row>
    <row r="455815" spans="14:14">
      <c r="N455815" s="10"/>
    </row>
    <row r="455816" spans="14:14">
      <c r="N455816" s="10"/>
    </row>
    <row r="455817" spans="14:14">
      <c r="N455817" s="10"/>
    </row>
    <row r="455818" spans="14:14">
      <c r="N455818" s="10"/>
    </row>
    <row r="455819" spans="14:14">
      <c r="N455819" s="10"/>
    </row>
    <row r="455820" spans="14:14">
      <c r="N455820" s="10"/>
    </row>
    <row r="455821" spans="14:14">
      <c r="N455821" s="10"/>
    </row>
    <row r="455822" spans="14:14">
      <c r="N455822" s="10"/>
    </row>
    <row r="455823" spans="14:14">
      <c r="N455823" s="10"/>
    </row>
    <row r="455824" spans="14:14">
      <c r="N455824" s="10"/>
    </row>
    <row r="455825" spans="14:14">
      <c r="N455825" s="10"/>
    </row>
    <row r="455826" spans="14:14">
      <c r="N455826" s="10"/>
    </row>
    <row r="455827" spans="14:14">
      <c r="N455827" s="10"/>
    </row>
    <row r="455828" spans="14:14">
      <c r="N455828" s="10"/>
    </row>
    <row r="455829" spans="14:14">
      <c r="N455829" s="10"/>
    </row>
    <row r="455830" spans="14:14">
      <c r="N455830" s="10"/>
    </row>
    <row r="455831" spans="14:14">
      <c r="N455831" s="10"/>
    </row>
    <row r="455832" spans="14:14">
      <c r="N455832" s="10"/>
    </row>
    <row r="455833" spans="14:14">
      <c r="N455833" s="10"/>
    </row>
    <row r="455834" spans="14:14">
      <c r="N455834" s="10"/>
    </row>
    <row r="455835" spans="14:14">
      <c r="N455835" s="10"/>
    </row>
    <row r="455836" spans="14:14">
      <c r="N455836" s="10"/>
    </row>
    <row r="455837" spans="14:14">
      <c r="N455837" s="10"/>
    </row>
    <row r="455838" spans="14:14">
      <c r="N455838" s="10"/>
    </row>
    <row r="455839" spans="14:14">
      <c r="N455839" s="10"/>
    </row>
    <row r="455840" spans="14:14">
      <c r="N455840" s="10"/>
    </row>
    <row r="455841" spans="14:14">
      <c r="N455841" s="10"/>
    </row>
    <row r="455842" spans="14:14">
      <c r="N455842" s="10"/>
    </row>
    <row r="455843" spans="14:14">
      <c r="N455843" s="10"/>
    </row>
    <row r="455844" spans="14:14">
      <c r="N455844" s="10"/>
    </row>
    <row r="455845" spans="14:14">
      <c r="N455845" s="10"/>
    </row>
    <row r="455846" spans="14:14">
      <c r="N455846" s="10"/>
    </row>
    <row r="455847" spans="14:14">
      <c r="N455847" s="10"/>
    </row>
    <row r="455848" spans="14:14">
      <c r="N455848" s="10"/>
    </row>
    <row r="455849" spans="14:14">
      <c r="N455849" s="10"/>
    </row>
    <row r="455850" spans="14:14">
      <c r="N455850" s="10"/>
    </row>
    <row r="455851" spans="14:14">
      <c r="N455851" s="10"/>
    </row>
    <row r="455852" spans="14:14">
      <c r="N455852" s="10"/>
    </row>
    <row r="455853" spans="14:14">
      <c r="N455853" s="10"/>
    </row>
    <row r="455854" spans="14:14">
      <c r="N455854" s="10"/>
    </row>
    <row r="455855" spans="14:14">
      <c r="N455855" s="10"/>
    </row>
    <row r="455856" spans="14:14">
      <c r="N455856" s="10"/>
    </row>
    <row r="455857" spans="14:14">
      <c r="N455857" s="10"/>
    </row>
    <row r="455858" spans="14:14">
      <c r="N455858" s="10"/>
    </row>
    <row r="455859" spans="14:14">
      <c r="N455859" s="10"/>
    </row>
    <row r="455860" spans="14:14">
      <c r="N455860" s="10"/>
    </row>
    <row r="455861" spans="14:14">
      <c r="N455861" s="10"/>
    </row>
    <row r="455862" spans="14:14">
      <c r="N455862" s="10"/>
    </row>
    <row r="455863" spans="14:14">
      <c r="N455863" s="10"/>
    </row>
    <row r="455864" spans="14:14">
      <c r="N455864" s="10"/>
    </row>
    <row r="455865" spans="14:14">
      <c r="N455865" s="10"/>
    </row>
    <row r="455866" spans="14:14">
      <c r="N455866" s="10"/>
    </row>
    <row r="455867" spans="14:14">
      <c r="N455867" s="10"/>
    </row>
    <row r="455868" spans="14:14">
      <c r="N455868" s="10"/>
    </row>
    <row r="455869" spans="14:14">
      <c r="N455869" s="10"/>
    </row>
    <row r="455870" spans="14:14">
      <c r="N455870" s="10"/>
    </row>
    <row r="455871" spans="14:14">
      <c r="N455871" s="10"/>
    </row>
    <row r="455872" spans="14:14">
      <c r="N455872" s="10"/>
    </row>
    <row r="455873" spans="14:14">
      <c r="N455873" s="10"/>
    </row>
    <row r="455874" spans="14:14">
      <c r="N455874" s="10"/>
    </row>
    <row r="455875" spans="14:14">
      <c r="N455875" s="10"/>
    </row>
    <row r="455876" spans="14:14">
      <c r="N455876" s="10"/>
    </row>
    <row r="455877" spans="14:14">
      <c r="N455877" s="10"/>
    </row>
    <row r="455878" spans="14:14">
      <c r="N455878" s="10"/>
    </row>
    <row r="455879" spans="14:14">
      <c r="N455879" s="10"/>
    </row>
    <row r="455880" spans="14:14">
      <c r="N455880" s="10"/>
    </row>
    <row r="455881" spans="14:14">
      <c r="N455881" s="10"/>
    </row>
    <row r="455882" spans="14:14">
      <c r="N455882" s="10"/>
    </row>
    <row r="455883" spans="14:14">
      <c r="N455883" s="10"/>
    </row>
    <row r="455884" spans="14:14">
      <c r="N455884" s="10"/>
    </row>
    <row r="455885" spans="14:14">
      <c r="N455885" s="10"/>
    </row>
    <row r="455886" spans="14:14">
      <c r="N455886" s="10"/>
    </row>
    <row r="455887" spans="14:14">
      <c r="N455887" s="10"/>
    </row>
    <row r="455888" spans="14:14">
      <c r="N455888" s="10"/>
    </row>
    <row r="455889" spans="14:14">
      <c r="N455889" s="10"/>
    </row>
    <row r="455890" spans="14:14">
      <c r="N455890" s="10"/>
    </row>
    <row r="455891" spans="14:14">
      <c r="N455891" s="10"/>
    </row>
    <row r="455892" spans="14:14">
      <c r="N455892" s="10"/>
    </row>
    <row r="455893" spans="14:14">
      <c r="N455893" s="10"/>
    </row>
    <row r="455894" spans="14:14">
      <c r="N455894" s="10"/>
    </row>
    <row r="455895" spans="14:14">
      <c r="N455895" s="10"/>
    </row>
    <row r="455896" spans="14:14">
      <c r="N455896" s="10"/>
    </row>
    <row r="455897" spans="14:14">
      <c r="N455897" s="10"/>
    </row>
    <row r="455898" spans="14:14">
      <c r="N455898" s="10"/>
    </row>
    <row r="455899" spans="14:14">
      <c r="N455899" s="10"/>
    </row>
    <row r="455900" spans="14:14">
      <c r="N455900" s="10"/>
    </row>
    <row r="455901" spans="14:14">
      <c r="N455901" s="10"/>
    </row>
    <row r="455902" spans="14:14">
      <c r="N455902" s="10"/>
    </row>
    <row r="455903" spans="14:14">
      <c r="N455903" s="10"/>
    </row>
    <row r="455904" spans="14:14">
      <c r="N455904" s="10"/>
    </row>
    <row r="455905" spans="14:14">
      <c r="N455905" s="10"/>
    </row>
    <row r="455906" spans="14:14">
      <c r="N455906" s="10"/>
    </row>
    <row r="455907" spans="14:14">
      <c r="N455907" s="10"/>
    </row>
    <row r="455908" spans="14:14">
      <c r="N455908" s="10"/>
    </row>
    <row r="455909" spans="14:14">
      <c r="N455909" s="10"/>
    </row>
    <row r="455910" spans="14:14">
      <c r="N455910" s="10"/>
    </row>
    <row r="455911" spans="14:14">
      <c r="N455911" s="10"/>
    </row>
    <row r="455912" spans="14:14">
      <c r="N455912" s="10"/>
    </row>
    <row r="455913" spans="14:14">
      <c r="N455913" s="10"/>
    </row>
    <row r="455914" spans="14:14">
      <c r="N455914" s="10"/>
    </row>
    <row r="455915" spans="14:14">
      <c r="N455915" s="10"/>
    </row>
    <row r="455916" spans="14:14">
      <c r="N455916" s="10"/>
    </row>
    <row r="455917" spans="14:14">
      <c r="N455917" s="10"/>
    </row>
    <row r="455918" spans="14:14">
      <c r="N455918" s="10"/>
    </row>
    <row r="455919" spans="14:14">
      <c r="N455919" s="10"/>
    </row>
    <row r="455920" spans="14:14">
      <c r="N455920" s="10"/>
    </row>
    <row r="455921" spans="14:14">
      <c r="N455921" s="10"/>
    </row>
    <row r="455922" spans="14:14">
      <c r="N455922" s="10"/>
    </row>
    <row r="455923" spans="14:14">
      <c r="N455923" s="10"/>
    </row>
    <row r="455924" spans="14:14">
      <c r="N455924" s="10"/>
    </row>
    <row r="455925" spans="14:14">
      <c r="N455925" s="10"/>
    </row>
    <row r="455926" spans="14:14">
      <c r="N455926" s="10"/>
    </row>
    <row r="455927" spans="14:14">
      <c r="N455927" s="10"/>
    </row>
    <row r="455928" spans="14:14">
      <c r="N455928" s="10"/>
    </row>
    <row r="455929" spans="14:14">
      <c r="N455929" s="10"/>
    </row>
    <row r="455930" spans="14:14">
      <c r="N455930" s="10"/>
    </row>
    <row r="455931" spans="14:14">
      <c r="N455931" s="10"/>
    </row>
    <row r="455932" spans="14:14">
      <c r="N455932" s="10"/>
    </row>
    <row r="455933" spans="14:14">
      <c r="N455933" s="10"/>
    </row>
    <row r="455934" spans="14:14">
      <c r="N455934" s="10"/>
    </row>
    <row r="455935" spans="14:14">
      <c r="N455935" s="10"/>
    </row>
    <row r="455936" spans="14:14">
      <c r="N455936" s="10"/>
    </row>
    <row r="455937" spans="14:14">
      <c r="N455937" s="10"/>
    </row>
    <row r="455938" spans="14:14">
      <c r="N455938" s="10"/>
    </row>
    <row r="455939" spans="14:14">
      <c r="N455939" s="10"/>
    </row>
    <row r="455940" spans="14:14">
      <c r="N455940" s="10"/>
    </row>
    <row r="455941" spans="14:14">
      <c r="N455941" s="10"/>
    </row>
    <row r="455942" spans="14:14">
      <c r="N455942" s="10"/>
    </row>
    <row r="455943" spans="14:14">
      <c r="N455943" s="10"/>
    </row>
    <row r="455944" spans="14:14">
      <c r="N455944" s="10"/>
    </row>
    <row r="455945" spans="14:14">
      <c r="N455945" s="10"/>
    </row>
    <row r="455946" spans="14:14">
      <c r="N455946" s="10"/>
    </row>
    <row r="455947" spans="14:14">
      <c r="N455947" s="10"/>
    </row>
    <row r="455948" spans="14:14">
      <c r="N455948" s="10"/>
    </row>
    <row r="455949" spans="14:14">
      <c r="N455949" s="10"/>
    </row>
    <row r="455950" spans="14:14">
      <c r="N455950" s="10"/>
    </row>
    <row r="455951" spans="14:14">
      <c r="N455951" s="10"/>
    </row>
    <row r="455952" spans="14:14">
      <c r="N455952" s="10"/>
    </row>
    <row r="455953" spans="14:14">
      <c r="N455953" s="10"/>
    </row>
    <row r="455954" spans="14:14">
      <c r="N455954" s="10"/>
    </row>
    <row r="455955" spans="14:14">
      <c r="N455955" s="10"/>
    </row>
    <row r="455956" spans="14:14">
      <c r="N455956" s="10"/>
    </row>
    <row r="455957" spans="14:14">
      <c r="N455957" s="10"/>
    </row>
    <row r="455958" spans="14:14">
      <c r="N455958" s="10"/>
    </row>
    <row r="455959" spans="14:14">
      <c r="N455959" s="10"/>
    </row>
    <row r="455960" spans="14:14">
      <c r="N455960" s="10"/>
    </row>
    <row r="455961" spans="14:14">
      <c r="N455961" s="10"/>
    </row>
    <row r="455962" spans="14:14">
      <c r="N455962" s="10"/>
    </row>
    <row r="455963" spans="14:14">
      <c r="N455963" s="10"/>
    </row>
    <row r="455964" spans="14:14">
      <c r="N455964" s="10"/>
    </row>
    <row r="455965" spans="14:14">
      <c r="N455965" s="10"/>
    </row>
    <row r="455966" spans="14:14">
      <c r="N455966" s="10"/>
    </row>
    <row r="455967" spans="14:14">
      <c r="N455967" s="10"/>
    </row>
    <row r="455968" spans="14:14">
      <c r="N455968" s="10"/>
    </row>
    <row r="455969" spans="14:14">
      <c r="N455969" s="10"/>
    </row>
    <row r="455970" spans="14:14">
      <c r="N455970" s="10"/>
    </row>
    <row r="455971" spans="14:14">
      <c r="N455971" s="10"/>
    </row>
    <row r="455972" spans="14:14">
      <c r="N455972" s="10"/>
    </row>
    <row r="455973" spans="14:14">
      <c r="N455973" s="10"/>
    </row>
    <row r="455974" spans="14:14">
      <c r="N455974" s="10"/>
    </row>
    <row r="455975" spans="14:14">
      <c r="N455975" s="10"/>
    </row>
    <row r="455976" spans="14:14">
      <c r="N455976" s="10"/>
    </row>
    <row r="455977" spans="14:14">
      <c r="N455977" s="10"/>
    </row>
    <row r="455978" spans="14:14">
      <c r="N455978" s="10"/>
    </row>
    <row r="455979" spans="14:14">
      <c r="N455979" s="10"/>
    </row>
    <row r="455980" spans="14:14">
      <c r="N455980" s="10"/>
    </row>
    <row r="455981" spans="14:14">
      <c r="N455981" s="10"/>
    </row>
    <row r="455982" spans="14:14">
      <c r="N455982" s="10"/>
    </row>
    <row r="455983" spans="14:14">
      <c r="N455983" s="10"/>
    </row>
    <row r="455984" spans="14:14">
      <c r="N455984" s="10"/>
    </row>
    <row r="455985" spans="14:14">
      <c r="N455985" s="10"/>
    </row>
    <row r="455986" spans="14:14">
      <c r="N455986" s="10"/>
    </row>
    <row r="455987" spans="14:14">
      <c r="N455987" s="10"/>
    </row>
    <row r="455988" spans="14:14">
      <c r="N455988" s="10"/>
    </row>
    <row r="455989" spans="14:14">
      <c r="N455989" s="10"/>
    </row>
    <row r="455990" spans="14:14">
      <c r="N455990" s="10"/>
    </row>
    <row r="455991" spans="14:14">
      <c r="N455991" s="10"/>
    </row>
    <row r="455992" spans="14:14">
      <c r="N455992" s="10"/>
    </row>
    <row r="455993" spans="14:14">
      <c r="N455993" s="10"/>
    </row>
    <row r="455994" spans="14:14">
      <c r="N455994" s="10"/>
    </row>
    <row r="455995" spans="14:14">
      <c r="N455995" s="10"/>
    </row>
    <row r="455996" spans="14:14">
      <c r="N455996" s="10"/>
    </row>
    <row r="455997" spans="14:14">
      <c r="N455997" s="10"/>
    </row>
    <row r="455998" spans="14:14">
      <c r="N455998" s="10"/>
    </row>
    <row r="455999" spans="14:14">
      <c r="N455999" s="10"/>
    </row>
    <row r="456000" spans="14:14">
      <c r="N456000" s="10"/>
    </row>
    <row r="456001" spans="14:14">
      <c r="N456001" s="10"/>
    </row>
    <row r="456002" spans="14:14">
      <c r="N456002" s="10"/>
    </row>
    <row r="456003" spans="14:14">
      <c r="N456003" s="10"/>
    </row>
    <row r="456004" spans="14:14">
      <c r="N456004" s="10"/>
    </row>
    <row r="456005" spans="14:14">
      <c r="N456005" s="10"/>
    </row>
    <row r="456006" spans="14:14">
      <c r="N456006" s="10"/>
    </row>
    <row r="456007" spans="14:14">
      <c r="N456007" s="10"/>
    </row>
    <row r="456008" spans="14:14">
      <c r="N456008" s="10"/>
    </row>
    <row r="456009" spans="14:14">
      <c r="N456009" s="10"/>
    </row>
    <row r="456010" spans="14:14">
      <c r="N456010" s="10"/>
    </row>
    <row r="456011" spans="14:14">
      <c r="N456011" s="10"/>
    </row>
    <row r="456012" spans="14:14">
      <c r="N456012" s="10"/>
    </row>
    <row r="456013" spans="14:14">
      <c r="N456013" s="10"/>
    </row>
    <row r="456014" spans="14:14">
      <c r="N456014" s="10"/>
    </row>
    <row r="456015" spans="14:14">
      <c r="N456015" s="10"/>
    </row>
    <row r="456016" spans="14:14">
      <c r="N456016" s="10"/>
    </row>
    <row r="456017" spans="14:14">
      <c r="N456017" s="10"/>
    </row>
    <row r="456018" spans="14:14">
      <c r="N456018" s="10"/>
    </row>
    <row r="456019" spans="14:14">
      <c r="N456019" s="10"/>
    </row>
    <row r="456020" spans="14:14">
      <c r="N456020" s="10"/>
    </row>
    <row r="456021" spans="14:14">
      <c r="N456021" s="10"/>
    </row>
    <row r="456022" spans="14:14">
      <c r="N456022" s="10"/>
    </row>
    <row r="456023" spans="14:14">
      <c r="N456023" s="10"/>
    </row>
    <row r="456024" spans="14:14">
      <c r="N456024" s="10"/>
    </row>
    <row r="456025" spans="14:14">
      <c r="N456025" s="10"/>
    </row>
    <row r="456026" spans="14:14">
      <c r="N456026" s="10"/>
    </row>
    <row r="456027" spans="14:14">
      <c r="N456027" s="10"/>
    </row>
    <row r="456028" spans="14:14">
      <c r="N456028" s="10"/>
    </row>
    <row r="456029" spans="14:14">
      <c r="N456029" s="10"/>
    </row>
    <row r="456030" spans="14:14">
      <c r="N456030" s="10"/>
    </row>
    <row r="456031" spans="14:14">
      <c r="N456031" s="10"/>
    </row>
    <row r="456032" spans="14:14">
      <c r="N456032" s="10"/>
    </row>
    <row r="456033" spans="14:14">
      <c r="N456033" s="10"/>
    </row>
    <row r="456034" spans="14:14">
      <c r="N456034" s="10"/>
    </row>
    <row r="456035" spans="14:14">
      <c r="N456035" s="10"/>
    </row>
    <row r="456036" spans="14:14">
      <c r="N456036" s="10"/>
    </row>
    <row r="456037" spans="14:14">
      <c r="N456037" s="10"/>
    </row>
    <row r="456038" spans="14:14">
      <c r="N456038" s="10"/>
    </row>
    <row r="456039" spans="14:14">
      <c r="N456039" s="10"/>
    </row>
    <row r="456040" spans="14:14">
      <c r="N456040" s="10"/>
    </row>
    <row r="456041" spans="14:14">
      <c r="N456041" s="10"/>
    </row>
    <row r="456042" spans="14:14">
      <c r="N456042" s="10"/>
    </row>
    <row r="456043" spans="14:14">
      <c r="N456043" s="10"/>
    </row>
    <row r="456044" spans="14:14">
      <c r="N456044" s="10"/>
    </row>
    <row r="456045" spans="14:14">
      <c r="N456045" s="10"/>
    </row>
    <row r="456046" spans="14:14">
      <c r="N456046" s="10"/>
    </row>
    <row r="456047" spans="14:14">
      <c r="N456047" s="10"/>
    </row>
    <row r="456048" spans="14:14">
      <c r="N456048" s="10"/>
    </row>
    <row r="456049" spans="14:14">
      <c r="N456049" s="10"/>
    </row>
    <row r="456050" spans="14:14">
      <c r="N456050" s="10"/>
    </row>
    <row r="456051" spans="14:14">
      <c r="N456051" s="10"/>
    </row>
    <row r="456052" spans="14:14">
      <c r="N456052" s="10"/>
    </row>
    <row r="456053" spans="14:14">
      <c r="N456053" s="10"/>
    </row>
    <row r="456054" spans="14:14">
      <c r="N456054" s="10"/>
    </row>
    <row r="456055" spans="14:14">
      <c r="N456055" s="10"/>
    </row>
    <row r="456056" spans="14:14">
      <c r="N456056" s="10"/>
    </row>
    <row r="456057" spans="14:14">
      <c r="N456057" s="10"/>
    </row>
    <row r="456058" spans="14:14">
      <c r="N456058" s="10"/>
    </row>
    <row r="456059" spans="14:14">
      <c r="N456059" s="10"/>
    </row>
    <row r="456060" spans="14:14">
      <c r="N456060" s="10"/>
    </row>
    <row r="456061" spans="14:14">
      <c r="N456061" s="10"/>
    </row>
    <row r="456062" spans="14:14">
      <c r="N456062" s="10"/>
    </row>
    <row r="456063" spans="14:14">
      <c r="N456063" s="10"/>
    </row>
    <row r="456064" spans="14:14">
      <c r="N456064" s="10"/>
    </row>
    <row r="456065" spans="14:14">
      <c r="N456065" s="10"/>
    </row>
    <row r="456066" spans="14:14">
      <c r="N456066" s="10"/>
    </row>
    <row r="456067" spans="14:14">
      <c r="N456067" s="10"/>
    </row>
    <row r="456068" spans="14:14">
      <c r="N456068" s="10"/>
    </row>
    <row r="456069" spans="14:14">
      <c r="N456069" s="10"/>
    </row>
    <row r="456070" spans="14:14">
      <c r="N456070" s="10"/>
    </row>
    <row r="456071" spans="14:14">
      <c r="N456071" s="10"/>
    </row>
    <row r="456072" spans="14:14">
      <c r="N456072" s="10"/>
    </row>
    <row r="456073" spans="14:14">
      <c r="N456073" s="10"/>
    </row>
    <row r="456074" spans="14:14">
      <c r="N456074" s="10"/>
    </row>
    <row r="456075" spans="14:14">
      <c r="N456075" s="10"/>
    </row>
    <row r="456076" spans="14:14">
      <c r="N456076" s="10"/>
    </row>
    <row r="456077" spans="14:14">
      <c r="N456077" s="10"/>
    </row>
    <row r="456078" spans="14:14">
      <c r="N456078" s="10"/>
    </row>
    <row r="456079" spans="14:14">
      <c r="N456079" s="10"/>
    </row>
    <row r="456080" spans="14:14">
      <c r="N456080" s="10"/>
    </row>
    <row r="456081" spans="14:14">
      <c r="N456081" s="10"/>
    </row>
    <row r="456082" spans="14:14">
      <c r="N456082" s="10"/>
    </row>
    <row r="456083" spans="14:14">
      <c r="N456083" s="10"/>
    </row>
    <row r="456084" spans="14:14">
      <c r="N456084" s="10"/>
    </row>
    <row r="456085" spans="14:14">
      <c r="N456085" s="10"/>
    </row>
    <row r="456086" spans="14:14">
      <c r="N456086" s="10"/>
    </row>
    <row r="456087" spans="14:14">
      <c r="N456087" s="10"/>
    </row>
    <row r="456088" spans="14:14">
      <c r="N456088" s="10"/>
    </row>
    <row r="456089" spans="14:14">
      <c r="N456089" s="10"/>
    </row>
    <row r="456090" spans="14:14">
      <c r="N456090" s="10"/>
    </row>
    <row r="456091" spans="14:14">
      <c r="N456091" s="10"/>
    </row>
    <row r="456092" spans="14:14">
      <c r="N456092" s="10"/>
    </row>
    <row r="456093" spans="14:14">
      <c r="N456093" s="10"/>
    </row>
    <row r="456094" spans="14:14">
      <c r="N456094" s="10"/>
    </row>
    <row r="456095" spans="14:14">
      <c r="N456095" s="10"/>
    </row>
    <row r="456096" spans="14:14">
      <c r="N456096" s="10"/>
    </row>
    <row r="456097" spans="14:14">
      <c r="N456097" s="10"/>
    </row>
    <row r="456098" spans="14:14">
      <c r="N456098" s="10"/>
    </row>
    <row r="456099" spans="14:14">
      <c r="N456099" s="10"/>
    </row>
    <row r="456100" spans="14:14">
      <c r="N456100" s="10"/>
    </row>
    <row r="456101" spans="14:14">
      <c r="N456101" s="10"/>
    </row>
    <row r="456102" spans="14:14">
      <c r="N456102" s="10"/>
    </row>
    <row r="456103" spans="14:14">
      <c r="N456103" s="10"/>
    </row>
    <row r="456104" spans="14:14">
      <c r="N456104" s="10"/>
    </row>
    <row r="456105" spans="14:14">
      <c r="N456105" s="10"/>
    </row>
    <row r="456106" spans="14:14">
      <c r="N456106" s="10"/>
    </row>
    <row r="456107" spans="14:14">
      <c r="N456107" s="10"/>
    </row>
    <row r="456108" spans="14:14">
      <c r="N456108" s="10"/>
    </row>
    <row r="456109" spans="14:14">
      <c r="N456109" s="10"/>
    </row>
    <row r="456110" spans="14:14">
      <c r="N456110" s="10"/>
    </row>
    <row r="456111" spans="14:14">
      <c r="N456111" s="10"/>
    </row>
    <row r="456112" spans="14:14">
      <c r="N456112" s="10"/>
    </row>
    <row r="456113" spans="14:14">
      <c r="N456113" s="10"/>
    </row>
    <row r="456114" spans="14:14">
      <c r="N456114" s="10"/>
    </row>
    <row r="456115" spans="14:14">
      <c r="N456115" s="10"/>
    </row>
    <row r="456116" spans="14:14">
      <c r="N456116" s="10"/>
    </row>
    <row r="456117" spans="14:14">
      <c r="N456117" s="10"/>
    </row>
    <row r="456118" spans="14:14">
      <c r="N456118" s="10"/>
    </row>
    <row r="456119" spans="14:14">
      <c r="N456119" s="10"/>
    </row>
    <row r="456120" spans="14:14">
      <c r="N456120" s="10"/>
    </row>
    <row r="456121" spans="14:14">
      <c r="N456121" s="10"/>
    </row>
    <row r="456122" spans="14:14">
      <c r="N456122" s="10"/>
    </row>
    <row r="456123" spans="14:14">
      <c r="N456123" s="10"/>
    </row>
    <row r="456124" spans="14:14">
      <c r="N456124" s="10"/>
    </row>
    <row r="456125" spans="14:14">
      <c r="N456125" s="10"/>
    </row>
    <row r="456126" spans="14:14">
      <c r="N456126" s="10"/>
    </row>
    <row r="456127" spans="14:14">
      <c r="N456127" s="10"/>
    </row>
    <row r="456128" spans="14:14">
      <c r="N456128" s="10"/>
    </row>
    <row r="456129" spans="14:14">
      <c r="N456129" s="10"/>
    </row>
    <row r="456130" spans="14:14">
      <c r="N456130" s="10"/>
    </row>
    <row r="456131" spans="14:14">
      <c r="N456131" s="10"/>
    </row>
    <row r="456132" spans="14:14">
      <c r="N456132" s="10"/>
    </row>
    <row r="456133" spans="14:14">
      <c r="N456133" s="10"/>
    </row>
    <row r="456134" spans="14:14">
      <c r="N456134" s="10"/>
    </row>
    <row r="456135" spans="14:14">
      <c r="N456135" s="10"/>
    </row>
    <row r="456136" spans="14:14">
      <c r="N456136" s="10"/>
    </row>
    <row r="456137" spans="14:14">
      <c r="N456137" s="10"/>
    </row>
    <row r="456138" spans="14:14">
      <c r="N456138" s="10"/>
    </row>
    <row r="456139" spans="14:14">
      <c r="N456139" s="10"/>
    </row>
    <row r="456140" spans="14:14">
      <c r="N456140" s="10"/>
    </row>
    <row r="456141" spans="14:14">
      <c r="N456141" s="10"/>
    </row>
    <row r="456142" spans="14:14">
      <c r="N456142" s="10"/>
    </row>
    <row r="456143" spans="14:14">
      <c r="N456143" s="10"/>
    </row>
    <row r="456144" spans="14:14">
      <c r="N456144" s="10"/>
    </row>
    <row r="456145" spans="14:14">
      <c r="N456145" s="10"/>
    </row>
    <row r="456146" spans="14:14">
      <c r="N456146" s="10"/>
    </row>
    <row r="456147" spans="14:14">
      <c r="N456147" s="10"/>
    </row>
    <row r="456148" spans="14:14">
      <c r="N456148" s="10"/>
    </row>
    <row r="456149" spans="14:14">
      <c r="N456149" s="10"/>
    </row>
    <row r="456150" spans="14:14">
      <c r="N456150" s="10"/>
    </row>
    <row r="456151" spans="14:14">
      <c r="N456151" s="10"/>
    </row>
    <row r="456152" spans="14:14">
      <c r="N456152" s="10"/>
    </row>
    <row r="456153" spans="14:14">
      <c r="N456153" s="10"/>
    </row>
    <row r="456154" spans="14:14">
      <c r="N456154" s="10"/>
    </row>
    <row r="456155" spans="14:14">
      <c r="N456155" s="10"/>
    </row>
    <row r="456156" spans="14:14">
      <c r="N456156" s="10"/>
    </row>
    <row r="456157" spans="14:14">
      <c r="N456157" s="10"/>
    </row>
    <row r="456158" spans="14:14">
      <c r="N456158" s="10"/>
    </row>
    <row r="456159" spans="14:14">
      <c r="N456159" s="10"/>
    </row>
    <row r="456160" spans="14:14">
      <c r="N456160" s="10"/>
    </row>
    <row r="456161" spans="14:14">
      <c r="N456161" s="10"/>
    </row>
    <row r="456162" spans="14:14">
      <c r="N456162" s="10"/>
    </row>
    <row r="456163" spans="14:14">
      <c r="N456163" s="10"/>
    </row>
    <row r="456164" spans="14:14">
      <c r="N456164" s="10"/>
    </row>
    <row r="456165" spans="14:14">
      <c r="N456165" s="10"/>
    </row>
    <row r="456166" spans="14:14">
      <c r="N456166" s="10"/>
    </row>
    <row r="456167" spans="14:14">
      <c r="N456167" s="10"/>
    </row>
    <row r="456168" spans="14:14">
      <c r="N456168" s="10"/>
    </row>
    <row r="456169" spans="14:14">
      <c r="N456169" s="10"/>
    </row>
    <row r="456170" spans="14:14">
      <c r="N456170" s="10"/>
    </row>
    <row r="456171" spans="14:14">
      <c r="N456171" s="10"/>
    </row>
    <row r="456172" spans="14:14">
      <c r="N456172" s="10"/>
    </row>
    <row r="456173" spans="14:14">
      <c r="N456173" s="10"/>
    </row>
    <row r="456174" spans="14:14">
      <c r="N456174" s="10"/>
    </row>
    <row r="456175" spans="14:14">
      <c r="N456175" s="10"/>
    </row>
    <row r="456176" spans="14:14">
      <c r="N456176" s="10"/>
    </row>
    <row r="456177" spans="14:14">
      <c r="N456177" s="10"/>
    </row>
    <row r="456178" spans="14:14">
      <c r="N456178" s="10"/>
    </row>
    <row r="456179" spans="14:14">
      <c r="N456179" s="10"/>
    </row>
    <row r="456180" spans="14:14">
      <c r="N456180" s="10"/>
    </row>
    <row r="456181" spans="14:14">
      <c r="N456181" s="10"/>
    </row>
    <row r="456182" spans="14:14">
      <c r="N456182" s="10"/>
    </row>
    <row r="456183" spans="14:14">
      <c r="N456183" s="10"/>
    </row>
    <row r="456184" spans="14:14">
      <c r="N456184" s="10"/>
    </row>
    <row r="456185" spans="14:14">
      <c r="N456185" s="10"/>
    </row>
    <row r="456186" spans="14:14">
      <c r="N456186" s="10"/>
    </row>
    <row r="456187" spans="14:14">
      <c r="N456187" s="10"/>
    </row>
    <row r="456188" spans="14:14">
      <c r="N456188" s="10"/>
    </row>
    <row r="456189" spans="14:14">
      <c r="N456189" s="10"/>
    </row>
    <row r="456190" spans="14:14">
      <c r="N456190" s="10"/>
    </row>
    <row r="456191" spans="14:14">
      <c r="N456191" s="10"/>
    </row>
    <row r="456192" spans="14:14">
      <c r="N456192" s="10"/>
    </row>
    <row r="456193" spans="14:14">
      <c r="N456193" s="10"/>
    </row>
    <row r="456194" spans="14:14">
      <c r="N456194" s="10"/>
    </row>
    <row r="456195" spans="14:14">
      <c r="N456195" s="10"/>
    </row>
    <row r="456196" spans="14:14">
      <c r="N456196" s="10"/>
    </row>
    <row r="456197" spans="14:14">
      <c r="N456197" s="10"/>
    </row>
    <row r="456198" spans="14:14">
      <c r="N456198" s="10"/>
    </row>
    <row r="456199" spans="14:14">
      <c r="N456199" s="10"/>
    </row>
    <row r="456200" spans="14:14">
      <c r="N456200" s="10"/>
    </row>
    <row r="456201" spans="14:14">
      <c r="N456201" s="10"/>
    </row>
    <row r="456202" spans="14:14">
      <c r="N456202" s="10"/>
    </row>
    <row r="456203" spans="14:14">
      <c r="N456203" s="10"/>
    </row>
    <row r="456204" spans="14:14">
      <c r="N456204" s="10"/>
    </row>
    <row r="456205" spans="14:14">
      <c r="N456205" s="10"/>
    </row>
    <row r="456206" spans="14:14">
      <c r="N456206" s="10"/>
    </row>
    <row r="456207" spans="14:14">
      <c r="N456207" s="10"/>
    </row>
    <row r="456208" spans="14:14">
      <c r="N456208" s="10"/>
    </row>
    <row r="456209" spans="14:14">
      <c r="N456209" s="10"/>
    </row>
    <row r="456210" spans="14:14">
      <c r="N456210" s="10"/>
    </row>
    <row r="456211" spans="14:14">
      <c r="N456211" s="10"/>
    </row>
    <row r="456212" spans="14:14">
      <c r="N456212" s="10"/>
    </row>
    <row r="456213" spans="14:14">
      <c r="N456213" s="10"/>
    </row>
    <row r="456214" spans="14:14">
      <c r="N456214" s="10"/>
    </row>
    <row r="456215" spans="14:14">
      <c r="N456215" s="10"/>
    </row>
    <row r="456216" spans="14:14">
      <c r="N456216" s="10"/>
    </row>
    <row r="456217" spans="14:14">
      <c r="N456217" s="10"/>
    </row>
    <row r="456218" spans="14:14">
      <c r="N456218" s="10"/>
    </row>
    <row r="456219" spans="14:14">
      <c r="N456219" s="10"/>
    </row>
    <row r="456220" spans="14:14">
      <c r="N456220" s="10"/>
    </row>
    <row r="456221" spans="14:14">
      <c r="N456221" s="10"/>
    </row>
    <row r="456222" spans="14:14">
      <c r="N456222" s="10"/>
    </row>
    <row r="456223" spans="14:14">
      <c r="N456223" s="10"/>
    </row>
    <row r="456224" spans="14:14">
      <c r="N456224" s="10"/>
    </row>
    <row r="456225" spans="14:14">
      <c r="N456225" s="10"/>
    </row>
    <row r="456226" spans="14:14">
      <c r="N456226" s="10"/>
    </row>
    <row r="456227" spans="14:14">
      <c r="N456227" s="10"/>
    </row>
    <row r="456228" spans="14:14">
      <c r="N456228" s="10"/>
    </row>
    <row r="456229" spans="14:14">
      <c r="N456229" s="10"/>
    </row>
    <row r="456230" spans="14:14">
      <c r="N456230" s="10"/>
    </row>
    <row r="456231" spans="14:14">
      <c r="N456231" s="10"/>
    </row>
    <row r="456232" spans="14:14">
      <c r="N456232" s="10"/>
    </row>
    <row r="456233" spans="14:14">
      <c r="N456233" s="10"/>
    </row>
    <row r="456234" spans="14:14">
      <c r="N456234" s="10"/>
    </row>
    <row r="456235" spans="14:14">
      <c r="N456235" s="10"/>
    </row>
    <row r="456236" spans="14:14">
      <c r="N456236" s="10"/>
    </row>
    <row r="456237" spans="14:14">
      <c r="N456237" s="10"/>
    </row>
    <row r="456238" spans="14:14">
      <c r="N456238" s="10"/>
    </row>
    <row r="456239" spans="14:14">
      <c r="N456239" s="10"/>
    </row>
    <row r="456240" spans="14:14">
      <c r="N456240" s="10"/>
    </row>
    <row r="456241" spans="14:14">
      <c r="N456241" s="10"/>
    </row>
    <row r="456242" spans="14:14">
      <c r="N456242" s="10"/>
    </row>
    <row r="456243" spans="14:14">
      <c r="N456243" s="10"/>
    </row>
    <row r="456244" spans="14:14">
      <c r="N456244" s="10"/>
    </row>
    <row r="456245" spans="14:14">
      <c r="N456245" s="10"/>
    </row>
    <row r="456246" spans="14:14">
      <c r="N456246" s="10"/>
    </row>
    <row r="456247" spans="14:14">
      <c r="N456247" s="10"/>
    </row>
    <row r="456248" spans="14:14">
      <c r="N456248" s="10"/>
    </row>
    <row r="456249" spans="14:14">
      <c r="N456249" s="10"/>
    </row>
    <row r="456250" spans="14:14">
      <c r="N456250" s="10"/>
    </row>
    <row r="456251" spans="14:14">
      <c r="N456251" s="10"/>
    </row>
    <row r="456252" spans="14:14">
      <c r="N456252" s="10"/>
    </row>
    <row r="456253" spans="14:14">
      <c r="N456253" s="10"/>
    </row>
    <row r="456254" spans="14:14">
      <c r="N456254" s="10"/>
    </row>
    <row r="456255" spans="14:14">
      <c r="N456255" s="10"/>
    </row>
    <row r="456256" spans="14:14">
      <c r="N456256" s="10"/>
    </row>
    <row r="456257" spans="14:14">
      <c r="N456257" s="10"/>
    </row>
    <row r="456258" spans="14:14">
      <c r="N456258" s="10"/>
    </row>
    <row r="456259" spans="14:14">
      <c r="N456259" s="10"/>
    </row>
    <row r="456260" spans="14:14">
      <c r="N456260" s="10"/>
    </row>
    <row r="456261" spans="14:14">
      <c r="N456261" s="10"/>
    </row>
    <row r="456262" spans="14:14">
      <c r="N456262" s="10"/>
    </row>
    <row r="456263" spans="14:14">
      <c r="N456263" s="10"/>
    </row>
    <row r="456264" spans="14:14">
      <c r="N456264" s="10"/>
    </row>
    <row r="456265" spans="14:14">
      <c r="N456265" s="10"/>
    </row>
    <row r="456266" spans="14:14">
      <c r="N456266" s="10"/>
    </row>
    <row r="456267" spans="14:14">
      <c r="N456267" s="10"/>
    </row>
    <row r="456268" spans="14:14">
      <c r="N456268" s="10"/>
    </row>
    <row r="456269" spans="14:14">
      <c r="N456269" s="10"/>
    </row>
    <row r="456270" spans="14:14">
      <c r="N456270" s="10"/>
    </row>
    <row r="456271" spans="14:14">
      <c r="N456271" s="10"/>
    </row>
    <row r="456272" spans="14:14">
      <c r="N456272" s="10"/>
    </row>
    <row r="456273" spans="14:14">
      <c r="N456273" s="10"/>
    </row>
    <row r="456274" spans="14:14">
      <c r="N456274" s="10"/>
    </row>
    <row r="456275" spans="14:14">
      <c r="N456275" s="10"/>
    </row>
    <row r="456276" spans="14:14">
      <c r="N456276" s="10"/>
    </row>
    <row r="456277" spans="14:14">
      <c r="N456277" s="10"/>
    </row>
    <row r="456278" spans="14:14">
      <c r="N456278" s="10"/>
    </row>
    <row r="456279" spans="14:14">
      <c r="N456279" s="10"/>
    </row>
    <row r="456280" spans="14:14">
      <c r="N456280" s="10"/>
    </row>
    <row r="456281" spans="14:14">
      <c r="N456281" s="10"/>
    </row>
    <row r="456282" spans="14:14">
      <c r="N456282" s="10"/>
    </row>
    <row r="456283" spans="14:14">
      <c r="N456283" s="10"/>
    </row>
    <row r="456284" spans="14:14">
      <c r="N456284" s="10"/>
    </row>
    <row r="456285" spans="14:14">
      <c r="N456285" s="10"/>
    </row>
    <row r="456286" spans="14:14">
      <c r="N456286" s="10"/>
    </row>
    <row r="456287" spans="14:14">
      <c r="N456287" s="10"/>
    </row>
    <row r="456288" spans="14:14">
      <c r="N456288" s="10"/>
    </row>
    <row r="456289" spans="14:14">
      <c r="N456289" s="10"/>
    </row>
    <row r="456290" spans="14:14">
      <c r="N456290" s="10"/>
    </row>
    <row r="456291" spans="14:14">
      <c r="N456291" s="10"/>
    </row>
    <row r="456292" spans="14:14">
      <c r="N456292" s="10"/>
    </row>
    <row r="456293" spans="14:14">
      <c r="N456293" s="10"/>
    </row>
    <row r="456294" spans="14:14">
      <c r="N456294" s="10"/>
    </row>
    <row r="456295" spans="14:14">
      <c r="N456295" s="10"/>
    </row>
    <row r="456296" spans="14:14">
      <c r="N456296" s="10"/>
    </row>
    <row r="456297" spans="14:14">
      <c r="N456297" s="10"/>
    </row>
    <row r="456298" spans="14:14">
      <c r="N456298" s="10"/>
    </row>
    <row r="456299" spans="14:14">
      <c r="N456299" s="10"/>
    </row>
    <row r="456300" spans="14:14">
      <c r="N456300" s="10"/>
    </row>
    <row r="456301" spans="14:14">
      <c r="N456301" s="10"/>
    </row>
    <row r="456302" spans="14:14">
      <c r="N456302" s="10"/>
    </row>
    <row r="456303" spans="14:14">
      <c r="N456303" s="10"/>
    </row>
    <row r="456304" spans="14:14">
      <c r="N456304" s="10"/>
    </row>
    <row r="456305" spans="14:14">
      <c r="N456305" s="10"/>
    </row>
    <row r="456306" spans="14:14">
      <c r="N456306" s="10"/>
    </row>
    <row r="456307" spans="14:14">
      <c r="N456307" s="10"/>
    </row>
    <row r="456308" spans="14:14">
      <c r="N456308" s="10"/>
    </row>
    <row r="456309" spans="14:14">
      <c r="N456309" s="10"/>
    </row>
    <row r="456310" spans="14:14">
      <c r="N456310" s="10"/>
    </row>
    <row r="456311" spans="14:14">
      <c r="N456311" s="10"/>
    </row>
    <row r="456312" spans="14:14">
      <c r="N456312" s="10"/>
    </row>
    <row r="456313" spans="14:14">
      <c r="N456313" s="10"/>
    </row>
    <row r="456314" spans="14:14">
      <c r="N456314" s="10"/>
    </row>
    <row r="456315" spans="14:14">
      <c r="N456315" s="10"/>
    </row>
    <row r="456316" spans="14:14">
      <c r="N456316" s="10"/>
    </row>
    <row r="456317" spans="14:14">
      <c r="N456317" s="10"/>
    </row>
    <row r="456318" spans="14:14">
      <c r="N456318" s="10"/>
    </row>
    <row r="456319" spans="14:14">
      <c r="N456319" s="10"/>
    </row>
    <row r="456320" spans="14:14">
      <c r="N456320" s="10"/>
    </row>
    <row r="456321" spans="14:14">
      <c r="N456321" s="10"/>
    </row>
    <row r="456322" spans="14:14">
      <c r="N456322" s="10"/>
    </row>
    <row r="456323" spans="14:14">
      <c r="N456323" s="10"/>
    </row>
    <row r="456324" spans="14:14">
      <c r="N456324" s="10"/>
    </row>
    <row r="456325" spans="14:14">
      <c r="N456325" s="10"/>
    </row>
    <row r="456326" spans="14:14">
      <c r="N456326" s="10"/>
    </row>
    <row r="456327" spans="14:14">
      <c r="N456327" s="10"/>
    </row>
    <row r="456328" spans="14:14">
      <c r="N456328" s="10"/>
    </row>
    <row r="456329" spans="14:14">
      <c r="N456329" s="10"/>
    </row>
    <row r="456330" spans="14:14">
      <c r="N456330" s="10"/>
    </row>
    <row r="456331" spans="14:14">
      <c r="N456331" s="10"/>
    </row>
    <row r="456332" spans="14:14">
      <c r="N456332" s="10"/>
    </row>
    <row r="456333" spans="14:14">
      <c r="N456333" s="10"/>
    </row>
    <row r="456334" spans="14:14">
      <c r="N456334" s="10"/>
    </row>
    <row r="456335" spans="14:14">
      <c r="N456335" s="10"/>
    </row>
    <row r="456336" spans="14:14">
      <c r="N456336" s="10"/>
    </row>
    <row r="456337" spans="14:14">
      <c r="N456337" s="10"/>
    </row>
    <row r="456338" spans="14:14">
      <c r="N456338" s="10"/>
    </row>
    <row r="456339" spans="14:14">
      <c r="N456339" s="10"/>
    </row>
    <row r="456340" spans="14:14">
      <c r="N456340" s="10"/>
    </row>
    <row r="456341" spans="14:14">
      <c r="N456341" s="10"/>
    </row>
    <row r="456342" spans="14:14">
      <c r="N456342" s="10"/>
    </row>
    <row r="456343" spans="14:14">
      <c r="N456343" s="10"/>
    </row>
    <row r="456344" spans="14:14">
      <c r="N456344" s="10"/>
    </row>
    <row r="456345" spans="14:14">
      <c r="N456345" s="10"/>
    </row>
    <row r="456346" spans="14:14">
      <c r="N456346" s="10"/>
    </row>
    <row r="456347" spans="14:14">
      <c r="N456347" s="10"/>
    </row>
    <row r="456348" spans="14:14">
      <c r="N456348" s="10"/>
    </row>
    <row r="456349" spans="14:14">
      <c r="N456349" s="10"/>
    </row>
    <row r="456350" spans="14:14">
      <c r="N456350" s="10"/>
    </row>
    <row r="456351" spans="14:14">
      <c r="N456351" s="10"/>
    </row>
    <row r="456352" spans="14:14">
      <c r="N456352" s="10"/>
    </row>
    <row r="456353" spans="14:14">
      <c r="N456353" s="10"/>
    </row>
    <row r="456354" spans="14:14">
      <c r="N456354" s="10"/>
    </row>
    <row r="456355" spans="14:14">
      <c r="N456355" s="10"/>
    </row>
    <row r="456356" spans="14:14">
      <c r="N456356" s="10"/>
    </row>
    <row r="456357" spans="14:14">
      <c r="N456357" s="10"/>
    </row>
    <row r="456358" spans="14:14">
      <c r="N456358" s="10"/>
    </row>
    <row r="456359" spans="14:14">
      <c r="N456359" s="10"/>
    </row>
    <row r="456360" spans="14:14">
      <c r="N456360" s="10"/>
    </row>
    <row r="456361" spans="14:14">
      <c r="N456361" s="10"/>
    </row>
    <row r="456362" spans="14:14">
      <c r="N456362" s="10"/>
    </row>
    <row r="456363" spans="14:14">
      <c r="N456363" s="10"/>
    </row>
    <row r="456364" spans="14:14">
      <c r="N456364" s="10"/>
    </row>
    <row r="456365" spans="14:14">
      <c r="N456365" s="10"/>
    </row>
    <row r="456366" spans="14:14">
      <c r="N456366" s="10"/>
    </row>
    <row r="456367" spans="14:14">
      <c r="N456367" s="10"/>
    </row>
    <row r="456368" spans="14:14">
      <c r="N456368" s="10"/>
    </row>
    <row r="456369" spans="14:14">
      <c r="N456369" s="10"/>
    </row>
    <row r="456370" spans="14:14">
      <c r="N456370" s="10"/>
    </row>
    <row r="456371" spans="14:14">
      <c r="N456371" s="10"/>
    </row>
    <row r="456372" spans="14:14">
      <c r="N456372" s="10"/>
    </row>
    <row r="456373" spans="14:14">
      <c r="N456373" s="10"/>
    </row>
    <row r="456374" spans="14:14">
      <c r="N456374" s="10"/>
    </row>
    <row r="456375" spans="14:14">
      <c r="N456375" s="10"/>
    </row>
    <row r="456376" spans="14:14">
      <c r="N456376" s="10"/>
    </row>
    <row r="456377" spans="14:14">
      <c r="N456377" s="10"/>
    </row>
    <row r="456378" spans="14:14">
      <c r="N456378" s="10"/>
    </row>
    <row r="456379" spans="14:14">
      <c r="N456379" s="10"/>
    </row>
    <row r="456380" spans="14:14">
      <c r="N456380" s="10"/>
    </row>
    <row r="456381" spans="14:14">
      <c r="N456381" s="10"/>
    </row>
    <row r="456382" spans="14:14">
      <c r="N456382" s="10"/>
    </row>
    <row r="456383" spans="14:14">
      <c r="N456383" s="10"/>
    </row>
    <row r="456384" spans="14:14">
      <c r="N456384" s="10"/>
    </row>
    <row r="456385" spans="14:14">
      <c r="N456385" s="10"/>
    </row>
    <row r="456386" spans="14:14">
      <c r="N456386" s="10"/>
    </row>
    <row r="456387" spans="14:14">
      <c r="N456387" s="10"/>
    </row>
    <row r="456388" spans="14:14">
      <c r="N456388" s="10"/>
    </row>
    <row r="456389" spans="14:14">
      <c r="N456389" s="10"/>
    </row>
    <row r="456390" spans="14:14">
      <c r="N456390" s="10"/>
    </row>
    <row r="456391" spans="14:14">
      <c r="N456391" s="10"/>
    </row>
    <row r="456392" spans="14:14">
      <c r="N456392" s="10"/>
    </row>
    <row r="456393" spans="14:14">
      <c r="N456393" s="10"/>
    </row>
    <row r="456394" spans="14:14">
      <c r="N456394" s="10"/>
    </row>
    <row r="456395" spans="14:14">
      <c r="N456395" s="10"/>
    </row>
    <row r="456396" spans="14:14">
      <c r="N456396" s="10"/>
    </row>
    <row r="456397" spans="14:14">
      <c r="N456397" s="10"/>
    </row>
    <row r="456398" spans="14:14">
      <c r="N456398" s="10"/>
    </row>
    <row r="456399" spans="14:14">
      <c r="N456399" s="10"/>
    </row>
    <row r="456400" spans="14:14">
      <c r="N456400" s="10"/>
    </row>
    <row r="456401" spans="14:14">
      <c r="N456401" s="10"/>
    </row>
    <row r="456402" spans="14:14">
      <c r="N456402" s="10"/>
    </row>
    <row r="456403" spans="14:14">
      <c r="N456403" s="10"/>
    </row>
    <row r="456404" spans="14:14">
      <c r="N456404" s="10"/>
    </row>
    <row r="456405" spans="14:14">
      <c r="N456405" s="10"/>
    </row>
    <row r="456406" spans="14:14">
      <c r="N456406" s="10"/>
    </row>
    <row r="456407" spans="14:14">
      <c r="N456407" s="10"/>
    </row>
    <row r="456408" spans="14:14">
      <c r="N456408" s="10"/>
    </row>
    <row r="456409" spans="14:14">
      <c r="N456409" s="10"/>
    </row>
    <row r="456410" spans="14:14">
      <c r="N456410" s="10"/>
    </row>
    <row r="456411" spans="14:14">
      <c r="N456411" s="10"/>
    </row>
    <row r="456412" spans="14:14">
      <c r="N456412" s="10"/>
    </row>
    <row r="456413" spans="14:14">
      <c r="N456413" s="10"/>
    </row>
    <row r="456414" spans="14:14">
      <c r="N456414" s="10"/>
    </row>
    <row r="456415" spans="14:14">
      <c r="N456415" s="10"/>
    </row>
    <row r="456416" spans="14:14">
      <c r="N456416" s="10"/>
    </row>
    <row r="456417" spans="14:14">
      <c r="N456417" s="10"/>
    </row>
    <row r="456418" spans="14:14">
      <c r="N456418" s="10"/>
    </row>
    <row r="456419" spans="14:14">
      <c r="N456419" s="10"/>
    </row>
    <row r="456420" spans="14:14">
      <c r="N456420" s="10"/>
    </row>
    <row r="456421" spans="14:14">
      <c r="N456421" s="10"/>
    </row>
    <row r="456422" spans="14:14">
      <c r="N456422" s="10"/>
    </row>
    <row r="456423" spans="14:14">
      <c r="N456423" s="10"/>
    </row>
    <row r="456424" spans="14:14">
      <c r="N456424" s="10"/>
    </row>
    <row r="456425" spans="14:14">
      <c r="N456425" s="10"/>
    </row>
    <row r="456426" spans="14:14">
      <c r="N456426" s="10"/>
    </row>
    <row r="456427" spans="14:14">
      <c r="N456427" s="10"/>
    </row>
    <row r="456428" spans="14:14">
      <c r="N456428" s="10"/>
    </row>
    <row r="456429" spans="14:14">
      <c r="N456429" s="10"/>
    </row>
    <row r="456430" spans="14:14">
      <c r="N456430" s="10"/>
    </row>
    <row r="456431" spans="14:14">
      <c r="N456431" s="10"/>
    </row>
    <row r="456432" spans="14:14">
      <c r="N456432" s="10"/>
    </row>
    <row r="456433" spans="14:14">
      <c r="N456433" s="10"/>
    </row>
    <row r="456434" spans="14:14">
      <c r="N456434" s="10"/>
    </row>
    <row r="456435" spans="14:14">
      <c r="N456435" s="10"/>
    </row>
    <row r="456436" spans="14:14">
      <c r="N456436" s="10"/>
    </row>
    <row r="456437" spans="14:14">
      <c r="N456437" s="10"/>
    </row>
    <row r="456438" spans="14:14">
      <c r="N456438" s="10"/>
    </row>
    <row r="456439" spans="14:14">
      <c r="N456439" s="10"/>
    </row>
    <row r="456440" spans="14:14">
      <c r="N456440" s="10"/>
    </row>
    <row r="456441" spans="14:14">
      <c r="N456441" s="10"/>
    </row>
    <row r="456442" spans="14:14">
      <c r="N456442" s="10"/>
    </row>
    <row r="456443" spans="14:14">
      <c r="N456443" s="10"/>
    </row>
    <row r="456444" spans="14:14">
      <c r="N456444" s="10"/>
    </row>
    <row r="456445" spans="14:14">
      <c r="N456445" s="10"/>
    </row>
    <row r="456446" spans="14:14">
      <c r="N456446" s="10"/>
    </row>
    <row r="456447" spans="14:14">
      <c r="N456447" s="10"/>
    </row>
    <row r="456448" spans="14:14">
      <c r="N456448" s="10"/>
    </row>
    <row r="456449" spans="14:14">
      <c r="N456449" s="10"/>
    </row>
    <row r="456450" spans="14:14">
      <c r="N456450" s="10"/>
    </row>
    <row r="456451" spans="14:14">
      <c r="N456451" s="10"/>
    </row>
    <row r="456452" spans="14:14">
      <c r="N456452" s="10"/>
    </row>
    <row r="456453" spans="14:14">
      <c r="N456453" s="10"/>
    </row>
    <row r="456454" spans="14:14">
      <c r="N456454" s="10"/>
    </row>
    <row r="456455" spans="14:14">
      <c r="N456455" s="10"/>
    </row>
    <row r="456456" spans="14:14">
      <c r="N456456" s="10"/>
    </row>
    <row r="456457" spans="14:14">
      <c r="N456457" s="10"/>
    </row>
    <row r="456458" spans="14:14">
      <c r="N456458" s="10"/>
    </row>
    <row r="456459" spans="14:14">
      <c r="N456459" s="10"/>
    </row>
    <row r="456460" spans="14:14">
      <c r="N456460" s="10"/>
    </row>
    <row r="456461" spans="14:14">
      <c r="N456461" s="10"/>
    </row>
    <row r="456462" spans="14:14">
      <c r="N456462" s="10"/>
    </row>
    <row r="456463" spans="14:14">
      <c r="N456463" s="10"/>
    </row>
    <row r="456464" spans="14:14">
      <c r="N456464" s="10"/>
    </row>
    <row r="456465" spans="14:14">
      <c r="N456465" s="10"/>
    </row>
    <row r="456466" spans="14:14">
      <c r="N456466" s="10"/>
    </row>
    <row r="456467" spans="14:14">
      <c r="N456467" s="10"/>
    </row>
    <row r="456468" spans="14:14">
      <c r="N456468" s="10"/>
    </row>
    <row r="456469" spans="14:14">
      <c r="N456469" s="10"/>
    </row>
    <row r="456470" spans="14:14">
      <c r="N456470" s="10"/>
    </row>
    <row r="456471" spans="14:14">
      <c r="N456471" s="10"/>
    </row>
    <row r="456472" spans="14:14">
      <c r="N456472" s="10"/>
    </row>
    <row r="456473" spans="14:14">
      <c r="N456473" s="10"/>
    </row>
    <row r="456474" spans="14:14">
      <c r="N456474" s="10"/>
    </row>
    <row r="456475" spans="14:14">
      <c r="N456475" s="10"/>
    </row>
    <row r="456476" spans="14:14">
      <c r="N456476" s="10"/>
    </row>
    <row r="456477" spans="14:14">
      <c r="N456477" s="10"/>
    </row>
    <row r="456478" spans="14:14">
      <c r="N456478" s="10"/>
    </row>
    <row r="456479" spans="14:14">
      <c r="N456479" s="10"/>
    </row>
    <row r="456480" spans="14:14">
      <c r="N456480" s="10"/>
    </row>
    <row r="456481" spans="14:14">
      <c r="N456481" s="10"/>
    </row>
    <row r="456482" spans="14:14">
      <c r="N456482" s="10"/>
    </row>
    <row r="456483" spans="14:14">
      <c r="N456483" s="10"/>
    </row>
    <row r="456484" spans="14:14">
      <c r="N456484" s="10"/>
    </row>
    <row r="456485" spans="14:14">
      <c r="N456485" s="10"/>
    </row>
    <row r="456486" spans="14:14">
      <c r="N456486" s="10"/>
    </row>
    <row r="456487" spans="14:14">
      <c r="N456487" s="10"/>
    </row>
    <row r="456488" spans="14:14">
      <c r="N456488" s="10"/>
    </row>
    <row r="456489" spans="14:14">
      <c r="N456489" s="10"/>
    </row>
    <row r="456490" spans="14:14">
      <c r="N456490" s="10"/>
    </row>
    <row r="456491" spans="14:14">
      <c r="N456491" s="10"/>
    </row>
    <row r="456492" spans="14:14">
      <c r="N456492" s="10"/>
    </row>
    <row r="456493" spans="14:14">
      <c r="N456493" s="10"/>
    </row>
    <row r="456494" spans="14:14">
      <c r="N456494" s="10"/>
    </row>
    <row r="456495" spans="14:14">
      <c r="N456495" s="10"/>
    </row>
    <row r="456496" spans="14:14">
      <c r="N456496" s="10"/>
    </row>
    <row r="456497" spans="14:14">
      <c r="N456497" s="10"/>
    </row>
    <row r="456498" spans="14:14">
      <c r="N456498" s="10"/>
    </row>
    <row r="456499" spans="14:14">
      <c r="N456499" s="10"/>
    </row>
    <row r="456500" spans="14:14">
      <c r="N456500" s="10"/>
    </row>
    <row r="456501" spans="14:14">
      <c r="N456501" s="10"/>
    </row>
    <row r="456502" spans="14:14">
      <c r="N456502" s="10"/>
    </row>
    <row r="456503" spans="14:14">
      <c r="N456503" s="10"/>
    </row>
    <row r="456504" spans="14:14">
      <c r="N456504" s="10"/>
    </row>
    <row r="456505" spans="14:14">
      <c r="N456505" s="10"/>
    </row>
    <row r="456506" spans="14:14">
      <c r="N456506" s="10"/>
    </row>
    <row r="456507" spans="14:14">
      <c r="N456507" s="10"/>
    </row>
    <row r="456508" spans="14:14">
      <c r="N456508" s="10"/>
    </row>
    <row r="456509" spans="14:14">
      <c r="N456509" s="10"/>
    </row>
    <row r="456510" spans="14:14">
      <c r="N456510" s="10"/>
    </row>
    <row r="456511" spans="14:14">
      <c r="N456511" s="10"/>
    </row>
    <row r="456512" spans="14:14">
      <c r="N456512" s="10"/>
    </row>
    <row r="456513" spans="14:14">
      <c r="N456513" s="10"/>
    </row>
    <row r="456514" spans="14:14">
      <c r="N456514" s="10"/>
    </row>
    <row r="456515" spans="14:14">
      <c r="N456515" s="10"/>
    </row>
    <row r="456516" spans="14:14">
      <c r="N456516" s="10"/>
    </row>
    <row r="456517" spans="14:14">
      <c r="N456517" s="10"/>
    </row>
    <row r="456518" spans="14:14">
      <c r="N456518" s="10"/>
    </row>
    <row r="456519" spans="14:14">
      <c r="N456519" s="10"/>
    </row>
    <row r="456520" spans="14:14">
      <c r="N456520" s="10"/>
    </row>
    <row r="456521" spans="14:14">
      <c r="N456521" s="10"/>
    </row>
    <row r="456522" spans="14:14">
      <c r="N456522" s="10"/>
    </row>
    <row r="456523" spans="14:14">
      <c r="N456523" s="10"/>
    </row>
    <row r="456524" spans="14:14">
      <c r="N456524" s="10"/>
    </row>
    <row r="456525" spans="14:14">
      <c r="N456525" s="10"/>
    </row>
    <row r="456526" spans="14:14">
      <c r="N456526" s="10"/>
    </row>
    <row r="456527" spans="14:14">
      <c r="N456527" s="10"/>
    </row>
    <row r="456528" spans="14:14">
      <c r="N456528" s="10"/>
    </row>
    <row r="456529" spans="14:14">
      <c r="N456529" s="10"/>
    </row>
    <row r="456530" spans="14:14">
      <c r="N456530" s="10"/>
    </row>
    <row r="456531" spans="14:14">
      <c r="N456531" s="10"/>
    </row>
    <row r="456532" spans="14:14">
      <c r="N456532" s="10"/>
    </row>
    <row r="456533" spans="14:14">
      <c r="N456533" s="10"/>
    </row>
    <row r="456534" spans="14:14">
      <c r="N456534" s="10"/>
    </row>
    <row r="456535" spans="14:14">
      <c r="N456535" s="10"/>
    </row>
    <row r="456536" spans="14:14">
      <c r="N456536" s="10"/>
    </row>
    <row r="456537" spans="14:14">
      <c r="N456537" s="10"/>
    </row>
    <row r="456538" spans="14:14">
      <c r="N456538" s="10"/>
    </row>
    <row r="456539" spans="14:14">
      <c r="N456539" s="10"/>
    </row>
    <row r="456540" spans="14:14">
      <c r="N456540" s="10"/>
    </row>
    <row r="456541" spans="14:14">
      <c r="N456541" s="10"/>
    </row>
    <row r="456542" spans="14:14">
      <c r="N456542" s="10"/>
    </row>
    <row r="456543" spans="14:14">
      <c r="N456543" s="10"/>
    </row>
    <row r="456544" spans="14:14">
      <c r="N456544" s="10"/>
    </row>
    <row r="456545" spans="14:14">
      <c r="N456545" s="10"/>
    </row>
    <row r="456546" spans="14:14">
      <c r="N456546" s="10"/>
    </row>
    <row r="456547" spans="14:14">
      <c r="N456547" s="10"/>
    </row>
    <row r="456548" spans="14:14">
      <c r="N456548" s="10"/>
    </row>
    <row r="456549" spans="14:14">
      <c r="N456549" s="10"/>
    </row>
    <row r="456550" spans="14:14">
      <c r="N456550" s="10"/>
    </row>
    <row r="456551" spans="14:14">
      <c r="N456551" s="10"/>
    </row>
    <row r="456552" spans="14:14">
      <c r="N456552" s="10"/>
    </row>
    <row r="456553" spans="14:14">
      <c r="N456553" s="10"/>
    </row>
    <row r="456554" spans="14:14">
      <c r="N456554" s="10"/>
    </row>
    <row r="456555" spans="14:14">
      <c r="N456555" s="10"/>
    </row>
    <row r="456556" spans="14:14">
      <c r="N456556" s="10"/>
    </row>
    <row r="456557" spans="14:14">
      <c r="N456557" s="10"/>
    </row>
    <row r="456558" spans="14:14">
      <c r="N456558" s="10"/>
    </row>
    <row r="456559" spans="14:14">
      <c r="N456559" s="10"/>
    </row>
    <row r="456560" spans="14:14">
      <c r="N456560" s="10"/>
    </row>
    <row r="456561" spans="14:14">
      <c r="N456561" s="10"/>
    </row>
    <row r="456562" spans="14:14">
      <c r="N456562" s="10"/>
    </row>
    <row r="456563" spans="14:14">
      <c r="N456563" s="10"/>
    </row>
    <row r="456564" spans="14:14">
      <c r="N456564" s="10"/>
    </row>
    <row r="456565" spans="14:14">
      <c r="N456565" s="10"/>
    </row>
    <row r="456566" spans="14:14">
      <c r="N456566" s="10"/>
    </row>
    <row r="456567" spans="14:14">
      <c r="N456567" s="10"/>
    </row>
    <row r="456568" spans="14:14">
      <c r="N456568" s="10"/>
    </row>
    <row r="456569" spans="14:14">
      <c r="N456569" s="10"/>
    </row>
    <row r="456570" spans="14:14">
      <c r="N456570" s="10"/>
    </row>
    <row r="456571" spans="14:14">
      <c r="N456571" s="10"/>
    </row>
    <row r="456572" spans="14:14">
      <c r="N456572" s="10"/>
    </row>
    <row r="456573" spans="14:14">
      <c r="N456573" s="10"/>
    </row>
    <row r="456574" spans="14:14">
      <c r="N456574" s="10"/>
    </row>
    <row r="456575" spans="14:14">
      <c r="N456575" s="10"/>
    </row>
    <row r="456576" spans="14:14">
      <c r="N456576" s="10"/>
    </row>
    <row r="456577" spans="14:14">
      <c r="N456577" s="10"/>
    </row>
    <row r="456578" spans="14:14">
      <c r="N456578" s="10"/>
    </row>
    <row r="456579" spans="14:14">
      <c r="N456579" s="10"/>
    </row>
    <row r="456580" spans="14:14">
      <c r="N456580" s="10"/>
    </row>
    <row r="456581" spans="14:14">
      <c r="N456581" s="10"/>
    </row>
    <row r="456582" spans="14:14">
      <c r="N456582" s="10"/>
    </row>
    <row r="456583" spans="14:14">
      <c r="N456583" s="10"/>
    </row>
    <row r="456584" spans="14:14">
      <c r="N456584" s="10"/>
    </row>
    <row r="456585" spans="14:14">
      <c r="N456585" s="10"/>
    </row>
    <row r="456586" spans="14:14">
      <c r="N456586" s="10"/>
    </row>
    <row r="456587" spans="14:14">
      <c r="N456587" s="10"/>
    </row>
    <row r="456588" spans="14:14">
      <c r="N456588" s="10"/>
    </row>
    <row r="456589" spans="14:14">
      <c r="N456589" s="10"/>
    </row>
    <row r="456590" spans="14:14">
      <c r="N456590" s="10"/>
    </row>
    <row r="456591" spans="14:14">
      <c r="N456591" s="10"/>
    </row>
    <row r="456592" spans="14:14">
      <c r="N456592" s="10"/>
    </row>
    <row r="456593" spans="14:14">
      <c r="N456593" s="10"/>
    </row>
    <row r="456594" spans="14:14">
      <c r="N456594" s="10"/>
    </row>
    <row r="456595" spans="14:14">
      <c r="N456595" s="10"/>
    </row>
    <row r="456596" spans="14:14">
      <c r="N456596" s="10"/>
    </row>
    <row r="456597" spans="14:14">
      <c r="N456597" s="10"/>
    </row>
    <row r="456598" spans="14:14">
      <c r="N456598" s="10"/>
    </row>
    <row r="456599" spans="14:14">
      <c r="N456599" s="10"/>
    </row>
    <row r="456600" spans="14:14">
      <c r="N456600" s="10"/>
    </row>
    <row r="456601" spans="14:14">
      <c r="N456601" s="10"/>
    </row>
    <row r="456602" spans="14:14">
      <c r="N456602" s="10"/>
    </row>
    <row r="456603" spans="14:14">
      <c r="N456603" s="10"/>
    </row>
    <row r="456604" spans="14:14">
      <c r="N456604" s="10"/>
    </row>
    <row r="456605" spans="14:14">
      <c r="N456605" s="10"/>
    </row>
    <row r="456606" spans="14:14">
      <c r="N456606" s="10"/>
    </row>
    <row r="456607" spans="14:14">
      <c r="N456607" s="10"/>
    </row>
    <row r="456608" spans="14:14">
      <c r="N456608" s="10"/>
    </row>
    <row r="456609" spans="14:14">
      <c r="N456609" s="10"/>
    </row>
    <row r="456610" spans="14:14">
      <c r="N456610" s="10"/>
    </row>
    <row r="456611" spans="14:14">
      <c r="N456611" s="10"/>
    </row>
    <row r="456612" spans="14:14">
      <c r="N456612" s="10"/>
    </row>
    <row r="456613" spans="14:14">
      <c r="N456613" s="10"/>
    </row>
    <row r="456614" spans="14:14">
      <c r="N456614" s="10"/>
    </row>
    <row r="456615" spans="14:14">
      <c r="N456615" s="10"/>
    </row>
    <row r="456616" spans="14:14">
      <c r="N456616" s="10"/>
    </row>
    <row r="456617" spans="14:14">
      <c r="N456617" s="10"/>
    </row>
    <row r="456618" spans="14:14">
      <c r="N456618" s="10"/>
    </row>
    <row r="456619" spans="14:14">
      <c r="N456619" s="10"/>
    </row>
    <row r="456620" spans="14:14">
      <c r="N456620" s="10"/>
    </row>
    <row r="456621" spans="14:14">
      <c r="N456621" s="10"/>
    </row>
    <row r="456622" spans="14:14">
      <c r="N456622" s="10"/>
    </row>
    <row r="456623" spans="14:14">
      <c r="N456623" s="10"/>
    </row>
    <row r="456624" spans="14:14">
      <c r="N456624" s="10"/>
    </row>
    <row r="456625" spans="14:14">
      <c r="N456625" s="10"/>
    </row>
    <row r="456626" spans="14:14">
      <c r="N456626" s="10"/>
    </row>
    <row r="456627" spans="14:14">
      <c r="N456627" s="10"/>
    </row>
    <row r="456628" spans="14:14">
      <c r="N456628" s="10"/>
    </row>
    <row r="456629" spans="14:14">
      <c r="N456629" s="10"/>
    </row>
    <row r="456630" spans="14:14">
      <c r="N456630" s="10"/>
    </row>
    <row r="456631" spans="14:14">
      <c r="N456631" s="10"/>
    </row>
    <row r="456632" spans="14:14">
      <c r="N456632" s="10"/>
    </row>
    <row r="456633" spans="14:14">
      <c r="N456633" s="10"/>
    </row>
    <row r="456634" spans="14:14">
      <c r="N456634" s="10"/>
    </row>
    <row r="456635" spans="14:14">
      <c r="N456635" s="10"/>
    </row>
    <row r="456636" spans="14:14">
      <c r="N456636" s="10"/>
    </row>
    <row r="456637" spans="14:14">
      <c r="N456637" s="10"/>
    </row>
    <row r="456638" spans="14:14">
      <c r="N456638" s="10"/>
    </row>
    <row r="456639" spans="14:14">
      <c r="N456639" s="10"/>
    </row>
    <row r="456640" spans="14:14">
      <c r="N456640" s="10"/>
    </row>
    <row r="456641" spans="14:14">
      <c r="N456641" s="10"/>
    </row>
    <row r="456642" spans="14:14">
      <c r="N456642" s="10"/>
    </row>
    <row r="456643" spans="14:14">
      <c r="N456643" s="10"/>
    </row>
    <row r="456644" spans="14:14">
      <c r="N456644" s="10"/>
    </row>
    <row r="456645" spans="14:14">
      <c r="N456645" s="10"/>
    </row>
    <row r="456646" spans="14:14">
      <c r="N456646" s="10"/>
    </row>
    <row r="456647" spans="14:14">
      <c r="N456647" s="10"/>
    </row>
    <row r="456648" spans="14:14">
      <c r="N456648" s="10"/>
    </row>
    <row r="456649" spans="14:14">
      <c r="N456649" s="10"/>
    </row>
    <row r="456650" spans="14:14">
      <c r="N456650" s="10"/>
    </row>
    <row r="456651" spans="14:14">
      <c r="N456651" s="10"/>
    </row>
    <row r="456652" spans="14:14">
      <c r="N456652" s="10"/>
    </row>
    <row r="456653" spans="14:14">
      <c r="N456653" s="10"/>
    </row>
    <row r="456654" spans="14:14">
      <c r="N456654" s="10"/>
    </row>
    <row r="456655" spans="14:14">
      <c r="N456655" s="10"/>
    </row>
    <row r="456656" spans="14:14">
      <c r="N456656" s="10"/>
    </row>
    <row r="456657" spans="14:14">
      <c r="N456657" s="10"/>
    </row>
    <row r="456658" spans="14:14">
      <c r="N456658" s="10"/>
    </row>
    <row r="456659" spans="14:14">
      <c r="N456659" s="10"/>
    </row>
    <row r="456660" spans="14:14">
      <c r="N456660" s="10"/>
    </row>
    <row r="456661" spans="14:14">
      <c r="N456661" s="10"/>
    </row>
    <row r="456662" spans="14:14">
      <c r="N456662" s="10"/>
    </row>
    <row r="456663" spans="14:14">
      <c r="N456663" s="10"/>
    </row>
    <row r="456664" spans="14:14">
      <c r="N456664" s="10"/>
    </row>
    <row r="456665" spans="14:14">
      <c r="N456665" s="10"/>
    </row>
    <row r="456666" spans="14:14">
      <c r="N456666" s="10"/>
    </row>
    <row r="456667" spans="14:14">
      <c r="N456667" s="10"/>
    </row>
    <row r="456668" spans="14:14">
      <c r="N456668" s="10"/>
    </row>
    <row r="456669" spans="14:14">
      <c r="N456669" s="10"/>
    </row>
    <row r="456670" spans="14:14">
      <c r="N456670" s="10"/>
    </row>
    <row r="456671" spans="14:14">
      <c r="N456671" s="10"/>
    </row>
    <row r="456672" spans="14:14">
      <c r="N456672" s="10"/>
    </row>
    <row r="456673" spans="14:14">
      <c r="N456673" s="10"/>
    </row>
    <row r="456674" spans="14:14">
      <c r="N456674" s="10"/>
    </row>
    <row r="456675" spans="14:14">
      <c r="N456675" s="10"/>
    </row>
    <row r="456676" spans="14:14">
      <c r="N456676" s="10"/>
    </row>
    <row r="456677" spans="14:14">
      <c r="N456677" s="10"/>
    </row>
    <row r="456678" spans="14:14">
      <c r="N456678" s="10"/>
    </row>
    <row r="456679" spans="14:14">
      <c r="N456679" s="10"/>
    </row>
    <row r="456680" spans="14:14">
      <c r="N456680" s="10"/>
    </row>
    <row r="456681" spans="14:14">
      <c r="N456681" s="10"/>
    </row>
    <row r="456682" spans="14:14">
      <c r="N456682" s="10"/>
    </row>
    <row r="456683" spans="14:14">
      <c r="N456683" s="10"/>
    </row>
    <row r="456684" spans="14:14">
      <c r="N456684" s="10"/>
    </row>
    <row r="456685" spans="14:14">
      <c r="N456685" s="10"/>
    </row>
    <row r="456686" spans="14:14">
      <c r="N456686" s="10"/>
    </row>
    <row r="456687" spans="14:14">
      <c r="N456687" s="10"/>
    </row>
    <row r="456688" spans="14:14">
      <c r="N456688" s="10"/>
    </row>
    <row r="456689" spans="14:14">
      <c r="N456689" s="10"/>
    </row>
    <row r="456690" spans="14:14">
      <c r="N456690" s="10"/>
    </row>
    <row r="456691" spans="14:14">
      <c r="N456691" s="10"/>
    </row>
    <row r="456692" spans="14:14">
      <c r="N456692" s="10"/>
    </row>
    <row r="456693" spans="14:14">
      <c r="N456693" s="10"/>
    </row>
    <row r="456694" spans="14:14">
      <c r="N456694" s="10"/>
    </row>
    <row r="456695" spans="14:14">
      <c r="N456695" s="10"/>
    </row>
    <row r="456696" spans="14:14">
      <c r="N456696" s="10"/>
    </row>
    <row r="456697" spans="14:14">
      <c r="N456697" s="10"/>
    </row>
    <row r="456698" spans="14:14">
      <c r="N456698" s="10"/>
    </row>
    <row r="456699" spans="14:14">
      <c r="N456699" s="10"/>
    </row>
    <row r="456700" spans="14:14">
      <c r="N456700" s="10"/>
    </row>
    <row r="456701" spans="14:14">
      <c r="N456701" s="10"/>
    </row>
    <row r="456702" spans="14:14">
      <c r="N456702" s="10"/>
    </row>
    <row r="456703" spans="14:14">
      <c r="N456703" s="10"/>
    </row>
    <row r="456704" spans="14:14">
      <c r="N456704" s="10"/>
    </row>
    <row r="456705" spans="14:14">
      <c r="N456705" s="10"/>
    </row>
    <row r="456706" spans="14:14">
      <c r="N456706" s="10"/>
    </row>
    <row r="456707" spans="14:14">
      <c r="N456707" s="10"/>
    </row>
    <row r="456708" spans="14:14">
      <c r="N456708" s="10"/>
    </row>
    <row r="456709" spans="14:14">
      <c r="N456709" s="10"/>
    </row>
    <row r="456710" spans="14:14">
      <c r="N456710" s="10"/>
    </row>
    <row r="456711" spans="14:14">
      <c r="N456711" s="10"/>
    </row>
    <row r="456712" spans="14:14">
      <c r="N456712" s="10"/>
    </row>
    <row r="456713" spans="14:14">
      <c r="N456713" s="10"/>
    </row>
    <row r="456714" spans="14:14">
      <c r="N456714" s="10"/>
    </row>
    <row r="456715" spans="14:14">
      <c r="N456715" s="10"/>
    </row>
    <row r="456716" spans="14:14">
      <c r="N456716" s="10"/>
    </row>
    <row r="456717" spans="14:14">
      <c r="N456717" s="10"/>
    </row>
    <row r="456718" spans="14:14">
      <c r="N456718" s="10"/>
    </row>
    <row r="456719" spans="14:14">
      <c r="N456719" s="10"/>
    </row>
    <row r="456720" spans="14:14">
      <c r="N456720" s="10"/>
    </row>
    <row r="456721" spans="14:14">
      <c r="N456721" s="10"/>
    </row>
    <row r="456722" spans="14:14">
      <c r="N456722" s="10"/>
    </row>
    <row r="456723" spans="14:14">
      <c r="N456723" s="10"/>
    </row>
    <row r="456724" spans="14:14">
      <c r="N456724" s="10"/>
    </row>
    <row r="456725" spans="14:14">
      <c r="N456725" s="10"/>
    </row>
    <row r="456726" spans="14:14">
      <c r="N456726" s="10"/>
    </row>
    <row r="456727" spans="14:14">
      <c r="N456727" s="10"/>
    </row>
    <row r="456728" spans="14:14">
      <c r="N456728" s="10"/>
    </row>
    <row r="456729" spans="14:14">
      <c r="N456729" s="10"/>
    </row>
    <row r="456730" spans="14:14">
      <c r="N456730" s="10"/>
    </row>
    <row r="456731" spans="14:14">
      <c r="N456731" s="10"/>
    </row>
    <row r="456732" spans="14:14">
      <c r="N456732" s="10"/>
    </row>
    <row r="456733" spans="14:14">
      <c r="N456733" s="10"/>
    </row>
    <row r="456734" spans="14:14">
      <c r="N456734" s="10"/>
    </row>
    <row r="456735" spans="14:14">
      <c r="N456735" s="10"/>
    </row>
    <row r="456736" spans="14:14">
      <c r="N456736" s="10"/>
    </row>
    <row r="456737" spans="14:14">
      <c r="N456737" s="10"/>
    </row>
    <row r="456738" spans="14:14">
      <c r="N456738" s="10"/>
    </row>
    <row r="456739" spans="14:14">
      <c r="N456739" s="10"/>
    </row>
    <row r="456740" spans="14:14">
      <c r="N456740" s="10"/>
    </row>
    <row r="456741" spans="14:14">
      <c r="N456741" s="10"/>
    </row>
    <row r="456742" spans="14:14">
      <c r="N456742" s="10"/>
    </row>
    <row r="456743" spans="14:14">
      <c r="N456743" s="10"/>
    </row>
    <row r="456744" spans="14:14">
      <c r="N456744" s="10"/>
    </row>
    <row r="456745" spans="14:14">
      <c r="N456745" s="10"/>
    </row>
    <row r="456746" spans="14:14">
      <c r="N456746" s="10"/>
    </row>
    <row r="456747" spans="14:14">
      <c r="N456747" s="10"/>
    </row>
    <row r="456748" spans="14:14">
      <c r="N456748" s="10"/>
    </row>
    <row r="456749" spans="14:14">
      <c r="N456749" s="10"/>
    </row>
    <row r="456750" spans="14:14">
      <c r="N456750" s="10"/>
    </row>
    <row r="456751" spans="14:14">
      <c r="N456751" s="10"/>
    </row>
    <row r="456752" spans="14:14">
      <c r="N456752" s="10"/>
    </row>
    <row r="456753" spans="14:14">
      <c r="N456753" s="10"/>
    </row>
    <row r="456754" spans="14:14">
      <c r="N456754" s="10"/>
    </row>
    <row r="456755" spans="14:14">
      <c r="N456755" s="10"/>
    </row>
    <row r="456756" spans="14:14">
      <c r="N456756" s="10"/>
    </row>
    <row r="456757" spans="14:14">
      <c r="N456757" s="10"/>
    </row>
    <row r="456758" spans="14:14">
      <c r="N456758" s="10"/>
    </row>
    <row r="456759" spans="14:14">
      <c r="N456759" s="10"/>
    </row>
    <row r="456760" spans="14:14">
      <c r="N456760" s="10"/>
    </row>
    <row r="456761" spans="14:14">
      <c r="N456761" s="10"/>
    </row>
    <row r="456762" spans="14:14">
      <c r="N456762" s="10"/>
    </row>
    <row r="456763" spans="14:14">
      <c r="N456763" s="10"/>
    </row>
    <row r="456764" spans="14:14">
      <c r="N456764" s="10"/>
    </row>
    <row r="456765" spans="14:14">
      <c r="N456765" s="10"/>
    </row>
    <row r="456766" spans="14:14">
      <c r="N456766" s="10"/>
    </row>
    <row r="456767" spans="14:14">
      <c r="N456767" s="10"/>
    </row>
    <row r="456768" spans="14:14">
      <c r="N456768" s="10"/>
    </row>
    <row r="456769" spans="14:14">
      <c r="N456769" s="10"/>
    </row>
    <row r="456770" spans="14:14">
      <c r="N456770" s="10"/>
    </row>
    <row r="456771" spans="14:14">
      <c r="N456771" s="10"/>
    </row>
    <row r="456772" spans="14:14">
      <c r="N456772" s="10"/>
    </row>
    <row r="456773" spans="14:14">
      <c r="N456773" s="10"/>
    </row>
    <row r="456774" spans="14:14">
      <c r="N456774" s="10"/>
    </row>
    <row r="456775" spans="14:14">
      <c r="N456775" s="10"/>
    </row>
    <row r="456776" spans="14:14">
      <c r="N456776" s="10"/>
    </row>
    <row r="456777" spans="14:14">
      <c r="N456777" s="10"/>
    </row>
    <row r="456778" spans="14:14">
      <c r="N456778" s="10"/>
    </row>
    <row r="456779" spans="14:14">
      <c r="N456779" s="10"/>
    </row>
    <row r="456780" spans="14:14">
      <c r="N456780" s="10"/>
    </row>
    <row r="456781" spans="14:14">
      <c r="N456781" s="10"/>
    </row>
    <row r="456782" spans="14:14">
      <c r="N456782" s="10"/>
    </row>
    <row r="456783" spans="14:14">
      <c r="N456783" s="10"/>
    </row>
    <row r="456784" spans="14:14">
      <c r="N456784" s="10"/>
    </row>
    <row r="456785" spans="14:14">
      <c r="N456785" s="10"/>
    </row>
    <row r="456786" spans="14:14">
      <c r="N456786" s="10"/>
    </row>
    <row r="456787" spans="14:14">
      <c r="N456787" s="10"/>
    </row>
    <row r="456788" spans="14:14">
      <c r="N456788" s="10"/>
    </row>
    <row r="456789" spans="14:14">
      <c r="N456789" s="10"/>
    </row>
    <row r="456790" spans="14:14">
      <c r="N456790" s="10"/>
    </row>
    <row r="456791" spans="14:14">
      <c r="N456791" s="10"/>
    </row>
    <row r="456792" spans="14:14">
      <c r="N456792" s="10"/>
    </row>
    <row r="456793" spans="14:14">
      <c r="N456793" s="10"/>
    </row>
    <row r="456794" spans="14:14">
      <c r="N456794" s="10"/>
    </row>
    <row r="456795" spans="14:14">
      <c r="N456795" s="10"/>
    </row>
    <row r="456796" spans="14:14">
      <c r="N456796" s="10"/>
    </row>
    <row r="456797" spans="14:14">
      <c r="N456797" s="10"/>
    </row>
    <row r="456798" spans="14:14">
      <c r="N456798" s="10"/>
    </row>
    <row r="456799" spans="14:14">
      <c r="N456799" s="10"/>
    </row>
    <row r="456800" spans="14:14">
      <c r="N456800" s="10"/>
    </row>
    <row r="456801" spans="14:14">
      <c r="N456801" s="10"/>
    </row>
    <row r="456802" spans="14:14">
      <c r="N456802" s="10"/>
    </row>
    <row r="456803" spans="14:14">
      <c r="N456803" s="10"/>
    </row>
    <row r="456804" spans="14:14">
      <c r="N456804" s="10"/>
    </row>
    <row r="456805" spans="14:14">
      <c r="N456805" s="10"/>
    </row>
    <row r="456806" spans="14:14">
      <c r="N456806" s="10"/>
    </row>
    <row r="456807" spans="14:14">
      <c r="N456807" s="10"/>
    </row>
    <row r="456808" spans="14:14">
      <c r="N456808" s="10"/>
    </row>
    <row r="456809" spans="14:14">
      <c r="N456809" s="10"/>
    </row>
    <row r="456810" spans="14:14">
      <c r="N456810" s="10"/>
    </row>
    <row r="456811" spans="14:14">
      <c r="N456811" s="10"/>
    </row>
    <row r="456812" spans="14:14">
      <c r="N456812" s="10"/>
    </row>
    <row r="456813" spans="14:14">
      <c r="N456813" s="10"/>
    </row>
    <row r="456814" spans="14:14">
      <c r="N456814" s="10"/>
    </row>
    <row r="456815" spans="14:14">
      <c r="N456815" s="10"/>
    </row>
    <row r="456816" spans="14:14">
      <c r="N456816" s="10"/>
    </row>
    <row r="456817" spans="14:14">
      <c r="N456817" s="10"/>
    </row>
    <row r="456818" spans="14:14">
      <c r="N456818" s="10"/>
    </row>
    <row r="456819" spans="14:14">
      <c r="N456819" s="10"/>
    </row>
    <row r="456820" spans="14:14">
      <c r="N456820" s="10"/>
    </row>
    <row r="456821" spans="14:14">
      <c r="N456821" s="10"/>
    </row>
    <row r="456822" spans="14:14">
      <c r="N456822" s="10"/>
    </row>
    <row r="456823" spans="14:14">
      <c r="N456823" s="10"/>
    </row>
    <row r="456824" spans="14:14">
      <c r="N456824" s="10"/>
    </row>
    <row r="456825" spans="14:14">
      <c r="N456825" s="10"/>
    </row>
    <row r="456826" spans="14:14">
      <c r="N456826" s="10"/>
    </row>
    <row r="456827" spans="14:14">
      <c r="N456827" s="10"/>
    </row>
    <row r="456828" spans="14:14">
      <c r="N456828" s="10"/>
    </row>
    <row r="456829" spans="14:14">
      <c r="N456829" s="10"/>
    </row>
    <row r="456830" spans="14:14">
      <c r="N456830" s="10"/>
    </row>
    <row r="456831" spans="14:14">
      <c r="N456831" s="10"/>
    </row>
    <row r="456832" spans="14:14">
      <c r="N456832" s="10"/>
    </row>
    <row r="456833" spans="14:14">
      <c r="N456833" s="10"/>
    </row>
    <row r="456834" spans="14:14">
      <c r="N456834" s="10"/>
    </row>
    <row r="456835" spans="14:14">
      <c r="N456835" s="10"/>
    </row>
    <row r="456836" spans="14:14">
      <c r="N456836" s="10"/>
    </row>
    <row r="456837" spans="14:14">
      <c r="N456837" s="10"/>
    </row>
    <row r="456838" spans="14:14">
      <c r="N456838" s="10"/>
    </row>
    <row r="456839" spans="14:14">
      <c r="N456839" s="10"/>
    </row>
    <row r="456840" spans="14:14">
      <c r="N456840" s="10"/>
    </row>
    <row r="456841" spans="14:14">
      <c r="N456841" s="10"/>
    </row>
    <row r="456842" spans="14:14">
      <c r="N456842" s="10"/>
    </row>
    <row r="456843" spans="14:14">
      <c r="N456843" s="10"/>
    </row>
    <row r="456844" spans="14:14">
      <c r="N456844" s="10"/>
    </row>
    <row r="456845" spans="14:14">
      <c r="N456845" s="10"/>
    </row>
    <row r="456846" spans="14:14">
      <c r="N456846" s="10"/>
    </row>
    <row r="456847" spans="14:14">
      <c r="N456847" s="10"/>
    </row>
    <row r="456848" spans="14:14">
      <c r="N456848" s="10"/>
    </row>
    <row r="456849" spans="14:14">
      <c r="N456849" s="10"/>
    </row>
    <row r="456850" spans="14:14">
      <c r="N456850" s="10"/>
    </row>
    <row r="456851" spans="14:14">
      <c r="N456851" s="10"/>
    </row>
    <row r="456852" spans="14:14">
      <c r="N456852" s="10"/>
    </row>
    <row r="456853" spans="14:14">
      <c r="N456853" s="10"/>
    </row>
    <row r="456854" spans="14:14">
      <c r="N456854" s="10"/>
    </row>
    <row r="456855" spans="14:14">
      <c r="N456855" s="10"/>
    </row>
    <row r="456856" spans="14:14">
      <c r="N456856" s="10"/>
    </row>
    <row r="456857" spans="14:14">
      <c r="N456857" s="10"/>
    </row>
    <row r="456858" spans="14:14">
      <c r="N456858" s="10"/>
    </row>
    <row r="456859" spans="14:14">
      <c r="N456859" s="10"/>
    </row>
    <row r="456860" spans="14:14">
      <c r="N456860" s="10"/>
    </row>
    <row r="456861" spans="14:14">
      <c r="N456861" s="10"/>
    </row>
    <row r="456862" spans="14:14">
      <c r="N456862" s="10"/>
    </row>
    <row r="456863" spans="14:14">
      <c r="N456863" s="10"/>
    </row>
    <row r="456864" spans="14:14">
      <c r="N456864" s="10"/>
    </row>
    <row r="456865" spans="14:14">
      <c r="N456865" s="10"/>
    </row>
    <row r="456866" spans="14:14">
      <c r="N456866" s="10"/>
    </row>
    <row r="456867" spans="14:14">
      <c r="N456867" s="10"/>
    </row>
    <row r="456868" spans="14:14">
      <c r="N456868" s="10"/>
    </row>
    <row r="456869" spans="14:14">
      <c r="N456869" s="10"/>
    </row>
    <row r="456870" spans="14:14">
      <c r="N456870" s="10"/>
    </row>
    <row r="456871" spans="14:14">
      <c r="N456871" s="10"/>
    </row>
    <row r="456872" spans="14:14">
      <c r="N456872" s="10"/>
    </row>
    <row r="456873" spans="14:14">
      <c r="N456873" s="10"/>
    </row>
    <row r="456874" spans="14:14">
      <c r="N456874" s="10"/>
    </row>
    <row r="456875" spans="14:14">
      <c r="N456875" s="10"/>
    </row>
    <row r="456876" spans="14:14">
      <c r="N456876" s="10"/>
    </row>
    <row r="456877" spans="14:14">
      <c r="N456877" s="10"/>
    </row>
    <row r="456878" spans="14:14">
      <c r="N456878" s="10"/>
    </row>
    <row r="456879" spans="14:14">
      <c r="N456879" s="10"/>
    </row>
    <row r="456880" spans="14:14">
      <c r="N456880" s="10"/>
    </row>
    <row r="456881" spans="14:14">
      <c r="N456881" s="10"/>
    </row>
    <row r="456882" spans="14:14">
      <c r="N456882" s="10"/>
    </row>
    <row r="456883" spans="14:14">
      <c r="N456883" s="10"/>
    </row>
    <row r="456884" spans="14:14">
      <c r="N456884" s="10"/>
    </row>
    <row r="456885" spans="14:14">
      <c r="N456885" s="10"/>
    </row>
    <row r="456886" spans="14:14">
      <c r="N456886" s="10"/>
    </row>
    <row r="456887" spans="14:14">
      <c r="N456887" s="10"/>
    </row>
    <row r="456888" spans="14:14">
      <c r="N456888" s="10"/>
    </row>
    <row r="456889" spans="14:14">
      <c r="N456889" s="10"/>
    </row>
    <row r="456890" spans="14:14">
      <c r="N456890" s="10"/>
    </row>
    <row r="456891" spans="14:14">
      <c r="N456891" s="10"/>
    </row>
    <row r="456892" spans="14:14">
      <c r="N456892" s="10"/>
    </row>
    <row r="456893" spans="14:14">
      <c r="N456893" s="10"/>
    </row>
    <row r="456894" spans="14:14">
      <c r="N456894" s="10"/>
    </row>
    <row r="456895" spans="14:14">
      <c r="N456895" s="10"/>
    </row>
    <row r="456896" spans="14:14">
      <c r="N456896" s="10"/>
    </row>
    <row r="456897" spans="14:14">
      <c r="N456897" s="10"/>
    </row>
    <row r="456898" spans="14:14">
      <c r="N456898" s="10"/>
    </row>
    <row r="456899" spans="14:14">
      <c r="N456899" s="10"/>
    </row>
    <row r="456900" spans="14:14">
      <c r="N456900" s="10"/>
    </row>
    <row r="456901" spans="14:14">
      <c r="N456901" s="10"/>
    </row>
    <row r="456902" spans="14:14">
      <c r="N456902" s="10"/>
    </row>
    <row r="456903" spans="14:14">
      <c r="N456903" s="10"/>
    </row>
    <row r="456904" spans="14:14">
      <c r="N456904" s="10"/>
    </row>
    <row r="456905" spans="14:14">
      <c r="N456905" s="10"/>
    </row>
    <row r="456906" spans="14:14">
      <c r="N456906" s="10"/>
    </row>
    <row r="456907" spans="14:14">
      <c r="N456907" s="10"/>
    </row>
    <row r="456908" spans="14:14">
      <c r="N456908" s="10"/>
    </row>
    <row r="456909" spans="14:14">
      <c r="N456909" s="10"/>
    </row>
    <row r="456910" spans="14:14">
      <c r="N456910" s="10"/>
    </row>
    <row r="456911" spans="14:14">
      <c r="N456911" s="10"/>
    </row>
    <row r="456912" spans="14:14">
      <c r="N456912" s="10"/>
    </row>
    <row r="456913" spans="14:14">
      <c r="N456913" s="10"/>
    </row>
    <row r="456914" spans="14:14">
      <c r="N456914" s="10"/>
    </row>
    <row r="456915" spans="14:14">
      <c r="N456915" s="10"/>
    </row>
    <row r="456916" spans="14:14">
      <c r="N456916" s="10"/>
    </row>
    <row r="456917" spans="14:14">
      <c r="N456917" s="10"/>
    </row>
    <row r="456918" spans="14:14">
      <c r="N456918" s="10"/>
    </row>
    <row r="456919" spans="14:14">
      <c r="N456919" s="10"/>
    </row>
    <row r="456920" spans="14:14">
      <c r="N456920" s="10"/>
    </row>
    <row r="456921" spans="14:14">
      <c r="N456921" s="10"/>
    </row>
    <row r="456922" spans="14:14">
      <c r="N456922" s="10"/>
    </row>
    <row r="456923" spans="14:14">
      <c r="N456923" s="10"/>
    </row>
    <row r="456924" spans="14:14">
      <c r="N456924" s="10"/>
    </row>
    <row r="456925" spans="14:14">
      <c r="N456925" s="10"/>
    </row>
    <row r="456926" spans="14:14">
      <c r="N456926" s="10"/>
    </row>
    <row r="456927" spans="14:14">
      <c r="N456927" s="10"/>
    </row>
    <row r="456928" spans="14:14">
      <c r="N456928" s="10"/>
    </row>
    <row r="456929" spans="14:14">
      <c r="N456929" s="10"/>
    </row>
    <row r="456930" spans="14:14">
      <c r="N456930" s="10"/>
    </row>
    <row r="456931" spans="14:14">
      <c r="N456931" s="10"/>
    </row>
    <row r="456932" spans="14:14">
      <c r="N456932" s="10"/>
    </row>
    <row r="456933" spans="14:14">
      <c r="N456933" s="10"/>
    </row>
    <row r="456934" spans="14:14">
      <c r="N456934" s="10"/>
    </row>
    <row r="456935" spans="14:14">
      <c r="N456935" s="10"/>
    </row>
    <row r="456936" spans="14:14">
      <c r="N456936" s="10"/>
    </row>
    <row r="456937" spans="14:14">
      <c r="N456937" s="10"/>
    </row>
    <row r="456938" spans="14:14">
      <c r="N456938" s="10"/>
    </row>
    <row r="456939" spans="14:14">
      <c r="N456939" s="10"/>
    </row>
    <row r="456940" spans="14:14">
      <c r="N456940" s="10"/>
    </row>
    <row r="456941" spans="14:14">
      <c r="N456941" s="10"/>
    </row>
    <row r="456942" spans="14:14">
      <c r="N456942" s="10"/>
    </row>
    <row r="456943" spans="14:14">
      <c r="N456943" s="10"/>
    </row>
    <row r="456944" spans="14:14">
      <c r="N456944" s="10"/>
    </row>
    <row r="456945" spans="14:14">
      <c r="N456945" s="10"/>
    </row>
    <row r="456946" spans="14:14">
      <c r="N456946" s="10"/>
    </row>
    <row r="456947" spans="14:14">
      <c r="N456947" s="10"/>
    </row>
    <row r="456948" spans="14:14">
      <c r="N456948" s="10"/>
    </row>
    <row r="456949" spans="14:14">
      <c r="N456949" s="10"/>
    </row>
    <row r="456950" spans="14:14">
      <c r="N456950" s="10"/>
    </row>
    <row r="456951" spans="14:14">
      <c r="N456951" s="10"/>
    </row>
    <row r="456952" spans="14:14">
      <c r="N456952" s="10"/>
    </row>
    <row r="456953" spans="14:14">
      <c r="N456953" s="10"/>
    </row>
    <row r="456954" spans="14:14">
      <c r="N456954" s="10"/>
    </row>
    <row r="456955" spans="14:14">
      <c r="N456955" s="10"/>
    </row>
    <row r="456956" spans="14:14">
      <c r="N456956" s="10"/>
    </row>
    <row r="456957" spans="14:14">
      <c r="N456957" s="10"/>
    </row>
    <row r="456958" spans="14:14">
      <c r="N456958" s="10"/>
    </row>
    <row r="456959" spans="14:14">
      <c r="N456959" s="10"/>
    </row>
    <row r="456960" spans="14:14">
      <c r="N456960" s="10"/>
    </row>
    <row r="456961" spans="14:14">
      <c r="N456961" s="10"/>
    </row>
    <row r="456962" spans="14:14">
      <c r="N456962" s="10"/>
    </row>
    <row r="456963" spans="14:14">
      <c r="N456963" s="10"/>
    </row>
    <row r="456964" spans="14:14">
      <c r="N456964" s="10"/>
    </row>
    <row r="456965" spans="14:14">
      <c r="N456965" s="10"/>
    </row>
    <row r="456966" spans="14:14">
      <c r="N456966" s="10"/>
    </row>
    <row r="456967" spans="14:14">
      <c r="N456967" s="10"/>
    </row>
    <row r="456968" spans="14:14">
      <c r="N456968" s="10"/>
    </row>
    <row r="456969" spans="14:14">
      <c r="N456969" s="10"/>
    </row>
    <row r="456970" spans="14:14">
      <c r="N456970" s="10"/>
    </row>
    <row r="456971" spans="14:14">
      <c r="N456971" s="10"/>
    </row>
    <row r="456972" spans="14:14">
      <c r="N456972" s="10"/>
    </row>
    <row r="456973" spans="14:14">
      <c r="N456973" s="10"/>
    </row>
    <row r="456974" spans="14:14">
      <c r="N456974" s="10"/>
    </row>
    <row r="456975" spans="14:14">
      <c r="N456975" s="10"/>
    </row>
    <row r="456976" spans="14:14">
      <c r="N456976" s="10"/>
    </row>
    <row r="456977" spans="14:14">
      <c r="N456977" s="10"/>
    </row>
    <row r="456978" spans="14:14">
      <c r="N456978" s="10"/>
    </row>
    <row r="456979" spans="14:14">
      <c r="N456979" s="10"/>
    </row>
    <row r="456980" spans="14:14">
      <c r="N456980" s="10"/>
    </row>
    <row r="456981" spans="14:14">
      <c r="N456981" s="10"/>
    </row>
    <row r="456982" spans="14:14">
      <c r="N456982" s="10"/>
    </row>
    <row r="456983" spans="14:14">
      <c r="N456983" s="10"/>
    </row>
    <row r="456984" spans="14:14">
      <c r="N456984" s="10"/>
    </row>
    <row r="456985" spans="14:14">
      <c r="N456985" s="10"/>
    </row>
    <row r="456986" spans="14:14">
      <c r="N456986" s="10"/>
    </row>
    <row r="456987" spans="14:14">
      <c r="N456987" s="10"/>
    </row>
    <row r="456988" spans="14:14">
      <c r="N456988" s="10"/>
    </row>
    <row r="456989" spans="14:14">
      <c r="N456989" s="10"/>
    </row>
    <row r="456990" spans="14:14">
      <c r="N456990" s="10"/>
    </row>
    <row r="456991" spans="14:14">
      <c r="N456991" s="10"/>
    </row>
    <row r="456992" spans="14:14">
      <c r="N456992" s="10"/>
    </row>
    <row r="456993" spans="14:14">
      <c r="N456993" s="10"/>
    </row>
    <row r="456994" spans="14:14">
      <c r="N456994" s="10"/>
    </row>
    <row r="456995" spans="14:14">
      <c r="N456995" s="10"/>
    </row>
    <row r="456996" spans="14:14">
      <c r="N456996" s="10"/>
    </row>
    <row r="456997" spans="14:14">
      <c r="N456997" s="10"/>
    </row>
    <row r="456998" spans="14:14">
      <c r="N456998" s="10"/>
    </row>
    <row r="456999" spans="14:14">
      <c r="N456999" s="10"/>
    </row>
    <row r="457000" spans="14:14">
      <c r="N457000" s="10"/>
    </row>
    <row r="457001" spans="14:14">
      <c r="N457001" s="10"/>
    </row>
    <row r="457002" spans="14:14">
      <c r="N457002" s="10"/>
    </row>
    <row r="457003" spans="14:14">
      <c r="N457003" s="10"/>
    </row>
    <row r="457004" spans="14:14">
      <c r="N457004" s="10"/>
    </row>
    <row r="457005" spans="14:14">
      <c r="N457005" s="10"/>
    </row>
    <row r="457006" spans="14:14">
      <c r="N457006" s="10"/>
    </row>
    <row r="457007" spans="14:14">
      <c r="N457007" s="10"/>
    </row>
    <row r="457008" spans="14:14">
      <c r="N457008" s="10"/>
    </row>
    <row r="457009" spans="14:14">
      <c r="N457009" s="10"/>
    </row>
    <row r="457010" spans="14:14">
      <c r="N457010" s="10"/>
    </row>
    <row r="457011" spans="14:14">
      <c r="N457011" s="10"/>
    </row>
    <row r="457012" spans="14:14">
      <c r="N457012" s="10"/>
    </row>
    <row r="457013" spans="14:14">
      <c r="N457013" s="10"/>
    </row>
    <row r="457014" spans="14:14">
      <c r="N457014" s="10"/>
    </row>
    <row r="457015" spans="14:14">
      <c r="N457015" s="10"/>
    </row>
    <row r="457016" spans="14:14">
      <c r="N457016" s="10"/>
    </row>
    <row r="457017" spans="14:14">
      <c r="N457017" s="10"/>
    </row>
    <row r="457018" spans="14:14">
      <c r="N457018" s="10"/>
    </row>
    <row r="457019" spans="14:14">
      <c r="N457019" s="10"/>
    </row>
    <row r="457020" spans="14:14">
      <c r="N457020" s="10"/>
    </row>
    <row r="457021" spans="14:14">
      <c r="N457021" s="10"/>
    </row>
    <row r="457022" spans="14:14">
      <c r="N457022" s="10"/>
    </row>
    <row r="457023" spans="14:14">
      <c r="N457023" s="10"/>
    </row>
    <row r="457024" spans="14:14">
      <c r="N457024" s="10"/>
    </row>
    <row r="457025" spans="14:14">
      <c r="N457025" s="10"/>
    </row>
    <row r="457026" spans="14:14">
      <c r="N457026" s="10"/>
    </row>
    <row r="457027" spans="14:14">
      <c r="N457027" s="10"/>
    </row>
    <row r="457028" spans="14:14">
      <c r="N457028" s="10"/>
    </row>
    <row r="457029" spans="14:14">
      <c r="N457029" s="10"/>
    </row>
    <row r="457030" spans="14:14">
      <c r="N457030" s="10"/>
    </row>
    <row r="457031" spans="14:14">
      <c r="N457031" s="10"/>
    </row>
    <row r="457032" spans="14:14">
      <c r="N457032" s="10"/>
    </row>
    <row r="457033" spans="14:14">
      <c r="N457033" s="10"/>
    </row>
    <row r="457034" spans="14:14">
      <c r="N457034" s="10"/>
    </row>
    <row r="457035" spans="14:14">
      <c r="N457035" s="10"/>
    </row>
    <row r="457036" spans="14:14">
      <c r="N457036" s="10"/>
    </row>
    <row r="457037" spans="14:14">
      <c r="N457037" s="10"/>
    </row>
    <row r="457038" spans="14:14">
      <c r="N457038" s="10"/>
    </row>
    <row r="457039" spans="14:14">
      <c r="N457039" s="10"/>
    </row>
    <row r="457040" spans="14:14">
      <c r="N457040" s="10"/>
    </row>
    <row r="457041" spans="14:14">
      <c r="N457041" s="10"/>
    </row>
    <row r="457042" spans="14:14">
      <c r="N457042" s="10"/>
    </row>
    <row r="457043" spans="14:14">
      <c r="N457043" s="10"/>
    </row>
    <row r="457044" spans="14:14">
      <c r="N457044" s="10"/>
    </row>
    <row r="457045" spans="14:14">
      <c r="N457045" s="10"/>
    </row>
    <row r="457046" spans="14:14">
      <c r="N457046" s="10"/>
    </row>
    <row r="457047" spans="14:14">
      <c r="N457047" s="10"/>
    </row>
    <row r="457048" spans="14:14">
      <c r="N457048" s="10"/>
    </row>
    <row r="457049" spans="14:14">
      <c r="N457049" s="10"/>
    </row>
    <row r="457050" spans="14:14">
      <c r="N457050" s="10"/>
    </row>
    <row r="457051" spans="14:14">
      <c r="N457051" s="10"/>
    </row>
    <row r="457052" spans="14:14">
      <c r="N457052" s="10"/>
    </row>
    <row r="457053" spans="14:14">
      <c r="N457053" s="10"/>
    </row>
    <row r="457054" spans="14:14">
      <c r="N457054" s="10"/>
    </row>
    <row r="457055" spans="14:14">
      <c r="N457055" s="10"/>
    </row>
    <row r="457056" spans="14:14">
      <c r="N457056" s="10"/>
    </row>
    <row r="457057" spans="14:14">
      <c r="N457057" s="10"/>
    </row>
    <row r="457058" spans="14:14">
      <c r="N457058" s="10"/>
    </row>
    <row r="457059" spans="14:14">
      <c r="N457059" s="10"/>
    </row>
    <row r="457060" spans="14:14">
      <c r="N457060" s="10"/>
    </row>
    <row r="457061" spans="14:14">
      <c r="N457061" s="10"/>
    </row>
    <row r="457062" spans="14:14">
      <c r="N457062" s="10"/>
    </row>
    <row r="457063" spans="14:14">
      <c r="N457063" s="10"/>
    </row>
    <row r="457064" spans="14:14">
      <c r="N457064" s="10"/>
    </row>
    <row r="457065" spans="14:14">
      <c r="N457065" s="10"/>
    </row>
    <row r="457066" spans="14:14">
      <c r="N457066" s="10"/>
    </row>
    <row r="457067" spans="14:14">
      <c r="N457067" s="10"/>
    </row>
    <row r="457068" spans="14:14">
      <c r="N457068" s="10"/>
    </row>
    <row r="457069" spans="14:14">
      <c r="N457069" s="10"/>
    </row>
    <row r="457070" spans="14:14">
      <c r="N457070" s="10"/>
    </row>
    <row r="457071" spans="14:14">
      <c r="N457071" s="10"/>
    </row>
    <row r="457072" spans="14:14">
      <c r="N457072" s="10"/>
    </row>
    <row r="457073" spans="14:14">
      <c r="N457073" s="10"/>
    </row>
    <row r="457074" spans="14:14">
      <c r="N457074" s="10"/>
    </row>
    <row r="457075" spans="14:14">
      <c r="N457075" s="10"/>
    </row>
    <row r="457076" spans="14:14">
      <c r="N457076" s="10"/>
    </row>
    <row r="457077" spans="14:14">
      <c r="N457077" s="10"/>
    </row>
    <row r="457078" spans="14:14">
      <c r="N457078" s="10"/>
    </row>
    <row r="457079" spans="14:14">
      <c r="N457079" s="10"/>
    </row>
    <row r="457080" spans="14:14">
      <c r="N457080" s="10"/>
    </row>
    <row r="457081" spans="14:14">
      <c r="N457081" s="10"/>
    </row>
    <row r="457082" spans="14:14">
      <c r="N457082" s="10"/>
    </row>
    <row r="457083" spans="14:14">
      <c r="N457083" s="10"/>
    </row>
    <row r="457084" spans="14:14">
      <c r="N457084" s="10"/>
    </row>
    <row r="457085" spans="14:14">
      <c r="N457085" s="10"/>
    </row>
    <row r="457086" spans="14:14">
      <c r="N457086" s="10"/>
    </row>
    <row r="457087" spans="14:14">
      <c r="N457087" s="10"/>
    </row>
    <row r="457088" spans="14:14">
      <c r="N457088" s="10"/>
    </row>
    <row r="457089" spans="14:14">
      <c r="N457089" s="10"/>
    </row>
    <row r="457090" spans="14:14">
      <c r="N457090" s="10"/>
    </row>
    <row r="457091" spans="14:14">
      <c r="N457091" s="10"/>
    </row>
    <row r="457092" spans="14:14">
      <c r="N457092" s="10"/>
    </row>
    <row r="457093" spans="14:14">
      <c r="N457093" s="10"/>
    </row>
    <row r="457094" spans="14:14">
      <c r="N457094" s="10"/>
    </row>
    <row r="457095" spans="14:14">
      <c r="N457095" s="10"/>
    </row>
    <row r="457096" spans="14:14">
      <c r="N457096" s="10"/>
    </row>
    <row r="457097" spans="14:14">
      <c r="N457097" s="10"/>
    </row>
    <row r="457098" spans="14:14">
      <c r="N457098" s="10"/>
    </row>
    <row r="457099" spans="14:14">
      <c r="N457099" s="10"/>
    </row>
    <row r="457100" spans="14:14">
      <c r="N457100" s="10"/>
    </row>
    <row r="457101" spans="14:14">
      <c r="N457101" s="10"/>
    </row>
    <row r="457102" spans="14:14">
      <c r="N457102" s="10"/>
    </row>
    <row r="457103" spans="14:14">
      <c r="N457103" s="10"/>
    </row>
    <row r="457104" spans="14:14">
      <c r="N457104" s="10"/>
    </row>
    <row r="457105" spans="14:14">
      <c r="N457105" s="10"/>
    </row>
    <row r="457106" spans="14:14">
      <c r="N457106" s="10"/>
    </row>
    <row r="457107" spans="14:14">
      <c r="N457107" s="10"/>
    </row>
    <row r="457108" spans="14:14">
      <c r="N457108" s="10"/>
    </row>
    <row r="457109" spans="14:14">
      <c r="N457109" s="10"/>
    </row>
    <row r="457110" spans="14:14">
      <c r="N457110" s="10"/>
    </row>
    <row r="457111" spans="14:14">
      <c r="N457111" s="10"/>
    </row>
    <row r="457112" spans="14:14">
      <c r="N457112" s="10"/>
    </row>
    <row r="457113" spans="14:14">
      <c r="N457113" s="10"/>
    </row>
    <row r="457114" spans="14:14">
      <c r="N457114" s="10"/>
    </row>
    <row r="457115" spans="14:14">
      <c r="N457115" s="10"/>
    </row>
    <row r="457116" spans="14:14">
      <c r="N457116" s="10"/>
    </row>
    <row r="457117" spans="14:14">
      <c r="N457117" s="10"/>
    </row>
    <row r="457118" spans="14:14">
      <c r="N457118" s="10"/>
    </row>
    <row r="457119" spans="14:14">
      <c r="N457119" s="10"/>
    </row>
    <row r="457120" spans="14:14">
      <c r="N457120" s="10"/>
    </row>
    <row r="457121" spans="14:14">
      <c r="N457121" s="10"/>
    </row>
    <row r="457122" spans="14:14">
      <c r="N457122" s="10"/>
    </row>
    <row r="457123" spans="14:14">
      <c r="N457123" s="10"/>
    </row>
    <row r="457124" spans="14:14">
      <c r="N457124" s="10"/>
    </row>
    <row r="457125" spans="14:14">
      <c r="N457125" s="10"/>
    </row>
    <row r="457126" spans="14:14">
      <c r="N457126" s="10"/>
    </row>
    <row r="457127" spans="14:14">
      <c r="N457127" s="10"/>
    </row>
    <row r="457128" spans="14:14">
      <c r="N457128" s="10"/>
    </row>
    <row r="457129" spans="14:14">
      <c r="N457129" s="10"/>
    </row>
    <row r="457130" spans="14:14">
      <c r="N457130" s="10"/>
    </row>
    <row r="457131" spans="14:14">
      <c r="N457131" s="10"/>
    </row>
    <row r="457132" spans="14:14">
      <c r="N457132" s="10"/>
    </row>
    <row r="457133" spans="14:14">
      <c r="N457133" s="10"/>
    </row>
    <row r="457134" spans="14:14">
      <c r="N457134" s="10"/>
    </row>
    <row r="457135" spans="14:14">
      <c r="N457135" s="10"/>
    </row>
    <row r="457136" spans="14:14">
      <c r="N457136" s="10"/>
    </row>
    <row r="457137" spans="14:14">
      <c r="N457137" s="10"/>
    </row>
    <row r="457138" spans="14:14">
      <c r="N457138" s="10"/>
    </row>
    <row r="457139" spans="14:14">
      <c r="N457139" s="10"/>
    </row>
    <row r="457140" spans="14:14">
      <c r="N457140" s="10"/>
    </row>
    <row r="457141" spans="14:14">
      <c r="N457141" s="10"/>
    </row>
    <row r="457142" spans="14:14">
      <c r="N457142" s="10"/>
    </row>
    <row r="457143" spans="14:14">
      <c r="N457143" s="10"/>
    </row>
    <row r="457144" spans="14:14">
      <c r="N457144" s="10"/>
    </row>
    <row r="457145" spans="14:14">
      <c r="N457145" s="10"/>
    </row>
    <row r="457146" spans="14:14">
      <c r="N457146" s="10"/>
    </row>
    <row r="457147" spans="14:14">
      <c r="N457147" s="10"/>
    </row>
    <row r="457148" spans="14:14">
      <c r="N457148" s="10"/>
    </row>
    <row r="457149" spans="14:14">
      <c r="N457149" s="10"/>
    </row>
    <row r="457150" spans="14:14">
      <c r="N457150" s="10"/>
    </row>
    <row r="457151" spans="14:14">
      <c r="N457151" s="10"/>
    </row>
    <row r="457152" spans="14:14">
      <c r="N457152" s="10"/>
    </row>
    <row r="457153" spans="14:14">
      <c r="N457153" s="10"/>
    </row>
    <row r="457154" spans="14:14">
      <c r="N457154" s="10"/>
    </row>
    <row r="457155" spans="14:14">
      <c r="N457155" s="10"/>
    </row>
    <row r="457156" spans="14:14">
      <c r="N457156" s="10"/>
    </row>
    <row r="457157" spans="14:14">
      <c r="N457157" s="10"/>
    </row>
    <row r="457158" spans="14:14">
      <c r="N457158" s="10"/>
    </row>
    <row r="457159" spans="14:14">
      <c r="N457159" s="10"/>
    </row>
    <row r="457160" spans="14:14">
      <c r="N457160" s="10"/>
    </row>
    <row r="457161" spans="14:14">
      <c r="N457161" s="10"/>
    </row>
    <row r="457162" spans="14:14">
      <c r="N457162" s="10"/>
    </row>
    <row r="457163" spans="14:14">
      <c r="N457163" s="10"/>
    </row>
    <row r="457164" spans="14:14">
      <c r="N457164" s="10"/>
    </row>
    <row r="457165" spans="14:14">
      <c r="N457165" s="10"/>
    </row>
    <row r="457166" spans="14:14">
      <c r="N457166" s="10"/>
    </row>
    <row r="457167" spans="14:14">
      <c r="N457167" s="10"/>
    </row>
    <row r="457168" spans="14:14">
      <c r="N457168" s="10"/>
    </row>
    <row r="457169" spans="14:14">
      <c r="N457169" s="10"/>
    </row>
    <row r="457170" spans="14:14">
      <c r="N457170" s="10"/>
    </row>
    <row r="457171" spans="14:14">
      <c r="N457171" s="10"/>
    </row>
    <row r="457172" spans="14:14">
      <c r="N457172" s="10"/>
    </row>
    <row r="457173" spans="14:14">
      <c r="N457173" s="10"/>
    </row>
    <row r="457174" spans="14:14">
      <c r="N457174" s="10"/>
    </row>
    <row r="457175" spans="14:14">
      <c r="N457175" s="10"/>
    </row>
    <row r="457176" spans="14:14">
      <c r="N457176" s="10"/>
    </row>
    <row r="457177" spans="14:14">
      <c r="N457177" s="10"/>
    </row>
    <row r="457178" spans="14:14">
      <c r="N457178" s="10"/>
    </row>
    <row r="457179" spans="14:14">
      <c r="N457179" s="10"/>
    </row>
    <row r="457180" spans="14:14">
      <c r="N457180" s="10"/>
    </row>
    <row r="457181" spans="14:14">
      <c r="N457181" s="10"/>
    </row>
    <row r="457182" spans="14:14">
      <c r="N457182" s="10"/>
    </row>
    <row r="457183" spans="14:14">
      <c r="N457183" s="10"/>
    </row>
    <row r="457184" spans="14:14">
      <c r="N457184" s="10"/>
    </row>
    <row r="457185" spans="14:14">
      <c r="N457185" s="10"/>
    </row>
    <row r="457186" spans="14:14">
      <c r="N457186" s="10"/>
    </row>
    <row r="457187" spans="14:14">
      <c r="N457187" s="10"/>
    </row>
    <row r="457188" spans="14:14">
      <c r="N457188" s="10"/>
    </row>
    <row r="457189" spans="14:14">
      <c r="N457189" s="10"/>
    </row>
    <row r="457190" spans="14:14">
      <c r="N457190" s="10"/>
    </row>
    <row r="457191" spans="14:14">
      <c r="N457191" s="10"/>
    </row>
    <row r="457192" spans="14:14">
      <c r="N457192" s="10"/>
    </row>
    <row r="457193" spans="14:14">
      <c r="N457193" s="10"/>
    </row>
    <row r="457194" spans="14:14">
      <c r="N457194" s="10"/>
    </row>
    <row r="457195" spans="14:14">
      <c r="N457195" s="10"/>
    </row>
    <row r="457196" spans="14:14">
      <c r="N457196" s="10"/>
    </row>
    <row r="457197" spans="14:14">
      <c r="N457197" s="10"/>
    </row>
    <row r="457198" spans="14:14">
      <c r="N457198" s="10"/>
    </row>
    <row r="457199" spans="14:14">
      <c r="N457199" s="10"/>
    </row>
    <row r="457200" spans="14:14">
      <c r="N457200" s="10"/>
    </row>
    <row r="457201" spans="14:14">
      <c r="N457201" s="10"/>
    </row>
    <row r="457202" spans="14:14">
      <c r="N457202" s="10"/>
    </row>
    <row r="457203" spans="14:14">
      <c r="N457203" s="10"/>
    </row>
    <row r="457204" spans="14:14">
      <c r="N457204" s="10"/>
    </row>
    <row r="457205" spans="14:14">
      <c r="N457205" s="10"/>
    </row>
    <row r="457206" spans="14:14">
      <c r="N457206" s="10"/>
    </row>
    <row r="457207" spans="14:14">
      <c r="N457207" s="10"/>
    </row>
    <row r="457208" spans="14:14">
      <c r="N457208" s="10"/>
    </row>
    <row r="457209" spans="14:14">
      <c r="N457209" s="10"/>
    </row>
    <row r="457210" spans="14:14">
      <c r="N457210" s="10"/>
    </row>
    <row r="457211" spans="14:14">
      <c r="N457211" s="10"/>
    </row>
    <row r="457212" spans="14:14">
      <c r="N457212" s="10"/>
    </row>
    <row r="457213" spans="14:14">
      <c r="N457213" s="10"/>
    </row>
    <row r="457214" spans="14:14">
      <c r="N457214" s="10"/>
    </row>
    <row r="457215" spans="14:14">
      <c r="N457215" s="10"/>
    </row>
    <row r="457216" spans="14:14">
      <c r="N457216" s="10"/>
    </row>
    <row r="457217" spans="14:14">
      <c r="N457217" s="10"/>
    </row>
    <row r="457218" spans="14:14">
      <c r="N457218" s="10"/>
    </row>
    <row r="457219" spans="14:14">
      <c r="N457219" s="10"/>
    </row>
    <row r="457220" spans="14:14">
      <c r="N457220" s="10"/>
    </row>
    <row r="457221" spans="14:14">
      <c r="N457221" s="10"/>
    </row>
    <row r="457222" spans="14:14">
      <c r="N457222" s="10"/>
    </row>
    <row r="457223" spans="14:14">
      <c r="N457223" s="10"/>
    </row>
    <row r="457224" spans="14:14">
      <c r="N457224" s="10"/>
    </row>
    <row r="457225" spans="14:14">
      <c r="N457225" s="10"/>
    </row>
    <row r="457226" spans="14:14">
      <c r="N457226" s="10"/>
    </row>
    <row r="457227" spans="14:14">
      <c r="N457227" s="10"/>
    </row>
    <row r="457228" spans="14:14">
      <c r="N457228" s="10"/>
    </row>
    <row r="457229" spans="14:14">
      <c r="N457229" s="10"/>
    </row>
    <row r="457230" spans="14:14">
      <c r="N457230" s="10"/>
    </row>
    <row r="457231" spans="14:14">
      <c r="N457231" s="10"/>
    </row>
    <row r="457232" spans="14:14">
      <c r="N457232" s="10"/>
    </row>
    <row r="457233" spans="14:14">
      <c r="N457233" s="10"/>
    </row>
    <row r="457234" spans="14:14">
      <c r="N457234" s="10"/>
    </row>
    <row r="457235" spans="14:14">
      <c r="N457235" s="10"/>
    </row>
    <row r="457236" spans="14:14">
      <c r="N457236" s="10"/>
    </row>
    <row r="457237" spans="14:14">
      <c r="N457237" s="10"/>
    </row>
    <row r="457238" spans="14:14">
      <c r="N457238" s="10"/>
    </row>
    <row r="457239" spans="14:14">
      <c r="N457239" s="10"/>
    </row>
    <row r="457240" spans="14:14">
      <c r="N457240" s="10"/>
    </row>
    <row r="457241" spans="14:14">
      <c r="N457241" s="10"/>
    </row>
    <row r="457242" spans="14:14">
      <c r="N457242" s="10"/>
    </row>
    <row r="457243" spans="14:14">
      <c r="N457243" s="10"/>
    </row>
    <row r="457244" spans="14:14">
      <c r="N457244" s="10"/>
    </row>
    <row r="457245" spans="14:14">
      <c r="N457245" s="10"/>
    </row>
    <row r="457246" spans="14:14">
      <c r="N457246" s="10"/>
    </row>
    <row r="457247" spans="14:14">
      <c r="N457247" s="10"/>
    </row>
    <row r="457248" spans="14:14">
      <c r="N457248" s="10"/>
    </row>
    <row r="457249" spans="14:14">
      <c r="N457249" s="10"/>
    </row>
    <row r="457250" spans="14:14">
      <c r="N457250" s="10"/>
    </row>
    <row r="457251" spans="14:14">
      <c r="N457251" s="10"/>
    </row>
    <row r="457252" spans="14:14">
      <c r="N457252" s="10"/>
    </row>
    <row r="457253" spans="14:14">
      <c r="N457253" s="10"/>
    </row>
    <row r="457254" spans="14:14">
      <c r="N457254" s="10"/>
    </row>
    <row r="457255" spans="14:14">
      <c r="N457255" s="10"/>
    </row>
    <row r="457256" spans="14:14">
      <c r="N457256" s="10"/>
    </row>
    <row r="457257" spans="14:14">
      <c r="N457257" s="10"/>
    </row>
    <row r="457258" spans="14:14">
      <c r="N457258" s="10"/>
    </row>
    <row r="457259" spans="14:14">
      <c r="N457259" s="10"/>
    </row>
    <row r="457260" spans="14:14">
      <c r="N457260" s="10"/>
    </row>
    <row r="457261" spans="14:14">
      <c r="N457261" s="10"/>
    </row>
    <row r="457262" spans="14:14">
      <c r="N457262" s="10"/>
    </row>
    <row r="457263" spans="14:14">
      <c r="N457263" s="10"/>
    </row>
    <row r="457264" spans="14:14">
      <c r="N457264" s="10"/>
    </row>
    <row r="457265" spans="14:14">
      <c r="N457265" s="10"/>
    </row>
    <row r="457266" spans="14:14">
      <c r="N457266" s="10"/>
    </row>
    <row r="457267" spans="14:14">
      <c r="N457267" s="10"/>
    </row>
    <row r="457268" spans="14:14">
      <c r="N457268" s="10"/>
    </row>
    <row r="457269" spans="14:14">
      <c r="N457269" s="10"/>
    </row>
    <row r="457270" spans="14:14">
      <c r="N457270" s="10"/>
    </row>
    <row r="457271" spans="14:14">
      <c r="N457271" s="10"/>
    </row>
    <row r="457272" spans="14:14">
      <c r="N457272" s="10"/>
    </row>
    <row r="457273" spans="14:14">
      <c r="N457273" s="10"/>
    </row>
    <row r="457274" spans="14:14">
      <c r="N457274" s="10"/>
    </row>
    <row r="457275" spans="14:14">
      <c r="N457275" s="10"/>
    </row>
    <row r="457276" spans="14:14">
      <c r="N457276" s="10"/>
    </row>
    <row r="457277" spans="14:14">
      <c r="N457277" s="10"/>
    </row>
    <row r="457278" spans="14:14">
      <c r="N457278" s="10"/>
    </row>
    <row r="457279" spans="14:14">
      <c r="N457279" s="10"/>
    </row>
    <row r="457280" spans="14:14">
      <c r="N457280" s="10"/>
    </row>
    <row r="457281" spans="14:14">
      <c r="N457281" s="10"/>
    </row>
    <row r="457282" spans="14:14">
      <c r="N457282" s="10"/>
    </row>
    <row r="457283" spans="14:14">
      <c r="N457283" s="10"/>
    </row>
    <row r="457284" spans="14:14">
      <c r="N457284" s="10"/>
    </row>
    <row r="457285" spans="14:14">
      <c r="N457285" s="10"/>
    </row>
    <row r="457286" spans="14:14">
      <c r="N457286" s="10"/>
    </row>
    <row r="457287" spans="14:14">
      <c r="N457287" s="10"/>
    </row>
    <row r="457288" spans="14:14">
      <c r="N457288" s="10"/>
    </row>
    <row r="457289" spans="14:14">
      <c r="N457289" s="10"/>
    </row>
    <row r="457290" spans="14:14">
      <c r="N457290" s="10"/>
    </row>
    <row r="457291" spans="14:14">
      <c r="N457291" s="10"/>
    </row>
    <row r="457292" spans="14:14">
      <c r="N457292" s="10"/>
    </row>
    <row r="457293" spans="14:14">
      <c r="N457293" s="10"/>
    </row>
    <row r="457294" spans="14:14">
      <c r="N457294" s="10"/>
    </row>
    <row r="457295" spans="14:14">
      <c r="N457295" s="10"/>
    </row>
    <row r="457296" spans="14:14">
      <c r="N457296" s="10"/>
    </row>
    <row r="457297" spans="14:14">
      <c r="N457297" s="10"/>
    </row>
    <row r="457298" spans="14:14">
      <c r="N457298" s="10"/>
    </row>
    <row r="457299" spans="14:14">
      <c r="N457299" s="10"/>
    </row>
    <row r="457300" spans="14:14">
      <c r="N457300" s="10"/>
    </row>
    <row r="457301" spans="14:14">
      <c r="N457301" s="10"/>
    </row>
    <row r="457302" spans="14:14">
      <c r="N457302" s="10"/>
    </row>
    <row r="457303" spans="14:14">
      <c r="N457303" s="10"/>
    </row>
    <row r="457304" spans="14:14">
      <c r="N457304" s="10"/>
    </row>
    <row r="457305" spans="14:14">
      <c r="N457305" s="10"/>
    </row>
    <row r="457306" spans="14:14">
      <c r="N457306" s="10"/>
    </row>
    <row r="457307" spans="14:14">
      <c r="N457307" s="10"/>
    </row>
    <row r="457308" spans="14:14">
      <c r="N457308" s="10"/>
    </row>
    <row r="457309" spans="14:14">
      <c r="N457309" s="10"/>
    </row>
    <row r="457310" spans="14:14">
      <c r="N457310" s="10"/>
    </row>
    <row r="457311" spans="14:14">
      <c r="N457311" s="10"/>
    </row>
    <row r="457312" spans="14:14">
      <c r="N457312" s="10"/>
    </row>
    <row r="457313" spans="14:14">
      <c r="N457313" s="10"/>
    </row>
    <row r="457314" spans="14:14">
      <c r="N457314" s="10"/>
    </row>
    <row r="457315" spans="14:14">
      <c r="N457315" s="10"/>
    </row>
    <row r="457316" spans="14:14">
      <c r="N457316" s="10"/>
    </row>
    <row r="457317" spans="14:14">
      <c r="N457317" s="10"/>
    </row>
    <row r="457318" spans="14:14">
      <c r="N457318" s="10"/>
    </row>
    <row r="457319" spans="14:14">
      <c r="N457319" s="10"/>
    </row>
    <row r="457320" spans="14:14">
      <c r="N457320" s="10"/>
    </row>
    <row r="457321" spans="14:14">
      <c r="N457321" s="10"/>
    </row>
    <row r="457322" spans="14:14">
      <c r="N457322" s="10"/>
    </row>
    <row r="457323" spans="14:14">
      <c r="N457323" s="10"/>
    </row>
    <row r="457324" spans="14:14">
      <c r="N457324" s="10"/>
    </row>
    <row r="457325" spans="14:14">
      <c r="N457325" s="10"/>
    </row>
    <row r="457326" spans="14:14">
      <c r="N457326" s="10"/>
    </row>
    <row r="457327" spans="14:14">
      <c r="N457327" s="10"/>
    </row>
    <row r="457328" spans="14:14">
      <c r="N457328" s="10"/>
    </row>
    <row r="457329" spans="14:14">
      <c r="N457329" s="10"/>
    </row>
    <row r="457330" spans="14:14">
      <c r="N457330" s="10"/>
    </row>
    <row r="457331" spans="14:14">
      <c r="N457331" s="10"/>
    </row>
    <row r="457332" spans="14:14">
      <c r="N457332" s="10"/>
    </row>
    <row r="457333" spans="14:14">
      <c r="N457333" s="10"/>
    </row>
    <row r="457334" spans="14:14">
      <c r="N457334" s="10"/>
    </row>
    <row r="457335" spans="14:14">
      <c r="N457335" s="10"/>
    </row>
    <row r="457336" spans="14:14">
      <c r="N457336" s="10"/>
    </row>
    <row r="457337" spans="14:14">
      <c r="N457337" s="10"/>
    </row>
    <row r="457338" spans="14:14">
      <c r="N457338" s="10"/>
    </row>
    <row r="457339" spans="14:14">
      <c r="N457339" s="10"/>
    </row>
    <row r="457340" spans="14:14">
      <c r="N457340" s="10"/>
    </row>
    <row r="457341" spans="14:14">
      <c r="N457341" s="10"/>
    </row>
    <row r="457342" spans="14:14">
      <c r="N457342" s="10"/>
    </row>
    <row r="457343" spans="14:14">
      <c r="N457343" s="10"/>
    </row>
    <row r="457344" spans="14:14">
      <c r="N457344" s="10"/>
    </row>
    <row r="457345" spans="14:14">
      <c r="N457345" s="10"/>
    </row>
    <row r="457346" spans="14:14">
      <c r="N457346" s="10"/>
    </row>
    <row r="457347" spans="14:14">
      <c r="N457347" s="10"/>
    </row>
    <row r="457348" spans="14:14">
      <c r="N457348" s="10"/>
    </row>
    <row r="457349" spans="14:14">
      <c r="N457349" s="10"/>
    </row>
    <row r="457350" spans="14:14">
      <c r="N457350" s="10"/>
    </row>
    <row r="457351" spans="14:14">
      <c r="N457351" s="10"/>
    </row>
    <row r="457352" spans="14:14">
      <c r="N457352" s="10"/>
    </row>
    <row r="457353" spans="14:14">
      <c r="N457353" s="10"/>
    </row>
    <row r="457354" spans="14:14">
      <c r="N457354" s="10"/>
    </row>
    <row r="457355" spans="14:14">
      <c r="N457355" s="10"/>
    </row>
    <row r="457356" spans="14:14">
      <c r="N457356" s="10"/>
    </row>
    <row r="457357" spans="14:14">
      <c r="N457357" s="10"/>
    </row>
    <row r="457358" spans="14:14">
      <c r="N457358" s="10"/>
    </row>
    <row r="457359" spans="14:14">
      <c r="N457359" s="10"/>
    </row>
    <row r="457360" spans="14:14">
      <c r="N457360" s="10"/>
    </row>
    <row r="457361" spans="14:14">
      <c r="N457361" s="10"/>
    </row>
    <row r="457362" spans="14:14">
      <c r="N457362" s="10"/>
    </row>
    <row r="457363" spans="14:14">
      <c r="N457363" s="10"/>
    </row>
    <row r="457364" spans="14:14">
      <c r="N457364" s="10"/>
    </row>
    <row r="457365" spans="14:14">
      <c r="N457365" s="10"/>
    </row>
    <row r="457366" spans="14:14">
      <c r="N457366" s="10"/>
    </row>
    <row r="457367" spans="14:14">
      <c r="N457367" s="10"/>
    </row>
    <row r="457368" spans="14:14">
      <c r="N457368" s="10"/>
    </row>
    <row r="457369" spans="14:14">
      <c r="N457369" s="10"/>
    </row>
    <row r="457370" spans="14:14">
      <c r="N457370" s="10"/>
    </row>
    <row r="457371" spans="14:14">
      <c r="N457371" s="10"/>
    </row>
    <row r="457372" spans="14:14">
      <c r="N457372" s="10"/>
    </row>
    <row r="457373" spans="14:14">
      <c r="N457373" s="10"/>
    </row>
    <row r="457374" spans="14:14">
      <c r="N457374" s="10"/>
    </row>
    <row r="457375" spans="14:14">
      <c r="N457375" s="10"/>
    </row>
    <row r="457376" spans="14:14">
      <c r="N457376" s="10"/>
    </row>
    <row r="457377" spans="14:14">
      <c r="N457377" s="10"/>
    </row>
    <row r="457378" spans="14:14">
      <c r="N457378" s="10"/>
    </row>
    <row r="457379" spans="14:14">
      <c r="N457379" s="10"/>
    </row>
    <row r="457380" spans="14:14">
      <c r="N457380" s="10"/>
    </row>
    <row r="457381" spans="14:14">
      <c r="N457381" s="10"/>
    </row>
    <row r="457382" spans="14:14">
      <c r="N457382" s="10"/>
    </row>
    <row r="457383" spans="14:14">
      <c r="N457383" s="10"/>
    </row>
    <row r="457384" spans="14:14">
      <c r="N457384" s="10"/>
    </row>
    <row r="457385" spans="14:14">
      <c r="N457385" s="10"/>
    </row>
    <row r="457386" spans="14:14">
      <c r="N457386" s="10"/>
    </row>
    <row r="457387" spans="14:14">
      <c r="N457387" s="10"/>
    </row>
    <row r="457388" spans="14:14">
      <c r="N457388" s="10"/>
    </row>
    <row r="457389" spans="14:14">
      <c r="N457389" s="10"/>
    </row>
    <row r="457390" spans="14:14">
      <c r="N457390" s="10"/>
    </row>
    <row r="457391" spans="14:14">
      <c r="N457391" s="10"/>
    </row>
    <row r="457392" spans="14:14">
      <c r="N457392" s="10"/>
    </row>
    <row r="457393" spans="14:14">
      <c r="N457393" s="10"/>
    </row>
    <row r="457394" spans="14:14">
      <c r="N457394" s="10"/>
    </row>
    <row r="457395" spans="14:14">
      <c r="N457395" s="10"/>
    </row>
    <row r="457396" spans="14:14">
      <c r="N457396" s="10"/>
    </row>
    <row r="457397" spans="14:14">
      <c r="N457397" s="10"/>
    </row>
    <row r="457398" spans="14:14">
      <c r="N457398" s="10"/>
    </row>
    <row r="457399" spans="14:14">
      <c r="N457399" s="10"/>
    </row>
    <row r="457400" spans="14:14">
      <c r="N457400" s="10"/>
    </row>
    <row r="457401" spans="14:14">
      <c r="N457401" s="10"/>
    </row>
    <row r="457402" spans="14:14">
      <c r="N457402" s="10"/>
    </row>
    <row r="457403" spans="14:14">
      <c r="N457403" s="10"/>
    </row>
    <row r="457404" spans="14:14">
      <c r="N457404" s="10"/>
    </row>
    <row r="457405" spans="14:14">
      <c r="N457405" s="10"/>
    </row>
    <row r="457406" spans="14:14">
      <c r="N457406" s="10"/>
    </row>
    <row r="457407" spans="14:14">
      <c r="N457407" s="10"/>
    </row>
    <row r="457408" spans="14:14">
      <c r="N457408" s="10"/>
    </row>
    <row r="457409" spans="14:14">
      <c r="N457409" s="10"/>
    </row>
    <row r="457410" spans="14:14">
      <c r="N457410" s="10"/>
    </row>
    <row r="457411" spans="14:14">
      <c r="N457411" s="10"/>
    </row>
    <row r="457412" spans="14:14">
      <c r="N457412" s="10"/>
    </row>
    <row r="457413" spans="14:14">
      <c r="N457413" s="10"/>
    </row>
    <row r="457414" spans="14:14">
      <c r="N457414" s="10"/>
    </row>
    <row r="457415" spans="14:14">
      <c r="N457415" s="10"/>
    </row>
    <row r="457416" spans="14:14">
      <c r="N457416" s="10"/>
    </row>
    <row r="457417" spans="14:14">
      <c r="N457417" s="10"/>
    </row>
    <row r="457418" spans="14:14">
      <c r="N457418" s="10"/>
    </row>
    <row r="457419" spans="14:14">
      <c r="N457419" s="10"/>
    </row>
    <row r="457420" spans="14:14">
      <c r="N457420" s="10"/>
    </row>
    <row r="457421" spans="14:14">
      <c r="N457421" s="10"/>
    </row>
    <row r="457422" spans="14:14">
      <c r="N457422" s="10"/>
    </row>
    <row r="457423" spans="14:14">
      <c r="N457423" s="10"/>
    </row>
    <row r="457424" spans="14:14">
      <c r="N457424" s="10"/>
    </row>
    <row r="457425" spans="14:14">
      <c r="N457425" s="10"/>
    </row>
    <row r="457426" spans="14:14">
      <c r="N457426" s="10"/>
    </row>
    <row r="457427" spans="14:14">
      <c r="N457427" s="10"/>
    </row>
    <row r="457428" spans="14:14">
      <c r="N457428" s="10"/>
    </row>
    <row r="457429" spans="14:14">
      <c r="N457429" s="10"/>
    </row>
    <row r="457430" spans="14:14">
      <c r="N457430" s="10"/>
    </row>
    <row r="457431" spans="14:14">
      <c r="N457431" s="10"/>
    </row>
    <row r="457432" spans="14:14">
      <c r="N457432" s="10"/>
    </row>
    <row r="457433" spans="14:14">
      <c r="N457433" s="10"/>
    </row>
    <row r="457434" spans="14:14">
      <c r="N457434" s="10"/>
    </row>
    <row r="457435" spans="14:14">
      <c r="N457435" s="10"/>
    </row>
    <row r="457436" spans="14:14">
      <c r="N457436" s="10"/>
    </row>
    <row r="457437" spans="14:14">
      <c r="N457437" s="10"/>
    </row>
    <row r="457438" spans="14:14">
      <c r="N457438" s="10"/>
    </row>
    <row r="457439" spans="14:14">
      <c r="N457439" s="10"/>
    </row>
    <row r="457440" spans="14:14">
      <c r="N457440" s="10"/>
    </row>
    <row r="457441" spans="14:14">
      <c r="N457441" s="10"/>
    </row>
    <row r="457442" spans="14:14">
      <c r="N457442" s="10"/>
    </row>
    <row r="457443" spans="14:14">
      <c r="N457443" s="10"/>
    </row>
    <row r="457444" spans="14:14">
      <c r="N457444" s="10"/>
    </row>
    <row r="457445" spans="14:14">
      <c r="N457445" s="10"/>
    </row>
    <row r="457446" spans="14:14">
      <c r="N457446" s="10"/>
    </row>
    <row r="457447" spans="14:14">
      <c r="N457447" s="10"/>
    </row>
    <row r="457448" spans="14:14">
      <c r="N457448" s="10"/>
    </row>
    <row r="457449" spans="14:14">
      <c r="N457449" s="10"/>
    </row>
    <row r="457450" spans="14:14">
      <c r="N457450" s="10"/>
    </row>
    <row r="457451" spans="14:14">
      <c r="N457451" s="10"/>
    </row>
    <row r="457452" spans="14:14">
      <c r="N457452" s="10"/>
    </row>
    <row r="457453" spans="14:14">
      <c r="N457453" s="10"/>
    </row>
    <row r="457454" spans="14:14">
      <c r="N457454" s="10"/>
    </row>
    <row r="457455" spans="14:14">
      <c r="N457455" s="10"/>
    </row>
    <row r="457456" spans="14:14">
      <c r="N457456" s="10"/>
    </row>
    <row r="457457" spans="14:14">
      <c r="N457457" s="10"/>
    </row>
    <row r="457458" spans="14:14">
      <c r="N457458" s="10"/>
    </row>
    <row r="457459" spans="14:14">
      <c r="N457459" s="10"/>
    </row>
    <row r="457460" spans="14:14">
      <c r="N457460" s="10"/>
    </row>
    <row r="457461" spans="14:14">
      <c r="N457461" s="10"/>
    </row>
    <row r="457462" spans="14:14">
      <c r="N457462" s="10"/>
    </row>
    <row r="457463" spans="14:14">
      <c r="N457463" s="10"/>
    </row>
    <row r="457464" spans="14:14">
      <c r="N457464" s="10"/>
    </row>
    <row r="457465" spans="14:14">
      <c r="N457465" s="10"/>
    </row>
    <row r="457466" spans="14:14">
      <c r="N457466" s="10"/>
    </row>
    <row r="457467" spans="14:14">
      <c r="N457467" s="10"/>
    </row>
    <row r="457468" spans="14:14">
      <c r="N457468" s="10"/>
    </row>
    <row r="457469" spans="14:14">
      <c r="N457469" s="10"/>
    </row>
    <row r="457470" spans="14:14">
      <c r="N457470" s="10"/>
    </row>
    <row r="457471" spans="14:14">
      <c r="N457471" s="10"/>
    </row>
    <row r="457472" spans="14:14">
      <c r="N457472" s="10"/>
    </row>
    <row r="457473" spans="14:14">
      <c r="N457473" s="10"/>
    </row>
    <row r="457474" spans="14:14">
      <c r="N457474" s="10"/>
    </row>
    <row r="457475" spans="14:14">
      <c r="N457475" s="10"/>
    </row>
    <row r="457476" spans="14:14">
      <c r="N457476" s="10"/>
    </row>
    <row r="457477" spans="14:14">
      <c r="N457477" s="10"/>
    </row>
    <row r="457478" spans="14:14">
      <c r="N457478" s="10"/>
    </row>
    <row r="457479" spans="14:14">
      <c r="N457479" s="10"/>
    </row>
    <row r="457480" spans="14:14">
      <c r="N457480" s="10"/>
    </row>
    <row r="457481" spans="14:14">
      <c r="N457481" s="10"/>
    </row>
    <row r="457482" spans="14:14">
      <c r="N457482" s="10"/>
    </row>
    <row r="457483" spans="14:14">
      <c r="N457483" s="10"/>
    </row>
    <row r="457484" spans="14:14">
      <c r="N457484" s="10"/>
    </row>
    <row r="457485" spans="14:14">
      <c r="N457485" s="10"/>
    </row>
    <row r="457486" spans="14:14">
      <c r="N457486" s="10"/>
    </row>
    <row r="457487" spans="14:14">
      <c r="N457487" s="10"/>
    </row>
    <row r="457488" spans="14:14">
      <c r="N457488" s="10"/>
    </row>
    <row r="457489" spans="14:14">
      <c r="N457489" s="10"/>
    </row>
    <row r="457490" spans="14:14">
      <c r="N457490" s="10"/>
    </row>
    <row r="457491" spans="14:14">
      <c r="N457491" s="10"/>
    </row>
    <row r="457492" spans="14:14">
      <c r="N457492" s="10"/>
    </row>
    <row r="457493" spans="14:14">
      <c r="N457493" s="10"/>
    </row>
    <row r="457494" spans="14:14">
      <c r="N457494" s="10"/>
    </row>
    <row r="457495" spans="14:14">
      <c r="N457495" s="10"/>
    </row>
    <row r="457496" spans="14:14">
      <c r="N457496" s="10"/>
    </row>
    <row r="457497" spans="14:14">
      <c r="N457497" s="10"/>
    </row>
    <row r="457498" spans="14:14">
      <c r="N457498" s="10"/>
    </row>
    <row r="457499" spans="14:14">
      <c r="N457499" s="10"/>
    </row>
    <row r="457500" spans="14:14">
      <c r="N457500" s="10"/>
    </row>
    <row r="457501" spans="14:14">
      <c r="N457501" s="10"/>
    </row>
    <row r="457502" spans="14:14">
      <c r="N457502" s="10"/>
    </row>
    <row r="457503" spans="14:14">
      <c r="N457503" s="10"/>
    </row>
    <row r="457504" spans="14:14">
      <c r="N457504" s="10"/>
    </row>
    <row r="457505" spans="14:14">
      <c r="N457505" s="10"/>
    </row>
    <row r="457506" spans="14:14">
      <c r="N457506" s="10"/>
    </row>
    <row r="457507" spans="14:14">
      <c r="N457507" s="10"/>
    </row>
    <row r="457508" spans="14:14">
      <c r="N457508" s="10"/>
    </row>
    <row r="457509" spans="14:14">
      <c r="N457509" s="10"/>
    </row>
    <row r="457510" spans="14:14">
      <c r="N457510" s="10"/>
    </row>
    <row r="457511" spans="14:14">
      <c r="N457511" s="10"/>
    </row>
    <row r="457512" spans="14:14">
      <c r="N457512" s="10"/>
    </row>
    <row r="457513" spans="14:14">
      <c r="N457513" s="10"/>
    </row>
    <row r="457514" spans="14:14">
      <c r="N457514" s="10"/>
    </row>
    <row r="457515" spans="14:14">
      <c r="N457515" s="10"/>
    </row>
    <row r="457516" spans="14:14">
      <c r="N457516" s="10"/>
    </row>
    <row r="457517" spans="14:14">
      <c r="N457517" s="10"/>
    </row>
    <row r="457518" spans="14:14">
      <c r="N457518" s="10"/>
    </row>
    <row r="457519" spans="14:14">
      <c r="N457519" s="10"/>
    </row>
    <row r="457520" spans="14:14">
      <c r="N457520" s="10"/>
    </row>
    <row r="457521" spans="14:14">
      <c r="N457521" s="10"/>
    </row>
    <row r="457522" spans="14:14">
      <c r="N457522" s="10"/>
    </row>
    <row r="457523" spans="14:14">
      <c r="N457523" s="10"/>
    </row>
    <row r="457524" spans="14:14">
      <c r="N457524" s="10"/>
    </row>
    <row r="457525" spans="14:14">
      <c r="N457525" s="10"/>
    </row>
    <row r="457526" spans="14:14">
      <c r="N457526" s="10"/>
    </row>
    <row r="457527" spans="14:14">
      <c r="N457527" s="10"/>
    </row>
    <row r="457528" spans="14:14">
      <c r="N457528" s="10"/>
    </row>
    <row r="457529" spans="14:14">
      <c r="N457529" s="10"/>
    </row>
    <row r="457530" spans="14:14">
      <c r="N457530" s="10"/>
    </row>
    <row r="457531" spans="14:14">
      <c r="N457531" s="10"/>
    </row>
    <row r="457532" spans="14:14">
      <c r="N457532" s="10"/>
    </row>
    <row r="457533" spans="14:14">
      <c r="N457533" s="10"/>
    </row>
    <row r="457534" spans="14:14">
      <c r="N457534" s="10"/>
    </row>
    <row r="457535" spans="14:14">
      <c r="N457535" s="10"/>
    </row>
    <row r="457536" spans="14:14">
      <c r="N457536" s="10"/>
    </row>
    <row r="457537" spans="14:14">
      <c r="N457537" s="10"/>
    </row>
    <row r="457538" spans="14:14">
      <c r="N457538" s="10"/>
    </row>
    <row r="457539" spans="14:14">
      <c r="N457539" s="10"/>
    </row>
    <row r="457540" spans="14:14">
      <c r="N457540" s="10"/>
    </row>
    <row r="457541" spans="14:14">
      <c r="N457541" s="10"/>
    </row>
    <row r="457542" spans="14:14">
      <c r="N457542" s="10"/>
    </row>
    <row r="457543" spans="14:14">
      <c r="N457543" s="10"/>
    </row>
    <row r="457544" spans="14:14">
      <c r="N457544" s="10"/>
    </row>
    <row r="457545" spans="14:14">
      <c r="N457545" s="10"/>
    </row>
    <row r="457546" spans="14:14">
      <c r="N457546" s="10"/>
    </row>
    <row r="457547" spans="14:14">
      <c r="N457547" s="10"/>
    </row>
    <row r="457548" spans="14:14">
      <c r="N457548" s="10"/>
    </row>
    <row r="457549" spans="14:14">
      <c r="N457549" s="10"/>
    </row>
    <row r="457550" spans="14:14">
      <c r="N457550" s="10"/>
    </row>
    <row r="457551" spans="14:14">
      <c r="N457551" s="10"/>
    </row>
    <row r="457552" spans="14:14">
      <c r="N457552" s="10"/>
    </row>
    <row r="457553" spans="14:14">
      <c r="N457553" s="10"/>
    </row>
    <row r="457554" spans="14:14">
      <c r="N457554" s="10"/>
    </row>
    <row r="457555" spans="14:14">
      <c r="N457555" s="10"/>
    </row>
    <row r="457556" spans="14:14">
      <c r="N457556" s="10"/>
    </row>
    <row r="457557" spans="14:14">
      <c r="N457557" s="10"/>
    </row>
    <row r="457558" spans="14:14">
      <c r="N457558" s="10"/>
    </row>
    <row r="457559" spans="14:14">
      <c r="N457559" s="10"/>
    </row>
    <row r="457560" spans="14:14">
      <c r="N457560" s="10"/>
    </row>
    <row r="457561" spans="14:14">
      <c r="N457561" s="10"/>
    </row>
    <row r="457562" spans="14:14">
      <c r="N457562" s="10"/>
    </row>
    <row r="457563" spans="14:14">
      <c r="N457563" s="10"/>
    </row>
    <row r="457564" spans="14:14">
      <c r="N457564" s="10"/>
    </row>
    <row r="457565" spans="14:14">
      <c r="N457565" s="10"/>
    </row>
    <row r="457566" spans="14:14">
      <c r="N457566" s="10"/>
    </row>
    <row r="457567" spans="14:14">
      <c r="N457567" s="10"/>
    </row>
    <row r="457568" spans="14:14">
      <c r="N457568" s="10"/>
    </row>
    <row r="457569" spans="14:14">
      <c r="N457569" s="10"/>
    </row>
    <row r="457570" spans="14:14">
      <c r="N457570" s="10"/>
    </row>
    <row r="457571" spans="14:14">
      <c r="N457571" s="10"/>
    </row>
    <row r="457572" spans="14:14">
      <c r="N457572" s="10"/>
    </row>
    <row r="457573" spans="14:14">
      <c r="N457573" s="10"/>
    </row>
    <row r="457574" spans="14:14">
      <c r="N457574" s="10"/>
    </row>
    <row r="457575" spans="14:14">
      <c r="N457575" s="10"/>
    </row>
    <row r="457576" spans="14:14">
      <c r="N457576" s="10"/>
    </row>
    <row r="457577" spans="14:14">
      <c r="N457577" s="10"/>
    </row>
    <row r="457578" spans="14:14">
      <c r="N457578" s="10"/>
    </row>
    <row r="457579" spans="14:14">
      <c r="N457579" s="10"/>
    </row>
    <row r="457580" spans="14:14">
      <c r="N457580" s="10"/>
    </row>
    <row r="457581" spans="14:14">
      <c r="N457581" s="10"/>
    </row>
    <row r="457582" spans="14:14">
      <c r="N457582" s="10"/>
    </row>
    <row r="457583" spans="14:14">
      <c r="N457583" s="10"/>
    </row>
    <row r="457584" spans="14:14">
      <c r="N457584" s="10"/>
    </row>
    <row r="457585" spans="14:14">
      <c r="N457585" s="10"/>
    </row>
    <row r="457586" spans="14:14">
      <c r="N457586" s="10"/>
    </row>
    <row r="457587" spans="14:14">
      <c r="N457587" s="10"/>
    </row>
    <row r="457588" spans="14:14">
      <c r="N457588" s="10"/>
    </row>
    <row r="457589" spans="14:14">
      <c r="N457589" s="10"/>
    </row>
    <row r="457590" spans="14:14">
      <c r="N457590" s="10"/>
    </row>
    <row r="457591" spans="14:14">
      <c r="N457591" s="10"/>
    </row>
    <row r="457592" spans="14:14">
      <c r="N457592" s="10"/>
    </row>
    <row r="457593" spans="14:14">
      <c r="N457593" s="10"/>
    </row>
    <row r="457594" spans="14:14">
      <c r="N457594" s="10"/>
    </row>
    <row r="457595" spans="14:14">
      <c r="N457595" s="10"/>
    </row>
    <row r="457596" spans="14:14">
      <c r="N457596" s="10"/>
    </row>
    <row r="457597" spans="14:14">
      <c r="N457597" s="10"/>
    </row>
    <row r="457598" spans="14:14">
      <c r="N457598" s="10"/>
    </row>
    <row r="457599" spans="14:14">
      <c r="N457599" s="10"/>
    </row>
    <row r="457600" spans="14:14">
      <c r="N457600" s="10"/>
    </row>
    <row r="457601" spans="14:14">
      <c r="N457601" s="10"/>
    </row>
    <row r="457602" spans="14:14">
      <c r="N457602" s="10"/>
    </row>
    <row r="457603" spans="14:14">
      <c r="N457603" s="10"/>
    </row>
    <row r="457604" spans="14:14">
      <c r="N457604" s="10"/>
    </row>
    <row r="457605" spans="14:14">
      <c r="N457605" s="10"/>
    </row>
    <row r="457606" spans="14:14">
      <c r="N457606" s="10"/>
    </row>
    <row r="457607" spans="14:14">
      <c r="N457607" s="10"/>
    </row>
    <row r="457608" spans="14:14">
      <c r="N457608" s="10"/>
    </row>
    <row r="457609" spans="14:14">
      <c r="N457609" s="10"/>
    </row>
    <row r="457610" spans="14:14">
      <c r="N457610" s="10"/>
    </row>
    <row r="457611" spans="14:14">
      <c r="N457611" s="10"/>
    </row>
    <row r="457612" spans="14:14">
      <c r="N457612" s="10"/>
    </row>
    <row r="457613" spans="14:14">
      <c r="N457613" s="10"/>
    </row>
    <row r="457614" spans="14:14">
      <c r="N457614" s="10"/>
    </row>
    <row r="457615" spans="14:14">
      <c r="N457615" s="10"/>
    </row>
    <row r="457616" spans="14:14">
      <c r="N457616" s="10"/>
    </row>
    <row r="457617" spans="14:14">
      <c r="N457617" s="10"/>
    </row>
    <row r="457618" spans="14:14">
      <c r="N457618" s="10"/>
    </row>
    <row r="457619" spans="14:14">
      <c r="N457619" s="10"/>
    </row>
    <row r="457620" spans="14:14">
      <c r="N457620" s="10"/>
    </row>
    <row r="457621" spans="14:14">
      <c r="N457621" s="10"/>
    </row>
    <row r="457622" spans="14:14">
      <c r="N457622" s="10"/>
    </row>
    <row r="457623" spans="14:14">
      <c r="N457623" s="10"/>
    </row>
    <row r="457624" spans="14:14">
      <c r="N457624" s="10"/>
    </row>
    <row r="457625" spans="14:14">
      <c r="N457625" s="10"/>
    </row>
    <row r="457626" spans="14:14">
      <c r="N457626" s="10"/>
    </row>
    <row r="457627" spans="14:14">
      <c r="N457627" s="10"/>
    </row>
    <row r="457628" spans="14:14">
      <c r="N457628" s="10"/>
    </row>
    <row r="457629" spans="14:14">
      <c r="N457629" s="10"/>
    </row>
    <row r="457630" spans="14:14">
      <c r="N457630" s="10"/>
    </row>
    <row r="457631" spans="14:14">
      <c r="N457631" s="10"/>
    </row>
    <row r="457632" spans="14:14">
      <c r="N457632" s="10"/>
    </row>
    <row r="457633" spans="14:14">
      <c r="N457633" s="10"/>
    </row>
    <row r="457634" spans="14:14">
      <c r="N457634" s="10"/>
    </row>
    <row r="457635" spans="14:14">
      <c r="N457635" s="10"/>
    </row>
    <row r="457636" spans="14:14">
      <c r="N457636" s="10"/>
    </row>
    <row r="457637" spans="14:14">
      <c r="N457637" s="10"/>
    </row>
    <row r="457638" spans="14:14">
      <c r="N457638" s="10"/>
    </row>
    <row r="457639" spans="14:14">
      <c r="N457639" s="10"/>
    </row>
    <row r="457640" spans="14:14">
      <c r="N457640" s="10"/>
    </row>
    <row r="457641" spans="14:14">
      <c r="N457641" s="10"/>
    </row>
    <row r="457642" spans="14:14">
      <c r="N457642" s="10"/>
    </row>
    <row r="457643" spans="14:14">
      <c r="N457643" s="10"/>
    </row>
    <row r="457644" spans="14:14">
      <c r="N457644" s="10"/>
    </row>
    <row r="457645" spans="14:14">
      <c r="N457645" s="10"/>
    </row>
    <row r="457646" spans="14:14">
      <c r="N457646" s="10"/>
    </row>
    <row r="457647" spans="14:14">
      <c r="N457647" s="10"/>
    </row>
    <row r="457648" spans="14:14">
      <c r="N457648" s="10"/>
    </row>
    <row r="457649" spans="14:14">
      <c r="N457649" s="10"/>
    </row>
    <row r="457650" spans="14:14">
      <c r="N457650" s="10"/>
    </row>
    <row r="457651" spans="14:14">
      <c r="N457651" s="10"/>
    </row>
    <row r="457652" spans="14:14">
      <c r="N457652" s="10"/>
    </row>
    <row r="457653" spans="14:14">
      <c r="N457653" s="10"/>
    </row>
    <row r="457654" spans="14:14">
      <c r="N457654" s="10"/>
    </row>
    <row r="457655" spans="14:14">
      <c r="N457655" s="10"/>
    </row>
    <row r="457656" spans="14:14">
      <c r="N457656" s="10"/>
    </row>
    <row r="457657" spans="14:14">
      <c r="N457657" s="10"/>
    </row>
    <row r="457658" spans="14:14">
      <c r="N457658" s="10"/>
    </row>
    <row r="457659" spans="14:14">
      <c r="N457659" s="10"/>
    </row>
    <row r="457660" spans="14:14">
      <c r="N457660" s="10"/>
    </row>
    <row r="457661" spans="14:14">
      <c r="N457661" s="10"/>
    </row>
    <row r="457662" spans="14:14">
      <c r="N457662" s="10"/>
    </row>
    <row r="457663" spans="14:14">
      <c r="N457663" s="10"/>
    </row>
    <row r="457664" spans="14:14">
      <c r="N457664" s="10"/>
    </row>
    <row r="457665" spans="14:14">
      <c r="N457665" s="10"/>
    </row>
    <row r="457666" spans="14:14">
      <c r="N457666" s="10"/>
    </row>
    <row r="457667" spans="14:14">
      <c r="N457667" s="10"/>
    </row>
    <row r="457668" spans="14:14">
      <c r="N457668" s="10"/>
    </row>
    <row r="457669" spans="14:14">
      <c r="N457669" s="10"/>
    </row>
    <row r="457670" spans="14:14">
      <c r="N457670" s="10"/>
    </row>
    <row r="457671" spans="14:14">
      <c r="N457671" s="10"/>
    </row>
    <row r="457672" spans="14:14">
      <c r="N457672" s="10"/>
    </row>
    <row r="457673" spans="14:14">
      <c r="N457673" s="10"/>
    </row>
    <row r="457674" spans="14:14">
      <c r="N457674" s="10"/>
    </row>
    <row r="457675" spans="14:14">
      <c r="N457675" s="10"/>
    </row>
    <row r="457676" spans="14:14">
      <c r="N457676" s="10"/>
    </row>
    <row r="457677" spans="14:14">
      <c r="N457677" s="10"/>
    </row>
    <row r="457678" spans="14:14">
      <c r="N457678" s="10"/>
    </row>
    <row r="457679" spans="14:14">
      <c r="N457679" s="10"/>
    </row>
    <row r="457680" spans="14:14">
      <c r="N457680" s="10"/>
    </row>
    <row r="457681" spans="14:14">
      <c r="N457681" s="10"/>
    </row>
    <row r="457682" spans="14:14">
      <c r="N457682" s="10"/>
    </row>
    <row r="457683" spans="14:14">
      <c r="N457683" s="10"/>
    </row>
    <row r="457684" spans="14:14">
      <c r="N457684" s="10"/>
    </row>
    <row r="457685" spans="14:14">
      <c r="N457685" s="10"/>
    </row>
    <row r="457686" spans="14:14">
      <c r="N457686" s="10"/>
    </row>
    <row r="457687" spans="14:14">
      <c r="N457687" s="10"/>
    </row>
    <row r="457688" spans="14:14">
      <c r="N457688" s="10"/>
    </row>
    <row r="457689" spans="14:14">
      <c r="N457689" s="10"/>
    </row>
    <row r="457690" spans="14:14">
      <c r="N457690" s="10"/>
    </row>
    <row r="457691" spans="14:14">
      <c r="N457691" s="10"/>
    </row>
    <row r="457692" spans="14:14">
      <c r="N457692" s="10"/>
    </row>
    <row r="457693" spans="14:14">
      <c r="N457693" s="10"/>
    </row>
    <row r="457694" spans="14:14">
      <c r="N457694" s="10"/>
    </row>
    <row r="457695" spans="14:14">
      <c r="N457695" s="10"/>
    </row>
    <row r="457696" spans="14:14">
      <c r="N457696" s="10"/>
    </row>
    <row r="457697" spans="14:14">
      <c r="N457697" s="10"/>
    </row>
    <row r="457698" spans="14:14">
      <c r="N457698" s="10"/>
    </row>
    <row r="457699" spans="14:14">
      <c r="N457699" s="10"/>
    </row>
    <row r="457700" spans="14:14">
      <c r="N457700" s="10"/>
    </row>
    <row r="457701" spans="14:14">
      <c r="N457701" s="10"/>
    </row>
    <row r="457702" spans="14:14">
      <c r="N457702" s="10"/>
    </row>
    <row r="457703" spans="14:14">
      <c r="N457703" s="10"/>
    </row>
    <row r="457704" spans="14:14">
      <c r="N457704" s="10"/>
    </row>
    <row r="457705" spans="14:14">
      <c r="N457705" s="10"/>
    </row>
    <row r="457706" spans="14:14">
      <c r="N457706" s="10"/>
    </row>
    <row r="457707" spans="14:14">
      <c r="N457707" s="10"/>
    </row>
    <row r="457708" spans="14:14">
      <c r="N457708" s="10"/>
    </row>
    <row r="457709" spans="14:14">
      <c r="N457709" s="10"/>
    </row>
    <row r="457710" spans="14:14">
      <c r="N457710" s="10"/>
    </row>
    <row r="457711" spans="14:14">
      <c r="N457711" s="10"/>
    </row>
    <row r="457712" spans="14:14">
      <c r="N457712" s="10"/>
    </row>
    <row r="457713" spans="14:14">
      <c r="N457713" s="10"/>
    </row>
    <row r="457714" spans="14:14">
      <c r="N457714" s="10"/>
    </row>
    <row r="457715" spans="14:14">
      <c r="N457715" s="10"/>
    </row>
    <row r="457716" spans="14:14">
      <c r="N457716" s="10"/>
    </row>
    <row r="457717" spans="14:14">
      <c r="N457717" s="10"/>
    </row>
    <row r="457718" spans="14:14">
      <c r="N457718" s="10"/>
    </row>
    <row r="457719" spans="14:14">
      <c r="N457719" s="10"/>
    </row>
    <row r="457720" spans="14:14">
      <c r="N457720" s="10"/>
    </row>
    <row r="457721" spans="14:14">
      <c r="N457721" s="10"/>
    </row>
    <row r="457722" spans="14:14">
      <c r="N457722" s="10"/>
    </row>
    <row r="457723" spans="14:14">
      <c r="N457723" s="10"/>
    </row>
    <row r="457724" spans="14:14">
      <c r="N457724" s="10"/>
    </row>
    <row r="457725" spans="14:14">
      <c r="N457725" s="10"/>
    </row>
    <row r="457726" spans="14:14">
      <c r="N457726" s="10"/>
    </row>
    <row r="457727" spans="14:14">
      <c r="N457727" s="10"/>
    </row>
    <row r="457728" spans="14:14">
      <c r="N457728" s="10"/>
    </row>
    <row r="457729" spans="14:14">
      <c r="N457729" s="10"/>
    </row>
    <row r="457730" spans="14:14">
      <c r="N457730" s="10"/>
    </row>
    <row r="457731" spans="14:14">
      <c r="N457731" s="10"/>
    </row>
    <row r="457732" spans="14:14">
      <c r="N457732" s="10"/>
    </row>
    <row r="457733" spans="14:14">
      <c r="N457733" s="10"/>
    </row>
    <row r="457734" spans="14:14">
      <c r="N457734" s="10"/>
    </row>
    <row r="457735" spans="14:14">
      <c r="N457735" s="10"/>
    </row>
    <row r="457736" spans="14:14">
      <c r="N457736" s="10"/>
    </row>
    <row r="457737" spans="14:14">
      <c r="N457737" s="10"/>
    </row>
    <row r="457738" spans="14:14">
      <c r="N457738" s="10"/>
    </row>
    <row r="457739" spans="14:14">
      <c r="N457739" s="10"/>
    </row>
    <row r="457740" spans="14:14">
      <c r="N457740" s="10"/>
    </row>
    <row r="457741" spans="14:14">
      <c r="N457741" s="10"/>
    </row>
    <row r="457742" spans="14:14">
      <c r="N457742" s="10"/>
    </row>
    <row r="457743" spans="14:14">
      <c r="N457743" s="10"/>
    </row>
    <row r="457744" spans="14:14">
      <c r="N457744" s="10"/>
    </row>
    <row r="457745" spans="14:14">
      <c r="N457745" s="10"/>
    </row>
    <row r="457746" spans="14:14">
      <c r="N457746" s="10"/>
    </row>
    <row r="457747" spans="14:14">
      <c r="N457747" s="10"/>
    </row>
    <row r="457748" spans="14:14">
      <c r="N457748" s="10"/>
    </row>
    <row r="457749" spans="14:14">
      <c r="N457749" s="10"/>
    </row>
    <row r="457750" spans="14:14">
      <c r="N457750" s="10"/>
    </row>
    <row r="457751" spans="14:14">
      <c r="N457751" s="10"/>
    </row>
    <row r="457752" spans="14:14">
      <c r="N457752" s="10"/>
    </row>
    <row r="457753" spans="14:14">
      <c r="N457753" s="10"/>
    </row>
    <row r="457754" spans="14:14">
      <c r="N457754" s="10"/>
    </row>
    <row r="457755" spans="14:14">
      <c r="N457755" s="10"/>
    </row>
    <row r="457756" spans="14:14">
      <c r="N457756" s="10"/>
    </row>
    <row r="457757" spans="14:14">
      <c r="N457757" s="10"/>
    </row>
    <row r="457758" spans="14:14">
      <c r="N457758" s="10"/>
    </row>
    <row r="457759" spans="14:14">
      <c r="N457759" s="10"/>
    </row>
    <row r="457760" spans="14:14">
      <c r="N457760" s="10"/>
    </row>
    <row r="457761" spans="14:14">
      <c r="N457761" s="10"/>
    </row>
    <row r="457762" spans="14:14">
      <c r="N457762" s="10"/>
    </row>
    <row r="457763" spans="14:14">
      <c r="N457763" s="10"/>
    </row>
    <row r="457764" spans="14:14">
      <c r="N457764" s="10"/>
    </row>
    <row r="457765" spans="14:14">
      <c r="N457765" s="10"/>
    </row>
    <row r="457766" spans="14:14">
      <c r="N457766" s="10"/>
    </row>
    <row r="457767" spans="14:14">
      <c r="N457767" s="10"/>
    </row>
    <row r="457768" spans="14:14">
      <c r="N457768" s="10"/>
    </row>
    <row r="457769" spans="14:14">
      <c r="N457769" s="10"/>
    </row>
    <row r="457770" spans="14:14">
      <c r="N457770" s="10"/>
    </row>
    <row r="457771" spans="14:14">
      <c r="N457771" s="10"/>
    </row>
    <row r="457772" spans="14:14">
      <c r="N457772" s="10"/>
    </row>
    <row r="457773" spans="14:14">
      <c r="N457773" s="10"/>
    </row>
    <row r="457774" spans="14:14">
      <c r="N457774" s="10"/>
    </row>
    <row r="457775" spans="14:14">
      <c r="N457775" s="10"/>
    </row>
    <row r="457776" spans="14:14">
      <c r="N457776" s="10"/>
    </row>
    <row r="457777" spans="14:14">
      <c r="N457777" s="10"/>
    </row>
    <row r="457778" spans="14:14">
      <c r="N457778" s="10"/>
    </row>
    <row r="457779" spans="14:14">
      <c r="N457779" s="10"/>
    </row>
    <row r="457780" spans="14:14">
      <c r="N457780" s="10"/>
    </row>
    <row r="457781" spans="14:14">
      <c r="N457781" s="10"/>
    </row>
    <row r="457782" spans="14:14">
      <c r="N457782" s="10"/>
    </row>
    <row r="457783" spans="14:14">
      <c r="N457783" s="10"/>
    </row>
    <row r="457784" spans="14:14">
      <c r="N457784" s="10"/>
    </row>
    <row r="457785" spans="14:14">
      <c r="N457785" s="10"/>
    </row>
    <row r="457786" spans="14:14">
      <c r="N457786" s="10"/>
    </row>
    <row r="457787" spans="14:14">
      <c r="N457787" s="10"/>
    </row>
    <row r="457788" spans="14:14">
      <c r="N457788" s="10"/>
    </row>
    <row r="457789" spans="14:14">
      <c r="N457789" s="10"/>
    </row>
    <row r="457790" spans="14:14">
      <c r="N457790" s="10"/>
    </row>
    <row r="457791" spans="14:14">
      <c r="N457791" s="10"/>
    </row>
    <row r="457792" spans="14:14">
      <c r="N457792" s="10"/>
    </row>
    <row r="457793" spans="14:14">
      <c r="N457793" s="10"/>
    </row>
    <row r="457794" spans="14:14">
      <c r="N457794" s="10"/>
    </row>
    <row r="457795" spans="14:14">
      <c r="N457795" s="10"/>
    </row>
    <row r="457796" spans="14:14">
      <c r="N457796" s="10"/>
    </row>
    <row r="457797" spans="14:14">
      <c r="N457797" s="10"/>
    </row>
    <row r="457798" spans="14:14">
      <c r="N457798" s="10"/>
    </row>
    <row r="457799" spans="14:14">
      <c r="N457799" s="10"/>
    </row>
    <row r="457800" spans="14:14">
      <c r="N457800" s="10"/>
    </row>
    <row r="457801" spans="14:14">
      <c r="N457801" s="10"/>
    </row>
    <row r="457802" spans="14:14">
      <c r="N457802" s="10"/>
    </row>
    <row r="457803" spans="14:14">
      <c r="N457803" s="10"/>
    </row>
    <row r="457804" spans="14:14">
      <c r="N457804" s="10"/>
    </row>
    <row r="457805" spans="14:14">
      <c r="N457805" s="10"/>
    </row>
    <row r="457806" spans="14:14">
      <c r="N457806" s="10"/>
    </row>
    <row r="457807" spans="14:14">
      <c r="N457807" s="10"/>
    </row>
    <row r="457808" spans="14:14">
      <c r="N457808" s="10"/>
    </row>
    <row r="457809" spans="14:14">
      <c r="N457809" s="10"/>
    </row>
    <row r="457810" spans="14:14">
      <c r="N457810" s="10"/>
    </row>
    <row r="457811" spans="14:14">
      <c r="N457811" s="10"/>
    </row>
    <row r="457812" spans="14:14">
      <c r="N457812" s="10"/>
    </row>
    <row r="457813" spans="14:14">
      <c r="N457813" s="10"/>
    </row>
    <row r="457814" spans="14:14">
      <c r="N457814" s="10"/>
    </row>
    <row r="457815" spans="14:14">
      <c r="N457815" s="10"/>
    </row>
    <row r="457816" spans="14:14">
      <c r="N457816" s="10"/>
    </row>
    <row r="457817" spans="14:14">
      <c r="N457817" s="10"/>
    </row>
    <row r="457818" spans="14:14">
      <c r="N457818" s="10"/>
    </row>
    <row r="457819" spans="14:14">
      <c r="N457819" s="10"/>
    </row>
    <row r="457820" spans="14:14">
      <c r="N457820" s="10"/>
    </row>
    <row r="457821" spans="14:14">
      <c r="N457821" s="10"/>
    </row>
    <row r="457822" spans="14:14">
      <c r="N457822" s="10"/>
    </row>
    <row r="457823" spans="14:14">
      <c r="N457823" s="10"/>
    </row>
    <row r="457824" spans="14:14">
      <c r="N457824" s="10"/>
    </row>
    <row r="457825" spans="14:14">
      <c r="N457825" s="10"/>
    </row>
    <row r="457826" spans="14:14">
      <c r="N457826" s="10"/>
    </row>
    <row r="457827" spans="14:14">
      <c r="N457827" s="10"/>
    </row>
    <row r="457828" spans="14:14">
      <c r="N457828" s="10"/>
    </row>
    <row r="457829" spans="14:14">
      <c r="N457829" s="10"/>
    </row>
    <row r="457830" spans="14:14">
      <c r="N457830" s="10"/>
    </row>
    <row r="457831" spans="14:14">
      <c r="N457831" s="10"/>
    </row>
    <row r="457832" spans="14:14">
      <c r="N457832" s="10"/>
    </row>
    <row r="457833" spans="14:14">
      <c r="N457833" s="10"/>
    </row>
    <row r="457834" spans="14:14">
      <c r="N457834" s="10"/>
    </row>
    <row r="457835" spans="14:14">
      <c r="N457835" s="10"/>
    </row>
    <row r="457836" spans="14:14">
      <c r="N457836" s="10"/>
    </row>
    <row r="457837" spans="14:14">
      <c r="N457837" s="10"/>
    </row>
    <row r="457838" spans="14:14">
      <c r="N457838" s="10"/>
    </row>
    <row r="457839" spans="14:14">
      <c r="N457839" s="10"/>
    </row>
    <row r="457840" spans="14:14">
      <c r="N457840" s="10"/>
    </row>
    <row r="457841" spans="14:14">
      <c r="N457841" s="10"/>
    </row>
    <row r="457842" spans="14:14">
      <c r="N457842" s="10"/>
    </row>
    <row r="457843" spans="14:14">
      <c r="N457843" s="10"/>
    </row>
    <row r="457844" spans="14:14">
      <c r="N457844" s="10"/>
    </row>
    <row r="457845" spans="14:14">
      <c r="N457845" s="10"/>
    </row>
    <row r="457846" spans="14:14">
      <c r="N457846" s="10"/>
    </row>
    <row r="457847" spans="14:14">
      <c r="N457847" s="10"/>
    </row>
    <row r="457848" spans="14:14">
      <c r="N457848" s="10"/>
    </row>
    <row r="457849" spans="14:14">
      <c r="N457849" s="10"/>
    </row>
    <row r="457850" spans="14:14">
      <c r="N457850" s="10"/>
    </row>
    <row r="457851" spans="14:14">
      <c r="N457851" s="10"/>
    </row>
    <row r="457852" spans="14:14">
      <c r="N457852" s="10"/>
    </row>
    <row r="457853" spans="14:14">
      <c r="N457853" s="10"/>
    </row>
    <row r="457854" spans="14:14">
      <c r="N457854" s="10"/>
    </row>
    <row r="457855" spans="14:14">
      <c r="N457855" s="10"/>
    </row>
    <row r="457856" spans="14:14">
      <c r="N457856" s="10"/>
    </row>
    <row r="457857" spans="14:14">
      <c r="N457857" s="10"/>
    </row>
    <row r="457858" spans="14:14">
      <c r="N457858" s="10"/>
    </row>
    <row r="457859" spans="14:14">
      <c r="N457859" s="10"/>
    </row>
    <row r="457860" spans="14:14">
      <c r="N457860" s="10"/>
    </row>
    <row r="457861" spans="14:14">
      <c r="N457861" s="10"/>
    </row>
    <row r="457862" spans="14:14">
      <c r="N457862" s="10"/>
    </row>
    <row r="457863" spans="14:14">
      <c r="N457863" s="10"/>
    </row>
    <row r="457864" spans="14:14">
      <c r="N457864" s="10"/>
    </row>
    <row r="457865" spans="14:14">
      <c r="N457865" s="10"/>
    </row>
    <row r="457866" spans="14:14">
      <c r="N457866" s="10"/>
    </row>
    <row r="457867" spans="14:14">
      <c r="N457867" s="10"/>
    </row>
    <row r="457868" spans="14:14">
      <c r="N457868" s="10"/>
    </row>
    <row r="457869" spans="14:14">
      <c r="N457869" s="10"/>
    </row>
    <row r="457870" spans="14:14">
      <c r="N457870" s="10"/>
    </row>
    <row r="457871" spans="14:14">
      <c r="N457871" s="10"/>
    </row>
    <row r="457872" spans="14:14">
      <c r="N457872" s="10"/>
    </row>
    <row r="457873" spans="14:14">
      <c r="N457873" s="10"/>
    </row>
    <row r="457874" spans="14:14">
      <c r="N457874" s="10"/>
    </row>
    <row r="457875" spans="14:14">
      <c r="N457875" s="10"/>
    </row>
    <row r="457876" spans="14:14">
      <c r="N457876" s="10"/>
    </row>
    <row r="457877" spans="14:14">
      <c r="N457877" s="10"/>
    </row>
    <row r="457878" spans="14:14">
      <c r="N457878" s="10"/>
    </row>
    <row r="457879" spans="14:14">
      <c r="N457879" s="10"/>
    </row>
    <row r="457880" spans="14:14">
      <c r="N457880" s="10"/>
    </row>
    <row r="457881" spans="14:14">
      <c r="N457881" s="10"/>
    </row>
    <row r="457882" spans="14:14">
      <c r="N457882" s="10"/>
    </row>
    <row r="457883" spans="14:14">
      <c r="N457883" s="10"/>
    </row>
    <row r="457884" spans="14:14">
      <c r="N457884" s="10"/>
    </row>
    <row r="457885" spans="14:14">
      <c r="N457885" s="10"/>
    </row>
    <row r="457886" spans="14:14">
      <c r="N457886" s="10"/>
    </row>
    <row r="457887" spans="14:14">
      <c r="N457887" s="10"/>
    </row>
    <row r="457888" spans="14:14">
      <c r="N457888" s="10"/>
    </row>
    <row r="457889" spans="14:14">
      <c r="N457889" s="10"/>
    </row>
    <row r="457890" spans="14:14">
      <c r="N457890" s="10"/>
    </row>
    <row r="457891" spans="14:14">
      <c r="N457891" s="10"/>
    </row>
    <row r="457892" spans="14:14">
      <c r="N457892" s="10"/>
    </row>
    <row r="457893" spans="14:14">
      <c r="N457893" s="10"/>
    </row>
    <row r="457894" spans="14:14">
      <c r="N457894" s="10"/>
    </row>
    <row r="457895" spans="14:14">
      <c r="N457895" s="10"/>
    </row>
    <row r="457896" spans="14:14">
      <c r="N457896" s="10"/>
    </row>
    <row r="457897" spans="14:14">
      <c r="N457897" s="10"/>
    </row>
    <row r="457898" spans="14:14">
      <c r="N457898" s="10"/>
    </row>
    <row r="457899" spans="14:14">
      <c r="N457899" s="10"/>
    </row>
    <row r="457900" spans="14:14">
      <c r="N457900" s="10"/>
    </row>
    <row r="457901" spans="14:14">
      <c r="N457901" s="10"/>
    </row>
    <row r="457902" spans="14:14">
      <c r="N457902" s="10"/>
    </row>
    <row r="457903" spans="14:14">
      <c r="N457903" s="10"/>
    </row>
    <row r="457904" spans="14:14">
      <c r="N457904" s="10"/>
    </row>
    <row r="457905" spans="14:14">
      <c r="N457905" s="10"/>
    </row>
    <row r="457906" spans="14:14">
      <c r="N457906" s="10"/>
    </row>
    <row r="457907" spans="14:14">
      <c r="N457907" s="10"/>
    </row>
    <row r="457908" spans="14:14">
      <c r="N457908" s="10"/>
    </row>
    <row r="457909" spans="14:14">
      <c r="N457909" s="10"/>
    </row>
    <row r="457910" spans="14:14">
      <c r="N457910" s="10"/>
    </row>
    <row r="457911" spans="14:14">
      <c r="N457911" s="10"/>
    </row>
    <row r="457912" spans="14:14">
      <c r="N457912" s="10"/>
    </row>
    <row r="457913" spans="14:14">
      <c r="N457913" s="10"/>
    </row>
    <row r="457914" spans="14:14">
      <c r="N457914" s="10"/>
    </row>
    <row r="457915" spans="14:14">
      <c r="N457915" s="10"/>
    </row>
    <row r="457916" spans="14:14">
      <c r="N457916" s="10"/>
    </row>
    <row r="457917" spans="14:14">
      <c r="N457917" s="10"/>
    </row>
    <row r="457918" spans="14:14">
      <c r="N457918" s="10"/>
    </row>
    <row r="457919" spans="14:14">
      <c r="N457919" s="10"/>
    </row>
    <row r="457920" spans="14:14">
      <c r="N457920" s="10"/>
    </row>
    <row r="457921" spans="14:14">
      <c r="N457921" s="10"/>
    </row>
    <row r="457922" spans="14:14">
      <c r="N457922" s="10"/>
    </row>
    <row r="457923" spans="14:14">
      <c r="N457923" s="10"/>
    </row>
    <row r="457924" spans="14:14">
      <c r="N457924" s="10"/>
    </row>
    <row r="457925" spans="14:14">
      <c r="N457925" s="10"/>
    </row>
    <row r="457926" spans="14:14">
      <c r="N457926" s="10"/>
    </row>
    <row r="457927" spans="14:14">
      <c r="N457927" s="10"/>
    </row>
    <row r="457928" spans="14:14">
      <c r="N457928" s="10"/>
    </row>
    <row r="457929" spans="14:14">
      <c r="N457929" s="10"/>
    </row>
    <row r="457930" spans="14:14">
      <c r="N457930" s="10"/>
    </row>
    <row r="457931" spans="14:14">
      <c r="N457931" s="10"/>
    </row>
    <row r="457932" spans="14:14">
      <c r="N457932" s="10"/>
    </row>
    <row r="457933" spans="14:14">
      <c r="N457933" s="10"/>
    </row>
    <row r="457934" spans="14:14">
      <c r="N457934" s="10"/>
    </row>
    <row r="457935" spans="14:14">
      <c r="N457935" s="10"/>
    </row>
    <row r="457936" spans="14:14">
      <c r="N457936" s="10"/>
    </row>
    <row r="457937" spans="14:14">
      <c r="N457937" s="10"/>
    </row>
    <row r="457938" spans="14:14">
      <c r="N457938" s="10"/>
    </row>
    <row r="457939" spans="14:14">
      <c r="N457939" s="10"/>
    </row>
    <row r="457940" spans="14:14">
      <c r="N457940" s="10"/>
    </row>
    <row r="457941" spans="14:14">
      <c r="N457941" s="10"/>
    </row>
    <row r="457942" spans="14:14">
      <c r="N457942" s="10"/>
    </row>
    <row r="457943" spans="14:14">
      <c r="N457943" s="10"/>
    </row>
    <row r="457944" spans="14:14">
      <c r="N457944" s="10"/>
    </row>
    <row r="457945" spans="14:14">
      <c r="N457945" s="10"/>
    </row>
    <row r="457946" spans="14:14">
      <c r="N457946" s="10"/>
    </row>
    <row r="457947" spans="14:14">
      <c r="N457947" s="10"/>
    </row>
    <row r="457948" spans="14:14">
      <c r="N457948" s="10"/>
    </row>
    <row r="457949" spans="14:14">
      <c r="N457949" s="10"/>
    </row>
    <row r="457950" spans="14:14">
      <c r="N457950" s="10"/>
    </row>
    <row r="457951" spans="14:14">
      <c r="N457951" s="10"/>
    </row>
    <row r="457952" spans="14:14">
      <c r="N457952" s="10"/>
    </row>
    <row r="457953" spans="14:14">
      <c r="N457953" s="10"/>
    </row>
    <row r="457954" spans="14:14">
      <c r="N457954" s="10"/>
    </row>
    <row r="457955" spans="14:14">
      <c r="N457955" s="10"/>
    </row>
    <row r="457956" spans="14:14">
      <c r="N457956" s="10"/>
    </row>
    <row r="457957" spans="14:14">
      <c r="N457957" s="10"/>
    </row>
    <row r="457958" spans="14:14">
      <c r="N457958" s="10"/>
    </row>
    <row r="457959" spans="14:14">
      <c r="N457959" s="10"/>
    </row>
    <row r="457960" spans="14:14">
      <c r="N457960" s="10"/>
    </row>
    <row r="457961" spans="14:14">
      <c r="N457961" s="10"/>
    </row>
    <row r="457962" spans="14:14">
      <c r="N457962" s="10"/>
    </row>
    <row r="457963" spans="14:14">
      <c r="N457963" s="10"/>
    </row>
    <row r="457964" spans="14:14">
      <c r="N457964" s="10"/>
    </row>
    <row r="457965" spans="14:14">
      <c r="N457965" s="10"/>
    </row>
    <row r="457966" spans="14:14">
      <c r="N457966" s="10"/>
    </row>
    <row r="457967" spans="14:14">
      <c r="N457967" s="10"/>
    </row>
    <row r="457968" spans="14:14">
      <c r="N457968" s="10"/>
    </row>
    <row r="457969" spans="14:14">
      <c r="N457969" s="10"/>
    </row>
    <row r="457970" spans="14:14">
      <c r="N457970" s="10"/>
    </row>
    <row r="457971" spans="14:14">
      <c r="N457971" s="10"/>
    </row>
    <row r="457972" spans="14:14">
      <c r="N457972" s="10"/>
    </row>
    <row r="457973" spans="14:14">
      <c r="N457973" s="10"/>
    </row>
    <row r="457974" spans="14:14">
      <c r="N457974" s="10"/>
    </row>
    <row r="457975" spans="14:14">
      <c r="N457975" s="10"/>
    </row>
    <row r="457976" spans="14:14">
      <c r="N457976" s="10"/>
    </row>
    <row r="457977" spans="14:14">
      <c r="N457977" s="10"/>
    </row>
    <row r="457978" spans="14:14">
      <c r="N457978" s="10"/>
    </row>
    <row r="457979" spans="14:14">
      <c r="N457979" s="10"/>
    </row>
    <row r="457980" spans="14:14">
      <c r="N457980" s="10"/>
    </row>
    <row r="457981" spans="14:14">
      <c r="N457981" s="10"/>
    </row>
    <row r="457982" spans="14:14">
      <c r="N457982" s="10"/>
    </row>
    <row r="457983" spans="14:14">
      <c r="N457983" s="10"/>
    </row>
    <row r="457984" spans="14:14">
      <c r="N457984" s="10"/>
    </row>
    <row r="457985" spans="14:14">
      <c r="N457985" s="10"/>
    </row>
    <row r="457986" spans="14:14">
      <c r="N457986" s="10"/>
    </row>
    <row r="457987" spans="14:14">
      <c r="N457987" s="10"/>
    </row>
    <row r="457988" spans="14:14">
      <c r="N457988" s="10"/>
    </row>
    <row r="457989" spans="14:14">
      <c r="N457989" s="10"/>
    </row>
    <row r="457990" spans="14:14">
      <c r="N457990" s="10"/>
    </row>
    <row r="457991" spans="14:14">
      <c r="N457991" s="10"/>
    </row>
    <row r="457992" spans="14:14">
      <c r="N457992" s="10"/>
    </row>
    <row r="457993" spans="14:14">
      <c r="N457993" s="10"/>
    </row>
    <row r="457994" spans="14:14">
      <c r="N457994" s="10"/>
    </row>
    <row r="457995" spans="14:14">
      <c r="N457995" s="10"/>
    </row>
    <row r="457996" spans="14:14">
      <c r="N457996" s="10"/>
    </row>
    <row r="457997" spans="14:14">
      <c r="N457997" s="10"/>
    </row>
    <row r="457998" spans="14:14">
      <c r="N457998" s="10"/>
    </row>
    <row r="457999" spans="14:14">
      <c r="N457999" s="10"/>
    </row>
    <row r="458000" spans="14:14">
      <c r="N458000" s="10"/>
    </row>
    <row r="458001" spans="14:14">
      <c r="N458001" s="10"/>
    </row>
    <row r="458002" spans="14:14">
      <c r="N458002" s="10"/>
    </row>
    <row r="458003" spans="14:14">
      <c r="N458003" s="10"/>
    </row>
    <row r="458004" spans="14:14">
      <c r="N458004" s="10"/>
    </row>
    <row r="458005" spans="14:14">
      <c r="N458005" s="10"/>
    </row>
    <row r="458006" spans="14:14">
      <c r="N458006" s="10"/>
    </row>
    <row r="458007" spans="14:14">
      <c r="N458007" s="10"/>
    </row>
    <row r="458008" spans="14:14">
      <c r="N458008" s="10"/>
    </row>
    <row r="458009" spans="14:14">
      <c r="N458009" s="10"/>
    </row>
    <row r="458010" spans="14:14">
      <c r="N458010" s="10"/>
    </row>
    <row r="458011" spans="14:14">
      <c r="N458011" s="10"/>
    </row>
    <row r="458012" spans="14:14">
      <c r="N458012" s="10"/>
    </row>
    <row r="458013" spans="14:14">
      <c r="N458013" s="10"/>
    </row>
    <row r="458014" spans="14:14">
      <c r="N458014" s="10"/>
    </row>
    <row r="458015" spans="14:14">
      <c r="N458015" s="10"/>
    </row>
    <row r="458016" spans="14:14">
      <c r="N458016" s="10"/>
    </row>
    <row r="458017" spans="14:14">
      <c r="N458017" s="10"/>
    </row>
    <row r="458018" spans="14:14">
      <c r="N458018" s="10"/>
    </row>
    <row r="458019" spans="14:14">
      <c r="N458019" s="10"/>
    </row>
    <row r="458020" spans="14:14">
      <c r="N458020" s="10"/>
    </row>
    <row r="458021" spans="14:14">
      <c r="N458021" s="10"/>
    </row>
    <row r="458022" spans="14:14">
      <c r="N458022" s="10"/>
    </row>
    <row r="458023" spans="14:14">
      <c r="N458023" s="10"/>
    </row>
    <row r="458024" spans="14:14">
      <c r="N458024" s="10"/>
    </row>
    <row r="458025" spans="14:14">
      <c r="N458025" s="10"/>
    </row>
    <row r="458026" spans="14:14">
      <c r="N458026" s="10"/>
    </row>
    <row r="458027" spans="14:14">
      <c r="N458027" s="10"/>
    </row>
    <row r="458028" spans="14:14">
      <c r="N458028" s="10"/>
    </row>
    <row r="458029" spans="14:14">
      <c r="N458029" s="10"/>
    </row>
    <row r="458030" spans="14:14">
      <c r="N458030" s="10"/>
    </row>
    <row r="458031" spans="14:14">
      <c r="N458031" s="10"/>
    </row>
    <row r="458032" spans="14:14">
      <c r="N458032" s="10"/>
    </row>
    <row r="458033" spans="14:14">
      <c r="N458033" s="10"/>
    </row>
    <row r="458034" spans="14:14">
      <c r="N458034" s="10"/>
    </row>
    <row r="458035" spans="14:14">
      <c r="N458035" s="10"/>
    </row>
    <row r="458036" spans="14:14">
      <c r="N458036" s="10"/>
    </row>
    <row r="458037" spans="14:14">
      <c r="N458037" s="10"/>
    </row>
    <row r="458038" spans="14:14">
      <c r="N458038" s="10"/>
    </row>
    <row r="458039" spans="14:14">
      <c r="N458039" s="10"/>
    </row>
    <row r="458040" spans="14:14">
      <c r="N458040" s="10"/>
    </row>
    <row r="458041" spans="14:14">
      <c r="N458041" s="10"/>
    </row>
    <row r="458042" spans="14:14">
      <c r="N458042" s="10"/>
    </row>
    <row r="458043" spans="14:14">
      <c r="N458043" s="10"/>
    </row>
    <row r="458044" spans="14:14">
      <c r="N458044" s="10"/>
    </row>
    <row r="458045" spans="14:14">
      <c r="N458045" s="10"/>
    </row>
    <row r="458046" spans="14:14">
      <c r="N458046" s="10"/>
    </row>
    <row r="458047" spans="14:14">
      <c r="N458047" s="10"/>
    </row>
    <row r="458048" spans="14:14">
      <c r="N458048" s="10"/>
    </row>
    <row r="458049" spans="14:14">
      <c r="N458049" s="10"/>
    </row>
    <row r="458050" spans="14:14">
      <c r="N458050" s="10"/>
    </row>
    <row r="458051" spans="14:14">
      <c r="N458051" s="10"/>
    </row>
    <row r="458052" spans="14:14">
      <c r="N458052" s="10"/>
    </row>
    <row r="458053" spans="14:14">
      <c r="N458053" s="10"/>
    </row>
    <row r="458054" spans="14:14">
      <c r="N458054" s="10"/>
    </row>
    <row r="458055" spans="14:14">
      <c r="N458055" s="10"/>
    </row>
    <row r="458056" spans="14:14">
      <c r="N458056" s="10"/>
    </row>
    <row r="458057" spans="14:14">
      <c r="N458057" s="10"/>
    </row>
    <row r="458058" spans="14:14">
      <c r="N458058" s="10"/>
    </row>
    <row r="458059" spans="14:14">
      <c r="N458059" s="10"/>
    </row>
    <row r="458060" spans="14:14">
      <c r="N458060" s="10"/>
    </row>
    <row r="458061" spans="14:14">
      <c r="N458061" s="10"/>
    </row>
    <row r="458062" spans="14:14">
      <c r="N458062" s="10"/>
    </row>
    <row r="458063" spans="14:14">
      <c r="N458063" s="10"/>
    </row>
    <row r="458064" spans="14:14">
      <c r="N458064" s="10"/>
    </row>
    <row r="458065" spans="14:14">
      <c r="N458065" s="10"/>
    </row>
    <row r="458066" spans="14:14">
      <c r="N458066" s="10"/>
    </row>
    <row r="458067" spans="14:14">
      <c r="N458067" s="10"/>
    </row>
    <row r="458068" spans="14:14">
      <c r="N458068" s="10"/>
    </row>
    <row r="458069" spans="14:14">
      <c r="N458069" s="10"/>
    </row>
    <row r="458070" spans="14:14">
      <c r="N458070" s="10"/>
    </row>
    <row r="458071" spans="14:14">
      <c r="N458071" s="10"/>
    </row>
    <row r="458072" spans="14:14">
      <c r="N458072" s="10"/>
    </row>
    <row r="458073" spans="14:14">
      <c r="N458073" s="10"/>
    </row>
    <row r="458074" spans="14:14">
      <c r="N458074" s="10"/>
    </row>
    <row r="458075" spans="14:14">
      <c r="N458075" s="10"/>
    </row>
    <row r="458076" spans="14:14">
      <c r="N458076" s="10"/>
    </row>
    <row r="458077" spans="14:14">
      <c r="N458077" s="10"/>
    </row>
    <row r="458078" spans="14:14">
      <c r="N458078" s="10"/>
    </row>
    <row r="458079" spans="14:14">
      <c r="N458079" s="10"/>
    </row>
    <row r="458080" spans="14:14">
      <c r="N458080" s="10"/>
    </row>
    <row r="458081" spans="14:14">
      <c r="N458081" s="10"/>
    </row>
    <row r="458082" spans="14:14">
      <c r="N458082" s="10"/>
    </row>
    <row r="458083" spans="14:14">
      <c r="N458083" s="10"/>
    </row>
    <row r="458084" spans="14:14">
      <c r="N458084" s="10"/>
    </row>
    <row r="458085" spans="14:14">
      <c r="N458085" s="10"/>
    </row>
    <row r="458086" spans="14:14">
      <c r="N458086" s="10"/>
    </row>
    <row r="458087" spans="14:14">
      <c r="N458087" s="10"/>
    </row>
    <row r="458088" spans="14:14">
      <c r="N458088" s="10"/>
    </row>
    <row r="458089" spans="14:14">
      <c r="N458089" s="10"/>
    </row>
    <row r="458090" spans="14:14">
      <c r="N458090" s="10"/>
    </row>
    <row r="458091" spans="14:14">
      <c r="N458091" s="10"/>
    </row>
    <row r="458092" spans="14:14">
      <c r="N458092" s="10"/>
    </row>
    <row r="458093" spans="14:14">
      <c r="N458093" s="10"/>
    </row>
    <row r="458094" spans="14:14">
      <c r="N458094" s="10"/>
    </row>
    <row r="458095" spans="14:14">
      <c r="N458095" s="10"/>
    </row>
    <row r="458096" spans="14:14">
      <c r="N458096" s="10"/>
    </row>
    <row r="458097" spans="14:14">
      <c r="N458097" s="10"/>
    </row>
    <row r="458098" spans="14:14">
      <c r="N458098" s="10"/>
    </row>
    <row r="458099" spans="14:14">
      <c r="N458099" s="10"/>
    </row>
    <row r="458100" spans="14:14">
      <c r="N458100" s="10"/>
    </row>
    <row r="458101" spans="14:14">
      <c r="N458101" s="10"/>
    </row>
    <row r="458102" spans="14:14">
      <c r="N458102" s="10"/>
    </row>
    <row r="458103" spans="14:14">
      <c r="N458103" s="10"/>
    </row>
    <row r="458104" spans="14:14">
      <c r="N458104" s="10"/>
    </row>
    <row r="458105" spans="14:14">
      <c r="N458105" s="10"/>
    </row>
    <row r="458106" spans="14:14">
      <c r="N458106" s="10"/>
    </row>
    <row r="458107" spans="14:14">
      <c r="N458107" s="10"/>
    </row>
    <row r="458108" spans="14:14">
      <c r="N458108" s="10"/>
    </row>
    <row r="458109" spans="14:14">
      <c r="N458109" s="10"/>
    </row>
    <row r="458110" spans="14:14">
      <c r="N458110" s="10"/>
    </row>
    <row r="458111" spans="14:14">
      <c r="N458111" s="10"/>
    </row>
    <row r="458112" spans="14:14">
      <c r="N458112" s="10"/>
    </row>
    <row r="458113" spans="14:14">
      <c r="N458113" s="10"/>
    </row>
    <row r="458114" spans="14:14">
      <c r="N458114" s="10"/>
    </row>
    <row r="458115" spans="14:14">
      <c r="N458115" s="10"/>
    </row>
    <row r="458116" spans="14:14">
      <c r="N458116" s="10"/>
    </row>
    <row r="458117" spans="14:14">
      <c r="N458117" s="10"/>
    </row>
    <row r="458118" spans="14:14">
      <c r="N458118" s="10"/>
    </row>
    <row r="458119" spans="14:14">
      <c r="N458119" s="10"/>
    </row>
    <row r="458120" spans="14:14">
      <c r="N458120" s="10"/>
    </row>
    <row r="458121" spans="14:14">
      <c r="N458121" s="10"/>
    </row>
    <row r="458122" spans="14:14">
      <c r="N458122" s="10"/>
    </row>
    <row r="458123" spans="14:14">
      <c r="N458123" s="10"/>
    </row>
    <row r="458124" spans="14:14">
      <c r="N458124" s="10"/>
    </row>
    <row r="458125" spans="14:14">
      <c r="N458125" s="10"/>
    </row>
    <row r="458126" spans="14:14">
      <c r="N458126" s="10"/>
    </row>
    <row r="458127" spans="14:14">
      <c r="N458127" s="10"/>
    </row>
    <row r="458128" spans="14:14">
      <c r="N458128" s="10"/>
    </row>
    <row r="458129" spans="14:14">
      <c r="N458129" s="10"/>
    </row>
    <row r="458130" spans="14:14">
      <c r="N458130" s="10"/>
    </row>
    <row r="458131" spans="14:14">
      <c r="N458131" s="10"/>
    </row>
    <row r="458132" spans="14:14">
      <c r="N458132" s="10"/>
    </row>
    <row r="458133" spans="14:14">
      <c r="N458133" s="10"/>
    </row>
    <row r="458134" spans="14:14">
      <c r="N458134" s="10"/>
    </row>
    <row r="458135" spans="14:14">
      <c r="N458135" s="10"/>
    </row>
    <row r="458136" spans="14:14">
      <c r="N458136" s="10"/>
    </row>
    <row r="458137" spans="14:14">
      <c r="N458137" s="10"/>
    </row>
    <row r="458138" spans="14:14">
      <c r="N458138" s="10"/>
    </row>
    <row r="458139" spans="14:14">
      <c r="N458139" s="10"/>
    </row>
    <row r="458140" spans="14:14">
      <c r="N458140" s="10"/>
    </row>
    <row r="458141" spans="14:14">
      <c r="N458141" s="10"/>
    </row>
    <row r="458142" spans="14:14">
      <c r="N458142" s="10"/>
    </row>
    <row r="458143" spans="14:14">
      <c r="N458143" s="10"/>
    </row>
    <row r="458144" spans="14:14">
      <c r="N458144" s="10"/>
    </row>
    <row r="458145" spans="14:14">
      <c r="N458145" s="10"/>
    </row>
    <row r="458146" spans="14:14">
      <c r="N458146" s="10"/>
    </row>
    <row r="458147" spans="14:14">
      <c r="N458147" s="10"/>
    </row>
    <row r="458148" spans="14:14">
      <c r="N458148" s="10"/>
    </row>
    <row r="458149" spans="14:14">
      <c r="N458149" s="10"/>
    </row>
    <row r="458150" spans="14:14">
      <c r="N458150" s="10"/>
    </row>
    <row r="458151" spans="14:14">
      <c r="N458151" s="10"/>
    </row>
    <row r="458152" spans="14:14">
      <c r="N458152" s="10"/>
    </row>
    <row r="458153" spans="14:14">
      <c r="N458153" s="10"/>
    </row>
    <row r="458154" spans="14:14">
      <c r="N458154" s="10"/>
    </row>
    <row r="458155" spans="14:14">
      <c r="N458155" s="10"/>
    </row>
    <row r="458156" spans="14:14">
      <c r="N458156" s="10"/>
    </row>
    <row r="458157" spans="14:14">
      <c r="N458157" s="10"/>
    </row>
    <row r="458158" spans="14:14">
      <c r="N458158" s="10"/>
    </row>
    <row r="458159" spans="14:14">
      <c r="N458159" s="10"/>
    </row>
    <row r="458160" spans="14:14">
      <c r="N458160" s="10"/>
    </row>
    <row r="458161" spans="14:14">
      <c r="N458161" s="10"/>
    </row>
    <row r="458162" spans="14:14">
      <c r="N458162" s="10"/>
    </row>
    <row r="458163" spans="14:14">
      <c r="N458163" s="10"/>
    </row>
    <row r="458164" spans="14:14">
      <c r="N458164" s="10"/>
    </row>
    <row r="458165" spans="14:14">
      <c r="N458165" s="10"/>
    </row>
    <row r="458166" spans="14:14">
      <c r="N458166" s="10"/>
    </row>
    <row r="458167" spans="14:14">
      <c r="N458167" s="10"/>
    </row>
    <row r="458168" spans="14:14">
      <c r="N458168" s="10"/>
    </row>
    <row r="458169" spans="14:14">
      <c r="N458169" s="10"/>
    </row>
    <row r="458170" spans="14:14">
      <c r="N458170" s="10"/>
    </row>
    <row r="458171" spans="14:14">
      <c r="N458171" s="10"/>
    </row>
    <row r="458172" spans="14:14">
      <c r="N458172" s="10"/>
    </row>
    <row r="458173" spans="14:14">
      <c r="N458173" s="10"/>
    </row>
    <row r="458174" spans="14:14">
      <c r="N458174" s="10"/>
    </row>
    <row r="458175" spans="14:14">
      <c r="N458175" s="10"/>
    </row>
    <row r="458176" spans="14:14">
      <c r="N458176" s="10"/>
    </row>
    <row r="458177" spans="14:14">
      <c r="N458177" s="10"/>
    </row>
    <row r="458178" spans="14:14">
      <c r="N458178" s="10"/>
    </row>
    <row r="458179" spans="14:14">
      <c r="N458179" s="10"/>
    </row>
    <row r="458180" spans="14:14">
      <c r="N458180" s="10"/>
    </row>
    <row r="458181" spans="14:14">
      <c r="N458181" s="10"/>
    </row>
    <row r="458182" spans="14:14">
      <c r="N458182" s="10"/>
    </row>
    <row r="458183" spans="14:14">
      <c r="N458183" s="10"/>
    </row>
    <row r="458184" spans="14:14">
      <c r="N458184" s="10"/>
    </row>
    <row r="458185" spans="14:14">
      <c r="N458185" s="10"/>
    </row>
    <row r="458186" spans="14:14">
      <c r="N458186" s="10"/>
    </row>
    <row r="458187" spans="14:14">
      <c r="N458187" s="10"/>
    </row>
    <row r="458188" spans="14:14">
      <c r="N458188" s="10"/>
    </row>
    <row r="458189" spans="14:14">
      <c r="N458189" s="10"/>
    </row>
    <row r="458190" spans="14:14">
      <c r="N458190" s="10"/>
    </row>
    <row r="458191" spans="14:14">
      <c r="N458191" s="10"/>
    </row>
    <row r="458192" spans="14:14">
      <c r="N458192" s="10"/>
    </row>
    <row r="458193" spans="14:14">
      <c r="N458193" s="10"/>
    </row>
    <row r="458194" spans="14:14">
      <c r="N458194" s="10"/>
    </row>
    <row r="458195" spans="14:14">
      <c r="N458195" s="10"/>
    </row>
    <row r="458196" spans="14:14">
      <c r="N458196" s="10"/>
    </row>
    <row r="458197" spans="14:14">
      <c r="N458197" s="10"/>
    </row>
    <row r="458198" spans="14:14">
      <c r="N458198" s="10"/>
    </row>
    <row r="458199" spans="14:14">
      <c r="N458199" s="10"/>
    </row>
    <row r="458200" spans="14:14">
      <c r="N458200" s="10"/>
    </row>
    <row r="458201" spans="14:14">
      <c r="N458201" s="10"/>
    </row>
    <row r="458202" spans="14:14">
      <c r="N458202" s="10"/>
    </row>
    <row r="458203" spans="14:14">
      <c r="N458203" s="10"/>
    </row>
    <row r="458204" spans="14:14">
      <c r="N458204" s="10"/>
    </row>
    <row r="458205" spans="14:14">
      <c r="N458205" s="10"/>
    </row>
    <row r="458206" spans="14:14">
      <c r="N458206" s="10"/>
    </row>
    <row r="458207" spans="14:14">
      <c r="N458207" s="10"/>
    </row>
    <row r="458208" spans="14:14">
      <c r="N458208" s="10"/>
    </row>
    <row r="458209" spans="14:14">
      <c r="N458209" s="10"/>
    </row>
    <row r="458210" spans="14:14">
      <c r="N458210" s="10"/>
    </row>
    <row r="458211" spans="14:14">
      <c r="N458211" s="10"/>
    </row>
    <row r="458212" spans="14:14">
      <c r="N458212" s="10"/>
    </row>
    <row r="458213" spans="14:14">
      <c r="N458213" s="10"/>
    </row>
    <row r="458214" spans="14:14">
      <c r="N458214" s="10"/>
    </row>
    <row r="458215" spans="14:14">
      <c r="N458215" s="10"/>
    </row>
    <row r="458216" spans="14:14">
      <c r="N458216" s="10"/>
    </row>
    <row r="458217" spans="14:14">
      <c r="N458217" s="10"/>
    </row>
    <row r="458218" spans="14:14">
      <c r="N458218" s="10"/>
    </row>
    <row r="458219" spans="14:14">
      <c r="N458219" s="10"/>
    </row>
    <row r="458220" spans="14:14">
      <c r="N458220" s="10"/>
    </row>
    <row r="458221" spans="14:14">
      <c r="N458221" s="10"/>
    </row>
    <row r="458222" spans="14:14">
      <c r="N458222" s="10"/>
    </row>
    <row r="458223" spans="14:14">
      <c r="N458223" s="10"/>
    </row>
    <row r="458224" spans="14:14">
      <c r="N458224" s="10"/>
    </row>
    <row r="458225" spans="14:14">
      <c r="N458225" s="10"/>
    </row>
    <row r="458226" spans="14:14">
      <c r="N458226" s="10"/>
    </row>
    <row r="458227" spans="14:14">
      <c r="N458227" s="10"/>
    </row>
    <row r="458228" spans="14:14">
      <c r="N458228" s="10"/>
    </row>
    <row r="458229" spans="14:14">
      <c r="N458229" s="10"/>
    </row>
    <row r="458230" spans="14:14">
      <c r="N458230" s="10"/>
    </row>
    <row r="458231" spans="14:14">
      <c r="N458231" s="10"/>
    </row>
    <row r="458232" spans="14:14">
      <c r="N458232" s="10"/>
    </row>
    <row r="458233" spans="14:14">
      <c r="N458233" s="10"/>
    </row>
    <row r="458234" spans="14:14">
      <c r="N458234" s="10"/>
    </row>
    <row r="458235" spans="14:14">
      <c r="N458235" s="10"/>
    </row>
    <row r="458236" spans="14:14">
      <c r="N458236" s="10"/>
    </row>
    <row r="458237" spans="14:14">
      <c r="N458237" s="10"/>
    </row>
    <row r="458238" spans="14:14">
      <c r="N458238" s="10"/>
    </row>
    <row r="458239" spans="14:14">
      <c r="N458239" s="10"/>
    </row>
    <row r="458240" spans="14:14">
      <c r="N458240" s="10"/>
    </row>
    <row r="458241" spans="14:14">
      <c r="N458241" s="10"/>
    </row>
    <row r="458242" spans="14:14">
      <c r="N458242" s="10"/>
    </row>
    <row r="458243" spans="14:14">
      <c r="N458243" s="10"/>
    </row>
    <row r="458244" spans="14:14">
      <c r="N458244" s="10"/>
    </row>
    <row r="458245" spans="14:14">
      <c r="N458245" s="10"/>
    </row>
    <row r="458246" spans="14:14">
      <c r="N458246" s="10"/>
    </row>
    <row r="458247" spans="14:14">
      <c r="N458247" s="10"/>
    </row>
    <row r="458248" spans="14:14">
      <c r="N458248" s="10"/>
    </row>
    <row r="458249" spans="14:14">
      <c r="N458249" s="10"/>
    </row>
    <row r="458250" spans="14:14">
      <c r="N458250" s="10"/>
    </row>
    <row r="458251" spans="14:14">
      <c r="N458251" s="10"/>
    </row>
    <row r="458252" spans="14:14">
      <c r="N458252" s="10"/>
    </row>
    <row r="458253" spans="14:14">
      <c r="N458253" s="10"/>
    </row>
    <row r="458254" spans="14:14">
      <c r="N458254" s="10"/>
    </row>
    <row r="458255" spans="14:14">
      <c r="N458255" s="10"/>
    </row>
    <row r="458256" spans="14:14">
      <c r="N458256" s="10"/>
    </row>
    <row r="458257" spans="14:14">
      <c r="N458257" s="10"/>
    </row>
    <row r="458258" spans="14:14">
      <c r="N458258" s="10"/>
    </row>
    <row r="458259" spans="14:14">
      <c r="N458259" s="10"/>
    </row>
    <row r="458260" spans="14:14">
      <c r="N458260" s="10"/>
    </row>
    <row r="458261" spans="14:14">
      <c r="N458261" s="10"/>
    </row>
    <row r="458262" spans="14:14">
      <c r="N458262" s="10"/>
    </row>
    <row r="458263" spans="14:14">
      <c r="N458263" s="10"/>
    </row>
    <row r="458264" spans="14:14">
      <c r="N458264" s="10"/>
    </row>
    <row r="458265" spans="14:14">
      <c r="N458265" s="10"/>
    </row>
    <row r="458266" spans="14:14">
      <c r="N458266" s="10"/>
    </row>
    <row r="458267" spans="14:14">
      <c r="N458267" s="10"/>
    </row>
    <row r="458268" spans="14:14">
      <c r="N458268" s="10"/>
    </row>
    <row r="458269" spans="14:14">
      <c r="N458269" s="10"/>
    </row>
    <row r="458270" spans="14:14">
      <c r="N458270" s="10"/>
    </row>
    <row r="458271" spans="14:14">
      <c r="N458271" s="10"/>
    </row>
    <row r="458272" spans="14:14">
      <c r="N458272" s="10"/>
    </row>
    <row r="458273" spans="14:14">
      <c r="N458273" s="10"/>
    </row>
    <row r="458274" spans="14:14">
      <c r="N458274" s="10"/>
    </row>
    <row r="458275" spans="14:14">
      <c r="N458275" s="10"/>
    </row>
    <row r="458276" spans="14:14">
      <c r="N458276" s="10"/>
    </row>
    <row r="458277" spans="14:14">
      <c r="N458277" s="10"/>
    </row>
    <row r="458278" spans="14:14">
      <c r="N458278" s="10"/>
    </row>
    <row r="458279" spans="14:14">
      <c r="N458279" s="10"/>
    </row>
    <row r="458280" spans="14:14">
      <c r="N458280" s="10"/>
    </row>
    <row r="458281" spans="14:14">
      <c r="N458281" s="10"/>
    </row>
    <row r="458282" spans="14:14">
      <c r="N458282" s="10"/>
    </row>
    <row r="458283" spans="14:14">
      <c r="N458283" s="10"/>
    </row>
    <row r="458284" spans="14:14">
      <c r="N458284" s="10"/>
    </row>
    <row r="458285" spans="14:14">
      <c r="N458285" s="10"/>
    </row>
    <row r="458286" spans="14:14">
      <c r="N458286" s="10"/>
    </row>
    <row r="458287" spans="14:14">
      <c r="N458287" s="10"/>
    </row>
    <row r="458288" spans="14:14">
      <c r="N458288" s="10"/>
    </row>
    <row r="458289" spans="14:14">
      <c r="N458289" s="10"/>
    </row>
    <row r="458290" spans="14:14">
      <c r="N458290" s="10"/>
    </row>
    <row r="458291" spans="14:14">
      <c r="N458291" s="10"/>
    </row>
    <row r="458292" spans="14:14">
      <c r="N458292" s="10"/>
    </row>
    <row r="458293" spans="14:14">
      <c r="N458293" s="10"/>
    </row>
    <row r="458294" spans="14:14">
      <c r="N458294" s="10"/>
    </row>
    <row r="458295" spans="14:14">
      <c r="N458295" s="10"/>
    </row>
    <row r="458296" spans="14:14">
      <c r="N458296" s="10"/>
    </row>
    <row r="458297" spans="14:14">
      <c r="N458297" s="10"/>
    </row>
    <row r="458298" spans="14:14">
      <c r="N458298" s="10"/>
    </row>
    <row r="458299" spans="14:14">
      <c r="N458299" s="10"/>
    </row>
    <row r="458300" spans="14:14">
      <c r="N458300" s="10"/>
    </row>
    <row r="458301" spans="14:14">
      <c r="N458301" s="10"/>
    </row>
    <row r="458302" spans="14:14">
      <c r="N458302" s="10"/>
    </row>
    <row r="458303" spans="14:14">
      <c r="N458303" s="10"/>
    </row>
    <row r="458304" spans="14:14">
      <c r="N458304" s="10"/>
    </row>
    <row r="458305" spans="14:14">
      <c r="N458305" s="10"/>
    </row>
    <row r="458306" spans="14:14">
      <c r="N458306" s="10"/>
    </row>
    <row r="458307" spans="14:14">
      <c r="N458307" s="10"/>
    </row>
    <row r="458308" spans="14:14">
      <c r="N458308" s="10"/>
    </row>
    <row r="458309" spans="14:14">
      <c r="N458309" s="10"/>
    </row>
    <row r="458310" spans="14:14">
      <c r="N458310" s="10"/>
    </row>
    <row r="458311" spans="14:14">
      <c r="N458311" s="10"/>
    </row>
    <row r="458312" spans="14:14">
      <c r="N458312" s="10"/>
    </row>
    <row r="458313" spans="14:14">
      <c r="N458313" s="10"/>
    </row>
    <row r="458314" spans="14:14">
      <c r="N458314" s="10"/>
    </row>
    <row r="458315" spans="14:14">
      <c r="N458315" s="10"/>
    </row>
    <row r="458316" spans="14:14">
      <c r="N458316" s="10"/>
    </row>
    <row r="458317" spans="14:14">
      <c r="N458317" s="10"/>
    </row>
    <row r="458318" spans="14:14">
      <c r="N458318" s="10"/>
    </row>
    <row r="458319" spans="14:14">
      <c r="N458319" s="10"/>
    </row>
    <row r="458320" spans="14:14">
      <c r="N458320" s="10"/>
    </row>
    <row r="458321" spans="14:14">
      <c r="N458321" s="10"/>
    </row>
    <row r="458322" spans="14:14">
      <c r="N458322" s="10"/>
    </row>
    <row r="458323" spans="14:14">
      <c r="N458323" s="10"/>
    </row>
    <row r="458324" spans="14:14">
      <c r="N458324" s="10"/>
    </row>
    <row r="458325" spans="14:14">
      <c r="N458325" s="10"/>
    </row>
    <row r="458326" spans="14:14">
      <c r="N458326" s="10"/>
    </row>
    <row r="458327" spans="14:14">
      <c r="N458327" s="10"/>
    </row>
    <row r="458328" spans="14:14">
      <c r="N458328" s="10"/>
    </row>
    <row r="458329" spans="14:14">
      <c r="N458329" s="10"/>
    </row>
    <row r="458330" spans="14:14">
      <c r="N458330" s="10"/>
    </row>
    <row r="458331" spans="14:14">
      <c r="N458331" s="10"/>
    </row>
    <row r="458332" spans="14:14">
      <c r="N458332" s="10"/>
    </row>
    <row r="458333" spans="14:14">
      <c r="N458333" s="10"/>
    </row>
    <row r="458334" spans="14:14">
      <c r="N458334" s="10"/>
    </row>
    <row r="458335" spans="14:14">
      <c r="N458335" s="10"/>
    </row>
    <row r="458336" spans="14:14">
      <c r="N458336" s="10"/>
    </row>
    <row r="458337" spans="14:14">
      <c r="N458337" s="10"/>
    </row>
    <row r="458338" spans="14:14">
      <c r="N458338" s="10"/>
    </row>
    <row r="458339" spans="14:14">
      <c r="N458339" s="10"/>
    </row>
    <row r="458340" spans="14:14">
      <c r="N458340" s="10"/>
    </row>
    <row r="458341" spans="14:14">
      <c r="N458341" s="10"/>
    </row>
    <row r="458342" spans="14:14">
      <c r="N458342" s="10"/>
    </row>
    <row r="458343" spans="14:14">
      <c r="N458343" s="10"/>
    </row>
    <row r="458344" spans="14:14">
      <c r="N458344" s="10"/>
    </row>
    <row r="458345" spans="14:14">
      <c r="N458345" s="10"/>
    </row>
    <row r="458346" spans="14:14">
      <c r="N458346" s="10"/>
    </row>
    <row r="458347" spans="14:14">
      <c r="N458347" s="10"/>
    </row>
    <row r="458348" spans="14:14">
      <c r="N458348" s="10"/>
    </row>
    <row r="458349" spans="14:14">
      <c r="N458349" s="10"/>
    </row>
    <row r="458350" spans="14:14">
      <c r="N458350" s="10"/>
    </row>
    <row r="458351" spans="14:14">
      <c r="N458351" s="10"/>
    </row>
    <row r="458352" spans="14:14">
      <c r="N458352" s="10"/>
    </row>
    <row r="458353" spans="14:14">
      <c r="N458353" s="10"/>
    </row>
    <row r="458354" spans="14:14">
      <c r="N458354" s="10"/>
    </row>
    <row r="458355" spans="14:14">
      <c r="N458355" s="10"/>
    </row>
    <row r="458356" spans="14:14">
      <c r="N458356" s="10"/>
    </row>
    <row r="458357" spans="14:14">
      <c r="N458357" s="10"/>
    </row>
    <row r="458358" spans="14:14">
      <c r="N458358" s="10"/>
    </row>
    <row r="458359" spans="14:14">
      <c r="N458359" s="10"/>
    </row>
    <row r="458360" spans="14:14">
      <c r="N458360" s="10"/>
    </row>
    <row r="458361" spans="14:14">
      <c r="N458361" s="10"/>
    </row>
    <row r="458362" spans="14:14">
      <c r="N458362" s="10"/>
    </row>
    <row r="458363" spans="14:14">
      <c r="N458363" s="10"/>
    </row>
    <row r="458364" spans="14:14">
      <c r="N458364" s="10"/>
    </row>
    <row r="458365" spans="14:14">
      <c r="N458365" s="10"/>
    </row>
    <row r="458366" spans="14:14">
      <c r="N458366" s="10"/>
    </row>
    <row r="458367" spans="14:14">
      <c r="N458367" s="10"/>
    </row>
    <row r="458368" spans="14:14">
      <c r="N458368" s="10"/>
    </row>
    <row r="458369" spans="14:14">
      <c r="N458369" s="10"/>
    </row>
    <row r="458370" spans="14:14">
      <c r="N458370" s="10"/>
    </row>
    <row r="458371" spans="14:14">
      <c r="N458371" s="10"/>
    </row>
    <row r="458372" spans="14:14">
      <c r="N458372" s="10"/>
    </row>
    <row r="458373" spans="14:14">
      <c r="N458373" s="10"/>
    </row>
    <row r="458374" spans="14:14">
      <c r="N458374" s="10"/>
    </row>
    <row r="458375" spans="14:14">
      <c r="N458375" s="10"/>
    </row>
    <row r="458376" spans="14:14">
      <c r="N458376" s="10"/>
    </row>
    <row r="458377" spans="14:14">
      <c r="N458377" s="10"/>
    </row>
    <row r="458378" spans="14:14">
      <c r="N458378" s="10"/>
    </row>
    <row r="458379" spans="14:14">
      <c r="N458379" s="10"/>
    </row>
    <row r="458380" spans="14:14">
      <c r="N458380" s="10"/>
    </row>
    <row r="458381" spans="14:14">
      <c r="N458381" s="10"/>
    </row>
    <row r="458382" spans="14:14">
      <c r="N458382" s="10"/>
    </row>
    <row r="458383" spans="14:14">
      <c r="N458383" s="10"/>
    </row>
    <row r="458384" spans="14:14">
      <c r="N458384" s="10"/>
    </row>
    <row r="458385" spans="14:14">
      <c r="N458385" s="10"/>
    </row>
    <row r="458386" spans="14:14">
      <c r="N458386" s="10"/>
    </row>
    <row r="458387" spans="14:14">
      <c r="N458387" s="10"/>
    </row>
    <row r="458388" spans="14:14">
      <c r="N458388" s="10"/>
    </row>
    <row r="458389" spans="14:14">
      <c r="N458389" s="10"/>
    </row>
    <row r="458390" spans="14:14">
      <c r="N458390" s="10"/>
    </row>
    <row r="458391" spans="14:14">
      <c r="N458391" s="10"/>
    </row>
    <row r="458392" spans="14:14">
      <c r="N458392" s="10"/>
    </row>
    <row r="458393" spans="14:14">
      <c r="N458393" s="10"/>
    </row>
    <row r="458394" spans="14:14">
      <c r="N458394" s="10"/>
    </row>
    <row r="458395" spans="14:14">
      <c r="N458395" s="10"/>
    </row>
    <row r="458396" spans="14:14">
      <c r="N458396" s="10"/>
    </row>
    <row r="458397" spans="14:14">
      <c r="N458397" s="10"/>
    </row>
    <row r="458398" spans="14:14">
      <c r="N458398" s="10"/>
    </row>
    <row r="458399" spans="14:14">
      <c r="N458399" s="10"/>
    </row>
    <row r="458400" spans="14:14">
      <c r="N458400" s="10"/>
    </row>
    <row r="458401" spans="14:14">
      <c r="N458401" s="10"/>
    </row>
    <row r="458402" spans="14:14">
      <c r="N458402" s="10"/>
    </row>
    <row r="458403" spans="14:14">
      <c r="N458403" s="10"/>
    </row>
    <row r="458404" spans="14:14">
      <c r="N458404" s="10"/>
    </row>
    <row r="458405" spans="14:14">
      <c r="N458405" s="10"/>
    </row>
    <row r="458406" spans="14:14">
      <c r="N458406" s="10"/>
    </row>
    <row r="458407" spans="14:14">
      <c r="N458407" s="10"/>
    </row>
    <row r="458408" spans="14:14">
      <c r="N458408" s="10"/>
    </row>
    <row r="458409" spans="14:14">
      <c r="N458409" s="10"/>
    </row>
    <row r="458410" spans="14:14">
      <c r="N458410" s="10"/>
    </row>
    <row r="458411" spans="14:14">
      <c r="N458411" s="10"/>
    </row>
    <row r="458412" spans="14:14">
      <c r="N458412" s="10"/>
    </row>
    <row r="458413" spans="14:14">
      <c r="N458413" s="10"/>
    </row>
    <row r="458414" spans="14:14">
      <c r="N458414" s="10"/>
    </row>
    <row r="458415" spans="14:14">
      <c r="N458415" s="10"/>
    </row>
    <row r="458416" spans="14:14">
      <c r="N458416" s="10"/>
    </row>
    <row r="458417" spans="14:14">
      <c r="N458417" s="10"/>
    </row>
    <row r="458418" spans="14:14">
      <c r="N458418" s="10"/>
    </row>
    <row r="458419" spans="14:14">
      <c r="N458419" s="10"/>
    </row>
    <row r="458420" spans="14:14">
      <c r="N458420" s="10"/>
    </row>
    <row r="458421" spans="14:14">
      <c r="N458421" s="10"/>
    </row>
    <row r="458422" spans="14:14">
      <c r="N458422" s="10"/>
    </row>
    <row r="458423" spans="14:14">
      <c r="N458423" s="10"/>
    </row>
    <row r="458424" spans="14:14">
      <c r="N458424" s="10"/>
    </row>
    <row r="458425" spans="14:14">
      <c r="N458425" s="10"/>
    </row>
    <row r="458426" spans="14:14">
      <c r="N458426" s="10"/>
    </row>
    <row r="458427" spans="14:14">
      <c r="N458427" s="10"/>
    </row>
    <row r="458428" spans="14:14">
      <c r="N458428" s="10"/>
    </row>
    <row r="458429" spans="14:14">
      <c r="N458429" s="10"/>
    </row>
    <row r="458430" spans="14:14">
      <c r="N458430" s="10"/>
    </row>
    <row r="458431" spans="14:14">
      <c r="N458431" s="10"/>
    </row>
    <row r="458432" spans="14:14">
      <c r="N458432" s="10"/>
    </row>
    <row r="458433" spans="14:14">
      <c r="N458433" s="10"/>
    </row>
    <row r="458434" spans="14:14">
      <c r="N458434" s="10"/>
    </row>
    <row r="458435" spans="14:14">
      <c r="N458435" s="10"/>
    </row>
    <row r="458436" spans="14:14">
      <c r="N458436" s="10"/>
    </row>
    <row r="458437" spans="14:14">
      <c r="N458437" s="10"/>
    </row>
    <row r="458438" spans="14:14">
      <c r="N458438" s="10"/>
    </row>
    <row r="458439" spans="14:14">
      <c r="N458439" s="10"/>
    </row>
    <row r="458440" spans="14:14">
      <c r="N458440" s="10"/>
    </row>
    <row r="458441" spans="14:14">
      <c r="N458441" s="10"/>
    </row>
    <row r="458442" spans="14:14">
      <c r="N458442" s="10"/>
    </row>
    <row r="458443" spans="14:14">
      <c r="N458443" s="10"/>
    </row>
    <row r="458444" spans="14:14">
      <c r="N458444" s="10"/>
    </row>
    <row r="458445" spans="14:14">
      <c r="N458445" s="10"/>
    </row>
    <row r="458446" spans="14:14">
      <c r="N458446" s="10"/>
    </row>
    <row r="458447" spans="14:14">
      <c r="N458447" s="10"/>
    </row>
    <row r="458448" spans="14:14">
      <c r="N458448" s="10"/>
    </row>
    <row r="458449" spans="14:14">
      <c r="N458449" s="10"/>
    </row>
    <row r="458450" spans="14:14">
      <c r="N458450" s="10"/>
    </row>
    <row r="458451" spans="14:14">
      <c r="N458451" s="10"/>
    </row>
    <row r="458452" spans="14:14">
      <c r="N458452" s="10"/>
    </row>
    <row r="458453" spans="14:14">
      <c r="N458453" s="10"/>
    </row>
    <row r="458454" spans="14:14">
      <c r="N458454" s="10"/>
    </row>
    <row r="458455" spans="14:14">
      <c r="N458455" s="10"/>
    </row>
    <row r="458456" spans="14:14">
      <c r="N458456" s="10"/>
    </row>
    <row r="458457" spans="14:14">
      <c r="N458457" s="10"/>
    </row>
    <row r="458458" spans="14:14">
      <c r="N458458" s="10"/>
    </row>
    <row r="458459" spans="14:14">
      <c r="N458459" s="10"/>
    </row>
    <row r="458460" spans="14:14">
      <c r="N458460" s="10"/>
    </row>
    <row r="458461" spans="14:14">
      <c r="N458461" s="10"/>
    </row>
    <row r="458462" spans="14:14">
      <c r="N458462" s="10"/>
    </row>
    <row r="458463" spans="14:14">
      <c r="N458463" s="10"/>
    </row>
    <row r="458464" spans="14:14">
      <c r="N458464" s="10"/>
    </row>
    <row r="458465" spans="14:14">
      <c r="N458465" s="10"/>
    </row>
    <row r="458466" spans="14:14">
      <c r="N458466" s="10"/>
    </row>
    <row r="458467" spans="14:14">
      <c r="N458467" s="10"/>
    </row>
    <row r="458468" spans="14:14">
      <c r="N458468" s="10"/>
    </row>
    <row r="458469" spans="14:14">
      <c r="N458469" s="10"/>
    </row>
    <row r="458470" spans="14:14">
      <c r="N458470" s="10"/>
    </row>
    <row r="458471" spans="14:14">
      <c r="N458471" s="10"/>
    </row>
    <row r="458472" spans="14:14">
      <c r="N458472" s="10"/>
    </row>
    <row r="458473" spans="14:14">
      <c r="N458473" s="10"/>
    </row>
    <row r="458474" spans="14:14">
      <c r="N458474" s="10"/>
    </row>
    <row r="458475" spans="14:14">
      <c r="N458475" s="10"/>
    </row>
    <row r="458476" spans="14:14">
      <c r="N458476" s="10"/>
    </row>
    <row r="458477" spans="14:14">
      <c r="N458477" s="10"/>
    </row>
    <row r="458478" spans="14:14">
      <c r="N458478" s="10"/>
    </row>
    <row r="458479" spans="14:14">
      <c r="N458479" s="10"/>
    </row>
    <row r="458480" spans="14:14">
      <c r="N458480" s="10"/>
    </row>
    <row r="458481" spans="14:14">
      <c r="N458481" s="10"/>
    </row>
    <row r="458482" spans="14:14">
      <c r="N458482" s="10"/>
    </row>
    <row r="458483" spans="14:14">
      <c r="N458483" s="10"/>
    </row>
    <row r="458484" spans="14:14">
      <c r="N458484" s="10"/>
    </row>
    <row r="458485" spans="14:14">
      <c r="N458485" s="10"/>
    </row>
    <row r="458486" spans="14:14">
      <c r="N458486" s="10"/>
    </row>
    <row r="458487" spans="14:14">
      <c r="N458487" s="10"/>
    </row>
    <row r="458488" spans="14:14">
      <c r="N458488" s="10"/>
    </row>
    <row r="458489" spans="14:14">
      <c r="N458489" s="10"/>
    </row>
    <row r="458490" spans="14:14">
      <c r="N458490" s="10"/>
    </row>
    <row r="458491" spans="14:14">
      <c r="N458491" s="10"/>
    </row>
    <row r="458492" spans="14:14">
      <c r="N458492" s="10"/>
    </row>
    <row r="458493" spans="14:14">
      <c r="N458493" s="10"/>
    </row>
    <row r="458494" spans="14:14">
      <c r="N458494" s="10"/>
    </row>
    <row r="458495" spans="14:14">
      <c r="N458495" s="10"/>
    </row>
    <row r="458496" spans="14:14">
      <c r="N458496" s="10"/>
    </row>
    <row r="458497" spans="14:14">
      <c r="N458497" s="10"/>
    </row>
    <row r="458498" spans="14:14">
      <c r="N458498" s="10"/>
    </row>
    <row r="458499" spans="14:14">
      <c r="N458499" s="10"/>
    </row>
    <row r="458500" spans="14:14">
      <c r="N458500" s="10"/>
    </row>
    <row r="458501" spans="14:14">
      <c r="N458501" s="10"/>
    </row>
    <row r="458502" spans="14:14">
      <c r="N458502" s="10"/>
    </row>
    <row r="458503" spans="14:14">
      <c r="N458503" s="10"/>
    </row>
    <row r="458504" spans="14:14">
      <c r="N458504" s="10"/>
    </row>
    <row r="458505" spans="14:14">
      <c r="N458505" s="10"/>
    </row>
    <row r="458506" spans="14:14">
      <c r="N458506" s="10"/>
    </row>
    <row r="458507" spans="14:14">
      <c r="N458507" s="10"/>
    </row>
    <row r="458508" spans="14:14">
      <c r="N458508" s="10"/>
    </row>
    <row r="458509" spans="14:14">
      <c r="N458509" s="10"/>
    </row>
    <row r="458510" spans="14:14">
      <c r="N458510" s="10"/>
    </row>
    <row r="458511" spans="14:14">
      <c r="N458511" s="10"/>
    </row>
    <row r="458512" spans="14:14">
      <c r="N458512" s="10"/>
    </row>
    <row r="458513" spans="14:14">
      <c r="N458513" s="10"/>
    </row>
    <row r="458514" spans="14:14">
      <c r="N458514" s="10"/>
    </row>
    <row r="458515" spans="14:14">
      <c r="N458515" s="10"/>
    </row>
    <row r="458516" spans="14:14">
      <c r="N458516" s="10"/>
    </row>
    <row r="458517" spans="14:14">
      <c r="N458517" s="10"/>
    </row>
    <row r="458518" spans="14:14">
      <c r="N458518" s="10"/>
    </row>
    <row r="458519" spans="14:14">
      <c r="N458519" s="10"/>
    </row>
    <row r="458520" spans="14:14">
      <c r="N458520" s="10"/>
    </row>
    <row r="458521" spans="14:14">
      <c r="N458521" s="10"/>
    </row>
    <row r="458522" spans="14:14">
      <c r="N458522" s="10"/>
    </row>
    <row r="458523" spans="14:14">
      <c r="N458523" s="10"/>
    </row>
    <row r="458524" spans="14:14">
      <c r="N458524" s="10"/>
    </row>
    <row r="458525" spans="14:14">
      <c r="N458525" s="10"/>
    </row>
    <row r="458526" spans="14:14">
      <c r="N458526" s="10"/>
    </row>
    <row r="458527" spans="14:14">
      <c r="N458527" s="10"/>
    </row>
    <row r="458528" spans="14:14">
      <c r="N458528" s="10"/>
    </row>
    <row r="458529" spans="14:14">
      <c r="N458529" s="10"/>
    </row>
    <row r="458530" spans="14:14">
      <c r="N458530" s="10"/>
    </row>
    <row r="458531" spans="14:14">
      <c r="N458531" s="10"/>
    </row>
    <row r="458532" spans="14:14">
      <c r="N458532" s="10"/>
    </row>
    <row r="458533" spans="14:14">
      <c r="N458533" s="10"/>
    </row>
    <row r="458534" spans="14:14">
      <c r="N458534" s="10"/>
    </row>
    <row r="458535" spans="14:14">
      <c r="N458535" s="10"/>
    </row>
    <row r="458536" spans="14:14">
      <c r="N458536" s="10"/>
    </row>
    <row r="458537" spans="14:14">
      <c r="N458537" s="10"/>
    </row>
    <row r="458538" spans="14:14">
      <c r="N458538" s="10"/>
    </row>
    <row r="458539" spans="14:14">
      <c r="N458539" s="10"/>
    </row>
    <row r="458540" spans="14:14">
      <c r="N458540" s="10"/>
    </row>
    <row r="458541" spans="14:14">
      <c r="N458541" s="10"/>
    </row>
    <row r="458542" spans="14:14">
      <c r="N458542" s="10"/>
    </row>
    <row r="458543" spans="14:14">
      <c r="N458543" s="10"/>
    </row>
    <row r="458544" spans="14:14">
      <c r="N458544" s="10"/>
    </row>
    <row r="458545" spans="14:14">
      <c r="N458545" s="10"/>
    </row>
    <row r="458546" spans="14:14">
      <c r="N458546" s="10"/>
    </row>
    <row r="458547" spans="14:14">
      <c r="N458547" s="10"/>
    </row>
    <row r="458548" spans="14:14">
      <c r="N458548" s="10"/>
    </row>
    <row r="458549" spans="14:14">
      <c r="N458549" s="10"/>
    </row>
    <row r="458550" spans="14:14">
      <c r="N458550" s="10"/>
    </row>
    <row r="458551" spans="14:14">
      <c r="N458551" s="10"/>
    </row>
    <row r="458552" spans="14:14">
      <c r="N458552" s="10"/>
    </row>
    <row r="458553" spans="14:14">
      <c r="N458553" s="10"/>
    </row>
    <row r="458554" spans="14:14">
      <c r="N458554" s="10"/>
    </row>
    <row r="458555" spans="14:14">
      <c r="N458555" s="10"/>
    </row>
    <row r="458556" spans="14:14">
      <c r="N458556" s="10"/>
    </row>
    <row r="458557" spans="14:14">
      <c r="N458557" s="10"/>
    </row>
    <row r="458558" spans="14:14">
      <c r="N458558" s="10"/>
    </row>
    <row r="458559" spans="14:14">
      <c r="N458559" s="10"/>
    </row>
    <row r="458560" spans="14:14">
      <c r="N458560" s="10"/>
    </row>
    <row r="458561" spans="14:14">
      <c r="N458561" s="10"/>
    </row>
    <row r="458562" spans="14:14">
      <c r="N458562" s="10"/>
    </row>
    <row r="458563" spans="14:14">
      <c r="N458563" s="10"/>
    </row>
    <row r="458564" spans="14:14">
      <c r="N458564" s="10"/>
    </row>
    <row r="458565" spans="14:14">
      <c r="N458565" s="10"/>
    </row>
    <row r="458566" spans="14:14">
      <c r="N458566" s="10"/>
    </row>
    <row r="458567" spans="14:14">
      <c r="N458567" s="10"/>
    </row>
    <row r="458568" spans="14:14">
      <c r="N458568" s="10"/>
    </row>
    <row r="458569" spans="14:14">
      <c r="N458569" s="10"/>
    </row>
    <row r="458570" spans="14:14">
      <c r="N458570" s="10"/>
    </row>
    <row r="458571" spans="14:14">
      <c r="N458571" s="10"/>
    </row>
    <row r="458572" spans="14:14">
      <c r="N458572" s="10"/>
    </row>
    <row r="458573" spans="14:14">
      <c r="N458573" s="10"/>
    </row>
    <row r="458574" spans="14:14">
      <c r="N458574" s="10"/>
    </row>
    <row r="458575" spans="14:14">
      <c r="N458575" s="10"/>
    </row>
    <row r="458576" spans="14:14">
      <c r="N458576" s="10"/>
    </row>
    <row r="458577" spans="14:14">
      <c r="N458577" s="10"/>
    </row>
    <row r="458578" spans="14:14">
      <c r="N458578" s="10"/>
    </row>
    <row r="458579" spans="14:14">
      <c r="N458579" s="10"/>
    </row>
    <row r="458580" spans="14:14">
      <c r="N458580" s="10"/>
    </row>
    <row r="458581" spans="14:14">
      <c r="N458581" s="10"/>
    </row>
    <row r="458582" spans="14:14">
      <c r="N458582" s="10"/>
    </row>
    <row r="458583" spans="14:14">
      <c r="N458583" s="10"/>
    </row>
    <row r="458584" spans="14:14">
      <c r="N458584" s="10"/>
    </row>
    <row r="458585" spans="14:14">
      <c r="N458585" s="10"/>
    </row>
    <row r="458586" spans="14:14">
      <c r="N458586" s="10"/>
    </row>
    <row r="458587" spans="14:14">
      <c r="N458587" s="10"/>
    </row>
    <row r="458588" spans="14:14">
      <c r="N458588" s="10"/>
    </row>
    <row r="458589" spans="14:14">
      <c r="N458589" s="10"/>
    </row>
    <row r="458590" spans="14:14">
      <c r="N458590" s="10"/>
    </row>
    <row r="458591" spans="14:14">
      <c r="N458591" s="10"/>
    </row>
    <row r="458592" spans="14:14">
      <c r="N458592" s="10"/>
    </row>
    <row r="458593" spans="14:14">
      <c r="N458593" s="10"/>
    </row>
    <row r="458594" spans="14:14">
      <c r="N458594" s="10"/>
    </row>
    <row r="458595" spans="14:14">
      <c r="N458595" s="10"/>
    </row>
    <row r="458596" spans="14:14">
      <c r="N458596" s="10"/>
    </row>
    <row r="458597" spans="14:14">
      <c r="N458597" s="10"/>
    </row>
    <row r="458598" spans="14:14">
      <c r="N458598" s="10"/>
    </row>
    <row r="458599" spans="14:14">
      <c r="N458599" s="10"/>
    </row>
    <row r="458600" spans="14:14">
      <c r="N458600" s="10"/>
    </row>
    <row r="458601" spans="14:14">
      <c r="N458601" s="10"/>
    </row>
    <row r="458602" spans="14:14">
      <c r="N458602" s="10"/>
    </row>
    <row r="458603" spans="14:14">
      <c r="N458603" s="10"/>
    </row>
    <row r="458604" spans="14:14">
      <c r="N458604" s="10"/>
    </row>
    <row r="458605" spans="14:14">
      <c r="N458605" s="10"/>
    </row>
    <row r="458606" spans="14:14">
      <c r="N458606" s="10"/>
    </row>
    <row r="458607" spans="14:14">
      <c r="N458607" s="10"/>
    </row>
    <row r="458608" spans="14:14">
      <c r="N458608" s="10"/>
    </row>
    <row r="458609" spans="14:14">
      <c r="N458609" s="10"/>
    </row>
    <row r="458610" spans="14:14">
      <c r="N458610" s="10"/>
    </row>
    <row r="458611" spans="14:14">
      <c r="N458611" s="10"/>
    </row>
    <row r="458612" spans="14:14">
      <c r="N458612" s="10"/>
    </row>
    <row r="458613" spans="14:14">
      <c r="N458613" s="10"/>
    </row>
    <row r="458614" spans="14:14">
      <c r="N458614" s="10"/>
    </row>
    <row r="458615" spans="14:14">
      <c r="N458615" s="10"/>
    </row>
    <row r="458616" spans="14:14">
      <c r="N458616" s="10"/>
    </row>
    <row r="458617" spans="14:14">
      <c r="N458617" s="10"/>
    </row>
    <row r="458618" spans="14:14">
      <c r="N458618" s="10"/>
    </row>
    <row r="458619" spans="14:14">
      <c r="N458619" s="10"/>
    </row>
    <row r="458620" spans="14:14">
      <c r="N458620" s="10"/>
    </row>
    <row r="458621" spans="14:14">
      <c r="N458621" s="10"/>
    </row>
    <row r="458622" spans="14:14">
      <c r="N458622" s="10"/>
    </row>
    <row r="458623" spans="14:14">
      <c r="N458623" s="10"/>
    </row>
    <row r="458624" spans="14:14">
      <c r="N458624" s="10"/>
    </row>
    <row r="458625" spans="14:14">
      <c r="N458625" s="10"/>
    </row>
    <row r="458626" spans="14:14">
      <c r="N458626" s="10"/>
    </row>
    <row r="458627" spans="14:14">
      <c r="N458627" s="10"/>
    </row>
    <row r="458628" spans="14:14">
      <c r="N458628" s="10"/>
    </row>
    <row r="458629" spans="14:14">
      <c r="N458629" s="10"/>
    </row>
    <row r="458630" spans="14:14">
      <c r="N458630" s="10"/>
    </row>
    <row r="458631" spans="14:14">
      <c r="N458631" s="10"/>
    </row>
    <row r="458632" spans="14:14">
      <c r="N458632" s="10"/>
    </row>
    <row r="458633" spans="14:14">
      <c r="N458633" s="10"/>
    </row>
    <row r="458634" spans="14:14">
      <c r="N458634" s="10"/>
    </row>
    <row r="458635" spans="14:14">
      <c r="N458635" s="10"/>
    </row>
    <row r="458636" spans="14:14">
      <c r="N458636" s="10"/>
    </row>
    <row r="458637" spans="14:14">
      <c r="N458637" s="10"/>
    </row>
    <row r="458638" spans="14:14">
      <c r="N458638" s="10"/>
    </row>
    <row r="458639" spans="14:14">
      <c r="N458639" s="10"/>
    </row>
    <row r="458640" spans="14:14">
      <c r="N458640" s="10"/>
    </row>
    <row r="458641" spans="14:14">
      <c r="N458641" s="10"/>
    </row>
    <row r="458642" spans="14:14">
      <c r="N458642" s="10"/>
    </row>
    <row r="458643" spans="14:14">
      <c r="N458643" s="10"/>
    </row>
    <row r="458644" spans="14:14">
      <c r="N458644" s="10"/>
    </row>
    <row r="458645" spans="14:14">
      <c r="N458645" s="10"/>
    </row>
    <row r="458646" spans="14:14">
      <c r="N458646" s="10"/>
    </row>
    <row r="458647" spans="14:14">
      <c r="N458647" s="10"/>
    </row>
    <row r="458648" spans="14:14">
      <c r="N458648" s="10"/>
    </row>
    <row r="458649" spans="14:14">
      <c r="N458649" s="10"/>
    </row>
    <row r="458650" spans="14:14">
      <c r="N458650" s="10"/>
    </row>
    <row r="458651" spans="14:14">
      <c r="N458651" s="10"/>
    </row>
    <row r="458652" spans="14:14">
      <c r="N458652" s="10"/>
    </row>
    <row r="458653" spans="14:14">
      <c r="N458653" s="10"/>
    </row>
    <row r="458654" spans="14:14">
      <c r="N458654" s="10"/>
    </row>
    <row r="458655" spans="14:14">
      <c r="N458655" s="10"/>
    </row>
    <row r="458656" spans="14:14">
      <c r="N458656" s="10"/>
    </row>
    <row r="458657" spans="14:14">
      <c r="N458657" s="10"/>
    </row>
    <row r="458658" spans="14:14">
      <c r="N458658" s="10"/>
    </row>
    <row r="458659" spans="14:14">
      <c r="N458659" s="10"/>
    </row>
    <row r="458660" spans="14:14">
      <c r="N458660" s="10"/>
    </row>
    <row r="458661" spans="14:14">
      <c r="N458661" s="10"/>
    </row>
    <row r="458662" spans="14:14">
      <c r="N458662" s="10"/>
    </row>
    <row r="458663" spans="14:14">
      <c r="N458663" s="10"/>
    </row>
    <row r="458664" spans="14:14">
      <c r="N458664" s="10"/>
    </row>
    <row r="458665" spans="14:14">
      <c r="N458665" s="10"/>
    </row>
    <row r="458666" spans="14:14">
      <c r="N458666" s="10"/>
    </row>
    <row r="458667" spans="14:14">
      <c r="N458667" s="10"/>
    </row>
    <row r="458668" spans="14:14">
      <c r="N458668" s="10"/>
    </row>
    <row r="458669" spans="14:14">
      <c r="N458669" s="10"/>
    </row>
    <row r="458670" spans="14:14">
      <c r="N458670" s="10"/>
    </row>
    <row r="458671" spans="14:14">
      <c r="N458671" s="10"/>
    </row>
    <row r="458672" spans="14:14">
      <c r="N458672" s="10"/>
    </row>
    <row r="458673" spans="14:14">
      <c r="N458673" s="10"/>
    </row>
    <row r="458674" spans="14:14">
      <c r="N458674" s="10"/>
    </row>
    <row r="458675" spans="14:14">
      <c r="N458675" s="10"/>
    </row>
    <row r="458676" spans="14:14">
      <c r="N458676" s="10"/>
    </row>
    <row r="458677" spans="14:14">
      <c r="N458677" s="10"/>
    </row>
    <row r="458678" spans="14:14">
      <c r="N458678" s="10"/>
    </row>
    <row r="458679" spans="14:14">
      <c r="N458679" s="10"/>
    </row>
    <row r="458680" spans="14:14">
      <c r="N458680" s="10"/>
    </row>
    <row r="458681" spans="14:14">
      <c r="N458681" s="10"/>
    </row>
    <row r="458682" spans="14:14">
      <c r="N458682" s="10"/>
    </row>
    <row r="458683" spans="14:14">
      <c r="N458683" s="10"/>
    </row>
    <row r="458684" spans="14:14">
      <c r="N458684" s="10"/>
    </row>
    <row r="458685" spans="14:14">
      <c r="N458685" s="10"/>
    </row>
    <row r="458686" spans="14:14">
      <c r="N458686" s="10"/>
    </row>
    <row r="458687" spans="14:14">
      <c r="N458687" s="10"/>
    </row>
    <row r="458688" spans="14:14">
      <c r="N458688" s="10"/>
    </row>
    <row r="458689" spans="14:14">
      <c r="N458689" s="10"/>
    </row>
    <row r="458690" spans="14:14">
      <c r="N458690" s="10"/>
    </row>
    <row r="458691" spans="14:14">
      <c r="N458691" s="10"/>
    </row>
    <row r="458692" spans="14:14">
      <c r="N458692" s="10"/>
    </row>
    <row r="458693" spans="14:14">
      <c r="N458693" s="10"/>
    </row>
    <row r="458694" spans="14:14">
      <c r="N458694" s="10"/>
    </row>
    <row r="458695" spans="14:14">
      <c r="N458695" s="10"/>
    </row>
    <row r="458696" spans="14:14">
      <c r="N458696" s="10"/>
    </row>
    <row r="458697" spans="14:14">
      <c r="N458697" s="10"/>
    </row>
    <row r="458698" spans="14:14">
      <c r="N458698" s="10"/>
    </row>
    <row r="458699" spans="14:14">
      <c r="N458699" s="10"/>
    </row>
    <row r="458700" spans="14:14">
      <c r="N458700" s="10"/>
    </row>
    <row r="458701" spans="14:14">
      <c r="N458701" s="10"/>
    </row>
    <row r="458702" spans="14:14">
      <c r="N458702" s="10"/>
    </row>
    <row r="458703" spans="14:14">
      <c r="N458703" s="10"/>
    </row>
    <row r="458704" spans="14:14">
      <c r="N458704" s="10"/>
    </row>
    <row r="458705" spans="14:14">
      <c r="N458705" s="10"/>
    </row>
    <row r="458706" spans="14:14">
      <c r="N458706" s="10"/>
    </row>
    <row r="458707" spans="14:14">
      <c r="N458707" s="10"/>
    </row>
    <row r="458708" spans="14:14">
      <c r="N458708" s="10"/>
    </row>
    <row r="458709" spans="14:14">
      <c r="N458709" s="10"/>
    </row>
    <row r="458710" spans="14:14">
      <c r="N458710" s="10"/>
    </row>
    <row r="458711" spans="14:14">
      <c r="N458711" s="10"/>
    </row>
    <row r="458712" spans="14:14">
      <c r="N458712" s="10"/>
    </row>
    <row r="458713" spans="14:14">
      <c r="N458713" s="10"/>
    </row>
    <row r="458714" spans="14:14">
      <c r="N458714" s="10"/>
    </row>
    <row r="458715" spans="14:14">
      <c r="N458715" s="10"/>
    </row>
    <row r="458716" spans="14:14">
      <c r="N458716" s="10"/>
    </row>
    <row r="458717" spans="14:14">
      <c r="N458717" s="10"/>
    </row>
    <row r="458718" spans="14:14">
      <c r="N458718" s="10"/>
    </row>
    <row r="458719" spans="14:14">
      <c r="N458719" s="10"/>
    </row>
    <row r="458720" spans="14:14">
      <c r="N458720" s="10"/>
    </row>
    <row r="458721" spans="14:14">
      <c r="N458721" s="10"/>
    </row>
    <row r="458722" spans="14:14">
      <c r="N458722" s="10"/>
    </row>
    <row r="458723" spans="14:14">
      <c r="N458723" s="10"/>
    </row>
    <row r="458724" spans="14:14">
      <c r="N458724" s="10"/>
    </row>
    <row r="458725" spans="14:14">
      <c r="N458725" s="10"/>
    </row>
    <row r="458726" spans="14:14">
      <c r="N458726" s="10"/>
    </row>
    <row r="458727" spans="14:14">
      <c r="N458727" s="10"/>
    </row>
    <row r="458728" spans="14:14">
      <c r="N458728" s="10"/>
    </row>
    <row r="458729" spans="14:14">
      <c r="N458729" s="10"/>
    </row>
    <row r="458730" spans="14:14">
      <c r="N458730" s="10"/>
    </row>
    <row r="458731" spans="14:14">
      <c r="N458731" s="10"/>
    </row>
    <row r="458732" spans="14:14">
      <c r="N458732" s="10"/>
    </row>
    <row r="458733" spans="14:14">
      <c r="N458733" s="10"/>
    </row>
    <row r="458734" spans="14:14">
      <c r="N458734" s="10"/>
    </row>
    <row r="458735" spans="14:14">
      <c r="N458735" s="10"/>
    </row>
    <row r="458736" spans="14:14">
      <c r="N458736" s="10"/>
    </row>
    <row r="458737" spans="14:14">
      <c r="N458737" s="10"/>
    </row>
    <row r="458738" spans="14:14">
      <c r="N458738" s="10"/>
    </row>
    <row r="458739" spans="14:14">
      <c r="N458739" s="10"/>
    </row>
    <row r="458740" spans="14:14">
      <c r="N458740" s="10"/>
    </row>
    <row r="458741" spans="14:14">
      <c r="N458741" s="10"/>
    </row>
    <row r="458742" spans="14:14">
      <c r="N458742" s="10"/>
    </row>
    <row r="458743" spans="14:14">
      <c r="N458743" s="10"/>
    </row>
    <row r="458744" spans="14:14">
      <c r="N458744" s="10"/>
    </row>
    <row r="458745" spans="14:14">
      <c r="N458745" s="10"/>
    </row>
    <row r="458746" spans="14:14">
      <c r="N458746" s="10"/>
    </row>
    <row r="458747" spans="14:14">
      <c r="N458747" s="10"/>
    </row>
    <row r="458748" spans="14:14">
      <c r="N458748" s="10"/>
    </row>
    <row r="458749" spans="14:14">
      <c r="N458749" s="10"/>
    </row>
    <row r="458750" spans="14:14">
      <c r="N458750" s="10"/>
    </row>
    <row r="458751" spans="14:14">
      <c r="N458751" s="10"/>
    </row>
    <row r="458752" spans="14:14">
      <c r="N458752" s="10"/>
    </row>
    <row r="458753" spans="14:14">
      <c r="N458753" s="10"/>
    </row>
    <row r="458754" spans="14:14">
      <c r="N458754" s="10"/>
    </row>
    <row r="458755" spans="14:14">
      <c r="N458755" s="10"/>
    </row>
    <row r="458756" spans="14:14">
      <c r="N458756" s="10"/>
    </row>
    <row r="458757" spans="14:14">
      <c r="N458757" s="10"/>
    </row>
    <row r="458758" spans="14:14">
      <c r="N458758" s="10"/>
    </row>
    <row r="458759" spans="14:14">
      <c r="N458759" s="10"/>
    </row>
    <row r="458760" spans="14:14">
      <c r="N458760" s="10"/>
    </row>
    <row r="458761" spans="14:14">
      <c r="N458761" s="10"/>
    </row>
    <row r="458762" spans="14:14">
      <c r="N458762" s="10"/>
    </row>
    <row r="458763" spans="14:14">
      <c r="N458763" s="10"/>
    </row>
    <row r="458764" spans="14:14">
      <c r="N458764" s="10"/>
    </row>
    <row r="458765" spans="14:14">
      <c r="N458765" s="10"/>
    </row>
    <row r="458766" spans="14:14">
      <c r="N458766" s="10"/>
    </row>
    <row r="458767" spans="14:14">
      <c r="N458767" s="10"/>
    </row>
    <row r="458768" spans="14:14">
      <c r="N458768" s="10"/>
    </row>
    <row r="458769" spans="14:14">
      <c r="N458769" s="10"/>
    </row>
    <row r="458770" spans="14:14">
      <c r="N458770" s="10"/>
    </row>
    <row r="458771" spans="14:14">
      <c r="N458771" s="10"/>
    </row>
    <row r="458772" spans="14:14">
      <c r="N458772" s="10"/>
    </row>
    <row r="458773" spans="14:14">
      <c r="N458773" s="10"/>
    </row>
    <row r="458774" spans="14:14">
      <c r="N458774" s="10"/>
    </row>
    <row r="458775" spans="14:14">
      <c r="N458775" s="10"/>
    </row>
    <row r="458776" spans="14:14">
      <c r="N458776" s="10"/>
    </row>
    <row r="458777" spans="14:14">
      <c r="N458777" s="10"/>
    </row>
    <row r="458778" spans="14:14">
      <c r="N458778" s="10"/>
    </row>
    <row r="458779" spans="14:14">
      <c r="N458779" s="10"/>
    </row>
    <row r="458780" spans="14:14">
      <c r="N458780" s="10"/>
    </row>
    <row r="458781" spans="14:14">
      <c r="N458781" s="10"/>
    </row>
    <row r="458782" spans="14:14">
      <c r="N458782" s="10"/>
    </row>
    <row r="458783" spans="14:14">
      <c r="N458783" s="10"/>
    </row>
    <row r="458784" spans="14:14">
      <c r="N458784" s="10"/>
    </row>
    <row r="458785" spans="14:14">
      <c r="N458785" s="10"/>
    </row>
    <row r="458786" spans="14:14">
      <c r="N458786" s="10"/>
    </row>
    <row r="458787" spans="14:14">
      <c r="N458787" s="10"/>
    </row>
    <row r="458788" spans="14:14">
      <c r="N458788" s="10"/>
    </row>
    <row r="458789" spans="14:14">
      <c r="N458789" s="10"/>
    </row>
    <row r="458790" spans="14:14">
      <c r="N458790" s="10"/>
    </row>
    <row r="458791" spans="14:14">
      <c r="N458791" s="10"/>
    </row>
    <row r="458792" spans="14:14">
      <c r="N458792" s="10"/>
    </row>
    <row r="458793" spans="14:14">
      <c r="N458793" s="10"/>
    </row>
    <row r="458794" spans="14:14">
      <c r="N458794" s="10"/>
    </row>
    <row r="458795" spans="14:14">
      <c r="N458795" s="10"/>
    </row>
    <row r="458796" spans="14:14">
      <c r="N458796" s="10"/>
    </row>
    <row r="458797" spans="14:14">
      <c r="N458797" s="10"/>
    </row>
    <row r="458798" spans="14:14">
      <c r="N458798" s="10"/>
    </row>
    <row r="458799" spans="14:14">
      <c r="N458799" s="10"/>
    </row>
    <row r="458800" spans="14:14">
      <c r="N458800" s="10"/>
    </row>
    <row r="458801" spans="14:14">
      <c r="N458801" s="10"/>
    </row>
    <row r="458802" spans="14:14">
      <c r="N458802" s="10"/>
    </row>
    <row r="458803" spans="14:14">
      <c r="N458803" s="10"/>
    </row>
    <row r="458804" spans="14:14">
      <c r="N458804" s="10"/>
    </row>
    <row r="458805" spans="14:14">
      <c r="N458805" s="10"/>
    </row>
    <row r="458806" spans="14:14">
      <c r="N458806" s="10"/>
    </row>
    <row r="458807" spans="14:14">
      <c r="N458807" s="10"/>
    </row>
    <row r="458808" spans="14:14">
      <c r="N458808" s="10"/>
    </row>
    <row r="458809" spans="14:14">
      <c r="N458809" s="10"/>
    </row>
    <row r="458810" spans="14:14">
      <c r="N458810" s="10"/>
    </row>
    <row r="458811" spans="14:14">
      <c r="N458811" s="10"/>
    </row>
    <row r="458812" spans="14:14">
      <c r="N458812" s="10"/>
    </row>
    <row r="458813" spans="14:14">
      <c r="N458813" s="10"/>
    </row>
    <row r="458814" spans="14:14">
      <c r="N458814" s="10"/>
    </row>
    <row r="458815" spans="14:14">
      <c r="N458815" s="10"/>
    </row>
    <row r="458816" spans="14:14">
      <c r="N458816" s="10"/>
    </row>
    <row r="458817" spans="14:14">
      <c r="N458817" s="10"/>
    </row>
    <row r="458818" spans="14:14">
      <c r="N458818" s="10"/>
    </row>
    <row r="458819" spans="14:14">
      <c r="N458819" s="10"/>
    </row>
    <row r="458820" spans="14:14">
      <c r="N458820" s="10"/>
    </row>
    <row r="458821" spans="14:14">
      <c r="N458821" s="10"/>
    </row>
    <row r="458822" spans="14:14">
      <c r="N458822" s="10"/>
    </row>
    <row r="458823" spans="14:14">
      <c r="N458823" s="10"/>
    </row>
    <row r="458824" spans="14:14">
      <c r="N458824" s="10"/>
    </row>
    <row r="458825" spans="14:14">
      <c r="N458825" s="10"/>
    </row>
    <row r="458826" spans="14:14">
      <c r="N458826" s="10"/>
    </row>
    <row r="458827" spans="14:14">
      <c r="N458827" s="10"/>
    </row>
    <row r="458828" spans="14:14">
      <c r="N458828" s="10"/>
    </row>
    <row r="458829" spans="14:14">
      <c r="N458829" s="10"/>
    </row>
    <row r="458830" spans="14:14">
      <c r="N458830" s="10"/>
    </row>
    <row r="458831" spans="14:14">
      <c r="N458831" s="10"/>
    </row>
    <row r="458832" spans="14:14">
      <c r="N458832" s="10"/>
    </row>
    <row r="458833" spans="14:14">
      <c r="N458833" s="10"/>
    </row>
    <row r="458834" spans="14:14">
      <c r="N458834" s="10"/>
    </row>
    <row r="458835" spans="14:14">
      <c r="N458835" s="10"/>
    </row>
    <row r="458836" spans="14:14">
      <c r="N458836" s="10"/>
    </row>
    <row r="458837" spans="14:14">
      <c r="N458837" s="10"/>
    </row>
    <row r="458838" spans="14:14">
      <c r="N458838" s="10"/>
    </row>
    <row r="458839" spans="14:14">
      <c r="N458839" s="10"/>
    </row>
    <row r="458840" spans="14:14">
      <c r="N458840" s="10"/>
    </row>
    <row r="458841" spans="14:14">
      <c r="N458841" s="10"/>
    </row>
    <row r="458842" spans="14:14">
      <c r="N458842" s="10"/>
    </row>
    <row r="458843" spans="14:14">
      <c r="N458843" s="10"/>
    </row>
    <row r="458844" spans="14:14">
      <c r="N458844" s="10"/>
    </row>
    <row r="458845" spans="14:14">
      <c r="N458845" s="10"/>
    </row>
    <row r="458846" spans="14:14">
      <c r="N458846" s="10"/>
    </row>
    <row r="458847" spans="14:14">
      <c r="N458847" s="10"/>
    </row>
    <row r="458848" spans="14:14">
      <c r="N458848" s="10"/>
    </row>
    <row r="458849" spans="14:14">
      <c r="N458849" s="10"/>
    </row>
    <row r="458850" spans="14:14">
      <c r="N458850" s="10"/>
    </row>
    <row r="458851" spans="14:14">
      <c r="N458851" s="10"/>
    </row>
    <row r="458852" spans="14:14">
      <c r="N458852" s="10"/>
    </row>
    <row r="458853" spans="14:14">
      <c r="N458853" s="10"/>
    </row>
    <row r="458854" spans="14:14">
      <c r="N458854" s="10"/>
    </row>
    <row r="458855" spans="14:14">
      <c r="N458855" s="10"/>
    </row>
    <row r="458856" spans="14:14">
      <c r="N458856" s="10"/>
    </row>
    <row r="458857" spans="14:14">
      <c r="N458857" s="10"/>
    </row>
    <row r="458858" spans="14:14">
      <c r="N458858" s="10"/>
    </row>
    <row r="458859" spans="14:14">
      <c r="N458859" s="10"/>
    </row>
    <row r="458860" spans="14:14">
      <c r="N458860" s="10"/>
    </row>
    <row r="458861" spans="14:14">
      <c r="N458861" s="10"/>
    </row>
    <row r="458862" spans="14:14">
      <c r="N458862" s="10"/>
    </row>
    <row r="458863" spans="14:14">
      <c r="N458863" s="10"/>
    </row>
    <row r="458864" spans="14:14">
      <c r="N458864" s="10"/>
    </row>
    <row r="458865" spans="14:14">
      <c r="N458865" s="10"/>
    </row>
    <row r="458866" spans="14:14">
      <c r="N458866" s="10"/>
    </row>
    <row r="458867" spans="14:14">
      <c r="N458867" s="10"/>
    </row>
    <row r="458868" spans="14:14">
      <c r="N458868" s="10"/>
    </row>
    <row r="458869" spans="14:14">
      <c r="N458869" s="10"/>
    </row>
    <row r="458870" spans="14:14">
      <c r="N458870" s="10"/>
    </row>
    <row r="458871" spans="14:14">
      <c r="N458871" s="10"/>
    </row>
    <row r="458872" spans="14:14">
      <c r="N458872" s="10"/>
    </row>
    <row r="458873" spans="14:14">
      <c r="N458873" s="10"/>
    </row>
    <row r="458874" spans="14:14">
      <c r="N458874" s="10"/>
    </row>
    <row r="458875" spans="14:14">
      <c r="N458875" s="10"/>
    </row>
    <row r="458876" spans="14:14">
      <c r="N458876" s="10"/>
    </row>
    <row r="458877" spans="14:14">
      <c r="N458877" s="10"/>
    </row>
    <row r="458878" spans="14:14">
      <c r="N458878" s="10"/>
    </row>
    <row r="458879" spans="14:14">
      <c r="N458879" s="10"/>
    </row>
    <row r="458880" spans="14:14">
      <c r="N458880" s="10"/>
    </row>
    <row r="458881" spans="14:14">
      <c r="N458881" s="10"/>
    </row>
    <row r="458882" spans="14:14">
      <c r="N458882" s="10"/>
    </row>
    <row r="458883" spans="14:14">
      <c r="N458883" s="10"/>
    </row>
    <row r="458884" spans="14:14">
      <c r="N458884" s="10"/>
    </row>
    <row r="458885" spans="14:14">
      <c r="N458885" s="10"/>
    </row>
    <row r="458886" spans="14:14">
      <c r="N458886" s="10"/>
    </row>
    <row r="458887" spans="14:14">
      <c r="N458887" s="10"/>
    </row>
    <row r="458888" spans="14:14">
      <c r="N458888" s="10"/>
    </row>
    <row r="458889" spans="14:14">
      <c r="N458889" s="10"/>
    </row>
    <row r="458890" spans="14:14">
      <c r="N458890" s="10"/>
    </row>
    <row r="458891" spans="14:14">
      <c r="N458891" s="10"/>
    </row>
    <row r="458892" spans="14:14">
      <c r="N458892" s="10"/>
    </row>
    <row r="458893" spans="14:14">
      <c r="N458893" s="10"/>
    </row>
    <row r="458894" spans="14:14">
      <c r="N458894" s="10"/>
    </row>
    <row r="458895" spans="14:14">
      <c r="N458895" s="10"/>
    </row>
    <row r="458896" spans="14:14">
      <c r="N458896" s="10"/>
    </row>
    <row r="458897" spans="14:14">
      <c r="N458897" s="10"/>
    </row>
    <row r="458898" spans="14:14">
      <c r="N458898" s="10"/>
    </row>
    <row r="458899" spans="14:14">
      <c r="N458899" s="10"/>
    </row>
    <row r="458900" spans="14:14">
      <c r="N458900" s="10"/>
    </row>
    <row r="458901" spans="14:14">
      <c r="N458901" s="10"/>
    </row>
    <row r="458902" spans="14:14">
      <c r="N458902" s="10"/>
    </row>
    <row r="458903" spans="14:14">
      <c r="N458903" s="10"/>
    </row>
    <row r="458904" spans="14:14">
      <c r="N458904" s="10"/>
    </row>
    <row r="458905" spans="14:14">
      <c r="N458905" s="10"/>
    </row>
    <row r="458906" spans="14:14">
      <c r="N458906" s="10"/>
    </row>
    <row r="458907" spans="14:14">
      <c r="N458907" s="10"/>
    </row>
    <row r="458908" spans="14:14">
      <c r="N458908" s="10"/>
    </row>
    <row r="458909" spans="14:14">
      <c r="N458909" s="10"/>
    </row>
    <row r="458910" spans="14:14">
      <c r="N458910" s="10"/>
    </row>
    <row r="458911" spans="14:14">
      <c r="N458911" s="10"/>
    </row>
    <row r="458912" spans="14:14">
      <c r="N458912" s="10"/>
    </row>
    <row r="458913" spans="14:14">
      <c r="N458913" s="10"/>
    </row>
    <row r="458914" spans="14:14">
      <c r="N458914" s="10"/>
    </row>
    <row r="458915" spans="14:14">
      <c r="N458915" s="10"/>
    </row>
    <row r="458916" spans="14:14">
      <c r="N458916" s="10"/>
    </row>
    <row r="458917" spans="14:14">
      <c r="N458917" s="10"/>
    </row>
    <row r="458918" spans="14:14">
      <c r="N458918" s="10"/>
    </row>
    <row r="458919" spans="14:14">
      <c r="N458919" s="10"/>
    </row>
    <row r="458920" spans="14:14">
      <c r="N458920" s="10"/>
    </row>
    <row r="458921" spans="14:14">
      <c r="N458921" s="10"/>
    </row>
    <row r="458922" spans="14:14">
      <c r="N458922" s="10"/>
    </row>
    <row r="458923" spans="14:14">
      <c r="N458923" s="10"/>
    </row>
    <row r="458924" spans="14:14">
      <c r="N458924" s="10"/>
    </row>
    <row r="458925" spans="14:14">
      <c r="N458925" s="10"/>
    </row>
    <row r="458926" spans="14:14">
      <c r="N458926" s="10"/>
    </row>
    <row r="458927" spans="14:14">
      <c r="N458927" s="10"/>
    </row>
    <row r="458928" spans="14:14">
      <c r="N458928" s="10"/>
    </row>
    <row r="458929" spans="14:14">
      <c r="N458929" s="10"/>
    </row>
    <row r="458930" spans="14:14">
      <c r="N458930" s="10"/>
    </row>
    <row r="458931" spans="14:14">
      <c r="N458931" s="10"/>
    </row>
    <row r="458932" spans="14:14">
      <c r="N458932" s="10"/>
    </row>
    <row r="458933" spans="14:14">
      <c r="N458933" s="10"/>
    </row>
    <row r="458934" spans="14:14">
      <c r="N458934" s="10"/>
    </row>
    <row r="458935" spans="14:14">
      <c r="N458935" s="10"/>
    </row>
    <row r="458936" spans="14:14">
      <c r="N458936" s="10"/>
    </row>
    <row r="458937" spans="14:14">
      <c r="N458937" s="10"/>
    </row>
    <row r="458938" spans="14:14">
      <c r="N458938" s="10"/>
    </row>
    <row r="458939" spans="14:14">
      <c r="N458939" s="10"/>
    </row>
    <row r="458940" spans="14:14">
      <c r="N458940" s="10"/>
    </row>
    <row r="458941" spans="14:14">
      <c r="N458941" s="10"/>
    </row>
    <row r="458942" spans="14:14">
      <c r="N458942" s="10"/>
    </row>
    <row r="458943" spans="14:14">
      <c r="N458943" s="10"/>
    </row>
    <row r="458944" spans="14:14">
      <c r="N458944" s="10"/>
    </row>
    <row r="458945" spans="14:14">
      <c r="N458945" s="10"/>
    </row>
    <row r="458946" spans="14:14">
      <c r="N458946" s="10"/>
    </row>
    <row r="458947" spans="14:14">
      <c r="N458947" s="10"/>
    </row>
    <row r="458948" spans="14:14">
      <c r="N458948" s="10"/>
    </row>
    <row r="458949" spans="14:14">
      <c r="N458949" s="10"/>
    </row>
    <row r="458950" spans="14:14">
      <c r="N458950" s="10"/>
    </row>
    <row r="458951" spans="14:14">
      <c r="N458951" s="10"/>
    </row>
    <row r="458952" spans="14:14">
      <c r="N458952" s="10"/>
    </row>
    <row r="458953" spans="14:14">
      <c r="N458953" s="10"/>
    </row>
    <row r="458954" spans="14:14">
      <c r="N458954" s="10"/>
    </row>
    <row r="458955" spans="14:14">
      <c r="N458955" s="10"/>
    </row>
    <row r="458956" spans="14:14">
      <c r="N458956" s="10"/>
    </row>
    <row r="458957" spans="14:14">
      <c r="N458957" s="10"/>
    </row>
    <row r="458958" spans="14:14">
      <c r="N458958" s="10"/>
    </row>
    <row r="458959" spans="14:14">
      <c r="N458959" s="10"/>
    </row>
    <row r="458960" spans="14:14">
      <c r="N458960" s="10"/>
    </row>
    <row r="458961" spans="14:14">
      <c r="N458961" s="10"/>
    </row>
    <row r="458962" spans="14:14">
      <c r="N458962" s="10"/>
    </row>
    <row r="458963" spans="14:14">
      <c r="N458963" s="10"/>
    </row>
    <row r="458964" spans="14:14">
      <c r="N458964" s="10"/>
    </row>
    <row r="458965" spans="14:14">
      <c r="N458965" s="10"/>
    </row>
    <row r="458966" spans="14:14">
      <c r="N458966" s="10"/>
    </row>
    <row r="458967" spans="14:14">
      <c r="N458967" s="10"/>
    </row>
    <row r="458968" spans="14:14">
      <c r="N458968" s="10"/>
    </row>
    <row r="458969" spans="14:14">
      <c r="N458969" s="10"/>
    </row>
    <row r="458970" spans="14:14">
      <c r="N458970" s="10"/>
    </row>
    <row r="458971" spans="14:14">
      <c r="N458971" s="10"/>
    </row>
    <row r="458972" spans="14:14">
      <c r="N458972" s="10"/>
    </row>
    <row r="458973" spans="14:14">
      <c r="N458973" s="10"/>
    </row>
    <row r="458974" spans="14:14">
      <c r="N458974" s="10"/>
    </row>
    <row r="458975" spans="14:14">
      <c r="N458975" s="10"/>
    </row>
    <row r="458976" spans="14:14">
      <c r="N458976" s="10"/>
    </row>
    <row r="458977" spans="14:14">
      <c r="N458977" s="10"/>
    </row>
    <row r="458978" spans="14:14">
      <c r="N458978" s="10"/>
    </row>
    <row r="458979" spans="14:14">
      <c r="N458979" s="10"/>
    </row>
    <row r="458980" spans="14:14">
      <c r="N458980" s="10"/>
    </row>
    <row r="458981" spans="14:14">
      <c r="N458981" s="10"/>
    </row>
    <row r="458982" spans="14:14">
      <c r="N458982" s="10"/>
    </row>
    <row r="458983" spans="14:14">
      <c r="N458983" s="10"/>
    </row>
    <row r="458984" spans="14:14">
      <c r="N458984" s="10"/>
    </row>
    <row r="458985" spans="14:14">
      <c r="N458985" s="10"/>
    </row>
    <row r="458986" spans="14:14">
      <c r="N458986" s="10"/>
    </row>
    <row r="458987" spans="14:14">
      <c r="N458987" s="10"/>
    </row>
    <row r="458988" spans="14:14">
      <c r="N458988" s="10"/>
    </row>
    <row r="458989" spans="14:14">
      <c r="N458989" s="10"/>
    </row>
    <row r="458990" spans="14:14">
      <c r="N458990" s="10"/>
    </row>
    <row r="458991" spans="14:14">
      <c r="N458991" s="10"/>
    </row>
    <row r="458992" spans="14:14">
      <c r="N458992" s="10"/>
    </row>
    <row r="458993" spans="14:14">
      <c r="N458993" s="10"/>
    </row>
    <row r="458994" spans="14:14">
      <c r="N458994" s="10"/>
    </row>
    <row r="458995" spans="14:14">
      <c r="N458995" s="10"/>
    </row>
    <row r="458996" spans="14:14">
      <c r="N458996" s="10"/>
    </row>
    <row r="458997" spans="14:14">
      <c r="N458997" s="10"/>
    </row>
    <row r="458998" spans="14:14">
      <c r="N458998" s="10"/>
    </row>
    <row r="458999" spans="14:14">
      <c r="N458999" s="10"/>
    </row>
    <row r="459000" spans="14:14">
      <c r="N459000" s="10"/>
    </row>
    <row r="459001" spans="14:14">
      <c r="N459001" s="10"/>
    </row>
    <row r="459002" spans="14:14">
      <c r="N459002" s="10"/>
    </row>
    <row r="459003" spans="14:14">
      <c r="N459003" s="10"/>
    </row>
    <row r="459004" spans="14:14">
      <c r="N459004" s="10"/>
    </row>
    <row r="459005" spans="14:14">
      <c r="N459005" s="10"/>
    </row>
    <row r="459006" spans="14:14">
      <c r="N459006" s="10"/>
    </row>
    <row r="459007" spans="14:14">
      <c r="N459007" s="10"/>
    </row>
    <row r="459008" spans="14:14">
      <c r="N459008" s="10"/>
    </row>
    <row r="459009" spans="14:14">
      <c r="N459009" s="10"/>
    </row>
    <row r="459010" spans="14:14">
      <c r="N459010" s="10"/>
    </row>
    <row r="459011" spans="14:14">
      <c r="N459011" s="10"/>
    </row>
    <row r="459012" spans="14:14">
      <c r="N459012" s="10"/>
    </row>
    <row r="459013" spans="14:14">
      <c r="N459013" s="10"/>
    </row>
    <row r="459014" spans="14:14">
      <c r="N459014" s="10"/>
    </row>
    <row r="459015" spans="14:14">
      <c r="N459015" s="10"/>
    </row>
    <row r="459016" spans="14:14">
      <c r="N459016" s="10"/>
    </row>
    <row r="459017" spans="14:14">
      <c r="N459017" s="10"/>
    </row>
    <row r="459018" spans="14:14">
      <c r="N459018" s="10"/>
    </row>
    <row r="459019" spans="14:14">
      <c r="N459019" s="10"/>
    </row>
    <row r="459020" spans="14:14">
      <c r="N459020" s="10"/>
    </row>
    <row r="459021" spans="14:14">
      <c r="N459021" s="10"/>
    </row>
    <row r="459022" spans="14:14">
      <c r="N459022" s="10"/>
    </row>
    <row r="459023" spans="14:14">
      <c r="N459023" s="10"/>
    </row>
    <row r="459024" spans="14:14">
      <c r="N459024" s="10"/>
    </row>
    <row r="459025" spans="14:14">
      <c r="N459025" s="10"/>
    </row>
    <row r="459026" spans="14:14">
      <c r="N459026" s="10"/>
    </row>
    <row r="459027" spans="14:14">
      <c r="N459027" s="10"/>
    </row>
    <row r="459028" spans="14:14">
      <c r="N459028" s="10"/>
    </row>
    <row r="459029" spans="14:14">
      <c r="N459029" s="10"/>
    </row>
    <row r="459030" spans="14:14">
      <c r="N459030" s="10"/>
    </row>
    <row r="459031" spans="14:14">
      <c r="N459031" s="10"/>
    </row>
    <row r="459032" spans="14:14">
      <c r="N459032" s="10"/>
    </row>
    <row r="459033" spans="14:14">
      <c r="N459033" s="10"/>
    </row>
    <row r="459034" spans="14:14">
      <c r="N459034" s="10"/>
    </row>
    <row r="459035" spans="14:14">
      <c r="N459035" s="10"/>
    </row>
    <row r="459036" spans="14:14">
      <c r="N459036" s="10"/>
    </row>
    <row r="459037" spans="14:14">
      <c r="N459037" s="10"/>
    </row>
    <row r="459038" spans="14:14">
      <c r="N459038" s="10"/>
    </row>
    <row r="459039" spans="14:14">
      <c r="N459039" s="10"/>
    </row>
    <row r="459040" spans="14:14">
      <c r="N459040" s="10"/>
    </row>
    <row r="459041" spans="14:14">
      <c r="N459041" s="10"/>
    </row>
    <row r="459042" spans="14:14">
      <c r="N459042" s="10"/>
    </row>
    <row r="459043" spans="14:14">
      <c r="N459043" s="10"/>
    </row>
    <row r="459044" spans="14:14">
      <c r="N459044" s="10"/>
    </row>
    <row r="459045" spans="14:14">
      <c r="N459045" s="10"/>
    </row>
    <row r="459046" spans="14:14">
      <c r="N459046" s="10"/>
    </row>
    <row r="459047" spans="14:14">
      <c r="N459047" s="10"/>
    </row>
    <row r="459048" spans="14:14">
      <c r="N459048" s="10"/>
    </row>
    <row r="459049" spans="14:14">
      <c r="N459049" s="10"/>
    </row>
    <row r="459050" spans="14:14">
      <c r="N459050" s="10"/>
    </row>
    <row r="459051" spans="14:14">
      <c r="N459051" s="10"/>
    </row>
    <row r="459052" spans="14:14">
      <c r="N459052" s="10"/>
    </row>
    <row r="459053" spans="14:14">
      <c r="N459053" s="10"/>
    </row>
    <row r="459054" spans="14:14">
      <c r="N459054" s="10"/>
    </row>
    <row r="459055" spans="14:14">
      <c r="N459055" s="10"/>
    </row>
    <row r="459056" spans="14:14">
      <c r="N459056" s="10"/>
    </row>
    <row r="459057" spans="14:14">
      <c r="N459057" s="10"/>
    </row>
    <row r="459058" spans="14:14">
      <c r="N459058" s="10"/>
    </row>
    <row r="459059" spans="14:14">
      <c r="N459059" s="10"/>
    </row>
    <row r="459060" spans="14:14">
      <c r="N459060" s="10"/>
    </row>
    <row r="459061" spans="14:14">
      <c r="N459061" s="10"/>
    </row>
    <row r="459062" spans="14:14">
      <c r="N459062" s="10"/>
    </row>
    <row r="459063" spans="14:14">
      <c r="N459063" s="10"/>
    </row>
    <row r="459064" spans="14:14">
      <c r="N459064" s="10"/>
    </row>
    <row r="459065" spans="14:14">
      <c r="N459065" s="10"/>
    </row>
    <row r="459066" spans="14:14">
      <c r="N459066" s="10"/>
    </row>
    <row r="459067" spans="14:14">
      <c r="N459067" s="10"/>
    </row>
    <row r="459068" spans="14:14">
      <c r="N459068" s="10"/>
    </row>
    <row r="459069" spans="14:14">
      <c r="N459069" s="10"/>
    </row>
    <row r="459070" spans="14:14">
      <c r="N459070" s="10"/>
    </row>
    <row r="459071" spans="14:14">
      <c r="N459071" s="10"/>
    </row>
    <row r="459072" spans="14:14">
      <c r="N459072" s="10"/>
    </row>
    <row r="459073" spans="14:14">
      <c r="N459073" s="10"/>
    </row>
    <row r="459074" spans="14:14">
      <c r="N459074" s="10"/>
    </row>
    <row r="459075" spans="14:14">
      <c r="N459075" s="10"/>
    </row>
    <row r="459076" spans="14:14">
      <c r="N459076" s="10"/>
    </row>
    <row r="459077" spans="14:14">
      <c r="N459077" s="10"/>
    </row>
    <row r="459078" spans="14:14">
      <c r="N459078" s="10"/>
    </row>
    <row r="459079" spans="14:14">
      <c r="N459079" s="10"/>
    </row>
    <row r="459080" spans="14:14">
      <c r="N459080" s="10"/>
    </row>
    <row r="459081" spans="14:14">
      <c r="N459081" s="10"/>
    </row>
    <row r="459082" spans="14:14">
      <c r="N459082" s="10"/>
    </row>
    <row r="459083" spans="14:14">
      <c r="N459083" s="10"/>
    </row>
    <row r="459084" spans="14:14">
      <c r="N459084" s="10"/>
    </row>
    <row r="459085" spans="14:14">
      <c r="N459085" s="10"/>
    </row>
    <row r="459086" spans="14:14">
      <c r="N459086" s="10"/>
    </row>
    <row r="459087" spans="14:14">
      <c r="N459087" s="10"/>
    </row>
    <row r="459088" spans="14:14">
      <c r="N459088" s="10"/>
    </row>
    <row r="459089" spans="14:14">
      <c r="N459089" s="10"/>
    </row>
    <row r="459090" spans="14:14">
      <c r="N459090" s="10"/>
    </row>
    <row r="459091" spans="14:14">
      <c r="N459091" s="10"/>
    </row>
    <row r="459092" spans="14:14">
      <c r="N459092" s="10"/>
    </row>
    <row r="459093" spans="14:14">
      <c r="N459093" s="10"/>
    </row>
    <row r="459094" spans="14:14">
      <c r="N459094" s="10"/>
    </row>
    <row r="459095" spans="14:14">
      <c r="N459095" s="10"/>
    </row>
    <row r="459096" spans="14:14">
      <c r="N459096" s="10"/>
    </row>
    <row r="459097" spans="14:14">
      <c r="N459097" s="10"/>
    </row>
    <row r="459098" spans="14:14">
      <c r="N459098" s="10"/>
    </row>
    <row r="459099" spans="14:14">
      <c r="N459099" s="10"/>
    </row>
    <row r="459100" spans="14:14">
      <c r="N459100" s="10"/>
    </row>
    <row r="459101" spans="14:14">
      <c r="N459101" s="10"/>
    </row>
    <row r="459102" spans="14:14">
      <c r="N459102" s="10"/>
    </row>
    <row r="459103" spans="14:14">
      <c r="N459103" s="10"/>
    </row>
    <row r="459104" spans="14:14">
      <c r="N459104" s="10"/>
    </row>
    <row r="459105" spans="14:14">
      <c r="N459105" s="10"/>
    </row>
    <row r="459106" spans="14:14">
      <c r="N459106" s="10"/>
    </row>
    <row r="459107" spans="14:14">
      <c r="N459107" s="10"/>
    </row>
    <row r="459108" spans="14:14">
      <c r="N459108" s="10"/>
    </row>
    <row r="459109" spans="14:14">
      <c r="N459109" s="10"/>
    </row>
    <row r="459110" spans="14:14">
      <c r="N459110" s="10"/>
    </row>
    <row r="459111" spans="14:14">
      <c r="N459111" s="10"/>
    </row>
    <row r="459112" spans="14:14">
      <c r="N459112" s="10"/>
    </row>
    <row r="459113" spans="14:14">
      <c r="N459113" s="10"/>
    </row>
    <row r="459114" spans="14:14">
      <c r="N459114" s="10"/>
    </row>
    <row r="459115" spans="14:14">
      <c r="N459115" s="10"/>
    </row>
    <row r="459116" spans="14:14">
      <c r="N459116" s="10"/>
    </row>
    <row r="459117" spans="14:14">
      <c r="N459117" s="10"/>
    </row>
    <row r="459118" spans="14:14">
      <c r="N459118" s="10"/>
    </row>
    <row r="459119" spans="14:14">
      <c r="N459119" s="10"/>
    </row>
    <row r="459120" spans="14:14">
      <c r="N459120" s="10"/>
    </row>
    <row r="459121" spans="14:14">
      <c r="N459121" s="10"/>
    </row>
    <row r="459122" spans="14:14">
      <c r="N459122" s="10"/>
    </row>
    <row r="459123" spans="14:14">
      <c r="N459123" s="10"/>
    </row>
    <row r="459124" spans="14:14">
      <c r="N459124" s="10"/>
    </row>
    <row r="459125" spans="14:14">
      <c r="N459125" s="10"/>
    </row>
    <row r="459126" spans="14:14">
      <c r="N459126" s="10"/>
    </row>
    <row r="459127" spans="14:14">
      <c r="N459127" s="10"/>
    </row>
    <row r="459128" spans="14:14">
      <c r="N459128" s="10"/>
    </row>
    <row r="459129" spans="14:14">
      <c r="N459129" s="10"/>
    </row>
    <row r="459130" spans="14:14">
      <c r="N459130" s="10"/>
    </row>
    <row r="459131" spans="14:14">
      <c r="N459131" s="10"/>
    </row>
    <row r="459132" spans="14:14">
      <c r="N459132" s="10"/>
    </row>
    <row r="459133" spans="14:14">
      <c r="N459133" s="10"/>
    </row>
    <row r="459134" spans="14:14">
      <c r="N459134" s="10"/>
    </row>
    <row r="459135" spans="14:14">
      <c r="N459135" s="10"/>
    </row>
    <row r="459136" spans="14:14">
      <c r="N459136" s="10"/>
    </row>
    <row r="459137" spans="14:14">
      <c r="N459137" s="10"/>
    </row>
    <row r="459138" spans="14:14">
      <c r="N459138" s="10"/>
    </row>
    <row r="459139" spans="14:14">
      <c r="N459139" s="10"/>
    </row>
    <row r="459140" spans="14:14">
      <c r="N459140" s="10"/>
    </row>
    <row r="459141" spans="14:14">
      <c r="N459141" s="10"/>
    </row>
    <row r="459142" spans="14:14">
      <c r="N459142" s="10"/>
    </row>
    <row r="459143" spans="14:14">
      <c r="N459143" s="10"/>
    </row>
    <row r="459144" spans="14:14">
      <c r="N459144" s="10"/>
    </row>
    <row r="459145" spans="14:14">
      <c r="N459145" s="10"/>
    </row>
    <row r="459146" spans="14:14">
      <c r="N459146" s="10"/>
    </row>
    <row r="459147" spans="14:14">
      <c r="N459147" s="10"/>
    </row>
    <row r="459148" spans="14:14">
      <c r="N459148" s="10"/>
    </row>
    <row r="459149" spans="14:14">
      <c r="N459149" s="10"/>
    </row>
    <row r="459150" spans="14:14">
      <c r="N459150" s="10"/>
    </row>
    <row r="459151" spans="14:14">
      <c r="N459151" s="10"/>
    </row>
    <row r="459152" spans="14:14">
      <c r="N459152" s="10"/>
    </row>
    <row r="459153" spans="14:14">
      <c r="N459153" s="10"/>
    </row>
    <row r="459154" spans="14:14">
      <c r="N459154" s="10"/>
    </row>
    <row r="459155" spans="14:14">
      <c r="N459155" s="10"/>
    </row>
    <row r="459156" spans="14:14">
      <c r="N459156" s="10"/>
    </row>
    <row r="459157" spans="14:14">
      <c r="N459157" s="10"/>
    </row>
    <row r="459158" spans="14:14">
      <c r="N459158" s="10"/>
    </row>
    <row r="459159" spans="14:14">
      <c r="N459159" s="10"/>
    </row>
    <row r="459160" spans="14:14">
      <c r="N459160" s="10"/>
    </row>
    <row r="459161" spans="14:14">
      <c r="N459161" s="10"/>
    </row>
    <row r="459162" spans="14:14">
      <c r="N459162" s="10"/>
    </row>
    <row r="459163" spans="14:14">
      <c r="N459163" s="10"/>
    </row>
    <row r="459164" spans="14:14">
      <c r="N459164" s="10"/>
    </row>
    <row r="459165" spans="14:14">
      <c r="N459165" s="10"/>
    </row>
    <row r="459166" spans="14:14">
      <c r="N459166" s="10"/>
    </row>
    <row r="459167" spans="14:14">
      <c r="N459167" s="10"/>
    </row>
    <row r="459168" spans="14:14">
      <c r="N459168" s="10"/>
    </row>
    <row r="459169" spans="14:14">
      <c r="N459169" s="10"/>
    </row>
    <row r="459170" spans="14:14">
      <c r="N459170" s="10"/>
    </row>
    <row r="459171" spans="14:14">
      <c r="N459171" s="10"/>
    </row>
    <row r="459172" spans="14:14">
      <c r="N459172" s="10"/>
    </row>
    <row r="459173" spans="14:14">
      <c r="N459173" s="10"/>
    </row>
    <row r="459174" spans="14:14">
      <c r="N459174" s="10"/>
    </row>
    <row r="459175" spans="14:14">
      <c r="N459175" s="10"/>
    </row>
    <row r="459176" spans="14:14">
      <c r="N459176" s="10"/>
    </row>
    <row r="459177" spans="14:14">
      <c r="N459177" s="10"/>
    </row>
    <row r="459178" spans="14:14">
      <c r="N459178" s="10"/>
    </row>
    <row r="459179" spans="14:14">
      <c r="N459179" s="10"/>
    </row>
    <row r="459180" spans="14:14">
      <c r="N459180" s="10"/>
    </row>
    <row r="459181" spans="14:14">
      <c r="N459181" s="10"/>
    </row>
    <row r="459182" spans="14:14">
      <c r="N459182" s="10"/>
    </row>
    <row r="459183" spans="14:14">
      <c r="N459183" s="10"/>
    </row>
    <row r="459184" spans="14:14">
      <c r="N459184" s="10"/>
    </row>
    <row r="459185" spans="14:14">
      <c r="N459185" s="10"/>
    </row>
    <row r="459186" spans="14:14">
      <c r="N459186" s="10"/>
    </row>
    <row r="459187" spans="14:14">
      <c r="N459187" s="10"/>
    </row>
    <row r="459188" spans="14:14">
      <c r="N459188" s="10"/>
    </row>
    <row r="459189" spans="14:14">
      <c r="N459189" s="10"/>
    </row>
    <row r="459190" spans="14:14">
      <c r="N459190" s="10"/>
    </row>
    <row r="459191" spans="14:14">
      <c r="N459191" s="10"/>
    </row>
    <row r="459192" spans="14:14">
      <c r="N459192" s="10"/>
    </row>
    <row r="459193" spans="14:14">
      <c r="N459193" s="10"/>
    </row>
    <row r="459194" spans="14:14">
      <c r="N459194" s="10"/>
    </row>
    <row r="459195" spans="14:14">
      <c r="N459195" s="10"/>
    </row>
    <row r="459196" spans="14:14">
      <c r="N459196" s="10"/>
    </row>
    <row r="459197" spans="14:14">
      <c r="N459197" s="10"/>
    </row>
    <row r="459198" spans="14:14">
      <c r="N459198" s="10"/>
    </row>
    <row r="459199" spans="14:14">
      <c r="N459199" s="10"/>
    </row>
    <row r="459200" spans="14:14">
      <c r="N459200" s="10"/>
    </row>
    <row r="459201" spans="14:14">
      <c r="N459201" s="10"/>
    </row>
    <row r="459202" spans="14:14">
      <c r="N459202" s="10"/>
    </row>
    <row r="459203" spans="14:14">
      <c r="N459203" s="10"/>
    </row>
    <row r="459204" spans="14:14">
      <c r="N459204" s="10"/>
    </row>
    <row r="459205" spans="14:14">
      <c r="N459205" s="10"/>
    </row>
    <row r="459206" spans="14:14">
      <c r="N459206" s="10"/>
    </row>
    <row r="459207" spans="14:14">
      <c r="N459207" s="10"/>
    </row>
    <row r="459208" spans="14:14">
      <c r="N459208" s="10"/>
    </row>
    <row r="459209" spans="14:14">
      <c r="N459209" s="10"/>
    </row>
    <row r="459210" spans="14:14">
      <c r="N459210" s="10"/>
    </row>
    <row r="459211" spans="14:14">
      <c r="N459211" s="10"/>
    </row>
    <row r="459212" spans="14:14">
      <c r="N459212" s="10"/>
    </row>
    <row r="459213" spans="14:14">
      <c r="N459213" s="10"/>
    </row>
    <row r="459214" spans="14:14">
      <c r="N459214" s="10"/>
    </row>
    <row r="459215" spans="14:14">
      <c r="N459215" s="10"/>
    </row>
    <row r="459216" spans="14:14">
      <c r="N459216" s="10"/>
    </row>
    <row r="459217" spans="14:14">
      <c r="N459217" s="10"/>
    </row>
    <row r="459218" spans="14:14">
      <c r="N459218" s="10"/>
    </row>
    <row r="459219" spans="14:14">
      <c r="N459219" s="10"/>
    </row>
    <row r="459220" spans="14:14">
      <c r="N459220" s="10"/>
    </row>
    <row r="459221" spans="14:14">
      <c r="N459221" s="10"/>
    </row>
    <row r="459222" spans="14:14">
      <c r="N459222" s="10"/>
    </row>
    <row r="459223" spans="14:14">
      <c r="N459223" s="10"/>
    </row>
    <row r="459224" spans="14:14">
      <c r="N459224" s="10"/>
    </row>
    <row r="459225" spans="14:14">
      <c r="N459225" s="10"/>
    </row>
    <row r="459226" spans="14:14">
      <c r="N459226" s="10"/>
    </row>
    <row r="459227" spans="14:14">
      <c r="N459227" s="10"/>
    </row>
    <row r="459228" spans="14:14">
      <c r="N459228" s="10"/>
    </row>
    <row r="459229" spans="14:14">
      <c r="N459229" s="10"/>
    </row>
    <row r="459230" spans="14:14">
      <c r="N459230" s="10"/>
    </row>
    <row r="459231" spans="14:14">
      <c r="N459231" s="10"/>
    </row>
    <row r="459232" spans="14:14">
      <c r="N459232" s="10"/>
    </row>
    <row r="459233" spans="14:14">
      <c r="N459233" s="10"/>
    </row>
    <row r="459234" spans="14:14">
      <c r="N459234" s="10"/>
    </row>
    <row r="459235" spans="14:14">
      <c r="N459235" s="10"/>
    </row>
    <row r="459236" spans="14:14">
      <c r="N459236" s="10"/>
    </row>
    <row r="459237" spans="14:14">
      <c r="N459237" s="10"/>
    </row>
    <row r="459238" spans="14:14">
      <c r="N459238" s="10"/>
    </row>
    <row r="459239" spans="14:14">
      <c r="N459239" s="10"/>
    </row>
    <row r="459240" spans="14:14">
      <c r="N459240" s="10"/>
    </row>
    <row r="459241" spans="14:14">
      <c r="N459241" s="10"/>
    </row>
    <row r="459242" spans="14:14">
      <c r="N459242" s="10"/>
    </row>
    <row r="459243" spans="14:14">
      <c r="N459243" s="10"/>
    </row>
    <row r="459244" spans="14:14">
      <c r="N459244" s="10"/>
    </row>
    <row r="459245" spans="14:14">
      <c r="N459245" s="10"/>
    </row>
    <row r="459246" spans="14:14">
      <c r="N459246" s="10"/>
    </row>
    <row r="459247" spans="14:14">
      <c r="N459247" s="10"/>
    </row>
    <row r="459248" spans="14:14">
      <c r="N459248" s="10"/>
    </row>
    <row r="459249" spans="14:14">
      <c r="N459249" s="10"/>
    </row>
    <row r="459250" spans="14:14">
      <c r="N459250" s="10"/>
    </row>
    <row r="459251" spans="14:14">
      <c r="N459251" s="10"/>
    </row>
    <row r="459252" spans="14:14">
      <c r="N459252" s="10"/>
    </row>
    <row r="459253" spans="14:14">
      <c r="N459253" s="10"/>
    </row>
    <row r="459254" spans="14:14">
      <c r="N459254" s="10"/>
    </row>
    <row r="459255" spans="14:14">
      <c r="N459255" s="10"/>
    </row>
    <row r="459256" spans="14:14">
      <c r="N459256" s="10"/>
    </row>
    <row r="459257" spans="14:14">
      <c r="N459257" s="10"/>
    </row>
    <row r="459258" spans="14:14">
      <c r="N459258" s="10"/>
    </row>
    <row r="459259" spans="14:14">
      <c r="N459259" s="10"/>
    </row>
    <row r="459260" spans="14:14">
      <c r="N459260" s="10"/>
    </row>
    <row r="459261" spans="14:14">
      <c r="N459261" s="10"/>
    </row>
    <row r="459262" spans="14:14">
      <c r="N459262" s="10"/>
    </row>
    <row r="459263" spans="14:14">
      <c r="N459263" s="10"/>
    </row>
    <row r="459264" spans="14:14">
      <c r="N459264" s="10"/>
    </row>
    <row r="459265" spans="14:14">
      <c r="N459265" s="10"/>
    </row>
    <row r="459266" spans="14:14">
      <c r="N459266" s="10"/>
    </row>
    <row r="459267" spans="14:14">
      <c r="N459267" s="10"/>
    </row>
    <row r="459268" spans="14:14">
      <c r="N459268" s="10"/>
    </row>
    <row r="459269" spans="14:14">
      <c r="N459269" s="10"/>
    </row>
    <row r="459270" spans="14:14">
      <c r="N459270" s="10"/>
    </row>
    <row r="459271" spans="14:14">
      <c r="N459271" s="10"/>
    </row>
    <row r="459272" spans="14:14">
      <c r="N459272" s="10"/>
    </row>
    <row r="459273" spans="14:14">
      <c r="N459273" s="10"/>
    </row>
    <row r="459274" spans="14:14">
      <c r="N459274" s="10"/>
    </row>
    <row r="459275" spans="14:14">
      <c r="N459275" s="10"/>
    </row>
    <row r="459276" spans="14:14">
      <c r="N459276" s="10"/>
    </row>
    <row r="459277" spans="14:14">
      <c r="N459277" s="10"/>
    </row>
    <row r="459278" spans="14:14">
      <c r="N459278" s="10"/>
    </row>
    <row r="459279" spans="14:14">
      <c r="N459279" s="10"/>
    </row>
    <row r="459280" spans="14:14">
      <c r="N459280" s="10"/>
    </row>
    <row r="459281" spans="14:14">
      <c r="N459281" s="10"/>
    </row>
    <row r="459282" spans="14:14">
      <c r="N459282" s="10"/>
    </row>
    <row r="459283" spans="14:14">
      <c r="N459283" s="10"/>
    </row>
    <row r="459284" spans="14:14">
      <c r="N459284" s="10"/>
    </row>
    <row r="459285" spans="14:14">
      <c r="N459285" s="10"/>
    </row>
    <row r="459286" spans="14:14">
      <c r="N459286" s="10"/>
    </row>
    <row r="459287" spans="14:14">
      <c r="N459287" s="10"/>
    </row>
    <row r="459288" spans="14:14">
      <c r="N459288" s="10"/>
    </row>
    <row r="459289" spans="14:14">
      <c r="N459289" s="10"/>
    </row>
    <row r="459290" spans="14:14">
      <c r="N459290" s="10"/>
    </row>
    <row r="459291" spans="14:14">
      <c r="N459291" s="10"/>
    </row>
    <row r="459292" spans="14:14">
      <c r="N459292" s="10"/>
    </row>
    <row r="459293" spans="14:14">
      <c r="N459293" s="10"/>
    </row>
    <row r="459294" spans="14:14">
      <c r="N459294" s="10"/>
    </row>
    <row r="459295" spans="14:14">
      <c r="N459295" s="10"/>
    </row>
    <row r="459296" spans="14:14">
      <c r="N459296" s="10"/>
    </row>
    <row r="459297" spans="14:14">
      <c r="N459297" s="10"/>
    </row>
    <row r="459298" spans="14:14">
      <c r="N459298" s="10"/>
    </row>
    <row r="459299" spans="14:14">
      <c r="N459299" s="10"/>
    </row>
    <row r="459300" spans="14:14">
      <c r="N459300" s="10"/>
    </row>
    <row r="459301" spans="14:14">
      <c r="N459301" s="10"/>
    </row>
    <row r="459302" spans="14:14">
      <c r="N459302" s="10"/>
    </row>
    <row r="459303" spans="14:14">
      <c r="N459303" s="10"/>
    </row>
    <row r="459304" spans="14:14">
      <c r="N459304" s="10"/>
    </row>
    <row r="459305" spans="14:14">
      <c r="N459305" s="10"/>
    </row>
    <row r="459306" spans="14:14">
      <c r="N459306" s="10"/>
    </row>
    <row r="459307" spans="14:14">
      <c r="N459307" s="10"/>
    </row>
    <row r="459308" spans="14:14">
      <c r="N459308" s="10"/>
    </row>
    <row r="459309" spans="14:14">
      <c r="N459309" s="10"/>
    </row>
    <row r="459310" spans="14:14">
      <c r="N459310" s="10"/>
    </row>
    <row r="459311" spans="14:14">
      <c r="N459311" s="10"/>
    </row>
    <row r="459312" spans="14:14">
      <c r="N459312" s="10"/>
    </row>
    <row r="459313" spans="14:14">
      <c r="N459313" s="10"/>
    </row>
    <row r="459314" spans="14:14">
      <c r="N459314" s="10"/>
    </row>
    <row r="459315" spans="14:14">
      <c r="N459315" s="10"/>
    </row>
    <row r="459316" spans="14:14">
      <c r="N459316" s="10"/>
    </row>
    <row r="459317" spans="14:14">
      <c r="N459317" s="10"/>
    </row>
    <row r="459318" spans="14:14">
      <c r="N459318" s="10"/>
    </row>
    <row r="459319" spans="14:14">
      <c r="N459319" s="10"/>
    </row>
    <row r="459320" spans="14:14">
      <c r="N459320" s="10"/>
    </row>
    <row r="459321" spans="14:14">
      <c r="N459321" s="10"/>
    </row>
    <row r="459322" spans="14:14">
      <c r="N459322" s="10"/>
    </row>
    <row r="459323" spans="14:14">
      <c r="N459323" s="10"/>
    </row>
    <row r="459324" spans="14:14">
      <c r="N459324" s="10"/>
    </row>
    <row r="459325" spans="14:14">
      <c r="N459325" s="10"/>
    </row>
    <row r="459326" spans="14:14">
      <c r="N459326" s="10"/>
    </row>
    <row r="459327" spans="14:14">
      <c r="N459327" s="10"/>
    </row>
    <row r="459328" spans="14:14">
      <c r="N459328" s="10"/>
    </row>
    <row r="459329" spans="14:14">
      <c r="N459329" s="10"/>
    </row>
    <row r="459330" spans="14:14">
      <c r="N459330" s="10"/>
    </row>
    <row r="459331" spans="14:14">
      <c r="N459331" s="10"/>
    </row>
    <row r="459332" spans="14:14">
      <c r="N459332" s="10"/>
    </row>
    <row r="459333" spans="14:14">
      <c r="N459333" s="10"/>
    </row>
    <row r="459334" spans="14:14">
      <c r="N459334" s="10"/>
    </row>
    <row r="459335" spans="14:14">
      <c r="N459335" s="10"/>
    </row>
    <row r="459336" spans="14:14">
      <c r="N459336" s="10"/>
    </row>
    <row r="459337" spans="14:14">
      <c r="N459337" s="10"/>
    </row>
    <row r="459338" spans="14:14">
      <c r="N459338" s="10"/>
    </row>
    <row r="459339" spans="14:14">
      <c r="N459339" s="10"/>
    </row>
    <row r="459340" spans="14:14">
      <c r="N459340" s="10"/>
    </row>
    <row r="459341" spans="14:14">
      <c r="N459341" s="10"/>
    </row>
    <row r="459342" spans="14:14">
      <c r="N459342" s="10"/>
    </row>
    <row r="459343" spans="14:14">
      <c r="N459343" s="10"/>
    </row>
    <row r="459344" spans="14:14">
      <c r="N459344" s="10"/>
    </row>
    <row r="459345" spans="14:14">
      <c r="N459345" s="10"/>
    </row>
    <row r="459346" spans="14:14">
      <c r="N459346" s="10"/>
    </row>
    <row r="459347" spans="14:14">
      <c r="N459347" s="10"/>
    </row>
    <row r="459348" spans="14:14">
      <c r="N459348" s="10"/>
    </row>
    <row r="459349" spans="14:14">
      <c r="N459349" s="10"/>
    </row>
    <row r="459350" spans="14:14">
      <c r="N459350" s="10"/>
    </row>
    <row r="459351" spans="14:14">
      <c r="N459351" s="10"/>
    </row>
    <row r="459352" spans="14:14">
      <c r="N459352" s="10"/>
    </row>
    <row r="459353" spans="14:14">
      <c r="N459353" s="10"/>
    </row>
    <row r="459354" spans="14:14">
      <c r="N459354" s="10"/>
    </row>
    <row r="459355" spans="14:14">
      <c r="N459355" s="10"/>
    </row>
    <row r="459356" spans="14:14">
      <c r="N459356" s="10"/>
    </row>
    <row r="459357" spans="14:14">
      <c r="N459357" s="10"/>
    </row>
    <row r="459358" spans="14:14">
      <c r="N459358" s="10"/>
    </row>
    <row r="459359" spans="14:14">
      <c r="N459359" s="10"/>
    </row>
    <row r="459360" spans="14:14">
      <c r="N459360" s="10"/>
    </row>
    <row r="459361" spans="14:14">
      <c r="N459361" s="10"/>
    </row>
    <row r="459362" spans="14:14">
      <c r="N459362" s="10"/>
    </row>
    <row r="459363" spans="14:14">
      <c r="N459363" s="10"/>
    </row>
    <row r="459364" spans="14:14">
      <c r="N459364" s="10"/>
    </row>
    <row r="459365" spans="14:14">
      <c r="N459365" s="10"/>
    </row>
    <row r="459366" spans="14:14">
      <c r="N459366" s="10"/>
    </row>
    <row r="459367" spans="14:14">
      <c r="N459367" s="10"/>
    </row>
    <row r="459368" spans="14:14">
      <c r="N459368" s="10"/>
    </row>
    <row r="459369" spans="14:14">
      <c r="N459369" s="10"/>
    </row>
    <row r="459370" spans="14:14">
      <c r="N459370" s="10"/>
    </row>
    <row r="459371" spans="14:14">
      <c r="N459371" s="10"/>
    </row>
    <row r="459372" spans="14:14">
      <c r="N459372" s="10"/>
    </row>
    <row r="459373" spans="14:14">
      <c r="N459373" s="10"/>
    </row>
    <row r="459374" spans="14:14">
      <c r="N459374" s="10"/>
    </row>
    <row r="459375" spans="14:14">
      <c r="N459375" s="10"/>
    </row>
    <row r="459376" spans="14:14">
      <c r="N459376" s="10"/>
    </row>
    <row r="459377" spans="14:14">
      <c r="N459377" s="10"/>
    </row>
    <row r="459378" spans="14:14">
      <c r="N459378" s="10"/>
    </row>
    <row r="459379" spans="14:14">
      <c r="N459379" s="10"/>
    </row>
    <row r="459380" spans="14:14">
      <c r="N459380" s="10"/>
    </row>
    <row r="459381" spans="14:14">
      <c r="N459381" s="10"/>
    </row>
    <row r="459382" spans="14:14">
      <c r="N459382" s="10"/>
    </row>
    <row r="459383" spans="14:14">
      <c r="N459383" s="10"/>
    </row>
    <row r="459384" spans="14:14">
      <c r="N459384" s="10"/>
    </row>
    <row r="459385" spans="14:14">
      <c r="N459385" s="10"/>
    </row>
    <row r="459386" spans="14:14">
      <c r="N459386" s="10"/>
    </row>
    <row r="459387" spans="14:14">
      <c r="N459387" s="10"/>
    </row>
    <row r="459388" spans="14:14">
      <c r="N459388" s="10"/>
    </row>
    <row r="459389" spans="14:14">
      <c r="N459389" s="10"/>
    </row>
    <row r="459390" spans="14:14">
      <c r="N459390" s="10"/>
    </row>
    <row r="459391" spans="14:14">
      <c r="N459391" s="10"/>
    </row>
    <row r="459392" spans="14:14">
      <c r="N459392" s="10"/>
    </row>
    <row r="459393" spans="14:14">
      <c r="N459393" s="10"/>
    </row>
    <row r="459394" spans="14:14">
      <c r="N459394" s="10"/>
    </row>
    <row r="459395" spans="14:14">
      <c r="N459395" s="10"/>
    </row>
    <row r="459396" spans="14:14">
      <c r="N459396" s="10"/>
    </row>
    <row r="459397" spans="14:14">
      <c r="N459397" s="10"/>
    </row>
    <row r="459398" spans="14:14">
      <c r="N459398" s="10"/>
    </row>
    <row r="459399" spans="14:14">
      <c r="N459399" s="10"/>
    </row>
    <row r="459400" spans="14:14">
      <c r="N459400" s="10"/>
    </row>
    <row r="459401" spans="14:14">
      <c r="N459401" s="10"/>
    </row>
    <row r="459402" spans="14:14">
      <c r="N459402" s="10"/>
    </row>
    <row r="459403" spans="14:14">
      <c r="N459403" s="10"/>
    </row>
    <row r="459404" spans="14:14">
      <c r="N459404" s="10"/>
    </row>
    <row r="459405" spans="14:14">
      <c r="N459405" s="10"/>
    </row>
    <row r="459406" spans="14:14">
      <c r="N459406" s="10"/>
    </row>
    <row r="459407" spans="14:14">
      <c r="N459407" s="10"/>
    </row>
    <row r="459408" spans="14:14">
      <c r="N459408" s="10"/>
    </row>
    <row r="459409" spans="14:14">
      <c r="N459409" s="10"/>
    </row>
    <row r="459410" spans="14:14">
      <c r="N459410" s="10"/>
    </row>
    <row r="459411" spans="14:14">
      <c r="N459411" s="10"/>
    </row>
    <row r="459412" spans="14:14">
      <c r="N459412" s="10"/>
    </row>
    <row r="459413" spans="14:14">
      <c r="N459413" s="10"/>
    </row>
    <row r="459414" spans="14:14">
      <c r="N459414" s="10"/>
    </row>
    <row r="459415" spans="14:14">
      <c r="N459415" s="10"/>
    </row>
    <row r="459416" spans="14:14">
      <c r="N459416" s="10"/>
    </row>
    <row r="459417" spans="14:14">
      <c r="N459417" s="10"/>
    </row>
    <row r="459418" spans="14:14">
      <c r="N459418" s="10"/>
    </row>
    <row r="459419" spans="14:14">
      <c r="N459419" s="10"/>
    </row>
    <row r="459420" spans="14:14">
      <c r="N459420" s="10"/>
    </row>
    <row r="459421" spans="14:14">
      <c r="N459421" s="10"/>
    </row>
    <row r="459422" spans="14:14">
      <c r="N459422" s="10"/>
    </row>
    <row r="459423" spans="14:14">
      <c r="N459423" s="10"/>
    </row>
    <row r="459424" spans="14:14">
      <c r="N459424" s="10"/>
    </row>
    <row r="459425" spans="14:14">
      <c r="N459425" s="10"/>
    </row>
    <row r="459426" spans="14:14">
      <c r="N459426" s="10"/>
    </row>
    <row r="459427" spans="14:14">
      <c r="N459427" s="10"/>
    </row>
    <row r="459428" spans="14:14">
      <c r="N459428" s="10"/>
    </row>
    <row r="459429" spans="14:14">
      <c r="N459429" s="10"/>
    </row>
    <row r="459430" spans="14:14">
      <c r="N459430" s="10"/>
    </row>
    <row r="459431" spans="14:14">
      <c r="N459431" s="10"/>
    </row>
    <row r="459432" spans="14:14">
      <c r="N459432" s="10"/>
    </row>
    <row r="459433" spans="14:14">
      <c r="N459433" s="10"/>
    </row>
    <row r="459434" spans="14:14">
      <c r="N459434" s="10"/>
    </row>
    <row r="459435" spans="14:14">
      <c r="N459435" s="10"/>
    </row>
    <row r="459436" spans="14:14">
      <c r="N459436" s="10"/>
    </row>
    <row r="459437" spans="14:14">
      <c r="N459437" s="10"/>
    </row>
    <row r="459438" spans="14:14">
      <c r="N459438" s="10"/>
    </row>
    <row r="459439" spans="14:14">
      <c r="N459439" s="10"/>
    </row>
    <row r="459440" spans="14:14">
      <c r="N459440" s="10"/>
    </row>
    <row r="459441" spans="14:14">
      <c r="N459441" s="10"/>
    </row>
    <row r="459442" spans="14:14">
      <c r="N459442" s="10"/>
    </row>
    <row r="459443" spans="14:14">
      <c r="N459443" s="10"/>
    </row>
    <row r="459444" spans="14:14">
      <c r="N459444" s="10"/>
    </row>
    <row r="459445" spans="14:14">
      <c r="N459445" s="10"/>
    </row>
    <row r="459446" spans="14:14">
      <c r="N459446" s="10"/>
    </row>
    <row r="459447" spans="14:14">
      <c r="N459447" s="10"/>
    </row>
    <row r="459448" spans="14:14">
      <c r="N459448" s="10"/>
    </row>
    <row r="459449" spans="14:14">
      <c r="N459449" s="10"/>
    </row>
    <row r="459450" spans="14:14">
      <c r="N459450" s="10"/>
    </row>
    <row r="459451" spans="14:14">
      <c r="N459451" s="10"/>
    </row>
    <row r="459452" spans="14:14">
      <c r="N459452" s="10"/>
    </row>
    <row r="459453" spans="14:14">
      <c r="N459453" s="10"/>
    </row>
    <row r="459454" spans="14:14">
      <c r="N459454" s="10"/>
    </row>
    <row r="459455" spans="14:14">
      <c r="N459455" s="10"/>
    </row>
    <row r="459456" spans="14:14">
      <c r="N459456" s="10"/>
    </row>
    <row r="459457" spans="14:14">
      <c r="N459457" s="10"/>
    </row>
    <row r="459458" spans="14:14">
      <c r="N459458" s="10"/>
    </row>
    <row r="459459" spans="14:14">
      <c r="N459459" s="10"/>
    </row>
    <row r="459460" spans="14:14">
      <c r="N459460" s="10"/>
    </row>
    <row r="459461" spans="14:14">
      <c r="N459461" s="10"/>
    </row>
    <row r="459462" spans="14:14">
      <c r="N459462" s="10"/>
    </row>
    <row r="459463" spans="14:14">
      <c r="N459463" s="10"/>
    </row>
    <row r="459464" spans="14:14">
      <c r="N459464" s="10"/>
    </row>
    <row r="459465" spans="14:14">
      <c r="N459465" s="10"/>
    </row>
    <row r="459466" spans="14:14">
      <c r="N459466" s="10"/>
    </row>
    <row r="459467" spans="14:14">
      <c r="N459467" s="10"/>
    </row>
    <row r="459468" spans="14:14">
      <c r="N459468" s="10"/>
    </row>
    <row r="459469" spans="14:14">
      <c r="N459469" s="10"/>
    </row>
    <row r="459470" spans="14:14">
      <c r="N459470" s="10"/>
    </row>
    <row r="459471" spans="14:14">
      <c r="N459471" s="10"/>
    </row>
    <row r="459472" spans="14:14">
      <c r="N459472" s="10"/>
    </row>
    <row r="459473" spans="14:14">
      <c r="N459473" s="10"/>
    </row>
    <row r="459474" spans="14:14">
      <c r="N459474" s="10"/>
    </row>
    <row r="459475" spans="14:14">
      <c r="N459475" s="10"/>
    </row>
    <row r="459476" spans="14:14">
      <c r="N459476" s="10"/>
    </row>
    <row r="459477" spans="14:14">
      <c r="N459477" s="10"/>
    </row>
    <row r="459478" spans="14:14">
      <c r="N459478" s="10"/>
    </row>
    <row r="459479" spans="14:14">
      <c r="N459479" s="10"/>
    </row>
    <row r="459480" spans="14:14">
      <c r="N459480" s="10"/>
    </row>
    <row r="459481" spans="14:14">
      <c r="N459481" s="10"/>
    </row>
    <row r="459482" spans="14:14">
      <c r="N459482" s="10"/>
    </row>
    <row r="459483" spans="14:14">
      <c r="N459483" s="10"/>
    </row>
    <row r="459484" spans="14:14">
      <c r="N459484" s="10"/>
    </row>
    <row r="459485" spans="14:14">
      <c r="N459485" s="10"/>
    </row>
    <row r="459486" spans="14:14">
      <c r="N459486" s="10"/>
    </row>
    <row r="459487" spans="14:14">
      <c r="N459487" s="10"/>
    </row>
    <row r="459488" spans="14:14">
      <c r="N459488" s="10"/>
    </row>
    <row r="459489" spans="14:14">
      <c r="N459489" s="10"/>
    </row>
    <row r="459490" spans="14:14">
      <c r="N459490" s="10"/>
    </row>
    <row r="459491" spans="14:14">
      <c r="N459491" s="10"/>
    </row>
    <row r="459492" spans="14:14">
      <c r="N459492" s="10"/>
    </row>
    <row r="459493" spans="14:14">
      <c r="N459493" s="10"/>
    </row>
    <row r="459494" spans="14:14">
      <c r="N459494" s="10"/>
    </row>
    <row r="459495" spans="14:14">
      <c r="N459495" s="10"/>
    </row>
    <row r="459496" spans="14:14">
      <c r="N459496" s="10"/>
    </row>
    <row r="459497" spans="14:14">
      <c r="N459497" s="10"/>
    </row>
    <row r="459498" spans="14:14">
      <c r="N459498" s="10"/>
    </row>
    <row r="459499" spans="14:14">
      <c r="N459499" s="10"/>
    </row>
    <row r="459500" spans="14:14">
      <c r="N459500" s="10"/>
    </row>
    <row r="459501" spans="14:14">
      <c r="N459501" s="10"/>
    </row>
    <row r="459502" spans="14:14">
      <c r="N459502" s="10"/>
    </row>
    <row r="459503" spans="14:14">
      <c r="N459503" s="10"/>
    </row>
    <row r="459504" spans="14:14">
      <c r="N459504" s="10"/>
    </row>
    <row r="459505" spans="14:14">
      <c r="N459505" s="10"/>
    </row>
    <row r="459506" spans="14:14">
      <c r="N459506" s="10"/>
    </row>
    <row r="459507" spans="14:14">
      <c r="N459507" s="10"/>
    </row>
    <row r="459508" spans="14:14">
      <c r="N459508" s="10"/>
    </row>
    <row r="459509" spans="14:14">
      <c r="N459509" s="10"/>
    </row>
    <row r="459510" spans="14:14">
      <c r="N459510" s="10"/>
    </row>
    <row r="459511" spans="14:14">
      <c r="N459511" s="10"/>
    </row>
    <row r="459512" spans="14:14">
      <c r="N459512" s="10"/>
    </row>
    <row r="459513" spans="14:14">
      <c r="N459513" s="10"/>
    </row>
    <row r="459514" spans="14:14">
      <c r="N459514" s="10"/>
    </row>
    <row r="459515" spans="14:14">
      <c r="N459515" s="10"/>
    </row>
    <row r="459516" spans="14:14">
      <c r="N459516" s="10"/>
    </row>
    <row r="459517" spans="14:14">
      <c r="N459517" s="10"/>
    </row>
    <row r="459518" spans="14:14">
      <c r="N459518" s="10"/>
    </row>
    <row r="459519" spans="14:14">
      <c r="N459519" s="10"/>
    </row>
    <row r="459520" spans="14:14">
      <c r="N459520" s="10"/>
    </row>
    <row r="459521" spans="14:14">
      <c r="N459521" s="10"/>
    </row>
    <row r="459522" spans="14:14">
      <c r="N459522" s="10"/>
    </row>
    <row r="459523" spans="14:14">
      <c r="N459523" s="10"/>
    </row>
    <row r="459524" spans="14:14">
      <c r="N459524" s="10"/>
    </row>
    <row r="459525" spans="14:14">
      <c r="N459525" s="10"/>
    </row>
    <row r="459526" spans="14:14">
      <c r="N459526" s="10"/>
    </row>
    <row r="459527" spans="14:14">
      <c r="N459527" s="10"/>
    </row>
    <row r="459528" spans="14:14">
      <c r="N459528" s="10"/>
    </row>
    <row r="459529" spans="14:14">
      <c r="N459529" s="10"/>
    </row>
    <row r="459530" spans="14:14">
      <c r="N459530" s="10"/>
    </row>
    <row r="459531" spans="14:14">
      <c r="N459531" s="10"/>
    </row>
    <row r="459532" spans="14:14">
      <c r="N459532" s="10"/>
    </row>
    <row r="459533" spans="14:14">
      <c r="N459533" s="10"/>
    </row>
    <row r="459534" spans="14:14">
      <c r="N459534" s="10"/>
    </row>
    <row r="459535" spans="14:14">
      <c r="N459535" s="10"/>
    </row>
    <row r="459536" spans="14:14">
      <c r="N459536" s="10"/>
    </row>
    <row r="459537" spans="14:14">
      <c r="N459537" s="10"/>
    </row>
    <row r="459538" spans="14:14">
      <c r="N459538" s="10"/>
    </row>
    <row r="459539" spans="14:14">
      <c r="N459539" s="10"/>
    </row>
    <row r="459540" spans="14:14">
      <c r="N459540" s="10"/>
    </row>
    <row r="459541" spans="14:14">
      <c r="N459541" s="10"/>
    </row>
    <row r="459542" spans="14:14">
      <c r="N459542" s="10"/>
    </row>
    <row r="459543" spans="14:14">
      <c r="N459543" s="10"/>
    </row>
    <row r="459544" spans="14:14">
      <c r="N459544" s="10"/>
    </row>
    <row r="459545" spans="14:14">
      <c r="N459545" s="10"/>
    </row>
    <row r="459546" spans="14:14">
      <c r="N459546" s="10"/>
    </row>
    <row r="459547" spans="14:14">
      <c r="N459547" s="10"/>
    </row>
    <row r="459548" spans="14:14">
      <c r="N459548" s="10"/>
    </row>
    <row r="459549" spans="14:14">
      <c r="N459549" s="10"/>
    </row>
    <row r="459550" spans="14:14">
      <c r="N459550" s="10"/>
    </row>
    <row r="459551" spans="14:14">
      <c r="N459551" s="10"/>
    </row>
    <row r="459552" spans="14:14">
      <c r="N459552" s="10"/>
    </row>
    <row r="459553" spans="14:14">
      <c r="N459553" s="10"/>
    </row>
    <row r="459554" spans="14:14">
      <c r="N459554" s="10"/>
    </row>
    <row r="459555" spans="14:14">
      <c r="N459555" s="10"/>
    </row>
    <row r="459556" spans="14:14">
      <c r="N459556" s="10"/>
    </row>
    <row r="459557" spans="14:14">
      <c r="N459557" s="10"/>
    </row>
    <row r="459558" spans="14:14">
      <c r="N459558" s="10"/>
    </row>
    <row r="459559" spans="14:14">
      <c r="N459559" s="10"/>
    </row>
    <row r="459560" spans="14:14">
      <c r="N459560" s="10"/>
    </row>
    <row r="459561" spans="14:14">
      <c r="N459561" s="10"/>
    </row>
    <row r="459562" spans="14:14">
      <c r="N459562" s="10"/>
    </row>
    <row r="459563" spans="14:14">
      <c r="N459563" s="10"/>
    </row>
    <row r="459564" spans="14:14">
      <c r="N459564" s="10"/>
    </row>
    <row r="459565" spans="14:14">
      <c r="N459565" s="10"/>
    </row>
    <row r="459566" spans="14:14">
      <c r="N459566" s="10"/>
    </row>
    <row r="459567" spans="14:14">
      <c r="N459567" s="10"/>
    </row>
    <row r="459568" spans="14:14">
      <c r="N459568" s="10"/>
    </row>
    <row r="459569" spans="14:14">
      <c r="N459569" s="10"/>
    </row>
    <row r="459570" spans="14:14">
      <c r="N459570" s="10"/>
    </row>
    <row r="459571" spans="14:14">
      <c r="N459571" s="10"/>
    </row>
    <row r="459572" spans="14:14">
      <c r="N459572" s="10"/>
    </row>
    <row r="459573" spans="14:14">
      <c r="N459573" s="10"/>
    </row>
    <row r="459574" spans="14:14">
      <c r="N459574" s="10"/>
    </row>
    <row r="459575" spans="14:14">
      <c r="N459575" s="10"/>
    </row>
    <row r="459576" spans="14:14">
      <c r="N459576" s="10"/>
    </row>
    <row r="459577" spans="14:14">
      <c r="N459577" s="10"/>
    </row>
    <row r="459578" spans="14:14">
      <c r="N459578" s="10"/>
    </row>
    <row r="459579" spans="14:14">
      <c r="N459579" s="10"/>
    </row>
    <row r="459580" spans="14:14">
      <c r="N459580" s="10"/>
    </row>
    <row r="459581" spans="14:14">
      <c r="N459581" s="10"/>
    </row>
    <row r="459582" spans="14:14">
      <c r="N459582" s="10"/>
    </row>
    <row r="459583" spans="14:14">
      <c r="N459583" s="10"/>
    </row>
    <row r="459584" spans="14:14">
      <c r="N459584" s="10"/>
    </row>
    <row r="459585" spans="14:14">
      <c r="N459585" s="10"/>
    </row>
    <row r="459586" spans="14:14">
      <c r="N459586" s="10"/>
    </row>
    <row r="459587" spans="14:14">
      <c r="N459587" s="10"/>
    </row>
    <row r="459588" spans="14:14">
      <c r="N459588" s="10"/>
    </row>
    <row r="459589" spans="14:14">
      <c r="N459589" s="10"/>
    </row>
    <row r="459590" spans="14:14">
      <c r="N459590" s="10"/>
    </row>
    <row r="459591" spans="14:14">
      <c r="N459591" s="10"/>
    </row>
    <row r="459592" spans="14:14">
      <c r="N459592" s="10"/>
    </row>
    <row r="459593" spans="14:14">
      <c r="N459593" s="10"/>
    </row>
    <row r="459594" spans="14:14">
      <c r="N459594" s="10"/>
    </row>
    <row r="459595" spans="14:14">
      <c r="N459595" s="10"/>
    </row>
    <row r="459596" spans="14:14">
      <c r="N459596" s="10"/>
    </row>
    <row r="459597" spans="14:14">
      <c r="N459597" s="10"/>
    </row>
    <row r="459598" spans="14:14">
      <c r="N459598" s="10"/>
    </row>
    <row r="459599" spans="14:14">
      <c r="N459599" s="10"/>
    </row>
    <row r="459600" spans="14:14">
      <c r="N459600" s="10"/>
    </row>
    <row r="459601" spans="14:14">
      <c r="N459601" s="10"/>
    </row>
    <row r="459602" spans="14:14">
      <c r="N459602" s="10"/>
    </row>
    <row r="459603" spans="14:14">
      <c r="N459603" s="10"/>
    </row>
    <row r="459604" spans="14:14">
      <c r="N459604" s="10"/>
    </row>
    <row r="459605" spans="14:14">
      <c r="N459605" s="10"/>
    </row>
    <row r="459606" spans="14:14">
      <c r="N459606" s="10"/>
    </row>
    <row r="459607" spans="14:14">
      <c r="N459607" s="10"/>
    </row>
    <row r="459608" spans="14:14">
      <c r="N459608" s="10"/>
    </row>
    <row r="459609" spans="14:14">
      <c r="N459609" s="10"/>
    </row>
    <row r="459610" spans="14:14">
      <c r="N459610" s="10"/>
    </row>
    <row r="459611" spans="14:14">
      <c r="N459611" s="10"/>
    </row>
    <row r="459612" spans="14:14">
      <c r="N459612" s="10"/>
    </row>
    <row r="459613" spans="14:14">
      <c r="N459613" s="10"/>
    </row>
    <row r="459614" spans="14:14">
      <c r="N459614" s="10"/>
    </row>
    <row r="459615" spans="14:14">
      <c r="N459615" s="10"/>
    </row>
    <row r="459616" spans="14:14">
      <c r="N459616" s="10"/>
    </row>
    <row r="459617" spans="14:14">
      <c r="N459617" s="10"/>
    </row>
    <row r="459618" spans="14:14">
      <c r="N459618" s="10"/>
    </row>
    <row r="459619" spans="14:14">
      <c r="N459619" s="10"/>
    </row>
    <row r="459620" spans="14:14">
      <c r="N459620" s="10"/>
    </row>
    <row r="459621" spans="14:14">
      <c r="N459621" s="10"/>
    </row>
    <row r="459622" spans="14:14">
      <c r="N459622" s="10"/>
    </row>
    <row r="459623" spans="14:14">
      <c r="N459623" s="10"/>
    </row>
    <row r="459624" spans="14:14">
      <c r="N459624" s="10"/>
    </row>
    <row r="459625" spans="14:14">
      <c r="N459625" s="10"/>
    </row>
    <row r="459626" spans="14:14">
      <c r="N459626" s="10"/>
    </row>
    <row r="459627" spans="14:14">
      <c r="N459627" s="10"/>
    </row>
    <row r="459628" spans="14:14">
      <c r="N459628" s="10"/>
    </row>
    <row r="459629" spans="14:14">
      <c r="N459629" s="10"/>
    </row>
    <row r="459630" spans="14:14">
      <c r="N459630" s="10"/>
    </row>
    <row r="459631" spans="14:14">
      <c r="N459631" s="10"/>
    </row>
    <row r="459632" spans="14:14">
      <c r="N459632" s="10"/>
    </row>
    <row r="459633" spans="14:14">
      <c r="N459633" s="10"/>
    </row>
    <row r="459634" spans="14:14">
      <c r="N459634" s="10"/>
    </row>
    <row r="459635" spans="14:14">
      <c r="N459635" s="10"/>
    </row>
    <row r="459636" spans="14:14">
      <c r="N459636" s="10"/>
    </row>
    <row r="459637" spans="14:14">
      <c r="N459637" s="10"/>
    </row>
    <row r="459638" spans="14:14">
      <c r="N459638" s="10"/>
    </row>
    <row r="459639" spans="14:14">
      <c r="N459639" s="10"/>
    </row>
    <row r="459640" spans="14:14">
      <c r="N459640" s="10"/>
    </row>
    <row r="459641" spans="14:14">
      <c r="N459641" s="10"/>
    </row>
    <row r="459642" spans="14:14">
      <c r="N459642" s="10"/>
    </row>
    <row r="459643" spans="14:14">
      <c r="N459643" s="10"/>
    </row>
    <row r="459644" spans="14:14">
      <c r="N459644" s="10"/>
    </row>
    <row r="459645" spans="14:14">
      <c r="N459645" s="10"/>
    </row>
    <row r="459646" spans="14:14">
      <c r="N459646" s="10"/>
    </row>
    <row r="459647" spans="14:14">
      <c r="N459647" s="10"/>
    </row>
    <row r="459648" spans="14:14">
      <c r="N459648" s="10"/>
    </row>
    <row r="459649" spans="14:14">
      <c r="N459649" s="10"/>
    </row>
    <row r="459650" spans="14:14">
      <c r="N459650" s="10"/>
    </row>
    <row r="459651" spans="14:14">
      <c r="N459651" s="10"/>
    </row>
    <row r="459652" spans="14:14">
      <c r="N459652" s="10"/>
    </row>
    <row r="459653" spans="14:14">
      <c r="N459653" s="10"/>
    </row>
    <row r="459654" spans="14:14">
      <c r="N459654" s="10"/>
    </row>
    <row r="459655" spans="14:14">
      <c r="N459655" s="10"/>
    </row>
    <row r="459656" spans="14:14">
      <c r="N459656" s="10"/>
    </row>
    <row r="459657" spans="14:14">
      <c r="N459657" s="10"/>
    </row>
    <row r="459658" spans="14:14">
      <c r="N459658" s="10"/>
    </row>
    <row r="459659" spans="14:14">
      <c r="N459659" s="10"/>
    </row>
    <row r="459660" spans="14:14">
      <c r="N459660" s="10"/>
    </row>
    <row r="459661" spans="14:14">
      <c r="N459661" s="10"/>
    </row>
    <row r="459662" spans="14:14">
      <c r="N459662" s="10"/>
    </row>
    <row r="459663" spans="14:14">
      <c r="N459663" s="10"/>
    </row>
    <row r="459664" spans="14:14">
      <c r="N459664" s="10"/>
    </row>
    <row r="459665" spans="14:14">
      <c r="N459665" s="10"/>
    </row>
    <row r="459666" spans="14:14">
      <c r="N459666" s="10"/>
    </row>
    <row r="459667" spans="14:14">
      <c r="N459667" s="10"/>
    </row>
    <row r="459668" spans="14:14">
      <c r="N459668" s="10"/>
    </row>
    <row r="459669" spans="14:14">
      <c r="N459669" s="10"/>
    </row>
    <row r="459670" spans="14:14">
      <c r="N459670" s="10"/>
    </row>
    <row r="459671" spans="14:14">
      <c r="N459671" s="10"/>
    </row>
    <row r="459672" spans="14:14">
      <c r="N459672" s="10"/>
    </row>
    <row r="459673" spans="14:14">
      <c r="N459673" s="10"/>
    </row>
    <row r="459674" spans="14:14">
      <c r="N459674" s="10"/>
    </row>
    <row r="459675" spans="14:14">
      <c r="N459675" s="10"/>
    </row>
    <row r="459676" spans="14:14">
      <c r="N459676" s="10"/>
    </row>
    <row r="459677" spans="14:14">
      <c r="N459677" s="10"/>
    </row>
    <row r="459678" spans="14:14">
      <c r="N459678" s="10"/>
    </row>
    <row r="459679" spans="14:14">
      <c r="N459679" s="10"/>
    </row>
    <row r="459680" spans="14:14">
      <c r="N459680" s="10"/>
    </row>
    <row r="459681" spans="14:14">
      <c r="N459681" s="10"/>
    </row>
    <row r="459682" spans="14:14">
      <c r="N459682" s="10"/>
    </row>
    <row r="459683" spans="14:14">
      <c r="N459683" s="10"/>
    </row>
    <row r="459684" spans="14:14">
      <c r="N459684" s="10"/>
    </row>
    <row r="459685" spans="14:14">
      <c r="N459685" s="10"/>
    </row>
    <row r="459686" spans="14:14">
      <c r="N459686" s="10"/>
    </row>
    <row r="459687" spans="14:14">
      <c r="N459687" s="10"/>
    </row>
    <row r="459688" spans="14:14">
      <c r="N459688" s="10"/>
    </row>
    <row r="459689" spans="14:14">
      <c r="N459689" s="10"/>
    </row>
    <row r="459690" spans="14:14">
      <c r="N459690" s="10"/>
    </row>
    <row r="459691" spans="14:14">
      <c r="N459691" s="10"/>
    </row>
    <row r="459692" spans="14:14">
      <c r="N459692" s="10"/>
    </row>
    <row r="459693" spans="14:14">
      <c r="N459693" s="10"/>
    </row>
    <row r="459694" spans="14:14">
      <c r="N459694" s="10"/>
    </row>
    <row r="459695" spans="14:14">
      <c r="N459695" s="10"/>
    </row>
    <row r="459696" spans="14:14">
      <c r="N459696" s="10"/>
    </row>
    <row r="459697" spans="14:14">
      <c r="N459697" s="10"/>
    </row>
    <row r="459698" spans="14:14">
      <c r="N459698" s="10"/>
    </row>
    <row r="459699" spans="14:14">
      <c r="N459699" s="10"/>
    </row>
    <row r="459700" spans="14:14">
      <c r="N459700" s="10"/>
    </row>
    <row r="459701" spans="14:14">
      <c r="N459701" s="10"/>
    </row>
    <row r="459702" spans="14:14">
      <c r="N459702" s="10"/>
    </row>
    <row r="459703" spans="14:14">
      <c r="N459703" s="10"/>
    </row>
    <row r="459704" spans="14:14">
      <c r="N459704" s="10"/>
    </row>
    <row r="459705" spans="14:14">
      <c r="N459705" s="10"/>
    </row>
    <row r="459706" spans="14:14">
      <c r="N459706" s="10"/>
    </row>
    <row r="459707" spans="14:14">
      <c r="N459707" s="10"/>
    </row>
    <row r="459708" spans="14:14">
      <c r="N459708" s="10"/>
    </row>
    <row r="459709" spans="14:14">
      <c r="N459709" s="10"/>
    </row>
    <row r="459710" spans="14:14">
      <c r="N459710" s="10"/>
    </row>
    <row r="459711" spans="14:14">
      <c r="N459711" s="10"/>
    </row>
    <row r="459712" spans="14:14">
      <c r="N459712" s="10"/>
    </row>
    <row r="459713" spans="14:14">
      <c r="N459713" s="10"/>
    </row>
    <row r="459714" spans="14:14">
      <c r="N459714" s="10"/>
    </row>
    <row r="459715" spans="14:14">
      <c r="N459715" s="10"/>
    </row>
    <row r="459716" spans="14:14">
      <c r="N459716" s="10"/>
    </row>
    <row r="459717" spans="14:14">
      <c r="N459717" s="10"/>
    </row>
    <row r="459718" spans="14:14">
      <c r="N459718" s="10"/>
    </row>
    <row r="459719" spans="14:14">
      <c r="N459719" s="10"/>
    </row>
    <row r="459720" spans="14:14">
      <c r="N459720" s="10"/>
    </row>
    <row r="459721" spans="14:14">
      <c r="N459721" s="10"/>
    </row>
    <row r="459722" spans="14:14">
      <c r="N459722" s="10"/>
    </row>
    <row r="459723" spans="14:14">
      <c r="N459723" s="10"/>
    </row>
    <row r="459724" spans="14:14">
      <c r="N459724" s="10"/>
    </row>
    <row r="459725" spans="14:14">
      <c r="N459725" s="10"/>
    </row>
    <row r="459726" spans="14:14">
      <c r="N459726" s="10"/>
    </row>
    <row r="459727" spans="14:14">
      <c r="N459727" s="10"/>
    </row>
    <row r="459728" spans="14:14">
      <c r="N459728" s="10"/>
    </row>
    <row r="459729" spans="14:14">
      <c r="N459729" s="10"/>
    </row>
    <row r="459730" spans="14:14">
      <c r="N459730" s="10"/>
    </row>
    <row r="459731" spans="14:14">
      <c r="N459731" s="10"/>
    </row>
    <row r="459732" spans="14:14">
      <c r="N459732" s="10"/>
    </row>
    <row r="459733" spans="14:14">
      <c r="N459733" s="10"/>
    </row>
    <row r="459734" spans="14:14">
      <c r="N459734" s="10"/>
    </row>
    <row r="459735" spans="14:14">
      <c r="N459735" s="10"/>
    </row>
    <row r="459736" spans="14:14">
      <c r="N459736" s="10"/>
    </row>
    <row r="459737" spans="14:14">
      <c r="N459737" s="10"/>
    </row>
    <row r="459738" spans="14:14">
      <c r="N459738" s="10"/>
    </row>
    <row r="459739" spans="14:14">
      <c r="N459739" s="10"/>
    </row>
    <row r="459740" spans="14:14">
      <c r="N459740" s="10"/>
    </row>
    <row r="459741" spans="14:14">
      <c r="N459741" s="10"/>
    </row>
    <row r="459742" spans="14:14">
      <c r="N459742" s="10"/>
    </row>
    <row r="459743" spans="14:14">
      <c r="N459743" s="10"/>
    </row>
    <row r="459744" spans="14:14">
      <c r="N459744" s="10"/>
    </row>
    <row r="459745" spans="14:14">
      <c r="N459745" s="10"/>
    </row>
    <row r="459746" spans="14:14">
      <c r="N459746" s="10"/>
    </row>
    <row r="459747" spans="14:14">
      <c r="N459747" s="10"/>
    </row>
    <row r="459748" spans="14:14">
      <c r="N459748" s="10"/>
    </row>
    <row r="459749" spans="14:14">
      <c r="N459749" s="10"/>
    </row>
    <row r="459750" spans="14:14">
      <c r="N459750" s="10"/>
    </row>
    <row r="459751" spans="14:14">
      <c r="N459751" s="10"/>
    </row>
    <row r="459752" spans="14:14">
      <c r="N459752" s="10"/>
    </row>
    <row r="459753" spans="14:14">
      <c r="N459753" s="10"/>
    </row>
    <row r="459754" spans="14:14">
      <c r="N459754" s="10"/>
    </row>
    <row r="459755" spans="14:14">
      <c r="N459755" s="10"/>
    </row>
    <row r="459756" spans="14:14">
      <c r="N459756" s="10"/>
    </row>
    <row r="459757" spans="14:14">
      <c r="N459757" s="10"/>
    </row>
    <row r="459758" spans="14:14">
      <c r="N459758" s="10"/>
    </row>
    <row r="459759" spans="14:14">
      <c r="N459759" s="10"/>
    </row>
    <row r="459760" spans="14:14">
      <c r="N459760" s="10"/>
    </row>
    <row r="459761" spans="14:14">
      <c r="N459761" s="10"/>
    </row>
    <row r="459762" spans="14:14">
      <c r="N459762" s="10"/>
    </row>
    <row r="459763" spans="14:14">
      <c r="N459763" s="10"/>
    </row>
    <row r="459764" spans="14:14">
      <c r="N459764" s="10"/>
    </row>
    <row r="459765" spans="14:14">
      <c r="N459765" s="10"/>
    </row>
    <row r="459766" spans="14:14">
      <c r="N459766" s="10"/>
    </row>
    <row r="459767" spans="14:14">
      <c r="N459767" s="10"/>
    </row>
    <row r="459768" spans="14:14">
      <c r="N459768" s="10"/>
    </row>
    <row r="459769" spans="14:14">
      <c r="N459769" s="10"/>
    </row>
    <row r="459770" spans="14:14">
      <c r="N459770" s="10"/>
    </row>
    <row r="459771" spans="14:14">
      <c r="N459771" s="10"/>
    </row>
    <row r="459772" spans="14:14">
      <c r="N459772" s="10"/>
    </row>
    <row r="459773" spans="14:14">
      <c r="N459773" s="10"/>
    </row>
    <row r="459774" spans="14:14">
      <c r="N459774" s="10"/>
    </row>
    <row r="459775" spans="14:14">
      <c r="N459775" s="10"/>
    </row>
    <row r="459776" spans="14:14">
      <c r="N459776" s="10"/>
    </row>
    <row r="459777" spans="14:14">
      <c r="N459777" s="10"/>
    </row>
    <row r="459778" spans="14:14">
      <c r="N459778" s="10"/>
    </row>
    <row r="459779" spans="14:14">
      <c r="N459779" s="10"/>
    </row>
    <row r="459780" spans="14:14">
      <c r="N459780" s="10"/>
    </row>
    <row r="459781" spans="14:14">
      <c r="N459781" s="10"/>
    </row>
    <row r="459782" spans="14:14">
      <c r="N459782" s="10"/>
    </row>
    <row r="459783" spans="14:14">
      <c r="N459783" s="10"/>
    </row>
    <row r="459784" spans="14:14">
      <c r="N459784" s="10"/>
    </row>
    <row r="459785" spans="14:14">
      <c r="N459785" s="10"/>
    </row>
    <row r="459786" spans="14:14">
      <c r="N459786" s="10"/>
    </row>
    <row r="459787" spans="14:14">
      <c r="N459787" s="10"/>
    </row>
    <row r="459788" spans="14:14">
      <c r="N459788" s="10"/>
    </row>
    <row r="459789" spans="14:14">
      <c r="N459789" s="10"/>
    </row>
    <row r="459790" spans="14:14">
      <c r="N459790" s="10"/>
    </row>
    <row r="459791" spans="14:14">
      <c r="N459791" s="10"/>
    </row>
    <row r="459792" spans="14:14">
      <c r="N459792" s="10"/>
    </row>
    <row r="459793" spans="14:14">
      <c r="N459793" s="10"/>
    </row>
    <row r="459794" spans="14:14">
      <c r="N459794" s="10"/>
    </row>
    <row r="459795" spans="14:14">
      <c r="N459795" s="10"/>
    </row>
    <row r="459796" spans="14:14">
      <c r="N459796" s="10"/>
    </row>
    <row r="459797" spans="14:14">
      <c r="N459797" s="10"/>
    </row>
    <row r="459798" spans="14:14">
      <c r="N459798" s="10"/>
    </row>
    <row r="459799" spans="14:14">
      <c r="N459799" s="10"/>
    </row>
    <row r="459800" spans="14:14">
      <c r="N459800" s="10"/>
    </row>
    <row r="459801" spans="14:14">
      <c r="N459801" s="10"/>
    </row>
    <row r="459802" spans="14:14">
      <c r="N459802" s="10"/>
    </row>
    <row r="459803" spans="14:14">
      <c r="N459803" s="10"/>
    </row>
    <row r="459804" spans="14:14">
      <c r="N459804" s="10"/>
    </row>
    <row r="459805" spans="14:14">
      <c r="N459805" s="10"/>
    </row>
    <row r="459806" spans="14:14">
      <c r="N459806" s="10"/>
    </row>
    <row r="459807" spans="14:14">
      <c r="N459807" s="10"/>
    </row>
    <row r="459808" spans="14:14">
      <c r="N459808" s="10"/>
    </row>
    <row r="459809" spans="14:14">
      <c r="N459809" s="10"/>
    </row>
    <row r="459810" spans="14:14">
      <c r="N459810" s="10"/>
    </row>
    <row r="459811" spans="14:14">
      <c r="N459811" s="10"/>
    </row>
    <row r="459812" spans="14:14">
      <c r="N459812" s="10"/>
    </row>
    <row r="459813" spans="14:14">
      <c r="N459813" s="10"/>
    </row>
    <row r="459814" spans="14:14">
      <c r="N459814" s="10"/>
    </row>
    <row r="459815" spans="14:14">
      <c r="N459815" s="10"/>
    </row>
    <row r="459816" spans="14:14">
      <c r="N459816" s="10"/>
    </row>
    <row r="459817" spans="14:14">
      <c r="N459817" s="10"/>
    </row>
    <row r="459818" spans="14:14">
      <c r="N459818" s="10"/>
    </row>
    <row r="459819" spans="14:14">
      <c r="N459819" s="10"/>
    </row>
    <row r="459820" spans="14:14">
      <c r="N459820" s="10"/>
    </row>
    <row r="459821" spans="14:14">
      <c r="N459821" s="10"/>
    </row>
    <row r="459822" spans="14:14">
      <c r="N459822" s="10"/>
    </row>
    <row r="459823" spans="14:14">
      <c r="N459823" s="10"/>
    </row>
    <row r="459824" spans="14:14">
      <c r="N459824" s="10"/>
    </row>
    <row r="459825" spans="14:14">
      <c r="N459825" s="10"/>
    </row>
    <row r="459826" spans="14:14">
      <c r="N459826" s="10"/>
    </row>
    <row r="459827" spans="14:14">
      <c r="N459827" s="10"/>
    </row>
    <row r="459828" spans="14:14">
      <c r="N459828" s="10"/>
    </row>
    <row r="459829" spans="14:14">
      <c r="N459829" s="10"/>
    </row>
    <row r="459830" spans="14:14">
      <c r="N459830" s="10"/>
    </row>
    <row r="459831" spans="14:14">
      <c r="N459831" s="10"/>
    </row>
    <row r="459832" spans="14:14">
      <c r="N459832" s="10"/>
    </row>
    <row r="459833" spans="14:14">
      <c r="N459833" s="10"/>
    </row>
    <row r="459834" spans="14:14">
      <c r="N459834" s="10"/>
    </row>
    <row r="459835" spans="14:14">
      <c r="N459835" s="10"/>
    </row>
    <row r="459836" spans="14:14">
      <c r="N459836" s="10"/>
    </row>
    <row r="459837" spans="14:14">
      <c r="N459837" s="10"/>
    </row>
    <row r="459838" spans="14:14">
      <c r="N459838" s="10"/>
    </row>
    <row r="459839" spans="14:14">
      <c r="N459839" s="10"/>
    </row>
    <row r="459840" spans="14:14">
      <c r="N459840" s="10"/>
    </row>
    <row r="459841" spans="14:14">
      <c r="N459841" s="10"/>
    </row>
    <row r="459842" spans="14:14">
      <c r="N459842" s="10"/>
    </row>
    <row r="459843" spans="14:14">
      <c r="N459843" s="10"/>
    </row>
    <row r="459844" spans="14:14">
      <c r="N459844" s="10"/>
    </row>
    <row r="459845" spans="14:14">
      <c r="N459845" s="10"/>
    </row>
    <row r="459846" spans="14:14">
      <c r="N459846" s="10"/>
    </row>
    <row r="459847" spans="14:14">
      <c r="N459847" s="10"/>
    </row>
    <row r="459848" spans="14:14">
      <c r="N459848" s="10"/>
    </row>
    <row r="459849" spans="14:14">
      <c r="N459849" s="10"/>
    </row>
    <row r="459850" spans="14:14">
      <c r="N459850" s="10"/>
    </row>
    <row r="459851" spans="14:14">
      <c r="N459851" s="10"/>
    </row>
    <row r="459852" spans="14:14">
      <c r="N459852" s="10"/>
    </row>
    <row r="459853" spans="14:14">
      <c r="N459853" s="10"/>
    </row>
    <row r="459854" spans="14:14">
      <c r="N459854" s="10"/>
    </row>
    <row r="459855" spans="14:14">
      <c r="N459855" s="10"/>
    </row>
    <row r="459856" spans="14:14">
      <c r="N459856" s="10"/>
    </row>
    <row r="459857" spans="14:14">
      <c r="N459857" s="10"/>
    </row>
    <row r="459858" spans="14:14">
      <c r="N459858" s="10"/>
    </row>
    <row r="459859" spans="14:14">
      <c r="N459859" s="10"/>
    </row>
    <row r="459860" spans="14:14">
      <c r="N459860" s="10"/>
    </row>
    <row r="459861" spans="14:14">
      <c r="N459861" s="10"/>
    </row>
    <row r="459862" spans="14:14">
      <c r="N459862" s="10"/>
    </row>
    <row r="459863" spans="14:14">
      <c r="N459863" s="10"/>
    </row>
    <row r="459864" spans="14:14">
      <c r="N459864" s="10"/>
    </row>
    <row r="459865" spans="14:14">
      <c r="N459865" s="10"/>
    </row>
    <row r="459866" spans="14:14">
      <c r="N459866" s="10"/>
    </row>
    <row r="459867" spans="14:14">
      <c r="N459867" s="10"/>
    </row>
    <row r="459868" spans="14:14">
      <c r="N459868" s="10"/>
    </row>
    <row r="459869" spans="14:14">
      <c r="N459869" s="10"/>
    </row>
    <row r="459870" spans="14:14">
      <c r="N459870" s="10"/>
    </row>
    <row r="459871" spans="14:14">
      <c r="N459871" s="10"/>
    </row>
    <row r="459872" spans="14:14">
      <c r="N459872" s="10"/>
    </row>
    <row r="459873" spans="14:14">
      <c r="N459873" s="10"/>
    </row>
    <row r="459874" spans="14:14">
      <c r="N459874" s="10"/>
    </row>
    <row r="459875" spans="14:14">
      <c r="N459875" s="10"/>
    </row>
    <row r="459876" spans="14:14">
      <c r="N459876" s="10"/>
    </row>
    <row r="459877" spans="14:14">
      <c r="N459877" s="10"/>
    </row>
    <row r="459878" spans="14:14">
      <c r="N459878" s="10"/>
    </row>
    <row r="459879" spans="14:14">
      <c r="N459879" s="10"/>
    </row>
    <row r="459880" spans="14:14">
      <c r="N459880" s="10"/>
    </row>
    <row r="459881" spans="14:14">
      <c r="N459881" s="10"/>
    </row>
    <row r="459882" spans="14:14">
      <c r="N459882" s="10"/>
    </row>
    <row r="459883" spans="14:14">
      <c r="N459883" s="10"/>
    </row>
    <row r="459884" spans="14:14">
      <c r="N459884" s="10"/>
    </row>
    <row r="459885" spans="14:14">
      <c r="N459885" s="10"/>
    </row>
    <row r="459886" spans="14:14">
      <c r="N459886" s="10"/>
    </row>
    <row r="459887" spans="14:14">
      <c r="N459887" s="10"/>
    </row>
    <row r="459888" spans="14:14">
      <c r="N459888" s="10"/>
    </row>
    <row r="459889" spans="14:14">
      <c r="N459889" s="10"/>
    </row>
    <row r="459890" spans="14:14">
      <c r="N459890" s="10"/>
    </row>
    <row r="459891" spans="14:14">
      <c r="N459891" s="10"/>
    </row>
    <row r="459892" spans="14:14">
      <c r="N459892" s="10"/>
    </row>
    <row r="459893" spans="14:14">
      <c r="N459893" s="10"/>
    </row>
    <row r="459894" spans="14:14">
      <c r="N459894" s="10"/>
    </row>
    <row r="459895" spans="14:14">
      <c r="N459895" s="10"/>
    </row>
    <row r="459896" spans="14:14">
      <c r="N459896" s="10"/>
    </row>
    <row r="459897" spans="14:14">
      <c r="N459897" s="10"/>
    </row>
    <row r="459898" spans="14:14">
      <c r="N459898" s="10"/>
    </row>
    <row r="459899" spans="14:14">
      <c r="N459899" s="10"/>
    </row>
    <row r="459900" spans="14:14">
      <c r="N459900" s="10"/>
    </row>
    <row r="459901" spans="14:14">
      <c r="N459901" s="10"/>
    </row>
    <row r="459902" spans="14:14">
      <c r="N459902" s="10"/>
    </row>
    <row r="459903" spans="14:14">
      <c r="N459903" s="10"/>
    </row>
    <row r="459904" spans="14:14">
      <c r="N459904" s="10"/>
    </row>
    <row r="459905" spans="14:14">
      <c r="N459905" s="10"/>
    </row>
    <row r="459906" spans="14:14">
      <c r="N459906" s="10"/>
    </row>
    <row r="459907" spans="14:14">
      <c r="N459907" s="10"/>
    </row>
    <row r="459908" spans="14:14">
      <c r="N459908" s="10"/>
    </row>
    <row r="459909" spans="14:14">
      <c r="N459909" s="10"/>
    </row>
    <row r="459910" spans="14:14">
      <c r="N459910" s="10"/>
    </row>
    <row r="459911" spans="14:14">
      <c r="N459911" s="10"/>
    </row>
    <row r="459912" spans="14:14">
      <c r="N459912" s="10"/>
    </row>
    <row r="459913" spans="14:14">
      <c r="N459913" s="10"/>
    </row>
    <row r="459914" spans="14:14">
      <c r="N459914" s="10"/>
    </row>
    <row r="459915" spans="14:14">
      <c r="N459915" s="10"/>
    </row>
    <row r="459916" spans="14:14">
      <c r="N459916" s="10"/>
    </row>
    <row r="459917" spans="14:14">
      <c r="N459917" s="10"/>
    </row>
    <row r="459918" spans="14:14">
      <c r="N459918" s="10"/>
    </row>
    <row r="459919" spans="14:14">
      <c r="N459919" s="10"/>
    </row>
    <row r="459920" spans="14:14">
      <c r="N459920" s="10"/>
    </row>
    <row r="459921" spans="14:14">
      <c r="N459921" s="10"/>
    </row>
    <row r="459922" spans="14:14">
      <c r="N459922" s="10"/>
    </row>
    <row r="459923" spans="14:14">
      <c r="N459923" s="10"/>
    </row>
    <row r="459924" spans="14:14">
      <c r="N459924" s="10"/>
    </row>
    <row r="459925" spans="14:14">
      <c r="N459925" s="10"/>
    </row>
    <row r="459926" spans="14:14">
      <c r="N459926" s="10"/>
    </row>
    <row r="459927" spans="14:14">
      <c r="N459927" s="10"/>
    </row>
    <row r="459928" spans="14:14">
      <c r="N459928" s="10"/>
    </row>
    <row r="459929" spans="14:14">
      <c r="N459929" s="10"/>
    </row>
    <row r="459930" spans="14:14">
      <c r="N459930" s="10"/>
    </row>
    <row r="459931" spans="14:14">
      <c r="N459931" s="10"/>
    </row>
    <row r="459932" spans="14:14">
      <c r="N459932" s="10"/>
    </row>
    <row r="459933" spans="14:14">
      <c r="N459933" s="10"/>
    </row>
    <row r="459934" spans="14:14">
      <c r="N459934" s="10"/>
    </row>
    <row r="459935" spans="14:14">
      <c r="N459935" s="10"/>
    </row>
    <row r="459936" spans="14:14">
      <c r="N459936" s="10"/>
    </row>
    <row r="459937" spans="14:14">
      <c r="N459937" s="10"/>
    </row>
    <row r="459938" spans="14:14">
      <c r="N459938" s="10"/>
    </row>
    <row r="459939" spans="14:14">
      <c r="N459939" s="10"/>
    </row>
    <row r="459940" spans="14:14">
      <c r="N459940" s="10"/>
    </row>
    <row r="459941" spans="14:14">
      <c r="N459941" s="10"/>
    </row>
    <row r="459942" spans="14:14">
      <c r="N459942" s="10"/>
    </row>
    <row r="459943" spans="14:14">
      <c r="N459943" s="10"/>
    </row>
    <row r="459944" spans="14:14">
      <c r="N459944" s="10"/>
    </row>
    <row r="459945" spans="14:14">
      <c r="N459945" s="10"/>
    </row>
    <row r="459946" spans="14:14">
      <c r="N459946" s="10"/>
    </row>
    <row r="459947" spans="14:14">
      <c r="N459947" s="10"/>
    </row>
    <row r="459948" spans="14:14">
      <c r="N459948" s="10"/>
    </row>
    <row r="459949" spans="14:14">
      <c r="N459949" s="10"/>
    </row>
    <row r="459950" spans="14:14">
      <c r="N459950" s="10"/>
    </row>
    <row r="459951" spans="14:14">
      <c r="N459951" s="10"/>
    </row>
    <row r="459952" spans="14:14">
      <c r="N459952" s="10"/>
    </row>
    <row r="459953" spans="14:14">
      <c r="N459953" s="10"/>
    </row>
    <row r="459954" spans="14:14">
      <c r="N459954" s="10"/>
    </row>
    <row r="459955" spans="14:14">
      <c r="N459955" s="10"/>
    </row>
    <row r="459956" spans="14:14">
      <c r="N459956" s="10"/>
    </row>
    <row r="459957" spans="14:14">
      <c r="N459957" s="10"/>
    </row>
    <row r="459958" spans="14:14">
      <c r="N459958" s="10"/>
    </row>
    <row r="459959" spans="14:14">
      <c r="N459959" s="10"/>
    </row>
    <row r="459960" spans="14:14">
      <c r="N459960" s="10"/>
    </row>
    <row r="459961" spans="14:14">
      <c r="N459961" s="10"/>
    </row>
    <row r="459962" spans="14:14">
      <c r="N459962" s="10"/>
    </row>
    <row r="459963" spans="14:14">
      <c r="N459963" s="10"/>
    </row>
    <row r="459964" spans="14:14">
      <c r="N459964" s="10"/>
    </row>
    <row r="459965" spans="14:14">
      <c r="N459965" s="10"/>
    </row>
    <row r="459966" spans="14:14">
      <c r="N459966" s="10"/>
    </row>
    <row r="459967" spans="14:14">
      <c r="N459967" s="10"/>
    </row>
    <row r="459968" spans="14:14">
      <c r="N459968" s="10"/>
    </row>
    <row r="459969" spans="14:14">
      <c r="N459969" s="10"/>
    </row>
    <row r="459970" spans="14:14">
      <c r="N459970" s="10"/>
    </row>
    <row r="459971" spans="14:14">
      <c r="N459971" s="10"/>
    </row>
    <row r="459972" spans="14:14">
      <c r="N459972" s="10"/>
    </row>
    <row r="459973" spans="14:14">
      <c r="N459973" s="10"/>
    </row>
    <row r="459974" spans="14:14">
      <c r="N459974" s="10"/>
    </row>
    <row r="459975" spans="14:14">
      <c r="N459975" s="10"/>
    </row>
    <row r="459976" spans="14:14">
      <c r="N459976" s="10"/>
    </row>
    <row r="459977" spans="14:14">
      <c r="N459977" s="10"/>
    </row>
    <row r="459978" spans="14:14">
      <c r="N459978" s="10"/>
    </row>
    <row r="459979" spans="14:14">
      <c r="N459979" s="10"/>
    </row>
    <row r="459980" spans="14:14">
      <c r="N459980" s="10"/>
    </row>
    <row r="459981" spans="14:14">
      <c r="N459981" s="10"/>
    </row>
    <row r="459982" spans="14:14">
      <c r="N459982" s="10"/>
    </row>
    <row r="459983" spans="14:14">
      <c r="N459983" s="10"/>
    </row>
    <row r="459984" spans="14:14">
      <c r="N459984" s="10"/>
    </row>
    <row r="459985" spans="14:14">
      <c r="N459985" s="10"/>
    </row>
    <row r="459986" spans="14:14">
      <c r="N459986" s="10"/>
    </row>
    <row r="459987" spans="14:14">
      <c r="N459987" s="10"/>
    </row>
    <row r="459988" spans="14:14">
      <c r="N459988" s="10"/>
    </row>
    <row r="459989" spans="14:14">
      <c r="N459989" s="10"/>
    </row>
    <row r="459990" spans="14:14">
      <c r="N459990" s="10"/>
    </row>
    <row r="459991" spans="14:14">
      <c r="N459991" s="10"/>
    </row>
    <row r="459992" spans="14:14">
      <c r="N459992" s="10"/>
    </row>
    <row r="459993" spans="14:14">
      <c r="N459993" s="10"/>
    </row>
    <row r="459994" spans="14:14">
      <c r="N459994" s="10"/>
    </row>
    <row r="459995" spans="14:14">
      <c r="N459995" s="10"/>
    </row>
    <row r="459996" spans="14:14">
      <c r="N459996" s="10"/>
    </row>
    <row r="459997" spans="14:14">
      <c r="N459997" s="10"/>
    </row>
    <row r="459998" spans="14:14">
      <c r="N459998" s="10"/>
    </row>
    <row r="459999" spans="14:14">
      <c r="N459999" s="10"/>
    </row>
    <row r="460000" spans="14:14">
      <c r="N460000" s="10"/>
    </row>
    <row r="460001" spans="14:14">
      <c r="N460001" s="10"/>
    </row>
    <row r="460002" spans="14:14">
      <c r="N460002" s="10"/>
    </row>
    <row r="460003" spans="14:14">
      <c r="N460003" s="10"/>
    </row>
    <row r="460004" spans="14:14">
      <c r="N460004" s="10"/>
    </row>
    <row r="460005" spans="14:14">
      <c r="N460005" s="10"/>
    </row>
    <row r="460006" spans="14:14">
      <c r="N460006" s="10"/>
    </row>
    <row r="460007" spans="14:14">
      <c r="N460007" s="10"/>
    </row>
    <row r="460008" spans="14:14">
      <c r="N460008" s="10"/>
    </row>
    <row r="460009" spans="14:14">
      <c r="N460009" s="10"/>
    </row>
    <row r="460010" spans="14:14">
      <c r="N460010" s="10"/>
    </row>
    <row r="460011" spans="14:14">
      <c r="N460011" s="10"/>
    </row>
    <row r="460012" spans="14:14">
      <c r="N460012" s="10"/>
    </row>
    <row r="460013" spans="14:14">
      <c r="N460013" s="10"/>
    </row>
    <row r="460014" spans="14:14">
      <c r="N460014" s="10"/>
    </row>
    <row r="460015" spans="14:14">
      <c r="N460015" s="10"/>
    </row>
    <row r="460016" spans="14:14">
      <c r="N460016" s="10"/>
    </row>
    <row r="460017" spans="14:14">
      <c r="N460017" s="10"/>
    </row>
    <row r="460018" spans="14:14">
      <c r="N460018" s="10"/>
    </row>
    <row r="460019" spans="14:14">
      <c r="N460019" s="10"/>
    </row>
    <row r="460020" spans="14:14">
      <c r="N460020" s="10"/>
    </row>
    <row r="460021" spans="14:14">
      <c r="N460021" s="10"/>
    </row>
    <row r="460022" spans="14:14">
      <c r="N460022" s="10"/>
    </row>
    <row r="460023" spans="14:14">
      <c r="N460023" s="10"/>
    </row>
    <row r="460024" spans="14:14">
      <c r="N460024" s="10"/>
    </row>
    <row r="460025" spans="14:14">
      <c r="N460025" s="10"/>
    </row>
    <row r="460026" spans="14:14">
      <c r="N460026" s="10"/>
    </row>
    <row r="460027" spans="14:14">
      <c r="N460027" s="10"/>
    </row>
    <row r="460028" spans="14:14">
      <c r="N460028" s="10"/>
    </row>
    <row r="460029" spans="14:14">
      <c r="N460029" s="10"/>
    </row>
    <row r="460030" spans="14:14">
      <c r="N460030" s="10"/>
    </row>
    <row r="460031" spans="14:14">
      <c r="N460031" s="10"/>
    </row>
    <row r="460032" spans="14:14">
      <c r="N460032" s="10"/>
    </row>
    <row r="460033" spans="14:14">
      <c r="N460033" s="10"/>
    </row>
    <row r="460034" spans="14:14">
      <c r="N460034" s="10"/>
    </row>
    <row r="460035" spans="14:14">
      <c r="N460035" s="10"/>
    </row>
    <row r="460036" spans="14:14">
      <c r="N460036" s="10"/>
    </row>
    <row r="460037" spans="14:14">
      <c r="N460037" s="10"/>
    </row>
    <row r="460038" spans="14:14">
      <c r="N460038" s="10"/>
    </row>
    <row r="460039" spans="14:14">
      <c r="N460039" s="10"/>
    </row>
    <row r="460040" spans="14:14">
      <c r="N460040" s="10"/>
    </row>
    <row r="460041" spans="14:14">
      <c r="N460041" s="10"/>
    </row>
    <row r="460042" spans="14:14">
      <c r="N460042" s="10"/>
    </row>
    <row r="460043" spans="14:14">
      <c r="N460043" s="10"/>
    </row>
    <row r="460044" spans="14:14">
      <c r="N460044" s="10"/>
    </row>
    <row r="460045" spans="14:14">
      <c r="N460045" s="10"/>
    </row>
    <row r="460046" spans="14:14">
      <c r="N460046" s="10"/>
    </row>
    <row r="460047" spans="14:14">
      <c r="N460047" s="10"/>
    </row>
    <row r="460048" spans="14:14">
      <c r="N460048" s="10"/>
    </row>
    <row r="460049" spans="14:14">
      <c r="N460049" s="10"/>
    </row>
    <row r="460050" spans="14:14">
      <c r="N460050" s="10"/>
    </row>
    <row r="460051" spans="14:14">
      <c r="N460051" s="10"/>
    </row>
    <row r="460052" spans="14:14">
      <c r="N460052" s="10"/>
    </row>
    <row r="460053" spans="14:14">
      <c r="N460053" s="10"/>
    </row>
    <row r="460054" spans="14:14">
      <c r="N460054" s="10"/>
    </row>
    <row r="460055" spans="14:14">
      <c r="N460055" s="10"/>
    </row>
    <row r="460056" spans="14:14">
      <c r="N460056" s="10"/>
    </row>
    <row r="460057" spans="14:14">
      <c r="N460057" s="10"/>
    </row>
    <row r="460058" spans="14:14">
      <c r="N460058" s="10"/>
    </row>
    <row r="460059" spans="14:14">
      <c r="N460059" s="10"/>
    </row>
    <row r="460060" spans="14:14">
      <c r="N460060" s="10"/>
    </row>
    <row r="460061" spans="14:14">
      <c r="N460061" s="10"/>
    </row>
    <row r="460062" spans="14:14">
      <c r="N460062" s="10"/>
    </row>
    <row r="460063" spans="14:14">
      <c r="N460063" s="10"/>
    </row>
    <row r="460064" spans="14:14">
      <c r="N460064" s="10"/>
    </row>
    <row r="460065" spans="14:14">
      <c r="N460065" s="10"/>
    </row>
    <row r="460066" spans="14:14">
      <c r="N460066" s="10"/>
    </row>
    <row r="460067" spans="14:14">
      <c r="N460067" s="10"/>
    </row>
    <row r="460068" spans="14:14">
      <c r="N460068" s="10"/>
    </row>
    <row r="460069" spans="14:14">
      <c r="N460069" s="10"/>
    </row>
    <row r="460070" spans="14:14">
      <c r="N460070" s="10"/>
    </row>
    <row r="460071" spans="14:14">
      <c r="N460071" s="10"/>
    </row>
    <row r="460072" spans="14:14">
      <c r="N460072" s="10"/>
    </row>
    <row r="460073" spans="14:14">
      <c r="N460073" s="10"/>
    </row>
    <row r="460074" spans="14:14">
      <c r="N460074" s="10"/>
    </row>
    <row r="460075" spans="14:14">
      <c r="N460075" s="10"/>
    </row>
    <row r="460076" spans="14:14">
      <c r="N460076" s="10"/>
    </row>
    <row r="460077" spans="14:14">
      <c r="N460077" s="10"/>
    </row>
    <row r="460078" spans="14:14">
      <c r="N460078" s="10"/>
    </row>
    <row r="460079" spans="14:14">
      <c r="N460079" s="10"/>
    </row>
    <row r="460080" spans="14:14">
      <c r="N460080" s="10"/>
    </row>
    <row r="460081" spans="14:14">
      <c r="N460081" s="10"/>
    </row>
    <row r="460082" spans="14:14">
      <c r="N460082" s="10"/>
    </row>
    <row r="460083" spans="14:14">
      <c r="N460083" s="10"/>
    </row>
    <row r="460084" spans="14:14">
      <c r="N460084" s="10"/>
    </row>
    <row r="460085" spans="14:14">
      <c r="N460085" s="10"/>
    </row>
    <row r="460086" spans="14:14">
      <c r="N460086" s="10"/>
    </row>
    <row r="460087" spans="14:14">
      <c r="N460087" s="10"/>
    </row>
    <row r="460088" spans="14:14">
      <c r="N460088" s="10"/>
    </row>
    <row r="460089" spans="14:14">
      <c r="N460089" s="10"/>
    </row>
    <row r="460090" spans="14:14">
      <c r="N460090" s="10"/>
    </row>
    <row r="460091" spans="14:14">
      <c r="N460091" s="10"/>
    </row>
    <row r="460092" spans="14:14">
      <c r="N460092" s="10"/>
    </row>
    <row r="460093" spans="14:14">
      <c r="N460093" s="10"/>
    </row>
    <row r="460094" spans="14:14">
      <c r="N460094" s="10"/>
    </row>
    <row r="460095" spans="14:14">
      <c r="N460095" s="10"/>
    </row>
    <row r="460096" spans="14:14">
      <c r="N460096" s="10"/>
    </row>
    <row r="460097" spans="14:14">
      <c r="N460097" s="10"/>
    </row>
    <row r="460098" spans="14:14">
      <c r="N460098" s="10"/>
    </row>
    <row r="460099" spans="14:14">
      <c r="N460099" s="10"/>
    </row>
    <row r="460100" spans="14:14">
      <c r="N460100" s="10"/>
    </row>
    <row r="460101" spans="14:14">
      <c r="N460101" s="10"/>
    </row>
    <row r="460102" spans="14:14">
      <c r="N460102" s="10"/>
    </row>
    <row r="460103" spans="14:14">
      <c r="N460103" s="10"/>
    </row>
    <row r="460104" spans="14:14">
      <c r="N460104" s="10"/>
    </row>
    <row r="460105" spans="14:14">
      <c r="N460105" s="10"/>
    </row>
    <row r="460106" spans="14:14">
      <c r="N460106" s="10"/>
    </row>
    <row r="460107" spans="14:14">
      <c r="N460107" s="10"/>
    </row>
    <row r="460108" spans="14:14">
      <c r="N460108" s="10"/>
    </row>
    <row r="460109" spans="14:14">
      <c r="N460109" s="10"/>
    </row>
    <row r="460110" spans="14:14">
      <c r="N460110" s="10"/>
    </row>
    <row r="460111" spans="14:14">
      <c r="N460111" s="10"/>
    </row>
    <row r="460112" spans="14:14">
      <c r="N460112" s="10"/>
    </row>
    <row r="460113" spans="14:14">
      <c r="N460113" s="10"/>
    </row>
    <row r="460114" spans="14:14">
      <c r="N460114" s="10"/>
    </row>
    <row r="460115" spans="14:14">
      <c r="N460115" s="10"/>
    </row>
    <row r="460116" spans="14:14">
      <c r="N460116" s="10"/>
    </row>
    <row r="460117" spans="14:14">
      <c r="N460117" s="10"/>
    </row>
    <row r="460118" spans="14:14">
      <c r="N460118" s="10"/>
    </row>
    <row r="460119" spans="14:14">
      <c r="N460119" s="10"/>
    </row>
    <row r="460120" spans="14:14">
      <c r="N460120" s="10"/>
    </row>
    <row r="460121" spans="14:14">
      <c r="N460121" s="10"/>
    </row>
    <row r="460122" spans="14:14">
      <c r="N460122" s="10"/>
    </row>
    <row r="460123" spans="14:14">
      <c r="N460123" s="10"/>
    </row>
    <row r="460124" spans="14:14">
      <c r="N460124" s="10"/>
    </row>
    <row r="460125" spans="14:14">
      <c r="N460125" s="10"/>
    </row>
    <row r="460126" spans="14:14">
      <c r="N460126" s="10"/>
    </row>
    <row r="460127" spans="14:14">
      <c r="N460127" s="10"/>
    </row>
    <row r="460128" spans="14:14">
      <c r="N460128" s="10"/>
    </row>
    <row r="460129" spans="14:14">
      <c r="N460129" s="10"/>
    </row>
    <row r="460130" spans="14:14">
      <c r="N460130" s="10"/>
    </row>
    <row r="460131" spans="14:14">
      <c r="N460131" s="10"/>
    </row>
    <row r="460132" spans="14:14">
      <c r="N460132" s="10"/>
    </row>
    <row r="460133" spans="14:14">
      <c r="N460133" s="10"/>
    </row>
    <row r="460134" spans="14:14">
      <c r="N460134" s="10"/>
    </row>
    <row r="460135" spans="14:14">
      <c r="N460135" s="10"/>
    </row>
    <row r="460136" spans="14:14">
      <c r="N460136" s="10"/>
    </row>
    <row r="460137" spans="14:14">
      <c r="N460137" s="10"/>
    </row>
    <row r="460138" spans="14:14">
      <c r="N460138" s="10"/>
    </row>
    <row r="460139" spans="14:14">
      <c r="N460139" s="10"/>
    </row>
    <row r="460140" spans="14:14">
      <c r="N460140" s="10"/>
    </row>
    <row r="460141" spans="14:14">
      <c r="N460141" s="10"/>
    </row>
    <row r="460142" spans="14:14">
      <c r="N460142" s="10"/>
    </row>
    <row r="460143" spans="14:14">
      <c r="N460143" s="10"/>
    </row>
    <row r="460144" spans="14:14">
      <c r="N460144" s="10"/>
    </row>
    <row r="460145" spans="14:14">
      <c r="N460145" s="10"/>
    </row>
    <row r="460146" spans="14:14">
      <c r="N460146" s="10"/>
    </row>
    <row r="460147" spans="14:14">
      <c r="N460147" s="10"/>
    </row>
    <row r="460148" spans="14:14">
      <c r="N460148" s="10"/>
    </row>
    <row r="460149" spans="14:14">
      <c r="N460149" s="10"/>
    </row>
    <row r="460150" spans="14:14">
      <c r="N460150" s="10"/>
    </row>
    <row r="460151" spans="14:14">
      <c r="N460151" s="10"/>
    </row>
    <row r="460152" spans="14:14">
      <c r="N460152" s="10"/>
    </row>
    <row r="460153" spans="14:14">
      <c r="N460153" s="10"/>
    </row>
    <row r="460154" spans="14:14">
      <c r="N460154" s="10"/>
    </row>
    <row r="460155" spans="14:14">
      <c r="N460155" s="10"/>
    </row>
    <row r="460156" spans="14:14">
      <c r="N460156" s="10"/>
    </row>
    <row r="460157" spans="14:14">
      <c r="N460157" s="10"/>
    </row>
    <row r="460158" spans="14:14">
      <c r="N460158" s="10"/>
    </row>
    <row r="460159" spans="14:14">
      <c r="N460159" s="10"/>
    </row>
    <row r="460160" spans="14:14">
      <c r="N460160" s="10"/>
    </row>
    <row r="460161" spans="14:14">
      <c r="N460161" s="10"/>
    </row>
    <row r="460162" spans="14:14">
      <c r="N460162" s="10"/>
    </row>
    <row r="460163" spans="14:14">
      <c r="N460163" s="10"/>
    </row>
    <row r="460164" spans="14:14">
      <c r="N460164" s="10"/>
    </row>
    <row r="460165" spans="14:14">
      <c r="N460165" s="10"/>
    </row>
    <row r="460166" spans="14:14">
      <c r="N460166" s="10"/>
    </row>
    <row r="460167" spans="14:14">
      <c r="N460167" s="10"/>
    </row>
    <row r="460168" spans="14:14">
      <c r="N460168" s="10"/>
    </row>
    <row r="460169" spans="14:14">
      <c r="N460169" s="10"/>
    </row>
    <row r="460170" spans="14:14">
      <c r="N460170" s="10"/>
    </row>
    <row r="460171" spans="14:14">
      <c r="N460171" s="10"/>
    </row>
    <row r="460172" spans="14:14">
      <c r="N460172" s="10"/>
    </row>
    <row r="460173" spans="14:14">
      <c r="N460173" s="10"/>
    </row>
    <row r="460174" spans="14:14">
      <c r="N460174" s="10"/>
    </row>
    <row r="460175" spans="14:14">
      <c r="N460175" s="10"/>
    </row>
    <row r="460176" spans="14:14">
      <c r="N460176" s="10"/>
    </row>
    <row r="460177" spans="14:14">
      <c r="N460177" s="10"/>
    </row>
    <row r="460178" spans="14:14">
      <c r="N460178" s="10"/>
    </row>
    <row r="460179" spans="14:14">
      <c r="N460179" s="10"/>
    </row>
    <row r="460180" spans="14:14">
      <c r="N460180" s="10"/>
    </row>
    <row r="460181" spans="14:14">
      <c r="N460181" s="10"/>
    </row>
    <row r="460182" spans="14:14">
      <c r="N460182" s="10"/>
    </row>
    <row r="460183" spans="14:14">
      <c r="N460183" s="10"/>
    </row>
    <row r="460184" spans="14:14">
      <c r="N460184" s="10"/>
    </row>
    <row r="460185" spans="14:14">
      <c r="N460185" s="10"/>
    </row>
    <row r="460186" spans="14:14">
      <c r="N460186" s="10"/>
    </row>
    <row r="460187" spans="14:14">
      <c r="N460187" s="10"/>
    </row>
    <row r="460188" spans="14:14">
      <c r="N460188" s="10"/>
    </row>
    <row r="460189" spans="14:14">
      <c r="N460189" s="10"/>
    </row>
    <row r="460190" spans="14:14">
      <c r="N460190" s="10"/>
    </row>
    <row r="460191" spans="14:14">
      <c r="N460191" s="10"/>
    </row>
    <row r="460192" spans="14:14">
      <c r="N460192" s="10"/>
    </row>
    <row r="460193" spans="14:14">
      <c r="N460193" s="10"/>
    </row>
    <row r="460194" spans="14:14">
      <c r="N460194" s="10"/>
    </row>
    <row r="460195" spans="14:14">
      <c r="N460195" s="10"/>
    </row>
    <row r="460196" spans="14:14">
      <c r="N460196" s="10"/>
    </row>
    <row r="460197" spans="14:14">
      <c r="N460197" s="10"/>
    </row>
    <row r="460198" spans="14:14">
      <c r="N460198" s="10"/>
    </row>
    <row r="460199" spans="14:14">
      <c r="N460199" s="10"/>
    </row>
    <row r="460200" spans="14:14">
      <c r="N460200" s="10"/>
    </row>
    <row r="460201" spans="14:14">
      <c r="N460201" s="10"/>
    </row>
    <row r="460202" spans="14:14">
      <c r="N460202" s="10"/>
    </row>
    <row r="460203" spans="14:14">
      <c r="N460203" s="10"/>
    </row>
    <row r="460204" spans="14:14">
      <c r="N460204" s="10"/>
    </row>
    <row r="460205" spans="14:14">
      <c r="N460205" s="10"/>
    </row>
    <row r="460206" spans="14:14">
      <c r="N460206" s="10"/>
    </row>
    <row r="460207" spans="14:14">
      <c r="N460207" s="10"/>
    </row>
    <row r="460208" spans="14:14">
      <c r="N460208" s="10"/>
    </row>
    <row r="460209" spans="14:14">
      <c r="N460209" s="10"/>
    </row>
    <row r="460210" spans="14:14">
      <c r="N460210" s="10"/>
    </row>
    <row r="460211" spans="14:14">
      <c r="N460211" s="10"/>
    </row>
    <row r="460212" spans="14:14">
      <c r="N460212" s="10"/>
    </row>
    <row r="460213" spans="14:14">
      <c r="N460213" s="10"/>
    </row>
    <row r="460214" spans="14:14">
      <c r="N460214" s="10"/>
    </row>
    <row r="460215" spans="14:14">
      <c r="N460215" s="10"/>
    </row>
    <row r="460216" spans="14:14">
      <c r="N460216" s="10"/>
    </row>
    <row r="460217" spans="14:14">
      <c r="N460217" s="10"/>
    </row>
    <row r="460218" spans="14:14">
      <c r="N460218" s="10"/>
    </row>
    <row r="460219" spans="14:14">
      <c r="N460219" s="10"/>
    </row>
    <row r="460220" spans="14:14">
      <c r="N460220" s="10"/>
    </row>
    <row r="460221" spans="14:14">
      <c r="N460221" s="10"/>
    </row>
    <row r="460222" spans="14:14">
      <c r="N460222" s="10"/>
    </row>
    <row r="460223" spans="14:14">
      <c r="N460223" s="10"/>
    </row>
    <row r="460224" spans="14:14">
      <c r="N460224" s="10"/>
    </row>
    <row r="460225" spans="14:14">
      <c r="N460225" s="10"/>
    </row>
    <row r="460226" spans="14:14">
      <c r="N460226" s="10"/>
    </row>
    <row r="460227" spans="14:14">
      <c r="N460227" s="10"/>
    </row>
    <row r="460228" spans="14:14">
      <c r="N460228" s="10"/>
    </row>
    <row r="460229" spans="14:14">
      <c r="N460229" s="10"/>
    </row>
    <row r="460230" spans="14:14">
      <c r="N460230" s="10"/>
    </row>
    <row r="460231" spans="14:14">
      <c r="N460231" s="10"/>
    </row>
    <row r="460232" spans="14:14">
      <c r="N460232" s="10"/>
    </row>
    <row r="460233" spans="14:14">
      <c r="N460233" s="10"/>
    </row>
    <row r="460234" spans="14:14">
      <c r="N460234" s="10"/>
    </row>
    <row r="460235" spans="14:14">
      <c r="N460235" s="10"/>
    </row>
    <row r="460236" spans="14:14">
      <c r="N460236" s="10"/>
    </row>
    <row r="460237" spans="14:14">
      <c r="N460237" s="10"/>
    </row>
    <row r="460238" spans="14:14">
      <c r="N460238" s="10"/>
    </row>
    <row r="460239" spans="14:14">
      <c r="N460239" s="10"/>
    </row>
    <row r="460240" spans="14:14">
      <c r="N460240" s="10"/>
    </row>
    <row r="460241" spans="14:14">
      <c r="N460241" s="10"/>
    </row>
    <row r="460242" spans="14:14">
      <c r="N460242" s="10"/>
    </row>
    <row r="460243" spans="14:14">
      <c r="N460243" s="10"/>
    </row>
    <row r="460244" spans="14:14">
      <c r="N460244" s="10"/>
    </row>
    <row r="460245" spans="14:14">
      <c r="N460245" s="10"/>
    </row>
    <row r="460246" spans="14:14">
      <c r="N460246" s="10"/>
    </row>
    <row r="460247" spans="14:14">
      <c r="N460247" s="10"/>
    </row>
    <row r="460248" spans="14:14">
      <c r="N460248" s="10"/>
    </row>
    <row r="460249" spans="14:14">
      <c r="N460249" s="10"/>
    </row>
    <row r="460250" spans="14:14">
      <c r="N460250" s="10"/>
    </row>
    <row r="460251" spans="14:14">
      <c r="N460251" s="10"/>
    </row>
    <row r="460252" spans="14:14">
      <c r="N460252" s="10"/>
    </row>
    <row r="460253" spans="14:14">
      <c r="N460253" s="10"/>
    </row>
    <row r="460254" spans="14:14">
      <c r="N460254" s="10"/>
    </row>
    <row r="460255" spans="14:14">
      <c r="N460255" s="10"/>
    </row>
    <row r="460256" spans="14:14">
      <c r="N460256" s="10"/>
    </row>
    <row r="460257" spans="14:14">
      <c r="N460257" s="10"/>
    </row>
    <row r="460258" spans="14:14">
      <c r="N460258" s="10"/>
    </row>
    <row r="460259" spans="14:14">
      <c r="N460259" s="10"/>
    </row>
    <row r="460260" spans="14:14">
      <c r="N460260" s="10"/>
    </row>
    <row r="460261" spans="14:14">
      <c r="N460261" s="10"/>
    </row>
    <row r="460262" spans="14:14">
      <c r="N460262" s="10"/>
    </row>
    <row r="460263" spans="14:14">
      <c r="N460263" s="10"/>
    </row>
    <row r="460264" spans="14:14">
      <c r="N460264" s="10"/>
    </row>
    <row r="460265" spans="14:14">
      <c r="N460265" s="10"/>
    </row>
    <row r="460266" spans="14:14">
      <c r="N460266" s="10"/>
    </row>
    <row r="460267" spans="14:14">
      <c r="N460267" s="10"/>
    </row>
    <row r="460268" spans="14:14">
      <c r="N460268" s="10"/>
    </row>
    <row r="460269" spans="14:14">
      <c r="N460269" s="10"/>
    </row>
    <row r="460270" spans="14:14">
      <c r="N460270" s="10"/>
    </row>
    <row r="460271" spans="14:14">
      <c r="N460271" s="10"/>
    </row>
    <row r="460272" spans="14:14">
      <c r="N460272" s="10"/>
    </row>
    <row r="460273" spans="14:14">
      <c r="N460273" s="10"/>
    </row>
    <row r="460274" spans="14:14">
      <c r="N460274" s="10"/>
    </row>
    <row r="460275" spans="14:14">
      <c r="N460275" s="10"/>
    </row>
    <row r="460276" spans="14:14">
      <c r="N460276" s="10"/>
    </row>
    <row r="460277" spans="14:14">
      <c r="N460277" s="10"/>
    </row>
    <row r="460278" spans="14:14">
      <c r="N460278" s="10"/>
    </row>
    <row r="460279" spans="14:14">
      <c r="N460279" s="10"/>
    </row>
    <row r="460280" spans="14:14">
      <c r="N460280" s="10"/>
    </row>
    <row r="460281" spans="14:14">
      <c r="N460281" s="10"/>
    </row>
    <row r="460282" spans="14:14">
      <c r="N460282" s="10"/>
    </row>
    <row r="460283" spans="14:14">
      <c r="N460283" s="10"/>
    </row>
    <row r="460284" spans="14:14">
      <c r="N460284" s="10"/>
    </row>
    <row r="460285" spans="14:14">
      <c r="N460285" s="10"/>
    </row>
    <row r="460286" spans="14:14">
      <c r="N460286" s="10"/>
    </row>
    <row r="460287" spans="14:14">
      <c r="N460287" s="10"/>
    </row>
    <row r="460288" spans="14:14">
      <c r="N460288" s="10"/>
    </row>
    <row r="460289" spans="14:14">
      <c r="N460289" s="10"/>
    </row>
    <row r="460290" spans="14:14">
      <c r="N460290" s="10"/>
    </row>
    <row r="460291" spans="14:14">
      <c r="N460291" s="10"/>
    </row>
    <row r="460292" spans="14:14">
      <c r="N460292" s="10"/>
    </row>
    <row r="460293" spans="14:14">
      <c r="N460293" s="10"/>
    </row>
    <row r="460294" spans="14:14">
      <c r="N460294" s="10"/>
    </row>
    <row r="460295" spans="14:14">
      <c r="N460295" s="10"/>
    </row>
    <row r="460296" spans="14:14">
      <c r="N460296" s="10"/>
    </row>
    <row r="460297" spans="14:14">
      <c r="N460297" s="10"/>
    </row>
    <row r="460298" spans="14:14">
      <c r="N460298" s="10"/>
    </row>
    <row r="460299" spans="14:14">
      <c r="N460299" s="10"/>
    </row>
    <row r="460300" spans="14:14">
      <c r="N460300" s="10"/>
    </row>
    <row r="460301" spans="14:14">
      <c r="N460301" s="10"/>
    </row>
    <row r="460302" spans="14:14">
      <c r="N460302" s="10"/>
    </row>
    <row r="460303" spans="14:14">
      <c r="N460303" s="10"/>
    </row>
    <row r="460304" spans="14:14">
      <c r="N460304" s="10"/>
    </row>
    <row r="460305" spans="14:14">
      <c r="N460305" s="10"/>
    </row>
    <row r="460306" spans="14:14">
      <c r="N460306" s="10"/>
    </row>
    <row r="460307" spans="14:14">
      <c r="N460307" s="10"/>
    </row>
    <row r="460308" spans="14:14">
      <c r="N460308" s="10"/>
    </row>
    <row r="460309" spans="14:14">
      <c r="N460309" s="10"/>
    </row>
    <row r="460310" spans="14:14">
      <c r="N460310" s="10"/>
    </row>
    <row r="460311" spans="14:14">
      <c r="N460311" s="10"/>
    </row>
    <row r="460312" spans="14:14">
      <c r="N460312" s="10"/>
    </row>
    <row r="460313" spans="14:14">
      <c r="N460313" s="10"/>
    </row>
    <row r="460314" spans="14:14">
      <c r="N460314" s="10"/>
    </row>
    <row r="460315" spans="14:14">
      <c r="N460315" s="10"/>
    </row>
    <row r="460316" spans="14:14">
      <c r="N460316" s="10"/>
    </row>
    <row r="460317" spans="14:14">
      <c r="N460317" s="10"/>
    </row>
    <row r="460318" spans="14:14">
      <c r="N460318" s="10"/>
    </row>
    <row r="460319" spans="14:14">
      <c r="N460319" s="10"/>
    </row>
    <row r="460320" spans="14:14">
      <c r="N460320" s="10"/>
    </row>
    <row r="460321" spans="14:14">
      <c r="N460321" s="10"/>
    </row>
    <row r="460322" spans="14:14">
      <c r="N460322" s="10"/>
    </row>
    <row r="460323" spans="14:14">
      <c r="N460323" s="10"/>
    </row>
    <row r="460324" spans="14:14">
      <c r="N460324" s="10"/>
    </row>
    <row r="460325" spans="14:14">
      <c r="N460325" s="10"/>
    </row>
    <row r="460326" spans="14:14">
      <c r="N460326" s="10"/>
    </row>
    <row r="460327" spans="14:14">
      <c r="N460327" s="10"/>
    </row>
    <row r="460328" spans="14:14">
      <c r="N460328" s="10"/>
    </row>
    <row r="460329" spans="14:14">
      <c r="N460329" s="10"/>
    </row>
    <row r="460330" spans="14:14">
      <c r="N460330" s="10"/>
    </row>
    <row r="460331" spans="14:14">
      <c r="N460331" s="10"/>
    </row>
    <row r="460332" spans="14:14">
      <c r="N460332" s="10"/>
    </row>
    <row r="460333" spans="14:14">
      <c r="N460333" s="10"/>
    </row>
    <row r="460334" spans="14:14">
      <c r="N460334" s="10"/>
    </row>
    <row r="460335" spans="14:14">
      <c r="N460335" s="10"/>
    </row>
    <row r="460336" spans="14:14">
      <c r="N460336" s="10"/>
    </row>
    <row r="460337" spans="14:14">
      <c r="N460337" s="10"/>
    </row>
    <row r="460338" spans="14:14">
      <c r="N460338" s="10"/>
    </row>
    <row r="460339" spans="14:14">
      <c r="N460339" s="10"/>
    </row>
    <row r="460340" spans="14:14">
      <c r="N460340" s="10"/>
    </row>
    <row r="460341" spans="14:14">
      <c r="N460341" s="10"/>
    </row>
    <row r="460342" spans="14:14">
      <c r="N460342" s="10"/>
    </row>
    <row r="460343" spans="14:14">
      <c r="N460343" s="10"/>
    </row>
    <row r="460344" spans="14:14">
      <c r="N460344" s="10"/>
    </row>
    <row r="460345" spans="14:14">
      <c r="N460345" s="10"/>
    </row>
    <row r="460346" spans="14:14">
      <c r="N460346" s="10"/>
    </row>
    <row r="460347" spans="14:14">
      <c r="N460347" s="10"/>
    </row>
    <row r="460348" spans="14:14">
      <c r="N460348" s="10"/>
    </row>
    <row r="460349" spans="14:14">
      <c r="N460349" s="10"/>
    </row>
    <row r="460350" spans="14:14">
      <c r="N460350" s="10"/>
    </row>
    <row r="460351" spans="14:14">
      <c r="N460351" s="10"/>
    </row>
    <row r="460352" spans="14:14">
      <c r="N460352" s="10"/>
    </row>
    <row r="460353" spans="14:14">
      <c r="N460353" s="10"/>
    </row>
    <row r="460354" spans="14:14">
      <c r="N460354" s="10"/>
    </row>
    <row r="460355" spans="14:14">
      <c r="N460355" s="10"/>
    </row>
    <row r="460356" spans="14:14">
      <c r="N460356" s="10"/>
    </row>
    <row r="460357" spans="14:14">
      <c r="N460357" s="10"/>
    </row>
    <row r="460358" spans="14:14">
      <c r="N460358" s="10"/>
    </row>
    <row r="460359" spans="14:14">
      <c r="N460359" s="10"/>
    </row>
    <row r="460360" spans="14:14">
      <c r="N460360" s="10"/>
    </row>
    <row r="460361" spans="14:14">
      <c r="N460361" s="10"/>
    </row>
    <row r="460362" spans="14:14">
      <c r="N460362" s="10"/>
    </row>
    <row r="460363" spans="14:14">
      <c r="N460363" s="10"/>
    </row>
    <row r="460364" spans="14:14">
      <c r="N460364" s="10"/>
    </row>
    <row r="460365" spans="14:14">
      <c r="N460365" s="10"/>
    </row>
    <row r="460366" spans="14:14">
      <c r="N460366" s="10"/>
    </row>
    <row r="460367" spans="14:14">
      <c r="N460367" s="10"/>
    </row>
    <row r="460368" spans="14:14">
      <c r="N460368" s="10"/>
    </row>
    <row r="460369" spans="14:14">
      <c r="N460369" s="10"/>
    </row>
    <row r="460370" spans="14:14">
      <c r="N460370" s="10"/>
    </row>
    <row r="460371" spans="14:14">
      <c r="N460371" s="10"/>
    </row>
    <row r="460372" spans="14:14">
      <c r="N460372" s="10"/>
    </row>
    <row r="460373" spans="14:14">
      <c r="N460373" s="10"/>
    </row>
    <row r="460374" spans="14:14">
      <c r="N460374" s="10"/>
    </row>
    <row r="460375" spans="14:14">
      <c r="N460375" s="10"/>
    </row>
    <row r="460376" spans="14:14">
      <c r="N460376" s="10"/>
    </row>
    <row r="460377" spans="14:14">
      <c r="N460377" s="10"/>
    </row>
    <row r="460378" spans="14:14">
      <c r="N460378" s="10"/>
    </row>
    <row r="460379" spans="14:14">
      <c r="N460379" s="10"/>
    </row>
    <row r="460380" spans="14:14">
      <c r="N460380" s="10"/>
    </row>
    <row r="460381" spans="14:14">
      <c r="N460381" s="10"/>
    </row>
    <row r="460382" spans="14:14">
      <c r="N460382" s="10"/>
    </row>
    <row r="460383" spans="14:14">
      <c r="N460383" s="10"/>
    </row>
    <row r="460384" spans="14:14">
      <c r="N460384" s="10"/>
    </row>
    <row r="460385" spans="14:14">
      <c r="N460385" s="10"/>
    </row>
    <row r="460386" spans="14:14">
      <c r="N460386" s="10"/>
    </row>
    <row r="460387" spans="14:14">
      <c r="N460387" s="10"/>
    </row>
    <row r="460388" spans="14:14">
      <c r="N460388" s="10"/>
    </row>
    <row r="460389" spans="14:14">
      <c r="N460389" s="10"/>
    </row>
    <row r="460390" spans="14:14">
      <c r="N460390" s="10"/>
    </row>
    <row r="460391" spans="14:14">
      <c r="N460391" s="10"/>
    </row>
    <row r="460392" spans="14:14">
      <c r="N460392" s="10"/>
    </row>
    <row r="460393" spans="14:14">
      <c r="N460393" s="10"/>
    </row>
    <row r="460394" spans="14:14">
      <c r="N460394" s="10"/>
    </row>
    <row r="460395" spans="14:14">
      <c r="N460395" s="10"/>
    </row>
    <row r="460396" spans="14:14">
      <c r="N460396" s="10"/>
    </row>
    <row r="460397" spans="14:14">
      <c r="N460397" s="10"/>
    </row>
    <row r="460398" spans="14:14">
      <c r="N460398" s="10"/>
    </row>
    <row r="460399" spans="14:14">
      <c r="N460399" s="10"/>
    </row>
    <row r="460400" spans="14:14">
      <c r="N460400" s="10"/>
    </row>
    <row r="460401" spans="14:14">
      <c r="N460401" s="10"/>
    </row>
    <row r="460402" spans="14:14">
      <c r="N460402" s="10"/>
    </row>
    <row r="460403" spans="14:14">
      <c r="N460403" s="10"/>
    </row>
    <row r="460404" spans="14:14">
      <c r="N460404" s="10"/>
    </row>
    <row r="460405" spans="14:14">
      <c r="N460405" s="10"/>
    </row>
    <row r="460406" spans="14:14">
      <c r="N460406" s="10"/>
    </row>
    <row r="460407" spans="14:14">
      <c r="N460407" s="10"/>
    </row>
    <row r="460408" spans="14:14">
      <c r="N460408" s="10"/>
    </row>
    <row r="460409" spans="14:14">
      <c r="N460409" s="10"/>
    </row>
    <row r="460410" spans="14:14">
      <c r="N460410" s="10"/>
    </row>
    <row r="460411" spans="14:14">
      <c r="N460411" s="10"/>
    </row>
    <row r="460412" spans="14:14">
      <c r="N460412" s="10"/>
    </row>
    <row r="460413" spans="14:14">
      <c r="N460413" s="10"/>
    </row>
    <row r="460414" spans="14:14">
      <c r="N460414" s="10"/>
    </row>
    <row r="460415" spans="14:14">
      <c r="N460415" s="10"/>
    </row>
    <row r="460416" spans="14:14">
      <c r="N460416" s="10"/>
    </row>
    <row r="460417" spans="14:14">
      <c r="N460417" s="10"/>
    </row>
    <row r="460418" spans="14:14">
      <c r="N460418" s="10"/>
    </row>
    <row r="460419" spans="14:14">
      <c r="N460419" s="10"/>
    </row>
    <row r="460420" spans="14:14">
      <c r="N460420" s="10"/>
    </row>
    <row r="460421" spans="14:14">
      <c r="N460421" s="10"/>
    </row>
    <row r="460422" spans="14:14">
      <c r="N460422" s="10"/>
    </row>
    <row r="460423" spans="14:14">
      <c r="N460423" s="10"/>
    </row>
    <row r="460424" spans="14:14">
      <c r="N460424" s="10"/>
    </row>
    <row r="460425" spans="14:14">
      <c r="N460425" s="10"/>
    </row>
    <row r="460426" spans="14:14">
      <c r="N460426" s="10"/>
    </row>
    <row r="460427" spans="14:14">
      <c r="N460427" s="10"/>
    </row>
    <row r="460428" spans="14:14">
      <c r="N460428" s="10"/>
    </row>
    <row r="460429" spans="14:14">
      <c r="N460429" s="10"/>
    </row>
    <row r="460430" spans="14:14">
      <c r="N460430" s="10"/>
    </row>
    <row r="460431" spans="14:14">
      <c r="N460431" s="10"/>
    </row>
    <row r="460432" spans="14:14">
      <c r="N460432" s="10"/>
    </row>
    <row r="460433" spans="14:14">
      <c r="N460433" s="10"/>
    </row>
    <row r="460434" spans="14:14">
      <c r="N460434" s="10"/>
    </row>
    <row r="460435" spans="14:14">
      <c r="N460435" s="10"/>
    </row>
    <row r="460436" spans="14:14">
      <c r="N460436" s="10"/>
    </row>
    <row r="460437" spans="14:14">
      <c r="N460437" s="10"/>
    </row>
    <row r="460438" spans="14:14">
      <c r="N460438" s="10"/>
    </row>
    <row r="460439" spans="14:14">
      <c r="N460439" s="10"/>
    </row>
    <row r="460440" spans="14:14">
      <c r="N460440" s="10"/>
    </row>
    <row r="460441" spans="14:14">
      <c r="N460441" s="10"/>
    </row>
    <row r="460442" spans="14:14">
      <c r="N460442" s="10"/>
    </row>
    <row r="460443" spans="14:14">
      <c r="N460443" s="10"/>
    </row>
    <row r="460444" spans="14:14">
      <c r="N460444" s="10"/>
    </row>
    <row r="460445" spans="14:14">
      <c r="N460445" s="10"/>
    </row>
    <row r="460446" spans="14:14">
      <c r="N460446" s="10"/>
    </row>
    <row r="460447" spans="14:14">
      <c r="N460447" s="10"/>
    </row>
    <row r="460448" spans="14:14">
      <c r="N460448" s="10"/>
    </row>
    <row r="460449" spans="14:14">
      <c r="N460449" s="10"/>
    </row>
    <row r="460450" spans="14:14">
      <c r="N460450" s="10"/>
    </row>
    <row r="460451" spans="14:14">
      <c r="N460451" s="10"/>
    </row>
    <row r="460452" spans="14:14">
      <c r="N460452" s="10"/>
    </row>
    <row r="460453" spans="14:14">
      <c r="N460453" s="10"/>
    </row>
    <row r="460454" spans="14:14">
      <c r="N460454" s="10"/>
    </row>
    <row r="460455" spans="14:14">
      <c r="N460455" s="10"/>
    </row>
    <row r="460456" spans="14:14">
      <c r="N460456" s="10"/>
    </row>
    <row r="460457" spans="14:14">
      <c r="N460457" s="10"/>
    </row>
    <row r="460458" spans="14:14">
      <c r="N460458" s="10"/>
    </row>
    <row r="460459" spans="14:14">
      <c r="N460459" s="10"/>
    </row>
    <row r="460460" spans="14:14">
      <c r="N460460" s="10"/>
    </row>
    <row r="460461" spans="14:14">
      <c r="N460461" s="10"/>
    </row>
    <row r="460462" spans="14:14">
      <c r="N460462" s="10"/>
    </row>
    <row r="460463" spans="14:14">
      <c r="N460463" s="10"/>
    </row>
    <row r="460464" spans="14:14">
      <c r="N460464" s="10"/>
    </row>
    <row r="460465" spans="14:14">
      <c r="N460465" s="10"/>
    </row>
    <row r="460466" spans="14:14">
      <c r="N460466" s="10"/>
    </row>
    <row r="460467" spans="14:14">
      <c r="N460467" s="10"/>
    </row>
    <row r="460468" spans="14:14">
      <c r="N460468" s="10"/>
    </row>
    <row r="460469" spans="14:14">
      <c r="N460469" s="10"/>
    </row>
    <row r="460470" spans="14:14">
      <c r="N460470" s="10"/>
    </row>
    <row r="460471" spans="14:14">
      <c r="N460471" s="10"/>
    </row>
    <row r="460472" spans="14:14">
      <c r="N460472" s="10"/>
    </row>
    <row r="460473" spans="14:14">
      <c r="N460473" s="10"/>
    </row>
    <row r="460474" spans="14:14">
      <c r="N460474" s="10"/>
    </row>
    <row r="460475" spans="14:14">
      <c r="N460475" s="10"/>
    </row>
    <row r="460476" spans="14:14">
      <c r="N460476" s="10"/>
    </row>
    <row r="460477" spans="14:14">
      <c r="N460477" s="10"/>
    </row>
    <row r="460478" spans="14:14">
      <c r="N460478" s="10"/>
    </row>
    <row r="460479" spans="14:14">
      <c r="N460479" s="10"/>
    </row>
    <row r="460480" spans="14:14">
      <c r="N460480" s="10"/>
    </row>
    <row r="460481" spans="14:14">
      <c r="N460481" s="10"/>
    </row>
    <row r="460482" spans="14:14">
      <c r="N460482" s="10"/>
    </row>
    <row r="460483" spans="14:14">
      <c r="N460483" s="10"/>
    </row>
    <row r="460484" spans="14:14">
      <c r="N460484" s="10"/>
    </row>
    <row r="460485" spans="14:14">
      <c r="N460485" s="10"/>
    </row>
    <row r="460486" spans="14:14">
      <c r="N460486" s="10"/>
    </row>
    <row r="460487" spans="14:14">
      <c r="N460487" s="10"/>
    </row>
    <row r="460488" spans="14:14">
      <c r="N460488" s="10"/>
    </row>
    <row r="460489" spans="14:14">
      <c r="N460489" s="10"/>
    </row>
    <row r="460490" spans="14:14">
      <c r="N460490" s="10"/>
    </row>
    <row r="460491" spans="14:14">
      <c r="N460491" s="10"/>
    </row>
    <row r="460492" spans="14:14">
      <c r="N460492" s="10"/>
    </row>
    <row r="460493" spans="14:14">
      <c r="N460493" s="10"/>
    </row>
    <row r="460494" spans="14:14">
      <c r="N460494" s="10"/>
    </row>
    <row r="460495" spans="14:14">
      <c r="N460495" s="10"/>
    </row>
    <row r="460496" spans="14:14">
      <c r="N460496" s="10"/>
    </row>
    <row r="460497" spans="14:14">
      <c r="N460497" s="10"/>
    </row>
    <row r="460498" spans="14:14">
      <c r="N460498" s="10"/>
    </row>
    <row r="460499" spans="14:14">
      <c r="N460499" s="10"/>
    </row>
    <row r="460500" spans="14:14">
      <c r="N460500" s="10"/>
    </row>
    <row r="460501" spans="14:14">
      <c r="N460501" s="10"/>
    </row>
    <row r="460502" spans="14:14">
      <c r="N460502" s="10"/>
    </row>
    <row r="460503" spans="14:14">
      <c r="N460503" s="10"/>
    </row>
    <row r="460504" spans="14:14">
      <c r="N460504" s="10"/>
    </row>
    <row r="460505" spans="14:14">
      <c r="N460505" s="10"/>
    </row>
    <row r="460506" spans="14:14">
      <c r="N460506" s="10"/>
    </row>
    <row r="460507" spans="14:14">
      <c r="N460507" s="10"/>
    </row>
    <row r="460508" spans="14:14">
      <c r="N460508" s="10"/>
    </row>
    <row r="460509" spans="14:14">
      <c r="N460509" s="10"/>
    </row>
    <row r="460510" spans="14:14">
      <c r="N460510" s="10"/>
    </row>
    <row r="460511" spans="14:14">
      <c r="N460511" s="10"/>
    </row>
    <row r="460512" spans="14:14">
      <c r="N460512" s="10"/>
    </row>
    <row r="460513" spans="14:14">
      <c r="N460513" s="10"/>
    </row>
    <row r="460514" spans="14:14">
      <c r="N460514" s="10"/>
    </row>
    <row r="460515" spans="14:14">
      <c r="N460515" s="10"/>
    </row>
    <row r="460516" spans="14:14">
      <c r="N460516" s="10"/>
    </row>
    <row r="460517" spans="14:14">
      <c r="N460517" s="10"/>
    </row>
    <row r="460518" spans="14:14">
      <c r="N460518" s="10"/>
    </row>
    <row r="460519" spans="14:14">
      <c r="N460519" s="10"/>
    </row>
    <row r="460520" spans="14:14">
      <c r="N460520" s="10"/>
    </row>
    <row r="460521" spans="14:14">
      <c r="N460521" s="10"/>
    </row>
    <row r="460522" spans="14:14">
      <c r="N460522" s="10"/>
    </row>
    <row r="460523" spans="14:14">
      <c r="N460523" s="10"/>
    </row>
    <row r="460524" spans="14:14">
      <c r="N460524" s="10"/>
    </row>
    <row r="460525" spans="14:14">
      <c r="N460525" s="10"/>
    </row>
    <row r="460526" spans="14:14">
      <c r="N460526" s="10"/>
    </row>
    <row r="460527" spans="14:14">
      <c r="N460527" s="10"/>
    </row>
    <row r="460528" spans="14:14">
      <c r="N460528" s="10"/>
    </row>
    <row r="460529" spans="14:14">
      <c r="N460529" s="10"/>
    </row>
    <row r="460530" spans="14:14">
      <c r="N460530" s="10"/>
    </row>
    <row r="460531" spans="14:14">
      <c r="N460531" s="10"/>
    </row>
    <row r="460532" spans="14:14">
      <c r="N460532" s="10"/>
    </row>
    <row r="460533" spans="14:14">
      <c r="N460533" s="10"/>
    </row>
    <row r="460534" spans="14:14">
      <c r="N460534" s="10"/>
    </row>
    <row r="460535" spans="14:14">
      <c r="N460535" s="10"/>
    </row>
    <row r="460536" spans="14:14">
      <c r="N460536" s="10"/>
    </row>
    <row r="460537" spans="14:14">
      <c r="N460537" s="10"/>
    </row>
    <row r="460538" spans="14:14">
      <c r="N460538" s="10"/>
    </row>
    <row r="460539" spans="14:14">
      <c r="N460539" s="10"/>
    </row>
    <row r="460540" spans="14:14">
      <c r="N460540" s="10"/>
    </row>
    <row r="460541" spans="14:14">
      <c r="N460541" s="10"/>
    </row>
    <row r="460542" spans="14:14">
      <c r="N460542" s="10"/>
    </row>
    <row r="460543" spans="14:14">
      <c r="N460543" s="10"/>
    </row>
    <row r="460544" spans="14:14">
      <c r="N460544" s="10"/>
    </row>
    <row r="460545" spans="14:14">
      <c r="N460545" s="10"/>
    </row>
    <row r="460546" spans="14:14">
      <c r="N460546" s="10"/>
    </row>
    <row r="460547" spans="14:14">
      <c r="N460547" s="10"/>
    </row>
    <row r="460548" spans="14:14">
      <c r="N460548" s="10"/>
    </row>
    <row r="460549" spans="14:14">
      <c r="N460549" s="10"/>
    </row>
    <row r="460550" spans="14:14">
      <c r="N460550" s="10"/>
    </row>
    <row r="460551" spans="14:14">
      <c r="N460551" s="10"/>
    </row>
    <row r="460552" spans="14:14">
      <c r="N460552" s="10"/>
    </row>
    <row r="460553" spans="14:14">
      <c r="N460553" s="10"/>
    </row>
    <row r="460554" spans="14:14">
      <c r="N460554" s="10"/>
    </row>
    <row r="460555" spans="14:14">
      <c r="N460555" s="10"/>
    </row>
    <row r="460556" spans="14:14">
      <c r="N460556" s="10"/>
    </row>
    <row r="460557" spans="14:14">
      <c r="N460557" s="10"/>
    </row>
    <row r="460558" spans="14:14">
      <c r="N460558" s="10"/>
    </row>
    <row r="460559" spans="14:14">
      <c r="N460559" s="10"/>
    </row>
    <row r="460560" spans="14:14">
      <c r="N460560" s="10"/>
    </row>
    <row r="460561" spans="14:14">
      <c r="N460561" s="10"/>
    </row>
    <row r="460562" spans="14:14">
      <c r="N460562" s="10"/>
    </row>
    <row r="460563" spans="14:14">
      <c r="N460563" s="10"/>
    </row>
    <row r="460564" spans="14:14">
      <c r="N460564" s="10"/>
    </row>
    <row r="460565" spans="14:14">
      <c r="N460565" s="10"/>
    </row>
    <row r="460566" spans="14:14">
      <c r="N460566" s="10"/>
    </row>
    <row r="460567" spans="14:14">
      <c r="N460567" s="10"/>
    </row>
    <row r="460568" spans="14:14">
      <c r="N460568" s="10"/>
    </row>
    <row r="460569" spans="14:14">
      <c r="N460569" s="10"/>
    </row>
    <row r="460570" spans="14:14">
      <c r="N460570" s="10"/>
    </row>
    <row r="460571" spans="14:14">
      <c r="N460571" s="10"/>
    </row>
    <row r="460572" spans="14:14">
      <c r="N460572" s="10"/>
    </row>
    <row r="460573" spans="14:14">
      <c r="N460573" s="10"/>
    </row>
    <row r="460574" spans="14:14">
      <c r="N460574" s="10"/>
    </row>
    <row r="460575" spans="14:14">
      <c r="N460575" s="10"/>
    </row>
    <row r="460576" spans="14:14">
      <c r="N460576" s="10"/>
    </row>
    <row r="460577" spans="14:14">
      <c r="N460577" s="10"/>
    </row>
    <row r="460578" spans="14:14">
      <c r="N460578" s="10"/>
    </row>
    <row r="460579" spans="14:14">
      <c r="N460579" s="10"/>
    </row>
    <row r="460580" spans="14:14">
      <c r="N460580" s="10"/>
    </row>
    <row r="460581" spans="14:14">
      <c r="N460581" s="10"/>
    </row>
    <row r="460582" spans="14:14">
      <c r="N460582" s="10"/>
    </row>
    <row r="460583" spans="14:14">
      <c r="N460583" s="10"/>
    </row>
    <row r="460584" spans="14:14">
      <c r="N460584" s="10"/>
    </row>
    <row r="460585" spans="14:14">
      <c r="N460585" s="10"/>
    </row>
    <row r="460586" spans="14:14">
      <c r="N460586" s="10"/>
    </row>
    <row r="460587" spans="14:14">
      <c r="N460587" s="10"/>
    </row>
    <row r="460588" spans="14:14">
      <c r="N460588" s="10"/>
    </row>
    <row r="460589" spans="14:14">
      <c r="N460589" s="10"/>
    </row>
    <row r="460590" spans="14:14">
      <c r="N460590" s="10"/>
    </row>
    <row r="460591" spans="14:14">
      <c r="N460591" s="10"/>
    </row>
    <row r="460592" spans="14:14">
      <c r="N460592" s="10"/>
    </row>
    <row r="460593" spans="14:14">
      <c r="N460593" s="10"/>
    </row>
    <row r="460594" spans="14:14">
      <c r="N460594" s="10"/>
    </row>
    <row r="460595" spans="14:14">
      <c r="N460595" s="10"/>
    </row>
    <row r="460596" spans="14:14">
      <c r="N460596" s="10"/>
    </row>
    <row r="460597" spans="14:14">
      <c r="N460597" s="10"/>
    </row>
    <row r="460598" spans="14:14">
      <c r="N460598" s="10"/>
    </row>
    <row r="460599" spans="14:14">
      <c r="N460599" s="10"/>
    </row>
    <row r="460600" spans="14:14">
      <c r="N460600" s="10"/>
    </row>
    <row r="460601" spans="14:14">
      <c r="N460601" s="10"/>
    </row>
    <row r="460602" spans="14:14">
      <c r="N460602" s="10"/>
    </row>
    <row r="460603" spans="14:14">
      <c r="N460603" s="10"/>
    </row>
    <row r="460604" spans="14:14">
      <c r="N460604" s="10"/>
    </row>
    <row r="460605" spans="14:14">
      <c r="N460605" s="10"/>
    </row>
    <row r="460606" spans="14:14">
      <c r="N460606" s="10"/>
    </row>
    <row r="460607" spans="14:14">
      <c r="N460607" s="10"/>
    </row>
    <row r="460608" spans="14:14">
      <c r="N460608" s="10"/>
    </row>
    <row r="460609" spans="14:14">
      <c r="N460609" s="10"/>
    </row>
    <row r="460610" spans="14:14">
      <c r="N460610" s="10"/>
    </row>
    <row r="460611" spans="14:14">
      <c r="N460611" s="10"/>
    </row>
    <row r="460612" spans="14:14">
      <c r="N460612" s="10"/>
    </row>
    <row r="460613" spans="14:14">
      <c r="N460613" s="10"/>
    </row>
    <row r="460614" spans="14:14">
      <c r="N460614" s="10"/>
    </row>
    <row r="460615" spans="14:14">
      <c r="N460615" s="10"/>
    </row>
    <row r="460616" spans="14:14">
      <c r="N460616" s="10"/>
    </row>
    <row r="460617" spans="14:14">
      <c r="N460617" s="10"/>
    </row>
    <row r="460618" spans="14:14">
      <c r="N460618" s="10"/>
    </row>
    <row r="460619" spans="14:14">
      <c r="N460619" s="10"/>
    </row>
    <row r="460620" spans="14:14">
      <c r="N460620" s="10"/>
    </row>
    <row r="460621" spans="14:14">
      <c r="N460621" s="10"/>
    </row>
    <row r="460622" spans="14:14">
      <c r="N460622" s="10"/>
    </row>
    <row r="460623" spans="14:14">
      <c r="N460623" s="10"/>
    </row>
    <row r="460624" spans="14:14">
      <c r="N460624" s="10"/>
    </row>
    <row r="460625" spans="14:14">
      <c r="N460625" s="10"/>
    </row>
    <row r="460626" spans="14:14">
      <c r="N460626" s="10"/>
    </row>
    <row r="460627" spans="14:14">
      <c r="N460627" s="10"/>
    </row>
    <row r="460628" spans="14:14">
      <c r="N460628" s="10"/>
    </row>
    <row r="460629" spans="14:14">
      <c r="N460629" s="10"/>
    </row>
    <row r="460630" spans="14:14">
      <c r="N460630" s="10"/>
    </row>
    <row r="460631" spans="14:14">
      <c r="N460631" s="10"/>
    </row>
    <row r="460632" spans="14:14">
      <c r="N460632" s="10"/>
    </row>
    <row r="460633" spans="14:14">
      <c r="N460633" s="10"/>
    </row>
    <row r="460634" spans="14:14">
      <c r="N460634" s="10"/>
    </row>
    <row r="460635" spans="14:14">
      <c r="N460635" s="10"/>
    </row>
    <row r="460636" spans="14:14">
      <c r="N460636" s="10"/>
    </row>
    <row r="460637" spans="14:14">
      <c r="N460637" s="10"/>
    </row>
    <row r="460638" spans="14:14">
      <c r="N460638" s="10"/>
    </row>
    <row r="460639" spans="14:14">
      <c r="N460639" s="10"/>
    </row>
    <row r="460640" spans="14:14">
      <c r="N460640" s="10"/>
    </row>
    <row r="460641" spans="14:14">
      <c r="N460641" s="10"/>
    </row>
    <row r="460642" spans="14:14">
      <c r="N460642" s="10"/>
    </row>
    <row r="460643" spans="14:14">
      <c r="N460643" s="10"/>
    </row>
    <row r="460644" spans="14:14">
      <c r="N460644" s="10"/>
    </row>
    <row r="460645" spans="14:14">
      <c r="N460645" s="10"/>
    </row>
    <row r="460646" spans="14:14">
      <c r="N460646" s="10"/>
    </row>
    <row r="460647" spans="14:14">
      <c r="N460647" s="10"/>
    </row>
    <row r="460648" spans="14:14">
      <c r="N460648" s="10"/>
    </row>
    <row r="460649" spans="14:14">
      <c r="N460649" s="10"/>
    </row>
    <row r="460650" spans="14:14">
      <c r="N460650" s="10"/>
    </row>
    <row r="460651" spans="14:14">
      <c r="N460651" s="10"/>
    </row>
    <row r="460652" spans="14:14">
      <c r="N460652" s="10"/>
    </row>
    <row r="460653" spans="14:14">
      <c r="N460653" s="10"/>
    </row>
    <row r="460654" spans="14:14">
      <c r="N460654" s="10"/>
    </row>
    <row r="460655" spans="14:14">
      <c r="N460655" s="10"/>
    </row>
    <row r="460656" spans="14:14">
      <c r="N460656" s="10"/>
    </row>
    <row r="460657" spans="14:14">
      <c r="N460657" s="10"/>
    </row>
    <row r="460658" spans="14:14">
      <c r="N460658" s="10"/>
    </row>
    <row r="460659" spans="14:14">
      <c r="N460659" s="10"/>
    </row>
    <row r="460660" spans="14:14">
      <c r="N460660" s="10"/>
    </row>
    <row r="460661" spans="14:14">
      <c r="N460661" s="10"/>
    </row>
    <row r="460662" spans="14:14">
      <c r="N460662" s="10"/>
    </row>
    <row r="460663" spans="14:14">
      <c r="N460663" s="10"/>
    </row>
    <row r="460664" spans="14:14">
      <c r="N460664" s="10"/>
    </row>
    <row r="460665" spans="14:14">
      <c r="N460665" s="10"/>
    </row>
    <row r="460666" spans="14:14">
      <c r="N460666" s="10"/>
    </row>
    <row r="460667" spans="14:14">
      <c r="N460667" s="10"/>
    </row>
    <row r="460668" spans="14:14">
      <c r="N460668" s="10"/>
    </row>
    <row r="460669" spans="14:14">
      <c r="N460669" s="10"/>
    </row>
    <row r="460670" spans="14:14">
      <c r="N460670" s="10"/>
    </row>
    <row r="460671" spans="14:14">
      <c r="N460671" s="10"/>
    </row>
    <row r="460672" spans="14:14">
      <c r="N460672" s="10"/>
    </row>
    <row r="460673" spans="14:14">
      <c r="N460673" s="10"/>
    </row>
    <row r="460674" spans="14:14">
      <c r="N460674" s="10"/>
    </row>
    <row r="460675" spans="14:14">
      <c r="N460675" s="10"/>
    </row>
    <row r="460676" spans="14:14">
      <c r="N460676" s="10"/>
    </row>
    <row r="460677" spans="14:14">
      <c r="N460677" s="10"/>
    </row>
    <row r="460678" spans="14:14">
      <c r="N460678" s="10"/>
    </row>
    <row r="460679" spans="14:14">
      <c r="N460679" s="10"/>
    </row>
    <row r="460680" spans="14:14">
      <c r="N460680" s="10"/>
    </row>
    <row r="460681" spans="14:14">
      <c r="N460681" s="10"/>
    </row>
    <row r="460682" spans="14:14">
      <c r="N460682" s="10"/>
    </row>
    <row r="460683" spans="14:14">
      <c r="N460683" s="10"/>
    </row>
    <row r="460684" spans="14:14">
      <c r="N460684" s="10"/>
    </row>
    <row r="460685" spans="14:14">
      <c r="N460685" s="10"/>
    </row>
    <row r="460686" spans="14:14">
      <c r="N460686" s="10"/>
    </row>
    <row r="460687" spans="14:14">
      <c r="N460687" s="10"/>
    </row>
    <row r="460688" spans="14:14">
      <c r="N460688" s="10"/>
    </row>
    <row r="460689" spans="14:14">
      <c r="N460689" s="10"/>
    </row>
    <row r="460690" spans="14:14">
      <c r="N460690" s="10"/>
    </row>
    <row r="460691" spans="14:14">
      <c r="N460691" s="10"/>
    </row>
    <row r="460692" spans="14:14">
      <c r="N460692" s="10"/>
    </row>
    <row r="460693" spans="14:14">
      <c r="N460693" s="10"/>
    </row>
    <row r="460694" spans="14:14">
      <c r="N460694" s="10"/>
    </row>
    <row r="460695" spans="14:14">
      <c r="N460695" s="10"/>
    </row>
    <row r="460696" spans="14:14">
      <c r="N460696" s="10"/>
    </row>
    <row r="460697" spans="14:14">
      <c r="N460697" s="10"/>
    </row>
    <row r="460698" spans="14:14">
      <c r="N460698" s="10"/>
    </row>
    <row r="460699" spans="14:14">
      <c r="N460699" s="10"/>
    </row>
    <row r="460700" spans="14:14">
      <c r="N460700" s="10"/>
    </row>
    <row r="460701" spans="14:14">
      <c r="N460701" s="10"/>
    </row>
    <row r="460702" spans="14:14">
      <c r="N460702" s="10"/>
    </row>
    <row r="460703" spans="14:14">
      <c r="N460703" s="10"/>
    </row>
    <row r="460704" spans="14:14">
      <c r="N460704" s="10"/>
    </row>
    <row r="460705" spans="14:14">
      <c r="N460705" s="10"/>
    </row>
    <row r="460706" spans="14:14">
      <c r="N460706" s="10"/>
    </row>
    <row r="460707" spans="14:14">
      <c r="N460707" s="10"/>
    </row>
    <row r="460708" spans="14:14">
      <c r="N460708" s="10"/>
    </row>
    <row r="460709" spans="14:14">
      <c r="N460709" s="10"/>
    </row>
    <row r="460710" spans="14:14">
      <c r="N460710" s="10"/>
    </row>
    <row r="460711" spans="14:14">
      <c r="N460711" s="10"/>
    </row>
    <row r="460712" spans="14:14">
      <c r="N460712" s="10"/>
    </row>
    <row r="460713" spans="14:14">
      <c r="N460713" s="10"/>
    </row>
    <row r="460714" spans="14:14">
      <c r="N460714" s="10"/>
    </row>
    <row r="460715" spans="14:14">
      <c r="N460715" s="10"/>
    </row>
    <row r="460716" spans="14:14">
      <c r="N460716" s="10"/>
    </row>
    <row r="460717" spans="14:14">
      <c r="N460717" s="10"/>
    </row>
    <row r="460718" spans="14:14">
      <c r="N460718" s="10"/>
    </row>
    <row r="460719" spans="14:14">
      <c r="N460719" s="10"/>
    </row>
    <row r="460720" spans="14:14">
      <c r="N460720" s="10"/>
    </row>
    <row r="460721" spans="14:14">
      <c r="N460721" s="10"/>
    </row>
    <row r="460722" spans="14:14">
      <c r="N460722" s="10"/>
    </row>
    <row r="460723" spans="14:14">
      <c r="N460723" s="10"/>
    </row>
    <row r="460724" spans="14:14">
      <c r="N460724" s="10"/>
    </row>
    <row r="460725" spans="14:14">
      <c r="N460725" s="10"/>
    </row>
    <row r="460726" spans="14:14">
      <c r="N460726" s="10"/>
    </row>
    <row r="460727" spans="14:14">
      <c r="N460727" s="10"/>
    </row>
    <row r="460728" spans="14:14">
      <c r="N460728" s="10"/>
    </row>
    <row r="460729" spans="14:14">
      <c r="N460729" s="10"/>
    </row>
    <row r="460730" spans="14:14">
      <c r="N460730" s="10"/>
    </row>
    <row r="460731" spans="14:14">
      <c r="N460731" s="10"/>
    </row>
    <row r="460732" spans="14:14">
      <c r="N460732" s="10"/>
    </row>
    <row r="460733" spans="14:14">
      <c r="N460733" s="10"/>
    </row>
    <row r="460734" spans="14:14">
      <c r="N460734" s="10"/>
    </row>
    <row r="460735" spans="14:14">
      <c r="N460735" s="10"/>
    </row>
    <row r="460736" spans="14:14">
      <c r="N460736" s="10"/>
    </row>
    <row r="460737" spans="14:14">
      <c r="N460737" s="10"/>
    </row>
    <row r="460738" spans="14:14">
      <c r="N460738" s="10"/>
    </row>
    <row r="460739" spans="14:14">
      <c r="N460739" s="10"/>
    </row>
    <row r="460740" spans="14:14">
      <c r="N460740" s="10"/>
    </row>
    <row r="460741" spans="14:14">
      <c r="N460741" s="10"/>
    </row>
    <row r="460742" spans="14:14">
      <c r="N460742" s="10"/>
    </row>
    <row r="460743" spans="14:14">
      <c r="N460743" s="10"/>
    </row>
    <row r="460744" spans="14:14">
      <c r="N460744" s="10"/>
    </row>
    <row r="460745" spans="14:14">
      <c r="N460745" s="10"/>
    </row>
    <row r="460746" spans="14:14">
      <c r="N460746" s="10"/>
    </row>
    <row r="460747" spans="14:14">
      <c r="N460747" s="10"/>
    </row>
    <row r="460748" spans="14:14">
      <c r="N460748" s="10"/>
    </row>
    <row r="460749" spans="14:14">
      <c r="N460749" s="10"/>
    </row>
    <row r="460750" spans="14:14">
      <c r="N460750" s="10"/>
    </row>
    <row r="460751" spans="14:14">
      <c r="N460751" s="10"/>
    </row>
    <row r="460752" spans="14:14">
      <c r="N460752" s="10"/>
    </row>
    <row r="460753" spans="14:14">
      <c r="N460753" s="10"/>
    </row>
    <row r="460754" spans="14:14">
      <c r="N460754" s="10"/>
    </row>
    <row r="460755" spans="14:14">
      <c r="N460755" s="10"/>
    </row>
    <row r="460756" spans="14:14">
      <c r="N460756" s="10"/>
    </row>
    <row r="460757" spans="14:14">
      <c r="N460757" s="10"/>
    </row>
    <row r="460758" spans="14:14">
      <c r="N460758" s="10"/>
    </row>
    <row r="460759" spans="14:14">
      <c r="N460759" s="10"/>
    </row>
    <row r="460760" spans="14:14">
      <c r="N460760" s="10"/>
    </row>
    <row r="460761" spans="14:14">
      <c r="N460761" s="10"/>
    </row>
    <row r="460762" spans="14:14">
      <c r="N460762" s="10"/>
    </row>
    <row r="460763" spans="14:14">
      <c r="N460763" s="10"/>
    </row>
    <row r="460764" spans="14:14">
      <c r="N460764" s="10"/>
    </row>
    <row r="460765" spans="14:14">
      <c r="N460765" s="10"/>
    </row>
    <row r="460766" spans="14:14">
      <c r="N460766" s="10"/>
    </row>
    <row r="460767" spans="14:14">
      <c r="N460767" s="10"/>
    </row>
    <row r="460768" spans="14:14">
      <c r="N460768" s="10"/>
    </row>
    <row r="460769" spans="14:14">
      <c r="N460769" s="10"/>
    </row>
    <row r="460770" spans="14:14">
      <c r="N460770" s="10"/>
    </row>
    <row r="460771" spans="14:14">
      <c r="N460771" s="10"/>
    </row>
    <row r="460772" spans="14:14">
      <c r="N460772" s="10"/>
    </row>
    <row r="460773" spans="14:14">
      <c r="N460773" s="10"/>
    </row>
    <row r="460774" spans="14:14">
      <c r="N460774" s="10"/>
    </row>
    <row r="460775" spans="14:14">
      <c r="N460775" s="10"/>
    </row>
    <row r="460776" spans="14:14">
      <c r="N460776" s="10"/>
    </row>
    <row r="460777" spans="14:14">
      <c r="N460777" s="10"/>
    </row>
    <row r="460778" spans="14:14">
      <c r="N460778" s="10"/>
    </row>
    <row r="460779" spans="14:14">
      <c r="N460779" s="10"/>
    </row>
    <row r="460780" spans="14:14">
      <c r="N460780" s="10"/>
    </row>
    <row r="460781" spans="14:14">
      <c r="N460781" s="10"/>
    </row>
    <row r="460782" spans="14:14">
      <c r="N460782" s="10"/>
    </row>
    <row r="460783" spans="14:14">
      <c r="N460783" s="10"/>
    </row>
    <row r="460784" spans="14:14">
      <c r="N460784" s="10"/>
    </row>
    <row r="460785" spans="14:14">
      <c r="N460785" s="10"/>
    </row>
    <row r="460786" spans="14:14">
      <c r="N460786" s="10"/>
    </row>
    <row r="460787" spans="14:14">
      <c r="N460787" s="10"/>
    </row>
    <row r="460788" spans="14:14">
      <c r="N460788" s="10"/>
    </row>
    <row r="460789" spans="14:14">
      <c r="N460789" s="10"/>
    </row>
    <row r="460790" spans="14:14">
      <c r="N460790" s="10"/>
    </row>
    <row r="460791" spans="14:14">
      <c r="N460791" s="10"/>
    </row>
    <row r="460792" spans="14:14">
      <c r="N460792" s="10"/>
    </row>
    <row r="460793" spans="14:14">
      <c r="N460793" s="10"/>
    </row>
    <row r="460794" spans="14:14">
      <c r="N460794" s="10"/>
    </row>
    <row r="460795" spans="14:14">
      <c r="N460795" s="10"/>
    </row>
    <row r="460796" spans="14:14">
      <c r="N460796" s="10"/>
    </row>
    <row r="460797" spans="14:14">
      <c r="N460797" s="10"/>
    </row>
    <row r="460798" spans="14:14">
      <c r="N460798" s="10"/>
    </row>
    <row r="460799" spans="14:14">
      <c r="N460799" s="10"/>
    </row>
    <row r="460800" spans="14:14">
      <c r="N460800" s="10"/>
    </row>
    <row r="460801" spans="14:14">
      <c r="N460801" s="10"/>
    </row>
    <row r="460802" spans="14:14">
      <c r="N460802" s="10"/>
    </row>
    <row r="460803" spans="14:14">
      <c r="N460803" s="10"/>
    </row>
    <row r="460804" spans="14:14">
      <c r="N460804" s="10"/>
    </row>
    <row r="460805" spans="14:14">
      <c r="N460805" s="10"/>
    </row>
    <row r="460806" spans="14:14">
      <c r="N460806" s="10"/>
    </row>
    <row r="460807" spans="14:14">
      <c r="N460807" s="10"/>
    </row>
    <row r="460808" spans="14:14">
      <c r="N460808" s="10"/>
    </row>
    <row r="460809" spans="14:14">
      <c r="N460809" s="10"/>
    </row>
    <row r="460810" spans="14:14">
      <c r="N460810" s="10"/>
    </row>
    <row r="460811" spans="14:14">
      <c r="N460811" s="10"/>
    </row>
    <row r="460812" spans="14:14">
      <c r="N460812" s="10"/>
    </row>
    <row r="460813" spans="14:14">
      <c r="N460813" s="10"/>
    </row>
    <row r="460814" spans="14:14">
      <c r="N460814" s="10"/>
    </row>
    <row r="460815" spans="14:14">
      <c r="N460815" s="10"/>
    </row>
    <row r="460816" spans="14:14">
      <c r="N460816" s="10"/>
    </row>
    <row r="460817" spans="14:14">
      <c r="N460817" s="10"/>
    </row>
    <row r="460818" spans="14:14">
      <c r="N460818" s="10"/>
    </row>
    <row r="460819" spans="14:14">
      <c r="N460819" s="10"/>
    </row>
    <row r="460820" spans="14:14">
      <c r="N460820" s="10"/>
    </row>
    <row r="460821" spans="14:14">
      <c r="N460821" s="10"/>
    </row>
    <row r="460822" spans="14:14">
      <c r="N460822" s="10"/>
    </row>
    <row r="460823" spans="14:14">
      <c r="N460823" s="10"/>
    </row>
    <row r="460824" spans="14:14">
      <c r="N460824" s="10"/>
    </row>
    <row r="460825" spans="14:14">
      <c r="N460825" s="10"/>
    </row>
    <row r="460826" spans="14:14">
      <c r="N460826" s="10"/>
    </row>
    <row r="460827" spans="14:14">
      <c r="N460827" s="10"/>
    </row>
    <row r="460828" spans="14:14">
      <c r="N460828" s="10"/>
    </row>
    <row r="460829" spans="14:14">
      <c r="N460829" s="10"/>
    </row>
    <row r="460830" spans="14:14">
      <c r="N460830" s="10"/>
    </row>
    <row r="460831" spans="14:14">
      <c r="N460831" s="10"/>
    </row>
    <row r="460832" spans="14:14">
      <c r="N460832" s="10"/>
    </row>
    <row r="460833" spans="14:14">
      <c r="N460833" s="10"/>
    </row>
    <row r="460834" spans="14:14">
      <c r="N460834" s="10"/>
    </row>
    <row r="460835" spans="14:14">
      <c r="N460835" s="10"/>
    </row>
    <row r="460836" spans="14:14">
      <c r="N460836" s="10"/>
    </row>
    <row r="460837" spans="14:14">
      <c r="N460837" s="10"/>
    </row>
    <row r="460838" spans="14:14">
      <c r="N460838" s="10"/>
    </row>
    <row r="460839" spans="14:14">
      <c r="N460839" s="10"/>
    </row>
    <row r="460840" spans="14:14">
      <c r="N460840" s="10"/>
    </row>
    <row r="460841" spans="14:14">
      <c r="N460841" s="10"/>
    </row>
    <row r="460842" spans="14:14">
      <c r="N460842" s="10"/>
    </row>
    <row r="460843" spans="14:14">
      <c r="N460843" s="10"/>
    </row>
    <row r="460844" spans="14:14">
      <c r="N460844" s="10"/>
    </row>
    <row r="460845" spans="14:14">
      <c r="N460845" s="10"/>
    </row>
    <row r="460846" spans="14:14">
      <c r="N460846" s="10"/>
    </row>
    <row r="460847" spans="14:14">
      <c r="N460847" s="10"/>
    </row>
    <row r="460848" spans="14:14">
      <c r="N460848" s="10"/>
    </row>
    <row r="460849" spans="14:14">
      <c r="N460849" s="10"/>
    </row>
    <row r="460850" spans="14:14">
      <c r="N460850" s="10"/>
    </row>
    <row r="460851" spans="14:14">
      <c r="N460851" s="10"/>
    </row>
    <row r="460852" spans="14:14">
      <c r="N460852" s="10"/>
    </row>
    <row r="460853" spans="14:14">
      <c r="N460853" s="10"/>
    </row>
    <row r="460854" spans="14:14">
      <c r="N460854" s="10"/>
    </row>
    <row r="460855" spans="14:14">
      <c r="N460855" s="10"/>
    </row>
    <row r="460856" spans="14:14">
      <c r="N460856" s="10"/>
    </row>
    <row r="460857" spans="14:14">
      <c r="N460857" s="10"/>
    </row>
    <row r="460858" spans="14:14">
      <c r="N460858" s="10"/>
    </row>
    <row r="460859" spans="14:14">
      <c r="N460859" s="10"/>
    </row>
    <row r="460860" spans="14:14">
      <c r="N460860" s="10"/>
    </row>
    <row r="460861" spans="14:14">
      <c r="N460861" s="10"/>
    </row>
    <row r="460862" spans="14:14">
      <c r="N460862" s="10"/>
    </row>
    <row r="460863" spans="14:14">
      <c r="N460863" s="10"/>
    </row>
    <row r="460864" spans="14:14">
      <c r="N460864" s="10"/>
    </row>
    <row r="460865" spans="14:14">
      <c r="N460865" s="10"/>
    </row>
    <row r="460866" spans="14:14">
      <c r="N460866" s="10"/>
    </row>
    <row r="460867" spans="14:14">
      <c r="N460867" s="10"/>
    </row>
    <row r="460868" spans="14:14">
      <c r="N460868" s="10"/>
    </row>
    <row r="460869" spans="14:14">
      <c r="N460869" s="10"/>
    </row>
    <row r="460870" spans="14:14">
      <c r="N460870" s="10"/>
    </row>
    <row r="460871" spans="14:14">
      <c r="N460871" s="10"/>
    </row>
    <row r="460872" spans="14:14">
      <c r="N460872" s="10"/>
    </row>
    <row r="460873" spans="14:14">
      <c r="N460873" s="10"/>
    </row>
    <row r="460874" spans="14:14">
      <c r="N460874" s="10"/>
    </row>
    <row r="460875" spans="14:14">
      <c r="N460875" s="10"/>
    </row>
    <row r="460876" spans="14:14">
      <c r="N460876" s="10"/>
    </row>
    <row r="460877" spans="14:14">
      <c r="N460877" s="10"/>
    </row>
    <row r="460878" spans="14:14">
      <c r="N460878" s="10"/>
    </row>
    <row r="460879" spans="14:14">
      <c r="N460879" s="10"/>
    </row>
    <row r="460880" spans="14:14">
      <c r="N460880" s="10"/>
    </row>
    <row r="460881" spans="14:14">
      <c r="N460881" s="10"/>
    </row>
    <row r="460882" spans="14:14">
      <c r="N460882" s="10"/>
    </row>
    <row r="460883" spans="14:14">
      <c r="N460883" s="10"/>
    </row>
    <row r="460884" spans="14:14">
      <c r="N460884" s="10"/>
    </row>
    <row r="460885" spans="14:14">
      <c r="N460885" s="10"/>
    </row>
    <row r="460886" spans="14:14">
      <c r="N460886" s="10"/>
    </row>
    <row r="460887" spans="14:14">
      <c r="N460887" s="10"/>
    </row>
    <row r="460888" spans="14:14">
      <c r="N460888" s="10"/>
    </row>
    <row r="460889" spans="14:14">
      <c r="N460889" s="10"/>
    </row>
    <row r="460890" spans="14:14">
      <c r="N460890" s="10"/>
    </row>
    <row r="460891" spans="14:14">
      <c r="N460891" s="10"/>
    </row>
    <row r="460892" spans="14:14">
      <c r="N460892" s="10"/>
    </row>
    <row r="460893" spans="14:14">
      <c r="N460893" s="10"/>
    </row>
    <row r="460894" spans="14:14">
      <c r="N460894" s="10"/>
    </row>
    <row r="460895" spans="14:14">
      <c r="N460895" s="10"/>
    </row>
    <row r="460896" spans="14:14">
      <c r="N460896" s="10"/>
    </row>
    <row r="460897" spans="14:14">
      <c r="N460897" s="10"/>
    </row>
    <row r="460898" spans="14:14">
      <c r="N460898" s="10"/>
    </row>
    <row r="460899" spans="14:14">
      <c r="N460899" s="10"/>
    </row>
    <row r="460900" spans="14:14">
      <c r="N460900" s="10"/>
    </row>
    <row r="460901" spans="14:14">
      <c r="N460901" s="10"/>
    </row>
    <row r="460902" spans="14:14">
      <c r="N460902" s="10"/>
    </row>
    <row r="460903" spans="14:14">
      <c r="N460903" s="10"/>
    </row>
    <row r="460904" spans="14:14">
      <c r="N460904" s="10"/>
    </row>
    <row r="460905" spans="14:14">
      <c r="N460905" s="10"/>
    </row>
    <row r="460906" spans="14:14">
      <c r="N460906" s="10"/>
    </row>
    <row r="460907" spans="14:14">
      <c r="N460907" s="10"/>
    </row>
    <row r="460908" spans="14:14">
      <c r="N460908" s="10"/>
    </row>
    <row r="460909" spans="14:14">
      <c r="N460909" s="10"/>
    </row>
    <row r="460910" spans="14:14">
      <c r="N460910" s="10"/>
    </row>
    <row r="460911" spans="14:14">
      <c r="N460911" s="10"/>
    </row>
    <row r="460912" spans="14:14">
      <c r="N460912" s="10"/>
    </row>
    <row r="460913" spans="14:14">
      <c r="N460913" s="10"/>
    </row>
    <row r="460914" spans="14:14">
      <c r="N460914" s="10"/>
    </row>
    <row r="460915" spans="14:14">
      <c r="N460915" s="10"/>
    </row>
    <row r="460916" spans="14:14">
      <c r="N460916" s="10"/>
    </row>
    <row r="460917" spans="14:14">
      <c r="N460917" s="10"/>
    </row>
    <row r="460918" spans="14:14">
      <c r="N460918" s="10"/>
    </row>
    <row r="460919" spans="14:14">
      <c r="N460919" s="10"/>
    </row>
    <row r="460920" spans="14:14">
      <c r="N460920" s="10"/>
    </row>
    <row r="460921" spans="14:14">
      <c r="N460921" s="10"/>
    </row>
    <row r="460922" spans="14:14">
      <c r="N460922" s="10"/>
    </row>
    <row r="460923" spans="14:14">
      <c r="N460923" s="10"/>
    </row>
    <row r="460924" spans="14:14">
      <c r="N460924" s="10"/>
    </row>
    <row r="460925" spans="14:14">
      <c r="N460925" s="10"/>
    </row>
    <row r="460926" spans="14:14">
      <c r="N460926" s="10"/>
    </row>
    <row r="460927" spans="14:14">
      <c r="N460927" s="10"/>
    </row>
    <row r="460928" spans="14:14">
      <c r="N460928" s="10"/>
    </row>
    <row r="460929" spans="14:14">
      <c r="N460929" s="10"/>
    </row>
    <row r="460930" spans="14:14">
      <c r="N460930" s="10"/>
    </row>
    <row r="460931" spans="14:14">
      <c r="N460931" s="10"/>
    </row>
    <row r="460932" spans="14:14">
      <c r="N460932" s="10"/>
    </row>
    <row r="460933" spans="14:14">
      <c r="N460933" s="10"/>
    </row>
    <row r="460934" spans="14:14">
      <c r="N460934" s="10"/>
    </row>
    <row r="460935" spans="14:14">
      <c r="N460935" s="10"/>
    </row>
    <row r="460936" spans="14:14">
      <c r="N460936" s="10"/>
    </row>
    <row r="460937" spans="14:14">
      <c r="N460937" s="10"/>
    </row>
    <row r="460938" spans="14:14">
      <c r="N460938" s="10"/>
    </row>
    <row r="460939" spans="14:14">
      <c r="N460939" s="10"/>
    </row>
    <row r="460940" spans="14:14">
      <c r="N460940" s="10"/>
    </row>
    <row r="460941" spans="14:14">
      <c r="N460941" s="10"/>
    </row>
    <row r="460942" spans="14:14">
      <c r="N460942" s="10"/>
    </row>
    <row r="460943" spans="14:14">
      <c r="N460943" s="10"/>
    </row>
    <row r="460944" spans="14:14">
      <c r="N460944" s="10"/>
    </row>
    <row r="460945" spans="14:14">
      <c r="N460945" s="10"/>
    </row>
    <row r="460946" spans="14:14">
      <c r="N460946" s="10"/>
    </row>
    <row r="460947" spans="14:14">
      <c r="N460947" s="10"/>
    </row>
    <row r="460948" spans="14:14">
      <c r="N460948" s="10"/>
    </row>
    <row r="460949" spans="14:14">
      <c r="N460949" s="10"/>
    </row>
    <row r="460950" spans="14:14">
      <c r="N460950" s="10"/>
    </row>
    <row r="460951" spans="14:14">
      <c r="N460951" s="10"/>
    </row>
    <row r="460952" spans="14:14">
      <c r="N460952" s="10"/>
    </row>
    <row r="460953" spans="14:14">
      <c r="N460953" s="10"/>
    </row>
    <row r="460954" spans="14:14">
      <c r="N460954" s="10"/>
    </row>
    <row r="460955" spans="14:14">
      <c r="N460955" s="10"/>
    </row>
    <row r="460956" spans="14:14">
      <c r="N460956" s="10"/>
    </row>
    <row r="460957" spans="14:14">
      <c r="N460957" s="10"/>
    </row>
    <row r="460958" spans="14:14">
      <c r="N460958" s="10"/>
    </row>
    <row r="460959" spans="14:14">
      <c r="N460959" s="10"/>
    </row>
    <row r="460960" spans="14:14">
      <c r="N460960" s="10"/>
    </row>
    <row r="460961" spans="14:14">
      <c r="N460961" s="10"/>
    </row>
    <row r="460962" spans="14:14">
      <c r="N460962" s="10"/>
    </row>
    <row r="460963" spans="14:14">
      <c r="N460963" s="10"/>
    </row>
    <row r="460964" spans="14:14">
      <c r="N460964" s="10"/>
    </row>
    <row r="460965" spans="14:14">
      <c r="N460965" s="10"/>
    </row>
    <row r="460966" spans="14:14">
      <c r="N460966" s="10"/>
    </row>
    <row r="460967" spans="14:14">
      <c r="N460967" s="10"/>
    </row>
    <row r="460968" spans="14:14">
      <c r="N460968" s="10"/>
    </row>
    <row r="460969" spans="14:14">
      <c r="N460969" s="10"/>
    </row>
    <row r="460970" spans="14:14">
      <c r="N460970" s="10"/>
    </row>
    <row r="460971" spans="14:14">
      <c r="N460971" s="10"/>
    </row>
    <row r="460972" spans="14:14">
      <c r="N460972" s="10"/>
    </row>
    <row r="460973" spans="14:14">
      <c r="N460973" s="10"/>
    </row>
    <row r="460974" spans="14:14">
      <c r="N460974" s="10"/>
    </row>
    <row r="460975" spans="14:14">
      <c r="N460975" s="10"/>
    </row>
    <row r="460976" spans="14:14">
      <c r="N460976" s="10"/>
    </row>
    <row r="460977" spans="14:14">
      <c r="N460977" s="10"/>
    </row>
    <row r="460978" spans="14:14">
      <c r="N460978" s="10"/>
    </row>
    <row r="460979" spans="14:14">
      <c r="N460979" s="10"/>
    </row>
    <row r="460980" spans="14:14">
      <c r="N460980" s="10"/>
    </row>
    <row r="460981" spans="14:14">
      <c r="N460981" s="10"/>
    </row>
    <row r="460982" spans="14:14">
      <c r="N460982" s="10"/>
    </row>
    <row r="460983" spans="14:14">
      <c r="N460983" s="10"/>
    </row>
    <row r="460984" spans="14:14">
      <c r="N460984" s="10"/>
    </row>
    <row r="460985" spans="14:14">
      <c r="N460985" s="10"/>
    </row>
    <row r="460986" spans="14:14">
      <c r="N460986" s="10"/>
    </row>
    <row r="460987" spans="14:14">
      <c r="N460987" s="10"/>
    </row>
    <row r="460988" spans="14:14">
      <c r="N460988" s="10"/>
    </row>
    <row r="460989" spans="14:14">
      <c r="N460989" s="10"/>
    </row>
    <row r="460990" spans="14:14">
      <c r="N460990" s="10"/>
    </row>
    <row r="460991" spans="14:14">
      <c r="N460991" s="10"/>
    </row>
    <row r="460992" spans="14:14">
      <c r="N460992" s="10"/>
    </row>
    <row r="460993" spans="14:14">
      <c r="N460993" s="10"/>
    </row>
    <row r="460994" spans="14:14">
      <c r="N460994" s="10"/>
    </row>
    <row r="460995" spans="14:14">
      <c r="N460995" s="10"/>
    </row>
    <row r="460996" spans="14:14">
      <c r="N460996" s="10"/>
    </row>
    <row r="460997" spans="14:14">
      <c r="N460997" s="10"/>
    </row>
    <row r="460998" spans="14:14">
      <c r="N460998" s="10"/>
    </row>
    <row r="460999" spans="14:14">
      <c r="N460999" s="10"/>
    </row>
    <row r="461000" spans="14:14">
      <c r="N461000" s="10"/>
    </row>
    <row r="461001" spans="14:14">
      <c r="N461001" s="10"/>
    </row>
    <row r="461002" spans="14:14">
      <c r="N461002" s="10"/>
    </row>
    <row r="461003" spans="14:14">
      <c r="N461003" s="10"/>
    </row>
    <row r="461004" spans="14:14">
      <c r="N461004" s="10"/>
    </row>
    <row r="461005" spans="14:14">
      <c r="N461005" s="10"/>
    </row>
    <row r="461006" spans="14:14">
      <c r="N461006" s="10"/>
    </row>
    <row r="461007" spans="14:14">
      <c r="N461007" s="10"/>
    </row>
    <row r="461008" spans="14:14">
      <c r="N461008" s="10"/>
    </row>
    <row r="461009" spans="14:14">
      <c r="N461009" s="10"/>
    </row>
    <row r="461010" spans="14:14">
      <c r="N461010" s="10"/>
    </row>
    <row r="461011" spans="14:14">
      <c r="N461011" s="10"/>
    </row>
    <row r="461012" spans="14:14">
      <c r="N461012" s="10"/>
    </row>
    <row r="461013" spans="14:14">
      <c r="N461013" s="10"/>
    </row>
    <row r="461014" spans="14:14">
      <c r="N461014" s="10"/>
    </row>
    <row r="461015" spans="14:14">
      <c r="N461015" s="10"/>
    </row>
    <row r="461016" spans="14:14">
      <c r="N461016" s="10"/>
    </row>
    <row r="461017" spans="14:14">
      <c r="N461017" s="10"/>
    </row>
    <row r="461018" spans="14:14">
      <c r="N461018" s="10"/>
    </row>
    <row r="461019" spans="14:14">
      <c r="N461019" s="10"/>
    </row>
    <row r="461020" spans="14:14">
      <c r="N461020" s="10"/>
    </row>
    <row r="461021" spans="14:14">
      <c r="N461021" s="10"/>
    </row>
    <row r="461022" spans="14:14">
      <c r="N461022" s="10"/>
    </row>
    <row r="461023" spans="14:14">
      <c r="N461023" s="10"/>
    </row>
    <row r="461024" spans="14:14">
      <c r="N461024" s="10"/>
    </row>
    <row r="461025" spans="14:14">
      <c r="N461025" s="10"/>
    </row>
    <row r="461026" spans="14:14">
      <c r="N461026" s="10"/>
    </row>
    <row r="461027" spans="14:14">
      <c r="N461027" s="10"/>
    </row>
    <row r="461028" spans="14:14">
      <c r="N461028" s="10"/>
    </row>
    <row r="461029" spans="14:14">
      <c r="N461029" s="10"/>
    </row>
    <row r="461030" spans="14:14">
      <c r="N461030" s="10"/>
    </row>
    <row r="461031" spans="14:14">
      <c r="N461031" s="10"/>
    </row>
    <row r="461032" spans="14:14">
      <c r="N461032" s="10"/>
    </row>
    <row r="461033" spans="14:14">
      <c r="N461033" s="10"/>
    </row>
    <row r="461034" spans="14:14">
      <c r="N461034" s="10"/>
    </row>
    <row r="461035" spans="14:14">
      <c r="N461035" s="10"/>
    </row>
    <row r="461036" spans="14:14">
      <c r="N461036" s="10"/>
    </row>
    <row r="461037" spans="14:14">
      <c r="N461037" s="10"/>
    </row>
    <row r="461038" spans="14:14">
      <c r="N461038" s="10"/>
    </row>
    <row r="461039" spans="14:14">
      <c r="N461039" s="10"/>
    </row>
    <row r="461040" spans="14:14">
      <c r="N461040" s="10"/>
    </row>
    <row r="461041" spans="14:14">
      <c r="N461041" s="10"/>
    </row>
    <row r="461042" spans="14:14">
      <c r="N461042" s="10"/>
    </row>
    <row r="461043" spans="14:14">
      <c r="N461043" s="10"/>
    </row>
    <row r="461044" spans="14:14">
      <c r="N461044" s="10"/>
    </row>
    <row r="461045" spans="14:14">
      <c r="N461045" s="10"/>
    </row>
    <row r="461046" spans="14:14">
      <c r="N461046" s="10"/>
    </row>
    <row r="461047" spans="14:14">
      <c r="N461047" s="10"/>
    </row>
    <row r="461048" spans="14:14">
      <c r="N461048" s="10"/>
    </row>
    <row r="461049" spans="14:14">
      <c r="N461049" s="10"/>
    </row>
    <row r="461050" spans="14:14">
      <c r="N461050" s="10"/>
    </row>
    <row r="461051" spans="14:14">
      <c r="N461051" s="10"/>
    </row>
    <row r="461052" spans="14:14">
      <c r="N461052" s="10"/>
    </row>
    <row r="461053" spans="14:14">
      <c r="N461053" s="10"/>
    </row>
    <row r="461054" spans="14:14">
      <c r="N461054" s="10"/>
    </row>
    <row r="461055" spans="14:14">
      <c r="N461055" s="10"/>
    </row>
    <row r="461056" spans="14:14">
      <c r="N461056" s="10"/>
    </row>
    <row r="461057" spans="14:14">
      <c r="N461057" s="10"/>
    </row>
    <row r="461058" spans="14:14">
      <c r="N461058" s="10"/>
    </row>
    <row r="461059" spans="14:14">
      <c r="N461059" s="10"/>
    </row>
    <row r="461060" spans="14:14">
      <c r="N461060" s="10"/>
    </row>
    <row r="461061" spans="14:14">
      <c r="N461061" s="10"/>
    </row>
    <row r="461062" spans="14:14">
      <c r="N461062" s="10"/>
    </row>
    <row r="461063" spans="14:14">
      <c r="N461063" s="10"/>
    </row>
    <row r="461064" spans="14:14">
      <c r="N461064" s="10"/>
    </row>
    <row r="461065" spans="14:14">
      <c r="N461065" s="10"/>
    </row>
    <row r="461066" spans="14:14">
      <c r="N461066" s="10"/>
    </row>
    <row r="461067" spans="14:14">
      <c r="N461067" s="10"/>
    </row>
    <row r="461068" spans="14:14">
      <c r="N461068" s="10"/>
    </row>
    <row r="461069" spans="14:14">
      <c r="N461069" s="10"/>
    </row>
    <row r="461070" spans="14:14">
      <c r="N461070" s="10"/>
    </row>
    <row r="461071" spans="14:14">
      <c r="N461071" s="10"/>
    </row>
    <row r="461072" spans="14:14">
      <c r="N461072" s="10"/>
    </row>
    <row r="461073" spans="14:14">
      <c r="N461073" s="10"/>
    </row>
    <row r="461074" spans="14:14">
      <c r="N461074" s="10"/>
    </row>
    <row r="461075" spans="14:14">
      <c r="N461075" s="10"/>
    </row>
    <row r="461076" spans="14:14">
      <c r="N461076" s="10"/>
    </row>
    <row r="461077" spans="14:14">
      <c r="N461077" s="10"/>
    </row>
    <row r="461078" spans="14:14">
      <c r="N461078" s="10"/>
    </row>
    <row r="461079" spans="14:14">
      <c r="N461079" s="10"/>
    </row>
    <row r="461080" spans="14:14">
      <c r="N461080" s="10"/>
    </row>
    <row r="461081" spans="14:14">
      <c r="N461081" s="10"/>
    </row>
    <row r="461082" spans="14:14">
      <c r="N461082" s="10"/>
    </row>
    <row r="461083" spans="14:14">
      <c r="N461083" s="10"/>
    </row>
    <row r="461084" spans="14:14">
      <c r="N461084" s="10"/>
    </row>
    <row r="461085" spans="14:14">
      <c r="N461085" s="10"/>
    </row>
    <row r="461086" spans="14:14">
      <c r="N461086" s="10"/>
    </row>
    <row r="461087" spans="14:14">
      <c r="N461087" s="10"/>
    </row>
    <row r="461088" spans="14:14">
      <c r="N461088" s="10"/>
    </row>
    <row r="461089" spans="14:14">
      <c r="N461089" s="10"/>
    </row>
    <row r="461090" spans="14:14">
      <c r="N461090" s="10"/>
    </row>
    <row r="461091" spans="14:14">
      <c r="N461091" s="10"/>
    </row>
    <row r="461092" spans="14:14">
      <c r="N461092" s="10"/>
    </row>
    <row r="461093" spans="14:14">
      <c r="N461093" s="10"/>
    </row>
    <row r="461094" spans="14:14">
      <c r="N461094" s="10"/>
    </row>
    <row r="461095" spans="14:14">
      <c r="N461095" s="10"/>
    </row>
    <row r="461096" spans="14:14">
      <c r="N461096" s="10"/>
    </row>
    <row r="461097" spans="14:14">
      <c r="N461097" s="10"/>
    </row>
    <row r="461098" spans="14:14">
      <c r="N461098" s="10"/>
    </row>
    <row r="461099" spans="14:14">
      <c r="N461099" s="10"/>
    </row>
    <row r="461100" spans="14:14">
      <c r="N461100" s="10"/>
    </row>
    <row r="461101" spans="14:14">
      <c r="N461101" s="10"/>
    </row>
    <row r="461102" spans="14:14">
      <c r="N461102" s="10"/>
    </row>
    <row r="461103" spans="14:14">
      <c r="N461103" s="10"/>
    </row>
    <row r="461104" spans="14:14">
      <c r="N461104" s="10"/>
    </row>
    <row r="461105" spans="14:14">
      <c r="N461105" s="10"/>
    </row>
    <row r="461106" spans="14:14">
      <c r="N461106" s="10"/>
    </row>
    <row r="461107" spans="14:14">
      <c r="N461107" s="10"/>
    </row>
    <row r="461108" spans="14:14">
      <c r="N461108" s="10"/>
    </row>
    <row r="461109" spans="14:14">
      <c r="N461109" s="10"/>
    </row>
    <row r="461110" spans="14:14">
      <c r="N461110" s="10"/>
    </row>
    <row r="461111" spans="14:14">
      <c r="N461111" s="10"/>
    </row>
    <row r="461112" spans="14:14">
      <c r="N461112" s="10"/>
    </row>
    <row r="461113" spans="14:14">
      <c r="N461113" s="10"/>
    </row>
    <row r="461114" spans="14:14">
      <c r="N461114" s="10"/>
    </row>
    <row r="461115" spans="14:14">
      <c r="N461115" s="10"/>
    </row>
    <row r="461116" spans="14:14">
      <c r="N461116" s="10"/>
    </row>
    <row r="461117" spans="14:14">
      <c r="N461117" s="10"/>
    </row>
    <row r="461118" spans="14:14">
      <c r="N461118" s="10"/>
    </row>
    <row r="461119" spans="14:14">
      <c r="N461119" s="10"/>
    </row>
    <row r="461120" spans="14:14">
      <c r="N461120" s="10"/>
    </row>
    <row r="461121" spans="14:14">
      <c r="N461121" s="10"/>
    </row>
    <row r="461122" spans="14:14">
      <c r="N461122" s="10"/>
    </row>
    <row r="461123" spans="14:14">
      <c r="N461123" s="10"/>
    </row>
    <row r="461124" spans="14:14">
      <c r="N461124" s="10"/>
    </row>
    <row r="461125" spans="14:14">
      <c r="N461125" s="10"/>
    </row>
    <row r="461126" spans="14:14">
      <c r="N461126" s="10"/>
    </row>
    <row r="461127" spans="14:14">
      <c r="N461127" s="10"/>
    </row>
    <row r="461128" spans="14:14">
      <c r="N461128" s="10"/>
    </row>
    <row r="461129" spans="14:14">
      <c r="N461129" s="10"/>
    </row>
    <row r="461130" spans="14:14">
      <c r="N461130" s="10"/>
    </row>
    <row r="461131" spans="14:14">
      <c r="N461131" s="10"/>
    </row>
    <row r="461132" spans="14:14">
      <c r="N461132" s="10"/>
    </row>
    <row r="461133" spans="14:14">
      <c r="N461133" s="10"/>
    </row>
    <row r="461134" spans="14:14">
      <c r="N461134" s="10"/>
    </row>
    <row r="461135" spans="14:14">
      <c r="N461135" s="10"/>
    </row>
    <row r="461136" spans="14:14">
      <c r="N461136" s="10"/>
    </row>
    <row r="461137" spans="14:14">
      <c r="N461137" s="10"/>
    </row>
    <row r="461138" spans="14:14">
      <c r="N461138" s="10"/>
    </row>
    <row r="461139" spans="14:14">
      <c r="N461139" s="10"/>
    </row>
    <row r="461140" spans="14:14">
      <c r="N461140" s="10"/>
    </row>
    <row r="461141" spans="14:14">
      <c r="N461141" s="10"/>
    </row>
    <row r="461142" spans="14:14">
      <c r="N461142" s="10"/>
    </row>
    <row r="461143" spans="14:14">
      <c r="N461143" s="10"/>
    </row>
    <row r="461144" spans="14:14">
      <c r="N461144" s="10"/>
    </row>
    <row r="461145" spans="14:14">
      <c r="N461145" s="10"/>
    </row>
    <row r="461146" spans="14:14">
      <c r="N461146" s="10"/>
    </row>
    <row r="461147" spans="14:14">
      <c r="N461147" s="10"/>
    </row>
    <row r="461148" spans="14:14">
      <c r="N461148" s="10"/>
    </row>
    <row r="461149" spans="14:14">
      <c r="N461149" s="10"/>
    </row>
    <row r="461150" spans="14:14">
      <c r="N461150" s="10"/>
    </row>
    <row r="461151" spans="14:14">
      <c r="N461151" s="10"/>
    </row>
    <row r="461152" spans="14:14">
      <c r="N461152" s="10"/>
    </row>
    <row r="461153" spans="14:14">
      <c r="N461153" s="10"/>
    </row>
    <row r="461154" spans="14:14">
      <c r="N461154" s="10"/>
    </row>
    <row r="461155" spans="14:14">
      <c r="N461155" s="10"/>
    </row>
    <row r="461156" spans="14:14">
      <c r="N461156" s="10"/>
    </row>
    <row r="461157" spans="14:14">
      <c r="N461157" s="10"/>
    </row>
    <row r="461158" spans="14:14">
      <c r="N461158" s="10"/>
    </row>
    <row r="461159" spans="14:14">
      <c r="N461159" s="10"/>
    </row>
    <row r="461160" spans="14:14">
      <c r="N461160" s="10"/>
    </row>
    <row r="461161" spans="14:14">
      <c r="N461161" s="10"/>
    </row>
    <row r="461162" spans="14:14">
      <c r="N461162" s="10"/>
    </row>
    <row r="461163" spans="14:14">
      <c r="N461163" s="10"/>
    </row>
    <row r="461164" spans="14:14">
      <c r="N461164" s="10"/>
    </row>
    <row r="461165" spans="14:14">
      <c r="N461165" s="10"/>
    </row>
    <row r="461166" spans="14:14">
      <c r="N461166" s="10"/>
    </row>
    <row r="461167" spans="14:14">
      <c r="N461167" s="10"/>
    </row>
    <row r="461168" spans="14:14">
      <c r="N461168" s="10"/>
    </row>
    <row r="461169" spans="14:14">
      <c r="N461169" s="10"/>
    </row>
    <row r="461170" spans="14:14">
      <c r="N461170" s="10"/>
    </row>
    <row r="461171" spans="14:14">
      <c r="N461171" s="10"/>
    </row>
    <row r="461172" spans="14:14">
      <c r="N461172" s="10"/>
    </row>
    <row r="461173" spans="14:14">
      <c r="N461173" s="10"/>
    </row>
    <row r="461174" spans="14:14">
      <c r="N461174" s="10"/>
    </row>
    <row r="461175" spans="14:14">
      <c r="N461175" s="10"/>
    </row>
    <row r="461176" spans="14:14">
      <c r="N461176" s="10"/>
    </row>
    <row r="461177" spans="14:14">
      <c r="N461177" s="10"/>
    </row>
    <row r="461178" spans="14:14">
      <c r="N461178" s="10"/>
    </row>
    <row r="461179" spans="14:14">
      <c r="N461179" s="10"/>
    </row>
    <row r="461180" spans="14:14">
      <c r="N461180" s="10"/>
    </row>
    <row r="461181" spans="14:14">
      <c r="N461181" s="10"/>
    </row>
    <row r="461182" spans="14:14">
      <c r="N461182" s="10"/>
    </row>
    <row r="461183" spans="14:14">
      <c r="N461183" s="10"/>
    </row>
    <row r="461184" spans="14:14">
      <c r="N461184" s="10"/>
    </row>
    <row r="461185" spans="14:14">
      <c r="N461185" s="10"/>
    </row>
    <row r="461186" spans="14:14">
      <c r="N461186" s="10"/>
    </row>
    <row r="461187" spans="14:14">
      <c r="N461187" s="10"/>
    </row>
    <row r="461188" spans="14:14">
      <c r="N461188" s="10"/>
    </row>
    <row r="461189" spans="14:14">
      <c r="N461189" s="10"/>
    </row>
    <row r="461190" spans="14:14">
      <c r="N461190" s="10"/>
    </row>
    <row r="461191" spans="14:14">
      <c r="N461191" s="10"/>
    </row>
    <row r="461192" spans="14:14">
      <c r="N461192" s="10"/>
    </row>
    <row r="461193" spans="14:14">
      <c r="N461193" s="10"/>
    </row>
    <row r="461194" spans="14:14">
      <c r="N461194" s="10"/>
    </row>
    <row r="461195" spans="14:14">
      <c r="N461195" s="10"/>
    </row>
    <row r="461196" spans="14:14">
      <c r="N461196" s="10"/>
    </row>
    <row r="461197" spans="14:14">
      <c r="N461197" s="10"/>
    </row>
    <row r="461198" spans="14:14">
      <c r="N461198" s="10"/>
    </row>
    <row r="461199" spans="14:14">
      <c r="N461199" s="10"/>
    </row>
    <row r="461200" spans="14:14">
      <c r="N461200" s="10"/>
    </row>
    <row r="461201" spans="14:14">
      <c r="N461201" s="10"/>
    </row>
    <row r="461202" spans="14:14">
      <c r="N461202" s="10"/>
    </row>
    <row r="461203" spans="14:14">
      <c r="N461203" s="10"/>
    </row>
    <row r="461204" spans="14:14">
      <c r="N461204" s="10"/>
    </row>
    <row r="461205" spans="14:14">
      <c r="N461205" s="10"/>
    </row>
    <row r="461206" spans="14:14">
      <c r="N461206" s="10"/>
    </row>
    <row r="461207" spans="14:14">
      <c r="N461207" s="10"/>
    </row>
    <row r="461208" spans="14:14">
      <c r="N461208" s="10"/>
    </row>
    <row r="461209" spans="14:14">
      <c r="N461209" s="10"/>
    </row>
    <row r="461210" spans="14:14">
      <c r="N461210" s="10"/>
    </row>
    <row r="461211" spans="14:14">
      <c r="N461211" s="10"/>
    </row>
    <row r="461212" spans="14:14">
      <c r="N461212" s="10"/>
    </row>
    <row r="461213" spans="14:14">
      <c r="N461213" s="10"/>
    </row>
    <row r="461214" spans="14:14">
      <c r="N461214" s="10"/>
    </row>
    <row r="461215" spans="14:14">
      <c r="N461215" s="10"/>
    </row>
    <row r="461216" spans="14:14">
      <c r="N461216" s="10"/>
    </row>
    <row r="461217" spans="14:14">
      <c r="N461217" s="10"/>
    </row>
    <row r="461218" spans="14:14">
      <c r="N461218" s="10"/>
    </row>
    <row r="461219" spans="14:14">
      <c r="N461219" s="10"/>
    </row>
    <row r="461220" spans="14:14">
      <c r="N461220" s="10"/>
    </row>
    <row r="461221" spans="14:14">
      <c r="N461221" s="10"/>
    </row>
    <row r="461222" spans="14:14">
      <c r="N461222" s="10"/>
    </row>
    <row r="461223" spans="14:14">
      <c r="N461223" s="10"/>
    </row>
    <row r="461224" spans="14:14">
      <c r="N461224" s="10"/>
    </row>
    <row r="461225" spans="14:14">
      <c r="N461225" s="10"/>
    </row>
    <row r="461226" spans="14:14">
      <c r="N461226" s="10"/>
    </row>
    <row r="461227" spans="14:14">
      <c r="N461227" s="10"/>
    </row>
    <row r="461228" spans="14:14">
      <c r="N461228" s="10"/>
    </row>
    <row r="461229" spans="14:14">
      <c r="N461229" s="10"/>
    </row>
    <row r="461230" spans="14:14">
      <c r="N461230" s="10"/>
    </row>
    <row r="461231" spans="14:14">
      <c r="N461231" s="10"/>
    </row>
    <row r="461232" spans="14:14">
      <c r="N461232" s="10"/>
    </row>
    <row r="461233" spans="14:14">
      <c r="N461233" s="10"/>
    </row>
    <row r="461234" spans="14:14">
      <c r="N461234" s="10"/>
    </row>
    <row r="461235" spans="14:14">
      <c r="N461235" s="10"/>
    </row>
    <row r="461236" spans="14:14">
      <c r="N461236" s="10"/>
    </row>
    <row r="461237" spans="14:14">
      <c r="N461237" s="10"/>
    </row>
    <row r="461238" spans="14:14">
      <c r="N461238" s="10"/>
    </row>
    <row r="461239" spans="14:14">
      <c r="N461239" s="10"/>
    </row>
    <row r="461240" spans="14:14">
      <c r="N461240" s="10"/>
    </row>
    <row r="461241" spans="14:14">
      <c r="N461241" s="10"/>
    </row>
    <row r="461242" spans="14:14">
      <c r="N461242" s="10"/>
    </row>
    <row r="461243" spans="14:14">
      <c r="N461243" s="10"/>
    </row>
    <row r="461244" spans="14:14">
      <c r="N461244" s="10"/>
    </row>
    <row r="461245" spans="14:14">
      <c r="N461245" s="10"/>
    </row>
    <row r="461246" spans="14:14">
      <c r="N461246" s="10"/>
    </row>
    <row r="461247" spans="14:14">
      <c r="N461247" s="10"/>
    </row>
    <row r="461248" spans="14:14">
      <c r="N461248" s="10"/>
    </row>
    <row r="461249" spans="14:14">
      <c r="N461249" s="10"/>
    </row>
    <row r="461250" spans="14:14">
      <c r="N461250" s="10"/>
    </row>
    <row r="461251" spans="14:14">
      <c r="N461251" s="10"/>
    </row>
    <row r="461252" spans="14:14">
      <c r="N461252" s="10"/>
    </row>
    <row r="461253" spans="14:14">
      <c r="N461253" s="10"/>
    </row>
    <row r="461254" spans="14:14">
      <c r="N461254" s="10"/>
    </row>
    <row r="461255" spans="14:14">
      <c r="N461255" s="10"/>
    </row>
    <row r="461256" spans="14:14">
      <c r="N461256" s="10"/>
    </row>
    <row r="461257" spans="14:14">
      <c r="N461257" s="10"/>
    </row>
    <row r="461258" spans="14:14">
      <c r="N461258" s="10"/>
    </row>
    <row r="461259" spans="14:14">
      <c r="N461259" s="10"/>
    </row>
    <row r="461260" spans="14:14">
      <c r="N461260" s="10"/>
    </row>
    <row r="461261" spans="14:14">
      <c r="N461261" s="10"/>
    </row>
    <row r="461262" spans="14:14">
      <c r="N461262" s="10"/>
    </row>
    <row r="461263" spans="14:14">
      <c r="N461263" s="10"/>
    </row>
    <row r="461264" spans="14:14">
      <c r="N461264" s="10"/>
    </row>
    <row r="461265" spans="14:14">
      <c r="N461265" s="10"/>
    </row>
    <row r="461266" spans="14:14">
      <c r="N461266" s="10"/>
    </row>
    <row r="461267" spans="14:14">
      <c r="N461267" s="10"/>
    </row>
    <row r="461268" spans="14:14">
      <c r="N461268" s="10"/>
    </row>
    <row r="461269" spans="14:14">
      <c r="N461269" s="10"/>
    </row>
    <row r="461270" spans="14:14">
      <c r="N461270" s="10"/>
    </row>
    <row r="461271" spans="14:14">
      <c r="N461271" s="10"/>
    </row>
    <row r="461272" spans="14:14">
      <c r="N461272" s="10"/>
    </row>
    <row r="461273" spans="14:14">
      <c r="N461273" s="10"/>
    </row>
    <row r="461274" spans="14:14">
      <c r="N461274" s="10"/>
    </row>
    <row r="461275" spans="14:14">
      <c r="N461275" s="10"/>
    </row>
    <row r="461276" spans="14:14">
      <c r="N461276" s="10"/>
    </row>
    <row r="461277" spans="14:14">
      <c r="N461277" s="10"/>
    </row>
    <row r="461278" spans="14:14">
      <c r="N461278" s="10"/>
    </row>
    <row r="461279" spans="14:14">
      <c r="N461279" s="10"/>
    </row>
    <row r="461280" spans="14:14">
      <c r="N461280" s="10"/>
    </row>
    <row r="461281" spans="14:14">
      <c r="N461281" s="10"/>
    </row>
    <row r="461282" spans="14:14">
      <c r="N461282" s="10"/>
    </row>
    <row r="461283" spans="14:14">
      <c r="N461283" s="10"/>
    </row>
    <row r="461284" spans="14:14">
      <c r="N461284" s="10"/>
    </row>
    <row r="461285" spans="14:14">
      <c r="N461285" s="10"/>
    </row>
    <row r="461286" spans="14:14">
      <c r="N461286" s="10"/>
    </row>
    <row r="461287" spans="14:14">
      <c r="N461287" s="10"/>
    </row>
    <row r="461288" spans="14:14">
      <c r="N461288" s="10"/>
    </row>
    <row r="461289" spans="14:14">
      <c r="N461289" s="10"/>
    </row>
    <row r="461290" spans="14:14">
      <c r="N461290" s="10"/>
    </row>
    <row r="461291" spans="14:14">
      <c r="N461291" s="10"/>
    </row>
    <row r="461292" spans="14:14">
      <c r="N461292" s="10"/>
    </row>
    <row r="461293" spans="14:14">
      <c r="N461293" s="10"/>
    </row>
    <row r="461294" spans="14:14">
      <c r="N461294" s="10"/>
    </row>
    <row r="461295" spans="14:14">
      <c r="N461295" s="10"/>
    </row>
    <row r="461296" spans="14:14">
      <c r="N461296" s="10"/>
    </row>
    <row r="461297" spans="14:14">
      <c r="N461297" s="10"/>
    </row>
    <row r="461298" spans="14:14">
      <c r="N461298" s="10"/>
    </row>
    <row r="461299" spans="14:14">
      <c r="N461299" s="10"/>
    </row>
    <row r="461300" spans="14:14">
      <c r="N461300" s="10"/>
    </row>
    <row r="461301" spans="14:14">
      <c r="N461301" s="10"/>
    </row>
    <row r="461302" spans="14:14">
      <c r="N461302" s="10"/>
    </row>
    <row r="461303" spans="14:14">
      <c r="N461303" s="10"/>
    </row>
    <row r="461304" spans="14:14">
      <c r="N461304" s="10"/>
    </row>
    <row r="461305" spans="14:14">
      <c r="N461305" s="10"/>
    </row>
    <row r="461306" spans="14:14">
      <c r="N461306" s="10"/>
    </row>
    <row r="461307" spans="14:14">
      <c r="N461307" s="10"/>
    </row>
    <row r="461308" spans="14:14">
      <c r="N461308" s="10"/>
    </row>
    <row r="461309" spans="14:14">
      <c r="N461309" s="10"/>
    </row>
    <row r="461310" spans="14:14">
      <c r="N461310" s="10"/>
    </row>
    <row r="461311" spans="14:14">
      <c r="N461311" s="10"/>
    </row>
    <row r="461312" spans="14:14">
      <c r="N461312" s="10"/>
    </row>
    <row r="461313" spans="14:14">
      <c r="N461313" s="10"/>
    </row>
    <row r="461314" spans="14:14">
      <c r="N461314" s="10"/>
    </row>
    <row r="461315" spans="14:14">
      <c r="N461315" s="10"/>
    </row>
    <row r="461316" spans="14:14">
      <c r="N461316" s="10"/>
    </row>
    <row r="461317" spans="14:14">
      <c r="N461317" s="10"/>
    </row>
    <row r="461318" spans="14:14">
      <c r="N461318" s="10"/>
    </row>
    <row r="461319" spans="14:14">
      <c r="N461319" s="10"/>
    </row>
    <row r="461320" spans="14:14">
      <c r="N461320" s="10"/>
    </row>
    <row r="461321" spans="14:14">
      <c r="N461321" s="10"/>
    </row>
    <row r="461322" spans="14:14">
      <c r="N461322" s="10"/>
    </row>
    <row r="461323" spans="14:14">
      <c r="N461323" s="10"/>
    </row>
    <row r="461324" spans="14:14">
      <c r="N461324" s="10"/>
    </row>
    <row r="461325" spans="14:14">
      <c r="N461325" s="10"/>
    </row>
    <row r="461326" spans="14:14">
      <c r="N461326" s="10"/>
    </row>
    <row r="461327" spans="14:14">
      <c r="N461327" s="10"/>
    </row>
    <row r="461328" spans="14:14">
      <c r="N461328" s="10"/>
    </row>
    <row r="461329" spans="14:14">
      <c r="N461329" s="10"/>
    </row>
    <row r="461330" spans="14:14">
      <c r="N461330" s="10"/>
    </row>
    <row r="461331" spans="14:14">
      <c r="N461331" s="10"/>
    </row>
    <row r="461332" spans="14:14">
      <c r="N461332" s="10"/>
    </row>
    <row r="461333" spans="14:14">
      <c r="N461333" s="10"/>
    </row>
    <row r="461334" spans="14:14">
      <c r="N461334" s="10"/>
    </row>
    <row r="461335" spans="14:14">
      <c r="N461335" s="10"/>
    </row>
    <row r="461336" spans="14:14">
      <c r="N461336" s="10"/>
    </row>
    <row r="461337" spans="14:14">
      <c r="N461337" s="10"/>
    </row>
    <row r="461338" spans="14:14">
      <c r="N461338" s="10"/>
    </row>
    <row r="461339" spans="14:14">
      <c r="N461339" s="10"/>
    </row>
    <row r="461340" spans="14:14">
      <c r="N461340" s="10"/>
    </row>
    <row r="461341" spans="14:14">
      <c r="N461341" s="10"/>
    </row>
    <row r="461342" spans="14:14">
      <c r="N461342" s="10"/>
    </row>
    <row r="461343" spans="14:14">
      <c r="N461343" s="10"/>
    </row>
    <row r="461344" spans="14:14">
      <c r="N461344" s="10"/>
    </row>
    <row r="461345" spans="14:14">
      <c r="N461345" s="10"/>
    </row>
    <row r="461346" spans="14:14">
      <c r="N461346" s="10"/>
    </row>
    <row r="461347" spans="14:14">
      <c r="N461347" s="10"/>
    </row>
    <row r="461348" spans="14:14">
      <c r="N461348" s="10"/>
    </row>
    <row r="461349" spans="14:14">
      <c r="N461349" s="10"/>
    </row>
    <row r="461350" spans="14:14">
      <c r="N461350" s="10"/>
    </row>
    <row r="461351" spans="14:14">
      <c r="N461351" s="10"/>
    </row>
    <row r="461352" spans="14:14">
      <c r="N461352" s="10"/>
    </row>
    <row r="461353" spans="14:14">
      <c r="N461353" s="10"/>
    </row>
    <row r="461354" spans="14:14">
      <c r="N461354" s="10"/>
    </row>
    <row r="461355" spans="14:14">
      <c r="N461355" s="10"/>
    </row>
    <row r="461356" spans="14:14">
      <c r="N461356" s="10"/>
    </row>
    <row r="461357" spans="14:14">
      <c r="N461357" s="10"/>
    </row>
    <row r="461358" spans="14:14">
      <c r="N461358" s="10"/>
    </row>
    <row r="461359" spans="14:14">
      <c r="N461359" s="10"/>
    </row>
    <row r="461360" spans="14:14">
      <c r="N461360" s="10"/>
    </row>
    <row r="461361" spans="14:14">
      <c r="N461361" s="10"/>
    </row>
    <row r="461362" spans="14:14">
      <c r="N461362" s="10"/>
    </row>
    <row r="461363" spans="14:14">
      <c r="N461363" s="10"/>
    </row>
    <row r="461364" spans="14:14">
      <c r="N461364" s="10"/>
    </row>
    <row r="461365" spans="14:14">
      <c r="N461365" s="10"/>
    </row>
    <row r="461366" spans="14:14">
      <c r="N461366" s="10"/>
    </row>
    <row r="461367" spans="14:14">
      <c r="N461367" s="10"/>
    </row>
    <row r="461368" spans="14:14">
      <c r="N461368" s="10"/>
    </row>
    <row r="461369" spans="14:14">
      <c r="N461369" s="10"/>
    </row>
    <row r="461370" spans="14:14">
      <c r="N461370" s="10"/>
    </row>
    <row r="461371" spans="14:14">
      <c r="N461371" s="10"/>
    </row>
    <row r="461372" spans="14:14">
      <c r="N461372" s="10"/>
    </row>
    <row r="461373" spans="14:14">
      <c r="N461373" s="10"/>
    </row>
    <row r="461374" spans="14:14">
      <c r="N461374" s="10"/>
    </row>
    <row r="461375" spans="14:14">
      <c r="N461375" s="10"/>
    </row>
    <row r="461376" spans="14:14">
      <c r="N461376" s="10"/>
    </row>
    <row r="461377" spans="14:14">
      <c r="N461377" s="10"/>
    </row>
    <row r="461378" spans="14:14">
      <c r="N461378" s="10"/>
    </row>
    <row r="461379" spans="14:14">
      <c r="N461379" s="10"/>
    </row>
    <row r="461380" spans="14:14">
      <c r="N461380" s="10"/>
    </row>
    <row r="461381" spans="14:14">
      <c r="N461381" s="10"/>
    </row>
    <row r="461382" spans="14:14">
      <c r="N461382" s="10"/>
    </row>
    <row r="461383" spans="14:14">
      <c r="N461383" s="10"/>
    </row>
    <row r="461384" spans="14:14">
      <c r="N461384" s="10"/>
    </row>
    <row r="461385" spans="14:14">
      <c r="N461385" s="10"/>
    </row>
    <row r="461386" spans="14:14">
      <c r="N461386" s="10"/>
    </row>
    <row r="461387" spans="14:14">
      <c r="N461387" s="10"/>
    </row>
    <row r="461388" spans="14:14">
      <c r="N461388" s="10"/>
    </row>
    <row r="461389" spans="14:14">
      <c r="N461389" s="10"/>
    </row>
    <row r="461390" spans="14:14">
      <c r="N461390" s="10"/>
    </row>
    <row r="461391" spans="14:14">
      <c r="N461391" s="10"/>
    </row>
    <row r="461392" spans="14:14">
      <c r="N461392" s="10"/>
    </row>
    <row r="461393" spans="14:14">
      <c r="N461393" s="10"/>
    </row>
    <row r="461394" spans="14:14">
      <c r="N461394" s="10"/>
    </row>
    <row r="461395" spans="14:14">
      <c r="N461395" s="10"/>
    </row>
    <row r="461396" spans="14:14">
      <c r="N461396" s="10"/>
    </row>
    <row r="461397" spans="14:14">
      <c r="N461397" s="10"/>
    </row>
    <row r="461398" spans="14:14">
      <c r="N461398" s="10"/>
    </row>
    <row r="461399" spans="14:14">
      <c r="N461399" s="10"/>
    </row>
    <row r="461400" spans="14:14">
      <c r="N461400" s="10"/>
    </row>
    <row r="461401" spans="14:14">
      <c r="N461401" s="10"/>
    </row>
    <row r="461402" spans="14:14">
      <c r="N461402" s="10"/>
    </row>
    <row r="461403" spans="14:14">
      <c r="N461403" s="10"/>
    </row>
    <row r="461404" spans="14:14">
      <c r="N461404" s="10"/>
    </row>
    <row r="461405" spans="14:14">
      <c r="N461405" s="10"/>
    </row>
    <row r="461406" spans="14:14">
      <c r="N461406" s="10"/>
    </row>
    <row r="461407" spans="14:14">
      <c r="N461407" s="10"/>
    </row>
    <row r="461408" spans="14:14">
      <c r="N461408" s="10"/>
    </row>
    <row r="461409" spans="14:14">
      <c r="N461409" s="10"/>
    </row>
    <row r="461410" spans="14:14">
      <c r="N461410" s="10"/>
    </row>
    <row r="461411" spans="14:14">
      <c r="N461411" s="10"/>
    </row>
    <row r="461412" spans="14:14">
      <c r="N461412" s="10"/>
    </row>
    <row r="461413" spans="14:14">
      <c r="N461413" s="10"/>
    </row>
    <row r="461414" spans="14:14">
      <c r="N461414" s="10"/>
    </row>
    <row r="461415" spans="14:14">
      <c r="N461415" s="10"/>
    </row>
    <row r="461416" spans="14:14">
      <c r="N461416" s="10"/>
    </row>
    <row r="461417" spans="14:14">
      <c r="N461417" s="10"/>
    </row>
    <row r="461418" spans="14:14">
      <c r="N461418" s="10"/>
    </row>
    <row r="461419" spans="14:14">
      <c r="N461419" s="10"/>
    </row>
    <row r="461420" spans="14:14">
      <c r="N461420" s="10"/>
    </row>
    <row r="461421" spans="14:14">
      <c r="N461421" s="10"/>
    </row>
    <row r="461422" spans="14:14">
      <c r="N461422" s="10"/>
    </row>
    <row r="461423" spans="14:14">
      <c r="N461423" s="10"/>
    </row>
    <row r="461424" spans="14:14">
      <c r="N461424" s="10"/>
    </row>
    <row r="461425" spans="14:14">
      <c r="N461425" s="10"/>
    </row>
    <row r="461426" spans="14:14">
      <c r="N461426" s="10"/>
    </row>
    <row r="461427" spans="14:14">
      <c r="N461427" s="10"/>
    </row>
    <row r="461428" spans="14:14">
      <c r="N461428" s="10"/>
    </row>
    <row r="461429" spans="14:14">
      <c r="N461429" s="10"/>
    </row>
    <row r="461430" spans="14:14">
      <c r="N461430" s="10"/>
    </row>
    <row r="461431" spans="14:14">
      <c r="N461431" s="10"/>
    </row>
    <row r="461432" spans="14:14">
      <c r="N461432" s="10"/>
    </row>
    <row r="461433" spans="14:14">
      <c r="N461433" s="10"/>
    </row>
    <row r="461434" spans="14:14">
      <c r="N461434" s="10"/>
    </row>
    <row r="461435" spans="14:14">
      <c r="N461435" s="10"/>
    </row>
    <row r="461436" spans="14:14">
      <c r="N461436" s="10"/>
    </row>
    <row r="461437" spans="14:14">
      <c r="N461437" s="10"/>
    </row>
    <row r="461438" spans="14:14">
      <c r="N461438" s="10"/>
    </row>
    <row r="461439" spans="14:14">
      <c r="N461439" s="10"/>
    </row>
    <row r="461440" spans="14:14">
      <c r="N461440" s="10"/>
    </row>
    <row r="461441" spans="14:14">
      <c r="N461441" s="10"/>
    </row>
    <row r="461442" spans="14:14">
      <c r="N461442" s="10"/>
    </row>
    <row r="461443" spans="14:14">
      <c r="N461443" s="10"/>
    </row>
    <row r="461444" spans="14:14">
      <c r="N461444" s="10"/>
    </row>
    <row r="461445" spans="14:14">
      <c r="N461445" s="10"/>
    </row>
    <row r="461446" spans="14:14">
      <c r="N461446" s="10"/>
    </row>
    <row r="461447" spans="14:14">
      <c r="N461447" s="10"/>
    </row>
    <row r="461448" spans="14:14">
      <c r="N461448" s="10"/>
    </row>
    <row r="461449" spans="14:14">
      <c r="N461449" s="10"/>
    </row>
    <row r="461450" spans="14:14">
      <c r="N461450" s="10"/>
    </row>
    <row r="461451" spans="14:14">
      <c r="N461451" s="10"/>
    </row>
    <row r="461452" spans="14:14">
      <c r="N461452" s="10"/>
    </row>
    <row r="461453" spans="14:14">
      <c r="N461453" s="10"/>
    </row>
    <row r="461454" spans="14:14">
      <c r="N461454" s="10"/>
    </row>
    <row r="461455" spans="14:14">
      <c r="N461455" s="10"/>
    </row>
    <row r="461456" spans="14:14">
      <c r="N461456" s="10"/>
    </row>
    <row r="461457" spans="14:14">
      <c r="N461457" s="10"/>
    </row>
    <row r="461458" spans="14:14">
      <c r="N461458" s="10"/>
    </row>
    <row r="461459" spans="14:14">
      <c r="N461459" s="10"/>
    </row>
    <row r="461460" spans="14:14">
      <c r="N461460" s="10"/>
    </row>
    <row r="461461" spans="14:14">
      <c r="N461461" s="10"/>
    </row>
    <row r="461462" spans="14:14">
      <c r="N461462" s="10"/>
    </row>
    <row r="461463" spans="14:14">
      <c r="N461463" s="10"/>
    </row>
    <row r="461464" spans="14:14">
      <c r="N461464" s="10"/>
    </row>
    <row r="461465" spans="14:14">
      <c r="N461465" s="10"/>
    </row>
    <row r="461466" spans="14:14">
      <c r="N461466" s="10"/>
    </row>
    <row r="461467" spans="14:14">
      <c r="N461467" s="10"/>
    </row>
    <row r="461468" spans="14:14">
      <c r="N461468" s="10"/>
    </row>
    <row r="461469" spans="14:14">
      <c r="N461469" s="10"/>
    </row>
    <row r="461470" spans="14:14">
      <c r="N461470" s="10"/>
    </row>
    <row r="461471" spans="14:14">
      <c r="N461471" s="10"/>
    </row>
    <row r="461472" spans="14:14">
      <c r="N461472" s="10"/>
    </row>
    <row r="461473" spans="14:14">
      <c r="N461473" s="10"/>
    </row>
    <row r="461474" spans="14:14">
      <c r="N461474" s="10"/>
    </row>
    <row r="461475" spans="14:14">
      <c r="N461475" s="10"/>
    </row>
    <row r="461476" spans="14:14">
      <c r="N461476" s="10"/>
    </row>
    <row r="461477" spans="14:14">
      <c r="N461477" s="10"/>
    </row>
    <row r="461478" spans="14:14">
      <c r="N461478" s="10"/>
    </row>
    <row r="461479" spans="14:14">
      <c r="N461479" s="10"/>
    </row>
    <row r="461480" spans="14:14">
      <c r="N461480" s="10"/>
    </row>
    <row r="461481" spans="14:14">
      <c r="N461481" s="10"/>
    </row>
    <row r="461482" spans="14:14">
      <c r="N461482" s="10"/>
    </row>
    <row r="461483" spans="14:14">
      <c r="N461483" s="10"/>
    </row>
    <row r="461484" spans="14:14">
      <c r="N461484" s="10"/>
    </row>
    <row r="461485" spans="14:14">
      <c r="N461485" s="10"/>
    </row>
    <row r="461486" spans="14:14">
      <c r="N461486" s="10"/>
    </row>
    <row r="461487" spans="14:14">
      <c r="N461487" s="10"/>
    </row>
    <row r="461488" spans="14:14">
      <c r="N461488" s="10"/>
    </row>
    <row r="461489" spans="14:14">
      <c r="N461489" s="10"/>
    </row>
    <row r="461490" spans="14:14">
      <c r="N461490" s="10"/>
    </row>
    <row r="461491" spans="14:14">
      <c r="N461491" s="10"/>
    </row>
    <row r="461492" spans="14:14">
      <c r="N461492" s="10"/>
    </row>
    <row r="461493" spans="14:14">
      <c r="N461493" s="10"/>
    </row>
    <row r="461494" spans="14:14">
      <c r="N461494" s="10"/>
    </row>
    <row r="461495" spans="14:14">
      <c r="N461495" s="10"/>
    </row>
    <row r="461496" spans="14:14">
      <c r="N461496" s="10"/>
    </row>
    <row r="461497" spans="14:14">
      <c r="N461497" s="10"/>
    </row>
    <row r="461498" spans="14:14">
      <c r="N461498" s="10"/>
    </row>
    <row r="461499" spans="14:14">
      <c r="N461499" s="10"/>
    </row>
    <row r="461500" spans="14:14">
      <c r="N461500" s="10"/>
    </row>
    <row r="461501" spans="14:14">
      <c r="N461501" s="10"/>
    </row>
    <row r="461502" spans="14:14">
      <c r="N461502" s="10"/>
    </row>
    <row r="461503" spans="14:14">
      <c r="N461503" s="10"/>
    </row>
    <row r="461504" spans="14:14">
      <c r="N461504" s="10"/>
    </row>
    <row r="461505" spans="14:14">
      <c r="N461505" s="10"/>
    </row>
    <row r="461506" spans="14:14">
      <c r="N461506" s="10"/>
    </row>
    <row r="461507" spans="14:14">
      <c r="N461507" s="10"/>
    </row>
    <row r="461508" spans="14:14">
      <c r="N461508" s="10"/>
    </row>
    <row r="461509" spans="14:14">
      <c r="N461509" s="10"/>
    </row>
    <row r="461510" spans="14:14">
      <c r="N461510" s="10"/>
    </row>
    <row r="461511" spans="14:14">
      <c r="N461511" s="10"/>
    </row>
    <row r="461512" spans="14:14">
      <c r="N461512" s="10"/>
    </row>
    <row r="461513" spans="14:14">
      <c r="N461513" s="10"/>
    </row>
    <row r="461514" spans="14:14">
      <c r="N461514" s="10"/>
    </row>
    <row r="461515" spans="14:14">
      <c r="N461515" s="10"/>
    </row>
    <row r="461516" spans="14:14">
      <c r="N461516" s="10"/>
    </row>
    <row r="461517" spans="14:14">
      <c r="N461517" s="10"/>
    </row>
    <row r="461518" spans="14:14">
      <c r="N461518" s="10"/>
    </row>
    <row r="461519" spans="14:14">
      <c r="N461519" s="10"/>
    </row>
    <row r="461520" spans="14:14">
      <c r="N461520" s="10"/>
    </row>
    <row r="461521" spans="14:14">
      <c r="N461521" s="10"/>
    </row>
    <row r="461522" spans="14:14">
      <c r="N461522" s="10"/>
    </row>
    <row r="461523" spans="14:14">
      <c r="N461523" s="10"/>
    </row>
    <row r="461524" spans="14:14">
      <c r="N461524" s="10"/>
    </row>
    <row r="461525" spans="14:14">
      <c r="N461525" s="10"/>
    </row>
    <row r="461526" spans="14:14">
      <c r="N461526" s="10"/>
    </row>
    <row r="461527" spans="14:14">
      <c r="N461527" s="10"/>
    </row>
    <row r="461528" spans="14:14">
      <c r="N461528" s="10"/>
    </row>
    <row r="461529" spans="14:14">
      <c r="N461529" s="10"/>
    </row>
    <row r="461530" spans="14:14">
      <c r="N461530" s="10"/>
    </row>
    <row r="461531" spans="14:14">
      <c r="N461531" s="10"/>
    </row>
    <row r="461532" spans="14:14">
      <c r="N461532" s="10"/>
    </row>
    <row r="461533" spans="14:14">
      <c r="N461533" s="10"/>
    </row>
    <row r="461534" spans="14:14">
      <c r="N461534" s="10"/>
    </row>
    <row r="461535" spans="14:14">
      <c r="N461535" s="10"/>
    </row>
    <row r="461536" spans="14:14">
      <c r="N461536" s="10"/>
    </row>
    <row r="461537" spans="14:14">
      <c r="N461537" s="10"/>
    </row>
    <row r="461538" spans="14:14">
      <c r="N461538" s="10"/>
    </row>
    <row r="461539" spans="14:14">
      <c r="N461539" s="10"/>
    </row>
    <row r="461540" spans="14:14">
      <c r="N461540" s="10"/>
    </row>
    <row r="461541" spans="14:14">
      <c r="N461541" s="10"/>
    </row>
    <row r="461542" spans="14:14">
      <c r="N461542" s="10"/>
    </row>
    <row r="461543" spans="14:14">
      <c r="N461543" s="10"/>
    </row>
    <row r="461544" spans="14:14">
      <c r="N461544" s="10"/>
    </row>
    <row r="461545" spans="14:14">
      <c r="N461545" s="10"/>
    </row>
    <row r="461546" spans="14:14">
      <c r="N461546" s="10"/>
    </row>
    <row r="461547" spans="14:14">
      <c r="N461547" s="10"/>
    </row>
    <row r="461548" spans="14:14">
      <c r="N461548" s="10"/>
    </row>
    <row r="461549" spans="14:14">
      <c r="N461549" s="10"/>
    </row>
    <row r="461550" spans="14:14">
      <c r="N461550" s="10"/>
    </row>
    <row r="461551" spans="14:14">
      <c r="N461551" s="10"/>
    </row>
    <row r="461552" spans="14:14">
      <c r="N461552" s="10"/>
    </row>
    <row r="461553" spans="14:14">
      <c r="N461553" s="10"/>
    </row>
    <row r="461554" spans="14:14">
      <c r="N461554" s="10"/>
    </row>
    <row r="461555" spans="14:14">
      <c r="N461555" s="10"/>
    </row>
    <row r="461556" spans="14:14">
      <c r="N461556" s="10"/>
    </row>
    <row r="461557" spans="14:14">
      <c r="N461557" s="10"/>
    </row>
    <row r="461558" spans="14:14">
      <c r="N461558" s="10"/>
    </row>
    <row r="461559" spans="14:14">
      <c r="N461559" s="10"/>
    </row>
    <row r="461560" spans="14:14">
      <c r="N461560" s="10"/>
    </row>
    <row r="461561" spans="14:14">
      <c r="N461561" s="10"/>
    </row>
    <row r="461562" spans="14:14">
      <c r="N461562" s="10"/>
    </row>
    <row r="461563" spans="14:14">
      <c r="N461563" s="10"/>
    </row>
    <row r="461564" spans="14:14">
      <c r="N461564" s="10"/>
    </row>
    <row r="461565" spans="14:14">
      <c r="N461565" s="10"/>
    </row>
    <row r="461566" spans="14:14">
      <c r="N461566" s="10"/>
    </row>
    <row r="461567" spans="14:14">
      <c r="N461567" s="10"/>
    </row>
    <row r="461568" spans="14:14">
      <c r="N461568" s="10"/>
    </row>
    <row r="461569" spans="14:14">
      <c r="N461569" s="10"/>
    </row>
    <row r="461570" spans="14:14">
      <c r="N461570" s="10"/>
    </row>
    <row r="461571" spans="14:14">
      <c r="N461571" s="10"/>
    </row>
    <row r="461572" spans="14:14">
      <c r="N461572" s="10"/>
    </row>
    <row r="461573" spans="14:14">
      <c r="N461573" s="10"/>
    </row>
    <row r="461574" spans="14:14">
      <c r="N461574" s="10"/>
    </row>
    <row r="461575" spans="14:14">
      <c r="N461575" s="10"/>
    </row>
    <row r="461576" spans="14:14">
      <c r="N461576" s="10"/>
    </row>
    <row r="461577" spans="14:14">
      <c r="N461577" s="10"/>
    </row>
    <row r="461578" spans="14:14">
      <c r="N461578" s="10"/>
    </row>
    <row r="461579" spans="14:14">
      <c r="N461579" s="10"/>
    </row>
    <row r="461580" spans="14:14">
      <c r="N461580" s="10"/>
    </row>
    <row r="461581" spans="14:14">
      <c r="N461581" s="10"/>
    </row>
    <row r="461582" spans="14:14">
      <c r="N461582" s="10"/>
    </row>
    <row r="461583" spans="14:14">
      <c r="N461583" s="10"/>
    </row>
    <row r="461584" spans="14:14">
      <c r="N461584" s="10"/>
    </row>
    <row r="461585" spans="14:14">
      <c r="N461585" s="10"/>
    </row>
    <row r="461586" spans="14:14">
      <c r="N461586" s="10"/>
    </row>
    <row r="461587" spans="14:14">
      <c r="N461587" s="10"/>
    </row>
    <row r="461588" spans="14:14">
      <c r="N461588" s="10"/>
    </row>
    <row r="461589" spans="14:14">
      <c r="N461589" s="10"/>
    </row>
    <row r="461590" spans="14:14">
      <c r="N461590" s="10"/>
    </row>
    <row r="461591" spans="14:14">
      <c r="N461591" s="10"/>
    </row>
    <row r="461592" spans="14:14">
      <c r="N461592" s="10"/>
    </row>
    <row r="461593" spans="14:14">
      <c r="N461593" s="10"/>
    </row>
    <row r="461594" spans="14:14">
      <c r="N461594" s="10"/>
    </row>
    <row r="461595" spans="14:14">
      <c r="N461595" s="10"/>
    </row>
    <row r="461596" spans="14:14">
      <c r="N461596" s="10"/>
    </row>
    <row r="461597" spans="14:14">
      <c r="N461597" s="10"/>
    </row>
    <row r="461598" spans="14:14">
      <c r="N461598" s="10"/>
    </row>
    <row r="461599" spans="14:14">
      <c r="N461599" s="10"/>
    </row>
    <row r="461600" spans="14:14">
      <c r="N461600" s="10"/>
    </row>
    <row r="461601" spans="14:14">
      <c r="N461601" s="10"/>
    </row>
    <row r="461602" spans="14:14">
      <c r="N461602" s="10"/>
    </row>
    <row r="461603" spans="14:14">
      <c r="N461603" s="10"/>
    </row>
    <row r="461604" spans="14:14">
      <c r="N461604" s="10"/>
    </row>
    <row r="461605" spans="14:14">
      <c r="N461605" s="10"/>
    </row>
    <row r="461606" spans="14:14">
      <c r="N461606" s="10"/>
    </row>
    <row r="461607" spans="14:14">
      <c r="N461607" s="10"/>
    </row>
    <row r="461608" spans="14:14">
      <c r="N461608" s="10"/>
    </row>
    <row r="461609" spans="14:14">
      <c r="N461609" s="10"/>
    </row>
    <row r="461610" spans="14:14">
      <c r="N461610" s="10"/>
    </row>
    <row r="461611" spans="14:14">
      <c r="N461611" s="10"/>
    </row>
    <row r="461612" spans="14:14">
      <c r="N461612" s="10"/>
    </row>
    <row r="461613" spans="14:14">
      <c r="N461613" s="10"/>
    </row>
    <row r="461614" spans="14:14">
      <c r="N461614" s="10"/>
    </row>
    <row r="461615" spans="14:14">
      <c r="N461615" s="10"/>
    </row>
    <row r="461616" spans="14:14">
      <c r="N461616" s="10"/>
    </row>
    <row r="461617" spans="14:14">
      <c r="N461617" s="10"/>
    </row>
    <row r="461618" spans="14:14">
      <c r="N461618" s="10"/>
    </row>
    <row r="461619" spans="14:14">
      <c r="N461619" s="10"/>
    </row>
    <row r="461620" spans="14:14">
      <c r="N461620" s="10"/>
    </row>
    <row r="461621" spans="14:14">
      <c r="N461621" s="10"/>
    </row>
    <row r="461622" spans="14:14">
      <c r="N461622" s="10"/>
    </row>
    <row r="461623" spans="14:14">
      <c r="N461623" s="10"/>
    </row>
    <row r="461624" spans="14:14">
      <c r="N461624" s="10"/>
    </row>
    <row r="461625" spans="14:14">
      <c r="N461625" s="10"/>
    </row>
    <row r="461626" spans="14:14">
      <c r="N461626" s="10"/>
    </row>
    <row r="461627" spans="14:14">
      <c r="N461627" s="10"/>
    </row>
    <row r="461628" spans="14:14">
      <c r="N461628" s="10"/>
    </row>
    <row r="461629" spans="14:14">
      <c r="N461629" s="10"/>
    </row>
    <row r="461630" spans="14:14">
      <c r="N461630" s="10"/>
    </row>
    <row r="461631" spans="14:14">
      <c r="N461631" s="10"/>
    </row>
    <row r="461632" spans="14:14">
      <c r="N461632" s="10"/>
    </row>
    <row r="461633" spans="14:14">
      <c r="N461633" s="10"/>
    </row>
    <row r="461634" spans="14:14">
      <c r="N461634" s="10"/>
    </row>
    <row r="461635" spans="14:14">
      <c r="N461635" s="10"/>
    </row>
    <row r="461636" spans="14:14">
      <c r="N461636" s="10"/>
    </row>
    <row r="461637" spans="14:14">
      <c r="N461637" s="10"/>
    </row>
    <row r="461638" spans="14:14">
      <c r="N461638" s="10"/>
    </row>
    <row r="461639" spans="14:14">
      <c r="N461639" s="10"/>
    </row>
    <row r="461640" spans="14:14">
      <c r="N461640" s="10"/>
    </row>
    <row r="461641" spans="14:14">
      <c r="N461641" s="10"/>
    </row>
    <row r="461642" spans="14:14">
      <c r="N461642" s="10"/>
    </row>
    <row r="461643" spans="14:14">
      <c r="N461643" s="10"/>
    </row>
    <row r="461644" spans="14:14">
      <c r="N461644" s="10"/>
    </row>
    <row r="461645" spans="14:14">
      <c r="N461645" s="10"/>
    </row>
    <row r="461646" spans="14:14">
      <c r="N461646" s="10"/>
    </row>
    <row r="461647" spans="14:14">
      <c r="N461647" s="10"/>
    </row>
    <row r="461648" spans="14:14">
      <c r="N461648" s="10"/>
    </row>
    <row r="461649" spans="14:14">
      <c r="N461649" s="10"/>
    </row>
    <row r="461650" spans="14:14">
      <c r="N461650" s="10"/>
    </row>
    <row r="461651" spans="14:14">
      <c r="N461651" s="10"/>
    </row>
    <row r="461652" spans="14:14">
      <c r="N461652" s="10"/>
    </row>
    <row r="461653" spans="14:14">
      <c r="N461653" s="10"/>
    </row>
    <row r="461654" spans="14:14">
      <c r="N461654" s="10"/>
    </row>
    <row r="461655" spans="14:14">
      <c r="N461655" s="10"/>
    </row>
    <row r="461656" spans="14:14">
      <c r="N461656" s="10"/>
    </row>
    <row r="461657" spans="14:14">
      <c r="N461657" s="10"/>
    </row>
    <row r="461658" spans="14:14">
      <c r="N461658" s="10"/>
    </row>
    <row r="461659" spans="14:14">
      <c r="N461659" s="10"/>
    </row>
    <row r="461660" spans="14:14">
      <c r="N461660" s="10"/>
    </row>
    <row r="461661" spans="14:14">
      <c r="N461661" s="10"/>
    </row>
    <row r="461662" spans="14:14">
      <c r="N461662" s="10"/>
    </row>
    <row r="461663" spans="14:14">
      <c r="N461663" s="10"/>
    </row>
    <row r="461664" spans="14:14">
      <c r="N461664" s="10"/>
    </row>
    <row r="461665" spans="14:14">
      <c r="N461665" s="10"/>
    </row>
    <row r="461666" spans="14:14">
      <c r="N461666" s="10"/>
    </row>
    <row r="461667" spans="14:14">
      <c r="N461667" s="10"/>
    </row>
    <row r="461668" spans="14:14">
      <c r="N461668" s="10"/>
    </row>
    <row r="461669" spans="14:14">
      <c r="N461669" s="10"/>
    </row>
    <row r="461670" spans="14:14">
      <c r="N461670" s="10"/>
    </row>
    <row r="461671" spans="14:14">
      <c r="N461671" s="10"/>
    </row>
    <row r="461672" spans="14:14">
      <c r="N461672" s="10"/>
    </row>
    <row r="461673" spans="14:14">
      <c r="N461673" s="10"/>
    </row>
    <row r="461674" spans="14:14">
      <c r="N461674" s="10"/>
    </row>
    <row r="461675" spans="14:14">
      <c r="N461675" s="10"/>
    </row>
    <row r="461676" spans="14:14">
      <c r="N461676" s="10"/>
    </row>
    <row r="461677" spans="14:14">
      <c r="N461677" s="10"/>
    </row>
    <row r="461678" spans="14:14">
      <c r="N461678" s="10"/>
    </row>
    <row r="461679" spans="14:14">
      <c r="N461679" s="10"/>
    </row>
    <row r="461680" spans="14:14">
      <c r="N461680" s="10"/>
    </row>
    <row r="461681" spans="14:14">
      <c r="N461681" s="10"/>
    </row>
    <row r="461682" spans="14:14">
      <c r="N461682" s="10"/>
    </row>
    <row r="461683" spans="14:14">
      <c r="N461683" s="10"/>
    </row>
    <row r="461684" spans="14:14">
      <c r="N461684" s="10"/>
    </row>
    <row r="461685" spans="14:14">
      <c r="N461685" s="10"/>
    </row>
    <row r="461686" spans="14:14">
      <c r="N461686" s="10"/>
    </row>
    <row r="461687" spans="14:14">
      <c r="N461687" s="10"/>
    </row>
    <row r="461688" spans="14:14">
      <c r="N461688" s="10"/>
    </row>
    <row r="461689" spans="14:14">
      <c r="N461689" s="10"/>
    </row>
    <row r="461690" spans="14:14">
      <c r="N461690" s="10"/>
    </row>
    <row r="461691" spans="14:14">
      <c r="N461691" s="10"/>
    </row>
    <row r="461692" spans="14:14">
      <c r="N461692" s="10"/>
    </row>
    <row r="461693" spans="14:14">
      <c r="N461693" s="10"/>
    </row>
    <row r="461694" spans="14:14">
      <c r="N461694" s="10"/>
    </row>
    <row r="461695" spans="14:14">
      <c r="N461695" s="10"/>
    </row>
    <row r="461696" spans="14:14">
      <c r="N461696" s="10"/>
    </row>
    <row r="461697" spans="14:14">
      <c r="N461697" s="10"/>
    </row>
    <row r="461698" spans="14:14">
      <c r="N461698" s="10"/>
    </row>
    <row r="461699" spans="14:14">
      <c r="N461699" s="10"/>
    </row>
    <row r="461700" spans="14:14">
      <c r="N461700" s="10"/>
    </row>
    <row r="461701" spans="14:14">
      <c r="N461701" s="10"/>
    </row>
    <row r="461702" spans="14:14">
      <c r="N461702" s="10"/>
    </row>
    <row r="461703" spans="14:14">
      <c r="N461703" s="10"/>
    </row>
    <row r="461704" spans="14:14">
      <c r="N461704" s="10"/>
    </row>
    <row r="461705" spans="14:14">
      <c r="N461705" s="10"/>
    </row>
    <row r="461706" spans="14:14">
      <c r="N461706" s="10"/>
    </row>
    <row r="461707" spans="14:14">
      <c r="N461707" s="10"/>
    </row>
    <row r="461708" spans="14:14">
      <c r="N461708" s="10"/>
    </row>
    <row r="461709" spans="14:14">
      <c r="N461709" s="10"/>
    </row>
    <row r="461710" spans="14:14">
      <c r="N461710" s="10"/>
    </row>
    <row r="461711" spans="14:14">
      <c r="N461711" s="10"/>
    </row>
    <row r="461712" spans="14:14">
      <c r="N461712" s="10"/>
    </row>
    <row r="461713" spans="14:14">
      <c r="N461713" s="10"/>
    </row>
    <row r="461714" spans="14:14">
      <c r="N461714" s="10"/>
    </row>
    <row r="461715" spans="14:14">
      <c r="N461715" s="10"/>
    </row>
    <row r="461716" spans="14:14">
      <c r="N461716" s="10"/>
    </row>
    <row r="461717" spans="14:14">
      <c r="N461717" s="10"/>
    </row>
    <row r="461718" spans="14:14">
      <c r="N461718" s="10"/>
    </row>
    <row r="461719" spans="14:14">
      <c r="N461719" s="10"/>
    </row>
    <row r="461720" spans="14:14">
      <c r="N461720" s="10"/>
    </row>
    <row r="461721" spans="14:14">
      <c r="N461721" s="10"/>
    </row>
    <row r="461722" spans="14:14">
      <c r="N461722" s="10"/>
    </row>
    <row r="461723" spans="14:14">
      <c r="N461723" s="10"/>
    </row>
    <row r="461724" spans="14:14">
      <c r="N461724" s="10"/>
    </row>
    <row r="461725" spans="14:14">
      <c r="N461725" s="10"/>
    </row>
    <row r="461726" spans="14:14">
      <c r="N461726" s="10"/>
    </row>
    <row r="461727" spans="14:14">
      <c r="N461727" s="10"/>
    </row>
    <row r="461728" spans="14:14">
      <c r="N461728" s="10"/>
    </row>
    <row r="461729" spans="14:14">
      <c r="N461729" s="10"/>
    </row>
    <row r="461730" spans="14:14">
      <c r="N461730" s="10"/>
    </row>
    <row r="461731" spans="14:14">
      <c r="N461731" s="10"/>
    </row>
    <row r="461732" spans="14:14">
      <c r="N461732" s="10"/>
    </row>
    <row r="461733" spans="14:14">
      <c r="N461733" s="10"/>
    </row>
    <row r="461734" spans="14:14">
      <c r="N461734" s="10"/>
    </row>
    <row r="461735" spans="14:14">
      <c r="N461735" s="10"/>
    </row>
    <row r="461736" spans="14:14">
      <c r="N461736" s="10"/>
    </row>
    <row r="461737" spans="14:14">
      <c r="N461737" s="10"/>
    </row>
    <row r="461738" spans="14:14">
      <c r="N461738" s="10"/>
    </row>
    <row r="461739" spans="14:14">
      <c r="N461739" s="10"/>
    </row>
    <row r="461740" spans="14:14">
      <c r="N461740" s="10"/>
    </row>
    <row r="461741" spans="14:14">
      <c r="N461741" s="10"/>
    </row>
    <row r="461742" spans="14:14">
      <c r="N461742" s="10"/>
    </row>
    <row r="461743" spans="14:14">
      <c r="N461743" s="10"/>
    </row>
    <row r="461744" spans="14:14">
      <c r="N461744" s="10"/>
    </row>
    <row r="461745" spans="14:14">
      <c r="N461745" s="10"/>
    </row>
    <row r="461746" spans="14:14">
      <c r="N461746" s="10"/>
    </row>
    <row r="461747" spans="14:14">
      <c r="N461747" s="10"/>
    </row>
    <row r="461748" spans="14:14">
      <c r="N461748" s="10"/>
    </row>
    <row r="461749" spans="14:14">
      <c r="N461749" s="10"/>
    </row>
    <row r="461750" spans="14:14">
      <c r="N461750" s="10"/>
    </row>
    <row r="461751" spans="14:14">
      <c r="N461751" s="10"/>
    </row>
    <row r="461752" spans="14:14">
      <c r="N461752" s="10"/>
    </row>
    <row r="461753" spans="14:14">
      <c r="N461753" s="10"/>
    </row>
    <row r="461754" spans="14:14">
      <c r="N461754" s="10"/>
    </row>
    <row r="461755" spans="14:14">
      <c r="N461755" s="10"/>
    </row>
    <row r="461756" spans="14:14">
      <c r="N461756" s="10"/>
    </row>
    <row r="461757" spans="14:14">
      <c r="N461757" s="10"/>
    </row>
    <row r="461758" spans="14:14">
      <c r="N461758" s="10"/>
    </row>
    <row r="461759" spans="14:14">
      <c r="N461759" s="10"/>
    </row>
    <row r="461760" spans="14:14">
      <c r="N461760" s="10"/>
    </row>
    <row r="461761" spans="14:14">
      <c r="N461761" s="10"/>
    </row>
    <row r="461762" spans="14:14">
      <c r="N461762" s="10"/>
    </row>
    <row r="461763" spans="14:14">
      <c r="N461763" s="10"/>
    </row>
    <row r="461764" spans="14:14">
      <c r="N461764" s="10"/>
    </row>
    <row r="461765" spans="14:14">
      <c r="N461765" s="10"/>
    </row>
    <row r="461766" spans="14:14">
      <c r="N461766" s="10"/>
    </row>
    <row r="461767" spans="14:14">
      <c r="N461767" s="10"/>
    </row>
    <row r="461768" spans="14:14">
      <c r="N461768" s="10"/>
    </row>
    <row r="461769" spans="14:14">
      <c r="N461769" s="10"/>
    </row>
    <row r="461770" spans="14:14">
      <c r="N461770" s="10"/>
    </row>
    <row r="461771" spans="14:14">
      <c r="N461771" s="10"/>
    </row>
    <row r="461772" spans="14:14">
      <c r="N461772" s="10"/>
    </row>
    <row r="461773" spans="14:14">
      <c r="N461773" s="10"/>
    </row>
    <row r="461774" spans="14:14">
      <c r="N461774" s="10"/>
    </row>
    <row r="461775" spans="14:14">
      <c r="N461775" s="10"/>
    </row>
    <row r="461776" spans="14:14">
      <c r="N461776" s="10"/>
    </row>
    <row r="461777" spans="14:14">
      <c r="N461777" s="10"/>
    </row>
    <row r="461778" spans="14:14">
      <c r="N461778" s="10"/>
    </row>
    <row r="461779" spans="14:14">
      <c r="N461779" s="10"/>
    </row>
    <row r="461780" spans="14:14">
      <c r="N461780" s="10"/>
    </row>
    <row r="461781" spans="14:14">
      <c r="N461781" s="10"/>
    </row>
    <row r="461782" spans="14:14">
      <c r="N461782" s="10"/>
    </row>
    <row r="461783" spans="14:14">
      <c r="N461783" s="10"/>
    </row>
    <row r="461784" spans="14:14">
      <c r="N461784" s="10"/>
    </row>
    <row r="461785" spans="14:14">
      <c r="N461785" s="10"/>
    </row>
    <row r="461786" spans="14:14">
      <c r="N461786" s="10"/>
    </row>
    <row r="461787" spans="14:14">
      <c r="N461787" s="10"/>
    </row>
    <row r="461788" spans="14:14">
      <c r="N461788" s="10"/>
    </row>
    <row r="461789" spans="14:14">
      <c r="N461789" s="10"/>
    </row>
    <row r="461790" spans="14:14">
      <c r="N461790" s="10"/>
    </row>
    <row r="461791" spans="14:14">
      <c r="N461791" s="10"/>
    </row>
    <row r="461792" spans="14:14">
      <c r="N461792" s="10"/>
    </row>
    <row r="461793" spans="14:14">
      <c r="N461793" s="10"/>
    </row>
    <row r="461794" spans="14:14">
      <c r="N461794" s="10"/>
    </row>
    <row r="461795" spans="14:14">
      <c r="N461795" s="10"/>
    </row>
    <row r="461796" spans="14:14">
      <c r="N461796" s="10"/>
    </row>
    <row r="461797" spans="14:14">
      <c r="N461797" s="10"/>
    </row>
    <row r="461798" spans="14:14">
      <c r="N461798" s="10"/>
    </row>
    <row r="461799" spans="14:14">
      <c r="N461799" s="10"/>
    </row>
    <row r="461800" spans="14:14">
      <c r="N461800" s="10"/>
    </row>
    <row r="461801" spans="14:14">
      <c r="N461801" s="10"/>
    </row>
    <row r="461802" spans="14:14">
      <c r="N461802" s="10"/>
    </row>
    <row r="461803" spans="14:14">
      <c r="N461803" s="10"/>
    </row>
    <row r="461804" spans="14:14">
      <c r="N461804" s="10"/>
    </row>
    <row r="461805" spans="14:14">
      <c r="N461805" s="10"/>
    </row>
    <row r="461806" spans="14:14">
      <c r="N461806" s="10"/>
    </row>
    <row r="461807" spans="14:14">
      <c r="N461807" s="10"/>
    </row>
    <row r="461808" spans="14:14">
      <c r="N461808" s="10"/>
    </row>
    <row r="461809" spans="14:14">
      <c r="N461809" s="10"/>
    </row>
    <row r="461810" spans="14:14">
      <c r="N461810" s="10"/>
    </row>
    <row r="461811" spans="14:14">
      <c r="N461811" s="10"/>
    </row>
    <row r="461812" spans="14:14">
      <c r="N461812" s="10"/>
    </row>
    <row r="461813" spans="14:14">
      <c r="N461813" s="10"/>
    </row>
    <row r="461814" spans="14:14">
      <c r="N461814" s="10"/>
    </row>
    <row r="461815" spans="14:14">
      <c r="N461815" s="10"/>
    </row>
    <row r="461816" spans="14:14">
      <c r="N461816" s="10"/>
    </row>
    <row r="461817" spans="14:14">
      <c r="N461817" s="10"/>
    </row>
    <row r="461818" spans="14:14">
      <c r="N461818" s="10"/>
    </row>
    <row r="461819" spans="14:14">
      <c r="N461819" s="10"/>
    </row>
    <row r="461820" spans="14:14">
      <c r="N461820" s="10"/>
    </row>
    <row r="461821" spans="14:14">
      <c r="N461821" s="10"/>
    </row>
    <row r="461822" spans="14:14">
      <c r="N461822" s="10"/>
    </row>
    <row r="461823" spans="14:14">
      <c r="N461823" s="10"/>
    </row>
    <row r="461824" spans="14:14">
      <c r="N461824" s="10"/>
    </row>
    <row r="461825" spans="14:14">
      <c r="N461825" s="10"/>
    </row>
    <row r="461826" spans="14:14">
      <c r="N461826" s="10"/>
    </row>
    <row r="461827" spans="14:14">
      <c r="N461827" s="10"/>
    </row>
    <row r="461828" spans="14:14">
      <c r="N461828" s="10"/>
    </row>
    <row r="461829" spans="14:14">
      <c r="N461829" s="10"/>
    </row>
    <row r="461830" spans="14:14">
      <c r="N461830" s="10"/>
    </row>
    <row r="461831" spans="14:14">
      <c r="N461831" s="10"/>
    </row>
    <row r="461832" spans="14:14">
      <c r="N461832" s="10"/>
    </row>
    <row r="461833" spans="14:14">
      <c r="N461833" s="10"/>
    </row>
    <row r="461834" spans="14:14">
      <c r="N461834" s="10"/>
    </row>
    <row r="461835" spans="14:14">
      <c r="N461835" s="10"/>
    </row>
    <row r="461836" spans="14:14">
      <c r="N461836" s="10"/>
    </row>
    <row r="461837" spans="14:14">
      <c r="N461837" s="10"/>
    </row>
    <row r="461838" spans="14:14">
      <c r="N461838" s="10"/>
    </row>
    <row r="461839" spans="14:14">
      <c r="N461839" s="10"/>
    </row>
    <row r="461840" spans="14:14">
      <c r="N461840" s="10"/>
    </row>
    <row r="461841" spans="14:14">
      <c r="N461841" s="10"/>
    </row>
    <row r="461842" spans="14:14">
      <c r="N461842" s="10"/>
    </row>
    <row r="461843" spans="14:14">
      <c r="N461843" s="10"/>
    </row>
    <row r="461844" spans="14:14">
      <c r="N461844" s="10"/>
    </row>
    <row r="461845" spans="14:14">
      <c r="N461845" s="10"/>
    </row>
    <row r="461846" spans="14:14">
      <c r="N461846" s="10"/>
    </row>
    <row r="461847" spans="14:14">
      <c r="N461847" s="10"/>
    </row>
    <row r="461848" spans="14:14">
      <c r="N461848" s="10"/>
    </row>
    <row r="461849" spans="14:14">
      <c r="N461849" s="10"/>
    </row>
    <row r="461850" spans="14:14">
      <c r="N461850" s="10"/>
    </row>
    <row r="461851" spans="14:14">
      <c r="N461851" s="10"/>
    </row>
    <row r="461852" spans="14:14">
      <c r="N461852" s="10"/>
    </row>
    <row r="461853" spans="14:14">
      <c r="N461853" s="10"/>
    </row>
    <row r="461854" spans="14:14">
      <c r="N461854" s="10"/>
    </row>
    <row r="461855" spans="14:14">
      <c r="N461855" s="10"/>
    </row>
    <row r="461856" spans="14:14">
      <c r="N461856" s="10"/>
    </row>
    <row r="461857" spans="14:14">
      <c r="N461857" s="10"/>
    </row>
    <row r="461858" spans="14:14">
      <c r="N461858" s="10"/>
    </row>
    <row r="461859" spans="14:14">
      <c r="N461859" s="10"/>
    </row>
    <row r="461860" spans="14:14">
      <c r="N461860" s="10"/>
    </row>
    <row r="461861" spans="14:14">
      <c r="N461861" s="10"/>
    </row>
    <row r="461862" spans="14:14">
      <c r="N461862" s="10"/>
    </row>
    <row r="461863" spans="14:14">
      <c r="N461863" s="10"/>
    </row>
    <row r="461864" spans="14:14">
      <c r="N461864" s="10"/>
    </row>
    <row r="461865" spans="14:14">
      <c r="N461865" s="10"/>
    </row>
    <row r="461866" spans="14:14">
      <c r="N461866" s="10"/>
    </row>
    <row r="461867" spans="14:14">
      <c r="N461867" s="10"/>
    </row>
    <row r="461868" spans="14:14">
      <c r="N461868" s="10"/>
    </row>
    <row r="461869" spans="14:14">
      <c r="N461869" s="10"/>
    </row>
    <row r="461870" spans="14:14">
      <c r="N461870" s="10"/>
    </row>
    <row r="461871" spans="14:14">
      <c r="N461871" s="10"/>
    </row>
    <row r="461872" spans="14:14">
      <c r="N461872" s="10"/>
    </row>
    <row r="461873" spans="14:14">
      <c r="N461873" s="10"/>
    </row>
    <row r="461874" spans="14:14">
      <c r="N461874" s="10"/>
    </row>
    <row r="461875" spans="14:14">
      <c r="N461875" s="10"/>
    </row>
    <row r="461876" spans="14:14">
      <c r="N461876" s="10"/>
    </row>
    <row r="461877" spans="14:14">
      <c r="N461877" s="10"/>
    </row>
    <row r="461878" spans="14:14">
      <c r="N461878" s="10"/>
    </row>
    <row r="461879" spans="14:14">
      <c r="N461879" s="10"/>
    </row>
    <row r="461880" spans="14:14">
      <c r="N461880" s="10"/>
    </row>
    <row r="461881" spans="14:14">
      <c r="N461881" s="10"/>
    </row>
    <row r="461882" spans="14:14">
      <c r="N461882" s="10"/>
    </row>
    <row r="461883" spans="14:14">
      <c r="N461883" s="10"/>
    </row>
    <row r="461884" spans="14:14">
      <c r="N461884" s="10"/>
    </row>
    <row r="461885" spans="14:14">
      <c r="N461885" s="10"/>
    </row>
    <row r="461886" spans="14:14">
      <c r="N461886" s="10"/>
    </row>
    <row r="461887" spans="14:14">
      <c r="N461887" s="10"/>
    </row>
    <row r="461888" spans="14:14">
      <c r="N461888" s="10"/>
    </row>
    <row r="461889" spans="14:14">
      <c r="N461889" s="10"/>
    </row>
    <row r="461890" spans="14:14">
      <c r="N461890" s="10"/>
    </row>
    <row r="461891" spans="14:14">
      <c r="N461891" s="10"/>
    </row>
    <row r="461892" spans="14:14">
      <c r="N461892" s="10"/>
    </row>
    <row r="461893" spans="14:14">
      <c r="N461893" s="10"/>
    </row>
    <row r="461894" spans="14:14">
      <c r="N461894" s="10"/>
    </row>
    <row r="461895" spans="14:14">
      <c r="N461895" s="10"/>
    </row>
    <row r="461896" spans="14:14">
      <c r="N461896" s="10"/>
    </row>
    <row r="461897" spans="14:14">
      <c r="N461897" s="10"/>
    </row>
    <row r="461898" spans="14:14">
      <c r="N461898" s="10"/>
    </row>
    <row r="461899" spans="14:14">
      <c r="N461899" s="10"/>
    </row>
    <row r="461900" spans="14:14">
      <c r="N461900" s="10"/>
    </row>
    <row r="461901" spans="14:14">
      <c r="N461901" s="10"/>
    </row>
    <row r="461902" spans="14:14">
      <c r="N461902" s="10"/>
    </row>
    <row r="461903" spans="14:14">
      <c r="N461903" s="10"/>
    </row>
    <row r="461904" spans="14:14">
      <c r="N461904" s="10"/>
    </row>
    <row r="461905" spans="14:14">
      <c r="N461905" s="10"/>
    </row>
    <row r="461906" spans="14:14">
      <c r="N461906" s="10"/>
    </row>
    <row r="461907" spans="14:14">
      <c r="N461907" s="10"/>
    </row>
    <row r="461908" spans="14:14">
      <c r="N461908" s="10"/>
    </row>
    <row r="461909" spans="14:14">
      <c r="N461909" s="10"/>
    </row>
    <row r="461910" spans="14:14">
      <c r="N461910" s="10"/>
    </row>
    <row r="461911" spans="14:14">
      <c r="N461911" s="10"/>
    </row>
    <row r="461912" spans="14:14">
      <c r="N461912" s="10"/>
    </row>
    <row r="461913" spans="14:14">
      <c r="N461913" s="10"/>
    </row>
    <row r="461914" spans="14:14">
      <c r="N461914" s="10"/>
    </row>
    <row r="461915" spans="14:14">
      <c r="N461915" s="10"/>
    </row>
    <row r="461916" spans="14:14">
      <c r="N461916" s="10"/>
    </row>
    <row r="461917" spans="14:14">
      <c r="N461917" s="10"/>
    </row>
    <row r="461918" spans="14:14">
      <c r="N461918" s="10"/>
    </row>
    <row r="461919" spans="14:14">
      <c r="N461919" s="10"/>
    </row>
    <row r="461920" spans="14:14">
      <c r="N461920" s="10"/>
    </row>
    <row r="461921" spans="14:14">
      <c r="N461921" s="10"/>
    </row>
    <row r="461922" spans="14:14">
      <c r="N461922" s="10"/>
    </row>
    <row r="461923" spans="14:14">
      <c r="N461923" s="10"/>
    </row>
    <row r="461924" spans="14:14">
      <c r="N461924" s="10"/>
    </row>
    <row r="461925" spans="14:14">
      <c r="N461925" s="10"/>
    </row>
    <row r="461926" spans="14:14">
      <c r="N461926" s="10"/>
    </row>
    <row r="461927" spans="14:14">
      <c r="N461927" s="10"/>
    </row>
    <row r="461928" spans="14:14">
      <c r="N461928" s="10"/>
    </row>
    <row r="461929" spans="14:14">
      <c r="N461929" s="10"/>
    </row>
    <row r="461930" spans="14:14">
      <c r="N461930" s="10"/>
    </row>
    <row r="461931" spans="14:14">
      <c r="N461931" s="10"/>
    </row>
    <row r="461932" spans="14:14">
      <c r="N461932" s="10"/>
    </row>
    <row r="461933" spans="14:14">
      <c r="N461933" s="10"/>
    </row>
    <row r="461934" spans="14:14">
      <c r="N461934" s="10"/>
    </row>
    <row r="461935" spans="14:14">
      <c r="N461935" s="10"/>
    </row>
    <row r="461936" spans="14:14">
      <c r="N461936" s="10"/>
    </row>
    <row r="461937" spans="14:14">
      <c r="N461937" s="10"/>
    </row>
    <row r="461938" spans="14:14">
      <c r="N461938" s="10"/>
    </row>
    <row r="461939" spans="14:14">
      <c r="N461939" s="10"/>
    </row>
    <row r="461940" spans="14:14">
      <c r="N461940" s="10"/>
    </row>
    <row r="461941" spans="14:14">
      <c r="N461941" s="10"/>
    </row>
    <row r="461942" spans="14:14">
      <c r="N461942" s="10"/>
    </row>
    <row r="461943" spans="14:14">
      <c r="N461943" s="10"/>
    </row>
    <row r="461944" spans="14:14">
      <c r="N461944" s="10"/>
    </row>
    <row r="461945" spans="14:14">
      <c r="N461945" s="10"/>
    </row>
    <row r="461946" spans="14:14">
      <c r="N461946" s="10"/>
    </row>
    <row r="461947" spans="14:14">
      <c r="N461947" s="10"/>
    </row>
    <row r="461948" spans="14:14">
      <c r="N461948" s="10"/>
    </row>
    <row r="461949" spans="14:14">
      <c r="N461949" s="10"/>
    </row>
    <row r="461950" spans="14:14">
      <c r="N461950" s="10"/>
    </row>
    <row r="461951" spans="14:14">
      <c r="N461951" s="10"/>
    </row>
    <row r="461952" spans="14:14">
      <c r="N461952" s="10"/>
    </row>
    <row r="461953" spans="14:14">
      <c r="N461953" s="10"/>
    </row>
    <row r="461954" spans="14:14">
      <c r="N461954" s="10"/>
    </row>
    <row r="461955" spans="14:14">
      <c r="N461955" s="10"/>
    </row>
    <row r="461956" spans="14:14">
      <c r="N461956" s="10"/>
    </row>
    <row r="461957" spans="14:14">
      <c r="N461957" s="10"/>
    </row>
    <row r="461958" spans="14:14">
      <c r="N461958" s="10"/>
    </row>
    <row r="461959" spans="14:14">
      <c r="N461959" s="10"/>
    </row>
    <row r="461960" spans="14:14">
      <c r="N461960" s="10"/>
    </row>
    <row r="461961" spans="14:14">
      <c r="N461961" s="10"/>
    </row>
    <row r="461962" spans="14:14">
      <c r="N461962" s="10"/>
    </row>
    <row r="461963" spans="14:14">
      <c r="N461963" s="10"/>
    </row>
    <row r="461964" spans="14:14">
      <c r="N461964" s="10"/>
    </row>
    <row r="461965" spans="14:14">
      <c r="N461965" s="10"/>
    </row>
    <row r="461966" spans="14:14">
      <c r="N461966" s="10"/>
    </row>
    <row r="461967" spans="14:14">
      <c r="N461967" s="10"/>
    </row>
    <row r="461968" spans="14:14">
      <c r="N461968" s="10"/>
    </row>
    <row r="461969" spans="14:14">
      <c r="N461969" s="10"/>
    </row>
    <row r="461970" spans="14:14">
      <c r="N461970" s="10"/>
    </row>
    <row r="461971" spans="14:14">
      <c r="N461971" s="10"/>
    </row>
    <row r="461972" spans="14:14">
      <c r="N461972" s="10"/>
    </row>
    <row r="461973" spans="14:14">
      <c r="N461973" s="10"/>
    </row>
    <row r="461974" spans="14:14">
      <c r="N461974" s="10"/>
    </row>
    <row r="461975" spans="14:14">
      <c r="N461975" s="10"/>
    </row>
    <row r="461976" spans="14:14">
      <c r="N461976" s="10"/>
    </row>
    <row r="461977" spans="14:14">
      <c r="N461977" s="10"/>
    </row>
    <row r="461978" spans="14:14">
      <c r="N461978" s="10"/>
    </row>
    <row r="461979" spans="14:14">
      <c r="N461979" s="10"/>
    </row>
    <row r="461980" spans="14:14">
      <c r="N461980" s="10"/>
    </row>
    <row r="461981" spans="14:14">
      <c r="N461981" s="10"/>
    </row>
    <row r="461982" spans="14:14">
      <c r="N461982" s="10"/>
    </row>
    <row r="461983" spans="14:14">
      <c r="N461983" s="10"/>
    </row>
    <row r="461984" spans="14:14">
      <c r="N461984" s="10"/>
    </row>
    <row r="461985" spans="14:14">
      <c r="N461985" s="10"/>
    </row>
    <row r="461986" spans="14:14">
      <c r="N461986" s="10"/>
    </row>
    <row r="461987" spans="14:14">
      <c r="N461987" s="10"/>
    </row>
    <row r="461988" spans="14:14">
      <c r="N461988" s="10"/>
    </row>
    <row r="461989" spans="14:14">
      <c r="N461989" s="10"/>
    </row>
    <row r="461990" spans="14:14">
      <c r="N461990" s="10"/>
    </row>
    <row r="461991" spans="14:14">
      <c r="N461991" s="10"/>
    </row>
    <row r="461992" spans="14:14">
      <c r="N461992" s="10"/>
    </row>
    <row r="461993" spans="14:14">
      <c r="N461993" s="10"/>
    </row>
    <row r="461994" spans="14:14">
      <c r="N461994" s="10"/>
    </row>
    <row r="461995" spans="14:14">
      <c r="N461995" s="10"/>
    </row>
    <row r="461996" spans="14:14">
      <c r="N461996" s="10"/>
    </row>
    <row r="461997" spans="14:14">
      <c r="N461997" s="10"/>
    </row>
    <row r="461998" spans="14:14">
      <c r="N461998" s="10"/>
    </row>
    <row r="461999" spans="14:14">
      <c r="N461999" s="10"/>
    </row>
    <row r="462000" spans="14:14">
      <c r="N462000" s="10"/>
    </row>
    <row r="462001" spans="14:14">
      <c r="N462001" s="10"/>
    </row>
    <row r="462002" spans="14:14">
      <c r="N462002" s="10"/>
    </row>
    <row r="462003" spans="14:14">
      <c r="N462003" s="10"/>
    </row>
    <row r="462004" spans="14:14">
      <c r="N462004" s="10"/>
    </row>
    <row r="462005" spans="14:14">
      <c r="N462005" s="10"/>
    </row>
    <row r="462006" spans="14:14">
      <c r="N462006" s="10"/>
    </row>
    <row r="462007" spans="14:14">
      <c r="N462007" s="10"/>
    </row>
    <row r="462008" spans="14:14">
      <c r="N462008" s="10"/>
    </row>
    <row r="462009" spans="14:14">
      <c r="N462009" s="10"/>
    </row>
    <row r="462010" spans="14:14">
      <c r="N462010" s="10"/>
    </row>
    <row r="462011" spans="14:14">
      <c r="N462011" s="10"/>
    </row>
    <row r="462012" spans="14:14">
      <c r="N462012" s="10"/>
    </row>
    <row r="462013" spans="14:14">
      <c r="N462013" s="10"/>
    </row>
    <row r="462014" spans="14:14">
      <c r="N462014" s="10"/>
    </row>
    <row r="462015" spans="14:14">
      <c r="N462015" s="10"/>
    </row>
    <row r="462016" spans="14:14">
      <c r="N462016" s="10"/>
    </row>
    <row r="462017" spans="14:14">
      <c r="N462017" s="10"/>
    </row>
    <row r="462018" spans="14:14">
      <c r="N462018" s="10"/>
    </row>
    <row r="462019" spans="14:14">
      <c r="N462019" s="10"/>
    </row>
    <row r="462020" spans="14:14">
      <c r="N462020" s="10"/>
    </row>
    <row r="462021" spans="14:14">
      <c r="N462021" s="10"/>
    </row>
    <row r="462022" spans="14:14">
      <c r="N462022" s="10"/>
    </row>
    <row r="462023" spans="14:14">
      <c r="N462023" s="10"/>
    </row>
    <row r="462024" spans="14:14">
      <c r="N462024" s="10"/>
    </row>
    <row r="462025" spans="14:14">
      <c r="N462025" s="10"/>
    </row>
    <row r="462026" spans="14:14">
      <c r="N462026" s="10"/>
    </row>
    <row r="462027" spans="14:14">
      <c r="N462027" s="10"/>
    </row>
    <row r="462028" spans="14:14">
      <c r="N462028" s="10"/>
    </row>
    <row r="462029" spans="14:14">
      <c r="N462029" s="10"/>
    </row>
    <row r="462030" spans="14:14">
      <c r="N462030" s="10"/>
    </row>
    <row r="462031" spans="14:14">
      <c r="N462031" s="10"/>
    </row>
    <row r="462032" spans="14:14">
      <c r="N462032" s="10"/>
    </row>
    <row r="462033" spans="14:14">
      <c r="N462033" s="10"/>
    </row>
    <row r="462034" spans="14:14">
      <c r="N462034" s="10"/>
    </row>
    <row r="462035" spans="14:14">
      <c r="N462035" s="10"/>
    </row>
    <row r="462036" spans="14:14">
      <c r="N462036" s="10"/>
    </row>
    <row r="462037" spans="14:14">
      <c r="N462037" s="10"/>
    </row>
    <row r="462038" spans="14:14">
      <c r="N462038" s="10"/>
    </row>
    <row r="462039" spans="14:14">
      <c r="N462039" s="10"/>
    </row>
    <row r="462040" spans="14:14">
      <c r="N462040" s="10"/>
    </row>
    <row r="462041" spans="14:14">
      <c r="N462041" s="10"/>
    </row>
    <row r="462042" spans="14:14">
      <c r="N462042" s="10"/>
    </row>
    <row r="462043" spans="14:14">
      <c r="N462043" s="10"/>
    </row>
    <row r="462044" spans="14:14">
      <c r="N462044" s="10"/>
    </row>
    <row r="462045" spans="14:14">
      <c r="N462045" s="10"/>
    </row>
    <row r="462046" spans="14:14">
      <c r="N462046" s="10"/>
    </row>
    <row r="462047" spans="14:14">
      <c r="N462047" s="10"/>
    </row>
    <row r="462048" spans="14:14">
      <c r="N462048" s="10"/>
    </row>
    <row r="462049" spans="14:14">
      <c r="N462049" s="10"/>
    </row>
    <row r="462050" spans="14:14">
      <c r="N462050" s="10"/>
    </row>
    <row r="462051" spans="14:14">
      <c r="N462051" s="10"/>
    </row>
    <row r="462052" spans="14:14">
      <c r="N462052" s="10"/>
    </row>
    <row r="462053" spans="14:14">
      <c r="N462053" s="10"/>
    </row>
    <row r="462054" spans="14:14">
      <c r="N462054" s="10"/>
    </row>
    <row r="462055" spans="14:14">
      <c r="N462055" s="10"/>
    </row>
    <row r="462056" spans="14:14">
      <c r="N462056" s="10"/>
    </row>
    <row r="462057" spans="14:14">
      <c r="N462057" s="10"/>
    </row>
    <row r="462058" spans="14:14">
      <c r="N462058" s="10"/>
    </row>
    <row r="462059" spans="14:14">
      <c r="N462059" s="10"/>
    </row>
    <row r="462060" spans="14:14">
      <c r="N462060" s="10"/>
    </row>
    <row r="462061" spans="14:14">
      <c r="N462061" s="10"/>
    </row>
    <row r="462062" spans="14:14">
      <c r="N462062" s="10"/>
    </row>
    <row r="462063" spans="14:14">
      <c r="N462063" s="10"/>
    </row>
    <row r="462064" spans="14:14">
      <c r="N462064" s="10"/>
    </row>
    <row r="462065" spans="14:14">
      <c r="N462065" s="10"/>
    </row>
    <row r="462066" spans="14:14">
      <c r="N462066" s="10"/>
    </row>
    <row r="462067" spans="14:14">
      <c r="N462067" s="10"/>
    </row>
    <row r="462068" spans="14:14">
      <c r="N462068" s="10"/>
    </row>
    <row r="462069" spans="14:14">
      <c r="N462069" s="10"/>
    </row>
    <row r="462070" spans="14:14">
      <c r="N462070" s="10"/>
    </row>
    <row r="462071" spans="14:14">
      <c r="N462071" s="10"/>
    </row>
    <row r="462072" spans="14:14">
      <c r="N462072" s="10"/>
    </row>
    <row r="462073" spans="14:14">
      <c r="N462073" s="10"/>
    </row>
    <row r="462074" spans="14:14">
      <c r="N462074" s="10"/>
    </row>
    <row r="462075" spans="14:14">
      <c r="N462075" s="10"/>
    </row>
    <row r="462076" spans="14:14">
      <c r="N462076" s="10"/>
    </row>
    <row r="462077" spans="14:14">
      <c r="N462077" s="10"/>
    </row>
    <row r="462078" spans="14:14">
      <c r="N462078" s="10"/>
    </row>
    <row r="462079" spans="14:14">
      <c r="N462079" s="10"/>
    </row>
    <row r="462080" spans="14:14">
      <c r="N462080" s="10"/>
    </row>
    <row r="462081" spans="14:14">
      <c r="N462081" s="10"/>
    </row>
    <row r="462082" spans="14:14">
      <c r="N462082" s="10"/>
    </row>
    <row r="462083" spans="14:14">
      <c r="N462083" s="10"/>
    </row>
    <row r="462084" spans="14:14">
      <c r="N462084" s="10"/>
    </row>
    <row r="462085" spans="14:14">
      <c r="N462085" s="10"/>
    </row>
    <row r="462086" spans="14:14">
      <c r="N462086" s="10"/>
    </row>
    <row r="462087" spans="14:14">
      <c r="N462087" s="10"/>
    </row>
    <row r="462088" spans="14:14">
      <c r="N462088" s="10"/>
    </row>
    <row r="462089" spans="14:14">
      <c r="N462089" s="10"/>
    </row>
    <row r="462090" spans="14:14">
      <c r="N462090" s="10"/>
    </row>
    <row r="462091" spans="14:14">
      <c r="N462091" s="10"/>
    </row>
    <row r="462092" spans="14:14">
      <c r="N462092" s="10"/>
    </row>
    <row r="462093" spans="14:14">
      <c r="N462093" s="10"/>
    </row>
    <row r="462094" spans="14:14">
      <c r="N462094" s="10"/>
    </row>
    <row r="462095" spans="14:14">
      <c r="N462095" s="10"/>
    </row>
    <row r="462096" spans="14:14">
      <c r="N462096" s="10"/>
    </row>
    <row r="462097" spans="14:14">
      <c r="N462097" s="10"/>
    </row>
    <row r="462098" spans="14:14">
      <c r="N462098" s="10"/>
    </row>
    <row r="462099" spans="14:14">
      <c r="N462099" s="10"/>
    </row>
    <row r="462100" spans="14:14">
      <c r="N462100" s="10"/>
    </row>
    <row r="462101" spans="14:14">
      <c r="N462101" s="10"/>
    </row>
    <row r="462102" spans="14:14">
      <c r="N462102" s="10"/>
    </row>
    <row r="462103" spans="14:14">
      <c r="N462103" s="10"/>
    </row>
    <row r="462104" spans="14:14">
      <c r="N462104" s="10"/>
    </row>
    <row r="462105" spans="14:14">
      <c r="N462105" s="10"/>
    </row>
    <row r="462106" spans="14:14">
      <c r="N462106" s="10"/>
    </row>
    <row r="462107" spans="14:14">
      <c r="N462107" s="10"/>
    </row>
    <row r="462108" spans="14:14">
      <c r="N462108" s="10"/>
    </row>
    <row r="462109" spans="14:14">
      <c r="N462109" s="10"/>
    </row>
    <row r="462110" spans="14:14">
      <c r="N462110" s="10"/>
    </row>
    <row r="462111" spans="14:14">
      <c r="N462111" s="10"/>
    </row>
    <row r="462112" spans="14:14">
      <c r="N462112" s="10"/>
    </row>
    <row r="462113" spans="14:14">
      <c r="N462113" s="10"/>
    </row>
    <row r="462114" spans="14:14">
      <c r="N462114" s="10"/>
    </row>
    <row r="462115" spans="14:14">
      <c r="N462115" s="10"/>
    </row>
    <row r="462116" spans="14:14">
      <c r="N462116" s="10"/>
    </row>
    <row r="462117" spans="14:14">
      <c r="N462117" s="10"/>
    </row>
    <row r="462118" spans="14:14">
      <c r="N462118" s="10"/>
    </row>
    <row r="462119" spans="14:14">
      <c r="N462119" s="10"/>
    </row>
    <row r="462120" spans="14:14">
      <c r="N462120" s="10"/>
    </row>
    <row r="462121" spans="14:14">
      <c r="N462121" s="10"/>
    </row>
    <row r="462122" spans="14:14">
      <c r="N462122" s="10"/>
    </row>
    <row r="462123" spans="14:14">
      <c r="N462123" s="10"/>
    </row>
    <row r="462124" spans="14:14">
      <c r="N462124" s="10"/>
    </row>
    <row r="462125" spans="14:14">
      <c r="N462125" s="10"/>
    </row>
    <row r="462126" spans="14:14">
      <c r="N462126" s="10"/>
    </row>
    <row r="462127" spans="14:14">
      <c r="N462127" s="10"/>
    </row>
    <row r="462128" spans="14:14">
      <c r="N462128" s="10"/>
    </row>
    <row r="462129" spans="14:14">
      <c r="N462129" s="10"/>
    </row>
    <row r="462130" spans="14:14">
      <c r="N462130" s="10"/>
    </row>
    <row r="462131" spans="14:14">
      <c r="N462131" s="10"/>
    </row>
    <row r="462132" spans="14:14">
      <c r="N462132" s="10"/>
    </row>
    <row r="462133" spans="14:14">
      <c r="N462133" s="10"/>
    </row>
    <row r="462134" spans="14:14">
      <c r="N462134" s="10"/>
    </row>
    <row r="462135" spans="14:14">
      <c r="N462135" s="10"/>
    </row>
    <row r="462136" spans="14:14">
      <c r="N462136" s="10"/>
    </row>
    <row r="462137" spans="14:14">
      <c r="N462137" s="10"/>
    </row>
    <row r="462138" spans="14:14">
      <c r="N462138" s="10"/>
    </row>
    <row r="462139" spans="14:14">
      <c r="N462139" s="10"/>
    </row>
    <row r="462140" spans="14:14">
      <c r="N462140" s="10"/>
    </row>
    <row r="462141" spans="14:14">
      <c r="N462141" s="10"/>
    </row>
    <row r="462142" spans="14:14">
      <c r="N462142" s="10"/>
    </row>
    <row r="462143" spans="14:14">
      <c r="N462143" s="10"/>
    </row>
    <row r="462144" spans="14:14">
      <c r="N462144" s="10"/>
    </row>
    <row r="462145" spans="14:14">
      <c r="N462145" s="10"/>
    </row>
    <row r="462146" spans="14:14">
      <c r="N462146" s="10"/>
    </row>
    <row r="462147" spans="14:14">
      <c r="N462147" s="10"/>
    </row>
    <row r="462148" spans="14:14">
      <c r="N462148" s="10"/>
    </row>
    <row r="462149" spans="14:14">
      <c r="N462149" s="10"/>
    </row>
    <row r="462150" spans="14:14">
      <c r="N462150" s="10"/>
    </row>
    <row r="462151" spans="14:14">
      <c r="N462151" s="10"/>
    </row>
    <row r="462152" spans="14:14">
      <c r="N462152" s="10"/>
    </row>
    <row r="462153" spans="14:14">
      <c r="N462153" s="10"/>
    </row>
    <row r="462154" spans="14:14">
      <c r="N462154" s="10"/>
    </row>
    <row r="462155" spans="14:14">
      <c r="N462155" s="10"/>
    </row>
    <row r="462156" spans="14:14">
      <c r="N462156" s="10"/>
    </row>
    <row r="462157" spans="14:14">
      <c r="N462157" s="10"/>
    </row>
    <row r="462158" spans="14:14">
      <c r="N462158" s="10"/>
    </row>
    <row r="462159" spans="14:14">
      <c r="N462159" s="10"/>
    </row>
    <row r="462160" spans="14:14">
      <c r="N462160" s="10"/>
    </row>
    <row r="462161" spans="14:14">
      <c r="N462161" s="10"/>
    </row>
    <row r="462162" spans="14:14">
      <c r="N462162" s="10"/>
    </row>
    <row r="462163" spans="14:14">
      <c r="N462163" s="10"/>
    </row>
    <row r="462164" spans="14:14">
      <c r="N462164" s="10"/>
    </row>
    <row r="462165" spans="14:14">
      <c r="N462165" s="10"/>
    </row>
    <row r="462166" spans="14:14">
      <c r="N462166" s="10"/>
    </row>
    <row r="462167" spans="14:14">
      <c r="N462167" s="10"/>
    </row>
    <row r="462168" spans="14:14">
      <c r="N462168" s="10"/>
    </row>
    <row r="462169" spans="14:14">
      <c r="N462169" s="10"/>
    </row>
    <row r="462170" spans="14:14">
      <c r="N462170" s="10"/>
    </row>
    <row r="462171" spans="14:14">
      <c r="N462171" s="10"/>
    </row>
    <row r="462172" spans="14:14">
      <c r="N462172" s="10"/>
    </row>
    <row r="462173" spans="14:14">
      <c r="N462173" s="10"/>
    </row>
    <row r="462174" spans="14:14">
      <c r="N462174" s="10"/>
    </row>
    <row r="462175" spans="14:14">
      <c r="N462175" s="10"/>
    </row>
    <row r="462176" spans="14:14">
      <c r="N462176" s="10"/>
    </row>
    <row r="462177" spans="14:14">
      <c r="N462177" s="10"/>
    </row>
    <row r="462178" spans="14:14">
      <c r="N462178" s="10"/>
    </row>
    <row r="462179" spans="14:14">
      <c r="N462179" s="10"/>
    </row>
    <row r="462180" spans="14:14">
      <c r="N462180" s="10"/>
    </row>
    <row r="462181" spans="14:14">
      <c r="N462181" s="10"/>
    </row>
    <row r="462182" spans="14:14">
      <c r="N462182" s="10"/>
    </row>
    <row r="462183" spans="14:14">
      <c r="N462183" s="10"/>
    </row>
    <row r="462184" spans="14:14">
      <c r="N462184" s="10"/>
    </row>
    <row r="462185" spans="14:14">
      <c r="N462185" s="10"/>
    </row>
    <row r="462186" spans="14:14">
      <c r="N462186" s="10"/>
    </row>
    <row r="462187" spans="14:14">
      <c r="N462187" s="10"/>
    </row>
    <row r="462188" spans="14:14">
      <c r="N462188" s="10"/>
    </row>
    <row r="462189" spans="14:14">
      <c r="N462189" s="10"/>
    </row>
    <row r="462190" spans="14:14">
      <c r="N462190" s="10"/>
    </row>
    <row r="462191" spans="14:14">
      <c r="N462191" s="10"/>
    </row>
    <row r="462192" spans="14:14">
      <c r="N462192" s="10"/>
    </row>
    <row r="462193" spans="14:14">
      <c r="N462193" s="10"/>
    </row>
    <row r="462194" spans="14:14">
      <c r="N462194" s="10"/>
    </row>
    <row r="462195" spans="14:14">
      <c r="N462195" s="10"/>
    </row>
    <row r="462196" spans="14:14">
      <c r="N462196" s="10"/>
    </row>
    <row r="462197" spans="14:14">
      <c r="N462197" s="10"/>
    </row>
    <row r="462198" spans="14:14">
      <c r="N462198" s="10"/>
    </row>
    <row r="462199" spans="14:14">
      <c r="N462199" s="10"/>
    </row>
    <row r="462200" spans="14:14">
      <c r="N462200" s="10"/>
    </row>
    <row r="462201" spans="14:14">
      <c r="N462201" s="10"/>
    </row>
    <row r="462202" spans="14:14">
      <c r="N462202" s="10"/>
    </row>
    <row r="462203" spans="14:14">
      <c r="N462203" s="10"/>
    </row>
    <row r="462204" spans="14:14">
      <c r="N462204" s="10"/>
    </row>
    <row r="462205" spans="14:14">
      <c r="N462205" s="10"/>
    </row>
    <row r="462206" spans="14:14">
      <c r="N462206" s="10"/>
    </row>
    <row r="462207" spans="14:14">
      <c r="N462207" s="10"/>
    </row>
    <row r="462208" spans="14:14">
      <c r="N462208" s="10"/>
    </row>
    <row r="462209" spans="14:14">
      <c r="N462209" s="10"/>
    </row>
    <row r="462210" spans="14:14">
      <c r="N462210" s="10"/>
    </row>
    <row r="462211" spans="14:14">
      <c r="N462211" s="10"/>
    </row>
    <row r="462212" spans="14:14">
      <c r="N462212" s="10"/>
    </row>
    <row r="462213" spans="14:14">
      <c r="N462213" s="10"/>
    </row>
    <row r="462214" spans="14:14">
      <c r="N462214" s="10"/>
    </row>
    <row r="462215" spans="14:14">
      <c r="N462215" s="10"/>
    </row>
    <row r="462216" spans="14:14">
      <c r="N462216" s="10"/>
    </row>
    <row r="462217" spans="14:14">
      <c r="N462217" s="10"/>
    </row>
    <row r="462218" spans="14:14">
      <c r="N462218" s="10"/>
    </row>
    <row r="462219" spans="14:14">
      <c r="N462219" s="10"/>
    </row>
    <row r="462220" spans="14:14">
      <c r="N462220" s="10"/>
    </row>
    <row r="462221" spans="14:14">
      <c r="N462221" s="10"/>
    </row>
    <row r="462222" spans="14:14">
      <c r="N462222" s="10"/>
    </row>
    <row r="462223" spans="14:14">
      <c r="N462223" s="10"/>
    </row>
    <row r="462224" spans="14:14">
      <c r="N462224" s="10"/>
    </row>
    <row r="462225" spans="14:14">
      <c r="N462225" s="10"/>
    </row>
    <row r="462226" spans="14:14">
      <c r="N462226" s="10"/>
    </row>
    <row r="462227" spans="14:14">
      <c r="N462227" s="10"/>
    </row>
    <row r="462228" spans="14:14">
      <c r="N462228" s="10"/>
    </row>
    <row r="462229" spans="14:14">
      <c r="N462229" s="10"/>
    </row>
    <row r="462230" spans="14:14">
      <c r="N462230" s="10"/>
    </row>
    <row r="462231" spans="14:14">
      <c r="N462231" s="10"/>
    </row>
    <row r="462232" spans="14:14">
      <c r="N462232" s="10"/>
    </row>
    <row r="462233" spans="14:14">
      <c r="N462233" s="10"/>
    </row>
    <row r="462234" spans="14:14">
      <c r="N462234" s="10"/>
    </row>
    <row r="462235" spans="14:14">
      <c r="N462235" s="10"/>
    </row>
    <row r="462236" spans="14:14">
      <c r="N462236" s="10"/>
    </row>
    <row r="462237" spans="14:14">
      <c r="N462237" s="10"/>
    </row>
    <row r="462238" spans="14:14">
      <c r="N462238" s="10"/>
    </row>
    <row r="462239" spans="14:14">
      <c r="N462239" s="10"/>
    </row>
    <row r="462240" spans="14:14">
      <c r="N462240" s="10"/>
    </row>
    <row r="462241" spans="14:14">
      <c r="N462241" s="10"/>
    </row>
    <row r="462242" spans="14:14">
      <c r="N462242" s="10"/>
    </row>
    <row r="462243" spans="14:14">
      <c r="N462243" s="10"/>
    </row>
    <row r="462244" spans="14:14">
      <c r="N462244" s="10"/>
    </row>
    <row r="462245" spans="14:14">
      <c r="N462245" s="10"/>
    </row>
    <row r="462246" spans="14:14">
      <c r="N462246" s="10"/>
    </row>
    <row r="462247" spans="14:14">
      <c r="N462247" s="10"/>
    </row>
    <row r="462248" spans="14:14">
      <c r="N462248" s="10"/>
    </row>
    <row r="462249" spans="14:14">
      <c r="N462249" s="10"/>
    </row>
    <row r="462250" spans="14:14">
      <c r="N462250" s="10"/>
    </row>
    <row r="462251" spans="14:14">
      <c r="N462251" s="10"/>
    </row>
    <row r="462252" spans="14:14">
      <c r="N462252" s="10"/>
    </row>
    <row r="462253" spans="14:14">
      <c r="N462253" s="10"/>
    </row>
    <row r="462254" spans="14:14">
      <c r="N462254" s="10"/>
    </row>
    <row r="462255" spans="14:14">
      <c r="N462255" s="10"/>
    </row>
    <row r="462256" spans="14:14">
      <c r="N462256" s="10"/>
    </row>
    <row r="462257" spans="14:14">
      <c r="N462257" s="10"/>
    </row>
    <row r="462258" spans="14:14">
      <c r="N462258" s="10"/>
    </row>
    <row r="462259" spans="14:14">
      <c r="N462259" s="10"/>
    </row>
    <row r="462260" spans="14:14">
      <c r="N462260" s="10"/>
    </row>
    <row r="462261" spans="14:14">
      <c r="N462261" s="10"/>
    </row>
    <row r="462262" spans="14:14">
      <c r="N462262" s="10"/>
    </row>
    <row r="462263" spans="14:14">
      <c r="N462263" s="10"/>
    </row>
    <row r="462264" spans="14:14">
      <c r="N462264" s="10"/>
    </row>
    <row r="462265" spans="14:14">
      <c r="N462265" s="10"/>
    </row>
    <row r="462266" spans="14:14">
      <c r="N462266" s="10"/>
    </row>
    <row r="462267" spans="14:14">
      <c r="N462267" s="10"/>
    </row>
    <row r="462268" spans="14:14">
      <c r="N462268" s="10"/>
    </row>
    <row r="462269" spans="14:14">
      <c r="N462269" s="10"/>
    </row>
    <row r="462270" spans="14:14">
      <c r="N462270" s="10"/>
    </row>
    <row r="462271" spans="14:14">
      <c r="N462271" s="10"/>
    </row>
    <row r="462272" spans="14:14">
      <c r="N462272" s="10"/>
    </row>
    <row r="462273" spans="14:14">
      <c r="N462273" s="10"/>
    </row>
    <row r="462274" spans="14:14">
      <c r="N462274" s="10"/>
    </row>
    <row r="462275" spans="14:14">
      <c r="N462275" s="10"/>
    </row>
    <row r="462276" spans="14:14">
      <c r="N462276" s="10"/>
    </row>
    <row r="462277" spans="14:14">
      <c r="N462277" s="10"/>
    </row>
    <row r="462278" spans="14:14">
      <c r="N462278" s="10"/>
    </row>
    <row r="462279" spans="14:14">
      <c r="N462279" s="10"/>
    </row>
    <row r="462280" spans="14:14">
      <c r="N462280" s="10"/>
    </row>
    <row r="462281" spans="14:14">
      <c r="N462281" s="10"/>
    </row>
    <row r="462282" spans="14:14">
      <c r="N462282" s="10"/>
    </row>
    <row r="462283" spans="14:14">
      <c r="N462283" s="10"/>
    </row>
    <row r="462284" spans="14:14">
      <c r="N462284" s="10"/>
    </row>
    <row r="462285" spans="14:14">
      <c r="N462285" s="10"/>
    </row>
    <row r="462286" spans="14:14">
      <c r="N462286" s="10"/>
    </row>
    <row r="462287" spans="14:14">
      <c r="N462287" s="10"/>
    </row>
    <row r="462288" spans="14:14">
      <c r="N462288" s="10"/>
    </row>
    <row r="462289" spans="14:14">
      <c r="N462289" s="10"/>
    </row>
    <row r="462290" spans="14:14">
      <c r="N462290" s="10"/>
    </row>
    <row r="462291" spans="14:14">
      <c r="N462291" s="10"/>
    </row>
    <row r="462292" spans="14:14">
      <c r="N462292" s="10"/>
    </row>
    <row r="462293" spans="14:14">
      <c r="N462293" s="10"/>
    </row>
    <row r="462294" spans="14:14">
      <c r="N462294" s="10"/>
    </row>
    <row r="462295" spans="14:14">
      <c r="N462295" s="10"/>
    </row>
    <row r="462296" spans="14:14">
      <c r="N462296" s="10"/>
    </row>
    <row r="462297" spans="14:14">
      <c r="N462297" s="10"/>
    </row>
    <row r="462298" spans="14:14">
      <c r="N462298" s="10"/>
    </row>
    <row r="462299" spans="14:14">
      <c r="N462299" s="10"/>
    </row>
    <row r="462300" spans="14:14">
      <c r="N462300" s="10"/>
    </row>
    <row r="462301" spans="14:14">
      <c r="N462301" s="10"/>
    </row>
    <row r="462302" spans="14:14">
      <c r="N462302" s="10"/>
    </row>
    <row r="462303" spans="14:14">
      <c r="N462303" s="10"/>
    </row>
    <row r="462304" spans="14:14">
      <c r="N462304" s="10"/>
    </row>
    <row r="462305" spans="14:14">
      <c r="N462305" s="10"/>
    </row>
    <row r="462306" spans="14:14">
      <c r="N462306" s="10"/>
    </row>
    <row r="462307" spans="14:14">
      <c r="N462307" s="10"/>
    </row>
    <row r="462308" spans="14:14">
      <c r="N462308" s="10"/>
    </row>
    <row r="462309" spans="14:14">
      <c r="N462309" s="10"/>
    </row>
    <row r="462310" spans="14:14">
      <c r="N462310" s="10"/>
    </row>
    <row r="462311" spans="14:14">
      <c r="N462311" s="10"/>
    </row>
    <row r="462312" spans="14:14">
      <c r="N462312" s="10"/>
    </row>
    <row r="462313" spans="14:14">
      <c r="N462313" s="10"/>
    </row>
    <row r="462314" spans="14:14">
      <c r="N462314" s="10"/>
    </row>
    <row r="462315" spans="14:14">
      <c r="N462315" s="10"/>
    </row>
    <row r="462316" spans="14:14">
      <c r="N462316" s="10"/>
    </row>
    <row r="462317" spans="14:14">
      <c r="N462317" s="10"/>
    </row>
    <row r="462318" spans="14:14">
      <c r="N462318" s="10"/>
    </row>
    <row r="462319" spans="14:14">
      <c r="N462319" s="10"/>
    </row>
    <row r="462320" spans="14:14">
      <c r="N462320" s="10"/>
    </row>
    <row r="462321" spans="14:14">
      <c r="N462321" s="10"/>
    </row>
    <row r="462322" spans="14:14">
      <c r="N462322" s="10"/>
    </row>
    <row r="462323" spans="14:14">
      <c r="N462323" s="10"/>
    </row>
    <row r="462324" spans="14:14">
      <c r="N462324" s="10"/>
    </row>
    <row r="462325" spans="14:14">
      <c r="N462325" s="10"/>
    </row>
    <row r="462326" spans="14:14">
      <c r="N462326" s="10"/>
    </row>
    <row r="462327" spans="14:14">
      <c r="N462327" s="10"/>
    </row>
    <row r="462328" spans="14:14">
      <c r="N462328" s="10"/>
    </row>
    <row r="462329" spans="14:14">
      <c r="N462329" s="10"/>
    </row>
    <row r="462330" spans="14:14">
      <c r="N462330" s="10"/>
    </row>
    <row r="462331" spans="14:14">
      <c r="N462331" s="10"/>
    </row>
    <row r="462332" spans="14:14">
      <c r="N462332" s="10"/>
    </row>
    <row r="462333" spans="14:14">
      <c r="N462333" s="10"/>
    </row>
    <row r="462334" spans="14:14">
      <c r="N462334" s="10"/>
    </row>
    <row r="462335" spans="14:14">
      <c r="N462335" s="10"/>
    </row>
    <row r="462336" spans="14:14">
      <c r="N462336" s="10"/>
    </row>
    <row r="462337" spans="14:14">
      <c r="N462337" s="10"/>
    </row>
    <row r="462338" spans="14:14">
      <c r="N462338" s="10"/>
    </row>
    <row r="462339" spans="14:14">
      <c r="N462339" s="10"/>
    </row>
    <row r="462340" spans="14:14">
      <c r="N462340" s="10"/>
    </row>
    <row r="462341" spans="14:14">
      <c r="N462341" s="10"/>
    </row>
    <row r="462342" spans="14:14">
      <c r="N462342" s="10"/>
    </row>
    <row r="462343" spans="14:14">
      <c r="N462343" s="10"/>
    </row>
    <row r="462344" spans="14:14">
      <c r="N462344" s="10"/>
    </row>
    <row r="462345" spans="14:14">
      <c r="N462345" s="10"/>
    </row>
    <row r="462346" spans="14:14">
      <c r="N462346" s="10"/>
    </row>
    <row r="462347" spans="14:14">
      <c r="N462347" s="10"/>
    </row>
    <row r="462348" spans="14:14">
      <c r="N462348" s="10"/>
    </row>
    <row r="462349" spans="14:14">
      <c r="N462349" s="10"/>
    </row>
    <row r="462350" spans="14:14">
      <c r="N462350" s="10"/>
    </row>
    <row r="462351" spans="14:14">
      <c r="N462351" s="10"/>
    </row>
    <row r="462352" spans="14:14">
      <c r="N462352" s="10"/>
    </row>
    <row r="462353" spans="14:14">
      <c r="N462353" s="10"/>
    </row>
    <row r="462354" spans="14:14">
      <c r="N462354" s="10"/>
    </row>
    <row r="462355" spans="14:14">
      <c r="N462355" s="10"/>
    </row>
    <row r="462356" spans="14:14">
      <c r="N462356" s="10"/>
    </row>
    <row r="462357" spans="14:14">
      <c r="N462357" s="10"/>
    </row>
    <row r="462358" spans="14:14">
      <c r="N462358" s="10"/>
    </row>
    <row r="462359" spans="14:14">
      <c r="N462359" s="10"/>
    </row>
    <row r="462360" spans="14:14">
      <c r="N462360" s="10"/>
    </row>
    <row r="462361" spans="14:14">
      <c r="N462361" s="10"/>
    </row>
    <row r="462362" spans="14:14">
      <c r="N462362" s="10"/>
    </row>
    <row r="462363" spans="14:14">
      <c r="N462363" s="10"/>
    </row>
    <row r="462364" spans="14:14">
      <c r="N462364" s="10"/>
    </row>
    <row r="462365" spans="14:14">
      <c r="N462365" s="10"/>
    </row>
    <row r="462366" spans="14:14">
      <c r="N462366" s="10"/>
    </row>
    <row r="462367" spans="14:14">
      <c r="N462367" s="10"/>
    </row>
    <row r="462368" spans="14:14">
      <c r="N462368" s="10"/>
    </row>
    <row r="462369" spans="14:14">
      <c r="N462369" s="10"/>
    </row>
    <row r="462370" spans="14:14">
      <c r="N462370" s="10"/>
    </row>
    <row r="462371" spans="14:14">
      <c r="N462371" s="10"/>
    </row>
    <row r="462372" spans="14:14">
      <c r="N462372" s="10"/>
    </row>
    <row r="462373" spans="14:14">
      <c r="N462373" s="10"/>
    </row>
    <row r="462374" spans="14:14">
      <c r="N462374" s="10"/>
    </row>
    <row r="462375" spans="14:14">
      <c r="N462375" s="10"/>
    </row>
    <row r="462376" spans="14:14">
      <c r="N462376" s="10"/>
    </row>
    <row r="462377" spans="14:14">
      <c r="N462377" s="10"/>
    </row>
    <row r="462378" spans="14:14">
      <c r="N462378" s="10"/>
    </row>
    <row r="462379" spans="14:14">
      <c r="N462379" s="10"/>
    </row>
    <row r="462380" spans="14:14">
      <c r="N462380" s="10"/>
    </row>
    <row r="462381" spans="14:14">
      <c r="N462381" s="10"/>
    </row>
    <row r="462382" spans="14:14">
      <c r="N462382" s="10"/>
    </row>
    <row r="462383" spans="14:14">
      <c r="N462383" s="10"/>
    </row>
    <row r="462384" spans="14:14">
      <c r="N462384" s="10"/>
    </row>
    <row r="462385" spans="14:14">
      <c r="N462385" s="10"/>
    </row>
    <row r="462386" spans="14:14">
      <c r="N462386" s="10"/>
    </row>
    <row r="462387" spans="14:14">
      <c r="N462387" s="10"/>
    </row>
    <row r="462388" spans="14:14">
      <c r="N462388" s="10"/>
    </row>
    <row r="462389" spans="14:14">
      <c r="N462389" s="10"/>
    </row>
    <row r="462390" spans="14:14">
      <c r="N462390" s="10"/>
    </row>
    <row r="462391" spans="14:14">
      <c r="N462391" s="10"/>
    </row>
    <row r="462392" spans="14:14">
      <c r="N462392" s="10"/>
    </row>
    <row r="462393" spans="14:14">
      <c r="N462393" s="10"/>
    </row>
    <row r="462394" spans="14:14">
      <c r="N462394" s="10"/>
    </row>
    <row r="462395" spans="14:14">
      <c r="N462395" s="10"/>
    </row>
    <row r="462396" spans="14:14">
      <c r="N462396" s="10"/>
    </row>
    <row r="462397" spans="14:14">
      <c r="N462397" s="10"/>
    </row>
    <row r="462398" spans="14:14">
      <c r="N462398" s="10"/>
    </row>
    <row r="462399" spans="14:14">
      <c r="N462399" s="10"/>
    </row>
    <row r="462400" spans="14:14">
      <c r="N462400" s="10"/>
    </row>
    <row r="462401" spans="14:14">
      <c r="N462401" s="10"/>
    </row>
    <row r="462402" spans="14:14">
      <c r="N462402" s="10"/>
    </row>
    <row r="462403" spans="14:14">
      <c r="N462403" s="10"/>
    </row>
    <row r="462404" spans="14:14">
      <c r="N462404" s="10"/>
    </row>
    <row r="462405" spans="14:14">
      <c r="N462405" s="10"/>
    </row>
    <row r="462406" spans="14:14">
      <c r="N462406" s="10"/>
    </row>
    <row r="462407" spans="14:14">
      <c r="N462407" s="10"/>
    </row>
    <row r="462408" spans="14:14">
      <c r="N462408" s="10"/>
    </row>
    <row r="462409" spans="14:14">
      <c r="N462409" s="10"/>
    </row>
    <row r="462410" spans="14:14">
      <c r="N462410" s="10"/>
    </row>
    <row r="462411" spans="14:14">
      <c r="N462411" s="10"/>
    </row>
    <row r="462412" spans="14:14">
      <c r="N462412" s="10"/>
    </row>
    <row r="462413" spans="14:14">
      <c r="N462413" s="10"/>
    </row>
    <row r="462414" spans="14:14">
      <c r="N462414" s="10"/>
    </row>
    <row r="462415" spans="14:14">
      <c r="N462415" s="10"/>
    </row>
    <row r="462416" spans="14:14">
      <c r="N462416" s="10"/>
    </row>
    <row r="462417" spans="14:14">
      <c r="N462417" s="10"/>
    </row>
    <row r="462418" spans="14:14">
      <c r="N462418" s="10"/>
    </row>
    <row r="462419" spans="14:14">
      <c r="N462419" s="10"/>
    </row>
    <row r="462420" spans="14:14">
      <c r="N462420" s="10"/>
    </row>
    <row r="462421" spans="14:14">
      <c r="N462421" s="10"/>
    </row>
    <row r="462422" spans="14:14">
      <c r="N462422" s="10"/>
    </row>
    <row r="462423" spans="14:14">
      <c r="N462423" s="10"/>
    </row>
    <row r="462424" spans="14:14">
      <c r="N462424" s="10"/>
    </row>
    <row r="462425" spans="14:14">
      <c r="N462425" s="10"/>
    </row>
    <row r="462426" spans="14:14">
      <c r="N462426" s="10"/>
    </row>
    <row r="462427" spans="14:14">
      <c r="N462427" s="10"/>
    </row>
    <row r="462428" spans="14:14">
      <c r="N462428" s="10"/>
    </row>
    <row r="462429" spans="14:14">
      <c r="N462429" s="10"/>
    </row>
    <row r="462430" spans="14:14">
      <c r="N462430" s="10"/>
    </row>
    <row r="462431" spans="14:14">
      <c r="N462431" s="10"/>
    </row>
    <row r="462432" spans="14:14">
      <c r="N462432" s="10"/>
    </row>
    <row r="462433" spans="14:14">
      <c r="N462433" s="10"/>
    </row>
    <row r="462434" spans="14:14">
      <c r="N462434" s="10"/>
    </row>
    <row r="462435" spans="14:14">
      <c r="N462435" s="10"/>
    </row>
    <row r="462436" spans="14:14">
      <c r="N462436" s="10"/>
    </row>
    <row r="462437" spans="14:14">
      <c r="N462437" s="10"/>
    </row>
    <row r="462438" spans="14:14">
      <c r="N462438" s="10"/>
    </row>
    <row r="462439" spans="14:14">
      <c r="N462439" s="10"/>
    </row>
    <row r="462440" spans="14:14">
      <c r="N462440" s="10"/>
    </row>
    <row r="462441" spans="14:14">
      <c r="N462441" s="10"/>
    </row>
    <row r="462442" spans="14:14">
      <c r="N462442" s="10"/>
    </row>
    <row r="462443" spans="14:14">
      <c r="N462443" s="10"/>
    </row>
    <row r="462444" spans="14:14">
      <c r="N462444" s="10"/>
    </row>
    <row r="462445" spans="14:14">
      <c r="N462445" s="10"/>
    </row>
    <row r="462446" spans="14:14">
      <c r="N462446" s="10"/>
    </row>
    <row r="462447" spans="14:14">
      <c r="N462447" s="10"/>
    </row>
    <row r="462448" spans="14:14">
      <c r="N462448" s="10"/>
    </row>
    <row r="462449" spans="14:14">
      <c r="N462449" s="10"/>
    </row>
    <row r="462450" spans="14:14">
      <c r="N462450" s="10"/>
    </row>
    <row r="462451" spans="14:14">
      <c r="N462451" s="10"/>
    </row>
    <row r="462452" spans="14:14">
      <c r="N462452" s="10"/>
    </row>
    <row r="462453" spans="14:14">
      <c r="N462453" s="10"/>
    </row>
    <row r="462454" spans="14:14">
      <c r="N462454" s="10"/>
    </row>
    <row r="462455" spans="14:14">
      <c r="N462455" s="10"/>
    </row>
    <row r="462456" spans="14:14">
      <c r="N462456" s="10"/>
    </row>
    <row r="462457" spans="14:14">
      <c r="N462457" s="10"/>
    </row>
    <row r="462458" spans="14:14">
      <c r="N462458" s="10"/>
    </row>
    <row r="462459" spans="14:14">
      <c r="N462459" s="10"/>
    </row>
    <row r="462460" spans="14:14">
      <c r="N462460" s="10"/>
    </row>
    <row r="462461" spans="14:14">
      <c r="N462461" s="10"/>
    </row>
    <row r="462462" spans="14:14">
      <c r="N462462" s="10"/>
    </row>
    <row r="462463" spans="14:14">
      <c r="N462463" s="10"/>
    </row>
    <row r="462464" spans="14:14">
      <c r="N462464" s="10"/>
    </row>
    <row r="462465" spans="14:14">
      <c r="N462465" s="10"/>
    </row>
    <row r="462466" spans="14:14">
      <c r="N462466" s="10"/>
    </row>
    <row r="462467" spans="14:14">
      <c r="N462467" s="10"/>
    </row>
    <row r="462468" spans="14:14">
      <c r="N462468" s="10"/>
    </row>
    <row r="462469" spans="14:14">
      <c r="N462469" s="10"/>
    </row>
    <row r="462470" spans="14:14">
      <c r="N462470" s="10"/>
    </row>
    <row r="462471" spans="14:14">
      <c r="N462471" s="10"/>
    </row>
    <row r="462472" spans="14:14">
      <c r="N462472" s="10"/>
    </row>
    <row r="462473" spans="14:14">
      <c r="N462473" s="10"/>
    </row>
    <row r="462474" spans="14:14">
      <c r="N462474" s="10"/>
    </row>
    <row r="462475" spans="14:14">
      <c r="N462475" s="10"/>
    </row>
    <row r="462476" spans="14:14">
      <c r="N462476" s="10"/>
    </row>
    <row r="462477" spans="14:14">
      <c r="N462477" s="10"/>
    </row>
    <row r="462478" spans="14:14">
      <c r="N462478" s="10"/>
    </row>
    <row r="462479" spans="14:14">
      <c r="N462479" s="10"/>
    </row>
    <row r="462480" spans="14:14">
      <c r="N462480" s="10"/>
    </row>
    <row r="462481" spans="14:14">
      <c r="N462481" s="10"/>
    </row>
    <row r="462482" spans="14:14">
      <c r="N462482" s="10"/>
    </row>
    <row r="462483" spans="14:14">
      <c r="N462483" s="10"/>
    </row>
    <row r="462484" spans="14:14">
      <c r="N462484" s="10"/>
    </row>
    <row r="462485" spans="14:14">
      <c r="N462485" s="10"/>
    </row>
    <row r="462486" spans="14:14">
      <c r="N462486" s="10"/>
    </row>
    <row r="462487" spans="14:14">
      <c r="N462487" s="10"/>
    </row>
    <row r="462488" spans="14:14">
      <c r="N462488" s="10"/>
    </row>
    <row r="462489" spans="14:14">
      <c r="N462489" s="10"/>
    </row>
    <row r="462490" spans="14:14">
      <c r="N462490" s="10"/>
    </row>
    <row r="462491" spans="14:14">
      <c r="N462491" s="10"/>
    </row>
    <row r="462492" spans="14:14">
      <c r="N462492" s="10"/>
    </row>
    <row r="462493" spans="14:14">
      <c r="N462493" s="10"/>
    </row>
    <row r="462494" spans="14:14">
      <c r="N462494" s="10"/>
    </row>
    <row r="462495" spans="14:14">
      <c r="N462495" s="10"/>
    </row>
    <row r="462496" spans="14:14">
      <c r="N462496" s="10"/>
    </row>
    <row r="462497" spans="14:14">
      <c r="N462497" s="10"/>
    </row>
    <row r="462498" spans="14:14">
      <c r="N462498" s="10"/>
    </row>
    <row r="462499" spans="14:14">
      <c r="N462499" s="10"/>
    </row>
    <row r="462500" spans="14:14">
      <c r="N462500" s="10"/>
    </row>
    <row r="462501" spans="14:14">
      <c r="N462501" s="10"/>
    </row>
    <row r="462502" spans="14:14">
      <c r="N462502" s="10"/>
    </row>
    <row r="462503" spans="14:14">
      <c r="N462503" s="10"/>
    </row>
    <row r="462504" spans="14:14">
      <c r="N462504" s="10"/>
    </row>
    <row r="462505" spans="14:14">
      <c r="N462505" s="10"/>
    </row>
    <row r="462506" spans="14:14">
      <c r="N462506" s="10"/>
    </row>
    <row r="462507" spans="14:14">
      <c r="N462507" s="10"/>
    </row>
    <row r="462508" spans="14:14">
      <c r="N462508" s="10"/>
    </row>
    <row r="462509" spans="14:14">
      <c r="N462509" s="10"/>
    </row>
    <row r="462510" spans="14:14">
      <c r="N462510" s="10"/>
    </row>
    <row r="462511" spans="14:14">
      <c r="N462511" s="10"/>
    </row>
    <row r="462512" spans="14:14">
      <c r="N462512" s="10"/>
    </row>
    <row r="462513" spans="14:14">
      <c r="N462513" s="10"/>
    </row>
    <row r="462514" spans="14:14">
      <c r="N462514" s="10"/>
    </row>
    <row r="462515" spans="14:14">
      <c r="N462515" s="10"/>
    </row>
    <row r="462516" spans="14:14">
      <c r="N462516" s="10"/>
    </row>
    <row r="462517" spans="14:14">
      <c r="N462517" s="10"/>
    </row>
    <row r="462518" spans="14:14">
      <c r="N462518" s="10"/>
    </row>
    <row r="462519" spans="14:14">
      <c r="N462519" s="10"/>
    </row>
    <row r="462520" spans="14:14">
      <c r="N462520" s="10"/>
    </row>
    <row r="462521" spans="14:14">
      <c r="N462521" s="10"/>
    </row>
    <row r="462522" spans="14:14">
      <c r="N462522" s="10"/>
    </row>
    <row r="462523" spans="14:14">
      <c r="N462523" s="10"/>
    </row>
    <row r="462524" spans="14:14">
      <c r="N462524" s="10"/>
    </row>
    <row r="462525" spans="14:14">
      <c r="N462525" s="10"/>
    </row>
    <row r="462526" spans="14:14">
      <c r="N462526" s="10"/>
    </row>
    <row r="462527" spans="14:14">
      <c r="N462527" s="10"/>
    </row>
    <row r="462528" spans="14:14">
      <c r="N462528" s="10"/>
    </row>
    <row r="462529" spans="14:14">
      <c r="N462529" s="10"/>
    </row>
    <row r="462530" spans="14:14">
      <c r="N462530" s="10"/>
    </row>
    <row r="462531" spans="14:14">
      <c r="N462531" s="10"/>
    </row>
    <row r="462532" spans="14:14">
      <c r="N462532" s="10"/>
    </row>
    <row r="462533" spans="14:14">
      <c r="N462533" s="10"/>
    </row>
    <row r="462534" spans="14:14">
      <c r="N462534" s="10"/>
    </row>
    <row r="462535" spans="14:14">
      <c r="N462535" s="10"/>
    </row>
    <row r="462536" spans="14:14">
      <c r="N462536" s="10"/>
    </row>
    <row r="462537" spans="14:14">
      <c r="N462537" s="10"/>
    </row>
    <row r="462538" spans="14:14">
      <c r="N462538" s="10"/>
    </row>
    <row r="462539" spans="14:14">
      <c r="N462539" s="10"/>
    </row>
    <row r="462540" spans="14:14">
      <c r="N462540" s="10"/>
    </row>
    <row r="462541" spans="14:14">
      <c r="N462541" s="10"/>
    </row>
    <row r="462542" spans="14:14">
      <c r="N462542" s="10"/>
    </row>
    <row r="462543" spans="14:14">
      <c r="N462543" s="10"/>
    </row>
    <row r="462544" spans="14:14">
      <c r="N462544" s="10"/>
    </row>
    <row r="462545" spans="14:14">
      <c r="N462545" s="10"/>
    </row>
    <row r="462546" spans="14:14">
      <c r="N462546" s="10"/>
    </row>
    <row r="462547" spans="14:14">
      <c r="N462547" s="10"/>
    </row>
    <row r="462548" spans="14:14">
      <c r="N462548" s="10"/>
    </row>
    <row r="462549" spans="14:14">
      <c r="N462549" s="10"/>
    </row>
    <row r="462550" spans="14:14">
      <c r="N462550" s="10"/>
    </row>
    <row r="462551" spans="14:14">
      <c r="N462551" s="10"/>
    </row>
    <row r="462552" spans="14:14">
      <c r="N462552" s="10"/>
    </row>
    <row r="462553" spans="14:14">
      <c r="N462553" s="10"/>
    </row>
    <row r="462554" spans="14:14">
      <c r="N462554" s="10"/>
    </row>
    <row r="462555" spans="14:14">
      <c r="N462555" s="10"/>
    </row>
    <row r="462556" spans="14:14">
      <c r="N462556" s="10"/>
    </row>
    <row r="462557" spans="14:14">
      <c r="N462557" s="10"/>
    </row>
    <row r="462558" spans="14:14">
      <c r="N462558" s="10"/>
    </row>
    <row r="462559" spans="14:14">
      <c r="N462559" s="10"/>
    </row>
    <row r="462560" spans="14:14">
      <c r="N462560" s="10"/>
    </row>
    <row r="462561" spans="14:14">
      <c r="N462561" s="10"/>
    </row>
    <row r="462562" spans="14:14">
      <c r="N462562" s="10"/>
    </row>
    <row r="462563" spans="14:14">
      <c r="N462563" s="10"/>
    </row>
    <row r="462564" spans="14:14">
      <c r="N462564" s="10"/>
    </row>
    <row r="462565" spans="14:14">
      <c r="N462565" s="10"/>
    </row>
    <row r="462566" spans="14:14">
      <c r="N462566" s="10"/>
    </row>
    <row r="462567" spans="14:14">
      <c r="N462567" s="10"/>
    </row>
    <row r="462568" spans="14:14">
      <c r="N462568" s="10"/>
    </row>
    <row r="462569" spans="14:14">
      <c r="N462569" s="10"/>
    </row>
    <row r="462570" spans="14:14">
      <c r="N462570" s="10"/>
    </row>
    <row r="462571" spans="14:14">
      <c r="N462571" s="10"/>
    </row>
    <row r="462572" spans="14:14">
      <c r="N462572" s="10"/>
    </row>
    <row r="462573" spans="14:14">
      <c r="N462573" s="10"/>
    </row>
    <row r="462574" spans="14:14">
      <c r="N462574" s="10"/>
    </row>
    <row r="462575" spans="14:14">
      <c r="N462575" s="10"/>
    </row>
    <row r="462576" spans="14:14">
      <c r="N462576" s="10"/>
    </row>
    <row r="462577" spans="14:14">
      <c r="N462577" s="10"/>
    </row>
    <row r="462578" spans="14:14">
      <c r="N462578" s="10"/>
    </row>
    <row r="462579" spans="14:14">
      <c r="N462579" s="10"/>
    </row>
    <row r="462580" spans="14:14">
      <c r="N462580" s="10"/>
    </row>
    <row r="462581" spans="14:14">
      <c r="N462581" s="10"/>
    </row>
    <row r="462582" spans="14:14">
      <c r="N462582" s="10"/>
    </row>
    <row r="462583" spans="14:14">
      <c r="N462583" s="10"/>
    </row>
    <row r="462584" spans="14:14">
      <c r="N462584" s="10"/>
    </row>
    <row r="462585" spans="14:14">
      <c r="N462585" s="10"/>
    </row>
    <row r="462586" spans="14:14">
      <c r="N462586" s="10"/>
    </row>
    <row r="462587" spans="14:14">
      <c r="N462587" s="10"/>
    </row>
    <row r="462588" spans="14:14">
      <c r="N462588" s="10"/>
    </row>
    <row r="462589" spans="14:14">
      <c r="N462589" s="10"/>
    </row>
    <row r="462590" spans="14:14">
      <c r="N462590" s="10"/>
    </row>
    <row r="462591" spans="14:14">
      <c r="N462591" s="10"/>
    </row>
    <row r="462592" spans="14:14">
      <c r="N462592" s="10"/>
    </row>
    <row r="462593" spans="14:14">
      <c r="N462593" s="10"/>
    </row>
    <row r="462594" spans="14:14">
      <c r="N462594" s="10"/>
    </row>
    <row r="462595" spans="14:14">
      <c r="N462595" s="10"/>
    </row>
    <row r="462596" spans="14:14">
      <c r="N462596" s="10"/>
    </row>
    <row r="462597" spans="14:14">
      <c r="N462597" s="10"/>
    </row>
    <row r="462598" spans="14:14">
      <c r="N462598" s="10"/>
    </row>
    <row r="462599" spans="14:14">
      <c r="N462599" s="10"/>
    </row>
    <row r="462600" spans="14:14">
      <c r="N462600" s="10"/>
    </row>
    <row r="462601" spans="14:14">
      <c r="N462601" s="10"/>
    </row>
    <row r="462602" spans="14:14">
      <c r="N462602" s="10"/>
    </row>
    <row r="462603" spans="14:14">
      <c r="N462603" s="10"/>
    </row>
    <row r="462604" spans="14:14">
      <c r="N462604" s="10"/>
    </row>
    <row r="462605" spans="14:14">
      <c r="N462605" s="10"/>
    </row>
    <row r="462606" spans="14:14">
      <c r="N462606" s="10"/>
    </row>
    <row r="462607" spans="14:14">
      <c r="N462607" s="10"/>
    </row>
    <row r="462608" spans="14:14">
      <c r="N462608" s="10"/>
    </row>
    <row r="462609" spans="14:14">
      <c r="N462609" s="10"/>
    </row>
    <row r="462610" spans="14:14">
      <c r="N462610" s="10"/>
    </row>
    <row r="462611" spans="14:14">
      <c r="N462611" s="10"/>
    </row>
    <row r="462612" spans="14:14">
      <c r="N462612" s="10"/>
    </row>
    <row r="462613" spans="14:14">
      <c r="N462613" s="10"/>
    </row>
    <row r="462614" spans="14:14">
      <c r="N462614" s="10"/>
    </row>
    <row r="462615" spans="14:14">
      <c r="N462615" s="10"/>
    </row>
    <row r="462616" spans="14:14">
      <c r="N462616" s="10"/>
    </row>
    <row r="462617" spans="14:14">
      <c r="N462617" s="10"/>
    </row>
    <row r="462618" spans="14:14">
      <c r="N462618" s="10"/>
    </row>
    <row r="462619" spans="14:14">
      <c r="N462619" s="10"/>
    </row>
    <row r="462620" spans="14:14">
      <c r="N462620" s="10"/>
    </row>
    <row r="462621" spans="14:14">
      <c r="N462621" s="10"/>
    </row>
    <row r="462622" spans="14:14">
      <c r="N462622" s="10"/>
    </row>
    <row r="462623" spans="14:14">
      <c r="N462623" s="10"/>
    </row>
    <row r="462624" spans="14:14">
      <c r="N462624" s="10"/>
    </row>
    <row r="462625" spans="14:14">
      <c r="N462625" s="10"/>
    </row>
    <row r="462626" spans="14:14">
      <c r="N462626" s="10"/>
    </row>
    <row r="462627" spans="14:14">
      <c r="N462627" s="10"/>
    </row>
    <row r="462628" spans="14:14">
      <c r="N462628" s="10"/>
    </row>
    <row r="462629" spans="14:14">
      <c r="N462629" s="10"/>
    </row>
    <row r="462630" spans="14:14">
      <c r="N462630" s="10"/>
    </row>
    <row r="462631" spans="14:14">
      <c r="N462631" s="10"/>
    </row>
    <row r="462632" spans="14:14">
      <c r="N462632" s="10"/>
    </row>
    <row r="462633" spans="14:14">
      <c r="N462633" s="10"/>
    </row>
    <row r="462634" spans="14:14">
      <c r="N462634" s="10"/>
    </row>
    <row r="462635" spans="14:14">
      <c r="N462635" s="10"/>
    </row>
    <row r="462636" spans="14:14">
      <c r="N462636" s="10"/>
    </row>
    <row r="462637" spans="14:14">
      <c r="N462637" s="10"/>
    </row>
    <row r="462638" spans="14:14">
      <c r="N462638" s="10"/>
    </row>
    <row r="462639" spans="14:14">
      <c r="N462639" s="10"/>
    </row>
    <row r="462640" spans="14:14">
      <c r="N462640" s="10"/>
    </row>
    <row r="462641" spans="14:14">
      <c r="N462641" s="10"/>
    </row>
    <row r="462642" spans="14:14">
      <c r="N462642" s="10"/>
    </row>
    <row r="462643" spans="14:14">
      <c r="N462643" s="10"/>
    </row>
    <row r="462644" spans="14:14">
      <c r="N462644" s="10"/>
    </row>
    <row r="462645" spans="14:14">
      <c r="N462645" s="10"/>
    </row>
    <row r="462646" spans="14:14">
      <c r="N462646" s="10"/>
    </row>
    <row r="462647" spans="14:14">
      <c r="N462647" s="10"/>
    </row>
    <row r="462648" spans="14:14">
      <c r="N462648" s="10"/>
    </row>
    <row r="462649" spans="14:14">
      <c r="N462649" s="10"/>
    </row>
    <row r="462650" spans="14:14">
      <c r="N462650" s="10"/>
    </row>
    <row r="462651" spans="14:14">
      <c r="N462651" s="10"/>
    </row>
    <row r="462652" spans="14:14">
      <c r="N462652" s="10"/>
    </row>
    <row r="462653" spans="14:14">
      <c r="N462653" s="10"/>
    </row>
    <row r="462654" spans="14:14">
      <c r="N462654" s="10"/>
    </row>
    <row r="462655" spans="14:14">
      <c r="N462655" s="10"/>
    </row>
    <row r="462656" spans="14:14">
      <c r="N462656" s="10"/>
    </row>
    <row r="462657" spans="14:14">
      <c r="N462657" s="10"/>
    </row>
    <row r="462658" spans="14:14">
      <c r="N462658" s="10"/>
    </row>
    <row r="462659" spans="14:14">
      <c r="N462659" s="10"/>
    </row>
    <row r="462660" spans="14:14">
      <c r="N462660" s="10"/>
    </row>
    <row r="462661" spans="14:14">
      <c r="N462661" s="10"/>
    </row>
    <row r="462662" spans="14:14">
      <c r="N462662" s="10"/>
    </row>
    <row r="462663" spans="14:14">
      <c r="N462663" s="10"/>
    </row>
    <row r="462664" spans="14:14">
      <c r="N462664" s="10"/>
    </row>
    <row r="462665" spans="14:14">
      <c r="N462665" s="10"/>
    </row>
    <row r="462666" spans="14:14">
      <c r="N462666" s="10"/>
    </row>
    <row r="462667" spans="14:14">
      <c r="N462667" s="10"/>
    </row>
    <row r="462668" spans="14:14">
      <c r="N462668" s="10"/>
    </row>
    <row r="462669" spans="14:14">
      <c r="N462669" s="10"/>
    </row>
    <row r="462670" spans="14:14">
      <c r="N462670" s="10"/>
    </row>
    <row r="462671" spans="14:14">
      <c r="N462671" s="10"/>
    </row>
    <row r="462672" spans="14:14">
      <c r="N462672" s="10"/>
    </row>
    <row r="462673" spans="14:14">
      <c r="N462673" s="10"/>
    </row>
    <row r="462674" spans="14:14">
      <c r="N462674" s="10"/>
    </row>
    <row r="462675" spans="14:14">
      <c r="N462675" s="10"/>
    </row>
    <row r="462676" spans="14:14">
      <c r="N462676" s="10"/>
    </row>
    <row r="462677" spans="14:14">
      <c r="N462677" s="10"/>
    </row>
    <row r="462678" spans="14:14">
      <c r="N462678" s="10"/>
    </row>
    <row r="462679" spans="14:14">
      <c r="N462679" s="10"/>
    </row>
    <row r="462680" spans="14:14">
      <c r="N462680" s="10"/>
    </row>
    <row r="462681" spans="14:14">
      <c r="N462681" s="10"/>
    </row>
    <row r="462682" spans="14:14">
      <c r="N462682" s="10"/>
    </row>
    <row r="462683" spans="14:14">
      <c r="N462683" s="10"/>
    </row>
    <row r="462684" spans="14:14">
      <c r="N462684" s="10"/>
    </row>
    <row r="462685" spans="14:14">
      <c r="N462685" s="10"/>
    </row>
    <row r="462686" spans="14:14">
      <c r="N462686" s="10"/>
    </row>
    <row r="462687" spans="14:14">
      <c r="N462687" s="10"/>
    </row>
    <row r="462688" spans="14:14">
      <c r="N462688" s="10"/>
    </row>
    <row r="462689" spans="14:14">
      <c r="N462689" s="10"/>
    </row>
    <row r="462690" spans="14:14">
      <c r="N462690" s="10"/>
    </row>
    <row r="462691" spans="14:14">
      <c r="N462691" s="10"/>
    </row>
    <row r="462692" spans="14:14">
      <c r="N462692" s="10"/>
    </row>
    <row r="462693" spans="14:14">
      <c r="N462693" s="10"/>
    </row>
    <row r="462694" spans="14:14">
      <c r="N462694" s="10"/>
    </row>
    <row r="462695" spans="14:14">
      <c r="N462695" s="10"/>
    </row>
    <row r="462696" spans="14:14">
      <c r="N462696" s="10"/>
    </row>
    <row r="462697" spans="14:14">
      <c r="N462697" s="10"/>
    </row>
    <row r="462698" spans="14:14">
      <c r="N462698" s="10"/>
    </row>
    <row r="462699" spans="14:14">
      <c r="N462699" s="10"/>
    </row>
    <row r="462700" spans="14:14">
      <c r="N462700" s="10"/>
    </row>
    <row r="462701" spans="14:14">
      <c r="N462701" s="10"/>
    </row>
    <row r="462702" spans="14:14">
      <c r="N462702" s="10"/>
    </row>
    <row r="462703" spans="14:14">
      <c r="N462703" s="10"/>
    </row>
    <row r="462704" spans="14:14">
      <c r="N462704" s="10"/>
    </row>
    <row r="462705" spans="14:14">
      <c r="N462705" s="10"/>
    </row>
    <row r="462706" spans="14:14">
      <c r="N462706" s="10"/>
    </row>
    <row r="462707" spans="14:14">
      <c r="N462707" s="10"/>
    </row>
    <row r="462708" spans="14:14">
      <c r="N462708" s="10"/>
    </row>
    <row r="462709" spans="14:14">
      <c r="N462709" s="10"/>
    </row>
    <row r="462710" spans="14:14">
      <c r="N462710" s="10"/>
    </row>
    <row r="462711" spans="14:14">
      <c r="N462711" s="10"/>
    </row>
    <row r="462712" spans="14:14">
      <c r="N462712" s="10"/>
    </row>
    <row r="462713" spans="14:14">
      <c r="N462713" s="10"/>
    </row>
    <row r="462714" spans="14:14">
      <c r="N462714" s="10"/>
    </row>
    <row r="462715" spans="14:14">
      <c r="N462715" s="10"/>
    </row>
    <row r="462716" spans="14:14">
      <c r="N462716" s="10"/>
    </row>
    <row r="462717" spans="14:14">
      <c r="N462717" s="10"/>
    </row>
    <row r="462718" spans="14:14">
      <c r="N462718" s="10"/>
    </row>
    <row r="462719" spans="14:14">
      <c r="N462719" s="10"/>
    </row>
    <row r="462720" spans="14:14">
      <c r="N462720" s="10"/>
    </row>
    <row r="462721" spans="14:14">
      <c r="N462721" s="10"/>
    </row>
    <row r="462722" spans="14:14">
      <c r="N462722" s="10"/>
    </row>
    <row r="462723" spans="14:14">
      <c r="N462723" s="10"/>
    </row>
    <row r="462724" spans="14:14">
      <c r="N462724" s="10"/>
    </row>
    <row r="462725" spans="14:14">
      <c r="N462725" s="10"/>
    </row>
    <row r="462726" spans="14:14">
      <c r="N462726" s="10"/>
    </row>
    <row r="462727" spans="14:14">
      <c r="N462727" s="10"/>
    </row>
    <row r="462728" spans="14:14">
      <c r="N462728" s="10"/>
    </row>
    <row r="462729" spans="14:14">
      <c r="N462729" s="10"/>
    </row>
    <row r="462730" spans="14:14">
      <c r="N462730" s="10"/>
    </row>
    <row r="462731" spans="14:14">
      <c r="N462731" s="10"/>
    </row>
    <row r="462732" spans="14:14">
      <c r="N462732" s="10"/>
    </row>
    <row r="462733" spans="14:14">
      <c r="N462733" s="10"/>
    </row>
    <row r="462734" spans="14:14">
      <c r="N462734" s="10"/>
    </row>
    <row r="462735" spans="14:14">
      <c r="N462735" s="10"/>
    </row>
    <row r="462736" spans="14:14">
      <c r="N462736" s="10"/>
    </row>
    <row r="462737" spans="14:14">
      <c r="N462737" s="10"/>
    </row>
    <row r="462738" spans="14:14">
      <c r="N462738" s="10"/>
    </row>
    <row r="462739" spans="14:14">
      <c r="N462739" s="10"/>
    </row>
    <row r="462740" spans="14:14">
      <c r="N462740" s="10"/>
    </row>
    <row r="462741" spans="14:14">
      <c r="N462741" s="10"/>
    </row>
    <row r="462742" spans="14:14">
      <c r="N462742" s="10"/>
    </row>
    <row r="462743" spans="14:14">
      <c r="N462743" s="10"/>
    </row>
    <row r="462744" spans="14:14">
      <c r="N462744" s="10"/>
    </row>
    <row r="462745" spans="14:14">
      <c r="N462745" s="10"/>
    </row>
    <row r="462746" spans="14:14">
      <c r="N462746" s="10"/>
    </row>
    <row r="462747" spans="14:14">
      <c r="N462747" s="10"/>
    </row>
    <row r="462748" spans="14:14">
      <c r="N462748" s="10"/>
    </row>
    <row r="462749" spans="14:14">
      <c r="N462749" s="10"/>
    </row>
    <row r="462750" spans="14:14">
      <c r="N462750" s="10"/>
    </row>
    <row r="462751" spans="14:14">
      <c r="N462751" s="10"/>
    </row>
    <row r="462752" spans="14:14">
      <c r="N462752" s="10"/>
    </row>
    <row r="462753" spans="14:14">
      <c r="N462753" s="10"/>
    </row>
    <row r="462754" spans="14:14">
      <c r="N462754" s="10"/>
    </row>
    <row r="462755" spans="14:14">
      <c r="N462755" s="10"/>
    </row>
    <row r="462756" spans="14:14">
      <c r="N462756" s="10"/>
    </row>
    <row r="462757" spans="14:14">
      <c r="N462757" s="10"/>
    </row>
    <row r="462758" spans="14:14">
      <c r="N462758" s="10"/>
    </row>
    <row r="462759" spans="14:14">
      <c r="N462759" s="10"/>
    </row>
    <row r="462760" spans="14:14">
      <c r="N462760" s="10"/>
    </row>
    <row r="462761" spans="14:14">
      <c r="N462761" s="10"/>
    </row>
    <row r="462762" spans="14:14">
      <c r="N462762" s="10"/>
    </row>
    <row r="462763" spans="14:14">
      <c r="N462763" s="10"/>
    </row>
    <row r="462764" spans="14:14">
      <c r="N462764" s="10"/>
    </row>
    <row r="462765" spans="14:14">
      <c r="N462765" s="10"/>
    </row>
    <row r="462766" spans="14:14">
      <c r="N462766" s="10"/>
    </row>
    <row r="462767" spans="14:14">
      <c r="N462767" s="10"/>
    </row>
    <row r="462768" spans="14:14">
      <c r="N462768" s="10"/>
    </row>
    <row r="462769" spans="14:14">
      <c r="N462769" s="10"/>
    </row>
    <row r="462770" spans="14:14">
      <c r="N462770" s="10"/>
    </row>
    <row r="462771" spans="14:14">
      <c r="N462771" s="10"/>
    </row>
    <row r="462772" spans="14:14">
      <c r="N462772" s="10"/>
    </row>
    <row r="462773" spans="14:14">
      <c r="N462773" s="10"/>
    </row>
    <row r="462774" spans="14:14">
      <c r="N462774" s="10"/>
    </row>
    <row r="462775" spans="14:14">
      <c r="N462775" s="10"/>
    </row>
    <row r="462776" spans="14:14">
      <c r="N462776" s="10"/>
    </row>
    <row r="462777" spans="14:14">
      <c r="N462777" s="10"/>
    </row>
    <row r="462778" spans="14:14">
      <c r="N462778" s="10"/>
    </row>
    <row r="462779" spans="14:14">
      <c r="N462779" s="10"/>
    </row>
    <row r="462780" spans="14:14">
      <c r="N462780" s="10"/>
    </row>
    <row r="462781" spans="14:14">
      <c r="N462781" s="10"/>
    </row>
    <row r="462782" spans="14:14">
      <c r="N462782" s="10"/>
    </row>
    <row r="462783" spans="14:14">
      <c r="N462783" s="10"/>
    </row>
    <row r="462784" spans="14:14">
      <c r="N462784" s="10"/>
    </row>
    <row r="462785" spans="14:14">
      <c r="N462785" s="10"/>
    </row>
    <row r="462786" spans="14:14">
      <c r="N462786" s="10"/>
    </row>
    <row r="462787" spans="14:14">
      <c r="N462787" s="10"/>
    </row>
    <row r="462788" spans="14:14">
      <c r="N462788" s="10"/>
    </row>
    <row r="462789" spans="14:14">
      <c r="N462789" s="10"/>
    </row>
    <row r="462790" spans="14:14">
      <c r="N462790" s="10"/>
    </row>
    <row r="462791" spans="14:14">
      <c r="N462791" s="10"/>
    </row>
    <row r="462792" spans="14:14">
      <c r="N462792" s="10"/>
    </row>
    <row r="462793" spans="14:14">
      <c r="N462793" s="10"/>
    </row>
    <row r="462794" spans="14:14">
      <c r="N462794" s="10"/>
    </row>
    <row r="462795" spans="14:14">
      <c r="N462795" s="10"/>
    </row>
    <row r="462796" spans="14:14">
      <c r="N462796" s="10"/>
    </row>
    <row r="462797" spans="14:14">
      <c r="N462797" s="10"/>
    </row>
    <row r="462798" spans="14:14">
      <c r="N462798" s="10"/>
    </row>
    <row r="462799" spans="14:14">
      <c r="N462799" s="10"/>
    </row>
    <row r="462800" spans="14:14">
      <c r="N462800" s="10"/>
    </row>
    <row r="462801" spans="14:14">
      <c r="N462801" s="10"/>
    </row>
    <row r="462802" spans="14:14">
      <c r="N462802" s="10"/>
    </row>
    <row r="462803" spans="14:14">
      <c r="N462803" s="10"/>
    </row>
    <row r="462804" spans="14:14">
      <c r="N462804" s="10"/>
    </row>
    <row r="462805" spans="14:14">
      <c r="N462805" s="10"/>
    </row>
    <row r="462806" spans="14:14">
      <c r="N462806" s="10"/>
    </row>
    <row r="462807" spans="14:14">
      <c r="N462807" s="10"/>
    </row>
    <row r="462808" spans="14:14">
      <c r="N462808" s="10"/>
    </row>
    <row r="462809" spans="14:14">
      <c r="N462809" s="10"/>
    </row>
    <row r="462810" spans="14:14">
      <c r="N462810" s="10"/>
    </row>
    <row r="462811" spans="14:14">
      <c r="N462811" s="10"/>
    </row>
    <row r="462812" spans="14:14">
      <c r="N462812" s="10"/>
    </row>
    <row r="462813" spans="14:14">
      <c r="N462813" s="10"/>
    </row>
    <row r="462814" spans="14:14">
      <c r="N462814" s="10"/>
    </row>
    <row r="462815" spans="14:14">
      <c r="N462815" s="10"/>
    </row>
    <row r="462816" spans="14:14">
      <c r="N462816" s="10"/>
    </row>
    <row r="462817" spans="14:14">
      <c r="N462817" s="10"/>
    </row>
    <row r="462818" spans="14:14">
      <c r="N462818" s="10"/>
    </row>
    <row r="462819" spans="14:14">
      <c r="N462819" s="10"/>
    </row>
    <row r="462820" spans="14:14">
      <c r="N462820" s="10"/>
    </row>
    <row r="462821" spans="14:14">
      <c r="N462821" s="10"/>
    </row>
    <row r="462822" spans="14:14">
      <c r="N462822" s="10"/>
    </row>
    <row r="462823" spans="14:14">
      <c r="N462823" s="10"/>
    </row>
    <row r="462824" spans="14:14">
      <c r="N462824" s="10"/>
    </row>
    <row r="462825" spans="14:14">
      <c r="N462825" s="10"/>
    </row>
    <row r="462826" spans="14:14">
      <c r="N462826" s="10"/>
    </row>
    <row r="462827" spans="14:14">
      <c r="N462827" s="10"/>
    </row>
    <row r="462828" spans="14:14">
      <c r="N462828" s="10"/>
    </row>
    <row r="462829" spans="14:14">
      <c r="N462829" s="10"/>
    </row>
    <row r="462830" spans="14:14">
      <c r="N462830" s="10"/>
    </row>
    <row r="462831" spans="14:14">
      <c r="N462831" s="10"/>
    </row>
    <row r="462832" spans="14:14">
      <c r="N462832" s="10"/>
    </row>
    <row r="462833" spans="14:14">
      <c r="N462833" s="10"/>
    </row>
    <row r="462834" spans="14:14">
      <c r="N462834" s="10"/>
    </row>
    <row r="462835" spans="14:14">
      <c r="N462835" s="10"/>
    </row>
    <row r="462836" spans="14:14">
      <c r="N462836" s="10"/>
    </row>
    <row r="462837" spans="14:14">
      <c r="N462837" s="10"/>
    </row>
    <row r="462838" spans="14:14">
      <c r="N462838" s="10"/>
    </row>
    <row r="462839" spans="14:14">
      <c r="N462839" s="10"/>
    </row>
    <row r="462840" spans="14:14">
      <c r="N462840" s="10"/>
    </row>
    <row r="462841" spans="14:14">
      <c r="N462841" s="10"/>
    </row>
    <row r="462842" spans="14:14">
      <c r="N462842" s="10"/>
    </row>
    <row r="462843" spans="14:14">
      <c r="N462843" s="10"/>
    </row>
    <row r="462844" spans="14:14">
      <c r="N462844" s="10"/>
    </row>
    <row r="462845" spans="14:14">
      <c r="N462845" s="10"/>
    </row>
    <row r="462846" spans="14:14">
      <c r="N462846" s="10"/>
    </row>
    <row r="462847" spans="14:14">
      <c r="N462847" s="10"/>
    </row>
    <row r="462848" spans="14:14">
      <c r="N462848" s="10"/>
    </row>
    <row r="462849" spans="14:14">
      <c r="N462849" s="10"/>
    </row>
    <row r="462850" spans="14:14">
      <c r="N462850" s="10"/>
    </row>
    <row r="462851" spans="14:14">
      <c r="N462851" s="10"/>
    </row>
    <row r="462852" spans="14:14">
      <c r="N462852" s="10"/>
    </row>
    <row r="462853" spans="14:14">
      <c r="N462853" s="10"/>
    </row>
    <row r="462854" spans="14:14">
      <c r="N462854" s="10"/>
    </row>
    <row r="462855" spans="14:14">
      <c r="N462855" s="10"/>
    </row>
    <row r="462856" spans="14:14">
      <c r="N462856" s="10"/>
    </row>
    <row r="462857" spans="14:14">
      <c r="N462857" s="10"/>
    </row>
    <row r="462858" spans="14:14">
      <c r="N462858" s="10"/>
    </row>
    <row r="462859" spans="14:14">
      <c r="N462859" s="10"/>
    </row>
    <row r="462860" spans="14:14">
      <c r="N462860" s="10"/>
    </row>
    <row r="462861" spans="14:14">
      <c r="N462861" s="10"/>
    </row>
    <row r="462862" spans="14:14">
      <c r="N462862" s="10"/>
    </row>
    <row r="462863" spans="14:14">
      <c r="N462863" s="10"/>
    </row>
    <row r="462864" spans="14:14">
      <c r="N462864" s="10"/>
    </row>
    <row r="462865" spans="14:14">
      <c r="N462865" s="10"/>
    </row>
    <row r="462866" spans="14:14">
      <c r="N462866" s="10"/>
    </row>
    <row r="462867" spans="14:14">
      <c r="N462867" s="10"/>
    </row>
    <row r="462868" spans="14:14">
      <c r="N462868" s="10"/>
    </row>
    <row r="462869" spans="14:14">
      <c r="N462869" s="10"/>
    </row>
    <row r="462870" spans="14:14">
      <c r="N462870" s="10"/>
    </row>
    <row r="462871" spans="14:14">
      <c r="N462871" s="10"/>
    </row>
    <row r="462872" spans="14:14">
      <c r="N462872" s="10"/>
    </row>
    <row r="462873" spans="14:14">
      <c r="N462873" s="10"/>
    </row>
    <row r="462874" spans="14:14">
      <c r="N462874" s="10"/>
    </row>
    <row r="462875" spans="14:14">
      <c r="N462875" s="10"/>
    </row>
    <row r="462876" spans="14:14">
      <c r="N462876" s="10"/>
    </row>
    <row r="462877" spans="14:14">
      <c r="N462877" s="10"/>
    </row>
    <row r="462878" spans="14:14">
      <c r="N462878" s="10"/>
    </row>
    <row r="462879" spans="14:14">
      <c r="N462879" s="10"/>
    </row>
    <row r="462880" spans="14:14">
      <c r="N462880" s="10"/>
    </row>
    <row r="462881" spans="14:14">
      <c r="N462881" s="10"/>
    </row>
    <row r="462882" spans="14:14">
      <c r="N462882" s="10"/>
    </row>
    <row r="462883" spans="14:14">
      <c r="N462883" s="10"/>
    </row>
    <row r="462884" spans="14:14">
      <c r="N462884" s="10"/>
    </row>
    <row r="462885" spans="14:14">
      <c r="N462885" s="10"/>
    </row>
    <row r="462886" spans="14:14">
      <c r="N462886" s="10"/>
    </row>
    <row r="462887" spans="14:14">
      <c r="N462887" s="10"/>
    </row>
    <row r="462888" spans="14:14">
      <c r="N462888" s="10"/>
    </row>
    <row r="462889" spans="14:14">
      <c r="N462889" s="10"/>
    </row>
    <row r="462890" spans="14:14">
      <c r="N462890" s="10"/>
    </row>
    <row r="462891" spans="14:14">
      <c r="N462891" s="10"/>
    </row>
    <row r="462892" spans="14:14">
      <c r="N462892" s="10"/>
    </row>
    <row r="462893" spans="14:14">
      <c r="N462893" s="10"/>
    </row>
    <row r="462894" spans="14:14">
      <c r="N462894" s="10"/>
    </row>
    <row r="462895" spans="14:14">
      <c r="N462895" s="10"/>
    </row>
    <row r="462896" spans="14:14">
      <c r="N462896" s="10"/>
    </row>
    <row r="462897" spans="14:14">
      <c r="N462897" s="10"/>
    </row>
    <row r="462898" spans="14:14">
      <c r="N462898" s="10"/>
    </row>
    <row r="462899" spans="14:14">
      <c r="N462899" s="10"/>
    </row>
    <row r="462900" spans="14:14">
      <c r="N462900" s="10"/>
    </row>
    <row r="462901" spans="14:14">
      <c r="N462901" s="10"/>
    </row>
    <row r="462902" spans="14:14">
      <c r="N462902" s="10"/>
    </row>
    <row r="462903" spans="14:14">
      <c r="N462903" s="10"/>
    </row>
    <row r="462904" spans="14:14">
      <c r="N462904" s="10"/>
    </row>
    <row r="462905" spans="14:14">
      <c r="N462905" s="10"/>
    </row>
    <row r="462906" spans="14:14">
      <c r="N462906" s="10"/>
    </row>
    <row r="462907" spans="14:14">
      <c r="N462907" s="10"/>
    </row>
    <row r="462908" spans="14:14">
      <c r="N462908" s="10"/>
    </row>
    <row r="462909" spans="14:14">
      <c r="N462909" s="10"/>
    </row>
    <row r="462910" spans="14:14">
      <c r="N462910" s="10"/>
    </row>
    <row r="462911" spans="14:14">
      <c r="N462911" s="10"/>
    </row>
    <row r="462912" spans="14:14">
      <c r="N462912" s="10"/>
    </row>
    <row r="462913" spans="14:14">
      <c r="N462913" s="10"/>
    </row>
    <row r="462914" spans="14:14">
      <c r="N462914" s="10"/>
    </row>
    <row r="462915" spans="14:14">
      <c r="N462915" s="10"/>
    </row>
    <row r="462916" spans="14:14">
      <c r="N462916" s="10"/>
    </row>
    <row r="462917" spans="14:14">
      <c r="N462917" s="10"/>
    </row>
    <row r="462918" spans="14:14">
      <c r="N462918" s="10"/>
    </row>
    <row r="462919" spans="14:14">
      <c r="N462919" s="10"/>
    </row>
    <row r="462920" spans="14:14">
      <c r="N462920" s="10"/>
    </row>
    <row r="462921" spans="14:14">
      <c r="N462921" s="10"/>
    </row>
    <row r="462922" spans="14:14">
      <c r="N462922" s="10"/>
    </row>
    <row r="462923" spans="14:14">
      <c r="N462923" s="10"/>
    </row>
    <row r="462924" spans="14:14">
      <c r="N462924" s="10"/>
    </row>
    <row r="462925" spans="14:14">
      <c r="N462925" s="10"/>
    </row>
    <row r="462926" spans="14:14">
      <c r="N462926" s="10"/>
    </row>
    <row r="462927" spans="14:14">
      <c r="N462927" s="10"/>
    </row>
    <row r="462928" spans="14:14">
      <c r="N462928" s="10"/>
    </row>
    <row r="462929" spans="14:14">
      <c r="N462929" s="10"/>
    </row>
    <row r="462930" spans="14:14">
      <c r="N462930" s="10"/>
    </row>
    <row r="462931" spans="14:14">
      <c r="N462931" s="10"/>
    </row>
    <row r="462932" spans="14:14">
      <c r="N462932" s="10"/>
    </row>
    <row r="462933" spans="14:14">
      <c r="N462933" s="10"/>
    </row>
    <row r="462934" spans="14:14">
      <c r="N462934" s="10"/>
    </row>
    <row r="462935" spans="14:14">
      <c r="N462935" s="10"/>
    </row>
    <row r="462936" spans="14:14">
      <c r="N462936" s="10"/>
    </row>
    <row r="462937" spans="14:14">
      <c r="N462937" s="10"/>
    </row>
    <row r="462938" spans="14:14">
      <c r="N462938" s="10"/>
    </row>
    <row r="462939" spans="14:14">
      <c r="N462939" s="10"/>
    </row>
    <row r="462940" spans="14:14">
      <c r="N462940" s="10"/>
    </row>
    <row r="462941" spans="14:14">
      <c r="N462941" s="10"/>
    </row>
    <row r="462942" spans="14:14">
      <c r="N462942" s="10"/>
    </row>
    <row r="462943" spans="14:14">
      <c r="N462943" s="10"/>
    </row>
    <row r="462944" spans="14:14">
      <c r="N462944" s="10"/>
    </row>
    <row r="462945" spans="14:14">
      <c r="N462945" s="10"/>
    </row>
    <row r="462946" spans="14:14">
      <c r="N462946" s="10"/>
    </row>
    <row r="462947" spans="14:14">
      <c r="N462947" s="10"/>
    </row>
    <row r="462948" spans="14:14">
      <c r="N462948" s="10"/>
    </row>
    <row r="462949" spans="14:14">
      <c r="N462949" s="10"/>
    </row>
    <row r="462950" spans="14:14">
      <c r="N462950" s="10"/>
    </row>
    <row r="462951" spans="14:14">
      <c r="N462951" s="10"/>
    </row>
    <row r="462952" spans="14:14">
      <c r="N462952" s="10"/>
    </row>
    <row r="462953" spans="14:14">
      <c r="N462953" s="10"/>
    </row>
    <row r="462954" spans="14:14">
      <c r="N462954" s="10"/>
    </row>
    <row r="462955" spans="14:14">
      <c r="N462955" s="10"/>
    </row>
    <row r="462956" spans="14:14">
      <c r="N462956" s="10"/>
    </row>
    <row r="462957" spans="14:14">
      <c r="N462957" s="10"/>
    </row>
    <row r="462958" spans="14:14">
      <c r="N462958" s="10"/>
    </row>
    <row r="462959" spans="14:14">
      <c r="N462959" s="10"/>
    </row>
    <row r="462960" spans="14:14">
      <c r="N462960" s="10"/>
    </row>
    <row r="462961" spans="14:14">
      <c r="N462961" s="10"/>
    </row>
    <row r="462962" spans="14:14">
      <c r="N462962" s="10"/>
    </row>
    <row r="462963" spans="14:14">
      <c r="N462963" s="10"/>
    </row>
    <row r="462964" spans="14:14">
      <c r="N462964" s="10"/>
    </row>
    <row r="462965" spans="14:14">
      <c r="N462965" s="10"/>
    </row>
    <row r="462966" spans="14:14">
      <c r="N462966" s="10"/>
    </row>
    <row r="462967" spans="14:14">
      <c r="N462967" s="10"/>
    </row>
    <row r="462968" spans="14:14">
      <c r="N462968" s="10"/>
    </row>
    <row r="462969" spans="14:14">
      <c r="N462969" s="10"/>
    </row>
    <row r="462970" spans="14:14">
      <c r="N462970" s="10"/>
    </row>
    <row r="462971" spans="14:14">
      <c r="N462971" s="10"/>
    </row>
    <row r="462972" spans="14:14">
      <c r="N462972" s="10"/>
    </row>
    <row r="462973" spans="14:14">
      <c r="N462973" s="10"/>
    </row>
    <row r="462974" spans="14:14">
      <c r="N462974" s="10"/>
    </row>
    <row r="462975" spans="14:14">
      <c r="N462975" s="10"/>
    </row>
    <row r="462976" spans="14:14">
      <c r="N462976" s="10"/>
    </row>
    <row r="462977" spans="14:14">
      <c r="N462977" s="10"/>
    </row>
    <row r="462978" spans="14:14">
      <c r="N462978" s="10"/>
    </row>
    <row r="462979" spans="14:14">
      <c r="N462979" s="10"/>
    </row>
    <row r="462980" spans="14:14">
      <c r="N462980" s="10"/>
    </row>
    <row r="462981" spans="14:14">
      <c r="N462981" s="10"/>
    </row>
    <row r="462982" spans="14:14">
      <c r="N462982" s="10"/>
    </row>
    <row r="462983" spans="14:14">
      <c r="N462983" s="10"/>
    </row>
    <row r="462984" spans="14:14">
      <c r="N462984" s="10"/>
    </row>
    <row r="462985" spans="14:14">
      <c r="N462985" s="10"/>
    </row>
    <row r="462986" spans="14:14">
      <c r="N462986" s="10"/>
    </row>
    <row r="462987" spans="14:14">
      <c r="N462987" s="10"/>
    </row>
    <row r="462988" spans="14:14">
      <c r="N462988" s="10"/>
    </row>
    <row r="462989" spans="14:14">
      <c r="N462989" s="10"/>
    </row>
    <row r="462990" spans="14:14">
      <c r="N462990" s="10"/>
    </row>
    <row r="462991" spans="14:14">
      <c r="N462991" s="10"/>
    </row>
    <row r="462992" spans="14:14">
      <c r="N462992" s="10"/>
    </row>
    <row r="462993" spans="14:14">
      <c r="N462993" s="10"/>
    </row>
    <row r="462994" spans="14:14">
      <c r="N462994" s="10"/>
    </row>
    <row r="462995" spans="14:14">
      <c r="N462995" s="10"/>
    </row>
    <row r="462996" spans="14:14">
      <c r="N462996" s="10"/>
    </row>
    <row r="462997" spans="14:14">
      <c r="N462997" s="10"/>
    </row>
    <row r="462998" spans="14:14">
      <c r="N462998" s="10"/>
    </row>
    <row r="462999" spans="14:14">
      <c r="N462999" s="10"/>
    </row>
    <row r="463000" spans="14:14">
      <c r="N463000" s="10"/>
    </row>
    <row r="463001" spans="14:14">
      <c r="N463001" s="10"/>
    </row>
    <row r="463002" spans="14:14">
      <c r="N463002" s="10"/>
    </row>
    <row r="463003" spans="14:14">
      <c r="N463003" s="10"/>
    </row>
    <row r="463004" spans="14:14">
      <c r="N463004" s="10"/>
    </row>
    <row r="463005" spans="14:14">
      <c r="N463005" s="10"/>
    </row>
    <row r="463006" spans="14:14">
      <c r="N463006" s="10"/>
    </row>
    <row r="463007" spans="14:14">
      <c r="N463007" s="10"/>
    </row>
    <row r="463008" spans="14:14">
      <c r="N463008" s="10"/>
    </row>
    <row r="463009" spans="14:14">
      <c r="N463009" s="10"/>
    </row>
    <row r="463010" spans="14:14">
      <c r="N463010" s="10"/>
    </row>
    <row r="463011" spans="14:14">
      <c r="N463011" s="10"/>
    </row>
    <row r="463012" spans="14:14">
      <c r="N463012" s="10"/>
    </row>
    <row r="463013" spans="14:14">
      <c r="N463013" s="10"/>
    </row>
    <row r="463014" spans="14:14">
      <c r="N463014" s="10"/>
    </row>
    <row r="463015" spans="14:14">
      <c r="N463015" s="10"/>
    </row>
    <row r="463016" spans="14:14">
      <c r="N463016" s="10"/>
    </row>
    <row r="463017" spans="14:14">
      <c r="N463017" s="10"/>
    </row>
    <row r="463018" spans="14:14">
      <c r="N463018" s="10"/>
    </row>
    <row r="463019" spans="14:14">
      <c r="N463019" s="10"/>
    </row>
    <row r="463020" spans="14:14">
      <c r="N463020" s="10"/>
    </row>
    <row r="463021" spans="14:14">
      <c r="N463021" s="10"/>
    </row>
    <row r="463022" spans="14:14">
      <c r="N463022" s="10"/>
    </row>
    <row r="463023" spans="14:14">
      <c r="N463023" s="10"/>
    </row>
    <row r="463024" spans="14:14">
      <c r="N463024" s="10"/>
    </row>
    <row r="463025" spans="14:14">
      <c r="N463025" s="10"/>
    </row>
    <row r="463026" spans="14:14">
      <c r="N463026" s="10"/>
    </row>
    <row r="463027" spans="14:14">
      <c r="N463027" s="10"/>
    </row>
    <row r="463028" spans="14:14">
      <c r="N463028" s="10"/>
    </row>
    <row r="463029" spans="14:14">
      <c r="N463029" s="10"/>
    </row>
    <row r="463030" spans="14:14">
      <c r="N463030" s="10"/>
    </row>
    <row r="463031" spans="14:14">
      <c r="N463031" s="10"/>
    </row>
    <row r="463032" spans="14:14">
      <c r="N463032" s="10"/>
    </row>
    <row r="463033" spans="14:14">
      <c r="N463033" s="10"/>
    </row>
    <row r="463034" spans="14:14">
      <c r="N463034" s="10"/>
    </row>
    <row r="463035" spans="14:14">
      <c r="N463035" s="10"/>
    </row>
    <row r="463036" spans="14:14">
      <c r="N463036" s="10"/>
    </row>
    <row r="463037" spans="14:14">
      <c r="N463037" s="10"/>
    </row>
    <row r="463038" spans="14:14">
      <c r="N463038" s="10"/>
    </row>
    <row r="463039" spans="14:14">
      <c r="N463039" s="10"/>
    </row>
    <row r="463040" spans="14:14">
      <c r="N463040" s="10"/>
    </row>
    <row r="463041" spans="14:14">
      <c r="N463041" s="10"/>
    </row>
    <row r="463042" spans="14:14">
      <c r="N463042" s="10"/>
    </row>
    <row r="463043" spans="14:14">
      <c r="N463043" s="10"/>
    </row>
    <row r="463044" spans="14:14">
      <c r="N463044" s="10"/>
    </row>
    <row r="463045" spans="14:14">
      <c r="N463045" s="10"/>
    </row>
    <row r="463046" spans="14:14">
      <c r="N463046" s="10"/>
    </row>
    <row r="463047" spans="14:14">
      <c r="N463047" s="10"/>
    </row>
    <row r="463048" spans="14:14">
      <c r="N463048" s="10"/>
    </row>
    <row r="463049" spans="14:14">
      <c r="N463049" s="10"/>
    </row>
    <row r="463050" spans="14:14">
      <c r="N463050" s="10"/>
    </row>
    <row r="463051" spans="14:14">
      <c r="N463051" s="10"/>
    </row>
    <row r="463052" spans="14:14">
      <c r="N463052" s="10"/>
    </row>
    <row r="463053" spans="14:14">
      <c r="N463053" s="10"/>
    </row>
    <row r="463054" spans="14:14">
      <c r="N463054" s="10"/>
    </row>
    <row r="463055" spans="14:14">
      <c r="N463055" s="10"/>
    </row>
    <row r="463056" spans="14:14">
      <c r="N463056" s="10"/>
    </row>
    <row r="463057" spans="14:14">
      <c r="N463057" s="10"/>
    </row>
    <row r="463058" spans="14:14">
      <c r="N463058" s="10"/>
    </row>
    <row r="463059" spans="14:14">
      <c r="N463059" s="10"/>
    </row>
    <row r="463060" spans="14:14">
      <c r="N463060" s="10"/>
    </row>
    <row r="463061" spans="14:14">
      <c r="N463061" s="10"/>
    </row>
    <row r="463062" spans="14:14">
      <c r="N463062" s="10"/>
    </row>
    <row r="463063" spans="14:14">
      <c r="N463063" s="10"/>
    </row>
    <row r="463064" spans="14:14">
      <c r="N463064" s="10"/>
    </row>
    <row r="463065" spans="14:14">
      <c r="N463065" s="10"/>
    </row>
    <row r="463066" spans="14:14">
      <c r="N463066" s="10"/>
    </row>
    <row r="463067" spans="14:14">
      <c r="N463067" s="10"/>
    </row>
    <row r="463068" spans="14:14">
      <c r="N463068" s="10"/>
    </row>
    <row r="463069" spans="14:14">
      <c r="N463069" s="10"/>
    </row>
    <row r="463070" spans="14:14">
      <c r="N463070" s="10"/>
    </row>
    <row r="463071" spans="14:14">
      <c r="N463071" s="10"/>
    </row>
    <row r="463072" spans="14:14">
      <c r="N463072" s="10"/>
    </row>
    <row r="463073" spans="14:14">
      <c r="N463073" s="10"/>
    </row>
    <row r="463074" spans="14:14">
      <c r="N463074" s="10"/>
    </row>
    <row r="463075" spans="14:14">
      <c r="N463075" s="10"/>
    </row>
    <row r="463076" spans="14:14">
      <c r="N463076" s="10"/>
    </row>
    <row r="463077" spans="14:14">
      <c r="N463077" s="10"/>
    </row>
    <row r="463078" spans="14:14">
      <c r="N463078" s="10"/>
    </row>
    <row r="463079" spans="14:14">
      <c r="N463079" s="10"/>
    </row>
    <row r="463080" spans="14:14">
      <c r="N463080" s="10"/>
    </row>
    <row r="463081" spans="14:14">
      <c r="N463081" s="10"/>
    </row>
    <row r="463082" spans="14:14">
      <c r="N463082" s="10"/>
    </row>
    <row r="463083" spans="14:14">
      <c r="N463083" s="10"/>
    </row>
    <row r="463084" spans="14:14">
      <c r="N463084" s="10"/>
    </row>
    <row r="463085" spans="14:14">
      <c r="N463085" s="10"/>
    </row>
    <row r="463086" spans="14:14">
      <c r="N463086" s="10"/>
    </row>
    <row r="463087" spans="14:14">
      <c r="N463087" s="10"/>
    </row>
    <row r="463088" spans="14:14">
      <c r="N463088" s="10"/>
    </row>
    <row r="463089" spans="14:14">
      <c r="N463089" s="10"/>
    </row>
    <row r="463090" spans="14:14">
      <c r="N463090" s="10"/>
    </row>
    <row r="463091" spans="14:14">
      <c r="N463091" s="10"/>
    </row>
    <row r="463092" spans="14:14">
      <c r="N463092" s="10"/>
    </row>
    <row r="463093" spans="14:14">
      <c r="N463093" s="10"/>
    </row>
    <row r="463094" spans="14:14">
      <c r="N463094" s="10"/>
    </row>
    <row r="463095" spans="14:14">
      <c r="N463095" s="10"/>
    </row>
    <row r="463096" spans="14:14">
      <c r="N463096" s="10"/>
    </row>
    <row r="463097" spans="14:14">
      <c r="N463097" s="10"/>
    </row>
    <row r="463098" spans="14:14">
      <c r="N463098" s="10"/>
    </row>
    <row r="463099" spans="14:14">
      <c r="N463099" s="10"/>
    </row>
    <row r="463100" spans="14:14">
      <c r="N463100" s="10"/>
    </row>
    <row r="463101" spans="14:14">
      <c r="N463101" s="10"/>
    </row>
    <row r="463102" spans="14:14">
      <c r="N463102" s="10"/>
    </row>
    <row r="463103" spans="14:14">
      <c r="N463103" s="10"/>
    </row>
    <row r="463104" spans="14:14">
      <c r="N463104" s="10"/>
    </row>
    <row r="463105" spans="14:14">
      <c r="N463105" s="10"/>
    </row>
    <row r="463106" spans="14:14">
      <c r="N463106" s="10"/>
    </row>
    <row r="463107" spans="14:14">
      <c r="N463107" s="10"/>
    </row>
    <row r="463108" spans="14:14">
      <c r="N463108" s="10"/>
    </row>
    <row r="463109" spans="14:14">
      <c r="N463109" s="10"/>
    </row>
    <row r="463110" spans="14:14">
      <c r="N463110" s="10"/>
    </row>
    <row r="463111" spans="14:14">
      <c r="N463111" s="10"/>
    </row>
    <row r="463112" spans="14:14">
      <c r="N463112" s="10"/>
    </row>
    <row r="463113" spans="14:14">
      <c r="N463113" s="10"/>
    </row>
    <row r="463114" spans="14:14">
      <c r="N463114" s="10"/>
    </row>
    <row r="463115" spans="14:14">
      <c r="N463115" s="10"/>
    </row>
    <row r="463116" spans="14:14">
      <c r="N463116" s="10"/>
    </row>
    <row r="463117" spans="14:14">
      <c r="N463117" s="10"/>
    </row>
    <row r="463118" spans="14:14">
      <c r="N463118" s="10"/>
    </row>
    <row r="463119" spans="14:14">
      <c r="N463119" s="10"/>
    </row>
    <row r="463120" spans="14:14">
      <c r="N463120" s="10"/>
    </row>
    <row r="463121" spans="14:14">
      <c r="N463121" s="10"/>
    </row>
    <row r="463122" spans="14:14">
      <c r="N463122" s="10"/>
    </row>
    <row r="463123" spans="14:14">
      <c r="N463123" s="10"/>
    </row>
    <row r="463124" spans="14:14">
      <c r="N463124" s="10"/>
    </row>
    <row r="463125" spans="14:14">
      <c r="N463125" s="10"/>
    </row>
    <row r="463126" spans="14:14">
      <c r="N463126" s="10"/>
    </row>
    <row r="463127" spans="14:14">
      <c r="N463127" s="10"/>
    </row>
    <row r="463128" spans="14:14">
      <c r="N463128" s="10"/>
    </row>
    <row r="463129" spans="14:14">
      <c r="N463129" s="10"/>
    </row>
    <row r="463130" spans="14:14">
      <c r="N463130" s="10"/>
    </row>
    <row r="463131" spans="14:14">
      <c r="N463131" s="10"/>
    </row>
    <row r="463132" spans="14:14">
      <c r="N463132" s="10"/>
    </row>
    <row r="463133" spans="14:14">
      <c r="N463133" s="10"/>
    </row>
    <row r="463134" spans="14:14">
      <c r="N463134" s="10"/>
    </row>
    <row r="463135" spans="14:14">
      <c r="N463135" s="10"/>
    </row>
    <row r="463136" spans="14:14">
      <c r="N463136" s="10"/>
    </row>
    <row r="463137" spans="14:14">
      <c r="N463137" s="10"/>
    </row>
    <row r="463138" spans="14:14">
      <c r="N463138" s="10"/>
    </row>
    <row r="463139" spans="14:14">
      <c r="N463139" s="10"/>
    </row>
    <row r="463140" spans="14:14">
      <c r="N463140" s="10"/>
    </row>
    <row r="463141" spans="14:14">
      <c r="N463141" s="10"/>
    </row>
    <row r="463142" spans="14:14">
      <c r="N463142" s="10"/>
    </row>
    <row r="463143" spans="14:14">
      <c r="N463143" s="10"/>
    </row>
    <row r="463144" spans="14:14">
      <c r="N463144" s="10"/>
    </row>
    <row r="463145" spans="14:14">
      <c r="N463145" s="10"/>
    </row>
    <row r="463146" spans="14:14">
      <c r="N463146" s="10"/>
    </row>
    <row r="463147" spans="14:14">
      <c r="N463147" s="10"/>
    </row>
    <row r="463148" spans="14:14">
      <c r="N463148" s="10"/>
    </row>
    <row r="463149" spans="14:14">
      <c r="N463149" s="10"/>
    </row>
    <row r="463150" spans="14:14">
      <c r="N463150" s="10"/>
    </row>
    <row r="463151" spans="14:14">
      <c r="N463151" s="10"/>
    </row>
    <row r="463152" spans="14:14">
      <c r="N463152" s="10"/>
    </row>
    <row r="463153" spans="14:14">
      <c r="N463153" s="10"/>
    </row>
    <row r="463154" spans="14:14">
      <c r="N463154" s="10"/>
    </row>
    <row r="463155" spans="14:14">
      <c r="N463155" s="10"/>
    </row>
    <row r="463156" spans="14:14">
      <c r="N463156" s="10"/>
    </row>
    <row r="463157" spans="14:14">
      <c r="N463157" s="10"/>
    </row>
    <row r="463158" spans="14:14">
      <c r="N463158" s="10"/>
    </row>
    <row r="463159" spans="14:14">
      <c r="N463159" s="10"/>
    </row>
    <row r="463160" spans="14:14">
      <c r="N463160" s="10"/>
    </row>
    <row r="463161" spans="14:14">
      <c r="N463161" s="10"/>
    </row>
    <row r="463162" spans="14:14">
      <c r="N463162" s="10"/>
    </row>
    <row r="463163" spans="14:14">
      <c r="N463163" s="10"/>
    </row>
    <row r="463164" spans="14:14">
      <c r="N463164" s="10"/>
    </row>
    <row r="463165" spans="14:14">
      <c r="N463165" s="10"/>
    </row>
    <row r="463166" spans="14:14">
      <c r="N463166" s="10"/>
    </row>
    <row r="463167" spans="14:14">
      <c r="N463167" s="10"/>
    </row>
    <row r="463168" spans="14:14">
      <c r="N463168" s="10"/>
    </row>
    <row r="463169" spans="14:14">
      <c r="N463169" s="10"/>
    </row>
    <row r="463170" spans="14:14">
      <c r="N463170" s="10"/>
    </row>
    <row r="463171" spans="14:14">
      <c r="N463171" s="10"/>
    </row>
    <row r="463172" spans="14:14">
      <c r="N463172" s="10"/>
    </row>
    <row r="463173" spans="14:14">
      <c r="N463173" s="10"/>
    </row>
    <row r="463174" spans="14:14">
      <c r="N463174" s="10"/>
    </row>
    <row r="463175" spans="14:14">
      <c r="N463175" s="10"/>
    </row>
    <row r="463176" spans="14:14">
      <c r="N463176" s="10"/>
    </row>
    <row r="463177" spans="14:14">
      <c r="N463177" s="10"/>
    </row>
    <row r="463178" spans="14:14">
      <c r="N463178" s="10"/>
    </row>
    <row r="463179" spans="14:14">
      <c r="N463179" s="10"/>
    </row>
    <row r="463180" spans="14:14">
      <c r="N463180" s="10"/>
    </row>
    <row r="463181" spans="14:14">
      <c r="N463181" s="10"/>
    </row>
    <row r="463182" spans="14:14">
      <c r="N463182" s="10"/>
    </row>
    <row r="463183" spans="14:14">
      <c r="N463183" s="10"/>
    </row>
    <row r="463184" spans="14:14">
      <c r="N463184" s="10"/>
    </row>
    <row r="463185" spans="14:14">
      <c r="N463185" s="10"/>
    </row>
    <row r="463186" spans="14:14">
      <c r="N463186" s="10"/>
    </row>
    <row r="463187" spans="14:14">
      <c r="N463187" s="10"/>
    </row>
    <row r="463188" spans="14:14">
      <c r="N463188" s="10"/>
    </row>
    <row r="463189" spans="14:14">
      <c r="N463189" s="10"/>
    </row>
    <row r="463190" spans="14:14">
      <c r="N463190" s="10"/>
    </row>
    <row r="463191" spans="14:14">
      <c r="N463191" s="10"/>
    </row>
    <row r="463192" spans="14:14">
      <c r="N463192" s="10"/>
    </row>
    <row r="463193" spans="14:14">
      <c r="N463193" s="10"/>
    </row>
    <row r="463194" spans="14:14">
      <c r="N463194" s="10"/>
    </row>
    <row r="463195" spans="14:14">
      <c r="N463195" s="10"/>
    </row>
    <row r="463196" spans="14:14">
      <c r="N463196" s="10"/>
    </row>
    <row r="463197" spans="14:14">
      <c r="N463197" s="10"/>
    </row>
    <row r="463198" spans="14:14">
      <c r="N463198" s="10"/>
    </row>
    <row r="463199" spans="14:14">
      <c r="N463199" s="10"/>
    </row>
    <row r="463200" spans="14:14">
      <c r="N463200" s="10"/>
    </row>
    <row r="463201" spans="14:14">
      <c r="N463201" s="10"/>
    </row>
    <row r="463202" spans="14:14">
      <c r="N463202" s="10"/>
    </row>
    <row r="463203" spans="14:14">
      <c r="N463203" s="10"/>
    </row>
    <row r="463204" spans="14:14">
      <c r="N463204" s="10"/>
    </row>
    <row r="463205" spans="14:14">
      <c r="N463205" s="10"/>
    </row>
    <row r="463206" spans="14:14">
      <c r="N463206" s="10"/>
    </row>
    <row r="463207" spans="14:14">
      <c r="N463207" s="10"/>
    </row>
    <row r="463208" spans="14:14">
      <c r="N463208" s="10"/>
    </row>
    <row r="463209" spans="14:14">
      <c r="N463209" s="10"/>
    </row>
    <row r="463210" spans="14:14">
      <c r="N463210" s="10"/>
    </row>
    <row r="463211" spans="14:14">
      <c r="N463211" s="10"/>
    </row>
    <row r="463212" spans="14:14">
      <c r="N463212" s="10"/>
    </row>
    <row r="463213" spans="14:14">
      <c r="N463213" s="10"/>
    </row>
    <row r="463214" spans="14:14">
      <c r="N463214" s="10"/>
    </row>
    <row r="463215" spans="14:14">
      <c r="N463215" s="10"/>
    </row>
    <row r="463216" spans="14:14">
      <c r="N463216" s="10"/>
    </row>
    <row r="463217" spans="14:14">
      <c r="N463217" s="10"/>
    </row>
    <row r="463218" spans="14:14">
      <c r="N463218" s="10"/>
    </row>
    <row r="463219" spans="14:14">
      <c r="N463219" s="10"/>
    </row>
    <row r="463220" spans="14:14">
      <c r="N463220" s="10"/>
    </row>
    <row r="463221" spans="14:14">
      <c r="N463221" s="10"/>
    </row>
    <row r="463222" spans="14:14">
      <c r="N463222" s="10"/>
    </row>
    <row r="463223" spans="14:14">
      <c r="N463223" s="10"/>
    </row>
    <row r="463224" spans="14:14">
      <c r="N463224" s="10"/>
    </row>
    <row r="463225" spans="14:14">
      <c r="N463225" s="10"/>
    </row>
    <row r="463226" spans="14:14">
      <c r="N463226" s="10"/>
    </row>
    <row r="463227" spans="14:14">
      <c r="N463227" s="10"/>
    </row>
    <row r="463228" spans="14:14">
      <c r="N463228" s="10"/>
    </row>
    <row r="463229" spans="14:14">
      <c r="N463229" s="10"/>
    </row>
    <row r="463230" spans="14:14">
      <c r="N463230" s="10"/>
    </row>
    <row r="463231" spans="14:14">
      <c r="N463231" s="10"/>
    </row>
    <row r="463232" spans="14:14">
      <c r="N463232" s="10"/>
    </row>
    <row r="463233" spans="14:14">
      <c r="N463233" s="10"/>
    </row>
    <row r="463234" spans="14:14">
      <c r="N463234" s="10"/>
    </row>
    <row r="463235" spans="14:14">
      <c r="N463235" s="10"/>
    </row>
    <row r="463236" spans="14:14">
      <c r="N463236" s="10"/>
    </row>
    <row r="463237" spans="14:14">
      <c r="N463237" s="10"/>
    </row>
    <row r="463238" spans="14:14">
      <c r="N463238" s="10"/>
    </row>
    <row r="463239" spans="14:14">
      <c r="N463239" s="10"/>
    </row>
    <row r="463240" spans="14:14">
      <c r="N463240" s="10"/>
    </row>
    <row r="463241" spans="14:14">
      <c r="N463241" s="10"/>
    </row>
    <row r="463242" spans="14:14">
      <c r="N463242" s="10"/>
    </row>
    <row r="463243" spans="14:14">
      <c r="N463243" s="10"/>
    </row>
    <row r="463244" spans="14:14">
      <c r="N463244" s="10"/>
    </row>
    <row r="463245" spans="14:14">
      <c r="N463245" s="10"/>
    </row>
    <row r="463246" spans="14:14">
      <c r="N463246" s="10"/>
    </row>
    <row r="463247" spans="14:14">
      <c r="N463247" s="10"/>
    </row>
    <row r="463248" spans="14:14">
      <c r="N463248" s="10"/>
    </row>
    <row r="463249" spans="14:14">
      <c r="N463249" s="10"/>
    </row>
    <row r="463250" spans="14:14">
      <c r="N463250" s="10"/>
    </row>
    <row r="463251" spans="14:14">
      <c r="N463251" s="10"/>
    </row>
    <row r="463252" spans="14:14">
      <c r="N463252" s="10"/>
    </row>
    <row r="463253" spans="14:14">
      <c r="N463253" s="10"/>
    </row>
    <row r="463254" spans="14:14">
      <c r="N463254" s="10"/>
    </row>
    <row r="463255" spans="14:14">
      <c r="N463255" s="10"/>
    </row>
    <row r="463256" spans="14:14">
      <c r="N463256" s="10"/>
    </row>
    <row r="463257" spans="14:14">
      <c r="N463257" s="10"/>
    </row>
    <row r="463258" spans="14:14">
      <c r="N463258" s="10"/>
    </row>
    <row r="463259" spans="14:14">
      <c r="N463259" s="10"/>
    </row>
    <row r="463260" spans="14:14">
      <c r="N463260" s="10"/>
    </row>
    <row r="463261" spans="14:14">
      <c r="N463261" s="10"/>
    </row>
    <row r="463262" spans="14:14">
      <c r="N463262" s="10"/>
    </row>
    <row r="463263" spans="14:14">
      <c r="N463263" s="10"/>
    </row>
    <row r="463264" spans="14:14">
      <c r="N463264" s="10"/>
    </row>
    <row r="463265" spans="14:14">
      <c r="N463265" s="10"/>
    </row>
    <row r="463266" spans="14:14">
      <c r="N463266" s="10"/>
    </row>
    <row r="463267" spans="14:14">
      <c r="N463267" s="10"/>
    </row>
    <row r="463268" spans="14:14">
      <c r="N463268" s="10"/>
    </row>
    <row r="463269" spans="14:14">
      <c r="N463269" s="10"/>
    </row>
    <row r="463270" spans="14:14">
      <c r="N463270" s="10"/>
    </row>
    <row r="463271" spans="14:14">
      <c r="N463271" s="10"/>
    </row>
    <row r="463272" spans="14:14">
      <c r="N463272" s="10"/>
    </row>
    <row r="463273" spans="14:14">
      <c r="N463273" s="10"/>
    </row>
    <row r="463274" spans="14:14">
      <c r="N463274" s="10"/>
    </row>
    <row r="463275" spans="14:14">
      <c r="N463275" s="10"/>
    </row>
    <row r="463276" spans="14:14">
      <c r="N463276" s="10"/>
    </row>
    <row r="463277" spans="14:14">
      <c r="N463277" s="10"/>
    </row>
    <row r="463278" spans="14:14">
      <c r="N463278" s="10"/>
    </row>
    <row r="463279" spans="14:14">
      <c r="N463279" s="10"/>
    </row>
    <row r="463280" spans="14:14">
      <c r="N463280" s="10"/>
    </row>
    <row r="463281" spans="14:14">
      <c r="N463281" s="10"/>
    </row>
    <row r="463282" spans="14:14">
      <c r="N463282" s="10"/>
    </row>
    <row r="463283" spans="14:14">
      <c r="N463283" s="10"/>
    </row>
    <row r="463284" spans="14:14">
      <c r="N463284" s="10"/>
    </row>
    <row r="463285" spans="14:14">
      <c r="N463285" s="10"/>
    </row>
    <row r="463286" spans="14:14">
      <c r="N463286" s="10"/>
    </row>
    <row r="463287" spans="14:14">
      <c r="N463287" s="10"/>
    </row>
    <row r="463288" spans="14:14">
      <c r="N463288" s="10"/>
    </row>
    <row r="463289" spans="14:14">
      <c r="N463289" s="10"/>
    </row>
    <row r="463290" spans="14:14">
      <c r="N463290" s="10"/>
    </row>
    <row r="463291" spans="14:14">
      <c r="N463291" s="10"/>
    </row>
    <row r="463292" spans="14:14">
      <c r="N463292" s="10"/>
    </row>
    <row r="463293" spans="14:14">
      <c r="N463293" s="10"/>
    </row>
    <row r="463294" spans="14:14">
      <c r="N463294" s="10"/>
    </row>
    <row r="463295" spans="14:14">
      <c r="N463295" s="10"/>
    </row>
    <row r="463296" spans="14:14">
      <c r="N463296" s="10"/>
    </row>
    <row r="463297" spans="14:14">
      <c r="N463297" s="10"/>
    </row>
    <row r="463298" spans="14:14">
      <c r="N463298" s="10"/>
    </row>
    <row r="463299" spans="14:14">
      <c r="N463299" s="10"/>
    </row>
    <row r="463300" spans="14:14">
      <c r="N463300" s="10"/>
    </row>
    <row r="463301" spans="14:14">
      <c r="N463301" s="10"/>
    </row>
    <row r="463302" spans="14:14">
      <c r="N463302" s="10"/>
    </row>
    <row r="463303" spans="14:14">
      <c r="N463303" s="10"/>
    </row>
    <row r="463304" spans="14:14">
      <c r="N463304" s="10"/>
    </row>
    <row r="463305" spans="14:14">
      <c r="N463305" s="10"/>
    </row>
    <row r="463306" spans="14:14">
      <c r="N463306" s="10"/>
    </row>
    <row r="463307" spans="14:14">
      <c r="N463307" s="10"/>
    </row>
    <row r="463308" spans="14:14">
      <c r="N463308" s="10"/>
    </row>
    <row r="463309" spans="14:14">
      <c r="N463309" s="10"/>
    </row>
    <row r="463310" spans="14:14">
      <c r="N463310" s="10"/>
    </row>
    <row r="463311" spans="14:14">
      <c r="N463311" s="10"/>
    </row>
    <row r="463312" spans="14:14">
      <c r="N463312" s="10"/>
    </row>
    <row r="463313" spans="14:14">
      <c r="N463313" s="10"/>
    </row>
    <row r="463314" spans="14:14">
      <c r="N463314" s="10"/>
    </row>
    <row r="463315" spans="14:14">
      <c r="N463315" s="10"/>
    </row>
    <row r="463316" spans="14:14">
      <c r="N463316" s="10"/>
    </row>
    <row r="463317" spans="14:14">
      <c r="N463317" s="10"/>
    </row>
    <row r="463318" spans="14:14">
      <c r="N463318" s="10"/>
    </row>
    <row r="463319" spans="14:14">
      <c r="N463319" s="10"/>
    </row>
    <row r="463320" spans="14:14">
      <c r="N463320" s="10"/>
    </row>
    <row r="463321" spans="14:14">
      <c r="N463321" s="10"/>
    </row>
    <row r="463322" spans="14:14">
      <c r="N463322" s="10"/>
    </row>
    <row r="463323" spans="14:14">
      <c r="N463323" s="10"/>
    </row>
    <row r="463324" spans="14:14">
      <c r="N463324" s="10"/>
    </row>
    <row r="463325" spans="14:14">
      <c r="N463325" s="10"/>
    </row>
    <row r="463326" spans="14:14">
      <c r="N463326" s="10"/>
    </row>
    <row r="463327" spans="14:14">
      <c r="N463327" s="10"/>
    </row>
    <row r="463328" spans="14:14">
      <c r="N463328" s="10"/>
    </row>
    <row r="463329" spans="14:14">
      <c r="N463329" s="10"/>
    </row>
    <row r="463330" spans="14:14">
      <c r="N463330" s="10"/>
    </row>
    <row r="463331" spans="14:14">
      <c r="N463331" s="10"/>
    </row>
    <row r="463332" spans="14:14">
      <c r="N463332" s="10"/>
    </row>
    <row r="463333" spans="14:14">
      <c r="N463333" s="10"/>
    </row>
    <row r="463334" spans="14:14">
      <c r="N463334" s="10"/>
    </row>
    <row r="463335" spans="14:14">
      <c r="N463335" s="10"/>
    </row>
    <row r="463336" spans="14:14">
      <c r="N463336" s="10"/>
    </row>
    <row r="463337" spans="14:14">
      <c r="N463337" s="10"/>
    </row>
    <row r="463338" spans="14:14">
      <c r="N463338" s="10"/>
    </row>
    <row r="463339" spans="14:14">
      <c r="N463339" s="10"/>
    </row>
    <row r="463340" spans="14:14">
      <c r="N463340" s="10"/>
    </row>
    <row r="463341" spans="14:14">
      <c r="N463341" s="10"/>
    </row>
    <row r="463342" spans="14:14">
      <c r="N463342" s="10"/>
    </row>
    <row r="463343" spans="14:14">
      <c r="N463343" s="10"/>
    </row>
    <row r="463344" spans="14:14">
      <c r="N463344" s="10"/>
    </row>
    <row r="463345" spans="14:14">
      <c r="N463345" s="10"/>
    </row>
    <row r="463346" spans="14:14">
      <c r="N463346" s="10"/>
    </row>
    <row r="463347" spans="14:14">
      <c r="N463347" s="10"/>
    </row>
    <row r="463348" spans="14:14">
      <c r="N463348" s="10"/>
    </row>
    <row r="463349" spans="14:14">
      <c r="N463349" s="10"/>
    </row>
    <row r="463350" spans="14:14">
      <c r="N463350" s="10"/>
    </row>
    <row r="463351" spans="14:14">
      <c r="N463351" s="10"/>
    </row>
    <row r="463352" spans="14:14">
      <c r="N463352" s="10"/>
    </row>
    <row r="463353" spans="14:14">
      <c r="N463353" s="10"/>
    </row>
    <row r="463354" spans="14:14">
      <c r="N463354" s="10"/>
    </row>
    <row r="463355" spans="14:14">
      <c r="N463355" s="10"/>
    </row>
    <row r="463356" spans="14:14">
      <c r="N463356" s="10"/>
    </row>
    <row r="463357" spans="14:14">
      <c r="N463357" s="10"/>
    </row>
    <row r="463358" spans="14:14">
      <c r="N463358" s="10"/>
    </row>
    <row r="463359" spans="14:14">
      <c r="N463359" s="10"/>
    </row>
    <row r="463360" spans="14:14">
      <c r="N463360" s="10"/>
    </row>
    <row r="463361" spans="14:14">
      <c r="N463361" s="10"/>
    </row>
    <row r="463362" spans="14:14">
      <c r="N463362" s="10"/>
    </row>
    <row r="463363" spans="14:14">
      <c r="N463363" s="10"/>
    </row>
    <row r="463364" spans="14:14">
      <c r="N463364" s="10"/>
    </row>
    <row r="463365" spans="14:14">
      <c r="N463365" s="10"/>
    </row>
    <row r="463366" spans="14:14">
      <c r="N463366" s="10"/>
    </row>
    <row r="463367" spans="14:14">
      <c r="N463367" s="10"/>
    </row>
    <row r="463368" spans="14:14">
      <c r="N463368" s="10"/>
    </row>
    <row r="463369" spans="14:14">
      <c r="N463369" s="10"/>
    </row>
    <row r="463370" spans="14:14">
      <c r="N463370" s="10"/>
    </row>
    <row r="463371" spans="14:14">
      <c r="N463371" s="10"/>
    </row>
    <row r="463372" spans="14:14">
      <c r="N463372" s="10"/>
    </row>
    <row r="463373" spans="14:14">
      <c r="N463373" s="10"/>
    </row>
    <row r="463374" spans="14:14">
      <c r="N463374" s="10"/>
    </row>
    <row r="463375" spans="14:14">
      <c r="N463375" s="10"/>
    </row>
    <row r="463376" spans="14:14">
      <c r="N463376" s="10"/>
    </row>
    <row r="463377" spans="14:14">
      <c r="N463377" s="10"/>
    </row>
    <row r="463378" spans="14:14">
      <c r="N463378" s="10"/>
    </row>
    <row r="463379" spans="14:14">
      <c r="N463379" s="10"/>
    </row>
    <row r="463380" spans="14:14">
      <c r="N463380" s="10"/>
    </row>
    <row r="463381" spans="14:14">
      <c r="N463381" s="10"/>
    </row>
    <row r="463382" spans="14:14">
      <c r="N463382" s="10"/>
    </row>
    <row r="463383" spans="14:14">
      <c r="N463383" s="10"/>
    </row>
    <row r="463384" spans="14:14">
      <c r="N463384" s="10"/>
    </row>
    <row r="463385" spans="14:14">
      <c r="N463385" s="10"/>
    </row>
    <row r="463386" spans="14:14">
      <c r="N463386" s="10"/>
    </row>
    <row r="463387" spans="14:14">
      <c r="N463387" s="10"/>
    </row>
    <row r="463388" spans="14:14">
      <c r="N463388" s="10"/>
    </row>
    <row r="463389" spans="14:14">
      <c r="N463389" s="10"/>
    </row>
    <row r="463390" spans="14:14">
      <c r="N463390" s="10"/>
    </row>
    <row r="463391" spans="14:14">
      <c r="N463391" s="10"/>
    </row>
    <row r="463392" spans="14:14">
      <c r="N463392" s="10"/>
    </row>
    <row r="463393" spans="14:14">
      <c r="N463393" s="10"/>
    </row>
    <row r="463394" spans="14:14">
      <c r="N463394" s="10"/>
    </row>
    <row r="463395" spans="14:14">
      <c r="N463395" s="10"/>
    </row>
    <row r="463396" spans="14:14">
      <c r="N463396" s="10"/>
    </row>
    <row r="463397" spans="14:14">
      <c r="N463397" s="10"/>
    </row>
    <row r="463398" spans="14:14">
      <c r="N463398" s="10"/>
    </row>
    <row r="463399" spans="14:14">
      <c r="N463399" s="10"/>
    </row>
    <row r="463400" spans="14:14">
      <c r="N463400" s="10"/>
    </row>
    <row r="463401" spans="14:14">
      <c r="N463401" s="10"/>
    </row>
    <row r="463402" spans="14:14">
      <c r="N463402" s="10"/>
    </row>
    <row r="463403" spans="14:14">
      <c r="N463403" s="10"/>
    </row>
    <row r="463404" spans="14:14">
      <c r="N463404" s="10"/>
    </row>
    <row r="463405" spans="14:14">
      <c r="N463405" s="10"/>
    </row>
    <row r="463406" spans="14:14">
      <c r="N463406" s="10"/>
    </row>
    <row r="463407" spans="14:14">
      <c r="N463407" s="10"/>
    </row>
    <row r="463408" spans="14:14">
      <c r="N463408" s="10"/>
    </row>
    <row r="463409" spans="14:14">
      <c r="N463409" s="10"/>
    </row>
    <row r="463410" spans="14:14">
      <c r="N463410" s="10"/>
    </row>
    <row r="463411" spans="14:14">
      <c r="N463411" s="10"/>
    </row>
    <row r="463412" spans="14:14">
      <c r="N463412" s="10"/>
    </row>
    <row r="463413" spans="14:14">
      <c r="N463413" s="10"/>
    </row>
    <row r="463414" spans="14:14">
      <c r="N463414" s="10"/>
    </row>
    <row r="463415" spans="14:14">
      <c r="N463415" s="10"/>
    </row>
    <row r="463416" spans="14:14">
      <c r="N463416" s="10"/>
    </row>
    <row r="463417" spans="14:14">
      <c r="N463417" s="10"/>
    </row>
    <row r="463418" spans="14:14">
      <c r="N463418" s="10"/>
    </row>
    <row r="463419" spans="14:14">
      <c r="N463419" s="10"/>
    </row>
    <row r="463420" spans="14:14">
      <c r="N463420" s="10"/>
    </row>
    <row r="463421" spans="14:14">
      <c r="N463421" s="10"/>
    </row>
    <row r="463422" spans="14:14">
      <c r="N463422" s="10"/>
    </row>
    <row r="463423" spans="14:14">
      <c r="N463423" s="10"/>
    </row>
    <row r="463424" spans="14:14">
      <c r="N463424" s="10"/>
    </row>
    <row r="463425" spans="14:14">
      <c r="N463425" s="10"/>
    </row>
    <row r="463426" spans="14:14">
      <c r="N463426" s="10"/>
    </row>
    <row r="463427" spans="14:14">
      <c r="N463427" s="10"/>
    </row>
    <row r="463428" spans="14:14">
      <c r="N463428" s="10"/>
    </row>
    <row r="463429" spans="14:14">
      <c r="N463429" s="10"/>
    </row>
    <row r="463430" spans="14:14">
      <c r="N463430" s="10"/>
    </row>
    <row r="463431" spans="14:14">
      <c r="N463431" s="10"/>
    </row>
    <row r="463432" spans="14:14">
      <c r="N463432" s="10"/>
    </row>
    <row r="463433" spans="14:14">
      <c r="N463433" s="10"/>
    </row>
    <row r="463434" spans="14:14">
      <c r="N463434" s="10"/>
    </row>
    <row r="463435" spans="14:14">
      <c r="N463435" s="10"/>
    </row>
    <row r="463436" spans="14:14">
      <c r="N463436" s="10"/>
    </row>
    <row r="463437" spans="14:14">
      <c r="N463437" s="10"/>
    </row>
    <row r="463438" spans="14:14">
      <c r="N463438" s="10"/>
    </row>
    <row r="463439" spans="14:14">
      <c r="N463439" s="10"/>
    </row>
    <row r="463440" spans="14:14">
      <c r="N463440" s="10"/>
    </row>
    <row r="463441" spans="14:14">
      <c r="N463441" s="10"/>
    </row>
    <row r="463442" spans="14:14">
      <c r="N463442" s="10"/>
    </row>
    <row r="463443" spans="14:14">
      <c r="N463443" s="10"/>
    </row>
    <row r="463444" spans="14:14">
      <c r="N463444" s="10"/>
    </row>
    <row r="463445" spans="14:14">
      <c r="N463445" s="10"/>
    </row>
    <row r="463446" spans="14:14">
      <c r="N463446" s="10"/>
    </row>
    <row r="463447" spans="14:14">
      <c r="N463447" s="10"/>
    </row>
    <row r="463448" spans="14:14">
      <c r="N463448" s="10"/>
    </row>
    <row r="463449" spans="14:14">
      <c r="N463449" s="10"/>
    </row>
    <row r="463450" spans="14:14">
      <c r="N463450" s="10"/>
    </row>
    <row r="463451" spans="14:14">
      <c r="N463451" s="10"/>
    </row>
    <row r="463452" spans="14:14">
      <c r="N463452" s="10"/>
    </row>
    <row r="463453" spans="14:14">
      <c r="N463453" s="10"/>
    </row>
    <row r="463454" spans="14:14">
      <c r="N463454" s="10"/>
    </row>
    <row r="463455" spans="14:14">
      <c r="N463455" s="10"/>
    </row>
    <row r="463456" spans="14:14">
      <c r="N463456" s="10"/>
    </row>
    <row r="463457" spans="14:14">
      <c r="N463457" s="10"/>
    </row>
    <row r="463458" spans="14:14">
      <c r="N463458" s="10"/>
    </row>
    <row r="463459" spans="14:14">
      <c r="N463459" s="10"/>
    </row>
    <row r="463460" spans="14:14">
      <c r="N463460" s="10"/>
    </row>
    <row r="463461" spans="14:14">
      <c r="N463461" s="10"/>
    </row>
    <row r="463462" spans="14:14">
      <c r="N463462" s="10"/>
    </row>
    <row r="463463" spans="14:14">
      <c r="N463463" s="10"/>
    </row>
    <row r="463464" spans="14:14">
      <c r="N463464" s="10"/>
    </row>
    <row r="463465" spans="14:14">
      <c r="N463465" s="10"/>
    </row>
    <row r="463466" spans="14:14">
      <c r="N463466" s="10"/>
    </row>
    <row r="463467" spans="14:14">
      <c r="N463467" s="10"/>
    </row>
    <row r="463468" spans="14:14">
      <c r="N463468" s="10"/>
    </row>
    <row r="463469" spans="14:14">
      <c r="N463469" s="10"/>
    </row>
    <row r="463470" spans="14:14">
      <c r="N463470" s="10"/>
    </row>
    <row r="463471" spans="14:14">
      <c r="N463471" s="10"/>
    </row>
    <row r="463472" spans="14:14">
      <c r="N463472" s="10"/>
    </row>
    <row r="463473" spans="14:14">
      <c r="N463473" s="10"/>
    </row>
    <row r="463474" spans="14:14">
      <c r="N463474" s="10"/>
    </row>
    <row r="463475" spans="14:14">
      <c r="N463475" s="10"/>
    </row>
    <row r="463476" spans="14:14">
      <c r="N463476" s="10"/>
    </row>
    <row r="463477" spans="14:14">
      <c r="N463477" s="10"/>
    </row>
    <row r="463478" spans="14:14">
      <c r="N463478" s="10"/>
    </row>
    <row r="463479" spans="14:14">
      <c r="N463479" s="10"/>
    </row>
    <row r="463480" spans="14:14">
      <c r="N463480" s="10"/>
    </row>
    <row r="463481" spans="14:14">
      <c r="N463481" s="10"/>
    </row>
    <row r="463482" spans="14:14">
      <c r="N463482" s="10"/>
    </row>
    <row r="463483" spans="14:14">
      <c r="N463483" s="10"/>
    </row>
    <row r="463484" spans="14:14">
      <c r="N463484" s="10"/>
    </row>
    <row r="463485" spans="14:14">
      <c r="N463485" s="10"/>
    </row>
    <row r="463486" spans="14:14">
      <c r="N463486" s="10"/>
    </row>
    <row r="463487" spans="14:14">
      <c r="N463487" s="10"/>
    </row>
    <row r="463488" spans="14:14">
      <c r="N463488" s="10"/>
    </row>
    <row r="463489" spans="14:14">
      <c r="N463489" s="10"/>
    </row>
    <row r="463490" spans="14:14">
      <c r="N463490" s="10"/>
    </row>
    <row r="463491" spans="14:14">
      <c r="N463491" s="10"/>
    </row>
    <row r="463492" spans="14:14">
      <c r="N463492" s="10"/>
    </row>
    <row r="463493" spans="14:14">
      <c r="N463493" s="10"/>
    </row>
    <row r="463494" spans="14:14">
      <c r="N463494" s="10"/>
    </row>
    <row r="463495" spans="14:14">
      <c r="N463495" s="10"/>
    </row>
    <row r="463496" spans="14:14">
      <c r="N463496" s="10"/>
    </row>
    <row r="463497" spans="14:14">
      <c r="N463497" s="10"/>
    </row>
    <row r="463498" spans="14:14">
      <c r="N463498" s="10"/>
    </row>
    <row r="463499" spans="14:14">
      <c r="N463499" s="10"/>
    </row>
    <row r="463500" spans="14:14">
      <c r="N463500" s="10"/>
    </row>
    <row r="463501" spans="14:14">
      <c r="N463501" s="10"/>
    </row>
    <row r="463502" spans="14:14">
      <c r="N463502" s="10"/>
    </row>
    <row r="463503" spans="14:14">
      <c r="N463503" s="10"/>
    </row>
    <row r="463504" spans="14:14">
      <c r="N463504" s="10"/>
    </row>
    <row r="463505" spans="14:14">
      <c r="N463505" s="10"/>
    </row>
    <row r="463506" spans="14:14">
      <c r="N463506" s="10"/>
    </row>
    <row r="463507" spans="14:14">
      <c r="N463507" s="10"/>
    </row>
    <row r="463508" spans="14:14">
      <c r="N463508" s="10"/>
    </row>
    <row r="463509" spans="14:14">
      <c r="N463509" s="10"/>
    </row>
    <row r="463510" spans="14:14">
      <c r="N463510" s="10"/>
    </row>
    <row r="463511" spans="14:14">
      <c r="N463511" s="10"/>
    </row>
    <row r="463512" spans="14:14">
      <c r="N463512" s="10"/>
    </row>
    <row r="463513" spans="14:14">
      <c r="N463513" s="10"/>
    </row>
    <row r="463514" spans="14:14">
      <c r="N463514" s="10"/>
    </row>
    <row r="463515" spans="14:14">
      <c r="N463515" s="10"/>
    </row>
    <row r="463516" spans="14:14">
      <c r="N463516" s="10"/>
    </row>
    <row r="463517" spans="14:14">
      <c r="N463517" s="10"/>
    </row>
    <row r="463518" spans="14:14">
      <c r="N463518" s="10"/>
    </row>
    <row r="463519" spans="14:14">
      <c r="N463519" s="10"/>
    </row>
    <row r="463520" spans="14:14">
      <c r="N463520" s="10"/>
    </row>
    <row r="463521" spans="14:14">
      <c r="N463521" s="10"/>
    </row>
    <row r="463522" spans="14:14">
      <c r="N463522" s="10"/>
    </row>
    <row r="463523" spans="14:14">
      <c r="N463523" s="10"/>
    </row>
    <row r="463524" spans="14:14">
      <c r="N463524" s="10"/>
    </row>
    <row r="463525" spans="14:14">
      <c r="N463525" s="10"/>
    </row>
    <row r="463526" spans="14:14">
      <c r="N463526" s="10"/>
    </row>
    <row r="463527" spans="14:14">
      <c r="N463527" s="10"/>
    </row>
    <row r="463528" spans="14:14">
      <c r="N463528" s="10"/>
    </row>
    <row r="463529" spans="14:14">
      <c r="N463529" s="10"/>
    </row>
    <row r="463530" spans="14:14">
      <c r="N463530" s="10"/>
    </row>
    <row r="463531" spans="14:14">
      <c r="N463531" s="10"/>
    </row>
    <row r="463532" spans="14:14">
      <c r="N463532" s="10"/>
    </row>
    <row r="463533" spans="14:14">
      <c r="N463533" s="10"/>
    </row>
    <row r="463534" spans="14:14">
      <c r="N463534" s="10"/>
    </row>
    <row r="463535" spans="14:14">
      <c r="N463535" s="10"/>
    </row>
    <row r="463536" spans="14:14">
      <c r="N463536" s="10"/>
    </row>
    <row r="463537" spans="14:14">
      <c r="N463537" s="10"/>
    </row>
    <row r="463538" spans="14:14">
      <c r="N463538" s="10"/>
    </row>
    <row r="463539" spans="14:14">
      <c r="N463539" s="10"/>
    </row>
    <row r="463540" spans="14:14">
      <c r="N463540" s="10"/>
    </row>
    <row r="463541" spans="14:14">
      <c r="N463541" s="10"/>
    </row>
    <row r="463542" spans="14:14">
      <c r="N463542" s="10"/>
    </row>
    <row r="463543" spans="14:14">
      <c r="N463543" s="10"/>
    </row>
    <row r="463544" spans="14:14">
      <c r="N463544" s="10"/>
    </row>
    <row r="463545" spans="14:14">
      <c r="N463545" s="10"/>
    </row>
    <row r="463546" spans="14:14">
      <c r="N463546" s="10"/>
    </row>
    <row r="463547" spans="14:14">
      <c r="N463547" s="10"/>
    </row>
    <row r="463548" spans="14:14">
      <c r="N463548" s="10"/>
    </row>
    <row r="463549" spans="14:14">
      <c r="N463549" s="10"/>
    </row>
    <row r="463550" spans="14:14">
      <c r="N463550" s="10"/>
    </row>
    <row r="463551" spans="14:14">
      <c r="N463551" s="10"/>
    </row>
    <row r="463552" spans="14:14">
      <c r="N463552" s="10"/>
    </row>
    <row r="463553" spans="14:14">
      <c r="N463553" s="10"/>
    </row>
    <row r="463554" spans="14:14">
      <c r="N463554" s="10"/>
    </row>
    <row r="463555" spans="14:14">
      <c r="N463555" s="10"/>
    </row>
    <row r="463556" spans="14:14">
      <c r="N463556" s="10"/>
    </row>
    <row r="463557" spans="14:14">
      <c r="N463557" s="10"/>
    </row>
    <row r="463558" spans="14:14">
      <c r="N463558" s="10"/>
    </row>
    <row r="463559" spans="14:14">
      <c r="N463559" s="10"/>
    </row>
    <row r="463560" spans="14:14">
      <c r="N463560" s="10"/>
    </row>
    <row r="463561" spans="14:14">
      <c r="N463561" s="10"/>
    </row>
    <row r="463562" spans="14:14">
      <c r="N463562" s="10"/>
    </row>
    <row r="463563" spans="14:14">
      <c r="N463563" s="10"/>
    </row>
    <row r="463564" spans="14:14">
      <c r="N463564" s="10"/>
    </row>
    <row r="463565" spans="14:14">
      <c r="N463565" s="10"/>
    </row>
    <row r="463566" spans="14:14">
      <c r="N463566" s="10"/>
    </row>
    <row r="463567" spans="14:14">
      <c r="N463567" s="10"/>
    </row>
    <row r="463568" spans="14:14">
      <c r="N463568" s="10"/>
    </row>
    <row r="463569" spans="14:14">
      <c r="N463569" s="10"/>
    </row>
    <row r="463570" spans="14:14">
      <c r="N463570" s="10"/>
    </row>
    <row r="463571" spans="14:14">
      <c r="N463571" s="10"/>
    </row>
    <row r="463572" spans="14:14">
      <c r="N463572" s="10"/>
    </row>
    <row r="463573" spans="14:14">
      <c r="N463573" s="10"/>
    </row>
    <row r="463574" spans="14:14">
      <c r="N463574" s="10"/>
    </row>
    <row r="463575" spans="14:14">
      <c r="N463575" s="10"/>
    </row>
    <row r="463576" spans="14:14">
      <c r="N463576" s="10"/>
    </row>
    <row r="463577" spans="14:14">
      <c r="N463577" s="10"/>
    </row>
    <row r="463578" spans="14:14">
      <c r="N463578" s="10"/>
    </row>
    <row r="463579" spans="14:14">
      <c r="N463579" s="10"/>
    </row>
    <row r="463580" spans="14:14">
      <c r="N463580" s="10"/>
    </row>
    <row r="463581" spans="14:14">
      <c r="N463581" s="10"/>
    </row>
    <row r="463582" spans="14:14">
      <c r="N463582" s="10"/>
    </row>
    <row r="463583" spans="14:14">
      <c r="N463583" s="10"/>
    </row>
    <row r="463584" spans="14:14">
      <c r="N463584" s="10"/>
    </row>
    <row r="463585" spans="14:14">
      <c r="N463585" s="10"/>
    </row>
    <row r="463586" spans="14:14">
      <c r="N463586" s="10"/>
    </row>
    <row r="463587" spans="14:14">
      <c r="N463587" s="10"/>
    </row>
    <row r="463588" spans="14:14">
      <c r="N463588" s="10"/>
    </row>
    <row r="463589" spans="14:14">
      <c r="N463589" s="10"/>
    </row>
    <row r="463590" spans="14:14">
      <c r="N463590" s="10"/>
    </row>
    <row r="463591" spans="14:14">
      <c r="N463591" s="10"/>
    </row>
    <row r="463592" spans="14:14">
      <c r="N463592" s="10"/>
    </row>
    <row r="463593" spans="14:14">
      <c r="N463593" s="10"/>
    </row>
    <row r="463594" spans="14:14">
      <c r="N463594" s="10"/>
    </row>
    <row r="463595" spans="14:14">
      <c r="N463595" s="10"/>
    </row>
    <row r="463596" spans="14:14">
      <c r="N463596" s="10"/>
    </row>
    <row r="463597" spans="14:14">
      <c r="N463597" s="10"/>
    </row>
    <row r="463598" spans="14:14">
      <c r="N463598" s="10"/>
    </row>
    <row r="463599" spans="14:14">
      <c r="N463599" s="10"/>
    </row>
    <row r="463600" spans="14:14">
      <c r="N463600" s="10"/>
    </row>
    <row r="463601" spans="14:14">
      <c r="N463601" s="10"/>
    </row>
    <row r="463602" spans="14:14">
      <c r="N463602" s="10"/>
    </row>
    <row r="463603" spans="14:14">
      <c r="N463603" s="10"/>
    </row>
    <row r="463604" spans="14:14">
      <c r="N463604" s="10"/>
    </row>
    <row r="463605" spans="14:14">
      <c r="N463605" s="10"/>
    </row>
    <row r="463606" spans="14:14">
      <c r="N463606" s="10"/>
    </row>
    <row r="463607" spans="14:14">
      <c r="N463607" s="10"/>
    </row>
    <row r="463608" spans="14:14">
      <c r="N463608" s="10"/>
    </row>
    <row r="463609" spans="14:14">
      <c r="N463609" s="10"/>
    </row>
    <row r="463610" spans="14:14">
      <c r="N463610" s="10"/>
    </row>
    <row r="463611" spans="14:14">
      <c r="N463611" s="10"/>
    </row>
    <row r="463612" spans="14:14">
      <c r="N463612" s="10"/>
    </row>
    <row r="463613" spans="14:14">
      <c r="N463613" s="10"/>
    </row>
    <row r="463614" spans="14:14">
      <c r="N463614" s="10"/>
    </row>
    <row r="463615" spans="14:14">
      <c r="N463615" s="10"/>
    </row>
    <row r="463616" spans="14:14">
      <c r="N463616" s="10"/>
    </row>
    <row r="463617" spans="14:14">
      <c r="N463617" s="10"/>
    </row>
    <row r="463618" spans="14:14">
      <c r="N463618" s="10"/>
    </row>
    <row r="463619" spans="14:14">
      <c r="N463619" s="10"/>
    </row>
    <row r="463620" spans="14:14">
      <c r="N463620" s="10"/>
    </row>
    <row r="463621" spans="14:14">
      <c r="N463621" s="10"/>
    </row>
    <row r="463622" spans="14:14">
      <c r="N463622" s="10"/>
    </row>
    <row r="463623" spans="14:14">
      <c r="N463623" s="10"/>
    </row>
    <row r="463624" spans="14:14">
      <c r="N463624" s="10"/>
    </row>
    <row r="463625" spans="14:14">
      <c r="N463625" s="10"/>
    </row>
    <row r="463626" spans="14:14">
      <c r="N463626" s="10"/>
    </row>
    <row r="463627" spans="14:14">
      <c r="N463627" s="10"/>
    </row>
    <row r="463628" spans="14:14">
      <c r="N463628" s="10"/>
    </row>
    <row r="463629" spans="14:14">
      <c r="N463629" s="10"/>
    </row>
    <row r="463630" spans="14:14">
      <c r="N463630" s="10"/>
    </row>
    <row r="463631" spans="14:14">
      <c r="N463631" s="10"/>
    </row>
    <row r="463632" spans="14:14">
      <c r="N463632" s="10"/>
    </row>
    <row r="463633" spans="14:14">
      <c r="N463633" s="10"/>
    </row>
    <row r="463634" spans="14:14">
      <c r="N463634" s="10"/>
    </row>
    <row r="463635" spans="14:14">
      <c r="N463635" s="10"/>
    </row>
    <row r="463636" spans="14:14">
      <c r="N463636" s="10"/>
    </row>
    <row r="463637" spans="14:14">
      <c r="N463637" s="10"/>
    </row>
    <row r="463638" spans="14:14">
      <c r="N463638" s="10"/>
    </row>
    <row r="463639" spans="14:14">
      <c r="N463639" s="10"/>
    </row>
    <row r="463640" spans="14:14">
      <c r="N463640" s="10"/>
    </row>
    <row r="463641" spans="14:14">
      <c r="N463641" s="10"/>
    </row>
    <row r="463642" spans="14:14">
      <c r="N463642" s="10"/>
    </row>
    <row r="463643" spans="14:14">
      <c r="N463643" s="10"/>
    </row>
    <row r="463644" spans="14:14">
      <c r="N463644" s="10"/>
    </row>
    <row r="463645" spans="14:14">
      <c r="N463645" s="10"/>
    </row>
    <row r="463646" spans="14:14">
      <c r="N463646" s="10"/>
    </row>
    <row r="463647" spans="14:14">
      <c r="N463647" s="10"/>
    </row>
    <row r="463648" spans="14:14">
      <c r="N463648" s="10"/>
    </row>
    <row r="463649" spans="14:14">
      <c r="N463649" s="10"/>
    </row>
    <row r="463650" spans="14:14">
      <c r="N463650" s="10"/>
    </row>
    <row r="463651" spans="14:14">
      <c r="N463651" s="10"/>
    </row>
    <row r="463652" spans="14:14">
      <c r="N463652" s="10"/>
    </row>
    <row r="463653" spans="14:14">
      <c r="N463653" s="10"/>
    </row>
    <row r="463654" spans="14:14">
      <c r="N463654" s="10"/>
    </row>
    <row r="463655" spans="14:14">
      <c r="N463655" s="10"/>
    </row>
    <row r="463656" spans="14:14">
      <c r="N463656" s="10"/>
    </row>
    <row r="463657" spans="14:14">
      <c r="N463657" s="10"/>
    </row>
    <row r="463658" spans="14:14">
      <c r="N463658" s="10"/>
    </row>
    <row r="463659" spans="14:14">
      <c r="N463659" s="10"/>
    </row>
    <row r="463660" spans="14:14">
      <c r="N463660" s="10"/>
    </row>
    <row r="463661" spans="14:14">
      <c r="N463661" s="10"/>
    </row>
    <row r="463662" spans="14:14">
      <c r="N463662" s="10"/>
    </row>
    <row r="463663" spans="14:14">
      <c r="N463663" s="10"/>
    </row>
    <row r="463664" spans="14:14">
      <c r="N463664" s="10"/>
    </row>
    <row r="463665" spans="14:14">
      <c r="N463665" s="10"/>
    </row>
    <row r="463666" spans="14:14">
      <c r="N463666" s="10"/>
    </row>
    <row r="463667" spans="14:14">
      <c r="N463667" s="10"/>
    </row>
    <row r="463668" spans="14:14">
      <c r="N463668" s="10"/>
    </row>
    <row r="463669" spans="14:14">
      <c r="N463669" s="10"/>
    </row>
    <row r="463670" spans="14:14">
      <c r="N463670" s="10"/>
    </row>
    <row r="463671" spans="14:14">
      <c r="N463671" s="10"/>
    </row>
    <row r="463672" spans="14:14">
      <c r="N463672" s="10"/>
    </row>
    <row r="463673" spans="14:14">
      <c r="N463673" s="10"/>
    </row>
    <row r="463674" spans="14:14">
      <c r="N463674" s="10"/>
    </row>
    <row r="463675" spans="14:14">
      <c r="N463675" s="10"/>
    </row>
    <row r="463676" spans="14:14">
      <c r="N463676" s="10"/>
    </row>
    <row r="463677" spans="14:14">
      <c r="N463677" s="10"/>
    </row>
    <row r="463678" spans="14:14">
      <c r="N463678" s="10"/>
    </row>
    <row r="463679" spans="14:14">
      <c r="N463679" s="10"/>
    </row>
    <row r="463680" spans="14:14">
      <c r="N463680" s="10"/>
    </row>
    <row r="463681" spans="14:14">
      <c r="N463681" s="10"/>
    </row>
    <row r="463682" spans="14:14">
      <c r="N463682" s="10"/>
    </row>
    <row r="463683" spans="14:14">
      <c r="N463683" s="10"/>
    </row>
    <row r="463684" spans="14:14">
      <c r="N463684" s="10"/>
    </row>
    <row r="463685" spans="14:14">
      <c r="N463685" s="10"/>
    </row>
    <row r="463686" spans="14:14">
      <c r="N463686" s="10"/>
    </row>
    <row r="463687" spans="14:14">
      <c r="N463687" s="10"/>
    </row>
    <row r="463688" spans="14:14">
      <c r="N463688" s="10"/>
    </row>
    <row r="463689" spans="14:14">
      <c r="N463689" s="10"/>
    </row>
    <row r="463690" spans="14:14">
      <c r="N463690" s="10"/>
    </row>
    <row r="463691" spans="14:14">
      <c r="N463691" s="10"/>
    </row>
    <row r="463692" spans="14:14">
      <c r="N463692" s="10"/>
    </row>
    <row r="463693" spans="14:14">
      <c r="N463693" s="10"/>
    </row>
    <row r="463694" spans="14:14">
      <c r="N463694" s="10"/>
    </row>
    <row r="463695" spans="14:14">
      <c r="N463695" s="10"/>
    </row>
    <row r="463696" spans="14:14">
      <c r="N463696" s="10"/>
    </row>
    <row r="463697" spans="14:14">
      <c r="N463697" s="10"/>
    </row>
    <row r="463698" spans="14:14">
      <c r="N463698" s="10"/>
    </row>
    <row r="463699" spans="14:14">
      <c r="N463699" s="10"/>
    </row>
    <row r="463700" spans="14:14">
      <c r="N463700" s="10"/>
    </row>
    <row r="463701" spans="14:14">
      <c r="N463701" s="10"/>
    </row>
    <row r="463702" spans="14:14">
      <c r="N463702" s="10"/>
    </row>
    <row r="463703" spans="14:14">
      <c r="N463703" s="10"/>
    </row>
    <row r="463704" spans="14:14">
      <c r="N463704" s="10"/>
    </row>
    <row r="463705" spans="14:14">
      <c r="N463705" s="10"/>
    </row>
    <row r="463706" spans="14:14">
      <c r="N463706" s="10"/>
    </row>
    <row r="463707" spans="14:14">
      <c r="N463707" s="10"/>
    </row>
    <row r="463708" spans="14:14">
      <c r="N463708" s="10"/>
    </row>
    <row r="463709" spans="14:14">
      <c r="N463709" s="10"/>
    </row>
    <row r="463710" spans="14:14">
      <c r="N463710" s="10"/>
    </row>
    <row r="463711" spans="14:14">
      <c r="N463711" s="10"/>
    </row>
    <row r="463712" spans="14:14">
      <c r="N463712" s="10"/>
    </row>
    <row r="463713" spans="14:14">
      <c r="N463713" s="10"/>
    </row>
    <row r="463714" spans="14:14">
      <c r="N463714" s="10"/>
    </row>
    <row r="463715" spans="14:14">
      <c r="N463715" s="10"/>
    </row>
    <row r="463716" spans="14:14">
      <c r="N463716" s="10"/>
    </row>
    <row r="463717" spans="14:14">
      <c r="N463717" s="10"/>
    </row>
    <row r="463718" spans="14:14">
      <c r="N463718" s="10"/>
    </row>
    <row r="463719" spans="14:14">
      <c r="N463719" s="10"/>
    </row>
    <row r="463720" spans="14:14">
      <c r="N463720" s="10"/>
    </row>
    <row r="463721" spans="14:14">
      <c r="N463721" s="10"/>
    </row>
    <row r="463722" spans="14:14">
      <c r="N463722" s="10"/>
    </row>
    <row r="463723" spans="14:14">
      <c r="N463723" s="10"/>
    </row>
    <row r="463724" spans="14:14">
      <c r="N463724" s="10"/>
    </row>
    <row r="463725" spans="14:14">
      <c r="N463725" s="10"/>
    </row>
    <row r="463726" spans="14:14">
      <c r="N463726" s="10"/>
    </row>
    <row r="463727" spans="14:14">
      <c r="N463727" s="10"/>
    </row>
    <row r="463728" spans="14:14">
      <c r="N463728" s="10"/>
    </row>
    <row r="463729" spans="14:14">
      <c r="N463729" s="10"/>
    </row>
    <row r="463730" spans="14:14">
      <c r="N463730" s="10"/>
    </row>
    <row r="463731" spans="14:14">
      <c r="N463731" s="10"/>
    </row>
    <row r="463732" spans="14:14">
      <c r="N463732" s="10"/>
    </row>
    <row r="463733" spans="14:14">
      <c r="N463733" s="10"/>
    </row>
    <row r="463734" spans="14:14">
      <c r="N463734" s="10"/>
    </row>
    <row r="463735" spans="14:14">
      <c r="N463735" s="10"/>
    </row>
    <row r="463736" spans="14:14">
      <c r="N463736" s="10"/>
    </row>
    <row r="463737" spans="14:14">
      <c r="N463737" s="10"/>
    </row>
    <row r="463738" spans="14:14">
      <c r="N463738" s="10"/>
    </row>
    <row r="463739" spans="14:14">
      <c r="N463739" s="10"/>
    </row>
    <row r="463740" spans="14:14">
      <c r="N463740" s="10"/>
    </row>
    <row r="463741" spans="14:14">
      <c r="N463741" s="10"/>
    </row>
    <row r="463742" spans="14:14">
      <c r="N463742" s="10"/>
    </row>
    <row r="463743" spans="14:14">
      <c r="N463743" s="10"/>
    </row>
    <row r="463744" spans="14:14">
      <c r="N463744" s="10"/>
    </row>
    <row r="463745" spans="14:14">
      <c r="N463745" s="10"/>
    </row>
    <row r="463746" spans="14:14">
      <c r="N463746" s="10"/>
    </row>
    <row r="463747" spans="14:14">
      <c r="N463747" s="10"/>
    </row>
    <row r="463748" spans="14:14">
      <c r="N463748" s="10"/>
    </row>
    <row r="463749" spans="14:14">
      <c r="N463749" s="10"/>
    </row>
    <row r="463750" spans="14:14">
      <c r="N463750" s="10"/>
    </row>
    <row r="463751" spans="14:14">
      <c r="N463751" s="10"/>
    </row>
    <row r="463752" spans="14:14">
      <c r="N463752" s="10"/>
    </row>
    <row r="463753" spans="14:14">
      <c r="N463753" s="10"/>
    </row>
    <row r="463754" spans="14:14">
      <c r="N463754" s="10"/>
    </row>
    <row r="463755" spans="14:14">
      <c r="N463755" s="10"/>
    </row>
    <row r="463756" spans="14:14">
      <c r="N463756" s="10"/>
    </row>
    <row r="463757" spans="14:14">
      <c r="N463757" s="10"/>
    </row>
    <row r="463758" spans="14:14">
      <c r="N463758" s="10"/>
    </row>
    <row r="463759" spans="14:14">
      <c r="N463759" s="10"/>
    </row>
    <row r="463760" spans="14:14">
      <c r="N463760" s="10"/>
    </row>
    <row r="463761" spans="14:14">
      <c r="N463761" s="10"/>
    </row>
    <row r="463762" spans="14:14">
      <c r="N463762" s="10"/>
    </row>
    <row r="463763" spans="14:14">
      <c r="N463763" s="10"/>
    </row>
    <row r="463764" spans="14:14">
      <c r="N463764" s="10"/>
    </row>
    <row r="463765" spans="14:14">
      <c r="N463765" s="10"/>
    </row>
    <row r="463766" spans="14:14">
      <c r="N463766" s="10"/>
    </row>
    <row r="463767" spans="14:14">
      <c r="N463767" s="10"/>
    </row>
    <row r="463768" spans="14:14">
      <c r="N463768" s="10"/>
    </row>
    <row r="463769" spans="14:14">
      <c r="N463769" s="10"/>
    </row>
    <row r="463770" spans="14:14">
      <c r="N463770" s="10"/>
    </row>
    <row r="463771" spans="14:14">
      <c r="N463771" s="10"/>
    </row>
    <row r="463772" spans="14:14">
      <c r="N463772" s="10"/>
    </row>
    <row r="463773" spans="14:14">
      <c r="N463773" s="10"/>
    </row>
    <row r="463774" spans="14:14">
      <c r="N463774" s="10"/>
    </row>
    <row r="463775" spans="14:14">
      <c r="N463775" s="10"/>
    </row>
    <row r="463776" spans="14:14">
      <c r="N463776" s="10"/>
    </row>
    <row r="463777" spans="14:14">
      <c r="N463777" s="10"/>
    </row>
    <row r="463778" spans="14:14">
      <c r="N463778" s="10"/>
    </row>
    <row r="463779" spans="14:14">
      <c r="N463779" s="10"/>
    </row>
    <row r="463780" spans="14:14">
      <c r="N463780" s="10"/>
    </row>
    <row r="463781" spans="14:14">
      <c r="N463781" s="10"/>
    </row>
    <row r="463782" spans="14:14">
      <c r="N463782" s="10"/>
    </row>
    <row r="463783" spans="14:14">
      <c r="N463783" s="10"/>
    </row>
    <row r="463784" spans="14:14">
      <c r="N463784" s="10"/>
    </row>
    <row r="463785" spans="14:14">
      <c r="N463785" s="10"/>
    </row>
    <row r="463786" spans="14:14">
      <c r="N463786" s="10"/>
    </row>
    <row r="463787" spans="14:14">
      <c r="N463787" s="10"/>
    </row>
    <row r="463788" spans="14:14">
      <c r="N463788" s="10"/>
    </row>
    <row r="463789" spans="14:14">
      <c r="N463789" s="10"/>
    </row>
    <row r="463790" spans="14:14">
      <c r="N463790" s="10"/>
    </row>
    <row r="463791" spans="14:14">
      <c r="N463791" s="10"/>
    </row>
    <row r="463792" spans="14:14">
      <c r="N463792" s="10"/>
    </row>
    <row r="463793" spans="14:14">
      <c r="N463793" s="10"/>
    </row>
    <row r="463794" spans="14:14">
      <c r="N463794" s="10"/>
    </row>
    <row r="463795" spans="14:14">
      <c r="N463795" s="10"/>
    </row>
    <row r="463796" spans="14:14">
      <c r="N463796" s="10"/>
    </row>
    <row r="463797" spans="14:14">
      <c r="N463797" s="10"/>
    </row>
    <row r="463798" spans="14:14">
      <c r="N463798" s="10"/>
    </row>
    <row r="463799" spans="14:14">
      <c r="N463799" s="10"/>
    </row>
    <row r="463800" spans="14:14">
      <c r="N463800" s="10"/>
    </row>
    <row r="463801" spans="14:14">
      <c r="N463801" s="10"/>
    </row>
    <row r="463802" spans="14:14">
      <c r="N463802" s="10"/>
    </row>
    <row r="463803" spans="14:14">
      <c r="N463803" s="10"/>
    </row>
    <row r="463804" spans="14:14">
      <c r="N463804" s="10"/>
    </row>
    <row r="463805" spans="14:14">
      <c r="N463805" s="10"/>
    </row>
    <row r="463806" spans="14:14">
      <c r="N463806" s="10"/>
    </row>
    <row r="463807" spans="14:14">
      <c r="N463807" s="10"/>
    </row>
    <row r="463808" spans="14:14">
      <c r="N463808" s="10"/>
    </row>
    <row r="463809" spans="14:14">
      <c r="N463809" s="10"/>
    </row>
    <row r="463810" spans="14:14">
      <c r="N463810" s="10"/>
    </row>
    <row r="463811" spans="14:14">
      <c r="N463811" s="10"/>
    </row>
    <row r="463812" spans="14:14">
      <c r="N463812" s="10"/>
    </row>
    <row r="463813" spans="14:14">
      <c r="N463813" s="10"/>
    </row>
    <row r="463814" spans="14:14">
      <c r="N463814" s="10"/>
    </row>
    <row r="463815" spans="14:14">
      <c r="N463815" s="10"/>
    </row>
    <row r="463816" spans="14:14">
      <c r="N463816" s="10"/>
    </row>
    <row r="463817" spans="14:14">
      <c r="N463817" s="10"/>
    </row>
    <row r="463818" spans="14:14">
      <c r="N463818" s="10"/>
    </row>
    <row r="463819" spans="14:14">
      <c r="N463819" s="10"/>
    </row>
    <row r="463820" spans="14:14">
      <c r="N463820" s="10"/>
    </row>
    <row r="463821" spans="14:14">
      <c r="N463821" s="10"/>
    </row>
    <row r="463822" spans="14:14">
      <c r="N463822" s="10"/>
    </row>
    <row r="463823" spans="14:14">
      <c r="N463823" s="10"/>
    </row>
    <row r="463824" spans="14:14">
      <c r="N463824" s="10"/>
    </row>
    <row r="463825" spans="14:14">
      <c r="N463825" s="10"/>
    </row>
    <row r="463826" spans="14:14">
      <c r="N463826" s="10"/>
    </row>
    <row r="463827" spans="14:14">
      <c r="N463827" s="10"/>
    </row>
    <row r="463828" spans="14:14">
      <c r="N463828" s="10"/>
    </row>
    <row r="463829" spans="14:14">
      <c r="N463829" s="10"/>
    </row>
    <row r="463830" spans="14:14">
      <c r="N463830" s="10"/>
    </row>
    <row r="463831" spans="14:14">
      <c r="N463831" s="10"/>
    </row>
    <row r="463832" spans="14:14">
      <c r="N463832" s="10"/>
    </row>
    <row r="463833" spans="14:14">
      <c r="N463833" s="10"/>
    </row>
    <row r="463834" spans="14:14">
      <c r="N463834" s="10"/>
    </row>
    <row r="463835" spans="14:14">
      <c r="N463835" s="10"/>
    </row>
    <row r="463836" spans="14:14">
      <c r="N463836" s="10"/>
    </row>
    <row r="463837" spans="14:14">
      <c r="N463837" s="10"/>
    </row>
    <row r="463838" spans="14:14">
      <c r="N463838" s="10"/>
    </row>
    <row r="463839" spans="14:14">
      <c r="N463839" s="10"/>
    </row>
    <row r="463840" spans="14:14">
      <c r="N463840" s="10"/>
    </row>
    <row r="463841" spans="14:14">
      <c r="N463841" s="10"/>
    </row>
    <row r="463842" spans="14:14">
      <c r="N463842" s="10"/>
    </row>
    <row r="463843" spans="14:14">
      <c r="N463843" s="10"/>
    </row>
    <row r="463844" spans="14:14">
      <c r="N463844" s="10"/>
    </row>
    <row r="463845" spans="14:14">
      <c r="N463845" s="10"/>
    </row>
    <row r="463846" spans="14:14">
      <c r="N463846" s="10"/>
    </row>
    <row r="463847" spans="14:14">
      <c r="N463847" s="10"/>
    </row>
    <row r="463848" spans="14:14">
      <c r="N463848" s="10"/>
    </row>
    <row r="463849" spans="14:14">
      <c r="N463849" s="10"/>
    </row>
    <row r="463850" spans="14:14">
      <c r="N463850" s="10"/>
    </row>
    <row r="463851" spans="14:14">
      <c r="N463851" s="10"/>
    </row>
    <row r="463852" spans="14:14">
      <c r="N463852" s="10"/>
    </row>
    <row r="463853" spans="14:14">
      <c r="N463853" s="10"/>
    </row>
    <row r="463854" spans="14:14">
      <c r="N463854" s="10"/>
    </row>
    <row r="463855" spans="14:14">
      <c r="N463855" s="10"/>
    </row>
    <row r="463856" spans="14:14">
      <c r="N463856" s="10"/>
    </row>
    <row r="463857" spans="14:14">
      <c r="N463857" s="10"/>
    </row>
    <row r="463858" spans="14:14">
      <c r="N463858" s="10"/>
    </row>
    <row r="463859" spans="14:14">
      <c r="N463859" s="10"/>
    </row>
    <row r="463860" spans="14:14">
      <c r="N463860" s="10"/>
    </row>
    <row r="463861" spans="14:14">
      <c r="N463861" s="10"/>
    </row>
    <row r="463862" spans="14:14">
      <c r="N463862" s="10"/>
    </row>
    <row r="463863" spans="14:14">
      <c r="N463863" s="10"/>
    </row>
    <row r="463864" spans="14:14">
      <c r="N463864" s="10"/>
    </row>
    <row r="463865" spans="14:14">
      <c r="N463865" s="10"/>
    </row>
    <row r="463866" spans="14:14">
      <c r="N463866" s="10"/>
    </row>
    <row r="463867" spans="14:14">
      <c r="N463867" s="10"/>
    </row>
    <row r="463868" spans="14:14">
      <c r="N463868" s="10"/>
    </row>
    <row r="463869" spans="14:14">
      <c r="N463869" s="10"/>
    </row>
    <row r="463870" spans="14:14">
      <c r="N463870" s="10"/>
    </row>
    <row r="463871" spans="14:14">
      <c r="N463871" s="10"/>
    </row>
    <row r="463872" spans="14:14">
      <c r="N463872" s="10"/>
    </row>
    <row r="463873" spans="14:14">
      <c r="N463873" s="10"/>
    </row>
    <row r="463874" spans="14:14">
      <c r="N463874" s="10"/>
    </row>
    <row r="463875" spans="14:14">
      <c r="N463875" s="10"/>
    </row>
    <row r="463876" spans="14:14">
      <c r="N463876" s="10"/>
    </row>
    <row r="463877" spans="14:14">
      <c r="N463877" s="10"/>
    </row>
    <row r="463878" spans="14:14">
      <c r="N463878" s="10"/>
    </row>
    <row r="463879" spans="14:14">
      <c r="N463879" s="10"/>
    </row>
    <row r="463880" spans="14:14">
      <c r="N463880" s="10"/>
    </row>
    <row r="463881" spans="14:14">
      <c r="N463881" s="10"/>
    </row>
    <row r="463882" spans="14:14">
      <c r="N463882" s="10"/>
    </row>
    <row r="463883" spans="14:14">
      <c r="N463883" s="10"/>
    </row>
    <row r="463884" spans="14:14">
      <c r="N463884" s="10"/>
    </row>
    <row r="463885" spans="14:14">
      <c r="N463885" s="10"/>
    </row>
    <row r="463886" spans="14:14">
      <c r="N463886" s="10"/>
    </row>
    <row r="463887" spans="14:14">
      <c r="N463887" s="10"/>
    </row>
    <row r="463888" spans="14:14">
      <c r="N463888" s="10"/>
    </row>
    <row r="463889" spans="14:14">
      <c r="N463889" s="10"/>
    </row>
    <row r="463890" spans="14:14">
      <c r="N463890" s="10"/>
    </row>
    <row r="463891" spans="14:14">
      <c r="N463891" s="10"/>
    </row>
    <row r="463892" spans="14:14">
      <c r="N463892" s="10"/>
    </row>
    <row r="463893" spans="14:14">
      <c r="N463893" s="10"/>
    </row>
    <row r="463894" spans="14:14">
      <c r="N463894" s="10"/>
    </row>
    <row r="463895" spans="14:14">
      <c r="N463895" s="10"/>
    </row>
    <row r="463896" spans="14:14">
      <c r="N463896" s="10"/>
    </row>
    <row r="463897" spans="14:14">
      <c r="N463897" s="10"/>
    </row>
    <row r="463898" spans="14:14">
      <c r="N463898" s="10"/>
    </row>
    <row r="463899" spans="14:14">
      <c r="N463899" s="10"/>
    </row>
    <row r="463900" spans="14:14">
      <c r="N463900" s="10"/>
    </row>
    <row r="463901" spans="14:14">
      <c r="N463901" s="10"/>
    </row>
    <row r="463902" spans="14:14">
      <c r="N463902" s="10"/>
    </row>
    <row r="463903" spans="14:14">
      <c r="N463903" s="10"/>
    </row>
    <row r="463904" spans="14:14">
      <c r="N463904" s="10"/>
    </row>
    <row r="463905" spans="14:14">
      <c r="N463905" s="10"/>
    </row>
    <row r="463906" spans="14:14">
      <c r="N463906" s="10"/>
    </row>
    <row r="463907" spans="14:14">
      <c r="N463907" s="10"/>
    </row>
    <row r="463908" spans="14:14">
      <c r="N463908" s="10"/>
    </row>
    <row r="463909" spans="14:14">
      <c r="N463909" s="10"/>
    </row>
    <row r="463910" spans="14:14">
      <c r="N463910" s="10"/>
    </row>
    <row r="463911" spans="14:14">
      <c r="N463911" s="10"/>
    </row>
    <row r="463912" spans="14:14">
      <c r="N463912" s="10"/>
    </row>
    <row r="463913" spans="14:14">
      <c r="N463913" s="10"/>
    </row>
    <row r="463914" spans="14:14">
      <c r="N463914" s="10"/>
    </row>
    <row r="463915" spans="14:14">
      <c r="N463915" s="10"/>
    </row>
    <row r="463916" spans="14:14">
      <c r="N463916" s="10"/>
    </row>
    <row r="463917" spans="14:14">
      <c r="N463917" s="10"/>
    </row>
    <row r="463918" spans="14:14">
      <c r="N463918" s="10"/>
    </row>
    <row r="463919" spans="14:14">
      <c r="N463919" s="10"/>
    </row>
    <row r="463920" spans="14:14">
      <c r="N463920" s="10"/>
    </row>
    <row r="463921" spans="14:14">
      <c r="N463921" s="10"/>
    </row>
    <row r="463922" spans="14:14">
      <c r="N463922" s="10"/>
    </row>
    <row r="463923" spans="14:14">
      <c r="N463923" s="10"/>
    </row>
    <row r="463924" spans="14:14">
      <c r="N463924" s="10"/>
    </row>
    <row r="463925" spans="14:14">
      <c r="N463925" s="10"/>
    </row>
    <row r="463926" spans="14:14">
      <c r="N463926" s="10"/>
    </row>
    <row r="463927" spans="14:14">
      <c r="N463927" s="10"/>
    </row>
    <row r="463928" spans="14:14">
      <c r="N463928" s="10"/>
    </row>
    <row r="463929" spans="14:14">
      <c r="N463929" s="10"/>
    </row>
    <row r="463930" spans="14:14">
      <c r="N463930" s="10"/>
    </row>
    <row r="463931" spans="14:14">
      <c r="N463931" s="10"/>
    </row>
    <row r="463932" spans="14:14">
      <c r="N463932" s="10"/>
    </row>
    <row r="463933" spans="14:14">
      <c r="N463933" s="10"/>
    </row>
    <row r="463934" spans="14:14">
      <c r="N463934" s="10"/>
    </row>
    <row r="463935" spans="14:14">
      <c r="N463935" s="10"/>
    </row>
    <row r="463936" spans="14:14">
      <c r="N463936" s="10"/>
    </row>
    <row r="463937" spans="14:14">
      <c r="N463937" s="10"/>
    </row>
    <row r="463938" spans="14:14">
      <c r="N463938" s="10"/>
    </row>
    <row r="463939" spans="14:14">
      <c r="N463939" s="10"/>
    </row>
    <row r="463940" spans="14:14">
      <c r="N463940" s="10"/>
    </row>
    <row r="463941" spans="14:14">
      <c r="N463941" s="10"/>
    </row>
    <row r="463942" spans="14:14">
      <c r="N463942" s="10"/>
    </row>
    <row r="463943" spans="14:14">
      <c r="N463943" s="10"/>
    </row>
    <row r="463944" spans="14:14">
      <c r="N463944" s="10"/>
    </row>
    <row r="463945" spans="14:14">
      <c r="N463945" s="10"/>
    </row>
    <row r="463946" spans="14:14">
      <c r="N463946" s="10"/>
    </row>
    <row r="463947" spans="14:14">
      <c r="N463947" s="10"/>
    </row>
    <row r="463948" spans="14:14">
      <c r="N463948" s="10"/>
    </row>
    <row r="463949" spans="14:14">
      <c r="N463949" s="10"/>
    </row>
    <row r="463950" spans="14:14">
      <c r="N463950" s="10"/>
    </row>
    <row r="463951" spans="14:14">
      <c r="N463951" s="10"/>
    </row>
    <row r="463952" spans="14:14">
      <c r="N463952" s="10"/>
    </row>
    <row r="463953" spans="14:14">
      <c r="N463953" s="10"/>
    </row>
    <row r="463954" spans="14:14">
      <c r="N463954" s="10"/>
    </row>
    <row r="463955" spans="14:14">
      <c r="N463955" s="10"/>
    </row>
    <row r="463956" spans="14:14">
      <c r="N463956" s="10"/>
    </row>
    <row r="463957" spans="14:14">
      <c r="N463957" s="10"/>
    </row>
    <row r="463958" spans="14:14">
      <c r="N463958" s="10"/>
    </row>
    <row r="463959" spans="14:14">
      <c r="N463959" s="10"/>
    </row>
    <row r="463960" spans="14:14">
      <c r="N463960" s="10"/>
    </row>
    <row r="463961" spans="14:14">
      <c r="N463961" s="10"/>
    </row>
    <row r="463962" spans="14:14">
      <c r="N463962" s="10"/>
    </row>
    <row r="463963" spans="14:14">
      <c r="N463963" s="10"/>
    </row>
    <row r="463964" spans="14:14">
      <c r="N463964" s="10"/>
    </row>
    <row r="463965" spans="14:14">
      <c r="N463965" s="10"/>
    </row>
    <row r="463966" spans="14:14">
      <c r="N463966" s="10"/>
    </row>
    <row r="463967" spans="14:14">
      <c r="N463967" s="10"/>
    </row>
    <row r="463968" spans="14:14">
      <c r="N463968" s="10"/>
    </row>
    <row r="463969" spans="14:14">
      <c r="N463969" s="10"/>
    </row>
    <row r="463970" spans="14:14">
      <c r="N463970" s="10"/>
    </row>
    <row r="463971" spans="14:14">
      <c r="N463971" s="10"/>
    </row>
    <row r="463972" spans="14:14">
      <c r="N463972" s="10"/>
    </row>
    <row r="463973" spans="14:14">
      <c r="N463973" s="10"/>
    </row>
    <row r="463974" spans="14:14">
      <c r="N463974" s="10"/>
    </row>
    <row r="463975" spans="14:14">
      <c r="N463975" s="10"/>
    </row>
    <row r="463976" spans="14:14">
      <c r="N463976" s="10"/>
    </row>
    <row r="463977" spans="14:14">
      <c r="N463977" s="10"/>
    </row>
    <row r="463978" spans="14:14">
      <c r="N463978" s="10"/>
    </row>
    <row r="463979" spans="14:14">
      <c r="N463979" s="10"/>
    </row>
    <row r="463980" spans="14:14">
      <c r="N463980" s="10"/>
    </row>
    <row r="463981" spans="14:14">
      <c r="N463981" s="10"/>
    </row>
    <row r="463982" spans="14:14">
      <c r="N463982" s="10"/>
    </row>
    <row r="463983" spans="14:14">
      <c r="N463983" s="10"/>
    </row>
    <row r="463984" spans="14:14">
      <c r="N463984" s="10"/>
    </row>
    <row r="463985" spans="14:14">
      <c r="N463985" s="10"/>
    </row>
    <row r="463986" spans="14:14">
      <c r="N463986" s="10"/>
    </row>
    <row r="463987" spans="14:14">
      <c r="N463987" s="10"/>
    </row>
    <row r="463988" spans="14:14">
      <c r="N463988" s="10"/>
    </row>
    <row r="463989" spans="14:14">
      <c r="N463989" s="10"/>
    </row>
    <row r="463990" spans="14:14">
      <c r="N463990" s="10"/>
    </row>
    <row r="463991" spans="14:14">
      <c r="N463991" s="10"/>
    </row>
    <row r="463992" spans="14:14">
      <c r="N463992" s="10"/>
    </row>
    <row r="463993" spans="14:14">
      <c r="N463993" s="10"/>
    </row>
    <row r="463994" spans="14:14">
      <c r="N463994" s="10"/>
    </row>
    <row r="463995" spans="14:14">
      <c r="N463995" s="10"/>
    </row>
    <row r="463996" spans="14:14">
      <c r="N463996" s="10"/>
    </row>
    <row r="463997" spans="14:14">
      <c r="N463997" s="10"/>
    </row>
    <row r="463998" spans="14:14">
      <c r="N463998" s="10"/>
    </row>
    <row r="463999" spans="14:14">
      <c r="N463999" s="10"/>
    </row>
    <row r="464000" spans="14:14">
      <c r="N464000" s="10"/>
    </row>
    <row r="464001" spans="14:14">
      <c r="N464001" s="10"/>
    </row>
    <row r="464002" spans="14:14">
      <c r="N464002" s="10"/>
    </row>
    <row r="464003" spans="14:14">
      <c r="N464003" s="10"/>
    </row>
    <row r="464004" spans="14:14">
      <c r="N464004" s="10"/>
    </row>
    <row r="464005" spans="14:14">
      <c r="N464005" s="10"/>
    </row>
    <row r="464006" spans="14:14">
      <c r="N464006" s="10"/>
    </row>
    <row r="464007" spans="14:14">
      <c r="N464007" s="10"/>
    </row>
    <row r="464008" spans="14:14">
      <c r="N464008" s="10"/>
    </row>
    <row r="464009" spans="14:14">
      <c r="N464009" s="10"/>
    </row>
    <row r="464010" spans="14:14">
      <c r="N464010" s="10"/>
    </row>
    <row r="464011" spans="14:14">
      <c r="N464011" s="10"/>
    </row>
    <row r="464012" spans="14:14">
      <c r="N464012" s="10"/>
    </row>
    <row r="464013" spans="14:14">
      <c r="N464013" s="10"/>
    </row>
    <row r="464014" spans="14:14">
      <c r="N464014" s="10"/>
    </row>
    <row r="464015" spans="14:14">
      <c r="N464015" s="10"/>
    </row>
    <row r="464016" spans="14:14">
      <c r="N464016" s="10"/>
    </row>
    <row r="464017" spans="14:14">
      <c r="N464017" s="10"/>
    </row>
    <row r="464018" spans="14:14">
      <c r="N464018" s="10"/>
    </row>
    <row r="464019" spans="14:14">
      <c r="N464019" s="10"/>
    </row>
    <row r="464020" spans="14:14">
      <c r="N464020" s="10"/>
    </row>
    <row r="464021" spans="14:14">
      <c r="N464021" s="10"/>
    </row>
    <row r="464022" spans="14:14">
      <c r="N464022" s="10"/>
    </row>
    <row r="464023" spans="14:14">
      <c r="N464023" s="10"/>
    </row>
    <row r="464024" spans="14:14">
      <c r="N464024" s="10"/>
    </row>
    <row r="464025" spans="14:14">
      <c r="N464025" s="10"/>
    </row>
    <row r="464026" spans="14:14">
      <c r="N464026" s="10"/>
    </row>
    <row r="464027" spans="14:14">
      <c r="N464027" s="10"/>
    </row>
    <row r="464028" spans="14:14">
      <c r="N464028" s="10"/>
    </row>
    <row r="464029" spans="14:14">
      <c r="N464029" s="10"/>
    </row>
    <row r="464030" spans="14:14">
      <c r="N464030" s="10"/>
    </row>
    <row r="464031" spans="14:14">
      <c r="N464031" s="10"/>
    </row>
    <row r="464032" spans="14:14">
      <c r="N464032" s="10"/>
    </row>
    <row r="464033" spans="14:14">
      <c r="N464033" s="10"/>
    </row>
    <row r="464034" spans="14:14">
      <c r="N464034" s="10"/>
    </row>
    <row r="464035" spans="14:14">
      <c r="N464035" s="10"/>
    </row>
    <row r="464036" spans="14:14">
      <c r="N464036" s="10"/>
    </row>
    <row r="464037" spans="14:14">
      <c r="N464037" s="10"/>
    </row>
    <row r="464038" spans="14:14">
      <c r="N464038" s="10"/>
    </row>
    <row r="464039" spans="14:14">
      <c r="N464039" s="10"/>
    </row>
    <row r="464040" spans="14:14">
      <c r="N464040" s="10"/>
    </row>
    <row r="464041" spans="14:14">
      <c r="N464041" s="10"/>
    </row>
    <row r="464042" spans="14:14">
      <c r="N464042" s="10"/>
    </row>
    <row r="464043" spans="14:14">
      <c r="N464043" s="10"/>
    </row>
    <row r="464044" spans="14:14">
      <c r="N464044" s="10"/>
    </row>
    <row r="464045" spans="14:14">
      <c r="N464045" s="10"/>
    </row>
    <row r="464046" spans="14:14">
      <c r="N464046" s="10"/>
    </row>
    <row r="464047" spans="14:14">
      <c r="N464047" s="10"/>
    </row>
    <row r="464048" spans="14:14">
      <c r="N464048" s="10"/>
    </row>
    <row r="464049" spans="14:14">
      <c r="N464049" s="10"/>
    </row>
    <row r="464050" spans="14:14">
      <c r="N464050" s="10"/>
    </row>
    <row r="464051" spans="14:14">
      <c r="N464051" s="10"/>
    </row>
    <row r="464052" spans="14:14">
      <c r="N464052" s="10"/>
    </row>
    <row r="464053" spans="14:14">
      <c r="N464053" s="10"/>
    </row>
    <row r="464054" spans="14:14">
      <c r="N464054" s="10"/>
    </row>
    <row r="464055" spans="14:14">
      <c r="N464055" s="10"/>
    </row>
    <row r="464056" spans="14:14">
      <c r="N464056" s="10"/>
    </row>
    <row r="464057" spans="14:14">
      <c r="N464057" s="10"/>
    </row>
    <row r="464058" spans="14:14">
      <c r="N464058" s="10"/>
    </row>
    <row r="464059" spans="14:14">
      <c r="N464059" s="10"/>
    </row>
    <row r="464060" spans="14:14">
      <c r="N464060" s="10"/>
    </row>
    <row r="464061" spans="14:14">
      <c r="N464061" s="10"/>
    </row>
    <row r="464062" spans="14:14">
      <c r="N464062" s="10"/>
    </row>
    <row r="464063" spans="14:14">
      <c r="N464063" s="10"/>
    </row>
    <row r="464064" spans="14:14">
      <c r="N464064" s="10"/>
    </row>
    <row r="464065" spans="14:14">
      <c r="N464065" s="10"/>
    </row>
    <row r="464066" spans="14:14">
      <c r="N464066" s="10"/>
    </row>
    <row r="464067" spans="14:14">
      <c r="N464067" s="10"/>
    </row>
    <row r="464068" spans="14:14">
      <c r="N464068" s="10"/>
    </row>
    <row r="464069" spans="14:14">
      <c r="N464069" s="10"/>
    </row>
    <row r="464070" spans="14:14">
      <c r="N464070" s="10"/>
    </row>
    <row r="464071" spans="14:14">
      <c r="N464071" s="10"/>
    </row>
    <row r="464072" spans="14:14">
      <c r="N464072" s="10"/>
    </row>
    <row r="464073" spans="14:14">
      <c r="N464073" s="10"/>
    </row>
    <row r="464074" spans="14:14">
      <c r="N464074" s="10"/>
    </row>
    <row r="464075" spans="14:14">
      <c r="N464075" s="10"/>
    </row>
    <row r="464076" spans="14:14">
      <c r="N464076" s="10"/>
    </row>
    <row r="464077" spans="14:14">
      <c r="N464077" s="10"/>
    </row>
    <row r="464078" spans="14:14">
      <c r="N464078" s="10"/>
    </row>
    <row r="464079" spans="14:14">
      <c r="N464079" s="10"/>
    </row>
    <row r="464080" spans="14:14">
      <c r="N464080" s="10"/>
    </row>
    <row r="464081" spans="14:14">
      <c r="N464081" s="10"/>
    </row>
    <row r="464082" spans="14:14">
      <c r="N464082" s="10"/>
    </row>
    <row r="464083" spans="14:14">
      <c r="N464083" s="10"/>
    </row>
    <row r="464084" spans="14:14">
      <c r="N464084" s="10"/>
    </row>
    <row r="464085" spans="14:14">
      <c r="N464085" s="10"/>
    </row>
    <row r="464086" spans="14:14">
      <c r="N464086" s="10"/>
    </row>
    <row r="464087" spans="14:14">
      <c r="N464087" s="10"/>
    </row>
    <row r="464088" spans="14:14">
      <c r="N464088" s="10"/>
    </row>
    <row r="464089" spans="14:14">
      <c r="N464089" s="10"/>
    </row>
    <row r="464090" spans="14:14">
      <c r="N464090" s="10"/>
    </row>
    <row r="464091" spans="14:14">
      <c r="N464091" s="10"/>
    </row>
    <row r="464092" spans="14:14">
      <c r="N464092" s="10"/>
    </row>
    <row r="464093" spans="14:14">
      <c r="N464093" s="10"/>
    </row>
    <row r="464094" spans="14:14">
      <c r="N464094" s="10"/>
    </row>
    <row r="464095" spans="14:14">
      <c r="N464095" s="10"/>
    </row>
    <row r="464096" spans="14:14">
      <c r="N464096" s="10"/>
    </row>
    <row r="464097" spans="14:14">
      <c r="N464097" s="10"/>
    </row>
    <row r="464098" spans="14:14">
      <c r="N464098" s="10"/>
    </row>
    <row r="464099" spans="14:14">
      <c r="N464099" s="10"/>
    </row>
    <row r="464100" spans="14:14">
      <c r="N464100" s="10"/>
    </row>
    <row r="464101" spans="14:14">
      <c r="N464101" s="10"/>
    </row>
    <row r="464102" spans="14:14">
      <c r="N464102" s="10"/>
    </row>
    <row r="464103" spans="14:14">
      <c r="N464103" s="10"/>
    </row>
    <row r="464104" spans="14:14">
      <c r="N464104" s="10"/>
    </row>
    <row r="464105" spans="14:14">
      <c r="N464105" s="10"/>
    </row>
    <row r="464106" spans="14:14">
      <c r="N464106" s="10"/>
    </row>
    <row r="464107" spans="14:14">
      <c r="N464107" s="10"/>
    </row>
    <row r="464108" spans="14:14">
      <c r="N464108" s="10"/>
    </row>
    <row r="464109" spans="14:14">
      <c r="N464109" s="10"/>
    </row>
    <row r="464110" spans="14:14">
      <c r="N464110" s="10"/>
    </row>
    <row r="464111" spans="14:14">
      <c r="N464111" s="10"/>
    </row>
    <row r="464112" spans="14:14">
      <c r="N464112" s="10"/>
    </row>
    <row r="464113" spans="14:14">
      <c r="N464113" s="10"/>
    </row>
    <row r="464114" spans="14:14">
      <c r="N464114" s="10"/>
    </row>
    <row r="464115" spans="14:14">
      <c r="N464115" s="10"/>
    </row>
    <row r="464116" spans="14:14">
      <c r="N464116" s="10"/>
    </row>
    <row r="464117" spans="14:14">
      <c r="N464117" s="10"/>
    </row>
    <row r="464118" spans="14:14">
      <c r="N464118" s="10"/>
    </row>
    <row r="464119" spans="14:14">
      <c r="N464119" s="10"/>
    </row>
    <row r="464120" spans="14:14">
      <c r="N464120" s="10"/>
    </row>
    <row r="464121" spans="14:14">
      <c r="N464121" s="10"/>
    </row>
    <row r="464122" spans="14:14">
      <c r="N464122" s="10"/>
    </row>
    <row r="464123" spans="14:14">
      <c r="N464123" s="10"/>
    </row>
    <row r="464124" spans="14:14">
      <c r="N464124" s="10"/>
    </row>
    <row r="464125" spans="14:14">
      <c r="N464125" s="10"/>
    </row>
    <row r="464126" spans="14:14">
      <c r="N464126" s="10"/>
    </row>
    <row r="464127" spans="14:14">
      <c r="N464127" s="10"/>
    </row>
    <row r="464128" spans="14:14">
      <c r="N464128" s="10"/>
    </row>
    <row r="464129" spans="14:14">
      <c r="N464129" s="10"/>
    </row>
    <row r="464130" spans="14:14">
      <c r="N464130" s="10"/>
    </row>
    <row r="464131" spans="14:14">
      <c r="N464131" s="10"/>
    </row>
    <row r="464132" spans="14:14">
      <c r="N464132" s="10"/>
    </row>
    <row r="464133" spans="14:14">
      <c r="N464133" s="10"/>
    </row>
    <row r="464134" spans="14:14">
      <c r="N464134" s="10"/>
    </row>
    <row r="464135" spans="14:14">
      <c r="N464135" s="10"/>
    </row>
    <row r="464136" spans="14:14">
      <c r="N464136" s="10"/>
    </row>
    <row r="464137" spans="14:14">
      <c r="N464137" s="10"/>
    </row>
    <row r="464138" spans="14:14">
      <c r="N464138" s="10"/>
    </row>
    <row r="464139" spans="14:14">
      <c r="N464139" s="10"/>
    </row>
    <row r="464140" spans="14:14">
      <c r="N464140" s="10"/>
    </row>
    <row r="464141" spans="14:14">
      <c r="N464141" s="10"/>
    </row>
    <row r="464142" spans="14:14">
      <c r="N464142" s="10"/>
    </row>
    <row r="464143" spans="14:14">
      <c r="N464143" s="10"/>
    </row>
    <row r="464144" spans="14:14">
      <c r="N464144" s="10"/>
    </row>
    <row r="464145" spans="14:14">
      <c r="N464145" s="10"/>
    </row>
    <row r="464146" spans="14:14">
      <c r="N464146" s="10"/>
    </row>
    <row r="464147" spans="14:14">
      <c r="N464147" s="10"/>
    </row>
    <row r="464148" spans="14:14">
      <c r="N464148" s="10"/>
    </row>
    <row r="464149" spans="14:14">
      <c r="N464149" s="10"/>
    </row>
    <row r="464150" spans="14:14">
      <c r="N464150" s="10"/>
    </row>
    <row r="464151" spans="14:14">
      <c r="N464151" s="10"/>
    </row>
    <row r="464152" spans="14:14">
      <c r="N464152" s="10"/>
    </row>
    <row r="464153" spans="14:14">
      <c r="N464153" s="10"/>
    </row>
    <row r="464154" spans="14:14">
      <c r="N464154" s="10"/>
    </row>
    <row r="464155" spans="14:14">
      <c r="N464155" s="10"/>
    </row>
    <row r="464156" spans="14:14">
      <c r="N464156" s="10"/>
    </row>
    <row r="464157" spans="14:14">
      <c r="N464157" s="10"/>
    </row>
    <row r="464158" spans="14:14">
      <c r="N464158" s="10"/>
    </row>
    <row r="464159" spans="14:14">
      <c r="N464159" s="10"/>
    </row>
    <row r="464160" spans="14:14">
      <c r="N464160" s="10"/>
    </row>
    <row r="464161" spans="14:14">
      <c r="N464161" s="10"/>
    </row>
    <row r="464162" spans="14:14">
      <c r="N464162" s="10"/>
    </row>
    <row r="464163" spans="14:14">
      <c r="N464163" s="10"/>
    </row>
    <row r="464164" spans="14:14">
      <c r="N464164" s="10"/>
    </row>
    <row r="464165" spans="14:14">
      <c r="N464165" s="10"/>
    </row>
    <row r="464166" spans="14:14">
      <c r="N464166" s="10"/>
    </row>
    <row r="464167" spans="14:14">
      <c r="N464167" s="10"/>
    </row>
    <row r="464168" spans="14:14">
      <c r="N464168" s="10"/>
    </row>
    <row r="464169" spans="14:14">
      <c r="N464169" s="10"/>
    </row>
    <row r="464170" spans="14:14">
      <c r="N464170" s="10"/>
    </row>
    <row r="464171" spans="14:14">
      <c r="N464171" s="10"/>
    </row>
    <row r="464172" spans="14:14">
      <c r="N464172" s="10"/>
    </row>
    <row r="464173" spans="14:14">
      <c r="N464173" s="10"/>
    </row>
    <row r="464174" spans="14:14">
      <c r="N464174" s="10"/>
    </row>
    <row r="464175" spans="14:14">
      <c r="N464175" s="10"/>
    </row>
    <row r="464176" spans="14:14">
      <c r="N464176" s="10"/>
    </row>
    <row r="464177" spans="14:14">
      <c r="N464177" s="10"/>
    </row>
    <row r="464178" spans="14:14">
      <c r="N464178" s="10"/>
    </row>
    <row r="464179" spans="14:14">
      <c r="N464179" s="10"/>
    </row>
    <row r="464180" spans="14:14">
      <c r="N464180" s="10"/>
    </row>
    <row r="464181" spans="14:14">
      <c r="N464181" s="10"/>
    </row>
    <row r="464182" spans="14:14">
      <c r="N464182" s="10"/>
    </row>
    <row r="464183" spans="14:14">
      <c r="N464183" s="10"/>
    </row>
    <row r="464184" spans="14:14">
      <c r="N464184" s="10"/>
    </row>
    <row r="464185" spans="14:14">
      <c r="N464185" s="10"/>
    </row>
    <row r="464186" spans="14:14">
      <c r="N464186" s="10"/>
    </row>
    <row r="464187" spans="14:14">
      <c r="N464187" s="10"/>
    </row>
    <row r="464188" spans="14:14">
      <c r="N464188" s="10"/>
    </row>
    <row r="464189" spans="14:14">
      <c r="N464189" s="10"/>
    </row>
    <row r="464190" spans="14:14">
      <c r="N464190" s="10"/>
    </row>
    <row r="464191" spans="14:14">
      <c r="N464191" s="10"/>
    </row>
    <row r="464192" spans="14:14">
      <c r="N464192" s="10"/>
    </row>
    <row r="464193" spans="14:14">
      <c r="N464193" s="10"/>
    </row>
    <row r="464194" spans="14:14">
      <c r="N464194" s="10"/>
    </row>
    <row r="464195" spans="14:14">
      <c r="N464195" s="10"/>
    </row>
    <row r="464196" spans="14:14">
      <c r="N464196" s="10"/>
    </row>
    <row r="464197" spans="14:14">
      <c r="N464197" s="10"/>
    </row>
    <row r="464198" spans="14:14">
      <c r="N464198" s="10"/>
    </row>
    <row r="464199" spans="14:14">
      <c r="N464199" s="10"/>
    </row>
    <row r="464200" spans="14:14">
      <c r="N464200" s="10"/>
    </row>
    <row r="464201" spans="14:14">
      <c r="N464201" s="10"/>
    </row>
    <row r="464202" spans="14:14">
      <c r="N464202" s="10"/>
    </row>
    <row r="464203" spans="14:14">
      <c r="N464203" s="10"/>
    </row>
    <row r="464204" spans="14:14">
      <c r="N464204" s="10"/>
    </row>
    <row r="464205" spans="14:14">
      <c r="N464205" s="10"/>
    </row>
    <row r="464206" spans="14:14">
      <c r="N464206" s="10"/>
    </row>
    <row r="464207" spans="14:14">
      <c r="N464207" s="10"/>
    </row>
    <row r="464208" spans="14:14">
      <c r="N464208" s="10"/>
    </row>
    <row r="464209" spans="14:14">
      <c r="N464209" s="10"/>
    </row>
    <row r="464210" spans="14:14">
      <c r="N464210" s="10"/>
    </row>
    <row r="464211" spans="14:14">
      <c r="N464211" s="10"/>
    </row>
    <row r="464212" spans="14:14">
      <c r="N464212" s="10"/>
    </row>
    <row r="464213" spans="14:14">
      <c r="N464213" s="10"/>
    </row>
    <row r="464214" spans="14:14">
      <c r="N464214" s="10"/>
    </row>
    <row r="464215" spans="14:14">
      <c r="N464215" s="10"/>
    </row>
    <row r="464216" spans="14:14">
      <c r="N464216" s="10"/>
    </row>
    <row r="464217" spans="14:14">
      <c r="N464217" s="10"/>
    </row>
    <row r="464218" spans="14:14">
      <c r="N464218" s="10"/>
    </row>
    <row r="464219" spans="14:14">
      <c r="N464219" s="10"/>
    </row>
    <row r="464220" spans="14:14">
      <c r="N464220" s="10"/>
    </row>
    <row r="464221" spans="14:14">
      <c r="N464221" s="10"/>
    </row>
    <row r="464222" spans="14:14">
      <c r="N464222" s="10"/>
    </row>
    <row r="464223" spans="14:14">
      <c r="N464223" s="10"/>
    </row>
    <row r="464224" spans="14:14">
      <c r="N464224" s="10"/>
    </row>
    <row r="464225" spans="14:14">
      <c r="N464225" s="10"/>
    </row>
    <row r="464226" spans="14:14">
      <c r="N464226" s="10"/>
    </row>
    <row r="464227" spans="14:14">
      <c r="N464227" s="10"/>
    </row>
    <row r="464228" spans="14:14">
      <c r="N464228" s="10"/>
    </row>
    <row r="464229" spans="14:14">
      <c r="N464229" s="10"/>
    </row>
    <row r="464230" spans="14:14">
      <c r="N464230" s="10"/>
    </row>
    <row r="464231" spans="14:14">
      <c r="N464231" s="10"/>
    </row>
    <row r="464232" spans="14:14">
      <c r="N464232" s="10"/>
    </row>
    <row r="464233" spans="14:14">
      <c r="N464233" s="10"/>
    </row>
    <row r="464234" spans="14:14">
      <c r="N464234" s="10"/>
    </row>
    <row r="464235" spans="14:14">
      <c r="N464235" s="10"/>
    </row>
    <row r="464236" spans="14:14">
      <c r="N464236" s="10"/>
    </row>
    <row r="464237" spans="14:14">
      <c r="N464237" s="10"/>
    </row>
    <row r="464238" spans="14:14">
      <c r="N464238" s="10"/>
    </row>
    <row r="464239" spans="14:14">
      <c r="N464239" s="10"/>
    </row>
    <row r="464240" spans="14:14">
      <c r="N464240" s="10"/>
    </row>
    <row r="464241" spans="14:14">
      <c r="N464241" s="10"/>
    </row>
    <row r="464242" spans="14:14">
      <c r="N464242" s="10"/>
    </row>
    <row r="464243" spans="14:14">
      <c r="N464243" s="10"/>
    </row>
    <row r="464244" spans="14:14">
      <c r="N464244" s="10"/>
    </row>
    <row r="464245" spans="14:14">
      <c r="N464245" s="10"/>
    </row>
    <row r="464246" spans="14:14">
      <c r="N464246" s="10"/>
    </row>
    <row r="464247" spans="14:14">
      <c r="N464247" s="10"/>
    </row>
    <row r="464248" spans="14:14">
      <c r="N464248" s="10"/>
    </row>
    <row r="464249" spans="14:14">
      <c r="N464249" s="10"/>
    </row>
    <row r="464250" spans="14:14">
      <c r="N464250" s="10"/>
    </row>
    <row r="464251" spans="14:14">
      <c r="N464251" s="10"/>
    </row>
    <row r="464252" spans="14:14">
      <c r="N464252" s="10"/>
    </row>
    <row r="464253" spans="14:14">
      <c r="N464253" s="10"/>
    </row>
    <row r="464254" spans="14:14">
      <c r="N464254" s="10"/>
    </row>
    <row r="464255" spans="14:14">
      <c r="N464255" s="10"/>
    </row>
    <row r="464256" spans="14:14">
      <c r="N464256" s="10"/>
    </row>
    <row r="464257" spans="14:14">
      <c r="N464257" s="10"/>
    </row>
    <row r="464258" spans="14:14">
      <c r="N464258" s="10"/>
    </row>
    <row r="464259" spans="14:14">
      <c r="N464259" s="10"/>
    </row>
    <row r="464260" spans="14:14">
      <c r="N464260" s="10"/>
    </row>
    <row r="464261" spans="14:14">
      <c r="N464261" s="10"/>
    </row>
    <row r="464262" spans="14:14">
      <c r="N464262" s="10"/>
    </row>
    <row r="464263" spans="14:14">
      <c r="N464263" s="10"/>
    </row>
    <row r="464264" spans="14:14">
      <c r="N464264" s="10"/>
    </row>
    <row r="464265" spans="14:14">
      <c r="N464265" s="10"/>
    </row>
    <row r="464266" spans="14:14">
      <c r="N464266" s="10"/>
    </row>
    <row r="464267" spans="14:14">
      <c r="N464267" s="10"/>
    </row>
    <row r="464268" spans="14:14">
      <c r="N464268" s="10"/>
    </row>
    <row r="464269" spans="14:14">
      <c r="N464269" s="10"/>
    </row>
    <row r="464270" spans="14:14">
      <c r="N464270" s="10"/>
    </row>
    <row r="464271" spans="14:14">
      <c r="N464271" s="10"/>
    </row>
    <row r="464272" spans="14:14">
      <c r="N464272" s="10"/>
    </row>
    <row r="464273" spans="14:14">
      <c r="N464273" s="10"/>
    </row>
    <row r="464274" spans="14:14">
      <c r="N464274" s="10"/>
    </row>
    <row r="464275" spans="14:14">
      <c r="N464275" s="10"/>
    </row>
    <row r="464276" spans="14:14">
      <c r="N464276" s="10"/>
    </row>
    <row r="464277" spans="14:14">
      <c r="N464277" s="10"/>
    </row>
    <row r="464278" spans="14:14">
      <c r="N464278" s="10"/>
    </row>
    <row r="464279" spans="14:14">
      <c r="N464279" s="10"/>
    </row>
    <row r="464280" spans="14:14">
      <c r="N464280" s="10"/>
    </row>
    <row r="464281" spans="14:14">
      <c r="N464281" s="10"/>
    </row>
    <row r="464282" spans="14:14">
      <c r="N464282" s="10"/>
    </row>
    <row r="464283" spans="14:14">
      <c r="N464283" s="10"/>
    </row>
    <row r="464284" spans="14:14">
      <c r="N464284" s="10"/>
    </row>
    <row r="464285" spans="14:14">
      <c r="N464285" s="10"/>
    </row>
    <row r="464286" spans="14:14">
      <c r="N464286" s="10"/>
    </row>
    <row r="464287" spans="14:14">
      <c r="N464287" s="10"/>
    </row>
    <row r="464288" spans="14:14">
      <c r="N464288" s="10"/>
    </row>
    <row r="464289" spans="14:14">
      <c r="N464289" s="10"/>
    </row>
    <row r="464290" spans="14:14">
      <c r="N464290" s="10"/>
    </row>
    <row r="464291" spans="14:14">
      <c r="N464291" s="10"/>
    </row>
    <row r="464292" spans="14:14">
      <c r="N464292" s="10"/>
    </row>
    <row r="464293" spans="14:14">
      <c r="N464293" s="10"/>
    </row>
    <row r="464294" spans="14:14">
      <c r="N464294" s="10"/>
    </row>
    <row r="464295" spans="14:14">
      <c r="N464295" s="10"/>
    </row>
    <row r="464296" spans="14:14">
      <c r="N464296" s="10"/>
    </row>
    <row r="464297" spans="14:14">
      <c r="N464297" s="10"/>
    </row>
    <row r="464298" spans="14:14">
      <c r="N464298" s="10"/>
    </row>
    <row r="464299" spans="14:14">
      <c r="N464299" s="10"/>
    </row>
    <row r="464300" spans="14:14">
      <c r="N464300" s="10"/>
    </row>
    <row r="464301" spans="14:14">
      <c r="N464301" s="10"/>
    </row>
    <row r="464302" spans="14:14">
      <c r="N464302" s="10"/>
    </row>
    <row r="464303" spans="14:14">
      <c r="N464303" s="10"/>
    </row>
    <row r="464304" spans="14:14">
      <c r="N464304" s="10"/>
    </row>
    <row r="464305" spans="14:14">
      <c r="N464305" s="10"/>
    </row>
    <row r="464306" spans="14:14">
      <c r="N464306" s="10"/>
    </row>
    <row r="464307" spans="14:14">
      <c r="N464307" s="10"/>
    </row>
    <row r="464308" spans="14:14">
      <c r="N464308" s="10"/>
    </row>
    <row r="464309" spans="14:14">
      <c r="N464309" s="10"/>
    </row>
    <row r="464310" spans="14:14">
      <c r="N464310" s="10"/>
    </row>
    <row r="464311" spans="14:14">
      <c r="N464311" s="10"/>
    </row>
    <row r="464312" spans="14:14">
      <c r="N464312" s="10"/>
    </row>
    <row r="464313" spans="14:14">
      <c r="N464313" s="10"/>
    </row>
    <row r="464314" spans="14:14">
      <c r="N464314" s="10"/>
    </row>
    <row r="464315" spans="14:14">
      <c r="N464315" s="10"/>
    </row>
    <row r="464316" spans="14:14">
      <c r="N464316" s="10"/>
    </row>
    <row r="464317" spans="14:14">
      <c r="N464317" s="10"/>
    </row>
    <row r="464318" spans="14:14">
      <c r="N464318" s="10"/>
    </row>
    <row r="464319" spans="14:14">
      <c r="N464319" s="10"/>
    </row>
    <row r="464320" spans="14:14">
      <c r="N464320" s="10"/>
    </row>
    <row r="464321" spans="14:14">
      <c r="N464321" s="10"/>
    </row>
    <row r="464322" spans="14:14">
      <c r="N464322" s="10"/>
    </row>
    <row r="464323" spans="14:14">
      <c r="N464323" s="10"/>
    </row>
    <row r="464324" spans="14:14">
      <c r="N464324" s="10"/>
    </row>
    <row r="464325" spans="14:14">
      <c r="N464325" s="10"/>
    </row>
    <row r="464326" spans="14:14">
      <c r="N464326" s="10"/>
    </row>
    <row r="464327" spans="14:14">
      <c r="N464327" s="10"/>
    </row>
    <row r="464328" spans="14:14">
      <c r="N464328" s="10"/>
    </row>
    <row r="464329" spans="14:14">
      <c r="N464329" s="10"/>
    </row>
    <row r="464330" spans="14:14">
      <c r="N464330" s="10"/>
    </row>
    <row r="464331" spans="14:14">
      <c r="N464331" s="10"/>
    </row>
    <row r="464332" spans="14:14">
      <c r="N464332" s="10"/>
    </row>
    <row r="464333" spans="14:14">
      <c r="N464333" s="10"/>
    </row>
    <row r="464334" spans="14:14">
      <c r="N464334" s="10"/>
    </row>
    <row r="464335" spans="14:14">
      <c r="N464335" s="10"/>
    </row>
    <row r="464336" spans="14:14">
      <c r="N464336" s="10"/>
    </row>
    <row r="464337" spans="14:14">
      <c r="N464337" s="10"/>
    </row>
    <row r="464338" spans="14:14">
      <c r="N464338" s="10"/>
    </row>
    <row r="464339" spans="14:14">
      <c r="N464339" s="10"/>
    </row>
    <row r="464340" spans="14:14">
      <c r="N464340" s="10"/>
    </row>
    <row r="464341" spans="14:14">
      <c r="N464341" s="10"/>
    </row>
    <row r="464342" spans="14:14">
      <c r="N464342" s="10"/>
    </row>
    <row r="464343" spans="14:14">
      <c r="N464343" s="10"/>
    </row>
    <row r="464344" spans="14:14">
      <c r="N464344" s="10"/>
    </row>
    <row r="464345" spans="14:14">
      <c r="N464345" s="10"/>
    </row>
    <row r="464346" spans="14:14">
      <c r="N464346" s="10"/>
    </row>
    <row r="464347" spans="14:14">
      <c r="N464347" s="10"/>
    </row>
    <row r="464348" spans="14:14">
      <c r="N464348" s="10"/>
    </row>
    <row r="464349" spans="14:14">
      <c r="N464349" s="10"/>
    </row>
    <row r="464350" spans="14:14">
      <c r="N464350" s="10"/>
    </row>
    <row r="464351" spans="14:14">
      <c r="N464351" s="10"/>
    </row>
    <row r="464352" spans="14:14">
      <c r="N464352" s="10"/>
    </row>
    <row r="464353" spans="14:14">
      <c r="N464353" s="10"/>
    </row>
    <row r="464354" spans="14:14">
      <c r="N464354" s="10"/>
    </row>
    <row r="464355" spans="14:14">
      <c r="N464355" s="10"/>
    </row>
    <row r="464356" spans="14:14">
      <c r="N464356" s="10"/>
    </row>
    <row r="464357" spans="14:14">
      <c r="N464357" s="10"/>
    </row>
    <row r="464358" spans="14:14">
      <c r="N464358" s="10"/>
    </row>
    <row r="464359" spans="14:14">
      <c r="N464359" s="10"/>
    </row>
    <row r="464360" spans="14:14">
      <c r="N464360" s="10"/>
    </row>
    <row r="464361" spans="14:14">
      <c r="N464361" s="10"/>
    </row>
    <row r="464362" spans="14:14">
      <c r="N464362" s="10"/>
    </row>
    <row r="464363" spans="14:14">
      <c r="N464363" s="10"/>
    </row>
    <row r="464364" spans="14:14">
      <c r="N464364" s="10"/>
    </row>
    <row r="464365" spans="14:14">
      <c r="N464365" s="10"/>
    </row>
    <row r="464366" spans="14:14">
      <c r="N464366" s="10"/>
    </row>
    <row r="464367" spans="14:14">
      <c r="N464367" s="10"/>
    </row>
    <row r="464368" spans="14:14">
      <c r="N464368" s="10"/>
    </row>
    <row r="464369" spans="14:14">
      <c r="N464369" s="10"/>
    </row>
    <row r="464370" spans="14:14">
      <c r="N464370" s="10"/>
    </row>
    <row r="464371" spans="14:14">
      <c r="N464371" s="10"/>
    </row>
    <row r="464372" spans="14:14">
      <c r="N464372" s="10"/>
    </row>
    <row r="464373" spans="14:14">
      <c r="N464373" s="10"/>
    </row>
    <row r="464374" spans="14:14">
      <c r="N464374" s="10"/>
    </row>
    <row r="464375" spans="14:14">
      <c r="N464375" s="10"/>
    </row>
    <row r="464376" spans="14:14">
      <c r="N464376" s="10"/>
    </row>
    <row r="464377" spans="14:14">
      <c r="N464377" s="10"/>
    </row>
    <row r="464378" spans="14:14">
      <c r="N464378" s="10"/>
    </row>
    <row r="464379" spans="14:14">
      <c r="N464379" s="10"/>
    </row>
    <row r="464380" spans="14:14">
      <c r="N464380" s="10"/>
    </row>
    <row r="464381" spans="14:14">
      <c r="N464381" s="10"/>
    </row>
    <row r="464382" spans="14:14">
      <c r="N464382" s="10"/>
    </row>
    <row r="464383" spans="14:14">
      <c r="N464383" s="10"/>
    </row>
    <row r="464384" spans="14:14">
      <c r="N464384" s="10"/>
    </row>
    <row r="464385" spans="14:14">
      <c r="N464385" s="10"/>
    </row>
    <row r="464386" spans="14:14">
      <c r="N464386" s="10"/>
    </row>
    <row r="464387" spans="14:14">
      <c r="N464387" s="10"/>
    </row>
    <row r="464388" spans="14:14">
      <c r="N464388" s="10"/>
    </row>
    <row r="464389" spans="14:14">
      <c r="N464389" s="10"/>
    </row>
    <row r="464390" spans="14:14">
      <c r="N464390" s="10"/>
    </row>
    <row r="464391" spans="14:14">
      <c r="N464391" s="10"/>
    </row>
    <row r="464392" spans="14:14">
      <c r="N464392" s="10"/>
    </row>
    <row r="464393" spans="14:14">
      <c r="N464393" s="10"/>
    </row>
    <row r="464394" spans="14:14">
      <c r="N464394" s="10"/>
    </row>
    <row r="464395" spans="14:14">
      <c r="N464395" s="10"/>
    </row>
    <row r="464396" spans="14:14">
      <c r="N464396" s="10"/>
    </row>
    <row r="464397" spans="14:14">
      <c r="N464397" s="10"/>
    </row>
    <row r="464398" spans="14:14">
      <c r="N464398" s="10"/>
    </row>
    <row r="464399" spans="14:14">
      <c r="N464399" s="10"/>
    </row>
    <row r="464400" spans="14:14">
      <c r="N464400" s="10"/>
    </row>
    <row r="464401" spans="14:14">
      <c r="N464401" s="10"/>
    </row>
    <row r="464402" spans="14:14">
      <c r="N464402" s="10"/>
    </row>
    <row r="464403" spans="14:14">
      <c r="N464403" s="10"/>
    </row>
    <row r="464404" spans="14:14">
      <c r="N464404" s="10"/>
    </row>
    <row r="464405" spans="14:14">
      <c r="N464405" s="10"/>
    </row>
    <row r="464406" spans="14:14">
      <c r="N464406" s="10"/>
    </row>
    <row r="464407" spans="14:14">
      <c r="N464407" s="10"/>
    </row>
    <row r="464408" spans="14:14">
      <c r="N464408" s="10"/>
    </row>
    <row r="464409" spans="14:14">
      <c r="N464409" s="10"/>
    </row>
    <row r="464410" spans="14:14">
      <c r="N464410" s="10"/>
    </row>
    <row r="464411" spans="14:14">
      <c r="N464411" s="10"/>
    </row>
    <row r="464412" spans="14:14">
      <c r="N464412" s="10"/>
    </row>
    <row r="464413" spans="14:14">
      <c r="N464413" s="10"/>
    </row>
    <row r="464414" spans="14:14">
      <c r="N464414" s="10"/>
    </row>
    <row r="464415" spans="14:14">
      <c r="N464415" s="10"/>
    </row>
    <row r="464416" spans="14:14">
      <c r="N464416" s="10"/>
    </row>
    <row r="464417" spans="14:14">
      <c r="N464417" s="10"/>
    </row>
    <row r="464418" spans="14:14">
      <c r="N464418" s="10"/>
    </row>
    <row r="464419" spans="14:14">
      <c r="N464419" s="10"/>
    </row>
    <row r="464420" spans="14:14">
      <c r="N464420" s="10"/>
    </row>
    <row r="464421" spans="14:14">
      <c r="N464421" s="10"/>
    </row>
    <row r="464422" spans="14:14">
      <c r="N464422" s="10"/>
    </row>
    <row r="464423" spans="14:14">
      <c r="N464423" s="10"/>
    </row>
    <row r="464424" spans="14:14">
      <c r="N464424" s="10"/>
    </row>
    <row r="464425" spans="14:14">
      <c r="N464425" s="10"/>
    </row>
    <row r="464426" spans="14:14">
      <c r="N464426" s="10"/>
    </row>
    <row r="464427" spans="14:14">
      <c r="N464427" s="10"/>
    </row>
    <row r="464428" spans="14:14">
      <c r="N464428" s="10"/>
    </row>
    <row r="464429" spans="14:14">
      <c r="N464429" s="10"/>
    </row>
    <row r="464430" spans="14:14">
      <c r="N464430" s="10"/>
    </row>
    <row r="464431" spans="14:14">
      <c r="N464431" s="10"/>
    </row>
    <row r="464432" spans="14:14">
      <c r="N464432" s="10"/>
    </row>
    <row r="464433" spans="14:14">
      <c r="N464433" s="10"/>
    </row>
    <row r="464434" spans="14:14">
      <c r="N464434" s="10"/>
    </row>
    <row r="464435" spans="14:14">
      <c r="N464435" s="10"/>
    </row>
    <row r="464436" spans="14:14">
      <c r="N464436" s="10"/>
    </row>
    <row r="464437" spans="14:14">
      <c r="N464437" s="10"/>
    </row>
    <row r="464438" spans="14:14">
      <c r="N464438" s="10"/>
    </row>
    <row r="464439" spans="14:14">
      <c r="N464439" s="10"/>
    </row>
    <row r="464440" spans="14:14">
      <c r="N464440" s="10"/>
    </row>
    <row r="464441" spans="14:14">
      <c r="N464441" s="10"/>
    </row>
    <row r="464442" spans="14:14">
      <c r="N464442" s="10"/>
    </row>
    <row r="464443" spans="14:14">
      <c r="N464443" s="10"/>
    </row>
    <row r="464444" spans="14:14">
      <c r="N464444" s="10"/>
    </row>
    <row r="464445" spans="14:14">
      <c r="N464445" s="10"/>
    </row>
    <row r="464446" spans="14:14">
      <c r="N464446" s="10"/>
    </row>
    <row r="464447" spans="14:14">
      <c r="N464447" s="10"/>
    </row>
    <row r="464448" spans="14:14">
      <c r="N464448" s="10"/>
    </row>
    <row r="464449" spans="14:14">
      <c r="N464449" s="10"/>
    </row>
    <row r="464450" spans="14:14">
      <c r="N464450" s="10"/>
    </row>
    <row r="464451" spans="14:14">
      <c r="N464451" s="10"/>
    </row>
    <row r="464452" spans="14:14">
      <c r="N464452" s="10"/>
    </row>
    <row r="464453" spans="14:14">
      <c r="N464453" s="10"/>
    </row>
    <row r="464454" spans="14:14">
      <c r="N464454" s="10"/>
    </row>
    <row r="464455" spans="14:14">
      <c r="N464455" s="10"/>
    </row>
    <row r="464456" spans="14:14">
      <c r="N464456" s="10"/>
    </row>
    <row r="464457" spans="14:14">
      <c r="N464457" s="10"/>
    </row>
    <row r="464458" spans="14:14">
      <c r="N464458" s="10"/>
    </row>
    <row r="464459" spans="14:14">
      <c r="N464459" s="10"/>
    </row>
    <row r="464460" spans="14:14">
      <c r="N464460" s="10"/>
    </row>
    <row r="464461" spans="14:14">
      <c r="N464461" s="10"/>
    </row>
    <row r="464462" spans="14:14">
      <c r="N464462" s="10"/>
    </row>
    <row r="464463" spans="14:14">
      <c r="N464463" s="10"/>
    </row>
    <row r="464464" spans="14:14">
      <c r="N464464" s="10"/>
    </row>
    <row r="464465" spans="14:14">
      <c r="N464465" s="10"/>
    </row>
    <row r="464466" spans="14:14">
      <c r="N464466" s="10"/>
    </row>
    <row r="464467" spans="14:14">
      <c r="N464467" s="10"/>
    </row>
    <row r="464468" spans="14:14">
      <c r="N464468" s="10"/>
    </row>
    <row r="464469" spans="14:14">
      <c r="N464469" s="10"/>
    </row>
    <row r="464470" spans="14:14">
      <c r="N464470" s="10"/>
    </row>
    <row r="464471" spans="14:14">
      <c r="N464471" s="10"/>
    </row>
    <row r="464472" spans="14:14">
      <c r="N464472" s="10"/>
    </row>
    <row r="464473" spans="14:14">
      <c r="N464473" s="10"/>
    </row>
    <row r="464474" spans="14:14">
      <c r="N464474" s="10"/>
    </row>
    <row r="464475" spans="14:14">
      <c r="N464475" s="10"/>
    </row>
    <row r="464476" spans="14:14">
      <c r="N464476" s="10"/>
    </row>
    <row r="464477" spans="14:14">
      <c r="N464477" s="10"/>
    </row>
    <row r="464478" spans="14:14">
      <c r="N464478" s="10"/>
    </row>
    <row r="464479" spans="14:14">
      <c r="N464479" s="10"/>
    </row>
    <row r="464480" spans="14:14">
      <c r="N464480" s="10"/>
    </row>
    <row r="464481" spans="14:14">
      <c r="N464481" s="10"/>
    </row>
    <row r="464482" spans="14:14">
      <c r="N464482" s="10"/>
    </row>
    <row r="464483" spans="14:14">
      <c r="N464483" s="10"/>
    </row>
    <row r="464484" spans="14:14">
      <c r="N464484" s="10"/>
    </row>
    <row r="464485" spans="14:14">
      <c r="N464485" s="10"/>
    </row>
    <row r="464486" spans="14:14">
      <c r="N464486" s="10"/>
    </row>
    <row r="464487" spans="14:14">
      <c r="N464487" s="10"/>
    </row>
    <row r="464488" spans="14:14">
      <c r="N464488" s="10"/>
    </row>
    <row r="464489" spans="14:14">
      <c r="N464489" s="10"/>
    </row>
    <row r="464490" spans="14:14">
      <c r="N464490" s="10"/>
    </row>
    <row r="464491" spans="14:14">
      <c r="N464491" s="10"/>
    </row>
    <row r="464492" spans="14:14">
      <c r="N464492" s="10"/>
    </row>
    <row r="464493" spans="14:14">
      <c r="N464493" s="10"/>
    </row>
    <row r="464494" spans="14:14">
      <c r="N464494" s="10"/>
    </row>
    <row r="464495" spans="14:14">
      <c r="N464495" s="10"/>
    </row>
    <row r="464496" spans="14:14">
      <c r="N464496" s="10"/>
    </row>
    <row r="464497" spans="14:14">
      <c r="N464497" s="10"/>
    </row>
    <row r="464498" spans="14:14">
      <c r="N464498" s="10"/>
    </row>
    <row r="464499" spans="14:14">
      <c r="N464499" s="10"/>
    </row>
    <row r="464500" spans="14:14">
      <c r="N464500" s="10"/>
    </row>
    <row r="464501" spans="14:14">
      <c r="N464501" s="10"/>
    </row>
    <row r="464502" spans="14:14">
      <c r="N464502" s="10"/>
    </row>
    <row r="464503" spans="14:14">
      <c r="N464503" s="10"/>
    </row>
    <row r="464504" spans="14:14">
      <c r="N464504" s="10"/>
    </row>
    <row r="464505" spans="14:14">
      <c r="N464505" s="10"/>
    </row>
    <row r="464506" spans="14:14">
      <c r="N464506" s="10"/>
    </row>
    <row r="464507" spans="14:14">
      <c r="N464507" s="10"/>
    </row>
    <row r="464508" spans="14:14">
      <c r="N464508" s="10"/>
    </row>
    <row r="464509" spans="14:14">
      <c r="N464509" s="10"/>
    </row>
    <row r="464510" spans="14:14">
      <c r="N464510" s="10"/>
    </row>
    <row r="464511" spans="14:14">
      <c r="N464511" s="10"/>
    </row>
    <row r="464512" spans="14:14">
      <c r="N464512" s="10"/>
    </row>
    <row r="464513" spans="14:14">
      <c r="N464513" s="10"/>
    </row>
    <row r="464514" spans="14:14">
      <c r="N464514" s="10"/>
    </row>
    <row r="464515" spans="14:14">
      <c r="N464515" s="10"/>
    </row>
    <row r="464516" spans="14:14">
      <c r="N464516" s="10"/>
    </row>
    <row r="464517" spans="14:14">
      <c r="N464517" s="10"/>
    </row>
    <row r="464518" spans="14:14">
      <c r="N464518" s="10"/>
    </row>
    <row r="464519" spans="14:14">
      <c r="N464519" s="10"/>
    </row>
    <row r="464520" spans="14:14">
      <c r="N464520" s="10"/>
    </row>
    <row r="464521" spans="14:14">
      <c r="N464521" s="10"/>
    </row>
    <row r="464522" spans="14:14">
      <c r="N464522" s="10"/>
    </row>
    <row r="464523" spans="14:14">
      <c r="N464523" s="10"/>
    </row>
    <row r="464524" spans="14:14">
      <c r="N464524" s="10"/>
    </row>
    <row r="464525" spans="14:14">
      <c r="N464525" s="10"/>
    </row>
    <row r="464526" spans="14:14">
      <c r="N464526" s="10"/>
    </row>
    <row r="464527" spans="14:14">
      <c r="N464527" s="10"/>
    </row>
    <row r="464528" spans="14:14">
      <c r="N464528" s="10"/>
    </row>
    <row r="464529" spans="14:14">
      <c r="N464529" s="10"/>
    </row>
    <row r="464530" spans="14:14">
      <c r="N464530" s="10"/>
    </row>
    <row r="464531" spans="14:14">
      <c r="N464531" s="10"/>
    </row>
    <row r="464532" spans="14:14">
      <c r="N464532" s="10"/>
    </row>
    <row r="464533" spans="14:14">
      <c r="N464533" s="10"/>
    </row>
    <row r="464534" spans="14:14">
      <c r="N464534" s="10"/>
    </row>
    <row r="464535" spans="14:14">
      <c r="N464535" s="10"/>
    </row>
    <row r="464536" spans="14:14">
      <c r="N464536" s="10"/>
    </row>
    <row r="464537" spans="14:14">
      <c r="N464537" s="10"/>
    </row>
    <row r="464538" spans="14:14">
      <c r="N464538" s="10"/>
    </row>
    <row r="464539" spans="14:14">
      <c r="N464539" s="10"/>
    </row>
    <row r="464540" spans="14:14">
      <c r="N464540" s="10"/>
    </row>
    <row r="464541" spans="14:14">
      <c r="N464541" s="10"/>
    </row>
    <row r="464542" spans="14:14">
      <c r="N464542" s="10"/>
    </row>
    <row r="464543" spans="14:14">
      <c r="N464543" s="10"/>
    </row>
    <row r="464544" spans="14:14">
      <c r="N464544" s="10"/>
    </row>
    <row r="464545" spans="14:14">
      <c r="N464545" s="10"/>
    </row>
    <row r="464546" spans="14:14">
      <c r="N464546" s="10"/>
    </row>
    <row r="464547" spans="14:14">
      <c r="N464547" s="10"/>
    </row>
    <row r="464548" spans="14:14">
      <c r="N464548" s="10"/>
    </row>
    <row r="464549" spans="14:14">
      <c r="N464549" s="10"/>
    </row>
    <row r="464550" spans="14:14">
      <c r="N464550" s="10"/>
    </row>
    <row r="464551" spans="14:14">
      <c r="N464551" s="10"/>
    </row>
    <row r="464552" spans="14:14">
      <c r="N464552" s="10"/>
    </row>
    <row r="464553" spans="14:14">
      <c r="N464553" s="10"/>
    </row>
    <row r="464554" spans="14:14">
      <c r="N464554" s="10"/>
    </row>
    <row r="464555" spans="14:14">
      <c r="N464555" s="10"/>
    </row>
    <row r="464556" spans="14:14">
      <c r="N464556" s="10"/>
    </row>
    <row r="464557" spans="14:14">
      <c r="N464557" s="10"/>
    </row>
    <row r="464558" spans="14:14">
      <c r="N464558" s="10"/>
    </row>
    <row r="464559" spans="14:14">
      <c r="N464559" s="10"/>
    </row>
    <row r="464560" spans="14:14">
      <c r="N464560" s="10"/>
    </row>
    <row r="464561" spans="14:14">
      <c r="N464561" s="10"/>
    </row>
    <row r="464562" spans="14:14">
      <c r="N464562" s="10"/>
    </row>
    <row r="464563" spans="14:14">
      <c r="N464563" s="10"/>
    </row>
    <row r="464564" spans="14:14">
      <c r="N464564" s="10"/>
    </row>
    <row r="464565" spans="14:14">
      <c r="N464565" s="10"/>
    </row>
    <row r="464566" spans="14:14">
      <c r="N464566" s="10"/>
    </row>
    <row r="464567" spans="14:14">
      <c r="N464567" s="10"/>
    </row>
    <row r="464568" spans="14:14">
      <c r="N464568" s="10"/>
    </row>
    <row r="464569" spans="14:14">
      <c r="N464569" s="10"/>
    </row>
    <row r="464570" spans="14:14">
      <c r="N464570" s="10"/>
    </row>
    <row r="464571" spans="14:14">
      <c r="N464571" s="10"/>
    </row>
    <row r="464572" spans="14:14">
      <c r="N464572" s="10"/>
    </row>
    <row r="464573" spans="14:14">
      <c r="N464573" s="10"/>
    </row>
    <row r="464574" spans="14:14">
      <c r="N464574" s="10"/>
    </row>
    <row r="464575" spans="14:14">
      <c r="N464575" s="10"/>
    </row>
    <row r="464576" spans="14:14">
      <c r="N464576" s="10"/>
    </row>
    <row r="464577" spans="14:14">
      <c r="N464577" s="10"/>
    </row>
    <row r="464578" spans="14:14">
      <c r="N464578" s="10"/>
    </row>
    <row r="464579" spans="14:14">
      <c r="N464579" s="10"/>
    </row>
    <row r="464580" spans="14:14">
      <c r="N464580" s="10"/>
    </row>
    <row r="464581" spans="14:14">
      <c r="N464581" s="10"/>
    </row>
    <row r="464582" spans="14:14">
      <c r="N464582" s="10"/>
    </row>
    <row r="464583" spans="14:14">
      <c r="N464583" s="10"/>
    </row>
    <row r="464584" spans="14:14">
      <c r="N464584" s="10"/>
    </row>
    <row r="464585" spans="14:14">
      <c r="N464585" s="10"/>
    </row>
    <row r="464586" spans="14:14">
      <c r="N464586" s="10"/>
    </row>
    <row r="464587" spans="14:14">
      <c r="N464587" s="10"/>
    </row>
    <row r="464588" spans="14:14">
      <c r="N464588" s="10"/>
    </row>
    <row r="464589" spans="14:14">
      <c r="N464589" s="10"/>
    </row>
    <row r="464590" spans="14:14">
      <c r="N464590" s="10"/>
    </row>
    <row r="464591" spans="14:14">
      <c r="N464591" s="10"/>
    </row>
    <row r="464592" spans="14:14">
      <c r="N464592" s="10"/>
    </row>
    <row r="464593" spans="14:14">
      <c r="N464593" s="10"/>
    </row>
    <row r="464594" spans="14:14">
      <c r="N464594" s="10"/>
    </row>
    <row r="464595" spans="14:14">
      <c r="N464595" s="10"/>
    </row>
    <row r="464596" spans="14:14">
      <c r="N464596" s="10"/>
    </row>
    <row r="464597" spans="14:14">
      <c r="N464597" s="10"/>
    </row>
    <row r="464598" spans="14:14">
      <c r="N464598" s="10"/>
    </row>
    <row r="464599" spans="14:14">
      <c r="N464599" s="10"/>
    </row>
    <row r="464600" spans="14:14">
      <c r="N464600" s="10"/>
    </row>
    <row r="464601" spans="14:14">
      <c r="N464601" s="10"/>
    </row>
    <row r="464602" spans="14:14">
      <c r="N464602" s="10"/>
    </row>
    <row r="464603" spans="14:14">
      <c r="N464603" s="10"/>
    </row>
    <row r="464604" spans="14:14">
      <c r="N464604" s="10"/>
    </row>
    <row r="464605" spans="14:14">
      <c r="N464605" s="10"/>
    </row>
    <row r="464606" spans="14:14">
      <c r="N464606" s="10"/>
    </row>
    <row r="464607" spans="14:14">
      <c r="N464607" s="10"/>
    </row>
    <row r="464608" spans="14:14">
      <c r="N464608" s="10"/>
    </row>
    <row r="464609" spans="14:14">
      <c r="N464609" s="10"/>
    </row>
    <row r="464610" spans="14:14">
      <c r="N464610" s="10"/>
    </row>
    <row r="464611" spans="14:14">
      <c r="N464611" s="10"/>
    </row>
    <row r="464612" spans="14:14">
      <c r="N464612" s="10"/>
    </row>
    <row r="464613" spans="14:14">
      <c r="N464613" s="10"/>
    </row>
    <row r="464614" spans="14:14">
      <c r="N464614" s="10"/>
    </row>
    <row r="464615" spans="14:14">
      <c r="N464615" s="10"/>
    </row>
    <row r="464616" spans="14:14">
      <c r="N464616" s="10"/>
    </row>
    <row r="464617" spans="14:14">
      <c r="N464617" s="10"/>
    </row>
    <row r="464618" spans="14:14">
      <c r="N464618" s="10"/>
    </row>
    <row r="464619" spans="14:14">
      <c r="N464619" s="10"/>
    </row>
    <row r="464620" spans="14:14">
      <c r="N464620" s="10"/>
    </row>
    <row r="464621" spans="14:14">
      <c r="N464621" s="10"/>
    </row>
    <row r="464622" spans="14:14">
      <c r="N464622" s="10"/>
    </row>
    <row r="464623" spans="14:14">
      <c r="N464623" s="10"/>
    </row>
    <row r="464624" spans="14:14">
      <c r="N464624" s="10"/>
    </row>
    <row r="464625" spans="14:14">
      <c r="N464625" s="10"/>
    </row>
    <row r="464626" spans="14:14">
      <c r="N464626" s="10"/>
    </row>
    <row r="464627" spans="14:14">
      <c r="N464627" s="10"/>
    </row>
    <row r="464628" spans="14:14">
      <c r="N464628" s="10"/>
    </row>
    <row r="464629" spans="14:14">
      <c r="N464629" s="10"/>
    </row>
    <row r="464630" spans="14:14">
      <c r="N464630" s="10"/>
    </row>
    <row r="464631" spans="14:14">
      <c r="N464631" s="10"/>
    </row>
    <row r="464632" spans="14:14">
      <c r="N464632" s="10"/>
    </row>
    <row r="464633" spans="14:14">
      <c r="N464633" s="10"/>
    </row>
    <row r="464634" spans="14:14">
      <c r="N464634" s="10"/>
    </row>
    <row r="464635" spans="14:14">
      <c r="N464635" s="10"/>
    </row>
    <row r="464636" spans="14:14">
      <c r="N464636" s="10"/>
    </row>
    <row r="464637" spans="14:14">
      <c r="N464637" s="10"/>
    </row>
    <row r="464638" spans="14:14">
      <c r="N464638" s="10"/>
    </row>
    <row r="464639" spans="14:14">
      <c r="N464639" s="10"/>
    </row>
    <row r="464640" spans="14:14">
      <c r="N464640" s="10"/>
    </row>
    <row r="464641" spans="14:14">
      <c r="N464641" s="10"/>
    </row>
    <row r="464642" spans="14:14">
      <c r="N464642" s="10"/>
    </row>
    <row r="464643" spans="14:14">
      <c r="N464643" s="10"/>
    </row>
    <row r="464644" spans="14:14">
      <c r="N464644" s="10"/>
    </row>
    <row r="464645" spans="14:14">
      <c r="N464645" s="10"/>
    </row>
    <row r="464646" spans="14:14">
      <c r="N464646" s="10"/>
    </row>
    <row r="464647" spans="14:14">
      <c r="N464647" s="10"/>
    </row>
    <row r="464648" spans="14:14">
      <c r="N464648" s="10"/>
    </row>
    <row r="464649" spans="14:14">
      <c r="N464649" s="10"/>
    </row>
    <row r="464650" spans="14:14">
      <c r="N464650" s="10"/>
    </row>
    <row r="464651" spans="14:14">
      <c r="N464651" s="10"/>
    </row>
    <row r="464652" spans="14:14">
      <c r="N464652" s="10"/>
    </row>
    <row r="464653" spans="14:14">
      <c r="N464653" s="10"/>
    </row>
    <row r="464654" spans="14:14">
      <c r="N464654" s="10"/>
    </row>
    <row r="464655" spans="14:14">
      <c r="N464655" s="10"/>
    </row>
    <row r="464656" spans="14:14">
      <c r="N464656" s="10"/>
    </row>
    <row r="464657" spans="14:14">
      <c r="N464657" s="10"/>
    </row>
    <row r="464658" spans="14:14">
      <c r="N464658" s="10"/>
    </row>
    <row r="464659" spans="14:14">
      <c r="N464659" s="10"/>
    </row>
    <row r="464660" spans="14:14">
      <c r="N464660" s="10"/>
    </row>
    <row r="464661" spans="14:14">
      <c r="N464661" s="10"/>
    </row>
    <row r="464662" spans="14:14">
      <c r="N464662" s="10"/>
    </row>
    <row r="464663" spans="14:14">
      <c r="N464663" s="10"/>
    </row>
    <row r="464664" spans="14:14">
      <c r="N464664" s="10"/>
    </row>
    <row r="464665" spans="14:14">
      <c r="N464665" s="10"/>
    </row>
    <row r="464666" spans="14:14">
      <c r="N464666" s="10"/>
    </row>
    <row r="464667" spans="14:14">
      <c r="N464667" s="10"/>
    </row>
    <row r="464668" spans="14:14">
      <c r="N464668" s="10"/>
    </row>
    <row r="464669" spans="14:14">
      <c r="N464669" s="10"/>
    </row>
    <row r="464670" spans="14:14">
      <c r="N464670" s="10"/>
    </row>
    <row r="464671" spans="14:14">
      <c r="N464671" s="10"/>
    </row>
    <row r="464672" spans="14:14">
      <c r="N464672" s="10"/>
    </row>
    <row r="464673" spans="14:14">
      <c r="N464673" s="10"/>
    </row>
    <row r="464674" spans="14:14">
      <c r="N464674" s="10"/>
    </row>
    <row r="464675" spans="14:14">
      <c r="N464675" s="10"/>
    </row>
    <row r="464676" spans="14:14">
      <c r="N464676" s="10"/>
    </row>
    <row r="464677" spans="14:14">
      <c r="N464677" s="10"/>
    </row>
    <row r="464678" spans="14:14">
      <c r="N464678" s="10"/>
    </row>
    <row r="464679" spans="14:14">
      <c r="N464679" s="10"/>
    </row>
    <row r="464680" spans="14:14">
      <c r="N464680" s="10"/>
    </row>
    <row r="464681" spans="14:14">
      <c r="N464681" s="10"/>
    </row>
    <row r="464682" spans="14:14">
      <c r="N464682" s="10"/>
    </row>
    <row r="464683" spans="14:14">
      <c r="N464683" s="10"/>
    </row>
    <row r="464684" spans="14:14">
      <c r="N464684" s="10"/>
    </row>
    <row r="464685" spans="14:14">
      <c r="N464685" s="10"/>
    </row>
    <row r="464686" spans="14:14">
      <c r="N464686" s="10"/>
    </row>
    <row r="464687" spans="14:14">
      <c r="N464687" s="10"/>
    </row>
    <row r="464688" spans="14:14">
      <c r="N464688" s="10"/>
    </row>
    <row r="464689" spans="14:14">
      <c r="N464689" s="10"/>
    </row>
    <row r="464690" spans="14:14">
      <c r="N464690" s="10"/>
    </row>
    <row r="464691" spans="14:14">
      <c r="N464691" s="10"/>
    </row>
    <row r="464692" spans="14:14">
      <c r="N464692" s="10"/>
    </row>
    <row r="464693" spans="14:14">
      <c r="N464693" s="10"/>
    </row>
    <row r="464694" spans="14:14">
      <c r="N464694" s="10"/>
    </row>
    <row r="464695" spans="14:14">
      <c r="N464695" s="10"/>
    </row>
    <row r="464696" spans="14:14">
      <c r="N464696" s="10"/>
    </row>
    <row r="464697" spans="14:14">
      <c r="N464697" s="10"/>
    </row>
    <row r="464698" spans="14:14">
      <c r="N464698" s="10"/>
    </row>
    <row r="464699" spans="14:14">
      <c r="N464699" s="10"/>
    </row>
    <row r="464700" spans="14:14">
      <c r="N464700" s="10"/>
    </row>
    <row r="464701" spans="14:14">
      <c r="N464701" s="10"/>
    </row>
    <row r="464702" spans="14:14">
      <c r="N464702" s="10"/>
    </row>
    <row r="464703" spans="14:14">
      <c r="N464703" s="10"/>
    </row>
    <row r="464704" spans="14:14">
      <c r="N464704" s="10"/>
    </row>
    <row r="464705" spans="14:14">
      <c r="N464705" s="10"/>
    </row>
    <row r="464706" spans="14:14">
      <c r="N464706" s="10"/>
    </row>
    <row r="464707" spans="14:14">
      <c r="N464707" s="10"/>
    </row>
    <row r="464708" spans="14:14">
      <c r="N464708" s="10"/>
    </row>
    <row r="464709" spans="14:14">
      <c r="N464709" s="10"/>
    </row>
    <row r="464710" spans="14:14">
      <c r="N464710" s="10"/>
    </row>
    <row r="464711" spans="14:14">
      <c r="N464711" s="10"/>
    </row>
    <row r="464712" spans="14:14">
      <c r="N464712" s="10"/>
    </row>
    <row r="464713" spans="14:14">
      <c r="N464713" s="10"/>
    </row>
    <row r="464714" spans="14:14">
      <c r="N464714" s="10"/>
    </row>
    <row r="464715" spans="14:14">
      <c r="N464715" s="10"/>
    </row>
    <row r="464716" spans="14:14">
      <c r="N464716" s="10"/>
    </row>
    <row r="464717" spans="14:14">
      <c r="N464717" s="10"/>
    </row>
    <row r="464718" spans="14:14">
      <c r="N464718" s="10"/>
    </row>
    <row r="464719" spans="14:14">
      <c r="N464719" s="10"/>
    </row>
    <row r="464720" spans="14:14">
      <c r="N464720" s="10"/>
    </row>
    <row r="464721" spans="14:14">
      <c r="N464721" s="10"/>
    </row>
    <row r="464722" spans="14:14">
      <c r="N464722" s="10"/>
    </row>
    <row r="464723" spans="14:14">
      <c r="N464723" s="10"/>
    </row>
    <row r="464724" spans="14:14">
      <c r="N464724" s="10"/>
    </row>
    <row r="464725" spans="14:14">
      <c r="N464725" s="10"/>
    </row>
    <row r="464726" spans="14:14">
      <c r="N464726" s="10"/>
    </row>
    <row r="464727" spans="14:14">
      <c r="N464727" s="10"/>
    </row>
    <row r="464728" spans="14:14">
      <c r="N464728" s="10"/>
    </row>
    <row r="464729" spans="14:14">
      <c r="N464729" s="10"/>
    </row>
    <row r="464730" spans="14:14">
      <c r="N464730" s="10"/>
    </row>
    <row r="464731" spans="14:14">
      <c r="N464731" s="10"/>
    </row>
    <row r="464732" spans="14:14">
      <c r="N464732" s="10"/>
    </row>
    <row r="464733" spans="14:14">
      <c r="N464733" s="10"/>
    </row>
    <row r="464734" spans="14:14">
      <c r="N464734" s="10"/>
    </row>
    <row r="464735" spans="14:14">
      <c r="N464735" s="10"/>
    </row>
    <row r="464736" spans="14:14">
      <c r="N464736" s="10"/>
    </row>
    <row r="464737" spans="14:14">
      <c r="N464737" s="10"/>
    </row>
    <row r="464738" spans="14:14">
      <c r="N464738" s="10"/>
    </row>
    <row r="464739" spans="14:14">
      <c r="N464739" s="10"/>
    </row>
    <row r="464740" spans="14:14">
      <c r="N464740" s="10"/>
    </row>
    <row r="464741" spans="14:14">
      <c r="N464741" s="10"/>
    </row>
    <row r="464742" spans="14:14">
      <c r="N464742" s="10"/>
    </row>
    <row r="464743" spans="14:14">
      <c r="N464743" s="10"/>
    </row>
    <row r="464744" spans="14:14">
      <c r="N464744" s="10"/>
    </row>
    <row r="464745" spans="14:14">
      <c r="N464745" s="10"/>
    </row>
    <row r="464746" spans="14:14">
      <c r="N464746" s="10"/>
    </row>
    <row r="464747" spans="14:14">
      <c r="N464747" s="10"/>
    </row>
    <row r="464748" spans="14:14">
      <c r="N464748" s="10"/>
    </row>
    <row r="464749" spans="14:14">
      <c r="N464749" s="10"/>
    </row>
    <row r="464750" spans="14:14">
      <c r="N464750" s="10"/>
    </row>
    <row r="464751" spans="14:14">
      <c r="N464751" s="10"/>
    </row>
    <row r="464752" spans="14:14">
      <c r="N464752" s="10"/>
    </row>
    <row r="464753" spans="14:14">
      <c r="N464753" s="10"/>
    </row>
    <row r="464754" spans="14:14">
      <c r="N464754" s="10"/>
    </row>
    <row r="464755" spans="14:14">
      <c r="N464755" s="10"/>
    </row>
    <row r="464756" spans="14:14">
      <c r="N464756" s="10"/>
    </row>
    <row r="464757" spans="14:14">
      <c r="N464757" s="10"/>
    </row>
    <row r="464758" spans="14:14">
      <c r="N464758" s="10"/>
    </row>
    <row r="464759" spans="14:14">
      <c r="N464759" s="10"/>
    </row>
    <row r="464760" spans="14:14">
      <c r="N464760" s="10"/>
    </row>
    <row r="464761" spans="14:14">
      <c r="N464761" s="10"/>
    </row>
    <row r="464762" spans="14:14">
      <c r="N464762" s="10"/>
    </row>
    <row r="464763" spans="14:14">
      <c r="N464763" s="10"/>
    </row>
    <row r="464764" spans="14:14">
      <c r="N464764" s="10"/>
    </row>
    <row r="464765" spans="14:14">
      <c r="N464765" s="10"/>
    </row>
    <row r="464766" spans="14:14">
      <c r="N464766" s="10"/>
    </row>
    <row r="464767" spans="14:14">
      <c r="N464767" s="10"/>
    </row>
    <row r="464768" spans="14:14">
      <c r="N464768" s="10"/>
    </row>
    <row r="464769" spans="14:14">
      <c r="N464769" s="10"/>
    </row>
    <row r="464770" spans="14:14">
      <c r="N464770" s="10"/>
    </row>
    <row r="464771" spans="14:14">
      <c r="N464771" s="10"/>
    </row>
    <row r="464772" spans="14:14">
      <c r="N464772" s="10"/>
    </row>
    <row r="464773" spans="14:14">
      <c r="N464773" s="10"/>
    </row>
    <row r="464774" spans="14:14">
      <c r="N464774" s="10"/>
    </row>
    <row r="464775" spans="14:14">
      <c r="N464775" s="10"/>
    </row>
    <row r="464776" spans="14:14">
      <c r="N464776" s="10"/>
    </row>
    <row r="464777" spans="14:14">
      <c r="N464777" s="10"/>
    </row>
    <row r="464778" spans="14:14">
      <c r="N464778" s="10"/>
    </row>
    <row r="464779" spans="14:14">
      <c r="N464779" s="10"/>
    </row>
    <row r="464780" spans="14:14">
      <c r="N464780" s="10"/>
    </row>
    <row r="464781" spans="14:14">
      <c r="N464781" s="10"/>
    </row>
    <row r="464782" spans="14:14">
      <c r="N464782" s="10"/>
    </row>
    <row r="464783" spans="14:14">
      <c r="N464783" s="10"/>
    </row>
    <row r="464784" spans="14:14">
      <c r="N464784" s="10"/>
    </row>
    <row r="464785" spans="14:14">
      <c r="N464785" s="10"/>
    </row>
    <row r="464786" spans="14:14">
      <c r="N464786" s="10"/>
    </row>
    <row r="464787" spans="14:14">
      <c r="N464787" s="10"/>
    </row>
    <row r="464788" spans="14:14">
      <c r="N464788" s="10"/>
    </row>
    <row r="464789" spans="14:14">
      <c r="N464789" s="10"/>
    </row>
    <row r="464790" spans="14:14">
      <c r="N464790" s="10"/>
    </row>
    <row r="464791" spans="14:14">
      <c r="N464791" s="10"/>
    </row>
    <row r="464792" spans="14:14">
      <c r="N464792" s="10"/>
    </row>
    <row r="464793" spans="14:14">
      <c r="N464793" s="10"/>
    </row>
    <row r="464794" spans="14:14">
      <c r="N464794" s="10"/>
    </row>
    <row r="464795" spans="14:14">
      <c r="N464795" s="10"/>
    </row>
    <row r="464796" spans="14:14">
      <c r="N464796" s="10"/>
    </row>
    <row r="464797" spans="14:14">
      <c r="N464797" s="10"/>
    </row>
    <row r="464798" spans="14:14">
      <c r="N464798" s="10"/>
    </row>
    <row r="464799" spans="14:14">
      <c r="N464799" s="10"/>
    </row>
    <row r="464800" spans="14:14">
      <c r="N464800" s="10"/>
    </row>
    <row r="464801" spans="14:14">
      <c r="N464801" s="10"/>
    </row>
    <row r="464802" spans="14:14">
      <c r="N464802" s="10"/>
    </row>
    <row r="464803" spans="14:14">
      <c r="N464803" s="10"/>
    </row>
    <row r="464804" spans="14:14">
      <c r="N464804" s="10"/>
    </row>
    <row r="464805" spans="14:14">
      <c r="N464805" s="10"/>
    </row>
    <row r="464806" spans="14:14">
      <c r="N464806" s="10"/>
    </row>
    <row r="464807" spans="14:14">
      <c r="N464807" s="10"/>
    </row>
    <row r="464808" spans="14:14">
      <c r="N464808" s="10"/>
    </row>
    <row r="464809" spans="14:14">
      <c r="N464809" s="10"/>
    </row>
    <row r="464810" spans="14:14">
      <c r="N464810" s="10"/>
    </row>
    <row r="464811" spans="14:14">
      <c r="N464811" s="10"/>
    </row>
    <row r="464812" spans="14:14">
      <c r="N464812" s="10"/>
    </row>
    <row r="464813" spans="14:14">
      <c r="N464813" s="10"/>
    </row>
    <row r="464814" spans="14:14">
      <c r="N464814" s="10"/>
    </row>
    <row r="464815" spans="14:14">
      <c r="N464815" s="10"/>
    </row>
    <row r="464816" spans="14:14">
      <c r="N464816" s="10"/>
    </row>
    <row r="464817" spans="14:14">
      <c r="N464817" s="10"/>
    </row>
    <row r="464818" spans="14:14">
      <c r="N464818" s="10"/>
    </row>
    <row r="464819" spans="14:14">
      <c r="N464819" s="10"/>
    </row>
    <row r="464820" spans="14:14">
      <c r="N464820" s="10"/>
    </row>
    <row r="464821" spans="14:14">
      <c r="N464821" s="10"/>
    </row>
    <row r="464822" spans="14:14">
      <c r="N464822" s="10"/>
    </row>
    <row r="464823" spans="14:14">
      <c r="N464823" s="10"/>
    </row>
    <row r="464824" spans="14:14">
      <c r="N464824" s="10"/>
    </row>
    <row r="464825" spans="14:14">
      <c r="N464825" s="10"/>
    </row>
    <row r="464826" spans="14:14">
      <c r="N464826" s="10"/>
    </row>
    <row r="464827" spans="14:14">
      <c r="N464827" s="10"/>
    </row>
    <row r="464828" spans="14:14">
      <c r="N464828" s="10"/>
    </row>
    <row r="464829" spans="14:14">
      <c r="N464829" s="10"/>
    </row>
    <row r="464830" spans="14:14">
      <c r="N464830" s="10"/>
    </row>
    <row r="464831" spans="14:14">
      <c r="N464831" s="10"/>
    </row>
    <row r="464832" spans="14:14">
      <c r="N464832" s="10"/>
    </row>
    <row r="464833" spans="14:14">
      <c r="N464833" s="10"/>
    </row>
    <row r="464834" spans="14:14">
      <c r="N464834" s="10"/>
    </row>
    <row r="464835" spans="14:14">
      <c r="N464835" s="10"/>
    </row>
    <row r="464836" spans="14:14">
      <c r="N464836" s="10"/>
    </row>
    <row r="464837" spans="14:14">
      <c r="N464837" s="10"/>
    </row>
    <row r="464838" spans="14:14">
      <c r="N464838" s="10"/>
    </row>
    <row r="464839" spans="14:14">
      <c r="N464839" s="10"/>
    </row>
    <row r="464840" spans="14:14">
      <c r="N464840" s="10"/>
    </row>
    <row r="464841" spans="14:14">
      <c r="N464841" s="10"/>
    </row>
    <row r="464842" spans="14:14">
      <c r="N464842" s="10"/>
    </row>
    <row r="464843" spans="14:14">
      <c r="N464843" s="10"/>
    </row>
    <row r="464844" spans="14:14">
      <c r="N464844" s="10"/>
    </row>
    <row r="464845" spans="14:14">
      <c r="N464845" s="10"/>
    </row>
    <row r="464846" spans="14:14">
      <c r="N464846" s="10"/>
    </row>
    <row r="464847" spans="14:14">
      <c r="N464847" s="10"/>
    </row>
    <row r="464848" spans="14:14">
      <c r="N464848" s="10"/>
    </row>
    <row r="464849" spans="14:14">
      <c r="N464849" s="10"/>
    </row>
    <row r="464850" spans="14:14">
      <c r="N464850" s="10"/>
    </row>
    <row r="464851" spans="14:14">
      <c r="N464851" s="10"/>
    </row>
    <row r="464852" spans="14:14">
      <c r="N464852" s="10"/>
    </row>
    <row r="464853" spans="14:14">
      <c r="N464853" s="10"/>
    </row>
    <row r="464854" spans="14:14">
      <c r="N464854" s="10"/>
    </row>
    <row r="464855" spans="14:14">
      <c r="N464855" s="10"/>
    </row>
    <row r="464856" spans="14:14">
      <c r="N464856" s="10"/>
    </row>
    <row r="464857" spans="14:14">
      <c r="N464857" s="10"/>
    </row>
    <row r="464858" spans="14:14">
      <c r="N464858" s="10"/>
    </row>
    <row r="464859" spans="14:14">
      <c r="N464859" s="10"/>
    </row>
    <row r="464860" spans="14:14">
      <c r="N464860" s="10"/>
    </row>
    <row r="464861" spans="14:14">
      <c r="N464861" s="10"/>
    </row>
    <row r="464862" spans="14:14">
      <c r="N464862" s="10"/>
    </row>
    <row r="464863" spans="14:14">
      <c r="N464863" s="10"/>
    </row>
    <row r="464864" spans="14:14">
      <c r="N464864" s="10"/>
    </row>
    <row r="464865" spans="14:14">
      <c r="N464865" s="10"/>
    </row>
    <row r="464866" spans="14:14">
      <c r="N464866" s="10"/>
    </row>
    <row r="464867" spans="14:14">
      <c r="N464867" s="10"/>
    </row>
    <row r="464868" spans="14:14">
      <c r="N464868" s="10"/>
    </row>
    <row r="464869" spans="14:14">
      <c r="N464869" s="10"/>
    </row>
    <row r="464870" spans="14:14">
      <c r="N464870" s="10"/>
    </row>
    <row r="464871" spans="14:14">
      <c r="N464871" s="10"/>
    </row>
    <row r="464872" spans="14:14">
      <c r="N464872" s="10"/>
    </row>
    <row r="464873" spans="14:14">
      <c r="N464873" s="10"/>
    </row>
    <row r="464874" spans="14:14">
      <c r="N464874" s="10"/>
    </row>
    <row r="464875" spans="14:14">
      <c r="N464875" s="10"/>
    </row>
    <row r="464876" spans="14:14">
      <c r="N464876" s="10"/>
    </row>
    <row r="464877" spans="14:14">
      <c r="N464877" s="10"/>
    </row>
    <row r="464878" spans="14:14">
      <c r="N464878" s="10"/>
    </row>
    <row r="464879" spans="14:14">
      <c r="N464879" s="10"/>
    </row>
    <row r="464880" spans="14:14">
      <c r="N464880" s="10"/>
    </row>
    <row r="464881" spans="14:14">
      <c r="N464881" s="10"/>
    </row>
    <row r="464882" spans="14:14">
      <c r="N464882" s="10"/>
    </row>
    <row r="464883" spans="14:14">
      <c r="N464883" s="10"/>
    </row>
    <row r="464884" spans="14:14">
      <c r="N464884" s="10"/>
    </row>
    <row r="464885" spans="14:14">
      <c r="N464885" s="10"/>
    </row>
    <row r="464886" spans="14:14">
      <c r="N464886" s="10"/>
    </row>
    <row r="464887" spans="14:14">
      <c r="N464887" s="10"/>
    </row>
    <row r="464888" spans="14:14">
      <c r="N464888" s="10"/>
    </row>
    <row r="464889" spans="14:14">
      <c r="N464889" s="10"/>
    </row>
    <row r="464890" spans="14:14">
      <c r="N464890" s="10"/>
    </row>
    <row r="464891" spans="14:14">
      <c r="N464891" s="10"/>
    </row>
    <row r="464892" spans="14:14">
      <c r="N464892" s="10"/>
    </row>
    <row r="464893" spans="14:14">
      <c r="N464893" s="10"/>
    </row>
    <row r="464894" spans="14:14">
      <c r="N464894" s="10"/>
    </row>
    <row r="464895" spans="14:14">
      <c r="N464895" s="10"/>
    </row>
    <row r="464896" spans="14:14">
      <c r="N464896" s="10"/>
    </row>
    <row r="464897" spans="14:14">
      <c r="N464897" s="10"/>
    </row>
    <row r="464898" spans="14:14">
      <c r="N464898" s="10"/>
    </row>
    <row r="464899" spans="14:14">
      <c r="N464899" s="10"/>
    </row>
    <row r="464900" spans="14:14">
      <c r="N464900" s="10"/>
    </row>
    <row r="464901" spans="14:14">
      <c r="N464901" s="10"/>
    </row>
    <row r="464902" spans="14:14">
      <c r="N464902" s="10"/>
    </row>
    <row r="464903" spans="14:14">
      <c r="N464903" s="10"/>
    </row>
    <row r="464904" spans="14:14">
      <c r="N464904" s="10"/>
    </row>
    <row r="464905" spans="14:14">
      <c r="N464905" s="10"/>
    </row>
    <row r="464906" spans="14:14">
      <c r="N464906" s="10"/>
    </row>
    <row r="464907" spans="14:14">
      <c r="N464907" s="10"/>
    </row>
    <row r="464908" spans="14:14">
      <c r="N464908" s="10"/>
    </row>
    <row r="464909" spans="14:14">
      <c r="N464909" s="10"/>
    </row>
    <row r="464910" spans="14:14">
      <c r="N464910" s="10"/>
    </row>
    <row r="464911" spans="14:14">
      <c r="N464911" s="10"/>
    </row>
    <row r="464912" spans="14:14">
      <c r="N464912" s="10"/>
    </row>
    <row r="464913" spans="14:14">
      <c r="N464913" s="10"/>
    </row>
    <row r="464914" spans="14:14">
      <c r="N464914" s="10"/>
    </row>
    <row r="464915" spans="14:14">
      <c r="N464915" s="10"/>
    </row>
    <row r="464916" spans="14:14">
      <c r="N464916" s="10"/>
    </row>
    <row r="464917" spans="14:14">
      <c r="N464917" s="10"/>
    </row>
    <row r="464918" spans="14:14">
      <c r="N464918" s="10"/>
    </row>
    <row r="464919" spans="14:14">
      <c r="N464919" s="10"/>
    </row>
    <row r="464920" spans="14:14">
      <c r="N464920" s="10"/>
    </row>
    <row r="464921" spans="14:14">
      <c r="N464921" s="10"/>
    </row>
    <row r="464922" spans="14:14">
      <c r="N464922" s="10"/>
    </row>
    <row r="464923" spans="14:14">
      <c r="N464923" s="10"/>
    </row>
    <row r="464924" spans="14:14">
      <c r="N464924" s="10"/>
    </row>
    <row r="464925" spans="14:14">
      <c r="N464925" s="10"/>
    </row>
    <row r="464926" spans="14:14">
      <c r="N464926" s="10"/>
    </row>
    <row r="464927" spans="14:14">
      <c r="N464927" s="10"/>
    </row>
    <row r="464928" spans="14:14">
      <c r="N464928" s="10"/>
    </row>
    <row r="464929" spans="14:14">
      <c r="N464929" s="10"/>
    </row>
    <row r="464930" spans="14:14">
      <c r="N464930" s="10"/>
    </row>
    <row r="464931" spans="14:14">
      <c r="N464931" s="10"/>
    </row>
    <row r="464932" spans="14:14">
      <c r="N464932" s="10"/>
    </row>
    <row r="464933" spans="14:14">
      <c r="N464933" s="10"/>
    </row>
    <row r="464934" spans="14:14">
      <c r="N464934" s="10"/>
    </row>
    <row r="464935" spans="14:14">
      <c r="N464935" s="10"/>
    </row>
    <row r="464936" spans="14:14">
      <c r="N464936" s="10"/>
    </row>
    <row r="464937" spans="14:14">
      <c r="N464937" s="10"/>
    </row>
    <row r="464938" spans="14:14">
      <c r="N464938" s="10"/>
    </row>
    <row r="464939" spans="14:14">
      <c r="N464939" s="10"/>
    </row>
    <row r="464940" spans="14:14">
      <c r="N464940" s="10"/>
    </row>
    <row r="464941" spans="14:14">
      <c r="N464941" s="10"/>
    </row>
    <row r="464942" spans="14:14">
      <c r="N464942" s="10"/>
    </row>
    <row r="464943" spans="14:14">
      <c r="N464943" s="10"/>
    </row>
    <row r="464944" spans="14:14">
      <c r="N464944" s="10"/>
    </row>
    <row r="464945" spans="14:14">
      <c r="N464945" s="10"/>
    </row>
    <row r="464946" spans="14:14">
      <c r="N464946" s="10"/>
    </row>
    <row r="464947" spans="14:14">
      <c r="N464947" s="10"/>
    </row>
    <row r="464948" spans="14:14">
      <c r="N464948" s="10"/>
    </row>
    <row r="464949" spans="14:14">
      <c r="N464949" s="10"/>
    </row>
    <row r="464950" spans="14:14">
      <c r="N464950" s="10"/>
    </row>
    <row r="464951" spans="14:14">
      <c r="N464951" s="10"/>
    </row>
    <row r="464952" spans="14:14">
      <c r="N464952" s="10"/>
    </row>
    <row r="464953" spans="14:14">
      <c r="N464953" s="10"/>
    </row>
    <row r="464954" spans="14:14">
      <c r="N464954" s="10"/>
    </row>
    <row r="464955" spans="14:14">
      <c r="N464955" s="10"/>
    </row>
    <row r="464956" spans="14:14">
      <c r="N464956" s="10"/>
    </row>
    <row r="464957" spans="14:14">
      <c r="N464957" s="10"/>
    </row>
    <row r="464958" spans="14:14">
      <c r="N464958" s="10"/>
    </row>
    <row r="464959" spans="14:14">
      <c r="N464959" s="10"/>
    </row>
    <row r="464960" spans="14:14">
      <c r="N464960" s="10"/>
    </row>
    <row r="464961" spans="14:14">
      <c r="N464961" s="10"/>
    </row>
    <row r="464962" spans="14:14">
      <c r="N464962" s="10"/>
    </row>
    <row r="464963" spans="14:14">
      <c r="N464963" s="10"/>
    </row>
    <row r="464964" spans="14:14">
      <c r="N464964" s="10"/>
    </row>
    <row r="464965" spans="14:14">
      <c r="N464965" s="10"/>
    </row>
    <row r="464966" spans="14:14">
      <c r="N464966" s="10"/>
    </row>
    <row r="464967" spans="14:14">
      <c r="N464967" s="10"/>
    </row>
    <row r="464968" spans="14:14">
      <c r="N464968" s="10"/>
    </row>
    <row r="464969" spans="14:14">
      <c r="N464969" s="10"/>
    </row>
    <row r="464970" spans="14:14">
      <c r="N464970" s="10"/>
    </row>
    <row r="464971" spans="14:14">
      <c r="N464971" s="10"/>
    </row>
    <row r="464972" spans="14:14">
      <c r="N464972" s="10"/>
    </row>
    <row r="464973" spans="14:14">
      <c r="N464973" s="10"/>
    </row>
    <row r="464974" spans="14:14">
      <c r="N464974" s="10"/>
    </row>
    <row r="464975" spans="14:14">
      <c r="N464975" s="10"/>
    </row>
    <row r="464976" spans="14:14">
      <c r="N464976" s="10"/>
    </row>
    <row r="464977" spans="14:14">
      <c r="N464977" s="10"/>
    </row>
    <row r="464978" spans="14:14">
      <c r="N464978" s="10"/>
    </row>
    <row r="464979" spans="14:14">
      <c r="N464979" s="10"/>
    </row>
    <row r="464980" spans="14:14">
      <c r="N464980" s="10"/>
    </row>
    <row r="464981" spans="14:14">
      <c r="N464981" s="10"/>
    </row>
    <row r="464982" spans="14:14">
      <c r="N464982" s="10"/>
    </row>
    <row r="464983" spans="14:14">
      <c r="N464983" s="10"/>
    </row>
    <row r="464984" spans="14:14">
      <c r="N464984" s="10"/>
    </row>
    <row r="464985" spans="14:14">
      <c r="N464985" s="10"/>
    </row>
    <row r="464986" spans="14:14">
      <c r="N464986" s="10"/>
    </row>
    <row r="464987" spans="14:14">
      <c r="N464987" s="10"/>
    </row>
    <row r="464988" spans="14:14">
      <c r="N464988" s="10"/>
    </row>
    <row r="464989" spans="14:14">
      <c r="N464989" s="10"/>
    </row>
    <row r="464990" spans="14:14">
      <c r="N464990" s="10"/>
    </row>
    <row r="464991" spans="14:14">
      <c r="N464991" s="10"/>
    </row>
    <row r="464992" spans="14:14">
      <c r="N464992" s="10"/>
    </row>
    <row r="464993" spans="14:14">
      <c r="N464993" s="10"/>
    </row>
    <row r="464994" spans="14:14">
      <c r="N464994" s="10"/>
    </row>
    <row r="464995" spans="14:14">
      <c r="N464995" s="10"/>
    </row>
    <row r="464996" spans="14:14">
      <c r="N464996" s="10"/>
    </row>
    <row r="464997" spans="14:14">
      <c r="N464997" s="10"/>
    </row>
    <row r="464998" spans="14:14">
      <c r="N464998" s="10"/>
    </row>
    <row r="464999" spans="14:14">
      <c r="N464999" s="10"/>
    </row>
    <row r="465000" spans="14:14">
      <c r="N465000" s="10"/>
    </row>
    <row r="465001" spans="14:14">
      <c r="N465001" s="10"/>
    </row>
    <row r="465002" spans="14:14">
      <c r="N465002" s="10"/>
    </row>
    <row r="465003" spans="14:14">
      <c r="N465003" s="10"/>
    </row>
    <row r="465004" spans="14:14">
      <c r="N465004" s="10"/>
    </row>
    <row r="465005" spans="14:14">
      <c r="N465005" s="10"/>
    </row>
    <row r="465006" spans="14:14">
      <c r="N465006" s="10"/>
    </row>
    <row r="465007" spans="14:14">
      <c r="N465007" s="10"/>
    </row>
    <row r="465008" spans="14:14">
      <c r="N465008" s="10"/>
    </row>
    <row r="465009" spans="14:14">
      <c r="N465009" s="10"/>
    </row>
    <row r="465010" spans="14:14">
      <c r="N465010" s="10"/>
    </row>
    <row r="465011" spans="14:14">
      <c r="N465011" s="10"/>
    </row>
    <row r="465012" spans="14:14">
      <c r="N465012" s="10"/>
    </row>
    <row r="465013" spans="14:14">
      <c r="N465013" s="10"/>
    </row>
    <row r="465014" spans="14:14">
      <c r="N465014" s="10"/>
    </row>
    <row r="465015" spans="14:14">
      <c r="N465015" s="10"/>
    </row>
    <row r="465016" spans="14:14">
      <c r="N465016" s="10"/>
    </row>
    <row r="465017" spans="14:14">
      <c r="N465017" s="10"/>
    </row>
    <row r="465018" spans="14:14">
      <c r="N465018" s="10"/>
    </row>
    <row r="465019" spans="14:14">
      <c r="N465019" s="10"/>
    </row>
    <row r="465020" spans="14:14">
      <c r="N465020" s="10"/>
    </row>
    <row r="465021" spans="14:14">
      <c r="N465021" s="10"/>
    </row>
    <row r="465022" spans="14:14">
      <c r="N465022" s="10"/>
    </row>
    <row r="465023" spans="14:14">
      <c r="N465023" s="10"/>
    </row>
    <row r="465024" spans="14:14">
      <c r="N465024" s="10"/>
    </row>
    <row r="465025" spans="14:14">
      <c r="N465025" s="10"/>
    </row>
    <row r="465026" spans="14:14">
      <c r="N465026" s="10"/>
    </row>
    <row r="465027" spans="14:14">
      <c r="N465027" s="10"/>
    </row>
    <row r="465028" spans="14:14">
      <c r="N465028" s="10"/>
    </row>
    <row r="465029" spans="14:14">
      <c r="N465029" s="10"/>
    </row>
    <row r="465030" spans="14:14">
      <c r="N465030" s="10"/>
    </row>
    <row r="465031" spans="14:14">
      <c r="N465031" s="10"/>
    </row>
    <row r="465032" spans="14:14">
      <c r="N465032" s="10"/>
    </row>
    <row r="465033" spans="14:14">
      <c r="N465033" s="10"/>
    </row>
    <row r="465034" spans="14:14">
      <c r="N465034" s="10"/>
    </row>
    <row r="465035" spans="14:14">
      <c r="N465035" s="10"/>
    </row>
    <row r="465036" spans="14:14">
      <c r="N465036" s="10"/>
    </row>
    <row r="465037" spans="14:14">
      <c r="N465037" s="10"/>
    </row>
    <row r="465038" spans="14:14">
      <c r="N465038" s="10"/>
    </row>
    <row r="465039" spans="14:14">
      <c r="N465039" s="10"/>
    </row>
    <row r="465040" spans="14:14">
      <c r="N465040" s="10"/>
    </row>
    <row r="465041" spans="14:14">
      <c r="N465041" s="10"/>
    </row>
    <row r="465042" spans="14:14">
      <c r="N465042" s="10"/>
    </row>
    <row r="465043" spans="14:14">
      <c r="N465043" s="10"/>
    </row>
    <row r="465044" spans="14:14">
      <c r="N465044" s="10"/>
    </row>
    <row r="465045" spans="14:14">
      <c r="N465045" s="10"/>
    </row>
    <row r="465046" spans="14:14">
      <c r="N465046" s="10"/>
    </row>
    <row r="465047" spans="14:14">
      <c r="N465047" s="10"/>
    </row>
    <row r="465048" spans="14:14">
      <c r="N465048" s="10"/>
    </row>
    <row r="465049" spans="14:14">
      <c r="N465049" s="10"/>
    </row>
    <row r="465050" spans="14:14">
      <c r="N465050" s="10"/>
    </row>
    <row r="465051" spans="14:14">
      <c r="N465051" s="10"/>
    </row>
    <row r="465052" spans="14:14">
      <c r="N465052" s="10"/>
    </row>
    <row r="465053" spans="14:14">
      <c r="N465053" s="10"/>
    </row>
    <row r="465054" spans="14:14">
      <c r="N465054" s="10"/>
    </row>
    <row r="465055" spans="14:14">
      <c r="N465055" s="10"/>
    </row>
    <row r="465056" spans="14:14">
      <c r="N465056" s="10"/>
    </row>
    <row r="465057" spans="14:14">
      <c r="N465057" s="10"/>
    </row>
    <row r="465058" spans="14:14">
      <c r="N465058" s="10"/>
    </row>
    <row r="465059" spans="14:14">
      <c r="N465059" s="10"/>
    </row>
    <row r="465060" spans="14:14">
      <c r="N465060" s="10"/>
    </row>
    <row r="465061" spans="14:14">
      <c r="N465061" s="10"/>
    </row>
    <row r="465062" spans="14:14">
      <c r="N465062" s="10"/>
    </row>
    <row r="465063" spans="14:14">
      <c r="N465063" s="10"/>
    </row>
    <row r="465064" spans="14:14">
      <c r="N465064" s="10"/>
    </row>
    <row r="465065" spans="14:14">
      <c r="N465065" s="10"/>
    </row>
    <row r="465066" spans="14:14">
      <c r="N465066" s="10"/>
    </row>
    <row r="465067" spans="14:14">
      <c r="N465067" s="10"/>
    </row>
    <row r="465068" spans="14:14">
      <c r="N465068" s="10"/>
    </row>
    <row r="465069" spans="14:14">
      <c r="N465069" s="10"/>
    </row>
    <row r="465070" spans="14:14">
      <c r="N465070" s="10"/>
    </row>
    <row r="465071" spans="14:14">
      <c r="N465071" s="10"/>
    </row>
    <row r="465072" spans="14:14">
      <c r="N465072" s="10"/>
    </row>
    <row r="465073" spans="14:14">
      <c r="N465073" s="10"/>
    </row>
    <row r="465074" spans="14:14">
      <c r="N465074" s="10"/>
    </row>
    <row r="465075" spans="14:14">
      <c r="N465075" s="10"/>
    </row>
    <row r="465076" spans="14:14">
      <c r="N465076" s="10"/>
    </row>
    <row r="465077" spans="14:14">
      <c r="N465077" s="10"/>
    </row>
    <row r="465078" spans="14:14">
      <c r="N465078" s="10"/>
    </row>
    <row r="465079" spans="14:14">
      <c r="N465079" s="10"/>
    </row>
    <row r="465080" spans="14:14">
      <c r="N465080" s="10"/>
    </row>
    <row r="465081" spans="14:14">
      <c r="N465081" s="10"/>
    </row>
    <row r="465082" spans="14:14">
      <c r="N465082" s="10"/>
    </row>
    <row r="465083" spans="14:14">
      <c r="N465083" s="10"/>
    </row>
    <row r="465084" spans="14:14">
      <c r="N465084" s="10"/>
    </row>
    <row r="465085" spans="14:14">
      <c r="N465085" s="10"/>
    </row>
    <row r="465086" spans="14:14">
      <c r="N465086" s="10"/>
    </row>
    <row r="465087" spans="14:14">
      <c r="N465087" s="10"/>
    </row>
    <row r="465088" spans="14:14">
      <c r="N465088" s="10"/>
    </row>
    <row r="465089" spans="14:14">
      <c r="N465089" s="10"/>
    </row>
    <row r="465090" spans="14:14">
      <c r="N465090" s="10"/>
    </row>
    <row r="465091" spans="14:14">
      <c r="N465091" s="10"/>
    </row>
    <row r="465092" spans="14:14">
      <c r="N465092" s="10"/>
    </row>
    <row r="465093" spans="14:14">
      <c r="N465093" s="10"/>
    </row>
    <row r="465094" spans="14:14">
      <c r="N465094" s="10"/>
    </row>
    <row r="465095" spans="14:14">
      <c r="N465095" s="10"/>
    </row>
    <row r="465096" spans="14:14">
      <c r="N465096" s="10"/>
    </row>
    <row r="465097" spans="14:14">
      <c r="N465097" s="10"/>
    </row>
    <row r="465098" spans="14:14">
      <c r="N465098" s="10"/>
    </row>
    <row r="465099" spans="14:14">
      <c r="N465099" s="10"/>
    </row>
    <row r="465100" spans="14:14">
      <c r="N465100" s="10"/>
    </row>
    <row r="465101" spans="14:14">
      <c r="N465101" s="10"/>
    </row>
    <row r="465102" spans="14:14">
      <c r="N465102" s="10"/>
    </row>
    <row r="465103" spans="14:14">
      <c r="N465103" s="10"/>
    </row>
    <row r="465104" spans="14:14">
      <c r="N465104" s="10"/>
    </row>
    <row r="465105" spans="14:14">
      <c r="N465105" s="10"/>
    </row>
    <row r="465106" spans="14:14">
      <c r="N465106" s="10"/>
    </row>
    <row r="465107" spans="14:14">
      <c r="N465107" s="10"/>
    </row>
    <row r="465108" spans="14:14">
      <c r="N465108" s="10"/>
    </row>
    <row r="465109" spans="14:14">
      <c r="N465109" s="10"/>
    </row>
    <row r="465110" spans="14:14">
      <c r="N465110" s="10"/>
    </row>
    <row r="465111" spans="14:14">
      <c r="N465111" s="10"/>
    </row>
    <row r="465112" spans="14:14">
      <c r="N465112" s="10"/>
    </row>
    <row r="465113" spans="14:14">
      <c r="N465113" s="10"/>
    </row>
    <row r="465114" spans="14:14">
      <c r="N465114" s="10"/>
    </row>
    <row r="465115" spans="14:14">
      <c r="N465115" s="10"/>
    </row>
    <row r="465116" spans="14:14">
      <c r="N465116" s="10"/>
    </row>
    <row r="465117" spans="14:14">
      <c r="N465117" s="10"/>
    </row>
    <row r="465118" spans="14:14">
      <c r="N465118" s="10"/>
    </row>
    <row r="465119" spans="14:14">
      <c r="N465119" s="10"/>
    </row>
    <row r="465120" spans="14:14">
      <c r="N465120" s="10"/>
    </row>
    <row r="465121" spans="14:14">
      <c r="N465121" s="10"/>
    </row>
    <row r="465122" spans="14:14">
      <c r="N465122" s="10"/>
    </row>
    <row r="465123" spans="14:14">
      <c r="N465123" s="10"/>
    </row>
    <row r="465124" spans="14:14">
      <c r="N465124" s="10"/>
    </row>
    <row r="465125" spans="14:14">
      <c r="N465125" s="10"/>
    </row>
    <row r="465126" spans="14:14">
      <c r="N465126" s="10"/>
    </row>
    <row r="465127" spans="14:14">
      <c r="N465127" s="10"/>
    </row>
    <row r="465128" spans="14:14">
      <c r="N465128" s="10"/>
    </row>
    <row r="465129" spans="14:14">
      <c r="N465129" s="10"/>
    </row>
    <row r="465130" spans="14:14">
      <c r="N465130" s="10"/>
    </row>
    <row r="465131" spans="14:14">
      <c r="N465131" s="10"/>
    </row>
    <row r="465132" spans="14:14">
      <c r="N465132" s="10"/>
    </row>
    <row r="465133" spans="14:14">
      <c r="N465133" s="10"/>
    </row>
    <row r="465134" spans="14:14">
      <c r="N465134" s="10"/>
    </row>
    <row r="465135" spans="14:14">
      <c r="N465135" s="10"/>
    </row>
    <row r="465136" spans="14:14">
      <c r="N465136" s="10"/>
    </row>
    <row r="465137" spans="14:14">
      <c r="N465137" s="10"/>
    </row>
    <row r="465138" spans="14:14">
      <c r="N465138" s="10"/>
    </row>
    <row r="465139" spans="14:14">
      <c r="N465139" s="10"/>
    </row>
    <row r="465140" spans="14:14">
      <c r="N465140" s="10"/>
    </row>
    <row r="465141" spans="14:14">
      <c r="N465141" s="10"/>
    </row>
    <row r="465142" spans="14:14">
      <c r="N465142" s="10"/>
    </row>
    <row r="465143" spans="14:14">
      <c r="N465143" s="10"/>
    </row>
    <row r="465144" spans="14:14">
      <c r="N465144" s="10"/>
    </row>
    <row r="465145" spans="14:14">
      <c r="N465145" s="10"/>
    </row>
    <row r="465146" spans="14:14">
      <c r="N465146" s="10"/>
    </row>
    <row r="465147" spans="14:14">
      <c r="N465147" s="10"/>
    </row>
    <row r="465148" spans="14:14">
      <c r="N465148" s="10"/>
    </row>
    <row r="465149" spans="14:14">
      <c r="N465149" s="10"/>
    </row>
    <row r="465150" spans="14:14">
      <c r="N465150" s="10"/>
    </row>
    <row r="465151" spans="14:14">
      <c r="N465151" s="10"/>
    </row>
    <row r="465152" spans="14:14">
      <c r="N465152" s="10"/>
    </row>
    <row r="465153" spans="14:14">
      <c r="N465153" s="10"/>
    </row>
    <row r="465154" spans="14:14">
      <c r="N465154" s="10"/>
    </row>
    <row r="465155" spans="14:14">
      <c r="N465155" s="10"/>
    </row>
    <row r="465156" spans="14:14">
      <c r="N465156" s="10"/>
    </row>
    <row r="465157" spans="14:14">
      <c r="N465157" s="10"/>
    </row>
    <row r="465158" spans="14:14">
      <c r="N465158" s="10"/>
    </row>
    <row r="465159" spans="14:14">
      <c r="N465159" s="10"/>
    </row>
    <row r="465160" spans="14:14">
      <c r="N465160" s="10"/>
    </row>
    <row r="465161" spans="14:14">
      <c r="N465161" s="10"/>
    </row>
    <row r="465162" spans="14:14">
      <c r="N465162" s="10"/>
    </row>
    <row r="465163" spans="14:14">
      <c r="N465163" s="10"/>
    </row>
    <row r="465164" spans="14:14">
      <c r="N465164" s="10"/>
    </row>
    <row r="465165" spans="14:14">
      <c r="N465165" s="10"/>
    </row>
    <row r="465166" spans="14:14">
      <c r="N465166" s="10"/>
    </row>
    <row r="465167" spans="14:14">
      <c r="N465167" s="10"/>
    </row>
    <row r="465168" spans="14:14">
      <c r="N465168" s="10"/>
    </row>
    <row r="465169" spans="14:14">
      <c r="N465169" s="10"/>
    </row>
    <row r="465170" spans="14:14">
      <c r="N465170" s="10"/>
    </row>
    <row r="465171" spans="14:14">
      <c r="N465171" s="10"/>
    </row>
    <row r="465172" spans="14:14">
      <c r="N465172" s="10"/>
    </row>
    <row r="465173" spans="14:14">
      <c r="N465173" s="10"/>
    </row>
    <row r="465174" spans="14:14">
      <c r="N465174" s="10"/>
    </row>
    <row r="465175" spans="14:14">
      <c r="N465175" s="10"/>
    </row>
    <row r="465176" spans="14:14">
      <c r="N465176" s="10"/>
    </row>
    <row r="465177" spans="14:14">
      <c r="N465177" s="10"/>
    </row>
    <row r="465178" spans="14:14">
      <c r="N465178" s="10"/>
    </row>
    <row r="465179" spans="14:14">
      <c r="N465179" s="10"/>
    </row>
    <row r="465180" spans="14:14">
      <c r="N465180" s="10"/>
    </row>
    <row r="465181" spans="14:14">
      <c r="N465181" s="10"/>
    </row>
    <row r="465182" spans="14:14">
      <c r="N465182" s="10"/>
    </row>
    <row r="465183" spans="14:14">
      <c r="N465183" s="10"/>
    </row>
    <row r="465184" spans="14:14">
      <c r="N465184" s="10"/>
    </row>
    <row r="465185" spans="14:14">
      <c r="N465185" s="10"/>
    </row>
    <row r="465186" spans="14:14">
      <c r="N465186" s="10"/>
    </row>
    <row r="465187" spans="14:14">
      <c r="N465187" s="10"/>
    </row>
    <row r="465188" spans="14:14">
      <c r="N465188" s="10"/>
    </row>
    <row r="465189" spans="14:14">
      <c r="N465189" s="10"/>
    </row>
    <row r="465190" spans="14:14">
      <c r="N465190" s="10"/>
    </row>
    <row r="465191" spans="14:14">
      <c r="N465191" s="10"/>
    </row>
    <row r="465192" spans="14:14">
      <c r="N465192" s="10"/>
    </row>
    <row r="465193" spans="14:14">
      <c r="N465193" s="10"/>
    </row>
    <row r="465194" spans="14:14">
      <c r="N465194" s="10"/>
    </row>
    <row r="465195" spans="14:14">
      <c r="N465195" s="10"/>
    </row>
    <row r="465196" spans="14:14">
      <c r="N465196" s="10"/>
    </row>
    <row r="465197" spans="14:14">
      <c r="N465197" s="10"/>
    </row>
    <row r="465198" spans="14:14">
      <c r="N465198" s="10"/>
    </row>
    <row r="465199" spans="14:14">
      <c r="N465199" s="10"/>
    </row>
    <row r="465200" spans="14:14">
      <c r="N465200" s="10"/>
    </row>
    <row r="465201" spans="14:14">
      <c r="N465201" s="10"/>
    </row>
    <row r="465202" spans="14:14">
      <c r="N465202" s="10"/>
    </row>
    <row r="465203" spans="14:14">
      <c r="N465203" s="10"/>
    </row>
    <row r="465204" spans="14:14">
      <c r="N465204" s="10"/>
    </row>
    <row r="465205" spans="14:14">
      <c r="N465205" s="10"/>
    </row>
    <row r="465206" spans="14:14">
      <c r="N465206" s="10"/>
    </row>
    <row r="465207" spans="14:14">
      <c r="N465207" s="10"/>
    </row>
    <row r="465208" spans="14:14">
      <c r="N465208" s="10"/>
    </row>
    <row r="465209" spans="14:14">
      <c r="N465209" s="10"/>
    </row>
    <row r="465210" spans="14:14">
      <c r="N465210" s="10"/>
    </row>
    <row r="465211" spans="14:14">
      <c r="N465211" s="10"/>
    </row>
    <row r="465212" spans="14:14">
      <c r="N465212" s="10"/>
    </row>
    <row r="465213" spans="14:14">
      <c r="N465213" s="10"/>
    </row>
    <row r="465214" spans="14:14">
      <c r="N465214" s="10"/>
    </row>
    <row r="465215" spans="14:14">
      <c r="N465215" s="10"/>
    </row>
    <row r="465216" spans="14:14">
      <c r="N465216" s="10"/>
    </row>
    <row r="465217" spans="14:14">
      <c r="N465217" s="10"/>
    </row>
    <row r="465218" spans="14:14">
      <c r="N465218" s="10"/>
    </row>
    <row r="465219" spans="14:14">
      <c r="N465219" s="10"/>
    </row>
    <row r="465220" spans="14:14">
      <c r="N465220" s="10"/>
    </row>
    <row r="465221" spans="14:14">
      <c r="N465221" s="10"/>
    </row>
    <row r="465222" spans="14:14">
      <c r="N465222" s="10"/>
    </row>
    <row r="465223" spans="14:14">
      <c r="N465223" s="10"/>
    </row>
    <row r="465224" spans="14:14">
      <c r="N465224" s="10"/>
    </row>
    <row r="465225" spans="14:14">
      <c r="N465225" s="10"/>
    </row>
    <row r="465226" spans="14:14">
      <c r="N465226" s="10"/>
    </row>
    <row r="465227" spans="14:14">
      <c r="N465227" s="10"/>
    </row>
    <row r="465228" spans="14:14">
      <c r="N465228" s="10"/>
    </row>
    <row r="465229" spans="14:14">
      <c r="N465229" s="10"/>
    </row>
    <row r="465230" spans="14:14">
      <c r="N465230" s="10"/>
    </row>
    <row r="465231" spans="14:14">
      <c r="N465231" s="10"/>
    </row>
    <row r="465232" spans="14:14">
      <c r="N465232" s="10"/>
    </row>
    <row r="465233" spans="14:14">
      <c r="N465233" s="10"/>
    </row>
    <row r="465234" spans="14:14">
      <c r="N465234" s="10"/>
    </row>
    <row r="465235" spans="14:14">
      <c r="N465235" s="10"/>
    </row>
    <row r="465236" spans="14:14">
      <c r="N465236" s="10"/>
    </row>
    <row r="465237" spans="14:14">
      <c r="N465237" s="10"/>
    </row>
    <row r="465238" spans="14:14">
      <c r="N465238" s="10"/>
    </row>
    <row r="465239" spans="14:14">
      <c r="N465239" s="10"/>
    </row>
    <row r="465240" spans="14:14">
      <c r="N465240" s="10"/>
    </row>
    <row r="465241" spans="14:14">
      <c r="N465241" s="10"/>
    </row>
    <row r="465242" spans="14:14">
      <c r="N465242" s="10"/>
    </row>
    <row r="465243" spans="14:14">
      <c r="N465243" s="10"/>
    </row>
    <row r="465244" spans="14:14">
      <c r="N465244" s="10"/>
    </row>
    <row r="465245" spans="14:14">
      <c r="N465245" s="10"/>
    </row>
    <row r="465246" spans="14:14">
      <c r="N465246" s="10"/>
    </row>
    <row r="465247" spans="14:14">
      <c r="N465247" s="10"/>
    </row>
    <row r="465248" spans="14:14">
      <c r="N465248" s="10"/>
    </row>
    <row r="465249" spans="14:14">
      <c r="N465249" s="10"/>
    </row>
    <row r="465250" spans="14:14">
      <c r="N465250" s="10"/>
    </row>
    <row r="465251" spans="14:14">
      <c r="N465251" s="10"/>
    </row>
    <row r="465252" spans="14:14">
      <c r="N465252" s="10"/>
    </row>
    <row r="465253" spans="14:14">
      <c r="N465253" s="10"/>
    </row>
    <row r="465254" spans="14:14">
      <c r="N465254" s="10"/>
    </row>
    <row r="465255" spans="14:14">
      <c r="N465255" s="10"/>
    </row>
    <row r="465256" spans="14:14">
      <c r="N465256" s="10"/>
    </row>
    <row r="465257" spans="14:14">
      <c r="N465257" s="10"/>
    </row>
    <row r="465258" spans="14:14">
      <c r="N465258" s="10"/>
    </row>
    <row r="465259" spans="14:14">
      <c r="N465259" s="10"/>
    </row>
    <row r="465260" spans="14:14">
      <c r="N465260" s="10"/>
    </row>
    <row r="465261" spans="14:14">
      <c r="N465261" s="10"/>
    </row>
    <row r="465262" spans="14:14">
      <c r="N465262" s="10"/>
    </row>
    <row r="465263" spans="14:14">
      <c r="N465263" s="10"/>
    </row>
    <row r="465264" spans="14:14">
      <c r="N465264" s="10"/>
    </row>
    <row r="465265" spans="14:14">
      <c r="N465265" s="10"/>
    </row>
    <row r="465266" spans="14:14">
      <c r="N465266" s="10"/>
    </row>
    <row r="465267" spans="14:14">
      <c r="N465267" s="10"/>
    </row>
    <row r="465268" spans="14:14">
      <c r="N465268" s="10"/>
    </row>
    <row r="465269" spans="14:14">
      <c r="N465269" s="10"/>
    </row>
    <row r="465270" spans="14:14">
      <c r="N465270" s="10"/>
    </row>
    <row r="465271" spans="14:14">
      <c r="N465271" s="10"/>
    </row>
    <row r="465272" spans="14:14">
      <c r="N465272" s="10"/>
    </row>
    <row r="465273" spans="14:14">
      <c r="N465273" s="10"/>
    </row>
    <row r="465274" spans="14:14">
      <c r="N465274" s="10"/>
    </row>
    <row r="465275" spans="14:14">
      <c r="N465275" s="10"/>
    </row>
    <row r="465276" spans="14:14">
      <c r="N465276" s="10"/>
    </row>
    <row r="465277" spans="14:14">
      <c r="N465277" s="10"/>
    </row>
    <row r="465278" spans="14:14">
      <c r="N465278" s="10"/>
    </row>
    <row r="465279" spans="14:14">
      <c r="N465279" s="10"/>
    </row>
    <row r="465280" spans="14:14">
      <c r="N465280" s="10"/>
    </row>
    <row r="465281" spans="14:14">
      <c r="N465281" s="10"/>
    </row>
    <row r="465282" spans="14:14">
      <c r="N465282" s="10"/>
    </row>
    <row r="465283" spans="14:14">
      <c r="N465283" s="10"/>
    </row>
    <row r="465284" spans="14:14">
      <c r="N465284" s="10"/>
    </row>
    <row r="465285" spans="14:14">
      <c r="N465285" s="10"/>
    </row>
    <row r="465286" spans="14:14">
      <c r="N465286" s="10"/>
    </row>
    <row r="465287" spans="14:14">
      <c r="N465287" s="10"/>
    </row>
    <row r="465288" spans="14:14">
      <c r="N465288" s="10"/>
    </row>
    <row r="465289" spans="14:14">
      <c r="N465289" s="10"/>
    </row>
    <row r="465290" spans="14:14">
      <c r="N465290" s="10"/>
    </row>
    <row r="465291" spans="14:14">
      <c r="N465291" s="10"/>
    </row>
    <row r="465292" spans="14:14">
      <c r="N465292" s="10"/>
    </row>
    <row r="465293" spans="14:14">
      <c r="N465293" s="10"/>
    </row>
    <row r="465294" spans="14:14">
      <c r="N465294" s="10"/>
    </row>
    <row r="465295" spans="14:14">
      <c r="N465295" s="10"/>
    </row>
    <row r="465296" spans="14:14">
      <c r="N465296" s="10"/>
    </row>
    <row r="465297" spans="14:14">
      <c r="N465297" s="10"/>
    </row>
    <row r="465298" spans="14:14">
      <c r="N465298" s="10"/>
    </row>
    <row r="465299" spans="14:14">
      <c r="N465299" s="10"/>
    </row>
    <row r="465300" spans="14:14">
      <c r="N465300" s="10"/>
    </row>
    <row r="465301" spans="14:14">
      <c r="N465301" s="10"/>
    </row>
    <row r="465302" spans="14:14">
      <c r="N465302" s="10"/>
    </row>
    <row r="465303" spans="14:14">
      <c r="N465303" s="10"/>
    </row>
    <row r="465304" spans="14:14">
      <c r="N465304" s="10"/>
    </row>
    <row r="465305" spans="14:14">
      <c r="N465305" s="10"/>
    </row>
    <row r="465306" spans="14:14">
      <c r="N465306" s="10"/>
    </row>
    <row r="465307" spans="14:14">
      <c r="N465307" s="10"/>
    </row>
    <row r="465308" spans="14:14">
      <c r="N465308" s="10"/>
    </row>
    <row r="465309" spans="14:14">
      <c r="N465309" s="10"/>
    </row>
    <row r="465310" spans="14:14">
      <c r="N465310" s="10"/>
    </row>
    <row r="465311" spans="14:14">
      <c r="N465311" s="10"/>
    </row>
    <row r="465312" spans="14:14">
      <c r="N465312" s="10"/>
    </row>
    <row r="465313" spans="14:14">
      <c r="N465313" s="10"/>
    </row>
    <row r="465314" spans="14:14">
      <c r="N465314" s="10"/>
    </row>
    <row r="465315" spans="14:14">
      <c r="N465315" s="10"/>
    </row>
    <row r="465316" spans="14:14">
      <c r="N465316" s="10"/>
    </row>
    <row r="465317" spans="14:14">
      <c r="N465317" s="10"/>
    </row>
    <row r="465318" spans="14:14">
      <c r="N465318" s="10"/>
    </row>
    <row r="465319" spans="14:14">
      <c r="N465319" s="10"/>
    </row>
    <row r="465320" spans="14:14">
      <c r="N465320" s="10"/>
    </row>
    <row r="465321" spans="14:14">
      <c r="N465321" s="10"/>
    </row>
    <row r="465322" spans="14:14">
      <c r="N465322" s="10"/>
    </row>
    <row r="465323" spans="14:14">
      <c r="N465323" s="10"/>
    </row>
    <row r="465324" spans="14:14">
      <c r="N465324" s="10"/>
    </row>
    <row r="465325" spans="14:14">
      <c r="N465325" s="10"/>
    </row>
    <row r="465326" spans="14:14">
      <c r="N465326" s="10"/>
    </row>
    <row r="465327" spans="14:14">
      <c r="N465327" s="10"/>
    </row>
    <row r="465328" spans="14:14">
      <c r="N465328" s="10"/>
    </row>
    <row r="465329" spans="14:14">
      <c r="N465329" s="10"/>
    </row>
    <row r="465330" spans="14:14">
      <c r="N465330" s="10"/>
    </row>
    <row r="465331" spans="14:14">
      <c r="N465331" s="10"/>
    </row>
    <row r="465332" spans="14:14">
      <c r="N465332" s="10"/>
    </row>
    <row r="465333" spans="14:14">
      <c r="N465333" s="10"/>
    </row>
    <row r="465334" spans="14:14">
      <c r="N465334" s="10"/>
    </row>
    <row r="465335" spans="14:14">
      <c r="N465335" s="10"/>
    </row>
    <row r="465336" spans="14:14">
      <c r="N465336" s="10"/>
    </row>
    <row r="465337" spans="14:14">
      <c r="N465337" s="10"/>
    </row>
    <row r="465338" spans="14:14">
      <c r="N465338" s="10"/>
    </row>
    <row r="465339" spans="14:14">
      <c r="N465339" s="10"/>
    </row>
    <row r="465340" spans="14:14">
      <c r="N465340" s="10"/>
    </row>
    <row r="465341" spans="14:14">
      <c r="N465341" s="10"/>
    </row>
    <row r="465342" spans="14:14">
      <c r="N465342" s="10"/>
    </row>
    <row r="465343" spans="14:14">
      <c r="N465343" s="10"/>
    </row>
    <row r="465344" spans="14:14">
      <c r="N465344" s="10"/>
    </row>
    <row r="465345" spans="14:14">
      <c r="N465345" s="10"/>
    </row>
    <row r="465346" spans="14:14">
      <c r="N465346" s="10"/>
    </row>
    <row r="465347" spans="14:14">
      <c r="N465347" s="10"/>
    </row>
    <row r="465348" spans="14:14">
      <c r="N465348" s="10"/>
    </row>
    <row r="465349" spans="14:14">
      <c r="N465349" s="10"/>
    </row>
    <row r="465350" spans="14:14">
      <c r="N465350" s="10"/>
    </row>
    <row r="465351" spans="14:14">
      <c r="N465351" s="10"/>
    </row>
    <row r="465352" spans="14:14">
      <c r="N465352" s="10"/>
    </row>
    <row r="465353" spans="14:14">
      <c r="N465353" s="10"/>
    </row>
    <row r="465354" spans="14:14">
      <c r="N465354" s="10"/>
    </row>
    <row r="465355" spans="14:14">
      <c r="N465355" s="10"/>
    </row>
    <row r="465356" spans="14:14">
      <c r="N465356" s="10"/>
    </row>
    <row r="465357" spans="14:14">
      <c r="N465357" s="10"/>
    </row>
    <row r="465358" spans="14:14">
      <c r="N465358" s="10"/>
    </row>
    <row r="465359" spans="14:14">
      <c r="N465359" s="10"/>
    </row>
    <row r="465360" spans="14:14">
      <c r="N465360" s="10"/>
    </row>
    <row r="465361" spans="14:14">
      <c r="N465361" s="10"/>
    </row>
    <row r="465362" spans="14:14">
      <c r="N465362" s="10"/>
    </row>
    <row r="465363" spans="14:14">
      <c r="N465363" s="10"/>
    </row>
    <row r="465364" spans="14:14">
      <c r="N465364" s="10"/>
    </row>
    <row r="465365" spans="14:14">
      <c r="N465365" s="10"/>
    </row>
    <row r="465366" spans="14:14">
      <c r="N465366" s="10"/>
    </row>
    <row r="465367" spans="14:14">
      <c r="N465367" s="10"/>
    </row>
    <row r="465368" spans="14:14">
      <c r="N465368" s="10"/>
    </row>
    <row r="465369" spans="14:14">
      <c r="N465369" s="10"/>
    </row>
    <row r="465370" spans="14:14">
      <c r="N465370" s="10"/>
    </row>
    <row r="465371" spans="14:14">
      <c r="N465371" s="10"/>
    </row>
    <row r="465372" spans="14:14">
      <c r="N465372" s="10"/>
    </row>
    <row r="465373" spans="14:14">
      <c r="N465373" s="10"/>
    </row>
    <row r="465374" spans="14:14">
      <c r="N465374" s="10"/>
    </row>
    <row r="465375" spans="14:14">
      <c r="N465375" s="10"/>
    </row>
    <row r="465376" spans="14:14">
      <c r="N465376" s="10"/>
    </row>
    <row r="465377" spans="14:14">
      <c r="N465377" s="10"/>
    </row>
    <row r="465378" spans="14:14">
      <c r="N465378" s="10"/>
    </row>
    <row r="465379" spans="14:14">
      <c r="N465379" s="10"/>
    </row>
    <row r="465380" spans="14:14">
      <c r="N465380" s="10"/>
    </row>
    <row r="465381" spans="14:14">
      <c r="N465381" s="10"/>
    </row>
    <row r="465382" spans="14:14">
      <c r="N465382" s="10"/>
    </row>
    <row r="465383" spans="14:14">
      <c r="N465383" s="10"/>
    </row>
    <row r="465384" spans="14:14">
      <c r="N465384" s="10"/>
    </row>
    <row r="465385" spans="14:14">
      <c r="N465385" s="10"/>
    </row>
    <row r="465386" spans="14:14">
      <c r="N465386" s="10"/>
    </row>
    <row r="465387" spans="14:14">
      <c r="N465387" s="10"/>
    </row>
    <row r="465388" spans="14:14">
      <c r="N465388" s="10"/>
    </row>
    <row r="465389" spans="14:14">
      <c r="N465389" s="10"/>
    </row>
    <row r="465390" spans="14:14">
      <c r="N465390" s="10"/>
    </row>
    <row r="465391" spans="14:14">
      <c r="N465391" s="10"/>
    </row>
    <row r="465392" spans="14:14">
      <c r="N465392" s="10"/>
    </row>
    <row r="465393" spans="14:14">
      <c r="N465393" s="10"/>
    </row>
    <row r="465394" spans="14:14">
      <c r="N465394" s="10"/>
    </row>
    <row r="465395" spans="14:14">
      <c r="N465395" s="10"/>
    </row>
    <row r="465396" spans="14:14">
      <c r="N465396" s="10"/>
    </row>
    <row r="465397" spans="14:14">
      <c r="N465397" s="10"/>
    </row>
    <row r="465398" spans="14:14">
      <c r="N465398" s="10"/>
    </row>
    <row r="465399" spans="14:14">
      <c r="N465399" s="10"/>
    </row>
    <row r="465400" spans="14:14">
      <c r="N465400" s="10"/>
    </row>
    <row r="465401" spans="14:14">
      <c r="N465401" s="10"/>
    </row>
    <row r="465402" spans="14:14">
      <c r="N465402" s="10"/>
    </row>
    <row r="465403" spans="14:14">
      <c r="N465403" s="10"/>
    </row>
    <row r="465404" spans="14:14">
      <c r="N465404" s="10"/>
    </row>
    <row r="465405" spans="14:14">
      <c r="N465405" s="10"/>
    </row>
    <row r="465406" spans="14:14">
      <c r="N465406" s="10"/>
    </row>
    <row r="465407" spans="14:14">
      <c r="N465407" s="10"/>
    </row>
    <row r="465408" spans="14:14">
      <c r="N465408" s="10"/>
    </row>
    <row r="465409" spans="14:14">
      <c r="N465409" s="10"/>
    </row>
    <row r="465410" spans="14:14">
      <c r="N465410" s="10"/>
    </row>
    <row r="465411" spans="14:14">
      <c r="N465411" s="10"/>
    </row>
    <row r="465412" spans="14:14">
      <c r="N465412" s="10"/>
    </row>
    <row r="465413" spans="14:14">
      <c r="N465413" s="10"/>
    </row>
    <row r="465414" spans="14:14">
      <c r="N465414" s="10"/>
    </row>
    <row r="465415" spans="14:14">
      <c r="N465415" s="10"/>
    </row>
    <row r="465416" spans="14:14">
      <c r="N465416" s="10"/>
    </row>
    <row r="465417" spans="14:14">
      <c r="N465417" s="10"/>
    </row>
    <row r="465418" spans="14:14">
      <c r="N465418" s="10"/>
    </row>
    <row r="465419" spans="14:14">
      <c r="N465419" s="10"/>
    </row>
    <row r="465420" spans="14:14">
      <c r="N465420" s="10"/>
    </row>
    <row r="465421" spans="14:14">
      <c r="N465421" s="10"/>
    </row>
    <row r="465422" spans="14:14">
      <c r="N465422" s="10"/>
    </row>
    <row r="465423" spans="14:14">
      <c r="N465423" s="10"/>
    </row>
    <row r="465424" spans="14:14">
      <c r="N465424" s="10"/>
    </row>
    <row r="465425" spans="14:14">
      <c r="N465425" s="10"/>
    </row>
    <row r="465426" spans="14:14">
      <c r="N465426" s="10"/>
    </row>
    <row r="465427" spans="14:14">
      <c r="N465427" s="10"/>
    </row>
    <row r="465428" spans="14:14">
      <c r="N465428" s="10"/>
    </row>
    <row r="465429" spans="14:14">
      <c r="N465429" s="10"/>
    </row>
    <row r="465430" spans="14:14">
      <c r="N465430" s="10"/>
    </row>
    <row r="465431" spans="14:14">
      <c r="N465431" s="10"/>
    </row>
    <row r="465432" spans="14:14">
      <c r="N465432" s="10"/>
    </row>
    <row r="465433" spans="14:14">
      <c r="N465433" s="10"/>
    </row>
    <row r="465434" spans="14:14">
      <c r="N465434" s="10"/>
    </row>
    <row r="465435" spans="14:14">
      <c r="N465435" s="10"/>
    </row>
    <row r="465436" spans="14:14">
      <c r="N465436" s="10"/>
    </row>
    <row r="465437" spans="14:14">
      <c r="N465437" s="10"/>
    </row>
    <row r="465438" spans="14:14">
      <c r="N465438" s="10"/>
    </row>
    <row r="465439" spans="14:14">
      <c r="N465439" s="10"/>
    </row>
    <row r="465440" spans="14:14">
      <c r="N465440" s="10"/>
    </row>
    <row r="465441" spans="14:14">
      <c r="N465441" s="10"/>
    </row>
    <row r="465442" spans="14:14">
      <c r="N465442" s="10"/>
    </row>
    <row r="465443" spans="14:14">
      <c r="N465443" s="10"/>
    </row>
    <row r="465444" spans="14:14">
      <c r="N465444" s="10"/>
    </row>
    <row r="465445" spans="14:14">
      <c r="N465445" s="10"/>
    </row>
    <row r="465446" spans="14:14">
      <c r="N465446" s="10"/>
    </row>
    <row r="465447" spans="14:14">
      <c r="N465447" s="10"/>
    </row>
    <row r="465448" spans="14:14">
      <c r="N465448" s="10"/>
    </row>
    <row r="465449" spans="14:14">
      <c r="N465449" s="10"/>
    </row>
    <row r="465450" spans="14:14">
      <c r="N465450" s="10"/>
    </row>
    <row r="465451" spans="14:14">
      <c r="N465451" s="10"/>
    </row>
    <row r="465452" spans="14:14">
      <c r="N465452" s="10"/>
    </row>
    <row r="465453" spans="14:14">
      <c r="N465453" s="10"/>
    </row>
    <row r="465454" spans="14:14">
      <c r="N465454" s="10"/>
    </row>
    <row r="465455" spans="14:14">
      <c r="N465455" s="10"/>
    </row>
    <row r="465456" spans="14:14">
      <c r="N465456" s="10"/>
    </row>
    <row r="465457" spans="14:14">
      <c r="N465457" s="10"/>
    </row>
    <row r="465458" spans="14:14">
      <c r="N465458" s="10"/>
    </row>
    <row r="465459" spans="14:14">
      <c r="N465459" s="10"/>
    </row>
    <row r="465460" spans="14:14">
      <c r="N465460" s="10"/>
    </row>
    <row r="465461" spans="14:14">
      <c r="N465461" s="10"/>
    </row>
    <row r="465462" spans="14:14">
      <c r="N465462" s="10"/>
    </row>
    <row r="465463" spans="14:14">
      <c r="N465463" s="10"/>
    </row>
    <row r="465464" spans="14:14">
      <c r="N465464" s="10"/>
    </row>
    <row r="465465" spans="14:14">
      <c r="N465465" s="10"/>
    </row>
    <row r="465466" spans="14:14">
      <c r="N465466" s="10"/>
    </row>
    <row r="465467" spans="14:14">
      <c r="N465467" s="10"/>
    </row>
    <row r="465468" spans="14:14">
      <c r="N465468" s="10"/>
    </row>
    <row r="465469" spans="14:14">
      <c r="N465469" s="10"/>
    </row>
    <row r="465470" spans="14:14">
      <c r="N465470" s="10"/>
    </row>
    <row r="465471" spans="14:14">
      <c r="N465471" s="10"/>
    </row>
    <row r="465472" spans="14:14">
      <c r="N465472" s="10"/>
    </row>
    <row r="465473" spans="14:14">
      <c r="N465473" s="10"/>
    </row>
    <row r="465474" spans="14:14">
      <c r="N465474" s="10"/>
    </row>
    <row r="465475" spans="14:14">
      <c r="N465475" s="10"/>
    </row>
    <row r="465476" spans="14:14">
      <c r="N465476" s="10"/>
    </row>
    <row r="465477" spans="14:14">
      <c r="N465477" s="10"/>
    </row>
    <row r="465478" spans="14:14">
      <c r="N465478" s="10"/>
    </row>
    <row r="465479" spans="14:14">
      <c r="N465479" s="10"/>
    </row>
    <row r="465480" spans="14:14">
      <c r="N465480" s="10"/>
    </row>
    <row r="465481" spans="14:14">
      <c r="N465481" s="10"/>
    </row>
    <row r="465482" spans="14:14">
      <c r="N465482" s="10"/>
    </row>
    <row r="465483" spans="14:14">
      <c r="N465483" s="10"/>
    </row>
    <row r="465484" spans="14:14">
      <c r="N465484" s="10"/>
    </row>
    <row r="465485" spans="14:14">
      <c r="N465485" s="10"/>
    </row>
    <row r="465486" spans="14:14">
      <c r="N465486" s="10"/>
    </row>
    <row r="465487" spans="14:14">
      <c r="N465487" s="10"/>
    </row>
    <row r="465488" spans="14:14">
      <c r="N465488" s="10"/>
    </row>
    <row r="465489" spans="14:14">
      <c r="N465489" s="10"/>
    </row>
    <row r="465490" spans="14:14">
      <c r="N465490" s="10"/>
    </row>
    <row r="465491" spans="14:14">
      <c r="N465491" s="10"/>
    </row>
    <row r="465492" spans="14:14">
      <c r="N465492" s="10"/>
    </row>
    <row r="465493" spans="14:14">
      <c r="N465493" s="10"/>
    </row>
    <row r="465494" spans="14:14">
      <c r="N465494" s="10"/>
    </row>
    <row r="465495" spans="14:14">
      <c r="N465495" s="10"/>
    </row>
    <row r="465496" spans="14:14">
      <c r="N465496" s="10"/>
    </row>
    <row r="465497" spans="14:14">
      <c r="N465497" s="10"/>
    </row>
    <row r="465498" spans="14:14">
      <c r="N465498" s="10"/>
    </row>
    <row r="465499" spans="14:14">
      <c r="N465499" s="10"/>
    </row>
    <row r="465500" spans="14:14">
      <c r="N465500" s="10"/>
    </row>
    <row r="465501" spans="14:14">
      <c r="N465501" s="10"/>
    </row>
    <row r="465502" spans="14:14">
      <c r="N465502" s="10"/>
    </row>
    <row r="465503" spans="14:14">
      <c r="N465503" s="10"/>
    </row>
    <row r="465504" spans="14:14">
      <c r="N465504" s="10"/>
    </row>
    <row r="465505" spans="14:14">
      <c r="N465505" s="10"/>
    </row>
    <row r="465506" spans="14:14">
      <c r="N465506" s="10"/>
    </row>
    <row r="465507" spans="14:14">
      <c r="N465507" s="10"/>
    </row>
    <row r="465508" spans="14:14">
      <c r="N465508" s="10"/>
    </row>
    <row r="465509" spans="14:14">
      <c r="N465509" s="10"/>
    </row>
    <row r="465510" spans="14:14">
      <c r="N465510" s="10"/>
    </row>
    <row r="465511" spans="14:14">
      <c r="N465511" s="10"/>
    </row>
    <row r="465512" spans="14:14">
      <c r="N465512" s="10"/>
    </row>
    <row r="465513" spans="14:14">
      <c r="N465513" s="10"/>
    </row>
    <row r="465514" spans="14:14">
      <c r="N465514" s="10"/>
    </row>
    <row r="465515" spans="14:14">
      <c r="N465515" s="10"/>
    </row>
    <row r="465516" spans="14:14">
      <c r="N465516" s="10"/>
    </row>
    <row r="465517" spans="14:14">
      <c r="N465517" s="10"/>
    </row>
    <row r="465518" spans="14:14">
      <c r="N465518" s="10"/>
    </row>
    <row r="465519" spans="14:14">
      <c r="N465519" s="10"/>
    </row>
    <row r="465520" spans="14:14">
      <c r="N465520" s="10"/>
    </row>
    <row r="465521" spans="14:14">
      <c r="N465521" s="10"/>
    </row>
    <row r="465522" spans="14:14">
      <c r="N465522" s="10"/>
    </row>
    <row r="465523" spans="14:14">
      <c r="N465523" s="10"/>
    </row>
    <row r="465524" spans="14:14">
      <c r="N465524" s="10"/>
    </row>
    <row r="465525" spans="14:14">
      <c r="N465525" s="10"/>
    </row>
    <row r="465526" spans="14:14">
      <c r="N465526" s="10"/>
    </row>
    <row r="465527" spans="14:14">
      <c r="N465527" s="10"/>
    </row>
    <row r="465528" spans="14:14">
      <c r="N465528" s="10"/>
    </row>
    <row r="465529" spans="14:14">
      <c r="N465529" s="10"/>
    </row>
    <row r="465530" spans="14:14">
      <c r="N465530" s="10"/>
    </row>
    <row r="465531" spans="14:14">
      <c r="N465531" s="10"/>
    </row>
    <row r="465532" spans="14:14">
      <c r="N465532" s="10"/>
    </row>
    <row r="465533" spans="14:14">
      <c r="N465533" s="10"/>
    </row>
    <row r="465534" spans="14:14">
      <c r="N465534" s="10"/>
    </row>
    <row r="465535" spans="14:14">
      <c r="N465535" s="10"/>
    </row>
    <row r="465536" spans="14:14">
      <c r="N465536" s="10"/>
    </row>
    <row r="465537" spans="14:14">
      <c r="N465537" s="10"/>
    </row>
    <row r="465538" spans="14:14">
      <c r="N465538" s="10"/>
    </row>
    <row r="465539" spans="14:14">
      <c r="N465539" s="10"/>
    </row>
    <row r="465540" spans="14:14">
      <c r="N465540" s="10"/>
    </row>
    <row r="465541" spans="14:14">
      <c r="N465541" s="10"/>
    </row>
    <row r="465542" spans="14:14">
      <c r="N465542" s="10"/>
    </row>
    <row r="465543" spans="14:14">
      <c r="N465543" s="10"/>
    </row>
    <row r="465544" spans="14:14">
      <c r="N465544" s="10"/>
    </row>
    <row r="465545" spans="14:14">
      <c r="N465545" s="10"/>
    </row>
    <row r="465546" spans="14:14">
      <c r="N465546" s="10"/>
    </row>
    <row r="465547" spans="14:14">
      <c r="N465547" s="10"/>
    </row>
    <row r="465548" spans="14:14">
      <c r="N465548" s="10"/>
    </row>
    <row r="465549" spans="14:14">
      <c r="N465549" s="10"/>
    </row>
    <row r="465550" spans="14:14">
      <c r="N465550" s="10"/>
    </row>
    <row r="465551" spans="14:14">
      <c r="N465551" s="10"/>
    </row>
    <row r="465552" spans="14:14">
      <c r="N465552" s="10"/>
    </row>
    <row r="465553" spans="14:14">
      <c r="N465553" s="10"/>
    </row>
    <row r="465554" spans="14:14">
      <c r="N465554" s="10"/>
    </row>
    <row r="465555" spans="14:14">
      <c r="N465555" s="10"/>
    </row>
    <row r="465556" spans="14:14">
      <c r="N465556" s="10"/>
    </row>
    <row r="465557" spans="14:14">
      <c r="N465557" s="10"/>
    </row>
    <row r="465558" spans="14:14">
      <c r="N465558" s="10"/>
    </row>
    <row r="465559" spans="14:14">
      <c r="N465559" s="10"/>
    </row>
    <row r="465560" spans="14:14">
      <c r="N465560" s="10"/>
    </row>
    <row r="465561" spans="14:14">
      <c r="N465561" s="10"/>
    </row>
    <row r="465562" spans="14:14">
      <c r="N465562" s="10"/>
    </row>
    <row r="465563" spans="14:14">
      <c r="N465563" s="10"/>
    </row>
    <row r="465564" spans="14:14">
      <c r="N465564" s="10"/>
    </row>
    <row r="465565" spans="14:14">
      <c r="N465565" s="10"/>
    </row>
    <row r="465566" spans="14:14">
      <c r="N465566" s="10"/>
    </row>
    <row r="465567" spans="14:14">
      <c r="N465567" s="10"/>
    </row>
    <row r="465568" spans="14:14">
      <c r="N465568" s="10"/>
    </row>
    <row r="465569" spans="14:14">
      <c r="N465569" s="10"/>
    </row>
    <row r="465570" spans="14:14">
      <c r="N465570" s="10"/>
    </row>
    <row r="465571" spans="14:14">
      <c r="N465571" s="10"/>
    </row>
    <row r="465572" spans="14:14">
      <c r="N465572" s="10"/>
    </row>
    <row r="465573" spans="14:14">
      <c r="N465573" s="10"/>
    </row>
    <row r="465574" spans="14:14">
      <c r="N465574" s="10"/>
    </row>
    <row r="465575" spans="14:14">
      <c r="N465575" s="10"/>
    </row>
    <row r="465576" spans="14:14">
      <c r="N465576" s="10"/>
    </row>
    <row r="465577" spans="14:14">
      <c r="N465577" s="10"/>
    </row>
    <row r="465578" spans="14:14">
      <c r="N465578" s="10"/>
    </row>
    <row r="465579" spans="14:14">
      <c r="N465579" s="10"/>
    </row>
    <row r="465580" spans="14:14">
      <c r="N465580" s="10"/>
    </row>
    <row r="465581" spans="14:14">
      <c r="N465581" s="10"/>
    </row>
    <row r="465582" spans="14:14">
      <c r="N465582" s="10"/>
    </row>
    <row r="465583" spans="14:14">
      <c r="N465583" s="10"/>
    </row>
    <row r="465584" spans="14:14">
      <c r="N465584" s="10"/>
    </row>
    <row r="465585" spans="14:14">
      <c r="N465585" s="10"/>
    </row>
    <row r="465586" spans="14:14">
      <c r="N465586" s="10"/>
    </row>
    <row r="465587" spans="14:14">
      <c r="N465587" s="10"/>
    </row>
    <row r="465588" spans="14:14">
      <c r="N465588" s="10"/>
    </row>
    <row r="465589" spans="14:14">
      <c r="N465589" s="10"/>
    </row>
    <row r="465590" spans="14:14">
      <c r="N465590" s="10"/>
    </row>
    <row r="465591" spans="14:14">
      <c r="N465591" s="10"/>
    </row>
    <row r="465592" spans="14:14">
      <c r="N465592" s="10"/>
    </row>
    <row r="465593" spans="14:14">
      <c r="N465593" s="10"/>
    </row>
    <row r="465594" spans="14:14">
      <c r="N465594" s="10"/>
    </row>
    <row r="465595" spans="14:14">
      <c r="N465595" s="10"/>
    </row>
    <row r="465596" spans="14:14">
      <c r="N465596" s="10"/>
    </row>
    <row r="465597" spans="14:14">
      <c r="N465597" s="10"/>
    </row>
    <row r="465598" spans="14:14">
      <c r="N465598" s="10"/>
    </row>
    <row r="465599" spans="14:14">
      <c r="N465599" s="10"/>
    </row>
    <row r="465600" spans="14:14">
      <c r="N465600" s="10"/>
    </row>
    <row r="465601" spans="14:14">
      <c r="N465601" s="10"/>
    </row>
    <row r="465602" spans="14:14">
      <c r="N465602" s="10"/>
    </row>
    <row r="465603" spans="14:14">
      <c r="N465603" s="10"/>
    </row>
    <row r="465604" spans="14:14">
      <c r="N465604" s="10"/>
    </row>
    <row r="465605" spans="14:14">
      <c r="N465605" s="10"/>
    </row>
    <row r="465606" spans="14:14">
      <c r="N465606" s="10"/>
    </row>
    <row r="465607" spans="14:14">
      <c r="N465607" s="10"/>
    </row>
    <row r="465608" spans="14:14">
      <c r="N465608" s="10"/>
    </row>
    <row r="465609" spans="14:14">
      <c r="N465609" s="10"/>
    </row>
    <row r="465610" spans="14:14">
      <c r="N465610" s="10"/>
    </row>
    <row r="465611" spans="14:14">
      <c r="N465611" s="10"/>
    </row>
    <row r="465612" spans="14:14">
      <c r="N465612" s="10"/>
    </row>
    <row r="465613" spans="14:14">
      <c r="N465613" s="10"/>
    </row>
    <row r="465614" spans="14:14">
      <c r="N465614" s="10"/>
    </row>
    <row r="465615" spans="14:14">
      <c r="N465615" s="10"/>
    </row>
    <row r="465616" spans="14:14">
      <c r="N465616" s="10"/>
    </row>
    <row r="465617" spans="14:14">
      <c r="N465617" s="10"/>
    </row>
    <row r="465618" spans="14:14">
      <c r="N465618" s="10"/>
    </row>
    <row r="465619" spans="14:14">
      <c r="N465619" s="10"/>
    </row>
    <row r="465620" spans="14:14">
      <c r="N465620" s="10"/>
    </row>
    <row r="465621" spans="14:14">
      <c r="N465621" s="10"/>
    </row>
    <row r="465622" spans="14:14">
      <c r="N465622" s="10"/>
    </row>
    <row r="465623" spans="14:14">
      <c r="N465623" s="10"/>
    </row>
    <row r="465624" spans="14:14">
      <c r="N465624" s="10"/>
    </row>
    <row r="465625" spans="14:14">
      <c r="N465625" s="10"/>
    </row>
    <row r="465626" spans="14:14">
      <c r="N465626" s="10"/>
    </row>
    <row r="465627" spans="14:14">
      <c r="N465627" s="10"/>
    </row>
    <row r="465628" spans="14:14">
      <c r="N465628" s="10"/>
    </row>
    <row r="465629" spans="14:14">
      <c r="N465629" s="10"/>
    </row>
    <row r="465630" spans="14:14">
      <c r="N465630" s="10"/>
    </row>
    <row r="465631" spans="14:14">
      <c r="N465631" s="10"/>
    </row>
    <row r="465632" spans="14:14">
      <c r="N465632" s="10"/>
    </row>
    <row r="465633" spans="14:14">
      <c r="N465633" s="10"/>
    </row>
    <row r="465634" spans="14:14">
      <c r="N465634" s="10"/>
    </row>
    <row r="465635" spans="14:14">
      <c r="N465635" s="10"/>
    </row>
    <row r="465636" spans="14:14">
      <c r="N465636" s="10"/>
    </row>
    <row r="465637" spans="14:14">
      <c r="N465637" s="10"/>
    </row>
    <row r="465638" spans="14:14">
      <c r="N465638" s="10"/>
    </row>
    <row r="465639" spans="14:14">
      <c r="N465639" s="10"/>
    </row>
    <row r="465640" spans="14:14">
      <c r="N465640" s="10"/>
    </row>
    <row r="465641" spans="14:14">
      <c r="N465641" s="10"/>
    </row>
    <row r="465642" spans="14:14">
      <c r="N465642" s="10"/>
    </row>
    <row r="465643" spans="14:14">
      <c r="N465643" s="10"/>
    </row>
    <row r="465644" spans="14:14">
      <c r="N465644" s="10"/>
    </row>
    <row r="465645" spans="14:14">
      <c r="N465645" s="10"/>
    </row>
    <row r="465646" spans="14:14">
      <c r="N465646" s="10"/>
    </row>
    <row r="465647" spans="14:14">
      <c r="N465647" s="10"/>
    </row>
    <row r="465648" spans="14:14">
      <c r="N465648" s="10"/>
    </row>
    <row r="465649" spans="14:14">
      <c r="N465649" s="10"/>
    </row>
    <row r="465650" spans="14:14">
      <c r="N465650" s="10"/>
    </row>
    <row r="465651" spans="14:14">
      <c r="N465651" s="10"/>
    </row>
    <row r="465652" spans="14:14">
      <c r="N465652" s="10"/>
    </row>
    <row r="465653" spans="14:14">
      <c r="N465653" s="10"/>
    </row>
    <row r="465654" spans="14:14">
      <c r="N465654" s="10"/>
    </row>
    <row r="465655" spans="14:14">
      <c r="N465655" s="10"/>
    </row>
    <row r="465656" spans="14:14">
      <c r="N465656" s="10"/>
    </row>
    <row r="465657" spans="14:14">
      <c r="N465657" s="10"/>
    </row>
    <row r="465658" spans="14:14">
      <c r="N465658" s="10"/>
    </row>
    <row r="465659" spans="14:14">
      <c r="N465659" s="10"/>
    </row>
    <row r="465660" spans="14:14">
      <c r="N465660" s="10"/>
    </row>
    <row r="465661" spans="14:14">
      <c r="N465661" s="10"/>
    </row>
    <row r="465662" spans="14:14">
      <c r="N465662" s="10"/>
    </row>
    <row r="465663" spans="14:14">
      <c r="N465663" s="10"/>
    </row>
    <row r="465664" spans="14:14">
      <c r="N465664" s="10"/>
    </row>
    <row r="465665" spans="14:14">
      <c r="N465665" s="10"/>
    </row>
    <row r="465666" spans="14:14">
      <c r="N465666" s="10"/>
    </row>
    <row r="465667" spans="14:14">
      <c r="N465667" s="10"/>
    </row>
    <row r="465668" spans="14:14">
      <c r="N465668" s="10"/>
    </row>
    <row r="465669" spans="14:14">
      <c r="N465669" s="10"/>
    </row>
    <row r="465670" spans="14:14">
      <c r="N465670" s="10"/>
    </row>
    <row r="465671" spans="14:14">
      <c r="N465671" s="10"/>
    </row>
    <row r="465672" spans="14:14">
      <c r="N465672" s="10"/>
    </row>
    <row r="465673" spans="14:14">
      <c r="N465673" s="10"/>
    </row>
    <row r="465674" spans="14:14">
      <c r="N465674" s="10"/>
    </row>
    <row r="465675" spans="14:14">
      <c r="N465675" s="10"/>
    </row>
    <row r="465676" spans="14:14">
      <c r="N465676" s="10"/>
    </row>
    <row r="465677" spans="14:14">
      <c r="N465677" s="10"/>
    </row>
    <row r="465678" spans="14:14">
      <c r="N465678" s="10"/>
    </row>
    <row r="465679" spans="14:14">
      <c r="N465679" s="10"/>
    </row>
    <row r="465680" spans="14:14">
      <c r="N465680" s="10"/>
    </row>
    <row r="465681" spans="14:14">
      <c r="N465681" s="10"/>
    </row>
    <row r="465682" spans="14:14">
      <c r="N465682" s="10"/>
    </row>
    <row r="465683" spans="14:14">
      <c r="N465683" s="10"/>
    </row>
    <row r="465684" spans="14:14">
      <c r="N465684" s="10"/>
    </row>
    <row r="465685" spans="14:14">
      <c r="N465685" s="10"/>
    </row>
    <row r="465686" spans="14:14">
      <c r="N465686" s="10"/>
    </row>
    <row r="465687" spans="14:14">
      <c r="N465687" s="10"/>
    </row>
    <row r="465688" spans="14:14">
      <c r="N465688" s="10"/>
    </row>
    <row r="465689" spans="14:14">
      <c r="N465689" s="10"/>
    </row>
    <row r="465690" spans="14:14">
      <c r="N465690" s="10"/>
    </row>
    <row r="465691" spans="14:14">
      <c r="N465691" s="10"/>
    </row>
    <row r="465692" spans="14:14">
      <c r="N465692" s="10"/>
    </row>
    <row r="465693" spans="14:14">
      <c r="N465693" s="10"/>
    </row>
    <row r="465694" spans="14:14">
      <c r="N465694" s="10"/>
    </row>
    <row r="465695" spans="14:14">
      <c r="N465695" s="10"/>
    </row>
    <row r="465696" spans="14:14">
      <c r="N465696" s="10"/>
    </row>
    <row r="465697" spans="14:14">
      <c r="N465697" s="10"/>
    </row>
    <row r="465698" spans="14:14">
      <c r="N465698" s="10"/>
    </row>
    <row r="465699" spans="14:14">
      <c r="N465699" s="10"/>
    </row>
    <row r="465700" spans="14:14">
      <c r="N465700" s="10"/>
    </row>
    <row r="465701" spans="14:14">
      <c r="N465701" s="10"/>
    </row>
    <row r="465702" spans="14:14">
      <c r="N465702" s="10"/>
    </row>
    <row r="465703" spans="14:14">
      <c r="N465703" s="10"/>
    </row>
    <row r="465704" spans="14:14">
      <c r="N465704" s="10"/>
    </row>
    <row r="465705" spans="14:14">
      <c r="N465705" s="10"/>
    </row>
    <row r="465706" spans="14:14">
      <c r="N465706" s="10"/>
    </row>
    <row r="465707" spans="14:14">
      <c r="N465707" s="10"/>
    </row>
    <row r="465708" spans="14:14">
      <c r="N465708" s="10"/>
    </row>
    <row r="465709" spans="14:14">
      <c r="N465709" s="10"/>
    </row>
    <row r="465710" spans="14:14">
      <c r="N465710" s="10"/>
    </row>
    <row r="465711" spans="14:14">
      <c r="N465711" s="10"/>
    </row>
    <row r="465712" spans="14:14">
      <c r="N465712" s="10"/>
    </row>
    <row r="465713" spans="14:14">
      <c r="N465713" s="10"/>
    </row>
    <row r="465714" spans="14:14">
      <c r="N465714" s="10"/>
    </row>
    <row r="465715" spans="14:14">
      <c r="N465715" s="10"/>
    </row>
    <row r="465716" spans="14:14">
      <c r="N465716" s="10"/>
    </row>
    <row r="465717" spans="14:14">
      <c r="N465717" s="10"/>
    </row>
    <row r="465718" spans="14:14">
      <c r="N465718" s="10"/>
    </row>
    <row r="465719" spans="14:14">
      <c r="N465719" s="10"/>
    </row>
    <row r="465720" spans="14:14">
      <c r="N465720" s="10"/>
    </row>
    <row r="465721" spans="14:14">
      <c r="N465721" s="10"/>
    </row>
    <row r="465722" spans="14:14">
      <c r="N465722" s="10"/>
    </row>
    <row r="465723" spans="14:14">
      <c r="N465723" s="10"/>
    </row>
    <row r="465724" spans="14:14">
      <c r="N465724" s="10"/>
    </row>
    <row r="465725" spans="14:14">
      <c r="N465725" s="10"/>
    </row>
    <row r="465726" spans="14:14">
      <c r="N465726" s="10"/>
    </row>
    <row r="465727" spans="14:14">
      <c r="N465727" s="10"/>
    </row>
    <row r="465728" spans="14:14">
      <c r="N465728" s="10"/>
    </row>
    <row r="465729" spans="14:14">
      <c r="N465729" s="10"/>
    </row>
    <row r="465730" spans="14:14">
      <c r="N465730" s="10"/>
    </row>
    <row r="465731" spans="14:14">
      <c r="N465731" s="10"/>
    </row>
    <row r="465732" spans="14:14">
      <c r="N465732" s="10"/>
    </row>
    <row r="465733" spans="14:14">
      <c r="N465733" s="10"/>
    </row>
    <row r="465734" spans="14:14">
      <c r="N465734" s="10"/>
    </row>
    <row r="465735" spans="14:14">
      <c r="N465735" s="10"/>
    </row>
    <row r="465736" spans="14:14">
      <c r="N465736" s="10"/>
    </row>
    <row r="465737" spans="14:14">
      <c r="N465737" s="10"/>
    </row>
    <row r="465738" spans="14:14">
      <c r="N465738" s="10"/>
    </row>
    <row r="465739" spans="14:14">
      <c r="N465739" s="10"/>
    </row>
    <row r="465740" spans="14:14">
      <c r="N465740" s="10"/>
    </row>
    <row r="465741" spans="14:14">
      <c r="N465741" s="10"/>
    </row>
    <row r="465742" spans="14:14">
      <c r="N465742" s="10"/>
    </row>
    <row r="465743" spans="14:14">
      <c r="N465743" s="10"/>
    </row>
    <row r="465744" spans="14:14">
      <c r="N465744" s="10"/>
    </row>
    <row r="465745" spans="14:14">
      <c r="N465745" s="10"/>
    </row>
    <row r="465746" spans="14:14">
      <c r="N465746" s="10"/>
    </row>
    <row r="465747" spans="14:14">
      <c r="N465747" s="10"/>
    </row>
    <row r="465748" spans="14:14">
      <c r="N465748" s="10"/>
    </row>
    <row r="465749" spans="14:14">
      <c r="N465749" s="10"/>
    </row>
    <row r="465750" spans="14:14">
      <c r="N465750" s="10"/>
    </row>
    <row r="465751" spans="14:14">
      <c r="N465751" s="10"/>
    </row>
    <row r="465752" spans="14:14">
      <c r="N465752" s="10"/>
    </row>
    <row r="465753" spans="14:14">
      <c r="N465753" s="10"/>
    </row>
    <row r="465754" spans="14:14">
      <c r="N465754" s="10"/>
    </row>
    <row r="465755" spans="14:14">
      <c r="N465755" s="10"/>
    </row>
    <row r="465756" spans="14:14">
      <c r="N465756" s="10"/>
    </row>
    <row r="465757" spans="14:14">
      <c r="N465757" s="10"/>
    </row>
    <row r="465758" spans="14:14">
      <c r="N465758" s="10"/>
    </row>
    <row r="465759" spans="14:14">
      <c r="N465759" s="10"/>
    </row>
    <row r="465760" spans="14:14">
      <c r="N465760" s="10"/>
    </row>
    <row r="465761" spans="14:14">
      <c r="N465761" s="10"/>
    </row>
    <row r="465762" spans="14:14">
      <c r="N465762" s="10"/>
    </row>
    <row r="465763" spans="14:14">
      <c r="N465763" s="10"/>
    </row>
    <row r="465764" spans="14:14">
      <c r="N465764" s="10"/>
    </row>
    <row r="465765" spans="14:14">
      <c r="N465765" s="10"/>
    </row>
    <row r="465766" spans="14:14">
      <c r="N465766" s="10"/>
    </row>
    <row r="465767" spans="14:14">
      <c r="N465767" s="10"/>
    </row>
    <row r="465768" spans="14:14">
      <c r="N465768" s="10"/>
    </row>
    <row r="465769" spans="14:14">
      <c r="N465769" s="10"/>
    </row>
    <row r="465770" spans="14:14">
      <c r="N465770" s="10"/>
    </row>
    <row r="465771" spans="14:14">
      <c r="N465771" s="10"/>
    </row>
    <row r="465772" spans="14:14">
      <c r="N465772" s="10"/>
    </row>
    <row r="465773" spans="14:14">
      <c r="N465773" s="10"/>
    </row>
    <row r="465774" spans="14:14">
      <c r="N465774" s="10"/>
    </row>
    <row r="465775" spans="14:14">
      <c r="N465775" s="10"/>
    </row>
    <row r="465776" spans="14:14">
      <c r="N465776" s="10"/>
    </row>
    <row r="465777" spans="14:14">
      <c r="N465777" s="10"/>
    </row>
    <row r="465778" spans="14:14">
      <c r="N465778" s="10"/>
    </row>
    <row r="465779" spans="14:14">
      <c r="N465779" s="10"/>
    </row>
    <row r="465780" spans="14:14">
      <c r="N465780" s="10"/>
    </row>
    <row r="465781" spans="14:14">
      <c r="N465781" s="10"/>
    </row>
    <row r="465782" spans="14:14">
      <c r="N465782" s="10"/>
    </row>
    <row r="465783" spans="14:14">
      <c r="N465783" s="10"/>
    </row>
    <row r="465784" spans="14:14">
      <c r="N465784" s="10"/>
    </row>
    <row r="465785" spans="14:14">
      <c r="N465785" s="10"/>
    </row>
    <row r="465786" spans="14:14">
      <c r="N465786" s="10"/>
    </row>
    <row r="465787" spans="14:14">
      <c r="N465787" s="10"/>
    </row>
    <row r="465788" spans="14:14">
      <c r="N465788" s="10"/>
    </row>
    <row r="465789" spans="14:14">
      <c r="N465789" s="10"/>
    </row>
    <row r="465790" spans="14:14">
      <c r="N465790" s="10"/>
    </row>
    <row r="465791" spans="14:14">
      <c r="N465791" s="10"/>
    </row>
    <row r="465792" spans="14:14">
      <c r="N465792" s="10"/>
    </row>
    <row r="465793" spans="14:14">
      <c r="N465793" s="10"/>
    </row>
    <row r="465794" spans="14:14">
      <c r="N465794" s="10"/>
    </row>
    <row r="465795" spans="14:14">
      <c r="N465795" s="10"/>
    </row>
    <row r="465796" spans="14:14">
      <c r="N465796" s="10"/>
    </row>
    <row r="465797" spans="14:14">
      <c r="N465797" s="10"/>
    </row>
    <row r="465798" spans="14:14">
      <c r="N465798" s="10"/>
    </row>
    <row r="465799" spans="14:14">
      <c r="N465799" s="10"/>
    </row>
    <row r="465800" spans="14:14">
      <c r="N465800" s="10"/>
    </row>
    <row r="465801" spans="14:14">
      <c r="N465801" s="10"/>
    </row>
    <row r="465802" spans="14:14">
      <c r="N465802" s="10"/>
    </row>
    <row r="465803" spans="14:14">
      <c r="N465803" s="10"/>
    </row>
    <row r="465804" spans="14:14">
      <c r="N465804" s="10"/>
    </row>
    <row r="465805" spans="14:14">
      <c r="N465805" s="10"/>
    </row>
    <row r="465806" spans="14:14">
      <c r="N465806" s="10"/>
    </row>
    <row r="465807" spans="14:14">
      <c r="N465807" s="10"/>
    </row>
    <row r="465808" spans="14:14">
      <c r="N465808" s="10"/>
    </row>
    <row r="465809" spans="14:14">
      <c r="N465809" s="10"/>
    </row>
    <row r="465810" spans="14:14">
      <c r="N465810" s="10"/>
    </row>
    <row r="465811" spans="14:14">
      <c r="N465811" s="10"/>
    </row>
    <row r="465812" spans="14:14">
      <c r="N465812" s="10"/>
    </row>
    <row r="465813" spans="14:14">
      <c r="N465813" s="10"/>
    </row>
    <row r="465814" spans="14:14">
      <c r="N465814" s="10"/>
    </row>
    <row r="465815" spans="14:14">
      <c r="N465815" s="10"/>
    </row>
    <row r="465816" spans="14:14">
      <c r="N465816" s="10"/>
    </row>
    <row r="465817" spans="14:14">
      <c r="N465817" s="10"/>
    </row>
    <row r="465818" spans="14:14">
      <c r="N465818" s="10"/>
    </row>
    <row r="465819" spans="14:14">
      <c r="N465819" s="10"/>
    </row>
    <row r="465820" spans="14:14">
      <c r="N465820" s="10"/>
    </row>
    <row r="465821" spans="14:14">
      <c r="N465821" s="10"/>
    </row>
    <row r="465822" spans="14:14">
      <c r="N465822" s="10"/>
    </row>
    <row r="465823" spans="14:14">
      <c r="N465823" s="10"/>
    </row>
    <row r="465824" spans="14:14">
      <c r="N465824" s="10"/>
    </row>
    <row r="465825" spans="14:14">
      <c r="N465825" s="10"/>
    </row>
    <row r="465826" spans="14:14">
      <c r="N465826" s="10"/>
    </row>
    <row r="465827" spans="14:14">
      <c r="N465827" s="10"/>
    </row>
    <row r="465828" spans="14:14">
      <c r="N465828" s="10"/>
    </row>
    <row r="465829" spans="14:14">
      <c r="N465829" s="10"/>
    </row>
    <row r="465830" spans="14:14">
      <c r="N465830" s="10"/>
    </row>
    <row r="465831" spans="14:14">
      <c r="N465831" s="10"/>
    </row>
    <row r="465832" spans="14:14">
      <c r="N465832" s="10"/>
    </row>
    <row r="465833" spans="14:14">
      <c r="N465833" s="10"/>
    </row>
    <row r="465834" spans="14:14">
      <c r="N465834" s="10"/>
    </row>
    <row r="465835" spans="14:14">
      <c r="N465835" s="10"/>
    </row>
    <row r="465836" spans="14:14">
      <c r="N465836" s="10"/>
    </row>
    <row r="465837" spans="14:14">
      <c r="N465837" s="10"/>
    </row>
    <row r="465838" spans="14:14">
      <c r="N465838" s="10"/>
    </row>
    <row r="465839" spans="14:14">
      <c r="N465839" s="10"/>
    </row>
    <row r="465840" spans="14:14">
      <c r="N465840" s="10"/>
    </row>
    <row r="465841" spans="14:14">
      <c r="N465841" s="10"/>
    </row>
    <row r="465842" spans="14:14">
      <c r="N465842" s="10"/>
    </row>
    <row r="465843" spans="14:14">
      <c r="N465843" s="10"/>
    </row>
    <row r="465844" spans="14:14">
      <c r="N465844" s="10"/>
    </row>
    <row r="465845" spans="14:14">
      <c r="N465845" s="10"/>
    </row>
    <row r="465846" spans="14:14">
      <c r="N465846" s="10"/>
    </row>
    <row r="465847" spans="14:14">
      <c r="N465847" s="10"/>
    </row>
    <row r="465848" spans="14:14">
      <c r="N465848" s="10"/>
    </row>
    <row r="465849" spans="14:14">
      <c r="N465849" s="10"/>
    </row>
    <row r="465850" spans="14:14">
      <c r="N465850" s="10"/>
    </row>
    <row r="465851" spans="14:14">
      <c r="N465851" s="10"/>
    </row>
    <row r="465852" spans="14:14">
      <c r="N465852" s="10"/>
    </row>
    <row r="465853" spans="14:14">
      <c r="N465853" s="10"/>
    </row>
    <row r="465854" spans="14:14">
      <c r="N465854" s="10"/>
    </row>
    <row r="465855" spans="14:14">
      <c r="N465855" s="10"/>
    </row>
    <row r="465856" spans="14:14">
      <c r="N465856" s="10"/>
    </row>
    <row r="465857" spans="14:14">
      <c r="N465857" s="10"/>
    </row>
    <row r="465858" spans="14:14">
      <c r="N465858" s="10"/>
    </row>
    <row r="465859" spans="14:14">
      <c r="N465859" s="10"/>
    </row>
    <row r="465860" spans="14:14">
      <c r="N465860" s="10"/>
    </row>
    <row r="465861" spans="14:14">
      <c r="N465861" s="10"/>
    </row>
    <row r="465862" spans="14:14">
      <c r="N465862" s="10"/>
    </row>
    <row r="465863" spans="14:14">
      <c r="N465863" s="10"/>
    </row>
    <row r="465864" spans="14:14">
      <c r="N465864" s="10"/>
    </row>
    <row r="465865" spans="14:14">
      <c r="N465865" s="10"/>
    </row>
    <row r="465866" spans="14:14">
      <c r="N465866" s="10"/>
    </row>
    <row r="465867" spans="14:14">
      <c r="N465867" s="10"/>
    </row>
    <row r="465868" spans="14:14">
      <c r="N465868" s="10"/>
    </row>
    <row r="465869" spans="14:14">
      <c r="N465869" s="10"/>
    </row>
    <row r="465870" spans="14:14">
      <c r="N465870" s="10"/>
    </row>
    <row r="465871" spans="14:14">
      <c r="N465871" s="10"/>
    </row>
    <row r="465872" spans="14:14">
      <c r="N465872" s="10"/>
    </row>
    <row r="465873" spans="14:14">
      <c r="N465873" s="10"/>
    </row>
    <row r="465874" spans="14:14">
      <c r="N465874" s="10"/>
    </row>
    <row r="465875" spans="14:14">
      <c r="N465875" s="10"/>
    </row>
    <row r="465876" spans="14:14">
      <c r="N465876" s="10"/>
    </row>
    <row r="465877" spans="14:14">
      <c r="N465877" s="10"/>
    </row>
    <row r="465878" spans="14:14">
      <c r="N465878" s="10"/>
    </row>
    <row r="465879" spans="14:14">
      <c r="N465879" s="10"/>
    </row>
    <row r="465880" spans="14:14">
      <c r="N465880" s="10"/>
    </row>
    <row r="465881" spans="14:14">
      <c r="N465881" s="10"/>
    </row>
    <row r="465882" spans="14:14">
      <c r="N465882" s="10"/>
    </row>
    <row r="465883" spans="14:14">
      <c r="N465883" s="10"/>
    </row>
    <row r="465884" spans="14:14">
      <c r="N465884" s="10"/>
    </row>
    <row r="465885" spans="14:14">
      <c r="N465885" s="10"/>
    </row>
    <row r="465886" spans="14:14">
      <c r="N465886" s="10"/>
    </row>
    <row r="465887" spans="14:14">
      <c r="N465887" s="10"/>
    </row>
    <row r="465888" spans="14:14">
      <c r="N465888" s="10"/>
    </row>
    <row r="465889" spans="14:14">
      <c r="N465889" s="10"/>
    </row>
    <row r="465890" spans="14:14">
      <c r="N465890" s="10"/>
    </row>
    <row r="465891" spans="14:14">
      <c r="N465891" s="10"/>
    </row>
    <row r="465892" spans="14:14">
      <c r="N465892" s="10"/>
    </row>
    <row r="465893" spans="14:14">
      <c r="N465893" s="10"/>
    </row>
    <row r="465894" spans="14:14">
      <c r="N465894" s="10"/>
    </row>
    <row r="465895" spans="14:14">
      <c r="N465895" s="10"/>
    </row>
    <row r="465896" spans="14:14">
      <c r="N465896" s="10"/>
    </row>
    <row r="465897" spans="14:14">
      <c r="N465897" s="10"/>
    </row>
    <row r="465898" spans="14:14">
      <c r="N465898" s="10"/>
    </row>
    <row r="465899" spans="14:14">
      <c r="N465899" s="10"/>
    </row>
    <row r="465900" spans="14:14">
      <c r="N465900" s="10"/>
    </row>
    <row r="465901" spans="14:14">
      <c r="N465901" s="10"/>
    </row>
    <row r="465902" spans="14:14">
      <c r="N465902" s="10"/>
    </row>
    <row r="465903" spans="14:14">
      <c r="N465903" s="10"/>
    </row>
    <row r="465904" spans="14:14">
      <c r="N465904" s="10"/>
    </row>
    <row r="465905" spans="14:14">
      <c r="N465905" s="10"/>
    </row>
    <row r="465906" spans="14:14">
      <c r="N465906" s="10"/>
    </row>
    <row r="465907" spans="14:14">
      <c r="N465907" s="10"/>
    </row>
    <row r="465908" spans="14:14">
      <c r="N465908" s="10"/>
    </row>
    <row r="465909" spans="14:14">
      <c r="N465909" s="10"/>
    </row>
    <row r="465910" spans="14:14">
      <c r="N465910" s="10"/>
    </row>
    <row r="465911" spans="14:14">
      <c r="N465911" s="10"/>
    </row>
    <row r="465912" spans="14:14">
      <c r="N465912" s="10"/>
    </row>
    <row r="465913" spans="14:14">
      <c r="N465913" s="10"/>
    </row>
    <row r="465914" spans="14:14">
      <c r="N465914" s="10"/>
    </row>
    <row r="465915" spans="14:14">
      <c r="N465915" s="10"/>
    </row>
    <row r="465916" spans="14:14">
      <c r="N465916" s="10"/>
    </row>
    <row r="465917" spans="14:14">
      <c r="N465917" s="10"/>
    </row>
    <row r="465918" spans="14:14">
      <c r="N465918" s="10"/>
    </row>
    <row r="465919" spans="14:14">
      <c r="N465919" s="10"/>
    </row>
    <row r="465920" spans="14:14">
      <c r="N465920" s="10"/>
    </row>
    <row r="465921" spans="14:14">
      <c r="N465921" s="10"/>
    </row>
    <row r="465922" spans="14:14">
      <c r="N465922" s="10"/>
    </row>
    <row r="465923" spans="14:14">
      <c r="N465923" s="10"/>
    </row>
    <row r="465924" spans="14:14">
      <c r="N465924" s="10"/>
    </row>
    <row r="465925" spans="14:14">
      <c r="N465925" s="10"/>
    </row>
    <row r="465926" spans="14:14">
      <c r="N465926" s="10"/>
    </row>
    <row r="465927" spans="14:14">
      <c r="N465927" s="10"/>
    </row>
    <row r="465928" spans="14:14">
      <c r="N465928" s="10"/>
    </row>
    <row r="465929" spans="14:14">
      <c r="N465929" s="10"/>
    </row>
    <row r="465930" spans="14:14">
      <c r="N465930" s="10"/>
    </row>
    <row r="465931" spans="14:14">
      <c r="N465931" s="10"/>
    </row>
    <row r="465932" spans="14:14">
      <c r="N465932" s="10"/>
    </row>
    <row r="465933" spans="14:14">
      <c r="N465933" s="10"/>
    </row>
    <row r="465934" spans="14:14">
      <c r="N465934" s="10"/>
    </row>
    <row r="465935" spans="14:14">
      <c r="N465935" s="10"/>
    </row>
    <row r="465936" spans="14:14">
      <c r="N465936" s="10"/>
    </row>
    <row r="465937" spans="14:14">
      <c r="N465937" s="10"/>
    </row>
    <row r="465938" spans="14:14">
      <c r="N465938" s="10"/>
    </row>
    <row r="465939" spans="14:14">
      <c r="N465939" s="10"/>
    </row>
    <row r="465940" spans="14:14">
      <c r="N465940" s="10"/>
    </row>
    <row r="465941" spans="14:14">
      <c r="N465941" s="10"/>
    </row>
    <row r="465942" spans="14:14">
      <c r="N465942" s="10"/>
    </row>
    <row r="465943" spans="14:14">
      <c r="N465943" s="10"/>
    </row>
    <row r="465944" spans="14:14">
      <c r="N465944" s="10"/>
    </row>
    <row r="465945" spans="14:14">
      <c r="N465945" s="10"/>
    </row>
    <row r="465946" spans="14:14">
      <c r="N465946" s="10"/>
    </row>
    <row r="465947" spans="14:14">
      <c r="N465947" s="10"/>
    </row>
    <row r="465948" spans="14:14">
      <c r="N465948" s="10"/>
    </row>
    <row r="465949" spans="14:14">
      <c r="N465949" s="10"/>
    </row>
    <row r="465950" spans="14:14">
      <c r="N465950" s="10"/>
    </row>
    <row r="465951" spans="14:14">
      <c r="N465951" s="10"/>
    </row>
    <row r="465952" spans="14:14">
      <c r="N465952" s="10"/>
    </row>
    <row r="465953" spans="14:14">
      <c r="N465953" s="10"/>
    </row>
    <row r="465954" spans="14:14">
      <c r="N465954" s="10"/>
    </row>
    <row r="465955" spans="14:14">
      <c r="N465955" s="10"/>
    </row>
    <row r="465956" spans="14:14">
      <c r="N465956" s="10"/>
    </row>
    <row r="465957" spans="14:14">
      <c r="N465957" s="10"/>
    </row>
    <row r="465958" spans="14:14">
      <c r="N465958" s="10"/>
    </row>
    <row r="465959" spans="14:14">
      <c r="N465959" s="10"/>
    </row>
    <row r="465960" spans="14:14">
      <c r="N465960" s="10"/>
    </row>
    <row r="465961" spans="14:14">
      <c r="N465961" s="10"/>
    </row>
    <row r="465962" spans="14:14">
      <c r="N465962" s="10"/>
    </row>
    <row r="465963" spans="14:14">
      <c r="N465963" s="10"/>
    </row>
    <row r="465964" spans="14:14">
      <c r="N465964" s="10"/>
    </row>
    <row r="465965" spans="14:14">
      <c r="N465965" s="10"/>
    </row>
    <row r="465966" spans="14:14">
      <c r="N465966" s="10"/>
    </row>
    <row r="465967" spans="14:14">
      <c r="N465967" s="10"/>
    </row>
    <row r="465968" spans="14:14">
      <c r="N465968" s="10"/>
    </row>
    <row r="465969" spans="14:14">
      <c r="N465969" s="10"/>
    </row>
    <row r="465970" spans="14:14">
      <c r="N465970" s="10"/>
    </row>
    <row r="465971" spans="14:14">
      <c r="N465971" s="10"/>
    </row>
    <row r="465972" spans="14:14">
      <c r="N465972" s="10"/>
    </row>
    <row r="465973" spans="14:14">
      <c r="N465973" s="10"/>
    </row>
    <row r="465974" spans="14:14">
      <c r="N465974" s="10"/>
    </row>
    <row r="465975" spans="14:14">
      <c r="N465975" s="10"/>
    </row>
    <row r="465976" spans="14:14">
      <c r="N465976" s="10"/>
    </row>
    <row r="465977" spans="14:14">
      <c r="N465977" s="10"/>
    </row>
    <row r="465978" spans="14:14">
      <c r="N465978" s="10"/>
    </row>
    <row r="465979" spans="14:14">
      <c r="N465979" s="10"/>
    </row>
    <row r="465980" spans="14:14">
      <c r="N465980" s="10"/>
    </row>
    <row r="465981" spans="14:14">
      <c r="N465981" s="10"/>
    </row>
    <row r="465982" spans="14:14">
      <c r="N465982" s="10"/>
    </row>
    <row r="465983" spans="14:14">
      <c r="N465983" s="10"/>
    </row>
    <row r="465984" spans="14:14">
      <c r="N465984" s="10"/>
    </row>
    <row r="465985" spans="14:14">
      <c r="N465985" s="10"/>
    </row>
    <row r="465986" spans="14:14">
      <c r="N465986" s="10"/>
    </row>
    <row r="465987" spans="14:14">
      <c r="N465987" s="10"/>
    </row>
    <row r="465988" spans="14:14">
      <c r="N465988" s="10"/>
    </row>
    <row r="465989" spans="14:14">
      <c r="N465989" s="10"/>
    </row>
    <row r="465990" spans="14:14">
      <c r="N465990" s="10"/>
    </row>
    <row r="465991" spans="14:14">
      <c r="N465991" s="10"/>
    </row>
    <row r="465992" spans="14:14">
      <c r="N465992" s="10"/>
    </row>
    <row r="465993" spans="14:14">
      <c r="N465993" s="10"/>
    </row>
    <row r="465994" spans="14:14">
      <c r="N465994" s="10"/>
    </row>
    <row r="465995" spans="14:14">
      <c r="N465995" s="10"/>
    </row>
    <row r="465996" spans="14:14">
      <c r="N465996" s="10"/>
    </row>
    <row r="465997" spans="14:14">
      <c r="N465997" s="10"/>
    </row>
    <row r="465998" spans="14:14">
      <c r="N465998" s="10"/>
    </row>
    <row r="465999" spans="14:14">
      <c r="N465999" s="10"/>
    </row>
    <row r="466000" spans="14:14">
      <c r="N466000" s="10"/>
    </row>
    <row r="466001" spans="14:14">
      <c r="N466001" s="10"/>
    </row>
    <row r="466002" spans="14:14">
      <c r="N466002" s="10"/>
    </row>
    <row r="466003" spans="14:14">
      <c r="N466003" s="10"/>
    </row>
    <row r="466004" spans="14:14">
      <c r="N466004" s="10"/>
    </row>
    <row r="466005" spans="14:14">
      <c r="N466005" s="10"/>
    </row>
    <row r="466006" spans="14:14">
      <c r="N466006" s="10"/>
    </row>
    <row r="466007" spans="14:14">
      <c r="N466007" s="10"/>
    </row>
    <row r="466008" spans="14:14">
      <c r="N466008" s="10"/>
    </row>
    <row r="466009" spans="14:14">
      <c r="N466009" s="10"/>
    </row>
    <row r="466010" spans="14:14">
      <c r="N466010" s="10"/>
    </row>
    <row r="466011" spans="14:14">
      <c r="N466011" s="10"/>
    </row>
    <row r="466012" spans="14:14">
      <c r="N466012" s="10"/>
    </row>
    <row r="466013" spans="14:14">
      <c r="N466013" s="10"/>
    </row>
    <row r="466014" spans="14:14">
      <c r="N466014" s="10"/>
    </row>
    <row r="466015" spans="14:14">
      <c r="N466015" s="10"/>
    </row>
    <row r="466016" spans="14:14">
      <c r="N466016" s="10"/>
    </row>
    <row r="466017" spans="14:14">
      <c r="N466017" s="10"/>
    </row>
    <row r="466018" spans="14:14">
      <c r="N466018" s="10"/>
    </row>
    <row r="466019" spans="14:14">
      <c r="N466019" s="10"/>
    </row>
    <row r="466020" spans="14:14">
      <c r="N466020" s="10"/>
    </row>
    <row r="466021" spans="14:14">
      <c r="N466021" s="10"/>
    </row>
    <row r="466022" spans="14:14">
      <c r="N466022" s="10"/>
    </row>
    <row r="466023" spans="14:14">
      <c r="N466023" s="10"/>
    </row>
    <row r="466024" spans="14:14">
      <c r="N466024" s="10"/>
    </row>
    <row r="466025" spans="14:14">
      <c r="N466025" s="10"/>
    </row>
    <row r="466026" spans="14:14">
      <c r="N466026" s="10"/>
    </row>
    <row r="466027" spans="14:14">
      <c r="N466027" s="10"/>
    </row>
    <row r="466028" spans="14:14">
      <c r="N466028" s="10"/>
    </row>
    <row r="466029" spans="14:14">
      <c r="N466029" s="10"/>
    </row>
    <row r="466030" spans="14:14">
      <c r="N466030" s="10"/>
    </row>
    <row r="466031" spans="14:14">
      <c r="N466031" s="10"/>
    </row>
    <row r="466032" spans="14:14">
      <c r="N466032" s="10"/>
    </row>
    <row r="466033" spans="14:14">
      <c r="N466033" s="10"/>
    </row>
    <row r="466034" spans="14:14">
      <c r="N466034" s="10"/>
    </row>
    <row r="466035" spans="14:14">
      <c r="N466035" s="10"/>
    </row>
    <row r="466036" spans="14:14">
      <c r="N466036" s="10"/>
    </row>
    <row r="466037" spans="14:14">
      <c r="N466037" s="10"/>
    </row>
    <row r="466038" spans="14:14">
      <c r="N466038" s="10"/>
    </row>
    <row r="466039" spans="14:14">
      <c r="N466039" s="10"/>
    </row>
    <row r="466040" spans="14:14">
      <c r="N466040" s="10"/>
    </row>
    <row r="466041" spans="14:14">
      <c r="N466041" s="10"/>
    </row>
    <row r="466042" spans="14:14">
      <c r="N466042" s="10"/>
    </row>
    <row r="466043" spans="14:14">
      <c r="N466043" s="10"/>
    </row>
    <row r="466044" spans="14:14">
      <c r="N466044" s="10"/>
    </row>
    <row r="466045" spans="14:14">
      <c r="N466045" s="10"/>
    </row>
    <row r="466046" spans="14:14">
      <c r="N466046" s="10"/>
    </row>
    <row r="466047" spans="14:14">
      <c r="N466047" s="10"/>
    </row>
    <row r="466048" spans="14:14">
      <c r="N466048" s="10"/>
    </row>
    <row r="466049" spans="14:14">
      <c r="N466049" s="10"/>
    </row>
    <row r="466050" spans="14:14">
      <c r="N466050" s="10"/>
    </row>
    <row r="466051" spans="14:14">
      <c r="N466051" s="10"/>
    </row>
    <row r="466052" spans="14:14">
      <c r="N466052" s="10"/>
    </row>
    <row r="466053" spans="14:14">
      <c r="N466053" s="10"/>
    </row>
    <row r="466054" spans="14:14">
      <c r="N466054" s="10"/>
    </row>
    <row r="466055" spans="14:14">
      <c r="N466055" s="10"/>
    </row>
    <row r="466056" spans="14:14">
      <c r="N466056" s="10"/>
    </row>
    <row r="466057" spans="14:14">
      <c r="N466057" s="10"/>
    </row>
    <row r="466058" spans="14:14">
      <c r="N466058" s="10"/>
    </row>
    <row r="466059" spans="14:14">
      <c r="N466059" s="10"/>
    </row>
    <row r="466060" spans="14:14">
      <c r="N466060" s="10"/>
    </row>
    <row r="466061" spans="14:14">
      <c r="N466061" s="10"/>
    </row>
    <row r="466062" spans="14:14">
      <c r="N466062" s="10"/>
    </row>
    <row r="466063" spans="14:14">
      <c r="N466063" s="10"/>
    </row>
    <row r="466064" spans="14:14">
      <c r="N466064" s="10"/>
    </row>
    <row r="466065" spans="14:14">
      <c r="N466065" s="10"/>
    </row>
    <row r="466066" spans="14:14">
      <c r="N466066" s="10"/>
    </row>
    <row r="466067" spans="14:14">
      <c r="N466067" s="10"/>
    </row>
    <row r="466068" spans="14:14">
      <c r="N466068" s="10"/>
    </row>
    <row r="466069" spans="14:14">
      <c r="N466069" s="10"/>
    </row>
    <row r="466070" spans="14:14">
      <c r="N466070" s="10"/>
    </row>
    <row r="466071" spans="14:14">
      <c r="N466071" s="10"/>
    </row>
    <row r="466072" spans="14:14">
      <c r="N466072" s="10"/>
    </row>
    <row r="466073" spans="14:14">
      <c r="N466073" s="10"/>
    </row>
    <row r="466074" spans="14:14">
      <c r="N466074" s="10"/>
    </row>
    <row r="466075" spans="14:14">
      <c r="N466075" s="10"/>
    </row>
    <row r="466076" spans="14:14">
      <c r="N466076" s="10"/>
    </row>
    <row r="466077" spans="14:14">
      <c r="N466077" s="10"/>
    </row>
    <row r="466078" spans="14:14">
      <c r="N466078" s="10"/>
    </row>
    <row r="466079" spans="14:14">
      <c r="N466079" s="10"/>
    </row>
    <row r="466080" spans="14:14">
      <c r="N466080" s="10"/>
    </row>
    <row r="466081" spans="14:14">
      <c r="N466081" s="10"/>
    </row>
    <row r="466082" spans="14:14">
      <c r="N466082" s="10"/>
    </row>
    <row r="466083" spans="14:14">
      <c r="N466083" s="10"/>
    </row>
    <row r="466084" spans="14:14">
      <c r="N466084" s="10"/>
    </row>
    <row r="466085" spans="14:14">
      <c r="N466085" s="10"/>
    </row>
    <row r="466086" spans="14:14">
      <c r="N466086" s="10"/>
    </row>
    <row r="466087" spans="14:14">
      <c r="N466087" s="10"/>
    </row>
    <row r="466088" spans="14:14">
      <c r="N466088" s="10"/>
    </row>
    <row r="466089" spans="14:14">
      <c r="N466089" s="10"/>
    </row>
    <row r="466090" spans="14:14">
      <c r="N466090" s="10"/>
    </row>
    <row r="466091" spans="14:14">
      <c r="N466091" s="10"/>
    </row>
    <row r="466092" spans="14:14">
      <c r="N466092" s="10"/>
    </row>
    <row r="466093" spans="14:14">
      <c r="N466093" s="10"/>
    </row>
    <row r="466094" spans="14:14">
      <c r="N466094" s="10"/>
    </row>
    <row r="466095" spans="14:14">
      <c r="N466095" s="10"/>
    </row>
    <row r="466096" spans="14:14">
      <c r="N466096" s="10"/>
    </row>
    <row r="466097" spans="14:14">
      <c r="N466097" s="10"/>
    </row>
    <row r="466098" spans="14:14">
      <c r="N466098" s="10"/>
    </row>
    <row r="466099" spans="14:14">
      <c r="N466099" s="10"/>
    </row>
    <row r="466100" spans="14:14">
      <c r="N466100" s="10"/>
    </row>
    <row r="466101" spans="14:14">
      <c r="N466101" s="10"/>
    </row>
    <row r="466102" spans="14:14">
      <c r="N466102" s="10"/>
    </row>
    <row r="466103" spans="14:14">
      <c r="N466103" s="10"/>
    </row>
    <row r="466104" spans="14:14">
      <c r="N466104" s="10"/>
    </row>
    <row r="466105" spans="14:14">
      <c r="N466105" s="10"/>
    </row>
    <row r="466106" spans="14:14">
      <c r="N466106" s="10"/>
    </row>
    <row r="466107" spans="14:14">
      <c r="N466107" s="10"/>
    </row>
    <row r="466108" spans="14:14">
      <c r="N466108" s="10"/>
    </row>
    <row r="466109" spans="14:14">
      <c r="N466109" s="10"/>
    </row>
    <row r="466110" spans="14:14">
      <c r="N466110" s="10"/>
    </row>
    <row r="466111" spans="14:14">
      <c r="N466111" s="10"/>
    </row>
    <row r="466112" spans="14:14">
      <c r="N466112" s="10"/>
    </row>
    <row r="466113" spans="14:14">
      <c r="N466113" s="10"/>
    </row>
    <row r="466114" spans="14:14">
      <c r="N466114" s="10"/>
    </row>
    <row r="466115" spans="14:14">
      <c r="N466115" s="10"/>
    </row>
    <row r="466116" spans="14:14">
      <c r="N466116" s="10"/>
    </row>
    <row r="466117" spans="14:14">
      <c r="N466117" s="10"/>
    </row>
    <row r="466118" spans="14:14">
      <c r="N466118" s="10"/>
    </row>
    <row r="466119" spans="14:14">
      <c r="N466119" s="10"/>
    </row>
    <row r="466120" spans="14:14">
      <c r="N466120" s="10"/>
    </row>
    <row r="466121" spans="14:14">
      <c r="N466121" s="10"/>
    </row>
    <row r="466122" spans="14:14">
      <c r="N466122" s="10"/>
    </row>
    <row r="466123" spans="14:14">
      <c r="N466123" s="10"/>
    </row>
    <row r="466124" spans="14:14">
      <c r="N466124" s="10"/>
    </row>
    <row r="466125" spans="14:14">
      <c r="N466125" s="10"/>
    </row>
    <row r="466126" spans="14:14">
      <c r="N466126" s="10"/>
    </row>
    <row r="466127" spans="14:14">
      <c r="N466127" s="10"/>
    </row>
    <row r="466128" spans="14:14">
      <c r="N466128" s="10"/>
    </row>
    <row r="466129" spans="14:14">
      <c r="N466129" s="10"/>
    </row>
    <row r="466130" spans="14:14">
      <c r="N466130" s="10"/>
    </row>
    <row r="466131" spans="14:14">
      <c r="N466131" s="10"/>
    </row>
    <row r="466132" spans="14:14">
      <c r="N466132" s="10"/>
    </row>
    <row r="466133" spans="14:14">
      <c r="N466133" s="10"/>
    </row>
    <row r="466134" spans="14:14">
      <c r="N466134" s="10"/>
    </row>
    <row r="466135" spans="14:14">
      <c r="N466135" s="10"/>
    </row>
    <row r="466136" spans="14:14">
      <c r="N466136" s="10"/>
    </row>
    <row r="466137" spans="14:14">
      <c r="N466137" s="10"/>
    </row>
    <row r="466138" spans="14:14">
      <c r="N466138" s="10"/>
    </row>
    <row r="466139" spans="14:14">
      <c r="N466139" s="10"/>
    </row>
    <row r="466140" spans="14:14">
      <c r="N466140" s="10"/>
    </row>
    <row r="466141" spans="14:14">
      <c r="N466141" s="10"/>
    </row>
    <row r="466142" spans="14:14">
      <c r="N466142" s="10"/>
    </row>
    <row r="466143" spans="14:14">
      <c r="N466143" s="10"/>
    </row>
    <row r="466144" spans="14:14">
      <c r="N466144" s="10"/>
    </row>
    <row r="466145" spans="14:14">
      <c r="N466145" s="10"/>
    </row>
    <row r="466146" spans="14:14">
      <c r="N466146" s="10"/>
    </row>
    <row r="466147" spans="14:14">
      <c r="N466147" s="10"/>
    </row>
    <row r="466148" spans="14:14">
      <c r="N466148" s="10"/>
    </row>
    <row r="466149" spans="14:14">
      <c r="N466149" s="10"/>
    </row>
    <row r="466150" spans="14:14">
      <c r="N466150" s="10"/>
    </row>
    <row r="466151" spans="14:14">
      <c r="N466151" s="10"/>
    </row>
    <row r="466152" spans="14:14">
      <c r="N466152" s="10"/>
    </row>
    <row r="466153" spans="14:14">
      <c r="N466153" s="10"/>
    </row>
    <row r="466154" spans="14:14">
      <c r="N466154" s="10"/>
    </row>
    <row r="466155" spans="14:14">
      <c r="N466155" s="10"/>
    </row>
    <row r="466156" spans="14:14">
      <c r="N466156" s="10"/>
    </row>
    <row r="466157" spans="14:14">
      <c r="N466157" s="10"/>
    </row>
    <row r="466158" spans="14:14">
      <c r="N466158" s="10"/>
    </row>
    <row r="466159" spans="14:14">
      <c r="N466159" s="10"/>
    </row>
    <row r="466160" spans="14:14">
      <c r="N466160" s="10"/>
    </row>
    <row r="466161" spans="14:14">
      <c r="N466161" s="10"/>
    </row>
    <row r="466162" spans="14:14">
      <c r="N466162" s="10"/>
    </row>
    <row r="466163" spans="14:14">
      <c r="N466163" s="10"/>
    </row>
    <row r="466164" spans="14:14">
      <c r="N466164" s="10"/>
    </row>
    <row r="466165" spans="14:14">
      <c r="N466165" s="10"/>
    </row>
    <row r="466166" spans="14:14">
      <c r="N466166" s="10"/>
    </row>
    <row r="466167" spans="14:14">
      <c r="N466167" s="10"/>
    </row>
    <row r="466168" spans="14:14">
      <c r="N466168" s="10"/>
    </row>
    <row r="466169" spans="14:14">
      <c r="N466169" s="10"/>
    </row>
    <row r="466170" spans="14:14">
      <c r="N466170" s="10"/>
    </row>
    <row r="466171" spans="14:14">
      <c r="N466171" s="10"/>
    </row>
    <row r="466172" spans="14:14">
      <c r="N466172" s="10"/>
    </row>
    <row r="466173" spans="14:14">
      <c r="N466173" s="10"/>
    </row>
    <row r="466174" spans="14:14">
      <c r="N466174" s="10"/>
    </row>
    <row r="466175" spans="14:14">
      <c r="N466175" s="10"/>
    </row>
    <row r="466176" spans="14:14">
      <c r="N466176" s="10"/>
    </row>
    <row r="466177" spans="14:14">
      <c r="N466177" s="10"/>
    </row>
    <row r="466178" spans="14:14">
      <c r="N466178" s="10"/>
    </row>
    <row r="466179" spans="14:14">
      <c r="N466179" s="10"/>
    </row>
    <row r="466180" spans="14:14">
      <c r="N466180" s="10"/>
    </row>
    <row r="466181" spans="14:14">
      <c r="N466181" s="10"/>
    </row>
    <row r="466182" spans="14:14">
      <c r="N466182" s="10"/>
    </row>
    <row r="466183" spans="14:14">
      <c r="N466183" s="10"/>
    </row>
    <row r="466184" spans="14:14">
      <c r="N466184" s="10"/>
    </row>
    <row r="466185" spans="14:14">
      <c r="N466185" s="10"/>
    </row>
    <row r="466186" spans="14:14">
      <c r="N466186" s="10"/>
    </row>
    <row r="466187" spans="14:14">
      <c r="N466187" s="10"/>
    </row>
    <row r="466188" spans="14:14">
      <c r="N466188" s="10"/>
    </row>
    <row r="466189" spans="14:14">
      <c r="N466189" s="10"/>
    </row>
    <row r="466190" spans="14:14">
      <c r="N466190" s="10"/>
    </row>
    <row r="466191" spans="14:14">
      <c r="N466191" s="10"/>
    </row>
    <row r="466192" spans="14:14">
      <c r="N466192" s="10"/>
    </row>
    <row r="466193" spans="14:14">
      <c r="N466193" s="10"/>
    </row>
    <row r="466194" spans="14:14">
      <c r="N466194" s="10"/>
    </row>
    <row r="466195" spans="14:14">
      <c r="N466195" s="10"/>
    </row>
    <row r="466196" spans="14:14">
      <c r="N466196" s="10"/>
    </row>
    <row r="466197" spans="14:14">
      <c r="N466197" s="10"/>
    </row>
    <row r="466198" spans="14:14">
      <c r="N466198" s="10"/>
    </row>
    <row r="466199" spans="14:14">
      <c r="N466199" s="10"/>
    </row>
    <row r="466200" spans="14:14">
      <c r="N466200" s="10"/>
    </row>
    <row r="466201" spans="14:14">
      <c r="N466201" s="10"/>
    </row>
    <row r="466202" spans="14:14">
      <c r="N466202" s="10"/>
    </row>
    <row r="466203" spans="14:14">
      <c r="N466203" s="10"/>
    </row>
    <row r="466204" spans="14:14">
      <c r="N466204" s="10"/>
    </row>
    <row r="466205" spans="14:14">
      <c r="N466205" s="10"/>
    </row>
    <row r="466206" spans="14:14">
      <c r="N466206" s="10"/>
    </row>
    <row r="466207" spans="14:14">
      <c r="N466207" s="10"/>
    </row>
    <row r="466208" spans="14:14">
      <c r="N466208" s="10"/>
    </row>
    <row r="466209" spans="14:14">
      <c r="N466209" s="10"/>
    </row>
    <row r="466210" spans="14:14">
      <c r="N466210" s="10"/>
    </row>
    <row r="466211" spans="14:14">
      <c r="N466211" s="10"/>
    </row>
    <row r="466212" spans="14:14">
      <c r="N466212" s="10"/>
    </row>
    <row r="466213" spans="14:14">
      <c r="N466213" s="10"/>
    </row>
    <row r="466214" spans="14:14">
      <c r="N466214" s="10"/>
    </row>
    <row r="466215" spans="14:14">
      <c r="N466215" s="10"/>
    </row>
    <row r="466216" spans="14:14">
      <c r="N466216" s="10"/>
    </row>
    <row r="466217" spans="14:14">
      <c r="N466217" s="10"/>
    </row>
    <row r="466218" spans="14:14">
      <c r="N466218" s="10"/>
    </row>
    <row r="466219" spans="14:14">
      <c r="N466219" s="10"/>
    </row>
    <row r="466220" spans="14:14">
      <c r="N466220" s="10"/>
    </row>
    <row r="466221" spans="14:14">
      <c r="N466221" s="10"/>
    </row>
    <row r="466222" spans="14:14">
      <c r="N466222" s="10"/>
    </row>
    <row r="466223" spans="14:14">
      <c r="N466223" s="10"/>
    </row>
    <row r="466224" spans="14:14">
      <c r="N466224" s="10"/>
    </row>
    <row r="466225" spans="14:14">
      <c r="N466225" s="10"/>
    </row>
    <row r="466226" spans="14:14">
      <c r="N466226" s="10"/>
    </row>
    <row r="466227" spans="14:14">
      <c r="N466227" s="10"/>
    </row>
    <row r="466228" spans="14:14">
      <c r="N466228" s="10"/>
    </row>
    <row r="466229" spans="14:14">
      <c r="N466229" s="10"/>
    </row>
    <row r="466230" spans="14:14">
      <c r="N466230" s="10"/>
    </row>
    <row r="466231" spans="14:14">
      <c r="N466231" s="10"/>
    </row>
    <row r="466232" spans="14:14">
      <c r="N466232" s="10"/>
    </row>
    <row r="466233" spans="14:14">
      <c r="N466233" s="10"/>
    </row>
    <row r="466234" spans="14:14">
      <c r="N466234" s="10"/>
    </row>
    <row r="466235" spans="14:14">
      <c r="N466235" s="10"/>
    </row>
    <row r="466236" spans="14:14">
      <c r="N466236" s="10"/>
    </row>
    <row r="466237" spans="14:14">
      <c r="N466237" s="10"/>
    </row>
    <row r="466238" spans="14:14">
      <c r="N466238" s="10"/>
    </row>
    <row r="466239" spans="14:14">
      <c r="N466239" s="10"/>
    </row>
    <row r="466240" spans="14:14">
      <c r="N466240" s="10"/>
    </row>
    <row r="466241" spans="14:14">
      <c r="N466241" s="10"/>
    </row>
    <row r="466242" spans="14:14">
      <c r="N466242" s="10"/>
    </row>
    <row r="466243" spans="14:14">
      <c r="N466243" s="10"/>
    </row>
    <row r="466244" spans="14:14">
      <c r="N466244" s="10"/>
    </row>
    <row r="466245" spans="14:14">
      <c r="N466245" s="10"/>
    </row>
    <row r="466246" spans="14:14">
      <c r="N466246" s="10"/>
    </row>
    <row r="466247" spans="14:14">
      <c r="N466247" s="10"/>
    </row>
    <row r="466248" spans="14:14">
      <c r="N466248" s="10"/>
    </row>
    <row r="466249" spans="14:14">
      <c r="N466249" s="10"/>
    </row>
    <row r="466250" spans="14:14">
      <c r="N466250" s="10"/>
    </row>
    <row r="466251" spans="14:14">
      <c r="N466251" s="10"/>
    </row>
    <row r="466252" spans="14:14">
      <c r="N466252" s="10"/>
    </row>
    <row r="466253" spans="14:14">
      <c r="N466253" s="10"/>
    </row>
    <row r="466254" spans="14:14">
      <c r="N466254" s="10"/>
    </row>
    <row r="466255" spans="14:14">
      <c r="N466255" s="10"/>
    </row>
    <row r="466256" spans="14:14">
      <c r="N466256" s="10"/>
    </row>
    <row r="466257" spans="14:14">
      <c r="N466257" s="10"/>
    </row>
    <row r="466258" spans="14:14">
      <c r="N466258" s="10"/>
    </row>
    <row r="466259" spans="14:14">
      <c r="N466259" s="10"/>
    </row>
    <row r="466260" spans="14:14">
      <c r="N466260" s="10"/>
    </row>
    <row r="466261" spans="14:14">
      <c r="N466261" s="10"/>
    </row>
    <row r="466262" spans="14:14">
      <c r="N466262" s="10"/>
    </row>
    <row r="466263" spans="14:14">
      <c r="N466263" s="10"/>
    </row>
    <row r="466264" spans="14:14">
      <c r="N466264" s="10"/>
    </row>
    <row r="466265" spans="14:14">
      <c r="N466265" s="10"/>
    </row>
    <row r="466266" spans="14:14">
      <c r="N466266" s="10"/>
    </row>
    <row r="466267" spans="14:14">
      <c r="N466267" s="10"/>
    </row>
    <row r="466268" spans="14:14">
      <c r="N466268" s="10"/>
    </row>
    <row r="466269" spans="14:14">
      <c r="N466269" s="10"/>
    </row>
    <row r="466270" spans="14:14">
      <c r="N466270" s="10"/>
    </row>
    <row r="466271" spans="14:14">
      <c r="N466271" s="10"/>
    </row>
    <row r="466272" spans="14:14">
      <c r="N466272" s="10"/>
    </row>
    <row r="466273" spans="14:14">
      <c r="N466273" s="10"/>
    </row>
    <row r="466274" spans="14:14">
      <c r="N466274" s="10"/>
    </row>
    <row r="466275" spans="14:14">
      <c r="N466275" s="10"/>
    </row>
    <row r="466276" spans="14:14">
      <c r="N466276" s="10"/>
    </row>
    <row r="466277" spans="14:14">
      <c r="N466277" s="10"/>
    </row>
    <row r="466278" spans="14:14">
      <c r="N466278" s="10"/>
    </row>
    <row r="466279" spans="14:14">
      <c r="N466279" s="10"/>
    </row>
    <row r="466280" spans="14:14">
      <c r="N466280" s="10"/>
    </row>
    <row r="466281" spans="14:14">
      <c r="N466281" s="10"/>
    </row>
    <row r="466282" spans="14:14">
      <c r="N466282" s="10"/>
    </row>
    <row r="466283" spans="14:14">
      <c r="N466283" s="10"/>
    </row>
    <row r="466284" spans="14:14">
      <c r="N466284" s="10"/>
    </row>
    <row r="466285" spans="14:14">
      <c r="N466285" s="10"/>
    </row>
    <row r="466286" spans="14:14">
      <c r="N466286" s="10"/>
    </row>
    <row r="466287" spans="14:14">
      <c r="N466287" s="10"/>
    </row>
    <row r="466288" spans="14:14">
      <c r="N466288" s="10"/>
    </row>
    <row r="466289" spans="14:14">
      <c r="N466289" s="10"/>
    </row>
    <row r="466290" spans="14:14">
      <c r="N466290" s="10"/>
    </row>
    <row r="466291" spans="14:14">
      <c r="N466291" s="10"/>
    </row>
    <row r="466292" spans="14:14">
      <c r="N466292" s="10"/>
    </row>
    <row r="466293" spans="14:14">
      <c r="N466293" s="10"/>
    </row>
    <row r="466294" spans="14:14">
      <c r="N466294" s="10"/>
    </row>
    <row r="466295" spans="14:14">
      <c r="N466295" s="10"/>
    </row>
    <row r="466296" spans="14:14">
      <c r="N466296" s="10"/>
    </row>
    <row r="466297" spans="14:14">
      <c r="N466297" s="10"/>
    </row>
    <row r="466298" spans="14:14">
      <c r="N466298" s="10"/>
    </row>
    <row r="466299" spans="14:14">
      <c r="N466299" s="10"/>
    </row>
    <row r="466300" spans="14:14">
      <c r="N466300" s="10"/>
    </row>
    <row r="466301" spans="14:14">
      <c r="N466301" s="10"/>
    </row>
    <row r="466302" spans="14:14">
      <c r="N466302" s="10"/>
    </row>
    <row r="466303" spans="14:14">
      <c r="N466303" s="10"/>
    </row>
    <row r="466304" spans="14:14">
      <c r="N466304" s="10"/>
    </row>
    <row r="466305" spans="14:14">
      <c r="N466305" s="10"/>
    </row>
    <row r="466306" spans="14:14">
      <c r="N466306" s="10"/>
    </row>
    <row r="466307" spans="14:14">
      <c r="N466307" s="10"/>
    </row>
    <row r="466308" spans="14:14">
      <c r="N466308" s="10"/>
    </row>
    <row r="466309" spans="14:14">
      <c r="N466309" s="10"/>
    </row>
    <row r="466310" spans="14:14">
      <c r="N466310" s="10"/>
    </row>
    <row r="466311" spans="14:14">
      <c r="N466311" s="10"/>
    </row>
    <row r="466312" spans="14:14">
      <c r="N466312" s="10"/>
    </row>
    <row r="466313" spans="14:14">
      <c r="N466313" s="10"/>
    </row>
    <row r="466314" spans="14:14">
      <c r="N466314" s="10"/>
    </row>
    <row r="466315" spans="14:14">
      <c r="N466315" s="10"/>
    </row>
    <row r="466316" spans="14:14">
      <c r="N466316" s="10"/>
    </row>
    <row r="466317" spans="14:14">
      <c r="N466317" s="10"/>
    </row>
    <row r="466318" spans="14:14">
      <c r="N466318" s="10"/>
    </row>
    <row r="466319" spans="14:14">
      <c r="N466319" s="10"/>
    </row>
    <row r="466320" spans="14:14">
      <c r="N466320" s="10"/>
    </row>
    <row r="466321" spans="14:14">
      <c r="N466321" s="10"/>
    </row>
    <row r="466322" spans="14:14">
      <c r="N466322" s="10"/>
    </row>
    <row r="466323" spans="14:14">
      <c r="N466323" s="10"/>
    </row>
    <row r="466324" spans="14:14">
      <c r="N466324" s="10"/>
    </row>
    <row r="466325" spans="14:14">
      <c r="N466325" s="10"/>
    </row>
    <row r="466326" spans="14:14">
      <c r="N466326" s="10"/>
    </row>
    <row r="466327" spans="14:14">
      <c r="N466327" s="10"/>
    </row>
    <row r="466328" spans="14:14">
      <c r="N466328" s="10"/>
    </row>
    <row r="466329" spans="14:14">
      <c r="N466329" s="10"/>
    </row>
    <row r="466330" spans="14:14">
      <c r="N466330" s="10"/>
    </row>
    <row r="466331" spans="14:14">
      <c r="N466331" s="10"/>
    </row>
    <row r="466332" spans="14:14">
      <c r="N466332" s="10"/>
    </row>
    <row r="466333" spans="14:14">
      <c r="N466333" s="10"/>
    </row>
    <row r="466334" spans="14:14">
      <c r="N466334" s="10"/>
    </row>
    <row r="466335" spans="14:14">
      <c r="N466335" s="10"/>
    </row>
    <row r="466336" spans="14:14">
      <c r="N466336" s="10"/>
    </row>
    <row r="466337" spans="14:14">
      <c r="N466337" s="10"/>
    </row>
    <row r="466338" spans="14:14">
      <c r="N466338" s="10"/>
    </row>
    <row r="466339" spans="14:14">
      <c r="N466339" s="10"/>
    </row>
    <row r="466340" spans="14:14">
      <c r="N466340" s="10"/>
    </row>
    <row r="466341" spans="14:14">
      <c r="N466341" s="10"/>
    </row>
    <row r="466342" spans="14:14">
      <c r="N466342" s="10"/>
    </row>
    <row r="466343" spans="14:14">
      <c r="N466343" s="10"/>
    </row>
    <row r="466344" spans="14:14">
      <c r="N466344" s="10"/>
    </row>
    <row r="466345" spans="14:14">
      <c r="N466345" s="10"/>
    </row>
    <row r="466346" spans="14:14">
      <c r="N466346" s="10"/>
    </row>
    <row r="466347" spans="14:14">
      <c r="N466347" s="10"/>
    </row>
    <row r="466348" spans="14:14">
      <c r="N466348" s="10"/>
    </row>
    <row r="466349" spans="14:14">
      <c r="N466349" s="10"/>
    </row>
    <row r="466350" spans="14:14">
      <c r="N466350" s="10"/>
    </row>
    <row r="466351" spans="14:14">
      <c r="N466351" s="10"/>
    </row>
    <row r="466352" spans="14:14">
      <c r="N466352" s="10"/>
    </row>
    <row r="466353" spans="14:14">
      <c r="N466353" s="10"/>
    </row>
    <row r="466354" spans="14:14">
      <c r="N466354" s="10"/>
    </row>
    <row r="466355" spans="14:14">
      <c r="N466355" s="10"/>
    </row>
    <row r="466356" spans="14:14">
      <c r="N466356" s="10"/>
    </row>
    <row r="466357" spans="14:14">
      <c r="N466357" s="10"/>
    </row>
    <row r="466358" spans="14:14">
      <c r="N466358" s="10"/>
    </row>
    <row r="466359" spans="14:14">
      <c r="N466359" s="10"/>
    </row>
    <row r="466360" spans="14:14">
      <c r="N466360" s="10"/>
    </row>
    <row r="466361" spans="14:14">
      <c r="N466361" s="10"/>
    </row>
    <row r="466362" spans="14:14">
      <c r="N466362" s="10"/>
    </row>
    <row r="466363" spans="14:14">
      <c r="N466363" s="10"/>
    </row>
    <row r="466364" spans="14:14">
      <c r="N466364" s="10"/>
    </row>
    <row r="466365" spans="14:14">
      <c r="N466365" s="10"/>
    </row>
    <row r="466366" spans="14:14">
      <c r="N466366" s="10"/>
    </row>
    <row r="466367" spans="14:14">
      <c r="N466367" s="10"/>
    </row>
    <row r="466368" spans="14:14">
      <c r="N466368" s="10"/>
    </row>
    <row r="466369" spans="14:14">
      <c r="N466369" s="10"/>
    </row>
    <row r="466370" spans="14:14">
      <c r="N466370" s="10"/>
    </row>
    <row r="466371" spans="14:14">
      <c r="N466371" s="10"/>
    </row>
    <row r="466372" spans="14:14">
      <c r="N466372" s="10"/>
    </row>
    <row r="466373" spans="14:14">
      <c r="N466373" s="10"/>
    </row>
    <row r="466374" spans="14:14">
      <c r="N466374" s="10"/>
    </row>
    <row r="466375" spans="14:14">
      <c r="N466375" s="10"/>
    </row>
    <row r="466376" spans="14:14">
      <c r="N466376" s="10"/>
    </row>
    <row r="466377" spans="14:14">
      <c r="N466377" s="10"/>
    </row>
    <row r="466378" spans="14:14">
      <c r="N466378" s="10"/>
    </row>
    <row r="466379" spans="14:14">
      <c r="N466379" s="10"/>
    </row>
    <row r="466380" spans="14:14">
      <c r="N466380" s="10"/>
    </row>
    <row r="466381" spans="14:14">
      <c r="N466381" s="10"/>
    </row>
    <row r="466382" spans="14:14">
      <c r="N466382" s="10"/>
    </row>
    <row r="466383" spans="14:14">
      <c r="N466383" s="10"/>
    </row>
    <row r="466384" spans="14:14">
      <c r="N466384" s="10"/>
    </row>
    <row r="466385" spans="14:14">
      <c r="N466385" s="10"/>
    </row>
    <row r="466386" spans="14:14">
      <c r="N466386" s="10"/>
    </row>
    <row r="466387" spans="14:14">
      <c r="N466387" s="10"/>
    </row>
    <row r="466388" spans="14:14">
      <c r="N466388" s="10"/>
    </row>
    <row r="466389" spans="14:14">
      <c r="N466389" s="10"/>
    </row>
    <row r="466390" spans="14:14">
      <c r="N466390" s="10"/>
    </row>
    <row r="466391" spans="14:14">
      <c r="N466391" s="10"/>
    </row>
    <row r="466392" spans="14:14">
      <c r="N466392" s="10"/>
    </row>
    <row r="466393" spans="14:14">
      <c r="N466393" s="10"/>
    </row>
    <row r="466394" spans="14:14">
      <c r="N466394" s="10"/>
    </row>
    <row r="466395" spans="14:14">
      <c r="N466395" s="10"/>
    </row>
    <row r="466396" spans="14:14">
      <c r="N466396" s="10"/>
    </row>
    <row r="466397" spans="14:14">
      <c r="N466397" s="10"/>
    </row>
    <row r="466398" spans="14:14">
      <c r="N466398" s="10"/>
    </row>
    <row r="466399" spans="14:14">
      <c r="N466399" s="10"/>
    </row>
    <row r="466400" spans="14:14">
      <c r="N466400" s="10"/>
    </row>
    <row r="466401" spans="14:14">
      <c r="N466401" s="10"/>
    </row>
    <row r="466402" spans="14:14">
      <c r="N466402" s="10"/>
    </row>
    <row r="466403" spans="14:14">
      <c r="N466403" s="10"/>
    </row>
    <row r="466404" spans="14:14">
      <c r="N466404" s="10"/>
    </row>
    <row r="466405" spans="14:14">
      <c r="N466405" s="10"/>
    </row>
    <row r="466406" spans="14:14">
      <c r="N466406" s="10"/>
    </row>
    <row r="466407" spans="14:14">
      <c r="N466407" s="10"/>
    </row>
    <row r="466408" spans="14:14">
      <c r="N466408" s="10"/>
    </row>
    <row r="466409" spans="14:14">
      <c r="N466409" s="10"/>
    </row>
    <row r="466410" spans="14:14">
      <c r="N466410" s="10"/>
    </row>
    <row r="466411" spans="14:14">
      <c r="N466411" s="10"/>
    </row>
    <row r="466412" spans="14:14">
      <c r="N466412" s="10"/>
    </row>
    <row r="466413" spans="14:14">
      <c r="N466413" s="10"/>
    </row>
    <row r="466414" spans="14:14">
      <c r="N466414" s="10"/>
    </row>
    <row r="466415" spans="14:14">
      <c r="N466415" s="10"/>
    </row>
    <row r="466416" spans="14:14">
      <c r="N466416" s="10"/>
    </row>
    <row r="466417" spans="14:14">
      <c r="N466417" s="10"/>
    </row>
    <row r="466418" spans="14:14">
      <c r="N466418" s="10"/>
    </row>
    <row r="466419" spans="14:14">
      <c r="N466419" s="10"/>
    </row>
    <row r="466420" spans="14:14">
      <c r="N466420" s="10"/>
    </row>
    <row r="466421" spans="14:14">
      <c r="N466421" s="10"/>
    </row>
    <row r="466422" spans="14:14">
      <c r="N466422" s="10"/>
    </row>
    <row r="466423" spans="14:14">
      <c r="N466423" s="10"/>
    </row>
    <row r="466424" spans="14:14">
      <c r="N466424" s="10"/>
    </row>
    <row r="466425" spans="14:14">
      <c r="N466425" s="10"/>
    </row>
    <row r="466426" spans="14:14">
      <c r="N466426" s="10"/>
    </row>
    <row r="466427" spans="14:14">
      <c r="N466427" s="10"/>
    </row>
    <row r="466428" spans="14:14">
      <c r="N466428" s="10"/>
    </row>
    <row r="466429" spans="14:14">
      <c r="N466429" s="10"/>
    </row>
    <row r="466430" spans="14:14">
      <c r="N466430" s="10"/>
    </row>
    <row r="466431" spans="14:14">
      <c r="N466431" s="10"/>
    </row>
    <row r="466432" spans="14:14">
      <c r="N466432" s="10"/>
    </row>
    <row r="466433" spans="14:14">
      <c r="N466433" s="10"/>
    </row>
    <row r="466434" spans="14:14">
      <c r="N466434" s="10"/>
    </row>
    <row r="466435" spans="14:14">
      <c r="N466435" s="10"/>
    </row>
    <row r="466436" spans="14:14">
      <c r="N466436" s="10"/>
    </row>
    <row r="466437" spans="14:14">
      <c r="N466437" s="10"/>
    </row>
    <row r="466438" spans="14:14">
      <c r="N466438" s="10"/>
    </row>
    <row r="466439" spans="14:14">
      <c r="N466439" s="10"/>
    </row>
    <row r="466440" spans="14:14">
      <c r="N466440" s="10"/>
    </row>
    <row r="466441" spans="14:14">
      <c r="N466441" s="10"/>
    </row>
    <row r="466442" spans="14:14">
      <c r="N466442" s="10"/>
    </row>
    <row r="466443" spans="14:14">
      <c r="N466443" s="10"/>
    </row>
    <row r="466444" spans="14:14">
      <c r="N466444" s="10"/>
    </row>
    <row r="466445" spans="14:14">
      <c r="N466445" s="10"/>
    </row>
    <row r="466446" spans="14:14">
      <c r="N466446" s="10"/>
    </row>
    <row r="466447" spans="14:14">
      <c r="N466447" s="10"/>
    </row>
    <row r="466448" spans="14:14">
      <c r="N466448" s="10"/>
    </row>
    <row r="466449" spans="14:14">
      <c r="N466449" s="10"/>
    </row>
    <row r="466450" spans="14:14">
      <c r="N466450" s="10"/>
    </row>
    <row r="466451" spans="14:14">
      <c r="N466451" s="10"/>
    </row>
    <row r="466452" spans="14:14">
      <c r="N466452" s="10"/>
    </row>
    <row r="466453" spans="14:14">
      <c r="N466453" s="10"/>
    </row>
    <row r="466454" spans="14:14">
      <c r="N466454" s="10"/>
    </row>
    <row r="466455" spans="14:14">
      <c r="N466455" s="10"/>
    </row>
    <row r="466456" spans="14:14">
      <c r="N466456" s="10"/>
    </row>
    <row r="466457" spans="14:14">
      <c r="N466457" s="10"/>
    </row>
    <row r="466458" spans="14:14">
      <c r="N466458" s="10"/>
    </row>
    <row r="466459" spans="14:14">
      <c r="N466459" s="10"/>
    </row>
    <row r="466460" spans="14:14">
      <c r="N466460" s="10"/>
    </row>
    <row r="466461" spans="14:14">
      <c r="N466461" s="10"/>
    </row>
    <row r="466462" spans="14:14">
      <c r="N466462" s="10"/>
    </row>
    <row r="466463" spans="14:14">
      <c r="N466463" s="10"/>
    </row>
    <row r="466464" spans="14:14">
      <c r="N466464" s="10"/>
    </row>
    <row r="466465" spans="14:14">
      <c r="N466465" s="10"/>
    </row>
    <row r="466466" spans="14:14">
      <c r="N466466" s="10"/>
    </row>
    <row r="466467" spans="14:14">
      <c r="N466467" s="10"/>
    </row>
    <row r="466468" spans="14:14">
      <c r="N466468" s="10"/>
    </row>
    <row r="466469" spans="14:14">
      <c r="N466469" s="10"/>
    </row>
    <row r="466470" spans="14:14">
      <c r="N466470" s="10"/>
    </row>
    <row r="466471" spans="14:14">
      <c r="N466471" s="10"/>
    </row>
    <row r="466472" spans="14:14">
      <c r="N466472" s="10"/>
    </row>
    <row r="466473" spans="14:14">
      <c r="N466473" s="10"/>
    </row>
    <row r="466474" spans="14:14">
      <c r="N466474" s="10"/>
    </row>
    <row r="466475" spans="14:14">
      <c r="N466475" s="10"/>
    </row>
    <row r="466476" spans="14:14">
      <c r="N466476" s="10"/>
    </row>
    <row r="466477" spans="14:14">
      <c r="N466477" s="10"/>
    </row>
    <row r="466478" spans="14:14">
      <c r="N466478" s="10"/>
    </row>
    <row r="466479" spans="14:14">
      <c r="N466479" s="10"/>
    </row>
    <row r="466480" spans="14:14">
      <c r="N466480" s="10"/>
    </row>
    <row r="466481" spans="14:14">
      <c r="N466481" s="10"/>
    </row>
    <row r="466482" spans="14:14">
      <c r="N466482" s="10"/>
    </row>
    <row r="466483" spans="14:14">
      <c r="N466483" s="10"/>
    </row>
    <row r="466484" spans="14:14">
      <c r="N466484" s="10"/>
    </row>
    <row r="466485" spans="14:14">
      <c r="N466485" s="10"/>
    </row>
    <row r="466486" spans="14:14">
      <c r="N466486" s="10"/>
    </row>
    <row r="466487" spans="14:14">
      <c r="N466487" s="10"/>
    </row>
    <row r="466488" spans="14:14">
      <c r="N466488" s="10"/>
    </row>
    <row r="466489" spans="14:14">
      <c r="N466489" s="10"/>
    </row>
    <row r="466490" spans="14:14">
      <c r="N466490" s="10"/>
    </row>
    <row r="466491" spans="14:14">
      <c r="N466491" s="10"/>
    </row>
    <row r="466492" spans="14:14">
      <c r="N466492" s="10"/>
    </row>
    <row r="466493" spans="14:14">
      <c r="N466493" s="10"/>
    </row>
    <row r="466494" spans="14:14">
      <c r="N466494" s="10"/>
    </row>
    <row r="466495" spans="14:14">
      <c r="N466495" s="10"/>
    </row>
    <row r="466496" spans="14:14">
      <c r="N466496" s="10"/>
    </row>
    <row r="466497" spans="14:14">
      <c r="N466497" s="10"/>
    </row>
    <row r="466498" spans="14:14">
      <c r="N466498" s="10"/>
    </row>
    <row r="466499" spans="14:14">
      <c r="N466499" s="10"/>
    </row>
    <row r="466500" spans="14:14">
      <c r="N466500" s="10"/>
    </row>
    <row r="466501" spans="14:14">
      <c r="N466501" s="10"/>
    </row>
    <row r="466502" spans="14:14">
      <c r="N466502" s="10"/>
    </row>
    <row r="466503" spans="14:14">
      <c r="N466503" s="10"/>
    </row>
    <row r="466504" spans="14:14">
      <c r="N466504" s="10"/>
    </row>
    <row r="466505" spans="14:14">
      <c r="N466505" s="10"/>
    </row>
    <row r="466506" spans="14:14">
      <c r="N466506" s="10"/>
    </row>
    <row r="466507" spans="14:14">
      <c r="N466507" s="10"/>
    </row>
    <row r="466508" spans="14:14">
      <c r="N466508" s="10"/>
    </row>
    <row r="466509" spans="14:14">
      <c r="N466509" s="10"/>
    </row>
    <row r="466510" spans="14:14">
      <c r="N466510" s="10"/>
    </row>
    <row r="466511" spans="14:14">
      <c r="N466511" s="10"/>
    </row>
    <row r="466512" spans="14:14">
      <c r="N466512" s="10"/>
    </row>
    <row r="466513" spans="14:14">
      <c r="N466513" s="10"/>
    </row>
    <row r="466514" spans="14:14">
      <c r="N466514" s="10"/>
    </row>
    <row r="466515" spans="14:14">
      <c r="N466515" s="10"/>
    </row>
    <row r="466516" spans="14:14">
      <c r="N466516" s="10"/>
    </row>
    <row r="466517" spans="14:14">
      <c r="N466517" s="10"/>
    </row>
    <row r="466518" spans="14:14">
      <c r="N466518" s="10"/>
    </row>
    <row r="466519" spans="14:14">
      <c r="N466519" s="10"/>
    </row>
    <row r="466520" spans="14:14">
      <c r="N466520" s="10"/>
    </row>
    <row r="466521" spans="14:14">
      <c r="N466521" s="10"/>
    </row>
    <row r="466522" spans="14:14">
      <c r="N466522" s="10"/>
    </row>
    <row r="466523" spans="14:14">
      <c r="N466523" s="10"/>
    </row>
    <row r="466524" spans="14:14">
      <c r="N466524" s="10"/>
    </row>
    <row r="466525" spans="14:14">
      <c r="N466525" s="10"/>
    </row>
    <row r="466526" spans="14:14">
      <c r="N466526" s="10"/>
    </row>
    <row r="466527" spans="14:14">
      <c r="N466527" s="10"/>
    </row>
    <row r="466528" spans="14:14">
      <c r="N466528" s="10"/>
    </row>
    <row r="466529" spans="14:14">
      <c r="N466529" s="10"/>
    </row>
    <row r="466530" spans="14:14">
      <c r="N466530" s="10"/>
    </row>
    <row r="466531" spans="14:14">
      <c r="N466531" s="10"/>
    </row>
    <row r="466532" spans="14:14">
      <c r="N466532" s="10"/>
    </row>
    <row r="466533" spans="14:14">
      <c r="N466533" s="10"/>
    </row>
    <row r="466534" spans="14:14">
      <c r="N466534" s="10"/>
    </row>
    <row r="466535" spans="14:14">
      <c r="N466535" s="10"/>
    </row>
    <row r="466536" spans="14:14">
      <c r="N466536" s="10"/>
    </row>
    <row r="466537" spans="14:14">
      <c r="N466537" s="10"/>
    </row>
    <row r="466538" spans="14:14">
      <c r="N466538" s="10"/>
    </row>
    <row r="466539" spans="14:14">
      <c r="N466539" s="10"/>
    </row>
    <row r="466540" spans="14:14">
      <c r="N466540" s="10"/>
    </row>
    <row r="466541" spans="14:14">
      <c r="N466541" s="10"/>
    </row>
    <row r="466542" spans="14:14">
      <c r="N466542" s="10"/>
    </row>
    <row r="466543" spans="14:14">
      <c r="N466543" s="10"/>
    </row>
    <row r="466544" spans="14:14">
      <c r="N466544" s="10"/>
    </row>
    <row r="466545" spans="14:14">
      <c r="N466545" s="10"/>
    </row>
    <row r="466546" spans="14:14">
      <c r="N466546" s="10"/>
    </row>
    <row r="466547" spans="14:14">
      <c r="N466547" s="10"/>
    </row>
    <row r="466548" spans="14:14">
      <c r="N466548" s="10"/>
    </row>
    <row r="466549" spans="14:14">
      <c r="N466549" s="10"/>
    </row>
    <row r="466550" spans="14:14">
      <c r="N466550" s="10"/>
    </row>
    <row r="466551" spans="14:14">
      <c r="N466551" s="10"/>
    </row>
    <row r="466552" spans="14:14">
      <c r="N466552" s="10"/>
    </row>
    <row r="466553" spans="14:14">
      <c r="N466553" s="10"/>
    </row>
    <row r="466554" spans="14:14">
      <c r="N466554" s="10"/>
    </row>
    <row r="466555" spans="14:14">
      <c r="N466555" s="10"/>
    </row>
    <row r="466556" spans="14:14">
      <c r="N466556" s="10"/>
    </row>
    <row r="466557" spans="14:14">
      <c r="N466557" s="10"/>
    </row>
    <row r="466558" spans="14:14">
      <c r="N466558" s="10"/>
    </row>
    <row r="466559" spans="14:14">
      <c r="N466559" s="10"/>
    </row>
    <row r="466560" spans="14:14">
      <c r="N466560" s="10"/>
    </row>
    <row r="466561" spans="14:14">
      <c r="N466561" s="10"/>
    </row>
    <row r="466562" spans="14:14">
      <c r="N466562" s="10"/>
    </row>
    <row r="466563" spans="14:14">
      <c r="N466563" s="10"/>
    </row>
    <row r="466564" spans="14:14">
      <c r="N466564" s="10"/>
    </row>
    <row r="466565" spans="14:14">
      <c r="N466565" s="10"/>
    </row>
    <row r="466566" spans="14:14">
      <c r="N466566" s="10"/>
    </row>
    <row r="466567" spans="14:14">
      <c r="N466567" s="10"/>
    </row>
    <row r="466568" spans="14:14">
      <c r="N466568" s="10"/>
    </row>
    <row r="466569" spans="14:14">
      <c r="N466569" s="10"/>
    </row>
    <row r="466570" spans="14:14">
      <c r="N466570" s="10"/>
    </row>
    <row r="466571" spans="14:14">
      <c r="N466571" s="10"/>
    </row>
    <row r="466572" spans="14:14">
      <c r="N466572" s="10"/>
    </row>
    <row r="466573" spans="14:14">
      <c r="N466573" s="10"/>
    </row>
    <row r="466574" spans="14:14">
      <c r="N466574" s="10"/>
    </row>
    <row r="466575" spans="14:14">
      <c r="N466575" s="10"/>
    </row>
    <row r="466576" spans="14:14">
      <c r="N466576" s="10"/>
    </row>
    <row r="466577" spans="14:14">
      <c r="N466577" s="10"/>
    </row>
    <row r="466578" spans="14:14">
      <c r="N466578" s="10"/>
    </row>
    <row r="466579" spans="14:14">
      <c r="N466579" s="10"/>
    </row>
    <row r="466580" spans="14:14">
      <c r="N466580" s="10"/>
    </row>
    <row r="466581" spans="14:14">
      <c r="N466581" s="10"/>
    </row>
    <row r="466582" spans="14:14">
      <c r="N466582" s="10"/>
    </row>
    <row r="466583" spans="14:14">
      <c r="N466583" s="10"/>
    </row>
    <row r="466584" spans="14:14">
      <c r="N466584" s="10"/>
    </row>
    <row r="466585" spans="14:14">
      <c r="N466585" s="10"/>
    </row>
    <row r="466586" spans="14:14">
      <c r="N466586" s="10"/>
    </row>
    <row r="466587" spans="14:14">
      <c r="N466587" s="10"/>
    </row>
    <row r="466588" spans="14:14">
      <c r="N466588" s="10"/>
    </row>
    <row r="466589" spans="14:14">
      <c r="N466589" s="10"/>
    </row>
    <row r="466590" spans="14:14">
      <c r="N466590" s="10"/>
    </row>
    <row r="466591" spans="14:14">
      <c r="N466591" s="10"/>
    </row>
    <row r="466592" spans="14:14">
      <c r="N466592" s="10"/>
    </row>
    <row r="466593" spans="14:14">
      <c r="N466593" s="10"/>
    </row>
    <row r="466594" spans="14:14">
      <c r="N466594" s="10"/>
    </row>
    <row r="466595" spans="14:14">
      <c r="N466595" s="10"/>
    </row>
    <row r="466596" spans="14:14">
      <c r="N466596" s="10"/>
    </row>
    <row r="466597" spans="14:14">
      <c r="N466597" s="10"/>
    </row>
    <row r="466598" spans="14:14">
      <c r="N466598" s="10"/>
    </row>
    <row r="466599" spans="14:14">
      <c r="N466599" s="10"/>
    </row>
    <row r="466600" spans="14:14">
      <c r="N466600" s="10"/>
    </row>
    <row r="466601" spans="14:14">
      <c r="N466601" s="10"/>
    </row>
    <row r="466602" spans="14:14">
      <c r="N466602" s="10"/>
    </row>
    <row r="466603" spans="14:14">
      <c r="N466603" s="10"/>
    </row>
    <row r="466604" spans="14:14">
      <c r="N466604" s="10"/>
    </row>
    <row r="466605" spans="14:14">
      <c r="N466605" s="10"/>
    </row>
    <row r="466606" spans="14:14">
      <c r="N466606" s="10"/>
    </row>
    <row r="466607" spans="14:14">
      <c r="N466607" s="10"/>
    </row>
    <row r="466608" spans="14:14">
      <c r="N466608" s="10"/>
    </row>
    <row r="466609" spans="14:14">
      <c r="N466609" s="10"/>
    </row>
    <row r="466610" spans="14:14">
      <c r="N466610" s="10"/>
    </row>
    <row r="466611" spans="14:14">
      <c r="N466611" s="10"/>
    </row>
    <row r="466612" spans="14:14">
      <c r="N466612" s="10"/>
    </row>
    <row r="466613" spans="14:14">
      <c r="N466613" s="10"/>
    </row>
    <row r="466614" spans="14:14">
      <c r="N466614" s="10"/>
    </row>
    <row r="466615" spans="14:14">
      <c r="N466615" s="10"/>
    </row>
    <row r="466616" spans="14:14">
      <c r="N466616" s="10"/>
    </row>
    <row r="466617" spans="14:14">
      <c r="N466617" s="10"/>
    </row>
    <row r="466618" spans="14:14">
      <c r="N466618" s="10"/>
    </row>
    <row r="466619" spans="14:14">
      <c r="N466619" s="10"/>
    </row>
    <row r="466620" spans="14:14">
      <c r="N466620" s="10"/>
    </row>
    <row r="466621" spans="14:14">
      <c r="N466621" s="10"/>
    </row>
    <row r="466622" spans="14:14">
      <c r="N466622" s="10"/>
    </row>
    <row r="466623" spans="14:14">
      <c r="N466623" s="10"/>
    </row>
    <row r="466624" spans="14:14">
      <c r="N466624" s="10"/>
    </row>
    <row r="466625" spans="14:14">
      <c r="N466625" s="10"/>
    </row>
    <row r="466626" spans="14:14">
      <c r="N466626" s="10"/>
    </row>
    <row r="466627" spans="14:14">
      <c r="N466627" s="10"/>
    </row>
    <row r="466628" spans="14:14">
      <c r="N466628" s="10"/>
    </row>
    <row r="466629" spans="14:14">
      <c r="N466629" s="10"/>
    </row>
    <row r="466630" spans="14:14">
      <c r="N466630" s="10"/>
    </row>
    <row r="466631" spans="14:14">
      <c r="N466631" s="10"/>
    </row>
    <row r="466632" spans="14:14">
      <c r="N466632" s="10"/>
    </row>
    <row r="466633" spans="14:14">
      <c r="N466633" s="10"/>
    </row>
    <row r="466634" spans="14:14">
      <c r="N466634" s="10"/>
    </row>
    <row r="466635" spans="14:14">
      <c r="N466635" s="10"/>
    </row>
    <row r="466636" spans="14:14">
      <c r="N466636" s="10"/>
    </row>
    <row r="466637" spans="14:14">
      <c r="N466637" s="10"/>
    </row>
    <row r="466638" spans="14:14">
      <c r="N466638" s="10"/>
    </row>
    <row r="466639" spans="14:14">
      <c r="N466639" s="10"/>
    </row>
    <row r="466640" spans="14:14">
      <c r="N466640" s="10"/>
    </row>
    <row r="466641" spans="14:14">
      <c r="N466641" s="10"/>
    </row>
    <row r="466642" spans="14:14">
      <c r="N466642" s="10"/>
    </row>
    <row r="466643" spans="14:14">
      <c r="N466643" s="10"/>
    </row>
    <row r="466644" spans="14:14">
      <c r="N466644" s="10"/>
    </row>
    <row r="466645" spans="14:14">
      <c r="N466645" s="10"/>
    </row>
    <row r="466646" spans="14:14">
      <c r="N466646" s="10"/>
    </row>
    <row r="466647" spans="14:14">
      <c r="N466647" s="10"/>
    </row>
    <row r="466648" spans="14:14">
      <c r="N466648" s="10"/>
    </row>
    <row r="466649" spans="14:14">
      <c r="N466649" s="10"/>
    </row>
    <row r="466650" spans="14:14">
      <c r="N466650" s="10"/>
    </row>
    <row r="466651" spans="14:14">
      <c r="N466651" s="10"/>
    </row>
    <row r="466652" spans="14:14">
      <c r="N466652" s="10"/>
    </row>
    <row r="466653" spans="14:14">
      <c r="N466653" s="10"/>
    </row>
    <row r="466654" spans="14:14">
      <c r="N466654" s="10"/>
    </row>
    <row r="466655" spans="14:14">
      <c r="N466655" s="10"/>
    </row>
    <row r="466656" spans="14:14">
      <c r="N466656" s="10"/>
    </row>
    <row r="466657" spans="14:14">
      <c r="N466657" s="10"/>
    </row>
    <row r="466658" spans="14:14">
      <c r="N466658" s="10"/>
    </row>
    <row r="466659" spans="14:14">
      <c r="N466659" s="10"/>
    </row>
    <row r="466660" spans="14:14">
      <c r="N466660" s="10"/>
    </row>
    <row r="466661" spans="14:14">
      <c r="N466661" s="10"/>
    </row>
    <row r="466662" spans="14:14">
      <c r="N466662" s="10"/>
    </row>
    <row r="466663" spans="14:14">
      <c r="N466663" s="10"/>
    </row>
    <row r="466664" spans="14:14">
      <c r="N466664" s="10"/>
    </row>
    <row r="466665" spans="14:14">
      <c r="N466665" s="10"/>
    </row>
    <row r="466666" spans="14:14">
      <c r="N466666" s="10"/>
    </row>
    <row r="466667" spans="14:14">
      <c r="N466667" s="10"/>
    </row>
    <row r="466668" spans="14:14">
      <c r="N466668" s="10"/>
    </row>
    <row r="466669" spans="14:14">
      <c r="N466669" s="10"/>
    </row>
    <row r="466670" spans="14:14">
      <c r="N466670" s="10"/>
    </row>
    <row r="466671" spans="14:14">
      <c r="N466671" s="10"/>
    </row>
    <row r="466672" spans="14:14">
      <c r="N466672" s="10"/>
    </row>
    <row r="466673" spans="14:14">
      <c r="N466673" s="10"/>
    </row>
    <row r="466674" spans="14:14">
      <c r="N466674" s="10"/>
    </row>
    <row r="466675" spans="14:14">
      <c r="N466675" s="10"/>
    </row>
    <row r="466676" spans="14:14">
      <c r="N466676" s="10"/>
    </row>
    <row r="466677" spans="14:14">
      <c r="N466677" s="10"/>
    </row>
    <row r="466678" spans="14:14">
      <c r="N466678" s="10"/>
    </row>
    <row r="466679" spans="14:14">
      <c r="N466679" s="10"/>
    </row>
    <row r="466680" spans="14:14">
      <c r="N466680" s="10"/>
    </row>
    <row r="466681" spans="14:14">
      <c r="N466681" s="10"/>
    </row>
    <row r="466682" spans="14:14">
      <c r="N466682" s="10"/>
    </row>
    <row r="466683" spans="14:14">
      <c r="N466683" s="10"/>
    </row>
    <row r="466684" spans="14:14">
      <c r="N466684" s="10"/>
    </row>
    <row r="466685" spans="14:14">
      <c r="N466685" s="10"/>
    </row>
    <row r="466686" spans="14:14">
      <c r="N466686" s="10"/>
    </row>
    <row r="466687" spans="14:14">
      <c r="N466687" s="10"/>
    </row>
    <row r="466688" spans="14:14">
      <c r="N466688" s="10"/>
    </row>
    <row r="466689" spans="14:14">
      <c r="N466689" s="10"/>
    </row>
    <row r="466690" spans="14:14">
      <c r="N466690" s="10"/>
    </row>
    <row r="466691" spans="14:14">
      <c r="N466691" s="10"/>
    </row>
    <row r="466692" spans="14:14">
      <c r="N466692" s="10"/>
    </row>
    <row r="466693" spans="14:14">
      <c r="N466693" s="10"/>
    </row>
    <row r="466694" spans="14:14">
      <c r="N466694" s="10"/>
    </row>
    <row r="466695" spans="14:14">
      <c r="N466695" s="10"/>
    </row>
    <row r="466696" spans="14:14">
      <c r="N466696" s="10"/>
    </row>
    <row r="466697" spans="14:14">
      <c r="N466697" s="10"/>
    </row>
    <row r="466698" spans="14:14">
      <c r="N466698" s="10"/>
    </row>
    <row r="466699" spans="14:14">
      <c r="N466699" s="10"/>
    </row>
    <row r="466700" spans="14:14">
      <c r="N466700" s="10"/>
    </row>
    <row r="466701" spans="14:14">
      <c r="N466701" s="10"/>
    </row>
    <row r="466702" spans="14:14">
      <c r="N466702" s="10"/>
    </row>
    <row r="466703" spans="14:14">
      <c r="N466703" s="10"/>
    </row>
    <row r="466704" spans="14:14">
      <c r="N466704" s="10"/>
    </row>
    <row r="466705" spans="14:14">
      <c r="N466705" s="10"/>
    </row>
    <row r="466706" spans="14:14">
      <c r="N466706" s="10"/>
    </row>
    <row r="466707" spans="14:14">
      <c r="N466707" s="10"/>
    </row>
    <row r="466708" spans="14:14">
      <c r="N466708" s="10"/>
    </row>
    <row r="466709" spans="14:14">
      <c r="N466709" s="10"/>
    </row>
    <row r="466710" spans="14:14">
      <c r="N466710" s="10"/>
    </row>
    <row r="466711" spans="14:14">
      <c r="N466711" s="10"/>
    </row>
    <row r="466712" spans="14:14">
      <c r="N466712" s="10"/>
    </row>
    <row r="466713" spans="14:14">
      <c r="N466713" s="10"/>
    </row>
    <row r="466714" spans="14:14">
      <c r="N466714" s="10"/>
    </row>
    <row r="466715" spans="14:14">
      <c r="N466715" s="10"/>
    </row>
    <row r="466716" spans="14:14">
      <c r="N466716" s="10"/>
    </row>
    <row r="466717" spans="14:14">
      <c r="N466717" s="10"/>
    </row>
    <row r="466718" spans="14:14">
      <c r="N466718" s="10"/>
    </row>
    <row r="466719" spans="14:14">
      <c r="N466719" s="10"/>
    </row>
    <row r="466720" spans="14:14">
      <c r="N466720" s="10"/>
    </row>
    <row r="466721" spans="14:14">
      <c r="N466721" s="10"/>
    </row>
    <row r="466722" spans="14:14">
      <c r="N466722" s="10"/>
    </row>
    <row r="466723" spans="14:14">
      <c r="N466723" s="10"/>
    </row>
    <row r="466724" spans="14:14">
      <c r="N466724" s="10"/>
    </row>
    <row r="466725" spans="14:14">
      <c r="N466725" s="10"/>
    </row>
    <row r="466726" spans="14:14">
      <c r="N466726" s="10"/>
    </row>
    <row r="466727" spans="14:14">
      <c r="N466727" s="10"/>
    </row>
    <row r="466728" spans="14:14">
      <c r="N466728" s="10"/>
    </row>
    <row r="466729" spans="14:14">
      <c r="N466729" s="10"/>
    </row>
    <row r="466730" spans="14:14">
      <c r="N466730" s="10"/>
    </row>
    <row r="466731" spans="14:14">
      <c r="N466731" s="10"/>
    </row>
    <row r="466732" spans="14:14">
      <c r="N466732" s="10"/>
    </row>
    <row r="466733" spans="14:14">
      <c r="N466733" s="10"/>
    </row>
    <row r="466734" spans="14:14">
      <c r="N466734" s="10"/>
    </row>
    <row r="466735" spans="14:14">
      <c r="N466735" s="10"/>
    </row>
    <row r="466736" spans="14:14">
      <c r="N466736" s="10"/>
    </row>
    <row r="466737" spans="14:14">
      <c r="N466737" s="10"/>
    </row>
    <row r="466738" spans="14:14">
      <c r="N466738" s="10"/>
    </row>
    <row r="466739" spans="14:14">
      <c r="N466739" s="10"/>
    </row>
    <row r="466740" spans="14:14">
      <c r="N466740" s="10"/>
    </row>
    <row r="466741" spans="14:14">
      <c r="N466741" s="10"/>
    </row>
    <row r="466742" spans="14:14">
      <c r="N466742" s="10"/>
    </row>
    <row r="466743" spans="14:14">
      <c r="N466743" s="10"/>
    </row>
    <row r="466744" spans="14:14">
      <c r="N466744" s="10"/>
    </row>
    <row r="466745" spans="14:14">
      <c r="N466745" s="10"/>
    </row>
    <row r="466746" spans="14:14">
      <c r="N466746" s="10"/>
    </row>
    <row r="466747" spans="14:14">
      <c r="N466747" s="10"/>
    </row>
    <row r="466748" spans="14:14">
      <c r="N466748" s="10"/>
    </row>
    <row r="466749" spans="14:14">
      <c r="N466749" s="10"/>
    </row>
    <row r="466750" spans="14:14">
      <c r="N466750" s="10"/>
    </row>
    <row r="466751" spans="14:14">
      <c r="N466751" s="10"/>
    </row>
    <row r="466752" spans="14:14">
      <c r="N466752" s="10"/>
    </row>
    <row r="466753" spans="14:14">
      <c r="N466753" s="10"/>
    </row>
    <row r="466754" spans="14:14">
      <c r="N466754" s="10"/>
    </row>
    <row r="466755" spans="14:14">
      <c r="N466755" s="10"/>
    </row>
    <row r="466756" spans="14:14">
      <c r="N466756" s="10"/>
    </row>
    <row r="466757" spans="14:14">
      <c r="N466757" s="10"/>
    </row>
    <row r="466758" spans="14:14">
      <c r="N466758" s="10"/>
    </row>
    <row r="466759" spans="14:14">
      <c r="N466759" s="10"/>
    </row>
    <row r="466760" spans="14:14">
      <c r="N466760" s="10"/>
    </row>
    <row r="466761" spans="14:14">
      <c r="N466761" s="10"/>
    </row>
    <row r="466762" spans="14:14">
      <c r="N466762" s="10"/>
    </row>
    <row r="466763" spans="14:14">
      <c r="N466763" s="10"/>
    </row>
    <row r="466764" spans="14:14">
      <c r="N466764" s="10"/>
    </row>
    <row r="466765" spans="14:14">
      <c r="N466765" s="10"/>
    </row>
    <row r="466766" spans="14:14">
      <c r="N466766" s="10"/>
    </row>
    <row r="466767" spans="14:14">
      <c r="N466767" s="10"/>
    </row>
    <row r="466768" spans="14:14">
      <c r="N466768" s="10"/>
    </row>
    <row r="466769" spans="14:14">
      <c r="N466769" s="10"/>
    </row>
    <row r="466770" spans="14:14">
      <c r="N466770" s="10"/>
    </row>
    <row r="466771" spans="14:14">
      <c r="N466771" s="10"/>
    </row>
    <row r="466772" spans="14:14">
      <c r="N466772" s="10"/>
    </row>
    <row r="466773" spans="14:14">
      <c r="N466773" s="10"/>
    </row>
    <row r="466774" spans="14:14">
      <c r="N466774" s="10"/>
    </row>
    <row r="466775" spans="14:14">
      <c r="N466775" s="10"/>
    </row>
    <row r="466776" spans="14:14">
      <c r="N466776" s="10"/>
    </row>
    <row r="466777" spans="14:14">
      <c r="N466777" s="10"/>
    </row>
    <row r="466778" spans="14:14">
      <c r="N466778" s="10"/>
    </row>
    <row r="466779" spans="14:14">
      <c r="N466779" s="10"/>
    </row>
    <row r="466780" spans="14:14">
      <c r="N466780" s="10"/>
    </row>
    <row r="466781" spans="14:14">
      <c r="N466781" s="10"/>
    </row>
    <row r="466782" spans="14:14">
      <c r="N466782" s="10"/>
    </row>
    <row r="466783" spans="14:14">
      <c r="N466783" s="10"/>
    </row>
    <row r="466784" spans="14:14">
      <c r="N466784" s="10"/>
    </row>
    <row r="466785" spans="14:14">
      <c r="N466785" s="10"/>
    </row>
    <row r="466786" spans="14:14">
      <c r="N466786" s="10"/>
    </row>
    <row r="466787" spans="14:14">
      <c r="N466787" s="10"/>
    </row>
    <row r="466788" spans="14:14">
      <c r="N466788" s="10"/>
    </row>
    <row r="466789" spans="14:14">
      <c r="N466789" s="10"/>
    </row>
    <row r="466790" spans="14:14">
      <c r="N466790" s="10"/>
    </row>
    <row r="466791" spans="14:14">
      <c r="N466791" s="10"/>
    </row>
    <row r="466792" spans="14:14">
      <c r="N466792" s="10"/>
    </row>
    <row r="466793" spans="14:14">
      <c r="N466793" s="10"/>
    </row>
    <row r="466794" spans="14:14">
      <c r="N466794" s="10"/>
    </row>
    <row r="466795" spans="14:14">
      <c r="N466795" s="10"/>
    </row>
    <row r="466796" spans="14:14">
      <c r="N466796" s="10"/>
    </row>
    <row r="466797" spans="14:14">
      <c r="N466797" s="10"/>
    </row>
    <row r="466798" spans="14:14">
      <c r="N466798" s="10"/>
    </row>
    <row r="466799" spans="14:14">
      <c r="N466799" s="10"/>
    </row>
    <row r="466800" spans="14:14">
      <c r="N466800" s="10"/>
    </row>
    <row r="466801" spans="14:14">
      <c r="N466801" s="10"/>
    </row>
    <row r="466802" spans="14:14">
      <c r="N466802" s="10"/>
    </row>
    <row r="466803" spans="14:14">
      <c r="N466803" s="10"/>
    </row>
    <row r="466804" spans="14:14">
      <c r="N466804" s="10"/>
    </row>
    <row r="466805" spans="14:14">
      <c r="N466805" s="10"/>
    </row>
    <row r="466806" spans="14:14">
      <c r="N466806" s="10"/>
    </row>
    <row r="466807" spans="14:14">
      <c r="N466807" s="10"/>
    </row>
    <row r="466808" spans="14:14">
      <c r="N466808" s="10"/>
    </row>
    <row r="466809" spans="14:14">
      <c r="N466809" s="10"/>
    </row>
    <row r="466810" spans="14:14">
      <c r="N466810" s="10"/>
    </row>
    <row r="466811" spans="14:14">
      <c r="N466811" s="10"/>
    </row>
    <row r="466812" spans="14:14">
      <c r="N466812" s="10"/>
    </row>
    <row r="466813" spans="14:14">
      <c r="N466813" s="10"/>
    </row>
    <row r="466814" spans="14:14">
      <c r="N466814" s="10"/>
    </row>
    <row r="466815" spans="14:14">
      <c r="N466815" s="10"/>
    </row>
    <row r="466816" spans="14:14">
      <c r="N466816" s="10"/>
    </row>
    <row r="466817" spans="14:14">
      <c r="N466817" s="10"/>
    </row>
    <row r="466818" spans="14:14">
      <c r="N466818" s="10"/>
    </row>
    <row r="466819" spans="14:14">
      <c r="N466819" s="10"/>
    </row>
    <row r="466820" spans="14:14">
      <c r="N466820" s="10"/>
    </row>
    <row r="466821" spans="14:14">
      <c r="N466821" s="10"/>
    </row>
    <row r="466822" spans="14:14">
      <c r="N466822" s="10"/>
    </row>
    <row r="466823" spans="14:14">
      <c r="N466823" s="10"/>
    </row>
    <row r="466824" spans="14:14">
      <c r="N466824" s="10"/>
    </row>
    <row r="466825" spans="14:14">
      <c r="N466825" s="10"/>
    </row>
    <row r="466826" spans="14:14">
      <c r="N466826" s="10"/>
    </row>
    <row r="466827" spans="14:14">
      <c r="N466827" s="10"/>
    </row>
    <row r="466828" spans="14:14">
      <c r="N466828" s="10"/>
    </row>
    <row r="466829" spans="14:14">
      <c r="N466829" s="10"/>
    </row>
    <row r="466830" spans="14:14">
      <c r="N466830" s="10"/>
    </row>
    <row r="466831" spans="14:14">
      <c r="N466831" s="10"/>
    </row>
    <row r="466832" spans="14:14">
      <c r="N466832" s="10"/>
    </row>
    <row r="466833" spans="14:14">
      <c r="N466833" s="10"/>
    </row>
    <row r="466834" spans="14:14">
      <c r="N466834" s="10"/>
    </row>
    <row r="466835" spans="14:14">
      <c r="N466835" s="10"/>
    </row>
    <row r="466836" spans="14:14">
      <c r="N466836" s="10"/>
    </row>
    <row r="466837" spans="14:14">
      <c r="N466837" s="10"/>
    </row>
    <row r="466838" spans="14:14">
      <c r="N466838" s="10"/>
    </row>
    <row r="466839" spans="14:14">
      <c r="N466839" s="10"/>
    </row>
    <row r="466840" spans="14:14">
      <c r="N466840" s="10"/>
    </row>
    <row r="466841" spans="14:14">
      <c r="N466841" s="10"/>
    </row>
    <row r="466842" spans="14:14">
      <c r="N466842" s="10"/>
    </row>
    <row r="466843" spans="14:14">
      <c r="N466843" s="10"/>
    </row>
    <row r="466844" spans="14:14">
      <c r="N466844" s="10"/>
    </row>
    <row r="466845" spans="14:14">
      <c r="N466845" s="10"/>
    </row>
    <row r="466846" spans="14:14">
      <c r="N466846" s="10"/>
    </row>
    <row r="466847" spans="14:14">
      <c r="N466847" s="10"/>
    </row>
    <row r="466848" spans="14:14">
      <c r="N466848" s="10"/>
    </row>
    <row r="466849" spans="14:14">
      <c r="N466849" s="10"/>
    </row>
    <row r="466850" spans="14:14">
      <c r="N466850" s="10"/>
    </row>
    <row r="466851" spans="14:14">
      <c r="N466851" s="10"/>
    </row>
    <row r="466852" spans="14:14">
      <c r="N466852" s="10"/>
    </row>
    <row r="466853" spans="14:14">
      <c r="N466853" s="10"/>
    </row>
    <row r="466854" spans="14:14">
      <c r="N466854" s="10"/>
    </row>
    <row r="466855" spans="14:14">
      <c r="N466855" s="10"/>
    </row>
    <row r="466856" spans="14:14">
      <c r="N466856" s="10"/>
    </row>
    <row r="466857" spans="14:14">
      <c r="N466857" s="10"/>
    </row>
    <row r="466858" spans="14:14">
      <c r="N466858" s="10"/>
    </row>
    <row r="466859" spans="14:14">
      <c r="N466859" s="10"/>
    </row>
    <row r="466860" spans="14:14">
      <c r="N466860" s="10"/>
    </row>
    <row r="466861" spans="14:14">
      <c r="N466861" s="10"/>
    </row>
    <row r="466862" spans="14:14">
      <c r="N466862" s="10"/>
    </row>
    <row r="466863" spans="14:14">
      <c r="N466863" s="10"/>
    </row>
    <row r="466864" spans="14:14">
      <c r="N466864" s="10"/>
    </row>
    <row r="466865" spans="14:14">
      <c r="N466865" s="10"/>
    </row>
    <row r="466866" spans="14:14">
      <c r="N466866" s="10"/>
    </row>
    <row r="466867" spans="14:14">
      <c r="N466867" s="10"/>
    </row>
    <row r="466868" spans="14:14">
      <c r="N466868" s="10"/>
    </row>
    <row r="466869" spans="14:14">
      <c r="N466869" s="10"/>
    </row>
    <row r="466870" spans="14:14">
      <c r="N466870" s="10"/>
    </row>
    <row r="466871" spans="14:14">
      <c r="N466871" s="10"/>
    </row>
    <row r="466872" spans="14:14">
      <c r="N466872" s="10"/>
    </row>
    <row r="466873" spans="14:14">
      <c r="N466873" s="10"/>
    </row>
    <row r="466874" spans="14:14">
      <c r="N466874" s="10"/>
    </row>
    <row r="466875" spans="14:14">
      <c r="N466875" s="10"/>
    </row>
    <row r="466876" spans="14:14">
      <c r="N466876" s="10"/>
    </row>
    <row r="466877" spans="14:14">
      <c r="N466877" s="10"/>
    </row>
    <row r="466878" spans="14:14">
      <c r="N466878" s="10"/>
    </row>
    <row r="466879" spans="14:14">
      <c r="N466879" s="10"/>
    </row>
    <row r="466880" spans="14:14">
      <c r="N466880" s="10"/>
    </row>
    <row r="466881" spans="14:14">
      <c r="N466881" s="10"/>
    </row>
    <row r="466882" spans="14:14">
      <c r="N466882" s="10"/>
    </row>
    <row r="466883" spans="14:14">
      <c r="N466883" s="10"/>
    </row>
    <row r="466884" spans="14:14">
      <c r="N466884" s="10"/>
    </row>
    <row r="466885" spans="14:14">
      <c r="N466885" s="10"/>
    </row>
    <row r="466886" spans="14:14">
      <c r="N466886" s="10"/>
    </row>
    <row r="466887" spans="14:14">
      <c r="N466887" s="10"/>
    </row>
    <row r="466888" spans="14:14">
      <c r="N466888" s="10"/>
    </row>
    <row r="466889" spans="14:14">
      <c r="N466889" s="10"/>
    </row>
    <row r="466890" spans="14:14">
      <c r="N466890" s="10"/>
    </row>
    <row r="466891" spans="14:14">
      <c r="N466891" s="10"/>
    </row>
    <row r="466892" spans="14:14">
      <c r="N466892" s="10"/>
    </row>
    <row r="466893" spans="14:14">
      <c r="N466893" s="10"/>
    </row>
    <row r="466894" spans="14:14">
      <c r="N466894" s="10"/>
    </row>
    <row r="466895" spans="14:14">
      <c r="N466895" s="10"/>
    </row>
    <row r="466896" spans="14:14">
      <c r="N466896" s="10"/>
    </row>
    <row r="466897" spans="14:14">
      <c r="N466897" s="10"/>
    </row>
    <row r="466898" spans="14:14">
      <c r="N466898" s="10"/>
    </row>
    <row r="466899" spans="14:14">
      <c r="N466899" s="10"/>
    </row>
    <row r="466900" spans="14:14">
      <c r="N466900" s="10"/>
    </row>
    <row r="466901" spans="14:14">
      <c r="N466901" s="10"/>
    </row>
    <row r="466902" spans="14:14">
      <c r="N466902" s="10"/>
    </row>
    <row r="466903" spans="14:14">
      <c r="N466903" s="10"/>
    </row>
    <row r="466904" spans="14:14">
      <c r="N466904" s="10"/>
    </row>
    <row r="466905" spans="14:14">
      <c r="N466905" s="10"/>
    </row>
    <row r="466906" spans="14:14">
      <c r="N466906" s="10"/>
    </row>
    <row r="466907" spans="14:14">
      <c r="N466907" s="10"/>
    </row>
    <row r="466908" spans="14:14">
      <c r="N466908" s="10"/>
    </row>
    <row r="466909" spans="14:14">
      <c r="N466909" s="10"/>
    </row>
    <row r="466910" spans="14:14">
      <c r="N466910" s="10"/>
    </row>
    <row r="466911" spans="14:14">
      <c r="N466911" s="10"/>
    </row>
    <row r="466912" spans="14:14">
      <c r="N466912" s="10"/>
    </row>
    <row r="466913" spans="14:14">
      <c r="N466913" s="10"/>
    </row>
    <row r="466914" spans="14:14">
      <c r="N466914" s="10"/>
    </row>
    <row r="466915" spans="14:14">
      <c r="N466915" s="10"/>
    </row>
    <row r="466916" spans="14:14">
      <c r="N466916" s="10"/>
    </row>
    <row r="466917" spans="14:14">
      <c r="N466917" s="10"/>
    </row>
    <row r="466918" spans="14:14">
      <c r="N466918" s="10"/>
    </row>
    <row r="466919" spans="14:14">
      <c r="N466919" s="10"/>
    </row>
    <row r="466920" spans="14:14">
      <c r="N466920" s="10"/>
    </row>
    <row r="466921" spans="14:14">
      <c r="N466921" s="10"/>
    </row>
    <row r="466922" spans="14:14">
      <c r="N466922" s="10"/>
    </row>
    <row r="466923" spans="14:14">
      <c r="N466923" s="10"/>
    </row>
    <row r="466924" spans="14:14">
      <c r="N466924" s="10"/>
    </row>
    <row r="466925" spans="14:14">
      <c r="N466925" s="10"/>
    </row>
    <row r="466926" spans="14:14">
      <c r="N466926" s="10"/>
    </row>
    <row r="466927" spans="14:14">
      <c r="N466927" s="10"/>
    </row>
    <row r="466928" spans="14:14">
      <c r="N466928" s="10"/>
    </row>
    <row r="466929" spans="14:14">
      <c r="N466929" s="10"/>
    </row>
    <row r="466930" spans="14:14">
      <c r="N466930" s="10"/>
    </row>
    <row r="466931" spans="14:14">
      <c r="N466931" s="10"/>
    </row>
    <row r="466932" spans="14:14">
      <c r="N466932" s="10"/>
    </row>
    <row r="466933" spans="14:14">
      <c r="N466933" s="10"/>
    </row>
    <row r="466934" spans="14:14">
      <c r="N466934" s="10"/>
    </row>
    <row r="466935" spans="14:14">
      <c r="N466935" s="10"/>
    </row>
    <row r="466936" spans="14:14">
      <c r="N466936" s="10"/>
    </row>
    <row r="466937" spans="14:14">
      <c r="N466937" s="10"/>
    </row>
    <row r="466938" spans="14:14">
      <c r="N466938" s="10"/>
    </row>
    <row r="466939" spans="14:14">
      <c r="N466939" s="10"/>
    </row>
    <row r="466940" spans="14:14">
      <c r="N466940" s="10"/>
    </row>
    <row r="466941" spans="14:14">
      <c r="N466941" s="10"/>
    </row>
    <row r="466942" spans="14:14">
      <c r="N466942" s="10"/>
    </row>
    <row r="466943" spans="14:14">
      <c r="N466943" s="10"/>
    </row>
    <row r="466944" spans="14:14">
      <c r="N466944" s="10"/>
    </row>
    <row r="466945" spans="14:14">
      <c r="N466945" s="10"/>
    </row>
    <row r="466946" spans="14:14">
      <c r="N466946" s="10"/>
    </row>
    <row r="466947" spans="14:14">
      <c r="N466947" s="10"/>
    </row>
    <row r="466948" spans="14:14">
      <c r="N466948" s="10"/>
    </row>
    <row r="466949" spans="14:14">
      <c r="N466949" s="10"/>
    </row>
    <row r="466950" spans="14:14">
      <c r="N466950" s="10"/>
    </row>
    <row r="466951" spans="14:14">
      <c r="N466951" s="10"/>
    </row>
    <row r="466952" spans="14:14">
      <c r="N466952" s="10"/>
    </row>
    <row r="466953" spans="14:14">
      <c r="N466953" s="10"/>
    </row>
    <row r="466954" spans="14:14">
      <c r="N466954" s="10"/>
    </row>
    <row r="466955" spans="14:14">
      <c r="N466955" s="10"/>
    </row>
    <row r="466956" spans="14:14">
      <c r="N466956" s="10"/>
    </row>
    <row r="466957" spans="14:14">
      <c r="N466957" s="10"/>
    </row>
    <row r="466958" spans="14:14">
      <c r="N466958" s="10"/>
    </row>
    <row r="466959" spans="14:14">
      <c r="N466959" s="10"/>
    </row>
    <row r="466960" spans="14:14">
      <c r="N466960" s="10"/>
    </row>
    <row r="466961" spans="14:14">
      <c r="N466961" s="10"/>
    </row>
    <row r="466962" spans="14:14">
      <c r="N466962" s="10"/>
    </row>
    <row r="466963" spans="14:14">
      <c r="N466963" s="10"/>
    </row>
    <row r="466964" spans="14:14">
      <c r="N466964" s="10"/>
    </row>
    <row r="466965" spans="14:14">
      <c r="N466965" s="10"/>
    </row>
    <row r="466966" spans="14:14">
      <c r="N466966" s="10"/>
    </row>
    <row r="466967" spans="14:14">
      <c r="N466967" s="10"/>
    </row>
    <row r="466968" spans="14:14">
      <c r="N466968" s="10"/>
    </row>
    <row r="466969" spans="14:14">
      <c r="N466969" s="10"/>
    </row>
    <row r="466970" spans="14:14">
      <c r="N466970" s="10"/>
    </row>
    <row r="466971" spans="14:14">
      <c r="N466971" s="10"/>
    </row>
    <row r="466972" spans="14:14">
      <c r="N466972" s="10"/>
    </row>
    <row r="466973" spans="14:14">
      <c r="N466973" s="10"/>
    </row>
    <row r="466974" spans="14:14">
      <c r="N466974" s="10"/>
    </row>
    <row r="466975" spans="14:14">
      <c r="N466975" s="10"/>
    </row>
    <row r="466976" spans="14:14">
      <c r="N466976" s="10"/>
    </row>
    <row r="466977" spans="14:14">
      <c r="N466977" s="10"/>
    </row>
    <row r="466978" spans="14:14">
      <c r="N466978" s="10"/>
    </row>
    <row r="466979" spans="14:14">
      <c r="N466979" s="10"/>
    </row>
    <row r="466980" spans="14:14">
      <c r="N466980" s="10"/>
    </row>
    <row r="466981" spans="14:14">
      <c r="N466981" s="10"/>
    </row>
    <row r="466982" spans="14:14">
      <c r="N466982" s="10"/>
    </row>
    <row r="466983" spans="14:14">
      <c r="N466983" s="10"/>
    </row>
    <row r="466984" spans="14:14">
      <c r="N466984" s="10"/>
    </row>
    <row r="466985" spans="14:14">
      <c r="N466985" s="10"/>
    </row>
    <row r="466986" spans="14:14">
      <c r="N466986" s="10"/>
    </row>
    <row r="466987" spans="14:14">
      <c r="N466987" s="10"/>
    </row>
    <row r="466988" spans="14:14">
      <c r="N466988" s="10"/>
    </row>
    <row r="466989" spans="14:14">
      <c r="N466989" s="10"/>
    </row>
    <row r="466990" spans="14:14">
      <c r="N466990" s="10"/>
    </row>
    <row r="466991" spans="14:14">
      <c r="N466991" s="10"/>
    </row>
    <row r="466992" spans="14:14">
      <c r="N466992" s="10"/>
    </row>
    <row r="466993" spans="14:14">
      <c r="N466993" s="10"/>
    </row>
    <row r="466994" spans="14:14">
      <c r="N466994" s="10"/>
    </row>
    <row r="466995" spans="14:14">
      <c r="N466995" s="10"/>
    </row>
    <row r="466996" spans="14:14">
      <c r="N466996" s="10"/>
    </row>
    <row r="466997" spans="14:14">
      <c r="N466997" s="10"/>
    </row>
    <row r="466998" spans="14:14">
      <c r="N466998" s="10"/>
    </row>
    <row r="466999" spans="14:14">
      <c r="N466999" s="10"/>
    </row>
    <row r="467000" spans="14:14">
      <c r="N467000" s="10"/>
    </row>
    <row r="467001" spans="14:14">
      <c r="N467001" s="10"/>
    </row>
    <row r="467002" spans="14:14">
      <c r="N467002" s="10"/>
    </row>
    <row r="467003" spans="14:14">
      <c r="N467003" s="10"/>
    </row>
    <row r="467004" spans="14:14">
      <c r="N467004" s="10"/>
    </row>
    <row r="467005" spans="14:14">
      <c r="N467005" s="10"/>
    </row>
    <row r="467006" spans="14:14">
      <c r="N467006" s="10"/>
    </row>
    <row r="467007" spans="14:14">
      <c r="N467007" s="10"/>
    </row>
    <row r="467008" spans="14:14">
      <c r="N467008" s="10"/>
    </row>
    <row r="467009" spans="14:14">
      <c r="N467009" s="10"/>
    </row>
    <row r="467010" spans="14:14">
      <c r="N467010" s="10"/>
    </row>
    <row r="467011" spans="14:14">
      <c r="N467011" s="10"/>
    </row>
    <row r="467012" spans="14:14">
      <c r="N467012" s="10"/>
    </row>
    <row r="467013" spans="14:14">
      <c r="N467013" s="10"/>
    </row>
    <row r="467014" spans="14:14">
      <c r="N467014" s="10"/>
    </row>
    <row r="467015" spans="14:14">
      <c r="N467015" s="10"/>
    </row>
    <row r="467016" spans="14:14">
      <c r="N467016" s="10"/>
    </row>
    <row r="467017" spans="14:14">
      <c r="N467017" s="10"/>
    </row>
    <row r="467018" spans="14:14">
      <c r="N467018" s="10"/>
    </row>
    <row r="467019" spans="14:14">
      <c r="N467019" s="10"/>
    </row>
    <row r="467020" spans="14:14">
      <c r="N467020" s="10"/>
    </row>
    <row r="467021" spans="14:14">
      <c r="N467021" s="10"/>
    </row>
    <row r="467022" spans="14:14">
      <c r="N467022" s="10"/>
    </row>
    <row r="467023" spans="14:14">
      <c r="N467023" s="10"/>
    </row>
    <row r="467024" spans="14:14">
      <c r="N467024" s="10"/>
    </row>
    <row r="467025" spans="14:14">
      <c r="N467025" s="10"/>
    </row>
    <row r="467026" spans="14:14">
      <c r="N467026" s="10"/>
    </row>
    <row r="467027" spans="14:14">
      <c r="N467027" s="10"/>
    </row>
    <row r="467028" spans="14:14">
      <c r="N467028" s="10"/>
    </row>
    <row r="467029" spans="14:14">
      <c r="N467029" s="10"/>
    </row>
    <row r="467030" spans="14:14">
      <c r="N467030" s="10"/>
    </row>
    <row r="467031" spans="14:14">
      <c r="N467031" s="10"/>
    </row>
    <row r="467032" spans="14:14">
      <c r="N467032" s="10"/>
    </row>
    <row r="467033" spans="14:14">
      <c r="N467033" s="10"/>
    </row>
    <row r="467034" spans="14:14">
      <c r="N467034" s="10"/>
    </row>
    <row r="467035" spans="14:14">
      <c r="N467035" s="10"/>
    </row>
    <row r="467036" spans="14:14">
      <c r="N467036" s="10"/>
    </row>
    <row r="467037" spans="14:14">
      <c r="N467037" s="10"/>
    </row>
    <row r="467038" spans="14:14">
      <c r="N467038" s="10"/>
    </row>
    <row r="467039" spans="14:14">
      <c r="N467039" s="10"/>
    </row>
    <row r="467040" spans="14:14">
      <c r="N467040" s="10"/>
    </row>
    <row r="467041" spans="14:14">
      <c r="N467041" s="10"/>
    </row>
    <row r="467042" spans="14:14">
      <c r="N467042" s="10"/>
    </row>
    <row r="467043" spans="14:14">
      <c r="N467043" s="10"/>
    </row>
    <row r="467044" spans="14:14">
      <c r="N467044" s="10"/>
    </row>
    <row r="467045" spans="14:14">
      <c r="N467045" s="10"/>
    </row>
    <row r="467046" spans="14:14">
      <c r="N467046" s="10"/>
    </row>
    <row r="467047" spans="14:14">
      <c r="N467047" s="10"/>
    </row>
    <row r="467048" spans="14:14">
      <c r="N467048" s="10"/>
    </row>
    <row r="467049" spans="14:14">
      <c r="N467049" s="10"/>
    </row>
    <row r="467050" spans="14:14">
      <c r="N467050" s="10"/>
    </row>
    <row r="467051" spans="14:14">
      <c r="N467051" s="10"/>
    </row>
    <row r="467052" spans="14:14">
      <c r="N467052" s="10"/>
    </row>
    <row r="467053" spans="14:14">
      <c r="N467053" s="10"/>
    </row>
    <row r="467054" spans="14:14">
      <c r="N467054" s="10"/>
    </row>
    <row r="467055" spans="14:14">
      <c r="N467055" s="10"/>
    </row>
    <row r="467056" spans="14:14">
      <c r="N467056" s="10"/>
    </row>
    <row r="467057" spans="14:14">
      <c r="N467057" s="10"/>
    </row>
    <row r="467058" spans="14:14">
      <c r="N467058" s="10"/>
    </row>
    <row r="467059" spans="14:14">
      <c r="N467059" s="10"/>
    </row>
    <row r="467060" spans="14:14">
      <c r="N467060" s="10"/>
    </row>
    <row r="467061" spans="14:14">
      <c r="N467061" s="10"/>
    </row>
    <row r="467062" spans="14:14">
      <c r="N467062" s="10"/>
    </row>
    <row r="467063" spans="14:14">
      <c r="N467063" s="10"/>
    </row>
    <row r="467064" spans="14:14">
      <c r="N467064" s="10"/>
    </row>
    <row r="467065" spans="14:14">
      <c r="N467065" s="10"/>
    </row>
    <row r="467066" spans="14:14">
      <c r="N467066" s="10"/>
    </row>
    <row r="467067" spans="14:14">
      <c r="N467067" s="10"/>
    </row>
    <row r="467068" spans="14:14">
      <c r="N467068" s="10"/>
    </row>
    <row r="467069" spans="14:14">
      <c r="N467069" s="10"/>
    </row>
    <row r="467070" spans="14:14">
      <c r="N467070" s="10"/>
    </row>
    <row r="467071" spans="14:14">
      <c r="N467071" s="10"/>
    </row>
    <row r="467072" spans="14:14">
      <c r="N467072" s="10"/>
    </row>
    <row r="467073" spans="14:14">
      <c r="N467073" s="10"/>
    </row>
    <row r="467074" spans="14:14">
      <c r="N467074" s="10"/>
    </row>
    <row r="467075" spans="14:14">
      <c r="N467075" s="10"/>
    </row>
    <row r="467076" spans="14:14">
      <c r="N467076" s="10"/>
    </row>
    <row r="467077" spans="14:14">
      <c r="N467077" s="10"/>
    </row>
    <row r="467078" spans="14:14">
      <c r="N467078" s="10"/>
    </row>
    <row r="467079" spans="14:14">
      <c r="N467079" s="10"/>
    </row>
    <row r="467080" spans="14:14">
      <c r="N467080" s="10"/>
    </row>
    <row r="467081" spans="14:14">
      <c r="N467081" s="10"/>
    </row>
    <row r="467082" spans="14:14">
      <c r="N467082" s="10"/>
    </row>
    <row r="467083" spans="14:14">
      <c r="N467083" s="10"/>
    </row>
    <row r="467084" spans="14:14">
      <c r="N467084" s="10"/>
    </row>
    <row r="467085" spans="14:14">
      <c r="N467085" s="10"/>
    </row>
    <row r="467086" spans="14:14">
      <c r="N467086" s="10"/>
    </row>
    <row r="467087" spans="14:14">
      <c r="N467087" s="10"/>
    </row>
    <row r="467088" spans="14:14">
      <c r="N467088" s="10"/>
    </row>
    <row r="467089" spans="14:14">
      <c r="N467089" s="10"/>
    </row>
    <row r="467090" spans="14:14">
      <c r="N467090" s="10"/>
    </row>
    <row r="467091" spans="14:14">
      <c r="N467091" s="10"/>
    </row>
    <row r="467092" spans="14:14">
      <c r="N467092" s="10"/>
    </row>
    <row r="467093" spans="14:14">
      <c r="N467093" s="10"/>
    </row>
    <row r="467094" spans="14:14">
      <c r="N467094" s="10"/>
    </row>
    <row r="467095" spans="14:14">
      <c r="N467095" s="10"/>
    </row>
    <row r="467096" spans="14:14">
      <c r="N467096" s="10"/>
    </row>
    <row r="467097" spans="14:14">
      <c r="N467097" s="10"/>
    </row>
    <row r="467098" spans="14:14">
      <c r="N467098" s="10"/>
    </row>
    <row r="467099" spans="14:14">
      <c r="N467099" s="10"/>
    </row>
    <row r="467100" spans="14:14">
      <c r="N467100" s="10"/>
    </row>
    <row r="467101" spans="14:14">
      <c r="N467101" s="10"/>
    </row>
    <row r="467102" spans="14:14">
      <c r="N467102" s="10"/>
    </row>
    <row r="467103" spans="14:14">
      <c r="N467103" s="10"/>
    </row>
    <row r="467104" spans="14:14">
      <c r="N467104" s="10"/>
    </row>
    <row r="467105" spans="14:14">
      <c r="N467105" s="10"/>
    </row>
    <row r="467106" spans="14:14">
      <c r="N467106" s="10"/>
    </row>
    <row r="467107" spans="14:14">
      <c r="N467107" s="10"/>
    </row>
    <row r="467108" spans="14:14">
      <c r="N467108" s="10"/>
    </row>
    <row r="467109" spans="14:14">
      <c r="N467109" s="10"/>
    </row>
    <row r="467110" spans="14:14">
      <c r="N467110" s="10"/>
    </row>
    <row r="467111" spans="14:14">
      <c r="N467111" s="10"/>
    </row>
    <row r="467112" spans="14:14">
      <c r="N467112" s="10"/>
    </row>
    <row r="467113" spans="14:14">
      <c r="N467113" s="10"/>
    </row>
    <row r="467114" spans="14:14">
      <c r="N467114" s="10"/>
    </row>
    <row r="467115" spans="14:14">
      <c r="N467115" s="10"/>
    </row>
    <row r="467116" spans="14:14">
      <c r="N467116" s="10"/>
    </row>
    <row r="467117" spans="14:14">
      <c r="N467117" s="10"/>
    </row>
    <row r="467118" spans="14:14">
      <c r="N467118" s="10"/>
    </row>
    <row r="467119" spans="14:14">
      <c r="N467119" s="10"/>
    </row>
    <row r="467120" spans="14:14">
      <c r="N467120" s="10"/>
    </row>
    <row r="467121" spans="14:14">
      <c r="N467121" s="10"/>
    </row>
    <row r="467122" spans="14:14">
      <c r="N467122" s="10"/>
    </row>
    <row r="467123" spans="14:14">
      <c r="N467123" s="10"/>
    </row>
    <row r="467124" spans="14:14">
      <c r="N467124" s="10"/>
    </row>
    <row r="467125" spans="14:14">
      <c r="N467125" s="10"/>
    </row>
    <row r="467126" spans="14:14">
      <c r="N467126" s="10"/>
    </row>
    <row r="467127" spans="14:14">
      <c r="N467127" s="10"/>
    </row>
    <row r="467128" spans="14:14">
      <c r="N467128" s="10"/>
    </row>
    <row r="467129" spans="14:14">
      <c r="N467129" s="10"/>
    </row>
    <row r="467130" spans="14:14">
      <c r="N467130" s="10"/>
    </row>
    <row r="467131" spans="14:14">
      <c r="N467131" s="10"/>
    </row>
    <row r="467132" spans="14:14">
      <c r="N467132" s="10"/>
    </row>
    <row r="467133" spans="14:14">
      <c r="N467133" s="10"/>
    </row>
    <row r="467134" spans="14:14">
      <c r="N467134" s="10"/>
    </row>
    <row r="467135" spans="14:14">
      <c r="N467135" s="10"/>
    </row>
    <row r="467136" spans="14:14">
      <c r="N467136" s="10"/>
    </row>
    <row r="467137" spans="14:14">
      <c r="N467137" s="10"/>
    </row>
    <row r="467138" spans="14:14">
      <c r="N467138" s="10"/>
    </row>
    <row r="467139" spans="14:14">
      <c r="N467139" s="10"/>
    </row>
    <row r="467140" spans="14:14">
      <c r="N467140" s="10"/>
    </row>
    <row r="467141" spans="14:14">
      <c r="N467141" s="10"/>
    </row>
    <row r="467142" spans="14:14">
      <c r="N467142" s="10"/>
    </row>
    <row r="467143" spans="14:14">
      <c r="N467143" s="10"/>
    </row>
    <row r="467144" spans="14:14">
      <c r="N467144" s="10"/>
    </row>
    <row r="467145" spans="14:14">
      <c r="N467145" s="10"/>
    </row>
    <row r="467146" spans="14:14">
      <c r="N467146" s="10"/>
    </row>
    <row r="467147" spans="14:14">
      <c r="N467147" s="10"/>
    </row>
    <row r="467148" spans="14:14">
      <c r="N467148" s="10"/>
    </row>
    <row r="467149" spans="14:14">
      <c r="N467149" s="10"/>
    </row>
    <row r="467150" spans="14:14">
      <c r="N467150" s="10"/>
    </row>
    <row r="467151" spans="14:14">
      <c r="N467151" s="10"/>
    </row>
    <row r="467152" spans="14:14">
      <c r="N467152" s="10"/>
    </row>
    <row r="467153" spans="14:14">
      <c r="N467153" s="10"/>
    </row>
    <row r="467154" spans="14:14">
      <c r="N467154" s="10"/>
    </row>
    <row r="467155" spans="14:14">
      <c r="N467155" s="10"/>
    </row>
    <row r="467156" spans="14:14">
      <c r="N467156" s="10"/>
    </row>
    <row r="467157" spans="14:14">
      <c r="N467157" s="10"/>
    </row>
    <row r="467158" spans="14:14">
      <c r="N467158" s="10"/>
    </row>
    <row r="467159" spans="14:14">
      <c r="N467159" s="10"/>
    </row>
    <row r="467160" spans="14:14">
      <c r="N467160" s="10"/>
    </row>
    <row r="467161" spans="14:14">
      <c r="N467161" s="10"/>
    </row>
    <row r="467162" spans="14:14">
      <c r="N467162" s="10"/>
    </row>
    <row r="467163" spans="14:14">
      <c r="N467163" s="10"/>
    </row>
    <row r="467164" spans="14:14">
      <c r="N467164" s="10"/>
    </row>
    <row r="467165" spans="14:14">
      <c r="N467165" s="10"/>
    </row>
    <row r="467166" spans="14:14">
      <c r="N467166" s="10"/>
    </row>
    <row r="467167" spans="14:14">
      <c r="N467167" s="10"/>
    </row>
    <row r="467168" spans="14:14">
      <c r="N467168" s="10"/>
    </row>
    <row r="467169" spans="14:14">
      <c r="N467169" s="10"/>
    </row>
    <row r="467170" spans="14:14">
      <c r="N467170" s="10"/>
    </row>
    <row r="467171" spans="14:14">
      <c r="N467171" s="10"/>
    </row>
    <row r="467172" spans="14:14">
      <c r="N467172" s="10"/>
    </row>
    <row r="467173" spans="14:14">
      <c r="N467173" s="10"/>
    </row>
    <row r="467174" spans="14:14">
      <c r="N467174" s="10"/>
    </row>
    <row r="467175" spans="14:14">
      <c r="N467175" s="10"/>
    </row>
    <row r="467176" spans="14:14">
      <c r="N467176" s="10"/>
    </row>
    <row r="467177" spans="14:14">
      <c r="N467177" s="10"/>
    </row>
    <row r="467178" spans="14:14">
      <c r="N467178" s="10"/>
    </row>
    <row r="467179" spans="14:14">
      <c r="N467179" s="10"/>
    </row>
    <row r="467180" spans="14:14">
      <c r="N467180" s="10"/>
    </row>
    <row r="467181" spans="14:14">
      <c r="N467181" s="10"/>
    </row>
    <row r="467182" spans="14:14">
      <c r="N467182" s="10"/>
    </row>
    <row r="467183" spans="14:14">
      <c r="N467183" s="10"/>
    </row>
    <row r="467184" spans="14:14">
      <c r="N467184" s="10"/>
    </row>
    <row r="467185" spans="14:14">
      <c r="N467185" s="10"/>
    </row>
    <row r="467186" spans="14:14">
      <c r="N467186" s="10"/>
    </row>
    <row r="467187" spans="14:14">
      <c r="N467187" s="10"/>
    </row>
    <row r="467188" spans="14:14">
      <c r="N467188" s="10"/>
    </row>
    <row r="467189" spans="14:14">
      <c r="N467189" s="10"/>
    </row>
    <row r="467190" spans="14:14">
      <c r="N467190" s="10"/>
    </row>
    <row r="467191" spans="14:14">
      <c r="N467191" s="10"/>
    </row>
    <row r="467192" spans="14:14">
      <c r="N467192" s="10"/>
    </row>
    <row r="467193" spans="14:14">
      <c r="N467193" s="10"/>
    </row>
    <row r="467194" spans="14:14">
      <c r="N467194" s="10"/>
    </row>
    <row r="467195" spans="14:14">
      <c r="N467195" s="10"/>
    </row>
    <row r="467196" spans="14:14">
      <c r="N467196" s="10"/>
    </row>
    <row r="467197" spans="14:14">
      <c r="N467197" s="10"/>
    </row>
    <row r="467198" spans="14:14">
      <c r="N467198" s="10"/>
    </row>
    <row r="467199" spans="14:14">
      <c r="N467199" s="10"/>
    </row>
    <row r="467200" spans="14:14">
      <c r="N467200" s="10"/>
    </row>
    <row r="467201" spans="14:14">
      <c r="N467201" s="10"/>
    </row>
    <row r="467202" spans="14:14">
      <c r="N467202" s="10"/>
    </row>
    <row r="467203" spans="14:14">
      <c r="N467203" s="10"/>
    </row>
    <row r="467204" spans="14:14">
      <c r="N467204" s="10"/>
    </row>
    <row r="467205" spans="14:14">
      <c r="N467205" s="10"/>
    </row>
    <row r="467206" spans="14:14">
      <c r="N467206" s="10"/>
    </row>
    <row r="467207" spans="14:14">
      <c r="N467207" s="10"/>
    </row>
    <row r="467208" spans="14:14">
      <c r="N467208" s="10"/>
    </row>
    <row r="467209" spans="14:14">
      <c r="N467209" s="10"/>
    </row>
    <row r="467210" spans="14:14">
      <c r="N467210" s="10"/>
    </row>
    <row r="467211" spans="14:14">
      <c r="N467211" s="10"/>
    </row>
    <row r="467212" spans="14:14">
      <c r="N467212" s="10"/>
    </row>
    <row r="467213" spans="14:14">
      <c r="N467213" s="10"/>
    </row>
    <row r="467214" spans="14:14">
      <c r="N467214" s="10"/>
    </row>
    <row r="467215" spans="14:14">
      <c r="N467215" s="10"/>
    </row>
    <row r="467216" spans="14:14">
      <c r="N467216" s="10"/>
    </row>
    <row r="467217" spans="14:14">
      <c r="N467217" s="10"/>
    </row>
    <row r="467218" spans="14:14">
      <c r="N467218" s="10"/>
    </row>
    <row r="467219" spans="14:14">
      <c r="N467219" s="10"/>
    </row>
    <row r="467220" spans="14:14">
      <c r="N467220" s="10"/>
    </row>
    <row r="467221" spans="14:14">
      <c r="N467221" s="10"/>
    </row>
    <row r="467222" spans="14:14">
      <c r="N467222" s="10"/>
    </row>
    <row r="467223" spans="14:14">
      <c r="N467223" s="10"/>
    </row>
    <row r="467224" spans="14:14">
      <c r="N467224" s="10"/>
    </row>
    <row r="467225" spans="14:14">
      <c r="N467225" s="10"/>
    </row>
    <row r="467226" spans="14:14">
      <c r="N467226" s="10"/>
    </row>
    <row r="467227" spans="14:14">
      <c r="N467227" s="10"/>
    </row>
    <row r="467228" spans="14:14">
      <c r="N467228" s="10"/>
    </row>
    <row r="467229" spans="14:14">
      <c r="N467229" s="10"/>
    </row>
    <row r="467230" spans="14:14">
      <c r="N467230" s="10"/>
    </row>
    <row r="467231" spans="14:14">
      <c r="N467231" s="10"/>
    </row>
    <row r="467232" spans="14:14">
      <c r="N467232" s="10"/>
    </row>
    <row r="467233" spans="14:14">
      <c r="N467233" s="10"/>
    </row>
    <row r="467234" spans="14:14">
      <c r="N467234" s="10"/>
    </row>
    <row r="467235" spans="14:14">
      <c r="N467235" s="10"/>
    </row>
    <row r="467236" spans="14:14">
      <c r="N467236" s="10"/>
    </row>
    <row r="467237" spans="14:14">
      <c r="N467237" s="10"/>
    </row>
    <row r="467238" spans="14:14">
      <c r="N467238" s="10"/>
    </row>
    <row r="467239" spans="14:14">
      <c r="N467239" s="10"/>
    </row>
    <row r="467240" spans="14:14">
      <c r="N467240" s="10"/>
    </row>
    <row r="467241" spans="14:14">
      <c r="N467241" s="10"/>
    </row>
    <row r="467242" spans="14:14">
      <c r="N467242" s="10"/>
    </row>
    <row r="467243" spans="14:14">
      <c r="N467243" s="10"/>
    </row>
    <row r="467244" spans="14:14">
      <c r="N467244" s="10"/>
    </row>
    <row r="467245" spans="14:14">
      <c r="N467245" s="10"/>
    </row>
    <row r="467246" spans="14:14">
      <c r="N467246" s="10"/>
    </row>
    <row r="467247" spans="14:14">
      <c r="N467247" s="10"/>
    </row>
    <row r="467248" spans="14:14">
      <c r="N467248" s="10"/>
    </row>
    <row r="467249" spans="14:14">
      <c r="N467249" s="10"/>
    </row>
    <row r="467250" spans="14:14">
      <c r="N467250" s="10"/>
    </row>
    <row r="467251" spans="14:14">
      <c r="N467251" s="10"/>
    </row>
    <row r="467252" spans="14:14">
      <c r="N467252" s="10"/>
    </row>
    <row r="467253" spans="14:14">
      <c r="N467253" s="10"/>
    </row>
    <row r="467254" spans="14:14">
      <c r="N467254" s="10"/>
    </row>
    <row r="467255" spans="14:14">
      <c r="N467255" s="10"/>
    </row>
    <row r="467256" spans="14:14">
      <c r="N467256" s="10"/>
    </row>
    <row r="467257" spans="14:14">
      <c r="N467257" s="10"/>
    </row>
    <row r="467258" spans="14:14">
      <c r="N467258" s="10"/>
    </row>
    <row r="467259" spans="14:14">
      <c r="N467259" s="10"/>
    </row>
    <row r="467260" spans="14:14">
      <c r="N467260" s="10"/>
    </row>
    <row r="467261" spans="14:14">
      <c r="N467261" s="10"/>
    </row>
    <row r="467262" spans="14:14">
      <c r="N467262" s="10"/>
    </row>
    <row r="467263" spans="14:14">
      <c r="N467263" s="10"/>
    </row>
    <row r="467264" spans="14:14">
      <c r="N467264" s="10"/>
    </row>
    <row r="467265" spans="14:14">
      <c r="N467265" s="10"/>
    </row>
    <row r="467266" spans="14:14">
      <c r="N467266" s="10"/>
    </row>
    <row r="467267" spans="14:14">
      <c r="N467267" s="10"/>
    </row>
    <row r="467268" spans="14:14">
      <c r="N467268" s="10"/>
    </row>
    <row r="467269" spans="14:14">
      <c r="N467269" s="10"/>
    </row>
    <row r="467270" spans="14:14">
      <c r="N467270" s="10"/>
    </row>
    <row r="467271" spans="14:14">
      <c r="N467271" s="10"/>
    </row>
    <row r="467272" spans="14:14">
      <c r="N467272" s="10"/>
    </row>
    <row r="467273" spans="14:14">
      <c r="N467273" s="10"/>
    </row>
    <row r="467274" spans="14:14">
      <c r="N467274" s="10"/>
    </row>
    <row r="467275" spans="14:14">
      <c r="N467275" s="10"/>
    </row>
    <row r="467276" spans="14:14">
      <c r="N467276" s="10"/>
    </row>
    <row r="467277" spans="14:14">
      <c r="N467277" s="10"/>
    </row>
    <row r="467278" spans="14:14">
      <c r="N467278" s="10"/>
    </row>
    <row r="467279" spans="14:14">
      <c r="N467279" s="10"/>
    </row>
    <row r="467280" spans="14:14">
      <c r="N467280" s="10"/>
    </row>
    <row r="467281" spans="14:14">
      <c r="N467281" s="10"/>
    </row>
    <row r="467282" spans="14:14">
      <c r="N467282" s="10"/>
    </row>
    <row r="467283" spans="14:14">
      <c r="N467283" s="10"/>
    </row>
    <row r="467284" spans="14:14">
      <c r="N467284" s="10"/>
    </row>
    <row r="467285" spans="14:14">
      <c r="N467285" s="10"/>
    </row>
    <row r="467286" spans="14:14">
      <c r="N467286" s="10"/>
    </row>
    <row r="467287" spans="14:14">
      <c r="N467287" s="10"/>
    </row>
    <row r="467288" spans="14:14">
      <c r="N467288" s="10"/>
    </row>
    <row r="467289" spans="14:14">
      <c r="N467289" s="10"/>
    </row>
    <row r="467290" spans="14:14">
      <c r="N467290" s="10"/>
    </row>
    <row r="467291" spans="14:14">
      <c r="N467291" s="10"/>
    </row>
    <row r="467292" spans="14:14">
      <c r="N467292" s="10"/>
    </row>
    <row r="467293" spans="14:14">
      <c r="N467293" s="10"/>
    </row>
    <row r="467294" spans="14:14">
      <c r="N467294" s="10"/>
    </row>
    <row r="467295" spans="14:14">
      <c r="N467295" s="10"/>
    </row>
    <row r="467296" spans="14:14">
      <c r="N467296" s="10"/>
    </row>
    <row r="467297" spans="14:14">
      <c r="N467297" s="10"/>
    </row>
    <row r="467298" spans="14:14">
      <c r="N467298" s="10"/>
    </row>
    <row r="467299" spans="14:14">
      <c r="N467299" s="10"/>
    </row>
    <row r="467300" spans="14:14">
      <c r="N467300" s="10"/>
    </row>
    <row r="467301" spans="14:14">
      <c r="N467301" s="10"/>
    </row>
    <row r="467302" spans="14:14">
      <c r="N467302" s="10"/>
    </row>
    <row r="467303" spans="14:14">
      <c r="N467303" s="10"/>
    </row>
    <row r="467304" spans="14:14">
      <c r="N467304" s="10"/>
    </row>
    <row r="467305" spans="14:14">
      <c r="N467305" s="10"/>
    </row>
    <row r="467306" spans="14:14">
      <c r="N467306" s="10"/>
    </row>
    <row r="467307" spans="14:14">
      <c r="N467307" s="10"/>
    </row>
    <row r="467308" spans="14:14">
      <c r="N467308" s="10"/>
    </row>
    <row r="467309" spans="14:14">
      <c r="N467309" s="10"/>
    </row>
    <row r="467310" spans="14:14">
      <c r="N467310" s="10"/>
    </row>
    <row r="467311" spans="14:14">
      <c r="N467311" s="10"/>
    </row>
    <row r="467312" spans="14:14">
      <c r="N467312" s="10"/>
    </row>
    <row r="467313" spans="14:14">
      <c r="N467313" s="10"/>
    </row>
    <row r="467314" spans="14:14">
      <c r="N467314" s="10"/>
    </row>
    <row r="467315" spans="14:14">
      <c r="N467315" s="10"/>
    </row>
    <row r="467316" spans="14:14">
      <c r="N467316" s="10"/>
    </row>
    <row r="467317" spans="14:14">
      <c r="N467317" s="10"/>
    </row>
    <row r="467318" spans="14:14">
      <c r="N467318" s="10"/>
    </row>
    <row r="467319" spans="14:14">
      <c r="N467319" s="10"/>
    </row>
    <row r="467320" spans="14:14">
      <c r="N467320" s="10"/>
    </row>
    <row r="467321" spans="14:14">
      <c r="N467321" s="10"/>
    </row>
    <row r="467322" spans="14:14">
      <c r="N467322" s="10"/>
    </row>
    <row r="467323" spans="14:14">
      <c r="N467323" s="10"/>
    </row>
    <row r="467324" spans="14:14">
      <c r="N467324" s="10"/>
    </row>
    <row r="467325" spans="14:14">
      <c r="N467325" s="10"/>
    </row>
    <row r="467326" spans="14:14">
      <c r="N467326" s="10"/>
    </row>
    <row r="467327" spans="14:14">
      <c r="N467327" s="10"/>
    </row>
    <row r="467328" spans="14:14">
      <c r="N467328" s="10"/>
    </row>
    <row r="467329" spans="14:14">
      <c r="N467329" s="10"/>
    </row>
    <row r="467330" spans="14:14">
      <c r="N467330" s="10"/>
    </row>
    <row r="467331" spans="14:14">
      <c r="N467331" s="10"/>
    </row>
    <row r="467332" spans="14:14">
      <c r="N467332" s="10"/>
    </row>
    <row r="467333" spans="14:14">
      <c r="N467333" s="10"/>
    </row>
    <row r="467334" spans="14:14">
      <c r="N467334" s="10"/>
    </row>
    <row r="467335" spans="14:14">
      <c r="N467335" s="10"/>
    </row>
    <row r="467336" spans="14:14">
      <c r="N467336" s="10"/>
    </row>
    <row r="467337" spans="14:14">
      <c r="N467337" s="10"/>
    </row>
    <row r="467338" spans="14:14">
      <c r="N467338" s="10"/>
    </row>
    <row r="467339" spans="14:14">
      <c r="N467339" s="10"/>
    </row>
    <row r="467340" spans="14:14">
      <c r="N467340" s="10"/>
    </row>
    <row r="467341" spans="14:14">
      <c r="N467341" s="10"/>
    </row>
    <row r="467342" spans="14:14">
      <c r="N467342" s="10"/>
    </row>
    <row r="467343" spans="14:14">
      <c r="N467343" s="10"/>
    </row>
    <row r="467344" spans="14:14">
      <c r="N467344" s="10"/>
    </row>
    <row r="467345" spans="14:14">
      <c r="N467345" s="10"/>
    </row>
    <row r="467346" spans="14:14">
      <c r="N467346" s="10"/>
    </row>
    <row r="467347" spans="14:14">
      <c r="N467347" s="10"/>
    </row>
    <row r="467348" spans="14:14">
      <c r="N467348" s="10"/>
    </row>
    <row r="467349" spans="14:14">
      <c r="N467349" s="10"/>
    </row>
    <row r="467350" spans="14:14">
      <c r="N467350" s="10"/>
    </row>
    <row r="467351" spans="14:14">
      <c r="N467351" s="10"/>
    </row>
    <row r="467352" spans="14:14">
      <c r="N467352" s="10"/>
    </row>
    <row r="467353" spans="14:14">
      <c r="N467353" s="10"/>
    </row>
    <row r="467354" spans="14:14">
      <c r="N467354" s="10"/>
    </row>
    <row r="467355" spans="14:14">
      <c r="N467355" s="10"/>
    </row>
    <row r="467356" spans="14:14">
      <c r="N467356" s="10"/>
    </row>
    <row r="467357" spans="14:14">
      <c r="N467357" s="10"/>
    </row>
    <row r="467358" spans="14:14">
      <c r="N467358" s="10"/>
    </row>
    <row r="467359" spans="14:14">
      <c r="N467359" s="10"/>
    </row>
    <row r="467360" spans="14:14">
      <c r="N467360" s="10"/>
    </row>
    <row r="467361" spans="14:14">
      <c r="N467361" s="10"/>
    </row>
    <row r="467362" spans="14:14">
      <c r="N467362" s="10"/>
    </row>
    <row r="467363" spans="14:14">
      <c r="N467363" s="10"/>
    </row>
    <row r="467364" spans="14:14">
      <c r="N467364" s="10"/>
    </row>
    <row r="467365" spans="14:14">
      <c r="N467365" s="10"/>
    </row>
    <row r="467366" spans="14:14">
      <c r="N467366" s="10"/>
    </row>
    <row r="467367" spans="14:14">
      <c r="N467367" s="10"/>
    </row>
    <row r="467368" spans="14:14">
      <c r="N467368" s="10"/>
    </row>
    <row r="467369" spans="14:14">
      <c r="N467369" s="10"/>
    </row>
    <row r="467370" spans="14:14">
      <c r="N467370" s="10"/>
    </row>
    <row r="467371" spans="14:14">
      <c r="N467371" s="10"/>
    </row>
    <row r="467372" spans="14:14">
      <c r="N467372" s="10"/>
    </row>
    <row r="467373" spans="14:14">
      <c r="N467373" s="10"/>
    </row>
    <row r="467374" spans="14:14">
      <c r="N467374" s="10"/>
    </row>
    <row r="467375" spans="14:14">
      <c r="N467375" s="10"/>
    </row>
    <row r="467376" spans="14:14">
      <c r="N467376" s="10"/>
    </row>
    <row r="467377" spans="14:14">
      <c r="N467377" s="10"/>
    </row>
    <row r="467378" spans="14:14">
      <c r="N467378" s="10"/>
    </row>
    <row r="467379" spans="14:14">
      <c r="N467379" s="10"/>
    </row>
    <row r="467380" spans="14:14">
      <c r="N467380" s="10"/>
    </row>
    <row r="467381" spans="14:14">
      <c r="N467381" s="10"/>
    </row>
    <row r="467382" spans="14:14">
      <c r="N467382" s="10"/>
    </row>
    <row r="467383" spans="14:14">
      <c r="N467383" s="10"/>
    </row>
    <row r="467384" spans="14:14">
      <c r="N467384" s="10"/>
    </row>
    <row r="467385" spans="14:14">
      <c r="N467385" s="10"/>
    </row>
    <row r="467386" spans="14:14">
      <c r="N467386" s="10"/>
    </row>
    <row r="467387" spans="14:14">
      <c r="N467387" s="10"/>
    </row>
    <row r="467388" spans="14:14">
      <c r="N467388" s="10"/>
    </row>
    <row r="467389" spans="14:14">
      <c r="N467389" s="10"/>
    </row>
    <row r="467390" spans="14:14">
      <c r="N467390" s="10"/>
    </row>
    <row r="467391" spans="14:14">
      <c r="N467391" s="10"/>
    </row>
    <row r="467392" spans="14:14">
      <c r="N467392" s="10"/>
    </row>
    <row r="467393" spans="14:14">
      <c r="N467393" s="10"/>
    </row>
    <row r="467394" spans="14:14">
      <c r="N467394" s="10"/>
    </row>
    <row r="467395" spans="14:14">
      <c r="N467395" s="10"/>
    </row>
    <row r="467396" spans="14:14">
      <c r="N467396" s="10"/>
    </row>
    <row r="467397" spans="14:14">
      <c r="N467397" s="10"/>
    </row>
    <row r="467398" spans="14:14">
      <c r="N467398" s="10"/>
    </row>
    <row r="467399" spans="14:14">
      <c r="N467399" s="10"/>
    </row>
    <row r="467400" spans="14:14">
      <c r="N467400" s="10"/>
    </row>
    <row r="467401" spans="14:14">
      <c r="N467401" s="10"/>
    </row>
    <row r="467402" spans="14:14">
      <c r="N467402" s="10"/>
    </row>
    <row r="467403" spans="14:14">
      <c r="N467403" s="10"/>
    </row>
    <row r="467404" spans="14:14">
      <c r="N467404" s="10"/>
    </row>
    <row r="467405" spans="14:14">
      <c r="N467405" s="10"/>
    </row>
    <row r="467406" spans="14:14">
      <c r="N467406" s="10"/>
    </row>
    <row r="467407" spans="14:14">
      <c r="N467407" s="10"/>
    </row>
    <row r="467408" spans="14:14">
      <c r="N467408" s="10"/>
    </row>
    <row r="467409" spans="14:14">
      <c r="N467409" s="10"/>
    </row>
    <row r="467410" spans="14:14">
      <c r="N467410" s="10"/>
    </row>
    <row r="467411" spans="14:14">
      <c r="N467411" s="10"/>
    </row>
    <row r="467412" spans="14:14">
      <c r="N467412" s="10"/>
    </row>
    <row r="467413" spans="14:14">
      <c r="N467413" s="10"/>
    </row>
    <row r="467414" spans="14:14">
      <c r="N467414" s="10"/>
    </row>
    <row r="467415" spans="14:14">
      <c r="N467415" s="10"/>
    </row>
    <row r="467416" spans="14:14">
      <c r="N467416" s="10"/>
    </row>
    <row r="467417" spans="14:14">
      <c r="N467417" s="10"/>
    </row>
    <row r="467418" spans="14:14">
      <c r="N467418" s="10"/>
    </row>
    <row r="467419" spans="14:14">
      <c r="N467419" s="10"/>
    </row>
    <row r="467420" spans="14:14">
      <c r="N467420" s="10"/>
    </row>
    <row r="467421" spans="14:14">
      <c r="N467421" s="10"/>
    </row>
    <row r="467422" spans="14:14">
      <c r="N467422" s="10"/>
    </row>
    <row r="467423" spans="14:14">
      <c r="N467423" s="10"/>
    </row>
    <row r="467424" spans="14:14">
      <c r="N467424" s="10"/>
    </row>
    <row r="467425" spans="14:14">
      <c r="N467425" s="10"/>
    </row>
    <row r="467426" spans="14:14">
      <c r="N467426" s="10"/>
    </row>
    <row r="467427" spans="14:14">
      <c r="N467427" s="10"/>
    </row>
    <row r="467428" spans="14:14">
      <c r="N467428" s="10"/>
    </row>
    <row r="467429" spans="14:14">
      <c r="N467429" s="10"/>
    </row>
    <row r="467430" spans="14:14">
      <c r="N467430" s="10"/>
    </row>
    <row r="467431" spans="14:14">
      <c r="N467431" s="10"/>
    </row>
    <row r="467432" spans="14:14">
      <c r="N467432" s="10"/>
    </row>
    <row r="467433" spans="14:14">
      <c r="N467433" s="10"/>
    </row>
    <row r="467434" spans="14:14">
      <c r="N467434" s="10"/>
    </row>
    <row r="467435" spans="14:14">
      <c r="N467435" s="10"/>
    </row>
    <row r="467436" spans="14:14">
      <c r="N467436" s="10"/>
    </row>
    <row r="467437" spans="14:14">
      <c r="N467437" s="10"/>
    </row>
    <row r="467438" spans="14:14">
      <c r="N467438" s="10"/>
    </row>
    <row r="467439" spans="14:14">
      <c r="N467439" s="10"/>
    </row>
    <row r="467440" spans="14:14">
      <c r="N467440" s="10"/>
    </row>
    <row r="467441" spans="14:14">
      <c r="N467441" s="10"/>
    </row>
    <row r="467442" spans="14:14">
      <c r="N467442" s="10"/>
    </row>
    <row r="467443" spans="14:14">
      <c r="N467443" s="10"/>
    </row>
    <row r="467444" spans="14:14">
      <c r="N467444" s="10"/>
    </row>
    <row r="467445" spans="14:14">
      <c r="N467445" s="10"/>
    </row>
    <row r="467446" spans="14:14">
      <c r="N467446" s="10"/>
    </row>
    <row r="467447" spans="14:14">
      <c r="N467447" s="10"/>
    </row>
    <row r="467448" spans="14:14">
      <c r="N467448" s="10"/>
    </row>
    <row r="467449" spans="14:14">
      <c r="N467449" s="10"/>
    </row>
    <row r="467450" spans="14:14">
      <c r="N467450" s="10"/>
    </row>
    <row r="467451" spans="14:14">
      <c r="N467451" s="10"/>
    </row>
    <row r="467452" spans="14:14">
      <c r="N467452" s="10"/>
    </row>
    <row r="467453" spans="14:14">
      <c r="N467453" s="10"/>
    </row>
    <row r="467454" spans="14:14">
      <c r="N467454" s="10"/>
    </row>
    <row r="467455" spans="14:14">
      <c r="N467455" s="10"/>
    </row>
    <row r="467456" spans="14:14">
      <c r="N467456" s="10"/>
    </row>
    <row r="467457" spans="14:14">
      <c r="N467457" s="10"/>
    </row>
    <row r="467458" spans="14:14">
      <c r="N467458" s="10"/>
    </row>
    <row r="467459" spans="14:14">
      <c r="N467459" s="10"/>
    </row>
    <row r="467460" spans="14:14">
      <c r="N467460" s="10"/>
    </row>
    <row r="467461" spans="14:14">
      <c r="N467461" s="10"/>
    </row>
    <row r="467462" spans="14:14">
      <c r="N467462" s="10"/>
    </row>
    <row r="467463" spans="14:14">
      <c r="N467463" s="10"/>
    </row>
    <row r="467464" spans="14:14">
      <c r="N467464" s="10"/>
    </row>
    <row r="467465" spans="14:14">
      <c r="N467465" s="10"/>
    </row>
    <row r="467466" spans="14:14">
      <c r="N467466" s="10"/>
    </row>
    <row r="467467" spans="14:14">
      <c r="N467467" s="10"/>
    </row>
    <row r="467468" spans="14:14">
      <c r="N467468" s="10"/>
    </row>
    <row r="467469" spans="14:14">
      <c r="N467469" s="10"/>
    </row>
    <row r="467470" spans="14:14">
      <c r="N467470" s="10"/>
    </row>
    <row r="467471" spans="14:14">
      <c r="N467471" s="10"/>
    </row>
    <row r="467472" spans="14:14">
      <c r="N467472" s="10"/>
    </row>
    <row r="467473" spans="14:14">
      <c r="N467473" s="10"/>
    </row>
    <row r="467474" spans="14:14">
      <c r="N467474" s="10"/>
    </row>
    <row r="467475" spans="14:14">
      <c r="N467475" s="10"/>
    </row>
    <row r="467476" spans="14:14">
      <c r="N467476" s="10"/>
    </row>
    <row r="467477" spans="14:14">
      <c r="N467477" s="10"/>
    </row>
    <row r="467478" spans="14:14">
      <c r="N467478" s="10"/>
    </row>
    <row r="467479" spans="14:14">
      <c r="N467479" s="10"/>
    </row>
    <row r="467480" spans="14:14">
      <c r="N467480" s="10"/>
    </row>
    <row r="467481" spans="14:14">
      <c r="N467481" s="10"/>
    </row>
    <row r="467482" spans="14:14">
      <c r="N467482" s="10"/>
    </row>
    <row r="467483" spans="14:14">
      <c r="N467483" s="10"/>
    </row>
    <row r="467484" spans="14:14">
      <c r="N467484" s="10"/>
    </row>
    <row r="467485" spans="14:14">
      <c r="N467485" s="10"/>
    </row>
    <row r="467486" spans="14:14">
      <c r="N467486" s="10"/>
    </row>
    <row r="467487" spans="14:14">
      <c r="N467487" s="10"/>
    </row>
    <row r="467488" spans="14:14">
      <c r="N467488" s="10"/>
    </row>
    <row r="467489" spans="14:14">
      <c r="N467489" s="10"/>
    </row>
    <row r="467490" spans="14:14">
      <c r="N467490" s="10"/>
    </row>
    <row r="467491" spans="14:14">
      <c r="N467491" s="10"/>
    </row>
    <row r="467492" spans="14:14">
      <c r="N467492" s="10"/>
    </row>
    <row r="467493" spans="14:14">
      <c r="N467493" s="10"/>
    </row>
    <row r="467494" spans="14:14">
      <c r="N467494" s="10"/>
    </row>
    <row r="467495" spans="14:14">
      <c r="N467495" s="10"/>
    </row>
    <row r="467496" spans="14:14">
      <c r="N467496" s="10"/>
    </row>
    <row r="467497" spans="14:14">
      <c r="N467497" s="10"/>
    </row>
    <row r="467498" spans="14:14">
      <c r="N467498" s="10"/>
    </row>
    <row r="467499" spans="14:14">
      <c r="N467499" s="10"/>
    </row>
    <row r="467500" spans="14:14">
      <c r="N467500" s="10"/>
    </row>
    <row r="467501" spans="14:14">
      <c r="N467501" s="10"/>
    </row>
    <row r="467502" spans="14:14">
      <c r="N467502" s="10"/>
    </row>
    <row r="467503" spans="14:14">
      <c r="N467503" s="10"/>
    </row>
    <row r="467504" spans="14:14">
      <c r="N467504" s="10"/>
    </row>
    <row r="467505" spans="14:14">
      <c r="N467505" s="10"/>
    </row>
    <row r="467506" spans="14:14">
      <c r="N467506" s="10"/>
    </row>
    <row r="467507" spans="14:14">
      <c r="N467507" s="10"/>
    </row>
    <row r="467508" spans="14:14">
      <c r="N467508" s="10"/>
    </row>
    <row r="467509" spans="14:14">
      <c r="N467509" s="10"/>
    </row>
    <row r="467510" spans="14:14">
      <c r="N467510" s="10"/>
    </row>
    <row r="467511" spans="14:14">
      <c r="N467511" s="10"/>
    </row>
    <row r="467512" spans="14:14">
      <c r="N467512" s="10"/>
    </row>
    <row r="467513" spans="14:14">
      <c r="N467513" s="10"/>
    </row>
    <row r="467514" spans="14:14">
      <c r="N467514" s="10"/>
    </row>
    <row r="467515" spans="14:14">
      <c r="N467515" s="10"/>
    </row>
    <row r="467516" spans="14:14">
      <c r="N467516" s="10"/>
    </row>
    <row r="467517" spans="14:14">
      <c r="N467517" s="10"/>
    </row>
    <row r="467518" spans="14:14">
      <c r="N467518" s="10"/>
    </row>
    <row r="467519" spans="14:14">
      <c r="N467519" s="10"/>
    </row>
    <row r="467520" spans="14:14">
      <c r="N467520" s="10"/>
    </row>
    <row r="467521" spans="14:14">
      <c r="N467521" s="10"/>
    </row>
    <row r="467522" spans="14:14">
      <c r="N467522" s="10"/>
    </row>
    <row r="467523" spans="14:14">
      <c r="N467523" s="10"/>
    </row>
    <row r="467524" spans="14:14">
      <c r="N467524" s="10"/>
    </row>
    <row r="467525" spans="14:14">
      <c r="N467525" s="10"/>
    </row>
    <row r="467526" spans="14:14">
      <c r="N467526" s="10"/>
    </row>
    <row r="467527" spans="14:14">
      <c r="N467527" s="10"/>
    </row>
    <row r="467528" spans="14:14">
      <c r="N467528" s="10"/>
    </row>
    <row r="467529" spans="14:14">
      <c r="N467529" s="10"/>
    </row>
    <row r="467530" spans="14:14">
      <c r="N467530" s="10"/>
    </row>
    <row r="467531" spans="14:14">
      <c r="N467531" s="10"/>
    </row>
    <row r="467532" spans="14:14">
      <c r="N467532" s="10"/>
    </row>
    <row r="467533" spans="14:14">
      <c r="N467533" s="10"/>
    </row>
    <row r="467534" spans="14:14">
      <c r="N467534" s="10"/>
    </row>
    <row r="467535" spans="14:14">
      <c r="N467535" s="10"/>
    </row>
    <row r="467536" spans="14:14">
      <c r="N467536" s="10"/>
    </row>
    <row r="467537" spans="14:14">
      <c r="N467537" s="10"/>
    </row>
    <row r="467538" spans="14:14">
      <c r="N467538" s="10"/>
    </row>
    <row r="467539" spans="14:14">
      <c r="N467539" s="10"/>
    </row>
    <row r="467540" spans="14:14">
      <c r="N467540" s="10"/>
    </row>
    <row r="467541" spans="14:14">
      <c r="N467541" s="10"/>
    </row>
    <row r="467542" spans="14:14">
      <c r="N467542" s="10"/>
    </row>
    <row r="467543" spans="14:14">
      <c r="N467543" s="10"/>
    </row>
    <row r="467544" spans="14:14">
      <c r="N467544" s="10"/>
    </row>
    <row r="467545" spans="14:14">
      <c r="N467545" s="10"/>
    </row>
    <row r="467546" spans="14:14">
      <c r="N467546" s="10"/>
    </row>
    <row r="467547" spans="14:14">
      <c r="N467547" s="10"/>
    </row>
    <row r="467548" spans="14:14">
      <c r="N467548" s="10"/>
    </row>
    <row r="467549" spans="14:14">
      <c r="N467549" s="10"/>
    </row>
    <row r="467550" spans="14:14">
      <c r="N467550" s="10"/>
    </row>
    <row r="467551" spans="14:14">
      <c r="N467551" s="10"/>
    </row>
    <row r="467552" spans="14:14">
      <c r="N467552" s="10"/>
    </row>
    <row r="467553" spans="14:14">
      <c r="N467553" s="10"/>
    </row>
    <row r="467554" spans="14:14">
      <c r="N467554" s="10"/>
    </row>
    <row r="467555" spans="14:14">
      <c r="N467555" s="10"/>
    </row>
    <row r="467556" spans="14:14">
      <c r="N467556" s="10"/>
    </row>
    <row r="467557" spans="14:14">
      <c r="N467557" s="10"/>
    </row>
    <row r="467558" spans="14:14">
      <c r="N467558" s="10"/>
    </row>
    <row r="467559" spans="14:14">
      <c r="N467559" s="10"/>
    </row>
    <row r="467560" spans="14:14">
      <c r="N467560" s="10"/>
    </row>
    <row r="467561" spans="14:14">
      <c r="N467561" s="10"/>
    </row>
    <row r="467562" spans="14:14">
      <c r="N467562" s="10"/>
    </row>
    <row r="467563" spans="14:14">
      <c r="N467563" s="10"/>
    </row>
    <row r="467564" spans="14:14">
      <c r="N467564" s="10"/>
    </row>
    <row r="467565" spans="14:14">
      <c r="N467565" s="10"/>
    </row>
    <row r="467566" spans="14:14">
      <c r="N467566" s="10"/>
    </row>
    <row r="467567" spans="14:14">
      <c r="N467567" s="10"/>
    </row>
    <row r="467568" spans="14:14">
      <c r="N467568" s="10"/>
    </row>
    <row r="467569" spans="14:14">
      <c r="N467569" s="10"/>
    </row>
    <row r="467570" spans="14:14">
      <c r="N467570" s="10"/>
    </row>
    <row r="467571" spans="14:14">
      <c r="N467571" s="10"/>
    </row>
    <row r="467572" spans="14:14">
      <c r="N467572" s="10"/>
    </row>
    <row r="467573" spans="14:14">
      <c r="N467573" s="10"/>
    </row>
    <row r="467574" spans="14:14">
      <c r="N467574" s="10"/>
    </row>
    <row r="467575" spans="14:14">
      <c r="N467575" s="10"/>
    </row>
    <row r="467576" spans="14:14">
      <c r="N467576" s="10"/>
    </row>
    <row r="467577" spans="14:14">
      <c r="N467577" s="10"/>
    </row>
    <row r="467578" spans="14:14">
      <c r="N467578" s="10"/>
    </row>
    <row r="467579" spans="14:14">
      <c r="N467579" s="10"/>
    </row>
    <row r="467580" spans="14:14">
      <c r="N467580" s="10"/>
    </row>
    <row r="467581" spans="14:14">
      <c r="N467581" s="10"/>
    </row>
    <row r="467582" spans="14:14">
      <c r="N467582" s="10"/>
    </row>
    <row r="467583" spans="14:14">
      <c r="N467583" s="10"/>
    </row>
    <row r="467584" spans="14:14">
      <c r="N467584" s="10"/>
    </row>
    <row r="467585" spans="14:14">
      <c r="N467585" s="10"/>
    </row>
    <row r="467586" spans="14:14">
      <c r="N467586" s="10"/>
    </row>
    <row r="467587" spans="14:14">
      <c r="N467587" s="10"/>
    </row>
    <row r="467588" spans="14:14">
      <c r="N467588" s="10"/>
    </row>
    <row r="467589" spans="14:14">
      <c r="N467589" s="10"/>
    </row>
    <row r="467590" spans="14:14">
      <c r="N467590" s="10"/>
    </row>
    <row r="467591" spans="14:14">
      <c r="N467591" s="10"/>
    </row>
    <row r="467592" spans="14:14">
      <c r="N467592" s="10"/>
    </row>
    <row r="467593" spans="14:14">
      <c r="N467593" s="10"/>
    </row>
    <row r="467594" spans="14:14">
      <c r="N467594" s="10"/>
    </row>
    <row r="467595" spans="14:14">
      <c r="N467595" s="10"/>
    </row>
    <row r="467596" spans="14:14">
      <c r="N467596" s="10"/>
    </row>
    <row r="467597" spans="14:14">
      <c r="N467597" s="10"/>
    </row>
    <row r="467598" spans="14:14">
      <c r="N467598" s="10"/>
    </row>
    <row r="467599" spans="14:14">
      <c r="N467599" s="10"/>
    </row>
    <row r="467600" spans="14:14">
      <c r="N467600" s="10"/>
    </row>
    <row r="467601" spans="14:14">
      <c r="N467601" s="10"/>
    </row>
    <row r="467602" spans="14:14">
      <c r="N467602" s="10"/>
    </row>
    <row r="467603" spans="14:14">
      <c r="N467603" s="10"/>
    </row>
    <row r="467604" spans="14:14">
      <c r="N467604" s="10"/>
    </row>
    <row r="467605" spans="14:14">
      <c r="N467605" s="10"/>
    </row>
    <row r="467606" spans="14:14">
      <c r="N467606" s="10"/>
    </row>
    <row r="467607" spans="14:14">
      <c r="N467607" s="10"/>
    </row>
    <row r="467608" spans="14:14">
      <c r="N467608" s="10"/>
    </row>
    <row r="467609" spans="14:14">
      <c r="N467609" s="10"/>
    </row>
    <row r="467610" spans="14:14">
      <c r="N467610" s="10"/>
    </row>
    <row r="467611" spans="14:14">
      <c r="N467611" s="10"/>
    </row>
    <row r="467612" spans="14:14">
      <c r="N467612" s="10"/>
    </row>
    <row r="467613" spans="14:14">
      <c r="N467613" s="10"/>
    </row>
    <row r="467614" spans="14:14">
      <c r="N467614" s="10"/>
    </row>
    <row r="467615" spans="14:14">
      <c r="N467615" s="10"/>
    </row>
    <row r="467616" spans="14:14">
      <c r="N467616" s="10"/>
    </row>
    <row r="467617" spans="14:14">
      <c r="N467617" s="10"/>
    </row>
    <row r="467618" spans="14:14">
      <c r="N467618" s="10"/>
    </row>
    <row r="467619" spans="14:14">
      <c r="N467619" s="10"/>
    </row>
    <row r="467620" spans="14:14">
      <c r="N467620" s="10"/>
    </row>
    <row r="467621" spans="14:14">
      <c r="N467621" s="10"/>
    </row>
    <row r="467622" spans="14:14">
      <c r="N467622" s="10"/>
    </row>
    <row r="467623" spans="14:14">
      <c r="N467623" s="10"/>
    </row>
    <row r="467624" spans="14:14">
      <c r="N467624" s="10"/>
    </row>
    <row r="467625" spans="14:14">
      <c r="N467625" s="10"/>
    </row>
    <row r="467626" spans="14:14">
      <c r="N467626" s="10"/>
    </row>
    <row r="467627" spans="14:14">
      <c r="N467627" s="10"/>
    </row>
    <row r="467628" spans="14:14">
      <c r="N467628" s="10"/>
    </row>
    <row r="467629" spans="14:14">
      <c r="N467629" s="10"/>
    </row>
    <row r="467630" spans="14:14">
      <c r="N467630" s="10"/>
    </row>
    <row r="467631" spans="14:14">
      <c r="N467631" s="10"/>
    </row>
    <row r="467632" spans="14:14">
      <c r="N467632" s="10"/>
    </row>
    <row r="467633" spans="14:14">
      <c r="N467633" s="10"/>
    </row>
    <row r="467634" spans="14:14">
      <c r="N467634" s="10"/>
    </row>
    <row r="467635" spans="14:14">
      <c r="N467635" s="10"/>
    </row>
    <row r="467636" spans="14:14">
      <c r="N467636" s="10"/>
    </row>
    <row r="467637" spans="14:14">
      <c r="N467637" s="10"/>
    </row>
    <row r="467638" spans="14:14">
      <c r="N467638" s="10"/>
    </row>
    <row r="467639" spans="14:14">
      <c r="N467639" s="10"/>
    </row>
    <row r="467640" spans="14:14">
      <c r="N467640" s="10"/>
    </row>
    <row r="467641" spans="14:14">
      <c r="N467641" s="10"/>
    </row>
    <row r="467642" spans="14:14">
      <c r="N467642" s="10"/>
    </row>
    <row r="467643" spans="14:14">
      <c r="N467643" s="10"/>
    </row>
    <row r="467644" spans="14:14">
      <c r="N467644" s="10"/>
    </row>
    <row r="467645" spans="14:14">
      <c r="N467645" s="10"/>
    </row>
    <row r="467646" spans="14:14">
      <c r="N467646" s="10"/>
    </row>
    <row r="467647" spans="14:14">
      <c r="N467647" s="10"/>
    </row>
    <row r="467648" spans="14:14">
      <c r="N467648" s="10"/>
    </row>
    <row r="467649" spans="14:14">
      <c r="N467649" s="10"/>
    </row>
    <row r="467650" spans="14:14">
      <c r="N467650" s="10"/>
    </row>
    <row r="467651" spans="14:14">
      <c r="N467651" s="10"/>
    </row>
    <row r="467652" spans="14:14">
      <c r="N467652" s="10"/>
    </row>
    <row r="467653" spans="14:14">
      <c r="N467653" s="10"/>
    </row>
    <row r="467654" spans="14:14">
      <c r="N467654" s="10"/>
    </row>
    <row r="467655" spans="14:14">
      <c r="N467655" s="10"/>
    </row>
    <row r="467656" spans="14:14">
      <c r="N467656" s="10"/>
    </row>
    <row r="467657" spans="14:14">
      <c r="N467657" s="10"/>
    </row>
    <row r="467658" spans="14:14">
      <c r="N467658" s="10"/>
    </row>
    <row r="467659" spans="14:14">
      <c r="N467659" s="10"/>
    </row>
    <row r="467660" spans="14:14">
      <c r="N467660" s="10"/>
    </row>
    <row r="467661" spans="14:14">
      <c r="N467661" s="10"/>
    </row>
    <row r="467662" spans="14:14">
      <c r="N467662" s="10"/>
    </row>
    <row r="467663" spans="14:14">
      <c r="N467663" s="10"/>
    </row>
    <row r="467664" spans="14:14">
      <c r="N467664" s="10"/>
    </row>
    <row r="467665" spans="14:14">
      <c r="N467665" s="10"/>
    </row>
    <row r="467666" spans="14:14">
      <c r="N467666" s="10"/>
    </row>
    <row r="467667" spans="14:14">
      <c r="N467667" s="10"/>
    </row>
    <row r="467668" spans="14:14">
      <c r="N467668" s="10"/>
    </row>
    <row r="467669" spans="14:14">
      <c r="N467669" s="10"/>
    </row>
    <row r="467670" spans="14:14">
      <c r="N467670" s="10"/>
    </row>
    <row r="467671" spans="14:14">
      <c r="N467671" s="10"/>
    </row>
    <row r="467672" spans="14:14">
      <c r="N467672" s="10"/>
    </row>
    <row r="467673" spans="14:14">
      <c r="N467673" s="10"/>
    </row>
    <row r="467674" spans="14:14">
      <c r="N467674" s="10"/>
    </row>
    <row r="467675" spans="14:14">
      <c r="N467675" s="10"/>
    </row>
    <row r="467676" spans="14:14">
      <c r="N467676" s="10"/>
    </row>
    <row r="467677" spans="14:14">
      <c r="N467677" s="10"/>
    </row>
    <row r="467678" spans="14:14">
      <c r="N467678" s="10"/>
    </row>
    <row r="467679" spans="14:14">
      <c r="N467679" s="10"/>
    </row>
    <row r="467680" spans="14:14">
      <c r="N467680" s="10"/>
    </row>
    <row r="467681" spans="14:14">
      <c r="N467681" s="10"/>
    </row>
    <row r="467682" spans="14:14">
      <c r="N467682" s="10"/>
    </row>
    <row r="467683" spans="14:14">
      <c r="N467683" s="10"/>
    </row>
    <row r="467684" spans="14:14">
      <c r="N467684" s="10"/>
    </row>
    <row r="467685" spans="14:14">
      <c r="N467685" s="10"/>
    </row>
    <row r="467686" spans="14:14">
      <c r="N467686" s="10"/>
    </row>
    <row r="467687" spans="14:14">
      <c r="N467687" s="10"/>
    </row>
    <row r="467688" spans="14:14">
      <c r="N467688" s="10"/>
    </row>
    <row r="467689" spans="14:14">
      <c r="N467689" s="10"/>
    </row>
    <row r="467690" spans="14:14">
      <c r="N467690" s="10"/>
    </row>
    <row r="467691" spans="14:14">
      <c r="N467691" s="10"/>
    </row>
    <row r="467692" spans="14:14">
      <c r="N467692" s="10"/>
    </row>
    <row r="467693" spans="14:14">
      <c r="N467693" s="10"/>
    </row>
    <row r="467694" spans="14:14">
      <c r="N467694" s="10"/>
    </row>
    <row r="467695" spans="14:14">
      <c r="N467695" s="10"/>
    </row>
    <row r="467696" spans="14:14">
      <c r="N467696" s="10"/>
    </row>
    <row r="467697" spans="14:14">
      <c r="N467697" s="10"/>
    </row>
    <row r="467698" spans="14:14">
      <c r="N467698" s="10"/>
    </row>
    <row r="467699" spans="14:14">
      <c r="N467699" s="10"/>
    </row>
    <row r="467700" spans="14:14">
      <c r="N467700" s="10"/>
    </row>
    <row r="467701" spans="14:14">
      <c r="N467701" s="10"/>
    </row>
    <row r="467702" spans="14:14">
      <c r="N467702" s="10"/>
    </row>
    <row r="467703" spans="14:14">
      <c r="N467703" s="10"/>
    </row>
    <row r="467704" spans="14:14">
      <c r="N467704" s="10"/>
    </row>
    <row r="467705" spans="14:14">
      <c r="N467705" s="10"/>
    </row>
    <row r="467706" spans="14:14">
      <c r="N467706" s="10"/>
    </row>
    <row r="467707" spans="14:14">
      <c r="N467707" s="10"/>
    </row>
    <row r="467708" spans="14:14">
      <c r="N467708" s="10"/>
    </row>
    <row r="467709" spans="14:14">
      <c r="N467709" s="10"/>
    </row>
    <row r="467710" spans="14:14">
      <c r="N467710" s="10"/>
    </row>
    <row r="467711" spans="14:14">
      <c r="N467711" s="10"/>
    </row>
    <row r="467712" spans="14:14">
      <c r="N467712" s="10"/>
    </row>
    <row r="467713" spans="14:14">
      <c r="N467713" s="10"/>
    </row>
    <row r="467714" spans="14:14">
      <c r="N467714" s="10"/>
    </row>
    <row r="467715" spans="14:14">
      <c r="N467715" s="10"/>
    </row>
    <row r="467716" spans="14:14">
      <c r="N467716" s="10"/>
    </row>
    <row r="467717" spans="14:14">
      <c r="N467717" s="10"/>
    </row>
    <row r="467718" spans="14:14">
      <c r="N467718" s="10"/>
    </row>
    <row r="467719" spans="14:14">
      <c r="N467719" s="10"/>
    </row>
    <row r="467720" spans="14:14">
      <c r="N467720" s="10"/>
    </row>
    <row r="467721" spans="14:14">
      <c r="N467721" s="10"/>
    </row>
    <row r="467722" spans="14:14">
      <c r="N467722" s="10"/>
    </row>
    <row r="467723" spans="14:14">
      <c r="N467723" s="10"/>
    </row>
    <row r="467724" spans="14:14">
      <c r="N467724" s="10"/>
    </row>
    <row r="467725" spans="14:14">
      <c r="N467725" s="10"/>
    </row>
    <row r="467726" spans="14:14">
      <c r="N467726" s="10"/>
    </row>
    <row r="467727" spans="14:14">
      <c r="N467727" s="10"/>
    </row>
    <row r="467728" spans="14:14">
      <c r="N467728" s="10"/>
    </row>
    <row r="467729" spans="14:14">
      <c r="N467729" s="10"/>
    </row>
    <row r="467730" spans="14:14">
      <c r="N467730" s="10"/>
    </row>
    <row r="467731" spans="14:14">
      <c r="N467731" s="10"/>
    </row>
    <row r="467732" spans="14:14">
      <c r="N467732" s="10"/>
    </row>
    <row r="467733" spans="14:14">
      <c r="N467733" s="10"/>
    </row>
    <row r="467734" spans="14:14">
      <c r="N467734" s="10"/>
    </row>
    <row r="467735" spans="14:14">
      <c r="N467735" s="10"/>
    </row>
    <row r="467736" spans="14:14">
      <c r="N467736" s="10"/>
    </row>
    <row r="467737" spans="14:14">
      <c r="N467737" s="10"/>
    </row>
    <row r="467738" spans="14:14">
      <c r="N467738" s="10"/>
    </row>
    <row r="467739" spans="14:14">
      <c r="N467739" s="10"/>
    </row>
    <row r="467740" spans="14:14">
      <c r="N467740" s="10"/>
    </row>
    <row r="467741" spans="14:14">
      <c r="N467741" s="10"/>
    </row>
    <row r="467742" spans="14:14">
      <c r="N467742" s="10"/>
    </row>
    <row r="467743" spans="14:14">
      <c r="N467743" s="10"/>
    </row>
    <row r="467744" spans="14:14">
      <c r="N467744" s="10"/>
    </row>
    <row r="467745" spans="14:14">
      <c r="N467745" s="10"/>
    </row>
    <row r="467746" spans="14:14">
      <c r="N467746" s="10"/>
    </row>
    <row r="467747" spans="14:14">
      <c r="N467747" s="10"/>
    </row>
    <row r="467748" spans="14:14">
      <c r="N467748" s="10"/>
    </row>
    <row r="467749" spans="14:14">
      <c r="N467749" s="10"/>
    </row>
    <row r="467750" spans="14:14">
      <c r="N467750" s="10"/>
    </row>
    <row r="467751" spans="14:14">
      <c r="N467751" s="10"/>
    </row>
    <row r="467752" spans="14:14">
      <c r="N467752" s="10"/>
    </row>
    <row r="467753" spans="14:14">
      <c r="N467753" s="10"/>
    </row>
    <row r="467754" spans="14:14">
      <c r="N467754" s="10"/>
    </row>
    <row r="467755" spans="14:14">
      <c r="N467755" s="10"/>
    </row>
    <row r="467756" spans="14:14">
      <c r="N467756" s="10"/>
    </row>
    <row r="467757" spans="14:14">
      <c r="N467757" s="10"/>
    </row>
    <row r="467758" spans="14:14">
      <c r="N467758" s="10"/>
    </row>
    <row r="467759" spans="14:14">
      <c r="N467759" s="10"/>
    </row>
    <row r="467760" spans="14:14">
      <c r="N467760" s="10"/>
    </row>
    <row r="467761" spans="14:14">
      <c r="N467761" s="10"/>
    </row>
    <row r="467762" spans="14:14">
      <c r="N467762" s="10"/>
    </row>
    <row r="467763" spans="14:14">
      <c r="N467763" s="10"/>
    </row>
    <row r="467764" spans="14:14">
      <c r="N467764" s="10"/>
    </row>
    <row r="467765" spans="14:14">
      <c r="N467765" s="10"/>
    </row>
    <row r="467766" spans="14:14">
      <c r="N467766" s="10"/>
    </row>
    <row r="467767" spans="14:14">
      <c r="N467767" s="10"/>
    </row>
    <row r="467768" spans="14:14">
      <c r="N467768" s="10"/>
    </row>
    <row r="467769" spans="14:14">
      <c r="N467769" s="10"/>
    </row>
    <row r="467770" spans="14:14">
      <c r="N467770" s="10"/>
    </row>
    <row r="467771" spans="14:14">
      <c r="N467771" s="10"/>
    </row>
    <row r="467772" spans="14:14">
      <c r="N467772" s="10"/>
    </row>
    <row r="467773" spans="14:14">
      <c r="N467773" s="10"/>
    </row>
    <row r="467774" spans="14:14">
      <c r="N467774" s="10"/>
    </row>
    <row r="467775" spans="14:14">
      <c r="N467775" s="10"/>
    </row>
    <row r="467776" spans="14:14">
      <c r="N467776" s="10"/>
    </row>
    <row r="467777" spans="14:14">
      <c r="N467777" s="10"/>
    </row>
    <row r="467778" spans="14:14">
      <c r="N467778" s="10"/>
    </row>
    <row r="467779" spans="14:14">
      <c r="N467779" s="10"/>
    </row>
    <row r="467780" spans="14:14">
      <c r="N467780" s="10"/>
    </row>
    <row r="467781" spans="14:14">
      <c r="N467781" s="10"/>
    </row>
    <row r="467782" spans="14:14">
      <c r="N467782" s="10"/>
    </row>
    <row r="467783" spans="14:14">
      <c r="N467783" s="10"/>
    </row>
    <row r="467784" spans="14:14">
      <c r="N467784" s="10"/>
    </row>
    <row r="467785" spans="14:14">
      <c r="N467785" s="10"/>
    </row>
    <row r="467786" spans="14:14">
      <c r="N467786" s="10"/>
    </row>
    <row r="467787" spans="14:14">
      <c r="N467787" s="10"/>
    </row>
    <row r="467788" spans="14:14">
      <c r="N467788" s="10"/>
    </row>
    <row r="467789" spans="14:14">
      <c r="N467789" s="10"/>
    </row>
    <row r="467790" spans="14:14">
      <c r="N467790" s="10"/>
    </row>
    <row r="467791" spans="14:14">
      <c r="N467791" s="10"/>
    </row>
    <row r="467792" spans="14:14">
      <c r="N467792" s="10"/>
    </row>
    <row r="467793" spans="14:14">
      <c r="N467793" s="10"/>
    </row>
    <row r="467794" spans="14:14">
      <c r="N467794" s="10"/>
    </row>
    <row r="467795" spans="14:14">
      <c r="N467795" s="10"/>
    </row>
    <row r="467796" spans="14:14">
      <c r="N467796" s="10"/>
    </row>
    <row r="467797" spans="14:14">
      <c r="N467797" s="10"/>
    </row>
    <row r="467798" spans="14:14">
      <c r="N467798" s="10"/>
    </row>
    <row r="467799" spans="14:14">
      <c r="N467799" s="10"/>
    </row>
    <row r="467800" spans="14:14">
      <c r="N467800" s="10"/>
    </row>
    <row r="467801" spans="14:14">
      <c r="N467801" s="10"/>
    </row>
    <row r="467802" spans="14:14">
      <c r="N467802" s="10"/>
    </row>
    <row r="467803" spans="14:14">
      <c r="N467803" s="10"/>
    </row>
    <row r="467804" spans="14:14">
      <c r="N467804" s="10"/>
    </row>
    <row r="467805" spans="14:14">
      <c r="N467805" s="10"/>
    </row>
    <row r="467806" spans="14:14">
      <c r="N467806" s="10"/>
    </row>
    <row r="467807" spans="14:14">
      <c r="N467807" s="10"/>
    </row>
    <row r="467808" spans="14:14">
      <c r="N467808" s="10"/>
    </row>
    <row r="467809" spans="14:14">
      <c r="N467809" s="10"/>
    </row>
    <row r="467810" spans="14:14">
      <c r="N467810" s="10"/>
    </row>
    <row r="467811" spans="14:14">
      <c r="N467811" s="10"/>
    </row>
    <row r="467812" spans="14:14">
      <c r="N467812" s="10"/>
    </row>
    <row r="467813" spans="14:14">
      <c r="N467813" s="10"/>
    </row>
    <row r="467814" spans="14:14">
      <c r="N467814" s="10"/>
    </row>
    <row r="467815" spans="14:14">
      <c r="N467815" s="10"/>
    </row>
    <row r="467816" spans="14:14">
      <c r="N467816" s="10"/>
    </row>
    <row r="467817" spans="14:14">
      <c r="N467817" s="10"/>
    </row>
    <row r="467818" spans="14:14">
      <c r="N467818" s="10"/>
    </row>
    <row r="467819" spans="14:14">
      <c r="N467819" s="10"/>
    </row>
    <row r="467820" spans="14:14">
      <c r="N467820" s="10"/>
    </row>
    <row r="467821" spans="14:14">
      <c r="N467821" s="10"/>
    </row>
    <row r="467822" spans="14:14">
      <c r="N467822" s="10"/>
    </row>
    <row r="467823" spans="14:14">
      <c r="N467823" s="10"/>
    </row>
    <row r="467824" spans="14:14">
      <c r="N467824" s="10"/>
    </row>
    <row r="467825" spans="14:14">
      <c r="N467825" s="10"/>
    </row>
    <row r="467826" spans="14:14">
      <c r="N467826" s="10"/>
    </row>
    <row r="467827" spans="14:14">
      <c r="N467827" s="10"/>
    </row>
    <row r="467828" spans="14:14">
      <c r="N467828" s="10"/>
    </row>
    <row r="467829" spans="14:14">
      <c r="N467829" s="10"/>
    </row>
    <row r="467830" spans="14:14">
      <c r="N467830" s="10"/>
    </row>
    <row r="467831" spans="14:14">
      <c r="N467831" s="10"/>
    </row>
    <row r="467832" spans="14:14">
      <c r="N467832" s="10"/>
    </row>
    <row r="467833" spans="14:14">
      <c r="N467833" s="10"/>
    </row>
    <row r="467834" spans="14:14">
      <c r="N467834" s="10"/>
    </row>
    <row r="467835" spans="14:14">
      <c r="N467835" s="10"/>
    </row>
    <row r="467836" spans="14:14">
      <c r="N467836" s="10"/>
    </row>
    <row r="467837" spans="14:14">
      <c r="N467837" s="10"/>
    </row>
    <row r="467838" spans="14:14">
      <c r="N467838" s="10"/>
    </row>
    <row r="467839" spans="14:14">
      <c r="N467839" s="10"/>
    </row>
    <row r="467840" spans="14:14">
      <c r="N467840" s="10"/>
    </row>
    <row r="467841" spans="14:14">
      <c r="N467841" s="10"/>
    </row>
    <row r="467842" spans="14:14">
      <c r="N467842" s="10"/>
    </row>
    <row r="467843" spans="14:14">
      <c r="N467843" s="10"/>
    </row>
    <row r="467844" spans="14:14">
      <c r="N467844" s="10"/>
    </row>
    <row r="467845" spans="14:14">
      <c r="N467845" s="10"/>
    </row>
    <row r="467846" spans="14:14">
      <c r="N467846" s="10"/>
    </row>
    <row r="467847" spans="14:14">
      <c r="N467847" s="10"/>
    </row>
    <row r="467848" spans="14:14">
      <c r="N467848" s="10"/>
    </row>
    <row r="467849" spans="14:14">
      <c r="N467849" s="10"/>
    </row>
    <row r="467850" spans="14:14">
      <c r="N467850" s="10"/>
    </row>
    <row r="467851" spans="14:14">
      <c r="N467851" s="10"/>
    </row>
    <row r="467852" spans="14:14">
      <c r="N467852" s="10"/>
    </row>
    <row r="467853" spans="14:14">
      <c r="N467853" s="10"/>
    </row>
    <row r="467854" spans="14:14">
      <c r="N467854" s="10"/>
    </row>
    <row r="467855" spans="14:14">
      <c r="N467855" s="10"/>
    </row>
    <row r="467856" spans="14:14">
      <c r="N467856" s="10"/>
    </row>
    <row r="467857" spans="14:14">
      <c r="N467857" s="10"/>
    </row>
    <row r="467858" spans="14:14">
      <c r="N467858" s="10"/>
    </row>
    <row r="467859" spans="14:14">
      <c r="N467859" s="10"/>
    </row>
    <row r="467860" spans="14:14">
      <c r="N467860" s="10"/>
    </row>
    <row r="467861" spans="14:14">
      <c r="N467861" s="10"/>
    </row>
    <row r="467862" spans="14:14">
      <c r="N467862" s="10"/>
    </row>
    <row r="467863" spans="14:14">
      <c r="N467863" s="10"/>
    </row>
    <row r="467864" spans="14:14">
      <c r="N467864" s="10"/>
    </row>
    <row r="467865" spans="14:14">
      <c r="N467865" s="10"/>
    </row>
    <row r="467866" spans="14:14">
      <c r="N467866" s="10"/>
    </row>
    <row r="467867" spans="14:14">
      <c r="N467867" s="10"/>
    </row>
    <row r="467868" spans="14:14">
      <c r="N467868" s="10"/>
    </row>
    <row r="467869" spans="14:14">
      <c r="N467869" s="10"/>
    </row>
    <row r="467870" spans="14:14">
      <c r="N467870" s="10"/>
    </row>
    <row r="467871" spans="14:14">
      <c r="N467871" s="10"/>
    </row>
    <row r="467872" spans="14:14">
      <c r="N467872" s="10"/>
    </row>
    <row r="467873" spans="14:14">
      <c r="N467873" s="10"/>
    </row>
    <row r="467874" spans="14:14">
      <c r="N467874" s="10"/>
    </row>
    <row r="467875" spans="14:14">
      <c r="N467875" s="10"/>
    </row>
    <row r="467876" spans="14:14">
      <c r="N467876" s="10"/>
    </row>
    <row r="467877" spans="14:14">
      <c r="N467877" s="10"/>
    </row>
    <row r="467878" spans="14:14">
      <c r="N467878" s="10"/>
    </row>
    <row r="467879" spans="14:14">
      <c r="N467879" s="10"/>
    </row>
    <row r="467880" spans="14:14">
      <c r="N467880" s="10"/>
    </row>
    <row r="467881" spans="14:14">
      <c r="N467881" s="10"/>
    </row>
    <row r="467882" spans="14:14">
      <c r="N467882" s="10"/>
    </row>
    <row r="467883" spans="14:14">
      <c r="N467883" s="10"/>
    </row>
    <row r="467884" spans="14:14">
      <c r="N467884" s="10"/>
    </row>
    <row r="467885" spans="14:14">
      <c r="N467885" s="10"/>
    </row>
    <row r="467886" spans="14:14">
      <c r="N467886" s="10"/>
    </row>
    <row r="467887" spans="14:14">
      <c r="N467887" s="10"/>
    </row>
    <row r="467888" spans="14:14">
      <c r="N467888" s="10"/>
    </row>
    <row r="467889" spans="14:14">
      <c r="N467889" s="10"/>
    </row>
    <row r="467890" spans="14:14">
      <c r="N467890" s="10"/>
    </row>
    <row r="467891" spans="14:14">
      <c r="N467891" s="10"/>
    </row>
    <row r="467892" spans="14:14">
      <c r="N467892" s="10"/>
    </row>
    <row r="467893" spans="14:14">
      <c r="N467893" s="10"/>
    </row>
    <row r="467894" spans="14:14">
      <c r="N467894" s="10"/>
    </row>
    <row r="467895" spans="14:14">
      <c r="N467895" s="10"/>
    </row>
    <row r="467896" spans="14:14">
      <c r="N467896" s="10"/>
    </row>
    <row r="467897" spans="14:14">
      <c r="N467897" s="10"/>
    </row>
    <row r="467898" spans="14:14">
      <c r="N467898" s="10"/>
    </row>
    <row r="467899" spans="14:14">
      <c r="N467899" s="10"/>
    </row>
    <row r="467900" spans="14:14">
      <c r="N467900" s="10"/>
    </row>
    <row r="467901" spans="14:14">
      <c r="N467901" s="10"/>
    </row>
    <row r="467902" spans="14:14">
      <c r="N467902" s="10"/>
    </row>
    <row r="467903" spans="14:14">
      <c r="N467903" s="10"/>
    </row>
    <row r="467904" spans="14:14">
      <c r="N467904" s="10"/>
    </row>
    <row r="467905" spans="14:14">
      <c r="N467905" s="10"/>
    </row>
    <row r="467906" spans="14:14">
      <c r="N467906" s="10"/>
    </row>
    <row r="467907" spans="14:14">
      <c r="N467907" s="10"/>
    </row>
    <row r="467908" spans="14:14">
      <c r="N467908" s="10"/>
    </row>
    <row r="467909" spans="14:14">
      <c r="N467909" s="10"/>
    </row>
    <row r="467910" spans="14:14">
      <c r="N467910" s="10"/>
    </row>
    <row r="467911" spans="14:14">
      <c r="N467911" s="10"/>
    </row>
    <row r="467912" spans="14:14">
      <c r="N467912" s="10"/>
    </row>
    <row r="467913" spans="14:14">
      <c r="N467913" s="10"/>
    </row>
    <row r="467914" spans="14:14">
      <c r="N467914" s="10"/>
    </row>
    <row r="467915" spans="14:14">
      <c r="N467915" s="10"/>
    </row>
    <row r="467916" spans="14:14">
      <c r="N467916" s="10"/>
    </row>
    <row r="467917" spans="14:14">
      <c r="N467917" s="10"/>
    </row>
    <row r="467918" spans="14:14">
      <c r="N467918" s="10"/>
    </row>
    <row r="467919" spans="14:14">
      <c r="N467919" s="10"/>
    </row>
    <row r="467920" spans="14:14">
      <c r="N467920" s="10"/>
    </row>
    <row r="467921" spans="14:14">
      <c r="N467921" s="10"/>
    </row>
    <row r="467922" spans="14:14">
      <c r="N467922" s="10"/>
    </row>
    <row r="467923" spans="14:14">
      <c r="N467923" s="10"/>
    </row>
    <row r="467924" spans="14:14">
      <c r="N467924" s="10"/>
    </row>
    <row r="467925" spans="14:14">
      <c r="N467925" s="10"/>
    </row>
    <row r="467926" spans="14:14">
      <c r="N467926" s="10"/>
    </row>
    <row r="467927" spans="14:14">
      <c r="N467927" s="10"/>
    </row>
    <row r="467928" spans="14:14">
      <c r="N467928" s="10"/>
    </row>
    <row r="467929" spans="14:14">
      <c r="N467929" s="10"/>
    </row>
    <row r="467930" spans="14:14">
      <c r="N467930" s="10"/>
    </row>
    <row r="467931" spans="14:14">
      <c r="N467931" s="10"/>
    </row>
    <row r="467932" spans="14:14">
      <c r="N467932" s="10"/>
    </row>
    <row r="467933" spans="14:14">
      <c r="N467933" s="10"/>
    </row>
    <row r="467934" spans="14:14">
      <c r="N467934" s="10"/>
    </row>
    <row r="467935" spans="14:14">
      <c r="N467935" s="10"/>
    </row>
    <row r="467936" spans="14:14">
      <c r="N467936" s="10"/>
    </row>
    <row r="467937" spans="14:14">
      <c r="N467937" s="10"/>
    </row>
    <row r="467938" spans="14:14">
      <c r="N467938" s="10"/>
    </row>
    <row r="467939" spans="14:14">
      <c r="N467939" s="10"/>
    </row>
    <row r="467940" spans="14:14">
      <c r="N467940" s="10"/>
    </row>
    <row r="467941" spans="14:14">
      <c r="N467941" s="10"/>
    </row>
    <row r="467942" spans="14:14">
      <c r="N467942" s="10"/>
    </row>
    <row r="467943" spans="14:14">
      <c r="N467943" s="10"/>
    </row>
    <row r="467944" spans="14:14">
      <c r="N467944" s="10"/>
    </row>
    <row r="467945" spans="14:14">
      <c r="N467945" s="10"/>
    </row>
    <row r="467946" spans="14:14">
      <c r="N467946" s="10"/>
    </row>
    <row r="467947" spans="14:14">
      <c r="N467947" s="10"/>
    </row>
    <row r="467948" spans="14:14">
      <c r="N467948" s="10"/>
    </row>
    <row r="467949" spans="14:14">
      <c r="N467949" s="10"/>
    </row>
    <row r="467950" spans="14:14">
      <c r="N467950" s="10"/>
    </row>
    <row r="467951" spans="14:14">
      <c r="N467951" s="10"/>
    </row>
    <row r="467952" spans="14:14">
      <c r="N467952" s="10"/>
    </row>
    <row r="467953" spans="14:14">
      <c r="N467953" s="10"/>
    </row>
    <row r="467954" spans="14:14">
      <c r="N467954" s="10"/>
    </row>
    <row r="467955" spans="14:14">
      <c r="N467955" s="10"/>
    </row>
    <row r="467956" spans="14:14">
      <c r="N467956" s="10"/>
    </row>
    <row r="467957" spans="14:14">
      <c r="N467957" s="10"/>
    </row>
    <row r="467958" spans="14:14">
      <c r="N467958" s="10"/>
    </row>
    <row r="467959" spans="14:14">
      <c r="N467959" s="10"/>
    </row>
    <row r="467960" spans="14:14">
      <c r="N467960" s="10"/>
    </row>
    <row r="467961" spans="14:14">
      <c r="N467961" s="10"/>
    </row>
    <row r="467962" spans="14:14">
      <c r="N467962" s="10"/>
    </row>
    <row r="467963" spans="14:14">
      <c r="N467963" s="10"/>
    </row>
    <row r="467964" spans="14:14">
      <c r="N467964" s="10"/>
    </row>
    <row r="467965" spans="14:14">
      <c r="N467965" s="10"/>
    </row>
    <row r="467966" spans="14:14">
      <c r="N467966" s="10"/>
    </row>
    <row r="467967" spans="14:14">
      <c r="N467967" s="10"/>
    </row>
    <row r="467968" spans="14:14">
      <c r="N467968" s="10"/>
    </row>
    <row r="467969" spans="14:14">
      <c r="N467969" s="10"/>
    </row>
    <row r="467970" spans="14:14">
      <c r="N467970" s="10"/>
    </row>
    <row r="467971" spans="14:14">
      <c r="N467971" s="10"/>
    </row>
    <row r="467972" spans="14:14">
      <c r="N467972" s="10"/>
    </row>
    <row r="467973" spans="14:14">
      <c r="N467973" s="10"/>
    </row>
    <row r="467974" spans="14:14">
      <c r="N467974" s="10"/>
    </row>
    <row r="467975" spans="14:14">
      <c r="N467975" s="10"/>
    </row>
    <row r="467976" spans="14:14">
      <c r="N467976" s="10"/>
    </row>
    <row r="467977" spans="14:14">
      <c r="N467977" s="10"/>
    </row>
    <row r="467978" spans="14:14">
      <c r="N467978" s="10"/>
    </row>
    <row r="467979" spans="14:14">
      <c r="N467979" s="10"/>
    </row>
    <row r="467980" spans="14:14">
      <c r="N467980" s="10"/>
    </row>
    <row r="467981" spans="14:14">
      <c r="N467981" s="10"/>
    </row>
    <row r="467982" spans="14:14">
      <c r="N467982" s="10"/>
    </row>
    <row r="467983" spans="14:14">
      <c r="N467983" s="10"/>
    </row>
    <row r="467984" spans="14:14">
      <c r="N467984" s="10"/>
    </row>
    <row r="467985" spans="14:14">
      <c r="N467985" s="10"/>
    </row>
    <row r="467986" spans="14:14">
      <c r="N467986" s="10"/>
    </row>
    <row r="467987" spans="14:14">
      <c r="N467987" s="10"/>
    </row>
    <row r="467988" spans="14:14">
      <c r="N467988" s="10"/>
    </row>
    <row r="467989" spans="14:14">
      <c r="N467989" s="10"/>
    </row>
    <row r="467990" spans="14:14">
      <c r="N467990" s="10"/>
    </row>
    <row r="467991" spans="14:14">
      <c r="N467991" s="10"/>
    </row>
    <row r="467992" spans="14:14">
      <c r="N467992" s="10"/>
    </row>
    <row r="467993" spans="14:14">
      <c r="N467993" s="10"/>
    </row>
    <row r="467994" spans="14:14">
      <c r="N467994" s="10"/>
    </row>
    <row r="467995" spans="14:14">
      <c r="N467995" s="10"/>
    </row>
    <row r="467996" spans="14:14">
      <c r="N467996" s="10"/>
    </row>
    <row r="467997" spans="14:14">
      <c r="N467997" s="10"/>
    </row>
    <row r="467998" spans="14:14">
      <c r="N467998" s="10"/>
    </row>
    <row r="467999" spans="14:14">
      <c r="N467999" s="10"/>
    </row>
    <row r="468000" spans="14:14">
      <c r="N468000" s="10"/>
    </row>
    <row r="468001" spans="14:14">
      <c r="N468001" s="10"/>
    </row>
    <row r="468002" spans="14:14">
      <c r="N468002" s="10"/>
    </row>
    <row r="468003" spans="14:14">
      <c r="N468003" s="10"/>
    </row>
    <row r="468004" spans="14:14">
      <c r="N468004" s="10"/>
    </row>
    <row r="468005" spans="14:14">
      <c r="N468005" s="10"/>
    </row>
    <row r="468006" spans="14:14">
      <c r="N468006" s="10"/>
    </row>
    <row r="468007" spans="14:14">
      <c r="N468007" s="10"/>
    </row>
    <row r="468008" spans="14:14">
      <c r="N468008" s="10"/>
    </row>
    <row r="468009" spans="14:14">
      <c r="N468009" s="10"/>
    </row>
    <row r="468010" spans="14:14">
      <c r="N468010" s="10"/>
    </row>
    <row r="468011" spans="14:14">
      <c r="N468011" s="10"/>
    </row>
    <row r="468012" spans="14:14">
      <c r="N468012" s="10"/>
    </row>
    <row r="468013" spans="14:14">
      <c r="N468013" s="10"/>
    </row>
    <row r="468014" spans="14:14">
      <c r="N468014" s="10"/>
    </row>
    <row r="468015" spans="14:14">
      <c r="N468015" s="10"/>
    </row>
    <row r="468016" spans="14:14">
      <c r="N468016" s="10"/>
    </row>
    <row r="468017" spans="14:14">
      <c r="N468017" s="10"/>
    </row>
    <row r="468018" spans="14:14">
      <c r="N468018" s="10"/>
    </row>
    <row r="468019" spans="14:14">
      <c r="N468019" s="10"/>
    </row>
    <row r="468020" spans="14:14">
      <c r="N468020" s="10"/>
    </row>
    <row r="468021" spans="14:14">
      <c r="N468021" s="10"/>
    </row>
    <row r="468022" spans="14:14">
      <c r="N468022" s="10"/>
    </row>
    <row r="468023" spans="14:14">
      <c r="N468023" s="10"/>
    </row>
    <row r="468024" spans="14:14">
      <c r="N468024" s="10"/>
    </row>
    <row r="468025" spans="14:14">
      <c r="N468025" s="10"/>
    </row>
    <row r="468026" spans="14:14">
      <c r="N468026" s="10"/>
    </row>
    <row r="468027" spans="14:14">
      <c r="N468027" s="10"/>
    </row>
    <row r="468028" spans="14:14">
      <c r="N468028" s="10"/>
    </row>
    <row r="468029" spans="14:14">
      <c r="N468029" s="10"/>
    </row>
    <row r="468030" spans="14:14">
      <c r="N468030" s="10"/>
    </row>
    <row r="468031" spans="14:14">
      <c r="N468031" s="10"/>
    </row>
    <row r="468032" spans="14:14">
      <c r="N468032" s="10"/>
    </row>
    <row r="468033" spans="14:14">
      <c r="N468033" s="10"/>
    </row>
    <row r="468034" spans="14:14">
      <c r="N468034" s="10"/>
    </row>
    <row r="468035" spans="14:14">
      <c r="N468035" s="10"/>
    </row>
    <row r="468036" spans="14:14">
      <c r="N468036" s="10"/>
    </row>
    <row r="468037" spans="14:14">
      <c r="N468037" s="10"/>
    </row>
    <row r="468038" spans="14:14">
      <c r="N468038" s="10"/>
    </row>
    <row r="468039" spans="14:14">
      <c r="N468039" s="10"/>
    </row>
    <row r="468040" spans="14:14">
      <c r="N468040" s="10"/>
    </row>
    <row r="468041" spans="14:14">
      <c r="N468041" s="10"/>
    </row>
    <row r="468042" spans="14:14">
      <c r="N468042" s="10"/>
    </row>
    <row r="468043" spans="14:14">
      <c r="N468043" s="10"/>
    </row>
    <row r="468044" spans="14:14">
      <c r="N468044" s="10"/>
    </row>
    <row r="468045" spans="14:14">
      <c r="N468045" s="10"/>
    </row>
    <row r="468046" spans="14:14">
      <c r="N468046" s="10"/>
    </row>
    <row r="468047" spans="14:14">
      <c r="N468047" s="10"/>
    </row>
    <row r="468048" spans="14:14">
      <c r="N468048" s="10"/>
    </row>
    <row r="468049" spans="14:14">
      <c r="N468049" s="10"/>
    </row>
    <row r="468050" spans="14:14">
      <c r="N468050" s="10"/>
    </row>
    <row r="468051" spans="14:14">
      <c r="N468051" s="10"/>
    </row>
    <row r="468052" spans="14:14">
      <c r="N468052" s="10"/>
    </row>
    <row r="468053" spans="14:14">
      <c r="N468053" s="10"/>
    </row>
    <row r="468054" spans="14:14">
      <c r="N468054" s="10"/>
    </row>
    <row r="468055" spans="14:14">
      <c r="N468055" s="10"/>
    </row>
    <row r="468056" spans="14:14">
      <c r="N468056" s="10"/>
    </row>
    <row r="468057" spans="14:14">
      <c r="N468057" s="10"/>
    </row>
    <row r="468058" spans="14:14">
      <c r="N468058" s="10"/>
    </row>
    <row r="468059" spans="14:14">
      <c r="N468059" s="10"/>
    </row>
    <row r="468060" spans="14:14">
      <c r="N468060" s="10"/>
    </row>
    <row r="468061" spans="14:14">
      <c r="N468061" s="10"/>
    </row>
    <row r="468062" spans="14:14">
      <c r="N468062" s="10"/>
    </row>
    <row r="468063" spans="14:14">
      <c r="N468063" s="10"/>
    </row>
    <row r="468064" spans="14:14">
      <c r="N468064" s="10"/>
    </row>
    <row r="468065" spans="14:14">
      <c r="N468065" s="10"/>
    </row>
    <row r="468066" spans="14:14">
      <c r="N468066" s="10"/>
    </row>
    <row r="468067" spans="14:14">
      <c r="N468067" s="10"/>
    </row>
    <row r="468068" spans="14:14">
      <c r="N468068" s="10"/>
    </row>
    <row r="468069" spans="14:14">
      <c r="N468069" s="10"/>
    </row>
    <row r="468070" spans="14:14">
      <c r="N468070" s="10"/>
    </row>
    <row r="468071" spans="14:14">
      <c r="N468071" s="10"/>
    </row>
    <row r="468072" spans="14:14">
      <c r="N468072" s="10"/>
    </row>
    <row r="468073" spans="14:14">
      <c r="N468073" s="10"/>
    </row>
    <row r="468074" spans="14:14">
      <c r="N468074" s="10"/>
    </row>
    <row r="468075" spans="14:14">
      <c r="N468075" s="10"/>
    </row>
    <row r="468076" spans="14:14">
      <c r="N468076" s="10"/>
    </row>
    <row r="468077" spans="14:14">
      <c r="N468077" s="10"/>
    </row>
    <row r="468078" spans="14:14">
      <c r="N468078" s="10"/>
    </row>
    <row r="468079" spans="14:14">
      <c r="N468079" s="10"/>
    </row>
    <row r="468080" spans="14:14">
      <c r="N468080" s="10"/>
    </row>
    <row r="468081" spans="14:14">
      <c r="N468081" s="10"/>
    </row>
    <row r="468082" spans="14:14">
      <c r="N468082" s="10"/>
    </row>
    <row r="468083" spans="14:14">
      <c r="N468083" s="10"/>
    </row>
    <row r="468084" spans="14:14">
      <c r="N468084" s="10"/>
    </row>
    <row r="468085" spans="14:14">
      <c r="N468085" s="10"/>
    </row>
    <row r="468086" spans="14:14">
      <c r="N468086" s="10"/>
    </row>
    <row r="468087" spans="14:14">
      <c r="N468087" s="10"/>
    </row>
    <row r="468088" spans="14:14">
      <c r="N468088" s="10"/>
    </row>
    <row r="468089" spans="14:14">
      <c r="N468089" s="10"/>
    </row>
    <row r="468090" spans="14:14">
      <c r="N468090" s="10"/>
    </row>
    <row r="468091" spans="14:14">
      <c r="N468091" s="10"/>
    </row>
    <row r="468092" spans="14:14">
      <c r="N468092" s="10"/>
    </row>
    <row r="468093" spans="14:14">
      <c r="N468093" s="10"/>
    </row>
    <row r="468094" spans="14:14">
      <c r="N468094" s="10"/>
    </row>
    <row r="468095" spans="14:14">
      <c r="N468095" s="10"/>
    </row>
    <row r="468096" spans="14:14">
      <c r="N468096" s="10"/>
    </row>
    <row r="468097" spans="14:14">
      <c r="N468097" s="10"/>
    </row>
    <row r="468098" spans="14:14">
      <c r="N468098" s="10"/>
    </row>
    <row r="468099" spans="14:14">
      <c r="N468099" s="10"/>
    </row>
    <row r="468100" spans="14:14">
      <c r="N468100" s="10"/>
    </row>
    <row r="468101" spans="14:14">
      <c r="N468101" s="10"/>
    </row>
    <row r="468102" spans="14:14">
      <c r="N468102" s="10"/>
    </row>
    <row r="468103" spans="14:14">
      <c r="N468103" s="10"/>
    </row>
    <row r="468104" spans="14:14">
      <c r="N468104" s="10"/>
    </row>
    <row r="468105" spans="14:14">
      <c r="N468105" s="10"/>
    </row>
    <row r="468106" spans="14:14">
      <c r="N468106" s="10"/>
    </row>
    <row r="468107" spans="14:14">
      <c r="N468107" s="10"/>
    </row>
    <row r="468108" spans="14:14">
      <c r="N468108" s="10"/>
    </row>
    <row r="468109" spans="14:14">
      <c r="N468109" s="10"/>
    </row>
    <row r="468110" spans="14:14">
      <c r="N468110" s="10"/>
    </row>
    <row r="468111" spans="14:14">
      <c r="N468111" s="10"/>
    </row>
    <row r="468112" spans="14:14">
      <c r="N468112" s="10"/>
    </row>
    <row r="468113" spans="14:14">
      <c r="N468113" s="10"/>
    </row>
    <row r="468114" spans="14:14">
      <c r="N468114" s="10"/>
    </row>
    <row r="468115" spans="14:14">
      <c r="N468115" s="10"/>
    </row>
    <row r="468116" spans="14:14">
      <c r="N468116" s="10"/>
    </row>
    <row r="468117" spans="14:14">
      <c r="N468117" s="10"/>
    </row>
    <row r="468118" spans="14:14">
      <c r="N468118" s="10"/>
    </row>
    <row r="468119" spans="14:14">
      <c r="N468119" s="10"/>
    </row>
    <row r="468120" spans="14:14">
      <c r="N468120" s="10"/>
    </row>
    <row r="468121" spans="14:14">
      <c r="N468121" s="10"/>
    </row>
    <row r="468122" spans="14:14">
      <c r="N468122" s="10"/>
    </row>
    <row r="468123" spans="14:14">
      <c r="N468123" s="10"/>
    </row>
    <row r="468124" spans="14:14">
      <c r="N468124" s="10"/>
    </row>
    <row r="468125" spans="14:14">
      <c r="N468125" s="10"/>
    </row>
    <row r="468126" spans="14:14">
      <c r="N468126" s="10"/>
    </row>
    <row r="468127" spans="14:14">
      <c r="N468127" s="10"/>
    </row>
    <row r="468128" spans="14:14">
      <c r="N468128" s="10"/>
    </row>
    <row r="468129" spans="14:14">
      <c r="N468129" s="10"/>
    </row>
    <row r="468130" spans="14:14">
      <c r="N468130" s="10"/>
    </row>
    <row r="468131" spans="14:14">
      <c r="N468131" s="10"/>
    </row>
    <row r="468132" spans="14:14">
      <c r="N468132" s="10"/>
    </row>
    <row r="468133" spans="14:14">
      <c r="N468133" s="10"/>
    </row>
    <row r="468134" spans="14:14">
      <c r="N468134" s="10"/>
    </row>
    <row r="468135" spans="14:14">
      <c r="N468135" s="10"/>
    </row>
    <row r="468136" spans="14:14">
      <c r="N468136" s="10"/>
    </row>
    <row r="468137" spans="14:14">
      <c r="N468137" s="10"/>
    </row>
    <row r="468138" spans="14:14">
      <c r="N468138" s="10"/>
    </row>
    <row r="468139" spans="14:14">
      <c r="N468139" s="10"/>
    </row>
    <row r="468140" spans="14:14">
      <c r="N468140" s="10"/>
    </row>
    <row r="468141" spans="14:14">
      <c r="N468141" s="10"/>
    </row>
    <row r="468142" spans="14:14">
      <c r="N468142" s="10"/>
    </row>
    <row r="468143" spans="14:14">
      <c r="N468143" s="10"/>
    </row>
    <row r="468144" spans="14:14">
      <c r="N468144" s="10"/>
    </row>
    <row r="468145" spans="14:14">
      <c r="N468145" s="10"/>
    </row>
    <row r="468146" spans="14:14">
      <c r="N468146" s="10"/>
    </row>
    <row r="468147" spans="14:14">
      <c r="N468147" s="10"/>
    </row>
    <row r="468148" spans="14:14">
      <c r="N468148" s="10"/>
    </row>
    <row r="468149" spans="14:14">
      <c r="N468149" s="10"/>
    </row>
    <row r="468150" spans="14:14">
      <c r="N468150" s="10"/>
    </row>
    <row r="468151" spans="14:14">
      <c r="N468151" s="10"/>
    </row>
    <row r="468152" spans="14:14">
      <c r="N468152" s="10"/>
    </row>
    <row r="468153" spans="14:14">
      <c r="N468153" s="10"/>
    </row>
    <row r="468154" spans="14:14">
      <c r="N468154" s="10"/>
    </row>
    <row r="468155" spans="14:14">
      <c r="N468155" s="10"/>
    </row>
    <row r="468156" spans="14:14">
      <c r="N468156" s="10"/>
    </row>
    <row r="468157" spans="14:14">
      <c r="N468157" s="10"/>
    </row>
    <row r="468158" spans="14:14">
      <c r="N468158" s="10"/>
    </row>
    <row r="468159" spans="14:14">
      <c r="N468159" s="10"/>
    </row>
    <row r="468160" spans="14:14">
      <c r="N468160" s="10"/>
    </row>
    <row r="468161" spans="14:14">
      <c r="N468161" s="10"/>
    </row>
    <row r="468162" spans="14:14">
      <c r="N468162" s="10"/>
    </row>
    <row r="468163" spans="14:14">
      <c r="N468163" s="10"/>
    </row>
    <row r="468164" spans="14:14">
      <c r="N468164" s="10"/>
    </row>
    <row r="468165" spans="14:14">
      <c r="N468165" s="10"/>
    </row>
    <row r="468166" spans="14:14">
      <c r="N468166" s="10"/>
    </row>
    <row r="468167" spans="14:14">
      <c r="N468167" s="10"/>
    </row>
    <row r="468168" spans="14:14">
      <c r="N468168" s="10"/>
    </row>
    <row r="468169" spans="14:14">
      <c r="N468169" s="10"/>
    </row>
    <row r="468170" spans="14:14">
      <c r="N468170" s="10"/>
    </row>
    <row r="468171" spans="14:14">
      <c r="N468171" s="10"/>
    </row>
    <row r="468172" spans="14:14">
      <c r="N468172" s="10"/>
    </row>
    <row r="468173" spans="14:14">
      <c r="N468173" s="10"/>
    </row>
    <row r="468174" spans="14:14">
      <c r="N468174" s="10"/>
    </row>
    <row r="468175" spans="14:14">
      <c r="N468175" s="10"/>
    </row>
    <row r="468176" spans="14:14">
      <c r="N468176" s="10"/>
    </row>
    <row r="468177" spans="14:14">
      <c r="N468177" s="10"/>
    </row>
    <row r="468178" spans="14:14">
      <c r="N468178" s="10"/>
    </row>
    <row r="468179" spans="14:14">
      <c r="N468179" s="10"/>
    </row>
    <row r="468180" spans="14:14">
      <c r="N468180" s="10"/>
    </row>
    <row r="468181" spans="14:14">
      <c r="N468181" s="10"/>
    </row>
    <row r="468182" spans="14:14">
      <c r="N468182" s="10"/>
    </row>
    <row r="468183" spans="14:14">
      <c r="N468183" s="10"/>
    </row>
    <row r="468184" spans="14:14">
      <c r="N468184" s="10"/>
    </row>
    <row r="468185" spans="14:14">
      <c r="N468185" s="10"/>
    </row>
    <row r="468186" spans="14:14">
      <c r="N468186" s="10"/>
    </row>
    <row r="468187" spans="14:14">
      <c r="N468187" s="10"/>
    </row>
    <row r="468188" spans="14:14">
      <c r="N468188" s="10"/>
    </row>
    <row r="468189" spans="14:14">
      <c r="N468189" s="10"/>
    </row>
    <row r="468190" spans="14:14">
      <c r="N468190" s="10"/>
    </row>
    <row r="468191" spans="14:14">
      <c r="N468191" s="10"/>
    </row>
    <row r="468192" spans="14:14">
      <c r="N468192" s="10"/>
    </row>
    <row r="468193" spans="14:14">
      <c r="N468193" s="10"/>
    </row>
    <row r="468194" spans="14:14">
      <c r="N468194" s="10"/>
    </row>
    <row r="468195" spans="14:14">
      <c r="N468195" s="10"/>
    </row>
    <row r="468196" spans="14:14">
      <c r="N468196" s="10"/>
    </row>
    <row r="468197" spans="14:14">
      <c r="N468197" s="10"/>
    </row>
    <row r="468198" spans="14:14">
      <c r="N468198" s="10"/>
    </row>
    <row r="468199" spans="14:14">
      <c r="N468199" s="10"/>
    </row>
    <row r="468200" spans="14:14">
      <c r="N468200" s="10"/>
    </row>
    <row r="468201" spans="14:14">
      <c r="N468201" s="10"/>
    </row>
    <row r="468202" spans="14:14">
      <c r="N468202" s="10"/>
    </row>
    <row r="468203" spans="14:14">
      <c r="N468203" s="10"/>
    </row>
    <row r="468204" spans="14:14">
      <c r="N468204" s="10"/>
    </row>
    <row r="468205" spans="14:14">
      <c r="N468205" s="10"/>
    </row>
    <row r="468206" spans="14:14">
      <c r="N468206" s="10"/>
    </row>
    <row r="468207" spans="14:14">
      <c r="N468207" s="10"/>
    </row>
    <row r="468208" spans="14:14">
      <c r="N468208" s="10"/>
    </row>
    <row r="468209" spans="14:14">
      <c r="N468209" s="10"/>
    </row>
    <row r="468210" spans="14:14">
      <c r="N468210" s="10"/>
    </row>
    <row r="468211" spans="14:14">
      <c r="N468211" s="10"/>
    </row>
    <row r="468212" spans="14:14">
      <c r="N468212" s="10"/>
    </row>
    <row r="468213" spans="14:14">
      <c r="N468213" s="10"/>
    </row>
    <row r="468214" spans="14:14">
      <c r="N468214" s="10"/>
    </row>
    <row r="468215" spans="14:14">
      <c r="N468215" s="10"/>
    </row>
    <row r="468216" spans="14:14">
      <c r="N468216" s="10"/>
    </row>
    <row r="468217" spans="14:14">
      <c r="N468217" s="10"/>
    </row>
    <row r="468218" spans="14:14">
      <c r="N468218" s="10"/>
    </row>
    <row r="468219" spans="14:14">
      <c r="N468219" s="10"/>
    </row>
    <row r="468220" spans="14:14">
      <c r="N468220" s="10"/>
    </row>
    <row r="468221" spans="14:14">
      <c r="N468221" s="10"/>
    </row>
    <row r="468222" spans="14:14">
      <c r="N468222" s="10"/>
    </row>
    <row r="468223" spans="14:14">
      <c r="N468223" s="10"/>
    </row>
    <row r="468224" spans="14:14">
      <c r="N468224" s="10"/>
    </row>
    <row r="468225" spans="14:14">
      <c r="N468225" s="10"/>
    </row>
    <row r="468226" spans="14:14">
      <c r="N468226" s="10"/>
    </row>
    <row r="468227" spans="14:14">
      <c r="N468227" s="10"/>
    </row>
    <row r="468228" spans="14:14">
      <c r="N468228" s="10"/>
    </row>
    <row r="468229" spans="14:14">
      <c r="N468229" s="10"/>
    </row>
    <row r="468230" spans="14:14">
      <c r="N468230" s="10"/>
    </row>
    <row r="468231" spans="14:14">
      <c r="N468231" s="10"/>
    </row>
    <row r="468232" spans="14:14">
      <c r="N468232" s="10"/>
    </row>
    <row r="468233" spans="14:14">
      <c r="N468233" s="10"/>
    </row>
    <row r="468234" spans="14:14">
      <c r="N468234" s="10"/>
    </row>
    <row r="468235" spans="14:14">
      <c r="N468235" s="10"/>
    </row>
    <row r="468236" spans="14:14">
      <c r="N468236" s="10"/>
    </row>
    <row r="468237" spans="14:14">
      <c r="N468237" s="10"/>
    </row>
    <row r="468238" spans="14:14">
      <c r="N468238" s="10"/>
    </row>
    <row r="468239" spans="14:14">
      <c r="N468239" s="10"/>
    </row>
    <row r="468240" spans="14:14">
      <c r="N468240" s="10"/>
    </row>
    <row r="468241" spans="14:14">
      <c r="N468241" s="10"/>
    </row>
    <row r="468242" spans="14:14">
      <c r="N468242" s="10"/>
    </row>
    <row r="468243" spans="14:14">
      <c r="N468243" s="10"/>
    </row>
    <row r="468244" spans="14:14">
      <c r="N468244" s="10"/>
    </row>
    <row r="468245" spans="14:14">
      <c r="N468245" s="10"/>
    </row>
    <row r="468246" spans="14:14">
      <c r="N468246" s="10"/>
    </row>
    <row r="468247" spans="14:14">
      <c r="N468247" s="10"/>
    </row>
    <row r="468248" spans="14:14">
      <c r="N468248" s="10"/>
    </row>
    <row r="468249" spans="14:14">
      <c r="N468249" s="10"/>
    </row>
    <row r="468250" spans="14:14">
      <c r="N468250" s="10"/>
    </row>
    <row r="468251" spans="14:14">
      <c r="N468251" s="10"/>
    </row>
    <row r="468252" spans="14:14">
      <c r="N468252" s="10"/>
    </row>
    <row r="468253" spans="14:14">
      <c r="N468253" s="10"/>
    </row>
    <row r="468254" spans="14:14">
      <c r="N468254" s="10"/>
    </row>
    <row r="468255" spans="14:14">
      <c r="N468255" s="10"/>
    </row>
    <row r="468256" spans="14:14">
      <c r="N468256" s="10"/>
    </row>
    <row r="468257" spans="14:14">
      <c r="N468257" s="10"/>
    </row>
    <row r="468258" spans="14:14">
      <c r="N468258" s="10"/>
    </row>
    <row r="468259" spans="14:14">
      <c r="N468259" s="10"/>
    </row>
    <row r="468260" spans="14:14">
      <c r="N468260" s="10"/>
    </row>
    <row r="468261" spans="14:14">
      <c r="N468261" s="10"/>
    </row>
    <row r="468262" spans="14:14">
      <c r="N468262" s="10"/>
    </row>
    <row r="468263" spans="14:14">
      <c r="N468263" s="10"/>
    </row>
    <row r="468264" spans="14:14">
      <c r="N468264" s="10"/>
    </row>
    <row r="468265" spans="14:14">
      <c r="N468265" s="10"/>
    </row>
    <row r="468266" spans="14:14">
      <c r="N468266" s="10"/>
    </row>
    <row r="468267" spans="14:14">
      <c r="N468267" s="10"/>
    </row>
    <row r="468268" spans="14:14">
      <c r="N468268" s="10"/>
    </row>
    <row r="468269" spans="14:14">
      <c r="N468269" s="10"/>
    </row>
    <row r="468270" spans="14:14">
      <c r="N468270" s="10"/>
    </row>
    <row r="468271" spans="14:14">
      <c r="N468271" s="10"/>
    </row>
    <row r="468272" spans="14:14">
      <c r="N468272" s="10"/>
    </row>
    <row r="468273" spans="14:14">
      <c r="N468273" s="10"/>
    </row>
    <row r="468274" spans="14:14">
      <c r="N468274" s="10"/>
    </row>
    <row r="468275" spans="14:14">
      <c r="N468275" s="10"/>
    </row>
    <row r="468276" spans="14:14">
      <c r="N468276" s="10"/>
    </row>
    <row r="468277" spans="14:14">
      <c r="N468277" s="10"/>
    </row>
    <row r="468278" spans="14:14">
      <c r="N468278" s="10"/>
    </row>
    <row r="468279" spans="14:14">
      <c r="N468279" s="10"/>
    </row>
    <row r="468280" spans="14:14">
      <c r="N468280" s="10"/>
    </row>
    <row r="468281" spans="14:14">
      <c r="N468281" s="10"/>
    </row>
    <row r="468282" spans="14:14">
      <c r="N468282" s="10"/>
    </row>
    <row r="468283" spans="14:14">
      <c r="N468283" s="10"/>
    </row>
    <row r="468284" spans="14:14">
      <c r="N468284" s="10"/>
    </row>
    <row r="468285" spans="14:14">
      <c r="N468285" s="10"/>
    </row>
    <row r="468286" spans="14:14">
      <c r="N468286" s="10"/>
    </row>
    <row r="468287" spans="14:14">
      <c r="N468287" s="10"/>
    </row>
    <row r="468288" spans="14:14">
      <c r="N468288" s="10"/>
    </row>
    <row r="468289" spans="14:14">
      <c r="N468289" s="10"/>
    </row>
    <row r="468290" spans="14:14">
      <c r="N468290" s="10"/>
    </row>
    <row r="468291" spans="14:14">
      <c r="N468291" s="10"/>
    </row>
    <row r="468292" spans="14:14">
      <c r="N468292" s="10"/>
    </row>
    <row r="468293" spans="14:14">
      <c r="N468293" s="10"/>
    </row>
    <row r="468294" spans="14:14">
      <c r="N468294" s="10"/>
    </row>
    <row r="468295" spans="14:14">
      <c r="N468295" s="10"/>
    </row>
    <row r="468296" spans="14:14">
      <c r="N468296" s="10"/>
    </row>
    <row r="468297" spans="14:14">
      <c r="N468297" s="10"/>
    </row>
    <row r="468298" spans="14:14">
      <c r="N468298" s="10"/>
    </row>
    <row r="468299" spans="14:14">
      <c r="N468299" s="10"/>
    </row>
    <row r="468300" spans="14:14">
      <c r="N468300" s="10"/>
    </row>
    <row r="468301" spans="14:14">
      <c r="N468301" s="10"/>
    </row>
    <row r="468302" spans="14:14">
      <c r="N468302" s="10"/>
    </row>
    <row r="468303" spans="14:14">
      <c r="N468303" s="10"/>
    </row>
    <row r="468304" spans="14:14">
      <c r="N468304" s="10"/>
    </row>
    <row r="468305" spans="14:14">
      <c r="N468305" s="10"/>
    </row>
    <row r="468306" spans="14:14">
      <c r="N468306" s="10"/>
    </row>
    <row r="468307" spans="14:14">
      <c r="N468307" s="10"/>
    </row>
    <row r="468308" spans="14:14">
      <c r="N468308" s="10"/>
    </row>
    <row r="468309" spans="14:14">
      <c r="N468309" s="10"/>
    </row>
    <row r="468310" spans="14:14">
      <c r="N468310" s="10"/>
    </row>
    <row r="468311" spans="14:14">
      <c r="N468311" s="10"/>
    </row>
    <row r="468312" spans="14:14">
      <c r="N468312" s="10"/>
    </row>
    <row r="468313" spans="14:14">
      <c r="N468313" s="10"/>
    </row>
    <row r="468314" spans="14:14">
      <c r="N468314" s="10"/>
    </row>
    <row r="468315" spans="14:14">
      <c r="N468315" s="10"/>
    </row>
    <row r="468316" spans="14:14">
      <c r="N468316" s="10"/>
    </row>
    <row r="468317" spans="14:14">
      <c r="N468317" s="10"/>
    </row>
    <row r="468318" spans="14:14">
      <c r="N468318" s="10"/>
    </row>
    <row r="468319" spans="14:14">
      <c r="N468319" s="10"/>
    </row>
    <row r="468320" spans="14:14">
      <c r="N468320" s="10"/>
    </row>
    <row r="468321" spans="14:14">
      <c r="N468321" s="10"/>
    </row>
    <row r="468322" spans="14:14">
      <c r="N468322" s="10"/>
    </row>
    <row r="468323" spans="14:14">
      <c r="N468323" s="10"/>
    </row>
    <row r="468324" spans="14:14">
      <c r="N468324" s="10"/>
    </row>
    <row r="468325" spans="14:14">
      <c r="N468325" s="10"/>
    </row>
    <row r="468326" spans="14:14">
      <c r="N468326" s="10"/>
    </row>
    <row r="468327" spans="14:14">
      <c r="N468327" s="10"/>
    </row>
    <row r="468328" spans="14:14">
      <c r="N468328" s="10"/>
    </row>
    <row r="468329" spans="14:14">
      <c r="N468329" s="10"/>
    </row>
    <row r="468330" spans="14:14">
      <c r="N468330" s="10"/>
    </row>
    <row r="468331" spans="14:14">
      <c r="N468331" s="10"/>
    </row>
    <row r="468332" spans="14:14">
      <c r="N468332" s="10"/>
    </row>
    <row r="468333" spans="14:14">
      <c r="N468333" s="10"/>
    </row>
    <row r="468334" spans="14:14">
      <c r="N468334" s="10"/>
    </row>
    <row r="468335" spans="14:14">
      <c r="N468335" s="10"/>
    </row>
    <row r="468336" spans="14:14">
      <c r="N468336" s="10"/>
    </row>
    <row r="468337" spans="14:14">
      <c r="N468337" s="10"/>
    </row>
    <row r="468338" spans="14:14">
      <c r="N468338" s="10"/>
    </row>
    <row r="468339" spans="14:14">
      <c r="N468339" s="10"/>
    </row>
    <row r="468340" spans="14:14">
      <c r="N468340" s="10"/>
    </row>
    <row r="468341" spans="14:14">
      <c r="N468341" s="10"/>
    </row>
    <row r="468342" spans="14:14">
      <c r="N468342" s="10"/>
    </row>
    <row r="468343" spans="14:14">
      <c r="N468343" s="10"/>
    </row>
    <row r="468344" spans="14:14">
      <c r="N468344" s="10"/>
    </row>
    <row r="468345" spans="14:14">
      <c r="N468345" s="10"/>
    </row>
    <row r="468346" spans="14:14">
      <c r="N468346" s="10"/>
    </row>
    <row r="468347" spans="14:14">
      <c r="N468347" s="10"/>
    </row>
    <row r="468348" spans="14:14">
      <c r="N468348" s="10"/>
    </row>
    <row r="468349" spans="14:14">
      <c r="N468349" s="10"/>
    </row>
    <row r="468350" spans="14:14">
      <c r="N468350" s="10"/>
    </row>
    <row r="468351" spans="14:14">
      <c r="N468351" s="10"/>
    </row>
    <row r="468352" spans="14:14">
      <c r="N468352" s="10"/>
    </row>
    <row r="468353" spans="14:14">
      <c r="N468353" s="10"/>
    </row>
    <row r="468354" spans="14:14">
      <c r="N468354" s="10"/>
    </row>
    <row r="468355" spans="14:14">
      <c r="N468355" s="10"/>
    </row>
    <row r="468356" spans="14:14">
      <c r="N468356" s="10"/>
    </row>
    <row r="468357" spans="14:14">
      <c r="N468357" s="10"/>
    </row>
    <row r="468358" spans="14:14">
      <c r="N468358" s="10"/>
    </row>
    <row r="468359" spans="14:14">
      <c r="N468359" s="10"/>
    </row>
    <row r="468360" spans="14:14">
      <c r="N468360" s="10"/>
    </row>
    <row r="468361" spans="14:14">
      <c r="N468361" s="10"/>
    </row>
    <row r="468362" spans="14:14">
      <c r="N468362" s="10"/>
    </row>
    <row r="468363" spans="14:14">
      <c r="N468363" s="10"/>
    </row>
    <row r="468364" spans="14:14">
      <c r="N468364" s="10"/>
    </row>
    <row r="468365" spans="14:14">
      <c r="N468365" s="10"/>
    </row>
    <row r="468366" spans="14:14">
      <c r="N468366" s="10"/>
    </row>
    <row r="468367" spans="14:14">
      <c r="N468367" s="10"/>
    </row>
    <row r="468368" spans="14:14">
      <c r="N468368" s="10"/>
    </row>
    <row r="468369" spans="14:14">
      <c r="N468369" s="10"/>
    </row>
    <row r="468370" spans="14:14">
      <c r="N468370" s="10"/>
    </row>
    <row r="468371" spans="14:14">
      <c r="N468371" s="10"/>
    </row>
    <row r="468372" spans="14:14">
      <c r="N468372" s="10"/>
    </row>
    <row r="468373" spans="14:14">
      <c r="N468373" s="10"/>
    </row>
    <row r="468374" spans="14:14">
      <c r="N468374" s="10"/>
    </row>
    <row r="468375" spans="14:14">
      <c r="N468375" s="10"/>
    </row>
    <row r="468376" spans="14:14">
      <c r="N468376" s="10"/>
    </row>
    <row r="468377" spans="14:14">
      <c r="N468377" s="10"/>
    </row>
    <row r="468378" spans="14:14">
      <c r="N468378" s="10"/>
    </row>
    <row r="468379" spans="14:14">
      <c r="N468379" s="10"/>
    </row>
    <row r="468380" spans="14:14">
      <c r="N468380" s="10"/>
    </row>
    <row r="468381" spans="14:14">
      <c r="N468381" s="10"/>
    </row>
    <row r="468382" spans="14:14">
      <c r="N468382" s="10"/>
    </row>
    <row r="468383" spans="14:14">
      <c r="N468383" s="10"/>
    </row>
    <row r="468384" spans="14:14">
      <c r="N468384" s="10"/>
    </row>
    <row r="468385" spans="14:14">
      <c r="N468385" s="10"/>
    </row>
    <row r="468386" spans="14:14">
      <c r="N468386" s="10"/>
    </row>
    <row r="468387" spans="14:14">
      <c r="N468387" s="10"/>
    </row>
    <row r="468388" spans="14:14">
      <c r="N468388" s="10"/>
    </row>
    <row r="468389" spans="14:14">
      <c r="N468389" s="10"/>
    </row>
    <row r="468390" spans="14:14">
      <c r="N468390" s="10"/>
    </row>
    <row r="468391" spans="14:14">
      <c r="N468391" s="10"/>
    </row>
    <row r="468392" spans="14:14">
      <c r="N468392" s="10"/>
    </row>
    <row r="468393" spans="14:14">
      <c r="N468393" s="10"/>
    </row>
    <row r="468394" spans="14:14">
      <c r="N468394" s="10"/>
    </row>
    <row r="468395" spans="14:14">
      <c r="N468395" s="10"/>
    </row>
    <row r="468396" spans="14:14">
      <c r="N468396" s="10"/>
    </row>
    <row r="468397" spans="14:14">
      <c r="N468397" s="10"/>
    </row>
    <row r="468398" spans="14:14">
      <c r="N468398" s="10"/>
    </row>
    <row r="468399" spans="14:14">
      <c r="N468399" s="10"/>
    </row>
    <row r="468400" spans="14:14">
      <c r="N468400" s="10"/>
    </row>
    <row r="468401" spans="14:14">
      <c r="N468401" s="10"/>
    </row>
    <row r="468402" spans="14:14">
      <c r="N468402" s="10"/>
    </row>
    <row r="468403" spans="14:14">
      <c r="N468403" s="10"/>
    </row>
    <row r="468404" spans="14:14">
      <c r="N468404" s="10"/>
    </row>
    <row r="468405" spans="14:14">
      <c r="N468405" s="10"/>
    </row>
    <row r="468406" spans="14:14">
      <c r="N468406" s="10"/>
    </row>
    <row r="468407" spans="14:14">
      <c r="N468407" s="10"/>
    </row>
    <row r="468408" spans="14:14">
      <c r="N468408" s="10"/>
    </row>
    <row r="468409" spans="14:14">
      <c r="N468409" s="10"/>
    </row>
    <row r="468410" spans="14:14">
      <c r="N468410" s="10"/>
    </row>
    <row r="468411" spans="14:14">
      <c r="N468411" s="10"/>
    </row>
    <row r="468412" spans="14:14">
      <c r="N468412" s="10"/>
    </row>
    <row r="468413" spans="14:14">
      <c r="N468413" s="10"/>
    </row>
    <row r="468414" spans="14:14">
      <c r="N468414" s="10"/>
    </row>
    <row r="468415" spans="14:14">
      <c r="N468415" s="10"/>
    </row>
    <row r="468416" spans="14:14">
      <c r="N468416" s="10"/>
    </row>
    <row r="468417" spans="14:14">
      <c r="N468417" s="10"/>
    </row>
    <row r="468418" spans="14:14">
      <c r="N468418" s="10"/>
    </row>
    <row r="468419" spans="14:14">
      <c r="N468419" s="10"/>
    </row>
    <row r="468420" spans="14:14">
      <c r="N468420" s="10"/>
    </row>
    <row r="468421" spans="14:14">
      <c r="N468421" s="10"/>
    </row>
    <row r="468422" spans="14:14">
      <c r="N468422" s="10"/>
    </row>
    <row r="468423" spans="14:14">
      <c r="N468423" s="10"/>
    </row>
    <row r="468424" spans="14:14">
      <c r="N468424" s="10"/>
    </row>
    <row r="468425" spans="14:14">
      <c r="N468425" s="10"/>
    </row>
    <row r="468426" spans="14:14">
      <c r="N468426" s="10"/>
    </row>
    <row r="468427" spans="14:14">
      <c r="N468427" s="10"/>
    </row>
    <row r="468428" spans="14:14">
      <c r="N468428" s="10"/>
    </row>
    <row r="468429" spans="14:14">
      <c r="N468429" s="10"/>
    </row>
    <row r="468430" spans="14:14">
      <c r="N468430" s="10"/>
    </row>
    <row r="468431" spans="14:14">
      <c r="N468431" s="10"/>
    </row>
    <row r="468432" spans="14:14">
      <c r="N468432" s="10"/>
    </row>
    <row r="468433" spans="14:14">
      <c r="N468433" s="10"/>
    </row>
    <row r="468434" spans="14:14">
      <c r="N468434" s="10"/>
    </row>
    <row r="468435" spans="14:14">
      <c r="N468435" s="10"/>
    </row>
    <row r="468436" spans="14:14">
      <c r="N468436" s="10"/>
    </row>
    <row r="468437" spans="14:14">
      <c r="N468437" s="10"/>
    </row>
    <row r="468438" spans="14:14">
      <c r="N468438" s="10"/>
    </row>
    <row r="468439" spans="14:14">
      <c r="N468439" s="10"/>
    </row>
    <row r="468440" spans="14:14">
      <c r="N468440" s="10"/>
    </row>
    <row r="468441" spans="14:14">
      <c r="N468441" s="10"/>
    </row>
    <row r="468442" spans="14:14">
      <c r="N468442" s="10"/>
    </row>
    <row r="468443" spans="14:14">
      <c r="N468443" s="10"/>
    </row>
    <row r="468444" spans="14:14">
      <c r="N468444" s="10"/>
    </row>
    <row r="468445" spans="14:14">
      <c r="N468445" s="10"/>
    </row>
    <row r="468446" spans="14:14">
      <c r="N468446" s="10"/>
    </row>
    <row r="468447" spans="14:14">
      <c r="N468447" s="10"/>
    </row>
    <row r="468448" spans="14:14">
      <c r="N468448" s="10"/>
    </row>
    <row r="468449" spans="14:14">
      <c r="N468449" s="10"/>
    </row>
    <row r="468450" spans="14:14">
      <c r="N468450" s="10"/>
    </row>
    <row r="468451" spans="14:14">
      <c r="N468451" s="10"/>
    </row>
    <row r="468452" spans="14:14">
      <c r="N468452" s="10"/>
    </row>
    <row r="468453" spans="14:14">
      <c r="N468453" s="10"/>
    </row>
    <row r="468454" spans="14:14">
      <c r="N468454" s="10"/>
    </row>
    <row r="468455" spans="14:14">
      <c r="N468455" s="10"/>
    </row>
    <row r="468456" spans="14:14">
      <c r="N468456" s="10"/>
    </row>
    <row r="468457" spans="14:14">
      <c r="N468457" s="10"/>
    </row>
    <row r="468458" spans="14:14">
      <c r="N468458" s="10"/>
    </row>
    <row r="468459" spans="14:14">
      <c r="N468459" s="10"/>
    </row>
    <row r="468460" spans="14:14">
      <c r="N468460" s="10"/>
    </row>
    <row r="468461" spans="14:14">
      <c r="N468461" s="10"/>
    </row>
    <row r="468462" spans="14:14">
      <c r="N468462" s="10"/>
    </row>
    <row r="468463" spans="14:14">
      <c r="N468463" s="10"/>
    </row>
    <row r="468464" spans="14:14">
      <c r="N468464" s="10"/>
    </row>
    <row r="468465" spans="14:14">
      <c r="N468465" s="10"/>
    </row>
    <row r="468466" spans="14:14">
      <c r="N468466" s="10"/>
    </row>
    <row r="468467" spans="14:14">
      <c r="N468467" s="10"/>
    </row>
    <row r="468468" spans="14:14">
      <c r="N468468" s="10"/>
    </row>
    <row r="468469" spans="14:14">
      <c r="N468469" s="10"/>
    </row>
    <row r="468470" spans="14:14">
      <c r="N468470" s="10"/>
    </row>
    <row r="468471" spans="14:14">
      <c r="N468471" s="10"/>
    </row>
    <row r="468472" spans="14:14">
      <c r="N468472" s="10"/>
    </row>
    <row r="468473" spans="14:14">
      <c r="N468473" s="10"/>
    </row>
    <row r="468474" spans="14:14">
      <c r="N468474" s="10"/>
    </row>
    <row r="468475" spans="14:14">
      <c r="N468475" s="10"/>
    </row>
    <row r="468476" spans="14:14">
      <c r="N468476" s="10"/>
    </row>
    <row r="468477" spans="14:14">
      <c r="N468477" s="10"/>
    </row>
    <row r="468478" spans="14:14">
      <c r="N468478" s="10"/>
    </row>
    <row r="468479" spans="14:14">
      <c r="N468479" s="10"/>
    </row>
    <row r="468480" spans="14:14">
      <c r="N468480" s="10"/>
    </row>
    <row r="468481" spans="14:14">
      <c r="N468481" s="10"/>
    </row>
    <row r="468482" spans="14:14">
      <c r="N468482" s="10"/>
    </row>
    <row r="468483" spans="14:14">
      <c r="N468483" s="10"/>
    </row>
    <row r="468484" spans="14:14">
      <c r="N468484" s="10"/>
    </row>
    <row r="468485" spans="14:14">
      <c r="N468485" s="10"/>
    </row>
    <row r="468486" spans="14:14">
      <c r="N468486" s="10"/>
    </row>
    <row r="468487" spans="14:14">
      <c r="N468487" s="10"/>
    </row>
    <row r="468488" spans="14:14">
      <c r="N468488" s="10"/>
    </row>
    <row r="468489" spans="14:14">
      <c r="N468489" s="10"/>
    </row>
    <row r="468490" spans="14:14">
      <c r="N468490" s="10"/>
    </row>
    <row r="468491" spans="14:14">
      <c r="N468491" s="10"/>
    </row>
    <row r="468492" spans="14:14">
      <c r="N468492" s="10"/>
    </row>
    <row r="468493" spans="14:14">
      <c r="N468493" s="10"/>
    </row>
    <row r="468494" spans="14:14">
      <c r="N468494" s="10"/>
    </row>
    <row r="468495" spans="14:14">
      <c r="N468495" s="10"/>
    </row>
    <row r="468496" spans="14:14">
      <c r="N468496" s="10"/>
    </row>
    <row r="468497" spans="14:14">
      <c r="N468497" s="10"/>
    </row>
    <row r="468498" spans="14:14">
      <c r="N468498" s="10"/>
    </row>
    <row r="468499" spans="14:14">
      <c r="N468499" s="10"/>
    </row>
    <row r="468500" spans="14:14">
      <c r="N468500" s="10"/>
    </row>
    <row r="468501" spans="14:14">
      <c r="N468501" s="10"/>
    </row>
    <row r="468502" spans="14:14">
      <c r="N468502" s="10"/>
    </row>
    <row r="468503" spans="14:14">
      <c r="N468503" s="10"/>
    </row>
    <row r="468504" spans="14:14">
      <c r="N468504" s="10"/>
    </row>
    <row r="468505" spans="14:14">
      <c r="N468505" s="10"/>
    </row>
    <row r="468506" spans="14:14">
      <c r="N468506" s="10"/>
    </row>
    <row r="468507" spans="14:14">
      <c r="N468507" s="10"/>
    </row>
    <row r="468508" spans="14:14">
      <c r="N468508" s="10"/>
    </row>
    <row r="468509" spans="14:14">
      <c r="N468509" s="10"/>
    </row>
    <row r="468510" spans="14:14">
      <c r="N468510" s="10"/>
    </row>
    <row r="468511" spans="14:14">
      <c r="N468511" s="10"/>
    </row>
    <row r="468512" spans="14:14">
      <c r="N468512" s="10"/>
    </row>
    <row r="468513" spans="14:14">
      <c r="N468513" s="10"/>
    </row>
    <row r="468514" spans="14:14">
      <c r="N468514" s="10"/>
    </row>
    <row r="468515" spans="14:14">
      <c r="N468515" s="10"/>
    </row>
    <row r="468516" spans="14:14">
      <c r="N468516" s="10"/>
    </row>
    <row r="468517" spans="14:14">
      <c r="N468517" s="10"/>
    </row>
    <row r="468518" spans="14:14">
      <c r="N468518" s="10"/>
    </row>
    <row r="468519" spans="14:14">
      <c r="N468519" s="10"/>
    </row>
    <row r="468520" spans="14:14">
      <c r="N468520" s="10"/>
    </row>
    <row r="468521" spans="14:14">
      <c r="N468521" s="10"/>
    </row>
    <row r="468522" spans="14:14">
      <c r="N468522" s="10"/>
    </row>
    <row r="468523" spans="14:14">
      <c r="N468523" s="10"/>
    </row>
    <row r="468524" spans="14:14">
      <c r="N468524" s="10"/>
    </row>
    <row r="468525" spans="14:14">
      <c r="N468525" s="10"/>
    </row>
    <row r="468526" spans="14:14">
      <c r="N468526" s="10"/>
    </row>
    <row r="468527" spans="14:14">
      <c r="N468527" s="10"/>
    </row>
    <row r="468528" spans="14:14">
      <c r="N468528" s="10"/>
    </row>
    <row r="468529" spans="14:14">
      <c r="N468529" s="10"/>
    </row>
    <row r="468530" spans="14:14">
      <c r="N468530" s="10"/>
    </row>
    <row r="468531" spans="14:14">
      <c r="N468531" s="10"/>
    </row>
    <row r="468532" spans="14:14">
      <c r="N468532" s="10"/>
    </row>
    <row r="468533" spans="14:14">
      <c r="N468533" s="10"/>
    </row>
    <row r="468534" spans="14:14">
      <c r="N468534" s="10"/>
    </row>
    <row r="468535" spans="14:14">
      <c r="N468535" s="10"/>
    </row>
    <row r="468536" spans="14:14">
      <c r="N468536" s="10"/>
    </row>
    <row r="468537" spans="14:14">
      <c r="N468537" s="10"/>
    </row>
    <row r="468538" spans="14:14">
      <c r="N468538" s="10"/>
    </row>
    <row r="468539" spans="14:14">
      <c r="N468539" s="10"/>
    </row>
    <row r="468540" spans="14:14">
      <c r="N468540" s="10"/>
    </row>
    <row r="468541" spans="14:14">
      <c r="N468541" s="10"/>
    </row>
    <row r="468542" spans="14:14">
      <c r="N468542" s="10"/>
    </row>
    <row r="468543" spans="14:14">
      <c r="N468543" s="10"/>
    </row>
    <row r="468544" spans="14:14">
      <c r="N468544" s="10"/>
    </row>
    <row r="468545" spans="14:14">
      <c r="N468545" s="10"/>
    </row>
    <row r="468546" spans="14:14">
      <c r="N468546" s="10"/>
    </row>
    <row r="468547" spans="14:14">
      <c r="N468547" s="10"/>
    </row>
    <row r="468548" spans="14:14">
      <c r="N468548" s="10"/>
    </row>
    <row r="468549" spans="14:14">
      <c r="N468549" s="10"/>
    </row>
    <row r="468550" spans="14:14">
      <c r="N468550" s="10"/>
    </row>
    <row r="468551" spans="14:14">
      <c r="N468551" s="10"/>
    </row>
    <row r="468552" spans="14:14">
      <c r="N468552" s="10"/>
    </row>
    <row r="468553" spans="14:14">
      <c r="N468553" s="10"/>
    </row>
    <row r="468554" spans="14:14">
      <c r="N468554" s="10"/>
    </row>
    <row r="468555" spans="14:14">
      <c r="N468555" s="10"/>
    </row>
    <row r="468556" spans="14:14">
      <c r="N468556" s="10"/>
    </row>
    <row r="468557" spans="14:14">
      <c r="N468557" s="10"/>
    </row>
    <row r="468558" spans="14:14">
      <c r="N468558" s="10"/>
    </row>
    <row r="468559" spans="14:14">
      <c r="N468559" s="10"/>
    </row>
    <row r="468560" spans="14:14">
      <c r="N468560" s="10"/>
    </row>
    <row r="468561" spans="14:14">
      <c r="N468561" s="10"/>
    </row>
    <row r="468562" spans="14:14">
      <c r="N468562" s="10"/>
    </row>
    <row r="468563" spans="14:14">
      <c r="N468563" s="10"/>
    </row>
    <row r="468564" spans="14:14">
      <c r="N468564" s="10"/>
    </row>
    <row r="468565" spans="14:14">
      <c r="N468565" s="10"/>
    </row>
    <row r="468566" spans="14:14">
      <c r="N468566" s="10"/>
    </row>
    <row r="468567" spans="14:14">
      <c r="N468567" s="10"/>
    </row>
    <row r="468568" spans="14:14">
      <c r="N468568" s="10"/>
    </row>
    <row r="468569" spans="14:14">
      <c r="N468569" s="10"/>
    </row>
    <row r="468570" spans="14:14">
      <c r="N468570" s="10"/>
    </row>
    <row r="468571" spans="14:14">
      <c r="N468571" s="10"/>
    </row>
    <row r="468572" spans="14:14">
      <c r="N468572" s="10"/>
    </row>
    <row r="468573" spans="14:14">
      <c r="N468573" s="10"/>
    </row>
    <row r="468574" spans="14:14">
      <c r="N468574" s="10"/>
    </row>
    <row r="468575" spans="14:14">
      <c r="N468575" s="10"/>
    </row>
    <row r="468576" spans="14:14">
      <c r="N468576" s="10"/>
    </row>
    <row r="468577" spans="14:14">
      <c r="N468577" s="10"/>
    </row>
    <row r="468578" spans="14:14">
      <c r="N468578" s="10"/>
    </row>
    <row r="468579" spans="14:14">
      <c r="N468579" s="10"/>
    </row>
    <row r="468580" spans="14:14">
      <c r="N468580" s="10"/>
    </row>
    <row r="468581" spans="14:14">
      <c r="N468581" s="10"/>
    </row>
    <row r="468582" spans="14:14">
      <c r="N468582" s="10"/>
    </row>
    <row r="468583" spans="14:14">
      <c r="N468583" s="10"/>
    </row>
    <row r="468584" spans="14:14">
      <c r="N468584" s="10"/>
    </row>
    <row r="468585" spans="14:14">
      <c r="N468585" s="10"/>
    </row>
    <row r="468586" spans="14:14">
      <c r="N468586" s="10"/>
    </row>
    <row r="468587" spans="14:14">
      <c r="N468587" s="10"/>
    </row>
    <row r="468588" spans="14:14">
      <c r="N468588" s="10"/>
    </row>
    <row r="468589" spans="14:14">
      <c r="N468589" s="10"/>
    </row>
    <row r="468590" spans="14:14">
      <c r="N468590" s="10"/>
    </row>
    <row r="468591" spans="14:14">
      <c r="N468591" s="10"/>
    </row>
    <row r="468592" spans="14:14">
      <c r="N468592" s="10"/>
    </row>
    <row r="468593" spans="14:14">
      <c r="N468593" s="10"/>
    </row>
    <row r="468594" spans="14:14">
      <c r="N468594" s="10"/>
    </row>
    <row r="468595" spans="14:14">
      <c r="N468595" s="10"/>
    </row>
    <row r="468596" spans="14:14">
      <c r="N468596" s="10"/>
    </row>
    <row r="468597" spans="14:14">
      <c r="N468597" s="10"/>
    </row>
    <row r="468598" spans="14:14">
      <c r="N468598" s="10"/>
    </row>
    <row r="468599" spans="14:14">
      <c r="N468599" s="10"/>
    </row>
    <row r="468600" spans="14:14">
      <c r="N468600" s="10"/>
    </row>
    <row r="468601" spans="14:14">
      <c r="N468601" s="10"/>
    </row>
    <row r="468602" spans="14:14">
      <c r="N468602" s="10"/>
    </row>
    <row r="468603" spans="14:14">
      <c r="N468603" s="10"/>
    </row>
    <row r="468604" spans="14:14">
      <c r="N468604" s="10"/>
    </row>
    <row r="468605" spans="14:14">
      <c r="N468605" s="10"/>
    </row>
    <row r="468606" spans="14:14">
      <c r="N468606" s="10"/>
    </row>
    <row r="468607" spans="14:14">
      <c r="N468607" s="10"/>
    </row>
    <row r="468608" spans="14:14">
      <c r="N468608" s="10"/>
    </row>
    <row r="468609" spans="14:14">
      <c r="N468609" s="10"/>
    </row>
    <row r="468610" spans="14:14">
      <c r="N468610" s="10"/>
    </row>
    <row r="468611" spans="14:14">
      <c r="N468611" s="10"/>
    </row>
    <row r="468612" spans="14:14">
      <c r="N468612" s="10"/>
    </row>
    <row r="468613" spans="14:14">
      <c r="N468613" s="10"/>
    </row>
    <row r="468614" spans="14:14">
      <c r="N468614" s="10"/>
    </row>
    <row r="468615" spans="14:14">
      <c r="N468615" s="10"/>
    </row>
    <row r="468616" spans="14:14">
      <c r="N468616" s="10"/>
    </row>
    <row r="468617" spans="14:14">
      <c r="N468617" s="10"/>
    </row>
    <row r="468618" spans="14:14">
      <c r="N468618" s="10"/>
    </row>
    <row r="468619" spans="14:14">
      <c r="N468619" s="10"/>
    </row>
    <row r="468620" spans="14:14">
      <c r="N468620" s="10"/>
    </row>
    <row r="468621" spans="14:14">
      <c r="N468621" s="10"/>
    </row>
    <row r="468622" spans="14:14">
      <c r="N468622" s="10"/>
    </row>
    <row r="468623" spans="14:14">
      <c r="N468623" s="10"/>
    </row>
    <row r="468624" spans="14:14">
      <c r="N468624" s="10"/>
    </row>
    <row r="468625" spans="14:14">
      <c r="N468625" s="10"/>
    </row>
    <row r="468626" spans="14:14">
      <c r="N468626" s="10"/>
    </row>
    <row r="468627" spans="14:14">
      <c r="N468627" s="10"/>
    </row>
    <row r="468628" spans="14:14">
      <c r="N468628" s="10"/>
    </row>
    <row r="468629" spans="14:14">
      <c r="N468629" s="10"/>
    </row>
    <row r="468630" spans="14:14">
      <c r="N468630" s="10"/>
    </row>
    <row r="468631" spans="14:14">
      <c r="N468631" s="10"/>
    </row>
    <row r="468632" spans="14:14">
      <c r="N468632" s="10"/>
    </row>
    <row r="468633" spans="14:14">
      <c r="N468633" s="10"/>
    </row>
    <row r="468634" spans="14:14">
      <c r="N468634" s="10"/>
    </row>
    <row r="468635" spans="14:14">
      <c r="N468635" s="10"/>
    </row>
    <row r="468636" spans="14:14">
      <c r="N468636" s="10"/>
    </row>
    <row r="468637" spans="14:14">
      <c r="N468637" s="10"/>
    </row>
    <row r="468638" spans="14:14">
      <c r="N468638" s="10"/>
    </row>
    <row r="468639" spans="14:14">
      <c r="N468639" s="10"/>
    </row>
    <row r="468640" spans="14:14">
      <c r="N468640" s="10"/>
    </row>
    <row r="468641" spans="14:14">
      <c r="N468641" s="10"/>
    </row>
    <row r="468642" spans="14:14">
      <c r="N468642" s="10"/>
    </row>
    <row r="468643" spans="14:14">
      <c r="N468643" s="10"/>
    </row>
    <row r="468644" spans="14:14">
      <c r="N468644" s="10"/>
    </row>
    <row r="468645" spans="14:14">
      <c r="N468645" s="10"/>
    </row>
    <row r="468646" spans="14:14">
      <c r="N468646" s="10"/>
    </row>
    <row r="468647" spans="14:14">
      <c r="N468647" s="10"/>
    </row>
    <row r="468648" spans="14:14">
      <c r="N468648" s="10"/>
    </row>
    <row r="468649" spans="14:14">
      <c r="N468649" s="10"/>
    </row>
    <row r="468650" spans="14:14">
      <c r="N468650" s="10"/>
    </row>
    <row r="468651" spans="14:14">
      <c r="N468651" s="10"/>
    </row>
    <row r="468652" spans="14:14">
      <c r="N468652" s="10"/>
    </row>
    <row r="468653" spans="14:14">
      <c r="N468653" s="10"/>
    </row>
    <row r="468654" spans="14:14">
      <c r="N468654" s="10"/>
    </row>
    <row r="468655" spans="14:14">
      <c r="N468655" s="10"/>
    </row>
    <row r="468656" spans="14:14">
      <c r="N468656" s="10"/>
    </row>
    <row r="468657" spans="14:14">
      <c r="N468657" s="10"/>
    </row>
    <row r="468658" spans="14:14">
      <c r="N468658" s="10"/>
    </row>
    <row r="468659" spans="14:14">
      <c r="N468659" s="10"/>
    </row>
    <row r="468660" spans="14:14">
      <c r="N468660" s="10"/>
    </row>
    <row r="468661" spans="14:14">
      <c r="N468661" s="10"/>
    </row>
    <row r="468662" spans="14:14">
      <c r="N468662" s="10"/>
    </row>
    <row r="468663" spans="14:14">
      <c r="N468663" s="10"/>
    </row>
    <row r="468664" spans="14:14">
      <c r="N468664" s="10"/>
    </row>
    <row r="468665" spans="14:14">
      <c r="N468665" s="10"/>
    </row>
    <row r="468666" spans="14:14">
      <c r="N468666" s="10"/>
    </row>
    <row r="468667" spans="14:14">
      <c r="N468667" s="10"/>
    </row>
    <row r="468668" spans="14:14">
      <c r="N468668" s="10"/>
    </row>
    <row r="468669" spans="14:14">
      <c r="N468669" s="10"/>
    </row>
    <row r="468670" spans="14:14">
      <c r="N468670" s="10"/>
    </row>
    <row r="468671" spans="14:14">
      <c r="N468671" s="10"/>
    </row>
    <row r="468672" spans="14:14">
      <c r="N468672" s="10"/>
    </row>
    <row r="468673" spans="14:14">
      <c r="N468673" s="10"/>
    </row>
    <row r="468674" spans="14:14">
      <c r="N468674" s="10"/>
    </row>
    <row r="468675" spans="14:14">
      <c r="N468675" s="10"/>
    </row>
    <row r="468676" spans="14:14">
      <c r="N468676" s="10"/>
    </row>
    <row r="468677" spans="14:14">
      <c r="N468677" s="10"/>
    </row>
    <row r="468678" spans="14:14">
      <c r="N468678" s="10"/>
    </row>
    <row r="468679" spans="14:14">
      <c r="N468679" s="10"/>
    </row>
    <row r="468680" spans="14:14">
      <c r="N468680" s="10"/>
    </row>
    <row r="468681" spans="14:14">
      <c r="N468681" s="10"/>
    </row>
    <row r="468682" spans="14:14">
      <c r="N468682" s="10"/>
    </row>
    <row r="468683" spans="14:14">
      <c r="N468683" s="10"/>
    </row>
    <row r="468684" spans="14:14">
      <c r="N468684" s="10"/>
    </row>
    <row r="468685" spans="14:14">
      <c r="N468685" s="10"/>
    </row>
    <row r="468686" spans="14:14">
      <c r="N468686" s="10"/>
    </row>
    <row r="468687" spans="14:14">
      <c r="N468687" s="10"/>
    </row>
    <row r="468688" spans="14:14">
      <c r="N468688" s="10"/>
    </row>
    <row r="468689" spans="14:14">
      <c r="N468689" s="10"/>
    </row>
    <row r="468690" spans="14:14">
      <c r="N468690" s="10"/>
    </row>
    <row r="468691" spans="14:14">
      <c r="N468691" s="10"/>
    </row>
    <row r="468692" spans="14:14">
      <c r="N468692" s="10"/>
    </row>
    <row r="468693" spans="14:14">
      <c r="N468693" s="10"/>
    </row>
    <row r="468694" spans="14:14">
      <c r="N468694" s="10"/>
    </row>
    <row r="468695" spans="14:14">
      <c r="N468695" s="10"/>
    </row>
    <row r="468696" spans="14:14">
      <c r="N468696" s="10"/>
    </row>
    <row r="468697" spans="14:14">
      <c r="N468697" s="10"/>
    </row>
    <row r="468698" spans="14:14">
      <c r="N468698" s="10"/>
    </row>
    <row r="468699" spans="14:14">
      <c r="N468699" s="10"/>
    </row>
    <row r="468700" spans="14:14">
      <c r="N468700" s="10"/>
    </row>
    <row r="468701" spans="14:14">
      <c r="N468701" s="10"/>
    </row>
    <row r="468702" spans="14:14">
      <c r="N468702" s="10"/>
    </row>
    <row r="468703" spans="14:14">
      <c r="N468703" s="10"/>
    </row>
    <row r="468704" spans="14:14">
      <c r="N468704" s="10"/>
    </row>
    <row r="468705" spans="14:14">
      <c r="N468705" s="10"/>
    </row>
    <row r="468706" spans="14:14">
      <c r="N468706" s="10"/>
    </row>
    <row r="468707" spans="14:14">
      <c r="N468707" s="10"/>
    </row>
    <row r="468708" spans="14:14">
      <c r="N468708" s="10"/>
    </row>
    <row r="468709" spans="14:14">
      <c r="N468709" s="10"/>
    </row>
    <row r="468710" spans="14:14">
      <c r="N468710" s="10"/>
    </row>
    <row r="468711" spans="14:14">
      <c r="N468711" s="10"/>
    </row>
    <row r="468712" spans="14:14">
      <c r="N468712" s="10"/>
    </row>
    <row r="468713" spans="14:14">
      <c r="N468713" s="10"/>
    </row>
    <row r="468714" spans="14:14">
      <c r="N468714" s="10"/>
    </row>
    <row r="468715" spans="14:14">
      <c r="N468715" s="10"/>
    </row>
    <row r="468716" spans="14:14">
      <c r="N468716" s="10"/>
    </row>
    <row r="468717" spans="14:14">
      <c r="N468717" s="10"/>
    </row>
    <row r="468718" spans="14:14">
      <c r="N468718" s="10"/>
    </row>
    <row r="468719" spans="14:14">
      <c r="N468719" s="10"/>
    </row>
    <row r="468720" spans="14:14">
      <c r="N468720" s="10"/>
    </row>
    <row r="468721" spans="14:14">
      <c r="N468721" s="10"/>
    </row>
    <row r="468722" spans="14:14">
      <c r="N468722" s="10"/>
    </row>
    <row r="468723" spans="14:14">
      <c r="N468723" s="10"/>
    </row>
    <row r="468724" spans="14:14">
      <c r="N468724" s="10"/>
    </row>
    <row r="468725" spans="14:14">
      <c r="N468725" s="10"/>
    </row>
    <row r="468726" spans="14:14">
      <c r="N468726" s="10"/>
    </row>
    <row r="468727" spans="14:14">
      <c r="N468727" s="10"/>
    </row>
    <row r="468728" spans="14:14">
      <c r="N468728" s="10"/>
    </row>
    <row r="468729" spans="14:14">
      <c r="N468729" s="10"/>
    </row>
    <row r="468730" spans="14:14">
      <c r="N468730" s="10"/>
    </row>
    <row r="468731" spans="14:14">
      <c r="N468731" s="10"/>
    </row>
    <row r="468732" spans="14:14">
      <c r="N468732" s="10"/>
    </row>
    <row r="468733" spans="14:14">
      <c r="N468733" s="10"/>
    </row>
    <row r="468734" spans="14:14">
      <c r="N468734" s="10"/>
    </row>
    <row r="468735" spans="14:14">
      <c r="N468735" s="10"/>
    </row>
    <row r="468736" spans="14:14">
      <c r="N468736" s="10"/>
    </row>
    <row r="468737" spans="14:14">
      <c r="N468737" s="10"/>
    </row>
    <row r="468738" spans="14:14">
      <c r="N468738" s="10"/>
    </row>
    <row r="468739" spans="14:14">
      <c r="N468739" s="10"/>
    </row>
    <row r="468740" spans="14:14">
      <c r="N468740" s="10"/>
    </row>
    <row r="468741" spans="14:14">
      <c r="N468741" s="10"/>
    </row>
    <row r="468742" spans="14:14">
      <c r="N468742" s="10"/>
    </row>
    <row r="468743" spans="14:14">
      <c r="N468743" s="10"/>
    </row>
    <row r="468744" spans="14:14">
      <c r="N468744" s="10"/>
    </row>
    <row r="468745" spans="14:14">
      <c r="N468745" s="10"/>
    </row>
    <row r="468746" spans="14:14">
      <c r="N468746" s="10"/>
    </row>
    <row r="468747" spans="14:14">
      <c r="N468747" s="10"/>
    </row>
    <row r="468748" spans="14:14">
      <c r="N468748" s="10"/>
    </row>
    <row r="468749" spans="14:14">
      <c r="N468749" s="10"/>
    </row>
    <row r="468750" spans="14:14">
      <c r="N468750" s="10"/>
    </row>
    <row r="468751" spans="14:14">
      <c r="N468751" s="10"/>
    </row>
    <row r="468752" spans="14:14">
      <c r="N468752" s="10"/>
    </row>
    <row r="468753" spans="14:14">
      <c r="N468753" s="10"/>
    </row>
    <row r="468754" spans="14:14">
      <c r="N468754" s="10"/>
    </row>
    <row r="468755" spans="14:14">
      <c r="N468755" s="10"/>
    </row>
    <row r="468756" spans="14:14">
      <c r="N468756" s="10"/>
    </row>
    <row r="468757" spans="14:14">
      <c r="N468757" s="10"/>
    </row>
    <row r="468758" spans="14:14">
      <c r="N468758" s="10"/>
    </row>
    <row r="468759" spans="14:14">
      <c r="N468759" s="10"/>
    </row>
    <row r="468760" spans="14:14">
      <c r="N468760" s="10"/>
    </row>
    <row r="468761" spans="14:14">
      <c r="N468761" s="10"/>
    </row>
    <row r="468762" spans="14:14">
      <c r="N468762" s="10"/>
    </row>
    <row r="468763" spans="14:14">
      <c r="N468763" s="10"/>
    </row>
    <row r="468764" spans="14:14">
      <c r="N468764" s="10"/>
    </row>
    <row r="468765" spans="14:14">
      <c r="N468765" s="10"/>
    </row>
    <row r="468766" spans="14:14">
      <c r="N468766" s="10"/>
    </row>
    <row r="468767" spans="14:14">
      <c r="N468767" s="10"/>
    </row>
    <row r="468768" spans="14:14">
      <c r="N468768" s="10"/>
    </row>
    <row r="468769" spans="14:14">
      <c r="N468769" s="10"/>
    </row>
    <row r="468770" spans="14:14">
      <c r="N468770" s="10"/>
    </row>
    <row r="468771" spans="14:14">
      <c r="N468771" s="10"/>
    </row>
    <row r="468772" spans="14:14">
      <c r="N468772" s="10"/>
    </row>
    <row r="468773" spans="14:14">
      <c r="N468773" s="10"/>
    </row>
    <row r="468774" spans="14:14">
      <c r="N468774" s="10"/>
    </row>
    <row r="468775" spans="14:14">
      <c r="N468775" s="10"/>
    </row>
    <row r="468776" spans="14:14">
      <c r="N468776" s="10"/>
    </row>
    <row r="468777" spans="14:14">
      <c r="N468777" s="10"/>
    </row>
    <row r="468778" spans="14:14">
      <c r="N468778" s="10"/>
    </row>
    <row r="468779" spans="14:14">
      <c r="N468779" s="10"/>
    </row>
    <row r="468780" spans="14:14">
      <c r="N468780" s="10"/>
    </row>
    <row r="468781" spans="14:14">
      <c r="N468781" s="10"/>
    </row>
    <row r="468782" spans="14:14">
      <c r="N468782" s="10"/>
    </row>
    <row r="468783" spans="14:14">
      <c r="N468783" s="10"/>
    </row>
    <row r="468784" spans="14:14">
      <c r="N468784" s="10"/>
    </row>
    <row r="468785" spans="14:14">
      <c r="N468785" s="10"/>
    </row>
    <row r="468786" spans="14:14">
      <c r="N468786" s="10"/>
    </row>
    <row r="468787" spans="14:14">
      <c r="N468787" s="10"/>
    </row>
    <row r="468788" spans="14:14">
      <c r="N468788" s="10"/>
    </row>
    <row r="468789" spans="14:14">
      <c r="N468789" s="10"/>
    </row>
    <row r="468790" spans="14:14">
      <c r="N468790" s="10"/>
    </row>
    <row r="468791" spans="14:14">
      <c r="N468791" s="10"/>
    </row>
    <row r="468792" spans="14:14">
      <c r="N468792" s="10"/>
    </row>
    <row r="468793" spans="14:14">
      <c r="N468793" s="10"/>
    </row>
    <row r="468794" spans="14:14">
      <c r="N468794" s="10"/>
    </row>
    <row r="468795" spans="14:14">
      <c r="N468795" s="10"/>
    </row>
    <row r="468796" spans="14:14">
      <c r="N468796" s="10"/>
    </row>
    <row r="468797" spans="14:14">
      <c r="N468797" s="10"/>
    </row>
    <row r="468798" spans="14:14">
      <c r="N468798" s="10"/>
    </row>
    <row r="468799" spans="14:14">
      <c r="N468799" s="10"/>
    </row>
    <row r="468800" spans="14:14">
      <c r="N468800" s="10"/>
    </row>
    <row r="468801" spans="14:14">
      <c r="N468801" s="10"/>
    </row>
    <row r="468802" spans="14:14">
      <c r="N468802" s="10"/>
    </row>
    <row r="468803" spans="14:14">
      <c r="N468803" s="10"/>
    </row>
    <row r="468804" spans="14:14">
      <c r="N468804" s="10"/>
    </row>
    <row r="468805" spans="14:14">
      <c r="N468805" s="10"/>
    </row>
    <row r="468806" spans="14:14">
      <c r="N468806" s="10"/>
    </row>
    <row r="468807" spans="14:14">
      <c r="N468807" s="10"/>
    </row>
    <row r="468808" spans="14:14">
      <c r="N468808" s="10"/>
    </row>
    <row r="468809" spans="14:14">
      <c r="N468809" s="10"/>
    </row>
    <row r="468810" spans="14:14">
      <c r="N468810" s="10"/>
    </row>
    <row r="468811" spans="14:14">
      <c r="N468811" s="10"/>
    </row>
    <row r="468812" spans="14:14">
      <c r="N468812" s="10"/>
    </row>
    <row r="468813" spans="14:14">
      <c r="N468813" s="10"/>
    </row>
    <row r="468814" spans="14:14">
      <c r="N468814" s="10"/>
    </row>
    <row r="468815" spans="14:14">
      <c r="N468815" s="10"/>
    </row>
    <row r="468816" spans="14:14">
      <c r="N468816" s="10"/>
    </row>
    <row r="468817" spans="14:14">
      <c r="N468817" s="10"/>
    </row>
    <row r="468818" spans="14:14">
      <c r="N468818" s="10"/>
    </row>
    <row r="468819" spans="14:14">
      <c r="N468819" s="10"/>
    </row>
    <row r="468820" spans="14:14">
      <c r="N468820" s="10"/>
    </row>
    <row r="468821" spans="14:14">
      <c r="N468821" s="10"/>
    </row>
    <row r="468822" spans="14:14">
      <c r="N468822" s="10"/>
    </row>
    <row r="468823" spans="14:14">
      <c r="N468823" s="10"/>
    </row>
    <row r="468824" spans="14:14">
      <c r="N468824" s="10"/>
    </row>
    <row r="468825" spans="14:14">
      <c r="N468825" s="10"/>
    </row>
    <row r="468826" spans="14:14">
      <c r="N468826" s="10"/>
    </row>
    <row r="468827" spans="14:14">
      <c r="N468827" s="10"/>
    </row>
    <row r="468828" spans="14:14">
      <c r="N468828" s="10"/>
    </row>
    <row r="468829" spans="14:14">
      <c r="N468829" s="10"/>
    </row>
    <row r="468830" spans="14:14">
      <c r="N468830" s="10"/>
    </row>
    <row r="468831" spans="14:14">
      <c r="N468831" s="10"/>
    </row>
    <row r="468832" spans="14:14">
      <c r="N468832" s="10"/>
    </row>
    <row r="468833" spans="14:14">
      <c r="N468833" s="10"/>
    </row>
    <row r="468834" spans="14:14">
      <c r="N468834" s="10"/>
    </row>
    <row r="468835" spans="14:14">
      <c r="N468835" s="10"/>
    </row>
    <row r="468836" spans="14:14">
      <c r="N468836" s="10"/>
    </row>
    <row r="468837" spans="14:14">
      <c r="N468837" s="10"/>
    </row>
    <row r="468838" spans="14:14">
      <c r="N468838" s="10"/>
    </row>
    <row r="468839" spans="14:14">
      <c r="N468839" s="10"/>
    </row>
    <row r="468840" spans="14:14">
      <c r="N468840" s="10"/>
    </row>
    <row r="468841" spans="14:14">
      <c r="N468841" s="10"/>
    </row>
    <row r="468842" spans="14:14">
      <c r="N468842" s="10"/>
    </row>
    <row r="468843" spans="14:14">
      <c r="N468843" s="10"/>
    </row>
    <row r="468844" spans="14:14">
      <c r="N468844" s="10"/>
    </row>
    <row r="468845" spans="14:14">
      <c r="N468845" s="10"/>
    </row>
    <row r="468846" spans="14:14">
      <c r="N468846" s="10"/>
    </row>
    <row r="468847" spans="14:14">
      <c r="N468847" s="10"/>
    </row>
    <row r="468848" spans="14:14">
      <c r="N468848" s="10"/>
    </row>
    <row r="468849" spans="14:14">
      <c r="N468849" s="10"/>
    </row>
    <row r="468850" spans="14:14">
      <c r="N468850" s="10"/>
    </row>
    <row r="468851" spans="14:14">
      <c r="N468851" s="10"/>
    </row>
    <row r="468852" spans="14:14">
      <c r="N468852" s="10"/>
    </row>
    <row r="468853" spans="14:14">
      <c r="N468853" s="10"/>
    </row>
    <row r="468854" spans="14:14">
      <c r="N468854" s="10"/>
    </row>
    <row r="468855" spans="14:14">
      <c r="N468855" s="10"/>
    </row>
    <row r="468856" spans="14:14">
      <c r="N468856" s="10"/>
    </row>
    <row r="468857" spans="14:14">
      <c r="N468857" s="10"/>
    </row>
    <row r="468858" spans="14:14">
      <c r="N468858" s="10"/>
    </row>
    <row r="468859" spans="14:14">
      <c r="N468859" s="10"/>
    </row>
    <row r="468860" spans="14:14">
      <c r="N468860" s="10"/>
    </row>
    <row r="468861" spans="14:14">
      <c r="N468861" s="10"/>
    </row>
    <row r="468862" spans="14:14">
      <c r="N468862" s="10"/>
    </row>
    <row r="468863" spans="14:14">
      <c r="N468863" s="10"/>
    </row>
    <row r="468864" spans="14:14">
      <c r="N468864" s="10"/>
    </row>
    <row r="468865" spans="14:14">
      <c r="N468865" s="10"/>
    </row>
    <row r="468866" spans="14:14">
      <c r="N468866" s="10"/>
    </row>
    <row r="468867" spans="14:14">
      <c r="N468867" s="10"/>
    </row>
    <row r="468868" spans="14:14">
      <c r="N468868" s="10"/>
    </row>
    <row r="468869" spans="14:14">
      <c r="N468869" s="10"/>
    </row>
    <row r="468870" spans="14:14">
      <c r="N468870" s="10"/>
    </row>
    <row r="468871" spans="14:14">
      <c r="N468871" s="10"/>
    </row>
    <row r="468872" spans="14:14">
      <c r="N468872" s="10"/>
    </row>
    <row r="468873" spans="14:14">
      <c r="N468873" s="10"/>
    </row>
    <row r="468874" spans="14:14">
      <c r="N468874" s="10"/>
    </row>
    <row r="468875" spans="14:14">
      <c r="N468875" s="10"/>
    </row>
    <row r="468876" spans="14:14">
      <c r="N468876" s="10"/>
    </row>
    <row r="468877" spans="14:14">
      <c r="N468877" s="10"/>
    </row>
    <row r="468878" spans="14:14">
      <c r="N468878" s="10"/>
    </row>
    <row r="468879" spans="14:14">
      <c r="N468879" s="10"/>
    </row>
    <row r="468880" spans="14:14">
      <c r="N468880" s="10"/>
    </row>
    <row r="468881" spans="14:14">
      <c r="N468881" s="10"/>
    </row>
    <row r="468882" spans="14:14">
      <c r="N468882" s="10"/>
    </row>
    <row r="468883" spans="14:14">
      <c r="N468883" s="10"/>
    </row>
    <row r="468884" spans="14:14">
      <c r="N468884" s="10"/>
    </row>
    <row r="468885" spans="14:14">
      <c r="N468885" s="10"/>
    </row>
    <row r="468886" spans="14:14">
      <c r="N468886" s="10"/>
    </row>
    <row r="468887" spans="14:14">
      <c r="N468887" s="10"/>
    </row>
    <row r="468888" spans="14:14">
      <c r="N468888" s="10"/>
    </row>
    <row r="468889" spans="14:14">
      <c r="N468889" s="10"/>
    </row>
    <row r="468890" spans="14:14">
      <c r="N468890" s="10"/>
    </row>
    <row r="468891" spans="14:14">
      <c r="N468891" s="10"/>
    </row>
    <row r="468892" spans="14:14">
      <c r="N468892" s="10"/>
    </row>
    <row r="468893" spans="14:14">
      <c r="N468893" s="10"/>
    </row>
    <row r="468894" spans="14:14">
      <c r="N468894" s="10"/>
    </row>
    <row r="468895" spans="14:14">
      <c r="N468895" s="10"/>
    </row>
    <row r="468896" spans="14:14">
      <c r="N468896" s="10"/>
    </row>
    <row r="468897" spans="14:14">
      <c r="N468897" s="10"/>
    </row>
    <row r="468898" spans="14:14">
      <c r="N468898" s="10"/>
    </row>
    <row r="468899" spans="14:14">
      <c r="N468899" s="10"/>
    </row>
    <row r="468900" spans="14:14">
      <c r="N468900" s="10"/>
    </row>
    <row r="468901" spans="14:14">
      <c r="N468901" s="10"/>
    </row>
    <row r="468902" spans="14:14">
      <c r="N468902" s="10"/>
    </row>
    <row r="468903" spans="14:14">
      <c r="N468903" s="10"/>
    </row>
    <row r="468904" spans="14:14">
      <c r="N468904" s="10"/>
    </row>
    <row r="468905" spans="14:14">
      <c r="N468905" s="10"/>
    </row>
    <row r="468906" spans="14:14">
      <c r="N468906" s="10"/>
    </row>
    <row r="468907" spans="14:14">
      <c r="N468907" s="10"/>
    </row>
    <row r="468908" spans="14:14">
      <c r="N468908" s="10"/>
    </row>
    <row r="468909" spans="14:14">
      <c r="N468909" s="10"/>
    </row>
    <row r="468910" spans="14:14">
      <c r="N468910" s="10"/>
    </row>
    <row r="468911" spans="14:14">
      <c r="N468911" s="10"/>
    </row>
    <row r="468912" spans="14:14">
      <c r="N468912" s="10"/>
    </row>
    <row r="468913" spans="14:14">
      <c r="N468913" s="10"/>
    </row>
    <row r="468914" spans="14:14">
      <c r="N468914" s="10"/>
    </row>
    <row r="468915" spans="14:14">
      <c r="N468915" s="10"/>
    </row>
    <row r="468916" spans="14:14">
      <c r="N468916" s="10"/>
    </row>
    <row r="468917" spans="14:14">
      <c r="N468917" s="10"/>
    </row>
    <row r="468918" spans="14:14">
      <c r="N468918" s="10"/>
    </row>
    <row r="468919" spans="14:14">
      <c r="N468919" s="10"/>
    </row>
    <row r="468920" spans="14:14">
      <c r="N468920" s="10"/>
    </row>
    <row r="468921" spans="14:14">
      <c r="N468921" s="10"/>
    </row>
    <row r="468922" spans="14:14">
      <c r="N468922" s="10"/>
    </row>
    <row r="468923" spans="14:14">
      <c r="N468923" s="10"/>
    </row>
    <row r="468924" spans="14:14">
      <c r="N468924" s="10"/>
    </row>
    <row r="468925" spans="14:14">
      <c r="N468925" s="10"/>
    </row>
    <row r="468926" spans="14:14">
      <c r="N468926" s="10"/>
    </row>
    <row r="468927" spans="14:14">
      <c r="N468927" s="10"/>
    </row>
    <row r="468928" spans="14:14">
      <c r="N468928" s="10"/>
    </row>
    <row r="468929" spans="14:14">
      <c r="N468929" s="10"/>
    </row>
    <row r="468930" spans="14:14">
      <c r="N468930" s="10"/>
    </row>
    <row r="468931" spans="14:14">
      <c r="N468931" s="10"/>
    </row>
    <row r="468932" spans="14:14">
      <c r="N468932" s="10"/>
    </row>
    <row r="468933" spans="14:14">
      <c r="N468933" s="10"/>
    </row>
    <row r="468934" spans="14:14">
      <c r="N468934" s="10"/>
    </row>
    <row r="468935" spans="14:14">
      <c r="N468935" s="10"/>
    </row>
    <row r="468936" spans="14:14">
      <c r="N468936" s="10"/>
    </row>
    <row r="468937" spans="14:14">
      <c r="N468937" s="10"/>
    </row>
    <row r="468938" spans="14:14">
      <c r="N468938" s="10"/>
    </row>
    <row r="468939" spans="14:14">
      <c r="N468939" s="10"/>
    </row>
    <row r="468940" spans="14:14">
      <c r="N468940" s="10"/>
    </row>
    <row r="468941" spans="14:14">
      <c r="N468941" s="10"/>
    </row>
    <row r="468942" spans="14:14">
      <c r="N468942" s="10"/>
    </row>
    <row r="468943" spans="14:14">
      <c r="N468943" s="10"/>
    </row>
    <row r="468944" spans="14:14">
      <c r="N468944" s="10"/>
    </row>
    <row r="468945" spans="14:14">
      <c r="N468945" s="10"/>
    </row>
    <row r="468946" spans="14:14">
      <c r="N468946" s="10"/>
    </row>
    <row r="468947" spans="14:14">
      <c r="N468947" s="10"/>
    </row>
    <row r="468948" spans="14:14">
      <c r="N468948" s="10"/>
    </row>
    <row r="468949" spans="14:14">
      <c r="N468949" s="10"/>
    </row>
    <row r="468950" spans="14:14">
      <c r="N468950" s="10"/>
    </row>
    <row r="468951" spans="14:14">
      <c r="N468951" s="10"/>
    </row>
    <row r="468952" spans="14:14">
      <c r="N468952" s="10"/>
    </row>
    <row r="468953" spans="14:14">
      <c r="N468953" s="10"/>
    </row>
    <row r="468954" spans="14:14">
      <c r="N468954" s="10"/>
    </row>
    <row r="468955" spans="14:14">
      <c r="N468955" s="10"/>
    </row>
    <row r="468956" spans="14:14">
      <c r="N468956" s="10"/>
    </row>
    <row r="468957" spans="14:14">
      <c r="N468957" s="10"/>
    </row>
    <row r="468958" spans="14:14">
      <c r="N468958" s="10"/>
    </row>
    <row r="468959" spans="14:14">
      <c r="N468959" s="10"/>
    </row>
    <row r="468960" spans="14:14">
      <c r="N468960" s="10"/>
    </row>
    <row r="468961" spans="14:14">
      <c r="N468961" s="10"/>
    </row>
    <row r="468962" spans="14:14">
      <c r="N468962" s="10"/>
    </row>
    <row r="468963" spans="14:14">
      <c r="N468963" s="10"/>
    </row>
    <row r="468964" spans="14:14">
      <c r="N468964" s="10"/>
    </row>
    <row r="468965" spans="14:14">
      <c r="N468965" s="10"/>
    </row>
    <row r="468966" spans="14:14">
      <c r="N468966" s="10"/>
    </row>
    <row r="468967" spans="14:14">
      <c r="N468967" s="10"/>
    </row>
    <row r="468968" spans="14:14">
      <c r="N468968" s="10"/>
    </row>
    <row r="468969" spans="14:14">
      <c r="N468969" s="10"/>
    </row>
    <row r="468970" spans="14:14">
      <c r="N468970" s="10"/>
    </row>
    <row r="468971" spans="14:14">
      <c r="N468971" s="10"/>
    </row>
    <row r="468972" spans="14:14">
      <c r="N468972" s="10"/>
    </row>
    <row r="468973" spans="14:14">
      <c r="N468973" s="10"/>
    </row>
    <row r="468974" spans="14:14">
      <c r="N468974" s="10"/>
    </row>
    <row r="468975" spans="14:14">
      <c r="N468975" s="10"/>
    </row>
    <row r="468976" spans="14:14">
      <c r="N468976" s="10"/>
    </row>
    <row r="468977" spans="14:14">
      <c r="N468977" s="10"/>
    </row>
    <row r="468978" spans="14:14">
      <c r="N468978" s="10"/>
    </row>
    <row r="468979" spans="14:14">
      <c r="N468979" s="10"/>
    </row>
    <row r="468980" spans="14:14">
      <c r="N468980" s="10"/>
    </row>
    <row r="468981" spans="14:14">
      <c r="N468981" s="10"/>
    </row>
    <row r="468982" spans="14:14">
      <c r="N468982" s="10"/>
    </row>
    <row r="468983" spans="14:14">
      <c r="N468983" s="10"/>
    </row>
    <row r="468984" spans="14:14">
      <c r="N468984" s="10"/>
    </row>
    <row r="468985" spans="14:14">
      <c r="N468985" s="10"/>
    </row>
    <row r="468986" spans="14:14">
      <c r="N468986" s="10"/>
    </row>
    <row r="468987" spans="14:14">
      <c r="N468987" s="10"/>
    </row>
    <row r="468988" spans="14:14">
      <c r="N468988" s="10"/>
    </row>
    <row r="468989" spans="14:14">
      <c r="N468989" s="10"/>
    </row>
    <row r="468990" spans="14:14">
      <c r="N468990" s="10"/>
    </row>
    <row r="468991" spans="14:14">
      <c r="N468991" s="10"/>
    </row>
    <row r="468992" spans="14:14">
      <c r="N468992" s="10"/>
    </row>
    <row r="468993" spans="14:14">
      <c r="N468993" s="10"/>
    </row>
    <row r="468994" spans="14:14">
      <c r="N468994" s="10"/>
    </row>
    <row r="468995" spans="14:14">
      <c r="N468995" s="10"/>
    </row>
    <row r="468996" spans="14:14">
      <c r="N468996" s="10"/>
    </row>
    <row r="468997" spans="14:14">
      <c r="N468997" s="10"/>
    </row>
    <row r="468998" spans="14:14">
      <c r="N468998" s="10"/>
    </row>
    <row r="468999" spans="14:14">
      <c r="N468999" s="10"/>
    </row>
    <row r="469000" spans="14:14">
      <c r="N469000" s="10"/>
    </row>
    <row r="469001" spans="14:14">
      <c r="N469001" s="10"/>
    </row>
    <row r="469002" spans="14:14">
      <c r="N469002" s="10"/>
    </row>
    <row r="469003" spans="14:14">
      <c r="N469003" s="10"/>
    </row>
    <row r="469004" spans="14:14">
      <c r="N469004" s="10"/>
    </row>
    <row r="469005" spans="14:14">
      <c r="N469005" s="10"/>
    </row>
    <row r="469006" spans="14:14">
      <c r="N469006" s="10"/>
    </row>
    <row r="469007" spans="14:14">
      <c r="N469007" s="10"/>
    </row>
    <row r="469008" spans="14:14">
      <c r="N469008" s="10"/>
    </row>
    <row r="469009" spans="14:14">
      <c r="N469009" s="10"/>
    </row>
    <row r="469010" spans="14:14">
      <c r="N469010" s="10"/>
    </row>
    <row r="469011" spans="14:14">
      <c r="N469011" s="10"/>
    </row>
    <row r="469012" spans="14:14">
      <c r="N469012" s="10"/>
    </row>
    <row r="469013" spans="14:14">
      <c r="N469013" s="10"/>
    </row>
    <row r="469014" spans="14:14">
      <c r="N469014" s="10"/>
    </row>
    <row r="469015" spans="14:14">
      <c r="N469015" s="10"/>
    </row>
    <row r="469016" spans="14:14">
      <c r="N469016" s="10"/>
    </row>
    <row r="469017" spans="14:14">
      <c r="N469017" s="10"/>
    </row>
    <row r="469018" spans="14:14">
      <c r="N469018" s="10"/>
    </row>
    <row r="469019" spans="14:14">
      <c r="N469019" s="10"/>
    </row>
    <row r="469020" spans="14:14">
      <c r="N469020" s="10"/>
    </row>
    <row r="469021" spans="14:14">
      <c r="N469021" s="10"/>
    </row>
    <row r="469022" spans="14:14">
      <c r="N469022" s="10"/>
    </row>
    <row r="469023" spans="14:14">
      <c r="N469023" s="10"/>
    </row>
    <row r="469024" spans="14:14">
      <c r="N469024" s="10"/>
    </row>
    <row r="469025" spans="14:14">
      <c r="N469025" s="10"/>
    </row>
    <row r="469026" spans="14:14">
      <c r="N469026" s="10"/>
    </row>
    <row r="469027" spans="14:14">
      <c r="N469027" s="10"/>
    </row>
    <row r="469028" spans="14:14">
      <c r="N469028" s="10"/>
    </row>
    <row r="469029" spans="14:14">
      <c r="N469029" s="10"/>
    </row>
    <row r="469030" spans="14:14">
      <c r="N469030" s="10"/>
    </row>
    <row r="469031" spans="14:14">
      <c r="N469031" s="10"/>
    </row>
    <row r="469032" spans="14:14">
      <c r="N469032" s="10"/>
    </row>
    <row r="469033" spans="14:14">
      <c r="N469033" s="10"/>
    </row>
    <row r="469034" spans="14:14">
      <c r="N469034" s="10"/>
    </row>
    <row r="469035" spans="14:14">
      <c r="N469035" s="10"/>
    </row>
    <row r="469036" spans="14:14">
      <c r="N469036" s="10"/>
    </row>
    <row r="469037" spans="14:14">
      <c r="N469037" s="10"/>
    </row>
    <row r="469038" spans="14:14">
      <c r="N469038" s="10"/>
    </row>
    <row r="469039" spans="14:14">
      <c r="N469039" s="10"/>
    </row>
    <row r="469040" spans="14:14">
      <c r="N469040" s="10"/>
    </row>
    <row r="469041" spans="14:14">
      <c r="N469041" s="10"/>
    </row>
    <row r="469042" spans="14:14">
      <c r="N469042" s="10"/>
    </row>
    <row r="469043" spans="14:14">
      <c r="N469043" s="10"/>
    </row>
    <row r="469044" spans="14:14">
      <c r="N469044" s="10"/>
    </row>
    <row r="469045" spans="14:14">
      <c r="N469045" s="10"/>
    </row>
    <row r="469046" spans="14:14">
      <c r="N469046" s="10"/>
    </row>
    <row r="469047" spans="14:14">
      <c r="N469047" s="10"/>
    </row>
    <row r="469048" spans="14:14">
      <c r="N469048" s="10"/>
    </row>
    <row r="469049" spans="14:14">
      <c r="N469049" s="10"/>
    </row>
    <row r="469050" spans="14:14">
      <c r="N469050" s="10"/>
    </row>
    <row r="469051" spans="14:14">
      <c r="N469051" s="10"/>
    </row>
    <row r="469052" spans="14:14">
      <c r="N469052" s="10"/>
    </row>
    <row r="469053" spans="14:14">
      <c r="N469053" s="10"/>
    </row>
    <row r="469054" spans="14:14">
      <c r="N469054" s="10"/>
    </row>
    <row r="469055" spans="14:14">
      <c r="N469055" s="10"/>
    </row>
    <row r="469056" spans="14:14">
      <c r="N469056" s="10"/>
    </row>
    <row r="469057" spans="14:14">
      <c r="N469057" s="10"/>
    </row>
    <row r="469058" spans="14:14">
      <c r="N469058" s="10"/>
    </row>
    <row r="469059" spans="14:14">
      <c r="N469059" s="10"/>
    </row>
    <row r="469060" spans="14:14">
      <c r="N469060" s="10"/>
    </row>
    <row r="469061" spans="14:14">
      <c r="N469061" s="10"/>
    </row>
    <row r="469062" spans="14:14">
      <c r="N469062" s="10"/>
    </row>
    <row r="469063" spans="14:14">
      <c r="N469063" s="10"/>
    </row>
    <row r="469064" spans="14:14">
      <c r="N469064" s="10"/>
    </row>
    <row r="469065" spans="14:14">
      <c r="N469065" s="10"/>
    </row>
    <row r="469066" spans="14:14">
      <c r="N469066" s="10"/>
    </row>
    <row r="469067" spans="14:14">
      <c r="N469067" s="10"/>
    </row>
    <row r="469068" spans="14:14">
      <c r="N469068" s="10"/>
    </row>
    <row r="469069" spans="14:14">
      <c r="N469069" s="10"/>
    </row>
    <row r="469070" spans="14:14">
      <c r="N469070" s="10"/>
    </row>
    <row r="469071" spans="14:14">
      <c r="N469071" s="10"/>
    </row>
    <row r="469072" spans="14:14">
      <c r="N469072" s="10"/>
    </row>
    <row r="469073" spans="14:14">
      <c r="N469073" s="10"/>
    </row>
    <row r="469074" spans="14:14">
      <c r="N469074" s="10"/>
    </row>
    <row r="469075" spans="14:14">
      <c r="N469075" s="10"/>
    </row>
    <row r="469076" spans="14:14">
      <c r="N469076" s="10"/>
    </row>
    <row r="469077" spans="14:14">
      <c r="N469077" s="10"/>
    </row>
    <row r="469078" spans="14:14">
      <c r="N469078" s="10"/>
    </row>
    <row r="469079" spans="14:14">
      <c r="N469079" s="10"/>
    </row>
    <row r="469080" spans="14:14">
      <c r="N469080" s="10"/>
    </row>
    <row r="469081" spans="14:14">
      <c r="N469081" s="10"/>
    </row>
    <row r="469082" spans="14:14">
      <c r="N469082" s="10"/>
    </row>
    <row r="469083" spans="14:14">
      <c r="N469083" s="10"/>
    </row>
    <row r="469084" spans="14:14">
      <c r="N469084" s="10"/>
    </row>
    <row r="469085" spans="14:14">
      <c r="N469085" s="10"/>
    </row>
    <row r="469086" spans="14:14">
      <c r="N469086" s="10"/>
    </row>
    <row r="469087" spans="14:14">
      <c r="N469087" s="10"/>
    </row>
    <row r="469088" spans="14:14">
      <c r="N469088" s="10"/>
    </row>
    <row r="469089" spans="14:14">
      <c r="N469089" s="10"/>
    </row>
    <row r="469090" spans="14:14">
      <c r="N469090" s="10"/>
    </row>
    <row r="469091" spans="14:14">
      <c r="N469091" s="10"/>
    </row>
    <row r="469092" spans="14:14">
      <c r="N469092" s="10"/>
    </row>
    <row r="469093" spans="14:14">
      <c r="N469093" s="10"/>
    </row>
    <row r="469094" spans="14:14">
      <c r="N469094" s="10"/>
    </row>
    <row r="469095" spans="14:14">
      <c r="N469095" s="10"/>
    </row>
    <row r="469096" spans="14:14">
      <c r="N469096" s="10"/>
    </row>
    <row r="469097" spans="14:14">
      <c r="N469097" s="10"/>
    </row>
    <row r="469098" spans="14:14">
      <c r="N469098" s="10"/>
    </row>
    <row r="469099" spans="14:14">
      <c r="N469099" s="10"/>
    </row>
    <row r="469100" spans="14:14">
      <c r="N469100" s="10"/>
    </row>
    <row r="469101" spans="14:14">
      <c r="N469101" s="10"/>
    </row>
    <row r="469102" spans="14:14">
      <c r="N469102" s="10"/>
    </row>
    <row r="469103" spans="14:14">
      <c r="N469103" s="10"/>
    </row>
    <row r="469104" spans="14:14">
      <c r="N469104" s="10"/>
    </row>
    <row r="469105" spans="14:14">
      <c r="N469105" s="10"/>
    </row>
    <row r="469106" spans="14:14">
      <c r="N469106" s="10"/>
    </row>
    <row r="469107" spans="14:14">
      <c r="N469107" s="10"/>
    </row>
    <row r="469108" spans="14:14">
      <c r="N469108" s="10"/>
    </row>
    <row r="469109" spans="14:14">
      <c r="N469109" s="10"/>
    </row>
    <row r="469110" spans="14:14">
      <c r="N469110" s="10"/>
    </row>
    <row r="469111" spans="14:14">
      <c r="N469111" s="10"/>
    </row>
    <row r="469112" spans="14:14">
      <c r="N469112" s="10"/>
    </row>
    <row r="469113" spans="14:14">
      <c r="N469113" s="10"/>
    </row>
    <row r="469114" spans="14:14">
      <c r="N469114" s="10"/>
    </row>
    <row r="469115" spans="14:14">
      <c r="N469115" s="10"/>
    </row>
    <row r="469116" spans="14:14">
      <c r="N469116" s="10"/>
    </row>
    <row r="469117" spans="14:14">
      <c r="N469117" s="10"/>
    </row>
    <row r="469118" spans="14:14">
      <c r="N469118" s="10"/>
    </row>
    <row r="469119" spans="14:14">
      <c r="N469119" s="10"/>
    </row>
    <row r="469120" spans="14:14">
      <c r="N469120" s="10"/>
    </row>
    <row r="469121" spans="14:14">
      <c r="N469121" s="10"/>
    </row>
    <row r="469122" spans="14:14">
      <c r="N469122" s="10"/>
    </row>
    <row r="469123" spans="14:14">
      <c r="N469123" s="10"/>
    </row>
    <row r="469124" spans="14:14">
      <c r="N469124" s="10"/>
    </row>
    <row r="469125" spans="14:14">
      <c r="N469125" s="10"/>
    </row>
    <row r="469126" spans="14:14">
      <c r="N469126" s="10"/>
    </row>
    <row r="469127" spans="14:14">
      <c r="N469127" s="10"/>
    </row>
    <row r="469128" spans="14:14">
      <c r="N469128" s="10"/>
    </row>
    <row r="469129" spans="14:14">
      <c r="N469129" s="10"/>
    </row>
    <row r="469130" spans="14:14">
      <c r="N469130" s="10"/>
    </row>
    <row r="469131" spans="14:14">
      <c r="N469131" s="10"/>
    </row>
    <row r="469132" spans="14:14">
      <c r="N469132" s="10"/>
    </row>
    <row r="469133" spans="14:14">
      <c r="N469133" s="10"/>
    </row>
    <row r="469134" spans="14:14">
      <c r="N469134" s="10"/>
    </row>
    <row r="469135" spans="14:14">
      <c r="N469135" s="10"/>
    </row>
    <row r="469136" spans="14:14">
      <c r="N469136" s="10"/>
    </row>
    <row r="469137" spans="14:14">
      <c r="N469137" s="10"/>
    </row>
    <row r="469138" spans="14:14">
      <c r="N469138" s="10"/>
    </row>
    <row r="469139" spans="14:14">
      <c r="N469139" s="10"/>
    </row>
    <row r="469140" spans="14:14">
      <c r="N469140" s="10"/>
    </row>
    <row r="469141" spans="14:14">
      <c r="N469141" s="10"/>
    </row>
    <row r="469142" spans="14:14">
      <c r="N469142" s="10"/>
    </row>
    <row r="469143" spans="14:14">
      <c r="N469143" s="10"/>
    </row>
    <row r="469144" spans="14:14">
      <c r="N469144" s="10"/>
    </row>
    <row r="469145" spans="14:14">
      <c r="N469145" s="10"/>
    </row>
    <row r="469146" spans="14:14">
      <c r="N469146" s="10"/>
    </row>
    <row r="469147" spans="14:14">
      <c r="N469147" s="10"/>
    </row>
    <row r="469148" spans="14:14">
      <c r="N469148" s="10"/>
    </row>
    <row r="469149" spans="14:14">
      <c r="N469149" s="10"/>
    </row>
    <row r="469150" spans="14:14">
      <c r="N469150" s="10"/>
    </row>
    <row r="469151" spans="14:14">
      <c r="N469151" s="10"/>
    </row>
    <row r="469152" spans="14:14">
      <c r="N469152" s="10"/>
    </row>
    <row r="469153" spans="14:14">
      <c r="N469153" s="10"/>
    </row>
    <row r="469154" spans="14:14">
      <c r="N469154" s="10"/>
    </row>
    <row r="469155" spans="14:14">
      <c r="N469155" s="10"/>
    </row>
    <row r="469156" spans="14:14">
      <c r="N469156" s="10"/>
    </row>
    <row r="469157" spans="14:14">
      <c r="N469157" s="10"/>
    </row>
    <row r="469158" spans="14:14">
      <c r="N469158" s="10"/>
    </row>
    <row r="469159" spans="14:14">
      <c r="N469159" s="10"/>
    </row>
    <row r="469160" spans="14:14">
      <c r="N469160" s="10"/>
    </row>
    <row r="469161" spans="14:14">
      <c r="N469161" s="10"/>
    </row>
    <row r="469162" spans="14:14">
      <c r="N469162" s="10"/>
    </row>
    <row r="469163" spans="14:14">
      <c r="N469163" s="10"/>
    </row>
    <row r="469164" spans="14:14">
      <c r="N469164" s="10"/>
    </row>
    <row r="469165" spans="14:14">
      <c r="N469165" s="10"/>
    </row>
    <row r="469166" spans="14:14">
      <c r="N469166" s="10"/>
    </row>
    <row r="469167" spans="14:14">
      <c r="N469167" s="10"/>
    </row>
    <row r="469168" spans="14:14">
      <c r="N469168" s="10"/>
    </row>
    <row r="469169" spans="14:14">
      <c r="N469169" s="10"/>
    </row>
    <row r="469170" spans="14:14">
      <c r="N469170" s="10"/>
    </row>
    <row r="469171" spans="14:14">
      <c r="N469171" s="10"/>
    </row>
    <row r="469172" spans="14:14">
      <c r="N469172" s="10"/>
    </row>
    <row r="469173" spans="14:14">
      <c r="N469173" s="10"/>
    </row>
    <row r="469174" spans="14:14">
      <c r="N469174" s="10"/>
    </row>
    <row r="469175" spans="14:14">
      <c r="N469175" s="10"/>
    </row>
    <row r="469176" spans="14:14">
      <c r="N469176" s="10"/>
    </row>
    <row r="469177" spans="14:14">
      <c r="N469177" s="10"/>
    </row>
    <row r="469178" spans="14:14">
      <c r="N469178" s="10"/>
    </row>
    <row r="469179" spans="14:14">
      <c r="N469179" s="10"/>
    </row>
    <row r="469180" spans="14:14">
      <c r="N469180" s="10"/>
    </row>
    <row r="469181" spans="14:14">
      <c r="N469181" s="10"/>
    </row>
    <row r="469182" spans="14:14">
      <c r="N469182" s="10"/>
    </row>
    <row r="469183" spans="14:14">
      <c r="N469183" s="10"/>
    </row>
    <row r="469184" spans="14:14">
      <c r="N469184" s="10"/>
    </row>
    <row r="469185" spans="14:14">
      <c r="N469185" s="10"/>
    </row>
    <row r="469186" spans="14:14">
      <c r="N469186" s="10"/>
    </row>
    <row r="469187" spans="14:14">
      <c r="N469187" s="10"/>
    </row>
    <row r="469188" spans="14:14">
      <c r="N469188" s="10"/>
    </row>
    <row r="469189" spans="14:14">
      <c r="N469189" s="10"/>
    </row>
    <row r="469190" spans="14:14">
      <c r="N469190" s="10"/>
    </row>
    <row r="469191" spans="14:14">
      <c r="N469191" s="10"/>
    </row>
    <row r="469192" spans="14:14">
      <c r="N469192" s="10"/>
    </row>
    <row r="469193" spans="14:14">
      <c r="N469193" s="10"/>
    </row>
    <row r="469194" spans="14:14">
      <c r="N469194" s="10"/>
    </row>
    <row r="469195" spans="14:14">
      <c r="N469195" s="10"/>
    </row>
    <row r="469196" spans="14:14">
      <c r="N469196" s="10"/>
    </row>
    <row r="469197" spans="14:14">
      <c r="N469197" s="10"/>
    </row>
    <row r="469198" spans="14:14">
      <c r="N469198" s="10"/>
    </row>
    <row r="469199" spans="14:14">
      <c r="N469199" s="10"/>
    </row>
    <row r="469200" spans="14:14">
      <c r="N469200" s="10"/>
    </row>
    <row r="469201" spans="14:14">
      <c r="N469201" s="10"/>
    </row>
    <row r="469202" spans="14:14">
      <c r="N469202" s="10"/>
    </row>
    <row r="469203" spans="14:14">
      <c r="N469203" s="10"/>
    </row>
    <row r="469204" spans="14:14">
      <c r="N469204" s="10"/>
    </row>
    <row r="469205" spans="14:14">
      <c r="N469205" s="10"/>
    </row>
    <row r="469206" spans="14:14">
      <c r="N469206" s="10"/>
    </row>
    <row r="469207" spans="14:14">
      <c r="N469207" s="10"/>
    </row>
    <row r="469208" spans="14:14">
      <c r="N469208" s="10"/>
    </row>
    <row r="469209" spans="14:14">
      <c r="N469209" s="10"/>
    </row>
    <row r="469210" spans="14:14">
      <c r="N469210" s="10"/>
    </row>
    <row r="469211" spans="14:14">
      <c r="N469211" s="10"/>
    </row>
    <row r="469212" spans="14:14">
      <c r="N469212" s="10"/>
    </row>
    <row r="469213" spans="14:14">
      <c r="N469213" s="10"/>
    </row>
    <row r="469214" spans="14:14">
      <c r="N469214" s="10"/>
    </row>
    <row r="469215" spans="14:14">
      <c r="N469215" s="10"/>
    </row>
    <row r="469216" spans="14:14">
      <c r="N469216" s="10"/>
    </row>
    <row r="469217" spans="14:14">
      <c r="N469217" s="10"/>
    </row>
    <row r="469218" spans="14:14">
      <c r="N469218" s="10"/>
    </row>
    <row r="469219" spans="14:14">
      <c r="N469219" s="10"/>
    </row>
    <row r="469220" spans="14:14">
      <c r="N469220" s="10"/>
    </row>
    <row r="469221" spans="14:14">
      <c r="N469221" s="10"/>
    </row>
    <row r="469222" spans="14:14">
      <c r="N469222" s="10"/>
    </row>
    <row r="469223" spans="14:14">
      <c r="N469223" s="10"/>
    </row>
    <row r="469224" spans="14:14">
      <c r="N469224" s="10"/>
    </row>
    <row r="469225" spans="14:14">
      <c r="N469225" s="10"/>
    </row>
    <row r="469226" spans="14:14">
      <c r="N469226" s="10"/>
    </row>
    <row r="469227" spans="14:14">
      <c r="N469227" s="10"/>
    </row>
    <row r="469228" spans="14:14">
      <c r="N469228" s="10"/>
    </row>
    <row r="469229" spans="14:14">
      <c r="N469229" s="10"/>
    </row>
    <row r="469230" spans="14:14">
      <c r="N469230" s="10"/>
    </row>
    <row r="469231" spans="14:14">
      <c r="N469231" s="10"/>
    </row>
    <row r="469232" spans="14:14">
      <c r="N469232" s="10"/>
    </row>
    <row r="469233" spans="14:14">
      <c r="N469233" s="10"/>
    </row>
    <row r="469234" spans="14:14">
      <c r="N469234" s="10"/>
    </row>
    <row r="469235" spans="14:14">
      <c r="N469235" s="10"/>
    </row>
    <row r="469236" spans="14:14">
      <c r="N469236" s="10"/>
    </row>
    <row r="469237" spans="14:14">
      <c r="N469237" s="10"/>
    </row>
    <row r="469238" spans="14:14">
      <c r="N469238" s="10"/>
    </row>
    <row r="469239" spans="14:14">
      <c r="N469239" s="10"/>
    </row>
    <row r="469240" spans="14:14">
      <c r="N469240" s="10"/>
    </row>
    <row r="469241" spans="14:14">
      <c r="N469241" s="10"/>
    </row>
    <row r="469242" spans="14:14">
      <c r="N469242" s="10"/>
    </row>
    <row r="469243" spans="14:14">
      <c r="N469243" s="10"/>
    </row>
    <row r="469244" spans="14:14">
      <c r="N469244" s="10"/>
    </row>
    <row r="469245" spans="14:14">
      <c r="N469245" s="10"/>
    </row>
    <row r="469246" spans="14:14">
      <c r="N469246" s="10"/>
    </row>
    <row r="469247" spans="14:14">
      <c r="N469247" s="10"/>
    </row>
    <row r="469248" spans="14:14">
      <c r="N469248" s="10"/>
    </row>
    <row r="469249" spans="14:14">
      <c r="N469249" s="10"/>
    </row>
    <row r="469250" spans="14:14">
      <c r="N469250" s="10"/>
    </row>
    <row r="469251" spans="14:14">
      <c r="N469251" s="10"/>
    </row>
    <row r="469252" spans="14:14">
      <c r="N469252" s="10"/>
    </row>
    <row r="469253" spans="14:14">
      <c r="N469253" s="10"/>
    </row>
    <row r="469254" spans="14:14">
      <c r="N469254" s="10"/>
    </row>
    <row r="469255" spans="14:14">
      <c r="N469255" s="10"/>
    </row>
    <row r="469256" spans="14:14">
      <c r="N469256" s="10"/>
    </row>
    <row r="469257" spans="14:14">
      <c r="N469257" s="10"/>
    </row>
    <row r="469258" spans="14:14">
      <c r="N469258" s="10"/>
    </row>
    <row r="469259" spans="14:14">
      <c r="N469259" s="10"/>
    </row>
    <row r="469260" spans="14:14">
      <c r="N469260" s="10"/>
    </row>
    <row r="469261" spans="14:14">
      <c r="N469261" s="10"/>
    </row>
    <row r="469262" spans="14:14">
      <c r="N469262" s="10"/>
    </row>
    <row r="469263" spans="14:14">
      <c r="N469263" s="10"/>
    </row>
    <row r="469264" spans="14:14">
      <c r="N469264" s="10"/>
    </row>
    <row r="469265" spans="14:14">
      <c r="N469265" s="10"/>
    </row>
    <row r="469266" spans="14:14">
      <c r="N469266" s="10"/>
    </row>
    <row r="469267" spans="14:14">
      <c r="N469267" s="10"/>
    </row>
    <row r="469268" spans="14:14">
      <c r="N469268" s="10"/>
    </row>
    <row r="469269" spans="14:14">
      <c r="N469269" s="10"/>
    </row>
    <row r="469270" spans="14:14">
      <c r="N469270" s="10"/>
    </row>
    <row r="469271" spans="14:14">
      <c r="N469271" s="10"/>
    </row>
    <row r="469272" spans="14:14">
      <c r="N469272" s="10"/>
    </row>
    <row r="469273" spans="14:14">
      <c r="N469273" s="10"/>
    </row>
    <row r="469274" spans="14:14">
      <c r="N469274" s="10"/>
    </row>
    <row r="469275" spans="14:14">
      <c r="N469275" s="10"/>
    </row>
    <row r="469276" spans="14:14">
      <c r="N469276" s="10"/>
    </row>
    <row r="469277" spans="14:14">
      <c r="N469277" s="10"/>
    </row>
    <row r="469278" spans="14:14">
      <c r="N469278" s="10"/>
    </row>
    <row r="469279" spans="14:14">
      <c r="N469279" s="10"/>
    </row>
    <row r="469280" spans="14:14">
      <c r="N469280" s="10"/>
    </row>
    <row r="469281" spans="14:14">
      <c r="N469281" s="10"/>
    </row>
    <row r="469282" spans="14:14">
      <c r="N469282" s="10"/>
    </row>
    <row r="469283" spans="14:14">
      <c r="N469283" s="10"/>
    </row>
    <row r="469284" spans="14:14">
      <c r="N469284" s="10"/>
    </row>
    <row r="469285" spans="14:14">
      <c r="N469285" s="10"/>
    </row>
    <row r="469286" spans="14:14">
      <c r="N469286" s="10"/>
    </row>
    <row r="469287" spans="14:14">
      <c r="N469287" s="10"/>
    </row>
    <row r="469288" spans="14:14">
      <c r="N469288" s="10"/>
    </row>
    <row r="469289" spans="14:14">
      <c r="N469289" s="10"/>
    </row>
    <row r="469290" spans="14:14">
      <c r="N469290" s="10"/>
    </row>
    <row r="469291" spans="14:14">
      <c r="N469291" s="10"/>
    </row>
    <row r="469292" spans="14:14">
      <c r="N469292" s="10"/>
    </row>
    <row r="469293" spans="14:14">
      <c r="N469293" s="10"/>
    </row>
    <row r="469294" spans="14:14">
      <c r="N469294" s="10"/>
    </row>
    <row r="469295" spans="14:14">
      <c r="N469295" s="10"/>
    </row>
    <row r="469296" spans="14:14">
      <c r="N469296" s="10"/>
    </row>
    <row r="469297" spans="14:14">
      <c r="N469297" s="10"/>
    </row>
    <row r="469298" spans="14:14">
      <c r="N469298" s="10"/>
    </row>
    <row r="469299" spans="14:14">
      <c r="N469299" s="10"/>
    </row>
    <row r="469300" spans="14:14">
      <c r="N469300" s="10"/>
    </row>
    <row r="469301" spans="14:14">
      <c r="N469301" s="10"/>
    </row>
    <row r="469302" spans="14:14">
      <c r="N469302" s="10"/>
    </row>
    <row r="469303" spans="14:14">
      <c r="N469303" s="10"/>
    </row>
    <row r="469304" spans="14:14">
      <c r="N469304" s="10"/>
    </row>
    <row r="469305" spans="14:14">
      <c r="N469305" s="10"/>
    </row>
    <row r="469306" spans="14:14">
      <c r="N469306" s="10"/>
    </row>
    <row r="469307" spans="14:14">
      <c r="N469307" s="10"/>
    </row>
    <row r="469308" spans="14:14">
      <c r="N469308" s="10"/>
    </row>
    <row r="469309" spans="14:14">
      <c r="N469309" s="10"/>
    </row>
    <row r="469310" spans="14:14">
      <c r="N469310" s="10"/>
    </row>
    <row r="469311" spans="14:14">
      <c r="N469311" s="10"/>
    </row>
    <row r="469312" spans="14:14">
      <c r="N469312" s="10"/>
    </row>
    <row r="469313" spans="14:14">
      <c r="N469313" s="10"/>
    </row>
    <row r="469314" spans="14:14">
      <c r="N469314" s="10"/>
    </row>
    <row r="469315" spans="14:14">
      <c r="N469315" s="10"/>
    </row>
    <row r="469316" spans="14:14">
      <c r="N469316" s="10"/>
    </row>
    <row r="469317" spans="14:14">
      <c r="N469317" s="10"/>
    </row>
    <row r="469318" spans="14:14">
      <c r="N469318" s="10"/>
    </row>
    <row r="469319" spans="14:14">
      <c r="N469319" s="10"/>
    </row>
    <row r="469320" spans="14:14">
      <c r="N469320" s="10"/>
    </row>
    <row r="469321" spans="14:14">
      <c r="N469321" s="10"/>
    </row>
    <row r="469322" spans="14:14">
      <c r="N469322" s="10"/>
    </row>
    <row r="469323" spans="14:14">
      <c r="N469323" s="10"/>
    </row>
    <row r="469324" spans="14:14">
      <c r="N469324" s="10"/>
    </row>
    <row r="469325" spans="14:14">
      <c r="N469325" s="10"/>
    </row>
    <row r="469326" spans="14:14">
      <c r="N469326" s="10"/>
    </row>
    <row r="469327" spans="14:14">
      <c r="N469327" s="10"/>
    </row>
    <row r="469328" spans="14:14">
      <c r="N469328" s="10"/>
    </row>
    <row r="469329" spans="14:14">
      <c r="N469329" s="10"/>
    </row>
    <row r="469330" spans="14:14">
      <c r="N469330" s="10"/>
    </row>
    <row r="469331" spans="14:14">
      <c r="N469331" s="10"/>
    </row>
    <row r="469332" spans="14:14">
      <c r="N469332" s="10"/>
    </row>
    <row r="469333" spans="14:14">
      <c r="N469333" s="10"/>
    </row>
    <row r="469334" spans="14:14">
      <c r="N469334" s="10"/>
    </row>
    <row r="469335" spans="14:14">
      <c r="N469335" s="10"/>
    </row>
    <row r="469336" spans="14:14">
      <c r="N469336" s="10"/>
    </row>
    <row r="469337" spans="14:14">
      <c r="N469337" s="10"/>
    </row>
    <row r="469338" spans="14:14">
      <c r="N469338" s="10"/>
    </row>
    <row r="469339" spans="14:14">
      <c r="N469339" s="10"/>
    </row>
    <row r="469340" spans="14:14">
      <c r="N469340" s="10"/>
    </row>
    <row r="469341" spans="14:14">
      <c r="N469341" s="10"/>
    </row>
    <row r="469342" spans="14:14">
      <c r="N469342" s="10"/>
    </row>
    <row r="469343" spans="14:14">
      <c r="N469343" s="10"/>
    </row>
    <row r="469344" spans="14:14">
      <c r="N469344" s="10"/>
    </row>
    <row r="469345" spans="14:14">
      <c r="N469345" s="10"/>
    </row>
    <row r="469346" spans="14:14">
      <c r="N469346" s="10"/>
    </row>
    <row r="469347" spans="14:14">
      <c r="N469347" s="10"/>
    </row>
    <row r="469348" spans="14:14">
      <c r="N469348" s="10"/>
    </row>
    <row r="469349" spans="14:14">
      <c r="N469349" s="10"/>
    </row>
    <row r="469350" spans="14:14">
      <c r="N469350" s="10"/>
    </row>
    <row r="469351" spans="14:14">
      <c r="N469351" s="10"/>
    </row>
    <row r="469352" spans="14:14">
      <c r="N469352" s="10"/>
    </row>
    <row r="469353" spans="14:14">
      <c r="N469353" s="10"/>
    </row>
    <row r="469354" spans="14:14">
      <c r="N469354" s="10"/>
    </row>
    <row r="469355" spans="14:14">
      <c r="N469355" s="10"/>
    </row>
    <row r="469356" spans="14:14">
      <c r="N469356" s="10"/>
    </row>
    <row r="469357" spans="14:14">
      <c r="N469357" s="10"/>
    </row>
    <row r="469358" spans="14:14">
      <c r="N469358" s="10"/>
    </row>
    <row r="469359" spans="14:14">
      <c r="N469359" s="10"/>
    </row>
    <row r="469360" spans="14:14">
      <c r="N469360" s="10"/>
    </row>
    <row r="469361" spans="14:14">
      <c r="N469361" s="10"/>
    </row>
    <row r="469362" spans="14:14">
      <c r="N469362" s="10"/>
    </row>
    <row r="469363" spans="14:14">
      <c r="N469363" s="10"/>
    </row>
    <row r="469364" spans="14:14">
      <c r="N469364" s="10"/>
    </row>
    <row r="469365" spans="14:14">
      <c r="N469365" s="10"/>
    </row>
    <row r="469366" spans="14:14">
      <c r="N469366" s="10"/>
    </row>
    <row r="469367" spans="14:14">
      <c r="N469367" s="10"/>
    </row>
    <row r="469368" spans="14:14">
      <c r="N469368" s="10"/>
    </row>
    <row r="469369" spans="14:14">
      <c r="N469369" s="10"/>
    </row>
    <row r="469370" spans="14:14">
      <c r="N469370" s="10"/>
    </row>
    <row r="469371" spans="14:14">
      <c r="N469371" s="10"/>
    </row>
    <row r="469372" spans="14:14">
      <c r="N469372" s="10"/>
    </row>
    <row r="469373" spans="14:14">
      <c r="N469373" s="10"/>
    </row>
    <row r="469374" spans="14:14">
      <c r="N469374" s="10"/>
    </row>
    <row r="469375" spans="14:14">
      <c r="N469375" s="10"/>
    </row>
    <row r="469376" spans="14:14">
      <c r="N469376" s="10"/>
    </row>
    <row r="469377" spans="14:14">
      <c r="N469377" s="10"/>
    </row>
    <row r="469378" spans="14:14">
      <c r="N469378" s="10"/>
    </row>
    <row r="469379" spans="14:14">
      <c r="N469379" s="10"/>
    </row>
    <row r="469380" spans="14:14">
      <c r="N469380" s="10"/>
    </row>
    <row r="469381" spans="14:14">
      <c r="N469381" s="10"/>
    </row>
    <row r="469382" spans="14:14">
      <c r="N469382" s="10"/>
    </row>
    <row r="469383" spans="14:14">
      <c r="N469383" s="10"/>
    </row>
    <row r="469384" spans="14:14">
      <c r="N469384" s="10"/>
    </row>
    <row r="469385" spans="14:14">
      <c r="N469385" s="10"/>
    </row>
    <row r="469386" spans="14:14">
      <c r="N469386" s="10"/>
    </row>
    <row r="469387" spans="14:14">
      <c r="N469387" s="10"/>
    </row>
    <row r="469388" spans="14:14">
      <c r="N469388" s="10"/>
    </row>
    <row r="469389" spans="14:14">
      <c r="N469389" s="10"/>
    </row>
    <row r="469390" spans="14:14">
      <c r="N469390" s="10"/>
    </row>
    <row r="469391" spans="14:14">
      <c r="N469391" s="10"/>
    </row>
    <row r="469392" spans="14:14">
      <c r="N469392" s="10"/>
    </row>
    <row r="469393" spans="14:14">
      <c r="N469393" s="10"/>
    </row>
    <row r="469394" spans="14:14">
      <c r="N469394" s="10"/>
    </row>
    <row r="469395" spans="14:14">
      <c r="N469395" s="10"/>
    </row>
    <row r="469396" spans="14:14">
      <c r="N469396" s="10"/>
    </row>
    <row r="469397" spans="14:14">
      <c r="N469397" s="10"/>
    </row>
    <row r="469398" spans="14:14">
      <c r="N469398" s="10"/>
    </row>
    <row r="469399" spans="14:14">
      <c r="N469399" s="10"/>
    </row>
    <row r="469400" spans="14:14">
      <c r="N469400" s="10"/>
    </row>
    <row r="469401" spans="14:14">
      <c r="N469401" s="10"/>
    </row>
    <row r="469402" spans="14:14">
      <c r="N469402" s="10"/>
    </row>
    <row r="469403" spans="14:14">
      <c r="N469403" s="10"/>
    </row>
    <row r="469404" spans="14:14">
      <c r="N469404" s="10"/>
    </row>
    <row r="469405" spans="14:14">
      <c r="N469405" s="10"/>
    </row>
    <row r="469406" spans="14:14">
      <c r="N469406" s="10"/>
    </row>
    <row r="469407" spans="14:14">
      <c r="N469407" s="10"/>
    </row>
    <row r="469408" spans="14:14">
      <c r="N469408" s="10"/>
    </row>
    <row r="469409" spans="14:14">
      <c r="N469409" s="10"/>
    </row>
    <row r="469410" spans="14:14">
      <c r="N469410" s="10"/>
    </row>
    <row r="469411" spans="14:14">
      <c r="N469411" s="10"/>
    </row>
    <row r="469412" spans="14:14">
      <c r="N469412" s="10"/>
    </row>
    <row r="469413" spans="14:14">
      <c r="N469413" s="10"/>
    </row>
    <row r="469414" spans="14:14">
      <c r="N469414" s="10"/>
    </row>
    <row r="469415" spans="14:14">
      <c r="N469415" s="10"/>
    </row>
    <row r="469416" spans="14:14">
      <c r="N469416" s="10"/>
    </row>
    <row r="469417" spans="14:14">
      <c r="N469417" s="10"/>
    </row>
    <row r="469418" spans="14:14">
      <c r="N469418" s="10"/>
    </row>
    <row r="469419" spans="14:14">
      <c r="N469419" s="10"/>
    </row>
    <row r="469420" spans="14:14">
      <c r="N469420" s="10"/>
    </row>
    <row r="469421" spans="14:14">
      <c r="N469421" s="10"/>
    </row>
    <row r="469422" spans="14:14">
      <c r="N469422" s="10"/>
    </row>
    <row r="469423" spans="14:14">
      <c r="N469423" s="10"/>
    </row>
    <row r="469424" spans="14:14">
      <c r="N469424" s="10"/>
    </row>
    <row r="469425" spans="14:14">
      <c r="N469425" s="10"/>
    </row>
    <row r="469426" spans="14:14">
      <c r="N469426" s="10"/>
    </row>
    <row r="469427" spans="14:14">
      <c r="N469427" s="10"/>
    </row>
    <row r="469428" spans="14:14">
      <c r="N469428" s="10"/>
    </row>
    <row r="469429" spans="14:14">
      <c r="N469429" s="10"/>
    </row>
    <row r="469430" spans="14:14">
      <c r="N469430" s="10"/>
    </row>
    <row r="469431" spans="14:14">
      <c r="N469431" s="10"/>
    </row>
    <row r="469432" spans="14:14">
      <c r="N469432" s="10"/>
    </row>
    <row r="469433" spans="14:14">
      <c r="N469433" s="10"/>
    </row>
    <row r="469434" spans="14:14">
      <c r="N469434" s="10"/>
    </row>
    <row r="469435" spans="14:14">
      <c r="N469435" s="10"/>
    </row>
    <row r="469436" spans="14:14">
      <c r="N469436" s="10"/>
    </row>
    <row r="469437" spans="14:14">
      <c r="N469437" s="10"/>
    </row>
    <row r="469438" spans="14:14">
      <c r="N469438" s="10"/>
    </row>
    <row r="469439" spans="14:14">
      <c r="N469439" s="10"/>
    </row>
    <row r="469440" spans="14:14">
      <c r="N469440" s="10"/>
    </row>
    <row r="469441" spans="14:14">
      <c r="N469441" s="10"/>
    </row>
    <row r="469442" spans="14:14">
      <c r="N469442" s="10"/>
    </row>
    <row r="469443" spans="14:14">
      <c r="N469443" s="10"/>
    </row>
    <row r="469444" spans="14:14">
      <c r="N469444" s="10"/>
    </row>
    <row r="469445" spans="14:14">
      <c r="N469445" s="10"/>
    </row>
    <row r="469446" spans="14:14">
      <c r="N469446" s="10"/>
    </row>
    <row r="469447" spans="14:14">
      <c r="N469447" s="10"/>
    </row>
    <row r="469448" spans="14:14">
      <c r="N469448" s="10"/>
    </row>
    <row r="469449" spans="14:14">
      <c r="N469449" s="10"/>
    </row>
    <row r="469450" spans="14:14">
      <c r="N469450" s="10"/>
    </row>
    <row r="469451" spans="14:14">
      <c r="N469451" s="10"/>
    </row>
    <row r="469452" spans="14:14">
      <c r="N469452" s="10"/>
    </row>
    <row r="469453" spans="14:14">
      <c r="N469453" s="10"/>
    </row>
    <row r="469454" spans="14:14">
      <c r="N469454" s="10"/>
    </row>
    <row r="469455" spans="14:14">
      <c r="N469455" s="10"/>
    </row>
    <row r="469456" spans="14:14">
      <c r="N469456" s="10"/>
    </row>
    <row r="469457" spans="14:14">
      <c r="N469457" s="10"/>
    </row>
    <row r="469458" spans="14:14">
      <c r="N469458" s="10"/>
    </row>
    <row r="469459" spans="14:14">
      <c r="N469459" s="10"/>
    </row>
    <row r="469460" spans="14:14">
      <c r="N469460" s="10"/>
    </row>
    <row r="469461" spans="14:14">
      <c r="N469461" s="10"/>
    </row>
    <row r="469462" spans="14:14">
      <c r="N469462" s="10"/>
    </row>
    <row r="469463" spans="14:14">
      <c r="N469463" s="10"/>
    </row>
    <row r="469464" spans="14:14">
      <c r="N469464" s="10"/>
    </row>
    <row r="469465" spans="14:14">
      <c r="N469465" s="10"/>
    </row>
    <row r="469466" spans="14:14">
      <c r="N469466" s="10"/>
    </row>
    <row r="469467" spans="14:14">
      <c r="N469467" s="10"/>
    </row>
    <row r="469468" spans="14:14">
      <c r="N469468" s="10"/>
    </row>
    <row r="469469" spans="14:14">
      <c r="N469469" s="10"/>
    </row>
    <row r="469470" spans="14:14">
      <c r="N469470" s="10"/>
    </row>
    <row r="469471" spans="14:14">
      <c r="N469471" s="10"/>
    </row>
    <row r="469472" spans="14:14">
      <c r="N469472" s="10"/>
    </row>
    <row r="469473" spans="14:14">
      <c r="N469473" s="10"/>
    </row>
    <row r="469474" spans="14:14">
      <c r="N469474" s="10"/>
    </row>
    <row r="469475" spans="14:14">
      <c r="N469475" s="10"/>
    </row>
    <row r="469476" spans="14:14">
      <c r="N469476" s="10"/>
    </row>
    <row r="469477" spans="14:14">
      <c r="N469477" s="10"/>
    </row>
    <row r="469478" spans="14:14">
      <c r="N469478" s="10"/>
    </row>
    <row r="469479" spans="14:14">
      <c r="N469479" s="10"/>
    </row>
    <row r="469480" spans="14:14">
      <c r="N469480" s="10"/>
    </row>
    <row r="469481" spans="14:14">
      <c r="N469481" s="10"/>
    </row>
    <row r="469482" spans="14:14">
      <c r="N469482" s="10"/>
    </row>
    <row r="469483" spans="14:14">
      <c r="N469483" s="10"/>
    </row>
    <row r="469484" spans="14:14">
      <c r="N469484" s="10"/>
    </row>
    <row r="469485" spans="14:14">
      <c r="N469485" s="10"/>
    </row>
    <row r="469486" spans="14:14">
      <c r="N469486" s="10"/>
    </row>
    <row r="469487" spans="14:14">
      <c r="N469487" s="10"/>
    </row>
    <row r="469488" spans="14:14">
      <c r="N469488" s="10"/>
    </row>
    <row r="469489" spans="14:14">
      <c r="N469489" s="10"/>
    </row>
    <row r="469490" spans="14:14">
      <c r="N469490" s="10"/>
    </row>
    <row r="469491" spans="14:14">
      <c r="N469491" s="10"/>
    </row>
    <row r="469492" spans="14:14">
      <c r="N469492" s="10"/>
    </row>
    <row r="469493" spans="14:14">
      <c r="N469493" s="10"/>
    </row>
    <row r="469494" spans="14:14">
      <c r="N469494" s="10"/>
    </row>
    <row r="469495" spans="14:14">
      <c r="N469495" s="10"/>
    </row>
    <row r="469496" spans="14:14">
      <c r="N469496" s="10"/>
    </row>
    <row r="469497" spans="14:14">
      <c r="N469497" s="10"/>
    </row>
    <row r="469498" spans="14:14">
      <c r="N469498" s="10"/>
    </row>
    <row r="469499" spans="14:14">
      <c r="N469499" s="10"/>
    </row>
    <row r="469500" spans="14:14">
      <c r="N469500" s="10"/>
    </row>
    <row r="469501" spans="14:14">
      <c r="N469501" s="10"/>
    </row>
    <row r="469502" spans="14:14">
      <c r="N469502" s="10"/>
    </row>
    <row r="469503" spans="14:14">
      <c r="N469503" s="10"/>
    </row>
    <row r="469504" spans="14:14">
      <c r="N469504" s="10"/>
    </row>
    <row r="469505" spans="14:14">
      <c r="N469505" s="10"/>
    </row>
    <row r="469506" spans="14:14">
      <c r="N469506" s="10"/>
    </row>
    <row r="469507" spans="14:14">
      <c r="N469507" s="10"/>
    </row>
    <row r="469508" spans="14:14">
      <c r="N469508" s="10"/>
    </row>
    <row r="469509" spans="14:14">
      <c r="N469509" s="10"/>
    </row>
    <row r="469510" spans="14:14">
      <c r="N469510" s="10"/>
    </row>
    <row r="469511" spans="14:14">
      <c r="N469511" s="10"/>
    </row>
    <row r="469512" spans="14:14">
      <c r="N469512" s="10"/>
    </row>
    <row r="469513" spans="14:14">
      <c r="N469513" s="10"/>
    </row>
    <row r="469514" spans="14:14">
      <c r="N469514" s="10"/>
    </row>
    <row r="469515" spans="14:14">
      <c r="N469515" s="10"/>
    </row>
    <row r="469516" spans="14:14">
      <c r="N469516" s="10"/>
    </row>
    <row r="469517" spans="14:14">
      <c r="N469517" s="10"/>
    </row>
    <row r="469518" spans="14:14">
      <c r="N469518" s="10"/>
    </row>
    <row r="469519" spans="14:14">
      <c r="N469519" s="10"/>
    </row>
    <row r="469520" spans="14:14">
      <c r="N469520" s="10"/>
    </row>
    <row r="469521" spans="14:14">
      <c r="N469521" s="10"/>
    </row>
    <row r="469522" spans="14:14">
      <c r="N469522" s="10"/>
    </row>
    <row r="469523" spans="14:14">
      <c r="N469523" s="10"/>
    </row>
    <row r="469524" spans="14:14">
      <c r="N469524" s="10"/>
    </row>
    <row r="469525" spans="14:14">
      <c r="N469525" s="10"/>
    </row>
    <row r="469526" spans="14:14">
      <c r="N469526" s="10"/>
    </row>
    <row r="469527" spans="14:14">
      <c r="N469527" s="10"/>
    </row>
    <row r="469528" spans="14:14">
      <c r="N469528" s="10"/>
    </row>
    <row r="469529" spans="14:14">
      <c r="N469529" s="10"/>
    </row>
    <row r="469530" spans="14:14">
      <c r="N469530" s="10"/>
    </row>
    <row r="469531" spans="14:14">
      <c r="N469531" s="10"/>
    </row>
    <row r="469532" spans="14:14">
      <c r="N469532" s="10"/>
    </row>
    <row r="469533" spans="14:14">
      <c r="N469533" s="10"/>
    </row>
    <row r="469534" spans="14:14">
      <c r="N469534" s="10"/>
    </row>
    <row r="469535" spans="14:14">
      <c r="N469535" s="10"/>
    </row>
    <row r="469536" spans="14:14">
      <c r="N469536" s="10"/>
    </row>
    <row r="469537" spans="14:14">
      <c r="N469537" s="10"/>
    </row>
    <row r="469538" spans="14:14">
      <c r="N469538" s="10"/>
    </row>
    <row r="469539" spans="14:14">
      <c r="N469539" s="10"/>
    </row>
    <row r="469540" spans="14:14">
      <c r="N469540" s="10"/>
    </row>
    <row r="469541" spans="14:14">
      <c r="N469541" s="10"/>
    </row>
    <row r="469542" spans="14:14">
      <c r="N469542" s="10"/>
    </row>
    <row r="469543" spans="14:14">
      <c r="N469543" s="10"/>
    </row>
    <row r="469544" spans="14:14">
      <c r="N469544" s="10"/>
    </row>
    <row r="469545" spans="14:14">
      <c r="N469545" s="10"/>
    </row>
    <row r="469546" spans="14:14">
      <c r="N469546" s="10"/>
    </row>
    <row r="469547" spans="14:14">
      <c r="N469547" s="10"/>
    </row>
    <row r="469548" spans="14:14">
      <c r="N469548" s="10"/>
    </row>
    <row r="469549" spans="14:14">
      <c r="N469549" s="10"/>
    </row>
    <row r="469550" spans="14:14">
      <c r="N469550" s="10"/>
    </row>
    <row r="469551" spans="14:14">
      <c r="N469551" s="10"/>
    </row>
    <row r="469552" spans="14:14">
      <c r="N469552" s="10"/>
    </row>
    <row r="469553" spans="14:14">
      <c r="N469553" s="10"/>
    </row>
    <row r="469554" spans="14:14">
      <c r="N469554" s="10"/>
    </row>
    <row r="469555" spans="14:14">
      <c r="N469555" s="10"/>
    </row>
    <row r="469556" spans="14:14">
      <c r="N469556" s="10"/>
    </row>
    <row r="469557" spans="14:14">
      <c r="N469557" s="10"/>
    </row>
    <row r="469558" spans="14:14">
      <c r="N469558" s="10"/>
    </row>
    <row r="469559" spans="14:14">
      <c r="N469559" s="10"/>
    </row>
    <row r="469560" spans="14:14">
      <c r="N469560" s="10"/>
    </row>
    <row r="469561" spans="14:14">
      <c r="N469561" s="10"/>
    </row>
    <row r="469562" spans="14:14">
      <c r="N469562" s="10"/>
    </row>
    <row r="469563" spans="14:14">
      <c r="N469563" s="10"/>
    </row>
    <row r="469564" spans="14:14">
      <c r="N469564" s="10"/>
    </row>
    <row r="469565" spans="14:14">
      <c r="N469565" s="10"/>
    </row>
    <row r="469566" spans="14:14">
      <c r="N469566" s="10"/>
    </row>
    <row r="469567" spans="14:14">
      <c r="N469567" s="10"/>
    </row>
    <row r="469568" spans="14:14">
      <c r="N469568" s="10"/>
    </row>
    <row r="469569" spans="14:14">
      <c r="N469569" s="10"/>
    </row>
    <row r="469570" spans="14:14">
      <c r="N469570" s="10"/>
    </row>
    <row r="469571" spans="14:14">
      <c r="N469571" s="10"/>
    </row>
    <row r="469572" spans="14:14">
      <c r="N469572" s="10"/>
    </row>
    <row r="469573" spans="14:14">
      <c r="N469573" s="10"/>
    </row>
    <row r="469574" spans="14:14">
      <c r="N469574" s="10"/>
    </row>
    <row r="469575" spans="14:14">
      <c r="N469575" s="10"/>
    </row>
    <row r="469576" spans="14:14">
      <c r="N469576" s="10"/>
    </row>
    <row r="469577" spans="14:14">
      <c r="N469577" s="10"/>
    </row>
    <row r="469578" spans="14:14">
      <c r="N469578" s="10"/>
    </row>
    <row r="469579" spans="14:14">
      <c r="N469579" s="10"/>
    </row>
    <row r="469580" spans="14:14">
      <c r="N469580" s="10"/>
    </row>
    <row r="469581" spans="14:14">
      <c r="N469581" s="10"/>
    </row>
    <row r="469582" spans="14:14">
      <c r="N469582" s="10"/>
    </row>
    <row r="469583" spans="14:14">
      <c r="N469583" s="10"/>
    </row>
    <row r="469584" spans="14:14">
      <c r="N469584" s="10"/>
    </row>
    <row r="469585" spans="14:14">
      <c r="N469585" s="10"/>
    </row>
    <row r="469586" spans="14:14">
      <c r="N469586" s="10"/>
    </row>
    <row r="469587" spans="14:14">
      <c r="N469587" s="10"/>
    </row>
    <row r="469588" spans="14:14">
      <c r="N469588" s="10"/>
    </row>
    <row r="469589" spans="14:14">
      <c r="N469589" s="10"/>
    </row>
    <row r="469590" spans="14:14">
      <c r="N469590" s="10"/>
    </row>
    <row r="469591" spans="14:14">
      <c r="N469591" s="10"/>
    </row>
    <row r="469592" spans="14:14">
      <c r="N469592" s="10"/>
    </row>
    <row r="469593" spans="14:14">
      <c r="N469593" s="10"/>
    </row>
    <row r="469594" spans="14:14">
      <c r="N469594" s="10"/>
    </row>
    <row r="469595" spans="14:14">
      <c r="N469595" s="10"/>
    </row>
    <row r="469596" spans="14:14">
      <c r="N469596" s="10"/>
    </row>
    <row r="469597" spans="14:14">
      <c r="N469597" s="10"/>
    </row>
    <row r="469598" spans="14:14">
      <c r="N469598" s="10"/>
    </row>
    <row r="469599" spans="14:14">
      <c r="N469599" s="10"/>
    </row>
    <row r="469600" spans="14:14">
      <c r="N469600" s="10"/>
    </row>
    <row r="469601" spans="14:14">
      <c r="N469601" s="10"/>
    </row>
    <row r="469602" spans="14:14">
      <c r="N469602" s="10"/>
    </row>
    <row r="469603" spans="14:14">
      <c r="N469603" s="10"/>
    </row>
    <row r="469604" spans="14:14">
      <c r="N469604" s="10"/>
    </row>
    <row r="469605" spans="14:14">
      <c r="N469605" s="10"/>
    </row>
    <row r="469606" spans="14:14">
      <c r="N469606" s="10"/>
    </row>
    <row r="469607" spans="14:14">
      <c r="N469607" s="10"/>
    </row>
    <row r="469608" spans="14:14">
      <c r="N469608" s="10"/>
    </row>
    <row r="469609" spans="14:14">
      <c r="N469609" s="10"/>
    </row>
    <row r="469610" spans="14:14">
      <c r="N469610" s="10"/>
    </row>
    <row r="469611" spans="14:14">
      <c r="N469611" s="10"/>
    </row>
    <row r="469612" spans="14:14">
      <c r="N469612" s="10"/>
    </row>
    <row r="469613" spans="14:14">
      <c r="N469613" s="10"/>
    </row>
    <row r="469614" spans="14:14">
      <c r="N469614" s="10"/>
    </row>
    <row r="469615" spans="14:14">
      <c r="N469615" s="10"/>
    </row>
    <row r="469616" spans="14:14">
      <c r="N469616" s="10"/>
    </row>
    <row r="469617" spans="14:14">
      <c r="N469617" s="10"/>
    </row>
    <row r="469618" spans="14:14">
      <c r="N469618" s="10"/>
    </row>
    <row r="469619" spans="14:14">
      <c r="N469619" s="10"/>
    </row>
    <row r="469620" spans="14:14">
      <c r="N469620" s="10"/>
    </row>
    <row r="469621" spans="14:14">
      <c r="N469621" s="10"/>
    </row>
    <row r="469622" spans="14:14">
      <c r="N469622" s="10"/>
    </row>
    <row r="469623" spans="14:14">
      <c r="N469623" s="10"/>
    </row>
    <row r="469624" spans="14:14">
      <c r="N469624" s="10"/>
    </row>
    <row r="469625" spans="14:14">
      <c r="N469625" s="10"/>
    </row>
    <row r="469626" spans="14:14">
      <c r="N469626" s="10"/>
    </row>
    <row r="469627" spans="14:14">
      <c r="N469627" s="10"/>
    </row>
    <row r="469628" spans="14:14">
      <c r="N469628" s="10"/>
    </row>
    <row r="469629" spans="14:14">
      <c r="N469629" s="10"/>
    </row>
    <row r="469630" spans="14:14">
      <c r="N469630" s="10"/>
    </row>
    <row r="469631" spans="14:14">
      <c r="N469631" s="10"/>
    </row>
    <row r="469632" spans="14:14">
      <c r="N469632" s="10"/>
    </row>
    <row r="469633" spans="14:14">
      <c r="N469633" s="10"/>
    </row>
    <row r="469634" spans="14:14">
      <c r="N469634" s="10"/>
    </row>
    <row r="469635" spans="14:14">
      <c r="N469635" s="10"/>
    </row>
    <row r="469636" spans="14:14">
      <c r="N469636" s="10"/>
    </row>
    <row r="469637" spans="14:14">
      <c r="N469637" s="10"/>
    </row>
    <row r="469638" spans="14:14">
      <c r="N469638" s="10"/>
    </row>
    <row r="469639" spans="14:14">
      <c r="N469639" s="10"/>
    </row>
    <row r="469640" spans="14:14">
      <c r="N469640" s="10"/>
    </row>
    <row r="469641" spans="14:14">
      <c r="N469641" s="10"/>
    </row>
    <row r="469642" spans="14:14">
      <c r="N469642" s="10"/>
    </row>
    <row r="469643" spans="14:14">
      <c r="N469643" s="10"/>
    </row>
    <row r="469644" spans="14:14">
      <c r="N469644" s="10"/>
    </row>
    <row r="469645" spans="14:14">
      <c r="N469645" s="10"/>
    </row>
    <row r="469646" spans="14:14">
      <c r="N469646" s="10"/>
    </row>
    <row r="469647" spans="14:14">
      <c r="N469647" s="10"/>
    </row>
    <row r="469648" spans="14:14">
      <c r="N469648" s="10"/>
    </row>
    <row r="469649" spans="14:14">
      <c r="N469649" s="10"/>
    </row>
    <row r="469650" spans="14:14">
      <c r="N469650" s="10"/>
    </row>
    <row r="469651" spans="14:14">
      <c r="N469651" s="10"/>
    </row>
    <row r="469652" spans="14:14">
      <c r="N469652" s="10"/>
    </row>
    <row r="469653" spans="14:14">
      <c r="N469653" s="10"/>
    </row>
    <row r="469654" spans="14:14">
      <c r="N469654" s="10"/>
    </row>
    <row r="469655" spans="14:14">
      <c r="N469655" s="10"/>
    </row>
    <row r="469656" spans="14:14">
      <c r="N469656" s="10"/>
    </row>
    <row r="469657" spans="14:14">
      <c r="N469657" s="10"/>
    </row>
    <row r="469658" spans="14:14">
      <c r="N469658" s="10"/>
    </row>
    <row r="469659" spans="14:14">
      <c r="N469659" s="10"/>
    </row>
    <row r="469660" spans="14:14">
      <c r="N469660" s="10"/>
    </row>
    <row r="469661" spans="14:14">
      <c r="N469661" s="10"/>
    </row>
    <row r="469662" spans="14:14">
      <c r="N469662" s="10"/>
    </row>
    <row r="469663" spans="14:14">
      <c r="N469663" s="10"/>
    </row>
    <row r="469664" spans="14:14">
      <c r="N469664" s="10"/>
    </row>
    <row r="469665" spans="14:14">
      <c r="N469665" s="10"/>
    </row>
    <row r="469666" spans="14:14">
      <c r="N469666" s="10"/>
    </row>
    <row r="469667" spans="14:14">
      <c r="N469667" s="10"/>
    </row>
    <row r="469668" spans="14:14">
      <c r="N469668" s="10"/>
    </row>
    <row r="469669" spans="14:14">
      <c r="N469669" s="10"/>
    </row>
    <row r="469670" spans="14:14">
      <c r="N469670" s="10"/>
    </row>
    <row r="469671" spans="14:14">
      <c r="N469671" s="10"/>
    </row>
    <row r="469672" spans="14:14">
      <c r="N469672" s="10"/>
    </row>
    <row r="469673" spans="14:14">
      <c r="N469673" s="10"/>
    </row>
    <row r="469674" spans="14:14">
      <c r="N469674" s="10"/>
    </row>
    <row r="469675" spans="14:14">
      <c r="N469675" s="10"/>
    </row>
    <row r="469676" spans="14:14">
      <c r="N469676" s="10"/>
    </row>
    <row r="469677" spans="14:14">
      <c r="N469677" s="10"/>
    </row>
    <row r="469678" spans="14:14">
      <c r="N469678" s="10"/>
    </row>
    <row r="469679" spans="14:14">
      <c r="N469679" s="10"/>
    </row>
    <row r="469680" spans="14:14">
      <c r="N469680" s="10"/>
    </row>
    <row r="469681" spans="14:14">
      <c r="N469681" s="10"/>
    </row>
    <row r="469682" spans="14:14">
      <c r="N469682" s="10"/>
    </row>
    <row r="469683" spans="14:14">
      <c r="N469683" s="10"/>
    </row>
    <row r="469684" spans="14:14">
      <c r="N469684" s="10"/>
    </row>
    <row r="469685" spans="14:14">
      <c r="N469685" s="10"/>
    </row>
    <row r="469686" spans="14:14">
      <c r="N469686" s="10"/>
    </row>
    <row r="469687" spans="14:14">
      <c r="N469687" s="10"/>
    </row>
    <row r="469688" spans="14:14">
      <c r="N469688" s="10"/>
    </row>
    <row r="469689" spans="14:14">
      <c r="N469689" s="10"/>
    </row>
    <row r="469690" spans="14:14">
      <c r="N469690" s="10"/>
    </row>
    <row r="469691" spans="14:14">
      <c r="N469691" s="10"/>
    </row>
    <row r="469692" spans="14:14">
      <c r="N469692" s="10"/>
    </row>
    <row r="469693" spans="14:14">
      <c r="N469693" s="10"/>
    </row>
    <row r="469694" spans="14:14">
      <c r="N469694" s="10"/>
    </row>
    <row r="469695" spans="14:14">
      <c r="N469695" s="10"/>
    </row>
    <row r="469696" spans="14:14">
      <c r="N469696" s="10"/>
    </row>
    <row r="469697" spans="14:14">
      <c r="N469697" s="10"/>
    </row>
    <row r="469698" spans="14:14">
      <c r="N469698" s="10"/>
    </row>
    <row r="469699" spans="14:14">
      <c r="N469699" s="10"/>
    </row>
    <row r="469700" spans="14:14">
      <c r="N469700" s="10"/>
    </row>
    <row r="469701" spans="14:14">
      <c r="N469701" s="10"/>
    </row>
    <row r="469702" spans="14:14">
      <c r="N469702" s="10"/>
    </row>
    <row r="469703" spans="14:14">
      <c r="N469703" s="10"/>
    </row>
    <row r="469704" spans="14:14">
      <c r="N469704" s="10"/>
    </row>
    <row r="469705" spans="14:14">
      <c r="N469705" s="10"/>
    </row>
    <row r="469706" spans="14:14">
      <c r="N469706" s="10"/>
    </row>
    <row r="469707" spans="14:14">
      <c r="N469707" s="10"/>
    </row>
    <row r="469708" spans="14:14">
      <c r="N469708" s="10"/>
    </row>
    <row r="469709" spans="14:14">
      <c r="N469709" s="10"/>
    </row>
    <row r="469710" spans="14:14">
      <c r="N469710" s="10"/>
    </row>
    <row r="469711" spans="14:14">
      <c r="N469711" s="10"/>
    </row>
    <row r="469712" spans="14:14">
      <c r="N469712" s="10"/>
    </row>
    <row r="469713" spans="14:14">
      <c r="N469713" s="10"/>
    </row>
    <row r="469714" spans="14:14">
      <c r="N469714" s="10"/>
    </row>
    <row r="469715" spans="14:14">
      <c r="N469715" s="10"/>
    </row>
    <row r="469716" spans="14:14">
      <c r="N469716" s="10"/>
    </row>
    <row r="469717" spans="14:14">
      <c r="N469717" s="10"/>
    </row>
    <row r="469718" spans="14:14">
      <c r="N469718" s="10"/>
    </row>
    <row r="469719" spans="14:14">
      <c r="N469719" s="10"/>
    </row>
    <row r="469720" spans="14:14">
      <c r="N469720" s="10"/>
    </row>
    <row r="469721" spans="14:14">
      <c r="N469721" s="10"/>
    </row>
    <row r="469722" spans="14:14">
      <c r="N469722" s="10"/>
    </row>
    <row r="469723" spans="14:14">
      <c r="N469723" s="10"/>
    </row>
    <row r="469724" spans="14:14">
      <c r="N469724" s="10"/>
    </row>
    <row r="469725" spans="14:14">
      <c r="N469725" s="10"/>
    </row>
    <row r="469726" spans="14:14">
      <c r="N469726" s="10"/>
    </row>
    <row r="469727" spans="14:14">
      <c r="N469727" s="10"/>
    </row>
    <row r="469728" spans="14:14">
      <c r="N469728" s="10"/>
    </row>
    <row r="469729" spans="14:14">
      <c r="N469729" s="10"/>
    </row>
    <row r="469730" spans="14:14">
      <c r="N469730" s="10"/>
    </row>
    <row r="469731" spans="14:14">
      <c r="N469731" s="10"/>
    </row>
    <row r="469732" spans="14:14">
      <c r="N469732" s="10"/>
    </row>
    <row r="469733" spans="14:14">
      <c r="N469733" s="10"/>
    </row>
    <row r="469734" spans="14:14">
      <c r="N469734" s="10"/>
    </row>
    <row r="469735" spans="14:14">
      <c r="N469735" s="10"/>
    </row>
    <row r="469736" spans="14:14">
      <c r="N469736" s="10"/>
    </row>
    <row r="469737" spans="14:14">
      <c r="N469737" s="10"/>
    </row>
    <row r="469738" spans="14:14">
      <c r="N469738" s="10"/>
    </row>
    <row r="469739" spans="14:14">
      <c r="N469739" s="10"/>
    </row>
    <row r="469740" spans="14:14">
      <c r="N469740" s="10"/>
    </row>
    <row r="469741" spans="14:14">
      <c r="N469741" s="10"/>
    </row>
    <row r="469742" spans="14:14">
      <c r="N469742" s="10"/>
    </row>
    <row r="469743" spans="14:14">
      <c r="N469743" s="10"/>
    </row>
    <row r="469744" spans="14:14">
      <c r="N469744" s="10"/>
    </row>
    <row r="469745" spans="14:14">
      <c r="N469745" s="10"/>
    </row>
    <row r="469746" spans="14:14">
      <c r="N469746" s="10"/>
    </row>
    <row r="469747" spans="14:14">
      <c r="N469747" s="10"/>
    </row>
    <row r="469748" spans="14:14">
      <c r="N469748" s="10"/>
    </row>
    <row r="469749" spans="14:14">
      <c r="N469749" s="10"/>
    </row>
    <row r="469750" spans="14:14">
      <c r="N469750" s="10"/>
    </row>
    <row r="469751" spans="14:14">
      <c r="N469751" s="10"/>
    </row>
    <row r="469752" spans="14:14">
      <c r="N469752" s="10"/>
    </row>
    <row r="469753" spans="14:14">
      <c r="N469753" s="10"/>
    </row>
    <row r="469754" spans="14:14">
      <c r="N469754" s="10"/>
    </row>
    <row r="469755" spans="14:14">
      <c r="N469755" s="10"/>
    </row>
    <row r="469756" spans="14:14">
      <c r="N469756" s="10"/>
    </row>
    <row r="469757" spans="14:14">
      <c r="N469757" s="10"/>
    </row>
    <row r="469758" spans="14:14">
      <c r="N469758" s="10"/>
    </row>
    <row r="469759" spans="14:14">
      <c r="N469759" s="10"/>
    </row>
    <row r="469760" spans="14:14">
      <c r="N469760" s="10"/>
    </row>
    <row r="469761" spans="14:14">
      <c r="N469761" s="10"/>
    </row>
    <row r="469762" spans="14:14">
      <c r="N469762" s="10"/>
    </row>
    <row r="469763" spans="14:14">
      <c r="N469763" s="10"/>
    </row>
    <row r="469764" spans="14:14">
      <c r="N469764" s="10"/>
    </row>
    <row r="469765" spans="14:14">
      <c r="N469765" s="10"/>
    </row>
    <row r="469766" spans="14:14">
      <c r="N469766" s="10"/>
    </row>
    <row r="469767" spans="14:14">
      <c r="N469767" s="10"/>
    </row>
    <row r="469768" spans="14:14">
      <c r="N469768" s="10"/>
    </row>
    <row r="469769" spans="14:14">
      <c r="N469769" s="10"/>
    </row>
    <row r="469770" spans="14:14">
      <c r="N469770" s="10"/>
    </row>
    <row r="469771" spans="14:14">
      <c r="N469771" s="10"/>
    </row>
    <row r="469772" spans="14:14">
      <c r="N469772" s="10"/>
    </row>
    <row r="469773" spans="14:14">
      <c r="N469773" s="10"/>
    </row>
    <row r="469774" spans="14:14">
      <c r="N469774" s="10"/>
    </row>
    <row r="469775" spans="14:14">
      <c r="N469775" s="10"/>
    </row>
    <row r="469776" spans="14:14">
      <c r="N469776" s="10"/>
    </row>
    <row r="469777" spans="14:14">
      <c r="N469777" s="10"/>
    </row>
    <row r="469778" spans="14:14">
      <c r="N469778" s="10"/>
    </row>
    <row r="469779" spans="14:14">
      <c r="N469779" s="10"/>
    </row>
    <row r="469780" spans="14:14">
      <c r="N469780" s="10"/>
    </row>
    <row r="469781" spans="14:14">
      <c r="N469781" s="10"/>
    </row>
    <row r="469782" spans="14:14">
      <c r="N469782" s="10"/>
    </row>
    <row r="469783" spans="14:14">
      <c r="N469783" s="10"/>
    </row>
    <row r="469784" spans="14:14">
      <c r="N469784" s="10"/>
    </row>
    <row r="469785" spans="14:14">
      <c r="N469785" s="10"/>
    </row>
    <row r="469786" spans="14:14">
      <c r="N469786" s="10"/>
    </row>
    <row r="469787" spans="14:14">
      <c r="N469787" s="10"/>
    </row>
    <row r="469788" spans="14:14">
      <c r="N469788" s="10"/>
    </row>
    <row r="469789" spans="14:14">
      <c r="N469789" s="10"/>
    </row>
    <row r="469790" spans="14:14">
      <c r="N469790" s="10"/>
    </row>
    <row r="469791" spans="14:14">
      <c r="N469791" s="10"/>
    </row>
    <row r="469792" spans="14:14">
      <c r="N469792" s="10"/>
    </row>
    <row r="469793" spans="14:14">
      <c r="N469793" s="10"/>
    </row>
    <row r="469794" spans="14:14">
      <c r="N469794" s="10"/>
    </row>
    <row r="469795" spans="14:14">
      <c r="N469795" s="10"/>
    </row>
    <row r="469796" spans="14:14">
      <c r="N469796" s="10"/>
    </row>
    <row r="469797" spans="14:14">
      <c r="N469797" s="10"/>
    </row>
    <row r="469798" spans="14:14">
      <c r="N469798" s="10"/>
    </row>
    <row r="469799" spans="14:14">
      <c r="N469799" s="10"/>
    </row>
    <row r="469800" spans="14:14">
      <c r="N469800" s="10"/>
    </row>
    <row r="469801" spans="14:14">
      <c r="N469801" s="10"/>
    </row>
    <row r="469802" spans="14:14">
      <c r="N469802" s="10"/>
    </row>
    <row r="469803" spans="14:14">
      <c r="N469803" s="10"/>
    </row>
    <row r="469804" spans="14:14">
      <c r="N469804" s="10"/>
    </row>
    <row r="469805" spans="14:14">
      <c r="N469805" s="10"/>
    </row>
    <row r="469806" spans="14:14">
      <c r="N469806" s="10"/>
    </row>
    <row r="469807" spans="14:14">
      <c r="N469807" s="10"/>
    </row>
    <row r="469808" spans="14:14">
      <c r="N469808" s="10"/>
    </row>
    <row r="469809" spans="14:14">
      <c r="N469809" s="10"/>
    </row>
    <row r="469810" spans="14:14">
      <c r="N469810" s="10"/>
    </row>
    <row r="469811" spans="14:14">
      <c r="N469811" s="10"/>
    </row>
    <row r="469812" spans="14:14">
      <c r="N469812" s="10"/>
    </row>
    <row r="469813" spans="14:14">
      <c r="N469813" s="10"/>
    </row>
    <row r="469814" spans="14:14">
      <c r="N469814" s="10"/>
    </row>
    <row r="469815" spans="14:14">
      <c r="N469815" s="10"/>
    </row>
    <row r="469816" spans="14:14">
      <c r="N469816" s="10"/>
    </row>
    <row r="469817" spans="14:14">
      <c r="N469817" s="10"/>
    </row>
    <row r="469818" spans="14:14">
      <c r="N469818" s="10"/>
    </row>
    <row r="469819" spans="14:14">
      <c r="N469819" s="10"/>
    </row>
    <row r="469820" spans="14:14">
      <c r="N469820" s="10"/>
    </row>
    <row r="469821" spans="14:14">
      <c r="N469821" s="10"/>
    </row>
    <row r="469822" spans="14:14">
      <c r="N469822" s="10"/>
    </row>
    <row r="469823" spans="14:14">
      <c r="N469823" s="10"/>
    </row>
    <row r="469824" spans="14:14">
      <c r="N469824" s="10"/>
    </row>
    <row r="469825" spans="14:14">
      <c r="N469825" s="10"/>
    </row>
    <row r="469826" spans="14:14">
      <c r="N469826" s="10"/>
    </row>
    <row r="469827" spans="14:14">
      <c r="N469827" s="10"/>
    </row>
    <row r="469828" spans="14:14">
      <c r="N469828" s="10"/>
    </row>
    <row r="469829" spans="14:14">
      <c r="N469829" s="10"/>
    </row>
    <row r="469830" spans="14:14">
      <c r="N469830" s="10"/>
    </row>
    <row r="469831" spans="14:14">
      <c r="N469831" s="10"/>
    </row>
    <row r="469832" spans="14:14">
      <c r="N469832" s="10"/>
    </row>
    <row r="469833" spans="14:14">
      <c r="N469833" s="10"/>
    </row>
    <row r="469834" spans="14:14">
      <c r="N469834" s="10"/>
    </row>
    <row r="469835" spans="14:14">
      <c r="N469835" s="10"/>
    </row>
    <row r="469836" spans="14:14">
      <c r="N469836" s="10"/>
    </row>
    <row r="469837" spans="14:14">
      <c r="N469837" s="10"/>
    </row>
    <row r="469838" spans="14:14">
      <c r="N469838" s="10"/>
    </row>
    <row r="469839" spans="14:14">
      <c r="N469839" s="10"/>
    </row>
    <row r="469840" spans="14:14">
      <c r="N469840" s="10"/>
    </row>
    <row r="469841" spans="14:14">
      <c r="N469841" s="10"/>
    </row>
    <row r="469842" spans="14:14">
      <c r="N469842" s="10"/>
    </row>
    <row r="469843" spans="14:14">
      <c r="N469843" s="10"/>
    </row>
    <row r="469844" spans="14:14">
      <c r="N469844" s="10"/>
    </row>
    <row r="469845" spans="14:14">
      <c r="N469845" s="10"/>
    </row>
    <row r="469846" spans="14:14">
      <c r="N469846" s="10"/>
    </row>
    <row r="469847" spans="14:14">
      <c r="N469847" s="10"/>
    </row>
    <row r="469848" spans="14:14">
      <c r="N469848" s="10"/>
    </row>
    <row r="469849" spans="14:14">
      <c r="N469849" s="10"/>
    </row>
    <row r="469850" spans="14:14">
      <c r="N469850" s="10"/>
    </row>
    <row r="469851" spans="14:14">
      <c r="N469851" s="10"/>
    </row>
    <row r="469852" spans="14:14">
      <c r="N469852" s="10"/>
    </row>
    <row r="469853" spans="14:14">
      <c r="N469853" s="10"/>
    </row>
    <row r="469854" spans="14:14">
      <c r="N469854" s="10"/>
    </row>
    <row r="469855" spans="14:14">
      <c r="N469855" s="10"/>
    </row>
    <row r="469856" spans="14:14">
      <c r="N469856" s="10"/>
    </row>
    <row r="469857" spans="14:14">
      <c r="N469857" s="10"/>
    </row>
    <row r="469858" spans="14:14">
      <c r="N469858" s="10"/>
    </row>
    <row r="469859" spans="14:14">
      <c r="N469859" s="10"/>
    </row>
    <row r="469860" spans="14:14">
      <c r="N469860" s="10"/>
    </row>
    <row r="469861" spans="14:14">
      <c r="N469861" s="10"/>
    </row>
    <row r="469862" spans="14:14">
      <c r="N469862" s="10"/>
    </row>
    <row r="469863" spans="14:14">
      <c r="N469863" s="10"/>
    </row>
    <row r="469864" spans="14:14">
      <c r="N469864" s="10"/>
    </row>
    <row r="469865" spans="14:14">
      <c r="N469865" s="10"/>
    </row>
    <row r="469866" spans="14:14">
      <c r="N469866" s="10"/>
    </row>
    <row r="469867" spans="14:14">
      <c r="N469867" s="10"/>
    </row>
    <row r="469868" spans="14:14">
      <c r="N469868" s="10"/>
    </row>
    <row r="469869" spans="14:14">
      <c r="N469869" s="10"/>
    </row>
    <row r="469870" spans="14:14">
      <c r="N469870" s="10"/>
    </row>
    <row r="469871" spans="14:14">
      <c r="N469871" s="10"/>
    </row>
    <row r="469872" spans="14:14">
      <c r="N469872" s="10"/>
    </row>
    <row r="469873" spans="14:14">
      <c r="N469873" s="10"/>
    </row>
    <row r="469874" spans="14:14">
      <c r="N469874" s="10"/>
    </row>
    <row r="469875" spans="14:14">
      <c r="N469875" s="10"/>
    </row>
    <row r="469876" spans="14:14">
      <c r="N469876" s="10"/>
    </row>
    <row r="469877" spans="14:14">
      <c r="N469877" s="10"/>
    </row>
    <row r="469878" spans="14:14">
      <c r="N469878" s="10"/>
    </row>
    <row r="469879" spans="14:14">
      <c r="N469879" s="10"/>
    </row>
    <row r="469880" spans="14:14">
      <c r="N469880" s="10"/>
    </row>
    <row r="469881" spans="14:14">
      <c r="N469881" s="10"/>
    </row>
    <row r="469882" spans="14:14">
      <c r="N469882" s="10"/>
    </row>
    <row r="469883" spans="14:14">
      <c r="N469883" s="10"/>
    </row>
    <row r="469884" spans="14:14">
      <c r="N469884" s="10"/>
    </row>
    <row r="469885" spans="14:14">
      <c r="N469885" s="10"/>
    </row>
    <row r="469886" spans="14:14">
      <c r="N469886" s="10"/>
    </row>
    <row r="469887" spans="14:14">
      <c r="N469887" s="10"/>
    </row>
    <row r="469888" spans="14:14">
      <c r="N469888" s="10"/>
    </row>
    <row r="469889" spans="14:14">
      <c r="N469889" s="10"/>
    </row>
    <row r="469890" spans="14:14">
      <c r="N469890" s="10"/>
    </row>
    <row r="469891" spans="14:14">
      <c r="N469891" s="10"/>
    </row>
    <row r="469892" spans="14:14">
      <c r="N469892" s="10"/>
    </row>
    <row r="469893" spans="14:14">
      <c r="N469893" s="10"/>
    </row>
    <row r="469894" spans="14:14">
      <c r="N469894" s="10"/>
    </row>
    <row r="469895" spans="14:14">
      <c r="N469895" s="10"/>
    </row>
    <row r="469896" spans="14:14">
      <c r="N469896" s="10"/>
    </row>
    <row r="469897" spans="14:14">
      <c r="N469897" s="10"/>
    </row>
    <row r="469898" spans="14:14">
      <c r="N469898" s="10"/>
    </row>
    <row r="469899" spans="14:14">
      <c r="N469899" s="10"/>
    </row>
    <row r="469900" spans="14:14">
      <c r="N469900" s="10"/>
    </row>
    <row r="469901" spans="14:14">
      <c r="N469901" s="10"/>
    </row>
    <row r="469902" spans="14:14">
      <c r="N469902" s="10"/>
    </row>
    <row r="469903" spans="14:14">
      <c r="N469903" s="10"/>
    </row>
    <row r="469904" spans="14:14">
      <c r="N469904" s="10"/>
    </row>
    <row r="469905" spans="14:14">
      <c r="N469905" s="10"/>
    </row>
    <row r="469906" spans="14:14">
      <c r="N469906" s="10"/>
    </row>
    <row r="469907" spans="14:14">
      <c r="N469907" s="10"/>
    </row>
    <row r="469908" spans="14:14">
      <c r="N469908" s="10"/>
    </row>
    <row r="469909" spans="14:14">
      <c r="N469909" s="10"/>
    </row>
    <row r="469910" spans="14:14">
      <c r="N469910" s="10"/>
    </row>
    <row r="469911" spans="14:14">
      <c r="N469911" s="10"/>
    </row>
    <row r="469912" spans="14:14">
      <c r="N469912" s="10"/>
    </row>
    <row r="469913" spans="14:14">
      <c r="N469913" s="10"/>
    </row>
    <row r="469914" spans="14:14">
      <c r="N469914" s="10"/>
    </row>
    <row r="469915" spans="14:14">
      <c r="N469915" s="10"/>
    </row>
    <row r="469916" spans="14:14">
      <c r="N469916" s="10"/>
    </row>
    <row r="469917" spans="14:14">
      <c r="N469917" s="10"/>
    </row>
    <row r="469918" spans="14:14">
      <c r="N469918" s="10"/>
    </row>
    <row r="469919" spans="14:14">
      <c r="N469919" s="10"/>
    </row>
    <row r="469920" spans="14:14">
      <c r="N469920" s="10"/>
    </row>
    <row r="469921" spans="14:14">
      <c r="N469921" s="10"/>
    </row>
    <row r="469922" spans="14:14">
      <c r="N469922" s="10"/>
    </row>
    <row r="469923" spans="14:14">
      <c r="N469923" s="10"/>
    </row>
    <row r="469924" spans="14:14">
      <c r="N469924" s="10"/>
    </row>
    <row r="469925" spans="14:14">
      <c r="N469925" s="10"/>
    </row>
    <row r="469926" spans="14:14">
      <c r="N469926" s="10"/>
    </row>
    <row r="469927" spans="14:14">
      <c r="N469927" s="10"/>
    </row>
    <row r="469928" spans="14:14">
      <c r="N469928" s="10"/>
    </row>
    <row r="469929" spans="14:14">
      <c r="N469929" s="10"/>
    </row>
    <row r="469930" spans="14:14">
      <c r="N469930" s="10"/>
    </row>
    <row r="469931" spans="14:14">
      <c r="N469931" s="10"/>
    </row>
    <row r="469932" spans="14:14">
      <c r="N469932" s="10"/>
    </row>
    <row r="469933" spans="14:14">
      <c r="N469933" s="10"/>
    </row>
    <row r="469934" spans="14:14">
      <c r="N469934" s="10"/>
    </row>
    <row r="469935" spans="14:14">
      <c r="N469935" s="10"/>
    </row>
    <row r="469936" spans="14:14">
      <c r="N469936" s="10"/>
    </row>
    <row r="469937" spans="14:14">
      <c r="N469937" s="10"/>
    </row>
    <row r="469938" spans="14:14">
      <c r="N469938" s="10"/>
    </row>
    <row r="469939" spans="14:14">
      <c r="N469939" s="10"/>
    </row>
    <row r="469940" spans="14:14">
      <c r="N469940" s="10"/>
    </row>
    <row r="469941" spans="14:14">
      <c r="N469941" s="10"/>
    </row>
    <row r="469942" spans="14:14">
      <c r="N469942" s="10"/>
    </row>
    <row r="469943" spans="14:14">
      <c r="N469943" s="10"/>
    </row>
    <row r="469944" spans="14:14">
      <c r="N469944" s="10"/>
    </row>
    <row r="469945" spans="14:14">
      <c r="N469945" s="10"/>
    </row>
    <row r="469946" spans="14:14">
      <c r="N469946" s="10"/>
    </row>
    <row r="469947" spans="14:14">
      <c r="N469947" s="10"/>
    </row>
    <row r="469948" spans="14:14">
      <c r="N469948" s="10"/>
    </row>
    <row r="469949" spans="14:14">
      <c r="N469949" s="10"/>
    </row>
    <row r="469950" spans="14:14">
      <c r="N469950" s="10"/>
    </row>
    <row r="469951" spans="14:14">
      <c r="N469951" s="10"/>
    </row>
    <row r="469952" spans="14:14">
      <c r="N469952" s="10"/>
    </row>
    <row r="469953" spans="14:14">
      <c r="N469953" s="10"/>
    </row>
    <row r="469954" spans="14:14">
      <c r="N469954" s="10"/>
    </row>
    <row r="469955" spans="14:14">
      <c r="N469955" s="10"/>
    </row>
    <row r="469956" spans="14:14">
      <c r="N469956" s="10"/>
    </row>
    <row r="469957" spans="14:14">
      <c r="N469957" s="10"/>
    </row>
    <row r="469958" spans="14:14">
      <c r="N469958" s="10"/>
    </row>
    <row r="469959" spans="14:14">
      <c r="N469959" s="10"/>
    </row>
    <row r="469960" spans="14:14">
      <c r="N469960" s="10"/>
    </row>
    <row r="469961" spans="14:14">
      <c r="N469961" s="10"/>
    </row>
    <row r="469962" spans="14:14">
      <c r="N469962" s="10"/>
    </row>
    <row r="469963" spans="14:14">
      <c r="N469963" s="10"/>
    </row>
    <row r="469964" spans="14:14">
      <c r="N469964" s="10"/>
    </row>
    <row r="469965" spans="14:14">
      <c r="N469965" s="10"/>
    </row>
    <row r="469966" spans="14:14">
      <c r="N469966" s="10"/>
    </row>
    <row r="469967" spans="14:14">
      <c r="N469967" s="10"/>
    </row>
    <row r="469968" spans="14:14">
      <c r="N469968" s="10"/>
    </row>
    <row r="469969" spans="14:14">
      <c r="N469969" s="10"/>
    </row>
    <row r="469970" spans="14:14">
      <c r="N469970" s="10"/>
    </row>
    <row r="469971" spans="14:14">
      <c r="N469971" s="10"/>
    </row>
    <row r="469972" spans="14:14">
      <c r="N469972" s="10"/>
    </row>
    <row r="469973" spans="14:14">
      <c r="N469973" s="10"/>
    </row>
    <row r="469974" spans="14:14">
      <c r="N469974" s="10"/>
    </row>
    <row r="469975" spans="14:14">
      <c r="N469975" s="10"/>
    </row>
    <row r="469976" spans="14:14">
      <c r="N469976" s="10"/>
    </row>
    <row r="469977" spans="14:14">
      <c r="N469977" s="10"/>
    </row>
    <row r="469978" spans="14:14">
      <c r="N469978" s="10"/>
    </row>
    <row r="469979" spans="14:14">
      <c r="N469979" s="10"/>
    </row>
    <row r="469980" spans="14:14">
      <c r="N469980" s="10"/>
    </row>
    <row r="469981" spans="14:14">
      <c r="N469981" s="10"/>
    </row>
    <row r="469982" spans="14:14">
      <c r="N469982" s="10"/>
    </row>
    <row r="469983" spans="14:14">
      <c r="N469983" s="10"/>
    </row>
    <row r="469984" spans="14:14">
      <c r="N469984" s="10"/>
    </row>
    <row r="469985" spans="14:14">
      <c r="N469985" s="10"/>
    </row>
    <row r="469986" spans="14:14">
      <c r="N469986" s="10"/>
    </row>
    <row r="469987" spans="14:14">
      <c r="N469987" s="10"/>
    </row>
    <row r="469988" spans="14:14">
      <c r="N469988" s="10"/>
    </row>
    <row r="469989" spans="14:14">
      <c r="N469989" s="10"/>
    </row>
    <row r="469990" spans="14:14">
      <c r="N469990" s="10"/>
    </row>
    <row r="469991" spans="14:14">
      <c r="N469991" s="10"/>
    </row>
    <row r="469992" spans="14:14">
      <c r="N469992" s="10"/>
    </row>
    <row r="469993" spans="14:14">
      <c r="N469993" s="10"/>
    </row>
    <row r="469994" spans="14:14">
      <c r="N469994" s="10"/>
    </row>
    <row r="469995" spans="14:14">
      <c r="N469995" s="10"/>
    </row>
    <row r="469996" spans="14:14">
      <c r="N469996" s="10"/>
    </row>
    <row r="469997" spans="14:14">
      <c r="N469997" s="10"/>
    </row>
    <row r="469998" spans="14:14">
      <c r="N469998" s="10"/>
    </row>
    <row r="469999" spans="14:14">
      <c r="N469999" s="10"/>
    </row>
    <row r="470000" spans="14:14">
      <c r="N470000" s="10"/>
    </row>
    <row r="470001" spans="14:14">
      <c r="N470001" s="10"/>
    </row>
    <row r="470002" spans="14:14">
      <c r="N470002" s="10"/>
    </row>
    <row r="470003" spans="14:14">
      <c r="N470003" s="10"/>
    </row>
    <row r="470004" spans="14:14">
      <c r="N470004" s="10"/>
    </row>
    <row r="470005" spans="14:14">
      <c r="N470005" s="10"/>
    </row>
    <row r="470006" spans="14:14">
      <c r="N470006" s="10"/>
    </row>
    <row r="470007" spans="14:14">
      <c r="N470007" s="10"/>
    </row>
    <row r="470008" spans="14:14">
      <c r="N470008" s="10"/>
    </row>
    <row r="470009" spans="14:14">
      <c r="N470009" s="10"/>
    </row>
    <row r="470010" spans="14:14">
      <c r="N470010" s="10"/>
    </row>
    <row r="470011" spans="14:14">
      <c r="N470011" s="10"/>
    </row>
    <row r="470012" spans="14:14">
      <c r="N470012" s="10"/>
    </row>
    <row r="470013" spans="14:14">
      <c r="N470013" s="10"/>
    </row>
    <row r="470014" spans="14:14">
      <c r="N470014" s="10"/>
    </row>
    <row r="470015" spans="14:14">
      <c r="N470015" s="10"/>
    </row>
    <row r="470016" spans="14:14">
      <c r="N470016" s="10"/>
    </row>
    <row r="470017" spans="14:14">
      <c r="N470017" s="10"/>
    </row>
    <row r="470018" spans="14:14">
      <c r="N470018" s="10"/>
    </row>
    <row r="470019" spans="14:14">
      <c r="N470019" s="10"/>
    </row>
    <row r="470020" spans="14:14">
      <c r="N470020" s="10"/>
    </row>
    <row r="470021" spans="14:14">
      <c r="N470021" s="10"/>
    </row>
    <row r="470022" spans="14:14">
      <c r="N470022" s="10"/>
    </row>
    <row r="470023" spans="14:14">
      <c r="N470023" s="10"/>
    </row>
    <row r="470024" spans="14:14">
      <c r="N470024" s="10"/>
    </row>
    <row r="470025" spans="14:14">
      <c r="N470025" s="10"/>
    </row>
    <row r="470026" spans="14:14">
      <c r="N470026" s="10"/>
    </row>
    <row r="470027" spans="14:14">
      <c r="N470027" s="10"/>
    </row>
    <row r="470028" spans="14:14">
      <c r="N470028" s="10"/>
    </row>
    <row r="470029" spans="14:14">
      <c r="N470029" s="10"/>
    </row>
    <row r="470030" spans="14:14">
      <c r="N470030" s="10"/>
    </row>
    <row r="470031" spans="14:14">
      <c r="N470031" s="10"/>
    </row>
    <row r="470032" spans="14:14">
      <c r="N470032" s="10"/>
    </row>
    <row r="470033" spans="14:14">
      <c r="N470033" s="10"/>
    </row>
    <row r="470034" spans="14:14">
      <c r="N470034" s="10"/>
    </row>
    <row r="470035" spans="14:14">
      <c r="N470035" s="10"/>
    </row>
    <row r="470036" spans="14:14">
      <c r="N470036" s="10"/>
    </row>
    <row r="470037" spans="14:14">
      <c r="N470037" s="10"/>
    </row>
    <row r="470038" spans="14:14">
      <c r="N470038" s="10"/>
    </row>
    <row r="470039" spans="14:14">
      <c r="N470039" s="10"/>
    </row>
    <row r="470040" spans="14:14">
      <c r="N470040" s="10"/>
    </row>
    <row r="470041" spans="14:14">
      <c r="N470041" s="10"/>
    </row>
    <row r="470042" spans="14:14">
      <c r="N470042" s="10"/>
    </row>
    <row r="470043" spans="14:14">
      <c r="N470043" s="10"/>
    </row>
    <row r="470044" spans="14:14">
      <c r="N470044" s="10"/>
    </row>
    <row r="470045" spans="14:14">
      <c r="N470045" s="10"/>
    </row>
    <row r="470046" spans="14:14">
      <c r="N470046" s="10"/>
    </row>
    <row r="470047" spans="14:14">
      <c r="N470047" s="10"/>
    </row>
    <row r="470048" spans="14:14">
      <c r="N470048" s="10"/>
    </row>
    <row r="470049" spans="14:14">
      <c r="N470049" s="10"/>
    </row>
    <row r="470050" spans="14:14">
      <c r="N470050" s="10"/>
    </row>
    <row r="470051" spans="14:14">
      <c r="N470051" s="10"/>
    </row>
    <row r="470052" spans="14:14">
      <c r="N470052" s="10"/>
    </row>
    <row r="470053" spans="14:14">
      <c r="N470053" s="10"/>
    </row>
    <row r="470054" spans="14:14">
      <c r="N470054" s="10"/>
    </row>
    <row r="470055" spans="14:14">
      <c r="N470055" s="10"/>
    </row>
    <row r="470056" spans="14:14">
      <c r="N470056" s="10"/>
    </row>
    <row r="470057" spans="14:14">
      <c r="N470057" s="10"/>
    </row>
    <row r="470058" spans="14:14">
      <c r="N470058" s="10"/>
    </row>
    <row r="470059" spans="14:14">
      <c r="N470059" s="10"/>
    </row>
    <row r="470060" spans="14:14">
      <c r="N470060" s="10"/>
    </row>
    <row r="470061" spans="14:14">
      <c r="N470061" s="10"/>
    </row>
    <row r="470062" spans="14:14">
      <c r="N470062" s="10"/>
    </row>
    <row r="470063" spans="14:14">
      <c r="N470063" s="10"/>
    </row>
    <row r="470064" spans="14:14">
      <c r="N470064" s="10"/>
    </row>
    <row r="470065" spans="14:14">
      <c r="N470065" s="10"/>
    </row>
    <row r="470066" spans="14:14">
      <c r="N470066" s="10"/>
    </row>
    <row r="470067" spans="14:14">
      <c r="N470067" s="10"/>
    </row>
    <row r="470068" spans="14:14">
      <c r="N470068" s="10"/>
    </row>
    <row r="470069" spans="14:14">
      <c r="N470069" s="10"/>
    </row>
    <row r="470070" spans="14:14">
      <c r="N470070" s="10"/>
    </row>
    <row r="470071" spans="14:14">
      <c r="N470071" s="10"/>
    </row>
    <row r="470072" spans="14:14">
      <c r="N470072" s="10"/>
    </row>
    <row r="470073" spans="14:14">
      <c r="N470073" s="10"/>
    </row>
    <row r="470074" spans="14:14">
      <c r="N470074" s="10"/>
    </row>
    <row r="470075" spans="14:14">
      <c r="N470075" s="10"/>
    </row>
    <row r="470076" spans="14:14">
      <c r="N470076" s="10"/>
    </row>
    <row r="470077" spans="14:14">
      <c r="N470077" s="10"/>
    </row>
    <row r="470078" spans="14:14">
      <c r="N470078" s="10"/>
    </row>
    <row r="470079" spans="14:14">
      <c r="N470079" s="10"/>
    </row>
    <row r="470080" spans="14:14">
      <c r="N470080" s="10"/>
    </row>
    <row r="470081" spans="14:14">
      <c r="N470081" s="10"/>
    </row>
    <row r="470082" spans="14:14">
      <c r="N470082" s="10"/>
    </row>
    <row r="470083" spans="14:14">
      <c r="N470083" s="10"/>
    </row>
    <row r="470084" spans="14:14">
      <c r="N470084" s="10"/>
    </row>
    <row r="470085" spans="14:14">
      <c r="N470085" s="10"/>
    </row>
    <row r="470086" spans="14:14">
      <c r="N470086" s="10"/>
    </row>
    <row r="470087" spans="14:14">
      <c r="N470087" s="10"/>
    </row>
    <row r="470088" spans="14:14">
      <c r="N470088" s="10"/>
    </row>
    <row r="470089" spans="14:14">
      <c r="N470089" s="10"/>
    </row>
    <row r="470090" spans="14:14">
      <c r="N470090" s="10"/>
    </row>
    <row r="470091" spans="14:14">
      <c r="N470091" s="10"/>
    </row>
    <row r="470092" spans="14:14">
      <c r="N470092" s="10"/>
    </row>
    <row r="470093" spans="14:14">
      <c r="N470093" s="10"/>
    </row>
    <row r="470094" spans="14:14">
      <c r="N470094" s="10"/>
    </row>
    <row r="470095" spans="14:14">
      <c r="N470095" s="10"/>
    </row>
    <row r="470096" spans="14:14">
      <c r="N470096" s="10"/>
    </row>
    <row r="470097" spans="14:14">
      <c r="N470097" s="10"/>
    </row>
    <row r="470098" spans="14:14">
      <c r="N470098" s="10"/>
    </row>
    <row r="470099" spans="14:14">
      <c r="N470099" s="10"/>
    </row>
    <row r="470100" spans="14:14">
      <c r="N470100" s="10"/>
    </row>
    <row r="470101" spans="14:14">
      <c r="N470101" s="10"/>
    </row>
    <row r="470102" spans="14:14">
      <c r="N470102" s="10"/>
    </row>
    <row r="470103" spans="14:14">
      <c r="N470103" s="10"/>
    </row>
    <row r="470104" spans="14:14">
      <c r="N470104" s="10"/>
    </row>
    <row r="470105" spans="14:14">
      <c r="N470105" s="10"/>
    </row>
    <row r="470106" spans="14:14">
      <c r="N470106" s="10"/>
    </row>
    <row r="470107" spans="14:14">
      <c r="N470107" s="10"/>
    </row>
    <row r="470108" spans="14:14">
      <c r="N470108" s="10"/>
    </row>
    <row r="470109" spans="14:14">
      <c r="N470109" s="10"/>
    </row>
    <row r="470110" spans="14:14">
      <c r="N470110" s="10"/>
    </row>
    <row r="470111" spans="14:14">
      <c r="N470111" s="10"/>
    </row>
    <row r="470112" spans="14:14">
      <c r="N470112" s="10"/>
    </row>
    <row r="470113" spans="14:14">
      <c r="N470113" s="10"/>
    </row>
    <row r="470114" spans="14:14">
      <c r="N470114" s="10"/>
    </row>
    <row r="470115" spans="14:14">
      <c r="N470115" s="10"/>
    </row>
    <row r="470116" spans="14:14">
      <c r="N470116" s="10"/>
    </row>
    <row r="470117" spans="14:14">
      <c r="N470117" s="10"/>
    </row>
    <row r="470118" spans="14:14">
      <c r="N470118" s="10"/>
    </row>
    <row r="470119" spans="14:14">
      <c r="N470119" s="10"/>
    </row>
    <row r="470120" spans="14:14">
      <c r="N470120" s="10"/>
    </row>
    <row r="470121" spans="14:14">
      <c r="N470121" s="10"/>
    </row>
    <row r="470122" spans="14:14">
      <c r="N470122" s="10"/>
    </row>
    <row r="470123" spans="14:14">
      <c r="N470123" s="10"/>
    </row>
    <row r="470124" spans="14:14">
      <c r="N470124" s="10"/>
    </row>
    <row r="470125" spans="14:14">
      <c r="N470125" s="10"/>
    </row>
    <row r="470126" spans="14:14">
      <c r="N470126" s="10"/>
    </row>
    <row r="470127" spans="14:14">
      <c r="N470127" s="10"/>
    </row>
    <row r="470128" spans="14:14">
      <c r="N470128" s="10"/>
    </row>
    <row r="470129" spans="14:14">
      <c r="N470129" s="10"/>
    </row>
    <row r="470130" spans="14:14">
      <c r="N470130" s="10"/>
    </row>
    <row r="470131" spans="14:14">
      <c r="N470131" s="10"/>
    </row>
    <row r="470132" spans="14:14">
      <c r="N470132" s="10"/>
    </row>
    <row r="470133" spans="14:14">
      <c r="N470133" s="10"/>
    </row>
    <row r="470134" spans="14:14">
      <c r="N470134" s="10"/>
    </row>
    <row r="470135" spans="14:14">
      <c r="N470135" s="10"/>
    </row>
    <row r="470136" spans="14:14">
      <c r="N470136" s="10"/>
    </row>
    <row r="470137" spans="14:14">
      <c r="N470137" s="10"/>
    </row>
    <row r="470138" spans="14:14">
      <c r="N470138" s="10"/>
    </row>
    <row r="470139" spans="14:14">
      <c r="N470139" s="10"/>
    </row>
    <row r="470140" spans="14:14">
      <c r="N470140" s="10"/>
    </row>
    <row r="470141" spans="14:14">
      <c r="N470141" s="10"/>
    </row>
    <row r="470142" spans="14:14">
      <c r="N470142" s="10"/>
    </row>
    <row r="470143" spans="14:14">
      <c r="N470143" s="10"/>
    </row>
    <row r="470144" spans="14:14">
      <c r="N470144" s="10"/>
    </row>
    <row r="470145" spans="14:14">
      <c r="N470145" s="10"/>
    </row>
    <row r="470146" spans="14:14">
      <c r="N470146" s="10"/>
    </row>
    <row r="470147" spans="14:14">
      <c r="N470147" s="10"/>
    </row>
    <row r="470148" spans="14:14">
      <c r="N470148" s="10"/>
    </row>
    <row r="470149" spans="14:14">
      <c r="N470149" s="10"/>
    </row>
    <row r="470150" spans="14:14">
      <c r="N470150" s="10"/>
    </row>
    <row r="470151" spans="14:14">
      <c r="N470151" s="10"/>
    </row>
    <row r="470152" spans="14:14">
      <c r="N470152" s="10"/>
    </row>
    <row r="470153" spans="14:14">
      <c r="N470153" s="10"/>
    </row>
    <row r="470154" spans="14:14">
      <c r="N470154" s="10"/>
    </row>
    <row r="470155" spans="14:14">
      <c r="N470155" s="10"/>
    </row>
    <row r="470156" spans="14:14">
      <c r="N470156" s="10"/>
    </row>
    <row r="470157" spans="14:14">
      <c r="N470157" s="10"/>
    </row>
    <row r="470158" spans="14:14">
      <c r="N470158" s="10"/>
    </row>
    <row r="470159" spans="14:14">
      <c r="N470159" s="10"/>
    </row>
    <row r="470160" spans="14:14">
      <c r="N470160" s="10"/>
    </row>
    <row r="470161" spans="14:14">
      <c r="N470161" s="10"/>
    </row>
    <row r="470162" spans="14:14">
      <c r="N470162" s="10"/>
    </row>
    <row r="470163" spans="14:14">
      <c r="N470163" s="10"/>
    </row>
    <row r="470164" spans="14:14">
      <c r="N470164" s="10"/>
    </row>
    <row r="470165" spans="14:14">
      <c r="N470165" s="10"/>
    </row>
    <row r="470166" spans="14:14">
      <c r="N470166" s="10"/>
    </row>
    <row r="470167" spans="14:14">
      <c r="N470167" s="10"/>
    </row>
    <row r="470168" spans="14:14">
      <c r="N470168" s="10"/>
    </row>
    <row r="470169" spans="14:14">
      <c r="N470169" s="10"/>
    </row>
    <row r="470170" spans="14:14">
      <c r="N470170" s="10"/>
    </row>
    <row r="470171" spans="14:14">
      <c r="N470171" s="10"/>
    </row>
    <row r="470172" spans="14:14">
      <c r="N470172" s="10"/>
    </row>
    <row r="470173" spans="14:14">
      <c r="N470173" s="10"/>
    </row>
    <row r="470174" spans="14:14">
      <c r="N470174" s="10"/>
    </row>
    <row r="470175" spans="14:14">
      <c r="N470175" s="10"/>
    </row>
    <row r="470176" spans="14:14">
      <c r="N470176" s="10"/>
    </row>
    <row r="470177" spans="14:14">
      <c r="N470177" s="10"/>
    </row>
    <row r="470178" spans="14:14">
      <c r="N470178" s="10"/>
    </row>
    <row r="470179" spans="14:14">
      <c r="N470179" s="10"/>
    </row>
    <row r="470180" spans="14:14">
      <c r="N470180" s="10"/>
    </row>
    <row r="470181" spans="14:14">
      <c r="N470181" s="10"/>
    </row>
    <row r="470182" spans="14:14">
      <c r="N470182" s="10"/>
    </row>
    <row r="470183" spans="14:14">
      <c r="N470183" s="10"/>
    </row>
    <row r="470184" spans="14:14">
      <c r="N470184" s="10"/>
    </row>
    <row r="470185" spans="14:14">
      <c r="N470185" s="10"/>
    </row>
    <row r="470186" spans="14:14">
      <c r="N470186" s="10"/>
    </row>
    <row r="470187" spans="14:14">
      <c r="N470187" s="10"/>
    </row>
    <row r="470188" spans="14:14">
      <c r="N470188" s="10"/>
    </row>
    <row r="470189" spans="14:14">
      <c r="N470189" s="10"/>
    </row>
    <row r="470190" spans="14:14">
      <c r="N470190" s="10"/>
    </row>
    <row r="470191" spans="14:14">
      <c r="N470191" s="10"/>
    </row>
    <row r="470192" spans="14:14">
      <c r="N470192" s="10"/>
    </row>
    <row r="470193" spans="14:14">
      <c r="N470193" s="10"/>
    </row>
    <row r="470194" spans="14:14">
      <c r="N470194" s="10"/>
    </row>
    <row r="470195" spans="14:14">
      <c r="N470195" s="10"/>
    </row>
    <row r="470196" spans="14:14">
      <c r="N470196" s="10"/>
    </row>
    <row r="470197" spans="14:14">
      <c r="N470197" s="10"/>
    </row>
    <row r="470198" spans="14:14">
      <c r="N470198" s="10"/>
    </row>
    <row r="470199" spans="14:14">
      <c r="N470199" s="10"/>
    </row>
    <row r="470200" spans="14:14">
      <c r="N470200" s="10"/>
    </row>
    <row r="470201" spans="14:14">
      <c r="N470201" s="10"/>
    </row>
    <row r="470202" spans="14:14">
      <c r="N470202" s="10"/>
    </row>
    <row r="470203" spans="14:14">
      <c r="N470203" s="10"/>
    </row>
    <row r="470204" spans="14:14">
      <c r="N470204" s="10"/>
    </row>
    <row r="470205" spans="14:14">
      <c r="N470205" s="10"/>
    </row>
    <row r="470206" spans="14:14">
      <c r="N470206" s="10"/>
    </row>
    <row r="470207" spans="14:14">
      <c r="N470207" s="10"/>
    </row>
    <row r="470208" spans="14:14">
      <c r="N470208" s="10"/>
    </row>
    <row r="470209" spans="14:14">
      <c r="N470209" s="10"/>
    </row>
    <row r="470210" spans="14:14">
      <c r="N470210" s="10"/>
    </row>
    <row r="470211" spans="14:14">
      <c r="N470211" s="10"/>
    </row>
    <row r="470212" spans="14:14">
      <c r="N470212" s="10"/>
    </row>
    <row r="470213" spans="14:14">
      <c r="N470213" s="10"/>
    </row>
    <row r="470214" spans="14:14">
      <c r="N470214" s="10"/>
    </row>
    <row r="470215" spans="14:14">
      <c r="N470215" s="10"/>
    </row>
    <row r="470216" spans="14:14">
      <c r="N470216" s="10"/>
    </row>
    <row r="470217" spans="14:14">
      <c r="N470217" s="10"/>
    </row>
    <row r="470218" spans="14:14">
      <c r="N470218" s="10"/>
    </row>
    <row r="470219" spans="14:14">
      <c r="N470219" s="10"/>
    </row>
    <row r="470220" spans="14:14">
      <c r="N470220" s="10"/>
    </row>
    <row r="470221" spans="14:14">
      <c r="N470221" s="10"/>
    </row>
    <row r="470222" spans="14:14">
      <c r="N470222" s="10"/>
    </row>
    <row r="470223" spans="14:14">
      <c r="N470223" s="10"/>
    </row>
    <row r="470224" spans="14:14">
      <c r="N470224" s="10"/>
    </row>
    <row r="470225" spans="14:14">
      <c r="N470225" s="10"/>
    </row>
    <row r="470226" spans="14:14">
      <c r="N470226" s="10"/>
    </row>
    <row r="470227" spans="14:14">
      <c r="N470227" s="10"/>
    </row>
    <row r="470228" spans="14:14">
      <c r="N470228" s="10"/>
    </row>
    <row r="470229" spans="14:14">
      <c r="N470229" s="10"/>
    </row>
    <row r="470230" spans="14:14">
      <c r="N470230" s="10"/>
    </row>
    <row r="470231" spans="14:14">
      <c r="N470231" s="10"/>
    </row>
    <row r="470232" spans="14:14">
      <c r="N470232" s="10"/>
    </row>
    <row r="470233" spans="14:14">
      <c r="N470233" s="10"/>
    </row>
    <row r="470234" spans="14:14">
      <c r="N470234" s="10"/>
    </row>
    <row r="470235" spans="14:14">
      <c r="N470235" s="10"/>
    </row>
    <row r="470236" spans="14:14">
      <c r="N470236" s="10"/>
    </row>
    <row r="470237" spans="14:14">
      <c r="N470237" s="10"/>
    </row>
    <row r="470238" spans="14:14">
      <c r="N470238" s="10"/>
    </row>
    <row r="470239" spans="14:14">
      <c r="N470239" s="10"/>
    </row>
    <row r="470240" spans="14:14">
      <c r="N470240" s="10"/>
    </row>
    <row r="470241" spans="14:14">
      <c r="N470241" s="10"/>
    </row>
    <row r="470242" spans="14:14">
      <c r="N470242" s="10"/>
    </row>
    <row r="470243" spans="14:14">
      <c r="N470243" s="10"/>
    </row>
    <row r="470244" spans="14:14">
      <c r="N470244" s="10"/>
    </row>
    <row r="470245" spans="14:14">
      <c r="N470245" s="10"/>
    </row>
    <row r="470246" spans="14:14">
      <c r="N470246" s="10"/>
    </row>
    <row r="470247" spans="14:14">
      <c r="N470247" s="10"/>
    </row>
    <row r="470248" spans="14:14">
      <c r="N470248" s="10"/>
    </row>
    <row r="470249" spans="14:14">
      <c r="N470249" s="10"/>
    </row>
    <row r="470250" spans="14:14">
      <c r="N470250" s="10"/>
    </row>
    <row r="470251" spans="14:14">
      <c r="N470251" s="10"/>
    </row>
    <row r="470252" spans="14:14">
      <c r="N470252" s="10"/>
    </row>
    <row r="470253" spans="14:14">
      <c r="N470253" s="10"/>
    </row>
    <row r="470254" spans="14:14">
      <c r="N470254" s="10"/>
    </row>
    <row r="470255" spans="14:14">
      <c r="N470255" s="10"/>
    </row>
    <row r="470256" spans="14:14">
      <c r="N470256" s="10"/>
    </row>
    <row r="470257" spans="14:14">
      <c r="N470257" s="10"/>
    </row>
    <row r="470258" spans="14:14">
      <c r="N470258" s="10"/>
    </row>
    <row r="470259" spans="14:14">
      <c r="N470259" s="10"/>
    </row>
    <row r="470260" spans="14:14">
      <c r="N470260" s="10"/>
    </row>
    <row r="470261" spans="14:14">
      <c r="N470261" s="10"/>
    </row>
    <row r="470262" spans="14:14">
      <c r="N470262" s="10"/>
    </row>
    <row r="470263" spans="14:14">
      <c r="N470263" s="10"/>
    </row>
    <row r="470264" spans="14:14">
      <c r="N470264" s="10"/>
    </row>
    <row r="470265" spans="14:14">
      <c r="N470265" s="10"/>
    </row>
    <row r="470266" spans="14:14">
      <c r="N470266" s="10"/>
    </row>
    <row r="470267" spans="14:14">
      <c r="N470267" s="10"/>
    </row>
    <row r="470268" spans="14:14">
      <c r="N470268" s="10"/>
    </row>
    <row r="470269" spans="14:14">
      <c r="N470269" s="10"/>
    </row>
    <row r="470270" spans="14:14">
      <c r="N470270" s="10"/>
    </row>
    <row r="470271" spans="14:14">
      <c r="N470271" s="10"/>
    </row>
    <row r="470272" spans="14:14">
      <c r="N470272" s="10"/>
    </row>
    <row r="470273" spans="14:14">
      <c r="N470273" s="10"/>
    </row>
    <row r="470274" spans="14:14">
      <c r="N470274" s="10"/>
    </row>
    <row r="470275" spans="14:14">
      <c r="N470275" s="10"/>
    </row>
    <row r="470276" spans="14:14">
      <c r="N470276" s="10"/>
    </row>
    <row r="470277" spans="14:14">
      <c r="N470277" s="10"/>
    </row>
    <row r="470278" spans="14:14">
      <c r="N470278" s="10"/>
    </row>
    <row r="470279" spans="14:14">
      <c r="N470279" s="10"/>
    </row>
    <row r="470280" spans="14:14">
      <c r="N470280" s="10"/>
    </row>
    <row r="470281" spans="14:14">
      <c r="N470281" s="10"/>
    </row>
    <row r="470282" spans="14:14">
      <c r="N470282" s="10"/>
    </row>
    <row r="470283" spans="14:14">
      <c r="N470283" s="10"/>
    </row>
    <row r="470284" spans="14:14">
      <c r="N470284" s="10"/>
    </row>
    <row r="470285" spans="14:14">
      <c r="N470285" s="10"/>
    </row>
    <row r="470286" spans="14:14">
      <c r="N470286" s="10"/>
    </row>
    <row r="470287" spans="14:14">
      <c r="N470287" s="10"/>
    </row>
    <row r="470288" spans="14:14">
      <c r="N470288" s="10"/>
    </row>
    <row r="470289" spans="14:14">
      <c r="N470289" s="10"/>
    </row>
    <row r="470290" spans="14:14">
      <c r="N470290" s="10"/>
    </row>
    <row r="470291" spans="14:14">
      <c r="N470291" s="10"/>
    </row>
    <row r="470292" spans="14:14">
      <c r="N470292" s="10"/>
    </row>
    <row r="470293" spans="14:14">
      <c r="N470293" s="10"/>
    </row>
    <row r="470294" spans="14:14">
      <c r="N470294" s="10"/>
    </row>
    <row r="470295" spans="14:14">
      <c r="N470295" s="10"/>
    </row>
    <row r="470296" spans="14:14">
      <c r="N470296" s="10"/>
    </row>
    <row r="470297" spans="14:14">
      <c r="N470297" s="10"/>
    </row>
    <row r="470298" spans="14:14">
      <c r="N470298" s="10"/>
    </row>
    <row r="470299" spans="14:14">
      <c r="N470299" s="10"/>
    </row>
    <row r="470300" spans="14:14">
      <c r="N470300" s="10"/>
    </row>
    <row r="470301" spans="14:14">
      <c r="N470301" s="10"/>
    </row>
    <row r="470302" spans="14:14">
      <c r="N470302" s="10"/>
    </row>
    <row r="470303" spans="14:14">
      <c r="N470303" s="10"/>
    </row>
    <row r="470304" spans="14:14">
      <c r="N470304" s="10"/>
    </row>
    <row r="470305" spans="14:14">
      <c r="N470305" s="10"/>
    </row>
    <row r="470306" spans="14:14">
      <c r="N470306" s="10"/>
    </row>
    <row r="470307" spans="14:14">
      <c r="N470307" s="10"/>
    </row>
    <row r="470308" spans="14:14">
      <c r="N470308" s="10"/>
    </row>
    <row r="470309" spans="14:14">
      <c r="N470309" s="10"/>
    </row>
    <row r="470310" spans="14:14">
      <c r="N470310" s="10"/>
    </row>
    <row r="470311" spans="14:14">
      <c r="N470311" s="10"/>
    </row>
    <row r="470312" spans="14:14">
      <c r="N470312" s="10"/>
    </row>
    <row r="470313" spans="14:14">
      <c r="N470313" s="10"/>
    </row>
    <row r="470314" spans="14:14">
      <c r="N470314" s="10"/>
    </row>
    <row r="470315" spans="14:14">
      <c r="N470315" s="10"/>
    </row>
    <row r="470316" spans="14:14">
      <c r="N470316" s="10"/>
    </row>
    <row r="470317" spans="14:14">
      <c r="N470317" s="10"/>
    </row>
    <row r="470318" spans="14:14">
      <c r="N470318" s="10"/>
    </row>
    <row r="470319" spans="14:14">
      <c r="N470319" s="10"/>
    </row>
    <row r="470320" spans="14:14">
      <c r="N470320" s="10"/>
    </row>
    <row r="470321" spans="14:14">
      <c r="N470321" s="10"/>
    </row>
    <row r="470322" spans="14:14">
      <c r="N470322" s="10"/>
    </row>
    <row r="470323" spans="14:14">
      <c r="N470323" s="10"/>
    </row>
    <row r="470324" spans="14:14">
      <c r="N470324" s="10"/>
    </row>
    <row r="470325" spans="14:14">
      <c r="N470325" s="10"/>
    </row>
    <row r="470326" spans="14:14">
      <c r="N470326" s="10"/>
    </row>
    <row r="470327" spans="14:14">
      <c r="N470327" s="10"/>
    </row>
    <row r="470328" spans="14:14">
      <c r="N470328" s="10"/>
    </row>
    <row r="470329" spans="14:14">
      <c r="N470329" s="10"/>
    </row>
    <row r="470330" spans="14:14">
      <c r="N470330" s="10"/>
    </row>
    <row r="470331" spans="14:14">
      <c r="N470331" s="10"/>
    </row>
    <row r="470332" spans="14:14">
      <c r="N470332" s="10"/>
    </row>
    <row r="470333" spans="14:14">
      <c r="N470333" s="10"/>
    </row>
    <row r="470334" spans="14:14">
      <c r="N470334" s="10"/>
    </row>
    <row r="470335" spans="14:14">
      <c r="N470335" s="10"/>
    </row>
    <row r="470336" spans="14:14">
      <c r="N470336" s="10"/>
    </row>
    <row r="470337" spans="14:14">
      <c r="N470337" s="10"/>
    </row>
    <row r="470338" spans="14:14">
      <c r="N470338" s="10"/>
    </row>
    <row r="470339" spans="14:14">
      <c r="N470339" s="10"/>
    </row>
    <row r="470340" spans="14:14">
      <c r="N470340" s="10"/>
    </row>
    <row r="470341" spans="14:14">
      <c r="N470341" s="10"/>
    </row>
    <row r="470342" spans="14:14">
      <c r="N470342" s="10"/>
    </row>
    <row r="470343" spans="14:14">
      <c r="N470343" s="10"/>
    </row>
    <row r="470344" spans="14:14">
      <c r="N470344" s="10"/>
    </row>
    <row r="470345" spans="14:14">
      <c r="N470345" s="10"/>
    </row>
    <row r="470346" spans="14:14">
      <c r="N470346" s="10"/>
    </row>
    <row r="470347" spans="14:14">
      <c r="N470347" s="10"/>
    </row>
    <row r="470348" spans="14:14">
      <c r="N470348" s="10"/>
    </row>
    <row r="470349" spans="14:14">
      <c r="N470349" s="10"/>
    </row>
    <row r="470350" spans="14:14">
      <c r="N470350" s="10"/>
    </row>
    <row r="470351" spans="14:14">
      <c r="N470351" s="10"/>
    </row>
    <row r="470352" spans="14:14">
      <c r="N470352" s="10"/>
    </row>
    <row r="470353" spans="14:14">
      <c r="N470353" s="10"/>
    </row>
    <row r="470354" spans="14:14">
      <c r="N470354" s="10"/>
    </row>
    <row r="470355" spans="14:14">
      <c r="N470355" s="10"/>
    </row>
    <row r="470356" spans="14:14">
      <c r="N470356" s="10"/>
    </row>
    <row r="470357" spans="14:14">
      <c r="N470357" s="10"/>
    </row>
    <row r="470358" spans="14:14">
      <c r="N470358" s="10"/>
    </row>
    <row r="470359" spans="14:14">
      <c r="N470359" s="10"/>
    </row>
    <row r="470360" spans="14:14">
      <c r="N470360" s="10"/>
    </row>
    <row r="470361" spans="14:14">
      <c r="N470361" s="10"/>
    </row>
    <row r="470362" spans="14:14">
      <c r="N470362" s="10"/>
    </row>
    <row r="470363" spans="14:14">
      <c r="N470363" s="10"/>
    </row>
    <row r="470364" spans="14:14">
      <c r="N470364" s="10"/>
    </row>
    <row r="470365" spans="14:14">
      <c r="N470365" s="10"/>
    </row>
    <row r="470366" spans="14:14">
      <c r="N470366" s="10"/>
    </row>
    <row r="470367" spans="14:14">
      <c r="N470367" s="10"/>
    </row>
    <row r="470368" spans="14:14">
      <c r="N470368" s="10"/>
    </row>
    <row r="470369" spans="14:14">
      <c r="N470369" s="10"/>
    </row>
    <row r="470370" spans="14:14">
      <c r="N470370" s="10"/>
    </row>
    <row r="470371" spans="14:14">
      <c r="N470371" s="10"/>
    </row>
    <row r="470372" spans="14:14">
      <c r="N470372" s="10"/>
    </row>
    <row r="470373" spans="14:14">
      <c r="N470373" s="10"/>
    </row>
    <row r="470374" spans="14:14">
      <c r="N470374" s="10"/>
    </row>
    <row r="470375" spans="14:14">
      <c r="N470375" s="10"/>
    </row>
    <row r="470376" spans="14:14">
      <c r="N470376" s="10"/>
    </row>
    <row r="470377" spans="14:14">
      <c r="N470377" s="10"/>
    </row>
    <row r="470378" spans="14:14">
      <c r="N470378" s="10"/>
    </row>
    <row r="470379" spans="14:14">
      <c r="N470379" s="10"/>
    </row>
    <row r="470380" spans="14:14">
      <c r="N470380" s="10"/>
    </row>
    <row r="470381" spans="14:14">
      <c r="N470381" s="10"/>
    </row>
    <row r="470382" spans="14:14">
      <c r="N470382" s="10"/>
    </row>
    <row r="470383" spans="14:14">
      <c r="N470383" s="10"/>
    </row>
    <row r="470384" spans="14:14">
      <c r="N470384" s="10"/>
    </row>
    <row r="470385" spans="14:14">
      <c r="N470385" s="10"/>
    </row>
    <row r="470386" spans="14:14">
      <c r="N470386" s="10"/>
    </row>
    <row r="470387" spans="14:14">
      <c r="N470387" s="10"/>
    </row>
    <row r="470388" spans="14:14">
      <c r="N470388" s="10"/>
    </row>
    <row r="470389" spans="14:14">
      <c r="N470389" s="10"/>
    </row>
    <row r="470390" spans="14:14">
      <c r="N470390" s="10"/>
    </row>
    <row r="470391" spans="14:14">
      <c r="N470391" s="10"/>
    </row>
    <row r="470392" spans="14:14">
      <c r="N470392" s="10"/>
    </row>
    <row r="470393" spans="14:14">
      <c r="N470393" s="10"/>
    </row>
    <row r="470394" spans="14:14">
      <c r="N470394" s="10"/>
    </row>
    <row r="470395" spans="14:14">
      <c r="N470395" s="10"/>
    </row>
    <row r="470396" spans="14:14">
      <c r="N470396" s="10"/>
    </row>
    <row r="470397" spans="14:14">
      <c r="N470397" s="10"/>
    </row>
    <row r="470398" spans="14:14">
      <c r="N470398" s="10"/>
    </row>
    <row r="470399" spans="14:14">
      <c r="N470399" s="10"/>
    </row>
    <row r="470400" spans="14:14">
      <c r="N470400" s="10"/>
    </row>
    <row r="470401" spans="14:14">
      <c r="N470401" s="10"/>
    </row>
    <row r="470402" spans="14:14">
      <c r="N470402" s="10"/>
    </row>
    <row r="470403" spans="14:14">
      <c r="N470403" s="10"/>
    </row>
    <row r="470404" spans="14:14">
      <c r="N470404" s="10"/>
    </row>
    <row r="470405" spans="14:14">
      <c r="N470405" s="10"/>
    </row>
    <row r="470406" spans="14:14">
      <c r="N470406" s="10"/>
    </row>
    <row r="470407" spans="14:14">
      <c r="N470407" s="10"/>
    </row>
    <row r="470408" spans="14:14">
      <c r="N470408" s="10"/>
    </row>
    <row r="470409" spans="14:14">
      <c r="N470409" s="10"/>
    </row>
    <row r="470410" spans="14:14">
      <c r="N470410" s="10"/>
    </row>
    <row r="470411" spans="14:14">
      <c r="N470411" s="10"/>
    </row>
    <row r="470412" spans="14:14">
      <c r="N470412" s="10"/>
    </row>
    <row r="470413" spans="14:14">
      <c r="N470413" s="10"/>
    </row>
    <row r="470414" spans="14:14">
      <c r="N470414" s="10"/>
    </row>
    <row r="470415" spans="14:14">
      <c r="N470415" s="10"/>
    </row>
    <row r="470416" spans="14:14">
      <c r="N470416" s="10"/>
    </row>
    <row r="470417" spans="14:14">
      <c r="N470417" s="10"/>
    </row>
    <row r="470418" spans="14:14">
      <c r="N470418" s="10"/>
    </row>
    <row r="470419" spans="14:14">
      <c r="N470419" s="10"/>
    </row>
    <row r="470420" spans="14:14">
      <c r="N470420" s="10"/>
    </row>
    <row r="470421" spans="14:14">
      <c r="N470421" s="10"/>
    </row>
    <row r="470422" spans="14:14">
      <c r="N470422" s="10"/>
    </row>
    <row r="470423" spans="14:14">
      <c r="N470423" s="10"/>
    </row>
    <row r="470424" spans="14:14">
      <c r="N470424" s="10"/>
    </row>
    <row r="470425" spans="14:14">
      <c r="N470425" s="10"/>
    </row>
    <row r="470426" spans="14:14">
      <c r="N470426" s="10"/>
    </row>
    <row r="470427" spans="14:14">
      <c r="N470427" s="10"/>
    </row>
    <row r="470428" spans="14:14">
      <c r="N470428" s="10"/>
    </row>
    <row r="470429" spans="14:14">
      <c r="N470429" s="10"/>
    </row>
    <row r="470430" spans="14:14">
      <c r="N470430" s="10"/>
    </row>
    <row r="470431" spans="14:14">
      <c r="N470431" s="10"/>
    </row>
    <row r="470432" spans="14:14">
      <c r="N470432" s="10"/>
    </row>
    <row r="470433" spans="14:14">
      <c r="N470433" s="10"/>
    </row>
    <row r="470434" spans="14:14">
      <c r="N470434" s="10"/>
    </row>
    <row r="470435" spans="14:14">
      <c r="N470435" s="10"/>
    </row>
    <row r="470436" spans="14:14">
      <c r="N470436" s="10"/>
    </row>
    <row r="470437" spans="14:14">
      <c r="N470437" s="10"/>
    </row>
    <row r="470438" spans="14:14">
      <c r="N470438" s="10"/>
    </row>
    <row r="470439" spans="14:14">
      <c r="N470439" s="10"/>
    </row>
    <row r="470440" spans="14:14">
      <c r="N470440" s="10"/>
    </row>
    <row r="470441" spans="14:14">
      <c r="N470441" s="10"/>
    </row>
    <row r="470442" spans="14:14">
      <c r="N470442" s="10"/>
    </row>
    <row r="470443" spans="14:14">
      <c r="N470443" s="10"/>
    </row>
    <row r="470444" spans="14:14">
      <c r="N470444" s="10"/>
    </row>
    <row r="470445" spans="14:14">
      <c r="N470445" s="10"/>
    </row>
    <row r="470446" spans="14:14">
      <c r="N470446" s="10"/>
    </row>
    <row r="470447" spans="14:14">
      <c r="N470447" s="10"/>
    </row>
    <row r="470448" spans="14:14">
      <c r="N470448" s="10"/>
    </row>
    <row r="470449" spans="14:14">
      <c r="N470449" s="10"/>
    </row>
    <row r="470450" spans="14:14">
      <c r="N470450" s="10"/>
    </row>
    <row r="470451" spans="14:14">
      <c r="N470451" s="10"/>
    </row>
    <row r="470452" spans="14:14">
      <c r="N470452" s="10"/>
    </row>
    <row r="470453" spans="14:14">
      <c r="N470453" s="10"/>
    </row>
    <row r="470454" spans="14:14">
      <c r="N470454" s="10"/>
    </row>
    <row r="470455" spans="14:14">
      <c r="N470455" s="10"/>
    </row>
    <row r="470456" spans="14:14">
      <c r="N470456" s="10"/>
    </row>
    <row r="470457" spans="14:14">
      <c r="N470457" s="10"/>
    </row>
    <row r="470458" spans="14:14">
      <c r="N470458" s="10"/>
    </row>
    <row r="470459" spans="14:14">
      <c r="N470459" s="10"/>
    </row>
    <row r="470460" spans="14:14">
      <c r="N470460" s="10"/>
    </row>
    <row r="470461" spans="14:14">
      <c r="N470461" s="10"/>
    </row>
    <row r="470462" spans="14:14">
      <c r="N470462" s="10"/>
    </row>
    <row r="470463" spans="14:14">
      <c r="N470463" s="10"/>
    </row>
    <row r="470464" spans="14:14">
      <c r="N470464" s="10"/>
    </row>
    <row r="470465" spans="14:14">
      <c r="N470465" s="10"/>
    </row>
    <row r="470466" spans="14:14">
      <c r="N470466" s="10"/>
    </row>
    <row r="470467" spans="14:14">
      <c r="N470467" s="10"/>
    </row>
    <row r="470468" spans="14:14">
      <c r="N470468" s="10"/>
    </row>
    <row r="470469" spans="14:14">
      <c r="N470469" s="10"/>
    </row>
    <row r="470470" spans="14:14">
      <c r="N470470" s="10"/>
    </row>
    <row r="470471" spans="14:14">
      <c r="N470471" s="10"/>
    </row>
    <row r="470472" spans="14:14">
      <c r="N470472" s="10"/>
    </row>
    <row r="470473" spans="14:14">
      <c r="N470473" s="10"/>
    </row>
    <row r="470474" spans="14:14">
      <c r="N470474" s="10"/>
    </row>
    <row r="470475" spans="14:14">
      <c r="N470475" s="10"/>
    </row>
    <row r="470476" spans="14:14">
      <c r="N470476" s="10"/>
    </row>
    <row r="470477" spans="14:14">
      <c r="N470477" s="10"/>
    </row>
    <row r="470478" spans="14:14">
      <c r="N470478" s="10"/>
    </row>
    <row r="470479" spans="14:14">
      <c r="N470479" s="10"/>
    </row>
    <row r="470480" spans="14:14">
      <c r="N470480" s="10"/>
    </row>
    <row r="470481" spans="14:14">
      <c r="N470481" s="10"/>
    </row>
    <row r="470482" spans="14:14">
      <c r="N470482" s="10"/>
    </row>
    <row r="470483" spans="14:14">
      <c r="N470483" s="10"/>
    </row>
    <row r="470484" spans="14:14">
      <c r="N470484" s="10"/>
    </row>
    <row r="470485" spans="14:14">
      <c r="N470485" s="10"/>
    </row>
    <row r="470486" spans="14:14">
      <c r="N470486" s="10"/>
    </row>
    <row r="470487" spans="14:14">
      <c r="N470487" s="10"/>
    </row>
    <row r="470488" spans="14:14">
      <c r="N470488" s="10"/>
    </row>
    <row r="470489" spans="14:14">
      <c r="N470489" s="10"/>
    </row>
    <row r="470490" spans="14:14">
      <c r="N470490" s="10"/>
    </row>
    <row r="470491" spans="14:14">
      <c r="N470491" s="10"/>
    </row>
    <row r="470492" spans="14:14">
      <c r="N470492" s="10"/>
    </row>
    <row r="470493" spans="14:14">
      <c r="N470493" s="10"/>
    </row>
    <row r="470494" spans="14:14">
      <c r="N470494" s="10"/>
    </row>
    <row r="470495" spans="14:14">
      <c r="N470495" s="10"/>
    </row>
    <row r="470496" spans="14:14">
      <c r="N470496" s="10"/>
    </row>
    <row r="470497" spans="14:14">
      <c r="N470497" s="10"/>
    </row>
    <row r="470498" spans="14:14">
      <c r="N470498" s="10"/>
    </row>
    <row r="470499" spans="14:14">
      <c r="N470499" s="10"/>
    </row>
    <row r="470500" spans="14:14">
      <c r="N470500" s="10"/>
    </row>
    <row r="470501" spans="14:14">
      <c r="N470501" s="10"/>
    </row>
    <row r="470502" spans="14:14">
      <c r="N470502" s="10"/>
    </row>
    <row r="470503" spans="14:14">
      <c r="N470503" s="10"/>
    </row>
    <row r="470504" spans="14:14">
      <c r="N470504" s="10"/>
    </row>
    <row r="470505" spans="14:14">
      <c r="N470505" s="10"/>
    </row>
    <row r="470506" spans="14:14">
      <c r="N470506" s="10"/>
    </row>
    <row r="470507" spans="14:14">
      <c r="N470507" s="10"/>
    </row>
    <row r="470508" spans="14:14">
      <c r="N470508" s="10"/>
    </row>
    <row r="470509" spans="14:14">
      <c r="N470509" s="10"/>
    </row>
    <row r="470510" spans="14:14">
      <c r="N470510" s="10"/>
    </row>
    <row r="470511" spans="14:14">
      <c r="N470511" s="10"/>
    </row>
    <row r="470512" spans="14:14">
      <c r="N470512" s="10"/>
    </row>
    <row r="470513" spans="14:14">
      <c r="N470513" s="10"/>
    </row>
    <row r="470514" spans="14:14">
      <c r="N470514" s="10"/>
    </row>
    <row r="470515" spans="14:14">
      <c r="N470515" s="10"/>
    </row>
    <row r="470516" spans="14:14">
      <c r="N470516" s="10"/>
    </row>
    <row r="470517" spans="14:14">
      <c r="N470517" s="10"/>
    </row>
    <row r="470518" spans="14:14">
      <c r="N470518" s="10"/>
    </row>
    <row r="470519" spans="14:14">
      <c r="N470519" s="10"/>
    </row>
    <row r="470520" spans="14:14">
      <c r="N470520" s="10"/>
    </row>
    <row r="470521" spans="14:14">
      <c r="N470521" s="10"/>
    </row>
    <row r="470522" spans="14:14">
      <c r="N470522" s="10"/>
    </row>
    <row r="470523" spans="14:14">
      <c r="N470523" s="10"/>
    </row>
    <row r="470524" spans="14:14">
      <c r="N470524" s="10"/>
    </row>
    <row r="470525" spans="14:14">
      <c r="N470525" s="10"/>
    </row>
    <row r="470526" spans="14:14">
      <c r="N470526" s="10"/>
    </row>
    <row r="470527" spans="14:14">
      <c r="N470527" s="10"/>
    </row>
    <row r="470528" spans="14:14">
      <c r="N470528" s="10"/>
    </row>
    <row r="470529" spans="14:14">
      <c r="N470529" s="10"/>
    </row>
    <row r="470530" spans="14:14">
      <c r="N470530" s="10"/>
    </row>
    <row r="470531" spans="14:14">
      <c r="N470531" s="10"/>
    </row>
    <row r="470532" spans="14:14">
      <c r="N470532" s="10"/>
    </row>
    <row r="470533" spans="14:14">
      <c r="N470533" s="10"/>
    </row>
    <row r="470534" spans="14:14">
      <c r="N470534" s="10"/>
    </row>
    <row r="470535" spans="14:14">
      <c r="N470535" s="10"/>
    </row>
    <row r="470536" spans="14:14">
      <c r="N470536" s="10"/>
    </row>
    <row r="470537" spans="14:14">
      <c r="N470537" s="10"/>
    </row>
    <row r="470538" spans="14:14">
      <c r="N470538" s="10"/>
    </row>
    <row r="470539" spans="14:14">
      <c r="N470539" s="10"/>
    </row>
    <row r="470540" spans="14:14">
      <c r="N470540" s="10"/>
    </row>
    <row r="470541" spans="14:14">
      <c r="N470541" s="10"/>
    </row>
    <row r="470542" spans="14:14">
      <c r="N470542" s="10"/>
    </row>
    <row r="470543" spans="14:14">
      <c r="N470543" s="10"/>
    </row>
    <row r="470544" spans="14:14">
      <c r="N470544" s="10"/>
    </row>
    <row r="470545" spans="14:14">
      <c r="N470545" s="10"/>
    </row>
    <row r="470546" spans="14:14">
      <c r="N470546" s="10"/>
    </row>
    <row r="470547" spans="14:14">
      <c r="N470547" s="10"/>
    </row>
    <row r="470548" spans="14:14">
      <c r="N470548" s="10"/>
    </row>
    <row r="470549" spans="14:14">
      <c r="N470549" s="10"/>
    </row>
    <row r="470550" spans="14:14">
      <c r="N470550" s="10"/>
    </row>
    <row r="470551" spans="14:14">
      <c r="N470551" s="10"/>
    </row>
    <row r="470552" spans="14:14">
      <c r="N470552" s="10"/>
    </row>
    <row r="470553" spans="14:14">
      <c r="N470553" s="10"/>
    </row>
    <row r="470554" spans="14:14">
      <c r="N470554" s="10"/>
    </row>
    <row r="470555" spans="14:14">
      <c r="N470555" s="10"/>
    </row>
    <row r="470556" spans="14:14">
      <c r="N470556" s="10"/>
    </row>
    <row r="470557" spans="14:14">
      <c r="N470557" s="10"/>
    </row>
    <row r="470558" spans="14:14">
      <c r="N470558" s="10"/>
    </row>
    <row r="470559" spans="14:14">
      <c r="N470559" s="10"/>
    </row>
    <row r="470560" spans="14:14">
      <c r="N470560" s="10"/>
    </row>
    <row r="470561" spans="14:14">
      <c r="N470561" s="10"/>
    </row>
    <row r="470562" spans="14:14">
      <c r="N470562" s="10"/>
    </row>
    <row r="470563" spans="14:14">
      <c r="N470563" s="10"/>
    </row>
    <row r="470564" spans="14:14">
      <c r="N470564" s="10"/>
    </row>
    <row r="470565" spans="14:14">
      <c r="N470565" s="10"/>
    </row>
    <row r="470566" spans="14:14">
      <c r="N470566" s="10"/>
    </row>
    <row r="470567" spans="14:14">
      <c r="N470567" s="10"/>
    </row>
    <row r="470568" spans="14:14">
      <c r="N470568" s="10"/>
    </row>
    <row r="470569" spans="14:14">
      <c r="N470569" s="10"/>
    </row>
    <row r="470570" spans="14:14">
      <c r="N470570" s="10"/>
    </row>
    <row r="470571" spans="14:14">
      <c r="N470571" s="10"/>
    </row>
    <row r="470572" spans="14:14">
      <c r="N470572" s="10"/>
    </row>
    <row r="470573" spans="14:14">
      <c r="N470573" s="10"/>
    </row>
    <row r="470574" spans="14:14">
      <c r="N470574" s="10"/>
    </row>
    <row r="470575" spans="14:14">
      <c r="N470575" s="10"/>
    </row>
    <row r="470576" spans="14:14">
      <c r="N470576" s="10"/>
    </row>
    <row r="470577" spans="14:14">
      <c r="N470577" s="10"/>
    </row>
    <row r="470578" spans="14:14">
      <c r="N470578" s="10"/>
    </row>
    <row r="470579" spans="14:14">
      <c r="N470579" s="10"/>
    </row>
    <row r="470580" spans="14:14">
      <c r="N470580" s="10"/>
    </row>
    <row r="470581" spans="14:14">
      <c r="N470581" s="10"/>
    </row>
    <row r="470582" spans="14:14">
      <c r="N470582" s="10"/>
    </row>
    <row r="470583" spans="14:14">
      <c r="N470583" s="10"/>
    </row>
    <row r="470584" spans="14:14">
      <c r="N470584" s="10"/>
    </row>
    <row r="470585" spans="14:14">
      <c r="N470585" s="10"/>
    </row>
    <row r="470586" spans="14:14">
      <c r="N470586" s="10"/>
    </row>
    <row r="470587" spans="14:14">
      <c r="N470587" s="10"/>
    </row>
    <row r="470588" spans="14:14">
      <c r="N470588" s="10"/>
    </row>
    <row r="470589" spans="14:14">
      <c r="N470589" s="10"/>
    </row>
    <row r="470590" spans="14:14">
      <c r="N470590" s="10"/>
    </row>
    <row r="470591" spans="14:14">
      <c r="N470591" s="10"/>
    </row>
    <row r="470592" spans="14:14">
      <c r="N470592" s="10"/>
    </row>
    <row r="470593" spans="14:14">
      <c r="N470593" s="10"/>
    </row>
    <row r="470594" spans="14:14">
      <c r="N470594" s="10"/>
    </row>
    <row r="470595" spans="14:14">
      <c r="N470595" s="10"/>
    </row>
    <row r="470596" spans="14:14">
      <c r="N470596" s="10"/>
    </row>
    <row r="470597" spans="14:14">
      <c r="N470597" s="10"/>
    </row>
    <row r="470598" spans="14:14">
      <c r="N470598" s="10"/>
    </row>
    <row r="470599" spans="14:14">
      <c r="N470599" s="10"/>
    </row>
    <row r="470600" spans="14:14">
      <c r="N470600" s="10"/>
    </row>
    <row r="470601" spans="14:14">
      <c r="N470601" s="10"/>
    </row>
    <row r="470602" spans="14:14">
      <c r="N470602" s="10"/>
    </row>
    <row r="470603" spans="14:14">
      <c r="N470603" s="10"/>
    </row>
    <row r="470604" spans="14:14">
      <c r="N470604" s="10"/>
    </row>
    <row r="470605" spans="14:14">
      <c r="N470605" s="10"/>
    </row>
    <row r="470606" spans="14:14">
      <c r="N470606" s="10"/>
    </row>
    <row r="470607" spans="14:14">
      <c r="N470607" s="10"/>
    </row>
    <row r="470608" spans="14:14">
      <c r="N470608" s="10"/>
    </row>
    <row r="470609" spans="14:14">
      <c r="N470609" s="10"/>
    </row>
    <row r="470610" spans="14:14">
      <c r="N470610" s="10"/>
    </row>
    <row r="470611" spans="14:14">
      <c r="N470611" s="10"/>
    </row>
    <row r="470612" spans="14:14">
      <c r="N470612" s="10"/>
    </row>
    <row r="470613" spans="14:14">
      <c r="N470613" s="10"/>
    </row>
    <row r="470614" spans="14:14">
      <c r="N470614" s="10"/>
    </row>
    <row r="470615" spans="14:14">
      <c r="N470615" s="10"/>
    </row>
    <row r="470616" spans="14:14">
      <c r="N470616" s="10"/>
    </row>
    <row r="470617" spans="14:14">
      <c r="N470617" s="10"/>
    </row>
    <row r="470618" spans="14:14">
      <c r="N470618" s="10"/>
    </row>
    <row r="470619" spans="14:14">
      <c r="N470619" s="10"/>
    </row>
    <row r="470620" spans="14:14">
      <c r="N470620" s="10"/>
    </row>
    <row r="470621" spans="14:14">
      <c r="N470621" s="10"/>
    </row>
    <row r="470622" spans="14:14">
      <c r="N470622" s="10"/>
    </row>
    <row r="470623" spans="14:14">
      <c r="N470623" s="10"/>
    </row>
    <row r="470624" spans="14:14">
      <c r="N470624" s="10"/>
    </row>
    <row r="470625" spans="14:14">
      <c r="N470625" s="10"/>
    </row>
    <row r="470626" spans="14:14">
      <c r="N470626" s="10"/>
    </row>
    <row r="470627" spans="14:14">
      <c r="N470627" s="10"/>
    </row>
    <row r="470628" spans="14:14">
      <c r="N470628" s="10"/>
    </row>
    <row r="470629" spans="14:14">
      <c r="N470629" s="10"/>
    </row>
    <row r="470630" spans="14:14">
      <c r="N470630" s="10"/>
    </row>
    <row r="470631" spans="14:14">
      <c r="N470631" s="10"/>
    </row>
    <row r="470632" spans="14:14">
      <c r="N470632" s="10"/>
    </row>
    <row r="470633" spans="14:14">
      <c r="N470633" s="10"/>
    </row>
    <row r="470634" spans="14:14">
      <c r="N470634" s="10"/>
    </row>
    <row r="470635" spans="14:14">
      <c r="N470635" s="10"/>
    </row>
    <row r="470636" spans="14:14">
      <c r="N470636" s="10"/>
    </row>
    <row r="470637" spans="14:14">
      <c r="N470637" s="10"/>
    </row>
    <row r="470638" spans="14:14">
      <c r="N470638" s="10"/>
    </row>
    <row r="470639" spans="14:14">
      <c r="N470639" s="10"/>
    </row>
    <row r="470640" spans="14:14">
      <c r="N470640" s="10"/>
    </row>
    <row r="470641" spans="14:14">
      <c r="N470641" s="10"/>
    </row>
    <row r="470642" spans="14:14">
      <c r="N470642" s="10"/>
    </row>
    <row r="470643" spans="14:14">
      <c r="N470643" s="10"/>
    </row>
    <row r="470644" spans="14:14">
      <c r="N470644" s="10"/>
    </row>
    <row r="470645" spans="14:14">
      <c r="N470645" s="10"/>
    </row>
    <row r="470646" spans="14:14">
      <c r="N470646" s="10"/>
    </row>
    <row r="470647" spans="14:14">
      <c r="N470647" s="10"/>
    </row>
    <row r="470648" spans="14:14">
      <c r="N470648" s="10"/>
    </row>
    <row r="470649" spans="14:14">
      <c r="N470649" s="10"/>
    </row>
    <row r="470650" spans="14:14">
      <c r="N470650" s="10"/>
    </row>
    <row r="470651" spans="14:14">
      <c r="N470651" s="10"/>
    </row>
    <row r="470652" spans="14:14">
      <c r="N470652" s="10"/>
    </row>
    <row r="470653" spans="14:14">
      <c r="N470653" s="10"/>
    </row>
    <row r="470654" spans="14:14">
      <c r="N470654" s="10"/>
    </row>
    <row r="470655" spans="14:14">
      <c r="N470655" s="10"/>
    </row>
    <row r="470656" spans="14:14">
      <c r="N470656" s="10"/>
    </row>
    <row r="470657" spans="14:14">
      <c r="N470657" s="10"/>
    </row>
    <row r="470658" spans="14:14">
      <c r="N470658" s="10"/>
    </row>
    <row r="470659" spans="14:14">
      <c r="N470659" s="10"/>
    </row>
    <row r="470660" spans="14:14">
      <c r="N470660" s="10"/>
    </row>
    <row r="470661" spans="14:14">
      <c r="N470661" s="10"/>
    </row>
    <row r="470662" spans="14:14">
      <c r="N470662" s="10"/>
    </row>
    <row r="470663" spans="14:14">
      <c r="N470663" s="10"/>
    </row>
    <row r="470664" spans="14:14">
      <c r="N470664" s="10"/>
    </row>
    <row r="470665" spans="14:14">
      <c r="N470665" s="10"/>
    </row>
    <row r="470666" spans="14:14">
      <c r="N470666" s="10"/>
    </row>
    <row r="470667" spans="14:14">
      <c r="N470667" s="10"/>
    </row>
    <row r="470668" spans="14:14">
      <c r="N470668" s="10"/>
    </row>
    <row r="470669" spans="14:14">
      <c r="N470669" s="10"/>
    </row>
    <row r="470670" spans="14:14">
      <c r="N470670" s="10"/>
    </row>
    <row r="470671" spans="14:14">
      <c r="N470671" s="10"/>
    </row>
    <row r="470672" spans="14:14">
      <c r="N470672" s="10"/>
    </row>
    <row r="470673" spans="14:14">
      <c r="N470673" s="10"/>
    </row>
    <row r="470674" spans="14:14">
      <c r="N470674" s="10"/>
    </row>
    <row r="470675" spans="14:14">
      <c r="N470675" s="10"/>
    </row>
    <row r="470676" spans="14:14">
      <c r="N470676" s="10"/>
    </row>
    <row r="470677" spans="14:14">
      <c r="N470677" s="10"/>
    </row>
    <row r="470678" spans="14:14">
      <c r="N470678" s="10"/>
    </row>
    <row r="470679" spans="14:14">
      <c r="N470679" s="10"/>
    </row>
    <row r="470680" spans="14:14">
      <c r="N470680" s="10"/>
    </row>
    <row r="470681" spans="14:14">
      <c r="N470681" s="10"/>
    </row>
    <row r="470682" spans="14:14">
      <c r="N470682" s="10"/>
    </row>
    <row r="470683" spans="14:14">
      <c r="N470683" s="10"/>
    </row>
    <row r="470684" spans="14:14">
      <c r="N470684" s="10"/>
    </row>
    <row r="470685" spans="14:14">
      <c r="N470685" s="10"/>
    </row>
    <row r="470686" spans="14:14">
      <c r="N470686" s="10"/>
    </row>
    <row r="470687" spans="14:14">
      <c r="N470687" s="10"/>
    </row>
    <row r="470688" spans="14:14">
      <c r="N470688" s="10"/>
    </row>
    <row r="470689" spans="14:14">
      <c r="N470689" s="10"/>
    </row>
    <row r="470690" spans="14:14">
      <c r="N470690" s="10"/>
    </row>
    <row r="470691" spans="14:14">
      <c r="N470691" s="10"/>
    </row>
    <row r="470692" spans="14:14">
      <c r="N470692" s="10"/>
    </row>
    <row r="470693" spans="14:14">
      <c r="N470693" s="10"/>
    </row>
    <row r="470694" spans="14:14">
      <c r="N470694" s="10"/>
    </row>
    <row r="470695" spans="14:14">
      <c r="N470695" s="10"/>
    </row>
    <row r="470696" spans="14:14">
      <c r="N470696" s="10"/>
    </row>
    <row r="470697" spans="14:14">
      <c r="N470697" s="10"/>
    </row>
    <row r="470698" spans="14:14">
      <c r="N470698" s="10"/>
    </row>
    <row r="470699" spans="14:14">
      <c r="N470699" s="10"/>
    </row>
    <row r="470700" spans="14:14">
      <c r="N470700" s="10"/>
    </row>
    <row r="470701" spans="14:14">
      <c r="N470701" s="10"/>
    </row>
    <row r="470702" spans="14:14">
      <c r="N470702" s="10"/>
    </row>
    <row r="470703" spans="14:14">
      <c r="N470703" s="10"/>
    </row>
    <row r="470704" spans="14:14">
      <c r="N470704" s="10"/>
    </row>
    <row r="470705" spans="14:14">
      <c r="N470705" s="10"/>
    </row>
    <row r="470706" spans="14:14">
      <c r="N470706" s="10"/>
    </row>
    <row r="470707" spans="14:14">
      <c r="N470707" s="10"/>
    </row>
    <row r="470708" spans="14:14">
      <c r="N470708" s="10"/>
    </row>
    <row r="470709" spans="14:14">
      <c r="N470709" s="10"/>
    </row>
    <row r="470710" spans="14:14">
      <c r="N470710" s="10"/>
    </row>
    <row r="470711" spans="14:14">
      <c r="N470711" s="10"/>
    </row>
    <row r="470712" spans="14:14">
      <c r="N470712" s="10"/>
    </row>
    <row r="470713" spans="14:14">
      <c r="N470713" s="10"/>
    </row>
    <row r="470714" spans="14:14">
      <c r="N470714" s="10"/>
    </row>
    <row r="470715" spans="14:14">
      <c r="N470715" s="10"/>
    </row>
    <row r="470716" spans="14:14">
      <c r="N470716" s="10"/>
    </row>
    <row r="470717" spans="14:14">
      <c r="N470717" s="10"/>
    </row>
    <row r="470718" spans="14:14">
      <c r="N470718" s="10"/>
    </row>
    <row r="470719" spans="14:14">
      <c r="N470719" s="10"/>
    </row>
    <row r="470720" spans="14:14">
      <c r="N470720" s="10"/>
    </row>
    <row r="470721" spans="14:14">
      <c r="N470721" s="10"/>
    </row>
    <row r="470722" spans="14:14">
      <c r="N470722" s="10"/>
    </row>
    <row r="470723" spans="14:14">
      <c r="N470723" s="10"/>
    </row>
    <row r="470724" spans="14:14">
      <c r="N470724" s="10"/>
    </row>
    <row r="470725" spans="14:14">
      <c r="N470725" s="10"/>
    </row>
    <row r="470726" spans="14:14">
      <c r="N470726" s="10"/>
    </row>
    <row r="470727" spans="14:14">
      <c r="N470727" s="10"/>
    </row>
    <row r="470728" spans="14:14">
      <c r="N470728" s="10"/>
    </row>
    <row r="470729" spans="14:14">
      <c r="N470729" s="10"/>
    </row>
    <row r="470730" spans="14:14">
      <c r="N470730" s="10"/>
    </row>
    <row r="470731" spans="14:14">
      <c r="N470731" s="10"/>
    </row>
    <row r="470732" spans="14:14">
      <c r="N470732" s="10"/>
    </row>
    <row r="470733" spans="14:14">
      <c r="N470733" s="10"/>
    </row>
    <row r="470734" spans="14:14">
      <c r="N470734" s="10"/>
    </row>
    <row r="470735" spans="14:14">
      <c r="N470735" s="10"/>
    </row>
    <row r="470736" spans="14:14">
      <c r="N470736" s="10"/>
    </row>
    <row r="470737" spans="14:14">
      <c r="N470737" s="10"/>
    </row>
    <row r="470738" spans="14:14">
      <c r="N470738" s="10"/>
    </row>
    <row r="470739" spans="14:14">
      <c r="N470739" s="10"/>
    </row>
    <row r="470740" spans="14:14">
      <c r="N470740" s="10"/>
    </row>
    <row r="470741" spans="14:14">
      <c r="N470741" s="10"/>
    </row>
    <row r="470742" spans="14:14">
      <c r="N470742" s="10"/>
    </row>
    <row r="470743" spans="14:14">
      <c r="N470743" s="10"/>
    </row>
    <row r="470744" spans="14:14">
      <c r="N470744" s="10"/>
    </row>
    <row r="470745" spans="14:14">
      <c r="N470745" s="10"/>
    </row>
    <row r="470746" spans="14:14">
      <c r="N470746" s="10"/>
    </row>
    <row r="470747" spans="14:14">
      <c r="N470747" s="10"/>
    </row>
    <row r="470748" spans="14:14">
      <c r="N470748" s="10"/>
    </row>
    <row r="470749" spans="14:14">
      <c r="N470749" s="10"/>
    </row>
    <row r="470750" spans="14:14">
      <c r="N470750" s="10"/>
    </row>
    <row r="470751" spans="14:14">
      <c r="N470751" s="10"/>
    </row>
    <row r="470752" spans="14:14">
      <c r="N470752" s="10"/>
    </row>
    <row r="470753" spans="14:14">
      <c r="N470753" s="10"/>
    </row>
    <row r="470754" spans="14:14">
      <c r="N470754" s="10"/>
    </row>
    <row r="470755" spans="14:14">
      <c r="N470755" s="10"/>
    </row>
    <row r="470756" spans="14:14">
      <c r="N470756" s="10"/>
    </row>
    <row r="470757" spans="14:14">
      <c r="N470757" s="10"/>
    </row>
    <row r="470758" spans="14:14">
      <c r="N470758" s="10"/>
    </row>
    <row r="470759" spans="14:14">
      <c r="N470759" s="10"/>
    </row>
    <row r="470760" spans="14:14">
      <c r="N470760" s="10"/>
    </row>
    <row r="470761" spans="14:14">
      <c r="N470761" s="10"/>
    </row>
    <row r="470762" spans="14:14">
      <c r="N470762" s="10"/>
    </row>
    <row r="470763" spans="14:14">
      <c r="N470763" s="10"/>
    </row>
    <row r="470764" spans="14:14">
      <c r="N470764" s="10"/>
    </row>
    <row r="470765" spans="14:14">
      <c r="N470765" s="10"/>
    </row>
    <row r="470766" spans="14:14">
      <c r="N470766" s="10"/>
    </row>
    <row r="470767" spans="14:14">
      <c r="N470767" s="10"/>
    </row>
    <row r="470768" spans="14:14">
      <c r="N470768" s="10"/>
    </row>
    <row r="470769" spans="14:14">
      <c r="N470769" s="10"/>
    </row>
    <row r="470770" spans="14:14">
      <c r="N470770" s="10"/>
    </row>
    <row r="470771" spans="14:14">
      <c r="N470771" s="10"/>
    </row>
    <row r="470772" spans="14:14">
      <c r="N470772" s="10"/>
    </row>
    <row r="470773" spans="14:14">
      <c r="N470773" s="10"/>
    </row>
    <row r="470774" spans="14:14">
      <c r="N470774" s="10"/>
    </row>
    <row r="470775" spans="14:14">
      <c r="N470775" s="10"/>
    </row>
    <row r="470776" spans="14:14">
      <c r="N470776" s="10"/>
    </row>
    <row r="470777" spans="14:14">
      <c r="N470777" s="10"/>
    </row>
    <row r="470778" spans="14:14">
      <c r="N470778" s="10"/>
    </row>
    <row r="470779" spans="14:14">
      <c r="N470779" s="10"/>
    </row>
    <row r="470780" spans="14:14">
      <c r="N470780" s="10"/>
    </row>
    <row r="470781" spans="14:14">
      <c r="N470781" s="10"/>
    </row>
    <row r="470782" spans="14:14">
      <c r="N470782" s="10"/>
    </row>
    <row r="470783" spans="14:14">
      <c r="N470783" s="10"/>
    </row>
    <row r="470784" spans="14:14">
      <c r="N470784" s="10"/>
    </row>
    <row r="470785" spans="14:14">
      <c r="N470785" s="10"/>
    </row>
    <row r="470786" spans="14:14">
      <c r="N470786" s="10"/>
    </row>
    <row r="470787" spans="14:14">
      <c r="N470787" s="10"/>
    </row>
    <row r="470788" spans="14:14">
      <c r="N470788" s="10"/>
    </row>
    <row r="470789" spans="14:14">
      <c r="N470789" s="10"/>
    </row>
    <row r="470790" spans="14:14">
      <c r="N470790" s="10"/>
    </row>
    <row r="470791" spans="14:14">
      <c r="N470791" s="10"/>
    </row>
    <row r="470792" spans="14:14">
      <c r="N470792" s="10"/>
    </row>
    <row r="470793" spans="14:14">
      <c r="N470793" s="10"/>
    </row>
    <row r="470794" spans="14:14">
      <c r="N470794" s="10"/>
    </row>
    <row r="470795" spans="14:14">
      <c r="N470795" s="10"/>
    </row>
    <row r="470796" spans="14:14">
      <c r="N470796" s="10"/>
    </row>
    <row r="470797" spans="14:14">
      <c r="N470797" s="10"/>
    </row>
    <row r="470798" spans="14:14">
      <c r="N470798" s="10"/>
    </row>
    <row r="470799" spans="14:14">
      <c r="N470799" s="10"/>
    </row>
    <row r="470800" spans="14:14">
      <c r="N470800" s="10"/>
    </row>
    <row r="470801" spans="14:14">
      <c r="N470801" s="10"/>
    </row>
    <row r="470802" spans="14:14">
      <c r="N470802" s="10"/>
    </row>
    <row r="470803" spans="14:14">
      <c r="N470803" s="10"/>
    </row>
    <row r="470804" spans="14:14">
      <c r="N470804" s="10"/>
    </row>
    <row r="470805" spans="14:14">
      <c r="N470805" s="10"/>
    </row>
    <row r="470806" spans="14:14">
      <c r="N470806" s="10"/>
    </row>
    <row r="470807" spans="14:14">
      <c r="N470807" s="10"/>
    </row>
    <row r="470808" spans="14:14">
      <c r="N470808" s="10"/>
    </row>
    <row r="470809" spans="14:14">
      <c r="N470809" s="10"/>
    </row>
    <row r="470810" spans="14:14">
      <c r="N470810" s="10"/>
    </row>
    <row r="470811" spans="14:14">
      <c r="N470811" s="10"/>
    </row>
    <row r="470812" spans="14:14">
      <c r="N470812" s="10"/>
    </row>
    <row r="470813" spans="14:14">
      <c r="N470813" s="10"/>
    </row>
    <row r="470814" spans="14:14">
      <c r="N470814" s="10"/>
    </row>
    <row r="470815" spans="14:14">
      <c r="N470815" s="10"/>
    </row>
    <row r="470816" spans="14:14">
      <c r="N470816" s="10"/>
    </row>
    <row r="470817" spans="14:14">
      <c r="N470817" s="10"/>
    </row>
    <row r="470818" spans="14:14">
      <c r="N470818" s="10"/>
    </row>
    <row r="470819" spans="14:14">
      <c r="N470819" s="10"/>
    </row>
    <row r="470820" spans="14:14">
      <c r="N470820" s="10"/>
    </row>
    <row r="470821" spans="14:14">
      <c r="N470821" s="10"/>
    </row>
    <row r="470822" spans="14:14">
      <c r="N470822" s="10"/>
    </row>
    <row r="470823" spans="14:14">
      <c r="N470823" s="10"/>
    </row>
    <row r="470824" spans="14:14">
      <c r="N470824" s="10"/>
    </row>
    <row r="470825" spans="14:14">
      <c r="N470825" s="10"/>
    </row>
    <row r="470826" spans="14:14">
      <c r="N470826" s="10"/>
    </row>
    <row r="470827" spans="14:14">
      <c r="N470827" s="10"/>
    </row>
    <row r="470828" spans="14:14">
      <c r="N470828" s="10"/>
    </row>
    <row r="470829" spans="14:14">
      <c r="N470829" s="10"/>
    </row>
    <row r="470830" spans="14:14">
      <c r="N470830" s="10"/>
    </row>
    <row r="470831" spans="14:14">
      <c r="N470831" s="10"/>
    </row>
    <row r="470832" spans="14:14">
      <c r="N470832" s="10"/>
    </row>
    <row r="470833" spans="14:14">
      <c r="N470833" s="10"/>
    </row>
    <row r="470834" spans="14:14">
      <c r="N470834" s="10"/>
    </row>
    <row r="470835" spans="14:14">
      <c r="N470835" s="10"/>
    </row>
    <row r="470836" spans="14:14">
      <c r="N470836" s="10"/>
    </row>
    <row r="470837" spans="14:14">
      <c r="N470837" s="10"/>
    </row>
    <row r="470838" spans="14:14">
      <c r="N470838" s="10"/>
    </row>
    <row r="470839" spans="14:14">
      <c r="N470839" s="10"/>
    </row>
    <row r="470840" spans="14:14">
      <c r="N470840" s="10"/>
    </row>
    <row r="470841" spans="14:14">
      <c r="N470841" s="10"/>
    </row>
    <row r="470842" spans="14:14">
      <c r="N470842" s="10"/>
    </row>
    <row r="470843" spans="14:14">
      <c r="N470843" s="10"/>
    </row>
    <row r="470844" spans="14:14">
      <c r="N470844" s="10"/>
    </row>
    <row r="470845" spans="14:14">
      <c r="N470845" s="10"/>
    </row>
    <row r="470846" spans="14:14">
      <c r="N470846" s="10"/>
    </row>
    <row r="470847" spans="14:14">
      <c r="N470847" s="10"/>
    </row>
    <row r="470848" spans="14:14">
      <c r="N470848" s="10"/>
    </row>
    <row r="470849" spans="14:14">
      <c r="N470849" s="10"/>
    </row>
    <row r="470850" spans="14:14">
      <c r="N470850" s="10"/>
    </row>
    <row r="470851" spans="14:14">
      <c r="N470851" s="10"/>
    </row>
    <row r="470852" spans="14:14">
      <c r="N470852" s="10"/>
    </row>
    <row r="470853" spans="14:14">
      <c r="N470853" s="10"/>
    </row>
    <row r="470854" spans="14:14">
      <c r="N470854" s="10"/>
    </row>
    <row r="470855" spans="14:14">
      <c r="N470855" s="10"/>
    </row>
    <row r="470856" spans="14:14">
      <c r="N470856" s="10"/>
    </row>
    <row r="470857" spans="14:14">
      <c r="N470857" s="10"/>
    </row>
    <row r="470858" spans="14:14">
      <c r="N470858" s="10"/>
    </row>
    <row r="470859" spans="14:14">
      <c r="N470859" s="10"/>
    </row>
    <row r="470860" spans="14:14">
      <c r="N470860" s="10"/>
    </row>
    <row r="470861" spans="14:14">
      <c r="N470861" s="10"/>
    </row>
    <row r="470862" spans="14:14">
      <c r="N470862" s="10"/>
    </row>
    <row r="470863" spans="14:14">
      <c r="N470863" s="10"/>
    </row>
    <row r="470864" spans="14:14">
      <c r="N470864" s="10"/>
    </row>
    <row r="470865" spans="14:14">
      <c r="N470865" s="10"/>
    </row>
    <row r="470866" spans="14:14">
      <c r="N470866" s="10"/>
    </row>
    <row r="470867" spans="14:14">
      <c r="N470867" s="10"/>
    </row>
    <row r="470868" spans="14:14">
      <c r="N470868" s="10"/>
    </row>
    <row r="470869" spans="14:14">
      <c r="N470869" s="10"/>
    </row>
    <row r="470870" spans="14:14">
      <c r="N470870" s="10"/>
    </row>
    <row r="470871" spans="14:14">
      <c r="N470871" s="10"/>
    </row>
    <row r="470872" spans="14:14">
      <c r="N470872" s="10"/>
    </row>
    <row r="470873" spans="14:14">
      <c r="N470873" s="10"/>
    </row>
    <row r="470874" spans="14:14">
      <c r="N470874" s="10"/>
    </row>
    <row r="470875" spans="14:14">
      <c r="N470875" s="10"/>
    </row>
    <row r="470876" spans="14:14">
      <c r="N470876" s="10"/>
    </row>
    <row r="470877" spans="14:14">
      <c r="N470877" s="10"/>
    </row>
    <row r="470878" spans="14:14">
      <c r="N470878" s="10"/>
    </row>
    <row r="470879" spans="14:14">
      <c r="N470879" s="10"/>
    </row>
    <row r="470880" spans="14:14">
      <c r="N470880" s="10"/>
    </row>
    <row r="470881" spans="14:14">
      <c r="N470881" s="10"/>
    </row>
    <row r="470882" spans="14:14">
      <c r="N470882" s="10"/>
    </row>
    <row r="470883" spans="14:14">
      <c r="N470883" s="10"/>
    </row>
    <row r="470884" spans="14:14">
      <c r="N470884" s="10"/>
    </row>
    <row r="470885" spans="14:14">
      <c r="N470885" s="10"/>
    </row>
    <row r="470886" spans="14:14">
      <c r="N470886" s="10"/>
    </row>
    <row r="470887" spans="14:14">
      <c r="N470887" s="10"/>
    </row>
    <row r="470888" spans="14:14">
      <c r="N470888" s="10"/>
    </row>
    <row r="470889" spans="14:14">
      <c r="N470889" s="10"/>
    </row>
    <row r="470890" spans="14:14">
      <c r="N470890" s="10"/>
    </row>
    <row r="470891" spans="14:14">
      <c r="N470891" s="10"/>
    </row>
    <row r="470892" spans="14:14">
      <c r="N470892" s="10"/>
    </row>
    <row r="470893" spans="14:14">
      <c r="N470893" s="10"/>
    </row>
    <row r="470894" spans="14:14">
      <c r="N470894" s="10"/>
    </row>
    <row r="470895" spans="14:14">
      <c r="N470895" s="10"/>
    </row>
    <row r="470896" spans="14:14">
      <c r="N470896" s="10"/>
    </row>
    <row r="470897" spans="14:14">
      <c r="N470897" s="10"/>
    </row>
    <row r="470898" spans="14:14">
      <c r="N470898" s="10"/>
    </row>
    <row r="470899" spans="14:14">
      <c r="N470899" s="10"/>
    </row>
    <row r="470900" spans="14:14">
      <c r="N470900" s="10"/>
    </row>
    <row r="470901" spans="14:14">
      <c r="N470901" s="10"/>
    </row>
    <row r="470902" spans="14:14">
      <c r="N470902" s="10"/>
    </row>
    <row r="470903" spans="14:14">
      <c r="N470903" s="10"/>
    </row>
    <row r="470904" spans="14:14">
      <c r="N470904" s="10"/>
    </row>
    <row r="470905" spans="14:14">
      <c r="N470905" s="10"/>
    </row>
    <row r="470906" spans="14:14">
      <c r="N470906" s="10"/>
    </row>
    <row r="470907" spans="14:14">
      <c r="N470907" s="10"/>
    </row>
    <row r="470908" spans="14:14">
      <c r="N470908" s="10"/>
    </row>
    <row r="470909" spans="14:14">
      <c r="N470909" s="10"/>
    </row>
    <row r="470910" spans="14:14">
      <c r="N470910" s="10"/>
    </row>
    <row r="470911" spans="14:14">
      <c r="N470911" s="10"/>
    </row>
    <row r="470912" spans="14:14">
      <c r="N470912" s="10"/>
    </row>
    <row r="470913" spans="14:14">
      <c r="N470913" s="10"/>
    </row>
    <row r="470914" spans="14:14">
      <c r="N470914" s="10"/>
    </row>
    <row r="470915" spans="14:14">
      <c r="N470915" s="10"/>
    </row>
    <row r="470916" spans="14:14">
      <c r="N470916" s="10"/>
    </row>
    <row r="470917" spans="14:14">
      <c r="N470917" s="10"/>
    </row>
    <row r="470918" spans="14:14">
      <c r="N470918" s="10"/>
    </row>
    <row r="470919" spans="14:14">
      <c r="N470919" s="10"/>
    </row>
    <row r="470920" spans="14:14">
      <c r="N470920" s="10"/>
    </row>
    <row r="470921" spans="14:14">
      <c r="N470921" s="10"/>
    </row>
    <row r="470922" spans="14:14">
      <c r="N470922" s="10"/>
    </row>
    <row r="470923" spans="14:14">
      <c r="N470923" s="10"/>
    </row>
    <row r="470924" spans="14:14">
      <c r="N470924" s="10"/>
    </row>
    <row r="470925" spans="14:14">
      <c r="N470925" s="10"/>
    </row>
    <row r="470926" spans="14:14">
      <c r="N470926" s="10"/>
    </row>
    <row r="470927" spans="14:14">
      <c r="N470927" s="10"/>
    </row>
    <row r="470928" spans="14:14">
      <c r="N470928" s="10"/>
    </row>
    <row r="470929" spans="14:14">
      <c r="N470929" s="10"/>
    </row>
    <row r="470930" spans="14:14">
      <c r="N470930" s="10"/>
    </row>
    <row r="470931" spans="14:14">
      <c r="N470931" s="10"/>
    </row>
    <row r="470932" spans="14:14">
      <c r="N470932" s="10"/>
    </row>
    <row r="470933" spans="14:14">
      <c r="N470933" s="10"/>
    </row>
    <row r="470934" spans="14:14">
      <c r="N470934" s="10"/>
    </row>
    <row r="470935" spans="14:14">
      <c r="N470935" s="10"/>
    </row>
    <row r="470936" spans="14:14">
      <c r="N470936" s="10"/>
    </row>
    <row r="470937" spans="14:14">
      <c r="N470937" s="10"/>
    </row>
    <row r="470938" spans="14:14">
      <c r="N470938" s="10"/>
    </row>
    <row r="470939" spans="14:14">
      <c r="N470939" s="10"/>
    </row>
    <row r="470940" spans="14:14">
      <c r="N470940" s="10"/>
    </row>
    <row r="470941" spans="14:14">
      <c r="N470941" s="10"/>
    </row>
    <row r="470942" spans="14:14">
      <c r="N470942" s="10"/>
    </row>
    <row r="470943" spans="14:14">
      <c r="N470943" s="10"/>
    </row>
    <row r="470944" spans="14:14">
      <c r="N470944" s="10"/>
    </row>
    <row r="470945" spans="14:14">
      <c r="N470945" s="10"/>
    </row>
    <row r="470946" spans="14:14">
      <c r="N470946" s="10"/>
    </row>
    <row r="470947" spans="14:14">
      <c r="N470947" s="10"/>
    </row>
    <row r="470948" spans="14:14">
      <c r="N470948" s="10"/>
    </row>
    <row r="470949" spans="14:14">
      <c r="N470949" s="10"/>
    </row>
    <row r="470950" spans="14:14">
      <c r="N470950" s="10"/>
    </row>
    <row r="470951" spans="14:14">
      <c r="N470951" s="10"/>
    </row>
    <row r="470952" spans="14:14">
      <c r="N470952" s="10"/>
    </row>
    <row r="470953" spans="14:14">
      <c r="N470953" s="10"/>
    </row>
    <row r="470954" spans="14:14">
      <c r="N470954" s="10"/>
    </row>
    <row r="470955" spans="14:14">
      <c r="N470955" s="10"/>
    </row>
    <row r="470956" spans="14:14">
      <c r="N470956" s="10"/>
    </row>
    <row r="470957" spans="14:14">
      <c r="N470957" s="10"/>
    </row>
    <row r="470958" spans="14:14">
      <c r="N470958" s="10"/>
    </row>
    <row r="470959" spans="14:14">
      <c r="N470959" s="10"/>
    </row>
    <row r="470960" spans="14:14">
      <c r="N470960" s="10"/>
    </row>
    <row r="470961" spans="14:14">
      <c r="N470961" s="10"/>
    </row>
    <row r="470962" spans="14:14">
      <c r="N470962" s="10"/>
    </row>
    <row r="470963" spans="14:14">
      <c r="N470963" s="10"/>
    </row>
    <row r="470964" spans="14:14">
      <c r="N470964" s="10"/>
    </row>
    <row r="470965" spans="14:14">
      <c r="N470965" s="10"/>
    </row>
    <row r="470966" spans="14:14">
      <c r="N470966" s="10"/>
    </row>
    <row r="470967" spans="14:14">
      <c r="N470967" s="10"/>
    </row>
    <row r="470968" spans="14:14">
      <c r="N470968" s="10"/>
    </row>
    <row r="470969" spans="14:14">
      <c r="N470969" s="10"/>
    </row>
    <row r="470970" spans="14:14">
      <c r="N470970" s="10"/>
    </row>
    <row r="470971" spans="14:14">
      <c r="N470971" s="10"/>
    </row>
    <row r="470972" spans="14:14">
      <c r="N470972" s="10"/>
    </row>
    <row r="470973" spans="14:14">
      <c r="N470973" s="10"/>
    </row>
    <row r="470974" spans="14:14">
      <c r="N470974" s="10"/>
    </row>
    <row r="470975" spans="14:14">
      <c r="N470975" s="10"/>
    </row>
    <row r="470976" spans="14:14">
      <c r="N470976" s="10"/>
    </row>
    <row r="470977" spans="14:14">
      <c r="N470977" s="10"/>
    </row>
    <row r="470978" spans="14:14">
      <c r="N470978" s="10"/>
    </row>
    <row r="470979" spans="14:14">
      <c r="N470979" s="10"/>
    </row>
    <row r="470980" spans="14:14">
      <c r="N470980" s="10"/>
    </row>
    <row r="470981" spans="14:14">
      <c r="N470981" s="10"/>
    </row>
    <row r="470982" spans="14:14">
      <c r="N470982" s="10"/>
    </row>
    <row r="470983" spans="14:14">
      <c r="N470983" s="10"/>
    </row>
    <row r="470984" spans="14:14">
      <c r="N470984" s="10"/>
    </row>
    <row r="470985" spans="14:14">
      <c r="N470985" s="10"/>
    </row>
    <row r="470986" spans="14:14">
      <c r="N470986" s="10"/>
    </row>
    <row r="470987" spans="14:14">
      <c r="N470987" s="10"/>
    </row>
    <row r="470988" spans="14:14">
      <c r="N470988" s="10"/>
    </row>
    <row r="470989" spans="14:14">
      <c r="N470989" s="10"/>
    </row>
    <row r="470990" spans="14:14">
      <c r="N470990" s="10"/>
    </row>
    <row r="470991" spans="14:14">
      <c r="N470991" s="10"/>
    </row>
    <row r="470992" spans="14:14">
      <c r="N470992" s="10"/>
    </row>
    <row r="470993" spans="14:14">
      <c r="N470993" s="10"/>
    </row>
    <row r="470994" spans="14:14">
      <c r="N470994" s="10"/>
    </row>
    <row r="470995" spans="14:14">
      <c r="N470995" s="10"/>
    </row>
    <row r="470996" spans="14:14">
      <c r="N470996" s="10"/>
    </row>
    <row r="470997" spans="14:14">
      <c r="N470997" s="10"/>
    </row>
    <row r="470998" spans="14:14">
      <c r="N470998" s="10"/>
    </row>
    <row r="470999" spans="14:14">
      <c r="N470999" s="10"/>
    </row>
    <row r="471000" spans="14:14">
      <c r="N471000" s="10"/>
    </row>
    <row r="471001" spans="14:14">
      <c r="N471001" s="10"/>
    </row>
    <row r="471002" spans="14:14">
      <c r="N471002" s="10"/>
    </row>
    <row r="471003" spans="14:14">
      <c r="N471003" s="10"/>
    </row>
    <row r="471004" spans="14:14">
      <c r="N471004" s="10"/>
    </row>
    <row r="471005" spans="14:14">
      <c r="N471005" s="10"/>
    </row>
    <row r="471006" spans="14:14">
      <c r="N471006" s="10"/>
    </row>
    <row r="471007" spans="14:14">
      <c r="N471007" s="10"/>
    </row>
    <row r="471008" spans="14:14">
      <c r="N471008" s="10"/>
    </row>
    <row r="471009" spans="14:14">
      <c r="N471009" s="10"/>
    </row>
    <row r="471010" spans="14:14">
      <c r="N471010" s="10"/>
    </row>
    <row r="471011" spans="14:14">
      <c r="N471011" s="10"/>
    </row>
    <row r="471012" spans="14:14">
      <c r="N471012" s="10"/>
    </row>
    <row r="471013" spans="14:14">
      <c r="N471013" s="10"/>
    </row>
    <row r="471014" spans="14:14">
      <c r="N471014" s="10"/>
    </row>
    <row r="471015" spans="14:14">
      <c r="N471015" s="10"/>
    </row>
    <row r="471016" spans="14:14">
      <c r="N471016" s="10"/>
    </row>
    <row r="471017" spans="14:14">
      <c r="N471017" s="10"/>
    </row>
    <row r="471018" spans="14:14">
      <c r="N471018" s="10"/>
    </row>
    <row r="471019" spans="14:14">
      <c r="N471019" s="10"/>
    </row>
    <row r="471020" spans="14:14">
      <c r="N471020" s="10"/>
    </row>
    <row r="471021" spans="14:14">
      <c r="N471021" s="10"/>
    </row>
    <row r="471022" spans="14:14">
      <c r="N471022" s="10"/>
    </row>
    <row r="471023" spans="14:14">
      <c r="N471023" s="10"/>
    </row>
    <row r="471024" spans="14:14">
      <c r="N471024" s="10"/>
    </row>
    <row r="471025" spans="14:14">
      <c r="N471025" s="10"/>
    </row>
    <row r="471026" spans="14:14">
      <c r="N471026" s="10"/>
    </row>
    <row r="471027" spans="14:14">
      <c r="N471027" s="10"/>
    </row>
    <row r="471028" spans="14:14">
      <c r="N471028" s="10"/>
    </row>
    <row r="471029" spans="14:14">
      <c r="N471029" s="10"/>
    </row>
    <row r="471030" spans="14:14">
      <c r="N471030" s="10"/>
    </row>
    <row r="471031" spans="14:14">
      <c r="N471031" s="10"/>
    </row>
    <row r="471032" spans="14:14">
      <c r="N471032" s="10"/>
    </row>
    <row r="471033" spans="14:14">
      <c r="N471033" s="10"/>
    </row>
    <row r="471034" spans="14:14">
      <c r="N471034" s="10"/>
    </row>
    <row r="471035" spans="14:14">
      <c r="N471035" s="10"/>
    </row>
    <row r="471036" spans="14:14">
      <c r="N471036" s="10"/>
    </row>
    <row r="471037" spans="14:14">
      <c r="N471037" s="10"/>
    </row>
    <row r="471038" spans="14:14">
      <c r="N471038" s="10"/>
    </row>
    <row r="471039" spans="14:14">
      <c r="N471039" s="10"/>
    </row>
    <row r="471040" spans="14:14">
      <c r="N471040" s="10"/>
    </row>
    <row r="471041" spans="14:14">
      <c r="N471041" s="10"/>
    </row>
    <row r="471042" spans="14:14">
      <c r="N471042" s="10"/>
    </row>
    <row r="471043" spans="14:14">
      <c r="N471043" s="10"/>
    </row>
    <row r="471044" spans="14:14">
      <c r="N471044" s="10"/>
    </row>
    <row r="471045" spans="14:14">
      <c r="N471045" s="10"/>
    </row>
    <row r="471046" spans="14:14">
      <c r="N471046" s="10"/>
    </row>
    <row r="471047" spans="14:14">
      <c r="N471047" s="10"/>
    </row>
    <row r="471048" spans="14:14">
      <c r="N471048" s="10"/>
    </row>
    <row r="471049" spans="14:14">
      <c r="N471049" s="10"/>
    </row>
    <row r="471050" spans="14:14">
      <c r="N471050" s="10"/>
    </row>
    <row r="471051" spans="14:14">
      <c r="N471051" s="10"/>
    </row>
    <row r="471052" spans="14:14">
      <c r="N471052" s="10"/>
    </row>
    <row r="471053" spans="14:14">
      <c r="N471053" s="10"/>
    </row>
    <row r="471054" spans="14:14">
      <c r="N471054" s="10"/>
    </row>
    <row r="471055" spans="14:14">
      <c r="N471055" s="10"/>
    </row>
    <row r="471056" spans="14:14">
      <c r="N471056" s="10"/>
    </row>
    <row r="471057" spans="14:14">
      <c r="N471057" s="10"/>
    </row>
    <row r="471058" spans="14:14">
      <c r="N471058" s="10"/>
    </row>
    <row r="471059" spans="14:14">
      <c r="N471059" s="10"/>
    </row>
    <row r="471060" spans="14:14">
      <c r="N471060" s="10"/>
    </row>
    <row r="471061" spans="14:14">
      <c r="N471061" s="10"/>
    </row>
    <row r="471062" spans="14:14">
      <c r="N471062" s="10"/>
    </row>
    <row r="471063" spans="14:14">
      <c r="N471063" s="10"/>
    </row>
    <row r="471064" spans="14:14">
      <c r="N471064" s="10"/>
    </row>
    <row r="471065" spans="14:14">
      <c r="N471065" s="10"/>
    </row>
    <row r="471066" spans="14:14">
      <c r="N471066" s="10"/>
    </row>
    <row r="471067" spans="14:14">
      <c r="N471067" s="10"/>
    </row>
    <row r="471068" spans="14:14">
      <c r="N471068" s="10"/>
    </row>
    <row r="471069" spans="14:14">
      <c r="N471069" s="10"/>
    </row>
    <row r="471070" spans="14:14">
      <c r="N471070" s="10"/>
    </row>
    <row r="471071" spans="14:14">
      <c r="N471071" s="10"/>
    </row>
    <row r="471072" spans="14:14">
      <c r="N471072" s="10"/>
    </row>
    <row r="471073" spans="14:14">
      <c r="N471073" s="10"/>
    </row>
    <row r="471074" spans="14:14">
      <c r="N471074" s="10"/>
    </row>
    <row r="471075" spans="14:14">
      <c r="N471075" s="10"/>
    </row>
    <row r="471076" spans="14:14">
      <c r="N471076" s="10"/>
    </row>
    <row r="471077" spans="14:14">
      <c r="N471077" s="10"/>
    </row>
    <row r="471078" spans="14:14">
      <c r="N471078" s="10"/>
    </row>
    <row r="471079" spans="14:14">
      <c r="N471079" s="10"/>
    </row>
    <row r="471080" spans="14:14">
      <c r="N471080" s="10"/>
    </row>
    <row r="471081" spans="14:14">
      <c r="N471081" s="10"/>
    </row>
    <row r="471082" spans="14:14">
      <c r="N471082" s="10"/>
    </row>
    <row r="471083" spans="14:14">
      <c r="N471083" s="10"/>
    </row>
    <row r="471084" spans="14:14">
      <c r="N471084" s="10"/>
    </row>
    <row r="471085" spans="14:14">
      <c r="N471085" s="10"/>
    </row>
    <row r="471086" spans="14:14">
      <c r="N471086" s="10"/>
    </row>
    <row r="471087" spans="14:14">
      <c r="N471087" s="10"/>
    </row>
    <row r="471088" spans="14:14">
      <c r="N471088" s="10"/>
    </row>
    <row r="471089" spans="14:14">
      <c r="N471089" s="10"/>
    </row>
    <row r="471090" spans="14:14">
      <c r="N471090" s="10"/>
    </row>
    <row r="471091" spans="14:14">
      <c r="N471091" s="10"/>
    </row>
    <row r="471092" spans="14:14">
      <c r="N471092" s="10"/>
    </row>
    <row r="471093" spans="14:14">
      <c r="N471093" s="10"/>
    </row>
    <row r="471094" spans="14:14">
      <c r="N471094" s="10"/>
    </row>
    <row r="471095" spans="14:14">
      <c r="N471095" s="10"/>
    </row>
    <row r="471096" spans="14:14">
      <c r="N471096" s="10"/>
    </row>
    <row r="471097" spans="14:14">
      <c r="N471097" s="10"/>
    </row>
    <row r="471098" spans="14:14">
      <c r="N471098" s="10"/>
    </row>
    <row r="471099" spans="14:14">
      <c r="N471099" s="10"/>
    </row>
    <row r="471100" spans="14:14">
      <c r="N471100" s="10"/>
    </row>
    <row r="471101" spans="14:14">
      <c r="N471101" s="10"/>
    </row>
    <row r="471102" spans="14:14">
      <c r="N471102" s="10"/>
    </row>
    <row r="471103" spans="14:14">
      <c r="N471103" s="10"/>
    </row>
    <row r="471104" spans="14:14">
      <c r="N471104" s="10"/>
    </row>
    <row r="471105" spans="14:14">
      <c r="N471105" s="10"/>
    </row>
    <row r="471106" spans="14:14">
      <c r="N471106" s="10"/>
    </row>
    <row r="471107" spans="14:14">
      <c r="N471107" s="10"/>
    </row>
    <row r="471108" spans="14:14">
      <c r="N471108" s="10"/>
    </row>
    <row r="471109" spans="14:14">
      <c r="N471109" s="10"/>
    </row>
    <row r="471110" spans="14:14">
      <c r="N471110" s="10"/>
    </row>
    <row r="471111" spans="14:14">
      <c r="N471111" s="10"/>
    </row>
    <row r="471112" spans="14:14">
      <c r="N471112" s="10"/>
    </row>
    <row r="471113" spans="14:14">
      <c r="N471113" s="10"/>
    </row>
    <row r="471114" spans="14:14">
      <c r="N471114" s="10"/>
    </row>
    <row r="471115" spans="14:14">
      <c r="N471115" s="10"/>
    </row>
    <row r="471116" spans="14:14">
      <c r="N471116" s="10"/>
    </row>
    <row r="471117" spans="14:14">
      <c r="N471117" s="10"/>
    </row>
    <row r="471118" spans="14:14">
      <c r="N471118" s="10"/>
    </row>
    <row r="471119" spans="14:14">
      <c r="N471119" s="10"/>
    </row>
    <row r="471120" spans="14:14">
      <c r="N471120" s="10"/>
    </row>
    <row r="471121" spans="14:14">
      <c r="N471121" s="10"/>
    </row>
    <row r="471122" spans="14:14">
      <c r="N471122" s="10"/>
    </row>
    <row r="471123" spans="14:14">
      <c r="N471123" s="10"/>
    </row>
    <row r="471124" spans="14:14">
      <c r="N471124" s="10"/>
    </row>
    <row r="471125" spans="14:14">
      <c r="N471125" s="10"/>
    </row>
    <row r="471126" spans="14:14">
      <c r="N471126" s="10"/>
    </row>
    <row r="471127" spans="14:14">
      <c r="N471127" s="10"/>
    </row>
    <row r="471128" spans="14:14">
      <c r="N471128" s="10"/>
    </row>
    <row r="471129" spans="14:14">
      <c r="N471129" s="10"/>
    </row>
    <row r="471130" spans="14:14">
      <c r="N471130" s="10"/>
    </row>
    <row r="471131" spans="14:14">
      <c r="N471131" s="10"/>
    </row>
    <row r="471132" spans="14:14">
      <c r="N471132" s="10"/>
    </row>
    <row r="471133" spans="14:14">
      <c r="N471133" s="10"/>
    </row>
    <row r="471134" spans="14:14">
      <c r="N471134" s="10"/>
    </row>
    <row r="471135" spans="14:14">
      <c r="N471135" s="10"/>
    </row>
    <row r="471136" spans="14:14">
      <c r="N471136" s="10"/>
    </row>
    <row r="471137" spans="14:14">
      <c r="N471137" s="10"/>
    </row>
    <row r="471138" spans="14:14">
      <c r="N471138" s="10"/>
    </row>
    <row r="471139" spans="14:14">
      <c r="N471139" s="10"/>
    </row>
    <row r="471140" spans="14:14">
      <c r="N471140" s="10"/>
    </row>
    <row r="471141" spans="14:14">
      <c r="N471141" s="10"/>
    </row>
    <row r="471142" spans="14:14">
      <c r="N471142" s="10"/>
    </row>
    <row r="471143" spans="14:14">
      <c r="N471143" s="10"/>
    </row>
    <row r="471144" spans="14:14">
      <c r="N471144" s="10"/>
    </row>
    <row r="471145" spans="14:14">
      <c r="N471145" s="10"/>
    </row>
    <row r="471146" spans="14:14">
      <c r="N471146" s="10"/>
    </row>
    <row r="471147" spans="14:14">
      <c r="N471147" s="10"/>
    </row>
    <row r="471148" spans="14:14">
      <c r="N471148" s="10"/>
    </row>
    <row r="471149" spans="14:14">
      <c r="N471149" s="10"/>
    </row>
    <row r="471150" spans="14:14">
      <c r="N471150" s="10"/>
    </row>
    <row r="471151" spans="14:14">
      <c r="N471151" s="10"/>
    </row>
    <row r="471152" spans="14:14">
      <c r="N471152" s="10"/>
    </row>
    <row r="471153" spans="14:14">
      <c r="N471153" s="10"/>
    </row>
    <row r="471154" spans="14:14">
      <c r="N471154" s="10"/>
    </row>
    <row r="471155" spans="14:14">
      <c r="N471155" s="10"/>
    </row>
    <row r="471156" spans="14:14">
      <c r="N471156" s="10"/>
    </row>
    <row r="471157" spans="14:14">
      <c r="N471157" s="10"/>
    </row>
    <row r="471158" spans="14:14">
      <c r="N471158" s="10"/>
    </row>
    <row r="471159" spans="14:14">
      <c r="N471159" s="10"/>
    </row>
    <row r="471160" spans="14:14">
      <c r="N471160" s="10"/>
    </row>
    <row r="471161" spans="14:14">
      <c r="N471161" s="10"/>
    </row>
    <row r="471162" spans="14:14">
      <c r="N471162" s="10"/>
    </row>
    <row r="471163" spans="14:14">
      <c r="N471163" s="10"/>
    </row>
    <row r="471164" spans="14:14">
      <c r="N471164" s="10"/>
    </row>
    <row r="471165" spans="14:14">
      <c r="N471165" s="10"/>
    </row>
    <row r="471166" spans="14:14">
      <c r="N471166" s="10"/>
    </row>
    <row r="471167" spans="14:14">
      <c r="N471167" s="10"/>
    </row>
    <row r="471168" spans="14:14">
      <c r="N471168" s="10"/>
    </row>
    <row r="471169" spans="14:14">
      <c r="N471169" s="10"/>
    </row>
    <row r="471170" spans="14:14">
      <c r="N471170" s="10"/>
    </row>
    <row r="471171" spans="14:14">
      <c r="N471171" s="10"/>
    </row>
    <row r="471172" spans="14:14">
      <c r="N471172" s="10"/>
    </row>
    <row r="471173" spans="14:14">
      <c r="N471173" s="10"/>
    </row>
    <row r="471174" spans="14:14">
      <c r="N471174" s="10"/>
    </row>
    <row r="471175" spans="14:14">
      <c r="N471175" s="10"/>
    </row>
    <row r="471176" spans="14:14">
      <c r="N471176" s="10"/>
    </row>
    <row r="471177" spans="14:14">
      <c r="N471177" s="10"/>
    </row>
    <row r="471178" spans="14:14">
      <c r="N471178" s="10"/>
    </row>
    <row r="471179" spans="14:14">
      <c r="N471179" s="10"/>
    </row>
    <row r="471180" spans="14:14">
      <c r="N471180" s="10"/>
    </row>
    <row r="471181" spans="14:14">
      <c r="N471181" s="10"/>
    </row>
    <row r="471182" spans="14:14">
      <c r="N471182" s="10"/>
    </row>
    <row r="471183" spans="14:14">
      <c r="N471183" s="10"/>
    </row>
    <row r="471184" spans="14:14">
      <c r="N471184" s="10"/>
    </row>
    <row r="471185" spans="14:14">
      <c r="N471185" s="10"/>
    </row>
    <row r="471186" spans="14:14">
      <c r="N471186" s="10"/>
    </row>
    <row r="471187" spans="14:14">
      <c r="N471187" s="10"/>
    </row>
    <row r="471188" spans="14:14">
      <c r="N471188" s="10"/>
    </row>
    <row r="471189" spans="14:14">
      <c r="N471189" s="10"/>
    </row>
    <row r="471190" spans="14:14">
      <c r="N471190" s="10"/>
    </row>
    <row r="471191" spans="14:14">
      <c r="N471191" s="10"/>
    </row>
    <row r="471192" spans="14:14">
      <c r="N471192" s="10"/>
    </row>
    <row r="471193" spans="14:14">
      <c r="N471193" s="10"/>
    </row>
    <row r="471194" spans="14:14">
      <c r="N471194" s="10"/>
    </row>
    <row r="471195" spans="14:14">
      <c r="N471195" s="10"/>
    </row>
    <row r="471196" spans="14:14">
      <c r="N471196" s="10"/>
    </row>
    <row r="471197" spans="14:14">
      <c r="N471197" s="10"/>
    </row>
    <row r="471198" spans="14:14">
      <c r="N471198" s="10"/>
    </row>
    <row r="471199" spans="14:14">
      <c r="N471199" s="10"/>
    </row>
    <row r="471200" spans="14:14">
      <c r="N471200" s="10"/>
    </row>
    <row r="471201" spans="14:14">
      <c r="N471201" s="10"/>
    </row>
    <row r="471202" spans="14:14">
      <c r="N471202" s="10"/>
    </row>
    <row r="471203" spans="14:14">
      <c r="N471203" s="10"/>
    </row>
    <row r="471204" spans="14:14">
      <c r="N471204" s="10"/>
    </row>
    <row r="471205" spans="14:14">
      <c r="N471205" s="10"/>
    </row>
    <row r="471206" spans="14:14">
      <c r="N471206" s="10"/>
    </row>
    <row r="471207" spans="14:14">
      <c r="N471207" s="10"/>
    </row>
    <row r="471208" spans="14:14">
      <c r="N471208" s="10"/>
    </row>
    <row r="471209" spans="14:14">
      <c r="N471209" s="10"/>
    </row>
    <row r="471210" spans="14:14">
      <c r="N471210" s="10"/>
    </row>
    <row r="471211" spans="14:14">
      <c r="N471211" s="10"/>
    </row>
    <row r="471212" spans="14:14">
      <c r="N471212" s="10"/>
    </row>
    <row r="471213" spans="14:14">
      <c r="N471213" s="10"/>
    </row>
    <row r="471214" spans="14:14">
      <c r="N471214" s="10"/>
    </row>
    <row r="471215" spans="14:14">
      <c r="N471215" s="10"/>
    </row>
    <row r="471216" spans="14:14">
      <c r="N471216" s="10"/>
    </row>
    <row r="471217" spans="14:14">
      <c r="N471217" s="10"/>
    </row>
    <row r="471218" spans="14:14">
      <c r="N471218" s="10"/>
    </row>
    <row r="471219" spans="14:14">
      <c r="N471219" s="10"/>
    </row>
    <row r="471220" spans="14:14">
      <c r="N471220" s="10"/>
    </row>
    <row r="471221" spans="14:14">
      <c r="N471221" s="10"/>
    </row>
    <row r="471222" spans="14:14">
      <c r="N471222" s="10"/>
    </row>
    <row r="471223" spans="14:14">
      <c r="N471223" s="10"/>
    </row>
    <row r="471224" spans="14:14">
      <c r="N471224" s="10"/>
    </row>
    <row r="471225" spans="14:14">
      <c r="N471225" s="10"/>
    </row>
    <row r="471226" spans="14:14">
      <c r="N471226" s="10"/>
    </row>
    <row r="471227" spans="14:14">
      <c r="N471227" s="10"/>
    </row>
    <row r="471228" spans="14:14">
      <c r="N471228" s="10"/>
    </row>
    <row r="471229" spans="14:14">
      <c r="N471229" s="10"/>
    </row>
    <row r="471230" spans="14:14">
      <c r="N471230" s="10"/>
    </row>
    <row r="471231" spans="14:14">
      <c r="N471231" s="10"/>
    </row>
    <row r="471232" spans="14:14">
      <c r="N471232" s="10"/>
    </row>
    <row r="471233" spans="14:14">
      <c r="N471233" s="10"/>
    </row>
    <row r="471234" spans="14:14">
      <c r="N471234" s="10"/>
    </row>
    <row r="471235" spans="14:14">
      <c r="N471235" s="10"/>
    </row>
    <row r="471236" spans="14:14">
      <c r="N471236" s="10"/>
    </row>
    <row r="471237" spans="14:14">
      <c r="N471237" s="10"/>
    </row>
    <row r="471238" spans="14:14">
      <c r="N471238" s="10"/>
    </row>
    <row r="471239" spans="14:14">
      <c r="N471239" s="10"/>
    </row>
    <row r="471240" spans="14:14">
      <c r="N471240" s="10"/>
    </row>
    <row r="471241" spans="14:14">
      <c r="N471241" s="10"/>
    </row>
    <row r="471242" spans="14:14">
      <c r="N471242" s="10"/>
    </row>
    <row r="471243" spans="14:14">
      <c r="N471243" s="10"/>
    </row>
    <row r="471244" spans="14:14">
      <c r="N471244" s="10"/>
    </row>
    <row r="471245" spans="14:14">
      <c r="N471245" s="10"/>
    </row>
    <row r="471246" spans="14:14">
      <c r="N471246" s="10"/>
    </row>
    <row r="471247" spans="14:14">
      <c r="N471247" s="10"/>
    </row>
    <row r="471248" spans="14:14">
      <c r="N471248" s="10"/>
    </row>
    <row r="471249" spans="14:14">
      <c r="N471249" s="10"/>
    </row>
    <row r="471250" spans="14:14">
      <c r="N471250" s="10"/>
    </row>
    <row r="471251" spans="14:14">
      <c r="N471251" s="10"/>
    </row>
    <row r="471252" spans="14:14">
      <c r="N471252" s="10"/>
    </row>
    <row r="471253" spans="14:14">
      <c r="N471253" s="10"/>
    </row>
    <row r="471254" spans="14:14">
      <c r="N471254" s="10"/>
    </row>
    <row r="471255" spans="14:14">
      <c r="N471255" s="10"/>
    </row>
    <row r="471256" spans="14:14">
      <c r="N471256" s="10"/>
    </row>
    <row r="471257" spans="14:14">
      <c r="N471257" s="10"/>
    </row>
    <row r="471258" spans="14:14">
      <c r="N471258" s="10"/>
    </row>
    <row r="471259" spans="14:14">
      <c r="N471259" s="10"/>
    </row>
    <row r="471260" spans="14:14">
      <c r="N471260" s="10"/>
    </row>
    <row r="471261" spans="14:14">
      <c r="N471261" s="10"/>
    </row>
    <row r="471262" spans="14:14">
      <c r="N471262" s="10"/>
    </row>
    <row r="471263" spans="14:14">
      <c r="N471263" s="10"/>
    </row>
    <row r="471264" spans="14:14">
      <c r="N471264" s="10"/>
    </row>
    <row r="471265" spans="14:14">
      <c r="N471265" s="10"/>
    </row>
    <row r="471266" spans="14:14">
      <c r="N471266" s="10"/>
    </row>
    <row r="471267" spans="14:14">
      <c r="N471267" s="10"/>
    </row>
    <row r="471268" spans="14:14">
      <c r="N471268" s="10"/>
    </row>
    <row r="471269" spans="14:14">
      <c r="N471269" s="10"/>
    </row>
    <row r="471270" spans="14:14">
      <c r="N471270" s="10"/>
    </row>
    <row r="471271" spans="14:14">
      <c r="N471271" s="10"/>
    </row>
    <row r="471272" spans="14:14">
      <c r="N471272" s="10"/>
    </row>
    <row r="471273" spans="14:14">
      <c r="N471273" s="10"/>
    </row>
    <row r="471274" spans="14:14">
      <c r="N471274" s="10"/>
    </row>
    <row r="471275" spans="14:14">
      <c r="N471275" s="10"/>
    </row>
    <row r="471276" spans="14:14">
      <c r="N471276" s="10"/>
    </row>
    <row r="471277" spans="14:14">
      <c r="N471277" s="10"/>
    </row>
    <row r="471278" spans="14:14">
      <c r="N471278" s="10"/>
    </row>
    <row r="471279" spans="14:14">
      <c r="N471279" s="10"/>
    </row>
    <row r="471280" spans="14:14">
      <c r="N471280" s="10"/>
    </row>
    <row r="471281" spans="14:14">
      <c r="N471281" s="10"/>
    </row>
    <row r="471282" spans="14:14">
      <c r="N471282" s="10"/>
    </row>
    <row r="471283" spans="14:14">
      <c r="N471283" s="10"/>
    </row>
    <row r="471284" spans="14:14">
      <c r="N471284" s="10"/>
    </row>
    <row r="471285" spans="14:14">
      <c r="N471285" s="10"/>
    </row>
    <row r="471286" spans="14:14">
      <c r="N471286" s="10"/>
    </row>
    <row r="471287" spans="14:14">
      <c r="N471287" s="10"/>
    </row>
    <row r="471288" spans="14:14">
      <c r="N471288" s="10"/>
    </row>
    <row r="471289" spans="14:14">
      <c r="N471289" s="10"/>
    </row>
    <row r="471290" spans="14:14">
      <c r="N471290" s="10"/>
    </row>
    <row r="471291" spans="14:14">
      <c r="N471291" s="10"/>
    </row>
    <row r="471292" spans="14:14">
      <c r="N471292" s="10"/>
    </row>
    <row r="471293" spans="14:14">
      <c r="N471293" s="10"/>
    </row>
    <row r="471294" spans="14:14">
      <c r="N471294" s="10"/>
    </row>
    <row r="471295" spans="14:14">
      <c r="N471295" s="10"/>
    </row>
    <row r="471296" spans="14:14">
      <c r="N471296" s="10"/>
    </row>
    <row r="471297" spans="14:14">
      <c r="N471297" s="10"/>
    </row>
    <row r="471298" spans="14:14">
      <c r="N471298" s="10"/>
    </row>
    <row r="471299" spans="14:14">
      <c r="N471299" s="10"/>
    </row>
    <row r="471300" spans="14:14">
      <c r="N471300" s="10"/>
    </row>
    <row r="471301" spans="14:14">
      <c r="N471301" s="10"/>
    </row>
    <row r="471302" spans="14:14">
      <c r="N471302" s="10"/>
    </row>
    <row r="471303" spans="14:14">
      <c r="N471303" s="10"/>
    </row>
    <row r="471304" spans="14:14">
      <c r="N471304" s="10"/>
    </row>
    <row r="471305" spans="14:14">
      <c r="N471305" s="10"/>
    </row>
    <row r="471306" spans="14:14">
      <c r="N471306" s="10"/>
    </row>
    <row r="471307" spans="14:14">
      <c r="N471307" s="10"/>
    </row>
    <row r="471308" spans="14:14">
      <c r="N471308" s="10"/>
    </row>
    <row r="471309" spans="14:14">
      <c r="N471309" s="10"/>
    </row>
    <row r="471310" spans="14:14">
      <c r="N471310" s="10"/>
    </row>
    <row r="471311" spans="14:14">
      <c r="N471311" s="10"/>
    </row>
    <row r="471312" spans="14:14">
      <c r="N471312" s="10"/>
    </row>
    <row r="471313" spans="14:14">
      <c r="N471313" s="10"/>
    </row>
    <row r="471314" spans="14:14">
      <c r="N471314" s="10"/>
    </row>
    <row r="471315" spans="14:14">
      <c r="N471315" s="10"/>
    </row>
    <row r="471316" spans="14:14">
      <c r="N471316" s="10"/>
    </row>
    <row r="471317" spans="14:14">
      <c r="N471317" s="10"/>
    </row>
    <row r="471318" spans="14:14">
      <c r="N471318" s="10"/>
    </row>
    <row r="471319" spans="14:14">
      <c r="N471319" s="10"/>
    </row>
    <row r="471320" spans="14:14">
      <c r="N471320" s="10"/>
    </row>
    <row r="471321" spans="14:14">
      <c r="N471321" s="10"/>
    </row>
    <row r="471322" spans="14:14">
      <c r="N471322" s="10"/>
    </row>
    <row r="471323" spans="14:14">
      <c r="N471323" s="10"/>
    </row>
    <row r="471324" spans="14:14">
      <c r="N471324" s="10"/>
    </row>
    <row r="471325" spans="14:14">
      <c r="N471325" s="10"/>
    </row>
    <row r="471326" spans="14:14">
      <c r="N471326" s="10"/>
    </row>
    <row r="471327" spans="14:14">
      <c r="N471327" s="10"/>
    </row>
    <row r="471328" spans="14:14">
      <c r="N471328" s="10"/>
    </row>
    <row r="471329" spans="14:14">
      <c r="N471329" s="10"/>
    </row>
    <row r="471330" spans="14:14">
      <c r="N471330" s="10"/>
    </row>
    <row r="471331" spans="14:14">
      <c r="N471331" s="10"/>
    </row>
    <row r="471332" spans="14:14">
      <c r="N471332" s="10"/>
    </row>
    <row r="471333" spans="14:14">
      <c r="N471333" s="10"/>
    </row>
    <row r="471334" spans="14:14">
      <c r="N471334" s="10"/>
    </row>
    <row r="471335" spans="14:14">
      <c r="N471335" s="10"/>
    </row>
    <row r="471336" spans="14:14">
      <c r="N471336" s="10"/>
    </row>
    <row r="471337" spans="14:14">
      <c r="N471337" s="10"/>
    </row>
    <row r="471338" spans="14:14">
      <c r="N471338" s="10"/>
    </row>
    <row r="471339" spans="14:14">
      <c r="N471339" s="10"/>
    </row>
    <row r="471340" spans="14:14">
      <c r="N471340" s="10"/>
    </row>
    <row r="471341" spans="14:14">
      <c r="N471341" s="10"/>
    </row>
    <row r="471342" spans="14:14">
      <c r="N471342" s="10"/>
    </row>
    <row r="471343" spans="14:14">
      <c r="N471343" s="10"/>
    </row>
    <row r="471344" spans="14:14">
      <c r="N471344" s="10"/>
    </row>
    <row r="471345" spans="14:14">
      <c r="N471345" s="10"/>
    </row>
    <row r="471346" spans="14:14">
      <c r="N471346" s="10"/>
    </row>
    <row r="471347" spans="14:14">
      <c r="N471347" s="10"/>
    </row>
    <row r="471348" spans="14:14">
      <c r="N471348" s="10"/>
    </row>
    <row r="471349" spans="14:14">
      <c r="N471349" s="10"/>
    </row>
    <row r="471350" spans="14:14">
      <c r="N471350" s="10"/>
    </row>
    <row r="471351" spans="14:14">
      <c r="N471351" s="10"/>
    </row>
    <row r="471352" spans="14:14">
      <c r="N471352" s="10"/>
    </row>
    <row r="471353" spans="14:14">
      <c r="N471353" s="10"/>
    </row>
    <row r="471354" spans="14:14">
      <c r="N471354" s="10"/>
    </row>
    <row r="471355" spans="14:14">
      <c r="N471355" s="10"/>
    </row>
    <row r="471356" spans="14:14">
      <c r="N471356" s="10"/>
    </row>
    <row r="471357" spans="14:14">
      <c r="N471357" s="10"/>
    </row>
    <row r="471358" spans="14:14">
      <c r="N471358" s="10"/>
    </row>
    <row r="471359" spans="14:14">
      <c r="N471359" s="10"/>
    </row>
    <row r="471360" spans="14:14">
      <c r="N471360" s="10"/>
    </row>
    <row r="471361" spans="14:14">
      <c r="N471361" s="10"/>
    </row>
    <row r="471362" spans="14:14">
      <c r="N471362" s="10"/>
    </row>
    <row r="471363" spans="14:14">
      <c r="N471363" s="10"/>
    </row>
    <row r="471364" spans="14:14">
      <c r="N471364" s="10"/>
    </row>
    <row r="471365" spans="14:14">
      <c r="N471365" s="10"/>
    </row>
    <row r="471366" spans="14:14">
      <c r="N471366" s="10"/>
    </row>
    <row r="471367" spans="14:14">
      <c r="N471367" s="10"/>
    </row>
    <row r="471368" spans="14:14">
      <c r="N471368" s="10"/>
    </row>
    <row r="471369" spans="14:14">
      <c r="N471369" s="10"/>
    </row>
    <row r="471370" spans="14:14">
      <c r="N471370" s="10"/>
    </row>
    <row r="471371" spans="14:14">
      <c r="N471371" s="10"/>
    </row>
    <row r="471372" spans="14:14">
      <c r="N471372" s="10"/>
    </row>
    <row r="471373" spans="14:14">
      <c r="N471373" s="10"/>
    </row>
    <row r="471374" spans="14:14">
      <c r="N471374" s="10"/>
    </row>
    <row r="471375" spans="14:14">
      <c r="N471375" s="10"/>
    </row>
    <row r="471376" spans="14:14">
      <c r="N471376" s="10"/>
    </row>
    <row r="471377" spans="14:14">
      <c r="N471377" s="10"/>
    </row>
    <row r="471378" spans="14:14">
      <c r="N471378" s="10"/>
    </row>
    <row r="471379" spans="14:14">
      <c r="N471379" s="10"/>
    </row>
    <row r="471380" spans="14:14">
      <c r="N471380" s="10"/>
    </row>
    <row r="471381" spans="14:14">
      <c r="N471381" s="10"/>
    </row>
    <row r="471382" spans="14:14">
      <c r="N471382" s="10"/>
    </row>
    <row r="471383" spans="14:14">
      <c r="N471383" s="10"/>
    </row>
    <row r="471384" spans="14:14">
      <c r="N471384" s="10"/>
    </row>
    <row r="471385" spans="14:14">
      <c r="N471385" s="10"/>
    </row>
    <row r="471386" spans="14:14">
      <c r="N471386" s="10"/>
    </row>
    <row r="471387" spans="14:14">
      <c r="N471387" s="10"/>
    </row>
    <row r="471388" spans="14:14">
      <c r="N471388" s="10"/>
    </row>
    <row r="471389" spans="14:14">
      <c r="N471389" s="10"/>
    </row>
    <row r="471390" spans="14:14">
      <c r="N471390" s="10"/>
    </row>
    <row r="471391" spans="14:14">
      <c r="N471391" s="10"/>
    </row>
    <row r="471392" spans="14:14">
      <c r="N471392" s="10"/>
    </row>
    <row r="471393" spans="14:14">
      <c r="N471393" s="10"/>
    </row>
    <row r="471394" spans="14:14">
      <c r="N471394" s="10"/>
    </row>
    <row r="471395" spans="14:14">
      <c r="N471395" s="10"/>
    </row>
    <row r="471396" spans="14:14">
      <c r="N471396" s="10"/>
    </row>
    <row r="471397" spans="14:14">
      <c r="N471397" s="10"/>
    </row>
    <row r="471398" spans="14:14">
      <c r="N471398" s="10"/>
    </row>
    <row r="471399" spans="14:14">
      <c r="N471399" s="10"/>
    </row>
    <row r="471400" spans="14:14">
      <c r="N471400" s="10"/>
    </row>
    <row r="471401" spans="14:14">
      <c r="N471401" s="10"/>
    </row>
    <row r="471402" spans="14:14">
      <c r="N471402" s="10"/>
    </row>
    <row r="471403" spans="14:14">
      <c r="N471403" s="10"/>
    </row>
    <row r="471404" spans="14:14">
      <c r="N471404" s="10"/>
    </row>
    <row r="471405" spans="14:14">
      <c r="N471405" s="10"/>
    </row>
    <row r="471406" spans="14:14">
      <c r="N471406" s="10"/>
    </row>
    <row r="471407" spans="14:14">
      <c r="N471407" s="10"/>
    </row>
    <row r="471408" spans="14:14">
      <c r="N471408" s="10"/>
    </row>
    <row r="471409" spans="14:14">
      <c r="N471409" s="10"/>
    </row>
    <row r="471410" spans="14:14">
      <c r="N471410" s="10"/>
    </row>
    <row r="471411" spans="14:14">
      <c r="N471411" s="10"/>
    </row>
    <row r="471412" spans="14:14">
      <c r="N471412" s="10"/>
    </row>
    <row r="471413" spans="14:14">
      <c r="N471413" s="10"/>
    </row>
    <row r="471414" spans="14:14">
      <c r="N471414" s="10"/>
    </row>
    <row r="471415" spans="14:14">
      <c r="N471415" s="10"/>
    </row>
    <row r="471416" spans="14:14">
      <c r="N471416" s="10"/>
    </row>
    <row r="471417" spans="14:14">
      <c r="N471417" s="10"/>
    </row>
    <row r="471418" spans="14:14">
      <c r="N471418" s="10"/>
    </row>
    <row r="471419" spans="14:14">
      <c r="N471419" s="10"/>
    </row>
    <row r="471420" spans="14:14">
      <c r="N471420" s="10"/>
    </row>
    <row r="471421" spans="14:14">
      <c r="N471421" s="10"/>
    </row>
    <row r="471422" spans="14:14">
      <c r="N471422" s="10"/>
    </row>
    <row r="471423" spans="14:14">
      <c r="N471423" s="10"/>
    </row>
    <row r="471424" spans="14:14">
      <c r="N471424" s="10"/>
    </row>
    <row r="471425" spans="14:14">
      <c r="N471425" s="10"/>
    </row>
    <row r="471426" spans="14:14">
      <c r="N471426" s="10"/>
    </row>
    <row r="471427" spans="14:14">
      <c r="N471427" s="10"/>
    </row>
    <row r="471428" spans="14:14">
      <c r="N471428" s="10"/>
    </row>
    <row r="471429" spans="14:14">
      <c r="N471429" s="10"/>
    </row>
    <row r="471430" spans="14:14">
      <c r="N471430" s="10"/>
    </row>
    <row r="471431" spans="14:14">
      <c r="N471431" s="10"/>
    </row>
    <row r="471432" spans="14:14">
      <c r="N471432" s="10"/>
    </row>
    <row r="471433" spans="14:14">
      <c r="N471433" s="10"/>
    </row>
    <row r="471434" spans="14:14">
      <c r="N471434" s="10"/>
    </row>
    <row r="471435" spans="14:14">
      <c r="N471435" s="10"/>
    </row>
    <row r="471436" spans="14:14">
      <c r="N471436" s="10"/>
    </row>
    <row r="471437" spans="14:14">
      <c r="N471437" s="10"/>
    </row>
    <row r="471438" spans="14:14">
      <c r="N471438" s="10"/>
    </row>
    <row r="471439" spans="14:14">
      <c r="N471439" s="10"/>
    </row>
    <row r="471440" spans="14:14">
      <c r="N471440" s="10"/>
    </row>
    <row r="471441" spans="14:14">
      <c r="N471441" s="10"/>
    </row>
    <row r="471442" spans="14:14">
      <c r="N471442" s="10"/>
    </row>
    <row r="471443" spans="14:14">
      <c r="N471443" s="10"/>
    </row>
    <row r="471444" spans="14:14">
      <c r="N471444" s="10"/>
    </row>
    <row r="471445" spans="14:14">
      <c r="N471445" s="10"/>
    </row>
    <row r="471446" spans="14:14">
      <c r="N471446" s="10"/>
    </row>
    <row r="471447" spans="14:14">
      <c r="N471447" s="10"/>
    </row>
    <row r="471448" spans="14:14">
      <c r="N471448" s="10"/>
    </row>
    <row r="471449" spans="14:14">
      <c r="N471449" s="10"/>
    </row>
    <row r="471450" spans="14:14">
      <c r="N471450" s="10"/>
    </row>
    <row r="471451" spans="14:14">
      <c r="N471451" s="10"/>
    </row>
    <row r="471452" spans="14:14">
      <c r="N471452" s="10"/>
    </row>
    <row r="471453" spans="14:14">
      <c r="N471453" s="10"/>
    </row>
    <row r="471454" spans="14:14">
      <c r="N471454" s="10"/>
    </row>
    <row r="471455" spans="14:14">
      <c r="N471455" s="10"/>
    </row>
    <row r="471456" spans="14:14">
      <c r="N471456" s="10"/>
    </row>
    <row r="471457" spans="14:14">
      <c r="N471457" s="10"/>
    </row>
    <row r="471458" spans="14:14">
      <c r="N471458" s="10"/>
    </row>
    <row r="471459" spans="14:14">
      <c r="N471459" s="10"/>
    </row>
    <row r="471460" spans="14:14">
      <c r="N471460" s="10"/>
    </row>
    <row r="471461" spans="14:14">
      <c r="N471461" s="10"/>
    </row>
    <row r="471462" spans="14:14">
      <c r="N471462" s="10"/>
    </row>
    <row r="471463" spans="14:14">
      <c r="N471463" s="10"/>
    </row>
    <row r="471464" spans="14:14">
      <c r="N471464" s="10"/>
    </row>
    <row r="471465" spans="14:14">
      <c r="N471465" s="10"/>
    </row>
    <row r="471466" spans="14:14">
      <c r="N471466" s="10"/>
    </row>
    <row r="471467" spans="14:14">
      <c r="N471467" s="10"/>
    </row>
    <row r="471468" spans="14:14">
      <c r="N471468" s="10"/>
    </row>
    <row r="471469" spans="14:14">
      <c r="N471469" s="10"/>
    </row>
    <row r="471470" spans="14:14">
      <c r="N471470" s="10"/>
    </row>
    <row r="471471" spans="14:14">
      <c r="N471471" s="10"/>
    </row>
    <row r="471472" spans="14:14">
      <c r="N471472" s="10"/>
    </row>
    <row r="471473" spans="14:14">
      <c r="N471473" s="10"/>
    </row>
    <row r="471474" spans="14:14">
      <c r="N471474" s="10"/>
    </row>
    <row r="471475" spans="14:14">
      <c r="N471475" s="10"/>
    </row>
    <row r="471476" spans="14:14">
      <c r="N471476" s="10"/>
    </row>
    <row r="471477" spans="14:14">
      <c r="N471477" s="10"/>
    </row>
    <row r="471478" spans="14:14">
      <c r="N471478" s="10"/>
    </row>
    <row r="471479" spans="14:14">
      <c r="N471479" s="10"/>
    </row>
    <row r="471480" spans="14:14">
      <c r="N471480" s="10"/>
    </row>
    <row r="471481" spans="14:14">
      <c r="N471481" s="10"/>
    </row>
    <row r="471482" spans="14:14">
      <c r="N471482" s="10"/>
    </row>
    <row r="471483" spans="14:14">
      <c r="N471483" s="10"/>
    </row>
    <row r="471484" spans="14:14">
      <c r="N471484" s="10"/>
    </row>
    <row r="471485" spans="14:14">
      <c r="N471485" s="10"/>
    </row>
    <row r="471486" spans="14:14">
      <c r="N471486" s="10"/>
    </row>
    <row r="471487" spans="14:14">
      <c r="N471487" s="10"/>
    </row>
    <row r="471488" spans="14:14">
      <c r="N471488" s="10"/>
    </row>
    <row r="471489" spans="14:14">
      <c r="N471489" s="10"/>
    </row>
    <row r="471490" spans="14:14">
      <c r="N471490" s="10"/>
    </row>
    <row r="471491" spans="14:14">
      <c r="N471491" s="10"/>
    </row>
    <row r="471492" spans="14:14">
      <c r="N471492" s="10"/>
    </row>
    <row r="471493" spans="14:14">
      <c r="N471493" s="10"/>
    </row>
    <row r="471494" spans="14:14">
      <c r="N471494" s="10"/>
    </row>
    <row r="471495" spans="14:14">
      <c r="N471495" s="10"/>
    </row>
    <row r="471496" spans="14:14">
      <c r="N471496" s="10"/>
    </row>
    <row r="471497" spans="14:14">
      <c r="N471497" s="10"/>
    </row>
    <row r="471498" spans="14:14">
      <c r="N471498" s="10"/>
    </row>
    <row r="471499" spans="14:14">
      <c r="N471499" s="10"/>
    </row>
    <row r="471500" spans="14:14">
      <c r="N471500" s="10"/>
    </row>
    <row r="471501" spans="14:14">
      <c r="N471501" s="10"/>
    </row>
    <row r="471502" spans="14:14">
      <c r="N471502" s="10"/>
    </row>
    <row r="471503" spans="14:14">
      <c r="N471503" s="10"/>
    </row>
    <row r="471504" spans="14:14">
      <c r="N471504" s="10"/>
    </row>
    <row r="471505" spans="14:14">
      <c r="N471505" s="10"/>
    </row>
    <row r="471506" spans="14:14">
      <c r="N471506" s="10"/>
    </row>
    <row r="471507" spans="14:14">
      <c r="N471507" s="10"/>
    </row>
    <row r="471508" spans="14:14">
      <c r="N471508" s="10"/>
    </row>
    <row r="471509" spans="14:14">
      <c r="N471509" s="10"/>
    </row>
    <row r="471510" spans="14:14">
      <c r="N471510" s="10"/>
    </row>
    <row r="471511" spans="14:14">
      <c r="N471511" s="10"/>
    </row>
    <row r="471512" spans="14:14">
      <c r="N471512" s="10"/>
    </row>
    <row r="471513" spans="14:14">
      <c r="N471513" s="10"/>
    </row>
    <row r="471514" spans="14:14">
      <c r="N471514" s="10"/>
    </row>
    <row r="471515" spans="14:14">
      <c r="N471515" s="10"/>
    </row>
    <row r="471516" spans="14:14">
      <c r="N471516" s="10"/>
    </row>
    <row r="471517" spans="14:14">
      <c r="N471517" s="10"/>
    </row>
    <row r="471518" spans="14:14">
      <c r="N471518" s="10"/>
    </row>
    <row r="471519" spans="14:14">
      <c r="N471519" s="10"/>
    </row>
    <row r="471520" spans="14:14">
      <c r="N471520" s="10"/>
    </row>
    <row r="471521" spans="14:14">
      <c r="N471521" s="10"/>
    </row>
    <row r="471522" spans="14:14">
      <c r="N471522" s="10"/>
    </row>
    <row r="471523" spans="14:14">
      <c r="N471523" s="10"/>
    </row>
    <row r="471524" spans="14:14">
      <c r="N471524" s="10"/>
    </row>
    <row r="471525" spans="14:14">
      <c r="N471525" s="10"/>
    </row>
    <row r="471526" spans="14:14">
      <c r="N471526" s="10"/>
    </row>
    <row r="471527" spans="14:14">
      <c r="N471527" s="10"/>
    </row>
    <row r="471528" spans="14:14">
      <c r="N471528" s="10"/>
    </row>
    <row r="471529" spans="14:14">
      <c r="N471529" s="10"/>
    </row>
    <row r="471530" spans="14:14">
      <c r="N471530" s="10"/>
    </row>
    <row r="471531" spans="14:14">
      <c r="N471531" s="10"/>
    </row>
    <row r="471532" spans="14:14">
      <c r="N471532" s="10"/>
    </row>
    <row r="471533" spans="14:14">
      <c r="N471533" s="10"/>
    </row>
    <row r="471534" spans="14:14">
      <c r="N471534" s="10"/>
    </row>
    <row r="471535" spans="14:14">
      <c r="N471535" s="10"/>
    </row>
    <row r="471536" spans="14:14">
      <c r="N471536" s="10"/>
    </row>
    <row r="471537" spans="14:14">
      <c r="N471537" s="10"/>
    </row>
    <row r="471538" spans="14:14">
      <c r="N471538" s="10"/>
    </row>
    <row r="471539" spans="14:14">
      <c r="N471539" s="10"/>
    </row>
    <row r="471540" spans="14:14">
      <c r="N471540" s="10"/>
    </row>
    <row r="471541" spans="14:14">
      <c r="N471541" s="10"/>
    </row>
    <row r="471542" spans="14:14">
      <c r="N471542" s="10"/>
    </row>
    <row r="471543" spans="14:14">
      <c r="N471543" s="10"/>
    </row>
    <row r="471544" spans="14:14">
      <c r="N471544" s="10"/>
    </row>
    <row r="471545" spans="14:14">
      <c r="N471545" s="10"/>
    </row>
    <row r="471546" spans="14:14">
      <c r="N471546" s="10"/>
    </row>
    <row r="471547" spans="14:14">
      <c r="N471547" s="10"/>
    </row>
    <row r="471548" spans="14:14">
      <c r="N471548" s="10"/>
    </row>
    <row r="471549" spans="14:14">
      <c r="N471549" s="10"/>
    </row>
    <row r="471550" spans="14:14">
      <c r="N471550" s="10"/>
    </row>
    <row r="471551" spans="14:14">
      <c r="N471551" s="10"/>
    </row>
    <row r="471552" spans="14:14">
      <c r="N471552" s="10"/>
    </row>
    <row r="471553" spans="14:14">
      <c r="N471553" s="10"/>
    </row>
    <row r="471554" spans="14:14">
      <c r="N471554" s="10"/>
    </row>
    <row r="471555" spans="14:14">
      <c r="N471555" s="10"/>
    </row>
    <row r="471556" spans="14:14">
      <c r="N471556" s="10"/>
    </row>
    <row r="471557" spans="14:14">
      <c r="N471557" s="10"/>
    </row>
    <row r="471558" spans="14:14">
      <c r="N471558" s="10"/>
    </row>
    <row r="471559" spans="14:14">
      <c r="N471559" s="10"/>
    </row>
    <row r="471560" spans="14:14">
      <c r="N471560" s="10"/>
    </row>
    <row r="471561" spans="14:14">
      <c r="N471561" s="10"/>
    </row>
    <row r="471562" spans="14:14">
      <c r="N471562" s="10"/>
    </row>
    <row r="471563" spans="14:14">
      <c r="N471563" s="10"/>
    </row>
    <row r="471564" spans="14:14">
      <c r="N471564" s="10"/>
    </row>
    <row r="471565" spans="14:14">
      <c r="N471565" s="10"/>
    </row>
    <row r="471566" spans="14:14">
      <c r="N471566" s="10"/>
    </row>
    <row r="471567" spans="14:14">
      <c r="N471567" s="10"/>
    </row>
    <row r="471568" spans="14:14">
      <c r="N471568" s="10"/>
    </row>
    <row r="471569" spans="14:14">
      <c r="N471569" s="10"/>
    </row>
    <row r="471570" spans="14:14">
      <c r="N471570" s="10"/>
    </row>
    <row r="471571" spans="14:14">
      <c r="N471571" s="10"/>
    </row>
    <row r="471572" spans="14:14">
      <c r="N471572" s="10"/>
    </row>
    <row r="471573" spans="14:14">
      <c r="N471573" s="10"/>
    </row>
    <row r="471574" spans="14:14">
      <c r="N471574" s="10"/>
    </row>
    <row r="471575" spans="14:14">
      <c r="N471575" s="10"/>
    </row>
    <row r="471576" spans="14:14">
      <c r="N471576" s="10"/>
    </row>
    <row r="471577" spans="14:14">
      <c r="N471577" s="10"/>
    </row>
    <row r="471578" spans="14:14">
      <c r="N471578" s="10"/>
    </row>
    <row r="471579" spans="14:14">
      <c r="N471579" s="10"/>
    </row>
    <row r="471580" spans="14:14">
      <c r="N471580" s="10"/>
    </row>
    <row r="471581" spans="14:14">
      <c r="N471581" s="10"/>
    </row>
    <row r="471582" spans="14:14">
      <c r="N471582" s="10"/>
    </row>
    <row r="471583" spans="14:14">
      <c r="N471583" s="10"/>
    </row>
    <row r="471584" spans="14:14">
      <c r="N471584" s="10"/>
    </row>
    <row r="471585" spans="14:14">
      <c r="N471585" s="10"/>
    </row>
    <row r="471586" spans="14:14">
      <c r="N471586" s="10"/>
    </row>
    <row r="471587" spans="14:14">
      <c r="N471587" s="10"/>
    </row>
    <row r="471588" spans="14:14">
      <c r="N471588" s="10"/>
    </row>
    <row r="471589" spans="14:14">
      <c r="N471589" s="10"/>
    </row>
    <row r="471590" spans="14:14">
      <c r="N471590" s="10"/>
    </row>
    <row r="471591" spans="14:14">
      <c r="N471591" s="10"/>
    </row>
    <row r="471592" spans="14:14">
      <c r="N471592" s="10"/>
    </row>
    <row r="471593" spans="14:14">
      <c r="N471593" s="10"/>
    </row>
    <row r="471594" spans="14:14">
      <c r="N471594" s="10"/>
    </row>
    <row r="471595" spans="14:14">
      <c r="N471595" s="10"/>
    </row>
    <row r="471596" spans="14:14">
      <c r="N471596" s="10"/>
    </row>
    <row r="471597" spans="14:14">
      <c r="N471597" s="10"/>
    </row>
    <row r="471598" spans="14:14">
      <c r="N471598" s="10"/>
    </row>
    <row r="471599" spans="14:14">
      <c r="N471599" s="10"/>
    </row>
    <row r="471600" spans="14:14">
      <c r="N471600" s="10"/>
    </row>
    <row r="471601" spans="14:14">
      <c r="N471601" s="10"/>
    </row>
    <row r="471602" spans="14:14">
      <c r="N471602" s="10"/>
    </row>
    <row r="471603" spans="14:14">
      <c r="N471603" s="10"/>
    </row>
    <row r="471604" spans="14:14">
      <c r="N471604" s="10"/>
    </row>
    <row r="471605" spans="14:14">
      <c r="N471605" s="10"/>
    </row>
    <row r="471606" spans="14:14">
      <c r="N471606" s="10"/>
    </row>
    <row r="471607" spans="14:14">
      <c r="N471607" s="10"/>
    </row>
    <row r="471608" spans="14:14">
      <c r="N471608" s="10"/>
    </row>
    <row r="471609" spans="14:14">
      <c r="N471609" s="10"/>
    </row>
    <row r="471610" spans="14:14">
      <c r="N471610" s="10"/>
    </row>
    <row r="471611" spans="14:14">
      <c r="N471611" s="10"/>
    </row>
    <row r="471612" spans="14:14">
      <c r="N471612" s="10"/>
    </row>
    <row r="471613" spans="14:14">
      <c r="N471613" s="10"/>
    </row>
    <row r="471614" spans="14:14">
      <c r="N471614" s="10"/>
    </row>
    <row r="471615" spans="14:14">
      <c r="N471615" s="10"/>
    </row>
    <row r="471616" spans="14:14">
      <c r="N471616" s="10"/>
    </row>
    <row r="471617" spans="14:14">
      <c r="N471617" s="10"/>
    </row>
    <row r="471618" spans="14:14">
      <c r="N471618" s="10"/>
    </row>
    <row r="471619" spans="14:14">
      <c r="N471619" s="10"/>
    </row>
    <row r="471620" spans="14:14">
      <c r="N471620" s="10"/>
    </row>
    <row r="471621" spans="14:14">
      <c r="N471621" s="10"/>
    </row>
    <row r="471622" spans="14:14">
      <c r="N471622" s="10"/>
    </row>
    <row r="471623" spans="14:14">
      <c r="N471623" s="10"/>
    </row>
    <row r="471624" spans="14:14">
      <c r="N471624" s="10"/>
    </row>
    <row r="471625" spans="14:14">
      <c r="N471625" s="10"/>
    </row>
    <row r="471626" spans="14:14">
      <c r="N471626" s="10"/>
    </row>
    <row r="471627" spans="14:14">
      <c r="N471627" s="10"/>
    </row>
    <row r="471628" spans="14:14">
      <c r="N471628" s="10"/>
    </row>
    <row r="471629" spans="14:14">
      <c r="N471629" s="10"/>
    </row>
    <row r="471630" spans="14:14">
      <c r="N471630" s="10"/>
    </row>
    <row r="471631" spans="14:14">
      <c r="N471631" s="10"/>
    </row>
    <row r="471632" spans="14:14">
      <c r="N471632" s="10"/>
    </row>
    <row r="471633" spans="14:14">
      <c r="N471633" s="10"/>
    </row>
    <row r="471634" spans="14:14">
      <c r="N471634" s="10"/>
    </row>
    <row r="471635" spans="14:14">
      <c r="N471635" s="10"/>
    </row>
    <row r="471636" spans="14:14">
      <c r="N471636" s="10"/>
    </row>
    <row r="471637" spans="14:14">
      <c r="N471637" s="10"/>
    </row>
    <row r="471638" spans="14:14">
      <c r="N471638" s="10"/>
    </row>
    <row r="471639" spans="14:14">
      <c r="N471639" s="10"/>
    </row>
    <row r="471640" spans="14:14">
      <c r="N471640" s="10"/>
    </row>
    <row r="471641" spans="14:14">
      <c r="N471641" s="10"/>
    </row>
    <row r="471642" spans="14:14">
      <c r="N471642" s="10"/>
    </row>
    <row r="471643" spans="14:14">
      <c r="N471643" s="10"/>
    </row>
    <row r="471644" spans="14:14">
      <c r="N471644" s="10"/>
    </row>
    <row r="471645" spans="14:14">
      <c r="N471645" s="10"/>
    </row>
    <row r="471646" spans="14:14">
      <c r="N471646" s="10"/>
    </row>
    <row r="471647" spans="14:14">
      <c r="N471647" s="10"/>
    </row>
    <row r="471648" spans="14:14">
      <c r="N471648" s="10"/>
    </row>
    <row r="471649" spans="14:14">
      <c r="N471649" s="10"/>
    </row>
    <row r="471650" spans="14:14">
      <c r="N471650" s="10"/>
    </row>
    <row r="471651" spans="14:14">
      <c r="N471651" s="10"/>
    </row>
    <row r="471652" spans="14:14">
      <c r="N471652" s="10"/>
    </row>
    <row r="471653" spans="14:14">
      <c r="N471653" s="10"/>
    </row>
    <row r="471654" spans="14:14">
      <c r="N471654" s="10"/>
    </row>
    <row r="471655" spans="14:14">
      <c r="N471655" s="10"/>
    </row>
    <row r="471656" spans="14:14">
      <c r="N471656" s="10"/>
    </row>
    <row r="471657" spans="14:14">
      <c r="N471657" s="10"/>
    </row>
    <row r="471658" spans="14:14">
      <c r="N471658" s="10"/>
    </row>
    <row r="471659" spans="14:14">
      <c r="N471659" s="10"/>
    </row>
    <row r="471660" spans="14:14">
      <c r="N471660" s="10"/>
    </row>
    <row r="471661" spans="14:14">
      <c r="N471661" s="10"/>
    </row>
    <row r="471662" spans="14:14">
      <c r="N471662" s="10"/>
    </row>
    <row r="471663" spans="14:14">
      <c r="N471663" s="10"/>
    </row>
    <row r="471664" spans="14:14">
      <c r="N471664" s="10"/>
    </row>
    <row r="471665" spans="14:14">
      <c r="N471665" s="10"/>
    </row>
    <row r="471666" spans="14:14">
      <c r="N471666" s="10"/>
    </row>
    <row r="471667" spans="14:14">
      <c r="N471667" s="10"/>
    </row>
    <row r="471668" spans="14:14">
      <c r="N471668" s="10"/>
    </row>
    <row r="471669" spans="14:14">
      <c r="N471669" s="10"/>
    </row>
    <row r="471670" spans="14:14">
      <c r="N471670" s="10"/>
    </row>
    <row r="471671" spans="14:14">
      <c r="N471671" s="10"/>
    </row>
    <row r="471672" spans="14:14">
      <c r="N471672" s="10"/>
    </row>
    <row r="471673" spans="14:14">
      <c r="N471673" s="10"/>
    </row>
    <row r="471674" spans="14:14">
      <c r="N471674" s="10"/>
    </row>
    <row r="471675" spans="14:14">
      <c r="N471675" s="10"/>
    </row>
    <row r="471676" spans="14:14">
      <c r="N471676" s="10"/>
    </row>
    <row r="471677" spans="14:14">
      <c r="N471677" s="10"/>
    </row>
    <row r="471678" spans="14:14">
      <c r="N471678" s="10"/>
    </row>
    <row r="471679" spans="14:14">
      <c r="N471679" s="10"/>
    </row>
    <row r="471680" spans="14:14">
      <c r="N471680" s="10"/>
    </row>
    <row r="471681" spans="14:14">
      <c r="N471681" s="10"/>
    </row>
    <row r="471682" spans="14:14">
      <c r="N471682" s="10"/>
    </row>
    <row r="471683" spans="14:14">
      <c r="N471683" s="10"/>
    </row>
    <row r="471684" spans="14:14">
      <c r="N471684" s="10"/>
    </row>
    <row r="471685" spans="14:14">
      <c r="N471685" s="10"/>
    </row>
    <row r="471686" spans="14:14">
      <c r="N471686" s="10"/>
    </row>
    <row r="471687" spans="14:14">
      <c r="N471687" s="10"/>
    </row>
    <row r="471688" spans="14:14">
      <c r="N471688" s="10"/>
    </row>
    <row r="471689" spans="14:14">
      <c r="N471689" s="10"/>
    </row>
    <row r="471690" spans="14:14">
      <c r="N471690" s="10"/>
    </row>
    <row r="471691" spans="14:14">
      <c r="N471691" s="10"/>
    </row>
    <row r="471692" spans="14:14">
      <c r="N471692" s="10"/>
    </row>
    <row r="471693" spans="14:14">
      <c r="N471693" s="10"/>
    </row>
    <row r="471694" spans="14:14">
      <c r="N471694" s="10"/>
    </row>
    <row r="471695" spans="14:14">
      <c r="N471695" s="10"/>
    </row>
    <row r="471696" spans="14:14">
      <c r="N471696" s="10"/>
    </row>
    <row r="471697" spans="14:14">
      <c r="N471697" s="10"/>
    </row>
    <row r="471698" spans="14:14">
      <c r="N471698" s="10"/>
    </row>
    <row r="471699" spans="14:14">
      <c r="N471699" s="10"/>
    </row>
    <row r="471700" spans="14:14">
      <c r="N471700" s="10"/>
    </row>
    <row r="471701" spans="14:14">
      <c r="N471701" s="10"/>
    </row>
    <row r="471702" spans="14:14">
      <c r="N471702" s="10"/>
    </row>
    <row r="471703" spans="14:14">
      <c r="N471703" s="10"/>
    </row>
    <row r="471704" spans="14:14">
      <c r="N471704" s="10"/>
    </row>
    <row r="471705" spans="14:14">
      <c r="N471705" s="10"/>
    </row>
    <row r="471706" spans="14:14">
      <c r="N471706" s="10"/>
    </row>
    <row r="471707" spans="14:14">
      <c r="N471707" s="10"/>
    </row>
    <row r="471708" spans="14:14">
      <c r="N471708" s="10"/>
    </row>
    <row r="471709" spans="14:14">
      <c r="N471709" s="10"/>
    </row>
    <row r="471710" spans="14:14">
      <c r="N471710" s="10"/>
    </row>
    <row r="471711" spans="14:14">
      <c r="N471711" s="10"/>
    </row>
    <row r="471712" spans="14:14">
      <c r="N471712" s="10"/>
    </row>
    <row r="471713" spans="14:14">
      <c r="N471713" s="10"/>
    </row>
    <row r="471714" spans="14:14">
      <c r="N471714" s="10"/>
    </row>
    <row r="471715" spans="14:14">
      <c r="N471715" s="10"/>
    </row>
    <row r="471716" spans="14:14">
      <c r="N471716" s="10"/>
    </row>
    <row r="471717" spans="14:14">
      <c r="N471717" s="10"/>
    </row>
    <row r="471718" spans="14:14">
      <c r="N471718" s="10"/>
    </row>
    <row r="471719" spans="14:14">
      <c r="N471719" s="10"/>
    </row>
    <row r="471720" spans="14:14">
      <c r="N471720" s="10"/>
    </row>
    <row r="471721" spans="14:14">
      <c r="N471721" s="10"/>
    </row>
    <row r="471722" spans="14:14">
      <c r="N471722" s="10"/>
    </row>
    <row r="471723" spans="14:14">
      <c r="N471723" s="10"/>
    </row>
    <row r="471724" spans="14:14">
      <c r="N471724" s="10"/>
    </row>
    <row r="471725" spans="14:14">
      <c r="N471725" s="10"/>
    </row>
    <row r="471726" spans="14:14">
      <c r="N471726" s="10"/>
    </row>
    <row r="471727" spans="14:14">
      <c r="N471727" s="10"/>
    </row>
    <row r="471728" spans="14:14">
      <c r="N471728" s="10"/>
    </row>
    <row r="471729" spans="14:14">
      <c r="N471729" s="10"/>
    </row>
    <row r="471730" spans="14:14">
      <c r="N471730" s="10"/>
    </row>
    <row r="471731" spans="14:14">
      <c r="N471731" s="10"/>
    </row>
    <row r="471732" spans="14:14">
      <c r="N471732" s="10"/>
    </row>
    <row r="471733" spans="14:14">
      <c r="N471733" s="10"/>
    </row>
    <row r="471734" spans="14:14">
      <c r="N471734" s="10"/>
    </row>
    <row r="471735" spans="14:14">
      <c r="N471735" s="10"/>
    </row>
    <row r="471736" spans="14:14">
      <c r="N471736" s="10"/>
    </row>
    <row r="471737" spans="14:14">
      <c r="N471737" s="10"/>
    </row>
    <row r="471738" spans="14:14">
      <c r="N471738" s="10"/>
    </row>
    <row r="471739" spans="14:14">
      <c r="N471739" s="10"/>
    </row>
    <row r="471740" spans="14:14">
      <c r="N471740" s="10"/>
    </row>
    <row r="471741" spans="14:14">
      <c r="N471741" s="10"/>
    </row>
    <row r="471742" spans="14:14">
      <c r="N471742" s="10"/>
    </row>
    <row r="471743" spans="14:14">
      <c r="N471743" s="10"/>
    </row>
    <row r="471744" spans="14:14">
      <c r="N471744" s="10"/>
    </row>
    <row r="471745" spans="14:14">
      <c r="N471745" s="10"/>
    </row>
    <row r="471746" spans="14:14">
      <c r="N471746" s="10"/>
    </row>
    <row r="471747" spans="14:14">
      <c r="N471747" s="10"/>
    </row>
    <row r="471748" spans="14:14">
      <c r="N471748" s="10"/>
    </row>
    <row r="471749" spans="14:14">
      <c r="N471749" s="10"/>
    </row>
    <row r="471750" spans="14:14">
      <c r="N471750" s="10"/>
    </row>
    <row r="471751" spans="14:14">
      <c r="N471751" s="10"/>
    </row>
    <row r="471752" spans="14:14">
      <c r="N471752" s="10"/>
    </row>
    <row r="471753" spans="14:14">
      <c r="N471753" s="10"/>
    </row>
    <row r="471754" spans="14:14">
      <c r="N471754" s="10"/>
    </row>
    <row r="471755" spans="14:14">
      <c r="N471755" s="10"/>
    </row>
    <row r="471756" spans="14:14">
      <c r="N471756" s="10"/>
    </row>
    <row r="471757" spans="14:14">
      <c r="N471757" s="10"/>
    </row>
    <row r="471758" spans="14:14">
      <c r="N471758" s="10"/>
    </row>
    <row r="471759" spans="14:14">
      <c r="N471759" s="10"/>
    </row>
    <row r="471760" spans="14:14">
      <c r="N471760" s="10"/>
    </row>
    <row r="471761" spans="14:14">
      <c r="N471761" s="10"/>
    </row>
    <row r="471762" spans="14:14">
      <c r="N471762" s="10"/>
    </row>
    <row r="471763" spans="14:14">
      <c r="N471763" s="10"/>
    </row>
    <row r="471764" spans="14:14">
      <c r="N471764" s="10"/>
    </row>
    <row r="471765" spans="14:14">
      <c r="N471765" s="10"/>
    </row>
    <row r="471766" spans="14:14">
      <c r="N471766" s="10"/>
    </row>
    <row r="471767" spans="14:14">
      <c r="N471767" s="10"/>
    </row>
    <row r="471768" spans="14:14">
      <c r="N471768" s="10"/>
    </row>
    <row r="471769" spans="14:14">
      <c r="N471769" s="10"/>
    </row>
    <row r="471770" spans="14:14">
      <c r="N471770" s="10"/>
    </row>
    <row r="471771" spans="14:14">
      <c r="N471771" s="10"/>
    </row>
    <row r="471772" spans="14:14">
      <c r="N471772" s="10"/>
    </row>
    <row r="471773" spans="14:14">
      <c r="N471773" s="10"/>
    </row>
    <row r="471774" spans="14:14">
      <c r="N471774" s="10"/>
    </row>
    <row r="471775" spans="14:14">
      <c r="N471775" s="10"/>
    </row>
    <row r="471776" spans="14:14">
      <c r="N471776" s="10"/>
    </row>
    <row r="471777" spans="14:14">
      <c r="N471777" s="10"/>
    </row>
    <row r="471778" spans="14:14">
      <c r="N471778" s="10"/>
    </row>
    <row r="471779" spans="14:14">
      <c r="N471779" s="10"/>
    </row>
    <row r="471780" spans="14:14">
      <c r="N471780" s="10"/>
    </row>
    <row r="471781" spans="14:14">
      <c r="N471781" s="10"/>
    </row>
    <row r="471782" spans="14:14">
      <c r="N471782" s="10"/>
    </row>
    <row r="471783" spans="14:14">
      <c r="N471783" s="10"/>
    </row>
    <row r="471784" spans="14:14">
      <c r="N471784" s="10"/>
    </row>
    <row r="471785" spans="14:14">
      <c r="N471785" s="10"/>
    </row>
    <row r="471786" spans="14:14">
      <c r="N471786" s="10"/>
    </row>
    <row r="471787" spans="14:14">
      <c r="N471787" s="10"/>
    </row>
    <row r="471788" spans="14:14">
      <c r="N471788" s="10"/>
    </row>
    <row r="471789" spans="14:14">
      <c r="N471789" s="10"/>
    </row>
    <row r="471790" spans="14:14">
      <c r="N471790" s="10"/>
    </row>
    <row r="471791" spans="14:14">
      <c r="N471791" s="10"/>
    </row>
    <row r="471792" spans="14:14">
      <c r="N471792" s="10"/>
    </row>
    <row r="471793" spans="14:14">
      <c r="N471793" s="10"/>
    </row>
    <row r="471794" spans="14:14">
      <c r="N471794" s="10"/>
    </row>
    <row r="471795" spans="14:14">
      <c r="N471795" s="10"/>
    </row>
    <row r="471796" spans="14:14">
      <c r="N471796" s="10"/>
    </row>
    <row r="471797" spans="14:14">
      <c r="N471797" s="10"/>
    </row>
    <row r="471798" spans="14:14">
      <c r="N471798" s="10"/>
    </row>
    <row r="471799" spans="14:14">
      <c r="N471799" s="10"/>
    </row>
    <row r="471800" spans="14:14">
      <c r="N471800" s="10"/>
    </row>
    <row r="471801" spans="14:14">
      <c r="N471801" s="10"/>
    </row>
    <row r="471802" spans="14:14">
      <c r="N471802" s="10"/>
    </row>
    <row r="471803" spans="14:14">
      <c r="N471803" s="10"/>
    </row>
    <row r="471804" spans="14:14">
      <c r="N471804" s="10"/>
    </row>
    <row r="471805" spans="14:14">
      <c r="N471805" s="10"/>
    </row>
    <row r="471806" spans="14:14">
      <c r="N471806" s="10"/>
    </row>
    <row r="471807" spans="14:14">
      <c r="N471807" s="10"/>
    </row>
    <row r="471808" spans="14:14">
      <c r="N471808" s="10"/>
    </row>
    <row r="471809" spans="14:14">
      <c r="N471809" s="10"/>
    </row>
    <row r="471810" spans="14:14">
      <c r="N471810" s="10"/>
    </row>
    <row r="471811" spans="14:14">
      <c r="N471811" s="10"/>
    </row>
    <row r="471812" spans="14:14">
      <c r="N471812" s="10"/>
    </row>
    <row r="471813" spans="14:14">
      <c r="N471813" s="10"/>
    </row>
    <row r="471814" spans="14:14">
      <c r="N471814" s="10"/>
    </row>
    <row r="471815" spans="14:14">
      <c r="N471815" s="10"/>
    </row>
    <row r="471816" spans="14:14">
      <c r="N471816" s="10"/>
    </row>
    <row r="471817" spans="14:14">
      <c r="N471817" s="10"/>
    </row>
    <row r="471818" spans="14:14">
      <c r="N471818" s="10"/>
    </row>
    <row r="471819" spans="14:14">
      <c r="N471819" s="10"/>
    </row>
    <row r="471820" spans="14:14">
      <c r="N471820" s="10"/>
    </row>
    <row r="471821" spans="14:14">
      <c r="N471821" s="10"/>
    </row>
    <row r="471822" spans="14:14">
      <c r="N471822" s="10"/>
    </row>
    <row r="471823" spans="14:14">
      <c r="N471823" s="10"/>
    </row>
    <row r="471824" spans="14:14">
      <c r="N471824" s="10"/>
    </row>
    <row r="471825" spans="14:14">
      <c r="N471825" s="10"/>
    </row>
    <row r="471826" spans="14:14">
      <c r="N471826" s="10"/>
    </row>
    <row r="471827" spans="14:14">
      <c r="N471827" s="10"/>
    </row>
    <row r="471828" spans="14:14">
      <c r="N471828" s="10"/>
    </row>
    <row r="471829" spans="14:14">
      <c r="N471829" s="10"/>
    </row>
    <row r="471830" spans="14:14">
      <c r="N471830" s="10"/>
    </row>
    <row r="471831" spans="14:14">
      <c r="N471831" s="10"/>
    </row>
    <row r="471832" spans="14:14">
      <c r="N471832" s="10"/>
    </row>
    <row r="471833" spans="14:14">
      <c r="N471833" s="10"/>
    </row>
    <row r="471834" spans="14:14">
      <c r="N471834" s="10"/>
    </row>
    <row r="471835" spans="14:14">
      <c r="N471835" s="10"/>
    </row>
    <row r="471836" spans="14:14">
      <c r="N471836" s="10"/>
    </row>
    <row r="471837" spans="14:14">
      <c r="N471837" s="10"/>
    </row>
    <row r="471838" spans="14:14">
      <c r="N471838" s="10"/>
    </row>
    <row r="471839" spans="14:14">
      <c r="N471839" s="10"/>
    </row>
    <row r="471840" spans="14:14">
      <c r="N471840" s="10"/>
    </row>
    <row r="471841" spans="14:14">
      <c r="N471841" s="10"/>
    </row>
    <row r="471842" spans="14:14">
      <c r="N471842" s="10"/>
    </row>
    <row r="471843" spans="14:14">
      <c r="N471843" s="10"/>
    </row>
    <row r="471844" spans="14:14">
      <c r="N471844" s="10"/>
    </row>
    <row r="471845" spans="14:14">
      <c r="N471845" s="10"/>
    </row>
    <row r="471846" spans="14:14">
      <c r="N471846" s="10"/>
    </row>
    <row r="471847" spans="14:14">
      <c r="N471847" s="10"/>
    </row>
    <row r="471848" spans="14:14">
      <c r="N471848" s="10"/>
    </row>
    <row r="471849" spans="14:14">
      <c r="N471849" s="10"/>
    </row>
    <row r="471850" spans="14:14">
      <c r="N471850" s="10"/>
    </row>
    <row r="471851" spans="14:14">
      <c r="N471851" s="10"/>
    </row>
    <row r="471852" spans="14:14">
      <c r="N471852" s="10"/>
    </row>
    <row r="471853" spans="14:14">
      <c r="N471853" s="10"/>
    </row>
    <row r="471854" spans="14:14">
      <c r="N471854" s="10"/>
    </row>
    <row r="471855" spans="14:14">
      <c r="N471855" s="10"/>
    </row>
    <row r="471856" spans="14:14">
      <c r="N471856" s="10"/>
    </row>
    <row r="471857" spans="14:14">
      <c r="N471857" s="10"/>
    </row>
    <row r="471858" spans="14:14">
      <c r="N471858" s="10"/>
    </row>
    <row r="471859" spans="14:14">
      <c r="N471859" s="10"/>
    </row>
    <row r="471860" spans="14:14">
      <c r="N471860" s="10"/>
    </row>
    <row r="471861" spans="14:14">
      <c r="N471861" s="10"/>
    </row>
    <row r="471862" spans="14:14">
      <c r="N471862" s="10"/>
    </row>
    <row r="471863" spans="14:14">
      <c r="N471863" s="10"/>
    </row>
    <row r="471864" spans="14:14">
      <c r="N471864" s="10"/>
    </row>
    <row r="471865" spans="14:14">
      <c r="N471865" s="10"/>
    </row>
    <row r="471866" spans="14:14">
      <c r="N471866" s="10"/>
    </row>
    <row r="471867" spans="14:14">
      <c r="N471867" s="10"/>
    </row>
    <row r="471868" spans="14:14">
      <c r="N471868" s="10"/>
    </row>
    <row r="471869" spans="14:14">
      <c r="N471869" s="10"/>
    </row>
    <row r="471870" spans="14:14">
      <c r="N471870" s="10"/>
    </row>
    <row r="471871" spans="14:14">
      <c r="N471871" s="10"/>
    </row>
    <row r="471872" spans="14:14">
      <c r="N471872" s="10"/>
    </row>
    <row r="471873" spans="14:14">
      <c r="N471873" s="10"/>
    </row>
    <row r="471874" spans="14:14">
      <c r="N471874" s="10"/>
    </row>
    <row r="471875" spans="14:14">
      <c r="N471875" s="10"/>
    </row>
    <row r="471876" spans="14:14">
      <c r="N471876" s="10"/>
    </row>
    <row r="471877" spans="14:14">
      <c r="N471877" s="10"/>
    </row>
    <row r="471878" spans="14:14">
      <c r="N471878" s="10"/>
    </row>
    <row r="471879" spans="14:14">
      <c r="N471879" s="10"/>
    </row>
    <row r="471880" spans="14:14">
      <c r="N471880" s="10"/>
    </row>
    <row r="471881" spans="14:14">
      <c r="N471881" s="10"/>
    </row>
    <row r="471882" spans="14:14">
      <c r="N471882" s="10"/>
    </row>
    <row r="471883" spans="14:14">
      <c r="N471883" s="10"/>
    </row>
    <row r="471884" spans="14:14">
      <c r="N471884" s="10"/>
    </row>
    <row r="471885" spans="14:14">
      <c r="N471885" s="10"/>
    </row>
    <row r="471886" spans="14:14">
      <c r="N471886" s="10"/>
    </row>
    <row r="471887" spans="14:14">
      <c r="N471887" s="10"/>
    </row>
    <row r="471888" spans="14:14">
      <c r="N471888" s="10"/>
    </row>
    <row r="471889" spans="14:14">
      <c r="N471889" s="10"/>
    </row>
    <row r="471890" spans="14:14">
      <c r="N471890" s="10"/>
    </row>
    <row r="471891" spans="14:14">
      <c r="N471891" s="10"/>
    </row>
    <row r="471892" spans="14:14">
      <c r="N471892" s="10"/>
    </row>
    <row r="471893" spans="14:14">
      <c r="N471893" s="10"/>
    </row>
    <row r="471894" spans="14:14">
      <c r="N471894" s="10"/>
    </row>
    <row r="471895" spans="14:14">
      <c r="N471895" s="10"/>
    </row>
    <row r="471896" spans="14:14">
      <c r="N471896" s="10"/>
    </row>
    <row r="471897" spans="14:14">
      <c r="N471897" s="10"/>
    </row>
    <row r="471898" spans="14:14">
      <c r="N471898" s="10"/>
    </row>
    <row r="471899" spans="14:14">
      <c r="N471899" s="10"/>
    </row>
    <row r="471900" spans="14:14">
      <c r="N471900" s="10"/>
    </row>
    <row r="471901" spans="14:14">
      <c r="N471901" s="10"/>
    </row>
    <row r="471902" spans="14:14">
      <c r="N471902" s="10"/>
    </row>
    <row r="471903" spans="14:14">
      <c r="N471903" s="10"/>
    </row>
    <row r="471904" spans="14:14">
      <c r="N471904" s="10"/>
    </row>
    <row r="471905" spans="14:14">
      <c r="N471905" s="10"/>
    </row>
    <row r="471906" spans="14:14">
      <c r="N471906" s="10"/>
    </row>
    <row r="471907" spans="14:14">
      <c r="N471907" s="10"/>
    </row>
    <row r="471908" spans="14:14">
      <c r="N471908" s="10"/>
    </row>
    <row r="471909" spans="14:14">
      <c r="N471909" s="10"/>
    </row>
    <row r="471910" spans="14:14">
      <c r="N471910" s="10"/>
    </row>
    <row r="471911" spans="14:14">
      <c r="N471911" s="10"/>
    </row>
    <row r="471912" spans="14:14">
      <c r="N471912" s="10"/>
    </row>
    <row r="471913" spans="14:14">
      <c r="N471913" s="10"/>
    </row>
    <row r="471914" spans="14:14">
      <c r="N471914" s="10"/>
    </row>
    <row r="471915" spans="14:14">
      <c r="N471915" s="10"/>
    </row>
    <row r="471916" spans="14:14">
      <c r="N471916" s="10"/>
    </row>
    <row r="471917" spans="14:14">
      <c r="N471917" s="10"/>
    </row>
    <row r="471918" spans="14:14">
      <c r="N471918" s="10"/>
    </row>
    <row r="471919" spans="14:14">
      <c r="N471919" s="10"/>
    </row>
    <row r="471920" spans="14:14">
      <c r="N471920" s="10"/>
    </row>
    <row r="471921" spans="14:14">
      <c r="N471921" s="10"/>
    </row>
    <row r="471922" spans="14:14">
      <c r="N471922" s="10"/>
    </row>
    <row r="471923" spans="14:14">
      <c r="N471923" s="10"/>
    </row>
    <row r="471924" spans="14:14">
      <c r="N471924" s="10"/>
    </row>
    <row r="471925" spans="14:14">
      <c r="N471925" s="10"/>
    </row>
    <row r="471926" spans="14:14">
      <c r="N471926" s="10"/>
    </row>
    <row r="471927" spans="14:14">
      <c r="N471927" s="10"/>
    </row>
    <row r="471928" spans="14:14">
      <c r="N471928" s="10"/>
    </row>
    <row r="471929" spans="14:14">
      <c r="N471929" s="10"/>
    </row>
    <row r="471930" spans="14:14">
      <c r="N471930" s="10"/>
    </row>
    <row r="471931" spans="14:14">
      <c r="N471931" s="10"/>
    </row>
    <row r="471932" spans="14:14">
      <c r="N471932" s="10"/>
    </row>
    <row r="471933" spans="14:14">
      <c r="N471933" s="10"/>
    </row>
    <row r="471934" spans="14:14">
      <c r="N471934" s="10"/>
    </row>
    <row r="471935" spans="14:14">
      <c r="N471935" s="10"/>
    </row>
    <row r="471936" spans="14:14">
      <c r="N471936" s="10"/>
    </row>
    <row r="471937" spans="14:14">
      <c r="N471937" s="10"/>
    </row>
    <row r="471938" spans="14:14">
      <c r="N471938" s="10"/>
    </row>
    <row r="471939" spans="14:14">
      <c r="N471939" s="10"/>
    </row>
    <row r="471940" spans="14:14">
      <c r="N471940" s="10"/>
    </row>
    <row r="471941" spans="14:14">
      <c r="N471941" s="10"/>
    </row>
    <row r="471942" spans="14:14">
      <c r="N471942" s="10"/>
    </row>
    <row r="471943" spans="14:14">
      <c r="N471943" s="10"/>
    </row>
    <row r="471944" spans="14:14">
      <c r="N471944" s="10"/>
    </row>
    <row r="471945" spans="14:14">
      <c r="N471945" s="10"/>
    </row>
    <row r="471946" spans="14:14">
      <c r="N471946" s="10"/>
    </row>
    <row r="471947" spans="14:14">
      <c r="N471947" s="10"/>
    </row>
    <row r="471948" spans="14:14">
      <c r="N471948" s="10"/>
    </row>
    <row r="471949" spans="14:14">
      <c r="N471949" s="10"/>
    </row>
    <row r="471950" spans="14:14">
      <c r="N471950" s="10"/>
    </row>
    <row r="471951" spans="14:14">
      <c r="N471951" s="10"/>
    </row>
    <row r="471952" spans="14:14">
      <c r="N471952" s="10"/>
    </row>
    <row r="471953" spans="14:14">
      <c r="N471953" s="10"/>
    </row>
    <row r="471954" spans="14:14">
      <c r="N471954" s="10"/>
    </row>
    <row r="471955" spans="14:14">
      <c r="N471955" s="10"/>
    </row>
    <row r="471956" spans="14:14">
      <c r="N471956" s="10"/>
    </row>
    <row r="471957" spans="14:14">
      <c r="N471957" s="10"/>
    </row>
    <row r="471958" spans="14:14">
      <c r="N471958" s="10"/>
    </row>
    <row r="471959" spans="14:14">
      <c r="N471959" s="10"/>
    </row>
    <row r="471960" spans="14:14">
      <c r="N471960" s="10"/>
    </row>
    <row r="471961" spans="14:14">
      <c r="N471961" s="10"/>
    </row>
    <row r="471962" spans="14:14">
      <c r="N471962" s="10"/>
    </row>
    <row r="471963" spans="14:14">
      <c r="N471963" s="10"/>
    </row>
    <row r="471964" spans="14:14">
      <c r="N471964" s="10"/>
    </row>
    <row r="471965" spans="14:14">
      <c r="N471965" s="10"/>
    </row>
    <row r="471966" spans="14:14">
      <c r="N471966" s="10"/>
    </row>
    <row r="471967" spans="14:14">
      <c r="N471967" s="10"/>
    </row>
    <row r="471968" spans="14:14">
      <c r="N471968" s="10"/>
    </row>
    <row r="471969" spans="14:14">
      <c r="N471969" s="10"/>
    </row>
    <row r="471970" spans="14:14">
      <c r="N471970" s="10"/>
    </row>
    <row r="471971" spans="14:14">
      <c r="N471971" s="10"/>
    </row>
    <row r="471972" spans="14:14">
      <c r="N471972" s="10"/>
    </row>
    <row r="471973" spans="14:14">
      <c r="N471973" s="10"/>
    </row>
    <row r="471974" spans="14:14">
      <c r="N471974" s="10"/>
    </row>
    <row r="471975" spans="14:14">
      <c r="N471975" s="10"/>
    </row>
    <row r="471976" spans="14:14">
      <c r="N471976" s="10"/>
    </row>
    <row r="471977" spans="14:14">
      <c r="N471977" s="10"/>
    </row>
    <row r="471978" spans="14:14">
      <c r="N471978" s="10"/>
    </row>
    <row r="471979" spans="14:14">
      <c r="N471979" s="10"/>
    </row>
    <row r="471980" spans="14:14">
      <c r="N471980" s="10"/>
    </row>
    <row r="471981" spans="14:14">
      <c r="N471981" s="10"/>
    </row>
    <row r="471982" spans="14:14">
      <c r="N471982" s="10"/>
    </row>
    <row r="471983" spans="14:14">
      <c r="N471983" s="10"/>
    </row>
    <row r="471984" spans="14:14">
      <c r="N471984" s="10"/>
    </row>
    <row r="471985" spans="14:14">
      <c r="N471985" s="10"/>
    </row>
    <row r="471986" spans="14:14">
      <c r="N471986" s="10"/>
    </row>
    <row r="471987" spans="14:14">
      <c r="N471987" s="10"/>
    </row>
    <row r="471988" spans="14:14">
      <c r="N471988" s="10"/>
    </row>
    <row r="471989" spans="14:14">
      <c r="N471989" s="10"/>
    </row>
    <row r="471990" spans="14:14">
      <c r="N471990" s="10"/>
    </row>
    <row r="471991" spans="14:14">
      <c r="N471991" s="10"/>
    </row>
    <row r="471992" spans="14:14">
      <c r="N471992" s="10"/>
    </row>
    <row r="471993" spans="14:14">
      <c r="N471993" s="10"/>
    </row>
    <row r="471994" spans="14:14">
      <c r="N471994" s="10"/>
    </row>
    <row r="471995" spans="14:14">
      <c r="N471995" s="10"/>
    </row>
    <row r="471996" spans="14:14">
      <c r="N471996" s="10"/>
    </row>
    <row r="471997" spans="14:14">
      <c r="N471997" s="10"/>
    </row>
    <row r="471998" spans="14:14">
      <c r="N471998" s="10"/>
    </row>
    <row r="471999" spans="14:14">
      <c r="N471999" s="10"/>
    </row>
    <row r="472000" spans="14:14">
      <c r="N472000" s="10"/>
    </row>
    <row r="472001" spans="14:14">
      <c r="N472001" s="10"/>
    </row>
    <row r="472002" spans="14:14">
      <c r="N472002" s="10"/>
    </row>
    <row r="472003" spans="14:14">
      <c r="N472003" s="10"/>
    </row>
    <row r="472004" spans="14:14">
      <c r="N472004" s="10"/>
    </row>
    <row r="472005" spans="14:14">
      <c r="N472005" s="10"/>
    </row>
    <row r="472006" spans="14:14">
      <c r="N472006" s="10"/>
    </row>
    <row r="472007" spans="14:14">
      <c r="N472007" s="10"/>
    </row>
    <row r="472008" spans="14:14">
      <c r="N472008" s="10"/>
    </row>
    <row r="472009" spans="14:14">
      <c r="N472009" s="10"/>
    </row>
    <row r="472010" spans="14:14">
      <c r="N472010" s="10"/>
    </row>
    <row r="472011" spans="14:14">
      <c r="N472011" s="10"/>
    </row>
    <row r="472012" spans="14:14">
      <c r="N472012" s="10"/>
    </row>
    <row r="472013" spans="14:14">
      <c r="N472013" s="10"/>
    </row>
    <row r="472014" spans="14:14">
      <c r="N472014" s="10"/>
    </row>
    <row r="472015" spans="14:14">
      <c r="N472015" s="10"/>
    </row>
    <row r="472016" spans="14:14">
      <c r="N472016" s="10"/>
    </row>
    <row r="472017" spans="14:14">
      <c r="N472017" s="10"/>
    </row>
    <row r="472018" spans="14:14">
      <c r="N472018" s="10"/>
    </row>
    <row r="472019" spans="14:14">
      <c r="N472019" s="10"/>
    </row>
    <row r="472020" spans="14:14">
      <c r="N472020" s="10"/>
    </row>
    <row r="472021" spans="14:14">
      <c r="N472021" s="10"/>
    </row>
    <row r="472022" spans="14:14">
      <c r="N472022" s="10"/>
    </row>
    <row r="472023" spans="14:14">
      <c r="N472023" s="10"/>
    </row>
    <row r="472024" spans="14:14">
      <c r="N472024" s="10"/>
    </row>
    <row r="472025" spans="14:14">
      <c r="N472025" s="10"/>
    </row>
    <row r="472026" spans="14:14">
      <c r="N472026" s="10"/>
    </row>
    <row r="472027" spans="14:14">
      <c r="N472027" s="10"/>
    </row>
    <row r="472028" spans="14:14">
      <c r="N472028" s="10"/>
    </row>
    <row r="472029" spans="14:14">
      <c r="N472029" s="10"/>
    </row>
    <row r="472030" spans="14:14">
      <c r="N472030" s="10"/>
    </row>
    <row r="472031" spans="14:14">
      <c r="N472031" s="10"/>
    </row>
    <row r="472032" spans="14:14">
      <c r="N472032" s="10"/>
    </row>
    <row r="472033" spans="14:14">
      <c r="N472033" s="10"/>
    </row>
    <row r="472034" spans="14:14">
      <c r="N472034" s="10"/>
    </row>
    <row r="472035" spans="14:14">
      <c r="N472035" s="10"/>
    </row>
    <row r="472036" spans="14:14">
      <c r="N472036" s="10"/>
    </row>
    <row r="472037" spans="14:14">
      <c r="N472037" s="10"/>
    </row>
    <row r="472038" spans="14:14">
      <c r="N472038" s="10"/>
    </row>
    <row r="472039" spans="14:14">
      <c r="N472039" s="10"/>
    </row>
    <row r="472040" spans="14:14">
      <c r="N472040" s="10"/>
    </row>
    <row r="472041" spans="14:14">
      <c r="N472041" s="10"/>
    </row>
    <row r="472042" spans="14:14">
      <c r="N472042" s="10"/>
    </row>
    <row r="472043" spans="14:14">
      <c r="N472043" s="10"/>
    </row>
    <row r="472044" spans="14:14">
      <c r="N472044" s="10"/>
    </row>
    <row r="472045" spans="14:14">
      <c r="N472045" s="10"/>
    </row>
    <row r="472046" spans="14:14">
      <c r="N472046" s="10"/>
    </row>
    <row r="472047" spans="14:14">
      <c r="N472047" s="10"/>
    </row>
    <row r="472048" spans="14:14">
      <c r="N472048" s="10"/>
    </row>
    <row r="472049" spans="14:14">
      <c r="N472049" s="10"/>
    </row>
    <row r="472050" spans="14:14">
      <c r="N472050" s="10"/>
    </row>
    <row r="472051" spans="14:14">
      <c r="N472051" s="10"/>
    </row>
    <row r="472052" spans="14:14">
      <c r="N472052" s="10"/>
    </row>
    <row r="472053" spans="14:14">
      <c r="N472053" s="10"/>
    </row>
    <row r="472054" spans="14:14">
      <c r="N472054" s="10"/>
    </row>
    <row r="472055" spans="14:14">
      <c r="N472055" s="10"/>
    </row>
    <row r="472056" spans="14:14">
      <c r="N472056" s="10"/>
    </row>
    <row r="472057" spans="14:14">
      <c r="N472057" s="10"/>
    </row>
    <row r="472058" spans="14:14">
      <c r="N472058" s="10"/>
    </row>
    <row r="472059" spans="14:14">
      <c r="N472059" s="10"/>
    </row>
    <row r="472060" spans="14:14">
      <c r="N472060" s="10"/>
    </row>
    <row r="472061" spans="14:14">
      <c r="N472061" s="10"/>
    </row>
    <row r="472062" spans="14:14">
      <c r="N472062" s="10"/>
    </row>
    <row r="472063" spans="14:14">
      <c r="N472063" s="10"/>
    </row>
    <row r="472064" spans="14:14">
      <c r="N472064" s="10"/>
    </row>
    <row r="472065" spans="14:14">
      <c r="N472065" s="10"/>
    </row>
    <row r="472066" spans="14:14">
      <c r="N472066" s="10"/>
    </row>
    <row r="472067" spans="14:14">
      <c r="N472067" s="10"/>
    </row>
    <row r="472068" spans="14:14">
      <c r="N472068" s="10"/>
    </row>
    <row r="472069" spans="14:14">
      <c r="N472069" s="10"/>
    </row>
    <row r="472070" spans="14:14">
      <c r="N472070" s="10"/>
    </row>
    <row r="472071" spans="14:14">
      <c r="N472071" s="10"/>
    </row>
    <row r="472072" spans="14:14">
      <c r="N472072" s="10"/>
    </row>
    <row r="472073" spans="14:14">
      <c r="N472073" s="10"/>
    </row>
    <row r="472074" spans="14:14">
      <c r="N472074" s="10"/>
    </row>
    <row r="472075" spans="14:14">
      <c r="N472075" s="10"/>
    </row>
    <row r="472076" spans="14:14">
      <c r="N472076" s="10"/>
    </row>
    <row r="472077" spans="14:14">
      <c r="N472077" s="10"/>
    </row>
    <row r="472078" spans="14:14">
      <c r="N472078" s="10"/>
    </row>
    <row r="472079" spans="14:14">
      <c r="N472079" s="10"/>
    </row>
    <row r="472080" spans="14:14">
      <c r="N472080" s="10"/>
    </row>
    <row r="472081" spans="14:14">
      <c r="N472081" s="10"/>
    </row>
    <row r="472082" spans="14:14">
      <c r="N472082" s="10"/>
    </row>
    <row r="472083" spans="14:14">
      <c r="N472083" s="10"/>
    </row>
    <row r="472084" spans="14:14">
      <c r="N472084" s="10"/>
    </row>
    <row r="472085" spans="14:14">
      <c r="N472085" s="10"/>
    </row>
    <row r="472086" spans="14:14">
      <c r="N472086" s="10"/>
    </row>
    <row r="472087" spans="14:14">
      <c r="N472087" s="10"/>
    </row>
    <row r="472088" spans="14:14">
      <c r="N472088" s="10"/>
    </row>
    <row r="472089" spans="14:14">
      <c r="N472089" s="10"/>
    </row>
    <row r="472090" spans="14:14">
      <c r="N472090" s="10"/>
    </row>
    <row r="472091" spans="14:14">
      <c r="N472091" s="10"/>
    </row>
    <row r="472092" spans="14:14">
      <c r="N472092" s="10"/>
    </row>
    <row r="472093" spans="14:14">
      <c r="N472093" s="10"/>
    </row>
    <row r="472094" spans="14:14">
      <c r="N472094" s="10"/>
    </row>
    <row r="472095" spans="14:14">
      <c r="N472095" s="10"/>
    </row>
    <row r="472096" spans="14:14">
      <c r="N472096" s="10"/>
    </row>
    <row r="472097" spans="14:14">
      <c r="N472097" s="10"/>
    </row>
    <row r="472098" spans="14:14">
      <c r="N472098" s="10"/>
    </row>
    <row r="472099" spans="14:14">
      <c r="N472099" s="10"/>
    </row>
    <row r="472100" spans="14:14">
      <c r="N472100" s="10"/>
    </row>
    <row r="472101" spans="14:14">
      <c r="N472101" s="10"/>
    </row>
    <row r="472102" spans="14:14">
      <c r="N472102" s="10"/>
    </row>
    <row r="472103" spans="14:14">
      <c r="N472103" s="10"/>
    </row>
    <row r="472104" spans="14:14">
      <c r="N472104" s="10"/>
    </row>
    <row r="472105" spans="14:14">
      <c r="N472105" s="10"/>
    </row>
    <row r="472106" spans="14:14">
      <c r="N472106" s="10"/>
    </row>
    <row r="472107" spans="14:14">
      <c r="N472107" s="10"/>
    </row>
    <row r="472108" spans="14:14">
      <c r="N472108" s="10"/>
    </row>
    <row r="472109" spans="14:14">
      <c r="N472109" s="10"/>
    </row>
    <row r="472110" spans="14:14">
      <c r="N472110" s="10"/>
    </row>
    <row r="472111" spans="14:14">
      <c r="N472111" s="10"/>
    </row>
    <row r="472112" spans="14:14">
      <c r="N472112" s="10"/>
    </row>
    <row r="472113" spans="14:14">
      <c r="N472113" s="10"/>
    </row>
    <row r="472114" spans="14:14">
      <c r="N472114" s="10"/>
    </row>
    <row r="472115" spans="14:14">
      <c r="N472115" s="10"/>
    </row>
    <row r="472116" spans="14:14">
      <c r="N472116" s="10"/>
    </row>
    <row r="472117" spans="14:14">
      <c r="N472117" s="10"/>
    </row>
    <row r="472118" spans="14:14">
      <c r="N472118" s="10"/>
    </row>
    <row r="472119" spans="14:14">
      <c r="N472119" s="10"/>
    </row>
    <row r="472120" spans="14:14">
      <c r="N472120" s="10"/>
    </row>
    <row r="472121" spans="14:14">
      <c r="N472121" s="10"/>
    </row>
    <row r="472122" spans="14:14">
      <c r="N472122" s="10"/>
    </row>
    <row r="472123" spans="14:14">
      <c r="N472123" s="10"/>
    </row>
    <row r="472124" spans="14:14">
      <c r="N472124" s="10"/>
    </row>
    <row r="472125" spans="14:14">
      <c r="N472125" s="10"/>
    </row>
    <row r="472126" spans="14:14">
      <c r="N472126" s="10"/>
    </row>
    <row r="472127" spans="14:14">
      <c r="N472127" s="10"/>
    </row>
    <row r="472128" spans="14:14">
      <c r="N472128" s="10"/>
    </row>
    <row r="472129" spans="14:14">
      <c r="N472129" s="10"/>
    </row>
    <row r="472130" spans="14:14">
      <c r="N472130" s="10"/>
    </row>
    <row r="472131" spans="14:14">
      <c r="N472131" s="10"/>
    </row>
    <row r="472132" spans="14:14">
      <c r="N472132" s="10"/>
    </row>
    <row r="472133" spans="14:14">
      <c r="N472133" s="10"/>
    </row>
    <row r="472134" spans="14:14">
      <c r="N472134" s="10"/>
    </row>
    <row r="472135" spans="14:14">
      <c r="N472135" s="10"/>
    </row>
    <row r="472136" spans="14:14">
      <c r="N472136" s="10"/>
    </row>
    <row r="472137" spans="14:14">
      <c r="N472137" s="10"/>
    </row>
    <row r="472138" spans="14:14">
      <c r="N472138" s="10"/>
    </row>
    <row r="472139" spans="14:14">
      <c r="N472139" s="10"/>
    </row>
    <row r="472140" spans="14:14">
      <c r="N472140" s="10"/>
    </row>
    <row r="472141" spans="14:14">
      <c r="N472141" s="10"/>
    </row>
    <row r="472142" spans="14:14">
      <c r="N472142" s="10"/>
    </row>
    <row r="472143" spans="14:14">
      <c r="N472143" s="10"/>
    </row>
    <row r="472144" spans="14:14">
      <c r="N472144" s="10"/>
    </row>
    <row r="472145" spans="14:14">
      <c r="N472145" s="10"/>
    </row>
    <row r="472146" spans="14:14">
      <c r="N472146" s="10"/>
    </row>
    <row r="472147" spans="14:14">
      <c r="N472147" s="10"/>
    </row>
    <row r="472148" spans="14:14">
      <c r="N472148" s="10"/>
    </row>
    <row r="472149" spans="14:14">
      <c r="N472149" s="10"/>
    </row>
    <row r="472150" spans="14:14">
      <c r="N472150" s="10"/>
    </row>
    <row r="472151" spans="14:14">
      <c r="N472151" s="10"/>
    </row>
    <row r="472152" spans="14:14">
      <c r="N472152" s="10"/>
    </row>
    <row r="472153" spans="14:14">
      <c r="N472153" s="10"/>
    </row>
    <row r="472154" spans="14:14">
      <c r="N472154" s="10"/>
    </row>
    <row r="472155" spans="14:14">
      <c r="N472155" s="10"/>
    </row>
    <row r="472156" spans="14:14">
      <c r="N472156" s="10"/>
    </row>
    <row r="472157" spans="14:14">
      <c r="N472157" s="10"/>
    </row>
    <row r="472158" spans="14:14">
      <c r="N472158" s="10"/>
    </row>
    <row r="472159" spans="14:14">
      <c r="N472159" s="10"/>
    </row>
    <row r="472160" spans="14:14">
      <c r="N472160" s="10"/>
    </row>
    <row r="472161" spans="14:14">
      <c r="N472161" s="10"/>
    </row>
    <row r="472162" spans="14:14">
      <c r="N472162" s="10"/>
    </row>
    <row r="472163" spans="14:14">
      <c r="N472163" s="10"/>
    </row>
    <row r="472164" spans="14:14">
      <c r="N472164" s="10"/>
    </row>
    <row r="472165" spans="14:14">
      <c r="N472165" s="10"/>
    </row>
    <row r="472166" spans="14:14">
      <c r="N472166" s="10"/>
    </row>
    <row r="472167" spans="14:14">
      <c r="N472167" s="10"/>
    </row>
    <row r="472168" spans="14:14">
      <c r="N472168" s="10"/>
    </row>
    <row r="472169" spans="14:14">
      <c r="N472169" s="10"/>
    </row>
    <row r="472170" spans="14:14">
      <c r="N472170" s="10"/>
    </row>
    <row r="472171" spans="14:14">
      <c r="N472171" s="10"/>
    </row>
    <row r="472172" spans="14:14">
      <c r="N472172" s="10"/>
    </row>
    <row r="472173" spans="14:14">
      <c r="N472173" s="10"/>
    </row>
    <row r="472174" spans="14:14">
      <c r="N472174" s="10"/>
    </row>
    <row r="472175" spans="14:14">
      <c r="N472175" s="10"/>
    </row>
    <row r="472176" spans="14:14">
      <c r="N472176" s="10"/>
    </row>
    <row r="472177" spans="14:14">
      <c r="N472177" s="10"/>
    </row>
    <row r="472178" spans="14:14">
      <c r="N472178" s="10"/>
    </row>
    <row r="472179" spans="14:14">
      <c r="N472179" s="10"/>
    </row>
    <row r="472180" spans="14:14">
      <c r="N472180" s="10"/>
    </row>
    <row r="472181" spans="14:14">
      <c r="N472181" s="10"/>
    </row>
    <row r="472182" spans="14:14">
      <c r="N472182" s="10"/>
    </row>
    <row r="472183" spans="14:14">
      <c r="N472183" s="10"/>
    </row>
    <row r="472184" spans="14:14">
      <c r="N472184" s="10"/>
    </row>
    <row r="472185" spans="14:14">
      <c r="N472185" s="10"/>
    </row>
    <row r="472186" spans="14:14">
      <c r="N472186" s="10"/>
    </row>
    <row r="472187" spans="14:14">
      <c r="N472187" s="10"/>
    </row>
    <row r="472188" spans="14:14">
      <c r="N472188" s="10"/>
    </row>
    <row r="472189" spans="14:14">
      <c r="N472189" s="10"/>
    </row>
    <row r="472190" spans="14:14">
      <c r="N472190" s="10"/>
    </row>
    <row r="472191" spans="14:14">
      <c r="N472191" s="10"/>
    </row>
    <row r="472192" spans="14:14">
      <c r="N472192" s="10"/>
    </row>
    <row r="472193" spans="14:14">
      <c r="N472193" s="10"/>
    </row>
    <row r="472194" spans="14:14">
      <c r="N472194" s="10"/>
    </row>
    <row r="472195" spans="14:14">
      <c r="N472195" s="10"/>
    </row>
    <row r="472196" spans="14:14">
      <c r="N472196" s="10"/>
    </row>
    <row r="472197" spans="14:14">
      <c r="N472197" s="10"/>
    </row>
    <row r="472198" spans="14:14">
      <c r="N472198" s="10"/>
    </row>
    <row r="472199" spans="14:14">
      <c r="N472199" s="10"/>
    </row>
    <row r="472200" spans="14:14">
      <c r="N472200" s="10"/>
    </row>
    <row r="472201" spans="14:14">
      <c r="N472201" s="10"/>
    </row>
    <row r="472202" spans="14:14">
      <c r="N472202" s="10"/>
    </row>
    <row r="472203" spans="14:14">
      <c r="N472203" s="10"/>
    </row>
    <row r="472204" spans="14:14">
      <c r="N472204" s="10"/>
    </row>
    <row r="472205" spans="14:14">
      <c r="N472205" s="10"/>
    </row>
    <row r="472206" spans="14:14">
      <c r="N472206" s="10"/>
    </row>
    <row r="472207" spans="14:14">
      <c r="N472207" s="10"/>
    </row>
    <row r="472208" spans="14:14">
      <c r="N472208" s="10"/>
    </row>
    <row r="472209" spans="14:14">
      <c r="N472209" s="10"/>
    </row>
    <row r="472210" spans="14:14">
      <c r="N472210" s="10"/>
    </row>
    <row r="472211" spans="14:14">
      <c r="N472211" s="10"/>
    </row>
    <row r="472212" spans="14:14">
      <c r="N472212" s="10"/>
    </row>
    <row r="472213" spans="14:14">
      <c r="N472213" s="10"/>
    </row>
    <row r="472214" spans="14:14">
      <c r="N472214" s="10"/>
    </row>
    <row r="472215" spans="14:14">
      <c r="N472215" s="10"/>
    </row>
    <row r="472216" spans="14:14">
      <c r="N472216" s="10"/>
    </row>
    <row r="472217" spans="14:14">
      <c r="N472217" s="10"/>
    </row>
    <row r="472218" spans="14:14">
      <c r="N472218" s="10"/>
    </row>
    <row r="472219" spans="14:14">
      <c r="N472219" s="10"/>
    </row>
    <row r="472220" spans="14:14">
      <c r="N472220" s="10"/>
    </row>
    <row r="472221" spans="14:14">
      <c r="N472221" s="10"/>
    </row>
    <row r="472222" spans="14:14">
      <c r="N472222" s="10"/>
    </row>
    <row r="472223" spans="14:14">
      <c r="N472223" s="10"/>
    </row>
    <row r="472224" spans="14:14">
      <c r="N472224" s="10"/>
    </row>
    <row r="472225" spans="14:14">
      <c r="N472225" s="10"/>
    </row>
    <row r="472226" spans="14:14">
      <c r="N472226" s="10"/>
    </row>
    <row r="472227" spans="14:14">
      <c r="N472227" s="10"/>
    </row>
    <row r="472228" spans="14:14">
      <c r="N472228" s="10"/>
    </row>
    <row r="472229" spans="14:14">
      <c r="N472229" s="10"/>
    </row>
    <row r="472230" spans="14:14">
      <c r="N472230" s="10"/>
    </row>
    <row r="472231" spans="14:14">
      <c r="N472231" s="10"/>
    </row>
    <row r="472232" spans="14:14">
      <c r="N472232" s="10"/>
    </row>
    <row r="472233" spans="14:14">
      <c r="N472233" s="10"/>
    </row>
    <row r="472234" spans="14:14">
      <c r="N472234" s="10"/>
    </row>
    <row r="472235" spans="14:14">
      <c r="N472235" s="10"/>
    </row>
    <row r="472236" spans="14:14">
      <c r="N472236" s="10"/>
    </row>
    <row r="472237" spans="14:14">
      <c r="N472237" s="10"/>
    </row>
    <row r="472238" spans="14:14">
      <c r="N472238" s="10"/>
    </row>
    <row r="472239" spans="14:14">
      <c r="N472239" s="10"/>
    </row>
    <row r="472240" spans="14:14">
      <c r="N472240" s="10"/>
    </row>
    <row r="472241" spans="14:14">
      <c r="N472241" s="10"/>
    </row>
    <row r="472242" spans="14:14">
      <c r="N472242" s="10"/>
    </row>
    <row r="472243" spans="14:14">
      <c r="N472243" s="10"/>
    </row>
    <row r="472244" spans="14:14">
      <c r="N472244" s="10"/>
    </row>
    <row r="472245" spans="14:14">
      <c r="N472245" s="10"/>
    </row>
    <row r="472246" spans="14:14">
      <c r="N472246" s="10"/>
    </row>
    <row r="472247" spans="14:14">
      <c r="N472247" s="10"/>
    </row>
    <row r="472248" spans="14:14">
      <c r="N472248" s="10"/>
    </row>
    <row r="472249" spans="14:14">
      <c r="N472249" s="10"/>
    </row>
    <row r="472250" spans="14:14">
      <c r="N472250" s="10"/>
    </row>
    <row r="472251" spans="14:14">
      <c r="N472251" s="10"/>
    </row>
    <row r="472252" spans="14:14">
      <c r="N472252" s="10"/>
    </row>
    <row r="472253" spans="14:14">
      <c r="N472253" s="10"/>
    </row>
    <row r="472254" spans="14:14">
      <c r="N472254" s="10"/>
    </row>
    <row r="472255" spans="14:14">
      <c r="N472255" s="10"/>
    </row>
    <row r="472256" spans="14:14">
      <c r="N472256" s="10"/>
    </row>
    <row r="472257" spans="14:14">
      <c r="N472257" s="10"/>
    </row>
    <row r="472258" spans="14:14">
      <c r="N472258" s="10"/>
    </row>
    <row r="472259" spans="14:14">
      <c r="N472259" s="10"/>
    </row>
    <row r="472260" spans="14:14">
      <c r="N472260" s="10"/>
    </row>
    <row r="472261" spans="14:14">
      <c r="N472261" s="10"/>
    </row>
    <row r="472262" spans="14:14">
      <c r="N472262" s="10"/>
    </row>
    <row r="472263" spans="14:14">
      <c r="N472263" s="10"/>
    </row>
    <row r="472264" spans="14:14">
      <c r="N472264" s="10"/>
    </row>
    <row r="472265" spans="14:14">
      <c r="N472265" s="10"/>
    </row>
    <row r="472266" spans="14:14">
      <c r="N472266" s="10"/>
    </row>
    <row r="472267" spans="14:14">
      <c r="N472267" s="10"/>
    </row>
    <row r="472268" spans="14:14">
      <c r="N472268" s="10"/>
    </row>
    <row r="472269" spans="14:14">
      <c r="N472269" s="10"/>
    </row>
    <row r="472270" spans="14:14">
      <c r="N472270" s="10"/>
    </row>
    <row r="472271" spans="14:14">
      <c r="N472271" s="10"/>
    </row>
    <row r="472272" spans="14:14">
      <c r="N472272" s="10"/>
    </row>
    <row r="472273" spans="14:14">
      <c r="N472273" s="10"/>
    </row>
    <row r="472274" spans="14:14">
      <c r="N472274" s="10"/>
    </row>
    <row r="472275" spans="14:14">
      <c r="N472275" s="10"/>
    </row>
    <row r="472276" spans="14:14">
      <c r="N472276" s="10"/>
    </row>
    <row r="472277" spans="14:14">
      <c r="N472277" s="10"/>
    </row>
    <row r="472278" spans="14:14">
      <c r="N472278" s="10"/>
    </row>
    <row r="472279" spans="14:14">
      <c r="N472279" s="10"/>
    </row>
    <row r="472280" spans="14:14">
      <c r="N472280" s="10"/>
    </row>
    <row r="472281" spans="14:14">
      <c r="N472281" s="10"/>
    </row>
    <row r="472282" spans="14:14">
      <c r="N472282" s="10"/>
    </row>
    <row r="472283" spans="14:14">
      <c r="N472283" s="10"/>
    </row>
    <row r="472284" spans="14:14">
      <c r="N472284" s="10"/>
    </row>
    <row r="472285" spans="14:14">
      <c r="N472285" s="10"/>
    </row>
    <row r="472286" spans="14:14">
      <c r="N472286" s="10"/>
    </row>
    <row r="472287" spans="14:14">
      <c r="N472287" s="10"/>
    </row>
    <row r="472288" spans="14:14">
      <c r="N472288" s="10"/>
    </row>
    <row r="472289" spans="14:14">
      <c r="N472289" s="10"/>
    </row>
    <row r="472290" spans="14:14">
      <c r="N472290" s="10"/>
    </row>
    <row r="472291" spans="14:14">
      <c r="N472291" s="10"/>
    </row>
    <row r="472292" spans="14:14">
      <c r="N472292" s="10"/>
    </row>
    <row r="472293" spans="14:14">
      <c r="N472293" s="10"/>
    </row>
    <row r="472294" spans="14:14">
      <c r="N472294" s="10"/>
    </row>
    <row r="472295" spans="14:14">
      <c r="N472295" s="10"/>
    </row>
    <row r="472296" spans="14:14">
      <c r="N472296" s="10"/>
    </row>
    <row r="472297" spans="14:14">
      <c r="N472297" s="10"/>
    </row>
    <row r="472298" spans="14:14">
      <c r="N472298" s="10"/>
    </row>
    <row r="472299" spans="14:14">
      <c r="N472299" s="10"/>
    </row>
    <row r="472300" spans="14:14">
      <c r="N472300" s="10"/>
    </row>
    <row r="472301" spans="14:14">
      <c r="N472301" s="10"/>
    </row>
    <row r="472302" spans="14:14">
      <c r="N472302" s="10"/>
    </row>
    <row r="472303" spans="14:14">
      <c r="N472303" s="10"/>
    </row>
    <row r="472304" spans="14:14">
      <c r="N472304" s="10"/>
    </row>
    <row r="472305" spans="14:14">
      <c r="N472305" s="10"/>
    </row>
    <row r="472306" spans="14:14">
      <c r="N472306" s="10"/>
    </row>
    <row r="472307" spans="14:14">
      <c r="N472307" s="10"/>
    </row>
    <row r="472308" spans="14:14">
      <c r="N472308" s="10"/>
    </row>
    <row r="472309" spans="14:14">
      <c r="N472309" s="10"/>
    </row>
    <row r="472310" spans="14:14">
      <c r="N472310" s="10"/>
    </row>
    <row r="472311" spans="14:14">
      <c r="N472311" s="10"/>
    </row>
    <row r="472312" spans="14:14">
      <c r="N472312" s="10"/>
    </row>
    <row r="472313" spans="14:14">
      <c r="N472313" s="10"/>
    </row>
    <row r="472314" spans="14:14">
      <c r="N472314" s="10"/>
    </row>
    <row r="472315" spans="14:14">
      <c r="N472315" s="10"/>
    </row>
    <row r="472316" spans="14:14">
      <c r="N472316" s="10"/>
    </row>
    <row r="472317" spans="14:14">
      <c r="N472317" s="10"/>
    </row>
    <row r="472318" spans="14:14">
      <c r="N472318" s="10"/>
    </row>
    <row r="472319" spans="14:14">
      <c r="N472319" s="10"/>
    </row>
    <row r="472320" spans="14:14">
      <c r="N472320" s="10"/>
    </row>
    <row r="472321" spans="14:14">
      <c r="N472321" s="10"/>
    </row>
    <row r="472322" spans="14:14">
      <c r="N472322" s="10"/>
    </row>
    <row r="472323" spans="14:14">
      <c r="N472323" s="10"/>
    </row>
    <row r="472324" spans="14:14">
      <c r="N472324" s="10"/>
    </row>
    <row r="472325" spans="14:14">
      <c r="N472325" s="10"/>
    </row>
    <row r="472326" spans="14:14">
      <c r="N472326" s="10"/>
    </row>
    <row r="472327" spans="14:14">
      <c r="N472327" s="10"/>
    </row>
    <row r="472328" spans="14:14">
      <c r="N472328" s="10"/>
    </row>
    <row r="472329" spans="14:14">
      <c r="N472329" s="10"/>
    </row>
    <row r="472330" spans="14:14">
      <c r="N472330" s="10"/>
    </row>
    <row r="472331" spans="14:14">
      <c r="N472331" s="10"/>
    </row>
    <row r="472332" spans="14:14">
      <c r="N472332" s="10"/>
    </row>
    <row r="472333" spans="14:14">
      <c r="N472333" s="10"/>
    </row>
    <row r="472334" spans="14:14">
      <c r="N472334" s="10"/>
    </row>
    <row r="472335" spans="14:14">
      <c r="N472335" s="10"/>
    </row>
    <row r="472336" spans="14:14">
      <c r="N472336" s="10"/>
    </row>
    <row r="472337" spans="14:14">
      <c r="N472337" s="10"/>
    </row>
    <row r="472338" spans="14:14">
      <c r="N472338" s="10"/>
    </row>
    <row r="472339" spans="14:14">
      <c r="N472339" s="10"/>
    </row>
    <row r="472340" spans="14:14">
      <c r="N472340" s="10"/>
    </row>
    <row r="472341" spans="14:14">
      <c r="N472341" s="10"/>
    </row>
    <row r="472342" spans="14:14">
      <c r="N472342" s="10"/>
    </row>
    <row r="472343" spans="14:14">
      <c r="N472343" s="10"/>
    </row>
    <row r="472344" spans="14:14">
      <c r="N472344" s="10"/>
    </row>
    <row r="472345" spans="14:14">
      <c r="N472345" s="10"/>
    </row>
    <row r="472346" spans="14:14">
      <c r="N472346" s="10"/>
    </row>
    <row r="472347" spans="14:14">
      <c r="N472347" s="10"/>
    </row>
    <row r="472348" spans="14:14">
      <c r="N472348" s="10"/>
    </row>
    <row r="472349" spans="14:14">
      <c r="N472349" s="10"/>
    </row>
    <row r="472350" spans="14:14">
      <c r="N472350" s="10"/>
    </row>
    <row r="472351" spans="14:14">
      <c r="N472351" s="10"/>
    </row>
    <row r="472352" spans="14:14">
      <c r="N472352" s="10"/>
    </row>
    <row r="472353" spans="14:14">
      <c r="N472353" s="10"/>
    </row>
    <row r="472354" spans="14:14">
      <c r="N472354" s="10"/>
    </row>
    <row r="472355" spans="14:14">
      <c r="N472355" s="10"/>
    </row>
    <row r="472356" spans="14:14">
      <c r="N472356" s="10"/>
    </row>
    <row r="472357" spans="14:14">
      <c r="N472357" s="10"/>
    </row>
    <row r="472358" spans="14:14">
      <c r="N472358" s="10"/>
    </row>
    <row r="472359" spans="14:14">
      <c r="N472359" s="10"/>
    </row>
    <row r="472360" spans="14:14">
      <c r="N472360" s="10"/>
    </row>
    <row r="472361" spans="14:14">
      <c r="N472361" s="10"/>
    </row>
    <row r="472362" spans="14:14">
      <c r="N472362" s="10"/>
    </row>
    <row r="472363" spans="14:14">
      <c r="N472363" s="10"/>
    </row>
    <row r="472364" spans="14:14">
      <c r="N472364" s="10"/>
    </row>
    <row r="472365" spans="14:14">
      <c r="N472365" s="10"/>
    </row>
    <row r="472366" spans="14:14">
      <c r="N472366" s="10"/>
    </row>
    <row r="472367" spans="14:14">
      <c r="N472367" s="10"/>
    </row>
    <row r="472368" spans="14:14">
      <c r="N472368" s="10"/>
    </row>
    <row r="472369" spans="14:14">
      <c r="N472369" s="10"/>
    </row>
    <row r="472370" spans="14:14">
      <c r="N472370" s="10"/>
    </row>
    <row r="472371" spans="14:14">
      <c r="N472371" s="10"/>
    </row>
    <row r="472372" spans="14:14">
      <c r="N472372" s="10"/>
    </row>
    <row r="472373" spans="14:14">
      <c r="N472373" s="10"/>
    </row>
    <row r="472374" spans="14:14">
      <c r="N472374" s="10"/>
    </row>
    <row r="472375" spans="14:14">
      <c r="N472375" s="10"/>
    </row>
    <row r="472376" spans="14:14">
      <c r="N472376" s="10"/>
    </row>
    <row r="472377" spans="14:14">
      <c r="N472377" s="10"/>
    </row>
    <row r="472378" spans="14:14">
      <c r="N472378" s="10"/>
    </row>
    <row r="472379" spans="14:14">
      <c r="N472379" s="10"/>
    </row>
    <row r="472380" spans="14:14">
      <c r="N472380" s="10"/>
    </row>
    <row r="472381" spans="14:14">
      <c r="N472381" s="10"/>
    </row>
    <row r="472382" spans="14:14">
      <c r="N472382" s="10"/>
    </row>
    <row r="472383" spans="14:14">
      <c r="N472383" s="10"/>
    </row>
    <row r="472384" spans="14:14">
      <c r="N472384" s="10"/>
    </row>
    <row r="472385" spans="14:14">
      <c r="N472385" s="10"/>
    </row>
    <row r="472386" spans="14:14">
      <c r="N472386" s="10"/>
    </row>
    <row r="472387" spans="14:14">
      <c r="N472387" s="10"/>
    </row>
    <row r="472388" spans="14:14">
      <c r="N472388" s="10"/>
    </row>
    <row r="472389" spans="14:14">
      <c r="N472389" s="10"/>
    </row>
    <row r="472390" spans="14:14">
      <c r="N472390" s="10"/>
    </row>
    <row r="472391" spans="14:14">
      <c r="N472391" s="10"/>
    </row>
    <row r="472392" spans="14:14">
      <c r="N472392" s="10"/>
    </row>
    <row r="472393" spans="14:14">
      <c r="N472393" s="10"/>
    </row>
    <row r="472394" spans="14:14">
      <c r="N472394" s="10"/>
    </row>
    <row r="472395" spans="14:14">
      <c r="N472395" s="10"/>
    </row>
    <row r="472396" spans="14:14">
      <c r="N472396" s="10"/>
    </row>
    <row r="472397" spans="14:14">
      <c r="N472397" s="10"/>
    </row>
    <row r="472398" spans="14:14">
      <c r="N472398" s="10"/>
    </row>
    <row r="472399" spans="14:14">
      <c r="N472399" s="10"/>
    </row>
    <row r="472400" spans="14:14">
      <c r="N472400" s="10"/>
    </row>
    <row r="472401" spans="14:14">
      <c r="N472401" s="10"/>
    </row>
    <row r="472402" spans="14:14">
      <c r="N472402" s="10"/>
    </row>
    <row r="472403" spans="14:14">
      <c r="N472403" s="10"/>
    </row>
    <row r="472404" spans="14:14">
      <c r="N472404" s="10"/>
    </row>
    <row r="472405" spans="14:14">
      <c r="N472405" s="10"/>
    </row>
    <row r="472406" spans="14:14">
      <c r="N472406" s="10"/>
    </row>
    <row r="472407" spans="14:14">
      <c r="N472407" s="10"/>
    </row>
    <row r="472408" spans="14:14">
      <c r="N472408" s="10"/>
    </row>
    <row r="472409" spans="14:14">
      <c r="N472409" s="10"/>
    </row>
    <row r="472410" spans="14:14">
      <c r="N472410" s="10"/>
    </row>
    <row r="472411" spans="14:14">
      <c r="N472411" s="10"/>
    </row>
    <row r="472412" spans="14:14">
      <c r="N472412" s="10"/>
    </row>
    <row r="472413" spans="14:14">
      <c r="N472413" s="10"/>
    </row>
    <row r="472414" spans="14:14">
      <c r="N472414" s="10"/>
    </row>
    <row r="472415" spans="14:14">
      <c r="N472415" s="10"/>
    </row>
    <row r="472416" spans="14:14">
      <c r="N472416" s="10"/>
    </row>
    <row r="472417" spans="14:14">
      <c r="N472417" s="10"/>
    </row>
    <row r="472418" spans="14:14">
      <c r="N472418" s="10"/>
    </row>
    <row r="472419" spans="14:14">
      <c r="N472419" s="10"/>
    </row>
    <row r="472420" spans="14:14">
      <c r="N472420" s="10"/>
    </row>
    <row r="472421" spans="14:14">
      <c r="N472421" s="10"/>
    </row>
    <row r="472422" spans="14:14">
      <c r="N472422" s="10"/>
    </row>
    <row r="472423" spans="14:14">
      <c r="N472423" s="10"/>
    </row>
    <row r="472424" spans="14:14">
      <c r="N472424" s="10"/>
    </row>
    <row r="472425" spans="14:14">
      <c r="N472425" s="10"/>
    </row>
    <row r="472426" spans="14:14">
      <c r="N472426" s="10"/>
    </row>
    <row r="472427" spans="14:14">
      <c r="N472427" s="10"/>
    </row>
    <row r="472428" spans="14:14">
      <c r="N472428" s="10"/>
    </row>
    <row r="472429" spans="14:14">
      <c r="N472429" s="10"/>
    </row>
    <row r="472430" spans="14:14">
      <c r="N472430" s="10"/>
    </row>
    <row r="472431" spans="14:14">
      <c r="N472431" s="10"/>
    </row>
    <row r="472432" spans="14:14">
      <c r="N472432" s="10"/>
    </row>
    <row r="472433" spans="14:14">
      <c r="N472433" s="10"/>
    </row>
    <row r="472434" spans="14:14">
      <c r="N472434" s="10"/>
    </row>
    <row r="472435" spans="14:14">
      <c r="N472435" s="10"/>
    </row>
    <row r="472436" spans="14:14">
      <c r="N472436" s="10"/>
    </row>
    <row r="472437" spans="14:14">
      <c r="N472437" s="10"/>
    </row>
    <row r="472438" spans="14:14">
      <c r="N472438" s="10"/>
    </row>
    <row r="472439" spans="14:14">
      <c r="N472439" s="10"/>
    </row>
    <row r="472440" spans="14:14">
      <c r="N472440" s="10"/>
    </row>
    <row r="472441" spans="14:14">
      <c r="N472441" s="10"/>
    </row>
    <row r="472442" spans="14:14">
      <c r="N472442" s="10"/>
    </row>
    <row r="472443" spans="14:14">
      <c r="N472443" s="10"/>
    </row>
    <row r="472444" spans="14:14">
      <c r="N472444" s="10"/>
    </row>
    <row r="472445" spans="14:14">
      <c r="N472445" s="10"/>
    </row>
    <row r="472446" spans="14:14">
      <c r="N472446" s="10"/>
    </row>
    <row r="472447" spans="14:14">
      <c r="N472447" s="10"/>
    </row>
    <row r="472448" spans="14:14">
      <c r="N472448" s="10"/>
    </row>
    <row r="472449" spans="14:14">
      <c r="N472449" s="10"/>
    </row>
    <row r="472450" spans="14:14">
      <c r="N472450" s="10"/>
    </row>
    <row r="472451" spans="14:14">
      <c r="N472451" s="10"/>
    </row>
    <row r="472452" spans="14:14">
      <c r="N472452" s="10"/>
    </row>
    <row r="472453" spans="14:14">
      <c r="N472453" s="10"/>
    </row>
    <row r="472454" spans="14:14">
      <c r="N472454" s="10"/>
    </row>
    <row r="472455" spans="14:14">
      <c r="N472455" s="10"/>
    </row>
    <row r="472456" spans="14:14">
      <c r="N472456" s="10"/>
    </row>
    <row r="472457" spans="14:14">
      <c r="N472457" s="10"/>
    </row>
    <row r="472458" spans="14:14">
      <c r="N472458" s="10"/>
    </row>
    <row r="472459" spans="14:14">
      <c r="N472459" s="10"/>
    </row>
    <row r="472460" spans="14:14">
      <c r="N472460" s="10"/>
    </row>
    <row r="472461" spans="14:14">
      <c r="N472461" s="10"/>
    </row>
    <row r="472462" spans="14:14">
      <c r="N472462" s="10"/>
    </row>
    <row r="472463" spans="14:14">
      <c r="N472463" s="10"/>
    </row>
    <row r="472464" spans="14:14">
      <c r="N472464" s="10"/>
    </row>
    <row r="472465" spans="14:14">
      <c r="N472465" s="10"/>
    </row>
    <row r="472466" spans="14:14">
      <c r="N472466" s="10"/>
    </row>
    <row r="472467" spans="14:14">
      <c r="N472467" s="10"/>
    </row>
    <row r="472468" spans="14:14">
      <c r="N472468" s="10"/>
    </row>
    <row r="472469" spans="14:14">
      <c r="N472469" s="10"/>
    </row>
    <row r="472470" spans="14:14">
      <c r="N472470" s="10"/>
    </row>
    <row r="472471" spans="14:14">
      <c r="N472471" s="10"/>
    </row>
    <row r="472472" spans="14:14">
      <c r="N472472" s="10"/>
    </row>
    <row r="472473" spans="14:14">
      <c r="N472473" s="10"/>
    </row>
    <row r="472474" spans="14:14">
      <c r="N472474" s="10"/>
    </row>
    <row r="472475" spans="14:14">
      <c r="N472475" s="10"/>
    </row>
    <row r="472476" spans="14:14">
      <c r="N472476" s="10"/>
    </row>
    <row r="472477" spans="14:14">
      <c r="N472477" s="10"/>
    </row>
    <row r="472478" spans="14:14">
      <c r="N472478" s="10"/>
    </row>
    <row r="472479" spans="14:14">
      <c r="N472479" s="10"/>
    </row>
    <row r="472480" spans="14:14">
      <c r="N472480" s="10"/>
    </row>
    <row r="472481" spans="14:14">
      <c r="N472481" s="10"/>
    </row>
    <row r="472482" spans="14:14">
      <c r="N472482" s="10"/>
    </row>
    <row r="472483" spans="14:14">
      <c r="N472483" s="10"/>
    </row>
    <row r="472484" spans="14:14">
      <c r="N472484" s="10"/>
    </row>
    <row r="472485" spans="14:14">
      <c r="N472485" s="10"/>
    </row>
    <row r="472486" spans="14:14">
      <c r="N472486" s="10"/>
    </row>
    <row r="472487" spans="14:14">
      <c r="N472487" s="10"/>
    </row>
    <row r="472488" spans="14:14">
      <c r="N472488" s="10"/>
    </row>
    <row r="472489" spans="14:14">
      <c r="N472489" s="10"/>
    </row>
    <row r="472490" spans="14:14">
      <c r="N472490" s="10"/>
    </row>
    <row r="472491" spans="14:14">
      <c r="N472491" s="10"/>
    </row>
    <row r="472492" spans="14:14">
      <c r="N472492" s="10"/>
    </row>
    <row r="472493" spans="14:14">
      <c r="N472493" s="10"/>
    </row>
    <row r="472494" spans="14:14">
      <c r="N472494" s="10"/>
    </row>
    <row r="472495" spans="14:14">
      <c r="N472495" s="10"/>
    </row>
    <row r="472496" spans="14:14">
      <c r="N472496" s="10"/>
    </row>
    <row r="472497" spans="14:14">
      <c r="N472497" s="10"/>
    </row>
    <row r="472498" spans="14:14">
      <c r="N472498" s="10"/>
    </row>
    <row r="472499" spans="14:14">
      <c r="N472499" s="10"/>
    </row>
    <row r="472500" spans="14:14">
      <c r="N472500" s="10"/>
    </row>
    <row r="472501" spans="14:14">
      <c r="N472501" s="10"/>
    </row>
    <row r="472502" spans="14:14">
      <c r="N472502" s="10"/>
    </row>
    <row r="472503" spans="14:14">
      <c r="N472503" s="10"/>
    </row>
    <row r="472504" spans="14:14">
      <c r="N472504" s="10"/>
    </row>
    <row r="472505" spans="14:14">
      <c r="N472505" s="10"/>
    </row>
    <row r="472506" spans="14:14">
      <c r="N472506" s="10"/>
    </row>
    <row r="472507" spans="14:14">
      <c r="N472507" s="10"/>
    </row>
    <row r="472508" spans="14:14">
      <c r="N472508" s="10"/>
    </row>
    <row r="472509" spans="14:14">
      <c r="N472509" s="10"/>
    </row>
    <row r="472510" spans="14:14">
      <c r="N472510" s="10"/>
    </row>
    <row r="472511" spans="14:14">
      <c r="N472511" s="10"/>
    </row>
    <row r="472512" spans="14:14">
      <c r="N472512" s="10"/>
    </row>
    <row r="472513" spans="14:14">
      <c r="N472513" s="10"/>
    </row>
    <row r="472514" spans="14:14">
      <c r="N472514" s="10"/>
    </row>
    <row r="472515" spans="14:14">
      <c r="N472515" s="10"/>
    </row>
    <row r="472516" spans="14:14">
      <c r="N472516" s="10"/>
    </row>
    <row r="472517" spans="14:14">
      <c r="N472517" s="10"/>
    </row>
    <row r="472518" spans="14:14">
      <c r="N472518" s="10"/>
    </row>
    <row r="472519" spans="14:14">
      <c r="N472519" s="10"/>
    </row>
    <row r="472520" spans="14:14">
      <c r="N472520" s="10"/>
    </row>
    <row r="472521" spans="14:14">
      <c r="N472521" s="10"/>
    </row>
    <row r="472522" spans="14:14">
      <c r="N472522" s="10"/>
    </row>
    <row r="472523" spans="14:14">
      <c r="N472523" s="10"/>
    </row>
    <row r="472524" spans="14:14">
      <c r="N472524" s="10"/>
    </row>
    <row r="472525" spans="14:14">
      <c r="N472525" s="10"/>
    </row>
    <row r="472526" spans="14:14">
      <c r="N472526" s="10"/>
    </row>
    <row r="472527" spans="14:14">
      <c r="N472527" s="10"/>
    </row>
    <row r="472528" spans="14:14">
      <c r="N472528" s="10"/>
    </row>
    <row r="472529" spans="14:14">
      <c r="N472529" s="10"/>
    </row>
    <row r="472530" spans="14:14">
      <c r="N472530" s="10"/>
    </row>
    <row r="472531" spans="14:14">
      <c r="N472531" s="10"/>
    </row>
    <row r="472532" spans="14:14">
      <c r="N472532" s="10"/>
    </row>
    <row r="472533" spans="14:14">
      <c r="N472533" s="10"/>
    </row>
    <row r="472534" spans="14:14">
      <c r="N472534" s="10"/>
    </row>
    <row r="472535" spans="14:14">
      <c r="N472535" s="10"/>
    </row>
    <row r="472536" spans="14:14">
      <c r="N472536" s="10"/>
    </row>
    <row r="472537" spans="14:14">
      <c r="N472537" s="10"/>
    </row>
    <row r="472538" spans="14:14">
      <c r="N472538" s="10"/>
    </row>
    <row r="472539" spans="14:14">
      <c r="N472539" s="10"/>
    </row>
    <row r="472540" spans="14:14">
      <c r="N472540" s="10"/>
    </row>
    <row r="472541" spans="14:14">
      <c r="N472541" s="10"/>
    </row>
    <row r="472542" spans="14:14">
      <c r="N472542" s="10"/>
    </row>
    <row r="472543" spans="14:14">
      <c r="N472543" s="10"/>
    </row>
    <row r="472544" spans="14:14">
      <c r="N472544" s="10"/>
    </row>
    <row r="472545" spans="14:14">
      <c r="N472545" s="10"/>
    </row>
    <row r="472546" spans="14:14">
      <c r="N472546" s="10"/>
    </row>
    <row r="472547" spans="14:14">
      <c r="N472547" s="10"/>
    </row>
    <row r="472548" spans="14:14">
      <c r="N472548" s="10"/>
    </row>
    <row r="472549" spans="14:14">
      <c r="N472549" s="10"/>
    </row>
    <row r="472550" spans="14:14">
      <c r="N472550" s="10"/>
    </row>
    <row r="472551" spans="14:14">
      <c r="N472551" s="10"/>
    </row>
    <row r="472552" spans="14:14">
      <c r="N472552" s="10"/>
    </row>
    <row r="472553" spans="14:14">
      <c r="N472553" s="10"/>
    </row>
    <row r="472554" spans="14:14">
      <c r="N472554" s="10"/>
    </row>
    <row r="472555" spans="14:14">
      <c r="N472555" s="10"/>
    </row>
    <row r="472556" spans="14:14">
      <c r="N472556" s="10"/>
    </row>
    <row r="472557" spans="14:14">
      <c r="N472557" s="10"/>
    </row>
    <row r="472558" spans="14:14">
      <c r="N472558" s="10"/>
    </row>
    <row r="472559" spans="14:14">
      <c r="N472559" s="10"/>
    </row>
    <row r="472560" spans="14:14">
      <c r="N472560" s="10"/>
    </row>
    <row r="472561" spans="14:14">
      <c r="N472561" s="10"/>
    </row>
    <row r="472562" spans="14:14">
      <c r="N472562" s="10"/>
    </row>
    <row r="472563" spans="14:14">
      <c r="N472563" s="10"/>
    </row>
    <row r="472564" spans="14:14">
      <c r="N472564" s="10"/>
    </row>
    <row r="472565" spans="14:14">
      <c r="N472565" s="10"/>
    </row>
    <row r="472566" spans="14:14">
      <c r="N472566" s="10"/>
    </row>
    <row r="472567" spans="14:14">
      <c r="N472567" s="10"/>
    </row>
    <row r="472568" spans="14:14">
      <c r="N472568" s="10"/>
    </row>
    <row r="472569" spans="14:14">
      <c r="N472569" s="10"/>
    </row>
    <row r="472570" spans="14:14">
      <c r="N472570" s="10"/>
    </row>
    <row r="472571" spans="14:14">
      <c r="N472571" s="10"/>
    </row>
    <row r="472572" spans="14:14">
      <c r="N472572" s="10"/>
    </row>
    <row r="472573" spans="14:14">
      <c r="N472573" s="10"/>
    </row>
    <row r="472574" spans="14:14">
      <c r="N472574" s="10"/>
    </row>
    <row r="472575" spans="14:14">
      <c r="N472575" s="10"/>
    </row>
    <row r="472576" spans="14:14">
      <c r="N472576" s="10"/>
    </row>
    <row r="472577" spans="14:14">
      <c r="N472577" s="10"/>
    </row>
    <row r="472578" spans="14:14">
      <c r="N472578" s="10"/>
    </row>
    <row r="472579" spans="14:14">
      <c r="N472579" s="10"/>
    </row>
    <row r="472580" spans="14:14">
      <c r="N472580" s="10"/>
    </row>
    <row r="472581" spans="14:14">
      <c r="N472581" s="10"/>
    </row>
    <row r="472582" spans="14:14">
      <c r="N472582" s="10"/>
    </row>
    <row r="472583" spans="14:14">
      <c r="N472583" s="10"/>
    </row>
    <row r="472584" spans="14:14">
      <c r="N472584" s="10"/>
    </row>
    <row r="472585" spans="14:14">
      <c r="N472585" s="10"/>
    </row>
    <row r="472586" spans="14:14">
      <c r="N472586" s="10"/>
    </row>
    <row r="472587" spans="14:14">
      <c r="N472587" s="10"/>
    </row>
    <row r="472588" spans="14:14">
      <c r="N472588" s="10"/>
    </row>
    <row r="472589" spans="14:14">
      <c r="N472589" s="10"/>
    </row>
    <row r="472590" spans="14:14">
      <c r="N472590" s="10"/>
    </row>
    <row r="472591" spans="14:14">
      <c r="N472591" s="10"/>
    </row>
    <row r="472592" spans="14:14">
      <c r="N472592" s="10"/>
    </row>
    <row r="472593" spans="14:14">
      <c r="N472593" s="10"/>
    </row>
    <row r="472594" spans="14:14">
      <c r="N472594" s="10"/>
    </row>
    <row r="472595" spans="14:14">
      <c r="N472595" s="10"/>
    </row>
    <row r="472596" spans="14:14">
      <c r="N472596" s="10"/>
    </row>
    <row r="472597" spans="14:14">
      <c r="N472597" s="10"/>
    </row>
    <row r="472598" spans="14:14">
      <c r="N472598" s="10"/>
    </row>
    <row r="472599" spans="14:14">
      <c r="N472599" s="10"/>
    </row>
    <row r="472600" spans="14:14">
      <c r="N472600" s="10"/>
    </row>
    <row r="472601" spans="14:14">
      <c r="N472601" s="10"/>
    </row>
    <row r="472602" spans="14:14">
      <c r="N472602" s="10"/>
    </row>
    <row r="472603" spans="14:14">
      <c r="N472603" s="10"/>
    </row>
    <row r="472604" spans="14:14">
      <c r="N472604" s="10"/>
    </row>
    <row r="472605" spans="14:14">
      <c r="N472605" s="10"/>
    </row>
    <row r="472606" spans="14:14">
      <c r="N472606" s="10"/>
    </row>
    <row r="472607" spans="14:14">
      <c r="N472607" s="10"/>
    </row>
    <row r="472608" spans="14:14">
      <c r="N472608" s="10"/>
    </row>
    <row r="472609" spans="14:14">
      <c r="N472609" s="10"/>
    </row>
    <row r="472610" spans="14:14">
      <c r="N472610" s="10"/>
    </row>
    <row r="472611" spans="14:14">
      <c r="N472611" s="10"/>
    </row>
    <row r="472612" spans="14:14">
      <c r="N472612" s="10"/>
    </row>
    <row r="472613" spans="14:14">
      <c r="N472613" s="10"/>
    </row>
    <row r="472614" spans="14:14">
      <c r="N472614" s="10"/>
    </row>
    <row r="472615" spans="14:14">
      <c r="N472615" s="10"/>
    </row>
    <row r="472616" spans="14:14">
      <c r="N472616" s="10"/>
    </row>
    <row r="472617" spans="14:14">
      <c r="N472617" s="10"/>
    </row>
    <row r="472618" spans="14:14">
      <c r="N472618" s="10"/>
    </row>
    <row r="472619" spans="14:14">
      <c r="N472619" s="10"/>
    </row>
    <row r="472620" spans="14:14">
      <c r="N472620" s="10"/>
    </row>
    <row r="472621" spans="14:14">
      <c r="N472621" s="10"/>
    </row>
    <row r="472622" spans="14:14">
      <c r="N472622" s="10"/>
    </row>
    <row r="472623" spans="14:14">
      <c r="N472623" s="10"/>
    </row>
    <row r="472624" spans="14:14">
      <c r="N472624" s="10"/>
    </row>
    <row r="472625" spans="14:14">
      <c r="N472625" s="10"/>
    </row>
    <row r="472626" spans="14:14">
      <c r="N472626" s="10"/>
    </row>
    <row r="472627" spans="14:14">
      <c r="N472627" s="10"/>
    </row>
    <row r="472628" spans="14:14">
      <c r="N472628" s="10"/>
    </row>
    <row r="472629" spans="14:14">
      <c r="N472629" s="10"/>
    </row>
    <row r="472630" spans="14:14">
      <c r="N472630" s="10"/>
    </row>
    <row r="472631" spans="14:14">
      <c r="N472631" s="10"/>
    </row>
    <row r="472632" spans="14:14">
      <c r="N472632" s="10"/>
    </row>
    <row r="472633" spans="14:14">
      <c r="N472633" s="10"/>
    </row>
    <row r="472634" spans="14:14">
      <c r="N472634" s="10"/>
    </row>
    <row r="472635" spans="14:14">
      <c r="N472635" s="10"/>
    </row>
    <row r="472636" spans="14:14">
      <c r="N472636" s="10"/>
    </row>
    <row r="472637" spans="14:14">
      <c r="N472637" s="10"/>
    </row>
    <row r="472638" spans="14:14">
      <c r="N472638" s="10"/>
    </row>
    <row r="472639" spans="14:14">
      <c r="N472639" s="10"/>
    </row>
    <row r="472640" spans="14:14">
      <c r="N472640" s="10"/>
    </row>
    <row r="472641" spans="14:14">
      <c r="N472641" s="10"/>
    </row>
    <row r="472642" spans="14:14">
      <c r="N472642" s="10"/>
    </row>
    <row r="472643" spans="14:14">
      <c r="N472643" s="10"/>
    </row>
    <row r="472644" spans="14:14">
      <c r="N472644" s="10"/>
    </row>
    <row r="472645" spans="14:14">
      <c r="N472645" s="10"/>
    </row>
    <row r="472646" spans="14:14">
      <c r="N472646" s="10"/>
    </row>
    <row r="472647" spans="14:14">
      <c r="N472647" s="10"/>
    </row>
    <row r="472648" spans="14:14">
      <c r="N472648" s="10"/>
    </row>
    <row r="472649" spans="14:14">
      <c r="N472649" s="10"/>
    </row>
    <row r="472650" spans="14:14">
      <c r="N472650" s="10"/>
    </row>
    <row r="472651" spans="14:14">
      <c r="N472651" s="10"/>
    </row>
    <row r="472652" spans="14:14">
      <c r="N472652" s="10"/>
    </row>
    <row r="472653" spans="14:14">
      <c r="N472653" s="10"/>
    </row>
    <row r="472654" spans="14:14">
      <c r="N472654" s="10"/>
    </row>
    <row r="472655" spans="14:14">
      <c r="N472655" s="10"/>
    </row>
    <row r="472656" spans="14:14">
      <c r="N472656" s="10"/>
    </row>
    <row r="472657" spans="14:14">
      <c r="N472657" s="10"/>
    </row>
    <row r="472658" spans="14:14">
      <c r="N472658" s="10"/>
    </row>
    <row r="472659" spans="14:14">
      <c r="N472659" s="10"/>
    </row>
    <row r="472660" spans="14:14">
      <c r="N472660" s="10"/>
    </row>
    <row r="472661" spans="14:14">
      <c r="N472661" s="10"/>
    </row>
    <row r="472662" spans="14:14">
      <c r="N472662" s="10"/>
    </row>
    <row r="472663" spans="14:14">
      <c r="N472663" s="10"/>
    </row>
    <row r="472664" spans="14:14">
      <c r="N472664" s="10"/>
    </row>
    <row r="472665" spans="14:14">
      <c r="N472665" s="10"/>
    </row>
    <row r="472666" spans="14:14">
      <c r="N472666" s="10"/>
    </row>
    <row r="472667" spans="14:14">
      <c r="N472667" s="10"/>
    </row>
    <row r="472668" spans="14:14">
      <c r="N472668" s="10"/>
    </row>
    <row r="472669" spans="14:14">
      <c r="N472669" s="10"/>
    </row>
    <row r="472670" spans="14:14">
      <c r="N472670" s="10"/>
    </row>
    <row r="472671" spans="14:14">
      <c r="N472671" s="10"/>
    </row>
    <row r="472672" spans="14:14">
      <c r="N472672" s="10"/>
    </row>
    <row r="472673" spans="14:14">
      <c r="N472673" s="10"/>
    </row>
    <row r="472674" spans="14:14">
      <c r="N472674" s="10"/>
    </row>
    <row r="472675" spans="14:14">
      <c r="N472675" s="10"/>
    </row>
    <row r="472676" spans="14:14">
      <c r="N472676" s="10"/>
    </row>
    <row r="472677" spans="14:14">
      <c r="N472677" s="10"/>
    </row>
    <row r="472678" spans="14:14">
      <c r="N472678" s="10"/>
    </row>
    <row r="472679" spans="14:14">
      <c r="N472679" s="10"/>
    </row>
    <row r="472680" spans="14:14">
      <c r="N472680" s="10"/>
    </row>
    <row r="472681" spans="14:14">
      <c r="N472681" s="10"/>
    </row>
    <row r="472682" spans="14:14">
      <c r="N472682" s="10"/>
    </row>
    <row r="472683" spans="14:14">
      <c r="N472683" s="10"/>
    </row>
    <row r="472684" spans="14:14">
      <c r="N472684" s="10"/>
    </row>
    <row r="472685" spans="14:14">
      <c r="N472685" s="10"/>
    </row>
    <row r="472686" spans="14:14">
      <c r="N472686" s="10"/>
    </row>
    <row r="472687" spans="14:14">
      <c r="N472687" s="10"/>
    </row>
    <row r="472688" spans="14:14">
      <c r="N472688" s="10"/>
    </row>
    <row r="472689" spans="14:14">
      <c r="N472689" s="10"/>
    </row>
    <row r="472690" spans="14:14">
      <c r="N472690" s="10"/>
    </row>
    <row r="472691" spans="14:14">
      <c r="N472691" s="10"/>
    </row>
    <row r="472692" spans="14:14">
      <c r="N472692" s="10"/>
    </row>
    <row r="472693" spans="14:14">
      <c r="N472693" s="10"/>
    </row>
    <row r="472694" spans="14:14">
      <c r="N472694" s="10"/>
    </row>
    <row r="472695" spans="14:14">
      <c r="N472695" s="10"/>
    </row>
    <row r="472696" spans="14:14">
      <c r="N472696" s="10"/>
    </row>
    <row r="472697" spans="14:14">
      <c r="N472697" s="10"/>
    </row>
    <row r="472698" spans="14:14">
      <c r="N472698" s="10"/>
    </row>
    <row r="472699" spans="14:14">
      <c r="N472699" s="10"/>
    </row>
    <row r="472700" spans="14:14">
      <c r="N472700" s="10"/>
    </row>
    <row r="472701" spans="14:14">
      <c r="N472701" s="10"/>
    </row>
    <row r="472702" spans="14:14">
      <c r="N472702" s="10"/>
    </row>
    <row r="472703" spans="14:14">
      <c r="N472703" s="10"/>
    </row>
    <row r="472704" spans="14:14">
      <c r="N472704" s="10"/>
    </row>
    <row r="472705" spans="14:14">
      <c r="N472705" s="10"/>
    </row>
    <row r="472706" spans="14:14">
      <c r="N472706" s="10"/>
    </row>
    <row r="472707" spans="14:14">
      <c r="N472707" s="10"/>
    </row>
    <row r="472708" spans="14:14">
      <c r="N472708" s="10"/>
    </row>
    <row r="472709" spans="14:14">
      <c r="N472709" s="10"/>
    </row>
    <row r="472710" spans="14:14">
      <c r="N472710" s="10"/>
    </row>
    <row r="472711" spans="14:14">
      <c r="N472711" s="10"/>
    </row>
    <row r="472712" spans="14:14">
      <c r="N472712" s="10"/>
    </row>
    <row r="472713" spans="14:14">
      <c r="N472713" s="10"/>
    </row>
    <row r="472714" spans="14:14">
      <c r="N472714" s="10"/>
    </row>
    <row r="472715" spans="14:14">
      <c r="N472715" s="10"/>
    </row>
    <row r="472716" spans="14:14">
      <c r="N472716" s="10"/>
    </row>
    <row r="472717" spans="14:14">
      <c r="N472717" s="10"/>
    </row>
    <row r="472718" spans="14:14">
      <c r="N472718" s="10"/>
    </row>
    <row r="472719" spans="14:14">
      <c r="N472719" s="10"/>
    </row>
    <row r="472720" spans="14:14">
      <c r="N472720" s="10"/>
    </row>
    <row r="472721" spans="14:14">
      <c r="N472721" s="10"/>
    </row>
    <row r="472722" spans="14:14">
      <c r="N472722" s="10"/>
    </row>
    <row r="472723" spans="14:14">
      <c r="N472723" s="10"/>
    </row>
    <row r="472724" spans="14:14">
      <c r="N472724" s="10"/>
    </row>
    <row r="472725" spans="14:14">
      <c r="N472725" s="10"/>
    </row>
    <row r="472726" spans="14:14">
      <c r="N472726" s="10"/>
    </row>
    <row r="472727" spans="14:14">
      <c r="N472727" s="10"/>
    </row>
    <row r="472728" spans="14:14">
      <c r="N472728" s="10"/>
    </row>
    <row r="472729" spans="14:14">
      <c r="N472729" s="10"/>
    </row>
    <row r="472730" spans="14:14">
      <c r="N472730" s="10"/>
    </row>
    <row r="472731" spans="14:14">
      <c r="N472731" s="10"/>
    </row>
    <row r="472732" spans="14:14">
      <c r="N472732" s="10"/>
    </row>
    <row r="472733" spans="14:14">
      <c r="N472733" s="10"/>
    </row>
    <row r="472734" spans="14:14">
      <c r="N472734" s="10"/>
    </row>
    <row r="472735" spans="14:14">
      <c r="N472735" s="10"/>
    </row>
    <row r="472736" spans="14:14">
      <c r="N472736" s="10"/>
    </row>
    <row r="472737" spans="14:14">
      <c r="N472737" s="10"/>
    </row>
    <row r="472738" spans="14:14">
      <c r="N472738" s="10"/>
    </row>
    <row r="472739" spans="14:14">
      <c r="N472739" s="10"/>
    </row>
    <row r="472740" spans="14:14">
      <c r="N472740" s="10"/>
    </row>
    <row r="472741" spans="14:14">
      <c r="N472741" s="10"/>
    </row>
    <row r="472742" spans="14:14">
      <c r="N472742" s="10"/>
    </row>
    <row r="472743" spans="14:14">
      <c r="N472743" s="10"/>
    </row>
    <row r="472744" spans="14:14">
      <c r="N472744" s="10"/>
    </row>
    <row r="472745" spans="14:14">
      <c r="N472745" s="10"/>
    </row>
    <row r="472746" spans="14:14">
      <c r="N472746" s="10"/>
    </row>
    <row r="472747" spans="14:14">
      <c r="N472747" s="10"/>
    </row>
    <row r="472748" spans="14:14">
      <c r="N472748" s="10"/>
    </row>
    <row r="472749" spans="14:14">
      <c r="N472749" s="10"/>
    </row>
    <row r="472750" spans="14:14">
      <c r="N472750" s="10"/>
    </row>
    <row r="472751" spans="14:14">
      <c r="N472751" s="10"/>
    </row>
    <row r="472752" spans="14:14">
      <c r="N472752" s="10"/>
    </row>
    <row r="472753" spans="14:14">
      <c r="N472753" s="10"/>
    </row>
    <row r="472754" spans="14:14">
      <c r="N472754" s="10"/>
    </row>
    <row r="472755" spans="14:14">
      <c r="N472755" s="10"/>
    </row>
    <row r="472756" spans="14:14">
      <c r="N472756" s="10"/>
    </row>
    <row r="472757" spans="14:14">
      <c r="N472757" s="10"/>
    </row>
    <row r="472758" spans="14:14">
      <c r="N472758" s="10"/>
    </row>
    <row r="472759" spans="14:14">
      <c r="N472759" s="10"/>
    </row>
    <row r="472760" spans="14:14">
      <c r="N472760" s="10"/>
    </row>
    <row r="472761" spans="14:14">
      <c r="N472761" s="10"/>
    </row>
    <row r="472762" spans="14:14">
      <c r="N472762" s="10"/>
    </row>
    <row r="472763" spans="14:14">
      <c r="N472763" s="10"/>
    </row>
    <row r="472764" spans="14:14">
      <c r="N472764" s="10"/>
    </row>
    <row r="472765" spans="14:14">
      <c r="N472765" s="10"/>
    </row>
    <row r="472766" spans="14:14">
      <c r="N472766" s="10"/>
    </row>
    <row r="472767" spans="14:14">
      <c r="N472767" s="10"/>
    </row>
    <row r="472768" spans="14:14">
      <c r="N472768" s="10"/>
    </row>
    <row r="472769" spans="14:14">
      <c r="N472769" s="10"/>
    </row>
    <row r="472770" spans="14:14">
      <c r="N472770" s="10"/>
    </row>
    <row r="472771" spans="14:14">
      <c r="N472771" s="10"/>
    </row>
    <row r="472772" spans="14:14">
      <c r="N472772" s="10"/>
    </row>
    <row r="472773" spans="14:14">
      <c r="N472773" s="10"/>
    </row>
    <row r="472774" spans="14:14">
      <c r="N472774" s="10"/>
    </row>
    <row r="472775" spans="14:14">
      <c r="N472775" s="10"/>
    </row>
    <row r="472776" spans="14:14">
      <c r="N472776" s="10"/>
    </row>
    <row r="472777" spans="14:14">
      <c r="N472777" s="10"/>
    </row>
    <row r="472778" spans="14:14">
      <c r="N472778" s="10"/>
    </row>
    <row r="472779" spans="14:14">
      <c r="N472779" s="10"/>
    </row>
    <row r="472780" spans="14:14">
      <c r="N472780" s="10"/>
    </row>
    <row r="472781" spans="14:14">
      <c r="N472781" s="10"/>
    </row>
    <row r="472782" spans="14:14">
      <c r="N472782" s="10"/>
    </row>
    <row r="472783" spans="14:14">
      <c r="N472783" s="10"/>
    </row>
    <row r="472784" spans="14:14">
      <c r="N472784" s="10"/>
    </row>
    <row r="472785" spans="14:14">
      <c r="N472785" s="10"/>
    </row>
    <row r="472786" spans="14:14">
      <c r="N472786" s="10"/>
    </row>
    <row r="472787" spans="14:14">
      <c r="N472787" s="10"/>
    </row>
    <row r="472788" spans="14:14">
      <c r="N472788" s="10"/>
    </row>
    <row r="472789" spans="14:14">
      <c r="N472789" s="10"/>
    </row>
    <row r="472790" spans="14:14">
      <c r="N472790" s="10"/>
    </row>
    <row r="472791" spans="14:14">
      <c r="N472791" s="10"/>
    </row>
    <row r="472792" spans="14:14">
      <c r="N472792" s="10"/>
    </row>
    <row r="472793" spans="14:14">
      <c r="N472793" s="10"/>
    </row>
    <row r="472794" spans="14:14">
      <c r="N472794" s="10"/>
    </row>
    <row r="472795" spans="14:14">
      <c r="N472795" s="10"/>
    </row>
    <row r="472796" spans="14:14">
      <c r="N472796" s="10"/>
    </row>
    <row r="472797" spans="14:14">
      <c r="N472797" s="10"/>
    </row>
    <row r="472798" spans="14:14">
      <c r="N472798" s="10"/>
    </row>
    <row r="472799" spans="14:14">
      <c r="N472799" s="10"/>
    </row>
    <row r="472800" spans="14:14">
      <c r="N472800" s="10"/>
    </row>
    <row r="472801" spans="14:14">
      <c r="N472801" s="10"/>
    </row>
    <row r="472802" spans="14:14">
      <c r="N472802" s="10"/>
    </row>
    <row r="472803" spans="14:14">
      <c r="N472803" s="10"/>
    </row>
    <row r="472804" spans="14:14">
      <c r="N472804" s="10"/>
    </row>
    <row r="472805" spans="14:14">
      <c r="N472805" s="10"/>
    </row>
    <row r="472806" spans="14:14">
      <c r="N472806" s="10"/>
    </row>
    <row r="472807" spans="14:14">
      <c r="N472807" s="10"/>
    </row>
    <row r="472808" spans="14:14">
      <c r="N472808" s="10"/>
    </row>
    <row r="472809" spans="14:14">
      <c r="N472809" s="10"/>
    </row>
    <row r="472810" spans="14:14">
      <c r="N472810" s="10"/>
    </row>
    <row r="472811" spans="14:14">
      <c r="N472811" s="10"/>
    </row>
    <row r="472812" spans="14:14">
      <c r="N472812" s="10"/>
    </row>
    <row r="472813" spans="14:14">
      <c r="N472813" s="10"/>
    </row>
    <row r="472814" spans="14:14">
      <c r="N472814" s="10"/>
    </row>
    <row r="472815" spans="14:14">
      <c r="N472815" s="10"/>
    </row>
    <row r="472816" spans="14:14">
      <c r="N472816" s="10"/>
    </row>
    <row r="472817" spans="14:14">
      <c r="N472817" s="10"/>
    </row>
    <row r="472818" spans="14:14">
      <c r="N472818" s="10"/>
    </row>
    <row r="472819" spans="14:14">
      <c r="N472819" s="10"/>
    </row>
    <row r="472820" spans="14:14">
      <c r="N472820" s="10"/>
    </row>
    <row r="472821" spans="14:14">
      <c r="N472821" s="10"/>
    </row>
    <row r="472822" spans="14:14">
      <c r="N472822" s="10"/>
    </row>
    <row r="472823" spans="14:14">
      <c r="N472823" s="10"/>
    </row>
    <row r="472824" spans="14:14">
      <c r="N472824" s="10"/>
    </row>
    <row r="472825" spans="14:14">
      <c r="N472825" s="10"/>
    </row>
    <row r="472826" spans="14:14">
      <c r="N472826" s="10"/>
    </row>
    <row r="472827" spans="14:14">
      <c r="N472827" s="10"/>
    </row>
    <row r="472828" spans="14:14">
      <c r="N472828" s="10"/>
    </row>
    <row r="472829" spans="14:14">
      <c r="N472829" s="10"/>
    </row>
    <row r="472830" spans="14:14">
      <c r="N472830" s="10"/>
    </row>
    <row r="472831" spans="14:14">
      <c r="N472831" s="10"/>
    </row>
    <row r="472832" spans="14:14">
      <c r="N472832" s="10"/>
    </row>
    <row r="472833" spans="14:14">
      <c r="N472833" s="10"/>
    </row>
    <row r="472834" spans="14:14">
      <c r="N472834" s="10"/>
    </row>
    <row r="472835" spans="14:14">
      <c r="N472835" s="10"/>
    </row>
    <row r="472836" spans="14:14">
      <c r="N472836" s="10"/>
    </row>
    <row r="472837" spans="14:14">
      <c r="N472837" s="10"/>
    </row>
    <row r="472838" spans="14:14">
      <c r="N472838" s="10"/>
    </row>
    <row r="472839" spans="14:14">
      <c r="N472839" s="10"/>
    </row>
    <row r="472840" spans="14:14">
      <c r="N472840" s="10"/>
    </row>
    <row r="472841" spans="14:14">
      <c r="N472841" s="10"/>
    </row>
    <row r="472842" spans="14:14">
      <c r="N472842" s="10"/>
    </row>
    <row r="472843" spans="14:14">
      <c r="N472843" s="10"/>
    </row>
    <row r="472844" spans="14:14">
      <c r="N472844" s="10"/>
    </row>
    <row r="472845" spans="14:14">
      <c r="N472845" s="10"/>
    </row>
    <row r="472846" spans="14:14">
      <c r="N472846" s="10"/>
    </row>
    <row r="472847" spans="14:14">
      <c r="N472847" s="10"/>
    </row>
    <row r="472848" spans="14:14">
      <c r="N472848" s="10"/>
    </row>
    <row r="472849" spans="14:14">
      <c r="N472849" s="10"/>
    </row>
    <row r="472850" spans="14:14">
      <c r="N472850" s="10"/>
    </row>
    <row r="472851" spans="14:14">
      <c r="N472851" s="10"/>
    </row>
    <row r="472852" spans="14:14">
      <c r="N472852" s="10"/>
    </row>
    <row r="472853" spans="14:14">
      <c r="N472853" s="10"/>
    </row>
    <row r="472854" spans="14:14">
      <c r="N472854" s="10"/>
    </row>
    <row r="472855" spans="14:14">
      <c r="N472855" s="10"/>
    </row>
    <row r="472856" spans="14:14">
      <c r="N472856" s="10"/>
    </row>
    <row r="472857" spans="14:14">
      <c r="N472857" s="10"/>
    </row>
    <row r="472858" spans="14:14">
      <c r="N472858" s="10"/>
    </row>
    <row r="472859" spans="14:14">
      <c r="N472859" s="10"/>
    </row>
    <row r="472860" spans="14:14">
      <c r="N472860" s="10"/>
    </row>
    <row r="472861" spans="14:14">
      <c r="N472861" s="10"/>
    </row>
    <row r="472862" spans="14:14">
      <c r="N472862" s="10"/>
    </row>
    <row r="472863" spans="14:14">
      <c r="N472863" s="10"/>
    </row>
    <row r="472864" spans="14:14">
      <c r="N472864" s="10"/>
    </row>
    <row r="472865" spans="14:14">
      <c r="N472865" s="10"/>
    </row>
    <row r="472866" spans="14:14">
      <c r="N472866" s="10"/>
    </row>
    <row r="472867" spans="14:14">
      <c r="N472867" s="10"/>
    </row>
    <row r="472868" spans="14:14">
      <c r="N472868" s="10"/>
    </row>
    <row r="472869" spans="14:14">
      <c r="N472869" s="10"/>
    </row>
    <row r="472870" spans="14:14">
      <c r="N472870" s="10"/>
    </row>
    <row r="472871" spans="14:14">
      <c r="N472871" s="10"/>
    </row>
    <row r="472872" spans="14:14">
      <c r="N472872" s="10"/>
    </row>
    <row r="472873" spans="14:14">
      <c r="N472873" s="10"/>
    </row>
    <row r="472874" spans="14:14">
      <c r="N472874" s="10"/>
    </row>
    <row r="472875" spans="14:14">
      <c r="N472875" s="10"/>
    </row>
    <row r="472876" spans="14:14">
      <c r="N472876" s="10"/>
    </row>
    <row r="472877" spans="14:14">
      <c r="N472877" s="10"/>
    </row>
    <row r="472878" spans="14:14">
      <c r="N472878" s="10"/>
    </row>
    <row r="472879" spans="14:14">
      <c r="N472879" s="10"/>
    </row>
    <row r="472880" spans="14:14">
      <c r="N472880" s="10"/>
    </row>
    <row r="472881" spans="14:14">
      <c r="N472881" s="10"/>
    </row>
    <row r="472882" spans="14:14">
      <c r="N472882" s="10"/>
    </row>
    <row r="472883" spans="14:14">
      <c r="N472883" s="10"/>
    </row>
    <row r="472884" spans="14:14">
      <c r="N472884" s="10"/>
    </row>
    <row r="472885" spans="14:14">
      <c r="N472885" s="10"/>
    </row>
    <row r="472886" spans="14:14">
      <c r="N472886" s="10"/>
    </row>
    <row r="472887" spans="14:14">
      <c r="N472887" s="10"/>
    </row>
    <row r="472888" spans="14:14">
      <c r="N472888" s="10"/>
    </row>
    <row r="472889" spans="14:14">
      <c r="N472889" s="10"/>
    </row>
    <row r="472890" spans="14:14">
      <c r="N472890" s="10"/>
    </row>
    <row r="472891" spans="14:14">
      <c r="N472891" s="10"/>
    </row>
    <row r="472892" spans="14:14">
      <c r="N472892" s="10"/>
    </row>
    <row r="472893" spans="14:14">
      <c r="N472893" s="10"/>
    </row>
    <row r="472894" spans="14:14">
      <c r="N472894" s="10"/>
    </row>
    <row r="472895" spans="14:14">
      <c r="N472895" s="10"/>
    </row>
    <row r="472896" spans="14:14">
      <c r="N472896" s="10"/>
    </row>
    <row r="472897" spans="14:14">
      <c r="N472897" s="10"/>
    </row>
    <row r="472898" spans="14:14">
      <c r="N472898" s="10"/>
    </row>
    <row r="472899" spans="14:14">
      <c r="N472899" s="10"/>
    </row>
    <row r="472900" spans="14:14">
      <c r="N472900" s="10"/>
    </row>
    <row r="472901" spans="14:14">
      <c r="N472901" s="10"/>
    </row>
    <row r="472902" spans="14:14">
      <c r="N472902" s="10"/>
    </row>
    <row r="472903" spans="14:14">
      <c r="N472903" s="10"/>
    </row>
    <row r="472904" spans="14:14">
      <c r="N472904" s="10"/>
    </row>
    <row r="472905" spans="14:14">
      <c r="N472905" s="10"/>
    </row>
    <row r="472906" spans="14:14">
      <c r="N472906" s="10"/>
    </row>
    <row r="472907" spans="14:14">
      <c r="N472907" s="10"/>
    </row>
    <row r="472908" spans="14:14">
      <c r="N472908" s="10"/>
    </row>
    <row r="472909" spans="14:14">
      <c r="N472909" s="10"/>
    </row>
    <row r="472910" spans="14:14">
      <c r="N472910" s="10"/>
    </row>
    <row r="472911" spans="14:14">
      <c r="N472911" s="10"/>
    </row>
    <row r="472912" spans="14:14">
      <c r="N472912" s="10"/>
    </row>
    <row r="472913" spans="14:14">
      <c r="N472913" s="10"/>
    </row>
    <row r="472914" spans="14:14">
      <c r="N472914" s="10"/>
    </row>
    <row r="472915" spans="14:14">
      <c r="N472915" s="10"/>
    </row>
    <row r="472916" spans="14:14">
      <c r="N472916" s="10"/>
    </row>
    <row r="472917" spans="14:14">
      <c r="N472917" s="10"/>
    </row>
    <row r="472918" spans="14:14">
      <c r="N472918" s="10"/>
    </row>
    <row r="472919" spans="14:14">
      <c r="N472919" s="10"/>
    </row>
    <row r="472920" spans="14:14">
      <c r="N472920" s="10"/>
    </row>
    <row r="472921" spans="14:14">
      <c r="N472921" s="10"/>
    </row>
    <row r="472922" spans="14:14">
      <c r="N472922" s="10"/>
    </row>
    <row r="472923" spans="14:14">
      <c r="N472923" s="10"/>
    </row>
    <row r="472924" spans="14:14">
      <c r="N472924" s="10"/>
    </row>
    <row r="472925" spans="14:14">
      <c r="N472925" s="10"/>
    </row>
    <row r="472926" spans="14:14">
      <c r="N472926" s="10"/>
    </row>
    <row r="472927" spans="14:14">
      <c r="N472927" s="10"/>
    </row>
    <row r="472928" spans="14:14">
      <c r="N472928" s="10"/>
    </row>
    <row r="472929" spans="14:14">
      <c r="N472929" s="10"/>
    </row>
    <row r="472930" spans="14:14">
      <c r="N472930" s="10"/>
    </row>
    <row r="472931" spans="14:14">
      <c r="N472931" s="10"/>
    </row>
    <row r="472932" spans="14:14">
      <c r="N472932" s="10"/>
    </row>
    <row r="472933" spans="14:14">
      <c r="N472933" s="10"/>
    </row>
    <row r="472934" spans="14:14">
      <c r="N472934" s="10"/>
    </row>
    <row r="472935" spans="14:14">
      <c r="N472935" s="10"/>
    </row>
    <row r="472936" spans="14:14">
      <c r="N472936" s="10"/>
    </row>
    <row r="472937" spans="14:14">
      <c r="N472937" s="10"/>
    </row>
    <row r="472938" spans="14:14">
      <c r="N472938" s="10"/>
    </row>
    <row r="472939" spans="14:14">
      <c r="N472939" s="10"/>
    </row>
    <row r="472940" spans="14:14">
      <c r="N472940" s="10"/>
    </row>
    <row r="472941" spans="14:14">
      <c r="N472941" s="10"/>
    </row>
    <row r="472942" spans="14:14">
      <c r="N472942" s="10"/>
    </row>
    <row r="472943" spans="14:14">
      <c r="N472943" s="10"/>
    </row>
    <row r="472944" spans="14:14">
      <c r="N472944" s="10"/>
    </row>
    <row r="472945" spans="14:14">
      <c r="N472945" s="10"/>
    </row>
    <row r="472946" spans="14:14">
      <c r="N472946" s="10"/>
    </row>
    <row r="472947" spans="14:14">
      <c r="N472947" s="10"/>
    </row>
    <row r="472948" spans="14:14">
      <c r="N472948" s="10"/>
    </row>
    <row r="472949" spans="14:14">
      <c r="N472949" s="10"/>
    </row>
    <row r="472950" spans="14:14">
      <c r="N472950" s="10"/>
    </row>
    <row r="472951" spans="14:14">
      <c r="N472951" s="10"/>
    </row>
    <row r="472952" spans="14:14">
      <c r="N472952" s="10"/>
    </row>
    <row r="472953" spans="14:14">
      <c r="N472953" s="10"/>
    </row>
    <row r="472954" spans="14:14">
      <c r="N472954" s="10"/>
    </row>
    <row r="472955" spans="14:14">
      <c r="N472955" s="10"/>
    </row>
    <row r="472956" spans="14:14">
      <c r="N472956" s="10"/>
    </row>
    <row r="472957" spans="14:14">
      <c r="N472957" s="10"/>
    </row>
    <row r="472958" spans="14:14">
      <c r="N472958" s="10"/>
    </row>
    <row r="472959" spans="14:14">
      <c r="N472959" s="10"/>
    </row>
    <row r="472960" spans="14:14">
      <c r="N472960" s="10"/>
    </row>
    <row r="472961" spans="14:14">
      <c r="N472961" s="10"/>
    </row>
    <row r="472962" spans="14:14">
      <c r="N472962" s="10"/>
    </row>
    <row r="472963" spans="14:14">
      <c r="N472963" s="10"/>
    </row>
    <row r="472964" spans="14:14">
      <c r="N472964" s="10"/>
    </row>
    <row r="472965" spans="14:14">
      <c r="N472965" s="10"/>
    </row>
    <row r="472966" spans="14:14">
      <c r="N472966" s="10"/>
    </row>
    <row r="472967" spans="14:14">
      <c r="N472967" s="10"/>
    </row>
    <row r="472968" spans="14:14">
      <c r="N472968" s="10"/>
    </row>
    <row r="472969" spans="14:14">
      <c r="N472969" s="10"/>
    </row>
    <row r="472970" spans="14:14">
      <c r="N472970" s="10"/>
    </row>
    <row r="472971" spans="14:14">
      <c r="N472971" s="10"/>
    </row>
    <row r="472972" spans="14:14">
      <c r="N472972" s="10"/>
    </row>
    <row r="472973" spans="14:14">
      <c r="N472973" s="10"/>
    </row>
    <row r="472974" spans="14:14">
      <c r="N472974" s="10"/>
    </row>
    <row r="472975" spans="14:14">
      <c r="N472975" s="10"/>
    </row>
    <row r="472976" spans="14:14">
      <c r="N472976" s="10"/>
    </row>
    <row r="472977" spans="14:14">
      <c r="N472977" s="10"/>
    </row>
    <row r="472978" spans="14:14">
      <c r="N472978" s="10"/>
    </row>
    <row r="472979" spans="14:14">
      <c r="N472979" s="10"/>
    </row>
    <row r="472980" spans="14:14">
      <c r="N472980" s="10"/>
    </row>
    <row r="472981" spans="14:14">
      <c r="N472981" s="10"/>
    </row>
    <row r="472982" spans="14:14">
      <c r="N472982" s="10"/>
    </row>
    <row r="472983" spans="14:14">
      <c r="N472983" s="10"/>
    </row>
    <row r="472984" spans="14:14">
      <c r="N472984" s="10"/>
    </row>
    <row r="472985" spans="14:14">
      <c r="N472985" s="10"/>
    </row>
    <row r="472986" spans="14:14">
      <c r="N472986" s="10"/>
    </row>
    <row r="472987" spans="14:14">
      <c r="N472987" s="10"/>
    </row>
    <row r="472988" spans="14:14">
      <c r="N472988" s="10"/>
    </row>
    <row r="472989" spans="14:14">
      <c r="N472989" s="10"/>
    </row>
    <row r="472990" spans="14:14">
      <c r="N472990" s="10"/>
    </row>
    <row r="472991" spans="14:14">
      <c r="N472991" s="10"/>
    </row>
    <row r="472992" spans="14:14">
      <c r="N472992" s="10"/>
    </row>
    <row r="472993" spans="14:14">
      <c r="N472993" s="10"/>
    </row>
    <row r="472994" spans="14:14">
      <c r="N472994" s="10"/>
    </row>
    <row r="472995" spans="14:14">
      <c r="N472995" s="10"/>
    </row>
    <row r="472996" spans="14:14">
      <c r="N472996" s="10"/>
    </row>
    <row r="472997" spans="14:14">
      <c r="N472997" s="10"/>
    </row>
    <row r="472998" spans="14:14">
      <c r="N472998" s="10"/>
    </row>
    <row r="472999" spans="14:14">
      <c r="N472999" s="10"/>
    </row>
    <row r="473000" spans="14:14">
      <c r="N473000" s="10"/>
    </row>
    <row r="473001" spans="14:14">
      <c r="N473001" s="10"/>
    </row>
    <row r="473002" spans="14:14">
      <c r="N473002" s="10"/>
    </row>
    <row r="473003" spans="14:14">
      <c r="N473003" s="10"/>
    </row>
    <row r="473004" spans="14:14">
      <c r="N473004" s="10"/>
    </row>
    <row r="473005" spans="14:14">
      <c r="N473005" s="10"/>
    </row>
    <row r="473006" spans="14:14">
      <c r="N473006" s="10"/>
    </row>
    <row r="473007" spans="14:14">
      <c r="N473007" s="10"/>
    </row>
    <row r="473008" spans="14:14">
      <c r="N473008" s="10"/>
    </row>
    <row r="473009" spans="14:14">
      <c r="N473009" s="10"/>
    </row>
    <row r="473010" spans="14:14">
      <c r="N473010" s="10"/>
    </row>
    <row r="473011" spans="14:14">
      <c r="N473011" s="10"/>
    </row>
    <row r="473012" spans="14:14">
      <c r="N473012" s="10"/>
    </row>
    <row r="473013" spans="14:14">
      <c r="N473013" s="10"/>
    </row>
    <row r="473014" spans="14:14">
      <c r="N473014" s="10"/>
    </row>
    <row r="473015" spans="14:14">
      <c r="N473015" s="10"/>
    </row>
    <row r="473016" spans="14:14">
      <c r="N473016" s="10"/>
    </row>
    <row r="473017" spans="14:14">
      <c r="N473017" s="10"/>
    </row>
    <row r="473018" spans="14:14">
      <c r="N473018" s="10"/>
    </row>
    <row r="473019" spans="14:14">
      <c r="N473019" s="10"/>
    </row>
    <row r="473020" spans="14:14">
      <c r="N473020" s="10"/>
    </row>
    <row r="473021" spans="14:14">
      <c r="N473021" s="10"/>
    </row>
    <row r="473022" spans="14:14">
      <c r="N473022" s="10"/>
    </row>
    <row r="473023" spans="14:14">
      <c r="N473023" s="10"/>
    </row>
    <row r="473024" spans="14:14">
      <c r="N473024" s="10"/>
    </row>
    <row r="473025" spans="14:14">
      <c r="N473025" s="10"/>
    </row>
    <row r="473026" spans="14:14">
      <c r="N473026" s="10"/>
    </row>
    <row r="473027" spans="14:14">
      <c r="N473027" s="10"/>
    </row>
    <row r="473028" spans="14:14">
      <c r="N473028" s="10"/>
    </row>
    <row r="473029" spans="14:14">
      <c r="N473029" s="10"/>
    </row>
    <row r="473030" spans="14:14">
      <c r="N473030" s="10"/>
    </row>
    <row r="473031" spans="14:14">
      <c r="N473031" s="10"/>
    </row>
    <row r="473032" spans="14:14">
      <c r="N473032" s="10"/>
    </row>
    <row r="473033" spans="14:14">
      <c r="N473033" s="10"/>
    </row>
    <row r="473034" spans="14:14">
      <c r="N473034" s="10"/>
    </row>
    <row r="473035" spans="14:14">
      <c r="N473035" s="10"/>
    </row>
    <row r="473036" spans="14:14">
      <c r="N473036" s="10"/>
    </row>
    <row r="473037" spans="14:14">
      <c r="N473037" s="10"/>
    </row>
    <row r="473038" spans="14:14">
      <c r="N473038" s="10"/>
    </row>
    <row r="473039" spans="14:14">
      <c r="N473039" s="10"/>
    </row>
    <row r="473040" spans="14:14">
      <c r="N473040" s="10"/>
    </row>
    <row r="473041" spans="14:14">
      <c r="N473041" s="10"/>
    </row>
    <row r="473042" spans="14:14">
      <c r="N473042" s="10"/>
    </row>
    <row r="473043" spans="14:14">
      <c r="N473043" s="10"/>
    </row>
    <row r="473044" spans="14:14">
      <c r="N473044" s="10"/>
    </row>
    <row r="473045" spans="14:14">
      <c r="N473045" s="10"/>
    </row>
    <row r="473046" spans="14:14">
      <c r="N473046" s="10"/>
    </row>
    <row r="473047" spans="14:14">
      <c r="N473047" s="10"/>
    </row>
    <row r="473048" spans="14:14">
      <c r="N473048" s="10"/>
    </row>
    <row r="473049" spans="14:14">
      <c r="N473049" s="10"/>
    </row>
    <row r="473050" spans="14:14">
      <c r="N473050" s="10"/>
    </row>
    <row r="473051" spans="14:14">
      <c r="N473051" s="10"/>
    </row>
    <row r="473052" spans="14:14">
      <c r="N473052" s="10"/>
    </row>
    <row r="473053" spans="14:14">
      <c r="N473053" s="10"/>
    </row>
    <row r="473054" spans="14:14">
      <c r="N473054" s="10"/>
    </row>
    <row r="473055" spans="14:14">
      <c r="N473055" s="10"/>
    </row>
    <row r="473056" spans="14:14">
      <c r="N473056" s="10"/>
    </row>
    <row r="473057" spans="14:14">
      <c r="N473057" s="10"/>
    </row>
    <row r="473058" spans="14:14">
      <c r="N473058" s="10"/>
    </row>
    <row r="473059" spans="14:14">
      <c r="N473059" s="10"/>
    </row>
    <row r="473060" spans="14:14">
      <c r="N473060" s="10"/>
    </row>
    <row r="473061" spans="14:14">
      <c r="N473061" s="10"/>
    </row>
    <row r="473062" spans="14:14">
      <c r="N473062" s="10"/>
    </row>
    <row r="473063" spans="14:14">
      <c r="N473063" s="10"/>
    </row>
    <row r="473064" spans="14:14">
      <c r="N473064" s="10"/>
    </row>
    <row r="473065" spans="14:14">
      <c r="N473065" s="10"/>
    </row>
    <row r="473066" spans="14:14">
      <c r="N473066" s="10"/>
    </row>
    <row r="473067" spans="14:14">
      <c r="N473067" s="10"/>
    </row>
    <row r="473068" spans="14:14">
      <c r="N473068" s="10"/>
    </row>
    <row r="473069" spans="14:14">
      <c r="N473069" s="10"/>
    </row>
    <row r="473070" spans="14:14">
      <c r="N473070" s="10"/>
    </row>
    <row r="473071" spans="14:14">
      <c r="N473071" s="10"/>
    </row>
    <row r="473072" spans="14:14">
      <c r="N473072" s="10"/>
    </row>
    <row r="473073" spans="14:14">
      <c r="N473073" s="10"/>
    </row>
    <row r="473074" spans="14:14">
      <c r="N473074" s="10"/>
    </row>
    <row r="473075" spans="14:14">
      <c r="N473075" s="10"/>
    </row>
    <row r="473076" spans="14:14">
      <c r="N473076" s="10"/>
    </row>
    <row r="473077" spans="14:14">
      <c r="N473077" s="10"/>
    </row>
    <row r="473078" spans="14:14">
      <c r="N473078" s="10"/>
    </row>
    <row r="473079" spans="14:14">
      <c r="N473079" s="10"/>
    </row>
    <row r="473080" spans="14:14">
      <c r="N473080" s="10"/>
    </row>
    <row r="473081" spans="14:14">
      <c r="N473081" s="10"/>
    </row>
    <row r="473082" spans="14:14">
      <c r="N473082" s="10"/>
    </row>
    <row r="473083" spans="14:14">
      <c r="N473083" s="10"/>
    </row>
    <row r="473084" spans="14:14">
      <c r="N473084" s="10"/>
    </row>
    <row r="473085" spans="14:14">
      <c r="N473085" s="10"/>
    </row>
    <row r="473086" spans="14:14">
      <c r="N473086" s="10"/>
    </row>
    <row r="473087" spans="14:14">
      <c r="N473087" s="10"/>
    </row>
    <row r="473088" spans="14:14">
      <c r="N473088" s="10"/>
    </row>
    <row r="473089" spans="14:14">
      <c r="N473089" s="10"/>
    </row>
    <row r="473090" spans="14:14">
      <c r="N473090" s="10"/>
    </row>
    <row r="473091" spans="14:14">
      <c r="N473091" s="10"/>
    </row>
    <row r="473092" spans="14:14">
      <c r="N473092" s="10"/>
    </row>
    <row r="473093" spans="14:14">
      <c r="N473093" s="10"/>
    </row>
    <row r="473094" spans="14:14">
      <c r="N473094" s="10"/>
    </row>
    <row r="473095" spans="14:14">
      <c r="N473095" s="10"/>
    </row>
    <row r="473096" spans="14:14">
      <c r="N473096" s="10"/>
    </row>
    <row r="473097" spans="14:14">
      <c r="N473097" s="10"/>
    </row>
    <row r="473098" spans="14:14">
      <c r="N473098" s="10"/>
    </row>
    <row r="473099" spans="14:14">
      <c r="N473099" s="10"/>
    </row>
    <row r="473100" spans="14:14">
      <c r="N473100" s="10"/>
    </row>
    <row r="473101" spans="14:14">
      <c r="N473101" s="10"/>
    </row>
    <row r="473102" spans="14:14">
      <c r="N473102" s="10"/>
    </row>
    <row r="473103" spans="14:14">
      <c r="N473103" s="10"/>
    </row>
    <row r="473104" spans="14:14">
      <c r="N473104" s="10"/>
    </row>
    <row r="473105" spans="14:14">
      <c r="N473105" s="10"/>
    </row>
    <row r="473106" spans="14:14">
      <c r="N473106" s="10"/>
    </row>
    <row r="473107" spans="14:14">
      <c r="N473107" s="10"/>
    </row>
    <row r="473108" spans="14:14">
      <c r="N473108" s="10"/>
    </row>
    <row r="473109" spans="14:14">
      <c r="N473109" s="10"/>
    </row>
    <row r="473110" spans="14:14">
      <c r="N473110" s="10"/>
    </row>
    <row r="473111" spans="14:14">
      <c r="N473111" s="10"/>
    </row>
    <row r="473112" spans="14:14">
      <c r="N473112" s="10"/>
    </row>
    <row r="473113" spans="14:14">
      <c r="N473113" s="10"/>
    </row>
    <row r="473114" spans="14:14">
      <c r="N473114" s="10"/>
    </row>
    <row r="473115" spans="14:14">
      <c r="N473115" s="10"/>
    </row>
    <row r="473116" spans="14:14">
      <c r="N473116" s="10"/>
    </row>
    <row r="473117" spans="14:14">
      <c r="N473117" s="10"/>
    </row>
    <row r="473118" spans="14:14">
      <c r="N473118" s="10"/>
    </row>
    <row r="473119" spans="14:14">
      <c r="N473119" s="10"/>
    </row>
    <row r="473120" spans="14:14">
      <c r="N473120" s="10"/>
    </row>
    <row r="473121" spans="14:14">
      <c r="N473121" s="10"/>
    </row>
    <row r="473122" spans="14:14">
      <c r="N473122" s="10"/>
    </row>
    <row r="473123" spans="14:14">
      <c r="N473123" s="10"/>
    </row>
    <row r="473124" spans="14:14">
      <c r="N473124" s="10"/>
    </row>
    <row r="473125" spans="14:14">
      <c r="N473125" s="10"/>
    </row>
    <row r="473126" spans="14:14">
      <c r="N473126" s="10"/>
    </row>
    <row r="473127" spans="14:14">
      <c r="N473127" s="10"/>
    </row>
    <row r="473128" spans="14:14">
      <c r="N473128" s="10"/>
    </row>
    <row r="473129" spans="14:14">
      <c r="N473129" s="10"/>
    </row>
    <row r="473130" spans="14:14">
      <c r="N473130" s="10"/>
    </row>
    <row r="473131" spans="14:14">
      <c r="N473131" s="10"/>
    </row>
    <row r="473132" spans="14:14">
      <c r="N473132" s="10"/>
    </row>
    <row r="473133" spans="14:14">
      <c r="N473133" s="10"/>
    </row>
    <row r="473134" spans="14:14">
      <c r="N473134" s="10"/>
    </row>
    <row r="473135" spans="14:14">
      <c r="N473135" s="10"/>
    </row>
    <row r="473136" spans="14:14">
      <c r="N473136" s="10"/>
    </row>
    <row r="473137" spans="14:14">
      <c r="N473137" s="10"/>
    </row>
    <row r="473138" spans="14:14">
      <c r="N473138" s="10"/>
    </row>
    <row r="473139" spans="14:14">
      <c r="N473139" s="10"/>
    </row>
    <row r="473140" spans="14:14">
      <c r="N473140" s="10"/>
    </row>
    <row r="473141" spans="14:14">
      <c r="N473141" s="10"/>
    </row>
    <row r="473142" spans="14:14">
      <c r="N473142" s="10"/>
    </row>
    <row r="473143" spans="14:14">
      <c r="N473143" s="10"/>
    </row>
    <row r="473144" spans="14:14">
      <c r="N473144" s="10"/>
    </row>
    <row r="473145" spans="14:14">
      <c r="N473145" s="10"/>
    </row>
    <row r="473146" spans="14:14">
      <c r="N473146" s="10"/>
    </row>
    <row r="473147" spans="14:14">
      <c r="N473147" s="10"/>
    </row>
    <row r="473148" spans="14:14">
      <c r="N473148" s="10"/>
    </row>
    <row r="473149" spans="14:14">
      <c r="N473149" s="10"/>
    </row>
    <row r="473150" spans="14:14">
      <c r="N473150" s="10"/>
    </row>
    <row r="473151" spans="14:14">
      <c r="N473151" s="10"/>
    </row>
    <row r="473152" spans="14:14">
      <c r="N473152" s="10"/>
    </row>
    <row r="473153" spans="14:14">
      <c r="N473153" s="10"/>
    </row>
    <row r="473154" spans="14:14">
      <c r="N473154" s="10"/>
    </row>
    <row r="473155" spans="14:14">
      <c r="N473155" s="10"/>
    </row>
    <row r="473156" spans="14:14">
      <c r="N473156" s="10"/>
    </row>
    <row r="473157" spans="14:14">
      <c r="N473157" s="10"/>
    </row>
    <row r="473158" spans="14:14">
      <c r="N473158" s="10"/>
    </row>
    <row r="473159" spans="14:14">
      <c r="N473159" s="10"/>
    </row>
    <row r="473160" spans="14:14">
      <c r="N473160" s="10"/>
    </row>
    <row r="473161" spans="14:14">
      <c r="N473161" s="10"/>
    </row>
    <row r="473162" spans="14:14">
      <c r="N473162" s="10"/>
    </row>
    <row r="473163" spans="14:14">
      <c r="N473163" s="10"/>
    </row>
    <row r="473164" spans="14:14">
      <c r="N473164" s="10"/>
    </row>
    <row r="473165" spans="14:14">
      <c r="N473165" s="10"/>
    </row>
    <row r="473166" spans="14:14">
      <c r="N473166" s="10"/>
    </row>
    <row r="473167" spans="14:14">
      <c r="N473167" s="10"/>
    </row>
    <row r="473168" spans="14:14">
      <c r="N473168" s="10"/>
    </row>
    <row r="473169" spans="14:14">
      <c r="N473169" s="10"/>
    </row>
    <row r="473170" spans="14:14">
      <c r="N473170" s="10"/>
    </row>
    <row r="473171" spans="14:14">
      <c r="N473171" s="10"/>
    </row>
    <row r="473172" spans="14:14">
      <c r="N473172" s="10"/>
    </row>
    <row r="473173" spans="14:14">
      <c r="N473173" s="10"/>
    </row>
    <row r="473174" spans="14:14">
      <c r="N473174" s="10"/>
    </row>
    <row r="473175" spans="14:14">
      <c r="N473175" s="10"/>
    </row>
    <row r="473176" spans="14:14">
      <c r="N473176" s="10"/>
    </row>
    <row r="473177" spans="14:14">
      <c r="N473177" s="10"/>
    </row>
    <row r="473178" spans="14:14">
      <c r="N473178" s="10"/>
    </row>
    <row r="473179" spans="14:14">
      <c r="N473179" s="10"/>
    </row>
    <row r="473180" spans="14:14">
      <c r="N473180" s="10"/>
    </row>
    <row r="473181" spans="14:14">
      <c r="N473181" s="10"/>
    </row>
    <row r="473182" spans="14:14">
      <c r="N473182" s="10"/>
    </row>
    <row r="473183" spans="14:14">
      <c r="N473183" s="10"/>
    </row>
    <row r="473184" spans="14:14">
      <c r="N473184" s="10"/>
    </row>
    <row r="473185" spans="14:14">
      <c r="N473185" s="10"/>
    </row>
    <row r="473186" spans="14:14">
      <c r="N473186" s="10"/>
    </row>
    <row r="473187" spans="14:14">
      <c r="N473187" s="10"/>
    </row>
    <row r="473188" spans="14:14">
      <c r="N473188" s="10"/>
    </row>
    <row r="473189" spans="14:14">
      <c r="N473189" s="10"/>
    </row>
    <row r="473190" spans="14:14">
      <c r="N473190" s="10"/>
    </row>
    <row r="473191" spans="14:14">
      <c r="N473191" s="10"/>
    </row>
    <row r="473192" spans="14:14">
      <c r="N473192" s="10"/>
    </row>
    <row r="473193" spans="14:14">
      <c r="N473193" s="10"/>
    </row>
    <row r="473194" spans="14:14">
      <c r="N473194" s="10"/>
    </row>
    <row r="473195" spans="14:14">
      <c r="N473195" s="10"/>
    </row>
    <row r="473196" spans="14:14">
      <c r="N473196" s="10"/>
    </row>
    <row r="473197" spans="14:14">
      <c r="N473197" s="10"/>
    </row>
    <row r="473198" spans="14:14">
      <c r="N473198" s="10"/>
    </row>
    <row r="473199" spans="14:14">
      <c r="N473199" s="10"/>
    </row>
    <row r="473200" spans="14:14">
      <c r="N473200" s="10"/>
    </row>
    <row r="473201" spans="14:14">
      <c r="N473201" s="10"/>
    </row>
    <row r="473202" spans="14:14">
      <c r="N473202" s="10"/>
    </row>
    <row r="473203" spans="14:14">
      <c r="N473203" s="10"/>
    </row>
    <row r="473204" spans="14:14">
      <c r="N473204" s="10"/>
    </row>
    <row r="473205" spans="14:14">
      <c r="N473205" s="10"/>
    </row>
    <row r="473206" spans="14:14">
      <c r="N473206" s="10"/>
    </row>
    <row r="473207" spans="14:14">
      <c r="N473207" s="10"/>
    </row>
    <row r="473208" spans="14:14">
      <c r="N473208" s="10"/>
    </row>
    <row r="473209" spans="14:14">
      <c r="N473209" s="10"/>
    </row>
    <row r="473210" spans="14:14">
      <c r="N473210" s="10"/>
    </row>
    <row r="473211" spans="14:14">
      <c r="N473211" s="10"/>
    </row>
    <row r="473212" spans="14:14">
      <c r="N473212" s="10"/>
    </row>
    <row r="473213" spans="14:14">
      <c r="N473213" s="10"/>
    </row>
    <row r="473214" spans="14:14">
      <c r="N473214" s="10"/>
    </row>
    <row r="473215" spans="14:14">
      <c r="N473215" s="10"/>
    </row>
    <row r="473216" spans="14:14">
      <c r="N473216" s="10"/>
    </row>
    <row r="473217" spans="14:14">
      <c r="N473217" s="10"/>
    </row>
    <row r="473218" spans="14:14">
      <c r="N473218" s="10"/>
    </row>
    <row r="473219" spans="14:14">
      <c r="N473219" s="10"/>
    </row>
    <row r="473220" spans="14:14">
      <c r="N473220" s="10"/>
    </row>
    <row r="473221" spans="14:14">
      <c r="N473221" s="10"/>
    </row>
    <row r="473222" spans="14:14">
      <c r="N473222" s="10"/>
    </row>
    <row r="473223" spans="14:14">
      <c r="N473223" s="10"/>
    </row>
    <row r="473224" spans="14:14">
      <c r="N473224" s="10"/>
    </row>
    <row r="473225" spans="14:14">
      <c r="N473225" s="10"/>
    </row>
    <row r="473226" spans="14:14">
      <c r="N473226" s="10"/>
    </row>
    <row r="473227" spans="14:14">
      <c r="N473227" s="10"/>
    </row>
    <row r="473228" spans="14:14">
      <c r="N473228" s="10"/>
    </row>
    <row r="473229" spans="14:14">
      <c r="N473229" s="10"/>
    </row>
    <row r="473230" spans="14:14">
      <c r="N473230" s="10"/>
    </row>
    <row r="473231" spans="14:14">
      <c r="N473231" s="10"/>
    </row>
    <row r="473232" spans="14:14">
      <c r="N473232" s="10"/>
    </row>
    <row r="473233" spans="14:14">
      <c r="N473233" s="10"/>
    </row>
    <row r="473234" spans="14:14">
      <c r="N473234" s="10"/>
    </row>
    <row r="473235" spans="14:14">
      <c r="N473235" s="10"/>
    </row>
    <row r="473236" spans="14:14">
      <c r="N473236" s="10"/>
    </row>
    <row r="473237" spans="14:14">
      <c r="N473237" s="10"/>
    </row>
    <row r="473238" spans="14:14">
      <c r="N473238" s="10"/>
    </row>
    <row r="473239" spans="14:14">
      <c r="N473239" s="10"/>
    </row>
    <row r="473240" spans="14:14">
      <c r="N473240" s="10"/>
    </row>
    <row r="473241" spans="14:14">
      <c r="N473241" s="10"/>
    </row>
    <row r="473242" spans="14:14">
      <c r="N473242" s="10"/>
    </row>
    <row r="473243" spans="14:14">
      <c r="N473243" s="10"/>
    </row>
    <row r="473244" spans="14:14">
      <c r="N473244" s="10"/>
    </row>
    <row r="473245" spans="14:14">
      <c r="N473245" s="10"/>
    </row>
    <row r="473246" spans="14:14">
      <c r="N473246" s="10"/>
    </row>
    <row r="473247" spans="14:14">
      <c r="N473247" s="10"/>
    </row>
    <row r="473248" spans="14:14">
      <c r="N473248" s="10"/>
    </row>
    <row r="473249" spans="14:14">
      <c r="N473249" s="10"/>
    </row>
    <row r="473250" spans="14:14">
      <c r="N473250" s="10"/>
    </row>
    <row r="473251" spans="14:14">
      <c r="N473251" s="10"/>
    </row>
    <row r="473252" spans="14:14">
      <c r="N473252" s="10"/>
    </row>
    <row r="473253" spans="14:14">
      <c r="N473253" s="10"/>
    </row>
    <row r="473254" spans="14:14">
      <c r="N473254" s="10"/>
    </row>
    <row r="473255" spans="14:14">
      <c r="N473255" s="10"/>
    </row>
    <row r="473256" spans="14:14">
      <c r="N473256" s="10"/>
    </row>
    <row r="473257" spans="14:14">
      <c r="N473257" s="10"/>
    </row>
    <row r="473258" spans="14:14">
      <c r="N473258" s="10"/>
    </row>
    <row r="473259" spans="14:14">
      <c r="N473259" s="10"/>
    </row>
    <row r="473260" spans="14:14">
      <c r="N473260" s="10"/>
    </row>
    <row r="473261" spans="14:14">
      <c r="N473261" s="10"/>
    </row>
    <row r="473262" spans="14:14">
      <c r="N473262" s="10"/>
    </row>
    <row r="473263" spans="14:14">
      <c r="N473263" s="10"/>
    </row>
    <row r="473264" spans="14:14">
      <c r="N473264" s="10"/>
    </row>
    <row r="473265" spans="14:14">
      <c r="N473265" s="10"/>
    </row>
    <row r="473266" spans="14:14">
      <c r="N473266" s="10"/>
    </row>
    <row r="473267" spans="14:14">
      <c r="N473267" s="10"/>
    </row>
    <row r="473268" spans="14:14">
      <c r="N473268" s="10"/>
    </row>
    <row r="473269" spans="14:14">
      <c r="N473269" s="10"/>
    </row>
    <row r="473270" spans="14:14">
      <c r="N473270" s="10"/>
    </row>
    <row r="473271" spans="14:14">
      <c r="N473271" s="10"/>
    </row>
    <row r="473272" spans="14:14">
      <c r="N473272" s="10"/>
    </row>
    <row r="473273" spans="14:14">
      <c r="N473273" s="10"/>
    </row>
    <row r="473274" spans="14:14">
      <c r="N473274" s="10"/>
    </row>
    <row r="473275" spans="14:14">
      <c r="N473275" s="10"/>
    </row>
    <row r="473276" spans="14:14">
      <c r="N473276" s="10"/>
    </row>
    <row r="473277" spans="14:14">
      <c r="N473277" s="10"/>
    </row>
    <row r="473278" spans="14:14">
      <c r="N473278" s="10"/>
    </row>
    <row r="473279" spans="14:14">
      <c r="N473279" s="10"/>
    </row>
    <row r="473280" spans="14:14">
      <c r="N473280" s="10"/>
    </row>
    <row r="473281" spans="14:14">
      <c r="N473281" s="10"/>
    </row>
    <row r="473282" spans="14:14">
      <c r="N473282" s="10"/>
    </row>
    <row r="473283" spans="14:14">
      <c r="N473283" s="10"/>
    </row>
    <row r="473284" spans="14:14">
      <c r="N473284" s="10"/>
    </row>
    <row r="473285" spans="14:14">
      <c r="N473285" s="10"/>
    </row>
    <row r="473286" spans="14:14">
      <c r="N473286" s="10"/>
    </row>
    <row r="473287" spans="14:14">
      <c r="N473287" s="10"/>
    </row>
    <row r="473288" spans="14:14">
      <c r="N473288" s="10"/>
    </row>
    <row r="473289" spans="14:14">
      <c r="N473289" s="10"/>
    </row>
    <row r="473290" spans="14:14">
      <c r="N473290" s="10"/>
    </row>
    <row r="473291" spans="14:14">
      <c r="N473291" s="10"/>
    </row>
    <row r="473292" spans="14:14">
      <c r="N473292" s="10"/>
    </row>
    <row r="473293" spans="14:14">
      <c r="N473293" s="10"/>
    </row>
    <row r="473294" spans="14:14">
      <c r="N473294" s="10"/>
    </row>
    <row r="473295" spans="14:14">
      <c r="N473295" s="10"/>
    </row>
    <row r="473296" spans="14:14">
      <c r="N473296" s="10"/>
    </row>
    <row r="473297" spans="14:14">
      <c r="N473297" s="10"/>
    </row>
    <row r="473298" spans="14:14">
      <c r="N473298" s="10"/>
    </row>
    <row r="473299" spans="14:14">
      <c r="N473299" s="10"/>
    </row>
    <row r="473300" spans="14:14">
      <c r="N473300" s="10"/>
    </row>
    <row r="473301" spans="14:14">
      <c r="N473301" s="10"/>
    </row>
    <row r="473302" spans="14:14">
      <c r="N473302" s="10"/>
    </row>
    <row r="473303" spans="14:14">
      <c r="N473303" s="10"/>
    </row>
    <row r="473304" spans="14:14">
      <c r="N473304" s="10"/>
    </row>
    <row r="473305" spans="14:14">
      <c r="N473305" s="10"/>
    </row>
    <row r="473306" spans="14:14">
      <c r="N473306" s="10"/>
    </row>
    <row r="473307" spans="14:14">
      <c r="N473307" s="10"/>
    </row>
    <row r="473308" spans="14:14">
      <c r="N473308" s="10"/>
    </row>
    <row r="473309" spans="14:14">
      <c r="N473309" s="10"/>
    </row>
    <row r="473310" spans="14:14">
      <c r="N473310" s="10"/>
    </row>
    <row r="473311" spans="14:14">
      <c r="N473311" s="10"/>
    </row>
    <row r="473312" spans="14:14">
      <c r="N473312" s="10"/>
    </row>
    <row r="473313" spans="14:14">
      <c r="N473313" s="10"/>
    </row>
    <row r="473314" spans="14:14">
      <c r="N473314" s="10"/>
    </row>
    <row r="473315" spans="14:14">
      <c r="N473315" s="10"/>
    </row>
    <row r="473316" spans="14:14">
      <c r="N473316" s="10"/>
    </row>
    <row r="473317" spans="14:14">
      <c r="N473317" s="10"/>
    </row>
    <row r="473318" spans="14:14">
      <c r="N473318" s="10"/>
    </row>
    <row r="473319" spans="14:14">
      <c r="N473319" s="10"/>
    </row>
    <row r="473320" spans="14:14">
      <c r="N473320" s="10"/>
    </row>
    <row r="473321" spans="14:14">
      <c r="N473321" s="10"/>
    </row>
    <row r="473322" spans="14:14">
      <c r="N473322" s="10"/>
    </row>
    <row r="473323" spans="14:14">
      <c r="N473323" s="10"/>
    </row>
    <row r="473324" spans="14:14">
      <c r="N473324" s="10"/>
    </row>
    <row r="473325" spans="14:14">
      <c r="N473325" s="10"/>
    </row>
    <row r="473326" spans="14:14">
      <c r="N473326" s="10"/>
    </row>
    <row r="473327" spans="14:14">
      <c r="N473327" s="10"/>
    </row>
    <row r="473328" spans="14:14">
      <c r="N473328" s="10"/>
    </row>
    <row r="473329" spans="14:14">
      <c r="N473329" s="10"/>
    </row>
    <row r="473330" spans="14:14">
      <c r="N473330" s="10"/>
    </row>
    <row r="473331" spans="14:14">
      <c r="N473331" s="10"/>
    </row>
    <row r="473332" spans="14:14">
      <c r="N473332" s="10"/>
    </row>
    <row r="473333" spans="14:14">
      <c r="N473333" s="10"/>
    </row>
    <row r="473334" spans="14:14">
      <c r="N473334" s="10"/>
    </row>
    <row r="473335" spans="14:14">
      <c r="N473335" s="10"/>
    </row>
    <row r="473336" spans="14:14">
      <c r="N473336" s="10"/>
    </row>
    <row r="473337" spans="14:14">
      <c r="N473337" s="10"/>
    </row>
    <row r="473338" spans="14:14">
      <c r="N473338" s="10"/>
    </row>
    <row r="473339" spans="14:14">
      <c r="N473339" s="10"/>
    </row>
    <row r="473340" spans="14:14">
      <c r="N473340" s="10"/>
    </row>
    <row r="473341" spans="14:14">
      <c r="N473341" s="10"/>
    </row>
    <row r="473342" spans="14:14">
      <c r="N473342" s="10"/>
    </row>
    <row r="473343" spans="14:14">
      <c r="N473343" s="10"/>
    </row>
    <row r="473344" spans="14:14">
      <c r="N473344" s="10"/>
    </row>
    <row r="473345" spans="14:14">
      <c r="N473345" s="10"/>
    </row>
    <row r="473346" spans="14:14">
      <c r="N473346" s="10"/>
    </row>
    <row r="473347" spans="14:14">
      <c r="N473347" s="10"/>
    </row>
    <row r="473348" spans="14:14">
      <c r="N473348" s="10"/>
    </row>
    <row r="473349" spans="14:14">
      <c r="N473349" s="10"/>
    </row>
    <row r="473350" spans="14:14">
      <c r="N473350" s="10"/>
    </row>
    <row r="473351" spans="14:14">
      <c r="N473351" s="10"/>
    </row>
    <row r="473352" spans="14:14">
      <c r="N473352" s="10"/>
    </row>
    <row r="473353" spans="14:14">
      <c r="N473353" s="10"/>
    </row>
    <row r="473354" spans="14:14">
      <c r="N473354" s="10"/>
    </row>
    <row r="473355" spans="14:14">
      <c r="N473355" s="10"/>
    </row>
    <row r="473356" spans="14:14">
      <c r="N473356" s="10"/>
    </row>
    <row r="473357" spans="14:14">
      <c r="N473357" s="10"/>
    </row>
    <row r="473358" spans="14:14">
      <c r="N473358" s="10"/>
    </row>
    <row r="473359" spans="14:14">
      <c r="N473359" s="10"/>
    </row>
    <row r="473360" spans="14:14">
      <c r="N473360" s="10"/>
    </row>
    <row r="473361" spans="14:14">
      <c r="N473361" s="10"/>
    </row>
    <row r="473362" spans="14:14">
      <c r="N473362" s="10"/>
    </row>
    <row r="473363" spans="14:14">
      <c r="N473363" s="10"/>
    </row>
    <row r="473364" spans="14:14">
      <c r="N473364" s="10"/>
    </row>
    <row r="473365" spans="14:14">
      <c r="N473365" s="10"/>
    </row>
    <row r="473366" spans="14:14">
      <c r="N473366" s="10"/>
    </row>
    <row r="473367" spans="14:14">
      <c r="N473367" s="10"/>
    </row>
    <row r="473368" spans="14:14">
      <c r="N473368" s="10"/>
    </row>
    <row r="473369" spans="14:14">
      <c r="N473369" s="10"/>
    </row>
    <row r="473370" spans="14:14">
      <c r="N473370" s="10"/>
    </row>
    <row r="473371" spans="14:14">
      <c r="N473371" s="10"/>
    </row>
    <row r="473372" spans="14:14">
      <c r="N473372" s="10"/>
    </row>
    <row r="473373" spans="14:14">
      <c r="N473373" s="10"/>
    </row>
    <row r="473374" spans="14:14">
      <c r="N473374" s="10"/>
    </row>
    <row r="473375" spans="14:14">
      <c r="N473375" s="10"/>
    </row>
    <row r="473376" spans="14:14">
      <c r="N473376" s="10"/>
    </row>
    <row r="473377" spans="14:14">
      <c r="N473377" s="10"/>
    </row>
    <row r="473378" spans="14:14">
      <c r="N473378" s="10"/>
    </row>
    <row r="473379" spans="14:14">
      <c r="N473379" s="10"/>
    </row>
    <row r="473380" spans="14:14">
      <c r="N473380" s="10"/>
    </row>
    <row r="473381" spans="14:14">
      <c r="N473381" s="10"/>
    </row>
    <row r="473382" spans="14:14">
      <c r="N473382" s="10"/>
    </row>
    <row r="473383" spans="14:14">
      <c r="N473383" s="10"/>
    </row>
    <row r="473384" spans="14:14">
      <c r="N473384" s="10"/>
    </row>
    <row r="473385" spans="14:14">
      <c r="N473385" s="10"/>
    </row>
    <row r="473386" spans="14:14">
      <c r="N473386" s="10"/>
    </row>
    <row r="473387" spans="14:14">
      <c r="N473387" s="10"/>
    </row>
    <row r="473388" spans="14:14">
      <c r="N473388" s="10"/>
    </row>
    <row r="473389" spans="14:14">
      <c r="N473389" s="10"/>
    </row>
    <row r="473390" spans="14:14">
      <c r="N473390" s="10"/>
    </row>
    <row r="473391" spans="14:14">
      <c r="N473391" s="10"/>
    </row>
    <row r="473392" spans="14:14">
      <c r="N473392" s="10"/>
    </row>
    <row r="473393" spans="14:14">
      <c r="N473393" s="10"/>
    </row>
    <row r="473394" spans="14:14">
      <c r="N473394" s="10"/>
    </row>
    <row r="473395" spans="14:14">
      <c r="N473395" s="10"/>
    </row>
    <row r="473396" spans="14:14">
      <c r="N473396" s="10"/>
    </row>
    <row r="473397" spans="14:14">
      <c r="N473397" s="10"/>
    </row>
    <row r="473398" spans="14:14">
      <c r="N473398" s="10"/>
    </row>
    <row r="473399" spans="14:14">
      <c r="N473399" s="10"/>
    </row>
    <row r="473400" spans="14:14">
      <c r="N473400" s="10"/>
    </row>
    <row r="473401" spans="14:14">
      <c r="N473401" s="10"/>
    </row>
    <row r="473402" spans="14:14">
      <c r="N473402" s="10"/>
    </row>
    <row r="473403" spans="14:14">
      <c r="N473403" s="10"/>
    </row>
    <row r="473404" spans="14:14">
      <c r="N473404" s="10"/>
    </row>
    <row r="473405" spans="14:14">
      <c r="N473405" s="10"/>
    </row>
    <row r="473406" spans="14:14">
      <c r="N473406" s="10"/>
    </row>
    <row r="473407" spans="14:14">
      <c r="N473407" s="10"/>
    </row>
    <row r="473408" spans="14:14">
      <c r="N473408" s="10"/>
    </row>
    <row r="473409" spans="14:14">
      <c r="N473409" s="10"/>
    </row>
    <row r="473410" spans="14:14">
      <c r="N473410" s="10"/>
    </row>
    <row r="473411" spans="14:14">
      <c r="N473411" s="10"/>
    </row>
    <row r="473412" spans="14:14">
      <c r="N473412" s="10"/>
    </row>
    <row r="473413" spans="14:14">
      <c r="N473413" s="10"/>
    </row>
    <row r="473414" spans="14:14">
      <c r="N473414" s="10"/>
    </row>
    <row r="473415" spans="14:14">
      <c r="N473415" s="10"/>
    </row>
    <row r="473416" spans="14:14">
      <c r="N473416" s="10"/>
    </row>
    <row r="473417" spans="14:14">
      <c r="N473417" s="10"/>
    </row>
    <row r="473418" spans="14:14">
      <c r="N473418" s="10"/>
    </row>
    <row r="473419" spans="14:14">
      <c r="N473419" s="10"/>
    </row>
    <row r="473420" spans="14:14">
      <c r="N473420" s="10"/>
    </row>
    <row r="473421" spans="14:14">
      <c r="N473421" s="10"/>
    </row>
    <row r="473422" spans="14:14">
      <c r="N473422" s="10"/>
    </row>
    <row r="473423" spans="14:14">
      <c r="N473423" s="10"/>
    </row>
    <row r="473424" spans="14:14">
      <c r="N473424" s="10"/>
    </row>
    <row r="473425" spans="14:14">
      <c r="N473425" s="10"/>
    </row>
    <row r="473426" spans="14:14">
      <c r="N473426" s="10"/>
    </row>
    <row r="473427" spans="14:14">
      <c r="N473427" s="10"/>
    </row>
    <row r="473428" spans="14:14">
      <c r="N473428" s="10"/>
    </row>
    <row r="473429" spans="14:14">
      <c r="N473429" s="10"/>
    </row>
    <row r="473430" spans="14:14">
      <c r="N473430" s="10"/>
    </row>
    <row r="473431" spans="14:14">
      <c r="N473431" s="10"/>
    </row>
    <row r="473432" spans="14:14">
      <c r="N473432" s="10"/>
    </row>
    <row r="473433" spans="14:14">
      <c r="N473433" s="10"/>
    </row>
    <row r="473434" spans="14:14">
      <c r="N473434" s="10"/>
    </row>
    <row r="473435" spans="14:14">
      <c r="N473435" s="10"/>
    </row>
    <row r="473436" spans="14:14">
      <c r="N473436" s="10"/>
    </row>
    <row r="473437" spans="14:14">
      <c r="N473437" s="10"/>
    </row>
    <row r="473438" spans="14:14">
      <c r="N473438" s="10"/>
    </row>
    <row r="473439" spans="14:14">
      <c r="N473439" s="10"/>
    </row>
    <row r="473440" spans="14:14">
      <c r="N473440" s="10"/>
    </row>
    <row r="473441" spans="14:14">
      <c r="N473441" s="10"/>
    </row>
    <row r="473442" spans="14:14">
      <c r="N473442" s="10"/>
    </row>
    <row r="473443" spans="14:14">
      <c r="N473443" s="10"/>
    </row>
    <row r="473444" spans="14:14">
      <c r="N473444" s="10"/>
    </row>
    <row r="473445" spans="14:14">
      <c r="N473445" s="10"/>
    </row>
    <row r="473446" spans="14:14">
      <c r="N473446" s="10"/>
    </row>
    <row r="473447" spans="14:14">
      <c r="N473447" s="10"/>
    </row>
    <row r="473448" spans="14:14">
      <c r="N473448" s="10"/>
    </row>
    <row r="473449" spans="14:14">
      <c r="N473449" s="10"/>
    </row>
    <row r="473450" spans="14:14">
      <c r="N473450" s="10"/>
    </row>
    <row r="473451" spans="14:14">
      <c r="N473451" s="10"/>
    </row>
    <row r="473452" spans="14:14">
      <c r="N473452" s="10"/>
    </row>
    <row r="473453" spans="14:14">
      <c r="N473453" s="10"/>
    </row>
    <row r="473454" spans="14:14">
      <c r="N473454" s="10"/>
    </row>
    <row r="473455" spans="14:14">
      <c r="N473455" s="10"/>
    </row>
    <row r="473456" spans="14:14">
      <c r="N473456" s="10"/>
    </row>
    <row r="473457" spans="14:14">
      <c r="N473457" s="10"/>
    </row>
    <row r="473458" spans="14:14">
      <c r="N473458" s="10"/>
    </row>
    <row r="473459" spans="14:14">
      <c r="N473459" s="10"/>
    </row>
    <row r="473460" spans="14:14">
      <c r="N473460" s="10"/>
    </row>
    <row r="473461" spans="14:14">
      <c r="N473461" s="10"/>
    </row>
    <row r="473462" spans="14:14">
      <c r="N473462" s="10"/>
    </row>
    <row r="473463" spans="14:14">
      <c r="N473463" s="10"/>
    </row>
    <row r="473464" spans="14:14">
      <c r="N473464" s="10"/>
    </row>
    <row r="473465" spans="14:14">
      <c r="N473465" s="10"/>
    </row>
    <row r="473466" spans="14:14">
      <c r="N473466" s="10"/>
    </row>
    <row r="473467" spans="14:14">
      <c r="N473467" s="10"/>
    </row>
    <row r="473468" spans="14:14">
      <c r="N473468" s="10"/>
    </row>
    <row r="473469" spans="14:14">
      <c r="N473469" s="10"/>
    </row>
    <row r="473470" spans="14:14">
      <c r="N473470" s="10"/>
    </row>
    <row r="473471" spans="14:14">
      <c r="N473471" s="10"/>
    </row>
    <row r="473472" spans="14:14">
      <c r="N473472" s="10"/>
    </row>
    <row r="473473" spans="14:14">
      <c r="N473473" s="10"/>
    </row>
    <row r="473474" spans="14:14">
      <c r="N473474" s="10"/>
    </row>
    <row r="473475" spans="14:14">
      <c r="N473475" s="10"/>
    </row>
    <row r="473476" spans="14:14">
      <c r="N473476" s="10"/>
    </row>
    <row r="473477" spans="14:14">
      <c r="N473477" s="10"/>
    </row>
    <row r="473478" spans="14:14">
      <c r="N473478" s="10"/>
    </row>
    <row r="473479" spans="14:14">
      <c r="N473479" s="10"/>
    </row>
    <row r="473480" spans="14:14">
      <c r="N473480" s="10"/>
    </row>
    <row r="473481" spans="14:14">
      <c r="N473481" s="10"/>
    </row>
    <row r="473482" spans="14:14">
      <c r="N473482" s="10"/>
    </row>
    <row r="473483" spans="14:14">
      <c r="N473483" s="10"/>
    </row>
    <row r="473484" spans="14:14">
      <c r="N473484" s="10"/>
    </row>
    <row r="473485" spans="14:14">
      <c r="N473485" s="10"/>
    </row>
    <row r="473486" spans="14:14">
      <c r="N473486" s="10"/>
    </row>
    <row r="473487" spans="14:14">
      <c r="N473487" s="10"/>
    </row>
    <row r="473488" spans="14:14">
      <c r="N473488" s="10"/>
    </row>
    <row r="473489" spans="14:14">
      <c r="N473489" s="10"/>
    </row>
    <row r="473490" spans="14:14">
      <c r="N473490" s="10"/>
    </row>
    <row r="473491" spans="14:14">
      <c r="N473491" s="10"/>
    </row>
    <row r="473492" spans="14:14">
      <c r="N473492" s="10"/>
    </row>
    <row r="473493" spans="14:14">
      <c r="N473493" s="10"/>
    </row>
    <row r="473494" spans="14:14">
      <c r="N473494" s="10"/>
    </row>
    <row r="473495" spans="14:14">
      <c r="N473495" s="10"/>
    </row>
    <row r="473496" spans="14:14">
      <c r="N473496" s="10"/>
    </row>
    <row r="473497" spans="14:14">
      <c r="N473497" s="10"/>
    </row>
    <row r="473498" spans="14:14">
      <c r="N473498" s="10"/>
    </row>
    <row r="473499" spans="14:14">
      <c r="N473499" s="10"/>
    </row>
    <row r="473500" spans="14:14">
      <c r="N473500" s="10"/>
    </row>
    <row r="473501" spans="14:14">
      <c r="N473501" s="10"/>
    </row>
    <row r="473502" spans="14:14">
      <c r="N473502" s="10"/>
    </row>
    <row r="473503" spans="14:14">
      <c r="N473503" s="10"/>
    </row>
    <row r="473504" spans="14:14">
      <c r="N473504" s="10"/>
    </row>
    <row r="473505" spans="14:14">
      <c r="N473505" s="10"/>
    </row>
    <row r="473506" spans="14:14">
      <c r="N473506" s="10"/>
    </row>
    <row r="473507" spans="14:14">
      <c r="N473507" s="10"/>
    </row>
    <row r="473508" spans="14:14">
      <c r="N473508" s="10"/>
    </row>
    <row r="473509" spans="14:14">
      <c r="N473509" s="10"/>
    </row>
    <row r="473510" spans="14:14">
      <c r="N473510" s="10"/>
    </row>
    <row r="473511" spans="14:14">
      <c r="N473511" s="10"/>
    </row>
    <row r="473512" spans="14:14">
      <c r="N473512" s="10"/>
    </row>
    <row r="473513" spans="14:14">
      <c r="N473513" s="10"/>
    </row>
    <row r="473514" spans="14:14">
      <c r="N473514" s="10"/>
    </row>
    <row r="473515" spans="14:14">
      <c r="N473515" s="10"/>
    </row>
    <row r="473516" spans="14:14">
      <c r="N473516" s="10"/>
    </row>
    <row r="473517" spans="14:14">
      <c r="N473517" s="10"/>
    </row>
    <row r="473518" spans="14:14">
      <c r="N473518" s="10"/>
    </row>
    <row r="473519" spans="14:14">
      <c r="N473519" s="10"/>
    </row>
    <row r="473520" spans="14:14">
      <c r="N473520" s="10"/>
    </row>
    <row r="473521" spans="14:14">
      <c r="N473521" s="10"/>
    </row>
    <row r="473522" spans="14:14">
      <c r="N473522" s="10"/>
    </row>
    <row r="473523" spans="14:14">
      <c r="N473523" s="10"/>
    </row>
    <row r="473524" spans="14:14">
      <c r="N473524" s="10"/>
    </row>
    <row r="473525" spans="14:14">
      <c r="N473525" s="10"/>
    </row>
    <row r="473526" spans="14:14">
      <c r="N473526" s="10"/>
    </row>
    <row r="473527" spans="14:14">
      <c r="N473527" s="10"/>
    </row>
    <row r="473528" spans="14:14">
      <c r="N473528" s="10"/>
    </row>
    <row r="473529" spans="14:14">
      <c r="N473529" s="10"/>
    </row>
    <row r="473530" spans="14:14">
      <c r="N473530" s="10"/>
    </row>
    <row r="473531" spans="14:14">
      <c r="N473531" s="10"/>
    </row>
    <row r="473532" spans="14:14">
      <c r="N473532" s="10"/>
    </row>
    <row r="473533" spans="14:14">
      <c r="N473533" s="10"/>
    </row>
    <row r="473534" spans="14:14">
      <c r="N473534" s="10"/>
    </row>
    <row r="473535" spans="14:14">
      <c r="N473535" s="10"/>
    </row>
    <row r="473536" spans="14:14">
      <c r="N473536" s="10"/>
    </row>
    <row r="473537" spans="14:14">
      <c r="N473537" s="10"/>
    </row>
    <row r="473538" spans="14:14">
      <c r="N473538" s="10"/>
    </row>
    <row r="473539" spans="14:14">
      <c r="N473539" s="10"/>
    </row>
    <row r="473540" spans="14:14">
      <c r="N473540" s="10"/>
    </row>
    <row r="473541" spans="14:14">
      <c r="N473541" s="10"/>
    </row>
    <row r="473542" spans="14:14">
      <c r="N473542" s="10"/>
    </row>
    <row r="473543" spans="14:14">
      <c r="N473543" s="10"/>
    </row>
    <row r="473544" spans="14:14">
      <c r="N473544" s="10"/>
    </row>
    <row r="473545" spans="14:14">
      <c r="N473545" s="10"/>
    </row>
    <row r="473546" spans="14:14">
      <c r="N473546" s="10"/>
    </row>
    <row r="473547" spans="14:14">
      <c r="N473547" s="10"/>
    </row>
    <row r="473548" spans="14:14">
      <c r="N473548" s="10"/>
    </row>
    <row r="473549" spans="14:14">
      <c r="N473549" s="10"/>
    </row>
    <row r="473550" spans="14:14">
      <c r="N473550" s="10"/>
    </row>
    <row r="473551" spans="14:14">
      <c r="N473551" s="10"/>
    </row>
    <row r="473552" spans="14:14">
      <c r="N473552" s="10"/>
    </row>
    <row r="473553" spans="14:14">
      <c r="N473553" s="10"/>
    </row>
    <row r="473554" spans="14:14">
      <c r="N473554" s="10"/>
    </row>
    <row r="473555" spans="14:14">
      <c r="N473555" s="10"/>
    </row>
    <row r="473556" spans="14:14">
      <c r="N473556" s="10"/>
    </row>
    <row r="473557" spans="14:14">
      <c r="N473557" s="10"/>
    </row>
    <row r="473558" spans="14:14">
      <c r="N473558" s="10"/>
    </row>
    <row r="473559" spans="14:14">
      <c r="N473559" s="10"/>
    </row>
    <row r="473560" spans="14:14">
      <c r="N473560" s="10"/>
    </row>
    <row r="473561" spans="14:14">
      <c r="N473561" s="10"/>
    </row>
    <row r="473562" spans="14:14">
      <c r="N473562" s="10"/>
    </row>
    <row r="473563" spans="14:14">
      <c r="N473563" s="10"/>
    </row>
    <row r="473564" spans="14:14">
      <c r="N473564" s="10"/>
    </row>
    <row r="473565" spans="14:14">
      <c r="N473565" s="10"/>
    </row>
    <row r="473566" spans="14:14">
      <c r="N473566" s="10"/>
    </row>
    <row r="473567" spans="14:14">
      <c r="N473567" s="10"/>
    </row>
    <row r="473568" spans="14:14">
      <c r="N473568" s="10"/>
    </row>
    <row r="473569" spans="14:14">
      <c r="N473569" s="10"/>
    </row>
    <row r="473570" spans="14:14">
      <c r="N473570" s="10"/>
    </row>
    <row r="473571" spans="14:14">
      <c r="N473571" s="10"/>
    </row>
    <row r="473572" spans="14:14">
      <c r="N473572" s="10"/>
    </row>
    <row r="473573" spans="14:14">
      <c r="N473573" s="10"/>
    </row>
    <row r="473574" spans="14:14">
      <c r="N473574" s="10"/>
    </row>
    <row r="473575" spans="14:14">
      <c r="N473575" s="10"/>
    </row>
    <row r="473576" spans="14:14">
      <c r="N473576" s="10"/>
    </row>
    <row r="473577" spans="14:14">
      <c r="N473577" s="10"/>
    </row>
    <row r="473578" spans="14:14">
      <c r="N473578" s="10"/>
    </row>
    <row r="473579" spans="14:14">
      <c r="N473579" s="10"/>
    </row>
    <row r="473580" spans="14:14">
      <c r="N473580" s="10"/>
    </row>
    <row r="473581" spans="14:14">
      <c r="N473581" s="10"/>
    </row>
    <row r="473582" spans="14:14">
      <c r="N473582" s="10"/>
    </row>
    <row r="473583" spans="14:14">
      <c r="N473583" s="10"/>
    </row>
    <row r="473584" spans="14:14">
      <c r="N473584" s="10"/>
    </row>
    <row r="473585" spans="14:14">
      <c r="N473585" s="10"/>
    </row>
    <row r="473586" spans="14:14">
      <c r="N473586" s="10"/>
    </row>
    <row r="473587" spans="14:14">
      <c r="N473587" s="10"/>
    </row>
    <row r="473588" spans="14:14">
      <c r="N473588" s="10"/>
    </row>
    <row r="473589" spans="14:14">
      <c r="N473589" s="10"/>
    </row>
    <row r="473590" spans="14:14">
      <c r="N473590" s="10"/>
    </row>
    <row r="473591" spans="14:14">
      <c r="N473591" s="10"/>
    </row>
    <row r="473592" spans="14:14">
      <c r="N473592" s="10"/>
    </row>
    <row r="473593" spans="14:14">
      <c r="N473593" s="10"/>
    </row>
    <row r="473594" spans="14:14">
      <c r="N473594" s="10"/>
    </row>
    <row r="473595" spans="14:14">
      <c r="N473595" s="10"/>
    </row>
    <row r="473596" spans="14:14">
      <c r="N473596" s="10"/>
    </row>
    <row r="473597" spans="14:14">
      <c r="N473597" s="10"/>
    </row>
    <row r="473598" spans="14:14">
      <c r="N473598" s="10"/>
    </row>
    <row r="473599" spans="14:14">
      <c r="N473599" s="10"/>
    </row>
    <row r="473600" spans="14:14">
      <c r="N473600" s="10"/>
    </row>
    <row r="473601" spans="14:14">
      <c r="N473601" s="10"/>
    </row>
    <row r="473602" spans="14:14">
      <c r="N473602" s="10"/>
    </row>
    <row r="473603" spans="14:14">
      <c r="N473603" s="10"/>
    </row>
    <row r="473604" spans="14:14">
      <c r="N473604" s="10"/>
    </row>
    <row r="473605" spans="14:14">
      <c r="N473605" s="10"/>
    </row>
    <row r="473606" spans="14:14">
      <c r="N473606" s="10"/>
    </row>
    <row r="473607" spans="14:14">
      <c r="N473607" s="10"/>
    </row>
    <row r="473608" spans="14:14">
      <c r="N473608" s="10"/>
    </row>
    <row r="473609" spans="14:14">
      <c r="N473609" s="10"/>
    </row>
    <row r="473610" spans="14:14">
      <c r="N473610" s="10"/>
    </row>
    <row r="473611" spans="14:14">
      <c r="N473611" s="10"/>
    </row>
    <row r="473612" spans="14:14">
      <c r="N473612" s="10"/>
    </row>
    <row r="473613" spans="14:14">
      <c r="N473613" s="10"/>
    </row>
    <row r="473614" spans="14:14">
      <c r="N473614" s="10"/>
    </row>
    <row r="473615" spans="14:14">
      <c r="N473615" s="10"/>
    </row>
    <row r="473616" spans="14:14">
      <c r="N473616" s="10"/>
    </row>
    <row r="473617" spans="14:14">
      <c r="N473617" s="10"/>
    </row>
    <row r="473618" spans="14:14">
      <c r="N473618" s="10"/>
    </row>
    <row r="473619" spans="14:14">
      <c r="N473619" s="10"/>
    </row>
    <row r="473620" spans="14:14">
      <c r="N473620" s="10"/>
    </row>
    <row r="473621" spans="14:14">
      <c r="N473621" s="10"/>
    </row>
    <row r="473622" spans="14:14">
      <c r="N473622" s="10"/>
    </row>
    <row r="473623" spans="14:14">
      <c r="N473623" s="10"/>
    </row>
    <row r="473624" spans="14:14">
      <c r="N473624" s="10"/>
    </row>
    <row r="473625" spans="14:14">
      <c r="N473625" s="10"/>
    </row>
    <row r="473626" spans="14:14">
      <c r="N473626" s="10"/>
    </row>
    <row r="473627" spans="14:14">
      <c r="N473627" s="10"/>
    </row>
    <row r="473628" spans="14:14">
      <c r="N473628" s="10"/>
    </row>
    <row r="473629" spans="14:14">
      <c r="N473629" s="10"/>
    </row>
    <row r="473630" spans="14:14">
      <c r="N473630" s="10"/>
    </row>
    <row r="473631" spans="14:14">
      <c r="N473631" s="10"/>
    </row>
    <row r="473632" spans="14:14">
      <c r="N473632" s="10"/>
    </row>
    <row r="473633" spans="14:14">
      <c r="N473633" s="10"/>
    </row>
    <row r="473634" spans="14:14">
      <c r="N473634" s="10"/>
    </row>
    <row r="473635" spans="14:14">
      <c r="N473635" s="10"/>
    </row>
    <row r="473636" spans="14:14">
      <c r="N473636" s="10"/>
    </row>
    <row r="473637" spans="14:14">
      <c r="N473637" s="10"/>
    </row>
    <row r="473638" spans="14:14">
      <c r="N473638" s="10"/>
    </row>
    <row r="473639" spans="14:14">
      <c r="N473639" s="10"/>
    </row>
    <row r="473640" spans="14:14">
      <c r="N473640" s="10"/>
    </row>
    <row r="473641" spans="14:14">
      <c r="N473641" s="10"/>
    </row>
    <row r="473642" spans="14:14">
      <c r="N473642" s="10"/>
    </row>
    <row r="473643" spans="14:14">
      <c r="N473643" s="10"/>
    </row>
    <row r="473644" spans="14:14">
      <c r="N473644" s="10"/>
    </row>
    <row r="473645" spans="14:14">
      <c r="N473645" s="10"/>
    </row>
    <row r="473646" spans="14:14">
      <c r="N473646" s="10"/>
    </row>
    <row r="473647" spans="14:14">
      <c r="N473647" s="10"/>
    </row>
    <row r="473648" spans="14:14">
      <c r="N473648" s="10"/>
    </row>
    <row r="473649" spans="14:14">
      <c r="N473649" s="10"/>
    </row>
    <row r="473650" spans="14:14">
      <c r="N473650" s="10"/>
    </row>
    <row r="473651" spans="14:14">
      <c r="N473651" s="10"/>
    </row>
    <row r="473652" spans="14:14">
      <c r="N473652" s="10"/>
    </row>
    <row r="473653" spans="14:14">
      <c r="N473653" s="10"/>
    </row>
    <row r="473654" spans="14:14">
      <c r="N473654" s="10"/>
    </row>
    <row r="473655" spans="14:14">
      <c r="N473655" s="10"/>
    </row>
    <row r="473656" spans="14:14">
      <c r="N473656" s="10"/>
    </row>
    <row r="473657" spans="14:14">
      <c r="N473657" s="10"/>
    </row>
    <row r="473658" spans="14:14">
      <c r="N473658" s="10"/>
    </row>
    <row r="473659" spans="14:14">
      <c r="N473659" s="10"/>
    </row>
    <row r="473660" spans="14:14">
      <c r="N473660" s="10"/>
    </row>
    <row r="473661" spans="14:14">
      <c r="N473661" s="10"/>
    </row>
    <row r="473662" spans="14:14">
      <c r="N473662" s="10"/>
    </row>
    <row r="473663" spans="14:14">
      <c r="N473663" s="10"/>
    </row>
    <row r="473664" spans="14:14">
      <c r="N473664" s="10"/>
    </row>
    <row r="473665" spans="14:14">
      <c r="N473665" s="10"/>
    </row>
    <row r="473666" spans="14:14">
      <c r="N473666" s="10"/>
    </row>
    <row r="473667" spans="14:14">
      <c r="N473667" s="10"/>
    </row>
    <row r="473668" spans="14:14">
      <c r="N473668" s="10"/>
    </row>
    <row r="473669" spans="14:14">
      <c r="N473669" s="10"/>
    </row>
    <row r="473670" spans="14:14">
      <c r="N473670" s="10"/>
    </row>
    <row r="473671" spans="14:14">
      <c r="N473671" s="10"/>
    </row>
    <row r="473672" spans="14:14">
      <c r="N473672" s="10"/>
    </row>
    <row r="473673" spans="14:14">
      <c r="N473673" s="10"/>
    </row>
    <row r="473674" spans="14:14">
      <c r="N473674" s="10"/>
    </row>
    <row r="473675" spans="14:14">
      <c r="N473675" s="10"/>
    </row>
    <row r="473676" spans="14:14">
      <c r="N473676" s="10"/>
    </row>
    <row r="473677" spans="14:14">
      <c r="N473677" s="10"/>
    </row>
    <row r="473678" spans="14:14">
      <c r="N473678" s="10"/>
    </row>
    <row r="473679" spans="14:14">
      <c r="N473679" s="10"/>
    </row>
    <row r="473680" spans="14:14">
      <c r="N473680" s="10"/>
    </row>
    <row r="473681" spans="14:14">
      <c r="N473681" s="10"/>
    </row>
    <row r="473682" spans="14:14">
      <c r="N473682" s="10"/>
    </row>
    <row r="473683" spans="14:14">
      <c r="N473683" s="10"/>
    </row>
    <row r="473684" spans="14:14">
      <c r="N473684" s="10"/>
    </row>
    <row r="473685" spans="14:14">
      <c r="N473685" s="10"/>
    </row>
    <row r="473686" spans="14:14">
      <c r="N473686" s="10"/>
    </row>
    <row r="473687" spans="14:14">
      <c r="N473687" s="10"/>
    </row>
    <row r="473688" spans="14:14">
      <c r="N473688" s="10"/>
    </row>
    <row r="473689" spans="14:14">
      <c r="N473689" s="10"/>
    </row>
    <row r="473690" spans="14:14">
      <c r="N473690" s="10"/>
    </row>
    <row r="473691" spans="14:14">
      <c r="N473691" s="10"/>
    </row>
    <row r="473692" spans="14:14">
      <c r="N473692" s="10"/>
    </row>
    <row r="473693" spans="14:14">
      <c r="N473693" s="10"/>
    </row>
    <row r="473694" spans="14:14">
      <c r="N473694" s="10"/>
    </row>
    <row r="473695" spans="14:14">
      <c r="N473695" s="10"/>
    </row>
    <row r="473696" spans="14:14">
      <c r="N473696" s="10"/>
    </row>
    <row r="473697" spans="14:14">
      <c r="N473697" s="10"/>
    </row>
    <row r="473698" spans="14:14">
      <c r="N473698" s="10"/>
    </row>
    <row r="473699" spans="14:14">
      <c r="N473699" s="10"/>
    </row>
    <row r="473700" spans="14:14">
      <c r="N473700" s="10"/>
    </row>
    <row r="473701" spans="14:14">
      <c r="N473701" s="10"/>
    </row>
    <row r="473702" spans="14:14">
      <c r="N473702" s="10"/>
    </row>
    <row r="473703" spans="14:14">
      <c r="N473703" s="10"/>
    </row>
    <row r="473704" spans="14:14">
      <c r="N473704" s="10"/>
    </row>
    <row r="473705" spans="14:14">
      <c r="N473705" s="10"/>
    </row>
    <row r="473706" spans="14:14">
      <c r="N473706" s="10"/>
    </row>
    <row r="473707" spans="14:14">
      <c r="N473707" s="10"/>
    </row>
    <row r="473708" spans="14:14">
      <c r="N473708" s="10"/>
    </row>
    <row r="473709" spans="14:14">
      <c r="N473709" s="10"/>
    </row>
    <row r="473710" spans="14:14">
      <c r="N473710" s="10"/>
    </row>
    <row r="473711" spans="14:14">
      <c r="N473711" s="10"/>
    </row>
    <row r="473712" spans="14:14">
      <c r="N473712" s="10"/>
    </row>
    <row r="473713" spans="14:14">
      <c r="N473713" s="10"/>
    </row>
    <row r="473714" spans="14:14">
      <c r="N473714" s="10"/>
    </row>
    <row r="473715" spans="14:14">
      <c r="N473715" s="10"/>
    </row>
    <row r="473716" spans="14:14">
      <c r="N473716" s="10"/>
    </row>
    <row r="473717" spans="14:14">
      <c r="N473717" s="10"/>
    </row>
    <row r="473718" spans="14:14">
      <c r="N473718" s="10"/>
    </row>
    <row r="473719" spans="14:14">
      <c r="N473719" s="10"/>
    </row>
    <row r="473720" spans="14:14">
      <c r="N473720" s="10"/>
    </row>
    <row r="473721" spans="14:14">
      <c r="N473721" s="10"/>
    </row>
    <row r="473722" spans="14:14">
      <c r="N473722" s="10"/>
    </row>
    <row r="473723" spans="14:14">
      <c r="N473723" s="10"/>
    </row>
    <row r="473724" spans="14:14">
      <c r="N473724" s="10"/>
    </row>
    <row r="473725" spans="14:14">
      <c r="N473725" s="10"/>
    </row>
    <row r="473726" spans="14:14">
      <c r="N473726" s="10"/>
    </row>
    <row r="473727" spans="14:14">
      <c r="N473727" s="10"/>
    </row>
    <row r="473728" spans="14:14">
      <c r="N473728" s="10"/>
    </row>
    <row r="473729" spans="14:14">
      <c r="N473729" s="10"/>
    </row>
    <row r="473730" spans="14:14">
      <c r="N473730" s="10"/>
    </row>
    <row r="473731" spans="14:14">
      <c r="N473731" s="10"/>
    </row>
    <row r="473732" spans="14:14">
      <c r="N473732" s="10"/>
    </row>
    <row r="473733" spans="14:14">
      <c r="N473733" s="10"/>
    </row>
    <row r="473734" spans="14:14">
      <c r="N473734" s="10"/>
    </row>
    <row r="473735" spans="14:14">
      <c r="N473735" s="10"/>
    </row>
    <row r="473736" spans="14:14">
      <c r="N473736" s="10"/>
    </row>
    <row r="473737" spans="14:14">
      <c r="N473737" s="10"/>
    </row>
    <row r="473738" spans="14:14">
      <c r="N473738" s="10"/>
    </row>
    <row r="473739" spans="14:14">
      <c r="N473739" s="10"/>
    </row>
    <row r="473740" spans="14:14">
      <c r="N473740" s="10"/>
    </row>
    <row r="473741" spans="14:14">
      <c r="N473741" s="10"/>
    </row>
    <row r="473742" spans="14:14">
      <c r="N473742" s="10"/>
    </row>
    <row r="473743" spans="14:14">
      <c r="N473743" s="10"/>
    </row>
    <row r="473744" spans="14:14">
      <c r="N473744" s="10"/>
    </row>
    <row r="473745" spans="14:14">
      <c r="N473745" s="10"/>
    </row>
    <row r="473746" spans="14:14">
      <c r="N473746" s="10"/>
    </row>
    <row r="473747" spans="14:14">
      <c r="N473747" s="10"/>
    </row>
    <row r="473748" spans="14:14">
      <c r="N473748" s="10"/>
    </row>
    <row r="473749" spans="14:14">
      <c r="N473749" s="10"/>
    </row>
    <row r="473750" spans="14:14">
      <c r="N473750" s="10"/>
    </row>
    <row r="473751" spans="14:14">
      <c r="N473751" s="10"/>
    </row>
    <row r="473752" spans="14:14">
      <c r="N473752" s="10"/>
    </row>
    <row r="473753" spans="14:14">
      <c r="N473753" s="10"/>
    </row>
    <row r="473754" spans="14:14">
      <c r="N473754" s="10"/>
    </row>
    <row r="473755" spans="14:14">
      <c r="N473755" s="10"/>
    </row>
    <row r="473756" spans="14:14">
      <c r="N473756" s="10"/>
    </row>
    <row r="473757" spans="14:14">
      <c r="N473757" s="10"/>
    </row>
    <row r="473758" spans="14:14">
      <c r="N473758" s="10"/>
    </row>
    <row r="473759" spans="14:14">
      <c r="N473759" s="10"/>
    </row>
    <row r="473760" spans="14:14">
      <c r="N473760" s="10"/>
    </row>
    <row r="473761" spans="14:14">
      <c r="N473761" s="10"/>
    </row>
    <row r="473762" spans="14:14">
      <c r="N473762" s="10"/>
    </row>
    <row r="473763" spans="14:14">
      <c r="N473763" s="10"/>
    </row>
    <row r="473764" spans="14:14">
      <c r="N473764" s="10"/>
    </row>
    <row r="473765" spans="14:14">
      <c r="N473765" s="10"/>
    </row>
    <row r="473766" spans="14:14">
      <c r="N473766" s="10"/>
    </row>
    <row r="473767" spans="14:14">
      <c r="N473767" s="10"/>
    </row>
    <row r="473768" spans="14:14">
      <c r="N473768" s="10"/>
    </row>
    <row r="473769" spans="14:14">
      <c r="N473769" s="10"/>
    </row>
    <row r="473770" spans="14:14">
      <c r="N473770" s="10"/>
    </row>
    <row r="473771" spans="14:14">
      <c r="N473771" s="10"/>
    </row>
    <row r="473772" spans="14:14">
      <c r="N473772" s="10"/>
    </row>
    <row r="473773" spans="14:14">
      <c r="N473773" s="10"/>
    </row>
    <row r="473774" spans="14:14">
      <c r="N473774" s="10"/>
    </row>
    <row r="473775" spans="14:14">
      <c r="N473775" s="10"/>
    </row>
    <row r="473776" spans="14:14">
      <c r="N473776" s="10"/>
    </row>
    <row r="473777" spans="14:14">
      <c r="N473777" s="10"/>
    </row>
    <row r="473778" spans="14:14">
      <c r="N473778" s="10"/>
    </row>
    <row r="473779" spans="14:14">
      <c r="N473779" s="10"/>
    </row>
    <row r="473780" spans="14:14">
      <c r="N473780" s="10"/>
    </row>
    <row r="473781" spans="14:14">
      <c r="N473781" s="10"/>
    </row>
    <row r="473782" spans="14:14">
      <c r="N473782" s="10"/>
    </row>
    <row r="473783" spans="14:14">
      <c r="N473783" s="10"/>
    </row>
    <row r="473784" spans="14:14">
      <c r="N473784" s="10"/>
    </row>
    <row r="473785" spans="14:14">
      <c r="N473785" s="10"/>
    </row>
    <row r="473786" spans="14:14">
      <c r="N473786" s="10"/>
    </row>
    <row r="473787" spans="14:14">
      <c r="N473787" s="10"/>
    </row>
    <row r="473788" spans="14:14">
      <c r="N473788" s="10"/>
    </row>
    <row r="473789" spans="14:14">
      <c r="N473789" s="10"/>
    </row>
    <row r="473790" spans="14:14">
      <c r="N473790" s="10"/>
    </row>
    <row r="473791" spans="14:14">
      <c r="N473791" s="10"/>
    </row>
    <row r="473792" spans="14:14">
      <c r="N473792" s="10"/>
    </row>
    <row r="473793" spans="14:14">
      <c r="N473793" s="10"/>
    </row>
    <row r="473794" spans="14:14">
      <c r="N473794" s="10"/>
    </row>
    <row r="473795" spans="14:14">
      <c r="N473795" s="10"/>
    </row>
    <row r="473796" spans="14:14">
      <c r="N473796" s="10"/>
    </row>
    <row r="473797" spans="14:14">
      <c r="N473797" s="10"/>
    </row>
    <row r="473798" spans="14:14">
      <c r="N473798" s="10"/>
    </row>
    <row r="473799" spans="14:14">
      <c r="N473799" s="10"/>
    </row>
    <row r="473800" spans="14:14">
      <c r="N473800" s="10"/>
    </row>
    <row r="473801" spans="14:14">
      <c r="N473801" s="10"/>
    </row>
    <row r="473802" spans="14:14">
      <c r="N473802" s="10"/>
    </row>
    <row r="473803" spans="14:14">
      <c r="N473803" s="10"/>
    </row>
    <row r="473804" spans="14:14">
      <c r="N473804" s="10"/>
    </row>
    <row r="473805" spans="14:14">
      <c r="N473805" s="10"/>
    </row>
    <row r="473806" spans="14:14">
      <c r="N473806" s="10"/>
    </row>
    <row r="473807" spans="14:14">
      <c r="N473807" s="10"/>
    </row>
    <row r="473808" spans="14:14">
      <c r="N473808" s="10"/>
    </row>
    <row r="473809" spans="14:14">
      <c r="N473809" s="10"/>
    </row>
    <row r="473810" spans="14:14">
      <c r="N473810" s="10"/>
    </row>
    <row r="473811" spans="14:14">
      <c r="N473811" s="10"/>
    </row>
    <row r="473812" spans="14:14">
      <c r="N473812" s="10"/>
    </row>
    <row r="473813" spans="14:14">
      <c r="N473813" s="10"/>
    </row>
    <row r="473814" spans="14:14">
      <c r="N473814" s="10"/>
    </row>
    <row r="473815" spans="14:14">
      <c r="N473815" s="10"/>
    </row>
    <row r="473816" spans="14:14">
      <c r="N473816" s="10"/>
    </row>
    <row r="473817" spans="14:14">
      <c r="N473817" s="10"/>
    </row>
    <row r="473818" spans="14:14">
      <c r="N473818" s="10"/>
    </row>
    <row r="473819" spans="14:14">
      <c r="N473819" s="10"/>
    </row>
    <row r="473820" spans="14:14">
      <c r="N473820" s="10"/>
    </row>
    <row r="473821" spans="14:14">
      <c r="N473821" s="10"/>
    </row>
    <row r="473822" spans="14:14">
      <c r="N473822" s="10"/>
    </row>
    <row r="473823" spans="14:14">
      <c r="N473823" s="10"/>
    </row>
    <row r="473824" spans="14:14">
      <c r="N473824" s="10"/>
    </row>
    <row r="473825" spans="14:14">
      <c r="N473825" s="10"/>
    </row>
    <row r="473826" spans="14:14">
      <c r="N473826" s="10"/>
    </row>
    <row r="473827" spans="14:14">
      <c r="N473827" s="10"/>
    </row>
    <row r="473828" spans="14:14">
      <c r="N473828" s="10"/>
    </row>
    <row r="473829" spans="14:14">
      <c r="N473829" s="10"/>
    </row>
    <row r="473830" spans="14:14">
      <c r="N473830" s="10"/>
    </row>
    <row r="473831" spans="14:14">
      <c r="N473831" s="10"/>
    </row>
    <row r="473832" spans="14:14">
      <c r="N473832" s="10"/>
    </row>
    <row r="473833" spans="14:14">
      <c r="N473833" s="10"/>
    </row>
    <row r="473834" spans="14:14">
      <c r="N473834" s="10"/>
    </row>
    <row r="473835" spans="14:14">
      <c r="N473835" s="10"/>
    </row>
    <row r="473836" spans="14:14">
      <c r="N473836" s="10"/>
    </row>
    <row r="473837" spans="14:14">
      <c r="N473837" s="10"/>
    </row>
    <row r="473838" spans="14:14">
      <c r="N473838" s="10"/>
    </row>
    <row r="473839" spans="14:14">
      <c r="N473839" s="10"/>
    </row>
    <row r="473840" spans="14:14">
      <c r="N473840" s="10"/>
    </row>
    <row r="473841" spans="14:14">
      <c r="N473841" s="10"/>
    </row>
    <row r="473842" spans="14:14">
      <c r="N473842" s="10"/>
    </row>
    <row r="473843" spans="14:14">
      <c r="N473843" s="10"/>
    </row>
    <row r="473844" spans="14:14">
      <c r="N473844" s="10"/>
    </row>
    <row r="473845" spans="14:14">
      <c r="N473845" s="10"/>
    </row>
    <row r="473846" spans="14:14">
      <c r="N473846" s="10"/>
    </row>
    <row r="473847" spans="14:14">
      <c r="N473847" s="10"/>
    </row>
    <row r="473848" spans="14:14">
      <c r="N473848" s="10"/>
    </row>
    <row r="473849" spans="14:14">
      <c r="N473849" s="10"/>
    </row>
    <row r="473850" spans="14:14">
      <c r="N473850" s="10"/>
    </row>
    <row r="473851" spans="14:14">
      <c r="N473851" s="10"/>
    </row>
    <row r="473852" spans="14:14">
      <c r="N473852" s="10"/>
    </row>
    <row r="473853" spans="14:14">
      <c r="N473853" s="10"/>
    </row>
    <row r="473854" spans="14:14">
      <c r="N473854" s="10"/>
    </row>
    <row r="473855" spans="14:14">
      <c r="N473855" s="10"/>
    </row>
    <row r="473856" spans="14:14">
      <c r="N473856" s="10"/>
    </row>
    <row r="473857" spans="14:14">
      <c r="N473857" s="10"/>
    </row>
    <row r="473858" spans="14:14">
      <c r="N473858" s="10"/>
    </row>
    <row r="473859" spans="14:14">
      <c r="N473859" s="10"/>
    </row>
    <row r="473860" spans="14:14">
      <c r="N473860" s="10"/>
    </row>
    <row r="473861" spans="14:14">
      <c r="N473861" s="10"/>
    </row>
    <row r="473862" spans="14:14">
      <c r="N473862" s="10"/>
    </row>
    <row r="473863" spans="14:14">
      <c r="N473863" s="10"/>
    </row>
    <row r="473864" spans="14:14">
      <c r="N473864" s="10"/>
    </row>
    <row r="473865" spans="14:14">
      <c r="N473865" s="10"/>
    </row>
    <row r="473866" spans="14:14">
      <c r="N473866" s="10"/>
    </row>
    <row r="473867" spans="14:14">
      <c r="N473867" s="10"/>
    </row>
    <row r="473868" spans="14:14">
      <c r="N473868" s="10"/>
    </row>
    <row r="473869" spans="14:14">
      <c r="N473869" s="10"/>
    </row>
    <row r="473870" spans="14:14">
      <c r="N473870" s="10"/>
    </row>
    <row r="473871" spans="14:14">
      <c r="N473871" s="10"/>
    </row>
    <row r="473872" spans="14:14">
      <c r="N473872" s="10"/>
    </row>
    <row r="473873" spans="14:14">
      <c r="N473873" s="10"/>
    </row>
    <row r="473874" spans="14:14">
      <c r="N473874" s="10"/>
    </row>
    <row r="473875" spans="14:14">
      <c r="N473875" s="10"/>
    </row>
    <row r="473876" spans="14:14">
      <c r="N473876" s="10"/>
    </row>
    <row r="473877" spans="14:14">
      <c r="N473877" s="10"/>
    </row>
    <row r="473878" spans="14:14">
      <c r="N473878" s="10"/>
    </row>
    <row r="473879" spans="14:14">
      <c r="N473879" s="10"/>
    </row>
    <row r="473880" spans="14:14">
      <c r="N473880" s="10"/>
    </row>
    <row r="473881" spans="14:14">
      <c r="N473881" s="10"/>
    </row>
    <row r="473882" spans="14:14">
      <c r="N473882" s="10"/>
    </row>
    <row r="473883" spans="14:14">
      <c r="N473883" s="10"/>
    </row>
    <row r="473884" spans="14:14">
      <c r="N473884" s="10"/>
    </row>
    <row r="473885" spans="14:14">
      <c r="N473885" s="10"/>
    </row>
    <row r="473886" spans="14:14">
      <c r="N473886" s="10"/>
    </row>
    <row r="473887" spans="14:14">
      <c r="N473887" s="10"/>
    </row>
    <row r="473888" spans="14:14">
      <c r="N473888" s="10"/>
    </row>
    <row r="473889" spans="14:14">
      <c r="N473889" s="10"/>
    </row>
    <row r="473890" spans="14:14">
      <c r="N473890" s="10"/>
    </row>
    <row r="473891" spans="14:14">
      <c r="N473891" s="10"/>
    </row>
    <row r="473892" spans="14:14">
      <c r="N473892" s="10"/>
    </row>
    <row r="473893" spans="14:14">
      <c r="N473893" s="10"/>
    </row>
    <row r="473894" spans="14:14">
      <c r="N473894" s="10"/>
    </row>
    <row r="473895" spans="14:14">
      <c r="N473895" s="10"/>
    </row>
    <row r="473896" spans="14:14">
      <c r="N473896" s="10"/>
    </row>
    <row r="473897" spans="14:14">
      <c r="N473897" s="10"/>
    </row>
    <row r="473898" spans="14:14">
      <c r="N473898" s="10"/>
    </row>
    <row r="473899" spans="14:14">
      <c r="N473899" s="10"/>
    </row>
    <row r="473900" spans="14:14">
      <c r="N473900" s="10"/>
    </row>
    <row r="473901" spans="14:14">
      <c r="N473901" s="10"/>
    </row>
    <row r="473902" spans="14:14">
      <c r="N473902" s="10"/>
    </row>
    <row r="473903" spans="14:14">
      <c r="N473903" s="10"/>
    </row>
    <row r="473904" spans="14:14">
      <c r="N473904" s="10"/>
    </row>
    <row r="473905" spans="14:14">
      <c r="N473905" s="10"/>
    </row>
    <row r="473906" spans="14:14">
      <c r="N473906" s="10"/>
    </row>
    <row r="473907" spans="14:14">
      <c r="N473907" s="10"/>
    </row>
    <row r="473908" spans="14:14">
      <c r="N473908" s="10"/>
    </row>
    <row r="473909" spans="14:14">
      <c r="N473909" s="10"/>
    </row>
    <row r="473910" spans="14:14">
      <c r="N473910" s="10"/>
    </row>
    <row r="473911" spans="14:14">
      <c r="N473911" s="10"/>
    </row>
    <row r="473912" spans="14:14">
      <c r="N473912" s="10"/>
    </row>
    <row r="473913" spans="14:14">
      <c r="N473913" s="10"/>
    </row>
    <row r="473914" spans="14:14">
      <c r="N473914" s="10"/>
    </row>
    <row r="473915" spans="14:14">
      <c r="N473915" s="10"/>
    </row>
    <row r="473916" spans="14:14">
      <c r="N473916" s="10"/>
    </row>
    <row r="473917" spans="14:14">
      <c r="N473917" s="10"/>
    </row>
    <row r="473918" spans="14:14">
      <c r="N473918" s="10"/>
    </row>
    <row r="473919" spans="14:14">
      <c r="N473919" s="10"/>
    </row>
    <row r="473920" spans="14:14">
      <c r="N473920" s="10"/>
    </row>
    <row r="473921" spans="14:14">
      <c r="N473921" s="10"/>
    </row>
    <row r="473922" spans="14:14">
      <c r="N473922" s="10"/>
    </row>
    <row r="473923" spans="14:14">
      <c r="N473923" s="10"/>
    </row>
    <row r="473924" spans="14:14">
      <c r="N473924" s="10"/>
    </row>
    <row r="473925" spans="14:14">
      <c r="N473925" s="10"/>
    </row>
    <row r="473926" spans="14:14">
      <c r="N473926" s="10"/>
    </row>
    <row r="473927" spans="14:14">
      <c r="N473927" s="10"/>
    </row>
    <row r="473928" spans="14:14">
      <c r="N473928" s="10"/>
    </row>
    <row r="473929" spans="14:14">
      <c r="N473929" s="10"/>
    </row>
    <row r="473930" spans="14:14">
      <c r="N473930" s="10"/>
    </row>
    <row r="473931" spans="14:14">
      <c r="N473931" s="10"/>
    </row>
    <row r="473932" spans="14:14">
      <c r="N473932" s="10"/>
    </row>
    <row r="473933" spans="14:14">
      <c r="N473933" s="10"/>
    </row>
    <row r="473934" spans="14:14">
      <c r="N473934" s="10"/>
    </row>
    <row r="473935" spans="14:14">
      <c r="N473935" s="10"/>
    </row>
    <row r="473936" spans="14:14">
      <c r="N473936" s="10"/>
    </row>
    <row r="473937" spans="14:14">
      <c r="N473937" s="10"/>
    </row>
    <row r="473938" spans="14:14">
      <c r="N473938" s="10"/>
    </row>
    <row r="473939" spans="14:14">
      <c r="N473939" s="10"/>
    </row>
    <row r="473940" spans="14:14">
      <c r="N473940" s="10"/>
    </row>
    <row r="473941" spans="14:14">
      <c r="N473941" s="10"/>
    </row>
    <row r="473942" spans="14:14">
      <c r="N473942" s="10"/>
    </row>
    <row r="473943" spans="14:14">
      <c r="N473943" s="10"/>
    </row>
    <row r="473944" spans="14:14">
      <c r="N473944" s="10"/>
    </row>
    <row r="473945" spans="14:14">
      <c r="N473945" s="10"/>
    </row>
    <row r="473946" spans="14:14">
      <c r="N473946" s="10"/>
    </row>
    <row r="473947" spans="14:14">
      <c r="N473947" s="10"/>
    </row>
    <row r="473948" spans="14:14">
      <c r="N473948" s="10"/>
    </row>
    <row r="473949" spans="14:14">
      <c r="N473949" s="10"/>
    </row>
    <row r="473950" spans="14:14">
      <c r="N473950" s="10"/>
    </row>
    <row r="473951" spans="14:14">
      <c r="N473951" s="10"/>
    </row>
    <row r="473952" spans="14:14">
      <c r="N473952" s="10"/>
    </row>
    <row r="473953" spans="14:14">
      <c r="N473953" s="10"/>
    </row>
    <row r="473954" spans="14:14">
      <c r="N473954" s="10"/>
    </row>
    <row r="473955" spans="14:14">
      <c r="N473955" s="10"/>
    </row>
    <row r="473956" spans="14:14">
      <c r="N473956" s="10"/>
    </row>
    <row r="473957" spans="14:14">
      <c r="N473957" s="10"/>
    </row>
    <row r="473958" spans="14:14">
      <c r="N473958" s="10"/>
    </row>
    <row r="473959" spans="14:14">
      <c r="N473959" s="10"/>
    </row>
    <row r="473960" spans="14:14">
      <c r="N473960" s="10"/>
    </row>
    <row r="473961" spans="14:14">
      <c r="N473961" s="10"/>
    </row>
    <row r="473962" spans="14:14">
      <c r="N473962" s="10"/>
    </row>
    <row r="473963" spans="14:14">
      <c r="N473963" s="10"/>
    </row>
    <row r="473964" spans="14:14">
      <c r="N473964" s="10"/>
    </row>
    <row r="473965" spans="14:14">
      <c r="N473965" s="10"/>
    </row>
    <row r="473966" spans="14:14">
      <c r="N473966" s="10"/>
    </row>
    <row r="473967" spans="14:14">
      <c r="N473967" s="10"/>
    </row>
    <row r="473968" spans="14:14">
      <c r="N473968" s="10"/>
    </row>
    <row r="473969" spans="14:14">
      <c r="N473969" s="10"/>
    </row>
    <row r="473970" spans="14:14">
      <c r="N473970" s="10"/>
    </row>
    <row r="473971" spans="14:14">
      <c r="N473971" s="10"/>
    </row>
    <row r="473972" spans="14:14">
      <c r="N473972" s="10"/>
    </row>
    <row r="473973" spans="14:14">
      <c r="N473973" s="10"/>
    </row>
    <row r="473974" spans="14:14">
      <c r="N473974" s="10"/>
    </row>
    <row r="473975" spans="14:14">
      <c r="N473975" s="10"/>
    </row>
    <row r="473976" spans="14:14">
      <c r="N473976" s="10"/>
    </row>
    <row r="473977" spans="14:14">
      <c r="N473977" s="10"/>
    </row>
    <row r="473978" spans="14:14">
      <c r="N473978" s="10"/>
    </row>
    <row r="473979" spans="14:14">
      <c r="N473979" s="10"/>
    </row>
    <row r="473980" spans="14:14">
      <c r="N473980" s="10"/>
    </row>
    <row r="473981" spans="14:14">
      <c r="N473981" s="10"/>
    </row>
    <row r="473982" spans="14:14">
      <c r="N473982" s="10"/>
    </row>
    <row r="473983" spans="14:14">
      <c r="N473983" s="10"/>
    </row>
    <row r="473984" spans="14:14">
      <c r="N473984" s="10"/>
    </row>
    <row r="473985" spans="14:14">
      <c r="N473985" s="10"/>
    </row>
    <row r="473986" spans="14:14">
      <c r="N473986" s="10"/>
    </row>
    <row r="473987" spans="14:14">
      <c r="N473987" s="10"/>
    </row>
    <row r="473988" spans="14:14">
      <c r="N473988" s="10"/>
    </row>
    <row r="473989" spans="14:14">
      <c r="N473989" s="10"/>
    </row>
    <row r="473990" spans="14:14">
      <c r="N473990" s="10"/>
    </row>
    <row r="473991" spans="14:14">
      <c r="N473991" s="10"/>
    </row>
    <row r="473992" spans="14:14">
      <c r="N473992" s="10"/>
    </row>
    <row r="473993" spans="14:14">
      <c r="N473993" s="10"/>
    </row>
    <row r="473994" spans="14:14">
      <c r="N473994" s="10"/>
    </row>
    <row r="473995" spans="14:14">
      <c r="N473995" s="10"/>
    </row>
    <row r="473996" spans="14:14">
      <c r="N473996" s="10"/>
    </row>
    <row r="473997" spans="14:14">
      <c r="N473997" s="10"/>
    </row>
    <row r="473998" spans="14:14">
      <c r="N473998" s="10"/>
    </row>
    <row r="473999" spans="14:14">
      <c r="N473999" s="10"/>
    </row>
    <row r="474000" spans="14:14">
      <c r="N474000" s="10"/>
    </row>
    <row r="474001" spans="14:14">
      <c r="N474001" s="10"/>
    </row>
    <row r="474002" spans="14:14">
      <c r="N474002" s="10"/>
    </row>
    <row r="474003" spans="14:14">
      <c r="N474003" s="10"/>
    </row>
    <row r="474004" spans="14:14">
      <c r="N474004" s="10"/>
    </row>
    <row r="474005" spans="14:14">
      <c r="N474005" s="10"/>
    </row>
    <row r="474006" spans="14:14">
      <c r="N474006" s="10"/>
    </row>
    <row r="474007" spans="14:14">
      <c r="N474007" s="10"/>
    </row>
    <row r="474008" spans="14:14">
      <c r="N474008" s="10"/>
    </row>
    <row r="474009" spans="14:14">
      <c r="N474009" s="10"/>
    </row>
    <row r="474010" spans="14:14">
      <c r="N474010" s="10"/>
    </row>
    <row r="474011" spans="14:14">
      <c r="N474011" s="10"/>
    </row>
    <row r="474012" spans="14:14">
      <c r="N474012" s="10"/>
    </row>
    <row r="474013" spans="14:14">
      <c r="N474013" s="10"/>
    </row>
    <row r="474014" spans="14:14">
      <c r="N474014" s="10"/>
    </row>
    <row r="474015" spans="14:14">
      <c r="N474015" s="10"/>
    </row>
    <row r="474016" spans="14:14">
      <c r="N474016" s="10"/>
    </row>
    <row r="474017" spans="14:14">
      <c r="N474017" s="10"/>
    </row>
    <row r="474018" spans="14:14">
      <c r="N474018" s="10"/>
    </row>
    <row r="474019" spans="14:14">
      <c r="N474019" s="10"/>
    </row>
    <row r="474020" spans="14:14">
      <c r="N474020" s="10"/>
    </row>
    <row r="474021" spans="14:14">
      <c r="N474021" s="10"/>
    </row>
    <row r="474022" spans="14:14">
      <c r="N474022" s="10"/>
    </row>
    <row r="474023" spans="14:14">
      <c r="N474023" s="10"/>
    </row>
    <row r="474024" spans="14:14">
      <c r="N474024" s="10"/>
    </row>
    <row r="474025" spans="14:14">
      <c r="N474025" s="10"/>
    </row>
    <row r="474026" spans="14:14">
      <c r="N474026" s="10"/>
    </row>
    <row r="474027" spans="14:14">
      <c r="N474027" s="10"/>
    </row>
    <row r="474028" spans="14:14">
      <c r="N474028" s="10"/>
    </row>
    <row r="474029" spans="14:14">
      <c r="N474029" s="10"/>
    </row>
    <row r="474030" spans="14:14">
      <c r="N474030" s="10"/>
    </row>
    <row r="474031" spans="14:14">
      <c r="N474031" s="10"/>
    </row>
    <row r="474032" spans="14:14">
      <c r="N474032" s="10"/>
    </row>
    <row r="474033" spans="14:14">
      <c r="N474033" s="10"/>
    </row>
    <row r="474034" spans="14:14">
      <c r="N474034" s="10"/>
    </row>
    <row r="474035" spans="14:14">
      <c r="N474035" s="10"/>
    </row>
    <row r="474036" spans="14:14">
      <c r="N474036" s="10"/>
    </row>
    <row r="474037" spans="14:14">
      <c r="N474037" s="10"/>
    </row>
    <row r="474038" spans="14:14">
      <c r="N474038" s="10"/>
    </row>
    <row r="474039" spans="14:14">
      <c r="N474039" s="10"/>
    </row>
    <row r="474040" spans="14:14">
      <c r="N474040" s="10"/>
    </row>
    <row r="474041" spans="14:14">
      <c r="N474041" s="10"/>
    </row>
    <row r="474042" spans="14:14">
      <c r="N474042" s="10"/>
    </row>
    <row r="474043" spans="14:14">
      <c r="N474043" s="10"/>
    </row>
    <row r="474044" spans="14:14">
      <c r="N474044" s="10"/>
    </row>
    <row r="474045" spans="14:14">
      <c r="N474045" s="10"/>
    </row>
    <row r="474046" spans="14:14">
      <c r="N474046" s="10"/>
    </row>
    <row r="474047" spans="14:14">
      <c r="N474047" s="10"/>
    </row>
    <row r="474048" spans="14:14">
      <c r="N474048" s="10"/>
    </row>
    <row r="474049" spans="14:14">
      <c r="N474049" s="10"/>
    </row>
    <row r="474050" spans="14:14">
      <c r="N474050" s="10"/>
    </row>
    <row r="474051" spans="14:14">
      <c r="N474051" s="10"/>
    </row>
    <row r="474052" spans="14:14">
      <c r="N474052" s="10"/>
    </row>
    <row r="474053" spans="14:14">
      <c r="N474053" s="10"/>
    </row>
    <row r="474054" spans="14:14">
      <c r="N474054" s="10"/>
    </row>
    <row r="474055" spans="14:14">
      <c r="N474055" s="10"/>
    </row>
    <row r="474056" spans="14:14">
      <c r="N474056" s="10"/>
    </row>
    <row r="474057" spans="14:14">
      <c r="N474057" s="10"/>
    </row>
    <row r="474058" spans="14:14">
      <c r="N474058" s="10"/>
    </row>
    <row r="474059" spans="14:14">
      <c r="N474059" s="10"/>
    </row>
    <row r="474060" spans="14:14">
      <c r="N474060" s="10"/>
    </row>
    <row r="474061" spans="14:14">
      <c r="N474061" s="10"/>
    </row>
    <row r="474062" spans="14:14">
      <c r="N474062" s="10"/>
    </row>
    <row r="474063" spans="14:14">
      <c r="N474063" s="10"/>
    </row>
    <row r="474064" spans="14:14">
      <c r="N474064" s="10"/>
    </row>
    <row r="474065" spans="14:14">
      <c r="N474065" s="10"/>
    </row>
    <row r="474066" spans="14:14">
      <c r="N474066" s="10"/>
    </row>
    <row r="474067" spans="14:14">
      <c r="N474067" s="10"/>
    </row>
    <row r="474068" spans="14:14">
      <c r="N474068" s="10"/>
    </row>
    <row r="474069" spans="14:14">
      <c r="N474069" s="10"/>
    </row>
    <row r="474070" spans="14:14">
      <c r="N474070" s="10"/>
    </row>
    <row r="474071" spans="14:14">
      <c r="N474071" s="10"/>
    </row>
    <row r="474072" spans="14:14">
      <c r="N474072" s="10"/>
    </row>
    <row r="474073" spans="14:14">
      <c r="N474073" s="10"/>
    </row>
    <row r="474074" spans="14:14">
      <c r="N474074" s="10"/>
    </row>
    <row r="474075" spans="14:14">
      <c r="N474075" s="10"/>
    </row>
    <row r="474076" spans="14:14">
      <c r="N474076" s="10"/>
    </row>
    <row r="474077" spans="14:14">
      <c r="N474077" s="10"/>
    </row>
    <row r="474078" spans="14:14">
      <c r="N474078" s="10"/>
    </row>
    <row r="474079" spans="14:14">
      <c r="N474079" s="10"/>
    </row>
    <row r="474080" spans="14:14">
      <c r="N474080" s="10"/>
    </row>
    <row r="474081" spans="14:14">
      <c r="N474081" s="10"/>
    </row>
    <row r="474082" spans="14:14">
      <c r="N474082" s="10"/>
    </row>
    <row r="474083" spans="14:14">
      <c r="N474083" s="10"/>
    </row>
    <row r="474084" spans="14:14">
      <c r="N474084" s="10"/>
    </row>
    <row r="474085" spans="14:14">
      <c r="N474085" s="10"/>
    </row>
    <row r="474086" spans="14:14">
      <c r="N474086" s="10"/>
    </row>
    <row r="474087" spans="14:14">
      <c r="N474087" s="10"/>
    </row>
    <row r="474088" spans="14:14">
      <c r="N474088" s="10"/>
    </row>
    <row r="474089" spans="14:14">
      <c r="N474089" s="10"/>
    </row>
    <row r="474090" spans="14:14">
      <c r="N474090" s="10"/>
    </row>
    <row r="474091" spans="14:14">
      <c r="N474091" s="10"/>
    </row>
    <row r="474092" spans="14:14">
      <c r="N474092" s="10"/>
    </row>
    <row r="474093" spans="14:14">
      <c r="N474093" s="10"/>
    </row>
    <row r="474094" spans="14:14">
      <c r="N474094" s="10"/>
    </row>
    <row r="474095" spans="14:14">
      <c r="N474095" s="10"/>
    </row>
    <row r="474096" spans="14:14">
      <c r="N474096" s="10"/>
    </row>
    <row r="474097" spans="14:14">
      <c r="N474097" s="10"/>
    </row>
    <row r="474098" spans="14:14">
      <c r="N474098" s="10"/>
    </row>
    <row r="474099" spans="14:14">
      <c r="N474099" s="10"/>
    </row>
    <row r="474100" spans="14:14">
      <c r="N474100" s="10"/>
    </row>
    <row r="474101" spans="14:14">
      <c r="N474101" s="10"/>
    </row>
    <row r="474102" spans="14:14">
      <c r="N474102" s="10"/>
    </row>
    <row r="474103" spans="14:14">
      <c r="N474103" s="10"/>
    </row>
    <row r="474104" spans="14:14">
      <c r="N474104" s="10"/>
    </row>
    <row r="474105" spans="14:14">
      <c r="N474105" s="10"/>
    </row>
    <row r="474106" spans="14:14">
      <c r="N474106" s="10"/>
    </row>
    <row r="474107" spans="14:14">
      <c r="N474107" s="10"/>
    </row>
    <row r="474108" spans="14:14">
      <c r="N474108" s="10"/>
    </row>
    <row r="474109" spans="14:14">
      <c r="N474109" s="10"/>
    </row>
    <row r="474110" spans="14:14">
      <c r="N474110" s="10"/>
    </row>
    <row r="474111" spans="14:14">
      <c r="N474111" s="10"/>
    </row>
    <row r="474112" spans="14:14">
      <c r="N474112" s="10"/>
    </row>
    <row r="474113" spans="14:14">
      <c r="N474113" s="10"/>
    </row>
    <row r="474114" spans="14:14">
      <c r="N474114" s="10"/>
    </row>
    <row r="474115" spans="14:14">
      <c r="N474115" s="10"/>
    </row>
    <row r="474116" spans="14:14">
      <c r="N474116" s="10"/>
    </row>
    <row r="474117" spans="14:14">
      <c r="N474117" s="10"/>
    </row>
    <row r="474118" spans="14:14">
      <c r="N474118" s="10"/>
    </row>
    <row r="474119" spans="14:14">
      <c r="N474119" s="10"/>
    </row>
    <row r="474120" spans="14:14">
      <c r="N474120" s="10"/>
    </row>
    <row r="474121" spans="14:14">
      <c r="N474121" s="10"/>
    </row>
    <row r="474122" spans="14:14">
      <c r="N474122" s="10"/>
    </row>
    <row r="474123" spans="14:14">
      <c r="N474123" s="10"/>
    </row>
    <row r="474124" spans="14:14">
      <c r="N474124" s="10"/>
    </row>
    <row r="474125" spans="14:14">
      <c r="N474125" s="10"/>
    </row>
    <row r="474126" spans="14:14">
      <c r="N474126" s="10"/>
    </row>
    <row r="474127" spans="14:14">
      <c r="N474127" s="10"/>
    </row>
    <row r="474128" spans="14:14">
      <c r="N474128" s="10"/>
    </row>
    <row r="474129" spans="14:14">
      <c r="N474129" s="10"/>
    </row>
    <row r="474130" spans="14:14">
      <c r="N474130" s="10"/>
    </row>
    <row r="474131" spans="14:14">
      <c r="N474131" s="10"/>
    </row>
    <row r="474132" spans="14:14">
      <c r="N474132" s="10"/>
    </row>
    <row r="474133" spans="14:14">
      <c r="N474133" s="10"/>
    </row>
    <row r="474134" spans="14:14">
      <c r="N474134" s="10"/>
    </row>
    <row r="474135" spans="14:14">
      <c r="N474135" s="10"/>
    </row>
    <row r="474136" spans="14:14">
      <c r="N474136" s="10"/>
    </row>
    <row r="474137" spans="14:14">
      <c r="N474137" s="10"/>
    </row>
    <row r="474138" spans="14:14">
      <c r="N474138" s="10"/>
    </row>
    <row r="474139" spans="14:14">
      <c r="N474139" s="10"/>
    </row>
    <row r="474140" spans="14:14">
      <c r="N474140" s="10"/>
    </row>
    <row r="474141" spans="14:14">
      <c r="N474141" s="10"/>
    </row>
    <row r="474142" spans="14:14">
      <c r="N474142" s="10"/>
    </row>
    <row r="474143" spans="14:14">
      <c r="N474143" s="10"/>
    </row>
    <row r="474144" spans="14:14">
      <c r="N474144" s="10"/>
    </row>
    <row r="474145" spans="14:14">
      <c r="N474145" s="10"/>
    </row>
    <row r="474146" spans="14:14">
      <c r="N474146" s="10"/>
    </row>
    <row r="474147" spans="14:14">
      <c r="N474147" s="10"/>
    </row>
    <row r="474148" spans="14:14">
      <c r="N474148" s="10"/>
    </row>
    <row r="474149" spans="14:14">
      <c r="N474149" s="10"/>
    </row>
    <row r="474150" spans="14:14">
      <c r="N474150" s="10"/>
    </row>
    <row r="474151" spans="14:14">
      <c r="N474151" s="10"/>
    </row>
    <row r="474152" spans="14:14">
      <c r="N474152" s="10"/>
    </row>
    <row r="474153" spans="14:14">
      <c r="N474153" s="10"/>
    </row>
    <row r="474154" spans="14:14">
      <c r="N474154" s="10"/>
    </row>
    <row r="474155" spans="14:14">
      <c r="N474155" s="10"/>
    </row>
    <row r="474156" spans="14:14">
      <c r="N474156" s="10"/>
    </row>
    <row r="474157" spans="14:14">
      <c r="N474157" s="10"/>
    </row>
    <row r="474158" spans="14:14">
      <c r="N474158" s="10"/>
    </row>
    <row r="474159" spans="14:14">
      <c r="N474159" s="10"/>
    </row>
    <row r="474160" spans="14:14">
      <c r="N474160" s="10"/>
    </row>
    <row r="474161" spans="14:14">
      <c r="N474161" s="10"/>
    </row>
    <row r="474162" spans="14:14">
      <c r="N474162" s="10"/>
    </row>
    <row r="474163" spans="14:14">
      <c r="N474163" s="10"/>
    </row>
    <row r="474164" spans="14:14">
      <c r="N474164" s="10"/>
    </row>
    <row r="474165" spans="14:14">
      <c r="N474165" s="10"/>
    </row>
    <row r="474166" spans="14:14">
      <c r="N474166" s="10"/>
    </row>
    <row r="474167" spans="14:14">
      <c r="N474167" s="10"/>
    </row>
    <row r="474168" spans="14:14">
      <c r="N474168" s="10"/>
    </row>
    <row r="474169" spans="14:14">
      <c r="N474169" s="10"/>
    </row>
    <row r="474170" spans="14:14">
      <c r="N474170" s="10"/>
    </row>
    <row r="474171" spans="14:14">
      <c r="N474171" s="10"/>
    </row>
    <row r="474172" spans="14:14">
      <c r="N474172" s="10"/>
    </row>
    <row r="474173" spans="14:14">
      <c r="N474173" s="10"/>
    </row>
    <row r="474174" spans="14:14">
      <c r="N474174" s="10"/>
    </row>
    <row r="474175" spans="14:14">
      <c r="N474175" s="10"/>
    </row>
    <row r="474176" spans="14:14">
      <c r="N474176" s="10"/>
    </row>
    <row r="474177" spans="14:14">
      <c r="N474177" s="10"/>
    </row>
    <row r="474178" spans="14:14">
      <c r="N474178" s="10"/>
    </row>
    <row r="474179" spans="14:14">
      <c r="N474179" s="10"/>
    </row>
    <row r="474180" spans="14:14">
      <c r="N474180" s="10"/>
    </row>
    <row r="474181" spans="14:14">
      <c r="N474181" s="10"/>
    </row>
    <row r="474182" spans="14:14">
      <c r="N474182" s="10"/>
    </row>
    <row r="474183" spans="14:14">
      <c r="N474183" s="10"/>
    </row>
    <row r="474184" spans="14:14">
      <c r="N474184" s="10"/>
    </row>
    <row r="474185" spans="14:14">
      <c r="N474185" s="10"/>
    </row>
    <row r="474186" spans="14:14">
      <c r="N474186" s="10"/>
    </row>
    <row r="474187" spans="14:14">
      <c r="N474187" s="10"/>
    </row>
    <row r="474188" spans="14:14">
      <c r="N474188" s="10"/>
    </row>
    <row r="474189" spans="14:14">
      <c r="N474189" s="10"/>
    </row>
    <row r="474190" spans="14:14">
      <c r="N474190" s="10"/>
    </row>
    <row r="474191" spans="14:14">
      <c r="N474191" s="10"/>
    </row>
    <row r="474192" spans="14:14">
      <c r="N474192" s="10"/>
    </row>
    <row r="474193" spans="14:14">
      <c r="N474193" s="10"/>
    </row>
    <row r="474194" spans="14:14">
      <c r="N474194" s="10"/>
    </row>
    <row r="474195" spans="14:14">
      <c r="N474195" s="10"/>
    </row>
    <row r="474196" spans="14:14">
      <c r="N474196" s="10"/>
    </row>
    <row r="474197" spans="14:14">
      <c r="N474197" s="10"/>
    </row>
    <row r="474198" spans="14:14">
      <c r="N474198" s="10"/>
    </row>
    <row r="474199" spans="14:14">
      <c r="N474199" s="10"/>
    </row>
    <row r="474200" spans="14:14">
      <c r="N474200" s="10"/>
    </row>
    <row r="474201" spans="14:14">
      <c r="N474201" s="10"/>
    </row>
    <row r="474202" spans="14:14">
      <c r="N474202" s="10"/>
    </row>
    <row r="474203" spans="14:14">
      <c r="N474203" s="10"/>
    </row>
    <row r="474204" spans="14:14">
      <c r="N474204" s="10"/>
    </row>
    <row r="474205" spans="14:14">
      <c r="N474205" s="10"/>
    </row>
    <row r="474206" spans="14:14">
      <c r="N474206" s="10"/>
    </row>
    <row r="474207" spans="14:14">
      <c r="N474207" s="10"/>
    </row>
    <row r="474208" spans="14:14">
      <c r="N474208" s="10"/>
    </row>
    <row r="474209" spans="14:14">
      <c r="N474209" s="10"/>
    </row>
    <row r="474210" spans="14:14">
      <c r="N474210" s="10"/>
    </row>
    <row r="474211" spans="14:14">
      <c r="N474211" s="10"/>
    </row>
    <row r="474212" spans="14:14">
      <c r="N474212" s="10"/>
    </row>
    <row r="474213" spans="14:14">
      <c r="N474213" s="10"/>
    </row>
    <row r="474214" spans="14:14">
      <c r="N474214" s="10"/>
    </row>
    <row r="474215" spans="14:14">
      <c r="N474215" s="10"/>
    </row>
    <row r="474216" spans="14:14">
      <c r="N474216" s="10"/>
    </row>
    <row r="474217" spans="14:14">
      <c r="N474217" s="10"/>
    </row>
    <row r="474218" spans="14:14">
      <c r="N474218" s="10"/>
    </row>
    <row r="474219" spans="14:14">
      <c r="N474219" s="10"/>
    </row>
    <row r="474220" spans="14:14">
      <c r="N474220" s="10"/>
    </row>
    <row r="474221" spans="14:14">
      <c r="N474221" s="10"/>
    </row>
    <row r="474222" spans="14:14">
      <c r="N474222" s="10"/>
    </row>
    <row r="474223" spans="14:14">
      <c r="N474223" s="10"/>
    </row>
    <row r="474224" spans="14:14">
      <c r="N474224" s="10"/>
    </row>
    <row r="474225" spans="14:14">
      <c r="N474225" s="10"/>
    </row>
    <row r="474226" spans="14:14">
      <c r="N474226" s="10"/>
    </row>
    <row r="474227" spans="14:14">
      <c r="N474227" s="10"/>
    </row>
    <row r="474228" spans="14:14">
      <c r="N474228" s="10"/>
    </row>
    <row r="474229" spans="14:14">
      <c r="N474229" s="10"/>
    </row>
    <row r="474230" spans="14:14">
      <c r="N474230" s="10"/>
    </row>
    <row r="474231" spans="14:14">
      <c r="N474231" s="10"/>
    </row>
    <row r="474232" spans="14:14">
      <c r="N474232" s="10"/>
    </row>
    <row r="474233" spans="14:14">
      <c r="N474233" s="10"/>
    </row>
    <row r="474234" spans="14:14">
      <c r="N474234" s="10"/>
    </row>
    <row r="474235" spans="14:14">
      <c r="N474235" s="10"/>
    </row>
    <row r="474236" spans="14:14">
      <c r="N474236" s="10"/>
    </row>
    <row r="474237" spans="14:14">
      <c r="N474237" s="10"/>
    </row>
    <row r="474238" spans="14:14">
      <c r="N474238" s="10"/>
    </row>
    <row r="474239" spans="14:14">
      <c r="N474239" s="10"/>
    </row>
    <row r="474240" spans="14:14">
      <c r="N474240" s="10"/>
    </row>
    <row r="474241" spans="14:14">
      <c r="N474241" s="10"/>
    </row>
    <row r="474242" spans="14:14">
      <c r="N474242" s="10"/>
    </row>
    <row r="474243" spans="14:14">
      <c r="N474243" s="10"/>
    </row>
    <row r="474244" spans="14:14">
      <c r="N474244" s="10"/>
    </row>
    <row r="474245" spans="14:14">
      <c r="N474245" s="10"/>
    </row>
    <row r="474246" spans="14:14">
      <c r="N474246" s="10"/>
    </row>
    <row r="474247" spans="14:14">
      <c r="N474247" s="10"/>
    </row>
    <row r="474248" spans="14:14">
      <c r="N474248" s="10"/>
    </row>
    <row r="474249" spans="14:14">
      <c r="N474249" s="10"/>
    </row>
    <row r="474250" spans="14:14">
      <c r="N474250" s="10"/>
    </row>
    <row r="474251" spans="14:14">
      <c r="N474251" s="10"/>
    </row>
    <row r="474252" spans="14:14">
      <c r="N474252" s="10"/>
    </row>
    <row r="474253" spans="14:14">
      <c r="N474253" s="10"/>
    </row>
    <row r="474254" spans="14:14">
      <c r="N474254" s="10"/>
    </row>
    <row r="474255" spans="14:14">
      <c r="N474255" s="10"/>
    </row>
    <row r="474256" spans="14:14">
      <c r="N474256" s="10"/>
    </row>
    <row r="474257" spans="14:14">
      <c r="N474257" s="10"/>
    </row>
    <row r="474258" spans="14:14">
      <c r="N474258" s="10"/>
    </row>
    <row r="474259" spans="14:14">
      <c r="N474259" s="10"/>
    </row>
    <row r="474260" spans="14:14">
      <c r="N474260" s="10"/>
    </row>
    <row r="474261" spans="14:14">
      <c r="N474261" s="10"/>
    </row>
    <row r="474262" spans="14:14">
      <c r="N474262" s="10"/>
    </row>
    <row r="474263" spans="14:14">
      <c r="N474263" s="10"/>
    </row>
    <row r="474264" spans="14:14">
      <c r="N474264" s="10"/>
    </row>
    <row r="474265" spans="14:14">
      <c r="N474265" s="10"/>
    </row>
    <row r="474266" spans="14:14">
      <c r="N474266" s="10"/>
    </row>
    <row r="474267" spans="14:14">
      <c r="N474267" s="10"/>
    </row>
    <row r="474268" spans="14:14">
      <c r="N474268" s="10"/>
    </row>
    <row r="474269" spans="14:14">
      <c r="N474269" s="10"/>
    </row>
    <row r="474270" spans="14:14">
      <c r="N474270" s="10"/>
    </row>
    <row r="474271" spans="14:14">
      <c r="N474271" s="10"/>
    </row>
    <row r="474272" spans="14:14">
      <c r="N474272" s="10"/>
    </row>
    <row r="474273" spans="14:14">
      <c r="N474273" s="10"/>
    </row>
    <row r="474274" spans="14:14">
      <c r="N474274" s="10"/>
    </row>
    <row r="474275" spans="14:14">
      <c r="N474275" s="10"/>
    </row>
    <row r="474276" spans="14:14">
      <c r="N474276" s="10"/>
    </row>
    <row r="474277" spans="14:14">
      <c r="N474277" s="10"/>
    </row>
    <row r="474278" spans="14:14">
      <c r="N474278" s="10"/>
    </row>
    <row r="474279" spans="14:14">
      <c r="N474279" s="10"/>
    </row>
    <row r="474280" spans="14:14">
      <c r="N474280" s="10"/>
    </row>
    <row r="474281" spans="14:14">
      <c r="N474281" s="10"/>
    </row>
    <row r="474282" spans="14:14">
      <c r="N474282" s="10"/>
    </row>
    <row r="474283" spans="14:14">
      <c r="N474283" s="10"/>
    </row>
    <row r="474284" spans="14:14">
      <c r="N474284" s="10"/>
    </row>
    <row r="474285" spans="14:14">
      <c r="N474285" s="10"/>
    </row>
    <row r="474286" spans="14:14">
      <c r="N474286" s="10"/>
    </row>
    <row r="474287" spans="14:14">
      <c r="N474287" s="10"/>
    </row>
    <row r="474288" spans="14:14">
      <c r="N474288" s="10"/>
    </row>
    <row r="474289" spans="14:14">
      <c r="N474289" s="10"/>
    </row>
    <row r="474290" spans="14:14">
      <c r="N474290" s="10"/>
    </row>
    <row r="474291" spans="14:14">
      <c r="N474291" s="10"/>
    </row>
    <row r="474292" spans="14:14">
      <c r="N474292" s="10"/>
    </row>
    <row r="474293" spans="14:14">
      <c r="N474293" s="10"/>
    </row>
    <row r="474294" spans="14:14">
      <c r="N474294" s="10"/>
    </row>
    <row r="474295" spans="14:14">
      <c r="N474295" s="10"/>
    </row>
    <row r="474296" spans="14:14">
      <c r="N474296" s="10"/>
    </row>
    <row r="474297" spans="14:14">
      <c r="N474297" s="10"/>
    </row>
    <row r="474298" spans="14:14">
      <c r="N474298" s="10"/>
    </row>
    <row r="474299" spans="14:14">
      <c r="N474299" s="10"/>
    </row>
    <row r="474300" spans="14:14">
      <c r="N474300" s="10"/>
    </row>
    <row r="474301" spans="14:14">
      <c r="N474301" s="10"/>
    </row>
    <row r="474302" spans="14:14">
      <c r="N474302" s="10"/>
    </row>
    <row r="474303" spans="14:14">
      <c r="N474303" s="10"/>
    </row>
    <row r="474304" spans="14:14">
      <c r="N474304" s="10"/>
    </row>
    <row r="474305" spans="14:14">
      <c r="N474305" s="10"/>
    </row>
    <row r="474306" spans="14:14">
      <c r="N474306" s="10"/>
    </row>
    <row r="474307" spans="14:14">
      <c r="N474307" s="10"/>
    </row>
    <row r="474308" spans="14:14">
      <c r="N474308" s="10"/>
    </row>
    <row r="474309" spans="14:14">
      <c r="N474309" s="10"/>
    </row>
    <row r="474310" spans="14:14">
      <c r="N474310" s="10"/>
    </row>
    <row r="474311" spans="14:14">
      <c r="N474311" s="10"/>
    </row>
    <row r="474312" spans="14:14">
      <c r="N474312" s="10"/>
    </row>
    <row r="474313" spans="14:14">
      <c r="N474313" s="10"/>
    </row>
    <row r="474314" spans="14:14">
      <c r="N474314" s="10"/>
    </row>
    <row r="474315" spans="14:14">
      <c r="N474315" s="10"/>
    </row>
    <row r="474316" spans="14:14">
      <c r="N474316" s="10"/>
    </row>
    <row r="474317" spans="14:14">
      <c r="N474317" s="10"/>
    </row>
    <row r="474318" spans="14:14">
      <c r="N474318" s="10"/>
    </row>
    <row r="474319" spans="14:14">
      <c r="N474319" s="10"/>
    </row>
    <row r="474320" spans="14:14">
      <c r="N474320" s="10"/>
    </row>
    <row r="474321" spans="14:14">
      <c r="N474321" s="10"/>
    </row>
    <row r="474322" spans="14:14">
      <c r="N474322" s="10"/>
    </row>
    <row r="474323" spans="14:14">
      <c r="N474323" s="10"/>
    </row>
    <row r="474324" spans="14:14">
      <c r="N474324" s="10"/>
    </row>
    <row r="474325" spans="14:14">
      <c r="N474325" s="10"/>
    </row>
    <row r="474326" spans="14:14">
      <c r="N474326" s="10"/>
    </row>
    <row r="474327" spans="14:14">
      <c r="N474327" s="10"/>
    </row>
    <row r="474328" spans="14:14">
      <c r="N474328" s="10"/>
    </row>
    <row r="474329" spans="14:14">
      <c r="N474329" s="10"/>
    </row>
    <row r="474330" spans="14:14">
      <c r="N474330" s="10"/>
    </row>
    <row r="474331" spans="14:14">
      <c r="N474331" s="10"/>
    </row>
    <row r="474332" spans="14:14">
      <c r="N474332" s="10"/>
    </row>
    <row r="474333" spans="14:14">
      <c r="N474333" s="10"/>
    </row>
    <row r="474334" spans="14:14">
      <c r="N474334" s="10"/>
    </row>
    <row r="474335" spans="14:14">
      <c r="N474335" s="10"/>
    </row>
    <row r="474336" spans="14:14">
      <c r="N474336" s="10"/>
    </row>
    <row r="474337" spans="14:14">
      <c r="N474337" s="10"/>
    </row>
    <row r="474338" spans="14:14">
      <c r="N474338" s="10"/>
    </row>
    <row r="474339" spans="14:14">
      <c r="N474339" s="10"/>
    </row>
    <row r="474340" spans="14:14">
      <c r="N474340" s="10"/>
    </row>
    <row r="474341" spans="14:14">
      <c r="N474341" s="10"/>
    </row>
    <row r="474342" spans="14:14">
      <c r="N474342" s="10"/>
    </row>
    <row r="474343" spans="14:14">
      <c r="N474343" s="10"/>
    </row>
    <row r="474344" spans="14:14">
      <c r="N474344" s="10"/>
    </row>
    <row r="474345" spans="14:14">
      <c r="N474345" s="10"/>
    </row>
    <row r="474346" spans="14:14">
      <c r="N474346" s="10"/>
    </row>
    <row r="474347" spans="14:14">
      <c r="N474347" s="10"/>
    </row>
    <row r="474348" spans="14:14">
      <c r="N474348" s="10"/>
    </row>
    <row r="474349" spans="14:14">
      <c r="N474349" s="10"/>
    </row>
    <row r="474350" spans="14:14">
      <c r="N474350" s="10"/>
    </row>
    <row r="474351" spans="14:14">
      <c r="N474351" s="10"/>
    </row>
    <row r="474352" spans="14:14">
      <c r="N474352" s="10"/>
    </row>
    <row r="474353" spans="14:14">
      <c r="N474353" s="10"/>
    </row>
    <row r="474354" spans="14:14">
      <c r="N474354" s="10"/>
    </row>
    <row r="474355" spans="14:14">
      <c r="N474355" s="10"/>
    </row>
    <row r="474356" spans="14:14">
      <c r="N474356" s="10"/>
    </row>
    <row r="474357" spans="14:14">
      <c r="N474357" s="10"/>
    </row>
    <row r="474358" spans="14:14">
      <c r="N474358" s="10"/>
    </row>
    <row r="474359" spans="14:14">
      <c r="N474359" s="10"/>
    </row>
    <row r="474360" spans="14:14">
      <c r="N474360" s="10"/>
    </row>
    <row r="474361" spans="14:14">
      <c r="N474361" s="10"/>
    </row>
    <row r="474362" spans="14:14">
      <c r="N474362" s="10"/>
    </row>
    <row r="474363" spans="14:14">
      <c r="N474363" s="10"/>
    </row>
    <row r="474364" spans="14:14">
      <c r="N474364" s="10"/>
    </row>
    <row r="474365" spans="14:14">
      <c r="N474365" s="10"/>
    </row>
    <row r="474366" spans="14:14">
      <c r="N474366" s="10"/>
    </row>
    <row r="474367" spans="14:14">
      <c r="N474367" s="10"/>
    </row>
    <row r="474368" spans="14:14">
      <c r="N474368" s="10"/>
    </row>
    <row r="474369" spans="14:14">
      <c r="N474369" s="10"/>
    </row>
    <row r="474370" spans="14:14">
      <c r="N474370" s="10"/>
    </row>
    <row r="474371" spans="14:14">
      <c r="N474371" s="10"/>
    </row>
    <row r="474372" spans="14:14">
      <c r="N474372" s="10"/>
    </row>
    <row r="474373" spans="14:14">
      <c r="N474373" s="10"/>
    </row>
    <row r="474374" spans="14:14">
      <c r="N474374" s="10"/>
    </row>
    <row r="474375" spans="14:14">
      <c r="N474375" s="10"/>
    </row>
    <row r="474376" spans="14:14">
      <c r="N474376" s="10"/>
    </row>
    <row r="474377" spans="14:14">
      <c r="N474377" s="10"/>
    </row>
    <row r="474378" spans="14:14">
      <c r="N474378" s="10"/>
    </row>
    <row r="474379" spans="14:14">
      <c r="N474379" s="10"/>
    </row>
    <row r="474380" spans="14:14">
      <c r="N474380" s="10"/>
    </row>
    <row r="474381" spans="14:14">
      <c r="N474381" s="10"/>
    </row>
    <row r="474382" spans="14:14">
      <c r="N474382" s="10"/>
    </row>
    <row r="474383" spans="14:14">
      <c r="N474383" s="10"/>
    </row>
    <row r="474384" spans="14:14">
      <c r="N474384" s="10"/>
    </row>
    <row r="474385" spans="14:14">
      <c r="N474385" s="10"/>
    </row>
    <row r="474386" spans="14:14">
      <c r="N474386" s="10"/>
    </row>
    <row r="474387" spans="14:14">
      <c r="N474387" s="10"/>
    </row>
    <row r="474388" spans="14:14">
      <c r="N474388" s="10"/>
    </row>
    <row r="474389" spans="14:14">
      <c r="N474389" s="10"/>
    </row>
    <row r="474390" spans="14:14">
      <c r="N474390" s="10"/>
    </row>
    <row r="474391" spans="14:14">
      <c r="N474391" s="10"/>
    </row>
    <row r="474392" spans="14:14">
      <c r="N474392" s="10"/>
    </row>
    <row r="474393" spans="14:14">
      <c r="N474393" s="10"/>
    </row>
    <row r="474394" spans="14:14">
      <c r="N474394" s="10"/>
    </row>
    <row r="474395" spans="14:14">
      <c r="N474395" s="10"/>
    </row>
    <row r="474396" spans="14:14">
      <c r="N474396" s="10"/>
    </row>
    <row r="474397" spans="14:14">
      <c r="N474397" s="10"/>
    </row>
    <row r="474398" spans="14:14">
      <c r="N474398" s="10"/>
    </row>
    <row r="474399" spans="14:14">
      <c r="N474399" s="10"/>
    </row>
    <row r="474400" spans="14:14">
      <c r="N474400" s="10"/>
    </row>
    <row r="474401" spans="14:14">
      <c r="N474401" s="10"/>
    </row>
    <row r="474402" spans="14:14">
      <c r="N474402" s="10"/>
    </row>
    <row r="474403" spans="14:14">
      <c r="N474403" s="10"/>
    </row>
    <row r="474404" spans="14:14">
      <c r="N474404" s="10"/>
    </row>
    <row r="474405" spans="14:14">
      <c r="N474405" s="10"/>
    </row>
    <row r="474406" spans="14:14">
      <c r="N474406" s="10"/>
    </row>
    <row r="474407" spans="14:14">
      <c r="N474407" s="10"/>
    </row>
    <row r="474408" spans="14:14">
      <c r="N474408" s="10"/>
    </row>
    <row r="474409" spans="14:14">
      <c r="N474409" s="10"/>
    </row>
    <row r="474410" spans="14:14">
      <c r="N474410" s="10"/>
    </row>
    <row r="474411" spans="14:14">
      <c r="N474411" s="10"/>
    </row>
    <row r="474412" spans="14:14">
      <c r="N474412" s="10"/>
    </row>
    <row r="474413" spans="14:14">
      <c r="N474413" s="10"/>
    </row>
    <row r="474414" spans="14:14">
      <c r="N474414" s="10"/>
    </row>
    <row r="474415" spans="14:14">
      <c r="N474415" s="10"/>
    </row>
    <row r="474416" spans="14:14">
      <c r="N474416" s="10"/>
    </row>
    <row r="474417" spans="14:14">
      <c r="N474417" s="10"/>
    </row>
    <row r="474418" spans="14:14">
      <c r="N474418" s="10"/>
    </row>
    <row r="474419" spans="14:14">
      <c r="N474419" s="10"/>
    </row>
    <row r="474420" spans="14:14">
      <c r="N474420" s="10"/>
    </row>
    <row r="474421" spans="14:14">
      <c r="N474421" s="10"/>
    </row>
    <row r="474422" spans="14:14">
      <c r="N474422" s="10"/>
    </row>
    <row r="474423" spans="14:14">
      <c r="N474423" s="10"/>
    </row>
    <row r="474424" spans="14:14">
      <c r="N474424" s="10"/>
    </row>
    <row r="474425" spans="14:14">
      <c r="N474425" s="10"/>
    </row>
    <row r="474426" spans="14:14">
      <c r="N474426" s="10"/>
    </row>
    <row r="474427" spans="14:14">
      <c r="N474427" s="10"/>
    </row>
    <row r="474428" spans="14:14">
      <c r="N474428" s="10"/>
    </row>
    <row r="474429" spans="14:14">
      <c r="N474429" s="10"/>
    </row>
    <row r="474430" spans="14:14">
      <c r="N474430" s="10"/>
    </row>
    <row r="474431" spans="14:14">
      <c r="N474431" s="10"/>
    </row>
    <row r="474432" spans="14:14">
      <c r="N474432" s="10"/>
    </row>
    <row r="474433" spans="14:14">
      <c r="N474433" s="10"/>
    </row>
    <row r="474434" spans="14:14">
      <c r="N474434" s="10"/>
    </row>
    <row r="474435" spans="14:14">
      <c r="N474435" s="10"/>
    </row>
    <row r="474436" spans="14:14">
      <c r="N474436" s="10"/>
    </row>
    <row r="474437" spans="14:14">
      <c r="N474437" s="10"/>
    </row>
    <row r="474438" spans="14:14">
      <c r="N474438" s="10"/>
    </row>
    <row r="474439" spans="14:14">
      <c r="N474439" s="10"/>
    </row>
    <row r="474440" spans="14:14">
      <c r="N474440" s="10"/>
    </row>
    <row r="474441" spans="14:14">
      <c r="N474441" s="10"/>
    </row>
    <row r="474442" spans="14:14">
      <c r="N474442" s="10"/>
    </row>
    <row r="474443" spans="14:14">
      <c r="N474443" s="10"/>
    </row>
    <row r="474444" spans="14:14">
      <c r="N474444" s="10"/>
    </row>
    <row r="474445" spans="14:14">
      <c r="N474445" s="10"/>
    </row>
    <row r="474446" spans="14:14">
      <c r="N474446" s="10"/>
    </row>
    <row r="474447" spans="14:14">
      <c r="N474447" s="10"/>
    </row>
    <row r="474448" spans="14:14">
      <c r="N474448" s="10"/>
    </row>
    <row r="474449" spans="14:14">
      <c r="N474449" s="10"/>
    </row>
    <row r="474450" spans="14:14">
      <c r="N474450" s="10"/>
    </row>
    <row r="474451" spans="14:14">
      <c r="N474451" s="10"/>
    </row>
    <row r="474452" spans="14:14">
      <c r="N474452" s="10"/>
    </row>
    <row r="474453" spans="14:14">
      <c r="N474453" s="10"/>
    </row>
    <row r="474454" spans="14:14">
      <c r="N474454" s="10"/>
    </row>
    <row r="474455" spans="14:14">
      <c r="N474455" s="10"/>
    </row>
    <row r="474456" spans="14:14">
      <c r="N474456" s="10"/>
    </row>
    <row r="474457" spans="14:14">
      <c r="N474457" s="10"/>
    </row>
    <row r="474458" spans="14:14">
      <c r="N474458" s="10"/>
    </row>
    <row r="474459" spans="14:14">
      <c r="N474459" s="10"/>
    </row>
    <row r="474460" spans="14:14">
      <c r="N474460" s="10"/>
    </row>
    <row r="474461" spans="14:14">
      <c r="N474461" s="10"/>
    </row>
    <row r="474462" spans="14:14">
      <c r="N474462" s="10"/>
    </row>
    <row r="474463" spans="14:14">
      <c r="N474463" s="10"/>
    </row>
    <row r="474464" spans="14:14">
      <c r="N474464" s="10"/>
    </row>
    <row r="474465" spans="14:14">
      <c r="N474465" s="10"/>
    </row>
    <row r="474466" spans="14:14">
      <c r="N474466" s="10"/>
    </row>
    <row r="474467" spans="14:14">
      <c r="N474467" s="10"/>
    </row>
    <row r="474468" spans="14:14">
      <c r="N474468" s="10"/>
    </row>
    <row r="474469" spans="14:14">
      <c r="N474469" s="10"/>
    </row>
    <row r="474470" spans="14:14">
      <c r="N474470" s="10"/>
    </row>
    <row r="474471" spans="14:14">
      <c r="N474471" s="10"/>
    </row>
    <row r="474472" spans="14:14">
      <c r="N474472" s="10"/>
    </row>
    <row r="474473" spans="14:14">
      <c r="N474473" s="10"/>
    </row>
    <row r="474474" spans="14:14">
      <c r="N474474" s="10"/>
    </row>
    <row r="474475" spans="14:14">
      <c r="N474475" s="10"/>
    </row>
    <row r="474476" spans="14:14">
      <c r="N474476" s="10"/>
    </row>
    <row r="474477" spans="14:14">
      <c r="N474477" s="10"/>
    </row>
    <row r="474478" spans="14:14">
      <c r="N474478" s="10"/>
    </row>
    <row r="474479" spans="14:14">
      <c r="N474479" s="10"/>
    </row>
    <row r="474480" spans="14:14">
      <c r="N474480" s="10"/>
    </row>
    <row r="474481" spans="14:14">
      <c r="N474481" s="10"/>
    </row>
    <row r="474482" spans="14:14">
      <c r="N474482" s="10"/>
    </row>
    <row r="474483" spans="14:14">
      <c r="N474483" s="10"/>
    </row>
    <row r="474484" spans="14:14">
      <c r="N474484" s="10"/>
    </row>
    <row r="474485" spans="14:14">
      <c r="N474485" s="10"/>
    </row>
    <row r="474486" spans="14:14">
      <c r="N474486" s="10"/>
    </row>
    <row r="474487" spans="14:14">
      <c r="N474487" s="10"/>
    </row>
    <row r="474488" spans="14:14">
      <c r="N474488" s="10"/>
    </row>
    <row r="474489" spans="14:14">
      <c r="N474489" s="10"/>
    </row>
    <row r="474490" spans="14:14">
      <c r="N474490" s="10"/>
    </row>
    <row r="474491" spans="14:14">
      <c r="N474491" s="10"/>
    </row>
    <row r="474492" spans="14:14">
      <c r="N474492" s="10"/>
    </row>
    <row r="474493" spans="14:14">
      <c r="N474493" s="10"/>
    </row>
    <row r="474494" spans="14:14">
      <c r="N474494" s="10"/>
    </row>
    <row r="474495" spans="14:14">
      <c r="N474495" s="10"/>
    </row>
    <row r="474496" spans="14:14">
      <c r="N474496" s="10"/>
    </row>
    <row r="474497" spans="14:14">
      <c r="N474497" s="10"/>
    </row>
    <row r="474498" spans="14:14">
      <c r="N474498" s="10"/>
    </row>
    <row r="474499" spans="14:14">
      <c r="N474499" s="10"/>
    </row>
    <row r="474500" spans="14:14">
      <c r="N474500" s="10"/>
    </row>
    <row r="474501" spans="14:14">
      <c r="N474501" s="10"/>
    </row>
    <row r="474502" spans="14:14">
      <c r="N474502" s="10"/>
    </row>
    <row r="474503" spans="14:14">
      <c r="N474503" s="10"/>
    </row>
    <row r="474504" spans="14:14">
      <c r="N474504" s="10"/>
    </row>
    <row r="474505" spans="14:14">
      <c r="N474505" s="10"/>
    </row>
    <row r="474506" spans="14:14">
      <c r="N474506" s="10"/>
    </row>
    <row r="474507" spans="14:14">
      <c r="N474507" s="10"/>
    </row>
    <row r="474508" spans="14:14">
      <c r="N474508" s="10"/>
    </row>
    <row r="474509" spans="14:14">
      <c r="N474509" s="10"/>
    </row>
    <row r="474510" spans="14:14">
      <c r="N474510" s="10"/>
    </row>
    <row r="474511" spans="14:14">
      <c r="N474511" s="10"/>
    </row>
    <row r="474512" spans="14:14">
      <c r="N474512" s="10"/>
    </row>
    <row r="474513" spans="14:14">
      <c r="N474513" s="10"/>
    </row>
    <row r="474514" spans="14:14">
      <c r="N474514" s="10"/>
    </row>
    <row r="474515" spans="14:14">
      <c r="N474515" s="10"/>
    </row>
    <row r="474516" spans="14:14">
      <c r="N474516" s="10"/>
    </row>
    <row r="474517" spans="14:14">
      <c r="N474517" s="10"/>
    </row>
    <row r="474518" spans="14:14">
      <c r="N474518" s="10"/>
    </row>
    <row r="474519" spans="14:14">
      <c r="N474519" s="10"/>
    </row>
    <row r="474520" spans="14:14">
      <c r="N474520" s="10"/>
    </row>
    <row r="474521" spans="14:14">
      <c r="N474521" s="10"/>
    </row>
    <row r="474522" spans="14:14">
      <c r="N474522" s="10"/>
    </row>
    <row r="474523" spans="14:14">
      <c r="N474523" s="10"/>
    </row>
    <row r="474524" spans="14:14">
      <c r="N474524" s="10"/>
    </row>
    <row r="474525" spans="14:14">
      <c r="N474525" s="10"/>
    </row>
    <row r="474526" spans="14:14">
      <c r="N474526" s="10"/>
    </row>
    <row r="474527" spans="14:14">
      <c r="N474527" s="10"/>
    </row>
    <row r="474528" spans="14:14">
      <c r="N474528" s="10"/>
    </row>
    <row r="474529" spans="14:14">
      <c r="N474529" s="10"/>
    </row>
    <row r="474530" spans="14:14">
      <c r="N474530" s="10"/>
    </row>
    <row r="474531" spans="14:14">
      <c r="N474531" s="10"/>
    </row>
    <row r="474532" spans="14:14">
      <c r="N474532" s="10"/>
    </row>
    <row r="474533" spans="14:14">
      <c r="N474533" s="10"/>
    </row>
    <row r="474534" spans="14:14">
      <c r="N474534" s="10"/>
    </row>
    <row r="474535" spans="14:14">
      <c r="N474535" s="10"/>
    </row>
    <row r="474536" spans="14:14">
      <c r="N474536" s="10"/>
    </row>
    <row r="474537" spans="14:14">
      <c r="N474537" s="10"/>
    </row>
    <row r="474538" spans="14:14">
      <c r="N474538" s="10"/>
    </row>
    <row r="474539" spans="14:14">
      <c r="N474539" s="10"/>
    </row>
    <row r="474540" spans="14:14">
      <c r="N474540" s="10"/>
    </row>
    <row r="474541" spans="14:14">
      <c r="N474541" s="10"/>
    </row>
    <row r="474542" spans="14:14">
      <c r="N474542" s="10"/>
    </row>
    <row r="474543" spans="14:14">
      <c r="N474543" s="10"/>
    </row>
    <row r="474544" spans="14:14">
      <c r="N474544" s="10"/>
    </row>
    <row r="474545" spans="14:14">
      <c r="N474545" s="10"/>
    </row>
    <row r="474546" spans="14:14">
      <c r="N474546" s="10"/>
    </row>
    <row r="474547" spans="14:14">
      <c r="N474547" s="10"/>
    </row>
    <row r="474548" spans="14:14">
      <c r="N474548" s="10"/>
    </row>
    <row r="474549" spans="14:14">
      <c r="N474549" s="10"/>
    </row>
    <row r="474550" spans="14:14">
      <c r="N474550" s="10"/>
    </row>
    <row r="474551" spans="14:14">
      <c r="N474551" s="10"/>
    </row>
    <row r="474552" spans="14:14">
      <c r="N474552" s="10"/>
    </row>
    <row r="474553" spans="14:14">
      <c r="N474553" s="10"/>
    </row>
    <row r="474554" spans="14:14">
      <c r="N474554" s="10"/>
    </row>
    <row r="474555" spans="14:14">
      <c r="N474555" s="10"/>
    </row>
    <row r="474556" spans="14:14">
      <c r="N474556" s="10"/>
    </row>
    <row r="474557" spans="14:14">
      <c r="N474557" s="10"/>
    </row>
    <row r="474558" spans="14:14">
      <c r="N474558" s="10"/>
    </row>
    <row r="474559" spans="14:14">
      <c r="N474559" s="10"/>
    </row>
    <row r="474560" spans="14:14">
      <c r="N474560" s="10"/>
    </row>
    <row r="474561" spans="14:14">
      <c r="N474561" s="10"/>
    </row>
    <row r="474562" spans="14:14">
      <c r="N474562" s="10"/>
    </row>
    <row r="474563" spans="14:14">
      <c r="N474563" s="10"/>
    </row>
    <row r="474564" spans="14:14">
      <c r="N474564" s="10"/>
    </row>
    <row r="474565" spans="14:14">
      <c r="N474565" s="10"/>
    </row>
    <row r="474566" spans="14:14">
      <c r="N474566" s="10"/>
    </row>
    <row r="474567" spans="14:14">
      <c r="N474567" s="10"/>
    </row>
    <row r="474568" spans="14:14">
      <c r="N474568" s="10"/>
    </row>
    <row r="474569" spans="14:14">
      <c r="N474569" s="10"/>
    </row>
    <row r="474570" spans="14:14">
      <c r="N474570" s="10"/>
    </row>
    <row r="474571" spans="14:14">
      <c r="N474571" s="10"/>
    </row>
    <row r="474572" spans="14:14">
      <c r="N474572" s="10"/>
    </row>
    <row r="474573" spans="14:14">
      <c r="N474573" s="10"/>
    </row>
    <row r="474574" spans="14:14">
      <c r="N474574" s="10"/>
    </row>
    <row r="474575" spans="14:14">
      <c r="N474575" s="10"/>
    </row>
    <row r="474576" spans="14:14">
      <c r="N474576" s="10"/>
    </row>
    <row r="474577" spans="14:14">
      <c r="N474577" s="10"/>
    </row>
    <row r="474578" spans="14:14">
      <c r="N474578" s="10"/>
    </row>
    <row r="474579" spans="14:14">
      <c r="N474579" s="10"/>
    </row>
    <row r="474580" spans="14:14">
      <c r="N474580" s="10"/>
    </row>
    <row r="474581" spans="14:14">
      <c r="N474581" s="10"/>
    </row>
    <row r="474582" spans="14:14">
      <c r="N474582" s="10"/>
    </row>
    <row r="474583" spans="14:14">
      <c r="N474583" s="10"/>
    </row>
    <row r="474584" spans="14:14">
      <c r="N474584" s="10"/>
    </row>
    <row r="474585" spans="14:14">
      <c r="N474585" s="10"/>
    </row>
    <row r="474586" spans="14:14">
      <c r="N474586" s="10"/>
    </row>
    <row r="474587" spans="14:14">
      <c r="N474587" s="10"/>
    </row>
    <row r="474588" spans="14:14">
      <c r="N474588" s="10"/>
    </row>
    <row r="474589" spans="14:14">
      <c r="N474589" s="10"/>
    </row>
    <row r="474590" spans="14:14">
      <c r="N474590" s="10"/>
    </row>
    <row r="474591" spans="14:14">
      <c r="N474591" s="10"/>
    </row>
    <row r="474592" spans="14:14">
      <c r="N474592" s="10"/>
    </row>
    <row r="474593" spans="14:14">
      <c r="N474593" s="10"/>
    </row>
    <row r="474594" spans="14:14">
      <c r="N474594" s="10"/>
    </row>
    <row r="474595" spans="14:14">
      <c r="N474595" s="10"/>
    </row>
    <row r="474596" spans="14:14">
      <c r="N474596" s="10"/>
    </row>
    <row r="474597" spans="14:14">
      <c r="N474597" s="10"/>
    </row>
    <row r="474598" spans="14:14">
      <c r="N474598" s="10"/>
    </row>
    <row r="474599" spans="14:14">
      <c r="N474599" s="10"/>
    </row>
    <row r="474600" spans="14:14">
      <c r="N474600" s="10"/>
    </row>
    <row r="474601" spans="14:14">
      <c r="N474601" s="10"/>
    </row>
    <row r="474602" spans="14:14">
      <c r="N474602" s="10"/>
    </row>
    <row r="474603" spans="14:14">
      <c r="N474603" s="10"/>
    </row>
    <row r="474604" spans="14:14">
      <c r="N474604" s="10"/>
    </row>
    <row r="474605" spans="14:14">
      <c r="N474605" s="10"/>
    </row>
    <row r="474606" spans="14:14">
      <c r="N474606" s="10"/>
    </row>
    <row r="474607" spans="14:14">
      <c r="N474607" s="10"/>
    </row>
    <row r="474608" spans="14:14">
      <c r="N474608" s="10"/>
    </row>
    <row r="474609" spans="14:14">
      <c r="N474609" s="10"/>
    </row>
    <row r="474610" spans="14:14">
      <c r="N474610" s="10"/>
    </row>
    <row r="474611" spans="14:14">
      <c r="N474611" s="10"/>
    </row>
    <row r="474612" spans="14:14">
      <c r="N474612" s="10"/>
    </row>
    <row r="474613" spans="14:14">
      <c r="N474613" s="10"/>
    </row>
    <row r="474614" spans="14:14">
      <c r="N474614" s="10"/>
    </row>
    <row r="474615" spans="14:14">
      <c r="N474615" s="10"/>
    </row>
    <row r="474616" spans="14:14">
      <c r="N474616" s="10"/>
    </row>
    <row r="474617" spans="14:14">
      <c r="N474617" s="10"/>
    </row>
    <row r="474618" spans="14:14">
      <c r="N474618" s="10"/>
    </row>
    <row r="474619" spans="14:14">
      <c r="N474619" s="10"/>
    </row>
    <row r="474620" spans="14:14">
      <c r="N474620" s="10"/>
    </row>
    <row r="474621" spans="14:14">
      <c r="N474621" s="10"/>
    </row>
    <row r="474622" spans="14:14">
      <c r="N474622" s="10"/>
    </row>
    <row r="474623" spans="14:14">
      <c r="N474623" s="10"/>
    </row>
    <row r="474624" spans="14:14">
      <c r="N474624" s="10"/>
    </row>
    <row r="474625" spans="14:14">
      <c r="N474625" s="10"/>
    </row>
    <row r="474626" spans="14:14">
      <c r="N474626" s="10"/>
    </row>
    <row r="474627" spans="14:14">
      <c r="N474627" s="10"/>
    </row>
    <row r="474628" spans="14:14">
      <c r="N474628" s="10"/>
    </row>
    <row r="474629" spans="14:14">
      <c r="N474629" s="10"/>
    </row>
    <row r="474630" spans="14:14">
      <c r="N474630" s="10"/>
    </row>
    <row r="474631" spans="14:14">
      <c r="N474631" s="10"/>
    </row>
    <row r="474632" spans="14:14">
      <c r="N474632" s="10"/>
    </row>
    <row r="474633" spans="14:14">
      <c r="N474633" s="10"/>
    </row>
    <row r="474634" spans="14:14">
      <c r="N474634" s="10"/>
    </row>
    <row r="474635" spans="14:14">
      <c r="N474635" s="10"/>
    </row>
    <row r="474636" spans="14:14">
      <c r="N474636" s="10"/>
    </row>
    <row r="474637" spans="14:14">
      <c r="N474637" s="10"/>
    </row>
    <row r="474638" spans="14:14">
      <c r="N474638" s="10"/>
    </row>
    <row r="474639" spans="14:14">
      <c r="N474639" s="10"/>
    </row>
    <row r="474640" spans="14:14">
      <c r="N474640" s="10"/>
    </row>
    <row r="474641" spans="14:14">
      <c r="N474641" s="10"/>
    </row>
    <row r="474642" spans="14:14">
      <c r="N474642" s="10"/>
    </row>
    <row r="474643" spans="14:14">
      <c r="N474643" s="10"/>
    </row>
    <row r="474644" spans="14:14">
      <c r="N474644" s="10"/>
    </row>
    <row r="474645" spans="14:14">
      <c r="N474645" s="10"/>
    </row>
    <row r="474646" spans="14:14">
      <c r="N474646" s="10"/>
    </row>
    <row r="474647" spans="14:14">
      <c r="N474647" s="10"/>
    </row>
    <row r="474648" spans="14:14">
      <c r="N474648" s="10"/>
    </row>
    <row r="474649" spans="14:14">
      <c r="N474649" s="10"/>
    </row>
    <row r="474650" spans="14:14">
      <c r="N474650" s="10"/>
    </row>
    <row r="474651" spans="14:14">
      <c r="N474651" s="10"/>
    </row>
    <row r="474652" spans="14:14">
      <c r="N474652" s="10"/>
    </row>
    <row r="474653" spans="14:14">
      <c r="N474653" s="10"/>
    </row>
    <row r="474654" spans="14:14">
      <c r="N474654" s="10"/>
    </row>
    <row r="474655" spans="14:14">
      <c r="N474655" s="10"/>
    </row>
    <row r="474656" spans="14:14">
      <c r="N474656" s="10"/>
    </row>
    <row r="474657" spans="14:14">
      <c r="N474657" s="10"/>
    </row>
    <row r="474658" spans="14:14">
      <c r="N474658" s="10"/>
    </row>
    <row r="474659" spans="14:14">
      <c r="N474659" s="10"/>
    </row>
    <row r="474660" spans="14:14">
      <c r="N474660" s="10"/>
    </row>
    <row r="474661" spans="14:14">
      <c r="N474661" s="10"/>
    </row>
    <row r="474662" spans="14:14">
      <c r="N474662" s="10"/>
    </row>
    <row r="474663" spans="14:14">
      <c r="N474663" s="10"/>
    </row>
    <row r="474664" spans="14:14">
      <c r="N474664" s="10"/>
    </row>
    <row r="474665" spans="14:14">
      <c r="N474665" s="10"/>
    </row>
    <row r="474666" spans="14:14">
      <c r="N474666" s="10"/>
    </row>
    <row r="474667" spans="14:14">
      <c r="N474667" s="10"/>
    </row>
    <row r="474668" spans="14:14">
      <c r="N474668" s="10"/>
    </row>
    <row r="474669" spans="14:14">
      <c r="N474669" s="10"/>
    </row>
    <row r="474670" spans="14:14">
      <c r="N474670" s="10"/>
    </row>
    <row r="474671" spans="14:14">
      <c r="N474671" s="10"/>
    </row>
    <row r="474672" spans="14:14">
      <c r="N474672" s="10"/>
    </row>
    <row r="474673" spans="14:14">
      <c r="N474673" s="10"/>
    </row>
    <row r="474674" spans="14:14">
      <c r="N474674" s="10"/>
    </row>
    <row r="474675" spans="14:14">
      <c r="N474675" s="10"/>
    </row>
    <row r="474676" spans="14:14">
      <c r="N474676" s="10"/>
    </row>
    <row r="474677" spans="14:14">
      <c r="N474677" s="10"/>
    </row>
    <row r="474678" spans="14:14">
      <c r="N474678" s="10"/>
    </row>
    <row r="474679" spans="14:14">
      <c r="N474679" s="10"/>
    </row>
    <row r="474680" spans="14:14">
      <c r="N474680" s="10"/>
    </row>
    <row r="474681" spans="14:14">
      <c r="N474681" s="10"/>
    </row>
    <row r="474682" spans="14:14">
      <c r="N474682" s="10"/>
    </row>
    <row r="474683" spans="14:14">
      <c r="N474683" s="10"/>
    </row>
    <row r="474684" spans="14:14">
      <c r="N474684" s="10"/>
    </row>
    <row r="474685" spans="14:14">
      <c r="N474685" s="10"/>
    </row>
    <row r="474686" spans="14:14">
      <c r="N474686" s="10"/>
    </row>
    <row r="474687" spans="14:14">
      <c r="N474687" s="10"/>
    </row>
    <row r="474688" spans="14:14">
      <c r="N474688" s="10"/>
    </row>
    <row r="474689" spans="14:14">
      <c r="N474689" s="10"/>
    </row>
    <row r="474690" spans="14:14">
      <c r="N474690" s="10"/>
    </row>
    <row r="474691" spans="14:14">
      <c r="N474691" s="10"/>
    </row>
    <row r="474692" spans="14:14">
      <c r="N474692" s="10"/>
    </row>
    <row r="474693" spans="14:14">
      <c r="N474693" s="10"/>
    </row>
    <row r="474694" spans="14:14">
      <c r="N474694" s="10"/>
    </row>
    <row r="474695" spans="14:14">
      <c r="N474695" s="10"/>
    </row>
    <row r="474696" spans="14:14">
      <c r="N474696" s="10"/>
    </row>
    <row r="474697" spans="14:14">
      <c r="N474697" s="10"/>
    </row>
    <row r="474698" spans="14:14">
      <c r="N474698" s="10"/>
    </row>
    <row r="474699" spans="14:14">
      <c r="N474699" s="10"/>
    </row>
    <row r="474700" spans="14:14">
      <c r="N474700" s="10"/>
    </row>
    <row r="474701" spans="14:14">
      <c r="N474701" s="10"/>
    </row>
    <row r="474702" spans="14:14">
      <c r="N474702" s="10"/>
    </row>
    <row r="474703" spans="14:14">
      <c r="N474703" s="10"/>
    </row>
    <row r="474704" spans="14:14">
      <c r="N474704" s="10"/>
    </row>
    <row r="474705" spans="14:14">
      <c r="N474705" s="10"/>
    </row>
    <row r="474706" spans="14:14">
      <c r="N474706" s="10"/>
    </row>
    <row r="474707" spans="14:14">
      <c r="N474707" s="10"/>
    </row>
    <row r="474708" spans="14:14">
      <c r="N474708" s="10"/>
    </row>
    <row r="474709" spans="14:14">
      <c r="N474709" s="10"/>
    </row>
    <row r="474710" spans="14:14">
      <c r="N474710" s="10"/>
    </row>
    <row r="474711" spans="14:14">
      <c r="N474711" s="10"/>
    </row>
    <row r="474712" spans="14:14">
      <c r="N474712" s="10"/>
    </row>
    <row r="474713" spans="14:14">
      <c r="N474713" s="10"/>
    </row>
    <row r="474714" spans="14:14">
      <c r="N474714" s="10"/>
    </row>
    <row r="474715" spans="14:14">
      <c r="N474715" s="10"/>
    </row>
    <row r="474716" spans="14:14">
      <c r="N474716" s="10"/>
    </row>
    <row r="474717" spans="14:14">
      <c r="N474717" s="10"/>
    </row>
    <row r="474718" spans="14:14">
      <c r="N474718" s="10"/>
    </row>
    <row r="474719" spans="14:14">
      <c r="N474719" s="10"/>
    </row>
    <row r="474720" spans="14:14">
      <c r="N474720" s="10"/>
    </row>
    <row r="474721" spans="14:14">
      <c r="N474721" s="10"/>
    </row>
    <row r="474722" spans="14:14">
      <c r="N474722" s="10"/>
    </row>
    <row r="474723" spans="14:14">
      <c r="N474723" s="10"/>
    </row>
    <row r="474724" spans="14:14">
      <c r="N474724" s="10"/>
    </row>
    <row r="474725" spans="14:14">
      <c r="N474725" s="10"/>
    </row>
    <row r="474726" spans="14:14">
      <c r="N474726" s="10"/>
    </row>
    <row r="474727" spans="14:14">
      <c r="N474727" s="10"/>
    </row>
    <row r="474728" spans="14:14">
      <c r="N474728" s="10"/>
    </row>
    <row r="474729" spans="14:14">
      <c r="N474729" s="10"/>
    </row>
    <row r="474730" spans="14:14">
      <c r="N474730" s="10"/>
    </row>
    <row r="474731" spans="14:14">
      <c r="N474731" s="10"/>
    </row>
    <row r="474732" spans="14:14">
      <c r="N474732" s="10"/>
    </row>
    <row r="474733" spans="14:14">
      <c r="N474733" s="10"/>
    </row>
    <row r="474734" spans="14:14">
      <c r="N474734" s="10"/>
    </row>
    <row r="474735" spans="14:14">
      <c r="N474735" s="10"/>
    </row>
    <row r="474736" spans="14:14">
      <c r="N474736" s="10"/>
    </row>
    <row r="474737" spans="14:14">
      <c r="N474737" s="10"/>
    </row>
    <row r="474738" spans="14:14">
      <c r="N474738" s="10"/>
    </row>
    <row r="474739" spans="14:14">
      <c r="N474739" s="10"/>
    </row>
    <row r="474740" spans="14:14">
      <c r="N474740" s="10"/>
    </row>
    <row r="474741" spans="14:14">
      <c r="N474741" s="10"/>
    </row>
    <row r="474742" spans="14:14">
      <c r="N474742" s="10"/>
    </row>
    <row r="474743" spans="14:14">
      <c r="N474743" s="10"/>
    </row>
    <row r="474744" spans="14:14">
      <c r="N474744" s="10"/>
    </row>
    <row r="474745" spans="14:14">
      <c r="N474745" s="10"/>
    </row>
    <row r="474746" spans="14:14">
      <c r="N474746" s="10"/>
    </row>
    <row r="474747" spans="14:14">
      <c r="N474747" s="10"/>
    </row>
    <row r="474748" spans="14:14">
      <c r="N474748" s="10"/>
    </row>
    <row r="474749" spans="14:14">
      <c r="N474749" s="10"/>
    </row>
    <row r="474750" spans="14:14">
      <c r="N474750" s="10"/>
    </row>
    <row r="474751" spans="14:14">
      <c r="N474751" s="10"/>
    </row>
    <row r="474752" spans="14:14">
      <c r="N474752" s="10"/>
    </row>
    <row r="474753" spans="14:14">
      <c r="N474753" s="10"/>
    </row>
    <row r="474754" spans="14:14">
      <c r="N474754" s="10"/>
    </row>
    <row r="474755" spans="14:14">
      <c r="N474755" s="10"/>
    </row>
    <row r="474756" spans="14:14">
      <c r="N474756" s="10"/>
    </row>
    <row r="474757" spans="14:14">
      <c r="N474757" s="10"/>
    </row>
    <row r="474758" spans="14:14">
      <c r="N474758" s="10"/>
    </row>
    <row r="474759" spans="14:14">
      <c r="N474759" s="10"/>
    </row>
    <row r="474760" spans="14:14">
      <c r="N474760" s="10"/>
    </row>
    <row r="474761" spans="14:14">
      <c r="N474761" s="10"/>
    </row>
    <row r="474762" spans="14:14">
      <c r="N474762" s="10"/>
    </row>
    <row r="474763" spans="14:14">
      <c r="N474763" s="10"/>
    </row>
    <row r="474764" spans="14:14">
      <c r="N474764" s="10"/>
    </row>
    <row r="474765" spans="14:14">
      <c r="N474765" s="10"/>
    </row>
    <row r="474766" spans="14:14">
      <c r="N474766" s="10"/>
    </row>
    <row r="474767" spans="14:14">
      <c r="N474767" s="10"/>
    </row>
    <row r="474768" spans="14:14">
      <c r="N474768" s="10"/>
    </row>
    <row r="474769" spans="14:14">
      <c r="N474769" s="10"/>
    </row>
    <row r="474770" spans="14:14">
      <c r="N474770" s="10"/>
    </row>
    <row r="474771" spans="14:14">
      <c r="N474771" s="10"/>
    </row>
    <row r="474772" spans="14:14">
      <c r="N474772" s="10"/>
    </row>
    <row r="474773" spans="14:14">
      <c r="N474773" s="10"/>
    </row>
    <row r="474774" spans="14:14">
      <c r="N474774" s="10"/>
    </row>
    <row r="474775" spans="14:14">
      <c r="N474775" s="10"/>
    </row>
    <row r="474776" spans="14:14">
      <c r="N474776" s="10"/>
    </row>
    <row r="474777" spans="14:14">
      <c r="N474777" s="10"/>
    </row>
    <row r="474778" spans="14:14">
      <c r="N474778" s="10"/>
    </row>
    <row r="474779" spans="14:14">
      <c r="N474779" s="10"/>
    </row>
    <row r="474780" spans="14:14">
      <c r="N474780" s="10"/>
    </row>
    <row r="474781" spans="14:14">
      <c r="N474781" s="10"/>
    </row>
    <row r="474782" spans="14:14">
      <c r="N474782" s="10"/>
    </row>
    <row r="474783" spans="14:14">
      <c r="N474783" s="10"/>
    </row>
    <row r="474784" spans="14:14">
      <c r="N474784" s="10"/>
    </row>
    <row r="474785" spans="14:14">
      <c r="N474785" s="10"/>
    </row>
    <row r="474786" spans="14:14">
      <c r="N474786" s="10"/>
    </row>
    <row r="474787" spans="14:14">
      <c r="N474787" s="10"/>
    </row>
    <row r="474788" spans="14:14">
      <c r="N474788" s="10"/>
    </row>
    <row r="474789" spans="14:14">
      <c r="N474789" s="10"/>
    </row>
    <row r="474790" spans="14:14">
      <c r="N474790" s="10"/>
    </row>
    <row r="474791" spans="14:14">
      <c r="N474791" s="10"/>
    </row>
    <row r="474792" spans="14:14">
      <c r="N474792" s="10"/>
    </row>
    <row r="474793" spans="14:14">
      <c r="N474793" s="10"/>
    </row>
    <row r="474794" spans="14:14">
      <c r="N474794" s="10"/>
    </row>
    <row r="474795" spans="14:14">
      <c r="N474795" s="10"/>
    </row>
    <row r="474796" spans="14:14">
      <c r="N474796" s="10"/>
    </row>
    <row r="474797" spans="14:14">
      <c r="N474797" s="10"/>
    </row>
    <row r="474798" spans="14:14">
      <c r="N474798" s="10"/>
    </row>
    <row r="474799" spans="14:14">
      <c r="N474799" s="10"/>
    </row>
    <row r="474800" spans="14:14">
      <c r="N474800" s="10"/>
    </row>
    <row r="474801" spans="14:14">
      <c r="N474801" s="10"/>
    </row>
    <row r="474802" spans="14:14">
      <c r="N474802" s="10"/>
    </row>
    <row r="474803" spans="14:14">
      <c r="N474803" s="10"/>
    </row>
    <row r="474804" spans="14:14">
      <c r="N474804" s="10"/>
    </row>
    <row r="474805" spans="14:14">
      <c r="N474805" s="10"/>
    </row>
    <row r="474806" spans="14:14">
      <c r="N474806" s="10"/>
    </row>
    <row r="474807" spans="14:14">
      <c r="N474807" s="10"/>
    </row>
    <row r="474808" spans="14:14">
      <c r="N474808" s="10"/>
    </row>
    <row r="474809" spans="14:14">
      <c r="N474809" s="10"/>
    </row>
    <row r="474810" spans="14:14">
      <c r="N474810" s="10"/>
    </row>
    <row r="474811" spans="14:14">
      <c r="N474811" s="10"/>
    </row>
    <row r="474812" spans="14:14">
      <c r="N474812" s="10"/>
    </row>
    <row r="474813" spans="14:14">
      <c r="N474813" s="10"/>
    </row>
    <row r="474814" spans="14:14">
      <c r="N474814" s="10"/>
    </row>
    <row r="474815" spans="14:14">
      <c r="N474815" s="10"/>
    </row>
    <row r="474816" spans="14:14">
      <c r="N474816" s="10"/>
    </row>
    <row r="474817" spans="14:14">
      <c r="N474817" s="10"/>
    </row>
    <row r="474818" spans="14:14">
      <c r="N474818" s="10"/>
    </row>
    <row r="474819" spans="14:14">
      <c r="N474819" s="10"/>
    </row>
    <row r="474820" spans="14:14">
      <c r="N474820" s="10"/>
    </row>
    <row r="474821" spans="14:14">
      <c r="N474821" s="10"/>
    </row>
    <row r="474822" spans="14:14">
      <c r="N474822" s="10"/>
    </row>
    <row r="474823" spans="14:14">
      <c r="N474823" s="10"/>
    </row>
    <row r="474824" spans="14:14">
      <c r="N474824" s="10"/>
    </row>
    <row r="474825" spans="14:14">
      <c r="N474825" s="10"/>
    </row>
    <row r="474826" spans="14:14">
      <c r="N474826" s="10"/>
    </row>
    <row r="474827" spans="14:14">
      <c r="N474827" s="10"/>
    </row>
    <row r="474828" spans="14:14">
      <c r="N474828" s="10"/>
    </row>
    <row r="474829" spans="14:14">
      <c r="N474829" s="10"/>
    </row>
    <row r="474830" spans="14:14">
      <c r="N474830" s="10"/>
    </row>
    <row r="474831" spans="14:14">
      <c r="N474831" s="10"/>
    </row>
    <row r="474832" spans="14:14">
      <c r="N474832" s="10"/>
    </row>
    <row r="474833" spans="14:14">
      <c r="N474833" s="10"/>
    </row>
    <row r="474834" spans="14:14">
      <c r="N474834" s="10"/>
    </row>
    <row r="474835" spans="14:14">
      <c r="N474835" s="10"/>
    </row>
    <row r="474836" spans="14:14">
      <c r="N474836" s="10"/>
    </row>
    <row r="474837" spans="14:14">
      <c r="N474837" s="10"/>
    </row>
    <row r="474838" spans="14:14">
      <c r="N474838" s="10"/>
    </row>
    <row r="474839" spans="14:14">
      <c r="N474839" s="10"/>
    </row>
    <row r="474840" spans="14:14">
      <c r="N474840" s="10"/>
    </row>
    <row r="474841" spans="14:14">
      <c r="N474841" s="10"/>
    </row>
    <row r="474842" spans="14:14">
      <c r="N474842" s="10"/>
    </row>
    <row r="474843" spans="14:14">
      <c r="N474843" s="10"/>
    </row>
    <row r="474844" spans="14:14">
      <c r="N474844" s="10"/>
    </row>
    <row r="474845" spans="14:14">
      <c r="N474845" s="10"/>
    </row>
    <row r="474846" spans="14:14">
      <c r="N474846" s="10"/>
    </row>
    <row r="474847" spans="14:14">
      <c r="N474847" s="10"/>
    </row>
    <row r="474848" spans="14:14">
      <c r="N474848" s="10"/>
    </row>
    <row r="474849" spans="14:14">
      <c r="N474849" s="10"/>
    </row>
    <row r="474850" spans="14:14">
      <c r="N474850" s="10"/>
    </row>
    <row r="474851" spans="14:14">
      <c r="N474851" s="10"/>
    </row>
    <row r="474852" spans="14:14">
      <c r="N474852" s="10"/>
    </row>
    <row r="474853" spans="14:14">
      <c r="N474853" s="10"/>
    </row>
    <row r="474854" spans="14:14">
      <c r="N474854" s="10"/>
    </row>
    <row r="474855" spans="14:14">
      <c r="N474855" s="10"/>
    </row>
    <row r="474856" spans="14:14">
      <c r="N474856" s="10"/>
    </row>
    <row r="474857" spans="14:14">
      <c r="N474857" s="10"/>
    </row>
    <row r="474858" spans="14:14">
      <c r="N474858" s="10"/>
    </row>
    <row r="474859" spans="14:14">
      <c r="N474859" s="10"/>
    </row>
    <row r="474860" spans="14:14">
      <c r="N474860" s="10"/>
    </row>
    <row r="474861" spans="14:14">
      <c r="N474861" s="10"/>
    </row>
    <row r="474862" spans="14:14">
      <c r="N474862" s="10"/>
    </row>
    <row r="474863" spans="14:14">
      <c r="N474863" s="10"/>
    </row>
    <row r="474864" spans="14:14">
      <c r="N474864" s="10"/>
    </row>
    <row r="474865" spans="14:14">
      <c r="N474865" s="10"/>
    </row>
    <row r="474866" spans="14:14">
      <c r="N474866" s="10"/>
    </row>
    <row r="474867" spans="14:14">
      <c r="N474867" s="10"/>
    </row>
    <row r="474868" spans="14:14">
      <c r="N474868" s="10"/>
    </row>
    <row r="474869" spans="14:14">
      <c r="N474869" s="10"/>
    </row>
    <row r="474870" spans="14:14">
      <c r="N474870" s="10"/>
    </row>
    <row r="474871" spans="14:14">
      <c r="N474871" s="10"/>
    </row>
    <row r="474872" spans="14:14">
      <c r="N474872" s="10"/>
    </row>
    <row r="474873" spans="14:14">
      <c r="N474873" s="10"/>
    </row>
    <row r="474874" spans="14:14">
      <c r="N474874" s="10"/>
    </row>
    <row r="474875" spans="14:14">
      <c r="N474875" s="10"/>
    </row>
    <row r="474876" spans="14:14">
      <c r="N474876" s="10"/>
    </row>
    <row r="474877" spans="14:14">
      <c r="N474877" s="10"/>
    </row>
    <row r="474878" spans="14:14">
      <c r="N474878" s="10"/>
    </row>
    <row r="474879" spans="14:14">
      <c r="N474879" s="10"/>
    </row>
    <row r="474880" spans="14:14">
      <c r="N474880" s="10"/>
    </row>
    <row r="474881" spans="14:14">
      <c r="N474881" s="10"/>
    </row>
    <row r="474882" spans="14:14">
      <c r="N474882" s="10"/>
    </row>
    <row r="474883" spans="14:14">
      <c r="N474883" s="10"/>
    </row>
    <row r="474884" spans="14:14">
      <c r="N474884" s="10"/>
    </row>
    <row r="474885" spans="14:14">
      <c r="N474885" s="10"/>
    </row>
    <row r="474886" spans="14:14">
      <c r="N474886" s="10"/>
    </row>
    <row r="474887" spans="14:14">
      <c r="N474887" s="10"/>
    </row>
    <row r="474888" spans="14:14">
      <c r="N474888" s="10"/>
    </row>
    <row r="474889" spans="14:14">
      <c r="N474889" s="10"/>
    </row>
    <row r="474890" spans="14:14">
      <c r="N474890" s="10"/>
    </row>
    <row r="474891" spans="14:14">
      <c r="N474891" s="10"/>
    </row>
    <row r="474892" spans="14:14">
      <c r="N474892" s="10"/>
    </row>
    <row r="474893" spans="14:14">
      <c r="N474893" s="10"/>
    </row>
    <row r="474894" spans="14:14">
      <c r="N474894" s="10"/>
    </row>
    <row r="474895" spans="14:14">
      <c r="N474895" s="10"/>
    </row>
    <row r="474896" spans="14:14">
      <c r="N474896" s="10"/>
    </row>
    <row r="474897" spans="14:14">
      <c r="N474897" s="10"/>
    </row>
    <row r="474898" spans="14:14">
      <c r="N474898" s="10"/>
    </row>
    <row r="474899" spans="14:14">
      <c r="N474899" s="10"/>
    </row>
    <row r="474900" spans="14:14">
      <c r="N474900" s="10"/>
    </row>
    <row r="474901" spans="14:14">
      <c r="N474901" s="10"/>
    </row>
    <row r="474902" spans="14:14">
      <c r="N474902" s="10"/>
    </row>
    <row r="474903" spans="14:14">
      <c r="N474903" s="10"/>
    </row>
    <row r="474904" spans="14:14">
      <c r="N474904" s="10"/>
    </row>
    <row r="474905" spans="14:14">
      <c r="N474905" s="10"/>
    </row>
    <row r="474906" spans="14:14">
      <c r="N474906" s="10"/>
    </row>
    <row r="474907" spans="14:14">
      <c r="N474907" s="10"/>
    </row>
    <row r="474908" spans="14:14">
      <c r="N474908" s="10"/>
    </row>
    <row r="474909" spans="14:14">
      <c r="N474909" s="10"/>
    </row>
    <row r="474910" spans="14:14">
      <c r="N474910" s="10"/>
    </row>
    <row r="474911" spans="14:14">
      <c r="N474911" s="10"/>
    </row>
    <row r="474912" spans="14:14">
      <c r="N474912" s="10"/>
    </row>
    <row r="474913" spans="14:14">
      <c r="N474913" s="10"/>
    </row>
    <row r="474914" spans="14:14">
      <c r="N474914" s="10"/>
    </row>
    <row r="474915" spans="14:14">
      <c r="N474915" s="10"/>
    </row>
    <row r="474916" spans="14:14">
      <c r="N474916" s="10"/>
    </row>
    <row r="474917" spans="14:14">
      <c r="N474917" s="10"/>
    </row>
    <row r="474918" spans="14:14">
      <c r="N474918" s="10"/>
    </row>
    <row r="474919" spans="14:14">
      <c r="N474919" s="10"/>
    </row>
    <row r="474920" spans="14:14">
      <c r="N474920" s="10"/>
    </row>
    <row r="474921" spans="14:14">
      <c r="N474921" s="10"/>
    </row>
    <row r="474922" spans="14:14">
      <c r="N474922" s="10"/>
    </row>
    <row r="474923" spans="14:14">
      <c r="N474923" s="10"/>
    </row>
    <row r="474924" spans="14:14">
      <c r="N474924" s="10"/>
    </row>
    <row r="474925" spans="14:14">
      <c r="N474925" s="10"/>
    </row>
    <row r="474926" spans="14:14">
      <c r="N474926" s="10"/>
    </row>
    <row r="474927" spans="14:14">
      <c r="N474927" s="10"/>
    </row>
    <row r="474928" spans="14:14">
      <c r="N474928" s="10"/>
    </row>
    <row r="474929" spans="14:14">
      <c r="N474929" s="10"/>
    </row>
    <row r="474930" spans="14:14">
      <c r="N474930" s="10"/>
    </row>
    <row r="474931" spans="14:14">
      <c r="N474931" s="10"/>
    </row>
    <row r="474932" spans="14:14">
      <c r="N474932" s="10"/>
    </row>
    <row r="474933" spans="14:14">
      <c r="N474933" s="10"/>
    </row>
    <row r="474934" spans="14:14">
      <c r="N474934" s="10"/>
    </row>
    <row r="474935" spans="14:14">
      <c r="N474935" s="10"/>
    </row>
    <row r="474936" spans="14:14">
      <c r="N474936" s="10"/>
    </row>
    <row r="474937" spans="14:14">
      <c r="N474937" s="10"/>
    </row>
    <row r="474938" spans="14:14">
      <c r="N474938" s="10"/>
    </row>
    <row r="474939" spans="14:14">
      <c r="N474939" s="10"/>
    </row>
    <row r="474940" spans="14:14">
      <c r="N474940" s="10"/>
    </row>
    <row r="474941" spans="14:14">
      <c r="N474941" s="10"/>
    </row>
    <row r="474942" spans="14:14">
      <c r="N474942" s="10"/>
    </row>
    <row r="474943" spans="14:14">
      <c r="N474943" s="10"/>
    </row>
    <row r="474944" spans="14:14">
      <c r="N474944" s="10"/>
    </row>
    <row r="474945" spans="14:14">
      <c r="N474945" s="10"/>
    </row>
    <row r="474946" spans="14:14">
      <c r="N474946" s="10"/>
    </row>
    <row r="474947" spans="14:14">
      <c r="N474947" s="10"/>
    </row>
    <row r="474948" spans="14:14">
      <c r="N474948" s="10"/>
    </row>
    <row r="474949" spans="14:14">
      <c r="N474949" s="10"/>
    </row>
    <row r="474950" spans="14:14">
      <c r="N474950" s="10"/>
    </row>
    <row r="474951" spans="14:14">
      <c r="N474951" s="10"/>
    </row>
    <row r="474952" spans="14:14">
      <c r="N474952" s="10"/>
    </row>
    <row r="474953" spans="14:14">
      <c r="N474953" s="10"/>
    </row>
    <row r="474954" spans="14:14">
      <c r="N474954" s="10"/>
    </row>
    <row r="474955" spans="14:14">
      <c r="N474955" s="10"/>
    </row>
    <row r="474956" spans="14:14">
      <c r="N474956" s="10"/>
    </row>
    <row r="474957" spans="14:14">
      <c r="N474957" s="10"/>
    </row>
    <row r="474958" spans="14:14">
      <c r="N474958" s="10"/>
    </row>
    <row r="474959" spans="14:14">
      <c r="N474959" s="10"/>
    </row>
    <row r="474960" spans="14:14">
      <c r="N474960" s="10"/>
    </row>
    <row r="474961" spans="14:14">
      <c r="N474961" s="10"/>
    </row>
    <row r="474962" spans="14:14">
      <c r="N474962" s="10"/>
    </row>
    <row r="474963" spans="14:14">
      <c r="N474963" s="10"/>
    </row>
    <row r="474964" spans="14:14">
      <c r="N474964" s="10"/>
    </row>
    <row r="474965" spans="14:14">
      <c r="N474965" s="10"/>
    </row>
    <row r="474966" spans="14:14">
      <c r="N474966" s="10"/>
    </row>
    <row r="474967" spans="14:14">
      <c r="N474967" s="10"/>
    </row>
    <row r="474968" spans="14:14">
      <c r="N474968" s="10"/>
    </row>
    <row r="474969" spans="14:14">
      <c r="N474969" s="10"/>
    </row>
    <row r="474970" spans="14:14">
      <c r="N474970" s="10"/>
    </row>
    <row r="474971" spans="14:14">
      <c r="N474971" s="10"/>
    </row>
    <row r="474972" spans="14:14">
      <c r="N474972" s="10"/>
    </row>
    <row r="474973" spans="14:14">
      <c r="N474973" s="10"/>
    </row>
    <row r="474974" spans="14:14">
      <c r="N474974" s="10"/>
    </row>
    <row r="474975" spans="14:14">
      <c r="N474975" s="10"/>
    </row>
    <row r="474976" spans="14:14">
      <c r="N474976" s="10"/>
    </row>
    <row r="474977" spans="14:14">
      <c r="N474977" s="10"/>
    </row>
    <row r="474978" spans="14:14">
      <c r="N474978" s="10"/>
    </row>
    <row r="474979" spans="14:14">
      <c r="N474979" s="10"/>
    </row>
    <row r="474980" spans="14:14">
      <c r="N474980" s="10"/>
    </row>
    <row r="474981" spans="14:14">
      <c r="N474981" s="10"/>
    </row>
    <row r="474982" spans="14:14">
      <c r="N474982" s="10"/>
    </row>
    <row r="474983" spans="14:14">
      <c r="N474983" s="10"/>
    </row>
    <row r="474984" spans="14:14">
      <c r="N474984" s="10"/>
    </row>
    <row r="474985" spans="14:14">
      <c r="N474985" s="10"/>
    </row>
    <row r="474986" spans="14:14">
      <c r="N474986" s="10"/>
    </row>
    <row r="474987" spans="14:14">
      <c r="N474987" s="10"/>
    </row>
    <row r="474988" spans="14:14">
      <c r="N474988" s="10"/>
    </row>
    <row r="474989" spans="14:14">
      <c r="N474989" s="10"/>
    </row>
    <row r="474990" spans="14:14">
      <c r="N474990" s="10"/>
    </row>
    <row r="474991" spans="14:14">
      <c r="N474991" s="10"/>
    </row>
    <row r="474992" spans="14:14">
      <c r="N474992" s="10"/>
    </row>
    <row r="474993" spans="14:14">
      <c r="N474993" s="10"/>
    </row>
    <row r="474994" spans="14:14">
      <c r="N474994" s="10"/>
    </row>
    <row r="474995" spans="14:14">
      <c r="N474995" s="10"/>
    </row>
    <row r="474996" spans="14:14">
      <c r="N474996" s="10"/>
    </row>
    <row r="474997" spans="14:14">
      <c r="N474997" s="10"/>
    </row>
    <row r="474998" spans="14:14">
      <c r="N474998" s="10"/>
    </row>
    <row r="474999" spans="14:14">
      <c r="N474999" s="10"/>
    </row>
    <row r="475000" spans="14:14">
      <c r="N475000" s="10"/>
    </row>
    <row r="475001" spans="14:14">
      <c r="N475001" s="10"/>
    </row>
    <row r="475002" spans="14:14">
      <c r="N475002" s="10"/>
    </row>
    <row r="475003" spans="14:14">
      <c r="N475003" s="10"/>
    </row>
    <row r="475004" spans="14:14">
      <c r="N475004" s="10"/>
    </row>
    <row r="475005" spans="14:14">
      <c r="N475005" s="10"/>
    </row>
    <row r="475006" spans="14:14">
      <c r="N475006" s="10"/>
    </row>
    <row r="475007" spans="14:14">
      <c r="N475007" s="10"/>
    </row>
    <row r="475008" spans="14:14">
      <c r="N475008" s="10"/>
    </row>
    <row r="475009" spans="14:14">
      <c r="N475009" s="10"/>
    </row>
    <row r="475010" spans="14:14">
      <c r="N475010" s="10"/>
    </row>
    <row r="475011" spans="14:14">
      <c r="N475011" s="10"/>
    </row>
    <row r="475012" spans="14:14">
      <c r="N475012" s="10"/>
    </row>
    <row r="475013" spans="14:14">
      <c r="N475013" s="10"/>
    </row>
    <row r="475014" spans="14:14">
      <c r="N475014" s="10"/>
    </row>
    <row r="475015" spans="14:14">
      <c r="N475015" s="10"/>
    </row>
    <row r="475016" spans="14:14">
      <c r="N475016" s="10"/>
    </row>
    <row r="475017" spans="14:14">
      <c r="N475017" s="10"/>
    </row>
    <row r="475018" spans="14:14">
      <c r="N475018" s="10"/>
    </row>
    <row r="475019" spans="14:14">
      <c r="N475019" s="10"/>
    </row>
    <row r="475020" spans="14:14">
      <c r="N475020" s="10"/>
    </row>
    <row r="475021" spans="14:14">
      <c r="N475021" s="10"/>
    </row>
    <row r="475022" spans="14:14">
      <c r="N475022" s="10"/>
    </row>
    <row r="475023" spans="14:14">
      <c r="N475023" s="10"/>
    </row>
    <row r="475024" spans="14:14">
      <c r="N475024" s="10"/>
    </row>
    <row r="475025" spans="14:14">
      <c r="N475025" s="10"/>
    </row>
    <row r="475026" spans="14:14">
      <c r="N475026" s="10"/>
    </row>
    <row r="475027" spans="14:14">
      <c r="N475027" s="10"/>
    </row>
    <row r="475028" spans="14:14">
      <c r="N475028" s="10"/>
    </row>
    <row r="475029" spans="14:14">
      <c r="N475029" s="10"/>
    </row>
    <row r="475030" spans="14:14">
      <c r="N475030" s="10"/>
    </row>
    <row r="475031" spans="14:14">
      <c r="N475031" s="10"/>
    </row>
    <row r="475032" spans="14:14">
      <c r="N475032" s="10"/>
    </row>
    <row r="475033" spans="14:14">
      <c r="N475033" s="10"/>
    </row>
    <row r="475034" spans="14:14">
      <c r="N475034" s="10"/>
    </row>
    <row r="475035" spans="14:14">
      <c r="N475035" s="10"/>
    </row>
    <row r="475036" spans="14:14">
      <c r="N475036" s="10"/>
    </row>
    <row r="475037" spans="14:14">
      <c r="N475037" s="10"/>
    </row>
    <row r="475038" spans="14:14">
      <c r="N475038" s="10"/>
    </row>
    <row r="475039" spans="14:14">
      <c r="N475039" s="10"/>
    </row>
    <row r="475040" spans="14:14">
      <c r="N475040" s="10"/>
    </row>
    <row r="475041" spans="14:14">
      <c r="N475041" s="10"/>
    </row>
    <row r="475042" spans="14:14">
      <c r="N475042" s="10"/>
    </row>
    <row r="475043" spans="14:14">
      <c r="N475043" s="10"/>
    </row>
    <row r="475044" spans="14:14">
      <c r="N475044" s="10"/>
    </row>
    <row r="475045" spans="14:14">
      <c r="N475045" s="10"/>
    </row>
    <row r="475046" spans="14:14">
      <c r="N475046" s="10"/>
    </row>
    <row r="475047" spans="14:14">
      <c r="N475047" s="10"/>
    </row>
    <row r="475048" spans="14:14">
      <c r="N475048" s="10"/>
    </row>
    <row r="475049" spans="14:14">
      <c r="N475049" s="10"/>
    </row>
    <row r="475050" spans="14:14">
      <c r="N475050" s="10"/>
    </row>
    <row r="475051" spans="14:14">
      <c r="N475051" s="10"/>
    </row>
    <row r="475052" spans="14:14">
      <c r="N475052" s="10"/>
    </row>
    <row r="475053" spans="14:14">
      <c r="N475053" s="10"/>
    </row>
    <row r="475054" spans="14:14">
      <c r="N475054" s="10"/>
    </row>
    <row r="475055" spans="14:14">
      <c r="N475055" s="10"/>
    </row>
    <row r="475056" spans="14:14">
      <c r="N475056" s="10"/>
    </row>
    <row r="475057" spans="14:14">
      <c r="N475057" s="10"/>
    </row>
    <row r="475058" spans="14:14">
      <c r="N475058" s="10"/>
    </row>
    <row r="475059" spans="14:14">
      <c r="N475059" s="10"/>
    </row>
    <row r="475060" spans="14:14">
      <c r="N475060" s="10"/>
    </row>
    <row r="475061" spans="14:14">
      <c r="N475061" s="10"/>
    </row>
    <row r="475062" spans="14:14">
      <c r="N475062" s="10"/>
    </row>
    <row r="475063" spans="14:14">
      <c r="N475063" s="10"/>
    </row>
    <row r="475064" spans="14:14">
      <c r="N475064" s="10"/>
    </row>
    <row r="475065" spans="14:14">
      <c r="N475065" s="10"/>
    </row>
    <row r="475066" spans="14:14">
      <c r="N475066" s="10"/>
    </row>
    <row r="475067" spans="14:14">
      <c r="N475067" s="10"/>
    </row>
    <row r="475068" spans="14:14">
      <c r="N475068" s="10"/>
    </row>
    <row r="475069" spans="14:14">
      <c r="N475069" s="10"/>
    </row>
    <row r="475070" spans="14:14">
      <c r="N475070" s="10"/>
    </row>
    <row r="475071" spans="14:14">
      <c r="N475071" s="10"/>
    </row>
    <row r="475072" spans="14:14">
      <c r="N475072" s="10"/>
    </row>
    <row r="475073" spans="14:14">
      <c r="N475073" s="10"/>
    </row>
    <row r="475074" spans="14:14">
      <c r="N475074" s="10"/>
    </row>
    <row r="475075" spans="14:14">
      <c r="N475075" s="10"/>
    </row>
    <row r="475076" spans="14:14">
      <c r="N475076" s="10"/>
    </row>
    <row r="475077" spans="14:14">
      <c r="N475077" s="10"/>
    </row>
    <row r="475078" spans="14:14">
      <c r="N475078" s="10"/>
    </row>
    <row r="475079" spans="14:14">
      <c r="N475079" s="10"/>
    </row>
    <row r="475080" spans="14:14">
      <c r="N475080" s="10"/>
    </row>
    <row r="475081" spans="14:14">
      <c r="N475081" s="10"/>
    </row>
    <row r="475082" spans="14:14">
      <c r="N475082" s="10"/>
    </row>
    <row r="475083" spans="14:14">
      <c r="N475083" s="10"/>
    </row>
    <row r="475084" spans="14:14">
      <c r="N475084" s="10"/>
    </row>
    <row r="475085" spans="14:14">
      <c r="N475085" s="10"/>
    </row>
    <row r="475086" spans="14:14">
      <c r="N475086" s="10"/>
    </row>
    <row r="475087" spans="14:14">
      <c r="N475087" s="10"/>
    </row>
    <row r="475088" spans="14:14">
      <c r="N475088" s="10"/>
    </row>
    <row r="475089" spans="14:14">
      <c r="N475089" s="10"/>
    </row>
    <row r="475090" spans="14:14">
      <c r="N475090" s="10"/>
    </row>
    <row r="475091" spans="14:14">
      <c r="N475091" s="10"/>
    </row>
    <row r="475092" spans="14:14">
      <c r="N475092" s="10"/>
    </row>
    <row r="475093" spans="14:14">
      <c r="N475093" s="10"/>
    </row>
    <row r="475094" spans="14:14">
      <c r="N475094" s="10"/>
    </row>
    <row r="475095" spans="14:14">
      <c r="N475095" s="10"/>
    </row>
    <row r="475096" spans="14:14">
      <c r="N475096" s="10"/>
    </row>
    <row r="475097" spans="14:14">
      <c r="N475097" s="10"/>
    </row>
    <row r="475098" spans="14:14">
      <c r="N475098" s="10"/>
    </row>
    <row r="475099" spans="14:14">
      <c r="N475099" s="10"/>
    </row>
    <row r="475100" spans="14:14">
      <c r="N475100" s="10"/>
    </row>
    <row r="475101" spans="14:14">
      <c r="N475101" s="10"/>
    </row>
    <row r="475102" spans="14:14">
      <c r="N475102" s="10"/>
    </row>
    <row r="475103" spans="14:14">
      <c r="N475103" s="10"/>
    </row>
    <row r="475104" spans="14:14">
      <c r="N475104" s="10"/>
    </row>
    <row r="475105" spans="14:14">
      <c r="N475105" s="10"/>
    </row>
    <row r="475106" spans="14:14">
      <c r="N475106" s="10"/>
    </row>
    <row r="475107" spans="14:14">
      <c r="N475107" s="10"/>
    </row>
    <row r="475108" spans="14:14">
      <c r="N475108" s="10"/>
    </row>
    <row r="475109" spans="14:14">
      <c r="N475109" s="10"/>
    </row>
    <row r="475110" spans="14:14">
      <c r="N475110" s="10"/>
    </row>
    <row r="475111" spans="14:14">
      <c r="N475111" s="10"/>
    </row>
    <row r="475112" spans="14:14">
      <c r="N475112" s="10"/>
    </row>
    <row r="475113" spans="14:14">
      <c r="N475113" s="10"/>
    </row>
    <row r="475114" spans="14:14">
      <c r="N475114" s="10"/>
    </row>
    <row r="475115" spans="14:14">
      <c r="N475115" s="10"/>
    </row>
    <row r="475116" spans="14:14">
      <c r="N475116" s="10"/>
    </row>
    <row r="475117" spans="14:14">
      <c r="N475117" s="10"/>
    </row>
    <row r="475118" spans="14:14">
      <c r="N475118" s="10"/>
    </row>
    <row r="475119" spans="14:14">
      <c r="N475119" s="10"/>
    </row>
    <row r="475120" spans="14:14">
      <c r="N475120" s="10"/>
    </row>
    <row r="475121" spans="14:14">
      <c r="N475121" s="10"/>
    </row>
    <row r="475122" spans="14:14">
      <c r="N475122" s="10"/>
    </row>
    <row r="475123" spans="14:14">
      <c r="N475123" s="10"/>
    </row>
    <row r="475124" spans="14:14">
      <c r="N475124" s="10"/>
    </row>
    <row r="475125" spans="14:14">
      <c r="N475125" s="10"/>
    </row>
    <row r="475126" spans="14:14">
      <c r="N475126" s="10"/>
    </row>
    <row r="475127" spans="14:14">
      <c r="N475127" s="10"/>
    </row>
    <row r="475128" spans="14:14">
      <c r="N475128" s="10"/>
    </row>
    <row r="475129" spans="14:14">
      <c r="N475129" s="10"/>
    </row>
    <row r="475130" spans="14:14">
      <c r="N475130" s="10"/>
    </row>
    <row r="475131" spans="14:14">
      <c r="N475131" s="10"/>
    </row>
    <row r="475132" spans="14:14">
      <c r="N475132" s="10"/>
    </row>
    <row r="475133" spans="14:14">
      <c r="N475133" s="10"/>
    </row>
    <row r="475134" spans="14:14">
      <c r="N475134" s="10"/>
    </row>
    <row r="475135" spans="14:14">
      <c r="N475135" s="10"/>
    </row>
    <row r="475136" spans="14:14">
      <c r="N475136" s="10"/>
    </row>
    <row r="475137" spans="14:14">
      <c r="N475137" s="10"/>
    </row>
    <row r="475138" spans="14:14">
      <c r="N475138" s="10"/>
    </row>
    <row r="475139" spans="14:14">
      <c r="N475139" s="10"/>
    </row>
    <row r="475140" spans="14:14">
      <c r="N475140" s="10"/>
    </row>
    <row r="475141" spans="14:14">
      <c r="N475141" s="10"/>
    </row>
    <row r="475142" spans="14:14">
      <c r="N475142" s="10"/>
    </row>
    <row r="475143" spans="14:14">
      <c r="N475143" s="10"/>
    </row>
    <row r="475144" spans="14:14">
      <c r="N475144" s="10"/>
    </row>
    <row r="475145" spans="14:14">
      <c r="N475145" s="10"/>
    </row>
    <row r="475146" spans="14:14">
      <c r="N475146" s="10"/>
    </row>
    <row r="475147" spans="14:14">
      <c r="N475147" s="10"/>
    </row>
    <row r="475148" spans="14:14">
      <c r="N475148" s="10"/>
    </row>
    <row r="475149" spans="14:14">
      <c r="N475149" s="10"/>
    </row>
    <row r="475150" spans="14:14">
      <c r="N475150" s="10"/>
    </row>
    <row r="475151" spans="14:14">
      <c r="N475151" s="10"/>
    </row>
    <row r="475152" spans="14:14">
      <c r="N475152" s="10"/>
    </row>
    <row r="475153" spans="14:14">
      <c r="N475153" s="10"/>
    </row>
    <row r="475154" spans="14:14">
      <c r="N475154" s="10"/>
    </row>
    <row r="475155" spans="14:14">
      <c r="N475155" s="10"/>
    </row>
    <row r="475156" spans="14:14">
      <c r="N475156" s="10"/>
    </row>
    <row r="475157" spans="14:14">
      <c r="N475157" s="10"/>
    </row>
    <row r="475158" spans="14:14">
      <c r="N475158" s="10"/>
    </row>
    <row r="475159" spans="14:14">
      <c r="N475159" s="10"/>
    </row>
    <row r="475160" spans="14:14">
      <c r="N475160" s="10"/>
    </row>
    <row r="475161" spans="14:14">
      <c r="N475161" s="10"/>
    </row>
    <row r="475162" spans="14:14">
      <c r="N475162" s="10"/>
    </row>
    <row r="475163" spans="14:14">
      <c r="N475163" s="10"/>
    </row>
    <row r="475164" spans="14:14">
      <c r="N475164" s="10"/>
    </row>
    <row r="475165" spans="14:14">
      <c r="N475165" s="10"/>
    </row>
    <row r="475166" spans="14:14">
      <c r="N475166" s="10"/>
    </row>
    <row r="475167" spans="14:14">
      <c r="N475167" s="10"/>
    </row>
    <row r="475168" spans="14:14">
      <c r="N475168" s="10"/>
    </row>
    <row r="475169" spans="14:14">
      <c r="N475169" s="10"/>
    </row>
    <row r="475170" spans="14:14">
      <c r="N475170" s="10"/>
    </row>
    <row r="475171" spans="14:14">
      <c r="N475171" s="10"/>
    </row>
    <row r="475172" spans="14:14">
      <c r="N475172" s="10"/>
    </row>
    <row r="475173" spans="14:14">
      <c r="N475173" s="10"/>
    </row>
    <row r="475174" spans="14:14">
      <c r="N475174" s="10"/>
    </row>
    <row r="475175" spans="14:14">
      <c r="N475175" s="10"/>
    </row>
    <row r="475176" spans="14:14">
      <c r="N475176" s="10"/>
    </row>
    <row r="475177" spans="14:14">
      <c r="N475177" s="10"/>
    </row>
    <row r="475178" spans="14:14">
      <c r="N475178" s="10"/>
    </row>
    <row r="475179" spans="14:14">
      <c r="N475179" s="10"/>
    </row>
    <row r="475180" spans="14:14">
      <c r="N475180" s="10"/>
    </row>
    <row r="475181" spans="14:14">
      <c r="N475181" s="10"/>
    </row>
    <row r="475182" spans="14:14">
      <c r="N475182" s="10"/>
    </row>
    <row r="475183" spans="14:14">
      <c r="N475183" s="10"/>
    </row>
    <row r="475184" spans="14:14">
      <c r="N475184" s="10"/>
    </row>
    <row r="475185" spans="14:14">
      <c r="N475185" s="10"/>
    </row>
    <row r="475186" spans="14:14">
      <c r="N475186" s="10"/>
    </row>
    <row r="475187" spans="14:14">
      <c r="N475187" s="10"/>
    </row>
    <row r="475188" spans="14:14">
      <c r="N475188" s="10"/>
    </row>
    <row r="475189" spans="14:14">
      <c r="N475189" s="10"/>
    </row>
    <row r="475190" spans="14:14">
      <c r="N475190" s="10"/>
    </row>
    <row r="475191" spans="14:14">
      <c r="N475191" s="10"/>
    </row>
    <row r="475192" spans="14:14">
      <c r="N475192" s="10"/>
    </row>
    <row r="475193" spans="14:14">
      <c r="N475193" s="10"/>
    </row>
    <row r="475194" spans="14:14">
      <c r="N475194" s="10"/>
    </row>
    <row r="475195" spans="14:14">
      <c r="N475195" s="10"/>
    </row>
    <row r="475196" spans="14:14">
      <c r="N475196" s="10"/>
    </row>
    <row r="475197" spans="14:14">
      <c r="N475197" s="10"/>
    </row>
    <row r="475198" spans="14:14">
      <c r="N475198" s="10"/>
    </row>
    <row r="475199" spans="14:14">
      <c r="N475199" s="10"/>
    </row>
    <row r="475200" spans="14:14">
      <c r="N475200" s="10"/>
    </row>
    <row r="475201" spans="14:14">
      <c r="N475201" s="10"/>
    </row>
    <row r="475202" spans="14:14">
      <c r="N475202" s="10"/>
    </row>
    <row r="475203" spans="14:14">
      <c r="N475203" s="10"/>
    </row>
    <row r="475204" spans="14:14">
      <c r="N475204" s="10"/>
    </row>
    <row r="475205" spans="14:14">
      <c r="N475205" s="10"/>
    </row>
    <row r="475206" spans="14:14">
      <c r="N475206" s="10"/>
    </row>
    <row r="475207" spans="14:14">
      <c r="N475207" s="10"/>
    </row>
    <row r="475208" spans="14:14">
      <c r="N475208" s="10"/>
    </row>
    <row r="475209" spans="14:14">
      <c r="N475209" s="10"/>
    </row>
    <row r="475210" spans="14:14">
      <c r="N475210" s="10"/>
    </row>
    <row r="475211" spans="14:14">
      <c r="N475211" s="10"/>
    </row>
    <row r="475212" spans="14:14">
      <c r="N475212" s="10"/>
    </row>
    <row r="475213" spans="14:14">
      <c r="N475213" s="10"/>
    </row>
    <row r="475214" spans="14:14">
      <c r="N475214" s="10"/>
    </row>
    <row r="475215" spans="14:14">
      <c r="N475215" s="10"/>
    </row>
    <row r="475216" spans="14:14">
      <c r="N475216" s="10"/>
    </row>
    <row r="475217" spans="14:14">
      <c r="N475217" s="10"/>
    </row>
    <row r="475218" spans="14:14">
      <c r="N475218" s="10"/>
    </row>
    <row r="475219" spans="14:14">
      <c r="N475219" s="10"/>
    </row>
    <row r="475220" spans="14:14">
      <c r="N475220" s="10"/>
    </row>
    <row r="475221" spans="14:14">
      <c r="N475221" s="10"/>
    </row>
    <row r="475222" spans="14:14">
      <c r="N475222" s="10"/>
    </row>
    <row r="475223" spans="14:14">
      <c r="N475223" s="10"/>
    </row>
    <row r="475224" spans="14:14">
      <c r="N475224" s="10"/>
    </row>
    <row r="475225" spans="14:14">
      <c r="N475225" s="10"/>
    </row>
    <row r="475226" spans="14:14">
      <c r="N475226" s="10"/>
    </row>
    <row r="475227" spans="14:14">
      <c r="N475227" s="10"/>
    </row>
    <row r="475228" spans="14:14">
      <c r="N475228" s="10"/>
    </row>
    <row r="475229" spans="14:14">
      <c r="N475229" s="10"/>
    </row>
    <row r="475230" spans="14:14">
      <c r="N475230" s="10"/>
    </row>
    <row r="475231" spans="14:14">
      <c r="N475231" s="10"/>
    </row>
    <row r="475232" spans="14:14">
      <c r="N475232" s="10"/>
    </row>
    <row r="475233" spans="14:14">
      <c r="N475233" s="10"/>
    </row>
    <row r="475234" spans="14:14">
      <c r="N475234" s="10"/>
    </row>
    <row r="475235" spans="14:14">
      <c r="N475235" s="10"/>
    </row>
    <row r="475236" spans="14:14">
      <c r="N475236" s="10"/>
    </row>
    <row r="475237" spans="14:14">
      <c r="N475237" s="10"/>
    </row>
    <row r="475238" spans="14:14">
      <c r="N475238" s="10"/>
    </row>
    <row r="475239" spans="14:14">
      <c r="N475239" s="10"/>
    </row>
    <row r="475240" spans="14:14">
      <c r="N475240" s="10"/>
    </row>
    <row r="475241" spans="14:14">
      <c r="N475241" s="10"/>
    </row>
    <row r="475242" spans="14:14">
      <c r="N475242" s="10"/>
    </row>
    <row r="475243" spans="14:14">
      <c r="N475243" s="10"/>
    </row>
    <row r="475244" spans="14:14">
      <c r="N475244" s="10"/>
    </row>
    <row r="475245" spans="14:14">
      <c r="N475245" s="10"/>
    </row>
    <row r="475246" spans="14:14">
      <c r="N475246" s="10"/>
    </row>
    <row r="475247" spans="14:14">
      <c r="N475247" s="10"/>
    </row>
    <row r="475248" spans="14:14">
      <c r="N475248" s="10"/>
    </row>
    <row r="475249" spans="14:14">
      <c r="N475249" s="10"/>
    </row>
    <row r="475250" spans="14:14">
      <c r="N475250" s="10"/>
    </row>
    <row r="475251" spans="14:14">
      <c r="N475251" s="10"/>
    </row>
    <row r="475252" spans="14:14">
      <c r="N475252" s="10"/>
    </row>
    <row r="475253" spans="14:14">
      <c r="N475253" s="10"/>
    </row>
    <row r="475254" spans="14:14">
      <c r="N475254" s="10"/>
    </row>
    <row r="475255" spans="14:14">
      <c r="N475255" s="10"/>
    </row>
    <row r="475256" spans="14:14">
      <c r="N475256" s="10"/>
    </row>
    <row r="475257" spans="14:14">
      <c r="N475257" s="10"/>
    </row>
    <row r="475258" spans="14:14">
      <c r="N475258" s="10"/>
    </row>
    <row r="475259" spans="14:14">
      <c r="N475259" s="10"/>
    </row>
    <row r="475260" spans="14:14">
      <c r="N475260" s="10"/>
    </row>
    <row r="475261" spans="14:14">
      <c r="N475261" s="10"/>
    </row>
    <row r="475262" spans="14:14">
      <c r="N475262" s="10"/>
    </row>
    <row r="475263" spans="14:14">
      <c r="N475263" s="10"/>
    </row>
    <row r="475264" spans="14:14">
      <c r="N475264" s="10"/>
    </row>
    <row r="475265" spans="14:14">
      <c r="N475265" s="10"/>
    </row>
    <row r="475266" spans="14:14">
      <c r="N475266" s="10"/>
    </row>
    <row r="475267" spans="14:14">
      <c r="N475267" s="10"/>
    </row>
    <row r="475268" spans="14:14">
      <c r="N475268" s="10"/>
    </row>
    <row r="475269" spans="14:14">
      <c r="N475269" s="10"/>
    </row>
    <row r="475270" spans="14:14">
      <c r="N475270" s="10"/>
    </row>
    <row r="475271" spans="14:14">
      <c r="N475271" s="10"/>
    </row>
    <row r="475272" spans="14:14">
      <c r="N475272" s="10"/>
    </row>
    <row r="475273" spans="14:14">
      <c r="N475273" s="10"/>
    </row>
    <row r="475274" spans="14:14">
      <c r="N475274" s="10"/>
    </row>
    <row r="475275" spans="14:14">
      <c r="N475275" s="10"/>
    </row>
    <row r="475276" spans="14:14">
      <c r="N475276" s="10"/>
    </row>
    <row r="475277" spans="14:14">
      <c r="N475277" s="10"/>
    </row>
    <row r="475278" spans="14:14">
      <c r="N475278" s="10"/>
    </row>
    <row r="475279" spans="14:14">
      <c r="N475279" s="10"/>
    </row>
    <row r="475280" spans="14:14">
      <c r="N475280" s="10"/>
    </row>
    <row r="475281" spans="14:14">
      <c r="N475281" s="10"/>
    </row>
    <row r="475282" spans="14:14">
      <c r="N475282" s="10"/>
    </row>
    <row r="475283" spans="14:14">
      <c r="N475283" s="10"/>
    </row>
    <row r="475284" spans="14:14">
      <c r="N475284" s="10"/>
    </row>
    <row r="475285" spans="14:14">
      <c r="N475285" s="10"/>
    </row>
    <row r="475286" spans="14:14">
      <c r="N475286" s="10"/>
    </row>
    <row r="475287" spans="14:14">
      <c r="N475287" s="10"/>
    </row>
    <row r="475288" spans="14:14">
      <c r="N475288" s="10"/>
    </row>
    <row r="475289" spans="14:14">
      <c r="N475289" s="10"/>
    </row>
    <row r="475290" spans="14:14">
      <c r="N475290" s="10"/>
    </row>
    <row r="475291" spans="14:14">
      <c r="N475291" s="10"/>
    </row>
    <row r="475292" spans="14:14">
      <c r="N475292" s="10"/>
    </row>
    <row r="475293" spans="14:14">
      <c r="N475293" s="10"/>
    </row>
    <row r="475294" spans="14:14">
      <c r="N475294" s="10"/>
    </row>
    <row r="475295" spans="14:14">
      <c r="N475295" s="10"/>
    </row>
    <row r="475296" spans="14:14">
      <c r="N475296" s="10"/>
    </row>
    <row r="475297" spans="14:14">
      <c r="N475297" s="10"/>
    </row>
    <row r="475298" spans="14:14">
      <c r="N475298" s="10"/>
    </row>
    <row r="475299" spans="14:14">
      <c r="N475299" s="10"/>
    </row>
    <row r="475300" spans="14:14">
      <c r="N475300" s="10"/>
    </row>
    <row r="475301" spans="14:14">
      <c r="N475301" s="10"/>
    </row>
    <row r="475302" spans="14:14">
      <c r="N475302" s="10"/>
    </row>
    <row r="475303" spans="14:14">
      <c r="N475303" s="10"/>
    </row>
    <row r="475304" spans="14:14">
      <c r="N475304" s="10"/>
    </row>
    <row r="475305" spans="14:14">
      <c r="N475305" s="10"/>
    </row>
    <row r="475306" spans="14:14">
      <c r="N475306" s="10"/>
    </row>
    <row r="475307" spans="14:14">
      <c r="N475307" s="10"/>
    </row>
    <row r="475308" spans="14:14">
      <c r="N475308" s="10"/>
    </row>
    <row r="475309" spans="14:14">
      <c r="N475309" s="10"/>
    </row>
    <row r="475310" spans="14:14">
      <c r="N475310" s="10"/>
    </row>
    <row r="475311" spans="14:14">
      <c r="N475311" s="10"/>
    </row>
    <row r="475312" spans="14:14">
      <c r="N475312" s="10"/>
    </row>
    <row r="475313" spans="14:14">
      <c r="N475313" s="10"/>
    </row>
    <row r="475314" spans="14:14">
      <c r="N475314" s="10"/>
    </row>
    <row r="475315" spans="14:14">
      <c r="N475315" s="10"/>
    </row>
    <row r="475316" spans="14:14">
      <c r="N475316" s="10"/>
    </row>
    <row r="475317" spans="14:14">
      <c r="N475317" s="10"/>
    </row>
    <row r="475318" spans="14:14">
      <c r="N475318" s="10"/>
    </row>
    <row r="475319" spans="14:14">
      <c r="N475319" s="10"/>
    </row>
    <row r="475320" spans="14:14">
      <c r="N475320" s="10"/>
    </row>
    <row r="475321" spans="14:14">
      <c r="N475321" s="10"/>
    </row>
    <row r="475322" spans="14:14">
      <c r="N475322" s="10"/>
    </row>
    <row r="475323" spans="14:14">
      <c r="N475323" s="10"/>
    </row>
    <row r="475324" spans="14:14">
      <c r="N475324" s="10"/>
    </row>
    <row r="475325" spans="14:14">
      <c r="N475325" s="10"/>
    </row>
    <row r="475326" spans="14:14">
      <c r="N475326" s="10"/>
    </row>
    <row r="475327" spans="14:14">
      <c r="N475327" s="10"/>
    </row>
    <row r="475328" spans="14:14">
      <c r="N475328" s="10"/>
    </row>
    <row r="475329" spans="14:14">
      <c r="N475329" s="10"/>
    </row>
    <row r="475330" spans="14:14">
      <c r="N475330" s="10"/>
    </row>
    <row r="475331" spans="14:14">
      <c r="N475331" s="10"/>
    </row>
    <row r="475332" spans="14:14">
      <c r="N475332" s="10"/>
    </row>
    <row r="475333" spans="14:14">
      <c r="N475333" s="10"/>
    </row>
    <row r="475334" spans="14:14">
      <c r="N475334" s="10"/>
    </row>
    <row r="475335" spans="14:14">
      <c r="N475335" s="10"/>
    </row>
    <row r="475336" spans="14:14">
      <c r="N475336" s="10"/>
    </row>
    <row r="475337" spans="14:14">
      <c r="N475337" s="10"/>
    </row>
    <row r="475338" spans="14:14">
      <c r="N475338" s="10"/>
    </row>
    <row r="475339" spans="14:14">
      <c r="N475339" s="10"/>
    </row>
    <row r="475340" spans="14:14">
      <c r="N475340" s="10"/>
    </row>
    <row r="475341" spans="14:14">
      <c r="N475341" s="10"/>
    </row>
    <row r="475342" spans="14:14">
      <c r="N475342" s="10"/>
    </row>
    <row r="475343" spans="14:14">
      <c r="N475343" s="10"/>
    </row>
    <row r="475344" spans="14:14">
      <c r="N475344" s="10"/>
    </row>
    <row r="475345" spans="14:14">
      <c r="N475345" s="10"/>
    </row>
    <row r="475346" spans="14:14">
      <c r="N475346" s="10"/>
    </row>
    <row r="475347" spans="14:14">
      <c r="N475347" s="10"/>
    </row>
    <row r="475348" spans="14:14">
      <c r="N475348" s="10"/>
    </row>
    <row r="475349" spans="14:14">
      <c r="N475349" s="10"/>
    </row>
    <row r="475350" spans="14:14">
      <c r="N475350" s="10"/>
    </row>
    <row r="475351" spans="14:14">
      <c r="N475351" s="10"/>
    </row>
    <row r="475352" spans="14:14">
      <c r="N475352" s="10"/>
    </row>
    <row r="475353" spans="14:14">
      <c r="N475353" s="10"/>
    </row>
    <row r="475354" spans="14:14">
      <c r="N475354" s="10"/>
    </row>
    <row r="475355" spans="14:14">
      <c r="N475355" s="10"/>
    </row>
    <row r="475356" spans="14:14">
      <c r="N475356" s="10"/>
    </row>
    <row r="475357" spans="14:14">
      <c r="N475357" s="10"/>
    </row>
    <row r="475358" spans="14:14">
      <c r="N475358" s="10"/>
    </row>
    <row r="475359" spans="14:14">
      <c r="N475359" s="10"/>
    </row>
    <row r="475360" spans="14:14">
      <c r="N475360" s="10"/>
    </row>
    <row r="475361" spans="14:14">
      <c r="N475361" s="10"/>
    </row>
    <row r="475362" spans="14:14">
      <c r="N475362" s="10"/>
    </row>
    <row r="475363" spans="14:14">
      <c r="N475363" s="10"/>
    </row>
    <row r="475364" spans="14:14">
      <c r="N475364" s="10"/>
    </row>
    <row r="475365" spans="14:14">
      <c r="N475365" s="10"/>
    </row>
    <row r="475366" spans="14:14">
      <c r="N475366" s="10"/>
    </row>
    <row r="475367" spans="14:14">
      <c r="N475367" s="10"/>
    </row>
    <row r="475368" spans="14:14">
      <c r="N475368" s="10"/>
    </row>
    <row r="475369" spans="14:14">
      <c r="N475369" s="10"/>
    </row>
    <row r="475370" spans="14:14">
      <c r="N475370" s="10"/>
    </row>
    <row r="475371" spans="14:14">
      <c r="N475371" s="10"/>
    </row>
    <row r="475372" spans="14:14">
      <c r="N475372" s="10"/>
    </row>
    <row r="475373" spans="14:14">
      <c r="N475373" s="10"/>
    </row>
    <row r="475374" spans="14:14">
      <c r="N475374" s="10"/>
    </row>
    <row r="475375" spans="14:14">
      <c r="N475375" s="10"/>
    </row>
    <row r="475376" spans="14:14">
      <c r="N475376" s="10"/>
    </row>
    <row r="475377" spans="14:14">
      <c r="N475377" s="10"/>
    </row>
    <row r="475378" spans="14:14">
      <c r="N475378" s="10"/>
    </row>
    <row r="475379" spans="14:14">
      <c r="N475379" s="10"/>
    </row>
    <row r="475380" spans="14:14">
      <c r="N475380" s="10"/>
    </row>
    <row r="475381" spans="14:14">
      <c r="N475381" s="10"/>
    </row>
    <row r="475382" spans="14:14">
      <c r="N475382" s="10"/>
    </row>
    <row r="475383" spans="14:14">
      <c r="N475383" s="10"/>
    </row>
    <row r="475384" spans="14:14">
      <c r="N475384" s="10"/>
    </row>
    <row r="475385" spans="14:14">
      <c r="N475385" s="10"/>
    </row>
    <row r="475386" spans="14:14">
      <c r="N475386" s="10"/>
    </row>
    <row r="475387" spans="14:14">
      <c r="N475387" s="10"/>
    </row>
    <row r="475388" spans="14:14">
      <c r="N475388" s="10"/>
    </row>
    <row r="475389" spans="14:14">
      <c r="N475389" s="10"/>
    </row>
    <row r="475390" spans="14:14">
      <c r="N475390" s="10"/>
    </row>
    <row r="475391" spans="14:14">
      <c r="N475391" s="10"/>
    </row>
    <row r="475392" spans="14:14">
      <c r="N475392" s="10"/>
    </row>
    <row r="475393" spans="14:14">
      <c r="N475393" s="10"/>
    </row>
    <row r="475394" spans="14:14">
      <c r="N475394" s="10"/>
    </row>
    <row r="475395" spans="14:14">
      <c r="N475395" s="10"/>
    </row>
    <row r="475396" spans="14:14">
      <c r="N475396" s="10"/>
    </row>
    <row r="475397" spans="14:14">
      <c r="N475397" s="10"/>
    </row>
    <row r="475398" spans="14:14">
      <c r="N475398" s="10"/>
    </row>
    <row r="475399" spans="14:14">
      <c r="N475399" s="10"/>
    </row>
    <row r="475400" spans="14:14">
      <c r="N475400" s="10"/>
    </row>
    <row r="475401" spans="14:14">
      <c r="N475401" s="10"/>
    </row>
    <row r="475402" spans="14:14">
      <c r="N475402" s="10"/>
    </row>
    <row r="475403" spans="14:14">
      <c r="N475403" s="10"/>
    </row>
    <row r="475404" spans="14:14">
      <c r="N475404" s="10"/>
    </row>
    <row r="475405" spans="14:14">
      <c r="N475405" s="10"/>
    </row>
    <row r="475406" spans="14:14">
      <c r="N475406" s="10"/>
    </row>
    <row r="475407" spans="14:14">
      <c r="N475407" s="10"/>
    </row>
    <row r="475408" spans="14:14">
      <c r="N475408" s="10"/>
    </row>
    <row r="475409" spans="14:14">
      <c r="N475409" s="10"/>
    </row>
    <row r="475410" spans="14:14">
      <c r="N475410" s="10"/>
    </row>
    <row r="475411" spans="14:14">
      <c r="N475411" s="10"/>
    </row>
    <row r="475412" spans="14:14">
      <c r="N475412" s="10"/>
    </row>
    <row r="475413" spans="14:14">
      <c r="N475413" s="10"/>
    </row>
    <row r="475414" spans="14:14">
      <c r="N475414" s="10"/>
    </row>
    <row r="475415" spans="14:14">
      <c r="N475415" s="10"/>
    </row>
    <row r="475416" spans="14:14">
      <c r="N475416" s="10"/>
    </row>
    <row r="475417" spans="14:14">
      <c r="N475417" s="10"/>
    </row>
    <row r="475418" spans="14:14">
      <c r="N475418" s="10"/>
    </row>
    <row r="475419" spans="14:14">
      <c r="N475419" s="10"/>
    </row>
    <row r="475420" spans="14:14">
      <c r="N475420" s="10"/>
    </row>
    <row r="475421" spans="14:14">
      <c r="N475421" s="10"/>
    </row>
    <row r="475422" spans="14:14">
      <c r="N475422" s="10"/>
    </row>
    <row r="475423" spans="14:14">
      <c r="N475423" s="10"/>
    </row>
    <row r="475424" spans="14:14">
      <c r="N475424" s="10"/>
    </row>
    <row r="475425" spans="14:14">
      <c r="N475425" s="10"/>
    </row>
    <row r="475426" spans="14:14">
      <c r="N475426" s="10"/>
    </row>
    <row r="475427" spans="14:14">
      <c r="N475427" s="10"/>
    </row>
    <row r="475428" spans="14:14">
      <c r="N475428" s="10"/>
    </row>
    <row r="475429" spans="14:14">
      <c r="N475429" s="10"/>
    </row>
    <row r="475430" spans="14:14">
      <c r="N475430" s="10"/>
    </row>
    <row r="475431" spans="14:14">
      <c r="N475431" s="10"/>
    </row>
    <row r="475432" spans="14:14">
      <c r="N475432" s="10"/>
    </row>
    <row r="475433" spans="14:14">
      <c r="N475433" s="10"/>
    </row>
    <row r="475434" spans="14:14">
      <c r="N475434" s="10"/>
    </row>
    <row r="475435" spans="14:14">
      <c r="N475435" s="10"/>
    </row>
    <row r="475436" spans="14:14">
      <c r="N475436" s="10"/>
    </row>
    <row r="475437" spans="14:14">
      <c r="N475437" s="10"/>
    </row>
    <row r="475438" spans="14:14">
      <c r="N475438" s="10"/>
    </row>
    <row r="475439" spans="14:14">
      <c r="N475439" s="10"/>
    </row>
    <row r="475440" spans="14:14">
      <c r="N475440" s="10"/>
    </row>
    <row r="475441" spans="14:14">
      <c r="N475441" s="10"/>
    </row>
    <row r="475442" spans="14:14">
      <c r="N475442" s="10"/>
    </row>
    <row r="475443" spans="14:14">
      <c r="N475443" s="10"/>
    </row>
    <row r="475444" spans="14:14">
      <c r="N475444" s="10"/>
    </row>
    <row r="475445" spans="14:14">
      <c r="N475445" s="10"/>
    </row>
    <row r="475446" spans="14:14">
      <c r="N475446" s="10"/>
    </row>
    <row r="475447" spans="14:14">
      <c r="N475447" s="10"/>
    </row>
    <row r="475448" spans="14:14">
      <c r="N475448" s="10"/>
    </row>
    <row r="475449" spans="14:14">
      <c r="N475449" s="10"/>
    </row>
    <row r="475450" spans="14:14">
      <c r="N475450" s="10"/>
    </row>
    <row r="475451" spans="14:14">
      <c r="N475451" s="10"/>
    </row>
    <row r="475452" spans="14:14">
      <c r="N475452" s="10"/>
    </row>
    <row r="475453" spans="14:14">
      <c r="N475453" s="10"/>
    </row>
    <row r="475454" spans="14:14">
      <c r="N475454" s="10"/>
    </row>
    <row r="475455" spans="14:14">
      <c r="N475455" s="10"/>
    </row>
    <row r="475456" spans="14:14">
      <c r="N475456" s="10"/>
    </row>
    <row r="475457" spans="14:14">
      <c r="N475457" s="10"/>
    </row>
    <row r="475458" spans="14:14">
      <c r="N475458" s="10"/>
    </row>
    <row r="475459" spans="14:14">
      <c r="N475459" s="10"/>
    </row>
    <row r="475460" spans="14:14">
      <c r="N475460" s="10"/>
    </row>
    <row r="475461" spans="14:14">
      <c r="N475461" s="10"/>
    </row>
    <row r="475462" spans="14:14">
      <c r="N475462" s="10"/>
    </row>
    <row r="475463" spans="14:14">
      <c r="N475463" s="10"/>
    </row>
    <row r="475464" spans="14:14">
      <c r="N475464" s="10"/>
    </row>
    <row r="475465" spans="14:14">
      <c r="N475465" s="10"/>
    </row>
    <row r="475466" spans="14:14">
      <c r="N475466" s="10"/>
    </row>
    <row r="475467" spans="14:14">
      <c r="N475467" s="10"/>
    </row>
    <row r="475468" spans="14:14">
      <c r="N475468" s="10"/>
    </row>
    <row r="475469" spans="14:14">
      <c r="N475469" s="10"/>
    </row>
    <row r="475470" spans="14:14">
      <c r="N475470" s="10"/>
    </row>
    <row r="475471" spans="14:14">
      <c r="N475471" s="10"/>
    </row>
    <row r="475472" spans="14:14">
      <c r="N475472" s="10"/>
    </row>
    <row r="475473" spans="14:14">
      <c r="N475473" s="10"/>
    </row>
    <row r="475474" spans="14:14">
      <c r="N475474" s="10"/>
    </row>
    <row r="475475" spans="14:14">
      <c r="N475475" s="10"/>
    </row>
    <row r="475476" spans="14:14">
      <c r="N475476" s="10"/>
    </row>
    <row r="475477" spans="14:14">
      <c r="N475477" s="10"/>
    </row>
    <row r="475478" spans="14:14">
      <c r="N475478" s="10"/>
    </row>
    <row r="475479" spans="14:14">
      <c r="N475479" s="10"/>
    </row>
    <row r="475480" spans="14:14">
      <c r="N475480" s="10"/>
    </row>
    <row r="475481" spans="14:14">
      <c r="N475481" s="10"/>
    </row>
    <row r="475482" spans="14:14">
      <c r="N475482" s="10"/>
    </row>
    <row r="475483" spans="14:14">
      <c r="N475483" s="10"/>
    </row>
    <row r="475484" spans="14:14">
      <c r="N475484" s="10"/>
    </row>
    <row r="475485" spans="14:14">
      <c r="N475485" s="10"/>
    </row>
    <row r="475486" spans="14:14">
      <c r="N475486" s="10"/>
    </row>
    <row r="475487" spans="14:14">
      <c r="N475487" s="10"/>
    </row>
    <row r="475488" spans="14:14">
      <c r="N475488" s="10"/>
    </row>
    <row r="475489" spans="14:14">
      <c r="N475489" s="10"/>
    </row>
    <row r="475490" spans="14:14">
      <c r="N475490" s="10"/>
    </row>
    <row r="475491" spans="14:14">
      <c r="N475491" s="10"/>
    </row>
    <row r="475492" spans="14:14">
      <c r="N475492" s="10"/>
    </row>
    <row r="475493" spans="14:14">
      <c r="N475493" s="10"/>
    </row>
    <row r="475494" spans="14:14">
      <c r="N475494" s="10"/>
    </row>
    <row r="475495" spans="14:14">
      <c r="N475495" s="10"/>
    </row>
    <row r="475496" spans="14:14">
      <c r="N475496" s="10"/>
    </row>
    <row r="475497" spans="14:14">
      <c r="N475497" s="10"/>
    </row>
    <row r="475498" spans="14:14">
      <c r="N475498" s="10"/>
    </row>
    <row r="475499" spans="14:14">
      <c r="N475499" s="10"/>
    </row>
    <row r="475500" spans="14:14">
      <c r="N475500" s="10"/>
    </row>
    <row r="475501" spans="14:14">
      <c r="N475501" s="10"/>
    </row>
    <row r="475502" spans="14:14">
      <c r="N475502" s="10"/>
    </row>
    <row r="475503" spans="14:14">
      <c r="N475503" s="10"/>
    </row>
    <row r="475504" spans="14:14">
      <c r="N475504" s="10"/>
    </row>
    <row r="475505" spans="14:14">
      <c r="N475505" s="10"/>
    </row>
    <row r="475506" spans="14:14">
      <c r="N475506" s="10"/>
    </row>
    <row r="475507" spans="14:14">
      <c r="N475507" s="10"/>
    </row>
    <row r="475508" spans="14:14">
      <c r="N475508" s="10"/>
    </row>
    <row r="475509" spans="14:14">
      <c r="N475509" s="10"/>
    </row>
    <row r="475510" spans="14:14">
      <c r="N475510" s="10"/>
    </row>
    <row r="475511" spans="14:14">
      <c r="N475511" s="10"/>
    </row>
    <row r="475512" spans="14:14">
      <c r="N475512" s="10"/>
    </row>
    <row r="475513" spans="14:14">
      <c r="N475513" s="10"/>
    </row>
    <row r="475514" spans="14:14">
      <c r="N475514" s="10"/>
    </row>
    <row r="475515" spans="14:14">
      <c r="N475515" s="10"/>
    </row>
    <row r="475516" spans="14:14">
      <c r="N475516" s="10"/>
    </row>
    <row r="475517" spans="14:14">
      <c r="N475517" s="10"/>
    </row>
    <row r="475518" spans="14:14">
      <c r="N475518" s="10"/>
    </row>
    <row r="475519" spans="14:14">
      <c r="N475519" s="10"/>
    </row>
    <row r="475520" spans="14:14">
      <c r="N475520" s="10"/>
    </row>
    <row r="475521" spans="14:14">
      <c r="N475521" s="10"/>
    </row>
    <row r="475522" spans="14:14">
      <c r="N475522" s="10"/>
    </row>
    <row r="475523" spans="14:14">
      <c r="N475523" s="10"/>
    </row>
    <row r="475524" spans="14:14">
      <c r="N475524" s="10"/>
    </row>
    <row r="475525" spans="14:14">
      <c r="N475525" s="10"/>
    </row>
    <row r="475526" spans="14:14">
      <c r="N475526" s="10"/>
    </row>
    <row r="475527" spans="14:14">
      <c r="N475527" s="10"/>
    </row>
    <row r="475528" spans="14:14">
      <c r="N475528" s="10"/>
    </row>
    <row r="475529" spans="14:14">
      <c r="N475529" s="10"/>
    </row>
    <row r="475530" spans="14:14">
      <c r="N475530" s="10"/>
    </row>
    <row r="475531" spans="14:14">
      <c r="N475531" s="10"/>
    </row>
    <row r="475532" spans="14:14">
      <c r="N475532" s="10"/>
    </row>
    <row r="475533" spans="14:14">
      <c r="N475533" s="10"/>
    </row>
    <row r="475534" spans="14:14">
      <c r="N475534" s="10"/>
    </row>
    <row r="475535" spans="14:14">
      <c r="N475535" s="10"/>
    </row>
    <row r="475536" spans="14:14">
      <c r="N475536" s="10"/>
    </row>
    <row r="475537" spans="14:14">
      <c r="N475537" s="10"/>
    </row>
    <row r="475538" spans="14:14">
      <c r="N475538" s="10"/>
    </row>
    <row r="475539" spans="14:14">
      <c r="N475539" s="10"/>
    </row>
    <row r="475540" spans="14:14">
      <c r="N475540" s="10"/>
    </row>
    <row r="475541" spans="14:14">
      <c r="N475541" s="10"/>
    </row>
    <row r="475542" spans="14:14">
      <c r="N475542" s="10"/>
    </row>
    <row r="475543" spans="14:14">
      <c r="N475543" s="10"/>
    </row>
    <row r="475544" spans="14:14">
      <c r="N475544" s="10"/>
    </row>
    <row r="475545" spans="14:14">
      <c r="N475545" s="10"/>
    </row>
    <row r="475546" spans="14:14">
      <c r="N475546" s="10"/>
    </row>
    <row r="475547" spans="14:14">
      <c r="N475547" s="10"/>
    </row>
    <row r="475548" spans="14:14">
      <c r="N475548" s="10"/>
    </row>
    <row r="475549" spans="14:14">
      <c r="N475549" s="10"/>
    </row>
    <row r="475550" spans="14:14">
      <c r="N475550" s="10"/>
    </row>
    <row r="475551" spans="14:14">
      <c r="N475551" s="10"/>
    </row>
    <row r="475552" spans="14:14">
      <c r="N475552" s="10"/>
    </row>
    <row r="475553" spans="14:14">
      <c r="N475553" s="10"/>
    </row>
    <row r="475554" spans="14:14">
      <c r="N475554" s="10"/>
    </row>
    <row r="475555" spans="14:14">
      <c r="N475555" s="10"/>
    </row>
    <row r="475556" spans="14:14">
      <c r="N475556" s="10"/>
    </row>
    <row r="475557" spans="14:14">
      <c r="N475557" s="10"/>
    </row>
    <row r="475558" spans="14:14">
      <c r="N475558" s="10"/>
    </row>
    <row r="475559" spans="14:14">
      <c r="N475559" s="10"/>
    </row>
    <row r="475560" spans="14:14">
      <c r="N475560" s="10"/>
    </row>
    <row r="475561" spans="14:14">
      <c r="N475561" s="10"/>
    </row>
    <row r="475562" spans="14:14">
      <c r="N475562" s="10"/>
    </row>
    <row r="475563" spans="14:14">
      <c r="N475563" s="10"/>
    </row>
    <row r="475564" spans="14:14">
      <c r="N475564" s="10"/>
    </row>
    <row r="475565" spans="14:14">
      <c r="N475565" s="10"/>
    </row>
    <row r="475566" spans="14:14">
      <c r="N475566" s="10"/>
    </row>
    <row r="475567" spans="14:14">
      <c r="N475567" s="10"/>
    </row>
    <row r="475568" spans="14:14">
      <c r="N475568" s="10"/>
    </row>
    <row r="475569" spans="14:14">
      <c r="N475569" s="10"/>
    </row>
    <row r="475570" spans="14:14">
      <c r="N475570" s="10"/>
    </row>
    <row r="475571" spans="14:14">
      <c r="N475571" s="10"/>
    </row>
    <row r="475572" spans="14:14">
      <c r="N475572" s="10"/>
    </row>
    <row r="475573" spans="14:14">
      <c r="N475573" s="10"/>
    </row>
    <row r="475574" spans="14:14">
      <c r="N475574" s="10"/>
    </row>
    <row r="475575" spans="14:14">
      <c r="N475575" s="10"/>
    </row>
    <row r="475576" spans="14:14">
      <c r="N475576" s="10"/>
    </row>
    <row r="475577" spans="14:14">
      <c r="N475577" s="10"/>
    </row>
    <row r="475578" spans="14:14">
      <c r="N475578" s="10"/>
    </row>
    <row r="475579" spans="14:14">
      <c r="N475579" s="10"/>
    </row>
    <row r="475580" spans="14:14">
      <c r="N475580" s="10"/>
    </row>
    <row r="475581" spans="14:14">
      <c r="N475581" s="10"/>
    </row>
    <row r="475582" spans="14:14">
      <c r="N475582" s="10"/>
    </row>
    <row r="475583" spans="14:14">
      <c r="N475583" s="10"/>
    </row>
    <row r="475584" spans="14:14">
      <c r="N475584" s="10"/>
    </row>
    <row r="475585" spans="14:14">
      <c r="N475585" s="10"/>
    </row>
    <row r="475586" spans="14:14">
      <c r="N475586" s="10"/>
    </row>
    <row r="475587" spans="14:14">
      <c r="N475587" s="10"/>
    </row>
    <row r="475588" spans="14:14">
      <c r="N475588" s="10"/>
    </row>
    <row r="475589" spans="14:14">
      <c r="N475589" s="10"/>
    </row>
    <row r="475590" spans="14:14">
      <c r="N475590" s="10"/>
    </row>
    <row r="475591" spans="14:14">
      <c r="N475591" s="10"/>
    </row>
    <row r="475592" spans="14:14">
      <c r="N475592" s="10"/>
    </row>
    <row r="475593" spans="14:14">
      <c r="N475593" s="10"/>
    </row>
    <row r="475594" spans="14:14">
      <c r="N475594" s="10"/>
    </row>
    <row r="475595" spans="14:14">
      <c r="N475595" s="10"/>
    </row>
    <row r="475596" spans="14:14">
      <c r="N475596" s="10"/>
    </row>
    <row r="475597" spans="14:14">
      <c r="N475597" s="10"/>
    </row>
    <row r="475598" spans="14:14">
      <c r="N475598" s="10"/>
    </row>
    <row r="475599" spans="14:14">
      <c r="N475599" s="10"/>
    </row>
    <row r="475600" spans="14:14">
      <c r="N475600" s="10"/>
    </row>
    <row r="475601" spans="14:14">
      <c r="N475601" s="10"/>
    </row>
    <row r="475602" spans="14:14">
      <c r="N475602" s="10"/>
    </row>
    <row r="475603" spans="14:14">
      <c r="N475603" s="10"/>
    </row>
    <row r="475604" spans="14:14">
      <c r="N475604" s="10"/>
    </row>
    <row r="475605" spans="14:14">
      <c r="N475605" s="10"/>
    </row>
    <row r="475606" spans="14:14">
      <c r="N475606" s="10"/>
    </row>
    <row r="475607" spans="14:14">
      <c r="N475607" s="10"/>
    </row>
    <row r="475608" spans="14:14">
      <c r="N475608" s="10"/>
    </row>
    <row r="475609" spans="14:14">
      <c r="N475609" s="10"/>
    </row>
    <row r="475610" spans="14:14">
      <c r="N475610" s="10"/>
    </row>
    <row r="475611" spans="14:14">
      <c r="N475611" s="10"/>
    </row>
    <row r="475612" spans="14:14">
      <c r="N475612" s="10"/>
    </row>
    <row r="475613" spans="14:14">
      <c r="N475613" s="10"/>
    </row>
    <row r="475614" spans="14:14">
      <c r="N475614" s="10"/>
    </row>
    <row r="475615" spans="14:14">
      <c r="N475615" s="10"/>
    </row>
    <row r="475616" spans="14:14">
      <c r="N475616" s="10"/>
    </row>
    <row r="475617" spans="14:14">
      <c r="N475617" s="10"/>
    </row>
    <row r="475618" spans="14:14">
      <c r="N475618" s="10"/>
    </row>
    <row r="475619" spans="14:14">
      <c r="N475619" s="10"/>
    </row>
    <row r="475620" spans="14:14">
      <c r="N475620" s="10"/>
    </row>
    <row r="475621" spans="14:14">
      <c r="N475621" s="10"/>
    </row>
    <row r="475622" spans="14:14">
      <c r="N475622" s="10"/>
    </row>
    <row r="475623" spans="14:14">
      <c r="N475623" s="10"/>
    </row>
    <row r="475624" spans="14:14">
      <c r="N475624" s="10"/>
    </row>
    <row r="475625" spans="14:14">
      <c r="N475625" s="10"/>
    </row>
    <row r="475626" spans="14:14">
      <c r="N475626" s="10"/>
    </row>
    <row r="475627" spans="14:14">
      <c r="N475627" s="10"/>
    </row>
    <row r="475628" spans="14:14">
      <c r="N475628" s="10"/>
    </row>
    <row r="475629" spans="14:14">
      <c r="N475629" s="10"/>
    </row>
    <row r="475630" spans="14:14">
      <c r="N475630" s="10"/>
    </row>
    <row r="475631" spans="14:14">
      <c r="N475631" s="10"/>
    </row>
    <row r="475632" spans="14:14">
      <c r="N475632" s="10"/>
    </row>
    <row r="475633" spans="14:14">
      <c r="N475633" s="10"/>
    </row>
    <row r="475634" spans="14:14">
      <c r="N475634" s="10"/>
    </row>
    <row r="475635" spans="14:14">
      <c r="N475635" s="10"/>
    </row>
    <row r="475636" spans="14:14">
      <c r="N475636" s="10"/>
    </row>
    <row r="475637" spans="14:14">
      <c r="N475637" s="10"/>
    </row>
    <row r="475638" spans="14:14">
      <c r="N475638" s="10"/>
    </row>
    <row r="475639" spans="14:14">
      <c r="N475639" s="10"/>
    </row>
    <row r="475640" spans="14:14">
      <c r="N475640" s="10"/>
    </row>
    <row r="475641" spans="14:14">
      <c r="N475641" s="10"/>
    </row>
    <row r="475642" spans="14:14">
      <c r="N475642" s="10"/>
    </row>
    <row r="475643" spans="14:14">
      <c r="N475643" s="10"/>
    </row>
    <row r="475644" spans="14:14">
      <c r="N475644" s="10"/>
    </row>
    <row r="475645" spans="14:14">
      <c r="N475645" s="10"/>
    </row>
    <row r="475646" spans="14:14">
      <c r="N475646" s="10"/>
    </row>
    <row r="475647" spans="14:14">
      <c r="N475647" s="10"/>
    </row>
    <row r="475648" spans="14:14">
      <c r="N475648" s="10"/>
    </row>
    <row r="475649" spans="14:14">
      <c r="N475649" s="10"/>
    </row>
    <row r="475650" spans="14:14">
      <c r="N475650" s="10"/>
    </row>
    <row r="475651" spans="14:14">
      <c r="N475651" s="10"/>
    </row>
    <row r="475652" spans="14:14">
      <c r="N475652" s="10"/>
    </row>
    <row r="475653" spans="14:14">
      <c r="N475653" s="10"/>
    </row>
    <row r="475654" spans="14:14">
      <c r="N475654" s="10"/>
    </row>
    <row r="475655" spans="14:14">
      <c r="N475655" s="10"/>
    </row>
    <row r="475656" spans="14:14">
      <c r="N475656" s="10"/>
    </row>
    <row r="475657" spans="14:14">
      <c r="N475657" s="10"/>
    </row>
    <row r="475658" spans="14:14">
      <c r="N475658" s="10"/>
    </row>
    <row r="475659" spans="14:14">
      <c r="N475659" s="10"/>
    </row>
    <row r="475660" spans="14:14">
      <c r="N475660" s="10"/>
    </row>
    <row r="475661" spans="14:14">
      <c r="N475661" s="10"/>
    </row>
    <row r="475662" spans="14:14">
      <c r="N475662" s="10"/>
    </row>
    <row r="475663" spans="14:14">
      <c r="N475663" s="10"/>
    </row>
    <row r="475664" spans="14:14">
      <c r="N475664" s="10"/>
    </row>
    <row r="475665" spans="14:14">
      <c r="N475665" s="10"/>
    </row>
    <row r="475666" spans="14:14">
      <c r="N475666" s="10"/>
    </row>
    <row r="475667" spans="14:14">
      <c r="N475667" s="10"/>
    </row>
    <row r="475668" spans="14:14">
      <c r="N475668" s="10"/>
    </row>
    <row r="475669" spans="14:14">
      <c r="N475669" s="10"/>
    </row>
    <row r="475670" spans="14:14">
      <c r="N475670" s="10"/>
    </row>
    <row r="475671" spans="14:14">
      <c r="N475671" s="10"/>
    </row>
    <row r="475672" spans="14:14">
      <c r="N475672" s="10"/>
    </row>
    <row r="475673" spans="14:14">
      <c r="N475673" s="10"/>
    </row>
    <row r="475674" spans="14:14">
      <c r="N475674" s="10"/>
    </row>
    <row r="475675" spans="14:14">
      <c r="N475675" s="10"/>
    </row>
    <row r="475676" spans="14:14">
      <c r="N475676" s="10"/>
    </row>
    <row r="475677" spans="14:14">
      <c r="N475677" s="10"/>
    </row>
    <row r="475678" spans="14:14">
      <c r="N475678" s="10"/>
    </row>
    <row r="475679" spans="14:14">
      <c r="N475679" s="10"/>
    </row>
    <row r="475680" spans="14:14">
      <c r="N475680" s="10"/>
    </row>
    <row r="475681" spans="14:14">
      <c r="N475681" s="10"/>
    </row>
    <row r="475682" spans="14:14">
      <c r="N475682" s="10"/>
    </row>
    <row r="475683" spans="14:14">
      <c r="N475683" s="10"/>
    </row>
    <row r="475684" spans="14:14">
      <c r="N475684" s="10"/>
    </row>
    <row r="475685" spans="14:14">
      <c r="N475685" s="10"/>
    </row>
    <row r="475686" spans="14:14">
      <c r="N475686" s="10"/>
    </row>
    <row r="475687" spans="14:14">
      <c r="N475687" s="10"/>
    </row>
    <row r="475688" spans="14:14">
      <c r="N475688" s="10"/>
    </row>
    <row r="475689" spans="14:14">
      <c r="N475689" s="10"/>
    </row>
    <row r="475690" spans="14:14">
      <c r="N475690" s="10"/>
    </row>
    <row r="475691" spans="14:14">
      <c r="N475691" s="10"/>
    </row>
    <row r="475692" spans="14:14">
      <c r="N475692" s="10"/>
    </row>
    <row r="475693" spans="14:14">
      <c r="N475693" s="10"/>
    </row>
    <row r="475694" spans="14:14">
      <c r="N475694" s="10"/>
    </row>
    <row r="475695" spans="14:14">
      <c r="N475695" s="10"/>
    </row>
    <row r="475696" spans="14:14">
      <c r="N475696" s="10"/>
    </row>
    <row r="475697" spans="14:14">
      <c r="N475697" s="10"/>
    </row>
    <row r="475698" spans="14:14">
      <c r="N475698" s="10"/>
    </row>
    <row r="475699" spans="14:14">
      <c r="N475699" s="10"/>
    </row>
    <row r="475700" spans="14:14">
      <c r="N475700" s="10"/>
    </row>
    <row r="475701" spans="14:14">
      <c r="N475701" s="10"/>
    </row>
    <row r="475702" spans="14:14">
      <c r="N475702" s="10"/>
    </row>
    <row r="475703" spans="14:14">
      <c r="N475703" s="10"/>
    </row>
    <row r="475704" spans="14:14">
      <c r="N475704" s="10"/>
    </row>
    <row r="475705" spans="14:14">
      <c r="N475705" s="10"/>
    </row>
    <row r="475706" spans="14:14">
      <c r="N475706" s="10"/>
    </row>
    <row r="475707" spans="14:14">
      <c r="N475707" s="10"/>
    </row>
    <row r="475708" spans="14:14">
      <c r="N475708" s="10"/>
    </row>
    <row r="475709" spans="14:14">
      <c r="N475709" s="10"/>
    </row>
    <row r="475710" spans="14:14">
      <c r="N475710" s="10"/>
    </row>
    <row r="475711" spans="14:14">
      <c r="N475711" s="10"/>
    </row>
    <row r="475712" spans="14:14">
      <c r="N475712" s="10"/>
    </row>
    <row r="475713" spans="14:14">
      <c r="N475713" s="10"/>
    </row>
    <row r="475714" spans="14:14">
      <c r="N475714" s="10"/>
    </row>
    <row r="475715" spans="14:14">
      <c r="N475715" s="10"/>
    </row>
    <row r="475716" spans="14:14">
      <c r="N475716" s="10"/>
    </row>
    <row r="475717" spans="14:14">
      <c r="N475717" s="10"/>
    </row>
    <row r="475718" spans="14:14">
      <c r="N475718" s="10"/>
    </row>
    <row r="475719" spans="14:14">
      <c r="N475719" s="10"/>
    </row>
    <row r="475720" spans="14:14">
      <c r="N475720" s="10"/>
    </row>
    <row r="475721" spans="14:14">
      <c r="N475721" s="10"/>
    </row>
    <row r="475722" spans="14:14">
      <c r="N475722" s="10"/>
    </row>
    <row r="475723" spans="14:14">
      <c r="N475723" s="10"/>
    </row>
    <row r="475724" spans="14:14">
      <c r="N475724" s="10"/>
    </row>
    <row r="475725" spans="14:14">
      <c r="N475725" s="10"/>
    </row>
    <row r="475726" spans="14:14">
      <c r="N475726" s="10"/>
    </row>
    <row r="475727" spans="14:14">
      <c r="N475727" s="10"/>
    </row>
    <row r="475728" spans="14:14">
      <c r="N475728" s="10"/>
    </row>
    <row r="475729" spans="14:14">
      <c r="N475729" s="10"/>
    </row>
    <row r="475730" spans="14:14">
      <c r="N475730" s="10"/>
    </row>
    <row r="475731" spans="14:14">
      <c r="N475731" s="10"/>
    </row>
    <row r="475732" spans="14:14">
      <c r="N475732" s="10"/>
    </row>
    <row r="475733" spans="14:14">
      <c r="N475733" s="10"/>
    </row>
    <row r="475734" spans="14:14">
      <c r="N475734" s="10"/>
    </row>
    <row r="475735" spans="14:14">
      <c r="N475735" s="10"/>
    </row>
    <row r="475736" spans="14:14">
      <c r="N475736" s="10"/>
    </row>
    <row r="475737" spans="14:14">
      <c r="N475737" s="10"/>
    </row>
    <row r="475738" spans="14:14">
      <c r="N475738" s="10"/>
    </row>
    <row r="475739" spans="14:14">
      <c r="N475739" s="10"/>
    </row>
    <row r="475740" spans="14:14">
      <c r="N475740" s="10"/>
    </row>
    <row r="475741" spans="14:14">
      <c r="N475741" s="10"/>
    </row>
    <row r="475742" spans="14:14">
      <c r="N475742" s="10"/>
    </row>
    <row r="475743" spans="14:14">
      <c r="N475743" s="10"/>
    </row>
    <row r="475744" spans="14:14">
      <c r="N475744" s="10"/>
    </row>
    <row r="475745" spans="14:14">
      <c r="N475745" s="10"/>
    </row>
    <row r="475746" spans="14:14">
      <c r="N475746" s="10"/>
    </row>
    <row r="475747" spans="14:14">
      <c r="N475747" s="10"/>
    </row>
    <row r="475748" spans="14:14">
      <c r="N475748" s="10"/>
    </row>
    <row r="475749" spans="14:14">
      <c r="N475749" s="10"/>
    </row>
    <row r="475750" spans="14:14">
      <c r="N475750" s="10"/>
    </row>
    <row r="475751" spans="14:14">
      <c r="N475751" s="10"/>
    </row>
    <row r="475752" spans="14:14">
      <c r="N475752" s="10"/>
    </row>
    <row r="475753" spans="14:14">
      <c r="N475753" s="10"/>
    </row>
    <row r="475754" spans="14:14">
      <c r="N475754" s="10"/>
    </row>
    <row r="475755" spans="14:14">
      <c r="N475755" s="10"/>
    </row>
    <row r="475756" spans="14:14">
      <c r="N475756" s="10"/>
    </row>
    <row r="475757" spans="14:14">
      <c r="N475757" s="10"/>
    </row>
    <row r="475758" spans="14:14">
      <c r="N475758" s="10"/>
    </row>
    <row r="475759" spans="14:14">
      <c r="N475759" s="10"/>
    </row>
    <row r="475760" spans="14:14">
      <c r="N475760" s="10"/>
    </row>
    <row r="475761" spans="14:14">
      <c r="N475761" s="10"/>
    </row>
    <row r="475762" spans="14:14">
      <c r="N475762" s="10"/>
    </row>
    <row r="475763" spans="14:14">
      <c r="N475763" s="10"/>
    </row>
    <row r="475764" spans="14:14">
      <c r="N475764" s="10"/>
    </row>
    <row r="475765" spans="14:14">
      <c r="N475765" s="10"/>
    </row>
    <row r="475766" spans="14:14">
      <c r="N475766" s="10"/>
    </row>
    <row r="475767" spans="14:14">
      <c r="N475767" s="10"/>
    </row>
    <row r="475768" spans="14:14">
      <c r="N475768" s="10"/>
    </row>
    <row r="475769" spans="14:14">
      <c r="N475769" s="10"/>
    </row>
    <row r="475770" spans="14:14">
      <c r="N475770" s="10"/>
    </row>
    <row r="475771" spans="14:14">
      <c r="N475771" s="10"/>
    </row>
    <row r="475772" spans="14:14">
      <c r="N475772" s="10"/>
    </row>
    <row r="475773" spans="14:14">
      <c r="N475773" s="10"/>
    </row>
    <row r="475774" spans="14:14">
      <c r="N475774" s="10"/>
    </row>
    <row r="475775" spans="14:14">
      <c r="N475775" s="10"/>
    </row>
    <row r="475776" spans="14:14">
      <c r="N475776" s="10"/>
    </row>
    <row r="475777" spans="14:14">
      <c r="N475777" s="10"/>
    </row>
    <row r="475778" spans="14:14">
      <c r="N475778" s="10"/>
    </row>
    <row r="475779" spans="14:14">
      <c r="N475779" s="10"/>
    </row>
    <row r="475780" spans="14:14">
      <c r="N475780" s="10"/>
    </row>
    <row r="475781" spans="14:14">
      <c r="N475781" s="10"/>
    </row>
    <row r="475782" spans="14:14">
      <c r="N475782" s="10"/>
    </row>
    <row r="475783" spans="14:14">
      <c r="N475783" s="10"/>
    </row>
    <row r="475784" spans="14:14">
      <c r="N475784" s="10"/>
    </row>
    <row r="475785" spans="14:14">
      <c r="N475785" s="10"/>
    </row>
    <row r="475786" spans="14:14">
      <c r="N475786" s="10"/>
    </row>
    <row r="475787" spans="14:14">
      <c r="N475787" s="10"/>
    </row>
    <row r="475788" spans="14:14">
      <c r="N475788" s="10"/>
    </row>
    <row r="475789" spans="14:14">
      <c r="N475789" s="10"/>
    </row>
    <row r="475790" spans="14:14">
      <c r="N475790" s="10"/>
    </row>
    <row r="475791" spans="14:14">
      <c r="N475791" s="10"/>
    </row>
    <row r="475792" spans="14:14">
      <c r="N475792" s="10"/>
    </row>
    <row r="475793" spans="14:14">
      <c r="N475793" s="10"/>
    </row>
    <row r="475794" spans="14:14">
      <c r="N475794" s="10"/>
    </row>
    <row r="475795" spans="14:14">
      <c r="N475795" s="10"/>
    </row>
    <row r="475796" spans="14:14">
      <c r="N475796" s="10"/>
    </row>
    <row r="475797" spans="14:14">
      <c r="N475797" s="10"/>
    </row>
    <row r="475798" spans="14:14">
      <c r="N475798" s="10"/>
    </row>
    <row r="475799" spans="14:14">
      <c r="N475799" s="10"/>
    </row>
    <row r="475800" spans="14:14">
      <c r="N475800" s="10"/>
    </row>
    <row r="475801" spans="14:14">
      <c r="N475801" s="10"/>
    </row>
    <row r="475802" spans="14:14">
      <c r="N475802" s="10"/>
    </row>
    <row r="475803" spans="14:14">
      <c r="N475803" s="10"/>
    </row>
    <row r="475804" spans="14:14">
      <c r="N475804" s="10"/>
    </row>
    <row r="475805" spans="14:14">
      <c r="N475805" s="10"/>
    </row>
    <row r="475806" spans="14:14">
      <c r="N475806" s="10"/>
    </row>
    <row r="475807" spans="14:14">
      <c r="N475807" s="10"/>
    </row>
    <row r="475808" spans="14:14">
      <c r="N475808" s="10"/>
    </row>
    <row r="475809" spans="14:14">
      <c r="N475809" s="10"/>
    </row>
    <row r="475810" spans="14:14">
      <c r="N475810" s="10"/>
    </row>
    <row r="475811" spans="14:14">
      <c r="N475811" s="10"/>
    </row>
    <row r="475812" spans="14:14">
      <c r="N475812" s="10"/>
    </row>
    <row r="475813" spans="14:14">
      <c r="N475813" s="10"/>
    </row>
    <row r="475814" spans="14:14">
      <c r="N475814" s="10"/>
    </row>
    <row r="475815" spans="14:14">
      <c r="N475815" s="10"/>
    </row>
    <row r="475816" spans="14:14">
      <c r="N475816" s="10"/>
    </row>
    <row r="475817" spans="14:14">
      <c r="N475817" s="10"/>
    </row>
    <row r="475818" spans="14:14">
      <c r="N475818" s="10"/>
    </row>
    <row r="475819" spans="14:14">
      <c r="N475819" s="10"/>
    </row>
    <row r="475820" spans="14:14">
      <c r="N475820" s="10"/>
    </row>
    <row r="475821" spans="14:14">
      <c r="N475821" s="10"/>
    </row>
    <row r="475822" spans="14:14">
      <c r="N475822" s="10"/>
    </row>
    <row r="475823" spans="14:14">
      <c r="N475823" s="10"/>
    </row>
    <row r="475824" spans="14:14">
      <c r="N475824" s="10"/>
    </row>
    <row r="475825" spans="14:14">
      <c r="N475825" s="10"/>
    </row>
    <row r="475826" spans="14:14">
      <c r="N475826" s="10"/>
    </row>
    <row r="475827" spans="14:14">
      <c r="N475827" s="10"/>
    </row>
    <row r="475828" spans="14:14">
      <c r="N475828" s="10"/>
    </row>
    <row r="475829" spans="14:14">
      <c r="N475829" s="10"/>
    </row>
    <row r="475830" spans="14:14">
      <c r="N475830" s="10"/>
    </row>
    <row r="475831" spans="14:14">
      <c r="N475831" s="10"/>
    </row>
    <row r="475832" spans="14:14">
      <c r="N475832" s="10"/>
    </row>
    <row r="475833" spans="14:14">
      <c r="N475833" s="10"/>
    </row>
    <row r="475834" spans="14:14">
      <c r="N475834" s="10"/>
    </row>
    <row r="475835" spans="14:14">
      <c r="N475835" s="10"/>
    </row>
    <row r="475836" spans="14:14">
      <c r="N475836" s="10"/>
    </row>
    <row r="475837" spans="14:14">
      <c r="N475837" s="10"/>
    </row>
    <row r="475838" spans="14:14">
      <c r="N475838" s="10"/>
    </row>
    <row r="475839" spans="14:14">
      <c r="N475839" s="10"/>
    </row>
    <row r="475840" spans="14:14">
      <c r="N475840" s="10"/>
    </row>
    <row r="475841" spans="14:14">
      <c r="N475841" s="10"/>
    </row>
    <row r="475842" spans="14:14">
      <c r="N475842" s="10"/>
    </row>
    <row r="475843" spans="14:14">
      <c r="N475843" s="10"/>
    </row>
    <row r="475844" spans="14:14">
      <c r="N475844" s="10"/>
    </row>
    <row r="475845" spans="14:14">
      <c r="N475845" s="10"/>
    </row>
    <row r="475846" spans="14:14">
      <c r="N475846" s="10"/>
    </row>
    <row r="475847" spans="14:14">
      <c r="N475847" s="10"/>
    </row>
    <row r="475848" spans="14:14">
      <c r="N475848" s="10"/>
    </row>
    <row r="475849" spans="14:14">
      <c r="N475849" s="10"/>
    </row>
    <row r="475850" spans="14:14">
      <c r="N475850" s="10"/>
    </row>
    <row r="475851" spans="14:14">
      <c r="N475851" s="10"/>
    </row>
    <row r="475852" spans="14:14">
      <c r="N475852" s="10"/>
    </row>
    <row r="475853" spans="14:14">
      <c r="N475853" s="10"/>
    </row>
    <row r="475854" spans="14:14">
      <c r="N475854" s="10"/>
    </row>
    <row r="475855" spans="14:14">
      <c r="N475855" s="10"/>
    </row>
    <row r="475856" spans="14:14">
      <c r="N475856" s="10"/>
    </row>
    <row r="475857" spans="14:14">
      <c r="N475857" s="10"/>
    </row>
    <row r="475858" spans="14:14">
      <c r="N475858" s="10"/>
    </row>
    <row r="475859" spans="14:14">
      <c r="N475859" s="10"/>
    </row>
    <row r="475860" spans="14:14">
      <c r="N475860" s="10"/>
    </row>
    <row r="475861" spans="14:14">
      <c r="N475861" s="10"/>
    </row>
    <row r="475862" spans="14:14">
      <c r="N475862" s="10"/>
    </row>
    <row r="475863" spans="14:14">
      <c r="N475863" s="10"/>
    </row>
    <row r="475864" spans="14:14">
      <c r="N475864" s="10"/>
    </row>
    <row r="475865" spans="14:14">
      <c r="N475865" s="10"/>
    </row>
    <row r="475866" spans="14:14">
      <c r="N475866" s="10"/>
    </row>
    <row r="475867" spans="14:14">
      <c r="N475867" s="10"/>
    </row>
    <row r="475868" spans="14:14">
      <c r="N475868" s="10"/>
    </row>
    <row r="475869" spans="14:14">
      <c r="N475869" s="10"/>
    </row>
    <row r="475870" spans="14:14">
      <c r="N475870" s="10"/>
    </row>
    <row r="475871" spans="14:14">
      <c r="N475871" s="10"/>
    </row>
    <row r="475872" spans="14:14">
      <c r="N475872" s="10"/>
    </row>
    <row r="475873" spans="14:14">
      <c r="N475873" s="10"/>
    </row>
    <row r="475874" spans="14:14">
      <c r="N475874" s="10"/>
    </row>
    <row r="475875" spans="14:14">
      <c r="N475875" s="10"/>
    </row>
    <row r="475876" spans="14:14">
      <c r="N475876" s="10"/>
    </row>
    <row r="475877" spans="14:14">
      <c r="N475877" s="10"/>
    </row>
    <row r="475878" spans="14:14">
      <c r="N475878" s="10"/>
    </row>
    <row r="475879" spans="14:14">
      <c r="N475879" s="10"/>
    </row>
    <row r="475880" spans="14:14">
      <c r="N475880" s="10"/>
    </row>
    <row r="475881" spans="14:14">
      <c r="N475881" s="10"/>
    </row>
    <row r="475882" spans="14:14">
      <c r="N475882" s="10"/>
    </row>
    <row r="475883" spans="14:14">
      <c r="N475883" s="10"/>
    </row>
    <row r="475884" spans="14:14">
      <c r="N475884" s="10"/>
    </row>
    <row r="475885" spans="14:14">
      <c r="N475885" s="10"/>
    </row>
    <row r="475886" spans="14:14">
      <c r="N475886" s="10"/>
    </row>
    <row r="475887" spans="14:14">
      <c r="N475887" s="10"/>
    </row>
    <row r="475888" spans="14:14">
      <c r="N475888" s="10"/>
    </row>
    <row r="475889" spans="14:14">
      <c r="N475889" s="10"/>
    </row>
    <row r="475890" spans="14:14">
      <c r="N475890" s="10"/>
    </row>
    <row r="475891" spans="14:14">
      <c r="N475891" s="10"/>
    </row>
    <row r="475892" spans="14:14">
      <c r="N475892" s="10"/>
    </row>
    <row r="475893" spans="14:14">
      <c r="N475893" s="10"/>
    </row>
    <row r="475894" spans="14:14">
      <c r="N475894" s="10"/>
    </row>
    <row r="475895" spans="14:14">
      <c r="N475895" s="10"/>
    </row>
    <row r="475896" spans="14:14">
      <c r="N475896" s="10"/>
    </row>
    <row r="475897" spans="14:14">
      <c r="N475897" s="10"/>
    </row>
    <row r="475898" spans="14:14">
      <c r="N475898" s="10"/>
    </row>
    <row r="475899" spans="14:14">
      <c r="N475899" s="10"/>
    </row>
    <row r="475900" spans="14:14">
      <c r="N475900" s="10"/>
    </row>
    <row r="475901" spans="14:14">
      <c r="N475901" s="10"/>
    </row>
    <row r="475902" spans="14:14">
      <c r="N475902" s="10"/>
    </row>
    <row r="475903" spans="14:14">
      <c r="N475903" s="10"/>
    </row>
    <row r="475904" spans="14:14">
      <c r="N475904" s="10"/>
    </row>
    <row r="475905" spans="14:14">
      <c r="N475905" s="10"/>
    </row>
    <row r="475906" spans="14:14">
      <c r="N475906" s="10"/>
    </row>
    <row r="475907" spans="14:14">
      <c r="N475907" s="10"/>
    </row>
    <row r="475908" spans="14:14">
      <c r="N475908" s="10"/>
    </row>
    <row r="475909" spans="14:14">
      <c r="N475909" s="10"/>
    </row>
    <row r="475910" spans="14:14">
      <c r="N475910" s="10"/>
    </row>
    <row r="475911" spans="14:14">
      <c r="N475911" s="10"/>
    </row>
    <row r="475912" spans="14:14">
      <c r="N475912" s="10"/>
    </row>
    <row r="475913" spans="14:14">
      <c r="N475913" s="10"/>
    </row>
    <row r="475914" spans="14:14">
      <c r="N475914" s="10"/>
    </row>
    <row r="475915" spans="14:14">
      <c r="N475915" s="10"/>
    </row>
    <row r="475916" spans="14:14">
      <c r="N475916" s="10"/>
    </row>
    <row r="475917" spans="14:14">
      <c r="N475917" s="10"/>
    </row>
    <row r="475918" spans="14:14">
      <c r="N475918" s="10"/>
    </row>
    <row r="475919" spans="14:14">
      <c r="N475919" s="10"/>
    </row>
    <row r="475920" spans="14:14">
      <c r="N475920" s="10"/>
    </row>
    <row r="475921" spans="14:14">
      <c r="N475921" s="10"/>
    </row>
    <row r="475922" spans="14:14">
      <c r="N475922" s="10"/>
    </row>
    <row r="475923" spans="14:14">
      <c r="N475923" s="10"/>
    </row>
    <row r="475924" spans="14:14">
      <c r="N475924" s="10"/>
    </row>
    <row r="475925" spans="14:14">
      <c r="N475925" s="10"/>
    </row>
    <row r="475926" spans="14:14">
      <c r="N475926" s="10"/>
    </row>
    <row r="475927" spans="14:14">
      <c r="N475927" s="10"/>
    </row>
    <row r="475928" spans="14:14">
      <c r="N475928" s="10"/>
    </row>
    <row r="475929" spans="14:14">
      <c r="N475929" s="10"/>
    </row>
    <row r="475930" spans="14:14">
      <c r="N475930" s="10"/>
    </row>
    <row r="475931" spans="14:14">
      <c r="N475931" s="10"/>
    </row>
    <row r="475932" spans="14:14">
      <c r="N475932" s="10"/>
    </row>
    <row r="475933" spans="14:14">
      <c r="N475933" s="10"/>
    </row>
    <row r="475934" spans="14:14">
      <c r="N475934" s="10"/>
    </row>
    <row r="475935" spans="14:14">
      <c r="N475935" s="10"/>
    </row>
    <row r="475936" spans="14:14">
      <c r="N475936" s="10"/>
    </row>
    <row r="475937" spans="14:14">
      <c r="N475937" s="10"/>
    </row>
    <row r="475938" spans="14:14">
      <c r="N475938" s="10"/>
    </row>
    <row r="475939" spans="14:14">
      <c r="N475939" s="10"/>
    </row>
    <row r="475940" spans="14:14">
      <c r="N475940" s="10"/>
    </row>
    <row r="475941" spans="14:14">
      <c r="N475941" s="10"/>
    </row>
    <row r="475942" spans="14:14">
      <c r="N475942" s="10"/>
    </row>
    <row r="475943" spans="14:14">
      <c r="N475943" s="10"/>
    </row>
    <row r="475944" spans="14:14">
      <c r="N475944" s="10"/>
    </row>
    <row r="475945" spans="14:14">
      <c r="N475945" s="10"/>
    </row>
    <row r="475946" spans="14:14">
      <c r="N475946" s="10"/>
    </row>
    <row r="475947" spans="14:14">
      <c r="N475947" s="10"/>
    </row>
    <row r="475948" spans="14:14">
      <c r="N475948" s="10"/>
    </row>
    <row r="475949" spans="14:14">
      <c r="N475949" s="10"/>
    </row>
    <row r="475950" spans="14:14">
      <c r="N475950" s="10"/>
    </row>
    <row r="475951" spans="14:14">
      <c r="N475951" s="10"/>
    </row>
    <row r="475952" spans="14:14">
      <c r="N475952" s="10"/>
    </row>
    <row r="475953" spans="14:14">
      <c r="N475953" s="10"/>
    </row>
    <row r="475954" spans="14:14">
      <c r="N475954" s="10"/>
    </row>
    <row r="475955" spans="14:14">
      <c r="N475955" s="10"/>
    </row>
    <row r="475956" spans="14:14">
      <c r="N475956" s="10"/>
    </row>
    <row r="475957" spans="14:14">
      <c r="N475957" s="10"/>
    </row>
    <row r="475958" spans="14:14">
      <c r="N475958" s="10"/>
    </row>
    <row r="475959" spans="14:14">
      <c r="N475959" s="10"/>
    </row>
    <row r="475960" spans="14:14">
      <c r="N475960" s="10"/>
    </row>
    <row r="475961" spans="14:14">
      <c r="N475961" s="10"/>
    </row>
    <row r="475962" spans="14:14">
      <c r="N475962" s="10"/>
    </row>
    <row r="475963" spans="14:14">
      <c r="N475963" s="10"/>
    </row>
    <row r="475964" spans="14:14">
      <c r="N475964" s="10"/>
    </row>
    <row r="475965" spans="14:14">
      <c r="N475965" s="10"/>
    </row>
    <row r="475966" spans="14:14">
      <c r="N475966" s="10"/>
    </row>
    <row r="475967" spans="14:14">
      <c r="N475967" s="10"/>
    </row>
    <row r="475968" spans="14:14">
      <c r="N475968" s="10"/>
    </row>
    <row r="475969" spans="14:14">
      <c r="N475969" s="10"/>
    </row>
    <row r="475970" spans="14:14">
      <c r="N475970" s="10"/>
    </row>
    <row r="475971" spans="14:14">
      <c r="N475971" s="10"/>
    </row>
    <row r="475972" spans="14:14">
      <c r="N475972" s="10"/>
    </row>
    <row r="475973" spans="14:14">
      <c r="N475973" s="10"/>
    </row>
    <row r="475974" spans="14:14">
      <c r="N475974" s="10"/>
    </row>
    <row r="475975" spans="14:14">
      <c r="N475975" s="10"/>
    </row>
    <row r="475976" spans="14:14">
      <c r="N475976" s="10"/>
    </row>
    <row r="475977" spans="14:14">
      <c r="N475977" s="10"/>
    </row>
    <row r="475978" spans="14:14">
      <c r="N475978" s="10"/>
    </row>
    <row r="475979" spans="14:14">
      <c r="N475979" s="10"/>
    </row>
    <row r="475980" spans="14:14">
      <c r="N475980" s="10"/>
    </row>
    <row r="475981" spans="14:14">
      <c r="N475981" s="10"/>
    </row>
    <row r="475982" spans="14:14">
      <c r="N475982" s="10"/>
    </row>
    <row r="475983" spans="14:14">
      <c r="N475983" s="10"/>
    </row>
    <row r="475984" spans="14:14">
      <c r="N475984" s="10"/>
    </row>
    <row r="475985" spans="14:14">
      <c r="N475985" s="10"/>
    </row>
    <row r="475986" spans="14:14">
      <c r="N475986" s="10"/>
    </row>
    <row r="475987" spans="14:14">
      <c r="N475987" s="10"/>
    </row>
    <row r="475988" spans="14:14">
      <c r="N475988" s="10"/>
    </row>
    <row r="475989" spans="14:14">
      <c r="N475989" s="10"/>
    </row>
    <row r="475990" spans="14:14">
      <c r="N475990" s="10"/>
    </row>
    <row r="475991" spans="14:14">
      <c r="N475991" s="10"/>
    </row>
    <row r="475992" spans="14:14">
      <c r="N475992" s="10"/>
    </row>
    <row r="475993" spans="14:14">
      <c r="N475993" s="10"/>
    </row>
    <row r="475994" spans="14:14">
      <c r="N475994" s="10"/>
    </row>
    <row r="475995" spans="14:14">
      <c r="N475995" s="10"/>
    </row>
    <row r="475996" spans="14:14">
      <c r="N475996" s="10"/>
    </row>
    <row r="475997" spans="14:14">
      <c r="N475997" s="10"/>
    </row>
    <row r="475998" spans="14:14">
      <c r="N475998" s="10"/>
    </row>
    <row r="475999" spans="14:14">
      <c r="N475999" s="10"/>
    </row>
    <row r="476000" spans="14:14">
      <c r="N476000" s="10"/>
    </row>
    <row r="476001" spans="14:14">
      <c r="N476001" s="10"/>
    </row>
    <row r="476002" spans="14:14">
      <c r="N476002" s="10"/>
    </row>
    <row r="476003" spans="14:14">
      <c r="N476003" s="10"/>
    </row>
    <row r="476004" spans="14:14">
      <c r="N476004" s="10"/>
    </row>
    <row r="476005" spans="14:14">
      <c r="N476005" s="10"/>
    </row>
    <row r="476006" spans="14:14">
      <c r="N476006" s="10"/>
    </row>
    <row r="476007" spans="14:14">
      <c r="N476007" s="10"/>
    </row>
    <row r="476008" spans="14:14">
      <c r="N476008" s="10"/>
    </row>
    <row r="476009" spans="14:14">
      <c r="N476009" s="10"/>
    </row>
    <row r="476010" spans="14:14">
      <c r="N476010" s="10"/>
    </row>
    <row r="476011" spans="14:14">
      <c r="N476011" s="10"/>
    </row>
    <row r="476012" spans="14:14">
      <c r="N476012" s="10"/>
    </row>
    <row r="476013" spans="14:14">
      <c r="N476013" s="10"/>
    </row>
    <row r="476014" spans="14:14">
      <c r="N476014" s="10"/>
    </row>
    <row r="476015" spans="14:14">
      <c r="N476015" s="10"/>
    </row>
    <row r="476016" spans="14:14">
      <c r="N476016" s="10"/>
    </row>
    <row r="476017" spans="14:14">
      <c r="N476017" s="10"/>
    </row>
    <row r="476018" spans="14:14">
      <c r="N476018" s="10"/>
    </row>
    <row r="476019" spans="14:14">
      <c r="N476019" s="10"/>
    </row>
    <row r="476020" spans="14:14">
      <c r="N476020" s="10"/>
    </row>
    <row r="476021" spans="14:14">
      <c r="N476021" s="10"/>
    </row>
    <row r="476022" spans="14:14">
      <c r="N476022" s="10"/>
    </row>
    <row r="476023" spans="14:14">
      <c r="N476023" s="10"/>
    </row>
    <row r="476024" spans="14:14">
      <c r="N476024" s="10"/>
    </row>
    <row r="476025" spans="14:14">
      <c r="N476025" s="10"/>
    </row>
    <row r="476026" spans="14:14">
      <c r="N476026" s="10"/>
    </row>
    <row r="476027" spans="14:14">
      <c r="N476027" s="10"/>
    </row>
    <row r="476028" spans="14:14">
      <c r="N476028" s="10"/>
    </row>
    <row r="476029" spans="14:14">
      <c r="N476029" s="10"/>
    </row>
    <row r="476030" spans="14:14">
      <c r="N476030" s="10"/>
    </row>
    <row r="476031" spans="14:14">
      <c r="N476031" s="10"/>
    </row>
    <row r="476032" spans="14:14">
      <c r="N476032" s="10"/>
    </row>
    <row r="476033" spans="14:14">
      <c r="N476033" s="10"/>
    </row>
    <row r="476034" spans="14:14">
      <c r="N476034" s="10"/>
    </row>
    <row r="476035" spans="14:14">
      <c r="N476035" s="10"/>
    </row>
    <row r="476036" spans="14:14">
      <c r="N476036" s="10"/>
    </row>
    <row r="476037" spans="14:14">
      <c r="N476037" s="10"/>
    </row>
    <row r="476038" spans="14:14">
      <c r="N476038" s="10"/>
    </row>
    <row r="476039" spans="14:14">
      <c r="N476039" s="10"/>
    </row>
    <row r="476040" spans="14:14">
      <c r="N476040" s="10"/>
    </row>
    <row r="476041" spans="14:14">
      <c r="N476041" s="10"/>
    </row>
    <row r="476042" spans="14:14">
      <c r="N476042" s="10"/>
    </row>
    <row r="476043" spans="14:14">
      <c r="N476043" s="10"/>
    </row>
    <row r="476044" spans="14:14">
      <c r="N476044" s="10"/>
    </row>
    <row r="476045" spans="14:14">
      <c r="N476045" s="10"/>
    </row>
    <row r="476046" spans="14:14">
      <c r="N476046" s="10"/>
    </row>
    <row r="476047" spans="14:14">
      <c r="N476047" s="10"/>
    </row>
    <row r="476048" spans="14:14">
      <c r="N476048" s="10"/>
    </row>
    <row r="476049" spans="14:14">
      <c r="N476049" s="10"/>
    </row>
    <row r="476050" spans="14:14">
      <c r="N476050" s="10"/>
    </row>
    <row r="476051" spans="14:14">
      <c r="N476051" s="10"/>
    </row>
    <row r="476052" spans="14:14">
      <c r="N476052" s="10"/>
    </row>
    <row r="476053" spans="14:14">
      <c r="N476053" s="10"/>
    </row>
    <row r="476054" spans="14:14">
      <c r="N476054" s="10"/>
    </row>
    <row r="476055" spans="14:14">
      <c r="N476055" s="10"/>
    </row>
    <row r="476056" spans="14:14">
      <c r="N476056" s="10"/>
    </row>
    <row r="476057" spans="14:14">
      <c r="N476057" s="10"/>
    </row>
    <row r="476058" spans="14:14">
      <c r="N476058" s="10"/>
    </row>
    <row r="476059" spans="14:14">
      <c r="N476059" s="10"/>
    </row>
    <row r="476060" spans="14:14">
      <c r="N476060" s="10"/>
    </row>
    <row r="476061" spans="14:14">
      <c r="N476061" s="10"/>
    </row>
    <row r="476062" spans="14:14">
      <c r="N476062" s="10"/>
    </row>
    <row r="476063" spans="14:14">
      <c r="N476063" s="10"/>
    </row>
    <row r="476064" spans="14:14">
      <c r="N476064" s="10"/>
    </row>
    <row r="476065" spans="14:14">
      <c r="N476065" s="10"/>
    </row>
    <row r="476066" spans="14:14">
      <c r="N476066" s="10"/>
    </row>
    <row r="476067" spans="14:14">
      <c r="N476067" s="10"/>
    </row>
    <row r="476068" spans="14:14">
      <c r="N476068" s="10"/>
    </row>
    <row r="476069" spans="14:14">
      <c r="N476069" s="10"/>
    </row>
    <row r="476070" spans="14:14">
      <c r="N476070" s="10"/>
    </row>
    <row r="476071" spans="14:14">
      <c r="N476071" s="10"/>
    </row>
    <row r="476072" spans="14:14">
      <c r="N476072" s="10"/>
    </row>
    <row r="476073" spans="14:14">
      <c r="N476073" s="10"/>
    </row>
    <row r="476074" spans="14:14">
      <c r="N476074" s="10"/>
    </row>
    <row r="476075" spans="14:14">
      <c r="N476075" s="10"/>
    </row>
    <row r="476076" spans="14:14">
      <c r="N476076" s="10"/>
    </row>
    <row r="476077" spans="14:14">
      <c r="N476077" s="10"/>
    </row>
    <row r="476078" spans="14:14">
      <c r="N476078" s="10"/>
    </row>
    <row r="476079" spans="14:14">
      <c r="N476079" s="10"/>
    </row>
    <row r="476080" spans="14:14">
      <c r="N476080" s="10"/>
    </row>
    <row r="476081" spans="14:14">
      <c r="N476081" s="10"/>
    </row>
    <row r="476082" spans="14:14">
      <c r="N476082" s="10"/>
    </row>
    <row r="476083" spans="14:14">
      <c r="N476083" s="10"/>
    </row>
    <row r="476084" spans="14:14">
      <c r="N476084" s="10"/>
    </row>
    <row r="476085" spans="14:14">
      <c r="N476085" s="10"/>
    </row>
    <row r="476086" spans="14:14">
      <c r="N476086" s="10"/>
    </row>
    <row r="476087" spans="14:14">
      <c r="N476087" s="10"/>
    </row>
    <row r="476088" spans="14:14">
      <c r="N476088" s="10"/>
    </row>
    <row r="476089" spans="14:14">
      <c r="N476089" s="10"/>
    </row>
    <row r="476090" spans="14:14">
      <c r="N476090" s="10"/>
    </row>
    <row r="476091" spans="14:14">
      <c r="N476091" s="10"/>
    </row>
    <row r="476092" spans="14:14">
      <c r="N476092" s="10"/>
    </row>
    <row r="476093" spans="14:14">
      <c r="N476093" s="10"/>
    </row>
    <row r="476094" spans="14:14">
      <c r="N476094" s="10"/>
    </row>
    <row r="476095" spans="14:14">
      <c r="N476095" s="10"/>
    </row>
    <row r="476096" spans="14:14">
      <c r="N476096" s="10"/>
    </row>
    <row r="476097" spans="14:14">
      <c r="N476097" s="10"/>
    </row>
    <row r="476098" spans="14:14">
      <c r="N476098" s="10"/>
    </row>
    <row r="476099" spans="14:14">
      <c r="N476099" s="10"/>
    </row>
    <row r="476100" spans="14:14">
      <c r="N476100" s="10"/>
    </row>
    <row r="476101" spans="14:14">
      <c r="N476101" s="10"/>
    </row>
    <row r="476102" spans="14:14">
      <c r="N476102" s="10"/>
    </row>
    <row r="476103" spans="14:14">
      <c r="N476103" s="10"/>
    </row>
    <row r="476104" spans="14:14">
      <c r="N476104" s="10"/>
    </row>
    <row r="476105" spans="14:14">
      <c r="N476105" s="10"/>
    </row>
    <row r="476106" spans="14:14">
      <c r="N476106" s="10"/>
    </row>
    <row r="476107" spans="14:14">
      <c r="N476107" s="10"/>
    </row>
    <row r="476108" spans="14:14">
      <c r="N476108" s="10"/>
    </row>
    <row r="476109" spans="14:14">
      <c r="N476109" s="10"/>
    </row>
    <row r="476110" spans="14:14">
      <c r="N476110" s="10"/>
    </row>
    <row r="476111" spans="14:14">
      <c r="N476111" s="10"/>
    </row>
    <row r="476112" spans="14:14">
      <c r="N476112" s="10"/>
    </row>
    <row r="476113" spans="14:14">
      <c r="N476113" s="10"/>
    </row>
    <row r="476114" spans="14:14">
      <c r="N476114" s="10"/>
    </row>
    <row r="476115" spans="14:14">
      <c r="N476115" s="10"/>
    </row>
    <row r="476116" spans="14:14">
      <c r="N476116" s="10"/>
    </row>
    <row r="476117" spans="14:14">
      <c r="N476117" s="10"/>
    </row>
    <row r="476118" spans="14:14">
      <c r="N476118" s="10"/>
    </row>
    <row r="476119" spans="14:14">
      <c r="N476119" s="10"/>
    </row>
    <row r="476120" spans="14:14">
      <c r="N476120" s="10"/>
    </row>
    <row r="476121" spans="14:14">
      <c r="N476121" s="10"/>
    </row>
    <row r="476122" spans="14:14">
      <c r="N476122" s="10"/>
    </row>
    <row r="476123" spans="14:14">
      <c r="N476123" s="10"/>
    </row>
    <row r="476124" spans="14:14">
      <c r="N476124" s="10"/>
    </row>
    <row r="476125" spans="14:14">
      <c r="N476125" s="10"/>
    </row>
    <row r="476126" spans="14:14">
      <c r="N476126" s="10"/>
    </row>
    <row r="476127" spans="14:14">
      <c r="N476127" s="10"/>
    </row>
    <row r="476128" spans="14:14">
      <c r="N476128" s="10"/>
    </row>
    <row r="476129" spans="14:14">
      <c r="N476129" s="10"/>
    </row>
    <row r="476130" spans="14:14">
      <c r="N476130" s="10"/>
    </row>
    <row r="476131" spans="14:14">
      <c r="N476131" s="10"/>
    </row>
    <row r="476132" spans="14:14">
      <c r="N476132" s="10"/>
    </row>
    <row r="476133" spans="14:14">
      <c r="N476133" s="10"/>
    </row>
    <row r="476134" spans="14:14">
      <c r="N476134" s="10"/>
    </row>
    <row r="476135" spans="14:14">
      <c r="N476135" s="10"/>
    </row>
    <row r="476136" spans="14:14">
      <c r="N476136" s="10"/>
    </row>
    <row r="476137" spans="14:14">
      <c r="N476137" s="10"/>
    </row>
    <row r="476138" spans="14:14">
      <c r="N476138" s="10"/>
    </row>
    <row r="476139" spans="14:14">
      <c r="N476139" s="10"/>
    </row>
    <row r="476140" spans="14:14">
      <c r="N476140" s="10"/>
    </row>
    <row r="476141" spans="14:14">
      <c r="N476141" s="10"/>
    </row>
    <row r="476142" spans="14:14">
      <c r="N476142" s="10"/>
    </row>
    <row r="476143" spans="14:14">
      <c r="N476143" s="10"/>
    </row>
    <row r="476144" spans="14:14">
      <c r="N476144" s="10"/>
    </row>
    <row r="476145" spans="14:14">
      <c r="N476145" s="10"/>
    </row>
    <row r="476146" spans="14:14">
      <c r="N476146" s="10"/>
    </row>
    <row r="476147" spans="14:14">
      <c r="N476147" s="10"/>
    </row>
    <row r="476148" spans="14:14">
      <c r="N476148" s="10"/>
    </row>
    <row r="476149" spans="14:14">
      <c r="N476149" s="10"/>
    </row>
    <row r="476150" spans="14:14">
      <c r="N476150" s="10"/>
    </row>
    <row r="476151" spans="14:14">
      <c r="N476151" s="10"/>
    </row>
    <row r="476152" spans="14:14">
      <c r="N476152" s="10"/>
    </row>
    <row r="476153" spans="14:14">
      <c r="N476153" s="10"/>
    </row>
    <row r="476154" spans="14:14">
      <c r="N476154" s="10"/>
    </row>
    <row r="476155" spans="14:14">
      <c r="N476155" s="10"/>
    </row>
    <row r="476156" spans="14:14">
      <c r="N476156" s="10"/>
    </row>
    <row r="476157" spans="14:14">
      <c r="N476157" s="10"/>
    </row>
    <row r="476158" spans="14:14">
      <c r="N476158" s="10"/>
    </row>
    <row r="476159" spans="14:14">
      <c r="N476159" s="10"/>
    </row>
    <row r="476160" spans="14:14">
      <c r="N476160" s="10"/>
    </row>
    <row r="476161" spans="14:14">
      <c r="N476161" s="10"/>
    </row>
    <row r="476162" spans="14:14">
      <c r="N476162" s="10"/>
    </row>
    <row r="476163" spans="14:14">
      <c r="N476163" s="10"/>
    </row>
    <row r="476164" spans="14:14">
      <c r="N476164" s="10"/>
    </row>
    <row r="476165" spans="14:14">
      <c r="N476165" s="10"/>
    </row>
    <row r="476166" spans="14:14">
      <c r="N476166" s="10"/>
    </row>
    <row r="476167" spans="14:14">
      <c r="N476167" s="10"/>
    </row>
    <row r="476168" spans="14:14">
      <c r="N476168" s="10"/>
    </row>
    <row r="476169" spans="14:14">
      <c r="N476169" s="10"/>
    </row>
    <row r="476170" spans="14:14">
      <c r="N476170" s="10"/>
    </row>
    <row r="476171" spans="14:14">
      <c r="N476171" s="10"/>
    </row>
    <row r="476172" spans="14:14">
      <c r="N476172" s="10"/>
    </row>
    <row r="476173" spans="14:14">
      <c r="N476173" s="10"/>
    </row>
    <row r="476174" spans="14:14">
      <c r="N476174" s="10"/>
    </row>
    <row r="476175" spans="14:14">
      <c r="N476175" s="10"/>
    </row>
    <row r="476176" spans="14:14">
      <c r="N476176" s="10"/>
    </row>
    <row r="476177" spans="14:14">
      <c r="N476177" s="10"/>
    </row>
    <row r="476178" spans="14:14">
      <c r="N476178" s="10"/>
    </row>
    <row r="476179" spans="14:14">
      <c r="N476179" s="10"/>
    </row>
    <row r="476180" spans="14:14">
      <c r="N476180" s="10"/>
    </row>
    <row r="476181" spans="14:14">
      <c r="N476181" s="10"/>
    </row>
    <row r="476182" spans="14:14">
      <c r="N476182" s="10"/>
    </row>
    <row r="476183" spans="14:14">
      <c r="N476183" s="10"/>
    </row>
    <row r="476184" spans="14:14">
      <c r="N476184" s="10"/>
    </row>
    <row r="476185" spans="14:14">
      <c r="N476185" s="10"/>
    </row>
    <row r="476186" spans="14:14">
      <c r="N476186" s="10"/>
    </row>
    <row r="476187" spans="14:14">
      <c r="N476187" s="10"/>
    </row>
    <row r="476188" spans="14:14">
      <c r="N476188" s="10"/>
    </row>
    <row r="476189" spans="14:14">
      <c r="N476189" s="10"/>
    </row>
    <row r="476190" spans="14:14">
      <c r="N476190" s="10"/>
    </row>
    <row r="476191" spans="14:14">
      <c r="N476191" s="10"/>
    </row>
    <row r="476192" spans="14:14">
      <c r="N476192" s="10"/>
    </row>
    <row r="476193" spans="14:14">
      <c r="N476193" s="10"/>
    </row>
    <row r="476194" spans="14:14">
      <c r="N476194" s="10"/>
    </row>
    <row r="476195" spans="14:14">
      <c r="N476195" s="10"/>
    </row>
    <row r="476196" spans="14:14">
      <c r="N476196" s="10"/>
    </row>
    <row r="476197" spans="14:14">
      <c r="N476197" s="10"/>
    </row>
    <row r="476198" spans="14:14">
      <c r="N476198" s="10"/>
    </row>
    <row r="476199" spans="14:14">
      <c r="N476199" s="10"/>
    </row>
    <row r="476200" spans="14:14">
      <c r="N476200" s="10"/>
    </row>
    <row r="476201" spans="14:14">
      <c r="N476201" s="10"/>
    </row>
    <row r="476202" spans="14:14">
      <c r="N476202" s="10"/>
    </row>
    <row r="476203" spans="14:14">
      <c r="N476203" s="10"/>
    </row>
    <row r="476204" spans="14:14">
      <c r="N476204" s="10"/>
    </row>
    <row r="476205" spans="14:14">
      <c r="N476205" s="10"/>
    </row>
    <row r="476206" spans="14:14">
      <c r="N476206" s="10"/>
    </row>
    <row r="476207" spans="14:14">
      <c r="N476207" s="10"/>
    </row>
    <row r="476208" spans="14:14">
      <c r="N476208" s="10"/>
    </row>
    <row r="476209" spans="14:14">
      <c r="N476209" s="10"/>
    </row>
    <row r="476210" spans="14:14">
      <c r="N476210" s="10"/>
    </row>
    <row r="476211" spans="14:14">
      <c r="N476211" s="10"/>
    </row>
    <row r="476212" spans="14:14">
      <c r="N476212" s="10"/>
    </row>
    <row r="476213" spans="14:14">
      <c r="N476213" s="10"/>
    </row>
    <row r="476214" spans="14:14">
      <c r="N476214" s="10"/>
    </row>
    <row r="476215" spans="14:14">
      <c r="N476215" s="10"/>
    </row>
    <row r="476216" spans="14:14">
      <c r="N476216" s="10"/>
    </row>
    <row r="476217" spans="14:14">
      <c r="N476217" s="10"/>
    </row>
    <row r="476218" spans="14:14">
      <c r="N476218" s="10"/>
    </row>
    <row r="476219" spans="14:14">
      <c r="N476219" s="10"/>
    </row>
    <row r="476220" spans="14:14">
      <c r="N476220" s="10"/>
    </row>
    <row r="476221" spans="14:14">
      <c r="N476221" s="10"/>
    </row>
    <row r="476222" spans="14:14">
      <c r="N476222" s="10"/>
    </row>
    <row r="476223" spans="14:14">
      <c r="N476223" s="10"/>
    </row>
    <row r="476224" spans="14:14">
      <c r="N476224" s="10"/>
    </row>
    <row r="476225" spans="14:14">
      <c r="N476225" s="10"/>
    </row>
    <row r="476226" spans="14:14">
      <c r="N476226" s="10"/>
    </row>
    <row r="476227" spans="14:14">
      <c r="N476227" s="10"/>
    </row>
    <row r="476228" spans="14:14">
      <c r="N476228" s="10"/>
    </row>
    <row r="476229" spans="14:14">
      <c r="N476229" s="10"/>
    </row>
    <row r="476230" spans="14:14">
      <c r="N476230" s="10"/>
    </row>
    <row r="476231" spans="14:14">
      <c r="N476231" s="10"/>
    </row>
    <row r="476232" spans="14:14">
      <c r="N476232" s="10"/>
    </row>
    <row r="476233" spans="14:14">
      <c r="N476233" s="10"/>
    </row>
    <row r="476234" spans="14:14">
      <c r="N476234" s="10"/>
    </row>
    <row r="476235" spans="14:14">
      <c r="N476235" s="10"/>
    </row>
    <row r="476236" spans="14:14">
      <c r="N476236" s="10"/>
    </row>
    <row r="476237" spans="14:14">
      <c r="N476237" s="10"/>
    </row>
    <row r="476238" spans="14:14">
      <c r="N476238" s="10"/>
    </row>
    <row r="476239" spans="14:14">
      <c r="N476239" s="10"/>
    </row>
    <row r="476240" spans="14:14">
      <c r="N476240" s="10"/>
    </row>
    <row r="476241" spans="14:14">
      <c r="N476241" s="10"/>
    </row>
    <row r="476242" spans="14:14">
      <c r="N476242" s="10"/>
    </row>
    <row r="476243" spans="14:14">
      <c r="N476243" s="10"/>
    </row>
    <row r="476244" spans="14:14">
      <c r="N476244" s="10"/>
    </row>
    <row r="476245" spans="14:14">
      <c r="N476245" s="10"/>
    </row>
    <row r="476246" spans="14:14">
      <c r="N476246" s="10"/>
    </row>
    <row r="476247" spans="14:14">
      <c r="N476247" s="10"/>
    </row>
    <row r="476248" spans="14:14">
      <c r="N476248" s="10"/>
    </row>
    <row r="476249" spans="14:14">
      <c r="N476249" s="10"/>
    </row>
    <row r="476250" spans="14:14">
      <c r="N476250" s="10"/>
    </row>
    <row r="476251" spans="14:14">
      <c r="N476251" s="10"/>
    </row>
    <row r="476252" spans="14:14">
      <c r="N476252" s="10"/>
    </row>
    <row r="476253" spans="14:14">
      <c r="N476253" s="10"/>
    </row>
    <row r="476254" spans="14:14">
      <c r="N476254" s="10"/>
    </row>
    <row r="476255" spans="14:14">
      <c r="N476255" s="10"/>
    </row>
    <row r="476256" spans="14:14">
      <c r="N476256" s="10"/>
    </row>
    <row r="476257" spans="14:14">
      <c r="N476257" s="10"/>
    </row>
    <row r="476258" spans="14:14">
      <c r="N476258" s="10"/>
    </row>
    <row r="476259" spans="14:14">
      <c r="N476259" s="10"/>
    </row>
    <row r="476260" spans="14:14">
      <c r="N476260" s="10"/>
    </row>
    <row r="476261" spans="14:14">
      <c r="N476261" s="10"/>
    </row>
    <row r="476262" spans="14:14">
      <c r="N476262" s="10"/>
    </row>
    <row r="476263" spans="14:14">
      <c r="N476263" s="10"/>
    </row>
    <row r="476264" spans="14:14">
      <c r="N476264" s="10"/>
    </row>
    <row r="476265" spans="14:14">
      <c r="N476265" s="10"/>
    </row>
    <row r="476266" spans="14:14">
      <c r="N476266" s="10"/>
    </row>
    <row r="476267" spans="14:14">
      <c r="N476267" s="10"/>
    </row>
    <row r="476268" spans="14:14">
      <c r="N476268" s="10"/>
    </row>
    <row r="476269" spans="14:14">
      <c r="N476269" s="10"/>
    </row>
    <row r="476270" spans="14:14">
      <c r="N476270" s="10"/>
    </row>
    <row r="476271" spans="14:14">
      <c r="N476271" s="10"/>
    </row>
    <row r="476272" spans="14:14">
      <c r="N476272" s="10"/>
    </row>
    <row r="476273" spans="14:14">
      <c r="N476273" s="10"/>
    </row>
    <row r="476274" spans="14:14">
      <c r="N476274" s="10"/>
    </row>
    <row r="476275" spans="14:14">
      <c r="N476275" s="10"/>
    </row>
    <row r="476276" spans="14:14">
      <c r="N476276" s="10"/>
    </row>
    <row r="476277" spans="14:14">
      <c r="N476277" s="10"/>
    </row>
    <row r="476278" spans="14:14">
      <c r="N476278" s="10"/>
    </row>
    <row r="476279" spans="14:14">
      <c r="N476279" s="10"/>
    </row>
    <row r="476280" spans="14:14">
      <c r="N476280" s="10"/>
    </row>
    <row r="476281" spans="14:14">
      <c r="N476281" s="10"/>
    </row>
    <row r="476282" spans="14:14">
      <c r="N476282" s="10"/>
    </row>
    <row r="476283" spans="14:14">
      <c r="N476283" s="10"/>
    </row>
    <row r="476284" spans="14:14">
      <c r="N476284" s="10"/>
    </row>
    <row r="476285" spans="14:14">
      <c r="N476285" s="10"/>
    </row>
    <row r="476286" spans="14:14">
      <c r="N476286" s="10"/>
    </row>
    <row r="476287" spans="14:14">
      <c r="N476287" s="10"/>
    </row>
    <row r="476288" spans="14:14">
      <c r="N476288" s="10"/>
    </row>
    <row r="476289" spans="14:14">
      <c r="N476289" s="10"/>
    </row>
    <row r="476290" spans="14:14">
      <c r="N476290" s="10"/>
    </row>
    <row r="476291" spans="14:14">
      <c r="N476291" s="10"/>
    </row>
    <row r="476292" spans="14:14">
      <c r="N476292" s="10"/>
    </row>
    <row r="476293" spans="14:14">
      <c r="N476293" s="10"/>
    </row>
    <row r="476294" spans="14:14">
      <c r="N476294" s="10"/>
    </row>
    <row r="476295" spans="14:14">
      <c r="N476295" s="10"/>
    </row>
    <row r="476296" spans="14:14">
      <c r="N476296" s="10"/>
    </row>
    <row r="476297" spans="14:14">
      <c r="N476297" s="10"/>
    </row>
    <row r="476298" spans="14:14">
      <c r="N476298" s="10"/>
    </row>
    <row r="476299" spans="14:14">
      <c r="N476299" s="10"/>
    </row>
    <row r="476300" spans="14:14">
      <c r="N476300" s="10"/>
    </row>
    <row r="476301" spans="14:14">
      <c r="N476301" s="10"/>
    </row>
    <row r="476302" spans="14:14">
      <c r="N476302" s="10"/>
    </row>
    <row r="476303" spans="14:14">
      <c r="N476303" s="10"/>
    </row>
    <row r="476304" spans="14:14">
      <c r="N476304" s="10"/>
    </row>
    <row r="476305" spans="14:14">
      <c r="N476305" s="10"/>
    </row>
    <row r="476306" spans="14:14">
      <c r="N476306" s="10"/>
    </row>
    <row r="476307" spans="14:14">
      <c r="N476307" s="10"/>
    </row>
    <row r="476308" spans="14:14">
      <c r="N476308" s="10"/>
    </row>
    <row r="476309" spans="14:14">
      <c r="N476309" s="10"/>
    </row>
    <row r="476310" spans="14:14">
      <c r="N476310" s="10"/>
    </row>
    <row r="476311" spans="14:14">
      <c r="N476311" s="10"/>
    </row>
    <row r="476312" spans="14:14">
      <c r="N476312" s="10"/>
    </row>
    <row r="476313" spans="14:14">
      <c r="N476313" s="10"/>
    </row>
    <row r="476314" spans="14:14">
      <c r="N476314" s="10"/>
    </row>
    <row r="476315" spans="14:14">
      <c r="N476315" s="10"/>
    </row>
    <row r="476316" spans="14:14">
      <c r="N476316" s="10"/>
    </row>
    <row r="476317" spans="14:14">
      <c r="N476317" s="10"/>
    </row>
    <row r="476318" spans="14:14">
      <c r="N476318" s="10"/>
    </row>
    <row r="476319" spans="14:14">
      <c r="N476319" s="10"/>
    </row>
    <row r="476320" spans="14:14">
      <c r="N476320" s="10"/>
    </row>
    <row r="476321" spans="14:14">
      <c r="N476321" s="10"/>
    </row>
    <row r="476322" spans="14:14">
      <c r="N476322" s="10"/>
    </row>
    <row r="476323" spans="14:14">
      <c r="N476323" s="10"/>
    </row>
    <row r="476324" spans="14:14">
      <c r="N476324" s="10"/>
    </row>
    <row r="476325" spans="14:14">
      <c r="N476325" s="10"/>
    </row>
    <row r="476326" spans="14:14">
      <c r="N476326" s="10"/>
    </row>
    <row r="476327" spans="14:14">
      <c r="N476327" s="10"/>
    </row>
    <row r="476328" spans="14:14">
      <c r="N476328" s="10"/>
    </row>
    <row r="476329" spans="14:14">
      <c r="N476329" s="10"/>
    </row>
    <row r="476330" spans="14:14">
      <c r="N476330" s="10"/>
    </row>
    <row r="476331" spans="14:14">
      <c r="N476331" s="10"/>
    </row>
    <row r="476332" spans="14:14">
      <c r="N476332" s="10"/>
    </row>
    <row r="476333" spans="14:14">
      <c r="N476333" s="10"/>
    </row>
    <row r="476334" spans="14:14">
      <c r="N476334" s="10"/>
    </row>
    <row r="476335" spans="14:14">
      <c r="N476335" s="10"/>
    </row>
    <row r="476336" spans="14:14">
      <c r="N476336" s="10"/>
    </row>
    <row r="476337" spans="14:14">
      <c r="N476337" s="10"/>
    </row>
    <row r="476338" spans="14:14">
      <c r="N476338" s="10"/>
    </row>
    <row r="476339" spans="14:14">
      <c r="N476339" s="10"/>
    </row>
    <row r="476340" spans="14:14">
      <c r="N476340" s="10"/>
    </row>
    <row r="476341" spans="14:14">
      <c r="N476341" s="10"/>
    </row>
    <row r="476342" spans="14:14">
      <c r="N476342" s="10"/>
    </row>
    <row r="476343" spans="14:14">
      <c r="N476343" s="10"/>
    </row>
    <row r="476344" spans="14:14">
      <c r="N476344" s="10"/>
    </row>
    <row r="476345" spans="14:14">
      <c r="N476345" s="10"/>
    </row>
    <row r="476346" spans="14:14">
      <c r="N476346" s="10"/>
    </row>
    <row r="476347" spans="14:14">
      <c r="N476347" s="10"/>
    </row>
    <row r="476348" spans="14:14">
      <c r="N476348" s="10"/>
    </row>
    <row r="476349" spans="14:14">
      <c r="N476349" s="10"/>
    </row>
    <row r="476350" spans="14:14">
      <c r="N476350" s="10"/>
    </row>
    <row r="476351" spans="14:14">
      <c r="N476351" s="10"/>
    </row>
    <row r="476352" spans="14:14">
      <c r="N476352" s="10"/>
    </row>
    <row r="476353" spans="14:14">
      <c r="N476353" s="10"/>
    </row>
    <row r="476354" spans="14:14">
      <c r="N476354" s="10"/>
    </row>
    <row r="476355" spans="14:14">
      <c r="N476355" s="10"/>
    </row>
    <row r="476356" spans="14:14">
      <c r="N476356" s="10"/>
    </row>
    <row r="476357" spans="14:14">
      <c r="N476357" s="10"/>
    </row>
    <row r="476358" spans="14:14">
      <c r="N476358" s="10"/>
    </row>
    <row r="476359" spans="14:14">
      <c r="N476359" s="10"/>
    </row>
    <row r="476360" spans="14:14">
      <c r="N476360" s="10"/>
    </row>
    <row r="476361" spans="14:14">
      <c r="N476361" s="10"/>
    </row>
    <row r="476362" spans="14:14">
      <c r="N476362" s="10"/>
    </row>
    <row r="476363" spans="14:14">
      <c r="N476363" s="10"/>
    </row>
    <row r="476364" spans="14:14">
      <c r="N476364" s="10"/>
    </row>
    <row r="476365" spans="14:14">
      <c r="N476365" s="10"/>
    </row>
    <row r="476366" spans="14:14">
      <c r="N476366" s="10"/>
    </row>
    <row r="476367" spans="14:14">
      <c r="N476367" s="10"/>
    </row>
    <row r="476368" spans="14:14">
      <c r="N476368" s="10"/>
    </row>
    <row r="476369" spans="14:14">
      <c r="N476369" s="10"/>
    </row>
    <row r="476370" spans="14:14">
      <c r="N476370" s="10"/>
    </row>
    <row r="476371" spans="14:14">
      <c r="N476371" s="10"/>
    </row>
    <row r="476372" spans="14:14">
      <c r="N476372" s="10"/>
    </row>
    <row r="476373" spans="14:14">
      <c r="N476373" s="10"/>
    </row>
    <row r="476374" spans="14:14">
      <c r="N476374" s="10"/>
    </row>
    <row r="476375" spans="14:14">
      <c r="N476375" s="10"/>
    </row>
    <row r="476376" spans="14:14">
      <c r="N476376" s="10"/>
    </row>
    <row r="476377" spans="14:14">
      <c r="N476377" s="10"/>
    </row>
    <row r="476378" spans="14:14">
      <c r="N476378" s="10"/>
    </row>
    <row r="476379" spans="14:14">
      <c r="N476379" s="10"/>
    </row>
    <row r="476380" spans="14:14">
      <c r="N476380" s="10"/>
    </row>
    <row r="476381" spans="14:14">
      <c r="N476381" s="10"/>
    </row>
    <row r="476382" spans="14:14">
      <c r="N476382" s="10"/>
    </row>
    <row r="476383" spans="14:14">
      <c r="N476383" s="10"/>
    </row>
    <row r="476384" spans="14:14">
      <c r="N476384" s="10"/>
    </row>
    <row r="476385" spans="14:14">
      <c r="N476385" s="10"/>
    </row>
    <row r="476386" spans="14:14">
      <c r="N476386" s="10"/>
    </row>
    <row r="476387" spans="14:14">
      <c r="N476387" s="10"/>
    </row>
    <row r="476388" spans="14:14">
      <c r="N476388" s="10"/>
    </row>
    <row r="476389" spans="14:14">
      <c r="N476389" s="10"/>
    </row>
    <row r="476390" spans="14:14">
      <c r="N476390" s="10"/>
    </row>
    <row r="476391" spans="14:14">
      <c r="N476391" s="10"/>
    </row>
    <row r="476392" spans="14:14">
      <c r="N476392" s="10"/>
    </row>
    <row r="476393" spans="14:14">
      <c r="N476393" s="10"/>
    </row>
    <row r="476394" spans="14:14">
      <c r="N476394" s="10"/>
    </row>
    <row r="476395" spans="14:14">
      <c r="N476395" s="10"/>
    </row>
    <row r="476396" spans="14:14">
      <c r="N476396" s="10"/>
    </row>
    <row r="476397" spans="14:14">
      <c r="N476397" s="10"/>
    </row>
    <row r="476398" spans="14:14">
      <c r="N476398" s="10"/>
    </row>
    <row r="476399" spans="14:14">
      <c r="N476399" s="10"/>
    </row>
    <row r="476400" spans="14:14">
      <c r="N476400" s="10"/>
    </row>
    <row r="476401" spans="14:14">
      <c r="N476401" s="10"/>
    </row>
    <row r="476402" spans="14:14">
      <c r="N476402" s="10"/>
    </row>
    <row r="476403" spans="14:14">
      <c r="N476403" s="10"/>
    </row>
    <row r="476404" spans="14:14">
      <c r="N476404" s="10"/>
    </row>
    <row r="476405" spans="14:14">
      <c r="N476405" s="10"/>
    </row>
    <row r="476406" spans="14:14">
      <c r="N476406" s="10"/>
    </row>
    <row r="476407" spans="14:14">
      <c r="N476407" s="10"/>
    </row>
    <row r="476408" spans="14:14">
      <c r="N476408" s="10"/>
    </row>
    <row r="476409" spans="14:14">
      <c r="N476409" s="10"/>
    </row>
    <row r="476410" spans="14:14">
      <c r="N476410" s="10"/>
    </row>
    <row r="476411" spans="14:14">
      <c r="N476411" s="10"/>
    </row>
    <row r="476412" spans="14:14">
      <c r="N476412" s="10"/>
    </row>
    <row r="476413" spans="14:14">
      <c r="N476413" s="10"/>
    </row>
    <row r="476414" spans="14:14">
      <c r="N476414" s="10"/>
    </row>
    <row r="476415" spans="14:14">
      <c r="N476415" s="10"/>
    </row>
    <row r="476416" spans="14:14">
      <c r="N476416" s="10"/>
    </row>
    <row r="476417" spans="14:14">
      <c r="N476417" s="10"/>
    </row>
    <row r="476418" spans="14:14">
      <c r="N476418" s="10"/>
    </row>
    <row r="476419" spans="14:14">
      <c r="N476419" s="10"/>
    </row>
    <row r="476420" spans="14:14">
      <c r="N476420" s="10"/>
    </row>
    <row r="476421" spans="14:14">
      <c r="N476421" s="10"/>
    </row>
    <row r="476422" spans="14:14">
      <c r="N476422" s="10"/>
    </row>
    <row r="476423" spans="14:14">
      <c r="N476423" s="10"/>
    </row>
    <row r="476424" spans="14:14">
      <c r="N476424" s="10"/>
    </row>
    <row r="476425" spans="14:14">
      <c r="N476425" s="10"/>
    </row>
    <row r="476426" spans="14:14">
      <c r="N476426" s="10"/>
    </row>
    <row r="476427" spans="14:14">
      <c r="N476427" s="10"/>
    </row>
    <row r="476428" spans="14:14">
      <c r="N476428" s="10"/>
    </row>
    <row r="476429" spans="14:14">
      <c r="N476429" s="10"/>
    </row>
    <row r="476430" spans="14:14">
      <c r="N476430" s="10"/>
    </row>
    <row r="476431" spans="14:14">
      <c r="N476431" s="10"/>
    </row>
    <row r="476432" spans="14:14">
      <c r="N476432" s="10"/>
    </row>
    <row r="476433" spans="14:14">
      <c r="N476433" s="10"/>
    </row>
    <row r="476434" spans="14:14">
      <c r="N476434" s="10"/>
    </row>
    <row r="476435" spans="14:14">
      <c r="N476435" s="10"/>
    </row>
    <row r="476436" spans="14:14">
      <c r="N476436" s="10"/>
    </row>
    <row r="476437" spans="14:14">
      <c r="N476437" s="10"/>
    </row>
    <row r="476438" spans="14:14">
      <c r="N476438" s="10"/>
    </row>
    <row r="476439" spans="14:14">
      <c r="N476439" s="10"/>
    </row>
    <row r="476440" spans="14:14">
      <c r="N476440" s="10"/>
    </row>
    <row r="476441" spans="14:14">
      <c r="N476441" s="10"/>
    </row>
    <row r="476442" spans="14:14">
      <c r="N476442" s="10"/>
    </row>
    <row r="476443" spans="14:14">
      <c r="N476443" s="10"/>
    </row>
    <row r="476444" spans="14:14">
      <c r="N476444" s="10"/>
    </row>
    <row r="476445" spans="14:14">
      <c r="N476445" s="10"/>
    </row>
    <row r="476446" spans="14:14">
      <c r="N476446" s="10"/>
    </row>
    <row r="476447" spans="14:14">
      <c r="N476447" s="10"/>
    </row>
    <row r="476448" spans="14:14">
      <c r="N476448" s="10"/>
    </row>
    <row r="476449" spans="14:14">
      <c r="N476449" s="10"/>
    </row>
    <row r="476450" spans="14:14">
      <c r="N476450" s="10"/>
    </row>
    <row r="476451" spans="14:14">
      <c r="N476451" s="10"/>
    </row>
    <row r="476452" spans="14:14">
      <c r="N476452" s="10"/>
    </row>
    <row r="476453" spans="14:14">
      <c r="N476453" s="10"/>
    </row>
    <row r="476454" spans="14:14">
      <c r="N476454" s="10"/>
    </row>
    <row r="476455" spans="14:14">
      <c r="N476455" s="10"/>
    </row>
    <row r="476456" spans="14:14">
      <c r="N476456" s="10"/>
    </row>
    <row r="476457" spans="14:14">
      <c r="N476457" s="10"/>
    </row>
    <row r="476458" spans="14:14">
      <c r="N476458" s="10"/>
    </row>
    <row r="476459" spans="14:14">
      <c r="N476459" s="10"/>
    </row>
    <row r="476460" spans="14:14">
      <c r="N476460" s="10"/>
    </row>
    <row r="476461" spans="14:14">
      <c r="N476461" s="10"/>
    </row>
    <row r="476462" spans="14:14">
      <c r="N476462" s="10"/>
    </row>
    <row r="476463" spans="14:14">
      <c r="N476463" s="10"/>
    </row>
    <row r="476464" spans="14:14">
      <c r="N476464" s="10"/>
    </row>
    <row r="476465" spans="14:14">
      <c r="N476465" s="10"/>
    </row>
    <row r="476466" spans="14:14">
      <c r="N476466" s="10"/>
    </row>
    <row r="476467" spans="14:14">
      <c r="N476467" s="10"/>
    </row>
    <row r="476468" spans="14:14">
      <c r="N476468" s="10"/>
    </row>
    <row r="476469" spans="14:14">
      <c r="N476469" s="10"/>
    </row>
    <row r="476470" spans="14:14">
      <c r="N476470" s="10"/>
    </row>
    <row r="476471" spans="14:14">
      <c r="N476471" s="10"/>
    </row>
    <row r="476472" spans="14:14">
      <c r="N476472" s="10"/>
    </row>
    <row r="476473" spans="14:14">
      <c r="N476473" s="10"/>
    </row>
    <row r="476474" spans="14:14">
      <c r="N476474" s="10"/>
    </row>
    <row r="476475" spans="14:14">
      <c r="N476475" s="10"/>
    </row>
    <row r="476476" spans="14:14">
      <c r="N476476" s="10"/>
    </row>
    <row r="476477" spans="14:14">
      <c r="N476477" s="10"/>
    </row>
    <row r="476478" spans="14:14">
      <c r="N476478" s="10"/>
    </row>
    <row r="476479" spans="14:14">
      <c r="N476479" s="10"/>
    </row>
    <row r="476480" spans="14:14">
      <c r="N476480" s="10"/>
    </row>
    <row r="476481" spans="14:14">
      <c r="N476481" s="10"/>
    </row>
    <row r="476482" spans="14:14">
      <c r="N476482" s="10"/>
    </row>
    <row r="476483" spans="14:14">
      <c r="N476483" s="10"/>
    </row>
    <row r="476484" spans="14:14">
      <c r="N476484" s="10"/>
    </row>
    <row r="476485" spans="14:14">
      <c r="N476485" s="10"/>
    </row>
    <row r="476486" spans="14:14">
      <c r="N476486" s="10"/>
    </row>
    <row r="476487" spans="14:14">
      <c r="N476487" s="10"/>
    </row>
    <row r="476488" spans="14:14">
      <c r="N476488" s="10"/>
    </row>
    <row r="476489" spans="14:14">
      <c r="N476489" s="10"/>
    </row>
    <row r="476490" spans="14:14">
      <c r="N476490" s="10"/>
    </row>
    <row r="476491" spans="14:14">
      <c r="N476491" s="10"/>
    </row>
    <row r="476492" spans="14:14">
      <c r="N476492" s="10"/>
    </row>
    <row r="476493" spans="14:14">
      <c r="N476493" s="10"/>
    </row>
    <row r="476494" spans="14:14">
      <c r="N476494" s="10"/>
    </row>
    <row r="476495" spans="14:14">
      <c r="N476495" s="10"/>
    </row>
    <row r="476496" spans="14:14">
      <c r="N476496" s="10"/>
    </row>
    <row r="476497" spans="14:14">
      <c r="N476497" s="10"/>
    </row>
    <row r="476498" spans="14:14">
      <c r="N476498" s="10"/>
    </row>
    <row r="476499" spans="14:14">
      <c r="N476499" s="10"/>
    </row>
    <row r="476500" spans="14:14">
      <c r="N476500" s="10"/>
    </row>
    <row r="476501" spans="14:14">
      <c r="N476501" s="10"/>
    </row>
    <row r="476502" spans="14:14">
      <c r="N476502" s="10"/>
    </row>
    <row r="476503" spans="14:14">
      <c r="N476503" s="10"/>
    </row>
    <row r="476504" spans="14:14">
      <c r="N476504" s="10"/>
    </row>
    <row r="476505" spans="14:14">
      <c r="N476505" s="10"/>
    </row>
    <row r="476506" spans="14:14">
      <c r="N476506" s="10"/>
    </row>
    <row r="476507" spans="14:14">
      <c r="N476507" s="10"/>
    </row>
    <row r="476508" spans="14:14">
      <c r="N476508" s="10"/>
    </row>
    <row r="476509" spans="14:14">
      <c r="N476509" s="10"/>
    </row>
    <row r="476510" spans="14:14">
      <c r="N476510" s="10"/>
    </row>
    <row r="476511" spans="14:14">
      <c r="N476511" s="10"/>
    </row>
    <row r="476512" spans="14:14">
      <c r="N476512" s="10"/>
    </row>
    <row r="476513" spans="14:14">
      <c r="N476513" s="10"/>
    </row>
    <row r="476514" spans="14:14">
      <c r="N476514" s="10"/>
    </row>
    <row r="476515" spans="14:14">
      <c r="N476515" s="10"/>
    </row>
    <row r="476516" spans="14:14">
      <c r="N476516" s="10"/>
    </row>
    <row r="476517" spans="14:14">
      <c r="N476517" s="10"/>
    </row>
    <row r="476518" spans="14:14">
      <c r="N476518" s="10"/>
    </row>
    <row r="476519" spans="14:14">
      <c r="N476519" s="10"/>
    </row>
    <row r="476520" spans="14:14">
      <c r="N476520" s="10"/>
    </row>
    <row r="476521" spans="14:14">
      <c r="N476521" s="10"/>
    </row>
    <row r="476522" spans="14:14">
      <c r="N476522" s="10"/>
    </row>
    <row r="476523" spans="14:14">
      <c r="N476523" s="10"/>
    </row>
    <row r="476524" spans="14:14">
      <c r="N476524" s="10"/>
    </row>
    <row r="476525" spans="14:14">
      <c r="N476525" s="10"/>
    </row>
    <row r="476526" spans="14:14">
      <c r="N476526" s="10"/>
    </row>
    <row r="476527" spans="14:14">
      <c r="N476527" s="10"/>
    </row>
    <row r="476528" spans="14:14">
      <c r="N476528" s="10"/>
    </row>
    <row r="476529" spans="14:14">
      <c r="N476529" s="10"/>
    </row>
    <row r="476530" spans="14:14">
      <c r="N476530" s="10"/>
    </row>
    <row r="476531" spans="14:14">
      <c r="N476531" s="10"/>
    </row>
    <row r="476532" spans="14:14">
      <c r="N476532" s="10"/>
    </row>
    <row r="476533" spans="14:14">
      <c r="N476533" s="10"/>
    </row>
    <row r="476534" spans="14:14">
      <c r="N476534" s="10"/>
    </row>
    <row r="476535" spans="14:14">
      <c r="N476535" s="10"/>
    </row>
    <row r="476536" spans="14:14">
      <c r="N476536" s="10"/>
    </row>
    <row r="476537" spans="14:14">
      <c r="N476537" s="10"/>
    </row>
    <row r="476538" spans="14:14">
      <c r="N476538" s="10"/>
    </row>
    <row r="476539" spans="14:14">
      <c r="N476539" s="10"/>
    </row>
    <row r="476540" spans="14:14">
      <c r="N476540" s="10"/>
    </row>
    <row r="476541" spans="14:14">
      <c r="N476541" s="10"/>
    </row>
    <row r="476542" spans="14:14">
      <c r="N476542" s="10"/>
    </row>
    <row r="476543" spans="14:14">
      <c r="N476543" s="10"/>
    </row>
    <row r="476544" spans="14:14">
      <c r="N476544" s="10"/>
    </row>
    <row r="476545" spans="14:14">
      <c r="N476545" s="10"/>
    </row>
    <row r="476546" spans="14:14">
      <c r="N476546" s="10"/>
    </row>
    <row r="476547" spans="14:14">
      <c r="N476547" s="10"/>
    </row>
    <row r="476548" spans="14:14">
      <c r="N476548" s="10"/>
    </row>
    <row r="476549" spans="14:14">
      <c r="N476549" s="10"/>
    </row>
    <row r="476550" spans="14:14">
      <c r="N476550" s="10"/>
    </row>
    <row r="476551" spans="14:14">
      <c r="N476551" s="10"/>
    </row>
    <row r="476552" spans="14:14">
      <c r="N476552" s="10"/>
    </row>
    <row r="476553" spans="14:14">
      <c r="N476553" s="10"/>
    </row>
    <row r="476554" spans="14:14">
      <c r="N476554" s="10"/>
    </row>
    <row r="476555" spans="14:14">
      <c r="N476555" s="10"/>
    </row>
    <row r="476556" spans="14:14">
      <c r="N476556" s="10"/>
    </row>
    <row r="476557" spans="14:14">
      <c r="N476557" s="10"/>
    </row>
    <row r="476558" spans="14:14">
      <c r="N476558" s="10"/>
    </row>
    <row r="476559" spans="14:14">
      <c r="N476559" s="10"/>
    </row>
    <row r="476560" spans="14:14">
      <c r="N476560" s="10"/>
    </row>
    <row r="476561" spans="14:14">
      <c r="N476561" s="10"/>
    </row>
    <row r="476562" spans="14:14">
      <c r="N476562" s="10"/>
    </row>
    <row r="476563" spans="14:14">
      <c r="N476563" s="10"/>
    </row>
    <row r="476564" spans="14:14">
      <c r="N476564" s="10"/>
    </row>
    <row r="476565" spans="14:14">
      <c r="N476565" s="10"/>
    </row>
    <row r="476566" spans="14:14">
      <c r="N476566" s="10"/>
    </row>
    <row r="476567" spans="14:14">
      <c r="N476567" s="10"/>
    </row>
    <row r="476568" spans="14:14">
      <c r="N476568" s="10"/>
    </row>
    <row r="476569" spans="14:14">
      <c r="N476569" s="10"/>
    </row>
    <row r="476570" spans="14:14">
      <c r="N476570" s="10"/>
    </row>
    <row r="476571" spans="14:14">
      <c r="N476571" s="10"/>
    </row>
    <row r="476572" spans="14:14">
      <c r="N476572" s="10"/>
    </row>
    <row r="476573" spans="14:14">
      <c r="N476573" s="10"/>
    </row>
    <row r="476574" spans="14:14">
      <c r="N476574" s="10"/>
    </row>
    <row r="476575" spans="14:14">
      <c r="N476575" s="10"/>
    </row>
    <row r="476576" spans="14:14">
      <c r="N476576" s="10"/>
    </row>
    <row r="476577" spans="14:14">
      <c r="N476577" s="10"/>
    </row>
    <row r="476578" spans="14:14">
      <c r="N476578" s="10"/>
    </row>
    <row r="476579" spans="14:14">
      <c r="N476579" s="10"/>
    </row>
    <row r="476580" spans="14:14">
      <c r="N476580" s="10"/>
    </row>
    <row r="476581" spans="14:14">
      <c r="N476581" s="10"/>
    </row>
    <row r="476582" spans="14:14">
      <c r="N476582" s="10"/>
    </row>
    <row r="476583" spans="14:14">
      <c r="N476583" s="10"/>
    </row>
    <row r="476584" spans="14:14">
      <c r="N476584" s="10"/>
    </row>
    <row r="476585" spans="14:14">
      <c r="N476585" s="10"/>
    </row>
    <row r="476586" spans="14:14">
      <c r="N476586" s="10"/>
    </row>
    <row r="476587" spans="14:14">
      <c r="N476587" s="10"/>
    </row>
    <row r="476588" spans="14:14">
      <c r="N476588" s="10"/>
    </row>
    <row r="476589" spans="14:14">
      <c r="N476589" s="10"/>
    </row>
    <row r="476590" spans="14:14">
      <c r="N476590" s="10"/>
    </row>
    <row r="476591" spans="14:14">
      <c r="N476591" s="10"/>
    </row>
    <row r="476592" spans="14:14">
      <c r="N476592" s="10"/>
    </row>
    <row r="476593" spans="14:14">
      <c r="N476593" s="10"/>
    </row>
    <row r="476594" spans="14:14">
      <c r="N476594" s="10"/>
    </row>
    <row r="476595" spans="14:14">
      <c r="N476595" s="10"/>
    </row>
    <row r="476596" spans="14:14">
      <c r="N476596" s="10"/>
    </row>
    <row r="476597" spans="14:14">
      <c r="N476597" s="10"/>
    </row>
    <row r="476598" spans="14:14">
      <c r="N476598" s="10"/>
    </row>
    <row r="476599" spans="14:14">
      <c r="N476599" s="10"/>
    </row>
    <row r="476600" spans="14:14">
      <c r="N476600" s="10"/>
    </row>
    <row r="476601" spans="14:14">
      <c r="N476601" s="10"/>
    </row>
    <row r="476602" spans="14:14">
      <c r="N476602" s="10"/>
    </row>
    <row r="476603" spans="14:14">
      <c r="N476603" s="10"/>
    </row>
    <row r="476604" spans="14:14">
      <c r="N476604" s="10"/>
    </row>
    <row r="476605" spans="14:14">
      <c r="N476605" s="10"/>
    </row>
    <row r="476606" spans="14:14">
      <c r="N476606" s="10"/>
    </row>
    <row r="476607" spans="14:14">
      <c r="N476607" s="10"/>
    </row>
    <row r="476608" spans="14:14">
      <c r="N476608" s="10"/>
    </row>
    <row r="476609" spans="14:14">
      <c r="N476609" s="10"/>
    </row>
    <row r="476610" spans="14:14">
      <c r="N476610" s="10"/>
    </row>
    <row r="476611" spans="14:14">
      <c r="N476611" s="10"/>
    </row>
    <row r="476612" spans="14:14">
      <c r="N476612" s="10"/>
    </row>
    <row r="476613" spans="14:14">
      <c r="N476613" s="10"/>
    </row>
    <row r="476614" spans="14:14">
      <c r="N476614" s="10"/>
    </row>
    <row r="476615" spans="14:14">
      <c r="N476615" s="10"/>
    </row>
    <row r="476616" spans="14:14">
      <c r="N476616" s="10"/>
    </row>
    <row r="476617" spans="14:14">
      <c r="N476617" s="10"/>
    </row>
    <row r="476618" spans="14:14">
      <c r="N476618" s="10"/>
    </row>
    <row r="476619" spans="14:14">
      <c r="N476619" s="10"/>
    </row>
    <row r="476620" spans="14:14">
      <c r="N476620" s="10"/>
    </row>
    <row r="476621" spans="14:14">
      <c r="N476621" s="10"/>
    </row>
    <row r="476622" spans="14:14">
      <c r="N476622" s="10"/>
    </row>
    <row r="476623" spans="14:14">
      <c r="N476623" s="10"/>
    </row>
    <row r="476624" spans="14:14">
      <c r="N476624" s="10"/>
    </row>
    <row r="476625" spans="14:14">
      <c r="N476625" s="10"/>
    </row>
    <row r="476626" spans="14:14">
      <c r="N476626" s="10"/>
    </row>
    <row r="476627" spans="14:14">
      <c r="N476627" s="10"/>
    </row>
    <row r="476628" spans="14:14">
      <c r="N476628" s="10"/>
    </row>
    <row r="476629" spans="14:14">
      <c r="N476629" s="10"/>
    </row>
    <row r="476630" spans="14:14">
      <c r="N476630" s="10"/>
    </row>
    <row r="476631" spans="14:14">
      <c r="N476631" s="10"/>
    </row>
    <row r="476632" spans="14:14">
      <c r="N476632" s="10"/>
    </row>
    <row r="476633" spans="14:14">
      <c r="N476633" s="10"/>
    </row>
    <row r="476634" spans="14:14">
      <c r="N476634" s="10"/>
    </row>
    <row r="476635" spans="14:14">
      <c r="N476635" s="10"/>
    </row>
    <row r="476636" spans="14:14">
      <c r="N476636" s="10"/>
    </row>
    <row r="476637" spans="14:14">
      <c r="N476637" s="10"/>
    </row>
    <row r="476638" spans="14:14">
      <c r="N476638" s="10"/>
    </row>
    <row r="476639" spans="14:14">
      <c r="N476639" s="10"/>
    </row>
    <row r="476640" spans="14:14">
      <c r="N476640" s="10"/>
    </row>
    <row r="476641" spans="14:14">
      <c r="N476641" s="10"/>
    </row>
    <row r="476642" spans="14:14">
      <c r="N476642" s="10"/>
    </row>
    <row r="476643" spans="14:14">
      <c r="N476643" s="10"/>
    </row>
    <row r="476644" spans="14:14">
      <c r="N476644" s="10"/>
    </row>
    <row r="476645" spans="14:14">
      <c r="N476645" s="10"/>
    </row>
    <row r="476646" spans="14:14">
      <c r="N476646" s="10"/>
    </row>
    <row r="476647" spans="14:14">
      <c r="N476647" s="10"/>
    </row>
    <row r="476648" spans="14:14">
      <c r="N476648" s="10"/>
    </row>
    <row r="476649" spans="14:14">
      <c r="N476649" s="10"/>
    </row>
    <row r="476650" spans="14:14">
      <c r="N476650" s="10"/>
    </row>
    <row r="476651" spans="14:14">
      <c r="N476651" s="10"/>
    </row>
    <row r="476652" spans="14:14">
      <c r="N476652" s="10"/>
    </row>
    <row r="476653" spans="14:14">
      <c r="N476653" s="10"/>
    </row>
    <row r="476654" spans="14:14">
      <c r="N476654" s="10"/>
    </row>
    <row r="476655" spans="14:14">
      <c r="N476655" s="10"/>
    </row>
    <row r="476656" spans="14:14">
      <c r="N476656" s="10"/>
    </row>
    <row r="476657" spans="14:14">
      <c r="N476657" s="10"/>
    </row>
    <row r="476658" spans="14:14">
      <c r="N476658" s="10"/>
    </row>
    <row r="476659" spans="14:14">
      <c r="N476659" s="10"/>
    </row>
    <row r="476660" spans="14:14">
      <c r="N476660" s="10"/>
    </row>
    <row r="476661" spans="14:14">
      <c r="N476661" s="10"/>
    </row>
    <row r="476662" spans="14:14">
      <c r="N476662" s="10"/>
    </row>
    <row r="476663" spans="14:14">
      <c r="N476663" s="10"/>
    </row>
    <row r="476664" spans="14:14">
      <c r="N476664" s="10"/>
    </row>
    <row r="476665" spans="14:14">
      <c r="N476665" s="10"/>
    </row>
    <row r="476666" spans="14:14">
      <c r="N476666" s="10"/>
    </row>
    <row r="476667" spans="14:14">
      <c r="N476667" s="10"/>
    </row>
    <row r="476668" spans="14:14">
      <c r="N476668" s="10"/>
    </row>
    <row r="476669" spans="14:14">
      <c r="N476669" s="10"/>
    </row>
    <row r="476670" spans="14:14">
      <c r="N476670" s="10"/>
    </row>
    <row r="476671" spans="14:14">
      <c r="N476671" s="10"/>
    </row>
    <row r="476672" spans="14:14">
      <c r="N476672" s="10"/>
    </row>
    <row r="476673" spans="14:14">
      <c r="N476673" s="10"/>
    </row>
    <row r="476674" spans="14:14">
      <c r="N476674" s="10"/>
    </row>
    <row r="476675" spans="14:14">
      <c r="N476675" s="10"/>
    </row>
    <row r="476676" spans="14:14">
      <c r="N476676" s="10"/>
    </row>
    <row r="476677" spans="14:14">
      <c r="N476677" s="10"/>
    </row>
    <row r="476678" spans="14:14">
      <c r="N476678" s="10"/>
    </row>
    <row r="476679" spans="14:14">
      <c r="N476679" s="10"/>
    </row>
    <row r="476680" spans="14:14">
      <c r="N476680" s="10"/>
    </row>
    <row r="476681" spans="14:14">
      <c r="N476681" s="10"/>
    </row>
    <row r="476682" spans="14:14">
      <c r="N476682" s="10"/>
    </row>
    <row r="476683" spans="14:14">
      <c r="N476683" s="10"/>
    </row>
    <row r="476684" spans="14:14">
      <c r="N476684" s="10"/>
    </row>
    <row r="476685" spans="14:14">
      <c r="N476685" s="10"/>
    </row>
    <row r="476686" spans="14:14">
      <c r="N476686" s="10"/>
    </row>
    <row r="476687" spans="14:14">
      <c r="N476687" s="10"/>
    </row>
    <row r="476688" spans="14:14">
      <c r="N476688" s="10"/>
    </row>
    <row r="476689" spans="14:14">
      <c r="N476689" s="10"/>
    </row>
    <row r="476690" spans="14:14">
      <c r="N476690" s="10"/>
    </row>
    <row r="476691" spans="14:14">
      <c r="N476691" s="10"/>
    </row>
    <row r="476692" spans="14:14">
      <c r="N476692" s="10"/>
    </row>
    <row r="476693" spans="14:14">
      <c r="N476693" s="10"/>
    </row>
    <row r="476694" spans="14:14">
      <c r="N476694" s="10"/>
    </row>
    <row r="476695" spans="14:14">
      <c r="N476695" s="10"/>
    </row>
    <row r="476696" spans="14:14">
      <c r="N476696" s="10"/>
    </row>
    <row r="476697" spans="14:14">
      <c r="N476697" s="10"/>
    </row>
    <row r="476698" spans="14:14">
      <c r="N476698" s="10"/>
    </row>
    <row r="476699" spans="14:14">
      <c r="N476699" s="10"/>
    </row>
    <row r="476700" spans="14:14">
      <c r="N476700" s="10"/>
    </row>
    <row r="476701" spans="14:14">
      <c r="N476701" s="10"/>
    </row>
    <row r="476702" spans="14:14">
      <c r="N476702" s="10"/>
    </row>
    <row r="476703" spans="14:14">
      <c r="N476703" s="10"/>
    </row>
    <row r="476704" spans="14:14">
      <c r="N476704" s="10"/>
    </row>
    <row r="476705" spans="14:14">
      <c r="N476705" s="10"/>
    </row>
    <row r="476706" spans="14:14">
      <c r="N476706" s="10"/>
    </row>
    <row r="476707" spans="14:14">
      <c r="N476707" s="10"/>
    </row>
    <row r="476708" spans="14:14">
      <c r="N476708" s="10"/>
    </row>
    <row r="476709" spans="14:14">
      <c r="N476709" s="10"/>
    </row>
    <row r="476710" spans="14:14">
      <c r="N476710" s="10"/>
    </row>
    <row r="476711" spans="14:14">
      <c r="N476711" s="10"/>
    </row>
    <row r="476712" spans="14:14">
      <c r="N476712" s="10"/>
    </row>
    <row r="476713" spans="14:14">
      <c r="N476713" s="10"/>
    </row>
    <row r="476714" spans="14:14">
      <c r="N476714" s="10"/>
    </row>
    <row r="476715" spans="14:14">
      <c r="N476715" s="10"/>
    </row>
    <row r="476716" spans="14:14">
      <c r="N476716" s="10"/>
    </row>
    <row r="476717" spans="14:14">
      <c r="N476717" s="10"/>
    </row>
    <row r="476718" spans="14:14">
      <c r="N476718" s="10"/>
    </row>
    <row r="476719" spans="14:14">
      <c r="N476719" s="10"/>
    </row>
    <row r="476720" spans="14:14">
      <c r="N476720" s="10"/>
    </row>
    <row r="476721" spans="14:14">
      <c r="N476721" s="10"/>
    </row>
    <row r="476722" spans="14:14">
      <c r="N476722" s="10"/>
    </row>
    <row r="476723" spans="14:14">
      <c r="N476723" s="10"/>
    </row>
    <row r="476724" spans="14:14">
      <c r="N476724" s="10"/>
    </row>
    <row r="476725" spans="14:14">
      <c r="N476725" s="10"/>
    </row>
    <row r="476726" spans="14:14">
      <c r="N476726" s="10"/>
    </row>
    <row r="476727" spans="14:14">
      <c r="N476727" s="10"/>
    </row>
    <row r="476728" spans="14:14">
      <c r="N476728" s="10"/>
    </row>
    <row r="476729" spans="14:14">
      <c r="N476729" s="10"/>
    </row>
    <row r="476730" spans="14:14">
      <c r="N476730" s="10"/>
    </row>
    <row r="476731" spans="14:14">
      <c r="N476731" s="10"/>
    </row>
    <row r="476732" spans="14:14">
      <c r="N476732" s="10"/>
    </row>
    <row r="476733" spans="14:14">
      <c r="N476733" s="10"/>
    </row>
    <row r="476734" spans="14:14">
      <c r="N476734" s="10"/>
    </row>
    <row r="476735" spans="14:14">
      <c r="N476735" s="10"/>
    </row>
    <row r="476736" spans="14:14">
      <c r="N476736" s="10"/>
    </row>
    <row r="476737" spans="14:14">
      <c r="N476737" s="10"/>
    </row>
    <row r="476738" spans="14:14">
      <c r="N476738" s="10"/>
    </row>
    <row r="476739" spans="14:14">
      <c r="N476739" s="10"/>
    </row>
    <row r="476740" spans="14:14">
      <c r="N476740" s="10"/>
    </row>
    <row r="476741" spans="14:14">
      <c r="N476741" s="10"/>
    </row>
    <row r="476742" spans="14:14">
      <c r="N476742" s="10"/>
    </row>
    <row r="476743" spans="14:14">
      <c r="N476743" s="10"/>
    </row>
    <row r="476744" spans="14:14">
      <c r="N476744" s="10"/>
    </row>
    <row r="476745" spans="14:14">
      <c r="N476745" s="10"/>
    </row>
    <row r="476746" spans="14:14">
      <c r="N476746" s="10"/>
    </row>
    <row r="476747" spans="14:14">
      <c r="N476747" s="10"/>
    </row>
    <row r="476748" spans="14:14">
      <c r="N476748" s="10"/>
    </row>
    <row r="476749" spans="14:14">
      <c r="N476749" s="10"/>
    </row>
    <row r="476750" spans="14:14">
      <c r="N476750" s="10"/>
    </row>
    <row r="476751" spans="14:14">
      <c r="N476751" s="10"/>
    </row>
    <row r="476752" spans="14:14">
      <c r="N476752" s="10"/>
    </row>
    <row r="476753" spans="14:14">
      <c r="N476753" s="10"/>
    </row>
    <row r="476754" spans="14:14">
      <c r="N476754" s="10"/>
    </row>
    <row r="476755" spans="14:14">
      <c r="N476755" s="10"/>
    </row>
    <row r="476756" spans="14:14">
      <c r="N476756" s="10"/>
    </row>
    <row r="476757" spans="14:14">
      <c r="N476757" s="10"/>
    </row>
    <row r="476758" spans="14:14">
      <c r="N476758" s="10"/>
    </row>
    <row r="476759" spans="14:14">
      <c r="N476759" s="10"/>
    </row>
    <row r="476760" spans="14:14">
      <c r="N476760" s="10"/>
    </row>
    <row r="476761" spans="14:14">
      <c r="N476761" s="10"/>
    </row>
    <row r="476762" spans="14:14">
      <c r="N476762" s="10"/>
    </row>
    <row r="476763" spans="14:14">
      <c r="N476763" s="10"/>
    </row>
    <row r="476764" spans="14:14">
      <c r="N476764" s="10"/>
    </row>
    <row r="476765" spans="14:14">
      <c r="N476765" s="10"/>
    </row>
    <row r="476766" spans="14:14">
      <c r="N476766" s="10"/>
    </row>
    <row r="476767" spans="14:14">
      <c r="N476767" s="10"/>
    </row>
    <row r="476768" spans="14:14">
      <c r="N476768" s="10"/>
    </row>
    <row r="476769" spans="14:14">
      <c r="N476769" s="10"/>
    </row>
    <row r="476770" spans="14:14">
      <c r="N476770" s="10"/>
    </row>
    <row r="476771" spans="14:14">
      <c r="N476771" s="10"/>
    </row>
    <row r="476772" spans="14:14">
      <c r="N476772" s="10"/>
    </row>
    <row r="476773" spans="14:14">
      <c r="N476773" s="10"/>
    </row>
    <row r="476774" spans="14:14">
      <c r="N476774" s="10"/>
    </row>
    <row r="476775" spans="14:14">
      <c r="N476775" s="10"/>
    </row>
    <row r="476776" spans="14:14">
      <c r="N476776" s="10"/>
    </row>
    <row r="476777" spans="14:14">
      <c r="N476777" s="10"/>
    </row>
    <row r="476778" spans="14:14">
      <c r="N476778" s="10"/>
    </row>
    <row r="476779" spans="14:14">
      <c r="N476779" s="10"/>
    </row>
    <row r="476780" spans="14:14">
      <c r="N476780" s="10"/>
    </row>
    <row r="476781" spans="14:14">
      <c r="N476781" s="10"/>
    </row>
    <row r="476782" spans="14:14">
      <c r="N476782" s="10"/>
    </row>
    <row r="476783" spans="14:14">
      <c r="N476783" s="10"/>
    </row>
    <row r="476784" spans="14:14">
      <c r="N476784" s="10"/>
    </row>
    <row r="476785" spans="14:14">
      <c r="N476785" s="10"/>
    </row>
    <row r="476786" spans="14:14">
      <c r="N476786" s="10"/>
    </row>
    <row r="476787" spans="14:14">
      <c r="N476787" s="10"/>
    </row>
    <row r="476788" spans="14:14">
      <c r="N476788" s="10"/>
    </row>
    <row r="476789" spans="14:14">
      <c r="N476789" s="10"/>
    </row>
    <row r="476790" spans="14:14">
      <c r="N476790" s="10"/>
    </row>
    <row r="476791" spans="14:14">
      <c r="N476791" s="10"/>
    </row>
    <row r="476792" spans="14:14">
      <c r="N476792" s="10"/>
    </row>
    <row r="476793" spans="14:14">
      <c r="N476793" s="10"/>
    </row>
    <row r="476794" spans="14:14">
      <c r="N476794" s="10"/>
    </row>
    <row r="476795" spans="14:14">
      <c r="N476795" s="10"/>
    </row>
    <row r="476796" spans="14:14">
      <c r="N476796" s="10"/>
    </row>
    <row r="476797" spans="14:14">
      <c r="N476797" s="10"/>
    </row>
    <row r="476798" spans="14:14">
      <c r="N476798" s="10"/>
    </row>
    <row r="476799" spans="14:14">
      <c r="N476799" s="10"/>
    </row>
    <row r="476800" spans="14:14">
      <c r="N476800" s="10"/>
    </row>
    <row r="476801" spans="14:14">
      <c r="N476801" s="10"/>
    </row>
    <row r="476802" spans="14:14">
      <c r="N476802" s="10"/>
    </row>
    <row r="476803" spans="14:14">
      <c r="N476803" s="10"/>
    </row>
    <row r="476804" spans="14:14">
      <c r="N476804" s="10"/>
    </row>
    <row r="476805" spans="14:14">
      <c r="N476805" s="10"/>
    </row>
    <row r="476806" spans="14:14">
      <c r="N476806" s="10"/>
    </row>
    <row r="476807" spans="14:14">
      <c r="N476807" s="10"/>
    </row>
    <row r="476808" spans="14:14">
      <c r="N476808" s="10"/>
    </row>
    <row r="476809" spans="14:14">
      <c r="N476809" s="10"/>
    </row>
    <row r="476810" spans="14:14">
      <c r="N476810" s="10"/>
    </row>
    <row r="476811" spans="14:14">
      <c r="N476811" s="10"/>
    </row>
    <row r="476812" spans="14:14">
      <c r="N476812" s="10"/>
    </row>
    <row r="476813" spans="14:14">
      <c r="N476813" s="10"/>
    </row>
    <row r="476814" spans="14:14">
      <c r="N476814" s="10"/>
    </row>
    <row r="476815" spans="14:14">
      <c r="N476815" s="10"/>
    </row>
    <row r="476816" spans="14:14">
      <c r="N476816" s="10"/>
    </row>
    <row r="476817" spans="14:14">
      <c r="N476817" s="10"/>
    </row>
    <row r="476818" spans="14:14">
      <c r="N476818" s="10"/>
    </row>
    <row r="476819" spans="14:14">
      <c r="N476819" s="10"/>
    </row>
    <row r="476820" spans="14:14">
      <c r="N476820" s="10"/>
    </row>
    <row r="476821" spans="14:14">
      <c r="N476821" s="10"/>
    </row>
    <row r="476822" spans="14:14">
      <c r="N476822" s="10"/>
    </row>
    <row r="476823" spans="14:14">
      <c r="N476823" s="10"/>
    </row>
    <row r="476824" spans="14:14">
      <c r="N476824" s="10"/>
    </row>
    <row r="476825" spans="14:14">
      <c r="N476825" s="10"/>
    </row>
    <row r="476826" spans="14:14">
      <c r="N476826" s="10"/>
    </row>
    <row r="476827" spans="14:14">
      <c r="N476827" s="10"/>
    </row>
    <row r="476828" spans="14:14">
      <c r="N476828" s="10"/>
    </row>
    <row r="476829" spans="14:14">
      <c r="N476829" s="10"/>
    </row>
    <row r="476830" spans="14:14">
      <c r="N476830" s="10"/>
    </row>
    <row r="476831" spans="14:14">
      <c r="N476831" s="10"/>
    </row>
    <row r="476832" spans="14:14">
      <c r="N476832" s="10"/>
    </row>
    <row r="476833" spans="14:14">
      <c r="N476833" s="10"/>
    </row>
    <row r="476834" spans="14:14">
      <c r="N476834" s="10"/>
    </row>
    <row r="476835" spans="14:14">
      <c r="N476835" s="10"/>
    </row>
    <row r="476836" spans="14:14">
      <c r="N476836" s="10"/>
    </row>
    <row r="476837" spans="14:14">
      <c r="N476837" s="10"/>
    </row>
    <row r="476838" spans="14:14">
      <c r="N476838" s="10"/>
    </row>
    <row r="476839" spans="14:14">
      <c r="N476839" s="10"/>
    </row>
    <row r="476840" spans="14:14">
      <c r="N476840" s="10"/>
    </row>
    <row r="476841" spans="14:14">
      <c r="N476841" s="10"/>
    </row>
    <row r="476842" spans="14:14">
      <c r="N476842" s="10"/>
    </row>
    <row r="476843" spans="14:14">
      <c r="N476843" s="10"/>
    </row>
    <row r="476844" spans="14:14">
      <c r="N476844" s="10"/>
    </row>
    <row r="476845" spans="14:14">
      <c r="N476845" s="10"/>
    </row>
    <row r="476846" spans="14:14">
      <c r="N476846" s="10"/>
    </row>
    <row r="476847" spans="14:14">
      <c r="N476847" s="10"/>
    </row>
    <row r="476848" spans="14:14">
      <c r="N476848" s="10"/>
    </row>
    <row r="476849" spans="14:14">
      <c r="N476849" s="10"/>
    </row>
    <row r="476850" spans="14:14">
      <c r="N476850" s="10"/>
    </row>
    <row r="476851" spans="14:14">
      <c r="N476851" s="10"/>
    </row>
    <row r="476852" spans="14:14">
      <c r="N476852" s="10"/>
    </row>
    <row r="476853" spans="14:14">
      <c r="N476853" s="10"/>
    </row>
    <row r="476854" spans="14:14">
      <c r="N476854" s="10"/>
    </row>
    <row r="476855" spans="14:14">
      <c r="N476855" s="10"/>
    </row>
    <row r="476856" spans="14:14">
      <c r="N476856" s="10"/>
    </row>
    <row r="476857" spans="14:14">
      <c r="N476857" s="10"/>
    </row>
    <row r="476858" spans="14:14">
      <c r="N476858" s="10"/>
    </row>
    <row r="476859" spans="14:14">
      <c r="N476859" s="10"/>
    </row>
    <row r="476860" spans="14:14">
      <c r="N476860" s="10"/>
    </row>
    <row r="476861" spans="14:14">
      <c r="N476861" s="10"/>
    </row>
    <row r="476862" spans="14:14">
      <c r="N476862" s="10"/>
    </row>
    <row r="476863" spans="14:14">
      <c r="N476863" s="10"/>
    </row>
    <row r="476864" spans="14:14">
      <c r="N476864" s="10"/>
    </row>
    <row r="476865" spans="14:14">
      <c r="N476865" s="10"/>
    </row>
    <row r="476866" spans="14:14">
      <c r="N476866" s="10"/>
    </row>
    <row r="476867" spans="14:14">
      <c r="N476867" s="10"/>
    </row>
    <row r="476868" spans="14:14">
      <c r="N476868" s="10"/>
    </row>
    <row r="476869" spans="14:14">
      <c r="N476869" s="10"/>
    </row>
    <row r="476870" spans="14:14">
      <c r="N476870" s="10"/>
    </row>
    <row r="476871" spans="14:14">
      <c r="N476871" s="10"/>
    </row>
    <row r="476872" spans="14:14">
      <c r="N476872" s="10"/>
    </row>
    <row r="476873" spans="14:14">
      <c r="N476873" s="10"/>
    </row>
    <row r="476874" spans="14:14">
      <c r="N476874" s="10"/>
    </row>
    <row r="476875" spans="14:14">
      <c r="N476875" s="10"/>
    </row>
    <row r="476876" spans="14:14">
      <c r="N476876" s="10"/>
    </row>
    <row r="476877" spans="14:14">
      <c r="N476877" s="10"/>
    </row>
    <row r="476878" spans="14:14">
      <c r="N476878" s="10"/>
    </row>
    <row r="476879" spans="14:14">
      <c r="N476879" s="10"/>
    </row>
    <row r="476880" spans="14:14">
      <c r="N476880" s="10"/>
    </row>
    <row r="476881" spans="14:14">
      <c r="N476881" s="10"/>
    </row>
    <row r="476882" spans="14:14">
      <c r="N476882" s="10"/>
    </row>
    <row r="476883" spans="14:14">
      <c r="N476883" s="10"/>
    </row>
    <row r="476884" spans="14:14">
      <c r="N476884" s="10"/>
    </row>
    <row r="476885" spans="14:14">
      <c r="N476885" s="10"/>
    </row>
    <row r="476886" spans="14:14">
      <c r="N476886" s="10"/>
    </row>
    <row r="476887" spans="14:14">
      <c r="N476887" s="10"/>
    </row>
    <row r="476888" spans="14:14">
      <c r="N476888" s="10"/>
    </row>
    <row r="476889" spans="14:14">
      <c r="N476889" s="10"/>
    </row>
    <row r="476890" spans="14:14">
      <c r="N476890" s="10"/>
    </row>
    <row r="476891" spans="14:14">
      <c r="N476891" s="10"/>
    </row>
    <row r="476892" spans="14:14">
      <c r="N476892" s="10"/>
    </row>
    <row r="476893" spans="14:14">
      <c r="N476893" s="10"/>
    </row>
    <row r="476894" spans="14:14">
      <c r="N476894" s="10"/>
    </row>
    <row r="476895" spans="14:14">
      <c r="N476895" s="10"/>
    </row>
    <row r="476896" spans="14:14">
      <c r="N476896" s="10"/>
    </row>
    <row r="476897" spans="14:14">
      <c r="N476897" s="10"/>
    </row>
    <row r="476898" spans="14:14">
      <c r="N476898" s="10"/>
    </row>
    <row r="476899" spans="14:14">
      <c r="N476899" s="10"/>
    </row>
    <row r="476900" spans="14:14">
      <c r="N476900" s="10"/>
    </row>
    <row r="476901" spans="14:14">
      <c r="N476901" s="10"/>
    </row>
    <row r="476902" spans="14:14">
      <c r="N476902" s="10"/>
    </row>
    <row r="476903" spans="14:14">
      <c r="N476903" s="10"/>
    </row>
    <row r="476904" spans="14:14">
      <c r="N476904" s="10"/>
    </row>
    <row r="476905" spans="14:14">
      <c r="N476905" s="10"/>
    </row>
    <row r="476906" spans="14:14">
      <c r="N476906" s="10"/>
    </row>
    <row r="476907" spans="14:14">
      <c r="N476907" s="10"/>
    </row>
    <row r="476908" spans="14:14">
      <c r="N476908" s="10"/>
    </row>
    <row r="476909" spans="14:14">
      <c r="N476909" s="10"/>
    </row>
    <row r="476910" spans="14:14">
      <c r="N476910" s="10"/>
    </row>
    <row r="476911" spans="14:14">
      <c r="N476911" s="10"/>
    </row>
    <row r="476912" spans="14:14">
      <c r="N476912" s="10"/>
    </row>
    <row r="476913" spans="14:14">
      <c r="N476913" s="10"/>
    </row>
    <row r="476914" spans="14:14">
      <c r="N476914" s="10"/>
    </row>
    <row r="476915" spans="14:14">
      <c r="N476915" s="10"/>
    </row>
    <row r="476916" spans="14:14">
      <c r="N476916" s="10"/>
    </row>
    <row r="476917" spans="14:14">
      <c r="N476917" s="10"/>
    </row>
    <row r="476918" spans="14:14">
      <c r="N476918" s="10"/>
    </row>
    <row r="476919" spans="14:14">
      <c r="N476919" s="10"/>
    </row>
    <row r="476920" spans="14:14">
      <c r="N476920" s="10"/>
    </row>
    <row r="476921" spans="14:14">
      <c r="N476921" s="10"/>
    </row>
    <row r="476922" spans="14:14">
      <c r="N476922" s="10"/>
    </row>
    <row r="476923" spans="14:14">
      <c r="N476923" s="10"/>
    </row>
    <row r="476924" spans="14:14">
      <c r="N476924" s="10"/>
    </row>
    <row r="476925" spans="14:14">
      <c r="N476925" s="10"/>
    </row>
    <row r="476926" spans="14:14">
      <c r="N476926" s="10"/>
    </row>
    <row r="476927" spans="14:14">
      <c r="N476927" s="10"/>
    </row>
    <row r="476928" spans="14:14">
      <c r="N476928" s="10"/>
    </row>
    <row r="476929" spans="14:14">
      <c r="N476929" s="10"/>
    </row>
    <row r="476930" spans="14:14">
      <c r="N476930" s="10"/>
    </row>
    <row r="476931" spans="14:14">
      <c r="N476931" s="10"/>
    </row>
    <row r="476932" spans="14:14">
      <c r="N476932" s="10"/>
    </row>
    <row r="476933" spans="14:14">
      <c r="N476933" s="10"/>
    </row>
    <row r="476934" spans="14:14">
      <c r="N476934" s="10"/>
    </row>
    <row r="476935" spans="14:14">
      <c r="N476935" s="10"/>
    </row>
    <row r="476936" spans="14:14">
      <c r="N476936" s="10"/>
    </row>
    <row r="476937" spans="14:14">
      <c r="N476937" s="10"/>
    </row>
    <row r="476938" spans="14:14">
      <c r="N476938" s="10"/>
    </row>
    <row r="476939" spans="14:14">
      <c r="N476939" s="10"/>
    </row>
    <row r="476940" spans="14:14">
      <c r="N476940" s="10"/>
    </row>
    <row r="476941" spans="14:14">
      <c r="N476941" s="10"/>
    </row>
    <row r="476942" spans="14:14">
      <c r="N476942" s="10"/>
    </row>
    <row r="476943" spans="14:14">
      <c r="N476943" s="10"/>
    </row>
    <row r="476944" spans="14:14">
      <c r="N476944" s="10"/>
    </row>
    <row r="476945" spans="14:14">
      <c r="N476945" s="10"/>
    </row>
    <row r="476946" spans="14:14">
      <c r="N476946" s="10"/>
    </row>
    <row r="476947" spans="14:14">
      <c r="N476947" s="10"/>
    </row>
    <row r="476948" spans="14:14">
      <c r="N476948" s="10"/>
    </row>
    <row r="476949" spans="14:14">
      <c r="N476949" s="10"/>
    </row>
    <row r="476950" spans="14:14">
      <c r="N476950" s="10"/>
    </row>
    <row r="476951" spans="14:14">
      <c r="N476951" s="10"/>
    </row>
    <row r="476952" spans="14:14">
      <c r="N476952" s="10"/>
    </row>
    <row r="476953" spans="14:14">
      <c r="N476953" s="10"/>
    </row>
    <row r="476954" spans="14:14">
      <c r="N476954" s="10"/>
    </row>
    <row r="476955" spans="14:14">
      <c r="N476955" s="10"/>
    </row>
    <row r="476956" spans="14:14">
      <c r="N476956" s="10"/>
    </row>
    <row r="476957" spans="14:14">
      <c r="N476957" s="10"/>
    </row>
    <row r="476958" spans="14:14">
      <c r="N476958" s="10"/>
    </row>
    <row r="476959" spans="14:14">
      <c r="N476959" s="10"/>
    </row>
    <row r="476960" spans="14:14">
      <c r="N476960" s="10"/>
    </row>
    <row r="476961" spans="14:14">
      <c r="N476961" s="10"/>
    </row>
    <row r="476962" spans="14:14">
      <c r="N476962" s="10"/>
    </row>
    <row r="476963" spans="14:14">
      <c r="N476963" s="10"/>
    </row>
    <row r="476964" spans="14:14">
      <c r="N476964" s="10"/>
    </row>
    <row r="476965" spans="14:14">
      <c r="N476965" s="10"/>
    </row>
    <row r="476966" spans="14:14">
      <c r="N476966" s="10"/>
    </row>
    <row r="476967" spans="14:14">
      <c r="N476967" s="10"/>
    </row>
    <row r="476968" spans="14:14">
      <c r="N476968" s="10"/>
    </row>
    <row r="476969" spans="14:14">
      <c r="N476969" s="10"/>
    </row>
    <row r="476970" spans="14:14">
      <c r="N476970" s="10"/>
    </row>
    <row r="476971" spans="14:14">
      <c r="N476971" s="10"/>
    </row>
    <row r="476972" spans="14:14">
      <c r="N476972" s="10"/>
    </row>
    <row r="476973" spans="14:14">
      <c r="N476973" s="10"/>
    </row>
    <row r="476974" spans="14:14">
      <c r="N476974" s="10"/>
    </row>
    <row r="476975" spans="14:14">
      <c r="N476975" s="10"/>
    </row>
    <row r="476976" spans="14:14">
      <c r="N476976" s="10"/>
    </row>
    <row r="476977" spans="14:14">
      <c r="N476977" s="10"/>
    </row>
    <row r="476978" spans="14:14">
      <c r="N476978" s="10"/>
    </row>
    <row r="476979" spans="14:14">
      <c r="N476979" s="10"/>
    </row>
    <row r="476980" spans="14:14">
      <c r="N476980" s="10"/>
    </row>
    <row r="476981" spans="14:14">
      <c r="N476981" s="10"/>
    </row>
    <row r="476982" spans="14:14">
      <c r="N476982" s="10"/>
    </row>
    <row r="476983" spans="14:14">
      <c r="N476983" s="10"/>
    </row>
    <row r="476984" spans="14:14">
      <c r="N476984" s="10"/>
    </row>
    <row r="476985" spans="14:14">
      <c r="N476985" s="10"/>
    </row>
    <row r="476986" spans="14:14">
      <c r="N476986" s="10"/>
    </row>
    <row r="476987" spans="14:14">
      <c r="N476987" s="10"/>
    </row>
    <row r="476988" spans="14:14">
      <c r="N476988" s="10"/>
    </row>
    <row r="476989" spans="14:14">
      <c r="N476989" s="10"/>
    </row>
    <row r="476990" spans="14:14">
      <c r="N476990" s="10"/>
    </row>
    <row r="476991" spans="14:14">
      <c r="N476991" s="10"/>
    </row>
    <row r="476992" spans="14:14">
      <c r="N476992" s="10"/>
    </row>
    <row r="476993" spans="14:14">
      <c r="N476993" s="10"/>
    </row>
    <row r="476994" spans="14:14">
      <c r="N476994" s="10"/>
    </row>
    <row r="476995" spans="14:14">
      <c r="N476995" s="10"/>
    </row>
    <row r="476996" spans="14:14">
      <c r="N476996" s="10"/>
    </row>
    <row r="476997" spans="14:14">
      <c r="N476997" s="10"/>
    </row>
    <row r="476998" spans="14:14">
      <c r="N476998" s="10"/>
    </row>
    <row r="476999" spans="14:14">
      <c r="N476999" s="10"/>
    </row>
    <row r="477000" spans="14:14">
      <c r="N477000" s="10"/>
    </row>
    <row r="477001" spans="14:14">
      <c r="N477001" s="10"/>
    </row>
    <row r="477002" spans="14:14">
      <c r="N477002" s="10"/>
    </row>
    <row r="477003" spans="14:14">
      <c r="N477003" s="10"/>
    </row>
    <row r="477004" spans="14:14">
      <c r="N477004" s="10"/>
    </row>
    <row r="477005" spans="14:14">
      <c r="N477005" s="10"/>
    </row>
    <row r="477006" spans="14:14">
      <c r="N477006" s="10"/>
    </row>
    <row r="477007" spans="14:14">
      <c r="N477007" s="10"/>
    </row>
    <row r="477008" spans="14:14">
      <c r="N477008" s="10"/>
    </row>
    <row r="477009" spans="14:14">
      <c r="N477009" s="10"/>
    </row>
    <row r="477010" spans="14:14">
      <c r="N477010" s="10"/>
    </row>
    <row r="477011" spans="14:14">
      <c r="N477011" s="10"/>
    </row>
    <row r="477012" spans="14:14">
      <c r="N477012" s="10"/>
    </row>
    <row r="477013" spans="14:14">
      <c r="N477013" s="10"/>
    </row>
    <row r="477014" spans="14:14">
      <c r="N477014" s="10"/>
    </row>
    <row r="477015" spans="14:14">
      <c r="N477015" s="10"/>
    </row>
    <row r="477016" spans="14:14">
      <c r="N477016" s="10"/>
    </row>
    <row r="477017" spans="14:14">
      <c r="N477017" s="10"/>
    </row>
    <row r="477018" spans="14:14">
      <c r="N477018" s="10"/>
    </row>
    <row r="477019" spans="14:14">
      <c r="N477019" s="10"/>
    </row>
    <row r="477020" spans="14:14">
      <c r="N477020" s="10"/>
    </row>
    <row r="477021" spans="14:14">
      <c r="N477021" s="10"/>
    </row>
    <row r="477022" spans="14:14">
      <c r="N477022" s="10"/>
    </row>
    <row r="477023" spans="14:14">
      <c r="N477023" s="10"/>
    </row>
    <row r="477024" spans="14:14">
      <c r="N477024" s="10"/>
    </row>
    <row r="477025" spans="14:14">
      <c r="N477025" s="10"/>
    </row>
    <row r="477026" spans="14:14">
      <c r="N477026" s="10"/>
    </row>
    <row r="477027" spans="14:14">
      <c r="N477027" s="10"/>
    </row>
    <row r="477028" spans="14:14">
      <c r="N477028" s="10"/>
    </row>
    <row r="477029" spans="14:14">
      <c r="N477029" s="10"/>
    </row>
    <row r="477030" spans="14:14">
      <c r="N477030" s="10"/>
    </row>
    <row r="477031" spans="14:14">
      <c r="N477031" s="10"/>
    </row>
    <row r="477032" spans="14:14">
      <c r="N477032" s="10"/>
    </row>
    <row r="477033" spans="14:14">
      <c r="N477033" s="10"/>
    </row>
    <row r="477034" spans="14:14">
      <c r="N477034" s="10"/>
    </row>
    <row r="477035" spans="14:14">
      <c r="N477035" s="10"/>
    </row>
    <row r="477036" spans="14:14">
      <c r="N477036" s="10"/>
    </row>
    <row r="477037" spans="14:14">
      <c r="N477037" s="10"/>
    </row>
    <row r="477038" spans="14:14">
      <c r="N477038" s="10"/>
    </row>
    <row r="477039" spans="14:14">
      <c r="N477039" s="10"/>
    </row>
    <row r="477040" spans="14:14">
      <c r="N477040" s="10"/>
    </row>
    <row r="477041" spans="14:14">
      <c r="N477041" s="10"/>
    </row>
    <row r="477042" spans="14:14">
      <c r="N477042" s="10"/>
    </row>
    <row r="477043" spans="14:14">
      <c r="N477043" s="10"/>
    </row>
    <row r="477044" spans="14:14">
      <c r="N477044" s="10"/>
    </row>
    <row r="477045" spans="14:14">
      <c r="N477045" s="10"/>
    </row>
    <row r="477046" spans="14:14">
      <c r="N477046" s="10"/>
    </row>
    <row r="477047" spans="14:14">
      <c r="N477047" s="10"/>
    </row>
    <row r="477048" spans="14:14">
      <c r="N477048" s="10"/>
    </row>
    <row r="477049" spans="14:14">
      <c r="N477049" s="10"/>
    </row>
    <row r="477050" spans="14:14">
      <c r="N477050" s="10"/>
    </row>
    <row r="477051" spans="14:14">
      <c r="N477051" s="10"/>
    </row>
    <row r="477052" spans="14:14">
      <c r="N477052" s="10"/>
    </row>
    <row r="477053" spans="14:14">
      <c r="N477053" s="10"/>
    </row>
    <row r="477054" spans="14:14">
      <c r="N477054" s="10"/>
    </row>
    <row r="477055" spans="14:14">
      <c r="N477055" s="10"/>
    </row>
    <row r="477056" spans="14:14">
      <c r="N477056" s="10"/>
    </row>
    <row r="477057" spans="14:14">
      <c r="N477057" s="10"/>
    </row>
    <row r="477058" spans="14:14">
      <c r="N477058" s="10"/>
    </row>
    <row r="477059" spans="14:14">
      <c r="N477059" s="10"/>
    </row>
    <row r="477060" spans="14:14">
      <c r="N477060" s="10"/>
    </row>
    <row r="477061" spans="14:14">
      <c r="N477061" s="10"/>
    </row>
    <row r="477062" spans="14:14">
      <c r="N477062" s="10"/>
    </row>
    <row r="477063" spans="14:14">
      <c r="N477063" s="10"/>
    </row>
    <row r="477064" spans="14:14">
      <c r="N477064" s="10"/>
    </row>
    <row r="477065" spans="14:14">
      <c r="N477065" s="10"/>
    </row>
    <row r="477066" spans="14:14">
      <c r="N477066" s="10"/>
    </row>
    <row r="477067" spans="14:14">
      <c r="N477067" s="10"/>
    </row>
    <row r="477068" spans="14:14">
      <c r="N477068" s="10"/>
    </row>
    <row r="477069" spans="14:14">
      <c r="N477069" s="10"/>
    </row>
    <row r="477070" spans="14:14">
      <c r="N477070" s="10"/>
    </row>
    <row r="477071" spans="14:14">
      <c r="N477071" s="10"/>
    </row>
    <row r="477072" spans="14:14">
      <c r="N477072" s="10"/>
    </row>
    <row r="477073" spans="14:14">
      <c r="N477073" s="10"/>
    </row>
    <row r="477074" spans="14:14">
      <c r="N477074" s="10"/>
    </row>
    <row r="477075" spans="14:14">
      <c r="N477075" s="10"/>
    </row>
    <row r="477076" spans="14:14">
      <c r="N477076" s="10"/>
    </row>
    <row r="477077" spans="14:14">
      <c r="N477077" s="10"/>
    </row>
    <row r="477078" spans="14:14">
      <c r="N477078" s="10"/>
    </row>
    <row r="477079" spans="14:14">
      <c r="N477079" s="10"/>
    </row>
    <row r="477080" spans="14:14">
      <c r="N477080" s="10"/>
    </row>
    <row r="477081" spans="14:14">
      <c r="N477081" s="10"/>
    </row>
    <row r="477082" spans="14:14">
      <c r="N477082" s="10"/>
    </row>
    <row r="477083" spans="14:14">
      <c r="N477083" s="10"/>
    </row>
    <row r="477084" spans="14:14">
      <c r="N477084" s="10"/>
    </row>
    <row r="477085" spans="14:14">
      <c r="N477085" s="10"/>
    </row>
    <row r="477086" spans="14:14">
      <c r="N477086" s="10"/>
    </row>
    <row r="477087" spans="14:14">
      <c r="N477087" s="10"/>
    </row>
    <row r="477088" spans="14:14">
      <c r="N477088" s="10"/>
    </row>
    <row r="477089" spans="14:14">
      <c r="N477089" s="10"/>
    </row>
    <row r="477090" spans="14:14">
      <c r="N477090" s="10"/>
    </row>
    <row r="477091" spans="14:14">
      <c r="N477091" s="10"/>
    </row>
    <row r="477092" spans="14:14">
      <c r="N477092" s="10"/>
    </row>
    <row r="477093" spans="14:14">
      <c r="N477093" s="10"/>
    </row>
    <row r="477094" spans="14:14">
      <c r="N477094" s="10"/>
    </row>
    <row r="477095" spans="14:14">
      <c r="N477095" s="10"/>
    </row>
    <row r="477096" spans="14:14">
      <c r="N477096" s="10"/>
    </row>
    <row r="477097" spans="14:14">
      <c r="N477097" s="10"/>
    </row>
    <row r="477098" spans="14:14">
      <c r="N477098" s="10"/>
    </row>
    <row r="477099" spans="14:14">
      <c r="N477099" s="10"/>
    </row>
    <row r="477100" spans="14:14">
      <c r="N477100" s="10"/>
    </row>
    <row r="477101" spans="14:14">
      <c r="N477101" s="10"/>
    </row>
    <row r="477102" spans="14:14">
      <c r="N477102" s="10"/>
    </row>
    <row r="477103" spans="14:14">
      <c r="N477103" s="10"/>
    </row>
    <row r="477104" spans="14:14">
      <c r="N477104" s="10"/>
    </row>
    <row r="477105" spans="14:14">
      <c r="N477105" s="10"/>
    </row>
    <row r="477106" spans="14:14">
      <c r="N477106" s="10"/>
    </row>
    <row r="477107" spans="14:14">
      <c r="N477107" s="10"/>
    </row>
    <row r="477108" spans="14:14">
      <c r="N477108" s="10"/>
    </row>
    <row r="477109" spans="14:14">
      <c r="N477109" s="10"/>
    </row>
    <row r="477110" spans="14:14">
      <c r="N477110" s="10"/>
    </row>
    <row r="477111" spans="14:14">
      <c r="N477111" s="10"/>
    </row>
    <row r="477112" spans="14:14">
      <c r="N477112" s="10"/>
    </row>
    <row r="477113" spans="14:14">
      <c r="N477113" s="10"/>
    </row>
    <row r="477114" spans="14:14">
      <c r="N477114" s="10"/>
    </row>
    <row r="477115" spans="14:14">
      <c r="N477115" s="10"/>
    </row>
    <row r="477116" spans="14:14">
      <c r="N477116" s="10"/>
    </row>
    <row r="477117" spans="14:14">
      <c r="N477117" s="10"/>
    </row>
    <row r="477118" spans="14:14">
      <c r="N477118" s="10"/>
    </row>
    <row r="477119" spans="14:14">
      <c r="N477119" s="10"/>
    </row>
    <row r="477120" spans="14:14">
      <c r="N477120" s="10"/>
    </row>
    <row r="477121" spans="14:14">
      <c r="N477121" s="10"/>
    </row>
    <row r="477122" spans="14:14">
      <c r="N477122" s="10"/>
    </row>
    <row r="477123" spans="14:14">
      <c r="N477123" s="10"/>
    </row>
    <row r="477124" spans="14:14">
      <c r="N477124" s="10"/>
    </row>
    <row r="477125" spans="14:14">
      <c r="N477125" s="10"/>
    </row>
    <row r="477126" spans="14:14">
      <c r="N477126" s="10"/>
    </row>
    <row r="477127" spans="14:14">
      <c r="N477127" s="10"/>
    </row>
    <row r="477128" spans="14:14">
      <c r="N477128" s="10"/>
    </row>
    <row r="477129" spans="14:14">
      <c r="N477129" s="10"/>
    </row>
    <row r="477130" spans="14:14">
      <c r="N477130" s="10"/>
    </row>
    <row r="477131" spans="14:14">
      <c r="N477131" s="10"/>
    </row>
    <row r="477132" spans="14:14">
      <c r="N477132" s="10"/>
    </row>
    <row r="477133" spans="14:14">
      <c r="N477133" s="10"/>
    </row>
    <row r="477134" spans="14:14">
      <c r="N477134" s="10"/>
    </row>
    <row r="477135" spans="14:14">
      <c r="N477135" s="10"/>
    </row>
    <row r="477136" spans="14:14">
      <c r="N477136" s="10"/>
    </row>
    <row r="477137" spans="14:14">
      <c r="N477137" s="10"/>
    </row>
    <row r="477138" spans="14:14">
      <c r="N477138" s="10"/>
    </row>
    <row r="477139" spans="14:14">
      <c r="N477139" s="10"/>
    </row>
    <row r="477140" spans="14:14">
      <c r="N477140" s="10"/>
    </row>
    <row r="477141" spans="14:14">
      <c r="N477141" s="10"/>
    </row>
    <row r="477142" spans="14:14">
      <c r="N477142" s="10"/>
    </row>
    <row r="477143" spans="14:14">
      <c r="N477143" s="10"/>
    </row>
    <row r="477144" spans="14:14">
      <c r="N477144" s="10"/>
    </row>
    <row r="477145" spans="14:14">
      <c r="N477145" s="10"/>
    </row>
    <row r="477146" spans="14:14">
      <c r="N477146" s="10"/>
    </row>
    <row r="477147" spans="14:14">
      <c r="N477147" s="10"/>
    </row>
    <row r="477148" spans="14:14">
      <c r="N477148" s="10"/>
    </row>
    <row r="477149" spans="14:14">
      <c r="N477149" s="10"/>
    </row>
    <row r="477150" spans="14:14">
      <c r="N477150" s="10"/>
    </row>
    <row r="477151" spans="14:14">
      <c r="N477151" s="10"/>
    </row>
    <row r="477152" spans="14:14">
      <c r="N477152" s="10"/>
    </row>
    <row r="477153" spans="14:14">
      <c r="N477153" s="10"/>
    </row>
    <row r="477154" spans="14:14">
      <c r="N477154" s="10"/>
    </row>
    <row r="477155" spans="14:14">
      <c r="N477155" s="10"/>
    </row>
    <row r="477156" spans="14:14">
      <c r="N477156" s="10"/>
    </row>
    <row r="477157" spans="14:14">
      <c r="N477157" s="10"/>
    </row>
    <row r="477158" spans="14:14">
      <c r="N477158" s="10"/>
    </row>
    <row r="477159" spans="14:14">
      <c r="N477159" s="10"/>
    </row>
    <row r="477160" spans="14:14">
      <c r="N477160" s="10"/>
    </row>
    <row r="477161" spans="14:14">
      <c r="N477161" s="10"/>
    </row>
    <row r="477162" spans="14:14">
      <c r="N477162" s="10"/>
    </row>
    <row r="477163" spans="14:14">
      <c r="N477163" s="10"/>
    </row>
    <row r="477164" spans="14:14">
      <c r="N477164" s="10"/>
    </row>
    <row r="477165" spans="14:14">
      <c r="N477165" s="10"/>
    </row>
    <row r="477166" spans="14:14">
      <c r="N477166" s="10"/>
    </row>
    <row r="477167" spans="14:14">
      <c r="N477167" s="10"/>
    </row>
    <row r="477168" spans="14:14">
      <c r="N477168" s="10"/>
    </row>
    <row r="477169" spans="14:14">
      <c r="N477169" s="10"/>
    </row>
    <row r="477170" spans="14:14">
      <c r="N477170" s="10"/>
    </row>
    <row r="477171" spans="14:14">
      <c r="N477171" s="10"/>
    </row>
    <row r="477172" spans="14:14">
      <c r="N477172" s="10"/>
    </row>
    <row r="477173" spans="14:14">
      <c r="N477173" s="10"/>
    </row>
    <row r="477174" spans="14:14">
      <c r="N477174" s="10"/>
    </row>
    <row r="477175" spans="14:14">
      <c r="N477175" s="10"/>
    </row>
    <row r="477176" spans="14:14">
      <c r="N477176" s="10"/>
    </row>
    <row r="477177" spans="14:14">
      <c r="N477177" s="10"/>
    </row>
    <row r="477178" spans="14:14">
      <c r="N477178" s="10"/>
    </row>
    <row r="477179" spans="14:14">
      <c r="N477179" s="10"/>
    </row>
    <row r="477180" spans="14:14">
      <c r="N477180" s="10"/>
    </row>
    <row r="477181" spans="14:14">
      <c r="N477181" s="10"/>
    </row>
    <row r="477182" spans="14:14">
      <c r="N477182" s="10"/>
    </row>
    <row r="477183" spans="14:14">
      <c r="N477183" s="10"/>
    </row>
    <row r="477184" spans="14:14">
      <c r="N477184" s="10"/>
    </row>
    <row r="477185" spans="14:14">
      <c r="N477185" s="10"/>
    </row>
    <row r="477186" spans="14:14">
      <c r="N477186" s="10"/>
    </row>
    <row r="477187" spans="14:14">
      <c r="N477187" s="10"/>
    </row>
    <row r="477188" spans="14:14">
      <c r="N477188" s="10"/>
    </row>
    <row r="477189" spans="14:14">
      <c r="N477189" s="10"/>
    </row>
    <row r="477190" spans="14:14">
      <c r="N477190" s="10"/>
    </row>
    <row r="477191" spans="14:14">
      <c r="N477191" s="10"/>
    </row>
    <row r="477192" spans="14:14">
      <c r="N477192" s="10"/>
    </row>
    <row r="477193" spans="14:14">
      <c r="N477193" s="10"/>
    </row>
    <row r="477194" spans="14:14">
      <c r="N477194" s="10"/>
    </row>
    <row r="477195" spans="14:14">
      <c r="N477195" s="10"/>
    </row>
    <row r="477196" spans="14:14">
      <c r="N477196" s="10"/>
    </row>
    <row r="477197" spans="14:14">
      <c r="N477197" s="10"/>
    </row>
    <row r="477198" spans="14:14">
      <c r="N477198" s="10"/>
    </row>
    <row r="477199" spans="14:14">
      <c r="N477199" s="10"/>
    </row>
    <row r="477200" spans="14:14">
      <c r="N477200" s="10"/>
    </row>
    <row r="477201" spans="14:14">
      <c r="N477201" s="10"/>
    </row>
    <row r="477202" spans="14:14">
      <c r="N477202" s="10"/>
    </row>
    <row r="477203" spans="14:14">
      <c r="N477203" s="10"/>
    </row>
    <row r="477204" spans="14:14">
      <c r="N477204" s="10"/>
    </row>
    <row r="477205" spans="14:14">
      <c r="N477205" s="10"/>
    </row>
    <row r="477206" spans="14:14">
      <c r="N477206" s="10"/>
    </row>
    <row r="477207" spans="14:14">
      <c r="N477207" s="10"/>
    </row>
    <row r="477208" spans="14:14">
      <c r="N477208" s="10"/>
    </row>
    <row r="477209" spans="14:14">
      <c r="N477209" s="10"/>
    </row>
    <row r="477210" spans="14:14">
      <c r="N477210" s="10"/>
    </row>
    <row r="477211" spans="14:14">
      <c r="N477211" s="10"/>
    </row>
    <row r="477212" spans="14:14">
      <c r="N477212" s="10"/>
    </row>
    <row r="477213" spans="14:14">
      <c r="N477213" s="10"/>
    </row>
    <row r="477214" spans="14:14">
      <c r="N477214" s="10"/>
    </row>
    <row r="477215" spans="14:14">
      <c r="N477215" s="10"/>
    </row>
    <row r="477216" spans="14:14">
      <c r="N477216" s="10"/>
    </row>
    <row r="477217" spans="14:14">
      <c r="N477217" s="10"/>
    </row>
    <row r="477218" spans="14:14">
      <c r="N477218" s="10"/>
    </row>
    <row r="477219" spans="14:14">
      <c r="N477219" s="10"/>
    </row>
    <row r="477220" spans="14:14">
      <c r="N477220" s="10"/>
    </row>
    <row r="477221" spans="14:14">
      <c r="N477221" s="10"/>
    </row>
    <row r="477222" spans="14:14">
      <c r="N477222" s="10"/>
    </row>
    <row r="477223" spans="14:14">
      <c r="N477223" s="10"/>
    </row>
    <row r="477224" spans="14:14">
      <c r="N477224" s="10"/>
    </row>
    <row r="477225" spans="14:14">
      <c r="N477225" s="10"/>
    </row>
    <row r="477226" spans="14:14">
      <c r="N477226" s="10"/>
    </row>
    <row r="477227" spans="14:14">
      <c r="N477227" s="10"/>
    </row>
    <row r="477228" spans="14:14">
      <c r="N477228" s="10"/>
    </row>
    <row r="477229" spans="14:14">
      <c r="N477229" s="10"/>
    </row>
    <row r="477230" spans="14:14">
      <c r="N477230" s="10"/>
    </row>
    <row r="477231" spans="14:14">
      <c r="N477231" s="10"/>
    </row>
    <row r="477232" spans="14:14">
      <c r="N477232" s="10"/>
    </row>
    <row r="477233" spans="14:14">
      <c r="N477233" s="10"/>
    </row>
    <row r="477234" spans="14:14">
      <c r="N477234" s="10"/>
    </row>
    <row r="477235" spans="14:14">
      <c r="N477235" s="10"/>
    </row>
    <row r="477236" spans="14:14">
      <c r="N477236" s="10"/>
    </row>
    <row r="477237" spans="14:14">
      <c r="N477237" s="10"/>
    </row>
    <row r="477238" spans="14:14">
      <c r="N477238" s="10"/>
    </row>
    <row r="477239" spans="14:14">
      <c r="N477239" s="10"/>
    </row>
    <row r="477240" spans="14:14">
      <c r="N477240" s="10"/>
    </row>
    <row r="477241" spans="14:14">
      <c r="N477241" s="10"/>
    </row>
    <row r="477242" spans="14:14">
      <c r="N477242" s="10"/>
    </row>
    <row r="477243" spans="14:14">
      <c r="N477243" s="10"/>
    </row>
    <row r="477244" spans="14:14">
      <c r="N477244" s="10"/>
    </row>
    <row r="477245" spans="14:14">
      <c r="N477245" s="10"/>
    </row>
    <row r="477246" spans="14:14">
      <c r="N477246" s="10"/>
    </row>
    <row r="477247" spans="14:14">
      <c r="N477247" s="10"/>
    </row>
    <row r="477248" spans="14:14">
      <c r="N477248" s="10"/>
    </row>
    <row r="477249" spans="14:14">
      <c r="N477249" s="10"/>
    </row>
    <row r="477250" spans="14:14">
      <c r="N477250" s="10"/>
    </row>
    <row r="477251" spans="14:14">
      <c r="N477251" s="10"/>
    </row>
    <row r="477252" spans="14:14">
      <c r="N477252" s="10"/>
    </row>
    <row r="477253" spans="14:14">
      <c r="N477253" s="10"/>
    </row>
    <row r="477254" spans="14:14">
      <c r="N477254" s="10"/>
    </row>
    <row r="477255" spans="14:14">
      <c r="N477255" s="10"/>
    </row>
    <row r="477256" spans="14:14">
      <c r="N477256" s="10"/>
    </row>
    <row r="477257" spans="14:14">
      <c r="N477257" s="10"/>
    </row>
    <row r="477258" spans="14:14">
      <c r="N477258" s="10"/>
    </row>
    <row r="477259" spans="14:14">
      <c r="N477259" s="10"/>
    </row>
    <row r="477260" spans="14:14">
      <c r="N477260" s="10"/>
    </row>
    <row r="477261" spans="14:14">
      <c r="N477261" s="10"/>
    </row>
    <row r="477262" spans="14:14">
      <c r="N477262" s="10"/>
    </row>
    <row r="477263" spans="14:14">
      <c r="N477263" s="10"/>
    </row>
    <row r="477264" spans="14:14">
      <c r="N477264" s="10"/>
    </row>
    <row r="477265" spans="14:14">
      <c r="N477265" s="10"/>
    </row>
    <row r="477266" spans="14:14">
      <c r="N477266" s="10"/>
    </row>
    <row r="477267" spans="14:14">
      <c r="N477267" s="10"/>
    </row>
    <row r="477268" spans="14:14">
      <c r="N477268" s="10"/>
    </row>
    <row r="477269" spans="14:14">
      <c r="N477269" s="10"/>
    </row>
    <row r="477270" spans="14:14">
      <c r="N477270" s="10"/>
    </row>
    <row r="477271" spans="14:14">
      <c r="N477271" s="10"/>
    </row>
    <row r="477272" spans="14:14">
      <c r="N477272" s="10"/>
    </row>
    <row r="477273" spans="14:14">
      <c r="N477273" s="10"/>
    </row>
    <row r="477274" spans="14:14">
      <c r="N477274" s="10"/>
    </row>
    <row r="477275" spans="14:14">
      <c r="N477275" s="10"/>
    </row>
    <row r="477276" spans="14:14">
      <c r="N477276" s="10"/>
    </row>
    <row r="477277" spans="14:14">
      <c r="N477277" s="10"/>
    </row>
    <row r="477278" spans="14:14">
      <c r="N477278" s="10"/>
    </row>
    <row r="477279" spans="14:14">
      <c r="N477279" s="10"/>
    </row>
    <row r="477280" spans="14:14">
      <c r="N477280" s="10"/>
    </row>
    <row r="477281" spans="14:14">
      <c r="N477281" s="10"/>
    </row>
    <row r="477282" spans="14:14">
      <c r="N477282" s="10"/>
    </row>
    <row r="477283" spans="14:14">
      <c r="N477283" s="10"/>
    </row>
    <row r="477284" spans="14:14">
      <c r="N477284" s="10"/>
    </row>
    <row r="477285" spans="14:14">
      <c r="N477285" s="10"/>
    </row>
    <row r="477286" spans="14:14">
      <c r="N477286" s="10"/>
    </row>
    <row r="477287" spans="14:14">
      <c r="N477287" s="10"/>
    </row>
    <row r="477288" spans="14:14">
      <c r="N477288" s="10"/>
    </row>
    <row r="477289" spans="14:14">
      <c r="N477289" s="10"/>
    </row>
    <row r="477290" spans="14:14">
      <c r="N477290" s="10"/>
    </row>
    <row r="477291" spans="14:14">
      <c r="N477291" s="10"/>
    </row>
    <row r="477292" spans="14:14">
      <c r="N477292" s="10"/>
    </row>
    <row r="477293" spans="14:14">
      <c r="N477293" s="10"/>
    </row>
    <row r="477294" spans="14:14">
      <c r="N477294" s="10"/>
    </row>
    <row r="477295" spans="14:14">
      <c r="N477295" s="10"/>
    </row>
    <row r="477296" spans="14:14">
      <c r="N477296" s="10"/>
    </row>
    <row r="477297" spans="14:14">
      <c r="N477297" s="10"/>
    </row>
    <row r="477298" spans="14:14">
      <c r="N477298" s="10"/>
    </row>
    <row r="477299" spans="14:14">
      <c r="N477299" s="10"/>
    </row>
    <row r="477300" spans="14:14">
      <c r="N477300" s="10"/>
    </row>
    <row r="477301" spans="14:14">
      <c r="N477301" s="10"/>
    </row>
    <row r="477302" spans="14:14">
      <c r="N477302" s="10"/>
    </row>
    <row r="477303" spans="14:14">
      <c r="N477303" s="10"/>
    </row>
    <row r="477304" spans="14:14">
      <c r="N477304" s="10"/>
    </row>
    <row r="477305" spans="14:14">
      <c r="N477305" s="10"/>
    </row>
    <row r="477306" spans="14:14">
      <c r="N477306" s="10"/>
    </row>
    <row r="477307" spans="14:14">
      <c r="N477307" s="10"/>
    </row>
    <row r="477308" spans="14:14">
      <c r="N477308" s="10"/>
    </row>
    <row r="477309" spans="14:14">
      <c r="N477309" s="10"/>
    </row>
    <row r="477310" spans="14:14">
      <c r="N477310" s="10"/>
    </row>
    <row r="477311" spans="14:14">
      <c r="N477311" s="10"/>
    </row>
    <row r="477312" spans="14:14">
      <c r="N477312" s="10"/>
    </row>
    <row r="477313" spans="14:14">
      <c r="N477313" s="10"/>
    </row>
    <row r="477314" spans="14:14">
      <c r="N477314" s="10"/>
    </row>
    <row r="477315" spans="14:14">
      <c r="N477315" s="10"/>
    </row>
    <row r="477316" spans="14:14">
      <c r="N477316" s="10"/>
    </row>
    <row r="477317" spans="14:14">
      <c r="N477317" s="10"/>
    </row>
    <row r="477318" spans="14:14">
      <c r="N477318" s="10"/>
    </row>
    <row r="477319" spans="14:14">
      <c r="N477319" s="10"/>
    </row>
    <row r="477320" spans="14:14">
      <c r="N477320" s="10"/>
    </row>
    <row r="477321" spans="14:14">
      <c r="N477321" s="10"/>
    </row>
    <row r="477322" spans="14:14">
      <c r="N477322" s="10"/>
    </row>
    <row r="477323" spans="14:14">
      <c r="N477323" s="10"/>
    </row>
    <row r="477324" spans="14:14">
      <c r="N477324" s="10"/>
    </row>
    <row r="477325" spans="14:14">
      <c r="N477325" s="10"/>
    </row>
    <row r="477326" spans="14:14">
      <c r="N477326" s="10"/>
    </row>
    <row r="477327" spans="14:14">
      <c r="N477327" s="10"/>
    </row>
    <row r="477328" spans="14:14">
      <c r="N477328" s="10"/>
    </row>
    <row r="477329" spans="14:14">
      <c r="N477329" s="10"/>
    </row>
    <row r="477330" spans="14:14">
      <c r="N477330" s="10"/>
    </row>
    <row r="477331" spans="14:14">
      <c r="N477331" s="10"/>
    </row>
    <row r="477332" spans="14:14">
      <c r="N477332" s="10"/>
    </row>
    <row r="477333" spans="14:14">
      <c r="N477333" s="10"/>
    </row>
    <row r="477334" spans="14:14">
      <c r="N477334" s="10"/>
    </row>
    <row r="477335" spans="14:14">
      <c r="N477335" s="10"/>
    </row>
    <row r="477336" spans="14:14">
      <c r="N477336" s="10"/>
    </row>
    <row r="477337" spans="14:14">
      <c r="N477337" s="10"/>
    </row>
    <row r="477338" spans="14:14">
      <c r="N477338" s="10"/>
    </row>
    <row r="477339" spans="14:14">
      <c r="N477339" s="10"/>
    </row>
    <row r="477340" spans="14:14">
      <c r="N477340" s="10"/>
    </row>
    <row r="477341" spans="14:14">
      <c r="N477341" s="10"/>
    </row>
    <row r="477342" spans="14:14">
      <c r="N477342" s="10"/>
    </row>
    <row r="477343" spans="14:14">
      <c r="N477343" s="10"/>
    </row>
    <row r="477344" spans="14:14">
      <c r="N477344" s="10"/>
    </row>
    <row r="477345" spans="14:14">
      <c r="N477345" s="10"/>
    </row>
    <row r="477346" spans="14:14">
      <c r="N477346" s="10"/>
    </row>
    <row r="477347" spans="14:14">
      <c r="N477347" s="10"/>
    </row>
    <row r="477348" spans="14:14">
      <c r="N477348" s="10"/>
    </row>
    <row r="477349" spans="14:14">
      <c r="N477349" s="10"/>
    </row>
    <row r="477350" spans="14:14">
      <c r="N477350" s="10"/>
    </row>
    <row r="477351" spans="14:14">
      <c r="N477351" s="10"/>
    </row>
    <row r="477352" spans="14:14">
      <c r="N477352" s="10"/>
    </row>
    <row r="477353" spans="14:14">
      <c r="N477353" s="10"/>
    </row>
    <row r="477354" spans="14:14">
      <c r="N477354" s="10"/>
    </row>
    <row r="477355" spans="14:14">
      <c r="N477355" s="10"/>
    </row>
    <row r="477356" spans="14:14">
      <c r="N477356" s="10"/>
    </row>
    <row r="477357" spans="14:14">
      <c r="N477357" s="10"/>
    </row>
    <row r="477358" spans="14:14">
      <c r="N477358" s="10"/>
    </row>
    <row r="477359" spans="14:14">
      <c r="N477359" s="10"/>
    </row>
    <row r="477360" spans="14:14">
      <c r="N477360" s="10"/>
    </row>
    <row r="477361" spans="14:14">
      <c r="N477361" s="10"/>
    </row>
    <row r="477362" spans="14:14">
      <c r="N477362" s="10"/>
    </row>
    <row r="477363" spans="14:14">
      <c r="N477363" s="10"/>
    </row>
    <row r="477364" spans="14:14">
      <c r="N477364" s="10"/>
    </row>
    <row r="477365" spans="14:14">
      <c r="N477365" s="10"/>
    </row>
    <row r="477366" spans="14:14">
      <c r="N477366" s="10"/>
    </row>
    <row r="477367" spans="14:14">
      <c r="N477367" s="10"/>
    </row>
    <row r="477368" spans="14:14">
      <c r="N477368" s="10"/>
    </row>
    <row r="477369" spans="14:14">
      <c r="N477369" s="10"/>
    </row>
    <row r="477370" spans="14:14">
      <c r="N477370" s="10"/>
    </row>
    <row r="477371" spans="14:14">
      <c r="N477371" s="10"/>
    </row>
    <row r="477372" spans="14:14">
      <c r="N477372" s="10"/>
    </row>
    <row r="477373" spans="14:14">
      <c r="N477373" s="10"/>
    </row>
    <row r="477374" spans="14:14">
      <c r="N477374" s="10"/>
    </row>
    <row r="477375" spans="14:14">
      <c r="N477375" s="10"/>
    </row>
    <row r="477376" spans="14:14">
      <c r="N477376" s="10"/>
    </row>
    <row r="477377" spans="14:14">
      <c r="N477377" s="10"/>
    </row>
    <row r="477378" spans="14:14">
      <c r="N477378" s="10"/>
    </row>
    <row r="477379" spans="14:14">
      <c r="N477379" s="10"/>
    </row>
    <row r="477380" spans="14:14">
      <c r="N477380" s="10"/>
    </row>
    <row r="477381" spans="14:14">
      <c r="N477381" s="10"/>
    </row>
    <row r="477382" spans="14:14">
      <c r="N477382" s="10"/>
    </row>
    <row r="477383" spans="14:14">
      <c r="N477383" s="10"/>
    </row>
    <row r="477384" spans="14:14">
      <c r="N477384" s="10"/>
    </row>
    <row r="477385" spans="14:14">
      <c r="N477385" s="10"/>
    </row>
    <row r="477386" spans="14:14">
      <c r="N477386" s="10"/>
    </row>
    <row r="477387" spans="14:14">
      <c r="N477387" s="10"/>
    </row>
    <row r="477388" spans="14:14">
      <c r="N477388" s="10"/>
    </row>
    <row r="477389" spans="14:14">
      <c r="N477389" s="10"/>
    </row>
    <row r="477390" spans="14:14">
      <c r="N477390" s="10"/>
    </row>
    <row r="477391" spans="14:14">
      <c r="N477391" s="10"/>
    </row>
    <row r="477392" spans="14:14">
      <c r="N477392" s="10"/>
    </row>
    <row r="477393" spans="14:14">
      <c r="N477393" s="10"/>
    </row>
    <row r="477394" spans="14:14">
      <c r="N477394" s="10"/>
    </row>
    <row r="477395" spans="14:14">
      <c r="N477395" s="10"/>
    </row>
    <row r="477396" spans="14:14">
      <c r="N477396" s="10"/>
    </row>
    <row r="477397" spans="14:14">
      <c r="N477397" s="10"/>
    </row>
    <row r="477398" spans="14:14">
      <c r="N477398" s="10"/>
    </row>
    <row r="477399" spans="14:14">
      <c r="N477399" s="10"/>
    </row>
    <row r="477400" spans="14:14">
      <c r="N477400" s="10"/>
    </row>
    <row r="477401" spans="14:14">
      <c r="N477401" s="10"/>
    </row>
    <row r="477402" spans="14:14">
      <c r="N477402" s="10"/>
    </row>
    <row r="477403" spans="14:14">
      <c r="N477403" s="10"/>
    </row>
    <row r="477404" spans="14:14">
      <c r="N477404" s="10"/>
    </row>
    <row r="477405" spans="14:14">
      <c r="N477405" s="10"/>
    </row>
    <row r="477406" spans="14:14">
      <c r="N477406" s="10"/>
    </row>
    <row r="477407" spans="14:14">
      <c r="N477407" s="10"/>
    </row>
    <row r="477408" spans="14:14">
      <c r="N477408" s="10"/>
    </row>
    <row r="477409" spans="14:14">
      <c r="N477409" s="10"/>
    </row>
    <row r="477410" spans="14:14">
      <c r="N477410" s="10"/>
    </row>
    <row r="477411" spans="14:14">
      <c r="N477411" s="10"/>
    </row>
    <row r="477412" spans="14:14">
      <c r="N477412" s="10"/>
    </row>
    <row r="477413" spans="14:14">
      <c r="N477413" s="10"/>
    </row>
    <row r="477414" spans="14:14">
      <c r="N477414" s="10"/>
    </row>
    <row r="477415" spans="14:14">
      <c r="N477415" s="10"/>
    </row>
    <row r="477416" spans="14:14">
      <c r="N477416" s="10"/>
    </row>
    <row r="477417" spans="14:14">
      <c r="N477417" s="10"/>
    </row>
    <row r="477418" spans="14:14">
      <c r="N477418" s="10"/>
    </row>
    <row r="477419" spans="14:14">
      <c r="N477419" s="10"/>
    </row>
    <row r="477420" spans="14:14">
      <c r="N477420" s="10"/>
    </row>
    <row r="477421" spans="14:14">
      <c r="N477421" s="10"/>
    </row>
    <row r="477422" spans="14:14">
      <c r="N477422" s="10"/>
    </row>
    <row r="477423" spans="14:14">
      <c r="N477423" s="10"/>
    </row>
    <row r="477424" spans="14:14">
      <c r="N477424" s="10"/>
    </row>
    <row r="477425" spans="14:14">
      <c r="N477425" s="10"/>
    </row>
    <row r="477426" spans="14:14">
      <c r="N477426" s="10"/>
    </row>
    <row r="477427" spans="14:14">
      <c r="N477427" s="10"/>
    </row>
    <row r="477428" spans="14:14">
      <c r="N477428" s="10"/>
    </row>
    <row r="477429" spans="14:14">
      <c r="N477429" s="10"/>
    </row>
    <row r="477430" spans="14:14">
      <c r="N477430" s="10"/>
    </row>
    <row r="477431" spans="14:14">
      <c r="N477431" s="10"/>
    </row>
    <row r="477432" spans="14:14">
      <c r="N477432" s="10"/>
    </row>
    <row r="477433" spans="14:14">
      <c r="N477433" s="10"/>
    </row>
    <row r="477434" spans="14:14">
      <c r="N477434" s="10"/>
    </row>
    <row r="477435" spans="14:14">
      <c r="N477435" s="10"/>
    </row>
    <row r="477436" spans="14:14">
      <c r="N477436" s="10"/>
    </row>
    <row r="477437" spans="14:14">
      <c r="N477437" s="10"/>
    </row>
    <row r="477438" spans="14:14">
      <c r="N477438" s="10"/>
    </row>
    <row r="477439" spans="14:14">
      <c r="N477439" s="10"/>
    </row>
    <row r="477440" spans="14:14">
      <c r="N477440" s="10"/>
    </row>
    <row r="477441" spans="14:14">
      <c r="N477441" s="10"/>
    </row>
    <row r="477442" spans="14:14">
      <c r="N477442" s="10"/>
    </row>
    <row r="477443" spans="14:14">
      <c r="N477443" s="10"/>
    </row>
    <row r="477444" spans="14:14">
      <c r="N477444" s="10"/>
    </row>
    <row r="477445" spans="14:14">
      <c r="N477445" s="10"/>
    </row>
    <row r="477446" spans="14:14">
      <c r="N477446" s="10"/>
    </row>
    <row r="477447" spans="14:14">
      <c r="N477447" s="10"/>
    </row>
    <row r="477448" spans="14:14">
      <c r="N477448" s="10"/>
    </row>
    <row r="477449" spans="14:14">
      <c r="N477449" s="10"/>
    </row>
    <row r="477450" spans="14:14">
      <c r="N477450" s="10"/>
    </row>
    <row r="477451" spans="14:14">
      <c r="N477451" s="10"/>
    </row>
    <row r="477452" spans="14:14">
      <c r="N477452" s="10"/>
    </row>
    <row r="477453" spans="14:14">
      <c r="N477453" s="10"/>
    </row>
    <row r="477454" spans="14:14">
      <c r="N477454" s="10"/>
    </row>
    <row r="477455" spans="14:14">
      <c r="N477455" s="10"/>
    </row>
    <row r="477456" spans="14:14">
      <c r="N477456" s="10"/>
    </row>
    <row r="477457" spans="14:14">
      <c r="N477457" s="10"/>
    </row>
    <row r="477458" spans="14:14">
      <c r="N477458" s="10"/>
    </row>
    <row r="477459" spans="14:14">
      <c r="N477459" s="10"/>
    </row>
    <row r="477460" spans="14:14">
      <c r="N477460" s="10"/>
    </row>
    <row r="477461" spans="14:14">
      <c r="N477461" s="10"/>
    </row>
    <row r="477462" spans="14:14">
      <c r="N477462" s="10"/>
    </row>
    <row r="477463" spans="14:14">
      <c r="N477463" s="10"/>
    </row>
    <row r="477464" spans="14:14">
      <c r="N477464" s="10"/>
    </row>
    <row r="477465" spans="14:14">
      <c r="N477465" s="10"/>
    </row>
    <row r="477466" spans="14:14">
      <c r="N477466" s="10"/>
    </row>
    <row r="477467" spans="14:14">
      <c r="N477467" s="10"/>
    </row>
    <row r="477468" spans="14:14">
      <c r="N477468" s="10"/>
    </row>
    <row r="477469" spans="14:14">
      <c r="N477469" s="10"/>
    </row>
    <row r="477470" spans="14:14">
      <c r="N477470" s="10"/>
    </row>
    <row r="477471" spans="14:14">
      <c r="N477471" s="10"/>
    </row>
    <row r="477472" spans="14:14">
      <c r="N477472" s="10"/>
    </row>
    <row r="477473" spans="14:14">
      <c r="N477473" s="10"/>
    </row>
    <row r="477474" spans="14:14">
      <c r="N477474" s="10"/>
    </row>
    <row r="477475" spans="14:14">
      <c r="N477475" s="10"/>
    </row>
    <row r="477476" spans="14:14">
      <c r="N477476" s="10"/>
    </row>
    <row r="477477" spans="14:14">
      <c r="N477477" s="10"/>
    </row>
    <row r="477478" spans="14:14">
      <c r="N477478" s="10"/>
    </row>
    <row r="477479" spans="14:14">
      <c r="N477479" s="10"/>
    </row>
    <row r="477480" spans="14:14">
      <c r="N477480" s="10"/>
    </row>
    <row r="477481" spans="14:14">
      <c r="N477481" s="10"/>
    </row>
    <row r="477482" spans="14:14">
      <c r="N477482" s="10"/>
    </row>
    <row r="477483" spans="14:14">
      <c r="N477483" s="10"/>
    </row>
    <row r="477484" spans="14:14">
      <c r="N477484" s="10"/>
    </row>
    <row r="477485" spans="14:14">
      <c r="N477485" s="10"/>
    </row>
    <row r="477486" spans="14:14">
      <c r="N477486" s="10"/>
    </row>
    <row r="477487" spans="14:14">
      <c r="N477487" s="10"/>
    </row>
    <row r="477488" spans="14:14">
      <c r="N477488" s="10"/>
    </row>
    <row r="477489" spans="14:14">
      <c r="N477489" s="10"/>
    </row>
    <row r="477490" spans="14:14">
      <c r="N477490" s="10"/>
    </row>
    <row r="477491" spans="14:14">
      <c r="N477491" s="10"/>
    </row>
    <row r="477492" spans="14:14">
      <c r="N477492" s="10"/>
    </row>
    <row r="477493" spans="14:14">
      <c r="N477493" s="10"/>
    </row>
    <row r="477494" spans="14:14">
      <c r="N477494" s="10"/>
    </row>
    <row r="477495" spans="14:14">
      <c r="N477495" s="10"/>
    </row>
    <row r="477496" spans="14:14">
      <c r="N477496" s="10"/>
    </row>
    <row r="477497" spans="14:14">
      <c r="N477497" s="10"/>
    </row>
    <row r="477498" spans="14:14">
      <c r="N477498" s="10"/>
    </row>
    <row r="477499" spans="14:14">
      <c r="N477499" s="10"/>
    </row>
    <row r="477500" spans="14:14">
      <c r="N477500" s="10"/>
    </row>
    <row r="477501" spans="14:14">
      <c r="N477501" s="10"/>
    </row>
    <row r="477502" spans="14:14">
      <c r="N477502" s="10"/>
    </row>
    <row r="477503" spans="14:14">
      <c r="N477503" s="10"/>
    </row>
    <row r="477504" spans="14:14">
      <c r="N477504" s="10"/>
    </row>
    <row r="477505" spans="14:14">
      <c r="N477505" s="10"/>
    </row>
    <row r="477506" spans="14:14">
      <c r="N477506" s="10"/>
    </row>
    <row r="477507" spans="14:14">
      <c r="N477507" s="10"/>
    </row>
    <row r="477508" spans="14:14">
      <c r="N477508" s="10"/>
    </row>
    <row r="477509" spans="14:14">
      <c r="N477509" s="10"/>
    </row>
    <row r="477510" spans="14:14">
      <c r="N477510" s="10"/>
    </row>
    <row r="477511" spans="14:14">
      <c r="N477511" s="10"/>
    </row>
    <row r="477512" spans="14:14">
      <c r="N477512" s="10"/>
    </row>
    <row r="477513" spans="14:14">
      <c r="N477513" s="10"/>
    </row>
    <row r="477514" spans="14:14">
      <c r="N477514" s="10"/>
    </row>
    <row r="477515" spans="14:14">
      <c r="N477515" s="10"/>
    </row>
    <row r="477516" spans="14:14">
      <c r="N477516" s="10"/>
    </row>
    <row r="477517" spans="14:14">
      <c r="N477517" s="10"/>
    </row>
    <row r="477518" spans="14:14">
      <c r="N477518" s="10"/>
    </row>
    <row r="477519" spans="14:14">
      <c r="N477519" s="10"/>
    </row>
    <row r="477520" spans="14:14">
      <c r="N477520" s="10"/>
    </row>
    <row r="477521" spans="14:14">
      <c r="N477521" s="10"/>
    </row>
    <row r="477522" spans="14:14">
      <c r="N477522" s="10"/>
    </row>
    <row r="477523" spans="14:14">
      <c r="N477523" s="10"/>
    </row>
    <row r="477524" spans="14:14">
      <c r="N477524" s="10"/>
    </row>
    <row r="477525" spans="14:14">
      <c r="N477525" s="10"/>
    </row>
    <row r="477526" spans="14:14">
      <c r="N477526" s="10"/>
    </row>
    <row r="477527" spans="14:14">
      <c r="N477527" s="10"/>
    </row>
    <row r="477528" spans="14:14">
      <c r="N477528" s="10"/>
    </row>
    <row r="477529" spans="14:14">
      <c r="N477529" s="10"/>
    </row>
    <row r="477530" spans="14:14">
      <c r="N477530" s="10"/>
    </row>
    <row r="477531" spans="14:14">
      <c r="N477531" s="10"/>
    </row>
    <row r="477532" spans="14:14">
      <c r="N477532" s="10"/>
    </row>
    <row r="477533" spans="14:14">
      <c r="N477533" s="10"/>
    </row>
    <row r="477534" spans="14:14">
      <c r="N477534" s="10"/>
    </row>
    <row r="477535" spans="14:14">
      <c r="N477535" s="10"/>
    </row>
    <row r="477536" spans="14:14">
      <c r="N477536" s="10"/>
    </row>
    <row r="477537" spans="14:14">
      <c r="N477537" s="10"/>
    </row>
    <row r="477538" spans="14:14">
      <c r="N477538" s="10"/>
    </row>
    <row r="477539" spans="14:14">
      <c r="N477539" s="10"/>
    </row>
    <row r="477540" spans="14:14">
      <c r="N477540" s="10"/>
    </row>
    <row r="477541" spans="14:14">
      <c r="N477541" s="10"/>
    </row>
    <row r="477542" spans="14:14">
      <c r="N477542" s="10"/>
    </row>
    <row r="477543" spans="14:14">
      <c r="N477543" s="10"/>
    </row>
    <row r="477544" spans="14:14">
      <c r="N477544" s="10"/>
    </row>
    <row r="477545" spans="14:14">
      <c r="N477545" s="10"/>
    </row>
    <row r="477546" spans="14:14">
      <c r="N477546" s="10"/>
    </row>
    <row r="477547" spans="14:14">
      <c r="N477547" s="10"/>
    </row>
    <row r="477548" spans="14:14">
      <c r="N477548" s="10"/>
    </row>
    <row r="477549" spans="14:14">
      <c r="N477549" s="10"/>
    </row>
    <row r="477550" spans="14:14">
      <c r="N477550" s="10"/>
    </row>
    <row r="477551" spans="14:14">
      <c r="N477551" s="10"/>
    </row>
    <row r="477552" spans="14:14">
      <c r="N477552" s="10"/>
    </row>
    <row r="477553" spans="14:14">
      <c r="N477553" s="10"/>
    </row>
    <row r="477554" spans="14:14">
      <c r="N477554" s="10"/>
    </row>
    <row r="477555" spans="14:14">
      <c r="N477555" s="10"/>
    </row>
    <row r="477556" spans="14:14">
      <c r="N477556" s="10"/>
    </row>
    <row r="477557" spans="14:14">
      <c r="N477557" s="10"/>
    </row>
    <row r="477558" spans="14:14">
      <c r="N477558" s="10"/>
    </row>
    <row r="477559" spans="14:14">
      <c r="N477559" s="10"/>
    </row>
    <row r="477560" spans="14:14">
      <c r="N477560" s="10"/>
    </row>
    <row r="477561" spans="14:14">
      <c r="N477561" s="10"/>
    </row>
    <row r="477562" spans="14:14">
      <c r="N477562" s="10"/>
    </row>
    <row r="477563" spans="14:14">
      <c r="N477563" s="10"/>
    </row>
    <row r="477564" spans="14:14">
      <c r="N477564" s="10"/>
    </row>
    <row r="477565" spans="14:14">
      <c r="N477565" s="10"/>
    </row>
    <row r="477566" spans="14:14">
      <c r="N477566" s="10"/>
    </row>
    <row r="477567" spans="14:14">
      <c r="N477567" s="10"/>
    </row>
    <row r="477568" spans="14:14">
      <c r="N477568" s="10"/>
    </row>
    <row r="477569" spans="14:14">
      <c r="N477569" s="10"/>
    </row>
    <row r="477570" spans="14:14">
      <c r="N477570" s="10"/>
    </row>
    <row r="477571" spans="14:14">
      <c r="N477571" s="10"/>
    </row>
    <row r="477572" spans="14:14">
      <c r="N477572" s="10"/>
    </row>
    <row r="477573" spans="14:14">
      <c r="N477573" s="10"/>
    </row>
    <row r="477574" spans="14:14">
      <c r="N477574" s="10"/>
    </row>
    <row r="477575" spans="14:14">
      <c r="N477575" s="10"/>
    </row>
    <row r="477576" spans="14:14">
      <c r="N477576" s="10"/>
    </row>
    <row r="477577" spans="14:14">
      <c r="N477577" s="10"/>
    </row>
    <row r="477578" spans="14:14">
      <c r="N477578" s="10"/>
    </row>
    <row r="477579" spans="14:14">
      <c r="N477579" s="10"/>
    </row>
    <row r="477580" spans="14:14">
      <c r="N477580" s="10"/>
    </row>
    <row r="477581" spans="14:14">
      <c r="N477581" s="10"/>
    </row>
    <row r="477582" spans="14:14">
      <c r="N477582" s="10"/>
    </row>
    <row r="477583" spans="14:14">
      <c r="N477583" s="10"/>
    </row>
    <row r="477584" spans="14:14">
      <c r="N477584" s="10"/>
    </row>
    <row r="477585" spans="14:14">
      <c r="N477585" s="10"/>
    </row>
    <row r="477586" spans="14:14">
      <c r="N477586" s="10"/>
    </row>
    <row r="477587" spans="14:14">
      <c r="N477587" s="10"/>
    </row>
    <row r="477588" spans="14:14">
      <c r="N477588" s="10"/>
    </row>
    <row r="477589" spans="14:14">
      <c r="N477589" s="10"/>
    </row>
    <row r="477590" spans="14:14">
      <c r="N477590" s="10"/>
    </row>
    <row r="477591" spans="14:14">
      <c r="N477591" s="10"/>
    </row>
    <row r="477592" spans="14:14">
      <c r="N477592" s="10"/>
    </row>
    <row r="477593" spans="14:14">
      <c r="N477593" s="10"/>
    </row>
    <row r="477594" spans="14:14">
      <c r="N477594" s="10"/>
    </row>
    <row r="477595" spans="14:14">
      <c r="N477595" s="10"/>
    </row>
    <row r="477596" spans="14:14">
      <c r="N477596" s="10"/>
    </row>
    <row r="477597" spans="14:14">
      <c r="N477597" s="10"/>
    </row>
    <row r="477598" spans="14:14">
      <c r="N477598" s="10"/>
    </row>
    <row r="477599" spans="14:14">
      <c r="N477599" s="10"/>
    </row>
    <row r="477600" spans="14:14">
      <c r="N477600" s="10"/>
    </row>
    <row r="477601" spans="14:14">
      <c r="N477601" s="10"/>
    </row>
    <row r="477602" spans="14:14">
      <c r="N477602" s="10"/>
    </row>
    <row r="477603" spans="14:14">
      <c r="N477603" s="10"/>
    </row>
    <row r="477604" spans="14:14">
      <c r="N477604" s="10"/>
    </row>
    <row r="477605" spans="14:14">
      <c r="N477605" s="10"/>
    </row>
    <row r="477606" spans="14:14">
      <c r="N477606" s="10"/>
    </row>
    <row r="477607" spans="14:14">
      <c r="N477607" s="10"/>
    </row>
    <row r="477608" spans="14:14">
      <c r="N477608" s="10"/>
    </row>
    <row r="477609" spans="14:14">
      <c r="N477609" s="10"/>
    </row>
    <row r="477610" spans="14:14">
      <c r="N477610" s="10"/>
    </row>
    <row r="477611" spans="14:14">
      <c r="N477611" s="10"/>
    </row>
    <row r="477612" spans="14:14">
      <c r="N477612" s="10"/>
    </row>
    <row r="477613" spans="14:14">
      <c r="N477613" s="10"/>
    </row>
    <row r="477614" spans="14:14">
      <c r="N477614" s="10"/>
    </row>
    <row r="477615" spans="14:14">
      <c r="N477615" s="10"/>
    </row>
    <row r="477616" spans="14:14">
      <c r="N477616" s="10"/>
    </row>
    <row r="477617" spans="14:14">
      <c r="N477617" s="10"/>
    </row>
    <row r="477618" spans="14:14">
      <c r="N477618" s="10"/>
    </row>
    <row r="477619" spans="14:14">
      <c r="N477619" s="10"/>
    </row>
    <row r="477620" spans="14:14">
      <c r="N477620" s="10"/>
    </row>
    <row r="477621" spans="14:14">
      <c r="N477621" s="10"/>
    </row>
    <row r="477622" spans="14:14">
      <c r="N477622" s="10"/>
    </row>
    <row r="477623" spans="14:14">
      <c r="N477623" s="10"/>
    </row>
    <row r="477624" spans="14:14">
      <c r="N477624" s="10"/>
    </row>
    <row r="477625" spans="14:14">
      <c r="N477625" s="10"/>
    </row>
    <row r="477626" spans="14:14">
      <c r="N477626" s="10"/>
    </row>
    <row r="477627" spans="14:14">
      <c r="N477627" s="10"/>
    </row>
    <row r="477628" spans="14:14">
      <c r="N477628" s="10"/>
    </row>
    <row r="477629" spans="14:14">
      <c r="N477629" s="10"/>
    </row>
    <row r="477630" spans="14:14">
      <c r="N477630" s="10"/>
    </row>
    <row r="477631" spans="14:14">
      <c r="N477631" s="10"/>
    </row>
    <row r="477632" spans="14:14">
      <c r="N477632" s="10"/>
    </row>
    <row r="477633" spans="14:14">
      <c r="N477633" s="10"/>
    </row>
    <row r="477634" spans="14:14">
      <c r="N477634" s="10"/>
    </row>
    <row r="477635" spans="14:14">
      <c r="N477635" s="10"/>
    </row>
    <row r="477636" spans="14:14">
      <c r="N477636" s="10"/>
    </row>
    <row r="477637" spans="14:14">
      <c r="N477637" s="10"/>
    </row>
    <row r="477638" spans="14:14">
      <c r="N477638" s="10"/>
    </row>
    <row r="477639" spans="14:14">
      <c r="N477639" s="10"/>
    </row>
    <row r="477640" spans="14:14">
      <c r="N477640" s="10"/>
    </row>
    <row r="477641" spans="14:14">
      <c r="N477641" s="10"/>
    </row>
    <row r="477642" spans="14:14">
      <c r="N477642" s="10"/>
    </row>
    <row r="477643" spans="14:14">
      <c r="N477643" s="10"/>
    </row>
    <row r="477644" spans="14:14">
      <c r="N477644" s="10"/>
    </row>
    <row r="477645" spans="14:14">
      <c r="N477645" s="10"/>
    </row>
    <row r="477646" spans="14:14">
      <c r="N477646" s="10"/>
    </row>
    <row r="477647" spans="14:14">
      <c r="N477647" s="10"/>
    </row>
    <row r="477648" spans="14:14">
      <c r="N477648" s="10"/>
    </row>
    <row r="477649" spans="14:14">
      <c r="N477649" s="10"/>
    </row>
    <row r="477650" spans="14:14">
      <c r="N477650" s="10"/>
    </row>
    <row r="477651" spans="14:14">
      <c r="N477651" s="10"/>
    </row>
    <row r="477652" spans="14:14">
      <c r="N477652" s="10"/>
    </row>
    <row r="477653" spans="14:14">
      <c r="N477653" s="10"/>
    </row>
    <row r="477654" spans="14:14">
      <c r="N477654" s="10"/>
    </row>
    <row r="477655" spans="14:14">
      <c r="N477655" s="10"/>
    </row>
    <row r="477656" spans="14:14">
      <c r="N477656" s="10"/>
    </row>
    <row r="477657" spans="14:14">
      <c r="N477657" s="10"/>
    </row>
    <row r="477658" spans="14:14">
      <c r="N477658" s="10"/>
    </row>
    <row r="477659" spans="14:14">
      <c r="N477659" s="10"/>
    </row>
    <row r="477660" spans="14:14">
      <c r="N477660" s="10"/>
    </row>
    <row r="477661" spans="14:14">
      <c r="N477661" s="10"/>
    </row>
    <row r="477662" spans="14:14">
      <c r="N477662" s="10"/>
    </row>
    <row r="477663" spans="14:14">
      <c r="N477663" s="10"/>
    </row>
    <row r="477664" spans="14:14">
      <c r="N477664" s="10"/>
    </row>
    <row r="477665" spans="14:14">
      <c r="N477665" s="10"/>
    </row>
    <row r="477666" spans="14:14">
      <c r="N477666" s="10"/>
    </row>
    <row r="477667" spans="14:14">
      <c r="N477667" s="10"/>
    </row>
    <row r="477668" spans="14:14">
      <c r="N477668" s="10"/>
    </row>
    <row r="477669" spans="14:14">
      <c r="N477669" s="10"/>
    </row>
    <row r="477670" spans="14:14">
      <c r="N477670" s="10"/>
    </row>
    <row r="477671" spans="14:14">
      <c r="N477671" s="10"/>
    </row>
    <row r="477672" spans="14:14">
      <c r="N477672" s="10"/>
    </row>
    <row r="477673" spans="14:14">
      <c r="N477673" s="10"/>
    </row>
    <row r="477674" spans="14:14">
      <c r="N477674" s="10"/>
    </row>
    <row r="477675" spans="14:14">
      <c r="N477675" s="10"/>
    </row>
    <row r="477676" spans="14:14">
      <c r="N477676" s="10"/>
    </row>
    <row r="477677" spans="14:14">
      <c r="N477677" s="10"/>
    </row>
    <row r="477678" spans="14:14">
      <c r="N477678" s="10"/>
    </row>
    <row r="477679" spans="14:14">
      <c r="N477679" s="10"/>
    </row>
    <row r="477680" spans="14:14">
      <c r="N477680" s="10"/>
    </row>
    <row r="477681" spans="14:14">
      <c r="N477681" s="10"/>
    </row>
    <row r="477682" spans="14:14">
      <c r="N477682" s="10"/>
    </row>
    <row r="477683" spans="14:14">
      <c r="N477683" s="10"/>
    </row>
    <row r="477684" spans="14:14">
      <c r="N477684" s="10"/>
    </row>
    <row r="477685" spans="14:14">
      <c r="N477685" s="10"/>
    </row>
    <row r="477686" spans="14:14">
      <c r="N477686" s="10"/>
    </row>
    <row r="477687" spans="14:14">
      <c r="N477687" s="10"/>
    </row>
    <row r="477688" spans="14:14">
      <c r="N477688" s="10"/>
    </row>
    <row r="477689" spans="14:14">
      <c r="N477689" s="10"/>
    </row>
    <row r="477690" spans="14:14">
      <c r="N477690" s="10"/>
    </row>
    <row r="477691" spans="14:14">
      <c r="N477691" s="10"/>
    </row>
    <row r="477692" spans="14:14">
      <c r="N477692" s="10"/>
    </row>
    <row r="477693" spans="14:14">
      <c r="N477693" s="10"/>
    </row>
    <row r="477694" spans="14:14">
      <c r="N477694" s="10"/>
    </row>
    <row r="477695" spans="14:14">
      <c r="N477695" s="10"/>
    </row>
    <row r="477696" spans="14:14">
      <c r="N477696" s="10"/>
    </row>
    <row r="477697" spans="14:14">
      <c r="N477697" s="10"/>
    </row>
    <row r="477698" spans="14:14">
      <c r="N477698" s="10"/>
    </row>
    <row r="477699" spans="14:14">
      <c r="N477699" s="10"/>
    </row>
    <row r="477700" spans="14:14">
      <c r="N477700" s="10"/>
    </row>
    <row r="477701" spans="14:14">
      <c r="N477701" s="10"/>
    </row>
    <row r="477702" spans="14:14">
      <c r="N477702" s="10"/>
    </row>
    <row r="477703" spans="14:14">
      <c r="N477703" s="10"/>
    </row>
    <row r="477704" spans="14:14">
      <c r="N477704" s="10"/>
    </row>
    <row r="477705" spans="14:14">
      <c r="N477705" s="10"/>
    </row>
    <row r="477706" spans="14:14">
      <c r="N477706" s="10"/>
    </row>
    <row r="477707" spans="14:14">
      <c r="N477707" s="10"/>
    </row>
    <row r="477708" spans="14:14">
      <c r="N477708" s="10"/>
    </row>
    <row r="477709" spans="14:14">
      <c r="N477709" s="10"/>
    </row>
    <row r="477710" spans="14:14">
      <c r="N477710" s="10"/>
    </row>
    <row r="477711" spans="14:14">
      <c r="N477711" s="10"/>
    </row>
    <row r="477712" spans="14:14">
      <c r="N477712" s="10"/>
    </row>
    <row r="477713" spans="14:14">
      <c r="N477713" s="10"/>
    </row>
    <row r="477714" spans="14:14">
      <c r="N477714" s="10"/>
    </row>
    <row r="477715" spans="14:14">
      <c r="N477715" s="10"/>
    </row>
    <row r="477716" spans="14:14">
      <c r="N477716" s="10"/>
    </row>
    <row r="477717" spans="14:14">
      <c r="N477717" s="10"/>
    </row>
    <row r="477718" spans="14:14">
      <c r="N477718" s="10"/>
    </row>
    <row r="477719" spans="14:14">
      <c r="N477719" s="10"/>
    </row>
    <row r="477720" spans="14:14">
      <c r="N477720" s="10"/>
    </row>
    <row r="477721" spans="14:14">
      <c r="N477721" s="10"/>
    </row>
    <row r="477722" spans="14:14">
      <c r="N477722" s="10"/>
    </row>
    <row r="477723" spans="14:14">
      <c r="N477723" s="10"/>
    </row>
    <row r="477724" spans="14:14">
      <c r="N477724" s="10"/>
    </row>
    <row r="477725" spans="14:14">
      <c r="N477725" s="10"/>
    </row>
    <row r="477726" spans="14:14">
      <c r="N477726" s="10"/>
    </row>
    <row r="477727" spans="14:14">
      <c r="N477727" s="10"/>
    </row>
    <row r="477728" spans="14:14">
      <c r="N477728" s="10"/>
    </row>
    <row r="477729" spans="14:14">
      <c r="N477729" s="10"/>
    </row>
    <row r="477730" spans="14:14">
      <c r="N477730" s="10"/>
    </row>
    <row r="477731" spans="14:14">
      <c r="N477731" s="10"/>
    </row>
    <row r="477732" spans="14:14">
      <c r="N477732" s="10"/>
    </row>
    <row r="477733" spans="14:14">
      <c r="N477733" s="10"/>
    </row>
    <row r="477734" spans="14:14">
      <c r="N477734" s="10"/>
    </row>
    <row r="477735" spans="14:14">
      <c r="N477735" s="10"/>
    </row>
    <row r="477736" spans="14:14">
      <c r="N477736" s="10"/>
    </row>
    <row r="477737" spans="14:14">
      <c r="N477737" s="10"/>
    </row>
    <row r="477738" spans="14:14">
      <c r="N477738" s="10"/>
    </row>
    <row r="477739" spans="14:14">
      <c r="N477739" s="10"/>
    </row>
    <row r="477740" spans="14:14">
      <c r="N477740" s="10"/>
    </row>
    <row r="477741" spans="14:14">
      <c r="N477741" s="10"/>
    </row>
    <row r="477742" spans="14:14">
      <c r="N477742" s="10"/>
    </row>
    <row r="477743" spans="14:14">
      <c r="N477743" s="10"/>
    </row>
    <row r="477744" spans="14:14">
      <c r="N477744" s="10"/>
    </row>
    <row r="477745" spans="14:14">
      <c r="N477745" s="10"/>
    </row>
    <row r="477746" spans="14:14">
      <c r="N477746" s="10"/>
    </row>
    <row r="477747" spans="14:14">
      <c r="N477747" s="10"/>
    </row>
    <row r="477748" spans="14:14">
      <c r="N477748" s="10"/>
    </row>
    <row r="477749" spans="14:14">
      <c r="N477749" s="10"/>
    </row>
    <row r="477750" spans="14:14">
      <c r="N477750" s="10"/>
    </row>
    <row r="477751" spans="14:14">
      <c r="N477751" s="10"/>
    </row>
    <row r="477752" spans="14:14">
      <c r="N477752" s="10"/>
    </row>
    <row r="477753" spans="14:14">
      <c r="N477753" s="10"/>
    </row>
    <row r="477754" spans="14:14">
      <c r="N477754" s="10"/>
    </row>
    <row r="477755" spans="14:14">
      <c r="N477755" s="10"/>
    </row>
    <row r="477756" spans="14:14">
      <c r="N477756" s="10"/>
    </row>
    <row r="477757" spans="14:14">
      <c r="N477757" s="10"/>
    </row>
    <row r="477758" spans="14:14">
      <c r="N477758" s="10"/>
    </row>
    <row r="477759" spans="14:14">
      <c r="N477759" s="10"/>
    </row>
    <row r="477760" spans="14:14">
      <c r="N477760" s="10"/>
    </row>
    <row r="477761" spans="14:14">
      <c r="N477761" s="10"/>
    </row>
    <row r="477762" spans="14:14">
      <c r="N477762" s="10"/>
    </row>
    <row r="477763" spans="14:14">
      <c r="N477763" s="10"/>
    </row>
    <row r="477764" spans="14:14">
      <c r="N477764" s="10"/>
    </row>
    <row r="477765" spans="14:14">
      <c r="N477765" s="10"/>
    </row>
    <row r="477766" spans="14:14">
      <c r="N477766" s="10"/>
    </row>
    <row r="477767" spans="14:14">
      <c r="N477767" s="10"/>
    </row>
    <row r="477768" spans="14:14">
      <c r="N477768" s="10"/>
    </row>
    <row r="477769" spans="14:14">
      <c r="N477769" s="10"/>
    </row>
    <row r="477770" spans="14:14">
      <c r="N477770" s="10"/>
    </row>
    <row r="477771" spans="14:14">
      <c r="N477771" s="10"/>
    </row>
    <row r="477772" spans="14:14">
      <c r="N477772" s="10"/>
    </row>
    <row r="477773" spans="14:14">
      <c r="N477773" s="10"/>
    </row>
    <row r="477774" spans="14:14">
      <c r="N477774" s="10"/>
    </row>
    <row r="477775" spans="14:14">
      <c r="N477775" s="10"/>
    </row>
    <row r="477776" spans="14:14">
      <c r="N477776" s="10"/>
    </row>
    <row r="477777" spans="14:14">
      <c r="N477777" s="10"/>
    </row>
    <row r="477778" spans="14:14">
      <c r="N477778" s="10"/>
    </row>
    <row r="477779" spans="14:14">
      <c r="N477779" s="10"/>
    </row>
    <row r="477780" spans="14:14">
      <c r="N477780" s="10"/>
    </row>
    <row r="477781" spans="14:14">
      <c r="N477781" s="10"/>
    </row>
    <row r="477782" spans="14:14">
      <c r="N477782" s="10"/>
    </row>
    <row r="477783" spans="14:14">
      <c r="N477783" s="10"/>
    </row>
    <row r="477784" spans="14:14">
      <c r="N477784" s="10"/>
    </row>
    <row r="477785" spans="14:14">
      <c r="N477785" s="10"/>
    </row>
    <row r="477786" spans="14:14">
      <c r="N477786" s="10"/>
    </row>
    <row r="477787" spans="14:14">
      <c r="N477787" s="10"/>
    </row>
    <row r="477788" spans="14:14">
      <c r="N477788" s="10"/>
    </row>
    <row r="477789" spans="14:14">
      <c r="N477789" s="10"/>
    </row>
    <row r="477790" spans="14:14">
      <c r="N477790" s="10"/>
    </row>
    <row r="477791" spans="14:14">
      <c r="N477791" s="10"/>
    </row>
    <row r="477792" spans="14:14">
      <c r="N477792" s="10"/>
    </row>
    <row r="477793" spans="14:14">
      <c r="N477793" s="10"/>
    </row>
    <row r="477794" spans="14:14">
      <c r="N477794" s="10"/>
    </row>
    <row r="477795" spans="14:14">
      <c r="N477795" s="10"/>
    </row>
    <row r="477796" spans="14:14">
      <c r="N477796" s="10"/>
    </row>
    <row r="477797" spans="14:14">
      <c r="N477797" s="10"/>
    </row>
    <row r="477798" spans="14:14">
      <c r="N477798" s="10"/>
    </row>
    <row r="477799" spans="14:14">
      <c r="N477799" s="10"/>
    </row>
    <row r="477800" spans="14:14">
      <c r="N477800" s="10"/>
    </row>
    <row r="477801" spans="14:14">
      <c r="N477801" s="10"/>
    </row>
    <row r="477802" spans="14:14">
      <c r="N477802" s="10"/>
    </row>
    <row r="477803" spans="14:14">
      <c r="N477803" s="10"/>
    </row>
    <row r="477804" spans="14:14">
      <c r="N477804" s="10"/>
    </row>
    <row r="477805" spans="14:14">
      <c r="N477805" s="10"/>
    </row>
    <row r="477806" spans="14:14">
      <c r="N477806" s="10"/>
    </row>
    <row r="477807" spans="14:14">
      <c r="N477807" s="10"/>
    </row>
    <row r="477808" spans="14:14">
      <c r="N477808" s="10"/>
    </row>
    <row r="477809" spans="14:14">
      <c r="N477809" s="10"/>
    </row>
    <row r="477810" spans="14:14">
      <c r="N477810" s="10"/>
    </row>
    <row r="477811" spans="14:14">
      <c r="N477811" s="10"/>
    </row>
    <row r="477812" spans="14:14">
      <c r="N477812" s="10"/>
    </row>
    <row r="477813" spans="14:14">
      <c r="N477813" s="10"/>
    </row>
    <row r="477814" spans="14:14">
      <c r="N477814" s="10"/>
    </row>
    <row r="477815" spans="14:14">
      <c r="N477815" s="10"/>
    </row>
    <row r="477816" spans="14:14">
      <c r="N477816" s="10"/>
    </row>
    <row r="477817" spans="14:14">
      <c r="N477817" s="10"/>
    </row>
    <row r="477818" spans="14:14">
      <c r="N477818" s="10"/>
    </row>
    <row r="477819" spans="14:14">
      <c r="N477819" s="10"/>
    </row>
    <row r="477820" spans="14:14">
      <c r="N477820" s="10"/>
    </row>
    <row r="477821" spans="14:14">
      <c r="N477821" s="10"/>
    </row>
    <row r="477822" spans="14:14">
      <c r="N477822" s="10"/>
    </row>
    <row r="477823" spans="14:14">
      <c r="N477823" s="10"/>
    </row>
    <row r="477824" spans="14:14">
      <c r="N477824" s="10"/>
    </row>
    <row r="477825" spans="14:14">
      <c r="N477825" s="10"/>
    </row>
    <row r="477826" spans="14:14">
      <c r="N477826" s="10"/>
    </row>
    <row r="477827" spans="14:14">
      <c r="N477827" s="10"/>
    </row>
    <row r="477828" spans="14:14">
      <c r="N477828" s="10"/>
    </row>
    <row r="477829" spans="14:14">
      <c r="N477829" s="10"/>
    </row>
    <row r="477830" spans="14:14">
      <c r="N477830" s="10"/>
    </row>
    <row r="477831" spans="14:14">
      <c r="N477831" s="10"/>
    </row>
    <row r="477832" spans="14:14">
      <c r="N477832" s="10"/>
    </row>
    <row r="477833" spans="14:14">
      <c r="N477833" s="10"/>
    </row>
    <row r="477834" spans="14:14">
      <c r="N477834" s="10"/>
    </row>
    <row r="477835" spans="14:14">
      <c r="N477835" s="10"/>
    </row>
    <row r="477836" spans="14:14">
      <c r="N477836" s="10"/>
    </row>
    <row r="477837" spans="14:14">
      <c r="N477837" s="10"/>
    </row>
    <row r="477838" spans="14:14">
      <c r="N477838" s="10"/>
    </row>
    <row r="477839" spans="14:14">
      <c r="N477839" s="10"/>
    </row>
    <row r="477840" spans="14:14">
      <c r="N477840" s="10"/>
    </row>
    <row r="477841" spans="14:14">
      <c r="N477841" s="10"/>
    </row>
    <row r="477842" spans="14:14">
      <c r="N477842" s="10"/>
    </row>
    <row r="477843" spans="14:14">
      <c r="N477843" s="10"/>
    </row>
    <row r="477844" spans="14:14">
      <c r="N477844" s="10"/>
    </row>
    <row r="477845" spans="14:14">
      <c r="N477845" s="10"/>
    </row>
    <row r="477846" spans="14:14">
      <c r="N477846" s="10"/>
    </row>
    <row r="477847" spans="14:14">
      <c r="N477847" s="10"/>
    </row>
    <row r="477848" spans="14:14">
      <c r="N477848" s="10"/>
    </row>
    <row r="477849" spans="14:14">
      <c r="N477849" s="10"/>
    </row>
    <row r="477850" spans="14:14">
      <c r="N477850" s="10"/>
    </row>
    <row r="477851" spans="14:14">
      <c r="N477851" s="10"/>
    </row>
    <row r="477852" spans="14:14">
      <c r="N477852" s="10"/>
    </row>
    <row r="477853" spans="14:14">
      <c r="N477853" s="10"/>
    </row>
    <row r="477854" spans="14:14">
      <c r="N477854" s="10"/>
    </row>
    <row r="477855" spans="14:14">
      <c r="N477855" s="10"/>
    </row>
    <row r="477856" spans="14:14">
      <c r="N477856" s="10"/>
    </row>
    <row r="477857" spans="14:14">
      <c r="N477857" s="10"/>
    </row>
    <row r="477858" spans="14:14">
      <c r="N477858" s="10"/>
    </row>
    <row r="477859" spans="14:14">
      <c r="N477859" s="10"/>
    </row>
    <row r="477860" spans="14:14">
      <c r="N477860" s="10"/>
    </row>
    <row r="477861" spans="14:14">
      <c r="N477861" s="10"/>
    </row>
    <row r="477862" spans="14:14">
      <c r="N477862" s="10"/>
    </row>
    <row r="477863" spans="14:14">
      <c r="N477863" s="10"/>
    </row>
    <row r="477864" spans="14:14">
      <c r="N477864" s="10"/>
    </row>
    <row r="477865" spans="14:14">
      <c r="N477865" s="10"/>
    </row>
    <row r="477866" spans="14:14">
      <c r="N477866" s="10"/>
    </row>
    <row r="477867" spans="14:14">
      <c r="N477867" s="10"/>
    </row>
    <row r="477868" spans="14:14">
      <c r="N477868" s="10"/>
    </row>
    <row r="477869" spans="14:14">
      <c r="N477869" s="10"/>
    </row>
    <row r="477870" spans="14:14">
      <c r="N477870" s="10"/>
    </row>
    <row r="477871" spans="14:14">
      <c r="N477871" s="10"/>
    </row>
    <row r="477872" spans="14:14">
      <c r="N477872" s="10"/>
    </row>
    <row r="477873" spans="14:14">
      <c r="N477873" s="10"/>
    </row>
    <row r="477874" spans="14:14">
      <c r="N477874" s="10"/>
    </row>
    <row r="477875" spans="14:14">
      <c r="N477875" s="10"/>
    </row>
    <row r="477876" spans="14:14">
      <c r="N477876" s="10"/>
    </row>
    <row r="477877" spans="14:14">
      <c r="N477877" s="10"/>
    </row>
    <row r="477878" spans="14:14">
      <c r="N477878" s="10"/>
    </row>
    <row r="477879" spans="14:14">
      <c r="N477879" s="10"/>
    </row>
    <row r="477880" spans="14:14">
      <c r="N477880" s="10"/>
    </row>
    <row r="477881" spans="14:14">
      <c r="N477881" s="10"/>
    </row>
    <row r="477882" spans="14:14">
      <c r="N477882" s="10"/>
    </row>
    <row r="477883" spans="14:14">
      <c r="N477883" s="10"/>
    </row>
    <row r="477884" spans="14:14">
      <c r="N477884" s="10"/>
    </row>
    <row r="477885" spans="14:14">
      <c r="N477885" s="10"/>
    </row>
    <row r="477886" spans="14:14">
      <c r="N477886" s="10"/>
    </row>
    <row r="477887" spans="14:14">
      <c r="N477887" s="10"/>
    </row>
    <row r="477888" spans="14:14">
      <c r="N477888" s="10"/>
    </row>
    <row r="477889" spans="14:14">
      <c r="N477889" s="10"/>
    </row>
    <row r="477890" spans="14:14">
      <c r="N477890" s="10"/>
    </row>
    <row r="477891" spans="14:14">
      <c r="N477891" s="10"/>
    </row>
    <row r="477892" spans="14:14">
      <c r="N477892" s="10"/>
    </row>
    <row r="477893" spans="14:14">
      <c r="N477893" s="10"/>
    </row>
    <row r="477894" spans="14:14">
      <c r="N477894" s="10"/>
    </row>
    <row r="477895" spans="14:14">
      <c r="N477895" s="10"/>
    </row>
    <row r="477896" spans="14:14">
      <c r="N477896" s="10"/>
    </row>
    <row r="477897" spans="14:14">
      <c r="N477897" s="10"/>
    </row>
    <row r="477898" spans="14:14">
      <c r="N477898" s="10"/>
    </row>
    <row r="477899" spans="14:14">
      <c r="N477899" s="10"/>
    </row>
    <row r="477900" spans="14:14">
      <c r="N477900" s="10"/>
    </row>
    <row r="477901" spans="14:14">
      <c r="N477901" s="10"/>
    </row>
    <row r="477902" spans="14:14">
      <c r="N477902" s="10"/>
    </row>
    <row r="477903" spans="14:14">
      <c r="N477903" s="10"/>
    </row>
    <row r="477904" spans="14:14">
      <c r="N477904" s="10"/>
    </row>
    <row r="477905" spans="14:14">
      <c r="N477905" s="10"/>
    </row>
    <row r="477906" spans="14:14">
      <c r="N477906" s="10"/>
    </row>
    <row r="477907" spans="14:14">
      <c r="N477907" s="10"/>
    </row>
    <row r="477908" spans="14:14">
      <c r="N477908" s="10"/>
    </row>
    <row r="477909" spans="14:14">
      <c r="N477909" s="10"/>
    </row>
    <row r="477910" spans="14:14">
      <c r="N477910" s="10"/>
    </row>
    <row r="477911" spans="14:14">
      <c r="N477911" s="10"/>
    </row>
    <row r="477912" spans="14:14">
      <c r="N477912" s="10"/>
    </row>
    <row r="477913" spans="14:14">
      <c r="N477913" s="10"/>
    </row>
    <row r="477914" spans="14:14">
      <c r="N477914" s="10"/>
    </row>
    <row r="477915" spans="14:14">
      <c r="N477915" s="10"/>
    </row>
    <row r="477916" spans="14:14">
      <c r="N477916" s="10"/>
    </row>
    <row r="477917" spans="14:14">
      <c r="N477917" s="10"/>
    </row>
    <row r="477918" spans="14:14">
      <c r="N477918" s="10"/>
    </row>
    <row r="477919" spans="14:14">
      <c r="N477919" s="10"/>
    </row>
    <row r="477920" spans="14:14">
      <c r="N477920" s="10"/>
    </row>
    <row r="477921" spans="14:14">
      <c r="N477921" s="10"/>
    </row>
    <row r="477922" spans="14:14">
      <c r="N477922" s="10"/>
    </row>
    <row r="477923" spans="14:14">
      <c r="N477923" s="10"/>
    </row>
    <row r="477924" spans="14:14">
      <c r="N477924" s="10"/>
    </row>
    <row r="477925" spans="14:14">
      <c r="N477925" s="10"/>
    </row>
    <row r="477926" spans="14:14">
      <c r="N477926" s="10"/>
    </row>
    <row r="477927" spans="14:14">
      <c r="N477927" s="10"/>
    </row>
    <row r="477928" spans="14:14">
      <c r="N477928" s="10"/>
    </row>
    <row r="477929" spans="14:14">
      <c r="N477929" s="10"/>
    </row>
    <row r="477930" spans="14:14">
      <c r="N477930" s="10"/>
    </row>
    <row r="477931" spans="14:14">
      <c r="N477931" s="10"/>
    </row>
    <row r="477932" spans="14:14">
      <c r="N477932" s="10"/>
    </row>
    <row r="477933" spans="14:14">
      <c r="N477933" s="10"/>
    </row>
    <row r="477934" spans="14:14">
      <c r="N477934" s="10"/>
    </row>
    <row r="477935" spans="14:14">
      <c r="N477935" s="10"/>
    </row>
    <row r="477936" spans="14:14">
      <c r="N477936" s="10"/>
    </row>
    <row r="477937" spans="14:14">
      <c r="N477937" s="10"/>
    </row>
    <row r="477938" spans="14:14">
      <c r="N477938" s="10"/>
    </row>
    <row r="477939" spans="14:14">
      <c r="N477939" s="10"/>
    </row>
    <row r="477940" spans="14:14">
      <c r="N477940" s="10"/>
    </row>
    <row r="477941" spans="14:14">
      <c r="N477941" s="10"/>
    </row>
    <row r="477942" spans="14:14">
      <c r="N477942" s="10"/>
    </row>
    <row r="477943" spans="14:14">
      <c r="N477943" s="10"/>
    </row>
    <row r="477944" spans="14:14">
      <c r="N477944" s="10"/>
    </row>
    <row r="477945" spans="14:14">
      <c r="N477945" s="10"/>
    </row>
    <row r="477946" spans="14:14">
      <c r="N477946" s="10"/>
    </row>
    <row r="477947" spans="14:14">
      <c r="N477947" s="10"/>
    </row>
    <row r="477948" spans="14:14">
      <c r="N477948" s="10"/>
    </row>
    <row r="477949" spans="14:14">
      <c r="N477949" s="10"/>
    </row>
    <row r="477950" spans="14:14">
      <c r="N477950" s="10"/>
    </row>
    <row r="477951" spans="14:14">
      <c r="N477951" s="10"/>
    </row>
    <row r="477952" spans="14:14">
      <c r="N477952" s="10"/>
    </row>
    <row r="477953" spans="14:14">
      <c r="N477953" s="10"/>
    </row>
    <row r="477954" spans="14:14">
      <c r="N477954" s="10"/>
    </row>
    <row r="477955" spans="14:14">
      <c r="N477955" s="10"/>
    </row>
    <row r="477956" spans="14:14">
      <c r="N477956" s="10"/>
    </row>
    <row r="477957" spans="14:14">
      <c r="N477957" s="10"/>
    </row>
    <row r="477958" spans="14:14">
      <c r="N477958" s="10"/>
    </row>
    <row r="477959" spans="14:14">
      <c r="N477959" s="10"/>
    </row>
    <row r="477960" spans="14:14">
      <c r="N477960" s="10"/>
    </row>
    <row r="477961" spans="14:14">
      <c r="N477961" s="10"/>
    </row>
    <row r="477962" spans="14:14">
      <c r="N477962" s="10"/>
    </row>
    <row r="477963" spans="14:14">
      <c r="N477963" s="10"/>
    </row>
    <row r="477964" spans="14:14">
      <c r="N477964" s="10"/>
    </row>
    <row r="477965" spans="14:14">
      <c r="N477965" s="10"/>
    </row>
    <row r="477966" spans="14:14">
      <c r="N477966" s="10"/>
    </row>
    <row r="477967" spans="14:14">
      <c r="N477967" s="10"/>
    </row>
    <row r="477968" spans="14:14">
      <c r="N477968" s="10"/>
    </row>
    <row r="477969" spans="14:14">
      <c r="N477969" s="10"/>
    </row>
    <row r="477970" spans="14:14">
      <c r="N477970" s="10"/>
    </row>
    <row r="477971" spans="14:14">
      <c r="N477971" s="10"/>
    </row>
    <row r="477972" spans="14:14">
      <c r="N477972" s="10"/>
    </row>
    <row r="477973" spans="14:14">
      <c r="N477973" s="10"/>
    </row>
    <row r="477974" spans="14:14">
      <c r="N477974" s="10"/>
    </row>
    <row r="477975" spans="14:14">
      <c r="N477975" s="10"/>
    </row>
    <row r="477976" spans="14:14">
      <c r="N477976" s="10"/>
    </row>
    <row r="477977" spans="14:14">
      <c r="N477977" s="10"/>
    </row>
    <row r="477978" spans="14:14">
      <c r="N477978" s="10"/>
    </row>
    <row r="477979" spans="14:14">
      <c r="N477979" s="10"/>
    </row>
    <row r="477980" spans="14:14">
      <c r="N477980" s="10"/>
    </row>
    <row r="477981" spans="14:14">
      <c r="N477981" s="10"/>
    </row>
    <row r="477982" spans="14:14">
      <c r="N477982" s="10"/>
    </row>
    <row r="477983" spans="14:14">
      <c r="N477983" s="10"/>
    </row>
    <row r="477984" spans="14:14">
      <c r="N477984" s="10"/>
    </row>
    <row r="477985" spans="14:14">
      <c r="N477985" s="10"/>
    </row>
    <row r="477986" spans="14:14">
      <c r="N477986" s="10"/>
    </row>
    <row r="477987" spans="14:14">
      <c r="N477987" s="10"/>
    </row>
    <row r="477988" spans="14:14">
      <c r="N477988" s="10"/>
    </row>
    <row r="477989" spans="14:14">
      <c r="N477989" s="10"/>
    </row>
    <row r="477990" spans="14:14">
      <c r="N477990" s="10"/>
    </row>
    <row r="477991" spans="14:14">
      <c r="N477991" s="10"/>
    </row>
    <row r="477992" spans="14:14">
      <c r="N477992" s="10"/>
    </row>
    <row r="477993" spans="14:14">
      <c r="N477993" s="10"/>
    </row>
    <row r="477994" spans="14:14">
      <c r="N477994" s="10"/>
    </row>
    <row r="477995" spans="14:14">
      <c r="N477995" s="10"/>
    </row>
    <row r="477996" spans="14:14">
      <c r="N477996" s="10"/>
    </row>
    <row r="477997" spans="14:14">
      <c r="N477997" s="10"/>
    </row>
    <row r="477998" spans="14:14">
      <c r="N477998" s="10"/>
    </row>
    <row r="477999" spans="14:14">
      <c r="N477999" s="10"/>
    </row>
    <row r="478000" spans="14:14">
      <c r="N478000" s="10"/>
    </row>
    <row r="478001" spans="14:14">
      <c r="N478001" s="10"/>
    </row>
    <row r="478002" spans="14:14">
      <c r="N478002" s="10"/>
    </row>
    <row r="478003" spans="14:14">
      <c r="N478003" s="10"/>
    </row>
    <row r="478004" spans="14:14">
      <c r="N478004" s="10"/>
    </row>
    <row r="478005" spans="14:14">
      <c r="N478005" s="10"/>
    </row>
    <row r="478006" spans="14:14">
      <c r="N478006" s="10"/>
    </row>
    <row r="478007" spans="14:14">
      <c r="N478007" s="10"/>
    </row>
    <row r="478008" spans="14:14">
      <c r="N478008" s="10"/>
    </row>
    <row r="478009" spans="14:14">
      <c r="N478009" s="10"/>
    </row>
    <row r="478010" spans="14:14">
      <c r="N478010" s="10"/>
    </row>
    <row r="478011" spans="14:14">
      <c r="N478011" s="10"/>
    </row>
    <row r="478012" spans="14:14">
      <c r="N478012" s="10"/>
    </row>
    <row r="478013" spans="14:14">
      <c r="N478013" s="10"/>
    </row>
    <row r="478014" spans="14:14">
      <c r="N478014" s="10"/>
    </row>
    <row r="478015" spans="14:14">
      <c r="N478015" s="10"/>
    </row>
    <row r="478016" spans="14:14">
      <c r="N478016" s="10"/>
    </row>
    <row r="478017" spans="14:14">
      <c r="N478017" s="10"/>
    </row>
    <row r="478018" spans="14:14">
      <c r="N478018" s="10"/>
    </row>
    <row r="478019" spans="14:14">
      <c r="N478019" s="10"/>
    </row>
    <row r="478020" spans="14:14">
      <c r="N478020" s="10"/>
    </row>
    <row r="478021" spans="14:14">
      <c r="N478021" s="10"/>
    </row>
    <row r="478022" spans="14:14">
      <c r="N478022" s="10"/>
    </row>
    <row r="478023" spans="14:14">
      <c r="N478023" s="10"/>
    </row>
    <row r="478024" spans="14:14">
      <c r="N478024" s="10"/>
    </row>
    <row r="478025" spans="14:14">
      <c r="N478025" s="10"/>
    </row>
    <row r="478026" spans="14:14">
      <c r="N478026" s="10"/>
    </row>
    <row r="478027" spans="14:14">
      <c r="N478027" s="10"/>
    </row>
    <row r="478028" spans="14:14">
      <c r="N478028" s="10"/>
    </row>
    <row r="478029" spans="14:14">
      <c r="N478029" s="10"/>
    </row>
    <row r="478030" spans="14:14">
      <c r="N478030" s="10"/>
    </row>
    <row r="478031" spans="14:14">
      <c r="N478031" s="10"/>
    </row>
    <row r="478032" spans="14:14">
      <c r="N478032" s="10"/>
    </row>
    <row r="478033" spans="14:14">
      <c r="N478033" s="10"/>
    </row>
    <row r="478034" spans="14:14">
      <c r="N478034" s="10"/>
    </row>
    <row r="478035" spans="14:14">
      <c r="N478035" s="10"/>
    </row>
    <row r="478036" spans="14:14">
      <c r="N478036" s="10"/>
    </row>
    <row r="478037" spans="14:14">
      <c r="N478037" s="10"/>
    </row>
    <row r="478038" spans="14:14">
      <c r="N478038" s="10"/>
    </row>
    <row r="478039" spans="14:14">
      <c r="N478039" s="10"/>
    </row>
    <row r="478040" spans="14:14">
      <c r="N478040" s="10"/>
    </row>
    <row r="478041" spans="14:14">
      <c r="N478041" s="10"/>
    </row>
    <row r="478042" spans="14:14">
      <c r="N478042" s="10"/>
    </row>
    <row r="478043" spans="14:14">
      <c r="N478043" s="10"/>
    </row>
    <row r="478044" spans="14:14">
      <c r="N478044" s="10"/>
    </row>
    <row r="478045" spans="14:14">
      <c r="N478045" s="10"/>
    </row>
    <row r="478046" spans="14:14">
      <c r="N478046" s="10"/>
    </row>
    <row r="478047" spans="14:14">
      <c r="N478047" s="10"/>
    </row>
    <row r="478048" spans="14:14">
      <c r="N478048" s="10"/>
    </row>
    <row r="478049" spans="14:14">
      <c r="N478049" s="10"/>
    </row>
    <row r="478050" spans="14:14">
      <c r="N478050" s="10"/>
    </row>
    <row r="478051" spans="14:14">
      <c r="N478051" s="10"/>
    </row>
    <row r="478052" spans="14:14">
      <c r="N478052" s="10"/>
    </row>
    <row r="478053" spans="14:14">
      <c r="N478053" s="10"/>
    </row>
    <row r="478054" spans="14:14">
      <c r="N478054" s="10"/>
    </row>
    <row r="478055" spans="14:14">
      <c r="N478055" s="10"/>
    </row>
    <row r="478056" spans="14:14">
      <c r="N478056" s="10"/>
    </row>
    <row r="478057" spans="14:14">
      <c r="N478057" s="10"/>
    </row>
    <row r="478058" spans="14:14">
      <c r="N478058" s="10"/>
    </row>
    <row r="478059" spans="14:14">
      <c r="N478059" s="10"/>
    </row>
    <row r="478060" spans="14:14">
      <c r="N478060" s="10"/>
    </row>
    <row r="478061" spans="14:14">
      <c r="N478061" s="10"/>
    </row>
    <row r="478062" spans="14:14">
      <c r="N478062" s="10"/>
    </row>
    <row r="478063" spans="14:14">
      <c r="N478063" s="10"/>
    </row>
    <row r="478064" spans="14:14">
      <c r="N478064" s="10"/>
    </row>
    <row r="478065" spans="14:14">
      <c r="N478065" s="10"/>
    </row>
    <row r="478066" spans="14:14">
      <c r="N478066" s="10"/>
    </row>
    <row r="478067" spans="14:14">
      <c r="N478067" s="10"/>
    </row>
    <row r="478068" spans="14:14">
      <c r="N478068" s="10"/>
    </row>
    <row r="478069" spans="14:14">
      <c r="N478069" s="10"/>
    </row>
    <row r="478070" spans="14:14">
      <c r="N478070" s="10"/>
    </row>
    <row r="478071" spans="14:14">
      <c r="N478071" s="10"/>
    </row>
    <row r="478072" spans="14:14">
      <c r="N478072" s="10"/>
    </row>
    <row r="478073" spans="14:14">
      <c r="N478073" s="10"/>
    </row>
    <row r="478074" spans="14:14">
      <c r="N478074" s="10"/>
    </row>
    <row r="478075" spans="14:14">
      <c r="N478075" s="10"/>
    </row>
    <row r="478076" spans="14:14">
      <c r="N478076" s="10"/>
    </row>
    <row r="478077" spans="14:14">
      <c r="N478077" s="10"/>
    </row>
    <row r="478078" spans="14:14">
      <c r="N478078" s="10"/>
    </row>
    <row r="478079" spans="14:14">
      <c r="N478079" s="10"/>
    </row>
    <row r="478080" spans="14:14">
      <c r="N478080" s="10"/>
    </row>
    <row r="478081" spans="14:14">
      <c r="N478081" s="10"/>
    </row>
    <row r="478082" spans="14:14">
      <c r="N478082" s="10"/>
    </row>
    <row r="478083" spans="14:14">
      <c r="N478083" s="10"/>
    </row>
    <row r="478084" spans="14:14">
      <c r="N478084" s="10"/>
    </row>
    <row r="478085" spans="14:14">
      <c r="N478085" s="10"/>
    </row>
    <row r="478086" spans="14:14">
      <c r="N478086" s="10"/>
    </row>
    <row r="478087" spans="14:14">
      <c r="N478087" s="10"/>
    </row>
    <row r="478088" spans="14:14">
      <c r="N478088" s="10"/>
    </row>
    <row r="478089" spans="14:14">
      <c r="N478089" s="10"/>
    </row>
    <row r="478090" spans="14:14">
      <c r="N478090" s="10"/>
    </row>
    <row r="478091" spans="14:14">
      <c r="N478091" s="10"/>
    </row>
    <row r="478092" spans="14:14">
      <c r="N478092" s="10"/>
    </row>
    <row r="478093" spans="14:14">
      <c r="N478093" s="10"/>
    </row>
    <row r="478094" spans="14:14">
      <c r="N478094" s="10"/>
    </row>
    <row r="478095" spans="14:14">
      <c r="N478095" s="10"/>
    </row>
    <row r="478096" spans="14:14">
      <c r="N478096" s="10"/>
    </row>
    <row r="478097" spans="14:14">
      <c r="N478097" s="10"/>
    </row>
    <row r="478098" spans="14:14">
      <c r="N478098" s="10"/>
    </row>
    <row r="478099" spans="14:14">
      <c r="N478099" s="10"/>
    </row>
    <row r="478100" spans="14:14">
      <c r="N478100" s="10"/>
    </row>
    <row r="478101" spans="14:14">
      <c r="N478101" s="10"/>
    </row>
    <row r="478102" spans="14:14">
      <c r="N478102" s="10"/>
    </row>
    <row r="478103" spans="14:14">
      <c r="N478103" s="10"/>
    </row>
    <row r="478104" spans="14:14">
      <c r="N478104" s="10"/>
    </row>
    <row r="478105" spans="14:14">
      <c r="N478105" s="10"/>
    </row>
    <row r="478106" spans="14:14">
      <c r="N478106" s="10"/>
    </row>
    <row r="478107" spans="14:14">
      <c r="N478107" s="10"/>
    </row>
    <row r="478108" spans="14:14">
      <c r="N478108" s="10"/>
    </row>
    <row r="478109" spans="14:14">
      <c r="N478109" s="10"/>
    </row>
    <row r="478110" spans="14:14">
      <c r="N478110" s="10"/>
    </row>
    <row r="478111" spans="14:14">
      <c r="N478111" s="10"/>
    </row>
    <row r="478112" spans="14:14">
      <c r="N478112" s="10"/>
    </row>
    <row r="478113" spans="14:14">
      <c r="N478113" s="10"/>
    </row>
    <row r="478114" spans="14:14">
      <c r="N478114" s="10"/>
    </row>
    <row r="478115" spans="14:14">
      <c r="N478115" s="10"/>
    </row>
    <row r="478116" spans="14:14">
      <c r="N478116" s="10"/>
    </row>
    <row r="478117" spans="14:14">
      <c r="N478117" s="10"/>
    </row>
    <row r="478118" spans="14:14">
      <c r="N478118" s="10"/>
    </row>
    <row r="478119" spans="14:14">
      <c r="N478119" s="10"/>
    </row>
    <row r="478120" spans="14:14">
      <c r="N478120" s="10"/>
    </row>
    <row r="478121" spans="14:14">
      <c r="N478121" s="10"/>
    </row>
    <row r="478122" spans="14:14">
      <c r="N478122" s="10"/>
    </row>
    <row r="478123" spans="14:14">
      <c r="N478123" s="10"/>
    </row>
    <row r="478124" spans="14:14">
      <c r="N478124" s="10"/>
    </row>
    <row r="478125" spans="14:14">
      <c r="N478125" s="10"/>
    </row>
    <row r="478126" spans="14:14">
      <c r="N478126" s="10"/>
    </row>
    <row r="478127" spans="14:14">
      <c r="N478127" s="10"/>
    </row>
    <row r="478128" spans="14:14">
      <c r="N478128" s="10"/>
    </row>
    <row r="478129" spans="14:14">
      <c r="N478129" s="10"/>
    </row>
    <row r="478130" spans="14:14">
      <c r="N478130" s="10"/>
    </row>
    <row r="478131" spans="14:14">
      <c r="N478131" s="10"/>
    </row>
    <row r="478132" spans="14:14">
      <c r="N478132" s="10"/>
    </row>
    <row r="478133" spans="14:14">
      <c r="N478133" s="10"/>
    </row>
    <row r="478134" spans="14:14">
      <c r="N478134" s="10"/>
    </row>
    <row r="478135" spans="14:14">
      <c r="N478135" s="10"/>
    </row>
    <row r="478136" spans="14:14">
      <c r="N478136" s="10"/>
    </row>
    <row r="478137" spans="14:14">
      <c r="N478137" s="10"/>
    </row>
    <row r="478138" spans="14:14">
      <c r="N478138" s="10"/>
    </row>
    <row r="478139" spans="14:14">
      <c r="N478139" s="10"/>
    </row>
    <row r="478140" spans="14:14">
      <c r="N478140" s="10"/>
    </row>
    <row r="478141" spans="14:14">
      <c r="N478141" s="10"/>
    </row>
    <row r="478142" spans="14:14">
      <c r="N478142" s="10"/>
    </row>
    <row r="478143" spans="14:14">
      <c r="N478143" s="10"/>
    </row>
    <row r="478144" spans="14:14">
      <c r="N478144" s="10"/>
    </row>
    <row r="478145" spans="14:14">
      <c r="N478145" s="10"/>
    </row>
    <row r="478146" spans="14:14">
      <c r="N478146" s="10"/>
    </row>
    <row r="478147" spans="14:14">
      <c r="N478147" s="10"/>
    </row>
    <row r="478148" spans="14:14">
      <c r="N478148" s="10"/>
    </row>
    <row r="478149" spans="14:14">
      <c r="N478149" s="10"/>
    </row>
    <row r="478150" spans="14:14">
      <c r="N478150" s="10"/>
    </row>
    <row r="478151" spans="14:14">
      <c r="N478151" s="10"/>
    </row>
    <row r="478152" spans="14:14">
      <c r="N478152" s="10"/>
    </row>
    <row r="478153" spans="14:14">
      <c r="N478153" s="10"/>
    </row>
    <row r="478154" spans="14:14">
      <c r="N478154" s="10"/>
    </row>
    <row r="478155" spans="14:14">
      <c r="N478155" s="10"/>
    </row>
    <row r="478156" spans="14:14">
      <c r="N478156" s="10"/>
    </row>
    <row r="478157" spans="14:14">
      <c r="N478157" s="10"/>
    </row>
    <row r="478158" spans="14:14">
      <c r="N478158" s="10"/>
    </row>
    <row r="478159" spans="14:14">
      <c r="N478159" s="10"/>
    </row>
    <row r="478160" spans="14:14">
      <c r="N478160" s="10"/>
    </row>
    <row r="478161" spans="14:14">
      <c r="N478161" s="10"/>
    </row>
    <row r="478162" spans="14:14">
      <c r="N478162" s="10"/>
    </row>
    <row r="478163" spans="14:14">
      <c r="N478163" s="10"/>
    </row>
    <row r="478164" spans="14:14">
      <c r="N478164" s="10"/>
    </row>
    <row r="478165" spans="14:14">
      <c r="N478165" s="10"/>
    </row>
    <row r="478166" spans="14:14">
      <c r="N478166" s="10"/>
    </row>
    <row r="478167" spans="14:14">
      <c r="N478167" s="10"/>
    </row>
    <row r="478168" spans="14:14">
      <c r="N478168" s="10"/>
    </row>
    <row r="478169" spans="14:14">
      <c r="N478169" s="10"/>
    </row>
    <row r="478170" spans="14:14">
      <c r="N478170" s="10"/>
    </row>
    <row r="478171" spans="14:14">
      <c r="N478171" s="10"/>
    </row>
    <row r="478172" spans="14:14">
      <c r="N478172" s="10"/>
    </row>
    <row r="478173" spans="14:14">
      <c r="N478173" s="10"/>
    </row>
    <row r="478174" spans="14:14">
      <c r="N478174" s="10"/>
    </row>
    <row r="478175" spans="14:14">
      <c r="N478175" s="10"/>
    </row>
    <row r="478176" spans="14:14">
      <c r="N478176" s="10"/>
    </row>
    <row r="478177" spans="14:14">
      <c r="N478177" s="10"/>
    </row>
    <row r="478178" spans="14:14">
      <c r="N478178" s="10"/>
    </row>
    <row r="478179" spans="14:14">
      <c r="N478179" s="10"/>
    </row>
    <row r="478180" spans="14:14">
      <c r="N478180" s="10"/>
    </row>
    <row r="478181" spans="14:14">
      <c r="N478181" s="10"/>
    </row>
    <row r="478182" spans="14:14">
      <c r="N478182" s="10"/>
    </row>
    <row r="478183" spans="14:14">
      <c r="N478183" s="10"/>
    </row>
    <row r="478184" spans="14:14">
      <c r="N478184" s="10"/>
    </row>
    <row r="478185" spans="14:14">
      <c r="N478185" s="10"/>
    </row>
    <row r="478186" spans="14:14">
      <c r="N478186" s="10"/>
    </row>
    <row r="478187" spans="14:14">
      <c r="N478187" s="10"/>
    </row>
    <row r="478188" spans="14:14">
      <c r="N478188" s="10"/>
    </row>
    <row r="478189" spans="14:14">
      <c r="N478189" s="10"/>
    </row>
    <row r="478190" spans="14:14">
      <c r="N478190" s="10"/>
    </row>
    <row r="478191" spans="14:14">
      <c r="N478191" s="10"/>
    </row>
    <row r="478192" spans="14:14">
      <c r="N478192" s="10"/>
    </row>
    <row r="478193" spans="14:14">
      <c r="N478193" s="10"/>
    </row>
    <row r="478194" spans="14:14">
      <c r="N478194" s="10"/>
    </row>
    <row r="478195" spans="14:14">
      <c r="N478195" s="10"/>
    </row>
    <row r="478196" spans="14:14">
      <c r="N478196" s="10"/>
    </row>
    <row r="478197" spans="14:14">
      <c r="N478197" s="10"/>
    </row>
    <row r="478198" spans="14:14">
      <c r="N478198" s="10"/>
    </row>
    <row r="478199" spans="14:14">
      <c r="N478199" s="10"/>
    </row>
    <row r="478200" spans="14:14">
      <c r="N478200" s="10"/>
    </row>
    <row r="478201" spans="14:14">
      <c r="N478201" s="10"/>
    </row>
    <row r="478202" spans="14:14">
      <c r="N478202" s="10"/>
    </row>
    <row r="478203" spans="14:14">
      <c r="N478203" s="10"/>
    </row>
    <row r="478204" spans="14:14">
      <c r="N478204" s="10"/>
    </row>
    <row r="478205" spans="14:14">
      <c r="N478205" s="10"/>
    </row>
    <row r="478206" spans="14:14">
      <c r="N478206" s="10"/>
    </row>
    <row r="478207" spans="14:14">
      <c r="N478207" s="10"/>
    </row>
    <row r="478208" spans="14:14">
      <c r="N478208" s="10"/>
    </row>
    <row r="478209" spans="14:14">
      <c r="N478209" s="10"/>
    </row>
    <row r="478210" spans="14:14">
      <c r="N478210" s="10"/>
    </row>
    <row r="478211" spans="14:14">
      <c r="N478211" s="10"/>
    </row>
    <row r="478212" spans="14:14">
      <c r="N478212" s="10"/>
    </row>
    <row r="478213" spans="14:14">
      <c r="N478213" s="10"/>
    </row>
    <row r="478214" spans="14:14">
      <c r="N478214" s="10"/>
    </row>
    <row r="478215" spans="14:14">
      <c r="N478215" s="10"/>
    </row>
    <row r="478216" spans="14:14">
      <c r="N478216" s="10"/>
    </row>
    <row r="478217" spans="14:14">
      <c r="N478217" s="10"/>
    </row>
    <row r="478218" spans="14:14">
      <c r="N478218" s="10"/>
    </row>
    <row r="478219" spans="14:14">
      <c r="N478219" s="10"/>
    </row>
    <row r="478220" spans="14:14">
      <c r="N478220" s="10"/>
    </row>
    <row r="478221" spans="14:14">
      <c r="N478221" s="10"/>
    </row>
    <row r="478222" spans="14:14">
      <c r="N478222" s="10"/>
    </row>
    <row r="478223" spans="14:14">
      <c r="N478223" s="10"/>
    </row>
    <row r="478224" spans="14:14">
      <c r="N478224" s="10"/>
    </row>
    <row r="478225" spans="14:14">
      <c r="N478225" s="10"/>
    </row>
    <row r="478226" spans="14:14">
      <c r="N478226" s="10"/>
    </row>
    <row r="478227" spans="14:14">
      <c r="N478227" s="10"/>
    </row>
    <row r="478228" spans="14:14">
      <c r="N478228" s="10"/>
    </row>
    <row r="478229" spans="14:14">
      <c r="N478229" s="10"/>
    </row>
    <row r="478230" spans="14:14">
      <c r="N478230" s="10"/>
    </row>
    <row r="478231" spans="14:14">
      <c r="N478231" s="10"/>
    </row>
    <row r="478232" spans="14:14">
      <c r="N478232" s="10"/>
    </row>
    <row r="478233" spans="14:14">
      <c r="N478233" s="10"/>
    </row>
    <row r="478234" spans="14:14">
      <c r="N478234" s="10"/>
    </row>
    <row r="478235" spans="14:14">
      <c r="N478235" s="10"/>
    </row>
    <row r="478236" spans="14:14">
      <c r="N478236" s="10"/>
    </row>
    <row r="478237" spans="14:14">
      <c r="N478237" s="10"/>
    </row>
    <row r="478238" spans="14:14">
      <c r="N478238" s="10"/>
    </row>
    <row r="478239" spans="14:14">
      <c r="N478239" s="10"/>
    </row>
    <row r="478240" spans="14:14">
      <c r="N478240" s="10"/>
    </row>
    <row r="478241" spans="14:14">
      <c r="N478241" s="10"/>
    </row>
    <row r="478242" spans="14:14">
      <c r="N478242" s="10"/>
    </row>
    <row r="478243" spans="14:14">
      <c r="N478243" s="10"/>
    </row>
    <row r="478244" spans="14:14">
      <c r="N478244" s="10"/>
    </row>
    <row r="478245" spans="14:14">
      <c r="N478245" s="10"/>
    </row>
    <row r="478246" spans="14:14">
      <c r="N478246" s="10"/>
    </row>
    <row r="478247" spans="14:14">
      <c r="N478247" s="10"/>
    </row>
    <row r="478248" spans="14:14">
      <c r="N478248" s="10"/>
    </row>
    <row r="478249" spans="14:14">
      <c r="N478249" s="10"/>
    </row>
    <row r="478250" spans="14:14">
      <c r="N478250" s="10"/>
    </row>
    <row r="478251" spans="14:14">
      <c r="N478251" s="10"/>
    </row>
    <row r="478252" spans="14:14">
      <c r="N478252" s="10"/>
    </row>
    <row r="478253" spans="14:14">
      <c r="N478253" s="10"/>
    </row>
    <row r="478254" spans="14:14">
      <c r="N478254" s="10"/>
    </row>
    <row r="478255" spans="14:14">
      <c r="N478255" s="10"/>
    </row>
    <row r="478256" spans="14:14">
      <c r="N478256" s="10"/>
    </row>
    <row r="478257" spans="14:14">
      <c r="N478257" s="10"/>
    </row>
    <row r="478258" spans="14:14">
      <c r="N478258" s="10"/>
    </row>
    <row r="478259" spans="14:14">
      <c r="N478259" s="10"/>
    </row>
    <row r="478260" spans="14:14">
      <c r="N478260" s="10"/>
    </row>
    <row r="478261" spans="14:14">
      <c r="N478261" s="10"/>
    </row>
    <row r="478262" spans="14:14">
      <c r="N478262" s="10"/>
    </row>
    <row r="478263" spans="14:14">
      <c r="N478263" s="10"/>
    </row>
    <row r="478264" spans="14:14">
      <c r="N478264" s="10"/>
    </row>
    <row r="478265" spans="14:14">
      <c r="N478265" s="10"/>
    </row>
    <row r="478266" spans="14:14">
      <c r="N478266" s="10"/>
    </row>
    <row r="478267" spans="14:14">
      <c r="N478267" s="10"/>
    </row>
    <row r="478268" spans="14:14">
      <c r="N478268" s="10"/>
    </row>
    <row r="478269" spans="14:14">
      <c r="N478269" s="10"/>
    </row>
    <row r="478270" spans="14:14">
      <c r="N478270" s="10"/>
    </row>
    <row r="478271" spans="14:14">
      <c r="N478271" s="10"/>
    </row>
    <row r="478272" spans="14:14">
      <c r="N478272" s="10"/>
    </row>
    <row r="478273" spans="14:14">
      <c r="N478273" s="10"/>
    </row>
    <row r="478274" spans="14:14">
      <c r="N478274" s="10"/>
    </row>
    <row r="478275" spans="14:14">
      <c r="N478275" s="10"/>
    </row>
    <row r="478276" spans="14:14">
      <c r="N478276" s="10"/>
    </row>
    <row r="478277" spans="14:14">
      <c r="N478277" s="10"/>
    </row>
    <row r="478278" spans="14:14">
      <c r="N478278" s="10"/>
    </row>
    <row r="478279" spans="14:14">
      <c r="N478279" s="10"/>
    </row>
    <row r="478280" spans="14:14">
      <c r="N478280" s="10"/>
    </row>
    <row r="478281" spans="14:14">
      <c r="N478281" s="10"/>
    </row>
    <row r="478282" spans="14:14">
      <c r="N478282" s="10"/>
    </row>
    <row r="478283" spans="14:14">
      <c r="N478283" s="10"/>
    </row>
    <row r="478284" spans="14:14">
      <c r="N478284" s="10"/>
    </row>
    <row r="478285" spans="14:14">
      <c r="N478285" s="10"/>
    </row>
    <row r="478286" spans="14:14">
      <c r="N478286" s="10"/>
    </row>
    <row r="478287" spans="14:14">
      <c r="N478287" s="10"/>
    </row>
    <row r="478288" spans="14:14">
      <c r="N478288" s="10"/>
    </row>
    <row r="478289" spans="14:14">
      <c r="N478289" s="10"/>
    </row>
    <row r="478290" spans="14:14">
      <c r="N478290" s="10"/>
    </row>
    <row r="478291" spans="14:14">
      <c r="N478291" s="10"/>
    </row>
    <row r="478292" spans="14:14">
      <c r="N478292" s="10"/>
    </row>
    <row r="478293" spans="14:14">
      <c r="N478293" s="10"/>
    </row>
    <row r="478294" spans="14:14">
      <c r="N478294" s="10"/>
    </row>
    <row r="478295" spans="14:14">
      <c r="N478295" s="10"/>
    </row>
    <row r="478296" spans="14:14">
      <c r="N478296" s="10"/>
    </row>
    <row r="478297" spans="14:14">
      <c r="N478297" s="10"/>
    </row>
    <row r="478298" spans="14:14">
      <c r="N478298" s="10"/>
    </row>
    <row r="478299" spans="14:14">
      <c r="N478299" s="10"/>
    </row>
    <row r="478300" spans="14:14">
      <c r="N478300" s="10"/>
    </row>
    <row r="478301" spans="14:14">
      <c r="N478301" s="10"/>
    </row>
    <row r="478302" spans="14:14">
      <c r="N478302" s="10"/>
    </row>
    <row r="478303" spans="14:14">
      <c r="N478303" s="10"/>
    </row>
    <row r="478304" spans="14:14">
      <c r="N478304" s="10"/>
    </row>
    <row r="478305" spans="14:14">
      <c r="N478305" s="10"/>
    </row>
    <row r="478306" spans="14:14">
      <c r="N478306" s="10"/>
    </row>
    <row r="478307" spans="14:14">
      <c r="N478307" s="10"/>
    </row>
    <row r="478308" spans="14:14">
      <c r="N478308" s="10"/>
    </row>
    <row r="478309" spans="14:14">
      <c r="N478309" s="10"/>
    </row>
    <row r="478310" spans="14:14">
      <c r="N478310" s="10"/>
    </row>
    <row r="478311" spans="14:14">
      <c r="N478311" s="10"/>
    </row>
    <row r="478312" spans="14:14">
      <c r="N478312" s="10"/>
    </row>
    <row r="478313" spans="14:14">
      <c r="N478313" s="10"/>
    </row>
    <row r="478314" spans="14:14">
      <c r="N478314" s="10"/>
    </row>
    <row r="478315" spans="14:14">
      <c r="N478315" s="10"/>
    </row>
    <row r="478316" spans="14:14">
      <c r="N478316" s="10"/>
    </row>
    <row r="478317" spans="14:14">
      <c r="N478317" s="10"/>
    </row>
    <row r="478318" spans="14:14">
      <c r="N478318" s="10"/>
    </row>
    <row r="478319" spans="14:14">
      <c r="N478319" s="10"/>
    </row>
    <row r="478320" spans="14:14">
      <c r="N478320" s="10"/>
    </row>
    <row r="478321" spans="14:14">
      <c r="N478321" s="10"/>
    </row>
    <row r="478322" spans="14:14">
      <c r="N478322" s="10"/>
    </row>
    <row r="478323" spans="14:14">
      <c r="N478323" s="10"/>
    </row>
    <row r="478324" spans="14:14">
      <c r="N478324" s="10"/>
    </row>
    <row r="478325" spans="14:14">
      <c r="N478325" s="10"/>
    </row>
    <row r="478326" spans="14:14">
      <c r="N478326" s="10"/>
    </row>
    <row r="478327" spans="14:14">
      <c r="N478327" s="10"/>
    </row>
    <row r="478328" spans="14:14">
      <c r="N478328" s="10"/>
    </row>
    <row r="478329" spans="14:14">
      <c r="N478329" s="10"/>
    </row>
    <row r="478330" spans="14:14">
      <c r="N478330" s="10"/>
    </row>
    <row r="478331" spans="14:14">
      <c r="N478331" s="10"/>
    </row>
    <row r="478332" spans="14:14">
      <c r="N478332" s="10"/>
    </row>
    <row r="478333" spans="14:14">
      <c r="N478333" s="10"/>
    </row>
    <row r="478334" spans="14:14">
      <c r="N478334" s="10"/>
    </row>
    <row r="478335" spans="14:14">
      <c r="N478335" s="10"/>
    </row>
    <row r="478336" spans="14:14">
      <c r="N478336" s="10"/>
    </row>
    <row r="478337" spans="14:14">
      <c r="N478337" s="10"/>
    </row>
    <row r="478338" spans="14:14">
      <c r="N478338" s="10"/>
    </row>
    <row r="478339" spans="14:14">
      <c r="N478339" s="10"/>
    </row>
    <row r="478340" spans="14:14">
      <c r="N478340" s="10"/>
    </row>
    <row r="478341" spans="14:14">
      <c r="N478341" s="10"/>
    </row>
    <row r="478342" spans="14:14">
      <c r="N478342" s="10"/>
    </row>
    <row r="478343" spans="14:14">
      <c r="N478343" s="10"/>
    </row>
    <row r="478344" spans="14:14">
      <c r="N478344" s="10"/>
    </row>
    <row r="478345" spans="14:14">
      <c r="N478345" s="10"/>
    </row>
    <row r="478346" spans="14:14">
      <c r="N478346" s="10"/>
    </row>
    <row r="478347" spans="14:14">
      <c r="N478347" s="10"/>
    </row>
    <row r="478348" spans="14:14">
      <c r="N478348" s="10"/>
    </row>
    <row r="478349" spans="14:14">
      <c r="N478349" s="10"/>
    </row>
    <row r="478350" spans="14:14">
      <c r="N478350" s="10"/>
    </row>
    <row r="478351" spans="14:14">
      <c r="N478351" s="10"/>
    </row>
    <row r="478352" spans="14:14">
      <c r="N478352" s="10"/>
    </row>
    <row r="478353" spans="14:14">
      <c r="N478353" s="10"/>
    </row>
    <row r="478354" spans="14:14">
      <c r="N478354" s="10"/>
    </row>
    <row r="478355" spans="14:14">
      <c r="N478355" s="10"/>
    </row>
    <row r="478356" spans="14:14">
      <c r="N478356" s="10"/>
    </row>
    <row r="478357" spans="14:14">
      <c r="N478357" s="10"/>
    </row>
    <row r="478358" spans="14:14">
      <c r="N478358" s="10"/>
    </row>
    <row r="478359" spans="14:14">
      <c r="N478359" s="10"/>
    </row>
    <row r="478360" spans="14:14">
      <c r="N478360" s="10"/>
    </row>
    <row r="478361" spans="14:14">
      <c r="N478361" s="10"/>
    </row>
    <row r="478362" spans="14:14">
      <c r="N478362" s="10"/>
    </row>
    <row r="478363" spans="14:14">
      <c r="N478363" s="10"/>
    </row>
    <row r="478364" spans="14:14">
      <c r="N478364" s="10"/>
    </row>
    <row r="478365" spans="14:14">
      <c r="N478365" s="10"/>
    </row>
    <row r="478366" spans="14:14">
      <c r="N478366" s="10"/>
    </row>
    <row r="478367" spans="14:14">
      <c r="N478367" s="10"/>
    </row>
    <row r="478368" spans="14:14">
      <c r="N478368" s="10"/>
    </row>
    <row r="478369" spans="14:14">
      <c r="N478369" s="10"/>
    </row>
    <row r="478370" spans="14:14">
      <c r="N478370" s="10"/>
    </row>
    <row r="478371" spans="14:14">
      <c r="N478371" s="10"/>
    </row>
    <row r="478372" spans="14:14">
      <c r="N478372" s="10"/>
    </row>
    <row r="478373" spans="14:14">
      <c r="N478373" s="10"/>
    </row>
    <row r="478374" spans="14:14">
      <c r="N478374" s="10"/>
    </row>
    <row r="478375" spans="14:14">
      <c r="N478375" s="10"/>
    </row>
    <row r="478376" spans="14:14">
      <c r="N478376" s="10"/>
    </row>
    <row r="478377" spans="14:14">
      <c r="N478377" s="10"/>
    </row>
    <row r="478378" spans="14:14">
      <c r="N478378" s="10"/>
    </row>
    <row r="478379" spans="14:14">
      <c r="N478379" s="10"/>
    </row>
    <row r="478380" spans="14:14">
      <c r="N478380" s="10"/>
    </row>
    <row r="478381" spans="14:14">
      <c r="N478381" s="10"/>
    </row>
    <row r="478382" spans="14:14">
      <c r="N478382" s="10"/>
    </row>
    <row r="478383" spans="14:14">
      <c r="N478383" s="10"/>
    </row>
    <row r="478384" spans="14:14">
      <c r="N478384" s="10"/>
    </row>
    <row r="478385" spans="14:14">
      <c r="N478385" s="10"/>
    </row>
    <row r="478386" spans="14:14">
      <c r="N478386" s="10"/>
    </row>
    <row r="478387" spans="14:14">
      <c r="N478387" s="10"/>
    </row>
    <row r="478388" spans="14:14">
      <c r="N478388" s="10"/>
    </row>
    <row r="478389" spans="14:14">
      <c r="N478389" s="10"/>
    </row>
    <row r="478390" spans="14:14">
      <c r="N478390" s="10"/>
    </row>
    <row r="478391" spans="14:14">
      <c r="N478391" s="10"/>
    </row>
    <row r="478392" spans="14:14">
      <c r="N478392" s="10"/>
    </row>
    <row r="478393" spans="14:14">
      <c r="N478393" s="10"/>
    </row>
    <row r="478394" spans="14:14">
      <c r="N478394" s="10"/>
    </row>
    <row r="478395" spans="14:14">
      <c r="N478395" s="10"/>
    </row>
    <row r="478396" spans="14:14">
      <c r="N478396" s="10"/>
    </row>
    <row r="478397" spans="14:14">
      <c r="N478397" s="10"/>
    </row>
    <row r="478398" spans="14:14">
      <c r="N478398" s="10"/>
    </row>
    <row r="478399" spans="14:14">
      <c r="N478399" s="10"/>
    </row>
    <row r="478400" spans="14:14">
      <c r="N478400" s="10"/>
    </row>
    <row r="478401" spans="14:14">
      <c r="N478401" s="10"/>
    </row>
    <row r="478402" spans="14:14">
      <c r="N478402" s="10"/>
    </row>
    <row r="478403" spans="14:14">
      <c r="N478403" s="10"/>
    </row>
    <row r="478404" spans="14:14">
      <c r="N478404" s="10"/>
    </row>
    <row r="478405" spans="14:14">
      <c r="N478405" s="10"/>
    </row>
    <row r="478406" spans="14:14">
      <c r="N478406" s="10"/>
    </row>
    <row r="478407" spans="14:14">
      <c r="N478407" s="10"/>
    </row>
    <row r="478408" spans="14:14">
      <c r="N478408" s="10"/>
    </row>
    <row r="478409" spans="14:14">
      <c r="N478409" s="10"/>
    </row>
    <row r="478410" spans="14:14">
      <c r="N478410" s="10"/>
    </row>
    <row r="478411" spans="14:14">
      <c r="N478411" s="10"/>
    </row>
    <row r="478412" spans="14:14">
      <c r="N478412" s="10"/>
    </row>
    <row r="478413" spans="14:14">
      <c r="N478413" s="10"/>
    </row>
    <row r="478414" spans="14:14">
      <c r="N478414" s="10"/>
    </row>
    <row r="478415" spans="14:14">
      <c r="N478415" s="10"/>
    </row>
    <row r="478416" spans="14:14">
      <c r="N478416" s="10"/>
    </row>
    <row r="478417" spans="14:14">
      <c r="N478417" s="10"/>
    </row>
    <row r="478418" spans="14:14">
      <c r="N478418" s="10"/>
    </row>
    <row r="478419" spans="14:14">
      <c r="N478419" s="10"/>
    </row>
    <row r="478420" spans="14:14">
      <c r="N478420" s="10"/>
    </row>
    <row r="478421" spans="14:14">
      <c r="N478421" s="10"/>
    </row>
    <row r="478422" spans="14:14">
      <c r="N478422" s="10"/>
    </row>
    <row r="478423" spans="14:14">
      <c r="N478423" s="10"/>
    </row>
    <row r="478424" spans="14:14">
      <c r="N478424" s="10"/>
    </row>
    <row r="478425" spans="14:14">
      <c r="N478425" s="10"/>
    </row>
    <row r="478426" spans="14:14">
      <c r="N478426" s="10"/>
    </row>
    <row r="478427" spans="14:14">
      <c r="N478427" s="10"/>
    </row>
    <row r="478428" spans="14:14">
      <c r="N478428" s="10"/>
    </row>
    <row r="478429" spans="14:14">
      <c r="N478429" s="10"/>
    </row>
    <row r="478430" spans="14:14">
      <c r="N478430" s="10"/>
    </row>
    <row r="478431" spans="14:14">
      <c r="N478431" s="10"/>
    </row>
    <row r="478432" spans="14:14">
      <c r="N478432" s="10"/>
    </row>
    <row r="478433" spans="14:14">
      <c r="N478433" s="10"/>
    </row>
    <row r="478434" spans="14:14">
      <c r="N478434" s="10"/>
    </row>
    <row r="478435" spans="14:14">
      <c r="N478435" s="10"/>
    </row>
    <row r="478436" spans="14:14">
      <c r="N478436" s="10"/>
    </row>
    <row r="478437" spans="14:14">
      <c r="N478437" s="10"/>
    </row>
    <row r="478438" spans="14:14">
      <c r="N478438" s="10"/>
    </row>
    <row r="478439" spans="14:14">
      <c r="N478439" s="10"/>
    </row>
    <row r="478440" spans="14:14">
      <c r="N478440" s="10"/>
    </row>
    <row r="478441" spans="14:14">
      <c r="N478441" s="10"/>
    </row>
    <row r="478442" spans="14:14">
      <c r="N478442" s="10"/>
    </row>
    <row r="478443" spans="14:14">
      <c r="N478443" s="10"/>
    </row>
    <row r="478444" spans="14:14">
      <c r="N478444" s="10"/>
    </row>
    <row r="478445" spans="14:14">
      <c r="N478445" s="10"/>
    </row>
    <row r="478446" spans="14:14">
      <c r="N478446" s="10"/>
    </row>
    <row r="478447" spans="14:14">
      <c r="N478447" s="10"/>
    </row>
    <row r="478448" spans="14:14">
      <c r="N478448" s="10"/>
    </row>
    <row r="478449" spans="14:14">
      <c r="N478449" s="10"/>
    </row>
    <row r="478450" spans="14:14">
      <c r="N478450" s="10"/>
    </row>
    <row r="478451" spans="14:14">
      <c r="N478451" s="10"/>
    </row>
    <row r="478452" spans="14:14">
      <c r="N478452" s="10"/>
    </row>
    <row r="478453" spans="14:14">
      <c r="N478453" s="10"/>
    </row>
    <row r="478454" spans="14:14">
      <c r="N478454" s="10"/>
    </row>
    <row r="478455" spans="14:14">
      <c r="N478455" s="10"/>
    </row>
    <row r="478456" spans="14:14">
      <c r="N478456" s="10"/>
    </row>
    <row r="478457" spans="14:14">
      <c r="N478457" s="10"/>
    </row>
    <row r="478458" spans="14:14">
      <c r="N478458" s="10"/>
    </row>
    <row r="478459" spans="14:14">
      <c r="N478459" s="10"/>
    </row>
    <row r="478460" spans="14:14">
      <c r="N478460" s="10"/>
    </row>
    <row r="478461" spans="14:14">
      <c r="N478461" s="10"/>
    </row>
    <row r="478462" spans="14:14">
      <c r="N478462" s="10"/>
    </row>
    <row r="478463" spans="14:14">
      <c r="N478463" s="10"/>
    </row>
    <row r="478464" spans="14:14">
      <c r="N478464" s="10"/>
    </row>
    <row r="478465" spans="14:14">
      <c r="N478465" s="10"/>
    </row>
    <row r="478466" spans="14:14">
      <c r="N478466" s="10"/>
    </row>
    <row r="478467" spans="14:14">
      <c r="N478467" s="10"/>
    </row>
    <row r="478468" spans="14:14">
      <c r="N478468" s="10"/>
    </row>
    <row r="478469" spans="14:14">
      <c r="N478469" s="10"/>
    </row>
    <row r="478470" spans="14:14">
      <c r="N478470" s="10"/>
    </row>
    <row r="478471" spans="14:14">
      <c r="N478471" s="10"/>
    </row>
    <row r="478472" spans="14:14">
      <c r="N478472" s="10"/>
    </row>
    <row r="478473" spans="14:14">
      <c r="N478473" s="10"/>
    </row>
    <row r="478474" spans="14:14">
      <c r="N478474" s="10"/>
    </row>
    <row r="478475" spans="14:14">
      <c r="N478475" s="10"/>
    </row>
    <row r="478476" spans="14:14">
      <c r="N478476" s="10"/>
    </row>
    <row r="478477" spans="14:14">
      <c r="N478477" s="10"/>
    </row>
    <row r="478478" spans="14:14">
      <c r="N478478" s="10"/>
    </row>
    <row r="478479" spans="14:14">
      <c r="N478479" s="10"/>
    </row>
    <row r="478480" spans="14:14">
      <c r="N478480" s="10"/>
    </row>
    <row r="478481" spans="14:14">
      <c r="N478481" s="10"/>
    </row>
    <row r="478482" spans="14:14">
      <c r="N478482" s="10"/>
    </row>
    <row r="478483" spans="14:14">
      <c r="N478483" s="10"/>
    </row>
    <row r="478484" spans="14:14">
      <c r="N478484" s="10"/>
    </row>
    <row r="478485" spans="14:14">
      <c r="N478485" s="10"/>
    </row>
    <row r="478486" spans="14:14">
      <c r="N478486" s="10"/>
    </row>
    <row r="478487" spans="14:14">
      <c r="N478487" s="10"/>
    </row>
    <row r="478488" spans="14:14">
      <c r="N478488" s="10"/>
    </row>
    <row r="478489" spans="14:14">
      <c r="N478489" s="10"/>
    </row>
    <row r="478490" spans="14:14">
      <c r="N478490" s="10"/>
    </row>
    <row r="478491" spans="14:14">
      <c r="N478491" s="10"/>
    </row>
    <row r="478492" spans="14:14">
      <c r="N478492" s="10"/>
    </row>
    <row r="478493" spans="14:14">
      <c r="N478493" s="10"/>
    </row>
    <row r="478494" spans="14:14">
      <c r="N478494" s="10"/>
    </row>
    <row r="478495" spans="14:14">
      <c r="N478495" s="10"/>
    </row>
    <row r="478496" spans="14:14">
      <c r="N478496" s="10"/>
    </row>
    <row r="478497" spans="14:14">
      <c r="N478497" s="10"/>
    </row>
    <row r="478498" spans="14:14">
      <c r="N478498" s="10"/>
    </row>
    <row r="478499" spans="14:14">
      <c r="N478499" s="10"/>
    </row>
    <row r="478500" spans="14:14">
      <c r="N478500" s="10"/>
    </row>
    <row r="478501" spans="14:14">
      <c r="N478501" s="10"/>
    </row>
    <row r="478502" spans="14:14">
      <c r="N478502" s="10"/>
    </row>
    <row r="478503" spans="14:14">
      <c r="N478503" s="10"/>
    </row>
    <row r="478504" spans="14:14">
      <c r="N478504" s="10"/>
    </row>
    <row r="478505" spans="14:14">
      <c r="N478505" s="10"/>
    </row>
    <row r="478506" spans="14:14">
      <c r="N478506" s="10"/>
    </row>
    <row r="478507" spans="14:14">
      <c r="N478507" s="10"/>
    </row>
    <row r="478508" spans="14:14">
      <c r="N478508" s="10"/>
    </row>
    <row r="478509" spans="14:14">
      <c r="N478509" s="10"/>
    </row>
    <row r="478510" spans="14:14">
      <c r="N478510" s="10"/>
    </row>
    <row r="478511" spans="14:14">
      <c r="N478511" s="10"/>
    </row>
    <row r="478512" spans="14:14">
      <c r="N478512" s="10"/>
    </row>
    <row r="478513" spans="14:14">
      <c r="N478513" s="10"/>
    </row>
    <row r="478514" spans="14:14">
      <c r="N478514" s="10"/>
    </row>
    <row r="478515" spans="14:14">
      <c r="N478515" s="10"/>
    </row>
    <row r="478516" spans="14:14">
      <c r="N478516" s="10"/>
    </row>
    <row r="478517" spans="14:14">
      <c r="N478517" s="10"/>
    </row>
    <row r="478518" spans="14:14">
      <c r="N478518" s="10"/>
    </row>
    <row r="478519" spans="14:14">
      <c r="N478519" s="10"/>
    </row>
    <row r="478520" spans="14:14">
      <c r="N478520" s="10"/>
    </row>
    <row r="478521" spans="14:14">
      <c r="N478521" s="10"/>
    </row>
    <row r="478522" spans="14:14">
      <c r="N478522" s="10"/>
    </row>
    <row r="478523" spans="14:14">
      <c r="N478523" s="10"/>
    </row>
    <row r="478524" spans="14:14">
      <c r="N478524" s="10"/>
    </row>
    <row r="478525" spans="14:14">
      <c r="N478525" s="10"/>
    </row>
    <row r="478526" spans="14:14">
      <c r="N478526" s="10"/>
    </row>
    <row r="478527" spans="14:14">
      <c r="N478527" s="10"/>
    </row>
    <row r="478528" spans="14:14">
      <c r="N478528" s="10"/>
    </row>
    <row r="478529" spans="14:14">
      <c r="N478529" s="10"/>
    </row>
    <row r="478530" spans="14:14">
      <c r="N478530" s="10"/>
    </row>
    <row r="478531" spans="14:14">
      <c r="N478531" s="10"/>
    </row>
    <row r="478532" spans="14:14">
      <c r="N478532" s="10"/>
    </row>
    <row r="478533" spans="14:14">
      <c r="N478533" s="10"/>
    </row>
    <row r="478534" spans="14:14">
      <c r="N478534" s="10"/>
    </row>
    <row r="478535" spans="14:14">
      <c r="N478535" s="10"/>
    </row>
    <row r="478536" spans="14:14">
      <c r="N478536" s="10"/>
    </row>
    <row r="478537" spans="14:14">
      <c r="N478537" s="10"/>
    </row>
    <row r="478538" spans="14:14">
      <c r="N478538" s="10"/>
    </row>
    <row r="478539" spans="14:14">
      <c r="N478539" s="10"/>
    </row>
    <row r="478540" spans="14:14">
      <c r="N478540" s="10"/>
    </row>
    <row r="478541" spans="14:14">
      <c r="N478541" s="10"/>
    </row>
    <row r="478542" spans="14:14">
      <c r="N478542" s="10"/>
    </row>
    <row r="478543" spans="14:14">
      <c r="N478543" s="10"/>
    </row>
    <row r="478544" spans="14:14">
      <c r="N478544" s="10"/>
    </row>
    <row r="478545" spans="14:14">
      <c r="N478545" s="10"/>
    </row>
    <row r="478546" spans="14:14">
      <c r="N478546" s="10"/>
    </row>
    <row r="478547" spans="14:14">
      <c r="N478547" s="10"/>
    </row>
    <row r="478548" spans="14:14">
      <c r="N478548" s="10"/>
    </row>
    <row r="478549" spans="14:14">
      <c r="N478549" s="10"/>
    </row>
    <row r="478550" spans="14:14">
      <c r="N478550" s="10"/>
    </row>
    <row r="478551" spans="14:14">
      <c r="N478551" s="10"/>
    </row>
    <row r="478552" spans="14:14">
      <c r="N478552" s="10"/>
    </row>
    <row r="478553" spans="14:14">
      <c r="N478553" s="10"/>
    </row>
    <row r="478554" spans="14:14">
      <c r="N478554" s="10"/>
    </row>
    <row r="478555" spans="14:14">
      <c r="N478555" s="10"/>
    </row>
    <row r="478556" spans="14:14">
      <c r="N478556" s="10"/>
    </row>
    <row r="478557" spans="14:14">
      <c r="N478557" s="10"/>
    </row>
    <row r="478558" spans="14:14">
      <c r="N478558" s="10"/>
    </row>
    <row r="478559" spans="14:14">
      <c r="N478559" s="10"/>
    </row>
    <row r="478560" spans="14:14">
      <c r="N478560" s="10"/>
    </row>
    <row r="478561" spans="14:14">
      <c r="N478561" s="10"/>
    </row>
    <row r="478562" spans="14:14">
      <c r="N478562" s="10"/>
    </row>
    <row r="478563" spans="14:14">
      <c r="N478563" s="10"/>
    </row>
    <row r="478564" spans="14:14">
      <c r="N478564" s="10"/>
    </row>
    <row r="478565" spans="14:14">
      <c r="N478565" s="10"/>
    </row>
    <row r="478566" spans="14:14">
      <c r="N478566" s="10"/>
    </row>
    <row r="478567" spans="14:14">
      <c r="N478567" s="10"/>
    </row>
    <row r="478568" spans="14:14">
      <c r="N478568" s="10"/>
    </row>
    <row r="478569" spans="14:14">
      <c r="N478569" s="10"/>
    </row>
    <row r="478570" spans="14:14">
      <c r="N478570" s="10"/>
    </row>
    <row r="478571" spans="14:14">
      <c r="N478571" s="10"/>
    </row>
    <row r="478572" spans="14:14">
      <c r="N478572" s="10"/>
    </row>
    <row r="478573" spans="14:14">
      <c r="N478573" s="10"/>
    </row>
    <row r="478574" spans="14:14">
      <c r="N478574" s="10"/>
    </row>
    <row r="478575" spans="14:14">
      <c r="N478575" s="10"/>
    </row>
    <row r="478576" spans="14:14">
      <c r="N478576" s="10"/>
    </row>
    <row r="478577" spans="14:14">
      <c r="N478577" s="10"/>
    </row>
    <row r="478578" spans="14:14">
      <c r="N478578" s="10"/>
    </row>
    <row r="478579" spans="14:14">
      <c r="N478579" s="10"/>
    </row>
    <row r="478580" spans="14:14">
      <c r="N478580" s="10"/>
    </row>
    <row r="478581" spans="14:14">
      <c r="N478581" s="10"/>
    </row>
    <row r="478582" spans="14:14">
      <c r="N478582" s="10"/>
    </row>
    <row r="478583" spans="14:14">
      <c r="N478583" s="10"/>
    </row>
    <row r="478584" spans="14:14">
      <c r="N478584" s="10"/>
    </row>
    <row r="478585" spans="14:14">
      <c r="N478585" s="10"/>
    </row>
    <row r="478586" spans="14:14">
      <c r="N478586" s="10"/>
    </row>
    <row r="478587" spans="14:14">
      <c r="N478587" s="10"/>
    </row>
    <row r="478588" spans="14:14">
      <c r="N478588" s="10"/>
    </row>
    <row r="478589" spans="14:14">
      <c r="N478589" s="10"/>
    </row>
    <row r="478590" spans="14:14">
      <c r="N478590" s="10"/>
    </row>
    <row r="478591" spans="14:14">
      <c r="N478591" s="10"/>
    </row>
    <row r="478592" spans="14:14">
      <c r="N478592" s="10"/>
    </row>
    <row r="478593" spans="14:14">
      <c r="N478593" s="10"/>
    </row>
    <row r="478594" spans="14:14">
      <c r="N478594" s="10"/>
    </row>
    <row r="478595" spans="14:14">
      <c r="N478595" s="10"/>
    </row>
    <row r="478596" spans="14:14">
      <c r="N478596" s="10"/>
    </row>
    <row r="478597" spans="14:14">
      <c r="N478597" s="10"/>
    </row>
    <row r="478598" spans="14:14">
      <c r="N478598" s="10"/>
    </row>
    <row r="478599" spans="14:14">
      <c r="N478599" s="10"/>
    </row>
    <row r="478600" spans="14:14">
      <c r="N478600" s="10"/>
    </row>
    <row r="478601" spans="14:14">
      <c r="N478601" s="10"/>
    </row>
    <row r="478602" spans="14:14">
      <c r="N478602" s="10"/>
    </row>
    <row r="478603" spans="14:14">
      <c r="N478603" s="10"/>
    </row>
    <row r="478604" spans="14:14">
      <c r="N478604" s="10"/>
    </row>
    <row r="478605" spans="14:14">
      <c r="N478605" s="10"/>
    </row>
    <row r="478606" spans="14:14">
      <c r="N478606" s="10"/>
    </row>
    <row r="478607" spans="14:14">
      <c r="N478607" s="10"/>
    </row>
    <row r="478608" spans="14:14">
      <c r="N478608" s="10"/>
    </row>
    <row r="478609" spans="14:14">
      <c r="N478609" s="10"/>
    </row>
    <row r="478610" spans="14:14">
      <c r="N478610" s="10"/>
    </row>
    <row r="478611" spans="14:14">
      <c r="N478611" s="10"/>
    </row>
    <row r="478612" spans="14:14">
      <c r="N478612" s="10"/>
    </row>
    <row r="478613" spans="14:14">
      <c r="N478613" s="10"/>
    </row>
    <row r="478614" spans="14:14">
      <c r="N478614" s="10"/>
    </row>
    <row r="478615" spans="14:14">
      <c r="N478615" s="10"/>
    </row>
    <row r="478616" spans="14:14">
      <c r="N478616" s="10"/>
    </row>
    <row r="478617" spans="14:14">
      <c r="N478617" s="10"/>
    </row>
    <row r="478618" spans="14:14">
      <c r="N478618" s="10"/>
    </row>
    <row r="478619" spans="14:14">
      <c r="N478619" s="10"/>
    </row>
    <row r="478620" spans="14:14">
      <c r="N478620" s="10"/>
    </row>
    <row r="478621" spans="14:14">
      <c r="N478621" s="10"/>
    </row>
    <row r="478622" spans="14:14">
      <c r="N478622" s="10"/>
    </row>
    <row r="478623" spans="14:14">
      <c r="N478623" s="10"/>
    </row>
    <row r="478624" spans="14:14">
      <c r="N478624" s="10"/>
    </row>
    <row r="478625" spans="14:14">
      <c r="N478625" s="10"/>
    </row>
    <row r="478626" spans="14:14">
      <c r="N478626" s="10"/>
    </row>
    <row r="478627" spans="14:14">
      <c r="N478627" s="10"/>
    </row>
    <row r="478628" spans="14:14">
      <c r="N478628" s="10"/>
    </row>
    <row r="478629" spans="14:14">
      <c r="N478629" s="10"/>
    </row>
    <row r="478630" spans="14:14">
      <c r="N478630" s="10"/>
    </row>
    <row r="478631" spans="14:14">
      <c r="N478631" s="10"/>
    </row>
    <row r="478632" spans="14:14">
      <c r="N478632" s="10"/>
    </row>
    <row r="478633" spans="14:14">
      <c r="N478633" s="10"/>
    </row>
    <row r="478634" spans="14:14">
      <c r="N478634" s="10"/>
    </row>
    <row r="478635" spans="14:14">
      <c r="N478635" s="10"/>
    </row>
    <row r="478636" spans="14:14">
      <c r="N478636" s="10"/>
    </row>
    <row r="478637" spans="14:14">
      <c r="N478637" s="10"/>
    </row>
    <row r="478638" spans="14:14">
      <c r="N478638" s="10"/>
    </row>
    <row r="478639" spans="14:14">
      <c r="N478639" s="10"/>
    </row>
    <row r="478640" spans="14:14">
      <c r="N478640" s="10"/>
    </row>
    <row r="478641" spans="14:14">
      <c r="N478641" s="10"/>
    </row>
    <row r="478642" spans="14:14">
      <c r="N478642" s="10"/>
    </row>
    <row r="478643" spans="14:14">
      <c r="N478643" s="10"/>
    </row>
    <row r="478644" spans="14:14">
      <c r="N478644" s="10"/>
    </row>
    <row r="478645" spans="14:14">
      <c r="N478645" s="10"/>
    </row>
    <row r="478646" spans="14:14">
      <c r="N478646" s="10"/>
    </row>
    <row r="478647" spans="14:14">
      <c r="N478647" s="10"/>
    </row>
    <row r="478648" spans="14:14">
      <c r="N478648" s="10"/>
    </row>
    <row r="478649" spans="14:14">
      <c r="N478649" s="10"/>
    </row>
    <row r="478650" spans="14:14">
      <c r="N478650" s="10"/>
    </row>
    <row r="478651" spans="14:14">
      <c r="N478651" s="10"/>
    </row>
    <row r="478652" spans="14:14">
      <c r="N478652" s="10"/>
    </row>
    <row r="478653" spans="14:14">
      <c r="N478653" s="10"/>
    </row>
    <row r="478654" spans="14:14">
      <c r="N478654" s="10"/>
    </row>
    <row r="478655" spans="14:14">
      <c r="N478655" s="10"/>
    </row>
    <row r="478656" spans="14:14">
      <c r="N478656" s="10"/>
    </row>
    <row r="478657" spans="14:14">
      <c r="N478657" s="10"/>
    </row>
    <row r="478658" spans="14:14">
      <c r="N478658" s="10"/>
    </row>
    <row r="478659" spans="14:14">
      <c r="N478659" s="10"/>
    </row>
    <row r="478660" spans="14:14">
      <c r="N478660" s="10"/>
    </row>
    <row r="478661" spans="14:14">
      <c r="N478661" s="10"/>
    </row>
    <row r="478662" spans="14:14">
      <c r="N478662" s="10"/>
    </row>
    <row r="478663" spans="14:14">
      <c r="N478663" s="10"/>
    </row>
    <row r="478664" spans="14:14">
      <c r="N478664" s="10"/>
    </row>
    <row r="478665" spans="14:14">
      <c r="N478665" s="10"/>
    </row>
    <row r="478666" spans="14:14">
      <c r="N478666" s="10"/>
    </row>
    <row r="478667" spans="14:14">
      <c r="N478667" s="10"/>
    </row>
    <row r="478668" spans="14:14">
      <c r="N478668" s="10"/>
    </row>
    <row r="478669" spans="14:14">
      <c r="N478669" s="10"/>
    </row>
    <row r="478670" spans="14:14">
      <c r="N478670" s="10"/>
    </row>
    <row r="478671" spans="14:14">
      <c r="N478671" s="10"/>
    </row>
    <row r="478672" spans="14:14">
      <c r="N478672" s="10"/>
    </row>
    <row r="478673" spans="14:14">
      <c r="N478673" s="10"/>
    </row>
    <row r="478674" spans="14:14">
      <c r="N478674" s="10"/>
    </row>
    <row r="478675" spans="14:14">
      <c r="N478675" s="10"/>
    </row>
    <row r="478676" spans="14:14">
      <c r="N478676" s="10"/>
    </row>
    <row r="478677" spans="14:14">
      <c r="N478677" s="10"/>
    </row>
    <row r="478678" spans="14:14">
      <c r="N478678" s="10"/>
    </row>
    <row r="478679" spans="14:14">
      <c r="N478679" s="10"/>
    </row>
    <row r="478680" spans="14:14">
      <c r="N478680" s="10"/>
    </row>
    <row r="478681" spans="14:14">
      <c r="N478681" s="10"/>
    </row>
    <row r="478682" spans="14:14">
      <c r="N478682" s="10"/>
    </row>
    <row r="478683" spans="14:14">
      <c r="N478683" s="10"/>
    </row>
    <row r="478684" spans="14:14">
      <c r="N478684" s="10"/>
    </row>
    <row r="478685" spans="14:14">
      <c r="N478685" s="10"/>
    </row>
    <row r="478686" spans="14:14">
      <c r="N478686" s="10"/>
    </row>
    <row r="478687" spans="14:14">
      <c r="N478687" s="10"/>
    </row>
    <row r="478688" spans="14:14">
      <c r="N478688" s="10"/>
    </row>
    <row r="478689" spans="14:14">
      <c r="N478689" s="10"/>
    </row>
    <row r="478690" spans="14:14">
      <c r="N478690" s="10"/>
    </row>
    <row r="478691" spans="14:14">
      <c r="N478691" s="10"/>
    </row>
    <row r="478692" spans="14:14">
      <c r="N478692" s="10"/>
    </row>
    <row r="478693" spans="14:14">
      <c r="N478693" s="10"/>
    </row>
    <row r="478694" spans="14:14">
      <c r="N478694" s="10"/>
    </row>
    <row r="478695" spans="14:14">
      <c r="N478695" s="10"/>
    </row>
    <row r="478696" spans="14:14">
      <c r="N478696" s="10"/>
    </row>
    <row r="478697" spans="14:14">
      <c r="N478697" s="10"/>
    </row>
    <row r="478698" spans="14:14">
      <c r="N478698" s="10"/>
    </row>
    <row r="478699" spans="14:14">
      <c r="N478699" s="10"/>
    </row>
    <row r="478700" spans="14:14">
      <c r="N478700" s="10"/>
    </row>
    <row r="478701" spans="14:14">
      <c r="N478701" s="10"/>
    </row>
    <row r="478702" spans="14:14">
      <c r="N478702" s="10"/>
    </row>
    <row r="478703" spans="14:14">
      <c r="N478703" s="10"/>
    </row>
    <row r="478704" spans="14:14">
      <c r="N478704" s="10"/>
    </row>
    <row r="478705" spans="14:14">
      <c r="N478705" s="10"/>
    </row>
    <row r="478706" spans="14:14">
      <c r="N478706" s="10"/>
    </row>
    <row r="478707" spans="14:14">
      <c r="N478707" s="10"/>
    </row>
    <row r="478708" spans="14:14">
      <c r="N478708" s="10"/>
    </row>
    <row r="478709" spans="14:14">
      <c r="N478709" s="10"/>
    </row>
    <row r="478710" spans="14:14">
      <c r="N478710" s="10"/>
    </row>
    <row r="478711" spans="14:14">
      <c r="N478711" s="10"/>
    </row>
    <row r="478712" spans="14:14">
      <c r="N478712" s="10"/>
    </row>
    <row r="478713" spans="14:14">
      <c r="N478713" s="10"/>
    </row>
    <row r="478714" spans="14:14">
      <c r="N478714" s="10"/>
    </row>
    <row r="478715" spans="14:14">
      <c r="N478715" s="10"/>
    </row>
    <row r="478716" spans="14:14">
      <c r="N478716" s="10"/>
    </row>
    <row r="478717" spans="14:14">
      <c r="N478717" s="10"/>
    </row>
    <row r="478718" spans="14:14">
      <c r="N478718" s="10"/>
    </row>
    <row r="478719" spans="14:14">
      <c r="N478719" s="10"/>
    </row>
    <row r="478720" spans="14:14">
      <c r="N478720" s="10"/>
    </row>
    <row r="478721" spans="14:14">
      <c r="N478721" s="10"/>
    </row>
    <row r="478722" spans="14:14">
      <c r="N478722" s="10"/>
    </row>
    <row r="478723" spans="14:14">
      <c r="N478723" s="10"/>
    </row>
    <row r="478724" spans="14:14">
      <c r="N478724" s="10"/>
    </row>
    <row r="478725" spans="14:14">
      <c r="N478725" s="10"/>
    </row>
    <row r="478726" spans="14:14">
      <c r="N478726" s="10"/>
    </row>
    <row r="478727" spans="14:14">
      <c r="N478727" s="10"/>
    </row>
    <row r="478728" spans="14:14">
      <c r="N478728" s="10"/>
    </row>
    <row r="478729" spans="14:14">
      <c r="N478729" s="10"/>
    </row>
    <row r="478730" spans="14:14">
      <c r="N478730" s="10"/>
    </row>
    <row r="478731" spans="14:14">
      <c r="N478731" s="10"/>
    </row>
    <row r="478732" spans="14:14">
      <c r="N478732" s="10"/>
    </row>
    <row r="478733" spans="14:14">
      <c r="N478733" s="10"/>
    </row>
    <row r="478734" spans="14:14">
      <c r="N478734" s="10"/>
    </row>
    <row r="478735" spans="14:14">
      <c r="N478735" s="10"/>
    </row>
    <row r="478736" spans="14:14">
      <c r="N478736" s="10"/>
    </row>
    <row r="478737" spans="14:14">
      <c r="N478737" s="10"/>
    </row>
    <row r="478738" spans="14:14">
      <c r="N478738" s="10"/>
    </row>
    <row r="478739" spans="14:14">
      <c r="N478739" s="10"/>
    </row>
    <row r="478740" spans="14:14">
      <c r="N478740" s="10"/>
    </row>
    <row r="478741" spans="14:14">
      <c r="N478741" s="10"/>
    </row>
    <row r="478742" spans="14:14">
      <c r="N478742" s="10"/>
    </row>
    <row r="478743" spans="14:14">
      <c r="N478743" s="10"/>
    </row>
    <row r="478744" spans="14:14">
      <c r="N478744" s="10"/>
    </row>
    <row r="478745" spans="14:14">
      <c r="N478745" s="10"/>
    </row>
    <row r="478746" spans="14:14">
      <c r="N478746" s="10"/>
    </row>
    <row r="478747" spans="14:14">
      <c r="N478747" s="10"/>
    </row>
    <row r="478748" spans="14:14">
      <c r="N478748" s="10"/>
    </row>
    <row r="478749" spans="14:14">
      <c r="N478749" s="10"/>
    </row>
    <row r="478750" spans="14:14">
      <c r="N478750" s="10"/>
    </row>
    <row r="478751" spans="14:14">
      <c r="N478751" s="10"/>
    </row>
    <row r="478752" spans="14:14">
      <c r="N478752" s="10"/>
    </row>
    <row r="478753" spans="14:14">
      <c r="N478753" s="10"/>
    </row>
    <row r="478754" spans="14:14">
      <c r="N478754" s="10"/>
    </row>
    <row r="478755" spans="14:14">
      <c r="N478755" s="10"/>
    </row>
    <row r="478756" spans="14:14">
      <c r="N478756" s="10"/>
    </row>
    <row r="478757" spans="14:14">
      <c r="N478757" s="10"/>
    </row>
    <row r="478758" spans="14:14">
      <c r="N478758" s="10"/>
    </row>
    <row r="478759" spans="14:14">
      <c r="N478759" s="10"/>
    </row>
    <row r="478760" spans="14:14">
      <c r="N478760" s="10"/>
    </row>
    <row r="478761" spans="14:14">
      <c r="N478761" s="10"/>
    </row>
    <row r="478762" spans="14:14">
      <c r="N478762" s="10"/>
    </row>
    <row r="478763" spans="14:14">
      <c r="N478763" s="10"/>
    </row>
    <row r="478764" spans="14:14">
      <c r="N478764" s="10"/>
    </row>
    <row r="478765" spans="14:14">
      <c r="N478765" s="10"/>
    </row>
    <row r="478766" spans="14:14">
      <c r="N478766" s="10"/>
    </row>
    <row r="478767" spans="14:14">
      <c r="N478767" s="10"/>
    </row>
    <row r="478768" spans="14:14">
      <c r="N478768" s="10"/>
    </row>
    <row r="478769" spans="14:14">
      <c r="N478769" s="10"/>
    </row>
    <row r="478770" spans="14:14">
      <c r="N478770" s="10"/>
    </row>
    <row r="478771" spans="14:14">
      <c r="N478771" s="10"/>
    </row>
    <row r="478772" spans="14:14">
      <c r="N478772" s="10"/>
    </row>
    <row r="478773" spans="14:14">
      <c r="N478773" s="10"/>
    </row>
    <row r="478774" spans="14:14">
      <c r="N478774" s="10"/>
    </row>
    <row r="478775" spans="14:14">
      <c r="N478775" s="10"/>
    </row>
    <row r="478776" spans="14:14">
      <c r="N478776" s="10"/>
    </row>
    <row r="478777" spans="14:14">
      <c r="N478777" s="10"/>
    </row>
    <row r="478778" spans="14:14">
      <c r="N478778" s="10"/>
    </row>
    <row r="478779" spans="14:14">
      <c r="N478779" s="10"/>
    </row>
    <row r="478780" spans="14:14">
      <c r="N478780" s="10"/>
    </row>
    <row r="478781" spans="14:14">
      <c r="N478781" s="10"/>
    </row>
    <row r="478782" spans="14:14">
      <c r="N478782" s="10"/>
    </row>
    <row r="478783" spans="14:14">
      <c r="N478783" s="10"/>
    </row>
    <row r="478784" spans="14:14">
      <c r="N478784" s="10"/>
    </row>
    <row r="478785" spans="14:14">
      <c r="N478785" s="10"/>
    </row>
    <row r="478786" spans="14:14">
      <c r="N478786" s="10"/>
    </row>
    <row r="478787" spans="14:14">
      <c r="N478787" s="10"/>
    </row>
    <row r="478788" spans="14:14">
      <c r="N478788" s="10"/>
    </row>
    <row r="478789" spans="14:14">
      <c r="N478789" s="10"/>
    </row>
    <row r="478790" spans="14:14">
      <c r="N478790" s="10"/>
    </row>
    <row r="478791" spans="14:14">
      <c r="N478791" s="10"/>
    </row>
    <row r="478792" spans="14:14">
      <c r="N478792" s="10"/>
    </row>
    <row r="478793" spans="14:14">
      <c r="N478793" s="10"/>
    </row>
    <row r="478794" spans="14:14">
      <c r="N478794" s="10"/>
    </row>
    <row r="478795" spans="14:14">
      <c r="N478795" s="10"/>
    </row>
    <row r="478796" spans="14:14">
      <c r="N478796" s="10"/>
    </row>
    <row r="478797" spans="14:14">
      <c r="N478797" s="10"/>
    </row>
    <row r="478798" spans="14:14">
      <c r="N478798" s="10"/>
    </row>
    <row r="478799" spans="14:14">
      <c r="N478799" s="10"/>
    </row>
    <row r="478800" spans="14:14">
      <c r="N478800" s="10"/>
    </row>
    <row r="478801" spans="14:14">
      <c r="N478801" s="10"/>
    </row>
    <row r="478802" spans="14:14">
      <c r="N478802" s="10"/>
    </row>
    <row r="478803" spans="14:14">
      <c r="N478803" s="10"/>
    </row>
    <row r="478804" spans="14:14">
      <c r="N478804" s="10"/>
    </row>
    <row r="478805" spans="14:14">
      <c r="N478805" s="10"/>
    </row>
    <row r="478806" spans="14:14">
      <c r="N478806" s="10"/>
    </row>
    <row r="478807" spans="14:14">
      <c r="N478807" s="10"/>
    </row>
    <row r="478808" spans="14:14">
      <c r="N478808" s="10"/>
    </row>
    <row r="478809" spans="14:14">
      <c r="N478809" s="10"/>
    </row>
    <row r="478810" spans="14:14">
      <c r="N478810" s="10"/>
    </row>
    <row r="478811" spans="14:14">
      <c r="N478811" s="10"/>
    </row>
    <row r="478812" spans="14:14">
      <c r="N478812" s="10"/>
    </row>
    <row r="478813" spans="14:14">
      <c r="N478813" s="10"/>
    </row>
    <row r="478814" spans="14:14">
      <c r="N478814" s="10"/>
    </row>
    <row r="478815" spans="14:14">
      <c r="N478815" s="10"/>
    </row>
    <row r="478816" spans="14:14">
      <c r="N478816" s="10"/>
    </row>
    <row r="478817" spans="14:14">
      <c r="N478817" s="10"/>
    </row>
    <row r="478818" spans="14:14">
      <c r="N478818" s="10"/>
    </row>
    <row r="478819" spans="14:14">
      <c r="N478819" s="10"/>
    </row>
    <row r="478820" spans="14:14">
      <c r="N478820" s="10"/>
    </row>
    <row r="478821" spans="14:14">
      <c r="N478821" s="10"/>
    </row>
    <row r="478822" spans="14:14">
      <c r="N478822" s="10"/>
    </row>
    <row r="478823" spans="14:14">
      <c r="N478823" s="10"/>
    </row>
    <row r="478824" spans="14:14">
      <c r="N478824" s="10"/>
    </row>
    <row r="478825" spans="14:14">
      <c r="N478825" s="10"/>
    </row>
    <row r="478826" spans="14:14">
      <c r="N478826" s="10"/>
    </row>
    <row r="478827" spans="14:14">
      <c r="N478827" s="10"/>
    </row>
    <row r="478828" spans="14:14">
      <c r="N478828" s="10"/>
    </row>
    <row r="478829" spans="14:14">
      <c r="N478829" s="10"/>
    </row>
    <row r="478830" spans="14:14">
      <c r="N478830" s="10"/>
    </row>
    <row r="478831" spans="14:14">
      <c r="N478831" s="10"/>
    </row>
    <row r="478832" spans="14:14">
      <c r="N478832" s="10"/>
    </row>
    <row r="478833" spans="14:14">
      <c r="N478833" s="10"/>
    </row>
    <row r="478834" spans="14:14">
      <c r="N478834" s="10"/>
    </row>
    <row r="478835" spans="14:14">
      <c r="N478835" s="10"/>
    </row>
    <row r="478836" spans="14:14">
      <c r="N478836" s="10"/>
    </row>
    <row r="478837" spans="14:14">
      <c r="N478837" s="10"/>
    </row>
    <row r="478838" spans="14:14">
      <c r="N478838" s="10"/>
    </row>
    <row r="478839" spans="14:14">
      <c r="N478839" s="10"/>
    </row>
    <row r="478840" spans="14:14">
      <c r="N478840" s="10"/>
    </row>
    <row r="478841" spans="14:14">
      <c r="N478841" s="10"/>
    </row>
    <row r="478842" spans="14:14">
      <c r="N478842" s="10"/>
    </row>
    <row r="478843" spans="14:14">
      <c r="N478843" s="10"/>
    </row>
    <row r="478844" spans="14:14">
      <c r="N478844" s="10"/>
    </row>
    <row r="478845" spans="14:14">
      <c r="N478845" s="10"/>
    </row>
    <row r="478846" spans="14:14">
      <c r="N478846" s="10"/>
    </row>
    <row r="478847" spans="14:14">
      <c r="N478847" s="10"/>
    </row>
    <row r="478848" spans="14:14">
      <c r="N478848" s="10"/>
    </row>
    <row r="478849" spans="14:14">
      <c r="N478849" s="10"/>
    </row>
    <row r="478850" spans="14:14">
      <c r="N478850" s="10"/>
    </row>
    <row r="478851" spans="14:14">
      <c r="N478851" s="10"/>
    </row>
    <row r="478852" spans="14:14">
      <c r="N478852" s="10"/>
    </row>
    <row r="478853" spans="14:14">
      <c r="N478853" s="10"/>
    </row>
    <row r="478854" spans="14:14">
      <c r="N478854" s="10"/>
    </row>
    <row r="478855" spans="14:14">
      <c r="N478855" s="10"/>
    </row>
    <row r="478856" spans="14:14">
      <c r="N478856" s="10"/>
    </row>
    <row r="478857" spans="14:14">
      <c r="N478857" s="10"/>
    </row>
    <row r="478858" spans="14:14">
      <c r="N478858" s="10"/>
    </row>
    <row r="478859" spans="14:14">
      <c r="N478859" s="10"/>
    </row>
    <row r="478860" spans="14:14">
      <c r="N478860" s="10"/>
    </row>
    <row r="478861" spans="14:14">
      <c r="N478861" s="10"/>
    </row>
    <row r="478862" spans="14:14">
      <c r="N478862" s="10"/>
    </row>
    <row r="478863" spans="14:14">
      <c r="N478863" s="10"/>
    </row>
    <row r="478864" spans="14:14">
      <c r="N478864" s="10"/>
    </row>
    <row r="478865" spans="14:14">
      <c r="N478865" s="10"/>
    </row>
    <row r="478866" spans="14:14">
      <c r="N478866" s="10"/>
    </row>
    <row r="478867" spans="14:14">
      <c r="N478867" s="10"/>
    </row>
    <row r="478868" spans="14:14">
      <c r="N478868" s="10"/>
    </row>
    <row r="478869" spans="14:14">
      <c r="N478869" s="10"/>
    </row>
    <row r="478870" spans="14:14">
      <c r="N478870" s="10"/>
    </row>
    <row r="478871" spans="14:14">
      <c r="N478871" s="10"/>
    </row>
    <row r="478872" spans="14:14">
      <c r="N478872" s="10"/>
    </row>
    <row r="478873" spans="14:14">
      <c r="N478873" s="10"/>
    </row>
    <row r="478874" spans="14:14">
      <c r="N478874" s="10"/>
    </row>
    <row r="478875" spans="14:14">
      <c r="N478875" s="10"/>
    </row>
    <row r="478876" spans="14:14">
      <c r="N478876" s="10"/>
    </row>
    <row r="478877" spans="14:14">
      <c r="N478877" s="10"/>
    </row>
    <row r="478878" spans="14:14">
      <c r="N478878" s="10"/>
    </row>
    <row r="478879" spans="14:14">
      <c r="N478879" s="10"/>
    </row>
    <row r="478880" spans="14:14">
      <c r="N478880" s="10"/>
    </row>
    <row r="478881" spans="14:14">
      <c r="N478881" s="10"/>
    </row>
    <row r="478882" spans="14:14">
      <c r="N478882" s="10"/>
    </row>
    <row r="478883" spans="14:14">
      <c r="N478883" s="10"/>
    </row>
    <row r="478884" spans="14:14">
      <c r="N478884" s="10"/>
    </row>
    <row r="478885" spans="14:14">
      <c r="N478885" s="10"/>
    </row>
    <row r="478886" spans="14:14">
      <c r="N478886" s="10"/>
    </row>
    <row r="478887" spans="14:14">
      <c r="N478887" s="10"/>
    </row>
    <row r="478888" spans="14:14">
      <c r="N478888" s="10"/>
    </row>
    <row r="478889" spans="14:14">
      <c r="N478889" s="10"/>
    </row>
    <row r="478890" spans="14:14">
      <c r="N478890" s="10"/>
    </row>
    <row r="478891" spans="14:14">
      <c r="N478891" s="10"/>
    </row>
    <row r="478892" spans="14:14">
      <c r="N478892" s="10"/>
    </row>
    <row r="478893" spans="14:14">
      <c r="N478893" s="10"/>
    </row>
    <row r="478894" spans="14:14">
      <c r="N478894" s="10"/>
    </row>
    <row r="478895" spans="14:14">
      <c r="N478895" s="10"/>
    </row>
    <row r="478896" spans="14:14">
      <c r="N478896" s="10"/>
    </row>
    <row r="478897" spans="14:14">
      <c r="N478897" s="10"/>
    </row>
    <row r="478898" spans="14:14">
      <c r="N478898" s="10"/>
    </row>
    <row r="478899" spans="14:14">
      <c r="N478899" s="10"/>
    </row>
    <row r="478900" spans="14:14">
      <c r="N478900" s="10"/>
    </row>
    <row r="478901" spans="14:14">
      <c r="N478901" s="10"/>
    </row>
    <row r="478902" spans="14:14">
      <c r="N478902" s="10"/>
    </row>
    <row r="478903" spans="14:14">
      <c r="N478903" s="10"/>
    </row>
    <row r="478904" spans="14:14">
      <c r="N478904" s="10"/>
    </row>
    <row r="478905" spans="14:14">
      <c r="N478905" s="10"/>
    </row>
    <row r="478906" spans="14:14">
      <c r="N478906" s="10"/>
    </row>
    <row r="478907" spans="14:14">
      <c r="N478907" s="10"/>
    </row>
    <row r="478908" spans="14:14">
      <c r="N478908" s="10"/>
    </row>
    <row r="478909" spans="14:14">
      <c r="N478909" s="10"/>
    </row>
    <row r="478910" spans="14:14">
      <c r="N478910" s="10"/>
    </row>
    <row r="478911" spans="14:14">
      <c r="N478911" s="10"/>
    </row>
    <row r="478912" spans="14:14">
      <c r="N478912" s="10"/>
    </row>
    <row r="478913" spans="14:14">
      <c r="N478913" s="10"/>
    </row>
    <row r="478914" spans="14:14">
      <c r="N478914" s="10"/>
    </row>
    <row r="478915" spans="14:14">
      <c r="N478915" s="10"/>
    </row>
    <row r="478916" spans="14:14">
      <c r="N478916" s="10"/>
    </row>
    <row r="478917" spans="14:14">
      <c r="N478917" s="10"/>
    </row>
    <row r="478918" spans="14:14">
      <c r="N478918" s="10"/>
    </row>
    <row r="478919" spans="14:14">
      <c r="N478919" s="10"/>
    </row>
    <row r="478920" spans="14:14">
      <c r="N478920" s="10"/>
    </row>
    <row r="478921" spans="14:14">
      <c r="N478921" s="10"/>
    </row>
    <row r="478922" spans="14:14">
      <c r="N478922" s="10"/>
    </row>
    <row r="478923" spans="14:14">
      <c r="N478923" s="10"/>
    </row>
    <row r="478924" spans="14:14">
      <c r="N478924" s="10"/>
    </row>
    <row r="478925" spans="14:14">
      <c r="N478925" s="10"/>
    </row>
    <row r="478926" spans="14:14">
      <c r="N478926" s="10"/>
    </row>
    <row r="478927" spans="14:14">
      <c r="N478927" s="10"/>
    </row>
    <row r="478928" spans="14:14">
      <c r="N478928" s="10"/>
    </row>
    <row r="478929" spans="14:14">
      <c r="N478929" s="10"/>
    </row>
    <row r="478930" spans="14:14">
      <c r="N478930" s="10"/>
    </row>
    <row r="478931" spans="14:14">
      <c r="N478931" s="10"/>
    </row>
    <row r="478932" spans="14:14">
      <c r="N478932" s="10"/>
    </row>
    <row r="478933" spans="14:14">
      <c r="N478933" s="10"/>
    </row>
    <row r="478934" spans="14:14">
      <c r="N478934" s="10"/>
    </row>
    <row r="478935" spans="14:14">
      <c r="N478935" s="10"/>
    </row>
    <row r="478936" spans="14:14">
      <c r="N478936" s="10"/>
    </row>
    <row r="478937" spans="14:14">
      <c r="N478937" s="10"/>
    </row>
    <row r="478938" spans="14:14">
      <c r="N478938" s="10"/>
    </row>
    <row r="478939" spans="14:14">
      <c r="N478939" s="10"/>
    </row>
    <row r="478940" spans="14:14">
      <c r="N478940" s="10"/>
    </row>
    <row r="478941" spans="14:14">
      <c r="N478941" s="10"/>
    </row>
    <row r="478942" spans="14:14">
      <c r="N478942" s="10"/>
    </row>
    <row r="478943" spans="14:14">
      <c r="N478943" s="10"/>
    </row>
    <row r="478944" spans="14:14">
      <c r="N478944" s="10"/>
    </row>
    <row r="478945" spans="14:14">
      <c r="N478945" s="10"/>
    </row>
    <row r="478946" spans="14:14">
      <c r="N478946" s="10"/>
    </row>
    <row r="478947" spans="14:14">
      <c r="N478947" s="10"/>
    </row>
    <row r="478948" spans="14:14">
      <c r="N478948" s="10"/>
    </row>
    <row r="478949" spans="14:14">
      <c r="N478949" s="10"/>
    </row>
    <row r="478950" spans="14:14">
      <c r="N478950" s="10"/>
    </row>
    <row r="478951" spans="14:14">
      <c r="N478951" s="10"/>
    </row>
    <row r="478952" spans="14:14">
      <c r="N478952" s="10"/>
    </row>
    <row r="478953" spans="14:14">
      <c r="N478953" s="10"/>
    </row>
    <row r="478954" spans="14:14">
      <c r="N478954" s="10"/>
    </row>
    <row r="478955" spans="14:14">
      <c r="N478955" s="10"/>
    </row>
    <row r="478956" spans="14:14">
      <c r="N478956" s="10"/>
    </row>
    <row r="478957" spans="14:14">
      <c r="N478957" s="10"/>
    </row>
    <row r="478958" spans="14:14">
      <c r="N478958" s="10"/>
    </row>
    <row r="478959" spans="14:14">
      <c r="N478959" s="10"/>
    </row>
    <row r="478960" spans="14:14">
      <c r="N478960" s="10"/>
    </row>
    <row r="478961" spans="14:14">
      <c r="N478961" s="10"/>
    </row>
    <row r="478962" spans="14:14">
      <c r="N478962" s="10"/>
    </row>
    <row r="478963" spans="14:14">
      <c r="N478963" s="10"/>
    </row>
    <row r="478964" spans="14:14">
      <c r="N478964" s="10"/>
    </row>
    <row r="478965" spans="14:14">
      <c r="N478965" s="10"/>
    </row>
    <row r="478966" spans="14:14">
      <c r="N478966" s="10"/>
    </row>
    <row r="478967" spans="14:14">
      <c r="N478967" s="10"/>
    </row>
    <row r="478968" spans="14:14">
      <c r="N478968" s="10"/>
    </row>
    <row r="478969" spans="14:14">
      <c r="N478969" s="10"/>
    </row>
    <row r="478970" spans="14:14">
      <c r="N478970" s="10"/>
    </row>
    <row r="478971" spans="14:14">
      <c r="N478971" s="10"/>
    </row>
    <row r="478972" spans="14:14">
      <c r="N478972" s="10"/>
    </row>
    <row r="478973" spans="14:14">
      <c r="N478973" s="10"/>
    </row>
    <row r="478974" spans="14:14">
      <c r="N478974" s="10"/>
    </row>
    <row r="478975" spans="14:14">
      <c r="N478975" s="10"/>
    </row>
    <row r="478976" spans="14:14">
      <c r="N478976" s="10"/>
    </row>
    <row r="478977" spans="14:14">
      <c r="N478977" s="10"/>
    </row>
    <row r="478978" spans="14:14">
      <c r="N478978" s="10"/>
    </row>
    <row r="478979" spans="14:14">
      <c r="N478979" s="10"/>
    </row>
    <row r="478980" spans="14:14">
      <c r="N478980" s="10"/>
    </row>
    <row r="478981" spans="14:14">
      <c r="N478981" s="10"/>
    </row>
    <row r="478982" spans="14:14">
      <c r="N478982" s="10"/>
    </row>
    <row r="478983" spans="14:14">
      <c r="N478983" s="10"/>
    </row>
    <row r="478984" spans="14:14">
      <c r="N478984" s="10"/>
    </row>
    <row r="478985" spans="14:14">
      <c r="N478985" s="10"/>
    </row>
    <row r="478986" spans="14:14">
      <c r="N478986" s="10"/>
    </row>
    <row r="478987" spans="14:14">
      <c r="N478987" s="10"/>
    </row>
    <row r="478988" spans="14:14">
      <c r="N478988" s="10"/>
    </row>
    <row r="478989" spans="14:14">
      <c r="N478989" s="10"/>
    </row>
    <row r="478990" spans="14:14">
      <c r="N478990" s="10"/>
    </row>
    <row r="478991" spans="14:14">
      <c r="N478991" s="10"/>
    </row>
    <row r="478992" spans="14:14">
      <c r="N478992" s="10"/>
    </row>
    <row r="478993" spans="14:14">
      <c r="N478993" s="10"/>
    </row>
    <row r="478994" spans="14:14">
      <c r="N478994" s="10"/>
    </row>
    <row r="478995" spans="14:14">
      <c r="N478995" s="10"/>
    </row>
    <row r="478996" spans="14:14">
      <c r="N478996" s="10"/>
    </row>
    <row r="478997" spans="14:14">
      <c r="N478997" s="10"/>
    </row>
    <row r="478998" spans="14:14">
      <c r="N478998" s="10"/>
    </row>
    <row r="478999" spans="14:14">
      <c r="N478999" s="10"/>
    </row>
    <row r="479000" spans="14:14">
      <c r="N479000" s="10"/>
    </row>
    <row r="479001" spans="14:14">
      <c r="N479001" s="10"/>
    </row>
    <row r="479002" spans="14:14">
      <c r="N479002" s="10"/>
    </row>
    <row r="479003" spans="14:14">
      <c r="N479003" s="10"/>
    </row>
    <row r="479004" spans="14:14">
      <c r="N479004" s="10"/>
    </row>
    <row r="479005" spans="14:14">
      <c r="N479005" s="10"/>
    </row>
    <row r="479006" spans="14:14">
      <c r="N479006" s="10"/>
    </row>
    <row r="479007" spans="14:14">
      <c r="N479007" s="10"/>
    </row>
    <row r="479008" spans="14:14">
      <c r="N479008" s="10"/>
    </row>
    <row r="479009" spans="14:14">
      <c r="N479009" s="10"/>
    </row>
    <row r="479010" spans="14:14">
      <c r="N479010" s="10"/>
    </row>
    <row r="479011" spans="14:14">
      <c r="N479011" s="10"/>
    </row>
    <row r="479012" spans="14:14">
      <c r="N479012" s="10"/>
    </row>
    <row r="479013" spans="14:14">
      <c r="N479013" s="10"/>
    </row>
    <row r="479014" spans="14:14">
      <c r="N479014" s="10"/>
    </row>
    <row r="479015" spans="14:14">
      <c r="N479015" s="10"/>
    </row>
    <row r="479016" spans="14:14">
      <c r="N479016" s="10"/>
    </row>
    <row r="479017" spans="14:14">
      <c r="N479017" s="10"/>
    </row>
    <row r="479018" spans="14:14">
      <c r="N479018" s="10"/>
    </row>
    <row r="479019" spans="14:14">
      <c r="N479019" s="10"/>
    </row>
    <row r="479020" spans="14:14">
      <c r="N479020" s="10"/>
    </row>
    <row r="479021" spans="14:14">
      <c r="N479021" s="10"/>
    </row>
    <row r="479022" spans="14:14">
      <c r="N479022" s="10"/>
    </row>
    <row r="479023" spans="14:14">
      <c r="N479023" s="10"/>
    </row>
    <row r="479024" spans="14:14">
      <c r="N479024" s="10"/>
    </row>
    <row r="479025" spans="14:14">
      <c r="N479025" s="10"/>
    </row>
    <row r="479026" spans="14:14">
      <c r="N479026" s="10"/>
    </row>
    <row r="479027" spans="14:14">
      <c r="N479027" s="10"/>
    </row>
    <row r="479028" spans="14:14">
      <c r="N479028" s="10"/>
    </row>
    <row r="479029" spans="14:14">
      <c r="N479029" s="10"/>
    </row>
    <row r="479030" spans="14:14">
      <c r="N479030" s="10"/>
    </row>
    <row r="479031" spans="14:14">
      <c r="N479031" s="10"/>
    </row>
    <row r="479032" spans="14:14">
      <c r="N479032" s="10"/>
    </row>
    <row r="479033" spans="14:14">
      <c r="N479033" s="10"/>
    </row>
    <row r="479034" spans="14:14">
      <c r="N479034" s="10"/>
    </row>
    <row r="479035" spans="14:14">
      <c r="N479035" s="10"/>
    </row>
    <row r="479036" spans="14:14">
      <c r="N479036" s="10"/>
    </row>
    <row r="479037" spans="14:14">
      <c r="N479037" s="10"/>
    </row>
    <row r="479038" spans="14:14">
      <c r="N479038" s="10"/>
    </row>
    <row r="479039" spans="14:14">
      <c r="N479039" s="10"/>
    </row>
    <row r="479040" spans="14:14">
      <c r="N479040" s="10"/>
    </row>
    <row r="479041" spans="14:14">
      <c r="N479041" s="10"/>
    </row>
    <row r="479042" spans="14:14">
      <c r="N479042" s="10"/>
    </row>
    <row r="479043" spans="14:14">
      <c r="N479043" s="10"/>
    </row>
    <row r="479044" spans="14:14">
      <c r="N479044" s="10"/>
    </row>
    <row r="479045" spans="14:14">
      <c r="N479045" s="10"/>
    </row>
    <row r="479046" spans="14:14">
      <c r="N479046" s="10"/>
    </row>
    <row r="479047" spans="14:14">
      <c r="N479047" s="10"/>
    </row>
    <row r="479048" spans="14:14">
      <c r="N479048" s="10"/>
    </row>
    <row r="479049" spans="14:14">
      <c r="N479049" s="10"/>
    </row>
    <row r="479050" spans="14:14">
      <c r="N479050" s="10"/>
    </row>
    <row r="479051" spans="14:14">
      <c r="N479051" s="10"/>
    </row>
    <row r="479052" spans="14:14">
      <c r="N479052" s="10"/>
    </row>
    <row r="479053" spans="14:14">
      <c r="N479053" s="10"/>
    </row>
    <row r="479054" spans="14:14">
      <c r="N479054" s="10"/>
    </row>
    <row r="479055" spans="14:14">
      <c r="N479055" s="10"/>
    </row>
    <row r="479056" spans="14:14">
      <c r="N479056" s="10"/>
    </row>
    <row r="479057" spans="14:14">
      <c r="N479057" s="10"/>
    </row>
    <row r="479058" spans="14:14">
      <c r="N479058" s="10"/>
    </row>
    <row r="479059" spans="14:14">
      <c r="N479059" s="10"/>
    </row>
    <row r="479060" spans="14:14">
      <c r="N479060" s="10"/>
    </row>
    <row r="479061" spans="14:14">
      <c r="N479061" s="10"/>
    </row>
    <row r="479062" spans="14:14">
      <c r="N479062" s="10"/>
    </row>
    <row r="479063" spans="14:14">
      <c r="N479063" s="10"/>
    </row>
    <row r="479064" spans="14:14">
      <c r="N479064" s="10"/>
    </row>
    <row r="479065" spans="14:14">
      <c r="N479065" s="10"/>
    </row>
    <row r="479066" spans="14:14">
      <c r="N479066" s="10"/>
    </row>
    <row r="479067" spans="14:14">
      <c r="N479067" s="10"/>
    </row>
    <row r="479068" spans="14:14">
      <c r="N479068" s="10"/>
    </row>
    <row r="479069" spans="14:14">
      <c r="N479069" s="10"/>
    </row>
    <row r="479070" spans="14:14">
      <c r="N479070" s="10"/>
    </row>
    <row r="479071" spans="14:14">
      <c r="N479071" s="10"/>
    </row>
    <row r="479072" spans="14:14">
      <c r="N479072" s="10"/>
    </row>
    <row r="479073" spans="14:14">
      <c r="N479073" s="10"/>
    </row>
    <row r="479074" spans="14:14">
      <c r="N479074" s="10"/>
    </row>
    <row r="479075" spans="14:14">
      <c r="N479075" s="10"/>
    </row>
    <row r="479076" spans="14:14">
      <c r="N479076" s="10"/>
    </row>
    <row r="479077" spans="14:14">
      <c r="N479077" s="10"/>
    </row>
    <row r="479078" spans="14:14">
      <c r="N479078" s="10"/>
    </row>
    <row r="479079" spans="14:14">
      <c r="N479079" s="10"/>
    </row>
    <row r="479080" spans="14:14">
      <c r="N479080" s="10"/>
    </row>
    <row r="479081" spans="14:14">
      <c r="N479081" s="10"/>
    </row>
    <row r="479082" spans="14:14">
      <c r="N479082" s="10"/>
    </row>
    <row r="479083" spans="14:14">
      <c r="N479083" s="10"/>
    </row>
    <row r="479084" spans="14:14">
      <c r="N479084" s="10"/>
    </row>
    <row r="479085" spans="14:14">
      <c r="N479085" s="10"/>
    </row>
    <row r="479086" spans="14:14">
      <c r="N479086" s="10"/>
    </row>
    <row r="479087" spans="14:14">
      <c r="N479087" s="10"/>
    </row>
    <row r="479088" spans="14:14">
      <c r="N479088" s="10"/>
    </row>
    <row r="479089" spans="14:14">
      <c r="N479089" s="10"/>
    </row>
    <row r="479090" spans="14:14">
      <c r="N479090" s="10"/>
    </row>
    <row r="479091" spans="14:14">
      <c r="N479091" s="10"/>
    </row>
    <row r="479092" spans="14:14">
      <c r="N479092" s="10"/>
    </row>
    <row r="479093" spans="14:14">
      <c r="N479093" s="10"/>
    </row>
    <row r="479094" spans="14:14">
      <c r="N479094" s="10"/>
    </row>
    <row r="479095" spans="14:14">
      <c r="N479095" s="10"/>
    </row>
    <row r="479096" spans="14:14">
      <c r="N479096" s="10"/>
    </row>
    <row r="479097" spans="14:14">
      <c r="N479097" s="10"/>
    </row>
    <row r="479098" spans="14:14">
      <c r="N479098" s="10"/>
    </row>
    <row r="479099" spans="14:14">
      <c r="N479099" s="10"/>
    </row>
    <row r="479100" spans="14:14">
      <c r="N479100" s="10"/>
    </row>
    <row r="479101" spans="14:14">
      <c r="N479101" s="10"/>
    </row>
    <row r="479102" spans="14:14">
      <c r="N479102" s="10"/>
    </row>
    <row r="479103" spans="14:14">
      <c r="N479103" s="10"/>
    </row>
    <row r="479104" spans="14:14">
      <c r="N479104" s="10"/>
    </row>
    <row r="479105" spans="14:14">
      <c r="N479105" s="10"/>
    </row>
    <row r="479106" spans="14:14">
      <c r="N479106" s="10"/>
    </row>
    <row r="479107" spans="14:14">
      <c r="N479107" s="10"/>
    </row>
    <row r="479108" spans="14:14">
      <c r="N479108" s="10"/>
    </row>
    <row r="479109" spans="14:14">
      <c r="N479109" s="10"/>
    </row>
    <row r="479110" spans="14:14">
      <c r="N479110" s="10"/>
    </row>
    <row r="479111" spans="14:14">
      <c r="N479111" s="10"/>
    </row>
    <row r="479112" spans="14:14">
      <c r="N479112" s="10"/>
    </row>
    <row r="479113" spans="14:14">
      <c r="N479113" s="10"/>
    </row>
    <row r="479114" spans="14:14">
      <c r="N479114" s="10"/>
    </row>
    <row r="479115" spans="14:14">
      <c r="N479115" s="10"/>
    </row>
    <row r="479116" spans="14:14">
      <c r="N479116" s="10"/>
    </row>
    <row r="479117" spans="14:14">
      <c r="N479117" s="10"/>
    </row>
    <row r="479118" spans="14:14">
      <c r="N479118" s="10"/>
    </row>
    <row r="479119" spans="14:14">
      <c r="N479119" s="10"/>
    </row>
    <row r="479120" spans="14:14">
      <c r="N479120" s="10"/>
    </row>
    <row r="479121" spans="14:14">
      <c r="N479121" s="10"/>
    </row>
    <row r="479122" spans="14:14">
      <c r="N479122" s="10"/>
    </row>
    <row r="479123" spans="14:14">
      <c r="N479123" s="10"/>
    </row>
    <row r="479124" spans="14:14">
      <c r="N479124" s="10"/>
    </row>
    <row r="479125" spans="14:14">
      <c r="N479125" s="10"/>
    </row>
    <row r="479126" spans="14:14">
      <c r="N479126" s="10"/>
    </row>
    <row r="479127" spans="14:14">
      <c r="N479127" s="10"/>
    </row>
    <row r="479128" spans="14:14">
      <c r="N479128" s="10"/>
    </row>
    <row r="479129" spans="14:14">
      <c r="N479129" s="10"/>
    </row>
    <row r="479130" spans="14:14">
      <c r="N479130" s="10"/>
    </row>
    <row r="479131" spans="14:14">
      <c r="N479131" s="10"/>
    </row>
    <row r="479132" spans="14:14">
      <c r="N479132" s="10"/>
    </row>
    <row r="479133" spans="14:14">
      <c r="N479133" s="10"/>
    </row>
    <row r="479134" spans="14:14">
      <c r="N479134" s="10"/>
    </row>
    <row r="479135" spans="14:14">
      <c r="N479135" s="10"/>
    </row>
    <row r="479136" spans="14:14">
      <c r="N479136" s="10"/>
    </row>
    <row r="479137" spans="14:14">
      <c r="N479137" s="10"/>
    </row>
    <row r="479138" spans="14:14">
      <c r="N479138" s="10"/>
    </row>
    <row r="479139" spans="14:14">
      <c r="N479139" s="10"/>
    </row>
    <row r="479140" spans="14:14">
      <c r="N479140" s="10"/>
    </row>
    <row r="479141" spans="14:14">
      <c r="N479141" s="10"/>
    </row>
    <row r="479142" spans="14:14">
      <c r="N479142" s="10"/>
    </row>
    <row r="479143" spans="14:14">
      <c r="N479143" s="10"/>
    </row>
    <row r="479144" spans="14:14">
      <c r="N479144" s="10"/>
    </row>
    <row r="479145" spans="14:14">
      <c r="N479145" s="10"/>
    </row>
    <row r="479146" spans="14:14">
      <c r="N479146" s="10"/>
    </row>
    <row r="479147" spans="14:14">
      <c r="N479147" s="10"/>
    </row>
    <row r="479148" spans="14:14">
      <c r="N479148" s="10"/>
    </row>
    <row r="479149" spans="14:14">
      <c r="N479149" s="10"/>
    </row>
    <row r="479150" spans="14:14">
      <c r="N479150" s="10"/>
    </row>
    <row r="479151" spans="14:14">
      <c r="N479151" s="10"/>
    </row>
    <row r="479152" spans="14:14">
      <c r="N479152" s="10"/>
    </row>
    <row r="479153" spans="14:14">
      <c r="N479153" s="10"/>
    </row>
    <row r="479154" spans="14:14">
      <c r="N479154" s="10"/>
    </row>
    <row r="479155" spans="14:14">
      <c r="N479155" s="10"/>
    </row>
    <row r="479156" spans="14:14">
      <c r="N479156" s="10"/>
    </row>
    <row r="479157" spans="14:14">
      <c r="N479157" s="10"/>
    </row>
    <row r="479158" spans="14:14">
      <c r="N479158" s="10"/>
    </row>
    <row r="479159" spans="14:14">
      <c r="N479159" s="10"/>
    </row>
    <row r="479160" spans="14:14">
      <c r="N479160" s="10"/>
    </row>
    <row r="479161" spans="14:14">
      <c r="N479161" s="10"/>
    </row>
    <row r="479162" spans="14:14">
      <c r="N479162" s="10"/>
    </row>
    <row r="479163" spans="14:14">
      <c r="N479163" s="10"/>
    </row>
    <row r="479164" spans="14:14">
      <c r="N479164" s="10"/>
    </row>
    <row r="479165" spans="14:14">
      <c r="N479165" s="10"/>
    </row>
    <row r="479166" spans="14:14">
      <c r="N479166" s="10"/>
    </row>
    <row r="479167" spans="14:14">
      <c r="N479167" s="10"/>
    </row>
    <row r="479168" spans="14:14">
      <c r="N479168" s="10"/>
    </row>
    <row r="479169" spans="14:14">
      <c r="N479169" s="10"/>
    </row>
    <row r="479170" spans="14:14">
      <c r="N479170" s="10"/>
    </row>
    <row r="479171" spans="14:14">
      <c r="N479171" s="10"/>
    </row>
    <row r="479172" spans="14:14">
      <c r="N479172" s="10"/>
    </row>
    <row r="479173" spans="14:14">
      <c r="N479173" s="10"/>
    </row>
    <row r="479174" spans="14:14">
      <c r="N479174" s="10"/>
    </row>
    <row r="479175" spans="14:14">
      <c r="N479175" s="10"/>
    </row>
    <row r="479176" spans="14:14">
      <c r="N479176" s="10"/>
    </row>
    <row r="479177" spans="14:14">
      <c r="N479177" s="10"/>
    </row>
    <row r="479178" spans="14:14">
      <c r="N479178" s="10"/>
    </row>
    <row r="479179" spans="14:14">
      <c r="N479179" s="10"/>
    </row>
    <row r="479180" spans="14:14">
      <c r="N479180" s="10"/>
    </row>
    <row r="479181" spans="14:14">
      <c r="N479181" s="10"/>
    </row>
    <row r="479182" spans="14:14">
      <c r="N479182" s="10"/>
    </row>
    <row r="479183" spans="14:14">
      <c r="N479183" s="10"/>
    </row>
    <row r="479184" spans="14:14">
      <c r="N479184" s="10"/>
    </row>
    <row r="479185" spans="14:14">
      <c r="N479185" s="10"/>
    </row>
    <row r="479186" spans="14:14">
      <c r="N479186" s="10"/>
    </row>
    <row r="479187" spans="14:14">
      <c r="N479187" s="10"/>
    </row>
    <row r="479188" spans="14:14">
      <c r="N479188" s="10"/>
    </row>
    <row r="479189" spans="14:14">
      <c r="N479189" s="10"/>
    </row>
    <row r="479190" spans="14:14">
      <c r="N479190" s="10"/>
    </row>
    <row r="479191" spans="14:14">
      <c r="N479191" s="10"/>
    </row>
    <row r="479192" spans="14:14">
      <c r="N479192" s="10"/>
    </row>
    <row r="479193" spans="14:14">
      <c r="N479193" s="10"/>
    </row>
    <row r="479194" spans="14:14">
      <c r="N479194" s="10"/>
    </row>
    <row r="479195" spans="14:14">
      <c r="N479195" s="10"/>
    </row>
    <row r="479196" spans="14:14">
      <c r="N479196" s="10"/>
    </row>
    <row r="479197" spans="14:14">
      <c r="N479197" s="10"/>
    </row>
    <row r="479198" spans="14:14">
      <c r="N479198" s="10"/>
    </row>
    <row r="479199" spans="14:14">
      <c r="N479199" s="10"/>
    </row>
    <row r="479200" spans="14:14">
      <c r="N479200" s="10"/>
    </row>
    <row r="479201" spans="14:14">
      <c r="N479201" s="10"/>
    </row>
    <row r="479202" spans="14:14">
      <c r="N479202" s="10"/>
    </row>
    <row r="479203" spans="14:14">
      <c r="N479203" s="10"/>
    </row>
    <row r="479204" spans="14:14">
      <c r="N479204" s="10"/>
    </row>
    <row r="479205" spans="14:14">
      <c r="N479205" s="10"/>
    </row>
    <row r="479206" spans="14:14">
      <c r="N479206" s="10"/>
    </row>
    <row r="479207" spans="14:14">
      <c r="N479207" s="10"/>
    </row>
    <row r="479208" spans="14:14">
      <c r="N479208" s="10"/>
    </row>
    <row r="479209" spans="14:14">
      <c r="N479209" s="10"/>
    </row>
    <row r="479210" spans="14:14">
      <c r="N479210" s="10"/>
    </row>
    <row r="479211" spans="14:14">
      <c r="N479211" s="10"/>
    </row>
    <row r="479212" spans="14:14">
      <c r="N479212" s="10"/>
    </row>
    <row r="479213" spans="14:14">
      <c r="N479213" s="10"/>
    </row>
    <row r="479214" spans="14:14">
      <c r="N479214" s="10"/>
    </row>
    <row r="479215" spans="14:14">
      <c r="N479215" s="10"/>
    </row>
    <row r="479216" spans="14:14">
      <c r="N479216" s="10"/>
    </row>
    <row r="479217" spans="14:14">
      <c r="N479217" s="10"/>
    </row>
    <row r="479218" spans="14:14">
      <c r="N479218" s="10"/>
    </row>
    <row r="479219" spans="14:14">
      <c r="N479219" s="10"/>
    </row>
    <row r="479220" spans="14:14">
      <c r="N479220" s="10"/>
    </row>
    <row r="479221" spans="14:14">
      <c r="N479221" s="10"/>
    </row>
    <row r="479222" spans="14:14">
      <c r="N479222" s="10"/>
    </row>
    <row r="479223" spans="14:14">
      <c r="N479223" s="10"/>
    </row>
    <row r="479224" spans="14:14">
      <c r="N479224" s="10"/>
    </row>
    <row r="479225" spans="14:14">
      <c r="N479225" s="10"/>
    </row>
    <row r="479226" spans="14:14">
      <c r="N479226" s="10"/>
    </row>
    <row r="479227" spans="14:14">
      <c r="N479227" s="10"/>
    </row>
    <row r="479228" spans="14:14">
      <c r="N479228" s="10"/>
    </row>
    <row r="479229" spans="14:14">
      <c r="N479229" s="10"/>
    </row>
    <row r="479230" spans="14:14">
      <c r="N479230" s="10"/>
    </row>
    <row r="479231" spans="14:14">
      <c r="N479231" s="10"/>
    </row>
    <row r="479232" spans="14:14">
      <c r="N479232" s="10"/>
    </row>
    <row r="479233" spans="14:14">
      <c r="N479233" s="10"/>
    </row>
    <row r="479234" spans="14:14">
      <c r="N479234" s="10"/>
    </row>
    <row r="479235" spans="14:14">
      <c r="N479235" s="10"/>
    </row>
    <row r="479236" spans="14:14">
      <c r="N479236" s="10"/>
    </row>
    <row r="479237" spans="14:14">
      <c r="N479237" s="10"/>
    </row>
    <row r="479238" spans="14:14">
      <c r="N479238" s="10"/>
    </row>
    <row r="479239" spans="14:14">
      <c r="N479239" s="10"/>
    </row>
    <row r="479240" spans="14:14">
      <c r="N479240" s="10"/>
    </row>
    <row r="479241" spans="14:14">
      <c r="N479241" s="10"/>
    </row>
    <row r="479242" spans="14:14">
      <c r="N479242" s="10"/>
    </row>
    <row r="479243" spans="14:14">
      <c r="N479243" s="10"/>
    </row>
    <row r="479244" spans="14:14">
      <c r="N479244" s="10"/>
    </row>
    <row r="479245" spans="14:14">
      <c r="N479245" s="10"/>
    </row>
    <row r="479246" spans="14:14">
      <c r="N479246" s="10"/>
    </row>
    <row r="479247" spans="14:14">
      <c r="N479247" s="10"/>
    </row>
    <row r="479248" spans="14:14">
      <c r="N479248" s="10"/>
    </row>
    <row r="479249" spans="14:14">
      <c r="N479249" s="10"/>
    </row>
    <row r="479250" spans="14:14">
      <c r="N479250" s="10"/>
    </row>
    <row r="479251" spans="14:14">
      <c r="N479251" s="10"/>
    </row>
    <row r="479252" spans="14:14">
      <c r="N479252" s="10"/>
    </row>
    <row r="479253" spans="14:14">
      <c r="N479253" s="10"/>
    </row>
    <row r="479254" spans="14:14">
      <c r="N479254" s="10"/>
    </row>
    <row r="479255" spans="14:14">
      <c r="N479255" s="10"/>
    </row>
    <row r="479256" spans="14:14">
      <c r="N479256" s="10"/>
    </row>
    <row r="479257" spans="14:14">
      <c r="N479257" s="10"/>
    </row>
    <row r="479258" spans="14:14">
      <c r="N479258" s="10"/>
    </row>
    <row r="479259" spans="14:14">
      <c r="N479259" s="10"/>
    </row>
    <row r="479260" spans="14:14">
      <c r="N479260" s="10"/>
    </row>
    <row r="479261" spans="14:14">
      <c r="N479261" s="10"/>
    </row>
    <row r="479262" spans="14:14">
      <c r="N479262" s="10"/>
    </row>
    <row r="479263" spans="14:14">
      <c r="N479263" s="10"/>
    </row>
    <row r="479264" spans="14:14">
      <c r="N479264" s="10"/>
    </row>
    <row r="479265" spans="14:14">
      <c r="N479265" s="10"/>
    </row>
    <row r="479266" spans="14:14">
      <c r="N479266" s="10"/>
    </row>
    <row r="479267" spans="14:14">
      <c r="N479267" s="10"/>
    </row>
    <row r="479268" spans="14:14">
      <c r="N479268" s="10"/>
    </row>
    <row r="479269" spans="14:14">
      <c r="N479269" s="10"/>
    </row>
    <row r="479270" spans="14:14">
      <c r="N479270" s="10"/>
    </row>
    <row r="479271" spans="14:14">
      <c r="N479271" s="10"/>
    </row>
    <row r="479272" spans="14:14">
      <c r="N479272" s="10"/>
    </row>
    <row r="479273" spans="14:14">
      <c r="N479273" s="10"/>
    </row>
    <row r="479274" spans="14:14">
      <c r="N479274" s="10"/>
    </row>
    <row r="479275" spans="14:14">
      <c r="N479275" s="10"/>
    </row>
    <row r="479276" spans="14:14">
      <c r="N479276" s="10"/>
    </row>
    <row r="479277" spans="14:14">
      <c r="N479277" s="10"/>
    </row>
    <row r="479278" spans="14:14">
      <c r="N479278" s="10"/>
    </row>
    <row r="479279" spans="14:14">
      <c r="N479279" s="10"/>
    </row>
    <row r="479280" spans="14:14">
      <c r="N479280" s="10"/>
    </row>
    <row r="479281" spans="14:14">
      <c r="N479281" s="10"/>
    </row>
    <row r="479282" spans="14:14">
      <c r="N479282" s="10"/>
    </row>
    <row r="479283" spans="14:14">
      <c r="N479283" s="10"/>
    </row>
    <row r="479284" spans="14:14">
      <c r="N479284" s="10"/>
    </row>
    <row r="479285" spans="14:14">
      <c r="N479285" s="10"/>
    </row>
    <row r="479286" spans="14:14">
      <c r="N479286" s="10"/>
    </row>
    <row r="479287" spans="14:14">
      <c r="N479287" s="10"/>
    </row>
    <row r="479288" spans="14:14">
      <c r="N479288" s="10"/>
    </row>
    <row r="479289" spans="14:14">
      <c r="N479289" s="10"/>
    </row>
    <row r="479290" spans="14:14">
      <c r="N479290" s="10"/>
    </row>
    <row r="479291" spans="14:14">
      <c r="N479291" s="10"/>
    </row>
    <row r="479292" spans="14:14">
      <c r="N479292" s="10"/>
    </row>
    <row r="479293" spans="14:14">
      <c r="N479293" s="10"/>
    </row>
    <row r="479294" spans="14:14">
      <c r="N479294" s="10"/>
    </row>
    <row r="479295" spans="14:14">
      <c r="N479295" s="10"/>
    </row>
    <row r="479296" spans="14:14">
      <c r="N479296" s="10"/>
    </row>
    <row r="479297" spans="14:14">
      <c r="N479297" s="10"/>
    </row>
    <row r="479298" spans="14:14">
      <c r="N479298" s="10"/>
    </row>
    <row r="479299" spans="14:14">
      <c r="N479299" s="10"/>
    </row>
    <row r="479300" spans="14:14">
      <c r="N479300" s="10"/>
    </row>
    <row r="479301" spans="14:14">
      <c r="N479301" s="10"/>
    </row>
    <row r="479302" spans="14:14">
      <c r="N479302" s="10"/>
    </row>
    <row r="479303" spans="14:14">
      <c r="N479303" s="10"/>
    </row>
    <row r="479304" spans="14:14">
      <c r="N479304" s="10"/>
    </row>
    <row r="479305" spans="14:14">
      <c r="N479305" s="10"/>
    </row>
    <row r="479306" spans="14:14">
      <c r="N479306" s="10"/>
    </row>
    <row r="479307" spans="14:14">
      <c r="N479307" s="10"/>
    </row>
    <row r="479308" spans="14:14">
      <c r="N479308" s="10"/>
    </row>
    <row r="479309" spans="14:14">
      <c r="N479309" s="10"/>
    </row>
    <row r="479310" spans="14:14">
      <c r="N479310" s="10"/>
    </row>
    <row r="479311" spans="14:14">
      <c r="N479311" s="10"/>
    </row>
    <row r="479312" spans="14:14">
      <c r="N479312" s="10"/>
    </row>
    <row r="479313" spans="14:14">
      <c r="N479313" s="10"/>
    </row>
    <row r="479314" spans="14:14">
      <c r="N479314" s="10"/>
    </row>
    <row r="479315" spans="14:14">
      <c r="N479315" s="10"/>
    </row>
    <row r="479316" spans="14:14">
      <c r="N479316" s="10"/>
    </row>
    <row r="479317" spans="14:14">
      <c r="N479317" s="10"/>
    </row>
    <row r="479318" spans="14:14">
      <c r="N479318" s="10"/>
    </row>
    <row r="479319" spans="14:14">
      <c r="N479319" s="10"/>
    </row>
    <row r="479320" spans="14:14">
      <c r="N479320" s="10"/>
    </row>
    <row r="479321" spans="14:14">
      <c r="N479321" s="10"/>
    </row>
    <row r="479322" spans="14:14">
      <c r="N479322" s="10"/>
    </row>
    <row r="479323" spans="14:14">
      <c r="N479323" s="10"/>
    </row>
    <row r="479324" spans="14:14">
      <c r="N479324" s="10"/>
    </row>
    <row r="479325" spans="14:14">
      <c r="N479325" s="10"/>
    </row>
    <row r="479326" spans="14:14">
      <c r="N479326" s="10"/>
    </row>
    <row r="479327" spans="14:14">
      <c r="N479327" s="10"/>
    </row>
    <row r="479328" spans="14:14">
      <c r="N479328" s="10"/>
    </row>
    <row r="479329" spans="14:14">
      <c r="N479329" s="10"/>
    </row>
    <row r="479330" spans="14:14">
      <c r="N479330" s="10"/>
    </row>
    <row r="479331" spans="14:14">
      <c r="N479331" s="10"/>
    </row>
    <row r="479332" spans="14:14">
      <c r="N479332" s="10"/>
    </row>
    <row r="479333" spans="14:14">
      <c r="N479333" s="10"/>
    </row>
    <row r="479334" spans="14:14">
      <c r="N479334" s="10"/>
    </row>
    <row r="479335" spans="14:14">
      <c r="N479335" s="10"/>
    </row>
    <row r="479336" spans="14:14">
      <c r="N479336" s="10"/>
    </row>
    <row r="479337" spans="14:14">
      <c r="N479337" s="10"/>
    </row>
    <row r="479338" spans="14:14">
      <c r="N479338" s="10"/>
    </row>
    <row r="479339" spans="14:14">
      <c r="N479339" s="10"/>
    </row>
    <row r="479340" spans="14:14">
      <c r="N479340" s="10"/>
    </row>
    <row r="479341" spans="14:14">
      <c r="N479341" s="10"/>
    </row>
    <row r="479342" spans="14:14">
      <c r="N479342" s="10"/>
    </row>
    <row r="479343" spans="14:14">
      <c r="N479343" s="10"/>
    </row>
    <row r="479344" spans="14:14">
      <c r="N479344" s="10"/>
    </row>
    <row r="479345" spans="14:14">
      <c r="N479345" s="10"/>
    </row>
    <row r="479346" spans="14:14">
      <c r="N479346" s="10"/>
    </row>
    <row r="479347" spans="14:14">
      <c r="N479347" s="10"/>
    </row>
    <row r="479348" spans="14:14">
      <c r="N479348" s="10"/>
    </row>
    <row r="479349" spans="14:14">
      <c r="N479349" s="10"/>
    </row>
    <row r="479350" spans="14:14">
      <c r="N479350" s="10"/>
    </row>
    <row r="479351" spans="14:14">
      <c r="N479351" s="10"/>
    </row>
    <row r="479352" spans="14:14">
      <c r="N479352" s="10"/>
    </row>
    <row r="479353" spans="14:14">
      <c r="N479353" s="10"/>
    </row>
    <row r="479354" spans="14:14">
      <c r="N479354" s="10"/>
    </row>
    <row r="479355" spans="14:14">
      <c r="N479355" s="10"/>
    </row>
    <row r="479356" spans="14:14">
      <c r="N479356" s="10"/>
    </row>
    <row r="479357" spans="14:14">
      <c r="N479357" s="10"/>
    </row>
    <row r="479358" spans="14:14">
      <c r="N479358" s="10"/>
    </row>
    <row r="479359" spans="14:14">
      <c r="N479359" s="10"/>
    </row>
    <row r="479360" spans="14:14">
      <c r="N479360" s="10"/>
    </row>
    <row r="479361" spans="14:14">
      <c r="N479361" s="10"/>
    </row>
    <row r="479362" spans="14:14">
      <c r="N479362" s="10"/>
    </row>
    <row r="479363" spans="14:14">
      <c r="N479363" s="10"/>
    </row>
    <row r="479364" spans="14:14">
      <c r="N479364" s="10"/>
    </row>
    <row r="479365" spans="14:14">
      <c r="N479365" s="10"/>
    </row>
    <row r="479366" spans="14:14">
      <c r="N479366" s="10"/>
    </row>
    <row r="479367" spans="14:14">
      <c r="N479367" s="10"/>
    </row>
    <row r="479368" spans="14:14">
      <c r="N479368" s="10"/>
    </row>
    <row r="479369" spans="14:14">
      <c r="N479369" s="10"/>
    </row>
    <row r="479370" spans="14:14">
      <c r="N479370" s="10"/>
    </row>
    <row r="479371" spans="14:14">
      <c r="N479371" s="10"/>
    </row>
    <row r="479372" spans="14:14">
      <c r="N479372" s="10"/>
    </row>
    <row r="479373" spans="14:14">
      <c r="N479373" s="10"/>
    </row>
    <row r="479374" spans="14:14">
      <c r="N479374" s="10"/>
    </row>
    <row r="479375" spans="14:14">
      <c r="N479375" s="10"/>
    </row>
    <row r="479376" spans="14:14">
      <c r="N479376" s="10"/>
    </row>
    <row r="479377" spans="14:14">
      <c r="N479377" s="10"/>
    </row>
    <row r="479378" spans="14:14">
      <c r="N479378" s="10"/>
    </row>
    <row r="479379" spans="14:14">
      <c r="N479379" s="10"/>
    </row>
    <row r="479380" spans="14:14">
      <c r="N479380" s="10"/>
    </row>
    <row r="479381" spans="14:14">
      <c r="N479381" s="10"/>
    </row>
    <row r="479382" spans="14:14">
      <c r="N479382" s="10"/>
    </row>
    <row r="479383" spans="14:14">
      <c r="N479383" s="10"/>
    </row>
    <row r="479384" spans="14:14">
      <c r="N479384" s="10"/>
    </row>
    <row r="479385" spans="14:14">
      <c r="N479385" s="10"/>
    </row>
    <row r="479386" spans="14:14">
      <c r="N479386" s="10"/>
    </row>
    <row r="479387" spans="14:14">
      <c r="N479387" s="10"/>
    </row>
    <row r="479388" spans="14:14">
      <c r="N479388" s="10"/>
    </row>
    <row r="479389" spans="14:14">
      <c r="N479389" s="10"/>
    </row>
    <row r="479390" spans="14:14">
      <c r="N479390" s="10"/>
    </row>
    <row r="479391" spans="14:14">
      <c r="N479391" s="10"/>
    </row>
    <row r="479392" spans="14:14">
      <c r="N479392" s="10"/>
    </row>
    <row r="479393" spans="14:14">
      <c r="N479393" s="10"/>
    </row>
    <row r="479394" spans="14:14">
      <c r="N479394" s="10"/>
    </row>
    <row r="479395" spans="14:14">
      <c r="N479395" s="10"/>
    </row>
    <row r="479396" spans="14:14">
      <c r="N479396" s="10"/>
    </row>
    <row r="479397" spans="14:14">
      <c r="N479397" s="10"/>
    </row>
    <row r="479398" spans="14:14">
      <c r="N479398" s="10"/>
    </row>
    <row r="479399" spans="14:14">
      <c r="N479399" s="10"/>
    </row>
    <row r="479400" spans="14:14">
      <c r="N479400" s="10"/>
    </row>
    <row r="479401" spans="14:14">
      <c r="N479401" s="10"/>
    </row>
    <row r="479402" spans="14:14">
      <c r="N479402" s="10"/>
    </row>
    <row r="479403" spans="14:14">
      <c r="N479403" s="10"/>
    </row>
    <row r="479404" spans="14:14">
      <c r="N479404" s="10"/>
    </row>
    <row r="479405" spans="14:14">
      <c r="N479405" s="10"/>
    </row>
    <row r="479406" spans="14:14">
      <c r="N479406" s="10"/>
    </row>
    <row r="479407" spans="14:14">
      <c r="N479407" s="10"/>
    </row>
    <row r="479408" spans="14:14">
      <c r="N479408" s="10"/>
    </row>
    <row r="479409" spans="14:14">
      <c r="N479409" s="10"/>
    </row>
    <row r="479410" spans="14:14">
      <c r="N479410" s="10"/>
    </row>
    <row r="479411" spans="14:14">
      <c r="N479411" s="10"/>
    </row>
    <row r="479412" spans="14:14">
      <c r="N479412" s="10"/>
    </row>
    <row r="479413" spans="14:14">
      <c r="N479413" s="10"/>
    </row>
    <row r="479414" spans="14:14">
      <c r="N479414" s="10"/>
    </row>
    <row r="479415" spans="14:14">
      <c r="N479415" s="10"/>
    </row>
    <row r="479416" spans="14:14">
      <c r="N479416" s="10"/>
    </row>
    <row r="479417" spans="14:14">
      <c r="N479417" s="10"/>
    </row>
    <row r="479418" spans="14:14">
      <c r="N479418" s="10"/>
    </row>
    <row r="479419" spans="14:14">
      <c r="N479419" s="10"/>
    </row>
    <row r="479420" spans="14:14">
      <c r="N479420" s="10"/>
    </row>
    <row r="479421" spans="14:14">
      <c r="N479421" s="10"/>
    </row>
    <row r="479422" spans="14:14">
      <c r="N479422" s="10"/>
    </row>
    <row r="479423" spans="14:14">
      <c r="N479423" s="10"/>
    </row>
    <row r="479424" spans="14:14">
      <c r="N479424" s="10"/>
    </row>
    <row r="479425" spans="14:14">
      <c r="N479425" s="10"/>
    </row>
    <row r="479426" spans="14:14">
      <c r="N479426" s="10"/>
    </row>
    <row r="479427" spans="14:14">
      <c r="N479427" s="10"/>
    </row>
    <row r="479428" spans="14:14">
      <c r="N479428" s="10"/>
    </row>
    <row r="479429" spans="14:14">
      <c r="N479429" s="10"/>
    </row>
    <row r="479430" spans="14:14">
      <c r="N479430" s="10"/>
    </row>
    <row r="479431" spans="14:14">
      <c r="N479431" s="10"/>
    </row>
    <row r="479432" spans="14:14">
      <c r="N479432" s="10"/>
    </row>
    <row r="479433" spans="14:14">
      <c r="N479433" s="10"/>
    </row>
    <row r="479434" spans="14:14">
      <c r="N479434" s="10"/>
    </row>
    <row r="479435" spans="14:14">
      <c r="N479435" s="10"/>
    </row>
    <row r="479436" spans="14:14">
      <c r="N479436" s="10"/>
    </row>
    <row r="479437" spans="14:14">
      <c r="N479437" s="10"/>
    </row>
    <row r="479438" spans="14:14">
      <c r="N479438" s="10"/>
    </row>
    <row r="479439" spans="14:14">
      <c r="N479439" s="10"/>
    </row>
    <row r="479440" spans="14:14">
      <c r="N479440" s="10"/>
    </row>
    <row r="479441" spans="14:14">
      <c r="N479441" s="10"/>
    </row>
    <row r="479442" spans="14:14">
      <c r="N479442" s="10"/>
    </row>
    <row r="479443" spans="14:14">
      <c r="N479443" s="10"/>
    </row>
    <row r="479444" spans="14:14">
      <c r="N479444" s="10"/>
    </row>
    <row r="479445" spans="14:14">
      <c r="N479445" s="10"/>
    </row>
    <row r="479446" spans="14:14">
      <c r="N479446" s="10"/>
    </row>
    <row r="479447" spans="14:14">
      <c r="N479447" s="10"/>
    </row>
    <row r="479448" spans="14:14">
      <c r="N479448" s="10"/>
    </row>
    <row r="479449" spans="14:14">
      <c r="N479449" s="10"/>
    </row>
    <row r="479450" spans="14:14">
      <c r="N479450" s="10"/>
    </row>
    <row r="479451" spans="14:14">
      <c r="N479451" s="10"/>
    </row>
    <row r="479452" spans="14:14">
      <c r="N479452" s="10"/>
    </row>
    <row r="479453" spans="14:14">
      <c r="N479453" s="10"/>
    </row>
    <row r="479454" spans="14:14">
      <c r="N479454" s="10"/>
    </row>
    <row r="479455" spans="14:14">
      <c r="N479455" s="10"/>
    </row>
    <row r="479456" spans="14:14">
      <c r="N479456" s="10"/>
    </row>
    <row r="479457" spans="14:14">
      <c r="N479457" s="10"/>
    </row>
    <row r="479458" spans="14:14">
      <c r="N479458" s="10"/>
    </row>
    <row r="479459" spans="14:14">
      <c r="N479459" s="10"/>
    </row>
    <row r="479460" spans="14:14">
      <c r="N479460" s="10"/>
    </row>
    <row r="479461" spans="14:14">
      <c r="N479461" s="10"/>
    </row>
    <row r="479462" spans="14:14">
      <c r="N479462" s="10"/>
    </row>
    <row r="479463" spans="14:14">
      <c r="N479463" s="10"/>
    </row>
    <row r="479464" spans="14:14">
      <c r="N479464" s="10"/>
    </row>
    <row r="479465" spans="14:14">
      <c r="N479465" s="10"/>
    </row>
    <row r="479466" spans="14:14">
      <c r="N479466" s="10"/>
    </row>
    <row r="479467" spans="14:14">
      <c r="N479467" s="10"/>
    </row>
    <row r="479468" spans="14:14">
      <c r="N479468" s="10"/>
    </row>
    <row r="479469" spans="14:14">
      <c r="N479469" s="10"/>
    </row>
    <row r="479470" spans="14:14">
      <c r="N479470" s="10"/>
    </row>
    <row r="479471" spans="14:14">
      <c r="N479471" s="10"/>
    </row>
    <row r="479472" spans="14:14">
      <c r="N479472" s="10"/>
    </row>
    <row r="479473" spans="14:14">
      <c r="N479473" s="10"/>
    </row>
    <row r="479474" spans="14:14">
      <c r="N479474" s="10"/>
    </row>
    <row r="479475" spans="14:14">
      <c r="N479475" s="10"/>
    </row>
    <row r="479476" spans="14:14">
      <c r="N479476" s="10"/>
    </row>
    <row r="479477" spans="14:14">
      <c r="N479477" s="10"/>
    </row>
    <row r="479478" spans="14:14">
      <c r="N479478" s="10"/>
    </row>
    <row r="479479" spans="14:14">
      <c r="N479479" s="10"/>
    </row>
    <row r="479480" spans="14:14">
      <c r="N479480" s="10"/>
    </row>
    <row r="479481" spans="14:14">
      <c r="N479481" s="10"/>
    </row>
    <row r="479482" spans="14:14">
      <c r="N479482" s="10"/>
    </row>
    <row r="479483" spans="14:14">
      <c r="N479483" s="10"/>
    </row>
    <row r="479484" spans="14:14">
      <c r="N479484" s="10"/>
    </row>
    <row r="479485" spans="14:14">
      <c r="N479485" s="10"/>
    </row>
    <row r="479486" spans="14:14">
      <c r="N479486" s="10"/>
    </row>
    <row r="479487" spans="14:14">
      <c r="N479487" s="10"/>
    </row>
    <row r="479488" spans="14:14">
      <c r="N479488" s="10"/>
    </row>
    <row r="479489" spans="14:14">
      <c r="N479489" s="10"/>
    </row>
    <row r="479490" spans="14:14">
      <c r="N479490" s="10"/>
    </row>
    <row r="479491" spans="14:14">
      <c r="N479491" s="10"/>
    </row>
    <row r="479492" spans="14:14">
      <c r="N479492" s="10"/>
    </row>
    <row r="479493" spans="14:14">
      <c r="N479493" s="10"/>
    </row>
    <row r="479494" spans="14:14">
      <c r="N479494" s="10"/>
    </row>
    <row r="479495" spans="14:14">
      <c r="N479495" s="10"/>
    </row>
    <row r="479496" spans="14:14">
      <c r="N479496" s="10"/>
    </row>
    <row r="479497" spans="14:14">
      <c r="N479497" s="10"/>
    </row>
    <row r="479498" spans="14:14">
      <c r="N479498" s="10"/>
    </row>
    <row r="479499" spans="14:14">
      <c r="N479499" s="10"/>
    </row>
    <row r="479500" spans="14:14">
      <c r="N479500" s="10"/>
    </row>
    <row r="479501" spans="14:14">
      <c r="N479501" s="10"/>
    </row>
    <row r="479502" spans="14:14">
      <c r="N479502" s="10"/>
    </row>
    <row r="479503" spans="14:14">
      <c r="N479503" s="10"/>
    </row>
    <row r="479504" spans="14:14">
      <c r="N479504" s="10"/>
    </row>
    <row r="479505" spans="14:14">
      <c r="N479505" s="10"/>
    </row>
    <row r="479506" spans="14:14">
      <c r="N479506" s="10"/>
    </row>
    <row r="479507" spans="14:14">
      <c r="N479507" s="10"/>
    </row>
    <row r="479508" spans="14:14">
      <c r="N479508" s="10"/>
    </row>
    <row r="479509" spans="14:14">
      <c r="N479509" s="10"/>
    </row>
    <row r="479510" spans="14:14">
      <c r="N479510" s="10"/>
    </row>
    <row r="479511" spans="14:14">
      <c r="N479511" s="10"/>
    </row>
    <row r="479512" spans="14:14">
      <c r="N479512" s="10"/>
    </row>
    <row r="479513" spans="14:14">
      <c r="N479513" s="10"/>
    </row>
    <row r="479514" spans="14:14">
      <c r="N479514" s="10"/>
    </row>
    <row r="479515" spans="14:14">
      <c r="N479515" s="10"/>
    </row>
    <row r="479516" spans="14:14">
      <c r="N479516" s="10"/>
    </row>
    <row r="479517" spans="14:14">
      <c r="N479517" s="10"/>
    </row>
    <row r="479518" spans="14:14">
      <c r="N479518" s="10"/>
    </row>
    <row r="479519" spans="14:14">
      <c r="N479519" s="10"/>
    </row>
    <row r="479520" spans="14:14">
      <c r="N479520" s="10"/>
    </row>
    <row r="479521" spans="14:14">
      <c r="N479521" s="10"/>
    </row>
    <row r="479522" spans="14:14">
      <c r="N479522" s="10"/>
    </row>
    <row r="479523" spans="14:14">
      <c r="N479523" s="10"/>
    </row>
    <row r="479524" spans="14:14">
      <c r="N479524" s="10"/>
    </row>
    <row r="479525" spans="14:14">
      <c r="N479525" s="10"/>
    </row>
    <row r="479526" spans="14:14">
      <c r="N479526" s="10"/>
    </row>
    <row r="479527" spans="14:14">
      <c r="N479527" s="10"/>
    </row>
    <row r="479528" spans="14:14">
      <c r="N479528" s="10"/>
    </row>
    <row r="479529" spans="14:14">
      <c r="N479529" s="10"/>
    </row>
    <row r="479530" spans="14:14">
      <c r="N479530" s="10"/>
    </row>
    <row r="479531" spans="14:14">
      <c r="N479531" s="10"/>
    </row>
    <row r="479532" spans="14:14">
      <c r="N479532" s="10"/>
    </row>
    <row r="479533" spans="14:14">
      <c r="N479533" s="10"/>
    </row>
    <row r="479534" spans="14:14">
      <c r="N479534" s="10"/>
    </row>
    <row r="479535" spans="14:14">
      <c r="N479535" s="10"/>
    </row>
    <row r="479536" spans="14:14">
      <c r="N479536" s="10"/>
    </row>
    <row r="479537" spans="14:14">
      <c r="N479537" s="10"/>
    </row>
    <row r="479538" spans="14:14">
      <c r="N479538" s="10"/>
    </row>
    <row r="479539" spans="14:14">
      <c r="N479539" s="10"/>
    </row>
    <row r="479540" spans="14:14">
      <c r="N479540" s="10"/>
    </row>
    <row r="479541" spans="14:14">
      <c r="N479541" s="10"/>
    </row>
    <row r="479542" spans="14:14">
      <c r="N479542" s="10"/>
    </row>
    <row r="479543" spans="14:14">
      <c r="N479543" s="10"/>
    </row>
    <row r="479544" spans="14:14">
      <c r="N479544" s="10"/>
    </row>
    <row r="479545" spans="14:14">
      <c r="N479545" s="10"/>
    </row>
    <row r="479546" spans="14:14">
      <c r="N479546" s="10"/>
    </row>
    <row r="479547" spans="14:14">
      <c r="N479547" s="10"/>
    </row>
    <row r="479548" spans="14:14">
      <c r="N479548" s="10"/>
    </row>
    <row r="479549" spans="14:14">
      <c r="N479549" s="10"/>
    </row>
    <row r="479550" spans="14:14">
      <c r="N479550" s="10"/>
    </row>
    <row r="479551" spans="14:14">
      <c r="N479551" s="10"/>
    </row>
    <row r="479552" spans="14:14">
      <c r="N479552" s="10"/>
    </row>
    <row r="479553" spans="14:14">
      <c r="N479553" s="10"/>
    </row>
    <row r="479554" spans="14:14">
      <c r="N479554" s="10"/>
    </row>
    <row r="479555" spans="14:14">
      <c r="N479555" s="10"/>
    </row>
    <row r="479556" spans="14:14">
      <c r="N479556" s="10"/>
    </row>
    <row r="479557" spans="14:14">
      <c r="N479557" s="10"/>
    </row>
    <row r="479558" spans="14:14">
      <c r="N479558" s="10"/>
    </row>
    <row r="479559" spans="14:14">
      <c r="N479559" s="10"/>
    </row>
    <row r="479560" spans="14:14">
      <c r="N479560" s="10"/>
    </row>
    <row r="479561" spans="14:14">
      <c r="N479561" s="10"/>
    </row>
    <row r="479562" spans="14:14">
      <c r="N479562" s="10"/>
    </row>
    <row r="479563" spans="14:14">
      <c r="N479563" s="10"/>
    </row>
    <row r="479564" spans="14:14">
      <c r="N479564" s="10"/>
    </row>
    <row r="479565" spans="14:14">
      <c r="N479565" s="10"/>
    </row>
    <row r="479566" spans="14:14">
      <c r="N479566" s="10"/>
    </row>
    <row r="479567" spans="14:14">
      <c r="N479567" s="10"/>
    </row>
    <row r="479568" spans="14:14">
      <c r="N479568" s="10"/>
    </row>
    <row r="479569" spans="14:14">
      <c r="N479569" s="10"/>
    </row>
    <row r="479570" spans="14:14">
      <c r="N479570" s="10"/>
    </row>
    <row r="479571" spans="14:14">
      <c r="N479571" s="10"/>
    </row>
    <row r="479572" spans="14:14">
      <c r="N479572" s="10"/>
    </row>
    <row r="479573" spans="14:14">
      <c r="N479573" s="10"/>
    </row>
    <row r="479574" spans="14:14">
      <c r="N479574" s="10"/>
    </row>
    <row r="479575" spans="14:14">
      <c r="N479575" s="10"/>
    </row>
    <row r="479576" spans="14:14">
      <c r="N479576" s="10"/>
    </row>
    <row r="479577" spans="14:14">
      <c r="N479577" s="10"/>
    </row>
    <row r="479578" spans="14:14">
      <c r="N479578" s="10"/>
    </row>
    <row r="479579" spans="14:14">
      <c r="N479579" s="10"/>
    </row>
    <row r="479580" spans="14:14">
      <c r="N479580" s="10"/>
    </row>
    <row r="479581" spans="14:14">
      <c r="N479581" s="10"/>
    </row>
    <row r="479582" spans="14:14">
      <c r="N479582" s="10"/>
    </row>
    <row r="479583" spans="14:14">
      <c r="N479583" s="10"/>
    </row>
    <row r="479584" spans="14:14">
      <c r="N479584" s="10"/>
    </row>
    <row r="479585" spans="14:14">
      <c r="N479585" s="10"/>
    </row>
    <row r="479586" spans="14:14">
      <c r="N479586" s="10"/>
    </row>
    <row r="479587" spans="14:14">
      <c r="N479587" s="10"/>
    </row>
    <row r="479588" spans="14:14">
      <c r="N479588" s="10"/>
    </row>
    <row r="479589" spans="14:14">
      <c r="N479589" s="10"/>
    </row>
    <row r="479590" spans="14:14">
      <c r="N479590" s="10"/>
    </row>
    <row r="479591" spans="14:14">
      <c r="N479591" s="10"/>
    </row>
    <row r="479592" spans="14:14">
      <c r="N479592" s="10"/>
    </row>
    <row r="479593" spans="14:14">
      <c r="N479593" s="10"/>
    </row>
    <row r="479594" spans="14:14">
      <c r="N479594" s="10"/>
    </row>
    <row r="479595" spans="14:14">
      <c r="N479595" s="10"/>
    </row>
    <row r="479596" spans="14:14">
      <c r="N479596" s="10"/>
    </row>
    <row r="479597" spans="14:14">
      <c r="N479597" s="10"/>
    </row>
    <row r="479598" spans="14:14">
      <c r="N479598" s="10"/>
    </row>
    <row r="479599" spans="14:14">
      <c r="N479599" s="10"/>
    </row>
    <row r="479600" spans="14:14">
      <c r="N479600" s="10"/>
    </row>
    <row r="479601" spans="14:14">
      <c r="N479601" s="10"/>
    </row>
    <row r="479602" spans="14:14">
      <c r="N479602" s="10"/>
    </row>
    <row r="479603" spans="14:14">
      <c r="N479603" s="10"/>
    </row>
    <row r="479604" spans="14:14">
      <c r="N479604" s="10"/>
    </row>
    <row r="479605" spans="14:14">
      <c r="N479605" s="10"/>
    </row>
    <row r="479606" spans="14:14">
      <c r="N479606" s="10"/>
    </row>
    <row r="479607" spans="14:14">
      <c r="N479607" s="10"/>
    </row>
    <row r="479608" spans="14:14">
      <c r="N479608" s="10"/>
    </row>
    <row r="479609" spans="14:14">
      <c r="N479609" s="10"/>
    </row>
    <row r="479610" spans="14:14">
      <c r="N479610" s="10"/>
    </row>
    <row r="479611" spans="14:14">
      <c r="N479611" s="10"/>
    </row>
    <row r="479612" spans="14:14">
      <c r="N479612" s="10"/>
    </row>
    <row r="479613" spans="14:14">
      <c r="N479613" s="10"/>
    </row>
    <row r="479614" spans="14:14">
      <c r="N479614" s="10"/>
    </row>
    <row r="479615" spans="14:14">
      <c r="N479615" s="10"/>
    </row>
    <row r="479616" spans="14:14">
      <c r="N479616" s="10"/>
    </row>
    <row r="479617" spans="14:14">
      <c r="N479617" s="10"/>
    </row>
    <row r="479618" spans="14:14">
      <c r="N479618" s="10"/>
    </row>
    <row r="479619" spans="14:14">
      <c r="N479619" s="10"/>
    </row>
    <row r="479620" spans="14:14">
      <c r="N479620" s="10"/>
    </row>
    <row r="479621" spans="14:14">
      <c r="N479621" s="10"/>
    </row>
    <row r="479622" spans="14:14">
      <c r="N479622" s="10"/>
    </row>
    <row r="479623" spans="14:14">
      <c r="N479623" s="10"/>
    </row>
    <row r="479624" spans="14:14">
      <c r="N479624" s="10"/>
    </row>
    <row r="479625" spans="14:14">
      <c r="N479625" s="10"/>
    </row>
    <row r="479626" spans="14:14">
      <c r="N479626" s="10"/>
    </row>
    <row r="479627" spans="14:14">
      <c r="N479627" s="10"/>
    </row>
    <row r="479628" spans="14:14">
      <c r="N479628" s="10"/>
    </row>
    <row r="479629" spans="14:14">
      <c r="N479629" s="10"/>
    </row>
    <row r="479630" spans="14:14">
      <c r="N479630" s="10"/>
    </row>
    <row r="479631" spans="14:14">
      <c r="N479631" s="10"/>
    </row>
    <row r="479632" spans="14:14">
      <c r="N479632" s="10"/>
    </row>
    <row r="479633" spans="14:14">
      <c r="N479633" s="10"/>
    </row>
    <row r="479634" spans="14:14">
      <c r="N479634" s="10"/>
    </row>
    <row r="479635" spans="14:14">
      <c r="N479635" s="10"/>
    </row>
    <row r="479636" spans="14:14">
      <c r="N479636" s="10"/>
    </row>
    <row r="479637" spans="14:14">
      <c r="N479637" s="10"/>
    </row>
    <row r="479638" spans="14:14">
      <c r="N479638" s="10"/>
    </row>
    <row r="479639" spans="14:14">
      <c r="N479639" s="10"/>
    </row>
    <row r="479640" spans="14:14">
      <c r="N479640" s="10"/>
    </row>
    <row r="479641" spans="14:14">
      <c r="N479641" s="10"/>
    </row>
    <row r="479642" spans="14:14">
      <c r="N479642" s="10"/>
    </row>
    <row r="479643" spans="14:14">
      <c r="N479643" s="10"/>
    </row>
    <row r="479644" spans="14:14">
      <c r="N479644" s="10"/>
    </row>
    <row r="479645" spans="14:14">
      <c r="N479645" s="10"/>
    </row>
    <row r="479646" spans="14:14">
      <c r="N479646" s="10"/>
    </row>
    <row r="479647" spans="14:14">
      <c r="N479647" s="10"/>
    </row>
    <row r="479648" spans="14:14">
      <c r="N479648" s="10"/>
    </row>
    <row r="479649" spans="14:14">
      <c r="N479649" s="10"/>
    </row>
    <row r="479650" spans="14:14">
      <c r="N479650" s="10"/>
    </row>
    <row r="479651" spans="14:14">
      <c r="N479651" s="10"/>
    </row>
    <row r="479652" spans="14:14">
      <c r="N479652" s="10"/>
    </row>
    <row r="479653" spans="14:14">
      <c r="N479653" s="10"/>
    </row>
    <row r="479654" spans="14:14">
      <c r="N479654" s="10"/>
    </row>
    <row r="479655" spans="14:14">
      <c r="N479655" s="10"/>
    </row>
    <row r="479656" spans="14:14">
      <c r="N479656" s="10"/>
    </row>
    <row r="479657" spans="14:14">
      <c r="N479657" s="10"/>
    </row>
    <row r="479658" spans="14:14">
      <c r="N479658" s="10"/>
    </row>
    <row r="479659" spans="14:14">
      <c r="N479659" s="10"/>
    </row>
    <row r="479660" spans="14:14">
      <c r="N479660" s="10"/>
    </row>
    <row r="479661" spans="14:14">
      <c r="N479661" s="10"/>
    </row>
    <row r="479662" spans="14:14">
      <c r="N479662" s="10"/>
    </row>
    <row r="479663" spans="14:14">
      <c r="N479663" s="10"/>
    </row>
    <row r="479664" spans="14:14">
      <c r="N479664" s="10"/>
    </row>
    <row r="479665" spans="14:14">
      <c r="N479665" s="10"/>
    </row>
    <row r="479666" spans="14:14">
      <c r="N479666" s="10"/>
    </row>
    <row r="479667" spans="14:14">
      <c r="N479667" s="10"/>
    </row>
    <row r="479668" spans="14:14">
      <c r="N479668" s="10"/>
    </row>
    <row r="479669" spans="14:14">
      <c r="N479669" s="10"/>
    </row>
    <row r="479670" spans="14:14">
      <c r="N479670" s="10"/>
    </row>
    <row r="479671" spans="14:14">
      <c r="N479671" s="10"/>
    </row>
    <row r="479672" spans="14:14">
      <c r="N479672" s="10"/>
    </row>
    <row r="479673" spans="14:14">
      <c r="N479673" s="10"/>
    </row>
    <row r="479674" spans="14:14">
      <c r="N479674" s="10"/>
    </row>
    <row r="479675" spans="14:14">
      <c r="N479675" s="10"/>
    </row>
    <row r="479676" spans="14:14">
      <c r="N479676" s="10"/>
    </row>
    <row r="479677" spans="14:14">
      <c r="N479677" s="10"/>
    </row>
    <row r="479678" spans="14:14">
      <c r="N479678" s="10"/>
    </row>
    <row r="479679" spans="14:14">
      <c r="N479679" s="10"/>
    </row>
    <row r="479680" spans="14:14">
      <c r="N479680" s="10"/>
    </row>
    <row r="479681" spans="14:14">
      <c r="N479681" s="10"/>
    </row>
    <row r="479682" spans="14:14">
      <c r="N479682" s="10"/>
    </row>
    <row r="479683" spans="14:14">
      <c r="N479683" s="10"/>
    </row>
    <row r="479684" spans="14:14">
      <c r="N479684" s="10"/>
    </row>
    <row r="479685" spans="14:14">
      <c r="N479685" s="10"/>
    </row>
    <row r="479686" spans="14:14">
      <c r="N479686" s="10"/>
    </row>
    <row r="479687" spans="14:14">
      <c r="N479687" s="10"/>
    </row>
    <row r="479688" spans="14:14">
      <c r="N479688" s="10"/>
    </row>
    <row r="479689" spans="14:14">
      <c r="N479689" s="10"/>
    </row>
    <row r="479690" spans="14:14">
      <c r="N479690" s="10"/>
    </row>
    <row r="479691" spans="14:14">
      <c r="N479691" s="10"/>
    </row>
    <row r="479692" spans="14:14">
      <c r="N479692" s="10"/>
    </row>
    <row r="479693" spans="14:14">
      <c r="N479693" s="10"/>
    </row>
    <row r="479694" spans="14:14">
      <c r="N479694" s="10"/>
    </row>
    <row r="479695" spans="14:14">
      <c r="N479695" s="10"/>
    </row>
    <row r="479696" spans="14:14">
      <c r="N479696" s="10"/>
    </row>
    <row r="479697" spans="14:14">
      <c r="N479697" s="10"/>
    </row>
    <row r="479698" spans="14:14">
      <c r="N479698" s="10"/>
    </row>
    <row r="479699" spans="14:14">
      <c r="N479699" s="10"/>
    </row>
    <row r="479700" spans="14:14">
      <c r="N479700" s="10"/>
    </row>
    <row r="479701" spans="14:14">
      <c r="N479701" s="10"/>
    </row>
    <row r="479702" spans="14:14">
      <c r="N479702" s="10"/>
    </row>
    <row r="479703" spans="14:14">
      <c r="N479703" s="10"/>
    </row>
    <row r="479704" spans="14:14">
      <c r="N479704" s="10"/>
    </row>
    <row r="479705" spans="14:14">
      <c r="N479705" s="10"/>
    </row>
    <row r="479706" spans="14:14">
      <c r="N479706" s="10"/>
    </row>
    <row r="479707" spans="14:14">
      <c r="N479707" s="10"/>
    </row>
    <row r="479708" spans="14:14">
      <c r="N479708" s="10"/>
    </row>
    <row r="479709" spans="14:14">
      <c r="N479709" s="10"/>
    </row>
    <row r="479710" spans="14:14">
      <c r="N479710" s="10"/>
    </row>
    <row r="479711" spans="14:14">
      <c r="N479711" s="10"/>
    </row>
    <row r="479712" spans="14:14">
      <c r="N479712" s="10"/>
    </row>
    <row r="479713" spans="14:14">
      <c r="N479713" s="10"/>
    </row>
    <row r="479714" spans="14:14">
      <c r="N479714" s="10"/>
    </row>
    <row r="479715" spans="14:14">
      <c r="N479715" s="10"/>
    </row>
    <row r="479716" spans="14:14">
      <c r="N479716" s="10"/>
    </row>
    <row r="479717" spans="14:14">
      <c r="N479717" s="10"/>
    </row>
    <row r="479718" spans="14:14">
      <c r="N479718" s="10"/>
    </row>
    <row r="479719" spans="14:14">
      <c r="N479719" s="10"/>
    </row>
    <row r="479720" spans="14:14">
      <c r="N479720" s="10"/>
    </row>
    <row r="479721" spans="14:14">
      <c r="N479721" s="10"/>
    </row>
    <row r="479722" spans="14:14">
      <c r="N479722" s="10"/>
    </row>
    <row r="479723" spans="14:14">
      <c r="N479723" s="10"/>
    </row>
    <row r="479724" spans="14:14">
      <c r="N479724" s="10"/>
    </row>
    <row r="479725" spans="14:14">
      <c r="N479725" s="10"/>
    </row>
    <row r="479726" spans="14:14">
      <c r="N479726" s="10"/>
    </row>
    <row r="479727" spans="14:14">
      <c r="N479727" s="10"/>
    </row>
    <row r="479728" spans="14:14">
      <c r="N479728" s="10"/>
    </row>
    <row r="479729" spans="14:14">
      <c r="N479729" s="10"/>
    </row>
    <row r="479730" spans="14:14">
      <c r="N479730" s="10"/>
    </row>
    <row r="479731" spans="14:14">
      <c r="N479731" s="10"/>
    </row>
    <row r="479732" spans="14:14">
      <c r="N479732" s="10"/>
    </row>
    <row r="479733" spans="14:14">
      <c r="N479733" s="10"/>
    </row>
    <row r="479734" spans="14:14">
      <c r="N479734" s="10"/>
    </row>
    <row r="479735" spans="14:14">
      <c r="N479735" s="10"/>
    </row>
    <row r="479736" spans="14:14">
      <c r="N479736" s="10"/>
    </row>
    <row r="479737" spans="14:14">
      <c r="N479737" s="10"/>
    </row>
    <row r="479738" spans="14:14">
      <c r="N479738" s="10"/>
    </row>
    <row r="479739" spans="14:14">
      <c r="N479739" s="10"/>
    </row>
    <row r="479740" spans="14:14">
      <c r="N479740" s="10"/>
    </row>
    <row r="479741" spans="14:14">
      <c r="N479741" s="10"/>
    </row>
    <row r="479742" spans="14:14">
      <c r="N479742" s="10"/>
    </row>
    <row r="479743" spans="14:14">
      <c r="N479743" s="10"/>
    </row>
    <row r="479744" spans="14:14">
      <c r="N479744" s="10"/>
    </row>
    <row r="479745" spans="14:14">
      <c r="N479745" s="10"/>
    </row>
    <row r="479746" spans="14:14">
      <c r="N479746" s="10"/>
    </row>
    <row r="479747" spans="14:14">
      <c r="N479747" s="10"/>
    </row>
    <row r="479748" spans="14:14">
      <c r="N479748" s="10"/>
    </row>
    <row r="479749" spans="14:14">
      <c r="N479749" s="10"/>
    </row>
    <row r="479750" spans="14:14">
      <c r="N479750" s="10"/>
    </row>
    <row r="479751" spans="14:14">
      <c r="N479751" s="10"/>
    </row>
    <row r="479752" spans="14:14">
      <c r="N479752" s="10"/>
    </row>
    <row r="479753" spans="14:14">
      <c r="N479753" s="10"/>
    </row>
    <row r="479754" spans="14:14">
      <c r="N479754" s="10"/>
    </row>
    <row r="479755" spans="14:14">
      <c r="N479755" s="10"/>
    </row>
    <row r="479756" spans="14:14">
      <c r="N479756" s="10"/>
    </row>
    <row r="479757" spans="14:14">
      <c r="N479757" s="10"/>
    </row>
    <row r="479758" spans="14:14">
      <c r="N479758" s="10"/>
    </row>
    <row r="479759" spans="14:14">
      <c r="N479759" s="10"/>
    </row>
    <row r="479760" spans="14:14">
      <c r="N479760" s="10"/>
    </row>
    <row r="479761" spans="14:14">
      <c r="N479761" s="10"/>
    </row>
    <row r="479762" spans="14:14">
      <c r="N479762" s="10"/>
    </row>
    <row r="479763" spans="14:14">
      <c r="N479763" s="10"/>
    </row>
    <row r="479764" spans="14:14">
      <c r="N479764" s="10"/>
    </row>
    <row r="479765" spans="14:14">
      <c r="N479765" s="10"/>
    </row>
    <row r="479766" spans="14:14">
      <c r="N479766" s="10"/>
    </row>
    <row r="479767" spans="14:14">
      <c r="N479767" s="10"/>
    </row>
    <row r="479768" spans="14:14">
      <c r="N479768" s="10"/>
    </row>
    <row r="479769" spans="14:14">
      <c r="N479769" s="10"/>
    </row>
    <row r="479770" spans="14:14">
      <c r="N479770" s="10"/>
    </row>
    <row r="479771" spans="14:14">
      <c r="N479771" s="10"/>
    </row>
    <row r="479772" spans="14:14">
      <c r="N479772" s="10"/>
    </row>
    <row r="479773" spans="14:14">
      <c r="N479773" s="10"/>
    </row>
    <row r="479774" spans="14:14">
      <c r="N479774" s="10"/>
    </row>
    <row r="479775" spans="14:14">
      <c r="N479775" s="10"/>
    </row>
    <row r="479776" spans="14:14">
      <c r="N479776" s="10"/>
    </row>
    <row r="479777" spans="14:14">
      <c r="N479777" s="10"/>
    </row>
    <row r="479778" spans="14:14">
      <c r="N479778" s="10"/>
    </row>
    <row r="479779" spans="14:14">
      <c r="N479779" s="10"/>
    </row>
    <row r="479780" spans="14:14">
      <c r="N479780" s="10"/>
    </row>
    <row r="479781" spans="14:14">
      <c r="N479781" s="10"/>
    </row>
    <row r="479782" spans="14:14">
      <c r="N479782" s="10"/>
    </row>
    <row r="479783" spans="14:14">
      <c r="N479783" s="10"/>
    </row>
    <row r="479784" spans="14:14">
      <c r="N479784" s="10"/>
    </row>
    <row r="479785" spans="14:14">
      <c r="N479785" s="10"/>
    </row>
    <row r="479786" spans="14:14">
      <c r="N479786" s="10"/>
    </row>
    <row r="479787" spans="14:14">
      <c r="N479787" s="10"/>
    </row>
    <row r="479788" spans="14:14">
      <c r="N479788" s="10"/>
    </row>
    <row r="479789" spans="14:14">
      <c r="N479789" s="10"/>
    </row>
    <row r="479790" spans="14:14">
      <c r="N479790" s="10"/>
    </row>
    <row r="479791" spans="14:14">
      <c r="N479791" s="10"/>
    </row>
    <row r="479792" spans="14:14">
      <c r="N479792" s="10"/>
    </row>
    <row r="479793" spans="14:14">
      <c r="N479793" s="10"/>
    </row>
    <row r="479794" spans="14:14">
      <c r="N479794" s="10"/>
    </row>
    <row r="479795" spans="14:14">
      <c r="N479795" s="10"/>
    </row>
    <row r="479796" spans="14:14">
      <c r="N479796" s="10"/>
    </row>
    <row r="479797" spans="14:14">
      <c r="N479797" s="10"/>
    </row>
    <row r="479798" spans="14:14">
      <c r="N479798" s="10"/>
    </row>
    <row r="479799" spans="14:14">
      <c r="N479799" s="10"/>
    </row>
    <row r="479800" spans="14:14">
      <c r="N479800" s="10"/>
    </row>
    <row r="479801" spans="14:14">
      <c r="N479801" s="10"/>
    </row>
    <row r="479802" spans="14:14">
      <c r="N479802" s="10"/>
    </row>
    <row r="479803" spans="14:14">
      <c r="N479803" s="10"/>
    </row>
    <row r="479804" spans="14:14">
      <c r="N479804" s="10"/>
    </row>
    <row r="479805" spans="14:14">
      <c r="N479805" s="10"/>
    </row>
    <row r="479806" spans="14:14">
      <c r="N479806" s="10"/>
    </row>
    <row r="479807" spans="14:14">
      <c r="N479807" s="10"/>
    </row>
    <row r="479808" spans="14:14">
      <c r="N479808" s="10"/>
    </row>
    <row r="479809" spans="14:14">
      <c r="N479809" s="10"/>
    </row>
    <row r="479810" spans="14:14">
      <c r="N479810" s="10"/>
    </row>
    <row r="479811" spans="14:14">
      <c r="N479811" s="10"/>
    </row>
    <row r="479812" spans="14:14">
      <c r="N479812" s="10"/>
    </row>
    <row r="479813" spans="14:14">
      <c r="N479813" s="10"/>
    </row>
    <row r="479814" spans="14:14">
      <c r="N479814" s="10"/>
    </row>
    <row r="479815" spans="14:14">
      <c r="N479815" s="10"/>
    </row>
    <row r="479816" spans="14:14">
      <c r="N479816" s="10"/>
    </row>
    <row r="479817" spans="14:14">
      <c r="N479817" s="10"/>
    </row>
    <row r="479818" spans="14:14">
      <c r="N479818" s="10"/>
    </row>
    <row r="479819" spans="14:14">
      <c r="N479819" s="10"/>
    </row>
    <row r="479820" spans="14:14">
      <c r="N479820" s="10"/>
    </row>
    <row r="479821" spans="14:14">
      <c r="N479821" s="10"/>
    </row>
    <row r="479822" spans="14:14">
      <c r="N479822" s="10"/>
    </row>
    <row r="479823" spans="14:14">
      <c r="N479823" s="10"/>
    </row>
    <row r="479824" spans="14:14">
      <c r="N479824" s="10"/>
    </row>
    <row r="479825" spans="14:14">
      <c r="N479825" s="10"/>
    </row>
    <row r="479826" spans="14:14">
      <c r="N479826" s="10"/>
    </row>
    <row r="479827" spans="14:14">
      <c r="N479827" s="10"/>
    </row>
    <row r="479828" spans="14:14">
      <c r="N479828" s="10"/>
    </row>
    <row r="479829" spans="14:14">
      <c r="N479829" s="10"/>
    </row>
    <row r="479830" spans="14:14">
      <c r="N479830" s="10"/>
    </row>
    <row r="479831" spans="14:14">
      <c r="N479831" s="10"/>
    </row>
    <row r="479832" spans="14:14">
      <c r="N479832" s="10"/>
    </row>
    <row r="479833" spans="14:14">
      <c r="N479833" s="10"/>
    </row>
    <row r="479834" spans="14:14">
      <c r="N479834" s="10"/>
    </row>
    <row r="479835" spans="14:14">
      <c r="N479835" s="10"/>
    </row>
    <row r="479836" spans="14:14">
      <c r="N479836" s="10"/>
    </row>
    <row r="479837" spans="14:14">
      <c r="N479837" s="10"/>
    </row>
    <row r="479838" spans="14:14">
      <c r="N479838" s="10"/>
    </row>
    <row r="479839" spans="14:14">
      <c r="N479839" s="10"/>
    </row>
    <row r="479840" spans="14:14">
      <c r="N479840" s="10"/>
    </row>
    <row r="479841" spans="14:14">
      <c r="N479841" s="10"/>
    </row>
    <row r="479842" spans="14:14">
      <c r="N479842" s="10"/>
    </row>
    <row r="479843" spans="14:14">
      <c r="N479843" s="10"/>
    </row>
    <row r="479844" spans="14:14">
      <c r="N479844" s="10"/>
    </row>
    <row r="479845" spans="14:14">
      <c r="N479845" s="10"/>
    </row>
    <row r="479846" spans="14:14">
      <c r="N479846" s="10"/>
    </row>
    <row r="479847" spans="14:14">
      <c r="N479847" s="10"/>
    </row>
    <row r="479848" spans="14:14">
      <c r="N479848" s="10"/>
    </row>
    <row r="479849" spans="14:14">
      <c r="N479849" s="10"/>
    </row>
    <row r="479850" spans="14:14">
      <c r="N479850" s="10"/>
    </row>
    <row r="479851" spans="14:14">
      <c r="N479851" s="10"/>
    </row>
    <row r="479852" spans="14:14">
      <c r="N479852" s="10"/>
    </row>
    <row r="479853" spans="14:14">
      <c r="N479853" s="10"/>
    </row>
    <row r="479854" spans="14:14">
      <c r="N479854" s="10"/>
    </row>
    <row r="479855" spans="14:14">
      <c r="N479855" s="10"/>
    </row>
    <row r="479856" spans="14:14">
      <c r="N479856" s="10"/>
    </row>
    <row r="479857" spans="14:14">
      <c r="N479857" s="10"/>
    </row>
    <row r="479858" spans="14:14">
      <c r="N479858" s="10"/>
    </row>
    <row r="479859" spans="14:14">
      <c r="N479859" s="10"/>
    </row>
    <row r="479860" spans="14:14">
      <c r="N479860" s="10"/>
    </row>
    <row r="479861" spans="14:14">
      <c r="N479861" s="10"/>
    </row>
    <row r="479862" spans="14:14">
      <c r="N479862" s="10"/>
    </row>
    <row r="479863" spans="14:14">
      <c r="N479863" s="10"/>
    </row>
    <row r="479864" spans="14:14">
      <c r="N479864" s="10"/>
    </row>
    <row r="479865" spans="14:14">
      <c r="N479865" s="10"/>
    </row>
    <row r="479866" spans="14:14">
      <c r="N479866" s="10"/>
    </row>
    <row r="479867" spans="14:14">
      <c r="N479867" s="10"/>
    </row>
    <row r="479868" spans="14:14">
      <c r="N479868" s="10"/>
    </row>
    <row r="479869" spans="14:14">
      <c r="N479869" s="10"/>
    </row>
    <row r="479870" spans="14:14">
      <c r="N479870" s="10"/>
    </row>
    <row r="479871" spans="14:14">
      <c r="N479871" s="10"/>
    </row>
    <row r="479872" spans="14:14">
      <c r="N479872" s="10"/>
    </row>
    <row r="479873" spans="14:14">
      <c r="N479873" s="10"/>
    </row>
    <row r="479874" spans="14:14">
      <c r="N479874" s="10"/>
    </row>
    <row r="479875" spans="14:14">
      <c r="N479875" s="10"/>
    </row>
    <row r="479876" spans="14:14">
      <c r="N479876" s="10"/>
    </row>
    <row r="479877" spans="14:14">
      <c r="N479877" s="10"/>
    </row>
    <row r="479878" spans="14:14">
      <c r="N479878" s="10"/>
    </row>
    <row r="479879" spans="14:14">
      <c r="N479879" s="10"/>
    </row>
    <row r="479880" spans="14:14">
      <c r="N479880" s="10"/>
    </row>
    <row r="479881" spans="14:14">
      <c r="N479881" s="10"/>
    </row>
    <row r="479882" spans="14:14">
      <c r="N479882" s="10"/>
    </row>
    <row r="479883" spans="14:14">
      <c r="N479883" s="10"/>
    </row>
    <row r="479884" spans="14:14">
      <c r="N479884" s="10"/>
    </row>
    <row r="479885" spans="14:14">
      <c r="N479885" s="10"/>
    </row>
    <row r="479886" spans="14:14">
      <c r="N479886" s="10"/>
    </row>
    <row r="479887" spans="14:14">
      <c r="N479887" s="10"/>
    </row>
    <row r="479888" spans="14:14">
      <c r="N479888" s="10"/>
    </row>
    <row r="479889" spans="14:14">
      <c r="N479889" s="10"/>
    </row>
    <row r="479890" spans="14:14">
      <c r="N479890" s="10"/>
    </row>
    <row r="479891" spans="14:14">
      <c r="N479891" s="10"/>
    </row>
    <row r="479892" spans="14:14">
      <c r="N479892" s="10"/>
    </row>
    <row r="479893" spans="14:14">
      <c r="N479893" s="10"/>
    </row>
    <row r="479894" spans="14:14">
      <c r="N479894" s="10"/>
    </row>
    <row r="479895" spans="14:14">
      <c r="N479895" s="10"/>
    </row>
    <row r="479896" spans="14:14">
      <c r="N479896" s="10"/>
    </row>
    <row r="479897" spans="14:14">
      <c r="N479897" s="10"/>
    </row>
    <row r="479898" spans="14:14">
      <c r="N479898" s="10"/>
    </row>
    <row r="479899" spans="14:14">
      <c r="N479899" s="10"/>
    </row>
    <row r="479900" spans="14:14">
      <c r="N479900" s="10"/>
    </row>
    <row r="479901" spans="14:14">
      <c r="N479901" s="10"/>
    </row>
    <row r="479902" spans="14:14">
      <c r="N479902" s="10"/>
    </row>
    <row r="479903" spans="14:14">
      <c r="N479903" s="10"/>
    </row>
    <row r="479904" spans="14:14">
      <c r="N479904" s="10"/>
    </row>
    <row r="479905" spans="14:14">
      <c r="N479905" s="10"/>
    </row>
    <row r="479906" spans="14:14">
      <c r="N479906" s="10"/>
    </row>
    <row r="479907" spans="14:14">
      <c r="N479907" s="10"/>
    </row>
    <row r="479908" spans="14:14">
      <c r="N479908" s="10"/>
    </row>
    <row r="479909" spans="14:14">
      <c r="N479909" s="10"/>
    </row>
    <row r="479910" spans="14:14">
      <c r="N479910" s="10"/>
    </row>
    <row r="479911" spans="14:14">
      <c r="N479911" s="10"/>
    </row>
    <row r="479912" spans="14:14">
      <c r="N479912" s="10"/>
    </row>
    <row r="479913" spans="14:14">
      <c r="N479913" s="10"/>
    </row>
    <row r="479914" spans="14:14">
      <c r="N479914" s="10"/>
    </row>
    <row r="479915" spans="14:14">
      <c r="N479915" s="10"/>
    </row>
    <row r="479916" spans="14:14">
      <c r="N479916" s="10"/>
    </row>
    <row r="479917" spans="14:14">
      <c r="N479917" s="10"/>
    </row>
    <row r="479918" spans="14:14">
      <c r="N479918" s="10"/>
    </row>
    <row r="479919" spans="14:14">
      <c r="N479919" s="10"/>
    </row>
    <row r="479920" spans="14:14">
      <c r="N479920" s="10"/>
    </row>
    <row r="479921" spans="14:14">
      <c r="N479921" s="10"/>
    </row>
    <row r="479922" spans="14:14">
      <c r="N479922" s="10"/>
    </row>
    <row r="479923" spans="14:14">
      <c r="N479923" s="10"/>
    </row>
    <row r="479924" spans="14:14">
      <c r="N479924" s="10"/>
    </row>
    <row r="479925" spans="14:14">
      <c r="N479925" s="10"/>
    </row>
    <row r="479926" spans="14:14">
      <c r="N479926" s="10"/>
    </row>
    <row r="479927" spans="14:14">
      <c r="N479927" s="10"/>
    </row>
    <row r="479928" spans="14:14">
      <c r="N479928" s="10"/>
    </row>
    <row r="479929" spans="14:14">
      <c r="N479929" s="10"/>
    </row>
    <row r="479930" spans="14:14">
      <c r="N479930" s="10"/>
    </row>
    <row r="479931" spans="14:14">
      <c r="N479931" s="10"/>
    </row>
    <row r="479932" spans="14:14">
      <c r="N479932" s="10"/>
    </row>
    <row r="479933" spans="14:14">
      <c r="N479933" s="10"/>
    </row>
    <row r="479934" spans="14:14">
      <c r="N479934" s="10"/>
    </row>
    <row r="479935" spans="14:14">
      <c r="N479935" s="10"/>
    </row>
    <row r="479936" spans="14:14">
      <c r="N479936" s="10"/>
    </row>
    <row r="479937" spans="14:14">
      <c r="N479937" s="10"/>
    </row>
    <row r="479938" spans="14:14">
      <c r="N479938" s="10"/>
    </row>
    <row r="479939" spans="14:14">
      <c r="N479939" s="10"/>
    </row>
    <row r="479940" spans="14:14">
      <c r="N479940" s="10"/>
    </row>
    <row r="479941" spans="14:14">
      <c r="N479941" s="10"/>
    </row>
    <row r="479942" spans="14:14">
      <c r="N479942" s="10"/>
    </row>
    <row r="479943" spans="14:14">
      <c r="N479943" s="10"/>
    </row>
    <row r="479944" spans="14:14">
      <c r="N479944" s="10"/>
    </row>
    <row r="479945" spans="14:14">
      <c r="N479945" s="10"/>
    </row>
    <row r="479946" spans="14:14">
      <c r="N479946" s="10"/>
    </row>
    <row r="479947" spans="14:14">
      <c r="N479947" s="10"/>
    </row>
    <row r="479948" spans="14:14">
      <c r="N479948" s="10"/>
    </row>
    <row r="479949" spans="14:14">
      <c r="N479949" s="10"/>
    </row>
    <row r="479950" spans="14:14">
      <c r="N479950" s="10"/>
    </row>
    <row r="479951" spans="14:14">
      <c r="N479951" s="10"/>
    </row>
    <row r="479952" spans="14:14">
      <c r="N479952" s="10"/>
    </row>
    <row r="479953" spans="14:14">
      <c r="N479953" s="10"/>
    </row>
    <row r="479954" spans="14:14">
      <c r="N479954" s="10"/>
    </row>
    <row r="479955" spans="14:14">
      <c r="N479955" s="10"/>
    </row>
    <row r="479956" spans="14:14">
      <c r="N479956" s="10"/>
    </row>
    <row r="479957" spans="14:14">
      <c r="N479957" s="10"/>
    </row>
    <row r="479958" spans="14:14">
      <c r="N479958" s="10"/>
    </row>
    <row r="479959" spans="14:14">
      <c r="N479959" s="10"/>
    </row>
    <row r="479960" spans="14:14">
      <c r="N479960" s="10"/>
    </row>
    <row r="479961" spans="14:14">
      <c r="N479961" s="10"/>
    </row>
    <row r="479962" spans="14:14">
      <c r="N479962" s="10"/>
    </row>
    <row r="479963" spans="14:14">
      <c r="N479963" s="10"/>
    </row>
    <row r="479964" spans="14:14">
      <c r="N479964" s="10"/>
    </row>
    <row r="479965" spans="14:14">
      <c r="N479965" s="10"/>
    </row>
    <row r="479966" spans="14:14">
      <c r="N479966" s="10"/>
    </row>
    <row r="479967" spans="14:14">
      <c r="N479967" s="10"/>
    </row>
    <row r="479968" spans="14:14">
      <c r="N479968" s="10"/>
    </row>
    <row r="479969" spans="14:14">
      <c r="N479969" s="10"/>
    </row>
    <row r="479970" spans="14:14">
      <c r="N479970" s="10"/>
    </row>
    <row r="479971" spans="14:14">
      <c r="N479971" s="10"/>
    </row>
    <row r="479972" spans="14:14">
      <c r="N479972" s="10"/>
    </row>
    <row r="479973" spans="14:14">
      <c r="N479973" s="10"/>
    </row>
    <row r="479974" spans="14:14">
      <c r="N479974" s="10"/>
    </row>
    <row r="479975" spans="14:14">
      <c r="N479975" s="10"/>
    </row>
    <row r="479976" spans="14:14">
      <c r="N479976" s="10"/>
    </row>
    <row r="479977" spans="14:14">
      <c r="N479977" s="10"/>
    </row>
    <row r="479978" spans="14:14">
      <c r="N479978" s="10"/>
    </row>
    <row r="479979" spans="14:14">
      <c r="N479979" s="10"/>
    </row>
    <row r="479980" spans="14:14">
      <c r="N479980" s="10"/>
    </row>
    <row r="479981" spans="14:14">
      <c r="N479981" s="10"/>
    </row>
    <row r="479982" spans="14:14">
      <c r="N479982" s="10"/>
    </row>
    <row r="479983" spans="14:14">
      <c r="N479983" s="10"/>
    </row>
    <row r="479984" spans="14:14">
      <c r="N479984" s="10"/>
    </row>
    <row r="479985" spans="14:14">
      <c r="N479985" s="10"/>
    </row>
    <row r="479986" spans="14:14">
      <c r="N479986" s="10"/>
    </row>
    <row r="479987" spans="14:14">
      <c r="N479987" s="10"/>
    </row>
    <row r="479988" spans="14:14">
      <c r="N479988" s="10"/>
    </row>
    <row r="479989" spans="14:14">
      <c r="N479989" s="10"/>
    </row>
    <row r="479990" spans="14:14">
      <c r="N479990" s="10"/>
    </row>
    <row r="479991" spans="14:14">
      <c r="N479991" s="10"/>
    </row>
    <row r="479992" spans="14:14">
      <c r="N479992" s="10"/>
    </row>
    <row r="479993" spans="14:14">
      <c r="N479993" s="10"/>
    </row>
    <row r="479994" spans="14:14">
      <c r="N479994" s="10"/>
    </row>
    <row r="479995" spans="14:14">
      <c r="N479995" s="10"/>
    </row>
    <row r="479996" spans="14:14">
      <c r="N479996" s="10"/>
    </row>
    <row r="479997" spans="14:14">
      <c r="N479997" s="10"/>
    </row>
    <row r="479998" spans="14:14">
      <c r="N479998" s="10"/>
    </row>
    <row r="479999" spans="14:14">
      <c r="N479999" s="10"/>
    </row>
    <row r="480000" spans="14:14">
      <c r="N480000" s="10"/>
    </row>
    <row r="480001" spans="14:14">
      <c r="N480001" s="10"/>
    </row>
    <row r="480002" spans="14:14">
      <c r="N480002" s="10"/>
    </row>
    <row r="480003" spans="14:14">
      <c r="N480003" s="10"/>
    </row>
    <row r="480004" spans="14:14">
      <c r="N480004" s="10"/>
    </row>
    <row r="480005" spans="14:14">
      <c r="N480005" s="10"/>
    </row>
    <row r="480006" spans="14:14">
      <c r="N480006" s="10"/>
    </row>
    <row r="480007" spans="14:14">
      <c r="N480007" s="10"/>
    </row>
    <row r="480008" spans="14:14">
      <c r="N480008" s="10"/>
    </row>
    <row r="480009" spans="14:14">
      <c r="N480009" s="10"/>
    </row>
    <row r="480010" spans="14:14">
      <c r="N480010" s="10"/>
    </row>
    <row r="480011" spans="14:14">
      <c r="N480011" s="10"/>
    </row>
    <row r="480012" spans="14:14">
      <c r="N480012" s="10"/>
    </row>
    <row r="480013" spans="14:14">
      <c r="N480013" s="10"/>
    </row>
    <row r="480014" spans="14:14">
      <c r="N480014" s="10"/>
    </row>
    <row r="480015" spans="14:14">
      <c r="N480015" s="10"/>
    </row>
    <row r="480016" spans="14:14">
      <c r="N480016" s="10"/>
    </row>
    <row r="480017" spans="14:14">
      <c r="N480017" s="10"/>
    </row>
    <row r="480018" spans="14:14">
      <c r="N480018" s="10"/>
    </row>
    <row r="480019" spans="14:14">
      <c r="N480019" s="10"/>
    </row>
    <row r="480020" spans="14:14">
      <c r="N480020" s="10"/>
    </row>
    <row r="480021" spans="14:14">
      <c r="N480021" s="10"/>
    </row>
    <row r="480022" spans="14:14">
      <c r="N480022" s="10"/>
    </row>
    <row r="480023" spans="14:14">
      <c r="N480023" s="10"/>
    </row>
    <row r="480024" spans="14:14">
      <c r="N480024" s="10"/>
    </row>
    <row r="480025" spans="14:14">
      <c r="N480025" s="10"/>
    </row>
    <row r="480026" spans="14:14">
      <c r="N480026" s="10"/>
    </row>
    <row r="480027" spans="14:14">
      <c r="N480027" s="10"/>
    </row>
    <row r="480028" spans="14:14">
      <c r="N480028" s="10"/>
    </row>
    <row r="480029" spans="14:14">
      <c r="N480029" s="10"/>
    </row>
    <row r="480030" spans="14:14">
      <c r="N480030" s="10"/>
    </row>
    <row r="480031" spans="14:14">
      <c r="N480031" s="10"/>
    </row>
    <row r="480032" spans="14:14">
      <c r="N480032" s="10"/>
    </row>
    <row r="480033" spans="14:14">
      <c r="N480033" s="10"/>
    </row>
    <row r="480034" spans="14:14">
      <c r="N480034" s="10"/>
    </row>
    <row r="480035" spans="14:14">
      <c r="N480035" s="10"/>
    </row>
    <row r="480036" spans="14:14">
      <c r="N480036" s="10"/>
    </row>
    <row r="480037" spans="14:14">
      <c r="N480037" s="10"/>
    </row>
    <row r="480038" spans="14:14">
      <c r="N480038" s="10"/>
    </row>
    <row r="480039" spans="14:14">
      <c r="N480039" s="10"/>
    </row>
    <row r="480040" spans="14:14">
      <c r="N480040" s="10"/>
    </row>
    <row r="480041" spans="14:14">
      <c r="N480041" s="10"/>
    </row>
    <row r="480042" spans="14:14">
      <c r="N480042" s="10"/>
    </row>
    <row r="480043" spans="14:14">
      <c r="N480043" s="10"/>
    </row>
    <row r="480044" spans="14:14">
      <c r="N480044" s="10"/>
    </row>
    <row r="480045" spans="14:14">
      <c r="N480045" s="10"/>
    </row>
    <row r="480046" spans="14:14">
      <c r="N480046" s="10"/>
    </row>
    <row r="480047" spans="14:14">
      <c r="N480047" s="10"/>
    </row>
    <row r="480048" spans="14:14">
      <c r="N480048" s="10"/>
    </row>
    <row r="480049" spans="14:14">
      <c r="N480049" s="10"/>
    </row>
    <row r="480050" spans="14:14">
      <c r="N480050" s="10"/>
    </row>
    <row r="480051" spans="14:14">
      <c r="N480051" s="10"/>
    </row>
    <row r="480052" spans="14:14">
      <c r="N480052" s="10"/>
    </row>
    <row r="480053" spans="14:14">
      <c r="N480053" s="10"/>
    </row>
    <row r="480054" spans="14:14">
      <c r="N480054" s="10"/>
    </row>
    <row r="480055" spans="14:14">
      <c r="N480055" s="10"/>
    </row>
    <row r="480056" spans="14:14">
      <c r="N480056" s="10"/>
    </row>
    <row r="480057" spans="14:14">
      <c r="N480057" s="10"/>
    </row>
    <row r="480058" spans="14:14">
      <c r="N480058" s="10"/>
    </row>
    <row r="480059" spans="14:14">
      <c r="N480059" s="10"/>
    </row>
    <row r="480060" spans="14:14">
      <c r="N480060" s="10"/>
    </row>
    <row r="480061" spans="14:14">
      <c r="N480061" s="10"/>
    </row>
    <row r="480062" spans="14:14">
      <c r="N480062" s="10"/>
    </row>
    <row r="480063" spans="14:14">
      <c r="N480063" s="10"/>
    </row>
    <row r="480064" spans="14:14">
      <c r="N480064" s="10"/>
    </row>
    <row r="480065" spans="14:14">
      <c r="N480065" s="10"/>
    </row>
    <row r="480066" spans="14:14">
      <c r="N480066" s="10"/>
    </row>
    <row r="480067" spans="14:14">
      <c r="N480067" s="10"/>
    </row>
    <row r="480068" spans="14:14">
      <c r="N480068" s="10"/>
    </row>
    <row r="480069" spans="14:14">
      <c r="N480069" s="10"/>
    </row>
    <row r="480070" spans="14:14">
      <c r="N480070" s="10"/>
    </row>
    <row r="480071" spans="14:14">
      <c r="N480071" s="10"/>
    </row>
    <row r="480072" spans="14:14">
      <c r="N480072" s="10"/>
    </row>
    <row r="480073" spans="14:14">
      <c r="N480073" s="10"/>
    </row>
    <row r="480074" spans="14:14">
      <c r="N480074" s="10"/>
    </row>
    <row r="480075" spans="14:14">
      <c r="N480075" s="10"/>
    </row>
    <row r="480076" spans="14:14">
      <c r="N480076" s="10"/>
    </row>
    <row r="480077" spans="14:14">
      <c r="N480077" s="10"/>
    </row>
    <row r="480078" spans="14:14">
      <c r="N480078" s="10"/>
    </row>
    <row r="480079" spans="14:14">
      <c r="N480079" s="10"/>
    </row>
    <row r="480080" spans="14:14">
      <c r="N480080" s="10"/>
    </row>
    <row r="480081" spans="14:14">
      <c r="N480081" s="10"/>
    </row>
    <row r="480082" spans="14:14">
      <c r="N480082" s="10"/>
    </row>
    <row r="480083" spans="14:14">
      <c r="N480083" s="10"/>
    </row>
    <row r="480084" spans="14:14">
      <c r="N480084" s="10"/>
    </row>
    <row r="480085" spans="14:14">
      <c r="N480085" s="10"/>
    </row>
    <row r="480086" spans="14:14">
      <c r="N480086" s="10"/>
    </row>
    <row r="480087" spans="14:14">
      <c r="N480087" s="10"/>
    </row>
    <row r="480088" spans="14:14">
      <c r="N480088" s="10"/>
    </row>
    <row r="480089" spans="14:14">
      <c r="N480089" s="10"/>
    </row>
    <row r="480090" spans="14:14">
      <c r="N480090" s="10"/>
    </row>
    <row r="480091" spans="14:14">
      <c r="N480091" s="10"/>
    </row>
    <row r="480092" spans="14:14">
      <c r="N480092" s="10"/>
    </row>
    <row r="480093" spans="14:14">
      <c r="N480093" s="10"/>
    </row>
    <row r="480094" spans="14:14">
      <c r="N480094" s="10"/>
    </row>
    <row r="480095" spans="14:14">
      <c r="N480095" s="10"/>
    </row>
    <row r="480096" spans="14:14">
      <c r="N480096" s="10"/>
    </row>
    <row r="480097" spans="14:14">
      <c r="N480097" s="10"/>
    </row>
    <row r="480098" spans="14:14">
      <c r="N480098" s="10"/>
    </row>
    <row r="480099" spans="14:14">
      <c r="N480099" s="10"/>
    </row>
    <row r="480100" spans="14:14">
      <c r="N480100" s="10"/>
    </row>
    <row r="480101" spans="14:14">
      <c r="N480101" s="10"/>
    </row>
    <row r="480102" spans="14:14">
      <c r="N480102" s="10"/>
    </row>
    <row r="480103" spans="14:14">
      <c r="N480103" s="10"/>
    </row>
    <row r="480104" spans="14:14">
      <c r="N480104" s="10"/>
    </row>
    <row r="480105" spans="14:14">
      <c r="N480105" s="10"/>
    </row>
    <row r="480106" spans="14:14">
      <c r="N480106" s="10"/>
    </row>
    <row r="480107" spans="14:14">
      <c r="N480107" s="10"/>
    </row>
    <row r="480108" spans="14:14">
      <c r="N480108" s="10"/>
    </row>
    <row r="480109" spans="14:14">
      <c r="N480109" s="10"/>
    </row>
    <row r="480110" spans="14:14">
      <c r="N480110" s="10"/>
    </row>
    <row r="480111" spans="14:14">
      <c r="N480111" s="10"/>
    </row>
    <row r="480112" spans="14:14">
      <c r="N480112" s="10"/>
    </row>
    <row r="480113" spans="14:14">
      <c r="N480113" s="10"/>
    </row>
    <row r="480114" spans="14:14">
      <c r="N480114" s="10"/>
    </row>
    <row r="480115" spans="14:14">
      <c r="N480115" s="10"/>
    </row>
    <row r="480116" spans="14:14">
      <c r="N480116" s="10"/>
    </row>
    <row r="480117" spans="14:14">
      <c r="N480117" s="10"/>
    </row>
    <row r="480118" spans="14:14">
      <c r="N480118" s="10"/>
    </row>
    <row r="480119" spans="14:14">
      <c r="N480119" s="10"/>
    </row>
    <row r="480120" spans="14:14">
      <c r="N480120" s="10"/>
    </row>
    <row r="480121" spans="14:14">
      <c r="N480121" s="10"/>
    </row>
    <row r="480122" spans="14:14">
      <c r="N480122" s="10"/>
    </row>
    <row r="480123" spans="14:14">
      <c r="N480123" s="10"/>
    </row>
    <row r="480124" spans="14:14">
      <c r="N480124" s="10"/>
    </row>
    <row r="480125" spans="14:14">
      <c r="N480125" s="10"/>
    </row>
    <row r="480126" spans="14:14">
      <c r="N480126" s="10"/>
    </row>
    <row r="480127" spans="14:14">
      <c r="N480127" s="10"/>
    </row>
    <row r="480128" spans="14:14">
      <c r="N480128" s="10"/>
    </row>
    <row r="480129" spans="14:14">
      <c r="N480129" s="10"/>
    </row>
    <row r="480130" spans="14:14">
      <c r="N480130" s="10"/>
    </row>
    <row r="480131" spans="14:14">
      <c r="N480131" s="10"/>
    </row>
    <row r="480132" spans="14:14">
      <c r="N480132" s="10"/>
    </row>
    <row r="480133" spans="14:14">
      <c r="N480133" s="10"/>
    </row>
    <row r="480134" spans="14:14">
      <c r="N480134" s="10"/>
    </row>
    <row r="480135" spans="14:14">
      <c r="N480135" s="10"/>
    </row>
    <row r="480136" spans="14:14">
      <c r="N480136" s="10"/>
    </row>
    <row r="480137" spans="14:14">
      <c r="N480137" s="10"/>
    </row>
    <row r="480138" spans="14:14">
      <c r="N480138" s="10"/>
    </row>
    <row r="480139" spans="14:14">
      <c r="N480139" s="10"/>
    </row>
    <row r="480140" spans="14:14">
      <c r="N480140" s="10"/>
    </row>
    <row r="480141" spans="14:14">
      <c r="N480141" s="10"/>
    </row>
    <row r="480142" spans="14:14">
      <c r="N480142" s="10"/>
    </row>
    <row r="480143" spans="14:14">
      <c r="N480143" s="10"/>
    </row>
    <row r="480144" spans="14:14">
      <c r="N480144" s="10"/>
    </row>
    <row r="480145" spans="14:14">
      <c r="N480145" s="10"/>
    </row>
    <row r="480146" spans="14:14">
      <c r="N480146" s="10"/>
    </row>
    <row r="480147" spans="14:14">
      <c r="N480147" s="10"/>
    </row>
    <row r="480148" spans="14:14">
      <c r="N480148" s="10"/>
    </row>
    <row r="480149" spans="14:14">
      <c r="N480149" s="10"/>
    </row>
    <row r="480150" spans="14:14">
      <c r="N480150" s="10"/>
    </row>
    <row r="480151" spans="14:14">
      <c r="N480151" s="10"/>
    </row>
    <row r="480152" spans="14:14">
      <c r="N480152" s="10"/>
    </row>
    <row r="480153" spans="14:14">
      <c r="N480153" s="10"/>
    </row>
    <row r="480154" spans="14:14">
      <c r="N480154" s="10"/>
    </row>
    <row r="480155" spans="14:14">
      <c r="N480155" s="10"/>
    </row>
    <row r="480156" spans="14:14">
      <c r="N480156" s="10"/>
    </row>
    <row r="480157" spans="14:14">
      <c r="N480157" s="10"/>
    </row>
    <row r="480158" spans="14:14">
      <c r="N480158" s="10"/>
    </row>
    <row r="480159" spans="14:14">
      <c r="N480159" s="10"/>
    </row>
    <row r="480160" spans="14:14">
      <c r="N480160" s="10"/>
    </row>
    <row r="480161" spans="14:14">
      <c r="N480161" s="10"/>
    </row>
    <row r="480162" spans="14:14">
      <c r="N480162" s="10"/>
    </row>
    <row r="480163" spans="14:14">
      <c r="N480163" s="10"/>
    </row>
    <row r="480164" spans="14:14">
      <c r="N480164" s="10"/>
    </row>
    <row r="480165" spans="14:14">
      <c r="N480165" s="10"/>
    </row>
    <row r="480166" spans="14:14">
      <c r="N480166" s="10"/>
    </row>
    <row r="480167" spans="14:14">
      <c r="N480167" s="10"/>
    </row>
    <row r="480168" spans="14:14">
      <c r="N480168" s="10"/>
    </row>
    <row r="480169" spans="14:14">
      <c r="N480169" s="10"/>
    </row>
    <row r="480170" spans="14:14">
      <c r="N480170" s="10"/>
    </row>
    <row r="480171" spans="14:14">
      <c r="N480171" s="10"/>
    </row>
    <row r="480172" spans="14:14">
      <c r="N480172" s="10"/>
    </row>
    <row r="480173" spans="14:14">
      <c r="N480173" s="10"/>
    </row>
    <row r="480174" spans="14:14">
      <c r="N480174" s="10"/>
    </row>
    <row r="480175" spans="14:14">
      <c r="N480175" s="10"/>
    </row>
    <row r="480176" spans="14:14">
      <c r="N480176" s="10"/>
    </row>
    <row r="480177" spans="14:14">
      <c r="N480177" s="10"/>
    </row>
    <row r="480178" spans="14:14">
      <c r="N480178" s="10"/>
    </row>
    <row r="480179" spans="14:14">
      <c r="N480179" s="10"/>
    </row>
    <row r="480180" spans="14:14">
      <c r="N480180" s="10"/>
    </row>
    <row r="480181" spans="14:14">
      <c r="N480181" s="10"/>
    </row>
    <row r="480182" spans="14:14">
      <c r="N480182" s="10"/>
    </row>
    <row r="480183" spans="14:14">
      <c r="N480183" s="10"/>
    </row>
    <row r="480184" spans="14:14">
      <c r="N480184" s="10"/>
    </row>
    <row r="480185" spans="14:14">
      <c r="N480185" s="10"/>
    </row>
    <row r="480186" spans="14:14">
      <c r="N480186" s="10"/>
    </row>
    <row r="480187" spans="14:14">
      <c r="N480187" s="10"/>
    </row>
    <row r="480188" spans="14:14">
      <c r="N480188" s="10"/>
    </row>
    <row r="480189" spans="14:14">
      <c r="N480189" s="10"/>
    </row>
    <row r="480190" spans="14:14">
      <c r="N480190" s="10"/>
    </row>
    <row r="480191" spans="14:14">
      <c r="N480191" s="10"/>
    </row>
    <row r="480192" spans="14:14">
      <c r="N480192" s="10"/>
    </row>
    <row r="480193" spans="14:14">
      <c r="N480193" s="10"/>
    </row>
    <row r="480194" spans="14:14">
      <c r="N480194" s="10"/>
    </row>
    <row r="480195" spans="14:14">
      <c r="N480195" s="10"/>
    </row>
    <row r="480196" spans="14:14">
      <c r="N480196" s="10"/>
    </row>
    <row r="480197" spans="14:14">
      <c r="N480197" s="10"/>
    </row>
    <row r="480198" spans="14:14">
      <c r="N480198" s="10"/>
    </row>
    <row r="480199" spans="14:14">
      <c r="N480199" s="10"/>
    </row>
    <row r="480200" spans="14:14">
      <c r="N480200" s="10"/>
    </row>
    <row r="480201" spans="14:14">
      <c r="N480201" s="10"/>
    </row>
    <row r="480202" spans="14:14">
      <c r="N480202" s="10"/>
    </row>
    <row r="480203" spans="14:14">
      <c r="N480203" s="10"/>
    </row>
    <row r="480204" spans="14:14">
      <c r="N480204" s="10"/>
    </row>
    <row r="480205" spans="14:14">
      <c r="N480205" s="10"/>
    </row>
    <row r="480206" spans="14:14">
      <c r="N480206" s="10"/>
    </row>
    <row r="480207" spans="14:14">
      <c r="N480207" s="10"/>
    </row>
    <row r="480208" spans="14:14">
      <c r="N480208" s="10"/>
    </row>
    <row r="480209" spans="14:14">
      <c r="N480209" s="10"/>
    </row>
    <row r="480210" spans="14:14">
      <c r="N480210" s="10"/>
    </row>
    <row r="480211" spans="14:14">
      <c r="N480211" s="10"/>
    </row>
    <row r="480212" spans="14:14">
      <c r="N480212" s="10"/>
    </row>
    <row r="480213" spans="14:14">
      <c r="N480213" s="10"/>
    </row>
    <row r="480214" spans="14:14">
      <c r="N480214" s="10"/>
    </row>
    <row r="480215" spans="14:14">
      <c r="N480215" s="10"/>
    </row>
    <row r="480216" spans="14:14">
      <c r="N480216" s="10"/>
    </row>
    <row r="480217" spans="14:14">
      <c r="N480217" s="10"/>
    </row>
    <row r="480218" spans="14:14">
      <c r="N480218" s="10"/>
    </row>
    <row r="480219" spans="14:14">
      <c r="N480219" s="10"/>
    </row>
    <row r="480220" spans="14:14">
      <c r="N480220" s="10"/>
    </row>
    <row r="480221" spans="14:14">
      <c r="N480221" s="10"/>
    </row>
    <row r="480222" spans="14:14">
      <c r="N480222" s="10"/>
    </row>
    <row r="480223" spans="14:14">
      <c r="N480223" s="10"/>
    </row>
    <row r="480224" spans="14:14">
      <c r="N480224" s="10"/>
    </row>
    <row r="480225" spans="14:14">
      <c r="N480225" s="10"/>
    </row>
    <row r="480226" spans="14:14">
      <c r="N480226" s="10"/>
    </row>
    <row r="480227" spans="14:14">
      <c r="N480227" s="10"/>
    </row>
    <row r="480228" spans="14:14">
      <c r="N480228" s="10"/>
    </row>
    <row r="480229" spans="14:14">
      <c r="N480229" s="10"/>
    </row>
    <row r="480230" spans="14:14">
      <c r="N480230" s="10"/>
    </row>
    <row r="480231" spans="14:14">
      <c r="N480231" s="10"/>
    </row>
    <row r="480232" spans="14:14">
      <c r="N480232" s="10"/>
    </row>
    <row r="480233" spans="14:14">
      <c r="N480233" s="10"/>
    </row>
    <row r="480234" spans="14:14">
      <c r="N480234" s="10"/>
    </row>
    <row r="480235" spans="14:14">
      <c r="N480235" s="10"/>
    </row>
    <row r="480236" spans="14:14">
      <c r="N480236" s="10"/>
    </row>
    <row r="480237" spans="14:14">
      <c r="N480237" s="10"/>
    </row>
    <row r="480238" spans="14:14">
      <c r="N480238" s="10"/>
    </row>
    <row r="480239" spans="14:14">
      <c r="N480239" s="10"/>
    </row>
    <row r="480240" spans="14:14">
      <c r="N480240" s="10"/>
    </row>
    <row r="480241" spans="14:14">
      <c r="N480241" s="10"/>
    </row>
    <row r="480242" spans="14:14">
      <c r="N480242" s="10"/>
    </row>
    <row r="480243" spans="14:14">
      <c r="N480243" s="10"/>
    </row>
    <row r="480244" spans="14:14">
      <c r="N480244" s="10"/>
    </row>
    <row r="480245" spans="14:14">
      <c r="N480245" s="10"/>
    </row>
    <row r="480246" spans="14:14">
      <c r="N480246" s="10"/>
    </row>
    <row r="480247" spans="14:14">
      <c r="N480247" s="10"/>
    </row>
    <row r="480248" spans="14:14">
      <c r="N480248" s="10"/>
    </row>
    <row r="480249" spans="14:14">
      <c r="N480249" s="10"/>
    </row>
    <row r="480250" spans="14:14">
      <c r="N480250" s="10"/>
    </row>
    <row r="480251" spans="14:14">
      <c r="N480251" s="10"/>
    </row>
    <row r="480252" spans="14:14">
      <c r="N480252" s="10"/>
    </row>
    <row r="480253" spans="14:14">
      <c r="N480253" s="10"/>
    </row>
    <row r="480254" spans="14:14">
      <c r="N480254" s="10"/>
    </row>
    <row r="480255" spans="14:14">
      <c r="N480255" s="10"/>
    </row>
    <row r="480256" spans="14:14">
      <c r="N480256" s="10"/>
    </row>
    <row r="480257" spans="14:14">
      <c r="N480257" s="10"/>
    </row>
    <row r="480258" spans="14:14">
      <c r="N480258" s="10"/>
    </row>
    <row r="480259" spans="14:14">
      <c r="N480259" s="10"/>
    </row>
    <row r="480260" spans="14:14">
      <c r="N480260" s="10"/>
    </row>
    <row r="480261" spans="14:14">
      <c r="N480261" s="10"/>
    </row>
    <row r="480262" spans="14:14">
      <c r="N480262" s="10"/>
    </row>
    <row r="480263" spans="14:14">
      <c r="N480263" s="10"/>
    </row>
    <row r="480264" spans="14:14">
      <c r="N480264" s="10"/>
    </row>
    <row r="480265" spans="14:14">
      <c r="N480265" s="10"/>
    </row>
    <row r="480266" spans="14:14">
      <c r="N480266" s="10"/>
    </row>
    <row r="480267" spans="14:14">
      <c r="N480267" s="10"/>
    </row>
    <row r="480268" spans="14:14">
      <c r="N480268" s="10"/>
    </row>
    <row r="480269" spans="14:14">
      <c r="N480269" s="10"/>
    </row>
    <row r="480270" spans="14:14">
      <c r="N480270" s="10"/>
    </row>
    <row r="480271" spans="14:14">
      <c r="N480271" s="10"/>
    </row>
    <row r="480272" spans="14:14">
      <c r="N480272" s="10"/>
    </row>
    <row r="480273" spans="14:14">
      <c r="N480273" s="10"/>
    </row>
    <row r="480274" spans="14:14">
      <c r="N480274" s="10"/>
    </row>
    <row r="480275" spans="14:14">
      <c r="N480275" s="10"/>
    </row>
    <row r="480276" spans="14:14">
      <c r="N480276" s="10"/>
    </row>
    <row r="480277" spans="14:14">
      <c r="N480277" s="10"/>
    </row>
    <row r="480278" spans="14:14">
      <c r="N480278" s="10"/>
    </row>
    <row r="480279" spans="14:14">
      <c r="N480279" s="10"/>
    </row>
    <row r="480280" spans="14:14">
      <c r="N480280" s="10"/>
    </row>
    <row r="480281" spans="14:14">
      <c r="N480281" s="10"/>
    </row>
    <row r="480282" spans="14:14">
      <c r="N480282" s="10"/>
    </row>
    <row r="480283" spans="14:14">
      <c r="N480283" s="10"/>
    </row>
    <row r="480284" spans="14:14">
      <c r="N480284" s="10"/>
    </row>
    <row r="480285" spans="14:14">
      <c r="N480285" s="10"/>
    </row>
    <row r="480286" spans="14:14">
      <c r="N480286" s="10"/>
    </row>
    <row r="480287" spans="14:14">
      <c r="N480287" s="10"/>
    </row>
    <row r="480288" spans="14:14">
      <c r="N480288" s="10"/>
    </row>
    <row r="480289" spans="14:14">
      <c r="N480289" s="10"/>
    </row>
    <row r="480290" spans="14:14">
      <c r="N480290" s="10"/>
    </row>
    <row r="480291" spans="14:14">
      <c r="N480291" s="10"/>
    </row>
    <row r="480292" spans="14:14">
      <c r="N480292" s="10"/>
    </row>
    <row r="480293" spans="14:14">
      <c r="N480293" s="10"/>
    </row>
    <row r="480294" spans="14:14">
      <c r="N480294" s="10"/>
    </row>
    <row r="480295" spans="14:14">
      <c r="N480295" s="10"/>
    </row>
    <row r="480296" spans="14:14">
      <c r="N480296" s="10"/>
    </row>
    <row r="480297" spans="14:14">
      <c r="N480297" s="10"/>
    </row>
    <row r="480298" spans="14:14">
      <c r="N480298" s="10"/>
    </row>
    <row r="480299" spans="14:14">
      <c r="N480299" s="10"/>
    </row>
    <row r="480300" spans="14:14">
      <c r="N480300" s="10"/>
    </row>
    <row r="480301" spans="14:14">
      <c r="N480301" s="10"/>
    </row>
    <row r="480302" spans="14:14">
      <c r="N480302" s="10"/>
    </row>
    <row r="480303" spans="14:14">
      <c r="N480303" s="10"/>
    </row>
    <row r="480304" spans="14:14">
      <c r="N480304" s="10"/>
    </row>
    <row r="480305" spans="14:14">
      <c r="N480305" s="10"/>
    </row>
    <row r="480306" spans="14:14">
      <c r="N480306" s="10"/>
    </row>
    <row r="480307" spans="14:14">
      <c r="N480307" s="10"/>
    </row>
    <row r="480308" spans="14:14">
      <c r="N480308" s="10"/>
    </row>
    <row r="480309" spans="14:14">
      <c r="N480309" s="10"/>
    </row>
    <row r="480310" spans="14:14">
      <c r="N480310" s="10"/>
    </row>
    <row r="480311" spans="14:14">
      <c r="N480311" s="10"/>
    </row>
    <row r="480312" spans="14:14">
      <c r="N480312" s="10"/>
    </row>
    <row r="480313" spans="14:14">
      <c r="N480313" s="10"/>
    </row>
    <row r="480314" spans="14:14">
      <c r="N480314" s="10"/>
    </row>
    <row r="480315" spans="14:14">
      <c r="N480315" s="10"/>
    </row>
    <row r="480316" spans="14:14">
      <c r="N480316" s="10"/>
    </row>
    <row r="480317" spans="14:14">
      <c r="N480317" s="10"/>
    </row>
    <row r="480318" spans="14:14">
      <c r="N480318" s="10"/>
    </row>
    <row r="480319" spans="14:14">
      <c r="N480319" s="10"/>
    </row>
    <row r="480320" spans="14:14">
      <c r="N480320" s="10"/>
    </row>
    <row r="480321" spans="14:14">
      <c r="N480321" s="10"/>
    </row>
    <row r="480322" spans="14:14">
      <c r="N480322" s="10"/>
    </row>
    <row r="480323" spans="14:14">
      <c r="N480323" s="10"/>
    </row>
    <row r="480324" spans="14:14">
      <c r="N480324" s="10"/>
    </row>
    <row r="480325" spans="14:14">
      <c r="N480325" s="10"/>
    </row>
    <row r="480326" spans="14:14">
      <c r="N480326" s="10"/>
    </row>
    <row r="480327" spans="14:14">
      <c r="N480327" s="10"/>
    </row>
    <row r="480328" spans="14:14">
      <c r="N480328" s="10"/>
    </row>
    <row r="480329" spans="14:14">
      <c r="N480329" s="10"/>
    </row>
    <row r="480330" spans="14:14">
      <c r="N480330" s="10"/>
    </row>
    <row r="480331" spans="14:14">
      <c r="N480331" s="10"/>
    </row>
    <row r="480332" spans="14:14">
      <c r="N480332" s="10"/>
    </row>
    <row r="480333" spans="14:14">
      <c r="N480333" s="10"/>
    </row>
    <row r="480334" spans="14:14">
      <c r="N480334" s="10"/>
    </row>
    <row r="480335" spans="14:14">
      <c r="N480335" s="10"/>
    </row>
    <row r="480336" spans="14:14">
      <c r="N480336" s="10"/>
    </row>
    <row r="480337" spans="14:14">
      <c r="N480337" s="10"/>
    </row>
    <row r="480338" spans="14:14">
      <c r="N480338" s="10"/>
    </row>
    <row r="480339" spans="14:14">
      <c r="N480339" s="10"/>
    </row>
    <row r="480340" spans="14:14">
      <c r="N480340" s="10"/>
    </row>
    <row r="480341" spans="14:14">
      <c r="N480341" s="10"/>
    </row>
    <row r="480342" spans="14:14">
      <c r="N480342" s="10"/>
    </row>
    <row r="480343" spans="14:14">
      <c r="N480343" s="10"/>
    </row>
    <row r="480344" spans="14:14">
      <c r="N480344" s="10"/>
    </row>
    <row r="480345" spans="14:14">
      <c r="N480345" s="10"/>
    </row>
    <row r="480346" spans="14:14">
      <c r="N480346" s="10"/>
    </row>
    <row r="480347" spans="14:14">
      <c r="N480347" s="10"/>
    </row>
    <row r="480348" spans="14:14">
      <c r="N480348" s="10"/>
    </row>
    <row r="480349" spans="14:14">
      <c r="N480349" s="10"/>
    </row>
    <row r="480350" spans="14:14">
      <c r="N480350" s="10"/>
    </row>
    <row r="480351" spans="14:14">
      <c r="N480351" s="10"/>
    </row>
    <row r="480352" spans="14:14">
      <c r="N480352" s="10"/>
    </row>
    <row r="480353" spans="14:14">
      <c r="N480353" s="10"/>
    </row>
    <row r="480354" spans="14:14">
      <c r="N480354" s="10"/>
    </row>
    <row r="480355" spans="14:14">
      <c r="N480355" s="10"/>
    </row>
    <row r="480356" spans="14:14">
      <c r="N480356" s="10"/>
    </row>
    <row r="480357" spans="14:14">
      <c r="N480357" s="10"/>
    </row>
    <row r="480358" spans="14:14">
      <c r="N480358" s="10"/>
    </row>
    <row r="480359" spans="14:14">
      <c r="N480359" s="10"/>
    </row>
    <row r="480360" spans="14:14">
      <c r="N480360" s="10"/>
    </row>
    <row r="480361" spans="14:14">
      <c r="N480361" s="10"/>
    </row>
    <row r="480362" spans="14:14">
      <c r="N480362" s="10"/>
    </row>
    <row r="480363" spans="14:14">
      <c r="N480363" s="10"/>
    </row>
    <row r="480364" spans="14:14">
      <c r="N480364" s="10"/>
    </row>
    <row r="480365" spans="14:14">
      <c r="N480365" s="10"/>
    </row>
    <row r="480366" spans="14:14">
      <c r="N480366" s="10"/>
    </row>
    <row r="480367" spans="14:14">
      <c r="N480367" s="10"/>
    </row>
    <row r="480368" spans="14:14">
      <c r="N480368" s="10"/>
    </row>
    <row r="480369" spans="14:14">
      <c r="N480369" s="10"/>
    </row>
    <row r="480370" spans="14:14">
      <c r="N480370" s="10"/>
    </row>
    <row r="480371" spans="14:14">
      <c r="N480371" s="10"/>
    </row>
    <row r="480372" spans="14:14">
      <c r="N480372" s="10"/>
    </row>
    <row r="480373" spans="14:14">
      <c r="N480373" s="10"/>
    </row>
    <row r="480374" spans="14:14">
      <c r="N480374" s="10"/>
    </row>
    <row r="480375" spans="14:14">
      <c r="N480375" s="10"/>
    </row>
    <row r="480376" spans="14:14">
      <c r="N480376" s="10"/>
    </row>
    <row r="480377" spans="14:14">
      <c r="N480377" s="10"/>
    </row>
    <row r="480378" spans="14:14">
      <c r="N480378" s="10"/>
    </row>
    <row r="480379" spans="14:14">
      <c r="N480379" s="10"/>
    </row>
    <row r="480380" spans="14:14">
      <c r="N480380" s="10"/>
    </row>
    <row r="480381" spans="14:14">
      <c r="N480381" s="10"/>
    </row>
    <row r="480382" spans="14:14">
      <c r="N480382" s="10"/>
    </row>
    <row r="480383" spans="14:14">
      <c r="N480383" s="10"/>
    </row>
    <row r="480384" spans="14:14">
      <c r="N480384" s="10"/>
    </row>
    <row r="480385" spans="14:14">
      <c r="N480385" s="10"/>
    </row>
    <row r="480386" spans="14:14">
      <c r="N480386" s="10"/>
    </row>
    <row r="480387" spans="14:14">
      <c r="N480387" s="10"/>
    </row>
    <row r="480388" spans="14:14">
      <c r="N480388" s="10"/>
    </row>
    <row r="480389" spans="14:14">
      <c r="N480389" s="10"/>
    </row>
    <row r="480390" spans="14:14">
      <c r="N480390" s="10"/>
    </row>
    <row r="480391" spans="14:14">
      <c r="N480391" s="10"/>
    </row>
    <row r="480392" spans="14:14">
      <c r="N480392" s="10"/>
    </row>
    <row r="480393" spans="14:14">
      <c r="N480393" s="10"/>
    </row>
    <row r="480394" spans="14:14">
      <c r="N480394" s="10"/>
    </row>
    <row r="480395" spans="14:14">
      <c r="N480395" s="10"/>
    </row>
    <row r="480396" spans="14:14">
      <c r="N480396" s="10"/>
    </row>
    <row r="480397" spans="14:14">
      <c r="N480397" s="10"/>
    </row>
    <row r="480398" spans="14:14">
      <c r="N480398" s="10"/>
    </row>
    <row r="480399" spans="14:14">
      <c r="N480399" s="10"/>
    </row>
    <row r="480400" spans="14:14">
      <c r="N480400" s="10"/>
    </row>
    <row r="480401" spans="14:14">
      <c r="N480401" s="10"/>
    </row>
    <row r="480402" spans="14:14">
      <c r="N480402" s="10"/>
    </row>
    <row r="480403" spans="14:14">
      <c r="N480403" s="10"/>
    </row>
    <row r="480404" spans="14:14">
      <c r="N480404" s="10"/>
    </row>
    <row r="480405" spans="14:14">
      <c r="N480405" s="10"/>
    </row>
    <row r="480406" spans="14:14">
      <c r="N480406" s="10"/>
    </row>
    <row r="480407" spans="14:14">
      <c r="N480407" s="10"/>
    </row>
    <row r="480408" spans="14:14">
      <c r="N480408" s="10"/>
    </row>
    <row r="480409" spans="14:14">
      <c r="N480409" s="10"/>
    </row>
    <row r="480410" spans="14:14">
      <c r="N480410" s="10"/>
    </row>
    <row r="480411" spans="14:14">
      <c r="N480411" s="10"/>
    </row>
    <row r="480412" spans="14:14">
      <c r="N480412" s="10"/>
    </row>
    <row r="480413" spans="14:14">
      <c r="N480413" s="10"/>
    </row>
    <row r="480414" spans="14:14">
      <c r="N480414" s="10"/>
    </row>
    <row r="480415" spans="14:14">
      <c r="N480415" s="10"/>
    </row>
    <row r="480416" spans="14:14">
      <c r="N480416" s="10"/>
    </row>
    <row r="480417" spans="14:14">
      <c r="N480417" s="10"/>
    </row>
    <row r="480418" spans="14:14">
      <c r="N480418" s="10"/>
    </row>
    <row r="480419" spans="14:14">
      <c r="N480419" s="10"/>
    </row>
    <row r="480420" spans="14:14">
      <c r="N480420" s="10"/>
    </row>
    <row r="480421" spans="14:14">
      <c r="N480421" s="10"/>
    </row>
    <row r="480422" spans="14:14">
      <c r="N480422" s="10"/>
    </row>
    <row r="480423" spans="14:14">
      <c r="N480423" s="10"/>
    </row>
    <row r="480424" spans="14:14">
      <c r="N480424" s="10"/>
    </row>
    <row r="480425" spans="14:14">
      <c r="N480425" s="10"/>
    </row>
    <row r="480426" spans="14:14">
      <c r="N480426" s="10"/>
    </row>
    <row r="480427" spans="14:14">
      <c r="N480427" s="10"/>
    </row>
    <row r="480428" spans="14:14">
      <c r="N480428" s="10"/>
    </row>
    <row r="480429" spans="14:14">
      <c r="N480429" s="10"/>
    </row>
    <row r="480430" spans="14:14">
      <c r="N480430" s="10"/>
    </row>
    <row r="480431" spans="14:14">
      <c r="N480431" s="10"/>
    </row>
    <row r="480432" spans="14:14">
      <c r="N480432" s="10"/>
    </row>
    <row r="480433" spans="14:14">
      <c r="N480433" s="10"/>
    </row>
    <row r="480434" spans="14:14">
      <c r="N480434" s="10"/>
    </row>
    <row r="480435" spans="14:14">
      <c r="N480435" s="10"/>
    </row>
    <row r="480436" spans="14:14">
      <c r="N480436" s="10"/>
    </row>
    <row r="480437" spans="14:14">
      <c r="N480437" s="10"/>
    </row>
    <row r="480438" spans="14:14">
      <c r="N480438" s="10"/>
    </row>
    <row r="480439" spans="14:14">
      <c r="N480439" s="10"/>
    </row>
    <row r="480440" spans="14:14">
      <c r="N480440" s="10"/>
    </row>
    <row r="480441" spans="14:14">
      <c r="N480441" s="10"/>
    </row>
    <row r="480442" spans="14:14">
      <c r="N480442" s="10"/>
    </row>
    <row r="480443" spans="14:14">
      <c r="N480443" s="10"/>
    </row>
    <row r="480444" spans="14:14">
      <c r="N480444" s="10"/>
    </row>
    <row r="480445" spans="14:14">
      <c r="N480445" s="10"/>
    </row>
    <row r="480446" spans="14:14">
      <c r="N480446" s="10"/>
    </row>
    <row r="480447" spans="14:14">
      <c r="N480447" s="10"/>
    </row>
    <row r="480448" spans="14:14">
      <c r="N480448" s="10"/>
    </row>
    <row r="480449" spans="14:14">
      <c r="N480449" s="10"/>
    </row>
    <row r="480450" spans="14:14">
      <c r="N480450" s="10"/>
    </row>
    <row r="480451" spans="14:14">
      <c r="N480451" s="10"/>
    </row>
    <row r="480452" spans="14:14">
      <c r="N480452" s="10"/>
    </row>
    <row r="480453" spans="14:14">
      <c r="N480453" s="10"/>
    </row>
    <row r="480454" spans="14:14">
      <c r="N480454" s="10"/>
    </row>
    <row r="480455" spans="14:14">
      <c r="N480455" s="10"/>
    </row>
    <row r="480456" spans="14:14">
      <c r="N480456" s="10"/>
    </row>
    <row r="480457" spans="14:14">
      <c r="N480457" s="10"/>
    </row>
    <row r="480458" spans="14:14">
      <c r="N480458" s="10"/>
    </row>
    <row r="480459" spans="14:14">
      <c r="N480459" s="10"/>
    </row>
    <row r="480460" spans="14:14">
      <c r="N480460" s="10"/>
    </row>
    <row r="480461" spans="14:14">
      <c r="N480461" s="10"/>
    </row>
    <row r="480462" spans="14:14">
      <c r="N480462" s="10"/>
    </row>
    <row r="480463" spans="14:14">
      <c r="N480463" s="10"/>
    </row>
    <row r="480464" spans="14:14">
      <c r="N480464" s="10"/>
    </row>
    <row r="480465" spans="14:14">
      <c r="N480465" s="10"/>
    </row>
    <row r="480466" spans="14:14">
      <c r="N480466" s="10"/>
    </row>
    <row r="480467" spans="14:14">
      <c r="N480467" s="10"/>
    </row>
    <row r="480468" spans="14:14">
      <c r="N480468" s="10"/>
    </row>
    <row r="480469" spans="14:14">
      <c r="N480469" s="10"/>
    </row>
    <row r="480470" spans="14:14">
      <c r="N480470" s="10"/>
    </row>
    <row r="480471" spans="14:14">
      <c r="N480471" s="10"/>
    </row>
    <row r="480472" spans="14:14">
      <c r="N480472" s="10"/>
    </row>
    <row r="480473" spans="14:14">
      <c r="N480473" s="10"/>
    </row>
    <row r="480474" spans="14:14">
      <c r="N480474" s="10"/>
    </row>
    <row r="480475" spans="14:14">
      <c r="N480475" s="10"/>
    </row>
    <row r="480476" spans="14:14">
      <c r="N480476" s="10"/>
    </row>
    <row r="480477" spans="14:14">
      <c r="N480477" s="10"/>
    </row>
    <row r="480478" spans="14:14">
      <c r="N480478" s="10"/>
    </row>
    <row r="480479" spans="14:14">
      <c r="N480479" s="10"/>
    </row>
    <row r="480480" spans="14:14">
      <c r="N480480" s="10"/>
    </row>
    <row r="480481" spans="14:14">
      <c r="N480481" s="10"/>
    </row>
    <row r="480482" spans="14:14">
      <c r="N480482" s="10"/>
    </row>
    <row r="480483" spans="14:14">
      <c r="N480483" s="10"/>
    </row>
    <row r="480484" spans="14:14">
      <c r="N480484" s="10"/>
    </row>
    <row r="480485" spans="14:14">
      <c r="N480485" s="10"/>
    </row>
    <row r="480486" spans="14:14">
      <c r="N480486" s="10"/>
    </row>
    <row r="480487" spans="14:14">
      <c r="N480487" s="10"/>
    </row>
    <row r="480488" spans="14:14">
      <c r="N480488" s="10"/>
    </row>
    <row r="480489" spans="14:14">
      <c r="N480489" s="10"/>
    </row>
    <row r="480490" spans="14:14">
      <c r="N480490" s="10"/>
    </row>
    <row r="480491" spans="14:14">
      <c r="N480491" s="10"/>
    </row>
    <row r="480492" spans="14:14">
      <c r="N480492" s="10"/>
    </row>
    <row r="480493" spans="14:14">
      <c r="N480493" s="10"/>
    </row>
    <row r="480494" spans="14:14">
      <c r="N480494" s="10"/>
    </row>
    <row r="480495" spans="14:14">
      <c r="N480495" s="10"/>
    </row>
    <row r="480496" spans="14:14">
      <c r="N480496" s="10"/>
    </row>
    <row r="480497" spans="14:14">
      <c r="N480497" s="10"/>
    </row>
    <row r="480498" spans="14:14">
      <c r="N480498" s="10"/>
    </row>
    <row r="480499" spans="14:14">
      <c r="N480499" s="10"/>
    </row>
    <row r="480500" spans="14:14">
      <c r="N480500" s="10"/>
    </row>
    <row r="480501" spans="14:14">
      <c r="N480501" s="10"/>
    </row>
    <row r="480502" spans="14:14">
      <c r="N480502" s="10"/>
    </row>
    <row r="480503" spans="14:14">
      <c r="N480503" s="10"/>
    </row>
    <row r="480504" spans="14:14">
      <c r="N480504" s="10"/>
    </row>
    <row r="480505" spans="14:14">
      <c r="N480505" s="10"/>
    </row>
    <row r="480506" spans="14:14">
      <c r="N480506" s="10"/>
    </row>
    <row r="480507" spans="14:14">
      <c r="N480507" s="10"/>
    </row>
    <row r="480508" spans="14:14">
      <c r="N480508" s="10"/>
    </row>
    <row r="480509" spans="14:14">
      <c r="N480509" s="10"/>
    </row>
    <row r="480510" spans="14:14">
      <c r="N480510" s="10"/>
    </row>
    <row r="480511" spans="14:14">
      <c r="N480511" s="10"/>
    </row>
    <row r="480512" spans="14:14">
      <c r="N480512" s="10"/>
    </row>
    <row r="480513" spans="14:14">
      <c r="N480513" s="10"/>
    </row>
    <row r="480514" spans="14:14">
      <c r="N480514" s="10"/>
    </row>
    <row r="480515" spans="14:14">
      <c r="N480515" s="10"/>
    </row>
    <row r="480516" spans="14:14">
      <c r="N480516" s="10"/>
    </row>
    <row r="480517" spans="14:14">
      <c r="N480517" s="10"/>
    </row>
    <row r="480518" spans="14:14">
      <c r="N480518" s="10"/>
    </row>
    <row r="480519" spans="14:14">
      <c r="N480519" s="10"/>
    </row>
    <row r="480520" spans="14:14">
      <c r="N480520" s="10"/>
    </row>
    <row r="480521" spans="14:14">
      <c r="N480521" s="10"/>
    </row>
    <row r="480522" spans="14:14">
      <c r="N480522" s="10"/>
    </row>
    <row r="480523" spans="14:14">
      <c r="N480523" s="10"/>
    </row>
    <row r="480524" spans="14:14">
      <c r="N480524" s="10"/>
    </row>
    <row r="480525" spans="14:14">
      <c r="N480525" s="10"/>
    </row>
    <row r="480526" spans="14:14">
      <c r="N480526" s="10"/>
    </row>
    <row r="480527" spans="14:14">
      <c r="N480527" s="10"/>
    </row>
    <row r="480528" spans="14:14">
      <c r="N480528" s="10"/>
    </row>
    <row r="480529" spans="14:14">
      <c r="N480529" s="10"/>
    </row>
    <row r="480530" spans="14:14">
      <c r="N480530" s="10"/>
    </row>
    <row r="480531" spans="14:14">
      <c r="N480531" s="10"/>
    </row>
    <row r="480532" spans="14:14">
      <c r="N480532" s="10"/>
    </row>
    <row r="480533" spans="14:14">
      <c r="N480533" s="10"/>
    </row>
    <row r="480534" spans="14:14">
      <c r="N480534" s="10"/>
    </row>
    <row r="480535" spans="14:14">
      <c r="N480535" s="10"/>
    </row>
    <row r="480536" spans="14:14">
      <c r="N480536" s="10"/>
    </row>
    <row r="480537" spans="14:14">
      <c r="N480537" s="10"/>
    </row>
    <row r="480538" spans="14:14">
      <c r="N480538" s="10"/>
    </row>
    <row r="480539" spans="14:14">
      <c r="N480539" s="10"/>
    </row>
    <row r="480540" spans="14:14">
      <c r="N480540" s="10"/>
    </row>
    <row r="480541" spans="14:14">
      <c r="N480541" s="10"/>
    </row>
    <row r="480542" spans="14:14">
      <c r="N480542" s="10"/>
    </row>
    <row r="480543" spans="14:14">
      <c r="N480543" s="10"/>
    </row>
    <row r="480544" spans="14:14">
      <c r="N480544" s="10"/>
    </row>
    <row r="480545" spans="14:14">
      <c r="N480545" s="10"/>
    </row>
    <row r="480546" spans="14:14">
      <c r="N480546" s="10"/>
    </row>
    <row r="480547" spans="14:14">
      <c r="N480547" s="10"/>
    </row>
    <row r="480548" spans="14:14">
      <c r="N480548" s="10"/>
    </row>
    <row r="480549" spans="14:14">
      <c r="N480549" s="10"/>
    </row>
    <row r="480550" spans="14:14">
      <c r="N480550" s="10"/>
    </row>
    <row r="480551" spans="14:14">
      <c r="N480551" s="10"/>
    </row>
    <row r="480552" spans="14:14">
      <c r="N480552" s="10"/>
    </row>
    <row r="480553" spans="14:14">
      <c r="N480553" s="10"/>
    </row>
    <row r="480554" spans="14:14">
      <c r="N480554" s="10"/>
    </row>
    <row r="480555" spans="14:14">
      <c r="N480555" s="10"/>
    </row>
    <row r="480556" spans="14:14">
      <c r="N480556" s="10"/>
    </row>
    <row r="480557" spans="14:14">
      <c r="N480557" s="10"/>
    </row>
    <row r="480558" spans="14:14">
      <c r="N480558" s="10"/>
    </row>
    <row r="480559" spans="14:14">
      <c r="N480559" s="10"/>
    </row>
    <row r="480560" spans="14:14">
      <c r="N480560" s="10"/>
    </row>
    <row r="480561" spans="14:14">
      <c r="N480561" s="10"/>
    </row>
    <row r="480562" spans="14:14">
      <c r="N480562" s="10"/>
    </row>
    <row r="480563" spans="14:14">
      <c r="N480563" s="10"/>
    </row>
    <row r="480564" spans="14:14">
      <c r="N480564" s="10"/>
    </row>
    <row r="480565" spans="14:14">
      <c r="N480565" s="10"/>
    </row>
    <row r="480566" spans="14:14">
      <c r="N480566" s="10"/>
    </row>
    <row r="480567" spans="14:14">
      <c r="N480567" s="10"/>
    </row>
    <row r="480568" spans="14:14">
      <c r="N480568" s="10"/>
    </row>
    <row r="480569" spans="14:14">
      <c r="N480569" s="10"/>
    </row>
    <row r="480570" spans="14:14">
      <c r="N480570" s="10"/>
    </row>
    <row r="480571" spans="14:14">
      <c r="N480571" s="10"/>
    </row>
    <row r="480572" spans="14:14">
      <c r="N480572" s="10"/>
    </row>
    <row r="480573" spans="14:14">
      <c r="N480573" s="10"/>
    </row>
    <row r="480574" spans="14:14">
      <c r="N480574" s="10"/>
    </row>
    <row r="480575" spans="14:14">
      <c r="N480575" s="10"/>
    </row>
    <row r="480576" spans="14:14">
      <c r="N480576" s="10"/>
    </row>
    <row r="480577" spans="14:14">
      <c r="N480577" s="10"/>
    </row>
    <row r="480578" spans="14:14">
      <c r="N480578" s="10"/>
    </row>
    <row r="480579" spans="14:14">
      <c r="N480579" s="10"/>
    </row>
    <row r="480580" spans="14:14">
      <c r="N480580" s="10"/>
    </row>
    <row r="480581" spans="14:14">
      <c r="N480581" s="10"/>
    </row>
    <row r="480582" spans="14:14">
      <c r="N480582" s="10"/>
    </row>
    <row r="480583" spans="14:14">
      <c r="N480583" s="10"/>
    </row>
    <row r="480584" spans="14:14">
      <c r="N480584" s="10"/>
    </row>
    <row r="480585" spans="14:14">
      <c r="N480585" s="10"/>
    </row>
    <row r="480586" spans="14:14">
      <c r="N480586" s="10"/>
    </row>
    <row r="480587" spans="14:14">
      <c r="N480587" s="10"/>
    </row>
    <row r="480588" spans="14:14">
      <c r="N480588" s="10"/>
    </row>
    <row r="480589" spans="14:14">
      <c r="N480589" s="10"/>
    </row>
    <row r="480590" spans="14:14">
      <c r="N480590" s="10"/>
    </row>
    <row r="480591" spans="14:14">
      <c r="N480591" s="10"/>
    </row>
    <row r="480592" spans="14:14">
      <c r="N480592" s="10"/>
    </row>
    <row r="480593" spans="14:14">
      <c r="N480593" s="10"/>
    </row>
    <row r="480594" spans="14:14">
      <c r="N480594" s="10"/>
    </row>
    <row r="480595" spans="14:14">
      <c r="N480595" s="10"/>
    </row>
    <row r="480596" spans="14:14">
      <c r="N480596" s="10"/>
    </row>
    <row r="480597" spans="14:14">
      <c r="N480597" s="10"/>
    </row>
    <row r="480598" spans="14:14">
      <c r="N480598" s="10"/>
    </row>
    <row r="480599" spans="14:14">
      <c r="N480599" s="10"/>
    </row>
    <row r="480600" spans="14:14">
      <c r="N480600" s="10"/>
    </row>
    <row r="480601" spans="14:14">
      <c r="N480601" s="10"/>
    </row>
    <row r="480602" spans="14:14">
      <c r="N480602" s="10"/>
    </row>
    <row r="480603" spans="14:14">
      <c r="N480603" s="10"/>
    </row>
    <row r="480604" spans="14:14">
      <c r="N480604" s="10"/>
    </row>
    <row r="480605" spans="14:14">
      <c r="N480605" s="10"/>
    </row>
    <row r="480606" spans="14:14">
      <c r="N480606" s="10"/>
    </row>
    <row r="480607" spans="14:14">
      <c r="N480607" s="10"/>
    </row>
    <row r="480608" spans="14:14">
      <c r="N480608" s="10"/>
    </row>
    <row r="480609" spans="14:14">
      <c r="N480609" s="10"/>
    </row>
    <row r="480610" spans="14:14">
      <c r="N480610" s="10"/>
    </row>
    <row r="480611" spans="14:14">
      <c r="N480611" s="10"/>
    </row>
    <row r="480612" spans="14:14">
      <c r="N480612" s="10"/>
    </row>
    <row r="480613" spans="14:14">
      <c r="N480613" s="10"/>
    </row>
    <row r="480614" spans="14:14">
      <c r="N480614" s="10"/>
    </row>
    <row r="480615" spans="14:14">
      <c r="N480615" s="10"/>
    </row>
    <row r="480616" spans="14:14">
      <c r="N480616" s="10"/>
    </row>
    <row r="480617" spans="14:14">
      <c r="N480617" s="10"/>
    </row>
    <row r="480618" spans="14:14">
      <c r="N480618" s="10"/>
    </row>
    <row r="480619" spans="14:14">
      <c r="N480619" s="10"/>
    </row>
    <row r="480620" spans="14:14">
      <c r="N480620" s="10"/>
    </row>
    <row r="480621" spans="14:14">
      <c r="N480621" s="10"/>
    </row>
    <row r="480622" spans="14:14">
      <c r="N480622" s="10"/>
    </row>
    <row r="480623" spans="14:14">
      <c r="N480623" s="10"/>
    </row>
    <row r="480624" spans="14:14">
      <c r="N480624" s="10"/>
    </row>
    <row r="480625" spans="14:14">
      <c r="N480625" s="10"/>
    </row>
    <row r="480626" spans="14:14">
      <c r="N480626" s="10"/>
    </row>
    <row r="480627" spans="14:14">
      <c r="N480627" s="10"/>
    </row>
    <row r="480628" spans="14:14">
      <c r="N480628" s="10"/>
    </row>
    <row r="480629" spans="14:14">
      <c r="N480629" s="10"/>
    </row>
    <row r="480630" spans="14:14">
      <c r="N480630" s="10"/>
    </row>
    <row r="480631" spans="14:14">
      <c r="N480631" s="10"/>
    </row>
    <row r="480632" spans="14:14">
      <c r="N480632" s="10"/>
    </row>
    <row r="480633" spans="14:14">
      <c r="N480633" s="10"/>
    </row>
    <row r="480634" spans="14:14">
      <c r="N480634" s="10"/>
    </row>
    <row r="480635" spans="14:14">
      <c r="N480635" s="10"/>
    </row>
    <row r="480636" spans="14:14">
      <c r="N480636" s="10"/>
    </row>
    <row r="480637" spans="14:14">
      <c r="N480637" s="10"/>
    </row>
    <row r="480638" spans="14:14">
      <c r="N480638" s="10"/>
    </row>
    <row r="480639" spans="14:14">
      <c r="N480639" s="10"/>
    </row>
    <row r="480640" spans="14:14">
      <c r="N480640" s="10"/>
    </row>
    <row r="480641" spans="14:14">
      <c r="N480641" s="10"/>
    </row>
    <row r="480642" spans="14:14">
      <c r="N480642" s="10"/>
    </row>
    <row r="480643" spans="14:14">
      <c r="N480643" s="10"/>
    </row>
    <row r="480644" spans="14:14">
      <c r="N480644" s="10"/>
    </row>
    <row r="480645" spans="14:14">
      <c r="N480645" s="10"/>
    </row>
    <row r="480646" spans="14:14">
      <c r="N480646" s="10"/>
    </row>
    <row r="480647" spans="14:14">
      <c r="N480647" s="10"/>
    </row>
    <row r="480648" spans="14:14">
      <c r="N480648" s="10"/>
    </row>
    <row r="480649" spans="14:14">
      <c r="N480649" s="10"/>
    </row>
    <row r="480650" spans="14:14">
      <c r="N480650" s="10"/>
    </row>
    <row r="480651" spans="14:14">
      <c r="N480651" s="10"/>
    </row>
    <row r="480652" spans="14:14">
      <c r="N480652" s="10"/>
    </row>
    <row r="480653" spans="14:14">
      <c r="N480653" s="10"/>
    </row>
    <row r="480654" spans="14:14">
      <c r="N480654" s="10"/>
    </row>
    <row r="480655" spans="14:14">
      <c r="N480655" s="10"/>
    </row>
    <row r="480656" spans="14:14">
      <c r="N480656" s="10"/>
    </row>
    <row r="480657" spans="14:14">
      <c r="N480657" s="10"/>
    </row>
    <row r="480658" spans="14:14">
      <c r="N480658" s="10"/>
    </row>
    <row r="480659" spans="14:14">
      <c r="N480659" s="10"/>
    </row>
    <row r="480660" spans="14:14">
      <c r="N480660" s="10"/>
    </row>
    <row r="480661" spans="14:14">
      <c r="N480661" s="10"/>
    </row>
    <row r="480662" spans="14:14">
      <c r="N480662" s="10"/>
    </row>
    <row r="480663" spans="14:14">
      <c r="N480663" s="10"/>
    </row>
    <row r="480664" spans="14:14">
      <c r="N480664" s="10"/>
    </row>
    <row r="480665" spans="14:14">
      <c r="N480665" s="10"/>
    </row>
    <row r="480666" spans="14:14">
      <c r="N480666" s="10"/>
    </row>
    <row r="480667" spans="14:14">
      <c r="N480667" s="10"/>
    </row>
    <row r="480668" spans="14:14">
      <c r="N480668" s="10"/>
    </row>
    <row r="480669" spans="14:14">
      <c r="N480669" s="10"/>
    </row>
    <row r="480670" spans="14:14">
      <c r="N480670" s="10"/>
    </row>
    <row r="480671" spans="14:14">
      <c r="N480671" s="10"/>
    </row>
    <row r="480672" spans="14:14">
      <c r="N480672" s="10"/>
    </row>
    <row r="480673" spans="14:14">
      <c r="N480673" s="10"/>
    </row>
    <row r="480674" spans="14:14">
      <c r="N480674" s="10"/>
    </row>
    <row r="480675" spans="14:14">
      <c r="N480675" s="10"/>
    </row>
    <row r="480676" spans="14:14">
      <c r="N480676" s="10"/>
    </row>
    <row r="480677" spans="14:14">
      <c r="N480677" s="10"/>
    </row>
    <row r="480678" spans="14:14">
      <c r="N480678" s="10"/>
    </row>
    <row r="480679" spans="14:14">
      <c r="N480679" s="10"/>
    </row>
    <row r="480680" spans="14:14">
      <c r="N480680" s="10"/>
    </row>
    <row r="480681" spans="14:14">
      <c r="N480681" s="10"/>
    </row>
    <row r="480682" spans="14:14">
      <c r="N480682" s="10"/>
    </row>
    <row r="480683" spans="14:14">
      <c r="N480683" s="10"/>
    </row>
    <row r="480684" spans="14:14">
      <c r="N480684" s="10"/>
    </row>
    <row r="480685" spans="14:14">
      <c r="N480685" s="10"/>
    </row>
    <row r="480686" spans="14:14">
      <c r="N480686" s="10"/>
    </row>
    <row r="480687" spans="14:14">
      <c r="N480687" s="10"/>
    </row>
    <row r="480688" spans="14:14">
      <c r="N480688" s="10"/>
    </row>
    <row r="480689" spans="14:14">
      <c r="N480689" s="10"/>
    </row>
    <row r="480690" spans="14:14">
      <c r="N480690" s="10"/>
    </row>
    <row r="480691" spans="14:14">
      <c r="N480691" s="10"/>
    </row>
    <row r="480692" spans="14:14">
      <c r="N480692" s="10"/>
    </row>
    <row r="480693" spans="14:14">
      <c r="N480693" s="10"/>
    </row>
    <row r="480694" spans="14:14">
      <c r="N480694" s="10"/>
    </row>
    <row r="480695" spans="14:14">
      <c r="N480695" s="10"/>
    </row>
    <row r="480696" spans="14:14">
      <c r="N480696" s="10"/>
    </row>
    <row r="480697" spans="14:14">
      <c r="N480697" s="10"/>
    </row>
    <row r="480698" spans="14:14">
      <c r="N480698" s="10"/>
    </row>
    <row r="480699" spans="14:14">
      <c r="N480699" s="10"/>
    </row>
    <row r="480700" spans="14:14">
      <c r="N480700" s="10"/>
    </row>
    <row r="480701" spans="14:14">
      <c r="N480701" s="10"/>
    </row>
    <row r="480702" spans="14:14">
      <c r="N480702" s="10"/>
    </row>
    <row r="480703" spans="14:14">
      <c r="N480703" s="10"/>
    </row>
    <row r="480704" spans="14:14">
      <c r="N480704" s="10"/>
    </row>
    <row r="480705" spans="14:14">
      <c r="N480705" s="10"/>
    </row>
    <row r="480706" spans="14:14">
      <c r="N480706" s="10"/>
    </row>
    <row r="480707" spans="14:14">
      <c r="N480707" s="10"/>
    </row>
    <row r="480708" spans="14:14">
      <c r="N480708" s="10"/>
    </row>
    <row r="480709" spans="14:14">
      <c r="N480709" s="10"/>
    </row>
    <row r="480710" spans="14:14">
      <c r="N480710" s="10"/>
    </row>
    <row r="480711" spans="14:14">
      <c r="N480711" s="10"/>
    </row>
    <row r="480712" spans="14:14">
      <c r="N480712" s="10"/>
    </row>
    <row r="480713" spans="14:14">
      <c r="N480713" s="10"/>
    </row>
    <row r="480714" spans="14:14">
      <c r="N480714" s="10"/>
    </row>
    <row r="480715" spans="14:14">
      <c r="N480715" s="10"/>
    </row>
    <row r="480716" spans="14:14">
      <c r="N480716" s="10"/>
    </row>
    <row r="480717" spans="14:14">
      <c r="N480717" s="10"/>
    </row>
    <row r="480718" spans="14:14">
      <c r="N480718" s="10"/>
    </row>
    <row r="480719" spans="14:14">
      <c r="N480719" s="10"/>
    </row>
    <row r="480720" spans="14:14">
      <c r="N480720" s="10"/>
    </row>
    <row r="480721" spans="14:14">
      <c r="N480721" s="10"/>
    </row>
    <row r="480722" spans="14:14">
      <c r="N480722" s="10"/>
    </row>
    <row r="480723" spans="14:14">
      <c r="N480723" s="10"/>
    </row>
    <row r="480724" spans="14:14">
      <c r="N480724" s="10"/>
    </row>
    <row r="480725" spans="14:14">
      <c r="N480725" s="10"/>
    </row>
    <row r="480726" spans="14:14">
      <c r="N480726" s="10"/>
    </row>
    <row r="480727" spans="14:14">
      <c r="N480727" s="10"/>
    </row>
    <row r="480728" spans="14:14">
      <c r="N480728" s="10"/>
    </row>
    <row r="480729" spans="14:14">
      <c r="N480729" s="10"/>
    </row>
    <row r="480730" spans="14:14">
      <c r="N480730" s="10"/>
    </row>
    <row r="480731" spans="14:14">
      <c r="N480731" s="10"/>
    </row>
    <row r="480732" spans="14:14">
      <c r="N480732" s="10"/>
    </row>
    <row r="480733" spans="14:14">
      <c r="N480733" s="10"/>
    </row>
    <row r="480734" spans="14:14">
      <c r="N480734" s="10"/>
    </row>
    <row r="480735" spans="14:14">
      <c r="N480735" s="10"/>
    </row>
    <row r="480736" spans="14:14">
      <c r="N480736" s="10"/>
    </row>
    <row r="480737" spans="14:14">
      <c r="N480737" s="10"/>
    </row>
    <row r="480738" spans="14:14">
      <c r="N480738" s="10"/>
    </row>
    <row r="480739" spans="14:14">
      <c r="N480739" s="10"/>
    </row>
    <row r="480740" spans="14:14">
      <c r="N480740" s="10"/>
    </row>
    <row r="480741" spans="14:14">
      <c r="N480741" s="10"/>
    </row>
    <row r="480742" spans="14:14">
      <c r="N480742" s="10"/>
    </row>
    <row r="480743" spans="14:14">
      <c r="N480743" s="10"/>
    </row>
    <row r="480744" spans="14:14">
      <c r="N480744" s="10"/>
    </row>
    <row r="480745" spans="14:14">
      <c r="N480745" s="10"/>
    </row>
    <row r="480746" spans="14:14">
      <c r="N480746" s="10"/>
    </row>
    <row r="480747" spans="14:14">
      <c r="N480747" s="10"/>
    </row>
    <row r="480748" spans="14:14">
      <c r="N480748" s="10"/>
    </row>
    <row r="480749" spans="14:14">
      <c r="N480749" s="10"/>
    </row>
    <row r="480750" spans="14:14">
      <c r="N480750" s="10"/>
    </row>
    <row r="480751" spans="14:14">
      <c r="N480751" s="10"/>
    </row>
    <row r="480752" spans="14:14">
      <c r="N480752" s="10"/>
    </row>
    <row r="480753" spans="14:14">
      <c r="N480753" s="10"/>
    </row>
    <row r="480754" spans="14:14">
      <c r="N480754" s="10"/>
    </row>
    <row r="480755" spans="14:14">
      <c r="N480755" s="10"/>
    </row>
    <row r="480756" spans="14:14">
      <c r="N480756" s="10"/>
    </row>
    <row r="480757" spans="14:14">
      <c r="N480757" s="10"/>
    </row>
    <row r="480758" spans="14:14">
      <c r="N480758" s="10"/>
    </row>
    <row r="480759" spans="14:14">
      <c r="N480759" s="10"/>
    </row>
    <row r="480760" spans="14:14">
      <c r="N480760" s="10"/>
    </row>
    <row r="480761" spans="14:14">
      <c r="N480761" s="10"/>
    </row>
    <row r="480762" spans="14:14">
      <c r="N480762" s="10"/>
    </row>
    <row r="480763" spans="14:14">
      <c r="N480763" s="10"/>
    </row>
    <row r="480764" spans="14:14">
      <c r="N480764" s="10"/>
    </row>
    <row r="480765" spans="14:14">
      <c r="N480765" s="10"/>
    </row>
    <row r="480766" spans="14:14">
      <c r="N480766" s="10"/>
    </row>
    <row r="480767" spans="14:14">
      <c r="N480767" s="10"/>
    </row>
    <row r="480768" spans="14:14">
      <c r="N480768" s="10"/>
    </row>
    <row r="480769" spans="14:14">
      <c r="N480769" s="10"/>
    </row>
    <row r="480770" spans="14:14">
      <c r="N480770" s="10"/>
    </row>
    <row r="480771" spans="14:14">
      <c r="N480771" s="10"/>
    </row>
    <row r="480772" spans="14:14">
      <c r="N480772" s="10"/>
    </row>
    <row r="480773" spans="14:14">
      <c r="N480773" s="10"/>
    </row>
    <row r="480774" spans="14:14">
      <c r="N480774" s="10"/>
    </row>
    <row r="480775" spans="14:14">
      <c r="N480775" s="10"/>
    </row>
    <row r="480776" spans="14:14">
      <c r="N480776" s="10"/>
    </row>
    <row r="480777" spans="14:14">
      <c r="N480777" s="10"/>
    </row>
    <row r="480778" spans="14:14">
      <c r="N480778" s="10"/>
    </row>
    <row r="480779" spans="14:14">
      <c r="N480779" s="10"/>
    </row>
    <row r="480780" spans="14:14">
      <c r="N480780" s="10"/>
    </row>
    <row r="480781" spans="14:14">
      <c r="N480781" s="10"/>
    </row>
    <row r="480782" spans="14:14">
      <c r="N480782" s="10"/>
    </row>
    <row r="480783" spans="14:14">
      <c r="N480783" s="10"/>
    </row>
    <row r="480784" spans="14:14">
      <c r="N480784" s="10"/>
    </row>
    <row r="480785" spans="14:14">
      <c r="N480785" s="10"/>
    </row>
    <row r="480786" spans="14:14">
      <c r="N480786" s="10"/>
    </row>
    <row r="480787" spans="14:14">
      <c r="N480787" s="10"/>
    </row>
    <row r="480788" spans="14:14">
      <c r="N480788" s="10"/>
    </row>
    <row r="480789" spans="14:14">
      <c r="N480789" s="10"/>
    </row>
    <row r="480790" spans="14:14">
      <c r="N480790" s="10"/>
    </row>
    <row r="480791" spans="14:14">
      <c r="N480791" s="10"/>
    </row>
    <row r="480792" spans="14:14">
      <c r="N480792" s="10"/>
    </row>
    <row r="480793" spans="14:14">
      <c r="N480793" s="10"/>
    </row>
    <row r="480794" spans="14:14">
      <c r="N480794" s="10"/>
    </row>
    <row r="480795" spans="14:14">
      <c r="N480795" s="10"/>
    </row>
    <row r="480796" spans="14:14">
      <c r="N480796" s="10"/>
    </row>
    <row r="480797" spans="14:14">
      <c r="N480797" s="10"/>
    </row>
    <row r="480798" spans="14:14">
      <c r="N480798" s="10"/>
    </row>
    <row r="480799" spans="14:14">
      <c r="N480799" s="10"/>
    </row>
    <row r="480800" spans="14:14">
      <c r="N480800" s="10"/>
    </row>
    <row r="480801" spans="14:14">
      <c r="N480801" s="10"/>
    </row>
    <row r="480802" spans="14:14">
      <c r="N480802" s="10"/>
    </row>
    <row r="480803" spans="14:14">
      <c r="N480803" s="10"/>
    </row>
    <row r="480804" spans="14:14">
      <c r="N480804" s="10"/>
    </row>
    <row r="480805" spans="14:14">
      <c r="N480805" s="10"/>
    </row>
    <row r="480806" spans="14:14">
      <c r="N480806" s="10"/>
    </row>
    <row r="480807" spans="14:14">
      <c r="N480807" s="10"/>
    </row>
    <row r="480808" spans="14:14">
      <c r="N480808" s="10"/>
    </row>
    <row r="480809" spans="14:14">
      <c r="N480809" s="10"/>
    </row>
    <row r="480810" spans="14:14">
      <c r="N480810" s="10"/>
    </row>
    <row r="480811" spans="14:14">
      <c r="N480811" s="10"/>
    </row>
    <row r="480812" spans="14:14">
      <c r="N480812" s="10"/>
    </row>
    <row r="480813" spans="14:14">
      <c r="N480813" s="10"/>
    </row>
    <row r="480814" spans="14:14">
      <c r="N480814" s="10"/>
    </row>
    <row r="480815" spans="14:14">
      <c r="N480815" s="10"/>
    </row>
    <row r="480816" spans="14:14">
      <c r="N480816" s="10"/>
    </row>
    <row r="480817" spans="14:14">
      <c r="N480817" s="10"/>
    </row>
    <row r="480818" spans="14:14">
      <c r="N480818" s="10"/>
    </row>
    <row r="480819" spans="14:14">
      <c r="N480819" s="10"/>
    </row>
    <row r="480820" spans="14:14">
      <c r="N480820" s="10"/>
    </row>
    <row r="480821" spans="14:14">
      <c r="N480821" s="10"/>
    </row>
    <row r="480822" spans="14:14">
      <c r="N480822" s="10"/>
    </row>
    <row r="480823" spans="14:14">
      <c r="N480823" s="10"/>
    </row>
    <row r="480824" spans="14:14">
      <c r="N480824" s="10"/>
    </row>
    <row r="480825" spans="14:14">
      <c r="N480825" s="10"/>
    </row>
    <row r="480826" spans="14:14">
      <c r="N480826" s="10"/>
    </row>
    <row r="480827" spans="14:14">
      <c r="N480827" s="10"/>
    </row>
    <row r="480828" spans="14:14">
      <c r="N480828" s="10"/>
    </row>
    <row r="480829" spans="14:14">
      <c r="N480829" s="10"/>
    </row>
    <row r="480830" spans="14:14">
      <c r="N480830" s="10"/>
    </row>
    <row r="480831" spans="14:14">
      <c r="N480831" s="10"/>
    </row>
    <row r="480832" spans="14:14">
      <c r="N480832" s="10"/>
    </row>
    <row r="480833" spans="14:14">
      <c r="N480833" s="10"/>
    </row>
    <row r="480834" spans="14:14">
      <c r="N480834" s="10"/>
    </row>
    <row r="480835" spans="14:14">
      <c r="N480835" s="10"/>
    </row>
    <row r="480836" spans="14:14">
      <c r="N480836" s="10"/>
    </row>
    <row r="480837" spans="14:14">
      <c r="N480837" s="10"/>
    </row>
    <row r="480838" spans="14:14">
      <c r="N480838" s="10"/>
    </row>
    <row r="480839" spans="14:14">
      <c r="N480839" s="10"/>
    </row>
    <row r="480840" spans="14:14">
      <c r="N480840" s="10"/>
    </row>
    <row r="480841" spans="14:14">
      <c r="N480841" s="10"/>
    </row>
    <row r="480842" spans="14:14">
      <c r="N480842" s="10"/>
    </row>
    <row r="480843" spans="14:14">
      <c r="N480843" s="10"/>
    </row>
    <row r="480844" spans="14:14">
      <c r="N480844" s="10"/>
    </row>
    <row r="480845" spans="14:14">
      <c r="N480845" s="10"/>
    </row>
    <row r="480846" spans="14:14">
      <c r="N480846" s="10"/>
    </row>
    <row r="480847" spans="14:14">
      <c r="N480847" s="10"/>
    </row>
    <row r="480848" spans="14:14">
      <c r="N480848" s="10"/>
    </row>
    <row r="480849" spans="14:14">
      <c r="N480849" s="10"/>
    </row>
    <row r="480850" spans="14:14">
      <c r="N480850" s="10"/>
    </row>
    <row r="480851" spans="14:14">
      <c r="N480851" s="10"/>
    </row>
    <row r="480852" spans="14:14">
      <c r="N480852" s="10"/>
    </row>
    <row r="480853" spans="14:14">
      <c r="N480853" s="10"/>
    </row>
    <row r="480854" spans="14:14">
      <c r="N480854" s="10"/>
    </row>
    <row r="480855" spans="14:14">
      <c r="N480855" s="10"/>
    </row>
    <row r="480856" spans="14:14">
      <c r="N480856" s="10"/>
    </row>
    <row r="480857" spans="14:14">
      <c r="N480857" s="10"/>
    </row>
    <row r="480858" spans="14:14">
      <c r="N480858" s="10"/>
    </row>
    <row r="480859" spans="14:14">
      <c r="N480859" s="10"/>
    </row>
    <row r="480860" spans="14:14">
      <c r="N480860" s="10"/>
    </row>
    <row r="480861" spans="14:14">
      <c r="N480861" s="10"/>
    </row>
    <row r="480862" spans="14:14">
      <c r="N480862" s="10"/>
    </row>
    <row r="480863" spans="14:14">
      <c r="N480863" s="10"/>
    </row>
    <row r="480864" spans="14:14">
      <c r="N480864" s="10"/>
    </row>
    <row r="480865" spans="14:14">
      <c r="N480865" s="10"/>
    </row>
    <row r="480866" spans="14:14">
      <c r="N480866" s="10"/>
    </row>
    <row r="480867" spans="14:14">
      <c r="N480867" s="10"/>
    </row>
    <row r="480868" spans="14:14">
      <c r="N480868" s="10"/>
    </row>
    <row r="480869" spans="14:14">
      <c r="N480869" s="10"/>
    </row>
    <row r="480870" spans="14:14">
      <c r="N480870" s="10"/>
    </row>
    <row r="480871" spans="14:14">
      <c r="N480871" s="10"/>
    </row>
    <row r="480872" spans="14:14">
      <c r="N480872" s="10"/>
    </row>
    <row r="480873" spans="14:14">
      <c r="N480873" s="10"/>
    </row>
    <row r="480874" spans="14:14">
      <c r="N480874" s="10"/>
    </row>
    <row r="480875" spans="14:14">
      <c r="N480875" s="10"/>
    </row>
    <row r="480876" spans="14:14">
      <c r="N480876" s="10"/>
    </row>
    <row r="480877" spans="14:14">
      <c r="N480877" s="10"/>
    </row>
    <row r="480878" spans="14:14">
      <c r="N480878" s="10"/>
    </row>
    <row r="480879" spans="14:14">
      <c r="N480879" s="10"/>
    </row>
    <row r="480880" spans="14:14">
      <c r="N480880" s="10"/>
    </row>
    <row r="480881" spans="14:14">
      <c r="N480881" s="10"/>
    </row>
    <row r="480882" spans="14:14">
      <c r="N480882" s="10"/>
    </row>
    <row r="480883" spans="14:14">
      <c r="N480883" s="10"/>
    </row>
    <row r="480884" spans="14:14">
      <c r="N480884" s="10"/>
    </row>
    <row r="480885" spans="14:14">
      <c r="N480885" s="10"/>
    </row>
    <row r="480886" spans="14:14">
      <c r="N480886" s="10"/>
    </row>
    <row r="480887" spans="14:14">
      <c r="N480887" s="10"/>
    </row>
    <row r="480888" spans="14:14">
      <c r="N480888" s="10"/>
    </row>
    <row r="480889" spans="14:14">
      <c r="N480889" s="10"/>
    </row>
    <row r="480890" spans="14:14">
      <c r="N480890" s="10"/>
    </row>
    <row r="480891" spans="14:14">
      <c r="N480891" s="10"/>
    </row>
    <row r="480892" spans="14:14">
      <c r="N480892" s="10"/>
    </row>
    <row r="480893" spans="14:14">
      <c r="N480893" s="10"/>
    </row>
    <row r="480894" spans="14:14">
      <c r="N480894" s="10"/>
    </row>
    <row r="480895" spans="14:14">
      <c r="N480895" s="10"/>
    </row>
    <row r="480896" spans="14:14">
      <c r="N480896" s="10"/>
    </row>
    <row r="480897" spans="14:14">
      <c r="N480897" s="10"/>
    </row>
    <row r="480898" spans="14:14">
      <c r="N480898" s="10"/>
    </row>
    <row r="480899" spans="14:14">
      <c r="N480899" s="10"/>
    </row>
    <row r="480900" spans="14:14">
      <c r="N480900" s="10"/>
    </row>
    <row r="480901" spans="14:14">
      <c r="N480901" s="10"/>
    </row>
    <row r="480902" spans="14:14">
      <c r="N480902" s="10"/>
    </row>
    <row r="480903" spans="14:14">
      <c r="N480903" s="10"/>
    </row>
    <row r="480904" spans="14:14">
      <c r="N480904" s="10"/>
    </row>
    <row r="480905" spans="14:14">
      <c r="N480905" s="10"/>
    </row>
    <row r="480906" spans="14:14">
      <c r="N480906" s="10"/>
    </row>
    <row r="480907" spans="14:14">
      <c r="N480907" s="10"/>
    </row>
    <row r="480908" spans="14:14">
      <c r="N480908" s="10"/>
    </row>
    <row r="480909" spans="14:14">
      <c r="N480909" s="10"/>
    </row>
    <row r="480910" spans="14:14">
      <c r="N480910" s="10"/>
    </row>
    <row r="480911" spans="14:14">
      <c r="N480911" s="10"/>
    </row>
    <row r="480912" spans="14:14">
      <c r="N480912" s="10"/>
    </row>
    <row r="480913" spans="14:14">
      <c r="N480913" s="10"/>
    </row>
    <row r="480914" spans="14:14">
      <c r="N480914" s="10"/>
    </row>
    <row r="480915" spans="14:14">
      <c r="N480915" s="10"/>
    </row>
    <row r="480916" spans="14:14">
      <c r="N480916" s="10"/>
    </row>
    <row r="480917" spans="14:14">
      <c r="N480917" s="10"/>
    </row>
    <row r="480918" spans="14:14">
      <c r="N480918" s="10"/>
    </row>
    <row r="480919" spans="14:14">
      <c r="N480919" s="10"/>
    </row>
    <row r="480920" spans="14:14">
      <c r="N480920" s="10"/>
    </row>
    <row r="480921" spans="14:14">
      <c r="N480921" s="10"/>
    </row>
    <row r="480922" spans="14:14">
      <c r="N480922" s="10"/>
    </row>
    <row r="480923" spans="14:14">
      <c r="N480923" s="10"/>
    </row>
    <row r="480924" spans="14:14">
      <c r="N480924" s="10"/>
    </row>
    <row r="480925" spans="14:14">
      <c r="N480925" s="10"/>
    </row>
    <row r="480926" spans="14:14">
      <c r="N480926" s="10"/>
    </row>
    <row r="480927" spans="14:14">
      <c r="N480927" s="10"/>
    </row>
    <row r="480928" spans="14:14">
      <c r="N480928" s="10"/>
    </row>
    <row r="480929" spans="14:14">
      <c r="N480929" s="10"/>
    </row>
    <row r="480930" spans="14:14">
      <c r="N480930" s="10"/>
    </row>
    <row r="480931" spans="14:14">
      <c r="N480931" s="10"/>
    </row>
    <row r="480932" spans="14:14">
      <c r="N480932" s="10"/>
    </row>
    <row r="480933" spans="14:14">
      <c r="N480933" s="10"/>
    </row>
    <row r="480934" spans="14:14">
      <c r="N480934" s="10"/>
    </row>
    <row r="480935" spans="14:14">
      <c r="N480935" s="10"/>
    </row>
    <row r="480936" spans="14:14">
      <c r="N480936" s="10"/>
    </row>
    <row r="480937" spans="14:14">
      <c r="N480937" s="10"/>
    </row>
    <row r="480938" spans="14:14">
      <c r="N480938" s="10"/>
    </row>
    <row r="480939" spans="14:14">
      <c r="N480939" s="10"/>
    </row>
    <row r="480940" spans="14:14">
      <c r="N480940" s="10"/>
    </row>
    <row r="480941" spans="14:14">
      <c r="N480941" s="10"/>
    </row>
    <row r="480942" spans="14:14">
      <c r="N480942" s="10"/>
    </row>
    <row r="480943" spans="14:14">
      <c r="N480943" s="10"/>
    </row>
    <row r="480944" spans="14:14">
      <c r="N480944" s="10"/>
    </row>
    <row r="480945" spans="14:14">
      <c r="N480945" s="10"/>
    </row>
    <row r="480946" spans="14:14">
      <c r="N480946" s="10"/>
    </row>
    <row r="480947" spans="14:14">
      <c r="N480947" s="10"/>
    </row>
    <row r="480948" spans="14:14">
      <c r="N480948" s="10"/>
    </row>
    <row r="480949" spans="14:14">
      <c r="N480949" s="10"/>
    </row>
    <row r="480950" spans="14:14">
      <c r="N480950" s="10"/>
    </row>
    <row r="480951" spans="14:14">
      <c r="N480951" s="10"/>
    </row>
    <row r="480952" spans="14:14">
      <c r="N480952" s="10"/>
    </row>
    <row r="480953" spans="14:14">
      <c r="N480953" s="10"/>
    </row>
    <row r="480954" spans="14:14">
      <c r="N480954" s="10"/>
    </row>
    <row r="480955" spans="14:14">
      <c r="N480955" s="10"/>
    </row>
    <row r="480956" spans="14:14">
      <c r="N480956" s="10"/>
    </row>
    <row r="480957" spans="14:14">
      <c r="N480957" s="10"/>
    </row>
    <row r="480958" spans="14:14">
      <c r="N480958" s="10"/>
    </row>
    <row r="480959" spans="14:14">
      <c r="N480959" s="10"/>
    </row>
    <row r="480960" spans="14:14">
      <c r="N480960" s="10"/>
    </row>
    <row r="480961" spans="14:14">
      <c r="N480961" s="10"/>
    </row>
    <row r="480962" spans="14:14">
      <c r="N480962" s="10"/>
    </row>
    <row r="480963" spans="14:14">
      <c r="N480963" s="10"/>
    </row>
    <row r="480964" spans="14:14">
      <c r="N480964" s="10"/>
    </row>
    <row r="480965" spans="14:14">
      <c r="N480965" s="10"/>
    </row>
    <row r="480966" spans="14:14">
      <c r="N480966" s="10"/>
    </row>
    <row r="480967" spans="14:14">
      <c r="N480967" s="10"/>
    </row>
    <row r="480968" spans="14:14">
      <c r="N480968" s="10"/>
    </row>
    <row r="480969" spans="14:14">
      <c r="N480969" s="10"/>
    </row>
    <row r="480970" spans="14:14">
      <c r="N480970" s="10"/>
    </row>
    <row r="480971" spans="14:14">
      <c r="N480971" s="10"/>
    </row>
    <row r="480972" spans="14:14">
      <c r="N480972" s="10"/>
    </row>
    <row r="480973" spans="14:14">
      <c r="N480973" s="10"/>
    </row>
    <row r="480974" spans="14:14">
      <c r="N480974" s="10"/>
    </row>
    <row r="480975" spans="14:14">
      <c r="N480975" s="10"/>
    </row>
    <row r="480976" spans="14:14">
      <c r="N480976" s="10"/>
    </row>
    <row r="480977" spans="14:14">
      <c r="N480977" s="10"/>
    </row>
    <row r="480978" spans="14:14">
      <c r="N480978" s="10"/>
    </row>
    <row r="480979" spans="14:14">
      <c r="N480979" s="10"/>
    </row>
    <row r="480980" spans="14:14">
      <c r="N480980" s="10"/>
    </row>
    <row r="480981" spans="14:14">
      <c r="N480981" s="10"/>
    </row>
    <row r="480982" spans="14:14">
      <c r="N480982" s="10"/>
    </row>
    <row r="480983" spans="14:14">
      <c r="N480983" s="10"/>
    </row>
    <row r="480984" spans="14:14">
      <c r="N480984" s="10"/>
    </row>
    <row r="480985" spans="14:14">
      <c r="N480985" s="10"/>
    </row>
    <row r="480986" spans="14:14">
      <c r="N480986" s="10"/>
    </row>
    <row r="480987" spans="14:14">
      <c r="N480987" s="10"/>
    </row>
    <row r="480988" spans="14:14">
      <c r="N480988" s="10"/>
    </row>
    <row r="480989" spans="14:14">
      <c r="N480989" s="10"/>
    </row>
    <row r="480990" spans="14:14">
      <c r="N480990" s="10"/>
    </row>
    <row r="480991" spans="14:14">
      <c r="N480991" s="10"/>
    </row>
    <row r="480992" spans="14:14">
      <c r="N480992" s="10"/>
    </row>
    <row r="480993" spans="14:14">
      <c r="N480993" s="10"/>
    </row>
    <row r="480994" spans="14:14">
      <c r="N480994" s="10"/>
    </row>
    <row r="480995" spans="14:14">
      <c r="N480995" s="10"/>
    </row>
    <row r="480996" spans="14:14">
      <c r="N480996" s="10"/>
    </row>
    <row r="480997" spans="14:14">
      <c r="N480997" s="10"/>
    </row>
    <row r="480998" spans="14:14">
      <c r="N480998" s="10"/>
    </row>
    <row r="480999" spans="14:14">
      <c r="N480999" s="10"/>
    </row>
    <row r="481000" spans="14:14">
      <c r="N481000" s="10"/>
    </row>
    <row r="481001" spans="14:14">
      <c r="N481001" s="10"/>
    </row>
    <row r="481002" spans="14:14">
      <c r="N481002" s="10"/>
    </row>
    <row r="481003" spans="14:14">
      <c r="N481003" s="10"/>
    </row>
    <row r="481004" spans="14:14">
      <c r="N481004" s="10"/>
    </row>
    <row r="481005" spans="14:14">
      <c r="N481005" s="10"/>
    </row>
    <row r="481006" spans="14:14">
      <c r="N481006" s="10"/>
    </row>
    <row r="481007" spans="14:14">
      <c r="N481007" s="10"/>
    </row>
    <row r="481008" spans="14:14">
      <c r="N481008" s="10"/>
    </row>
    <row r="481009" spans="14:14">
      <c r="N481009" s="10"/>
    </row>
    <row r="481010" spans="14:14">
      <c r="N481010" s="10"/>
    </row>
    <row r="481011" spans="14:14">
      <c r="N481011" s="10"/>
    </row>
    <row r="481012" spans="14:14">
      <c r="N481012" s="10"/>
    </row>
    <row r="481013" spans="14:14">
      <c r="N481013" s="10"/>
    </row>
    <row r="481014" spans="14:14">
      <c r="N481014" s="10"/>
    </row>
    <row r="481015" spans="14:14">
      <c r="N481015" s="10"/>
    </row>
    <row r="481016" spans="14:14">
      <c r="N481016" s="10"/>
    </row>
    <row r="481017" spans="14:14">
      <c r="N481017" s="10"/>
    </row>
    <row r="481018" spans="14:14">
      <c r="N481018" s="10"/>
    </row>
    <row r="481019" spans="14:14">
      <c r="N481019" s="10"/>
    </row>
    <row r="481020" spans="14:14">
      <c r="N481020" s="10"/>
    </row>
    <row r="481021" spans="14:14">
      <c r="N481021" s="10"/>
    </row>
    <row r="481022" spans="14:14">
      <c r="N481022" s="10"/>
    </row>
    <row r="481023" spans="14:14">
      <c r="N481023" s="10"/>
    </row>
    <row r="481024" spans="14:14">
      <c r="N481024" s="10"/>
    </row>
    <row r="481025" spans="14:14">
      <c r="N481025" s="10"/>
    </row>
    <row r="481026" spans="14:14">
      <c r="N481026" s="10"/>
    </row>
    <row r="481027" spans="14:14">
      <c r="N481027" s="10"/>
    </row>
    <row r="481028" spans="14:14">
      <c r="N481028" s="10"/>
    </row>
    <row r="481029" spans="14:14">
      <c r="N481029" s="10"/>
    </row>
    <row r="481030" spans="14:14">
      <c r="N481030" s="10"/>
    </row>
    <row r="481031" spans="14:14">
      <c r="N481031" s="10"/>
    </row>
    <row r="481032" spans="14:14">
      <c r="N481032" s="10"/>
    </row>
    <row r="481033" spans="14:14">
      <c r="N481033" s="10"/>
    </row>
    <row r="481034" spans="14:14">
      <c r="N481034" s="10"/>
    </row>
    <row r="481035" spans="14:14">
      <c r="N481035" s="10"/>
    </row>
    <row r="481036" spans="14:14">
      <c r="N481036" s="10"/>
    </row>
    <row r="481037" spans="14:14">
      <c r="N481037" s="10"/>
    </row>
    <row r="481038" spans="14:14">
      <c r="N481038" s="10"/>
    </row>
    <row r="481039" spans="14:14">
      <c r="N481039" s="10"/>
    </row>
    <row r="481040" spans="14:14">
      <c r="N481040" s="10"/>
    </row>
    <row r="481041" spans="14:14">
      <c r="N481041" s="10"/>
    </row>
    <row r="481042" spans="14:14">
      <c r="N481042" s="10"/>
    </row>
    <row r="481043" spans="14:14">
      <c r="N481043" s="10"/>
    </row>
    <row r="481044" spans="14:14">
      <c r="N481044" s="10"/>
    </row>
    <row r="481045" spans="14:14">
      <c r="N481045" s="10"/>
    </row>
    <row r="481046" spans="14:14">
      <c r="N481046" s="10"/>
    </row>
    <row r="481047" spans="14:14">
      <c r="N481047" s="10"/>
    </row>
    <row r="481048" spans="14:14">
      <c r="N481048" s="10"/>
    </row>
    <row r="481049" spans="14:14">
      <c r="N481049" s="10"/>
    </row>
    <row r="481050" spans="14:14">
      <c r="N481050" s="10"/>
    </row>
    <row r="481051" spans="14:14">
      <c r="N481051" s="10"/>
    </row>
    <row r="481052" spans="14:14">
      <c r="N481052" s="10"/>
    </row>
    <row r="481053" spans="14:14">
      <c r="N481053" s="10"/>
    </row>
    <row r="481054" spans="14:14">
      <c r="N481054" s="10"/>
    </row>
    <row r="481055" spans="14:14">
      <c r="N481055" s="10"/>
    </row>
    <row r="481056" spans="14:14">
      <c r="N481056" s="10"/>
    </row>
    <row r="481057" spans="14:14">
      <c r="N481057" s="10"/>
    </row>
    <row r="481058" spans="14:14">
      <c r="N481058" s="10"/>
    </row>
    <row r="481059" spans="14:14">
      <c r="N481059" s="10"/>
    </row>
    <row r="481060" spans="14:14">
      <c r="N481060" s="10"/>
    </row>
    <row r="481061" spans="14:14">
      <c r="N481061" s="10"/>
    </row>
    <row r="481062" spans="14:14">
      <c r="N481062" s="10"/>
    </row>
    <row r="481063" spans="14:14">
      <c r="N481063" s="10"/>
    </row>
    <row r="481064" spans="14:14">
      <c r="N481064" s="10"/>
    </row>
    <row r="481065" spans="14:14">
      <c r="N481065" s="10"/>
    </row>
    <row r="481066" spans="14:14">
      <c r="N481066" s="10"/>
    </row>
    <row r="481067" spans="14:14">
      <c r="N481067" s="10"/>
    </row>
    <row r="481068" spans="14:14">
      <c r="N481068" s="10"/>
    </row>
    <row r="481069" spans="14:14">
      <c r="N481069" s="10"/>
    </row>
    <row r="481070" spans="14:14">
      <c r="N481070" s="10"/>
    </row>
    <row r="481071" spans="14:14">
      <c r="N481071" s="10"/>
    </row>
    <row r="481072" spans="14:14">
      <c r="N481072" s="10"/>
    </row>
    <row r="481073" spans="14:14">
      <c r="N481073" s="10"/>
    </row>
    <row r="481074" spans="14:14">
      <c r="N481074" s="10"/>
    </row>
    <row r="481075" spans="14:14">
      <c r="N481075" s="10"/>
    </row>
    <row r="481076" spans="14:14">
      <c r="N481076" s="10"/>
    </row>
    <row r="481077" spans="14:14">
      <c r="N481077" s="10"/>
    </row>
    <row r="481078" spans="14:14">
      <c r="N481078" s="10"/>
    </row>
    <row r="481079" spans="14:14">
      <c r="N481079" s="10"/>
    </row>
    <row r="481080" spans="14:14">
      <c r="N481080" s="10"/>
    </row>
    <row r="481081" spans="14:14">
      <c r="N481081" s="10"/>
    </row>
    <row r="481082" spans="14:14">
      <c r="N481082" s="10"/>
    </row>
    <row r="481083" spans="14:14">
      <c r="N481083" s="10"/>
    </row>
    <row r="481084" spans="14:14">
      <c r="N481084" s="10"/>
    </row>
    <row r="481085" spans="14:14">
      <c r="N481085" s="10"/>
    </row>
    <row r="481086" spans="14:14">
      <c r="N481086" s="10"/>
    </row>
    <row r="481087" spans="14:14">
      <c r="N481087" s="10"/>
    </row>
    <row r="481088" spans="14:14">
      <c r="N481088" s="10"/>
    </row>
    <row r="481089" spans="14:14">
      <c r="N481089" s="10"/>
    </row>
    <row r="481090" spans="14:14">
      <c r="N481090" s="10"/>
    </row>
    <row r="481091" spans="14:14">
      <c r="N481091" s="10"/>
    </row>
    <row r="481092" spans="14:14">
      <c r="N481092" s="10"/>
    </row>
    <row r="481093" spans="14:14">
      <c r="N481093" s="10"/>
    </row>
    <row r="481094" spans="14:14">
      <c r="N481094" s="10"/>
    </row>
    <row r="481095" spans="14:14">
      <c r="N481095" s="10"/>
    </row>
    <row r="481096" spans="14:14">
      <c r="N481096" s="10"/>
    </row>
    <row r="481097" spans="14:14">
      <c r="N481097" s="10"/>
    </row>
    <row r="481098" spans="14:14">
      <c r="N481098" s="10"/>
    </row>
    <row r="481099" spans="14:14">
      <c r="N481099" s="10"/>
    </row>
    <row r="481100" spans="14:14">
      <c r="N481100" s="10"/>
    </row>
    <row r="481101" spans="14:14">
      <c r="N481101" s="10"/>
    </row>
    <row r="481102" spans="14:14">
      <c r="N481102" s="10"/>
    </row>
    <row r="481103" spans="14:14">
      <c r="N481103" s="10"/>
    </row>
    <row r="481104" spans="14:14">
      <c r="N481104" s="10"/>
    </row>
    <row r="481105" spans="14:14">
      <c r="N481105" s="10"/>
    </row>
    <row r="481106" spans="14:14">
      <c r="N481106" s="10"/>
    </row>
    <row r="481107" spans="14:14">
      <c r="N481107" s="10"/>
    </row>
    <row r="481108" spans="14:14">
      <c r="N481108" s="10"/>
    </row>
    <row r="481109" spans="14:14">
      <c r="N481109" s="10"/>
    </row>
    <row r="481110" spans="14:14">
      <c r="N481110" s="10"/>
    </row>
    <row r="481111" spans="14:14">
      <c r="N481111" s="10"/>
    </row>
    <row r="481112" spans="14:14">
      <c r="N481112" s="10"/>
    </row>
    <row r="481113" spans="14:14">
      <c r="N481113" s="10"/>
    </row>
    <row r="481114" spans="14:14">
      <c r="N481114" s="10"/>
    </row>
    <row r="481115" spans="14:14">
      <c r="N481115" s="10"/>
    </row>
    <row r="481116" spans="14:14">
      <c r="N481116" s="10"/>
    </row>
    <row r="481117" spans="14:14">
      <c r="N481117" s="10"/>
    </row>
    <row r="481118" spans="14:14">
      <c r="N481118" s="10"/>
    </row>
    <row r="481119" spans="14:14">
      <c r="N481119" s="10"/>
    </row>
    <row r="481120" spans="14:14">
      <c r="N481120" s="10"/>
    </row>
    <row r="481121" spans="14:14">
      <c r="N481121" s="10"/>
    </row>
    <row r="481122" spans="14:14">
      <c r="N481122" s="10"/>
    </row>
    <row r="481123" spans="14:14">
      <c r="N481123" s="10"/>
    </row>
    <row r="481124" spans="14:14">
      <c r="N481124" s="10"/>
    </row>
    <row r="481125" spans="14:14">
      <c r="N481125" s="10"/>
    </row>
    <row r="481126" spans="14:14">
      <c r="N481126" s="10"/>
    </row>
    <row r="481127" spans="14:14">
      <c r="N481127" s="10"/>
    </row>
    <row r="481128" spans="14:14">
      <c r="N481128" s="10"/>
    </row>
    <row r="481129" spans="14:14">
      <c r="N481129" s="10"/>
    </row>
    <row r="481130" spans="14:14">
      <c r="N481130" s="10"/>
    </row>
    <row r="481131" spans="14:14">
      <c r="N481131" s="10"/>
    </row>
    <row r="481132" spans="14:14">
      <c r="N481132" s="10"/>
    </row>
    <row r="481133" spans="14:14">
      <c r="N481133" s="10"/>
    </row>
    <row r="481134" spans="14:14">
      <c r="N481134" s="10"/>
    </row>
    <row r="481135" spans="14:14">
      <c r="N481135" s="10"/>
    </row>
    <row r="481136" spans="14:14">
      <c r="N481136" s="10"/>
    </row>
    <row r="481137" spans="14:14">
      <c r="N481137" s="10"/>
    </row>
    <row r="481138" spans="14:14">
      <c r="N481138" s="10"/>
    </row>
    <row r="481139" spans="14:14">
      <c r="N481139" s="10"/>
    </row>
    <row r="481140" spans="14:14">
      <c r="N481140" s="10"/>
    </row>
    <row r="481141" spans="14:14">
      <c r="N481141" s="10"/>
    </row>
    <row r="481142" spans="14:14">
      <c r="N481142" s="10"/>
    </row>
    <row r="481143" spans="14:14">
      <c r="N481143" s="10"/>
    </row>
    <row r="481144" spans="14:14">
      <c r="N481144" s="10"/>
    </row>
    <row r="481145" spans="14:14">
      <c r="N481145" s="10"/>
    </row>
    <row r="481146" spans="14:14">
      <c r="N481146" s="10"/>
    </row>
    <row r="481147" spans="14:14">
      <c r="N481147" s="10"/>
    </row>
    <row r="481148" spans="14:14">
      <c r="N481148" s="10"/>
    </row>
    <row r="481149" spans="14:14">
      <c r="N481149" s="10"/>
    </row>
    <row r="481150" spans="14:14">
      <c r="N481150" s="10"/>
    </row>
    <row r="481151" spans="14:14">
      <c r="N481151" s="10"/>
    </row>
    <row r="481152" spans="14:14">
      <c r="N481152" s="10"/>
    </row>
    <row r="481153" spans="14:14">
      <c r="N481153" s="10"/>
    </row>
    <row r="481154" spans="14:14">
      <c r="N481154" s="10"/>
    </row>
    <row r="481155" spans="14:14">
      <c r="N481155" s="10"/>
    </row>
    <row r="481156" spans="14:14">
      <c r="N481156" s="10"/>
    </row>
    <row r="481157" spans="14:14">
      <c r="N481157" s="10"/>
    </row>
    <row r="481158" spans="14:14">
      <c r="N481158" s="10"/>
    </row>
    <row r="481159" spans="14:14">
      <c r="N481159" s="10"/>
    </row>
    <row r="481160" spans="14:14">
      <c r="N481160" s="10"/>
    </row>
    <row r="481161" spans="14:14">
      <c r="N481161" s="10"/>
    </row>
    <row r="481162" spans="14:14">
      <c r="N481162" s="10"/>
    </row>
    <row r="481163" spans="14:14">
      <c r="N481163" s="10"/>
    </row>
    <row r="481164" spans="14:14">
      <c r="N481164" s="10"/>
    </row>
    <row r="481165" spans="14:14">
      <c r="N481165" s="10"/>
    </row>
    <row r="481166" spans="14:14">
      <c r="N481166" s="10"/>
    </row>
    <row r="481167" spans="14:14">
      <c r="N481167" s="10"/>
    </row>
    <row r="481168" spans="14:14">
      <c r="N481168" s="10"/>
    </row>
    <row r="481169" spans="14:14">
      <c r="N481169" s="10"/>
    </row>
    <row r="481170" spans="14:14">
      <c r="N481170" s="10"/>
    </row>
    <row r="481171" spans="14:14">
      <c r="N481171" s="10"/>
    </row>
    <row r="481172" spans="14:14">
      <c r="N481172" s="10"/>
    </row>
    <row r="481173" spans="14:14">
      <c r="N481173" s="10"/>
    </row>
    <row r="481174" spans="14:14">
      <c r="N481174" s="10"/>
    </row>
    <row r="481175" spans="14:14">
      <c r="N481175" s="10"/>
    </row>
    <row r="481176" spans="14:14">
      <c r="N481176" s="10"/>
    </row>
    <row r="481177" spans="14:14">
      <c r="N481177" s="10"/>
    </row>
    <row r="481178" spans="14:14">
      <c r="N481178" s="10"/>
    </row>
    <row r="481179" spans="14:14">
      <c r="N481179" s="10"/>
    </row>
    <row r="481180" spans="14:14">
      <c r="N481180" s="10"/>
    </row>
    <row r="481181" spans="14:14">
      <c r="N481181" s="10"/>
    </row>
    <row r="481182" spans="14:14">
      <c r="N481182" s="10"/>
    </row>
    <row r="481183" spans="14:14">
      <c r="N481183" s="10"/>
    </row>
    <row r="481184" spans="14:14">
      <c r="N481184" s="10"/>
    </row>
    <row r="481185" spans="14:14">
      <c r="N481185" s="10"/>
    </row>
    <row r="481186" spans="14:14">
      <c r="N481186" s="10"/>
    </row>
    <row r="481187" spans="14:14">
      <c r="N481187" s="10"/>
    </row>
    <row r="481188" spans="14:14">
      <c r="N481188" s="10"/>
    </row>
    <row r="481189" spans="14:14">
      <c r="N481189" s="10"/>
    </row>
    <row r="481190" spans="14:14">
      <c r="N481190" s="10"/>
    </row>
    <row r="481191" spans="14:14">
      <c r="N481191" s="10"/>
    </row>
    <row r="481192" spans="14:14">
      <c r="N481192" s="10"/>
    </row>
    <row r="481193" spans="14:14">
      <c r="N481193" s="10"/>
    </row>
    <row r="481194" spans="14:14">
      <c r="N481194" s="10"/>
    </row>
    <row r="481195" spans="14:14">
      <c r="N481195" s="10"/>
    </row>
    <row r="481196" spans="14:14">
      <c r="N481196" s="10"/>
    </row>
    <row r="481197" spans="14:14">
      <c r="N481197" s="10"/>
    </row>
    <row r="481198" spans="14:14">
      <c r="N481198" s="10"/>
    </row>
    <row r="481199" spans="14:14">
      <c r="N481199" s="10"/>
    </row>
    <row r="481200" spans="14:14">
      <c r="N481200" s="10"/>
    </row>
    <row r="481201" spans="14:14">
      <c r="N481201" s="10"/>
    </row>
    <row r="481202" spans="14:14">
      <c r="N481202" s="10"/>
    </row>
    <row r="481203" spans="14:14">
      <c r="N481203" s="10"/>
    </row>
    <row r="481204" spans="14:14">
      <c r="N481204" s="10"/>
    </row>
    <row r="481205" spans="14:14">
      <c r="N481205" s="10"/>
    </row>
    <row r="481206" spans="14:14">
      <c r="N481206" s="10"/>
    </row>
    <row r="481207" spans="14:14">
      <c r="N481207" s="10"/>
    </row>
    <row r="481208" spans="14:14">
      <c r="N481208" s="10"/>
    </row>
    <row r="481209" spans="14:14">
      <c r="N481209" s="10"/>
    </row>
    <row r="481210" spans="14:14">
      <c r="N481210" s="10"/>
    </row>
    <row r="481211" spans="14:14">
      <c r="N481211" s="10"/>
    </row>
    <row r="481212" spans="14:14">
      <c r="N481212" s="10"/>
    </row>
    <row r="481213" spans="14:14">
      <c r="N481213" s="10"/>
    </row>
    <row r="481214" spans="14:14">
      <c r="N481214" s="10"/>
    </row>
    <row r="481215" spans="14:14">
      <c r="N481215" s="10"/>
    </row>
    <row r="481216" spans="14:14">
      <c r="N481216" s="10"/>
    </row>
    <row r="481217" spans="14:14">
      <c r="N481217" s="10"/>
    </row>
    <row r="481218" spans="14:14">
      <c r="N481218" s="10"/>
    </row>
    <row r="481219" spans="14:14">
      <c r="N481219" s="10"/>
    </row>
    <row r="481220" spans="14:14">
      <c r="N481220" s="10"/>
    </row>
    <row r="481221" spans="14:14">
      <c r="N481221" s="10"/>
    </row>
    <row r="481222" spans="14:14">
      <c r="N481222" s="10"/>
    </row>
    <row r="481223" spans="14:14">
      <c r="N481223" s="10"/>
    </row>
    <row r="481224" spans="14:14">
      <c r="N481224" s="10"/>
    </row>
    <row r="481225" spans="14:14">
      <c r="N481225" s="10"/>
    </row>
    <row r="481226" spans="14:14">
      <c r="N481226" s="10"/>
    </row>
    <row r="481227" spans="14:14">
      <c r="N481227" s="10"/>
    </row>
    <row r="481228" spans="14:14">
      <c r="N481228" s="10"/>
    </row>
    <row r="481229" spans="14:14">
      <c r="N481229" s="10"/>
    </row>
    <row r="481230" spans="14:14">
      <c r="N481230" s="10"/>
    </row>
    <row r="481231" spans="14:14">
      <c r="N481231" s="10"/>
    </row>
    <row r="481232" spans="14:14">
      <c r="N481232" s="10"/>
    </row>
    <row r="481233" spans="14:14">
      <c r="N481233" s="10"/>
    </row>
    <row r="481234" spans="14:14">
      <c r="N481234" s="10"/>
    </row>
    <row r="481235" spans="14:14">
      <c r="N481235" s="10"/>
    </row>
    <row r="481236" spans="14:14">
      <c r="N481236" s="10"/>
    </row>
    <row r="481237" spans="14:14">
      <c r="N481237" s="10"/>
    </row>
    <row r="481238" spans="14:14">
      <c r="N481238" s="10"/>
    </row>
    <row r="481239" spans="14:14">
      <c r="N481239" s="10"/>
    </row>
    <row r="481240" spans="14:14">
      <c r="N481240" s="10"/>
    </row>
    <row r="481241" spans="14:14">
      <c r="N481241" s="10"/>
    </row>
    <row r="481242" spans="14:14">
      <c r="N481242" s="10"/>
    </row>
    <row r="481243" spans="14:14">
      <c r="N481243" s="10"/>
    </row>
    <row r="481244" spans="14:14">
      <c r="N481244" s="10"/>
    </row>
    <row r="481245" spans="14:14">
      <c r="N481245" s="10"/>
    </row>
    <row r="481246" spans="14:14">
      <c r="N481246" s="10"/>
    </row>
    <row r="481247" spans="14:14">
      <c r="N481247" s="10"/>
    </row>
    <row r="481248" spans="14:14">
      <c r="N481248" s="10"/>
    </row>
    <row r="481249" spans="14:14">
      <c r="N481249" s="10"/>
    </row>
    <row r="481250" spans="14:14">
      <c r="N481250" s="10"/>
    </row>
    <row r="481251" spans="14:14">
      <c r="N481251" s="10"/>
    </row>
    <row r="481252" spans="14:14">
      <c r="N481252" s="10"/>
    </row>
    <row r="481253" spans="14:14">
      <c r="N481253" s="10"/>
    </row>
    <row r="481254" spans="14:14">
      <c r="N481254" s="10"/>
    </row>
    <row r="481255" spans="14:14">
      <c r="N481255" s="10"/>
    </row>
    <row r="481256" spans="14:14">
      <c r="N481256" s="10"/>
    </row>
    <row r="481257" spans="14:14">
      <c r="N481257" s="10"/>
    </row>
    <row r="481258" spans="14:14">
      <c r="N481258" s="10"/>
    </row>
    <row r="481259" spans="14:14">
      <c r="N481259" s="10"/>
    </row>
    <row r="481260" spans="14:14">
      <c r="N481260" s="10"/>
    </row>
    <row r="481261" spans="14:14">
      <c r="N481261" s="10"/>
    </row>
    <row r="481262" spans="14:14">
      <c r="N481262" s="10"/>
    </row>
    <row r="481263" spans="14:14">
      <c r="N481263" s="10"/>
    </row>
    <row r="481264" spans="14:14">
      <c r="N481264" s="10"/>
    </row>
    <row r="481265" spans="14:14">
      <c r="N481265" s="10"/>
    </row>
    <row r="481266" spans="14:14">
      <c r="N481266" s="10"/>
    </row>
    <row r="481267" spans="14:14">
      <c r="N481267" s="10"/>
    </row>
    <row r="481268" spans="14:14">
      <c r="N481268" s="10"/>
    </row>
    <row r="481269" spans="14:14">
      <c r="N481269" s="10"/>
    </row>
    <row r="481270" spans="14:14">
      <c r="N481270" s="10"/>
    </row>
    <row r="481271" spans="14:14">
      <c r="N481271" s="10"/>
    </row>
    <row r="481272" spans="14:14">
      <c r="N481272" s="10"/>
    </row>
    <row r="481273" spans="14:14">
      <c r="N481273" s="10"/>
    </row>
    <row r="481274" spans="14:14">
      <c r="N481274" s="10"/>
    </row>
    <row r="481275" spans="14:14">
      <c r="N481275" s="10"/>
    </row>
    <row r="481276" spans="14:14">
      <c r="N481276" s="10"/>
    </row>
    <row r="481277" spans="14:14">
      <c r="N481277" s="10"/>
    </row>
    <row r="481278" spans="14:14">
      <c r="N481278" s="10"/>
    </row>
    <row r="481279" spans="14:14">
      <c r="N481279" s="10"/>
    </row>
    <row r="481280" spans="14:14">
      <c r="N481280" s="10"/>
    </row>
    <row r="481281" spans="14:14">
      <c r="N481281" s="10"/>
    </row>
    <row r="481282" spans="14:14">
      <c r="N481282" s="10"/>
    </row>
    <row r="481283" spans="14:14">
      <c r="N481283" s="10"/>
    </row>
    <row r="481284" spans="14:14">
      <c r="N481284" s="10"/>
    </row>
    <row r="481285" spans="14:14">
      <c r="N481285" s="10"/>
    </row>
    <row r="481286" spans="14:14">
      <c r="N481286" s="10"/>
    </row>
    <row r="481287" spans="14:14">
      <c r="N481287" s="10"/>
    </row>
    <row r="481288" spans="14:14">
      <c r="N481288" s="10"/>
    </row>
    <row r="481289" spans="14:14">
      <c r="N481289" s="10"/>
    </row>
    <row r="481290" spans="14:14">
      <c r="N481290" s="10"/>
    </row>
    <row r="481291" spans="14:14">
      <c r="N481291" s="10"/>
    </row>
    <row r="481292" spans="14:14">
      <c r="N481292" s="10"/>
    </row>
    <row r="481293" spans="14:14">
      <c r="N481293" s="10"/>
    </row>
    <row r="481294" spans="14:14">
      <c r="N481294" s="10"/>
    </row>
    <row r="481295" spans="14:14">
      <c r="N481295" s="10"/>
    </row>
    <row r="481296" spans="14:14">
      <c r="N481296" s="10"/>
    </row>
    <row r="481297" spans="14:14">
      <c r="N481297" s="10"/>
    </row>
    <row r="481298" spans="14:14">
      <c r="N481298" s="10"/>
    </row>
    <row r="481299" spans="14:14">
      <c r="N481299" s="10"/>
    </row>
    <row r="481300" spans="14:14">
      <c r="N481300" s="10"/>
    </row>
    <row r="481301" spans="14:14">
      <c r="N481301" s="10"/>
    </row>
    <row r="481302" spans="14:14">
      <c r="N481302" s="10"/>
    </row>
    <row r="481303" spans="14:14">
      <c r="N481303" s="10"/>
    </row>
    <row r="481304" spans="14:14">
      <c r="N481304" s="10"/>
    </row>
    <row r="481305" spans="14:14">
      <c r="N481305" s="10"/>
    </row>
    <row r="481306" spans="14:14">
      <c r="N481306" s="10"/>
    </row>
    <row r="481307" spans="14:14">
      <c r="N481307" s="10"/>
    </row>
    <row r="481308" spans="14:14">
      <c r="N481308" s="10"/>
    </row>
    <row r="481309" spans="14:14">
      <c r="N481309" s="10"/>
    </row>
    <row r="481310" spans="14:14">
      <c r="N481310" s="10"/>
    </row>
    <row r="481311" spans="14:14">
      <c r="N481311" s="10"/>
    </row>
    <row r="481312" spans="14:14">
      <c r="N481312" s="10"/>
    </row>
    <row r="481313" spans="14:14">
      <c r="N481313" s="10"/>
    </row>
    <row r="481314" spans="14:14">
      <c r="N481314" s="10"/>
    </row>
    <row r="481315" spans="14:14">
      <c r="N481315" s="10"/>
    </row>
    <row r="481316" spans="14:14">
      <c r="N481316" s="10"/>
    </row>
    <row r="481317" spans="14:14">
      <c r="N481317" s="10"/>
    </row>
    <row r="481318" spans="14:14">
      <c r="N481318" s="10"/>
    </row>
    <row r="481319" spans="14:14">
      <c r="N481319" s="10"/>
    </row>
    <row r="481320" spans="14:14">
      <c r="N481320" s="10"/>
    </row>
    <row r="481321" spans="14:14">
      <c r="N481321" s="10"/>
    </row>
    <row r="481322" spans="14:14">
      <c r="N481322" s="10"/>
    </row>
    <row r="481323" spans="14:14">
      <c r="N481323" s="10"/>
    </row>
    <row r="481324" spans="14:14">
      <c r="N481324" s="10"/>
    </row>
    <row r="481325" spans="14:14">
      <c r="N481325" s="10"/>
    </row>
    <row r="481326" spans="14:14">
      <c r="N481326" s="10"/>
    </row>
    <row r="481327" spans="14:14">
      <c r="N481327" s="10"/>
    </row>
    <row r="481328" spans="14:14">
      <c r="N481328" s="10"/>
    </row>
    <row r="481329" spans="14:14">
      <c r="N481329" s="10"/>
    </row>
    <row r="481330" spans="14:14">
      <c r="N481330" s="10"/>
    </row>
    <row r="481331" spans="14:14">
      <c r="N481331" s="10"/>
    </row>
    <row r="481332" spans="14:14">
      <c r="N481332" s="10"/>
    </row>
    <row r="481333" spans="14:14">
      <c r="N481333" s="10"/>
    </row>
    <row r="481334" spans="14:14">
      <c r="N481334" s="10"/>
    </row>
    <row r="481335" spans="14:14">
      <c r="N481335" s="10"/>
    </row>
    <row r="481336" spans="14:14">
      <c r="N481336" s="10"/>
    </row>
    <row r="481337" spans="14:14">
      <c r="N481337" s="10"/>
    </row>
    <row r="481338" spans="14:14">
      <c r="N481338" s="10"/>
    </row>
    <row r="481339" spans="14:14">
      <c r="N481339" s="10"/>
    </row>
    <row r="481340" spans="14:14">
      <c r="N481340" s="10"/>
    </row>
    <row r="481341" spans="14:14">
      <c r="N481341" s="10"/>
    </row>
    <row r="481342" spans="14:14">
      <c r="N481342" s="10"/>
    </row>
    <row r="481343" spans="14:14">
      <c r="N481343" s="10"/>
    </row>
    <row r="481344" spans="14:14">
      <c r="N481344" s="10"/>
    </row>
    <row r="481345" spans="14:14">
      <c r="N481345" s="10"/>
    </row>
    <row r="481346" spans="14:14">
      <c r="N481346" s="10"/>
    </row>
    <row r="481347" spans="14:14">
      <c r="N481347" s="10"/>
    </row>
    <row r="481348" spans="14:14">
      <c r="N481348" s="10"/>
    </row>
    <row r="481349" spans="14:14">
      <c r="N481349" s="10"/>
    </row>
    <row r="481350" spans="14:14">
      <c r="N481350" s="10"/>
    </row>
    <row r="481351" spans="14:14">
      <c r="N481351" s="10"/>
    </row>
    <row r="481352" spans="14:14">
      <c r="N481352" s="10"/>
    </row>
    <row r="481353" spans="14:14">
      <c r="N481353" s="10"/>
    </row>
    <row r="481354" spans="14:14">
      <c r="N481354" s="10"/>
    </row>
    <row r="481355" spans="14:14">
      <c r="N481355" s="10"/>
    </row>
    <row r="481356" spans="14:14">
      <c r="N481356" s="10"/>
    </row>
    <row r="481357" spans="14:14">
      <c r="N481357" s="10"/>
    </row>
    <row r="481358" spans="14:14">
      <c r="N481358" s="10"/>
    </row>
    <row r="481359" spans="14:14">
      <c r="N481359" s="10"/>
    </row>
    <row r="481360" spans="14:14">
      <c r="N481360" s="10"/>
    </row>
    <row r="481361" spans="14:14">
      <c r="N481361" s="10"/>
    </row>
    <row r="481362" spans="14:14">
      <c r="N481362" s="10"/>
    </row>
    <row r="481363" spans="14:14">
      <c r="N481363" s="10"/>
    </row>
    <row r="481364" spans="14:14">
      <c r="N481364" s="10"/>
    </row>
    <row r="481365" spans="14:14">
      <c r="N481365" s="10"/>
    </row>
    <row r="481366" spans="14:14">
      <c r="N481366" s="10"/>
    </row>
    <row r="481367" spans="14:14">
      <c r="N481367" s="10"/>
    </row>
    <row r="481368" spans="14:14">
      <c r="N481368" s="10"/>
    </row>
    <row r="481369" spans="14:14">
      <c r="N481369" s="10"/>
    </row>
    <row r="481370" spans="14:14">
      <c r="N481370" s="10"/>
    </row>
    <row r="481371" spans="14:14">
      <c r="N481371" s="10"/>
    </row>
    <row r="481372" spans="14:14">
      <c r="N481372" s="10"/>
    </row>
    <row r="481373" spans="14:14">
      <c r="N481373" s="10"/>
    </row>
    <row r="481374" spans="14:14">
      <c r="N481374" s="10"/>
    </row>
    <row r="481375" spans="14:14">
      <c r="N481375" s="10"/>
    </row>
    <row r="481376" spans="14:14">
      <c r="N481376" s="10"/>
    </row>
    <row r="481377" spans="14:14">
      <c r="N481377" s="10"/>
    </row>
    <row r="481378" spans="14:14">
      <c r="N481378" s="10"/>
    </row>
    <row r="481379" spans="14:14">
      <c r="N481379" s="10"/>
    </row>
    <row r="481380" spans="14:14">
      <c r="N481380" s="10"/>
    </row>
    <row r="481381" spans="14:14">
      <c r="N481381" s="10"/>
    </row>
    <row r="481382" spans="14:14">
      <c r="N481382" s="10"/>
    </row>
    <row r="481383" spans="14:14">
      <c r="N481383" s="10"/>
    </row>
    <row r="481384" spans="14:14">
      <c r="N481384" s="10"/>
    </row>
    <row r="481385" spans="14:14">
      <c r="N481385" s="10"/>
    </row>
    <row r="481386" spans="14:14">
      <c r="N481386" s="10"/>
    </row>
    <row r="481387" spans="14:14">
      <c r="N481387" s="10"/>
    </row>
    <row r="481388" spans="14:14">
      <c r="N481388" s="10"/>
    </row>
    <row r="481389" spans="14:14">
      <c r="N481389" s="10"/>
    </row>
    <row r="481390" spans="14:14">
      <c r="N481390" s="10"/>
    </row>
    <row r="481391" spans="14:14">
      <c r="N481391" s="10"/>
    </row>
    <row r="481392" spans="14:14">
      <c r="N481392" s="10"/>
    </row>
    <row r="481393" spans="14:14">
      <c r="N481393" s="10"/>
    </row>
    <row r="481394" spans="14:14">
      <c r="N481394" s="10"/>
    </row>
    <row r="481395" spans="14:14">
      <c r="N481395" s="10"/>
    </row>
    <row r="481396" spans="14:14">
      <c r="N481396" s="10"/>
    </row>
    <row r="481397" spans="14:14">
      <c r="N481397" s="10"/>
    </row>
    <row r="481398" spans="14:14">
      <c r="N481398" s="10"/>
    </row>
    <row r="481399" spans="14:14">
      <c r="N481399" s="10"/>
    </row>
    <row r="481400" spans="14:14">
      <c r="N481400" s="10"/>
    </row>
    <row r="481401" spans="14:14">
      <c r="N481401" s="10"/>
    </row>
    <row r="481402" spans="14:14">
      <c r="N481402" s="10"/>
    </row>
    <row r="481403" spans="14:14">
      <c r="N481403" s="10"/>
    </row>
    <row r="481404" spans="14:14">
      <c r="N481404" s="10"/>
    </row>
    <row r="481405" spans="14:14">
      <c r="N481405" s="10"/>
    </row>
    <row r="481406" spans="14:14">
      <c r="N481406" s="10"/>
    </row>
    <row r="481407" spans="14:14">
      <c r="N481407" s="10"/>
    </row>
    <row r="481408" spans="14:14">
      <c r="N481408" s="10"/>
    </row>
    <row r="481409" spans="14:14">
      <c r="N481409" s="10"/>
    </row>
    <row r="481410" spans="14:14">
      <c r="N481410" s="10"/>
    </row>
    <row r="481411" spans="14:14">
      <c r="N481411" s="10"/>
    </row>
    <row r="481412" spans="14:14">
      <c r="N481412" s="10"/>
    </row>
    <row r="481413" spans="14:14">
      <c r="N481413" s="10"/>
    </row>
    <row r="481414" spans="14:14">
      <c r="N481414" s="10"/>
    </row>
    <row r="481415" spans="14:14">
      <c r="N481415" s="10"/>
    </row>
    <row r="481416" spans="14:14">
      <c r="N481416" s="10"/>
    </row>
    <row r="481417" spans="14:14">
      <c r="N481417" s="10"/>
    </row>
    <row r="481418" spans="14:14">
      <c r="N481418" s="10"/>
    </row>
    <row r="481419" spans="14:14">
      <c r="N481419" s="10"/>
    </row>
    <row r="481420" spans="14:14">
      <c r="N481420" s="10"/>
    </row>
    <row r="481421" spans="14:14">
      <c r="N481421" s="10"/>
    </row>
    <row r="481422" spans="14:14">
      <c r="N481422" s="10"/>
    </row>
    <row r="481423" spans="14:14">
      <c r="N481423" s="10"/>
    </row>
    <row r="481424" spans="14:14">
      <c r="N481424" s="10"/>
    </row>
    <row r="481425" spans="14:14">
      <c r="N481425" s="10"/>
    </row>
    <row r="481426" spans="14:14">
      <c r="N481426" s="10"/>
    </row>
    <row r="481427" spans="14:14">
      <c r="N481427" s="10"/>
    </row>
    <row r="481428" spans="14:14">
      <c r="N481428" s="10"/>
    </row>
    <row r="481429" spans="14:14">
      <c r="N481429" s="10"/>
    </row>
    <row r="481430" spans="14:14">
      <c r="N481430" s="10"/>
    </row>
    <row r="481431" spans="14:14">
      <c r="N481431" s="10"/>
    </row>
    <row r="481432" spans="14:14">
      <c r="N481432" s="10"/>
    </row>
    <row r="481433" spans="14:14">
      <c r="N481433" s="10"/>
    </row>
    <row r="481434" spans="14:14">
      <c r="N481434" s="10"/>
    </row>
    <row r="481435" spans="14:14">
      <c r="N481435" s="10"/>
    </row>
    <row r="481436" spans="14:14">
      <c r="N481436" s="10"/>
    </row>
    <row r="481437" spans="14:14">
      <c r="N481437" s="10"/>
    </row>
    <row r="481438" spans="14:14">
      <c r="N481438" s="10"/>
    </row>
    <row r="481439" spans="14:14">
      <c r="N481439" s="10"/>
    </row>
    <row r="481440" spans="14:14">
      <c r="N481440" s="10"/>
    </row>
    <row r="481441" spans="14:14">
      <c r="N481441" s="10"/>
    </row>
    <row r="481442" spans="14:14">
      <c r="N481442" s="10"/>
    </row>
    <row r="481443" spans="14:14">
      <c r="N481443" s="10"/>
    </row>
    <row r="481444" spans="14:14">
      <c r="N481444" s="10"/>
    </row>
    <row r="481445" spans="14:14">
      <c r="N481445" s="10"/>
    </row>
    <row r="481446" spans="14:14">
      <c r="N481446" s="10"/>
    </row>
    <row r="481447" spans="14:14">
      <c r="N481447" s="10"/>
    </row>
    <row r="481448" spans="14:14">
      <c r="N481448" s="10"/>
    </row>
    <row r="481449" spans="14:14">
      <c r="N481449" s="10"/>
    </row>
    <row r="481450" spans="14:14">
      <c r="N481450" s="10"/>
    </row>
    <row r="481451" spans="14:14">
      <c r="N481451" s="10"/>
    </row>
    <row r="481452" spans="14:14">
      <c r="N481452" s="10"/>
    </row>
    <row r="481453" spans="14:14">
      <c r="N481453" s="10"/>
    </row>
    <row r="481454" spans="14:14">
      <c r="N481454" s="10"/>
    </row>
    <row r="481455" spans="14:14">
      <c r="N481455" s="10"/>
    </row>
    <row r="481456" spans="14:14">
      <c r="N481456" s="10"/>
    </row>
    <row r="481457" spans="14:14">
      <c r="N481457" s="10"/>
    </row>
    <row r="481458" spans="14:14">
      <c r="N481458" s="10"/>
    </row>
    <row r="481459" spans="14:14">
      <c r="N481459" s="10"/>
    </row>
    <row r="481460" spans="14:14">
      <c r="N481460" s="10"/>
    </row>
    <row r="481461" spans="14:14">
      <c r="N481461" s="10"/>
    </row>
    <row r="481462" spans="14:14">
      <c r="N481462" s="10"/>
    </row>
    <row r="481463" spans="14:14">
      <c r="N481463" s="10"/>
    </row>
    <row r="481464" spans="14:14">
      <c r="N481464" s="10"/>
    </row>
    <row r="481465" spans="14:14">
      <c r="N481465" s="10"/>
    </row>
    <row r="481466" spans="14:14">
      <c r="N481466" s="10"/>
    </row>
    <row r="481467" spans="14:14">
      <c r="N481467" s="10"/>
    </row>
    <row r="481468" spans="14:14">
      <c r="N481468" s="10"/>
    </row>
    <row r="481469" spans="14:14">
      <c r="N481469" s="10"/>
    </row>
    <row r="481470" spans="14:14">
      <c r="N481470" s="10"/>
    </row>
    <row r="481471" spans="14:14">
      <c r="N481471" s="10"/>
    </row>
    <row r="481472" spans="14:14">
      <c r="N481472" s="10"/>
    </row>
    <row r="481473" spans="14:14">
      <c r="N481473" s="10"/>
    </row>
    <row r="481474" spans="14:14">
      <c r="N481474" s="10"/>
    </row>
    <row r="481475" spans="14:14">
      <c r="N481475" s="10"/>
    </row>
    <row r="481476" spans="14:14">
      <c r="N481476" s="10"/>
    </row>
    <row r="481477" spans="14:14">
      <c r="N481477" s="10"/>
    </row>
    <row r="481478" spans="14:14">
      <c r="N481478" s="10"/>
    </row>
    <row r="481479" spans="14:14">
      <c r="N481479" s="10"/>
    </row>
    <row r="481480" spans="14:14">
      <c r="N481480" s="10"/>
    </row>
    <row r="481481" spans="14:14">
      <c r="N481481" s="10"/>
    </row>
    <row r="481482" spans="14:14">
      <c r="N481482" s="10"/>
    </row>
    <row r="481483" spans="14:14">
      <c r="N481483" s="10"/>
    </row>
    <row r="481484" spans="14:14">
      <c r="N481484" s="10"/>
    </row>
    <row r="481485" spans="14:14">
      <c r="N481485" s="10"/>
    </row>
    <row r="481486" spans="14:14">
      <c r="N481486" s="10"/>
    </row>
    <row r="481487" spans="14:14">
      <c r="N481487" s="10"/>
    </row>
    <row r="481488" spans="14:14">
      <c r="N481488" s="10"/>
    </row>
    <row r="481489" spans="14:14">
      <c r="N481489" s="10"/>
    </row>
    <row r="481490" spans="14:14">
      <c r="N481490" s="10"/>
    </row>
    <row r="481491" spans="14:14">
      <c r="N481491" s="10"/>
    </row>
    <row r="481492" spans="14:14">
      <c r="N481492" s="10"/>
    </row>
    <row r="481493" spans="14:14">
      <c r="N481493" s="10"/>
    </row>
    <row r="481494" spans="14:14">
      <c r="N481494" s="10"/>
    </row>
    <row r="481495" spans="14:14">
      <c r="N481495" s="10"/>
    </row>
    <row r="481496" spans="14:14">
      <c r="N481496" s="10"/>
    </row>
    <row r="481497" spans="14:14">
      <c r="N481497" s="10"/>
    </row>
    <row r="481498" spans="14:14">
      <c r="N481498" s="10"/>
    </row>
    <row r="481499" spans="14:14">
      <c r="N481499" s="10"/>
    </row>
    <row r="481500" spans="14:14">
      <c r="N481500" s="10"/>
    </row>
    <row r="481501" spans="14:14">
      <c r="N481501" s="10"/>
    </row>
    <row r="481502" spans="14:14">
      <c r="N481502" s="10"/>
    </row>
    <row r="481503" spans="14:14">
      <c r="N481503" s="10"/>
    </row>
    <row r="481504" spans="14:14">
      <c r="N481504" s="10"/>
    </row>
    <row r="481505" spans="14:14">
      <c r="N481505" s="10"/>
    </row>
    <row r="481506" spans="14:14">
      <c r="N481506" s="10"/>
    </row>
    <row r="481507" spans="14:14">
      <c r="N481507" s="10"/>
    </row>
    <row r="481508" spans="14:14">
      <c r="N481508" s="10"/>
    </row>
    <row r="481509" spans="14:14">
      <c r="N481509" s="10"/>
    </row>
    <row r="481510" spans="14:14">
      <c r="N481510" s="10"/>
    </row>
    <row r="481511" spans="14:14">
      <c r="N481511" s="10"/>
    </row>
    <row r="481512" spans="14:14">
      <c r="N481512" s="10"/>
    </row>
    <row r="481513" spans="14:14">
      <c r="N481513" s="10"/>
    </row>
    <row r="481514" spans="14:14">
      <c r="N481514" s="10"/>
    </row>
    <row r="481515" spans="14:14">
      <c r="N481515" s="10"/>
    </row>
    <row r="481516" spans="14:14">
      <c r="N481516" s="10"/>
    </row>
    <row r="481517" spans="14:14">
      <c r="N481517" s="10"/>
    </row>
    <row r="481518" spans="14:14">
      <c r="N481518" s="10"/>
    </row>
    <row r="481519" spans="14:14">
      <c r="N481519" s="10"/>
    </row>
    <row r="481520" spans="14:14">
      <c r="N481520" s="10"/>
    </row>
    <row r="481521" spans="14:14">
      <c r="N481521" s="10"/>
    </row>
    <row r="481522" spans="14:14">
      <c r="N481522" s="10"/>
    </row>
    <row r="481523" spans="14:14">
      <c r="N481523" s="10"/>
    </row>
    <row r="481524" spans="14:14">
      <c r="N481524" s="10"/>
    </row>
    <row r="481525" spans="14:14">
      <c r="N481525" s="10"/>
    </row>
    <row r="481526" spans="14:14">
      <c r="N481526" s="10"/>
    </row>
    <row r="481527" spans="14:14">
      <c r="N481527" s="10"/>
    </row>
    <row r="481528" spans="14:14">
      <c r="N481528" s="10"/>
    </row>
    <row r="481529" spans="14:14">
      <c r="N481529" s="10"/>
    </row>
    <row r="481530" spans="14:14">
      <c r="N481530" s="10"/>
    </row>
    <row r="481531" spans="14:14">
      <c r="N481531" s="10"/>
    </row>
    <row r="481532" spans="14:14">
      <c r="N481532" s="10"/>
    </row>
    <row r="481533" spans="14:14">
      <c r="N481533" s="10"/>
    </row>
    <row r="481534" spans="14:14">
      <c r="N481534" s="10"/>
    </row>
    <row r="481535" spans="14:14">
      <c r="N481535" s="10"/>
    </row>
    <row r="481536" spans="14:14">
      <c r="N481536" s="10"/>
    </row>
    <row r="481537" spans="14:14">
      <c r="N481537" s="10"/>
    </row>
    <row r="481538" spans="14:14">
      <c r="N481538" s="10"/>
    </row>
    <row r="481539" spans="14:14">
      <c r="N481539" s="10"/>
    </row>
    <row r="481540" spans="14:14">
      <c r="N481540" s="10"/>
    </row>
    <row r="481541" spans="14:14">
      <c r="N481541" s="10"/>
    </row>
    <row r="481542" spans="14:14">
      <c r="N481542" s="10"/>
    </row>
    <row r="481543" spans="14:14">
      <c r="N481543" s="10"/>
    </row>
    <row r="481544" spans="14:14">
      <c r="N481544" s="10"/>
    </row>
    <row r="481545" spans="14:14">
      <c r="N481545" s="10"/>
    </row>
    <row r="481546" spans="14:14">
      <c r="N481546" s="10"/>
    </row>
    <row r="481547" spans="14:14">
      <c r="N481547" s="10"/>
    </row>
    <row r="481548" spans="14:14">
      <c r="N481548" s="10"/>
    </row>
    <row r="481549" spans="14:14">
      <c r="N481549" s="10"/>
    </row>
    <row r="481550" spans="14:14">
      <c r="N481550" s="10"/>
    </row>
    <row r="481551" spans="14:14">
      <c r="N481551" s="10"/>
    </row>
    <row r="481552" spans="14:14">
      <c r="N481552" s="10"/>
    </row>
    <row r="481553" spans="14:14">
      <c r="N481553" s="10"/>
    </row>
    <row r="481554" spans="14:14">
      <c r="N481554" s="10"/>
    </row>
    <row r="481555" spans="14:14">
      <c r="N481555" s="10"/>
    </row>
    <row r="481556" spans="14:14">
      <c r="N481556" s="10"/>
    </row>
    <row r="481557" spans="14:14">
      <c r="N481557" s="10"/>
    </row>
    <row r="481558" spans="14:14">
      <c r="N481558" s="10"/>
    </row>
    <row r="481559" spans="14:14">
      <c r="N481559" s="10"/>
    </row>
    <row r="481560" spans="14:14">
      <c r="N481560" s="10"/>
    </row>
    <row r="481561" spans="14:14">
      <c r="N481561" s="10"/>
    </row>
    <row r="481562" spans="14:14">
      <c r="N481562" s="10"/>
    </row>
    <row r="481563" spans="14:14">
      <c r="N481563" s="10"/>
    </row>
    <row r="481564" spans="14:14">
      <c r="N481564" s="10"/>
    </row>
    <row r="481565" spans="14:14">
      <c r="N481565" s="10"/>
    </row>
    <row r="481566" spans="14:14">
      <c r="N481566" s="10"/>
    </row>
    <row r="481567" spans="14:14">
      <c r="N481567" s="10"/>
    </row>
    <row r="481568" spans="14:14">
      <c r="N481568" s="10"/>
    </row>
    <row r="481569" spans="14:14">
      <c r="N481569" s="10"/>
    </row>
    <row r="481570" spans="14:14">
      <c r="N481570" s="10"/>
    </row>
    <row r="481571" spans="14:14">
      <c r="N481571" s="10"/>
    </row>
    <row r="481572" spans="14:14">
      <c r="N481572" s="10"/>
    </row>
    <row r="481573" spans="14:14">
      <c r="N481573" s="10"/>
    </row>
    <row r="481574" spans="14:14">
      <c r="N481574" s="10"/>
    </row>
    <row r="481575" spans="14:14">
      <c r="N481575" s="10"/>
    </row>
    <row r="481576" spans="14:14">
      <c r="N481576" s="10"/>
    </row>
    <row r="481577" spans="14:14">
      <c r="N481577" s="10"/>
    </row>
    <row r="481578" spans="14:14">
      <c r="N481578" s="10"/>
    </row>
    <row r="481579" spans="14:14">
      <c r="N481579" s="10"/>
    </row>
    <row r="481580" spans="14:14">
      <c r="N481580" s="10"/>
    </row>
    <row r="481581" spans="14:14">
      <c r="N481581" s="10"/>
    </row>
    <row r="481582" spans="14:14">
      <c r="N481582" s="10"/>
    </row>
    <row r="481583" spans="14:14">
      <c r="N481583" s="10"/>
    </row>
    <row r="481584" spans="14:14">
      <c r="N481584" s="10"/>
    </row>
    <row r="481585" spans="14:14">
      <c r="N481585" s="10"/>
    </row>
    <row r="481586" spans="14:14">
      <c r="N481586" s="10"/>
    </row>
    <row r="481587" spans="14:14">
      <c r="N481587" s="10"/>
    </row>
    <row r="481588" spans="14:14">
      <c r="N481588" s="10"/>
    </row>
    <row r="481589" spans="14:14">
      <c r="N481589" s="10"/>
    </row>
    <row r="481590" spans="14:14">
      <c r="N481590" s="10"/>
    </row>
    <row r="481591" spans="14:14">
      <c r="N481591" s="10"/>
    </row>
    <row r="481592" spans="14:14">
      <c r="N481592" s="10"/>
    </row>
    <row r="481593" spans="14:14">
      <c r="N481593" s="10"/>
    </row>
    <row r="481594" spans="14:14">
      <c r="N481594" s="10"/>
    </row>
    <row r="481595" spans="14:14">
      <c r="N481595" s="10"/>
    </row>
    <row r="481596" spans="14:14">
      <c r="N481596" s="10"/>
    </row>
    <row r="481597" spans="14:14">
      <c r="N481597" s="10"/>
    </row>
    <row r="481598" spans="14:14">
      <c r="N481598" s="10"/>
    </row>
    <row r="481599" spans="14:14">
      <c r="N481599" s="10"/>
    </row>
    <row r="481600" spans="14:14">
      <c r="N481600" s="10"/>
    </row>
    <row r="481601" spans="14:14">
      <c r="N481601" s="10"/>
    </row>
    <row r="481602" spans="14:14">
      <c r="N481602" s="10"/>
    </row>
    <row r="481603" spans="14:14">
      <c r="N481603" s="10"/>
    </row>
    <row r="481604" spans="14:14">
      <c r="N481604" s="10"/>
    </row>
    <row r="481605" spans="14:14">
      <c r="N481605" s="10"/>
    </row>
    <row r="481606" spans="14:14">
      <c r="N481606" s="10"/>
    </row>
    <row r="481607" spans="14:14">
      <c r="N481607" s="10"/>
    </row>
    <row r="481608" spans="14:14">
      <c r="N481608" s="10"/>
    </row>
    <row r="481609" spans="14:14">
      <c r="N481609" s="10"/>
    </row>
    <row r="481610" spans="14:14">
      <c r="N481610" s="10"/>
    </row>
    <row r="481611" spans="14:14">
      <c r="N481611" s="10"/>
    </row>
    <row r="481612" spans="14:14">
      <c r="N481612" s="10"/>
    </row>
    <row r="481613" spans="14:14">
      <c r="N481613" s="10"/>
    </row>
    <row r="481614" spans="14:14">
      <c r="N481614" s="10"/>
    </row>
    <row r="481615" spans="14:14">
      <c r="N481615" s="10"/>
    </row>
    <row r="481616" spans="14:14">
      <c r="N481616" s="10"/>
    </row>
    <row r="481617" spans="14:14">
      <c r="N481617" s="10"/>
    </row>
    <row r="481618" spans="14:14">
      <c r="N481618" s="10"/>
    </row>
    <row r="481619" spans="14:14">
      <c r="N481619" s="10"/>
    </row>
    <row r="481620" spans="14:14">
      <c r="N481620" s="10"/>
    </row>
    <row r="481621" spans="14:14">
      <c r="N481621" s="10"/>
    </row>
    <row r="481622" spans="14:14">
      <c r="N481622" s="10"/>
    </row>
    <row r="481623" spans="14:14">
      <c r="N481623" s="10"/>
    </row>
    <row r="481624" spans="14:14">
      <c r="N481624" s="10"/>
    </row>
    <row r="481625" spans="14:14">
      <c r="N481625" s="10"/>
    </row>
    <row r="481626" spans="14:14">
      <c r="N481626" s="10"/>
    </row>
    <row r="481627" spans="14:14">
      <c r="N481627" s="10"/>
    </row>
    <row r="481628" spans="14:14">
      <c r="N481628" s="10"/>
    </row>
    <row r="481629" spans="14:14">
      <c r="N481629" s="10"/>
    </row>
    <row r="481630" spans="14:14">
      <c r="N481630" s="10"/>
    </row>
    <row r="481631" spans="14:14">
      <c r="N481631" s="10"/>
    </row>
    <row r="481632" spans="14:14">
      <c r="N481632" s="10"/>
    </row>
    <row r="481633" spans="14:14">
      <c r="N481633" s="10"/>
    </row>
    <row r="481634" spans="14:14">
      <c r="N481634" s="10"/>
    </row>
    <row r="481635" spans="14:14">
      <c r="N481635" s="10"/>
    </row>
    <row r="481636" spans="14:14">
      <c r="N481636" s="10"/>
    </row>
    <row r="481637" spans="14:14">
      <c r="N481637" s="10"/>
    </row>
    <row r="481638" spans="14:14">
      <c r="N481638" s="10"/>
    </row>
    <row r="481639" spans="14:14">
      <c r="N481639" s="10"/>
    </row>
    <row r="481640" spans="14:14">
      <c r="N481640" s="10"/>
    </row>
    <row r="481641" spans="14:14">
      <c r="N481641" s="10"/>
    </row>
    <row r="481642" spans="14:14">
      <c r="N481642" s="10"/>
    </row>
    <row r="481643" spans="14:14">
      <c r="N481643" s="10"/>
    </row>
    <row r="481644" spans="14:14">
      <c r="N481644" s="10"/>
    </row>
    <row r="481645" spans="14:14">
      <c r="N481645" s="10"/>
    </row>
    <row r="481646" spans="14:14">
      <c r="N481646" s="10"/>
    </row>
    <row r="481647" spans="14:14">
      <c r="N481647" s="10"/>
    </row>
    <row r="481648" spans="14:14">
      <c r="N481648" s="10"/>
    </row>
    <row r="481649" spans="14:14">
      <c r="N481649" s="10"/>
    </row>
    <row r="481650" spans="14:14">
      <c r="N481650" s="10"/>
    </row>
    <row r="481651" spans="14:14">
      <c r="N481651" s="10"/>
    </row>
    <row r="481652" spans="14:14">
      <c r="N481652" s="10"/>
    </row>
    <row r="481653" spans="14:14">
      <c r="N481653" s="10"/>
    </row>
    <row r="481654" spans="14:14">
      <c r="N481654" s="10"/>
    </row>
    <row r="481655" spans="14:14">
      <c r="N481655" s="10"/>
    </row>
    <row r="481656" spans="14:14">
      <c r="N481656" s="10"/>
    </row>
    <row r="481657" spans="14:14">
      <c r="N481657" s="10"/>
    </row>
    <row r="481658" spans="14:14">
      <c r="N481658" s="10"/>
    </row>
    <row r="481659" spans="14:14">
      <c r="N481659" s="10"/>
    </row>
    <row r="481660" spans="14:14">
      <c r="N481660" s="10"/>
    </row>
    <row r="481661" spans="14:14">
      <c r="N481661" s="10"/>
    </row>
    <row r="481662" spans="14:14">
      <c r="N481662" s="10"/>
    </row>
    <row r="481663" spans="14:14">
      <c r="N481663" s="10"/>
    </row>
    <row r="481664" spans="14:14">
      <c r="N481664" s="10"/>
    </row>
    <row r="481665" spans="14:14">
      <c r="N481665" s="10"/>
    </row>
    <row r="481666" spans="14:14">
      <c r="N481666" s="10"/>
    </row>
    <row r="481667" spans="14:14">
      <c r="N481667" s="10"/>
    </row>
    <row r="481668" spans="14:14">
      <c r="N481668" s="10"/>
    </row>
    <row r="481669" spans="14:14">
      <c r="N481669" s="10"/>
    </row>
    <row r="481670" spans="14:14">
      <c r="N481670" s="10"/>
    </row>
    <row r="481671" spans="14:14">
      <c r="N481671" s="10"/>
    </row>
    <row r="481672" spans="14:14">
      <c r="N481672" s="10"/>
    </row>
    <row r="481673" spans="14:14">
      <c r="N481673" s="10"/>
    </row>
    <row r="481674" spans="14:14">
      <c r="N481674" s="10"/>
    </row>
    <row r="481675" spans="14:14">
      <c r="N481675" s="10"/>
    </row>
    <row r="481676" spans="14:14">
      <c r="N481676" s="10"/>
    </row>
    <row r="481677" spans="14:14">
      <c r="N481677" s="10"/>
    </row>
    <row r="481678" spans="14:14">
      <c r="N481678" s="10"/>
    </row>
    <row r="481679" spans="14:14">
      <c r="N481679" s="10"/>
    </row>
    <row r="481680" spans="14:14">
      <c r="N481680" s="10"/>
    </row>
    <row r="481681" spans="14:14">
      <c r="N481681" s="10"/>
    </row>
    <row r="481682" spans="14:14">
      <c r="N481682" s="10"/>
    </row>
    <row r="481683" spans="14:14">
      <c r="N481683" s="10"/>
    </row>
    <row r="481684" spans="14:14">
      <c r="N481684" s="10"/>
    </row>
    <row r="481685" spans="14:14">
      <c r="N481685" s="10"/>
    </row>
    <row r="481686" spans="14:14">
      <c r="N481686" s="10"/>
    </row>
    <row r="481687" spans="14:14">
      <c r="N481687" s="10"/>
    </row>
    <row r="481688" spans="14:14">
      <c r="N481688" s="10"/>
    </row>
    <row r="481689" spans="14:14">
      <c r="N481689" s="10"/>
    </row>
    <row r="481690" spans="14:14">
      <c r="N481690" s="10"/>
    </row>
    <row r="481691" spans="14:14">
      <c r="N481691" s="10"/>
    </row>
    <row r="481692" spans="14:14">
      <c r="N481692" s="10"/>
    </row>
    <row r="481693" spans="14:14">
      <c r="N481693" s="10"/>
    </row>
    <row r="481694" spans="14:14">
      <c r="N481694" s="10"/>
    </row>
    <row r="481695" spans="14:14">
      <c r="N481695" s="10"/>
    </row>
    <row r="481696" spans="14:14">
      <c r="N481696" s="10"/>
    </row>
    <row r="481697" spans="14:14">
      <c r="N481697" s="10"/>
    </row>
    <row r="481698" spans="14:14">
      <c r="N481698" s="10"/>
    </row>
    <row r="481699" spans="14:14">
      <c r="N481699" s="10"/>
    </row>
    <row r="481700" spans="14:14">
      <c r="N481700" s="10"/>
    </row>
    <row r="481701" spans="14:14">
      <c r="N481701" s="10"/>
    </row>
    <row r="481702" spans="14:14">
      <c r="N481702" s="10"/>
    </row>
    <row r="481703" spans="14:14">
      <c r="N481703" s="10"/>
    </row>
    <row r="481704" spans="14:14">
      <c r="N481704" s="10"/>
    </row>
    <row r="481705" spans="14:14">
      <c r="N481705" s="10"/>
    </row>
    <row r="481706" spans="14:14">
      <c r="N481706" s="10"/>
    </row>
    <row r="481707" spans="14:14">
      <c r="N481707" s="10"/>
    </row>
    <row r="481708" spans="14:14">
      <c r="N481708" s="10"/>
    </row>
    <row r="481709" spans="14:14">
      <c r="N481709" s="10"/>
    </row>
    <row r="481710" spans="14:14">
      <c r="N481710" s="10"/>
    </row>
    <row r="481711" spans="14:14">
      <c r="N481711" s="10"/>
    </row>
    <row r="481712" spans="14:14">
      <c r="N481712" s="10"/>
    </row>
    <row r="481713" spans="14:14">
      <c r="N481713" s="10"/>
    </row>
    <row r="481714" spans="14:14">
      <c r="N481714" s="10"/>
    </row>
    <row r="481715" spans="14:14">
      <c r="N481715" s="10"/>
    </row>
    <row r="481716" spans="14:14">
      <c r="N481716" s="10"/>
    </row>
    <row r="481717" spans="14:14">
      <c r="N481717" s="10"/>
    </row>
    <row r="481718" spans="14:14">
      <c r="N481718" s="10"/>
    </row>
    <row r="481719" spans="14:14">
      <c r="N481719" s="10"/>
    </row>
    <row r="481720" spans="14:14">
      <c r="N481720" s="10"/>
    </row>
    <row r="481721" spans="14:14">
      <c r="N481721" s="10"/>
    </row>
    <row r="481722" spans="14:14">
      <c r="N481722" s="10"/>
    </row>
    <row r="481723" spans="14:14">
      <c r="N481723" s="10"/>
    </row>
    <row r="481724" spans="14:14">
      <c r="N481724" s="10"/>
    </row>
    <row r="481725" spans="14:14">
      <c r="N481725" s="10"/>
    </row>
    <row r="481726" spans="14:14">
      <c r="N481726" s="10"/>
    </row>
    <row r="481727" spans="14:14">
      <c r="N481727" s="10"/>
    </row>
    <row r="481728" spans="14:14">
      <c r="N481728" s="10"/>
    </row>
    <row r="481729" spans="14:14">
      <c r="N481729" s="10"/>
    </row>
    <row r="481730" spans="14:14">
      <c r="N481730" s="10"/>
    </row>
    <row r="481731" spans="14:14">
      <c r="N481731" s="10"/>
    </row>
    <row r="481732" spans="14:14">
      <c r="N481732" s="10"/>
    </row>
    <row r="481733" spans="14:14">
      <c r="N481733" s="10"/>
    </row>
    <row r="481734" spans="14:14">
      <c r="N481734" s="10"/>
    </row>
    <row r="481735" spans="14:14">
      <c r="N481735" s="10"/>
    </row>
    <row r="481736" spans="14:14">
      <c r="N481736" s="10"/>
    </row>
    <row r="481737" spans="14:14">
      <c r="N481737" s="10"/>
    </row>
    <row r="481738" spans="14:14">
      <c r="N481738" s="10"/>
    </row>
    <row r="481739" spans="14:14">
      <c r="N481739" s="10"/>
    </row>
    <row r="481740" spans="14:14">
      <c r="N481740" s="10"/>
    </row>
    <row r="481741" spans="14:14">
      <c r="N481741" s="10"/>
    </row>
    <row r="481742" spans="14:14">
      <c r="N481742" s="10"/>
    </row>
    <row r="481743" spans="14:14">
      <c r="N481743" s="10"/>
    </row>
    <row r="481744" spans="14:14">
      <c r="N481744" s="10"/>
    </row>
    <row r="481745" spans="14:14">
      <c r="N481745" s="10"/>
    </row>
    <row r="481746" spans="14:14">
      <c r="N481746" s="10"/>
    </row>
    <row r="481747" spans="14:14">
      <c r="N481747" s="10"/>
    </row>
    <row r="481748" spans="14:14">
      <c r="N481748" s="10"/>
    </row>
    <row r="481749" spans="14:14">
      <c r="N481749" s="10"/>
    </row>
    <row r="481750" spans="14:14">
      <c r="N481750" s="10"/>
    </row>
    <row r="481751" spans="14:14">
      <c r="N481751" s="10"/>
    </row>
    <row r="481752" spans="14:14">
      <c r="N481752" s="10"/>
    </row>
    <row r="481753" spans="14:14">
      <c r="N481753" s="10"/>
    </row>
    <row r="481754" spans="14:14">
      <c r="N481754" s="10"/>
    </row>
    <row r="481755" spans="14:14">
      <c r="N481755" s="10"/>
    </row>
    <row r="481756" spans="14:14">
      <c r="N481756" s="10"/>
    </row>
    <row r="481757" spans="14:14">
      <c r="N481757" s="10"/>
    </row>
    <row r="481758" spans="14:14">
      <c r="N481758" s="10"/>
    </row>
    <row r="481759" spans="14:14">
      <c r="N481759" s="10"/>
    </row>
    <row r="481760" spans="14:14">
      <c r="N481760" s="10"/>
    </row>
    <row r="481761" spans="14:14">
      <c r="N481761" s="10"/>
    </row>
    <row r="481762" spans="14:14">
      <c r="N481762" s="10"/>
    </row>
    <row r="481763" spans="14:14">
      <c r="N481763" s="10"/>
    </row>
    <row r="481764" spans="14:14">
      <c r="N481764" s="10"/>
    </row>
    <row r="481765" spans="14:14">
      <c r="N481765" s="10"/>
    </row>
    <row r="481766" spans="14:14">
      <c r="N481766" s="10"/>
    </row>
    <row r="481767" spans="14:14">
      <c r="N481767" s="10"/>
    </row>
    <row r="481768" spans="14:14">
      <c r="N481768" s="10"/>
    </row>
    <row r="481769" spans="14:14">
      <c r="N481769" s="10"/>
    </row>
    <row r="481770" spans="14:14">
      <c r="N481770" s="10"/>
    </row>
    <row r="481771" spans="14:14">
      <c r="N481771" s="10"/>
    </row>
    <row r="481772" spans="14:14">
      <c r="N481772" s="10"/>
    </row>
    <row r="481773" spans="14:14">
      <c r="N481773" s="10"/>
    </row>
    <row r="481774" spans="14:14">
      <c r="N481774" s="10"/>
    </row>
    <row r="481775" spans="14:14">
      <c r="N481775" s="10"/>
    </row>
    <row r="481776" spans="14:14">
      <c r="N481776" s="10"/>
    </row>
    <row r="481777" spans="14:14">
      <c r="N481777" s="10"/>
    </row>
    <row r="481778" spans="14:14">
      <c r="N481778" s="10"/>
    </row>
    <row r="481779" spans="14:14">
      <c r="N481779" s="10"/>
    </row>
    <row r="481780" spans="14:14">
      <c r="N481780" s="10"/>
    </row>
    <row r="481781" spans="14:14">
      <c r="N481781" s="10"/>
    </row>
    <row r="481782" spans="14:14">
      <c r="N481782" s="10"/>
    </row>
    <row r="481783" spans="14:14">
      <c r="N481783" s="10"/>
    </row>
    <row r="481784" spans="14:14">
      <c r="N481784" s="10"/>
    </row>
    <row r="481785" spans="14:14">
      <c r="N481785" s="10"/>
    </row>
    <row r="481786" spans="14:14">
      <c r="N481786" s="10"/>
    </row>
    <row r="481787" spans="14:14">
      <c r="N481787" s="10"/>
    </row>
    <row r="481788" spans="14:14">
      <c r="N481788" s="10"/>
    </row>
    <row r="481789" spans="14:14">
      <c r="N481789" s="10"/>
    </row>
    <row r="481790" spans="14:14">
      <c r="N481790" s="10"/>
    </row>
    <row r="481791" spans="14:14">
      <c r="N481791" s="10"/>
    </row>
    <row r="481792" spans="14:14">
      <c r="N481792" s="10"/>
    </row>
    <row r="481793" spans="14:14">
      <c r="N481793" s="10"/>
    </row>
    <row r="481794" spans="14:14">
      <c r="N481794" s="10"/>
    </row>
    <row r="481795" spans="14:14">
      <c r="N481795" s="10"/>
    </row>
    <row r="481796" spans="14:14">
      <c r="N481796" s="10"/>
    </row>
    <row r="481797" spans="14:14">
      <c r="N481797" s="10"/>
    </row>
    <row r="481798" spans="14:14">
      <c r="N481798" s="10"/>
    </row>
    <row r="481799" spans="14:14">
      <c r="N481799" s="10"/>
    </row>
    <row r="481800" spans="14:14">
      <c r="N481800" s="10"/>
    </row>
    <row r="481801" spans="14:14">
      <c r="N481801" s="10"/>
    </row>
    <row r="481802" spans="14:14">
      <c r="N481802" s="10"/>
    </row>
    <row r="481803" spans="14:14">
      <c r="N481803" s="10"/>
    </row>
    <row r="481804" spans="14:14">
      <c r="N481804" s="10"/>
    </row>
    <row r="481805" spans="14:14">
      <c r="N481805" s="10"/>
    </row>
    <row r="481806" spans="14:14">
      <c r="N481806" s="10"/>
    </row>
    <row r="481807" spans="14:14">
      <c r="N481807" s="10"/>
    </row>
    <row r="481808" spans="14:14">
      <c r="N481808" s="10"/>
    </row>
    <row r="481809" spans="14:14">
      <c r="N481809" s="10"/>
    </row>
    <row r="481810" spans="14:14">
      <c r="N481810" s="10"/>
    </row>
    <row r="481811" spans="14:14">
      <c r="N481811" s="10"/>
    </row>
    <row r="481812" spans="14:14">
      <c r="N481812" s="10"/>
    </row>
    <row r="481813" spans="14:14">
      <c r="N481813" s="10"/>
    </row>
    <row r="481814" spans="14:14">
      <c r="N481814" s="10"/>
    </row>
    <row r="481815" spans="14:14">
      <c r="N481815" s="10"/>
    </row>
    <row r="481816" spans="14:14">
      <c r="N481816" s="10"/>
    </row>
    <row r="481817" spans="14:14">
      <c r="N481817" s="10"/>
    </row>
    <row r="481818" spans="14:14">
      <c r="N481818" s="10"/>
    </row>
    <row r="481819" spans="14:14">
      <c r="N481819" s="10"/>
    </row>
    <row r="481820" spans="14:14">
      <c r="N481820" s="10"/>
    </row>
    <row r="481821" spans="14:14">
      <c r="N481821" s="10"/>
    </row>
    <row r="481822" spans="14:14">
      <c r="N481822" s="10"/>
    </row>
    <row r="481823" spans="14:14">
      <c r="N481823" s="10"/>
    </row>
    <row r="481824" spans="14:14">
      <c r="N481824" s="10"/>
    </row>
    <row r="481825" spans="14:14">
      <c r="N481825" s="10"/>
    </row>
    <row r="481826" spans="14:14">
      <c r="N481826" s="10"/>
    </row>
    <row r="481827" spans="14:14">
      <c r="N481827" s="10"/>
    </row>
    <row r="481828" spans="14:14">
      <c r="N481828" s="10"/>
    </row>
    <row r="481829" spans="14:14">
      <c r="N481829" s="10"/>
    </row>
    <row r="481830" spans="14:14">
      <c r="N481830" s="10"/>
    </row>
    <row r="481831" spans="14:14">
      <c r="N481831" s="10"/>
    </row>
    <row r="481832" spans="14:14">
      <c r="N481832" s="10"/>
    </row>
    <row r="481833" spans="14:14">
      <c r="N481833" s="10"/>
    </row>
    <row r="481834" spans="14:14">
      <c r="N481834" s="10"/>
    </row>
    <row r="481835" spans="14:14">
      <c r="N481835" s="10"/>
    </row>
    <row r="481836" spans="14:14">
      <c r="N481836" s="10"/>
    </row>
    <row r="481837" spans="14:14">
      <c r="N481837" s="10"/>
    </row>
    <row r="481838" spans="14:14">
      <c r="N481838" s="10"/>
    </row>
    <row r="481839" spans="14:14">
      <c r="N481839" s="10"/>
    </row>
    <row r="481840" spans="14:14">
      <c r="N481840" s="10"/>
    </row>
    <row r="481841" spans="14:14">
      <c r="N481841" s="10"/>
    </row>
    <row r="481842" spans="14:14">
      <c r="N481842" s="10"/>
    </row>
    <row r="481843" spans="14:14">
      <c r="N481843" s="10"/>
    </row>
    <row r="481844" spans="14:14">
      <c r="N481844" s="10"/>
    </row>
    <row r="481845" spans="14:14">
      <c r="N481845" s="10"/>
    </row>
    <row r="481846" spans="14:14">
      <c r="N481846" s="10"/>
    </row>
    <row r="481847" spans="14:14">
      <c r="N481847" s="10"/>
    </row>
    <row r="481848" spans="14:14">
      <c r="N481848" s="10"/>
    </row>
    <row r="481849" spans="14:14">
      <c r="N481849" s="10"/>
    </row>
    <row r="481850" spans="14:14">
      <c r="N481850" s="10"/>
    </row>
    <row r="481851" spans="14:14">
      <c r="N481851" s="10"/>
    </row>
    <row r="481852" spans="14:14">
      <c r="N481852" s="10"/>
    </row>
    <row r="481853" spans="14:14">
      <c r="N481853" s="10"/>
    </row>
    <row r="481854" spans="14:14">
      <c r="N481854" s="10"/>
    </row>
    <row r="481855" spans="14:14">
      <c r="N481855" s="10"/>
    </row>
    <row r="481856" spans="14:14">
      <c r="N481856" s="10"/>
    </row>
    <row r="481857" spans="14:14">
      <c r="N481857" s="10"/>
    </row>
    <row r="481858" spans="14:14">
      <c r="N481858" s="10"/>
    </row>
    <row r="481859" spans="14:14">
      <c r="N481859" s="10"/>
    </row>
    <row r="481860" spans="14:14">
      <c r="N481860" s="10"/>
    </row>
    <row r="481861" spans="14:14">
      <c r="N481861" s="10"/>
    </row>
    <row r="481862" spans="14:14">
      <c r="N481862" s="10"/>
    </row>
    <row r="481863" spans="14:14">
      <c r="N481863" s="10"/>
    </row>
    <row r="481864" spans="14:14">
      <c r="N481864" s="10"/>
    </row>
    <row r="481865" spans="14:14">
      <c r="N481865" s="10"/>
    </row>
    <row r="481866" spans="14:14">
      <c r="N481866" s="10"/>
    </row>
    <row r="481867" spans="14:14">
      <c r="N481867" s="10"/>
    </row>
    <row r="481868" spans="14:14">
      <c r="N481868" s="10"/>
    </row>
    <row r="481869" spans="14:14">
      <c r="N481869" s="10"/>
    </row>
    <row r="481870" spans="14:14">
      <c r="N481870" s="10"/>
    </row>
    <row r="481871" spans="14:14">
      <c r="N481871" s="10"/>
    </row>
    <row r="481872" spans="14:14">
      <c r="N481872" s="10"/>
    </row>
    <row r="481873" spans="14:14">
      <c r="N481873" s="10"/>
    </row>
    <row r="481874" spans="14:14">
      <c r="N481874" s="10"/>
    </row>
    <row r="481875" spans="14:14">
      <c r="N481875" s="10"/>
    </row>
    <row r="481876" spans="14:14">
      <c r="N481876" s="10"/>
    </row>
    <row r="481877" spans="14:14">
      <c r="N481877" s="10"/>
    </row>
    <row r="481878" spans="14:14">
      <c r="N481878" s="10"/>
    </row>
    <row r="481879" spans="14:14">
      <c r="N481879" s="10"/>
    </row>
    <row r="481880" spans="14:14">
      <c r="N481880" s="10"/>
    </row>
    <row r="481881" spans="14:14">
      <c r="N481881" s="10"/>
    </row>
    <row r="481882" spans="14:14">
      <c r="N481882" s="10"/>
    </row>
    <row r="481883" spans="14:14">
      <c r="N481883" s="10"/>
    </row>
    <row r="481884" spans="14:14">
      <c r="N481884" s="10"/>
    </row>
    <row r="481885" spans="14:14">
      <c r="N481885" s="10"/>
    </row>
    <row r="481886" spans="14:14">
      <c r="N481886" s="10"/>
    </row>
    <row r="481887" spans="14:14">
      <c r="N481887" s="10"/>
    </row>
    <row r="481888" spans="14:14">
      <c r="N481888" s="10"/>
    </row>
    <row r="481889" spans="14:14">
      <c r="N481889" s="10"/>
    </row>
    <row r="481890" spans="14:14">
      <c r="N481890" s="10"/>
    </row>
    <row r="481891" spans="14:14">
      <c r="N481891" s="10"/>
    </row>
    <row r="481892" spans="14:14">
      <c r="N481892" s="10"/>
    </row>
    <row r="481893" spans="14:14">
      <c r="N481893" s="10"/>
    </row>
    <row r="481894" spans="14:14">
      <c r="N481894" s="10"/>
    </row>
    <row r="481895" spans="14:14">
      <c r="N481895" s="10"/>
    </row>
    <row r="481896" spans="14:14">
      <c r="N481896" s="10"/>
    </row>
    <row r="481897" spans="14:14">
      <c r="N481897" s="10"/>
    </row>
    <row r="481898" spans="14:14">
      <c r="N481898" s="10"/>
    </row>
    <row r="481899" spans="14:14">
      <c r="N481899" s="10"/>
    </row>
    <row r="481900" spans="14:14">
      <c r="N481900" s="10"/>
    </row>
    <row r="481901" spans="14:14">
      <c r="N481901" s="10"/>
    </row>
    <row r="481902" spans="14:14">
      <c r="N481902" s="10"/>
    </row>
    <row r="481903" spans="14:14">
      <c r="N481903" s="10"/>
    </row>
    <row r="481904" spans="14:14">
      <c r="N481904" s="10"/>
    </row>
    <row r="481905" spans="14:14">
      <c r="N481905" s="10"/>
    </row>
    <row r="481906" spans="14:14">
      <c r="N481906" s="10"/>
    </row>
    <row r="481907" spans="14:14">
      <c r="N481907" s="10"/>
    </row>
    <row r="481908" spans="14:14">
      <c r="N481908" s="10"/>
    </row>
    <row r="481909" spans="14:14">
      <c r="N481909" s="10"/>
    </row>
    <row r="481910" spans="14:14">
      <c r="N481910" s="10"/>
    </row>
    <row r="481911" spans="14:14">
      <c r="N481911" s="10"/>
    </row>
    <row r="481912" spans="14:14">
      <c r="N481912" s="10"/>
    </row>
    <row r="481913" spans="14:14">
      <c r="N481913" s="10"/>
    </row>
    <row r="481914" spans="14:14">
      <c r="N481914" s="10"/>
    </row>
    <row r="481915" spans="14:14">
      <c r="N481915" s="10"/>
    </row>
    <row r="481916" spans="14:14">
      <c r="N481916" s="10"/>
    </row>
    <row r="481917" spans="14:14">
      <c r="N481917" s="10"/>
    </row>
    <row r="481918" spans="14:14">
      <c r="N481918" s="10"/>
    </row>
    <row r="481919" spans="14:14">
      <c r="N481919" s="10"/>
    </row>
    <row r="481920" spans="14:14">
      <c r="N481920" s="10"/>
    </row>
    <row r="481921" spans="14:14">
      <c r="N481921" s="10"/>
    </row>
    <row r="481922" spans="14:14">
      <c r="N481922" s="10"/>
    </row>
    <row r="481923" spans="14:14">
      <c r="N481923" s="10"/>
    </row>
    <row r="481924" spans="14:14">
      <c r="N481924" s="10"/>
    </row>
    <row r="481925" spans="14:14">
      <c r="N481925" s="10"/>
    </row>
    <row r="481926" spans="14:14">
      <c r="N481926" s="10"/>
    </row>
    <row r="481927" spans="14:14">
      <c r="N481927" s="10"/>
    </row>
    <row r="481928" spans="14:14">
      <c r="N481928" s="10"/>
    </row>
    <row r="481929" spans="14:14">
      <c r="N481929" s="10"/>
    </row>
    <row r="481930" spans="14:14">
      <c r="N481930" s="10"/>
    </row>
    <row r="481931" spans="14:14">
      <c r="N481931" s="10"/>
    </row>
    <row r="481932" spans="14:14">
      <c r="N481932" s="10"/>
    </row>
    <row r="481933" spans="14:14">
      <c r="N481933" s="10"/>
    </row>
    <row r="481934" spans="14:14">
      <c r="N481934" s="10"/>
    </row>
    <row r="481935" spans="14:14">
      <c r="N481935" s="10"/>
    </row>
    <row r="481936" spans="14:14">
      <c r="N481936" s="10"/>
    </row>
    <row r="481937" spans="14:14">
      <c r="N481937" s="10"/>
    </row>
    <row r="481938" spans="14:14">
      <c r="N481938" s="10"/>
    </row>
    <row r="481939" spans="14:14">
      <c r="N481939" s="10"/>
    </row>
    <row r="481940" spans="14:14">
      <c r="N481940" s="10"/>
    </row>
    <row r="481941" spans="14:14">
      <c r="N481941" s="10"/>
    </row>
    <row r="481942" spans="14:14">
      <c r="N481942" s="10"/>
    </row>
    <row r="481943" spans="14:14">
      <c r="N481943" s="10"/>
    </row>
    <row r="481944" spans="14:14">
      <c r="N481944" s="10"/>
    </row>
    <row r="481945" spans="14:14">
      <c r="N481945" s="10"/>
    </row>
    <row r="481946" spans="14:14">
      <c r="N481946" s="10"/>
    </row>
    <row r="481947" spans="14:14">
      <c r="N481947" s="10"/>
    </row>
    <row r="481948" spans="14:14">
      <c r="N481948" s="10"/>
    </row>
    <row r="481949" spans="14:14">
      <c r="N481949" s="10"/>
    </row>
    <row r="481950" spans="14:14">
      <c r="N481950" s="10"/>
    </row>
    <row r="481951" spans="14:14">
      <c r="N481951" s="10"/>
    </row>
    <row r="481952" spans="14:14">
      <c r="N481952" s="10"/>
    </row>
    <row r="481953" spans="14:14">
      <c r="N481953" s="10"/>
    </row>
    <row r="481954" spans="14:14">
      <c r="N481954" s="10"/>
    </row>
    <row r="481955" spans="14:14">
      <c r="N481955" s="10"/>
    </row>
    <row r="481956" spans="14:14">
      <c r="N481956" s="10"/>
    </row>
    <row r="481957" spans="14:14">
      <c r="N481957" s="10"/>
    </row>
    <row r="481958" spans="14:14">
      <c r="N481958" s="10"/>
    </row>
    <row r="481959" spans="14:14">
      <c r="N481959" s="10"/>
    </row>
    <row r="481960" spans="14:14">
      <c r="N481960" s="10"/>
    </row>
    <row r="481961" spans="14:14">
      <c r="N481961" s="10"/>
    </row>
    <row r="481962" spans="14:14">
      <c r="N481962" s="10"/>
    </row>
    <row r="481963" spans="14:14">
      <c r="N481963" s="10"/>
    </row>
    <row r="481964" spans="14:14">
      <c r="N481964" s="10"/>
    </row>
    <row r="481965" spans="14:14">
      <c r="N481965" s="10"/>
    </row>
    <row r="481966" spans="14:14">
      <c r="N481966" s="10"/>
    </row>
    <row r="481967" spans="14:14">
      <c r="N481967" s="10"/>
    </row>
    <row r="481968" spans="14:14">
      <c r="N481968" s="10"/>
    </row>
    <row r="481969" spans="14:14">
      <c r="N481969" s="10"/>
    </row>
    <row r="481970" spans="14:14">
      <c r="N481970" s="10"/>
    </row>
    <row r="481971" spans="14:14">
      <c r="N481971" s="10"/>
    </row>
    <row r="481972" spans="14:14">
      <c r="N481972" s="10"/>
    </row>
    <row r="481973" spans="14:14">
      <c r="N481973" s="10"/>
    </row>
    <row r="481974" spans="14:14">
      <c r="N481974" s="10"/>
    </row>
    <row r="481975" spans="14:14">
      <c r="N481975" s="10"/>
    </row>
    <row r="481976" spans="14:14">
      <c r="N481976" s="10"/>
    </row>
    <row r="481977" spans="14:14">
      <c r="N481977" s="10"/>
    </row>
    <row r="481978" spans="14:14">
      <c r="N481978" s="10"/>
    </row>
    <row r="481979" spans="14:14">
      <c r="N481979" s="10"/>
    </row>
    <row r="481980" spans="14:14">
      <c r="N481980" s="10"/>
    </row>
    <row r="481981" spans="14:14">
      <c r="N481981" s="10"/>
    </row>
    <row r="481982" spans="14:14">
      <c r="N481982" s="10"/>
    </row>
    <row r="481983" spans="14:14">
      <c r="N481983" s="10"/>
    </row>
    <row r="481984" spans="14:14">
      <c r="N481984" s="10"/>
    </row>
    <row r="481985" spans="14:14">
      <c r="N481985" s="10"/>
    </row>
    <row r="481986" spans="14:14">
      <c r="N481986" s="10"/>
    </row>
    <row r="481987" spans="14:14">
      <c r="N481987" s="10"/>
    </row>
    <row r="481988" spans="14:14">
      <c r="N481988" s="10"/>
    </row>
    <row r="481989" spans="14:14">
      <c r="N481989" s="10"/>
    </row>
    <row r="481990" spans="14:14">
      <c r="N481990" s="10"/>
    </row>
    <row r="481991" spans="14:14">
      <c r="N481991" s="10"/>
    </row>
    <row r="481992" spans="14:14">
      <c r="N481992" s="10"/>
    </row>
    <row r="481993" spans="14:14">
      <c r="N481993" s="10"/>
    </row>
    <row r="481994" spans="14:14">
      <c r="N481994" s="10"/>
    </row>
    <row r="481995" spans="14:14">
      <c r="N481995" s="10"/>
    </row>
    <row r="481996" spans="14:14">
      <c r="N481996" s="10"/>
    </row>
    <row r="481997" spans="14:14">
      <c r="N481997" s="10"/>
    </row>
    <row r="481998" spans="14:14">
      <c r="N481998" s="10"/>
    </row>
    <row r="481999" spans="14:14">
      <c r="N481999" s="10"/>
    </row>
    <row r="482000" spans="14:14">
      <c r="N482000" s="10"/>
    </row>
    <row r="482001" spans="14:14">
      <c r="N482001" s="10"/>
    </row>
    <row r="482002" spans="14:14">
      <c r="N482002" s="10"/>
    </row>
    <row r="482003" spans="14:14">
      <c r="N482003" s="10"/>
    </row>
    <row r="482004" spans="14:14">
      <c r="N482004" s="10"/>
    </row>
    <row r="482005" spans="14:14">
      <c r="N482005" s="10"/>
    </row>
    <row r="482006" spans="14:14">
      <c r="N482006" s="10"/>
    </row>
    <row r="482007" spans="14:14">
      <c r="N482007" s="10"/>
    </row>
    <row r="482008" spans="14:14">
      <c r="N482008" s="10"/>
    </row>
    <row r="482009" spans="14:14">
      <c r="N482009" s="10"/>
    </row>
    <row r="482010" spans="14:14">
      <c r="N482010" s="10"/>
    </row>
    <row r="482011" spans="14:14">
      <c r="N482011" s="10"/>
    </row>
    <row r="482012" spans="14:14">
      <c r="N482012" s="10"/>
    </row>
    <row r="482013" spans="14:14">
      <c r="N482013" s="10"/>
    </row>
    <row r="482014" spans="14:14">
      <c r="N482014" s="10"/>
    </row>
    <row r="482015" spans="14:14">
      <c r="N482015" s="10"/>
    </row>
    <row r="482016" spans="14:14">
      <c r="N482016" s="10"/>
    </row>
    <row r="482017" spans="14:14">
      <c r="N482017" s="10"/>
    </row>
    <row r="482018" spans="14:14">
      <c r="N482018" s="10"/>
    </row>
    <row r="482019" spans="14:14">
      <c r="N482019" s="10"/>
    </row>
    <row r="482020" spans="14:14">
      <c r="N482020" s="10"/>
    </row>
    <row r="482021" spans="14:14">
      <c r="N482021" s="10"/>
    </row>
    <row r="482022" spans="14:14">
      <c r="N482022" s="10"/>
    </row>
    <row r="482023" spans="14:14">
      <c r="N482023" s="10"/>
    </row>
    <row r="482024" spans="14:14">
      <c r="N482024" s="10"/>
    </row>
    <row r="482025" spans="14:14">
      <c r="N482025" s="10"/>
    </row>
    <row r="482026" spans="14:14">
      <c r="N482026" s="10"/>
    </row>
    <row r="482027" spans="14:14">
      <c r="N482027" s="10"/>
    </row>
    <row r="482028" spans="14:14">
      <c r="N482028" s="10"/>
    </row>
    <row r="482029" spans="14:14">
      <c r="N482029" s="10"/>
    </row>
    <row r="482030" spans="14:14">
      <c r="N482030" s="10"/>
    </row>
    <row r="482031" spans="14:14">
      <c r="N482031" s="10"/>
    </row>
    <row r="482032" spans="14:14">
      <c r="N482032" s="10"/>
    </row>
    <row r="482033" spans="14:14">
      <c r="N482033" s="10"/>
    </row>
    <row r="482034" spans="14:14">
      <c r="N482034" s="10"/>
    </row>
    <row r="482035" spans="14:14">
      <c r="N482035" s="10"/>
    </row>
    <row r="482036" spans="14:14">
      <c r="N482036" s="10"/>
    </row>
    <row r="482037" spans="14:14">
      <c r="N482037" s="10"/>
    </row>
    <row r="482038" spans="14:14">
      <c r="N482038" s="10"/>
    </row>
    <row r="482039" spans="14:14">
      <c r="N482039" s="10"/>
    </row>
    <row r="482040" spans="14:14">
      <c r="N482040" s="10"/>
    </row>
    <row r="482041" spans="14:14">
      <c r="N482041" s="10"/>
    </row>
    <row r="482042" spans="14:14">
      <c r="N482042" s="10"/>
    </row>
    <row r="482043" spans="14:14">
      <c r="N482043" s="10"/>
    </row>
    <row r="482044" spans="14:14">
      <c r="N482044" s="10"/>
    </row>
    <row r="482045" spans="14:14">
      <c r="N482045" s="10"/>
    </row>
    <row r="482046" spans="14:14">
      <c r="N482046" s="10"/>
    </row>
    <row r="482047" spans="14:14">
      <c r="N482047" s="10"/>
    </row>
    <row r="482048" spans="14:14">
      <c r="N482048" s="10"/>
    </row>
    <row r="482049" spans="14:14">
      <c r="N482049" s="10"/>
    </row>
    <row r="482050" spans="14:14">
      <c r="N482050" s="10"/>
    </row>
    <row r="482051" spans="14:14">
      <c r="N482051" s="10"/>
    </row>
    <row r="482052" spans="14:14">
      <c r="N482052" s="10"/>
    </row>
    <row r="482053" spans="14:14">
      <c r="N482053" s="10"/>
    </row>
    <row r="482054" spans="14:14">
      <c r="N482054" s="10"/>
    </row>
    <row r="482055" spans="14:14">
      <c r="N482055" s="10"/>
    </row>
    <row r="482056" spans="14:14">
      <c r="N482056" s="10"/>
    </row>
    <row r="482057" spans="14:14">
      <c r="N482057" s="10"/>
    </row>
    <row r="482058" spans="14:14">
      <c r="N482058" s="10"/>
    </row>
    <row r="482059" spans="14:14">
      <c r="N482059" s="10"/>
    </row>
    <row r="482060" spans="14:14">
      <c r="N482060" s="10"/>
    </row>
    <row r="482061" spans="14:14">
      <c r="N482061" s="10"/>
    </row>
    <row r="482062" spans="14:14">
      <c r="N482062" s="10"/>
    </row>
    <row r="482063" spans="14:14">
      <c r="N482063" s="10"/>
    </row>
    <row r="482064" spans="14:14">
      <c r="N482064" s="10"/>
    </row>
    <row r="482065" spans="14:14">
      <c r="N482065" s="10"/>
    </row>
    <row r="482066" spans="14:14">
      <c r="N482066" s="10"/>
    </row>
    <row r="482067" spans="14:14">
      <c r="N482067" s="10"/>
    </row>
    <row r="482068" spans="14:14">
      <c r="N482068" s="10"/>
    </row>
    <row r="482069" spans="14:14">
      <c r="N482069" s="10"/>
    </row>
    <row r="482070" spans="14:14">
      <c r="N482070" s="10"/>
    </row>
    <row r="482071" spans="14:14">
      <c r="N482071" s="10"/>
    </row>
    <row r="482072" spans="14:14">
      <c r="N482072" s="10"/>
    </row>
    <row r="482073" spans="14:14">
      <c r="N482073" s="10"/>
    </row>
    <row r="482074" spans="14:14">
      <c r="N482074" s="10"/>
    </row>
    <row r="482075" spans="14:14">
      <c r="N482075" s="10"/>
    </row>
    <row r="482076" spans="14:14">
      <c r="N482076" s="10"/>
    </row>
    <row r="482077" spans="14:14">
      <c r="N482077" s="10"/>
    </row>
    <row r="482078" spans="14:14">
      <c r="N482078" s="10"/>
    </row>
    <row r="482079" spans="14:14">
      <c r="N482079" s="10"/>
    </row>
    <row r="482080" spans="14:14">
      <c r="N482080" s="10"/>
    </row>
    <row r="482081" spans="14:14">
      <c r="N482081" s="10"/>
    </row>
    <row r="482082" spans="14:14">
      <c r="N482082" s="10"/>
    </row>
    <row r="482083" spans="14:14">
      <c r="N482083" s="10"/>
    </row>
    <row r="482084" spans="14:14">
      <c r="N482084" s="10"/>
    </row>
    <row r="482085" spans="14:14">
      <c r="N482085" s="10"/>
    </row>
    <row r="482086" spans="14:14">
      <c r="N482086" s="10"/>
    </row>
    <row r="482087" spans="14:14">
      <c r="N482087" s="10"/>
    </row>
    <row r="482088" spans="14:14">
      <c r="N482088" s="10"/>
    </row>
    <row r="482089" spans="14:14">
      <c r="N482089" s="10"/>
    </row>
    <row r="482090" spans="14:14">
      <c r="N482090" s="10"/>
    </row>
    <row r="482091" spans="14:14">
      <c r="N482091" s="10"/>
    </row>
    <row r="482092" spans="14:14">
      <c r="N482092" s="10"/>
    </row>
    <row r="482093" spans="14:14">
      <c r="N482093" s="10"/>
    </row>
    <row r="482094" spans="14:14">
      <c r="N482094" s="10"/>
    </row>
    <row r="482095" spans="14:14">
      <c r="N482095" s="10"/>
    </row>
    <row r="482096" spans="14:14">
      <c r="N482096" s="10"/>
    </row>
    <row r="482097" spans="14:14">
      <c r="N482097" s="10"/>
    </row>
    <row r="482098" spans="14:14">
      <c r="N482098" s="10"/>
    </row>
    <row r="482099" spans="14:14">
      <c r="N482099" s="10"/>
    </row>
    <row r="482100" spans="14:14">
      <c r="N482100" s="10"/>
    </row>
    <row r="482101" spans="14:14">
      <c r="N482101" s="10"/>
    </row>
    <row r="482102" spans="14:14">
      <c r="N482102" s="10"/>
    </row>
    <row r="482103" spans="14:14">
      <c r="N482103" s="10"/>
    </row>
    <row r="482104" spans="14:14">
      <c r="N482104" s="10"/>
    </row>
    <row r="482105" spans="14:14">
      <c r="N482105" s="10"/>
    </row>
    <row r="482106" spans="14:14">
      <c r="N482106" s="10"/>
    </row>
    <row r="482107" spans="14:14">
      <c r="N482107" s="10"/>
    </row>
    <row r="482108" spans="14:14">
      <c r="N482108" s="10"/>
    </row>
    <row r="482109" spans="14:14">
      <c r="N482109" s="10"/>
    </row>
    <row r="482110" spans="14:14">
      <c r="N482110" s="10"/>
    </row>
    <row r="482111" spans="14:14">
      <c r="N482111" s="10"/>
    </row>
    <row r="482112" spans="14:14">
      <c r="N482112" s="10"/>
    </row>
    <row r="482113" spans="14:14">
      <c r="N482113" s="10"/>
    </row>
    <row r="482114" spans="14:14">
      <c r="N482114" s="10"/>
    </row>
    <row r="482115" spans="14:14">
      <c r="N482115" s="10"/>
    </row>
    <row r="482116" spans="14:14">
      <c r="N482116" s="10"/>
    </row>
    <row r="482117" spans="14:14">
      <c r="N482117" s="10"/>
    </row>
    <row r="482118" spans="14:14">
      <c r="N482118" s="10"/>
    </row>
    <row r="482119" spans="14:14">
      <c r="N482119" s="10"/>
    </row>
    <row r="482120" spans="14:14">
      <c r="N482120" s="10"/>
    </row>
    <row r="482121" spans="14:14">
      <c r="N482121" s="10"/>
    </row>
    <row r="482122" spans="14:14">
      <c r="N482122" s="10"/>
    </row>
    <row r="482123" spans="14:14">
      <c r="N482123" s="10"/>
    </row>
    <row r="482124" spans="14:14">
      <c r="N482124" s="10"/>
    </row>
    <row r="482125" spans="14:14">
      <c r="N482125" s="10"/>
    </row>
    <row r="482126" spans="14:14">
      <c r="N482126" s="10"/>
    </row>
    <row r="482127" spans="14:14">
      <c r="N482127" s="10"/>
    </row>
    <row r="482128" spans="14:14">
      <c r="N482128" s="10"/>
    </row>
    <row r="482129" spans="14:14">
      <c r="N482129" s="10"/>
    </row>
    <row r="482130" spans="14:14">
      <c r="N482130" s="10"/>
    </row>
    <row r="482131" spans="14:14">
      <c r="N482131" s="10"/>
    </row>
    <row r="482132" spans="14:14">
      <c r="N482132" s="10"/>
    </row>
    <row r="482133" spans="14:14">
      <c r="N482133" s="10"/>
    </row>
    <row r="482134" spans="14:14">
      <c r="N482134" s="10"/>
    </row>
    <row r="482135" spans="14:14">
      <c r="N482135" s="10"/>
    </row>
    <row r="482136" spans="14:14">
      <c r="N482136" s="10"/>
    </row>
    <row r="482137" spans="14:14">
      <c r="N482137" s="10"/>
    </row>
    <row r="482138" spans="14:14">
      <c r="N482138" s="10"/>
    </row>
    <row r="482139" spans="14:14">
      <c r="N482139" s="10"/>
    </row>
    <row r="482140" spans="14:14">
      <c r="N482140" s="10"/>
    </row>
    <row r="482141" spans="14:14">
      <c r="N482141" s="10"/>
    </row>
    <row r="482142" spans="14:14">
      <c r="N482142" s="10"/>
    </row>
    <row r="482143" spans="14:14">
      <c r="N482143" s="10"/>
    </row>
    <row r="482144" spans="14:14">
      <c r="N482144" s="10"/>
    </row>
    <row r="482145" spans="14:14">
      <c r="N482145" s="10"/>
    </row>
    <row r="482146" spans="14:14">
      <c r="N482146" s="10"/>
    </row>
    <row r="482147" spans="14:14">
      <c r="N482147" s="10"/>
    </row>
    <row r="482148" spans="14:14">
      <c r="N482148" s="10"/>
    </row>
    <row r="482149" spans="14:14">
      <c r="N482149" s="10"/>
    </row>
    <row r="482150" spans="14:14">
      <c r="N482150" s="10"/>
    </row>
    <row r="482151" spans="14:14">
      <c r="N482151" s="10"/>
    </row>
    <row r="482152" spans="14:14">
      <c r="N482152" s="10"/>
    </row>
    <row r="482153" spans="14:14">
      <c r="N482153" s="10"/>
    </row>
    <row r="482154" spans="14:14">
      <c r="N482154" s="10"/>
    </row>
    <row r="482155" spans="14:14">
      <c r="N482155" s="10"/>
    </row>
    <row r="482156" spans="14:14">
      <c r="N482156" s="10"/>
    </row>
    <row r="482157" spans="14:14">
      <c r="N482157" s="10"/>
    </row>
    <row r="482158" spans="14:14">
      <c r="N482158" s="10"/>
    </row>
    <row r="482159" spans="14:14">
      <c r="N482159" s="10"/>
    </row>
    <row r="482160" spans="14:14">
      <c r="N482160" s="10"/>
    </row>
    <row r="482161" spans="14:14">
      <c r="N482161" s="10"/>
    </row>
    <row r="482162" spans="14:14">
      <c r="N482162" s="10"/>
    </row>
    <row r="482163" spans="14:14">
      <c r="N482163" s="10"/>
    </row>
    <row r="482164" spans="14:14">
      <c r="N482164" s="10"/>
    </row>
    <row r="482165" spans="14:14">
      <c r="N482165" s="10"/>
    </row>
    <row r="482166" spans="14:14">
      <c r="N482166" s="10"/>
    </row>
    <row r="482167" spans="14:14">
      <c r="N482167" s="10"/>
    </row>
    <row r="482168" spans="14:14">
      <c r="N482168" s="10"/>
    </row>
    <row r="482169" spans="14:14">
      <c r="N482169" s="10"/>
    </row>
    <row r="482170" spans="14:14">
      <c r="N482170" s="10"/>
    </row>
    <row r="482171" spans="14:14">
      <c r="N482171" s="10"/>
    </row>
    <row r="482172" spans="14:14">
      <c r="N482172" s="10"/>
    </row>
    <row r="482173" spans="14:14">
      <c r="N482173" s="10"/>
    </row>
    <row r="482174" spans="14:14">
      <c r="N482174" s="10"/>
    </row>
    <row r="482175" spans="14:14">
      <c r="N482175" s="10"/>
    </row>
    <row r="482176" spans="14:14">
      <c r="N482176" s="10"/>
    </row>
    <row r="482177" spans="14:14">
      <c r="N482177" s="10"/>
    </row>
    <row r="482178" spans="14:14">
      <c r="N482178" s="10"/>
    </row>
    <row r="482179" spans="14:14">
      <c r="N482179" s="10"/>
    </row>
    <row r="482180" spans="14:14">
      <c r="N482180" s="10"/>
    </row>
    <row r="482181" spans="14:14">
      <c r="N482181" s="10"/>
    </row>
    <row r="482182" spans="14:14">
      <c r="N482182" s="10"/>
    </row>
    <row r="482183" spans="14:14">
      <c r="N482183" s="10"/>
    </row>
    <row r="482184" spans="14:14">
      <c r="N482184" s="10"/>
    </row>
    <row r="482185" spans="14:14">
      <c r="N482185" s="10"/>
    </row>
    <row r="482186" spans="14:14">
      <c r="N482186" s="10"/>
    </row>
    <row r="482187" spans="14:14">
      <c r="N482187" s="10"/>
    </row>
    <row r="482188" spans="14:14">
      <c r="N482188" s="10"/>
    </row>
    <row r="482189" spans="14:14">
      <c r="N482189" s="10"/>
    </row>
    <row r="482190" spans="14:14">
      <c r="N482190" s="10"/>
    </row>
    <row r="482191" spans="14:14">
      <c r="N482191" s="10"/>
    </row>
    <row r="482192" spans="14:14">
      <c r="N482192" s="10"/>
    </row>
    <row r="482193" spans="14:14">
      <c r="N482193" s="10"/>
    </row>
    <row r="482194" spans="14:14">
      <c r="N482194" s="10"/>
    </row>
    <row r="482195" spans="14:14">
      <c r="N482195" s="10"/>
    </row>
    <row r="482196" spans="14:14">
      <c r="N482196" s="10"/>
    </row>
    <row r="482197" spans="14:14">
      <c r="N482197" s="10"/>
    </row>
    <row r="482198" spans="14:14">
      <c r="N482198" s="10"/>
    </row>
    <row r="482199" spans="14:14">
      <c r="N482199" s="10"/>
    </row>
    <row r="482200" spans="14:14">
      <c r="N482200" s="10"/>
    </row>
    <row r="482201" spans="14:14">
      <c r="N482201" s="10"/>
    </row>
    <row r="482202" spans="14:14">
      <c r="N482202" s="10"/>
    </row>
    <row r="482203" spans="14:14">
      <c r="N482203" s="10"/>
    </row>
    <row r="482204" spans="14:14">
      <c r="N482204" s="10"/>
    </row>
    <row r="482205" spans="14:14">
      <c r="N482205" s="10"/>
    </row>
    <row r="482206" spans="14:14">
      <c r="N482206" s="10"/>
    </row>
    <row r="482207" spans="14:14">
      <c r="N482207" s="10"/>
    </row>
    <row r="482208" spans="14:14">
      <c r="N482208" s="10"/>
    </row>
    <row r="482209" spans="14:14">
      <c r="N482209" s="10"/>
    </row>
    <row r="482210" spans="14:14">
      <c r="N482210" s="10"/>
    </row>
    <row r="482211" spans="14:14">
      <c r="N482211" s="10"/>
    </row>
    <row r="482212" spans="14:14">
      <c r="N482212" s="10"/>
    </row>
    <row r="482213" spans="14:14">
      <c r="N482213" s="10"/>
    </row>
    <row r="482214" spans="14:14">
      <c r="N482214" s="10"/>
    </row>
    <row r="482215" spans="14:14">
      <c r="N482215" s="10"/>
    </row>
    <row r="482216" spans="14:14">
      <c r="N482216" s="10"/>
    </row>
    <row r="482217" spans="14:14">
      <c r="N482217" s="10"/>
    </row>
    <row r="482218" spans="14:14">
      <c r="N482218" s="10"/>
    </row>
    <row r="482219" spans="14:14">
      <c r="N482219" s="10"/>
    </row>
    <row r="482220" spans="14:14">
      <c r="N482220" s="10"/>
    </row>
    <row r="482221" spans="14:14">
      <c r="N482221" s="10"/>
    </row>
    <row r="482222" spans="14:14">
      <c r="N482222" s="10"/>
    </row>
    <row r="482223" spans="14:14">
      <c r="N482223" s="10"/>
    </row>
    <row r="482224" spans="14:14">
      <c r="N482224" s="10"/>
    </row>
    <row r="482225" spans="14:14">
      <c r="N482225" s="10"/>
    </row>
    <row r="482226" spans="14:14">
      <c r="N482226" s="10"/>
    </row>
    <row r="482227" spans="14:14">
      <c r="N482227" s="10"/>
    </row>
    <row r="482228" spans="14:14">
      <c r="N482228" s="10"/>
    </row>
    <row r="482229" spans="14:14">
      <c r="N482229" s="10"/>
    </row>
    <row r="482230" spans="14:14">
      <c r="N482230" s="10"/>
    </row>
    <row r="482231" spans="14:14">
      <c r="N482231" s="10"/>
    </row>
    <row r="482232" spans="14:14">
      <c r="N482232" s="10"/>
    </row>
    <row r="482233" spans="14:14">
      <c r="N482233" s="10"/>
    </row>
    <row r="482234" spans="14:14">
      <c r="N482234" s="10"/>
    </row>
    <row r="482235" spans="14:14">
      <c r="N482235" s="10"/>
    </row>
    <row r="482236" spans="14:14">
      <c r="N482236" s="10"/>
    </row>
    <row r="482237" spans="14:14">
      <c r="N482237" s="10"/>
    </row>
    <row r="482238" spans="14:14">
      <c r="N482238" s="10"/>
    </row>
    <row r="482239" spans="14:14">
      <c r="N482239" s="10"/>
    </row>
    <row r="482240" spans="14:14">
      <c r="N482240" s="10"/>
    </row>
    <row r="482241" spans="14:14">
      <c r="N482241" s="10"/>
    </row>
    <row r="482242" spans="14:14">
      <c r="N482242" s="10"/>
    </row>
    <row r="482243" spans="14:14">
      <c r="N482243" s="10"/>
    </row>
    <row r="482244" spans="14:14">
      <c r="N482244" s="10"/>
    </row>
    <row r="482245" spans="14:14">
      <c r="N482245" s="10"/>
    </row>
    <row r="482246" spans="14:14">
      <c r="N482246" s="10"/>
    </row>
    <row r="482247" spans="14:14">
      <c r="N482247" s="10"/>
    </row>
    <row r="482248" spans="14:14">
      <c r="N482248" s="10"/>
    </row>
    <row r="482249" spans="14:14">
      <c r="N482249" s="10"/>
    </row>
    <row r="482250" spans="14:14">
      <c r="N482250" s="10"/>
    </row>
    <row r="482251" spans="14:14">
      <c r="N482251" s="10"/>
    </row>
    <row r="482252" spans="14:14">
      <c r="N482252" s="10"/>
    </row>
    <row r="482253" spans="14:14">
      <c r="N482253" s="10"/>
    </row>
    <row r="482254" spans="14:14">
      <c r="N482254" s="10"/>
    </row>
    <row r="482255" spans="14:14">
      <c r="N482255" s="10"/>
    </row>
    <row r="482256" spans="14:14">
      <c r="N482256" s="10"/>
    </row>
    <row r="482257" spans="14:14">
      <c r="N482257" s="10"/>
    </row>
    <row r="482258" spans="14:14">
      <c r="N482258" s="10"/>
    </row>
    <row r="482259" spans="14:14">
      <c r="N482259" s="10"/>
    </row>
    <row r="482260" spans="14:14">
      <c r="N482260" s="10"/>
    </row>
    <row r="482261" spans="14:14">
      <c r="N482261" s="10"/>
    </row>
    <row r="482262" spans="14:14">
      <c r="N482262" s="10"/>
    </row>
    <row r="482263" spans="14:14">
      <c r="N482263" s="10"/>
    </row>
    <row r="482264" spans="14:14">
      <c r="N482264" s="10"/>
    </row>
    <row r="482265" spans="14:14">
      <c r="N482265" s="10"/>
    </row>
    <row r="482266" spans="14:14">
      <c r="N482266" s="10"/>
    </row>
    <row r="482267" spans="14:14">
      <c r="N482267" s="10"/>
    </row>
    <row r="482268" spans="14:14">
      <c r="N482268" s="10"/>
    </row>
    <row r="482269" spans="14:14">
      <c r="N482269" s="10"/>
    </row>
    <row r="482270" spans="14:14">
      <c r="N482270" s="10"/>
    </row>
    <row r="482271" spans="14:14">
      <c r="N482271" s="10"/>
    </row>
    <row r="482272" spans="14:14">
      <c r="N482272" s="10"/>
    </row>
    <row r="482273" spans="14:14">
      <c r="N482273" s="10"/>
    </row>
    <row r="482274" spans="14:14">
      <c r="N482274" s="10"/>
    </row>
    <row r="482275" spans="14:14">
      <c r="N482275" s="10"/>
    </row>
    <row r="482276" spans="14:14">
      <c r="N482276" s="10"/>
    </row>
    <row r="482277" spans="14:14">
      <c r="N482277" s="10"/>
    </row>
    <row r="482278" spans="14:14">
      <c r="N482278" s="10"/>
    </row>
    <row r="482279" spans="14:14">
      <c r="N482279" s="10"/>
    </row>
    <row r="482280" spans="14:14">
      <c r="N482280" s="10"/>
    </row>
    <row r="482281" spans="14:14">
      <c r="N482281" s="10"/>
    </row>
    <row r="482282" spans="14:14">
      <c r="N482282" s="10"/>
    </row>
    <row r="482283" spans="14:14">
      <c r="N482283" s="10"/>
    </row>
    <row r="482284" spans="14:14">
      <c r="N482284" s="10"/>
    </row>
    <row r="482285" spans="14:14">
      <c r="N482285" s="10"/>
    </row>
    <row r="482286" spans="14:14">
      <c r="N482286" s="10"/>
    </row>
    <row r="482287" spans="14:14">
      <c r="N482287" s="10"/>
    </row>
    <row r="482288" spans="14:14">
      <c r="N482288" s="10"/>
    </row>
    <row r="482289" spans="14:14">
      <c r="N482289" s="10"/>
    </row>
    <row r="482290" spans="14:14">
      <c r="N482290" s="10"/>
    </row>
    <row r="482291" spans="14:14">
      <c r="N482291" s="10"/>
    </row>
    <row r="482292" spans="14:14">
      <c r="N482292" s="10"/>
    </row>
    <row r="482293" spans="14:14">
      <c r="N482293" s="10"/>
    </row>
    <row r="482294" spans="14:14">
      <c r="N482294" s="10"/>
    </row>
    <row r="482295" spans="14:14">
      <c r="N482295" s="10"/>
    </row>
    <row r="482296" spans="14:14">
      <c r="N482296" s="10"/>
    </row>
    <row r="482297" spans="14:14">
      <c r="N482297" s="10"/>
    </row>
    <row r="482298" spans="14:14">
      <c r="N482298" s="10"/>
    </row>
    <row r="482299" spans="14:14">
      <c r="N482299" s="10"/>
    </row>
    <row r="482300" spans="14:14">
      <c r="N482300" s="10"/>
    </row>
    <row r="482301" spans="14:14">
      <c r="N482301" s="10"/>
    </row>
    <row r="482302" spans="14:14">
      <c r="N482302" s="10"/>
    </row>
    <row r="482303" spans="14:14">
      <c r="N482303" s="10"/>
    </row>
    <row r="482304" spans="14:14">
      <c r="N482304" s="10"/>
    </row>
    <row r="482305" spans="14:14">
      <c r="N482305" s="10"/>
    </row>
    <row r="482306" spans="14:14">
      <c r="N482306" s="10"/>
    </row>
    <row r="482307" spans="14:14">
      <c r="N482307" s="10"/>
    </row>
    <row r="482308" spans="14:14">
      <c r="N482308" s="10"/>
    </row>
    <row r="482309" spans="14:14">
      <c r="N482309" s="10"/>
    </row>
    <row r="482310" spans="14:14">
      <c r="N482310" s="10"/>
    </row>
    <row r="482311" spans="14:14">
      <c r="N482311" s="10"/>
    </row>
    <row r="482312" spans="14:14">
      <c r="N482312" s="10"/>
    </row>
    <row r="482313" spans="14:14">
      <c r="N482313" s="10"/>
    </row>
    <row r="482314" spans="14:14">
      <c r="N482314" s="10"/>
    </row>
    <row r="482315" spans="14:14">
      <c r="N482315" s="10"/>
    </row>
    <row r="482316" spans="14:14">
      <c r="N482316" s="10"/>
    </row>
    <row r="482317" spans="14:14">
      <c r="N482317" s="10"/>
    </row>
    <row r="482318" spans="14:14">
      <c r="N482318" s="10"/>
    </row>
    <row r="482319" spans="14:14">
      <c r="N482319" s="10"/>
    </row>
    <row r="482320" spans="14:14">
      <c r="N482320" s="10"/>
    </row>
    <row r="482321" spans="14:14">
      <c r="N482321" s="10"/>
    </row>
    <row r="482322" spans="14:14">
      <c r="N482322" s="10"/>
    </row>
    <row r="482323" spans="14:14">
      <c r="N482323" s="10"/>
    </row>
    <row r="482324" spans="14:14">
      <c r="N482324" s="10"/>
    </row>
    <row r="482325" spans="14:14">
      <c r="N482325" s="10"/>
    </row>
    <row r="482326" spans="14:14">
      <c r="N482326" s="10"/>
    </row>
    <row r="482327" spans="14:14">
      <c r="N482327" s="10"/>
    </row>
    <row r="482328" spans="14:14">
      <c r="N482328" s="10"/>
    </row>
    <row r="482329" spans="14:14">
      <c r="N482329" s="10"/>
    </row>
    <row r="482330" spans="14:14">
      <c r="N482330" s="10"/>
    </row>
    <row r="482331" spans="14:14">
      <c r="N482331" s="10"/>
    </row>
    <row r="482332" spans="14:14">
      <c r="N482332" s="10"/>
    </row>
    <row r="482333" spans="14:14">
      <c r="N482333" s="10"/>
    </row>
    <row r="482334" spans="14:14">
      <c r="N482334" s="10"/>
    </row>
    <row r="482335" spans="14:14">
      <c r="N482335" s="10"/>
    </row>
    <row r="482336" spans="14:14">
      <c r="N482336" s="10"/>
    </row>
    <row r="482337" spans="14:14">
      <c r="N482337" s="10"/>
    </row>
    <row r="482338" spans="14:14">
      <c r="N482338" s="10"/>
    </row>
    <row r="482339" spans="14:14">
      <c r="N482339" s="10"/>
    </row>
    <row r="482340" spans="14:14">
      <c r="N482340" s="10"/>
    </row>
    <row r="482341" spans="14:14">
      <c r="N482341" s="10"/>
    </row>
    <row r="482342" spans="14:14">
      <c r="N482342" s="10"/>
    </row>
    <row r="482343" spans="14:14">
      <c r="N482343" s="10"/>
    </row>
    <row r="482344" spans="14:14">
      <c r="N482344" s="10"/>
    </row>
    <row r="482345" spans="14:14">
      <c r="N482345" s="10"/>
    </row>
    <row r="482346" spans="14:14">
      <c r="N482346" s="10"/>
    </row>
    <row r="482347" spans="14:14">
      <c r="N482347" s="10"/>
    </row>
    <row r="482348" spans="14:14">
      <c r="N482348" s="10"/>
    </row>
    <row r="482349" spans="14:14">
      <c r="N482349" s="10"/>
    </row>
    <row r="482350" spans="14:14">
      <c r="N482350" s="10"/>
    </row>
    <row r="482351" spans="14:14">
      <c r="N482351" s="10"/>
    </row>
    <row r="482352" spans="14:14">
      <c r="N482352" s="10"/>
    </row>
    <row r="482353" spans="14:14">
      <c r="N482353" s="10"/>
    </row>
    <row r="482354" spans="14:14">
      <c r="N482354" s="10"/>
    </row>
    <row r="482355" spans="14:14">
      <c r="N482355" s="10"/>
    </row>
    <row r="482356" spans="14:14">
      <c r="N482356" s="10"/>
    </row>
    <row r="482357" spans="14:14">
      <c r="N482357" s="10"/>
    </row>
    <row r="482358" spans="14:14">
      <c r="N482358" s="10"/>
    </row>
    <row r="482359" spans="14:14">
      <c r="N482359" s="10"/>
    </row>
    <row r="482360" spans="14:14">
      <c r="N482360" s="10"/>
    </row>
    <row r="482361" spans="14:14">
      <c r="N482361" s="10"/>
    </row>
    <row r="482362" spans="14:14">
      <c r="N482362" s="10"/>
    </row>
    <row r="482363" spans="14:14">
      <c r="N482363" s="10"/>
    </row>
    <row r="482364" spans="14:14">
      <c r="N482364" s="10"/>
    </row>
    <row r="482365" spans="14:14">
      <c r="N482365" s="10"/>
    </row>
    <row r="482366" spans="14:14">
      <c r="N482366" s="10"/>
    </row>
    <row r="482367" spans="14:14">
      <c r="N482367" s="10"/>
    </row>
    <row r="482368" spans="14:14">
      <c r="N482368" s="10"/>
    </row>
    <row r="482369" spans="14:14">
      <c r="N482369" s="10"/>
    </row>
    <row r="482370" spans="14:14">
      <c r="N482370" s="10"/>
    </row>
    <row r="482371" spans="14:14">
      <c r="N482371" s="10"/>
    </row>
    <row r="482372" spans="14:14">
      <c r="N482372" s="10"/>
    </row>
    <row r="482373" spans="14:14">
      <c r="N482373" s="10"/>
    </row>
    <row r="482374" spans="14:14">
      <c r="N482374" s="10"/>
    </row>
    <row r="482375" spans="14:14">
      <c r="N482375" s="10"/>
    </row>
    <row r="482376" spans="14:14">
      <c r="N482376" s="10"/>
    </row>
    <row r="482377" spans="14:14">
      <c r="N482377" s="10"/>
    </row>
    <row r="482378" spans="14:14">
      <c r="N482378" s="10"/>
    </row>
    <row r="482379" spans="14:14">
      <c r="N482379" s="10"/>
    </row>
    <row r="482380" spans="14:14">
      <c r="N482380" s="10"/>
    </row>
    <row r="482381" spans="14:14">
      <c r="N482381" s="10"/>
    </row>
    <row r="482382" spans="14:14">
      <c r="N482382" s="10"/>
    </row>
    <row r="482383" spans="14:14">
      <c r="N482383" s="10"/>
    </row>
    <row r="482384" spans="14:14">
      <c r="N482384" s="10"/>
    </row>
    <row r="482385" spans="14:14">
      <c r="N482385" s="10"/>
    </row>
    <row r="482386" spans="14:14">
      <c r="N482386" s="10"/>
    </row>
    <row r="482387" spans="14:14">
      <c r="N482387" s="10"/>
    </row>
    <row r="482388" spans="14:14">
      <c r="N482388" s="10"/>
    </row>
    <row r="482389" spans="14:14">
      <c r="N482389" s="10"/>
    </row>
    <row r="482390" spans="14:14">
      <c r="N482390" s="10"/>
    </row>
    <row r="482391" spans="14:14">
      <c r="N482391" s="10"/>
    </row>
    <row r="482392" spans="14:14">
      <c r="N482392" s="10"/>
    </row>
    <row r="482393" spans="14:14">
      <c r="N482393" s="10"/>
    </row>
    <row r="482394" spans="14:14">
      <c r="N482394" s="10"/>
    </row>
    <row r="482395" spans="14:14">
      <c r="N482395" s="10"/>
    </row>
    <row r="482396" spans="14:14">
      <c r="N482396" s="10"/>
    </row>
    <row r="482397" spans="14:14">
      <c r="N482397" s="10"/>
    </row>
    <row r="482398" spans="14:14">
      <c r="N482398" s="10"/>
    </row>
    <row r="482399" spans="14:14">
      <c r="N482399" s="10"/>
    </row>
    <row r="482400" spans="14:14">
      <c r="N482400" s="10"/>
    </row>
    <row r="482401" spans="14:14">
      <c r="N482401" s="10"/>
    </row>
    <row r="482402" spans="14:14">
      <c r="N482402" s="10"/>
    </row>
    <row r="482403" spans="14:14">
      <c r="N482403" s="10"/>
    </row>
    <row r="482404" spans="14:14">
      <c r="N482404" s="10"/>
    </row>
    <row r="482405" spans="14:14">
      <c r="N482405" s="10"/>
    </row>
    <row r="482406" spans="14:14">
      <c r="N482406" s="10"/>
    </row>
    <row r="482407" spans="14:14">
      <c r="N482407" s="10"/>
    </row>
    <row r="482408" spans="14:14">
      <c r="N482408" s="10"/>
    </row>
    <row r="482409" spans="14:14">
      <c r="N482409" s="10"/>
    </row>
    <row r="482410" spans="14:14">
      <c r="N482410" s="10"/>
    </row>
    <row r="482411" spans="14:14">
      <c r="N482411" s="10"/>
    </row>
    <row r="482412" spans="14:14">
      <c r="N482412" s="10"/>
    </row>
    <row r="482413" spans="14:14">
      <c r="N482413" s="10"/>
    </row>
    <row r="482414" spans="14:14">
      <c r="N482414" s="10"/>
    </row>
    <row r="482415" spans="14:14">
      <c r="N482415" s="10"/>
    </row>
    <row r="482416" spans="14:14">
      <c r="N482416" s="10"/>
    </row>
    <row r="482417" spans="14:14">
      <c r="N482417" s="10"/>
    </row>
    <row r="482418" spans="14:14">
      <c r="N482418" s="10"/>
    </row>
    <row r="482419" spans="14:14">
      <c r="N482419" s="10"/>
    </row>
    <row r="482420" spans="14:14">
      <c r="N482420" s="10"/>
    </row>
    <row r="482421" spans="14:14">
      <c r="N482421" s="10"/>
    </row>
    <row r="482422" spans="14:14">
      <c r="N482422" s="10"/>
    </row>
    <row r="482423" spans="14:14">
      <c r="N482423" s="10"/>
    </row>
    <row r="482424" spans="14:14">
      <c r="N482424" s="10"/>
    </row>
    <row r="482425" spans="14:14">
      <c r="N482425" s="10"/>
    </row>
    <row r="482426" spans="14:14">
      <c r="N482426" s="10"/>
    </row>
    <row r="482427" spans="14:14">
      <c r="N482427" s="10"/>
    </row>
    <row r="482428" spans="14:14">
      <c r="N482428" s="10"/>
    </row>
    <row r="482429" spans="14:14">
      <c r="N482429" s="10"/>
    </row>
    <row r="482430" spans="14:14">
      <c r="N482430" s="10"/>
    </row>
    <row r="482431" spans="14:14">
      <c r="N482431" s="10"/>
    </row>
    <row r="482432" spans="14:14">
      <c r="N482432" s="10"/>
    </row>
    <row r="482433" spans="14:14">
      <c r="N482433" s="10"/>
    </row>
    <row r="482434" spans="14:14">
      <c r="N482434" s="10"/>
    </row>
    <row r="482435" spans="14:14">
      <c r="N482435" s="10"/>
    </row>
    <row r="482436" spans="14:14">
      <c r="N482436" s="10"/>
    </row>
    <row r="482437" spans="14:14">
      <c r="N482437" s="10"/>
    </row>
    <row r="482438" spans="14:14">
      <c r="N482438" s="10"/>
    </row>
    <row r="482439" spans="14:14">
      <c r="N482439" s="10"/>
    </row>
    <row r="482440" spans="14:14">
      <c r="N482440" s="10"/>
    </row>
    <row r="482441" spans="14:14">
      <c r="N482441" s="10"/>
    </row>
    <row r="482442" spans="14:14">
      <c r="N482442" s="10"/>
    </row>
    <row r="482443" spans="14:14">
      <c r="N482443" s="10"/>
    </row>
    <row r="482444" spans="14:14">
      <c r="N482444" s="10"/>
    </row>
    <row r="482445" spans="14:14">
      <c r="N482445" s="10"/>
    </row>
    <row r="482446" spans="14:14">
      <c r="N482446" s="10"/>
    </row>
    <row r="482447" spans="14:14">
      <c r="N482447" s="10"/>
    </row>
    <row r="482448" spans="14:14">
      <c r="N482448" s="10"/>
    </row>
    <row r="482449" spans="14:14">
      <c r="N482449" s="10"/>
    </row>
    <row r="482450" spans="14:14">
      <c r="N482450" s="10"/>
    </row>
    <row r="482451" spans="14:14">
      <c r="N482451" s="10"/>
    </row>
    <row r="482452" spans="14:14">
      <c r="N482452" s="10"/>
    </row>
    <row r="482453" spans="14:14">
      <c r="N482453" s="10"/>
    </row>
    <row r="482454" spans="14:14">
      <c r="N482454" s="10"/>
    </row>
    <row r="482455" spans="14:14">
      <c r="N482455" s="10"/>
    </row>
    <row r="482456" spans="14:14">
      <c r="N482456" s="10"/>
    </row>
    <row r="482457" spans="14:14">
      <c r="N482457" s="10"/>
    </row>
    <row r="482458" spans="14:14">
      <c r="N482458" s="10"/>
    </row>
    <row r="482459" spans="14:14">
      <c r="N482459" s="10"/>
    </row>
    <row r="482460" spans="14:14">
      <c r="N482460" s="10"/>
    </row>
    <row r="482461" spans="14:14">
      <c r="N482461" s="10"/>
    </row>
    <row r="482462" spans="14:14">
      <c r="N482462" s="10"/>
    </row>
    <row r="482463" spans="14:14">
      <c r="N482463" s="10"/>
    </row>
    <row r="482464" spans="14:14">
      <c r="N482464" s="10"/>
    </row>
    <row r="482465" spans="14:14">
      <c r="N482465" s="10"/>
    </row>
    <row r="482466" spans="14:14">
      <c r="N482466" s="10"/>
    </row>
    <row r="482467" spans="14:14">
      <c r="N482467" s="10"/>
    </row>
    <row r="482468" spans="14:14">
      <c r="N482468" s="10"/>
    </row>
    <row r="482469" spans="14:14">
      <c r="N482469" s="10"/>
    </row>
    <row r="482470" spans="14:14">
      <c r="N482470" s="10"/>
    </row>
    <row r="482471" spans="14:14">
      <c r="N482471" s="10"/>
    </row>
    <row r="482472" spans="14:14">
      <c r="N482472" s="10"/>
    </row>
    <row r="482473" spans="14:14">
      <c r="N482473" s="10"/>
    </row>
    <row r="482474" spans="14:14">
      <c r="N482474" s="10"/>
    </row>
    <row r="482475" spans="14:14">
      <c r="N482475" s="10"/>
    </row>
    <row r="482476" spans="14:14">
      <c r="N482476" s="10"/>
    </row>
    <row r="482477" spans="14:14">
      <c r="N482477" s="10"/>
    </row>
    <row r="482478" spans="14:14">
      <c r="N482478" s="10"/>
    </row>
    <row r="482479" spans="14:14">
      <c r="N482479" s="10"/>
    </row>
    <row r="482480" spans="14:14">
      <c r="N482480" s="10"/>
    </row>
    <row r="482481" spans="14:14">
      <c r="N482481" s="10"/>
    </row>
    <row r="482482" spans="14:14">
      <c r="N482482" s="10"/>
    </row>
    <row r="482483" spans="14:14">
      <c r="N482483" s="10"/>
    </row>
    <row r="482484" spans="14:14">
      <c r="N482484" s="10"/>
    </row>
    <row r="482485" spans="14:14">
      <c r="N482485" s="10"/>
    </row>
    <row r="482486" spans="14:14">
      <c r="N482486" s="10"/>
    </row>
    <row r="482487" spans="14:14">
      <c r="N482487" s="10"/>
    </row>
    <row r="482488" spans="14:14">
      <c r="N482488" s="10"/>
    </row>
    <row r="482489" spans="14:14">
      <c r="N482489" s="10"/>
    </row>
    <row r="482490" spans="14:14">
      <c r="N482490" s="10"/>
    </row>
    <row r="482491" spans="14:14">
      <c r="N482491" s="10"/>
    </row>
    <row r="482492" spans="14:14">
      <c r="N482492" s="10"/>
    </row>
    <row r="482493" spans="14:14">
      <c r="N482493" s="10"/>
    </row>
    <row r="482494" spans="14:14">
      <c r="N482494" s="10"/>
    </row>
    <row r="482495" spans="14:14">
      <c r="N482495" s="10"/>
    </row>
    <row r="482496" spans="14:14">
      <c r="N482496" s="10"/>
    </row>
    <row r="482497" spans="14:14">
      <c r="N482497" s="10"/>
    </row>
    <row r="482498" spans="14:14">
      <c r="N482498" s="10"/>
    </row>
    <row r="482499" spans="14:14">
      <c r="N482499" s="10"/>
    </row>
    <row r="482500" spans="14:14">
      <c r="N482500" s="10"/>
    </row>
    <row r="482501" spans="14:14">
      <c r="N482501" s="10"/>
    </row>
    <row r="482502" spans="14:14">
      <c r="N482502" s="10"/>
    </row>
    <row r="482503" spans="14:14">
      <c r="N482503" s="10"/>
    </row>
    <row r="482504" spans="14:14">
      <c r="N482504" s="10"/>
    </row>
    <row r="482505" spans="14:14">
      <c r="N482505" s="10"/>
    </row>
    <row r="482506" spans="14:14">
      <c r="N482506" s="10"/>
    </row>
    <row r="482507" spans="14:14">
      <c r="N482507" s="10"/>
    </row>
    <row r="482508" spans="14:14">
      <c r="N482508" s="10"/>
    </row>
    <row r="482509" spans="14:14">
      <c r="N482509" s="10"/>
    </row>
    <row r="482510" spans="14:14">
      <c r="N482510" s="10"/>
    </row>
    <row r="482511" spans="14:14">
      <c r="N482511" s="10"/>
    </row>
    <row r="482512" spans="14:14">
      <c r="N482512" s="10"/>
    </row>
    <row r="482513" spans="14:14">
      <c r="N482513" s="10"/>
    </row>
    <row r="482514" spans="14:14">
      <c r="N482514" s="10"/>
    </row>
    <row r="482515" spans="14:14">
      <c r="N482515" s="10"/>
    </row>
    <row r="482516" spans="14:14">
      <c r="N482516" s="10"/>
    </row>
    <row r="482517" spans="14:14">
      <c r="N482517" s="10"/>
    </row>
    <row r="482518" spans="14:14">
      <c r="N482518" s="10"/>
    </row>
    <row r="482519" spans="14:14">
      <c r="N482519" s="10"/>
    </row>
    <row r="482520" spans="14:14">
      <c r="N482520" s="10"/>
    </row>
    <row r="482521" spans="14:14">
      <c r="N482521" s="10"/>
    </row>
    <row r="482522" spans="14:14">
      <c r="N482522" s="10"/>
    </row>
    <row r="482523" spans="14:14">
      <c r="N482523" s="10"/>
    </row>
    <row r="482524" spans="14:14">
      <c r="N482524" s="10"/>
    </row>
    <row r="482525" spans="14:14">
      <c r="N482525" s="10"/>
    </row>
    <row r="482526" spans="14:14">
      <c r="N482526" s="10"/>
    </row>
    <row r="482527" spans="14:14">
      <c r="N482527" s="10"/>
    </row>
    <row r="482528" spans="14:14">
      <c r="N482528" s="10"/>
    </row>
    <row r="482529" spans="14:14">
      <c r="N482529" s="10"/>
    </row>
    <row r="482530" spans="14:14">
      <c r="N482530" s="10"/>
    </row>
    <row r="482531" spans="14:14">
      <c r="N482531" s="10"/>
    </row>
    <row r="482532" spans="14:14">
      <c r="N482532" s="10"/>
    </row>
    <row r="482533" spans="14:14">
      <c r="N482533" s="10"/>
    </row>
    <row r="482534" spans="14:14">
      <c r="N482534" s="10"/>
    </row>
    <row r="482535" spans="14:14">
      <c r="N482535" s="10"/>
    </row>
    <row r="482536" spans="14:14">
      <c r="N482536" s="10"/>
    </row>
    <row r="482537" spans="14:14">
      <c r="N482537" s="10"/>
    </row>
    <row r="482538" spans="14:14">
      <c r="N482538" s="10"/>
    </row>
    <row r="482539" spans="14:14">
      <c r="N482539" s="10"/>
    </row>
    <row r="482540" spans="14:14">
      <c r="N482540" s="10"/>
    </row>
    <row r="482541" spans="14:14">
      <c r="N482541" s="10"/>
    </row>
    <row r="482542" spans="14:14">
      <c r="N482542" s="10"/>
    </row>
    <row r="482543" spans="14:14">
      <c r="N482543" s="10"/>
    </row>
    <row r="482544" spans="14:14">
      <c r="N482544" s="10"/>
    </row>
    <row r="482545" spans="14:14">
      <c r="N482545" s="10"/>
    </row>
    <row r="482546" spans="14:14">
      <c r="N482546" s="10"/>
    </row>
    <row r="482547" spans="14:14">
      <c r="N482547" s="10"/>
    </row>
    <row r="482548" spans="14:14">
      <c r="N482548" s="10"/>
    </row>
    <row r="482549" spans="14:14">
      <c r="N482549" s="10"/>
    </row>
    <row r="482550" spans="14:14">
      <c r="N482550" s="10"/>
    </row>
    <row r="482551" spans="14:14">
      <c r="N482551" s="10"/>
    </row>
    <row r="482552" spans="14:14">
      <c r="N482552" s="10"/>
    </row>
    <row r="482553" spans="14:14">
      <c r="N482553" s="10"/>
    </row>
    <row r="482554" spans="14:14">
      <c r="N482554" s="10"/>
    </row>
    <row r="482555" spans="14:14">
      <c r="N482555" s="10"/>
    </row>
    <row r="482556" spans="14:14">
      <c r="N482556" s="10"/>
    </row>
    <row r="482557" spans="14:14">
      <c r="N482557" s="10"/>
    </row>
    <row r="482558" spans="14:14">
      <c r="N482558" s="10"/>
    </row>
    <row r="482559" spans="14:14">
      <c r="N482559" s="10"/>
    </row>
    <row r="482560" spans="14:14">
      <c r="N482560" s="10"/>
    </row>
    <row r="482561" spans="14:14">
      <c r="N482561" s="10"/>
    </row>
    <row r="482562" spans="14:14">
      <c r="N482562" s="10"/>
    </row>
    <row r="482563" spans="14:14">
      <c r="N482563" s="10"/>
    </row>
    <row r="482564" spans="14:14">
      <c r="N482564" s="10"/>
    </row>
    <row r="482565" spans="14:14">
      <c r="N482565" s="10"/>
    </row>
    <row r="482566" spans="14:14">
      <c r="N482566" s="10"/>
    </row>
    <row r="482567" spans="14:14">
      <c r="N482567" s="10"/>
    </row>
    <row r="482568" spans="14:14">
      <c r="N482568" s="10"/>
    </row>
    <row r="482569" spans="14:14">
      <c r="N482569" s="10"/>
    </row>
    <row r="482570" spans="14:14">
      <c r="N482570" s="10"/>
    </row>
    <row r="482571" spans="14:14">
      <c r="N482571" s="10"/>
    </row>
    <row r="482572" spans="14:14">
      <c r="N482572" s="10"/>
    </row>
    <row r="482573" spans="14:14">
      <c r="N482573" s="10"/>
    </row>
    <row r="482574" spans="14:14">
      <c r="N482574" s="10"/>
    </row>
    <row r="482575" spans="14:14">
      <c r="N482575" s="10"/>
    </row>
    <row r="482576" spans="14:14">
      <c r="N482576" s="10"/>
    </row>
    <row r="482577" spans="14:14">
      <c r="N482577" s="10"/>
    </row>
    <row r="482578" spans="14:14">
      <c r="N482578" s="10"/>
    </row>
    <row r="482579" spans="14:14">
      <c r="N482579" s="10"/>
    </row>
    <row r="482580" spans="14:14">
      <c r="N482580" s="10"/>
    </row>
    <row r="482581" spans="14:14">
      <c r="N482581" s="10"/>
    </row>
    <row r="482582" spans="14:14">
      <c r="N482582" s="10"/>
    </row>
    <row r="482583" spans="14:14">
      <c r="N482583" s="10"/>
    </row>
    <row r="482584" spans="14:14">
      <c r="N482584" s="10"/>
    </row>
    <row r="482585" spans="14:14">
      <c r="N482585" s="10"/>
    </row>
    <row r="482586" spans="14:14">
      <c r="N482586" s="10"/>
    </row>
    <row r="482587" spans="14:14">
      <c r="N482587" s="10"/>
    </row>
    <row r="482588" spans="14:14">
      <c r="N482588" s="10"/>
    </row>
    <row r="482589" spans="14:14">
      <c r="N482589" s="10"/>
    </row>
    <row r="482590" spans="14:14">
      <c r="N482590" s="10"/>
    </row>
    <row r="482591" spans="14:14">
      <c r="N482591" s="10"/>
    </row>
    <row r="482592" spans="14:14">
      <c r="N482592" s="10"/>
    </row>
    <row r="482593" spans="14:14">
      <c r="N482593" s="10"/>
    </row>
    <row r="482594" spans="14:14">
      <c r="N482594" s="10"/>
    </row>
    <row r="482595" spans="14:14">
      <c r="N482595" s="10"/>
    </row>
    <row r="482596" spans="14:14">
      <c r="N482596" s="10"/>
    </row>
    <row r="482597" spans="14:14">
      <c r="N482597" s="10"/>
    </row>
    <row r="482598" spans="14:14">
      <c r="N482598" s="10"/>
    </row>
    <row r="482599" spans="14:14">
      <c r="N482599" s="10"/>
    </row>
    <row r="482600" spans="14:14">
      <c r="N482600" s="10"/>
    </row>
    <row r="482601" spans="14:14">
      <c r="N482601" s="10"/>
    </row>
    <row r="482602" spans="14:14">
      <c r="N482602" s="10"/>
    </row>
    <row r="482603" spans="14:14">
      <c r="N482603" s="10"/>
    </row>
    <row r="482604" spans="14:14">
      <c r="N482604" s="10"/>
    </row>
    <row r="482605" spans="14:14">
      <c r="N482605" s="10"/>
    </row>
    <row r="482606" spans="14:14">
      <c r="N482606" s="10"/>
    </row>
    <row r="482607" spans="14:14">
      <c r="N482607" s="10"/>
    </row>
    <row r="482608" spans="14:14">
      <c r="N482608" s="10"/>
    </row>
    <row r="482609" spans="14:14">
      <c r="N482609" s="10"/>
    </row>
    <row r="482610" spans="14:14">
      <c r="N482610" s="10"/>
    </row>
    <row r="482611" spans="14:14">
      <c r="N482611" s="10"/>
    </row>
    <row r="482612" spans="14:14">
      <c r="N482612" s="10"/>
    </row>
    <row r="482613" spans="14:14">
      <c r="N482613" s="10"/>
    </row>
    <row r="482614" spans="14:14">
      <c r="N482614" s="10"/>
    </row>
    <row r="482615" spans="14:14">
      <c r="N482615" s="10"/>
    </row>
    <row r="482616" spans="14:14">
      <c r="N482616" s="10"/>
    </row>
    <row r="482617" spans="14:14">
      <c r="N482617" s="10"/>
    </row>
    <row r="482618" spans="14:14">
      <c r="N482618" s="10"/>
    </row>
    <row r="482619" spans="14:14">
      <c r="N482619" s="10"/>
    </row>
    <row r="482620" spans="14:14">
      <c r="N482620" s="10"/>
    </row>
    <row r="482621" spans="14:14">
      <c r="N482621" s="10"/>
    </row>
    <row r="482622" spans="14:14">
      <c r="N482622" s="10"/>
    </row>
    <row r="482623" spans="14:14">
      <c r="N482623" s="10"/>
    </row>
    <row r="482624" spans="14:14">
      <c r="N482624" s="10"/>
    </row>
    <row r="482625" spans="14:14">
      <c r="N482625" s="10"/>
    </row>
    <row r="482626" spans="14:14">
      <c r="N482626" s="10"/>
    </row>
    <row r="482627" spans="14:14">
      <c r="N482627" s="10"/>
    </row>
    <row r="482628" spans="14:14">
      <c r="N482628" s="10"/>
    </row>
    <row r="482629" spans="14:14">
      <c r="N482629" s="10"/>
    </row>
    <row r="482630" spans="14:14">
      <c r="N482630" s="10"/>
    </row>
    <row r="482631" spans="14:14">
      <c r="N482631" s="10"/>
    </row>
    <row r="482632" spans="14:14">
      <c r="N482632" s="10"/>
    </row>
    <row r="482633" spans="14:14">
      <c r="N482633" s="10"/>
    </row>
    <row r="482634" spans="14:14">
      <c r="N482634" s="10"/>
    </row>
    <row r="482635" spans="14:14">
      <c r="N482635" s="10"/>
    </row>
    <row r="482636" spans="14:14">
      <c r="N482636" s="10"/>
    </row>
    <row r="482637" spans="14:14">
      <c r="N482637" s="10"/>
    </row>
    <row r="482638" spans="14:14">
      <c r="N482638" s="10"/>
    </row>
    <row r="482639" spans="14:14">
      <c r="N482639" s="10"/>
    </row>
    <row r="482640" spans="14:14">
      <c r="N482640" s="10"/>
    </row>
    <row r="482641" spans="14:14">
      <c r="N482641" s="10"/>
    </row>
    <row r="482642" spans="14:14">
      <c r="N482642" s="10"/>
    </row>
    <row r="482643" spans="14:14">
      <c r="N482643" s="10"/>
    </row>
    <row r="482644" spans="14:14">
      <c r="N482644" s="10"/>
    </row>
    <row r="482645" spans="14:14">
      <c r="N482645" s="10"/>
    </row>
    <row r="482646" spans="14:14">
      <c r="N482646" s="10"/>
    </row>
    <row r="482647" spans="14:14">
      <c r="N482647" s="10"/>
    </row>
    <row r="482648" spans="14:14">
      <c r="N482648" s="10"/>
    </row>
    <row r="482649" spans="14:14">
      <c r="N482649" s="10"/>
    </row>
    <row r="482650" spans="14:14">
      <c r="N482650" s="10"/>
    </row>
    <row r="482651" spans="14:14">
      <c r="N482651" s="10"/>
    </row>
    <row r="482652" spans="14:14">
      <c r="N482652" s="10"/>
    </row>
    <row r="482653" spans="14:14">
      <c r="N482653" s="10"/>
    </row>
    <row r="482654" spans="14:14">
      <c r="N482654" s="10"/>
    </row>
    <row r="482655" spans="14:14">
      <c r="N482655" s="10"/>
    </row>
    <row r="482656" spans="14:14">
      <c r="N482656" s="10"/>
    </row>
    <row r="482657" spans="14:14">
      <c r="N482657" s="10"/>
    </row>
    <row r="482658" spans="14:14">
      <c r="N482658" s="10"/>
    </row>
    <row r="482659" spans="14:14">
      <c r="N482659" s="10"/>
    </row>
    <row r="482660" spans="14:14">
      <c r="N482660" s="10"/>
    </row>
    <row r="482661" spans="14:14">
      <c r="N482661" s="10"/>
    </row>
    <row r="482662" spans="14:14">
      <c r="N482662" s="10"/>
    </row>
    <row r="482663" spans="14:14">
      <c r="N482663" s="10"/>
    </row>
    <row r="482664" spans="14:14">
      <c r="N482664" s="10"/>
    </row>
    <row r="482665" spans="14:14">
      <c r="N482665" s="10"/>
    </row>
    <row r="482666" spans="14:14">
      <c r="N482666" s="10"/>
    </row>
    <row r="482667" spans="14:14">
      <c r="N482667" s="10"/>
    </row>
    <row r="482668" spans="14:14">
      <c r="N482668" s="10"/>
    </row>
    <row r="482669" spans="14:14">
      <c r="N482669" s="10"/>
    </row>
    <row r="482670" spans="14:14">
      <c r="N482670" s="10"/>
    </row>
    <row r="482671" spans="14:14">
      <c r="N482671" s="10"/>
    </row>
    <row r="482672" spans="14:14">
      <c r="N482672" s="10"/>
    </row>
    <row r="482673" spans="14:14">
      <c r="N482673" s="10"/>
    </row>
    <row r="482674" spans="14:14">
      <c r="N482674" s="10"/>
    </row>
    <row r="482675" spans="14:14">
      <c r="N482675" s="10"/>
    </row>
    <row r="482676" spans="14:14">
      <c r="N482676" s="10"/>
    </row>
    <row r="482677" spans="14:14">
      <c r="N482677" s="10"/>
    </row>
    <row r="482678" spans="14:14">
      <c r="N482678" s="10"/>
    </row>
    <row r="482679" spans="14:14">
      <c r="N482679" s="10"/>
    </row>
    <row r="482680" spans="14:14">
      <c r="N482680" s="10"/>
    </row>
    <row r="482681" spans="14:14">
      <c r="N482681" s="10"/>
    </row>
    <row r="482682" spans="14:14">
      <c r="N482682" s="10"/>
    </row>
    <row r="482683" spans="14:14">
      <c r="N482683" s="10"/>
    </row>
    <row r="482684" spans="14:14">
      <c r="N482684" s="10"/>
    </row>
    <row r="482685" spans="14:14">
      <c r="N482685" s="10"/>
    </row>
    <row r="482686" spans="14:14">
      <c r="N482686" s="10"/>
    </row>
    <row r="482687" spans="14:14">
      <c r="N482687" s="10"/>
    </row>
    <row r="482688" spans="14:14">
      <c r="N482688" s="10"/>
    </row>
    <row r="482689" spans="14:14">
      <c r="N482689" s="10"/>
    </row>
    <row r="482690" spans="14:14">
      <c r="N482690" s="10"/>
    </row>
    <row r="482691" spans="14:14">
      <c r="N482691" s="10"/>
    </row>
    <row r="482692" spans="14:14">
      <c r="N482692" s="10"/>
    </row>
    <row r="482693" spans="14:14">
      <c r="N482693" s="10"/>
    </row>
    <row r="482694" spans="14:14">
      <c r="N482694" s="10"/>
    </row>
    <row r="482695" spans="14:14">
      <c r="N482695" s="10"/>
    </row>
    <row r="482696" spans="14:14">
      <c r="N482696" s="10"/>
    </row>
    <row r="482697" spans="14:14">
      <c r="N482697" s="10"/>
    </row>
    <row r="482698" spans="14:14">
      <c r="N482698" s="10"/>
    </row>
    <row r="482699" spans="14:14">
      <c r="N482699" s="10"/>
    </row>
    <row r="482700" spans="14:14">
      <c r="N482700" s="10"/>
    </row>
    <row r="482701" spans="14:14">
      <c r="N482701" s="10"/>
    </row>
    <row r="482702" spans="14:14">
      <c r="N482702" s="10"/>
    </row>
    <row r="482703" spans="14:14">
      <c r="N482703" s="10"/>
    </row>
    <row r="482704" spans="14:14">
      <c r="N482704" s="10"/>
    </row>
    <row r="482705" spans="14:14">
      <c r="N482705" s="10"/>
    </row>
    <row r="482706" spans="14:14">
      <c r="N482706" s="10"/>
    </row>
    <row r="482707" spans="14:14">
      <c r="N482707" s="10"/>
    </row>
    <row r="482708" spans="14:14">
      <c r="N482708" s="10"/>
    </row>
    <row r="482709" spans="14:14">
      <c r="N482709" s="10"/>
    </row>
    <row r="482710" spans="14:14">
      <c r="N482710" s="10"/>
    </row>
    <row r="482711" spans="14:14">
      <c r="N482711" s="10"/>
    </row>
    <row r="482712" spans="14:14">
      <c r="N482712" s="10"/>
    </row>
    <row r="482713" spans="14:14">
      <c r="N482713" s="10"/>
    </row>
    <row r="482714" spans="14:14">
      <c r="N482714" s="10"/>
    </row>
    <row r="482715" spans="14:14">
      <c r="N482715" s="10"/>
    </row>
    <row r="482716" spans="14:14">
      <c r="N482716" s="10"/>
    </row>
    <row r="482717" spans="14:14">
      <c r="N482717" s="10"/>
    </row>
    <row r="482718" spans="14:14">
      <c r="N482718" s="10"/>
    </row>
    <row r="482719" spans="14:14">
      <c r="N482719" s="10"/>
    </row>
    <row r="482720" spans="14:14">
      <c r="N482720" s="10"/>
    </row>
    <row r="482721" spans="14:14">
      <c r="N482721" s="10"/>
    </row>
    <row r="482722" spans="14:14">
      <c r="N482722" s="10"/>
    </row>
    <row r="482723" spans="14:14">
      <c r="N482723" s="10"/>
    </row>
    <row r="482724" spans="14:14">
      <c r="N482724" s="10"/>
    </row>
    <row r="482725" spans="14:14">
      <c r="N482725" s="10"/>
    </row>
    <row r="482726" spans="14:14">
      <c r="N482726" s="10"/>
    </row>
    <row r="482727" spans="14:14">
      <c r="N482727" s="10"/>
    </row>
    <row r="482728" spans="14:14">
      <c r="N482728" s="10"/>
    </row>
    <row r="482729" spans="14:14">
      <c r="N482729" s="10"/>
    </row>
    <row r="482730" spans="14:14">
      <c r="N482730" s="10"/>
    </row>
    <row r="482731" spans="14:14">
      <c r="N482731" s="10"/>
    </row>
    <row r="482732" spans="14:14">
      <c r="N482732" s="10"/>
    </row>
    <row r="482733" spans="14:14">
      <c r="N482733" s="10"/>
    </row>
    <row r="482734" spans="14:14">
      <c r="N482734" s="10"/>
    </row>
    <row r="482735" spans="14:14">
      <c r="N482735" s="10"/>
    </row>
    <row r="482736" spans="14:14">
      <c r="N482736" s="10"/>
    </row>
    <row r="482737" spans="14:14">
      <c r="N482737" s="10"/>
    </row>
    <row r="482738" spans="14:14">
      <c r="N482738" s="10"/>
    </row>
    <row r="482739" spans="14:14">
      <c r="N482739" s="10"/>
    </row>
    <row r="482740" spans="14:14">
      <c r="N482740" s="10"/>
    </row>
    <row r="482741" spans="14:14">
      <c r="N482741" s="10"/>
    </row>
    <row r="482742" spans="14:14">
      <c r="N482742" s="10"/>
    </row>
    <row r="482743" spans="14:14">
      <c r="N482743" s="10"/>
    </row>
    <row r="482744" spans="14:14">
      <c r="N482744" s="10"/>
    </row>
    <row r="482745" spans="14:14">
      <c r="N482745" s="10"/>
    </row>
    <row r="482746" spans="14:14">
      <c r="N482746" s="10"/>
    </row>
    <row r="482747" spans="14:14">
      <c r="N482747" s="10"/>
    </row>
    <row r="482748" spans="14:14">
      <c r="N482748" s="10"/>
    </row>
    <row r="482749" spans="14:14">
      <c r="N482749" s="10"/>
    </row>
    <row r="482750" spans="14:14">
      <c r="N482750" s="10"/>
    </row>
    <row r="482751" spans="14:14">
      <c r="N482751" s="10"/>
    </row>
    <row r="482752" spans="14:14">
      <c r="N482752" s="10"/>
    </row>
    <row r="482753" spans="14:14">
      <c r="N482753" s="10"/>
    </row>
    <row r="482754" spans="14:14">
      <c r="N482754" s="10"/>
    </row>
    <row r="482755" spans="14:14">
      <c r="N482755" s="10"/>
    </row>
    <row r="482756" spans="14:14">
      <c r="N482756" s="10"/>
    </row>
    <row r="482757" spans="14:14">
      <c r="N482757" s="10"/>
    </row>
    <row r="482758" spans="14:14">
      <c r="N482758" s="10"/>
    </row>
    <row r="482759" spans="14:14">
      <c r="N482759" s="10"/>
    </row>
    <row r="482760" spans="14:14">
      <c r="N482760" s="10"/>
    </row>
    <row r="482761" spans="14:14">
      <c r="N482761" s="10"/>
    </row>
    <row r="482762" spans="14:14">
      <c r="N482762" s="10"/>
    </row>
    <row r="482763" spans="14:14">
      <c r="N482763" s="10"/>
    </row>
    <row r="482764" spans="14:14">
      <c r="N482764" s="10"/>
    </row>
    <row r="482765" spans="14:14">
      <c r="N482765" s="10"/>
    </row>
    <row r="482766" spans="14:14">
      <c r="N482766" s="10"/>
    </row>
    <row r="482767" spans="14:14">
      <c r="N482767" s="10"/>
    </row>
    <row r="482768" spans="14:14">
      <c r="N482768" s="10"/>
    </row>
    <row r="482769" spans="14:14">
      <c r="N482769" s="10"/>
    </row>
    <row r="482770" spans="14:14">
      <c r="N482770" s="10"/>
    </row>
    <row r="482771" spans="14:14">
      <c r="N482771" s="10"/>
    </row>
    <row r="482772" spans="14:14">
      <c r="N482772" s="10"/>
    </row>
    <row r="482773" spans="14:14">
      <c r="N482773" s="10"/>
    </row>
    <row r="482774" spans="14:14">
      <c r="N482774" s="10"/>
    </row>
    <row r="482775" spans="14:14">
      <c r="N482775" s="10"/>
    </row>
    <row r="482776" spans="14:14">
      <c r="N482776" s="10"/>
    </row>
    <row r="482777" spans="14:14">
      <c r="N482777" s="10"/>
    </row>
    <row r="482778" spans="14:14">
      <c r="N482778" s="10"/>
    </row>
    <row r="482779" spans="14:14">
      <c r="N482779" s="10"/>
    </row>
    <row r="482780" spans="14:14">
      <c r="N482780" s="10"/>
    </row>
    <row r="482781" spans="14:14">
      <c r="N482781" s="10"/>
    </row>
    <row r="482782" spans="14:14">
      <c r="N482782" s="10"/>
    </row>
    <row r="482783" spans="14:14">
      <c r="N482783" s="10"/>
    </row>
    <row r="482784" spans="14:14">
      <c r="N482784" s="10"/>
    </row>
    <row r="482785" spans="14:14">
      <c r="N482785" s="10"/>
    </row>
    <row r="482786" spans="14:14">
      <c r="N482786" s="10"/>
    </row>
    <row r="482787" spans="14:14">
      <c r="N482787" s="10"/>
    </row>
    <row r="482788" spans="14:14">
      <c r="N482788" s="10"/>
    </row>
    <row r="482789" spans="14:14">
      <c r="N482789" s="10"/>
    </row>
    <row r="482790" spans="14:14">
      <c r="N482790" s="10"/>
    </row>
    <row r="482791" spans="14:14">
      <c r="N482791" s="10"/>
    </row>
    <row r="482792" spans="14:14">
      <c r="N482792" s="10"/>
    </row>
    <row r="482793" spans="14:14">
      <c r="N482793" s="10"/>
    </row>
    <row r="482794" spans="14:14">
      <c r="N482794" s="10"/>
    </row>
    <row r="482795" spans="14:14">
      <c r="N482795" s="10"/>
    </row>
    <row r="482796" spans="14:14">
      <c r="N482796" s="10"/>
    </row>
    <row r="482797" spans="14:14">
      <c r="N482797" s="10"/>
    </row>
    <row r="482798" spans="14:14">
      <c r="N482798" s="10"/>
    </row>
    <row r="482799" spans="14:14">
      <c r="N482799" s="10"/>
    </row>
    <row r="482800" spans="14:14">
      <c r="N482800" s="10"/>
    </row>
    <row r="482801" spans="14:14">
      <c r="N482801" s="10"/>
    </row>
    <row r="482802" spans="14:14">
      <c r="N482802" s="10"/>
    </row>
    <row r="482803" spans="14:14">
      <c r="N482803" s="10"/>
    </row>
    <row r="482804" spans="14:14">
      <c r="N482804" s="10"/>
    </row>
    <row r="482805" spans="14:14">
      <c r="N482805" s="10"/>
    </row>
    <row r="482806" spans="14:14">
      <c r="N482806" s="10"/>
    </row>
    <row r="482807" spans="14:14">
      <c r="N482807" s="10"/>
    </row>
    <row r="482808" spans="14:14">
      <c r="N482808" s="10"/>
    </row>
    <row r="482809" spans="14:14">
      <c r="N482809" s="10"/>
    </row>
    <row r="482810" spans="14:14">
      <c r="N482810" s="10"/>
    </row>
    <row r="482811" spans="14:14">
      <c r="N482811" s="10"/>
    </row>
    <row r="482812" spans="14:14">
      <c r="N482812" s="10"/>
    </row>
    <row r="482813" spans="14:14">
      <c r="N482813" s="10"/>
    </row>
    <row r="482814" spans="14:14">
      <c r="N482814" s="10"/>
    </row>
    <row r="482815" spans="14:14">
      <c r="N482815" s="10"/>
    </row>
    <row r="482816" spans="14:14">
      <c r="N482816" s="10"/>
    </row>
    <row r="482817" spans="14:14">
      <c r="N482817" s="10"/>
    </row>
    <row r="482818" spans="14:14">
      <c r="N482818" s="10"/>
    </row>
    <row r="482819" spans="14:14">
      <c r="N482819" s="10"/>
    </row>
    <row r="482820" spans="14:14">
      <c r="N482820" s="10"/>
    </row>
    <row r="482821" spans="14:14">
      <c r="N482821" s="10"/>
    </row>
    <row r="482822" spans="14:14">
      <c r="N482822" s="10"/>
    </row>
    <row r="482823" spans="14:14">
      <c r="N482823" s="10"/>
    </row>
    <row r="482824" spans="14:14">
      <c r="N482824" s="10"/>
    </row>
    <row r="482825" spans="14:14">
      <c r="N482825" s="10"/>
    </row>
    <row r="482826" spans="14:14">
      <c r="N482826" s="10"/>
    </row>
    <row r="482827" spans="14:14">
      <c r="N482827" s="10"/>
    </row>
    <row r="482828" spans="14:14">
      <c r="N482828" s="10"/>
    </row>
    <row r="482829" spans="14:14">
      <c r="N482829" s="10"/>
    </row>
    <row r="482830" spans="14:14">
      <c r="N482830" s="10"/>
    </row>
    <row r="482831" spans="14:14">
      <c r="N482831" s="10"/>
    </row>
    <row r="482832" spans="14:14">
      <c r="N482832" s="10"/>
    </row>
    <row r="482833" spans="14:14">
      <c r="N482833" s="10"/>
    </row>
    <row r="482834" spans="14:14">
      <c r="N482834" s="10"/>
    </row>
    <row r="482835" spans="14:14">
      <c r="N482835" s="10"/>
    </row>
    <row r="482836" spans="14:14">
      <c r="N482836" s="10"/>
    </row>
    <row r="482837" spans="14:14">
      <c r="N482837" s="10"/>
    </row>
    <row r="482838" spans="14:14">
      <c r="N482838" s="10"/>
    </row>
    <row r="482839" spans="14:14">
      <c r="N482839" s="10"/>
    </row>
    <row r="482840" spans="14:14">
      <c r="N482840" s="10"/>
    </row>
    <row r="482841" spans="14:14">
      <c r="N482841" s="10"/>
    </row>
    <row r="482842" spans="14:14">
      <c r="N482842" s="10"/>
    </row>
    <row r="482843" spans="14:14">
      <c r="N482843" s="10"/>
    </row>
    <row r="482844" spans="14:14">
      <c r="N482844" s="10"/>
    </row>
    <row r="482845" spans="14:14">
      <c r="N482845" s="10"/>
    </row>
    <row r="482846" spans="14:14">
      <c r="N482846" s="10"/>
    </row>
    <row r="482847" spans="14:14">
      <c r="N482847" s="10"/>
    </row>
    <row r="482848" spans="14:14">
      <c r="N482848" s="10"/>
    </row>
    <row r="482849" spans="14:14">
      <c r="N482849" s="10"/>
    </row>
    <row r="482850" spans="14:14">
      <c r="N482850" s="10"/>
    </row>
    <row r="482851" spans="14:14">
      <c r="N482851" s="10"/>
    </row>
    <row r="482852" spans="14:14">
      <c r="N482852" s="10"/>
    </row>
    <row r="482853" spans="14:14">
      <c r="N482853" s="10"/>
    </row>
    <row r="482854" spans="14:14">
      <c r="N482854" s="10"/>
    </row>
    <row r="482855" spans="14:14">
      <c r="N482855" s="10"/>
    </row>
    <row r="482856" spans="14:14">
      <c r="N482856" s="10"/>
    </row>
    <row r="482857" spans="14:14">
      <c r="N482857" s="10"/>
    </row>
    <row r="482858" spans="14:14">
      <c r="N482858" s="10"/>
    </row>
    <row r="482859" spans="14:14">
      <c r="N482859" s="10"/>
    </row>
    <row r="482860" spans="14:14">
      <c r="N482860" s="10"/>
    </row>
    <row r="482861" spans="14:14">
      <c r="N482861" s="10"/>
    </row>
    <row r="482862" spans="14:14">
      <c r="N482862" s="10"/>
    </row>
    <row r="482863" spans="14:14">
      <c r="N482863" s="10"/>
    </row>
    <row r="482864" spans="14:14">
      <c r="N482864" s="10"/>
    </row>
    <row r="482865" spans="14:14">
      <c r="N482865" s="10"/>
    </row>
    <row r="482866" spans="14:14">
      <c r="N482866" s="10"/>
    </row>
    <row r="482867" spans="14:14">
      <c r="N482867" s="10"/>
    </row>
    <row r="482868" spans="14:14">
      <c r="N482868" s="10"/>
    </row>
    <row r="482869" spans="14:14">
      <c r="N482869" s="10"/>
    </row>
    <row r="482870" spans="14:14">
      <c r="N482870" s="10"/>
    </row>
    <row r="482871" spans="14:14">
      <c r="N482871" s="10"/>
    </row>
    <row r="482872" spans="14:14">
      <c r="N482872" s="10"/>
    </row>
    <row r="482873" spans="14:14">
      <c r="N482873" s="10"/>
    </row>
    <row r="482874" spans="14:14">
      <c r="N482874" s="10"/>
    </row>
    <row r="482875" spans="14:14">
      <c r="N482875" s="10"/>
    </row>
    <row r="482876" spans="14:14">
      <c r="N482876" s="10"/>
    </row>
    <row r="482877" spans="14:14">
      <c r="N482877" s="10"/>
    </row>
    <row r="482878" spans="14:14">
      <c r="N482878" s="10"/>
    </row>
    <row r="482879" spans="14:14">
      <c r="N482879" s="10"/>
    </row>
    <row r="482880" spans="14:14">
      <c r="N482880" s="10"/>
    </row>
    <row r="482881" spans="14:14">
      <c r="N482881" s="10"/>
    </row>
    <row r="482882" spans="14:14">
      <c r="N482882" s="10"/>
    </row>
    <row r="482883" spans="14:14">
      <c r="N482883" s="10"/>
    </row>
    <row r="482884" spans="14:14">
      <c r="N482884" s="10"/>
    </row>
    <row r="482885" spans="14:14">
      <c r="N482885" s="10"/>
    </row>
    <row r="482886" spans="14:14">
      <c r="N482886" s="10"/>
    </row>
    <row r="482887" spans="14:14">
      <c r="N482887" s="10"/>
    </row>
    <row r="482888" spans="14:14">
      <c r="N482888" s="10"/>
    </row>
    <row r="482889" spans="14:14">
      <c r="N482889" s="10"/>
    </row>
    <row r="482890" spans="14:14">
      <c r="N482890" s="10"/>
    </row>
    <row r="482891" spans="14:14">
      <c r="N482891" s="10"/>
    </row>
    <row r="482892" spans="14:14">
      <c r="N482892" s="10"/>
    </row>
    <row r="482893" spans="14:14">
      <c r="N482893" s="10"/>
    </row>
    <row r="482894" spans="14:14">
      <c r="N482894" s="10"/>
    </row>
    <row r="482895" spans="14:14">
      <c r="N482895" s="10"/>
    </row>
    <row r="482896" spans="14:14">
      <c r="N482896" s="10"/>
    </row>
    <row r="482897" spans="14:14">
      <c r="N482897" s="10"/>
    </row>
    <row r="482898" spans="14:14">
      <c r="N482898" s="10"/>
    </row>
    <row r="482899" spans="14:14">
      <c r="N482899" s="10"/>
    </row>
    <row r="482900" spans="14:14">
      <c r="N482900" s="10"/>
    </row>
    <row r="482901" spans="14:14">
      <c r="N482901" s="10"/>
    </row>
    <row r="482902" spans="14:14">
      <c r="N482902" s="10"/>
    </row>
    <row r="482903" spans="14:14">
      <c r="N482903" s="10"/>
    </row>
    <row r="482904" spans="14:14">
      <c r="N482904" s="10"/>
    </row>
    <row r="482905" spans="14:14">
      <c r="N482905" s="10"/>
    </row>
    <row r="482906" spans="14:14">
      <c r="N482906" s="10"/>
    </row>
    <row r="482907" spans="14:14">
      <c r="N482907" s="10"/>
    </row>
    <row r="482908" spans="14:14">
      <c r="N482908" s="10"/>
    </row>
    <row r="482909" spans="14:14">
      <c r="N482909" s="10"/>
    </row>
    <row r="482910" spans="14:14">
      <c r="N482910" s="10"/>
    </row>
    <row r="482911" spans="14:14">
      <c r="N482911" s="10"/>
    </row>
    <row r="482912" spans="14:14">
      <c r="N482912" s="10"/>
    </row>
    <row r="482913" spans="14:14">
      <c r="N482913" s="10"/>
    </row>
    <row r="482914" spans="14:14">
      <c r="N482914" s="10"/>
    </row>
    <row r="482915" spans="14:14">
      <c r="N482915" s="10"/>
    </row>
    <row r="482916" spans="14:14">
      <c r="N482916" s="10"/>
    </row>
    <row r="482917" spans="14:14">
      <c r="N482917" s="10"/>
    </row>
    <row r="482918" spans="14:14">
      <c r="N482918" s="10"/>
    </row>
    <row r="482919" spans="14:14">
      <c r="N482919" s="10"/>
    </row>
    <row r="482920" spans="14:14">
      <c r="N482920" s="10"/>
    </row>
    <row r="482921" spans="14:14">
      <c r="N482921" s="10"/>
    </row>
    <row r="482922" spans="14:14">
      <c r="N482922" s="10"/>
    </row>
    <row r="482923" spans="14:14">
      <c r="N482923" s="10"/>
    </row>
    <row r="482924" spans="14:14">
      <c r="N482924" s="10"/>
    </row>
    <row r="482925" spans="14:14">
      <c r="N482925" s="10"/>
    </row>
    <row r="482926" spans="14:14">
      <c r="N482926" s="10"/>
    </row>
    <row r="482927" spans="14:14">
      <c r="N482927" s="10"/>
    </row>
    <row r="482928" spans="14:14">
      <c r="N482928" s="10"/>
    </row>
    <row r="482929" spans="14:14">
      <c r="N482929" s="10"/>
    </row>
    <row r="482930" spans="14:14">
      <c r="N482930" s="10"/>
    </row>
    <row r="482931" spans="14:14">
      <c r="N482931" s="10"/>
    </row>
    <row r="482932" spans="14:14">
      <c r="N482932" s="10"/>
    </row>
    <row r="482933" spans="14:14">
      <c r="N482933" s="10"/>
    </row>
    <row r="482934" spans="14:14">
      <c r="N482934" s="10"/>
    </row>
    <row r="482935" spans="14:14">
      <c r="N482935" s="10"/>
    </row>
    <row r="482936" spans="14:14">
      <c r="N482936" s="10"/>
    </row>
    <row r="482937" spans="14:14">
      <c r="N482937" s="10"/>
    </row>
    <row r="482938" spans="14:14">
      <c r="N482938" s="10"/>
    </row>
    <row r="482939" spans="14:14">
      <c r="N482939" s="10"/>
    </row>
    <row r="482940" spans="14:14">
      <c r="N482940" s="10"/>
    </row>
    <row r="482941" spans="14:14">
      <c r="N482941" s="10"/>
    </row>
    <row r="482942" spans="14:14">
      <c r="N482942" s="10"/>
    </row>
    <row r="482943" spans="14:14">
      <c r="N482943" s="10"/>
    </row>
    <row r="482944" spans="14:14">
      <c r="N482944" s="10"/>
    </row>
    <row r="482945" spans="14:14">
      <c r="N482945" s="10"/>
    </row>
    <row r="482946" spans="14:14">
      <c r="N482946" s="10"/>
    </row>
    <row r="482947" spans="14:14">
      <c r="N482947" s="10"/>
    </row>
    <row r="482948" spans="14:14">
      <c r="N482948" s="10"/>
    </row>
    <row r="482949" spans="14:14">
      <c r="N482949" s="10"/>
    </row>
    <row r="482950" spans="14:14">
      <c r="N482950" s="10"/>
    </row>
    <row r="482951" spans="14:14">
      <c r="N482951" s="10"/>
    </row>
    <row r="482952" spans="14:14">
      <c r="N482952" s="10"/>
    </row>
    <row r="482953" spans="14:14">
      <c r="N482953" s="10"/>
    </row>
    <row r="482954" spans="14:14">
      <c r="N482954" s="10"/>
    </row>
    <row r="482955" spans="14:14">
      <c r="N482955" s="10"/>
    </row>
    <row r="482956" spans="14:14">
      <c r="N482956" s="10"/>
    </row>
    <row r="482957" spans="14:14">
      <c r="N482957" s="10"/>
    </row>
    <row r="482958" spans="14:14">
      <c r="N482958" s="10"/>
    </row>
    <row r="482959" spans="14:14">
      <c r="N482959" s="10"/>
    </row>
    <row r="482960" spans="14:14">
      <c r="N482960" s="10"/>
    </row>
    <row r="482961" spans="14:14">
      <c r="N482961" s="10"/>
    </row>
    <row r="482962" spans="14:14">
      <c r="N482962" s="10"/>
    </row>
    <row r="482963" spans="14:14">
      <c r="N482963" s="10"/>
    </row>
    <row r="482964" spans="14:14">
      <c r="N482964" s="10"/>
    </row>
    <row r="482965" spans="14:14">
      <c r="N482965" s="10"/>
    </row>
    <row r="482966" spans="14:14">
      <c r="N482966" s="10"/>
    </row>
    <row r="482967" spans="14:14">
      <c r="N482967" s="10"/>
    </row>
    <row r="482968" spans="14:14">
      <c r="N482968" s="10"/>
    </row>
    <row r="482969" spans="14:14">
      <c r="N482969" s="10"/>
    </row>
    <row r="482970" spans="14:14">
      <c r="N482970" s="10"/>
    </row>
    <row r="482971" spans="14:14">
      <c r="N482971" s="10"/>
    </row>
    <row r="482972" spans="14:14">
      <c r="N482972" s="10"/>
    </row>
    <row r="482973" spans="14:14">
      <c r="N482973" s="10"/>
    </row>
    <row r="482974" spans="14:14">
      <c r="N482974" s="10"/>
    </row>
    <row r="482975" spans="14:14">
      <c r="N482975" s="10"/>
    </row>
    <row r="482976" spans="14:14">
      <c r="N482976" s="10"/>
    </row>
    <row r="482977" spans="14:14">
      <c r="N482977" s="10"/>
    </row>
    <row r="482978" spans="14:14">
      <c r="N482978" s="10"/>
    </row>
    <row r="482979" spans="14:14">
      <c r="N482979" s="10"/>
    </row>
    <row r="482980" spans="14:14">
      <c r="N482980" s="10"/>
    </row>
    <row r="482981" spans="14:14">
      <c r="N482981" s="10"/>
    </row>
    <row r="482982" spans="14:14">
      <c r="N482982" s="10"/>
    </row>
    <row r="482983" spans="14:14">
      <c r="N482983" s="10"/>
    </row>
    <row r="482984" spans="14:14">
      <c r="N482984" s="10"/>
    </row>
    <row r="482985" spans="14:14">
      <c r="N482985" s="10"/>
    </row>
    <row r="482986" spans="14:14">
      <c r="N482986" s="10"/>
    </row>
    <row r="482987" spans="14:14">
      <c r="N482987" s="10"/>
    </row>
    <row r="482988" spans="14:14">
      <c r="N482988" s="10"/>
    </row>
    <row r="482989" spans="14:14">
      <c r="N482989" s="10"/>
    </row>
    <row r="482990" spans="14:14">
      <c r="N482990" s="10"/>
    </row>
    <row r="482991" spans="14:14">
      <c r="N482991" s="10"/>
    </row>
    <row r="482992" spans="14:14">
      <c r="N482992" s="10"/>
    </row>
    <row r="482993" spans="14:14">
      <c r="N482993" s="10"/>
    </row>
    <row r="482994" spans="14:14">
      <c r="N482994" s="10"/>
    </row>
    <row r="482995" spans="14:14">
      <c r="N482995" s="10"/>
    </row>
    <row r="482996" spans="14:14">
      <c r="N482996" s="10"/>
    </row>
    <row r="482997" spans="14:14">
      <c r="N482997" s="10"/>
    </row>
    <row r="482998" spans="14:14">
      <c r="N482998" s="10"/>
    </row>
    <row r="482999" spans="14:14">
      <c r="N482999" s="10"/>
    </row>
    <row r="483000" spans="14:14">
      <c r="N483000" s="10"/>
    </row>
    <row r="483001" spans="14:14">
      <c r="N483001" s="10"/>
    </row>
    <row r="483002" spans="14:14">
      <c r="N483002" s="10"/>
    </row>
    <row r="483003" spans="14:14">
      <c r="N483003" s="10"/>
    </row>
    <row r="483004" spans="14:14">
      <c r="N483004" s="10"/>
    </row>
    <row r="483005" spans="14:14">
      <c r="N483005" s="10"/>
    </row>
    <row r="483006" spans="14:14">
      <c r="N483006" s="10"/>
    </row>
    <row r="483007" spans="14:14">
      <c r="N483007" s="10"/>
    </row>
    <row r="483008" spans="14:14">
      <c r="N483008" s="10"/>
    </row>
    <row r="483009" spans="14:14">
      <c r="N483009" s="10"/>
    </row>
    <row r="483010" spans="14:14">
      <c r="N483010" s="10"/>
    </row>
    <row r="483011" spans="14:14">
      <c r="N483011" s="10"/>
    </row>
    <row r="483012" spans="14:14">
      <c r="N483012" s="10"/>
    </row>
    <row r="483013" spans="14:14">
      <c r="N483013" s="10"/>
    </row>
    <row r="483014" spans="14:14">
      <c r="N483014" s="10"/>
    </row>
    <row r="483015" spans="14:14">
      <c r="N483015" s="10"/>
    </row>
    <row r="483016" spans="14:14">
      <c r="N483016" s="10"/>
    </row>
    <row r="483017" spans="14:14">
      <c r="N483017" s="10"/>
    </row>
    <row r="483018" spans="14:14">
      <c r="N483018" s="10"/>
    </row>
    <row r="483019" spans="14:14">
      <c r="N483019" s="10"/>
    </row>
    <row r="483020" spans="14:14">
      <c r="N483020" s="10"/>
    </row>
    <row r="483021" spans="14:14">
      <c r="N483021" s="10"/>
    </row>
    <row r="483022" spans="14:14">
      <c r="N483022" s="10"/>
    </row>
    <row r="483023" spans="14:14">
      <c r="N483023" s="10"/>
    </row>
    <row r="483024" spans="14:14">
      <c r="N483024" s="10"/>
    </row>
    <row r="483025" spans="14:14">
      <c r="N483025" s="10"/>
    </row>
    <row r="483026" spans="14:14">
      <c r="N483026" s="10"/>
    </row>
    <row r="483027" spans="14:14">
      <c r="N483027" s="10"/>
    </row>
    <row r="483028" spans="14:14">
      <c r="N483028" s="10"/>
    </row>
    <row r="483029" spans="14:14">
      <c r="N483029" s="10"/>
    </row>
    <row r="483030" spans="14:14">
      <c r="N483030" s="10"/>
    </row>
    <row r="483031" spans="14:14">
      <c r="N483031" s="10"/>
    </row>
    <row r="483032" spans="14:14">
      <c r="N483032" s="10"/>
    </row>
    <row r="483033" spans="14:14">
      <c r="N483033" s="10"/>
    </row>
    <row r="483034" spans="14:14">
      <c r="N483034" s="10"/>
    </row>
    <row r="483035" spans="14:14">
      <c r="N483035" s="10"/>
    </row>
    <row r="483036" spans="14:14">
      <c r="N483036" s="10"/>
    </row>
    <row r="483037" spans="14:14">
      <c r="N483037" s="10"/>
    </row>
    <row r="483038" spans="14:14">
      <c r="N483038" s="10"/>
    </row>
    <row r="483039" spans="14:14">
      <c r="N483039" s="10"/>
    </row>
    <row r="483040" spans="14:14">
      <c r="N483040" s="10"/>
    </row>
    <row r="483041" spans="14:14">
      <c r="N483041" s="10"/>
    </row>
    <row r="483042" spans="14:14">
      <c r="N483042" s="10"/>
    </row>
    <row r="483043" spans="14:14">
      <c r="N483043" s="10"/>
    </row>
    <row r="483044" spans="14:14">
      <c r="N483044" s="10"/>
    </row>
    <row r="483045" spans="14:14">
      <c r="N483045" s="10"/>
    </row>
    <row r="483046" spans="14:14">
      <c r="N483046" s="10"/>
    </row>
    <row r="483047" spans="14:14">
      <c r="N483047" s="10"/>
    </row>
    <row r="483048" spans="14:14">
      <c r="N483048" s="10"/>
    </row>
    <row r="483049" spans="14:14">
      <c r="N483049" s="10"/>
    </row>
    <row r="483050" spans="14:14">
      <c r="N483050" s="10"/>
    </row>
    <row r="483051" spans="14:14">
      <c r="N483051" s="10"/>
    </row>
    <row r="483052" spans="14:14">
      <c r="N483052" s="10"/>
    </row>
    <row r="483053" spans="14:14">
      <c r="N483053" s="10"/>
    </row>
    <row r="483054" spans="14:14">
      <c r="N483054" s="10"/>
    </row>
    <row r="483055" spans="14:14">
      <c r="N483055" s="10"/>
    </row>
    <row r="483056" spans="14:14">
      <c r="N483056" s="10"/>
    </row>
    <row r="483057" spans="14:14">
      <c r="N483057" s="10"/>
    </row>
    <row r="483058" spans="14:14">
      <c r="N483058" s="10"/>
    </row>
    <row r="483059" spans="14:14">
      <c r="N483059" s="10"/>
    </row>
    <row r="483060" spans="14:14">
      <c r="N483060" s="10"/>
    </row>
    <row r="483061" spans="14:14">
      <c r="N483061" s="10"/>
    </row>
    <row r="483062" spans="14:14">
      <c r="N483062" s="10"/>
    </row>
    <row r="483063" spans="14:14">
      <c r="N483063" s="10"/>
    </row>
    <row r="483064" spans="14:14">
      <c r="N483064" s="10"/>
    </row>
    <row r="483065" spans="14:14">
      <c r="N483065" s="10"/>
    </row>
    <row r="483066" spans="14:14">
      <c r="N483066" s="10"/>
    </row>
    <row r="483067" spans="14:14">
      <c r="N483067" s="10"/>
    </row>
    <row r="483068" spans="14:14">
      <c r="N483068" s="10"/>
    </row>
    <row r="483069" spans="14:14">
      <c r="N483069" s="10"/>
    </row>
    <row r="483070" spans="14:14">
      <c r="N483070" s="10"/>
    </row>
    <row r="483071" spans="14:14">
      <c r="N483071" s="10"/>
    </row>
    <row r="483072" spans="14:14">
      <c r="N483072" s="10"/>
    </row>
    <row r="483073" spans="14:14">
      <c r="N483073" s="10"/>
    </row>
    <row r="483074" spans="14:14">
      <c r="N483074" s="10"/>
    </row>
    <row r="483075" spans="14:14">
      <c r="N483075" s="10"/>
    </row>
    <row r="483076" spans="14:14">
      <c r="N483076" s="10"/>
    </row>
    <row r="483077" spans="14:14">
      <c r="N483077" s="10"/>
    </row>
    <row r="483078" spans="14:14">
      <c r="N483078" s="10"/>
    </row>
    <row r="483079" spans="14:14">
      <c r="N483079" s="10"/>
    </row>
    <row r="483080" spans="14:14">
      <c r="N483080" s="10"/>
    </row>
    <row r="483081" spans="14:14">
      <c r="N483081" s="10"/>
    </row>
    <row r="483082" spans="14:14">
      <c r="N483082" s="10"/>
    </row>
    <row r="483083" spans="14:14">
      <c r="N483083" s="10"/>
    </row>
    <row r="483084" spans="14:14">
      <c r="N483084" s="10"/>
    </row>
    <row r="483085" spans="14:14">
      <c r="N483085" s="10"/>
    </row>
    <row r="483086" spans="14:14">
      <c r="N483086" s="10"/>
    </row>
    <row r="483087" spans="14:14">
      <c r="N483087" s="10"/>
    </row>
    <row r="483088" spans="14:14">
      <c r="N483088" s="10"/>
    </row>
    <row r="483089" spans="14:14">
      <c r="N483089" s="10"/>
    </row>
    <row r="483090" spans="14:14">
      <c r="N483090" s="10"/>
    </row>
    <row r="483091" spans="14:14">
      <c r="N483091" s="10"/>
    </row>
    <row r="483092" spans="14:14">
      <c r="N483092" s="10"/>
    </row>
    <row r="483093" spans="14:14">
      <c r="N483093" s="10"/>
    </row>
    <row r="483094" spans="14:14">
      <c r="N483094" s="10"/>
    </row>
    <row r="483095" spans="14:14">
      <c r="N483095" s="10"/>
    </row>
    <row r="483096" spans="14:14">
      <c r="N483096" s="10"/>
    </row>
    <row r="483097" spans="14:14">
      <c r="N483097" s="10"/>
    </row>
    <row r="483098" spans="14:14">
      <c r="N483098" s="10"/>
    </row>
    <row r="483099" spans="14:14">
      <c r="N483099" s="10"/>
    </row>
    <row r="483100" spans="14:14">
      <c r="N483100" s="10"/>
    </row>
    <row r="483101" spans="14:14">
      <c r="N483101" s="10"/>
    </row>
    <row r="483102" spans="14:14">
      <c r="N483102" s="10"/>
    </row>
    <row r="483103" spans="14:14">
      <c r="N483103" s="10"/>
    </row>
    <row r="483104" spans="14:14">
      <c r="N483104" s="10"/>
    </row>
    <row r="483105" spans="14:14">
      <c r="N483105" s="10"/>
    </row>
    <row r="483106" spans="14:14">
      <c r="N483106" s="10"/>
    </row>
    <row r="483107" spans="14:14">
      <c r="N483107" s="10"/>
    </row>
    <row r="483108" spans="14:14">
      <c r="N483108" s="10"/>
    </row>
    <row r="483109" spans="14:14">
      <c r="N483109" s="10"/>
    </row>
    <row r="483110" spans="14:14">
      <c r="N483110" s="10"/>
    </row>
    <row r="483111" spans="14:14">
      <c r="N483111" s="10"/>
    </row>
    <row r="483112" spans="14:14">
      <c r="N483112" s="10"/>
    </row>
    <row r="483113" spans="14:14">
      <c r="N483113" s="10"/>
    </row>
    <row r="483114" spans="14:14">
      <c r="N483114" s="10"/>
    </row>
    <row r="483115" spans="14:14">
      <c r="N483115" s="10"/>
    </row>
    <row r="483116" spans="14:14">
      <c r="N483116" s="10"/>
    </row>
    <row r="483117" spans="14:14">
      <c r="N483117" s="10"/>
    </row>
    <row r="483118" spans="14:14">
      <c r="N483118" s="10"/>
    </row>
    <row r="483119" spans="14:14">
      <c r="N483119" s="10"/>
    </row>
    <row r="483120" spans="14:14">
      <c r="N483120" s="10"/>
    </row>
    <row r="483121" spans="14:14">
      <c r="N483121" s="10"/>
    </row>
    <row r="483122" spans="14:14">
      <c r="N483122" s="10"/>
    </row>
    <row r="483123" spans="14:14">
      <c r="N483123" s="10"/>
    </row>
    <row r="483124" spans="14:14">
      <c r="N483124" s="10"/>
    </row>
    <row r="483125" spans="14:14">
      <c r="N483125" s="10"/>
    </row>
    <row r="483126" spans="14:14">
      <c r="N483126" s="10"/>
    </row>
    <row r="483127" spans="14:14">
      <c r="N483127" s="10"/>
    </row>
    <row r="483128" spans="14:14">
      <c r="N483128" s="10"/>
    </row>
    <row r="483129" spans="14:14">
      <c r="N483129" s="10"/>
    </row>
    <row r="483130" spans="14:14">
      <c r="N483130" s="10"/>
    </row>
    <row r="483131" spans="14:14">
      <c r="N483131" s="10"/>
    </row>
    <row r="483132" spans="14:14">
      <c r="N483132" s="10"/>
    </row>
    <row r="483133" spans="14:14">
      <c r="N483133" s="10"/>
    </row>
    <row r="483134" spans="14:14">
      <c r="N483134" s="10"/>
    </row>
    <row r="483135" spans="14:14">
      <c r="N483135" s="10"/>
    </row>
    <row r="483136" spans="14:14">
      <c r="N483136" s="10"/>
    </row>
    <row r="483137" spans="14:14">
      <c r="N483137" s="10"/>
    </row>
    <row r="483138" spans="14:14">
      <c r="N483138" s="10"/>
    </row>
    <row r="483139" spans="14:14">
      <c r="N483139" s="10"/>
    </row>
    <row r="483140" spans="14:14">
      <c r="N483140" s="10"/>
    </row>
    <row r="483141" spans="14:14">
      <c r="N483141" s="10"/>
    </row>
    <row r="483142" spans="14:14">
      <c r="N483142" s="10"/>
    </row>
    <row r="483143" spans="14:14">
      <c r="N483143" s="10"/>
    </row>
    <row r="483144" spans="14:14">
      <c r="N483144" s="10"/>
    </row>
    <row r="483145" spans="14:14">
      <c r="N483145" s="10"/>
    </row>
    <row r="483146" spans="14:14">
      <c r="N483146" s="10"/>
    </row>
    <row r="483147" spans="14:14">
      <c r="N483147" s="10"/>
    </row>
    <row r="483148" spans="14:14">
      <c r="N483148" s="10"/>
    </row>
    <row r="483149" spans="14:14">
      <c r="N483149" s="10"/>
    </row>
    <row r="483150" spans="14:14">
      <c r="N483150" s="10"/>
    </row>
    <row r="483151" spans="14:14">
      <c r="N483151" s="10"/>
    </row>
    <row r="483152" spans="14:14">
      <c r="N483152" s="10"/>
    </row>
    <row r="483153" spans="14:14">
      <c r="N483153" s="10"/>
    </row>
    <row r="483154" spans="14:14">
      <c r="N483154" s="10"/>
    </row>
    <row r="483155" spans="14:14">
      <c r="N483155" s="10"/>
    </row>
    <row r="483156" spans="14:14">
      <c r="N483156" s="10"/>
    </row>
    <row r="483157" spans="14:14">
      <c r="N483157" s="10"/>
    </row>
    <row r="483158" spans="14:14">
      <c r="N483158" s="10"/>
    </row>
    <row r="483159" spans="14:14">
      <c r="N483159" s="10"/>
    </row>
    <row r="483160" spans="14:14">
      <c r="N483160" s="10"/>
    </row>
    <row r="483161" spans="14:14">
      <c r="N483161" s="10"/>
    </row>
    <row r="483162" spans="14:14">
      <c r="N483162" s="10"/>
    </row>
    <row r="483163" spans="14:14">
      <c r="N483163" s="10"/>
    </row>
    <row r="483164" spans="14:14">
      <c r="N483164" s="10"/>
    </row>
    <row r="483165" spans="14:14">
      <c r="N483165" s="10"/>
    </row>
    <row r="483166" spans="14:14">
      <c r="N483166" s="10"/>
    </row>
    <row r="483167" spans="14:14">
      <c r="N483167" s="10"/>
    </row>
    <row r="483168" spans="14:14">
      <c r="N483168" s="10"/>
    </row>
    <row r="483169" spans="14:14">
      <c r="N483169" s="10"/>
    </row>
    <row r="483170" spans="14:14">
      <c r="N483170" s="10"/>
    </row>
    <row r="483171" spans="14:14">
      <c r="N483171" s="10"/>
    </row>
    <row r="483172" spans="14:14">
      <c r="N483172" s="10"/>
    </row>
    <row r="483173" spans="14:14">
      <c r="N483173" s="10"/>
    </row>
    <row r="483174" spans="14:14">
      <c r="N483174" s="10"/>
    </row>
    <row r="483175" spans="14:14">
      <c r="N483175" s="10"/>
    </row>
    <row r="483176" spans="14:14">
      <c r="N483176" s="10"/>
    </row>
    <row r="483177" spans="14:14">
      <c r="N483177" s="10"/>
    </row>
    <row r="483178" spans="14:14">
      <c r="N483178" s="10"/>
    </row>
    <row r="483179" spans="14:14">
      <c r="N483179" s="10"/>
    </row>
    <row r="483180" spans="14:14">
      <c r="N483180" s="10"/>
    </row>
    <row r="483181" spans="14:14">
      <c r="N483181" s="10"/>
    </row>
    <row r="483182" spans="14:14">
      <c r="N483182" s="10"/>
    </row>
    <row r="483183" spans="14:14">
      <c r="N483183" s="10"/>
    </row>
    <row r="483184" spans="14:14">
      <c r="N483184" s="10"/>
    </row>
    <row r="483185" spans="14:14">
      <c r="N483185" s="10"/>
    </row>
    <row r="483186" spans="14:14">
      <c r="N483186" s="10"/>
    </row>
    <row r="483187" spans="14:14">
      <c r="N483187" s="10"/>
    </row>
    <row r="483188" spans="14:14">
      <c r="N483188" s="10"/>
    </row>
    <row r="483189" spans="14:14">
      <c r="N483189" s="10"/>
    </row>
    <row r="483190" spans="14:14">
      <c r="N483190" s="10"/>
    </row>
    <row r="483191" spans="14:14">
      <c r="N483191" s="10"/>
    </row>
    <row r="483192" spans="14:14">
      <c r="N483192" s="10"/>
    </row>
    <row r="483193" spans="14:14">
      <c r="N483193" s="10"/>
    </row>
    <row r="483194" spans="14:14">
      <c r="N483194" s="10"/>
    </row>
    <row r="483195" spans="14:14">
      <c r="N483195" s="10"/>
    </row>
    <row r="483196" spans="14:14">
      <c r="N483196" s="10"/>
    </row>
    <row r="483197" spans="14:14">
      <c r="N483197" s="10"/>
    </row>
    <row r="483198" spans="14:14">
      <c r="N483198" s="10"/>
    </row>
    <row r="483199" spans="14:14">
      <c r="N483199" s="10"/>
    </row>
    <row r="483200" spans="14:14">
      <c r="N483200" s="10"/>
    </row>
    <row r="483201" spans="14:14">
      <c r="N483201" s="10"/>
    </row>
    <row r="483202" spans="14:14">
      <c r="N483202" s="10"/>
    </row>
    <row r="483203" spans="14:14">
      <c r="N483203" s="10"/>
    </row>
    <row r="483204" spans="14:14">
      <c r="N483204" s="10"/>
    </row>
    <row r="483205" spans="14:14">
      <c r="N483205" s="10"/>
    </row>
    <row r="483206" spans="14:14">
      <c r="N483206" s="10"/>
    </row>
    <row r="483207" spans="14:14">
      <c r="N483207" s="10"/>
    </row>
    <row r="483208" spans="14:14">
      <c r="N483208" s="10"/>
    </row>
    <row r="483209" spans="14:14">
      <c r="N483209" s="10"/>
    </row>
    <row r="483210" spans="14:14">
      <c r="N483210" s="10"/>
    </row>
    <row r="483211" spans="14:14">
      <c r="N483211" s="10"/>
    </row>
    <row r="483212" spans="14:14">
      <c r="N483212" s="10"/>
    </row>
    <row r="483213" spans="14:14">
      <c r="N483213" s="10"/>
    </row>
    <row r="483214" spans="14:14">
      <c r="N483214" s="10"/>
    </row>
    <row r="483215" spans="14:14">
      <c r="N483215" s="10"/>
    </row>
    <row r="483216" spans="14:14">
      <c r="N483216" s="10"/>
    </row>
    <row r="483217" spans="14:14">
      <c r="N483217" s="10"/>
    </row>
    <row r="483218" spans="14:14">
      <c r="N483218" s="10"/>
    </row>
    <row r="483219" spans="14:14">
      <c r="N483219" s="10"/>
    </row>
    <row r="483220" spans="14:14">
      <c r="N483220" s="10"/>
    </row>
    <row r="483221" spans="14:14">
      <c r="N483221" s="10"/>
    </row>
    <row r="483222" spans="14:14">
      <c r="N483222" s="10"/>
    </row>
    <row r="483223" spans="14:14">
      <c r="N483223" s="10"/>
    </row>
    <row r="483224" spans="14:14">
      <c r="N483224" s="10"/>
    </row>
    <row r="483225" spans="14:14">
      <c r="N483225" s="10"/>
    </row>
    <row r="483226" spans="14:14">
      <c r="N483226" s="10"/>
    </row>
    <row r="483227" spans="14:14">
      <c r="N483227" s="10"/>
    </row>
    <row r="483228" spans="14:14">
      <c r="N483228" s="10"/>
    </row>
    <row r="483229" spans="14:14">
      <c r="N483229" s="10"/>
    </row>
    <row r="483230" spans="14:14">
      <c r="N483230" s="10"/>
    </row>
    <row r="483231" spans="14:14">
      <c r="N483231" s="10"/>
    </row>
    <row r="483232" spans="14:14">
      <c r="N483232" s="10"/>
    </row>
    <row r="483233" spans="14:14">
      <c r="N483233" s="10"/>
    </row>
    <row r="483234" spans="14:14">
      <c r="N483234" s="10"/>
    </row>
    <row r="483235" spans="14:14">
      <c r="N483235" s="10"/>
    </row>
    <row r="483236" spans="14:14">
      <c r="N483236" s="10"/>
    </row>
    <row r="483237" spans="14:14">
      <c r="N483237" s="10"/>
    </row>
    <row r="483238" spans="14:14">
      <c r="N483238" s="10"/>
    </row>
    <row r="483239" spans="14:14">
      <c r="N483239" s="10"/>
    </row>
    <row r="483240" spans="14:14">
      <c r="N483240" s="10"/>
    </row>
    <row r="483241" spans="14:14">
      <c r="N483241" s="10"/>
    </row>
    <row r="483242" spans="14:14">
      <c r="N483242" s="10"/>
    </row>
    <row r="483243" spans="14:14">
      <c r="N483243" s="10"/>
    </row>
    <row r="483244" spans="14:14">
      <c r="N483244" s="10"/>
    </row>
    <row r="483245" spans="14:14">
      <c r="N483245" s="10"/>
    </row>
    <row r="483246" spans="14:14">
      <c r="N483246" s="10"/>
    </row>
    <row r="483247" spans="14:14">
      <c r="N483247" s="10"/>
    </row>
    <row r="483248" spans="14:14">
      <c r="N483248" s="10"/>
    </row>
    <row r="483249" spans="14:14">
      <c r="N483249" s="10"/>
    </row>
    <row r="483250" spans="14:14">
      <c r="N483250" s="10"/>
    </row>
    <row r="483251" spans="14:14">
      <c r="N483251" s="10"/>
    </row>
    <row r="483252" spans="14:14">
      <c r="N483252" s="10"/>
    </row>
    <row r="483253" spans="14:14">
      <c r="N483253" s="10"/>
    </row>
    <row r="483254" spans="14:14">
      <c r="N483254" s="10"/>
    </row>
    <row r="483255" spans="14:14">
      <c r="N483255" s="10"/>
    </row>
    <row r="483256" spans="14:14">
      <c r="N483256" s="10"/>
    </row>
    <row r="483257" spans="14:14">
      <c r="N483257" s="10"/>
    </row>
    <row r="483258" spans="14:14">
      <c r="N483258" s="10"/>
    </row>
    <row r="483259" spans="14:14">
      <c r="N483259" s="10"/>
    </row>
    <row r="483260" spans="14:14">
      <c r="N483260" s="10"/>
    </row>
    <row r="483261" spans="14:14">
      <c r="N483261" s="10"/>
    </row>
    <row r="483262" spans="14:14">
      <c r="N483262" s="10"/>
    </row>
    <row r="483263" spans="14:14">
      <c r="N483263" s="10"/>
    </row>
    <row r="483264" spans="14:14">
      <c r="N483264" s="10"/>
    </row>
    <row r="483265" spans="14:14">
      <c r="N483265" s="10"/>
    </row>
    <row r="483266" spans="14:14">
      <c r="N483266" s="10"/>
    </row>
    <row r="483267" spans="14:14">
      <c r="N483267" s="10"/>
    </row>
    <row r="483268" spans="14:14">
      <c r="N483268" s="10"/>
    </row>
    <row r="483269" spans="14:14">
      <c r="N483269" s="10"/>
    </row>
    <row r="483270" spans="14:14">
      <c r="N483270" s="10"/>
    </row>
    <row r="483271" spans="14:14">
      <c r="N483271" s="10"/>
    </row>
    <row r="483272" spans="14:14">
      <c r="N483272" s="10"/>
    </row>
    <row r="483273" spans="14:14">
      <c r="N483273" s="10"/>
    </row>
    <row r="483274" spans="14:14">
      <c r="N483274" s="10"/>
    </row>
    <row r="483275" spans="14:14">
      <c r="N483275" s="10"/>
    </row>
    <row r="483276" spans="14:14">
      <c r="N483276" s="10"/>
    </row>
    <row r="483277" spans="14:14">
      <c r="N483277" s="10"/>
    </row>
    <row r="483278" spans="14:14">
      <c r="N483278" s="10"/>
    </row>
    <row r="483279" spans="14:14">
      <c r="N483279" s="10"/>
    </row>
    <row r="483280" spans="14:14">
      <c r="N483280" s="10"/>
    </row>
    <row r="483281" spans="14:14">
      <c r="N483281" s="10"/>
    </row>
    <row r="483282" spans="14:14">
      <c r="N483282" s="10"/>
    </row>
    <row r="483283" spans="14:14">
      <c r="N483283" s="10"/>
    </row>
    <row r="483284" spans="14:14">
      <c r="N483284" s="10"/>
    </row>
    <row r="483285" spans="14:14">
      <c r="N483285" s="10"/>
    </row>
    <row r="483286" spans="14:14">
      <c r="N483286" s="10"/>
    </row>
    <row r="483287" spans="14:14">
      <c r="N483287" s="10"/>
    </row>
    <row r="483288" spans="14:14">
      <c r="N483288" s="10"/>
    </row>
    <row r="483289" spans="14:14">
      <c r="N483289" s="10"/>
    </row>
    <row r="483290" spans="14:14">
      <c r="N483290" s="10"/>
    </row>
    <row r="483291" spans="14:14">
      <c r="N483291" s="10"/>
    </row>
    <row r="483292" spans="14:14">
      <c r="N483292" s="10"/>
    </row>
    <row r="483293" spans="14:14">
      <c r="N483293" s="10"/>
    </row>
    <row r="483294" spans="14:14">
      <c r="N483294" s="10"/>
    </row>
    <row r="483295" spans="14:14">
      <c r="N483295" s="10"/>
    </row>
    <row r="483296" spans="14:14">
      <c r="N483296" s="10"/>
    </row>
    <row r="483297" spans="14:14">
      <c r="N483297" s="10"/>
    </row>
    <row r="483298" spans="14:14">
      <c r="N483298" s="10"/>
    </row>
    <row r="483299" spans="14:14">
      <c r="N483299" s="10"/>
    </row>
    <row r="483300" spans="14:14">
      <c r="N483300" s="10"/>
    </row>
    <row r="483301" spans="14:14">
      <c r="N483301" s="10"/>
    </row>
    <row r="483302" spans="14:14">
      <c r="N483302" s="10"/>
    </row>
    <row r="483303" spans="14:14">
      <c r="N483303" s="10"/>
    </row>
    <row r="483304" spans="14:14">
      <c r="N483304" s="10"/>
    </row>
    <row r="483305" spans="14:14">
      <c r="N483305" s="10"/>
    </row>
    <row r="483306" spans="14:14">
      <c r="N483306" s="10"/>
    </row>
    <row r="483307" spans="14:14">
      <c r="N483307" s="10"/>
    </row>
    <row r="483308" spans="14:14">
      <c r="N483308" s="10"/>
    </row>
    <row r="483309" spans="14:14">
      <c r="N483309" s="10"/>
    </row>
    <row r="483310" spans="14:14">
      <c r="N483310" s="10"/>
    </row>
    <row r="483311" spans="14:14">
      <c r="N483311" s="10"/>
    </row>
    <row r="483312" spans="14:14">
      <c r="N483312" s="10"/>
    </row>
    <row r="483313" spans="14:14">
      <c r="N483313" s="10"/>
    </row>
    <row r="483314" spans="14:14">
      <c r="N483314" s="10"/>
    </row>
    <row r="483315" spans="14:14">
      <c r="N483315" s="10"/>
    </row>
    <row r="483316" spans="14:14">
      <c r="N483316" s="10"/>
    </row>
    <row r="483317" spans="14:14">
      <c r="N483317" s="10"/>
    </row>
    <row r="483318" spans="14:14">
      <c r="N483318" s="10"/>
    </row>
    <row r="483319" spans="14:14">
      <c r="N483319" s="10"/>
    </row>
    <row r="483320" spans="14:14">
      <c r="N483320" s="10"/>
    </row>
    <row r="483321" spans="14:14">
      <c r="N483321" s="10"/>
    </row>
    <row r="483322" spans="14:14">
      <c r="N483322" s="10"/>
    </row>
    <row r="483323" spans="14:14">
      <c r="N483323" s="10"/>
    </row>
    <row r="483324" spans="14:14">
      <c r="N483324" s="10"/>
    </row>
    <row r="483325" spans="14:14">
      <c r="N483325" s="10"/>
    </row>
    <row r="483326" spans="14:14">
      <c r="N483326" s="10"/>
    </row>
    <row r="483327" spans="14:14">
      <c r="N483327" s="10"/>
    </row>
    <row r="483328" spans="14:14">
      <c r="N483328" s="10"/>
    </row>
    <row r="483329" spans="14:14">
      <c r="N483329" s="10"/>
    </row>
    <row r="483330" spans="14:14">
      <c r="N483330" s="10"/>
    </row>
    <row r="483331" spans="14:14">
      <c r="N483331" s="10"/>
    </row>
    <row r="483332" spans="14:14">
      <c r="N483332" s="10"/>
    </row>
    <row r="483333" spans="14:14">
      <c r="N483333" s="10"/>
    </row>
    <row r="483334" spans="14:14">
      <c r="N483334" s="10"/>
    </row>
    <row r="483335" spans="14:14">
      <c r="N483335" s="10"/>
    </row>
    <row r="483336" spans="14:14">
      <c r="N483336" s="10"/>
    </row>
    <row r="483337" spans="14:14">
      <c r="N483337" s="10"/>
    </row>
    <row r="483338" spans="14:14">
      <c r="N483338" s="10"/>
    </row>
    <row r="483339" spans="14:14">
      <c r="N483339" s="10"/>
    </row>
    <row r="483340" spans="14:14">
      <c r="N483340" s="10"/>
    </row>
    <row r="483341" spans="14:14">
      <c r="N483341" s="10"/>
    </row>
    <row r="483342" spans="14:14">
      <c r="N483342" s="10"/>
    </row>
    <row r="483343" spans="14:14">
      <c r="N483343" s="10"/>
    </row>
    <row r="483344" spans="14:14">
      <c r="N483344" s="10"/>
    </row>
    <row r="483345" spans="14:14">
      <c r="N483345" s="10"/>
    </row>
    <row r="483346" spans="14:14">
      <c r="N483346" s="10"/>
    </row>
    <row r="483347" spans="14:14">
      <c r="N483347" s="10"/>
    </row>
    <row r="483348" spans="14:14">
      <c r="N483348" s="10"/>
    </row>
    <row r="483349" spans="14:14">
      <c r="N483349" s="10"/>
    </row>
    <row r="483350" spans="14:14">
      <c r="N483350" s="10"/>
    </row>
    <row r="483351" spans="14:14">
      <c r="N483351" s="10"/>
    </row>
    <row r="483352" spans="14:14">
      <c r="N483352" s="10"/>
    </row>
    <row r="483353" spans="14:14">
      <c r="N483353" s="10"/>
    </row>
    <row r="483354" spans="14:14">
      <c r="N483354" s="10"/>
    </row>
    <row r="483355" spans="14:14">
      <c r="N483355" s="10"/>
    </row>
    <row r="483356" spans="14:14">
      <c r="N483356" s="10"/>
    </row>
    <row r="483357" spans="14:14">
      <c r="N483357" s="10"/>
    </row>
    <row r="483358" spans="14:14">
      <c r="N483358" s="10"/>
    </row>
    <row r="483359" spans="14:14">
      <c r="N483359" s="10"/>
    </row>
    <row r="483360" spans="14:14">
      <c r="N483360" s="10"/>
    </row>
    <row r="483361" spans="14:14">
      <c r="N483361" s="10"/>
    </row>
    <row r="483362" spans="14:14">
      <c r="N483362" s="10"/>
    </row>
    <row r="483363" spans="14:14">
      <c r="N483363" s="10"/>
    </row>
    <row r="483364" spans="14:14">
      <c r="N483364" s="10"/>
    </row>
    <row r="483365" spans="14:14">
      <c r="N483365" s="10"/>
    </row>
    <row r="483366" spans="14:14">
      <c r="N483366" s="10"/>
    </row>
    <row r="483367" spans="14:14">
      <c r="N483367" s="10"/>
    </row>
    <row r="483368" spans="14:14">
      <c r="N483368" s="10"/>
    </row>
    <row r="483369" spans="14:14">
      <c r="N483369" s="10"/>
    </row>
    <row r="483370" spans="14:14">
      <c r="N483370" s="10"/>
    </row>
    <row r="483371" spans="14:14">
      <c r="N483371" s="10"/>
    </row>
    <row r="483372" spans="14:14">
      <c r="N483372" s="10"/>
    </row>
    <row r="483373" spans="14:14">
      <c r="N483373" s="10"/>
    </row>
    <row r="483374" spans="14:14">
      <c r="N483374" s="10"/>
    </row>
    <row r="483375" spans="14:14">
      <c r="N483375" s="10"/>
    </row>
    <row r="483376" spans="14:14">
      <c r="N483376" s="10"/>
    </row>
    <row r="483377" spans="14:14">
      <c r="N483377" s="10"/>
    </row>
    <row r="483378" spans="14:14">
      <c r="N483378" s="10"/>
    </row>
    <row r="483379" spans="14:14">
      <c r="N483379" s="10"/>
    </row>
    <row r="483380" spans="14:14">
      <c r="N483380" s="10"/>
    </row>
    <row r="483381" spans="14:14">
      <c r="N483381" s="10"/>
    </row>
    <row r="483382" spans="14:14">
      <c r="N483382" s="10"/>
    </row>
    <row r="483383" spans="14:14">
      <c r="N483383" s="10"/>
    </row>
    <row r="483384" spans="14:14">
      <c r="N483384" s="10"/>
    </row>
    <row r="483385" spans="14:14">
      <c r="N483385" s="10"/>
    </row>
    <row r="483386" spans="14:14">
      <c r="N483386" s="10"/>
    </row>
    <row r="483387" spans="14:14">
      <c r="N483387" s="10"/>
    </row>
    <row r="483388" spans="14:14">
      <c r="N483388" s="10"/>
    </row>
    <row r="483389" spans="14:14">
      <c r="N483389" s="10"/>
    </row>
    <row r="483390" spans="14:14">
      <c r="N483390" s="10"/>
    </row>
    <row r="483391" spans="14:14">
      <c r="N483391" s="10"/>
    </row>
    <row r="483392" spans="14:14">
      <c r="N483392" s="10"/>
    </row>
    <row r="483393" spans="14:14">
      <c r="N483393" s="10"/>
    </row>
    <row r="483394" spans="14:14">
      <c r="N483394" s="10"/>
    </row>
    <row r="483395" spans="14:14">
      <c r="N483395" s="10"/>
    </row>
    <row r="483396" spans="14:14">
      <c r="N483396" s="10"/>
    </row>
    <row r="483397" spans="14:14">
      <c r="N483397" s="10"/>
    </row>
    <row r="483398" spans="14:14">
      <c r="N483398" s="10"/>
    </row>
    <row r="483399" spans="14:14">
      <c r="N483399" s="10"/>
    </row>
    <row r="483400" spans="14:14">
      <c r="N483400" s="10"/>
    </row>
    <row r="483401" spans="14:14">
      <c r="N483401" s="10"/>
    </row>
    <row r="483402" spans="14:14">
      <c r="N483402" s="10"/>
    </row>
    <row r="483403" spans="14:14">
      <c r="N483403" s="10"/>
    </row>
    <row r="483404" spans="14:14">
      <c r="N483404" s="10"/>
    </row>
    <row r="483405" spans="14:14">
      <c r="N483405" s="10"/>
    </row>
    <row r="483406" spans="14:14">
      <c r="N483406" s="10"/>
    </row>
    <row r="483407" spans="14:14">
      <c r="N483407" s="10"/>
    </row>
    <row r="483408" spans="14:14">
      <c r="N483408" s="10"/>
    </row>
    <row r="483409" spans="14:14">
      <c r="N483409" s="10"/>
    </row>
    <row r="483410" spans="14:14">
      <c r="N483410" s="10"/>
    </row>
    <row r="483411" spans="14:14">
      <c r="N483411" s="10"/>
    </row>
    <row r="483412" spans="14:14">
      <c r="N483412" s="10"/>
    </row>
    <row r="483413" spans="14:14">
      <c r="N483413" s="10"/>
    </row>
    <row r="483414" spans="14:14">
      <c r="N483414" s="10"/>
    </row>
    <row r="483415" spans="14:14">
      <c r="N483415" s="10"/>
    </row>
    <row r="483416" spans="14:14">
      <c r="N483416" s="10"/>
    </row>
    <row r="483417" spans="14:14">
      <c r="N483417" s="10"/>
    </row>
    <row r="483418" spans="14:14">
      <c r="N483418" s="10"/>
    </row>
    <row r="483419" spans="14:14">
      <c r="N483419" s="10"/>
    </row>
    <row r="483420" spans="14:14">
      <c r="N483420" s="10"/>
    </row>
    <row r="483421" spans="14:14">
      <c r="N483421" s="10"/>
    </row>
    <row r="483422" spans="14:14">
      <c r="N483422" s="10"/>
    </row>
    <row r="483423" spans="14:14">
      <c r="N483423" s="10"/>
    </row>
    <row r="483424" spans="14:14">
      <c r="N483424" s="10"/>
    </row>
    <row r="483425" spans="14:14">
      <c r="N483425" s="10"/>
    </row>
    <row r="483426" spans="14:14">
      <c r="N483426" s="10"/>
    </row>
    <row r="483427" spans="14:14">
      <c r="N483427" s="10"/>
    </row>
    <row r="483428" spans="14:14">
      <c r="N483428" s="10"/>
    </row>
    <row r="483429" spans="14:14">
      <c r="N483429" s="10"/>
    </row>
    <row r="483430" spans="14:14">
      <c r="N483430" s="10"/>
    </row>
    <row r="483431" spans="14:14">
      <c r="N483431" s="10"/>
    </row>
    <row r="483432" spans="14:14">
      <c r="N483432" s="10"/>
    </row>
    <row r="483433" spans="14:14">
      <c r="N483433" s="10"/>
    </row>
    <row r="483434" spans="14:14">
      <c r="N483434" s="10"/>
    </row>
    <row r="483435" spans="14:14">
      <c r="N483435" s="10"/>
    </row>
    <row r="483436" spans="14:14">
      <c r="N483436" s="10"/>
    </row>
    <row r="483437" spans="14:14">
      <c r="N483437" s="10"/>
    </row>
    <row r="483438" spans="14:14">
      <c r="N483438" s="10"/>
    </row>
    <row r="483439" spans="14:14">
      <c r="N483439" s="10"/>
    </row>
    <row r="483440" spans="14:14">
      <c r="N483440" s="10"/>
    </row>
    <row r="483441" spans="14:14">
      <c r="N483441" s="10"/>
    </row>
    <row r="483442" spans="14:14">
      <c r="N483442" s="10"/>
    </row>
    <row r="483443" spans="14:14">
      <c r="N483443" s="10"/>
    </row>
    <row r="483444" spans="14:14">
      <c r="N483444" s="10"/>
    </row>
    <row r="483445" spans="14:14">
      <c r="N483445" s="10"/>
    </row>
    <row r="483446" spans="14:14">
      <c r="N483446" s="10"/>
    </row>
    <row r="483447" spans="14:14">
      <c r="N483447" s="10"/>
    </row>
    <row r="483448" spans="14:14">
      <c r="N483448" s="10"/>
    </row>
    <row r="483449" spans="14:14">
      <c r="N483449" s="10"/>
    </row>
    <row r="483450" spans="14:14">
      <c r="N483450" s="10"/>
    </row>
    <row r="483451" spans="14:14">
      <c r="N483451" s="10"/>
    </row>
    <row r="483452" spans="14:14">
      <c r="N483452" s="10"/>
    </row>
    <row r="483453" spans="14:14">
      <c r="N483453" s="10"/>
    </row>
    <row r="483454" spans="14:14">
      <c r="N483454" s="10"/>
    </row>
    <row r="483455" spans="14:14">
      <c r="N483455" s="10"/>
    </row>
    <row r="483456" spans="14:14">
      <c r="N483456" s="10"/>
    </row>
    <row r="483457" spans="14:14">
      <c r="N483457" s="10"/>
    </row>
    <row r="483458" spans="14:14">
      <c r="N483458" s="10"/>
    </row>
    <row r="483459" spans="14:14">
      <c r="N483459" s="10"/>
    </row>
    <row r="483460" spans="14:14">
      <c r="N483460" s="10"/>
    </row>
    <row r="483461" spans="14:14">
      <c r="N483461" s="10"/>
    </row>
    <row r="483462" spans="14:14">
      <c r="N483462" s="10"/>
    </row>
    <row r="483463" spans="14:14">
      <c r="N483463" s="10"/>
    </row>
    <row r="483464" spans="14:14">
      <c r="N483464" s="10"/>
    </row>
    <row r="483465" spans="14:14">
      <c r="N483465" s="10"/>
    </row>
    <row r="483466" spans="14:14">
      <c r="N483466" s="10"/>
    </row>
    <row r="483467" spans="14:14">
      <c r="N483467" s="10"/>
    </row>
    <row r="483468" spans="14:14">
      <c r="N483468" s="10"/>
    </row>
    <row r="483469" spans="14:14">
      <c r="N483469" s="10"/>
    </row>
    <row r="483470" spans="14:14">
      <c r="N483470" s="10"/>
    </row>
    <row r="483471" spans="14:14">
      <c r="N483471" s="10"/>
    </row>
    <row r="483472" spans="14:14">
      <c r="N483472" s="10"/>
    </row>
    <row r="483473" spans="14:14">
      <c r="N483473" s="10"/>
    </row>
    <row r="483474" spans="14:14">
      <c r="N483474" s="10"/>
    </row>
    <row r="483475" spans="14:14">
      <c r="N483475" s="10"/>
    </row>
    <row r="483476" spans="14:14">
      <c r="N483476" s="10"/>
    </row>
    <row r="483477" spans="14:14">
      <c r="N483477" s="10"/>
    </row>
    <row r="483478" spans="14:14">
      <c r="N483478" s="10"/>
    </row>
    <row r="483479" spans="14:14">
      <c r="N483479" s="10"/>
    </row>
    <row r="483480" spans="14:14">
      <c r="N483480" s="10"/>
    </row>
    <row r="483481" spans="14:14">
      <c r="N483481" s="10"/>
    </row>
    <row r="483482" spans="14:14">
      <c r="N483482" s="10"/>
    </row>
    <row r="483483" spans="14:14">
      <c r="N483483" s="10"/>
    </row>
    <row r="483484" spans="14:14">
      <c r="N483484" s="10"/>
    </row>
    <row r="483485" spans="14:14">
      <c r="N483485" s="10"/>
    </row>
    <row r="483486" spans="14:14">
      <c r="N483486" s="10"/>
    </row>
    <row r="483487" spans="14:14">
      <c r="N483487" s="10"/>
    </row>
    <row r="483488" spans="14:14">
      <c r="N483488" s="10"/>
    </row>
    <row r="483489" spans="14:14">
      <c r="N483489" s="10"/>
    </row>
    <row r="483490" spans="14:14">
      <c r="N483490" s="10"/>
    </row>
    <row r="483491" spans="14:14">
      <c r="N483491" s="10"/>
    </row>
    <row r="483492" spans="14:14">
      <c r="N483492" s="10"/>
    </row>
    <row r="483493" spans="14:14">
      <c r="N483493" s="10"/>
    </row>
    <row r="483494" spans="14:14">
      <c r="N483494" s="10"/>
    </row>
    <row r="483495" spans="14:14">
      <c r="N483495" s="10"/>
    </row>
    <row r="483496" spans="14:14">
      <c r="N483496" s="10"/>
    </row>
    <row r="483497" spans="14:14">
      <c r="N483497" s="10"/>
    </row>
    <row r="483498" spans="14:14">
      <c r="N483498" s="10"/>
    </row>
    <row r="483499" spans="14:14">
      <c r="N483499" s="10"/>
    </row>
    <row r="483500" spans="14:14">
      <c r="N483500" s="10"/>
    </row>
    <row r="483501" spans="14:14">
      <c r="N483501" s="10"/>
    </row>
    <row r="483502" spans="14:14">
      <c r="N483502" s="10"/>
    </row>
    <row r="483503" spans="14:14">
      <c r="N483503" s="10"/>
    </row>
    <row r="483504" spans="14:14">
      <c r="N483504" s="10"/>
    </row>
    <row r="483505" spans="14:14">
      <c r="N483505" s="10"/>
    </row>
    <row r="483506" spans="14:14">
      <c r="N483506" s="10"/>
    </row>
    <row r="483507" spans="14:14">
      <c r="N483507" s="10"/>
    </row>
    <row r="483508" spans="14:14">
      <c r="N483508" s="10"/>
    </row>
    <row r="483509" spans="14:14">
      <c r="N483509" s="10"/>
    </row>
    <row r="483510" spans="14:14">
      <c r="N483510" s="10"/>
    </row>
    <row r="483511" spans="14:14">
      <c r="N483511" s="10"/>
    </row>
    <row r="483512" spans="14:14">
      <c r="N483512" s="10"/>
    </row>
    <row r="483513" spans="14:14">
      <c r="N483513" s="10"/>
    </row>
    <row r="483514" spans="14:14">
      <c r="N483514" s="10"/>
    </row>
    <row r="483515" spans="14:14">
      <c r="N483515" s="10"/>
    </row>
    <row r="483516" spans="14:14">
      <c r="N483516" s="10"/>
    </row>
    <row r="483517" spans="14:14">
      <c r="N483517" s="10"/>
    </row>
    <row r="483518" spans="14:14">
      <c r="N483518" s="10"/>
    </row>
    <row r="483519" spans="14:14">
      <c r="N483519" s="10"/>
    </row>
    <row r="483520" spans="14:14">
      <c r="N483520" s="10"/>
    </row>
    <row r="483521" spans="14:14">
      <c r="N483521" s="10"/>
    </row>
    <row r="483522" spans="14:14">
      <c r="N483522" s="10"/>
    </row>
    <row r="483523" spans="14:14">
      <c r="N483523" s="10"/>
    </row>
    <row r="483524" spans="14:14">
      <c r="N483524" s="10"/>
    </row>
    <row r="483525" spans="14:14">
      <c r="N483525" s="10"/>
    </row>
    <row r="483526" spans="14:14">
      <c r="N483526" s="10"/>
    </row>
    <row r="483527" spans="14:14">
      <c r="N483527" s="10"/>
    </row>
    <row r="483528" spans="14:14">
      <c r="N483528" s="10"/>
    </row>
    <row r="483529" spans="14:14">
      <c r="N483529" s="10"/>
    </row>
    <row r="483530" spans="14:14">
      <c r="N483530" s="10"/>
    </row>
    <row r="483531" spans="14:14">
      <c r="N483531" s="10"/>
    </row>
    <row r="483532" spans="14:14">
      <c r="N483532" s="10"/>
    </row>
    <row r="483533" spans="14:14">
      <c r="N483533" s="10"/>
    </row>
    <row r="483534" spans="14:14">
      <c r="N483534" s="10"/>
    </row>
    <row r="483535" spans="14:14">
      <c r="N483535" s="10"/>
    </row>
    <row r="483536" spans="14:14">
      <c r="N483536" s="10"/>
    </row>
    <row r="483537" spans="14:14">
      <c r="N483537" s="10"/>
    </row>
    <row r="483538" spans="14:14">
      <c r="N483538" s="10"/>
    </row>
    <row r="483539" spans="14:14">
      <c r="N483539" s="10"/>
    </row>
    <row r="483540" spans="14:14">
      <c r="N483540" s="10"/>
    </row>
    <row r="483541" spans="14:14">
      <c r="N483541" s="10"/>
    </row>
    <row r="483542" spans="14:14">
      <c r="N483542" s="10"/>
    </row>
    <row r="483543" spans="14:14">
      <c r="N483543" s="10"/>
    </row>
    <row r="483544" spans="14:14">
      <c r="N483544" s="10"/>
    </row>
    <row r="483545" spans="14:14">
      <c r="N483545" s="10"/>
    </row>
    <row r="483546" spans="14:14">
      <c r="N483546" s="10"/>
    </row>
    <row r="483547" spans="14:14">
      <c r="N483547" s="10"/>
    </row>
    <row r="483548" spans="14:14">
      <c r="N483548" s="10"/>
    </row>
    <row r="483549" spans="14:14">
      <c r="N483549" s="10"/>
    </row>
    <row r="483550" spans="14:14">
      <c r="N483550" s="10"/>
    </row>
    <row r="483551" spans="14:14">
      <c r="N483551" s="10"/>
    </row>
    <row r="483552" spans="14:14">
      <c r="N483552" s="10"/>
    </row>
    <row r="483553" spans="14:14">
      <c r="N483553" s="10"/>
    </row>
    <row r="483554" spans="14:14">
      <c r="N483554" s="10"/>
    </row>
    <row r="483555" spans="14:14">
      <c r="N483555" s="10"/>
    </row>
    <row r="483556" spans="14:14">
      <c r="N483556" s="10"/>
    </row>
    <row r="483557" spans="14:14">
      <c r="N483557" s="10"/>
    </row>
    <row r="483558" spans="14:14">
      <c r="N483558" s="10"/>
    </row>
    <row r="483559" spans="14:14">
      <c r="N483559" s="10"/>
    </row>
    <row r="483560" spans="14:14">
      <c r="N483560" s="10"/>
    </row>
    <row r="483561" spans="14:14">
      <c r="N483561" s="10"/>
    </row>
    <row r="483562" spans="14:14">
      <c r="N483562" s="10"/>
    </row>
    <row r="483563" spans="14:14">
      <c r="N483563" s="10"/>
    </row>
    <row r="483564" spans="14:14">
      <c r="N483564" s="10"/>
    </row>
    <row r="483565" spans="14:14">
      <c r="N483565" s="10"/>
    </row>
    <row r="483566" spans="14:14">
      <c r="N483566" s="10"/>
    </row>
    <row r="483567" spans="14:14">
      <c r="N483567" s="10"/>
    </row>
    <row r="483568" spans="14:14">
      <c r="N483568" s="10"/>
    </row>
    <row r="483569" spans="14:14">
      <c r="N483569" s="10"/>
    </row>
    <row r="483570" spans="14:14">
      <c r="N483570" s="10"/>
    </row>
    <row r="483571" spans="14:14">
      <c r="N483571" s="10"/>
    </row>
    <row r="483572" spans="14:14">
      <c r="N483572" s="10"/>
    </row>
    <row r="483573" spans="14:14">
      <c r="N483573" s="10"/>
    </row>
    <row r="483574" spans="14:14">
      <c r="N483574" s="10"/>
    </row>
    <row r="483575" spans="14:14">
      <c r="N483575" s="10"/>
    </row>
    <row r="483576" spans="14:14">
      <c r="N483576" s="10"/>
    </row>
    <row r="483577" spans="14:14">
      <c r="N483577" s="10"/>
    </row>
    <row r="483578" spans="14:14">
      <c r="N483578" s="10"/>
    </row>
    <row r="483579" spans="14:14">
      <c r="N483579" s="10"/>
    </row>
    <row r="483580" spans="14:14">
      <c r="N483580" s="10"/>
    </row>
    <row r="483581" spans="14:14">
      <c r="N483581" s="10"/>
    </row>
    <row r="483582" spans="14:14">
      <c r="N483582" s="10"/>
    </row>
    <row r="483583" spans="14:14">
      <c r="N483583" s="10"/>
    </row>
    <row r="483584" spans="14:14">
      <c r="N483584" s="10"/>
    </row>
    <row r="483585" spans="14:14">
      <c r="N483585" s="10"/>
    </row>
    <row r="483586" spans="14:14">
      <c r="N483586" s="10"/>
    </row>
    <row r="483587" spans="14:14">
      <c r="N483587" s="10"/>
    </row>
    <row r="483588" spans="14:14">
      <c r="N483588" s="10"/>
    </row>
    <row r="483589" spans="14:14">
      <c r="N483589" s="10"/>
    </row>
    <row r="483590" spans="14:14">
      <c r="N483590" s="10"/>
    </row>
    <row r="483591" spans="14:14">
      <c r="N483591" s="10"/>
    </row>
    <row r="483592" spans="14:14">
      <c r="N483592" s="10"/>
    </row>
    <row r="483593" spans="14:14">
      <c r="N483593" s="10"/>
    </row>
    <row r="483594" spans="14:14">
      <c r="N483594" s="10"/>
    </row>
    <row r="483595" spans="14:14">
      <c r="N483595" s="10"/>
    </row>
    <row r="483596" spans="14:14">
      <c r="N483596" s="10"/>
    </row>
    <row r="483597" spans="14:14">
      <c r="N483597" s="10"/>
    </row>
    <row r="483598" spans="14:14">
      <c r="N483598" s="10"/>
    </row>
    <row r="483599" spans="14:14">
      <c r="N483599" s="10"/>
    </row>
    <row r="483600" spans="14:14">
      <c r="N483600" s="10"/>
    </row>
    <row r="483601" spans="14:14">
      <c r="N483601" s="10"/>
    </row>
    <row r="483602" spans="14:14">
      <c r="N483602" s="10"/>
    </row>
    <row r="483603" spans="14:14">
      <c r="N483603" s="10"/>
    </row>
    <row r="483604" spans="14:14">
      <c r="N483604" s="10"/>
    </row>
    <row r="483605" spans="14:14">
      <c r="N483605" s="10"/>
    </row>
    <row r="483606" spans="14:14">
      <c r="N483606" s="10"/>
    </row>
    <row r="483607" spans="14:14">
      <c r="N483607" s="10"/>
    </row>
    <row r="483608" spans="14:14">
      <c r="N483608" s="10"/>
    </row>
    <row r="483609" spans="14:14">
      <c r="N483609" s="10"/>
    </row>
    <row r="483610" spans="14:14">
      <c r="N483610" s="10"/>
    </row>
    <row r="483611" spans="14:14">
      <c r="N483611" s="10"/>
    </row>
    <row r="483612" spans="14:14">
      <c r="N483612" s="10"/>
    </row>
    <row r="483613" spans="14:14">
      <c r="N483613" s="10"/>
    </row>
    <row r="483614" spans="14:14">
      <c r="N483614" s="10"/>
    </row>
    <row r="483615" spans="14:14">
      <c r="N483615" s="10"/>
    </row>
    <row r="483616" spans="14:14">
      <c r="N483616" s="10"/>
    </row>
    <row r="483617" spans="14:14">
      <c r="N483617" s="10"/>
    </row>
    <row r="483618" spans="14:14">
      <c r="N483618" s="10"/>
    </row>
    <row r="483619" spans="14:14">
      <c r="N483619" s="10"/>
    </row>
    <row r="483620" spans="14:14">
      <c r="N483620" s="10"/>
    </row>
    <row r="483621" spans="14:14">
      <c r="N483621" s="10"/>
    </row>
    <row r="483622" spans="14:14">
      <c r="N483622" s="10"/>
    </row>
    <row r="483623" spans="14:14">
      <c r="N483623" s="10"/>
    </row>
    <row r="483624" spans="14:14">
      <c r="N483624" s="10"/>
    </row>
    <row r="483625" spans="14:14">
      <c r="N483625" s="10"/>
    </row>
    <row r="483626" spans="14:14">
      <c r="N483626" s="10"/>
    </row>
    <row r="483627" spans="14:14">
      <c r="N483627" s="10"/>
    </row>
    <row r="483628" spans="14:14">
      <c r="N483628" s="10"/>
    </row>
    <row r="483629" spans="14:14">
      <c r="N483629" s="10"/>
    </row>
    <row r="483630" spans="14:14">
      <c r="N483630" s="10"/>
    </row>
    <row r="483631" spans="14:14">
      <c r="N483631" s="10"/>
    </row>
    <row r="483632" spans="14:14">
      <c r="N483632" s="10"/>
    </row>
    <row r="483633" spans="14:14">
      <c r="N483633" s="10"/>
    </row>
    <row r="483634" spans="14:14">
      <c r="N483634" s="10"/>
    </row>
    <row r="483635" spans="14:14">
      <c r="N483635" s="10"/>
    </row>
    <row r="483636" spans="14:14">
      <c r="N483636" s="10"/>
    </row>
    <row r="483637" spans="14:14">
      <c r="N483637" s="10"/>
    </row>
    <row r="483638" spans="14:14">
      <c r="N483638" s="10"/>
    </row>
    <row r="483639" spans="14:14">
      <c r="N483639" s="10"/>
    </row>
    <row r="483640" spans="14:14">
      <c r="N483640" s="10"/>
    </row>
    <row r="483641" spans="14:14">
      <c r="N483641" s="10"/>
    </row>
    <row r="483642" spans="14:14">
      <c r="N483642" s="10"/>
    </row>
    <row r="483643" spans="14:14">
      <c r="N483643" s="10"/>
    </row>
    <row r="483644" spans="14:14">
      <c r="N483644" s="10"/>
    </row>
    <row r="483645" spans="14:14">
      <c r="N483645" s="10"/>
    </row>
    <row r="483646" spans="14:14">
      <c r="N483646" s="10"/>
    </row>
    <row r="483647" spans="14:14">
      <c r="N483647" s="10"/>
    </row>
    <row r="483648" spans="14:14">
      <c r="N483648" s="10"/>
    </row>
    <row r="483649" spans="14:14">
      <c r="N483649" s="10"/>
    </row>
    <row r="483650" spans="14:14">
      <c r="N483650" s="10"/>
    </row>
    <row r="483651" spans="14:14">
      <c r="N483651" s="10"/>
    </row>
    <row r="483652" spans="14:14">
      <c r="N483652" s="10"/>
    </row>
    <row r="483653" spans="14:14">
      <c r="N483653" s="10"/>
    </row>
    <row r="483654" spans="14:14">
      <c r="N483654" s="10"/>
    </row>
    <row r="483655" spans="14:14">
      <c r="N483655" s="10"/>
    </row>
    <row r="483656" spans="14:14">
      <c r="N483656" s="10"/>
    </row>
    <row r="483657" spans="14:14">
      <c r="N483657" s="10"/>
    </row>
    <row r="483658" spans="14:14">
      <c r="N483658" s="10"/>
    </row>
    <row r="483659" spans="14:14">
      <c r="N483659" s="10"/>
    </row>
    <row r="483660" spans="14:14">
      <c r="N483660" s="10"/>
    </row>
    <row r="483661" spans="14:14">
      <c r="N483661" s="10"/>
    </row>
    <row r="483662" spans="14:14">
      <c r="N483662" s="10"/>
    </row>
    <row r="483663" spans="14:14">
      <c r="N483663" s="10"/>
    </row>
    <row r="483664" spans="14:14">
      <c r="N483664" s="10"/>
    </row>
    <row r="483665" spans="14:14">
      <c r="N483665" s="10"/>
    </row>
    <row r="483666" spans="14:14">
      <c r="N483666" s="10"/>
    </row>
    <row r="483667" spans="14:14">
      <c r="N483667" s="10"/>
    </row>
    <row r="483668" spans="14:14">
      <c r="N483668" s="10"/>
    </row>
    <row r="483669" spans="14:14">
      <c r="N483669" s="10"/>
    </row>
    <row r="483670" spans="14:14">
      <c r="N483670" s="10"/>
    </row>
    <row r="483671" spans="14:14">
      <c r="N483671" s="10"/>
    </row>
    <row r="483672" spans="14:14">
      <c r="N483672" s="10"/>
    </row>
    <row r="483673" spans="14:14">
      <c r="N483673" s="10"/>
    </row>
    <row r="483674" spans="14:14">
      <c r="N483674" s="10"/>
    </row>
    <row r="483675" spans="14:14">
      <c r="N483675" s="10"/>
    </row>
    <row r="483676" spans="14:14">
      <c r="N483676" s="10"/>
    </row>
    <row r="483677" spans="14:14">
      <c r="N483677" s="10"/>
    </row>
    <row r="483678" spans="14:14">
      <c r="N483678" s="10"/>
    </row>
    <row r="483679" spans="14:14">
      <c r="N483679" s="10"/>
    </row>
    <row r="483680" spans="14:14">
      <c r="N483680" s="10"/>
    </row>
    <row r="483681" spans="14:14">
      <c r="N483681" s="10"/>
    </row>
    <row r="483682" spans="14:14">
      <c r="N483682" s="10"/>
    </row>
    <row r="483683" spans="14:14">
      <c r="N483683" s="10"/>
    </row>
    <row r="483684" spans="14:14">
      <c r="N483684" s="10"/>
    </row>
    <row r="483685" spans="14:14">
      <c r="N483685" s="10"/>
    </row>
    <row r="483686" spans="14:14">
      <c r="N483686" s="10"/>
    </row>
    <row r="483687" spans="14:14">
      <c r="N483687" s="10"/>
    </row>
    <row r="483688" spans="14:14">
      <c r="N483688" s="10"/>
    </row>
    <row r="483689" spans="14:14">
      <c r="N483689" s="10"/>
    </row>
    <row r="483690" spans="14:14">
      <c r="N483690" s="10"/>
    </row>
    <row r="483691" spans="14:14">
      <c r="N483691" s="10"/>
    </row>
    <row r="483692" spans="14:14">
      <c r="N483692" s="10"/>
    </row>
    <row r="483693" spans="14:14">
      <c r="N483693" s="10"/>
    </row>
    <row r="483694" spans="14:14">
      <c r="N483694" s="10"/>
    </row>
    <row r="483695" spans="14:14">
      <c r="N483695" s="10"/>
    </row>
    <row r="483696" spans="14:14">
      <c r="N483696" s="10"/>
    </row>
    <row r="483697" spans="14:14">
      <c r="N483697" s="10"/>
    </row>
    <row r="483698" spans="14:14">
      <c r="N483698" s="10"/>
    </row>
    <row r="483699" spans="14:14">
      <c r="N483699" s="10"/>
    </row>
    <row r="483700" spans="14:14">
      <c r="N483700" s="10"/>
    </row>
    <row r="483701" spans="14:14">
      <c r="N483701" s="10"/>
    </row>
    <row r="483702" spans="14:14">
      <c r="N483702" s="10"/>
    </row>
    <row r="483703" spans="14:14">
      <c r="N483703" s="10"/>
    </row>
    <row r="483704" spans="14:14">
      <c r="N483704" s="10"/>
    </row>
    <row r="483705" spans="14:14">
      <c r="N483705" s="10"/>
    </row>
    <row r="483706" spans="14:14">
      <c r="N483706" s="10"/>
    </row>
    <row r="483707" spans="14:14">
      <c r="N483707" s="10"/>
    </row>
    <row r="483708" spans="14:14">
      <c r="N483708" s="10"/>
    </row>
    <row r="483709" spans="14:14">
      <c r="N483709" s="10"/>
    </row>
    <row r="483710" spans="14:14">
      <c r="N483710" s="10"/>
    </row>
    <row r="483711" spans="14:14">
      <c r="N483711" s="10"/>
    </row>
    <row r="483712" spans="14:14">
      <c r="N483712" s="10"/>
    </row>
    <row r="483713" spans="14:14">
      <c r="N483713" s="10"/>
    </row>
    <row r="483714" spans="14:14">
      <c r="N483714" s="10"/>
    </row>
    <row r="483715" spans="14:14">
      <c r="N483715" s="10"/>
    </row>
    <row r="483716" spans="14:14">
      <c r="N483716" s="10"/>
    </row>
    <row r="483717" spans="14:14">
      <c r="N483717" s="10"/>
    </row>
    <row r="483718" spans="14:14">
      <c r="N483718" s="10"/>
    </row>
    <row r="483719" spans="14:14">
      <c r="N483719" s="10"/>
    </row>
    <row r="483720" spans="14:14">
      <c r="N483720" s="10"/>
    </row>
    <row r="483721" spans="14:14">
      <c r="N483721" s="10"/>
    </row>
    <row r="483722" spans="14:14">
      <c r="N483722" s="10"/>
    </row>
    <row r="483723" spans="14:14">
      <c r="N483723" s="10"/>
    </row>
    <row r="483724" spans="14:14">
      <c r="N483724" s="10"/>
    </row>
    <row r="483725" spans="14:14">
      <c r="N483725" s="10"/>
    </row>
    <row r="483726" spans="14:14">
      <c r="N483726" s="10"/>
    </row>
    <row r="483727" spans="14:14">
      <c r="N483727" s="10"/>
    </row>
    <row r="483728" spans="14:14">
      <c r="N483728" s="10"/>
    </row>
    <row r="483729" spans="14:14">
      <c r="N483729" s="10"/>
    </row>
    <row r="483730" spans="14:14">
      <c r="N483730" s="10"/>
    </row>
    <row r="483731" spans="14:14">
      <c r="N483731" s="10"/>
    </row>
    <row r="483732" spans="14:14">
      <c r="N483732" s="10"/>
    </row>
    <row r="483733" spans="14:14">
      <c r="N483733" s="10"/>
    </row>
    <row r="483734" spans="14:14">
      <c r="N483734" s="10"/>
    </row>
    <row r="483735" spans="14:14">
      <c r="N483735" s="10"/>
    </row>
    <row r="483736" spans="14:14">
      <c r="N483736" s="10"/>
    </row>
    <row r="483737" spans="14:14">
      <c r="N483737" s="10"/>
    </row>
    <row r="483738" spans="14:14">
      <c r="N483738" s="10"/>
    </row>
    <row r="483739" spans="14:14">
      <c r="N483739" s="10"/>
    </row>
    <row r="483740" spans="14:14">
      <c r="N483740" s="10"/>
    </row>
    <row r="483741" spans="14:14">
      <c r="N483741" s="10"/>
    </row>
    <row r="483742" spans="14:14">
      <c r="N483742" s="10"/>
    </row>
    <row r="483743" spans="14:14">
      <c r="N483743" s="10"/>
    </row>
    <row r="483744" spans="14:14">
      <c r="N483744" s="10"/>
    </row>
    <row r="483745" spans="14:14">
      <c r="N483745" s="10"/>
    </row>
    <row r="483746" spans="14:14">
      <c r="N483746" s="10"/>
    </row>
    <row r="483747" spans="14:14">
      <c r="N483747" s="10"/>
    </row>
    <row r="483748" spans="14:14">
      <c r="N483748" s="10"/>
    </row>
    <row r="483749" spans="14:14">
      <c r="N483749" s="10"/>
    </row>
    <row r="483750" spans="14:14">
      <c r="N483750" s="10"/>
    </row>
    <row r="483751" spans="14:14">
      <c r="N483751" s="10"/>
    </row>
    <row r="483752" spans="14:14">
      <c r="N483752" s="10"/>
    </row>
    <row r="483753" spans="14:14">
      <c r="N483753" s="10"/>
    </row>
    <row r="483754" spans="14:14">
      <c r="N483754" s="10"/>
    </row>
    <row r="483755" spans="14:14">
      <c r="N483755" s="10"/>
    </row>
    <row r="483756" spans="14:14">
      <c r="N483756" s="10"/>
    </row>
    <row r="483757" spans="14:14">
      <c r="N483757" s="10"/>
    </row>
    <row r="483758" spans="14:14">
      <c r="N483758" s="10"/>
    </row>
    <row r="483759" spans="14:14">
      <c r="N483759" s="10"/>
    </row>
    <row r="483760" spans="14:14">
      <c r="N483760" s="10"/>
    </row>
    <row r="483761" spans="14:14">
      <c r="N483761" s="10"/>
    </row>
    <row r="483762" spans="14:14">
      <c r="N483762" s="10"/>
    </row>
    <row r="483763" spans="14:14">
      <c r="N483763" s="10"/>
    </row>
    <row r="483764" spans="14:14">
      <c r="N483764" s="10"/>
    </row>
    <row r="483765" spans="14:14">
      <c r="N483765" s="10"/>
    </row>
    <row r="483766" spans="14:14">
      <c r="N483766" s="10"/>
    </row>
    <row r="483767" spans="14:14">
      <c r="N483767" s="10"/>
    </row>
    <row r="483768" spans="14:14">
      <c r="N483768" s="10"/>
    </row>
    <row r="483769" spans="14:14">
      <c r="N483769" s="10"/>
    </row>
    <row r="483770" spans="14:14">
      <c r="N483770" s="10"/>
    </row>
    <row r="483771" spans="14:14">
      <c r="N483771" s="10"/>
    </row>
    <row r="483772" spans="14:14">
      <c r="N483772" s="10"/>
    </row>
    <row r="483773" spans="14:14">
      <c r="N483773" s="10"/>
    </row>
    <row r="483774" spans="14:14">
      <c r="N483774" s="10"/>
    </row>
    <row r="483775" spans="14:14">
      <c r="N483775" s="10"/>
    </row>
    <row r="483776" spans="14:14">
      <c r="N483776" s="10"/>
    </row>
    <row r="483777" spans="14:14">
      <c r="N483777" s="10"/>
    </row>
    <row r="483778" spans="14:14">
      <c r="N483778" s="10"/>
    </row>
    <row r="483779" spans="14:14">
      <c r="N483779" s="10"/>
    </row>
    <row r="483780" spans="14:14">
      <c r="N483780" s="10"/>
    </row>
    <row r="483781" spans="14:14">
      <c r="N483781" s="10"/>
    </row>
    <row r="483782" spans="14:14">
      <c r="N483782" s="10"/>
    </row>
    <row r="483783" spans="14:14">
      <c r="N483783" s="10"/>
    </row>
    <row r="483784" spans="14:14">
      <c r="N483784" s="10"/>
    </row>
    <row r="483785" spans="14:14">
      <c r="N483785" s="10"/>
    </row>
    <row r="483786" spans="14:14">
      <c r="N483786" s="10"/>
    </row>
    <row r="483787" spans="14:14">
      <c r="N483787" s="10"/>
    </row>
    <row r="483788" spans="14:14">
      <c r="N483788" s="10"/>
    </row>
    <row r="483789" spans="14:14">
      <c r="N483789" s="10"/>
    </row>
    <row r="483790" spans="14:14">
      <c r="N483790" s="10"/>
    </row>
    <row r="483791" spans="14:14">
      <c r="N483791" s="10"/>
    </row>
    <row r="483792" spans="14:14">
      <c r="N483792" s="10"/>
    </row>
    <row r="483793" spans="14:14">
      <c r="N483793" s="10"/>
    </row>
    <row r="483794" spans="14:14">
      <c r="N483794" s="10"/>
    </row>
    <row r="483795" spans="14:14">
      <c r="N483795" s="10"/>
    </row>
    <row r="483796" spans="14:14">
      <c r="N483796" s="10"/>
    </row>
    <row r="483797" spans="14:14">
      <c r="N483797" s="10"/>
    </row>
    <row r="483798" spans="14:14">
      <c r="N483798" s="10"/>
    </row>
    <row r="483799" spans="14:14">
      <c r="N483799" s="10"/>
    </row>
    <row r="483800" spans="14:14">
      <c r="N483800" s="10"/>
    </row>
    <row r="483801" spans="14:14">
      <c r="N483801" s="10"/>
    </row>
    <row r="483802" spans="14:14">
      <c r="N483802" s="10"/>
    </row>
    <row r="483803" spans="14:14">
      <c r="N483803" s="10"/>
    </row>
    <row r="483804" spans="14:14">
      <c r="N483804" s="10"/>
    </row>
    <row r="483805" spans="14:14">
      <c r="N483805" s="10"/>
    </row>
    <row r="483806" spans="14:14">
      <c r="N483806" s="10"/>
    </row>
    <row r="483807" spans="14:14">
      <c r="N483807" s="10"/>
    </row>
    <row r="483808" spans="14:14">
      <c r="N483808" s="10"/>
    </row>
    <row r="483809" spans="14:14">
      <c r="N483809" s="10"/>
    </row>
    <row r="483810" spans="14:14">
      <c r="N483810" s="10"/>
    </row>
    <row r="483811" spans="14:14">
      <c r="N483811" s="10"/>
    </row>
    <row r="483812" spans="14:14">
      <c r="N483812" s="10"/>
    </row>
    <row r="483813" spans="14:14">
      <c r="N483813" s="10"/>
    </row>
    <row r="483814" spans="14:14">
      <c r="N483814" s="10"/>
    </row>
    <row r="483815" spans="14:14">
      <c r="N483815" s="10"/>
    </row>
    <row r="483816" spans="14:14">
      <c r="N483816" s="10"/>
    </row>
    <row r="483817" spans="14:14">
      <c r="N483817" s="10"/>
    </row>
    <row r="483818" spans="14:14">
      <c r="N483818" s="10"/>
    </row>
    <row r="483819" spans="14:14">
      <c r="N483819" s="10"/>
    </row>
    <row r="483820" spans="14:14">
      <c r="N483820" s="10"/>
    </row>
    <row r="483821" spans="14:14">
      <c r="N483821" s="10"/>
    </row>
    <row r="483822" spans="14:14">
      <c r="N483822" s="10"/>
    </row>
    <row r="483823" spans="14:14">
      <c r="N483823" s="10"/>
    </row>
    <row r="483824" spans="14:14">
      <c r="N483824" s="10"/>
    </row>
    <row r="483825" spans="14:14">
      <c r="N483825" s="10"/>
    </row>
    <row r="483826" spans="14:14">
      <c r="N483826" s="10"/>
    </row>
    <row r="483827" spans="14:14">
      <c r="N483827" s="10"/>
    </row>
    <row r="483828" spans="14:14">
      <c r="N483828" s="10"/>
    </row>
    <row r="483829" spans="14:14">
      <c r="N483829" s="10"/>
    </row>
    <row r="483830" spans="14:14">
      <c r="N483830" s="10"/>
    </row>
    <row r="483831" spans="14:14">
      <c r="N483831" s="10"/>
    </row>
    <row r="483832" spans="14:14">
      <c r="N483832" s="10"/>
    </row>
    <row r="483833" spans="14:14">
      <c r="N483833" s="10"/>
    </row>
    <row r="483834" spans="14:14">
      <c r="N483834" s="10"/>
    </row>
    <row r="483835" spans="14:14">
      <c r="N483835" s="10"/>
    </row>
    <row r="483836" spans="14:14">
      <c r="N483836" s="10"/>
    </row>
    <row r="483837" spans="14:14">
      <c r="N483837" s="10"/>
    </row>
    <row r="483838" spans="14:14">
      <c r="N483838" s="10"/>
    </row>
    <row r="483839" spans="14:14">
      <c r="N483839" s="10"/>
    </row>
    <row r="483840" spans="14:14">
      <c r="N483840" s="10"/>
    </row>
    <row r="483841" spans="14:14">
      <c r="N483841" s="10"/>
    </row>
    <row r="483842" spans="14:14">
      <c r="N483842" s="10"/>
    </row>
    <row r="483843" spans="14:14">
      <c r="N483843" s="10"/>
    </row>
    <row r="483844" spans="14:14">
      <c r="N483844" s="10"/>
    </row>
    <row r="483845" spans="14:14">
      <c r="N483845" s="10"/>
    </row>
    <row r="483846" spans="14:14">
      <c r="N483846" s="10"/>
    </row>
    <row r="483847" spans="14:14">
      <c r="N483847" s="10"/>
    </row>
    <row r="483848" spans="14:14">
      <c r="N483848" s="10"/>
    </row>
    <row r="483849" spans="14:14">
      <c r="N483849" s="10"/>
    </row>
    <row r="483850" spans="14:14">
      <c r="N483850" s="10"/>
    </row>
    <row r="483851" spans="14:14">
      <c r="N483851" s="10"/>
    </row>
    <row r="483852" spans="14:14">
      <c r="N483852" s="10"/>
    </row>
    <row r="483853" spans="14:14">
      <c r="N483853" s="10"/>
    </row>
    <row r="483854" spans="14:14">
      <c r="N483854" s="10"/>
    </row>
    <row r="483855" spans="14:14">
      <c r="N483855" s="10"/>
    </row>
    <row r="483856" spans="14:14">
      <c r="N483856" s="10"/>
    </row>
    <row r="483857" spans="14:14">
      <c r="N483857" s="10"/>
    </row>
    <row r="483858" spans="14:14">
      <c r="N483858" s="10"/>
    </row>
    <row r="483859" spans="14:14">
      <c r="N483859" s="10"/>
    </row>
    <row r="483860" spans="14:14">
      <c r="N483860" s="10"/>
    </row>
    <row r="483861" spans="14:14">
      <c r="N483861" s="10"/>
    </row>
    <row r="483862" spans="14:14">
      <c r="N483862" s="10"/>
    </row>
    <row r="483863" spans="14:14">
      <c r="N483863" s="10"/>
    </row>
    <row r="483864" spans="14:14">
      <c r="N483864" s="10"/>
    </row>
    <row r="483865" spans="14:14">
      <c r="N483865" s="10"/>
    </row>
    <row r="483866" spans="14:14">
      <c r="N483866" s="10"/>
    </row>
    <row r="483867" spans="14:14">
      <c r="N483867" s="10"/>
    </row>
    <row r="483868" spans="14:14">
      <c r="N483868" s="10"/>
    </row>
    <row r="483869" spans="14:14">
      <c r="N483869" s="10"/>
    </row>
    <row r="483870" spans="14:14">
      <c r="N483870" s="10"/>
    </row>
    <row r="483871" spans="14:14">
      <c r="N483871" s="10"/>
    </row>
    <row r="483872" spans="14:14">
      <c r="N483872" s="10"/>
    </row>
    <row r="483873" spans="14:14">
      <c r="N483873" s="10"/>
    </row>
    <row r="483874" spans="14:14">
      <c r="N483874" s="10"/>
    </row>
    <row r="483875" spans="14:14">
      <c r="N483875" s="10"/>
    </row>
    <row r="483876" spans="14:14">
      <c r="N483876" s="10"/>
    </row>
    <row r="483877" spans="14:14">
      <c r="N483877" s="10"/>
    </row>
    <row r="483878" spans="14:14">
      <c r="N483878" s="10"/>
    </row>
    <row r="483879" spans="14:14">
      <c r="N483879" s="10"/>
    </row>
    <row r="483880" spans="14:14">
      <c r="N483880" s="10"/>
    </row>
    <row r="483881" spans="14:14">
      <c r="N483881" s="10"/>
    </row>
    <row r="483882" spans="14:14">
      <c r="N483882" s="10"/>
    </row>
    <row r="483883" spans="14:14">
      <c r="N483883" s="10"/>
    </row>
    <row r="483884" spans="14:14">
      <c r="N483884" s="10"/>
    </row>
    <row r="483885" spans="14:14">
      <c r="N483885" s="10"/>
    </row>
    <row r="483886" spans="14:14">
      <c r="N483886" s="10"/>
    </row>
    <row r="483887" spans="14:14">
      <c r="N483887" s="10"/>
    </row>
    <row r="483888" spans="14:14">
      <c r="N483888" s="10"/>
    </row>
    <row r="483889" spans="14:14">
      <c r="N483889" s="10"/>
    </row>
    <row r="483890" spans="14:14">
      <c r="N483890" s="10"/>
    </row>
    <row r="483891" spans="14:14">
      <c r="N483891" s="10"/>
    </row>
    <row r="483892" spans="14:14">
      <c r="N483892" s="10"/>
    </row>
    <row r="483893" spans="14:14">
      <c r="N483893" s="10"/>
    </row>
    <row r="483894" spans="14:14">
      <c r="N483894" s="10"/>
    </row>
    <row r="483895" spans="14:14">
      <c r="N483895" s="10"/>
    </row>
    <row r="483896" spans="14:14">
      <c r="N483896" s="10"/>
    </row>
    <row r="483897" spans="14:14">
      <c r="N483897" s="10"/>
    </row>
    <row r="483898" spans="14:14">
      <c r="N483898" s="10"/>
    </row>
    <row r="483899" spans="14:14">
      <c r="N483899" s="10"/>
    </row>
    <row r="483900" spans="14:14">
      <c r="N483900" s="10"/>
    </row>
    <row r="483901" spans="14:14">
      <c r="N483901" s="10"/>
    </row>
    <row r="483902" spans="14:14">
      <c r="N483902" s="10"/>
    </row>
    <row r="483903" spans="14:14">
      <c r="N483903" s="10"/>
    </row>
    <row r="483904" spans="14:14">
      <c r="N483904" s="10"/>
    </row>
    <row r="483905" spans="14:14">
      <c r="N483905" s="10"/>
    </row>
    <row r="483906" spans="14:14">
      <c r="N483906" s="10"/>
    </row>
    <row r="483907" spans="14:14">
      <c r="N483907" s="10"/>
    </row>
    <row r="483908" spans="14:14">
      <c r="N483908" s="10"/>
    </row>
    <row r="483909" spans="14:14">
      <c r="N483909" s="10"/>
    </row>
    <row r="483910" spans="14:14">
      <c r="N483910" s="10"/>
    </row>
    <row r="483911" spans="14:14">
      <c r="N483911" s="10"/>
    </row>
    <row r="483912" spans="14:14">
      <c r="N483912" s="10"/>
    </row>
    <row r="483913" spans="14:14">
      <c r="N483913" s="10"/>
    </row>
    <row r="483914" spans="14:14">
      <c r="N483914" s="10"/>
    </row>
    <row r="483915" spans="14:14">
      <c r="N483915" s="10"/>
    </row>
    <row r="483916" spans="14:14">
      <c r="N483916" s="10"/>
    </row>
    <row r="483917" spans="14:14">
      <c r="N483917" s="10"/>
    </row>
    <row r="483918" spans="14:14">
      <c r="N483918" s="10"/>
    </row>
    <row r="483919" spans="14:14">
      <c r="N483919" s="10"/>
    </row>
    <row r="483920" spans="14:14">
      <c r="N483920" s="10"/>
    </row>
    <row r="483921" spans="14:14">
      <c r="N483921" s="10"/>
    </row>
    <row r="483922" spans="14:14">
      <c r="N483922" s="10"/>
    </row>
    <row r="483923" spans="14:14">
      <c r="N483923" s="10"/>
    </row>
    <row r="483924" spans="14:14">
      <c r="N483924" s="10"/>
    </row>
    <row r="483925" spans="14:14">
      <c r="N483925" s="10"/>
    </row>
    <row r="483926" spans="14:14">
      <c r="N483926" s="10"/>
    </row>
    <row r="483927" spans="14:14">
      <c r="N483927" s="10"/>
    </row>
    <row r="483928" spans="14:14">
      <c r="N483928" s="10"/>
    </row>
    <row r="483929" spans="14:14">
      <c r="N483929" s="10"/>
    </row>
    <row r="483930" spans="14:14">
      <c r="N483930" s="10"/>
    </row>
    <row r="483931" spans="14:14">
      <c r="N483931" s="10"/>
    </row>
    <row r="483932" spans="14:14">
      <c r="N483932" s="10"/>
    </row>
    <row r="483933" spans="14:14">
      <c r="N483933" s="10"/>
    </row>
    <row r="483934" spans="14:14">
      <c r="N483934" s="10"/>
    </row>
    <row r="483935" spans="14:14">
      <c r="N483935" s="10"/>
    </row>
    <row r="483936" spans="14:14">
      <c r="N483936" s="10"/>
    </row>
    <row r="483937" spans="14:14">
      <c r="N483937" s="10"/>
    </row>
    <row r="483938" spans="14:14">
      <c r="N483938" s="10"/>
    </row>
    <row r="483939" spans="14:14">
      <c r="N483939" s="10"/>
    </row>
    <row r="483940" spans="14:14">
      <c r="N483940" s="10"/>
    </row>
    <row r="483941" spans="14:14">
      <c r="N483941" s="10"/>
    </row>
    <row r="483942" spans="14:14">
      <c r="N483942" s="10"/>
    </row>
    <row r="483943" spans="14:14">
      <c r="N483943" s="10"/>
    </row>
    <row r="483944" spans="14:14">
      <c r="N483944" s="10"/>
    </row>
    <row r="483945" spans="14:14">
      <c r="N483945" s="10"/>
    </row>
    <row r="483946" spans="14:14">
      <c r="N483946" s="10"/>
    </row>
    <row r="483947" spans="14:14">
      <c r="N483947" s="10"/>
    </row>
    <row r="483948" spans="14:14">
      <c r="N483948" s="10"/>
    </row>
    <row r="483949" spans="14:14">
      <c r="N483949" s="10"/>
    </row>
    <row r="483950" spans="14:14">
      <c r="N483950" s="10"/>
    </row>
    <row r="483951" spans="14:14">
      <c r="N483951" s="10"/>
    </row>
    <row r="483952" spans="14:14">
      <c r="N483952" s="10"/>
    </row>
    <row r="483953" spans="14:14">
      <c r="N483953" s="10"/>
    </row>
    <row r="483954" spans="14:14">
      <c r="N483954" s="10"/>
    </row>
    <row r="483955" spans="14:14">
      <c r="N483955" s="10"/>
    </row>
    <row r="483956" spans="14:14">
      <c r="N483956" s="10"/>
    </row>
    <row r="483957" spans="14:14">
      <c r="N483957" s="10"/>
    </row>
    <row r="483958" spans="14:14">
      <c r="N483958" s="10"/>
    </row>
    <row r="483959" spans="14:14">
      <c r="N483959" s="10"/>
    </row>
    <row r="483960" spans="14:14">
      <c r="N483960" s="10"/>
    </row>
    <row r="483961" spans="14:14">
      <c r="N483961" s="10"/>
    </row>
    <row r="483962" spans="14:14">
      <c r="N483962" s="10"/>
    </row>
    <row r="483963" spans="14:14">
      <c r="N483963" s="10"/>
    </row>
    <row r="483964" spans="14:14">
      <c r="N483964" s="10"/>
    </row>
    <row r="483965" spans="14:14">
      <c r="N483965" s="10"/>
    </row>
    <row r="483966" spans="14:14">
      <c r="N483966" s="10"/>
    </row>
    <row r="483967" spans="14:14">
      <c r="N483967" s="10"/>
    </row>
    <row r="483968" spans="14:14">
      <c r="N483968" s="10"/>
    </row>
    <row r="483969" spans="14:14">
      <c r="N483969" s="10"/>
    </row>
    <row r="483970" spans="14:14">
      <c r="N483970" s="10"/>
    </row>
    <row r="483971" spans="14:14">
      <c r="N483971" s="10"/>
    </row>
    <row r="483972" spans="14:14">
      <c r="N483972" s="10"/>
    </row>
    <row r="483973" spans="14:14">
      <c r="N483973" s="10"/>
    </row>
    <row r="483974" spans="14:14">
      <c r="N483974" s="10"/>
    </row>
    <row r="483975" spans="14:14">
      <c r="N483975" s="10"/>
    </row>
    <row r="483976" spans="14:14">
      <c r="N483976" s="10"/>
    </row>
    <row r="483977" spans="14:14">
      <c r="N483977" s="10"/>
    </row>
    <row r="483978" spans="14:14">
      <c r="N483978" s="10"/>
    </row>
    <row r="483979" spans="14:14">
      <c r="N483979" s="10"/>
    </row>
    <row r="483980" spans="14:14">
      <c r="N483980" s="10"/>
    </row>
    <row r="483981" spans="14:14">
      <c r="N483981" s="10"/>
    </row>
    <row r="483982" spans="14:14">
      <c r="N483982" s="10"/>
    </row>
    <row r="483983" spans="14:14">
      <c r="N483983" s="10"/>
    </row>
    <row r="483984" spans="14:14">
      <c r="N483984" s="10"/>
    </row>
    <row r="483985" spans="14:14">
      <c r="N483985" s="10"/>
    </row>
    <row r="483986" spans="14:14">
      <c r="N483986" s="10"/>
    </row>
    <row r="483987" spans="14:14">
      <c r="N483987" s="10"/>
    </row>
    <row r="483988" spans="14:14">
      <c r="N483988" s="10"/>
    </row>
    <row r="483989" spans="14:14">
      <c r="N483989" s="10"/>
    </row>
    <row r="483990" spans="14:14">
      <c r="N483990" s="10"/>
    </row>
    <row r="483991" spans="14:14">
      <c r="N483991" s="10"/>
    </row>
    <row r="483992" spans="14:14">
      <c r="N483992" s="10"/>
    </row>
    <row r="483993" spans="14:14">
      <c r="N483993" s="10"/>
    </row>
    <row r="483994" spans="14:14">
      <c r="N483994" s="10"/>
    </row>
    <row r="483995" spans="14:14">
      <c r="N483995" s="10"/>
    </row>
    <row r="483996" spans="14:14">
      <c r="N483996" s="10"/>
    </row>
    <row r="483997" spans="14:14">
      <c r="N483997" s="10"/>
    </row>
    <row r="483998" spans="14:14">
      <c r="N483998" s="10"/>
    </row>
    <row r="483999" spans="14:14">
      <c r="N483999" s="10"/>
    </row>
    <row r="484000" spans="14:14">
      <c r="N484000" s="10"/>
    </row>
    <row r="484001" spans="14:14">
      <c r="N484001" s="10"/>
    </row>
    <row r="484002" spans="14:14">
      <c r="N484002" s="10"/>
    </row>
    <row r="484003" spans="14:14">
      <c r="N484003" s="10"/>
    </row>
    <row r="484004" spans="14:14">
      <c r="N484004" s="10"/>
    </row>
    <row r="484005" spans="14:14">
      <c r="N484005" s="10"/>
    </row>
    <row r="484006" spans="14:14">
      <c r="N484006" s="10"/>
    </row>
    <row r="484007" spans="14:14">
      <c r="N484007" s="10"/>
    </row>
    <row r="484008" spans="14:14">
      <c r="N484008" s="10"/>
    </row>
    <row r="484009" spans="14:14">
      <c r="N484009" s="10"/>
    </row>
    <row r="484010" spans="14:14">
      <c r="N484010" s="10"/>
    </row>
    <row r="484011" spans="14:14">
      <c r="N484011" s="10"/>
    </row>
    <row r="484012" spans="14:14">
      <c r="N484012" s="10"/>
    </row>
    <row r="484013" spans="14:14">
      <c r="N484013" s="10"/>
    </row>
    <row r="484014" spans="14:14">
      <c r="N484014" s="10"/>
    </row>
    <row r="484015" spans="14:14">
      <c r="N484015" s="10"/>
    </row>
    <row r="484016" spans="14:14">
      <c r="N484016" s="10"/>
    </row>
    <row r="484017" spans="14:14">
      <c r="N484017" s="10"/>
    </row>
    <row r="484018" spans="14:14">
      <c r="N484018" s="10"/>
    </row>
    <row r="484019" spans="14:14">
      <c r="N484019" s="10"/>
    </row>
    <row r="484020" spans="14:14">
      <c r="N484020" s="10"/>
    </row>
    <row r="484021" spans="14:14">
      <c r="N484021" s="10"/>
    </row>
    <row r="484022" spans="14:14">
      <c r="N484022" s="10"/>
    </row>
    <row r="484023" spans="14:14">
      <c r="N484023" s="10"/>
    </row>
    <row r="484024" spans="14:14">
      <c r="N484024" s="10"/>
    </row>
    <row r="484025" spans="14:14">
      <c r="N484025" s="10"/>
    </row>
    <row r="484026" spans="14:14">
      <c r="N484026" s="10"/>
    </row>
    <row r="484027" spans="14:14">
      <c r="N484027" s="10"/>
    </row>
    <row r="484028" spans="14:14">
      <c r="N484028" s="10"/>
    </row>
    <row r="484029" spans="14:14">
      <c r="N484029" s="10"/>
    </row>
    <row r="484030" spans="14:14">
      <c r="N484030" s="10"/>
    </row>
    <row r="484031" spans="14:14">
      <c r="N484031" s="10"/>
    </row>
    <row r="484032" spans="14:14">
      <c r="N484032" s="10"/>
    </row>
    <row r="484033" spans="14:14">
      <c r="N484033" s="10"/>
    </row>
    <row r="484034" spans="14:14">
      <c r="N484034" s="10"/>
    </row>
    <row r="484035" spans="14:14">
      <c r="N484035" s="10"/>
    </row>
    <row r="484036" spans="14:14">
      <c r="N484036" s="10"/>
    </row>
    <row r="484037" spans="14:14">
      <c r="N484037" s="10"/>
    </row>
    <row r="484038" spans="14:14">
      <c r="N484038" s="10"/>
    </row>
    <row r="484039" spans="14:14">
      <c r="N484039" s="10"/>
    </row>
    <row r="484040" spans="14:14">
      <c r="N484040" s="10"/>
    </row>
    <row r="484041" spans="14:14">
      <c r="N484041" s="10"/>
    </row>
    <row r="484042" spans="14:14">
      <c r="N484042" s="10"/>
    </row>
    <row r="484043" spans="14:14">
      <c r="N484043" s="10"/>
    </row>
    <row r="484044" spans="14:14">
      <c r="N484044" s="10"/>
    </row>
    <row r="484045" spans="14:14">
      <c r="N484045" s="10"/>
    </row>
    <row r="484046" spans="14:14">
      <c r="N484046" s="10"/>
    </row>
    <row r="484047" spans="14:14">
      <c r="N484047" s="10"/>
    </row>
    <row r="484048" spans="14:14">
      <c r="N484048" s="10"/>
    </row>
    <row r="484049" spans="14:14">
      <c r="N484049" s="10"/>
    </row>
    <row r="484050" spans="14:14">
      <c r="N484050" s="10"/>
    </row>
    <row r="484051" spans="14:14">
      <c r="N484051" s="10"/>
    </row>
    <row r="484052" spans="14:14">
      <c r="N484052" s="10"/>
    </row>
    <row r="484053" spans="14:14">
      <c r="N484053" s="10"/>
    </row>
    <row r="484054" spans="14:14">
      <c r="N484054" s="10"/>
    </row>
    <row r="484055" spans="14:14">
      <c r="N484055" s="10"/>
    </row>
    <row r="484056" spans="14:14">
      <c r="N484056" s="10"/>
    </row>
    <row r="484057" spans="14:14">
      <c r="N484057" s="10"/>
    </row>
    <row r="484058" spans="14:14">
      <c r="N484058" s="10"/>
    </row>
    <row r="484059" spans="14:14">
      <c r="N484059" s="10"/>
    </row>
    <row r="484060" spans="14:14">
      <c r="N484060" s="10"/>
    </row>
    <row r="484061" spans="14:14">
      <c r="N484061" s="10"/>
    </row>
    <row r="484062" spans="14:14">
      <c r="N484062" s="10"/>
    </row>
    <row r="484063" spans="14:14">
      <c r="N484063" s="10"/>
    </row>
    <row r="484064" spans="14:14">
      <c r="N484064" s="10"/>
    </row>
    <row r="484065" spans="14:14">
      <c r="N484065" s="10"/>
    </row>
    <row r="484066" spans="14:14">
      <c r="N484066" s="10"/>
    </row>
    <row r="484067" spans="14:14">
      <c r="N484067" s="10"/>
    </row>
    <row r="484068" spans="14:14">
      <c r="N484068" s="10"/>
    </row>
    <row r="484069" spans="14:14">
      <c r="N484069" s="10"/>
    </row>
    <row r="484070" spans="14:14">
      <c r="N484070" s="10"/>
    </row>
    <row r="484071" spans="14:14">
      <c r="N484071" s="10"/>
    </row>
    <row r="484072" spans="14:14">
      <c r="N484072" s="10"/>
    </row>
    <row r="484073" spans="14:14">
      <c r="N484073" s="10"/>
    </row>
    <row r="484074" spans="14:14">
      <c r="N484074" s="10"/>
    </row>
    <row r="484075" spans="14:14">
      <c r="N484075" s="10"/>
    </row>
    <row r="484076" spans="14:14">
      <c r="N484076" s="10"/>
    </row>
    <row r="484077" spans="14:14">
      <c r="N484077" s="10"/>
    </row>
    <row r="484078" spans="14:14">
      <c r="N484078" s="10"/>
    </row>
    <row r="484079" spans="14:14">
      <c r="N484079" s="10"/>
    </row>
    <row r="484080" spans="14:14">
      <c r="N484080" s="10"/>
    </row>
    <row r="484081" spans="14:14">
      <c r="N484081" s="10"/>
    </row>
    <row r="484082" spans="14:14">
      <c r="N484082" s="10"/>
    </row>
    <row r="484083" spans="14:14">
      <c r="N484083" s="10"/>
    </row>
    <row r="484084" spans="14:14">
      <c r="N484084" s="10"/>
    </row>
    <row r="484085" spans="14:14">
      <c r="N484085" s="10"/>
    </row>
    <row r="484086" spans="14:14">
      <c r="N484086" s="10"/>
    </row>
    <row r="484087" spans="14:14">
      <c r="N484087" s="10"/>
    </row>
    <row r="484088" spans="14:14">
      <c r="N484088" s="10"/>
    </row>
    <row r="484089" spans="14:14">
      <c r="N484089" s="10"/>
    </row>
    <row r="484090" spans="14:14">
      <c r="N484090" s="10"/>
    </row>
    <row r="484091" spans="14:14">
      <c r="N484091" s="10"/>
    </row>
    <row r="484092" spans="14:14">
      <c r="N484092" s="10"/>
    </row>
    <row r="484093" spans="14:14">
      <c r="N484093" s="10"/>
    </row>
    <row r="484094" spans="14:14">
      <c r="N484094" s="10"/>
    </row>
    <row r="484095" spans="14:14">
      <c r="N484095" s="10"/>
    </row>
    <row r="484096" spans="14:14">
      <c r="N484096" s="10"/>
    </row>
    <row r="484097" spans="14:14">
      <c r="N484097" s="10"/>
    </row>
    <row r="484098" spans="14:14">
      <c r="N484098" s="10"/>
    </row>
    <row r="484099" spans="14:14">
      <c r="N484099" s="10"/>
    </row>
    <row r="484100" spans="14:14">
      <c r="N484100" s="10"/>
    </row>
    <row r="484101" spans="14:14">
      <c r="N484101" s="10"/>
    </row>
    <row r="484102" spans="14:14">
      <c r="N484102" s="10"/>
    </row>
    <row r="484103" spans="14:14">
      <c r="N484103" s="10"/>
    </row>
    <row r="484104" spans="14:14">
      <c r="N484104" s="10"/>
    </row>
    <row r="484105" spans="14:14">
      <c r="N484105" s="10"/>
    </row>
    <row r="484106" spans="14:14">
      <c r="N484106" s="10"/>
    </row>
    <row r="484107" spans="14:14">
      <c r="N484107" s="10"/>
    </row>
    <row r="484108" spans="14:14">
      <c r="N484108" s="10"/>
    </row>
    <row r="484109" spans="14:14">
      <c r="N484109" s="10"/>
    </row>
    <row r="484110" spans="14:14">
      <c r="N484110" s="10"/>
    </row>
    <row r="484111" spans="14:14">
      <c r="N484111" s="10"/>
    </row>
    <row r="484112" spans="14:14">
      <c r="N484112" s="10"/>
    </row>
    <row r="484113" spans="14:14">
      <c r="N484113" s="10"/>
    </row>
    <row r="484114" spans="14:14">
      <c r="N484114" s="10"/>
    </row>
    <row r="484115" spans="14:14">
      <c r="N484115" s="10"/>
    </row>
    <row r="484116" spans="14:14">
      <c r="N484116" s="10"/>
    </row>
    <row r="484117" spans="14:14">
      <c r="N484117" s="10"/>
    </row>
    <row r="484118" spans="14:14">
      <c r="N484118" s="10"/>
    </row>
    <row r="484119" spans="14:14">
      <c r="N484119" s="10"/>
    </row>
    <row r="484120" spans="14:14">
      <c r="N484120" s="10"/>
    </row>
    <row r="484121" spans="14:14">
      <c r="N484121" s="10"/>
    </row>
    <row r="484122" spans="14:14">
      <c r="N484122" s="10"/>
    </row>
    <row r="484123" spans="14:14">
      <c r="N484123" s="10"/>
    </row>
    <row r="484124" spans="14:14">
      <c r="N484124" s="10"/>
    </row>
    <row r="484125" spans="14:14">
      <c r="N484125" s="10"/>
    </row>
    <row r="484126" spans="14:14">
      <c r="N484126" s="10"/>
    </row>
    <row r="484127" spans="14:14">
      <c r="N484127" s="10"/>
    </row>
    <row r="484128" spans="14:14">
      <c r="N484128" s="10"/>
    </row>
    <row r="484129" spans="14:14">
      <c r="N484129" s="10"/>
    </row>
    <row r="484130" spans="14:14">
      <c r="N484130" s="10"/>
    </row>
    <row r="484131" spans="14:14">
      <c r="N484131" s="10"/>
    </row>
    <row r="484132" spans="14:14">
      <c r="N484132" s="10"/>
    </row>
    <row r="484133" spans="14:14">
      <c r="N484133" s="10"/>
    </row>
    <row r="484134" spans="14:14">
      <c r="N484134" s="10"/>
    </row>
    <row r="484135" spans="14:14">
      <c r="N484135" s="10"/>
    </row>
    <row r="484136" spans="14:14">
      <c r="N484136" s="10"/>
    </row>
    <row r="484137" spans="14:14">
      <c r="N484137" s="10"/>
    </row>
    <row r="484138" spans="14:14">
      <c r="N484138" s="10"/>
    </row>
    <row r="484139" spans="14:14">
      <c r="N484139" s="10"/>
    </row>
    <row r="484140" spans="14:14">
      <c r="N484140" s="10"/>
    </row>
    <row r="484141" spans="14:14">
      <c r="N484141" s="10"/>
    </row>
    <row r="484142" spans="14:14">
      <c r="N484142" s="10"/>
    </row>
    <row r="484143" spans="14:14">
      <c r="N484143" s="10"/>
    </row>
    <row r="484144" spans="14:14">
      <c r="N484144" s="10"/>
    </row>
    <row r="484145" spans="14:14">
      <c r="N484145" s="10"/>
    </row>
    <row r="484146" spans="14:14">
      <c r="N484146" s="10"/>
    </row>
    <row r="484147" spans="14:14">
      <c r="N484147" s="10"/>
    </row>
    <row r="484148" spans="14:14">
      <c r="N484148" s="10"/>
    </row>
    <row r="484149" spans="14:14">
      <c r="N484149" s="10"/>
    </row>
    <row r="484150" spans="14:14">
      <c r="N484150" s="10"/>
    </row>
    <row r="484151" spans="14:14">
      <c r="N484151" s="10"/>
    </row>
    <row r="484152" spans="14:14">
      <c r="N484152" s="10"/>
    </row>
    <row r="484153" spans="14:14">
      <c r="N484153" s="10"/>
    </row>
    <row r="484154" spans="14:14">
      <c r="N484154" s="10"/>
    </row>
    <row r="484155" spans="14:14">
      <c r="N484155" s="10"/>
    </row>
    <row r="484156" spans="14:14">
      <c r="N484156" s="10"/>
    </row>
    <row r="484157" spans="14:14">
      <c r="N484157" s="10"/>
    </row>
    <row r="484158" spans="14:14">
      <c r="N484158" s="10"/>
    </row>
    <row r="484159" spans="14:14">
      <c r="N484159" s="10"/>
    </row>
    <row r="484160" spans="14:14">
      <c r="N484160" s="10"/>
    </row>
    <row r="484161" spans="14:14">
      <c r="N484161" s="10"/>
    </row>
    <row r="484162" spans="14:14">
      <c r="N484162" s="10"/>
    </row>
    <row r="484163" spans="14:14">
      <c r="N484163" s="10"/>
    </row>
    <row r="484164" spans="14:14">
      <c r="N484164" s="10"/>
    </row>
    <row r="484165" spans="14:14">
      <c r="N484165" s="10"/>
    </row>
    <row r="484166" spans="14:14">
      <c r="N484166" s="10"/>
    </row>
    <row r="484167" spans="14:14">
      <c r="N484167" s="10"/>
    </row>
    <row r="484168" spans="14:14">
      <c r="N484168" s="10"/>
    </row>
    <row r="484169" spans="14:14">
      <c r="N484169" s="10"/>
    </row>
    <row r="484170" spans="14:14">
      <c r="N484170" s="10"/>
    </row>
    <row r="484171" spans="14:14">
      <c r="N484171" s="10"/>
    </row>
    <row r="484172" spans="14:14">
      <c r="N484172" s="10"/>
    </row>
    <row r="484173" spans="14:14">
      <c r="N484173" s="10"/>
    </row>
    <row r="484174" spans="14:14">
      <c r="N484174" s="10"/>
    </row>
    <row r="484175" spans="14:14">
      <c r="N484175" s="10"/>
    </row>
    <row r="484176" spans="14:14">
      <c r="N484176" s="10"/>
    </row>
    <row r="484177" spans="14:14">
      <c r="N484177" s="10"/>
    </row>
    <row r="484178" spans="14:14">
      <c r="N484178" s="10"/>
    </row>
    <row r="484179" spans="14:14">
      <c r="N484179" s="10"/>
    </row>
    <row r="484180" spans="14:14">
      <c r="N484180" s="10"/>
    </row>
    <row r="484181" spans="14:14">
      <c r="N484181" s="10"/>
    </row>
    <row r="484182" spans="14:14">
      <c r="N484182" s="10"/>
    </row>
    <row r="484183" spans="14:14">
      <c r="N484183" s="10"/>
    </row>
    <row r="484184" spans="14:14">
      <c r="N484184" s="10"/>
    </row>
    <row r="484185" spans="14:14">
      <c r="N484185" s="10"/>
    </row>
    <row r="484186" spans="14:14">
      <c r="N484186" s="10"/>
    </row>
    <row r="484187" spans="14:14">
      <c r="N484187" s="10"/>
    </row>
    <row r="484188" spans="14:14">
      <c r="N484188" s="10"/>
    </row>
    <row r="484189" spans="14:14">
      <c r="N484189" s="10"/>
    </row>
    <row r="484190" spans="14:14">
      <c r="N484190" s="10"/>
    </row>
    <row r="484191" spans="14:14">
      <c r="N484191" s="10"/>
    </row>
    <row r="484192" spans="14:14">
      <c r="N484192" s="10"/>
    </row>
    <row r="484193" spans="14:14">
      <c r="N484193" s="10"/>
    </row>
    <row r="484194" spans="14:14">
      <c r="N484194" s="10"/>
    </row>
    <row r="484195" spans="14:14">
      <c r="N484195" s="10"/>
    </row>
    <row r="484196" spans="14:14">
      <c r="N484196" s="10"/>
    </row>
    <row r="484197" spans="14:14">
      <c r="N484197" s="10"/>
    </row>
    <row r="484198" spans="14:14">
      <c r="N484198" s="10"/>
    </row>
    <row r="484199" spans="14:14">
      <c r="N484199" s="10"/>
    </row>
    <row r="484200" spans="14:14">
      <c r="N484200" s="10"/>
    </row>
    <row r="484201" spans="14:14">
      <c r="N484201" s="10"/>
    </row>
    <row r="484202" spans="14:14">
      <c r="N484202" s="10"/>
    </row>
    <row r="484203" spans="14:14">
      <c r="N484203" s="10"/>
    </row>
    <row r="484204" spans="14:14">
      <c r="N484204" s="10"/>
    </row>
    <row r="484205" spans="14:14">
      <c r="N484205" s="10"/>
    </row>
    <row r="484206" spans="14:14">
      <c r="N484206" s="10"/>
    </row>
    <row r="484207" spans="14:14">
      <c r="N484207" s="10"/>
    </row>
    <row r="484208" spans="14:14">
      <c r="N484208" s="10"/>
    </row>
    <row r="484209" spans="14:14">
      <c r="N484209" s="10"/>
    </row>
    <row r="484210" spans="14:14">
      <c r="N484210" s="10"/>
    </row>
    <row r="484211" spans="14:14">
      <c r="N484211" s="10"/>
    </row>
    <row r="484212" spans="14:14">
      <c r="N484212" s="10"/>
    </row>
    <row r="484213" spans="14:14">
      <c r="N484213" s="10"/>
    </row>
    <row r="484214" spans="14:14">
      <c r="N484214" s="10"/>
    </row>
    <row r="484215" spans="14:14">
      <c r="N484215" s="10"/>
    </row>
    <row r="484216" spans="14:14">
      <c r="N484216" s="10"/>
    </row>
    <row r="484217" spans="14:14">
      <c r="N484217" s="10"/>
    </row>
    <row r="484218" spans="14:14">
      <c r="N484218" s="10"/>
    </row>
    <row r="484219" spans="14:14">
      <c r="N484219" s="10"/>
    </row>
    <row r="484220" spans="14:14">
      <c r="N484220" s="10"/>
    </row>
    <row r="484221" spans="14:14">
      <c r="N484221" s="10"/>
    </row>
    <row r="484222" spans="14:14">
      <c r="N484222" s="10"/>
    </row>
    <row r="484223" spans="14:14">
      <c r="N484223" s="10"/>
    </row>
    <row r="484224" spans="14:14">
      <c r="N484224" s="10"/>
    </row>
    <row r="484225" spans="14:14">
      <c r="N484225" s="10"/>
    </row>
    <row r="484226" spans="14:14">
      <c r="N484226" s="10"/>
    </row>
    <row r="484227" spans="14:14">
      <c r="N484227" s="10"/>
    </row>
    <row r="484228" spans="14:14">
      <c r="N484228" s="10"/>
    </row>
    <row r="484229" spans="14:14">
      <c r="N484229" s="10"/>
    </row>
    <row r="484230" spans="14:14">
      <c r="N484230" s="10"/>
    </row>
    <row r="484231" spans="14:14">
      <c r="N484231" s="10"/>
    </row>
    <row r="484232" spans="14:14">
      <c r="N484232" s="10"/>
    </row>
    <row r="484233" spans="14:14">
      <c r="N484233" s="10"/>
    </row>
    <row r="484234" spans="14:14">
      <c r="N484234" s="10"/>
    </row>
    <row r="484235" spans="14:14">
      <c r="N484235" s="10"/>
    </row>
    <row r="484236" spans="14:14">
      <c r="N484236" s="10"/>
    </row>
    <row r="484237" spans="14:14">
      <c r="N484237" s="10"/>
    </row>
    <row r="484238" spans="14:14">
      <c r="N484238" s="10"/>
    </row>
    <row r="484239" spans="14:14">
      <c r="N484239" s="10"/>
    </row>
    <row r="484240" spans="14:14">
      <c r="N484240" s="10"/>
    </row>
    <row r="484241" spans="14:14">
      <c r="N484241" s="10"/>
    </row>
    <row r="484242" spans="14:14">
      <c r="N484242" s="10"/>
    </row>
    <row r="484243" spans="14:14">
      <c r="N484243" s="10"/>
    </row>
    <row r="484244" spans="14:14">
      <c r="N484244" s="10"/>
    </row>
    <row r="484245" spans="14:14">
      <c r="N484245" s="10"/>
    </row>
    <row r="484246" spans="14:14">
      <c r="N484246" s="10"/>
    </row>
    <row r="484247" spans="14:14">
      <c r="N484247" s="10"/>
    </row>
    <row r="484248" spans="14:14">
      <c r="N484248" s="10"/>
    </row>
    <row r="484249" spans="14:14">
      <c r="N484249" s="10"/>
    </row>
    <row r="484250" spans="14:14">
      <c r="N484250" s="10"/>
    </row>
    <row r="484251" spans="14:14">
      <c r="N484251" s="10"/>
    </row>
    <row r="484252" spans="14:14">
      <c r="N484252" s="10"/>
    </row>
    <row r="484253" spans="14:14">
      <c r="N484253" s="10"/>
    </row>
    <row r="484254" spans="14:14">
      <c r="N484254" s="10"/>
    </row>
    <row r="484255" spans="14:14">
      <c r="N484255" s="10"/>
    </row>
    <row r="484256" spans="14:14">
      <c r="N484256" s="10"/>
    </row>
    <row r="484257" spans="14:14">
      <c r="N484257" s="10"/>
    </row>
    <row r="484258" spans="14:14">
      <c r="N484258" s="10"/>
    </row>
    <row r="484259" spans="14:14">
      <c r="N484259" s="10"/>
    </row>
    <row r="484260" spans="14:14">
      <c r="N484260" s="10"/>
    </row>
    <row r="484261" spans="14:14">
      <c r="N484261" s="10"/>
    </row>
    <row r="484262" spans="14:14">
      <c r="N484262" s="10"/>
    </row>
    <row r="484263" spans="14:14">
      <c r="N484263" s="10"/>
    </row>
    <row r="484264" spans="14:14">
      <c r="N484264" s="10"/>
    </row>
    <row r="484265" spans="14:14">
      <c r="N484265" s="10"/>
    </row>
    <row r="484266" spans="14:14">
      <c r="N484266" s="10"/>
    </row>
    <row r="484267" spans="14:14">
      <c r="N484267" s="10"/>
    </row>
    <row r="484268" spans="14:14">
      <c r="N484268" s="10"/>
    </row>
    <row r="484269" spans="14:14">
      <c r="N484269" s="10"/>
    </row>
    <row r="484270" spans="14:14">
      <c r="N484270" s="10"/>
    </row>
    <row r="484271" spans="14:14">
      <c r="N484271" s="10"/>
    </row>
    <row r="484272" spans="14:14">
      <c r="N484272" s="10"/>
    </row>
    <row r="484273" spans="14:14">
      <c r="N484273" s="10"/>
    </row>
    <row r="484274" spans="14:14">
      <c r="N484274" s="10"/>
    </row>
    <row r="484275" spans="14:14">
      <c r="N484275" s="10"/>
    </row>
    <row r="484276" spans="14:14">
      <c r="N484276" s="10"/>
    </row>
    <row r="484277" spans="14:14">
      <c r="N484277" s="10"/>
    </row>
    <row r="484278" spans="14:14">
      <c r="N484278" s="10"/>
    </row>
    <row r="484279" spans="14:14">
      <c r="N484279" s="10"/>
    </row>
    <row r="484280" spans="14:14">
      <c r="N484280" s="10"/>
    </row>
    <row r="484281" spans="14:14">
      <c r="N484281" s="10"/>
    </row>
    <row r="484282" spans="14:14">
      <c r="N484282" s="10"/>
    </row>
    <row r="484283" spans="14:14">
      <c r="N484283" s="10"/>
    </row>
    <row r="484284" spans="14:14">
      <c r="N484284" s="10"/>
    </row>
    <row r="484285" spans="14:14">
      <c r="N484285" s="10"/>
    </row>
    <row r="484286" spans="14:14">
      <c r="N484286" s="10"/>
    </row>
    <row r="484287" spans="14:14">
      <c r="N484287" s="10"/>
    </row>
    <row r="484288" spans="14:14">
      <c r="N484288" s="10"/>
    </row>
    <row r="484289" spans="14:14">
      <c r="N484289" s="10"/>
    </row>
    <row r="484290" spans="14:14">
      <c r="N484290" s="10"/>
    </row>
    <row r="484291" spans="14:14">
      <c r="N484291" s="10"/>
    </row>
    <row r="484292" spans="14:14">
      <c r="N484292" s="10"/>
    </row>
    <row r="484293" spans="14:14">
      <c r="N484293" s="10"/>
    </row>
    <row r="484294" spans="14:14">
      <c r="N484294" s="10"/>
    </row>
    <row r="484295" spans="14:14">
      <c r="N484295" s="10"/>
    </row>
    <row r="484296" spans="14:14">
      <c r="N484296" s="10"/>
    </row>
    <row r="484297" spans="14:14">
      <c r="N484297" s="10"/>
    </row>
    <row r="484298" spans="14:14">
      <c r="N484298" s="10"/>
    </row>
    <row r="484299" spans="14:14">
      <c r="N484299" s="10"/>
    </row>
    <row r="484300" spans="14:14">
      <c r="N484300" s="10"/>
    </row>
    <row r="484301" spans="14:14">
      <c r="N484301" s="10"/>
    </row>
    <row r="484302" spans="14:14">
      <c r="N484302" s="10"/>
    </row>
    <row r="484303" spans="14:14">
      <c r="N484303" s="10"/>
    </row>
    <row r="484304" spans="14:14">
      <c r="N484304" s="10"/>
    </row>
    <row r="484305" spans="14:14">
      <c r="N484305" s="10"/>
    </row>
    <row r="484306" spans="14:14">
      <c r="N484306" s="10"/>
    </row>
    <row r="484307" spans="14:14">
      <c r="N484307" s="10"/>
    </row>
    <row r="484308" spans="14:14">
      <c r="N484308" s="10"/>
    </row>
    <row r="484309" spans="14:14">
      <c r="N484309" s="10"/>
    </row>
    <row r="484310" spans="14:14">
      <c r="N484310" s="10"/>
    </row>
    <row r="484311" spans="14:14">
      <c r="N484311" s="10"/>
    </row>
    <row r="484312" spans="14:14">
      <c r="N484312" s="10"/>
    </row>
    <row r="484313" spans="14:14">
      <c r="N484313" s="10"/>
    </row>
    <row r="484314" spans="14:14">
      <c r="N484314" s="10"/>
    </row>
    <row r="484315" spans="14:14">
      <c r="N484315" s="10"/>
    </row>
    <row r="484316" spans="14:14">
      <c r="N484316" s="10"/>
    </row>
    <row r="484317" spans="14:14">
      <c r="N484317" s="10"/>
    </row>
    <row r="484318" spans="14:14">
      <c r="N484318" s="10"/>
    </row>
    <row r="484319" spans="14:14">
      <c r="N484319" s="10"/>
    </row>
    <row r="484320" spans="14:14">
      <c r="N484320" s="10"/>
    </row>
    <row r="484321" spans="14:14">
      <c r="N484321" s="10"/>
    </row>
    <row r="484322" spans="14:14">
      <c r="N484322" s="10"/>
    </row>
    <row r="484323" spans="14:14">
      <c r="N484323" s="10"/>
    </row>
    <row r="484324" spans="14:14">
      <c r="N484324" s="10"/>
    </row>
    <row r="484325" spans="14:14">
      <c r="N484325" s="10"/>
    </row>
    <row r="484326" spans="14:14">
      <c r="N484326" s="10"/>
    </row>
    <row r="484327" spans="14:14">
      <c r="N484327" s="10"/>
    </row>
    <row r="484328" spans="14:14">
      <c r="N484328" s="10"/>
    </row>
    <row r="484329" spans="14:14">
      <c r="N484329" s="10"/>
    </row>
    <row r="484330" spans="14:14">
      <c r="N484330" s="10"/>
    </row>
    <row r="484331" spans="14:14">
      <c r="N484331" s="10"/>
    </row>
    <row r="484332" spans="14:14">
      <c r="N484332" s="10"/>
    </row>
    <row r="484333" spans="14:14">
      <c r="N484333" s="10"/>
    </row>
    <row r="484334" spans="14:14">
      <c r="N484334" s="10"/>
    </row>
    <row r="484335" spans="14:14">
      <c r="N484335" s="10"/>
    </row>
    <row r="484336" spans="14:14">
      <c r="N484336" s="10"/>
    </row>
    <row r="484337" spans="14:14">
      <c r="N484337" s="10"/>
    </row>
    <row r="484338" spans="14:14">
      <c r="N484338" s="10"/>
    </row>
    <row r="484339" spans="14:14">
      <c r="N484339" s="10"/>
    </row>
    <row r="484340" spans="14:14">
      <c r="N484340" s="10"/>
    </row>
    <row r="484341" spans="14:14">
      <c r="N484341" s="10"/>
    </row>
    <row r="484342" spans="14:14">
      <c r="N484342" s="10"/>
    </row>
    <row r="484343" spans="14:14">
      <c r="N484343" s="10"/>
    </row>
    <row r="484344" spans="14:14">
      <c r="N484344" s="10"/>
    </row>
    <row r="484345" spans="14:14">
      <c r="N484345" s="10"/>
    </row>
    <row r="484346" spans="14:14">
      <c r="N484346" s="10"/>
    </row>
    <row r="484347" spans="14:14">
      <c r="N484347" s="10"/>
    </row>
    <row r="484348" spans="14:14">
      <c r="N484348" s="10"/>
    </row>
    <row r="484349" spans="14:14">
      <c r="N484349" s="10"/>
    </row>
    <row r="484350" spans="14:14">
      <c r="N484350" s="10"/>
    </row>
    <row r="484351" spans="14:14">
      <c r="N484351" s="10"/>
    </row>
    <row r="484352" spans="14:14">
      <c r="N484352" s="10"/>
    </row>
    <row r="484353" spans="14:14">
      <c r="N484353" s="10"/>
    </row>
    <row r="484354" spans="14:14">
      <c r="N484354" s="10"/>
    </row>
    <row r="484355" spans="14:14">
      <c r="N484355" s="10"/>
    </row>
    <row r="484356" spans="14:14">
      <c r="N484356" s="10"/>
    </row>
    <row r="484357" spans="14:14">
      <c r="N484357" s="10"/>
    </row>
    <row r="484358" spans="14:14">
      <c r="N484358" s="10"/>
    </row>
    <row r="484359" spans="14:14">
      <c r="N484359" s="10"/>
    </row>
    <row r="484360" spans="14:14">
      <c r="N484360" s="10"/>
    </row>
    <row r="484361" spans="14:14">
      <c r="N484361" s="10"/>
    </row>
    <row r="484362" spans="14:14">
      <c r="N484362" s="10"/>
    </row>
    <row r="484363" spans="14:14">
      <c r="N484363" s="10"/>
    </row>
    <row r="484364" spans="14:14">
      <c r="N484364" s="10"/>
    </row>
    <row r="484365" spans="14:14">
      <c r="N484365" s="10"/>
    </row>
    <row r="484366" spans="14:14">
      <c r="N484366" s="10"/>
    </row>
    <row r="484367" spans="14:14">
      <c r="N484367" s="10"/>
    </row>
    <row r="484368" spans="14:14">
      <c r="N484368" s="10"/>
    </row>
    <row r="484369" spans="14:14">
      <c r="N484369" s="10"/>
    </row>
    <row r="484370" spans="14:14">
      <c r="N484370" s="10"/>
    </row>
    <row r="484371" spans="14:14">
      <c r="N484371" s="10"/>
    </row>
    <row r="484372" spans="14:14">
      <c r="N484372" s="10"/>
    </row>
    <row r="484373" spans="14:14">
      <c r="N484373" s="10"/>
    </row>
    <row r="484374" spans="14:14">
      <c r="N484374" s="10"/>
    </row>
    <row r="484375" spans="14:14">
      <c r="N484375" s="10"/>
    </row>
    <row r="484376" spans="14:14">
      <c r="N484376" s="10"/>
    </row>
    <row r="484377" spans="14:14">
      <c r="N484377" s="10"/>
    </row>
    <row r="484378" spans="14:14">
      <c r="N484378" s="10"/>
    </row>
    <row r="484379" spans="14:14">
      <c r="N484379" s="10"/>
    </row>
    <row r="484380" spans="14:14">
      <c r="N484380" s="10"/>
    </row>
    <row r="484381" spans="14:14">
      <c r="N484381" s="10"/>
    </row>
    <row r="484382" spans="14:14">
      <c r="N484382" s="10"/>
    </row>
    <row r="484383" spans="14:14">
      <c r="N484383" s="10"/>
    </row>
    <row r="484384" spans="14:14">
      <c r="N484384" s="10"/>
    </row>
    <row r="484385" spans="14:14">
      <c r="N484385" s="10"/>
    </row>
    <row r="484386" spans="14:14">
      <c r="N484386" s="10"/>
    </row>
    <row r="484387" spans="14:14">
      <c r="N484387" s="10"/>
    </row>
    <row r="484388" spans="14:14">
      <c r="N484388" s="10"/>
    </row>
    <row r="484389" spans="14:14">
      <c r="N484389" s="10"/>
    </row>
    <row r="484390" spans="14:14">
      <c r="N484390" s="10"/>
    </row>
    <row r="484391" spans="14:14">
      <c r="N484391" s="10"/>
    </row>
    <row r="484392" spans="14:14">
      <c r="N484392" s="10"/>
    </row>
    <row r="484393" spans="14:14">
      <c r="N484393" s="10"/>
    </row>
    <row r="484394" spans="14:14">
      <c r="N484394" s="10"/>
    </row>
    <row r="484395" spans="14:14">
      <c r="N484395" s="10"/>
    </row>
    <row r="484396" spans="14:14">
      <c r="N484396" s="10"/>
    </row>
    <row r="484397" spans="14:14">
      <c r="N484397" s="10"/>
    </row>
    <row r="484398" spans="14:14">
      <c r="N484398" s="10"/>
    </row>
    <row r="484399" spans="14:14">
      <c r="N484399" s="10"/>
    </row>
    <row r="484400" spans="14:14">
      <c r="N484400" s="10"/>
    </row>
    <row r="484401" spans="14:14">
      <c r="N484401" s="10"/>
    </row>
    <row r="484402" spans="14:14">
      <c r="N484402" s="10"/>
    </row>
    <row r="484403" spans="14:14">
      <c r="N484403" s="10"/>
    </row>
    <row r="484404" spans="14:14">
      <c r="N484404" s="10"/>
    </row>
    <row r="484405" spans="14:14">
      <c r="N484405" s="10"/>
    </row>
    <row r="484406" spans="14:14">
      <c r="N484406" s="10"/>
    </row>
    <row r="484407" spans="14:14">
      <c r="N484407" s="10"/>
    </row>
    <row r="484408" spans="14:14">
      <c r="N484408" s="10"/>
    </row>
    <row r="484409" spans="14:14">
      <c r="N484409" s="10"/>
    </row>
    <row r="484410" spans="14:14">
      <c r="N484410" s="10"/>
    </row>
    <row r="484411" spans="14:14">
      <c r="N484411" s="10"/>
    </row>
    <row r="484412" spans="14:14">
      <c r="N484412" s="10"/>
    </row>
    <row r="484413" spans="14:14">
      <c r="N484413" s="10"/>
    </row>
    <row r="484414" spans="14:14">
      <c r="N484414" s="10"/>
    </row>
    <row r="484415" spans="14:14">
      <c r="N484415" s="10"/>
    </row>
    <row r="484416" spans="14:14">
      <c r="N484416" s="10"/>
    </row>
    <row r="484417" spans="14:14">
      <c r="N484417" s="10"/>
    </row>
    <row r="484418" spans="14:14">
      <c r="N484418" s="10"/>
    </row>
    <row r="484419" spans="14:14">
      <c r="N484419" s="10"/>
    </row>
    <row r="484420" spans="14:14">
      <c r="N484420" s="10"/>
    </row>
    <row r="484421" spans="14:14">
      <c r="N484421" s="10"/>
    </row>
    <row r="484422" spans="14:14">
      <c r="N484422" s="10"/>
    </row>
    <row r="484423" spans="14:14">
      <c r="N484423" s="10"/>
    </row>
    <row r="484424" spans="14:14">
      <c r="N484424" s="10"/>
    </row>
    <row r="484425" spans="14:14">
      <c r="N484425" s="10"/>
    </row>
    <row r="484426" spans="14:14">
      <c r="N484426" s="10"/>
    </row>
    <row r="484427" spans="14:14">
      <c r="N484427" s="10"/>
    </row>
    <row r="484428" spans="14:14">
      <c r="N484428" s="10"/>
    </row>
    <row r="484429" spans="14:14">
      <c r="N484429" s="10"/>
    </row>
    <row r="484430" spans="14:14">
      <c r="N484430" s="10"/>
    </row>
    <row r="484431" spans="14:14">
      <c r="N484431" s="10"/>
    </row>
    <row r="484432" spans="14:14">
      <c r="N484432" s="10"/>
    </row>
    <row r="484433" spans="14:14">
      <c r="N484433" s="10"/>
    </row>
    <row r="484434" spans="14:14">
      <c r="N484434" s="10"/>
    </row>
    <row r="484435" spans="14:14">
      <c r="N484435" s="10"/>
    </row>
    <row r="484436" spans="14:14">
      <c r="N484436" s="10"/>
    </row>
    <row r="484437" spans="14:14">
      <c r="N484437" s="10"/>
    </row>
    <row r="484438" spans="14:14">
      <c r="N484438" s="10"/>
    </row>
    <row r="484439" spans="14:14">
      <c r="N484439" s="10"/>
    </row>
    <row r="484440" spans="14:14">
      <c r="N484440" s="10"/>
    </row>
    <row r="484441" spans="14:14">
      <c r="N484441" s="10"/>
    </row>
    <row r="484442" spans="14:14">
      <c r="N484442" s="10"/>
    </row>
    <row r="484443" spans="14:14">
      <c r="N484443" s="10"/>
    </row>
    <row r="484444" spans="14:14">
      <c r="N484444" s="10"/>
    </row>
    <row r="484445" spans="14:14">
      <c r="N484445" s="10"/>
    </row>
    <row r="484446" spans="14:14">
      <c r="N484446" s="10"/>
    </row>
    <row r="484447" spans="14:14">
      <c r="N484447" s="10"/>
    </row>
    <row r="484448" spans="14:14">
      <c r="N484448" s="10"/>
    </row>
    <row r="484449" spans="14:14">
      <c r="N484449" s="10"/>
    </row>
    <row r="484450" spans="14:14">
      <c r="N484450" s="10"/>
    </row>
    <row r="484451" spans="14:14">
      <c r="N484451" s="10"/>
    </row>
    <row r="484452" spans="14:14">
      <c r="N484452" s="10"/>
    </row>
    <row r="484453" spans="14:14">
      <c r="N484453" s="10"/>
    </row>
    <row r="484454" spans="14:14">
      <c r="N484454" s="10"/>
    </row>
    <row r="484455" spans="14:14">
      <c r="N484455" s="10"/>
    </row>
    <row r="484456" spans="14:14">
      <c r="N484456" s="10"/>
    </row>
    <row r="484457" spans="14:14">
      <c r="N484457" s="10"/>
    </row>
    <row r="484458" spans="14:14">
      <c r="N484458" s="10"/>
    </row>
    <row r="484459" spans="14:14">
      <c r="N484459" s="10"/>
    </row>
    <row r="484460" spans="14:14">
      <c r="N484460" s="10"/>
    </row>
    <row r="484461" spans="14:14">
      <c r="N484461" s="10"/>
    </row>
    <row r="484462" spans="14:14">
      <c r="N484462" s="10"/>
    </row>
    <row r="484463" spans="14:14">
      <c r="N484463" s="10"/>
    </row>
    <row r="484464" spans="14:14">
      <c r="N484464" s="10"/>
    </row>
    <row r="484465" spans="14:14">
      <c r="N484465" s="10"/>
    </row>
    <row r="484466" spans="14:14">
      <c r="N484466" s="10"/>
    </row>
    <row r="484467" spans="14:14">
      <c r="N484467" s="10"/>
    </row>
    <row r="484468" spans="14:14">
      <c r="N484468" s="10"/>
    </row>
    <row r="484469" spans="14:14">
      <c r="N484469" s="10"/>
    </row>
    <row r="484470" spans="14:14">
      <c r="N484470" s="10"/>
    </row>
    <row r="484471" spans="14:14">
      <c r="N484471" s="10"/>
    </row>
    <row r="484472" spans="14:14">
      <c r="N484472" s="10"/>
    </row>
    <row r="484473" spans="14:14">
      <c r="N484473" s="10"/>
    </row>
    <row r="484474" spans="14:14">
      <c r="N484474" s="10"/>
    </row>
    <row r="484475" spans="14:14">
      <c r="N484475" s="10"/>
    </row>
    <row r="484476" spans="14:14">
      <c r="N484476" s="10"/>
    </row>
    <row r="484477" spans="14:14">
      <c r="N484477" s="10"/>
    </row>
    <row r="484478" spans="14:14">
      <c r="N484478" s="10"/>
    </row>
    <row r="484479" spans="14:14">
      <c r="N484479" s="10"/>
    </row>
    <row r="484480" spans="14:14">
      <c r="N484480" s="10"/>
    </row>
    <row r="484481" spans="14:14">
      <c r="N484481" s="10"/>
    </row>
    <row r="484482" spans="14:14">
      <c r="N484482" s="10"/>
    </row>
    <row r="484483" spans="14:14">
      <c r="N484483" s="10"/>
    </row>
    <row r="484484" spans="14:14">
      <c r="N484484" s="10"/>
    </row>
    <row r="484485" spans="14:14">
      <c r="N484485" s="10"/>
    </row>
    <row r="484486" spans="14:14">
      <c r="N484486" s="10"/>
    </row>
    <row r="484487" spans="14:14">
      <c r="N484487" s="10"/>
    </row>
    <row r="484488" spans="14:14">
      <c r="N484488" s="10"/>
    </row>
    <row r="484489" spans="14:14">
      <c r="N484489" s="10"/>
    </row>
    <row r="484490" spans="14:14">
      <c r="N484490" s="10"/>
    </row>
    <row r="484491" spans="14:14">
      <c r="N484491" s="10"/>
    </row>
    <row r="484492" spans="14:14">
      <c r="N484492" s="10"/>
    </row>
    <row r="484493" spans="14:14">
      <c r="N484493" s="10"/>
    </row>
    <row r="484494" spans="14:14">
      <c r="N484494" s="10"/>
    </row>
    <row r="484495" spans="14:14">
      <c r="N484495" s="10"/>
    </row>
    <row r="484496" spans="14:14">
      <c r="N484496" s="10"/>
    </row>
    <row r="484497" spans="14:14">
      <c r="N484497" s="10"/>
    </row>
    <row r="484498" spans="14:14">
      <c r="N484498" s="10"/>
    </row>
    <row r="484499" spans="14:14">
      <c r="N484499" s="10"/>
    </row>
    <row r="484500" spans="14:14">
      <c r="N484500" s="10"/>
    </row>
    <row r="484501" spans="14:14">
      <c r="N484501" s="10"/>
    </row>
    <row r="484502" spans="14:14">
      <c r="N484502" s="10"/>
    </row>
    <row r="484503" spans="14:14">
      <c r="N484503" s="10"/>
    </row>
    <row r="484504" spans="14:14">
      <c r="N484504" s="10"/>
    </row>
    <row r="484505" spans="14:14">
      <c r="N484505" s="10"/>
    </row>
    <row r="484506" spans="14:14">
      <c r="N484506" s="10"/>
    </row>
    <row r="484507" spans="14:14">
      <c r="N484507" s="10"/>
    </row>
    <row r="484508" spans="14:14">
      <c r="N484508" s="10"/>
    </row>
    <row r="484509" spans="14:14">
      <c r="N484509" s="10"/>
    </row>
    <row r="484510" spans="14:14">
      <c r="N484510" s="10"/>
    </row>
    <row r="484511" spans="14:14">
      <c r="N484511" s="10"/>
    </row>
    <row r="484512" spans="14:14">
      <c r="N484512" s="10"/>
    </row>
    <row r="484513" spans="14:14">
      <c r="N484513" s="10"/>
    </row>
    <row r="484514" spans="14:14">
      <c r="N484514" s="10"/>
    </row>
    <row r="484515" spans="14:14">
      <c r="N484515" s="10"/>
    </row>
    <row r="484516" spans="14:14">
      <c r="N484516" s="10"/>
    </row>
    <row r="484517" spans="14:14">
      <c r="N484517" s="10"/>
    </row>
    <row r="484518" spans="14:14">
      <c r="N484518" s="10"/>
    </row>
    <row r="484519" spans="14:14">
      <c r="N484519" s="10"/>
    </row>
    <row r="484520" spans="14:14">
      <c r="N484520" s="10"/>
    </row>
    <row r="484521" spans="14:14">
      <c r="N484521" s="10"/>
    </row>
    <row r="484522" spans="14:14">
      <c r="N484522" s="10"/>
    </row>
    <row r="484523" spans="14:14">
      <c r="N484523" s="10"/>
    </row>
    <row r="484524" spans="14:14">
      <c r="N484524" s="10"/>
    </row>
    <row r="484525" spans="14:14">
      <c r="N484525" s="10"/>
    </row>
    <row r="484526" spans="14:14">
      <c r="N484526" s="10"/>
    </row>
    <row r="484527" spans="14:14">
      <c r="N484527" s="10"/>
    </row>
    <row r="484528" spans="14:14">
      <c r="N484528" s="10"/>
    </row>
    <row r="484529" spans="14:14">
      <c r="N484529" s="10"/>
    </row>
    <row r="484530" spans="14:14">
      <c r="N484530" s="10"/>
    </row>
    <row r="484531" spans="14:14">
      <c r="N484531" s="10"/>
    </row>
    <row r="484532" spans="14:14">
      <c r="N484532" s="10"/>
    </row>
    <row r="484533" spans="14:14">
      <c r="N484533" s="10"/>
    </row>
    <row r="484534" spans="14:14">
      <c r="N484534" s="10"/>
    </row>
    <row r="484535" spans="14:14">
      <c r="N484535" s="10"/>
    </row>
    <row r="484536" spans="14:14">
      <c r="N484536" s="10"/>
    </row>
    <row r="484537" spans="14:14">
      <c r="N484537" s="10"/>
    </row>
    <row r="484538" spans="14:14">
      <c r="N484538" s="10"/>
    </row>
    <row r="484539" spans="14:14">
      <c r="N484539" s="10"/>
    </row>
    <row r="484540" spans="14:14">
      <c r="N484540" s="10"/>
    </row>
    <row r="484541" spans="14:14">
      <c r="N484541" s="10"/>
    </row>
    <row r="484542" spans="14:14">
      <c r="N484542" s="10"/>
    </row>
    <row r="484543" spans="14:14">
      <c r="N484543" s="10"/>
    </row>
    <row r="484544" spans="14:14">
      <c r="N484544" s="10"/>
    </row>
    <row r="484545" spans="14:14">
      <c r="N484545" s="10"/>
    </row>
    <row r="484546" spans="14:14">
      <c r="N484546" s="10"/>
    </row>
    <row r="484547" spans="14:14">
      <c r="N484547" s="10"/>
    </row>
    <row r="484548" spans="14:14">
      <c r="N484548" s="10"/>
    </row>
    <row r="484549" spans="14:14">
      <c r="N484549" s="10"/>
    </row>
    <row r="484550" spans="14:14">
      <c r="N484550" s="10"/>
    </row>
    <row r="484551" spans="14:14">
      <c r="N484551" s="10"/>
    </row>
    <row r="484552" spans="14:14">
      <c r="N484552" s="10"/>
    </row>
    <row r="484553" spans="14:14">
      <c r="N484553" s="10"/>
    </row>
    <row r="484554" spans="14:14">
      <c r="N484554" s="10"/>
    </row>
    <row r="484555" spans="14:14">
      <c r="N484555" s="10"/>
    </row>
    <row r="484556" spans="14:14">
      <c r="N484556" s="10"/>
    </row>
    <row r="484557" spans="14:14">
      <c r="N484557" s="10"/>
    </row>
    <row r="484558" spans="14:14">
      <c r="N484558" s="10"/>
    </row>
    <row r="484559" spans="14:14">
      <c r="N484559" s="10"/>
    </row>
    <row r="484560" spans="14:14">
      <c r="N484560" s="10"/>
    </row>
    <row r="484561" spans="14:14">
      <c r="N484561" s="10"/>
    </row>
    <row r="484562" spans="14:14">
      <c r="N484562" s="10"/>
    </row>
    <row r="484563" spans="14:14">
      <c r="N484563" s="10"/>
    </row>
    <row r="484564" spans="14:14">
      <c r="N484564" s="10"/>
    </row>
    <row r="484565" spans="14:14">
      <c r="N484565" s="10"/>
    </row>
    <row r="484566" spans="14:14">
      <c r="N484566" s="10"/>
    </row>
    <row r="484567" spans="14:14">
      <c r="N484567" s="10"/>
    </row>
    <row r="484568" spans="14:14">
      <c r="N484568" s="10"/>
    </row>
    <row r="484569" spans="14:14">
      <c r="N484569" s="10"/>
    </row>
    <row r="484570" spans="14:14">
      <c r="N484570" s="10"/>
    </row>
    <row r="484571" spans="14:14">
      <c r="N484571" s="10"/>
    </row>
    <row r="484572" spans="14:14">
      <c r="N484572" s="10"/>
    </row>
    <row r="484573" spans="14:14">
      <c r="N484573" s="10"/>
    </row>
    <row r="484574" spans="14:14">
      <c r="N484574" s="10"/>
    </row>
    <row r="484575" spans="14:14">
      <c r="N484575" s="10"/>
    </row>
    <row r="484576" spans="14:14">
      <c r="N484576" s="10"/>
    </row>
    <row r="484577" spans="14:14">
      <c r="N484577" s="10"/>
    </row>
    <row r="484578" spans="14:14">
      <c r="N484578" s="10"/>
    </row>
    <row r="484579" spans="14:14">
      <c r="N484579" s="10"/>
    </row>
    <row r="484580" spans="14:14">
      <c r="N484580" s="10"/>
    </row>
    <row r="484581" spans="14:14">
      <c r="N484581" s="10"/>
    </row>
    <row r="484582" spans="14:14">
      <c r="N484582" s="10"/>
    </row>
    <row r="484583" spans="14:14">
      <c r="N484583" s="10"/>
    </row>
    <row r="484584" spans="14:14">
      <c r="N484584" s="10"/>
    </row>
    <row r="484585" spans="14:14">
      <c r="N484585" s="10"/>
    </row>
    <row r="484586" spans="14:14">
      <c r="N484586" s="10"/>
    </row>
    <row r="484587" spans="14:14">
      <c r="N484587" s="10"/>
    </row>
    <row r="484588" spans="14:14">
      <c r="N484588" s="10"/>
    </row>
    <row r="484589" spans="14:14">
      <c r="N484589" s="10"/>
    </row>
    <row r="484590" spans="14:14">
      <c r="N484590" s="10"/>
    </row>
    <row r="484591" spans="14:14">
      <c r="N484591" s="10"/>
    </row>
    <row r="484592" spans="14:14">
      <c r="N484592" s="10"/>
    </row>
    <row r="484593" spans="14:14">
      <c r="N484593" s="10"/>
    </row>
    <row r="484594" spans="14:14">
      <c r="N484594" s="10"/>
    </row>
    <row r="484595" spans="14:14">
      <c r="N484595" s="10"/>
    </row>
    <row r="484596" spans="14:14">
      <c r="N484596" s="10"/>
    </row>
    <row r="484597" spans="14:14">
      <c r="N484597" s="10"/>
    </row>
    <row r="484598" spans="14:14">
      <c r="N484598" s="10"/>
    </row>
    <row r="484599" spans="14:14">
      <c r="N484599" s="10"/>
    </row>
    <row r="484600" spans="14:14">
      <c r="N484600" s="10"/>
    </row>
    <row r="484601" spans="14:14">
      <c r="N484601" s="10"/>
    </row>
    <row r="484602" spans="14:14">
      <c r="N484602" s="10"/>
    </row>
    <row r="484603" spans="14:14">
      <c r="N484603" s="10"/>
    </row>
    <row r="484604" spans="14:14">
      <c r="N484604" s="10"/>
    </row>
    <row r="484605" spans="14:14">
      <c r="N484605" s="10"/>
    </row>
    <row r="484606" spans="14:14">
      <c r="N484606" s="10"/>
    </row>
    <row r="484607" spans="14:14">
      <c r="N484607" s="10"/>
    </row>
    <row r="484608" spans="14:14">
      <c r="N484608" s="10"/>
    </row>
    <row r="484609" spans="14:14">
      <c r="N484609" s="10"/>
    </row>
    <row r="484610" spans="14:14">
      <c r="N484610" s="10"/>
    </row>
    <row r="484611" spans="14:14">
      <c r="N484611" s="10"/>
    </row>
    <row r="484612" spans="14:14">
      <c r="N484612" s="10"/>
    </row>
    <row r="484613" spans="14:14">
      <c r="N484613" s="10"/>
    </row>
    <row r="484614" spans="14:14">
      <c r="N484614" s="10"/>
    </row>
    <row r="484615" spans="14:14">
      <c r="N484615" s="10"/>
    </row>
    <row r="484616" spans="14:14">
      <c r="N484616" s="10"/>
    </row>
    <row r="484617" spans="14:14">
      <c r="N484617" s="10"/>
    </row>
    <row r="484618" spans="14:14">
      <c r="N484618" s="10"/>
    </row>
    <row r="484619" spans="14:14">
      <c r="N484619" s="10"/>
    </row>
    <row r="484620" spans="14:14">
      <c r="N484620" s="10"/>
    </row>
    <row r="484621" spans="14:14">
      <c r="N484621" s="10"/>
    </row>
    <row r="484622" spans="14:14">
      <c r="N484622" s="10"/>
    </row>
    <row r="484623" spans="14:14">
      <c r="N484623" s="10"/>
    </row>
    <row r="484624" spans="14:14">
      <c r="N484624" s="10"/>
    </row>
    <row r="484625" spans="14:14">
      <c r="N484625" s="10"/>
    </row>
    <row r="484626" spans="14:14">
      <c r="N484626" s="10"/>
    </row>
    <row r="484627" spans="14:14">
      <c r="N484627" s="10"/>
    </row>
    <row r="484628" spans="14:14">
      <c r="N484628" s="10"/>
    </row>
    <row r="484629" spans="14:14">
      <c r="N484629" s="10"/>
    </row>
    <row r="484630" spans="14:14">
      <c r="N484630" s="10"/>
    </row>
    <row r="484631" spans="14:14">
      <c r="N484631" s="10"/>
    </row>
    <row r="484632" spans="14:14">
      <c r="N484632" s="10"/>
    </row>
    <row r="484633" spans="14:14">
      <c r="N484633" s="10"/>
    </row>
    <row r="484634" spans="14:14">
      <c r="N484634" s="10"/>
    </row>
    <row r="484635" spans="14:14">
      <c r="N484635" s="10"/>
    </row>
    <row r="484636" spans="14:14">
      <c r="N484636" s="10"/>
    </row>
    <row r="484637" spans="14:14">
      <c r="N484637" s="10"/>
    </row>
    <row r="484638" spans="14:14">
      <c r="N484638" s="10"/>
    </row>
    <row r="484639" spans="14:14">
      <c r="N484639" s="10"/>
    </row>
    <row r="484640" spans="14:14">
      <c r="N484640" s="10"/>
    </row>
    <row r="484641" spans="14:14">
      <c r="N484641" s="10"/>
    </row>
    <row r="484642" spans="14:14">
      <c r="N484642" s="10"/>
    </row>
    <row r="484643" spans="14:14">
      <c r="N484643" s="10"/>
    </row>
    <row r="484644" spans="14:14">
      <c r="N484644" s="10"/>
    </row>
    <row r="484645" spans="14:14">
      <c r="N484645" s="10"/>
    </row>
    <row r="484646" spans="14:14">
      <c r="N484646" s="10"/>
    </row>
    <row r="484647" spans="14:14">
      <c r="N484647" s="10"/>
    </row>
    <row r="484648" spans="14:14">
      <c r="N484648" s="10"/>
    </row>
    <row r="484649" spans="14:14">
      <c r="N484649" s="10"/>
    </row>
    <row r="484650" spans="14:14">
      <c r="N484650" s="10"/>
    </row>
    <row r="484651" spans="14:14">
      <c r="N484651" s="10"/>
    </row>
    <row r="484652" spans="14:14">
      <c r="N484652" s="10"/>
    </row>
    <row r="484653" spans="14:14">
      <c r="N484653" s="10"/>
    </row>
    <row r="484654" spans="14:14">
      <c r="N484654" s="10"/>
    </row>
    <row r="484655" spans="14:14">
      <c r="N484655" s="10"/>
    </row>
    <row r="484656" spans="14:14">
      <c r="N484656" s="10"/>
    </row>
    <row r="484657" spans="14:14">
      <c r="N484657" s="10"/>
    </row>
    <row r="484658" spans="14:14">
      <c r="N484658" s="10"/>
    </row>
    <row r="484659" spans="14:14">
      <c r="N484659" s="10"/>
    </row>
    <row r="484660" spans="14:14">
      <c r="N484660" s="10"/>
    </row>
    <row r="484661" spans="14:14">
      <c r="N484661" s="10"/>
    </row>
    <row r="484662" spans="14:14">
      <c r="N484662" s="10"/>
    </row>
    <row r="484663" spans="14:14">
      <c r="N484663" s="10"/>
    </row>
    <row r="484664" spans="14:14">
      <c r="N484664" s="10"/>
    </row>
    <row r="484665" spans="14:14">
      <c r="N484665" s="10"/>
    </row>
    <row r="484666" spans="14:14">
      <c r="N484666" s="10"/>
    </row>
    <row r="484667" spans="14:14">
      <c r="N484667" s="10"/>
    </row>
    <row r="484668" spans="14:14">
      <c r="N484668" s="10"/>
    </row>
    <row r="484669" spans="14:14">
      <c r="N484669" s="10"/>
    </row>
    <row r="484670" spans="14:14">
      <c r="N484670" s="10"/>
    </row>
    <row r="484671" spans="14:14">
      <c r="N484671" s="10"/>
    </row>
    <row r="484672" spans="14:14">
      <c r="N484672" s="10"/>
    </row>
    <row r="484673" spans="14:14">
      <c r="N484673" s="10"/>
    </row>
    <row r="484674" spans="14:14">
      <c r="N484674" s="10"/>
    </row>
    <row r="484675" spans="14:14">
      <c r="N484675" s="10"/>
    </row>
    <row r="484676" spans="14:14">
      <c r="N484676" s="10"/>
    </row>
    <row r="484677" spans="14:14">
      <c r="N484677" s="10"/>
    </row>
    <row r="484678" spans="14:14">
      <c r="N484678" s="10"/>
    </row>
    <row r="484679" spans="14:14">
      <c r="N484679" s="10"/>
    </row>
    <row r="484680" spans="14:14">
      <c r="N484680" s="10"/>
    </row>
    <row r="484681" spans="14:14">
      <c r="N484681" s="10"/>
    </row>
    <row r="484682" spans="14:14">
      <c r="N484682" s="10"/>
    </row>
    <row r="484683" spans="14:14">
      <c r="N484683" s="10"/>
    </row>
    <row r="484684" spans="14:14">
      <c r="N484684" s="10"/>
    </row>
    <row r="484685" spans="14:14">
      <c r="N484685" s="10"/>
    </row>
    <row r="484686" spans="14:14">
      <c r="N484686" s="10"/>
    </row>
    <row r="484687" spans="14:14">
      <c r="N484687" s="10"/>
    </row>
    <row r="484688" spans="14:14">
      <c r="N484688" s="10"/>
    </row>
    <row r="484689" spans="14:14">
      <c r="N484689" s="10"/>
    </row>
    <row r="484690" spans="14:14">
      <c r="N484690" s="10"/>
    </row>
    <row r="484691" spans="14:14">
      <c r="N484691" s="10"/>
    </row>
    <row r="484692" spans="14:14">
      <c r="N484692" s="10"/>
    </row>
    <row r="484693" spans="14:14">
      <c r="N484693" s="10"/>
    </row>
    <row r="484694" spans="14:14">
      <c r="N484694" s="10"/>
    </row>
    <row r="484695" spans="14:14">
      <c r="N484695" s="10"/>
    </row>
    <row r="484696" spans="14:14">
      <c r="N484696" s="10"/>
    </row>
    <row r="484697" spans="14:14">
      <c r="N484697" s="10"/>
    </row>
    <row r="484698" spans="14:14">
      <c r="N484698" s="10"/>
    </row>
    <row r="484699" spans="14:14">
      <c r="N484699" s="10"/>
    </row>
    <row r="484700" spans="14:14">
      <c r="N484700" s="10"/>
    </row>
    <row r="484701" spans="14:14">
      <c r="N484701" s="10"/>
    </row>
    <row r="484702" spans="14:14">
      <c r="N484702" s="10"/>
    </row>
    <row r="484703" spans="14:14">
      <c r="N484703" s="10"/>
    </row>
    <row r="484704" spans="14:14">
      <c r="N484704" s="10"/>
    </row>
    <row r="484705" spans="14:14">
      <c r="N484705" s="10"/>
    </row>
    <row r="484706" spans="14:14">
      <c r="N484706" s="10"/>
    </row>
    <row r="484707" spans="14:14">
      <c r="N484707" s="10"/>
    </row>
    <row r="484708" spans="14:14">
      <c r="N484708" s="10"/>
    </row>
    <row r="484709" spans="14:14">
      <c r="N484709" s="10"/>
    </row>
    <row r="484710" spans="14:14">
      <c r="N484710" s="10"/>
    </row>
    <row r="484711" spans="14:14">
      <c r="N484711" s="10"/>
    </row>
    <row r="484712" spans="14:14">
      <c r="N484712" s="10"/>
    </row>
    <row r="484713" spans="14:14">
      <c r="N484713" s="10"/>
    </row>
    <row r="484714" spans="14:14">
      <c r="N484714" s="10"/>
    </row>
    <row r="484715" spans="14:14">
      <c r="N484715" s="10"/>
    </row>
    <row r="484716" spans="14:14">
      <c r="N484716" s="10"/>
    </row>
    <row r="484717" spans="14:14">
      <c r="N484717" s="10"/>
    </row>
    <row r="484718" spans="14:14">
      <c r="N484718" s="10"/>
    </row>
    <row r="484719" spans="14:14">
      <c r="N484719" s="10"/>
    </row>
    <row r="484720" spans="14:14">
      <c r="N484720" s="10"/>
    </row>
    <row r="484721" spans="14:14">
      <c r="N484721" s="10"/>
    </row>
    <row r="484722" spans="14:14">
      <c r="N484722" s="10"/>
    </row>
    <row r="484723" spans="14:14">
      <c r="N484723" s="10"/>
    </row>
    <row r="484724" spans="14:14">
      <c r="N484724" s="10"/>
    </row>
    <row r="484725" spans="14:14">
      <c r="N484725" s="10"/>
    </row>
    <row r="484726" spans="14:14">
      <c r="N484726" s="10"/>
    </row>
    <row r="484727" spans="14:14">
      <c r="N484727" s="10"/>
    </row>
    <row r="484728" spans="14:14">
      <c r="N484728" s="10"/>
    </row>
    <row r="484729" spans="14:14">
      <c r="N484729" s="10"/>
    </row>
    <row r="484730" spans="14:14">
      <c r="N484730" s="10"/>
    </row>
    <row r="484731" spans="14:14">
      <c r="N484731" s="10"/>
    </row>
    <row r="484732" spans="14:14">
      <c r="N484732" s="10"/>
    </row>
    <row r="484733" spans="14:14">
      <c r="N484733" s="10"/>
    </row>
    <row r="484734" spans="14:14">
      <c r="N484734" s="10"/>
    </row>
    <row r="484735" spans="14:14">
      <c r="N484735" s="10"/>
    </row>
    <row r="484736" spans="14:14">
      <c r="N484736" s="10"/>
    </row>
    <row r="484737" spans="14:14">
      <c r="N484737" s="10"/>
    </row>
    <row r="484738" spans="14:14">
      <c r="N484738" s="10"/>
    </row>
    <row r="484739" spans="14:14">
      <c r="N484739" s="10"/>
    </row>
    <row r="484740" spans="14:14">
      <c r="N484740" s="10"/>
    </row>
    <row r="484741" spans="14:14">
      <c r="N484741" s="10"/>
    </row>
    <row r="484742" spans="14:14">
      <c r="N484742" s="10"/>
    </row>
    <row r="484743" spans="14:14">
      <c r="N484743" s="10"/>
    </row>
    <row r="484744" spans="14:14">
      <c r="N484744" s="10"/>
    </row>
    <row r="484745" spans="14:14">
      <c r="N484745" s="10"/>
    </row>
    <row r="484746" spans="14:14">
      <c r="N484746" s="10"/>
    </row>
    <row r="484747" spans="14:14">
      <c r="N484747" s="10"/>
    </row>
    <row r="484748" spans="14:14">
      <c r="N484748" s="10"/>
    </row>
    <row r="484749" spans="14:14">
      <c r="N484749" s="10"/>
    </row>
    <row r="484750" spans="14:14">
      <c r="N484750" s="10"/>
    </row>
    <row r="484751" spans="14:14">
      <c r="N484751" s="10"/>
    </row>
    <row r="484752" spans="14:14">
      <c r="N484752" s="10"/>
    </row>
    <row r="484753" spans="14:14">
      <c r="N484753" s="10"/>
    </row>
    <row r="484754" spans="14:14">
      <c r="N484754" s="10"/>
    </row>
    <row r="484755" spans="14:14">
      <c r="N484755" s="10"/>
    </row>
    <row r="484756" spans="14:14">
      <c r="N484756" s="10"/>
    </row>
    <row r="484757" spans="14:14">
      <c r="N484757" s="10"/>
    </row>
    <row r="484758" spans="14:14">
      <c r="N484758" s="10"/>
    </row>
    <row r="484759" spans="14:14">
      <c r="N484759" s="10"/>
    </row>
    <row r="484760" spans="14:14">
      <c r="N484760" s="10"/>
    </row>
    <row r="484761" spans="14:14">
      <c r="N484761" s="10"/>
    </row>
    <row r="484762" spans="14:14">
      <c r="N484762" s="10"/>
    </row>
    <row r="484763" spans="14:14">
      <c r="N484763" s="10"/>
    </row>
    <row r="484764" spans="14:14">
      <c r="N484764" s="10"/>
    </row>
    <row r="484765" spans="14:14">
      <c r="N484765" s="10"/>
    </row>
    <row r="484766" spans="14:14">
      <c r="N484766" s="10"/>
    </row>
    <row r="484767" spans="14:14">
      <c r="N484767" s="10"/>
    </row>
    <row r="484768" spans="14:14">
      <c r="N484768" s="10"/>
    </row>
    <row r="484769" spans="14:14">
      <c r="N484769" s="10"/>
    </row>
    <row r="484770" spans="14:14">
      <c r="N484770" s="10"/>
    </row>
    <row r="484771" spans="14:14">
      <c r="N484771" s="10"/>
    </row>
    <row r="484772" spans="14:14">
      <c r="N484772" s="10"/>
    </row>
    <row r="484773" spans="14:14">
      <c r="N484773" s="10"/>
    </row>
    <row r="484774" spans="14:14">
      <c r="N484774" s="10"/>
    </row>
    <row r="484775" spans="14:14">
      <c r="N484775" s="10"/>
    </row>
    <row r="484776" spans="14:14">
      <c r="N484776" s="10"/>
    </row>
    <row r="484777" spans="14:14">
      <c r="N484777" s="10"/>
    </row>
    <row r="484778" spans="14:14">
      <c r="N484778" s="10"/>
    </row>
    <row r="484779" spans="14:14">
      <c r="N484779" s="10"/>
    </row>
    <row r="484780" spans="14:14">
      <c r="N484780" s="10"/>
    </row>
    <row r="484781" spans="14:14">
      <c r="N484781" s="10"/>
    </row>
    <row r="484782" spans="14:14">
      <c r="N484782" s="10"/>
    </row>
    <row r="484783" spans="14:14">
      <c r="N484783" s="10"/>
    </row>
    <row r="484784" spans="14:14">
      <c r="N484784" s="10"/>
    </row>
    <row r="484785" spans="14:14">
      <c r="N484785" s="10"/>
    </row>
    <row r="484786" spans="14:14">
      <c r="N484786" s="10"/>
    </row>
    <row r="484787" spans="14:14">
      <c r="N484787" s="10"/>
    </row>
    <row r="484788" spans="14:14">
      <c r="N484788" s="10"/>
    </row>
    <row r="484789" spans="14:14">
      <c r="N484789" s="10"/>
    </row>
    <row r="484790" spans="14:14">
      <c r="N484790" s="10"/>
    </row>
    <row r="484791" spans="14:14">
      <c r="N484791" s="10"/>
    </row>
    <row r="484792" spans="14:14">
      <c r="N484792" s="10"/>
    </row>
    <row r="484793" spans="14:14">
      <c r="N484793" s="10"/>
    </row>
    <row r="484794" spans="14:14">
      <c r="N484794" s="10"/>
    </row>
    <row r="484795" spans="14:14">
      <c r="N484795" s="10"/>
    </row>
    <row r="484796" spans="14:14">
      <c r="N484796" s="10"/>
    </row>
    <row r="484797" spans="14:14">
      <c r="N484797" s="10"/>
    </row>
    <row r="484798" spans="14:14">
      <c r="N484798" s="10"/>
    </row>
    <row r="484799" spans="14:14">
      <c r="N484799" s="10"/>
    </row>
    <row r="484800" spans="14:14">
      <c r="N484800" s="10"/>
    </row>
    <row r="484801" spans="14:14">
      <c r="N484801" s="10"/>
    </row>
    <row r="484802" spans="14:14">
      <c r="N484802" s="10"/>
    </row>
    <row r="484803" spans="14:14">
      <c r="N484803" s="10"/>
    </row>
    <row r="484804" spans="14:14">
      <c r="N484804" s="10"/>
    </row>
    <row r="484805" spans="14:14">
      <c r="N484805" s="10"/>
    </row>
    <row r="484806" spans="14:14">
      <c r="N484806" s="10"/>
    </row>
    <row r="484807" spans="14:14">
      <c r="N484807" s="10"/>
    </row>
    <row r="484808" spans="14:14">
      <c r="N484808" s="10"/>
    </row>
    <row r="484809" spans="14:14">
      <c r="N484809" s="10"/>
    </row>
    <row r="484810" spans="14:14">
      <c r="N484810" s="10"/>
    </row>
    <row r="484811" spans="14:14">
      <c r="N484811" s="10"/>
    </row>
    <row r="484812" spans="14:14">
      <c r="N484812" s="10"/>
    </row>
    <row r="484813" spans="14:14">
      <c r="N484813" s="10"/>
    </row>
    <row r="484814" spans="14:14">
      <c r="N484814" s="10"/>
    </row>
    <row r="484815" spans="14:14">
      <c r="N484815" s="10"/>
    </row>
    <row r="484816" spans="14:14">
      <c r="N484816" s="10"/>
    </row>
    <row r="484817" spans="14:14">
      <c r="N484817" s="10"/>
    </row>
    <row r="484818" spans="14:14">
      <c r="N484818" s="10"/>
    </row>
    <row r="484819" spans="14:14">
      <c r="N484819" s="10"/>
    </row>
    <row r="484820" spans="14:14">
      <c r="N484820" s="10"/>
    </row>
    <row r="484821" spans="14:14">
      <c r="N484821" s="10"/>
    </row>
    <row r="484822" spans="14:14">
      <c r="N484822" s="10"/>
    </row>
    <row r="484823" spans="14:14">
      <c r="N484823" s="10"/>
    </row>
    <row r="484824" spans="14:14">
      <c r="N484824" s="10"/>
    </row>
    <row r="484825" spans="14:14">
      <c r="N484825" s="10"/>
    </row>
    <row r="484826" spans="14:14">
      <c r="N484826" s="10"/>
    </row>
    <row r="484827" spans="14:14">
      <c r="N484827" s="10"/>
    </row>
    <row r="484828" spans="14:14">
      <c r="N484828" s="10"/>
    </row>
    <row r="484829" spans="14:14">
      <c r="N484829" s="10"/>
    </row>
    <row r="484830" spans="14:14">
      <c r="N484830" s="10"/>
    </row>
    <row r="484831" spans="14:14">
      <c r="N484831" s="10"/>
    </row>
    <row r="484832" spans="14:14">
      <c r="N484832" s="10"/>
    </row>
    <row r="484833" spans="14:14">
      <c r="N484833" s="10"/>
    </row>
    <row r="484834" spans="14:14">
      <c r="N484834" s="10"/>
    </row>
    <row r="484835" spans="14:14">
      <c r="N484835" s="10"/>
    </row>
    <row r="484836" spans="14:14">
      <c r="N484836" s="10"/>
    </row>
    <row r="484837" spans="14:14">
      <c r="N484837" s="10"/>
    </row>
    <row r="484838" spans="14:14">
      <c r="N484838" s="10"/>
    </row>
    <row r="484839" spans="14:14">
      <c r="N484839" s="10"/>
    </row>
    <row r="484840" spans="14:14">
      <c r="N484840" s="10"/>
    </row>
    <row r="484841" spans="14:14">
      <c r="N484841" s="10"/>
    </row>
    <row r="484842" spans="14:14">
      <c r="N484842" s="10"/>
    </row>
    <row r="484843" spans="14:14">
      <c r="N484843" s="10"/>
    </row>
    <row r="484844" spans="14:14">
      <c r="N484844" s="10"/>
    </row>
    <row r="484845" spans="14:14">
      <c r="N484845" s="10"/>
    </row>
    <row r="484846" spans="14:14">
      <c r="N484846" s="10"/>
    </row>
    <row r="484847" spans="14:14">
      <c r="N484847" s="10"/>
    </row>
    <row r="484848" spans="14:14">
      <c r="N484848" s="10"/>
    </row>
    <row r="484849" spans="14:14">
      <c r="N484849" s="10"/>
    </row>
    <row r="484850" spans="14:14">
      <c r="N484850" s="10"/>
    </row>
    <row r="484851" spans="14:14">
      <c r="N484851" s="10"/>
    </row>
    <row r="484852" spans="14:14">
      <c r="N484852" s="10"/>
    </row>
    <row r="484853" spans="14:14">
      <c r="N484853" s="10"/>
    </row>
    <row r="484854" spans="14:14">
      <c r="N484854" s="10"/>
    </row>
    <row r="484855" spans="14:14">
      <c r="N484855" s="10"/>
    </row>
    <row r="484856" spans="14:14">
      <c r="N484856" s="10"/>
    </row>
    <row r="484857" spans="14:14">
      <c r="N484857" s="10"/>
    </row>
    <row r="484858" spans="14:14">
      <c r="N484858" s="10"/>
    </row>
    <row r="484859" spans="14:14">
      <c r="N484859" s="10"/>
    </row>
    <row r="484860" spans="14:14">
      <c r="N484860" s="10"/>
    </row>
    <row r="484861" spans="14:14">
      <c r="N484861" s="10"/>
    </row>
    <row r="484862" spans="14:14">
      <c r="N484862" s="10"/>
    </row>
    <row r="484863" spans="14:14">
      <c r="N484863" s="10"/>
    </row>
    <row r="484864" spans="14:14">
      <c r="N484864" s="10"/>
    </row>
    <row r="484865" spans="14:14">
      <c r="N484865" s="10"/>
    </row>
    <row r="484866" spans="14:14">
      <c r="N484866" s="10"/>
    </row>
    <row r="484867" spans="14:14">
      <c r="N484867" s="10"/>
    </row>
    <row r="484868" spans="14:14">
      <c r="N484868" s="10"/>
    </row>
    <row r="484869" spans="14:14">
      <c r="N484869" s="10"/>
    </row>
    <row r="484870" spans="14:14">
      <c r="N484870" s="10"/>
    </row>
    <row r="484871" spans="14:14">
      <c r="N484871" s="10"/>
    </row>
    <row r="484872" spans="14:14">
      <c r="N484872" s="10"/>
    </row>
    <row r="484873" spans="14:14">
      <c r="N484873" s="10"/>
    </row>
    <row r="484874" spans="14:14">
      <c r="N484874" s="10"/>
    </row>
    <row r="484875" spans="14:14">
      <c r="N484875" s="10"/>
    </row>
    <row r="484876" spans="14:14">
      <c r="N484876" s="10"/>
    </row>
    <row r="484877" spans="14:14">
      <c r="N484877" s="10"/>
    </row>
    <row r="484878" spans="14:14">
      <c r="N484878" s="10"/>
    </row>
    <row r="484879" spans="14:14">
      <c r="N484879" s="10"/>
    </row>
    <row r="484880" spans="14:14">
      <c r="N484880" s="10"/>
    </row>
    <row r="484881" spans="14:14">
      <c r="N484881" s="10"/>
    </row>
    <row r="484882" spans="14:14">
      <c r="N484882" s="10"/>
    </row>
    <row r="484883" spans="14:14">
      <c r="N484883" s="10"/>
    </row>
    <row r="484884" spans="14:14">
      <c r="N484884" s="10"/>
    </row>
    <row r="484885" spans="14:14">
      <c r="N484885" s="10"/>
    </row>
    <row r="484886" spans="14:14">
      <c r="N484886" s="10"/>
    </row>
    <row r="484887" spans="14:14">
      <c r="N484887" s="10"/>
    </row>
    <row r="484888" spans="14:14">
      <c r="N484888" s="10"/>
    </row>
    <row r="484889" spans="14:14">
      <c r="N484889" s="10"/>
    </row>
    <row r="484890" spans="14:14">
      <c r="N484890" s="10"/>
    </row>
    <row r="484891" spans="14:14">
      <c r="N484891" s="10"/>
    </row>
    <row r="484892" spans="14:14">
      <c r="N484892" s="10"/>
    </row>
    <row r="484893" spans="14:14">
      <c r="N484893" s="10"/>
    </row>
    <row r="484894" spans="14:14">
      <c r="N484894" s="10"/>
    </row>
    <row r="484895" spans="14:14">
      <c r="N484895" s="10"/>
    </row>
    <row r="484896" spans="14:14">
      <c r="N484896" s="10"/>
    </row>
    <row r="484897" spans="14:14">
      <c r="N484897" s="10"/>
    </row>
    <row r="484898" spans="14:14">
      <c r="N484898" s="10"/>
    </row>
    <row r="484899" spans="14:14">
      <c r="N484899" s="10"/>
    </row>
    <row r="484900" spans="14:14">
      <c r="N484900" s="10"/>
    </row>
    <row r="484901" spans="14:14">
      <c r="N484901" s="10"/>
    </row>
    <row r="484902" spans="14:14">
      <c r="N484902" s="10"/>
    </row>
    <row r="484903" spans="14:14">
      <c r="N484903" s="10"/>
    </row>
    <row r="484904" spans="14:14">
      <c r="N484904" s="10"/>
    </row>
    <row r="484905" spans="14:14">
      <c r="N484905" s="10"/>
    </row>
    <row r="484906" spans="14:14">
      <c r="N484906" s="10"/>
    </row>
    <row r="484907" spans="14:14">
      <c r="N484907" s="10"/>
    </row>
    <row r="484908" spans="14:14">
      <c r="N484908" s="10"/>
    </row>
    <row r="484909" spans="14:14">
      <c r="N484909" s="10"/>
    </row>
    <row r="484910" spans="14:14">
      <c r="N484910" s="10"/>
    </row>
    <row r="484911" spans="14:14">
      <c r="N484911" s="10"/>
    </row>
    <row r="484912" spans="14:14">
      <c r="N484912" s="10"/>
    </row>
    <row r="484913" spans="14:14">
      <c r="N484913" s="10"/>
    </row>
    <row r="484914" spans="14:14">
      <c r="N484914" s="10"/>
    </row>
    <row r="484915" spans="14:14">
      <c r="N484915" s="10"/>
    </row>
    <row r="484916" spans="14:14">
      <c r="N484916" s="10"/>
    </row>
    <row r="484917" spans="14:14">
      <c r="N484917" s="10"/>
    </row>
    <row r="484918" spans="14:14">
      <c r="N484918" s="10"/>
    </row>
    <row r="484919" spans="14:14">
      <c r="N484919" s="10"/>
    </row>
    <row r="484920" spans="14:14">
      <c r="N484920" s="10"/>
    </row>
    <row r="484921" spans="14:14">
      <c r="N484921" s="10"/>
    </row>
    <row r="484922" spans="14:14">
      <c r="N484922" s="10"/>
    </row>
    <row r="484923" spans="14:14">
      <c r="N484923" s="10"/>
    </row>
    <row r="484924" spans="14:14">
      <c r="N484924" s="10"/>
    </row>
    <row r="484925" spans="14:14">
      <c r="N484925" s="10"/>
    </row>
    <row r="484926" spans="14:14">
      <c r="N484926" s="10"/>
    </row>
    <row r="484927" spans="14:14">
      <c r="N484927" s="10"/>
    </row>
    <row r="484928" spans="14:14">
      <c r="N484928" s="10"/>
    </row>
    <row r="484929" spans="14:14">
      <c r="N484929" s="10"/>
    </row>
    <row r="484930" spans="14:14">
      <c r="N484930" s="10"/>
    </row>
    <row r="484931" spans="14:14">
      <c r="N484931" s="10"/>
    </row>
    <row r="484932" spans="14:14">
      <c r="N484932" s="10"/>
    </row>
    <row r="484933" spans="14:14">
      <c r="N484933" s="10"/>
    </row>
    <row r="484934" spans="14:14">
      <c r="N484934" s="10"/>
    </row>
    <row r="484935" spans="14:14">
      <c r="N484935" s="10"/>
    </row>
    <row r="484936" spans="14:14">
      <c r="N484936" s="10"/>
    </row>
    <row r="484937" spans="14:14">
      <c r="N484937" s="10"/>
    </row>
    <row r="484938" spans="14:14">
      <c r="N484938" s="10"/>
    </row>
    <row r="484939" spans="14:14">
      <c r="N484939" s="10"/>
    </row>
    <row r="484940" spans="14:14">
      <c r="N484940" s="10"/>
    </row>
    <row r="484941" spans="14:14">
      <c r="N484941" s="10"/>
    </row>
    <row r="484942" spans="14:14">
      <c r="N484942" s="10"/>
    </row>
    <row r="484943" spans="14:14">
      <c r="N484943" s="10"/>
    </row>
    <row r="484944" spans="14:14">
      <c r="N484944" s="10"/>
    </row>
    <row r="484945" spans="14:14">
      <c r="N484945" s="10"/>
    </row>
    <row r="484946" spans="14:14">
      <c r="N484946" s="10"/>
    </row>
    <row r="484947" spans="14:14">
      <c r="N484947" s="10"/>
    </row>
    <row r="484948" spans="14:14">
      <c r="N484948" s="10"/>
    </row>
    <row r="484949" spans="14:14">
      <c r="N484949" s="10"/>
    </row>
    <row r="484950" spans="14:14">
      <c r="N484950" s="10"/>
    </row>
    <row r="484951" spans="14:14">
      <c r="N484951" s="10"/>
    </row>
    <row r="484952" spans="14:14">
      <c r="N484952" s="10"/>
    </row>
    <row r="484953" spans="14:14">
      <c r="N484953" s="10"/>
    </row>
    <row r="484954" spans="14:14">
      <c r="N484954" s="10"/>
    </row>
    <row r="484955" spans="14:14">
      <c r="N484955" s="10"/>
    </row>
    <row r="484956" spans="14:14">
      <c r="N484956" s="10"/>
    </row>
    <row r="484957" spans="14:14">
      <c r="N484957" s="10"/>
    </row>
    <row r="484958" spans="14:14">
      <c r="N484958" s="10"/>
    </row>
    <row r="484959" spans="14:14">
      <c r="N484959" s="10"/>
    </row>
    <row r="484960" spans="14:14">
      <c r="N484960" s="10"/>
    </row>
    <row r="484961" spans="14:14">
      <c r="N484961" s="10"/>
    </row>
    <row r="484962" spans="14:14">
      <c r="N484962" s="10"/>
    </row>
    <row r="484963" spans="14:14">
      <c r="N484963" s="10"/>
    </row>
    <row r="484964" spans="14:14">
      <c r="N484964" s="10"/>
    </row>
    <row r="484965" spans="14:14">
      <c r="N484965" s="10"/>
    </row>
    <row r="484966" spans="14:14">
      <c r="N484966" s="10"/>
    </row>
    <row r="484967" spans="14:14">
      <c r="N484967" s="10"/>
    </row>
    <row r="484968" spans="14:14">
      <c r="N484968" s="10"/>
    </row>
    <row r="484969" spans="14:14">
      <c r="N484969" s="10"/>
    </row>
    <row r="484970" spans="14:14">
      <c r="N484970" s="10"/>
    </row>
    <row r="484971" spans="14:14">
      <c r="N484971" s="10"/>
    </row>
    <row r="484972" spans="14:14">
      <c r="N484972" s="10"/>
    </row>
    <row r="484973" spans="14:14">
      <c r="N484973" s="10"/>
    </row>
    <row r="484974" spans="14:14">
      <c r="N484974" s="10"/>
    </row>
    <row r="484975" spans="14:14">
      <c r="N484975" s="10"/>
    </row>
    <row r="484976" spans="14:14">
      <c r="N484976" s="10"/>
    </row>
    <row r="484977" spans="14:14">
      <c r="N484977" s="10"/>
    </row>
    <row r="484978" spans="14:14">
      <c r="N484978" s="10"/>
    </row>
    <row r="484979" spans="14:14">
      <c r="N484979" s="10"/>
    </row>
    <row r="484980" spans="14:14">
      <c r="N484980" s="10"/>
    </row>
    <row r="484981" spans="14:14">
      <c r="N484981" s="10"/>
    </row>
    <row r="484982" spans="14:14">
      <c r="N484982" s="10"/>
    </row>
    <row r="484983" spans="14:14">
      <c r="N484983" s="10"/>
    </row>
    <row r="484984" spans="14:14">
      <c r="N484984" s="10"/>
    </row>
    <row r="484985" spans="14:14">
      <c r="N484985" s="10"/>
    </row>
    <row r="484986" spans="14:14">
      <c r="N484986" s="10"/>
    </row>
    <row r="484987" spans="14:14">
      <c r="N484987" s="10"/>
    </row>
    <row r="484988" spans="14:14">
      <c r="N484988" s="10"/>
    </row>
    <row r="484989" spans="14:14">
      <c r="N484989" s="10"/>
    </row>
    <row r="484990" spans="14:14">
      <c r="N484990" s="10"/>
    </row>
    <row r="484991" spans="14:14">
      <c r="N484991" s="10"/>
    </row>
    <row r="484992" spans="14:14">
      <c r="N484992" s="10"/>
    </row>
    <row r="484993" spans="14:14">
      <c r="N484993" s="10"/>
    </row>
    <row r="484994" spans="14:14">
      <c r="N484994" s="10"/>
    </row>
    <row r="484995" spans="14:14">
      <c r="N484995" s="10"/>
    </row>
    <row r="484996" spans="14:14">
      <c r="N484996" s="10"/>
    </row>
    <row r="484997" spans="14:14">
      <c r="N484997" s="10"/>
    </row>
    <row r="484998" spans="14:14">
      <c r="N484998" s="10"/>
    </row>
    <row r="484999" spans="14:14">
      <c r="N484999" s="10"/>
    </row>
    <row r="485000" spans="14:14">
      <c r="N485000" s="10"/>
    </row>
    <row r="485001" spans="14:14">
      <c r="N485001" s="10"/>
    </row>
    <row r="485002" spans="14:14">
      <c r="N485002" s="10"/>
    </row>
    <row r="485003" spans="14:14">
      <c r="N485003" s="10"/>
    </row>
    <row r="485004" spans="14:14">
      <c r="N485004" s="10"/>
    </row>
    <row r="485005" spans="14:14">
      <c r="N485005" s="10"/>
    </row>
    <row r="485006" spans="14:14">
      <c r="N485006" s="10"/>
    </row>
    <row r="485007" spans="14:14">
      <c r="N485007" s="10"/>
    </row>
    <row r="485008" spans="14:14">
      <c r="N485008" s="10"/>
    </row>
    <row r="485009" spans="14:14">
      <c r="N485009" s="10"/>
    </row>
    <row r="485010" spans="14:14">
      <c r="N485010" s="10"/>
    </row>
    <row r="485011" spans="14:14">
      <c r="N485011" s="10"/>
    </row>
    <row r="485012" spans="14:14">
      <c r="N485012" s="10"/>
    </row>
    <row r="485013" spans="14:14">
      <c r="N485013" s="10"/>
    </row>
    <row r="485014" spans="14:14">
      <c r="N485014" s="10"/>
    </row>
    <row r="485015" spans="14:14">
      <c r="N485015" s="10"/>
    </row>
    <row r="485016" spans="14:14">
      <c r="N485016" s="10"/>
    </row>
    <row r="485017" spans="14:14">
      <c r="N485017" s="10"/>
    </row>
    <row r="485018" spans="14:14">
      <c r="N485018" s="10"/>
    </row>
    <row r="485019" spans="14:14">
      <c r="N485019" s="10"/>
    </row>
    <row r="485020" spans="14:14">
      <c r="N485020" s="10"/>
    </row>
    <row r="485021" spans="14:14">
      <c r="N485021" s="10"/>
    </row>
    <row r="485022" spans="14:14">
      <c r="N485022" s="10"/>
    </row>
    <row r="485023" spans="14:14">
      <c r="N485023" s="10"/>
    </row>
    <row r="485024" spans="14:14">
      <c r="N485024" s="10"/>
    </row>
    <row r="485025" spans="14:14">
      <c r="N485025" s="10"/>
    </row>
    <row r="485026" spans="14:14">
      <c r="N485026" s="10"/>
    </row>
    <row r="485027" spans="14:14">
      <c r="N485027" s="10"/>
    </row>
    <row r="485028" spans="14:14">
      <c r="N485028" s="10"/>
    </row>
    <row r="485029" spans="14:14">
      <c r="N485029" s="10"/>
    </row>
    <row r="485030" spans="14:14">
      <c r="N485030" s="10"/>
    </row>
    <row r="485031" spans="14:14">
      <c r="N485031" s="10"/>
    </row>
    <row r="485032" spans="14:14">
      <c r="N485032" s="10"/>
    </row>
    <row r="485033" spans="14:14">
      <c r="N485033" s="10"/>
    </row>
    <row r="485034" spans="14:14">
      <c r="N485034" s="10"/>
    </row>
    <row r="485035" spans="14:14">
      <c r="N485035" s="10"/>
    </row>
    <row r="485036" spans="14:14">
      <c r="N485036" s="10"/>
    </row>
    <row r="485037" spans="14:14">
      <c r="N485037" s="10"/>
    </row>
    <row r="485038" spans="14:14">
      <c r="N485038" s="10"/>
    </row>
    <row r="485039" spans="14:14">
      <c r="N485039" s="10"/>
    </row>
    <row r="485040" spans="14:14">
      <c r="N485040" s="10"/>
    </row>
    <row r="485041" spans="14:14">
      <c r="N485041" s="10"/>
    </row>
    <row r="485042" spans="14:14">
      <c r="N485042" s="10"/>
    </row>
    <row r="485043" spans="14:14">
      <c r="N485043" s="10"/>
    </row>
    <row r="485044" spans="14:14">
      <c r="N485044" s="10"/>
    </row>
    <row r="485045" spans="14:14">
      <c r="N485045" s="10"/>
    </row>
    <row r="485046" spans="14:14">
      <c r="N485046" s="10"/>
    </row>
    <row r="485047" spans="14:14">
      <c r="N485047" s="10"/>
    </row>
    <row r="485048" spans="14:14">
      <c r="N485048" s="10"/>
    </row>
    <row r="485049" spans="14:14">
      <c r="N485049" s="10"/>
    </row>
    <row r="485050" spans="14:14">
      <c r="N485050" s="10"/>
    </row>
    <row r="485051" spans="14:14">
      <c r="N485051" s="10"/>
    </row>
    <row r="485052" spans="14:14">
      <c r="N485052" s="10"/>
    </row>
    <row r="485053" spans="14:14">
      <c r="N485053" s="10"/>
    </row>
    <row r="485054" spans="14:14">
      <c r="N485054" s="10"/>
    </row>
    <row r="485055" spans="14:14">
      <c r="N485055" s="10"/>
    </row>
    <row r="485056" spans="14:14">
      <c r="N485056" s="10"/>
    </row>
    <row r="485057" spans="14:14">
      <c r="N485057" s="10"/>
    </row>
    <row r="485058" spans="14:14">
      <c r="N485058" s="10"/>
    </row>
    <row r="485059" spans="14:14">
      <c r="N485059" s="10"/>
    </row>
    <row r="485060" spans="14:14">
      <c r="N485060" s="10"/>
    </row>
    <row r="485061" spans="14:14">
      <c r="N485061" s="10"/>
    </row>
    <row r="485062" spans="14:14">
      <c r="N485062" s="10"/>
    </row>
    <row r="485063" spans="14:14">
      <c r="N485063" s="10"/>
    </row>
    <row r="485064" spans="14:14">
      <c r="N485064" s="10"/>
    </row>
    <row r="485065" spans="14:14">
      <c r="N485065" s="10"/>
    </row>
    <row r="485066" spans="14:14">
      <c r="N485066" s="10"/>
    </row>
    <row r="485067" spans="14:14">
      <c r="N485067" s="10"/>
    </row>
    <row r="485068" spans="14:14">
      <c r="N485068" s="10"/>
    </row>
    <row r="485069" spans="14:14">
      <c r="N485069" s="10"/>
    </row>
    <row r="485070" spans="14:14">
      <c r="N485070" s="10"/>
    </row>
    <row r="485071" spans="14:14">
      <c r="N485071" s="10"/>
    </row>
    <row r="485072" spans="14:14">
      <c r="N485072" s="10"/>
    </row>
    <row r="485073" spans="14:14">
      <c r="N485073" s="10"/>
    </row>
    <row r="485074" spans="14:14">
      <c r="N485074" s="10"/>
    </row>
    <row r="485075" spans="14:14">
      <c r="N485075" s="10"/>
    </row>
    <row r="485076" spans="14:14">
      <c r="N485076" s="10"/>
    </row>
    <row r="485077" spans="14:14">
      <c r="N485077" s="10"/>
    </row>
    <row r="485078" spans="14:14">
      <c r="N485078" s="10"/>
    </row>
    <row r="485079" spans="14:14">
      <c r="N485079" s="10"/>
    </row>
    <row r="485080" spans="14:14">
      <c r="N485080" s="10"/>
    </row>
    <row r="485081" spans="14:14">
      <c r="N485081" s="10"/>
    </row>
    <row r="485082" spans="14:14">
      <c r="N485082" s="10"/>
    </row>
    <row r="485083" spans="14:14">
      <c r="N485083" s="10"/>
    </row>
    <row r="485084" spans="14:14">
      <c r="N485084" s="10"/>
    </row>
    <row r="485085" spans="14:14">
      <c r="N485085" s="10"/>
    </row>
    <row r="485086" spans="14:14">
      <c r="N485086" s="10"/>
    </row>
    <row r="485087" spans="14:14">
      <c r="N485087" s="10"/>
    </row>
    <row r="485088" spans="14:14">
      <c r="N485088" s="10"/>
    </row>
    <row r="485089" spans="14:14">
      <c r="N485089" s="10"/>
    </row>
    <row r="485090" spans="14:14">
      <c r="N485090" s="10"/>
    </row>
    <row r="485091" spans="14:14">
      <c r="N485091" s="10"/>
    </row>
    <row r="485092" spans="14:14">
      <c r="N485092" s="10"/>
    </row>
    <row r="485093" spans="14:14">
      <c r="N485093" s="10"/>
    </row>
    <row r="485094" spans="14:14">
      <c r="N485094" s="10"/>
    </row>
    <row r="485095" spans="14:14">
      <c r="N485095" s="10"/>
    </row>
    <row r="485096" spans="14:14">
      <c r="N485096" s="10"/>
    </row>
    <row r="485097" spans="14:14">
      <c r="N485097" s="10"/>
    </row>
    <row r="485098" spans="14:14">
      <c r="N485098" s="10"/>
    </row>
    <row r="485099" spans="14:14">
      <c r="N485099" s="10"/>
    </row>
    <row r="485100" spans="14:14">
      <c r="N485100" s="10"/>
    </row>
    <row r="485101" spans="14:14">
      <c r="N485101" s="10"/>
    </row>
    <row r="485102" spans="14:14">
      <c r="N485102" s="10"/>
    </row>
    <row r="485103" spans="14:14">
      <c r="N485103" s="10"/>
    </row>
    <row r="485104" spans="14:14">
      <c r="N485104" s="10"/>
    </row>
    <row r="485105" spans="14:14">
      <c r="N485105" s="10"/>
    </row>
    <row r="485106" spans="14:14">
      <c r="N485106" s="10"/>
    </row>
    <row r="485107" spans="14:14">
      <c r="N485107" s="10"/>
    </row>
    <row r="485108" spans="14:14">
      <c r="N485108" s="10"/>
    </row>
    <row r="485109" spans="14:14">
      <c r="N485109" s="10"/>
    </row>
    <row r="485110" spans="14:14">
      <c r="N485110" s="10"/>
    </row>
    <row r="485111" spans="14:14">
      <c r="N485111" s="10"/>
    </row>
    <row r="485112" spans="14:14">
      <c r="N485112" s="10"/>
    </row>
    <row r="485113" spans="14:14">
      <c r="N485113" s="10"/>
    </row>
    <row r="485114" spans="14:14">
      <c r="N485114" s="10"/>
    </row>
    <row r="485115" spans="14:14">
      <c r="N485115" s="10"/>
    </row>
    <row r="485116" spans="14:14">
      <c r="N485116" s="10"/>
    </row>
    <row r="485117" spans="14:14">
      <c r="N485117" s="10"/>
    </row>
    <row r="485118" spans="14:14">
      <c r="N485118" s="10"/>
    </row>
    <row r="485119" spans="14:14">
      <c r="N485119" s="10"/>
    </row>
    <row r="485120" spans="14:14">
      <c r="N485120" s="10"/>
    </row>
    <row r="485121" spans="14:14">
      <c r="N485121" s="10"/>
    </row>
    <row r="485122" spans="14:14">
      <c r="N485122" s="10"/>
    </row>
    <row r="485123" spans="14:14">
      <c r="N485123" s="10"/>
    </row>
    <row r="485124" spans="14:14">
      <c r="N485124" s="10"/>
    </row>
    <row r="485125" spans="14:14">
      <c r="N485125" s="10"/>
    </row>
    <row r="485126" spans="14:14">
      <c r="N485126" s="10"/>
    </row>
    <row r="485127" spans="14:14">
      <c r="N485127" s="10"/>
    </row>
    <row r="485128" spans="14:14">
      <c r="N485128" s="10"/>
    </row>
    <row r="485129" spans="14:14">
      <c r="N485129" s="10"/>
    </row>
    <row r="485130" spans="14:14">
      <c r="N485130" s="10"/>
    </row>
    <row r="485131" spans="14:14">
      <c r="N485131" s="10"/>
    </row>
    <row r="485132" spans="14:14">
      <c r="N485132" s="10"/>
    </row>
    <row r="485133" spans="14:14">
      <c r="N485133" s="10"/>
    </row>
    <row r="485134" spans="14:14">
      <c r="N485134" s="10"/>
    </row>
    <row r="485135" spans="14:14">
      <c r="N485135" s="10"/>
    </row>
    <row r="485136" spans="14:14">
      <c r="N485136" s="10"/>
    </row>
    <row r="485137" spans="14:14">
      <c r="N485137" s="10"/>
    </row>
    <row r="485138" spans="14:14">
      <c r="N485138" s="10"/>
    </row>
    <row r="485139" spans="14:14">
      <c r="N485139" s="10"/>
    </row>
    <row r="485140" spans="14:14">
      <c r="N485140" s="10"/>
    </row>
    <row r="485141" spans="14:14">
      <c r="N485141" s="10"/>
    </row>
    <row r="485142" spans="14:14">
      <c r="N485142" s="10"/>
    </row>
    <row r="485143" spans="14:14">
      <c r="N485143" s="10"/>
    </row>
    <row r="485144" spans="14:14">
      <c r="N485144" s="10"/>
    </row>
    <row r="485145" spans="14:14">
      <c r="N485145" s="10"/>
    </row>
    <row r="485146" spans="14:14">
      <c r="N485146" s="10"/>
    </row>
    <row r="485147" spans="14:14">
      <c r="N485147" s="10"/>
    </row>
    <row r="485148" spans="14:14">
      <c r="N485148" s="10"/>
    </row>
    <row r="485149" spans="14:14">
      <c r="N485149" s="10"/>
    </row>
    <row r="485150" spans="14:14">
      <c r="N485150" s="10"/>
    </row>
    <row r="485151" spans="14:14">
      <c r="N485151" s="10"/>
    </row>
    <row r="485152" spans="14:14">
      <c r="N485152" s="10"/>
    </row>
    <row r="485153" spans="14:14">
      <c r="N485153" s="10"/>
    </row>
    <row r="485154" spans="14:14">
      <c r="N485154" s="10"/>
    </row>
    <row r="485155" spans="14:14">
      <c r="N485155" s="10"/>
    </row>
    <row r="485156" spans="14:14">
      <c r="N485156" s="10"/>
    </row>
    <row r="485157" spans="14:14">
      <c r="N485157" s="10"/>
    </row>
    <row r="485158" spans="14:14">
      <c r="N485158" s="10"/>
    </row>
    <row r="485159" spans="14:14">
      <c r="N485159" s="10"/>
    </row>
    <row r="485160" spans="14:14">
      <c r="N485160" s="10"/>
    </row>
    <row r="485161" spans="14:14">
      <c r="N485161" s="10"/>
    </row>
    <row r="485162" spans="14:14">
      <c r="N485162" s="10"/>
    </row>
    <row r="485163" spans="14:14">
      <c r="N485163" s="10"/>
    </row>
    <row r="485164" spans="14:14">
      <c r="N485164" s="10"/>
    </row>
    <row r="485165" spans="14:14">
      <c r="N485165" s="10"/>
    </row>
    <row r="485166" spans="14:14">
      <c r="N485166" s="10"/>
    </row>
    <row r="485167" spans="14:14">
      <c r="N485167" s="10"/>
    </row>
    <row r="485168" spans="14:14">
      <c r="N485168" s="10"/>
    </row>
    <row r="485169" spans="14:14">
      <c r="N485169" s="10"/>
    </row>
    <row r="485170" spans="14:14">
      <c r="N485170" s="10"/>
    </row>
    <row r="485171" spans="14:14">
      <c r="N485171" s="10"/>
    </row>
    <row r="485172" spans="14:14">
      <c r="N485172" s="10"/>
    </row>
    <row r="485173" spans="14:14">
      <c r="N485173" s="10"/>
    </row>
    <row r="485174" spans="14:14">
      <c r="N485174" s="10"/>
    </row>
    <row r="485175" spans="14:14">
      <c r="N485175" s="10"/>
    </row>
    <row r="485176" spans="14:14">
      <c r="N485176" s="10"/>
    </row>
    <row r="485177" spans="14:14">
      <c r="N485177" s="10"/>
    </row>
    <row r="485178" spans="14:14">
      <c r="N485178" s="10"/>
    </row>
    <row r="485179" spans="14:14">
      <c r="N485179" s="10"/>
    </row>
    <row r="485180" spans="14:14">
      <c r="N485180" s="10"/>
    </row>
    <row r="485181" spans="14:14">
      <c r="N485181" s="10"/>
    </row>
    <row r="485182" spans="14:14">
      <c r="N485182" s="10"/>
    </row>
    <row r="485183" spans="14:14">
      <c r="N485183" s="10"/>
    </row>
    <row r="485184" spans="14:14">
      <c r="N485184" s="10"/>
    </row>
    <row r="485185" spans="14:14">
      <c r="N485185" s="10"/>
    </row>
    <row r="485186" spans="14:14">
      <c r="N485186" s="10"/>
    </row>
    <row r="485187" spans="14:14">
      <c r="N485187" s="10"/>
    </row>
    <row r="485188" spans="14:14">
      <c r="N485188" s="10"/>
    </row>
    <row r="485189" spans="14:14">
      <c r="N485189" s="10"/>
    </row>
    <row r="485190" spans="14:14">
      <c r="N485190" s="10"/>
    </row>
    <row r="485191" spans="14:14">
      <c r="N485191" s="10"/>
    </row>
    <row r="485192" spans="14:14">
      <c r="N485192" s="10"/>
    </row>
    <row r="485193" spans="14:14">
      <c r="N485193" s="10"/>
    </row>
    <row r="485194" spans="14:14">
      <c r="N485194" s="10"/>
    </row>
    <row r="485195" spans="14:14">
      <c r="N485195" s="10"/>
    </row>
    <row r="485196" spans="14:14">
      <c r="N485196" s="10"/>
    </row>
    <row r="485197" spans="14:14">
      <c r="N485197" s="10"/>
    </row>
    <row r="485198" spans="14:14">
      <c r="N485198" s="10"/>
    </row>
    <row r="485199" spans="14:14">
      <c r="N485199" s="10"/>
    </row>
    <row r="485200" spans="14:14">
      <c r="N485200" s="10"/>
    </row>
    <row r="485201" spans="14:14">
      <c r="N485201" s="10"/>
    </row>
    <row r="485202" spans="14:14">
      <c r="N485202" s="10"/>
    </row>
    <row r="485203" spans="14:14">
      <c r="N485203" s="10"/>
    </row>
    <row r="485204" spans="14:14">
      <c r="N485204" s="10"/>
    </row>
    <row r="485205" spans="14:14">
      <c r="N485205" s="10"/>
    </row>
    <row r="485206" spans="14:14">
      <c r="N485206" s="10"/>
    </row>
    <row r="485207" spans="14:14">
      <c r="N485207" s="10"/>
    </row>
    <row r="485208" spans="14:14">
      <c r="N485208" s="10"/>
    </row>
    <row r="485209" spans="14:14">
      <c r="N485209" s="10"/>
    </row>
    <row r="485210" spans="14:14">
      <c r="N485210" s="10"/>
    </row>
    <row r="485211" spans="14:14">
      <c r="N485211" s="10"/>
    </row>
    <row r="485212" spans="14:14">
      <c r="N485212" s="10"/>
    </row>
    <row r="485213" spans="14:14">
      <c r="N485213" s="10"/>
    </row>
    <row r="485214" spans="14:14">
      <c r="N485214" s="10"/>
    </row>
    <row r="485215" spans="14:14">
      <c r="N485215" s="10"/>
    </row>
    <row r="485216" spans="14:14">
      <c r="N485216" s="10"/>
    </row>
    <row r="485217" spans="14:14">
      <c r="N485217" s="10"/>
    </row>
    <row r="485218" spans="14:14">
      <c r="N485218" s="10"/>
    </row>
    <row r="485219" spans="14:14">
      <c r="N485219" s="10"/>
    </row>
    <row r="485220" spans="14:14">
      <c r="N485220" s="10"/>
    </row>
    <row r="485221" spans="14:14">
      <c r="N485221" s="10"/>
    </row>
    <row r="485222" spans="14:14">
      <c r="N485222" s="10"/>
    </row>
    <row r="485223" spans="14:14">
      <c r="N485223" s="10"/>
    </row>
    <row r="485224" spans="14:14">
      <c r="N485224" s="10"/>
    </row>
    <row r="485225" spans="14:14">
      <c r="N485225" s="10"/>
    </row>
    <row r="485226" spans="14:14">
      <c r="N485226" s="10"/>
    </row>
    <row r="485227" spans="14:14">
      <c r="N485227" s="10"/>
    </row>
    <row r="485228" spans="14:14">
      <c r="N485228" s="10"/>
    </row>
    <row r="485229" spans="14:14">
      <c r="N485229" s="10"/>
    </row>
    <row r="485230" spans="14:14">
      <c r="N485230" s="10"/>
    </row>
    <row r="485231" spans="14:14">
      <c r="N485231" s="10"/>
    </row>
    <row r="485232" spans="14:14">
      <c r="N485232" s="10"/>
    </row>
    <row r="485233" spans="14:14">
      <c r="N485233" s="10"/>
    </row>
    <row r="485234" spans="14:14">
      <c r="N485234" s="10"/>
    </row>
    <row r="485235" spans="14:14">
      <c r="N485235" s="10"/>
    </row>
    <row r="485236" spans="14:14">
      <c r="N485236" s="10"/>
    </row>
    <row r="485237" spans="14:14">
      <c r="N485237" s="10"/>
    </row>
    <row r="485238" spans="14:14">
      <c r="N485238" s="10"/>
    </row>
    <row r="485239" spans="14:14">
      <c r="N485239" s="10"/>
    </row>
    <row r="485240" spans="14:14">
      <c r="N485240" s="10"/>
    </row>
    <row r="485241" spans="14:14">
      <c r="N485241" s="10"/>
    </row>
    <row r="485242" spans="14:14">
      <c r="N485242" s="10"/>
    </row>
    <row r="485243" spans="14:14">
      <c r="N485243" s="10"/>
    </row>
    <row r="485244" spans="14:14">
      <c r="N485244" s="10"/>
    </row>
    <row r="485245" spans="14:14">
      <c r="N485245" s="10"/>
    </row>
    <row r="485246" spans="14:14">
      <c r="N485246" s="10"/>
    </row>
    <row r="485247" spans="14:14">
      <c r="N485247" s="10"/>
    </row>
    <row r="485248" spans="14:14">
      <c r="N485248" s="10"/>
    </row>
    <row r="485249" spans="14:14">
      <c r="N485249" s="10"/>
    </row>
    <row r="485250" spans="14:14">
      <c r="N485250" s="10"/>
    </row>
    <row r="485251" spans="14:14">
      <c r="N485251" s="10"/>
    </row>
    <row r="485252" spans="14:14">
      <c r="N485252" s="10"/>
    </row>
    <row r="485253" spans="14:14">
      <c r="N485253" s="10"/>
    </row>
    <row r="485254" spans="14:14">
      <c r="N485254" s="10"/>
    </row>
    <row r="485255" spans="14:14">
      <c r="N485255" s="10"/>
    </row>
    <row r="485256" spans="14:14">
      <c r="N485256" s="10"/>
    </row>
    <row r="485257" spans="14:14">
      <c r="N485257" s="10"/>
    </row>
    <row r="485258" spans="14:14">
      <c r="N485258" s="10"/>
    </row>
    <row r="485259" spans="14:14">
      <c r="N485259" s="10"/>
    </row>
    <row r="485260" spans="14:14">
      <c r="N485260" s="10"/>
    </row>
    <row r="485261" spans="14:14">
      <c r="N485261" s="10"/>
    </row>
    <row r="485262" spans="14:14">
      <c r="N485262" s="10"/>
    </row>
    <row r="485263" spans="14:14">
      <c r="N485263" s="10"/>
    </row>
    <row r="485264" spans="14:14">
      <c r="N485264" s="10"/>
    </row>
    <row r="485265" spans="14:14">
      <c r="N485265" s="10"/>
    </row>
    <row r="485266" spans="14:14">
      <c r="N485266" s="10"/>
    </row>
    <row r="485267" spans="14:14">
      <c r="N485267" s="10"/>
    </row>
    <row r="485268" spans="14:14">
      <c r="N485268" s="10"/>
    </row>
    <row r="485269" spans="14:14">
      <c r="N485269" s="10"/>
    </row>
    <row r="485270" spans="14:14">
      <c r="N485270" s="10"/>
    </row>
    <row r="485271" spans="14:14">
      <c r="N485271" s="10"/>
    </row>
    <row r="485272" spans="14:14">
      <c r="N485272" s="10"/>
    </row>
    <row r="485273" spans="14:14">
      <c r="N485273" s="10"/>
    </row>
    <row r="485274" spans="14:14">
      <c r="N485274" s="10"/>
    </row>
    <row r="485275" spans="14:14">
      <c r="N485275" s="10"/>
    </row>
    <row r="485276" spans="14:14">
      <c r="N485276" s="10"/>
    </row>
    <row r="485277" spans="14:14">
      <c r="N485277" s="10"/>
    </row>
    <row r="485278" spans="14:14">
      <c r="N485278" s="10"/>
    </row>
    <row r="485279" spans="14:14">
      <c r="N485279" s="10"/>
    </row>
    <row r="485280" spans="14:14">
      <c r="N485280" s="10"/>
    </row>
    <row r="485281" spans="14:14">
      <c r="N485281" s="10"/>
    </row>
    <row r="485282" spans="14:14">
      <c r="N485282" s="10"/>
    </row>
    <row r="485283" spans="14:14">
      <c r="N485283" s="10"/>
    </row>
    <row r="485284" spans="14:14">
      <c r="N485284" s="10"/>
    </row>
    <row r="485285" spans="14:14">
      <c r="N485285" s="10"/>
    </row>
    <row r="485286" spans="14:14">
      <c r="N485286" s="10"/>
    </row>
    <row r="485287" spans="14:14">
      <c r="N485287" s="10"/>
    </row>
    <row r="485288" spans="14:14">
      <c r="N485288" s="10"/>
    </row>
    <row r="485289" spans="14:14">
      <c r="N485289" s="10"/>
    </row>
    <row r="485290" spans="14:14">
      <c r="N485290" s="10"/>
    </row>
    <row r="485291" spans="14:14">
      <c r="N485291" s="10"/>
    </row>
    <row r="485292" spans="14:14">
      <c r="N485292" s="10"/>
    </row>
    <row r="485293" spans="14:14">
      <c r="N485293" s="10"/>
    </row>
    <row r="485294" spans="14:14">
      <c r="N485294" s="10"/>
    </row>
    <row r="485295" spans="14:14">
      <c r="N485295" s="10"/>
    </row>
    <row r="485296" spans="14:14">
      <c r="N485296" s="10"/>
    </row>
    <row r="485297" spans="14:14">
      <c r="N485297" s="10"/>
    </row>
    <row r="485298" spans="14:14">
      <c r="N485298" s="10"/>
    </row>
    <row r="485299" spans="14:14">
      <c r="N485299" s="10"/>
    </row>
    <row r="485300" spans="14:14">
      <c r="N485300" s="10"/>
    </row>
    <row r="485301" spans="14:14">
      <c r="N485301" s="10"/>
    </row>
    <row r="485302" spans="14:14">
      <c r="N485302" s="10"/>
    </row>
    <row r="485303" spans="14:14">
      <c r="N485303" s="10"/>
    </row>
    <row r="485304" spans="14:14">
      <c r="N485304" s="10"/>
    </row>
    <row r="485305" spans="14:14">
      <c r="N485305" s="10"/>
    </row>
    <row r="485306" spans="14:14">
      <c r="N485306" s="10"/>
    </row>
    <row r="485307" spans="14:14">
      <c r="N485307" s="10"/>
    </row>
    <row r="485308" spans="14:14">
      <c r="N485308" s="10"/>
    </row>
    <row r="485309" spans="14:14">
      <c r="N485309" s="10"/>
    </row>
    <row r="485310" spans="14:14">
      <c r="N485310" s="10"/>
    </row>
    <row r="485311" spans="14:14">
      <c r="N485311" s="10"/>
    </row>
    <row r="485312" spans="14:14">
      <c r="N485312" s="10"/>
    </row>
    <row r="485313" spans="14:14">
      <c r="N485313" s="10"/>
    </row>
    <row r="485314" spans="14:14">
      <c r="N485314" s="10"/>
    </row>
    <row r="485315" spans="14:14">
      <c r="N485315" s="10"/>
    </row>
    <row r="485316" spans="14:14">
      <c r="N485316" s="10"/>
    </row>
    <row r="485317" spans="14:14">
      <c r="N485317" s="10"/>
    </row>
    <row r="485318" spans="14:14">
      <c r="N485318" s="10"/>
    </row>
    <row r="485319" spans="14:14">
      <c r="N485319" s="10"/>
    </row>
    <row r="485320" spans="14:14">
      <c r="N485320" s="10"/>
    </row>
    <row r="485321" spans="14:14">
      <c r="N485321" s="10"/>
    </row>
    <row r="485322" spans="14:14">
      <c r="N485322" s="10"/>
    </row>
    <row r="485323" spans="14:14">
      <c r="N485323" s="10"/>
    </row>
    <row r="485324" spans="14:14">
      <c r="N485324" s="10"/>
    </row>
    <row r="485325" spans="14:14">
      <c r="N485325" s="10"/>
    </row>
    <row r="485326" spans="14:14">
      <c r="N485326" s="10"/>
    </row>
    <row r="485327" spans="14:14">
      <c r="N485327" s="10"/>
    </row>
    <row r="485328" spans="14:14">
      <c r="N485328" s="10"/>
    </row>
    <row r="485329" spans="14:14">
      <c r="N485329" s="10"/>
    </row>
    <row r="485330" spans="14:14">
      <c r="N485330" s="10"/>
    </row>
    <row r="485331" spans="14:14">
      <c r="N485331" s="10"/>
    </row>
    <row r="485332" spans="14:14">
      <c r="N485332" s="10"/>
    </row>
    <row r="485333" spans="14:14">
      <c r="N485333" s="10"/>
    </row>
    <row r="485334" spans="14:14">
      <c r="N485334" s="10"/>
    </row>
    <row r="485335" spans="14:14">
      <c r="N485335" s="10"/>
    </row>
    <row r="485336" spans="14:14">
      <c r="N485336" s="10"/>
    </row>
    <row r="485337" spans="14:14">
      <c r="N485337" s="10"/>
    </row>
    <row r="485338" spans="14:14">
      <c r="N485338" s="10"/>
    </row>
    <row r="485339" spans="14:14">
      <c r="N485339" s="10"/>
    </row>
    <row r="485340" spans="14:14">
      <c r="N485340" s="10"/>
    </row>
    <row r="485341" spans="14:14">
      <c r="N485341" s="10"/>
    </row>
    <row r="485342" spans="14:14">
      <c r="N485342" s="10"/>
    </row>
    <row r="485343" spans="14:14">
      <c r="N485343" s="10"/>
    </row>
    <row r="485344" spans="14:14">
      <c r="N485344" s="10"/>
    </row>
    <row r="485345" spans="14:14">
      <c r="N485345" s="10"/>
    </row>
    <row r="485346" spans="14:14">
      <c r="N485346" s="10"/>
    </row>
    <row r="485347" spans="14:14">
      <c r="N485347" s="10"/>
    </row>
    <row r="485348" spans="14:14">
      <c r="N485348" s="10"/>
    </row>
    <row r="485349" spans="14:14">
      <c r="N485349" s="10"/>
    </row>
    <row r="485350" spans="14:14">
      <c r="N485350" s="10"/>
    </row>
    <row r="485351" spans="14:14">
      <c r="N485351" s="10"/>
    </row>
    <row r="485352" spans="14:14">
      <c r="N485352" s="10"/>
    </row>
    <row r="485353" spans="14:14">
      <c r="N485353" s="10"/>
    </row>
    <row r="485354" spans="14:14">
      <c r="N485354" s="10"/>
    </row>
    <row r="485355" spans="14:14">
      <c r="N485355" s="10"/>
    </row>
    <row r="485356" spans="14:14">
      <c r="N485356" s="10"/>
    </row>
    <row r="485357" spans="14:14">
      <c r="N485357" s="10"/>
    </row>
    <row r="485358" spans="14:14">
      <c r="N485358" s="10"/>
    </row>
    <row r="485359" spans="14:14">
      <c r="N485359" s="10"/>
    </row>
    <row r="485360" spans="14:14">
      <c r="N485360" s="10"/>
    </row>
    <row r="485361" spans="14:14">
      <c r="N485361" s="10"/>
    </row>
    <row r="485362" spans="14:14">
      <c r="N485362" s="10"/>
    </row>
    <row r="485363" spans="14:14">
      <c r="N485363" s="10"/>
    </row>
    <row r="485364" spans="14:14">
      <c r="N485364" s="10"/>
    </row>
    <row r="485365" spans="14:14">
      <c r="N485365" s="10"/>
    </row>
    <row r="485366" spans="14:14">
      <c r="N485366" s="10"/>
    </row>
    <row r="485367" spans="14:14">
      <c r="N485367" s="10"/>
    </row>
    <row r="485368" spans="14:14">
      <c r="N485368" s="10"/>
    </row>
    <row r="485369" spans="14:14">
      <c r="N485369" s="10"/>
    </row>
    <row r="485370" spans="14:14">
      <c r="N485370" s="10"/>
    </row>
    <row r="485371" spans="14:14">
      <c r="N485371" s="10"/>
    </row>
    <row r="485372" spans="14:14">
      <c r="N485372" s="10"/>
    </row>
    <row r="485373" spans="14:14">
      <c r="N485373" s="10"/>
    </row>
    <row r="485374" spans="14:14">
      <c r="N485374" s="10"/>
    </row>
    <row r="485375" spans="14:14">
      <c r="N485375" s="10"/>
    </row>
    <row r="485376" spans="14:14">
      <c r="N485376" s="10"/>
    </row>
    <row r="485377" spans="14:14">
      <c r="N485377" s="10"/>
    </row>
    <row r="485378" spans="14:14">
      <c r="N485378" s="10"/>
    </row>
    <row r="485379" spans="14:14">
      <c r="N485379" s="10"/>
    </row>
    <row r="485380" spans="14:14">
      <c r="N485380" s="10"/>
    </row>
    <row r="485381" spans="14:14">
      <c r="N485381" s="10"/>
    </row>
    <row r="485382" spans="14:14">
      <c r="N485382" s="10"/>
    </row>
    <row r="485383" spans="14:14">
      <c r="N485383" s="10"/>
    </row>
    <row r="485384" spans="14:14">
      <c r="N485384" s="10"/>
    </row>
    <row r="485385" spans="14:14">
      <c r="N485385" s="10"/>
    </row>
    <row r="485386" spans="14:14">
      <c r="N485386" s="10"/>
    </row>
    <row r="485387" spans="14:14">
      <c r="N485387" s="10"/>
    </row>
    <row r="485388" spans="14:14">
      <c r="N485388" s="10"/>
    </row>
    <row r="485389" spans="14:14">
      <c r="N485389" s="10"/>
    </row>
    <row r="485390" spans="14:14">
      <c r="N485390" s="10"/>
    </row>
    <row r="485391" spans="14:14">
      <c r="N485391" s="10"/>
    </row>
    <row r="485392" spans="14:14">
      <c r="N485392" s="10"/>
    </row>
    <row r="485393" spans="14:14">
      <c r="N485393" s="10"/>
    </row>
    <row r="485394" spans="14:14">
      <c r="N485394" s="10"/>
    </row>
    <row r="485395" spans="14:14">
      <c r="N485395" s="10"/>
    </row>
    <row r="485396" spans="14:14">
      <c r="N485396" s="10"/>
    </row>
    <row r="485397" spans="14:14">
      <c r="N485397" s="10"/>
    </row>
    <row r="485398" spans="14:14">
      <c r="N485398" s="10"/>
    </row>
    <row r="485399" spans="14:14">
      <c r="N485399" s="10"/>
    </row>
    <row r="485400" spans="14:14">
      <c r="N485400" s="10"/>
    </row>
    <row r="485401" spans="14:14">
      <c r="N485401" s="10"/>
    </row>
    <row r="485402" spans="14:14">
      <c r="N485402" s="10"/>
    </row>
    <row r="485403" spans="14:14">
      <c r="N485403" s="10"/>
    </row>
    <row r="485404" spans="14:14">
      <c r="N485404" s="10"/>
    </row>
    <row r="485405" spans="14:14">
      <c r="N485405" s="10"/>
    </row>
    <row r="485406" spans="14:14">
      <c r="N485406" s="10"/>
    </row>
    <row r="485407" spans="14:14">
      <c r="N485407" s="10"/>
    </row>
    <row r="485408" spans="14:14">
      <c r="N485408" s="10"/>
    </row>
    <row r="485409" spans="14:14">
      <c r="N485409" s="10"/>
    </row>
    <row r="485410" spans="14:14">
      <c r="N485410" s="10"/>
    </row>
    <row r="485411" spans="14:14">
      <c r="N485411" s="10"/>
    </row>
    <row r="485412" spans="14:14">
      <c r="N485412" s="10"/>
    </row>
    <row r="485413" spans="14:14">
      <c r="N485413" s="10"/>
    </row>
    <row r="485414" spans="14:14">
      <c r="N485414" s="10"/>
    </row>
    <row r="485415" spans="14:14">
      <c r="N485415" s="10"/>
    </row>
    <row r="485416" spans="14:14">
      <c r="N485416" s="10"/>
    </row>
    <row r="485417" spans="14:14">
      <c r="N485417" s="10"/>
    </row>
    <row r="485418" spans="14:14">
      <c r="N485418" s="10"/>
    </row>
    <row r="485419" spans="14:14">
      <c r="N485419" s="10"/>
    </row>
    <row r="485420" spans="14:14">
      <c r="N485420" s="10"/>
    </row>
    <row r="485421" spans="14:14">
      <c r="N485421" s="10"/>
    </row>
    <row r="485422" spans="14:14">
      <c r="N485422" s="10"/>
    </row>
    <row r="485423" spans="14:14">
      <c r="N485423" s="10"/>
    </row>
    <row r="485424" spans="14:14">
      <c r="N485424" s="10"/>
    </row>
    <row r="485425" spans="14:14">
      <c r="N485425" s="10"/>
    </row>
    <row r="485426" spans="14:14">
      <c r="N485426" s="10"/>
    </row>
    <row r="485427" spans="14:14">
      <c r="N485427" s="10"/>
    </row>
    <row r="485428" spans="14:14">
      <c r="N485428" s="10"/>
    </row>
    <row r="485429" spans="14:14">
      <c r="N485429" s="10"/>
    </row>
    <row r="485430" spans="14:14">
      <c r="N485430" s="10"/>
    </row>
    <row r="485431" spans="14:14">
      <c r="N485431" s="10"/>
    </row>
    <row r="485432" spans="14:14">
      <c r="N485432" s="10"/>
    </row>
    <row r="485433" spans="14:14">
      <c r="N485433" s="10"/>
    </row>
    <row r="485434" spans="14:14">
      <c r="N485434" s="10"/>
    </row>
    <row r="485435" spans="14:14">
      <c r="N485435" s="10"/>
    </row>
    <row r="485436" spans="14:14">
      <c r="N485436" s="10"/>
    </row>
    <row r="485437" spans="14:14">
      <c r="N485437" s="10"/>
    </row>
    <row r="485438" spans="14:14">
      <c r="N485438" s="10"/>
    </row>
    <row r="485439" spans="14:14">
      <c r="N485439" s="10"/>
    </row>
    <row r="485440" spans="14:14">
      <c r="N485440" s="10"/>
    </row>
    <row r="485441" spans="14:14">
      <c r="N485441" s="10"/>
    </row>
    <row r="485442" spans="14:14">
      <c r="N485442" s="10"/>
    </row>
    <row r="485443" spans="14:14">
      <c r="N485443" s="10"/>
    </row>
    <row r="485444" spans="14:14">
      <c r="N485444" s="10"/>
    </row>
    <row r="485445" spans="14:14">
      <c r="N485445" s="10"/>
    </row>
    <row r="485446" spans="14:14">
      <c r="N485446" s="10"/>
    </row>
    <row r="485447" spans="14:14">
      <c r="N485447" s="10"/>
    </row>
    <row r="485448" spans="14:14">
      <c r="N485448" s="10"/>
    </row>
    <row r="485449" spans="14:14">
      <c r="N485449" s="10"/>
    </row>
    <row r="485450" spans="14:14">
      <c r="N485450" s="10"/>
    </row>
    <row r="485451" spans="14:14">
      <c r="N485451" s="10"/>
    </row>
    <row r="485452" spans="14:14">
      <c r="N485452" s="10"/>
    </row>
    <row r="485453" spans="14:14">
      <c r="N485453" s="10"/>
    </row>
    <row r="485454" spans="14:14">
      <c r="N485454" s="10"/>
    </row>
    <row r="485455" spans="14:14">
      <c r="N485455" s="10"/>
    </row>
    <row r="485456" spans="14:14">
      <c r="N485456" s="10"/>
    </row>
    <row r="485457" spans="14:14">
      <c r="N485457" s="10"/>
    </row>
    <row r="485458" spans="14:14">
      <c r="N485458" s="10"/>
    </row>
    <row r="485459" spans="14:14">
      <c r="N485459" s="10"/>
    </row>
    <row r="485460" spans="14:14">
      <c r="N485460" s="10"/>
    </row>
    <row r="485461" spans="14:14">
      <c r="N485461" s="10"/>
    </row>
    <row r="485462" spans="14:14">
      <c r="N485462" s="10"/>
    </row>
    <row r="485463" spans="14:14">
      <c r="N485463" s="10"/>
    </row>
    <row r="485464" spans="14:14">
      <c r="N485464" s="10"/>
    </row>
    <row r="485465" spans="14:14">
      <c r="N485465" s="10"/>
    </row>
    <row r="485466" spans="14:14">
      <c r="N485466" s="10"/>
    </row>
    <row r="485467" spans="14:14">
      <c r="N485467" s="10"/>
    </row>
    <row r="485468" spans="14:14">
      <c r="N485468" s="10"/>
    </row>
    <row r="485469" spans="14:14">
      <c r="N485469" s="10"/>
    </row>
    <row r="485470" spans="14:14">
      <c r="N485470" s="10"/>
    </row>
    <row r="485471" spans="14:14">
      <c r="N485471" s="10"/>
    </row>
    <row r="485472" spans="14:14">
      <c r="N485472" s="10"/>
    </row>
    <row r="485473" spans="14:14">
      <c r="N485473" s="10"/>
    </row>
    <row r="485474" spans="14:14">
      <c r="N485474" s="10"/>
    </row>
    <row r="485475" spans="14:14">
      <c r="N485475" s="10"/>
    </row>
    <row r="485476" spans="14:14">
      <c r="N485476" s="10"/>
    </row>
    <row r="485477" spans="14:14">
      <c r="N485477" s="10"/>
    </row>
    <row r="485478" spans="14:14">
      <c r="N485478" s="10"/>
    </row>
    <row r="485479" spans="14:14">
      <c r="N485479" s="10"/>
    </row>
    <row r="485480" spans="14:14">
      <c r="N485480" s="10"/>
    </row>
    <row r="485481" spans="14:14">
      <c r="N485481" s="10"/>
    </row>
    <row r="485482" spans="14:14">
      <c r="N485482" s="10"/>
    </row>
    <row r="485483" spans="14:14">
      <c r="N485483" s="10"/>
    </row>
    <row r="485484" spans="14:14">
      <c r="N485484" s="10"/>
    </row>
    <row r="485485" spans="14:14">
      <c r="N485485" s="10"/>
    </row>
    <row r="485486" spans="14:14">
      <c r="N485486" s="10"/>
    </row>
    <row r="485487" spans="14:14">
      <c r="N485487" s="10"/>
    </row>
    <row r="485488" spans="14:14">
      <c r="N485488" s="10"/>
    </row>
    <row r="485489" spans="14:14">
      <c r="N485489" s="10"/>
    </row>
    <row r="485490" spans="14:14">
      <c r="N485490" s="10"/>
    </row>
    <row r="485491" spans="14:14">
      <c r="N485491" s="10"/>
    </row>
    <row r="485492" spans="14:14">
      <c r="N485492" s="10"/>
    </row>
    <row r="485493" spans="14:14">
      <c r="N485493" s="10"/>
    </row>
    <row r="485494" spans="14:14">
      <c r="N485494" s="10"/>
    </row>
    <row r="485495" spans="14:14">
      <c r="N485495" s="10"/>
    </row>
    <row r="485496" spans="14:14">
      <c r="N485496" s="10"/>
    </row>
    <row r="485497" spans="14:14">
      <c r="N485497" s="10"/>
    </row>
    <row r="485498" spans="14:14">
      <c r="N485498" s="10"/>
    </row>
    <row r="485499" spans="14:14">
      <c r="N485499" s="10"/>
    </row>
    <row r="485500" spans="14:14">
      <c r="N485500" s="10"/>
    </row>
    <row r="485501" spans="14:14">
      <c r="N485501" s="10"/>
    </row>
    <row r="485502" spans="14:14">
      <c r="N485502" s="10"/>
    </row>
    <row r="485503" spans="14:14">
      <c r="N485503" s="10"/>
    </row>
    <row r="485504" spans="14:14">
      <c r="N485504" s="10"/>
    </row>
    <row r="485505" spans="14:14">
      <c r="N485505" s="10"/>
    </row>
    <row r="485506" spans="14:14">
      <c r="N485506" s="10"/>
    </row>
    <row r="485507" spans="14:14">
      <c r="N485507" s="10"/>
    </row>
    <row r="485508" spans="14:14">
      <c r="N485508" s="10"/>
    </row>
    <row r="485509" spans="14:14">
      <c r="N485509" s="10"/>
    </row>
    <row r="485510" spans="14:14">
      <c r="N485510" s="10"/>
    </row>
    <row r="485511" spans="14:14">
      <c r="N485511" s="10"/>
    </row>
    <row r="485512" spans="14:14">
      <c r="N485512" s="10"/>
    </row>
    <row r="485513" spans="14:14">
      <c r="N485513" s="10"/>
    </row>
    <row r="485514" spans="14:14">
      <c r="N485514" s="10"/>
    </row>
    <row r="485515" spans="14:14">
      <c r="N485515" s="10"/>
    </row>
    <row r="485516" spans="14:14">
      <c r="N485516" s="10"/>
    </row>
    <row r="485517" spans="14:14">
      <c r="N485517" s="10"/>
    </row>
    <row r="485518" spans="14:14">
      <c r="N485518" s="10"/>
    </row>
    <row r="485519" spans="14:14">
      <c r="N485519" s="10"/>
    </row>
    <row r="485520" spans="14:14">
      <c r="N485520" s="10"/>
    </row>
    <row r="485521" spans="14:14">
      <c r="N485521" s="10"/>
    </row>
    <row r="485522" spans="14:14">
      <c r="N485522" s="10"/>
    </row>
    <row r="485523" spans="14:14">
      <c r="N485523" s="10"/>
    </row>
    <row r="485524" spans="14:14">
      <c r="N485524" s="10"/>
    </row>
    <row r="485525" spans="14:14">
      <c r="N485525" s="10"/>
    </row>
    <row r="485526" spans="14:14">
      <c r="N485526" s="10"/>
    </row>
    <row r="485527" spans="14:14">
      <c r="N485527" s="10"/>
    </row>
    <row r="485528" spans="14:14">
      <c r="N485528" s="10"/>
    </row>
    <row r="485529" spans="14:14">
      <c r="N485529" s="10"/>
    </row>
    <row r="485530" spans="14:14">
      <c r="N485530" s="10"/>
    </row>
    <row r="485531" spans="14:14">
      <c r="N485531" s="10"/>
    </row>
    <row r="485532" spans="14:14">
      <c r="N485532" s="10"/>
    </row>
    <row r="485533" spans="14:14">
      <c r="N485533" s="10"/>
    </row>
    <row r="485534" spans="14:14">
      <c r="N485534" s="10"/>
    </row>
    <row r="485535" spans="14:14">
      <c r="N485535" s="10"/>
    </row>
    <row r="485536" spans="14:14">
      <c r="N485536" s="10"/>
    </row>
    <row r="485537" spans="14:14">
      <c r="N485537" s="10"/>
    </row>
    <row r="485538" spans="14:14">
      <c r="N485538" s="10"/>
    </row>
    <row r="485539" spans="14:14">
      <c r="N485539" s="10"/>
    </row>
    <row r="485540" spans="14:14">
      <c r="N485540" s="10"/>
    </row>
    <row r="485541" spans="14:14">
      <c r="N485541" s="10"/>
    </row>
    <row r="485542" spans="14:14">
      <c r="N485542" s="10"/>
    </row>
    <row r="485543" spans="14:14">
      <c r="N485543" s="10"/>
    </row>
    <row r="485544" spans="14:14">
      <c r="N485544" s="10"/>
    </row>
    <row r="485545" spans="14:14">
      <c r="N485545" s="10"/>
    </row>
    <row r="485546" spans="14:14">
      <c r="N485546" s="10"/>
    </row>
    <row r="485547" spans="14:14">
      <c r="N485547" s="10"/>
    </row>
    <row r="485548" spans="14:14">
      <c r="N485548" s="10"/>
    </row>
    <row r="485549" spans="14:14">
      <c r="N485549" s="10"/>
    </row>
    <row r="485550" spans="14:14">
      <c r="N485550" s="10"/>
    </row>
    <row r="485551" spans="14:14">
      <c r="N485551" s="10"/>
    </row>
    <row r="485552" spans="14:14">
      <c r="N485552" s="10"/>
    </row>
    <row r="485553" spans="14:14">
      <c r="N485553" s="10"/>
    </row>
    <row r="485554" spans="14:14">
      <c r="N485554" s="10"/>
    </row>
    <row r="485555" spans="14:14">
      <c r="N485555" s="10"/>
    </row>
    <row r="485556" spans="14:14">
      <c r="N485556" s="10"/>
    </row>
    <row r="485557" spans="14:14">
      <c r="N485557" s="10"/>
    </row>
    <row r="485558" spans="14:14">
      <c r="N485558" s="10"/>
    </row>
    <row r="485559" spans="14:14">
      <c r="N485559" s="10"/>
    </row>
    <row r="485560" spans="14:14">
      <c r="N485560" s="10"/>
    </row>
    <row r="485561" spans="14:14">
      <c r="N485561" s="10"/>
    </row>
    <row r="485562" spans="14:14">
      <c r="N485562" s="10"/>
    </row>
    <row r="485563" spans="14:14">
      <c r="N485563" s="10"/>
    </row>
    <row r="485564" spans="14:14">
      <c r="N485564" s="10"/>
    </row>
    <row r="485565" spans="14:14">
      <c r="N485565" s="10"/>
    </row>
    <row r="485566" spans="14:14">
      <c r="N485566" s="10"/>
    </row>
    <row r="485567" spans="14:14">
      <c r="N485567" s="10"/>
    </row>
    <row r="485568" spans="14:14">
      <c r="N485568" s="10"/>
    </row>
    <row r="485569" spans="14:14">
      <c r="N485569" s="10"/>
    </row>
    <row r="485570" spans="14:14">
      <c r="N485570" s="10"/>
    </row>
    <row r="485571" spans="14:14">
      <c r="N485571" s="10"/>
    </row>
    <row r="485572" spans="14:14">
      <c r="N485572" s="10"/>
    </row>
    <row r="485573" spans="14:14">
      <c r="N485573" s="10"/>
    </row>
    <row r="485574" spans="14:14">
      <c r="N485574" s="10"/>
    </row>
    <row r="485575" spans="14:14">
      <c r="N485575" s="10"/>
    </row>
    <row r="485576" spans="14:14">
      <c r="N485576" s="10"/>
    </row>
    <row r="485577" spans="14:14">
      <c r="N485577" s="10"/>
    </row>
    <row r="485578" spans="14:14">
      <c r="N485578" s="10"/>
    </row>
    <row r="485579" spans="14:14">
      <c r="N485579" s="10"/>
    </row>
    <row r="485580" spans="14:14">
      <c r="N485580" s="10"/>
    </row>
    <row r="485581" spans="14:14">
      <c r="N485581" s="10"/>
    </row>
    <row r="485582" spans="14:14">
      <c r="N485582" s="10"/>
    </row>
    <row r="485583" spans="14:14">
      <c r="N485583" s="10"/>
    </row>
    <row r="485584" spans="14:14">
      <c r="N485584" s="10"/>
    </row>
    <row r="485585" spans="14:14">
      <c r="N485585" s="10"/>
    </row>
    <row r="485586" spans="14:14">
      <c r="N485586" s="10"/>
    </row>
    <row r="485587" spans="14:14">
      <c r="N485587" s="10"/>
    </row>
    <row r="485588" spans="14:14">
      <c r="N485588" s="10"/>
    </row>
    <row r="485589" spans="14:14">
      <c r="N485589" s="10"/>
    </row>
    <row r="485590" spans="14:14">
      <c r="N485590" s="10"/>
    </row>
    <row r="485591" spans="14:14">
      <c r="N485591" s="10"/>
    </row>
    <row r="485592" spans="14:14">
      <c r="N485592" s="10"/>
    </row>
    <row r="485593" spans="14:14">
      <c r="N485593" s="10"/>
    </row>
    <row r="485594" spans="14:14">
      <c r="N485594" s="10"/>
    </row>
    <row r="485595" spans="14:14">
      <c r="N485595" s="10"/>
    </row>
    <row r="485596" spans="14:14">
      <c r="N485596" s="10"/>
    </row>
    <row r="485597" spans="14:14">
      <c r="N485597" s="10"/>
    </row>
    <row r="485598" spans="14:14">
      <c r="N485598" s="10"/>
    </row>
    <row r="485599" spans="14:14">
      <c r="N485599" s="10"/>
    </row>
    <row r="485600" spans="14:14">
      <c r="N485600" s="10"/>
    </row>
    <row r="485601" spans="14:14">
      <c r="N485601" s="10"/>
    </row>
    <row r="485602" spans="14:14">
      <c r="N485602" s="10"/>
    </row>
    <row r="485603" spans="14:14">
      <c r="N485603" s="10"/>
    </row>
    <row r="485604" spans="14:14">
      <c r="N485604" s="10"/>
    </row>
    <row r="485605" spans="14:14">
      <c r="N485605" s="10"/>
    </row>
    <row r="485606" spans="14:14">
      <c r="N485606" s="10"/>
    </row>
    <row r="485607" spans="14:14">
      <c r="N485607" s="10"/>
    </row>
    <row r="485608" spans="14:14">
      <c r="N485608" s="10"/>
    </row>
    <row r="485609" spans="14:14">
      <c r="N485609" s="10"/>
    </row>
    <row r="485610" spans="14:14">
      <c r="N485610" s="10"/>
    </row>
    <row r="485611" spans="14:14">
      <c r="N485611" s="10"/>
    </row>
    <row r="485612" spans="14:14">
      <c r="N485612" s="10"/>
    </row>
    <row r="485613" spans="14:14">
      <c r="N485613" s="10"/>
    </row>
    <row r="485614" spans="14:14">
      <c r="N485614" s="10"/>
    </row>
    <row r="485615" spans="14:14">
      <c r="N485615" s="10"/>
    </row>
    <row r="485616" spans="14:14">
      <c r="N485616" s="10"/>
    </row>
    <row r="485617" spans="14:14">
      <c r="N485617" s="10"/>
    </row>
    <row r="485618" spans="14:14">
      <c r="N485618" s="10"/>
    </row>
    <row r="485619" spans="14:14">
      <c r="N485619" s="10"/>
    </row>
    <row r="485620" spans="14:14">
      <c r="N485620" s="10"/>
    </row>
    <row r="485621" spans="14:14">
      <c r="N485621" s="10"/>
    </row>
    <row r="485622" spans="14:14">
      <c r="N485622" s="10"/>
    </row>
    <row r="485623" spans="14:14">
      <c r="N485623" s="10"/>
    </row>
    <row r="485624" spans="14:14">
      <c r="N485624" s="10"/>
    </row>
    <row r="485625" spans="14:14">
      <c r="N485625" s="10"/>
    </row>
    <row r="485626" spans="14:14">
      <c r="N485626" s="10"/>
    </row>
    <row r="485627" spans="14:14">
      <c r="N485627" s="10"/>
    </row>
    <row r="485628" spans="14:14">
      <c r="N485628" s="10"/>
    </row>
    <row r="485629" spans="14:14">
      <c r="N485629" s="10"/>
    </row>
    <row r="485630" spans="14:14">
      <c r="N485630" s="10"/>
    </row>
    <row r="485631" spans="14:14">
      <c r="N485631" s="10"/>
    </row>
    <row r="485632" spans="14:14">
      <c r="N485632" s="10"/>
    </row>
    <row r="485633" spans="14:14">
      <c r="N485633" s="10"/>
    </row>
    <row r="485634" spans="14:14">
      <c r="N485634" s="10"/>
    </row>
    <row r="485635" spans="14:14">
      <c r="N485635" s="10"/>
    </row>
    <row r="485636" spans="14:14">
      <c r="N485636" s="10"/>
    </row>
    <row r="485637" spans="14:14">
      <c r="N485637" s="10"/>
    </row>
    <row r="485638" spans="14:14">
      <c r="N485638" s="10"/>
    </row>
    <row r="485639" spans="14:14">
      <c r="N485639" s="10"/>
    </row>
    <row r="485640" spans="14:14">
      <c r="N485640" s="10"/>
    </row>
    <row r="485641" spans="14:14">
      <c r="N485641" s="10"/>
    </row>
    <row r="485642" spans="14:14">
      <c r="N485642" s="10"/>
    </row>
    <row r="485643" spans="14:14">
      <c r="N485643" s="10"/>
    </row>
    <row r="485644" spans="14:14">
      <c r="N485644" s="10"/>
    </row>
    <row r="485645" spans="14:14">
      <c r="N485645" s="10"/>
    </row>
    <row r="485646" spans="14:14">
      <c r="N485646" s="10"/>
    </row>
    <row r="485647" spans="14:14">
      <c r="N485647" s="10"/>
    </row>
    <row r="485648" spans="14:14">
      <c r="N485648" s="10"/>
    </row>
    <row r="485649" spans="14:14">
      <c r="N485649" s="10"/>
    </row>
    <row r="485650" spans="14:14">
      <c r="N485650" s="10"/>
    </row>
    <row r="485651" spans="14:14">
      <c r="N485651" s="10"/>
    </row>
    <row r="485652" spans="14:14">
      <c r="N485652" s="10"/>
    </row>
    <row r="485653" spans="14:14">
      <c r="N485653" s="10"/>
    </row>
    <row r="485654" spans="14:14">
      <c r="N485654" s="10"/>
    </row>
    <row r="485655" spans="14:14">
      <c r="N485655" s="10"/>
    </row>
    <row r="485656" spans="14:14">
      <c r="N485656" s="10"/>
    </row>
    <row r="485657" spans="14:14">
      <c r="N485657" s="10"/>
    </row>
    <row r="485658" spans="14:14">
      <c r="N485658" s="10"/>
    </row>
    <row r="485659" spans="14:14">
      <c r="N485659" s="10"/>
    </row>
    <row r="485660" spans="14:14">
      <c r="N485660" s="10"/>
    </row>
    <row r="485661" spans="14:14">
      <c r="N485661" s="10"/>
    </row>
    <row r="485662" spans="14:14">
      <c r="N485662" s="10"/>
    </row>
    <row r="485663" spans="14:14">
      <c r="N485663" s="10"/>
    </row>
    <row r="485664" spans="14:14">
      <c r="N485664" s="10"/>
    </row>
    <row r="485665" spans="14:14">
      <c r="N485665" s="10"/>
    </row>
    <row r="485666" spans="14:14">
      <c r="N485666" s="10"/>
    </row>
    <row r="485667" spans="14:14">
      <c r="N485667" s="10"/>
    </row>
    <row r="485668" spans="14:14">
      <c r="N485668" s="10"/>
    </row>
    <row r="485669" spans="14:14">
      <c r="N485669" s="10"/>
    </row>
    <row r="485670" spans="14:14">
      <c r="N485670" s="10"/>
    </row>
    <row r="485671" spans="14:14">
      <c r="N485671" s="10"/>
    </row>
    <row r="485672" spans="14:14">
      <c r="N485672" s="10"/>
    </row>
    <row r="485673" spans="14:14">
      <c r="N485673" s="10"/>
    </row>
    <row r="485674" spans="14:14">
      <c r="N485674" s="10"/>
    </row>
    <row r="485675" spans="14:14">
      <c r="N485675" s="10"/>
    </row>
    <row r="485676" spans="14:14">
      <c r="N485676" s="10"/>
    </row>
    <row r="485677" spans="14:14">
      <c r="N485677" s="10"/>
    </row>
    <row r="485678" spans="14:14">
      <c r="N485678" s="10"/>
    </row>
    <row r="485679" spans="14:14">
      <c r="N485679" s="10"/>
    </row>
    <row r="485680" spans="14:14">
      <c r="N485680" s="10"/>
    </row>
    <row r="485681" spans="14:14">
      <c r="N485681" s="10"/>
    </row>
    <row r="485682" spans="14:14">
      <c r="N485682" s="10"/>
    </row>
    <row r="485683" spans="14:14">
      <c r="N485683" s="10"/>
    </row>
    <row r="485684" spans="14:14">
      <c r="N485684" s="10"/>
    </row>
    <row r="485685" spans="14:14">
      <c r="N485685" s="10"/>
    </row>
    <row r="485686" spans="14:14">
      <c r="N485686" s="10"/>
    </row>
    <row r="485687" spans="14:14">
      <c r="N485687" s="10"/>
    </row>
    <row r="485688" spans="14:14">
      <c r="N485688" s="10"/>
    </row>
    <row r="485689" spans="14:14">
      <c r="N485689" s="10"/>
    </row>
    <row r="485690" spans="14:14">
      <c r="N485690" s="10"/>
    </row>
    <row r="485691" spans="14:14">
      <c r="N485691" s="10"/>
    </row>
    <row r="485692" spans="14:14">
      <c r="N485692" s="10"/>
    </row>
    <row r="485693" spans="14:14">
      <c r="N485693" s="10"/>
    </row>
    <row r="485694" spans="14:14">
      <c r="N485694" s="10"/>
    </row>
    <row r="485695" spans="14:14">
      <c r="N485695" s="10"/>
    </row>
    <row r="485696" spans="14:14">
      <c r="N485696" s="10"/>
    </row>
    <row r="485697" spans="14:14">
      <c r="N485697" s="10"/>
    </row>
    <row r="485698" spans="14:14">
      <c r="N485698" s="10"/>
    </row>
    <row r="485699" spans="14:14">
      <c r="N485699" s="10"/>
    </row>
    <row r="485700" spans="14:14">
      <c r="N485700" s="10"/>
    </row>
    <row r="485701" spans="14:14">
      <c r="N485701" s="10"/>
    </row>
    <row r="485702" spans="14:14">
      <c r="N485702" s="10"/>
    </row>
    <row r="485703" spans="14:14">
      <c r="N485703" s="10"/>
    </row>
    <row r="485704" spans="14:14">
      <c r="N485704" s="10"/>
    </row>
    <row r="485705" spans="14:14">
      <c r="N485705" s="10"/>
    </row>
    <row r="485706" spans="14:14">
      <c r="N485706" s="10"/>
    </row>
    <row r="485707" spans="14:14">
      <c r="N485707" s="10"/>
    </row>
    <row r="485708" spans="14:14">
      <c r="N485708" s="10"/>
    </row>
    <row r="485709" spans="14:14">
      <c r="N485709" s="10"/>
    </row>
    <row r="485710" spans="14:14">
      <c r="N485710" s="10"/>
    </row>
    <row r="485711" spans="14:14">
      <c r="N485711" s="10"/>
    </row>
    <row r="485712" spans="14:14">
      <c r="N485712" s="10"/>
    </row>
    <row r="485713" spans="14:14">
      <c r="N485713" s="10"/>
    </row>
    <row r="485714" spans="14:14">
      <c r="N485714" s="10"/>
    </row>
    <row r="485715" spans="14:14">
      <c r="N485715" s="10"/>
    </row>
    <row r="485716" spans="14:14">
      <c r="N485716" s="10"/>
    </row>
    <row r="485717" spans="14:14">
      <c r="N485717" s="10"/>
    </row>
    <row r="485718" spans="14:14">
      <c r="N485718" s="10"/>
    </row>
    <row r="485719" spans="14:14">
      <c r="N485719" s="10"/>
    </row>
    <row r="485720" spans="14:14">
      <c r="N485720" s="10"/>
    </row>
    <row r="485721" spans="14:14">
      <c r="N485721" s="10"/>
    </row>
    <row r="485722" spans="14:14">
      <c r="N485722" s="10"/>
    </row>
    <row r="485723" spans="14:14">
      <c r="N485723" s="10"/>
    </row>
    <row r="485724" spans="14:14">
      <c r="N485724" s="10"/>
    </row>
    <row r="485725" spans="14:14">
      <c r="N485725" s="10"/>
    </row>
    <row r="485726" spans="14:14">
      <c r="N485726" s="10"/>
    </row>
    <row r="485727" spans="14:14">
      <c r="N485727" s="10"/>
    </row>
    <row r="485728" spans="14:14">
      <c r="N485728" s="10"/>
    </row>
    <row r="485729" spans="14:14">
      <c r="N485729" s="10"/>
    </row>
    <row r="485730" spans="14:14">
      <c r="N485730" s="10"/>
    </row>
    <row r="485731" spans="14:14">
      <c r="N485731" s="10"/>
    </row>
    <row r="485732" spans="14:14">
      <c r="N485732" s="10"/>
    </row>
    <row r="485733" spans="14:14">
      <c r="N485733" s="10"/>
    </row>
    <row r="485734" spans="14:14">
      <c r="N485734" s="10"/>
    </row>
    <row r="485735" spans="14:14">
      <c r="N485735" s="10"/>
    </row>
    <row r="485736" spans="14:14">
      <c r="N485736" s="10"/>
    </row>
    <row r="485737" spans="14:14">
      <c r="N485737" s="10"/>
    </row>
    <row r="485738" spans="14:14">
      <c r="N485738" s="10"/>
    </row>
    <row r="485739" spans="14:14">
      <c r="N485739" s="10"/>
    </row>
    <row r="485740" spans="14:14">
      <c r="N485740" s="10"/>
    </row>
    <row r="485741" spans="14:14">
      <c r="N485741" s="10"/>
    </row>
    <row r="485742" spans="14:14">
      <c r="N485742" s="10"/>
    </row>
    <row r="485743" spans="14:14">
      <c r="N485743" s="10"/>
    </row>
    <row r="485744" spans="14:14">
      <c r="N485744" s="10"/>
    </row>
    <row r="485745" spans="14:14">
      <c r="N485745" s="10"/>
    </row>
    <row r="485746" spans="14:14">
      <c r="N485746" s="10"/>
    </row>
    <row r="485747" spans="14:14">
      <c r="N485747" s="10"/>
    </row>
    <row r="485748" spans="14:14">
      <c r="N485748" s="10"/>
    </row>
    <row r="485749" spans="14:14">
      <c r="N485749" s="10"/>
    </row>
    <row r="485750" spans="14:14">
      <c r="N485750" s="10"/>
    </row>
    <row r="485751" spans="14:14">
      <c r="N485751" s="10"/>
    </row>
    <row r="485752" spans="14:14">
      <c r="N485752" s="10"/>
    </row>
    <row r="485753" spans="14:14">
      <c r="N485753" s="10"/>
    </row>
    <row r="485754" spans="14:14">
      <c r="N485754" s="10"/>
    </row>
    <row r="485755" spans="14:14">
      <c r="N485755" s="10"/>
    </row>
    <row r="485756" spans="14:14">
      <c r="N485756" s="10"/>
    </row>
    <row r="485757" spans="14:14">
      <c r="N485757" s="10"/>
    </row>
    <row r="485758" spans="14:14">
      <c r="N485758" s="10"/>
    </row>
    <row r="485759" spans="14:14">
      <c r="N485759" s="10"/>
    </row>
    <row r="485760" spans="14:14">
      <c r="N485760" s="10"/>
    </row>
    <row r="485761" spans="14:14">
      <c r="N485761" s="10"/>
    </row>
    <row r="485762" spans="14:14">
      <c r="N485762" s="10"/>
    </row>
    <row r="485763" spans="14:14">
      <c r="N485763" s="10"/>
    </row>
    <row r="485764" spans="14:14">
      <c r="N485764" s="10"/>
    </row>
    <row r="485765" spans="14:14">
      <c r="N485765" s="10"/>
    </row>
    <row r="485766" spans="14:14">
      <c r="N485766" s="10"/>
    </row>
    <row r="485767" spans="14:14">
      <c r="N485767" s="10"/>
    </row>
    <row r="485768" spans="14:14">
      <c r="N485768" s="10"/>
    </row>
    <row r="485769" spans="14:14">
      <c r="N485769" s="10"/>
    </row>
    <row r="485770" spans="14:14">
      <c r="N485770" s="10"/>
    </row>
    <row r="485771" spans="14:14">
      <c r="N485771" s="10"/>
    </row>
    <row r="485772" spans="14:14">
      <c r="N485772" s="10"/>
    </row>
    <row r="485773" spans="14:14">
      <c r="N485773" s="10"/>
    </row>
    <row r="485774" spans="14:14">
      <c r="N485774" s="10"/>
    </row>
    <row r="485775" spans="14:14">
      <c r="N485775" s="10"/>
    </row>
    <row r="485776" spans="14:14">
      <c r="N485776" s="10"/>
    </row>
    <row r="485777" spans="14:14">
      <c r="N485777" s="10"/>
    </row>
    <row r="485778" spans="14:14">
      <c r="N485778" s="10"/>
    </row>
    <row r="485779" spans="14:14">
      <c r="N485779" s="10"/>
    </row>
    <row r="485780" spans="14:14">
      <c r="N485780" s="10"/>
    </row>
    <row r="485781" spans="14:14">
      <c r="N485781" s="10"/>
    </row>
    <row r="485782" spans="14:14">
      <c r="N485782" s="10"/>
    </row>
    <row r="485783" spans="14:14">
      <c r="N485783" s="10"/>
    </row>
    <row r="485784" spans="14:14">
      <c r="N485784" s="10"/>
    </row>
    <row r="485785" spans="14:14">
      <c r="N485785" s="10"/>
    </row>
    <row r="485786" spans="14:14">
      <c r="N485786" s="10"/>
    </row>
    <row r="485787" spans="14:14">
      <c r="N485787" s="10"/>
    </row>
    <row r="485788" spans="14:14">
      <c r="N485788" s="10"/>
    </row>
    <row r="485789" spans="14:14">
      <c r="N485789" s="10"/>
    </row>
    <row r="485790" spans="14:14">
      <c r="N485790" s="10"/>
    </row>
    <row r="485791" spans="14:14">
      <c r="N485791" s="10"/>
    </row>
    <row r="485792" spans="14:14">
      <c r="N485792" s="10"/>
    </row>
    <row r="485793" spans="14:14">
      <c r="N485793" s="10"/>
    </row>
    <row r="485794" spans="14:14">
      <c r="N485794" s="10"/>
    </row>
    <row r="485795" spans="14:14">
      <c r="N485795" s="10"/>
    </row>
    <row r="485796" spans="14:14">
      <c r="N485796" s="10"/>
    </row>
    <row r="485797" spans="14:14">
      <c r="N485797" s="10"/>
    </row>
    <row r="485798" spans="14:14">
      <c r="N485798" s="10"/>
    </row>
    <row r="485799" spans="14:14">
      <c r="N485799" s="10"/>
    </row>
    <row r="485800" spans="14:14">
      <c r="N485800" s="10"/>
    </row>
    <row r="485801" spans="14:14">
      <c r="N485801" s="10"/>
    </row>
    <row r="485802" spans="14:14">
      <c r="N485802" s="10"/>
    </row>
    <row r="485803" spans="14:14">
      <c r="N485803" s="10"/>
    </row>
    <row r="485804" spans="14:14">
      <c r="N485804" s="10"/>
    </row>
    <row r="485805" spans="14:14">
      <c r="N485805" s="10"/>
    </row>
    <row r="485806" spans="14:14">
      <c r="N485806" s="10"/>
    </row>
    <row r="485807" spans="14:14">
      <c r="N485807" s="10"/>
    </row>
    <row r="485808" spans="14:14">
      <c r="N485808" s="10"/>
    </row>
    <row r="485809" spans="14:14">
      <c r="N485809" s="10"/>
    </row>
    <row r="485810" spans="14:14">
      <c r="N485810" s="10"/>
    </row>
    <row r="485811" spans="14:14">
      <c r="N485811" s="10"/>
    </row>
    <row r="485812" spans="14:14">
      <c r="N485812" s="10"/>
    </row>
    <row r="485813" spans="14:14">
      <c r="N485813" s="10"/>
    </row>
    <row r="485814" spans="14:14">
      <c r="N485814" s="10"/>
    </row>
    <row r="485815" spans="14:14">
      <c r="N485815" s="10"/>
    </row>
    <row r="485816" spans="14:14">
      <c r="N485816" s="10"/>
    </row>
    <row r="485817" spans="14:14">
      <c r="N485817" s="10"/>
    </row>
    <row r="485818" spans="14:14">
      <c r="N485818" s="10"/>
    </row>
    <row r="485819" spans="14:14">
      <c r="N485819" s="10"/>
    </row>
    <row r="485820" spans="14:14">
      <c r="N485820" s="10"/>
    </row>
    <row r="485821" spans="14:14">
      <c r="N485821" s="10"/>
    </row>
    <row r="485822" spans="14:14">
      <c r="N485822" s="10"/>
    </row>
    <row r="485823" spans="14:14">
      <c r="N485823" s="10"/>
    </row>
    <row r="485824" spans="14:14">
      <c r="N485824" s="10"/>
    </row>
    <row r="485825" spans="14:14">
      <c r="N485825" s="10"/>
    </row>
    <row r="485826" spans="14:14">
      <c r="N485826" s="10"/>
    </row>
    <row r="485827" spans="14:14">
      <c r="N485827" s="10"/>
    </row>
    <row r="485828" spans="14:14">
      <c r="N485828" s="10"/>
    </row>
    <row r="485829" spans="14:14">
      <c r="N485829" s="10"/>
    </row>
    <row r="485830" spans="14:14">
      <c r="N485830" s="10"/>
    </row>
    <row r="485831" spans="14:14">
      <c r="N485831" s="10"/>
    </row>
    <row r="485832" spans="14:14">
      <c r="N485832" s="10"/>
    </row>
    <row r="485833" spans="14:14">
      <c r="N485833" s="10"/>
    </row>
    <row r="485834" spans="14:14">
      <c r="N485834" s="10"/>
    </row>
    <row r="485835" spans="14:14">
      <c r="N485835" s="10"/>
    </row>
    <row r="485836" spans="14:14">
      <c r="N485836" s="10"/>
    </row>
    <row r="485837" spans="14:14">
      <c r="N485837" s="10"/>
    </row>
    <row r="485838" spans="14:14">
      <c r="N485838" s="10"/>
    </row>
    <row r="485839" spans="14:14">
      <c r="N485839" s="10"/>
    </row>
    <row r="485840" spans="14:14">
      <c r="N485840" s="10"/>
    </row>
    <row r="485841" spans="14:14">
      <c r="N485841" s="10"/>
    </row>
    <row r="485842" spans="14:14">
      <c r="N485842" s="10"/>
    </row>
    <row r="485843" spans="14:14">
      <c r="N485843" s="10"/>
    </row>
    <row r="485844" spans="14:14">
      <c r="N485844" s="10"/>
    </row>
    <row r="485845" spans="14:14">
      <c r="N485845" s="10"/>
    </row>
    <row r="485846" spans="14:14">
      <c r="N485846" s="10"/>
    </row>
    <row r="485847" spans="14:14">
      <c r="N485847" s="10"/>
    </row>
    <row r="485848" spans="14:14">
      <c r="N485848" s="10"/>
    </row>
    <row r="485849" spans="14:14">
      <c r="N485849" s="10"/>
    </row>
    <row r="485850" spans="14:14">
      <c r="N485850" s="10"/>
    </row>
    <row r="485851" spans="14:14">
      <c r="N485851" s="10"/>
    </row>
    <row r="485852" spans="14:14">
      <c r="N485852" s="10"/>
    </row>
    <row r="485853" spans="14:14">
      <c r="N485853" s="10"/>
    </row>
    <row r="485854" spans="14:14">
      <c r="N485854" s="10"/>
    </row>
    <row r="485855" spans="14:14">
      <c r="N485855" s="10"/>
    </row>
    <row r="485856" spans="14:14">
      <c r="N485856" s="10"/>
    </row>
    <row r="485857" spans="14:14">
      <c r="N485857" s="10"/>
    </row>
    <row r="485858" spans="14:14">
      <c r="N485858" s="10"/>
    </row>
    <row r="485859" spans="14:14">
      <c r="N485859" s="10"/>
    </row>
    <row r="485860" spans="14:14">
      <c r="N485860" s="10"/>
    </row>
    <row r="485861" spans="14:14">
      <c r="N485861" s="10"/>
    </row>
    <row r="485862" spans="14:14">
      <c r="N485862" s="10"/>
    </row>
    <row r="485863" spans="14:14">
      <c r="N485863" s="10"/>
    </row>
    <row r="485864" spans="14:14">
      <c r="N485864" s="10"/>
    </row>
    <row r="485865" spans="14:14">
      <c r="N485865" s="10"/>
    </row>
    <row r="485866" spans="14:14">
      <c r="N485866" s="10"/>
    </row>
    <row r="485867" spans="14:14">
      <c r="N485867" s="10"/>
    </row>
    <row r="485868" spans="14:14">
      <c r="N485868" s="10"/>
    </row>
    <row r="485869" spans="14:14">
      <c r="N485869" s="10"/>
    </row>
    <row r="485870" spans="14:14">
      <c r="N485870" s="10"/>
    </row>
    <row r="485871" spans="14:14">
      <c r="N485871" s="10"/>
    </row>
    <row r="485872" spans="14:14">
      <c r="N485872" s="10"/>
    </row>
    <row r="485873" spans="14:14">
      <c r="N485873" s="10"/>
    </row>
    <row r="485874" spans="14:14">
      <c r="N485874" s="10"/>
    </row>
    <row r="485875" spans="14:14">
      <c r="N485875" s="10"/>
    </row>
    <row r="485876" spans="14:14">
      <c r="N485876" s="10"/>
    </row>
    <row r="485877" spans="14:14">
      <c r="N485877" s="10"/>
    </row>
    <row r="485878" spans="14:14">
      <c r="N485878" s="10"/>
    </row>
    <row r="485879" spans="14:14">
      <c r="N485879" s="10"/>
    </row>
    <row r="485880" spans="14:14">
      <c r="N485880" s="10"/>
    </row>
    <row r="485881" spans="14:14">
      <c r="N485881" s="10"/>
    </row>
    <row r="485882" spans="14:14">
      <c r="N485882" s="10"/>
    </row>
    <row r="485883" spans="14:14">
      <c r="N485883" s="10"/>
    </row>
    <row r="485884" spans="14:14">
      <c r="N485884" s="10"/>
    </row>
    <row r="485885" spans="14:14">
      <c r="N485885" s="10"/>
    </row>
    <row r="485886" spans="14:14">
      <c r="N485886" s="10"/>
    </row>
    <row r="485887" spans="14:14">
      <c r="N485887" s="10"/>
    </row>
    <row r="485888" spans="14:14">
      <c r="N485888" s="10"/>
    </row>
    <row r="485889" spans="14:14">
      <c r="N485889" s="10"/>
    </row>
    <row r="485890" spans="14:14">
      <c r="N485890" s="10"/>
    </row>
    <row r="485891" spans="14:14">
      <c r="N485891" s="10"/>
    </row>
    <row r="485892" spans="14:14">
      <c r="N485892" s="10"/>
    </row>
    <row r="485893" spans="14:14">
      <c r="N485893" s="10"/>
    </row>
    <row r="485894" spans="14:14">
      <c r="N485894" s="10"/>
    </row>
    <row r="485895" spans="14:14">
      <c r="N485895" s="10"/>
    </row>
    <row r="485896" spans="14:14">
      <c r="N485896" s="10"/>
    </row>
    <row r="485897" spans="14:14">
      <c r="N485897" s="10"/>
    </row>
    <row r="485898" spans="14:14">
      <c r="N485898" s="10"/>
    </row>
    <row r="485899" spans="14:14">
      <c r="N485899" s="10"/>
    </row>
    <row r="485900" spans="14:14">
      <c r="N485900" s="10"/>
    </row>
    <row r="485901" spans="14:14">
      <c r="N485901" s="10"/>
    </row>
    <row r="485902" spans="14:14">
      <c r="N485902" s="10"/>
    </row>
    <row r="485903" spans="14:14">
      <c r="N485903" s="10"/>
    </row>
    <row r="485904" spans="14:14">
      <c r="N485904" s="10"/>
    </row>
    <row r="485905" spans="14:14">
      <c r="N485905" s="10"/>
    </row>
    <row r="485906" spans="14:14">
      <c r="N485906" s="10"/>
    </row>
    <row r="485907" spans="14:14">
      <c r="N485907" s="10"/>
    </row>
    <row r="485908" spans="14:14">
      <c r="N485908" s="10"/>
    </row>
    <row r="485909" spans="14:14">
      <c r="N485909" s="10"/>
    </row>
    <row r="485910" spans="14:14">
      <c r="N485910" s="10"/>
    </row>
    <row r="485911" spans="14:14">
      <c r="N485911" s="10"/>
    </row>
    <row r="485912" spans="14:14">
      <c r="N485912" s="10"/>
    </row>
    <row r="485913" spans="14:14">
      <c r="N485913" s="10"/>
    </row>
    <row r="485914" spans="14:14">
      <c r="N485914" s="10"/>
    </row>
    <row r="485915" spans="14:14">
      <c r="N485915" s="10"/>
    </row>
    <row r="485916" spans="14:14">
      <c r="N485916" s="10"/>
    </row>
    <row r="485917" spans="14:14">
      <c r="N485917" s="10"/>
    </row>
    <row r="485918" spans="14:14">
      <c r="N485918" s="10"/>
    </row>
    <row r="485919" spans="14:14">
      <c r="N485919" s="10"/>
    </row>
    <row r="485920" spans="14:14">
      <c r="N485920" s="10"/>
    </row>
    <row r="485921" spans="14:14">
      <c r="N485921" s="10"/>
    </row>
    <row r="485922" spans="14:14">
      <c r="N485922" s="10"/>
    </row>
    <row r="485923" spans="14:14">
      <c r="N485923" s="10"/>
    </row>
    <row r="485924" spans="14:14">
      <c r="N485924" s="10"/>
    </row>
    <row r="485925" spans="14:14">
      <c r="N485925" s="10"/>
    </row>
    <row r="485926" spans="14:14">
      <c r="N485926" s="10"/>
    </row>
    <row r="485927" spans="14:14">
      <c r="N485927" s="10"/>
    </row>
    <row r="485928" spans="14:14">
      <c r="N485928" s="10"/>
    </row>
    <row r="485929" spans="14:14">
      <c r="N485929" s="10"/>
    </row>
    <row r="485930" spans="14:14">
      <c r="N485930" s="10"/>
    </row>
    <row r="485931" spans="14:14">
      <c r="N485931" s="10"/>
    </row>
    <row r="485932" spans="14:14">
      <c r="N485932" s="10"/>
    </row>
    <row r="485933" spans="14:14">
      <c r="N485933" s="10"/>
    </row>
    <row r="485934" spans="14:14">
      <c r="N485934" s="10"/>
    </row>
    <row r="485935" spans="14:14">
      <c r="N485935" s="10"/>
    </row>
    <row r="485936" spans="14:14">
      <c r="N485936" s="10"/>
    </row>
    <row r="485937" spans="14:14">
      <c r="N485937" s="10"/>
    </row>
    <row r="485938" spans="14:14">
      <c r="N485938" s="10"/>
    </row>
    <row r="485939" spans="14:14">
      <c r="N485939" s="10"/>
    </row>
    <row r="485940" spans="14:14">
      <c r="N485940" s="10"/>
    </row>
    <row r="485941" spans="14:14">
      <c r="N485941" s="10"/>
    </row>
    <row r="485942" spans="14:14">
      <c r="N485942" s="10"/>
    </row>
    <row r="485943" spans="14:14">
      <c r="N485943" s="10"/>
    </row>
    <row r="485944" spans="14:14">
      <c r="N485944" s="10"/>
    </row>
    <row r="485945" spans="14:14">
      <c r="N485945" s="10"/>
    </row>
    <row r="485946" spans="14:14">
      <c r="N485946" s="10"/>
    </row>
    <row r="485947" spans="14:14">
      <c r="N485947" s="10"/>
    </row>
    <row r="485948" spans="14:14">
      <c r="N485948" s="10"/>
    </row>
    <row r="485949" spans="14:14">
      <c r="N485949" s="10"/>
    </row>
    <row r="485950" spans="14:14">
      <c r="N485950" s="10"/>
    </row>
    <row r="485951" spans="14:14">
      <c r="N485951" s="10"/>
    </row>
    <row r="485952" spans="14:14">
      <c r="N485952" s="10"/>
    </row>
    <row r="485953" spans="14:14">
      <c r="N485953" s="10"/>
    </row>
    <row r="485954" spans="14:14">
      <c r="N485954" s="10"/>
    </row>
    <row r="485955" spans="14:14">
      <c r="N485955" s="10"/>
    </row>
    <row r="485956" spans="14:14">
      <c r="N485956" s="10"/>
    </row>
    <row r="485957" spans="14:14">
      <c r="N485957" s="10"/>
    </row>
    <row r="485958" spans="14:14">
      <c r="N485958" s="10"/>
    </row>
    <row r="485959" spans="14:14">
      <c r="N485959" s="10"/>
    </row>
    <row r="485960" spans="14:14">
      <c r="N485960" s="10"/>
    </row>
    <row r="485961" spans="14:14">
      <c r="N485961" s="10"/>
    </row>
    <row r="485962" spans="14:14">
      <c r="N485962" s="10"/>
    </row>
    <row r="485963" spans="14:14">
      <c r="N485963" s="10"/>
    </row>
    <row r="485964" spans="14:14">
      <c r="N485964" s="10"/>
    </row>
    <row r="485965" spans="14:14">
      <c r="N485965" s="10"/>
    </row>
    <row r="485966" spans="14:14">
      <c r="N485966" s="10"/>
    </row>
    <row r="485967" spans="14:14">
      <c r="N485967" s="10"/>
    </row>
    <row r="485968" spans="14:14">
      <c r="N485968" s="10"/>
    </row>
    <row r="485969" spans="14:14">
      <c r="N485969" s="10"/>
    </row>
    <row r="485970" spans="14:14">
      <c r="N485970" s="10"/>
    </row>
    <row r="485971" spans="14:14">
      <c r="N485971" s="10"/>
    </row>
    <row r="485972" spans="14:14">
      <c r="N485972" s="10"/>
    </row>
    <row r="485973" spans="14:14">
      <c r="N485973" s="10"/>
    </row>
    <row r="485974" spans="14:14">
      <c r="N485974" s="10"/>
    </row>
    <row r="485975" spans="14:14">
      <c r="N485975" s="10"/>
    </row>
    <row r="485976" spans="14:14">
      <c r="N485976" s="10"/>
    </row>
    <row r="485977" spans="14:14">
      <c r="N485977" s="10"/>
    </row>
    <row r="485978" spans="14:14">
      <c r="N485978" s="10"/>
    </row>
    <row r="485979" spans="14:14">
      <c r="N485979" s="10"/>
    </row>
    <row r="485980" spans="14:14">
      <c r="N485980" s="10"/>
    </row>
    <row r="485981" spans="14:14">
      <c r="N485981" s="10"/>
    </row>
    <row r="485982" spans="14:14">
      <c r="N485982" s="10"/>
    </row>
    <row r="485983" spans="14:14">
      <c r="N485983" s="10"/>
    </row>
    <row r="485984" spans="14:14">
      <c r="N485984" s="10"/>
    </row>
    <row r="485985" spans="14:14">
      <c r="N485985" s="10"/>
    </row>
    <row r="485986" spans="14:14">
      <c r="N485986" s="10"/>
    </row>
    <row r="485987" spans="14:14">
      <c r="N485987" s="10"/>
    </row>
    <row r="485988" spans="14:14">
      <c r="N485988" s="10"/>
    </row>
    <row r="485989" spans="14:14">
      <c r="N485989" s="10"/>
    </row>
    <row r="485990" spans="14:14">
      <c r="N485990" s="10"/>
    </row>
    <row r="485991" spans="14:14">
      <c r="N485991" s="10"/>
    </row>
    <row r="485992" spans="14:14">
      <c r="N485992" s="10"/>
    </row>
    <row r="485993" spans="14:14">
      <c r="N485993" s="10"/>
    </row>
    <row r="485994" spans="14:14">
      <c r="N485994" s="10"/>
    </row>
    <row r="485995" spans="14:14">
      <c r="N485995" s="10"/>
    </row>
    <row r="485996" spans="14:14">
      <c r="N485996" s="10"/>
    </row>
    <row r="485997" spans="14:14">
      <c r="N485997" s="10"/>
    </row>
    <row r="485998" spans="14:14">
      <c r="N485998" s="10"/>
    </row>
    <row r="485999" spans="14:14">
      <c r="N485999" s="10"/>
    </row>
    <row r="486000" spans="14:14">
      <c r="N486000" s="10"/>
    </row>
    <row r="486001" spans="14:14">
      <c r="N486001" s="10"/>
    </row>
    <row r="486002" spans="14:14">
      <c r="N486002" s="10"/>
    </row>
    <row r="486003" spans="14:14">
      <c r="N486003" s="10"/>
    </row>
    <row r="486004" spans="14:14">
      <c r="N486004" s="10"/>
    </row>
    <row r="486005" spans="14:14">
      <c r="N486005" s="10"/>
    </row>
    <row r="486006" spans="14:14">
      <c r="N486006" s="10"/>
    </row>
    <row r="486007" spans="14:14">
      <c r="N486007" s="10"/>
    </row>
    <row r="486008" spans="14:14">
      <c r="N486008" s="10"/>
    </row>
    <row r="486009" spans="14:14">
      <c r="N486009" s="10"/>
    </row>
    <row r="486010" spans="14:14">
      <c r="N486010" s="10"/>
    </row>
    <row r="486011" spans="14:14">
      <c r="N486011" s="10"/>
    </row>
    <row r="486012" spans="14:14">
      <c r="N486012" s="10"/>
    </row>
    <row r="486013" spans="14:14">
      <c r="N486013" s="10"/>
    </row>
    <row r="486014" spans="14:14">
      <c r="N486014" s="10"/>
    </row>
    <row r="486015" spans="14:14">
      <c r="N486015" s="10"/>
    </row>
    <row r="486016" spans="14:14">
      <c r="N486016" s="10"/>
    </row>
    <row r="486017" spans="14:14">
      <c r="N486017" s="10"/>
    </row>
    <row r="486018" spans="14:14">
      <c r="N486018" s="10"/>
    </row>
    <row r="486019" spans="14:14">
      <c r="N486019" s="10"/>
    </row>
    <row r="486020" spans="14:14">
      <c r="N486020" s="10"/>
    </row>
    <row r="486021" spans="14:14">
      <c r="N486021" s="10"/>
    </row>
    <row r="486022" spans="14:14">
      <c r="N486022" s="10"/>
    </row>
    <row r="486023" spans="14:14">
      <c r="N486023" s="10"/>
    </row>
    <row r="486024" spans="14:14">
      <c r="N486024" s="10"/>
    </row>
    <row r="486025" spans="14:14">
      <c r="N486025" s="10"/>
    </row>
    <row r="486026" spans="14:14">
      <c r="N486026" s="10"/>
    </row>
    <row r="486027" spans="14:14">
      <c r="N486027" s="10"/>
    </row>
    <row r="486028" spans="14:14">
      <c r="N486028" s="10"/>
    </row>
    <row r="486029" spans="14:14">
      <c r="N486029" s="10"/>
    </row>
    <row r="486030" spans="14:14">
      <c r="N486030" s="10"/>
    </row>
    <row r="486031" spans="14:14">
      <c r="N486031" s="10"/>
    </row>
    <row r="486032" spans="14:14">
      <c r="N486032" s="10"/>
    </row>
    <row r="486033" spans="14:14">
      <c r="N486033" s="10"/>
    </row>
    <row r="486034" spans="14:14">
      <c r="N486034" s="10"/>
    </row>
    <row r="486035" spans="14:14">
      <c r="N486035" s="10"/>
    </row>
    <row r="486036" spans="14:14">
      <c r="N486036" s="10"/>
    </row>
    <row r="486037" spans="14:14">
      <c r="N486037" s="10"/>
    </row>
    <row r="486038" spans="14:14">
      <c r="N486038" s="10"/>
    </row>
    <row r="486039" spans="14:14">
      <c r="N486039" s="10"/>
    </row>
    <row r="486040" spans="14:14">
      <c r="N486040" s="10"/>
    </row>
    <row r="486041" spans="14:14">
      <c r="N486041" s="10"/>
    </row>
    <row r="486042" spans="14:14">
      <c r="N486042" s="10"/>
    </row>
    <row r="486043" spans="14:14">
      <c r="N486043" s="10"/>
    </row>
    <row r="486044" spans="14:14">
      <c r="N486044" s="10"/>
    </row>
    <row r="486045" spans="14:14">
      <c r="N486045" s="10"/>
    </row>
    <row r="486046" spans="14:14">
      <c r="N486046" s="10"/>
    </row>
    <row r="486047" spans="14:14">
      <c r="N486047" s="10"/>
    </row>
    <row r="486048" spans="14:14">
      <c r="N486048" s="10"/>
    </row>
    <row r="486049" spans="14:14">
      <c r="N486049" s="10"/>
    </row>
    <row r="486050" spans="14:14">
      <c r="N486050" s="10"/>
    </row>
    <row r="486051" spans="14:14">
      <c r="N486051" s="10"/>
    </row>
    <row r="486052" spans="14:14">
      <c r="N486052" s="10"/>
    </row>
    <row r="486053" spans="14:14">
      <c r="N486053" s="10"/>
    </row>
    <row r="486054" spans="14:14">
      <c r="N486054" s="10"/>
    </row>
    <row r="486055" spans="14:14">
      <c r="N486055" s="10"/>
    </row>
    <row r="486056" spans="14:14">
      <c r="N486056" s="10"/>
    </row>
    <row r="486057" spans="14:14">
      <c r="N486057" s="10"/>
    </row>
    <row r="486058" spans="14:14">
      <c r="N486058" s="10"/>
    </row>
    <row r="486059" spans="14:14">
      <c r="N486059" s="10"/>
    </row>
    <row r="486060" spans="14:14">
      <c r="N486060" s="10"/>
    </row>
    <row r="486061" spans="14:14">
      <c r="N486061" s="10"/>
    </row>
    <row r="486062" spans="14:14">
      <c r="N486062" s="10"/>
    </row>
    <row r="486063" spans="14:14">
      <c r="N486063" s="10"/>
    </row>
    <row r="486064" spans="14:14">
      <c r="N486064" s="10"/>
    </row>
    <row r="486065" spans="14:14">
      <c r="N486065" s="10"/>
    </row>
    <row r="486066" spans="14:14">
      <c r="N486066" s="10"/>
    </row>
    <row r="486067" spans="14:14">
      <c r="N486067" s="10"/>
    </row>
    <row r="486068" spans="14:14">
      <c r="N486068" s="10"/>
    </row>
    <row r="486069" spans="14:14">
      <c r="N486069" s="10"/>
    </row>
    <row r="486070" spans="14:14">
      <c r="N486070" s="10"/>
    </row>
    <row r="486071" spans="14:14">
      <c r="N486071" s="10"/>
    </row>
    <row r="486072" spans="14:14">
      <c r="N486072" s="10"/>
    </row>
    <row r="486073" spans="14:14">
      <c r="N486073" s="10"/>
    </row>
    <row r="486074" spans="14:14">
      <c r="N486074" s="10"/>
    </row>
    <row r="486075" spans="14:14">
      <c r="N486075" s="10"/>
    </row>
    <row r="486076" spans="14:14">
      <c r="N486076" s="10"/>
    </row>
    <row r="486077" spans="14:14">
      <c r="N486077" s="10"/>
    </row>
    <row r="486078" spans="14:14">
      <c r="N486078" s="10"/>
    </row>
    <row r="486079" spans="14:14">
      <c r="N486079" s="10"/>
    </row>
    <row r="486080" spans="14:14">
      <c r="N486080" s="10"/>
    </row>
    <row r="486081" spans="14:14">
      <c r="N486081" s="10"/>
    </row>
    <row r="486082" spans="14:14">
      <c r="N486082" s="10"/>
    </row>
    <row r="486083" spans="14:14">
      <c r="N486083" s="10"/>
    </row>
    <row r="486084" spans="14:14">
      <c r="N486084" s="10"/>
    </row>
    <row r="486085" spans="14:14">
      <c r="N486085" s="10"/>
    </row>
    <row r="486086" spans="14:14">
      <c r="N486086" s="10"/>
    </row>
    <row r="486087" spans="14:14">
      <c r="N486087" s="10"/>
    </row>
    <row r="486088" spans="14:14">
      <c r="N486088" s="10"/>
    </row>
    <row r="486089" spans="14:14">
      <c r="N486089" s="10"/>
    </row>
    <row r="486090" spans="14:14">
      <c r="N486090" s="10"/>
    </row>
    <row r="486091" spans="14:14">
      <c r="N486091" s="10"/>
    </row>
    <row r="486092" spans="14:14">
      <c r="N486092" s="10"/>
    </row>
    <row r="486093" spans="14:14">
      <c r="N486093" s="10"/>
    </row>
    <row r="486094" spans="14:14">
      <c r="N486094" s="10"/>
    </row>
    <row r="486095" spans="14:14">
      <c r="N486095" s="10"/>
    </row>
    <row r="486096" spans="14:14">
      <c r="N486096" s="10"/>
    </row>
    <row r="486097" spans="14:14">
      <c r="N486097" s="10"/>
    </row>
    <row r="486098" spans="14:14">
      <c r="N486098" s="10"/>
    </row>
    <row r="486099" spans="14:14">
      <c r="N486099" s="10"/>
    </row>
    <row r="486100" spans="14:14">
      <c r="N486100" s="10"/>
    </row>
    <row r="486101" spans="14:14">
      <c r="N486101" s="10"/>
    </row>
    <row r="486102" spans="14:14">
      <c r="N486102" s="10"/>
    </row>
    <row r="486103" spans="14:14">
      <c r="N486103" s="10"/>
    </row>
    <row r="486104" spans="14:14">
      <c r="N486104" s="10"/>
    </row>
    <row r="486105" spans="14:14">
      <c r="N486105" s="10"/>
    </row>
    <row r="486106" spans="14:14">
      <c r="N486106" s="10"/>
    </row>
    <row r="486107" spans="14:14">
      <c r="N486107" s="10"/>
    </row>
    <row r="486108" spans="14:14">
      <c r="N486108" s="10"/>
    </row>
    <row r="486109" spans="14:14">
      <c r="N486109" s="10"/>
    </row>
    <row r="486110" spans="14:14">
      <c r="N486110" s="10"/>
    </row>
    <row r="486111" spans="14:14">
      <c r="N486111" s="10"/>
    </row>
    <row r="486112" spans="14:14">
      <c r="N486112" s="10"/>
    </row>
    <row r="486113" spans="14:14">
      <c r="N486113" s="10"/>
    </row>
    <row r="486114" spans="14:14">
      <c r="N486114" s="10"/>
    </row>
    <row r="486115" spans="14:14">
      <c r="N486115" s="10"/>
    </row>
    <row r="486116" spans="14:14">
      <c r="N486116" s="10"/>
    </row>
    <row r="486117" spans="14:14">
      <c r="N486117" s="10"/>
    </row>
    <row r="486118" spans="14:14">
      <c r="N486118" s="10"/>
    </row>
    <row r="486119" spans="14:14">
      <c r="N486119" s="10"/>
    </row>
    <row r="486120" spans="14:14">
      <c r="N486120" s="10"/>
    </row>
    <row r="486121" spans="14:14">
      <c r="N486121" s="10"/>
    </row>
    <row r="486122" spans="14:14">
      <c r="N486122" s="10"/>
    </row>
    <row r="486123" spans="14:14">
      <c r="N486123" s="10"/>
    </row>
    <row r="486124" spans="14:14">
      <c r="N486124" s="10"/>
    </row>
    <row r="486125" spans="14:14">
      <c r="N486125" s="10"/>
    </row>
    <row r="486126" spans="14:14">
      <c r="N486126" s="10"/>
    </row>
    <row r="486127" spans="14:14">
      <c r="N486127" s="10"/>
    </row>
    <row r="486128" spans="14:14">
      <c r="N486128" s="10"/>
    </row>
    <row r="486129" spans="14:14">
      <c r="N486129" s="10"/>
    </row>
    <row r="486130" spans="14:14">
      <c r="N486130" s="10"/>
    </row>
    <row r="486131" spans="14:14">
      <c r="N486131" s="10"/>
    </row>
    <row r="486132" spans="14:14">
      <c r="N486132" s="10"/>
    </row>
    <row r="486133" spans="14:14">
      <c r="N486133" s="10"/>
    </row>
    <row r="486134" spans="14:14">
      <c r="N486134" s="10"/>
    </row>
    <row r="486135" spans="14:14">
      <c r="N486135" s="10"/>
    </row>
    <row r="486136" spans="14:14">
      <c r="N486136" s="10"/>
    </row>
    <row r="486137" spans="14:14">
      <c r="N486137" s="10"/>
    </row>
    <row r="486138" spans="14:14">
      <c r="N486138" s="10"/>
    </row>
    <row r="486139" spans="14:14">
      <c r="N486139" s="10"/>
    </row>
    <row r="486140" spans="14:14">
      <c r="N486140" s="10"/>
    </row>
    <row r="486141" spans="14:14">
      <c r="N486141" s="10"/>
    </row>
    <row r="486142" spans="14:14">
      <c r="N486142" s="10"/>
    </row>
    <row r="486143" spans="14:14">
      <c r="N486143" s="10"/>
    </row>
    <row r="486144" spans="14:14">
      <c r="N486144" s="10"/>
    </row>
    <row r="486145" spans="14:14">
      <c r="N486145" s="10"/>
    </row>
    <row r="486146" spans="14:14">
      <c r="N486146" s="10"/>
    </row>
    <row r="486147" spans="14:14">
      <c r="N486147" s="10"/>
    </row>
    <row r="486148" spans="14:14">
      <c r="N486148" s="10"/>
    </row>
    <row r="486149" spans="14:14">
      <c r="N486149" s="10"/>
    </row>
    <row r="486150" spans="14:14">
      <c r="N486150" s="10"/>
    </row>
    <row r="486151" spans="14:14">
      <c r="N486151" s="10"/>
    </row>
    <row r="486152" spans="14:14">
      <c r="N486152" s="10"/>
    </row>
    <row r="486153" spans="14:14">
      <c r="N486153" s="10"/>
    </row>
    <row r="486154" spans="14:14">
      <c r="N486154" s="10"/>
    </row>
    <row r="486155" spans="14:14">
      <c r="N486155" s="10"/>
    </row>
    <row r="486156" spans="14:14">
      <c r="N486156" s="10"/>
    </row>
    <row r="486157" spans="14:14">
      <c r="N486157" s="10"/>
    </row>
    <row r="486158" spans="14:14">
      <c r="N486158" s="10"/>
    </row>
    <row r="486159" spans="14:14">
      <c r="N486159" s="10"/>
    </row>
    <row r="486160" spans="14:14">
      <c r="N486160" s="10"/>
    </row>
    <row r="486161" spans="14:14">
      <c r="N486161" s="10"/>
    </row>
    <row r="486162" spans="14:14">
      <c r="N486162" s="10"/>
    </row>
    <row r="486163" spans="14:14">
      <c r="N486163" s="10"/>
    </row>
    <row r="486164" spans="14:14">
      <c r="N486164" s="10"/>
    </row>
    <row r="486165" spans="14:14">
      <c r="N486165" s="10"/>
    </row>
    <row r="486166" spans="14:14">
      <c r="N486166" s="10"/>
    </row>
    <row r="486167" spans="14:14">
      <c r="N486167" s="10"/>
    </row>
    <row r="486168" spans="14:14">
      <c r="N486168" s="10"/>
    </row>
    <row r="486169" spans="14:14">
      <c r="N486169" s="10"/>
    </row>
    <row r="486170" spans="14:14">
      <c r="N486170" s="10"/>
    </row>
    <row r="486171" spans="14:14">
      <c r="N486171" s="10"/>
    </row>
    <row r="486172" spans="14:14">
      <c r="N486172" s="10"/>
    </row>
    <row r="486173" spans="14:14">
      <c r="N486173" s="10"/>
    </row>
    <row r="486174" spans="14:14">
      <c r="N486174" s="10"/>
    </row>
    <row r="486175" spans="14:14">
      <c r="N486175" s="10"/>
    </row>
    <row r="486176" spans="14:14">
      <c r="N486176" s="10"/>
    </row>
    <row r="486177" spans="14:14">
      <c r="N486177" s="10"/>
    </row>
    <row r="486178" spans="14:14">
      <c r="N486178" s="10"/>
    </row>
    <row r="486179" spans="14:14">
      <c r="N486179" s="10"/>
    </row>
    <row r="486180" spans="14:14">
      <c r="N486180" s="10"/>
    </row>
    <row r="486181" spans="14:14">
      <c r="N486181" s="10"/>
    </row>
    <row r="486182" spans="14:14">
      <c r="N486182" s="10"/>
    </row>
    <row r="486183" spans="14:14">
      <c r="N486183" s="10"/>
    </row>
    <row r="486184" spans="14:14">
      <c r="N486184" s="10"/>
    </row>
    <row r="486185" spans="14:14">
      <c r="N486185" s="10"/>
    </row>
    <row r="486186" spans="14:14">
      <c r="N486186" s="10"/>
    </row>
    <row r="486187" spans="14:14">
      <c r="N486187" s="10"/>
    </row>
    <row r="486188" spans="14:14">
      <c r="N486188" s="10"/>
    </row>
    <row r="486189" spans="14:14">
      <c r="N486189" s="10"/>
    </row>
    <row r="486190" spans="14:14">
      <c r="N486190" s="10"/>
    </row>
    <row r="486191" spans="14:14">
      <c r="N486191" s="10"/>
    </row>
    <row r="486192" spans="14:14">
      <c r="N486192" s="10"/>
    </row>
    <row r="486193" spans="14:14">
      <c r="N486193" s="10"/>
    </row>
    <row r="486194" spans="14:14">
      <c r="N486194" s="10"/>
    </row>
    <row r="486195" spans="14:14">
      <c r="N486195" s="10"/>
    </row>
    <row r="486196" spans="14:14">
      <c r="N486196" s="10"/>
    </row>
    <row r="486197" spans="14:14">
      <c r="N486197" s="10"/>
    </row>
    <row r="486198" spans="14:14">
      <c r="N486198" s="10"/>
    </row>
    <row r="486199" spans="14:14">
      <c r="N486199" s="10"/>
    </row>
    <row r="486200" spans="14:14">
      <c r="N486200" s="10"/>
    </row>
    <row r="486201" spans="14:14">
      <c r="N486201" s="10"/>
    </row>
    <row r="486202" spans="14:14">
      <c r="N486202" s="10"/>
    </row>
    <row r="486203" spans="14:14">
      <c r="N486203" s="10"/>
    </row>
    <row r="486204" spans="14:14">
      <c r="N486204" s="10"/>
    </row>
    <row r="486205" spans="14:14">
      <c r="N486205" s="10"/>
    </row>
    <row r="486206" spans="14:14">
      <c r="N486206" s="10"/>
    </row>
    <row r="486207" spans="14:14">
      <c r="N486207" s="10"/>
    </row>
    <row r="486208" spans="14:14">
      <c r="N486208" s="10"/>
    </row>
    <row r="486209" spans="14:14">
      <c r="N486209" s="10"/>
    </row>
    <row r="486210" spans="14:14">
      <c r="N486210" s="10"/>
    </row>
    <row r="486211" spans="14:14">
      <c r="N486211" s="10"/>
    </row>
    <row r="486212" spans="14:14">
      <c r="N486212" s="10"/>
    </row>
    <row r="486213" spans="14:14">
      <c r="N486213" s="10"/>
    </row>
    <row r="486214" spans="14:14">
      <c r="N486214" s="10"/>
    </row>
    <row r="486215" spans="14:14">
      <c r="N486215" s="10"/>
    </row>
    <row r="486216" spans="14:14">
      <c r="N486216" s="10"/>
    </row>
    <row r="486217" spans="14:14">
      <c r="N486217" s="10"/>
    </row>
    <row r="486218" spans="14:14">
      <c r="N486218" s="10"/>
    </row>
    <row r="486219" spans="14:14">
      <c r="N486219" s="10"/>
    </row>
    <row r="486220" spans="14:14">
      <c r="N486220" s="10"/>
    </row>
    <row r="486221" spans="14:14">
      <c r="N486221" s="10"/>
    </row>
    <row r="486222" spans="14:14">
      <c r="N486222" s="10"/>
    </row>
    <row r="486223" spans="14:14">
      <c r="N486223" s="10"/>
    </row>
    <row r="486224" spans="14:14">
      <c r="N486224" s="10"/>
    </row>
    <row r="486225" spans="14:14">
      <c r="N486225" s="10"/>
    </row>
    <row r="486226" spans="14:14">
      <c r="N486226" s="10"/>
    </row>
    <row r="486227" spans="14:14">
      <c r="N486227" s="10"/>
    </row>
    <row r="486228" spans="14:14">
      <c r="N486228" s="10"/>
    </row>
    <row r="486229" spans="14:14">
      <c r="N486229" s="10"/>
    </row>
    <row r="486230" spans="14:14">
      <c r="N486230" s="10"/>
    </row>
    <row r="486231" spans="14:14">
      <c r="N486231" s="10"/>
    </row>
    <row r="486232" spans="14:14">
      <c r="N486232" s="10"/>
    </row>
    <row r="486233" spans="14:14">
      <c r="N486233" s="10"/>
    </row>
    <row r="486234" spans="14:14">
      <c r="N486234" s="10"/>
    </row>
    <row r="486235" spans="14:14">
      <c r="N486235" s="10"/>
    </row>
    <row r="486236" spans="14:14">
      <c r="N486236" s="10"/>
    </row>
    <row r="486237" spans="14:14">
      <c r="N486237" s="10"/>
    </row>
    <row r="486238" spans="14:14">
      <c r="N486238" s="10"/>
    </row>
    <row r="486239" spans="14:14">
      <c r="N486239" s="10"/>
    </row>
    <row r="486240" spans="14:14">
      <c r="N486240" s="10"/>
    </row>
    <row r="486241" spans="14:14">
      <c r="N486241" s="10"/>
    </row>
    <row r="486242" spans="14:14">
      <c r="N486242" s="10"/>
    </row>
    <row r="486243" spans="14:14">
      <c r="N486243" s="10"/>
    </row>
    <row r="486244" spans="14:14">
      <c r="N486244" s="10"/>
    </row>
    <row r="486245" spans="14:14">
      <c r="N486245" s="10"/>
    </row>
    <row r="486246" spans="14:14">
      <c r="N486246" s="10"/>
    </row>
    <row r="486247" spans="14:14">
      <c r="N486247" s="10"/>
    </row>
    <row r="486248" spans="14:14">
      <c r="N486248" s="10"/>
    </row>
    <row r="486249" spans="14:14">
      <c r="N486249" s="10"/>
    </row>
    <row r="486250" spans="14:14">
      <c r="N486250" s="10"/>
    </row>
    <row r="486251" spans="14:14">
      <c r="N486251" s="10"/>
    </row>
    <row r="486252" spans="14:14">
      <c r="N486252" s="10"/>
    </row>
    <row r="486253" spans="14:14">
      <c r="N486253" s="10"/>
    </row>
    <row r="486254" spans="14:14">
      <c r="N486254" s="10"/>
    </row>
    <row r="486255" spans="14:14">
      <c r="N486255" s="10"/>
    </row>
    <row r="486256" spans="14:14">
      <c r="N486256" s="10"/>
    </row>
    <row r="486257" spans="14:14">
      <c r="N486257" s="10"/>
    </row>
    <row r="486258" spans="14:14">
      <c r="N486258" s="10"/>
    </row>
    <row r="486259" spans="14:14">
      <c r="N486259" s="10"/>
    </row>
    <row r="486260" spans="14:14">
      <c r="N486260" s="10"/>
    </row>
    <row r="486261" spans="14:14">
      <c r="N486261" s="10"/>
    </row>
    <row r="486262" spans="14:14">
      <c r="N486262" s="10"/>
    </row>
    <row r="486263" spans="14:14">
      <c r="N486263" s="10"/>
    </row>
    <row r="486264" spans="14:14">
      <c r="N486264" s="10"/>
    </row>
    <row r="486265" spans="14:14">
      <c r="N486265" s="10"/>
    </row>
    <row r="486266" spans="14:14">
      <c r="N486266" s="10"/>
    </row>
    <row r="486267" spans="14:14">
      <c r="N486267" s="10"/>
    </row>
    <row r="486268" spans="14:14">
      <c r="N486268" s="10"/>
    </row>
    <row r="486269" spans="14:14">
      <c r="N486269" s="10"/>
    </row>
    <row r="486270" spans="14:14">
      <c r="N486270" s="10"/>
    </row>
    <row r="486271" spans="14:14">
      <c r="N486271" s="10"/>
    </row>
    <row r="486272" spans="14:14">
      <c r="N486272" s="10"/>
    </row>
    <row r="486273" spans="14:14">
      <c r="N486273" s="10"/>
    </row>
    <row r="486274" spans="14:14">
      <c r="N486274" s="10"/>
    </row>
    <row r="486275" spans="14:14">
      <c r="N486275" s="10"/>
    </row>
    <row r="486276" spans="14:14">
      <c r="N486276" s="10"/>
    </row>
    <row r="486277" spans="14:14">
      <c r="N486277" s="10"/>
    </row>
    <row r="486278" spans="14:14">
      <c r="N486278" s="10"/>
    </row>
    <row r="486279" spans="14:14">
      <c r="N486279" s="10"/>
    </row>
    <row r="486280" spans="14:14">
      <c r="N486280" s="10"/>
    </row>
    <row r="486281" spans="14:14">
      <c r="N486281" s="10"/>
    </row>
    <row r="486282" spans="14:14">
      <c r="N486282" s="10"/>
    </row>
    <row r="486283" spans="14:14">
      <c r="N486283" s="10"/>
    </row>
    <row r="486284" spans="14:14">
      <c r="N486284" s="10"/>
    </row>
    <row r="486285" spans="14:14">
      <c r="N486285" s="10"/>
    </row>
    <row r="486286" spans="14:14">
      <c r="N486286" s="10"/>
    </row>
    <row r="486287" spans="14:14">
      <c r="N486287" s="10"/>
    </row>
    <row r="486288" spans="14:14">
      <c r="N486288" s="10"/>
    </row>
    <row r="486289" spans="14:14">
      <c r="N486289" s="10"/>
    </row>
    <row r="486290" spans="14:14">
      <c r="N486290" s="10"/>
    </row>
    <row r="486291" spans="14:14">
      <c r="N486291" s="10"/>
    </row>
    <row r="486292" spans="14:14">
      <c r="N486292" s="10"/>
    </row>
    <row r="486293" spans="14:14">
      <c r="N486293" s="10"/>
    </row>
    <row r="486294" spans="14:14">
      <c r="N486294" s="10"/>
    </row>
    <row r="486295" spans="14:14">
      <c r="N486295" s="10"/>
    </row>
    <row r="486296" spans="14:14">
      <c r="N486296" s="10"/>
    </row>
    <row r="486297" spans="14:14">
      <c r="N486297" s="10"/>
    </row>
    <row r="486298" spans="14:14">
      <c r="N486298" s="10"/>
    </row>
    <row r="486299" spans="14:14">
      <c r="N486299" s="10"/>
    </row>
    <row r="486300" spans="14:14">
      <c r="N486300" s="10"/>
    </row>
    <row r="486301" spans="14:14">
      <c r="N486301" s="10"/>
    </row>
    <row r="486302" spans="14:14">
      <c r="N486302" s="10"/>
    </row>
    <row r="486303" spans="14:14">
      <c r="N486303" s="10"/>
    </row>
    <row r="486304" spans="14:14">
      <c r="N486304" s="10"/>
    </row>
    <row r="486305" spans="14:14">
      <c r="N486305" s="10"/>
    </row>
    <row r="486306" spans="14:14">
      <c r="N486306" s="10"/>
    </row>
    <row r="486307" spans="14:14">
      <c r="N486307" s="10"/>
    </row>
    <row r="486308" spans="14:14">
      <c r="N486308" s="10"/>
    </row>
    <row r="486309" spans="14:14">
      <c r="N486309" s="10"/>
    </row>
    <row r="486310" spans="14:14">
      <c r="N486310" s="10"/>
    </row>
    <row r="486311" spans="14:14">
      <c r="N486311" s="10"/>
    </row>
    <row r="486312" spans="14:14">
      <c r="N486312" s="10"/>
    </row>
    <row r="486313" spans="14:14">
      <c r="N486313" s="10"/>
    </row>
    <row r="486314" spans="14:14">
      <c r="N486314" s="10"/>
    </row>
    <row r="486315" spans="14:14">
      <c r="N486315" s="10"/>
    </row>
    <row r="486316" spans="14:14">
      <c r="N486316" s="10"/>
    </row>
    <row r="486317" spans="14:14">
      <c r="N486317" s="10"/>
    </row>
    <row r="486318" spans="14:14">
      <c r="N486318" s="10"/>
    </row>
    <row r="486319" spans="14:14">
      <c r="N486319" s="10"/>
    </row>
    <row r="486320" spans="14:14">
      <c r="N486320" s="10"/>
    </row>
    <row r="486321" spans="14:14">
      <c r="N486321" s="10"/>
    </row>
    <row r="486322" spans="14:14">
      <c r="N486322" s="10"/>
    </row>
    <row r="486323" spans="14:14">
      <c r="N486323" s="10"/>
    </row>
    <row r="486324" spans="14:14">
      <c r="N486324" s="10"/>
    </row>
    <row r="486325" spans="14:14">
      <c r="N486325" s="10"/>
    </row>
    <row r="486326" spans="14:14">
      <c r="N486326" s="10"/>
    </row>
    <row r="486327" spans="14:14">
      <c r="N486327" s="10"/>
    </row>
    <row r="486328" spans="14:14">
      <c r="N486328" s="10"/>
    </row>
    <row r="486329" spans="14:14">
      <c r="N486329" s="10"/>
    </row>
    <row r="486330" spans="14:14">
      <c r="N486330" s="10"/>
    </row>
    <row r="486331" spans="14:14">
      <c r="N486331" s="10"/>
    </row>
    <row r="486332" spans="14:14">
      <c r="N486332" s="10"/>
    </row>
    <row r="486333" spans="14:14">
      <c r="N486333" s="10"/>
    </row>
    <row r="486334" spans="14:14">
      <c r="N486334" s="10"/>
    </row>
    <row r="486335" spans="14:14">
      <c r="N486335" s="10"/>
    </row>
    <row r="486336" spans="14:14">
      <c r="N486336" s="10"/>
    </row>
    <row r="486337" spans="14:14">
      <c r="N486337" s="10"/>
    </row>
    <row r="486338" spans="14:14">
      <c r="N486338" s="10"/>
    </row>
    <row r="486339" spans="14:14">
      <c r="N486339" s="10"/>
    </row>
    <row r="486340" spans="14:14">
      <c r="N486340" s="10"/>
    </row>
    <row r="486341" spans="14:14">
      <c r="N486341" s="10"/>
    </row>
    <row r="486342" spans="14:14">
      <c r="N486342" s="10"/>
    </row>
    <row r="486343" spans="14:14">
      <c r="N486343" s="10"/>
    </row>
    <row r="486344" spans="14:14">
      <c r="N486344" s="10"/>
    </row>
    <row r="486345" spans="14:14">
      <c r="N486345" s="10"/>
    </row>
    <row r="486346" spans="14:14">
      <c r="N486346" s="10"/>
    </row>
    <row r="486347" spans="14:14">
      <c r="N486347" s="10"/>
    </row>
    <row r="486348" spans="14:14">
      <c r="N486348" s="10"/>
    </row>
    <row r="486349" spans="14:14">
      <c r="N486349" s="10"/>
    </row>
    <row r="486350" spans="14:14">
      <c r="N486350" s="10"/>
    </row>
    <row r="486351" spans="14:14">
      <c r="N486351" s="10"/>
    </row>
    <row r="486352" spans="14:14">
      <c r="N486352" s="10"/>
    </row>
    <row r="486353" spans="14:14">
      <c r="N486353" s="10"/>
    </row>
    <row r="486354" spans="14:14">
      <c r="N486354" s="10"/>
    </row>
    <row r="486355" spans="14:14">
      <c r="N486355" s="10"/>
    </row>
    <row r="486356" spans="14:14">
      <c r="N486356" s="10"/>
    </row>
    <row r="486357" spans="14:14">
      <c r="N486357" s="10"/>
    </row>
    <row r="486358" spans="14:14">
      <c r="N486358" s="10"/>
    </row>
    <row r="486359" spans="14:14">
      <c r="N486359" s="10"/>
    </row>
    <row r="486360" spans="14:14">
      <c r="N486360" s="10"/>
    </row>
    <row r="486361" spans="14:14">
      <c r="N486361" s="10"/>
    </row>
    <row r="486362" spans="14:14">
      <c r="N486362" s="10"/>
    </row>
    <row r="486363" spans="14:14">
      <c r="N486363" s="10"/>
    </row>
    <row r="486364" spans="14:14">
      <c r="N486364" s="10"/>
    </row>
    <row r="486365" spans="14:14">
      <c r="N486365" s="10"/>
    </row>
    <row r="486366" spans="14:14">
      <c r="N486366" s="10"/>
    </row>
    <row r="486367" spans="14:14">
      <c r="N486367" s="10"/>
    </row>
    <row r="486368" spans="14:14">
      <c r="N486368" s="10"/>
    </row>
    <row r="486369" spans="14:14">
      <c r="N486369" s="10"/>
    </row>
    <row r="486370" spans="14:14">
      <c r="N486370" s="10"/>
    </row>
    <row r="486371" spans="14:14">
      <c r="N486371" s="10"/>
    </row>
    <row r="486372" spans="14:14">
      <c r="N486372" s="10"/>
    </row>
    <row r="486373" spans="14:14">
      <c r="N486373" s="10"/>
    </row>
    <row r="486374" spans="14:14">
      <c r="N486374" s="10"/>
    </row>
    <row r="486375" spans="14:14">
      <c r="N486375" s="10"/>
    </row>
    <row r="486376" spans="14:14">
      <c r="N486376" s="10"/>
    </row>
    <row r="486377" spans="14:14">
      <c r="N486377" s="10"/>
    </row>
    <row r="486378" spans="14:14">
      <c r="N486378" s="10"/>
    </row>
    <row r="486379" spans="14:14">
      <c r="N486379" s="10"/>
    </row>
    <row r="486380" spans="14:14">
      <c r="N486380" s="10"/>
    </row>
    <row r="486381" spans="14:14">
      <c r="N486381" s="10"/>
    </row>
    <row r="486382" spans="14:14">
      <c r="N486382" s="10"/>
    </row>
    <row r="486383" spans="14:14">
      <c r="N486383" s="10"/>
    </row>
    <row r="486384" spans="14:14">
      <c r="N486384" s="10"/>
    </row>
    <row r="486385" spans="14:14">
      <c r="N486385" s="10"/>
    </row>
    <row r="486386" spans="14:14">
      <c r="N486386" s="10"/>
    </row>
    <row r="486387" spans="14:14">
      <c r="N486387" s="10"/>
    </row>
    <row r="486388" spans="14:14">
      <c r="N486388" s="10"/>
    </row>
    <row r="486389" spans="14:14">
      <c r="N486389" s="10"/>
    </row>
    <row r="486390" spans="14:14">
      <c r="N486390" s="10"/>
    </row>
    <row r="486391" spans="14:14">
      <c r="N486391" s="10"/>
    </row>
    <row r="486392" spans="14:14">
      <c r="N486392" s="10"/>
    </row>
    <row r="486393" spans="14:14">
      <c r="N486393" s="10"/>
    </row>
    <row r="486394" spans="14:14">
      <c r="N486394" s="10"/>
    </row>
    <row r="486395" spans="14:14">
      <c r="N486395" s="10"/>
    </row>
    <row r="486396" spans="14:14">
      <c r="N486396" s="10"/>
    </row>
    <row r="486397" spans="14:14">
      <c r="N486397" s="10"/>
    </row>
    <row r="486398" spans="14:14">
      <c r="N486398" s="10"/>
    </row>
    <row r="486399" spans="14:14">
      <c r="N486399" s="10"/>
    </row>
    <row r="486400" spans="14:14">
      <c r="N486400" s="10"/>
    </row>
    <row r="486401" spans="14:14">
      <c r="N486401" s="10"/>
    </row>
    <row r="486402" spans="14:14">
      <c r="N486402" s="10"/>
    </row>
    <row r="486403" spans="14:14">
      <c r="N486403" s="10"/>
    </row>
    <row r="486404" spans="14:14">
      <c r="N486404" s="10"/>
    </row>
    <row r="486405" spans="14:14">
      <c r="N486405" s="10"/>
    </row>
    <row r="486406" spans="14:14">
      <c r="N486406" s="10"/>
    </row>
    <row r="486407" spans="14:14">
      <c r="N486407" s="10"/>
    </row>
    <row r="486408" spans="14:14">
      <c r="N486408" s="10"/>
    </row>
    <row r="486409" spans="14:14">
      <c r="N486409" s="10"/>
    </row>
    <row r="486410" spans="14:14">
      <c r="N486410" s="10"/>
    </row>
    <row r="486411" spans="14:14">
      <c r="N486411" s="10"/>
    </row>
    <row r="486412" spans="14:14">
      <c r="N486412" s="10"/>
    </row>
    <row r="486413" spans="14:14">
      <c r="N486413" s="10"/>
    </row>
    <row r="486414" spans="14:14">
      <c r="N486414" s="10"/>
    </row>
    <row r="486415" spans="14:14">
      <c r="N486415" s="10"/>
    </row>
    <row r="486416" spans="14:14">
      <c r="N486416" s="10"/>
    </row>
    <row r="486417" spans="14:14">
      <c r="N486417" s="10"/>
    </row>
    <row r="486418" spans="14:14">
      <c r="N486418" s="10"/>
    </row>
    <row r="486419" spans="14:14">
      <c r="N486419" s="10"/>
    </row>
    <row r="486420" spans="14:14">
      <c r="N486420" s="10"/>
    </row>
    <row r="486421" spans="14:14">
      <c r="N486421" s="10"/>
    </row>
    <row r="486422" spans="14:14">
      <c r="N486422" s="10"/>
    </row>
    <row r="486423" spans="14:14">
      <c r="N486423" s="10"/>
    </row>
    <row r="486424" spans="14:14">
      <c r="N486424" s="10"/>
    </row>
    <row r="486425" spans="14:14">
      <c r="N486425" s="10"/>
    </row>
    <row r="486426" spans="14:14">
      <c r="N486426" s="10"/>
    </row>
    <row r="486427" spans="14:14">
      <c r="N486427" s="10"/>
    </row>
    <row r="486428" spans="14:14">
      <c r="N486428" s="10"/>
    </row>
    <row r="486429" spans="14:14">
      <c r="N486429" s="10"/>
    </row>
    <row r="486430" spans="14:14">
      <c r="N486430" s="10"/>
    </row>
    <row r="486431" spans="14:14">
      <c r="N486431" s="10"/>
    </row>
    <row r="486432" spans="14:14">
      <c r="N486432" s="10"/>
    </row>
    <row r="486433" spans="14:14">
      <c r="N486433" s="10"/>
    </row>
    <row r="486434" spans="14:14">
      <c r="N486434" s="10"/>
    </row>
    <row r="486435" spans="14:14">
      <c r="N486435" s="10"/>
    </row>
    <row r="486436" spans="14:14">
      <c r="N486436" s="10"/>
    </row>
    <row r="486437" spans="14:14">
      <c r="N486437" s="10"/>
    </row>
    <row r="486438" spans="14:14">
      <c r="N486438" s="10"/>
    </row>
    <row r="486439" spans="14:14">
      <c r="N486439" s="10"/>
    </row>
    <row r="486440" spans="14:14">
      <c r="N486440" s="10"/>
    </row>
    <row r="486441" spans="14:14">
      <c r="N486441" s="10"/>
    </row>
    <row r="486442" spans="14:14">
      <c r="N486442" s="10"/>
    </row>
    <row r="486443" spans="14:14">
      <c r="N486443" s="10"/>
    </row>
    <row r="486444" spans="14:14">
      <c r="N486444" s="10"/>
    </row>
    <row r="486445" spans="14:14">
      <c r="N486445" s="10"/>
    </row>
    <row r="486446" spans="14:14">
      <c r="N486446" s="10"/>
    </row>
    <row r="486447" spans="14:14">
      <c r="N486447" s="10"/>
    </row>
    <row r="486448" spans="14:14">
      <c r="N486448" s="10"/>
    </row>
    <row r="486449" spans="14:14">
      <c r="N486449" s="10"/>
    </row>
    <row r="486450" spans="14:14">
      <c r="N486450" s="10"/>
    </row>
    <row r="486451" spans="14:14">
      <c r="N486451" s="10"/>
    </row>
    <row r="486452" spans="14:14">
      <c r="N486452" s="10"/>
    </row>
    <row r="486453" spans="14:14">
      <c r="N486453" s="10"/>
    </row>
    <row r="486454" spans="14:14">
      <c r="N486454" s="10"/>
    </row>
    <row r="486455" spans="14:14">
      <c r="N486455" s="10"/>
    </row>
    <row r="486456" spans="14:14">
      <c r="N486456" s="10"/>
    </row>
    <row r="486457" spans="14:14">
      <c r="N486457" s="10"/>
    </row>
    <row r="486458" spans="14:14">
      <c r="N486458" s="10"/>
    </row>
    <row r="486459" spans="14:14">
      <c r="N486459" s="10"/>
    </row>
    <row r="486460" spans="14:14">
      <c r="N486460" s="10"/>
    </row>
    <row r="486461" spans="14:14">
      <c r="N486461" s="10"/>
    </row>
    <row r="486462" spans="14:14">
      <c r="N486462" s="10"/>
    </row>
    <row r="486463" spans="14:14">
      <c r="N486463" s="10"/>
    </row>
    <row r="486464" spans="14:14">
      <c r="N486464" s="10"/>
    </row>
    <row r="486465" spans="14:14">
      <c r="N486465" s="10"/>
    </row>
    <row r="486466" spans="14:14">
      <c r="N486466" s="10"/>
    </row>
    <row r="486467" spans="14:14">
      <c r="N486467" s="10"/>
    </row>
    <row r="486468" spans="14:14">
      <c r="N486468" s="10"/>
    </row>
    <row r="486469" spans="14:14">
      <c r="N486469" s="10"/>
    </row>
    <row r="486470" spans="14:14">
      <c r="N486470" s="10"/>
    </row>
    <row r="486471" spans="14:14">
      <c r="N486471" s="10"/>
    </row>
    <row r="486472" spans="14:14">
      <c r="N486472" s="10"/>
    </row>
    <row r="486473" spans="14:14">
      <c r="N486473" s="10"/>
    </row>
    <row r="486474" spans="14:14">
      <c r="N486474" s="10"/>
    </row>
    <row r="486475" spans="14:14">
      <c r="N486475" s="10"/>
    </row>
    <row r="486476" spans="14:14">
      <c r="N486476" s="10"/>
    </row>
    <row r="486477" spans="14:14">
      <c r="N486477" s="10"/>
    </row>
    <row r="486478" spans="14:14">
      <c r="N486478" s="10"/>
    </row>
    <row r="486479" spans="14:14">
      <c r="N486479" s="10"/>
    </row>
    <row r="486480" spans="14:14">
      <c r="N486480" s="10"/>
    </row>
    <row r="486481" spans="14:14">
      <c r="N486481" s="10"/>
    </row>
    <row r="486482" spans="14:14">
      <c r="N486482" s="10"/>
    </row>
    <row r="486483" spans="14:14">
      <c r="N486483" s="10"/>
    </row>
    <row r="486484" spans="14:14">
      <c r="N486484" s="10"/>
    </row>
    <row r="486485" spans="14:14">
      <c r="N486485" s="10"/>
    </row>
    <row r="486486" spans="14:14">
      <c r="N486486" s="10"/>
    </row>
    <row r="486487" spans="14:14">
      <c r="N486487" s="10"/>
    </row>
    <row r="486488" spans="14:14">
      <c r="N486488" s="10"/>
    </row>
    <row r="486489" spans="14:14">
      <c r="N486489" s="10"/>
    </row>
    <row r="486490" spans="14:14">
      <c r="N486490" s="10"/>
    </row>
    <row r="486491" spans="14:14">
      <c r="N486491" s="10"/>
    </row>
    <row r="486492" spans="14:14">
      <c r="N486492" s="10"/>
    </row>
    <row r="486493" spans="14:14">
      <c r="N486493" s="10"/>
    </row>
    <row r="486494" spans="14:14">
      <c r="N486494" s="10"/>
    </row>
    <row r="486495" spans="14:14">
      <c r="N486495" s="10"/>
    </row>
    <row r="486496" spans="14:14">
      <c r="N486496" s="10"/>
    </row>
    <row r="486497" spans="14:14">
      <c r="N486497" s="10"/>
    </row>
    <row r="486498" spans="14:14">
      <c r="N486498" s="10"/>
    </row>
    <row r="486499" spans="14:14">
      <c r="N486499" s="10"/>
    </row>
    <row r="486500" spans="14:14">
      <c r="N486500" s="10"/>
    </row>
    <row r="486501" spans="14:14">
      <c r="N486501" s="10"/>
    </row>
    <row r="486502" spans="14:14">
      <c r="N486502" s="10"/>
    </row>
    <row r="486503" spans="14:14">
      <c r="N486503" s="10"/>
    </row>
    <row r="486504" spans="14:14">
      <c r="N486504" s="10"/>
    </row>
    <row r="486505" spans="14:14">
      <c r="N486505" s="10"/>
    </row>
    <row r="486506" spans="14:14">
      <c r="N486506" s="10"/>
    </row>
    <row r="486507" spans="14:14">
      <c r="N486507" s="10"/>
    </row>
    <row r="486508" spans="14:14">
      <c r="N486508" s="10"/>
    </row>
    <row r="486509" spans="14:14">
      <c r="N486509" s="10"/>
    </row>
    <row r="486510" spans="14:14">
      <c r="N486510" s="10"/>
    </row>
    <row r="486511" spans="14:14">
      <c r="N486511" s="10"/>
    </row>
    <row r="486512" spans="14:14">
      <c r="N486512" s="10"/>
    </row>
    <row r="486513" spans="14:14">
      <c r="N486513" s="10"/>
    </row>
    <row r="486514" spans="14:14">
      <c r="N486514" s="10"/>
    </row>
    <row r="486515" spans="14:14">
      <c r="N486515" s="10"/>
    </row>
    <row r="486516" spans="14:14">
      <c r="N486516" s="10"/>
    </row>
    <row r="486517" spans="14:14">
      <c r="N486517" s="10"/>
    </row>
    <row r="486518" spans="14:14">
      <c r="N486518" s="10"/>
    </row>
    <row r="486519" spans="14:14">
      <c r="N486519" s="10"/>
    </row>
    <row r="486520" spans="14:14">
      <c r="N486520" s="10"/>
    </row>
    <row r="486521" spans="14:14">
      <c r="N486521" s="10"/>
    </row>
    <row r="486522" spans="14:14">
      <c r="N486522" s="10"/>
    </row>
    <row r="486523" spans="14:14">
      <c r="N486523" s="10"/>
    </row>
    <row r="486524" spans="14:14">
      <c r="N486524" s="10"/>
    </row>
    <row r="486525" spans="14:14">
      <c r="N486525" s="10"/>
    </row>
    <row r="486526" spans="14:14">
      <c r="N486526" s="10"/>
    </row>
    <row r="486527" spans="14:14">
      <c r="N486527" s="10"/>
    </row>
    <row r="486528" spans="14:14">
      <c r="N486528" s="10"/>
    </row>
    <row r="486529" spans="14:14">
      <c r="N486529" s="10"/>
    </row>
    <row r="486530" spans="14:14">
      <c r="N486530" s="10"/>
    </row>
    <row r="486531" spans="14:14">
      <c r="N486531" s="10"/>
    </row>
    <row r="486532" spans="14:14">
      <c r="N486532" s="10"/>
    </row>
    <row r="486533" spans="14:14">
      <c r="N486533" s="10"/>
    </row>
    <row r="486534" spans="14:14">
      <c r="N486534" s="10"/>
    </row>
    <row r="486535" spans="14:14">
      <c r="N486535" s="10"/>
    </row>
    <row r="486536" spans="14:14">
      <c r="N486536" s="10"/>
    </row>
    <row r="486537" spans="14:14">
      <c r="N486537" s="10"/>
    </row>
    <row r="486538" spans="14:14">
      <c r="N486538" s="10"/>
    </row>
    <row r="486539" spans="14:14">
      <c r="N486539" s="10"/>
    </row>
    <row r="486540" spans="14:14">
      <c r="N486540" s="10"/>
    </row>
    <row r="486541" spans="14:14">
      <c r="N486541" s="10"/>
    </row>
    <row r="486542" spans="14:14">
      <c r="N486542" s="10"/>
    </row>
    <row r="486543" spans="14:14">
      <c r="N486543" s="10"/>
    </row>
    <row r="486544" spans="14:14">
      <c r="N486544" s="10"/>
    </row>
    <row r="486545" spans="14:14">
      <c r="N486545" s="10"/>
    </row>
    <row r="486546" spans="14:14">
      <c r="N486546" s="10"/>
    </row>
    <row r="486547" spans="14:14">
      <c r="N486547" s="10"/>
    </row>
    <row r="486548" spans="14:14">
      <c r="N486548" s="10"/>
    </row>
    <row r="486549" spans="14:14">
      <c r="N486549" s="10"/>
    </row>
    <row r="486550" spans="14:14">
      <c r="N486550" s="10"/>
    </row>
    <row r="486551" spans="14:14">
      <c r="N486551" s="10"/>
    </row>
    <row r="486552" spans="14:14">
      <c r="N486552" s="10"/>
    </row>
    <row r="486553" spans="14:14">
      <c r="N486553" s="10"/>
    </row>
    <row r="486554" spans="14:14">
      <c r="N486554" s="10"/>
    </row>
    <row r="486555" spans="14:14">
      <c r="N486555" s="10"/>
    </row>
    <row r="486556" spans="14:14">
      <c r="N486556" s="10"/>
    </row>
    <row r="486557" spans="14:14">
      <c r="N486557" s="10"/>
    </row>
    <row r="486558" spans="14:14">
      <c r="N486558" s="10"/>
    </row>
    <row r="486559" spans="14:14">
      <c r="N486559" s="10"/>
    </row>
    <row r="486560" spans="14:14">
      <c r="N486560" s="10"/>
    </row>
    <row r="486561" spans="14:14">
      <c r="N486561" s="10"/>
    </row>
    <row r="486562" spans="14:14">
      <c r="N486562" s="10"/>
    </row>
    <row r="486563" spans="14:14">
      <c r="N486563" s="10"/>
    </row>
    <row r="486564" spans="14:14">
      <c r="N486564" s="10"/>
    </row>
    <row r="486565" spans="14:14">
      <c r="N486565" s="10"/>
    </row>
    <row r="486566" spans="14:14">
      <c r="N486566" s="10"/>
    </row>
    <row r="486567" spans="14:14">
      <c r="N486567" s="10"/>
    </row>
    <row r="486568" spans="14:14">
      <c r="N486568" s="10"/>
    </row>
    <row r="486569" spans="14:14">
      <c r="N486569" s="10"/>
    </row>
    <row r="486570" spans="14:14">
      <c r="N486570" s="10"/>
    </row>
    <row r="486571" spans="14:14">
      <c r="N486571" s="10"/>
    </row>
    <row r="486572" spans="14:14">
      <c r="N486572" s="10"/>
    </row>
    <row r="486573" spans="14:14">
      <c r="N486573" s="10"/>
    </row>
    <row r="486574" spans="14:14">
      <c r="N486574" s="10"/>
    </row>
    <row r="486575" spans="14:14">
      <c r="N486575" s="10"/>
    </row>
    <row r="486576" spans="14:14">
      <c r="N486576" s="10"/>
    </row>
    <row r="486577" spans="14:14">
      <c r="N486577" s="10"/>
    </row>
    <row r="486578" spans="14:14">
      <c r="N486578" s="10"/>
    </row>
    <row r="486579" spans="14:14">
      <c r="N486579" s="10"/>
    </row>
    <row r="486580" spans="14:14">
      <c r="N486580" s="10"/>
    </row>
    <row r="486581" spans="14:14">
      <c r="N486581" s="10"/>
    </row>
    <row r="486582" spans="14:14">
      <c r="N486582" s="10"/>
    </row>
    <row r="486583" spans="14:14">
      <c r="N486583" s="10"/>
    </row>
    <row r="486584" spans="14:14">
      <c r="N486584" s="10"/>
    </row>
    <row r="486585" spans="14:14">
      <c r="N486585" s="10"/>
    </row>
    <row r="486586" spans="14:14">
      <c r="N486586" s="10"/>
    </row>
    <row r="486587" spans="14:14">
      <c r="N486587" s="10"/>
    </row>
    <row r="486588" spans="14:14">
      <c r="N486588" s="10"/>
    </row>
    <row r="486589" spans="14:14">
      <c r="N486589" s="10"/>
    </row>
    <row r="486590" spans="14:14">
      <c r="N486590" s="10"/>
    </row>
    <row r="486591" spans="14:14">
      <c r="N486591" s="10"/>
    </row>
    <row r="486592" spans="14:14">
      <c r="N486592" s="10"/>
    </row>
    <row r="486593" spans="14:14">
      <c r="N486593" s="10"/>
    </row>
    <row r="486594" spans="14:14">
      <c r="N486594" s="10"/>
    </row>
    <row r="486595" spans="14:14">
      <c r="N486595" s="10"/>
    </row>
    <row r="486596" spans="14:14">
      <c r="N486596" s="10"/>
    </row>
    <row r="486597" spans="14:14">
      <c r="N486597" s="10"/>
    </row>
    <row r="486598" spans="14:14">
      <c r="N486598" s="10"/>
    </row>
    <row r="486599" spans="14:14">
      <c r="N486599" s="10"/>
    </row>
    <row r="486600" spans="14:14">
      <c r="N486600" s="10"/>
    </row>
    <row r="486601" spans="14:14">
      <c r="N486601" s="10"/>
    </row>
    <row r="486602" spans="14:14">
      <c r="N486602" s="10"/>
    </row>
    <row r="486603" spans="14:14">
      <c r="N486603" s="10"/>
    </row>
    <row r="486604" spans="14:14">
      <c r="N486604" s="10"/>
    </row>
    <row r="486605" spans="14:14">
      <c r="N486605" s="10"/>
    </row>
    <row r="486606" spans="14:14">
      <c r="N486606" s="10"/>
    </row>
    <row r="486607" spans="14:14">
      <c r="N486607" s="10"/>
    </row>
    <row r="486608" spans="14:14">
      <c r="N486608" s="10"/>
    </row>
    <row r="486609" spans="14:14">
      <c r="N486609" s="10"/>
    </row>
    <row r="486610" spans="14:14">
      <c r="N486610" s="10"/>
    </row>
    <row r="486611" spans="14:14">
      <c r="N486611" s="10"/>
    </row>
    <row r="486612" spans="14:14">
      <c r="N486612" s="10"/>
    </row>
    <row r="486613" spans="14:14">
      <c r="N486613" s="10"/>
    </row>
    <row r="486614" spans="14:14">
      <c r="N486614" s="10"/>
    </row>
    <row r="486615" spans="14:14">
      <c r="N486615" s="10"/>
    </row>
    <row r="486616" spans="14:14">
      <c r="N486616" s="10"/>
    </row>
    <row r="486617" spans="14:14">
      <c r="N486617" s="10"/>
    </row>
    <row r="486618" spans="14:14">
      <c r="N486618" s="10"/>
    </row>
    <row r="486619" spans="14:14">
      <c r="N486619" s="10"/>
    </row>
    <row r="486620" spans="14:14">
      <c r="N486620" s="10"/>
    </row>
    <row r="486621" spans="14:14">
      <c r="N486621" s="10"/>
    </row>
    <row r="486622" spans="14:14">
      <c r="N486622" s="10"/>
    </row>
    <row r="486623" spans="14:14">
      <c r="N486623" s="10"/>
    </row>
    <row r="486624" spans="14:14">
      <c r="N486624" s="10"/>
    </row>
    <row r="486625" spans="14:14">
      <c r="N486625" s="10"/>
    </row>
    <row r="486626" spans="14:14">
      <c r="N486626" s="10"/>
    </row>
    <row r="486627" spans="14:14">
      <c r="N486627" s="10"/>
    </row>
    <row r="486628" spans="14:14">
      <c r="N486628" s="10"/>
    </row>
    <row r="486629" spans="14:14">
      <c r="N486629" s="10"/>
    </row>
    <row r="486630" spans="14:14">
      <c r="N486630" s="10"/>
    </row>
    <row r="486631" spans="14:14">
      <c r="N486631" s="10"/>
    </row>
    <row r="486632" spans="14:14">
      <c r="N486632" s="10"/>
    </row>
    <row r="486633" spans="14:14">
      <c r="N486633" s="10"/>
    </row>
    <row r="486634" spans="14:14">
      <c r="N486634" s="10"/>
    </row>
    <row r="486635" spans="14:14">
      <c r="N486635" s="10"/>
    </row>
    <row r="486636" spans="14:14">
      <c r="N486636" s="10"/>
    </row>
    <row r="486637" spans="14:14">
      <c r="N486637" s="10"/>
    </row>
    <row r="486638" spans="14:14">
      <c r="N486638" s="10"/>
    </row>
    <row r="486639" spans="14:14">
      <c r="N486639" s="10"/>
    </row>
    <row r="486640" spans="14:14">
      <c r="N486640" s="10"/>
    </row>
    <row r="486641" spans="14:14">
      <c r="N486641" s="10"/>
    </row>
    <row r="486642" spans="14:14">
      <c r="N486642" s="10"/>
    </row>
    <row r="486643" spans="14:14">
      <c r="N486643" s="10"/>
    </row>
    <row r="486644" spans="14:14">
      <c r="N486644" s="10"/>
    </row>
    <row r="486645" spans="14:14">
      <c r="N486645" s="10"/>
    </row>
    <row r="486646" spans="14:14">
      <c r="N486646" s="10"/>
    </row>
    <row r="486647" spans="14:14">
      <c r="N486647" s="10"/>
    </row>
    <row r="486648" spans="14:14">
      <c r="N486648" s="10"/>
    </row>
    <row r="486649" spans="14:14">
      <c r="N486649" s="10"/>
    </row>
    <row r="486650" spans="14:14">
      <c r="N486650" s="10"/>
    </row>
    <row r="486651" spans="14:14">
      <c r="N486651" s="10"/>
    </row>
    <row r="486652" spans="14:14">
      <c r="N486652" s="10"/>
    </row>
    <row r="486653" spans="14:14">
      <c r="N486653" s="10"/>
    </row>
    <row r="486654" spans="14:14">
      <c r="N486654" s="10"/>
    </row>
    <row r="486655" spans="14:14">
      <c r="N486655" s="10"/>
    </row>
    <row r="486656" spans="14:14">
      <c r="N486656" s="10"/>
    </row>
    <row r="486657" spans="14:14">
      <c r="N486657" s="10"/>
    </row>
    <row r="486658" spans="14:14">
      <c r="N486658" s="10"/>
    </row>
    <row r="486659" spans="14:14">
      <c r="N486659" s="10"/>
    </row>
    <row r="486660" spans="14:14">
      <c r="N486660" s="10"/>
    </row>
    <row r="486661" spans="14:14">
      <c r="N486661" s="10"/>
    </row>
    <row r="486662" spans="14:14">
      <c r="N486662" s="10"/>
    </row>
    <row r="486663" spans="14:14">
      <c r="N486663" s="10"/>
    </row>
    <row r="486664" spans="14:14">
      <c r="N486664" s="10"/>
    </row>
    <row r="486665" spans="14:14">
      <c r="N486665" s="10"/>
    </row>
    <row r="486666" spans="14:14">
      <c r="N486666" s="10"/>
    </row>
    <row r="486667" spans="14:14">
      <c r="N486667" s="10"/>
    </row>
    <row r="486668" spans="14:14">
      <c r="N486668" s="10"/>
    </row>
    <row r="486669" spans="14:14">
      <c r="N486669" s="10"/>
    </row>
    <row r="486670" spans="14:14">
      <c r="N486670" s="10"/>
    </row>
    <row r="486671" spans="14:14">
      <c r="N486671" s="10"/>
    </row>
    <row r="486672" spans="14:14">
      <c r="N486672" s="10"/>
    </row>
    <row r="486673" spans="14:14">
      <c r="N486673" s="10"/>
    </row>
    <row r="486674" spans="14:14">
      <c r="N486674" s="10"/>
    </row>
    <row r="486675" spans="14:14">
      <c r="N486675" s="10"/>
    </row>
    <row r="486676" spans="14:14">
      <c r="N486676" s="10"/>
    </row>
    <row r="486677" spans="14:14">
      <c r="N486677" s="10"/>
    </row>
    <row r="486678" spans="14:14">
      <c r="N486678" s="10"/>
    </row>
    <row r="486679" spans="14:14">
      <c r="N486679" s="10"/>
    </row>
    <row r="486680" spans="14:14">
      <c r="N486680" s="10"/>
    </row>
    <row r="486681" spans="14:14">
      <c r="N486681" s="10"/>
    </row>
    <row r="486682" spans="14:14">
      <c r="N486682" s="10"/>
    </row>
    <row r="486683" spans="14:14">
      <c r="N486683" s="10"/>
    </row>
    <row r="486684" spans="14:14">
      <c r="N486684" s="10"/>
    </row>
    <row r="486685" spans="14:14">
      <c r="N486685" s="10"/>
    </row>
    <row r="486686" spans="14:14">
      <c r="N486686" s="10"/>
    </row>
    <row r="486687" spans="14:14">
      <c r="N486687" s="10"/>
    </row>
    <row r="486688" spans="14:14">
      <c r="N486688" s="10"/>
    </row>
    <row r="486689" spans="14:14">
      <c r="N486689" s="10"/>
    </row>
    <row r="486690" spans="14:14">
      <c r="N486690" s="10"/>
    </row>
    <row r="486691" spans="14:14">
      <c r="N486691" s="10"/>
    </row>
    <row r="486692" spans="14:14">
      <c r="N486692" s="10"/>
    </row>
    <row r="486693" spans="14:14">
      <c r="N486693" s="10"/>
    </row>
    <row r="486694" spans="14:14">
      <c r="N486694" s="10"/>
    </row>
    <row r="486695" spans="14:14">
      <c r="N486695" s="10"/>
    </row>
    <row r="486696" spans="14:14">
      <c r="N486696" s="10"/>
    </row>
    <row r="486697" spans="14:14">
      <c r="N486697" s="10"/>
    </row>
    <row r="486698" spans="14:14">
      <c r="N486698" s="10"/>
    </row>
    <row r="486699" spans="14:14">
      <c r="N486699" s="10"/>
    </row>
    <row r="486700" spans="14:14">
      <c r="N486700" s="10"/>
    </row>
    <row r="486701" spans="14:14">
      <c r="N486701" s="10"/>
    </row>
    <row r="486702" spans="14:14">
      <c r="N486702" s="10"/>
    </row>
    <row r="486703" spans="14:14">
      <c r="N486703" s="10"/>
    </row>
    <row r="486704" spans="14:14">
      <c r="N486704" s="10"/>
    </row>
    <row r="486705" spans="14:14">
      <c r="N486705" s="10"/>
    </row>
    <row r="486706" spans="14:14">
      <c r="N486706" s="10"/>
    </row>
    <row r="486707" spans="14:14">
      <c r="N486707" s="10"/>
    </row>
    <row r="486708" spans="14:14">
      <c r="N486708" s="10"/>
    </row>
    <row r="486709" spans="14:14">
      <c r="N486709" s="10"/>
    </row>
    <row r="486710" spans="14:14">
      <c r="N486710" s="10"/>
    </row>
    <row r="486711" spans="14:14">
      <c r="N486711" s="10"/>
    </row>
    <row r="486712" spans="14:14">
      <c r="N486712" s="10"/>
    </row>
    <row r="486713" spans="14:14">
      <c r="N486713" s="10"/>
    </row>
    <row r="486714" spans="14:14">
      <c r="N486714" s="10"/>
    </row>
    <row r="486715" spans="14:14">
      <c r="N486715" s="10"/>
    </row>
    <row r="486716" spans="14:14">
      <c r="N486716" s="10"/>
    </row>
    <row r="486717" spans="14:14">
      <c r="N486717" s="10"/>
    </row>
    <row r="486718" spans="14:14">
      <c r="N486718" s="10"/>
    </row>
    <row r="486719" spans="14:14">
      <c r="N486719" s="10"/>
    </row>
    <row r="486720" spans="14:14">
      <c r="N486720" s="10"/>
    </row>
    <row r="486721" spans="14:14">
      <c r="N486721" s="10"/>
    </row>
    <row r="486722" spans="14:14">
      <c r="N486722" s="10"/>
    </row>
    <row r="486723" spans="14:14">
      <c r="N486723" s="10"/>
    </row>
    <row r="486724" spans="14:14">
      <c r="N486724" s="10"/>
    </row>
    <row r="486725" spans="14:14">
      <c r="N486725" s="10"/>
    </row>
    <row r="486726" spans="14:14">
      <c r="N486726" s="10"/>
    </row>
    <row r="486727" spans="14:14">
      <c r="N486727" s="10"/>
    </row>
    <row r="486728" spans="14:14">
      <c r="N486728" s="10"/>
    </row>
    <row r="486729" spans="14:14">
      <c r="N486729" s="10"/>
    </row>
    <row r="486730" spans="14:14">
      <c r="N486730" s="10"/>
    </row>
    <row r="486731" spans="14:14">
      <c r="N486731" s="10"/>
    </row>
    <row r="486732" spans="14:14">
      <c r="N486732" s="10"/>
    </row>
    <row r="486733" spans="14:14">
      <c r="N486733" s="10"/>
    </row>
    <row r="486734" spans="14:14">
      <c r="N486734" s="10"/>
    </row>
    <row r="486735" spans="14:14">
      <c r="N486735" s="10"/>
    </row>
    <row r="486736" spans="14:14">
      <c r="N486736" s="10"/>
    </row>
    <row r="486737" spans="14:14">
      <c r="N486737" s="10"/>
    </row>
    <row r="486738" spans="14:14">
      <c r="N486738" s="10"/>
    </row>
    <row r="486739" spans="14:14">
      <c r="N486739" s="10"/>
    </row>
    <row r="486740" spans="14:14">
      <c r="N486740" s="10"/>
    </row>
    <row r="486741" spans="14:14">
      <c r="N486741" s="10"/>
    </row>
    <row r="486742" spans="14:14">
      <c r="N486742" s="10"/>
    </row>
    <row r="486743" spans="14:14">
      <c r="N486743" s="10"/>
    </row>
    <row r="486744" spans="14:14">
      <c r="N486744" s="10"/>
    </row>
    <row r="486745" spans="14:14">
      <c r="N486745" s="10"/>
    </row>
    <row r="486746" spans="14:14">
      <c r="N486746" s="10"/>
    </row>
    <row r="486747" spans="14:14">
      <c r="N486747" s="10"/>
    </row>
    <row r="486748" spans="14:14">
      <c r="N486748" s="10"/>
    </row>
    <row r="486749" spans="14:14">
      <c r="N486749" s="10"/>
    </row>
    <row r="486750" spans="14:14">
      <c r="N486750" s="10"/>
    </row>
    <row r="486751" spans="14:14">
      <c r="N486751" s="10"/>
    </row>
    <row r="486752" spans="14:14">
      <c r="N486752" s="10"/>
    </row>
    <row r="486753" spans="14:14">
      <c r="N486753" s="10"/>
    </row>
    <row r="486754" spans="14:14">
      <c r="N486754" s="10"/>
    </row>
    <row r="486755" spans="14:14">
      <c r="N486755" s="10"/>
    </row>
    <row r="486756" spans="14:14">
      <c r="N486756" s="10"/>
    </row>
    <row r="486757" spans="14:14">
      <c r="N486757" s="10"/>
    </row>
    <row r="486758" spans="14:14">
      <c r="N486758" s="10"/>
    </row>
    <row r="486759" spans="14:14">
      <c r="N486759" s="10"/>
    </row>
    <row r="486760" spans="14:14">
      <c r="N486760" s="10"/>
    </row>
    <row r="486761" spans="14:14">
      <c r="N486761" s="10"/>
    </row>
    <row r="486762" spans="14:14">
      <c r="N486762" s="10"/>
    </row>
    <row r="486763" spans="14:14">
      <c r="N486763" s="10"/>
    </row>
    <row r="486764" spans="14:14">
      <c r="N486764" s="10"/>
    </row>
    <row r="486765" spans="14:14">
      <c r="N486765" s="10"/>
    </row>
    <row r="486766" spans="14:14">
      <c r="N486766" s="10"/>
    </row>
    <row r="486767" spans="14:14">
      <c r="N486767" s="10"/>
    </row>
    <row r="486768" spans="14:14">
      <c r="N486768" s="10"/>
    </row>
    <row r="486769" spans="14:14">
      <c r="N486769" s="10"/>
    </row>
    <row r="486770" spans="14:14">
      <c r="N486770" s="10"/>
    </row>
    <row r="486771" spans="14:14">
      <c r="N486771" s="10"/>
    </row>
    <row r="486772" spans="14:14">
      <c r="N486772" s="10"/>
    </row>
    <row r="486773" spans="14:14">
      <c r="N486773" s="10"/>
    </row>
    <row r="486774" spans="14:14">
      <c r="N486774" s="10"/>
    </row>
    <row r="486775" spans="14:14">
      <c r="N486775" s="10"/>
    </row>
    <row r="486776" spans="14:14">
      <c r="N486776" s="10"/>
    </row>
    <row r="486777" spans="14:14">
      <c r="N486777" s="10"/>
    </row>
    <row r="486778" spans="14:14">
      <c r="N486778" s="10"/>
    </row>
    <row r="486779" spans="14:14">
      <c r="N486779" s="10"/>
    </row>
    <row r="486780" spans="14:14">
      <c r="N486780" s="10"/>
    </row>
    <row r="486781" spans="14:14">
      <c r="N486781" s="10"/>
    </row>
    <row r="486782" spans="14:14">
      <c r="N486782" s="10"/>
    </row>
    <row r="486783" spans="14:14">
      <c r="N486783" s="10"/>
    </row>
    <row r="486784" spans="14:14">
      <c r="N486784" s="10"/>
    </row>
    <row r="486785" spans="14:14">
      <c r="N486785" s="10"/>
    </row>
    <row r="486786" spans="14:14">
      <c r="N486786" s="10"/>
    </row>
    <row r="486787" spans="14:14">
      <c r="N486787" s="10"/>
    </row>
    <row r="486788" spans="14:14">
      <c r="N486788" s="10"/>
    </row>
    <row r="486789" spans="14:14">
      <c r="N486789" s="10"/>
    </row>
    <row r="486790" spans="14:14">
      <c r="N486790" s="10"/>
    </row>
    <row r="486791" spans="14:14">
      <c r="N486791" s="10"/>
    </row>
    <row r="486792" spans="14:14">
      <c r="N486792" s="10"/>
    </row>
    <row r="486793" spans="14:14">
      <c r="N486793" s="10"/>
    </row>
    <row r="486794" spans="14:14">
      <c r="N486794" s="10"/>
    </row>
    <row r="486795" spans="14:14">
      <c r="N486795" s="10"/>
    </row>
    <row r="486796" spans="14:14">
      <c r="N486796" s="10"/>
    </row>
    <row r="486797" spans="14:14">
      <c r="N486797" s="10"/>
    </row>
    <row r="486798" spans="14:14">
      <c r="N486798" s="10"/>
    </row>
    <row r="486799" spans="14:14">
      <c r="N486799" s="10"/>
    </row>
    <row r="486800" spans="14:14">
      <c r="N486800" s="10"/>
    </row>
    <row r="486801" spans="14:14">
      <c r="N486801" s="10"/>
    </row>
    <row r="486802" spans="14:14">
      <c r="N486802" s="10"/>
    </row>
    <row r="486803" spans="14:14">
      <c r="N486803" s="10"/>
    </row>
    <row r="486804" spans="14:14">
      <c r="N486804" s="10"/>
    </row>
    <row r="486805" spans="14:14">
      <c r="N486805" s="10"/>
    </row>
    <row r="486806" spans="14:14">
      <c r="N486806" s="10"/>
    </row>
    <row r="486807" spans="14:14">
      <c r="N486807" s="10"/>
    </row>
    <row r="486808" spans="14:14">
      <c r="N486808" s="10"/>
    </row>
    <row r="486809" spans="14:14">
      <c r="N486809" s="10"/>
    </row>
    <row r="486810" spans="14:14">
      <c r="N486810" s="10"/>
    </row>
    <row r="486811" spans="14:14">
      <c r="N486811" s="10"/>
    </row>
    <row r="486812" spans="14:14">
      <c r="N486812" s="10"/>
    </row>
    <row r="486813" spans="14:14">
      <c r="N486813" s="10"/>
    </row>
    <row r="486814" spans="14:14">
      <c r="N486814" s="10"/>
    </row>
    <row r="486815" spans="14:14">
      <c r="N486815" s="10"/>
    </row>
    <row r="486816" spans="14:14">
      <c r="N486816" s="10"/>
    </row>
    <row r="486817" spans="14:14">
      <c r="N486817" s="10"/>
    </row>
    <row r="486818" spans="14:14">
      <c r="N486818" s="10"/>
    </row>
    <row r="486819" spans="14:14">
      <c r="N486819" s="10"/>
    </row>
    <row r="486820" spans="14:14">
      <c r="N486820" s="10"/>
    </row>
    <row r="486821" spans="14:14">
      <c r="N486821" s="10"/>
    </row>
    <row r="486822" spans="14:14">
      <c r="N486822" s="10"/>
    </row>
    <row r="486823" spans="14:14">
      <c r="N486823" s="10"/>
    </row>
    <row r="486824" spans="14:14">
      <c r="N486824" s="10"/>
    </row>
    <row r="486825" spans="14:14">
      <c r="N486825" s="10"/>
    </row>
    <row r="486826" spans="14:14">
      <c r="N486826" s="10"/>
    </row>
    <row r="486827" spans="14:14">
      <c r="N486827" s="10"/>
    </row>
    <row r="486828" spans="14:14">
      <c r="N486828" s="10"/>
    </row>
    <row r="486829" spans="14:14">
      <c r="N486829" s="10"/>
    </row>
    <row r="486830" spans="14:14">
      <c r="N486830" s="10"/>
    </row>
    <row r="486831" spans="14:14">
      <c r="N486831" s="10"/>
    </row>
    <row r="486832" spans="14:14">
      <c r="N486832" s="10"/>
    </row>
    <row r="486833" spans="14:14">
      <c r="N486833" s="10"/>
    </row>
    <row r="486834" spans="14:14">
      <c r="N486834" s="10"/>
    </row>
    <row r="486835" spans="14:14">
      <c r="N486835" s="10"/>
    </row>
    <row r="486836" spans="14:14">
      <c r="N486836" s="10"/>
    </row>
    <row r="486837" spans="14:14">
      <c r="N486837" s="10"/>
    </row>
    <row r="486838" spans="14:14">
      <c r="N486838" s="10"/>
    </row>
    <row r="486839" spans="14:14">
      <c r="N486839" s="10"/>
    </row>
    <row r="486840" spans="14:14">
      <c r="N486840" s="10"/>
    </row>
    <row r="486841" spans="14:14">
      <c r="N486841" s="10"/>
    </row>
    <row r="486842" spans="14:14">
      <c r="N486842" s="10"/>
    </row>
    <row r="486843" spans="14:14">
      <c r="N486843" s="10"/>
    </row>
    <row r="486844" spans="14:14">
      <c r="N486844" s="10"/>
    </row>
    <row r="486845" spans="14:14">
      <c r="N486845" s="10"/>
    </row>
    <row r="486846" spans="14:14">
      <c r="N486846" s="10"/>
    </row>
    <row r="486847" spans="14:14">
      <c r="N486847" s="10"/>
    </row>
    <row r="486848" spans="14:14">
      <c r="N486848" s="10"/>
    </row>
    <row r="486849" spans="14:14">
      <c r="N486849" s="10"/>
    </row>
    <row r="486850" spans="14:14">
      <c r="N486850" s="10"/>
    </row>
    <row r="486851" spans="14:14">
      <c r="N486851" s="10"/>
    </row>
    <row r="486852" spans="14:14">
      <c r="N486852" s="10"/>
    </row>
    <row r="486853" spans="14:14">
      <c r="N486853" s="10"/>
    </row>
    <row r="486854" spans="14:14">
      <c r="N486854" s="10"/>
    </row>
    <row r="486855" spans="14:14">
      <c r="N486855" s="10"/>
    </row>
    <row r="486856" spans="14:14">
      <c r="N486856" s="10"/>
    </row>
    <row r="486857" spans="14:14">
      <c r="N486857" s="10"/>
    </row>
    <row r="486858" spans="14:14">
      <c r="N486858" s="10"/>
    </row>
    <row r="486859" spans="14:14">
      <c r="N486859" s="10"/>
    </row>
    <row r="486860" spans="14:14">
      <c r="N486860" s="10"/>
    </row>
    <row r="486861" spans="14:14">
      <c r="N486861" s="10"/>
    </row>
    <row r="486862" spans="14:14">
      <c r="N486862" s="10"/>
    </row>
    <row r="486863" spans="14:14">
      <c r="N486863" s="10"/>
    </row>
    <row r="486864" spans="14:14">
      <c r="N486864" s="10"/>
    </row>
    <row r="486865" spans="14:14">
      <c r="N486865" s="10"/>
    </row>
    <row r="486866" spans="14:14">
      <c r="N486866" s="10"/>
    </row>
    <row r="486867" spans="14:14">
      <c r="N486867" s="10"/>
    </row>
    <row r="486868" spans="14:14">
      <c r="N486868" s="10"/>
    </row>
    <row r="486869" spans="14:14">
      <c r="N486869" s="10"/>
    </row>
    <row r="486870" spans="14:14">
      <c r="N486870" s="10"/>
    </row>
    <row r="486871" spans="14:14">
      <c r="N486871" s="10"/>
    </row>
    <row r="486872" spans="14:14">
      <c r="N486872" s="10"/>
    </row>
    <row r="486873" spans="14:14">
      <c r="N486873" s="10"/>
    </row>
    <row r="486874" spans="14:14">
      <c r="N486874" s="10"/>
    </row>
    <row r="486875" spans="14:14">
      <c r="N486875" s="10"/>
    </row>
    <row r="486876" spans="14:14">
      <c r="N486876" s="10"/>
    </row>
    <row r="486877" spans="14:14">
      <c r="N486877" s="10"/>
    </row>
    <row r="486878" spans="14:14">
      <c r="N486878" s="10"/>
    </row>
    <row r="486879" spans="14:14">
      <c r="N486879" s="10"/>
    </row>
    <row r="486880" spans="14:14">
      <c r="N486880" s="10"/>
    </row>
    <row r="486881" spans="14:14">
      <c r="N486881" s="10"/>
    </row>
    <row r="486882" spans="14:14">
      <c r="N486882" s="10"/>
    </row>
    <row r="486883" spans="14:14">
      <c r="N486883" s="10"/>
    </row>
    <row r="486884" spans="14:14">
      <c r="N486884" s="10"/>
    </row>
    <row r="486885" spans="14:14">
      <c r="N486885" s="10"/>
    </row>
    <row r="486886" spans="14:14">
      <c r="N486886" s="10"/>
    </row>
    <row r="486887" spans="14:14">
      <c r="N486887" s="10"/>
    </row>
    <row r="486888" spans="14:14">
      <c r="N486888" s="10"/>
    </row>
    <row r="486889" spans="14:14">
      <c r="N486889" s="10"/>
    </row>
    <row r="486890" spans="14:14">
      <c r="N486890" s="10"/>
    </row>
    <row r="486891" spans="14:14">
      <c r="N486891" s="10"/>
    </row>
    <row r="486892" spans="14:14">
      <c r="N486892" s="10"/>
    </row>
    <row r="486893" spans="14:14">
      <c r="N486893" s="10"/>
    </row>
    <row r="486894" spans="14:14">
      <c r="N486894" s="10"/>
    </row>
    <row r="486895" spans="14:14">
      <c r="N486895" s="10"/>
    </row>
    <row r="486896" spans="14:14">
      <c r="N486896" s="10"/>
    </row>
    <row r="486897" spans="14:14">
      <c r="N486897" s="10"/>
    </row>
    <row r="486898" spans="14:14">
      <c r="N486898" s="10"/>
    </row>
    <row r="486899" spans="14:14">
      <c r="N486899" s="10"/>
    </row>
    <row r="486900" spans="14:14">
      <c r="N486900" s="10"/>
    </row>
    <row r="486901" spans="14:14">
      <c r="N486901" s="10"/>
    </row>
    <row r="486902" spans="14:14">
      <c r="N486902" s="10"/>
    </row>
    <row r="486903" spans="14:14">
      <c r="N486903" s="10"/>
    </row>
    <row r="486904" spans="14:14">
      <c r="N486904" s="10"/>
    </row>
    <row r="486905" spans="14:14">
      <c r="N486905" s="10"/>
    </row>
    <row r="486906" spans="14:14">
      <c r="N486906" s="10"/>
    </row>
    <row r="486907" spans="14:14">
      <c r="N486907" s="10"/>
    </row>
    <row r="486908" spans="14:14">
      <c r="N486908" s="10"/>
    </row>
    <row r="486909" spans="14:14">
      <c r="N486909" s="10"/>
    </row>
    <row r="486910" spans="14:14">
      <c r="N486910" s="10"/>
    </row>
    <row r="486911" spans="14:14">
      <c r="N486911" s="10"/>
    </row>
    <row r="486912" spans="14:14">
      <c r="N486912" s="10"/>
    </row>
    <row r="486913" spans="14:14">
      <c r="N486913" s="10"/>
    </row>
    <row r="486914" spans="14:14">
      <c r="N486914" s="10"/>
    </row>
    <row r="486915" spans="14:14">
      <c r="N486915" s="10"/>
    </row>
    <row r="486916" spans="14:14">
      <c r="N486916" s="10"/>
    </row>
    <row r="486917" spans="14:14">
      <c r="N486917" s="10"/>
    </row>
    <row r="486918" spans="14:14">
      <c r="N486918" s="10"/>
    </row>
    <row r="486919" spans="14:14">
      <c r="N486919" s="10"/>
    </row>
    <row r="486920" spans="14:14">
      <c r="N486920" s="10"/>
    </row>
    <row r="486921" spans="14:14">
      <c r="N486921" s="10"/>
    </row>
    <row r="486922" spans="14:14">
      <c r="N486922" s="10"/>
    </row>
    <row r="486923" spans="14:14">
      <c r="N486923" s="10"/>
    </row>
    <row r="486924" spans="14:14">
      <c r="N486924" s="10"/>
    </row>
    <row r="486925" spans="14:14">
      <c r="N486925" s="10"/>
    </row>
    <row r="486926" spans="14:14">
      <c r="N486926" s="10"/>
    </row>
    <row r="486927" spans="14:14">
      <c r="N486927" s="10"/>
    </row>
    <row r="486928" spans="14:14">
      <c r="N486928" s="10"/>
    </row>
    <row r="486929" spans="14:14">
      <c r="N486929" s="10"/>
    </row>
    <row r="486930" spans="14:14">
      <c r="N486930" s="10"/>
    </row>
    <row r="486931" spans="14:14">
      <c r="N486931" s="10"/>
    </row>
    <row r="486932" spans="14:14">
      <c r="N486932" s="10"/>
    </row>
    <row r="486933" spans="14:14">
      <c r="N486933" s="10"/>
    </row>
    <row r="486934" spans="14:14">
      <c r="N486934" s="10"/>
    </row>
    <row r="486935" spans="14:14">
      <c r="N486935" s="10"/>
    </row>
    <row r="486936" spans="14:14">
      <c r="N486936" s="10"/>
    </row>
    <row r="486937" spans="14:14">
      <c r="N486937" s="10"/>
    </row>
    <row r="486938" spans="14:14">
      <c r="N486938" s="10"/>
    </row>
    <row r="486939" spans="14:14">
      <c r="N486939" s="10"/>
    </row>
    <row r="486940" spans="14:14">
      <c r="N486940" s="10"/>
    </row>
    <row r="486941" spans="14:14">
      <c r="N486941" s="10"/>
    </row>
    <row r="486942" spans="14:14">
      <c r="N486942" s="10"/>
    </row>
    <row r="486943" spans="14:14">
      <c r="N486943" s="10"/>
    </row>
    <row r="486944" spans="14:14">
      <c r="N486944" s="10"/>
    </row>
    <row r="486945" spans="14:14">
      <c r="N486945" s="10"/>
    </row>
    <row r="486946" spans="14:14">
      <c r="N486946" s="10"/>
    </row>
    <row r="486947" spans="14:14">
      <c r="N486947" s="10"/>
    </row>
    <row r="486948" spans="14:14">
      <c r="N486948" s="10"/>
    </row>
    <row r="486949" spans="14:14">
      <c r="N486949" s="10"/>
    </row>
    <row r="486950" spans="14:14">
      <c r="N486950" s="10"/>
    </row>
    <row r="486951" spans="14:14">
      <c r="N486951" s="10"/>
    </row>
    <row r="486952" spans="14:14">
      <c r="N486952" s="10"/>
    </row>
    <row r="486953" spans="14:14">
      <c r="N486953" s="10"/>
    </row>
    <row r="486954" spans="14:14">
      <c r="N486954" s="10"/>
    </row>
    <row r="486955" spans="14:14">
      <c r="N486955" s="10"/>
    </row>
    <row r="486956" spans="14:14">
      <c r="N486956" s="10"/>
    </row>
    <row r="486957" spans="14:14">
      <c r="N486957" s="10"/>
    </row>
    <row r="486958" spans="14:14">
      <c r="N486958" s="10"/>
    </row>
    <row r="486959" spans="14:14">
      <c r="N486959" s="10"/>
    </row>
    <row r="486960" spans="14:14">
      <c r="N486960" s="10"/>
    </row>
    <row r="486961" spans="14:14">
      <c r="N486961" s="10"/>
    </row>
    <row r="486962" spans="14:14">
      <c r="N486962" s="10"/>
    </row>
    <row r="486963" spans="14:14">
      <c r="N486963" s="10"/>
    </row>
    <row r="486964" spans="14:14">
      <c r="N486964" s="10"/>
    </row>
    <row r="486965" spans="14:14">
      <c r="N486965" s="10"/>
    </row>
    <row r="486966" spans="14:14">
      <c r="N486966" s="10"/>
    </row>
    <row r="486967" spans="14:14">
      <c r="N486967" s="10"/>
    </row>
    <row r="486968" spans="14:14">
      <c r="N486968" s="10"/>
    </row>
    <row r="486969" spans="14:14">
      <c r="N486969" s="10"/>
    </row>
    <row r="486970" spans="14:14">
      <c r="N486970" s="10"/>
    </row>
    <row r="486971" spans="14:14">
      <c r="N486971" s="10"/>
    </row>
    <row r="486972" spans="14:14">
      <c r="N486972" s="10"/>
    </row>
    <row r="486973" spans="14:14">
      <c r="N486973" s="10"/>
    </row>
    <row r="486974" spans="14:14">
      <c r="N486974" s="10"/>
    </row>
    <row r="486975" spans="14:14">
      <c r="N486975" s="10"/>
    </row>
    <row r="486976" spans="14:14">
      <c r="N486976" s="10"/>
    </row>
    <row r="486977" spans="14:14">
      <c r="N486977" s="10"/>
    </row>
    <row r="486978" spans="14:14">
      <c r="N486978" s="10"/>
    </row>
    <row r="486979" spans="14:14">
      <c r="N486979" s="10"/>
    </row>
    <row r="486980" spans="14:14">
      <c r="N486980" s="10"/>
    </row>
    <row r="486981" spans="14:14">
      <c r="N486981" s="10"/>
    </row>
    <row r="486982" spans="14:14">
      <c r="N486982" s="10"/>
    </row>
    <row r="486983" spans="14:14">
      <c r="N486983" s="10"/>
    </row>
    <row r="486984" spans="14:14">
      <c r="N486984" s="10"/>
    </row>
    <row r="486985" spans="14:14">
      <c r="N486985" s="10"/>
    </row>
    <row r="486986" spans="14:14">
      <c r="N486986" s="10"/>
    </row>
    <row r="486987" spans="14:14">
      <c r="N486987" s="10"/>
    </row>
    <row r="486988" spans="14:14">
      <c r="N486988" s="10"/>
    </row>
    <row r="486989" spans="14:14">
      <c r="N486989" s="10"/>
    </row>
    <row r="486990" spans="14:14">
      <c r="N486990" s="10"/>
    </row>
    <row r="486991" spans="14:14">
      <c r="N486991" s="10"/>
    </row>
    <row r="486992" spans="14:14">
      <c r="N486992" s="10"/>
    </row>
    <row r="486993" spans="14:14">
      <c r="N486993" s="10"/>
    </row>
    <row r="486994" spans="14:14">
      <c r="N486994" s="10"/>
    </row>
    <row r="486995" spans="14:14">
      <c r="N486995" s="10"/>
    </row>
    <row r="486996" spans="14:14">
      <c r="N486996" s="10"/>
    </row>
    <row r="486997" spans="14:14">
      <c r="N486997" s="10"/>
    </row>
    <row r="486998" spans="14:14">
      <c r="N486998" s="10"/>
    </row>
    <row r="486999" spans="14:14">
      <c r="N486999" s="10"/>
    </row>
    <row r="487000" spans="14:14">
      <c r="N487000" s="10"/>
    </row>
    <row r="487001" spans="14:14">
      <c r="N487001" s="10"/>
    </row>
    <row r="487002" spans="14:14">
      <c r="N487002" s="10"/>
    </row>
    <row r="487003" spans="14:14">
      <c r="N487003" s="10"/>
    </row>
    <row r="487004" spans="14:14">
      <c r="N487004" s="10"/>
    </row>
    <row r="487005" spans="14:14">
      <c r="N487005" s="10"/>
    </row>
    <row r="487006" spans="14:14">
      <c r="N487006" s="10"/>
    </row>
    <row r="487007" spans="14:14">
      <c r="N487007" s="10"/>
    </row>
    <row r="487008" spans="14:14">
      <c r="N487008" s="10"/>
    </row>
    <row r="487009" spans="14:14">
      <c r="N487009" s="10"/>
    </row>
    <row r="487010" spans="14:14">
      <c r="N487010" s="10"/>
    </row>
    <row r="487011" spans="14:14">
      <c r="N487011" s="10"/>
    </row>
    <row r="487012" spans="14:14">
      <c r="N487012" s="10"/>
    </row>
    <row r="487013" spans="14:14">
      <c r="N487013" s="10"/>
    </row>
    <row r="487014" spans="14:14">
      <c r="N487014" s="10"/>
    </row>
    <row r="487015" spans="14:14">
      <c r="N487015" s="10"/>
    </row>
    <row r="487016" spans="14:14">
      <c r="N487016" s="10"/>
    </row>
    <row r="487017" spans="14:14">
      <c r="N487017" s="10"/>
    </row>
    <row r="487018" spans="14:14">
      <c r="N487018" s="10"/>
    </row>
    <row r="487019" spans="14:14">
      <c r="N487019" s="10"/>
    </row>
    <row r="487020" spans="14:14">
      <c r="N487020" s="10"/>
    </row>
    <row r="487021" spans="14:14">
      <c r="N487021" s="10"/>
    </row>
    <row r="487022" spans="14:14">
      <c r="N487022" s="10"/>
    </row>
    <row r="487023" spans="14:14">
      <c r="N487023" s="10"/>
    </row>
    <row r="487024" spans="14:14">
      <c r="N487024" s="10"/>
    </row>
    <row r="487025" spans="14:14">
      <c r="N487025" s="10"/>
    </row>
    <row r="487026" spans="14:14">
      <c r="N487026" s="10"/>
    </row>
    <row r="487027" spans="14:14">
      <c r="N487027" s="10"/>
    </row>
    <row r="487028" spans="14:14">
      <c r="N487028" s="10"/>
    </row>
    <row r="487029" spans="14:14">
      <c r="N487029" s="10"/>
    </row>
    <row r="487030" spans="14:14">
      <c r="N487030" s="10"/>
    </row>
    <row r="487031" spans="14:14">
      <c r="N487031" s="10"/>
    </row>
    <row r="487032" spans="14:14">
      <c r="N487032" s="10"/>
    </row>
    <row r="487033" spans="14:14">
      <c r="N487033" s="10"/>
    </row>
    <row r="487034" spans="14:14">
      <c r="N487034" s="10"/>
    </row>
    <row r="487035" spans="14:14">
      <c r="N487035" s="10"/>
    </row>
    <row r="487036" spans="14:14">
      <c r="N487036" s="10"/>
    </row>
    <row r="487037" spans="14:14">
      <c r="N487037" s="10"/>
    </row>
    <row r="487038" spans="14:14">
      <c r="N487038" s="10"/>
    </row>
    <row r="487039" spans="14:14">
      <c r="N487039" s="10"/>
    </row>
    <row r="487040" spans="14:14">
      <c r="N487040" s="10"/>
    </row>
    <row r="487041" spans="14:14">
      <c r="N487041" s="10"/>
    </row>
    <row r="487042" spans="14:14">
      <c r="N487042" s="10"/>
    </row>
    <row r="487043" spans="14:14">
      <c r="N487043" s="10"/>
    </row>
    <row r="487044" spans="14:14">
      <c r="N487044" s="10"/>
    </row>
    <row r="487045" spans="14:14">
      <c r="N487045" s="10"/>
    </row>
    <row r="487046" spans="14:14">
      <c r="N487046" s="10"/>
    </row>
    <row r="487047" spans="14:14">
      <c r="N487047" s="10"/>
    </row>
    <row r="487048" spans="14:14">
      <c r="N487048" s="10"/>
    </row>
    <row r="487049" spans="14:14">
      <c r="N487049" s="10"/>
    </row>
    <row r="487050" spans="14:14">
      <c r="N487050" s="10"/>
    </row>
    <row r="487051" spans="14:14">
      <c r="N487051" s="10"/>
    </row>
    <row r="487052" spans="14:14">
      <c r="N487052" s="10"/>
    </row>
    <row r="487053" spans="14:14">
      <c r="N487053" s="10"/>
    </row>
    <row r="487054" spans="14:14">
      <c r="N487054" s="10"/>
    </row>
    <row r="487055" spans="14:14">
      <c r="N487055" s="10"/>
    </row>
    <row r="487056" spans="14:14">
      <c r="N487056" s="10"/>
    </row>
    <row r="487057" spans="14:14">
      <c r="N487057" s="10"/>
    </row>
    <row r="487058" spans="14:14">
      <c r="N487058" s="10"/>
    </row>
    <row r="487059" spans="14:14">
      <c r="N487059" s="10"/>
    </row>
    <row r="487060" spans="14:14">
      <c r="N487060" s="10"/>
    </row>
    <row r="487061" spans="14:14">
      <c r="N487061" s="10"/>
    </row>
    <row r="487062" spans="14:14">
      <c r="N487062" s="10"/>
    </row>
    <row r="487063" spans="14:14">
      <c r="N487063" s="10"/>
    </row>
    <row r="487064" spans="14:14">
      <c r="N487064" s="10"/>
    </row>
    <row r="487065" spans="14:14">
      <c r="N487065" s="10"/>
    </row>
    <row r="487066" spans="14:14">
      <c r="N487066" s="10"/>
    </row>
    <row r="487067" spans="14:14">
      <c r="N487067" s="10"/>
    </row>
    <row r="487068" spans="14:14">
      <c r="N487068" s="10"/>
    </row>
    <row r="487069" spans="14:14">
      <c r="N487069" s="10"/>
    </row>
    <row r="487070" spans="14:14">
      <c r="N487070" s="10"/>
    </row>
    <row r="487071" spans="14:14">
      <c r="N487071" s="10"/>
    </row>
    <row r="487072" spans="14:14">
      <c r="N487072" s="10"/>
    </row>
    <row r="487073" spans="14:14">
      <c r="N487073" s="10"/>
    </row>
    <row r="487074" spans="14:14">
      <c r="N487074" s="10"/>
    </row>
    <row r="487075" spans="14:14">
      <c r="N487075" s="10"/>
    </row>
    <row r="487076" spans="14:14">
      <c r="N487076" s="10"/>
    </row>
    <row r="487077" spans="14:14">
      <c r="N487077" s="10"/>
    </row>
    <row r="487078" spans="14:14">
      <c r="N487078" s="10"/>
    </row>
    <row r="487079" spans="14:14">
      <c r="N487079" s="10"/>
    </row>
    <row r="487080" spans="14:14">
      <c r="N487080" s="10"/>
    </row>
    <row r="487081" spans="14:14">
      <c r="N487081" s="10"/>
    </row>
    <row r="487082" spans="14:14">
      <c r="N487082" s="10"/>
    </row>
    <row r="487083" spans="14:14">
      <c r="N487083" s="10"/>
    </row>
    <row r="487084" spans="14:14">
      <c r="N487084" s="10"/>
    </row>
    <row r="487085" spans="14:14">
      <c r="N487085" s="10"/>
    </row>
    <row r="487086" spans="14:14">
      <c r="N487086" s="10"/>
    </row>
    <row r="487087" spans="14:14">
      <c r="N487087" s="10"/>
    </row>
    <row r="487088" spans="14:14">
      <c r="N487088" s="10"/>
    </row>
    <row r="487089" spans="14:14">
      <c r="N487089" s="10"/>
    </row>
    <row r="487090" spans="14:14">
      <c r="N487090" s="10"/>
    </row>
    <row r="487091" spans="14:14">
      <c r="N487091" s="10"/>
    </row>
    <row r="487092" spans="14:14">
      <c r="N487092" s="10"/>
    </row>
    <row r="487093" spans="14:14">
      <c r="N487093" s="10"/>
    </row>
    <row r="487094" spans="14:14">
      <c r="N487094" s="10"/>
    </row>
    <row r="487095" spans="14:14">
      <c r="N487095" s="10"/>
    </row>
    <row r="487096" spans="14:14">
      <c r="N487096" s="10"/>
    </row>
    <row r="487097" spans="14:14">
      <c r="N487097" s="10"/>
    </row>
    <row r="487098" spans="14:14">
      <c r="N487098" s="10"/>
    </row>
    <row r="487099" spans="14:14">
      <c r="N487099" s="10"/>
    </row>
    <row r="487100" spans="14:14">
      <c r="N487100" s="10"/>
    </row>
    <row r="487101" spans="14:14">
      <c r="N487101" s="10"/>
    </row>
    <row r="487102" spans="14:14">
      <c r="N487102" s="10"/>
    </row>
    <row r="487103" spans="14:14">
      <c r="N487103" s="10"/>
    </row>
    <row r="487104" spans="14:14">
      <c r="N487104" s="10"/>
    </row>
    <row r="487105" spans="14:14">
      <c r="N487105" s="10"/>
    </row>
    <row r="487106" spans="14:14">
      <c r="N487106" s="10"/>
    </row>
    <row r="487107" spans="14:14">
      <c r="N487107" s="10"/>
    </row>
    <row r="487108" spans="14:14">
      <c r="N487108" s="10"/>
    </row>
    <row r="487109" spans="14:14">
      <c r="N487109" s="10"/>
    </row>
    <row r="487110" spans="14:14">
      <c r="N487110" s="10"/>
    </row>
    <row r="487111" spans="14:14">
      <c r="N487111" s="10"/>
    </row>
    <row r="487112" spans="14:14">
      <c r="N487112" s="10"/>
    </row>
    <row r="487113" spans="14:14">
      <c r="N487113" s="10"/>
    </row>
    <row r="487114" spans="14:14">
      <c r="N487114" s="10"/>
    </row>
    <row r="487115" spans="14:14">
      <c r="N487115" s="10"/>
    </row>
    <row r="487116" spans="14:14">
      <c r="N487116" s="10"/>
    </row>
    <row r="487117" spans="14:14">
      <c r="N487117" s="10"/>
    </row>
    <row r="487118" spans="14:14">
      <c r="N487118" s="10"/>
    </row>
    <row r="487119" spans="14:14">
      <c r="N487119" s="10"/>
    </row>
    <row r="487120" spans="14:14">
      <c r="N487120" s="10"/>
    </row>
    <row r="487121" spans="14:14">
      <c r="N487121" s="10"/>
    </row>
    <row r="487122" spans="14:14">
      <c r="N487122" s="10"/>
    </row>
    <row r="487123" spans="14:14">
      <c r="N487123" s="10"/>
    </row>
    <row r="487124" spans="14:14">
      <c r="N487124" s="10"/>
    </row>
    <row r="487125" spans="14:14">
      <c r="N487125" s="10"/>
    </row>
    <row r="487126" spans="14:14">
      <c r="N487126" s="10"/>
    </row>
    <row r="487127" spans="14:14">
      <c r="N487127" s="10"/>
    </row>
    <row r="487128" spans="14:14">
      <c r="N487128" s="10"/>
    </row>
    <row r="487129" spans="14:14">
      <c r="N487129" s="10"/>
    </row>
    <row r="487130" spans="14:14">
      <c r="N487130" s="10"/>
    </row>
    <row r="487131" spans="14:14">
      <c r="N487131" s="10"/>
    </row>
    <row r="487132" spans="14:14">
      <c r="N487132" s="10"/>
    </row>
    <row r="487133" spans="14:14">
      <c r="N487133" s="10"/>
    </row>
    <row r="487134" spans="14:14">
      <c r="N487134" s="10"/>
    </row>
    <row r="487135" spans="14:14">
      <c r="N487135" s="10"/>
    </row>
    <row r="487136" spans="14:14">
      <c r="N487136" s="10"/>
    </row>
    <row r="487137" spans="14:14">
      <c r="N487137" s="10"/>
    </row>
    <row r="487138" spans="14:14">
      <c r="N487138" s="10"/>
    </row>
    <row r="487139" spans="14:14">
      <c r="N487139" s="10"/>
    </row>
    <row r="487140" spans="14:14">
      <c r="N487140" s="10"/>
    </row>
    <row r="487141" spans="14:14">
      <c r="N487141" s="10"/>
    </row>
    <row r="487142" spans="14:14">
      <c r="N487142" s="10"/>
    </row>
    <row r="487143" spans="14:14">
      <c r="N487143" s="10"/>
    </row>
    <row r="487144" spans="14:14">
      <c r="N487144" s="10"/>
    </row>
    <row r="487145" spans="14:14">
      <c r="N487145" s="10"/>
    </row>
    <row r="487146" spans="14:14">
      <c r="N487146" s="10"/>
    </row>
    <row r="487147" spans="14:14">
      <c r="N487147" s="10"/>
    </row>
    <row r="487148" spans="14:14">
      <c r="N487148" s="10"/>
    </row>
    <row r="487149" spans="14:14">
      <c r="N487149" s="10"/>
    </row>
    <row r="487150" spans="14:14">
      <c r="N487150" s="10"/>
    </row>
    <row r="487151" spans="14:14">
      <c r="N487151" s="10"/>
    </row>
    <row r="487152" spans="14:14">
      <c r="N487152" s="10"/>
    </row>
    <row r="487153" spans="14:14">
      <c r="N487153" s="10"/>
    </row>
    <row r="487154" spans="14:14">
      <c r="N487154" s="10"/>
    </row>
    <row r="487155" spans="14:14">
      <c r="N487155" s="10"/>
    </row>
    <row r="487156" spans="14:14">
      <c r="N487156" s="10"/>
    </row>
    <row r="487157" spans="14:14">
      <c r="N487157" s="10"/>
    </row>
    <row r="487158" spans="14:14">
      <c r="N487158" s="10"/>
    </row>
    <row r="487159" spans="14:14">
      <c r="N487159" s="10"/>
    </row>
    <row r="487160" spans="14:14">
      <c r="N487160" s="10"/>
    </row>
    <row r="487161" spans="14:14">
      <c r="N487161" s="10"/>
    </row>
    <row r="487162" spans="14:14">
      <c r="N487162" s="10"/>
    </row>
    <row r="487163" spans="14:14">
      <c r="N487163" s="10"/>
    </row>
    <row r="487164" spans="14:14">
      <c r="N487164" s="10"/>
    </row>
    <row r="487165" spans="14:14">
      <c r="N487165" s="10"/>
    </row>
    <row r="487166" spans="14:14">
      <c r="N487166" s="10"/>
    </row>
    <row r="487167" spans="14:14">
      <c r="N487167" s="10"/>
    </row>
    <row r="487168" spans="14:14">
      <c r="N487168" s="10"/>
    </row>
    <row r="487169" spans="14:14">
      <c r="N487169" s="10"/>
    </row>
    <row r="487170" spans="14:14">
      <c r="N487170" s="10"/>
    </row>
    <row r="487171" spans="14:14">
      <c r="N487171" s="10"/>
    </row>
    <row r="487172" spans="14:14">
      <c r="N487172" s="10"/>
    </row>
    <row r="487173" spans="14:14">
      <c r="N487173" s="10"/>
    </row>
    <row r="487174" spans="14:14">
      <c r="N487174" s="10"/>
    </row>
    <row r="487175" spans="14:14">
      <c r="N487175" s="10"/>
    </row>
    <row r="487176" spans="14:14">
      <c r="N487176" s="10"/>
    </row>
    <row r="487177" spans="14:14">
      <c r="N487177" s="10"/>
    </row>
    <row r="487178" spans="14:14">
      <c r="N487178" s="10"/>
    </row>
    <row r="487179" spans="14:14">
      <c r="N487179" s="10"/>
    </row>
    <row r="487180" spans="14:14">
      <c r="N487180" s="10"/>
    </row>
    <row r="487181" spans="14:14">
      <c r="N487181" s="10"/>
    </row>
    <row r="487182" spans="14:14">
      <c r="N487182" s="10"/>
    </row>
    <row r="487183" spans="14:14">
      <c r="N487183" s="10"/>
    </row>
    <row r="487184" spans="14:14">
      <c r="N487184" s="10"/>
    </row>
    <row r="487185" spans="14:14">
      <c r="N487185" s="10"/>
    </row>
    <row r="487186" spans="14:14">
      <c r="N487186" s="10"/>
    </row>
    <row r="487187" spans="14:14">
      <c r="N487187" s="10"/>
    </row>
    <row r="487188" spans="14:14">
      <c r="N487188" s="10"/>
    </row>
    <row r="487189" spans="14:14">
      <c r="N487189" s="10"/>
    </row>
    <row r="487190" spans="14:14">
      <c r="N487190" s="10"/>
    </row>
    <row r="487191" spans="14:14">
      <c r="N487191" s="10"/>
    </row>
    <row r="487192" spans="14:14">
      <c r="N487192" s="10"/>
    </row>
    <row r="487193" spans="14:14">
      <c r="N487193" s="10"/>
    </row>
    <row r="487194" spans="14:14">
      <c r="N487194" s="10"/>
    </row>
    <row r="487195" spans="14:14">
      <c r="N487195" s="10"/>
    </row>
    <row r="487196" spans="14:14">
      <c r="N487196" s="10"/>
    </row>
    <row r="487197" spans="14:14">
      <c r="N487197" s="10"/>
    </row>
    <row r="487198" spans="14:14">
      <c r="N487198" s="10"/>
    </row>
    <row r="487199" spans="14:14">
      <c r="N487199" s="10"/>
    </row>
    <row r="487200" spans="14:14">
      <c r="N487200" s="10"/>
    </row>
    <row r="487201" spans="14:14">
      <c r="N487201" s="10"/>
    </row>
    <row r="487202" spans="14:14">
      <c r="N487202" s="10"/>
    </row>
    <row r="487203" spans="14:14">
      <c r="N487203" s="10"/>
    </row>
    <row r="487204" spans="14:14">
      <c r="N487204" s="10"/>
    </row>
    <row r="487205" spans="14:14">
      <c r="N487205" s="10"/>
    </row>
    <row r="487206" spans="14:14">
      <c r="N487206" s="10"/>
    </row>
    <row r="487207" spans="14:14">
      <c r="N487207" s="10"/>
    </row>
    <row r="487208" spans="14:14">
      <c r="N487208" s="10"/>
    </row>
    <row r="487209" spans="14:14">
      <c r="N487209" s="10"/>
    </row>
    <row r="487210" spans="14:14">
      <c r="N487210" s="10"/>
    </row>
    <row r="487211" spans="14:14">
      <c r="N487211" s="10"/>
    </row>
    <row r="487212" spans="14:14">
      <c r="N487212" s="10"/>
    </row>
    <row r="487213" spans="14:14">
      <c r="N487213" s="10"/>
    </row>
    <row r="487214" spans="14:14">
      <c r="N487214" s="10"/>
    </row>
    <row r="487215" spans="14:14">
      <c r="N487215" s="10"/>
    </row>
    <row r="487216" spans="14:14">
      <c r="N487216" s="10"/>
    </row>
    <row r="487217" spans="14:14">
      <c r="N487217" s="10"/>
    </row>
    <row r="487218" spans="14:14">
      <c r="N487218" s="10"/>
    </row>
    <row r="487219" spans="14:14">
      <c r="N487219" s="10"/>
    </row>
    <row r="487220" spans="14:14">
      <c r="N487220" s="10"/>
    </row>
    <row r="487221" spans="14:14">
      <c r="N487221" s="10"/>
    </row>
    <row r="487222" spans="14:14">
      <c r="N487222" s="10"/>
    </row>
    <row r="487223" spans="14:14">
      <c r="N487223" s="10"/>
    </row>
    <row r="487224" spans="14:14">
      <c r="N487224" s="10"/>
    </row>
    <row r="487225" spans="14:14">
      <c r="N487225" s="10"/>
    </row>
    <row r="487226" spans="14:14">
      <c r="N487226" s="10"/>
    </row>
    <row r="487227" spans="14:14">
      <c r="N487227" s="10"/>
    </row>
    <row r="487228" spans="14:14">
      <c r="N487228" s="10"/>
    </row>
    <row r="487229" spans="14:14">
      <c r="N487229" s="10"/>
    </row>
    <row r="487230" spans="14:14">
      <c r="N487230" s="10"/>
    </row>
    <row r="487231" spans="14:14">
      <c r="N487231" s="10"/>
    </row>
    <row r="487232" spans="14:14">
      <c r="N487232" s="10"/>
    </row>
    <row r="487233" spans="14:14">
      <c r="N487233" s="10"/>
    </row>
    <row r="487234" spans="14:14">
      <c r="N487234" s="10"/>
    </row>
    <row r="487235" spans="14:14">
      <c r="N487235" s="10"/>
    </row>
    <row r="487236" spans="14:14">
      <c r="N487236" s="10"/>
    </row>
    <row r="487237" spans="14:14">
      <c r="N487237" s="10"/>
    </row>
    <row r="487238" spans="14:14">
      <c r="N487238" s="10"/>
    </row>
    <row r="487239" spans="14:14">
      <c r="N487239" s="10"/>
    </row>
    <row r="487240" spans="14:14">
      <c r="N487240" s="10"/>
    </row>
    <row r="487241" spans="14:14">
      <c r="N487241" s="10"/>
    </row>
    <row r="487242" spans="14:14">
      <c r="N487242" s="10"/>
    </row>
    <row r="487243" spans="14:14">
      <c r="N487243" s="10"/>
    </row>
    <row r="487244" spans="14:14">
      <c r="N487244" s="10"/>
    </row>
    <row r="487245" spans="14:14">
      <c r="N487245" s="10"/>
    </row>
    <row r="487246" spans="14:14">
      <c r="N487246" s="10"/>
    </row>
    <row r="487247" spans="14:14">
      <c r="N487247" s="10"/>
    </row>
    <row r="487248" spans="14:14">
      <c r="N487248" s="10"/>
    </row>
    <row r="487249" spans="14:14">
      <c r="N487249" s="10"/>
    </row>
    <row r="487250" spans="14:14">
      <c r="N487250" s="10"/>
    </row>
    <row r="487251" spans="14:14">
      <c r="N487251" s="10"/>
    </row>
    <row r="487252" spans="14:14">
      <c r="N487252" s="10"/>
    </row>
    <row r="487253" spans="14:14">
      <c r="N487253" s="10"/>
    </row>
    <row r="487254" spans="14:14">
      <c r="N487254" s="10"/>
    </row>
    <row r="487255" spans="14:14">
      <c r="N487255" s="10"/>
    </row>
    <row r="487256" spans="14:14">
      <c r="N487256" s="10"/>
    </row>
    <row r="487257" spans="14:14">
      <c r="N487257" s="10"/>
    </row>
    <row r="487258" spans="14:14">
      <c r="N487258" s="10"/>
    </row>
    <row r="487259" spans="14:14">
      <c r="N487259" s="10"/>
    </row>
    <row r="487260" spans="14:14">
      <c r="N487260" s="10"/>
    </row>
    <row r="487261" spans="14:14">
      <c r="N487261" s="10"/>
    </row>
    <row r="487262" spans="14:14">
      <c r="N487262" s="10"/>
    </row>
    <row r="487263" spans="14:14">
      <c r="N487263" s="10"/>
    </row>
    <row r="487264" spans="14:14">
      <c r="N487264" s="10"/>
    </row>
    <row r="487265" spans="14:14">
      <c r="N487265" s="10"/>
    </row>
    <row r="487266" spans="14:14">
      <c r="N487266" s="10"/>
    </row>
    <row r="487267" spans="14:14">
      <c r="N487267" s="10"/>
    </row>
    <row r="487268" spans="14:14">
      <c r="N487268" s="10"/>
    </row>
    <row r="487269" spans="14:14">
      <c r="N487269" s="10"/>
    </row>
    <row r="487270" spans="14:14">
      <c r="N487270" s="10"/>
    </row>
    <row r="487271" spans="14:14">
      <c r="N487271" s="10"/>
    </row>
    <row r="487272" spans="14:14">
      <c r="N487272" s="10"/>
    </row>
    <row r="487273" spans="14:14">
      <c r="N487273" s="10"/>
    </row>
    <row r="487274" spans="14:14">
      <c r="N487274" s="10"/>
    </row>
    <row r="487275" spans="14:14">
      <c r="N487275" s="10"/>
    </row>
    <row r="487276" spans="14:14">
      <c r="N487276" s="10"/>
    </row>
    <row r="487277" spans="14:14">
      <c r="N487277" s="10"/>
    </row>
    <row r="487278" spans="14:14">
      <c r="N487278" s="10"/>
    </row>
    <row r="487279" spans="14:14">
      <c r="N487279" s="10"/>
    </row>
    <row r="487280" spans="14:14">
      <c r="N487280" s="10"/>
    </row>
    <row r="487281" spans="14:14">
      <c r="N487281" s="10"/>
    </row>
    <row r="487282" spans="14:14">
      <c r="N487282" s="10"/>
    </row>
    <row r="487283" spans="14:14">
      <c r="N487283" s="10"/>
    </row>
    <row r="487284" spans="14:14">
      <c r="N487284" s="10"/>
    </row>
    <row r="487285" spans="14:14">
      <c r="N487285" s="10"/>
    </row>
    <row r="487286" spans="14:14">
      <c r="N487286" s="10"/>
    </row>
    <row r="487287" spans="14:14">
      <c r="N487287" s="10"/>
    </row>
    <row r="487288" spans="14:14">
      <c r="N487288" s="10"/>
    </row>
    <row r="487289" spans="14:14">
      <c r="N487289" s="10"/>
    </row>
    <row r="487290" spans="14:14">
      <c r="N487290" s="10"/>
    </row>
    <row r="487291" spans="14:14">
      <c r="N487291" s="10"/>
    </row>
    <row r="487292" spans="14:14">
      <c r="N487292" s="10"/>
    </row>
    <row r="487293" spans="14:14">
      <c r="N487293" s="10"/>
    </row>
    <row r="487294" spans="14:14">
      <c r="N487294" s="10"/>
    </row>
    <row r="487295" spans="14:14">
      <c r="N487295" s="10"/>
    </row>
    <row r="487296" spans="14:14">
      <c r="N487296" s="10"/>
    </row>
    <row r="487297" spans="14:14">
      <c r="N487297" s="10"/>
    </row>
    <row r="487298" spans="14:14">
      <c r="N487298" s="10"/>
    </row>
    <row r="487299" spans="14:14">
      <c r="N487299" s="10"/>
    </row>
    <row r="487300" spans="14:14">
      <c r="N487300" s="10"/>
    </row>
    <row r="487301" spans="14:14">
      <c r="N487301" s="10"/>
    </row>
    <row r="487302" spans="14:14">
      <c r="N487302" s="10"/>
    </row>
    <row r="487303" spans="14:14">
      <c r="N487303" s="10"/>
    </row>
    <row r="487304" spans="14:14">
      <c r="N487304" s="10"/>
    </row>
    <row r="487305" spans="14:14">
      <c r="N487305" s="10"/>
    </row>
    <row r="487306" spans="14:14">
      <c r="N487306" s="10"/>
    </row>
    <row r="487307" spans="14:14">
      <c r="N487307" s="10"/>
    </row>
    <row r="487308" spans="14:14">
      <c r="N487308" s="10"/>
    </row>
    <row r="487309" spans="14:14">
      <c r="N487309" s="10"/>
    </row>
    <row r="487310" spans="14:14">
      <c r="N487310" s="10"/>
    </row>
    <row r="487311" spans="14:14">
      <c r="N487311" s="10"/>
    </row>
    <row r="487312" spans="14:14">
      <c r="N487312" s="10"/>
    </row>
    <row r="487313" spans="14:14">
      <c r="N487313" s="10"/>
    </row>
    <row r="487314" spans="14:14">
      <c r="N487314" s="10"/>
    </row>
    <row r="487315" spans="14:14">
      <c r="N487315" s="10"/>
    </row>
    <row r="487316" spans="14:14">
      <c r="N487316" s="10"/>
    </row>
    <row r="487317" spans="14:14">
      <c r="N487317" s="10"/>
    </row>
    <row r="487318" spans="14:14">
      <c r="N487318" s="10"/>
    </row>
    <row r="487319" spans="14:14">
      <c r="N487319" s="10"/>
    </row>
    <row r="487320" spans="14:14">
      <c r="N487320" s="10"/>
    </row>
    <row r="487321" spans="14:14">
      <c r="N487321" s="10"/>
    </row>
    <row r="487322" spans="14:14">
      <c r="N487322" s="10"/>
    </row>
    <row r="487323" spans="14:14">
      <c r="N487323" s="10"/>
    </row>
    <row r="487324" spans="14:14">
      <c r="N487324" s="10"/>
    </row>
    <row r="487325" spans="14:14">
      <c r="N487325" s="10"/>
    </row>
    <row r="487326" spans="14:14">
      <c r="N487326" s="10"/>
    </row>
    <row r="487327" spans="14:14">
      <c r="N487327" s="10"/>
    </row>
    <row r="487328" spans="14:14">
      <c r="N487328" s="10"/>
    </row>
    <row r="487329" spans="14:14">
      <c r="N487329" s="10"/>
    </row>
    <row r="487330" spans="14:14">
      <c r="N487330" s="10"/>
    </row>
    <row r="487331" spans="14:14">
      <c r="N487331" s="10"/>
    </row>
    <row r="487332" spans="14:14">
      <c r="N487332" s="10"/>
    </row>
    <row r="487333" spans="14:14">
      <c r="N487333" s="10"/>
    </row>
    <row r="487334" spans="14:14">
      <c r="N487334" s="10"/>
    </row>
    <row r="487335" spans="14:14">
      <c r="N487335" s="10"/>
    </row>
    <row r="487336" spans="14:14">
      <c r="N487336" s="10"/>
    </row>
    <row r="487337" spans="14:14">
      <c r="N487337" s="10"/>
    </row>
    <row r="487338" spans="14:14">
      <c r="N487338" s="10"/>
    </row>
    <row r="487339" spans="14:14">
      <c r="N487339" s="10"/>
    </row>
    <row r="487340" spans="14:14">
      <c r="N487340" s="10"/>
    </row>
    <row r="487341" spans="14:14">
      <c r="N487341" s="10"/>
    </row>
    <row r="487342" spans="14:14">
      <c r="N487342" s="10"/>
    </row>
    <row r="487343" spans="14:14">
      <c r="N487343" s="10"/>
    </row>
    <row r="487344" spans="14:14">
      <c r="N487344" s="10"/>
    </row>
    <row r="487345" spans="14:14">
      <c r="N487345" s="10"/>
    </row>
    <row r="487346" spans="14:14">
      <c r="N487346" s="10"/>
    </row>
    <row r="487347" spans="14:14">
      <c r="N487347" s="10"/>
    </row>
    <row r="487348" spans="14:14">
      <c r="N487348" s="10"/>
    </row>
    <row r="487349" spans="14:14">
      <c r="N487349" s="10"/>
    </row>
    <row r="487350" spans="14:14">
      <c r="N487350" s="10"/>
    </row>
    <row r="487351" spans="14:14">
      <c r="N487351" s="10"/>
    </row>
    <row r="487352" spans="14:14">
      <c r="N487352" s="10"/>
    </row>
    <row r="487353" spans="14:14">
      <c r="N487353" s="10"/>
    </row>
    <row r="487354" spans="14:14">
      <c r="N487354" s="10"/>
    </row>
    <row r="487355" spans="14:14">
      <c r="N487355" s="10"/>
    </row>
    <row r="487356" spans="14:14">
      <c r="N487356" s="10"/>
    </row>
    <row r="487357" spans="14:14">
      <c r="N487357" s="10"/>
    </row>
    <row r="487358" spans="14:14">
      <c r="N487358" s="10"/>
    </row>
    <row r="487359" spans="14:14">
      <c r="N487359" s="10"/>
    </row>
    <row r="487360" spans="14:14">
      <c r="N487360" s="10"/>
    </row>
    <row r="487361" spans="14:14">
      <c r="N487361" s="10"/>
    </row>
    <row r="487362" spans="14:14">
      <c r="N487362" s="10"/>
    </row>
    <row r="487363" spans="14:14">
      <c r="N487363" s="10"/>
    </row>
    <row r="487364" spans="14:14">
      <c r="N487364" s="10"/>
    </row>
    <row r="487365" spans="14:14">
      <c r="N487365" s="10"/>
    </row>
    <row r="487366" spans="14:14">
      <c r="N487366" s="10"/>
    </row>
    <row r="487367" spans="14:14">
      <c r="N487367" s="10"/>
    </row>
    <row r="487368" spans="14:14">
      <c r="N487368" s="10"/>
    </row>
    <row r="487369" spans="14:14">
      <c r="N487369" s="10"/>
    </row>
    <row r="487370" spans="14:14">
      <c r="N487370" s="10"/>
    </row>
    <row r="487371" spans="14:14">
      <c r="N487371" s="10"/>
    </row>
    <row r="487372" spans="14:14">
      <c r="N487372" s="10"/>
    </row>
    <row r="487373" spans="14:14">
      <c r="N487373" s="10"/>
    </row>
    <row r="487374" spans="14:14">
      <c r="N487374" s="10"/>
    </row>
    <row r="487375" spans="14:14">
      <c r="N487375" s="10"/>
    </row>
    <row r="487376" spans="14:14">
      <c r="N487376" s="10"/>
    </row>
    <row r="487377" spans="14:14">
      <c r="N487377" s="10"/>
    </row>
    <row r="487378" spans="14:14">
      <c r="N487378" s="10"/>
    </row>
    <row r="487379" spans="14:14">
      <c r="N487379" s="10"/>
    </row>
    <row r="487380" spans="14:14">
      <c r="N487380" s="10"/>
    </row>
    <row r="487381" spans="14:14">
      <c r="N487381" s="10"/>
    </row>
    <row r="487382" spans="14:14">
      <c r="N487382" s="10"/>
    </row>
    <row r="487383" spans="14:14">
      <c r="N487383" s="10"/>
    </row>
    <row r="487384" spans="14:14">
      <c r="N487384" s="10"/>
    </row>
    <row r="487385" spans="14:14">
      <c r="N487385" s="10"/>
    </row>
    <row r="487386" spans="14:14">
      <c r="N487386" s="10"/>
    </row>
    <row r="487387" spans="14:14">
      <c r="N487387" s="10"/>
    </row>
    <row r="487388" spans="14:14">
      <c r="N487388" s="10"/>
    </row>
    <row r="487389" spans="14:14">
      <c r="N487389" s="10"/>
    </row>
    <row r="487390" spans="14:14">
      <c r="N487390" s="10"/>
    </row>
    <row r="487391" spans="14:14">
      <c r="N487391" s="10"/>
    </row>
    <row r="487392" spans="14:14">
      <c r="N487392" s="10"/>
    </row>
    <row r="487393" spans="14:14">
      <c r="N487393" s="10"/>
    </row>
    <row r="487394" spans="14:14">
      <c r="N487394" s="10"/>
    </row>
    <row r="487395" spans="14:14">
      <c r="N487395" s="10"/>
    </row>
    <row r="487396" spans="14:14">
      <c r="N487396" s="10"/>
    </row>
    <row r="487397" spans="14:14">
      <c r="N487397" s="10"/>
    </row>
    <row r="487398" spans="14:14">
      <c r="N487398" s="10"/>
    </row>
    <row r="487399" spans="14:14">
      <c r="N487399" s="10"/>
    </row>
    <row r="487400" spans="14:14">
      <c r="N487400" s="10"/>
    </row>
    <row r="487401" spans="14:14">
      <c r="N487401" s="10"/>
    </row>
    <row r="487402" spans="14:14">
      <c r="N487402" s="10"/>
    </row>
    <row r="487403" spans="14:14">
      <c r="N487403" s="10"/>
    </row>
    <row r="487404" spans="14:14">
      <c r="N487404" s="10"/>
    </row>
    <row r="487405" spans="14:14">
      <c r="N487405" s="10"/>
    </row>
    <row r="487406" spans="14:14">
      <c r="N487406" s="10"/>
    </row>
    <row r="487407" spans="14:14">
      <c r="N487407" s="10"/>
    </row>
    <row r="487408" spans="14:14">
      <c r="N487408" s="10"/>
    </row>
    <row r="487409" spans="14:14">
      <c r="N487409" s="10"/>
    </row>
    <row r="487410" spans="14:14">
      <c r="N487410" s="10"/>
    </row>
    <row r="487411" spans="14:14">
      <c r="N487411" s="10"/>
    </row>
    <row r="487412" spans="14:14">
      <c r="N487412" s="10"/>
    </row>
    <row r="487413" spans="14:14">
      <c r="N487413" s="10"/>
    </row>
    <row r="487414" spans="14:14">
      <c r="N487414" s="10"/>
    </row>
    <row r="487415" spans="14:14">
      <c r="N487415" s="10"/>
    </row>
    <row r="487416" spans="14:14">
      <c r="N487416" s="10"/>
    </row>
    <row r="487417" spans="14:14">
      <c r="N487417" s="10"/>
    </row>
    <row r="487418" spans="14:14">
      <c r="N487418" s="10"/>
    </row>
    <row r="487419" spans="14:14">
      <c r="N487419" s="10"/>
    </row>
    <row r="487420" spans="14:14">
      <c r="N487420" s="10"/>
    </row>
    <row r="487421" spans="14:14">
      <c r="N487421" s="10"/>
    </row>
    <row r="487422" spans="14:14">
      <c r="N487422" s="10"/>
    </row>
    <row r="487423" spans="14:14">
      <c r="N487423" s="10"/>
    </row>
    <row r="487424" spans="14:14">
      <c r="N487424" s="10"/>
    </row>
    <row r="487425" spans="14:14">
      <c r="N487425" s="10"/>
    </row>
    <row r="487426" spans="14:14">
      <c r="N487426" s="10"/>
    </row>
    <row r="487427" spans="14:14">
      <c r="N487427" s="10"/>
    </row>
    <row r="487428" spans="14:14">
      <c r="N487428" s="10"/>
    </row>
    <row r="487429" spans="14:14">
      <c r="N487429" s="10"/>
    </row>
    <row r="487430" spans="14:14">
      <c r="N487430" s="10"/>
    </row>
    <row r="487431" spans="14:14">
      <c r="N487431" s="10"/>
    </row>
    <row r="487432" spans="14:14">
      <c r="N487432" s="10"/>
    </row>
    <row r="487433" spans="14:14">
      <c r="N487433" s="10"/>
    </row>
    <row r="487434" spans="14:14">
      <c r="N487434" s="10"/>
    </row>
    <row r="487435" spans="14:14">
      <c r="N487435" s="10"/>
    </row>
    <row r="487436" spans="14:14">
      <c r="N487436" s="10"/>
    </row>
    <row r="487437" spans="14:14">
      <c r="N487437" s="10"/>
    </row>
    <row r="487438" spans="14:14">
      <c r="N487438" s="10"/>
    </row>
    <row r="487439" spans="14:14">
      <c r="N487439" s="10"/>
    </row>
    <row r="487440" spans="14:14">
      <c r="N487440" s="10"/>
    </row>
    <row r="487441" spans="14:14">
      <c r="N487441" s="10"/>
    </row>
    <row r="487442" spans="14:14">
      <c r="N487442" s="10"/>
    </row>
    <row r="487443" spans="14:14">
      <c r="N487443" s="10"/>
    </row>
    <row r="487444" spans="14:14">
      <c r="N487444" s="10"/>
    </row>
    <row r="487445" spans="14:14">
      <c r="N487445" s="10"/>
    </row>
    <row r="487446" spans="14:14">
      <c r="N487446" s="10"/>
    </row>
    <row r="487447" spans="14:14">
      <c r="N487447" s="10"/>
    </row>
    <row r="487448" spans="14:14">
      <c r="N487448" s="10"/>
    </row>
    <row r="487449" spans="14:14">
      <c r="N487449" s="10"/>
    </row>
    <row r="487450" spans="14:14">
      <c r="N487450" s="10"/>
    </row>
    <row r="487451" spans="14:14">
      <c r="N487451" s="10"/>
    </row>
    <row r="487452" spans="14:14">
      <c r="N487452" s="10"/>
    </row>
    <row r="487453" spans="14:14">
      <c r="N487453" s="10"/>
    </row>
    <row r="487454" spans="14:14">
      <c r="N487454" s="10"/>
    </row>
    <row r="487455" spans="14:14">
      <c r="N487455" s="10"/>
    </row>
    <row r="487456" spans="14:14">
      <c r="N487456" s="10"/>
    </row>
    <row r="487457" spans="14:14">
      <c r="N487457" s="10"/>
    </row>
    <row r="487458" spans="14:14">
      <c r="N487458" s="10"/>
    </row>
    <row r="487459" spans="14:14">
      <c r="N487459" s="10"/>
    </row>
    <row r="487460" spans="14:14">
      <c r="N487460" s="10"/>
    </row>
    <row r="487461" spans="14:14">
      <c r="N487461" s="10"/>
    </row>
    <row r="487462" spans="14:14">
      <c r="N487462" s="10"/>
    </row>
    <row r="487463" spans="14:14">
      <c r="N487463" s="10"/>
    </row>
    <row r="487464" spans="14:14">
      <c r="N487464" s="10"/>
    </row>
    <row r="487465" spans="14:14">
      <c r="N487465" s="10"/>
    </row>
    <row r="487466" spans="14:14">
      <c r="N487466" s="10"/>
    </row>
    <row r="487467" spans="14:14">
      <c r="N487467" s="10"/>
    </row>
    <row r="487468" spans="14:14">
      <c r="N487468" s="10"/>
    </row>
    <row r="487469" spans="14:14">
      <c r="N487469" s="10"/>
    </row>
    <row r="487470" spans="14:14">
      <c r="N487470" s="10"/>
    </row>
    <row r="487471" spans="14:14">
      <c r="N487471" s="10"/>
    </row>
    <row r="487472" spans="14:14">
      <c r="N487472" s="10"/>
    </row>
    <row r="487473" spans="14:14">
      <c r="N487473" s="10"/>
    </row>
    <row r="487474" spans="14:14">
      <c r="N487474" s="10"/>
    </row>
    <row r="487475" spans="14:14">
      <c r="N487475" s="10"/>
    </row>
    <row r="487476" spans="14:14">
      <c r="N487476" s="10"/>
    </row>
    <row r="487477" spans="14:14">
      <c r="N487477" s="10"/>
    </row>
    <row r="487478" spans="14:14">
      <c r="N487478" s="10"/>
    </row>
    <row r="487479" spans="14:14">
      <c r="N487479" s="10"/>
    </row>
    <row r="487480" spans="14:14">
      <c r="N487480" s="10"/>
    </row>
    <row r="487481" spans="14:14">
      <c r="N487481" s="10"/>
    </row>
    <row r="487482" spans="14:14">
      <c r="N487482" s="10"/>
    </row>
    <row r="487483" spans="14:14">
      <c r="N487483" s="10"/>
    </row>
    <row r="487484" spans="14:14">
      <c r="N487484" s="10"/>
    </row>
    <row r="487485" spans="14:14">
      <c r="N487485" s="10"/>
    </row>
    <row r="487486" spans="14:14">
      <c r="N487486" s="10"/>
    </row>
    <row r="487487" spans="14:14">
      <c r="N487487" s="10"/>
    </row>
    <row r="487488" spans="14:14">
      <c r="N487488" s="10"/>
    </row>
    <row r="487489" spans="14:14">
      <c r="N487489" s="10"/>
    </row>
    <row r="487490" spans="14:14">
      <c r="N487490" s="10"/>
    </row>
    <row r="487491" spans="14:14">
      <c r="N487491" s="10"/>
    </row>
    <row r="487492" spans="14:14">
      <c r="N487492" s="10"/>
    </row>
    <row r="487493" spans="14:14">
      <c r="N487493" s="10"/>
    </row>
    <row r="487494" spans="14:14">
      <c r="N487494" s="10"/>
    </row>
    <row r="487495" spans="14:14">
      <c r="N487495" s="10"/>
    </row>
    <row r="487496" spans="14:14">
      <c r="N487496" s="10"/>
    </row>
    <row r="487497" spans="14:14">
      <c r="N487497" s="10"/>
    </row>
    <row r="487498" spans="14:14">
      <c r="N487498" s="10"/>
    </row>
    <row r="487499" spans="14:14">
      <c r="N487499" s="10"/>
    </row>
    <row r="487500" spans="14:14">
      <c r="N487500" s="10"/>
    </row>
    <row r="487501" spans="14:14">
      <c r="N487501" s="10"/>
    </row>
    <row r="487502" spans="14:14">
      <c r="N487502" s="10"/>
    </row>
    <row r="487503" spans="14:14">
      <c r="N487503" s="10"/>
    </row>
    <row r="487504" spans="14:14">
      <c r="N487504" s="10"/>
    </row>
    <row r="487505" spans="14:14">
      <c r="N487505" s="10"/>
    </row>
    <row r="487506" spans="14:14">
      <c r="N487506" s="10"/>
    </row>
    <row r="487507" spans="14:14">
      <c r="N487507" s="10"/>
    </row>
    <row r="487508" spans="14:14">
      <c r="N487508" s="10"/>
    </row>
    <row r="487509" spans="14:14">
      <c r="N487509" s="10"/>
    </row>
    <row r="487510" spans="14:14">
      <c r="N487510" s="10"/>
    </row>
    <row r="487511" spans="14:14">
      <c r="N487511" s="10"/>
    </row>
    <row r="487512" spans="14:14">
      <c r="N487512" s="10"/>
    </row>
    <row r="487513" spans="14:14">
      <c r="N487513" s="10"/>
    </row>
    <row r="487514" spans="14:14">
      <c r="N487514" s="10"/>
    </row>
    <row r="487515" spans="14:14">
      <c r="N487515" s="10"/>
    </row>
    <row r="487516" spans="14:14">
      <c r="N487516" s="10"/>
    </row>
    <row r="487517" spans="14:14">
      <c r="N487517" s="10"/>
    </row>
    <row r="487518" spans="14:14">
      <c r="N487518" s="10"/>
    </row>
    <row r="487519" spans="14:14">
      <c r="N487519" s="10"/>
    </row>
    <row r="487520" spans="14:14">
      <c r="N487520" s="10"/>
    </row>
    <row r="487521" spans="14:14">
      <c r="N487521" s="10"/>
    </row>
    <row r="487522" spans="14:14">
      <c r="N487522" s="10"/>
    </row>
    <row r="487523" spans="14:14">
      <c r="N487523" s="10"/>
    </row>
    <row r="487524" spans="14:14">
      <c r="N487524" s="10"/>
    </row>
    <row r="487525" spans="14:14">
      <c r="N487525" s="10"/>
    </row>
    <row r="487526" spans="14:14">
      <c r="N487526" s="10"/>
    </row>
    <row r="487527" spans="14:14">
      <c r="N487527" s="10"/>
    </row>
    <row r="487528" spans="14:14">
      <c r="N487528" s="10"/>
    </row>
    <row r="487529" spans="14:14">
      <c r="N487529" s="10"/>
    </row>
    <row r="487530" spans="14:14">
      <c r="N487530" s="10"/>
    </row>
    <row r="487531" spans="14:14">
      <c r="N487531" s="10"/>
    </row>
    <row r="487532" spans="14:14">
      <c r="N487532" s="10"/>
    </row>
    <row r="487533" spans="14:14">
      <c r="N487533" s="10"/>
    </row>
    <row r="487534" spans="14:14">
      <c r="N487534" s="10"/>
    </row>
    <row r="487535" spans="14:14">
      <c r="N487535" s="10"/>
    </row>
    <row r="487536" spans="14:14">
      <c r="N487536" s="10"/>
    </row>
    <row r="487537" spans="14:14">
      <c r="N487537" s="10"/>
    </row>
    <row r="487538" spans="14:14">
      <c r="N487538" s="10"/>
    </row>
    <row r="487539" spans="14:14">
      <c r="N487539" s="10"/>
    </row>
    <row r="487540" spans="14:14">
      <c r="N487540" s="10"/>
    </row>
    <row r="487541" spans="14:14">
      <c r="N487541" s="10"/>
    </row>
    <row r="487542" spans="14:14">
      <c r="N487542" s="10"/>
    </row>
    <row r="487543" spans="14:14">
      <c r="N487543" s="10"/>
    </row>
    <row r="487544" spans="14:14">
      <c r="N487544" s="10"/>
    </row>
    <row r="487545" spans="14:14">
      <c r="N487545" s="10"/>
    </row>
    <row r="487546" spans="14:14">
      <c r="N487546" s="10"/>
    </row>
    <row r="487547" spans="14:14">
      <c r="N487547" s="10"/>
    </row>
    <row r="487548" spans="14:14">
      <c r="N487548" s="10"/>
    </row>
    <row r="487549" spans="14:14">
      <c r="N487549" s="10"/>
    </row>
    <row r="487550" spans="14:14">
      <c r="N487550" s="10"/>
    </row>
    <row r="487551" spans="14:14">
      <c r="N487551" s="10"/>
    </row>
    <row r="487552" spans="14:14">
      <c r="N487552" s="10"/>
    </row>
    <row r="487553" spans="14:14">
      <c r="N487553" s="10"/>
    </row>
    <row r="487554" spans="14:14">
      <c r="N487554" s="10"/>
    </row>
    <row r="487555" spans="14:14">
      <c r="N487555" s="10"/>
    </row>
    <row r="487556" spans="14:14">
      <c r="N487556" s="10"/>
    </row>
    <row r="487557" spans="14:14">
      <c r="N487557" s="10"/>
    </row>
    <row r="487558" spans="14:14">
      <c r="N487558" s="10"/>
    </row>
    <row r="487559" spans="14:14">
      <c r="N487559" s="10"/>
    </row>
    <row r="487560" spans="14:14">
      <c r="N487560" s="10"/>
    </row>
    <row r="487561" spans="14:14">
      <c r="N487561" s="10"/>
    </row>
    <row r="487562" spans="14:14">
      <c r="N487562" s="10"/>
    </row>
    <row r="487563" spans="14:14">
      <c r="N487563" s="10"/>
    </row>
    <row r="487564" spans="14:14">
      <c r="N487564" s="10"/>
    </row>
    <row r="487565" spans="14:14">
      <c r="N487565" s="10"/>
    </row>
    <row r="487566" spans="14:14">
      <c r="N487566" s="10"/>
    </row>
    <row r="487567" spans="14:14">
      <c r="N487567" s="10"/>
    </row>
    <row r="487568" spans="14:14">
      <c r="N487568" s="10"/>
    </row>
    <row r="487569" spans="14:14">
      <c r="N487569" s="10"/>
    </row>
    <row r="487570" spans="14:14">
      <c r="N487570" s="10"/>
    </row>
    <row r="487571" spans="14:14">
      <c r="N487571" s="10"/>
    </row>
    <row r="487572" spans="14:14">
      <c r="N487572" s="10"/>
    </row>
    <row r="487573" spans="14:14">
      <c r="N487573" s="10"/>
    </row>
    <row r="487574" spans="14:14">
      <c r="N487574" s="10"/>
    </row>
    <row r="487575" spans="14:14">
      <c r="N487575" s="10"/>
    </row>
    <row r="487576" spans="14:14">
      <c r="N487576" s="10"/>
    </row>
    <row r="487577" spans="14:14">
      <c r="N487577" s="10"/>
    </row>
    <row r="487578" spans="14:14">
      <c r="N487578" s="10"/>
    </row>
    <row r="487579" spans="14:14">
      <c r="N487579" s="10"/>
    </row>
    <row r="487580" spans="14:14">
      <c r="N487580" s="10"/>
    </row>
    <row r="487581" spans="14:14">
      <c r="N487581" s="10"/>
    </row>
    <row r="487582" spans="14:14">
      <c r="N487582" s="10"/>
    </row>
    <row r="487583" spans="14:14">
      <c r="N487583" s="10"/>
    </row>
    <row r="487584" spans="14:14">
      <c r="N487584" s="10"/>
    </row>
    <row r="487585" spans="14:14">
      <c r="N487585" s="10"/>
    </row>
    <row r="487586" spans="14:14">
      <c r="N487586" s="10"/>
    </row>
    <row r="487587" spans="14:14">
      <c r="N487587" s="10"/>
    </row>
    <row r="487588" spans="14:14">
      <c r="N487588" s="10"/>
    </row>
    <row r="487589" spans="14:14">
      <c r="N487589" s="10"/>
    </row>
    <row r="487590" spans="14:14">
      <c r="N487590" s="10"/>
    </row>
    <row r="487591" spans="14:14">
      <c r="N487591" s="10"/>
    </row>
    <row r="487592" spans="14:14">
      <c r="N487592" s="10"/>
    </row>
    <row r="487593" spans="14:14">
      <c r="N487593" s="10"/>
    </row>
    <row r="487594" spans="14:14">
      <c r="N487594" s="10"/>
    </row>
    <row r="487595" spans="14:14">
      <c r="N487595" s="10"/>
    </row>
    <row r="487596" spans="14:14">
      <c r="N487596" s="10"/>
    </row>
    <row r="487597" spans="14:14">
      <c r="N487597" s="10"/>
    </row>
    <row r="487598" spans="14:14">
      <c r="N487598" s="10"/>
    </row>
    <row r="487599" spans="14:14">
      <c r="N487599" s="10"/>
    </row>
    <row r="487600" spans="14:14">
      <c r="N487600" s="10"/>
    </row>
    <row r="487601" spans="14:14">
      <c r="N487601" s="10"/>
    </row>
    <row r="487602" spans="14:14">
      <c r="N487602" s="10"/>
    </row>
    <row r="487603" spans="14:14">
      <c r="N487603" s="10"/>
    </row>
    <row r="487604" spans="14:14">
      <c r="N487604" s="10"/>
    </row>
    <row r="487605" spans="14:14">
      <c r="N487605" s="10"/>
    </row>
    <row r="487606" spans="14:14">
      <c r="N487606" s="10"/>
    </row>
    <row r="487607" spans="14:14">
      <c r="N487607" s="10"/>
    </row>
    <row r="487608" spans="14:14">
      <c r="N487608" s="10"/>
    </row>
    <row r="487609" spans="14:14">
      <c r="N487609" s="10"/>
    </row>
    <row r="487610" spans="14:14">
      <c r="N487610" s="10"/>
    </row>
    <row r="487611" spans="14:14">
      <c r="N487611" s="10"/>
    </row>
    <row r="487612" spans="14:14">
      <c r="N487612" s="10"/>
    </row>
    <row r="487613" spans="14:14">
      <c r="N487613" s="10"/>
    </row>
    <row r="487614" spans="14:14">
      <c r="N487614" s="10"/>
    </row>
    <row r="487615" spans="14:14">
      <c r="N487615" s="10"/>
    </row>
    <row r="487616" spans="14:14">
      <c r="N487616" s="10"/>
    </row>
    <row r="487617" spans="14:14">
      <c r="N487617" s="10"/>
    </row>
    <row r="487618" spans="14:14">
      <c r="N487618" s="10"/>
    </row>
    <row r="487619" spans="14:14">
      <c r="N487619" s="10"/>
    </row>
    <row r="487620" spans="14:14">
      <c r="N487620" s="10"/>
    </row>
    <row r="487621" spans="14:14">
      <c r="N487621" s="10"/>
    </row>
    <row r="487622" spans="14:14">
      <c r="N487622" s="10"/>
    </row>
    <row r="487623" spans="14:14">
      <c r="N487623" s="10"/>
    </row>
    <row r="487624" spans="14:14">
      <c r="N487624" s="10"/>
    </row>
    <row r="487625" spans="14:14">
      <c r="N487625" s="10"/>
    </row>
    <row r="487626" spans="14:14">
      <c r="N487626" s="10"/>
    </row>
    <row r="487627" spans="14:14">
      <c r="N487627" s="10"/>
    </row>
    <row r="487628" spans="14:14">
      <c r="N487628" s="10"/>
    </row>
    <row r="487629" spans="14:14">
      <c r="N487629" s="10"/>
    </row>
    <row r="487630" spans="14:14">
      <c r="N487630" s="10"/>
    </row>
    <row r="487631" spans="14:14">
      <c r="N487631" s="10"/>
    </row>
    <row r="487632" spans="14:14">
      <c r="N487632" s="10"/>
    </row>
    <row r="487633" spans="14:14">
      <c r="N487633" s="10"/>
    </row>
    <row r="487634" spans="14:14">
      <c r="N487634" s="10"/>
    </row>
    <row r="487635" spans="14:14">
      <c r="N487635" s="10"/>
    </row>
    <row r="487636" spans="14:14">
      <c r="N487636" s="10"/>
    </row>
    <row r="487637" spans="14:14">
      <c r="N487637" s="10"/>
    </row>
    <row r="487638" spans="14:14">
      <c r="N487638" s="10"/>
    </row>
    <row r="487639" spans="14:14">
      <c r="N487639" s="10"/>
    </row>
    <row r="487640" spans="14:14">
      <c r="N487640" s="10"/>
    </row>
    <row r="487641" spans="14:14">
      <c r="N487641" s="10"/>
    </row>
    <row r="487642" spans="14:14">
      <c r="N487642" s="10"/>
    </row>
    <row r="487643" spans="14:14">
      <c r="N487643" s="10"/>
    </row>
    <row r="487644" spans="14:14">
      <c r="N487644" s="10"/>
    </row>
    <row r="487645" spans="14:14">
      <c r="N487645" s="10"/>
    </row>
    <row r="487646" spans="14:14">
      <c r="N487646" s="10"/>
    </row>
    <row r="487647" spans="14:14">
      <c r="N487647" s="10"/>
    </row>
    <row r="487648" spans="14:14">
      <c r="N487648" s="10"/>
    </row>
    <row r="487649" spans="14:14">
      <c r="N487649" s="10"/>
    </row>
    <row r="487650" spans="14:14">
      <c r="N487650" s="10"/>
    </row>
    <row r="487651" spans="14:14">
      <c r="N487651" s="10"/>
    </row>
    <row r="487652" spans="14:14">
      <c r="N487652" s="10"/>
    </row>
    <row r="487653" spans="14:14">
      <c r="N487653" s="10"/>
    </row>
    <row r="487654" spans="14:14">
      <c r="N487654" s="10"/>
    </row>
    <row r="487655" spans="14:14">
      <c r="N487655" s="10"/>
    </row>
    <row r="487656" spans="14:14">
      <c r="N487656" s="10"/>
    </row>
    <row r="487657" spans="14:14">
      <c r="N487657" s="10"/>
    </row>
    <row r="487658" spans="14:14">
      <c r="N487658" s="10"/>
    </row>
    <row r="487659" spans="14:14">
      <c r="N487659" s="10"/>
    </row>
    <row r="487660" spans="14:14">
      <c r="N487660" s="10"/>
    </row>
    <row r="487661" spans="14:14">
      <c r="N487661" s="10"/>
    </row>
    <row r="487662" spans="14:14">
      <c r="N487662" s="10"/>
    </row>
    <row r="487663" spans="14:14">
      <c r="N487663" s="10"/>
    </row>
    <row r="487664" spans="14:14">
      <c r="N487664" s="10"/>
    </row>
    <row r="487665" spans="14:14">
      <c r="N487665" s="10"/>
    </row>
    <row r="487666" spans="14:14">
      <c r="N487666" s="10"/>
    </row>
    <row r="487667" spans="14:14">
      <c r="N487667" s="10"/>
    </row>
    <row r="487668" spans="14:14">
      <c r="N487668" s="10"/>
    </row>
    <row r="487669" spans="14:14">
      <c r="N487669" s="10"/>
    </row>
    <row r="487670" spans="14:14">
      <c r="N487670" s="10"/>
    </row>
    <row r="487671" spans="14:14">
      <c r="N487671" s="10"/>
    </row>
    <row r="487672" spans="14:14">
      <c r="N487672" s="10"/>
    </row>
    <row r="487673" spans="14:14">
      <c r="N487673" s="10"/>
    </row>
    <row r="487674" spans="14:14">
      <c r="N487674" s="10"/>
    </row>
    <row r="487675" spans="14:14">
      <c r="N487675" s="10"/>
    </row>
    <row r="487676" spans="14:14">
      <c r="N487676" s="10"/>
    </row>
    <row r="487677" spans="14:14">
      <c r="N487677" s="10"/>
    </row>
    <row r="487678" spans="14:14">
      <c r="N487678" s="10"/>
    </row>
    <row r="487679" spans="14:14">
      <c r="N487679" s="10"/>
    </row>
    <row r="487680" spans="14:14">
      <c r="N487680" s="10"/>
    </row>
    <row r="487681" spans="14:14">
      <c r="N487681" s="10"/>
    </row>
    <row r="487682" spans="14:14">
      <c r="N487682" s="10"/>
    </row>
    <row r="487683" spans="14:14">
      <c r="N487683" s="10"/>
    </row>
    <row r="487684" spans="14:14">
      <c r="N487684" s="10"/>
    </row>
    <row r="487685" spans="14:14">
      <c r="N487685" s="10"/>
    </row>
    <row r="487686" spans="14:14">
      <c r="N487686" s="10"/>
    </row>
    <row r="487687" spans="14:14">
      <c r="N487687" s="10"/>
    </row>
    <row r="487688" spans="14:14">
      <c r="N487688" s="10"/>
    </row>
    <row r="487689" spans="14:14">
      <c r="N487689" s="10"/>
    </row>
    <row r="487690" spans="14:14">
      <c r="N487690" s="10"/>
    </row>
    <row r="487691" spans="14:14">
      <c r="N487691" s="10"/>
    </row>
    <row r="487692" spans="14:14">
      <c r="N487692" s="10"/>
    </row>
    <row r="487693" spans="14:14">
      <c r="N487693" s="10"/>
    </row>
    <row r="487694" spans="14:14">
      <c r="N487694" s="10"/>
    </row>
    <row r="487695" spans="14:14">
      <c r="N487695" s="10"/>
    </row>
    <row r="487696" spans="14:14">
      <c r="N487696" s="10"/>
    </row>
    <row r="487697" spans="14:14">
      <c r="N487697" s="10"/>
    </row>
    <row r="487698" spans="14:14">
      <c r="N487698" s="10"/>
    </row>
    <row r="487699" spans="14:14">
      <c r="N487699" s="10"/>
    </row>
    <row r="487700" spans="14:14">
      <c r="N487700" s="10"/>
    </row>
    <row r="487701" spans="14:14">
      <c r="N487701" s="10"/>
    </row>
    <row r="487702" spans="14:14">
      <c r="N487702" s="10"/>
    </row>
    <row r="487703" spans="14:14">
      <c r="N487703" s="10"/>
    </row>
    <row r="487704" spans="14:14">
      <c r="N487704" s="10"/>
    </row>
    <row r="487705" spans="14:14">
      <c r="N487705" s="10"/>
    </row>
    <row r="487706" spans="14:14">
      <c r="N487706" s="10"/>
    </row>
    <row r="487707" spans="14:14">
      <c r="N487707" s="10"/>
    </row>
    <row r="487708" spans="14:14">
      <c r="N487708" s="10"/>
    </row>
    <row r="487709" spans="14:14">
      <c r="N487709" s="10"/>
    </row>
    <row r="487710" spans="14:14">
      <c r="N487710" s="10"/>
    </row>
    <row r="487711" spans="14:14">
      <c r="N487711" s="10"/>
    </row>
    <row r="487712" spans="14:14">
      <c r="N487712" s="10"/>
    </row>
    <row r="487713" spans="14:14">
      <c r="N487713" s="10"/>
    </row>
    <row r="487714" spans="14:14">
      <c r="N487714" s="10"/>
    </row>
    <row r="487715" spans="14:14">
      <c r="N487715" s="10"/>
    </row>
    <row r="487716" spans="14:14">
      <c r="N487716" s="10"/>
    </row>
    <row r="487717" spans="14:14">
      <c r="N487717" s="10"/>
    </row>
    <row r="487718" spans="14:14">
      <c r="N487718" s="10"/>
    </row>
    <row r="487719" spans="14:14">
      <c r="N487719" s="10"/>
    </row>
    <row r="487720" spans="14:14">
      <c r="N487720" s="10"/>
    </row>
    <row r="487721" spans="14:14">
      <c r="N487721" s="10"/>
    </row>
    <row r="487722" spans="14:14">
      <c r="N487722" s="10"/>
    </row>
    <row r="487723" spans="14:14">
      <c r="N487723" s="10"/>
    </row>
    <row r="487724" spans="14:14">
      <c r="N487724" s="10"/>
    </row>
    <row r="487725" spans="14:14">
      <c r="N487725" s="10"/>
    </row>
    <row r="487726" spans="14:14">
      <c r="N487726" s="10"/>
    </row>
    <row r="487727" spans="14:14">
      <c r="N487727" s="10"/>
    </row>
    <row r="487728" spans="14:14">
      <c r="N487728" s="10"/>
    </row>
    <row r="487729" spans="14:14">
      <c r="N487729" s="10"/>
    </row>
    <row r="487730" spans="14:14">
      <c r="N487730" s="10"/>
    </row>
    <row r="487731" spans="14:14">
      <c r="N487731" s="10"/>
    </row>
    <row r="487732" spans="14:14">
      <c r="N487732" s="10"/>
    </row>
    <row r="487733" spans="14:14">
      <c r="N487733" s="10"/>
    </row>
    <row r="487734" spans="14:14">
      <c r="N487734" s="10"/>
    </row>
    <row r="487735" spans="14:14">
      <c r="N487735" s="10"/>
    </row>
    <row r="487736" spans="14:14">
      <c r="N487736" s="10"/>
    </row>
    <row r="487737" spans="14:14">
      <c r="N487737" s="10"/>
    </row>
    <row r="487738" spans="14:14">
      <c r="N487738" s="10"/>
    </row>
    <row r="487739" spans="14:14">
      <c r="N487739" s="10"/>
    </row>
    <row r="487740" spans="14:14">
      <c r="N487740" s="10"/>
    </row>
    <row r="487741" spans="14:14">
      <c r="N487741" s="10"/>
    </row>
    <row r="487742" spans="14:14">
      <c r="N487742" s="10"/>
    </row>
    <row r="487743" spans="14:14">
      <c r="N487743" s="10"/>
    </row>
    <row r="487744" spans="14:14">
      <c r="N487744" s="10"/>
    </row>
    <row r="487745" spans="14:14">
      <c r="N487745" s="10"/>
    </row>
    <row r="487746" spans="14:14">
      <c r="N487746" s="10"/>
    </row>
    <row r="487747" spans="14:14">
      <c r="N487747" s="10"/>
    </row>
    <row r="487748" spans="14:14">
      <c r="N487748" s="10"/>
    </row>
    <row r="487749" spans="14:14">
      <c r="N487749" s="10"/>
    </row>
    <row r="487750" spans="14:14">
      <c r="N487750" s="10"/>
    </row>
    <row r="487751" spans="14:14">
      <c r="N487751" s="10"/>
    </row>
    <row r="487752" spans="14:14">
      <c r="N487752" s="10"/>
    </row>
    <row r="487753" spans="14:14">
      <c r="N487753" s="10"/>
    </row>
    <row r="487754" spans="14:14">
      <c r="N487754" s="10"/>
    </row>
    <row r="487755" spans="14:14">
      <c r="N487755" s="10"/>
    </row>
    <row r="487756" spans="14:14">
      <c r="N487756" s="10"/>
    </row>
    <row r="487757" spans="14:14">
      <c r="N487757" s="10"/>
    </row>
    <row r="487758" spans="14:14">
      <c r="N487758" s="10"/>
    </row>
    <row r="487759" spans="14:14">
      <c r="N487759" s="10"/>
    </row>
    <row r="487760" spans="14:14">
      <c r="N487760" s="10"/>
    </row>
    <row r="487761" spans="14:14">
      <c r="N487761" s="10"/>
    </row>
    <row r="487762" spans="14:14">
      <c r="N487762" s="10"/>
    </row>
    <row r="487763" spans="14:14">
      <c r="N487763" s="10"/>
    </row>
    <row r="487764" spans="14:14">
      <c r="N487764" s="10"/>
    </row>
    <row r="487765" spans="14:14">
      <c r="N487765" s="10"/>
    </row>
    <row r="487766" spans="14:14">
      <c r="N487766" s="10"/>
    </row>
    <row r="487767" spans="14:14">
      <c r="N487767" s="10"/>
    </row>
    <row r="487768" spans="14:14">
      <c r="N487768" s="10"/>
    </row>
    <row r="487769" spans="14:14">
      <c r="N487769" s="10"/>
    </row>
    <row r="487770" spans="14:14">
      <c r="N487770" s="10"/>
    </row>
    <row r="487771" spans="14:14">
      <c r="N487771" s="10"/>
    </row>
    <row r="487772" spans="14:14">
      <c r="N487772" s="10"/>
    </row>
    <row r="487773" spans="14:14">
      <c r="N487773" s="10"/>
    </row>
    <row r="487774" spans="14:14">
      <c r="N487774" s="10"/>
    </row>
    <row r="487775" spans="14:14">
      <c r="N487775" s="10"/>
    </row>
    <row r="487776" spans="14:14">
      <c r="N487776" s="10"/>
    </row>
    <row r="487777" spans="14:14">
      <c r="N487777" s="10"/>
    </row>
    <row r="487778" spans="14:14">
      <c r="N487778" s="10"/>
    </row>
    <row r="487779" spans="14:14">
      <c r="N487779" s="10"/>
    </row>
    <row r="487780" spans="14:14">
      <c r="N487780" s="10"/>
    </row>
    <row r="487781" spans="14:14">
      <c r="N487781" s="10"/>
    </row>
    <row r="487782" spans="14:14">
      <c r="N487782" s="10"/>
    </row>
    <row r="487783" spans="14:14">
      <c r="N487783" s="10"/>
    </row>
    <row r="487784" spans="14:14">
      <c r="N487784" s="10"/>
    </row>
    <row r="487785" spans="14:14">
      <c r="N487785" s="10"/>
    </row>
    <row r="487786" spans="14:14">
      <c r="N487786" s="10"/>
    </row>
    <row r="487787" spans="14:14">
      <c r="N487787" s="10"/>
    </row>
    <row r="487788" spans="14:14">
      <c r="N487788" s="10"/>
    </row>
    <row r="487789" spans="14:14">
      <c r="N487789" s="10"/>
    </row>
    <row r="487790" spans="14:14">
      <c r="N487790" s="10"/>
    </row>
    <row r="487791" spans="14:14">
      <c r="N487791" s="10"/>
    </row>
    <row r="487792" spans="14:14">
      <c r="N487792" s="10"/>
    </row>
    <row r="487793" spans="14:14">
      <c r="N487793" s="10"/>
    </row>
    <row r="487794" spans="14:14">
      <c r="N487794" s="10"/>
    </row>
    <row r="487795" spans="14:14">
      <c r="N487795" s="10"/>
    </row>
    <row r="487796" spans="14:14">
      <c r="N487796" s="10"/>
    </row>
    <row r="487797" spans="14:14">
      <c r="N487797" s="10"/>
    </row>
    <row r="487798" spans="14:14">
      <c r="N487798" s="10"/>
    </row>
    <row r="487799" spans="14:14">
      <c r="N487799" s="10"/>
    </row>
    <row r="487800" spans="14:14">
      <c r="N487800" s="10"/>
    </row>
    <row r="487801" spans="14:14">
      <c r="N487801" s="10"/>
    </row>
    <row r="487802" spans="14:14">
      <c r="N487802" s="10"/>
    </row>
    <row r="487803" spans="14:14">
      <c r="N487803" s="10"/>
    </row>
    <row r="487804" spans="14:14">
      <c r="N487804" s="10"/>
    </row>
    <row r="487805" spans="14:14">
      <c r="N487805" s="10"/>
    </row>
    <row r="487806" spans="14:14">
      <c r="N487806" s="10"/>
    </row>
    <row r="487807" spans="14:14">
      <c r="N487807" s="10"/>
    </row>
    <row r="487808" spans="14:14">
      <c r="N487808" s="10"/>
    </row>
    <row r="487809" spans="14:14">
      <c r="N487809" s="10"/>
    </row>
    <row r="487810" spans="14:14">
      <c r="N487810" s="10"/>
    </row>
    <row r="487811" spans="14:14">
      <c r="N487811" s="10"/>
    </row>
    <row r="487812" spans="14:14">
      <c r="N487812" s="10"/>
    </row>
    <row r="487813" spans="14:14">
      <c r="N487813" s="10"/>
    </row>
    <row r="487814" spans="14:14">
      <c r="N487814" s="10"/>
    </row>
    <row r="487815" spans="14:14">
      <c r="N487815" s="10"/>
    </row>
    <row r="487816" spans="14:14">
      <c r="N487816" s="10"/>
    </row>
    <row r="487817" spans="14:14">
      <c r="N487817" s="10"/>
    </row>
    <row r="487818" spans="14:14">
      <c r="N487818" s="10"/>
    </row>
    <row r="487819" spans="14:14">
      <c r="N487819" s="10"/>
    </row>
    <row r="487820" spans="14:14">
      <c r="N487820" s="10"/>
    </row>
    <row r="487821" spans="14:14">
      <c r="N487821" s="10"/>
    </row>
    <row r="487822" spans="14:14">
      <c r="N487822" s="10"/>
    </row>
    <row r="487823" spans="14:14">
      <c r="N487823" s="10"/>
    </row>
    <row r="487824" spans="14:14">
      <c r="N487824" s="10"/>
    </row>
    <row r="487825" spans="14:14">
      <c r="N487825" s="10"/>
    </row>
    <row r="487826" spans="14:14">
      <c r="N487826" s="10"/>
    </row>
    <row r="487827" spans="14:14">
      <c r="N487827" s="10"/>
    </row>
    <row r="487828" spans="14:14">
      <c r="N487828" s="10"/>
    </row>
    <row r="487829" spans="14:14">
      <c r="N487829" s="10"/>
    </row>
    <row r="487830" spans="14:14">
      <c r="N487830" s="10"/>
    </row>
    <row r="487831" spans="14:14">
      <c r="N487831" s="10"/>
    </row>
    <row r="487832" spans="14:14">
      <c r="N487832" s="10"/>
    </row>
    <row r="487833" spans="14:14">
      <c r="N487833" s="10"/>
    </row>
    <row r="487834" spans="14:14">
      <c r="N487834" s="10"/>
    </row>
    <row r="487835" spans="14:14">
      <c r="N487835" s="10"/>
    </row>
    <row r="487836" spans="14:14">
      <c r="N487836" s="10"/>
    </row>
    <row r="487837" spans="14:14">
      <c r="N487837" s="10"/>
    </row>
    <row r="487838" spans="14:14">
      <c r="N487838" s="10"/>
    </row>
    <row r="487839" spans="14:14">
      <c r="N487839" s="10"/>
    </row>
    <row r="487840" spans="14:14">
      <c r="N487840" s="10"/>
    </row>
    <row r="487841" spans="14:14">
      <c r="N487841" s="10"/>
    </row>
    <row r="487842" spans="14:14">
      <c r="N487842" s="10"/>
    </row>
    <row r="487843" spans="14:14">
      <c r="N487843" s="10"/>
    </row>
    <row r="487844" spans="14:14">
      <c r="N487844" s="10"/>
    </row>
    <row r="487845" spans="14:14">
      <c r="N487845" s="10"/>
    </row>
    <row r="487846" spans="14:14">
      <c r="N487846" s="10"/>
    </row>
    <row r="487847" spans="14:14">
      <c r="N487847" s="10"/>
    </row>
    <row r="487848" spans="14:14">
      <c r="N487848" s="10"/>
    </row>
    <row r="487849" spans="14:14">
      <c r="N487849" s="10"/>
    </row>
    <row r="487850" spans="14:14">
      <c r="N487850" s="10"/>
    </row>
    <row r="487851" spans="14:14">
      <c r="N487851" s="10"/>
    </row>
    <row r="487852" spans="14:14">
      <c r="N487852" s="10"/>
    </row>
    <row r="487853" spans="14:14">
      <c r="N487853" s="10"/>
    </row>
    <row r="487854" spans="14:14">
      <c r="N487854" s="10"/>
    </row>
    <row r="487855" spans="14:14">
      <c r="N487855" s="10"/>
    </row>
    <row r="487856" spans="14:14">
      <c r="N487856" s="10"/>
    </row>
    <row r="487857" spans="14:14">
      <c r="N487857" s="10"/>
    </row>
    <row r="487858" spans="14:14">
      <c r="N487858" s="10"/>
    </row>
    <row r="487859" spans="14:14">
      <c r="N487859" s="10"/>
    </row>
    <row r="487860" spans="14:14">
      <c r="N487860" s="10"/>
    </row>
    <row r="487861" spans="14:14">
      <c r="N487861" s="10"/>
    </row>
    <row r="487862" spans="14:14">
      <c r="N487862" s="10"/>
    </row>
    <row r="487863" spans="14:14">
      <c r="N487863" s="10"/>
    </row>
    <row r="487864" spans="14:14">
      <c r="N487864" s="10"/>
    </row>
    <row r="487865" spans="14:14">
      <c r="N487865" s="10"/>
    </row>
    <row r="487866" spans="14:14">
      <c r="N487866" s="10"/>
    </row>
    <row r="487867" spans="14:14">
      <c r="N487867" s="10"/>
    </row>
    <row r="487868" spans="14:14">
      <c r="N487868" s="10"/>
    </row>
    <row r="487869" spans="14:14">
      <c r="N487869" s="10"/>
    </row>
    <row r="487870" spans="14:14">
      <c r="N487870" s="10"/>
    </row>
    <row r="487871" spans="14:14">
      <c r="N487871" s="10"/>
    </row>
    <row r="487872" spans="14:14">
      <c r="N487872" s="10"/>
    </row>
    <row r="487873" spans="14:14">
      <c r="N487873" s="10"/>
    </row>
    <row r="487874" spans="14:14">
      <c r="N487874" s="10"/>
    </row>
    <row r="487875" spans="14:14">
      <c r="N487875" s="10"/>
    </row>
    <row r="487876" spans="14:14">
      <c r="N487876" s="10"/>
    </row>
    <row r="487877" spans="14:14">
      <c r="N487877" s="10"/>
    </row>
    <row r="487878" spans="14:14">
      <c r="N487878" s="10"/>
    </row>
    <row r="487879" spans="14:14">
      <c r="N487879" s="10"/>
    </row>
    <row r="487880" spans="14:14">
      <c r="N487880" s="10"/>
    </row>
    <row r="487881" spans="14:14">
      <c r="N487881" s="10"/>
    </row>
    <row r="487882" spans="14:14">
      <c r="N487882" s="10"/>
    </row>
    <row r="487883" spans="14:14">
      <c r="N487883" s="10"/>
    </row>
    <row r="487884" spans="14:14">
      <c r="N487884" s="10"/>
    </row>
    <row r="487885" spans="14:14">
      <c r="N487885" s="10"/>
    </row>
    <row r="487886" spans="14:14">
      <c r="N487886" s="10"/>
    </row>
    <row r="487887" spans="14:14">
      <c r="N487887" s="10"/>
    </row>
    <row r="487888" spans="14:14">
      <c r="N487888" s="10"/>
    </row>
    <row r="487889" spans="14:14">
      <c r="N487889" s="10"/>
    </row>
    <row r="487890" spans="14:14">
      <c r="N487890" s="10"/>
    </row>
    <row r="487891" spans="14:14">
      <c r="N487891" s="10"/>
    </row>
    <row r="487892" spans="14:14">
      <c r="N487892" s="10"/>
    </row>
    <row r="487893" spans="14:14">
      <c r="N487893" s="10"/>
    </row>
    <row r="487894" spans="14:14">
      <c r="N487894" s="10"/>
    </row>
    <row r="487895" spans="14:14">
      <c r="N487895" s="10"/>
    </row>
    <row r="487896" spans="14:14">
      <c r="N487896" s="10"/>
    </row>
    <row r="487897" spans="14:14">
      <c r="N487897" s="10"/>
    </row>
    <row r="487898" spans="14:14">
      <c r="N487898" s="10"/>
    </row>
    <row r="487899" spans="14:14">
      <c r="N487899" s="10"/>
    </row>
    <row r="487900" spans="14:14">
      <c r="N487900" s="10"/>
    </row>
    <row r="487901" spans="14:14">
      <c r="N487901" s="10"/>
    </row>
    <row r="487902" spans="14:14">
      <c r="N487902" s="10"/>
    </row>
    <row r="487903" spans="14:14">
      <c r="N487903" s="10"/>
    </row>
    <row r="487904" spans="14:14">
      <c r="N487904" s="10"/>
    </row>
    <row r="487905" spans="14:14">
      <c r="N487905" s="10"/>
    </row>
    <row r="487906" spans="14:14">
      <c r="N487906" s="10"/>
    </row>
    <row r="487907" spans="14:14">
      <c r="N487907" s="10"/>
    </row>
    <row r="487908" spans="14:14">
      <c r="N487908" s="10"/>
    </row>
    <row r="487909" spans="14:14">
      <c r="N487909" s="10"/>
    </row>
    <row r="487910" spans="14:14">
      <c r="N487910" s="10"/>
    </row>
    <row r="487911" spans="14:14">
      <c r="N487911" s="10"/>
    </row>
    <row r="487912" spans="14:14">
      <c r="N487912" s="10"/>
    </row>
    <row r="487913" spans="14:14">
      <c r="N487913" s="10"/>
    </row>
    <row r="487914" spans="14:14">
      <c r="N487914" s="10"/>
    </row>
    <row r="487915" spans="14:14">
      <c r="N487915" s="10"/>
    </row>
    <row r="487916" spans="14:14">
      <c r="N487916" s="10"/>
    </row>
    <row r="487917" spans="14:14">
      <c r="N487917" s="10"/>
    </row>
    <row r="487918" spans="14:14">
      <c r="N487918" s="10"/>
    </row>
    <row r="487919" spans="14:14">
      <c r="N487919" s="10"/>
    </row>
    <row r="487920" spans="14:14">
      <c r="N487920" s="10"/>
    </row>
    <row r="487921" spans="14:14">
      <c r="N487921" s="10"/>
    </row>
    <row r="487922" spans="14:14">
      <c r="N487922" s="10"/>
    </row>
    <row r="487923" spans="14:14">
      <c r="N487923" s="10"/>
    </row>
    <row r="487924" spans="14:14">
      <c r="N487924" s="10"/>
    </row>
    <row r="487925" spans="14:14">
      <c r="N487925" s="10"/>
    </row>
    <row r="487926" spans="14:14">
      <c r="N487926" s="10"/>
    </row>
    <row r="487927" spans="14:14">
      <c r="N487927" s="10"/>
    </row>
    <row r="487928" spans="14:14">
      <c r="N487928" s="10"/>
    </row>
    <row r="487929" spans="14:14">
      <c r="N487929" s="10"/>
    </row>
    <row r="487930" spans="14:14">
      <c r="N487930" s="10"/>
    </row>
    <row r="487931" spans="14:14">
      <c r="N487931" s="10"/>
    </row>
    <row r="487932" spans="14:14">
      <c r="N487932" s="10"/>
    </row>
    <row r="487933" spans="14:14">
      <c r="N487933" s="10"/>
    </row>
    <row r="487934" spans="14:14">
      <c r="N487934" s="10"/>
    </row>
    <row r="487935" spans="14:14">
      <c r="N487935" s="10"/>
    </row>
    <row r="487936" spans="14:14">
      <c r="N487936" s="10"/>
    </row>
    <row r="487937" spans="14:14">
      <c r="N487937" s="10"/>
    </row>
    <row r="487938" spans="14:14">
      <c r="N487938" s="10"/>
    </row>
    <row r="487939" spans="14:14">
      <c r="N487939" s="10"/>
    </row>
    <row r="487940" spans="14:14">
      <c r="N487940" s="10"/>
    </row>
    <row r="487941" spans="14:14">
      <c r="N487941" s="10"/>
    </row>
    <row r="487942" spans="14:14">
      <c r="N487942" s="10"/>
    </row>
    <row r="487943" spans="14:14">
      <c r="N487943" s="10"/>
    </row>
    <row r="487944" spans="14:14">
      <c r="N487944" s="10"/>
    </row>
    <row r="487945" spans="14:14">
      <c r="N487945" s="10"/>
    </row>
    <row r="487946" spans="14:14">
      <c r="N487946" s="10"/>
    </row>
    <row r="487947" spans="14:14">
      <c r="N487947" s="10"/>
    </row>
    <row r="487948" spans="14:14">
      <c r="N487948" s="10"/>
    </row>
    <row r="487949" spans="14:14">
      <c r="N487949" s="10"/>
    </row>
    <row r="487950" spans="14:14">
      <c r="N487950" s="10"/>
    </row>
    <row r="487951" spans="14:14">
      <c r="N487951" s="10"/>
    </row>
    <row r="487952" spans="14:14">
      <c r="N487952" s="10"/>
    </row>
    <row r="487953" spans="14:14">
      <c r="N487953" s="10"/>
    </row>
    <row r="487954" spans="14:14">
      <c r="N487954" s="10"/>
    </row>
    <row r="487955" spans="14:14">
      <c r="N487955" s="10"/>
    </row>
    <row r="487956" spans="14:14">
      <c r="N487956" s="10"/>
    </row>
    <row r="487957" spans="14:14">
      <c r="N487957" s="10"/>
    </row>
    <row r="487958" spans="14:14">
      <c r="N487958" s="10"/>
    </row>
    <row r="487959" spans="14:14">
      <c r="N487959" s="10"/>
    </row>
    <row r="487960" spans="14:14">
      <c r="N487960" s="10"/>
    </row>
    <row r="487961" spans="14:14">
      <c r="N487961" s="10"/>
    </row>
    <row r="487962" spans="14:14">
      <c r="N487962" s="10"/>
    </row>
    <row r="487963" spans="14:14">
      <c r="N487963" s="10"/>
    </row>
    <row r="487964" spans="14:14">
      <c r="N487964" s="10"/>
    </row>
    <row r="487965" spans="14:14">
      <c r="N487965" s="10"/>
    </row>
    <row r="487966" spans="14:14">
      <c r="N487966" s="10"/>
    </row>
    <row r="487967" spans="14:14">
      <c r="N487967" s="10"/>
    </row>
    <row r="487968" spans="14:14">
      <c r="N487968" s="10"/>
    </row>
    <row r="487969" spans="14:14">
      <c r="N487969" s="10"/>
    </row>
    <row r="487970" spans="14:14">
      <c r="N487970" s="10"/>
    </row>
    <row r="487971" spans="14:14">
      <c r="N487971" s="10"/>
    </row>
    <row r="487972" spans="14:14">
      <c r="N487972" s="10"/>
    </row>
    <row r="487973" spans="14:14">
      <c r="N487973" s="10"/>
    </row>
    <row r="487974" spans="14:14">
      <c r="N487974" s="10"/>
    </row>
    <row r="487975" spans="14:14">
      <c r="N487975" s="10"/>
    </row>
    <row r="487976" spans="14:14">
      <c r="N487976" s="10"/>
    </row>
    <row r="487977" spans="14:14">
      <c r="N487977" s="10"/>
    </row>
    <row r="487978" spans="14:14">
      <c r="N487978" s="10"/>
    </row>
    <row r="487979" spans="14:14">
      <c r="N487979" s="10"/>
    </row>
    <row r="487980" spans="14:14">
      <c r="N487980" s="10"/>
    </row>
    <row r="487981" spans="14:14">
      <c r="N487981" s="10"/>
    </row>
    <row r="487982" spans="14:14">
      <c r="N487982" s="10"/>
    </row>
    <row r="487983" spans="14:14">
      <c r="N487983" s="10"/>
    </row>
    <row r="487984" spans="14:14">
      <c r="N487984" s="10"/>
    </row>
    <row r="487985" spans="14:14">
      <c r="N487985" s="10"/>
    </row>
    <row r="487986" spans="14:14">
      <c r="N487986" s="10"/>
    </row>
    <row r="487987" spans="14:14">
      <c r="N487987" s="10"/>
    </row>
    <row r="487988" spans="14:14">
      <c r="N487988" s="10"/>
    </row>
    <row r="487989" spans="14:14">
      <c r="N487989" s="10"/>
    </row>
    <row r="487990" spans="14:14">
      <c r="N487990" s="10"/>
    </row>
    <row r="487991" spans="14:14">
      <c r="N487991" s="10"/>
    </row>
    <row r="487992" spans="14:14">
      <c r="N487992" s="10"/>
    </row>
    <row r="487993" spans="14:14">
      <c r="N487993" s="10"/>
    </row>
    <row r="487994" spans="14:14">
      <c r="N487994" s="10"/>
    </row>
    <row r="487995" spans="14:14">
      <c r="N487995" s="10"/>
    </row>
    <row r="487996" spans="14:14">
      <c r="N487996" s="10"/>
    </row>
    <row r="487997" spans="14:14">
      <c r="N487997" s="10"/>
    </row>
    <row r="487998" spans="14:14">
      <c r="N487998" s="10"/>
    </row>
    <row r="487999" spans="14:14">
      <c r="N487999" s="10"/>
    </row>
    <row r="488000" spans="14:14">
      <c r="N488000" s="10"/>
    </row>
    <row r="488001" spans="14:14">
      <c r="N488001" s="10"/>
    </row>
    <row r="488002" spans="14:14">
      <c r="N488002" s="10"/>
    </row>
    <row r="488003" spans="14:14">
      <c r="N488003" s="10"/>
    </row>
    <row r="488004" spans="14:14">
      <c r="N488004" s="10"/>
    </row>
    <row r="488005" spans="14:14">
      <c r="N488005" s="10"/>
    </row>
    <row r="488006" spans="14:14">
      <c r="N488006" s="10"/>
    </row>
    <row r="488007" spans="14:14">
      <c r="N488007" s="10"/>
    </row>
    <row r="488008" spans="14:14">
      <c r="N488008" s="10"/>
    </row>
    <row r="488009" spans="14:14">
      <c r="N488009" s="10"/>
    </row>
    <row r="488010" spans="14:14">
      <c r="N488010" s="10"/>
    </row>
    <row r="488011" spans="14:14">
      <c r="N488011" s="10"/>
    </row>
    <row r="488012" spans="14:14">
      <c r="N488012" s="10"/>
    </row>
    <row r="488013" spans="14:14">
      <c r="N488013" s="10"/>
    </row>
    <row r="488014" spans="14:14">
      <c r="N488014" s="10"/>
    </row>
    <row r="488015" spans="14:14">
      <c r="N488015" s="10"/>
    </row>
    <row r="488016" spans="14:14">
      <c r="N488016" s="10"/>
    </row>
    <row r="488017" spans="14:14">
      <c r="N488017" s="10"/>
    </row>
    <row r="488018" spans="14:14">
      <c r="N488018" s="10"/>
    </row>
    <row r="488019" spans="14:14">
      <c r="N488019" s="10"/>
    </row>
    <row r="488020" spans="14:14">
      <c r="N488020" s="10"/>
    </row>
    <row r="488021" spans="14:14">
      <c r="N488021" s="10"/>
    </row>
    <row r="488022" spans="14:14">
      <c r="N488022" s="10"/>
    </row>
    <row r="488023" spans="14:14">
      <c r="N488023" s="10"/>
    </row>
    <row r="488024" spans="14:14">
      <c r="N488024" s="10"/>
    </row>
    <row r="488025" spans="14:14">
      <c r="N488025" s="10"/>
    </row>
    <row r="488026" spans="14:14">
      <c r="N488026" s="10"/>
    </row>
    <row r="488027" spans="14:14">
      <c r="N488027" s="10"/>
    </row>
    <row r="488028" spans="14:14">
      <c r="N488028" s="10"/>
    </row>
    <row r="488029" spans="14:14">
      <c r="N488029" s="10"/>
    </row>
    <row r="488030" spans="14:14">
      <c r="N488030" s="10"/>
    </row>
    <row r="488031" spans="14:14">
      <c r="N488031" s="10"/>
    </row>
    <row r="488032" spans="14:14">
      <c r="N488032" s="10"/>
    </row>
    <row r="488033" spans="14:14">
      <c r="N488033" s="10"/>
    </row>
    <row r="488034" spans="14:14">
      <c r="N488034" s="10"/>
    </row>
    <row r="488035" spans="14:14">
      <c r="N488035" s="10"/>
    </row>
    <row r="488036" spans="14:14">
      <c r="N488036" s="10"/>
    </row>
    <row r="488037" spans="14:14">
      <c r="N488037" s="10"/>
    </row>
    <row r="488038" spans="14:14">
      <c r="N488038" s="10"/>
    </row>
    <row r="488039" spans="14:14">
      <c r="N488039" s="10"/>
    </row>
    <row r="488040" spans="14:14">
      <c r="N488040" s="10"/>
    </row>
    <row r="488041" spans="14:14">
      <c r="N488041" s="10"/>
    </row>
    <row r="488042" spans="14:14">
      <c r="N488042" s="10"/>
    </row>
    <row r="488043" spans="14:14">
      <c r="N488043" s="10"/>
    </row>
    <row r="488044" spans="14:14">
      <c r="N488044" s="10"/>
    </row>
    <row r="488045" spans="14:14">
      <c r="N488045" s="10"/>
    </row>
    <row r="488046" spans="14:14">
      <c r="N488046" s="10"/>
    </row>
    <row r="488047" spans="14:14">
      <c r="N488047" s="10"/>
    </row>
    <row r="488048" spans="14:14">
      <c r="N488048" s="10"/>
    </row>
    <row r="488049" spans="14:14">
      <c r="N488049" s="10"/>
    </row>
    <row r="488050" spans="14:14">
      <c r="N488050" s="10"/>
    </row>
    <row r="488051" spans="14:14">
      <c r="N488051" s="10"/>
    </row>
    <row r="488052" spans="14:14">
      <c r="N488052" s="10"/>
    </row>
    <row r="488053" spans="14:14">
      <c r="N488053" s="10"/>
    </row>
    <row r="488054" spans="14:14">
      <c r="N488054" s="10"/>
    </row>
    <row r="488055" spans="14:14">
      <c r="N488055" s="10"/>
    </row>
    <row r="488056" spans="14:14">
      <c r="N488056" s="10"/>
    </row>
    <row r="488057" spans="14:14">
      <c r="N488057" s="10"/>
    </row>
    <row r="488058" spans="14:14">
      <c r="N488058" s="10"/>
    </row>
    <row r="488059" spans="14:14">
      <c r="N488059" s="10"/>
    </row>
    <row r="488060" spans="14:14">
      <c r="N488060" s="10"/>
    </row>
    <row r="488061" spans="14:14">
      <c r="N488061" s="10"/>
    </row>
    <row r="488062" spans="14:14">
      <c r="N488062" s="10"/>
    </row>
    <row r="488063" spans="14:14">
      <c r="N488063" s="10"/>
    </row>
    <row r="488064" spans="14:14">
      <c r="N488064" s="10"/>
    </row>
    <row r="488065" spans="14:14">
      <c r="N488065" s="10"/>
    </row>
    <row r="488066" spans="14:14">
      <c r="N488066" s="10"/>
    </row>
    <row r="488067" spans="14:14">
      <c r="N488067" s="10"/>
    </row>
    <row r="488068" spans="14:14">
      <c r="N488068" s="10"/>
    </row>
    <row r="488069" spans="14:14">
      <c r="N488069" s="10"/>
    </row>
    <row r="488070" spans="14:14">
      <c r="N488070" s="10"/>
    </row>
    <row r="488071" spans="14:14">
      <c r="N488071" s="10"/>
    </row>
    <row r="488072" spans="14:14">
      <c r="N488072" s="10"/>
    </row>
    <row r="488073" spans="14:14">
      <c r="N488073" s="10"/>
    </row>
    <row r="488074" spans="14:14">
      <c r="N488074" s="10"/>
    </row>
    <row r="488075" spans="14:14">
      <c r="N488075" s="10"/>
    </row>
    <row r="488076" spans="14:14">
      <c r="N488076" s="10"/>
    </row>
    <row r="488077" spans="14:14">
      <c r="N488077" s="10"/>
    </row>
    <row r="488078" spans="14:14">
      <c r="N488078" s="10"/>
    </row>
    <row r="488079" spans="14:14">
      <c r="N488079" s="10"/>
    </row>
    <row r="488080" spans="14:14">
      <c r="N488080" s="10"/>
    </row>
    <row r="488081" spans="14:14">
      <c r="N488081" s="10"/>
    </row>
    <row r="488082" spans="14:14">
      <c r="N488082" s="10"/>
    </row>
    <row r="488083" spans="14:14">
      <c r="N488083" s="10"/>
    </row>
    <row r="488084" spans="14:14">
      <c r="N488084" s="10"/>
    </row>
    <row r="488085" spans="14:14">
      <c r="N488085" s="10"/>
    </row>
    <row r="488086" spans="14:14">
      <c r="N488086" s="10"/>
    </row>
    <row r="488087" spans="14:14">
      <c r="N488087" s="10"/>
    </row>
    <row r="488088" spans="14:14">
      <c r="N488088" s="10"/>
    </row>
    <row r="488089" spans="14:14">
      <c r="N488089" s="10"/>
    </row>
    <row r="488090" spans="14:14">
      <c r="N488090" s="10"/>
    </row>
    <row r="488091" spans="14:14">
      <c r="N488091" s="10"/>
    </row>
    <row r="488092" spans="14:14">
      <c r="N488092" s="10"/>
    </row>
    <row r="488093" spans="14:14">
      <c r="N488093" s="10"/>
    </row>
    <row r="488094" spans="14:14">
      <c r="N488094" s="10"/>
    </row>
    <row r="488095" spans="14:14">
      <c r="N488095" s="10"/>
    </row>
    <row r="488096" spans="14:14">
      <c r="N488096" s="10"/>
    </row>
    <row r="488097" spans="14:14">
      <c r="N488097" s="10"/>
    </row>
    <row r="488098" spans="14:14">
      <c r="N488098" s="10"/>
    </row>
    <row r="488099" spans="14:14">
      <c r="N488099" s="10"/>
    </row>
    <row r="488100" spans="14:14">
      <c r="N488100" s="10"/>
    </row>
    <row r="488101" spans="14:14">
      <c r="N488101" s="10"/>
    </row>
    <row r="488102" spans="14:14">
      <c r="N488102" s="10"/>
    </row>
    <row r="488103" spans="14:14">
      <c r="N488103" s="10"/>
    </row>
    <row r="488104" spans="14:14">
      <c r="N488104" s="10"/>
    </row>
    <row r="488105" spans="14:14">
      <c r="N488105" s="10"/>
    </row>
    <row r="488106" spans="14:14">
      <c r="N488106" s="10"/>
    </row>
    <row r="488107" spans="14:14">
      <c r="N488107" s="10"/>
    </row>
    <row r="488108" spans="14:14">
      <c r="N488108" s="10"/>
    </row>
    <row r="488109" spans="14:14">
      <c r="N488109" s="10"/>
    </row>
    <row r="488110" spans="14:14">
      <c r="N488110" s="10"/>
    </row>
    <row r="488111" spans="14:14">
      <c r="N488111" s="10"/>
    </row>
    <row r="488112" spans="14:14">
      <c r="N488112" s="10"/>
    </row>
    <row r="488113" spans="14:14">
      <c r="N488113" s="10"/>
    </row>
    <row r="488114" spans="14:14">
      <c r="N488114" s="10"/>
    </row>
    <row r="488115" spans="14:14">
      <c r="N488115" s="10"/>
    </row>
    <row r="488116" spans="14:14">
      <c r="N488116" s="10"/>
    </row>
    <row r="488117" spans="14:14">
      <c r="N488117" s="10"/>
    </row>
    <row r="488118" spans="14:14">
      <c r="N488118" s="10"/>
    </row>
    <row r="488119" spans="14:14">
      <c r="N488119" s="10"/>
    </row>
    <row r="488120" spans="14:14">
      <c r="N488120" s="10"/>
    </row>
    <row r="488121" spans="14:14">
      <c r="N488121" s="10"/>
    </row>
    <row r="488122" spans="14:14">
      <c r="N488122" s="10"/>
    </row>
    <row r="488123" spans="14:14">
      <c r="N488123" s="10"/>
    </row>
    <row r="488124" spans="14:14">
      <c r="N488124" s="10"/>
    </row>
    <row r="488125" spans="14:14">
      <c r="N488125" s="10"/>
    </row>
    <row r="488126" spans="14:14">
      <c r="N488126" s="10"/>
    </row>
    <row r="488127" spans="14:14">
      <c r="N488127" s="10"/>
    </row>
    <row r="488128" spans="14:14">
      <c r="N488128" s="10"/>
    </row>
    <row r="488129" spans="14:14">
      <c r="N488129" s="10"/>
    </row>
    <row r="488130" spans="14:14">
      <c r="N488130" s="10"/>
    </row>
    <row r="488131" spans="14:14">
      <c r="N488131" s="10"/>
    </row>
    <row r="488132" spans="14:14">
      <c r="N488132" s="10"/>
    </row>
    <row r="488133" spans="14:14">
      <c r="N488133" s="10"/>
    </row>
    <row r="488134" spans="14:14">
      <c r="N488134" s="10"/>
    </row>
    <row r="488135" spans="14:14">
      <c r="N488135" s="10"/>
    </row>
    <row r="488136" spans="14:14">
      <c r="N488136" s="10"/>
    </row>
    <row r="488137" spans="14:14">
      <c r="N488137" s="10"/>
    </row>
    <row r="488138" spans="14:14">
      <c r="N488138" s="10"/>
    </row>
    <row r="488139" spans="14:14">
      <c r="N488139" s="10"/>
    </row>
    <row r="488140" spans="14:14">
      <c r="N488140" s="10"/>
    </row>
    <row r="488141" spans="14:14">
      <c r="N488141" s="10"/>
    </row>
    <row r="488142" spans="14:14">
      <c r="N488142" s="10"/>
    </row>
    <row r="488143" spans="14:14">
      <c r="N488143" s="10"/>
    </row>
    <row r="488144" spans="14:14">
      <c r="N488144" s="10"/>
    </row>
    <row r="488145" spans="14:14">
      <c r="N488145" s="10"/>
    </row>
    <row r="488146" spans="14:14">
      <c r="N488146" s="10"/>
    </row>
    <row r="488147" spans="14:14">
      <c r="N488147" s="10"/>
    </row>
    <row r="488148" spans="14:14">
      <c r="N488148" s="10"/>
    </row>
    <row r="488149" spans="14:14">
      <c r="N488149" s="10"/>
    </row>
    <row r="488150" spans="14:14">
      <c r="N488150" s="10"/>
    </row>
    <row r="488151" spans="14:14">
      <c r="N488151" s="10"/>
    </row>
    <row r="488152" spans="14:14">
      <c r="N488152" s="10"/>
    </row>
    <row r="488153" spans="14:14">
      <c r="N488153" s="10"/>
    </row>
    <row r="488154" spans="14:14">
      <c r="N488154" s="10"/>
    </row>
    <row r="488155" spans="14:14">
      <c r="N488155" s="10"/>
    </row>
    <row r="488156" spans="14:14">
      <c r="N488156" s="10"/>
    </row>
    <row r="488157" spans="14:14">
      <c r="N488157" s="10"/>
    </row>
    <row r="488158" spans="14:14">
      <c r="N488158" s="10"/>
    </row>
    <row r="488159" spans="14:14">
      <c r="N488159" s="10"/>
    </row>
    <row r="488160" spans="14:14">
      <c r="N488160" s="10"/>
    </row>
    <row r="488161" spans="14:14">
      <c r="N488161" s="10"/>
    </row>
    <row r="488162" spans="14:14">
      <c r="N488162" s="10"/>
    </row>
    <row r="488163" spans="14:14">
      <c r="N488163" s="10"/>
    </row>
    <row r="488164" spans="14:14">
      <c r="N488164" s="10"/>
    </row>
    <row r="488165" spans="14:14">
      <c r="N488165" s="10"/>
    </row>
    <row r="488166" spans="14:14">
      <c r="N488166" s="10"/>
    </row>
    <row r="488167" spans="14:14">
      <c r="N488167" s="10"/>
    </row>
    <row r="488168" spans="14:14">
      <c r="N488168" s="10"/>
    </row>
    <row r="488169" spans="14:14">
      <c r="N488169" s="10"/>
    </row>
    <row r="488170" spans="14:14">
      <c r="N488170" s="10"/>
    </row>
    <row r="488171" spans="14:14">
      <c r="N488171" s="10"/>
    </row>
    <row r="488172" spans="14:14">
      <c r="N488172" s="10"/>
    </row>
    <row r="488173" spans="14:14">
      <c r="N488173" s="10"/>
    </row>
    <row r="488174" spans="14:14">
      <c r="N488174" s="10"/>
    </row>
    <row r="488175" spans="14:14">
      <c r="N488175" s="10"/>
    </row>
    <row r="488176" spans="14:14">
      <c r="N488176" s="10"/>
    </row>
    <row r="488177" spans="14:14">
      <c r="N488177" s="10"/>
    </row>
    <row r="488178" spans="14:14">
      <c r="N488178" s="10"/>
    </row>
    <row r="488179" spans="14:14">
      <c r="N488179" s="10"/>
    </row>
    <row r="488180" spans="14:14">
      <c r="N488180" s="10"/>
    </row>
    <row r="488181" spans="14:14">
      <c r="N488181" s="10"/>
    </row>
    <row r="488182" spans="14:14">
      <c r="N488182" s="10"/>
    </row>
    <row r="488183" spans="14:14">
      <c r="N488183" s="10"/>
    </row>
    <row r="488184" spans="14:14">
      <c r="N488184" s="10"/>
    </row>
    <row r="488185" spans="14:14">
      <c r="N488185" s="10"/>
    </row>
    <row r="488186" spans="14:14">
      <c r="N488186" s="10"/>
    </row>
    <row r="488187" spans="14:14">
      <c r="N488187" s="10"/>
    </row>
    <row r="488188" spans="14:14">
      <c r="N488188" s="10"/>
    </row>
    <row r="488189" spans="14:14">
      <c r="N488189" s="10"/>
    </row>
    <row r="488190" spans="14:14">
      <c r="N488190" s="10"/>
    </row>
    <row r="488191" spans="14:14">
      <c r="N488191" s="10"/>
    </row>
    <row r="488192" spans="14:14">
      <c r="N488192" s="10"/>
    </row>
    <row r="488193" spans="14:14">
      <c r="N488193" s="10"/>
    </row>
    <row r="488194" spans="14:14">
      <c r="N488194" s="10"/>
    </row>
    <row r="488195" spans="14:14">
      <c r="N488195" s="10"/>
    </row>
    <row r="488196" spans="14:14">
      <c r="N488196" s="10"/>
    </row>
    <row r="488197" spans="14:14">
      <c r="N488197" s="10"/>
    </row>
    <row r="488198" spans="14:14">
      <c r="N488198" s="10"/>
    </row>
    <row r="488199" spans="14:14">
      <c r="N488199" s="10"/>
    </row>
    <row r="488200" spans="14:14">
      <c r="N488200" s="10"/>
    </row>
    <row r="488201" spans="14:14">
      <c r="N488201" s="10"/>
    </row>
    <row r="488202" spans="14:14">
      <c r="N488202" s="10"/>
    </row>
    <row r="488203" spans="14:14">
      <c r="N488203" s="10"/>
    </row>
    <row r="488204" spans="14:14">
      <c r="N488204" s="10"/>
    </row>
    <row r="488205" spans="14:14">
      <c r="N488205" s="10"/>
    </row>
    <row r="488206" spans="14:14">
      <c r="N488206" s="10"/>
    </row>
    <row r="488207" spans="14:14">
      <c r="N488207" s="10"/>
    </row>
    <row r="488208" spans="14:14">
      <c r="N488208" s="10"/>
    </row>
    <row r="488209" spans="14:14">
      <c r="N488209" s="10"/>
    </row>
    <row r="488210" spans="14:14">
      <c r="N488210" s="10"/>
    </row>
    <row r="488211" spans="14:14">
      <c r="N488211" s="10"/>
    </row>
    <row r="488212" spans="14:14">
      <c r="N488212" s="10"/>
    </row>
    <row r="488213" spans="14:14">
      <c r="N488213" s="10"/>
    </row>
    <row r="488214" spans="14:14">
      <c r="N488214" s="10"/>
    </row>
    <row r="488215" spans="14:14">
      <c r="N488215" s="10"/>
    </row>
    <row r="488216" spans="14:14">
      <c r="N488216" s="10"/>
    </row>
    <row r="488217" spans="14:14">
      <c r="N488217" s="10"/>
    </row>
    <row r="488218" spans="14:14">
      <c r="N488218" s="10"/>
    </row>
    <row r="488219" spans="14:14">
      <c r="N488219" s="10"/>
    </row>
    <row r="488220" spans="14:14">
      <c r="N488220" s="10"/>
    </row>
    <row r="488221" spans="14:14">
      <c r="N488221" s="10"/>
    </row>
    <row r="488222" spans="14:14">
      <c r="N488222" s="10"/>
    </row>
    <row r="488223" spans="14:14">
      <c r="N488223" s="10"/>
    </row>
    <row r="488224" spans="14:14">
      <c r="N488224" s="10"/>
    </row>
    <row r="488225" spans="14:14">
      <c r="N488225" s="10"/>
    </row>
    <row r="488226" spans="14:14">
      <c r="N488226" s="10"/>
    </row>
    <row r="488227" spans="14:14">
      <c r="N488227" s="10"/>
    </row>
    <row r="488228" spans="14:14">
      <c r="N488228" s="10"/>
    </row>
    <row r="488229" spans="14:14">
      <c r="N488229" s="10"/>
    </row>
    <row r="488230" spans="14:14">
      <c r="N488230" s="10"/>
    </row>
    <row r="488231" spans="14:14">
      <c r="N488231" s="10"/>
    </row>
    <row r="488232" spans="14:14">
      <c r="N488232" s="10"/>
    </row>
    <row r="488233" spans="14:14">
      <c r="N488233" s="10"/>
    </row>
    <row r="488234" spans="14:14">
      <c r="N488234" s="10"/>
    </row>
    <row r="488235" spans="14:14">
      <c r="N488235" s="10"/>
    </row>
    <row r="488236" spans="14:14">
      <c r="N488236" s="10"/>
    </row>
    <row r="488237" spans="14:14">
      <c r="N488237" s="10"/>
    </row>
    <row r="488238" spans="14:14">
      <c r="N488238" s="10"/>
    </row>
    <row r="488239" spans="14:14">
      <c r="N488239" s="10"/>
    </row>
    <row r="488240" spans="14:14">
      <c r="N488240" s="10"/>
    </row>
    <row r="488241" spans="14:14">
      <c r="N488241" s="10"/>
    </row>
    <row r="488242" spans="14:14">
      <c r="N488242" s="10"/>
    </row>
    <row r="488243" spans="14:14">
      <c r="N488243" s="10"/>
    </row>
    <row r="488244" spans="14:14">
      <c r="N488244" s="10"/>
    </row>
    <row r="488245" spans="14:14">
      <c r="N488245" s="10"/>
    </row>
    <row r="488246" spans="14:14">
      <c r="N488246" s="10"/>
    </row>
    <row r="488247" spans="14:14">
      <c r="N488247" s="10"/>
    </row>
    <row r="488248" spans="14:14">
      <c r="N488248" s="10"/>
    </row>
    <row r="488249" spans="14:14">
      <c r="N488249" s="10"/>
    </row>
    <row r="488250" spans="14:14">
      <c r="N488250" s="10"/>
    </row>
    <row r="488251" spans="14:14">
      <c r="N488251" s="10"/>
    </row>
    <row r="488252" spans="14:14">
      <c r="N488252" s="10"/>
    </row>
    <row r="488253" spans="14:14">
      <c r="N488253" s="10"/>
    </row>
    <row r="488254" spans="14:14">
      <c r="N488254" s="10"/>
    </row>
    <row r="488255" spans="14:14">
      <c r="N488255" s="10"/>
    </row>
    <row r="488256" spans="14:14">
      <c r="N488256" s="10"/>
    </row>
    <row r="488257" spans="14:14">
      <c r="N488257" s="10"/>
    </row>
    <row r="488258" spans="14:14">
      <c r="N488258" s="10"/>
    </row>
    <row r="488259" spans="14:14">
      <c r="N488259" s="10"/>
    </row>
    <row r="488260" spans="14:14">
      <c r="N488260" s="10"/>
    </row>
    <row r="488261" spans="14:14">
      <c r="N488261" s="10"/>
    </row>
    <row r="488262" spans="14:14">
      <c r="N488262" s="10"/>
    </row>
    <row r="488263" spans="14:14">
      <c r="N488263" s="10"/>
    </row>
    <row r="488264" spans="14:14">
      <c r="N488264" s="10"/>
    </row>
    <row r="488265" spans="14:14">
      <c r="N488265" s="10"/>
    </row>
    <row r="488266" spans="14:14">
      <c r="N488266" s="10"/>
    </row>
    <row r="488267" spans="14:14">
      <c r="N488267" s="10"/>
    </row>
    <row r="488268" spans="14:14">
      <c r="N488268" s="10"/>
    </row>
    <row r="488269" spans="14:14">
      <c r="N488269" s="10"/>
    </row>
    <row r="488270" spans="14:14">
      <c r="N488270" s="10"/>
    </row>
    <row r="488271" spans="14:14">
      <c r="N488271" s="10"/>
    </row>
    <row r="488272" spans="14:14">
      <c r="N488272" s="10"/>
    </row>
    <row r="488273" spans="14:14">
      <c r="N488273" s="10"/>
    </row>
    <row r="488274" spans="14:14">
      <c r="N488274" s="10"/>
    </row>
    <row r="488275" spans="14:14">
      <c r="N488275" s="10"/>
    </row>
    <row r="488276" spans="14:14">
      <c r="N488276" s="10"/>
    </row>
    <row r="488277" spans="14:14">
      <c r="N488277" s="10"/>
    </row>
    <row r="488278" spans="14:14">
      <c r="N488278" s="10"/>
    </row>
    <row r="488279" spans="14:14">
      <c r="N488279" s="10"/>
    </row>
    <row r="488280" spans="14:14">
      <c r="N488280" s="10"/>
    </row>
    <row r="488281" spans="14:14">
      <c r="N488281" s="10"/>
    </row>
    <row r="488282" spans="14:14">
      <c r="N488282" s="10"/>
    </row>
    <row r="488283" spans="14:14">
      <c r="N488283" s="10"/>
    </row>
    <row r="488284" spans="14:14">
      <c r="N488284" s="10"/>
    </row>
    <row r="488285" spans="14:14">
      <c r="N488285" s="10"/>
    </row>
    <row r="488286" spans="14:14">
      <c r="N488286" s="10"/>
    </row>
    <row r="488287" spans="14:14">
      <c r="N488287" s="10"/>
    </row>
    <row r="488288" spans="14:14">
      <c r="N488288" s="10"/>
    </row>
    <row r="488289" spans="14:14">
      <c r="N488289" s="10"/>
    </row>
    <row r="488290" spans="14:14">
      <c r="N488290" s="10"/>
    </row>
    <row r="488291" spans="14:14">
      <c r="N488291" s="10"/>
    </row>
    <row r="488292" spans="14:14">
      <c r="N488292" s="10"/>
    </row>
    <row r="488293" spans="14:14">
      <c r="N488293" s="10"/>
    </row>
    <row r="488294" spans="14:14">
      <c r="N488294" s="10"/>
    </row>
    <row r="488295" spans="14:14">
      <c r="N488295" s="10"/>
    </row>
    <row r="488296" spans="14:14">
      <c r="N488296" s="10"/>
    </row>
    <row r="488297" spans="14:14">
      <c r="N488297" s="10"/>
    </row>
    <row r="488298" spans="14:14">
      <c r="N488298" s="10"/>
    </row>
    <row r="488299" spans="14:14">
      <c r="N488299" s="10"/>
    </row>
    <row r="488300" spans="14:14">
      <c r="N488300" s="10"/>
    </row>
    <row r="488301" spans="14:14">
      <c r="N488301" s="10"/>
    </row>
    <row r="488302" spans="14:14">
      <c r="N488302" s="10"/>
    </row>
    <row r="488303" spans="14:14">
      <c r="N488303" s="10"/>
    </row>
    <row r="488304" spans="14:14">
      <c r="N488304" s="10"/>
    </row>
    <row r="488305" spans="14:14">
      <c r="N488305" s="10"/>
    </row>
    <row r="488306" spans="14:14">
      <c r="N488306" s="10"/>
    </row>
    <row r="488307" spans="14:14">
      <c r="N488307" s="10"/>
    </row>
    <row r="488308" spans="14:14">
      <c r="N488308" s="10"/>
    </row>
    <row r="488309" spans="14:14">
      <c r="N488309" s="10"/>
    </row>
    <row r="488310" spans="14:14">
      <c r="N488310" s="10"/>
    </row>
    <row r="488311" spans="14:14">
      <c r="N488311" s="10"/>
    </row>
    <row r="488312" spans="14:14">
      <c r="N488312" s="10"/>
    </row>
    <row r="488313" spans="14:14">
      <c r="N488313" s="10"/>
    </row>
    <row r="488314" spans="14:14">
      <c r="N488314" s="10"/>
    </row>
    <row r="488315" spans="14:14">
      <c r="N488315" s="10"/>
    </row>
    <row r="488316" spans="14:14">
      <c r="N488316" s="10"/>
    </row>
    <row r="488317" spans="14:14">
      <c r="N488317" s="10"/>
    </row>
    <row r="488318" spans="14:14">
      <c r="N488318" s="10"/>
    </row>
    <row r="488319" spans="14:14">
      <c r="N488319" s="10"/>
    </row>
    <row r="488320" spans="14:14">
      <c r="N488320" s="10"/>
    </row>
    <row r="488321" spans="14:14">
      <c r="N488321" s="10"/>
    </row>
    <row r="488322" spans="14:14">
      <c r="N488322" s="10"/>
    </row>
    <row r="488323" spans="14:14">
      <c r="N488323" s="10"/>
    </row>
    <row r="488324" spans="14:14">
      <c r="N488324" s="10"/>
    </row>
    <row r="488325" spans="14:14">
      <c r="N488325" s="10"/>
    </row>
    <row r="488326" spans="14:14">
      <c r="N488326" s="10"/>
    </row>
    <row r="488327" spans="14:14">
      <c r="N488327" s="10"/>
    </row>
    <row r="488328" spans="14:14">
      <c r="N488328" s="10"/>
    </row>
    <row r="488329" spans="14:14">
      <c r="N488329" s="10"/>
    </row>
    <row r="488330" spans="14:14">
      <c r="N488330" s="10"/>
    </row>
    <row r="488331" spans="14:14">
      <c r="N488331" s="10"/>
    </row>
    <row r="488332" spans="14:14">
      <c r="N488332" s="10"/>
    </row>
    <row r="488333" spans="14:14">
      <c r="N488333" s="10"/>
    </row>
    <row r="488334" spans="14:14">
      <c r="N488334" s="10"/>
    </row>
    <row r="488335" spans="14:14">
      <c r="N488335" s="10"/>
    </row>
    <row r="488336" spans="14:14">
      <c r="N488336" s="10"/>
    </row>
    <row r="488337" spans="14:14">
      <c r="N488337" s="10"/>
    </row>
    <row r="488338" spans="14:14">
      <c r="N488338" s="10"/>
    </row>
    <row r="488339" spans="14:14">
      <c r="N488339" s="10"/>
    </row>
    <row r="488340" spans="14:14">
      <c r="N488340" s="10"/>
    </row>
    <row r="488341" spans="14:14">
      <c r="N488341" s="10"/>
    </row>
    <row r="488342" spans="14:14">
      <c r="N488342" s="10"/>
    </row>
    <row r="488343" spans="14:14">
      <c r="N488343" s="10"/>
    </row>
    <row r="488344" spans="14:14">
      <c r="N488344" s="10"/>
    </row>
    <row r="488345" spans="14:14">
      <c r="N488345" s="10"/>
    </row>
    <row r="488346" spans="14:14">
      <c r="N488346" s="10"/>
    </row>
    <row r="488347" spans="14:14">
      <c r="N488347" s="10"/>
    </row>
    <row r="488348" spans="14:14">
      <c r="N488348" s="10"/>
    </row>
    <row r="488349" spans="14:14">
      <c r="N488349" s="10"/>
    </row>
    <row r="488350" spans="14:14">
      <c r="N488350" s="10"/>
    </row>
    <row r="488351" spans="14:14">
      <c r="N488351" s="10"/>
    </row>
    <row r="488352" spans="14:14">
      <c r="N488352" s="10"/>
    </row>
    <row r="488353" spans="14:14">
      <c r="N488353" s="10"/>
    </row>
    <row r="488354" spans="14:14">
      <c r="N488354" s="10"/>
    </row>
    <row r="488355" spans="14:14">
      <c r="N488355" s="10"/>
    </row>
    <row r="488356" spans="14:14">
      <c r="N488356" s="10"/>
    </row>
    <row r="488357" spans="14:14">
      <c r="N488357" s="10"/>
    </row>
    <row r="488358" spans="14:14">
      <c r="N488358" s="10"/>
    </row>
    <row r="488359" spans="14:14">
      <c r="N488359" s="10"/>
    </row>
    <row r="488360" spans="14:14">
      <c r="N488360" s="10"/>
    </row>
    <row r="488361" spans="14:14">
      <c r="N488361" s="10"/>
    </row>
    <row r="488362" spans="14:14">
      <c r="N488362" s="10"/>
    </row>
    <row r="488363" spans="14:14">
      <c r="N488363" s="10"/>
    </row>
    <row r="488364" spans="14:14">
      <c r="N488364" s="10"/>
    </row>
    <row r="488365" spans="14:14">
      <c r="N488365" s="10"/>
    </row>
    <row r="488366" spans="14:14">
      <c r="N488366" s="10"/>
    </row>
    <row r="488367" spans="14:14">
      <c r="N488367" s="10"/>
    </row>
    <row r="488368" spans="14:14">
      <c r="N488368" s="10"/>
    </row>
    <row r="488369" spans="14:14">
      <c r="N488369" s="10"/>
    </row>
    <row r="488370" spans="14:14">
      <c r="N488370" s="10"/>
    </row>
    <row r="488371" spans="14:14">
      <c r="N488371" s="10"/>
    </row>
    <row r="488372" spans="14:14">
      <c r="N488372" s="10"/>
    </row>
    <row r="488373" spans="14:14">
      <c r="N488373" s="10"/>
    </row>
    <row r="488374" spans="14:14">
      <c r="N488374" s="10"/>
    </row>
    <row r="488375" spans="14:14">
      <c r="N488375" s="10"/>
    </row>
    <row r="488376" spans="14:14">
      <c r="N488376" s="10"/>
    </row>
    <row r="488377" spans="14:14">
      <c r="N488377" s="10"/>
    </row>
    <row r="488378" spans="14:14">
      <c r="N488378" s="10"/>
    </row>
    <row r="488379" spans="14:14">
      <c r="N488379" s="10"/>
    </row>
    <row r="488380" spans="14:14">
      <c r="N488380" s="10"/>
    </row>
    <row r="488381" spans="14:14">
      <c r="N488381" s="10"/>
    </row>
    <row r="488382" spans="14:14">
      <c r="N488382" s="10"/>
    </row>
    <row r="488383" spans="14:14">
      <c r="N488383" s="10"/>
    </row>
    <row r="488384" spans="14:14">
      <c r="N488384" s="10"/>
    </row>
    <row r="488385" spans="14:14">
      <c r="N488385" s="10"/>
    </row>
    <row r="488386" spans="14:14">
      <c r="N488386" s="10"/>
    </row>
    <row r="488387" spans="14:14">
      <c r="N488387" s="10"/>
    </row>
    <row r="488388" spans="14:14">
      <c r="N488388" s="10"/>
    </row>
    <row r="488389" spans="14:14">
      <c r="N488389" s="10"/>
    </row>
    <row r="488390" spans="14:14">
      <c r="N488390" s="10"/>
    </row>
    <row r="488391" spans="14:14">
      <c r="N488391" s="10"/>
    </row>
    <row r="488392" spans="14:14">
      <c r="N488392" s="10"/>
    </row>
    <row r="488393" spans="14:14">
      <c r="N488393" s="10"/>
    </row>
    <row r="488394" spans="14:14">
      <c r="N488394" s="10"/>
    </row>
    <row r="488395" spans="14:14">
      <c r="N488395" s="10"/>
    </row>
    <row r="488396" spans="14:14">
      <c r="N488396" s="10"/>
    </row>
    <row r="488397" spans="14:14">
      <c r="N488397" s="10"/>
    </row>
    <row r="488398" spans="14:14">
      <c r="N488398" s="10"/>
    </row>
    <row r="488399" spans="14:14">
      <c r="N488399" s="10"/>
    </row>
    <row r="488400" spans="14:14">
      <c r="N488400" s="10"/>
    </row>
    <row r="488401" spans="14:14">
      <c r="N488401" s="10"/>
    </row>
    <row r="488402" spans="14:14">
      <c r="N488402" s="10"/>
    </row>
    <row r="488403" spans="14:14">
      <c r="N488403" s="10"/>
    </row>
    <row r="488404" spans="14:14">
      <c r="N488404" s="10"/>
    </row>
    <row r="488405" spans="14:14">
      <c r="N488405" s="10"/>
    </row>
    <row r="488406" spans="14:14">
      <c r="N488406" s="10"/>
    </row>
    <row r="488407" spans="14:14">
      <c r="N488407" s="10"/>
    </row>
    <row r="488408" spans="14:14">
      <c r="N488408" s="10"/>
    </row>
    <row r="488409" spans="14:14">
      <c r="N488409" s="10"/>
    </row>
    <row r="488410" spans="14:14">
      <c r="N488410" s="10"/>
    </row>
    <row r="488411" spans="14:14">
      <c r="N488411" s="10"/>
    </row>
    <row r="488412" spans="14:14">
      <c r="N488412" s="10"/>
    </row>
    <row r="488413" spans="14:14">
      <c r="N488413" s="10"/>
    </row>
    <row r="488414" spans="14:14">
      <c r="N488414" s="10"/>
    </row>
    <row r="488415" spans="14:14">
      <c r="N488415" s="10"/>
    </row>
    <row r="488416" spans="14:14">
      <c r="N488416" s="10"/>
    </row>
    <row r="488417" spans="14:14">
      <c r="N488417" s="10"/>
    </row>
    <row r="488418" spans="14:14">
      <c r="N488418" s="10"/>
    </row>
    <row r="488419" spans="14:14">
      <c r="N488419" s="10"/>
    </row>
    <row r="488420" spans="14:14">
      <c r="N488420" s="10"/>
    </row>
    <row r="488421" spans="14:14">
      <c r="N488421" s="10"/>
    </row>
    <row r="488422" spans="14:14">
      <c r="N488422" s="10"/>
    </row>
    <row r="488423" spans="14:14">
      <c r="N488423" s="10"/>
    </row>
    <row r="488424" spans="14:14">
      <c r="N488424" s="10"/>
    </row>
    <row r="488425" spans="14:14">
      <c r="N488425" s="10"/>
    </row>
    <row r="488426" spans="14:14">
      <c r="N488426" s="10"/>
    </row>
    <row r="488427" spans="14:14">
      <c r="N488427" s="10"/>
    </row>
    <row r="488428" spans="14:14">
      <c r="N488428" s="10"/>
    </row>
    <row r="488429" spans="14:14">
      <c r="N488429" s="10"/>
    </row>
    <row r="488430" spans="14:14">
      <c r="N488430" s="10"/>
    </row>
    <row r="488431" spans="14:14">
      <c r="N488431" s="10"/>
    </row>
    <row r="488432" spans="14:14">
      <c r="N488432" s="10"/>
    </row>
    <row r="488433" spans="14:14">
      <c r="N488433" s="10"/>
    </row>
    <row r="488434" spans="14:14">
      <c r="N488434" s="10"/>
    </row>
    <row r="488435" spans="14:14">
      <c r="N488435" s="10"/>
    </row>
    <row r="488436" spans="14:14">
      <c r="N488436" s="10"/>
    </row>
    <row r="488437" spans="14:14">
      <c r="N488437" s="10"/>
    </row>
    <row r="488438" spans="14:14">
      <c r="N488438" s="10"/>
    </row>
    <row r="488439" spans="14:14">
      <c r="N488439" s="10"/>
    </row>
    <row r="488440" spans="14:14">
      <c r="N488440" s="10"/>
    </row>
    <row r="488441" spans="14:14">
      <c r="N488441" s="10"/>
    </row>
    <row r="488442" spans="14:14">
      <c r="N488442" s="10"/>
    </row>
    <row r="488443" spans="14:14">
      <c r="N488443" s="10"/>
    </row>
    <row r="488444" spans="14:14">
      <c r="N488444" s="10"/>
    </row>
    <row r="488445" spans="14:14">
      <c r="N488445" s="10"/>
    </row>
    <row r="488446" spans="14:14">
      <c r="N488446" s="10"/>
    </row>
    <row r="488447" spans="14:14">
      <c r="N488447" s="10"/>
    </row>
    <row r="488448" spans="14:14">
      <c r="N488448" s="10"/>
    </row>
    <row r="488449" spans="14:14">
      <c r="N488449" s="10"/>
    </row>
    <row r="488450" spans="14:14">
      <c r="N488450" s="10"/>
    </row>
    <row r="488451" spans="14:14">
      <c r="N488451" s="10"/>
    </row>
    <row r="488452" spans="14:14">
      <c r="N488452" s="10"/>
    </row>
    <row r="488453" spans="14:14">
      <c r="N488453" s="10"/>
    </row>
    <row r="488454" spans="14:14">
      <c r="N488454" s="10"/>
    </row>
    <row r="488455" spans="14:14">
      <c r="N488455" s="10"/>
    </row>
    <row r="488456" spans="14:14">
      <c r="N488456" s="10"/>
    </row>
    <row r="488457" spans="14:14">
      <c r="N488457" s="10"/>
    </row>
    <row r="488458" spans="14:14">
      <c r="N488458" s="10"/>
    </row>
    <row r="488459" spans="14:14">
      <c r="N488459" s="10"/>
    </row>
    <row r="488460" spans="14:14">
      <c r="N488460" s="10"/>
    </row>
    <row r="488461" spans="14:14">
      <c r="N488461" s="10"/>
    </row>
    <row r="488462" spans="14:14">
      <c r="N488462" s="10"/>
    </row>
    <row r="488463" spans="14:14">
      <c r="N488463" s="10"/>
    </row>
    <row r="488464" spans="14:14">
      <c r="N488464" s="10"/>
    </row>
    <row r="488465" spans="14:14">
      <c r="N488465" s="10"/>
    </row>
    <row r="488466" spans="14:14">
      <c r="N488466" s="10"/>
    </row>
    <row r="488467" spans="14:14">
      <c r="N488467" s="10"/>
    </row>
    <row r="488468" spans="14:14">
      <c r="N488468" s="10"/>
    </row>
    <row r="488469" spans="14:14">
      <c r="N488469" s="10"/>
    </row>
    <row r="488470" spans="14:14">
      <c r="N488470" s="10"/>
    </row>
    <row r="488471" spans="14:14">
      <c r="N488471" s="10"/>
    </row>
    <row r="488472" spans="14:14">
      <c r="N488472" s="10"/>
    </row>
    <row r="488473" spans="14:14">
      <c r="N488473" s="10"/>
    </row>
    <row r="488474" spans="14:14">
      <c r="N488474" s="10"/>
    </row>
    <row r="488475" spans="14:14">
      <c r="N488475" s="10"/>
    </row>
    <row r="488476" spans="14:14">
      <c r="N488476" s="10"/>
    </row>
    <row r="488477" spans="14:14">
      <c r="N488477" s="10"/>
    </row>
    <row r="488478" spans="14:14">
      <c r="N488478" s="10"/>
    </row>
    <row r="488479" spans="14:14">
      <c r="N488479" s="10"/>
    </row>
    <row r="488480" spans="14:14">
      <c r="N488480" s="10"/>
    </row>
    <row r="488481" spans="14:14">
      <c r="N488481" s="10"/>
    </row>
    <row r="488482" spans="14:14">
      <c r="N488482" s="10"/>
    </row>
    <row r="488483" spans="14:14">
      <c r="N488483" s="10"/>
    </row>
    <row r="488484" spans="14:14">
      <c r="N488484" s="10"/>
    </row>
    <row r="488485" spans="14:14">
      <c r="N488485" s="10"/>
    </row>
    <row r="488486" spans="14:14">
      <c r="N488486" s="10"/>
    </row>
    <row r="488487" spans="14:14">
      <c r="N488487" s="10"/>
    </row>
    <row r="488488" spans="14:14">
      <c r="N488488" s="10"/>
    </row>
    <row r="488489" spans="14:14">
      <c r="N488489" s="10"/>
    </row>
    <row r="488490" spans="14:14">
      <c r="N488490" s="10"/>
    </row>
    <row r="488491" spans="14:14">
      <c r="N488491" s="10"/>
    </row>
    <row r="488492" spans="14:14">
      <c r="N488492" s="10"/>
    </row>
    <row r="488493" spans="14:14">
      <c r="N488493" s="10"/>
    </row>
    <row r="488494" spans="14:14">
      <c r="N488494" s="10"/>
    </row>
    <row r="488495" spans="14:14">
      <c r="N488495" s="10"/>
    </row>
    <row r="488496" spans="14:14">
      <c r="N488496" s="10"/>
    </row>
    <row r="488497" spans="14:14">
      <c r="N488497" s="10"/>
    </row>
    <row r="488498" spans="14:14">
      <c r="N488498" s="10"/>
    </row>
    <row r="488499" spans="14:14">
      <c r="N488499" s="10"/>
    </row>
    <row r="488500" spans="14:14">
      <c r="N488500" s="10"/>
    </row>
    <row r="488501" spans="14:14">
      <c r="N488501" s="10"/>
    </row>
    <row r="488502" spans="14:14">
      <c r="N488502" s="10"/>
    </row>
    <row r="488503" spans="14:14">
      <c r="N488503" s="10"/>
    </row>
    <row r="488504" spans="14:14">
      <c r="N488504" s="10"/>
    </row>
    <row r="488505" spans="14:14">
      <c r="N488505" s="10"/>
    </row>
    <row r="488506" spans="14:14">
      <c r="N488506" s="10"/>
    </row>
    <row r="488507" spans="14:14">
      <c r="N488507" s="10"/>
    </row>
    <row r="488508" spans="14:14">
      <c r="N488508" s="10"/>
    </row>
    <row r="488509" spans="14:14">
      <c r="N488509" s="10"/>
    </row>
    <row r="488510" spans="14:14">
      <c r="N488510" s="10"/>
    </row>
    <row r="488511" spans="14:14">
      <c r="N488511" s="10"/>
    </row>
    <row r="488512" spans="14:14">
      <c r="N488512" s="10"/>
    </row>
    <row r="488513" spans="14:14">
      <c r="N488513" s="10"/>
    </row>
    <row r="488514" spans="14:14">
      <c r="N488514" s="10"/>
    </row>
    <row r="488515" spans="14:14">
      <c r="N488515" s="10"/>
    </row>
    <row r="488516" spans="14:14">
      <c r="N488516" s="10"/>
    </row>
    <row r="488517" spans="14:14">
      <c r="N488517" s="10"/>
    </row>
    <row r="488518" spans="14:14">
      <c r="N488518" s="10"/>
    </row>
    <row r="488519" spans="14:14">
      <c r="N488519" s="10"/>
    </row>
    <row r="488520" spans="14:14">
      <c r="N488520" s="10"/>
    </row>
    <row r="488521" spans="14:14">
      <c r="N488521" s="10"/>
    </row>
    <row r="488522" spans="14:14">
      <c r="N488522" s="10"/>
    </row>
    <row r="488523" spans="14:14">
      <c r="N488523" s="10"/>
    </row>
    <row r="488524" spans="14:14">
      <c r="N488524" s="10"/>
    </row>
    <row r="488525" spans="14:14">
      <c r="N488525" s="10"/>
    </row>
    <row r="488526" spans="14:14">
      <c r="N488526" s="10"/>
    </row>
    <row r="488527" spans="14:14">
      <c r="N488527" s="10"/>
    </row>
    <row r="488528" spans="14:14">
      <c r="N488528" s="10"/>
    </row>
    <row r="488529" spans="14:14">
      <c r="N488529" s="10"/>
    </row>
    <row r="488530" spans="14:14">
      <c r="N488530" s="10"/>
    </row>
    <row r="488531" spans="14:14">
      <c r="N488531" s="10"/>
    </row>
    <row r="488532" spans="14:14">
      <c r="N488532" s="10"/>
    </row>
    <row r="488533" spans="14:14">
      <c r="N488533" s="10"/>
    </row>
    <row r="488534" spans="14:14">
      <c r="N488534" s="10"/>
    </row>
    <row r="488535" spans="14:14">
      <c r="N488535" s="10"/>
    </row>
    <row r="488536" spans="14:14">
      <c r="N488536" s="10"/>
    </row>
    <row r="488537" spans="14:14">
      <c r="N488537" s="10"/>
    </row>
    <row r="488538" spans="14:14">
      <c r="N488538" s="10"/>
    </row>
    <row r="488539" spans="14:14">
      <c r="N488539" s="10"/>
    </row>
    <row r="488540" spans="14:14">
      <c r="N488540" s="10"/>
    </row>
    <row r="488541" spans="14:14">
      <c r="N488541" s="10"/>
    </row>
    <row r="488542" spans="14:14">
      <c r="N488542" s="10"/>
    </row>
    <row r="488543" spans="14:14">
      <c r="N488543" s="10"/>
    </row>
    <row r="488544" spans="14:14">
      <c r="N488544" s="10"/>
    </row>
    <row r="488545" spans="14:14">
      <c r="N488545" s="10"/>
    </row>
    <row r="488546" spans="14:14">
      <c r="N488546" s="10"/>
    </row>
    <row r="488547" spans="14:14">
      <c r="N488547" s="10"/>
    </row>
    <row r="488548" spans="14:14">
      <c r="N488548" s="10"/>
    </row>
    <row r="488549" spans="14:14">
      <c r="N488549" s="10"/>
    </row>
    <row r="488550" spans="14:14">
      <c r="N488550" s="10"/>
    </row>
    <row r="488551" spans="14:14">
      <c r="N488551" s="10"/>
    </row>
    <row r="488552" spans="14:14">
      <c r="N488552" s="10"/>
    </row>
    <row r="488553" spans="14:14">
      <c r="N488553" s="10"/>
    </row>
    <row r="488554" spans="14:14">
      <c r="N488554" s="10"/>
    </row>
    <row r="488555" spans="14:14">
      <c r="N488555" s="10"/>
    </row>
    <row r="488556" spans="14:14">
      <c r="N488556" s="10"/>
    </row>
    <row r="488557" spans="14:14">
      <c r="N488557" s="10"/>
    </row>
    <row r="488558" spans="14:14">
      <c r="N488558" s="10"/>
    </row>
    <row r="488559" spans="14:14">
      <c r="N488559" s="10"/>
    </row>
    <row r="488560" spans="14:14">
      <c r="N488560" s="10"/>
    </row>
    <row r="488561" spans="14:14">
      <c r="N488561" s="10"/>
    </row>
    <row r="488562" spans="14:14">
      <c r="N488562" s="10"/>
    </row>
    <row r="488563" spans="14:14">
      <c r="N488563" s="10"/>
    </row>
    <row r="488564" spans="14:14">
      <c r="N488564" s="10"/>
    </row>
    <row r="488565" spans="14:14">
      <c r="N488565" s="10"/>
    </row>
    <row r="488566" spans="14:14">
      <c r="N488566" s="10"/>
    </row>
    <row r="488567" spans="14:14">
      <c r="N488567" s="10"/>
    </row>
    <row r="488568" spans="14:14">
      <c r="N488568" s="10"/>
    </row>
    <row r="488569" spans="14:14">
      <c r="N488569" s="10"/>
    </row>
    <row r="488570" spans="14:14">
      <c r="N488570" s="10"/>
    </row>
    <row r="488571" spans="14:14">
      <c r="N488571" s="10"/>
    </row>
    <row r="488572" spans="14:14">
      <c r="N488572" s="10"/>
    </row>
    <row r="488573" spans="14:14">
      <c r="N488573" s="10"/>
    </row>
    <row r="488574" spans="14:14">
      <c r="N488574" s="10"/>
    </row>
    <row r="488575" spans="14:14">
      <c r="N488575" s="10"/>
    </row>
    <row r="488576" spans="14:14">
      <c r="N488576" s="10"/>
    </row>
    <row r="488577" spans="14:14">
      <c r="N488577" s="10"/>
    </row>
    <row r="488578" spans="14:14">
      <c r="N488578" s="10"/>
    </row>
    <row r="488579" spans="14:14">
      <c r="N488579" s="10"/>
    </row>
    <row r="488580" spans="14:14">
      <c r="N488580" s="10"/>
    </row>
    <row r="488581" spans="14:14">
      <c r="N488581" s="10"/>
    </row>
    <row r="488582" spans="14:14">
      <c r="N488582" s="10"/>
    </row>
    <row r="488583" spans="14:14">
      <c r="N488583" s="10"/>
    </row>
    <row r="488584" spans="14:14">
      <c r="N488584" s="10"/>
    </row>
    <row r="488585" spans="14:14">
      <c r="N488585" s="10"/>
    </row>
    <row r="488586" spans="14:14">
      <c r="N488586" s="10"/>
    </row>
    <row r="488587" spans="14:14">
      <c r="N488587" s="10"/>
    </row>
    <row r="488588" spans="14:14">
      <c r="N488588" s="10"/>
    </row>
    <row r="488589" spans="14:14">
      <c r="N488589" s="10"/>
    </row>
    <row r="488590" spans="14:14">
      <c r="N488590" s="10"/>
    </row>
    <row r="488591" spans="14:14">
      <c r="N488591" s="10"/>
    </row>
    <row r="488592" spans="14:14">
      <c r="N488592" s="10"/>
    </row>
    <row r="488593" spans="14:14">
      <c r="N488593" s="10"/>
    </row>
    <row r="488594" spans="14:14">
      <c r="N488594" s="10"/>
    </row>
    <row r="488595" spans="14:14">
      <c r="N488595" s="10"/>
    </row>
    <row r="488596" spans="14:14">
      <c r="N488596" s="10"/>
    </row>
    <row r="488597" spans="14:14">
      <c r="N488597" s="10"/>
    </row>
    <row r="488598" spans="14:14">
      <c r="N488598" s="10"/>
    </row>
    <row r="488599" spans="14:14">
      <c r="N488599" s="10"/>
    </row>
    <row r="488600" spans="14:14">
      <c r="N488600" s="10"/>
    </row>
    <row r="488601" spans="14:14">
      <c r="N488601" s="10"/>
    </row>
    <row r="488602" spans="14:14">
      <c r="N488602" s="10"/>
    </row>
    <row r="488603" spans="14:14">
      <c r="N488603" s="10"/>
    </row>
    <row r="488604" spans="14:14">
      <c r="N488604" s="10"/>
    </row>
    <row r="488605" spans="14:14">
      <c r="N488605" s="10"/>
    </row>
    <row r="488606" spans="14:14">
      <c r="N488606" s="10"/>
    </row>
    <row r="488607" spans="14:14">
      <c r="N488607" s="10"/>
    </row>
    <row r="488608" spans="14:14">
      <c r="N488608" s="10"/>
    </row>
    <row r="488609" spans="14:14">
      <c r="N488609" s="10"/>
    </row>
    <row r="488610" spans="14:14">
      <c r="N488610" s="10"/>
    </row>
    <row r="488611" spans="14:14">
      <c r="N488611" s="10"/>
    </row>
    <row r="488612" spans="14:14">
      <c r="N488612" s="10"/>
    </row>
    <row r="488613" spans="14:14">
      <c r="N488613" s="10"/>
    </row>
    <row r="488614" spans="14:14">
      <c r="N488614" s="10"/>
    </row>
    <row r="488615" spans="14:14">
      <c r="N488615" s="10"/>
    </row>
    <row r="488616" spans="14:14">
      <c r="N488616" s="10"/>
    </row>
    <row r="488617" spans="14:14">
      <c r="N488617" s="10"/>
    </row>
    <row r="488618" spans="14:14">
      <c r="N488618" s="10"/>
    </row>
    <row r="488619" spans="14:14">
      <c r="N488619" s="10"/>
    </row>
    <row r="488620" spans="14:14">
      <c r="N488620" s="10"/>
    </row>
    <row r="488621" spans="14:14">
      <c r="N488621" s="10"/>
    </row>
    <row r="488622" spans="14:14">
      <c r="N488622" s="10"/>
    </row>
    <row r="488623" spans="14:14">
      <c r="N488623" s="10"/>
    </row>
    <row r="488624" spans="14:14">
      <c r="N488624" s="10"/>
    </row>
    <row r="488625" spans="14:14">
      <c r="N488625" s="10"/>
    </row>
    <row r="488626" spans="14:14">
      <c r="N488626" s="10"/>
    </row>
    <row r="488627" spans="14:14">
      <c r="N488627" s="10"/>
    </row>
    <row r="488628" spans="14:14">
      <c r="N488628" s="10"/>
    </row>
    <row r="488629" spans="14:14">
      <c r="N488629" s="10"/>
    </row>
    <row r="488630" spans="14:14">
      <c r="N488630" s="10"/>
    </row>
    <row r="488631" spans="14:14">
      <c r="N488631" s="10"/>
    </row>
    <row r="488632" spans="14:14">
      <c r="N488632" s="10"/>
    </row>
    <row r="488633" spans="14:14">
      <c r="N488633" s="10"/>
    </row>
    <row r="488634" spans="14:14">
      <c r="N488634" s="10"/>
    </row>
    <row r="488635" spans="14:14">
      <c r="N488635" s="10"/>
    </row>
    <row r="488636" spans="14:14">
      <c r="N488636" s="10"/>
    </row>
    <row r="488637" spans="14:14">
      <c r="N488637" s="10"/>
    </row>
    <row r="488638" spans="14:14">
      <c r="N488638" s="10"/>
    </row>
    <row r="488639" spans="14:14">
      <c r="N488639" s="10"/>
    </row>
    <row r="488640" spans="14:14">
      <c r="N488640" s="10"/>
    </row>
    <row r="488641" spans="14:14">
      <c r="N488641" s="10"/>
    </row>
    <row r="488642" spans="14:14">
      <c r="N488642" s="10"/>
    </row>
    <row r="488643" spans="14:14">
      <c r="N488643" s="10"/>
    </row>
    <row r="488644" spans="14:14">
      <c r="N488644" s="10"/>
    </row>
    <row r="488645" spans="14:14">
      <c r="N488645" s="10"/>
    </row>
    <row r="488646" spans="14:14">
      <c r="N488646" s="10"/>
    </row>
    <row r="488647" spans="14:14">
      <c r="N488647" s="10"/>
    </row>
    <row r="488648" spans="14:14">
      <c r="N488648" s="10"/>
    </row>
    <row r="488649" spans="14:14">
      <c r="N488649" s="10"/>
    </row>
    <row r="488650" spans="14:14">
      <c r="N488650" s="10"/>
    </row>
    <row r="488651" spans="14:14">
      <c r="N488651" s="10"/>
    </row>
    <row r="488652" spans="14:14">
      <c r="N488652" s="10"/>
    </row>
    <row r="488653" spans="14:14">
      <c r="N488653" s="10"/>
    </row>
    <row r="488654" spans="14:14">
      <c r="N488654" s="10"/>
    </row>
    <row r="488655" spans="14:14">
      <c r="N488655" s="10"/>
    </row>
    <row r="488656" spans="14:14">
      <c r="N488656" s="10"/>
    </row>
    <row r="488657" spans="14:14">
      <c r="N488657" s="10"/>
    </row>
    <row r="488658" spans="14:14">
      <c r="N488658" s="10"/>
    </row>
    <row r="488659" spans="14:14">
      <c r="N488659" s="10"/>
    </row>
    <row r="488660" spans="14:14">
      <c r="N488660" s="10"/>
    </row>
    <row r="488661" spans="14:14">
      <c r="N488661" s="10"/>
    </row>
    <row r="488662" spans="14:14">
      <c r="N488662" s="10"/>
    </row>
    <row r="488663" spans="14:14">
      <c r="N488663" s="10"/>
    </row>
    <row r="488664" spans="14:14">
      <c r="N488664" s="10"/>
    </row>
    <row r="488665" spans="14:14">
      <c r="N488665" s="10"/>
    </row>
    <row r="488666" spans="14:14">
      <c r="N488666" s="10"/>
    </row>
    <row r="488667" spans="14:14">
      <c r="N488667" s="10"/>
    </row>
    <row r="488668" spans="14:14">
      <c r="N488668" s="10"/>
    </row>
    <row r="488669" spans="14:14">
      <c r="N488669" s="10"/>
    </row>
    <row r="488670" spans="14:14">
      <c r="N488670" s="10"/>
    </row>
    <row r="488671" spans="14:14">
      <c r="N488671" s="10"/>
    </row>
    <row r="488672" spans="14:14">
      <c r="N488672" s="10"/>
    </row>
    <row r="488673" spans="14:14">
      <c r="N488673" s="10"/>
    </row>
    <row r="488674" spans="14:14">
      <c r="N488674" s="10"/>
    </row>
    <row r="488675" spans="14:14">
      <c r="N488675" s="10"/>
    </row>
    <row r="488676" spans="14:14">
      <c r="N488676" s="10"/>
    </row>
    <row r="488677" spans="14:14">
      <c r="N488677" s="10"/>
    </row>
    <row r="488678" spans="14:14">
      <c r="N488678" s="10"/>
    </row>
    <row r="488679" spans="14:14">
      <c r="N488679" s="10"/>
    </row>
    <row r="488680" spans="14:14">
      <c r="N488680" s="10"/>
    </row>
    <row r="488681" spans="14:14">
      <c r="N488681" s="10"/>
    </row>
    <row r="488682" spans="14:14">
      <c r="N488682" s="10"/>
    </row>
    <row r="488683" spans="14:14">
      <c r="N488683" s="10"/>
    </row>
    <row r="488684" spans="14:14">
      <c r="N488684" s="10"/>
    </row>
    <row r="488685" spans="14:14">
      <c r="N488685" s="10"/>
    </row>
    <row r="488686" spans="14:14">
      <c r="N488686" s="10"/>
    </row>
    <row r="488687" spans="14:14">
      <c r="N488687" s="10"/>
    </row>
    <row r="488688" spans="14:14">
      <c r="N488688" s="10"/>
    </row>
    <row r="488689" spans="14:14">
      <c r="N488689" s="10"/>
    </row>
    <row r="488690" spans="14:14">
      <c r="N488690" s="10"/>
    </row>
    <row r="488691" spans="14:14">
      <c r="N488691" s="10"/>
    </row>
    <row r="488692" spans="14:14">
      <c r="N488692" s="10"/>
    </row>
    <row r="488693" spans="14:14">
      <c r="N488693" s="10"/>
    </row>
    <row r="488694" spans="14:14">
      <c r="N488694" s="10"/>
    </row>
    <row r="488695" spans="14:14">
      <c r="N488695" s="10"/>
    </row>
    <row r="488696" spans="14:14">
      <c r="N488696" s="10"/>
    </row>
    <row r="488697" spans="14:14">
      <c r="N488697" s="10"/>
    </row>
    <row r="488698" spans="14:14">
      <c r="N488698" s="10"/>
    </row>
    <row r="488699" spans="14:14">
      <c r="N488699" s="10"/>
    </row>
    <row r="488700" spans="14:14">
      <c r="N488700" s="10"/>
    </row>
    <row r="488701" spans="14:14">
      <c r="N488701" s="10"/>
    </row>
    <row r="488702" spans="14:14">
      <c r="N488702" s="10"/>
    </row>
    <row r="488703" spans="14:14">
      <c r="N488703" s="10"/>
    </row>
    <row r="488704" spans="14:14">
      <c r="N488704" s="10"/>
    </row>
    <row r="488705" spans="14:14">
      <c r="N488705" s="10"/>
    </row>
    <row r="488706" spans="14:14">
      <c r="N488706" s="10"/>
    </row>
    <row r="488707" spans="14:14">
      <c r="N488707" s="10"/>
    </row>
    <row r="488708" spans="14:14">
      <c r="N488708" s="10"/>
    </row>
    <row r="488709" spans="14:14">
      <c r="N488709" s="10"/>
    </row>
    <row r="488710" spans="14:14">
      <c r="N488710" s="10"/>
    </row>
    <row r="488711" spans="14:14">
      <c r="N488711" s="10"/>
    </row>
    <row r="488712" spans="14:14">
      <c r="N488712" s="10"/>
    </row>
    <row r="488713" spans="14:14">
      <c r="N488713" s="10"/>
    </row>
    <row r="488714" spans="14:14">
      <c r="N488714" s="10"/>
    </row>
    <row r="488715" spans="14:14">
      <c r="N488715" s="10"/>
    </row>
    <row r="488716" spans="14:14">
      <c r="N488716" s="10"/>
    </row>
    <row r="488717" spans="14:14">
      <c r="N488717" s="10"/>
    </row>
    <row r="488718" spans="14:14">
      <c r="N488718" s="10"/>
    </row>
    <row r="488719" spans="14:14">
      <c r="N488719" s="10"/>
    </row>
    <row r="488720" spans="14:14">
      <c r="N488720" s="10"/>
    </row>
    <row r="488721" spans="14:14">
      <c r="N488721" s="10"/>
    </row>
    <row r="488722" spans="14:14">
      <c r="N488722" s="10"/>
    </row>
    <row r="488723" spans="14:14">
      <c r="N488723" s="10"/>
    </row>
    <row r="488724" spans="14:14">
      <c r="N488724" s="10"/>
    </row>
    <row r="488725" spans="14:14">
      <c r="N488725" s="10"/>
    </row>
    <row r="488726" spans="14:14">
      <c r="N488726" s="10"/>
    </row>
    <row r="488727" spans="14:14">
      <c r="N488727" s="10"/>
    </row>
    <row r="488728" spans="14:14">
      <c r="N488728" s="10"/>
    </row>
    <row r="488729" spans="14:14">
      <c r="N488729" s="10"/>
    </row>
    <row r="488730" spans="14:14">
      <c r="N488730" s="10"/>
    </row>
    <row r="488731" spans="14:14">
      <c r="N488731" s="10"/>
    </row>
    <row r="488732" spans="14:14">
      <c r="N488732" s="10"/>
    </row>
    <row r="488733" spans="14:14">
      <c r="N488733" s="10"/>
    </row>
    <row r="488734" spans="14:14">
      <c r="N488734" s="10"/>
    </row>
    <row r="488735" spans="14:14">
      <c r="N488735" s="10"/>
    </row>
    <row r="488736" spans="14:14">
      <c r="N488736" s="10"/>
    </row>
    <row r="488737" spans="14:14">
      <c r="N488737" s="10"/>
    </row>
    <row r="488738" spans="14:14">
      <c r="N488738" s="10"/>
    </row>
    <row r="488739" spans="14:14">
      <c r="N488739" s="10"/>
    </row>
    <row r="488740" spans="14:14">
      <c r="N488740" s="10"/>
    </row>
    <row r="488741" spans="14:14">
      <c r="N488741" s="10"/>
    </row>
    <row r="488742" spans="14:14">
      <c r="N488742" s="10"/>
    </row>
    <row r="488743" spans="14:14">
      <c r="N488743" s="10"/>
    </row>
    <row r="488744" spans="14:14">
      <c r="N488744" s="10"/>
    </row>
    <row r="488745" spans="14:14">
      <c r="N488745" s="10"/>
    </row>
    <row r="488746" spans="14:14">
      <c r="N488746" s="10"/>
    </row>
    <row r="488747" spans="14:14">
      <c r="N488747" s="10"/>
    </row>
    <row r="488748" spans="14:14">
      <c r="N488748" s="10"/>
    </row>
    <row r="488749" spans="14:14">
      <c r="N488749" s="10"/>
    </row>
    <row r="488750" spans="14:14">
      <c r="N488750" s="10"/>
    </row>
    <row r="488751" spans="14:14">
      <c r="N488751" s="10"/>
    </row>
    <row r="488752" spans="14:14">
      <c r="N488752" s="10"/>
    </row>
    <row r="488753" spans="14:14">
      <c r="N488753" s="10"/>
    </row>
    <row r="488754" spans="14:14">
      <c r="N488754" s="10"/>
    </row>
    <row r="488755" spans="14:14">
      <c r="N488755" s="10"/>
    </row>
    <row r="488756" spans="14:14">
      <c r="N488756" s="10"/>
    </row>
    <row r="488757" spans="14:14">
      <c r="N488757" s="10"/>
    </row>
    <row r="488758" spans="14:14">
      <c r="N488758" s="10"/>
    </row>
    <row r="488759" spans="14:14">
      <c r="N488759" s="10"/>
    </row>
    <row r="488760" spans="14:14">
      <c r="N488760" s="10"/>
    </row>
    <row r="488761" spans="14:14">
      <c r="N488761" s="10"/>
    </row>
    <row r="488762" spans="14:14">
      <c r="N488762" s="10"/>
    </row>
    <row r="488763" spans="14:14">
      <c r="N488763" s="10"/>
    </row>
    <row r="488764" spans="14:14">
      <c r="N488764" s="10"/>
    </row>
    <row r="488765" spans="14:14">
      <c r="N488765" s="10"/>
    </row>
    <row r="488766" spans="14:14">
      <c r="N488766" s="10"/>
    </row>
    <row r="488767" spans="14:14">
      <c r="N488767" s="10"/>
    </row>
    <row r="488768" spans="14:14">
      <c r="N488768" s="10"/>
    </row>
    <row r="488769" spans="14:14">
      <c r="N488769" s="10"/>
    </row>
    <row r="488770" spans="14:14">
      <c r="N488770" s="10"/>
    </row>
    <row r="488771" spans="14:14">
      <c r="N488771" s="10"/>
    </row>
    <row r="488772" spans="14:14">
      <c r="N488772" s="10"/>
    </row>
    <row r="488773" spans="14:14">
      <c r="N488773" s="10"/>
    </row>
    <row r="488774" spans="14:14">
      <c r="N488774" s="10"/>
    </row>
    <row r="488775" spans="14:14">
      <c r="N488775" s="10"/>
    </row>
    <row r="488776" spans="14:14">
      <c r="N488776" s="10"/>
    </row>
    <row r="488777" spans="14:14">
      <c r="N488777" s="10"/>
    </row>
    <row r="488778" spans="14:14">
      <c r="N488778" s="10"/>
    </row>
    <row r="488779" spans="14:14">
      <c r="N488779" s="10"/>
    </row>
    <row r="488780" spans="14:14">
      <c r="N488780" s="10"/>
    </row>
    <row r="488781" spans="14:14">
      <c r="N488781" s="10"/>
    </row>
    <row r="488782" spans="14:14">
      <c r="N488782" s="10"/>
    </row>
    <row r="488783" spans="14:14">
      <c r="N488783" s="10"/>
    </row>
    <row r="488784" spans="14:14">
      <c r="N488784" s="10"/>
    </row>
    <row r="488785" spans="14:14">
      <c r="N488785" s="10"/>
    </row>
    <row r="488786" spans="14:14">
      <c r="N488786" s="10"/>
    </row>
    <row r="488787" spans="14:14">
      <c r="N488787" s="10"/>
    </row>
    <row r="488788" spans="14:14">
      <c r="N488788" s="10"/>
    </row>
    <row r="488789" spans="14:14">
      <c r="N488789" s="10"/>
    </row>
    <row r="488790" spans="14:14">
      <c r="N488790" s="10"/>
    </row>
    <row r="488791" spans="14:14">
      <c r="N488791" s="10"/>
    </row>
    <row r="488792" spans="14:14">
      <c r="N488792" s="10"/>
    </row>
    <row r="488793" spans="14:14">
      <c r="N488793" s="10"/>
    </row>
    <row r="488794" spans="14:14">
      <c r="N488794" s="10"/>
    </row>
    <row r="488795" spans="14:14">
      <c r="N488795" s="10"/>
    </row>
    <row r="488796" spans="14:14">
      <c r="N488796" s="10"/>
    </row>
    <row r="488797" spans="14:14">
      <c r="N488797" s="10"/>
    </row>
    <row r="488798" spans="14:14">
      <c r="N488798" s="10"/>
    </row>
    <row r="488799" spans="14:14">
      <c r="N488799" s="10"/>
    </row>
    <row r="488800" spans="14:14">
      <c r="N488800" s="10"/>
    </row>
    <row r="488801" spans="14:14">
      <c r="N488801" s="10"/>
    </row>
    <row r="488802" spans="14:14">
      <c r="N488802" s="10"/>
    </row>
    <row r="488803" spans="14:14">
      <c r="N488803" s="10"/>
    </row>
    <row r="488804" spans="14:14">
      <c r="N488804" s="10"/>
    </row>
    <row r="488805" spans="14:14">
      <c r="N488805" s="10"/>
    </row>
    <row r="488806" spans="14:14">
      <c r="N488806" s="10"/>
    </row>
    <row r="488807" spans="14:14">
      <c r="N488807" s="10"/>
    </row>
    <row r="488808" spans="14:14">
      <c r="N488808" s="10"/>
    </row>
    <row r="488809" spans="14:14">
      <c r="N488809" s="10"/>
    </row>
    <row r="488810" spans="14:14">
      <c r="N488810" s="10"/>
    </row>
    <row r="488811" spans="14:14">
      <c r="N488811" s="10"/>
    </row>
    <row r="488812" spans="14:14">
      <c r="N488812" s="10"/>
    </row>
    <row r="488813" spans="14:14">
      <c r="N488813" s="10"/>
    </row>
    <row r="488814" spans="14:14">
      <c r="N488814" s="10"/>
    </row>
    <row r="488815" spans="14:14">
      <c r="N488815" s="10"/>
    </row>
    <row r="488816" spans="14:14">
      <c r="N488816" s="10"/>
    </row>
    <row r="488817" spans="14:14">
      <c r="N488817" s="10"/>
    </row>
    <row r="488818" spans="14:14">
      <c r="N488818" s="10"/>
    </row>
    <row r="488819" spans="14:14">
      <c r="N488819" s="10"/>
    </row>
    <row r="488820" spans="14:14">
      <c r="N488820" s="10"/>
    </row>
    <row r="488821" spans="14:14">
      <c r="N488821" s="10"/>
    </row>
    <row r="488822" spans="14:14">
      <c r="N488822" s="10"/>
    </row>
    <row r="488823" spans="14:14">
      <c r="N488823" s="10"/>
    </row>
    <row r="488824" spans="14:14">
      <c r="N488824" s="10"/>
    </row>
    <row r="488825" spans="14:14">
      <c r="N488825" s="10"/>
    </row>
    <row r="488826" spans="14:14">
      <c r="N488826" s="10"/>
    </row>
    <row r="488827" spans="14:14">
      <c r="N488827" s="10"/>
    </row>
    <row r="488828" spans="14:14">
      <c r="N488828" s="10"/>
    </row>
    <row r="488829" spans="14:14">
      <c r="N488829" s="10"/>
    </row>
    <row r="488830" spans="14:14">
      <c r="N488830" s="10"/>
    </row>
    <row r="488831" spans="14:14">
      <c r="N488831" s="10"/>
    </row>
    <row r="488832" spans="14:14">
      <c r="N488832" s="10"/>
    </row>
    <row r="488833" spans="14:14">
      <c r="N488833" s="10"/>
    </row>
    <row r="488834" spans="14:14">
      <c r="N488834" s="10"/>
    </row>
    <row r="488835" spans="14:14">
      <c r="N488835" s="10"/>
    </row>
    <row r="488836" spans="14:14">
      <c r="N488836" s="10"/>
    </row>
    <row r="488837" spans="14:14">
      <c r="N488837" s="10"/>
    </row>
    <row r="488838" spans="14:14">
      <c r="N488838" s="10"/>
    </row>
    <row r="488839" spans="14:14">
      <c r="N488839" s="10"/>
    </row>
    <row r="488840" spans="14:14">
      <c r="N488840" s="10"/>
    </row>
    <row r="488841" spans="14:14">
      <c r="N488841" s="10"/>
    </row>
    <row r="488842" spans="14:14">
      <c r="N488842" s="10"/>
    </row>
    <row r="488843" spans="14:14">
      <c r="N488843" s="10"/>
    </row>
    <row r="488844" spans="14:14">
      <c r="N488844" s="10"/>
    </row>
    <row r="488845" spans="14:14">
      <c r="N488845" s="10"/>
    </row>
    <row r="488846" spans="14:14">
      <c r="N488846" s="10"/>
    </row>
    <row r="488847" spans="14:14">
      <c r="N488847" s="10"/>
    </row>
    <row r="488848" spans="14:14">
      <c r="N488848" s="10"/>
    </row>
    <row r="488849" spans="14:14">
      <c r="N488849" s="10"/>
    </row>
    <row r="488850" spans="14:14">
      <c r="N488850" s="10"/>
    </row>
    <row r="488851" spans="14:14">
      <c r="N488851" s="10"/>
    </row>
    <row r="488852" spans="14:14">
      <c r="N488852" s="10"/>
    </row>
    <row r="488853" spans="14:14">
      <c r="N488853" s="10"/>
    </row>
    <row r="488854" spans="14:14">
      <c r="N488854" s="10"/>
    </row>
    <row r="488855" spans="14:14">
      <c r="N488855" s="10"/>
    </row>
    <row r="488856" spans="14:14">
      <c r="N488856" s="10"/>
    </row>
    <row r="488857" spans="14:14">
      <c r="N488857" s="10"/>
    </row>
    <row r="488858" spans="14:14">
      <c r="N488858" s="10"/>
    </row>
    <row r="488859" spans="14:14">
      <c r="N488859" s="10"/>
    </row>
    <row r="488860" spans="14:14">
      <c r="N488860" s="10"/>
    </row>
    <row r="488861" spans="14:14">
      <c r="N488861" s="10"/>
    </row>
    <row r="488862" spans="14:14">
      <c r="N488862" s="10"/>
    </row>
    <row r="488863" spans="14:14">
      <c r="N488863" s="10"/>
    </row>
    <row r="488864" spans="14:14">
      <c r="N488864" s="10"/>
    </row>
    <row r="488865" spans="14:14">
      <c r="N488865" s="10"/>
    </row>
    <row r="488866" spans="14:14">
      <c r="N488866" s="10"/>
    </row>
    <row r="488867" spans="14:14">
      <c r="N488867" s="10"/>
    </row>
    <row r="488868" spans="14:14">
      <c r="N488868" s="10"/>
    </row>
    <row r="488869" spans="14:14">
      <c r="N488869" s="10"/>
    </row>
    <row r="488870" spans="14:14">
      <c r="N488870" s="10"/>
    </row>
    <row r="488871" spans="14:14">
      <c r="N488871" s="10"/>
    </row>
    <row r="488872" spans="14:14">
      <c r="N488872" s="10"/>
    </row>
    <row r="488873" spans="14:14">
      <c r="N488873" s="10"/>
    </row>
    <row r="488874" spans="14:14">
      <c r="N488874" s="10"/>
    </row>
    <row r="488875" spans="14:14">
      <c r="N488875" s="10"/>
    </row>
    <row r="488876" spans="14:14">
      <c r="N488876" s="10"/>
    </row>
    <row r="488877" spans="14:14">
      <c r="N488877" s="10"/>
    </row>
    <row r="488878" spans="14:14">
      <c r="N488878" s="10"/>
    </row>
    <row r="488879" spans="14:14">
      <c r="N488879" s="10"/>
    </row>
    <row r="488880" spans="14:14">
      <c r="N488880" s="10"/>
    </row>
    <row r="488881" spans="14:14">
      <c r="N488881" s="10"/>
    </row>
    <row r="488882" spans="14:14">
      <c r="N488882" s="10"/>
    </row>
    <row r="488883" spans="14:14">
      <c r="N488883" s="10"/>
    </row>
    <row r="488884" spans="14:14">
      <c r="N488884" s="10"/>
    </row>
    <row r="488885" spans="14:14">
      <c r="N488885" s="10"/>
    </row>
    <row r="488886" spans="14:14">
      <c r="N488886" s="10"/>
    </row>
    <row r="488887" spans="14:14">
      <c r="N488887" s="10"/>
    </row>
    <row r="488888" spans="14:14">
      <c r="N488888" s="10"/>
    </row>
    <row r="488889" spans="14:14">
      <c r="N488889" s="10"/>
    </row>
    <row r="488890" spans="14:14">
      <c r="N488890" s="10"/>
    </row>
    <row r="488891" spans="14:14">
      <c r="N488891" s="10"/>
    </row>
    <row r="488892" spans="14:14">
      <c r="N488892" s="10"/>
    </row>
    <row r="488893" spans="14:14">
      <c r="N488893" s="10"/>
    </row>
    <row r="488894" spans="14:14">
      <c r="N488894" s="10"/>
    </row>
    <row r="488895" spans="14:14">
      <c r="N488895" s="10"/>
    </row>
    <row r="488896" spans="14:14">
      <c r="N488896" s="10"/>
    </row>
    <row r="488897" spans="14:14">
      <c r="N488897" s="10"/>
    </row>
    <row r="488898" spans="14:14">
      <c r="N488898" s="10"/>
    </row>
    <row r="488899" spans="14:14">
      <c r="N488899" s="10"/>
    </row>
    <row r="488900" spans="14:14">
      <c r="N488900" s="10"/>
    </row>
    <row r="488901" spans="14:14">
      <c r="N488901" s="10"/>
    </row>
    <row r="488902" spans="14:14">
      <c r="N488902" s="10"/>
    </row>
    <row r="488903" spans="14:14">
      <c r="N488903" s="10"/>
    </row>
    <row r="488904" spans="14:14">
      <c r="N488904" s="10"/>
    </row>
    <row r="488905" spans="14:14">
      <c r="N488905" s="10"/>
    </row>
    <row r="488906" spans="14:14">
      <c r="N488906" s="10"/>
    </row>
    <row r="488907" spans="14:14">
      <c r="N488907" s="10"/>
    </row>
    <row r="488908" spans="14:14">
      <c r="N488908" s="10"/>
    </row>
    <row r="488909" spans="14:14">
      <c r="N488909" s="10"/>
    </row>
    <row r="488910" spans="14:14">
      <c r="N488910" s="10"/>
    </row>
    <row r="488911" spans="14:14">
      <c r="N488911" s="10"/>
    </row>
    <row r="488912" spans="14:14">
      <c r="N488912" s="10"/>
    </row>
    <row r="488913" spans="14:14">
      <c r="N488913" s="10"/>
    </row>
    <row r="488914" spans="14:14">
      <c r="N488914" s="10"/>
    </row>
    <row r="488915" spans="14:14">
      <c r="N488915" s="10"/>
    </row>
    <row r="488916" spans="14:14">
      <c r="N488916" s="10"/>
    </row>
    <row r="488917" spans="14:14">
      <c r="N488917" s="10"/>
    </row>
    <row r="488918" spans="14:14">
      <c r="N488918" s="10"/>
    </row>
    <row r="488919" spans="14:14">
      <c r="N488919" s="10"/>
    </row>
    <row r="488920" spans="14:14">
      <c r="N488920" s="10"/>
    </row>
    <row r="488921" spans="14:14">
      <c r="N488921" s="10"/>
    </row>
    <row r="488922" spans="14:14">
      <c r="N488922" s="10"/>
    </row>
    <row r="488923" spans="14:14">
      <c r="N488923" s="10"/>
    </row>
    <row r="488924" spans="14:14">
      <c r="N488924" s="10"/>
    </row>
    <row r="488925" spans="14:14">
      <c r="N488925" s="10"/>
    </row>
    <row r="488926" spans="14:14">
      <c r="N488926" s="10"/>
    </row>
    <row r="488927" spans="14:14">
      <c r="N488927" s="10"/>
    </row>
    <row r="488928" spans="14:14">
      <c r="N488928" s="10"/>
    </row>
    <row r="488929" spans="14:14">
      <c r="N488929" s="10"/>
    </row>
    <row r="488930" spans="14:14">
      <c r="N488930" s="10"/>
    </row>
    <row r="488931" spans="14:14">
      <c r="N488931" s="10"/>
    </row>
    <row r="488932" spans="14:14">
      <c r="N488932" s="10"/>
    </row>
    <row r="488933" spans="14:14">
      <c r="N488933" s="10"/>
    </row>
    <row r="488934" spans="14:14">
      <c r="N488934" s="10"/>
    </row>
    <row r="488935" spans="14:14">
      <c r="N488935" s="10"/>
    </row>
    <row r="488936" spans="14:14">
      <c r="N488936" s="10"/>
    </row>
    <row r="488937" spans="14:14">
      <c r="N488937" s="10"/>
    </row>
    <row r="488938" spans="14:14">
      <c r="N488938" s="10"/>
    </row>
    <row r="488939" spans="14:14">
      <c r="N488939" s="10"/>
    </row>
    <row r="488940" spans="14:14">
      <c r="N488940" s="10"/>
    </row>
    <row r="488941" spans="14:14">
      <c r="N488941" s="10"/>
    </row>
    <row r="488942" spans="14:14">
      <c r="N488942" s="10"/>
    </row>
    <row r="488943" spans="14:14">
      <c r="N488943" s="10"/>
    </row>
    <row r="488944" spans="14:14">
      <c r="N488944" s="10"/>
    </row>
    <row r="488945" spans="14:14">
      <c r="N488945" s="10"/>
    </row>
    <row r="488946" spans="14:14">
      <c r="N488946" s="10"/>
    </row>
    <row r="488947" spans="14:14">
      <c r="N488947" s="10"/>
    </row>
    <row r="488948" spans="14:14">
      <c r="N488948" s="10"/>
    </row>
    <row r="488949" spans="14:14">
      <c r="N488949" s="10"/>
    </row>
    <row r="488950" spans="14:14">
      <c r="N488950" s="10"/>
    </row>
    <row r="488951" spans="14:14">
      <c r="N488951" s="10"/>
    </row>
    <row r="488952" spans="14:14">
      <c r="N488952" s="10"/>
    </row>
    <row r="488953" spans="14:14">
      <c r="N488953" s="10"/>
    </row>
    <row r="488954" spans="14:14">
      <c r="N488954" s="10"/>
    </row>
    <row r="488955" spans="14:14">
      <c r="N488955" s="10"/>
    </row>
    <row r="488956" spans="14:14">
      <c r="N488956" s="10"/>
    </row>
    <row r="488957" spans="14:14">
      <c r="N488957" s="10"/>
    </row>
    <row r="488958" spans="14:14">
      <c r="N488958" s="10"/>
    </row>
    <row r="488959" spans="14:14">
      <c r="N488959" s="10"/>
    </row>
    <row r="488960" spans="14:14">
      <c r="N488960" s="10"/>
    </row>
    <row r="488961" spans="14:14">
      <c r="N488961" s="10"/>
    </row>
    <row r="488962" spans="14:14">
      <c r="N488962" s="10"/>
    </row>
    <row r="488963" spans="14:14">
      <c r="N488963" s="10"/>
    </row>
    <row r="488964" spans="14:14">
      <c r="N488964" s="10"/>
    </row>
    <row r="488965" spans="14:14">
      <c r="N488965" s="10"/>
    </row>
    <row r="488966" spans="14:14">
      <c r="N488966" s="10"/>
    </row>
    <row r="488967" spans="14:14">
      <c r="N488967" s="10"/>
    </row>
    <row r="488968" spans="14:14">
      <c r="N488968" s="10"/>
    </row>
    <row r="488969" spans="14:14">
      <c r="N488969" s="10"/>
    </row>
    <row r="488970" spans="14:14">
      <c r="N488970" s="10"/>
    </row>
    <row r="488971" spans="14:14">
      <c r="N488971" s="10"/>
    </row>
    <row r="488972" spans="14:14">
      <c r="N488972" s="10"/>
    </row>
    <row r="488973" spans="14:14">
      <c r="N488973" s="10"/>
    </row>
    <row r="488974" spans="14:14">
      <c r="N488974" s="10"/>
    </row>
    <row r="488975" spans="14:14">
      <c r="N488975" s="10"/>
    </row>
    <row r="488976" spans="14:14">
      <c r="N488976" s="10"/>
    </row>
    <row r="488977" spans="14:14">
      <c r="N488977" s="10"/>
    </row>
    <row r="488978" spans="14:14">
      <c r="N488978" s="10"/>
    </row>
    <row r="488979" spans="14:14">
      <c r="N488979" s="10"/>
    </row>
    <row r="488980" spans="14:14">
      <c r="N488980" s="10"/>
    </row>
    <row r="488981" spans="14:14">
      <c r="N488981" s="10"/>
    </row>
    <row r="488982" spans="14:14">
      <c r="N488982" s="10"/>
    </row>
    <row r="488983" spans="14:14">
      <c r="N488983" s="10"/>
    </row>
    <row r="488984" spans="14:14">
      <c r="N488984" s="10"/>
    </row>
    <row r="488985" spans="14:14">
      <c r="N488985" s="10"/>
    </row>
    <row r="488986" spans="14:14">
      <c r="N488986" s="10"/>
    </row>
    <row r="488987" spans="14:14">
      <c r="N488987" s="10"/>
    </row>
    <row r="488988" spans="14:14">
      <c r="N488988" s="10"/>
    </row>
    <row r="488989" spans="14:14">
      <c r="N488989" s="10"/>
    </row>
    <row r="488990" spans="14:14">
      <c r="N488990" s="10"/>
    </row>
    <row r="488991" spans="14:14">
      <c r="N488991" s="10"/>
    </row>
    <row r="488992" spans="14:14">
      <c r="N488992" s="10"/>
    </row>
    <row r="488993" spans="14:14">
      <c r="N488993" s="10"/>
    </row>
    <row r="488994" spans="14:14">
      <c r="N488994" s="10"/>
    </row>
    <row r="488995" spans="14:14">
      <c r="N488995" s="10"/>
    </row>
    <row r="488996" spans="14:14">
      <c r="N488996" s="10"/>
    </row>
    <row r="488997" spans="14:14">
      <c r="N488997" s="10"/>
    </row>
    <row r="488998" spans="14:14">
      <c r="N488998" s="10"/>
    </row>
    <row r="488999" spans="14:14">
      <c r="N488999" s="10"/>
    </row>
    <row r="489000" spans="14:14">
      <c r="N489000" s="10"/>
    </row>
    <row r="489001" spans="14:14">
      <c r="N489001" s="10"/>
    </row>
    <row r="489002" spans="14:14">
      <c r="N489002" s="10"/>
    </row>
    <row r="489003" spans="14:14">
      <c r="N489003" s="10"/>
    </row>
    <row r="489004" spans="14:14">
      <c r="N489004" s="10"/>
    </row>
    <row r="489005" spans="14:14">
      <c r="N489005" s="10"/>
    </row>
    <row r="489006" spans="14:14">
      <c r="N489006" s="10"/>
    </row>
    <row r="489007" spans="14:14">
      <c r="N489007" s="10"/>
    </row>
    <row r="489008" spans="14:14">
      <c r="N489008" s="10"/>
    </row>
    <row r="489009" spans="14:14">
      <c r="N489009" s="10"/>
    </row>
    <row r="489010" spans="14:14">
      <c r="N489010" s="10"/>
    </row>
    <row r="489011" spans="14:14">
      <c r="N489011" s="10"/>
    </row>
    <row r="489012" spans="14:14">
      <c r="N489012" s="10"/>
    </row>
    <row r="489013" spans="14:14">
      <c r="N489013" s="10"/>
    </row>
    <row r="489014" spans="14:14">
      <c r="N489014" s="10"/>
    </row>
    <row r="489015" spans="14:14">
      <c r="N489015" s="10"/>
    </row>
    <row r="489016" spans="14:14">
      <c r="N489016" s="10"/>
    </row>
    <row r="489017" spans="14:14">
      <c r="N489017" s="10"/>
    </row>
    <row r="489018" spans="14:14">
      <c r="N489018" s="10"/>
    </row>
    <row r="489019" spans="14:14">
      <c r="N489019" s="10"/>
    </row>
    <row r="489020" spans="14:14">
      <c r="N489020" s="10"/>
    </row>
    <row r="489021" spans="14:14">
      <c r="N489021" s="10"/>
    </row>
    <row r="489022" spans="14:14">
      <c r="N489022" s="10"/>
    </row>
    <row r="489023" spans="14:14">
      <c r="N489023" s="10"/>
    </row>
    <row r="489024" spans="14:14">
      <c r="N489024" s="10"/>
    </row>
    <row r="489025" spans="14:14">
      <c r="N489025" s="10"/>
    </row>
    <row r="489026" spans="14:14">
      <c r="N489026" s="10"/>
    </row>
    <row r="489027" spans="14:14">
      <c r="N489027" s="10"/>
    </row>
    <row r="489028" spans="14:14">
      <c r="N489028" s="10"/>
    </row>
    <row r="489029" spans="14:14">
      <c r="N489029" s="10"/>
    </row>
    <row r="489030" spans="14:14">
      <c r="N489030" s="10"/>
    </row>
    <row r="489031" spans="14:14">
      <c r="N489031" s="10"/>
    </row>
    <row r="489032" spans="14:14">
      <c r="N489032" s="10"/>
    </row>
    <row r="489033" spans="14:14">
      <c r="N489033" s="10"/>
    </row>
    <row r="489034" spans="14:14">
      <c r="N489034" s="10"/>
    </row>
    <row r="489035" spans="14:14">
      <c r="N489035" s="10"/>
    </row>
    <row r="489036" spans="14:14">
      <c r="N489036" s="10"/>
    </row>
    <row r="489037" spans="14:14">
      <c r="N489037" s="10"/>
    </row>
    <row r="489038" spans="14:14">
      <c r="N489038" s="10"/>
    </row>
    <row r="489039" spans="14:14">
      <c r="N489039" s="10"/>
    </row>
    <row r="489040" spans="14:14">
      <c r="N489040" s="10"/>
    </row>
    <row r="489041" spans="14:14">
      <c r="N489041" s="10"/>
    </row>
    <row r="489042" spans="14:14">
      <c r="N489042" s="10"/>
    </row>
    <row r="489043" spans="14:14">
      <c r="N489043" s="10"/>
    </row>
    <row r="489044" spans="14:14">
      <c r="N489044" s="10"/>
    </row>
    <row r="489045" spans="14:14">
      <c r="N489045" s="10"/>
    </row>
    <row r="489046" spans="14:14">
      <c r="N489046" s="10"/>
    </row>
    <row r="489047" spans="14:14">
      <c r="N489047" s="10"/>
    </row>
    <row r="489048" spans="14:14">
      <c r="N489048" s="10"/>
    </row>
    <row r="489049" spans="14:14">
      <c r="N489049" s="10"/>
    </row>
    <row r="489050" spans="14:14">
      <c r="N489050" s="10"/>
    </row>
    <row r="489051" spans="14:14">
      <c r="N489051" s="10"/>
    </row>
    <row r="489052" spans="14:14">
      <c r="N489052" s="10"/>
    </row>
    <row r="489053" spans="14:14">
      <c r="N489053" s="10"/>
    </row>
    <row r="489054" spans="14:14">
      <c r="N489054" s="10"/>
    </row>
    <row r="489055" spans="14:14">
      <c r="N489055" s="10"/>
    </row>
    <row r="489056" spans="14:14">
      <c r="N489056" s="10"/>
    </row>
    <row r="489057" spans="14:14">
      <c r="N489057" s="10"/>
    </row>
    <row r="489058" spans="14:14">
      <c r="N489058" s="10"/>
    </row>
    <row r="489059" spans="14:14">
      <c r="N489059" s="10"/>
    </row>
    <row r="489060" spans="14:14">
      <c r="N489060" s="10"/>
    </row>
    <row r="489061" spans="14:14">
      <c r="N489061" s="10"/>
    </row>
    <row r="489062" spans="14:14">
      <c r="N489062" s="10"/>
    </row>
    <row r="489063" spans="14:14">
      <c r="N489063" s="10"/>
    </row>
    <row r="489064" spans="14:14">
      <c r="N489064" s="10"/>
    </row>
    <row r="489065" spans="14:14">
      <c r="N489065" s="10"/>
    </row>
    <row r="489066" spans="14:14">
      <c r="N489066" s="10"/>
    </row>
    <row r="489067" spans="14:14">
      <c r="N489067" s="10"/>
    </row>
    <row r="489068" spans="14:14">
      <c r="N489068" s="10"/>
    </row>
    <row r="489069" spans="14:14">
      <c r="N489069" s="10"/>
    </row>
    <row r="489070" spans="14:14">
      <c r="N489070" s="10"/>
    </row>
    <row r="489071" spans="14:14">
      <c r="N489071" s="10"/>
    </row>
    <row r="489072" spans="14:14">
      <c r="N489072" s="10"/>
    </row>
    <row r="489073" spans="14:14">
      <c r="N489073" s="10"/>
    </row>
    <row r="489074" spans="14:14">
      <c r="N489074" s="10"/>
    </row>
    <row r="489075" spans="14:14">
      <c r="N489075" s="10"/>
    </row>
    <row r="489076" spans="14:14">
      <c r="N489076" s="10"/>
    </row>
    <row r="489077" spans="14:14">
      <c r="N489077" s="10"/>
    </row>
    <row r="489078" spans="14:14">
      <c r="N489078" s="10"/>
    </row>
    <row r="489079" spans="14:14">
      <c r="N489079" s="10"/>
    </row>
    <row r="489080" spans="14:14">
      <c r="N489080" s="10"/>
    </row>
    <row r="489081" spans="14:14">
      <c r="N489081" s="10"/>
    </row>
    <row r="489082" spans="14:14">
      <c r="N489082" s="10"/>
    </row>
    <row r="489083" spans="14:14">
      <c r="N489083" s="10"/>
    </row>
    <row r="489084" spans="14:14">
      <c r="N489084" s="10"/>
    </row>
    <row r="489085" spans="14:14">
      <c r="N489085" s="10"/>
    </row>
    <row r="489086" spans="14:14">
      <c r="N489086" s="10"/>
    </row>
    <row r="489087" spans="14:14">
      <c r="N489087" s="10"/>
    </row>
    <row r="489088" spans="14:14">
      <c r="N489088" s="10"/>
    </row>
    <row r="489089" spans="14:14">
      <c r="N489089" s="10"/>
    </row>
    <row r="489090" spans="14:14">
      <c r="N489090" s="10"/>
    </row>
    <row r="489091" spans="14:14">
      <c r="N489091" s="10"/>
    </row>
    <row r="489092" spans="14:14">
      <c r="N489092" s="10"/>
    </row>
    <row r="489093" spans="14:14">
      <c r="N489093" s="10"/>
    </row>
    <row r="489094" spans="14:14">
      <c r="N489094" s="10"/>
    </row>
    <row r="489095" spans="14:14">
      <c r="N489095" s="10"/>
    </row>
    <row r="489096" spans="14:14">
      <c r="N489096" s="10"/>
    </row>
    <row r="489097" spans="14:14">
      <c r="N489097" s="10"/>
    </row>
    <row r="489098" spans="14:14">
      <c r="N489098" s="10"/>
    </row>
    <row r="489099" spans="14:14">
      <c r="N489099" s="10"/>
    </row>
    <row r="489100" spans="14:14">
      <c r="N489100" s="10"/>
    </row>
    <row r="489101" spans="14:14">
      <c r="N489101" s="10"/>
    </row>
    <row r="489102" spans="14:14">
      <c r="N489102" s="10"/>
    </row>
    <row r="489103" spans="14:14">
      <c r="N489103" s="10"/>
    </row>
    <row r="489104" spans="14:14">
      <c r="N489104" s="10"/>
    </row>
    <row r="489105" spans="14:14">
      <c r="N489105" s="10"/>
    </row>
    <row r="489106" spans="14:14">
      <c r="N489106" s="10"/>
    </row>
    <row r="489107" spans="14:14">
      <c r="N489107" s="10"/>
    </row>
    <row r="489108" spans="14:14">
      <c r="N489108" s="10"/>
    </row>
    <row r="489109" spans="14:14">
      <c r="N489109" s="10"/>
    </row>
    <row r="489110" spans="14:14">
      <c r="N489110" s="10"/>
    </row>
    <row r="489111" spans="14:14">
      <c r="N489111" s="10"/>
    </row>
    <row r="489112" spans="14:14">
      <c r="N489112" s="10"/>
    </row>
    <row r="489113" spans="14:14">
      <c r="N489113" s="10"/>
    </row>
    <row r="489114" spans="14:14">
      <c r="N489114" s="10"/>
    </row>
    <row r="489115" spans="14:14">
      <c r="N489115" s="10"/>
    </row>
    <row r="489116" spans="14:14">
      <c r="N489116" s="10"/>
    </row>
    <row r="489117" spans="14:14">
      <c r="N489117" s="10"/>
    </row>
    <row r="489118" spans="14:14">
      <c r="N489118" s="10"/>
    </row>
    <row r="489119" spans="14:14">
      <c r="N489119" s="10"/>
    </row>
    <row r="489120" spans="14:14">
      <c r="N489120" s="10"/>
    </row>
    <row r="489121" spans="14:14">
      <c r="N489121" s="10"/>
    </row>
    <row r="489122" spans="14:14">
      <c r="N489122" s="10"/>
    </row>
    <row r="489123" spans="14:14">
      <c r="N489123" s="10"/>
    </row>
    <row r="489124" spans="14:14">
      <c r="N489124" s="10"/>
    </row>
    <row r="489125" spans="14:14">
      <c r="N489125" s="10"/>
    </row>
    <row r="489126" spans="14:14">
      <c r="N489126" s="10"/>
    </row>
    <row r="489127" spans="14:14">
      <c r="N489127" s="10"/>
    </row>
    <row r="489128" spans="14:14">
      <c r="N489128" s="10"/>
    </row>
    <row r="489129" spans="14:14">
      <c r="N489129" s="10"/>
    </row>
    <row r="489130" spans="14:14">
      <c r="N489130" s="10"/>
    </row>
    <row r="489131" spans="14:14">
      <c r="N489131" s="10"/>
    </row>
    <row r="489132" spans="14:14">
      <c r="N489132" s="10"/>
    </row>
    <row r="489133" spans="14:14">
      <c r="N489133" s="10"/>
    </row>
    <row r="489134" spans="14:14">
      <c r="N489134" s="10"/>
    </row>
    <row r="489135" spans="14:14">
      <c r="N489135" s="10"/>
    </row>
    <row r="489136" spans="14:14">
      <c r="N489136" s="10"/>
    </row>
    <row r="489137" spans="14:14">
      <c r="N489137" s="10"/>
    </row>
    <row r="489138" spans="14:14">
      <c r="N489138" s="10"/>
    </row>
    <row r="489139" spans="14:14">
      <c r="N489139" s="10"/>
    </row>
    <row r="489140" spans="14:14">
      <c r="N489140" s="10"/>
    </row>
    <row r="489141" spans="14:14">
      <c r="N489141" s="10"/>
    </row>
    <row r="489142" spans="14:14">
      <c r="N489142" s="10"/>
    </row>
    <row r="489143" spans="14:14">
      <c r="N489143" s="10"/>
    </row>
    <row r="489144" spans="14:14">
      <c r="N489144" s="10"/>
    </row>
    <row r="489145" spans="14:14">
      <c r="N489145" s="10"/>
    </row>
    <row r="489146" spans="14:14">
      <c r="N489146" s="10"/>
    </row>
    <row r="489147" spans="14:14">
      <c r="N489147" s="10"/>
    </row>
    <row r="489148" spans="14:14">
      <c r="N489148" s="10"/>
    </row>
    <row r="489149" spans="14:14">
      <c r="N489149" s="10"/>
    </row>
    <row r="489150" spans="14:14">
      <c r="N489150" s="10"/>
    </row>
    <row r="489151" spans="14:14">
      <c r="N489151" s="10"/>
    </row>
    <row r="489152" spans="14:14">
      <c r="N489152" s="10"/>
    </row>
    <row r="489153" spans="14:14">
      <c r="N489153" s="10"/>
    </row>
    <row r="489154" spans="14:14">
      <c r="N489154" s="10"/>
    </row>
    <row r="489155" spans="14:14">
      <c r="N489155" s="10"/>
    </row>
    <row r="489156" spans="14:14">
      <c r="N489156" s="10"/>
    </row>
    <row r="489157" spans="14:14">
      <c r="N489157" s="10"/>
    </row>
    <row r="489158" spans="14:14">
      <c r="N489158" s="10"/>
    </row>
    <row r="489159" spans="14:14">
      <c r="N489159" s="10"/>
    </row>
    <row r="489160" spans="14:14">
      <c r="N489160" s="10"/>
    </row>
    <row r="489161" spans="14:14">
      <c r="N489161" s="10"/>
    </row>
    <row r="489162" spans="14:14">
      <c r="N489162" s="10"/>
    </row>
    <row r="489163" spans="14:14">
      <c r="N489163" s="10"/>
    </row>
    <row r="489164" spans="14:14">
      <c r="N489164" s="10"/>
    </row>
    <row r="489165" spans="14:14">
      <c r="N489165" s="10"/>
    </row>
    <row r="489166" spans="14:14">
      <c r="N489166" s="10"/>
    </row>
    <row r="489167" spans="14:14">
      <c r="N489167" s="10"/>
    </row>
    <row r="489168" spans="14:14">
      <c r="N489168" s="10"/>
    </row>
    <row r="489169" spans="14:14">
      <c r="N489169" s="10"/>
    </row>
    <row r="489170" spans="14:14">
      <c r="N489170" s="10"/>
    </row>
    <row r="489171" spans="14:14">
      <c r="N489171" s="10"/>
    </row>
    <row r="489172" spans="14:14">
      <c r="N489172" s="10"/>
    </row>
    <row r="489173" spans="14:14">
      <c r="N489173" s="10"/>
    </row>
    <row r="489174" spans="14:14">
      <c r="N489174" s="10"/>
    </row>
    <row r="489175" spans="14:14">
      <c r="N489175" s="10"/>
    </row>
    <row r="489176" spans="14:14">
      <c r="N489176" s="10"/>
    </row>
    <row r="489177" spans="14:14">
      <c r="N489177" s="10"/>
    </row>
    <row r="489178" spans="14:14">
      <c r="N489178" s="10"/>
    </row>
    <row r="489179" spans="14:14">
      <c r="N489179" s="10"/>
    </row>
    <row r="489180" spans="14:14">
      <c r="N489180" s="10"/>
    </row>
    <row r="489181" spans="14:14">
      <c r="N489181" s="10"/>
    </row>
    <row r="489182" spans="14:14">
      <c r="N489182" s="10"/>
    </row>
    <row r="489183" spans="14:14">
      <c r="N489183" s="10"/>
    </row>
    <row r="489184" spans="14:14">
      <c r="N489184" s="10"/>
    </row>
    <row r="489185" spans="14:14">
      <c r="N489185" s="10"/>
    </row>
    <row r="489186" spans="14:14">
      <c r="N489186" s="10"/>
    </row>
    <row r="489187" spans="14:14">
      <c r="N489187" s="10"/>
    </row>
    <row r="489188" spans="14:14">
      <c r="N489188" s="10"/>
    </row>
    <row r="489189" spans="14:14">
      <c r="N489189" s="10"/>
    </row>
    <row r="489190" spans="14:14">
      <c r="N489190" s="10"/>
    </row>
    <row r="489191" spans="14:14">
      <c r="N489191" s="10"/>
    </row>
    <row r="489192" spans="14:14">
      <c r="N489192" s="10"/>
    </row>
    <row r="489193" spans="14:14">
      <c r="N489193" s="10"/>
    </row>
    <row r="489194" spans="14:14">
      <c r="N489194" s="10"/>
    </row>
    <row r="489195" spans="14:14">
      <c r="N489195" s="10"/>
    </row>
    <row r="489196" spans="14:14">
      <c r="N489196" s="10"/>
    </row>
    <row r="489197" spans="14:14">
      <c r="N489197" s="10"/>
    </row>
    <row r="489198" spans="14:14">
      <c r="N489198" s="10"/>
    </row>
    <row r="489199" spans="14:14">
      <c r="N489199" s="10"/>
    </row>
    <row r="489200" spans="14:14">
      <c r="N489200" s="10"/>
    </row>
    <row r="489201" spans="14:14">
      <c r="N489201" s="10"/>
    </row>
    <row r="489202" spans="14:14">
      <c r="N489202" s="10"/>
    </row>
    <row r="489203" spans="14:14">
      <c r="N489203" s="10"/>
    </row>
    <row r="489204" spans="14:14">
      <c r="N489204" s="10"/>
    </row>
    <row r="489205" spans="14:14">
      <c r="N489205" s="10"/>
    </row>
    <row r="489206" spans="14:14">
      <c r="N489206" s="10"/>
    </row>
    <row r="489207" spans="14:14">
      <c r="N489207" s="10"/>
    </row>
    <row r="489208" spans="14:14">
      <c r="N489208" s="10"/>
    </row>
    <row r="489209" spans="14:14">
      <c r="N489209" s="10"/>
    </row>
    <row r="489210" spans="14:14">
      <c r="N489210" s="10"/>
    </row>
    <row r="489211" spans="14:14">
      <c r="N489211" s="10"/>
    </row>
    <row r="489212" spans="14:14">
      <c r="N489212" s="10"/>
    </row>
    <row r="489213" spans="14:14">
      <c r="N489213" s="10"/>
    </row>
    <row r="489214" spans="14:14">
      <c r="N489214" s="10"/>
    </row>
    <row r="489215" spans="14:14">
      <c r="N489215" s="10"/>
    </row>
    <row r="489216" spans="14:14">
      <c r="N489216" s="10"/>
    </row>
    <row r="489217" spans="14:14">
      <c r="N489217" s="10"/>
    </row>
    <row r="489218" spans="14:14">
      <c r="N489218" s="10"/>
    </row>
    <row r="489219" spans="14:14">
      <c r="N489219" s="10"/>
    </row>
    <row r="489220" spans="14:14">
      <c r="N489220" s="10"/>
    </row>
    <row r="489221" spans="14:14">
      <c r="N489221" s="10"/>
    </row>
    <row r="489222" spans="14:14">
      <c r="N489222" s="10"/>
    </row>
    <row r="489223" spans="14:14">
      <c r="N489223" s="10"/>
    </row>
    <row r="489224" spans="14:14">
      <c r="N489224" s="10"/>
    </row>
    <row r="489225" spans="14:14">
      <c r="N489225" s="10"/>
    </row>
    <row r="489226" spans="14:14">
      <c r="N489226" s="10"/>
    </row>
    <row r="489227" spans="14:14">
      <c r="N489227" s="10"/>
    </row>
    <row r="489228" spans="14:14">
      <c r="N489228" s="10"/>
    </row>
    <row r="489229" spans="14:14">
      <c r="N489229" s="10"/>
    </row>
    <row r="489230" spans="14:14">
      <c r="N489230" s="10"/>
    </row>
    <row r="489231" spans="14:14">
      <c r="N489231" s="10"/>
    </row>
    <row r="489232" spans="14:14">
      <c r="N489232" s="10"/>
    </row>
    <row r="489233" spans="14:14">
      <c r="N489233" s="10"/>
    </row>
    <row r="489234" spans="14:14">
      <c r="N489234" s="10"/>
    </row>
    <row r="489235" spans="14:14">
      <c r="N489235" s="10"/>
    </row>
    <row r="489236" spans="14:14">
      <c r="N489236" s="10"/>
    </row>
    <row r="489237" spans="14:14">
      <c r="N489237" s="10"/>
    </row>
    <row r="489238" spans="14:14">
      <c r="N489238" s="10"/>
    </row>
    <row r="489239" spans="14:14">
      <c r="N489239" s="10"/>
    </row>
    <row r="489240" spans="14:14">
      <c r="N489240" s="10"/>
    </row>
    <row r="489241" spans="14:14">
      <c r="N489241" s="10"/>
    </row>
    <row r="489242" spans="14:14">
      <c r="N489242" s="10"/>
    </row>
    <row r="489243" spans="14:14">
      <c r="N489243" s="10"/>
    </row>
    <row r="489244" spans="14:14">
      <c r="N489244" s="10"/>
    </row>
    <row r="489245" spans="14:14">
      <c r="N489245" s="10"/>
    </row>
    <row r="489246" spans="14:14">
      <c r="N489246" s="10"/>
    </row>
    <row r="489247" spans="14:14">
      <c r="N489247" s="10"/>
    </row>
    <row r="489248" spans="14:14">
      <c r="N489248" s="10"/>
    </row>
    <row r="489249" spans="14:14">
      <c r="N489249" s="10"/>
    </row>
    <row r="489250" spans="14:14">
      <c r="N489250" s="10"/>
    </row>
    <row r="489251" spans="14:14">
      <c r="N489251" s="10"/>
    </row>
    <row r="489252" spans="14:14">
      <c r="N489252" s="10"/>
    </row>
    <row r="489253" spans="14:14">
      <c r="N489253" s="10"/>
    </row>
    <row r="489254" spans="14:14">
      <c r="N489254" s="10"/>
    </row>
    <row r="489255" spans="14:14">
      <c r="N489255" s="10"/>
    </row>
    <row r="489256" spans="14:14">
      <c r="N489256" s="10"/>
    </row>
    <row r="489257" spans="14:14">
      <c r="N489257" s="10"/>
    </row>
    <row r="489258" spans="14:14">
      <c r="N489258" s="10"/>
    </row>
    <row r="489259" spans="14:14">
      <c r="N489259" s="10"/>
    </row>
    <row r="489260" spans="14:14">
      <c r="N489260" s="10"/>
    </row>
    <row r="489261" spans="14:14">
      <c r="N489261" s="10"/>
    </row>
    <row r="489262" spans="14:14">
      <c r="N489262" s="10"/>
    </row>
    <row r="489263" spans="14:14">
      <c r="N489263" s="10"/>
    </row>
    <row r="489264" spans="14:14">
      <c r="N489264" s="10"/>
    </row>
    <row r="489265" spans="14:14">
      <c r="N489265" s="10"/>
    </row>
    <row r="489266" spans="14:14">
      <c r="N489266" s="10"/>
    </row>
    <row r="489267" spans="14:14">
      <c r="N489267" s="10"/>
    </row>
    <row r="489268" spans="14:14">
      <c r="N489268" s="10"/>
    </row>
    <row r="489269" spans="14:14">
      <c r="N489269" s="10"/>
    </row>
    <row r="489270" spans="14:14">
      <c r="N489270" s="10"/>
    </row>
    <row r="489271" spans="14:14">
      <c r="N489271" s="10"/>
    </row>
    <row r="489272" spans="14:14">
      <c r="N489272" s="10"/>
    </row>
    <row r="489273" spans="14:14">
      <c r="N489273" s="10"/>
    </row>
    <row r="489274" spans="14:14">
      <c r="N489274" s="10"/>
    </row>
    <row r="489275" spans="14:14">
      <c r="N489275" s="10"/>
    </row>
    <row r="489276" spans="14:14">
      <c r="N489276" s="10"/>
    </row>
    <row r="489277" spans="14:14">
      <c r="N489277" s="10"/>
    </row>
    <row r="489278" spans="14:14">
      <c r="N489278" s="10"/>
    </row>
    <row r="489279" spans="14:14">
      <c r="N489279" s="10"/>
    </row>
    <row r="489280" spans="14:14">
      <c r="N489280" s="10"/>
    </row>
    <row r="489281" spans="14:14">
      <c r="N489281" s="10"/>
    </row>
    <row r="489282" spans="14:14">
      <c r="N489282" s="10"/>
    </row>
    <row r="489283" spans="14:14">
      <c r="N489283" s="10"/>
    </row>
    <row r="489284" spans="14:14">
      <c r="N489284" s="10"/>
    </row>
    <row r="489285" spans="14:14">
      <c r="N489285" s="10"/>
    </row>
    <row r="489286" spans="14:14">
      <c r="N489286" s="10"/>
    </row>
    <row r="489287" spans="14:14">
      <c r="N489287" s="10"/>
    </row>
    <row r="489288" spans="14:14">
      <c r="N489288" s="10"/>
    </row>
    <row r="489289" spans="14:14">
      <c r="N489289" s="10"/>
    </row>
    <row r="489290" spans="14:14">
      <c r="N489290" s="10"/>
    </row>
    <row r="489291" spans="14:14">
      <c r="N489291" s="10"/>
    </row>
    <row r="489292" spans="14:14">
      <c r="N489292" s="10"/>
    </row>
    <row r="489293" spans="14:14">
      <c r="N489293" s="10"/>
    </row>
    <row r="489294" spans="14:14">
      <c r="N489294" s="10"/>
    </row>
    <row r="489295" spans="14:14">
      <c r="N489295" s="10"/>
    </row>
    <row r="489296" spans="14:14">
      <c r="N489296" s="10"/>
    </row>
    <row r="489297" spans="14:14">
      <c r="N489297" s="10"/>
    </row>
    <row r="489298" spans="14:14">
      <c r="N489298" s="10"/>
    </row>
    <row r="489299" spans="14:14">
      <c r="N489299" s="10"/>
    </row>
    <row r="489300" spans="14:14">
      <c r="N489300" s="10"/>
    </row>
    <row r="489301" spans="14:14">
      <c r="N489301" s="10"/>
    </row>
    <row r="489302" spans="14:14">
      <c r="N489302" s="10"/>
    </row>
    <row r="489303" spans="14:14">
      <c r="N489303" s="10"/>
    </row>
    <row r="489304" spans="14:14">
      <c r="N489304" s="10"/>
    </row>
    <row r="489305" spans="14:14">
      <c r="N489305" s="10"/>
    </row>
    <row r="489306" spans="14:14">
      <c r="N489306" s="10"/>
    </row>
    <row r="489307" spans="14:14">
      <c r="N489307" s="10"/>
    </row>
    <row r="489308" spans="14:14">
      <c r="N489308" s="10"/>
    </row>
    <row r="489309" spans="14:14">
      <c r="N489309" s="10"/>
    </row>
    <row r="489310" spans="14:14">
      <c r="N489310" s="10"/>
    </row>
    <row r="489311" spans="14:14">
      <c r="N489311" s="10"/>
    </row>
    <row r="489312" spans="14:14">
      <c r="N489312" s="10"/>
    </row>
    <row r="489313" spans="14:14">
      <c r="N489313" s="10"/>
    </row>
    <row r="489314" spans="14:14">
      <c r="N489314" s="10"/>
    </row>
    <row r="489315" spans="14:14">
      <c r="N489315" s="10"/>
    </row>
    <row r="489316" spans="14:14">
      <c r="N489316" s="10"/>
    </row>
    <row r="489317" spans="14:14">
      <c r="N489317" s="10"/>
    </row>
    <row r="489318" spans="14:14">
      <c r="N489318" s="10"/>
    </row>
    <row r="489319" spans="14:14">
      <c r="N489319" s="10"/>
    </row>
    <row r="489320" spans="14:14">
      <c r="N489320" s="10"/>
    </row>
    <row r="489321" spans="14:14">
      <c r="N489321" s="10"/>
    </row>
    <row r="489322" spans="14:14">
      <c r="N489322" s="10"/>
    </row>
    <row r="489323" spans="14:14">
      <c r="N489323" s="10"/>
    </row>
    <row r="489324" spans="14:14">
      <c r="N489324" s="10"/>
    </row>
    <row r="489325" spans="14:14">
      <c r="N489325" s="10"/>
    </row>
    <row r="489326" spans="14:14">
      <c r="N489326" s="10"/>
    </row>
    <row r="489327" spans="14:14">
      <c r="N489327" s="10"/>
    </row>
    <row r="489328" spans="14:14">
      <c r="N489328" s="10"/>
    </row>
    <row r="489329" spans="14:14">
      <c r="N489329" s="10"/>
    </row>
    <row r="489330" spans="14:14">
      <c r="N489330" s="10"/>
    </row>
    <row r="489331" spans="14:14">
      <c r="N489331" s="10"/>
    </row>
    <row r="489332" spans="14:14">
      <c r="N489332" s="10"/>
    </row>
    <row r="489333" spans="14:14">
      <c r="N489333" s="10"/>
    </row>
    <row r="489334" spans="14:14">
      <c r="N489334" s="10"/>
    </row>
    <row r="489335" spans="14:14">
      <c r="N489335" s="10"/>
    </row>
    <row r="489336" spans="14:14">
      <c r="N489336" s="10"/>
    </row>
    <row r="489337" spans="14:14">
      <c r="N489337" s="10"/>
    </row>
    <row r="489338" spans="14:14">
      <c r="N489338" s="10"/>
    </row>
    <row r="489339" spans="14:14">
      <c r="N489339" s="10"/>
    </row>
    <row r="489340" spans="14:14">
      <c r="N489340" s="10"/>
    </row>
    <row r="489341" spans="14:14">
      <c r="N489341" s="10"/>
    </row>
    <row r="489342" spans="14:14">
      <c r="N489342" s="10"/>
    </row>
    <row r="489343" spans="14:14">
      <c r="N489343" s="10"/>
    </row>
    <row r="489344" spans="14:14">
      <c r="N489344" s="10"/>
    </row>
    <row r="489345" spans="14:14">
      <c r="N489345" s="10"/>
    </row>
    <row r="489346" spans="14:14">
      <c r="N489346" s="10"/>
    </row>
    <row r="489347" spans="14:14">
      <c r="N489347" s="10"/>
    </row>
    <row r="489348" spans="14:14">
      <c r="N489348" s="10"/>
    </row>
    <row r="489349" spans="14:14">
      <c r="N489349" s="10"/>
    </row>
    <row r="489350" spans="14:14">
      <c r="N489350" s="10"/>
    </row>
    <row r="489351" spans="14:14">
      <c r="N489351" s="10"/>
    </row>
    <row r="489352" spans="14:14">
      <c r="N489352" s="10"/>
    </row>
    <row r="489353" spans="14:14">
      <c r="N489353" s="10"/>
    </row>
    <row r="489354" spans="14:14">
      <c r="N489354" s="10"/>
    </row>
    <row r="489355" spans="14:14">
      <c r="N489355" s="10"/>
    </row>
    <row r="489356" spans="14:14">
      <c r="N489356" s="10"/>
    </row>
    <row r="489357" spans="14:14">
      <c r="N489357" s="10"/>
    </row>
    <row r="489358" spans="14:14">
      <c r="N489358" s="10"/>
    </row>
    <row r="489359" spans="14:14">
      <c r="N489359" s="10"/>
    </row>
    <row r="489360" spans="14:14">
      <c r="N489360" s="10"/>
    </row>
    <row r="489361" spans="14:14">
      <c r="N489361" s="10"/>
    </row>
    <row r="489362" spans="14:14">
      <c r="N489362" s="10"/>
    </row>
    <row r="489363" spans="14:14">
      <c r="N489363" s="10"/>
    </row>
    <row r="489364" spans="14:14">
      <c r="N489364" s="10"/>
    </row>
    <row r="489365" spans="14:14">
      <c r="N489365" s="10"/>
    </row>
    <row r="489366" spans="14:14">
      <c r="N489366" s="10"/>
    </row>
    <row r="489367" spans="14:14">
      <c r="N489367" s="10"/>
    </row>
    <row r="489368" spans="14:14">
      <c r="N489368" s="10"/>
    </row>
    <row r="489369" spans="14:14">
      <c r="N489369" s="10"/>
    </row>
    <row r="489370" spans="14:14">
      <c r="N489370" s="10"/>
    </row>
    <row r="489371" spans="14:14">
      <c r="N489371" s="10"/>
    </row>
    <row r="489372" spans="14:14">
      <c r="N489372" s="10"/>
    </row>
    <row r="489373" spans="14:14">
      <c r="N489373" s="10"/>
    </row>
    <row r="489374" spans="14:14">
      <c r="N489374" s="10"/>
    </row>
    <row r="489375" spans="14:14">
      <c r="N489375" s="10"/>
    </row>
    <row r="489376" spans="14:14">
      <c r="N489376" s="10"/>
    </row>
    <row r="489377" spans="14:14">
      <c r="N489377" s="10"/>
    </row>
    <row r="489378" spans="14:14">
      <c r="N489378" s="10"/>
    </row>
    <row r="489379" spans="14:14">
      <c r="N489379" s="10"/>
    </row>
    <row r="489380" spans="14:14">
      <c r="N489380" s="10"/>
    </row>
    <row r="489381" spans="14:14">
      <c r="N489381" s="10"/>
    </row>
    <row r="489382" spans="14:14">
      <c r="N489382" s="10"/>
    </row>
    <row r="489383" spans="14:14">
      <c r="N489383" s="10"/>
    </row>
    <row r="489384" spans="14:14">
      <c r="N489384" s="10"/>
    </row>
    <row r="489385" spans="14:14">
      <c r="N489385" s="10"/>
    </row>
    <row r="489386" spans="14:14">
      <c r="N489386" s="10"/>
    </row>
    <row r="489387" spans="14:14">
      <c r="N489387" s="10"/>
    </row>
    <row r="489388" spans="14:14">
      <c r="N489388" s="10"/>
    </row>
    <row r="489389" spans="14:14">
      <c r="N489389" s="10"/>
    </row>
    <row r="489390" spans="14:14">
      <c r="N489390" s="10"/>
    </row>
    <row r="489391" spans="14:14">
      <c r="N489391" s="10"/>
    </row>
    <row r="489392" spans="14:14">
      <c r="N489392" s="10"/>
    </row>
    <row r="489393" spans="14:14">
      <c r="N489393" s="10"/>
    </row>
    <row r="489394" spans="14:14">
      <c r="N489394" s="10"/>
    </row>
    <row r="489395" spans="14:14">
      <c r="N489395" s="10"/>
    </row>
    <row r="489396" spans="14:14">
      <c r="N489396" s="10"/>
    </row>
    <row r="489397" spans="14:14">
      <c r="N489397" s="10"/>
    </row>
    <row r="489398" spans="14:14">
      <c r="N489398" s="10"/>
    </row>
    <row r="489399" spans="14:14">
      <c r="N489399" s="10"/>
    </row>
    <row r="489400" spans="14:14">
      <c r="N489400" s="10"/>
    </row>
    <row r="489401" spans="14:14">
      <c r="N489401" s="10"/>
    </row>
    <row r="489402" spans="14:14">
      <c r="N489402" s="10"/>
    </row>
    <row r="489403" spans="14:14">
      <c r="N489403" s="10"/>
    </row>
    <row r="489404" spans="14:14">
      <c r="N489404" s="10"/>
    </row>
    <row r="489405" spans="14:14">
      <c r="N489405" s="10"/>
    </row>
    <row r="489406" spans="14:14">
      <c r="N489406" s="10"/>
    </row>
    <row r="489407" spans="14:14">
      <c r="N489407" s="10"/>
    </row>
    <row r="489408" spans="14:14">
      <c r="N489408" s="10"/>
    </row>
    <row r="489409" spans="14:14">
      <c r="N489409" s="10"/>
    </row>
    <row r="489410" spans="14:14">
      <c r="N489410" s="10"/>
    </row>
    <row r="489411" spans="14:14">
      <c r="N489411" s="10"/>
    </row>
    <row r="489412" spans="14:14">
      <c r="N489412" s="10"/>
    </row>
    <row r="489413" spans="14:14">
      <c r="N489413" s="10"/>
    </row>
    <row r="489414" spans="14:14">
      <c r="N489414" s="10"/>
    </row>
    <row r="489415" spans="14:14">
      <c r="N489415" s="10"/>
    </row>
    <row r="489416" spans="14:14">
      <c r="N489416" s="10"/>
    </row>
    <row r="489417" spans="14:14">
      <c r="N489417" s="10"/>
    </row>
    <row r="489418" spans="14:14">
      <c r="N489418" s="10"/>
    </row>
    <row r="489419" spans="14:14">
      <c r="N489419" s="10"/>
    </row>
    <row r="489420" spans="14:14">
      <c r="N489420" s="10"/>
    </row>
    <row r="489421" spans="14:14">
      <c r="N489421" s="10"/>
    </row>
    <row r="489422" spans="14:14">
      <c r="N489422" s="10"/>
    </row>
    <row r="489423" spans="14:14">
      <c r="N489423" s="10"/>
    </row>
    <row r="489424" spans="14:14">
      <c r="N489424" s="10"/>
    </row>
    <row r="489425" spans="14:14">
      <c r="N489425" s="10"/>
    </row>
    <row r="489426" spans="14:14">
      <c r="N489426" s="10"/>
    </row>
    <row r="489427" spans="14:14">
      <c r="N489427" s="10"/>
    </row>
    <row r="489428" spans="14:14">
      <c r="N489428" s="10"/>
    </row>
    <row r="489429" spans="14:14">
      <c r="N489429" s="10"/>
    </row>
    <row r="489430" spans="14:14">
      <c r="N489430" s="10"/>
    </row>
    <row r="489431" spans="14:14">
      <c r="N489431" s="10"/>
    </row>
    <row r="489432" spans="14:14">
      <c r="N489432" s="10"/>
    </row>
    <row r="489433" spans="14:14">
      <c r="N489433" s="10"/>
    </row>
    <row r="489434" spans="14:14">
      <c r="N489434" s="10"/>
    </row>
    <row r="489435" spans="14:14">
      <c r="N489435" s="10"/>
    </row>
    <row r="489436" spans="14:14">
      <c r="N489436" s="10"/>
    </row>
    <row r="489437" spans="14:14">
      <c r="N489437" s="10"/>
    </row>
    <row r="489438" spans="14:14">
      <c r="N489438" s="10"/>
    </row>
    <row r="489439" spans="14:14">
      <c r="N489439" s="10"/>
    </row>
    <row r="489440" spans="14:14">
      <c r="N489440" s="10"/>
    </row>
    <row r="489441" spans="14:14">
      <c r="N489441" s="10"/>
    </row>
    <row r="489442" spans="14:14">
      <c r="N489442" s="10"/>
    </row>
    <row r="489443" spans="14:14">
      <c r="N489443" s="10"/>
    </row>
    <row r="489444" spans="14:14">
      <c r="N489444" s="10"/>
    </row>
    <row r="489445" spans="14:14">
      <c r="N489445" s="10"/>
    </row>
    <row r="489446" spans="14:14">
      <c r="N489446" s="10"/>
    </row>
    <row r="489447" spans="14:14">
      <c r="N489447" s="10"/>
    </row>
    <row r="489448" spans="14:14">
      <c r="N489448" s="10"/>
    </row>
    <row r="489449" spans="14:14">
      <c r="N489449" s="10"/>
    </row>
    <row r="489450" spans="14:14">
      <c r="N489450" s="10"/>
    </row>
    <row r="489451" spans="14:14">
      <c r="N489451" s="10"/>
    </row>
    <row r="489452" spans="14:14">
      <c r="N489452" s="10"/>
    </row>
    <row r="489453" spans="14:14">
      <c r="N489453" s="10"/>
    </row>
    <row r="489454" spans="14:14">
      <c r="N489454" s="10"/>
    </row>
    <row r="489455" spans="14:14">
      <c r="N489455" s="10"/>
    </row>
    <row r="489456" spans="14:14">
      <c r="N489456" s="10"/>
    </row>
    <row r="489457" spans="14:14">
      <c r="N489457" s="10"/>
    </row>
    <row r="489458" spans="14:14">
      <c r="N489458" s="10"/>
    </row>
    <row r="489459" spans="14:14">
      <c r="N489459" s="10"/>
    </row>
    <row r="489460" spans="14:14">
      <c r="N489460" s="10"/>
    </row>
    <row r="489461" spans="14:14">
      <c r="N489461" s="10"/>
    </row>
    <row r="489462" spans="14:14">
      <c r="N489462" s="10"/>
    </row>
    <row r="489463" spans="14:14">
      <c r="N489463" s="10"/>
    </row>
    <row r="489464" spans="14:14">
      <c r="N489464" s="10"/>
    </row>
    <row r="489465" spans="14:14">
      <c r="N489465" s="10"/>
    </row>
    <row r="489466" spans="14:14">
      <c r="N489466" s="10"/>
    </row>
    <row r="489467" spans="14:14">
      <c r="N489467" s="10"/>
    </row>
    <row r="489468" spans="14:14">
      <c r="N489468" s="10"/>
    </row>
    <row r="489469" spans="14:14">
      <c r="N489469" s="10"/>
    </row>
    <row r="489470" spans="14:14">
      <c r="N489470" s="10"/>
    </row>
    <row r="489471" spans="14:14">
      <c r="N489471" s="10"/>
    </row>
    <row r="489472" spans="14:14">
      <c r="N489472" s="10"/>
    </row>
    <row r="489473" spans="14:14">
      <c r="N489473" s="10"/>
    </row>
    <row r="489474" spans="14:14">
      <c r="N489474" s="10"/>
    </row>
    <row r="489475" spans="14:14">
      <c r="N489475" s="10"/>
    </row>
    <row r="489476" spans="14:14">
      <c r="N489476" s="10"/>
    </row>
    <row r="489477" spans="14:14">
      <c r="N489477" s="10"/>
    </row>
    <row r="489478" spans="14:14">
      <c r="N489478" s="10"/>
    </row>
    <row r="489479" spans="14:14">
      <c r="N489479" s="10"/>
    </row>
    <row r="489480" spans="14:14">
      <c r="N489480" s="10"/>
    </row>
    <row r="489481" spans="14:14">
      <c r="N489481" s="10"/>
    </row>
    <row r="489482" spans="14:14">
      <c r="N489482" s="10"/>
    </row>
    <row r="489483" spans="14:14">
      <c r="N489483" s="10"/>
    </row>
    <row r="489484" spans="14:14">
      <c r="N489484" s="10"/>
    </row>
    <row r="489485" spans="14:14">
      <c r="N489485" s="10"/>
    </row>
    <row r="489486" spans="14:14">
      <c r="N489486" s="10"/>
    </row>
    <row r="489487" spans="14:14">
      <c r="N489487" s="10"/>
    </row>
    <row r="489488" spans="14:14">
      <c r="N489488" s="10"/>
    </row>
    <row r="489489" spans="14:14">
      <c r="N489489" s="10"/>
    </row>
    <row r="489490" spans="14:14">
      <c r="N489490" s="10"/>
    </row>
    <row r="489491" spans="14:14">
      <c r="N489491" s="10"/>
    </row>
    <row r="489492" spans="14:14">
      <c r="N489492" s="10"/>
    </row>
    <row r="489493" spans="14:14">
      <c r="N489493" s="10"/>
    </row>
    <row r="489494" spans="14:14">
      <c r="N489494" s="10"/>
    </row>
    <row r="489495" spans="14:14">
      <c r="N489495" s="10"/>
    </row>
    <row r="489496" spans="14:14">
      <c r="N489496" s="10"/>
    </row>
    <row r="489497" spans="14:14">
      <c r="N489497" s="10"/>
    </row>
    <row r="489498" spans="14:14">
      <c r="N489498" s="10"/>
    </row>
    <row r="489499" spans="14:14">
      <c r="N489499" s="10"/>
    </row>
    <row r="489500" spans="14:14">
      <c r="N489500" s="10"/>
    </row>
    <row r="489501" spans="14:14">
      <c r="N489501" s="10"/>
    </row>
    <row r="489502" spans="14:14">
      <c r="N489502" s="10"/>
    </row>
    <row r="489503" spans="14:14">
      <c r="N489503" s="10"/>
    </row>
    <row r="489504" spans="14:14">
      <c r="N489504" s="10"/>
    </row>
    <row r="489505" spans="14:14">
      <c r="N489505" s="10"/>
    </row>
    <row r="489506" spans="14:14">
      <c r="N489506" s="10"/>
    </row>
    <row r="489507" spans="14:14">
      <c r="N489507" s="10"/>
    </row>
    <row r="489508" spans="14:14">
      <c r="N489508" s="10"/>
    </row>
    <row r="489509" spans="14:14">
      <c r="N489509" s="10"/>
    </row>
    <row r="489510" spans="14:14">
      <c r="N489510" s="10"/>
    </row>
    <row r="489511" spans="14:14">
      <c r="N489511" s="10"/>
    </row>
    <row r="489512" spans="14:14">
      <c r="N489512" s="10"/>
    </row>
    <row r="489513" spans="14:14">
      <c r="N489513" s="10"/>
    </row>
    <row r="489514" spans="14:14">
      <c r="N489514" s="10"/>
    </row>
    <row r="489515" spans="14:14">
      <c r="N489515" s="10"/>
    </row>
    <row r="489516" spans="14:14">
      <c r="N489516" s="10"/>
    </row>
    <row r="489517" spans="14:14">
      <c r="N489517" s="10"/>
    </row>
    <row r="489518" spans="14:14">
      <c r="N489518" s="10"/>
    </row>
    <row r="489519" spans="14:14">
      <c r="N489519" s="10"/>
    </row>
    <row r="489520" spans="14:14">
      <c r="N489520" s="10"/>
    </row>
    <row r="489521" spans="14:14">
      <c r="N489521" s="10"/>
    </row>
    <row r="489522" spans="14:14">
      <c r="N489522" s="10"/>
    </row>
    <row r="489523" spans="14:14">
      <c r="N489523" s="10"/>
    </row>
    <row r="489524" spans="14:14">
      <c r="N489524" s="10"/>
    </row>
    <row r="489525" spans="14:14">
      <c r="N489525" s="10"/>
    </row>
    <row r="489526" spans="14:14">
      <c r="N489526" s="10"/>
    </row>
    <row r="489527" spans="14:14">
      <c r="N489527" s="10"/>
    </row>
    <row r="489528" spans="14:14">
      <c r="N489528" s="10"/>
    </row>
    <row r="489529" spans="14:14">
      <c r="N489529" s="10"/>
    </row>
    <row r="489530" spans="14:14">
      <c r="N489530" s="10"/>
    </row>
    <row r="489531" spans="14:14">
      <c r="N489531" s="10"/>
    </row>
    <row r="489532" spans="14:14">
      <c r="N489532" s="10"/>
    </row>
    <row r="489533" spans="14:14">
      <c r="N489533" s="10"/>
    </row>
    <row r="489534" spans="14:14">
      <c r="N489534" s="10"/>
    </row>
    <row r="489535" spans="14:14">
      <c r="N489535" s="10"/>
    </row>
    <row r="489536" spans="14:14">
      <c r="N489536" s="10"/>
    </row>
    <row r="489537" spans="14:14">
      <c r="N489537" s="10"/>
    </row>
    <row r="489538" spans="14:14">
      <c r="N489538" s="10"/>
    </row>
    <row r="489539" spans="14:14">
      <c r="N489539" s="10"/>
    </row>
    <row r="489540" spans="14:14">
      <c r="N489540" s="10"/>
    </row>
    <row r="489541" spans="14:14">
      <c r="N489541" s="10"/>
    </row>
    <row r="489542" spans="14:14">
      <c r="N489542" s="10"/>
    </row>
    <row r="489543" spans="14:14">
      <c r="N489543" s="10"/>
    </row>
    <row r="489544" spans="14:14">
      <c r="N489544" s="10"/>
    </row>
    <row r="489545" spans="14:14">
      <c r="N489545" s="10"/>
    </row>
    <row r="489546" spans="14:14">
      <c r="N489546" s="10"/>
    </row>
    <row r="489547" spans="14:14">
      <c r="N489547" s="10"/>
    </row>
    <row r="489548" spans="14:14">
      <c r="N489548" s="10"/>
    </row>
    <row r="489549" spans="14:14">
      <c r="N489549" s="10"/>
    </row>
    <row r="489550" spans="14:14">
      <c r="N489550" s="10"/>
    </row>
    <row r="489551" spans="14:14">
      <c r="N489551" s="10"/>
    </row>
    <row r="489552" spans="14:14">
      <c r="N489552" s="10"/>
    </row>
    <row r="489553" spans="14:14">
      <c r="N489553" s="10"/>
    </row>
    <row r="489554" spans="14:14">
      <c r="N489554" s="10"/>
    </row>
    <row r="489555" spans="14:14">
      <c r="N489555" s="10"/>
    </row>
    <row r="489556" spans="14:14">
      <c r="N489556" s="10"/>
    </row>
    <row r="489557" spans="14:14">
      <c r="N489557" s="10"/>
    </row>
    <row r="489558" spans="14:14">
      <c r="N489558" s="10"/>
    </row>
    <row r="489559" spans="14:14">
      <c r="N489559" s="10"/>
    </row>
    <row r="489560" spans="14:14">
      <c r="N489560" s="10"/>
    </row>
    <row r="489561" spans="14:14">
      <c r="N489561" s="10"/>
    </row>
    <row r="489562" spans="14:14">
      <c r="N489562" s="10"/>
    </row>
    <row r="489563" spans="14:14">
      <c r="N489563" s="10"/>
    </row>
    <row r="489564" spans="14:14">
      <c r="N489564" s="10"/>
    </row>
    <row r="489565" spans="14:14">
      <c r="N489565" s="10"/>
    </row>
    <row r="489566" spans="14:14">
      <c r="N489566" s="10"/>
    </row>
    <row r="489567" spans="14:14">
      <c r="N489567" s="10"/>
    </row>
    <row r="489568" spans="14:14">
      <c r="N489568" s="10"/>
    </row>
    <row r="489569" spans="14:14">
      <c r="N489569" s="10"/>
    </row>
    <row r="489570" spans="14:14">
      <c r="N489570" s="10"/>
    </row>
    <row r="489571" spans="14:14">
      <c r="N489571" s="10"/>
    </row>
    <row r="489572" spans="14:14">
      <c r="N489572" s="10"/>
    </row>
    <row r="489573" spans="14:14">
      <c r="N489573" s="10"/>
    </row>
    <row r="489574" spans="14:14">
      <c r="N489574" s="10"/>
    </row>
    <row r="489575" spans="14:14">
      <c r="N489575" s="10"/>
    </row>
    <row r="489576" spans="14:14">
      <c r="N489576" s="10"/>
    </row>
    <row r="489577" spans="14:14">
      <c r="N489577" s="10"/>
    </row>
    <row r="489578" spans="14:14">
      <c r="N489578" s="10"/>
    </row>
    <row r="489579" spans="14:14">
      <c r="N489579" s="10"/>
    </row>
    <row r="489580" spans="14:14">
      <c r="N489580" s="10"/>
    </row>
    <row r="489581" spans="14:14">
      <c r="N489581" s="10"/>
    </row>
    <row r="489582" spans="14:14">
      <c r="N489582" s="10"/>
    </row>
    <row r="489583" spans="14:14">
      <c r="N489583" s="10"/>
    </row>
    <row r="489584" spans="14:14">
      <c r="N489584" s="10"/>
    </row>
    <row r="489585" spans="14:14">
      <c r="N489585" s="10"/>
    </row>
    <row r="489586" spans="14:14">
      <c r="N489586" s="10"/>
    </row>
    <row r="489587" spans="14:14">
      <c r="N489587" s="10"/>
    </row>
    <row r="489588" spans="14:14">
      <c r="N489588" s="10"/>
    </row>
    <row r="489589" spans="14:14">
      <c r="N489589" s="10"/>
    </row>
    <row r="489590" spans="14:14">
      <c r="N489590" s="10"/>
    </row>
    <row r="489591" spans="14:14">
      <c r="N489591" s="10"/>
    </row>
    <row r="489592" spans="14:14">
      <c r="N489592" s="10"/>
    </row>
    <row r="489593" spans="14:14">
      <c r="N489593" s="10"/>
    </row>
    <row r="489594" spans="14:14">
      <c r="N489594" s="10"/>
    </row>
    <row r="489595" spans="14:14">
      <c r="N489595" s="10"/>
    </row>
    <row r="489596" spans="14:14">
      <c r="N489596" s="10"/>
    </row>
    <row r="489597" spans="14:14">
      <c r="N489597" s="10"/>
    </row>
    <row r="489598" spans="14:14">
      <c r="N489598" s="10"/>
    </row>
    <row r="489599" spans="14:14">
      <c r="N489599" s="10"/>
    </row>
    <row r="489600" spans="14:14">
      <c r="N489600" s="10"/>
    </row>
    <row r="489601" spans="14:14">
      <c r="N489601" s="10"/>
    </row>
    <row r="489602" spans="14:14">
      <c r="N489602" s="10"/>
    </row>
    <row r="489603" spans="14:14">
      <c r="N489603" s="10"/>
    </row>
    <row r="489604" spans="14:14">
      <c r="N489604" s="10"/>
    </row>
    <row r="489605" spans="14:14">
      <c r="N489605" s="10"/>
    </row>
    <row r="489606" spans="14:14">
      <c r="N489606" s="10"/>
    </row>
    <row r="489607" spans="14:14">
      <c r="N489607" s="10"/>
    </row>
    <row r="489608" spans="14:14">
      <c r="N489608" s="10"/>
    </row>
    <row r="489609" spans="14:14">
      <c r="N489609" s="10"/>
    </row>
    <row r="489610" spans="14:14">
      <c r="N489610" s="10"/>
    </row>
    <row r="489611" spans="14:14">
      <c r="N489611" s="10"/>
    </row>
    <row r="489612" spans="14:14">
      <c r="N489612" s="10"/>
    </row>
    <row r="489613" spans="14:14">
      <c r="N489613" s="10"/>
    </row>
    <row r="489614" spans="14:14">
      <c r="N489614" s="10"/>
    </row>
    <row r="489615" spans="14:14">
      <c r="N489615" s="10"/>
    </row>
    <row r="489616" spans="14:14">
      <c r="N489616" s="10"/>
    </row>
    <row r="489617" spans="14:14">
      <c r="N489617" s="10"/>
    </row>
    <row r="489618" spans="14:14">
      <c r="N489618" s="10"/>
    </row>
    <row r="489619" spans="14:14">
      <c r="N489619" s="10"/>
    </row>
    <row r="489620" spans="14:14">
      <c r="N489620" s="10"/>
    </row>
    <row r="489621" spans="14:14">
      <c r="N489621" s="10"/>
    </row>
    <row r="489622" spans="14:14">
      <c r="N489622" s="10"/>
    </row>
    <row r="489623" spans="14:14">
      <c r="N489623" s="10"/>
    </row>
    <row r="489624" spans="14:14">
      <c r="N489624" s="10"/>
    </row>
    <row r="489625" spans="14:14">
      <c r="N489625" s="10"/>
    </row>
    <row r="489626" spans="14:14">
      <c r="N489626" s="10"/>
    </row>
    <row r="489627" spans="14:14">
      <c r="N489627" s="10"/>
    </row>
    <row r="489628" spans="14:14">
      <c r="N489628" s="10"/>
    </row>
    <row r="489629" spans="14:14">
      <c r="N489629" s="10"/>
    </row>
    <row r="489630" spans="14:14">
      <c r="N489630" s="10"/>
    </row>
    <row r="489631" spans="14:14">
      <c r="N489631" s="10"/>
    </row>
    <row r="489632" spans="14:14">
      <c r="N489632" s="10"/>
    </row>
    <row r="489633" spans="14:14">
      <c r="N489633" s="10"/>
    </row>
    <row r="489634" spans="14:14">
      <c r="N489634" s="10"/>
    </row>
    <row r="489635" spans="14:14">
      <c r="N489635" s="10"/>
    </row>
    <row r="489636" spans="14:14">
      <c r="N489636" s="10"/>
    </row>
    <row r="489637" spans="14:14">
      <c r="N489637" s="10"/>
    </row>
    <row r="489638" spans="14:14">
      <c r="N489638" s="10"/>
    </row>
    <row r="489639" spans="14:14">
      <c r="N489639" s="10"/>
    </row>
    <row r="489640" spans="14:14">
      <c r="N489640" s="10"/>
    </row>
    <row r="489641" spans="14:14">
      <c r="N489641" s="10"/>
    </row>
    <row r="489642" spans="14:14">
      <c r="N489642" s="10"/>
    </row>
    <row r="489643" spans="14:14">
      <c r="N489643" s="10"/>
    </row>
    <row r="489644" spans="14:14">
      <c r="N489644" s="10"/>
    </row>
    <row r="489645" spans="14:14">
      <c r="N489645" s="10"/>
    </row>
    <row r="489646" spans="14:14">
      <c r="N489646" s="10"/>
    </row>
    <row r="489647" spans="14:14">
      <c r="N489647" s="10"/>
    </row>
    <row r="489648" spans="14:14">
      <c r="N489648" s="10"/>
    </row>
    <row r="489649" spans="14:14">
      <c r="N489649" s="10"/>
    </row>
    <row r="489650" spans="14:14">
      <c r="N489650" s="10"/>
    </row>
    <row r="489651" spans="14:14">
      <c r="N489651" s="10"/>
    </row>
    <row r="489652" spans="14:14">
      <c r="N489652" s="10"/>
    </row>
    <row r="489653" spans="14:14">
      <c r="N489653" s="10"/>
    </row>
    <row r="489654" spans="14:14">
      <c r="N489654" s="10"/>
    </row>
    <row r="489655" spans="14:14">
      <c r="N489655" s="10"/>
    </row>
    <row r="489656" spans="14:14">
      <c r="N489656" s="10"/>
    </row>
    <row r="489657" spans="14:14">
      <c r="N489657" s="10"/>
    </row>
    <row r="489658" spans="14:14">
      <c r="N489658" s="10"/>
    </row>
    <row r="489659" spans="14:14">
      <c r="N489659" s="10"/>
    </row>
    <row r="489660" spans="14:14">
      <c r="N489660" s="10"/>
    </row>
    <row r="489661" spans="14:14">
      <c r="N489661" s="10"/>
    </row>
    <row r="489662" spans="14:14">
      <c r="N489662" s="10"/>
    </row>
    <row r="489663" spans="14:14">
      <c r="N489663" s="10"/>
    </row>
    <row r="489664" spans="14:14">
      <c r="N489664" s="10"/>
    </row>
    <row r="489665" spans="14:14">
      <c r="N489665" s="10"/>
    </row>
    <row r="489666" spans="14:14">
      <c r="N489666" s="10"/>
    </row>
    <row r="489667" spans="14:14">
      <c r="N489667" s="10"/>
    </row>
    <row r="489668" spans="14:14">
      <c r="N489668" s="10"/>
    </row>
    <row r="489669" spans="14:14">
      <c r="N489669" s="10"/>
    </row>
    <row r="489670" spans="14:14">
      <c r="N489670" s="10"/>
    </row>
    <row r="489671" spans="14:14">
      <c r="N489671" s="10"/>
    </row>
    <row r="489672" spans="14:14">
      <c r="N489672" s="10"/>
    </row>
    <row r="489673" spans="14:14">
      <c r="N489673" s="10"/>
    </row>
    <row r="489674" spans="14:14">
      <c r="N489674" s="10"/>
    </row>
    <row r="489675" spans="14:14">
      <c r="N489675" s="10"/>
    </row>
    <row r="489676" spans="14:14">
      <c r="N489676" s="10"/>
    </row>
    <row r="489677" spans="14:14">
      <c r="N489677" s="10"/>
    </row>
    <row r="489678" spans="14:14">
      <c r="N489678" s="10"/>
    </row>
    <row r="489679" spans="14:14">
      <c r="N489679" s="10"/>
    </row>
    <row r="489680" spans="14:14">
      <c r="N489680" s="10"/>
    </row>
    <row r="489681" spans="14:14">
      <c r="N489681" s="10"/>
    </row>
    <row r="489682" spans="14:14">
      <c r="N489682" s="10"/>
    </row>
    <row r="489683" spans="14:14">
      <c r="N489683" s="10"/>
    </row>
    <row r="489684" spans="14:14">
      <c r="N489684" s="10"/>
    </row>
    <row r="489685" spans="14:14">
      <c r="N489685" s="10"/>
    </row>
    <row r="489686" spans="14:14">
      <c r="N489686" s="10"/>
    </row>
    <row r="489687" spans="14:14">
      <c r="N489687" s="10"/>
    </row>
    <row r="489688" spans="14:14">
      <c r="N489688" s="10"/>
    </row>
    <row r="489689" spans="14:14">
      <c r="N489689" s="10"/>
    </row>
    <row r="489690" spans="14:14">
      <c r="N489690" s="10"/>
    </row>
    <row r="489691" spans="14:14">
      <c r="N489691" s="10"/>
    </row>
    <row r="489692" spans="14:14">
      <c r="N489692" s="10"/>
    </row>
    <row r="489693" spans="14:14">
      <c r="N489693" s="10"/>
    </row>
    <row r="489694" spans="14:14">
      <c r="N489694" s="10"/>
    </row>
    <row r="489695" spans="14:14">
      <c r="N489695" s="10"/>
    </row>
    <row r="489696" spans="14:14">
      <c r="N489696" s="10"/>
    </row>
    <row r="489697" spans="14:14">
      <c r="N489697" s="10"/>
    </row>
    <row r="489698" spans="14:14">
      <c r="N489698" s="10"/>
    </row>
    <row r="489699" spans="14:14">
      <c r="N489699" s="10"/>
    </row>
    <row r="489700" spans="14:14">
      <c r="N489700" s="10"/>
    </row>
    <row r="489701" spans="14:14">
      <c r="N489701" s="10"/>
    </row>
    <row r="489702" spans="14:14">
      <c r="N489702" s="10"/>
    </row>
    <row r="489703" spans="14:14">
      <c r="N489703" s="10"/>
    </row>
    <row r="489704" spans="14:14">
      <c r="N489704" s="10"/>
    </row>
    <row r="489705" spans="14:14">
      <c r="N489705" s="10"/>
    </row>
    <row r="489706" spans="14:14">
      <c r="N489706" s="10"/>
    </row>
    <row r="489707" spans="14:14">
      <c r="N489707" s="10"/>
    </row>
    <row r="489708" spans="14:14">
      <c r="N489708" s="10"/>
    </row>
    <row r="489709" spans="14:14">
      <c r="N489709" s="10"/>
    </row>
    <row r="489710" spans="14:14">
      <c r="N489710" s="10"/>
    </row>
    <row r="489711" spans="14:14">
      <c r="N489711" s="10"/>
    </row>
    <row r="489712" spans="14:14">
      <c r="N489712" s="10"/>
    </row>
    <row r="489713" spans="14:14">
      <c r="N489713" s="10"/>
    </row>
    <row r="489714" spans="14:14">
      <c r="N489714" s="10"/>
    </row>
    <row r="489715" spans="14:14">
      <c r="N489715" s="10"/>
    </row>
    <row r="489716" spans="14:14">
      <c r="N489716" s="10"/>
    </row>
    <row r="489717" spans="14:14">
      <c r="N489717" s="10"/>
    </row>
    <row r="489718" spans="14:14">
      <c r="N489718" s="10"/>
    </row>
    <row r="489719" spans="14:14">
      <c r="N489719" s="10"/>
    </row>
    <row r="489720" spans="14:14">
      <c r="N489720" s="10"/>
    </row>
    <row r="489721" spans="14:14">
      <c r="N489721" s="10"/>
    </row>
    <row r="489722" spans="14:14">
      <c r="N489722" s="10"/>
    </row>
    <row r="489723" spans="14:14">
      <c r="N489723" s="10"/>
    </row>
    <row r="489724" spans="14:14">
      <c r="N489724" s="10"/>
    </row>
    <row r="489725" spans="14:14">
      <c r="N489725" s="10"/>
    </row>
    <row r="489726" spans="14:14">
      <c r="N489726" s="10"/>
    </row>
    <row r="489727" spans="14:14">
      <c r="N489727" s="10"/>
    </row>
    <row r="489728" spans="14:14">
      <c r="N489728" s="10"/>
    </row>
    <row r="489729" spans="14:14">
      <c r="N489729" s="10"/>
    </row>
    <row r="489730" spans="14:14">
      <c r="N489730" s="10"/>
    </row>
    <row r="489731" spans="14:14">
      <c r="N489731" s="10"/>
    </row>
    <row r="489732" spans="14:14">
      <c r="N489732" s="10"/>
    </row>
    <row r="489733" spans="14:14">
      <c r="N489733" s="10"/>
    </row>
    <row r="489734" spans="14:14">
      <c r="N489734" s="10"/>
    </row>
    <row r="489735" spans="14:14">
      <c r="N489735" s="10"/>
    </row>
    <row r="489736" spans="14:14">
      <c r="N489736" s="10"/>
    </row>
    <row r="489737" spans="14:14">
      <c r="N489737" s="10"/>
    </row>
    <row r="489738" spans="14:14">
      <c r="N489738" s="10"/>
    </row>
    <row r="489739" spans="14:14">
      <c r="N489739" s="10"/>
    </row>
    <row r="489740" spans="14:14">
      <c r="N489740" s="10"/>
    </row>
    <row r="489741" spans="14:14">
      <c r="N489741" s="10"/>
    </row>
    <row r="489742" spans="14:14">
      <c r="N489742" s="10"/>
    </row>
    <row r="489743" spans="14:14">
      <c r="N489743" s="10"/>
    </row>
    <row r="489744" spans="14:14">
      <c r="N489744" s="10"/>
    </row>
    <row r="489745" spans="14:14">
      <c r="N489745" s="10"/>
    </row>
    <row r="489746" spans="14:14">
      <c r="N489746" s="10"/>
    </row>
    <row r="489747" spans="14:14">
      <c r="N489747" s="10"/>
    </row>
    <row r="489748" spans="14:14">
      <c r="N489748" s="10"/>
    </row>
    <row r="489749" spans="14:14">
      <c r="N489749" s="10"/>
    </row>
    <row r="489750" spans="14:14">
      <c r="N489750" s="10"/>
    </row>
    <row r="489751" spans="14:14">
      <c r="N489751" s="10"/>
    </row>
    <row r="489752" spans="14:14">
      <c r="N489752" s="10"/>
    </row>
    <row r="489753" spans="14:14">
      <c r="N489753" s="10"/>
    </row>
    <row r="489754" spans="14:14">
      <c r="N489754" s="10"/>
    </row>
    <row r="489755" spans="14:14">
      <c r="N489755" s="10"/>
    </row>
    <row r="489756" spans="14:14">
      <c r="N489756" s="10"/>
    </row>
    <row r="489757" spans="14:14">
      <c r="N489757" s="10"/>
    </row>
    <row r="489758" spans="14:14">
      <c r="N489758" s="10"/>
    </row>
    <row r="489759" spans="14:14">
      <c r="N489759" s="10"/>
    </row>
    <row r="489760" spans="14:14">
      <c r="N489760" s="10"/>
    </row>
    <row r="489761" spans="14:14">
      <c r="N489761" s="10"/>
    </row>
    <row r="489762" spans="14:14">
      <c r="N489762" s="10"/>
    </row>
    <row r="489763" spans="14:14">
      <c r="N489763" s="10"/>
    </row>
    <row r="489764" spans="14:14">
      <c r="N489764" s="10"/>
    </row>
    <row r="489765" spans="14:14">
      <c r="N489765" s="10"/>
    </row>
    <row r="489766" spans="14:14">
      <c r="N489766" s="10"/>
    </row>
    <row r="489767" spans="14:14">
      <c r="N489767" s="10"/>
    </row>
    <row r="489768" spans="14:14">
      <c r="N489768" s="10"/>
    </row>
    <row r="489769" spans="14:14">
      <c r="N489769" s="10"/>
    </row>
    <row r="489770" spans="14:14">
      <c r="N489770" s="10"/>
    </row>
    <row r="489771" spans="14:14">
      <c r="N489771" s="10"/>
    </row>
    <row r="489772" spans="14:14">
      <c r="N489772" s="10"/>
    </row>
    <row r="489773" spans="14:14">
      <c r="N489773" s="10"/>
    </row>
    <row r="489774" spans="14:14">
      <c r="N489774" s="10"/>
    </row>
    <row r="489775" spans="14:14">
      <c r="N489775" s="10"/>
    </row>
    <row r="489776" spans="14:14">
      <c r="N489776" s="10"/>
    </row>
    <row r="489777" spans="14:14">
      <c r="N489777" s="10"/>
    </row>
    <row r="489778" spans="14:14">
      <c r="N489778" s="10"/>
    </row>
    <row r="489779" spans="14:14">
      <c r="N489779" s="10"/>
    </row>
    <row r="489780" spans="14:14">
      <c r="N489780" s="10"/>
    </row>
    <row r="489781" spans="14:14">
      <c r="N489781" s="10"/>
    </row>
    <row r="489782" spans="14:14">
      <c r="N489782" s="10"/>
    </row>
    <row r="489783" spans="14:14">
      <c r="N489783" s="10"/>
    </row>
    <row r="489784" spans="14:14">
      <c r="N489784" s="10"/>
    </row>
    <row r="489785" spans="14:14">
      <c r="N489785" s="10"/>
    </row>
    <row r="489786" spans="14:14">
      <c r="N489786" s="10"/>
    </row>
    <row r="489787" spans="14:14">
      <c r="N489787" s="10"/>
    </row>
    <row r="489788" spans="14:14">
      <c r="N489788" s="10"/>
    </row>
    <row r="489789" spans="14:14">
      <c r="N489789" s="10"/>
    </row>
    <row r="489790" spans="14:14">
      <c r="N489790" s="10"/>
    </row>
    <row r="489791" spans="14:14">
      <c r="N489791" s="10"/>
    </row>
    <row r="489792" spans="14:14">
      <c r="N489792" s="10"/>
    </row>
    <row r="489793" spans="14:14">
      <c r="N489793" s="10"/>
    </row>
    <row r="489794" spans="14:14">
      <c r="N489794" s="10"/>
    </row>
    <row r="489795" spans="14:14">
      <c r="N489795" s="10"/>
    </row>
    <row r="489796" spans="14:14">
      <c r="N489796" s="10"/>
    </row>
    <row r="489797" spans="14:14">
      <c r="N489797" s="10"/>
    </row>
    <row r="489798" spans="14:14">
      <c r="N489798" s="10"/>
    </row>
    <row r="489799" spans="14:14">
      <c r="N489799" s="10"/>
    </row>
    <row r="489800" spans="14:14">
      <c r="N489800" s="10"/>
    </row>
    <row r="489801" spans="14:14">
      <c r="N489801" s="10"/>
    </row>
    <row r="489802" spans="14:14">
      <c r="N489802" s="10"/>
    </row>
    <row r="489803" spans="14:14">
      <c r="N489803" s="10"/>
    </row>
    <row r="489804" spans="14:14">
      <c r="N489804" s="10"/>
    </row>
    <row r="489805" spans="14:14">
      <c r="N489805" s="10"/>
    </row>
    <row r="489806" spans="14:14">
      <c r="N489806" s="10"/>
    </row>
    <row r="489807" spans="14:14">
      <c r="N489807" s="10"/>
    </row>
    <row r="489808" spans="14:14">
      <c r="N489808" s="10"/>
    </row>
    <row r="489809" spans="14:14">
      <c r="N489809" s="10"/>
    </row>
    <row r="489810" spans="14:14">
      <c r="N489810" s="10"/>
    </row>
    <row r="489811" spans="14:14">
      <c r="N489811" s="10"/>
    </row>
    <row r="489812" spans="14:14">
      <c r="N489812" s="10"/>
    </row>
    <row r="489813" spans="14:14">
      <c r="N489813" s="10"/>
    </row>
    <row r="489814" spans="14:14">
      <c r="N489814" s="10"/>
    </row>
    <row r="489815" spans="14:14">
      <c r="N489815" s="10"/>
    </row>
    <row r="489816" spans="14:14">
      <c r="N489816" s="10"/>
    </row>
    <row r="489817" spans="14:14">
      <c r="N489817" s="10"/>
    </row>
    <row r="489818" spans="14:14">
      <c r="N489818" s="10"/>
    </row>
    <row r="489819" spans="14:14">
      <c r="N489819" s="10"/>
    </row>
    <row r="489820" spans="14:14">
      <c r="N489820" s="10"/>
    </row>
    <row r="489821" spans="14:14">
      <c r="N489821" s="10"/>
    </row>
    <row r="489822" spans="14:14">
      <c r="N489822" s="10"/>
    </row>
    <row r="489823" spans="14:14">
      <c r="N489823" s="10"/>
    </row>
    <row r="489824" spans="14:14">
      <c r="N489824" s="10"/>
    </row>
    <row r="489825" spans="14:14">
      <c r="N489825" s="10"/>
    </row>
    <row r="489826" spans="14:14">
      <c r="N489826" s="10"/>
    </row>
    <row r="489827" spans="14:14">
      <c r="N489827" s="10"/>
    </row>
    <row r="489828" spans="14:14">
      <c r="N489828" s="10"/>
    </row>
    <row r="489829" spans="14:14">
      <c r="N489829" s="10"/>
    </row>
    <row r="489830" spans="14:14">
      <c r="N489830" s="10"/>
    </row>
    <row r="489831" spans="14:14">
      <c r="N489831" s="10"/>
    </row>
    <row r="489832" spans="14:14">
      <c r="N489832" s="10"/>
    </row>
    <row r="489833" spans="14:14">
      <c r="N489833" s="10"/>
    </row>
    <row r="489834" spans="14:14">
      <c r="N489834" s="10"/>
    </row>
    <row r="489835" spans="14:14">
      <c r="N489835" s="10"/>
    </row>
    <row r="489836" spans="14:14">
      <c r="N489836" s="10"/>
    </row>
    <row r="489837" spans="14:14">
      <c r="N489837" s="10"/>
    </row>
    <row r="489838" spans="14:14">
      <c r="N489838" s="10"/>
    </row>
    <row r="489839" spans="14:14">
      <c r="N489839" s="10"/>
    </row>
    <row r="489840" spans="14:14">
      <c r="N489840" s="10"/>
    </row>
    <row r="489841" spans="14:14">
      <c r="N489841" s="10"/>
    </row>
    <row r="489842" spans="14:14">
      <c r="N489842" s="10"/>
    </row>
    <row r="489843" spans="14:14">
      <c r="N489843" s="10"/>
    </row>
    <row r="489844" spans="14:14">
      <c r="N489844" s="10"/>
    </row>
    <row r="489845" spans="14:14">
      <c r="N489845" s="10"/>
    </row>
    <row r="489846" spans="14:14">
      <c r="N489846" s="10"/>
    </row>
    <row r="489847" spans="14:14">
      <c r="N489847" s="10"/>
    </row>
    <row r="489848" spans="14:14">
      <c r="N489848" s="10"/>
    </row>
    <row r="489849" spans="14:14">
      <c r="N489849" s="10"/>
    </row>
    <row r="489850" spans="14:14">
      <c r="N489850" s="10"/>
    </row>
    <row r="489851" spans="14:14">
      <c r="N489851" s="10"/>
    </row>
    <row r="489852" spans="14:14">
      <c r="N489852" s="10"/>
    </row>
    <row r="489853" spans="14:14">
      <c r="N489853" s="10"/>
    </row>
    <row r="489854" spans="14:14">
      <c r="N489854" s="10"/>
    </row>
    <row r="489855" spans="14:14">
      <c r="N489855" s="10"/>
    </row>
    <row r="489856" spans="14:14">
      <c r="N489856" s="10"/>
    </row>
    <row r="489857" spans="14:14">
      <c r="N489857" s="10"/>
    </row>
    <row r="489858" spans="14:14">
      <c r="N489858" s="10"/>
    </row>
    <row r="489859" spans="14:14">
      <c r="N489859" s="10"/>
    </row>
    <row r="489860" spans="14:14">
      <c r="N489860" s="10"/>
    </row>
    <row r="489861" spans="14:14">
      <c r="N489861" s="10"/>
    </row>
    <row r="489862" spans="14:14">
      <c r="N489862" s="10"/>
    </row>
    <row r="489863" spans="14:14">
      <c r="N489863" s="10"/>
    </row>
    <row r="489864" spans="14:14">
      <c r="N489864" s="10"/>
    </row>
    <row r="489865" spans="14:14">
      <c r="N489865" s="10"/>
    </row>
    <row r="489866" spans="14:14">
      <c r="N489866" s="10"/>
    </row>
    <row r="489867" spans="14:14">
      <c r="N489867" s="10"/>
    </row>
    <row r="489868" spans="14:14">
      <c r="N489868" s="10"/>
    </row>
    <row r="489869" spans="14:14">
      <c r="N489869" s="10"/>
    </row>
    <row r="489870" spans="14:14">
      <c r="N489870" s="10"/>
    </row>
    <row r="489871" spans="14:14">
      <c r="N489871" s="10"/>
    </row>
    <row r="489872" spans="14:14">
      <c r="N489872" s="10"/>
    </row>
    <row r="489873" spans="14:14">
      <c r="N489873" s="10"/>
    </row>
    <row r="489874" spans="14:14">
      <c r="N489874" s="10"/>
    </row>
    <row r="489875" spans="14:14">
      <c r="N489875" s="10"/>
    </row>
    <row r="489876" spans="14:14">
      <c r="N489876" s="10"/>
    </row>
    <row r="489877" spans="14:14">
      <c r="N489877" s="10"/>
    </row>
    <row r="489878" spans="14:14">
      <c r="N489878" s="10"/>
    </row>
    <row r="489879" spans="14:14">
      <c r="N489879" s="10"/>
    </row>
    <row r="489880" spans="14:14">
      <c r="N489880" s="10"/>
    </row>
    <row r="489881" spans="14:14">
      <c r="N489881" s="10"/>
    </row>
    <row r="489882" spans="14:14">
      <c r="N489882" s="10"/>
    </row>
    <row r="489883" spans="14:14">
      <c r="N489883" s="10"/>
    </row>
    <row r="489884" spans="14:14">
      <c r="N489884" s="10"/>
    </row>
    <row r="489885" spans="14:14">
      <c r="N489885" s="10"/>
    </row>
    <row r="489886" spans="14:14">
      <c r="N489886" s="10"/>
    </row>
    <row r="489887" spans="14:14">
      <c r="N489887" s="10"/>
    </row>
    <row r="489888" spans="14:14">
      <c r="N489888" s="10"/>
    </row>
    <row r="489889" spans="14:14">
      <c r="N489889" s="10"/>
    </row>
    <row r="489890" spans="14:14">
      <c r="N489890" s="10"/>
    </row>
    <row r="489891" spans="14:14">
      <c r="N489891" s="10"/>
    </row>
    <row r="489892" spans="14:14">
      <c r="N489892" s="10"/>
    </row>
    <row r="489893" spans="14:14">
      <c r="N489893" s="10"/>
    </row>
    <row r="489894" spans="14:14">
      <c r="N489894" s="10"/>
    </row>
    <row r="489895" spans="14:14">
      <c r="N489895" s="10"/>
    </row>
    <row r="489896" spans="14:14">
      <c r="N489896" s="10"/>
    </row>
    <row r="489897" spans="14:14">
      <c r="N489897" s="10"/>
    </row>
    <row r="489898" spans="14:14">
      <c r="N489898" s="10"/>
    </row>
    <row r="489899" spans="14:14">
      <c r="N489899" s="10"/>
    </row>
    <row r="489900" spans="14:14">
      <c r="N489900" s="10"/>
    </row>
    <row r="489901" spans="14:14">
      <c r="N489901" s="10"/>
    </row>
    <row r="489902" spans="14:14">
      <c r="N489902" s="10"/>
    </row>
    <row r="489903" spans="14:14">
      <c r="N489903" s="10"/>
    </row>
    <row r="489904" spans="14:14">
      <c r="N489904" s="10"/>
    </row>
    <row r="489905" spans="14:14">
      <c r="N489905" s="10"/>
    </row>
    <row r="489906" spans="14:14">
      <c r="N489906" s="10"/>
    </row>
    <row r="489907" spans="14:14">
      <c r="N489907" s="10"/>
    </row>
    <row r="489908" spans="14:14">
      <c r="N489908" s="10"/>
    </row>
    <row r="489909" spans="14:14">
      <c r="N489909" s="10"/>
    </row>
    <row r="489910" spans="14:14">
      <c r="N489910" s="10"/>
    </row>
    <row r="489911" spans="14:14">
      <c r="N489911" s="10"/>
    </row>
    <row r="489912" spans="14:14">
      <c r="N489912" s="10"/>
    </row>
    <row r="489913" spans="14:14">
      <c r="N489913" s="10"/>
    </row>
    <row r="489914" spans="14:14">
      <c r="N489914" s="10"/>
    </row>
    <row r="489915" spans="14:14">
      <c r="N489915" s="10"/>
    </row>
    <row r="489916" spans="14:14">
      <c r="N489916" s="10"/>
    </row>
    <row r="489917" spans="14:14">
      <c r="N489917" s="10"/>
    </row>
    <row r="489918" spans="14:14">
      <c r="N489918" s="10"/>
    </row>
    <row r="489919" spans="14:14">
      <c r="N489919" s="10"/>
    </row>
    <row r="489920" spans="14:14">
      <c r="N489920" s="10"/>
    </row>
    <row r="489921" spans="14:14">
      <c r="N489921" s="10"/>
    </row>
    <row r="489922" spans="14:14">
      <c r="N489922" s="10"/>
    </row>
    <row r="489923" spans="14:14">
      <c r="N489923" s="10"/>
    </row>
    <row r="489924" spans="14:14">
      <c r="N489924" s="10"/>
    </row>
    <row r="489925" spans="14:14">
      <c r="N489925" s="10"/>
    </row>
    <row r="489926" spans="14:14">
      <c r="N489926" s="10"/>
    </row>
    <row r="489927" spans="14:14">
      <c r="N489927" s="10"/>
    </row>
    <row r="489928" spans="14:14">
      <c r="N489928" s="10"/>
    </row>
    <row r="489929" spans="14:14">
      <c r="N489929" s="10"/>
    </row>
    <row r="489930" spans="14:14">
      <c r="N489930" s="10"/>
    </row>
    <row r="489931" spans="14:14">
      <c r="N489931" s="10"/>
    </row>
    <row r="489932" spans="14:14">
      <c r="N489932" s="10"/>
    </row>
    <row r="489933" spans="14:14">
      <c r="N489933" s="10"/>
    </row>
    <row r="489934" spans="14:14">
      <c r="N489934" s="10"/>
    </row>
    <row r="489935" spans="14:14">
      <c r="N489935" s="10"/>
    </row>
    <row r="489936" spans="14:14">
      <c r="N489936" s="10"/>
    </row>
    <row r="489937" spans="14:14">
      <c r="N489937" s="10"/>
    </row>
    <row r="489938" spans="14:14">
      <c r="N489938" s="10"/>
    </row>
    <row r="489939" spans="14:14">
      <c r="N489939" s="10"/>
    </row>
    <row r="489940" spans="14:14">
      <c r="N489940" s="10"/>
    </row>
    <row r="489941" spans="14:14">
      <c r="N489941" s="10"/>
    </row>
    <row r="489942" spans="14:14">
      <c r="N489942" s="10"/>
    </row>
    <row r="489943" spans="14:14">
      <c r="N489943" s="10"/>
    </row>
    <row r="489944" spans="14:14">
      <c r="N489944" s="10"/>
    </row>
    <row r="489945" spans="14:14">
      <c r="N489945" s="10"/>
    </row>
    <row r="489946" spans="14:14">
      <c r="N489946" s="10"/>
    </row>
    <row r="489947" spans="14:14">
      <c r="N489947" s="10"/>
    </row>
    <row r="489948" spans="14:14">
      <c r="N489948" s="10"/>
    </row>
    <row r="489949" spans="14:14">
      <c r="N489949" s="10"/>
    </row>
    <row r="489950" spans="14:14">
      <c r="N489950" s="10"/>
    </row>
    <row r="489951" spans="14:14">
      <c r="N489951" s="10"/>
    </row>
    <row r="489952" spans="14:14">
      <c r="N489952" s="10"/>
    </row>
    <row r="489953" spans="14:14">
      <c r="N489953" s="10"/>
    </row>
    <row r="489954" spans="14:14">
      <c r="N489954" s="10"/>
    </row>
    <row r="489955" spans="14:14">
      <c r="N489955" s="10"/>
    </row>
    <row r="489956" spans="14:14">
      <c r="N489956" s="10"/>
    </row>
    <row r="489957" spans="14:14">
      <c r="N489957" s="10"/>
    </row>
    <row r="489958" spans="14:14">
      <c r="N489958" s="10"/>
    </row>
    <row r="489959" spans="14:14">
      <c r="N489959" s="10"/>
    </row>
    <row r="489960" spans="14:14">
      <c r="N489960" s="10"/>
    </row>
    <row r="489961" spans="14:14">
      <c r="N489961" s="10"/>
    </row>
    <row r="489962" spans="14:14">
      <c r="N489962" s="10"/>
    </row>
    <row r="489963" spans="14:14">
      <c r="N489963" s="10"/>
    </row>
    <row r="489964" spans="14:14">
      <c r="N489964" s="10"/>
    </row>
    <row r="489965" spans="14:14">
      <c r="N489965" s="10"/>
    </row>
    <row r="489966" spans="14:14">
      <c r="N489966" s="10"/>
    </row>
    <row r="489967" spans="14:14">
      <c r="N489967" s="10"/>
    </row>
    <row r="489968" spans="14:14">
      <c r="N489968" s="10"/>
    </row>
    <row r="489969" spans="14:14">
      <c r="N489969" s="10"/>
    </row>
    <row r="489970" spans="14:14">
      <c r="N489970" s="10"/>
    </row>
    <row r="489971" spans="14:14">
      <c r="N489971" s="10"/>
    </row>
    <row r="489972" spans="14:14">
      <c r="N489972" s="10"/>
    </row>
    <row r="489973" spans="14:14">
      <c r="N489973" s="10"/>
    </row>
    <row r="489974" spans="14:14">
      <c r="N489974" s="10"/>
    </row>
    <row r="489975" spans="14:14">
      <c r="N489975" s="10"/>
    </row>
    <row r="489976" spans="14:14">
      <c r="N489976" s="10"/>
    </row>
    <row r="489977" spans="14:14">
      <c r="N489977" s="10"/>
    </row>
    <row r="489978" spans="14:14">
      <c r="N489978" s="10"/>
    </row>
    <row r="489979" spans="14:14">
      <c r="N489979" s="10"/>
    </row>
    <row r="489980" spans="14:14">
      <c r="N489980" s="10"/>
    </row>
    <row r="489981" spans="14:14">
      <c r="N489981" s="10"/>
    </row>
    <row r="489982" spans="14:14">
      <c r="N489982" s="10"/>
    </row>
    <row r="489983" spans="14:14">
      <c r="N489983" s="10"/>
    </row>
    <row r="489984" spans="14:14">
      <c r="N489984" s="10"/>
    </row>
    <row r="489985" spans="14:14">
      <c r="N489985" s="10"/>
    </row>
    <row r="489986" spans="14:14">
      <c r="N489986" s="10"/>
    </row>
    <row r="489987" spans="14:14">
      <c r="N489987" s="10"/>
    </row>
    <row r="489988" spans="14:14">
      <c r="N489988" s="10"/>
    </row>
    <row r="489989" spans="14:14">
      <c r="N489989" s="10"/>
    </row>
    <row r="489990" spans="14:14">
      <c r="N489990" s="10"/>
    </row>
    <row r="489991" spans="14:14">
      <c r="N489991" s="10"/>
    </row>
    <row r="489992" spans="14:14">
      <c r="N489992" s="10"/>
    </row>
    <row r="489993" spans="14:14">
      <c r="N489993" s="10"/>
    </row>
    <row r="489994" spans="14:14">
      <c r="N489994" s="10"/>
    </row>
    <row r="489995" spans="14:14">
      <c r="N489995" s="10"/>
    </row>
    <row r="489996" spans="14:14">
      <c r="N489996" s="10"/>
    </row>
    <row r="489997" spans="14:14">
      <c r="N489997" s="10"/>
    </row>
    <row r="489998" spans="14:14">
      <c r="N489998" s="10"/>
    </row>
    <row r="489999" spans="14:14">
      <c r="N489999" s="10"/>
    </row>
    <row r="490000" spans="14:14">
      <c r="N490000" s="10"/>
    </row>
    <row r="490001" spans="14:14">
      <c r="N490001" s="10"/>
    </row>
    <row r="490002" spans="14:14">
      <c r="N490002" s="10"/>
    </row>
    <row r="490003" spans="14:14">
      <c r="N490003" s="10"/>
    </row>
    <row r="490004" spans="14:14">
      <c r="N490004" s="10"/>
    </row>
    <row r="490005" spans="14:14">
      <c r="N490005" s="10"/>
    </row>
    <row r="490006" spans="14:14">
      <c r="N490006" s="10"/>
    </row>
    <row r="490007" spans="14:14">
      <c r="N490007" s="10"/>
    </row>
    <row r="490008" spans="14:14">
      <c r="N490008" s="10"/>
    </row>
    <row r="490009" spans="14:14">
      <c r="N490009" s="10"/>
    </row>
    <row r="490010" spans="14:14">
      <c r="N490010" s="10"/>
    </row>
    <row r="490011" spans="14:14">
      <c r="N490011" s="10"/>
    </row>
    <row r="490012" spans="14:14">
      <c r="N490012" s="10"/>
    </row>
    <row r="490013" spans="14:14">
      <c r="N490013" s="10"/>
    </row>
    <row r="490014" spans="14:14">
      <c r="N490014" s="10"/>
    </row>
    <row r="490015" spans="14:14">
      <c r="N490015" s="10"/>
    </row>
    <row r="490016" spans="14:14">
      <c r="N490016" s="10"/>
    </row>
    <row r="490017" spans="14:14">
      <c r="N490017" s="10"/>
    </row>
    <row r="490018" spans="14:14">
      <c r="N490018" s="10"/>
    </row>
    <row r="490019" spans="14:14">
      <c r="N490019" s="10"/>
    </row>
    <row r="490020" spans="14:14">
      <c r="N490020" s="10"/>
    </row>
    <row r="490021" spans="14:14">
      <c r="N490021" s="10"/>
    </row>
    <row r="490022" spans="14:14">
      <c r="N490022" s="10"/>
    </row>
    <row r="490023" spans="14:14">
      <c r="N490023" s="10"/>
    </row>
    <row r="490024" spans="14:14">
      <c r="N490024" s="10"/>
    </row>
    <row r="490025" spans="14:14">
      <c r="N490025" s="10"/>
    </row>
    <row r="490026" spans="14:14">
      <c r="N490026" s="10"/>
    </row>
    <row r="490027" spans="14:14">
      <c r="N490027" s="10"/>
    </row>
    <row r="490028" spans="14:14">
      <c r="N490028" s="10"/>
    </row>
    <row r="490029" spans="14:14">
      <c r="N490029" s="10"/>
    </row>
    <row r="490030" spans="14:14">
      <c r="N490030" s="10"/>
    </row>
    <row r="490031" spans="14:14">
      <c r="N490031" s="10"/>
    </row>
    <row r="490032" spans="14:14">
      <c r="N490032" s="10"/>
    </row>
    <row r="490033" spans="14:14">
      <c r="N490033" s="10"/>
    </row>
    <row r="490034" spans="14:14">
      <c r="N490034" s="10"/>
    </row>
    <row r="490035" spans="14:14">
      <c r="N490035" s="10"/>
    </row>
    <row r="490036" spans="14:14">
      <c r="N490036" s="10"/>
    </row>
    <row r="490037" spans="14:14">
      <c r="N490037" s="10"/>
    </row>
    <row r="490038" spans="14:14">
      <c r="N490038" s="10"/>
    </row>
    <row r="490039" spans="14:14">
      <c r="N490039" s="10"/>
    </row>
    <row r="490040" spans="14:14">
      <c r="N490040" s="10"/>
    </row>
    <row r="490041" spans="14:14">
      <c r="N490041" s="10"/>
    </row>
    <row r="490042" spans="14:14">
      <c r="N490042" s="10"/>
    </row>
    <row r="490043" spans="14:14">
      <c r="N490043" s="10"/>
    </row>
    <row r="490044" spans="14:14">
      <c r="N490044" s="10"/>
    </row>
    <row r="490045" spans="14:14">
      <c r="N490045" s="10"/>
    </row>
    <row r="490046" spans="14:14">
      <c r="N490046" s="10"/>
    </row>
    <row r="490047" spans="14:14">
      <c r="N490047" s="10"/>
    </row>
    <row r="490048" spans="14:14">
      <c r="N490048" s="10"/>
    </row>
    <row r="490049" spans="14:14">
      <c r="N490049" s="10"/>
    </row>
    <row r="490050" spans="14:14">
      <c r="N490050" s="10"/>
    </row>
    <row r="490051" spans="14:14">
      <c r="N490051" s="10"/>
    </row>
    <row r="490052" spans="14:14">
      <c r="N490052" s="10"/>
    </row>
    <row r="490053" spans="14:14">
      <c r="N490053" s="10"/>
    </row>
    <row r="490054" spans="14:14">
      <c r="N490054" s="10"/>
    </row>
    <row r="490055" spans="14:14">
      <c r="N490055" s="10"/>
    </row>
    <row r="490056" spans="14:14">
      <c r="N490056" s="10"/>
    </row>
    <row r="490057" spans="14:14">
      <c r="N490057" s="10"/>
    </row>
    <row r="490058" spans="14:14">
      <c r="N490058" s="10"/>
    </row>
    <row r="490059" spans="14:14">
      <c r="N490059" s="10"/>
    </row>
    <row r="490060" spans="14:14">
      <c r="N490060" s="10"/>
    </row>
    <row r="490061" spans="14:14">
      <c r="N490061" s="10"/>
    </row>
    <row r="490062" spans="14:14">
      <c r="N490062" s="10"/>
    </row>
    <row r="490063" spans="14:14">
      <c r="N490063" s="10"/>
    </row>
    <row r="490064" spans="14:14">
      <c r="N490064" s="10"/>
    </row>
    <row r="490065" spans="14:14">
      <c r="N490065" s="10"/>
    </row>
    <row r="490066" spans="14:14">
      <c r="N490066" s="10"/>
    </row>
    <row r="490067" spans="14:14">
      <c r="N490067" s="10"/>
    </row>
    <row r="490068" spans="14:14">
      <c r="N490068" s="10"/>
    </row>
    <row r="490069" spans="14:14">
      <c r="N490069" s="10"/>
    </row>
    <row r="490070" spans="14:14">
      <c r="N490070" s="10"/>
    </row>
    <row r="490071" spans="14:14">
      <c r="N490071" s="10"/>
    </row>
    <row r="490072" spans="14:14">
      <c r="N490072" s="10"/>
    </row>
    <row r="490073" spans="14:14">
      <c r="N490073" s="10"/>
    </row>
    <row r="490074" spans="14:14">
      <c r="N490074" s="10"/>
    </row>
    <row r="490075" spans="14:14">
      <c r="N490075" s="10"/>
    </row>
    <row r="490076" spans="14:14">
      <c r="N490076" s="10"/>
    </row>
    <row r="490077" spans="14:14">
      <c r="N490077" s="10"/>
    </row>
    <row r="490078" spans="14:14">
      <c r="N490078" s="10"/>
    </row>
    <row r="490079" spans="14:14">
      <c r="N490079" s="10"/>
    </row>
    <row r="490080" spans="14:14">
      <c r="N490080" s="10"/>
    </row>
    <row r="490081" spans="14:14">
      <c r="N490081" s="10"/>
    </row>
    <row r="490082" spans="14:14">
      <c r="N490082" s="10"/>
    </row>
    <row r="490083" spans="14:14">
      <c r="N490083" s="10"/>
    </row>
    <row r="490084" spans="14:14">
      <c r="N490084" s="10"/>
    </row>
    <row r="490085" spans="14:14">
      <c r="N490085" s="10"/>
    </row>
    <row r="490086" spans="14:14">
      <c r="N490086" s="10"/>
    </row>
    <row r="490087" spans="14:14">
      <c r="N490087" s="10"/>
    </row>
    <row r="490088" spans="14:14">
      <c r="N490088" s="10"/>
    </row>
    <row r="490089" spans="14:14">
      <c r="N490089" s="10"/>
    </row>
    <row r="490090" spans="14:14">
      <c r="N490090" s="10"/>
    </row>
    <row r="490091" spans="14:14">
      <c r="N490091" s="10"/>
    </row>
    <row r="490092" spans="14:14">
      <c r="N490092" s="10"/>
    </row>
    <row r="490093" spans="14:14">
      <c r="N490093" s="10"/>
    </row>
    <row r="490094" spans="14:14">
      <c r="N490094" s="10"/>
    </row>
    <row r="490095" spans="14:14">
      <c r="N490095" s="10"/>
    </row>
    <row r="490096" spans="14:14">
      <c r="N490096" s="10"/>
    </row>
    <row r="490097" spans="14:14">
      <c r="N490097" s="10"/>
    </row>
    <row r="490098" spans="14:14">
      <c r="N490098" s="10"/>
    </row>
    <row r="490099" spans="14:14">
      <c r="N490099" s="10"/>
    </row>
    <row r="490100" spans="14:14">
      <c r="N490100" s="10"/>
    </row>
    <row r="490101" spans="14:14">
      <c r="N490101" s="10"/>
    </row>
    <row r="490102" spans="14:14">
      <c r="N490102" s="10"/>
    </row>
    <row r="490103" spans="14:14">
      <c r="N490103" s="10"/>
    </row>
    <row r="490104" spans="14:14">
      <c r="N490104" s="10"/>
    </row>
    <row r="490105" spans="14:14">
      <c r="N490105" s="10"/>
    </row>
    <row r="490106" spans="14:14">
      <c r="N490106" s="10"/>
    </row>
    <row r="490107" spans="14:14">
      <c r="N490107" s="10"/>
    </row>
    <row r="490108" spans="14:14">
      <c r="N490108" s="10"/>
    </row>
    <row r="490109" spans="14:14">
      <c r="N490109" s="10"/>
    </row>
    <row r="490110" spans="14:14">
      <c r="N490110" s="10"/>
    </row>
    <row r="490111" spans="14:14">
      <c r="N490111" s="10"/>
    </row>
    <row r="490112" spans="14:14">
      <c r="N490112" s="10"/>
    </row>
    <row r="490113" spans="14:14">
      <c r="N490113" s="10"/>
    </row>
    <row r="490114" spans="14:14">
      <c r="N490114" s="10"/>
    </row>
    <row r="490115" spans="14:14">
      <c r="N490115" s="10"/>
    </row>
    <row r="490116" spans="14:14">
      <c r="N490116" s="10"/>
    </row>
    <row r="490117" spans="14:14">
      <c r="N490117" s="10"/>
    </row>
    <row r="490118" spans="14:14">
      <c r="N490118" s="10"/>
    </row>
    <row r="490119" spans="14:14">
      <c r="N490119" s="10"/>
    </row>
    <row r="490120" spans="14:14">
      <c r="N490120" s="10"/>
    </row>
    <row r="490121" spans="14:14">
      <c r="N490121" s="10"/>
    </row>
    <row r="490122" spans="14:14">
      <c r="N490122" s="10"/>
    </row>
    <row r="490123" spans="14:14">
      <c r="N490123" s="10"/>
    </row>
    <row r="490124" spans="14:14">
      <c r="N490124" s="10"/>
    </row>
    <row r="490125" spans="14:14">
      <c r="N490125" s="10"/>
    </row>
    <row r="490126" spans="14:14">
      <c r="N490126" s="10"/>
    </row>
    <row r="490127" spans="14:14">
      <c r="N490127" s="10"/>
    </row>
    <row r="490128" spans="14:14">
      <c r="N490128" s="10"/>
    </row>
    <row r="490129" spans="14:14">
      <c r="N490129" s="10"/>
    </row>
    <row r="490130" spans="14:14">
      <c r="N490130" s="10"/>
    </row>
    <row r="490131" spans="14:14">
      <c r="N490131" s="10"/>
    </row>
    <row r="490132" spans="14:14">
      <c r="N490132" s="10"/>
    </row>
    <row r="490133" spans="14:14">
      <c r="N490133" s="10"/>
    </row>
    <row r="490134" spans="14:14">
      <c r="N490134" s="10"/>
    </row>
    <row r="490135" spans="14:14">
      <c r="N490135" s="10"/>
    </row>
    <row r="490136" spans="14:14">
      <c r="N490136" s="10"/>
    </row>
    <row r="490137" spans="14:14">
      <c r="N490137" s="10"/>
    </row>
    <row r="490138" spans="14:14">
      <c r="N490138" s="10"/>
    </row>
    <row r="490139" spans="14:14">
      <c r="N490139" s="10"/>
    </row>
    <row r="490140" spans="14:14">
      <c r="N490140" s="10"/>
    </row>
    <row r="490141" spans="14:14">
      <c r="N490141" s="10"/>
    </row>
    <row r="490142" spans="14:14">
      <c r="N490142" s="10"/>
    </row>
    <row r="490143" spans="14:14">
      <c r="N490143" s="10"/>
    </row>
    <row r="490144" spans="14:14">
      <c r="N490144" s="10"/>
    </row>
    <row r="490145" spans="14:14">
      <c r="N490145" s="10"/>
    </row>
    <row r="490146" spans="14:14">
      <c r="N490146" s="10"/>
    </row>
    <row r="490147" spans="14:14">
      <c r="N490147" s="10"/>
    </row>
    <row r="490148" spans="14:14">
      <c r="N490148" s="10"/>
    </row>
    <row r="490149" spans="14:14">
      <c r="N490149" s="10"/>
    </row>
    <row r="490150" spans="14:14">
      <c r="N490150" s="10"/>
    </row>
    <row r="490151" spans="14:14">
      <c r="N490151" s="10"/>
    </row>
    <row r="490152" spans="14:14">
      <c r="N490152" s="10"/>
    </row>
    <row r="490153" spans="14:14">
      <c r="N490153" s="10"/>
    </row>
    <row r="490154" spans="14:14">
      <c r="N490154" s="10"/>
    </row>
    <row r="490155" spans="14:14">
      <c r="N490155" s="10"/>
    </row>
    <row r="490156" spans="14:14">
      <c r="N490156" s="10"/>
    </row>
    <row r="490157" spans="14:14">
      <c r="N490157" s="10"/>
    </row>
    <row r="490158" spans="14:14">
      <c r="N490158" s="10"/>
    </row>
    <row r="490159" spans="14:14">
      <c r="N490159" s="10"/>
    </row>
    <row r="490160" spans="14:14">
      <c r="N490160" s="10"/>
    </row>
    <row r="490161" spans="14:14">
      <c r="N490161" s="10"/>
    </row>
    <row r="490162" spans="14:14">
      <c r="N490162" s="10"/>
    </row>
    <row r="490163" spans="14:14">
      <c r="N490163" s="10"/>
    </row>
    <row r="490164" spans="14:14">
      <c r="N490164" s="10"/>
    </row>
    <row r="490165" spans="14:14">
      <c r="N490165" s="10"/>
    </row>
    <row r="490166" spans="14:14">
      <c r="N490166" s="10"/>
    </row>
    <row r="490167" spans="14:14">
      <c r="N490167" s="10"/>
    </row>
    <row r="490168" spans="14:14">
      <c r="N490168" s="10"/>
    </row>
    <row r="490169" spans="14:14">
      <c r="N490169" s="10"/>
    </row>
    <row r="490170" spans="14:14">
      <c r="N490170" s="10"/>
    </row>
    <row r="490171" spans="14:14">
      <c r="N490171" s="10"/>
    </row>
    <row r="490172" spans="14:14">
      <c r="N490172" s="10"/>
    </row>
    <row r="490173" spans="14:14">
      <c r="N490173" s="10"/>
    </row>
    <row r="490174" spans="14:14">
      <c r="N490174" s="10"/>
    </row>
    <row r="490175" spans="14:14">
      <c r="N490175" s="10"/>
    </row>
    <row r="490176" spans="14:14">
      <c r="N490176" s="10"/>
    </row>
    <row r="490177" spans="14:14">
      <c r="N490177" s="10"/>
    </row>
    <row r="490178" spans="14:14">
      <c r="N490178" s="10"/>
    </row>
    <row r="490179" spans="14:14">
      <c r="N490179" s="10"/>
    </row>
    <row r="490180" spans="14:14">
      <c r="N490180" s="10"/>
    </row>
    <row r="490181" spans="14:14">
      <c r="N490181" s="10"/>
    </row>
    <row r="490182" spans="14:14">
      <c r="N490182" s="10"/>
    </row>
    <row r="490183" spans="14:14">
      <c r="N490183" s="10"/>
    </row>
    <row r="490184" spans="14:14">
      <c r="N490184" s="10"/>
    </row>
    <row r="490185" spans="14:14">
      <c r="N490185" s="10"/>
    </row>
    <row r="490186" spans="14:14">
      <c r="N490186" s="10"/>
    </row>
    <row r="490187" spans="14:14">
      <c r="N490187" s="10"/>
    </row>
    <row r="490188" spans="14:14">
      <c r="N490188" s="10"/>
    </row>
    <row r="490189" spans="14:14">
      <c r="N490189" s="10"/>
    </row>
    <row r="490190" spans="14:14">
      <c r="N490190" s="10"/>
    </row>
    <row r="490191" spans="14:14">
      <c r="N490191" s="10"/>
    </row>
    <row r="490192" spans="14:14">
      <c r="N490192" s="10"/>
    </row>
    <row r="490193" spans="14:14">
      <c r="N490193" s="10"/>
    </row>
    <row r="490194" spans="14:14">
      <c r="N490194" s="10"/>
    </row>
    <row r="490195" spans="14:14">
      <c r="N490195" s="10"/>
    </row>
    <row r="490196" spans="14:14">
      <c r="N490196" s="10"/>
    </row>
    <row r="490197" spans="14:14">
      <c r="N490197" s="10"/>
    </row>
    <row r="490198" spans="14:14">
      <c r="N490198" s="10"/>
    </row>
    <row r="490199" spans="14:14">
      <c r="N490199" s="10"/>
    </row>
    <row r="490200" spans="14:14">
      <c r="N490200" s="10"/>
    </row>
    <row r="490201" spans="14:14">
      <c r="N490201" s="10"/>
    </row>
    <row r="490202" spans="14:14">
      <c r="N490202" s="10"/>
    </row>
    <row r="490203" spans="14:14">
      <c r="N490203" s="10"/>
    </row>
    <row r="490204" spans="14:14">
      <c r="N490204" s="10"/>
    </row>
    <row r="490205" spans="14:14">
      <c r="N490205" s="10"/>
    </row>
    <row r="490206" spans="14:14">
      <c r="N490206" s="10"/>
    </row>
    <row r="490207" spans="14:14">
      <c r="N490207" s="10"/>
    </row>
    <row r="490208" spans="14:14">
      <c r="N490208" s="10"/>
    </row>
    <row r="490209" spans="14:14">
      <c r="N490209" s="10"/>
    </row>
    <row r="490210" spans="14:14">
      <c r="N490210" s="10"/>
    </row>
    <row r="490211" spans="14:14">
      <c r="N490211" s="10"/>
    </row>
    <row r="490212" spans="14:14">
      <c r="N490212" s="10"/>
    </row>
    <row r="490213" spans="14:14">
      <c r="N490213" s="10"/>
    </row>
    <row r="490214" spans="14:14">
      <c r="N490214" s="10"/>
    </row>
    <row r="490215" spans="14:14">
      <c r="N490215" s="10"/>
    </row>
    <row r="490216" spans="14:14">
      <c r="N490216" s="10"/>
    </row>
    <row r="490217" spans="14:14">
      <c r="N490217" s="10"/>
    </row>
    <row r="490218" spans="14:14">
      <c r="N490218" s="10"/>
    </row>
    <row r="490219" spans="14:14">
      <c r="N490219" s="10"/>
    </row>
    <row r="490220" spans="14:14">
      <c r="N490220" s="10"/>
    </row>
    <row r="490221" spans="14:14">
      <c r="N490221" s="10"/>
    </row>
    <row r="490222" spans="14:14">
      <c r="N490222" s="10"/>
    </row>
    <row r="490223" spans="14:14">
      <c r="N490223" s="10"/>
    </row>
    <row r="490224" spans="14:14">
      <c r="N490224" s="10"/>
    </row>
    <row r="490225" spans="14:14">
      <c r="N490225" s="10"/>
    </row>
    <row r="490226" spans="14:14">
      <c r="N490226" s="10"/>
    </row>
    <row r="490227" spans="14:14">
      <c r="N490227" s="10"/>
    </row>
    <row r="490228" spans="14:14">
      <c r="N490228" s="10"/>
    </row>
    <row r="490229" spans="14:14">
      <c r="N490229" s="10"/>
    </row>
    <row r="490230" spans="14:14">
      <c r="N490230" s="10"/>
    </row>
    <row r="490231" spans="14:14">
      <c r="N490231" s="10"/>
    </row>
    <row r="490232" spans="14:14">
      <c r="N490232" s="10"/>
    </row>
    <row r="490233" spans="14:14">
      <c r="N490233" s="10"/>
    </row>
    <row r="490234" spans="14:14">
      <c r="N490234" s="10"/>
    </row>
    <row r="490235" spans="14:14">
      <c r="N490235" s="10"/>
    </row>
    <row r="490236" spans="14:14">
      <c r="N490236" s="10"/>
    </row>
    <row r="490237" spans="14:14">
      <c r="N490237" s="10"/>
    </row>
    <row r="490238" spans="14:14">
      <c r="N490238" s="10"/>
    </row>
    <row r="490239" spans="14:14">
      <c r="N490239" s="10"/>
    </row>
    <row r="490240" spans="14:14">
      <c r="N490240" s="10"/>
    </row>
    <row r="490241" spans="14:14">
      <c r="N490241" s="10"/>
    </row>
    <row r="490242" spans="14:14">
      <c r="N490242" s="10"/>
    </row>
    <row r="490243" spans="14:14">
      <c r="N490243" s="10"/>
    </row>
    <row r="490244" spans="14:14">
      <c r="N490244" s="10"/>
    </row>
    <row r="490245" spans="14:14">
      <c r="N490245" s="10"/>
    </row>
    <row r="490246" spans="14:14">
      <c r="N490246" s="10"/>
    </row>
    <row r="490247" spans="14:14">
      <c r="N490247" s="10"/>
    </row>
    <row r="490248" spans="14:14">
      <c r="N490248" s="10"/>
    </row>
    <row r="490249" spans="14:14">
      <c r="N490249" s="10"/>
    </row>
    <row r="490250" spans="14:14">
      <c r="N490250" s="10"/>
    </row>
    <row r="490251" spans="14:14">
      <c r="N490251" s="10"/>
    </row>
    <row r="490252" spans="14:14">
      <c r="N490252" s="10"/>
    </row>
    <row r="490253" spans="14:14">
      <c r="N490253" s="10"/>
    </row>
    <row r="490254" spans="14:14">
      <c r="N490254" s="10"/>
    </row>
    <row r="490255" spans="14:14">
      <c r="N490255" s="10"/>
    </row>
    <row r="490256" spans="14:14">
      <c r="N490256" s="10"/>
    </row>
    <row r="490257" spans="14:14">
      <c r="N490257" s="10"/>
    </row>
    <row r="490258" spans="14:14">
      <c r="N490258" s="10"/>
    </row>
    <row r="490259" spans="14:14">
      <c r="N490259" s="10"/>
    </row>
    <row r="490260" spans="14:14">
      <c r="N490260" s="10"/>
    </row>
    <row r="490261" spans="14:14">
      <c r="N490261" s="10"/>
    </row>
    <row r="490262" spans="14:14">
      <c r="N490262" s="10"/>
    </row>
    <row r="490263" spans="14:14">
      <c r="N490263" s="10"/>
    </row>
    <row r="490264" spans="14:14">
      <c r="N490264" s="10"/>
    </row>
    <row r="490265" spans="14:14">
      <c r="N490265" s="10"/>
    </row>
    <row r="490266" spans="14:14">
      <c r="N490266" s="10"/>
    </row>
    <row r="490267" spans="14:14">
      <c r="N490267" s="10"/>
    </row>
    <row r="490268" spans="14:14">
      <c r="N490268" s="10"/>
    </row>
    <row r="490269" spans="14:14">
      <c r="N490269" s="10"/>
    </row>
    <row r="490270" spans="14:14">
      <c r="N490270" s="10"/>
    </row>
    <row r="490271" spans="14:14">
      <c r="N490271" s="10"/>
    </row>
    <row r="490272" spans="14:14">
      <c r="N490272" s="10"/>
    </row>
    <row r="490273" spans="14:14">
      <c r="N490273" s="10"/>
    </row>
    <row r="490274" spans="14:14">
      <c r="N490274" s="10"/>
    </row>
    <row r="490275" spans="14:14">
      <c r="N490275" s="10"/>
    </row>
    <row r="490276" spans="14:14">
      <c r="N490276" s="10"/>
    </row>
    <row r="490277" spans="14:14">
      <c r="N490277" s="10"/>
    </row>
    <row r="490278" spans="14:14">
      <c r="N490278" s="10"/>
    </row>
    <row r="490279" spans="14:14">
      <c r="N490279" s="10"/>
    </row>
    <row r="490280" spans="14:14">
      <c r="N490280" s="10"/>
    </row>
    <row r="490281" spans="14:14">
      <c r="N490281" s="10"/>
    </row>
    <row r="490282" spans="14:14">
      <c r="N490282" s="10"/>
    </row>
    <row r="490283" spans="14:14">
      <c r="N490283" s="10"/>
    </row>
    <row r="490284" spans="14:14">
      <c r="N490284" s="10"/>
    </row>
    <row r="490285" spans="14:14">
      <c r="N490285" s="10"/>
    </row>
    <row r="490286" spans="14:14">
      <c r="N490286" s="10"/>
    </row>
    <row r="490287" spans="14:14">
      <c r="N490287" s="10"/>
    </row>
    <row r="490288" spans="14:14">
      <c r="N490288" s="10"/>
    </row>
    <row r="490289" spans="14:14">
      <c r="N490289" s="10"/>
    </row>
    <row r="490290" spans="14:14">
      <c r="N490290" s="10"/>
    </row>
    <row r="490291" spans="14:14">
      <c r="N490291" s="10"/>
    </row>
    <row r="490292" spans="14:14">
      <c r="N490292" s="10"/>
    </row>
    <row r="490293" spans="14:14">
      <c r="N490293" s="10"/>
    </row>
    <row r="490294" spans="14:14">
      <c r="N490294" s="10"/>
    </row>
    <row r="490295" spans="14:14">
      <c r="N490295" s="10"/>
    </row>
    <row r="490296" spans="14:14">
      <c r="N490296" s="10"/>
    </row>
    <row r="490297" spans="14:14">
      <c r="N490297" s="10"/>
    </row>
    <row r="490298" spans="14:14">
      <c r="N490298" s="10"/>
    </row>
    <row r="490299" spans="14:14">
      <c r="N490299" s="10"/>
    </row>
    <row r="490300" spans="14:14">
      <c r="N490300" s="10"/>
    </row>
    <row r="490301" spans="14:14">
      <c r="N490301" s="10"/>
    </row>
    <row r="490302" spans="14:14">
      <c r="N490302" s="10"/>
    </row>
    <row r="490303" spans="14:14">
      <c r="N490303" s="10"/>
    </row>
    <row r="490304" spans="14:14">
      <c r="N490304" s="10"/>
    </row>
    <row r="490305" spans="14:14">
      <c r="N490305" s="10"/>
    </row>
    <row r="490306" spans="14:14">
      <c r="N490306" s="10"/>
    </row>
    <row r="490307" spans="14:14">
      <c r="N490307" s="10"/>
    </row>
    <row r="490308" spans="14:14">
      <c r="N490308" s="10"/>
    </row>
    <row r="490309" spans="14:14">
      <c r="N490309" s="10"/>
    </row>
    <row r="490310" spans="14:14">
      <c r="N490310" s="10"/>
    </row>
    <row r="490311" spans="14:14">
      <c r="N490311" s="10"/>
    </row>
    <row r="490312" spans="14:14">
      <c r="N490312" s="10"/>
    </row>
    <row r="490313" spans="14:14">
      <c r="N490313" s="10"/>
    </row>
    <row r="490314" spans="14:14">
      <c r="N490314" s="10"/>
    </row>
    <row r="490315" spans="14:14">
      <c r="N490315" s="10"/>
    </row>
    <row r="490316" spans="14:14">
      <c r="N490316" s="10"/>
    </row>
    <row r="490317" spans="14:14">
      <c r="N490317" s="10"/>
    </row>
    <row r="490318" spans="14:14">
      <c r="N490318" s="10"/>
    </row>
    <row r="490319" spans="14:14">
      <c r="N490319" s="10"/>
    </row>
    <row r="490320" spans="14:14">
      <c r="N490320" s="10"/>
    </row>
    <row r="490321" spans="14:14">
      <c r="N490321" s="10"/>
    </row>
    <row r="490322" spans="14:14">
      <c r="N490322" s="10"/>
    </row>
    <row r="490323" spans="14:14">
      <c r="N490323" s="10"/>
    </row>
    <row r="490324" spans="14:14">
      <c r="N490324" s="10"/>
    </row>
    <row r="490325" spans="14:14">
      <c r="N490325" s="10"/>
    </row>
    <row r="490326" spans="14:14">
      <c r="N490326" s="10"/>
    </row>
    <row r="490327" spans="14:14">
      <c r="N490327" s="10"/>
    </row>
    <row r="490328" spans="14:14">
      <c r="N490328" s="10"/>
    </row>
    <row r="490329" spans="14:14">
      <c r="N490329" s="10"/>
    </row>
    <row r="490330" spans="14:14">
      <c r="N490330" s="10"/>
    </row>
    <row r="490331" spans="14:14">
      <c r="N490331" s="10"/>
    </row>
    <row r="490332" spans="14:14">
      <c r="N490332" s="10"/>
    </row>
    <row r="490333" spans="14:14">
      <c r="N490333" s="10"/>
    </row>
    <row r="490334" spans="14:14">
      <c r="N490334" s="10"/>
    </row>
    <row r="490335" spans="14:14">
      <c r="N490335" s="10"/>
    </row>
    <row r="490336" spans="14:14">
      <c r="N490336" s="10"/>
    </row>
    <row r="490337" spans="14:14">
      <c r="N490337" s="10"/>
    </row>
    <row r="490338" spans="14:14">
      <c r="N490338" s="10"/>
    </row>
    <row r="490339" spans="14:14">
      <c r="N490339" s="10"/>
    </row>
    <row r="490340" spans="14:14">
      <c r="N490340" s="10"/>
    </row>
    <row r="490341" spans="14:14">
      <c r="N490341" s="10"/>
    </row>
    <row r="490342" spans="14:14">
      <c r="N490342" s="10"/>
    </row>
    <row r="490343" spans="14:14">
      <c r="N490343" s="10"/>
    </row>
    <row r="490344" spans="14:14">
      <c r="N490344" s="10"/>
    </row>
    <row r="490345" spans="14:14">
      <c r="N490345" s="10"/>
    </row>
    <row r="490346" spans="14:14">
      <c r="N490346" s="10"/>
    </row>
    <row r="490347" spans="14:14">
      <c r="N490347" s="10"/>
    </row>
    <row r="490348" spans="14:14">
      <c r="N490348" s="10"/>
    </row>
    <row r="490349" spans="14:14">
      <c r="N490349" s="10"/>
    </row>
    <row r="490350" spans="14:14">
      <c r="N490350" s="10"/>
    </row>
    <row r="490351" spans="14:14">
      <c r="N490351" s="10"/>
    </row>
    <row r="490352" spans="14:14">
      <c r="N490352" s="10"/>
    </row>
    <row r="490353" spans="14:14">
      <c r="N490353" s="10"/>
    </row>
    <row r="490354" spans="14:14">
      <c r="N490354" s="10"/>
    </row>
    <row r="490355" spans="14:14">
      <c r="N490355" s="10"/>
    </row>
    <row r="490356" spans="14:14">
      <c r="N490356" s="10"/>
    </row>
    <row r="490357" spans="14:14">
      <c r="N490357" s="10"/>
    </row>
    <row r="490358" spans="14:14">
      <c r="N490358" s="10"/>
    </row>
    <row r="490359" spans="14:14">
      <c r="N490359" s="10"/>
    </row>
    <row r="490360" spans="14:14">
      <c r="N490360" s="10"/>
    </row>
    <row r="490361" spans="14:14">
      <c r="N490361" s="10"/>
    </row>
    <row r="490362" spans="14:14">
      <c r="N490362" s="10"/>
    </row>
    <row r="490363" spans="14:14">
      <c r="N490363" s="10"/>
    </row>
    <row r="490364" spans="14:14">
      <c r="N490364" s="10"/>
    </row>
    <row r="490365" spans="14:14">
      <c r="N490365" s="10"/>
    </row>
    <row r="490366" spans="14:14">
      <c r="N490366" s="10"/>
    </row>
    <row r="490367" spans="14:14">
      <c r="N490367" s="10"/>
    </row>
    <row r="490368" spans="14:14">
      <c r="N490368" s="10"/>
    </row>
    <row r="490369" spans="14:14">
      <c r="N490369" s="10"/>
    </row>
    <row r="490370" spans="14:14">
      <c r="N490370" s="10"/>
    </row>
    <row r="490371" spans="14:14">
      <c r="N490371" s="10"/>
    </row>
    <row r="490372" spans="14:14">
      <c r="N490372" s="10"/>
    </row>
    <row r="490373" spans="14:14">
      <c r="N490373" s="10"/>
    </row>
    <row r="490374" spans="14:14">
      <c r="N490374" s="10"/>
    </row>
    <row r="490375" spans="14:14">
      <c r="N490375" s="10"/>
    </row>
    <row r="490376" spans="14:14">
      <c r="N490376" s="10"/>
    </row>
    <row r="490377" spans="14:14">
      <c r="N490377" s="10"/>
    </row>
    <row r="490378" spans="14:14">
      <c r="N490378" s="10"/>
    </row>
    <row r="490379" spans="14:14">
      <c r="N490379" s="10"/>
    </row>
    <row r="490380" spans="14:14">
      <c r="N490380" s="10"/>
    </row>
    <row r="490381" spans="14:14">
      <c r="N490381" s="10"/>
    </row>
    <row r="490382" spans="14:14">
      <c r="N490382" s="10"/>
    </row>
    <row r="490383" spans="14:14">
      <c r="N490383" s="10"/>
    </row>
    <row r="490384" spans="14:14">
      <c r="N490384" s="10"/>
    </row>
    <row r="490385" spans="14:14">
      <c r="N490385" s="10"/>
    </row>
    <row r="490386" spans="14:14">
      <c r="N490386" s="10"/>
    </row>
    <row r="490387" spans="14:14">
      <c r="N490387" s="10"/>
    </row>
    <row r="490388" spans="14:14">
      <c r="N490388" s="10"/>
    </row>
    <row r="490389" spans="14:14">
      <c r="N490389" s="10"/>
    </row>
    <row r="490390" spans="14:14">
      <c r="N490390" s="10"/>
    </row>
    <row r="490391" spans="14:14">
      <c r="N490391" s="10"/>
    </row>
    <row r="490392" spans="14:14">
      <c r="N490392" s="10"/>
    </row>
    <row r="490393" spans="14:14">
      <c r="N490393" s="10"/>
    </row>
    <row r="490394" spans="14:14">
      <c r="N490394" s="10"/>
    </row>
    <row r="490395" spans="14:14">
      <c r="N490395" s="10"/>
    </row>
    <row r="490396" spans="14:14">
      <c r="N490396" s="10"/>
    </row>
    <row r="490397" spans="14:14">
      <c r="N490397" s="10"/>
    </row>
    <row r="490398" spans="14:14">
      <c r="N490398" s="10"/>
    </row>
    <row r="490399" spans="14:14">
      <c r="N490399" s="10"/>
    </row>
    <row r="490400" spans="14:14">
      <c r="N490400" s="10"/>
    </row>
    <row r="490401" spans="14:14">
      <c r="N490401" s="10"/>
    </row>
    <row r="490402" spans="14:14">
      <c r="N490402" s="10"/>
    </row>
    <row r="490403" spans="14:14">
      <c r="N490403" s="10"/>
    </row>
    <row r="490404" spans="14:14">
      <c r="N490404" s="10"/>
    </row>
    <row r="490405" spans="14:14">
      <c r="N490405" s="10"/>
    </row>
    <row r="490406" spans="14:14">
      <c r="N490406" s="10"/>
    </row>
    <row r="490407" spans="14:14">
      <c r="N490407" s="10"/>
    </row>
    <row r="490408" spans="14:14">
      <c r="N490408" s="10"/>
    </row>
    <row r="490409" spans="14:14">
      <c r="N490409" s="10"/>
    </row>
    <row r="490410" spans="14:14">
      <c r="N490410" s="10"/>
    </row>
    <row r="490411" spans="14:14">
      <c r="N490411" s="10"/>
    </row>
    <row r="490412" spans="14:14">
      <c r="N490412" s="10"/>
    </row>
    <row r="490413" spans="14:14">
      <c r="N490413" s="10"/>
    </row>
    <row r="490414" spans="14:14">
      <c r="N490414" s="10"/>
    </row>
    <row r="490415" spans="14:14">
      <c r="N490415" s="10"/>
    </row>
    <row r="490416" spans="14:14">
      <c r="N490416" s="10"/>
    </row>
    <row r="490417" spans="14:14">
      <c r="N490417" s="10"/>
    </row>
    <row r="490418" spans="14:14">
      <c r="N490418" s="10"/>
    </row>
    <row r="490419" spans="14:14">
      <c r="N490419" s="10"/>
    </row>
    <row r="490420" spans="14:14">
      <c r="N490420" s="10"/>
    </row>
    <row r="490421" spans="14:14">
      <c r="N490421" s="10"/>
    </row>
    <row r="490422" spans="14:14">
      <c r="N490422" s="10"/>
    </row>
    <row r="490423" spans="14:14">
      <c r="N490423" s="10"/>
    </row>
    <row r="490424" spans="14:14">
      <c r="N490424" s="10"/>
    </row>
    <row r="490425" spans="14:14">
      <c r="N490425" s="10"/>
    </row>
    <row r="490426" spans="14:14">
      <c r="N490426" s="10"/>
    </row>
    <row r="490427" spans="14:14">
      <c r="N490427" s="10"/>
    </row>
    <row r="490428" spans="14:14">
      <c r="N490428" s="10"/>
    </row>
    <row r="490429" spans="14:14">
      <c r="N490429" s="10"/>
    </row>
    <row r="490430" spans="14:14">
      <c r="N490430" s="10"/>
    </row>
    <row r="490431" spans="14:14">
      <c r="N490431" s="10"/>
    </row>
    <row r="490432" spans="14:14">
      <c r="N490432" s="10"/>
    </row>
    <row r="490433" spans="14:14">
      <c r="N490433" s="10"/>
    </row>
    <row r="490434" spans="14:14">
      <c r="N490434" s="10"/>
    </row>
    <row r="490435" spans="14:14">
      <c r="N490435" s="10"/>
    </row>
    <row r="490436" spans="14:14">
      <c r="N490436" s="10"/>
    </row>
    <row r="490437" spans="14:14">
      <c r="N490437" s="10"/>
    </row>
    <row r="490438" spans="14:14">
      <c r="N490438" s="10"/>
    </row>
    <row r="490439" spans="14:14">
      <c r="N490439" s="10"/>
    </row>
    <row r="490440" spans="14:14">
      <c r="N490440" s="10"/>
    </row>
    <row r="490441" spans="14:14">
      <c r="N490441" s="10"/>
    </row>
    <row r="490442" spans="14:14">
      <c r="N490442" s="10"/>
    </row>
    <row r="490443" spans="14:14">
      <c r="N490443" s="10"/>
    </row>
    <row r="490444" spans="14:14">
      <c r="N490444" s="10"/>
    </row>
    <row r="490445" spans="14:14">
      <c r="N490445" s="10"/>
    </row>
    <row r="490446" spans="14:14">
      <c r="N490446" s="10"/>
    </row>
    <row r="490447" spans="14:14">
      <c r="N490447" s="10"/>
    </row>
    <row r="490448" spans="14:14">
      <c r="N490448" s="10"/>
    </row>
    <row r="490449" spans="14:14">
      <c r="N490449" s="10"/>
    </row>
    <row r="490450" spans="14:14">
      <c r="N490450" s="10"/>
    </row>
    <row r="490451" spans="14:14">
      <c r="N490451" s="10"/>
    </row>
    <row r="490452" spans="14:14">
      <c r="N490452" s="10"/>
    </row>
    <row r="490453" spans="14:14">
      <c r="N490453" s="10"/>
    </row>
    <row r="490454" spans="14:14">
      <c r="N490454" s="10"/>
    </row>
    <row r="490455" spans="14:14">
      <c r="N490455" s="10"/>
    </row>
    <row r="490456" spans="14:14">
      <c r="N490456" s="10"/>
    </row>
    <row r="490457" spans="14:14">
      <c r="N490457" s="10"/>
    </row>
    <row r="490458" spans="14:14">
      <c r="N490458" s="10"/>
    </row>
    <row r="490459" spans="14:14">
      <c r="N490459" s="10"/>
    </row>
    <row r="490460" spans="14:14">
      <c r="N490460" s="10"/>
    </row>
    <row r="490461" spans="14:14">
      <c r="N490461" s="10"/>
    </row>
    <row r="490462" spans="14:14">
      <c r="N490462" s="10"/>
    </row>
    <row r="490463" spans="14:14">
      <c r="N490463" s="10"/>
    </row>
    <row r="490464" spans="14:14">
      <c r="N490464" s="10"/>
    </row>
    <row r="490465" spans="14:14">
      <c r="N490465" s="10"/>
    </row>
    <row r="490466" spans="14:14">
      <c r="N490466" s="10"/>
    </row>
    <row r="490467" spans="14:14">
      <c r="N490467" s="10"/>
    </row>
    <row r="490468" spans="14:14">
      <c r="N490468" s="10"/>
    </row>
    <row r="490469" spans="14:14">
      <c r="N490469" s="10"/>
    </row>
    <row r="490470" spans="14:14">
      <c r="N490470" s="10"/>
    </row>
    <row r="490471" spans="14:14">
      <c r="N490471" s="10"/>
    </row>
    <row r="490472" spans="14:14">
      <c r="N490472" s="10"/>
    </row>
    <row r="490473" spans="14:14">
      <c r="N490473" s="10"/>
    </row>
    <row r="490474" spans="14:14">
      <c r="N490474" s="10"/>
    </row>
    <row r="490475" spans="14:14">
      <c r="N490475" s="10"/>
    </row>
    <row r="490476" spans="14:14">
      <c r="N490476" s="10"/>
    </row>
    <row r="490477" spans="14:14">
      <c r="N490477" s="10"/>
    </row>
    <row r="490478" spans="14:14">
      <c r="N490478" s="10"/>
    </row>
    <row r="490479" spans="14:14">
      <c r="N490479" s="10"/>
    </row>
    <row r="490480" spans="14:14">
      <c r="N490480" s="10"/>
    </row>
    <row r="490481" spans="14:14">
      <c r="N490481" s="10"/>
    </row>
    <row r="490482" spans="14:14">
      <c r="N490482" s="10"/>
    </row>
    <row r="490483" spans="14:14">
      <c r="N490483" s="10"/>
    </row>
    <row r="490484" spans="14:14">
      <c r="N490484" s="10"/>
    </row>
    <row r="490485" spans="14:14">
      <c r="N490485" s="10"/>
    </row>
    <row r="490486" spans="14:14">
      <c r="N490486" s="10"/>
    </row>
    <row r="490487" spans="14:14">
      <c r="N490487" s="10"/>
    </row>
    <row r="490488" spans="14:14">
      <c r="N490488" s="10"/>
    </row>
    <row r="490489" spans="14:14">
      <c r="N490489" s="10"/>
    </row>
    <row r="490490" spans="14:14">
      <c r="N490490" s="10"/>
    </row>
    <row r="490491" spans="14:14">
      <c r="N490491" s="10"/>
    </row>
    <row r="490492" spans="14:14">
      <c r="N490492" s="10"/>
    </row>
    <row r="490493" spans="14:14">
      <c r="N490493" s="10"/>
    </row>
    <row r="490494" spans="14:14">
      <c r="N490494" s="10"/>
    </row>
    <row r="490495" spans="14:14">
      <c r="N490495" s="10"/>
    </row>
    <row r="490496" spans="14:14">
      <c r="N490496" s="10"/>
    </row>
    <row r="490497" spans="14:14">
      <c r="N490497" s="10"/>
    </row>
    <row r="490498" spans="14:14">
      <c r="N490498" s="10"/>
    </row>
    <row r="490499" spans="14:14">
      <c r="N490499" s="10"/>
    </row>
    <row r="490500" spans="14:14">
      <c r="N490500" s="10"/>
    </row>
    <row r="490501" spans="14:14">
      <c r="N490501" s="10"/>
    </row>
    <row r="490502" spans="14:14">
      <c r="N490502" s="10"/>
    </row>
    <row r="490503" spans="14:14">
      <c r="N490503" s="10"/>
    </row>
    <row r="490504" spans="14:14">
      <c r="N490504" s="10"/>
    </row>
    <row r="490505" spans="14:14">
      <c r="N490505" s="10"/>
    </row>
    <row r="490506" spans="14:14">
      <c r="N490506" s="10"/>
    </row>
    <row r="490507" spans="14:14">
      <c r="N490507" s="10"/>
    </row>
    <row r="490508" spans="14:14">
      <c r="N490508" s="10"/>
    </row>
    <row r="490509" spans="14:14">
      <c r="N490509" s="10"/>
    </row>
    <row r="490510" spans="14:14">
      <c r="N490510" s="10"/>
    </row>
    <row r="490511" spans="14:14">
      <c r="N490511" s="10"/>
    </row>
    <row r="490512" spans="14:14">
      <c r="N490512" s="10"/>
    </row>
    <row r="490513" spans="14:14">
      <c r="N490513" s="10"/>
    </row>
    <row r="490514" spans="14:14">
      <c r="N490514" s="10"/>
    </row>
    <row r="490515" spans="14:14">
      <c r="N490515" s="10"/>
    </row>
    <row r="490516" spans="14:14">
      <c r="N490516" s="10"/>
    </row>
    <row r="490517" spans="14:14">
      <c r="N490517" s="10"/>
    </row>
    <row r="490518" spans="14:14">
      <c r="N490518" s="10"/>
    </row>
    <row r="490519" spans="14:14">
      <c r="N490519" s="10"/>
    </row>
    <row r="490520" spans="14:14">
      <c r="N490520" s="10"/>
    </row>
    <row r="490521" spans="14:14">
      <c r="N490521" s="10"/>
    </row>
    <row r="490522" spans="14:14">
      <c r="N490522" s="10"/>
    </row>
    <row r="490523" spans="14:14">
      <c r="N490523" s="10"/>
    </row>
    <row r="490524" spans="14:14">
      <c r="N490524" s="10"/>
    </row>
    <row r="490525" spans="14:14">
      <c r="N490525" s="10"/>
    </row>
    <row r="490526" spans="14:14">
      <c r="N490526" s="10"/>
    </row>
    <row r="490527" spans="14:14">
      <c r="N490527" s="10"/>
    </row>
    <row r="490528" spans="14:14">
      <c r="N490528" s="10"/>
    </row>
    <row r="490529" spans="14:14">
      <c r="N490529" s="10"/>
    </row>
    <row r="490530" spans="14:14">
      <c r="N490530" s="10"/>
    </row>
    <row r="490531" spans="14:14">
      <c r="N490531" s="10"/>
    </row>
    <row r="490532" spans="14:14">
      <c r="N490532" s="10"/>
    </row>
    <row r="490533" spans="14:14">
      <c r="N490533" s="10"/>
    </row>
    <row r="490534" spans="14:14">
      <c r="N490534" s="10"/>
    </row>
    <row r="490535" spans="14:14">
      <c r="N490535" s="10"/>
    </row>
    <row r="490536" spans="14:14">
      <c r="N490536" s="10"/>
    </row>
    <row r="490537" spans="14:14">
      <c r="N490537" s="10"/>
    </row>
    <row r="490538" spans="14:14">
      <c r="N490538" s="10"/>
    </row>
    <row r="490539" spans="14:14">
      <c r="N490539" s="10"/>
    </row>
    <row r="490540" spans="14:14">
      <c r="N490540" s="10"/>
    </row>
    <row r="490541" spans="14:14">
      <c r="N490541" s="10"/>
    </row>
    <row r="490542" spans="14:14">
      <c r="N490542" s="10"/>
    </row>
    <row r="490543" spans="14:14">
      <c r="N490543" s="10"/>
    </row>
    <row r="490544" spans="14:14">
      <c r="N490544" s="10"/>
    </row>
    <row r="490545" spans="14:14">
      <c r="N490545" s="10"/>
    </row>
    <row r="490546" spans="14:14">
      <c r="N490546" s="10"/>
    </row>
    <row r="490547" spans="14:14">
      <c r="N490547" s="10"/>
    </row>
    <row r="490548" spans="14:14">
      <c r="N490548" s="10"/>
    </row>
    <row r="490549" spans="14:14">
      <c r="N490549" s="10"/>
    </row>
    <row r="490550" spans="14:14">
      <c r="N490550" s="10"/>
    </row>
    <row r="490551" spans="14:14">
      <c r="N490551" s="10"/>
    </row>
    <row r="490552" spans="14:14">
      <c r="N490552" s="10"/>
    </row>
    <row r="490553" spans="14:14">
      <c r="N490553" s="10"/>
    </row>
    <row r="490554" spans="14:14">
      <c r="N490554" s="10"/>
    </row>
    <row r="490555" spans="14:14">
      <c r="N490555" s="10"/>
    </row>
    <row r="490556" spans="14:14">
      <c r="N490556" s="10"/>
    </row>
    <row r="490557" spans="14:14">
      <c r="N490557" s="10"/>
    </row>
    <row r="490558" spans="14:14">
      <c r="N490558" s="10"/>
    </row>
    <row r="490559" spans="14:14">
      <c r="N490559" s="10"/>
    </row>
    <row r="490560" spans="14:14">
      <c r="N490560" s="10"/>
    </row>
    <row r="490561" spans="14:14">
      <c r="N490561" s="10"/>
    </row>
    <row r="490562" spans="14:14">
      <c r="N490562" s="10"/>
    </row>
    <row r="490563" spans="14:14">
      <c r="N490563" s="10"/>
    </row>
    <row r="490564" spans="14:14">
      <c r="N490564" s="10"/>
    </row>
    <row r="490565" spans="14:14">
      <c r="N490565" s="10"/>
    </row>
    <row r="490566" spans="14:14">
      <c r="N490566" s="10"/>
    </row>
    <row r="490567" spans="14:14">
      <c r="N490567" s="10"/>
    </row>
    <row r="490568" spans="14:14">
      <c r="N490568" s="10"/>
    </row>
    <row r="490569" spans="14:14">
      <c r="N490569" s="10"/>
    </row>
    <row r="490570" spans="14:14">
      <c r="N490570" s="10"/>
    </row>
    <row r="490571" spans="14:14">
      <c r="N490571" s="10"/>
    </row>
    <row r="490572" spans="14:14">
      <c r="N490572" s="10"/>
    </row>
    <row r="490573" spans="14:14">
      <c r="N490573" s="10"/>
    </row>
    <row r="490574" spans="14:14">
      <c r="N490574" s="10"/>
    </row>
    <row r="490575" spans="14:14">
      <c r="N490575" s="10"/>
    </row>
    <row r="490576" spans="14:14">
      <c r="N490576" s="10"/>
    </row>
    <row r="490577" spans="14:14">
      <c r="N490577" s="10"/>
    </row>
    <row r="490578" spans="14:14">
      <c r="N490578" s="10"/>
    </row>
    <row r="490579" spans="14:14">
      <c r="N490579" s="10"/>
    </row>
    <row r="490580" spans="14:14">
      <c r="N490580" s="10"/>
    </row>
    <row r="490581" spans="14:14">
      <c r="N490581" s="10"/>
    </row>
    <row r="490582" spans="14:14">
      <c r="N490582" s="10"/>
    </row>
    <row r="490583" spans="14:14">
      <c r="N490583" s="10"/>
    </row>
    <row r="490584" spans="14:14">
      <c r="N490584" s="10"/>
    </row>
    <row r="490585" spans="14:14">
      <c r="N490585" s="10"/>
    </row>
    <row r="490586" spans="14:14">
      <c r="N490586" s="10"/>
    </row>
    <row r="490587" spans="14:14">
      <c r="N490587" s="10"/>
    </row>
    <row r="490588" spans="14:14">
      <c r="N490588" s="10"/>
    </row>
    <row r="490589" spans="14:14">
      <c r="N490589" s="10"/>
    </row>
    <row r="490590" spans="14:14">
      <c r="N490590" s="10"/>
    </row>
    <row r="490591" spans="14:14">
      <c r="N490591" s="10"/>
    </row>
    <row r="490592" spans="14:14">
      <c r="N490592" s="10"/>
    </row>
    <row r="490593" spans="14:14">
      <c r="N490593" s="10"/>
    </row>
    <row r="490594" spans="14:14">
      <c r="N490594" s="10"/>
    </row>
    <row r="490595" spans="14:14">
      <c r="N490595" s="10"/>
    </row>
    <row r="490596" spans="14:14">
      <c r="N490596" s="10"/>
    </row>
    <row r="490597" spans="14:14">
      <c r="N490597" s="10"/>
    </row>
    <row r="490598" spans="14:14">
      <c r="N490598" s="10"/>
    </row>
    <row r="490599" spans="14:14">
      <c r="N490599" s="10"/>
    </row>
    <row r="490600" spans="14:14">
      <c r="N490600" s="10"/>
    </row>
    <row r="490601" spans="14:14">
      <c r="N490601" s="10"/>
    </row>
    <row r="490602" spans="14:14">
      <c r="N490602" s="10"/>
    </row>
    <row r="490603" spans="14:14">
      <c r="N490603" s="10"/>
    </row>
    <row r="490604" spans="14:14">
      <c r="N490604" s="10"/>
    </row>
    <row r="490605" spans="14:14">
      <c r="N490605" s="10"/>
    </row>
    <row r="490606" spans="14:14">
      <c r="N490606" s="10"/>
    </row>
    <row r="490607" spans="14:14">
      <c r="N490607" s="10"/>
    </row>
    <row r="490608" spans="14:14">
      <c r="N490608" s="10"/>
    </row>
    <row r="490609" spans="14:14">
      <c r="N490609" s="10"/>
    </row>
    <row r="490610" spans="14:14">
      <c r="N490610" s="10"/>
    </row>
    <row r="490611" spans="14:14">
      <c r="N490611" s="10"/>
    </row>
    <row r="490612" spans="14:14">
      <c r="N490612" s="10"/>
    </row>
    <row r="490613" spans="14:14">
      <c r="N490613" s="10"/>
    </row>
    <row r="490614" spans="14:14">
      <c r="N490614" s="10"/>
    </row>
    <row r="490615" spans="14:14">
      <c r="N490615" s="10"/>
    </row>
    <row r="490616" spans="14:14">
      <c r="N490616" s="10"/>
    </row>
    <row r="490617" spans="14:14">
      <c r="N490617" s="10"/>
    </row>
    <row r="490618" spans="14:14">
      <c r="N490618" s="10"/>
    </row>
    <row r="490619" spans="14:14">
      <c r="N490619" s="10"/>
    </row>
    <row r="490620" spans="14:14">
      <c r="N490620" s="10"/>
    </row>
    <row r="490621" spans="14:14">
      <c r="N490621" s="10"/>
    </row>
    <row r="490622" spans="14:14">
      <c r="N490622" s="10"/>
    </row>
    <row r="490623" spans="14:14">
      <c r="N490623" s="10"/>
    </row>
    <row r="490624" spans="14:14">
      <c r="N490624" s="10"/>
    </row>
    <row r="490625" spans="14:14">
      <c r="N490625" s="10"/>
    </row>
    <row r="490626" spans="14:14">
      <c r="N490626" s="10"/>
    </row>
    <row r="490627" spans="14:14">
      <c r="N490627" s="10"/>
    </row>
    <row r="490628" spans="14:14">
      <c r="N490628" s="10"/>
    </row>
    <row r="490629" spans="14:14">
      <c r="N490629" s="10"/>
    </row>
    <row r="490630" spans="14:14">
      <c r="N490630" s="10"/>
    </row>
    <row r="490631" spans="14:14">
      <c r="N490631" s="10"/>
    </row>
    <row r="490632" spans="14:14">
      <c r="N490632" s="10"/>
    </row>
    <row r="490633" spans="14:14">
      <c r="N490633" s="10"/>
    </row>
    <row r="490634" spans="14:14">
      <c r="N490634" s="10"/>
    </row>
    <row r="490635" spans="14:14">
      <c r="N490635" s="10"/>
    </row>
    <row r="490636" spans="14:14">
      <c r="N490636" s="10"/>
    </row>
    <row r="490637" spans="14:14">
      <c r="N490637" s="10"/>
    </row>
    <row r="490638" spans="14:14">
      <c r="N490638" s="10"/>
    </row>
    <row r="490639" spans="14:14">
      <c r="N490639" s="10"/>
    </row>
    <row r="490640" spans="14:14">
      <c r="N490640" s="10"/>
    </row>
    <row r="490641" spans="14:14">
      <c r="N490641" s="10"/>
    </row>
    <row r="490642" spans="14:14">
      <c r="N490642" s="10"/>
    </row>
    <row r="490643" spans="14:14">
      <c r="N490643" s="10"/>
    </row>
    <row r="490644" spans="14:14">
      <c r="N490644" s="10"/>
    </row>
    <row r="490645" spans="14:14">
      <c r="N490645" s="10"/>
    </row>
    <row r="490646" spans="14:14">
      <c r="N490646" s="10"/>
    </row>
    <row r="490647" spans="14:14">
      <c r="N490647" s="10"/>
    </row>
    <row r="490648" spans="14:14">
      <c r="N490648" s="10"/>
    </row>
    <row r="490649" spans="14:14">
      <c r="N490649" s="10"/>
    </row>
    <row r="490650" spans="14:14">
      <c r="N490650" s="10"/>
    </row>
    <row r="490651" spans="14:14">
      <c r="N490651" s="10"/>
    </row>
    <row r="490652" spans="14:14">
      <c r="N490652" s="10"/>
    </row>
    <row r="490653" spans="14:14">
      <c r="N490653" s="10"/>
    </row>
    <row r="490654" spans="14:14">
      <c r="N490654" s="10"/>
    </row>
    <row r="490655" spans="14:14">
      <c r="N490655" s="10"/>
    </row>
    <row r="490656" spans="14:14">
      <c r="N490656" s="10"/>
    </row>
    <row r="490657" spans="14:14">
      <c r="N490657" s="10"/>
    </row>
    <row r="490658" spans="14:14">
      <c r="N490658" s="10"/>
    </row>
    <row r="490659" spans="14:14">
      <c r="N490659" s="10"/>
    </row>
    <row r="490660" spans="14:14">
      <c r="N490660" s="10"/>
    </row>
    <row r="490661" spans="14:14">
      <c r="N490661" s="10"/>
    </row>
    <row r="490662" spans="14:14">
      <c r="N490662" s="10"/>
    </row>
    <row r="490663" spans="14:14">
      <c r="N490663" s="10"/>
    </row>
    <row r="490664" spans="14:14">
      <c r="N490664" s="10"/>
    </row>
    <row r="490665" spans="14:14">
      <c r="N490665" s="10"/>
    </row>
    <row r="490666" spans="14:14">
      <c r="N490666" s="10"/>
    </row>
    <row r="490667" spans="14:14">
      <c r="N490667" s="10"/>
    </row>
    <row r="490668" spans="14:14">
      <c r="N490668" s="10"/>
    </row>
    <row r="490669" spans="14:14">
      <c r="N490669" s="10"/>
    </row>
    <row r="490670" spans="14:14">
      <c r="N490670" s="10"/>
    </row>
    <row r="490671" spans="14:14">
      <c r="N490671" s="10"/>
    </row>
    <row r="490672" spans="14:14">
      <c r="N490672" s="10"/>
    </row>
    <row r="490673" spans="14:14">
      <c r="N490673" s="10"/>
    </row>
    <row r="490674" spans="14:14">
      <c r="N490674" s="10"/>
    </row>
    <row r="490675" spans="14:14">
      <c r="N490675" s="10"/>
    </row>
    <row r="490676" spans="14:14">
      <c r="N490676" s="10"/>
    </row>
    <row r="490677" spans="14:14">
      <c r="N490677" s="10"/>
    </row>
    <row r="490678" spans="14:14">
      <c r="N490678" s="10"/>
    </row>
    <row r="490679" spans="14:14">
      <c r="N490679" s="10"/>
    </row>
    <row r="490680" spans="14:14">
      <c r="N490680" s="10"/>
    </row>
    <row r="490681" spans="14:14">
      <c r="N490681" s="10"/>
    </row>
    <row r="490682" spans="14:14">
      <c r="N490682" s="10"/>
    </row>
    <row r="490683" spans="14:14">
      <c r="N490683" s="10"/>
    </row>
    <row r="490684" spans="14:14">
      <c r="N490684" s="10"/>
    </row>
    <row r="490685" spans="14:14">
      <c r="N490685" s="10"/>
    </row>
    <row r="490686" spans="14:14">
      <c r="N490686" s="10"/>
    </row>
    <row r="490687" spans="14:14">
      <c r="N490687" s="10"/>
    </row>
    <row r="490688" spans="14:14">
      <c r="N490688" s="10"/>
    </row>
    <row r="490689" spans="14:14">
      <c r="N490689" s="10"/>
    </row>
    <row r="490690" spans="14:14">
      <c r="N490690" s="10"/>
    </row>
    <row r="490691" spans="14:14">
      <c r="N490691" s="10"/>
    </row>
    <row r="490692" spans="14:14">
      <c r="N490692" s="10"/>
    </row>
    <row r="490693" spans="14:14">
      <c r="N490693" s="10"/>
    </row>
    <row r="490694" spans="14:14">
      <c r="N490694" s="10"/>
    </row>
    <row r="490695" spans="14:14">
      <c r="N490695" s="10"/>
    </row>
    <row r="490696" spans="14:14">
      <c r="N490696" s="10"/>
    </row>
    <row r="490697" spans="14:14">
      <c r="N490697" s="10"/>
    </row>
    <row r="490698" spans="14:14">
      <c r="N490698" s="10"/>
    </row>
    <row r="490699" spans="14:14">
      <c r="N490699" s="10"/>
    </row>
    <row r="490700" spans="14:14">
      <c r="N490700" s="10"/>
    </row>
    <row r="490701" spans="14:14">
      <c r="N490701" s="10"/>
    </row>
    <row r="490702" spans="14:14">
      <c r="N490702" s="10"/>
    </row>
    <row r="490703" spans="14:14">
      <c r="N490703" s="10"/>
    </row>
    <row r="490704" spans="14:14">
      <c r="N490704" s="10"/>
    </row>
    <row r="490705" spans="14:14">
      <c r="N490705" s="10"/>
    </row>
    <row r="490706" spans="14:14">
      <c r="N490706" s="10"/>
    </row>
    <row r="490707" spans="14:14">
      <c r="N490707" s="10"/>
    </row>
    <row r="490708" spans="14:14">
      <c r="N490708" s="10"/>
    </row>
    <row r="490709" spans="14:14">
      <c r="N490709" s="10"/>
    </row>
    <row r="490710" spans="14:14">
      <c r="N490710" s="10"/>
    </row>
    <row r="490711" spans="14:14">
      <c r="N490711" s="10"/>
    </row>
    <row r="490712" spans="14:14">
      <c r="N490712" s="10"/>
    </row>
    <row r="490713" spans="14:14">
      <c r="N490713" s="10"/>
    </row>
    <row r="490714" spans="14:14">
      <c r="N490714" s="10"/>
    </row>
    <row r="490715" spans="14:14">
      <c r="N490715" s="10"/>
    </row>
    <row r="490716" spans="14:14">
      <c r="N490716" s="10"/>
    </row>
    <row r="490717" spans="14:14">
      <c r="N490717" s="10"/>
    </row>
    <row r="490718" spans="14:14">
      <c r="N490718" s="10"/>
    </row>
    <row r="490719" spans="14:14">
      <c r="N490719" s="10"/>
    </row>
    <row r="490720" spans="14:14">
      <c r="N490720" s="10"/>
    </row>
    <row r="490721" spans="14:14">
      <c r="N490721" s="10"/>
    </row>
    <row r="490722" spans="14:14">
      <c r="N490722" s="10"/>
    </row>
    <row r="490723" spans="14:14">
      <c r="N490723" s="10"/>
    </row>
    <row r="490724" spans="14:14">
      <c r="N490724" s="10"/>
    </row>
    <row r="490725" spans="14:14">
      <c r="N490725" s="10"/>
    </row>
    <row r="490726" spans="14:14">
      <c r="N490726" s="10"/>
    </row>
    <row r="490727" spans="14:14">
      <c r="N490727" s="10"/>
    </row>
    <row r="490728" spans="14:14">
      <c r="N490728" s="10"/>
    </row>
    <row r="490729" spans="14:14">
      <c r="N490729" s="10"/>
    </row>
    <row r="490730" spans="14:14">
      <c r="N490730" s="10"/>
    </row>
    <row r="490731" spans="14:14">
      <c r="N490731" s="10"/>
    </row>
    <row r="490732" spans="14:14">
      <c r="N490732" s="10"/>
    </row>
    <row r="490733" spans="14:14">
      <c r="N490733" s="10"/>
    </row>
    <row r="490734" spans="14:14">
      <c r="N490734" s="10"/>
    </row>
    <row r="490735" spans="14:14">
      <c r="N490735" s="10"/>
    </row>
    <row r="490736" spans="14:14">
      <c r="N490736" s="10"/>
    </row>
    <row r="490737" spans="14:14">
      <c r="N490737" s="10"/>
    </row>
    <row r="490738" spans="14:14">
      <c r="N490738" s="10"/>
    </row>
    <row r="490739" spans="14:14">
      <c r="N490739" s="10"/>
    </row>
    <row r="490740" spans="14:14">
      <c r="N490740" s="10"/>
    </row>
    <row r="490741" spans="14:14">
      <c r="N490741" s="10"/>
    </row>
    <row r="490742" spans="14:14">
      <c r="N490742" s="10"/>
    </row>
    <row r="490743" spans="14:14">
      <c r="N490743" s="10"/>
    </row>
    <row r="490744" spans="14:14">
      <c r="N490744" s="10"/>
    </row>
    <row r="490745" spans="14:14">
      <c r="N490745" s="10"/>
    </row>
    <row r="490746" spans="14:14">
      <c r="N490746" s="10"/>
    </row>
    <row r="490747" spans="14:14">
      <c r="N490747" s="10"/>
    </row>
    <row r="490748" spans="14:14">
      <c r="N490748" s="10"/>
    </row>
    <row r="490749" spans="14:14">
      <c r="N490749" s="10"/>
    </row>
    <row r="490750" spans="14:14">
      <c r="N490750" s="10"/>
    </row>
    <row r="490751" spans="14:14">
      <c r="N490751" s="10"/>
    </row>
    <row r="490752" spans="14:14">
      <c r="N490752" s="10"/>
    </row>
    <row r="490753" spans="14:14">
      <c r="N490753" s="10"/>
    </row>
    <row r="490754" spans="14:14">
      <c r="N490754" s="10"/>
    </row>
    <row r="490755" spans="14:14">
      <c r="N490755" s="10"/>
    </row>
    <row r="490756" spans="14:14">
      <c r="N490756" s="10"/>
    </row>
    <row r="490757" spans="14:14">
      <c r="N490757" s="10"/>
    </row>
    <row r="490758" spans="14:14">
      <c r="N490758" s="10"/>
    </row>
    <row r="490759" spans="14:14">
      <c r="N490759" s="10"/>
    </row>
    <row r="490760" spans="14:14">
      <c r="N490760" s="10"/>
    </row>
    <row r="490761" spans="14:14">
      <c r="N490761" s="10"/>
    </row>
    <row r="490762" spans="14:14">
      <c r="N490762" s="10"/>
    </row>
    <row r="490763" spans="14:14">
      <c r="N490763" s="10"/>
    </row>
    <row r="490764" spans="14:14">
      <c r="N490764" s="10"/>
    </row>
    <row r="490765" spans="14:14">
      <c r="N490765" s="10"/>
    </row>
    <row r="490766" spans="14:14">
      <c r="N490766" s="10"/>
    </row>
    <row r="490767" spans="14:14">
      <c r="N490767" s="10"/>
    </row>
    <row r="490768" spans="14:14">
      <c r="N490768" s="10"/>
    </row>
    <row r="490769" spans="14:14">
      <c r="N490769" s="10"/>
    </row>
    <row r="490770" spans="14:14">
      <c r="N490770" s="10"/>
    </row>
    <row r="490771" spans="14:14">
      <c r="N490771" s="10"/>
    </row>
    <row r="490772" spans="14:14">
      <c r="N490772" s="10"/>
    </row>
    <row r="490773" spans="14:14">
      <c r="N490773" s="10"/>
    </row>
    <row r="490774" spans="14:14">
      <c r="N490774" s="10"/>
    </row>
    <row r="490775" spans="14:14">
      <c r="N490775" s="10"/>
    </row>
    <row r="490776" spans="14:14">
      <c r="N490776" s="10"/>
    </row>
    <row r="490777" spans="14:14">
      <c r="N490777" s="10"/>
    </row>
    <row r="490778" spans="14:14">
      <c r="N490778" s="10"/>
    </row>
    <row r="490779" spans="14:14">
      <c r="N490779" s="10"/>
    </row>
    <row r="490780" spans="14:14">
      <c r="N490780" s="10"/>
    </row>
    <row r="490781" spans="14:14">
      <c r="N490781" s="10"/>
    </row>
    <row r="490782" spans="14:14">
      <c r="N490782" s="10"/>
    </row>
    <row r="490783" spans="14:14">
      <c r="N490783" s="10"/>
    </row>
    <row r="490784" spans="14:14">
      <c r="N490784" s="10"/>
    </row>
    <row r="490785" spans="14:14">
      <c r="N490785" s="10"/>
    </row>
    <row r="490786" spans="14:14">
      <c r="N490786" s="10"/>
    </row>
    <row r="490787" spans="14:14">
      <c r="N490787" s="10"/>
    </row>
    <row r="490788" spans="14:14">
      <c r="N490788" s="10"/>
    </row>
    <row r="490789" spans="14:14">
      <c r="N490789" s="10"/>
    </row>
    <row r="490790" spans="14:14">
      <c r="N490790" s="10"/>
    </row>
    <row r="490791" spans="14:14">
      <c r="N490791" s="10"/>
    </row>
    <row r="490792" spans="14:14">
      <c r="N490792" s="10"/>
    </row>
    <row r="490793" spans="14:14">
      <c r="N490793" s="10"/>
    </row>
    <row r="490794" spans="14:14">
      <c r="N490794" s="10"/>
    </row>
    <row r="490795" spans="14:14">
      <c r="N490795" s="10"/>
    </row>
    <row r="490796" spans="14:14">
      <c r="N490796" s="10"/>
    </row>
    <row r="490797" spans="14:14">
      <c r="N490797" s="10"/>
    </row>
    <row r="490798" spans="14:14">
      <c r="N490798" s="10"/>
    </row>
    <row r="490799" spans="14:14">
      <c r="N490799" s="10"/>
    </row>
    <row r="490800" spans="14:14">
      <c r="N490800" s="10"/>
    </row>
    <row r="490801" spans="14:14">
      <c r="N490801" s="10"/>
    </row>
    <row r="490802" spans="14:14">
      <c r="N490802" s="10"/>
    </row>
    <row r="490803" spans="14:14">
      <c r="N490803" s="10"/>
    </row>
    <row r="490804" spans="14:14">
      <c r="N490804" s="10"/>
    </row>
    <row r="490805" spans="14:14">
      <c r="N490805" s="10"/>
    </row>
    <row r="490806" spans="14:14">
      <c r="N490806" s="10"/>
    </row>
    <row r="490807" spans="14:14">
      <c r="N490807" s="10"/>
    </row>
    <row r="490808" spans="14:14">
      <c r="N490808" s="10"/>
    </row>
    <row r="490809" spans="14:14">
      <c r="N490809" s="10"/>
    </row>
    <row r="490810" spans="14:14">
      <c r="N490810" s="10"/>
    </row>
    <row r="490811" spans="14:14">
      <c r="N490811" s="10"/>
    </row>
    <row r="490812" spans="14:14">
      <c r="N490812" s="10"/>
    </row>
    <row r="490813" spans="14:14">
      <c r="N490813" s="10"/>
    </row>
    <row r="490814" spans="14:14">
      <c r="N490814" s="10"/>
    </row>
    <row r="490815" spans="14:14">
      <c r="N490815" s="10"/>
    </row>
    <row r="490816" spans="14:14">
      <c r="N490816" s="10"/>
    </row>
    <row r="490817" spans="14:14">
      <c r="N490817" s="10"/>
    </row>
    <row r="490818" spans="14:14">
      <c r="N490818" s="10"/>
    </row>
    <row r="490819" spans="14:14">
      <c r="N490819" s="10"/>
    </row>
    <row r="490820" spans="14:14">
      <c r="N490820" s="10"/>
    </row>
    <row r="490821" spans="14:14">
      <c r="N490821" s="10"/>
    </row>
    <row r="490822" spans="14:14">
      <c r="N490822" s="10"/>
    </row>
    <row r="490823" spans="14:14">
      <c r="N490823" s="10"/>
    </row>
    <row r="490824" spans="14:14">
      <c r="N490824" s="10"/>
    </row>
    <row r="490825" spans="14:14">
      <c r="N490825" s="10"/>
    </row>
    <row r="490826" spans="14:14">
      <c r="N490826" s="10"/>
    </row>
    <row r="490827" spans="14:14">
      <c r="N490827" s="10"/>
    </row>
    <row r="490828" spans="14:14">
      <c r="N490828" s="10"/>
    </row>
    <row r="490829" spans="14:14">
      <c r="N490829" s="10"/>
    </row>
    <row r="490830" spans="14:14">
      <c r="N490830" s="10"/>
    </row>
    <row r="490831" spans="14:14">
      <c r="N490831" s="10"/>
    </row>
    <row r="490832" spans="14:14">
      <c r="N490832" s="10"/>
    </row>
    <row r="490833" spans="14:14">
      <c r="N490833" s="10"/>
    </row>
    <row r="490834" spans="14:14">
      <c r="N490834" s="10"/>
    </row>
    <row r="490835" spans="14:14">
      <c r="N490835" s="10"/>
    </row>
    <row r="490836" spans="14:14">
      <c r="N490836" s="10"/>
    </row>
    <row r="490837" spans="14:14">
      <c r="N490837" s="10"/>
    </row>
    <row r="490838" spans="14:14">
      <c r="N490838" s="10"/>
    </row>
    <row r="490839" spans="14:14">
      <c r="N490839" s="10"/>
    </row>
    <row r="490840" spans="14:14">
      <c r="N490840" s="10"/>
    </row>
    <row r="490841" spans="14:14">
      <c r="N490841" s="10"/>
    </row>
    <row r="490842" spans="14:14">
      <c r="N490842" s="10"/>
    </row>
    <row r="490843" spans="14:14">
      <c r="N490843" s="10"/>
    </row>
    <row r="490844" spans="14:14">
      <c r="N490844" s="10"/>
    </row>
    <row r="490845" spans="14:14">
      <c r="N490845" s="10"/>
    </row>
    <row r="490846" spans="14:14">
      <c r="N490846" s="10"/>
    </row>
    <row r="490847" spans="14:14">
      <c r="N490847" s="10"/>
    </row>
    <row r="490848" spans="14:14">
      <c r="N490848" s="10"/>
    </row>
    <row r="490849" spans="14:14">
      <c r="N490849" s="10"/>
    </row>
    <row r="490850" spans="14:14">
      <c r="N490850" s="10"/>
    </row>
    <row r="490851" spans="14:14">
      <c r="N490851" s="10"/>
    </row>
    <row r="490852" spans="14:14">
      <c r="N490852" s="10"/>
    </row>
    <row r="490853" spans="14:14">
      <c r="N490853" s="10"/>
    </row>
    <row r="490854" spans="14:14">
      <c r="N490854" s="10"/>
    </row>
    <row r="490855" spans="14:14">
      <c r="N490855" s="10"/>
    </row>
    <row r="490856" spans="14:14">
      <c r="N490856" s="10"/>
    </row>
    <row r="490857" spans="14:14">
      <c r="N490857" s="10"/>
    </row>
    <row r="490858" spans="14:14">
      <c r="N490858" s="10"/>
    </row>
    <row r="490859" spans="14:14">
      <c r="N490859" s="10"/>
    </row>
    <row r="490860" spans="14:14">
      <c r="N490860" s="10"/>
    </row>
    <row r="490861" spans="14:14">
      <c r="N490861" s="10"/>
    </row>
    <row r="490862" spans="14:14">
      <c r="N490862" s="10"/>
    </row>
    <row r="490863" spans="14:14">
      <c r="N490863" s="10"/>
    </row>
    <row r="490864" spans="14:14">
      <c r="N490864" s="10"/>
    </row>
    <row r="490865" spans="14:14">
      <c r="N490865" s="10"/>
    </row>
    <row r="490866" spans="14:14">
      <c r="N490866" s="10"/>
    </row>
    <row r="490867" spans="14:14">
      <c r="N490867" s="10"/>
    </row>
    <row r="490868" spans="14:14">
      <c r="N490868" s="10"/>
    </row>
    <row r="490869" spans="14:14">
      <c r="N490869" s="10"/>
    </row>
    <row r="490870" spans="14:14">
      <c r="N490870" s="10"/>
    </row>
    <row r="490871" spans="14:14">
      <c r="N490871" s="10"/>
    </row>
    <row r="490872" spans="14:14">
      <c r="N490872" s="10"/>
    </row>
    <row r="490873" spans="14:14">
      <c r="N490873" s="10"/>
    </row>
    <row r="490874" spans="14:14">
      <c r="N490874" s="10"/>
    </row>
    <row r="490875" spans="14:14">
      <c r="N490875" s="10"/>
    </row>
    <row r="490876" spans="14:14">
      <c r="N490876" s="10"/>
    </row>
    <row r="490877" spans="14:14">
      <c r="N490877" s="10"/>
    </row>
    <row r="490878" spans="14:14">
      <c r="N490878" s="10"/>
    </row>
    <row r="490879" spans="14:14">
      <c r="N490879" s="10"/>
    </row>
    <row r="490880" spans="14:14">
      <c r="N490880" s="10"/>
    </row>
    <row r="490881" spans="14:14">
      <c r="N490881" s="10"/>
    </row>
    <row r="490882" spans="14:14">
      <c r="N490882" s="10"/>
    </row>
    <row r="490883" spans="14:14">
      <c r="N490883" s="10"/>
    </row>
    <row r="490884" spans="14:14">
      <c r="N490884" s="10"/>
    </row>
    <row r="490885" spans="14:14">
      <c r="N490885" s="10"/>
    </row>
    <row r="490886" spans="14:14">
      <c r="N490886" s="10"/>
    </row>
    <row r="490887" spans="14:14">
      <c r="N490887" s="10"/>
    </row>
    <row r="490888" spans="14:14">
      <c r="N490888" s="10"/>
    </row>
    <row r="490889" spans="14:14">
      <c r="N490889" s="10"/>
    </row>
    <row r="490890" spans="14:14">
      <c r="N490890" s="10"/>
    </row>
    <row r="490891" spans="14:14">
      <c r="N490891" s="10"/>
    </row>
    <row r="490892" spans="14:14">
      <c r="N490892" s="10"/>
    </row>
    <row r="490893" spans="14:14">
      <c r="N490893" s="10"/>
    </row>
    <row r="490894" spans="14:14">
      <c r="N490894" s="10"/>
    </row>
    <row r="490895" spans="14:14">
      <c r="N490895" s="10"/>
    </row>
    <row r="490896" spans="14:14">
      <c r="N490896" s="10"/>
    </row>
    <row r="490897" spans="14:14">
      <c r="N490897" s="10"/>
    </row>
    <row r="490898" spans="14:14">
      <c r="N490898" s="10"/>
    </row>
    <row r="490899" spans="14:14">
      <c r="N490899" s="10"/>
    </row>
    <row r="490900" spans="14:14">
      <c r="N490900" s="10"/>
    </row>
    <row r="490901" spans="14:14">
      <c r="N490901" s="10"/>
    </row>
    <row r="490902" spans="14:14">
      <c r="N490902" s="10"/>
    </row>
    <row r="490903" spans="14:14">
      <c r="N490903" s="10"/>
    </row>
    <row r="490904" spans="14:14">
      <c r="N490904" s="10"/>
    </row>
    <row r="490905" spans="14:14">
      <c r="N490905" s="10"/>
    </row>
    <row r="490906" spans="14:14">
      <c r="N490906" s="10"/>
    </row>
    <row r="490907" spans="14:14">
      <c r="N490907" s="10"/>
    </row>
    <row r="490908" spans="14:14">
      <c r="N490908" s="10"/>
    </row>
    <row r="490909" spans="14:14">
      <c r="N490909" s="10"/>
    </row>
    <row r="490910" spans="14:14">
      <c r="N490910" s="10"/>
    </row>
    <row r="490911" spans="14:14">
      <c r="N490911" s="10"/>
    </row>
    <row r="490912" spans="14:14">
      <c r="N490912" s="10"/>
    </row>
    <row r="490913" spans="14:14">
      <c r="N490913" s="10"/>
    </row>
    <row r="490914" spans="14:14">
      <c r="N490914" s="10"/>
    </row>
    <row r="490915" spans="14:14">
      <c r="N490915" s="10"/>
    </row>
    <row r="490916" spans="14:14">
      <c r="N490916" s="10"/>
    </row>
    <row r="490917" spans="14:14">
      <c r="N490917" s="10"/>
    </row>
    <row r="490918" spans="14:14">
      <c r="N490918" s="10"/>
    </row>
    <row r="490919" spans="14:14">
      <c r="N490919" s="10"/>
    </row>
    <row r="490920" spans="14:14">
      <c r="N490920" s="10"/>
    </row>
    <row r="490921" spans="14:14">
      <c r="N490921" s="10"/>
    </row>
    <row r="490922" spans="14:14">
      <c r="N490922" s="10"/>
    </row>
    <row r="490923" spans="14:14">
      <c r="N490923" s="10"/>
    </row>
    <row r="490924" spans="14:14">
      <c r="N490924" s="10"/>
    </row>
    <row r="490925" spans="14:14">
      <c r="N490925" s="10"/>
    </row>
    <row r="490926" spans="14:14">
      <c r="N490926" s="10"/>
    </row>
    <row r="490927" spans="14:14">
      <c r="N490927" s="10"/>
    </row>
    <row r="490928" spans="14:14">
      <c r="N490928" s="10"/>
    </row>
    <row r="490929" spans="14:14">
      <c r="N490929" s="10"/>
    </row>
    <row r="490930" spans="14:14">
      <c r="N490930" s="10"/>
    </row>
    <row r="490931" spans="14:14">
      <c r="N490931" s="10"/>
    </row>
    <row r="490932" spans="14:14">
      <c r="N490932" s="10"/>
    </row>
    <row r="490933" spans="14:14">
      <c r="N490933" s="10"/>
    </row>
    <row r="490934" spans="14:14">
      <c r="N490934" s="10"/>
    </row>
    <row r="490935" spans="14:14">
      <c r="N490935" s="10"/>
    </row>
    <row r="490936" spans="14:14">
      <c r="N490936" s="10"/>
    </row>
    <row r="490937" spans="14:14">
      <c r="N490937" s="10"/>
    </row>
    <row r="490938" spans="14:14">
      <c r="N490938" s="10"/>
    </row>
    <row r="490939" spans="14:14">
      <c r="N490939" s="10"/>
    </row>
    <row r="490940" spans="14:14">
      <c r="N490940" s="10"/>
    </row>
    <row r="490941" spans="14:14">
      <c r="N490941" s="10"/>
    </row>
    <row r="490942" spans="14:14">
      <c r="N490942" s="10"/>
    </row>
    <row r="490943" spans="14:14">
      <c r="N490943" s="10"/>
    </row>
    <row r="490944" spans="14:14">
      <c r="N490944" s="10"/>
    </row>
    <row r="490945" spans="14:14">
      <c r="N490945" s="10"/>
    </row>
    <row r="490946" spans="14:14">
      <c r="N490946" s="10"/>
    </row>
    <row r="490947" spans="14:14">
      <c r="N490947" s="10"/>
    </row>
    <row r="490948" spans="14:14">
      <c r="N490948" s="10"/>
    </row>
    <row r="490949" spans="14:14">
      <c r="N490949" s="10"/>
    </row>
    <row r="490950" spans="14:14">
      <c r="N490950" s="10"/>
    </row>
    <row r="490951" spans="14:14">
      <c r="N490951" s="10"/>
    </row>
    <row r="490952" spans="14:14">
      <c r="N490952" s="10"/>
    </row>
    <row r="490953" spans="14:14">
      <c r="N490953" s="10"/>
    </row>
    <row r="490954" spans="14:14">
      <c r="N490954" s="10"/>
    </row>
    <row r="490955" spans="14:14">
      <c r="N490955" s="10"/>
    </row>
    <row r="490956" spans="14:14">
      <c r="N490956" s="10"/>
    </row>
    <row r="490957" spans="14:14">
      <c r="N490957" s="10"/>
    </row>
    <row r="490958" spans="14:14">
      <c r="N490958" s="10"/>
    </row>
    <row r="490959" spans="14:14">
      <c r="N490959" s="10"/>
    </row>
    <row r="490960" spans="14:14">
      <c r="N490960" s="10"/>
    </row>
    <row r="490961" spans="14:14">
      <c r="N490961" s="10"/>
    </row>
    <row r="490962" spans="14:14">
      <c r="N490962" s="10"/>
    </row>
    <row r="490963" spans="14:14">
      <c r="N490963" s="10"/>
    </row>
    <row r="490964" spans="14:14">
      <c r="N490964" s="10"/>
    </row>
    <row r="490965" spans="14:14">
      <c r="N490965" s="10"/>
    </row>
    <row r="490966" spans="14:14">
      <c r="N490966" s="10"/>
    </row>
    <row r="490967" spans="14:14">
      <c r="N490967" s="10"/>
    </row>
    <row r="490968" spans="14:14">
      <c r="N490968" s="10"/>
    </row>
    <row r="490969" spans="14:14">
      <c r="N490969" s="10"/>
    </row>
    <row r="490970" spans="14:14">
      <c r="N490970" s="10"/>
    </row>
    <row r="490971" spans="14:14">
      <c r="N490971" s="10"/>
    </row>
    <row r="490972" spans="14:14">
      <c r="N490972" s="10"/>
    </row>
    <row r="490973" spans="14:14">
      <c r="N490973" s="10"/>
    </row>
    <row r="490974" spans="14:14">
      <c r="N490974" s="10"/>
    </row>
    <row r="490975" spans="14:14">
      <c r="N490975" s="10"/>
    </row>
    <row r="490976" spans="14:14">
      <c r="N490976" s="10"/>
    </row>
    <row r="490977" spans="14:14">
      <c r="N490977" s="10"/>
    </row>
    <row r="490978" spans="14:14">
      <c r="N490978" s="10"/>
    </row>
    <row r="490979" spans="14:14">
      <c r="N490979" s="10"/>
    </row>
    <row r="490980" spans="14:14">
      <c r="N490980" s="10"/>
    </row>
    <row r="490981" spans="14:14">
      <c r="N490981" s="10"/>
    </row>
    <row r="490982" spans="14:14">
      <c r="N490982" s="10"/>
    </row>
    <row r="490983" spans="14:14">
      <c r="N490983" s="10"/>
    </row>
    <row r="490984" spans="14:14">
      <c r="N490984" s="10"/>
    </row>
    <row r="490985" spans="14:14">
      <c r="N490985" s="10"/>
    </row>
    <row r="490986" spans="14:14">
      <c r="N490986" s="10"/>
    </row>
    <row r="490987" spans="14:14">
      <c r="N490987" s="10"/>
    </row>
    <row r="490988" spans="14:14">
      <c r="N490988" s="10"/>
    </row>
    <row r="490989" spans="14:14">
      <c r="N490989" s="10"/>
    </row>
    <row r="490990" spans="14:14">
      <c r="N490990" s="10"/>
    </row>
    <row r="490991" spans="14:14">
      <c r="N490991" s="10"/>
    </row>
    <row r="490992" spans="14:14">
      <c r="N490992" s="10"/>
    </row>
    <row r="490993" spans="14:14">
      <c r="N490993" s="10"/>
    </row>
    <row r="490994" spans="14:14">
      <c r="N490994" s="10"/>
    </row>
    <row r="490995" spans="14:14">
      <c r="N490995" s="10"/>
    </row>
    <row r="490996" spans="14:14">
      <c r="N490996" s="10"/>
    </row>
    <row r="490997" spans="14:14">
      <c r="N490997" s="10"/>
    </row>
    <row r="490998" spans="14:14">
      <c r="N490998" s="10"/>
    </row>
    <row r="490999" spans="14:14">
      <c r="N490999" s="10"/>
    </row>
    <row r="491000" spans="14:14">
      <c r="N491000" s="10"/>
    </row>
    <row r="491001" spans="14:14">
      <c r="N491001" s="10"/>
    </row>
    <row r="491002" spans="14:14">
      <c r="N491002" s="10"/>
    </row>
    <row r="491003" spans="14:14">
      <c r="N491003" s="10"/>
    </row>
    <row r="491004" spans="14:14">
      <c r="N491004" s="10"/>
    </row>
    <row r="491005" spans="14:14">
      <c r="N491005" s="10"/>
    </row>
    <row r="491006" spans="14:14">
      <c r="N491006" s="10"/>
    </row>
    <row r="491007" spans="14:14">
      <c r="N491007" s="10"/>
    </row>
    <row r="491008" spans="14:14">
      <c r="N491008" s="10"/>
    </row>
    <row r="491009" spans="14:14">
      <c r="N491009" s="10"/>
    </row>
    <row r="491010" spans="14:14">
      <c r="N491010" s="10"/>
    </row>
    <row r="491011" spans="14:14">
      <c r="N491011" s="10"/>
    </row>
    <row r="491012" spans="14:14">
      <c r="N491012" s="10"/>
    </row>
    <row r="491013" spans="14:14">
      <c r="N491013" s="10"/>
    </row>
    <row r="491014" spans="14:14">
      <c r="N491014" s="10"/>
    </row>
    <row r="491015" spans="14:14">
      <c r="N491015" s="10"/>
    </row>
    <row r="491016" spans="14:14">
      <c r="N491016" s="10"/>
    </row>
    <row r="491017" spans="14:14">
      <c r="N491017" s="10"/>
    </row>
    <row r="491018" spans="14:14">
      <c r="N491018" s="10"/>
    </row>
    <row r="491019" spans="14:14">
      <c r="N491019" s="10"/>
    </row>
    <row r="491020" spans="14:14">
      <c r="N491020" s="10"/>
    </row>
    <row r="491021" spans="14:14">
      <c r="N491021" s="10"/>
    </row>
    <row r="491022" spans="14:14">
      <c r="N491022" s="10"/>
    </row>
    <row r="491023" spans="14:14">
      <c r="N491023" s="10"/>
    </row>
    <row r="491024" spans="14:14">
      <c r="N491024" s="10"/>
    </row>
    <row r="491025" spans="14:14">
      <c r="N491025" s="10"/>
    </row>
    <row r="491026" spans="14:14">
      <c r="N491026" s="10"/>
    </row>
    <row r="491027" spans="14:14">
      <c r="N491027" s="10"/>
    </row>
    <row r="491028" spans="14:14">
      <c r="N491028" s="10"/>
    </row>
    <row r="491029" spans="14:14">
      <c r="N491029" s="10"/>
    </row>
    <row r="491030" spans="14:14">
      <c r="N491030" s="10"/>
    </row>
    <row r="491031" spans="14:14">
      <c r="N491031" s="10"/>
    </row>
    <row r="491032" spans="14:14">
      <c r="N491032" s="10"/>
    </row>
    <row r="491033" spans="14:14">
      <c r="N491033" s="10"/>
    </row>
    <row r="491034" spans="14:14">
      <c r="N491034" s="10"/>
    </row>
    <row r="491035" spans="14:14">
      <c r="N491035" s="10"/>
    </row>
    <row r="491036" spans="14:14">
      <c r="N491036" s="10"/>
    </row>
    <row r="491037" spans="14:14">
      <c r="N491037" s="10"/>
    </row>
    <row r="491038" spans="14:14">
      <c r="N491038" s="10"/>
    </row>
    <row r="491039" spans="14:14">
      <c r="N491039" s="10"/>
    </row>
    <row r="491040" spans="14:14">
      <c r="N491040" s="10"/>
    </row>
    <row r="491041" spans="14:14">
      <c r="N491041" s="10"/>
    </row>
    <row r="491042" spans="14:14">
      <c r="N491042" s="10"/>
    </row>
    <row r="491043" spans="14:14">
      <c r="N491043" s="10"/>
    </row>
    <row r="491044" spans="14:14">
      <c r="N491044" s="10"/>
    </row>
    <row r="491045" spans="14:14">
      <c r="N491045" s="10"/>
    </row>
    <row r="491046" spans="14:14">
      <c r="N491046" s="10"/>
    </row>
    <row r="491047" spans="14:14">
      <c r="N491047" s="10"/>
    </row>
    <row r="491048" spans="14:14">
      <c r="N491048" s="10"/>
    </row>
    <row r="491049" spans="14:14">
      <c r="N491049" s="10"/>
    </row>
    <row r="491050" spans="14:14">
      <c r="N491050" s="10"/>
    </row>
    <row r="491051" spans="14:14">
      <c r="N491051" s="10"/>
    </row>
    <row r="491052" spans="14:14">
      <c r="N491052" s="10"/>
    </row>
    <row r="491053" spans="14:14">
      <c r="N491053" s="10"/>
    </row>
    <row r="491054" spans="14:14">
      <c r="N491054" s="10"/>
    </row>
    <row r="491055" spans="14:14">
      <c r="N491055" s="10"/>
    </row>
    <row r="491056" spans="14:14">
      <c r="N491056" s="10"/>
    </row>
    <row r="491057" spans="14:14">
      <c r="N491057" s="10"/>
    </row>
    <row r="491058" spans="14:14">
      <c r="N491058" s="10"/>
    </row>
    <row r="491059" spans="14:14">
      <c r="N491059" s="10"/>
    </row>
    <row r="491060" spans="14:14">
      <c r="N491060" s="10"/>
    </row>
    <row r="491061" spans="14:14">
      <c r="N491061" s="10"/>
    </row>
    <row r="491062" spans="14:14">
      <c r="N491062" s="10"/>
    </row>
    <row r="491063" spans="14:14">
      <c r="N491063" s="10"/>
    </row>
    <row r="491064" spans="14:14">
      <c r="N491064" s="10"/>
    </row>
    <row r="491065" spans="14:14">
      <c r="N491065" s="10"/>
    </row>
    <row r="491066" spans="14:14">
      <c r="N491066" s="10"/>
    </row>
    <row r="491067" spans="14:14">
      <c r="N491067" s="10"/>
    </row>
    <row r="491068" spans="14:14">
      <c r="N491068" s="10"/>
    </row>
    <row r="491069" spans="14:14">
      <c r="N491069" s="10"/>
    </row>
    <row r="491070" spans="14:14">
      <c r="N491070" s="10"/>
    </row>
    <row r="491071" spans="14:14">
      <c r="N491071" s="10"/>
    </row>
    <row r="491072" spans="14:14">
      <c r="N491072" s="10"/>
    </row>
    <row r="491073" spans="14:14">
      <c r="N491073" s="10"/>
    </row>
    <row r="491074" spans="14:14">
      <c r="N491074" s="10"/>
    </row>
    <row r="491075" spans="14:14">
      <c r="N491075" s="10"/>
    </row>
    <row r="491076" spans="14:14">
      <c r="N491076" s="10"/>
    </row>
    <row r="491077" spans="14:14">
      <c r="N491077" s="10"/>
    </row>
    <row r="491078" spans="14:14">
      <c r="N491078" s="10"/>
    </row>
    <row r="491079" spans="14:14">
      <c r="N491079" s="10"/>
    </row>
    <row r="491080" spans="14:14">
      <c r="N491080" s="10"/>
    </row>
    <row r="491081" spans="14:14">
      <c r="N491081" s="10"/>
    </row>
    <row r="491082" spans="14:14">
      <c r="N491082" s="10"/>
    </row>
    <row r="491083" spans="14:14">
      <c r="N491083" s="10"/>
    </row>
    <row r="491084" spans="14:14">
      <c r="N491084" s="10"/>
    </row>
    <row r="491085" spans="14:14">
      <c r="N491085" s="10"/>
    </row>
    <row r="491086" spans="14:14">
      <c r="N491086" s="10"/>
    </row>
    <row r="491087" spans="14:14">
      <c r="N491087" s="10"/>
    </row>
    <row r="491088" spans="14:14">
      <c r="N491088" s="10"/>
    </row>
    <row r="491089" spans="14:14">
      <c r="N491089" s="10"/>
    </row>
    <row r="491090" spans="14:14">
      <c r="N491090" s="10"/>
    </row>
    <row r="491091" spans="14:14">
      <c r="N491091" s="10"/>
    </row>
    <row r="491092" spans="14:14">
      <c r="N491092" s="10"/>
    </row>
    <row r="491093" spans="14:14">
      <c r="N491093" s="10"/>
    </row>
    <row r="491094" spans="14:14">
      <c r="N491094" s="10"/>
    </row>
    <row r="491095" spans="14:14">
      <c r="N491095" s="10"/>
    </row>
    <row r="491096" spans="14:14">
      <c r="N491096" s="10"/>
    </row>
    <row r="491097" spans="14:14">
      <c r="N491097" s="10"/>
    </row>
    <row r="491098" spans="14:14">
      <c r="N491098" s="10"/>
    </row>
    <row r="491099" spans="14:14">
      <c r="N491099" s="10"/>
    </row>
    <row r="491100" spans="14:14">
      <c r="N491100" s="10"/>
    </row>
    <row r="491101" spans="14:14">
      <c r="N491101" s="10"/>
    </row>
    <row r="491102" spans="14:14">
      <c r="N491102" s="10"/>
    </row>
    <row r="491103" spans="14:14">
      <c r="N491103" s="10"/>
    </row>
    <row r="491104" spans="14:14">
      <c r="N491104" s="10"/>
    </row>
    <row r="491105" spans="14:14">
      <c r="N491105" s="10"/>
    </row>
    <row r="491106" spans="14:14">
      <c r="N491106" s="10"/>
    </row>
    <row r="491107" spans="14:14">
      <c r="N491107" s="10"/>
    </row>
    <row r="491108" spans="14:14">
      <c r="N491108" s="10"/>
    </row>
    <row r="491109" spans="14:14">
      <c r="N491109" s="10"/>
    </row>
    <row r="491110" spans="14:14">
      <c r="N491110" s="10"/>
    </row>
    <row r="491111" spans="14:14">
      <c r="N491111" s="10"/>
    </row>
    <row r="491112" spans="14:14">
      <c r="N491112" s="10"/>
    </row>
    <row r="491113" spans="14:14">
      <c r="N491113" s="10"/>
    </row>
    <row r="491114" spans="14:14">
      <c r="N491114" s="10"/>
    </row>
    <row r="491115" spans="14:14">
      <c r="N491115" s="10"/>
    </row>
    <row r="491116" spans="14:14">
      <c r="N491116" s="10"/>
    </row>
    <row r="491117" spans="14:14">
      <c r="N491117" s="10"/>
    </row>
    <row r="491118" spans="14:14">
      <c r="N491118" s="10"/>
    </row>
    <row r="491119" spans="14:14">
      <c r="N491119" s="10"/>
    </row>
    <row r="491120" spans="14:14">
      <c r="N491120" s="10"/>
    </row>
    <row r="491121" spans="14:14">
      <c r="N491121" s="10"/>
    </row>
    <row r="491122" spans="14:14">
      <c r="N491122" s="10"/>
    </row>
    <row r="491123" spans="14:14">
      <c r="N491123" s="10"/>
    </row>
    <row r="491124" spans="14:14">
      <c r="N491124" s="10"/>
    </row>
    <row r="491125" spans="14:14">
      <c r="N491125" s="10"/>
    </row>
    <row r="491126" spans="14:14">
      <c r="N491126" s="10"/>
    </row>
    <row r="491127" spans="14:14">
      <c r="N491127" s="10"/>
    </row>
    <row r="491128" spans="14:14">
      <c r="N491128" s="10"/>
    </row>
    <row r="491129" spans="14:14">
      <c r="N491129" s="10"/>
    </row>
    <row r="491130" spans="14:14">
      <c r="N491130" s="10"/>
    </row>
    <row r="491131" spans="14:14">
      <c r="N491131" s="10"/>
    </row>
    <row r="491132" spans="14:14">
      <c r="N491132" s="10"/>
    </row>
    <row r="491133" spans="14:14">
      <c r="N491133" s="10"/>
    </row>
    <row r="491134" spans="14:14">
      <c r="N491134" s="10"/>
    </row>
    <row r="491135" spans="14:14">
      <c r="N491135" s="10"/>
    </row>
    <row r="491136" spans="14:14">
      <c r="N491136" s="10"/>
    </row>
    <row r="491137" spans="14:14">
      <c r="N491137" s="10"/>
    </row>
    <row r="491138" spans="14:14">
      <c r="N491138" s="10"/>
    </row>
    <row r="491139" spans="14:14">
      <c r="N491139" s="10"/>
    </row>
    <row r="491140" spans="14:14">
      <c r="N491140" s="10"/>
    </row>
    <row r="491141" spans="14:14">
      <c r="N491141" s="10"/>
    </row>
    <row r="491142" spans="14:14">
      <c r="N491142" s="10"/>
    </row>
    <row r="491143" spans="14:14">
      <c r="N491143" s="10"/>
    </row>
    <row r="491144" spans="14:14">
      <c r="N491144" s="10"/>
    </row>
    <row r="491145" spans="14:14">
      <c r="N491145" s="10"/>
    </row>
    <row r="491146" spans="14:14">
      <c r="N491146" s="10"/>
    </row>
    <row r="491147" spans="14:14">
      <c r="N491147" s="10"/>
    </row>
    <row r="491148" spans="14:14">
      <c r="N491148" s="10"/>
    </row>
    <row r="491149" spans="14:14">
      <c r="N491149" s="10"/>
    </row>
    <row r="491150" spans="14:14">
      <c r="N491150" s="10"/>
    </row>
    <row r="491151" spans="14:14">
      <c r="N491151" s="10"/>
    </row>
    <row r="491152" spans="14:14">
      <c r="N491152" s="10"/>
    </row>
    <row r="491153" spans="14:14">
      <c r="N491153" s="10"/>
    </row>
    <row r="491154" spans="14:14">
      <c r="N491154" s="10"/>
    </row>
    <row r="491155" spans="14:14">
      <c r="N491155" s="10"/>
    </row>
    <row r="491156" spans="14:14">
      <c r="N491156" s="10"/>
    </row>
    <row r="491157" spans="14:14">
      <c r="N491157" s="10"/>
    </row>
    <row r="491158" spans="14:14">
      <c r="N491158" s="10"/>
    </row>
    <row r="491159" spans="14:14">
      <c r="N491159" s="10"/>
    </row>
    <row r="491160" spans="14:14">
      <c r="N491160" s="10"/>
    </row>
    <row r="491161" spans="14:14">
      <c r="N491161" s="10"/>
    </row>
    <row r="491162" spans="14:14">
      <c r="N491162" s="10"/>
    </row>
    <row r="491163" spans="14:14">
      <c r="N491163" s="10"/>
    </row>
    <row r="491164" spans="14:14">
      <c r="N491164" s="10"/>
    </row>
    <row r="491165" spans="14:14">
      <c r="N491165" s="10"/>
    </row>
    <row r="491166" spans="14:14">
      <c r="N491166" s="10"/>
    </row>
    <row r="491167" spans="14:14">
      <c r="N491167" s="10"/>
    </row>
    <row r="491168" spans="14:14">
      <c r="N491168" s="10"/>
    </row>
    <row r="491169" spans="14:14">
      <c r="N491169" s="10"/>
    </row>
    <row r="491170" spans="14:14">
      <c r="N491170" s="10"/>
    </row>
    <row r="491171" spans="14:14">
      <c r="N491171" s="10"/>
    </row>
    <row r="491172" spans="14:14">
      <c r="N491172" s="10"/>
    </row>
    <row r="491173" spans="14:14">
      <c r="N491173" s="10"/>
    </row>
    <row r="491174" spans="14:14">
      <c r="N491174" s="10"/>
    </row>
    <row r="491175" spans="14:14">
      <c r="N491175" s="10"/>
    </row>
    <row r="491176" spans="14:14">
      <c r="N491176" s="10"/>
    </row>
    <row r="491177" spans="14:14">
      <c r="N491177" s="10"/>
    </row>
    <row r="491178" spans="14:14">
      <c r="N491178" s="10"/>
    </row>
    <row r="491179" spans="14:14">
      <c r="N491179" s="10"/>
    </row>
    <row r="491180" spans="14:14">
      <c r="N491180" s="10"/>
    </row>
    <row r="491181" spans="14:14">
      <c r="N491181" s="10"/>
    </row>
    <row r="491182" spans="14:14">
      <c r="N491182" s="10"/>
    </row>
    <row r="491183" spans="14:14">
      <c r="N491183" s="10"/>
    </row>
    <row r="491184" spans="14:14">
      <c r="N491184" s="10"/>
    </row>
    <row r="491185" spans="14:14">
      <c r="N491185" s="10"/>
    </row>
    <row r="491186" spans="14:14">
      <c r="N491186" s="10"/>
    </row>
    <row r="491187" spans="14:14">
      <c r="N491187" s="10"/>
    </row>
    <row r="491188" spans="14:14">
      <c r="N491188" s="10"/>
    </row>
    <row r="491189" spans="14:14">
      <c r="N491189" s="10"/>
    </row>
    <row r="491190" spans="14:14">
      <c r="N491190" s="10"/>
    </row>
    <row r="491191" spans="14:14">
      <c r="N491191" s="10"/>
    </row>
    <row r="491192" spans="14:14">
      <c r="N491192" s="10"/>
    </row>
    <row r="491193" spans="14:14">
      <c r="N491193" s="10"/>
    </row>
    <row r="491194" spans="14:14">
      <c r="N491194" s="10"/>
    </row>
    <row r="491195" spans="14:14">
      <c r="N491195" s="10"/>
    </row>
    <row r="491196" spans="14:14">
      <c r="N491196" s="10"/>
    </row>
    <row r="491197" spans="14:14">
      <c r="N491197" s="10"/>
    </row>
    <row r="491198" spans="14:14">
      <c r="N491198" s="10"/>
    </row>
    <row r="491199" spans="14:14">
      <c r="N491199" s="10"/>
    </row>
    <row r="491200" spans="14:14">
      <c r="N491200" s="10"/>
    </row>
    <row r="491201" spans="14:14">
      <c r="N491201" s="10"/>
    </row>
    <row r="491202" spans="14:14">
      <c r="N491202" s="10"/>
    </row>
    <row r="491203" spans="14:14">
      <c r="N491203" s="10"/>
    </row>
    <row r="491204" spans="14:14">
      <c r="N491204" s="10"/>
    </row>
    <row r="491205" spans="14:14">
      <c r="N491205" s="10"/>
    </row>
    <row r="491206" spans="14:14">
      <c r="N491206" s="10"/>
    </row>
    <row r="491207" spans="14:14">
      <c r="N491207" s="10"/>
    </row>
    <row r="491208" spans="14:14">
      <c r="N491208" s="10"/>
    </row>
    <row r="491209" spans="14:14">
      <c r="N491209" s="10"/>
    </row>
    <row r="491210" spans="14:14">
      <c r="N491210" s="10"/>
    </row>
    <row r="491211" spans="14:14">
      <c r="N491211" s="10"/>
    </row>
    <row r="491212" spans="14:14">
      <c r="N491212" s="10"/>
    </row>
    <row r="491213" spans="14:14">
      <c r="N491213" s="10"/>
    </row>
    <row r="491214" spans="14:14">
      <c r="N491214" s="10"/>
    </row>
    <row r="491215" spans="14:14">
      <c r="N491215" s="10"/>
    </row>
    <row r="491216" spans="14:14">
      <c r="N491216" s="10"/>
    </row>
    <row r="491217" spans="14:14">
      <c r="N491217" s="10"/>
    </row>
    <row r="491218" spans="14:14">
      <c r="N491218" s="10"/>
    </row>
    <row r="491219" spans="14:14">
      <c r="N491219" s="10"/>
    </row>
    <row r="491220" spans="14:14">
      <c r="N491220" s="10"/>
    </row>
    <row r="491221" spans="14:14">
      <c r="N491221" s="10"/>
    </row>
    <row r="491222" spans="14:14">
      <c r="N491222" s="10"/>
    </row>
    <row r="491223" spans="14:14">
      <c r="N491223" s="10"/>
    </row>
    <row r="491224" spans="14:14">
      <c r="N491224" s="10"/>
    </row>
    <row r="491225" spans="14:14">
      <c r="N491225" s="10"/>
    </row>
    <row r="491226" spans="14:14">
      <c r="N491226" s="10"/>
    </row>
    <row r="491227" spans="14:14">
      <c r="N491227" s="10"/>
    </row>
    <row r="491228" spans="14:14">
      <c r="N491228" s="10"/>
    </row>
    <row r="491229" spans="14:14">
      <c r="N491229" s="10"/>
    </row>
    <row r="491230" spans="14:14">
      <c r="N491230" s="10"/>
    </row>
    <row r="491231" spans="14:14">
      <c r="N491231" s="10"/>
    </row>
    <row r="491232" spans="14:14">
      <c r="N491232" s="10"/>
    </row>
    <row r="491233" spans="14:14">
      <c r="N491233" s="10"/>
    </row>
    <row r="491234" spans="14:14">
      <c r="N491234" s="10"/>
    </row>
    <row r="491235" spans="14:14">
      <c r="N491235" s="10"/>
    </row>
    <row r="491236" spans="14:14">
      <c r="N491236" s="10"/>
    </row>
    <row r="491237" spans="14:14">
      <c r="N491237" s="10"/>
    </row>
    <row r="491238" spans="14:14">
      <c r="N491238" s="10"/>
    </row>
    <row r="491239" spans="14:14">
      <c r="N491239" s="10"/>
    </row>
    <row r="491240" spans="14:14">
      <c r="N491240" s="10"/>
    </row>
    <row r="491241" spans="14:14">
      <c r="N491241" s="10"/>
    </row>
    <row r="491242" spans="14:14">
      <c r="N491242" s="10"/>
    </row>
    <row r="491243" spans="14:14">
      <c r="N491243" s="10"/>
    </row>
    <row r="491244" spans="14:14">
      <c r="N491244" s="10"/>
    </row>
    <row r="491245" spans="14:14">
      <c r="N491245" s="10"/>
    </row>
    <row r="491246" spans="14:14">
      <c r="N491246" s="10"/>
    </row>
    <row r="491247" spans="14:14">
      <c r="N491247" s="10"/>
    </row>
    <row r="491248" spans="14:14">
      <c r="N491248" s="10"/>
    </row>
    <row r="491249" spans="14:14">
      <c r="N491249" s="10"/>
    </row>
    <row r="491250" spans="14:14">
      <c r="N491250" s="10"/>
    </row>
    <row r="491251" spans="14:14">
      <c r="N491251" s="10"/>
    </row>
    <row r="491252" spans="14:14">
      <c r="N491252" s="10"/>
    </row>
    <row r="491253" spans="14:14">
      <c r="N491253" s="10"/>
    </row>
    <row r="491254" spans="14:14">
      <c r="N491254" s="10"/>
    </row>
    <row r="491255" spans="14:14">
      <c r="N491255" s="10"/>
    </row>
    <row r="491256" spans="14:14">
      <c r="N491256" s="10"/>
    </row>
    <row r="491257" spans="14:14">
      <c r="N491257" s="10"/>
    </row>
    <row r="491258" spans="14:14">
      <c r="N491258" s="10"/>
    </row>
    <row r="491259" spans="14:14">
      <c r="N491259" s="10"/>
    </row>
    <row r="491260" spans="14:14">
      <c r="N491260" s="10"/>
    </row>
    <row r="491261" spans="14:14">
      <c r="N491261" s="10"/>
    </row>
    <row r="491262" spans="14:14">
      <c r="N491262" s="10"/>
    </row>
    <row r="491263" spans="14:14">
      <c r="N491263" s="10"/>
    </row>
    <row r="491264" spans="14:14">
      <c r="N491264" s="10"/>
    </row>
    <row r="491265" spans="14:14">
      <c r="N491265" s="10"/>
    </row>
    <row r="491266" spans="14:14">
      <c r="N491266" s="10"/>
    </row>
    <row r="491267" spans="14:14">
      <c r="N491267" s="10"/>
    </row>
    <row r="491268" spans="14:14">
      <c r="N491268" s="10"/>
    </row>
    <row r="491269" spans="14:14">
      <c r="N491269" s="10"/>
    </row>
    <row r="491270" spans="14:14">
      <c r="N491270" s="10"/>
    </row>
    <row r="491271" spans="14:14">
      <c r="N491271" s="10"/>
    </row>
    <row r="491272" spans="14:14">
      <c r="N491272" s="10"/>
    </row>
    <row r="491273" spans="14:14">
      <c r="N491273" s="10"/>
    </row>
    <row r="491274" spans="14:14">
      <c r="N491274" s="10"/>
    </row>
    <row r="491275" spans="14:14">
      <c r="N491275" s="10"/>
    </row>
    <row r="491276" spans="14:14">
      <c r="N491276" s="10"/>
    </row>
    <row r="491277" spans="14:14">
      <c r="N491277" s="10"/>
    </row>
    <row r="491278" spans="14:14">
      <c r="N491278" s="10"/>
    </row>
    <row r="491279" spans="14:14">
      <c r="N491279" s="10"/>
    </row>
    <row r="491280" spans="14:14">
      <c r="N491280" s="10"/>
    </row>
    <row r="491281" spans="14:14">
      <c r="N491281" s="10"/>
    </row>
    <row r="491282" spans="14:14">
      <c r="N491282" s="10"/>
    </row>
    <row r="491283" spans="14:14">
      <c r="N491283" s="10"/>
    </row>
    <row r="491284" spans="14:14">
      <c r="N491284" s="10"/>
    </row>
    <row r="491285" spans="14:14">
      <c r="N491285" s="10"/>
    </row>
    <row r="491286" spans="14:14">
      <c r="N491286" s="10"/>
    </row>
    <row r="491287" spans="14:14">
      <c r="N491287" s="10"/>
    </row>
    <row r="491288" spans="14:14">
      <c r="N491288" s="10"/>
    </row>
    <row r="491289" spans="14:14">
      <c r="N491289" s="10"/>
    </row>
    <row r="491290" spans="14:14">
      <c r="N491290" s="10"/>
    </row>
    <row r="491291" spans="14:14">
      <c r="N491291" s="10"/>
    </row>
    <row r="491292" spans="14:14">
      <c r="N491292" s="10"/>
    </row>
    <row r="491293" spans="14:14">
      <c r="N491293" s="10"/>
    </row>
    <row r="491294" spans="14:14">
      <c r="N491294" s="10"/>
    </row>
    <row r="491295" spans="14:14">
      <c r="N491295" s="10"/>
    </row>
    <row r="491296" spans="14:14">
      <c r="N491296" s="10"/>
    </row>
    <row r="491297" spans="14:14">
      <c r="N491297" s="10"/>
    </row>
    <row r="491298" spans="14:14">
      <c r="N491298" s="10"/>
    </row>
    <row r="491299" spans="14:14">
      <c r="N491299" s="10"/>
    </row>
    <row r="491300" spans="14:14">
      <c r="N491300" s="10"/>
    </row>
    <row r="491301" spans="14:14">
      <c r="N491301" s="10"/>
    </row>
    <row r="491302" spans="14:14">
      <c r="N491302" s="10"/>
    </row>
    <row r="491303" spans="14:14">
      <c r="N491303" s="10"/>
    </row>
    <row r="491304" spans="14:14">
      <c r="N491304" s="10"/>
    </row>
    <row r="491305" spans="14:14">
      <c r="N491305" s="10"/>
    </row>
    <row r="491306" spans="14:14">
      <c r="N491306" s="10"/>
    </row>
    <row r="491307" spans="14:14">
      <c r="N491307" s="10"/>
    </row>
    <row r="491308" spans="14:14">
      <c r="N491308" s="10"/>
    </row>
    <row r="491309" spans="14:14">
      <c r="N491309" s="10"/>
    </row>
    <row r="491310" spans="14:14">
      <c r="N491310" s="10"/>
    </row>
    <row r="491311" spans="14:14">
      <c r="N491311" s="10"/>
    </row>
    <row r="491312" spans="14:14">
      <c r="N491312" s="10"/>
    </row>
    <row r="491313" spans="14:14">
      <c r="N491313" s="10"/>
    </row>
    <row r="491314" spans="14:14">
      <c r="N491314" s="10"/>
    </row>
    <row r="491315" spans="14:14">
      <c r="N491315" s="10"/>
    </row>
    <row r="491316" spans="14:14">
      <c r="N491316" s="10"/>
    </row>
    <row r="491317" spans="14:14">
      <c r="N491317" s="10"/>
    </row>
    <row r="491318" spans="14:14">
      <c r="N491318" s="10"/>
    </row>
    <row r="491319" spans="14:14">
      <c r="N491319" s="10"/>
    </row>
    <row r="491320" spans="14:14">
      <c r="N491320" s="10"/>
    </row>
    <row r="491321" spans="14:14">
      <c r="N491321" s="10"/>
    </row>
    <row r="491322" spans="14:14">
      <c r="N491322" s="10"/>
    </row>
    <row r="491323" spans="14:14">
      <c r="N491323" s="10"/>
    </row>
    <row r="491324" spans="14:14">
      <c r="N491324" s="10"/>
    </row>
    <row r="491325" spans="14:14">
      <c r="N491325" s="10"/>
    </row>
    <row r="491326" spans="14:14">
      <c r="N491326" s="10"/>
    </row>
    <row r="491327" spans="14:14">
      <c r="N491327" s="10"/>
    </row>
    <row r="491328" spans="14:14">
      <c r="N491328" s="10"/>
    </row>
    <row r="491329" spans="14:14">
      <c r="N491329" s="10"/>
    </row>
    <row r="491330" spans="14:14">
      <c r="N491330" s="10"/>
    </row>
    <row r="491331" spans="14:14">
      <c r="N491331" s="10"/>
    </row>
    <row r="491332" spans="14:14">
      <c r="N491332" s="10"/>
    </row>
    <row r="491333" spans="14:14">
      <c r="N491333" s="10"/>
    </row>
    <row r="491334" spans="14:14">
      <c r="N491334" s="10"/>
    </row>
    <row r="491335" spans="14:14">
      <c r="N491335" s="10"/>
    </row>
    <row r="491336" spans="14:14">
      <c r="N491336" s="10"/>
    </row>
    <row r="491337" spans="14:14">
      <c r="N491337" s="10"/>
    </row>
    <row r="491338" spans="14:14">
      <c r="N491338" s="10"/>
    </row>
    <row r="491339" spans="14:14">
      <c r="N491339" s="10"/>
    </row>
    <row r="491340" spans="14:14">
      <c r="N491340" s="10"/>
    </row>
    <row r="491341" spans="14:14">
      <c r="N491341" s="10"/>
    </row>
    <row r="491342" spans="14:14">
      <c r="N491342" s="10"/>
    </row>
    <row r="491343" spans="14:14">
      <c r="N491343" s="10"/>
    </row>
    <row r="491344" spans="14:14">
      <c r="N491344" s="10"/>
    </row>
    <row r="491345" spans="14:14">
      <c r="N491345" s="10"/>
    </row>
    <row r="491346" spans="14:14">
      <c r="N491346" s="10"/>
    </row>
    <row r="491347" spans="14:14">
      <c r="N491347" s="10"/>
    </row>
    <row r="491348" spans="14:14">
      <c r="N491348" s="10"/>
    </row>
    <row r="491349" spans="14:14">
      <c r="N491349" s="10"/>
    </row>
    <row r="491350" spans="14:14">
      <c r="N491350" s="10"/>
    </row>
    <row r="491351" spans="14:14">
      <c r="N491351" s="10"/>
    </row>
    <row r="491352" spans="14:14">
      <c r="N491352" s="10"/>
    </row>
    <row r="491353" spans="14:14">
      <c r="N491353" s="10"/>
    </row>
    <row r="491354" spans="14:14">
      <c r="N491354" s="10"/>
    </row>
    <row r="491355" spans="14:14">
      <c r="N491355" s="10"/>
    </row>
    <row r="491356" spans="14:14">
      <c r="N491356" s="10"/>
    </row>
    <row r="491357" spans="14:14">
      <c r="N491357" s="10"/>
    </row>
    <row r="491358" spans="14:14">
      <c r="N491358" s="10"/>
    </row>
    <row r="491359" spans="14:14">
      <c r="N491359" s="10"/>
    </row>
    <row r="491360" spans="14:14">
      <c r="N491360" s="10"/>
    </row>
    <row r="491361" spans="14:14">
      <c r="N491361" s="10"/>
    </row>
    <row r="491362" spans="14:14">
      <c r="N491362" s="10"/>
    </row>
    <row r="491363" spans="14:14">
      <c r="N491363" s="10"/>
    </row>
    <row r="491364" spans="14:14">
      <c r="N491364" s="10"/>
    </row>
    <row r="491365" spans="14:14">
      <c r="N491365" s="10"/>
    </row>
    <row r="491366" spans="14:14">
      <c r="N491366" s="10"/>
    </row>
    <row r="491367" spans="14:14">
      <c r="N491367" s="10"/>
    </row>
    <row r="491368" spans="14:14">
      <c r="N491368" s="10"/>
    </row>
    <row r="491369" spans="14:14">
      <c r="N491369" s="10"/>
    </row>
    <row r="491370" spans="14:14">
      <c r="N491370" s="10"/>
    </row>
    <row r="491371" spans="14:14">
      <c r="N491371" s="10"/>
    </row>
    <row r="491372" spans="14:14">
      <c r="N491372" s="10"/>
    </row>
    <row r="491373" spans="14:14">
      <c r="N491373" s="10"/>
    </row>
    <row r="491374" spans="14:14">
      <c r="N491374" s="10"/>
    </row>
    <row r="491375" spans="14:14">
      <c r="N491375" s="10"/>
    </row>
    <row r="491376" spans="14:14">
      <c r="N491376" s="10"/>
    </row>
    <row r="491377" spans="14:14">
      <c r="N491377" s="10"/>
    </row>
    <row r="491378" spans="14:14">
      <c r="N491378" s="10"/>
    </row>
    <row r="491379" spans="14:14">
      <c r="N491379" s="10"/>
    </row>
    <row r="491380" spans="14:14">
      <c r="N491380" s="10"/>
    </row>
    <row r="491381" spans="14:14">
      <c r="N491381" s="10"/>
    </row>
    <row r="491382" spans="14:14">
      <c r="N491382" s="10"/>
    </row>
    <row r="491383" spans="14:14">
      <c r="N491383" s="10"/>
    </row>
    <row r="491384" spans="14:14">
      <c r="N491384" s="10"/>
    </row>
    <row r="491385" spans="14:14">
      <c r="N491385" s="10"/>
    </row>
    <row r="491386" spans="14:14">
      <c r="N491386" s="10"/>
    </row>
    <row r="491387" spans="14:14">
      <c r="N491387" s="10"/>
    </row>
    <row r="491388" spans="14:14">
      <c r="N491388" s="10"/>
    </row>
    <row r="491389" spans="14:14">
      <c r="N491389" s="10"/>
    </row>
    <row r="491390" spans="14:14">
      <c r="N491390" s="10"/>
    </row>
    <row r="491391" spans="14:14">
      <c r="N491391" s="10"/>
    </row>
    <row r="491392" spans="14:14">
      <c r="N491392" s="10"/>
    </row>
    <row r="491393" spans="14:14">
      <c r="N491393" s="10"/>
    </row>
    <row r="491394" spans="14:14">
      <c r="N491394" s="10"/>
    </row>
    <row r="491395" spans="14:14">
      <c r="N491395" s="10"/>
    </row>
    <row r="491396" spans="14:14">
      <c r="N491396" s="10"/>
    </row>
    <row r="491397" spans="14:14">
      <c r="N491397" s="10"/>
    </row>
    <row r="491398" spans="14:14">
      <c r="N491398" s="10"/>
    </row>
    <row r="491399" spans="14:14">
      <c r="N491399" s="10"/>
    </row>
    <row r="491400" spans="14:14">
      <c r="N491400" s="10"/>
    </row>
    <row r="491401" spans="14:14">
      <c r="N491401" s="10"/>
    </row>
    <row r="491402" spans="14:14">
      <c r="N491402" s="10"/>
    </row>
    <row r="491403" spans="14:14">
      <c r="N491403" s="10"/>
    </row>
    <row r="491404" spans="14:14">
      <c r="N491404" s="10"/>
    </row>
    <row r="491405" spans="14:14">
      <c r="N491405" s="10"/>
    </row>
    <row r="491406" spans="14:14">
      <c r="N491406" s="10"/>
    </row>
    <row r="491407" spans="14:14">
      <c r="N491407" s="10"/>
    </row>
    <row r="491408" spans="14:14">
      <c r="N491408" s="10"/>
    </row>
    <row r="491409" spans="14:14">
      <c r="N491409" s="10"/>
    </row>
    <row r="491410" spans="14:14">
      <c r="N491410" s="10"/>
    </row>
    <row r="491411" spans="14:14">
      <c r="N491411" s="10"/>
    </row>
    <row r="491412" spans="14:14">
      <c r="N491412" s="10"/>
    </row>
    <row r="491413" spans="14:14">
      <c r="N491413" s="10"/>
    </row>
    <row r="491414" spans="14:14">
      <c r="N491414" s="10"/>
    </row>
    <row r="491415" spans="14:14">
      <c r="N491415" s="10"/>
    </row>
    <row r="491416" spans="14:14">
      <c r="N491416" s="10"/>
    </row>
    <row r="491417" spans="14:14">
      <c r="N491417" s="10"/>
    </row>
    <row r="491418" spans="14:14">
      <c r="N491418" s="10"/>
    </row>
    <row r="491419" spans="14:14">
      <c r="N491419" s="10"/>
    </row>
    <row r="491420" spans="14:14">
      <c r="N491420" s="10"/>
    </row>
    <row r="491421" spans="14:14">
      <c r="N491421" s="10"/>
    </row>
    <row r="491422" spans="14:14">
      <c r="N491422" s="10"/>
    </row>
    <row r="491423" spans="14:14">
      <c r="N491423" s="10"/>
    </row>
    <row r="491424" spans="14:14">
      <c r="N491424" s="10"/>
    </row>
    <row r="491425" spans="14:14">
      <c r="N491425" s="10"/>
    </row>
    <row r="491426" spans="14:14">
      <c r="N491426" s="10"/>
    </row>
    <row r="491427" spans="14:14">
      <c r="N491427" s="10"/>
    </row>
    <row r="491428" spans="14:14">
      <c r="N491428" s="10"/>
    </row>
    <row r="491429" spans="14:14">
      <c r="N491429" s="10"/>
    </row>
    <row r="491430" spans="14:14">
      <c r="N491430" s="10"/>
    </row>
    <row r="491431" spans="14:14">
      <c r="N491431" s="10"/>
    </row>
    <row r="491432" spans="14:14">
      <c r="N491432" s="10"/>
    </row>
    <row r="491433" spans="14:14">
      <c r="N491433" s="10"/>
    </row>
    <row r="491434" spans="14:14">
      <c r="N491434" s="10"/>
    </row>
    <row r="491435" spans="14:14">
      <c r="N491435" s="10"/>
    </row>
    <row r="491436" spans="14:14">
      <c r="N491436" s="10"/>
    </row>
    <row r="491437" spans="14:14">
      <c r="N491437" s="10"/>
    </row>
    <row r="491438" spans="14:14">
      <c r="N491438" s="10"/>
    </row>
    <row r="491439" spans="14:14">
      <c r="N491439" s="10"/>
    </row>
    <row r="491440" spans="14:14">
      <c r="N491440" s="10"/>
    </row>
    <row r="491441" spans="14:14">
      <c r="N491441" s="10"/>
    </row>
    <row r="491442" spans="14:14">
      <c r="N491442" s="10"/>
    </row>
    <row r="491443" spans="14:14">
      <c r="N491443" s="10"/>
    </row>
    <row r="491444" spans="14:14">
      <c r="N491444" s="10"/>
    </row>
    <row r="491445" spans="14:14">
      <c r="N491445" s="10"/>
    </row>
    <row r="491446" spans="14:14">
      <c r="N491446" s="10"/>
    </row>
    <row r="491447" spans="14:14">
      <c r="N491447" s="10"/>
    </row>
    <row r="491448" spans="14:14">
      <c r="N491448" s="10"/>
    </row>
    <row r="491449" spans="14:14">
      <c r="N491449" s="10"/>
    </row>
    <row r="491450" spans="14:14">
      <c r="N491450" s="10"/>
    </row>
    <row r="491451" spans="14:14">
      <c r="N491451" s="10"/>
    </row>
    <row r="491452" spans="14:14">
      <c r="N491452" s="10"/>
    </row>
    <row r="491453" spans="14:14">
      <c r="N491453" s="10"/>
    </row>
    <row r="491454" spans="14:14">
      <c r="N491454" s="10"/>
    </row>
    <row r="491455" spans="14:14">
      <c r="N491455" s="10"/>
    </row>
    <row r="491456" spans="14:14">
      <c r="N491456" s="10"/>
    </row>
    <row r="491457" spans="14:14">
      <c r="N491457" s="10"/>
    </row>
    <row r="491458" spans="14:14">
      <c r="N491458" s="10"/>
    </row>
    <row r="491459" spans="14:14">
      <c r="N491459" s="10"/>
    </row>
    <row r="491460" spans="14:14">
      <c r="N491460" s="10"/>
    </row>
    <row r="491461" spans="14:14">
      <c r="N491461" s="10"/>
    </row>
    <row r="491462" spans="14:14">
      <c r="N491462" s="10"/>
    </row>
    <row r="491463" spans="14:14">
      <c r="N491463" s="10"/>
    </row>
    <row r="491464" spans="14:14">
      <c r="N491464" s="10"/>
    </row>
    <row r="491465" spans="14:14">
      <c r="N491465" s="10"/>
    </row>
    <row r="491466" spans="14:14">
      <c r="N491466" s="10"/>
    </row>
    <row r="491467" spans="14:14">
      <c r="N491467" s="10"/>
    </row>
    <row r="491468" spans="14:14">
      <c r="N491468" s="10"/>
    </row>
    <row r="491469" spans="14:14">
      <c r="N491469" s="10"/>
    </row>
    <row r="491470" spans="14:14">
      <c r="N491470" s="10"/>
    </row>
    <row r="491471" spans="14:14">
      <c r="N491471" s="10"/>
    </row>
    <row r="491472" spans="14:14">
      <c r="N491472" s="10"/>
    </row>
    <row r="491473" spans="14:14">
      <c r="N491473" s="10"/>
    </row>
    <row r="491474" spans="14:14">
      <c r="N491474" s="10"/>
    </row>
    <row r="491475" spans="14:14">
      <c r="N491475" s="10"/>
    </row>
    <row r="491476" spans="14:14">
      <c r="N491476" s="10"/>
    </row>
    <row r="491477" spans="14:14">
      <c r="N491477" s="10"/>
    </row>
    <row r="491478" spans="14:14">
      <c r="N491478" s="10"/>
    </row>
    <row r="491479" spans="14:14">
      <c r="N491479" s="10"/>
    </row>
    <row r="491480" spans="14:14">
      <c r="N491480" s="10"/>
    </row>
    <row r="491481" spans="14:14">
      <c r="N491481" s="10"/>
    </row>
    <row r="491482" spans="14:14">
      <c r="N491482" s="10"/>
    </row>
    <row r="491483" spans="14:14">
      <c r="N491483" s="10"/>
    </row>
    <row r="491484" spans="14:14">
      <c r="N491484" s="10"/>
    </row>
    <row r="491485" spans="14:14">
      <c r="N491485" s="10"/>
    </row>
    <row r="491486" spans="14:14">
      <c r="N491486" s="10"/>
    </row>
    <row r="491487" spans="14:14">
      <c r="N491487" s="10"/>
    </row>
    <row r="491488" spans="14:14">
      <c r="N491488" s="10"/>
    </row>
    <row r="491489" spans="14:14">
      <c r="N491489" s="10"/>
    </row>
    <row r="491490" spans="14:14">
      <c r="N491490" s="10"/>
    </row>
    <row r="491491" spans="14:14">
      <c r="N491491" s="10"/>
    </row>
    <row r="491492" spans="14:14">
      <c r="N491492" s="10"/>
    </row>
    <row r="491493" spans="14:14">
      <c r="N491493" s="10"/>
    </row>
    <row r="491494" spans="14:14">
      <c r="N491494" s="10"/>
    </row>
    <row r="491495" spans="14:14">
      <c r="N491495" s="10"/>
    </row>
    <row r="491496" spans="14:14">
      <c r="N491496" s="10"/>
    </row>
    <row r="491497" spans="14:14">
      <c r="N491497" s="10"/>
    </row>
    <row r="491498" spans="14:14">
      <c r="N491498" s="10"/>
    </row>
    <row r="491499" spans="14:14">
      <c r="N491499" s="10"/>
    </row>
    <row r="491500" spans="14:14">
      <c r="N491500" s="10"/>
    </row>
    <row r="491501" spans="14:14">
      <c r="N491501" s="10"/>
    </row>
    <row r="491502" spans="14:14">
      <c r="N491502" s="10"/>
    </row>
    <row r="491503" spans="14:14">
      <c r="N491503" s="10"/>
    </row>
    <row r="491504" spans="14:14">
      <c r="N491504" s="10"/>
    </row>
    <row r="491505" spans="14:14">
      <c r="N491505" s="10"/>
    </row>
    <row r="491506" spans="14:14">
      <c r="N491506" s="10"/>
    </row>
    <row r="491507" spans="14:14">
      <c r="N491507" s="10"/>
    </row>
    <row r="491508" spans="14:14">
      <c r="N491508" s="10"/>
    </row>
    <row r="491509" spans="14:14">
      <c r="N491509" s="10"/>
    </row>
    <row r="491510" spans="14:14">
      <c r="N491510" s="10"/>
    </row>
    <row r="491511" spans="14:14">
      <c r="N491511" s="10"/>
    </row>
    <row r="491512" spans="14:14">
      <c r="N491512" s="10"/>
    </row>
    <row r="491513" spans="14:14">
      <c r="N491513" s="10"/>
    </row>
    <row r="491514" spans="14:14">
      <c r="N491514" s="10"/>
    </row>
    <row r="491515" spans="14:14">
      <c r="N491515" s="10"/>
    </row>
    <row r="491516" spans="14:14">
      <c r="N491516" s="10"/>
    </row>
    <row r="491517" spans="14:14">
      <c r="N491517" s="10"/>
    </row>
    <row r="491518" spans="14:14">
      <c r="N491518" s="10"/>
    </row>
    <row r="491519" spans="14:14">
      <c r="N491519" s="10"/>
    </row>
    <row r="491520" spans="14:14">
      <c r="N491520" s="10"/>
    </row>
    <row r="491521" spans="14:14">
      <c r="N491521" s="10"/>
    </row>
    <row r="491522" spans="14:14">
      <c r="N491522" s="10"/>
    </row>
    <row r="491523" spans="14:14">
      <c r="N491523" s="10"/>
    </row>
    <row r="491524" spans="14:14">
      <c r="N491524" s="10"/>
    </row>
    <row r="491525" spans="14:14">
      <c r="N491525" s="10"/>
    </row>
    <row r="491526" spans="14:14">
      <c r="N491526" s="10"/>
    </row>
    <row r="491527" spans="14:14">
      <c r="N491527" s="10"/>
    </row>
    <row r="491528" spans="14:14">
      <c r="N491528" s="10"/>
    </row>
    <row r="491529" spans="14:14">
      <c r="N491529" s="10"/>
    </row>
    <row r="491530" spans="14:14">
      <c r="N491530" s="10"/>
    </row>
    <row r="491531" spans="14:14">
      <c r="N491531" s="10"/>
    </row>
    <row r="491532" spans="14:14">
      <c r="N491532" s="10"/>
    </row>
    <row r="491533" spans="14:14">
      <c r="N491533" s="10"/>
    </row>
    <row r="491534" spans="14:14">
      <c r="N491534" s="10"/>
    </row>
    <row r="491535" spans="14:14">
      <c r="N491535" s="10"/>
    </row>
    <row r="491536" spans="14:14">
      <c r="N491536" s="10"/>
    </row>
    <row r="491537" spans="14:14">
      <c r="N491537" s="10"/>
    </row>
    <row r="491538" spans="14:14">
      <c r="N491538" s="10"/>
    </row>
    <row r="491539" spans="14:14">
      <c r="N491539" s="10"/>
    </row>
    <row r="491540" spans="14:14">
      <c r="N491540" s="10"/>
    </row>
    <row r="491541" spans="14:14">
      <c r="N491541" s="10"/>
    </row>
    <row r="491542" spans="14:14">
      <c r="N491542" s="10"/>
    </row>
    <row r="491543" spans="14:14">
      <c r="N491543" s="10"/>
    </row>
    <row r="491544" spans="14:14">
      <c r="N491544" s="10"/>
    </row>
    <row r="491545" spans="14:14">
      <c r="N491545" s="10"/>
    </row>
    <row r="491546" spans="14:14">
      <c r="N491546" s="10"/>
    </row>
    <row r="491547" spans="14:14">
      <c r="N491547" s="10"/>
    </row>
    <row r="491548" spans="14:14">
      <c r="N491548" s="10"/>
    </row>
    <row r="491549" spans="14:14">
      <c r="N491549" s="10"/>
    </row>
    <row r="491550" spans="14:14">
      <c r="N491550" s="10"/>
    </row>
    <row r="491551" spans="14:14">
      <c r="N491551" s="10"/>
    </row>
    <row r="491552" spans="14:14">
      <c r="N491552" s="10"/>
    </row>
    <row r="491553" spans="14:14">
      <c r="N491553" s="10"/>
    </row>
    <row r="491554" spans="14:14">
      <c r="N491554" s="10"/>
    </row>
    <row r="491555" spans="14:14">
      <c r="N491555" s="10"/>
    </row>
    <row r="491556" spans="14:14">
      <c r="N491556" s="10"/>
    </row>
    <row r="491557" spans="14:14">
      <c r="N491557" s="10"/>
    </row>
    <row r="491558" spans="14:14">
      <c r="N491558" s="10"/>
    </row>
    <row r="491559" spans="14:14">
      <c r="N491559" s="10"/>
    </row>
    <row r="491560" spans="14:14">
      <c r="N491560" s="10"/>
    </row>
    <row r="491561" spans="14:14">
      <c r="N491561" s="10"/>
    </row>
    <row r="491562" spans="14:14">
      <c r="N491562" s="10"/>
    </row>
    <row r="491563" spans="14:14">
      <c r="N491563" s="10"/>
    </row>
    <row r="491564" spans="14:14">
      <c r="N491564" s="10"/>
    </row>
    <row r="491565" spans="14:14">
      <c r="N491565" s="10"/>
    </row>
    <row r="491566" spans="14:14">
      <c r="N491566" s="10"/>
    </row>
    <row r="491567" spans="14:14">
      <c r="N491567" s="10"/>
    </row>
    <row r="491568" spans="14:14">
      <c r="N491568" s="10"/>
    </row>
    <row r="491569" spans="14:14">
      <c r="N491569" s="10"/>
    </row>
    <row r="491570" spans="14:14">
      <c r="N491570" s="10"/>
    </row>
    <row r="491571" spans="14:14">
      <c r="N491571" s="10"/>
    </row>
    <row r="491572" spans="14:14">
      <c r="N491572" s="10"/>
    </row>
    <row r="491573" spans="14:14">
      <c r="N491573" s="10"/>
    </row>
    <row r="491574" spans="14:14">
      <c r="N491574" s="10"/>
    </row>
    <row r="491575" spans="14:14">
      <c r="N491575" s="10"/>
    </row>
    <row r="491576" spans="14:14">
      <c r="N491576" s="10"/>
    </row>
    <row r="491577" spans="14:14">
      <c r="N491577" s="10"/>
    </row>
    <row r="491578" spans="14:14">
      <c r="N491578" s="10"/>
    </row>
    <row r="491579" spans="14:14">
      <c r="N491579" s="10"/>
    </row>
    <row r="491580" spans="14:14">
      <c r="N491580" s="10"/>
    </row>
    <row r="491581" spans="14:14">
      <c r="N491581" s="10"/>
    </row>
    <row r="491582" spans="14:14">
      <c r="N491582" s="10"/>
    </row>
    <row r="491583" spans="14:14">
      <c r="N491583" s="10"/>
    </row>
    <row r="491584" spans="14:14">
      <c r="N491584" s="10"/>
    </row>
    <row r="491585" spans="14:14">
      <c r="N491585" s="10"/>
    </row>
    <row r="491586" spans="14:14">
      <c r="N491586" s="10"/>
    </row>
    <row r="491587" spans="14:14">
      <c r="N491587" s="10"/>
    </row>
    <row r="491588" spans="14:14">
      <c r="N491588" s="10"/>
    </row>
    <row r="491589" spans="14:14">
      <c r="N491589" s="10"/>
    </row>
    <row r="491590" spans="14:14">
      <c r="N491590" s="10"/>
    </row>
    <row r="491591" spans="14:14">
      <c r="N491591" s="10"/>
    </row>
    <row r="491592" spans="14:14">
      <c r="N491592" s="10"/>
    </row>
    <row r="491593" spans="14:14">
      <c r="N491593" s="10"/>
    </row>
    <row r="491594" spans="14:14">
      <c r="N491594" s="10"/>
    </row>
    <row r="491595" spans="14:14">
      <c r="N491595" s="10"/>
    </row>
    <row r="491596" spans="14:14">
      <c r="N491596" s="10"/>
    </row>
    <row r="491597" spans="14:14">
      <c r="N491597" s="10"/>
    </row>
    <row r="491598" spans="14:14">
      <c r="N491598" s="10"/>
    </row>
    <row r="491599" spans="14:14">
      <c r="N491599" s="10"/>
    </row>
    <row r="491600" spans="14:14">
      <c r="N491600" s="10"/>
    </row>
    <row r="491601" spans="14:14">
      <c r="N491601" s="10"/>
    </row>
    <row r="491602" spans="14:14">
      <c r="N491602" s="10"/>
    </row>
    <row r="491603" spans="14:14">
      <c r="N491603" s="10"/>
    </row>
    <row r="491604" spans="14:14">
      <c r="N491604" s="10"/>
    </row>
    <row r="491605" spans="14:14">
      <c r="N491605" s="10"/>
    </row>
    <row r="491606" spans="14:14">
      <c r="N491606" s="10"/>
    </row>
    <row r="491607" spans="14:14">
      <c r="N491607" s="10"/>
    </row>
    <row r="491608" spans="14:14">
      <c r="N491608" s="10"/>
    </row>
    <row r="491609" spans="14:14">
      <c r="N491609" s="10"/>
    </row>
    <row r="491610" spans="14:14">
      <c r="N491610" s="10"/>
    </row>
    <row r="491611" spans="14:14">
      <c r="N491611" s="10"/>
    </row>
    <row r="491612" spans="14:14">
      <c r="N491612" s="10"/>
    </row>
    <row r="491613" spans="14:14">
      <c r="N491613" s="10"/>
    </row>
    <row r="491614" spans="14:14">
      <c r="N491614" s="10"/>
    </row>
    <row r="491615" spans="14:14">
      <c r="N491615" s="10"/>
    </row>
    <row r="491616" spans="14:14">
      <c r="N491616" s="10"/>
    </row>
    <row r="491617" spans="14:14">
      <c r="N491617" s="10"/>
    </row>
    <row r="491618" spans="14:14">
      <c r="N491618" s="10"/>
    </row>
    <row r="491619" spans="14:14">
      <c r="N491619" s="10"/>
    </row>
    <row r="491620" spans="14:14">
      <c r="N491620" s="10"/>
    </row>
    <row r="491621" spans="14:14">
      <c r="N491621" s="10"/>
    </row>
    <row r="491622" spans="14:14">
      <c r="N491622" s="10"/>
    </row>
    <row r="491623" spans="14:14">
      <c r="N491623" s="10"/>
    </row>
    <row r="491624" spans="14:14">
      <c r="N491624" s="10"/>
    </row>
    <row r="491625" spans="14:14">
      <c r="N491625" s="10"/>
    </row>
    <row r="491626" spans="14:14">
      <c r="N491626" s="10"/>
    </row>
    <row r="491627" spans="14:14">
      <c r="N491627" s="10"/>
    </row>
    <row r="491628" spans="14:14">
      <c r="N491628" s="10"/>
    </row>
    <row r="491629" spans="14:14">
      <c r="N491629" s="10"/>
    </row>
    <row r="491630" spans="14:14">
      <c r="N491630" s="10"/>
    </row>
    <row r="491631" spans="14:14">
      <c r="N491631" s="10"/>
    </row>
    <row r="491632" spans="14:14">
      <c r="N491632" s="10"/>
    </row>
    <row r="491633" spans="14:14">
      <c r="N491633" s="10"/>
    </row>
    <row r="491634" spans="14:14">
      <c r="N491634" s="10"/>
    </row>
    <row r="491635" spans="14:14">
      <c r="N491635" s="10"/>
    </row>
    <row r="491636" spans="14:14">
      <c r="N491636" s="10"/>
    </row>
    <row r="491637" spans="14:14">
      <c r="N491637" s="10"/>
    </row>
    <row r="491638" spans="14:14">
      <c r="N491638" s="10"/>
    </row>
    <row r="491639" spans="14:14">
      <c r="N491639" s="10"/>
    </row>
    <row r="491640" spans="14:14">
      <c r="N491640" s="10"/>
    </row>
    <row r="491641" spans="14:14">
      <c r="N491641" s="10"/>
    </row>
    <row r="491642" spans="14:14">
      <c r="N491642" s="10"/>
    </row>
    <row r="491643" spans="14:14">
      <c r="N491643" s="10"/>
    </row>
    <row r="491644" spans="14:14">
      <c r="N491644" s="10"/>
    </row>
    <row r="491645" spans="14:14">
      <c r="N491645" s="10"/>
    </row>
    <row r="491646" spans="14:14">
      <c r="N491646" s="10"/>
    </row>
    <row r="491647" spans="14:14">
      <c r="N491647" s="10"/>
    </row>
    <row r="491648" spans="14:14">
      <c r="N491648" s="10"/>
    </row>
    <row r="491649" spans="14:14">
      <c r="N491649" s="10"/>
    </row>
    <row r="491650" spans="14:14">
      <c r="N491650" s="10"/>
    </row>
    <row r="491651" spans="14:14">
      <c r="N491651" s="10"/>
    </row>
    <row r="491652" spans="14:14">
      <c r="N491652" s="10"/>
    </row>
    <row r="491653" spans="14:14">
      <c r="N491653" s="10"/>
    </row>
    <row r="491654" spans="14:14">
      <c r="N491654" s="10"/>
    </row>
    <row r="491655" spans="14:14">
      <c r="N491655" s="10"/>
    </row>
    <row r="491656" spans="14:14">
      <c r="N491656" s="10"/>
    </row>
    <row r="491657" spans="14:14">
      <c r="N491657" s="10"/>
    </row>
    <row r="491658" spans="14:14">
      <c r="N491658" s="10"/>
    </row>
    <row r="491659" spans="14:14">
      <c r="N491659" s="10"/>
    </row>
    <row r="491660" spans="14:14">
      <c r="N491660" s="10"/>
    </row>
    <row r="491661" spans="14:14">
      <c r="N491661" s="10"/>
    </row>
    <row r="491662" spans="14:14">
      <c r="N491662" s="10"/>
    </row>
    <row r="491663" spans="14:14">
      <c r="N491663" s="10"/>
    </row>
    <row r="491664" spans="14:14">
      <c r="N491664" s="10"/>
    </row>
    <row r="491665" spans="14:14">
      <c r="N491665" s="10"/>
    </row>
    <row r="491666" spans="14:14">
      <c r="N491666" s="10"/>
    </row>
    <row r="491667" spans="14:14">
      <c r="N491667" s="10"/>
    </row>
    <row r="491668" spans="14:14">
      <c r="N491668" s="10"/>
    </row>
    <row r="491669" spans="14:14">
      <c r="N491669" s="10"/>
    </row>
    <row r="491670" spans="14:14">
      <c r="N491670" s="10"/>
    </row>
    <row r="491671" spans="14:14">
      <c r="N491671" s="10"/>
    </row>
    <row r="491672" spans="14:14">
      <c r="N491672" s="10"/>
    </row>
    <row r="491673" spans="14:14">
      <c r="N491673" s="10"/>
    </row>
    <row r="491674" spans="14:14">
      <c r="N491674" s="10"/>
    </row>
    <row r="491675" spans="14:14">
      <c r="N491675" s="10"/>
    </row>
    <row r="491676" spans="14:14">
      <c r="N491676" s="10"/>
    </row>
    <row r="491677" spans="14:14">
      <c r="N491677" s="10"/>
    </row>
    <row r="491678" spans="14:14">
      <c r="N491678" s="10"/>
    </row>
    <row r="491679" spans="14:14">
      <c r="N491679" s="10"/>
    </row>
    <row r="491680" spans="14:14">
      <c r="N491680" s="10"/>
    </row>
    <row r="491681" spans="14:14">
      <c r="N491681" s="10"/>
    </row>
    <row r="491682" spans="14:14">
      <c r="N491682" s="10"/>
    </row>
    <row r="491683" spans="14:14">
      <c r="N491683" s="10"/>
    </row>
    <row r="491684" spans="14:14">
      <c r="N491684" s="10"/>
    </row>
    <row r="491685" spans="14:14">
      <c r="N491685" s="10"/>
    </row>
    <row r="491686" spans="14:14">
      <c r="N491686" s="10"/>
    </row>
    <row r="491687" spans="14:14">
      <c r="N491687" s="10"/>
    </row>
    <row r="491688" spans="14:14">
      <c r="N491688" s="10"/>
    </row>
    <row r="491689" spans="14:14">
      <c r="N491689" s="10"/>
    </row>
    <row r="491690" spans="14:14">
      <c r="N491690" s="10"/>
    </row>
    <row r="491691" spans="14:14">
      <c r="N491691" s="10"/>
    </row>
    <row r="491692" spans="14:14">
      <c r="N491692" s="10"/>
    </row>
    <row r="491693" spans="14:14">
      <c r="N491693" s="10"/>
    </row>
    <row r="491694" spans="14:14">
      <c r="N491694" s="10"/>
    </row>
    <row r="491695" spans="14:14">
      <c r="N491695" s="10"/>
    </row>
    <row r="491696" spans="14:14">
      <c r="N491696" s="10"/>
    </row>
    <row r="491697" spans="14:14">
      <c r="N491697" s="10"/>
    </row>
    <row r="491698" spans="14:14">
      <c r="N491698" s="10"/>
    </row>
    <row r="491699" spans="14:14">
      <c r="N491699" s="10"/>
    </row>
    <row r="491700" spans="14:14">
      <c r="N491700" s="10"/>
    </row>
    <row r="491701" spans="14:14">
      <c r="N491701" s="10"/>
    </row>
    <row r="491702" spans="14:14">
      <c r="N491702" s="10"/>
    </row>
    <row r="491703" spans="14:14">
      <c r="N491703" s="10"/>
    </row>
    <row r="491704" spans="14:14">
      <c r="N491704" s="10"/>
    </row>
    <row r="491705" spans="14:14">
      <c r="N491705" s="10"/>
    </row>
    <row r="491706" spans="14:14">
      <c r="N491706" s="10"/>
    </row>
    <row r="491707" spans="14:14">
      <c r="N491707" s="10"/>
    </row>
    <row r="491708" spans="14:14">
      <c r="N491708" s="10"/>
    </row>
    <row r="491709" spans="14:14">
      <c r="N491709" s="10"/>
    </row>
    <row r="491710" spans="14:14">
      <c r="N491710" s="10"/>
    </row>
    <row r="491711" spans="14:14">
      <c r="N491711" s="10"/>
    </row>
    <row r="491712" spans="14:14">
      <c r="N491712" s="10"/>
    </row>
    <row r="491713" spans="14:14">
      <c r="N491713" s="10"/>
    </row>
    <row r="491714" spans="14:14">
      <c r="N491714" s="10"/>
    </row>
    <row r="491715" spans="14:14">
      <c r="N491715" s="10"/>
    </row>
    <row r="491716" spans="14:14">
      <c r="N491716" s="10"/>
    </row>
    <row r="491717" spans="14:14">
      <c r="N491717" s="10"/>
    </row>
    <row r="491718" spans="14:14">
      <c r="N491718" s="10"/>
    </row>
    <row r="491719" spans="14:14">
      <c r="N491719" s="10"/>
    </row>
    <row r="491720" spans="14:14">
      <c r="N491720" s="10"/>
    </row>
    <row r="491721" spans="14:14">
      <c r="N491721" s="10"/>
    </row>
    <row r="491722" spans="14:14">
      <c r="N491722" s="10"/>
    </row>
    <row r="491723" spans="14:14">
      <c r="N491723" s="10"/>
    </row>
    <row r="491724" spans="14:14">
      <c r="N491724" s="10"/>
    </row>
    <row r="491725" spans="14:14">
      <c r="N491725" s="10"/>
    </row>
    <row r="491726" spans="14:14">
      <c r="N491726" s="10"/>
    </row>
    <row r="491727" spans="14:14">
      <c r="N491727" s="10"/>
    </row>
    <row r="491728" spans="14:14">
      <c r="N491728" s="10"/>
    </row>
    <row r="491729" spans="14:14">
      <c r="N491729" s="10"/>
    </row>
    <row r="491730" spans="14:14">
      <c r="N491730" s="10"/>
    </row>
    <row r="491731" spans="14:14">
      <c r="N491731" s="10"/>
    </row>
    <row r="491732" spans="14:14">
      <c r="N491732" s="10"/>
    </row>
    <row r="491733" spans="14:14">
      <c r="N491733" s="10"/>
    </row>
    <row r="491734" spans="14:14">
      <c r="N491734" s="10"/>
    </row>
    <row r="491735" spans="14:14">
      <c r="N491735" s="10"/>
    </row>
    <row r="491736" spans="14:14">
      <c r="N491736" s="10"/>
    </row>
    <row r="491737" spans="14:14">
      <c r="N491737" s="10"/>
    </row>
    <row r="491738" spans="14:14">
      <c r="N491738" s="10"/>
    </row>
    <row r="491739" spans="14:14">
      <c r="N491739" s="10"/>
    </row>
    <row r="491740" spans="14:14">
      <c r="N491740" s="10"/>
    </row>
    <row r="491741" spans="14:14">
      <c r="N491741" s="10"/>
    </row>
    <row r="491742" spans="14:14">
      <c r="N491742" s="10"/>
    </row>
    <row r="491743" spans="14:14">
      <c r="N491743" s="10"/>
    </row>
    <row r="491744" spans="14:14">
      <c r="N491744" s="10"/>
    </row>
    <row r="491745" spans="14:14">
      <c r="N491745" s="10"/>
    </row>
    <row r="491746" spans="14:14">
      <c r="N491746" s="10"/>
    </row>
    <row r="491747" spans="14:14">
      <c r="N491747" s="10"/>
    </row>
    <row r="491748" spans="14:14">
      <c r="N491748" s="10"/>
    </row>
    <row r="491749" spans="14:14">
      <c r="N491749" s="10"/>
    </row>
    <row r="491750" spans="14:14">
      <c r="N491750" s="10"/>
    </row>
    <row r="491751" spans="14:14">
      <c r="N491751" s="10"/>
    </row>
    <row r="491752" spans="14:14">
      <c r="N491752" s="10"/>
    </row>
    <row r="491753" spans="14:14">
      <c r="N491753" s="10"/>
    </row>
    <row r="491754" spans="14:14">
      <c r="N491754" s="10"/>
    </row>
    <row r="491755" spans="14:14">
      <c r="N491755" s="10"/>
    </row>
    <row r="491756" spans="14:14">
      <c r="N491756" s="10"/>
    </row>
    <row r="491757" spans="14:14">
      <c r="N491757" s="10"/>
    </row>
    <row r="491758" spans="14:14">
      <c r="N491758" s="10"/>
    </row>
    <row r="491759" spans="14:14">
      <c r="N491759" s="10"/>
    </row>
    <row r="491760" spans="14:14">
      <c r="N491760" s="10"/>
    </row>
    <row r="491761" spans="14:14">
      <c r="N491761" s="10"/>
    </row>
    <row r="491762" spans="14:14">
      <c r="N491762" s="10"/>
    </row>
    <row r="491763" spans="14:14">
      <c r="N491763" s="10"/>
    </row>
    <row r="491764" spans="14:14">
      <c r="N491764" s="10"/>
    </row>
    <row r="491765" spans="14:14">
      <c r="N491765" s="10"/>
    </row>
    <row r="491766" spans="14:14">
      <c r="N491766" s="10"/>
    </row>
    <row r="491767" spans="14:14">
      <c r="N491767" s="10"/>
    </row>
    <row r="491768" spans="14:14">
      <c r="N491768" s="10"/>
    </row>
    <row r="491769" spans="14:14">
      <c r="N491769" s="10"/>
    </row>
    <row r="491770" spans="14:14">
      <c r="N491770" s="10"/>
    </row>
    <row r="491771" spans="14:14">
      <c r="N491771" s="10"/>
    </row>
    <row r="491772" spans="14:14">
      <c r="N491772" s="10"/>
    </row>
    <row r="491773" spans="14:14">
      <c r="N491773" s="10"/>
    </row>
    <row r="491774" spans="14:14">
      <c r="N491774" s="10"/>
    </row>
    <row r="491775" spans="14:14">
      <c r="N491775" s="10"/>
    </row>
    <row r="491776" spans="14:14">
      <c r="N491776" s="10"/>
    </row>
    <row r="491777" spans="14:14">
      <c r="N491777" s="10"/>
    </row>
    <row r="491778" spans="14:14">
      <c r="N491778" s="10"/>
    </row>
    <row r="491779" spans="14:14">
      <c r="N491779" s="10"/>
    </row>
    <row r="491780" spans="14:14">
      <c r="N491780" s="10"/>
    </row>
    <row r="491781" spans="14:14">
      <c r="N491781" s="10"/>
    </row>
    <row r="491782" spans="14:14">
      <c r="N491782" s="10"/>
    </row>
    <row r="491783" spans="14:14">
      <c r="N491783" s="10"/>
    </row>
    <row r="491784" spans="14:14">
      <c r="N491784" s="10"/>
    </row>
    <row r="491785" spans="14:14">
      <c r="N491785" s="10"/>
    </row>
    <row r="491786" spans="14:14">
      <c r="N491786" s="10"/>
    </row>
    <row r="491787" spans="14:14">
      <c r="N491787" s="10"/>
    </row>
    <row r="491788" spans="14:14">
      <c r="N491788" s="10"/>
    </row>
    <row r="491789" spans="14:14">
      <c r="N491789" s="10"/>
    </row>
    <row r="491790" spans="14:14">
      <c r="N491790" s="10"/>
    </row>
    <row r="491791" spans="14:14">
      <c r="N491791" s="10"/>
    </row>
    <row r="491792" spans="14:14">
      <c r="N491792" s="10"/>
    </row>
    <row r="491793" spans="14:14">
      <c r="N491793" s="10"/>
    </row>
    <row r="491794" spans="14:14">
      <c r="N491794" s="10"/>
    </row>
    <row r="491795" spans="14:14">
      <c r="N491795" s="10"/>
    </row>
    <row r="491796" spans="14:14">
      <c r="N491796" s="10"/>
    </row>
    <row r="491797" spans="14:14">
      <c r="N491797" s="10"/>
    </row>
    <row r="491798" spans="14:14">
      <c r="N491798" s="10"/>
    </row>
    <row r="491799" spans="14:14">
      <c r="N491799" s="10"/>
    </row>
    <row r="491800" spans="14:14">
      <c r="N491800" s="10"/>
    </row>
    <row r="491801" spans="14:14">
      <c r="N491801" s="10"/>
    </row>
    <row r="491802" spans="14:14">
      <c r="N491802" s="10"/>
    </row>
    <row r="491803" spans="14:14">
      <c r="N491803" s="10"/>
    </row>
    <row r="491804" spans="14:14">
      <c r="N491804" s="10"/>
    </row>
    <row r="491805" spans="14:14">
      <c r="N491805" s="10"/>
    </row>
    <row r="491806" spans="14:14">
      <c r="N491806" s="10"/>
    </row>
    <row r="491807" spans="14:14">
      <c r="N491807" s="10"/>
    </row>
    <row r="491808" spans="14:14">
      <c r="N491808" s="10"/>
    </row>
    <row r="491809" spans="14:14">
      <c r="N491809" s="10"/>
    </row>
    <row r="491810" spans="14:14">
      <c r="N491810" s="10"/>
    </row>
    <row r="491811" spans="14:14">
      <c r="N491811" s="10"/>
    </row>
    <row r="491812" spans="14:14">
      <c r="N491812" s="10"/>
    </row>
    <row r="491813" spans="14:14">
      <c r="N491813" s="10"/>
    </row>
    <row r="491814" spans="14:14">
      <c r="N491814" s="10"/>
    </row>
    <row r="491815" spans="14:14">
      <c r="N491815" s="10"/>
    </row>
    <row r="491816" spans="14:14">
      <c r="N491816" s="10"/>
    </row>
    <row r="491817" spans="14:14">
      <c r="N491817" s="10"/>
    </row>
    <row r="491818" spans="14:14">
      <c r="N491818" s="10"/>
    </row>
    <row r="491819" spans="14:14">
      <c r="N491819" s="10"/>
    </row>
    <row r="491820" spans="14:14">
      <c r="N491820" s="10"/>
    </row>
    <row r="491821" spans="14:14">
      <c r="N491821" s="10"/>
    </row>
    <row r="491822" spans="14:14">
      <c r="N491822" s="10"/>
    </row>
    <row r="491823" spans="14:14">
      <c r="N491823" s="10"/>
    </row>
    <row r="491824" spans="14:14">
      <c r="N491824" s="10"/>
    </row>
    <row r="491825" spans="14:14">
      <c r="N491825" s="10"/>
    </row>
    <row r="491826" spans="14:14">
      <c r="N491826" s="10"/>
    </row>
    <row r="491827" spans="14:14">
      <c r="N491827" s="10"/>
    </row>
    <row r="491828" spans="14:14">
      <c r="N491828" s="10"/>
    </row>
    <row r="491829" spans="14:14">
      <c r="N491829" s="10"/>
    </row>
    <row r="491830" spans="14:14">
      <c r="N491830" s="10"/>
    </row>
    <row r="491831" spans="14:14">
      <c r="N491831" s="10"/>
    </row>
    <row r="491832" spans="14:14">
      <c r="N491832" s="10"/>
    </row>
    <row r="491833" spans="14:14">
      <c r="N491833" s="10"/>
    </row>
    <row r="491834" spans="14:14">
      <c r="N491834" s="10"/>
    </row>
    <row r="491835" spans="14:14">
      <c r="N491835" s="10"/>
    </row>
    <row r="491836" spans="14:14">
      <c r="N491836" s="10"/>
    </row>
    <row r="491837" spans="14:14">
      <c r="N491837" s="10"/>
    </row>
    <row r="491838" spans="14:14">
      <c r="N491838" s="10"/>
    </row>
    <row r="491839" spans="14:14">
      <c r="N491839" s="10"/>
    </row>
    <row r="491840" spans="14:14">
      <c r="N491840" s="10"/>
    </row>
    <row r="491841" spans="14:14">
      <c r="N491841" s="10"/>
    </row>
    <row r="491842" spans="14:14">
      <c r="N491842" s="10"/>
    </row>
    <row r="491843" spans="14:14">
      <c r="N491843" s="10"/>
    </row>
    <row r="491844" spans="14:14">
      <c r="N491844" s="10"/>
    </row>
    <row r="491845" spans="14:14">
      <c r="N491845" s="10"/>
    </row>
    <row r="491846" spans="14:14">
      <c r="N491846" s="10"/>
    </row>
    <row r="491847" spans="14:14">
      <c r="N491847" s="10"/>
    </row>
    <row r="491848" spans="14:14">
      <c r="N491848" s="10"/>
    </row>
    <row r="491849" spans="14:14">
      <c r="N491849" s="10"/>
    </row>
    <row r="491850" spans="14:14">
      <c r="N491850" s="10"/>
    </row>
    <row r="491851" spans="14:14">
      <c r="N491851" s="10"/>
    </row>
    <row r="491852" spans="14:14">
      <c r="N491852" s="10"/>
    </row>
    <row r="491853" spans="14:14">
      <c r="N491853" s="10"/>
    </row>
    <row r="491854" spans="14:14">
      <c r="N491854" s="10"/>
    </row>
    <row r="491855" spans="14:14">
      <c r="N491855" s="10"/>
    </row>
    <row r="491856" spans="14:14">
      <c r="N491856" s="10"/>
    </row>
    <row r="491857" spans="14:14">
      <c r="N491857" s="10"/>
    </row>
    <row r="491858" spans="14:14">
      <c r="N491858" s="10"/>
    </row>
    <row r="491859" spans="14:14">
      <c r="N491859" s="10"/>
    </row>
    <row r="491860" spans="14:14">
      <c r="N491860" s="10"/>
    </row>
    <row r="491861" spans="14:14">
      <c r="N491861" s="10"/>
    </row>
    <row r="491862" spans="14:14">
      <c r="N491862" s="10"/>
    </row>
    <row r="491863" spans="14:14">
      <c r="N491863" s="10"/>
    </row>
    <row r="491864" spans="14:14">
      <c r="N491864" s="10"/>
    </row>
    <row r="491865" spans="14:14">
      <c r="N491865" s="10"/>
    </row>
    <row r="491866" spans="14:14">
      <c r="N491866" s="10"/>
    </row>
    <row r="491867" spans="14:14">
      <c r="N491867" s="10"/>
    </row>
    <row r="491868" spans="14:14">
      <c r="N491868" s="10"/>
    </row>
    <row r="491869" spans="14:14">
      <c r="N491869" s="10"/>
    </row>
    <row r="491870" spans="14:14">
      <c r="N491870" s="10"/>
    </row>
    <row r="491871" spans="14:14">
      <c r="N491871" s="10"/>
    </row>
    <row r="491872" spans="14:14">
      <c r="N491872" s="10"/>
    </row>
    <row r="491873" spans="14:14">
      <c r="N491873" s="10"/>
    </row>
    <row r="491874" spans="14:14">
      <c r="N491874" s="10"/>
    </row>
    <row r="491875" spans="14:14">
      <c r="N491875" s="10"/>
    </row>
    <row r="491876" spans="14:14">
      <c r="N491876" s="10"/>
    </row>
    <row r="491877" spans="14:14">
      <c r="N491877" s="10"/>
    </row>
    <row r="491878" spans="14:14">
      <c r="N491878" s="10"/>
    </row>
    <row r="491879" spans="14:14">
      <c r="N491879" s="10"/>
    </row>
    <row r="491880" spans="14:14">
      <c r="N491880" s="10"/>
    </row>
    <row r="491881" spans="14:14">
      <c r="N491881" s="10"/>
    </row>
    <row r="491882" spans="14:14">
      <c r="N491882" s="10"/>
    </row>
    <row r="491883" spans="14:14">
      <c r="N491883" s="10"/>
    </row>
    <row r="491884" spans="14:14">
      <c r="N491884" s="10"/>
    </row>
    <row r="491885" spans="14:14">
      <c r="N491885" s="10"/>
    </row>
    <row r="491886" spans="14:14">
      <c r="N491886" s="10"/>
    </row>
    <row r="491887" spans="14:14">
      <c r="N491887" s="10"/>
    </row>
    <row r="491888" spans="14:14">
      <c r="N491888" s="10"/>
    </row>
    <row r="491889" spans="14:14">
      <c r="N491889" s="10"/>
    </row>
    <row r="491890" spans="14:14">
      <c r="N491890" s="10"/>
    </row>
    <row r="491891" spans="14:14">
      <c r="N491891" s="10"/>
    </row>
    <row r="491892" spans="14:14">
      <c r="N491892" s="10"/>
    </row>
    <row r="491893" spans="14:14">
      <c r="N491893" s="10"/>
    </row>
    <row r="491894" spans="14:14">
      <c r="N491894" s="10"/>
    </row>
    <row r="491895" spans="14:14">
      <c r="N491895" s="10"/>
    </row>
    <row r="491896" spans="14:14">
      <c r="N491896" s="10"/>
    </row>
    <row r="491897" spans="14:14">
      <c r="N491897" s="10"/>
    </row>
    <row r="491898" spans="14:14">
      <c r="N491898" s="10"/>
    </row>
    <row r="491899" spans="14:14">
      <c r="N491899" s="10"/>
    </row>
    <row r="491900" spans="14:14">
      <c r="N491900" s="10"/>
    </row>
    <row r="491901" spans="14:14">
      <c r="N491901" s="10"/>
    </row>
    <row r="491902" spans="14:14">
      <c r="N491902" s="10"/>
    </row>
    <row r="491903" spans="14:14">
      <c r="N491903" s="10"/>
    </row>
    <row r="491904" spans="14:14">
      <c r="N491904" s="10"/>
    </row>
    <row r="491905" spans="14:14">
      <c r="N491905" s="10"/>
    </row>
    <row r="491906" spans="14:14">
      <c r="N491906" s="10"/>
    </row>
    <row r="491907" spans="14:14">
      <c r="N491907" s="10"/>
    </row>
    <row r="491908" spans="14:14">
      <c r="N491908" s="10"/>
    </row>
    <row r="491909" spans="14:14">
      <c r="N491909" s="10"/>
    </row>
    <row r="491910" spans="14:14">
      <c r="N491910" s="10"/>
    </row>
    <row r="491911" spans="14:14">
      <c r="N491911" s="10"/>
    </row>
    <row r="491912" spans="14:14">
      <c r="N491912" s="10"/>
    </row>
    <row r="491913" spans="14:14">
      <c r="N491913" s="10"/>
    </row>
    <row r="491914" spans="14:14">
      <c r="N491914" s="10"/>
    </row>
    <row r="491915" spans="14:14">
      <c r="N491915" s="10"/>
    </row>
    <row r="491916" spans="14:14">
      <c r="N491916" s="10"/>
    </row>
    <row r="491917" spans="14:14">
      <c r="N491917" s="10"/>
    </row>
    <row r="491918" spans="14:14">
      <c r="N491918" s="10"/>
    </row>
    <row r="491919" spans="14:14">
      <c r="N491919" s="10"/>
    </row>
    <row r="491920" spans="14:14">
      <c r="N491920" s="10"/>
    </row>
    <row r="491921" spans="14:14">
      <c r="N491921" s="10"/>
    </row>
    <row r="491922" spans="14:14">
      <c r="N491922" s="10"/>
    </row>
    <row r="491923" spans="14:14">
      <c r="N491923" s="10"/>
    </row>
    <row r="491924" spans="14:14">
      <c r="N491924" s="10"/>
    </row>
    <row r="491925" spans="14:14">
      <c r="N491925" s="10"/>
    </row>
    <row r="491926" spans="14:14">
      <c r="N491926" s="10"/>
    </row>
    <row r="491927" spans="14:14">
      <c r="N491927" s="10"/>
    </row>
    <row r="491928" spans="14:14">
      <c r="N491928" s="10"/>
    </row>
    <row r="491929" spans="14:14">
      <c r="N491929" s="10"/>
    </row>
    <row r="491930" spans="14:14">
      <c r="N491930" s="10"/>
    </row>
    <row r="491931" spans="14:14">
      <c r="N491931" s="10"/>
    </row>
    <row r="491932" spans="14:14">
      <c r="N491932" s="10"/>
    </row>
    <row r="491933" spans="14:14">
      <c r="N491933" s="10"/>
    </row>
    <row r="491934" spans="14:14">
      <c r="N491934" s="10"/>
    </row>
    <row r="491935" spans="14:14">
      <c r="N491935" s="10"/>
    </row>
    <row r="491936" spans="14:14">
      <c r="N491936" s="10"/>
    </row>
    <row r="491937" spans="14:14">
      <c r="N491937" s="10"/>
    </row>
    <row r="491938" spans="14:14">
      <c r="N491938" s="10"/>
    </row>
    <row r="491939" spans="14:14">
      <c r="N491939" s="10"/>
    </row>
    <row r="491940" spans="14:14">
      <c r="N491940" s="10"/>
    </row>
    <row r="491941" spans="14:14">
      <c r="N491941" s="10"/>
    </row>
    <row r="491942" spans="14:14">
      <c r="N491942" s="10"/>
    </row>
    <row r="491943" spans="14:14">
      <c r="N491943" s="10"/>
    </row>
    <row r="491944" spans="14:14">
      <c r="N491944" s="10"/>
    </row>
    <row r="491945" spans="14:14">
      <c r="N491945" s="10"/>
    </row>
    <row r="491946" spans="14:14">
      <c r="N491946" s="10"/>
    </row>
    <row r="491947" spans="14:14">
      <c r="N491947" s="10"/>
    </row>
    <row r="491948" spans="14:14">
      <c r="N491948" s="10"/>
    </row>
    <row r="491949" spans="14:14">
      <c r="N491949" s="10"/>
    </row>
    <row r="491950" spans="14:14">
      <c r="N491950" s="10"/>
    </row>
    <row r="491951" spans="14:14">
      <c r="N491951" s="10"/>
    </row>
    <row r="491952" spans="14:14">
      <c r="N491952" s="10"/>
    </row>
    <row r="491953" spans="14:14">
      <c r="N491953" s="10"/>
    </row>
    <row r="491954" spans="14:14">
      <c r="N491954" s="10"/>
    </row>
    <row r="491955" spans="14:14">
      <c r="N491955" s="10"/>
    </row>
    <row r="491956" spans="14:14">
      <c r="N491956" s="10"/>
    </row>
    <row r="491957" spans="14:14">
      <c r="N491957" s="10"/>
    </row>
    <row r="491958" spans="14:14">
      <c r="N491958" s="10"/>
    </row>
    <row r="491959" spans="14:14">
      <c r="N491959" s="10"/>
    </row>
    <row r="491960" spans="14:14">
      <c r="N491960" s="10"/>
    </row>
    <row r="491961" spans="14:14">
      <c r="N491961" s="10"/>
    </row>
    <row r="491962" spans="14:14">
      <c r="N491962" s="10"/>
    </row>
    <row r="491963" spans="14:14">
      <c r="N491963" s="10"/>
    </row>
    <row r="491964" spans="14:14">
      <c r="N491964" s="10"/>
    </row>
    <row r="491965" spans="14:14">
      <c r="N491965" s="10"/>
    </row>
    <row r="491966" spans="14:14">
      <c r="N491966" s="10"/>
    </row>
    <row r="491967" spans="14:14">
      <c r="N491967" s="10"/>
    </row>
    <row r="491968" spans="14:14">
      <c r="N491968" s="10"/>
    </row>
    <row r="491969" spans="14:14">
      <c r="N491969" s="10"/>
    </row>
    <row r="491970" spans="14:14">
      <c r="N491970" s="10"/>
    </row>
    <row r="491971" spans="14:14">
      <c r="N491971" s="10"/>
    </row>
    <row r="491972" spans="14:14">
      <c r="N491972" s="10"/>
    </row>
    <row r="491973" spans="14:14">
      <c r="N491973" s="10"/>
    </row>
    <row r="491974" spans="14:14">
      <c r="N491974" s="10"/>
    </row>
    <row r="491975" spans="14:14">
      <c r="N491975" s="10"/>
    </row>
    <row r="491976" spans="14:14">
      <c r="N491976" s="10"/>
    </row>
    <row r="491977" spans="14:14">
      <c r="N491977" s="10"/>
    </row>
    <row r="491978" spans="14:14">
      <c r="N491978" s="10"/>
    </row>
    <row r="491979" spans="14:14">
      <c r="N491979" s="10"/>
    </row>
    <row r="491980" spans="14:14">
      <c r="N491980" s="10"/>
    </row>
    <row r="491981" spans="14:14">
      <c r="N491981" s="10"/>
    </row>
    <row r="491982" spans="14:14">
      <c r="N491982" s="10"/>
    </row>
    <row r="491983" spans="14:14">
      <c r="N491983" s="10"/>
    </row>
    <row r="491984" spans="14:14">
      <c r="N491984" s="10"/>
    </row>
    <row r="491985" spans="14:14">
      <c r="N491985" s="10"/>
    </row>
    <row r="491986" spans="14:14">
      <c r="N491986" s="10"/>
    </row>
    <row r="491987" spans="14:14">
      <c r="N491987" s="10"/>
    </row>
    <row r="491988" spans="14:14">
      <c r="N491988" s="10"/>
    </row>
    <row r="491989" spans="14:14">
      <c r="N491989" s="10"/>
    </row>
    <row r="491990" spans="14:14">
      <c r="N491990" s="10"/>
    </row>
    <row r="491991" spans="14:14">
      <c r="N491991" s="10"/>
    </row>
    <row r="491992" spans="14:14">
      <c r="N491992" s="10"/>
    </row>
    <row r="491993" spans="14:14">
      <c r="N491993" s="10"/>
    </row>
    <row r="491994" spans="14:14">
      <c r="N491994" s="10"/>
    </row>
    <row r="491995" spans="14:14">
      <c r="N491995" s="10"/>
    </row>
    <row r="491996" spans="14:14">
      <c r="N491996" s="10"/>
    </row>
    <row r="491997" spans="14:14">
      <c r="N491997" s="10"/>
    </row>
    <row r="491998" spans="14:14">
      <c r="N491998" s="10"/>
    </row>
    <row r="491999" spans="14:14">
      <c r="N491999" s="10"/>
    </row>
    <row r="492000" spans="14:14">
      <c r="N492000" s="10"/>
    </row>
    <row r="492001" spans="14:14">
      <c r="N492001" s="10"/>
    </row>
    <row r="492002" spans="14:14">
      <c r="N492002" s="10"/>
    </row>
    <row r="492003" spans="14:14">
      <c r="N492003" s="10"/>
    </row>
    <row r="492004" spans="14:14">
      <c r="N492004" s="10"/>
    </row>
    <row r="492005" spans="14:14">
      <c r="N492005" s="10"/>
    </row>
    <row r="492006" spans="14:14">
      <c r="N492006" s="10"/>
    </row>
    <row r="492007" spans="14:14">
      <c r="N492007" s="10"/>
    </row>
    <row r="492008" spans="14:14">
      <c r="N492008" s="10"/>
    </row>
    <row r="492009" spans="14:14">
      <c r="N492009" s="10"/>
    </row>
    <row r="492010" spans="14:14">
      <c r="N492010" s="10"/>
    </row>
    <row r="492011" spans="14:14">
      <c r="N492011" s="10"/>
    </row>
    <row r="492012" spans="14:14">
      <c r="N492012" s="10"/>
    </row>
    <row r="492013" spans="14:14">
      <c r="N492013" s="10"/>
    </row>
    <row r="492014" spans="14:14">
      <c r="N492014" s="10"/>
    </row>
    <row r="492015" spans="14:14">
      <c r="N492015" s="10"/>
    </row>
    <row r="492016" spans="14:14">
      <c r="N492016" s="10"/>
    </row>
    <row r="492017" spans="14:14">
      <c r="N492017" s="10"/>
    </row>
    <row r="492018" spans="14:14">
      <c r="N492018" s="10"/>
    </row>
    <row r="492019" spans="14:14">
      <c r="N492019" s="10"/>
    </row>
    <row r="492020" spans="14:14">
      <c r="N492020" s="10"/>
    </row>
    <row r="492021" spans="14:14">
      <c r="N492021" s="10"/>
    </row>
    <row r="492022" spans="14:14">
      <c r="N492022" s="10"/>
    </row>
    <row r="492023" spans="14:14">
      <c r="N492023" s="10"/>
    </row>
    <row r="492024" spans="14:14">
      <c r="N492024" s="10"/>
    </row>
    <row r="492025" spans="14:14">
      <c r="N492025" s="10"/>
    </row>
    <row r="492026" spans="14:14">
      <c r="N492026" s="10"/>
    </row>
    <row r="492027" spans="14:14">
      <c r="N492027" s="10"/>
    </row>
    <row r="492028" spans="14:14">
      <c r="N492028" s="10"/>
    </row>
    <row r="492029" spans="14:14">
      <c r="N492029" s="10"/>
    </row>
    <row r="492030" spans="14:14">
      <c r="N492030" s="10"/>
    </row>
    <row r="492031" spans="14:14">
      <c r="N492031" s="10"/>
    </row>
    <row r="492032" spans="14:14">
      <c r="N492032" s="10"/>
    </row>
    <row r="492033" spans="14:14">
      <c r="N492033" s="10"/>
    </row>
    <row r="492034" spans="14:14">
      <c r="N492034" s="10"/>
    </row>
    <row r="492035" spans="14:14">
      <c r="N492035" s="10"/>
    </row>
    <row r="492036" spans="14:14">
      <c r="N492036" s="10"/>
    </row>
    <row r="492037" spans="14:14">
      <c r="N492037" s="10"/>
    </row>
    <row r="492038" spans="14:14">
      <c r="N492038" s="10"/>
    </row>
    <row r="492039" spans="14:14">
      <c r="N492039" s="10"/>
    </row>
    <row r="492040" spans="14:14">
      <c r="N492040" s="10"/>
    </row>
    <row r="492041" spans="14:14">
      <c r="N492041" s="10"/>
    </row>
    <row r="492042" spans="14:14">
      <c r="N492042" s="10"/>
    </row>
    <row r="492043" spans="14:14">
      <c r="N492043" s="10"/>
    </row>
    <row r="492044" spans="14:14">
      <c r="N492044" s="10"/>
    </row>
    <row r="492045" spans="14:14">
      <c r="N492045" s="10"/>
    </row>
    <row r="492046" spans="14:14">
      <c r="N492046" s="10"/>
    </row>
    <row r="492047" spans="14:14">
      <c r="N492047" s="10"/>
    </row>
    <row r="492048" spans="14:14">
      <c r="N492048" s="10"/>
    </row>
    <row r="492049" spans="14:14">
      <c r="N492049" s="10"/>
    </row>
    <row r="492050" spans="14:14">
      <c r="N492050" s="10"/>
    </row>
    <row r="492051" spans="14:14">
      <c r="N492051" s="10"/>
    </row>
    <row r="492052" spans="14:14">
      <c r="N492052" s="10"/>
    </row>
    <row r="492053" spans="14:14">
      <c r="N492053" s="10"/>
    </row>
    <row r="492054" spans="14:14">
      <c r="N492054" s="10"/>
    </row>
    <row r="492055" spans="14:14">
      <c r="N492055" s="10"/>
    </row>
    <row r="492056" spans="14:14">
      <c r="N492056" s="10"/>
    </row>
    <row r="492057" spans="14:14">
      <c r="N492057" s="10"/>
    </row>
    <row r="492058" spans="14:14">
      <c r="N492058" s="10"/>
    </row>
    <row r="492059" spans="14:14">
      <c r="N492059" s="10"/>
    </row>
    <row r="492060" spans="14:14">
      <c r="N492060" s="10"/>
    </row>
    <row r="492061" spans="14:14">
      <c r="N492061" s="10"/>
    </row>
    <row r="492062" spans="14:14">
      <c r="N492062" s="10"/>
    </row>
    <row r="492063" spans="14:14">
      <c r="N492063" s="10"/>
    </row>
    <row r="492064" spans="14:14">
      <c r="N492064" s="10"/>
    </row>
    <row r="492065" spans="14:14">
      <c r="N492065" s="10"/>
    </row>
    <row r="492066" spans="14:14">
      <c r="N492066" s="10"/>
    </row>
    <row r="492067" spans="14:14">
      <c r="N492067" s="10"/>
    </row>
    <row r="492068" spans="14:14">
      <c r="N492068" s="10"/>
    </row>
    <row r="492069" spans="14:14">
      <c r="N492069" s="10"/>
    </row>
    <row r="492070" spans="14:14">
      <c r="N492070" s="10"/>
    </row>
    <row r="492071" spans="14:14">
      <c r="N492071" s="10"/>
    </row>
    <row r="492072" spans="14:14">
      <c r="N492072" s="10"/>
    </row>
    <row r="492073" spans="14:14">
      <c r="N492073" s="10"/>
    </row>
    <row r="492074" spans="14:14">
      <c r="N492074" s="10"/>
    </row>
    <row r="492075" spans="14:14">
      <c r="N492075" s="10"/>
    </row>
    <row r="492076" spans="14:14">
      <c r="N492076" s="10"/>
    </row>
    <row r="492077" spans="14:14">
      <c r="N492077" s="10"/>
    </row>
    <row r="492078" spans="14:14">
      <c r="N492078" s="10"/>
    </row>
    <row r="492079" spans="14:14">
      <c r="N492079" s="10"/>
    </row>
    <row r="492080" spans="14:14">
      <c r="N492080" s="10"/>
    </row>
    <row r="492081" spans="14:14">
      <c r="N492081" s="10"/>
    </row>
    <row r="492082" spans="14:14">
      <c r="N492082" s="10"/>
    </row>
    <row r="492083" spans="14:14">
      <c r="N492083" s="10"/>
    </row>
    <row r="492084" spans="14:14">
      <c r="N492084" s="10"/>
    </row>
    <row r="492085" spans="14:14">
      <c r="N492085" s="10"/>
    </row>
    <row r="492086" spans="14:14">
      <c r="N492086" s="10"/>
    </row>
    <row r="492087" spans="14:14">
      <c r="N492087" s="10"/>
    </row>
    <row r="492088" spans="14:14">
      <c r="N492088" s="10"/>
    </row>
    <row r="492089" spans="14:14">
      <c r="N492089" s="10"/>
    </row>
    <row r="492090" spans="14:14">
      <c r="N492090" s="10"/>
    </row>
    <row r="492091" spans="14:14">
      <c r="N492091" s="10"/>
    </row>
    <row r="492092" spans="14:14">
      <c r="N492092" s="10"/>
    </row>
    <row r="492093" spans="14:14">
      <c r="N492093" s="10"/>
    </row>
    <row r="492094" spans="14:14">
      <c r="N492094" s="10"/>
    </row>
    <row r="492095" spans="14:14">
      <c r="N492095" s="10"/>
    </row>
    <row r="492096" spans="14:14">
      <c r="N492096" s="10"/>
    </row>
    <row r="492097" spans="14:14">
      <c r="N492097" s="10"/>
    </row>
    <row r="492098" spans="14:14">
      <c r="N492098" s="10"/>
    </row>
    <row r="492099" spans="14:14">
      <c r="N492099" s="10"/>
    </row>
    <row r="492100" spans="14:14">
      <c r="N492100" s="10"/>
    </row>
    <row r="492101" spans="14:14">
      <c r="N492101" s="10"/>
    </row>
    <row r="492102" spans="14:14">
      <c r="N492102" s="10"/>
    </row>
    <row r="492103" spans="14:14">
      <c r="N492103" s="10"/>
    </row>
    <row r="492104" spans="14:14">
      <c r="N492104" s="10"/>
    </row>
    <row r="492105" spans="14:14">
      <c r="N492105" s="10"/>
    </row>
    <row r="492106" spans="14:14">
      <c r="N492106" s="10"/>
    </row>
    <row r="492107" spans="14:14">
      <c r="N492107" s="10"/>
    </row>
    <row r="492108" spans="14:14">
      <c r="N492108" s="10"/>
    </row>
    <row r="492109" spans="14:14">
      <c r="N492109" s="10"/>
    </row>
    <row r="492110" spans="14:14">
      <c r="N492110" s="10"/>
    </row>
    <row r="492111" spans="14:14">
      <c r="N492111" s="10"/>
    </row>
    <row r="492112" spans="14:14">
      <c r="N492112" s="10"/>
    </row>
    <row r="492113" spans="14:14">
      <c r="N492113" s="10"/>
    </row>
    <row r="492114" spans="14:14">
      <c r="N492114" s="10"/>
    </row>
    <row r="492115" spans="14:14">
      <c r="N492115" s="10"/>
    </row>
    <row r="492116" spans="14:14">
      <c r="N492116" s="10"/>
    </row>
    <row r="492117" spans="14:14">
      <c r="N492117" s="10"/>
    </row>
    <row r="492118" spans="14:14">
      <c r="N492118" s="10"/>
    </row>
    <row r="492119" spans="14:14">
      <c r="N492119" s="10"/>
    </row>
    <row r="492120" spans="14:14">
      <c r="N492120" s="10"/>
    </row>
    <row r="492121" spans="14:14">
      <c r="N492121" s="10"/>
    </row>
    <row r="492122" spans="14:14">
      <c r="N492122" s="10"/>
    </row>
    <row r="492123" spans="14:14">
      <c r="N492123" s="10"/>
    </row>
    <row r="492124" spans="14:14">
      <c r="N492124" s="10"/>
    </row>
    <row r="492125" spans="14:14">
      <c r="N492125" s="10"/>
    </row>
    <row r="492126" spans="14:14">
      <c r="N492126" s="10"/>
    </row>
    <row r="492127" spans="14:14">
      <c r="N492127" s="10"/>
    </row>
    <row r="492128" spans="14:14">
      <c r="N492128" s="10"/>
    </row>
    <row r="492129" spans="14:14">
      <c r="N492129" s="10"/>
    </row>
    <row r="492130" spans="14:14">
      <c r="N492130" s="10"/>
    </row>
    <row r="492131" spans="14:14">
      <c r="N492131" s="10"/>
    </row>
    <row r="492132" spans="14:14">
      <c r="N492132" s="10"/>
    </row>
    <row r="492133" spans="14:14">
      <c r="N492133" s="10"/>
    </row>
    <row r="492134" spans="14:14">
      <c r="N492134" s="10"/>
    </row>
    <row r="492135" spans="14:14">
      <c r="N492135" s="10"/>
    </row>
    <row r="492136" spans="14:14">
      <c r="N492136" s="10"/>
    </row>
    <row r="492137" spans="14:14">
      <c r="N492137" s="10"/>
    </row>
    <row r="492138" spans="14:14">
      <c r="N492138" s="10"/>
    </row>
    <row r="492139" spans="14:14">
      <c r="N492139" s="10"/>
    </row>
    <row r="492140" spans="14:14">
      <c r="N492140" s="10"/>
    </row>
    <row r="492141" spans="14:14">
      <c r="N492141" s="10"/>
    </row>
    <row r="492142" spans="14:14">
      <c r="N492142" s="10"/>
    </row>
    <row r="492143" spans="14:14">
      <c r="N492143" s="10"/>
    </row>
    <row r="492144" spans="14:14">
      <c r="N492144" s="10"/>
    </row>
    <row r="492145" spans="14:14">
      <c r="N492145" s="10"/>
    </row>
    <row r="492146" spans="14:14">
      <c r="N492146" s="10"/>
    </row>
    <row r="492147" spans="14:14">
      <c r="N492147" s="10"/>
    </row>
    <row r="492148" spans="14:14">
      <c r="N492148" s="10"/>
    </row>
    <row r="492149" spans="14:14">
      <c r="N492149" s="10"/>
    </row>
    <row r="492150" spans="14:14">
      <c r="N492150" s="10"/>
    </row>
    <row r="492151" spans="14:14">
      <c r="N492151" s="10"/>
    </row>
    <row r="492152" spans="14:14">
      <c r="N492152" s="10"/>
    </row>
    <row r="492153" spans="14:14">
      <c r="N492153" s="10"/>
    </row>
    <row r="492154" spans="14:14">
      <c r="N492154" s="10"/>
    </row>
    <row r="492155" spans="14:14">
      <c r="N492155" s="10"/>
    </row>
    <row r="492156" spans="14:14">
      <c r="N492156" s="10"/>
    </row>
    <row r="492157" spans="14:14">
      <c r="N492157" s="10"/>
    </row>
    <row r="492158" spans="14:14">
      <c r="N492158" s="10"/>
    </row>
    <row r="492159" spans="14:14">
      <c r="N492159" s="10"/>
    </row>
    <row r="492160" spans="14:14">
      <c r="N492160" s="10"/>
    </row>
    <row r="492161" spans="14:14">
      <c r="N492161" s="10"/>
    </row>
    <row r="492162" spans="14:14">
      <c r="N492162" s="10"/>
    </row>
    <row r="492163" spans="14:14">
      <c r="N492163" s="10"/>
    </row>
    <row r="492164" spans="14:14">
      <c r="N492164" s="10"/>
    </row>
    <row r="492165" spans="14:14">
      <c r="N492165" s="10"/>
    </row>
    <row r="492166" spans="14:14">
      <c r="N492166" s="10"/>
    </row>
    <row r="492167" spans="14:14">
      <c r="N492167" s="10"/>
    </row>
    <row r="492168" spans="14:14">
      <c r="N492168" s="10"/>
    </row>
    <row r="492169" spans="14:14">
      <c r="N492169" s="10"/>
    </row>
    <row r="492170" spans="14:14">
      <c r="N492170" s="10"/>
    </row>
    <row r="492171" spans="14:14">
      <c r="N492171" s="10"/>
    </row>
    <row r="492172" spans="14:14">
      <c r="N492172" s="10"/>
    </row>
    <row r="492173" spans="14:14">
      <c r="N492173" s="10"/>
    </row>
    <row r="492174" spans="14:14">
      <c r="N492174" s="10"/>
    </row>
    <row r="492175" spans="14:14">
      <c r="N492175" s="10"/>
    </row>
    <row r="492176" spans="14:14">
      <c r="N492176" s="10"/>
    </row>
    <row r="492177" spans="14:14">
      <c r="N492177" s="10"/>
    </row>
    <row r="492178" spans="14:14">
      <c r="N492178" s="10"/>
    </row>
    <row r="492179" spans="14:14">
      <c r="N492179" s="10"/>
    </row>
    <row r="492180" spans="14:14">
      <c r="N492180" s="10"/>
    </row>
    <row r="492181" spans="14:14">
      <c r="N492181" s="10"/>
    </row>
    <row r="492182" spans="14:14">
      <c r="N492182" s="10"/>
    </row>
    <row r="492183" spans="14:14">
      <c r="N492183" s="10"/>
    </row>
    <row r="492184" spans="14:14">
      <c r="N492184" s="10"/>
    </row>
    <row r="492185" spans="14:14">
      <c r="N492185" s="10"/>
    </row>
    <row r="492186" spans="14:14">
      <c r="N492186" s="10"/>
    </row>
    <row r="492187" spans="14:14">
      <c r="N492187" s="10"/>
    </row>
    <row r="492188" spans="14:14">
      <c r="N492188" s="10"/>
    </row>
    <row r="492189" spans="14:14">
      <c r="N492189" s="10"/>
    </row>
    <row r="492190" spans="14:14">
      <c r="N492190" s="10"/>
    </row>
    <row r="492191" spans="14:14">
      <c r="N492191" s="10"/>
    </row>
    <row r="492192" spans="14:14">
      <c r="N492192" s="10"/>
    </row>
    <row r="492193" spans="14:14">
      <c r="N492193" s="10"/>
    </row>
    <row r="492194" spans="14:14">
      <c r="N492194" s="10"/>
    </row>
    <row r="492195" spans="14:14">
      <c r="N492195" s="10"/>
    </row>
    <row r="492196" spans="14:14">
      <c r="N492196" s="10"/>
    </row>
    <row r="492197" spans="14:14">
      <c r="N492197" s="10"/>
    </row>
    <row r="492198" spans="14:14">
      <c r="N492198" s="10"/>
    </row>
    <row r="492199" spans="14:14">
      <c r="N492199" s="10"/>
    </row>
    <row r="492200" spans="14:14">
      <c r="N492200" s="10"/>
    </row>
    <row r="492201" spans="14:14">
      <c r="N492201" s="10"/>
    </row>
    <row r="492202" spans="14:14">
      <c r="N492202" s="10"/>
    </row>
    <row r="492203" spans="14:14">
      <c r="N492203" s="10"/>
    </row>
    <row r="492204" spans="14:14">
      <c r="N492204" s="10"/>
    </row>
    <row r="492205" spans="14:14">
      <c r="N492205" s="10"/>
    </row>
    <row r="492206" spans="14:14">
      <c r="N492206" s="10"/>
    </row>
    <row r="492207" spans="14:14">
      <c r="N492207" s="10"/>
    </row>
    <row r="492208" spans="14:14">
      <c r="N492208" s="10"/>
    </row>
    <row r="492209" spans="14:14">
      <c r="N492209" s="10"/>
    </row>
    <row r="492210" spans="14:14">
      <c r="N492210" s="10"/>
    </row>
    <row r="492211" spans="14:14">
      <c r="N492211" s="10"/>
    </row>
    <row r="492212" spans="14:14">
      <c r="N492212" s="10"/>
    </row>
    <row r="492213" spans="14:14">
      <c r="N492213" s="10"/>
    </row>
    <row r="492214" spans="14:14">
      <c r="N492214" s="10"/>
    </row>
    <row r="492215" spans="14:14">
      <c r="N492215" s="10"/>
    </row>
    <row r="492216" spans="14:14">
      <c r="N492216" s="10"/>
    </row>
    <row r="492217" spans="14:14">
      <c r="N492217" s="10"/>
    </row>
    <row r="492218" spans="14:14">
      <c r="N492218" s="10"/>
    </row>
    <row r="492219" spans="14:14">
      <c r="N492219" s="10"/>
    </row>
    <row r="492220" spans="14:14">
      <c r="N492220" s="10"/>
    </row>
    <row r="492221" spans="14:14">
      <c r="N492221" s="10"/>
    </row>
    <row r="492222" spans="14:14">
      <c r="N492222" s="10"/>
    </row>
    <row r="492223" spans="14:14">
      <c r="N492223" s="10"/>
    </row>
    <row r="492224" spans="14:14">
      <c r="N492224" s="10"/>
    </row>
    <row r="492225" spans="14:14">
      <c r="N492225" s="10"/>
    </row>
    <row r="492226" spans="14:14">
      <c r="N492226" s="10"/>
    </row>
    <row r="492227" spans="14:14">
      <c r="N492227" s="10"/>
    </row>
    <row r="492228" spans="14:14">
      <c r="N492228" s="10"/>
    </row>
    <row r="492229" spans="14:14">
      <c r="N492229" s="10"/>
    </row>
    <row r="492230" spans="14:14">
      <c r="N492230" s="10"/>
    </row>
    <row r="492231" spans="14:14">
      <c r="N492231" s="10"/>
    </row>
    <row r="492232" spans="14:14">
      <c r="N492232" s="10"/>
    </row>
    <row r="492233" spans="14:14">
      <c r="N492233" s="10"/>
    </row>
    <row r="492234" spans="14:14">
      <c r="N492234" s="10"/>
    </row>
    <row r="492235" spans="14:14">
      <c r="N492235" s="10"/>
    </row>
    <row r="492236" spans="14:14">
      <c r="N492236" s="10"/>
    </row>
    <row r="492237" spans="14:14">
      <c r="N492237" s="10"/>
    </row>
    <row r="492238" spans="14:14">
      <c r="N492238" s="10"/>
    </row>
    <row r="492239" spans="14:14">
      <c r="N492239" s="10"/>
    </row>
    <row r="492240" spans="14:14">
      <c r="N492240" s="10"/>
    </row>
    <row r="492241" spans="14:14">
      <c r="N492241" s="10"/>
    </row>
    <row r="492242" spans="14:14">
      <c r="N492242" s="10"/>
    </row>
    <row r="492243" spans="14:14">
      <c r="N492243" s="10"/>
    </row>
    <row r="492244" spans="14:14">
      <c r="N492244" s="10"/>
    </row>
    <row r="492245" spans="14:14">
      <c r="N492245" s="10"/>
    </row>
    <row r="492246" spans="14:14">
      <c r="N492246" s="10"/>
    </row>
    <row r="492247" spans="14:14">
      <c r="N492247" s="10"/>
    </row>
    <row r="492248" spans="14:14">
      <c r="N492248" s="10"/>
    </row>
    <row r="492249" spans="14:14">
      <c r="N492249" s="10"/>
    </row>
    <row r="492250" spans="14:14">
      <c r="N492250" s="10"/>
    </row>
    <row r="492251" spans="14:14">
      <c r="N492251" s="10"/>
    </row>
    <row r="492252" spans="14:14">
      <c r="N492252" s="10"/>
    </row>
    <row r="492253" spans="14:14">
      <c r="N492253" s="10"/>
    </row>
    <row r="492254" spans="14:14">
      <c r="N492254" s="10"/>
    </row>
    <row r="492255" spans="14:14">
      <c r="N492255" s="10"/>
    </row>
    <row r="492256" spans="14:14">
      <c r="N492256" s="10"/>
    </row>
    <row r="492257" spans="14:14">
      <c r="N492257" s="10"/>
    </row>
    <row r="492258" spans="14:14">
      <c r="N492258" s="10"/>
    </row>
    <row r="492259" spans="14:14">
      <c r="N492259" s="10"/>
    </row>
    <row r="492260" spans="14:14">
      <c r="N492260" s="10"/>
    </row>
    <row r="492261" spans="14:14">
      <c r="N492261" s="10"/>
    </row>
    <row r="492262" spans="14:14">
      <c r="N492262" s="10"/>
    </row>
    <row r="492263" spans="14:14">
      <c r="N492263" s="10"/>
    </row>
    <row r="492264" spans="14:14">
      <c r="N492264" s="10"/>
    </row>
    <row r="492265" spans="14:14">
      <c r="N492265" s="10"/>
    </row>
    <row r="492266" spans="14:14">
      <c r="N492266" s="10"/>
    </row>
    <row r="492267" spans="14:14">
      <c r="N492267" s="10"/>
    </row>
    <row r="492268" spans="14:14">
      <c r="N492268" s="10"/>
    </row>
    <row r="492269" spans="14:14">
      <c r="N492269" s="10"/>
    </row>
    <row r="492270" spans="14:14">
      <c r="N492270" s="10"/>
    </row>
    <row r="492271" spans="14:14">
      <c r="N492271" s="10"/>
    </row>
    <row r="492272" spans="14:14">
      <c r="N492272" s="10"/>
    </row>
    <row r="492273" spans="14:14">
      <c r="N492273" s="10"/>
    </row>
    <row r="492274" spans="14:14">
      <c r="N492274" s="10"/>
    </row>
    <row r="492275" spans="14:14">
      <c r="N492275" s="10"/>
    </row>
    <row r="492276" spans="14:14">
      <c r="N492276" s="10"/>
    </row>
    <row r="492277" spans="14:14">
      <c r="N492277" s="10"/>
    </row>
    <row r="492278" spans="14:14">
      <c r="N492278" s="10"/>
    </row>
    <row r="492279" spans="14:14">
      <c r="N492279" s="10"/>
    </row>
    <row r="492280" spans="14:14">
      <c r="N492280" s="10"/>
    </row>
    <row r="492281" spans="14:14">
      <c r="N492281" s="10"/>
    </row>
    <row r="492282" spans="14:14">
      <c r="N492282" s="10"/>
    </row>
    <row r="492283" spans="14:14">
      <c r="N492283" s="10"/>
    </row>
    <row r="492284" spans="14:14">
      <c r="N492284" s="10"/>
    </row>
    <row r="492285" spans="14:14">
      <c r="N492285" s="10"/>
    </row>
    <row r="492286" spans="14:14">
      <c r="N492286" s="10"/>
    </row>
    <row r="492287" spans="14:14">
      <c r="N492287" s="10"/>
    </row>
    <row r="492288" spans="14:14">
      <c r="N492288" s="10"/>
    </row>
    <row r="492289" spans="14:14">
      <c r="N492289" s="10"/>
    </row>
    <row r="492290" spans="14:14">
      <c r="N492290" s="10"/>
    </row>
    <row r="492291" spans="14:14">
      <c r="N492291" s="10"/>
    </row>
    <row r="492292" spans="14:14">
      <c r="N492292" s="10"/>
    </row>
    <row r="492293" spans="14:14">
      <c r="N492293" s="10"/>
    </row>
    <row r="492294" spans="14:14">
      <c r="N492294" s="10"/>
    </row>
    <row r="492295" spans="14:14">
      <c r="N492295" s="10"/>
    </row>
    <row r="492296" spans="14:14">
      <c r="N492296" s="10"/>
    </row>
    <row r="492297" spans="14:14">
      <c r="N492297" s="10"/>
    </row>
    <row r="492298" spans="14:14">
      <c r="N492298" s="10"/>
    </row>
    <row r="492299" spans="14:14">
      <c r="N492299" s="10"/>
    </row>
    <row r="492300" spans="14:14">
      <c r="N492300" s="10"/>
    </row>
    <row r="492301" spans="14:14">
      <c r="N492301" s="10"/>
    </row>
    <row r="492302" spans="14:14">
      <c r="N492302" s="10"/>
    </row>
    <row r="492303" spans="14:14">
      <c r="N492303" s="10"/>
    </row>
    <row r="492304" spans="14:14">
      <c r="N492304" s="10"/>
    </row>
    <row r="492305" spans="14:14">
      <c r="N492305" s="10"/>
    </row>
    <row r="492306" spans="14:14">
      <c r="N492306" s="10"/>
    </row>
    <row r="492307" spans="14:14">
      <c r="N492307" s="10"/>
    </row>
    <row r="492308" spans="14:14">
      <c r="N492308" s="10"/>
    </row>
    <row r="492309" spans="14:14">
      <c r="N492309" s="10"/>
    </row>
    <row r="492310" spans="14:14">
      <c r="N492310" s="10"/>
    </row>
    <row r="492311" spans="14:14">
      <c r="N492311" s="10"/>
    </row>
    <row r="492312" spans="14:14">
      <c r="N492312" s="10"/>
    </row>
    <row r="492313" spans="14:14">
      <c r="N492313" s="10"/>
    </row>
    <row r="492314" spans="14:14">
      <c r="N492314" s="10"/>
    </row>
    <row r="492315" spans="14:14">
      <c r="N492315" s="10"/>
    </row>
    <row r="492316" spans="14:14">
      <c r="N492316" s="10"/>
    </row>
    <row r="492317" spans="14:14">
      <c r="N492317" s="10"/>
    </row>
    <row r="492318" spans="14:14">
      <c r="N492318" s="10"/>
    </row>
    <row r="492319" spans="14:14">
      <c r="N492319" s="10"/>
    </row>
    <row r="492320" spans="14:14">
      <c r="N492320" s="10"/>
    </row>
    <row r="492321" spans="14:14">
      <c r="N492321" s="10"/>
    </row>
    <row r="492322" spans="14:14">
      <c r="N492322" s="10"/>
    </row>
    <row r="492323" spans="14:14">
      <c r="N492323" s="10"/>
    </row>
    <row r="492324" spans="14:14">
      <c r="N492324" s="10"/>
    </row>
    <row r="492325" spans="14:14">
      <c r="N492325" s="10"/>
    </row>
    <row r="492326" spans="14:14">
      <c r="N492326" s="10"/>
    </row>
    <row r="492327" spans="14:14">
      <c r="N492327" s="10"/>
    </row>
    <row r="492328" spans="14:14">
      <c r="N492328" s="10"/>
    </row>
    <row r="492329" spans="14:14">
      <c r="N492329" s="10"/>
    </row>
    <row r="492330" spans="14:14">
      <c r="N492330" s="10"/>
    </row>
    <row r="492331" spans="14:14">
      <c r="N492331" s="10"/>
    </row>
    <row r="492332" spans="14:14">
      <c r="N492332" s="10"/>
    </row>
    <row r="492333" spans="14:14">
      <c r="N492333" s="10"/>
    </row>
    <row r="492334" spans="14:14">
      <c r="N492334" s="10"/>
    </row>
    <row r="492335" spans="14:14">
      <c r="N492335" s="10"/>
    </row>
    <row r="492336" spans="14:14">
      <c r="N492336" s="10"/>
    </row>
    <row r="492337" spans="14:14">
      <c r="N492337" s="10"/>
    </row>
    <row r="492338" spans="14:14">
      <c r="N492338" s="10"/>
    </row>
    <row r="492339" spans="14:14">
      <c r="N492339" s="10"/>
    </row>
    <row r="492340" spans="14:14">
      <c r="N492340" s="10"/>
    </row>
    <row r="492341" spans="14:14">
      <c r="N492341" s="10"/>
    </row>
    <row r="492342" spans="14:14">
      <c r="N492342" s="10"/>
    </row>
    <row r="492343" spans="14:14">
      <c r="N492343" s="10"/>
    </row>
    <row r="492344" spans="14:14">
      <c r="N492344" s="10"/>
    </row>
    <row r="492345" spans="14:14">
      <c r="N492345" s="10"/>
    </row>
    <row r="492346" spans="14:14">
      <c r="N492346" s="10"/>
    </row>
    <row r="492347" spans="14:14">
      <c r="N492347" s="10"/>
    </row>
    <row r="492348" spans="14:14">
      <c r="N492348" s="10"/>
    </row>
    <row r="492349" spans="14:14">
      <c r="N492349" s="10"/>
    </row>
    <row r="492350" spans="14:14">
      <c r="N492350" s="10"/>
    </row>
    <row r="492351" spans="14:14">
      <c r="N492351" s="10"/>
    </row>
    <row r="492352" spans="14:14">
      <c r="N492352" s="10"/>
    </row>
    <row r="492353" spans="14:14">
      <c r="N492353" s="10"/>
    </row>
    <row r="492354" spans="14:14">
      <c r="N492354" s="10"/>
    </row>
    <row r="492355" spans="14:14">
      <c r="N492355" s="10"/>
    </row>
    <row r="492356" spans="14:14">
      <c r="N492356" s="10"/>
    </row>
    <row r="492357" spans="14:14">
      <c r="N492357" s="10"/>
    </row>
    <row r="492358" spans="14:14">
      <c r="N492358" s="10"/>
    </row>
    <row r="492359" spans="14:14">
      <c r="N492359" s="10"/>
    </row>
    <row r="492360" spans="14:14">
      <c r="N492360" s="10"/>
    </row>
    <row r="492361" spans="14:14">
      <c r="N492361" s="10"/>
    </row>
    <row r="492362" spans="14:14">
      <c r="N492362" s="10"/>
    </row>
    <row r="492363" spans="14:14">
      <c r="N492363" s="10"/>
    </row>
    <row r="492364" spans="14:14">
      <c r="N492364" s="10"/>
    </row>
    <row r="492365" spans="14:14">
      <c r="N492365" s="10"/>
    </row>
    <row r="492366" spans="14:14">
      <c r="N492366" s="10"/>
    </row>
    <row r="492367" spans="14:14">
      <c r="N492367" s="10"/>
    </row>
    <row r="492368" spans="14:14">
      <c r="N492368" s="10"/>
    </row>
    <row r="492369" spans="14:14">
      <c r="N492369" s="10"/>
    </row>
    <row r="492370" spans="14:14">
      <c r="N492370" s="10"/>
    </row>
    <row r="492371" spans="14:14">
      <c r="N492371" s="10"/>
    </row>
    <row r="492372" spans="14:14">
      <c r="N492372" s="10"/>
    </row>
    <row r="492373" spans="14:14">
      <c r="N492373" s="10"/>
    </row>
    <row r="492374" spans="14:14">
      <c r="N492374" s="10"/>
    </row>
    <row r="492375" spans="14:14">
      <c r="N492375" s="10"/>
    </row>
    <row r="492376" spans="14:14">
      <c r="N492376" s="10"/>
    </row>
    <row r="492377" spans="14:14">
      <c r="N492377" s="10"/>
    </row>
    <row r="492378" spans="14:14">
      <c r="N492378" s="10"/>
    </row>
    <row r="492379" spans="14:14">
      <c r="N492379" s="10"/>
    </row>
    <row r="492380" spans="14:14">
      <c r="N492380" s="10"/>
    </row>
    <row r="492381" spans="14:14">
      <c r="N492381" s="10"/>
    </row>
    <row r="492382" spans="14:14">
      <c r="N492382" s="10"/>
    </row>
    <row r="492383" spans="14:14">
      <c r="N492383" s="10"/>
    </row>
    <row r="492384" spans="14:14">
      <c r="N492384" s="10"/>
    </row>
    <row r="492385" spans="14:14">
      <c r="N492385" s="10"/>
    </row>
    <row r="492386" spans="14:14">
      <c r="N492386" s="10"/>
    </row>
    <row r="492387" spans="14:14">
      <c r="N492387" s="10"/>
    </row>
    <row r="492388" spans="14:14">
      <c r="N492388" s="10"/>
    </row>
    <row r="492389" spans="14:14">
      <c r="N492389" s="10"/>
    </row>
    <row r="492390" spans="14:14">
      <c r="N492390" s="10"/>
    </row>
    <row r="492391" spans="14:14">
      <c r="N492391" s="10"/>
    </row>
    <row r="492392" spans="14:14">
      <c r="N492392" s="10"/>
    </row>
    <row r="492393" spans="14:14">
      <c r="N492393" s="10"/>
    </row>
    <row r="492394" spans="14:14">
      <c r="N492394" s="10"/>
    </row>
    <row r="492395" spans="14:14">
      <c r="N492395" s="10"/>
    </row>
    <row r="492396" spans="14:14">
      <c r="N492396" s="10"/>
    </row>
    <row r="492397" spans="14:14">
      <c r="N492397" s="10"/>
    </row>
    <row r="492398" spans="14:14">
      <c r="N492398" s="10"/>
    </row>
    <row r="492399" spans="14:14">
      <c r="N492399" s="10"/>
    </row>
    <row r="492400" spans="14:14">
      <c r="N492400" s="10"/>
    </row>
    <row r="492401" spans="14:14">
      <c r="N492401" s="10"/>
    </row>
    <row r="492402" spans="14:14">
      <c r="N492402" s="10"/>
    </row>
    <row r="492403" spans="14:14">
      <c r="N492403" s="10"/>
    </row>
    <row r="492404" spans="14:14">
      <c r="N492404" s="10"/>
    </row>
    <row r="492405" spans="14:14">
      <c r="N492405" s="10"/>
    </row>
    <row r="492406" spans="14:14">
      <c r="N492406" s="10"/>
    </row>
    <row r="492407" spans="14:14">
      <c r="N492407" s="10"/>
    </row>
    <row r="492408" spans="14:14">
      <c r="N492408" s="10"/>
    </row>
    <row r="492409" spans="14:14">
      <c r="N492409" s="10"/>
    </row>
    <row r="492410" spans="14:14">
      <c r="N492410" s="10"/>
    </row>
    <row r="492411" spans="14:14">
      <c r="N492411" s="10"/>
    </row>
    <row r="492412" spans="14:14">
      <c r="N492412" s="10"/>
    </row>
    <row r="492413" spans="14:14">
      <c r="N492413" s="10"/>
    </row>
    <row r="492414" spans="14:14">
      <c r="N492414" s="10"/>
    </row>
    <row r="492415" spans="14:14">
      <c r="N492415" s="10"/>
    </row>
    <row r="492416" spans="14:14">
      <c r="N492416" s="10"/>
    </row>
    <row r="492417" spans="14:14">
      <c r="N492417" s="10"/>
    </row>
    <row r="492418" spans="14:14">
      <c r="N492418" s="10"/>
    </row>
    <row r="492419" spans="14:14">
      <c r="N492419" s="10"/>
    </row>
    <row r="492420" spans="14:14">
      <c r="N492420" s="10"/>
    </row>
    <row r="492421" spans="14:14">
      <c r="N492421" s="10"/>
    </row>
    <row r="492422" spans="14:14">
      <c r="N492422" s="10"/>
    </row>
    <row r="492423" spans="14:14">
      <c r="N492423" s="10"/>
    </row>
    <row r="492424" spans="14:14">
      <c r="N492424" s="10"/>
    </row>
    <row r="492425" spans="14:14">
      <c r="N492425" s="10"/>
    </row>
    <row r="492426" spans="14:14">
      <c r="N492426" s="10"/>
    </row>
    <row r="492427" spans="14:14">
      <c r="N492427" s="10"/>
    </row>
    <row r="492428" spans="14:14">
      <c r="N492428" s="10"/>
    </row>
    <row r="492429" spans="14:14">
      <c r="N492429" s="10"/>
    </row>
    <row r="492430" spans="14:14">
      <c r="N492430" s="10"/>
    </row>
    <row r="492431" spans="14:14">
      <c r="N492431" s="10"/>
    </row>
    <row r="492432" spans="14:14">
      <c r="N492432" s="10"/>
    </row>
    <row r="492433" spans="14:14">
      <c r="N492433" s="10"/>
    </row>
    <row r="492434" spans="14:14">
      <c r="N492434" s="10"/>
    </row>
    <row r="492435" spans="14:14">
      <c r="N492435" s="10"/>
    </row>
    <row r="492436" spans="14:14">
      <c r="N492436" s="10"/>
    </row>
    <row r="492437" spans="14:14">
      <c r="N492437" s="10"/>
    </row>
    <row r="492438" spans="14:14">
      <c r="N492438" s="10"/>
    </row>
    <row r="492439" spans="14:14">
      <c r="N492439" s="10"/>
    </row>
    <row r="492440" spans="14:14">
      <c r="N492440" s="10"/>
    </row>
    <row r="492441" spans="14:14">
      <c r="N492441" s="10"/>
    </row>
    <row r="492442" spans="14:14">
      <c r="N492442" s="10"/>
    </row>
    <row r="492443" spans="14:14">
      <c r="N492443" s="10"/>
    </row>
    <row r="492444" spans="14:14">
      <c r="N492444" s="10"/>
    </row>
    <row r="492445" spans="14:14">
      <c r="N492445" s="10"/>
    </row>
    <row r="492446" spans="14:14">
      <c r="N492446" s="10"/>
    </row>
    <row r="492447" spans="14:14">
      <c r="N492447" s="10"/>
    </row>
    <row r="492448" spans="14:14">
      <c r="N492448" s="10"/>
    </row>
    <row r="492449" spans="14:14">
      <c r="N492449" s="10"/>
    </row>
    <row r="492450" spans="14:14">
      <c r="N492450" s="10"/>
    </row>
    <row r="492451" spans="14:14">
      <c r="N492451" s="10"/>
    </row>
    <row r="492452" spans="14:14">
      <c r="N492452" s="10"/>
    </row>
    <row r="492453" spans="14:14">
      <c r="N492453" s="10"/>
    </row>
    <row r="492454" spans="14:14">
      <c r="N492454" s="10"/>
    </row>
    <row r="492455" spans="14:14">
      <c r="N492455" s="10"/>
    </row>
    <row r="492456" spans="14:14">
      <c r="N492456" s="10"/>
    </row>
    <row r="492457" spans="14:14">
      <c r="N492457" s="10"/>
    </row>
    <row r="492458" spans="14:14">
      <c r="N492458" s="10"/>
    </row>
    <row r="492459" spans="14:14">
      <c r="N492459" s="10"/>
    </row>
    <row r="492460" spans="14:14">
      <c r="N492460" s="10"/>
    </row>
    <row r="492461" spans="14:14">
      <c r="N492461" s="10"/>
    </row>
    <row r="492462" spans="14:14">
      <c r="N492462" s="10"/>
    </row>
    <row r="492463" spans="14:14">
      <c r="N492463" s="10"/>
    </row>
    <row r="492464" spans="14:14">
      <c r="N492464" s="10"/>
    </row>
    <row r="492465" spans="14:14">
      <c r="N492465" s="10"/>
    </row>
    <row r="492466" spans="14:14">
      <c r="N492466" s="10"/>
    </row>
    <row r="492467" spans="14:14">
      <c r="N492467" s="10"/>
    </row>
    <row r="492468" spans="14:14">
      <c r="N492468" s="10"/>
    </row>
    <row r="492469" spans="14:14">
      <c r="N492469" s="10"/>
    </row>
    <row r="492470" spans="14:14">
      <c r="N492470" s="10"/>
    </row>
    <row r="492471" spans="14:14">
      <c r="N492471" s="10"/>
    </row>
    <row r="492472" spans="14:14">
      <c r="N492472" s="10"/>
    </row>
    <row r="492473" spans="14:14">
      <c r="N492473" s="10"/>
    </row>
    <row r="492474" spans="14:14">
      <c r="N492474" s="10"/>
    </row>
    <row r="492475" spans="14:14">
      <c r="N492475" s="10"/>
    </row>
    <row r="492476" spans="14:14">
      <c r="N492476" s="10"/>
    </row>
    <row r="492477" spans="14:14">
      <c r="N492477" s="10"/>
    </row>
    <row r="492478" spans="14:14">
      <c r="N492478" s="10"/>
    </row>
    <row r="492479" spans="14:14">
      <c r="N492479" s="10"/>
    </row>
    <row r="492480" spans="14:14">
      <c r="N492480" s="10"/>
    </row>
    <row r="492481" spans="14:14">
      <c r="N492481" s="10"/>
    </row>
    <row r="492482" spans="14:14">
      <c r="N492482" s="10"/>
    </row>
    <row r="492483" spans="14:14">
      <c r="N492483" s="10"/>
    </row>
    <row r="492484" spans="14:14">
      <c r="N492484" s="10"/>
    </row>
    <row r="492485" spans="14:14">
      <c r="N492485" s="10"/>
    </row>
    <row r="492486" spans="14:14">
      <c r="N492486" s="10"/>
    </row>
    <row r="492487" spans="14:14">
      <c r="N492487" s="10"/>
    </row>
    <row r="492488" spans="14:14">
      <c r="N492488" s="10"/>
    </row>
    <row r="492489" spans="14:14">
      <c r="N492489" s="10"/>
    </row>
    <row r="492490" spans="14:14">
      <c r="N492490" s="10"/>
    </row>
    <row r="492491" spans="14:14">
      <c r="N492491" s="10"/>
    </row>
    <row r="492492" spans="14:14">
      <c r="N492492" s="10"/>
    </row>
    <row r="492493" spans="14:14">
      <c r="N492493" s="10"/>
    </row>
    <row r="492494" spans="14:14">
      <c r="N492494" s="10"/>
    </row>
    <row r="492495" spans="14:14">
      <c r="N492495" s="10"/>
    </row>
    <row r="492496" spans="14:14">
      <c r="N492496" s="10"/>
    </row>
    <row r="492497" spans="14:14">
      <c r="N492497" s="10"/>
    </row>
    <row r="492498" spans="14:14">
      <c r="N492498" s="10"/>
    </row>
    <row r="492499" spans="14:14">
      <c r="N492499" s="10"/>
    </row>
    <row r="492500" spans="14:14">
      <c r="N492500" s="10"/>
    </row>
    <row r="492501" spans="14:14">
      <c r="N492501" s="10"/>
    </row>
    <row r="492502" spans="14:14">
      <c r="N492502" s="10"/>
    </row>
    <row r="492503" spans="14:14">
      <c r="N492503" s="10"/>
    </row>
    <row r="492504" spans="14:14">
      <c r="N492504" s="10"/>
    </row>
    <row r="492505" spans="14:14">
      <c r="N492505" s="10"/>
    </row>
    <row r="492506" spans="14:14">
      <c r="N492506" s="10"/>
    </row>
    <row r="492507" spans="14:14">
      <c r="N492507" s="10"/>
    </row>
    <row r="492508" spans="14:14">
      <c r="N492508" s="10"/>
    </row>
    <row r="492509" spans="14:14">
      <c r="N492509" s="10"/>
    </row>
    <row r="492510" spans="14:14">
      <c r="N492510" s="10"/>
    </row>
    <row r="492511" spans="14:14">
      <c r="N492511" s="10"/>
    </row>
    <row r="492512" spans="14:14">
      <c r="N492512" s="10"/>
    </row>
    <row r="492513" spans="14:14">
      <c r="N492513" s="10"/>
    </row>
    <row r="492514" spans="14:14">
      <c r="N492514" s="10"/>
    </row>
    <row r="492515" spans="14:14">
      <c r="N492515" s="10"/>
    </row>
    <row r="492516" spans="14:14">
      <c r="N492516" s="10"/>
    </row>
    <row r="492517" spans="14:14">
      <c r="N492517" s="10"/>
    </row>
    <row r="492518" spans="14:14">
      <c r="N492518" s="10"/>
    </row>
    <row r="492519" spans="14:14">
      <c r="N492519" s="10"/>
    </row>
    <row r="492520" spans="14:14">
      <c r="N492520" s="10"/>
    </row>
    <row r="492521" spans="14:14">
      <c r="N492521" s="10"/>
    </row>
    <row r="492522" spans="14:14">
      <c r="N492522" s="10"/>
    </row>
    <row r="492523" spans="14:14">
      <c r="N492523" s="10"/>
    </row>
    <row r="492524" spans="14:14">
      <c r="N492524" s="10"/>
    </row>
    <row r="492525" spans="14:14">
      <c r="N492525" s="10"/>
    </row>
    <row r="492526" spans="14:14">
      <c r="N492526" s="10"/>
    </row>
    <row r="492527" spans="14:14">
      <c r="N492527" s="10"/>
    </row>
    <row r="492528" spans="14:14">
      <c r="N492528" s="10"/>
    </row>
    <row r="492529" spans="14:14">
      <c r="N492529" s="10"/>
    </row>
    <row r="492530" spans="14:14">
      <c r="N492530" s="10"/>
    </row>
    <row r="492531" spans="14:14">
      <c r="N492531" s="10"/>
    </row>
    <row r="492532" spans="14:14">
      <c r="N492532" s="10"/>
    </row>
    <row r="492533" spans="14:14">
      <c r="N492533" s="10"/>
    </row>
    <row r="492534" spans="14:14">
      <c r="N492534" s="10"/>
    </row>
    <row r="492535" spans="14:14">
      <c r="N492535" s="10"/>
    </row>
    <row r="492536" spans="14:14">
      <c r="N492536" s="10"/>
    </row>
    <row r="492537" spans="14:14">
      <c r="N492537" s="10"/>
    </row>
    <row r="492538" spans="14:14">
      <c r="N492538" s="10"/>
    </row>
    <row r="492539" spans="14:14">
      <c r="N492539" s="10"/>
    </row>
    <row r="492540" spans="14:14">
      <c r="N492540" s="10"/>
    </row>
    <row r="492541" spans="14:14">
      <c r="N492541" s="10"/>
    </row>
    <row r="492542" spans="14:14">
      <c r="N492542" s="10"/>
    </row>
    <row r="492543" spans="14:14">
      <c r="N492543" s="10"/>
    </row>
    <row r="492544" spans="14:14">
      <c r="N492544" s="10"/>
    </row>
    <row r="492545" spans="14:14">
      <c r="N492545" s="10"/>
    </row>
    <row r="492546" spans="14:14">
      <c r="N492546" s="10"/>
    </row>
    <row r="492547" spans="14:14">
      <c r="N492547" s="10"/>
    </row>
    <row r="492548" spans="14:14">
      <c r="N492548" s="10"/>
    </row>
    <row r="492549" spans="14:14">
      <c r="N492549" s="10"/>
    </row>
    <row r="492550" spans="14:14">
      <c r="N492550" s="10"/>
    </row>
    <row r="492551" spans="14:14">
      <c r="N492551" s="10"/>
    </row>
    <row r="492552" spans="14:14">
      <c r="N492552" s="10"/>
    </row>
    <row r="492553" spans="14:14">
      <c r="N492553" s="10"/>
    </row>
    <row r="492554" spans="14:14">
      <c r="N492554" s="10"/>
    </row>
    <row r="492555" spans="14:14">
      <c r="N492555" s="10"/>
    </row>
    <row r="492556" spans="14:14">
      <c r="N492556" s="10"/>
    </row>
    <row r="492557" spans="14:14">
      <c r="N492557" s="10"/>
    </row>
    <row r="492558" spans="14:14">
      <c r="N492558" s="10"/>
    </row>
    <row r="492559" spans="14:14">
      <c r="N492559" s="10"/>
    </row>
    <row r="492560" spans="14:14">
      <c r="N492560" s="10"/>
    </row>
    <row r="492561" spans="14:14">
      <c r="N492561" s="10"/>
    </row>
    <row r="492562" spans="14:14">
      <c r="N492562" s="10"/>
    </row>
    <row r="492563" spans="14:14">
      <c r="N492563" s="10"/>
    </row>
    <row r="492564" spans="14:14">
      <c r="N492564" s="10"/>
    </row>
    <row r="492565" spans="14:14">
      <c r="N492565" s="10"/>
    </row>
    <row r="492566" spans="14:14">
      <c r="N492566" s="10"/>
    </row>
    <row r="492567" spans="14:14">
      <c r="N492567" s="10"/>
    </row>
    <row r="492568" spans="14:14">
      <c r="N492568" s="10"/>
    </row>
    <row r="492569" spans="14:14">
      <c r="N492569" s="10"/>
    </row>
    <row r="492570" spans="14:14">
      <c r="N492570" s="10"/>
    </row>
    <row r="492571" spans="14:14">
      <c r="N492571" s="10"/>
    </row>
    <row r="492572" spans="14:14">
      <c r="N492572" s="10"/>
    </row>
    <row r="492573" spans="14:14">
      <c r="N492573" s="10"/>
    </row>
    <row r="492574" spans="14:14">
      <c r="N492574" s="10"/>
    </row>
    <row r="492575" spans="14:14">
      <c r="N492575" s="10"/>
    </row>
    <row r="492576" spans="14:14">
      <c r="N492576" s="10"/>
    </row>
    <row r="492577" spans="14:14">
      <c r="N492577" s="10"/>
    </row>
    <row r="492578" spans="14:14">
      <c r="N492578" s="10"/>
    </row>
    <row r="492579" spans="14:14">
      <c r="N492579" s="10"/>
    </row>
    <row r="492580" spans="14:14">
      <c r="N492580" s="10"/>
    </row>
    <row r="492581" spans="14:14">
      <c r="N492581" s="10"/>
    </row>
    <row r="492582" spans="14:14">
      <c r="N492582" s="10"/>
    </row>
    <row r="492583" spans="14:14">
      <c r="N492583" s="10"/>
    </row>
    <row r="492584" spans="14:14">
      <c r="N492584" s="10"/>
    </row>
    <row r="492585" spans="14:14">
      <c r="N492585" s="10"/>
    </row>
    <row r="492586" spans="14:14">
      <c r="N492586" s="10"/>
    </row>
    <row r="492587" spans="14:14">
      <c r="N492587" s="10"/>
    </row>
    <row r="492588" spans="14:14">
      <c r="N492588" s="10"/>
    </row>
    <row r="492589" spans="14:14">
      <c r="N492589" s="10"/>
    </row>
    <row r="492590" spans="14:14">
      <c r="N492590" s="10"/>
    </row>
    <row r="492591" spans="14:14">
      <c r="N492591" s="10"/>
    </row>
    <row r="492592" spans="14:14">
      <c r="N492592" s="10"/>
    </row>
    <row r="492593" spans="14:14">
      <c r="N492593" s="10"/>
    </row>
    <row r="492594" spans="14:14">
      <c r="N492594" s="10"/>
    </row>
    <row r="492595" spans="14:14">
      <c r="N492595" s="10"/>
    </row>
    <row r="492596" spans="14:14">
      <c r="N492596" s="10"/>
    </row>
    <row r="492597" spans="14:14">
      <c r="N492597" s="10"/>
    </row>
    <row r="492598" spans="14:14">
      <c r="N492598" s="10"/>
    </row>
    <row r="492599" spans="14:14">
      <c r="N492599" s="10"/>
    </row>
    <row r="492600" spans="14:14">
      <c r="N492600" s="10"/>
    </row>
    <row r="492601" spans="14:14">
      <c r="N492601" s="10"/>
    </row>
    <row r="492602" spans="14:14">
      <c r="N492602" s="10"/>
    </row>
    <row r="492603" spans="14:14">
      <c r="N492603" s="10"/>
    </row>
    <row r="492604" spans="14:14">
      <c r="N492604" s="10"/>
    </row>
    <row r="492605" spans="14:14">
      <c r="N492605" s="10"/>
    </row>
    <row r="492606" spans="14:14">
      <c r="N492606" s="10"/>
    </row>
    <row r="492607" spans="14:14">
      <c r="N492607" s="10"/>
    </row>
    <row r="492608" spans="14:14">
      <c r="N492608" s="10"/>
    </row>
    <row r="492609" spans="14:14">
      <c r="N492609" s="10"/>
    </row>
    <row r="492610" spans="14:14">
      <c r="N492610" s="10"/>
    </row>
    <row r="492611" spans="14:14">
      <c r="N492611" s="10"/>
    </row>
    <row r="492612" spans="14:14">
      <c r="N492612" s="10"/>
    </row>
    <row r="492613" spans="14:14">
      <c r="N492613" s="10"/>
    </row>
    <row r="492614" spans="14:14">
      <c r="N492614" s="10"/>
    </row>
    <row r="492615" spans="14:14">
      <c r="N492615" s="10"/>
    </row>
    <row r="492616" spans="14:14">
      <c r="N492616" s="10"/>
    </row>
    <row r="492617" spans="14:14">
      <c r="N492617" s="10"/>
    </row>
    <row r="492618" spans="14:14">
      <c r="N492618" s="10"/>
    </row>
    <row r="492619" spans="14:14">
      <c r="N492619" s="10"/>
    </row>
    <row r="492620" spans="14:14">
      <c r="N492620" s="10"/>
    </row>
    <row r="492621" spans="14:14">
      <c r="N492621" s="10"/>
    </row>
    <row r="492622" spans="14:14">
      <c r="N492622" s="10"/>
    </row>
    <row r="492623" spans="14:14">
      <c r="N492623" s="10"/>
    </row>
    <row r="492624" spans="14:14">
      <c r="N492624" s="10"/>
    </row>
    <row r="492625" spans="14:14">
      <c r="N492625" s="10"/>
    </row>
    <row r="492626" spans="14:14">
      <c r="N492626" s="10"/>
    </row>
    <row r="492627" spans="14:14">
      <c r="N492627" s="10"/>
    </row>
    <row r="492628" spans="14:14">
      <c r="N492628" s="10"/>
    </row>
    <row r="492629" spans="14:14">
      <c r="N492629" s="10"/>
    </row>
    <row r="492630" spans="14:14">
      <c r="N492630" s="10"/>
    </row>
    <row r="492631" spans="14:14">
      <c r="N492631" s="10"/>
    </row>
    <row r="492632" spans="14:14">
      <c r="N492632" s="10"/>
    </row>
    <row r="492633" spans="14:14">
      <c r="N492633" s="10"/>
    </row>
    <row r="492634" spans="14:14">
      <c r="N492634" s="10"/>
    </row>
    <row r="492635" spans="14:14">
      <c r="N492635" s="10"/>
    </row>
    <row r="492636" spans="14:14">
      <c r="N492636" s="10"/>
    </row>
    <row r="492637" spans="14:14">
      <c r="N492637" s="10"/>
    </row>
    <row r="492638" spans="14:14">
      <c r="N492638" s="10"/>
    </row>
    <row r="492639" spans="14:14">
      <c r="N492639" s="10"/>
    </row>
    <row r="492640" spans="14:14">
      <c r="N492640" s="10"/>
    </row>
    <row r="492641" spans="14:14">
      <c r="N492641" s="10"/>
    </row>
    <row r="492642" spans="14:14">
      <c r="N492642" s="10"/>
    </row>
    <row r="492643" spans="14:14">
      <c r="N492643" s="10"/>
    </row>
    <row r="492644" spans="14:14">
      <c r="N492644" s="10"/>
    </row>
    <row r="492645" spans="14:14">
      <c r="N492645" s="10"/>
    </row>
    <row r="492646" spans="14:14">
      <c r="N492646" s="10"/>
    </row>
    <row r="492647" spans="14:14">
      <c r="N492647" s="10"/>
    </row>
    <row r="492648" spans="14:14">
      <c r="N492648" s="10"/>
    </row>
    <row r="492649" spans="14:14">
      <c r="N492649" s="10"/>
    </row>
    <row r="492650" spans="14:14">
      <c r="N492650" s="10"/>
    </row>
    <row r="492651" spans="14:14">
      <c r="N492651" s="10"/>
    </row>
    <row r="492652" spans="14:14">
      <c r="N492652" s="10"/>
    </row>
    <row r="492653" spans="14:14">
      <c r="N492653" s="10"/>
    </row>
    <row r="492654" spans="14:14">
      <c r="N492654" s="10"/>
    </row>
    <row r="492655" spans="14:14">
      <c r="N492655" s="10"/>
    </row>
    <row r="492656" spans="14:14">
      <c r="N492656" s="10"/>
    </row>
    <row r="492657" spans="14:14">
      <c r="N492657" s="10"/>
    </row>
    <row r="492658" spans="14:14">
      <c r="N492658" s="10"/>
    </row>
    <row r="492659" spans="14:14">
      <c r="N492659" s="10"/>
    </row>
    <row r="492660" spans="14:14">
      <c r="N492660" s="10"/>
    </row>
    <row r="492661" spans="14:14">
      <c r="N492661" s="10"/>
    </row>
    <row r="492662" spans="14:14">
      <c r="N492662" s="10"/>
    </row>
    <row r="492663" spans="14:14">
      <c r="N492663" s="10"/>
    </row>
    <row r="492664" spans="14:14">
      <c r="N492664" s="10"/>
    </row>
    <row r="492665" spans="14:14">
      <c r="N492665" s="10"/>
    </row>
    <row r="492666" spans="14:14">
      <c r="N492666" s="10"/>
    </row>
    <row r="492667" spans="14:14">
      <c r="N492667" s="10"/>
    </row>
    <row r="492668" spans="14:14">
      <c r="N492668" s="10"/>
    </row>
    <row r="492669" spans="14:14">
      <c r="N492669" s="10"/>
    </row>
    <row r="492670" spans="14:14">
      <c r="N492670" s="10"/>
    </row>
    <row r="492671" spans="14:14">
      <c r="N492671" s="10"/>
    </row>
    <row r="492672" spans="14:14">
      <c r="N492672" s="10"/>
    </row>
    <row r="492673" spans="14:14">
      <c r="N492673" s="10"/>
    </row>
    <row r="492674" spans="14:14">
      <c r="N492674" s="10"/>
    </row>
    <row r="492675" spans="14:14">
      <c r="N492675" s="10"/>
    </row>
    <row r="492676" spans="14:14">
      <c r="N492676" s="10"/>
    </row>
    <row r="492677" spans="14:14">
      <c r="N492677" s="10"/>
    </row>
    <row r="492678" spans="14:14">
      <c r="N492678" s="10"/>
    </row>
    <row r="492679" spans="14:14">
      <c r="N492679" s="10"/>
    </row>
    <row r="492680" spans="14:14">
      <c r="N492680" s="10"/>
    </row>
    <row r="492681" spans="14:14">
      <c r="N492681" s="10"/>
    </row>
    <row r="492682" spans="14:14">
      <c r="N492682" s="10"/>
    </row>
    <row r="492683" spans="14:14">
      <c r="N492683" s="10"/>
    </row>
    <row r="492684" spans="14:14">
      <c r="N492684" s="10"/>
    </row>
    <row r="492685" spans="14:14">
      <c r="N492685" s="10"/>
    </row>
    <row r="492686" spans="14:14">
      <c r="N492686" s="10"/>
    </row>
    <row r="492687" spans="14:14">
      <c r="N492687" s="10"/>
    </row>
    <row r="492688" spans="14:14">
      <c r="N492688" s="10"/>
    </row>
    <row r="492689" spans="14:14">
      <c r="N492689" s="10"/>
    </row>
    <row r="492690" spans="14:14">
      <c r="N492690" s="10"/>
    </row>
    <row r="492691" spans="14:14">
      <c r="N492691" s="10"/>
    </row>
    <row r="492692" spans="14:14">
      <c r="N492692" s="10"/>
    </row>
    <row r="492693" spans="14:14">
      <c r="N492693" s="10"/>
    </row>
    <row r="492694" spans="14:14">
      <c r="N492694" s="10"/>
    </row>
    <row r="492695" spans="14:14">
      <c r="N492695" s="10"/>
    </row>
    <row r="492696" spans="14:14">
      <c r="N492696" s="10"/>
    </row>
    <row r="492697" spans="14:14">
      <c r="N492697" s="10"/>
    </row>
    <row r="492698" spans="14:14">
      <c r="N492698" s="10"/>
    </row>
    <row r="492699" spans="14:14">
      <c r="N492699" s="10"/>
    </row>
    <row r="492700" spans="14:14">
      <c r="N492700" s="10"/>
    </row>
    <row r="492701" spans="14:14">
      <c r="N492701" s="10"/>
    </row>
    <row r="492702" spans="14:14">
      <c r="N492702" s="10"/>
    </row>
    <row r="492703" spans="14:14">
      <c r="N492703" s="10"/>
    </row>
    <row r="492704" spans="14:14">
      <c r="N492704" s="10"/>
    </row>
    <row r="492705" spans="14:14">
      <c r="N492705" s="10"/>
    </row>
    <row r="492706" spans="14:14">
      <c r="N492706" s="10"/>
    </row>
    <row r="492707" spans="14:14">
      <c r="N492707" s="10"/>
    </row>
    <row r="492708" spans="14:14">
      <c r="N492708" s="10"/>
    </row>
    <row r="492709" spans="14:14">
      <c r="N492709" s="10"/>
    </row>
    <row r="492710" spans="14:14">
      <c r="N492710" s="10"/>
    </row>
    <row r="492711" spans="14:14">
      <c r="N492711" s="10"/>
    </row>
    <row r="492712" spans="14:14">
      <c r="N492712" s="10"/>
    </row>
    <row r="492713" spans="14:14">
      <c r="N492713" s="10"/>
    </row>
    <row r="492714" spans="14:14">
      <c r="N492714" s="10"/>
    </row>
    <row r="492715" spans="14:14">
      <c r="N492715" s="10"/>
    </row>
    <row r="492716" spans="14:14">
      <c r="N492716" s="10"/>
    </row>
    <row r="492717" spans="14:14">
      <c r="N492717" s="10"/>
    </row>
    <row r="492718" spans="14:14">
      <c r="N492718" s="10"/>
    </row>
    <row r="492719" spans="14:14">
      <c r="N492719" s="10"/>
    </row>
    <row r="492720" spans="14:14">
      <c r="N492720" s="10"/>
    </row>
    <row r="492721" spans="14:14">
      <c r="N492721" s="10"/>
    </row>
    <row r="492722" spans="14:14">
      <c r="N492722" s="10"/>
    </row>
    <row r="492723" spans="14:14">
      <c r="N492723" s="10"/>
    </row>
    <row r="492724" spans="14:14">
      <c r="N492724" s="10"/>
    </row>
    <row r="492725" spans="14:14">
      <c r="N492725" s="10"/>
    </row>
    <row r="492726" spans="14:14">
      <c r="N492726" s="10"/>
    </row>
    <row r="492727" spans="14:14">
      <c r="N492727" s="10"/>
    </row>
    <row r="492728" spans="14:14">
      <c r="N492728" s="10"/>
    </row>
    <row r="492729" spans="14:14">
      <c r="N492729" s="10"/>
    </row>
    <row r="492730" spans="14:14">
      <c r="N492730" s="10"/>
    </row>
    <row r="492731" spans="14:14">
      <c r="N492731" s="10"/>
    </row>
    <row r="492732" spans="14:14">
      <c r="N492732" s="10"/>
    </row>
    <row r="492733" spans="14:14">
      <c r="N492733" s="10"/>
    </row>
    <row r="492734" spans="14:14">
      <c r="N492734" s="10"/>
    </row>
    <row r="492735" spans="14:14">
      <c r="N492735" s="10"/>
    </row>
    <row r="492736" spans="14:14">
      <c r="N492736" s="10"/>
    </row>
    <row r="492737" spans="14:14">
      <c r="N492737" s="10"/>
    </row>
    <row r="492738" spans="14:14">
      <c r="N492738" s="10"/>
    </row>
    <row r="492739" spans="14:14">
      <c r="N492739" s="10"/>
    </row>
    <row r="492740" spans="14:14">
      <c r="N492740" s="10"/>
    </row>
    <row r="492741" spans="14:14">
      <c r="N492741" s="10"/>
    </row>
    <row r="492742" spans="14:14">
      <c r="N492742" s="10"/>
    </row>
    <row r="492743" spans="14:14">
      <c r="N492743" s="10"/>
    </row>
    <row r="492744" spans="14:14">
      <c r="N492744" s="10"/>
    </row>
    <row r="492745" spans="14:14">
      <c r="N492745" s="10"/>
    </row>
    <row r="492746" spans="14:14">
      <c r="N492746" s="10"/>
    </row>
    <row r="492747" spans="14:14">
      <c r="N492747" s="10"/>
    </row>
    <row r="492748" spans="14:14">
      <c r="N492748" s="10"/>
    </row>
    <row r="492749" spans="14:14">
      <c r="N492749" s="10"/>
    </row>
    <row r="492750" spans="14:14">
      <c r="N492750" s="10"/>
    </row>
    <row r="492751" spans="14:14">
      <c r="N492751" s="10"/>
    </row>
    <row r="492752" spans="14:14">
      <c r="N492752" s="10"/>
    </row>
    <row r="492753" spans="14:14">
      <c r="N492753" s="10"/>
    </row>
    <row r="492754" spans="14:14">
      <c r="N492754" s="10"/>
    </row>
    <row r="492755" spans="14:14">
      <c r="N492755" s="10"/>
    </row>
    <row r="492756" spans="14:14">
      <c r="N492756" s="10"/>
    </row>
    <row r="492757" spans="14:14">
      <c r="N492757" s="10"/>
    </row>
    <row r="492758" spans="14:14">
      <c r="N492758" s="10"/>
    </row>
    <row r="492759" spans="14:14">
      <c r="N492759" s="10"/>
    </row>
    <row r="492760" spans="14:14">
      <c r="N492760" s="10"/>
    </row>
    <row r="492761" spans="14:14">
      <c r="N492761" s="10"/>
    </row>
    <row r="492762" spans="14:14">
      <c r="N492762" s="10"/>
    </row>
    <row r="492763" spans="14:14">
      <c r="N492763" s="10"/>
    </row>
    <row r="492764" spans="14:14">
      <c r="N492764" s="10"/>
    </row>
    <row r="492765" spans="14:14">
      <c r="N492765" s="10"/>
    </row>
    <row r="492766" spans="14:14">
      <c r="N492766" s="10"/>
    </row>
    <row r="492767" spans="14:14">
      <c r="N492767" s="10"/>
    </row>
    <row r="492768" spans="14:14">
      <c r="N492768" s="10"/>
    </row>
    <row r="492769" spans="14:14">
      <c r="N492769" s="10"/>
    </row>
    <row r="492770" spans="14:14">
      <c r="N492770" s="10"/>
    </row>
    <row r="492771" spans="14:14">
      <c r="N492771" s="10"/>
    </row>
    <row r="492772" spans="14:14">
      <c r="N492772" s="10"/>
    </row>
    <row r="492773" spans="14:14">
      <c r="N492773" s="10"/>
    </row>
    <row r="492774" spans="14:14">
      <c r="N492774" s="10"/>
    </row>
    <row r="492775" spans="14:14">
      <c r="N492775" s="10"/>
    </row>
    <row r="492776" spans="14:14">
      <c r="N492776" s="10"/>
    </row>
    <row r="492777" spans="14:14">
      <c r="N492777" s="10"/>
    </row>
    <row r="492778" spans="14:14">
      <c r="N492778" s="10"/>
    </row>
    <row r="492779" spans="14:14">
      <c r="N492779" s="10"/>
    </row>
    <row r="492780" spans="14:14">
      <c r="N492780" s="10"/>
    </row>
    <row r="492781" spans="14:14">
      <c r="N492781" s="10"/>
    </row>
    <row r="492782" spans="14:14">
      <c r="N492782" s="10"/>
    </row>
    <row r="492783" spans="14:14">
      <c r="N492783" s="10"/>
    </row>
    <row r="492784" spans="14:14">
      <c r="N492784" s="10"/>
    </row>
    <row r="492785" spans="14:14">
      <c r="N492785" s="10"/>
    </row>
    <row r="492786" spans="14:14">
      <c r="N492786" s="10"/>
    </row>
    <row r="492787" spans="14:14">
      <c r="N492787" s="10"/>
    </row>
    <row r="492788" spans="14:14">
      <c r="N492788" s="10"/>
    </row>
    <row r="492789" spans="14:14">
      <c r="N492789" s="10"/>
    </row>
    <row r="492790" spans="14:14">
      <c r="N492790" s="10"/>
    </row>
    <row r="492791" spans="14:14">
      <c r="N492791" s="10"/>
    </row>
    <row r="492792" spans="14:14">
      <c r="N492792" s="10"/>
    </row>
    <row r="492793" spans="14:14">
      <c r="N492793" s="10"/>
    </row>
    <row r="492794" spans="14:14">
      <c r="N492794" s="10"/>
    </row>
    <row r="492795" spans="14:14">
      <c r="N492795" s="10"/>
    </row>
    <row r="492796" spans="14:14">
      <c r="N492796" s="10"/>
    </row>
    <row r="492797" spans="14:14">
      <c r="N492797" s="10"/>
    </row>
    <row r="492798" spans="14:14">
      <c r="N492798" s="10"/>
    </row>
    <row r="492799" spans="14:14">
      <c r="N492799" s="10"/>
    </row>
    <row r="492800" spans="14:14">
      <c r="N492800" s="10"/>
    </row>
    <row r="492801" spans="14:14">
      <c r="N492801" s="10"/>
    </row>
    <row r="492802" spans="14:14">
      <c r="N492802" s="10"/>
    </row>
    <row r="492803" spans="14:14">
      <c r="N492803" s="10"/>
    </row>
    <row r="492804" spans="14:14">
      <c r="N492804" s="10"/>
    </row>
    <row r="492805" spans="14:14">
      <c r="N492805" s="10"/>
    </row>
    <row r="492806" spans="14:14">
      <c r="N492806" s="10"/>
    </row>
    <row r="492807" spans="14:14">
      <c r="N492807" s="10"/>
    </row>
    <row r="492808" spans="14:14">
      <c r="N492808" s="10"/>
    </row>
    <row r="492809" spans="14:14">
      <c r="N492809" s="10"/>
    </row>
    <row r="492810" spans="14:14">
      <c r="N492810" s="10"/>
    </row>
    <row r="492811" spans="14:14">
      <c r="N492811" s="10"/>
    </row>
    <row r="492812" spans="14:14">
      <c r="N492812" s="10"/>
    </row>
    <row r="492813" spans="14:14">
      <c r="N492813" s="10"/>
    </row>
    <row r="492814" spans="14:14">
      <c r="N492814" s="10"/>
    </row>
    <row r="492815" spans="14:14">
      <c r="N492815" s="10"/>
    </row>
    <row r="492816" spans="14:14">
      <c r="N492816" s="10"/>
    </row>
    <row r="492817" spans="14:14">
      <c r="N492817" s="10"/>
    </row>
    <row r="492818" spans="14:14">
      <c r="N492818" s="10"/>
    </row>
    <row r="492819" spans="14:14">
      <c r="N492819" s="10"/>
    </row>
    <row r="492820" spans="14:14">
      <c r="N492820" s="10"/>
    </row>
    <row r="492821" spans="14:14">
      <c r="N492821" s="10"/>
    </row>
    <row r="492822" spans="14:14">
      <c r="N492822" s="10"/>
    </row>
    <row r="492823" spans="14:14">
      <c r="N492823" s="10"/>
    </row>
    <row r="492824" spans="14:14">
      <c r="N492824" s="10"/>
    </row>
    <row r="492825" spans="14:14">
      <c r="N492825" s="10"/>
    </row>
    <row r="492826" spans="14:14">
      <c r="N492826" s="10"/>
    </row>
    <row r="492827" spans="14:14">
      <c r="N492827" s="10"/>
    </row>
    <row r="492828" spans="14:14">
      <c r="N492828" s="10"/>
    </row>
    <row r="492829" spans="14:14">
      <c r="N492829" s="10"/>
    </row>
    <row r="492830" spans="14:14">
      <c r="N492830" s="10"/>
    </row>
    <row r="492831" spans="14:14">
      <c r="N492831" s="10"/>
    </row>
    <row r="492832" spans="14:14">
      <c r="N492832" s="10"/>
    </row>
    <row r="492833" spans="14:14">
      <c r="N492833" s="10"/>
    </row>
    <row r="492834" spans="14:14">
      <c r="N492834" s="10"/>
    </row>
    <row r="492835" spans="14:14">
      <c r="N492835" s="10"/>
    </row>
    <row r="492836" spans="14:14">
      <c r="N492836" s="10"/>
    </row>
    <row r="492837" spans="14:14">
      <c r="N492837" s="10"/>
    </row>
    <row r="492838" spans="14:14">
      <c r="N492838" s="10"/>
    </row>
    <row r="492839" spans="14:14">
      <c r="N492839" s="10"/>
    </row>
    <row r="492840" spans="14:14">
      <c r="N492840" s="10"/>
    </row>
    <row r="492841" spans="14:14">
      <c r="N492841" s="10"/>
    </row>
    <row r="492842" spans="14:14">
      <c r="N492842" s="10"/>
    </row>
    <row r="492843" spans="14:14">
      <c r="N492843" s="10"/>
    </row>
    <row r="492844" spans="14:14">
      <c r="N492844" s="10"/>
    </row>
    <row r="492845" spans="14:14">
      <c r="N492845" s="10"/>
    </row>
    <row r="492846" spans="14:14">
      <c r="N492846" s="10"/>
    </row>
    <row r="492847" spans="14:14">
      <c r="N492847" s="10"/>
    </row>
    <row r="492848" spans="14:14">
      <c r="N492848" s="10"/>
    </row>
    <row r="492849" spans="14:14">
      <c r="N492849" s="10"/>
    </row>
    <row r="492850" spans="14:14">
      <c r="N492850" s="10"/>
    </row>
    <row r="492851" spans="14:14">
      <c r="N492851" s="10"/>
    </row>
    <row r="492852" spans="14:14">
      <c r="N492852" s="10"/>
    </row>
    <row r="492853" spans="14:14">
      <c r="N492853" s="10"/>
    </row>
    <row r="492854" spans="14:14">
      <c r="N492854" s="10"/>
    </row>
    <row r="492855" spans="14:14">
      <c r="N492855" s="10"/>
    </row>
    <row r="492856" spans="14:14">
      <c r="N492856" s="10"/>
    </row>
    <row r="492857" spans="14:14">
      <c r="N492857" s="10"/>
    </row>
    <row r="492858" spans="14:14">
      <c r="N492858" s="10"/>
    </row>
    <row r="492859" spans="14:14">
      <c r="N492859" s="10"/>
    </row>
    <row r="492860" spans="14:14">
      <c r="N492860" s="10"/>
    </row>
    <row r="492861" spans="14:14">
      <c r="N492861" s="10"/>
    </row>
    <row r="492862" spans="14:14">
      <c r="N492862" s="10"/>
    </row>
    <row r="492863" spans="14:14">
      <c r="N492863" s="10"/>
    </row>
    <row r="492864" spans="14:14">
      <c r="N492864" s="10"/>
    </row>
    <row r="492865" spans="14:14">
      <c r="N492865" s="10"/>
    </row>
    <row r="492866" spans="14:14">
      <c r="N492866" s="10"/>
    </row>
    <row r="492867" spans="14:14">
      <c r="N492867" s="10"/>
    </row>
    <row r="492868" spans="14:14">
      <c r="N492868" s="10"/>
    </row>
    <row r="492869" spans="14:14">
      <c r="N492869" s="10"/>
    </row>
    <row r="492870" spans="14:14">
      <c r="N492870" s="10"/>
    </row>
    <row r="492871" spans="14:14">
      <c r="N492871" s="10"/>
    </row>
    <row r="492872" spans="14:14">
      <c r="N492872" s="10"/>
    </row>
    <row r="492873" spans="14:14">
      <c r="N492873" s="10"/>
    </row>
    <row r="492874" spans="14:14">
      <c r="N492874" s="10"/>
    </row>
    <row r="492875" spans="14:14">
      <c r="N492875" s="10"/>
    </row>
    <row r="492876" spans="14:14">
      <c r="N492876" s="10"/>
    </row>
    <row r="492877" spans="14:14">
      <c r="N492877" s="10"/>
    </row>
    <row r="492878" spans="14:14">
      <c r="N492878" s="10"/>
    </row>
    <row r="492879" spans="14:14">
      <c r="N492879" s="10"/>
    </row>
    <row r="492880" spans="14:14">
      <c r="N492880" s="10"/>
    </row>
    <row r="492881" spans="14:14">
      <c r="N492881" s="10"/>
    </row>
    <row r="492882" spans="14:14">
      <c r="N492882" s="10"/>
    </row>
    <row r="492883" spans="14:14">
      <c r="N492883" s="10"/>
    </row>
    <row r="492884" spans="14:14">
      <c r="N492884" s="10"/>
    </row>
    <row r="492885" spans="14:14">
      <c r="N492885" s="10"/>
    </row>
    <row r="492886" spans="14:14">
      <c r="N492886" s="10"/>
    </row>
    <row r="492887" spans="14:14">
      <c r="N492887" s="10"/>
    </row>
    <row r="492888" spans="14:14">
      <c r="N492888" s="10"/>
    </row>
    <row r="492889" spans="14:14">
      <c r="N492889" s="10"/>
    </row>
    <row r="492890" spans="14:14">
      <c r="N492890" s="10"/>
    </row>
    <row r="492891" spans="14:14">
      <c r="N492891" s="10"/>
    </row>
    <row r="492892" spans="14:14">
      <c r="N492892" s="10"/>
    </row>
    <row r="492893" spans="14:14">
      <c r="N492893" s="10"/>
    </row>
    <row r="492894" spans="14:14">
      <c r="N492894" s="10"/>
    </row>
    <row r="492895" spans="14:14">
      <c r="N492895" s="10"/>
    </row>
    <row r="492896" spans="14:14">
      <c r="N492896" s="10"/>
    </row>
    <row r="492897" spans="14:14">
      <c r="N492897" s="10"/>
    </row>
    <row r="492898" spans="14:14">
      <c r="N492898" s="10"/>
    </row>
    <row r="492899" spans="14:14">
      <c r="N492899" s="10"/>
    </row>
    <row r="492900" spans="14:14">
      <c r="N492900" s="10"/>
    </row>
    <row r="492901" spans="14:14">
      <c r="N492901" s="10"/>
    </row>
    <row r="492902" spans="14:14">
      <c r="N492902" s="10"/>
    </row>
    <row r="492903" spans="14:14">
      <c r="N492903" s="10"/>
    </row>
    <row r="492904" spans="14:14">
      <c r="N492904" s="10"/>
    </row>
    <row r="492905" spans="14:14">
      <c r="N492905" s="10"/>
    </row>
    <row r="492906" spans="14:14">
      <c r="N492906" s="10"/>
    </row>
    <row r="492907" spans="14:14">
      <c r="N492907" s="10"/>
    </row>
    <row r="492908" spans="14:14">
      <c r="N492908" s="10"/>
    </row>
    <row r="492909" spans="14:14">
      <c r="N492909" s="10"/>
    </row>
    <row r="492910" spans="14:14">
      <c r="N492910" s="10"/>
    </row>
    <row r="492911" spans="14:14">
      <c r="N492911" s="10"/>
    </row>
    <row r="492912" spans="14:14">
      <c r="N492912" s="10"/>
    </row>
    <row r="492913" spans="14:14">
      <c r="N492913" s="10"/>
    </row>
    <row r="492914" spans="14:14">
      <c r="N492914" s="10"/>
    </row>
    <row r="492915" spans="14:14">
      <c r="N492915" s="10"/>
    </row>
    <row r="492916" spans="14:14">
      <c r="N492916" s="10"/>
    </row>
    <row r="492917" spans="14:14">
      <c r="N492917" s="10"/>
    </row>
    <row r="492918" spans="14:14">
      <c r="N492918" s="10"/>
    </row>
    <row r="492919" spans="14:14">
      <c r="N492919" s="10"/>
    </row>
    <row r="492920" spans="14:14">
      <c r="N492920" s="10"/>
    </row>
    <row r="492921" spans="14:14">
      <c r="N492921" s="10"/>
    </row>
    <row r="492922" spans="14:14">
      <c r="N492922" s="10"/>
    </row>
    <row r="492923" spans="14:14">
      <c r="N492923" s="10"/>
    </row>
    <row r="492924" spans="14:14">
      <c r="N492924" s="10"/>
    </row>
    <row r="492925" spans="14:14">
      <c r="N492925" s="10"/>
    </row>
    <row r="492926" spans="14:14">
      <c r="N492926" s="10"/>
    </row>
    <row r="492927" spans="14:14">
      <c r="N492927" s="10"/>
    </row>
    <row r="492928" spans="14:14">
      <c r="N492928" s="10"/>
    </row>
    <row r="492929" spans="14:14">
      <c r="N492929" s="10"/>
    </row>
    <row r="492930" spans="14:14">
      <c r="N492930" s="10"/>
    </row>
    <row r="492931" spans="14:14">
      <c r="N492931" s="10"/>
    </row>
    <row r="492932" spans="14:14">
      <c r="N492932" s="10"/>
    </row>
    <row r="492933" spans="14:14">
      <c r="N492933" s="10"/>
    </row>
    <row r="492934" spans="14:14">
      <c r="N492934" s="10"/>
    </row>
    <row r="492935" spans="14:14">
      <c r="N492935" s="10"/>
    </row>
    <row r="492936" spans="14:14">
      <c r="N492936" s="10"/>
    </row>
    <row r="492937" spans="14:14">
      <c r="N492937" s="10"/>
    </row>
    <row r="492938" spans="14:14">
      <c r="N492938" s="10"/>
    </row>
    <row r="492939" spans="14:14">
      <c r="N492939" s="10"/>
    </row>
    <row r="492940" spans="14:14">
      <c r="N492940" s="10"/>
    </row>
    <row r="492941" spans="14:14">
      <c r="N492941" s="10"/>
    </row>
    <row r="492942" spans="14:14">
      <c r="N492942" s="10"/>
    </row>
    <row r="492943" spans="14:14">
      <c r="N492943" s="10"/>
    </row>
    <row r="492944" spans="14:14">
      <c r="N492944" s="10"/>
    </row>
    <row r="492945" spans="14:14">
      <c r="N492945" s="10"/>
    </row>
    <row r="492946" spans="14:14">
      <c r="N492946" s="10"/>
    </row>
    <row r="492947" spans="14:14">
      <c r="N492947" s="10"/>
    </row>
    <row r="492948" spans="14:14">
      <c r="N492948" s="10"/>
    </row>
    <row r="492949" spans="14:14">
      <c r="N492949" s="10"/>
    </row>
    <row r="492950" spans="14:14">
      <c r="N492950" s="10"/>
    </row>
    <row r="492951" spans="14:14">
      <c r="N492951" s="10"/>
    </row>
    <row r="492952" spans="14:14">
      <c r="N492952" s="10"/>
    </row>
    <row r="492953" spans="14:14">
      <c r="N492953" s="10"/>
    </row>
    <row r="492954" spans="14:14">
      <c r="N492954" s="10"/>
    </row>
    <row r="492955" spans="14:14">
      <c r="N492955" s="10"/>
    </row>
    <row r="492956" spans="14:14">
      <c r="N492956" s="10"/>
    </row>
    <row r="492957" spans="14:14">
      <c r="N492957" s="10"/>
    </row>
    <row r="492958" spans="14:14">
      <c r="N492958" s="10"/>
    </row>
    <row r="492959" spans="14:14">
      <c r="N492959" s="10"/>
    </row>
    <row r="492960" spans="14:14">
      <c r="N492960" s="10"/>
    </row>
    <row r="492961" spans="14:14">
      <c r="N492961" s="10"/>
    </row>
    <row r="492962" spans="14:14">
      <c r="N492962" s="10"/>
    </row>
    <row r="492963" spans="14:14">
      <c r="N492963" s="10"/>
    </row>
    <row r="492964" spans="14:14">
      <c r="N492964" s="10"/>
    </row>
    <row r="492965" spans="14:14">
      <c r="N492965" s="10"/>
    </row>
    <row r="492966" spans="14:14">
      <c r="N492966" s="10"/>
    </row>
    <row r="492967" spans="14:14">
      <c r="N492967" s="10"/>
    </row>
    <row r="492968" spans="14:14">
      <c r="N492968" s="10"/>
    </row>
    <row r="492969" spans="14:14">
      <c r="N492969" s="10"/>
    </row>
    <row r="492970" spans="14:14">
      <c r="N492970" s="10"/>
    </row>
    <row r="492971" spans="14:14">
      <c r="N492971" s="10"/>
    </row>
    <row r="492972" spans="14:14">
      <c r="N492972" s="10"/>
    </row>
    <row r="492973" spans="14:14">
      <c r="N492973" s="10"/>
    </row>
    <row r="492974" spans="14:14">
      <c r="N492974" s="10"/>
    </row>
    <row r="492975" spans="14:14">
      <c r="N492975" s="10"/>
    </row>
    <row r="492976" spans="14:14">
      <c r="N492976" s="10"/>
    </row>
    <row r="492977" spans="14:14">
      <c r="N492977" s="10"/>
    </row>
    <row r="492978" spans="14:14">
      <c r="N492978" s="10"/>
    </row>
    <row r="492979" spans="14:14">
      <c r="N492979" s="10"/>
    </row>
    <row r="492980" spans="14:14">
      <c r="N492980" s="10"/>
    </row>
    <row r="492981" spans="14:14">
      <c r="N492981" s="10"/>
    </row>
    <row r="492982" spans="14:14">
      <c r="N492982" s="10"/>
    </row>
    <row r="492983" spans="14:14">
      <c r="N492983" s="10"/>
    </row>
    <row r="492984" spans="14:14">
      <c r="N492984" s="10"/>
    </row>
    <row r="492985" spans="14:14">
      <c r="N492985" s="10"/>
    </row>
    <row r="492986" spans="14:14">
      <c r="N492986" s="10"/>
    </row>
    <row r="492987" spans="14:14">
      <c r="N492987" s="10"/>
    </row>
    <row r="492988" spans="14:14">
      <c r="N492988" s="10"/>
    </row>
    <row r="492989" spans="14:14">
      <c r="N492989" s="10"/>
    </row>
    <row r="492990" spans="14:14">
      <c r="N492990" s="10"/>
    </row>
    <row r="492991" spans="14:14">
      <c r="N492991" s="10"/>
    </row>
    <row r="492992" spans="14:14">
      <c r="N492992" s="10"/>
    </row>
    <row r="492993" spans="14:14">
      <c r="N492993" s="10"/>
    </row>
    <row r="492994" spans="14:14">
      <c r="N492994" s="10"/>
    </row>
    <row r="492995" spans="14:14">
      <c r="N492995" s="10"/>
    </row>
    <row r="492996" spans="14:14">
      <c r="N492996" s="10"/>
    </row>
    <row r="492997" spans="14:14">
      <c r="N492997" s="10"/>
    </row>
    <row r="492998" spans="14:14">
      <c r="N492998" s="10"/>
    </row>
    <row r="492999" spans="14:14">
      <c r="N492999" s="10"/>
    </row>
    <row r="493000" spans="14:14">
      <c r="N493000" s="10"/>
    </row>
    <row r="493001" spans="14:14">
      <c r="N493001" s="10"/>
    </row>
    <row r="493002" spans="14:14">
      <c r="N493002" s="10"/>
    </row>
    <row r="493003" spans="14:14">
      <c r="N493003" s="10"/>
    </row>
    <row r="493004" spans="14:14">
      <c r="N493004" s="10"/>
    </row>
    <row r="493005" spans="14:14">
      <c r="N493005" s="10"/>
    </row>
    <row r="493006" spans="14:14">
      <c r="N493006" s="10"/>
    </row>
    <row r="493007" spans="14:14">
      <c r="N493007" s="10"/>
    </row>
    <row r="493008" spans="14:14">
      <c r="N493008" s="10"/>
    </row>
    <row r="493009" spans="14:14">
      <c r="N493009" s="10"/>
    </row>
    <row r="493010" spans="14:14">
      <c r="N493010" s="10"/>
    </row>
    <row r="493011" spans="14:14">
      <c r="N493011" s="10"/>
    </row>
    <row r="493012" spans="14:14">
      <c r="N493012" s="10"/>
    </row>
    <row r="493013" spans="14:14">
      <c r="N493013" s="10"/>
    </row>
    <row r="493014" spans="14:14">
      <c r="N493014" s="10"/>
    </row>
    <row r="493015" spans="14:14">
      <c r="N493015" s="10"/>
    </row>
    <row r="493016" spans="14:14">
      <c r="N493016" s="10"/>
    </row>
    <row r="493017" spans="14:14">
      <c r="N493017" s="10"/>
    </row>
    <row r="493018" spans="14:14">
      <c r="N493018" s="10"/>
    </row>
    <row r="493019" spans="14:14">
      <c r="N493019" s="10"/>
    </row>
    <row r="493020" spans="14:14">
      <c r="N493020" s="10"/>
    </row>
    <row r="493021" spans="14:14">
      <c r="N493021" s="10"/>
    </row>
    <row r="493022" spans="14:14">
      <c r="N493022" s="10"/>
    </row>
    <row r="493023" spans="14:14">
      <c r="N493023" s="10"/>
    </row>
    <row r="493024" spans="14:14">
      <c r="N493024" s="10"/>
    </row>
    <row r="493025" spans="14:14">
      <c r="N493025" s="10"/>
    </row>
    <row r="493026" spans="14:14">
      <c r="N493026" s="10"/>
    </row>
    <row r="493027" spans="14:14">
      <c r="N493027" s="10"/>
    </row>
    <row r="493028" spans="14:14">
      <c r="N493028" s="10"/>
    </row>
    <row r="493029" spans="14:14">
      <c r="N493029" s="10"/>
    </row>
    <row r="493030" spans="14:14">
      <c r="N493030" s="10"/>
    </row>
    <row r="493031" spans="14:14">
      <c r="N493031" s="10"/>
    </row>
    <row r="493032" spans="14:14">
      <c r="N493032" s="10"/>
    </row>
    <row r="493033" spans="14:14">
      <c r="N493033" s="10"/>
    </row>
    <row r="493034" spans="14:14">
      <c r="N493034" s="10"/>
    </row>
    <row r="493035" spans="14:14">
      <c r="N493035" s="10"/>
    </row>
    <row r="493036" spans="14:14">
      <c r="N493036" s="10"/>
    </row>
    <row r="493037" spans="14:14">
      <c r="N493037" s="10"/>
    </row>
    <row r="493038" spans="14:14">
      <c r="N493038" s="10"/>
    </row>
    <row r="493039" spans="14:14">
      <c r="N493039" s="10"/>
    </row>
    <row r="493040" spans="14:14">
      <c r="N493040" s="10"/>
    </row>
    <row r="493041" spans="14:14">
      <c r="N493041" s="10"/>
    </row>
    <row r="493042" spans="14:14">
      <c r="N493042" s="10"/>
    </row>
    <row r="493043" spans="14:14">
      <c r="N493043" s="10"/>
    </row>
    <row r="493044" spans="14:14">
      <c r="N493044" s="10"/>
    </row>
    <row r="493045" spans="14:14">
      <c r="N493045" s="10"/>
    </row>
    <row r="493046" spans="14:14">
      <c r="N493046" s="10"/>
    </row>
    <row r="493047" spans="14:14">
      <c r="N493047" s="10"/>
    </row>
    <row r="493048" spans="14:14">
      <c r="N493048" s="10"/>
    </row>
    <row r="493049" spans="14:14">
      <c r="N493049" s="10"/>
    </row>
    <row r="493050" spans="14:14">
      <c r="N493050" s="10"/>
    </row>
    <row r="493051" spans="14:14">
      <c r="N493051" s="10"/>
    </row>
    <row r="493052" spans="14:14">
      <c r="N493052" s="10"/>
    </row>
    <row r="493053" spans="14:14">
      <c r="N493053" s="10"/>
    </row>
    <row r="493054" spans="14:14">
      <c r="N493054" s="10"/>
    </row>
    <row r="493055" spans="14:14">
      <c r="N493055" s="10"/>
    </row>
    <row r="493056" spans="14:14">
      <c r="N493056" s="10"/>
    </row>
    <row r="493057" spans="14:14">
      <c r="N493057" s="10"/>
    </row>
    <row r="493058" spans="14:14">
      <c r="N493058" s="10"/>
    </row>
    <row r="493059" spans="14:14">
      <c r="N493059" s="10"/>
    </row>
    <row r="493060" spans="14:14">
      <c r="N493060" s="10"/>
    </row>
    <row r="493061" spans="14:14">
      <c r="N493061" s="10"/>
    </row>
    <row r="493062" spans="14:14">
      <c r="N493062" s="10"/>
    </row>
    <row r="493063" spans="14:14">
      <c r="N493063" s="10"/>
    </row>
    <row r="493064" spans="14:14">
      <c r="N493064" s="10"/>
    </row>
    <row r="493065" spans="14:14">
      <c r="N493065" s="10"/>
    </row>
    <row r="493066" spans="14:14">
      <c r="N493066" s="10"/>
    </row>
    <row r="493067" spans="14:14">
      <c r="N493067" s="10"/>
    </row>
    <row r="493068" spans="14:14">
      <c r="N493068" s="10"/>
    </row>
    <row r="493069" spans="14:14">
      <c r="N493069" s="10"/>
    </row>
    <row r="493070" spans="14:14">
      <c r="N493070" s="10"/>
    </row>
    <row r="493071" spans="14:14">
      <c r="N493071" s="10"/>
    </row>
    <row r="493072" spans="14:14">
      <c r="N493072" s="10"/>
    </row>
    <row r="493073" spans="14:14">
      <c r="N493073" s="10"/>
    </row>
    <row r="493074" spans="14:14">
      <c r="N493074" s="10"/>
    </row>
    <row r="493075" spans="14:14">
      <c r="N493075" s="10"/>
    </row>
    <row r="493076" spans="14:14">
      <c r="N493076" s="10"/>
    </row>
    <row r="493077" spans="14:14">
      <c r="N493077" s="10"/>
    </row>
    <row r="493078" spans="14:14">
      <c r="N493078" s="10"/>
    </row>
    <row r="493079" spans="14:14">
      <c r="N493079" s="10"/>
    </row>
    <row r="493080" spans="14:14">
      <c r="N493080" s="10"/>
    </row>
    <row r="493081" spans="14:14">
      <c r="N493081" s="10"/>
    </row>
    <row r="493082" spans="14:14">
      <c r="N493082" s="10"/>
    </row>
    <row r="493083" spans="14:14">
      <c r="N493083" s="10"/>
    </row>
    <row r="493084" spans="14:14">
      <c r="N493084" s="10"/>
    </row>
    <row r="493085" spans="14:14">
      <c r="N493085" s="10"/>
    </row>
    <row r="493086" spans="14:14">
      <c r="N493086" s="10"/>
    </row>
    <row r="493087" spans="14:14">
      <c r="N493087" s="10"/>
    </row>
    <row r="493088" spans="14:14">
      <c r="N493088" s="10"/>
    </row>
    <row r="493089" spans="14:14">
      <c r="N493089" s="10"/>
    </row>
    <row r="493090" spans="14:14">
      <c r="N493090" s="10"/>
    </row>
    <row r="493091" spans="14:14">
      <c r="N493091" s="10"/>
    </row>
    <row r="493092" spans="14:14">
      <c r="N493092" s="10"/>
    </row>
    <row r="493093" spans="14:14">
      <c r="N493093" s="10"/>
    </row>
    <row r="493094" spans="14:14">
      <c r="N493094" s="10"/>
    </row>
    <row r="493095" spans="14:14">
      <c r="N493095" s="10"/>
    </row>
    <row r="493096" spans="14:14">
      <c r="N493096" s="10"/>
    </row>
    <row r="493097" spans="14:14">
      <c r="N493097" s="10"/>
    </row>
    <row r="493098" spans="14:14">
      <c r="N493098" s="10"/>
    </row>
    <row r="493099" spans="14:14">
      <c r="N493099" s="10"/>
    </row>
    <row r="493100" spans="14:14">
      <c r="N493100" s="10"/>
    </row>
    <row r="493101" spans="14:14">
      <c r="N493101" s="10"/>
    </row>
    <row r="493102" spans="14:14">
      <c r="N493102" s="10"/>
    </row>
    <row r="493103" spans="14:14">
      <c r="N493103" s="10"/>
    </row>
    <row r="493104" spans="14:14">
      <c r="N493104" s="10"/>
    </row>
    <row r="493105" spans="14:14">
      <c r="N493105" s="10"/>
    </row>
    <row r="493106" spans="14:14">
      <c r="N493106" s="10"/>
    </row>
    <row r="493107" spans="14:14">
      <c r="N493107" s="10"/>
    </row>
    <row r="493108" spans="14:14">
      <c r="N493108" s="10"/>
    </row>
    <row r="493109" spans="14:14">
      <c r="N493109" s="10"/>
    </row>
    <row r="493110" spans="14:14">
      <c r="N493110" s="10"/>
    </row>
    <row r="493111" spans="14:14">
      <c r="N493111" s="10"/>
    </row>
    <row r="493112" spans="14:14">
      <c r="N493112" s="10"/>
    </row>
    <row r="493113" spans="14:14">
      <c r="N493113" s="10"/>
    </row>
    <row r="493114" spans="14:14">
      <c r="N493114" s="10"/>
    </row>
    <row r="493115" spans="14:14">
      <c r="N493115" s="10"/>
    </row>
    <row r="493116" spans="14:14">
      <c r="N493116" s="10"/>
    </row>
    <row r="493117" spans="14:14">
      <c r="N493117" s="10"/>
    </row>
    <row r="493118" spans="14:14">
      <c r="N493118" s="10"/>
    </row>
    <row r="493119" spans="14:14">
      <c r="N493119" s="10"/>
    </row>
    <row r="493120" spans="14:14">
      <c r="N493120" s="10"/>
    </row>
    <row r="493121" spans="14:14">
      <c r="N493121" s="10"/>
    </row>
    <row r="493122" spans="14:14">
      <c r="N493122" s="10"/>
    </row>
    <row r="493123" spans="14:14">
      <c r="N493123" s="10"/>
    </row>
    <row r="493124" spans="14:14">
      <c r="N493124" s="10"/>
    </row>
    <row r="493125" spans="14:14">
      <c r="N493125" s="10"/>
    </row>
    <row r="493126" spans="14:14">
      <c r="N493126" s="10"/>
    </row>
    <row r="493127" spans="14:14">
      <c r="N493127" s="10"/>
    </row>
    <row r="493128" spans="14:14">
      <c r="N493128" s="10"/>
    </row>
    <row r="493129" spans="14:14">
      <c r="N493129" s="10"/>
    </row>
    <row r="493130" spans="14:14">
      <c r="N493130" s="10"/>
    </row>
    <row r="493131" spans="14:14">
      <c r="N493131" s="10"/>
    </row>
    <row r="493132" spans="14:14">
      <c r="N493132" s="10"/>
    </row>
    <row r="493133" spans="14:14">
      <c r="N493133" s="10"/>
    </row>
    <row r="493134" spans="14:14">
      <c r="N493134" s="10"/>
    </row>
    <row r="493135" spans="14:14">
      <c r="N493135" s="10"/>
    </row>
    <row r="493136" spans="14:14">
      <c r="N493136" s="10"/>
    </row>
    <row r="493137" spans="14:14">
      <c r="N493137" s="10"/>
    </row>
    <row r="493138" spans="14:14">
      <c r="N493138" s="10"/>
    </row>
    <row r="493139" spans="14:14">
      <c r="N493139" s="10"/>
    </row>
    <row r="493140" spans="14:14">
      <c r="N493140" s="10"/>
    </row>
    <row r="493141" spans="14:14">
      <c r="N493141" s="10"/>
    </row>
    <row r="493142" spans="14:14">
      <c r="N493142" s="10"/>
    </row>
    <row r="493143" spans="14:14">
      <c r="N493143" s="10"/>
    </row>
    <row r="493144" spans="14:14">
      <c r="N493144" s="10"/>
    </row>
    <row r="493145" spans="14:14">
      <c r="N493145" s="10"/>
    </row>
    <row r="493146" spans="14:14">
      <c r="N493146" s="10"/>
    </row>
    <row r="493147" spans="14:14">
      <c r="N493147" s="10"/>
    </row>
    <row r="493148" spans="14:14">
      <c r="N493148" s="10"/>
    </row>
    <row r="493149" spans="14:14">
      <c r="N493149" s="10"/>
    </row>
    <row r="493150" spans="14:14">
      <c r="N493150" s="10"/>
    </row>
    <row r="493151" spans="14:14">
      <c r="N493151" s="10"/>
    </row>
    <row r="493152" spans="14:14">
      <c r="N493152" s="10"/>
    </row>
    <row r="493153" spans="14:14">
      <c r="N493153" s="10"/>
    </row>
    <row r="493154" spans="14:14">
      <c r="N493154" s="10"/>
    </row>
    <row r="493155" spans="14:14">
      <c r="N493155" s="10"/>
    </row>
    <row r="493156" spans="14:14">
      <c r="N493156" s="10"/>
    </row>
    <row r="493157" spans="14:14">
      <c r="N493157" s="10"/>
    </row>
    <row r="493158" spans="14:14">
      <c r="N493158" s="10"/>
    </row>
    <row r="493159" spans="14:14">
      <c r="N493159" s="10"/>
    </row>
    <row r="493160" spans="14:14">
      <c r="N493160" s="10"/>
    </row>
    <row r="493161" spans="14:14">
      <c r="N493161" s="10"/>
    </row>
    <row r="493162" spans="14:14">
      <c r="N493162" s="10"/>
    </row>
    <row r="493163" spans="14:14">
      <c r="N493163" s="10"/>
    </row>
    <row r="493164" spans="14:14">
      <c r="N493164" s="10"/>
    </row>
    <row r="493165" spans="14:14">
      <c r="N493165" s="10"/>
    </row>
    <row r="493166" spans="14:14">
      <c r="N493166" s="10"/>
    </row>
    <row r="493167" spans="14:14">
      <c r="N493167" s="10"/>
    </row>
    <row r="493168" spans="14:14">
      <c r="N493168" s="10"/>
    </row>
    <row r="493169" spans="14:14">
      <c r="N493169" s="10"/>
    </row>
    <row r="493170" spans="14:14">
      <c r="N493170" s="10"/>
    </row>
    <row r="493171" spans="14:14">
      <c r="N493171" s="10"/>
    </row>
    <row r="493172" spans="14:14">
      <c r="N493172" s="10"/>
    </row>
    <row r="493173" spans="14:14">
      <c r="N493173" s="10"/>
    </row>
    <row r="493174" spans="14:14">
      <c r="N493174" s="10"/>
    </row>
    <row r="493175" spans="14:14">
      <c r="N493175" s="10"/>
    </row>
    <row r="493176" spans="14:14">
      <c r="N493176" s="10"/>
    </row>
    <row r="493177" spans="14:14">
      <c r="N493177" s="10"/>
    </row>
    <row r="493178" spans="14:14">
      <c r="N493178" s="10"/>
    </row>
    <row r="493179" spans="14:14">
      <c r="N493179" s="10"/>
    </row>
    <row r="493180" spans="14:14">
      <c r="N493180" s="10"/>
    </row>
    <row r="493181" spans="14:14">
      <c r="N493181" s="10"/>
    </row>
    <row r="493182" spans="14:14">
      <c r="N493182" s="10"/>
    </row>
    <row r="493183" spans="14:14">
      <c r="N493183" s="10"/>
    </row>
    <row r="493184" spans="14:14">
      <c r="N493184" s="10"/>
    </row>
    <row r="493185" spans="14:14">
      <c r="N493185" s="10"/>
    </row>
    <row r="493186" spans="14:14">
      <c r="N493186" s="10"/>
    </row>
    <row r="493187" spans="14:14">
      <c r="N493187" s="10"/>
    </row>
    <row r="493188" spans="14:14">
      <c r="N493188" s="10"/>
    </row>
    <row r="493189" spans="14:14">
      <c r="N493189" s="10"/>
    </row>
    <row r="493190" spans="14:14">
      <c r="N493190" s="10"/>
    </row>
    <row r="493191" spans="14:14">
      <c r="N493191" s="10"/>
    </row>
    <row r="493192" spans="14:14">
      <c r="N493192" s="10"/>
    </row>
    <row r="493193" spans="14:14">
      <c r="N493193" s="10"/>
    </row>
    <row r="493194" spans="14:14">
      <c r="N493194" s="10"/>
    </row>
    <row r="493195" spans="14:14">
      <c r="N493195" s="10"/>
    </row>
    <row r="493196" spans="14:14">
      <c r="N493196" s="10"/>
    </row>
    <row r="493197" spans="14:14">
      <c r="N493197" s="10"/>
    </row>
    <row r="493198" spans="14:14">
      <c r="N493198" s="10"/>
    </row>
    <row r="493199" spans="14:14">
      <c r="N493199" s="10"/>
    </row>
    <row r="493200" spans="14:14">
      <c r="N493200" s="10"/>
    </row>
    <row r="493201" spans="14:14">
      <c r="N493201" s="10"/>
    </row>
    <row r="493202" spans="14:14">
      <c r="N493202" s="10"/>
    </row>
    <row r="493203" spans="14:14">
      <c r="N493203" s="10"/>
    </row>
    <row r="493204" spans="14:14">
      <c r="N493204" s="10"/>
    </row>
    <row r="493205" spans="14:14">
      <c r="N493205" s="10"/>
    </row>
    <row r="493206" spans="14:14">
      <c r="N493206" s="10"/>
    </row>
    <row r="493207" spans="14:14">
      <c r="N493207" s="10"/>
    </row>
    <row r="493208" spans="14:14">
      <c r="N493208" s="10"/>
    </row>
    <row r="493209" spans="14:14">
      <c r="N493209" s="10"/>
    </row>
    <row r="493210" spans="14:14">
      <c r="N493210" s="10"/>
    </row>
    <row r="493211" spans="14:14">
      <c r="N493211" s="10"/>
    </row>
    <row r="493212" spans="14:14">
      <c r="N493212" s="10"/>
    </row>
    <row r="493213" spans="14:14">
      <c r="N493213" s="10"/>
    </row>
    <row r="493214" spans="14:14">
      <c r="N493214" s="10"/>
    </row>
    <row r="493215" spans="14:14">
      <c r="N493215" s="10"/>
    </row>
    <row r="493216" spans="14:14">
      <c r="N493216" s="10"/>
    </row>
    <row r="493217" spans="14:14">
      <c r="N493217" s="10"/>
    </row>
    <row r="493218" spans="14:14">
      <c r="N493218" s="10"/>
    </row>
    <row r="493219" spans="14:14">
      <c r="N493219" s="10"/>
    </row>
    <row r="493220" spans="14:14">
      <c r="N493220" s="10"/>
    </row>
    <row r="493221" spans="14:14">
      <c r="N493221" s="10"/>
    </row>
    <row r="493222" spans="14:14">
      <c r="N493222" s="10"/>
    </row>
    <row r="493223" spans="14:14">
      <c r="N493223" s="10"/>
    </row>
    <row r="493224" spans="14:14">
      <c r="N493224" s="10"/>
    </row>
    <row r="493225" spans="14:14">
      <c r="N493225" s="10"/>
    </row>
    <row r="493226" spans="14:14">
      <c r="N493226" s="10"/>
    </row>
    <row r="493227" spans="14:14">
      <c r="N493227" s="10"/>
    </row>
    <row r="493228" spans="14:14">
      <c r="N493228" s="10"/>
    </row>
    <row r="493229" spans="14:14">
      <c r="N493229" s="10"/>
    </row>
    <row r="493230" spans="14:14">
      <c r="N493230" s="10"/>
    </row>
    <row r="493231" spans="14:14">
      <c r="N493231" s="10"/>
    </row>
    <row r="493232" spans="14:14">
      <c r="N493232" s="10"/>
    </row>
    <row r="493233" spans="14:14">
      <c r="N493233" s="10"/>
    </row>
    <row r="493234" spans="14:14">
      <c r="N493234" s="10"/>
    </row>
    <row r="493235" spans="14:14">
      <c r="N493235" s="10"/>
    </row>
    <row r="493236" spans="14:14">
      <c r="N493236" s="10"/>
    </row>
    <row r="493237" spans="14:14">
      <c r="N493237" s="10"/>
    </row>
    <row r="493238" spans="14:14">
      <c r="N493238" s="10"/>
    </row>
    <row r="493239" spans="14:14">
      <c r="N493239" s="10"/>
    </row>
    <row r="493240" spans="14:14">
      <c r="N493240" s="10"/>
    </row>
    <row r="493241" spans="14:14">
      <c r="N493241" s="10"/>
    </row>
    <row r="493242" spans="14:14">
      <c r="N493242" s="10"/>
    </row>
    <row r="493243" spans="14:14">
      <c r="N493243" s="10"/>
    </row>
    <row r="493244" spans="14:14">
      <c r="N493244" s="10"/>
    </row>
    <row r="493245" spans="14:14">
      <c r="N493245" s="10"/>
    </row>
    <row r="493246" spans="14:14">
      <c r="N493246" s="10"/>
    </row>
    <row r="493247" spans="14:14">
      <c r="N493247" s="10"/>
    </row>
    <row r="493248" spans="14:14">
      <c r="N493248" s="10"/>
    </row>
    <row r="493249" spans="14:14">
      <c r="N493249" s="10"/>
    </row>
    <row r="493250" spans="14:14">
      <c r="N493250" s="10"/>
    </row>
    <row r="493251" spans="14:14">
      <c r="N493251" s="10"/>
    </row>
    <row r="493252" spans="14:14">
      <c r="N493252" s="10"/>
    </row>
    <row r="493253" spans="14:14">
      <c r="N493253" s="10"/>
    </row>
    <row r="493254" spans="14:14">
      <c r="N493254" s="10"/>
    </row>
    <row r="493255" spans="14:14">
      <c r="N493255" s="10"/>
    </row>
    <row r="493256" spans="14:14">
      <c r="N493256" s="10"/>
    </row>
    <row r="493257" spans="14:14">
      <c r="N493257" s="10"/>
    </row>
    <row r="493258" spans="14:14">
      <c r="N493258" s="10"/>
    </row>
    <row r="493259" spans="14:14">
      <c r="N493259" s="10"/>
    </row>
    <row r="493260" spans="14:14">
      <c r="N493260" s="10"/>
    </row>
    <row r="493261" spans="14:14">
      <c r="N493261" s="10"/>
    </row>
    <row r="493262" spans="14:14">
      <c r="N493262" s="10"/>
    </row>
    <row r="493263" spans="14:14">
      <c r="N493263" s="10"/>
    </row>
    <row r="493264" spans="14:14">
      <c r="N493264" s="10"/>
    </row>
    <row r="493265" spans="14:14">
      <c r="N493265" s="10"/>
    </row>
    <row r="493266" spans="14:14">
      <c r="N493266" s="10"/>
    </row>
    <row r="493267" spans="14:14">
      <c r="N493267" s="10"/>
    </row>
    <row r="493268" spans="14:14">
      <c r="N493268" s="10"/>
    </row>
    <row r="493269" spans="14:14">
      <c r="N493269" s="10"/>
    </row>
    <row r="493270" spans="14:14">
      <c r="N493270" s="10"/>
    </row>
    <row r="493271" spans="14:14">
      <c r="N493271" s="10"/>
    </row>
    <row r="493272" spans="14:14">
      <c r="N493272" s="10"/>
    </row>
    <row r="493273" spans="14:14">
      <c r="N493273" s="10"/>
    </row>
    <row r="493274" spans="14:14">
      <c r="N493274" s="10"/>
    </row>
    <row r="493275" spans="14:14">
      <c r="N493275" s="10"/>
    </row>
    <row r="493276" spans="14:14">
      <c r="N493276" s="10"/>
    </row>
    <row r="493277" spans="14:14">
      <c r="N493277" s="10"/>
    </row>
    <row r="493278" spans="14:14">
      <c r="N493278" s="10"/>
    </row>
    <row r="493279" spans="14:14">
      <c r="N493279" s="10"/>
    </row>
    <row r="493280" spans="14:14">
      <c r="N493280" s="10"/>
    </row>
    <row r="493281" spans="14:14">
      <c r="N493281" s="10"/>
    </row>
    <row r="493282" spans="14:14">
      <c r="N493282" s="10"/>
    </row>
    <row r="493283" spans="14:14">
      <c r="N493283" s="10"/>
    </row>
    <row r="493284" spans="14:14">
      <c r="N493284" s="10"/>
    </row>
    <row r="493285" spans="14:14">
      <c r="N493285" s="10"/>
    </row>
    <row r="493286" spans="14:14">
      <c r="N493286" s="10"/>
    </row>
    <row r="493287" spans="14:14">
      <c r="N493287" s="10"/>
    </row>
    <row r="493288" spans="14:14">
      <c r="N493288" s="10"/>
    </row>
    <row r="493289" spans="14:14">
      <c r="N493289" s="10"/>
    </row>
    <row r="493290" spans="14:14">
      <c r="N493290" s="10"/>
    </row>
    <row r="493291" spans="14:14">
      <c r="N493291" s="10"/>
    </row>
    <row r="493292" spans="14:14">
      <c r="N493292" s="10"/>
    </row>
    <row r="493293" spans="14:14">
      <c r="N493293" s="10"/>
    </row>
    <row r="493294" spans="14:14">
      <c r="N493294" s="10"/>
    </row>
    <row r="493295" spans="14:14">
      <c r="N493295" s="10"/>
    </row>
    <row r="493296" spans="14:14">
      <c r="N493296" s="10"/>
    </row>
    <row r="493297" spans="14:14">
      <c r="N493297" s="10"/>
    </row>
    <row r="493298" spans="14:14">
      <c r="N493298" s="10"/>
    </row>
    <row r="493299" spans="14:14">
      <c r="N493299" s="10"/>
    </row>
    <row r="493300" spans="14:14">
      <c r="N493300" s="10"/>
    </row>
    <row r="493301" spans="14:14">
      <c r="N493301" s="10"/>
    </row>
    <row r="493302" spans="14:14">
      <c r="N493302" s="10"/>
    </row>
    <row r="493303" spans="14:14">
      <c r="N493303" s="10"/>
    </row>
    <row r="493304" spans="14:14">
      <c r="N493304" s="10"/>
    </row>
    <row r="493305" spans="14:14">
      <c r="N493305" s="10"/>
    </row>
    <row r="493306" spans="14:14">
      <c r="N493306" s="10"/>
    </row>
    <row r="493307" spans="14:14">
      <c r="N493307" s="10"/>
    </row>
    <row r="493308" spans="14:14">
      <c r="N493308" s="10"/>
    </row>
    <row r="493309" spans="14:14">
      <c r="N493309" s="10"/>
    </row>
    <row r="493310" spans="14:14">
      <c r="N493310" s="10"/>
    </row>
    <row r="493311" spans="14:14">
      <c r="N493311" s="10"/>
    </row>
    <row r="493312" spans="14:14">
      <c r="N493312" s="10"/>
    </row>
    <row r="493313" spans="14:14">
      <c r="N493313" s="10"/>
    </row>
    <row r="493314" spans="14:14">
      <c r="N493314" s="10"/>
    </row>
    <row r="493315" spans="14:14">
      <c r="N493315" s="10"/>
    </row>
    <row r="493316" spans="14:14">
      <c r="N493316" s="10"/>
    </row>
    <row r="493317" spans="14:14">
      <c r="N493317" s="10"/>
    </row>
    <row r="493318" spans="14:14">
      <c r="N493318" s="10"/>
    </row>
    <row r="493319" spans="14:14">
      <c r="N493319" s="10"/>
    </row>
    <row r="493320" spans="14:14">
      <c r="N493320" s="10"/>
    </row>
    <row r="493321" spans="14:14">
      <c r="N493321" s="10"/>
    </row>
    <row r="493322" spans="14:14">
      <c r="N493322" s="10"/>
    </row>
    <row r="493323" spans="14:14">
      <c r="N493323" s="10"/>
    </row>
    <row r="493324" spans="14:14">
      <c r="N493324" s="10"/>
    </row>
    <row r="493325" spans="14:14">
      <c r="N493325" s="10"/>
    </row>
    <row r="493326" spans="14:14">
      <c r="N493326" s="10"/>
    </row>
    <row r="493327" spans="14:14">
      <c r="N493327" s="10"/>
    </row>
    <row r="493328" spans="14:14">
      <c r="N493328" s="10"/>
    </row>
    <row r="493329" spans="14:14">
      <c r="N493329" s="10"/>
    </row>
    <row r="493330" spans="14:14">
      <c r="N493330" s="10"/>
    </row>
    <row r="493331" spans="14:14">
      <c r="N493331" s="10"/>
    </row>
    <row r="493332" spans="14:14">
      <c r="N493332" s="10"/>
    </row>
    <row r="493333" spans="14:14">
      <c r="N493333" s="10"/>
    </row>
    <row r="493334" spans="14:14">
      <c r="N493334" s="10"/>
    </row>
    <row r="493335" spans="14:14">
      <c r="N493335" s="10"/>
    </row>
    <row r="493336" spans="14:14">
      <c r="N493336" s="10"/>
    </row>
    <row r="493337" spans="14:14">
      <c r="N493337" s="10"/>
    </row>
    <row r="493338" spans="14:14">
      <c r="N493338" s="10"/>
    </row>
    <row r="493339" spans="14:14">
      <c r="N493339" s="10"/>
    </row>
    <row r="493340" spans="14:14">
      <c r="N493340" s="10"/>
    </row>
    <row r="493341" spans="14:14">
      <c r="N493341" s="10"/>
    </row>
    <row r="493342" spans="14:14">
      <c r="N493342" s="10"/>
    </row>
    <row r="493343" spans="14:14">
      <c r="N493343" s="10"/>
    </row>
    <row r="493344" spans="14:14">
      <c r="N493344" s="10"/>
    </row>
    <row r="493345" spans="14:14">
      <c r="N493345" s="10"/>
    </row>
    <row r="493346" spans="14:14">
      <c r="N493346" s="10"/>
    </row>
    <row r="493347" spans="14:14">
      <c r="N493347" s="10"/>
    </row>
    <row r="493348" spans="14:14">
      <c r="N493348" s="10"/>
    </row>
    <row r="493349" spans="14:14">
      <c r="N493349" s="10"/>
    </row>
    <row r="493350" spans="14:14">
      <c r="N493350" s="10"/>
    </row>
    <row r="493351" spans="14:14">
      <c r="N493351" s="10"/>
    </row>
    <row r="493352" spans="14:14">
      <c r="N493352" s="10"/>
    </row>
    <row r="493353" spans="14:14">
      <c r="N493353" s="10"/>
    </row>
    <row r="493354" spans="14:14">
      <c r="N493354" s="10"/>
    </row>
    <row r="493355" spans="14:14">
      <c r="N493355" s="10"/>
    </row>
    <row r="493356" spans="14:14">
      <c r="N493356" s="10"/>
    </row>
    <row r="493357" spans="14:14">
      <c r="N493357" s="10"/>
    </row>
    <row r="493358" spans="14:14">
      <c r="N493358" s="10"/>
    </row>
    <row r="493359" spans="14:14">
      <c r="N493359" s="10"/>
    </row>
    <row r="493360" spans="14:14">
      <c r="N493360" s="10"/>
    </row>
    <row r="493361" spans="14:14">
      <c r="N493361" s="10"/>
    </row>
    <row r="493362" spans="14:14">
      <c r="N493362" s="10"/>
    </row>
    <row r="493363" spans="14:14">
      <c r="N493363" s="10"/>
    </row>
    <row r="493364" spans="14:14">
      <c r="N493364" s="10"/>
    </row>
    <row r="493365" spans="14:14">
      <c r="N493365" s="10"/>
    </row>
    <row r="493366" spans="14:14">
      <c r="N493366" s="10"/>
    </row>
    <row r="493367" spans="14:14">
      <c r="N493367" s="10"/>
    </row>
    <row r="493368" spans="14:14">
      <c r="N493368" s="10"/>
    </row>
    <row r="493369" spans="14:14">
      <c r="N493369" s="10"/>
    </row>
    <row r="493370" spans="14:14">
      <c r="N493370" s="10"/>
    </row>
    <row r="493371" spans="14:14">
      <c r="N493371" s="10"/>
    </row>
    <row r="493372" spans="14:14">
      <c r="N493372" s="10"/>
    </row>
    <row r="493373" spans="14:14">
      <c r="N493373" s="10"/>
    </row>
    <row r="493374" spans="14:14">
      <c r="N493374" s="10"/>
    </row>
    <row r="493375" spans="14:14">
      <c r="N493375" s="10"/>
    </row>
    <row r="493376" spans="14:14">
      <c r="N493376" s="10"/>
    </row>
    <row r="493377" spans="14:14">
      <c r="N493377" s="10"/>
    </row>
    <row r="493378" spans="14:14">
      <c r="N493378" s="10"/>
    </row>
    <row r="493379" spans="14:14">
      <c r="N493379" s="10"/>
    </row>
    <row r="493380" spans="14:14">
      <c r="N493380" s="10"/>
    </row>
    <row r="493381" spans="14:14">
      <c r="N493381" s="10"/>
    </row>
    <row r="493382" spans="14:14">
      <c r="N493382" s="10"/>
    </row>
    <row r="493383" spans="14:14">
      <c r="N493383" s="10"/>
    </row>
    <row r="493384" spans="14:14">
      <c r="N493384" s="10"/>
    </row>
    <row r="493385" spans="14:14">
      <c r="N493385" s="10"/>
    </row>
    <row r="493386" spans="14:14">
      <c r="N493386" s="10"/>
    </row>
    <row r="493387" spans="14:14">
      <c r="N493387" s="10"/>
    </row>
    <row r="493388" spans="14:14">
      <c r="N493388" s="10"/>
    </row>
    <row r="493389" spans="14:14">
      <c r="N493389" s="10"/>
    </row>
    <row r="493390" spans="14:14">
      <c r="N493390" s="10"/>
    </row>
    <row r="493391" spans="14:14">
      <c r="N493391" s="10"/>
    </row>
    <row r="493392" spans="14:14">
      <c r="N493392" s="10"/>
    </row>
    <row r="493393" spans="14:14">
      <c r="N493393" s="10"/>
    </row>
    <row r="493394" spans="14:14">
      <c r="N493394" s="10"/>
    </row>
    <row r="493395" spans="14:14">
      <c r="N493395" s="10"/>
    </row>
    <row r="493396" spans="14:14">
      <c r="N493396" s="10"/>
    </row>
    <row r="493397" spans="14:14">
      <c r="N493397" s="10"/>
    </row>
    <row r="493398" spans="14:14">
      <c r="N493398" s="10"/>
    </row>
    <row r="493399" spans="14:14">
      <c r="N493399" s="10"/>
    </row>
    <row r="493400" spans="14:14">
      <c r="N493400" s="10"/>
    </row>
    <row r="493401" spans="14:14">
      <c r="N493401" s="10"/>
    </row>
    <row r="493402" spans="14:14">
      <c r="N493402" s="10"/>
    </row>
    <row r="493403" spans="14:14">
      <c r="N493403" s="10"/>
    </row>
    <row r="493404" spans="14:14">
      <c r="N493404" s="10"/>
    </row>
    <row r="493405" spans="14:14">
      <c r="N493405" s="10"/>
    </row>
    <row r="493406" spans="14:14">
      <c r="N493406" s="10"/>
    </row>
    <row r="493407" spans="14:14">
      <c r="N493407" s="10"/>
    </row>
    <row r="493408" spans="14:14">
      <c r="N493408" s="10"/>
    </row>
    <row r="493409" spans="14:14">
      <c r="N493409" s="10"/>
    </row>
    <row r="493410" spans="14:14">
      <c r="N493410" s="10"/>
    </row>
    <row r="493411" spans="14:14">
      <c r="N493411" s="10"/>
    </row>
    <row r="493412" spans="14:14">
      <c r="N493412" s="10"/>
    </row>
    <row r="493413" spans="14:14">
      <c r="N493413" s="10"/>
    </row>
    <row r="493414" spans="14:14">
      <c r="N493414" s="10"/>
    </row>
    <row r="493415" spans="14:14">
      <c r="N493415" s="10"/>
    </row>
    <row r="493416" spans="14:14">
      <c r="N493416" s="10"/>
    </row>
    <row r="493417" spans="14:14">
      <c r="N493417" s="10"/>
    </row>
    <row r="493418" spans="14:14">
      <c r="N493418" s="10"/>
    </row>
    <row r="493419" spans="14:14">
      <c r="N493419" s="10"/>
    </row>
    <row r="493420" spans="14:14">
      <c r="N493420" s="10"/>
    </row>
    <row r="493421" spans="14:14">
      <c r="N493421" s="10"/>
    </row>
    <row r="493422" spans="14:14">
      <c r="N493422" s="10"/>
    </row>
    <row r="493423" spans="14:14">
      <c r="N493423" s="10"/>
    </row>
    <row r="493424" spans="14:14">
      <c r="N493424" s="10"/>
    </row>
    <row r="493425" spans="14:14">
      <c r="N493425" s="10"/>
    </row>
    <row r="493426" spans="14:14">
      <c r="N493426" s="10"/>
    </row>
    <row r="493427" spans="14:14">
      <c r="N493427" s="10"/>
    </row>
    <row r="493428" spans="14:14">
      <c r="N493428" s="10"/>
    </row>
    <row r="493429" spans="14:14">
      <c r="N493429" s="10"/>
    </row>
    <row r="493430" spans="14:14">
      <c r="N493430" s="10"/>
    </row>
    <row r="493431" spans="14:14">
      <c r="N493431" s="10"/>
    </row>
    <row r="493432" spans="14:14">
      <c r="N493432" s="10"/>
    </row>
    <row r="493433" spans="14:14">
      <c r="N493433" s="10"/>
    </row>
    <row r="493434" spans="14:14">
      <c r="N493434" s="10"/>
    </row>
    <row r="493435" spans="14:14">
      <c r="N493435" s="10"/>
    </row>
    <row r="493436" spans="14:14">
      <c r="N493436" s="10"/>
    </row>
    <row r="493437" spans="14:14">
      <c r="N493437" s="10"/>
    </row>
    <row r="493438" spans="14:14">
      <c r="N493438" s="10"/>
    </row>
    <row r="493439" spans="14:14">
      <c r="N493439" s="10"/>
    </row>
    <row r="493440" spans="14:14">
      <c r="N493440" s="10"/>
    </row>
    <row r="493441" spans="14:14">
      <c r="N493441" s="10"/>
    </row>
    <row r="493442" spans="14:14">
      <c r="N493442" s="10"/>
    </row>
    <row r="493443" spans="14:14">
      <c r="N493443" s="10"/>
    </row>
    <row r="493444" spans="14:14">
      <c r="N493444" s="10"/>
    </row>
    <row r="493445" spans="14:14">
      <c r="N493445" s="10"/>
    </row>
    <row r="493446" spans="14:14">
      <c r="N493446" s="10"/>
    </row>
    <row r="493447" spans="14:14">
      <c r="N493447" s="10"/>
    </row>
    <row r="493448" spans="14:14">
      <c r="N493448" s="10"/>
    </row>
    <row r="493449" spans="14:14">
      <c r="N493449" s="10"/>
    </row>
    <row r="493450" spans="14:14">
      <c r="N493450" s="10"/>
    </row>
    <row r="493451" spans="14:14">
      <c r="N493451" s="10"/>
    </row>
    <row r="493452" spans="14:14">
      <c r="N493452" s="10"/>
    </row>
    <row r="493453" spans="14:14">
      <c r="N493453" s="10"/>
    </row>
    <row r="493454" spans="14:14">
      <c r="N493454" s="10"/>
    </row>
    <row r="493455" spans="14:14">
      <c r="N493455" s="10"/>
    </row>
    <row r="493456" spans="14:14">
      <c r="N493456" s="10"/>
    </row>
    <row r="493457" spans="14:14">
      <c r="N493457" s="10"/>
    </row>
    <row r="493458" spans="14:14">
      <c r="N493458" s="10"/>
    </row>
    <row r="493459" spans="14:14">
      <c r="N493459" s="10"/>
    </row>
    <row r="493460" spans="14:14">
      <c r="N493460" s="10"/>
    </row>
    <row r="493461" spans="14:14">
      <c r="N493461" s="10"/>
    </row>
    <row r="493462" spans="14:14">
      <c r="N493462" s="10"/>
    </row>
    <row r="493463" spans="14:14">
      <c r="N493463" s="10"/>
    </row>
    <row r="493464" spans="14:14">
      <c r="N493464" s="10"/>
    </row>
    <row r="493465" spans="14:14">
      <c r="N493465" s="10"/>
    </row>
    <row r="493466" spans="14:14">
      <c r="N493466" s="10"/>
    </row>
    <row r="493467" spans="14:14">
      <c r="N493467" s="10"/>
    </row>
    <row r="493468" spans="14:14">
      <c r="N493468" s="10"/>
    </row>
    <row r="493469" spans="14:14">
      <c r="N493469" s="10"/>
    </row>
    <row r="493470" spans="14:14">
      <c r="N493470" s="10"/>
    </row>
    <row r="493471" spans="14:14">
      <c r="N493471" s="10"/>
    </row>
    <row r="493472" spans="14:14">
      <c r="N493472" s="10"/>
    </row>
    <row r="493473" spans="14:14">
      <c r="N493473" s="10"/>
    </row>
    <row r="493474" spans="14:14">
      <c r="N493474" s="10"/>
    </row>
    <row r="493475" spans="14:14">
      <c r="N493475" s="10"/>
    </row>
    <row r="493476" spans="14:14">
      <c r="N493476" s="10"/>
    </row>
    <row r="493477" spans="14:14">
      <c r="N493477" s="10"/>
    </row>
    <row r="493478" spans="14:14">
      <c r="N493478" s="10"/>
    </row>
    <row r="493479" spans="14:14">
      <c r="N493479" s="10"/>
    </row>
    <row r="493480" spans="14:14">
      <c r="N493480" s="10"/>
    </row>
    <row r="493481" spans="14:14">
      <c r="N493481" s="10"/>
    </row>
    <row r="493482" spans="14:14">
      <c r="N493482" s="10"/>
    </row>
    <row r="493483" spans="14:14">
      <c r="N493483" s="10"/>
    </row>
    <row r="493484" spans="14:14">
      <c r="N493484" s="10"/>
    </row>
    <row r="493485" spans="14:14">
      <c r="N493485" s="10"/>
    </row>
    <row r="493486" spans="14:14">
      <c r="N493486" s="10"/>
    </row>
    <row r="493487" spans="14:14">
      <c r="N493487" s="10"/>
    </row>
    <row r="493488" spans="14:14">
      <c r="N493488" s="10"/>
    </row>
    <row r="493489" spans="14:14">
      <c r="N493489" s="10"/>
    </row>
    <row r="493490" spans="14:14">
      <c r="N493490" s="10"/>
    </row>
    <row r="493491" spans="14:14">
      <c r="N493491" s="10"/>
    </row>
    <row r="493492" spans="14:14">
      <c r="N493492" s="10"/>
    </row>
    <row r="493493" spans="14:14">
      <c r="N493493" s="10"/>
    </row>
    <row r="493494" spans="14:14">
      <c r="N493494" s="10"/>
    </row>
    <row r="493495" spans="14:14">
      <c r="N493495" s="10"/>
    </row>
    <row r="493496" spans="14:14">
      <c r="N493496" s="10"/>
    </row>
    <row r="493497" spans="14:14">
      <c r="N493497" s="10"/>
    </row>
    <row r="493498" spans="14:14">
      <c r="N493498" s="10"/>
    </row>
    <row r="493499" spans="14:14">
      <c r="N493499" s="10"/>
    </row>
    <row r="493500" spans="14:14">
      <c r="N493500" s="10"/>
    </row>
    <row r="493501" spans="14:14">
      <c r="N493501" s="10"/>
    </row>
    <row r="493502" spans="14:14">
      <c r="N493502" s="10"/>
    </row>
    <row r="493503" spans="14:14">
      <c r="N493503" s="10"/>
    </row>
    <row r="493504" spans="14:14">
      <c r="N493504" s="10"/>
    </row>
    <row r="493505" spans="14:14">
      <c r="N493505" s="10"/>
    </row>
    <row r="493506" spans="14:14">
      <c r="N493506" s="10"/>
    </row>
    <row r="493507" spans="14:14">
      <c r="N493507" s="10"/>
    </row>
    <row r="493508" spans="14:14">
      <c r="N493508" s="10"/>
    </row>
    <row r="493509" spans="14:14">
      <c r="N493509" s="10"/>
    </row>
    <row r="493510" spans="14:14">
      <c r="N493510" s="10"/>
    </row>
    <row r="493511" spans="14:14">
      <c r="N493511" s="10"/>
    </row>
    <row r="493512" spans="14:14">
      <c r="N493512" s="10"/>
    </row>
    <row r="493513" spans="14:14">
      <c r="N493513" s="10"/>
    </row>
    <row r="493514" spans="14:14">
      <c r="N493514" s="10"/>
    </row>
    <row r="493515" spans="14:14">
      <c r="N493515" s="10"/>
    </row>
    <row r="493516" spans="14:14">
      <c r="N493516" s="10"/>
    </row>
    <row r="493517" spans="14:14">
      <c r="N493517" s="10"/>
    </row>
    <row r="493518" spans="14:14">
      <c r="N493518" s="10"/>
    </row>
    <row r="493519" spans="14:14">
      <c r="N493519" s="10"/>
    </row>
    <row r="493520" spans="14:14">
      <c r="N493520" s="10"/>
    </row>
    <row r="493521" spans="14:14">
      <c r="N493521" s="10"/>
    </row>
    <row r="493522" spans="14:14">
      <c r="N493522" s="10"/>
    </row>
    <row r="493523" spans="14:14">
      <c r="N493523" s="10"/>
    </row>
    <row r="493524" spans="14:14">
      <c r="N493524" s="10"/>
    </row>
    <row r="493525" spans="14:14">
      <c r="N493525" s="10"/>
    </row>
    <row r="493526" spans="14:14">
      <c r="N493526" s="10"/>
    </row>
    <row r="493527" spans="14:14">
      <c r="N493527" s="10"/>
    </row>
    <row r="493528" spans="14:14">
      <c r="N493528" s="10"/>
    </row>
    <row r="493529" spans="14:14">
      <c r="N493529" s="10"/>
    </row>
    <row r="493530" spans="14:14">
      <c r="N493530" s="10"/>
    </row>
    <row r="493531" spans="14:14">
      <c r="N493531" s="10"/>
    </row>
    <row r="493532" spans="14:14">
      <c r="N493532" s="10"/>
    </row>
    <row r="493533" spans="14:14">
      <c r="N493533" s="10"/>
    </row>
    <row r="493534" spans="14:14">
      <c r="N493534" s="10"/>
    </row>
    <row r="493535" spans="14:14">
      <c r="N493535" s="10"/>
    </row>
    <row r="493536" spans="14:14">
      <c r="N493536" s="10"/>
    </row>
    <row r="493537" spans="14:14">
      <c r="N493537" s="10"/>
    </row>
    <row r="493538" spans="14:14">
      <c r="N493538" s="10"/>
    </row>
    <row r="493539" spans="14:14">
      <c r="N493539" s="10"/>
    </row>
    <row r="493540" spans="14:14">
      <c r="N493540" s="10"/>
    </row>
    <row r="493541" spans="14:14">
      <c r="N493541" s="10"/>
    </row>
    <row r="493542" spans="14:14">
      <c r="N493542" s="10"/>
    </row>
    <row r="493543" spans="14:14">
      <c r="N493543" s="10"/>
    </row>
    <row r="493544" spans="14:14">
      <c r="N493544" s="10"/>
    </row>
    <row r="493545" spans="14:14">
      <c r="N493545" s="10"/>
    </row>
    <row r="493546" spans="14:14">
      <c r="N493546" s="10"/>
    </row>
    <row r="493547" spans="14:14">
      <c r="N493547" s="10"/>
    </row>
    <row r="493548" spans="14:14">
      <c r="N493548" s="10"/>
    </row>
    <row r="493549" spans="14:14">
      <c r="N493549" s="10"/>
    </row>
    <row r="493550" spans="14:14">
      <c r="N493550" s="10"/>
    </row>
    <row r="493551" spans="14:14">
      <c r="N493551" s="10"/>
    </row>
    <row r="493552" spans="14:14">
      <c r="N493552" s="10"/>
    </row>
    <row r="493553" spans="14:14">
      <c r="N493553" s="10"/>
    </row>
    <row r="493554" spans="14:14">
      <c r="N493554" s="10"/>
    </row>
    <row r="493555" spans="14:14">
      <c r="N493555" s="10"/>
    </row>
    <row r="493556" spans="14:14">
      <c r="N493556" s="10"/>
    </row>
    <row r="493557" spans="14:14">
      <c r="N493557" s="10"/>
    </row>
    <row r="493558" spans="14:14">
      <c r="N493558" s="10"/>
    </row>
    <row r="493559" spans="14:14">
      <c r="N493559" s="10"/>
    </row>
    <row r="493560" spans="14:14">
      <c r="N493560" s="10"/>
    </row>
    <row r="493561" spans="14:14">
      <c r="N493561" s="10"/>
    </row>
    <row r="493562" spans="14:14">
      <c r="N493562" s="10"/>
    </row>
    <row r="493563" spans="14:14">
      <c r="N493563" s="10"/>
    </row>
    <row r="493564" spans="14:14">
      <c r="N493564" s="10"/>
    </row>
    <row r="493565" spans="14:14">
      <c r="N493565" s="10"/>
    </row>
    <row r="493566" spans="14:14">
      <c r="N493566" s="10"/>
    </row>
    <row r="493567" spans="14:14">
      <c r="N493567" s="10"/>
    </row>
    <row r="493568" spans="14:14">
      <c r="N493568" s="10"/>
    </row>
    <row r="493569" spans="14:14">
      <c r="N493569" s="10"/>
    </row>
    <row r="493570" spans="14:14">
      <c r="N493570" s="10"/>
    </row>
    <row r="493571" spans="14:14">
      <c r="N493571" s="10"/>
    </row>
    <row r="493572" spans="14:14">
      <c r="N493572" s="10"/>
    </row>
    <row r="493573" spans="14:14">
      <c r="N493573" s="10"/>
    </row>
    <row r="493574" spans="14:14">
      <c r="N493574" s="10"/>
    </row>
    <row r="493575" spans="14:14">
      <c r="N493575" s="10"/>
    </row>
    <row r="493576" spans="14:14">
      <c r="N493576" s="10"/>
    </row>
    <row r="493577" spans="14:14">
      <c r="N493577" s="10"/>
    </row>
    <row r="493578" spans="14:14">
      <c r="N493578" s="10"/>
    </row>
    <row r="493579" spans="14:14">
      <c r="N493579" s="10"/>
    </row>
    <row r="493580" spans="14:14">
      <c r="N493580" s="10"/>
    </row>
    <row r="493581" spans="14:14">
      <c r="N493581" s="10"/>
    </row>
    <row r="493582" spans="14:14">
      <c r="N493582" s="10"/>
    </row>
    <row r="493583" spans="14:14">
      <c r="N493583" s="10"/>
    </row>
    <row r="493584" spans="14:14">
      <c r="N493584" s="10"/>
    </row>
    <row r="493585" spans="14:14">
      <c r="N493585" s="10"/>
    </row>
    <row r="493586" spans="14:14">
      <c r="N493586" s="10"/>
    </row>
    <row r="493587" spans="14:14">
      <c r="N493587" s="10"/>
    </row>
    <row r="493588" spans="14:14">
      <c r="N493588" s="10"/>
    </row>
    <row r="493589" spans="14:14">
      <c r="N493589" s="10"/>
    </row>
    <row r="493590" spans="14:14">
      <c r="N493590" s="10"/>
    </row>
    <row r="493591" spans="14:14">
      <c r="N493591" s="10"/>
    </row>
    <row r="493592" spans="14:14">
      <c r="N493592" s="10"/>
    </row>
    <row r="493593" spans="14:14">
      <c r="N493593" s="10"/>
    </row>
    <row r="493594" spans="14:14">
      <c r="N493594" s="10"/>
    </row>
    <row r="493595" spans="14:14">
      <c r="N493595" s="10"/>
    </row>
    <row r="493596" spans="14:14">
      <c r="N493596" s="10"/>
    </row>
    <row r="493597" spans="14:14">
      <c r="N493597" s="10"/>
    </row>
    <row r="493598" spans="14:14">
      <c r="N493598" s="10"/>
    </row>
    <row r="493599" spans="14:14">
      <c r="N493599" s="10"/>
    </row>
    <row r="493600" spans="14:14">
      <c r="N493600" s="10"/>
    </row>
    <row r="493601" spans="14:14">
      <c r="N493601" s="10"/>
    </row>
    <row r="493602" spans="14:14">
      <c r="N493602" s="10"/>
    </row>
    <row r="493603" spans="14:14">
      <c r="N493603" s="10"/>
    </row>
    <row r="493604" spans="14:14">
      <c r="N493604" s="10"/>
    </row>
    <row r="493605" spans="14:14">
      <c r="N493605" s="10"/>
    </row>
    <row r="493606" spans="14:14">
      <c r="N493606" s="10"/>
    </row>
    <row r="493607" spans="14:14">
      <c r="N493607" s="10"/>
    </row>
    <row r="493608" spans="14:14">
      <c r="N493608" s="10"/>
    </row>
    <row r="493609" spans="14:14">
      <c r="N493609" s="10"/>
    </row>
    <row r="493610" spans="14:14">
      <c r="N493610" s="10"/>
    </row>
    <row r="493611" spans="14:14">
      <c r="N493611" s="10"/>
    </row>
    <row r="493612" spans="14:14">
      <c r="N493612" s="10"/>
    </row>
    <row r="493613" spans="14:14">
      <c r="N493613" s="10"/>
    </row>
    <row r="493614" spans="14:14">
      <c r="N493614" s="10"/>
    </row>
    <row r="493615" spans="14:14">
      <c r="N493615" s="10"/>
    </row>
    <row r="493616" spans="14:14">
      <c r="N493616" s="10"/>
    </row>
    <row r="493617" spans="14:14">
      <c r="N493617" s="10"/>
    </row>
    <row r="493618" spans="14:14">
      <c r="N493618" s="10"/>
    </row>
    <row r="493619" spans="14:14">
      <c r="N493619" s="10"/>
    </row>
    <row r="493620" spans="14:14">
      <c r="N493620" s="10"/>
    </row>
    <row r="493621" spans="14:14">
      <c r="N493621" s="10"/>
    </row>
    <row r="493622" spans="14:14">
      <c r="N493622" s="10"/>
    </row>
    <row r="493623" spans="14:14">
      <c r="N493623" s="10"/>
    </row>
    <row r="493624" spans="14:14">
      <c r="N493624" s="10"/>
    </row>
    <row r="493625" spans="14:14">
      <c r="N493625" s="10"/>
    </row>
    <row r="493626" spans="14:14">
      <c r="N493626" s="10"/>
    </row>
    <row r="493627" spans="14:14">
      <c r="N493627" s="10"/>
    </row>
    <row r="493628" spans="14:14">
      <c r="N493628" s="10"/>
    </row>
    <row r="493629" spans="14:14">
      <c r="N493629" s="10"/>
    </row>
    <row r="493630" spans="14:14">
      <c r="N493630" s="10"/>
    </row>
    <row r="493631" spans="14:14">
      <c r="N493631" s="10"/>
    </row>
    <row r="493632" spans="14:14">
      <c r="N493632" s="10"/>
    </row>
    <row r="493633" spans="14:14">
      <c r="N493633" s="10"/>
    </row>
    <row r="493634" spans="14:14">
      <c r="N493634" s="10"/>
    </row>
    <row r="493635" spans="14:14">
      <c r="N493635" s="10"/>
    </row>
    <row r="493636" spans="14:14">
      <c r="N493636" s="10"/>
    </row>
    <row r="493637" spans="14:14">
      <c r="N493637" s="10"/>
    </row>
    <row r="493638" spans="14:14">
      <c r="N493638" s="10"/>
    </row>
    <row r="493639" spans="14:14">
      <c r="N493639" s="10"/>
    </row>
    <row r="493640" spans="14:14">
      <c r="N493640" s="10"/>
    </row>
    <row r="493641" spans="14:14">
      <c r="N493641" s="10"/>
    </row>
    <row r="493642" spans="14:14">
      <c r="N493642" s="10"/>
    </row>
    <row r="493643" spans="14:14">
      <c r="N493643" s="10"/>
    </row>
    <row r="493644" spans="14:14">
      <c r="N493644" s="10"/>
    </row>
    <row r="493645" spans="14:14">
      <c r="N493645" s="10"/>
    </row>
    <row r="493646" spans="14:14">
      <c r="N493646" s="10"/>
    </row>
    <row r="493647" spans="14:14">
      <c r="N493647" s="10"/>
    </row>
    <row r="493648" spans="14:14">
      <c r="N493648" s="10"/>
    </row>
    <row r="493649" spans="14:14">
      <c r="N493649" s="10"/>
    </row>
    <row r="493650" spans="14:14">
      <c r="N493650" s="10"/>
    </row>
    <row r="493651" spans="14:14">
      <c r="N493651" s="10"/>
    </row>
    <row r="493652" spans="14:14">
      <c r="N493652" s="10"/>
    </row>
    <row r="493653" spans="14:14">
      <c r="N493653" s="10"/>
    </row>
    <row r="493654" spans="14:14">
      <c r="N493654" s="10"/>
    </row>
    <row r="493655" spans="14:14">
      <c r="N493655" s="10"/>
    </row>
    <row r="493656" spans="14:14">
      <c r="N493656" s="10"/>
    </row>
    <row r="493657" spans="14:14">
      <c r="N493657" s="10"/>
    </row>
    <row r="493658" spans="14:14">
      <c r="N493658" s="10"/>
    </row>
    <row r="493659" spans="14:14">
      <c r="N493659" s="10"/>
    </row>
    <row r="493660" spans="14:14">
      <c r="N493660" s="10"/>
    </row>
    <row r="493661" spans="14:14">
      <c r="N493661" s="10"/>
    </row>
    <row r="493662" spans="14:14">
      <c r="N493662" s="10"/>
    </row>
    <row r="493663" spans="14:14">
      <c r="N493663" s="10"/>
    </row>
    <row r="493664" spans="14:14">
      <c r="N493664" s="10"/>
    </row>
    <row r="493665" spans="14:14">
      <c r="N493665" s="10"/>
    </row>
    <row r="493666" spans="14:14">
      <c r="N493666" s="10"/>
    </row>
    <row r="493667" spans="14:14">
      <c r="N493667" s="10"/>
    </row>
    <row r="493668" spans="14:14">
      <c r="N493668" s="10"/>
    </row>
    <row r="493669" spans="14:14">
      <c r="N493669" s="10"/>
    </row>
    <row r="493670" spans="14:14">
      <c r="N493670" s="10"/>
    </row>
    <row r="493671" spans="14:14">
      <c r="N493671" s="10"/>
    </row>
    <row r="493672" spans="14:14">
      <c r="N493672" s="10"/>
    </row>
    <row r="493673" spans="14:14">
      <c r="N493673" s="10"/>
    </row>
    <row r="493674" spans="14:14">
      <c r="N493674" s="10"/>
    </row>
    <row r="493675" spans="14:14">
      <c r="N493675" s="10"/>
    </row>
    <row r="493676" spans="14:14">
      <c r="N493676" s="10"/>
    </row>
    <row r="493677" spans="14:14">
      <c r="N493677" s="10"/>
    </row>
    <row r="493678" spans="14:14">
      <c r="N493678" s="10"/>
    </row>
    <row r="493679" spans="14:14">
      <c r="N493679" s="10"/>
    </row>
    <row r="493680" spans="14:14">
      <c r="N493680" s="10"/>
    </row>
    <row r="493681" spans="14:14">
      <c r="N493681" s="10"/>
    </row>
    <row r="493682" spans="14:14">
      <c r="N493682" s="10"/>
    </row>
    <row r="493683" spans="14:14">
      <c r="N493683" s="10"/>
    </row>
    <row r="493684" spans="14:14">
      <c r="N493684" s="10"/>
    </row>
    <row r="493685" spans="14:14">
      <c r="N493685" s="10"/>
    </row>
    <row r="493686" spans="14:14">
      <c r="N493686" s="10"/>
    </row>
    <row r="493687" spans="14:14">
      <c r="N493687" s="10"/>
    </row>
    <row r="493688" spans="14:14">
      <c r="N493688" s="10"/>
    </row>
    <row r="493689" spans="14:14">
      <c r="N493689" s="10"/>
    </row>
    <row r="493690" spans="14:14">
      <c r="N493690" s="10"/>
    </row>
    <row r="493691" spans="14:14">
      <c r="N493691" s="10"/>
    </row>
    <row r="493692" spans="14:14">
      <c r="N493692" s="10"/>
    </row>
    <row r="493693" spans="14:14">
      <c r="N493693" s="10"/>
    </row>
    <row r="493694" spans="14:14">
      <c r="N493694" s="10"/>
    </row>
    <row r="493695" spans="14:14">
      <c r="N493695" s="10"/>
    </row>
    <row r="493696" spans="14:14">
      <c r="N493696" s="10"/>
    </row>
    <row r="493697" spans="14:14">
      <c r="N493697" s="10"/>
    </row>
    <row r="493698" spans="14:14">
      <c r="N493698" s="10"/>
    </row>
    <row r="493699" spans="14:14">
      <c r="N493699" s="10"/>
    </row>
    <row r="493700" spans="14:14">
      <c r="N493700" s="10"/>
    </row>
    <row r="493701" spans="14:14">
      <c r="N493701" s="10"/>
    </row>
    <row r="493702" spans="14:14">
      <c r="N493702" s="10"/>
    </row>
    <row r="493703" spans="14:14">
      <c r="N493703" s="10"/>
    </row>
    <row r="493704" spans="14:14">
      <c r="N493704" s="10"/>
    </row>
    <row r="493705" spans="14:14">
      <c r="N493705" s="10"/>
    </row>
    <row r="493706" spans="14:14">
      <c r="N493706" s="10"/>
    </row>
    <row r="493707" spans="14:14">
      <c r="N493707" s="10"/>
    </row>
    <row r="493708" spans="14:14">
      <c r="N493708" s="10"/>
    </row>
    <row r="493709" spans="14:14">
      <c r="N493709" s="10"/>
    </row>
    <row r="493710" spans="14:14">
      <c r="N493710" s="10"/>
    </row>
    <row r="493711" spans="14:14">
      <c r="N493711" s="10"/>
    </row>
    <row r="493712" spans="14:14">
      <c r="N493712" s="10"/>
    </row>
    <row r="493713" spans="14:14">
      <c r="N493713" s="10"/>
    </row>
    <row r="493714" spans="14:14">
      <c r="N493714" s="10"/>
    </row>
    <row r="493715" spans="14:14">
      <c r="N493715" s="10"/>
    </row>
    <row r="493716" spans="14:14">
      <c r="N493716" s="10"/>
    </row>
    <row r="493717" spans="14:14">
      <c r="N493717" s="10"/>
    </row>
    <row r="493718" spans="14:14">
      <c r="N493718" s="10"/>
    </row>
    <row r="493719" spans="14:14">
      <c r="N493719" s="10"/>
    </row>
    <row r="493720" spans="14:14">
      <c r="N493720" s="10"/>
    </row>
    <row r="493721" spans="14:14">
      <c r="N493721" s="10"/>
    </row>
    <row r="493722" spans="14:14">
      <c r="N493722" s="10"/>
    </row>
    <row r="493723" spans="14:14">
      <c r="N493723" s="10"/>
    </row>
    <row r="493724" spans="14:14">
      <c r="N493724" s="10"/>
    </row>
    <row r="493725" spans="14:14">
      <c r="N493725" s="10"/>
    </row>
    <row r="493726" spans="14:14">
      <c r="N493726" s="10"/>
    </row>
    <row r="493727" spans="14:14">
      <c r="N493727" s="10"/>
    </row>
    <row r="493728" spans="14:14">
      <c r="N493728" s="10"/>
    </row>
    <row r="493729" spans="14:14">
      <c r="N493729" s="10"/>
    </row>
    <row r="493730" spans="14:14">
      <c r="N493730" s="10"/>
    </row>
    <row r="493731" spans="14:14">
      <c r="N493731" s="10"/>
    </row>
    <row r="493732" spans="14:14">
      <c r="N493732" s="10"/>
    </row>
    <row r="493733" spans="14:14">
      <c r="N493733" s="10"/>
    </row>
    <row r="493734" spans="14:14">
      <c r="N493734" s="10"/>
    </row>
    <row r="493735" spans="14:14">
      <c r="N493735" s="10"/>
    </row>
    <row r="493736" spans="14:14">
      <c r="N493736" s="10"/>
    </row>
    <row r="493737" spans="14:14">
      <c r="N493737" s="10"/>
    </row>
    <row r="493738" spans="14:14">
      <c r="N493738" s="10"/>
    </row>
    <row r="493739" spans="14:14">
      <c r="N493739" s="10"/>
    </row>
    <row r="493740" spans="14:14">
      <c r="N493740" s="10"/>
    </row>
    <row r="493741" spans="14:14">
      <c r="N493741" s="10"/>
    </row>
    <row r="493742" spans="14:14">
      <c r="N493742" s="10"/>
    </row>
    <row r="493743" spans="14:14">
      <c r="N493743" s="10"/>
    </row>
    <row r="493744" spans="14:14">
      <c r="N493744" s="10"/>
    </row>
    <row r="493745" spans="14:14">
      <c r="N493745" s="10"/>
    </row>
    <row r="493746" spans="14:14">
      <c r="N493746" s="10"/>
    </row>
    <row r="493747" spans="14:14">
      <c r="N493747" s="10"/>
    </row>
    <row r="493748" spans="14:14">
      <c r="N493748" s="10"/>
    </row>
    <row r="493749" spans="14:14">
      <c r="N493749" s="10"/>
    </row>
    <row r="493750" spans="14:14">
      <c r="N493750" s="10"/>
    </row>
    <row r="493751" spans="14:14">
      <c r="N493751" s="10"/>
    </row>
    <row r="493752" spans="14:14">
      <c r="N493752" s="10"/>
    </row>
    <row r="493753" spans="14:14">
      <c r="N493753" s="10"/>
    </row>
    <row r="493754" spans="14:14">
      <c r="N493754" s="10"/>
    </row>
    <row r="493755" spans="14:14">
      <c r="N493755" s="10"/>
    </row>
    <row r="493756" spans="14:14">
      <c r="N493756" s="10"/>
    </row>
    <row r="493757" spans="14:14">
      <c r="N493757" s="10"/>
    </row>
    <row r="493758" spans="14:14">
      <c r="N493758" s="10"/>
    </row>
    <row r="493759" spans="14:14">
      <c r="N493759" s="10"/>
    </row>
    <row r="493760" spans="14:14">
      <c r="N493760" s="10"/>
    </row>
    <row r="493761" spans="14:14">
      <c r="N493761" s="10"/>
    </row>
    <row r="493762" spans="14:14">
      <c r="N493762" s="10"/>
    </row>
    <row r="493763" spans="14:14">
      <c r="N493763" s="10"/>
    </row>
    <row r="493764" spans="14:14">
      <c r="N493764" s="10"/>
    </row>
    <row r="493765" spans="14:14">
      <c r="N493765" s="10"/>
    </row>
    <row r="493766" spans="14:14">
      <c r="N493766" s="10"/>
    </row>
    <row r="493767" spans="14:14">
      <c r="N493767" s="10"/>
    </row>
    <row r="493768" spans="14:14">
      <c r="N493768" s="10"/>
    </row>
    <row r="493769" spans="14:14">
      <c r="N493769" s="10"/>
    </row>
    <row r="493770" spans="14:14">
      <c r="N493770" s="10"/>
    </row>
    <row r="493771" spans="14:14">
      <c r="N493771" s="10"/>
    </row>
    <row r="493772" spans="14:14">
      <c r="N493772" s="10"/>
    </row>
    <row r="493773" spans="14:14">
      <c r="N493773" s="10"/>
    </row>
    <row r="493774" spans="14:14">
      <c r="N493774" s="10"/>
    </row>
    <row r="493775" spans="14:14">
      <c r="N493775" s="10"/>
    </row>
    <row r="493776" spans="14:14">
      <c r="N493776" s="10"/>
    </row>
    <row r="493777" spans="14:14">
      <c r="N493777" s="10"/>
    </row>
    <row r="493778" spans="14:14">
      <c r="N493778" s="10"/>
    </row>
    <row r="493779" spans="14:14">
      <c r="N493779" s="10"/>
    </row>
    <row r="493780" spans="14:14">
      <c r="N493780" s="10"/>
    </row>
    <row r="493781" spans="14:14">
      <c r="N493781" s="10"/>
    </row>
    <row r="493782" spans="14:14">
      <c r="N493782" s="10"/>
    </row>
    <row r="493783" spans="14:14">
      <c r="N493783" s="10"/>
    </row>
    <row r="493784" spans="14:14">
      <c r="N493784" s="10"/>
    </row>
    <row r="493785" spans="14:14">
      <c r="N493785" s="10"/>
    </row>
    <row r="493786" spans="14:14">
      <c r="N493786" s="10"/>
    </row>
    <row r="493787" spans="14:14">
      <c r="N493787" s="10"/>
    </row>
    <row r="493788" spans="14:14">
      <c r="N493788" s="10"/>
    </row>
    <row r="493789" spans="14:14">
      <c r="N493789" s="10"/>
    </row>
    <row r="493790" spans="14:14">
      <c r="N493790" s="10"/>
    </row>
    <row r="493791" spans="14:14">
      <c r="N493791" s="10"/>
    </row>
    <row r="493792" spans="14:14">
      <c r="N493792" s="10"/>
    </row>
    <row r="493793" spans="14:14">
      <c r="N493793" s="10"/>
    </row>
    <row r="493794" spans="14:14">
      <c r="N493794" s="10"/>
    </row>
    <row r="493795" spans="14:14">
      <c r="N493795" s="10"/>
    </row>
    <row r="493796" spans="14:14">
      <c r="N493796" s="10"/>
    </row>
    <row r="493797" spans="14:14">
      <c r="N493797" s="10"/>
    </row>
    <row r="493798" spans="14:14">
      <c r="N493798" s="10"/>
    </row>
    <row r="493799" spans="14:14">
      <c r="N493799" s="10"/>
    </row>
    <row r="493800" spans="14:14">
      <c r="N493800" s="10"/>
    </row>
    <row r="493801" spans="14:14">
      <c r="N493801" s="10"/>
    </row>
    <row r="493802" spans="14:14">
      <c r="N493802" s="10"/>
    </row>
    <row r="493803" spans="14:14">
      <c r="N493803" s="10"/>
    </row>
    <row r="493804" spans="14:14">
      <c r="N493804" s="10"/>
    </row>
    <row r="493805" spans="14:14">
      <c r="N493805" s="10"/>
    </row>
    <row r="493806" spans="14:14">
      <c r="N493806" s="10"/>
    </row>
    <row r="493807" spans="14:14">
      <c r="N493807" s="10"/>
    </row>
    <row r="493808" spans="14:14">
      <c r="N493808" s="10"/>
    </row>
    <row r="493809" spans="14:14">
      <c r="N493809" s="10"/>
    </row>
    <row r="493810" spans="14:14">
      <c r="N493810" s="10"/>
    </row>
    <row r="493811" spans="14:14">
      <c r="N493811" s="10"/>
    </row>
    <row r="493812" spans="14:14">
      <c r="N493812" s="10"/>
    </row>
    <row r="493813" spans="14:14">
      <c r="N493813" s="10"/>
    </row>
    <row r="493814" spans="14:14">
      <c r="N493814" s="10"/>
    </row>
    <row r="493815" spans="14:14">
      <c r="N493815" s="10"/>
    </row>
    <row r="493816" spans="14:14">
      <c r="N493816" s="10"/>
    </row>
    <row r="493817" spans="14:14">
      <c r="N493817" s="10"/>
    </row>
    <row r="493818" spans="14:14">
      <c r="N493818" s="10"/>
    </row>
    <row r="493819" spans="14:14">
      <c r="N493819" s="10"/>
    </row>
    <row r="493820" spans="14:14">
      <c r="N493820" s="10"/>
    </row>
    <row r="493821" spans="14:14">
      <c r="N493821" s="10"/>
    </row>
    <row r="493822" spans="14:14">
      <c r="N493822" s="10"/>
    </row>
    <row r="493823" spans="14:14">
      <c r="N493823" s="10"/>
    </row>
    <row r="493824" spans="14:14">
      <c r="N493824" s="10"/>
    </row>
    <row r="493825" spans="14:14">
      <c r="N493825" s="10"/>
    </row>
    <row r="493826" spans="14:14">
      <c r="N493826" s="10"/>
    </row>
    <row r="493827" spans="14:14">
      <c r="N493827" s="10"/>
    </row>
    <row r="493828" spans="14:14">
      <c r="N493828" s="10"/>
    </row>
    <row r="493829" spans="14:14">
      <c r="N493829" s="10"/>
    </row>
    <row r="493830" spans="14:14">
      <c r="N493830" s="10"/>
    </row>
    <row r="493831" spans="14:14">
      <c r="N493831" s="10"/>
    </row>
    <row r="493832" spans="14:14">
      <c r="N493832" s="10"/>
    </row>
    <row r="493833" spans="14:14">
      <c r="N493833" s="10"/>
    </row>
    <row r="493834" spans="14:14">
      <c r="N493834" s="10"/>
    </row>
    <row r="493835" spans="14:14">
      <c r="N493835" s="10"/>
    </row>
    <row r="493836" spans="14:14">
      <c r="N493836" s="10"/>
    </row>
    <row r="493837" spans="14:14">
      <c r="N493837" s="10"/>
    </row>
    <row r="493838" spans="14:14">
      <c r="N493838" s="10"/>
    </row>
    <row r="493839" spans="14:14">
      <c r="N493839" s="10"/>
    </row>
    <row r="493840" spans="14:14">
      <c r="N493840" s="10"/>
    </row>
    <row r="493841" spans="14:14">
      <c r="N493841" s="10"/>
    </row>
    <row r="493842" spans="14:14">
      <c r="N493842" s="10"/>
    </row>
    <row r="493843" spans="14:14">
      <c r="N493843" s="10"/>
    </row>
    <row r="493844" spans="14:14">
      <c r="N493844" s="10"/>
    </row>
    <row r="493845" spans="14:14">
      <c r="N493845" s="10"/>
    </row>
    <row r="493846" spans="14:14">
      <c r="N493846" s="10"/>
    </row>
    <row r="493847" spans="14:14">
      <c r="N493847" s="10"/>
    </row>
    <row r="493848" spans="14:14">
      <c r="N493848" s="10"/>
    </row>
    <row r="493849" spans="14:14">
      <c r="N493849" s="10"/>
    </row>
    <row r="493850" spans="14:14">
      <c r="N493850" s="10"/>
    </row>
    <row r="493851" spans="14:14">
      <c r="N493851" s="10"/>
    </row>
    <row r="493852" spans="14:14">
      <c r="N493852" s="10"/>
    </row>
    <row r="493853" spans="14:14">
      <c r="N493853" s="10"/>
    </row>
    <row r="493854" spans="14:14">
      <c r="N493854" s="10"/>
    </row>
    <row r="493855" spans="14:14">
      <c r="N493855" s="10"/>
    </row>
    <row r="493856" spans="14:14">
      <c r="N493856" s="10"/>
    </row>
    <row r="493857" spans="14:14">
      <c r="N493857" s="10"/>
    </row>
    <row r="493858" spans="14:14">
      <c r="N493858" s="10"/>
    </row>
    <row r="493859" spans="14:14">
      <c r="N493859" s="10"/>
    </row>
    <row r="493860" spans="14:14">
      <c r="N493860" s="10"/>
    </row>
    <row r="493861" spans="14:14">
      <c r="N493861" s="10"/>
    </row>
    <row r="493862" spans="14:14">
      <c r="N493862" s="10"/>
    </row>
    <row r="493863" spans="14:14">
      <c r="N493863" s="10"/>
    </row>
    <row r="493864" spans="14:14">
      <c r="N493864" s="10"/>
    </row>
    <row r="493865" spans="14:14">
      <c r="N493865" s="10"/>
    </row>
    <row r="493866" spans="14:14">
      <c r="N493866" s="10"/>
    </row>
    <row r="493867" spans="14:14">
      <c r="N493867" s="10"/>
    </row>
    <row r="493868" spans="14:14">
      <c r="N493868" s="10"/>
    </row>
    <row r="493869" spans="14:14">
      <c r="N493869" s="10"/>
    </row>
    <row r="493870" spans="14:14">
      <c r="N493870" s="10"/>
    </row>
    <row r="493871" spans="14:14">
      <c r="N493871" s="10"/>
    </row>
    <row r="493872" spans="14:14">
      <c r="N493872" s="10"/>
    </row>
    <row r="493873" spans="14:14">
      <c r="N493873" s="10"/>
    </row>
    <row r="493874" spans="14:14">
      <c r="N493874" s="10"/>
    </row>
    <row r="493875" spans="14:14">
      <c r="N493875" s="10"/>
    </row>
    <row r="493876" spans="14:14">
      <c r="N493876" s="10"/>
    </row>
    <row r="493877" spans="14:14">
      <c r="N493877" s="10"/>
    </row>
    <row r="493878" spans="14:14">
      <c r="N493878" s="10"/>
    </row>
    <row r="493879" spans="14:14">
      <c r="N493879" s="10"/>
    </row>
    <row r="493880" spans="14:14">
      <c r="N493880" s="10"/>
    </row>
    <row r="493881" spans="14:14">
      <c r="N493881" s="10"/>
    </row>
    <row r="493882" spans="14:14">
      <c r="N493882" s="10"/>
    </row>
    <row r="493883" spans="14:14">
      <c r="N493883" s="10"/>
    </row>
    <row r="493884" spans="14:14">
      <c r="N493884" s="10"/>
    </row>
    <row r="493885" spans="14:14">
      <c r="N493885" s="10"/>
    </row>
    <row r="493886" spans="14:14">
      <c r="N493886" s="10"/>
    </row>
    <row r="493887" spans="14:14">
      <c r="N493887" s="10"/>
    </row>
    <row r="493888" spans="14:14">
      <c r="N493888" s="10"/>
    </row>
    <row r="493889" spans="14:14">
      <c r="N493889" s="10"/>
    </row>
    <row r="493890" spans="14:14">
      <c r="N493890" s="10"/>
    </row>
    <row r="493891" spans="14:14">
      <c r="N493891" s="10"/>
    </row>
    <row r="493892" spans="14:14">
      <c r="N493892" s="10"/>
    </row>
    <row r="493893" spans="14:14">
      <c r="N493893" s="10"/>
    </row>
    <row r="493894" spans="14:14">
      <c r="N493894" s="10"/>
    </row>
    <row r="493895" spans="14:14">
      <c r="N493895" s="10"/>
    </row>
    <row r="493896" spans="14:14">
      <c r="N493896" s="10"/>
    </row>
    <row r="493897" spans="14:14">
      <c r="N493897" s="10"/>
    </row>
    <row r="493898" spans="14:14">
      <c r="N493898" s="10"/>
    </row>
    <row r="493899" spans="14:14">
      <c r="N493899" s="10"/>
    </row>
    <row r="493900" spans="14:14">
      <c r="N493900" s="10"/>
    </row>
    <row r="493901" spans="14:14">
      <c r="N493901" s="10"/>
    </row>
    <row r="493902" spans="14:14">
      <c r="N493902" s="10"/>
    </row>
    <row r="493903" spans="14:14">
      <c r="N493903" s="10"/>
    </row>
    <row r="493904" spans="14:14">
      <c r="N493904" s="10"/>
    </row>
    <row r="493905" spans="14:14">
      <c r="N493905" s="10"/>
    </row>
    <row r="493906" spans="14:14">
      <c r="N493906" s="10"/>
    </row>
    <row r="493907" spans="14:14">
      <c r="N493907" s="10"/>
    </row>
    <row r="493908" spans="14:14">
      <c r="N493908" s="10"/>
    </row>
    <row r="493909" spans="14:14">
      <c r="N493909" s="10"/>
    </row>
    <row r="493910" spans="14:14">
      <c r="N493910" s="10"/>
    </row>
    <row r="493911" spans="14:14">
      <c r="N493911" s="10"/>
    </row>
    <row r="493912" spans="14:14">
      <c r="N493912" s="10"/>
    </row>
    <row r="493913" spans="14:14">
      <c r="N493913" s="10"/>
    </row>
    <row r="493914" spans="14:14">
      <c r="N493914" s="10"/>
    </row>
    <row r="493915" spans="14:14">
      <c r="N493915" s="10"/>
    </row>
    <row r="493916" spans="14:14">
      <c r="N493916" s="10"/>
    </row>
    <row r="493917" spans="14:14">
      <c r="N493917" s="10"/>
    </row>
    <row r="493918" spans="14:14">
      <c r="N493918" s="10"/>
    </row>
    <row r="493919" spans="14:14">
      <c r="N493919" s="10"/>
    </row>
    <row r="493920" spans="14:14">
      <c r="N493920" s="10"/>
    </row>
    <row r="493921" spans="14:14">
      <c r="N493921" s="10"/>
    </row>
    <row r="493922" spans="14:14">
      <c r="N493922" s="10"/>
    </row>
    <row r="493923" spans="14:14">
      <c r="N493923" s="10"/>
    </row>
    <row r="493924" spans="14:14">
      <c r="N493924" s="10"/>
    </row>
    <row r="493925" spans="14:14">
      <c r="N493925" s="10"/>
    </row>
    <row r="493926" spans="14:14">
      <c r="N493926" s="10"/>
    </row>
    <row r="493927" spans="14:14">
      <c r="N493927" s="10"/>
    </row>
    <row r="493928" spans="14:14">
      <c r="N493928" s="10"/>
    </row>
    <row r="493929" spans="14:14">
      <c r="N493929" s="10"/>
    </row>
    <row r="493930" spans="14:14">
      <c r="N493930" s="10"/>
    </row>
    <row r="493931" spans="14:14">
      <c r="N493931" s="10"/>
    </row>
    <row r="493932" spans="14:14">
      <c r="N493932" s="10"/>
    </row>
    <row r="493933" spans="14:14">
      <c r="N493933" s="10"/>
    </row>
    <row r="493934" spans="14:14">
      <c r="N493934" s="10"/>
    </row>
    <row r="493935" spans="14:14">
      <c r="N493935" s="10"/>
    </row>
    <row r="493936" spans="14:14">
      <c r="N493936" s="10"/>
    </row>
    <row r="493937" spans="14:14">
      <c r="N493937" s="10"/>
    </row>
    <row r="493938" spans="14:14">
      <c r="N493938" s="10"/>
    </row>
    <row r="493939" spans="14:14">
      <c r="N493939" s="10"/>
    </row>
    <row r="493940" spans="14:14">
      <c r="N493940" s="10"/>
    </row>
    <row r="493941" spans="14:14">
      <c r="N493941" s="10"/>
    </row>
    <row r="493942" spans="14:14">
      <c r="N493942" s="10"/>
    </row>
    <row r="493943" spans="14:14">
      <c r="N493943" s="10"/>
    </row>
    <row r="493944" spans="14:14">
      <c r="N493944" s="10"/>
    </row>
    <row r="493945" spans="14:14">
      <c r="N493945" s="10"/>
    </row>
    <row r="493946" spans="14:14">
      <c r="N493946" s="10"/>
    </row>
    <row r="493947" spans="14:14">
      <c r="N493947" s="10"/>
    </row>
    <row r="493948" spans="14:14">
      <c r="N493948" s="10"/>
    </row>
    <row r="493949" spans="14:14">
      <c r="N493949" s="10"/>
    </row>
    <row r="493950" spans="14:14">
      <c r="N493950" s="10"/>
    </row>
    <row r="493951" spans="14:14">
      <c r="N493951" s="10"/>
    </row>
    <row r="493952" spans="14:14">
      <c r="N493952" s="10"/>
    </row>
    <row r="493953" spans="14:14">
      <c r="N493953" s="10"/>
    </row>
    <row r="493954" spans="14:14">
      <c r="N493954" s="10"/>
    </row>
    <row r="493955" spans="14:14">
      <c r="N493955" s="10"/>
    </row>
    <row r="493956" spans="14:14">
      <c r="N493956" s="10"/>
    </row>
    <row r="493957" spans="14:14">
      <c r="N493957" s="10"/>
    </row>
    <row r="493958" spans="14:14">
      <c r="N493958" s="10"/>
    </row>
    <row r="493959" spans="14:14">
      <c r="N493959" s="10"/>
    </row>
    <row r="493960" spans="14:14">
      <c r="N493960" s="10"/>
    </row>
    <row r="493961" spans="14:14">
      <c r="N493961" s="10"/>
    </row>
    <row r="493962" spans="14:14">
      <c r="N493962" s="10"/>
    </row>
    <row r="493963" spans="14:14">
      <c r="N493963" s="10"/>
    </row>
    <row r="493964" spans="14:14">
      <c r="N493964" s="10"/>
    </row>
    <row r="493965" spans="14:14">
      <c r="N493965" s="10"/>
    </row>
    <row r="493966" spans="14:14">
      <c r="N493966" s="10"/>
    </row>
    <row r="493967" spans="14:14">
      <c r="N493967" s="10"/>
    </row>
    <row r="493968" spans="14:14">
      <c r="N493968" s="10"/>
    </row>
    <row r="493969" spans="14:14">
      <c r="N493969" s="10"/>
    </row>
    <row r="493970" spans="14:14">
      <c r="N493970" s="10"/>
    </row>
    <row r="493971" spans="14:14">
      <c r="N493971" s="10"/>
    </row>
    <row r="493972" spans="14:14">
      <c r="N493972" s="10"/>
    </row>
    <row r="493973" spans="14:14">
      <c r="N493973" s="10"/>
    </row>
    <row r="493974" spans="14:14">
      <c r="N493974" s="10"/>
    </row>
    <row r="493975" spans="14:14">
      <c r="N493975" s="10"/>
    </row>
    <row r="493976" spans="14:14">
      <c r="N493976" s="10"/>
    </row>
    <row r="493977" spans="14:14">
      <c r="N493977" s="10"/>
    </row>
    <row r="493978" spans="14:14">
      <c r="N493978" s="10"/>
    </row>
    <row r="493979" spans="14:14">
      <c r="N493979" s="10"/>
    </row>
    <row r="493980" spans="14:14">
      <c r="N493980" s="10"/>
    </row>
    <row r="493981" spans="14:14">
      <c r="N493981" s="10"/>
    </row>
    <row r="493982" spans="14:14">
      <c r="N493982" s="10"/>
    </row>
    <row r="493983" spans="14:14">
      <c r="N493983" s="10"/>
    </row>
    <row r="493984" spans="14:14">
      <c r="N493984" s="10"/>
    </row>
    <row r="493985" spans="14:14">
      <c r="N493985" s="10"/>
    </row>
    <row r="493986" spans="14:14">
      <c r="N493986" s="10"/>
    </row>
    <row r="493987" spans="14:14">
      <c r="N493987" s="10"/>
    </row>
    <row r="493988" spans="14:14">
      <c r="N493988" s="10"/>
    </row>
    <row r="493989" spans="14:14">
      <c r="N493989" s="10"/>
    </row>
    <row r="493990" spans="14:14">
      <c r="N493990" s="10"/>
    </row>
    <row r="493991" spans="14:14">
      <c r="N493991" s="10"/>
    </row>
    <row r="493992" spans="14:14">
      <c r="N493992" s="10"/>
    </row>
    <row r="493993" spans="14:14">
      <c r="N493993" s="10"/>
    </row>
    <row r="493994" spans="14:14">
      <c r="N493994" s="10"/>
    </row>
    <row r="493995" spans="14:14">
      <c r="N493995" s="10"/>
    </row>
    <row r="493996" spans="14:14">
      <c r="N493996" s="10"/>
    </row>
    <row r="493997" spans="14:14">
      <c r="N493997" s="10"/>
    </row>
    <row r="493998" spans="14:14">
      <c r="N493998" s="10"/>
    </row>
    <row r="493999" spans="14:14">
      <c r="N493999" s="10"/>
    </row>
    <row r="494000" spans="14:14">
      <c r="N494000" s="10"/>
    </row>
    <row r="494001" spans="14:14">
      <c r="N494001" s="10"/>
    </row>
    <row r="494002" spans="14:14">
      <c r="N494002" s="10"/>
    </row>
    <row r="494003" spans="14:14">
      <c r="N494003" s="10"/>
    </row>
    <row r="494004" spans="14:14">
      <c r="N494004" s="10"/>
    </row>
    <row r="494005" spans="14:14">
      <c r="N494005" s="10"/>
    </row>
    <row r="494006" spans="14:14">
      <c r="N494006" s="10"/>
    </row>
    <row r="494007" spans="14:14">
      <c r="N494007" s="10"/>
    </row>
    <row r="494008" spans="14:14">
      <c r="N494008" s="10"/>
    </row>
    <row r="494009" spans="14:14">
      <c r="N494009" s="10"/>
    </row>
    <row r="494010" spans="14:14">
      <c r="N494010" s="10"/>
    </row>
    <row r="494011" spans="14:14">
      <c r="N494011" s="10"/>
    </row>
    <row r="494012" spans="14:14">
      <c r="N494012" s="10"/>
    </row>
    <row r="494013" spans="14:14">
      <c r="N494013" s="10"/>
    </row>
    <row r="494014" spans="14:14">
      <c r="N494014" s="10"/>
    </row>
    <row r="494015" spans="14:14">
      <c r="N494015" s="10"/>
    </row>
    <row r="494016" spans="14:14">
      <c r="N494016" s="10"/>
    </row>
    <row r="494017" spans="14:14">
      <c r="N494017" s="10"/>
    </row>
    <row r="494018" spans="14:14">
      <c r="N494018" s="10"/>
    </row>
    <row r="494019" spans="14:14">
      <c r="N494019" s="10"/>
    </row>
    <row r="494020" spans="14:14">
      <c r="N494020" s="10"/>
    </row>
    <row r="494021" spans="14:14">
      <c r="N494021" s="10"/>
    </row>
    <row r="494022" spans="14:14">
      <c r="N494022" s="10"/>
    </row>
    <row r="494023" spans="14:14">
      <c r="N494023" s="10"/>
    </row>
    <row r="494024" spans="14:14">
      <c r="N494024" s="10"/>
    </row>
    <row r="494025" spans="14:14">
      <c r="N494025" s="10"/>
    </row>
    <row r="494026" spans="14:14">
      <c r="N494026" s="10"/>
    </row>
    <row r="494027" spans="14:14">
      <c r="N494027" s="10"/>
    </row>
    <row r="494028" spans="14:14">
      <c r="N494028" s="10"/>
    </row>
    <row r="494029" spans="14:14">
      <c r="N494029" s="10"/>
    </row>
    <row r="494030" spans="14:14">
      <c r="N494030" s="10"/>
    </row>
    <row r="494031" spans="14:14">
      <c r="N494031" s="10"/>
    </row>
    <row r="494032" spans="14:14">
      <c r="N494032" s="10"/>
    </row>
    <row r="494033" spans="14:14">
      <c r="N494033" s="10"/>
    </row>
    <row r="494034" spans="14:14">
      <c r="N494034" s="10"/>
    </row>
    <row r="494035" spans="14:14">
      <c r="N494035" s="10"/>
    </row>
    <row r="494036" spans="14:14">
      <c r="N494036" s="10"/>
    </row>
    <row r="494037" spans="14:14">
      <c r="N494037" s="10"/>
    </row>
    <row r="494038" spans="14:14">
      <c r="N494038" s="10"/>
    </row>
    <row r="494039" spans="14:14">
      <c r="N494039" s="10"/>
    </row>
    <row r="494040" spans="14:14">
      <c r="N494040" s="10"/>
    </row>
    <row r="494041" spans="14:14">
      <c r="N494041" s="10"/>
    </row>
    <row r="494042" spans="14:14">
      <c r="N494042" s="10"/>
    </row>
    <row r="494043" spans="14:14">
      <c r="N494043" s="10"/>
    </row>
    <row r="494044" spans="14:14">
      <c r="N494044" s="10"/>
    </row>
    <row r="494045" spans="14:14">
      <c r="N494045" s="10"/>
    </row>
    <row r="494046" spans="14:14">
      <c r="N494046" s="10"/>
    </row>
    <row r="494047" spans="14:14">
      <c r="N494047" s="10"/>
    </row>
    <row r="494048" spans="14:14">
      <c r="N494048" s="10"/>
    </row>
    <row r="494049" spans="14:14">
      <c r="N494049" s="10"/>
    </row>
    <row r="494050" spans="14:14">
      <c r="N494050" s="10"/>
    </row>
    <row r="494051" spans="14:14">
      <c r="N494051" s="10"/>
    </row>
    <row r="494052" spans="14:14">
      <c r="N494052" s="10"/>
    </row>
    <row r="494053" spans="14:14">
      <c r="N494053" s="10"/>
    </row>
    <row r="494054" spans="14:14">
      <c r="N494054" s="10"/>
    </row>
    <row r="494055" spans="14:14">
      <c r="N494055" s="10"/>
    </row>
    <row r="494056" spans="14:14">
      <c r="N494056" s="10"/>
    </row>
    <row r="494057" spans="14:14">
      <c r="N494057" s="10"/>
    </row>
    <row r="494058" spans="14:14">
      <c r="N494058" s="10"/>
    </row>
    <row r="494059" spans="14:14">
      <c r="N494059" s="10"/>
    </row>
    <row r="494060" spans="14:14">
      <c r="N494060" s="10"/>
    </row>
    <row r="494061" spans="14:14">
      <c r="N494061" s="10"/>
    </row>
    <row r="494062" spans="14:14">
      <c r="N494062" s="10"/>
    </row>
    <row r="494063" spans="14:14">
      <c r="N494063" s="10"/>
    </row>
    <row r="494064" spans="14:14">
      <c r="N494064" s="10"/>
    </row>
    <row r="494065" spans="14:14">
      <c r="N494065" s="10"/>
    </row>
    <row r="494066" spans="14:14">
      <c r="N494066" s="10"/>
    </row>
    <row r="494067" spans="14:14">
      <c r="N494067" s="10"/>
    </row>
    <row r="494068" spans="14:14">
      <c r="N494068" s="10"/>
    </row>
    <row r="494069" spans="14:14">
      <c r="N494069" s="10"/>
    </row>
    <row r="494070" spans="14:14">
      <c r="N494070" s="10"/>
    </row>
    <row r="494071" spans="14:14">
      <c r="N494071" s="10"/>
    </row>
    <row r="494072" spans="14:14">
      <c r="N494072" s="10"/>
    </row>
    <row r="494073" spans="14:14">
      <c r="N494073" s="10"/>
    </row>
    <row r="494074" spans="14:14">
      <c r="N494074" s="10"/>
    </row>
    <row r="494075" spans="14:14">
      <c r="N494075" s="10"/>
    </row>
    <row r="494076" spans="14:14">
      <c r="N494076" s="10"/>
    </row>
    <row r="494077" spans="14:14">
      <c r="N494077" s="10"/>
    </row>
    <row r="494078" spans="14:14">
      <c r="N494078" s="10"/>
    </row>
    <row r="494079" spans="14:14">
      <c r="N494079" s="10"/>
    </row>
    <row r="494080" spans="14:14">
      <c r="N494080" s="10"/>
    </row>
    <row r="494081" spans="14:14">
      <c r="N494081" s="10"/>
    </row>
    <row r="494082" spans="14:14">
      <c r="N494082" s="10"/>
    </row>
    <row r="494083" spans="14:14">
      <c r="N494083" s="10"/>
    </row>
    <row r="494084" spans="14:14">
      <c r="N494084" s="10"/>
    </row>
    <row r="494085" spans="14:14">
      <c r="N494085" s="10"/>
    </row>
    <row r="494086" spans="14:14">
      <c r="N494086" s="10"/>
    </row>
    <row r="494087" spans="14:14">
      <c r="N494087" s="10"/>
    </row>
    <row r="494088" spans="14:14">
      <c r="N494088" s="10"/>
    </row>
    <row r="494089" spans="14:14">
      <c r="N494089" s="10"/>
    </row>
    <row r="494090" spans="14:14">
      <c r="N494090" s="10"/>
    </row>
    <row r="494091" spans="14:14">
      <c r="N494091" s="10"/>
    </row>
    <row r="494092" spans="14:14">
      <c r="N494092" s="10"/>
    </row>
    <row r="494093" spans="14:14">
      <c r="N494093" s="10"/>
    </row>
    <row r="494094" spans="14:14">
      <c r="N494094" s="10"/>
    </row>
    <row r="494095" spans="14:14">
      <c r="N494095" s="10"/>
    </row>
    <row r="494096" spans="14:14">
      <c r="N494096" s="10"/>
    </row>
    <row r="494097" spans="14:14">
      <c r="N494097" s="10"/>
    </row>
    <row r="494098" spans="14:14">
      <c r="N494098" s="10"/>
    </row>
    <row r="494099" spans="14:14">
      <c r="N494099" s="10"/>
    </row>
    <row r="494100" spans="14:14">
      <c r="N494100" s="10"/>
    </row>
    <row r="494101" spans="14:14">
      <c r="N494101" s="10"/>
    </row>
    <row r="494102" spans="14:14">
      <c r="N494102" s="10"/>
    </row>
    <row r="494103" spans="14:14">
      <c r="N494103" s="10"/>
    </row>
    <row r="494104" spans="14:14">
      <c r="N494104" s="10"/>
    </row>
    <row r="494105" spans="14:14">
      <c r="N494105" s="10"/>
    </row>
    <row r="494106" spans="14:14">
      <c r="N494106" s="10"/>
    </row>
    <row r="494107" spans="14:14">
      <c r="N494107" s="10"/>
    </row>
    <row r="494108" spans="14:14">
      <c r="N494108" s="10"/>
    </row>
    <row r="494109" spans="14:14">
      <c r="N494109" s="10"/>
    </row>
    <row r="494110" spans="14:14">
      <c r="N494110" s="10"/>
    </row>
    <row r="494111" spans="14:14">
      <c r="N494111" s="10"/>
    </row>
    <row r="494112" spans="14:14">
      <c r="N494112" s="10"/>
    </row>
    <row r="494113" spans="14:14">
      <c r="N494113" s="10"/>
    </row>
    <row r="494114" spans="14:14">
      <c r="N494114" s="10"/>
    </row>
    <row r="494115" spans="14:14">
      <c r="N494115" s="10"/>
    </row>
    <row r="494116" spans="14:14">
      <c r="N494116" s="10"/>
    </row>
    <row r="494117" spans="14:14">
      <c r="N494117" s="10"/>
    </row>
    <row r="494118" spans="14:14">
      <c r="N494118" s="10"/>
    </row>
    <row r="494119" spans="14:14">
      <c r="N494119" s="10"/>
    </row>
    <row r="494120" spans="14:14">
      <c r="N494120" s="10"/>
    </row>
    <row r="494121" spans="14:14">
      <c r="N494121" s="10"/>
    </row>
    <row r="494122" spans="14:14">
      <c r="N494122" s="10"/>
    </row>
    <row r="494123" spans="14:14">
      <c r="N494123" s="10"/>
    </row>
    <row r="494124" spans="14:14">
      <c r="N494124" s="10"/>
    </row>
    <row r="494125" spans="14:14">
      <c r="N494125" s="10"/>
    </row>
    <row r="494126" spans="14:14">
      <c r="N494126" s="10"/>
    </row>
    <row r="494127" spans="14:14">
      <c r="N494127" s="10"/>
    </row>
    <row r="494128" spans="14:14">
      <c r="N494128" s="10"/>
    </row>
    <row r="494129" spans="14:14">
      <c r="N494129" s="10"/>
    </row>
    <row r="494130" spans="14:14">
      <c r="N494130" s="10"/>
    </row>
    <row r="494131" spans="14:14">
      <c r="N494131" s="10"/>
    </row>
    <row r="494132" spans="14:14">
      <c r="N494132" s="10"/>
    </row>
    <row r="494133" spans="14:14">
      <c r="N494133" s="10"/>
    </row>
    <row r="494134" spans="14:14">
      <c r="N494134" s="10"/>
    </row>
    <row r="494135" spans="14:14">
      <c r="N494135" s="10"/>
    </row>
    <row r="494136" spans="14:14">
      <c r="N494136" s="10"/>
    </row>
    <row r="494137" spans="14:14">
      <c r="N494137" s="10"/>
    </row>
    <row r="494138" spans="14:14">
      <c r="N494138" s="10"/>
    </row>
    <row r="494139" spans="14:14">
      <c r="N494139" s="10"/>
    </row>
    <row r="494140" spans="14:14">
      <c r="N494140" s="10"/>
    </row>
    <row r="494141" spans="14:14">
      <c r="N494141" s="10"/>
    </row>
    <row r="494142" spans="14:14">
      <c r="N494142" s="10"/>
    </row>
    <row r="494143" spans="14:14">
      <c r="N494143" s="10"/>
    </row>
    <row r="494144" spans="14:14">
      <c r="N494144" s="10"/>
    </row>
    <row r="494145" spans="14:14">
      <c r="N494145" s="10"/>
    </row>
    <row r="494146" spans="14:14">
      <c r="N494146" s="10"/>
    </row>
    <row r="494147" spans="14:14">
      <c r="N494147" s="10"/>
    </row>
    <row r="494148" spans="14:14">
      <c r="N494148" s="10"/>
    </row>
    <row r="494149" spans="14:14">
      <c r="N494149" s="10"/>
    </row>
    <row r="494150" spans="14:14">
      <c r="N494150" s="10"/>
    </row>
    <row r="494151" spans="14:14">
      <c r="N494151" s="10"/>
    </row>
    <row r="494152" spans="14:14">
      <c r="N494152" s="10"/>
    </row>
    <row r="494153" spans="14:14">
      <c r="N494153" s="10"/>
    </row>
    <row r="494154" spans="14:14">
      <c r="N494154" s="10"/>
    </row>
    <row r="494155" spans="14:14">
      <c r="N494155" s="10"/>
    </row>
    <row r="494156" spans="14:14">
      <c r="N494156" s="10"/>
    </row>
    <row r="494157" spans="14:14">
      <c r="N494157" s="10"/>
    </row>
    <row r="494158" spans="14:14">
      <c r="N494158" s="10"/>
    </row>
    <row r="494159" spans="14:14">
      <c r="N494159" s="10"/>
    </row>
    <row r="494160" spans="14:14">
      <c r="N494160" s="10"/>
    </row>
    <row r="494161" spans="14:14">
      <c r="N494161" s="10"/>
    </row>
    <row r="494162" spans="14:14">
      <c r="N494162" s="10"/>
    </row>
    <row r="494163" spans="14:14">
      <c r="N494163" s="10"/>
    </row>
    <row r="494164" spans="14:14">
      <c r="N494164" s="10"/>
    </row>
    <row r="494165" spans="14:14">
      <c r="N494165" s="10"/>
    </row>
    <row r="494166" spans="14:14">
      <c r="N494166" s="10"/>
    </row>
    <row r="494167" spans="14:14">
      <c r="N494167" s="10"/>
    </row>
    <row r="494168" spans="14:14">
      <c r="N494168" s="10"/>
    </row>
    <row r="494169" spans="14:14">
      <c r="N494169" s="10"/>
    </row>
    <row r="494170" spans="14:14">
      <c r="N494170" s="10"/>
    </row>
    <row r="494171" spans="14:14">
      <c r="N494171" s="10"/>
    </row>
    <row r="494172" spans="14:14">
      <c r="N494172" s="10"/>
    </row>
    <row r="494173" spans="14:14">
      <c r="N494173" s="10"/>
    </row>
    <row r="494174" spans="14:14">
      <c r="N494174" s="10"/>
    </row>
    <row r="494175" spans="14:14">
      <c r="N494175" s="10"/>
    </row>
    <row r="494176" spans="14:14">
      <c r="N494176" s="10"/>
    </row>
    <row r="494177" spans="14:14">
      <c r="N494177" s="10"/>
    </row>
    <row r="494178" spans="14:14">
      <c r="N494178" s="10"/>
    </row>
    <row r="494179" spans="14:14">
      <c r="N494179" s="10"/>
    </row>
    <row r="494180" spans="14:14">
      <c r="N494180" s="10"/>
    </row>
    <row r="494181" spans="14:14">
      <c r="N494181" s="10"/>
    </row>
    <row r="494182" spans="14:14">
      <c r="N494182" s="10"/>
    </row>
    <row r="494183" spans="14:14">
      <c r="N494183" s="10"/>
    </row>
    <row r="494184" spans="14:14">
      <c r="N494184" s="10"/>
    </row>
    <row r="494185" spans="14:14">
      <c r="N494185" s="10"/>
    </row>
    <row r="494186" spans="14:14">
      <c r="N494186" s="10"/>
    </row>
    <row r="494187" spans="14:14">
      <c r="N494187" s="10"/>
    </row>
    <row r="494188" spans="14:14">
      <c r="N494188" s="10"/>
    </row>
    <row r="494189" spans="14:14">
      <c r="N494189" s="10"/>
    </row>
    <row r="494190" spans="14:14">
      <c r="N494190" s="10"/>
    </row>
    <row r="494191" spans="14:14">
      <c r="N494191" s="10"/>
    </row>
    <row r="494192" spans="14:14">
      <c r="N494192" s="10"/>
    </row>
    <row r="494193" spans="14:14">
      <c r="N494193" s="10"/>
    </row>
    <row r="494194" spans="14:14">
      <c r="N494194" s="10"/>
    </row>
    <row r="494195" spans="14:14">
      <c r="N494195" s="10"/>
    </row>
    <row r="494196" spans="14:14">
      <c r="N494196" s="10"/>
    </row>
    <row r="494197" spans="14:14">
      <c r="N494197" s="10"/>
    </row>
    <row r="494198" spans="14:14">
      <c r="N494198" s="10"/>
    </row>
    <row r="494199" spans="14:14">
      <c r="N494199" s="10"/>
    </row>
    <row r="494200" spans="14:14">
      <c r="N494200" s="10"/>
    </row>
    <row r="494201" spans="14:14">
      <c r="N494201" s="10"/>
    </row>
    <row r="494202" spans="14:14">
      <c r="N494202" s="10"/>
    </row>
    <row r="494203" spans="14:14">
      <c r="N494203" s="10"/>
    </row>
    <row r="494204" spans="14:14">
      <c r="N494204" s="10"/>
    </row>
    <row r="494205" spans="14:14">
      <c r="N494205" s="10"/>
    </row>
    <row r="494206" spans="14:14">
      <c r="N494206" s="10"/>
    </row>
    <row r="494207" spans="14:14">
      <c r="N494207" s="10"/>
    </row>
    <row r="494208" spans="14:14">
      <c r="N494208" s="10"/>
    </row>
    <row r="494209" spans="14:14">
      <c r="N494209" s="10"/>
    </row>
    <row r="494210" spans="14:14">
      <c r="N494210" s="10"/>
    </row>
    <row r="494211" spans="14:14">
      <c r="N494211" s="10"/>
    </row>
    <row r="494212" spans="14:14">
      <c r="N494212" s="10"/>
    </row>
    <row r="494213" spans="14:14">
      <c r="N494213" s="10"/>
    </row>
    <row r="494214" spans="14:14">
      <c r="N494214" s="10"/>
    </row>
    <row r="494215" spans="14:14">
      <c r="N494215" s="10"/>
    </row>
    <row r="494216" spans="14:14">
      <c r="N494216" s="10"/>
    </row>
    <row r="494217" spans="14:14">
      <c r="N494217" s="10"/>
    </row>
    <row r="494218" spans="14:14">
      <c r="N494218" s="10"/>
    </row>
    <row r="494219" spans="14:14">
      <c r="N494219" s="10"/>
    </row>
    <row r="494220" spans="14:14">
      <c r="N494220" s="10"/>
    </row>
    <row r="494221" spans="14:14">
      <c r="N494221" s="10"/>
    </row>
    <row r="494222" spans="14:14">
      <c r="N494222" s="10"/>
    </row>
    <row r="494223" spans="14:14">
      <c r="N494223" s="10"/>
    </row>
    <row r="494224" spans="14:14">
      <c r="N494224" s="10"/>
    </row>
    <row r="494225" spans="14:14">
      <c r="N494225" s="10"/>
    </row>
    <row r="494226" spans="14:14">
      <c r="N494226" s="10"/>
    </row>
    <row r="494227" spans="14:14">
      <c r="N494227" s="10"/>
    </row>
    <row r="494228" spans="14:14">
      <c r="N494228" s="10"/>
    </row>
    <row r="494229" spans="14:14">
      <c r="N494229" s="10"/>
    </row>
    <row r="494230" spans="14:14">
      <c r="N494230" s="10"/>
    </row>
    <row r="494231" spans="14:14">
      <c r="N494231" s="10"/>
    </row>
    <row r="494232" spans="14:14">
      <c r="N494232" s="10"/>
    </row>
    <row r="494233" spans="14:14">
      <c r="N494233" s="10"/>
    </row>
    <row r="494234" spans="14:14">
      <c r="N494234" s="10"/>
    </row>
    <row r="494235" spans="14:14">
      <c r="N494235" s="10"/>
    </row>
    <row r="494236" spans="14:14">
      <c r="N494236" s="10"/>
    </row>
    <row r="494237" spans="14:14">
      <c r="N494237" s="10"/>
    </row>
    <row r="494238" spans="14:14">
      <c r="N494238" s="10"/>
    </row>
    <row r="494239" spans="14:14">
      <c r="N494239" s="10"/>
    </row>
    <row r="494240" spans="14:14">
      <c r="N494240" s="10"/>
    </row>
    <row r="494241" spans="14:14">
      <c r="N494241" s="10"/>
    </row>
    <row r="494242" spans="14:14">
      <c r="N494242" s="10"/>
    </row>
    <row r="494243" spans="14:14">
      <c r="N494243" s="10"/>
    </row>
    <row r="494244" spans="14:14">
      <c r="N494244" s="10"/>
    </row>
    <row r="494245" spans="14:14">
      <c r="N494245" s="10"/>
    </row>
    <row r="494246" spans="14:14">
      <c r="N494246" s="10"/>
    </row>
    <row r="494247" spans="14:14">
      <c r="N494247" s="10"/>
    </row>
    <row r="494248" spans="14:14">
      <c r="N494248" s="10"/>
    </row>
    <row r="494249" spans="14:14">
      <c r="N494249" s="10"/>
    </row>
    <row r="494250" spans="14:14">
      <c r="N494250" s="10"/>
    </row>
    <row r="494251" spans="14:14">
      <c r="N494251" s="10"/>
    </row>
    <row r="494252" spans="14:14">
      <c r="N494252" s="10"/>
    </row>
    <row r="494253" spans="14:14">
      <c r="N494253" s="10"/>
    </row>
    <row r="494254" spans="14:14">
      <c r="N494254" s="10"/>
    </row>
    <row r="494255" spans="14:14">
      <c r="N494255" s="10"/>
    </row>
    <row r="494256" spans="14:14">
      <c r="N494256" s="10"/>
    </row>
    <row r="494257" spans="14:14">
      <c r="N494257" s="10"/>
    </row>
    <row r="494258" spans="14:14">
      <c r="N494258" s="10"/>
    </row>
    <row r="494259" spans="14:14">
      <c r="N494259" s="10"/>
    </row>
    <row r="494260" spans="14:14">
      <c r="N494260" s="10"/>
    </row>
    <row r="494261" spans="14:14">
      <c r="N494261" s="10"/>
    </row>
    <row r="494262" spans="14:14">
      <c r="N494262" s="10"/>
    </row>
    <row r="494263" spans="14:14">
      <c r="N494263" s="10"/>
    </row>
    <row r="494264" spans="14:14">
      <c r="N494264" s="10"/>
    </row>
    <row r="494265" spans="14:14">
      <c r="N494265" s="10"/>
    </row>
    <row r="494266" spans="14:14">
      <c r="N494266" s="10"/>
    </row>
    <row r="494267" spans="14:14">
      <c r="N494267" s="10"/>
    </row>
    <row r="494268" spans="14:14">
      <c r="N494268" s="10"/>
    </row>
    <row r="494269" spans="14:14">
      <c r="N494269" s="10"/>
    </row>
    <row r="494270" spans="14:14">
      <c r="N494270" s="10"/>
    </row>
    <row r="494271" spans="14:14">
      <c r="N494271" s="10"/>
    </row>
    <row r="494272" spans="14:14">
      <c r="N494272" s="10"/>
    </row>
    <row r="494273" spans="14:14">
      <c r="N494273" s="10"/>
    </row>
    <row r="494274" spans="14:14">
      <c r="N494274" s="10"/>
    </row>
    <row r="494275" spans="14:14">
      <c r="N494275" s="10"/>
    </row>
    <row r="494276" spans="14:14">
      <c r="N494276" s="10"/>
    </row>
    <row r="494277" spans="14:14">
      <c r="N494277" s="10"/>
    </row>
    <row r="494278" spans="14:14">
      <c r="N494278" s="10"/>
    </row>
    <row r="494279" spans="14:14">
      <c r="N494279" s="10"/>
    </row>
    <row r="494280" spans="14:14">
      <c r="N494280" s="10"/>
    </row>
    <row r="494281" spans="14:14">
      <c r="N494281" s="10"/>
    </row>
    <row r="494282" spans="14:14">
      <c r="N494282" s="10"/>
    </row>
    <row r="494283" spans="14:14">
      <c r="N494283" s="10"/>
    </row>
    <row r="494284" spans="14:14">
      <c r="N494284" s="10"/>
    </row>
    <row r="494285" spans="14:14">
      <c r="N494285" s="10"/>
    </row>
    <row r="494286" spans="14:14">
      <c r="N494286" s="10"/>
    </row>
    <row r="494287" spans="14:14">
      <c r="N494287" s="10"/>
    </row>
    <row r="494288" spans="14:14">
      <c r="N494288" s="10"/>
    </row>
    <row r="494289" spans="14:14">
      <c r="N494289" s="10"/>
    </row>
    <row r="494290" spans="14:14">
      <c r="N494290" s="10"/>
    </row>
    <row r="494291" spans="14:14">
      <c r="N494291" s="10"/>
    </row>
    <row r="494292" spans="14:14">
      <c r="N494292" s="10"/>
    </row>
    <row r="494293" spans="14:14">
      <c r="N494293" s="10"/>
    </row>
    <row r="494294" spans="14:14">
      <c r="N494294" s="10"/>
    </row>
    <row r="494295" spans="14:14">
      <c r="N494295" s="10"/>
    </row>
    <row r="494296" spans="14:14">
      <c r="N494296" s="10"/>
    </row>
    <row r="494297" spans="14:14">
      <c r="N494297" s="10"/>
    </row>
    <row r="494298" spans="14:14">
      <c r="N494298" s="10"/>
    </row>
    <row r="494299" spans="14:14">
      <c r="N494299" s="10"/>
    </row>
    <row r="494300" spans="14:14">
      <c r="N494300" s="10"/>
    </row>
    <row r="494301" spans="14:14">
      <c r="N494301" s="10"/>
    </row>
    <row r="494302" spans="14:14">
      <c r="N494302" s="10"/>
    </row>
    <row r="494303" spans="14:14">
      <c r="N494303" s="10"/>
    </row>
    <row r="494304" spans="14:14">
      <c r="N494304" s="10"/>
    </row>
    <row r="494305" spans="14:14">
      <c r="N494305" s="10"/>
    </row>
    <row r="494306" spans="14:14">
      <c r="N494306" s="10"/>
    </row>
    <row r="494307" spans="14:14">
      <c r="N494307" s="10"/>
    </row>
    <row r="494308" spans="14:14">
      <c r="N494308" s="10"/>
    </row>
    <row r="494309" spans="14:14">
      <c r="N494309" s="10"/>
    </row>
    <row r="494310" spans="14:14">
      <c r="N494310" s="10"/>
    </row>
    <row r="494311" spans="14:14">
      <c r="N494311" s="10"/>
    </row>
    <row r="494312" spans="14:14">
      <c r="N494312" s="10"/>
    </row>
    <row r="494313" spans="14:14">
      <c r="N494313" s="10"/>
    </row>
    <row r="494314" spans="14:14">
      <c r="N494314" s="10"/>
    </row>
    <row r="494315" spans="14:14">
      <c r="N494315" s="10"/>
    </row>
    <row r="494316" spans="14:14">
      <c r="N494316" s="10"/>
    </row>
    <row r="494317" spans="14:14">
      <c r="N494317" s="10"/>
    </row>
    <row r="494318" spans="14:14">
      <c r="N494318" s="10"/>
    </row>
    <row r="494319" spans="14:14">
      <c r="N494319" s="10"/>
    </row>
    <row r="494320" spans="14:14">
      <c r="N494320" s="10"/>
    </row>
    <row r="494321" spans="14:14">
      <c r="N494321" s="10"/>
    </row>
    <row r="494322" spans="14:14">
      <c r="N494322" s="10"/>
    </row>
    <row r="494323" spans="14:14">
      <c r="N494323" s="10"/>
    </row>
    <row r="494324" spans="14:14">
      <c r="N494324" s="10"/>
    </row>
    <row r="494325" spans="14:14">
      <c r="N494325" s="10"/>
    </row>
    <row r="494326" spans="14:14">
      <c r="N494326" s="10"/>
    </row>
    <row r="494327" spans="14:14">
      <c r="N494327" s="10"/>
    </row>
    <row r="494328" spans="14:14">
      <c r="N494328" s="10"/>
    </row>
    <row r="494329" spans="14:14">
      <c r="N494329" s="10"/>
    </row>
    <row r="494330" spans="14:14">
      <c r="N494330" s="10"/>
    </row>
    <row r="494331" spans="14:14">
      <c r="N494331" s="10"/>
    </row>
    <row r="494332" spans="14:14">
      <c r="N494332" s="10"/>
    </row>
    <row r="494333" spans="14:14">
      <c r="N494333" s="10"/>
    </row>
    <row r="494334" spans="14:14">
      <c r="N494334" s="10"/>
    </row>
    <row r="494335" spans="14:14">
      <c r="N494335" s="10"/>
    </row>
    <row r="494336" spans="14:14">
      <c r="N494336" s="10"/>
    </row>
    <row r="494337" spans="14:14">
      <c r="N494337" s="10"/>
    </row>
    <row r="494338" spans="14:14">
      <c r="N494338" s="10"/>
    </row>
    <row r="494339" spans="14:14">
      <c r="N494339" s="10"/>
    </row>
    <row r="494340" spans="14:14">
      <c r="N494340" s="10"/>
    </row>
    <row r="494341" spans="14:14">
      <c r="N494341" s="10"/>
    </row>
    <row r="494342" spans="14:14">
      <c r="N494342" s="10"/>
    </row>
    <row r="494343" spans="14:14">
      <c r="N494343" s="10"/>
    </row>
    <row r="494344" spans="14:14">
      <c r="N494344" s="10"/>
    </row>
    <row r="494345" spans="14:14">
      <c r="N494345" s="10"/>
    </row>
    <row r="494346" spans="14:14">
      <c r="N494346" s="10"/>
    </row>
    <row r="494347" spans="14:14">
      <c r="N494347" s="10"/>
    </row>
    <row r="494348" spans="14:14">
      <c r="N494348" s="10"/>
    </row>
    <row r="494349" spans="14:14">
      <c r="N494349" s="10"/>
    </row>
    <row r="494350" spans="14:14">
      <c r="N494350" s="10"/>
    </row>
    <row r="494351" spans="14:14">
      <c r="N494351" s="10"/>
    </row>
    <row r="494352" spans="14:14">
      <c r="N494352" s="10"/>
    </row>
    <row r="494353" spans="14:14">
      <c r="N494353" s="10"/>
    </row>
    <row r="494354" spans="14:14">
      <c r="N494354" s="10"/>
    </row>
    <row r="494355" spans="14:14">
      <c r="N494355" s="10"/>
    </row>
    <row r="494356" spans="14:14">
      <c r="N494356" s="10"/>
    </row>
    <row r="494357" spans="14:14">
      <c r="N494357" s="10"/>
    </row>
    <row r="494358" spans="14:14">
      <c r="N494358" s="10"/>
    </row>
    <row r="494359" spans="14:14">
      <c r="N494359" s="10"/>
    </row>
    <row r="494360" spans="14:14">
      <c r="N494360" s="10"/>
    </row>
    <row r="494361" spans="14:14">
      <c r="N494361" s="10"/>
    </row>
    <row r="494362" spans="14:14">
      <c r="N494362" s="10"/>
    </row>
    <row r="494363" spans="14:14">
      <c r="N494363" s="10"/>
    </row>
    <row r="494364" spans="14:14">
      <c r="N494364" s="10"/>
    </row>
    <row r="494365" spans="14:14">
      <c r="N494365" s="10"/>
    </row>
    <row r="494366" spans="14:14">
      <c r="N494366" s="10"/>
    </row>
    <row r="494367" spans="14:14">
      <c r="N494367" s="10"/>
    </row>
    <row r="494368" spans="14:14">
      <c r="N494368" s="10"/>
    </row>
    <row r="494369" spans="14:14">
      <c r="N494369" s="10"/>
    </row>
    <row r="494370" spans="14:14">
      <c r="N494370" s="10"/>
    </row>
    <row r="494371" spans="14:14">
      <c r="N494371" s="10"/>
    </row>
    <row r="494372" spans="14:14">
      <c r="N494372" s="10"/>
    </row>
    <row r="494373" spans="14:14">
      <c r="N494373" s="10"/>
    </row>
    <row r="494374" spans="14:14">
      <c r="N494374" s="10"/>
    </row>
    <row r="494375" spans="14:14">
      <c r="N494375" s="10"/>
    </row>
    <row r="494376" spans="14:14">
      <c r="N494376" s="10"/>
    </row>
    <row r="494377" spans="14:14">
      <c r="N494377" s="10"/>
    </row>
    <row r="494378" spans="14:14">
      <c r="N494378" s="10"/>
    </row>
    <row r="494379" spans="14:14">
      <c r="N494379" s="10"/>
    </row>
    <row r="494380" spans="14:14">
      <c r="N494380" s="10"/>
    </row>
    <row r="494381" spans="14:14">
      <c r="N494381" s="10"/>
    </row>
    <row r="494382" spans="14:14">
      <c r="N494382" s="10"/>
    </row>
    <row r="494383" spans="14:14">
      <c r="N494383" s="10"/>
    </row>
    <row r="494384" spans="14:14">
      <c r="N494384" s="10"/>
    </row>
    <row r="494385" spans="14:14">
      <c r="N494385" s="10"/>
    </row>
    <row r="494386" spans="14:14">
      <c r="N494386" s="10"/>
    </row>
    <row r="494387" spans="14:14">
      <c r="N494387" s="10"/>
    </row>
    <row r="494388" spans="14:14">
      <c r="N494388" s="10"/>
    </row>
    <row r="494389" spans="14:14">
      <c r="N494389" s="10"/>
    </row>
    <row r="494390" spans="14:14">
      <c r="N494390" s="10"/>
    </row>
    <row r="494391" spans="14:14">
      <c r="N494391" s="10"/>
    </row>
    <row r="494392" spans="14:14">
      <c r="N494392" s="10"/>
    </row>
    <row r="494393" spans="14:14">
      <c r="N494393" s="10"/>
    </row>
    <row r="494394" spans="14:14">
      <c r="N494394" s="10"/>
    </row>
    <row r="494395" spans="14:14">
      <c r="N494395" s="10"/>
    </row>
    <row r="494396" spans="14:14">
      <c r="N494396" s="10"/>
    </row>
    <row r="494397" spans="14:14">
      <c r="N494397" s="10"/>
    </row>
    <row r="494398" spans="14:14">
      <c r="N494398" s="10"/>
    </row>
    <row r="494399" spans="14:14">
      <c r="N494399" s="10"/>
    </row>
    <row r="494400" spans="14:14">
      <c r="N494400" s="10"/>
    </row>
    <row r="494401" spans="14:14">
      <c r="N494401" s="10"/>
    </row>
    <row r="494402" spans="14:14">
      <c r="N494402" s="10"/>
    </row>
    <row r="494403" spans="14:14">
      <c r="N494403" s="10"/>
    </row>
    <row r="494404" spans="14:14">
      <c r="N494404" s="10"/>
    </row>
    <row r="494405" spans="14:14">
      <c r="N494405" s="10"/>
    </row>
    <row r="494406" spans="14:14">
      <c r="N494406" s="10"/>
    </row>
    <row r="494407" spans="14:14">
      <c r="N494407" s="10"/>
    </row>
    <row r="494408" spans="14:14">
      <c r="N494408" s="10"/>
    </row>
    <row r="494409" spans="14:14">
      <c r="N494409" s="10"/>
    </row>
    <row r="494410" spans="14:14">
      <c r="N494410" s="10"/>
    </row>
    <row r="494411" spans="14:14">
      <c r="N494411" s="10"/>
    </row>
    <row r="494412" spans="14:14">
      <c r="N494412" s="10"/>
    </row>
    <row r="494413" spans="14:14">
      <c r="N494413" s="10"/>
    </row>
    <row r="494414" spans="14:14">
      <c r="N494414" s="10"/>
    </row>
    <row r="494415" spans="14:14">
      <c r="N494415" s="10"/>
    </row>
    <row r="494416" spans="14:14">
      <c r="N494416" s="10"/>
    </row>
    <row r="494417" spans="14:14">
      <c r="N494417" s="10"/>
    </row>
    <row r="494418" spans="14:14">
      <c r="N494418" s="10"/>
    </row>
    <row r="494419" spans="14:14">
      <c r="N494419" s="10"/>
    </row>
    <row r="494420" spans="14:14">
      <c r="N494420" s="10"/>
    </row>
    <row r="494421" spans="14:14">
      <c r="N494421" s="10"/>
    </row>
    <row r="494422" spans="14:14">
      <c r="N494422" s="10"/>
    </row>
    <row r="494423" spans="14:14">
      <c r="N494423" s="10"/>
    </row>
    <row r="494424" spans="14:14">
      <c r="N494424" s="10"/>
    </row>
    <row r="494425" spans="14:14">
      <c r="N494425" s="10"/>
    </row>
    <row r="494426" spans="14:14">
      <c r="N494426" s="10"/>
    </row>
    <row r="494427" spans="14:14">
      <c r="N494427" s="10"/>
    </row>
    <row r="494428" spans="14:14">
      <c r="N494428" s="10"/>
    </row>
    <row r="494429" spans="14:14">
      <c r="N494429" s="10"/>
    </row>
    <row r="494430" spans="14:14">
      <c r="N494430" s="10"/>
    </row>
    <row r="494431" spans="14:14">
      <c r="N494431" s="10"/>
    </row>
    <row r="494432" spans="14:14">
      <c r="N494432" s="10"/>
    </row>
    <row r="494433" spans="14:14">
      <c r="N494433" s="10"/>
    </row>
    <row r="494434" spans="14:14">
      <c r="N494434" s="10"/>
    </row>
    <row r="494435" spans="14:14">
      <c r="N494435" s="10"/>
    </row>
    <row r="494436" spans="14:14">
      <c r="N494436" s="10"/>
    </row>
    <row r="494437" spans="14:14">
      <c r="N494437" s="10"/>
    </row>
    <row r="494438" spans="14:14">
      <c r="N494438" s="10"/>
    </row>
    <row r="494439" spans="14:14">
      <c r="N494439" s="10"/>
    </row>
    <row r="494440" spans="14:14">
      <c r="N494440" s="10"/>
    </row>
    <row r="494441" spans="14:14">
      <c r="N494441" s="10"/>
    </row>
    <row r="494442" spans="14:14">
      <c r="N494442" s="10"/>
    </row>
    <row r="494443" spans="14:14">
      <c r="N494443" s="10"/>
    </row>
    <row r="494444" spans="14:14">
      <c r="N494444" s="10"/>
    </row>
    <row r="494445" spans="14:14">
      <c r="N494445" s="10"/>
    </row>
    <row r="494446" spans="14:14">
      <c r="N494446" s="10"/>
    </row>
    <row r="494447" spans="14:14">
      <c r="N494447" s="10"/>
    </row>
    <row r="494448" spans="14:14">
      <c r="N494448" s="10"/>
    </row>
    <row r="494449" spans="14:14">
      <c r="N494449" s="10"/>
    </row>
    <row r="494450" spans="14:14">
      <c r="N494450" s="10"/>
    </row>
    <row r="494451" spans="14:14">
      <c r="N494451" s="10"/>
    </row>
    <row r="494452" spans="14:14">
      <c r="N494452" s="10"/>
    </row>
    <row r="494453" spans="14:14">
      <c r="N494453" s="10"/>
    </row>
    <row r="494454" spans="14:14">
      <c r="N494454" s="10"/>
    </row>
    <row r="494455" spans="14:14">
      <c r="N494455" s="10"/>
    </row>
    <row r="494456" spans="14:14">
      <c r="N494456" s="10"/>
    </row>
    <row r="494457" spans="14:14">
      <c r="N494457" s="10"/>
    </row>
    <row r="494458" spans="14:14">
      <c r="N494458" s="10"/>
    </row>
    <row r="494459" spans="14:14">
      <c r="N494459" s="10"/>
    </row>
    <row r="494460" spans="14:14">
      <c r="N494460" s="10"/>
    </row>
    <row r="494461" spans="14:14">
      <c r="N494461" s="10"/>
    </row>
    <row r="494462" spans="14:14">
      <c r="N494462" s="10"/>
    </row>
    <row r="494463" spans="14:14">
      <c r="N494463" s="10"/>
    </row>
    <row r="494464" spans="14:14">
      <c r="N494464" s="10"/>
    </row>
    <row r="494465" spans="14:14">
      <c r="N494465" s="10"/>
    </row>
    <row r="494466" spans="14:14">
      <c r="N494466" s="10"/>
    </row>
    <row r="494467" spans="14:14">
      <c r="N494467" s="10"/>
    </row>
    <row r="494468" spans="14:14">
      <c r="N494468" s="10"/>
    </row>
    <row r="494469" spans="14:14">
      <c r="N494469" s="10"/>
    </row>
    <row r="494470" spans="14:14">
      <c r="N494470" s="10"/>
    </row>
    <row r="494471" spans="14:14">
      <c r="N494471" s="10"/>
    </row>
    <row r="494472" spans="14:14">
      <c r="N494472" s="10"/>
    </row>
    <row r="494473" spans="14:14">
      <c r="N494473" s="10"/>
    </row>
    <row r="494474" spans="14:14">
      <c r="N494474" s="10"/>
    </row>
    <row r="494475" spans="14:14">
      <c r="N494475" s="10"/>
    </row>
    <row r="494476" spans="14:14">
      <c r="N494476" s="10"/>
    </row>
    <row r="494477" spans="14:14">
      <c r="N494477" s="10"/>
    </row>
    <row r="494478" spans="14:14">
      <c r="N494478" s="10"/>
    </row>
    <row r="494479" spans="14:14">
      <c r="N494479" s="10"/>
    </row>
    <row r="494480" spans="14:14">
      <c r="N494480" s="10"/>
    </row>
    <row r="494481" spans="14:14">
      <c r="N494481" s="10"/>
    </row>
    <row r="494482" spans="14:14">
      <c r="N494482" s="10"/>
    </row>
    <row r="494483" spans="14:14">
      <c r="N494483" s="10"/>
    </row>
    <row r="494484" spans="14:14">
      <c r="N494484" s="10"/>
    </row>
    <row r="494485" spans="14:14">
      <c r="N494485" s="10"/>
    </row>
    <row r="494486" spans="14:14">
      <c r="N494486" s="10"/>
    </row>
    <row r="494487" spans="14:14">
      <c r="N494487" s="10"/>
    </row>
    <row r="494488" spans="14:14">
      <c r="N494488" s="10"/>
    </row>
    <row r="494489" spans="14:14">
      <c r="N494489" s="10"/>
    </row>
    <row r="494490" spans="14:14">
      <c r="N494490" s="10"/>
    </row>
    <row r="494491" spans="14:14">
      <c r="N494491" s="10"/>
    </row>
    <row r="494492" spans="14:14">
      <c r="N494492" s="10"/>
    </row>
    <row r="494493" spans="14:14">
      <c r="N494493" s="10"/>
    </row>
    <row r="494494" spans="14:14">
      <c r="N494494" s="10"/>
    </row>
    <row r="494495" spans="14:14">
      <c r="N494495" s="10"/>
    </row>
    <row r="494496" spans="14:14">
      <c r="N494496" s="10"/>
    </row>
    <row r="494497" spans="14:14">
      <c r="N494497" s="10"/>
    </row>
    <row r="494498" spans="14:14">
      <c r="N494498" s="10"/>
    </row>
    <row r="494499" spans="14:14">
      <c r="N494499" s="10"/>
    </row>
    <row r="494500" spans="14:14">
      <c r="N494500" s="10"/>
    </row>
    <row r="494501" spans="14:14">
      <c r="N494501" s="10"/>
    </row>
    <row r="494502" spans="14:14">
      <c r="N494502" s="10"/>
    </row>
    <row r="494503" spans="14:14">
      <c r="N494503" s="10"/>
    </row>
    <row r="494504" spans="14:14">
      <c r="N494504" s="10"/>
    </row>
    <row r="494505" spans="14:14">
      <c r="N494505" s="10"/>
    </row>
    <row r="494506" spans="14:14">
      <c r="N494506" s="10"/>
    </row>
    <row r="494507" spans="14:14">
      <c r="N494507" s="10"/>
    </row>
    <row r="494508" spans="14:14">
      <c r="N494508" s="10"/>
    </row>
    <row r="494509" spans="14:14">
      <c r="N494509" s="10"/>
    </row>
    <row r="494510" spans="14:14">
      <c r="N494510" s="10"/>
    </row>
    <row r="494511" spans="14:14">
      <c r="N494511" s="10"/>
    </row>
    <row r="494512" spans="14:14">
      <c r="N494512" s="10"/>
    </row>
    <row r="494513" spans="14:14">
      <c r="N494513" s="10"/>
    </row>
    <row r="494514" spans="14:14">
      <c r="N494514" s="10"/>
    </row>
    <row r="494515" spans="14:14">
      <c r="N494515" s="10"/>
    </row>
    <row r="494516" spans="14:14">
      <c r="N494516" s="10"/>
    </row>
    <row r="494517" spans="14:14">
      <c r="N494517" s="10"/>
    </row>
    <row r="494518" spans="14:14">
      <c r="N494518" s="10"/>
    </row>
    <row r="494519" spans="14:14">
      <c r="N494519" s="10"/>
    </row>
    <row r="494520" spans="14:14">
      <c r="N494520" s="10"/>
    </row>
    <row r="494521" spans="14:14">
      <c r="N494521" s="10"/>
    </row>
    <row r="494522" spans="14:14">
      <c r="N494522" s="10"/>
    </row>
    <row r="494523" spans="14:14">
      <c r="N494523" s="10"/>
    </row>
    <row r="494524" spans="14:14">
      <c r="N494524" s="10"/>
    </row>
    <row r="494525" spans="14:14">
      <c r="N494525" s="10"/>
    </row>
    <row r="494526" spans="14:14">
      <c r="N494526" s="10"/>
    </row>
    <row r="494527" spans="14:14">
      <c r="N494527" s="10"/>
    </row>
    <row r="494528" spans="14:14">
      <c r="N494528" s="10"/>
    </row>
    <row r="494529" spans="14:14">
      <c r="N494529" s="10"/>
    </row>
    <row r="494530" spans="14:14">
      <c r="N494530" s="10"/>
    </row>
    <row r="494531" spans="14:14">
      <c r="N494531" s="10"/>
    </row>
    <row r="494532" spans="14:14">
      <c r="N494532" s="10"/>
    </row>
    <row r="494533" spans="14:14">
      <c r="N494533" s="10"/>
    </row>
    <row r="494534" spans="14:14">
      <c r="N494534" s="10"/>
    </row>
    <row r="494535" spans="14:14">
      <c r="N494535" s="10"/>
    </row>
    <row r="494536" spans="14:14">
      <c r="N494536" s="10"/>
    </row>
    <row r="494537" spans="14:14">
      <c r="N494537" s="10"/>
    </row>
    <row r="494538" spans="14:14">
      <c r="N494538" s="10"/>
    </row>
    <row r="494539" spans="14:14">
      <c r="N494539" s="10"/>
    </row>
    <row r="494540" spans="14:14">
      <c r="N494540" s="10"/>
    </row>
    <row r="494541" spans="14:14">
      <c r="N494541" s="10"/>
    </row>
    <row r="494542" spans="14:14">
      <c r="N494542" s="10"/>
    </row>
    <row r="494543" spans="14:14">
      <c r="N494543" s="10"/>
    </row>
    <row r="494544" spans="14:14">
      <c r="N494544" s="10"/>
    </row>
    <row r="494545" spans="14:14">
      <c r="N494545" s="10"/>
    </row>
    <row r="494546" spans="14:14">
      <c r="N494546" s="10"/>
    </row>
    <row r="494547" spans="14:14">
      <c r="N494547" s="10"/>
    </row>
    <row r="494548" spans="14:14">
      <c r="N494548" s="10"/>
    </row>
    <row r="494549" spans="14:14">
      <c r="N494549" s="10"/>
    </row>
    <row r="494550" spans="14:14">
      <c r="N494550" s="10"/>
    </row>
    <row r="494551" spans="14:14">
      <c r="N494551" s="10"/>
    </row>
    <row r="494552" spans="14:14">
      <c r="N494552" s="10"/>
    </row>
    <row r="494553" spans="14:14">
      <c r="N494553" s="10"/>
    </row>
    <row r="494554" spans="14:14">
      <c r="N494554" s="10"/>
    </row>
    <row r="494555" spans="14:14">
      <c r="N494555" s="10"/>
    </row>
    <row r="494556" spans="14:14">
      <c r="N494556" s="10"/>
    </row>
    <row r="494557" spans="14:14">
      <c r="N494557" s="10"/>
    </row>
    <row r="494558" spans="14:14">
      <c r="N494558" s="10"/>
    </row>
    <row r="494559" spans="14:14">
      <c r="N494559" s="10"/>
    </row>
    <row r="494560" spans="14:14">
      <c r="N494560" s="10"/>
    </row>
    <row r="494561" spans="14:14">
      <c r="N494561" s="10"/>
    </row>
    <row r="494562" spans="14:14">
      <c r="N494562" s="10"/>
    </row>
    <row r="494563" spans="14:14">
      <c r="N494563" s="10"/>
    </row>
    <row r="494564" spans="14:14">
      <c r="N494564" s="10"/>
    </row>
    <row r="494565" spans="14:14">
      <c r="N494565" s="10"/>
    </row>
    <row r="494566" spans="14:14">
      <c r="N494566" s="10"/>
    </row>
    <row r="494567" spans="14:14">
      <c r="N494567" s="10"/>
    </row>
    <row r="494568" spans="14:14">
      <c r="N494568" s="10"/>
    </row>
    <row r="494569" spans="14:14">
      <c r="N494569" s="10"/>
    </row>
    <row r="494570" spans="14:14">
      <c r="N494570" s="10"/>
    </row>
    <row r="494571" spans="14:14">
      <c r="N494571" s="10"/>
    </row>
    <row r="494572" spans="14:14">
      <c r="N494572" s="10"/>
    </row>
    <row r="494573" spans="14:14">
      <c r="N494573" s="10"/>
    </row>
    <row r="494574" spans="14:14">
      <c r="N494574" s="10"/>
    </row>
    <row r="494575" spans="14:14">
      <c r="N494575" s="10"/>
    </row>
    <row r="494576" spans="14:14">
      <c r="N494576" s="10"/>
    </row>
    <row r="494577" spans="14:14">
      <c r="N494577" s="10"/>
    </row>
    <row r="494578" spans="14:14">
      <c r="N494578" s="10"/>
    </row>
    <row r="494579" spans="14:14">
      <c r="N494579" s="10"/>
    </row>
    <row r="494580" spans="14:14">
      <c r="N494580" s="10"/>
    </row>
    <row r="494581" spans="14:14">
      <c r="N494581" s="10"/>
    </row>
    <row r="494582" spans="14:14">
      <c r="N494582" s="10"/>
    </row>
    <row r="494583" spans="14:14">
      <c r="N494583" s="10"/>
    </row>
    <row r="494584" spans="14:14">
      <c r="N494584" s="10"/>
    </row>
    <row r="494585" spans="14:14">
      <c r="N494585" s="10"/>
    </row>
    <row r="494586" spans="14:14">
      <c r="N494586" s="10"/>
    </row>
    <row r="494587" spans="14:14">
      <c r="N494587" s="10"/>
    </row>
    <row r="494588" spans="14:14">
      <c r="N494588" s="10"/>
    </row>
    <row r="494589" spans="14:14">
      <c r="N494589" s="10"/>
    </row>
    <row r="494590" spans="14:14">
      <c r="N494590" s="10"/>
    </row>
    <row r="494591" spans="14:14">
      <c r="N494591" s="10"/>
    </row>
    <row r="494592" spans="14:14">
      <c r="N494592" s="10"/>
    </row>
    <row r="494593" spans="14:14">
      <c r="N494593" s="10"/>
    </row>
    <row r="494594" spans="14:14">
      <c r="N494594" s="10"/>
    </row>
    <row r="494595" spans="14:14">
      <c r="N494595" s="10"/>
    </row>
    <row r="494596" spans="14:14">
      <c r="N494596" s="10"/>
    </row>
    <row r="494597" spans="14:14">
      <c r="N494597" s="10"/>
    </row>
    <row r="494598" spans="14:14">
      <c r="N494598" s="10"/>
    </row>
    <row r="494599" spans="14:14">
      <c r="N494599" s="10"/>
    </row>
    <row r="494600" spans="14:14">
      <c r="N494600" s="10"/>
    </row>
    <row r="494601" spans="14:14">
      <c r="N494601" s="10"/>
    </row>
    <row r="494602" spans="14:14">
      <c r="N494602" s="10"/>
    </row>
    <row r="494603" spans="14:14">
      <c r="N494603" s="10"/>
    </row>
    <row r="494604" spans="14:14">
      <c r="N494604" s="10"/>
    </row>
    <row r="494605" spans="14:14">
      <c r="N494605" s="10"/>
    </row>
    <row r="494606" spans="14:14">
      <c r="N494606" s="10"/>
    </row>
    <row r="494607" spans="14:14">
      <c r="N494607" s="10"/>
    </row>
    <row r="494608" spans="14:14">
      <c r="N494608" s="10"/>
    </row>
    <row r="494609" spans="14:14">
      <c r="N494609" s="10"/>
    </row>
    <row r="494610" spans="14:14">
      <c r="N494610" s="10"/>
    </row>
    <row r="494611" spans="14:14">
      <c r="N494611" s="10"/>
    </row>
    <row r="494612" spans="14:14">
      <c r="N494612" s="10"/>
    </row>
    <row r="494613" spans="14:14">
      <c r="N494613" s="10"/>
    </row>
    <row r="494614" spans="14:14">
      <c r="N494614" s="10"/>
    </row>
    <row r="494615" spans="14:14">
      <c r="N494615" s="10"/>
    </row>
    <row r="494616" spans="14:14">
      <c r="N494616" s="10"/>
    </row>
    <row r="494617" spans="14:14">
      <c r="N494617" s="10"/>
    </row>
    <row r="494618" spans="14:14">
      <c r="N494618" s="10"/>
    </row>
    <row r="494619" spans="14:14">
      <c r="N494619" s="10"/>
    </row>
    <row r="494620" spans="14:14">
      <c r="N494620" s="10"/>
    </row>
    <row r="494621" spans="14:14">
      <c r="N494621" s="10"/>
    </row>
    <row r="494622" spans="14:14">
      <c r="N494622" s="10"/>
    </row>
    <row r="494623" spans="14:14">
      <c r="N494623" s="10"/>
    </row>
    <row r="494624" spans="14:14">
      <c r="N494624" s="10"/>
    </row>
    <row r="494625" spans="14:14">
      <c r="N494625" s="10"/>
    </row>
    <row r="494626" spans="14:14">
      <c r="N494626" s="10"/>
    </row>
    <row r="494627" spans="14:14">
      <c r="N494627" s="10"/>
    </row>
    <row r="494628" spans="14:14">
      <c r="N494628" s="10"/>
    </row>
    <row r="494629" spans="14:14">
      <c r="N494629" s="10"/>
    </row>
    <row r="494630" spans="14:14">
      <c r="N494630" s="10"/>
    </row>
    <row r="494631" spans="14:14">
      <c r="N494631" s="10"/>
    </row>
    <row r="494632" spans="14:14">
      <c r="N494632" s="10"/>
    </row>
    <row r="494633" spans="14:14">
      <c r="N494633" s="10"/>
    </row>
    <row r="494634" spans="14:14">
      <c r="N494634" s="10"/>
    </row>
    <row r="494635" spans="14:14">
      <c r="N494635" s="10"/>
    </row>
    <row r="494636" spans="14:14">
      <c r="N494636" s="10"/>
    </row>
    <row r="494637" spans="14:14">
      <c r="N494637" s="10"/>
    </row>
    <row r="494638" spans="14:14">
      <c r="N494638" s="10"/>
    </row>
    <row r="494639" spans="14:14">
      <c r="N494639" s="10"/>
    </row>
    <row r="494640" spans="14:14">
      <c r="N494640" s="10"/>
    </row>
    <row r="494641" spans="14:14">
      <c r="N494641" s="10"/>
    </row>
    <row r="494642" spans="14:14">
      <c r="N494642" s="10"/>
    </row>
    <row r="494643" spans="14:14">
      <c r="N494643" s="10"/>
    </row>
    <row r="494644" spans="14:14">
      <c r="N494644" s="10"/>
    </row>
    <row r="494645" spans="14:14">
      <c r="N494645" s="10"/>
    </row>
    <row r="494646" spans="14:14">
      <c r="N494646" s="10"/>
    </row>
    <row r="494647" spans="14:14">
      <c r="N494647" s="10"/>
    </row>
    <row r="494648" spans="14:14">
      <c r="N494648" s="10"/>
    </row>
    <row r="494649" spans="14:14">
      <c r="N494649" s="10"/>
    </row>
    <row r="494650" spans="14:14">
      <c r="N494650" s="10"/>
    </row>
    <row r="494651" spans="14:14">
      <c r="N494651" s="10"/>
    </row>
    <row r="494652" spans="14:14">
      <c r="N494652" s="10"/>
    </row>
    <row r="494653" spans="14:14">
      <c r="N494653" s="10"/>
    </row>
    <row r="494654" spans="14:14">
      <c r="N494654" s="10"/>
    </row>
    <row r="494655" spans="14:14">
      <c r="N494655" s="10"/>
    </row>
    <row r="494656" spans="14:14">
      <c r="N494656" s="10"/>
    </row>
    <row r="494657" spans="14:14">
      <c r="N494657" s="10"/>
    </row>
    <row r="494658" spans="14:14">
      <c r="N494658" s="10"/>
    </row>
    <row r="494659" spans="14:14">
      <c r="N494659" s="10"/>
    </row>
    <row r="494660" spans="14:14">
      <c r="N494660" s="10"/>
    </row>
    <row r="494661" spans="14:14">
      <c r="N494661" s="10"/>
    </row>
    <row r="494662" spans="14:14">
      <c r="N494662" s="10"/>
    </row>
    <row r="494663" spans="14:14">
      <c r="N494663" s="10"/>
    </row>
    <row r="494664" spans="14:14">
      <c r="N494664" s="10"/>
    </row>
    <row r="494665" spans="14:14">
      <c r="N494665" s="10"/>
    </row>
    <row r="494666" spans="14:14">
      <c r="N494666" s="10"/>
    </row>
    <row r="494667" spans="14:14">
      <c r="N494667" s="10"/>
    </row>
    <row r="494668" spans="14:14">
      <c r="N494668" s="10"/>
    </row>
    <row r="494669" spans="14:14">
      <c r="N494669" s="10"/>
    </row>
    <row r="494670" spans="14:14">
      <c r="N494670" s="10"/>
    </row>
    <row r="494671" spans="14:14">
      <c r="N494671" s="10"/>
    </row>
    <row r="494672" spans="14:14">
      <c r="N494672" s="10"/>
    </row>
    <row r="494673" spans="14:14">
      <c r="N494673" s="10"/>
    </row>
    <row r="494674" spans="14:14">
      <c r="N494674" s="10"/>
    </row>
    <row r="494675" spans="14:14">
      <c r="N494675" s="10"/>
    </row>
    <row r="494676" spans="14:14">
      <c r="N494676" s="10"/>
    </row>
    <row r="494677" spans="14:14">
      <c r="N494677" s="10"/>
    </row>
    <row r="494678" spans="14:14">
      <c r="N494678" s="10"/>
    </row>
    <row r="494679" spans="14:14">
      <c r="N494679" s="10"/>
    </row>
    <row r="494680" spans="14:14">
      <c r="N494680" s="10"/>
    </row>
    <row r="494681" spans="14:14">
      <c r="N494681" s="10"/>
    </row>
    <row r="494682" spans="14:14">
      <c r="N494682" s="10"/>
    </row>
    <row r="494683" spans="14:14">
      <c r="N494683" s="10"/>
    </row>
    <row r="494684" spans="14:14">
      <c r="N494684" s="10"/>
    </row>
    <row r="494685" spans="14:14">
      <c r="N494685" s="10"/>
    </row>
    <row r="494686" spans="14:14">
      <c r="N494686" s="10"/>
    </row>
    <row r="494687" spans="14:14">
      <c r="N494687" s="10"/>
    </row>
    <row r="494688" spans="14:14">
      <c r="N494688" s="10"/>
    </row>
    <row r="494689" spans="14:14">
      <c r="N494689" s="10"/>
    </row>
    <row r="494690" spans="14:14">
      <c r="N494690" s="10"/>
    </row>
    <row r="494691" spans="14:14">
      <c r="N494691" s="10"/>
    </row>
    <row r="494692" spans="14:14">
      <c r="N494692" s="10"/>
    </row>
    <row r="494693" spans="14:14">
      <c r="N494693" s="10"/>
    </row>
    <row r="494694" spans="14:14">
      <c r="N494694" s="10"/>
    </row>
    <row r="494695" spans="14:14">
      <c r="N494695" s="10"/>
    </row>
    <row r="494696" spans="14:14">
      <c r="N494696" s="10"/>
    </row>
    <row r="494697" spans="14:14">
      <c r="N494697" s="10"/>
    </row>
    <row r="494698" spans="14:14">
      <c r="N494698" s="10"/>
    </row>
    <row r="494699" spans="14:14">
      <c r="N494699" s="10"/>
    </row>
    <row r="494700" spans="14:14">
      <c r="N494700" s="10"/>
    </row>
    <row r="494701" spans="14:14">
      <c r="N494701" s="10"/>
    </row>
    <row r="494702" spans="14:14">
      <c r="N494702" s="10"/>
    </row>
    <row r="494703" spans="14:14">
      <c r="N494703" s="10"/>
    </row>
    <row r="494704" spans="14:14">
      <c r="N494704" s="10"/>
    </row>
    <row r="494705" spans="14:14">
      <c r="N494705" s="10"/>
    </row>
    <row r="494706" spans="14:14">
      <c r="N494706" s="10"/>
    </row>
    <row r="494707" spans="14:14">
      <c r="N494707" s="10"/>
    </row>
    <row r="494708" spans="14:14">
      <c r="N494708" s="10"/>
    </row>
    <row r="494709" spans="14:14">
      <c r="N494709" s="10"/>
    </row>
    <row r="494710" spans="14:14">
      <c r="N494710" s="10"/>
    </row>
    <row r="494711" spans="14:14">
      <c r="N494711" s="10"/>
    </row>
    <row r="494712" spans="14:14">
      <c r="N494712" s="10"/>
    </row>
    <row r="494713" spans="14:14">
      <c r="N494713" s="10"/>
    </row>
    <row r="494714" spans="14:14">
      <c r="N494714" s="10"/>
    </row>
    <row r="494715" spans="14:14">
      <c r="N494715" s="10"/>
    </row>
    <row r="494716" spans="14:14">
      <c r="N494716" s="10"/>
    </row>
    <row r="494717" spans="14:14">
      <c r="N494717" s="10"/>
    </row>
    <row r="494718" spans="14:14">
      <c r="N494718" s="10"/>
    </row>
    <row r="494719" spans="14:14">
      <c r="N494719" s="10"/>
    </row>
    <row r="494720" spans="14:14">
      <c r="N494720" s="10"/>
    </row>
    <row r="494721" spans="14:14">
      <c r="N494721" s="10"/>
    </row>
    <row r="494722" spans="14:14">
      <c r="N494722" s="10"/>
    </row>
    <row r="494723" spans="14:14">
      <c r="N494723" s="10"/>
    </row>
    <row r="494724" spans="14:14">
      <c r="N494724" s="10"/>
    </row>
    <row r="494725" spans="14:14">
      <c r="N494725" s="10"/>
    </row>
    <row r="494726" spans="14:14">
      <c r="N494726" s="10"/>
    </row>
    <row r="494727" spans="14:14">
      <c r="N494727" s="10"/>
    </row>
    <row r="494728" spans="14:14">
      <c r="N494728" s="10"/>
    </row>
    <row r="494729" spans="14:14">
      <c r="N494729" s="10"/>
    </row>
    <row r="494730" spans="14:14">
      <c r="N494730" s="10"/>
    </row>
    <row r="494731" spans="14:14">
      <c r="N494731" s="10"/>
    </row>
    <row r="494732" spans="14:14">
      <c r="N494732" s="10"/>
    </row>
    <row r="494733" spans="14:14">
      <c r="N494733" s="10"/>
    </row>
    <row r="494734" spans="14:14">
      <c r="N494734" s="10"/>
    </row>
    <row r="494735" spans="14:14">
      <c r="N494735" s="10"/>
    </row>
    <row r="494736" spans="14:14">
      <c r="N494736" s="10"/>
    </row>
    <row r="494737" spans="14:14">
      <c r="N494737" s="10"/>
    </row>
    <row r="494738" spans="14:14">
      <c r="N494738" s="10"/>
    </row>
    <row r="494739" spans="14:14">
      <c r="N494739" s="10"/>
    </row>
    <row r="494740" spans="14:14">
      <c r="N494740" s="10"/>
    </row>
    <row r="494741" spans="14:14">
      <c r="N494741" s="10"/>
    </row>
    <row r="494742" spans="14:14">
      <c r="N494742" s="10"/>
    </row>
    <row r="494743" spans="14:14">
      <c r="N494743" s="10"/>
    </row>
    <row r="494744" spans="14:14">
      <c r="N494744" s="10"/>
    </row>
    <row r="494745" spans="14:14">
      <c r="N494745" s="10"/>
    </row>
    <row r="494746" spans="14:14">
      <c r="N494746" s="10"/>
    </row>
    <row r="494747" spans="14:14">
      <c r="N494747" s="10"/>
    </row>
    <row r="494748" spans="14:14">
      <c r="N494748" s="10"/>
    </row>
    <row r="494749" spans="14:14">
      <c r="N494749" s="10"/>
    </row>
    <row r="494750" spans="14:14">
      <c r="N494750" s="10"/>
    </row>
    <row r="494751" spans="14:14">
      <c r="N494751" s="10"/>
    </row>
    <row r="494752" spans="14:14">
      <c r="N494752" s="10"/>
    </row>
    <row r="494753" spans="14:14">
      <c r="N494753" s="10"/>
    </row>
    <row r="494754" spans="14:14">
      <c r="N494754" s="10"/>
    </row>
    <row r="494755" spans="14:14">
      <c r="N494755" s="10"/>
    </row>
    <row r="494756" spans="14:14">
      <c r="N494756" s="10"/>
    </row>
    <row r="494757" spans="14:14">
      <c r="N494757" s="10"/>
    </row>
    <row r="494758" spans="14:14">
      <c r="N494758" s="10"/>
    </row>
    <row r="494759" spans="14:14">
      <c r="N494759" s="10"/>
    </row>
    <row r="494760" spans="14:14">
      <c r="N494760" s="10"/>
    </row>
    <row r="494761" spans="14:14">
      <c r="N494761" s="10"/>
    </row>
    <row r="494762" spans="14:14">
      <c r="N494762" s="10"/>
    </row>
    <row r="494763" spans="14:14">
      <c r="N494763" s="10"/>
    </row>
    <row r="494764" spans="14:14">
      <c r="N494764" s="10"/>
    </row>
    <row r="494765" spans="14:14">
      <c r="N494765" s="10"/>
    </row>
    <row r="494766" spans="14:14">
      <c r="N494766" s="10"/>
    </row>
    <row r="494767" spans="14:14">
      <c r="N494767" s="10"/>
    </row>
    <row r="494768" spans="14:14">
      <c r="N494768" s="10"/>
    </row>
    <row r="494769" spans="14:14">
      <c r="N494769" s="10"/>
    </row>
    <row r="494770" spans="14:14">
      <c r="N494770" s="10"/>
    </row>
    <row r="494771" spans="14:14">
      <c r="N494771" s="10"/>
    </row>
    <row r="494772" spans="14:14">
      <c r="N494772" s="10"/>
    </row>
    <row r="494773" spans="14:14">
      <c r="N494773" s="10"/>
    </row>
    <row r="494774" spans="14:14">
      <c r="N494774" s="10"/>
    </row>
    <row r="494775" spans="14:14">
      <c r="N494775" s="10"/>
    </row>
    <row r="494776" spans="14:14">
      <c r="N494776" s="10"/>
    </row>
    <row r="494777" spans="14:14">
      <c r="N494777" s="10"/>
    </row>
    <row r="494778" spans="14:14">
      <c r="N494778" s="10"/>
    </row>
    <row r="494779" spans="14:14">
      <c r="N494779" s="10"/>
    </row>
    <row r="494780" spans="14:14">
      <c r="N494780" s="10"/>
    </row>
    <row r="494781" spans="14:14">
      <c r="N494781" s="10"/>
    </row>
    <row r="494782" spans="14:14">
      <c r="N494782" s="10"/>
    </row>
    <row r="494783" spans="14:14">
      <c r="N494783" s="10"/>
    </row>
    <row r="494784" spans="14:14">
      <c r="N494784" s="10"/>
    </row>
    <row r="494785" spans="14:14">
      <c r="N494785" s="10"/>
    </row>
    <row r="494786" spans="14:14">
      <c r="N494786" s="10"/>
    </row>
    <row r="494787" spans="14:14">
      <c r="N494787" s="10"/>
    </row>
    <row r="494788" spans="14:14">
      <c r="N494788" s="10"/>
    </row>
    <row r="494789" spans="14:14">
      <c r="N494789" s="10"/>
    </row>
    <row r="494790" spans="14:14">
      <c r="N494790" s="10"/>
    </row>
    <row r="494791" spans="14:14">
      <c r="N494791" s="10"/>
    </row>
    <row r="494792" spans="14:14">
      <c r="N494792" s="10"/>
    </row>
    <row r="494793" spans="14:14">
      <c r="N494793" s="10"/>
    </row>
    <row r="494794" spans="14:14">
      <c r="N494794" s="10"/>
    </row>
    <row r="494795" spans="14:14">
      <c r="N494795" s="10"/>
    </row>
    <row r="494796" spans="14:14">
      <c r="N494796" s="10"/>
    </row>
    <row r="494797" spans="14:14">
      <c r="N494797" s="10"/>
    </row>
    <row r="494798" spans="14:14">
      <c r="N494798" s="10"/>
    </row>
    <row r="494799" spans="14:14">
      <c r="N494799" s="10"/>
    </row>
    <row r="494800" spans="14:14">
      <c r="N494800" s="10"/>
    </row>
    <row r="494801" spans="14:14">
      <c r="N494801" s="10"/>
    </row>
    <row r="494802" spans="14:14">
      <c r="N494802" s="10"/>
    </row>
    <row r="494803" spans="14:14">
      <c r="N494803" s="10"/>
    </row>
    <row r="494804" spans="14:14">
      <c r="N494804" s="10"/>
    </row>
    <row r="494805" spans="14:14">
      <c r="N494805" s="10"/>
    </row>
    <row r="494806" spans="14:14">
      <c r="N494806" s="10"/>
    </row>
    <row r="494807" spans="14:14">
      <c r="N494807" s="10"/>
    </row>
    <row r="494808" spans="14:14">
      <c r="N494808" s="10"/>
    </row>
    <row r="494809" spans="14:14">
      <c r="N494809" s="10"/>
    </row>
    <row r="494810" spans="14:14">
      <c r="N494810" s="10"/>
    </row>
    <row r="494811" spans="14:14">
      <c r="N494811" s="10"/>
    </row>
    <row r="494812" spans="14:14">
      <c r="N494812" s="10"/>
    </row>
    <row r="494813" spans="14:14">
      <c r="N494813" s="10"/>
    </row>
    <row r="494814" spans="14:14">
      <c r="N494814" s="10"/>
    </row>
    <row r="494815" spans="14:14">
      <c r="N494815" s="10"/>
    </row>
    <row r="494816" spans="14:14">
      <c r="N494816" s="10"/>
    </row>
    <row r="494817" spans="14:14">
      <c r="N494817" s="10"/>
    </row>
    <row r="494818" spans="14:14">
      <c r="N494818" s="10"/>
    </row>
    <row r="494819" spans="14:14">
      <c r="N494819" s="10"/>
    </row>
    <row r="494820" spans="14:14">
      <c r="N494820" s="10"/>
    </row>
    <row r="494821" spans="14:14">
      <c r="N494821" s="10"/>
    </row>
    <row r="494822" spans="14:14">
      <c r="N494822" s="10"/>
    </row>
    <row r="494823" spans="14:14">
      <c r="N494823" s="10"/>
    </row>
    <row r="494824" spans="14:14">
      <c r="N494824" s="10"/>
    </row>
    <row r="494825" spans="14:14">
      <c r="N494825" s="10"/>
    </row>
    <row r="494826" spans="14:14">
      <c r="N494826" s="10"/>
    </row>
    <row r="494827" spans="14:14">
      <c r="N494827" s="10"/>
    </row>
    <row r="494828" spans="14:14">
      <c r="N494828" s="10"/>
    </row>
    <row r="494829" spans="14:14">
      <c r="N494829" s="10"/>
    </row>
    <row r="494830" spans="14:14">
      <c r="N494830" s="10"/>
    </row>
    <row r="494831" spans="14:14">
      <c r="N494831" s="10"/>
    </row>
    <row r="494832" spans="14:14">
      <c r="N494832" s="10"/>
    </row>
    <row r="494833" spans="14:14">
      <c r="N494833" s="10"/>
    </row>
    <row r="494834" spans="14:14">
      <c r="N494834" s="10"/>
    </row>
    <row r="494835" spans="14:14">
      <c r="N494835" s="10"/>
    </row>
    <row r="494836" spans="14:14">
      <c r="N494836" s="10"/>
    </row>
    <row r="494837" spans="14:14">
      <c r="N494837" s="10"/>
    </row>
    <row r="494838" spans="14:14">
      <c r="N494838" s="10"/>
    </row>
    <row r="494839" spans="14:14">
      <c r="N494839" s="10"/>
    </row>
    <row r="494840" spans="14:14">
      <c r="N494840" s="10"/>
    </row>
    <row r="494841" spans="14:14">
      <c r="N494841" s="10"/>
    </row>
    <row r="494842" spans="14:14">
      <c r="N494842" s="10"/>
    </row>
    <row r="494843" spans="14:14">
      <c r="N494843" s="10"/>
    </row>
    <row r="494844" spans="14:14">
      <c r="N494844" s="10"/>
    </row>
    <row r="494845" spans="14:14">
      <c r="N494845" s="10"/>
    </row>
    <row r="494846" spans="14:14">
      <c r="N494846" s="10"/>
    </row>
    <row r="494847" spans="14:14">
      <c r="N494847" s="10"/>
    </row>
    <row r="494848" spans="14:14">
      <c r="N494848" s="10"/>
    </row>
    <row r="494849" spans="14:14">
      <c r="N494849" s="10"/>
    </row>
    <row r="494850" spans="14:14">
      <c r="N494850" s="10"/>
    </row>
    <row r="494851" spans="14:14">
      <c r="N494851" s="10"/>
    </row>
    <row r="494852" spans="14:14">
      <c r="N494852" s="10"/>
    </row>
    <row r="494853" spans="14:14">
      <c r="N494853" s="10"/>
    </row>
    <row r="494854" spans="14:14">
      <c r="N494854" s="10"/>
    </row>
    <row r="494855" spans="14:14">
      <c r="N494855" s="10"/>
    </row>
    <row r="494856" spans="14:14">
      <c r="N494856" s="10"/>
    </row>
    <row r="494857" spans="14:14">
      <c r="N494857" s="10"/>
    </row>
    <row r="494858" spans="14:14">
      <c r="N494858" s="10"/>
    </row>
    <row r="494859" spans="14:14">
      <c r="N494859" s="10"/>
    </row>
    <row r="494860" spans="14:14">
      <c r="N494860" s="10"/>
    </row>
    <row r="494861" spans="14:14">
      <c r="N494861" s="10"/>
    </row>
    <row r="494862" spans="14:14">
      <c r="N494862" s="10"/>
    </row>
    <row r="494863" spans="14:14">
      <c r="N494863" s="10"/>
    </row>
    <row r="494864" spans="14:14">
      <c r="N494864" s="10"/>
    </row>
    <row r="494865" spans="14:14">
      <c r="N494865" s="10"/>
    </row>
    <row r="494866" spans="14:14">
      <c r="N494866" s="10"/>
    </row>
    <row r="494867" spans="14:14">
      <c r="N494867" s="10"/>
    </row>
    <row r="494868" spans="14:14">
      <c r="N494868" s="10"/>
    </row>
    <row r="494869" spans="14:14">
      <c r="N494869" s="10"/>
    </row>
    <row r="494870" spans="14:14">
      <c r="N494870" s="10"/>
    </row>
    <row r="494871" spans="14:14">
      <c r="N494871" s="10"/>
    </row>
    <row r="494872" spans="14:14">
      <c r="N494872" s="10"/>
    </row>
    <row r="494873" spans="14:14">
      <c r="N494873" s="10"/>
    </row>
    <row r="494874" spans="14:14">
      <c r="N494874" s="10"/>
    </row>
    <row r="494875" spans="14:14">
      <c r="N494875" s="10"/>
    </row>
    <row r="494876" spans="14:14">
      <c r="N494876" s="10"/>
    </row>
    <row r="494877" spans="14:14">
      <c r="N494877" s="10"/>
    </row>
    <row r="494878" spans="14:14">
      <c r="N494878" s="10"/>
    </row>
    <row r="494879" spans="14:14">
      <c r="N494879" s="10"/>
    </row>
    <row r="494880" spans="14:14">
      <c r="N494880" s="10"/>
    </row>
    <row r="494881" spans="14:14">
      <c r="N494881" s="10"/>
    </row>
    <row r="494882" spans="14:14">
      <c r="N494882" s="10"/>
    </row>
    <row r="494883" spans="14:14">
      <c r="N494883" s="10"/>
    </row>
    <row r="494884" spans="14:14">
      <c r="N494884" s="10"/>
    </row>
    <row r="494885" spans="14:14">
      <c r="N494885" s="10"/>
    </row>
    <row r="494886" spans="14:14">
      <c r="N494886" s="10"/>
    </row>
    <row r="494887" spans="14:14">
      <c r="N494887" s="10"/>
    </row>
    <row r="494888" spans="14:14">
      <c r="N494888" s="10"/>
    </row>
    <row r="494889" spans="14:14">
      <c r="N494889" s="10"/>
    </row>
    <row r="494890" spans="14:14">
      <c r="N494890" s="10"/>
    </row>
    <row r="494891" spans="14:14">
      <c r="N494891" s="10"/>
    </row>
    <row r="494892" spans="14:14">
      <c r="N494892" s="10"/>
    </row>
    <row r="494893" spans="14:14">
      <c r="N494893" s="10"/>
    </row>
    <row r="494894" spans="14:14">
      <c r="N494894" s="10"/>
    </row>
    <row r="494895" spans="14:14">
      <c r="N494895" s="10"/>
    </row>
    <row r="494896" spans="14:14">
      <c r="N494896" s="10"/>
    </row>
    <row r="494897" spans="14:14">
      <c r="N494897" s="10"/>
    </row>
    <row r="494898" spans="14:14">
      <c r="N494898" s="10"/>
    </row>
    <row r="494899" spans="14:14">
      <c r="N494899" s="10"/>
    </row>
    <row r="494900" spans="14:14">
      <c r="N494900" s="10"/>
    </row>
    <row r="494901" spans="14:14">
      <c r="N494901" s="10"/>
    </row>
    <row r="494902" spans="14:14">
      <c r="N494902" s="10"/>
    </row>
    <row r="494903" spans="14:14">
      <c r="N494903" s="10"/>
    </row>
    <row r="494904" spans="14:14">
      <c r="N494904" s="10"/>
    </row>
    <row r="494905" spans="14:14">
      <c r="N494905" s="10"/>
    </row>
    <row r="494906" spans="14:14">
      <c r="N494906" s="10"/>
    </row>
    <row r="494907" spans="14:14">
      <c r="N494907" s="10"/>
    </row>
    <row r="494908" spans="14:14">
      <c r="N494908" s="10"/>
    </row>
    <row r="494909" spans="14:14">
      <c r="N494909" s="10"/>
    </row>
    <row r="494910" spans="14:14">
      <c r="N494910" s="10"/>
    </row>
    <row r="494911" spans="14:14">
      <c r="N494911" s="10"/>
    </row>
    <row r="494912" spans="14:14">
      <c r="N494912" s="10"/>
    </row>
    <row r="494913" spans="14:14">
      <c r="N494913" s="10"/>
    </row>
    <row r="494914" spans="14:14">
      <c r="N494914" s="10"/>
    </row>
    <row r="494915" spans="14:14">
      <c r="N494915" s="10"/>
    </row>
    <row r="494916" spans="14:14">
      <c r="N494916" s="10"/>
    </row>
    <row r="494917" spans="14:14">
      <c r="N494917" s="10"/>
    </row>
    <row r="494918" spans="14:14">
      <c r="N494918" s="10"/>
    </row>
    <row r="494919" spans="14:14">
      <c r="N494919" s="10"/>
    </row>
    <row r="494920" spans="14:14">
      <c r="N494920" s="10"/>
    </row>
    <row r="494921" spans="14:14">
      <c r="N494921" s="10"/>
    </row>
    <row r="494922" spans="14:14">
      <c r="N494922" s="10"/>
    </row>
    <row r="494923" spans="14:14">
      <c r="N494923" s="10"/>
    </row>
    <row r="494924" spans="14:14">
      <c r="N494924" s="10"/>
    </row>
    <row r="494925" spans="14:14">
      <c r="N494925" s="10"/>
    </row>
    <row r="494926" spans="14:14">
      <c r="N494926" s="10"/>
    </row>
    <row r="494927" spans="14:14">
      <c r="N494927" s="10"/>
    </row>
    <row r="494928" spans="14:14">
      <c r="N494928" s="10"/>
    </row>
    <row r="494929" spans="14:14">
      <c r="N494929" s="10"/>
    </row>
    <row r="494930" spans="14:14">
      <c r="N494930" s="10"/>
    </row>
    <row r="494931" spans="14:14">
      <c r="N494931" s="10"/>
    </row>
    <row r="494932" spans="14:14">
      <c r="N494932" s="10"/>
    </row>
    <row r="494933" spans="14:14">
      <c r="N494933" s="10"/>
    </row>
    <row r="494934" spans="14:14">
      <c r="N494934" s="10"/>
    </row>
    <row r="494935" spans="14:14">
      <c r="N494935" s="10"/>
    </row>
    <row r="494936" spans="14:14">
      <c r="N494936" s="10"/>
    </row>
    <row r="494937" spans="14:14">
      <c r="N494937" s="10"/>
    </row>
    <row r="494938" spans="14:14">
      <c r="N494938" s="10"/>
    </row>
    <row r="494939" spans="14:14">
      <c r="N494939" s="10"/>
    </row>
    <row r="494940" spans="14:14">
      <c r="N494940" s="10"/>
    </row>
    <row r="494941" spans="14:14">
      <c r="N494941" s="10"/>
    </row>
    <row r="494942" spans="14:14">
      <c r="N494942" s="10"/>
    </row>
    <row r="494943" spans="14:14">
      <c r="N494943" s="10"/>
    </row>
    <row r="494944" spans="14:14">
      <c r="N494944" s="10"/>
    </row>
    <row r="494945" spans="14:14">
      <c r="N494945" s="10"/>
    </row>
    <row r="494946" spans="14:14">
      <c r="N494946" s="10"/>
    </row>
    <row r="494947" spans="14:14">
      <c r="N494947" s="10"/>
    </row>
    <row r="494948" spans="14:14">
      <c r="N494948" s="10"/>
    </row>
    <row r="494949" spans="14:14">
      <c r="N494949" s="10"/>
    </row>
    <row r="494950" spans="14:14">
      <c r="N494950" s="10"/>
    </row>
    <row r="494951" spans="14:14">
      <c r="N494951" s="10"/>
    </row>
    <row r="494952" spans="14:14">
      <c r="N494952" s="10"/>
    </row>
    <row r="494953" spans="14:14">
      <c r="N494953" s="10"/>
    </row>
    <row r="494954" spans="14:14">
      <c r="N494954" s="10"/>
    </row>
    <row r="494955" spans="14:14">
      <c r="N494955" s="10"/>
    </row>
    <row r="494956" spans="14:14">
      <c r="N494956" s="10"/>
    </row>
    <row r="494957" spans="14:14">
      <c r="N494957" s="10"/>
    </row>
    <row r="494958" spans="14:14">
      <c r="N494958" s="10"/>
    </row>
    <row r="494959" spans="14:14">
      <c r="N494959" s="10"/>
    </row>
    <row r="494960" spans="14:14">
      <c r="N494960" s="10"/>
    </row>
    <row r="494961" spans="14:14">
      <c r="N494961" s="10"/>
    </row>
    <row r="494962" spans="14:14">
      <c r="N494962" s="10"/>
    </row>
    <row r="494963" spans="14:14">
      <c r="N494963" s="10"/>
    </row>
    <row r="494964" spans="14:14">
      <c r="N494964" s="10"/>
    </row>
    <row r="494965" spans="14:14">
      <c r="N494965" s="10"/>
    </row>
    <row r="494966" spans="14:14">
      <c r="N494966" s="10"/>
    </row>
    <row r="494967" spans="14:14">
      <c r="N494967" s="10"/>
    </row>
    <row r="494968" spans="14:14">
      <c r="N494968" s="10"/>
    </row>
    <row r="494969" spans="14:14">
      <c r="N494969" s="10"/>
    </row>
    <row r="494970" spans="14:14">
      <c r="N494970" s="10"/>
    </row>
    <row r="494971" spans="14:14">
      <c r="N494971" s="10"/>
    </row>
    <row r="494972" spans="14:14">
      <c r="N494972" s="10"/>
    </row>
    <row r="494973" spans="14:14">
      <c r="N494973" s="10"/>
    </row>
    <row r="494974" spans="14:14">
      <c r="N494974" s="10"/>
    </row>
    <row r="494975" spans="14:14">
      <c r="N494975" s="10"/>
    </row>
    <row r="494976" spans="14:14">
      <c r="N494976" s="10"/>
    </row>
    <row r="494977" spans="14:14">
      <c r="N494977" s="10"/>
    </row>
    <row r="494978" spans="14:14">
      <c r="N494978" s="10"/>
    </row>
    <row r="494979" spans="14:14">
      <c r="N494979" s="10"/>
    </row>
    <row r="494980" spans="14:14">
      <c r="N494980" s="10"/>
    </row>
    <row r="494981" spans="14:14">
      <c r="N494981" s="10"/>
    </row>
    <row r="494982" spans="14:14">
      <c r="N494982" s="10"/>
    </row>
    <row r="494983" spans="14:14">
      <c r="N494983" s="10"/>
    </row>
    <row r="494984" spans="14:14">
      <c r="N494984" s="10"/>
    </row>
    <row r="494985" spans="14:14">
      <c r="N494985" s="10"/>
    </row>
    <row r="494986" spans="14:14">
      <c r="N494986" s="10"/>
    </row>
    <row r="494987" spans="14:14">
      <c r="N494987" s="10"/>
    </row>
    <row r="494988" spans="14:14">
      <c r="N494988" s="10"/>
    </row>
    <row r="494989" spans="14:14">
      <c r="N494989" s="10"/>
    </row>
    <row r="494990" spans="14:14">
      <c r="N494990" s="10"/>
    </row>
    <row r="494991" spans="14:14">
      <c r="N494991" s="10"/>
    </row>
    <row r="494992" spans="14:14">
      <c r="N494992" s="10"/>
    </row>
    <row r="494993" spans="14:14">
      <c r="N494993" s="10"/>
    </row>
    <row r="494994" spans="14:14">
      <c r="N494994" s="10"/>
    </row>
    <row r="494995" spans="14:14">
      <c r="N494995" s="10"/>
    </row>
    <row r="494996" spans="14:14">
      <c r="N494996" s="10"/>
    </row>
    <row r="494997" spans="14:14">
      <c r="N494997" s="10"/>
    </row>
    <row r="494998" spans="14:14">
      <c r="N494998" s="10"/>
    </row>
    <row r="494999" spans="14:14">
      <c r="N494999" s="10"/>
    </row>
    <row r="495000" spans="14:14">
      <c r="N495000" s="10"/>
    </row>
    <row r="495001" spans="14:14">
      <c r="N495001" s="10"/>
    </row>
    <row r="495002" spans="14:14">
      <c r="N495002" s="10"/>
    </row>
    <row r="495003" spans="14:14">
      <c r="N495003" s="10"/>
    </row>
    <row r="495004" spans="14:14">
      <c r="N495004" s="10"/>
    </row>
    <row r="495005" spans="14:14">
      <c r="N495005" s="10"/>
    </row>
    <row r="495006" spans="14:14">
      <c r="N495006" s="10"/>
    </row>
    <row r="495007" spans="14:14">
      <c r="N495007" s="10"/>
    </row>
    <row r="495008" spans="14:14">
      <c r="N495008" s="10"/>
    </row>
    <row r="495009" spans="14:14">
      <c r="N495009" s="10"/>
    </row>
    <row r="495010" spans="14:14">
      <c r="N495010" s="10"/>
    </row>
    <row r="495011" spans="14:14">
      <c r="N495011" s="10"/>
    </row>
    <row r="495012" spans="14:14">
      <c r="N495012" s="10"/>
    </row>
    <row r="495013" spans="14:14">
      <c r="N495013" s="10"/>
    </row>
    <row r="495014" spans="14:14">
      <c r="N495014" s="10"/>
    </row>
    <row r="495015" spans="14:14">
      <c r="N495015" s="10"/>
    </row>
    <row r="495016" spans="14:14">
      <c r="N495016" s="10"/>
    </row>
    <row r="495017" spans="14:14">
      <c r="N495017" s="10"/>
    </row>
    <row r="495018" spans="14:14">
      <c r="N495018" s="10"/>
    </row>
    <row r="495019" spans="14:14">
      <c r="N495019" s="10"/>
    </row>
    <row r="495020" spans="14:14">
      <c r="N495020" s="10"/>
    </row>
    <row r="495021" spans="14:14">
      <c r="N495021" s="10"/>
    </row>
    <row r="495022" spans="14:14">
      <c r="N495022" s="10"/>
    </row>
    <row r="495023" spans="14:14">
      <c r="N495023" s="10"/>
    </row>
    <row r="495024" spans="14:14">
      <c r="N495024" s="10"/>
    </row>
    <row r="495025" spans="14:14">
      <c r="N495025" s="10"/>
    </row>
    <row r="495026" spans="14:14">
      <c r="N495026" s="10"/>
    </row>
    <row r="495027" spans="14:14">
      <c r="N495027" s="10"/>
    </row>
    <row r="495028" spans="14:14">
      <c r="N495028" s="10"/>
    </row>
    <row r="495029" spans="14:14">
      <c r="N495029" s="10"/>
    </row>
    <row r="495030" spans="14:14">
      <c r="N495030" s="10"/>
    </row>
    <row r="495031" spans="14:14">
      <c r="N495031" s="10"/>
    </row>
    <row r="495032" spans="14:14">
      <c r="N495032" s="10"/>
    </row>
    <row r="495033" spans="14:14">
      <c r="N495033" s="10"/>
    </row>
    <row r="495034" spans="14:14">
      <c r="N495034" s="10"/>
    </row>
    <row r="495035" spans="14:14">
      <c r="N495035" s="10"/>
    </row>
    <row r="495036" spans="14:14">
      <c r="N495036" s="10"/>
    </row>
    <row r="495037" spans="14:14">
      <c r="N495037" s="10"/>
    </row>
    <row r="495038" spans="14:14">
      <c r="N495038" s="10"/>
    </row>
    <row r="495039" spans="14:14">
      <c r="N495039" s="10"/>
    </row>
    <row r="495040" spans="14:14">
      <c r="N495040" s="10"/>
    </row>
    <row r="495041" spans="14:14">
      <c r="N495041" s="10"/>
    </row>
    <row r="495042" spans="14:14">
      <c r="N495042" s="10"/>
    </row>
    <row r="495043" spans="14:14">
      <c r="N495043" s="10"/>
    </row>
    <row r="495044" spans="14:14">
      <c r="N495044" s="10"/>
    </row>
    <row r="495045" spans="14:14">
      <c r="N495045" s="10"/>
    </row>
    <row r="495046" spans="14:14">
      <c r="N495046" s="10"/>
    </row>
    <row r="495047" spans="14:14">
      <c r="N495047" s="10"/>
    </row>
    <row r="495048" spans="14:14">
      <c r="N495048" s="10"/>
    </row>
    <row r="495049" spans="14:14">
      <c r="N495049" s="10"/>
    </row>
    <row r="495050" spans="14:14">
      <c r="N495050" s="10"/>
    </row>
    <row r="495051" spans="14:14">
      <c r="N495051" s="10"/>
    </row>
    <row r="495052" spans="14:14">
      <c r="N495052" s="10"/>
    </row>
    <row r="495053" spans="14:14">
      <c r="N495053" s="10"/>
    </row>
    <row r="495054" spans="14:14">
      <c r="N495054" s="10"/>
    </row>
    <row r="495055" spans="14:14">
      <c r="N495055" s="10"/>
    </row>
    <row r="495056" spans="14:14">
      <c r="N495056" s="10"/>
    </row>
    <row r="495057" spans="14:14">
      <c r="N495057" s="10"/>
    </row>
    <row r="495058" spans="14:14">
      <c r="N495058" s="10"/>
    </row>
    <row r="495059" spans="14:14">
      <c r="N495059" s="10"/>
    </row>
    <row r="495060" spans="14:14">
      <c r="N495060" s="10"/>
    </row>
    <row r="495061" spans="14:14">
      <c r="N495061" s="10"/>
    </row>
    <row r="495062" spans="14:14">
      <c r="N495062" s="10"/>
    </row>
    <row r="495063" spans="14:14">
      <c r="N495063" s="10"/>
    </row>
    <row r="495064" spans="14:14">
      <c r="N495064" s="10"/>
    </row>
    <row r="495065" spans="14:14">
      <c r="N495065" s="10"/>
    </row>
    <row r="495066" spans="14:14">
      <c r="N495066" s="10"/>
    </row>
    <row r="495067" spans="14:14">
      <c r="N495067" s="10"/>
    </row>
    <row r="495068" spans="14:14">
      <c r="N495068" s="10"/>
    </row>
    <row r="495069" spans="14:14">
      <c r="N495069" s="10"/>
    </row>
    <row r="495070" spans="14:14">
      <c r="N495070" s="10"/>
    </row>
    <row r="495071" spans="14:14">
      <c r="N495071" s="10"/>
    </row>
    <row r="495072" spans="14:14">
      <c r="N495072" s="10"/>
    </row>
    <row r="495073" spans="14:14">
      <c r="N495073" s="10"/>
    </row>
    <row r="495074" spans="14:14">
      <c r="N495074" s="10"/>
    </row>
    <row r="495075" spans="14:14">
      <c r="N495075" s="10"/>
    </row>
    <row r="495076" spans="14:14">
      <c r="N495076" s="10"/>
    </row>
    <row r="495077" spans="14:14">
      <c r="N495077" s="10"/>
    </row>
    <row r="495078" spans="14:14">
      <c r="N495078" s="10"/>
    </row>
    <row r="495079" spans="14:14">
      <c r="N495079" s="10"/>
    </row>
    <row r="495080" spans="14:14">
      <c r="N495080" s="10"/>
    </row>
    <row r="495081" spans="14:14">
      <c r="N495081" s="10"/>
    </row>
    <row r="495082" spans="14:14">
      <c r="N495082" s="10"/>
    </row>
    <row r="495083" spans="14:14">
      <c r="N495083" s="10"/>
    </row>
    <row r="495084" spans="14:14">
      <c r="N495084" s="10"/>
    </row>
    <row r="495085" spans="14:14">
      <c r="N495085" s="10"/>
    </row>
    <row r="495086" spans="14:14">
      <c r="N495086" s="10"/>
    </row>
    <row r="495087" spans="14:14">
      <c r="N495087" s="10"/>
    </row>
    <row r="495088" spans="14:14">
      <c r="N495088" s="10"/>
    </row>
    <row r="495089" spans="14:14">
      <c r="N495089" s="10"/>
    </row>
    <row r="495090" spans="14:14">
      <c r="N495090" s="10"/>
    </row>
    <row r="495091" spans="14:14">
      <c r="N495091" s="10"/>
    </row>
    <row r="495092" spans="14:14">
      <c r="N495092" s="10"/>
    </row>
    <row r="495093" spans="14:14">
      <c r="N495093" s="10"/>
    </row>
    <row r="495094" spans="14:14">
      <c r="N495094" s="10"/>
    </row>
    <row r="495095" spans="14:14">
      <c r="N495095" s="10"/>
    </row>
    <row r="495096" spans="14:14">
      <c r="N495096" s="10"/>
    </row>
    <row r="495097" spans="14:14">
      <c r="N495097" s="10"/>
    </row>
    <row r="495098" spans="14:14">
      <c r="N495098" s="10"/>
    </row>
    <row r="495099" spans="14:14">
      <c r="N495099" s="10"/>
    </row>
    <row r="495100" spans="14:14">
      <c r="N495100" s="10"/>
    </row>
    <row r="495101" spans="14:14">
      <c r="N495101" s="10"/>
    </row>
    <row r="495102" spans="14:14">
      <c r="N495102" s="10"/>
    </row>
    <row r="495103" spans="14:14">
      <c r="N495103" s="10"/>
    </row>
    <row r="495104" spans="14:14">
      <c r="N495104" s="10"/>
    </row>
    <row r="495105" spans="14:14">
      <c r="N495105" s="10"/>
    </row>
    <row r="495106" spans="14:14">
      <c r="N495106" s="10"/>
    </row>
    <row r="495107" spans="14:14">
      <c r="N495107" s="10"/>
    </row>
    <row r="495108" spans="14:14">
      <c r="N495108" s="10"/>
    </row>
    <row r="495109" spans="14:14">
      <c r="N495109" s="10"/>
    </row>
    <row r="495110" spans="14:14">
      <c r="N495110" s="10"/>
    </row>
    <row r="495111" spans="14:14">
      <c r="N495111" s="10"/>
    </row>
    <row r="495112" spans="14:14">
      <c r="N495112" s="10"/>
    </row>
    <row r="495113" spans="14:14">
      <c r="N495113" s="10"/>
    </row>
    <row r="495114" spans="14:14">
      <c r="N495114" s="10"/>
    </row>
    <row r="495115" spans="14:14">
      <c r="N495115" s="10"/>
    </row>
    <row r="495116" spans="14:14">
      <c r="N495116" s="10"/>
    </row>
    <row r="495117" spans="14:14">
      <c r="N495117" s="10"/>
    </row>
    <row r="495118" spans="14:14">
      <c r="N495118" s="10"/>
    </row>
    <row r="495119" spans="14:14">
      <c r="N495119" s="10"/>
    </row>
    <row r="495120" spans="14:14">
      <c r="N495120" s="10"/>
    </row>
    <row r="495121" spans="14:14">
      <c r="N495121" s="10"/>
    </row>
    <row r="495122" spans="14:14">
      <c r="N495122" s="10"/>
    </row>
    <row r="495123" spans="14:14">
      <c r="N495123" s="10"/>
    </row>
    <row r="495124" spans="14:14">
      <c r="N495124" s="10"/>
    </row>
    <row r="495125" spans="14:14">
      <c r="N495125" s="10"/>
    </row>
    <row r="495126" spans="14:14">
      <c r="N495126" s="10"/>
    </row>
    <row r="495127" spans="14:14">
      <c r="N495127" s="10"/>
    </row>
    <row r="495128" spans="14:14">
      <c r="N495128" s="10"/>
    </row>
    <row r="495129" spans="14:14">
      <c r="N495129" s="10"/>
    </row>
    <row r="495130" spans="14:14">
      <c r="N495130" s="10"/>
    </row>
    <row r="495131" spans="14:14">
      <c r="N495131" s="10"/>
    </row>
    <row r="495132" spans="14:14">
      <c r="N495132" s="10"/>
    </row>
    <row r="495133" spans="14:14">
      <c r="N495133" s="10"/>
    </row>
    <row r="495134" spans="14:14">
      <c r="N495134" s="10"/>
    </row>
    <row r="495135" spans="14:14">
      <c r="N495135" s="10"/>
    </row>
    <row r="495136" spans="14:14">
      <c r="N495136" s="10"/>
    </row>
    <row r="495137" spans="14:14">
      <c r="N495137" s="10"/>
    </row>
    <row r="495138" spans="14:14">
      <c r="N495138" s="10"/>
    </row>
    <row r="495139" spans="14:14">
      <c r="N495139" s="10"/>
    </row>
    <row r="495140" spans="14:14">
      <c r="N495140" s="10"/>
    </row>
    <row r="495141" spans="14:14">
      <c r="N495141" s="10"/>
    </row>
    <row r="495142" spans="14:14">
      <c r="N495142" s="10"/>
    </row>
    <row r="495143" spans="14:14">
      <c r="N495143" s="10"/>
    </row>
    <row r="495144" spans="14:14">
      <c r="N495144" s="10"/>
    </row>
    <row r="495145" spans="14:14">
      <c r="N495145" s="10"/>
    </row>
    <row r="495146" spans="14:14">
      <c r="N495146" s="10"/>
    </row>
    <row r="495147" spans="14:14">
      <c r="N495147" s="10"/>
    </row>
    <row r="495148" spans="14:14">
      <c r="N495148" s="10"/>
    </row>
    <row r="495149" spans="14:14">
      <c r="N495149" s="10"/>
    </row>
    <row r="495150" spans="14:14">
      <c r="N495150" s="10"/>
    </row>
    <row r="495151" spans="14:14">
      <c r="N495151" s="10"/>
    </row>
    <row r="495152" spans="14:14">
      <c r="N495152" s="10"/>
    </row>
    <row r="495153" spans="14:14">
      <c r="N495153" s="10"/>
    </row>
    <row r="495154" spans="14:14">
      <c r="N495154" s="10"/>
    </row>
    <row r="495155" spans="14:14">
      <c r="N495155" s="10"/>
    </row>
    <row r="495156" spans="14:14">
      <c r="N495156" s="10"/>
    </row>
    <row r="495157" spans="14:14">
      <c r="N495157" s="10"/>
    </row>
    <row r="495158" spans="14:14">
      <c r="N495158" s="10"/>
    </row>
    <row r="495159" spans="14:14">
      <c r="N495159" s="10"/>
    </row>
    <row r="495160" spans="14:14">
      <c r="N495160" s="10"/>
    </row>
    <row r="495161" spans="14:14">
      <c r="N495161" s="10"/>
    </row>
    <row r="495162" spans="14:14">
      <c r="N495162" s="10"/>
    </row>
    <row r="495163" spans="14:14">
      <c r="N495163" s="10"/>
    </row>
    <row r="495164" spans="14:14">
      <c r="N495164" s="10"/>
    </row>
    <row r="495165" spans="14:14">
      <c r="N495165" s="10"/>
    </row>
    <row r="495166" spans="14:14">
      <c r="N495166" s="10"/>
    </row>
    <row r="495167" spans="14:14">
      <c r="N495167" s="10"/>
    </row>
    <row r="495168" spans="14:14">
      <c r="N495168" s="10"/>
    </row>
    <row r="495169" spans="14:14">
      <c r="N495169" s="10"/>
    </row>
    <row r="495170" spans="14:14">
      <c r="N495170" s="10"/>
    </row>
    <row r="495171" spans="14:14">
      <c r="N495171" s="10"/>
    </row>
    <row r="495172" spans="14:14">
      <c r="N495172" s="10"/>
    </row>
    <row r="495173" spans="14:14">
      <c r="N495173" s="10"/>
    </row>
    <row r="495174" spans="14:14">
      <c r="N495174" s="10"/>
    </row>
    <row r="495175" spans="14:14">
      <c r="N495175" s="10"/>
    </row>
    <row r="495176" spans="14:14">
      <c r="N495176" s="10"/>
    </row>
    <row r="495177" spans="14:14">
      <c r="N495177" s="10"/>
    </row>
    <row r="495178" spans="14:14">
      <c r="N495178" s="10"/>
    </row>
    <row r="495179" spans="14:14">
      <c r="N495179" s="10"/>
    </row>
    <row r="495180" spans="14:14">
      <c r="N495180" s="10"/>
    </row>
    <row r="495181" spans="14:14">
      <c r="N495181" s="10"/>
    </row>
    <row r="495182" spans="14:14">
      <c r="N495182" s="10"/>
    </row>
    <row r="495183" spans="14:14">
      <c r="N495183" s="10"/>
    </row>
    <row r="495184" spans="14:14">
      <c r="N495184" s="10"/>
    </row>
    <row r="495185" spans="14:14">
      <c r="N495185" s="10"/>
    </row>
    <row r="495186" spans="14:14">
      <c r="N495186" s="10"/>
    </row>
    <row r="495187" spans="14:14">
      <c r="N495187" s="10"/>
    </row>
    <row r="495188" spans="14:14">
      <c r="N495188" s="10"/>
    </row>
    <row r="495189" spans="14:14">
      <c r="N495189" s="10"/>
    </row>
    <row r="495190" spans="14:14">
      <c r="N495190" s="10"/>
    </row>
    <row r="495191" spans="14:14">
      <c r="N495191" s="10"/>
    </row>
    <row r="495192" spans="14:14">
      <c r="N495192" s="10"/>
    </row>
    <row r="495193" spans="14:14">
      <c r="N495193" s="10"/>
    </row>
    <row r="495194" spans="14:14">
      <c r="N495194" s="10"/>
    </row>
    <row r="495195" spans="14:14">
      <c r="N495195" s="10"/>
    </row>
    <row r="495196" spans="14:14">
      <c r="N495196" s="10"/>
    </row>
    <row r="495197" spans="14:14">
      <c r="N495197" s="10"/>
    </row>
    <row r="495198" spans="14:14">
      <c r="N495198" s="10"/>
    </row>
    <row r="495199" spans="14:14">
      <c r="N495199" s="10"/>
    </row>
    <row r="495200" spans="14:14">
      <c r="N495200" s="10"/>
    </row>
    <row r="495201" spans="14:14">
      <c r="N495201" s="10"/>
    </row>
    <row r="495202" spans="14:14">
      <c r="N495202" s="10"/>
    </row>
    <row r="495203" spans="14:14">
      <c r="N495203" s="10"/>
    </row>
    <row r="495204" spans="14:14">
      <c r="N495204" s="10"/>
    </row>
    <row r="495205" spans="14:14">
      <c r="N495205" s="10"/>
    </row>
    <row r="495206" spans="14:14">
      <c r="N495206" s="10"/>
    </row>
    <row r="495207" spans="14:14">
      <c r="N495207" s="10"/>
    </row>
    <row r="495208" spans="14:14">
      <c r="N495208" s="10"/>
    </row>
    <row r="495209" spans="14:14">
      <c r="N495209" s="10"/>
    </row>
    <row r="495210" spans="14:14">
      <c r="N495210" s="10"/>
    </row>
    <row r="495211" spans="14:14">
      <c r="N495211" s="10"/>
    </row>
    <row r="495212" spans="14:14">
      <c r="N495212" s="10"/>
    </row>
    <row r="495213" spans="14:14">
      <c r="N495213" s="10"/>
    </row>
    <row r="495214" spans="14:14">
      <c r="N495214" s="10"/>
    </row>
    <row r="495215" spans="14:14">
      <c r="N495215" s="10"/>
    </row>
    <row r="495216" spans="14:14">
      <c r="N495216" s="10"/>
    </row>
    <row r="495217" spans="14:14">
      <c r="N495217" s="10"/>
    </row>
    <row r="495218" spans="14:14">
      <c r="N495218" s="10"/>
    </row>
    <row r="495219" spans="14:14">
      <c r="N495219" s="10"/>
    </row>
    <row r="495220" spans="14:14">
      <c r="N495220" s="10"/>
    </row>
    <row r="495221" spans="14:14">
      <c r="N495221" s="10"/>
    </row>
    <row r="495222" spans="14:14">
      <c r="N495222" s="10"/>
    </row>
    <row r="495223" spans="14:14">
      <c r="N495223" s="10"/>
    </row>
    <row r="495224" spans="14:14">
      <c r="N495224" s="10"/>
    </row>
    <row r="495225" spans="14:14">
      <c r="N495225" s="10"/>
    </row>
    <row r="495226" spans="14:14">
      <c r="N495226" s="10"/>
    </row>
    <row r="495227" spans="14:14">
      <c r="N495227" s="10"/>
    </row>
    <row r="495228" spans="14:14">
      <c r="N495228" s="10"/>
    </row>
    <row r="495229" spans="14:14">
      <c r="N495229" s="10"/>
    </row>
    <row r="495230" spans="14:14">
      <c r="N495230" s="10"/>
    </row>
    <row r="495231" spans="14:14">
      <c r="N495231" s="10"/>
    </row>
    <row r="495232" spans="14:14">
      <c r="N495232" s="10"/>
    </row>
    <row r="495233" spans="14:14">
      <c r="N495233" s="10"/>
    </row>
    <row r="495234" spans="14:14">
      <c r="N495234" s="10"/>
    </row>
    <row r="495235" spans="14:14">
      <c r="N495235" s="10"/>
    </row>
    <row r="495236" spans="14:14">
      <c r="N495236" s="10"/>
    </row>
    <row r="495237" spans="14:14">
      <c r="N495237" s="10"/>
    </row>
    <row r="495238" spans="14:14">
      <c r="N495238" s="10"/>
    </row>
    <row r="495239" spans="14:14">
      <c r="N495239" s="10"/>
    </row>
    <row r="495240" spans="14:14">
      <c r="N495240" s="10"/>
    </row>
    <row r="495241" spans="14:14">
      <c r="N495241" s="10"/>
    </row>
    <row r="495242" spans="14:14">
      <c r="N495242" s="10"/>
    </row>
    <row r="495243" spans="14:14">
      <c r="N495243" s="10"/>
    </row>
    <row r="495244" spans="14:14">
      <c r="N495244" s="10"/>
    </row>
    <row r="495245" spans="14:14">
      <c r="N495245" s="10"/>
    </row>
    <row r="495246" spans="14:14">
      <c r="N495246" s="10"/>
    </row>
    <row r="495247" spans="14:14">
      <c r="N495247" s="10"/>
    </row>
    <row r="495248" spans="14:14">
      <c r="N495248" s="10"/>
    </row>
    <row r="495249" spans="14:14">
      <c r="N495249" s="10"/>
    </row>
    <row r="495250" spans="14:14">
      <c r="N495250" s="10"/>
    </row>
    <row r="495251" spans="14:14">
      <c r="N495251" s="10"/>
    </row>
    <row r="495252" spans="14:14">
      <c r="N495252" s="10"/>
    </row>
    <row r="495253" spans="14:14">
      <c r="N495253" s="10"/>
    </row>
    <row r="495254" spans="14:14">
      <c r="N495254" s="10"/>
    </row>
    <row r="495255" spans="14:14">
      <c r="N495255" s="10"/>
    </row>
    <row r="495256" spans="14:14">
      <c r="N495256" s="10"/>
    </row>
    <row r="495257" spans="14:14">
      <c r="N495257" s="10"/>
    </row>
    <row r="495258" spans="14:14">
      <c r="N495258" s="10"/>
    </row>
    <row r="495259" spans="14:14">
      <c r="N495259" s="10"/>
    </row>
    <row r="495260" spans="14:14">
      <c r="N495260" s="10"/>
    </row>
    <row r="495261" spans="14:14">
      <c r="N495261" s="10"/>
    </row>
    <row r="495262" spans="14:14">
      <c r="N495262" s="10"/>
    </row>
    <row r="495263" spans="14:14">
      <c r="N495263" s="10"/>
    </row>
    <row r="495264" spans="14:14">
      <c r="N495264" s="10"/>
    </row>
    <row r="495265" spans="14:14">
      <c r="N495265" s="10"/>
    </row>
    <row r="495266" spans="14:14">
      <c r="N495266" s="10"/>
    </row>
    <row r="495267" spans="14:14">
      <c r="N495267" s="10"/>
    </row>
    <row r="495268" spans="14:14">
      <c r="N495268" s="10"/>
    </row>
    <row r="495269" spans="14:14">
      <c r="N495269" s="10"/>
    </row>
    <row r="495270" spans="14:14">
      <c r="N495270" s="10"/>
    </row>
    <row r="495271" spans="14:14">
      <c r="N495271" s="10"/>
    </row>
    <row r="495272" spans="14:14">
      <c r="N495272" s="10"/>
    </row>
    <row r="495273" spans="14:14">
      <c r="N495273" s="10"/>
    </row>
    <row r="495274" spans="14:14">
      <c r="N495274" s="10"/>
    </row>
    <row r="495275" spans="14:14">
      <c r="N495275" s="10"/>
    </row>
    <row r="495276" spans="14:14">
      <c r="N495276" s="10"/>
    </row>
    <row r="495277" spans="14:14">
      <c r="N495277" s="10"/>
    </row>
    <row r="495278" spans="14:14">
      <c r="N495278" s="10"/>
    </row>
    <row r="495279" spans="14:14">
      <c r="N495279" s="10"/>
    </row>
    <row r="495280" spans="14:14">
      <c r="N495280" s="10"/>
    </row>
    <row r="495281" spans="14:14">
      <c r="N495281" s="10"/>
    </row>
    <row r="495282" spans="14:14">
      <c r="N495282" s="10"/>
    </row>
    <row r="495283" spans="14:14">
      <c r="N495283" s="10"/>
    </row>
    <row r="495284" spans="14:14">
      <c r="N495284" s="10"/>
    </row>
    <row r="495285" spans="14:14">
      <c r="N495285" s="10"/>
    </row>
    <row r="495286" spans="14:14">
      <c r="N495286" s="10"/>
    </row>
    <row r="495287" spans="14:14">
      <c r="N495287" s="10"/>
    </row>
    <row r="495288" spans="14:14">
      <c r="N495288" s="10"/>
    </row>
    <row r="495289" spans="14:14">
      <c r="N495289" s="10"/>
    </row>
    <row r="495290" spans="14:14">
      <c r="N495290" s="10"/>
    </row>
    <row r="495291" spans="14:14">
      <c r="N495291" s="10"/>
    </row>
    <row r="495292" spans="14:14">
      <c r="N495292" s="10"/>
    </row>
    <row r="495293" spans="14:14">
      <c r="N495293" s="10"/>
    </row>
    <row r="495294" spans="14:14">
      <c r="N495294" s="10"/>
    </row>
    <row r="495295" spans="14:14">
      <c r="N495295" s="10"/>
    </row>
    <row r="495296" spans="14:14">
      <c r="N495296" s="10"/>
    </row>
    <row r="495297" spans="14:14">
      <c r="N495297" s="10"/>
    </row>
    <row r="495298" spans="14:14">
      <c r="N495298" s="10"/>
    </row>
    <row r="495299" spans="14:14">
      <c r="N495299" s="10"/>
    </row>
    <row r="495300" spans="14:14">
      <c r="N495300" s="10"/>
    </row>
    <row r="495301" spans="14:14">
      <c r="N495301" s="10"/>
    </row>
    <row r="495302" spans="14:14">
      <c r="N495302" s="10"/>
    </row>
    <row r="495303" spans="14:14">
      <c r="N495303" s="10"/>
    </row>
    <row r="495304" spans="14:14">
      <c r="N495304" s="10"/>
    </row>
    <row r="495305" spans="14:14">
      <c r="N495305" s="10"/>
    </row>
    <row r="495306" spans="14:14">
      <c r="N495306" s="10"/>
    </row>
    <row r="495307" spans="14:14">
      <c r="N495307" s="10"/>
    </row>
    <row r="495308" spans="14:14">
      <c r="N495308" s="10"/>
    </row>
    <row r="495309" spans="14:14">
      <c r="N495309" s="10"/>
    </row>
    <row r="495310" spans="14:14">
      <c r="N495310" s="10"/>
    </row>
    <row r="495311" spans="14:14">
      <c r="N495311" s="10"/>
    </row>
    <row r="495312" spans="14:14">
      <c r="N495312" s="10"/>
    </row>
    <row r="495313" spans="14:14">
      <c r="N495313" s="10"/>
    </row>
    <row r="495314" spans="14:14">
      <c r="N495314" s="10"/>
    </row>
    <row r="495315" spans="14:14">
      <c r="N495315" s="10"/>
    </row>
    <row r="495316" spans="14:14">
      <c r="N495316" s="10"/>
    </row>
    <row r="495317" spans="14:14">
      <c r="N495317" s="10"/>
    </row>
    <row r="495318" spans="14:14">
      <c r="N495318" s="10"/>
    </row>
    <row r="495319" spans="14:14">
      <c r="N495319" s="10"/>
    </row>
    <row r="495320" spans="14:14">
      <c r="N495320" s="10"/>
    </row>
    <row r="495321" spans="14:14">
      <c r="N495321" s="10"/>
    </row>
    <row r="495322" spans="14:14">
      <c r="N495322" s="10"/>
    </row>
    <row r="495323" spans="14:14">
      <c r="N495323" s="10"/>
    </row>
    <row r="495324" spans="14:14">
      <c r="N495324" s="10"/>
    </row>
    <row r="495325" spans="14:14">
      <c r="N495325" s="10"/>
    </row>
    <row r="495326" spans="14:14">
      <c r="N495326" s="10"/>
    </row>
    <row r="495327" spans="14:14">
      <c r="N495327" s="10"/>
    </row>
    <row r="495328" spans="14:14">
      <c r="N495328" s="10"/>
    </row>
    <row r="495329" spans="14:14">
      <c r="N495329" s="10"/>
    </row>
    <row r="495330" spans="14:14">
      <c r="N495330" s="10"/>
    </row>
    <row r="495331" spans="14:14">
      <c r="N495331" s="10"/>
    </row>
    <row r="495332" spans="14:14">
      <c r="N495332" s="10"/>
    </row>
    <row r="495333" spans="14:14">
      <c r="N495333" s="10"/>
    </row>
    <row r="495334" spans="14:14">
      <c r="N495334" s="10"/>
    </row>
    <row r="495335" spans="14:14">
      <c r="N495335" s="10"/>
    </row>
    <row r="495336" spans="14:14">
      <c r="N495336" s="10"/>
    </row>
    <row r="495337" spans="14:14">
      <c r="N495337" s="10"/>
    </row>
    <row r="495338" spans="14:14">
      <c r="N495338" s="10"/>
    </row>
    <row r="495339" spans="14:14">
      <c r="N495339" s="10"/>
    </row>
    <row r="495340" spans="14:14">
      <c r="N495340" s="10"/>
    </row>
    <row r="495341" spans="14:14">
      <c r="N495341" s="10"/>
    </row>
    <row r="495342" spans="14:14">
      <c r="N495342" s="10"/>
    </row>
    <row r="495343" spans="14:14">
      <c r="N495343" s="10"/>
    </row>
    <row r="495344" spans="14:14">
      <c r="N495344" s="10"/>
    </row>
    <row r="495345" spans="14:14">
      <c r="N495345" s="10"/>
    </row>
    <row r="495346" spans="14:14">
      <c r="N495346" s="10"/>
    </row>
    <row r="495347" spans="14:14">
      <c r="N495347" s="10"/>
    </row>
    <row r="495348" spans="14:14">
      <c r="N495348" s="10"/>
    </row>
    <row r="495349" spans="14:14">
      <c r="N495349" s="10"/>
    </row>
    <row r="495350" spans="14:14">
      <c r="N495350" s="10"/>
    </row>
    <row r="495351" spans="14:14">
      <c r="N495351" s="10"/>
    </row>
    <row r="495352" spans="14:14">
      <c r="N495352" s="10"/>
    </row>
    <row r="495353" spans="14:14">
      <c r="N495353" s="10"/>
    </row>
    <row r="495354" spans="14:14">
      <c r="N495354" s="10"/>
    </row>
    <row r="495355" spans="14:14">
      <c r="N495355" s="10"/>
    </row>
    <row r="495356" spans="14:14">
      <c r="N495356" s="10"/>
    </row>
    <row r="495357" spans="14:14">
      <c r="N495357" s="10"/>
    </row>
    <row r="495358" spans="14:14">
      <c r="N495358" s="10"/>
    </row>
    <row r="495359" spans="14:14">
      <c r="N495359" s="10"/>
    </row>
    <row r="495360" spans="14:14">
      <c r="N495360" s="10"/>
    </row>
    <row r="495361" spans="14:14">
      <c r="N495361" s="10"/>
    </row>
    <row r="495362" spans="14:14">
      <c r="N495362" s="10"/>
    </row>
    <row r="495363" spans="14:14">
      <c r="N495363" s="10"/>
    </row>
    <row r="495364" spans="14:14">
      <c r="N495364" s="10"/>
    </row>
    <row r="495365" spans="14:14">
      <c r="N495365" s="10"/>
    </row>
    <row r="495366" spans="14:14">
      <c r="N495366" s="10"/>
    </row>
    <row r="495367" spans="14:14">
      <c r="N495367" s="10"/>
    </row>
    <row r="495368" spans="14:14">
      <c r="N495368" s="10"/>
    </row>
    <row r="495369" spans="14:14">
      <c r="N495369" s="10"/>
    </row>
    <row r="495370" spans="14:14">
      <c r="N495370" s="10"/>
    </row>
    <row r="495371" spans="14:14">
      <c r="N495371" s="10"/>
    </row>
    <row r="495372" spans="14:14">
      <c r="N495372" s="10"/>
    </row>
    <row r="495373" spans="14:14">
      <c r="N495373" s="10"/>
    </row>
    <row r="495374" spans="14:14">
      <c r="N495374" s="10"/>
    </row>
    <row r="495375" spans="14:14">
      <c r="N495375" s="10"/>
    </row>
    <row r="495376" spans="14:14">
      <c r="N495376" s="10"/>
    </row>
    <row r="495377" spans="14:14">
      <c r="N495377" s="10"/>
    </row>
    <row r="495378" spans="14:14">
      <c r="N495378" s="10"/>
    </row>
    <row r="495379" spans="14:14">
      <c r="N495379" s="10"/>
    </row>
    <row r="495380" spans="14:14">
      <c r="N495380" s="10"/>
    </row>
    <row r="495381" spans="14:14">
      <c r="N495381" s="10"/>
    </row>
    <row r="495382" spans="14:14">
      <c r="N495382" s="10"/>
    </row>
    <row r="495383" spans="14:14">
      <c r="N495383" s="10"/>
    </row>
    <row r="495384" spans="14:14">
      <c r="N495384" s="10"/>
    </row>
    <row r="495385" spans="14:14">
      <c r="N495385" s="10"/>
    </row>
    <row r="495386" spans="14:14">
      <c r="N495386" s="10"/>
    </row>
    <row r="495387" spans="14:14">
      <c r="N495387" s="10"/>
    </row>
    <row r="495388" spans="14:14">
      <c r="N495388" s="10"/>
    </row>
    <row r="495389" spans="14:14">
      <c r="N495389" s="10"/>
    </row>
    <row r="495390" spans="14:14">
      <c r="N495390" s="10"/>
    </row>
    <row r="495391" spans="14:14">
      <c r="N495391" s="10"/>
    </row>
    <row r="495392" spans="14:14">
      <c r="N495392" s="10"/>
    </row>
    <row r="495393" spans="14:14">
      <c r="N495393" s="10"/>
    </row>
    <row r="495394" spans="14:14">
      <c r="N495394" s="10"/>
    </row>
    <row r="495395" spans="14:14">
      <c r="N495395" s="10"/>
    </row>
    <row r="495396" spans="14:14">
      <c r="N495396" s="10"/>
    </row>
    <row r="495397" spans="14:14">
      <c r="N495397" s="10"/>
    </row>
    <row r="495398" spans="14:14">
      <c r="N495398" s="10"/>
    </row>
    <row r="495399" spans="14:14">
      <c r="N495399" s="10"/>
    </row>
    <row r="495400" spans="14:14">
      <c r="N495400" s="10"/>
    </row>
    <row r="495401" spans="14:14">
      <c r="N495401" s="10"/>
    </row>
    <row r="495402" spans="14:14">
      <c r="N495402" s="10"/>
    </row>
    <row r="495403" spans="14:14">
      <c r="N495403" s="10"/>
    </row>
    <row r="495404" spans="14:14">
      <c r="N495404" s="10"/>
    </row>
    <row r="495405" spans="14:14">
      <c r="N495405" s="10"/>
    </row>
    <row r="495406" spans="14:14">
      <c r="N495406" s="10"/>
    </row>
    <row r="495407" spans="14:14">
      <c r="N495407" s="10"/>
    </row>
    <row r="495408" spans="14:14">
      <c r="N495408" s="10"/>
    </row>
    <row r="495409" spans="14:14">
      <c r="N495409" s="10"/>
    </row>
    <row r="495410" spans="14:14">
      <c r="N495410" s="10"/>
    </row>
    <row r="495411" spans="14:14">
      <c r="N495411" s="10"/>
    </row>
    <row r="495412" spans="14:14">
      <c r="N495412" s="10"/>
    </row>
    <row r="495413" spans="14:14">
      <c r="N495413" s="10"/>
    </row>
    <row r="495414" spans="14:14">
      <c r="N495414" s="10"/>
    </row>
    <row r="495415" spans="14:14">
      <c r="N495415" s="10"/>
    </row>
    <row r="495416" spans="14:14">
      <c r="N495416" s="10"/>
    </row>
    <row r="495417" spans="14:14">
      <c r="N495417" s="10"/>
    </row>
    <row r="495418" spans="14:14">
      <c r="N495418" s="10"/>
    </row>
    <row r="495419" spans="14:14">
      <c r="N495419" s="10"/>
    </row>
    <row r="495420" spans="14:14">
      <c r="N495420" s="10"/>
    </row>
    <row r="495421" spans="14:14">
      <c r="N495421" s="10"/>
    </row>
    <row r="495422" spans="14:14">
      <c r="N495422" s="10"/>
    </row>
    <row r="495423" spans="14:14">
      <c r="N495423" s="10"/>
    </row>
    <row r="495424" spans="14:14">
      <c r="N495424" s="10"/>
    </row>
    <row r="495425" spans="14:14">
      <c r="N495425" s="10"/>
    </row>
    <row r="495426" spans="14:14">
      <c r="N495426" s="10"/>
    </row>
    <row r="495427" spans="14:14">
      <c r="N495427" s="10"/>
    </row>
    <row r="495428" spans="14:14">
      <c r="N495428" s="10"/>
    </row>
    <row r="495429" spans="14:14">
      <c r="N495429" s="10"/>
    </row>
    <row r="495430" spans="14:14">
      <c r="N495430" s="10"/>
    </row>
    <row r="495431" spans="14:14">
      <c r="N495431" s="10"/>
    </row>
    <row r="495432" spans="14:14">
      <c r="N495432" s="10"/>
    </row>
    <row r="495433" spans="14:14">
      <c r="N495433" s="10"/>
    </row>
    <row r="495434" spans="14:14">
      <c r="N495434" s="10"/>
    </row>
    <row r="495435" spans="14:14">
      <c r="N495435" s="10"/>
    </row>
    <row r="495436" spans="14:14">
      <c r="N495436" s="10"/>
    </row>
    <row r="495437" spans="14:14">
      <c r="N495437" s="10"/>
    </row>
    <row r="495438" spans="14:14">
      <c r="N495438" s="10"/>
    </row>
    <row r="495439" spans="14:14">
      <c r="N495439" s="10"/>
    </row>
    <row r="495440" spans="14:14">
      <c r="N495440" s="10"/>
    </row>
    <row r="495441" spans="14:14">
      <c r="N495441" s="10"/>
    </row>
    <row r="495442" spans="14:14">
      <c r="N495442" s="10"/>
    </row>
    <row r="495443" spans="14:14">
      <c r="N495443" s="10"/>
    </row>
    <row r="495444" spans="14:14">
      <c r="N495444" s="10"/>
    </row>
    <row r="495445" spans="14:14">
      <c r="N495445" s="10"/>
    </row>
    <row r="495446" spans="14:14">
      <c r="N495446" s="10"/>
    </row>
    <row r="495447" spans="14:14">
      <c r="N495447" s="10"/>
    </row>
    <row r="495448" spans="14:14">
      <c r="N495448" s="10"/>
    </row>
    <row r="495449" spans="14:14">
      <c r="N495449" s="10"/>
    </row>
    <row r="495450" spans="14:14">
      <c r="N495450" s="10"/>
    </row>
    <row r="495451" spans="14:14">
      <c r="N495451" s="10"/>
    </row>
    <row r="495452" spans="14:14">
      <c r="N495452" s="10"/>
    </row>
    <row r="495453" spans="14:14">
      <c r="N495453" s="10"/>
    </row>
    <row r="495454" spans="14:14">
      <c r="N495454" s="10"/>
    </row>
    <row r="495455" spans="14:14">
      <c r="N495455" s="10"/>
    </row>
    <row r="495456" spans="14:14">
      <c r="N495456" s="10"/>
    </row>
    <row r="495457" spans="14:14">
      <c r="N495457" s="10"/>
    </row>
    <row r="495458" spans="14:14">
      <c r="N495458" s="10"/>
    </row>
    <row r="495459" spans="14:14">
      <c r="N495459" s="10"/>
    </row>
    <row r="495460" spans="14:14">
      <c r="N495460" s="10"/>
    </row>
    <row r="495461" spans="14:14">
      <c r="N495461" s="10"/>
    </row>
    <row r="495462" spans="14:14">
      <c r="N495462" s="10"/>
    </row>
    <row r="495463" spans="14:14">
      <c r="N495463" s="10"/>
    </row>
    <row r="495464" spans="14:14">
      <c r="N495464" s="10"/>
    </row>
    <row r="495465" spans="14:14">
      <c r="N495465" s="10"/>
    </row>
    <row r="495466" spans="14:14">
      <c r="N495466" s="10"/>
    </row>
    <row r="495467" spans="14:14">
      <c r="N495467" s="10"/>
    </row>
    <row r="495468" spans="14:14">
      <c r="N495468" s="10"/>
    </row>
    <row r="495469" spans="14:14">
      <c r="N495469" s="10"/>
    </row>
    <row r="495470" spans="14:14">
      <c r="N495470" s="10"/>
    </row>
    <row r="495471" spans="14:14">
      <c r="N495471" s="10"/>
    </row>
    <row r="495472" spans="14:14">
      <c r="N495472" s="10"/>
    </row>
    <row r="495473" spans="14:14">
      <c r="N495473" s="10"/>
    </row>
    <row r="495474" spans="14:14">
      <c r="N495474" s="10"/>
    </row>
    <row r="495475" spans="14:14">
      <c r="N495475" s="10"/>
    </row>
    <row r="495476" spans="14:14">
      <c r="N495476" s="10"/>
    </row>
    <row r="495477" spans="14:14">
      <c r="N495477" s="10"/>
    </row>
    <row r="495478" spans="14:14">
      <c r="N495478" s="10"/>
    </row>
    <row r="495479" spans="14:14">
      <c r="N495479" s="10"/>
    </row>
    <row r="495480" spans="14:14">
      <c r="N495480" s="10"/>
    </row>
    <row r="495481" spans="14:14">
      <c r="N495481" s="10"/>
    </row>
    <row r="495482" spans="14:14">
      <c r="N495482" s="10"/>
    </row>
    <row r="495483" spans="14:14">
      <c r="N495483" s="10"/>
    </row>
    <row r="495484" spans="14:14">
      <c r="N495484" s="10"/>
    </row>
    <row r="495485" spans="14:14">
      <c r="N495485" s="10"/>
    </row>
    <row r="495486" spans="14:14">
      <c r="N495486" s="10"/>
    </row>
    <row r="495487" spans="14:14">
      <c r="N495487" s="10"/>
    </row>
    <row r="495488" spans="14:14">
      <c r="N495488" s="10"/>
    </row>
    <row r="495489" spans="14:14">
      <c r="N495489" s="10"/>
    </row>
    <row r="495490" spans="14:14">
      <c r="N495490" s="10"/>
    </row>
    <row r="495491" spans="14:14">
      <c r="N495491" s="10"/>
    </row>
    <row r="495492" spans="14:14">
      <c r="N495492" s="10"/>
    </row>
    <row r="495493" spans="14:14">
      <c r="N495493" s="10"/>
    </row>
    <row r="495494" spans="14:14">
      <c r="N495494" s="10"/>
    </row>
    <row r="495495" spans="14:14">
      <c r="N495495" s="10"/>
    </row>
    <row r="495496" spans="14:14">
      <c r="N495496" s="10"/>
    </row>
    <row r="495497" spans="14:14">
      <c r="N495497" s="10"/>
    </row>
    <row r="495498" spans="14:14">
      <c r="N495498" s="10"/>
    </row>
    <row r="495499" spans="14:14">
      <c r="N495499" s="10"/>
    </row>
    <row r="495500" spans="14:14">
      <c r="N495500" s="10"/>
    </row>
    <row r="495501" spans="14:14">
      <c r="N495501" s="10"/>
    </row>
    <row r="495502" spans="14:14">
      <c r="N495502" s="10"/>
    </row>
    <row r="495503" spans="14:14">
      <c r="N495503" s="10"/>
    </row>
    <row r="495504" spans="14:14">
      <c r="N495504" s="10"/>
    </row>
    <row r="495505" spans="14:14">
      <c r="N495505" s="10"/>
    </row>
    <row r="495506" spans="14:14">
      <c r="N495506" s="10"/>
    </row>
    <row r="495507" spans="14:14">
      <c r="N495507" s="10"/>
    </row>
    <row r="495508" spans="14:14">
      <c r="N495508" s="10"/>
    </row>
    <row r="495509" spans="14:14">
      <c r="N495509" s="10"/>
    </row>
    <row r="495510" spans="14:14">
      <c r="N495510" s="10"/>
    </row>
    <row r="495511" spans="14:14">
      <c r="N495511" s="10"/>
    </row>
    <row r="495512" spans="14:14">
      <c r="N495512" s="10"/>
    </row>
    <row r="495513" spans="14:14">
      <c r="N495513" s="10"/>
    </row>
    <row r="495514" spans="14:14">
      <c r="N495514" s="10"/>
    </row>
    <row r="495515" spans="14:14">
      <c r="N495515" s="10"/>
    </row>
    <row r="495516" spans="14:14">
      <c r="N495516" s="10"/>
    </row>
    <row r="495517" spans="14:14">
      <c r="N495517" s="10"/>
    </row>
    <row r="495518" spans="14:14">
      <c r="N495518" s="10"/>
    </row>
    <row r="495519" spans="14:14">
      <c r="N495519" s="10"/>
    </row>
    <row r="495520" spans="14:14">
      <c r="N495520" s="10"/>
    </row>
    <row r="495521" spans="14:14">
      <c r="N495521" s="10"/>
    </row>
    <row r="495522" spans="14:14">
      <c r="N495522" s="10"/>
    </row>
    <row r="495523" spans="14:14">
      <c r="N495523" s="10"/>
    </row>
    <row r="495524" spans="14:14">
      <c r="N495524" s="10"/>
    </row>
    <row r="495525" spans="14:14">
      <c r="N495525" s="10"/>
    </row>
    <row r="495526" spans="14:14">
      <c r="N495526" s="10"/>
    </row>
    <row r="495527" spans="14:14">
      <c r="N495527" s="10"/>
    </row>
    <row r="495528" spans="14:14">
      <c r="N495528" s="10"/>
    </row>
    <row r="495529" spans="14:14">
      <c r="N495529" s="10"/>
    </row>
    <row r="495530" spans="14:14">
      <c r="N495530" s="10"/>
    </row>
    <row r="495531" spans="14:14">
      <c r="N495531" s="10"/>
    </row>
    <row r="495532" spans="14:14">
      <c r="N495532" s="10"/>
    </row>
    <row r="495533" spans="14:14">
      <c r="N495533" s="10"/>
    </row>
    <row r="495534" spans="14:14">
      <c r="N495534" s="10"/>
    </row>
    <row r="495535" spans="14:14">
      <c r="N495535" s="10"/>
    </row>
    <row r="495536" spans="14:14">
      <c r="N495536" s="10"/>
    </row>
    <row r="495537" spans="14:14">
      <c r="N495537" s="10"/>
    </row>
    <row r="495538" spans="14:14">
      <c r="N495538" s="10"/>
    </row>
    <row r="495539" spans="14:14">
      <c r="N495539" s="10"/>
    </row>
    <row r="495540" spans="14:14">
      <c r="N495540" s="10"/>
    </row>
    <row r="495541" spans="14:14">
      <c r="N495541" s="10"/>
    </row>
    <row r="495542" spans="14:14">
      <c r="N495542" s="10"/>
    </row>
    <row r="495543" spans="14:14">
      <c r="N495543" s="10"/>
    </row>
    <row r="495544" spans="14:14">
      <c r="N495544" s="10"/>
    </row>
    <row r="495545" spans="14:14">
      <c r="N495545" s="10"/>
    </row>
    <row r="495546" spans="14:14">
      <c r="N495546" s="10"/>
    </row>
    <row r="495547" spans="14:14">
      <c r="N495547" s="10"/>
    </row>
    <row r="495548" spans="14:14">
      <c r="N495548" s="10"/>
    </row>
    <row r="495549" spans="14:14">
      <c r="N495549" s="10"/>
    </row>
    <row r="495550" spans="14:14">
      <c r="N495550" s="10"/>
    </row>
    <row r="495551" spans="14:14">
      <c r="N495551" s="10"/>
    </row>
    <row r="495552" spans="14:14">
      <c r="N495552" s="10"/>
    </row>
    <row r="495553" spans="14:14">
      <c r="N495553" s="10"/>
    </row>
    <row r="495554" spans="14:14">
      <c r="N495554" s="10"/>
    </row>
    <row r="495555" spans="14:14">
      <c r="N495555" s="10"/>
    </row>
    <row r="495556" spans="14:14">
      <c r="N495556" s="10"/>
    </row>
    <row r="495557" spans="14:14">
      <c r="N495557" s="10"/>
    </row>
    <row r="495558" spans="14:14">
      <c r="N495558" s="10"/>
    </row>
    <row r="495559" spans="14:14">
      <c r="N495559" s="10"/>
    </row>
    <row r="495560" spans="14:14">
      <c r="N495560" s="10"/>
    </row>
    <row r="495561" spans="14:14">
      <c r="N495561" s="10"/>
    </row>
    <row r="495562" spans="14:14">
      <c r="N495562" s="10"/>
    </row>
    <row r="495563" spans="14:14">
      <c r="N495563" s="10"/>
    </row>
    <row r="495564" spans="14:14">
      <c r="N495564" s="10"/>
    </row>
    <row r="495565" spans="14:14">
      <c r="N495565" s="10"/>
    </row>
    <row r="495566" spans="14:14">
      <c r="N495566" s="10"/>
    </row>
    <row r="495567" spans="14:14">
      <c r="N495567" s="10"/>
    </row>
    <row r="495568" spans="14:14">
      <c r="N495568" s="10"/>
    </row>
    <row r="495569" spans="14:14">
      <c r="N495569" s="10"/>
    </row>
    <row r="495570" spans="14:14">
      <c r="N495570" s="10"/>
    </row>
    <row r="495571" spans="14:14">
      <c r="N495571" s="10"/>
    </row>
    <row r="495572" spans="14:14">
      <c r="N495572" s="10"/>
    </row>
    <row r="495573" spans="14:14">
      <c r="N495573" s="10"/>
    </row>
    <row r="495574" spans="14:14">
      <c r="N495574" s="10"/>
    </row>
    <row r="495575" spans="14:14">
      <c r="N495575" s="10"/>
    </row>
    <row r="495576" spans="14:14">
      <c r="N495576" s="10"/>
    </row>
    <row r="495577" spans="14:14">
      <c r="N495577" s="10"/>
    </row>
    <row r="495578" spans="14:14">
      <c r="N495578" s="10"/>
    </row>
    <row r="495579" spans="14:14">
      <c r="N495579" s="10"/>
    </row>
    <row r="495580" spans="14:14">
      <c r="N495580" s="10"/>
    </row>
    <row r="495581" spans="14:14">
      <c r="N495581" s="10"/>
    </row>
    <row r="495582" spans="14:14">
      <c r="N495582" s="10"/>
    </row>
    <row r="495583" spans="14:14">
      <c r="N495583" s="10"/>
    </row>
    <row r="495584" spans="14:14">
      <c r="N495584" s="10"/>
    </row>
    <row r="495585" spans="14:14">
      <c r="N495585" s="10"/>
    </row>
    <row r="495586" spans="14:14">
      <c r="N495586" s="10"/>
    </row>
    <row r="495587" spans="14:14">
      <c r="N495587" s="10"/>
    </row>
    <row r="495588" spans="14:14">
      <c r="N495588" s="10"/>
    </row>
    <row r="495589" spans="14:14">
      <c r="N495589" s="10"/>
    </row>
    <row r="495590" spans="14:14">
      <c r="N495590" s="10"/>
    </row>
    <row r="495591" spans="14:14">
      <c r="N495591" s="10"/>
    </row>
    <row r="495592" spans="14:14">
      <c r="N495592" s="10"/>
    </row>
    <row r="495593" spans="14:14">
      <c r="N495593" s="10"/>
    </row>
    <row r="495594" spans="14:14">
      <c r="N495594" s="10"/>
    </row>
    <row r="495595" spans="14:14">
      <c r="N495595" s="10"/>
    </row>
    <row r="495596" spans="14:14">
      <c r="N495596" s="10"/>
    </row>
    <row r="495597" spans="14:14">
      <c r="N495597" s="10"/>
    </row>
    <row r="495598" spans="14:14">
      <c r="N495598" s="10"/>
    </row>
    <row r="495599" spans="14:14">
      <c r="N495599" s="10"/>
    </row>
    <row r="495600" spans="14:14">
      <c r="N495600" s="10"/>
    </row>
    <row r="495601" spans="14:14">
      <c r="N495601" s="10"/>
    </row>
    <row r="495602" spans="14:14">
      <c r="N495602" s="10"/>
    </row>
    <row r="495603" spans="14:14">
      <c r="N495603" s="10"/>
    </row>
    <row r="495604" spans="14:14">
      <c r="N495604" s="10"/>
    </row>
    <row r="495605" spans="14:14">
      <c r="N495605" s="10"/>
    </row>
    <row r="495606" spans="14:14">
      <c r="N495606" s="10"/>
    </row>
    <row r="495607" spans="14:14">
      <c r="N495607" s="10"/>
    </row>
    <row r="495608" spans="14:14">
      <c r="N495608" s="10"/>
    </row>
    <row r="495609" spans="14:14">
      <c r="N495609" s="10"/>
    </row>
    <row r="495610" spans="14:14">
      <c r="N495610" s="10"/>
    </row>
    <row r="495611" spans="14:14">
      <c r="N495611" s="10"/>
    </row>
    <row r="495612" spans="14:14">
      <c r="N495612" s="10"/>
    </row>
    <row r="495613" spans="14:14">
      <c r="N495613" s="10"/>
    </row>
    <row r="495614" spans="14:14">
      <c r="N495614" s="10"/>
    </row>
    <row r="495615" spans="14:14">
      <c r="N495615" s="10"/>
    </row>
    <row r="495616" spans="14:14">
      <c r="N495616" s="10"/>
    </row>
    <row r="495617" spans="14:14">
      <c r="N495617" s="10"/>
    </row>
    <row r="495618" spans="14:14">
      <c r="N495618" s="10"/>
    </row>
    <row r="495619" spans="14:14">
      <c r="N495619" s="10"/>
    </row>
    <row r="495620" spans="14:14">
      <c r="N495620" s="10"/>
    </row>
    <row r="495621" spans="14:14">
      <c r="N495621" s="10"/>
    </row>
    <row r="495622" spans="14:14">
      <c r="N495622" s="10"/>
    </row>
    <row r="495623" spans="14:14">
      <c r="N495623" s="10"/>
    </row>
    <row r="495624" spans="14:14">
      <c r="N495624" s="10"/>
    </row>
    <row r="495625" spans="14:14">
      <c r="N495625" s="10"/>
    </row>
    <row r="495626" spans="14:14">
      <c r="N495626" s="10"/>
    </row>
    <row r="495627" spans="14:14">
      <c r="N495627" s="10"/>
    </row>
    <row r="495628" spans="14:14">
      <c r="N495628" s="10"/>
    </row>
    <row r="495629" spans="14:14">
      <c r="N495629" s="10"/>
    </row>
    <row r="495630" spans="14:14">
      <c r="N495630" s="10"/>
    </row>
    <row r="495631" spans="14:14">
      <c r="N495631" s="10"/>
    </row>
    <row r="495632" spans="14:14">
      <c r="N495632" s="10"/>
    </row>
    <row r="495633" spans="14:14">
      <c r="N495633" s="10"/>
    </row>
    <row r="495634" spans="14:14">
      <c r="N495634" s="10"/>
    </row>
    <row r="495635" spans="14:14">
      <c r="N495635" s="10"/>
    </row>
    <row r="495636" spans="14:14">
      <c r="N495636" s="10"/>
    </row>
    <row r="495637" spans="14:14">
      <c r="N495637" s="10"/>
    </row>
    <row r="495638" spans="14:14">
      <c r="N495638" s="10"/>
    </row>
    <row r="495639" spans="14:14">
      <c r="N495639" s="10"/>
    </row>
    <row r="495640" spans="14:14">
      <c r="N495640" s="10"/>
    </row>
    <row r="495641" spans="14:14">
      <c r="N495641" s="10"/>
    </row>
    <row r="495642" spans="14:14">
      <c r="N495642" s="10"/>
    </row>
    <row r="495643" spans="14:14">
      <c r="N495643" s="10"/>
    </row>
    <row r="495644" spans="14:14">
      <c r="N495644" s="10"/>
    </row>
    <row r="495645" spans="14:14">
      <c r="N495645" s="10"/>
    </row>
    <row r="495646" spans="14:14">
      <c r="N495646" s="10"/>
    </row>
    <row r="495647" spans="14:14">
      <c r="N495647" s="10"/>
    </row>
    <row r="495648" spans="14:14">
      <c r="N495648" s="10"/>
    </row>
    <row r="495649" spans="14:14">
      <c r="N495649" s="10"/>
    </row>
    <row r="495650" spans="14:14">
      <c r="N495650" s="10"/>
    </row>
    <row r="495651" spans="14:14">
      <c r="N495651" s="10"/>
    </row>
    <row r="495652" spans="14:14">
      <c r="N495652" s="10"/>
    </row>
    <row r="495653" spans="14:14">
      <c r="N495653" s="10"/>
    </row>
    <row r="495654" spans="14:14">
      <c r="N495654" s="10"/>
    </row>
    <row r="495655" spans="14:14">
      <c r="N495655" s="10"/>
    </row>
    <row r="495656" spans="14:14">
      <c r="N495656" s="10"/>
    </row>
    <row r="495657" spans="14:14">
      <c r="N495657" s="10"/>
    </row>
    <row r="495658" spans="14:14">
      <c r="N495658" s="10"/>
    </row>
    <row r="495659" spans="14:14">
      <c r="N495659" s="10"/>
    </row>
    <row r="495660" spans="14:14">
      <c r="N495660" s="10"/>
    </row>
    <row r="495661" spans="14:14">
      <c r="N495661" s="10"/>
    </row>
    <row r="495662" spans="14:14">
      <c r="N495662" s="10"/>
    </row>
    <row r="495663" spans="14:14">
      <c r="N495663" s="10"/>
    </row>
    <row r="495664" spans="14:14">
      <c r="N495664" s="10"/>
    </row>
    <row r="495665" spans="14:14">
      <c r="N495665" s="10"/>
    </row>
    <row r="495666" spans="14:14">
      <c r="N495666" s="10"/>
    </row>
    <row r="495667" spans="14:14">
      <c r="N495667" s="10"/>
    </row>
    <row r="495668" spans="14:14">
      <c r="N495668" s="10"/>
    </row>
    <row r="495669" spans="14:14">
      <c r="N495669" s="10"/>
    </row>
    <row r="495670" spans="14:14">
      <c r="N495670" s="10"/>
    </row>
    <row r="495671" spans="14:14">
      <c r="N495671" s="10"/>
    </row>
    <row r="495672" spans="14:14">
      <c r="N495672" s="10"/>
    </row>
    <row r="495673" spans="14:14">
      <c r="N495673" s="10"/>
    </row>
    <row r="495674" spans="14:14">
      <c r="N495674" s="10"/>
    </row>
    <row r="495675" spans="14:14">
      <c r="N495675" s="10"/>
    </row>
    <row r="495676" spans="14:14">
      <c r="N495676" s="10"/>
    </row>
    <row r="495677" spans="14:14">
      <c r="N495677" s="10"/>
    </row>
    <row r="495678" spans="14:14">
      <c r="N495678" s="10"/>
    </row>
    <row r="495679" spans="14:14">
      <c r="N495679" s="10"/>
    </row>
    <row r="495680" spans="14:14">
      <c r="N495680" s="10"/>
    </row>
    <row r="495681" spans="14:14">
      <c r="N495681" s="10"/>
    </row>
    <row r="495682" spans="14:14">
      <c r="N495682" s="10"/>
    </row>
    <row r="495683" spans="14:14">
      <c r="N495683" s="10"/>
    </row>
    <row r="495684" spans="14:14">
      <c r="N495684" s="10"/>
    </row>
    <row r="495685" spans="14:14">
      <c r="N495685" s="10"/>
    </row>
    <row r="495686" spans="14:14">
      <c r="N495686" s="10"/>
    </row>
    <row r="495687" spans="14:14">
      <c r="N495687" s="10"/>
    </row>
    <row r="495688" spans="14:14">
      <c r="N495688" s="10"/>
    </row>
    <row r="495689" spans="14:14">
      <c r="N495689" s="10"/>
    </row>
    <row r="495690" spans="14:14">
      <c r="N495690" s="10"/>
    </row>
    <row r="495691" spans="14:14">
      <c r="N495691" s="10"/>
    </row>
    <row r="495692" spans="14:14">
      <c r="N495692" s="10"/>
    </row>
    <row r="495693" spans="14:14">
      <c r="N495693" s="10"/>
    </row>
    <row r="495694" spans="14:14">
      <c r="N495694" s="10"/>
    </row>
    <row r="495695" spans="14:14">
      <c r="N495695" s="10"/>
    </row>
    <row r="495696" spans="14:14">
      <c r="N495696" s="10"/>
    </row>
    <row r="495697" spans="14:14">
      <c r="N495697" s="10"/>
    </row>
    <row r="495698" spans="14:14">
      <c r="N495698" s="10"/>
    </row>
    <row r="495699" spans="14:14">
      <c r="N495699" s="10"/>
    </row>
    <row r="495700" spans="14:14">
      <c r="N495700" s="10"/>
    </row>
    <row r="495701" spans="14:14">
      <c r="N495701" s="10"/>
    </row>
    <row r="495702" spans="14:14">
      <c r="N495702" s="10"/>
    </row>
    <row r="495703" spans="14:14">
      <c r="N495703" s="10"/>
    </row>
    <row r="495704" spans="14:14">
      <c r="N495704" s="10"/>
    </row>
    <row r="495705" spans="14:14">
      <c r="N495705" s="10"/>
    </row>
    <row r="495706" spans="14:14">
      <c r="N495706" s="10"/>
    </row>
    <row r="495707" spans="14:14">
      <c r="N495707" s="10"/>
    </row>
    <row r="495708" spans="14:14">
      <c r="N495708" s="10"/>
    </row>
    <row r="495709" spans="14:14">
      <c r="N495709" s="10"/>
    </row>
    <row r="495710" spans="14:14">
      <c r="N495710" s="10"/>
    </row>
    <row r="495711" spans="14:14">
      <c r="N495711" s="10"/>
    </row>
    <row r="495712" spans="14:14">
      <c r="N495712" s="10"/>
    </row>
    <row r="495713" spans="14:14">
      <c r="N495713" s="10"/>
    </row>
    <row r="495714" spans="14:14">
      <c r="N495714" s="10"/>
    </row>
    <row r="495715" spans="14:14">
      <c r="N495715" s="10"/>
    </row>
    <row r="495716" spans="14:14">
      <c r="N495716" s="10"/>
    </row>
    <row r="495717" spans="14:14">
      <c r="N495717" s="10"/>
    </row>
    <row r="495718" spans="14:14">
      <c r="N495718" s="10"/>
    </row>
    <row r="495719" spans="14:14">
      <c r="N495719" s="10"/>
    </row>
    <row r="495720" spans="14:14">
      <c r="N495720" s="10"/>
    </row>
    <row r="495721" spans="14:14">
      <c r="N495721" s="10"/>
    </row>
    <row r="495722" spans="14:14">
      <c r="N495722" s="10"/>
    </row>
    <row r="495723" spans="14:14">
      <c r="N495723" s="10"/>
    </row>
    <row r="495724" spans="14:14">
      <c r="N495724" s="10"/>
    </row>
    <row r="495725" spans="14:14">
      <c r="N495725" s="10"/>
    </row>
    <row r="495726" spans="14:14">
      <c r="N495726" s="10"/>
    </row>
    <row r="495727" spans="14:14">
      <c r="N495727" s="10"/>
    </row>
    <row r="495728" spans="14:14">
      <c r="N495728" s="10"/>
    </row>
    <row r="495729" spans="14:14">
      <c r="N495729" s="10"/>
    </row>
    <row r="495730" spans="14:14">
      <c r="N495730" s="10"/>
    </row>
    <row r="495731" spans="14:14">
      <c r="N495731" s="10"/>
    </row>
    <row r="495732" spans="14:14">
      <c r="N495732" s="10"/>
    </row>
    <row r="495733" spans="14:14">
      <c r="N495733" s="10"/>
    </row>
    <row r="495734" spans="14:14">
      <c r="N495734" s="10"/>
    </row>
    <row r="495735" spans="14:14">
      <c r="N495735" s="10"/>
    </row>
    <row r="495736" spans="14:14">
      <c r="N495736" s="10"/>
    </row>
    <row r="495737" spans="14:14">
      <c r="N495737" s="10"/>
    </row>
    <row r="495738" spans="14:14">
      <c r="N495738" s="10"/>
    </row>
    <row r="495739" spans="14:14">
      <c r="N495739" s="10"/>
    </row>
    <row r="495740" spans="14:14">
      <c r="N495740" s="10"/>
    </row>
    <row r="495741" spans="14:14">
      <c r="N495741" s="10"/>
    </row>
    <row r="495742" spans="14:14">
      <c r="N495742" s="10"/>
    </row>
    <row r="495743" spans="14:14">
      <c r="N495743" s="10"/>
    </row>
    <row r="495744" spans="14:14">
      <c r="N495744" s="10"/>
    </row>
    <row r="495745" spans="14:14">
      <c r="N495745" s="10"/>
    </row>
    <row r="495746" spans="14:14">
      <c r="N495746" s="10"/>
    </row>
    <row r="495747" spans="14:14">
      <c r="N495747" s="10"/>
    </row>
    <row r="495748" spans="14:14">
      <c r="N495748" s="10"/>
    </row>
    <row r="495749" spans="14:14">
      <c r="N495749" s="10"/>
    </row>
    <row r="495750" spans="14:14">
      <c r="N495750" s="10"/>
    </row>
    <row r="495751" spans="14:14">
      <c r="N495751" s="10"/>
    </row>
    <row r="495752" spans="14:14">
      <c r="N495752" s="10"/>
    </row>
    <row r="495753" spans="14:14">
      <c r="N495753" s="10"/>
    </row>
    <row r="495754" spans="14:14">
      <c r="N495754" s="10"/>
    </row>
    <row r="495755" spans="14:14">
      <c r="N495755" s="10"/>
    </row>
    <row r="495756" spans="14:14">
      <c r="N495756" s="10"/>
    </row>
    <row r="495757" spans="14:14">
      <c r="N495757" s="10"/>
    </row>
    <row r="495758" spans="14:14">
      <c r="N495758" s="10"/>
    </row>
    <row r="495759" spans="14:14">
      <c r="N495759" s="10"/>
    </row>
    <row r="495760" spans="14:14">
      <c r="N495760" s="10"/>
    </row>
    <row r="495761" spans="14:14">
      <c r="N495761" s="10"/>
    </row>
    <row r="495762" spans="14:14">
      <c r="N495762" s="10"/>
    </row>
    <row r="495763" spans="14:14">
      <c r="N495763" s="10"/>
    </row>
    <row r="495764" spans="14:14">
      <c r="N495764" s="10"/>
    </row>
    <row r="495765" spans="14:14">
      <c r="N495765" s="10"/>
    </row>
    <row r="495766" spans="14:14">
      <c r="N495766" s="10"/>
    </row>
    <row r="495767" spans="14:14">
      <c r="N495767" s="10"/>
    </row>
    <row r="495768" spans="14:14">
      <c r="N495768" s="10"/>
    </row>
    <row r="495769" spans="14:14">
      <c r="N495769" s="10"/>
    </row>
    <row r="495770" spans="14:14">
      <c r="N495770" s="10"/>
    </row>
    <row r="495771" spans="14:14">
      <c r="N495771" s="10"/>
    </row>
    <row r="495772" spans="14:14">
      <c r="N495772" s="10"/>
    </row>
    <row r="495773" spans="14:14">
      <c r="N495773" s="10"/>
    </row>
    <row r="495774" spans="14:14">
      <c r="N495774" s="10"/>
    </row>
    <row r="495775" spans="14:14">
      <c r="N495775" s="10"/>
    </row>
    <row r="495776" spans="14:14">
      <c r="N495776" s="10"/>
    </row>
    <row r="495777" spans="14:14">
      <c r="N495777" s="10"/>
    </row>
    <row r="495778" spans="14:14">
      <c r="N495778" s="10"/>
    </row>
    <row r="495779" spans="14:14">
      <c r="N495779" s="10"/>
    </row>
    <row r="495780" spans="14:14">
      <c r="N495780" s="10"/>
    </row>
    <row r="495781" spans="14:14">
      <c r="N495781" s="10"/>
    </row>
    <row r="495782" spans="14:14">
      <c r="N495782" s="10"/>
    </row>
    <row r="495783" spans="14:14">
      <c r="N495783" s="10"/>
    </row>
    <row r="495784" spans="14:14">
      <c r="N495784" s="10"/>
    </row>
    <row r="495785" spans="14:14">
      <c r="N495785" s="10"/>
    </row>
    <row r="495786" spans="14:14">
      <c r="N495786" s="10"/>
    </row>
    <row r="495787" spans="14:14">
      <c r="N495787" s="10"/>
    </row>
    <row r="495788" spans="14:14">
      <c r="N495788" s="10"/>
    </row>
    <row r="495789" spans="14:14">
      <c r="N495789" s="10"/>
    </row>
    <row r="495790" spans="14:14">
      <c r="N495790" s="10"/>
    </row>
    <row r="495791" spans="14:14">
      <c r="N495791" s="10"/>
    </row>
    <row r="495792" spans="14:14">
      <c r="N495792" s="10"/>
    </row>
    <row r="495793" spans="14:14">
      <c r="N495793" s="10"/>
    </row>
    <row r="495794" spans="14:14">
      <c r="N495794" s="10"/>
    </row>
    <row r="495795" spans="14:14">
      <c r="N495795" s="10"/>
    </row>
    <row r="495796" spans="14:14">
      <c r="N495796" s="10"/>
    </row>
    <row r="495797" spans="14:14">
      <c r="N495797" s="10"/>
    </row>
    <row r="495798" spans="14:14">
      <c r="N495798" s="10"/>
    </row>
    <row r="495799" spans="14:14">
      <c r="N495799" s="10"/>
    </row>
    <row r="495800" spans="14:14">
      <c r="N495800" s="10"/>
    </row>
    <row r="495801" spans="14:14">
      <c r="N495801" s="10"/>
    </row>
    <row r="495802" spans="14:14">
      <c r="N495802" s="10"/>
    </row>
    <row r="495803" spans="14:14">
      <c r="N495803" s="10"/>
    </row>
    <row r="495804" spans="14:14">
      <c r="N495804" s="10"/>
    </row>
    <row r="495805" spans="14:14">
      <c r="N495805" s="10"/>
    </row>
    <row r="495806" spans="14:14">
      <c r="N495806" s="10"/>
    </row>
    <row r="495807" spans="14:14">
      <c r="N495807" s="10"/>
    </row>
    <row r="495808" spans="14:14">
      <c r="N495808" s="10"/>
    </row>
    <row r="495809" spans="14:14">
      <c r="N495809" s="10"/>
    </row>
    <row r="495810" spans="14:14">
      <c r="N495810" s="10"/>
    </row>
    <row r="495811" spans="14:14">
      <c r="N495811" s="10"/>
    </row>
    <row r="495812" spans="14:14">
      <c r="N495812" s="10"/>
    </row>
    <row r="495813" spans="14:14">
      <c r="N495813" s="10"/>
    </row>
    <row r="495814" spans="14:14">
      <c r="N495814" s="10"/>
    </row>
    <row r="495815" spans="14:14">
      <c r="N495815" s="10"/>
    </row>
    <row r="495816" spans="14:14">
      <c r="N495816" s="10"/>
    </row>
    <row r="495817" spans="14:14">
      <c r="N495817" s="10"/>
    </row>
    <row r="495818" spans="14:14">
      <c r="N495818" s="10"/>
    </row>
    <row r="495819" spans="14:14">
      <c r="N495819" s="10"/>
    </row>
    <row r="495820" spans="14:14">
      <c r="N495820" s="10"/>
    </row>
    <row r="495821" spans="14:14">
      <c r="N495821" s="10"/>
    </row>
    <row r="495822" spans="14:14">
      <c r="N495822" s="10"/>
    </row>
    <row r="495823" spans="14:14">
      <c r="N495823" s="10"/>
    </row>
    <row r="495824" spans="14:14">
      <c r="N495824" s="10"/>
    </row>
    <row r="495825" spans="14:14">
      <c r="N495825" s="10"/>
    </row>
    <row r="495826" spans="14:14">
      <c r="N495826" s="10"/>
    </row>
    <row r="495827" spans="14:14">
      <c r="N495827" s="10"/>
    </row>
    <row r="495828" spans="14:14">
      <c r="N495828" s="10"/>
    </row>
    <row r="495829" spans="14:14">
      <c r="N495829" s="10"/>
    </row>
    <row r="495830" spans="14:14">
      <c r="N495830" s="10"/>
    </row>
    <row r="495831" spans="14:14">
      <c r="N495831" s="10"/>
    </row>
    <row r="495832" spans="14:14">
      <c r="N495832" s="10"/>
    </row>
    <row r="495833" spans="14:14">
      <c r="N495833" s="10"/>
    </row>
    <row r="495834" spans="14:14">
      <c r="N495834" s="10"/>
    </row>
    <row r="495835" spans="14:14">
      <c r="N495835" s="10"/>
    </row>
    <row r="495836" spans="14:14">
      <c r="N495836" s="10"/>
    </row>
    <row r="495837" spans="14:14">
      <c r="N495837" s="10"/>
    </row>
    <row r="495838" spans="14:14">
      <c r="N495838" s="10"/>
    </row>
    <row r="495839" spans="14:14">
      <c r="N495839" s="10"/>
    </row>
    <row r="495840" spans="14:14">
      <c r="N495840" s="10"/>
    </row>
    <row r="495841" spans="14:14">
      <c r="N495841" s="10"/>
    </row>
    <row r="495842" spans="14:14">
      <c r="N495842" s="10"/>
    </row>
    <row r="495843" spans="14:14">
      <c r="N495843" s="10"/>
    </row>
    <row r="495844" spans="14:14">
      <c r="N495844" s="10"/>
    </row>
    <row r="495845" spans="14:14">
      <c r="N495845" s="10"/>
    </row>
    <row r="495846" spans="14:14">
      <c r="N495846" s="10"/>
    </row>
    <row r="495847" spans="14:14">
      <c r="N495847" s="10"/>
    </row>
    <row r="495848" spans="14:14">
      <c r="N495848" s="10"/>
    </row>
    <row r="495849" spans="14:14">
      <c r="N495849" s="10"/>
    </row>
    <row r="495850" spans="14:14">
      <c r="N495850" s="10"/>
    </row>
    <row r="495851" spans="14:14">
      <c r="N495851" s="10"/>
    </row>
    <row r="495852" spans="14:14">
      <c r="N495852" s="10"/>
    </row>
    <row r="495853" spans="14:14">
      <c r="N495853" s="10"/>
    </row>
    <row r="495854" spans="14:14">
      <c r="N495854" s="10"/>
    </row>
    <row r="495855" spans="14:14">
      <c r="N495855" s="10"/>
    </row>
    <row r="495856" spans="14:14">
      <c r="N495856" s="10"/>
    </row>
    <row r="495857" spans="14:14">
      <c r="N495857" s="10"/>
    </row>
    <row r="495858" spans="14:14">
      <c r="N495858" s="10"/>
    </row>
    <row r="495859" spans="14:14">
      <c r="N495859" s="10"/>
    </row>
    <row r="495860" spans="14:14">
      <c r="N495860" s="10"/>
    </row>
    <row r="495861" spans="14:14">
      <c r="N495861" s="10"/>
    </row>
    <row r="495862" spans="14:14">
      <c r="N495862" s="10"/>
    </row>
    <row r="495863" spans="14:14">
      <c r="N495863" s="10"/>
    </row>
    <row r="495864" spans="14:14">
      <c r="N495864" s="10"/>
    </row>
    <row r="495865" spans="14:14">
      <c r="N495865" s="10"/>
    </row>
    <row r="495866" spans="14:14">
      <c r="N495866" s="10"/>
    </row>
    <row r="495867" spans="14:14">
      <c r="N495867" s="10"/>
    </row>
    <row r="495868" spans="14:14">
      <c r="N495868" s="10"/>
    </row>
    <row r="495869" spans="14:14">
      <c r="N495869" s="10"/>
    </row>
    <row r="495870" spans="14:14">
      <c r="N495870" s="10"/>
    </row>
    <row r="495871" spans="14:14">
      <c r="N495871" s="10"/>
    </row>
    <row r="495872" spans="14:14">
      <c r="N495872" s="10"/>
    </row>
    <row r="495873" spans="14:14">
      <c r="N495873" s="10"/>
    </row>
    <row r="495874" spans="14:14">
      <c r="N495874" s="10"/>
    </row>
    <row r="495875" spans="14:14">
      <c r="N495875" s="10"/>
    </row>
    <row r="495876" spans="14:14">
      <c r="N495876" s="10"/>
    </row>
    <row r="495877" spans="14:14">
      <c r="N495877" s="10"/>
    </row>
    <row r="495878" spans="14:14">
      <c r="N495878" s="10"/>
    </row>
    <row r="495879" spans="14:14">
      <c r="N495879" s="10"/>
    </row>
    <row r="495880" spans="14:14">
      <c r="N495880" s="10"/>
    </row>
    <row r="495881" spans="14:14">
      <c r="N495881" s="10"/>
    </row>
    <row r="495882" spans="14:14">
      <c r="N495882" s="10"/>
    </row>
    <row r="495883" spans="14:14">
      <c r="N495883" s="10"/>
    </row>
    <row r="495884" spans="14:14">
      <c r="N495884" s="10"/>
    </row>
    <row r="495885" spans="14:14">
      <c r="N495885" s="10"/>
    </row>
    <row r="495886" spans="14:14">
      <c r="N495886" s="10"/>
    </row>
    <row r="495887" spans="14:14">
      <c r="N495887" s="10"/>
    </row>
    <row r="495888" spans="14:14">
      <c r="N495888" s="10"/>
    </row>
    <row r="495889" spans="14:14">
      <c r="N495889" s="10"/>
    </row>
    <row r="495890" spans="14:14">
      <c r="N495890" s="10"/>
    </row>
    <row r="495891" spans="14:14">
      <c r="N495891" s="10"/>
    </row>
    <row r="495892" spans="14:14">
      <c r="N495892" s="10"/>
    </row>
    <row r="495893" spans="14:14">
      <c r="N495893" s="10"/>
    </row>
    <row r="495894" spans="14:14">
      <c r="N495894" s="10"/>
    </row>
    <row r="495895" spans="14:14">
      <c r="N495895" s="10"/>
    </row>
    <row r="495896" spans="14:14">
      <c r="N495896" s="10"/>
    </row>
    <row r="495897" spans="14:14">
      <c r="N495897" s="10"/>
    </row>
    <row r="495898" spans="14:14">
      <c r="N495898" s="10"/>
    </row>
    <row r="495899" spans="14:14">
      <c r="N495899" s="10"/>
    </row>
    <row r="495900" spans="14:14">
      <c r="N495900" s="10"/>
    </row>
    <row r="495901" spans="14:14">
      <c r="N495901" s="10"/>
    </row>
    <row r="495902" spans="14:14">
      <c r="N495902" s="10"/>
    </row>
    <row r="495903" spans="14:14">
      <c r="N495903" s="10"/>
    </row>
    <row r="495904" spans="14:14">
      <c r="N495904" s="10"/>
    </row>
    <row r="495905" spans="14:14">
      <c r="N495905" s="10"/>
    </row>
    <row r="495906" spans="14:14">
      <c r="N495906" s="10"/>
    </row>
    <row r="495907" spans="14:14">
      <c r="N495907" s="10"/>
    </row>
    <row r="495908" spans="14:14">
      <c r="N495908" s="10"/>
    </row>
    <row r="495909" spans="14:14">
      <c r="N495909" s="10"/>
    </row>
    <row r="495910" spans="14:14">
      <c r="N495910" s="10"/>
    </row>
    <row r="495911" spans="14:14">
      <c r="N495911" s="10"/>
    </row>
    <row r="495912" spans="14:14">
      <c r="N495912" s="10"/>
    </row>
    <row r="495913" spans="14:14">
      <c r="N495913" s="10"/>
    </row>
    <row r="495914" spans="14:14">
      <c r="N495914" s="10"/>
    </row>
    <row r="495915" spans="14:14">
      <c r="N495915" s="10"/>
    </row>
    <row r="495916" spans="14:14">
      <c r="N495916" s="10"/>
    </row>
    <row r="495917" spans="14:14">
      <c r="N495917" s="10"/>
    </row>
    <row r="495918" spans="14:14">
      <c r="N495918" s="10"/>
    </row>
    <row r="495919" spans="14:14">
      <c r="N495919" s="10"/>
    </row>
    <row r="495920" spans="14:14">
      <c r="N495920" s="10"/>
    </row>
    <row r="495921" spans="14:14">
      <c r="N495921" s="10"/>
    </row>
    <row r="495922" spans="14:14">
      <c r="N495922" s="10"/>
    </row>
    <row r="495923" spans="14:14">
      <c r="N495923" s="10"/>
    </row>
    <row r="495924" spans="14:14">
      <c r="N495924" s="10"/>
    </row>
    <row r="495925" spans="14:14">
      <c r="N495925" s="10"/>
    </row>
    <row r="495926" spans="14:14">
      <c r="N495926" s="10"/>
    </row>
    <row r="495927" spans="14:14">
      <c r="N495927" s="10"/>
    </row>
    <row r="495928" spans="14:14">
      <c r="N495928" s="10"/>
    </row>
    <row r="495929" spans="14:14">
      <c r="N495929" s="10"/>
    </row>
    <row r="495930" spans="14:14">
      <c r="N495930" s="10"/>
    </row>
    <row r="495931" spans="14:14">
      <c r="N495931" s="10"/>
    </row>
    <row r="495932" spans="14:14">
      <c r="N495932" s="10"/>
    </row>
    <row r="495933" spans="14:14">
      <c r="N495933" s="10"/>
    </row>
    <row r="495934" spans="14:14">
      <c r="N495934" s="10"/>
    </row>
    <row r="495935" spans="14:14">
      <c r="N495935" s="10"/>
    </row>
    <row r="495936" spans="14:14">
      <c r="N495936" s="10"/>
    </row>
    <row r="495937" spans="14:14">
      <c r="N495937" s="10"/>
    </row>
    <row r="495938" spans="14:14">
      <c r="N495938" s="10"/>
    </row>
    <row r="495939" spans="14:14">
      <c r="N495939" s="10"/>
    </row>
    <row r="495940" spans="14:14">
      <c r="N495940" s="10"/>
    </row>
    <row r="495941" spans="14:14">
      <c r="N495941" s="10"/>
    </row>
    <row r="495942" spans="14:14">
      <c r="N495942" s="10"/>
    </row>
    <row r="495943" spans="14:14">
      <c r="N495943" s="10"/>
    </row>
    <row r="495944" spans="14:14">
      <c r="N495944" s="10"/>
    </row>
    <row r="495945" spans="14:14">
      <c r="N495945" s="10"/>
    </row>
    <row r="495946" spans="14:14">
      <c r="N495946" s="10"/>
    </row>
    <row r="495947" spans="14:14">
      <c r="N495947" s="10"/>
    </row>
    <row r="495948" spans="14:14">
      <c r="N495948" s="10"/>
    </row>
    <row r="495949" spans="14:14">
      <c r="N495949" s="10"/>
    </row>
    <row r="495950" spans="14:14">
      <c r="N495950" s="10"/>
    </row>
    <row r="495951" spans="14:14">
      <c r="N495951" s="10"/>
    </row>
    <row r="495952" spans="14:14">
      <c r="N495952" s="10"/>
    </row>
    <row r="495953" spans="14:14">
      <c r="N495953" s="10"/>
    </row>
    <row r="495954" spans="14:14">
      <c r="N495954" s="10"/>
    </row>
    <row r="495955" spans="14:14">
      <c r="N495955" s="10"/>
    </row>
    <row r="495956" spans="14:14">
      <c r="N495956" s="10"/>
    </row>
    <row r="495957" spans="14:14">
      <c r="N495957" s="10"/>
    </row>
    <row r="495958" spans="14:14">
      <c r="N495958" s="10"/>
    </row>
    <row r="495959" spans="14:14">
      <c r="N495959" s="10"/>
    </row>
    <row r="495960" spans="14:14">
      <c r="N495960" s="10"/>
    </row>
    <row r="495961" spans="14:14">
      <c r="N495961" s="10"/>
    </row>
    <row r="495962" spans="14:14">
      <c r="N495962" s="10"/>
    </row>
    <row r="495963" spans="14:14">
      <c r="N495963" s="10"/>
    </row>
    <row r="495964" spans="14:14">
      <c r="N495964" s="10"/>
    </row>
    <row r="495965" spans="14:14">
      <c r="N495965" s="10"/>
    </row>
    <row r="495966" spans="14:14">
      <c r="N495966" s="10"/>
    </row>
    <row r="495967" spans="14:14">
      <c r="N495967" s="10"/>
    </row>
    <row r="495968" spans="14:14">
      <c r="N495968" s="10"/>
    </row>
    <row r="495969" spans="14:14">
      <c r="N495969" s="10"/>
    </row>
    <row r="495970" spans="14:14">
      <c r="N495970" s="10"/>
    </row>
    <row r="495971" spans="14:14">
      <c r="N495971" s="10"/>
    </row>
    <row r="495972" spans="14:14">
      <c r="N495972" s="10"/>
    </row>
    <row r="495973" spans="14:14">
      <c r="N495973" s="10"/>
    </row>
    <row r="495974" spans="14:14">
      <c r="N495974" s="10"/>
    </row>
    <row r="495975" spans="14:14">
      <c r="N495975" s="10"/>
    </row>
    <row r="495976" spans="14:14">
      <c r="N495976" s="10"/>
    </row>
    <row r="495977" spans="14:14">
      <c r="N495977" s="10"/>
    </row>
    <row r="495978" spans="14:14">
      <c r="N495978" s="10"/>
    </row>
    <row r="495979" spans="14:14">
      <c r="N495979" s="10"/>
    </row>
    <row r="495980" spans="14:14">
      <c r="N495980" s="10"/>
    </row>
    <row r="495981" spans="14:14">
      <c r="N495981" s="10"/>
    </row>
    <row r="495982" spans="14:14">
      <c r="N495982" s="10"/>
    </row>
    <row r="495983" spans="14:14">
      <c r="N495983" s="10"/>
    </row>
    <row r="495984" spans="14:14">
      <c r="N495984" s="10"/>
    </row>
    <row r="495985" spans="14:14">
      <c r="N495985" s="10"/>
    </row>
    <row r="495986" spans="14:14">
      <c r="N495986" s="10"/>
    </row>
    <row r="495987" spans="14:14">
      <c r="N495987" s="10"/>
    </row>
    <row r="495988" spans="14:14">
      <c r="N495988" s="10"/>
    </row>
    <row r="495989" spans="14:14">
      <c r="N495989" s="10"/>
    </row>
    <row r="495990" spans="14:14">
      <c r="N495990" s="10"/>
    </row>
    <row r="495991" spans="14:14">
      <c r="N495991" s="10"/>
    </row>
    <row r="495992" spans="14:14">
      <c r="N495992" s="10"/>
    </row>
    <row r="495993" spans="14:14">
      <c r="N495993" s="10"/>
    </row>
    <row r="495994" spans="14:14">
      <c r="N495994" s="10"/>
    </row>
    <row r="495995" spans="14:14">
      <c r="N495995" s="10"/>
    </row>
    <row r="495996" spans="14:14">
      <c r="N495996" s="10"/>
    </row>
    <row r="495997" spans="14:14">
      <c r="N495997" s="10"/>
    </row>
    <row r="495998" spans="14:14">
      <c r="N495998" s="10"/>
    </row>
    <row r="495999" spans="14:14">
      <c r="N495999" s="10"/>
    </row>
    <row r="496000" spans="14:14">
      <c r="N496000" s="10"/>
    </row>
    <row r="496001" spans="14:14">
      <c r="N496001" s="10"/>
    </row>
    <row r="496002" spans="14:14">
      <c r="N496002" s="10"/>
    </row>
    <row r="496003" spans="14:14">
      <c r="N496003" s="10"/>
    </row>
    <row r="496004" spans="14:14">
      <c r="N496004" s="10"/>
    </row>
    <row r="496005" spans="14:14">
      <c r="N496005" s="10"/>
    </row>
    <row r="496006" spans="14:14">
      <c r="N496006" s="10"/>
    </row>
    <row r="496007" spans="14:14">
      <c r="N496007" s="10"/>
    </row>
    <row r="496008" spans="14:14">
      <c r="N496008" s="10"/>
    </row>
    <row r="496009" spans="14:14">
      <c r="N496009" s="10"/>
    </row>
    <row r="496010" spans="14:14">
      <c r="N496010" s="10"/>
    </row>
    <row r="496011" spans="14:14">
      <c r="N496011" s="10"/>
    </row>
    <row r="496012" spans="14:14">
      <c r="N496012" s="10"/>
    </row>
    <row r="496013" spans="14:14">
      <c r="N496013" s="10"/>
    </row>
    <row r="496014" spans="14:14">
      <c r="N496014" s="10"/>
    </row>
    <row r="496015" spans="14:14">
      <c r="N496015" s="10"/>
    </row>
    <row r="496016" spans="14:14">
      <c r="N496016" s="10"/>
    </row>
    <row r="496017" spans="14:14">
      <c r="N496017" s="10"/>
    </row>
    <row r="496018" spans="14:14">
      <c r="N496018" s="10"/>
    </row>
    <row r="496019" spans="14:14">
      <c r="N496019" s="10"/>
    </row>
    <row r="496020" spans="14:14">
      <c r="N496020" s="10"/>
    </row>
    <row r="496021" spans="14:14">
      <c r="N496021" s="10"/>
    </row>
    <row r="496022" spans="14:14">
      <c r="N496022" s="10"/>
    </row>
    <row r="496023" spans="14:14">
      <c r="N496023" s="10"/>
    </row>
    <row r="496024" spans="14:14">
      <c r="N496024" s="10"/>
    </row>
    <row r="496025" spans="14:14">
      <c r="N496025" s="10"/>
    </row>
    <row r="496026" spans="14:14">
      <c r="N496026" s="10"/>
    </row>
    <row r="496027" spans="14:14">
      <c r="N496027" s="10"/>
    </row>
    <row r="496028" spans="14:14">
      <c r="N496028" s="10"/>
    </row>
    <row r="496029" spans="14:14">
      <c r="N496029" s="10"/>
    </row>
    <row r="496030" spans="14:14">
      <c r="N496030" s="10"/>
    </row>
    <row r="496031" spans="14:14">
      <c r="N496031" s="10"/>
    </row>
    <row r="496032" spans="14:14">
      <c r="N496032" s="10"/>
    </row>
    <row r="496033" spans="14:14">
      <c r="N496033" s="10"/>
    </row>
    <row r="496034" spans="14:14">
      <c r="N496034" s="10"/>
    </row>
    <row r="496035" spans="14:14">
      <c r="N496035" s="10"/>
    </row>
    <row r="496036" spans="14:14">
      <c r="N496036" s="10"/>
    </row>
    <row r="496037" spans="14:14">
      <c r="N496037" s="10"/>
    </row>
    <row r="496038" spans="14:14">
      <c r="N496038" s="10"/>
    </row>
    <row r="496039" spans="14:14">
      <c r="N496039" s="10"/>
    </row>
    <row r="496040" spans="14:14">
      <c r="N496040" s="10"/>
    </row>
    <row r="496041" spans="14:14">
      <c r="N496041" s="10"/>
    </row>
    <row r="496042" spans="14:14">
      <c r="N496042" s="10"/>
    </row>
    <row r="496043" spans="14:14">
      <c r="N496043" s="10"/>
    </row>
    <row r="496044" spans="14:14">
      <c r="N496044" s="10"/>
    </row>
    <row r="496045" spans="14:14">
      <c r="N496045" s="10"/>
    </row>
    <row r="496046" spans="14:14">
      <c r="N496046" s="10"/>
    </row>
    <row r="496047" spans="14:14">
      <c r="N496047" s="10"/>
    </row>
    <row r="496048" spans="14:14">
      <c r="N496048" s="10"/>
    </row>
    <row r="496049" spans="14:14">
      <c r="N496049" s="10"/>
    </row>
    <row r="496050" spans="14:14">
      <c r="N496050" s="10"/>
    </row>
    <row r="496051" spans="14:14">
      <c r="N496051" s="10"/>
    </row>
    <row r="496052" spans="14:14">
      <c r="N496052" s="10"/>
    </row>
    <row r="496053" spans="14:14">
      <c r="N496053" s="10"/>
    </row>
    <row r="496054" spans="14:14">
      <c r="N496054" s="10"/>
    </row>
    <row r="496055" spans="14:14">
      <c r="N496055" s="10"/>
    </row>
    <row r="496056" spans="14:14">
      <c r="N496056" s="10"/>
    </row>
    <row r="496057" spans="14:14">
      <c r="N496057" s="10"/>
    </row>
    <row r="496058" spans="14:14">
      <c r="N496058" s="10"/>
    </row>
    <row r="496059" spans="14:14">
      <c r="N496059" s="10"/>
    </row>
    <row r="496060" spans="14:14">
      <c r="N496060" s="10"/>
    </row>
    <row r="496061" spans="14:14">
      <c r="N496061" s="10"/>
    </row>
    <row r="496062" spans="14:14">
      <c r="N496062" s="10"/>
    </row>
    <row r="496063" spans="14:14">
      <c r="N496063" s="10"/>
    </row>
    <row r="496064" spans="14:14">
      <c r="N496064" s="10"/>
    </row>
    <row r="496065" spans="14:14">
      <c r="N496065" s="10"/>
    </row>
    <row r="496066" spans="14:14">
      <c r="N496066" s="10"/>
    </row>
    <row r="496067" spans="14:14">
      <c r="N496067" s="10"/>
    </row>
    <row r="496068" spans="14:14">
      <c r="N496068" s="10"/>
    </row>
    <row r="496069" spans="14:14">
      <c r="N496069" s="10"/>
    </row>
    <row r="496070" spans="14:14">
      <c r="N496070" s="10"/>
    </row>
    <row r="496071" spans="14:14">
      <c r="N496071" s="10"/>
    </row>
    <row r="496072" spans="14:14">
      <c r="N496072" s="10"/>
    </row>
    <row r="496073" spans="14:14">
      <c r="N496073" s="10"/>
    </row>
    <row r="496074" spans="14:14">
      <c r="N496074" s="10"/>
    </row>
    <row r="496075" spans="14:14">
      <c r="N496075" s="10"/>
    </row>
    <row r="496076" spans="14:14">
      <c r="N496076" s="10"/>
    </row>
    <row r="496077" spans="14:14">
      <c r="N496077" s="10"/>
    </row>
    <row r="496078" spans="14:14">
      <c r="N496078" s="10"/>
    </row>
    <row r="496079" spans="14:14">
      <c r="N496079" s="10"/>
    </row>
    <row r="496080" spans="14:14">
      <c r="N496080" s="10"/>
    </row>
    <row r="496081" spans="14:14">
      <c r="N496081" s="10"/>
    </row>
    <row r="496082" spans="14:14">
      <c r="N496082" s="10"/>
    </row>
    <row r="496083" spans="14:14">
      <c r="N496083" s="10"/>
    </row>
    <row r="496084" spans="14:14">
      <c r="N496084" s="10"/>
    </row>
    <row r="496085" spans="14:14">
      <c r="N496085" s="10"/>
    </row>
    <row r="496086" spans="14:14">
      <c r="N496086" s="10"/>
    </row>
    <row r="496087" spans="14:14">
      <c r="N496087" s="10"/>
    </row>
    <row r="496088" spans="14:14">
      <c r="N496088" s="10"/>
    </row>
    <row r="496089" spans="14:14">
      <c r="N496089" s="10"/>
    </row>
    <row r="496090" spans="14:14">
      <c r="N496090" s="10"/>
    </row>
    <row r="496091" spans="14:14">
      <c r="N496091" s="10"/>
    </row>
    <row r="496092" spans="14:14">
      <c r="N496092" s="10"/>
    </row>
    <row r="496093" spans="14:14">
      <c r="N496093" s="10"/>
    </row>
    <row r="496094" spans="14:14">
      <c r="N496094" s="10"/>
    </row>
    <row r="496095" spans="14:14">
      <c r="N496095" s="10"/>
    </row>
    <row r="496096" spans="14:14">
      <c r="N496096" s="10"/>
    </row>
    <row r="496097" spans="14:14">
      <c r="N496097" s="10"/>
    </row>
    <row r="496098" spans="14:14">
      <c r="N496098" s="10"/>
    </row>
    <row r="496099" spans="14:14">
      <c r="N496099" s="10"/>
    </row>
    <row r="496100" spans="14:14">
      <c r="N496100" s="10"/>
    </row>
    <row r="496101" spans="14:14">
      <c r="N496101" s="10"/>
    </row>
    <row r="496102" spans="14:14">
      <c r="N496102" s="10"/>
    </row>
    <row r="496103" spans="14:14">
      <c r="N496103" s="10"/>
    </row>
    <row r="496104" spans="14:14">
      <c r="N496104" s="10"/>
    </row>
    <row r="496105" spans="14:14">
      <c r="N496105" s="10"/>
    </row>
    <row r="496106" spans="14:14">
      <c r="N496106" s="10"/>
    </row>
    <row r="496107" spans="14:14">
      <c r="N496107" s="10"/>
    </row>
    <row r="496108" spans="14:14">
      <c r="N496108" s="10"/>
    </row>
    <row r="496109" spans="14:14">
      <c r="N496109" s="10"/>
    </row>
    <row r="496110" spans="14:14">
      <c r="N496110" s="10"/>
    </row>
    <row r="496111" spans="14:14">
      <c r="N496111" s="10"/>
    </row>
    <row r="496112" spans="14:14">
      <c r="N496112" s="10"/>
    </row>
    <row r="496113" spans="14:14">
      <c r="N496113" s="10"/>
    </row>
    <row r="496114" spans="14:14">
      <c r="N496114" s="10"/>
    </row>
    <row r="496115" spans="14:14">
      <c r="N496115" s="10"/>
    </row>
    <row r="496116" spans="14:14">
      <c r="N496116" s="10"/>
    </row>
    <row r="496117" spans="14:14">
      <c r="N496117" s="10"/>
    </row>
    <row r="496118" spans="14:14">
      <c r="N496118" s="10"/>
    </row>
    <row r="496119" spans="14:14">
      <c r="N496119" s="10"/>
    </row>
    <row r="496120" spans="14:14">
      <c r="N496120" s="10"/>
    </row>
    <row r="496121" spans="14:14">
      <c r="N496121" s="10"/>
    </row>
    <row r="496122" spans="14:14">
      <c r="N496122" s="10"/>
    </row>
    <row r="496123" spans="14:14">
      <c r="N496123" s="10"/>
    </row>
    <row r="496124" spans="14:14">
      <c r="N496124" s="10"/>
    </row>
    <row r="496125" spans="14:14">
      <c r="N496125" s="10"/>
    </row>
    <row r="496126" spans="14:14">
      <c r="N496126" s="10"/>
    </row>
    <row r="496127" spans="14:14">
      <c r="N496127" s="10"/>
    </row>
    <row r="496128" spans="14:14">
      <c r="N496128" s="10"/>
    </row>
    <row r="496129" spans="14:14">
      <c r="N496129" s="10"/>
    </row>
    <row r="496130" spans="14:14">
      <c r="N496130" s="10"/>
    </row>
    <row r="496131" spans="14:14">
      <c r="N496131" s="10"/>
    </row>
    <row r="496132" spans="14:14">
      <c r="N496132" s="10"/>
    </row>
    <row r="496133" spans="14:14">
      <c r="N496133" s="10"/>
    </row>
    <row r="496134" spans="14:14">
      <c r="N496134" s="10"/>
    </row>
    <row r="496135" spans="14:14">
      <c r="N496135" s="10"/>
    </row>
    <row r="496136" spans="14:14">
      <c r="N496136" s="10"/>
    </row>
    <row r="496137" spans="14:14">
      <c r="N496137" s="10"/>
    </row>
    <row r="496138" spans="14:14">
      <c r="N496138" s="10"/>
    </row>
    <row r="496139" spans="14:14">
      <c r="N496139" s="10"/>
    </row>
    <row r="496140" spans="14:14">
      <c r="N496140" s="10"/>
    </row>
    <row r="496141" spans="14:14">
      <c r="N496141" s="10"/>
    </row>
    <row r="496142" spans="14:14">
      <c r="N496142" s="10"/>
    </row>
    <row r="496143" spans="14:14">
      <c r="N496143" s="10"/>
    </row>
    <row r="496144" spans="14:14">
      <c r="N496144" s="10"/>
    </row>
    <row r="496145" spans="14:14">
      <c r="N496145" s="10"/>
    </row>
    <row r="496146" spans="14:14">
      <c r="N496146" s="10"/>
    </row>
    <row r="496147" spans="14:14">
      <c r="N496147" s="10"/>
    </row>
    <row r="496148" spans="14:14">
      <c r="N496148" s="10"/>
    </row>
    <row r="496149" spans="14:14">
      <c r="N496149" s="10"/>
    </row>
    <row r="496150" spans="14:14">
      <c r="N496150" s="10"/>
    </row>
    <row r="496151" spans="14:14">
      <c r="N496151" s="10"/>
    </row>
    <row r="496152" spans="14:14">
      <c r="N496152" s="10"/>
    </row>
    <row r="496153" spans="14:14">
      <c r="N496153" s="10"/>
    </row>
    <row r="496154" spans="14:14">
      <c r="N496154" s="10"/>
    </row>
    <row r="496155" spans="14:14">
      <c r="N496155" s="10"/>
    </row>
    <row r="496156" spans="14:14">
      <c r="N496156" s="10"/>
    </row>
    <row r="496157" spans="14:14">
      <c r="N496157" s="10"/>
    </row>
    <row r="496158" spans="14:14">
      <c r="N496158" s="10"/>
    </row>
    <row r="496159" spans="14:14">
      <c r="N496159" s="10"/>
    </row>
    <row r="496160" spans="14:14">
      <c r="N496160" s="10"/>
    </row>
    <row r="496161" spans="14:14">
      <c r="N496161" s="10"/>
    </row>
    <row r="496162" spans="14:14">
      <c r="N496162" s="10"/>
    </row>
    <row r="496163" spans="14:14">
      <c r="N496163" s="10"/>
    </row>
    <row r="496164" spans="14:14">
      <c r="N496164" s="10"/>
    </row>
    <row r="496165" spans="14:14">
      <c r="N496165" s="10"/>
    </row>
    <row r="496166" spans="14:14">
      <c r="N496166" s="10"/>
    </row>
    <row r="496167" spans="14:14">
      <c r="N496167" s="10"/>
    </row>
    <row r="496168" spans="14:14">
      <c r="N496168" s="10"/>
    </row>
    <row r="496169" spans="14:14">
      <c r="N496169" s="10"/>
    </row>
    <row r="496170" spans="14:14">
      <c r="N496170" s="10"/>
    </row>
    <row r="496171" spans="14:14">
      <c r="N496171" s="10"/>
    </row>
    <row r="496172" spans="14:14">
      <c r="N496172" s="10"/>
    </row>
    <row r="496173" spans="14:14">
      <c r="N496173" s="10"/>
    </row>
    <row r="496174" spans="14:14">
      <c r="N496174" s="10"/>
    </row>
    <row r="496175" spans="14:14">
      <c r="N496175" s="10"/>
    </row>
    <row r="496176" spans="14:14">
      <c r="N496176" s="10"/>
    </row>
    <row r="496177" spans="14:14">
      <c r="N496177" s="10"/>
    </row>
    <row r="496178" spans="14:14">
      <c r="N496178" s="10"/>
    </row>
    <row r="496179" spans="14:14">
      <c r="N496179" s="10"/>
    </row>
    <row r="496180" spans="14:14">
      <c r="N496180" s="10"/>
    </row>
    <row r="496181" spans="14:14">
      <c r="N496181" s="10"/>
    </row>
    <row r="496182" spans="14:14">
      <c r="N496182" s="10"/>
    </row>
    <row r="496183" spans="14:14">
      <c r="N496183" s="10"/>
    </row>
    <row r="496184" spans="14:14">
      <c r="N496184" s="10"/>
    </row>
    <row r="496185" spans="14:14">
      <c r="N496185" s="10"/>
    </row>
    <row r="496186" spans="14:14">
      <c r="N496186" s="10"/>
    </row>
    <row r="496187" spans="14:14">
      <c r="N496187" s="10"/>
    </row>
    <row r="496188" spans="14:14">
      <c r="N496188" s="10"/>
    </row>
    <row r="496189" spans="14:14">
      <c r="N496189" s="10"/>
    </row>
    <row r="496190" spans="14:14">
      <c r="N496190" s="10"/>
    </row>
    <row r="496191" spans="14:14">
      <c r="N496191" s="10"/>
    </row>
    <row r="496192" spans="14:14">
      <c r="N496192" s="10"/>
    </row>
    <row r="496193" spans="14:14">
      <c r="N496193" s="10"/>
    </row>
    <row r="496194" spans="14:14">
      <c r="N496194" s="10"/>
    </row>
    <row r="496195" spans="14:14">
      <c r="N496195" s="10"/>
    </row>
    <row r="496196" spans="14:14">
      <c r="N496196" s="10"/>
    </row>
    <row r="496197" spans="14:14">
      <c r="N496197" s="10"/>
    </row>
    <row r="496198" spans="14:14">
      <c r="N496198" s="10"/>
    </row>
    <row r="496199" spans="14:14">
      <c r="N496199" s="10"/>
    </row>
    <row r="496200" spans="14:14">
      <c r="N496200" s="10"/>
    </row>
    <row r="496201" spans="14:14">
      <c r="N496201" s="10"/>
    </row>
    <row r="496202" spans="14:14">
      <c r="N496202" s="10"/>
    </row>
    <row r="496203" spans="14:14">
      <c r="N496203" s="10"/>
    </row>
    <row r="496204" spans="14:14">
      <c r="N496204" s="10"/>
    </row>
    <row r="496205" spans="14:14">
      <c r="N496205" s="10"/>
    </row>
    <row r="496206" spans="14:14">
      <c r="N496206" s="10"/>
    </row>
    <row r="496207" spans="14:14">
      <c r="N496207" s="10"/>
    </row>
    <row r="496208" spans="14:14">
      <c r="N496208" s="10"/>
    </row>
    <row r="496209" spans="14:14">
      <c r="N496209" s="10"/>
    </row>
    <row r="496210" spans="14:14">
      <c r="N496210" s="10"/>
    </row>
    <row r="496211" spans="14:14">
      <c r="N496211" s="10"/>
    </row>
    <row r="496212" spans="14:14">
      <c r="N496212" s="10"/>
    </row>
    <row r="496213" spans="14:14">
      <c r="N496213" s="10"/>
    </row>
    <row r="496214" spans="14:14">
      <c r="N496214" s="10"/>
    </row>
    <row r="496215" spans="14:14">
      <c r="N496215" s="10"/>
    </row>
    <row r="496216" spans="14:14">
      <c r="N496216" s="10"/>
    </row>
    <row r="496217" spans="14:14">
      <c r="N496217" s="10"/>
    </row>
    <row r="496218" spans="14:14">
      <c r="N496218" s="10"/>
    </row>
    <row r="496219" spans="14:14">
      <c r="N496219" s="10"/>
    </row>
    <row r="496220" spans="14:14">
      <c r="N496220" s="10"/>
    </row>
    <row r="496221" spans="14:14">
      <c r="N496221" s="10"/>
    </row>
    <row r="496222" spans="14:14">
      <c r="N496222" s="10"/>
    </row>
    <row r="496223" spans="14:14">
      <c r="N496223" s="10"/>
    </row>
    <row r="496224" spans="14:14">
      <c r="N496224" s="10"/>
    </row>
    <row r="496225" spans="14:14">
      <c r="N496225" s="10"/>
    </row>
    <row r="496226" spans="14:14">
      <c r="N496226" s="10"/>
    </row>
    <row r="496227" spans="14:14">
      <c r="N496227" s="10"/>
    </row>
    <row r="496228" spans="14:14">
      <c r="N496228" s="10"/>
    </row>
    <row r="496229" spans="14:14">
      <c r="N496229" s="10"/>
    </row>
    <row r="496230" spans="14:14">
      <c r="N496230" s="10"/>
    </row>
    <row r="496231" spans="14:14">
      <c r="N496231" s="10"/>
    </row>
    <row r="496232" spans="14:14">
      <c r="N496232" s="10"/>
    </row>
    <row r="496233" spans="14:14">
      <c r="N496233" s="10"/>
    </row>
    <row r="496234" spans="14:14">
      <c r="N496234" s="10"/>
    </row>
    <row r="496235" spans="14:14">
      <c r="N496235" s="10"/>
    </row>
    <row r="496236" spans="14:14">
      <c r="N496236" s="10"/>
    </row>
    <row r="496237" spans="14:14">
      <c r="N496237" s="10"/>
    </row>
    <row r="496238" spans="14:14">
      <c r="N496238" s="10"/>
    </row>
    <row r="496239" spans="14:14">
      <c r="N496239" s="10"/>
    </row>
    <row r="496240" spans="14:14">
      <c r="N496240" s="10"/>
    </row>
    <row r="496241" spans="14:14">
      <c r="N496241" s="10"/>
    </row>
    <row r="496242" spans="14:14">
      <c r="N496242" s="10"/>
    </row>
    <row r="496243" spans="14:14">
      <c r="N496243" s="10"/>
    </row>
    <row r="496244" spans="14:14">
      <c r="N496244" s="10"/>
    </row>
    <row r="496245" spans="14:14">
      <c r="N496245" s="10"/>
    </row>
    <row r="496246" spans="14:14">
      <c r="N496246" s="10"/>
    </row>
    <row r="496247" spans="14:14">
      <c r="N496247" s="10"/>
    </row>
    <row r="496248" spans="14:14">
      <c r="N496248" s="10"/>
    </row>
    <row r="496249" spans="14:14">
      <c r="N496249" s="10"/>
    </row>
    <row r="496250" spans="14:14">
      <c r="N496250" s="10"/>
    </row>
    <row r="496251" spans="14:14">
      <c r="N496251" s="10"/>
    </row>
    <row r="496252" spans="14:14">
      <c r="N496252" s="10"/>
    </row>
    <row r="496253" spans="14:14">
      <c r="N496253" s="10"/>
    </row>
    <row r="496254" spans="14:14">
      <c r="N496254" s="10"/>
    </row>
    <row r="496255" spans="14:14">
      <c r="N496255" s="10"/>
    </row>
    <row r="496256" spans="14:14">
      <c r="N496256" s="10"/>
    </row>
    <row r="496257" spans="14:14">
      <c r="N496257" s="10"/>
    </row>
    <row r="496258" spans="14:14">
      <c r="N496258" s="10"/>
    </row>
    <row r="496259" spans="14:14">
      <c r="N496259" s="10"/>
    </row>
    <row r="496260" spans="14:14">
      <c r="N496260" s="10"/>
    </row>
    <row r="496261" spans="14:14">
      <c r="N496261" s="10"/>
    </row>
    <row r="496262" spans="14:14">
      <c r="N496262" s="10"/>
    </row>
    <row r="496263" spans="14:14">
      <c r="N496263" s="10"/>
    </row>
    <row r="496264" spans="14:14">
      <c r="N496264" s="10"/>
    </row>
    <row r="496265" spans="14:14">
      <c r="N496265" s="10"/>
    </row>
    <row r="496266" spans="14:14">
      <c r="N496266" s="10"/>
    </row>
    <row r="496267" spans="14:14">
      <c r="N496267" s="10"/>
    </row>
    <row r="496268" spans="14:14">
      <c r="N496268" s="10"/>
    </row>
    <row r="496269" spans="14:14">
      <c r="N496269" s="10"/>
    </row>
    <row r="496270" spans="14:14">
      <c r="N496270" s="10"/>
    </row>
    <row r="496271" spans="14:14">
      <c r="N496271" s="10"/>
    </row>
    <row r="496272" spans="14:14">
      <c r="N496272" s="10"/>
    </row>
    <row r="496273" spans="14:14">
      <c r="N496273" s="10"/>
    </row>
    <row r="496274" spans="14:14">
      <c r="N496274" s="10"/>
    </row>
    <row r="496275" spans="14:14">
      <c r="N496275" s="10"/>
    </row>
    <row r="496276" spans="14:14">
      <c r="N496276" s="10"/>
    </row>
    <row r="496277" spans="14:14">
      <c r="N496277" s="10"/>
    </row>
    <row r="496278" spans="14:14">
      <c r="N496278" s="10"/>
    </row>
    <row r="496279" spans="14:14">
      <c r="N496279" s="10"/>
    </row>
    <row r="496280" spans="14:14">
      <c r="N496280" s="10"/>
    </row>
    <row r="496281" spans="14:14">
      <c r="N496281" s="10"/>
    </row>
    <row r="496282" spans="14:14">
      <c r="N496282" s="10"/>
    </row>
    <row r="496283" spans="14:14">
      <c r="N496283" s="10"/>
    </row>
    <row r="496284" spans="14:14">
      <c r="N496284" s="10"/>
    </row>
    <row r="496285" spans="14:14">
      <c r="N496285" s="10"/>
    </row>
    <row r="496286" spans="14:14">
      <c r="N496286" s="10"/>
    </row>
    <row r="496287" spans="14:14">
      <c r="N496287" s="10"/>
    </row>
    <row r="496288" spans="14:14">
      <c r="N496288" s="10"/>
    </row>
    <row r="496289" spans="14:14">
      <c r="N496289" s="10"/>
    </row>
    <row r="496290" spans="14:14">
      <c r="N496290" s="10"/>
    </row>
    <row r="496291" spans="14:14">
      <c r="N496291" s="10"/>
    </row>
    <row r="496292" spans="14:14">
      <c r="N496292" s="10"/>
    </row>
    <row r="496293" spans="14:14">
      <c r="N496293" s="10"/>
    </row>
    <row r="496294" spans="14:14">
      <c r="N496294" s="10"/>
    </row>
    <row r="496295" spans="14:14">
      <c r="N496295" s="10"/>
    </row>
    <row r="496296" spans="14:14">
      <c r="N496296" s="10"/>
    </row>
    <row r="496297" spans="14:14">
      <c r="N496297" s="10"/>
    </row>
    <row r="496298" spans="14:14">
      <c r="N496298" s="10"/>
    </row>
    <row r="496299" spans="14:14">
      <c r="N496299" s="10"/>
    </row>
    <row r="496300" spans="14:14">
      <c r="N496300" s="10"/>
    </row>
    <row r="496301" spans="14:14">
      <c r="N496301" s="10"/>
    </row>
    <row r="496302" spans="14:14">
      <c r="N496302" s="10"/>
    </row>
    <row r="496303" spans="14:14">
      <c r="N496303" s="10"/>
    </row>
    <row r="496304" spans="14:14">
      <c r="N496304" s="10"/>
    </row>
    <row r="496305" spans="14:14">
      <c r="N496305" s="10"/>
    </row>
    <row r="496306" spans="14:14">
      <c r="N496306" s="10"/>
    </row>
    <row r="496307" spans="14:14">
      <c r="N496307" s="10"/>
    </row>
    <row r="496308" spans="14:14">
      <c r="N496308" s="10"/>
    </row>
    <row r="496309" spans="14:14">
      <c r="N496309" s="10"/>
    </row>
    <row r="496310" spans="14:14">
      <c r="N496310" s="10"/>
    </row>
    <row r="496311" spans="14:14">
      <c r="N496311" s="10"/>
    </row>
    <row r="496312" spans="14:14">
      <c r="N496312" s="10"/>
    </row>
    <row r="496313" spans="14:14">
      <c r="N496313" s="10"/>
    </row>
    <row r="496314" spans="14:14">
      <c r="N496314" s="10"/>
    </row>
    <row r="496315" spans="14:14">
      <c r="N496315" s="10"/>
    </row>
    <row r="496316" spans="14:14">
      <c r="N496316" s="10"/>
    </row>
    <row r="496317" spans="14:14">
      <c r="N496317" s="10"/>
    </row>
    <row r="496318" spans="14:14">
      <c r="N496318" s="10"/>
    </row>
    <row r="496319" spans="14:14">
      <c r="N496319" s="10"/>
    </row>
    <row r="496320" spans="14:14">
      <c r="N496320" s="10"/>
    </row>
    <row r="496321" spans="14:14">
      <c r="N496321" s="10"/>
    </row>
    <row r="496322" spans="14:14">
      <c r="N496322" s="10"/>
    </row>
    <row r="496323" spans="14:14">
      <c r="N496323" s="10"/>
    </row>
    <row r="496324" spans="14:14">
      <c r="N496324" s="10"/>
    </row>
    <row r="496325" spans="14:14">
      <c r="N496325" s="10"/>
    </row>
    <row r="496326" spans="14:14">
      <c r="N496326" s="10"/>
    </row>
    <row r="496327" spans="14:14">
      <c r="N496327" s="10"/>
    </row>
    <row r="496328" spans="14:14">
      <c r="N496328" s="10"/>
    </row>
    <row r="496329" spans="14:14">
      <c r="N496329" s="10"/>
    </row>
    <row r="496330" spans="14:14">
      <c r="N496330" s="10"/>
    </row>
    <row r="496331" spans="14:14">
      <c r="N496331" s="10"/>
    </row>
    <row r="496332" spans="14:14">
      <c r="N496332" s="10"/>
    </row>
    <row r="496333" spans="14:14">
      <c r="N496333" s="10"/>
    </row>
    <row r="496334" spans="14:14">
      <c r="N496334" s="10"/>
    </row>
    <row r="496335" spans="14:14">
      <c r="N496335" s="10"/>
    </row>
    <row r="496336" spans="14:14">
      <c r="N496336" s="10"/>
    </row>
    <row r="496337" spans="14:14">
      <c r="N496337" s="10"/>
    </row>
    <row r="496338" spans="14:14">
      <c r="N496338" s="10"/>
    </row>
    <row r="496339" spans="14:14">
      <c r="N496339" s="10"/>
    </row>
    <row r="496340" spans="14:14">
      <c r="N496340" s="10"/>
    </row>
    <row r="496341" spans="14:14">
      <c r="N496341" s="10"/>
    </row>
    <row r="496342" spans="14:14">
      <c r="N496342" s="10"/>
    </row>
    <row r="496343" spans="14:14">
      <c r="N496343" s="10"/>
    </row>
    <row r="496344" spans="14:14">
      <c r="N496344" s="10"/>
    </row>
    <row r="496345" spans="14:14">
      <c r="N496345" s="10"/>
    </row>
    <row r="496346" spans="14:14">
      <c r="N496346" s="10"/>
    </row>
    <row r="496347" spans="14:14">
      <c r="N496347" s="10"/>
    </row>
    <row r="496348" spans="14:14">
      <c r="N496348" s="10"/>
    </row>
    <row r="496349" spans="14:14">
      <c r="N496349" s="10"/>
    </row>
    <row r="496350" spans="14:14">
      <c r="N496350" s="10"/>
    </row>
    <row r="496351" spans="14:14">
      <c r="N496351" s="10"/>
    </row>
    <row r="496352" spans="14:14">
      <c r="N496352" s="10"/>
    </row>
    <row r="496353" spans="14:14">
      <c r="N496353" s="10"/>
    </row>
    <row r="496354" spans="14:14">
      <c r="N496354" s="10"/>
    </row>
    <row r="496355" spans="14:14">
      <c r="N496355" s="10"/>
    </row>
    <row r="496356" spans="14:14">
      <c r="N496356" s="10"/>
    </row>
    <row r="496357" spans="14:14">
      <c r="N496357" s="10"/>
    </row>
    <row r="496358" spans="14:14">
      <c r="N496358" s="10"/>
    </row>
    <row r="496359" spans="14:14">
      <c r="N496359" s="10"/>
    </row>
    <row r="496360" spans="14:14">
      <c r="N496360" s="10"/>
    </row>
    <row r="496361" spans="14:14">
      <c r="N496361" s="10"/>
    </row>
    <row r="496362" spans="14:14">
      <c r="N496362" s="10"/>
    </row>
    <row r="496363" spans="14:14">
      <c r="N496363" s="10"/>
    </row>
    <row r="496364" spans="14:14">
      <c r="N496364" s="10"/>
    </row>
    <row r="496365" spans="14:14">
      <c r="N496365" s="10"/>
    </row>
    <row r="496366" spans="14:14">
      <c r="N496366" s="10"/>
    </row>
    <row r="496367" spans="14:14">
      <c r="N496367" s="10"/>
    </row>
    <row r="496368" spans="14:14">
      <c r="N496368" s="10"/>
    </row>
    <row r="496369" spans="14:14">
      <c r="N496369" s="10"/>
    </row>
    <row r="496370" spans="14:14">
      <c r="N496370" s="10"/>
    </row>
    <row r="496371" spans="14:14">
      <c r="N496371" s="10"/>
    </row>
    <row r="496372" spans="14:14">
      <c r="N496372" s="10"/>
    </row>
    <row r="496373" spans="14:14">
      <c r="N496373" s="10"/>
    </row>
    <row r="496374" spans="14:14">
      <c r="N496374" s="10"/>
    </row>
    <row r="496375" spans="14:14">
      <c r="N496375" s="10"/>
    </row>
    <row r="496376" spans="14:14">
      <c r="N496376" s="10"/>
    </row>
    <row r="496377" spans="14:14">
      <c r="N496377" s="10"/>
    </row>
    <row r="496378" spans="14:14">
      <c r="N496378" s="10"/>
    </row>
    <row r="496379" spans="14:14">
      <c r="N496379" s="10"/>
    </row>
    <row r="496380" spans="14:14">
      <c r="N496380" s="10"/>
    </row>
    <row r="496381" spans="14:14">
      <c r="N496381" s="10"/>
    </row>
    <row r="496382" spans="14:14">
      <c r="N496382" s="10"/>
    </row>
    <row r="496383" spans="14:14">
      <c r="N496383" s="10"/>
    </row>
    <row r="496384" spans="14:14">
      <c r="N496384" s="10"/>
    </row>
    <row r="496385" spans="14:14">
      <c r="N496385" s="10"/>
    </row>
    <row r="496386" spans="14:14">
      <c r="N496386" s="10"/>
    </row>
    <row r="496387" spans="14:14">
      <c r="N496387" s="10"/>
    </row>
    <row r="496388" spans="14:14">
      <c r="N496388" s="10"/>
    </row>
    <row r="496389" spans="14:14">
      <c r="N496389" s="10"/>
    </row>
    <row r="496390" spans="14:14">
      <c r="N496390" s="10"/>
    </row>
    <row r="496391" spans="14:14">
      <c r="N496391" s="10"/>
    </row>
    <row r="496392" spans="14:14">
      <c r="N496392" s="10"/>
    </row>
    <row r="496393" spans="14:14">
      <c r="N496393" s="10"/>
    </row>
    <row r="496394" spans="14:14">
      <c r="N496394" s="10"/>
    </row>
    <row r="496395" spans="14:14">
      <c r="N496395" s="10"/>
    </row>
    <row r="496396" spans="14:14">
      <c r="N496396" s="10"/>
    </row>
    <row r="496397" spans="14:14">
      <c r="N496397" s="10"/>
    </row>
    <row r="496398" spans="14:14">
      <c r="N496398" s="10"/>
    </row>
    <row r="496399" spans="14:14">
      <c r="N496399" s="10"/>
    </row>
    <row r="496400" spans="14:14">
      <c r="N496400" s="10"/>
    </row>
    <row r="496401" spans="14:14">
      <c r="N496401" s="10"/>
    </row>
    <row r="496402" spans="14:14">
      <c r="N496402" s="10"/>
    </row>
    <row r="496403" spans="14:14">
      <c r="N496403" s="10"/>
    </row>
    <row r="496404" spans="14:14">
      <c r="N496404" s="10"/>
    </row>
    <row r="496405" spans="14:14">
      <c r="N496405" s="10"/>
    </row>
    <row r="496406" spans="14:14">
      <c r="N496406" s="10"/>
    </row>
    <row r="496407" spans="14:14">
      <c r="N496407" s="10"/>
    </row>
    <row r="496408" spans="14:14">
      <c r="N496408" s="10"/>
    </row>
    <row r="496409" spans="14:14">
      <c r="N496409" s="10"/>
    </row>
    <row r="496410" spans="14:14">
      <c r="N496410" s="10"/>
    </row>
    <row r="496411" spans="14:14">
      <c r="N496411" s="10"/>
    </row>
    <row r="496412" spans="14:14">
      <c r="N496412" s="10"/>
    </row>
    <row r="496413" spans="14:14">
      <c r="N496413" s="10"/>
    </row>
    <row r="496414" spans="14:14">
      <c r="N496414" s="10"/>
    </row>
    <row r="496415" spans="14:14">
      <c r="N496415" s="10"/>
    </row>
    <row r="496416" spans="14:14">
      <c r="N496416" s="10"/>
    </row>
    <row r="496417" spans="14:14">
      <c r="N496417" s="10"/>
    </row>
    <row r="496418" spans="14:14">
      <c r="N496418" s="10"/>
    </row>
    <row r="496419" spans="14:14">
      <c r="N496419" s="10"/>
    </row>
    <row r="496420" spans="14:14">
      <c r="N496420" s="10"/>
    </row>
    <row r="496421" spans="14:14">
      <c r="N496421" s="10"/>
    </row>
    <row r="496422" spans="14:14">
      <c r="N496422" s="10"/>
    </row>
    <row r="496423" spans="14:14">
      <c r="N496423" s="10"/>
    </row>
    <row r="496424" spans="14:14">
      <c r="N496424" s="10"/>
    </row>
    <row r="496425" spans="14:14">
      <c r="N496425" s="10"/>
    </row>
    <row r="496426" spans="14:14">
      <c r="N496426" s="10"/>
    </row>
    <row r="496427" spans="14:14">
      <c r="N496427" s="10"/>
    </row>
    <row r="496428" spans="14:14">
      <c r="N496428" s="10"/>
    </row>
    <row r="496429" spans="14:14">
      <c r="N496429" s="10"/>
    </row>
    <row r="496430" spans="14:14">
      <c r="N496430" s="10"/>
    </row>
    <row r="496431" spans="14:14">
      <c r="N496431" s="10"/>
    </row>
    <row r="496432" spans="14:14">
      <c r="N496432" s="10"/>
    </row>
    <row r="496433" spans="14:14">
      <c r="N496433" s="10"/>
    </row>
    <row r="496434" spans="14:14">
      <c r="N496434" s="10"/>
    </row>
    <row r="496435" spans="14:14">
      <c r="N496435" s="10"/>
    </row>
    <row r="496436" spans="14:14">
      <c r="N496436" s="10"/>
    </row>
    <row r="496437" spans="14:14">
      <c r="N496437" s="10"/>
    </row>
    <row r="496438" spans="14:14">
      <c r="N496438" s="10"/>
    </row>
    <row r="496439" spans="14:14">
      <c r="N496439" s="10"/>
    </row>
    <row r="496440" spans="14:14">
      <c r="N496440" s="10"/>
    </row>
    <row r="496441" spans="14:14">
      <c r="N496441" s="10"/>
    </row>
    <row r="496442" spans="14:14">
      <c r="N496442" s="10"/>
    </row>
    <row r="496443" spans="14:14">
      <c r="N496443" s="10"/>
    </row>
    <row r="496444" spans="14:14">
      <c r="N496444" s="10"/>
    </row>
    <row r="496445" spans="14:14">
      <c r="N496445" s="10"/>
    </row>
    <row r="496446" spans="14:14">
      <c r="N496446" s="10"/>
    </row>
    <row r="496447" spans="14:14">
      <c r="N496447" s="10"/>
    </row>
    <row r="496448" spans="14:14">
      <c r="N496448" s="10"/>
    </row>
    <row r="496449" spans="14:14">
      <c r="N496449" s="10"/>
    </row>
    <row r="496450" spans="14:14">
      <c r="N496450" s="10"/>
    </row>
    <row r="496451" spans="14:14">
      <c r="N496451" s="10"/>
    </row>
    <row r="496452" spans="14:14">
      <c r="N496452" s="10"/>
    </row>
    <row r="496453" spans="14:14">
      <c r="N496453" s="10"/>
    </row>
    <row r="496454" spans="14:14">
      <c r="N496454" s="10"/>
    </row>
    <row r="496455" spans="14:14">
      <c r="N496455" s="10"/>
    </row>
    <row r="496456" spans="14:14">
      <c r="N496456" s="10"/>
    </row>
    <row r="496457" spans="14:14">
      <c r="N496457" s="10"/>
    </row>
    <row r="496458" spans="14:14">
      <c r="N496458" s="10"/>
    </row>
    <row r="496459" spans="14:14">
      <c r="N496459" s="10"/>
    </row>
    <row r="496460" spans="14:14">
      <c r="N496460" s="10"/>
    </row>
    <row r="496461" spans="14:14">
      <c r="N496461" s="10"/>
    </row>
    <row r="496462" spans="14:14">
      <c r="N496462" s="10"/>
    </row>
    <row r="496463" spans="14:14">
      <c r="N496463" s="10"/>
    </row>
    <row r="496464" spans="14:14">
      <c r="N496464" s="10"/>
    </row>
    <row r="496465" spans="14:14">
      <c r="N496465" s="10"/>
    </row>
    <row r="496466" spans="14:14">
      <c r="N496466" s="10"/>
    </row>
    <row r="496467" spans="14:14">
      <c r="N496467" s="10"/>
    </row>
    <row r="496468" spans="14:14">
      <c r="N496468" s="10"/>
    </row>
    <row r="496469" spans="14:14">
      <c r="N496469" s="10"/>
    </row>
    <row r="496470" spans="14:14">
      <c r="N496470" s="10"/>
    </row>
    <row r="496471" spans="14:14">
      <c r="N496471" s="10"/>
    </row>
    <row r="496472" spans="14:14">
      <c r="N496472" s="10"/>
    </row>
    <row r="496473" spans="14:14">
      <c r="N496473" s="10"/>
    </row>
    <row r="496474" spans="14:14">
      <c r="N496474" s="10"/>
    </row>
    <row r="496475" spans="14:14">
      <c r="N496475" s="10"/>
    </row>
    <row r="496476" spans="14:14">
      <c r="N496476" s="10"/>
    </row>
    <row r="496477" spans="14:14">
      <c r="N496477" s="10"/>
    </row>
    <row r="496478" spans="14:14">
      <c r="N496478" s="10"/>
    </row>
    <row r="496479" spans="14:14">
      <c r="N496479" s="10"/>
    </row>
    <row r="496480" spans="14:14">
      <c r="N496480" s="10"/>
    </row>
    <row r="496481" spans="14:14">
      <c r="N496481" s="10"/>
    </row>
    <row r="496482" spans="14:14">
      <c r="N496482" s="10"/>
    </row>
    <row r="496483" spans="14:14">
      <c r="N496483" s="10"/>
    </row>
    <row r="496484" spans="14:14">
      <c r="N496484" s="10"/>
    </row>
    <row r="496485" spans="14:14">
      <c r="N496485" s="10"/>
    </row>
    <row r="496486" spans="14:14">
      <c r="N496486" s="10"/>
    </row>
    <row r="496487" spans="14:14">
      <c r="N496487" s="10"/>
    </row>
    <row r="496488" spans="14:14">
      <c r="N496488" s="10"/>
    </row>
    <row r="496489" spans="14:14">
      <c r="N496489" s="10"/>
    </row>
    <row r="496490" spans="14:14">
      <c r="N496490" s="10"/>
    </row>
    <row r="496491" spans="14:14">
      <c r="N496491" s="10"/>
    </row>
    <row r="496492" spans="14:14">
      <c r="N496492" s="10"/>
    </row>
    <row r="496493" spans="14:14">
      <c r="N496493" s="10"/>
    </row>
    <row r="496494" spans="14:14">
      <c r="N496494" s="10"/>
    </row>
    <row r="496495" spans="14:14">
      <c r="N496495" s="10"/>
    </row>
    <row r="496496" spans="14:14">
      <c r="N496496" s="10"/>
    </row>
    <row r="496497" spans="14:14">
      <c r="N496497" s="10"/>
    </row>
    <row r="496498" spans="14:14">
      <c r="N496498" s="10"/>
    </row>
    <row r="496499" spans="14:14">
      <c r="N496499" s="10"/>
    </row>
    <row r="496500" spans="14:14">
      <c r="N496500" s="10"/>
    </row>
    <row r="496501" spans="14:14">
      <c r="N496501" s="10"/>
    </row>
    <row r="496502" spans="14:14">
      <c r="N496502" s="10"/>
    </row>
    <row r="496503" spans="14:14">
      <c r="N496503" s="10"/>
    </row>
    <row r="496504" spans="14:14">
      <c r="N496504" s="10"/>
    </row>
    <row r="496505" spans="14:14">
      <c r="N496505" s="10"/>
    </row>
    <row r="496506" spans="14:14">
      <c r="N496506" s="10"/>
    </row>
    <row r="496507" spans="14:14">
      <c r="N496507" s="10"/>
    </row>
    <row r="496508" spans="14:14">
      <c r="N496508" s="10"/>
    </row>
    <row r="496509" spans="14:14">
      <c r="N496509" s="10"/>
    </row>
    <row r="496510" spans="14:14">
      <c r="N496510" s="10"/>
    </row>
    <row r="496511" spans="14:14">
      <c r="N496511" s="10"/>
    </row>
    <row r="496512" spans="14:14">
      <c r="N496512" s="10"/>
    </row>
    <row r="496513" spans="14:14">
      <c r="N496513" s="10"/>
    </row>
    <row r="496514" spans="14:14">
      <c r="N496514" s="10"/>
    </row>
    <row r="496515" spans="14:14">
      <c r="N496515" s="10"/>
    </row>
    <row r="496516" spans="14:14">
      <c r="N496516" s="10"/>
    </row>
    <row r="496517" spans="14:14">
      <c r="N496517" s="10"/>
    </row>
    <row r="496518" spans="14:14">
      <c r="N496518" s="10"/>
    </row>
    <row r="496519" spans="14:14">
      <c r="N496519" s="10"/>
    </row>
    <row r="496520" spans="14:14">
      <c r="N496520" s="10"/>
    </row>
    <row r="496521" spans="14:14">
      <c r="N496521" s="10"/>
    </row>
    <row r="496522" spans="14:14">
      <c r="N496522" s="10"/>
    </row>
    <row r="496523" spans="14:14">
      <c r="N496523" s="10"/>
    </row>
    <row r="496524" spans="14:14">
      <c r="N496524" s="10"/>
    </row>
    <row r="496525" spans="14:14">
      <c r="N496525" s="10"/>
    </row>
    <row r="496526" spans="14:14">
      <c r="N496526" s="10"/>
    </row>
    <row r="496527" spans="14:14">
      <c r="N496527" s="10"/>
    </row>
    <row r="496528" spans="14:14">
      <c r="N496528" s="10"/>
    </row>
    <row r="496529" spans="14:14">
      <c r="N496529" s="10"/>
    </row>
    <row r="496530" spans="14:14">
      <c r="N496530" s="10"/>
    </row>
    <row r="496531" spans="14:14">
      <c r="N496531" s="10"/>
    </row>
    <row r="496532" spans="14:14">
      <c r="N496532" s="10"/>
    </row>
    <row r="496533" spans="14:14">
      <c r="N496533" s="10"/>
    </row>
    <row r="496534" spans="14:14">
      <c r="N496534" s="10"/>
    </row>
    <row r="496535" spans="14:14">
      <c r="N496535" s="10"/>
    </row>
    <row r="496536" spans="14:14">
      <c r="N496536" s="10"/>
    </row>
    <row r="496537" spans="14:14">
      <c r="N496537" s="10"/>
    </row>
    <row r="496538" spans="14:14">
      <c r="N496538" s="10"/>
    </row>
    <row r="496539" spans="14:14">
      <c r="N496539" s="10"/>
    </row>
    <row r="496540" spans="14:14">
      <c r="N496540" s="10"/>
    </row>
    <row r="496541" spans="14:14">
      <c r="N496541" s="10"/>
    </row>
    <row r="496542" spans="14:14">
      <c r="N496542" s="10"/>
    </row>
    <row r="496543" spans="14:14">
      <c r="N496543" s="10"/>
    </row>
    <row r="496544" spans="14:14">
      <c r="N496544" s="10"/>
    </row>
    <row r="496545" spans="14:14">
      <c r="N496545" s="10"/>
    </row>
    <row r="496546" spans="14:14">
      <c r="N496546" s="10"/>
    </row>
    <row r="496547" spans="14:14">
      <c r="N496547" s="10"/>
    </row>
    <row r="496548" spans="14:14">
      <c r="N496548" s="10"/>
    </row>
    <row r="496549" spans="14:14">
      <c r="N496549" s="10"/>
    </row>
    <row r="496550" spans="14:14">
      <c r="N496550" s="10"/>
    </row>
    <row r="496551" spans="14:14">
      <c r="N496551" s="10"/>
    </row>
    <row r="496552" spans="14:14">
      <c r="N496552" s="10"/>
    </row>
    <row r="496553" spans="14:14">
      <c r="N496553" s="10"/>
    </row>
    <row r="496554" spans="14:14">
      <c r="N496554" s="10"/>
    </row>
    <row r="496555" spans="14:14">
      <c r="N496555" s="10"/>
    </row>
    <row r="496556" spans="14:14">
      <c r="N496556" s="10"/>
    </row>
    <row r="496557" spans="14:14">
      <c r="N496557" s="10"/>
    </row>
    <row r="496558" spans="14:14">
      <c r="N496558" s="10"/>
    </row>
    <row r="496559" spans="14:14">
      <c r="N496559" s="10"/>
    </row>
    <row r="496560" spans="14:14">
      <c r="N496560" s="10"/>
    </row>
    <row r="496561" spans="14:14">
      <c r="N496561" s="10"/>
    </row>
    <row r="496562" spans="14:14">
      <c r="N496562" s="10"/>
    </row>
    <row r="496563" spans="14:14">
      <c r="N496563" s="10"/>
    </row>
    <row r="496564" spans="14:14">
      <c r="N496564" s="10"/>
    </row>
    <row r="496565" spans="14:14">
      <c r="N496565" s="10"/>
    </row>
    <row r="496566" spans="14:14">
      <c r="N496566" s="10"/>
    </row>
    <row r="496567" spans="14:14">
      <c r="N496567" s="10"/>
    </row>
    <row r="496568" spans="14:14">
      <c r="N496568" s="10"/>
    </row>
    <row r="496569" spans="14:14">
      <c r="N496569" s="10"/>
    </row>
    <row r="496570" spans="14:14">
      <c r="N496570" s="10"/>
    </row>
    <row r="496571" spans="14:14">
      <c r="N496571" s="10"/>
    </row>
    <row r="496572" spans="14:14">
      <c r="N496572" s="10"/>
    </row>
    <row r="496573" spans="14:14">
      <c r="N496573" s="10"/>
    </row>
    <row r="496574" spans="14:14">
      <c r="N496574" s="10"/>
    </row>
    <row r="496575" spans="14:14">
      <c r="N496575" s="10"/>
    </row>
    <row r="496576" spans="14:14">
      <c r="N496576" s="10"/>
    </row>
    <row r="496577" spans="14:14">
      <c r="N496577" s="10"/>
    </row>
    <row r="496578" spans="14:14">
      <c r="N496578" s="10"/>
    </row>
    <row r="496579" spans="14:14">
      <c r="N496579" s="10"/>
    </row>
    <row r="496580" spans="14:14">
      <c r="N496580" s="10"/>
    </row>
    <row r="496581" spans="14:14">
      <c r="N496581" s="10"/>
    </row>
    <row r="496582" spans="14:14">
      <c r="N496582" s="10"/>
    </row>
    <row r="496583" spans="14:14">
      <c r="N496583" s="10"/>
    </row>
    <row r="496584" spans="14:14">
      <c r="N496584" s="10"/>
    </row>
    <row r="496585" spans="14:14">
      <c r="N496585" s="10"/>
    </row>
    <row r="496586" spans="14:14">
      <c r="N496586" s="10"/>
    </row>
    <row r="496587" spans="14:14">
      <c r="N496587" s="10"/>
    </row>
    <row r="496588" spans="14:14">
      <c r="N496588" s="10"/>
    </row>
    <row r="496589" spans="14:14">
      <c r="N496589" s="10"/>
    </row>
    <row r="496590" spans="14:14">
      <c r="N496590" s="10"/>
    </row>
    <row r="496591" spans="14:14">
      <c r="N496591" s="10"/>
    </row>
    <row r="496592" spans="14:14">
      <c r="N496592" s="10"/>
    </row>
    <row r="496593" spans="14:14">
      <c r="N496593" s="10"/>
    </row>
    <row r="496594" spans="14:14">
      <c r="N496594" s="10"/>
    </row>
    <row r="496595" spans="14:14">
      <c r="N496595" s="10"/>
    </row>
    <row r="496596" spans="14:14">
      <c r="N496596" s="10"/>
    </row>
    <row r="496597" spans="14:14">
      <c r="N496597" s="10"/>
    </row>
    <row r="496598" spans="14:14">
      <c r="N496598" s="10"/>
    </row>
    <row r="496599" spans="14:14">
      <c r="N496599" s="10"/>
    </row>
    <row r="496600" spans="14:14">
      <c r="N496600" s="10"/>
    </row>
    <row r="496601" spans="14:14">
      <c r="N496601" s="10"/>
    </row>
    <row r="496602" spans="14:14">
      <c r="N496602" s="10"/>
    </row>
    <row r="496603" spans="14:14">
      <c r="N496603" s="10"/>
    </row>
    <row r="496604" spans="14:14">
      <c r="N496604" s="10"/>
    </row>
    <row r="496605" spans="14:14">
      <c r="N496605" s="10"/>
    </row>
    <row r="496606" spans="14:14">
      <c r="N496606" s="10"/>
    </row>
    <row r="496607" spans="14:14">
      <c r="N496607" s="10"/>
    </row>
    <row r="496608" spans="14:14">
      <c r="N496608" s="10"/>
    </row>
    <row r="496609" spans="14:14">
      <c r="N496609" s="10"/>
    </row>
    <row r="496610" spans="14:14">
      <c r="N496610" s="10"/>
    </row>
    <row r="496611" spans="14:14">
      <c r="N496611" s="10"/>
    </row>
    <row r="496612" spans="14:14">
      <c r="N496612" s="10"/>
    </row>
    <row r="496613" spans="14:14">
      <c r="N496613" s="10"/>
    </row>
    <row r="496614" spans="14:14">
      <c r="N496614" s="10"/>
    </row>
    <row r="496615" spans="14:14">
      <c r="N496615" s="10"/>
    </row>
    <row r="496616" spans="14:14">
      <c r="N496616" s="10"/>
    </row>
    <row r="496617" spans="14:14">
      <c r="N496617" s="10"/>
    </row>
    <row r="496618" spans="14:14">
      <c r="N496618" s="10"/>
    </row>
    <row r="496619" spans="14:14">
      <c r="N496619" s="10"/>
    </row>
    <row r="496620" spans="14:14">
      <c r="N496620" s="10"/>
    </row>
    <row r="496621" spans="14:14">
      <c r="N496621" s="10"/>
    </row>
    <row r="496622" spans="14:14">
      <c r="N496622" s="10"/>
    </row>
    <row r="496623" spans="14:14">
      <c r="N496623" s="10"/>
    </row>
    <row r="496624" spans="14:14">
      <c r="N496624" s="10"/>
    </row>
    <row r="496625" spans="14:14">
      <c r="N496625" s="10"/>
    </row>
    <row r="496626" spans="14:14">
      <c r="N496626" s="10"/>
    </row>
    <row r="496627" spans="14:14">
      <c r="N496627" s="10"/>
    </row>
    <row r="496628" spans="14:14">
      <c r="N496628" s="10"/>
    </row>
    <row r="496629" spans="14:14">
      <c r="N496629" s="10"/>
    </row>
    <row r="496630" spans="14:14">
      <c r="N496630" s="10"/>
    </row>
    <row r="496631" spans="14:14">
      <c r="N496631" s="10"/>
    </row>
    <row r="496632" spans="14:14">
      <c r="N496632" s="10"/>
    </row>
    <row r="496633" spans="14:14">
      <c r="N496633" s="10"/>
    </row>
    <row r="496634" spans="14:14">
      <c r="N496634" s="10"/>
    </row>
    <row r="496635" spans="14:14">
      <c r="N496635" s="10"/>
    </row>
    <row r="496636" spans="14:14">
      <c r="N496636" s="10"/>
    </row>
    <row r="496637" spans="14:14">
      <c r="N496637" s="10"/>
    </row>
    <row r="496638" spans="14:14">
      <c r="N496638" s="10"/>
    </row>
    <row r="496639" spans="14:14">
      <c r="N496639" s="10"/>
    </row>
    <row r="496640" spans="14:14">
      <c r="N496640" s="10"/>
    </row>
    <row r="496641" spans="14:14">
      <c r="N496641" s="10"/>
    </row>
    <row r="496642" spans="14:14">
      <c r="N496642" s="10"/>
    </row>
    <row r="496643" spans="14:14">
      <c r="N496643" s="10"/>
    </row>
    <row r="496644" spans="14:14">
      <c r="N496644" s="10"/>
    </row>
    <row r="496645" spans="14:14">
      <c r="N496645" s="10"/>
    </row>
    <row r="496646" spans="14:14">
      <c r="N496646" s="10"/>
    </row>
    <row r="496647" spans="14:14">
      <c r="N496647" s="10"/>
    </row>
    <row r="496648" spans="14:14">
      <c r="N496648" s="10"/>
    </row>
    <row r="496649" spans="14:14">
      <c r="N496649" s="10"/>
    </row>
    <row r="496650" spans="14:14">
      <c r="N496650" s="10"/>
    </row>
    <row r="496651" spans="14:14">
      <c r="N496651" s="10"/>
    </row>
    <row r="496652" spans="14:14">
      <c r="N496652" s="10"/>
    </row>
    <row r="496653" spans="14:14">
      <c r="N496653" s="10"/>
    </row>
    <row r="496654" spans="14:14">
      <c r="N496654" s="10"/>
    </row>
    <row r="496655" spans="14:14">
      <c r="N496655" s="10"/>
    </row>
    <row r="496656" spans="14:14">
      <c r="N496656" s="10"/>
    </row>
    <row r="496657" spans="14:14">
      <c r="N496657" s="10"/>
    </row>
    <row r="496658" spans="14:14">
      <c r="N496658" s="10"/>
    </row>
    <row r="496659" spans="14:14">
      <c r="N496659" s="10"/>
    </row>
    <row r="496660" spans="14:14">
      <c r="N496660" s="10"/>
    </row>
    <row r="496661" spans="14:14">
      <c r="N496661" s="10"/>
    </row>
    <row r="496662" spans="14:14">
      <c r="N496662" s="10"/>
    </row>
    <row r="496663" spans="14:14">
      <c r="N496663" s="10"/>
    </row>
    <row r="496664" spans="14:14">
      <c r="N496664" s="10"/>
    </row>
    <row r="496665" spans="14:14">
      <c r="N496665" s="10"/>
    </row>
    <row r="496666" spans="14:14">
      <c r="N496666" s="10"/>
    </row>
    <row r="496667" spans="14:14">
      <c r="N496667" s="10"/>
    </row>
    <row r="496668" spans="14:14">
      <c r="N496668" s="10"/>
    </row>
    <row r="496669" spans="14:14">
      <c r="N496669" s="10"/>
    </row>
    <row r="496670" spans="14:14">
      <c r="N496670" s="10"/>
    </row>
    <row r="496671" spans="14:14">
      <c r="N496671" s="10"/>
    </row>
    <row r="496672" spans="14:14">
      <c r="N496672" s="10"/>
    </row>
    <row r="496673" spans="14:14">
      <c r="N496673" s="10"/>
    </row>
    <row r="496674" spans="14:14">
      <c r="N496674" s="10"/>
    </row>
    <row r="496675" spans="14:14">
      <c r="N496675" s="10"/>
    </row>
    <row r="496676" spans="14:14">
      <c r="N496676" s="10"/>
    </row>
    <row r="496677" spans="14:14">
      <c r="N496677" s="10"/>
    </row>
    <row r="496678" spans="14:14">
      <c r="N496678" s="10"/>
    </row>
    <row r="496679" spans="14:14">
      <c r="N496679" s="10"/>
    </row>
    <row r="496680" spans="14:14">
      <c r="N496680" s="10"/>
    </row>
    <row r="496681" spans="14:14">
      <c r="N496681" s="10"/>
    </row>
    <row r="496682" spans="14:14">
      <c r="N496682" s="10"/>
    </row>
    <row r="496683" spans="14:14">
      <c r="N496683" s="10"/>
    </row>
    <row r="496684" spans="14:14">
      <c r="N496684" s="10"/>
    </row>
    <row r="496685" spans="14:14">
      <c r="N496685" s="10"/>
    </row>
    <row r="496686" spans="14:14">
      <c r="N496686" s="10"/>
    </row>
    <row r="496687" spans="14:14">
      <c r="N496687" s="10"/>
    </row>
    <row r="496688" spans="14:14">
      <c r="N496688" s="10"/>
    </row>
    <row r="496689" spans="14:14">
      <c r="N496689" s="10"/>
    </row>
    <row r="496690" spans="14:14">
      <c r="N496690" s="10"/>
    </row>
    <row r="496691" spans="14:14">
      <c r="N496691" s="10"/>
    </row>
    <row r="496692" spans="14:14">
      <c r="N496692" s="10"/>
    </row>
    <row r="496693" spans="14:14">
      <c r="N496693" s="10"/>
    </row>
    <row r="496694" spans="14:14">
      <c r="N496694" s="10"/>
    </row>
    <row r="496695" spans="14:14">
      <c r="N496695" s="10"/>
    </row>
    <row r="496696" spans="14:14">
      <c r="N496696" s="10"/>
    </row>
    <row r="496697" spans="14:14">
      <c r="N496697" s="10"/>
    </row>
    <row r="496698" spans="14:14">
      <c r="N496698" s="10"/>
    </row>
    <row r="496699" spans="14:14">
      <c r="N496699" s="10"/>
    </row>
    <row r="496700" spans="14:14">
      <c r="N496700" s="10"/>
    </row>
    <row r="496701" spans="14:14">
      <c r="N496701" s="10"/>
    </row>
    <row r="496702" spans="14:14">
      <c r="N496702" s="10"/>
    </row>
    <row r="496703" spans="14:14">
      <c r="N496703" s="10"/>
    </row>
    <row r="496704" spans="14:14">
      <c r="N496704" s="10"/>
    </row>
    <row r="496705" spans="14:14">
      <c r="N496705" s="10"/>
    </row>
    <row r="496706" spans="14:14">
      <c r="N496706" s="10"/>
    </row>
    <row r="496707" spans="14:14">
      <c r="N496707" s="10"/>
    </row>
    <row r="496708" spans="14:14">
      <c r="N496708" s="10"/>
    </row>
    <row r="496709" spans="14:14">
      <c r="N496709" s="10"/>
    </row>
    <row r="496710" spans="14:14">
      <c r="N496710" s="10"/>
    </row>
    <row r="496711" spans="14:14">
      <c r="N496711" s="10"/>
    </row>
    <row r="496712" spans="14:14">
      <c r="N496712" s="10"/>
    </row>
    <row r="496713" spans="14:14">
      <c r="N496713" s="10"/>
    </row>
    <row r="496714" spans="14:14">
      <c r="N496714" s="10"/>
    </row>
    <row r="496715" spans="14:14">
      <c r="N496715" s="10"/>
    </row>
    <row r="496716" spans="14:14">
      <c r="N496716" s="10"/>
    </row>
    <row r="496717" spans="14:14">
      <c r="N496717" s="10"/>
    </row>
    <row r="496718" spans="14:14">
      <c r="N496718" s="10"/>
    </row>
    <row r="496719" spans="14:14">
      <c r="N496719" s="10"/>
    </row>
    <row r="496720" spans="14:14">
      <c r="N496720" s="10"/>
    </row>
    <row r="496721" spans="14:14">
      <c r="N496721" s="10"/>
    </row>
    <row r="496722" spans="14:14">
      <c r="N496722" s="10"/>
    </row>
    <row r="496723" spans="14:14">
      <c r="N496723" s="10"/>
    </row>
    <row r="496724" spans="14:14">
      <c r="N496724" s="10"/>
    </row>
    <row r="496725" spans="14:14">
      <c r="N496725" s="10"/>
    </row>
    <row r="496726" spans="14:14">
      <c r="N496726" s="10"/>
    </row>
    <row r="496727" spans="14:14">
      <c r="N496727" s="10"/>
    </row>
    <row r="496728" spans="14:14">
      <c r="N496728" s="10"/>
    </row>
    <row r="496729" spans="14:14">
      <c r="N496729" s="10"/>
    </row>
    <row r="496730" spans="14:14">
      <c r="N496730" s="10"/>
    </row>
    <row r="496731" spans="14:14">
      <c r="N496731" s="10"/>
    </row>
    <row r="496732" spans="14:14">
      <c r="N496732" s="10"/>
    </row>
    <row r="496733" spans="14:14">
      <c r="N496733" s="10"/>
    </row>
    <row r="496734" spans="14:14">
      <c r="N496734" s="10"/>
    </row>
    <row r="496735" spans="14:14">
      <c r="N496735" s="10"/>
    </row>
    <row r="496736" spans="14:14">
      <c r="N496736" s="10"/>
    </row>
    <row r="496737" spans="14:14">
      <c r="N496737" s="10"/>
    </row>
    <row r="496738" spans="14:14">
      <c r="N496738" s="10"/>
    </row>
    <row r="496739" spans="14:14">
      <c r="N496739" s="10"/>
    </row>
    <row r="496740" spans="14:14">
      <c r="N496740" s="10"/>
    </row>
    <row r="496741" spans="14:14">
      <c r="N496741" s="10"/>
    </row>
    <row r="496742" spans="14:14">
      <c r="N496742" s="10"/>
    </row>
    <row r="496743" spans="14:14">
      <c r="N496743" s="10"/>
    </row>
    <row r="496744" spans="14:14">
      <c r="N496744" s="10"/>
    </row>
    <row r="496745" spans="14:14">
      <c r="N496745" s="10"/>
    </row>
    <row r="496746" spans="14:14">
      <c r="N496746" s="10"/>
    </row>
    <row r="496747" spans="14:14">
      <c r="N496747" s="10"/>
    </row>
    <row r="496748" spans="14:14">
      <c r="N496748" s="10"/>
    </row>
    <row r="496749" spans="14:14">
      <c r="N496749" s="10"/>
    </row>
    <row r="496750" spans="14:14">
      <c r="N496750" s="10"/>
    </row>
    <row r="496751" spans="14:14">
      <c r="N496751" s="10"/>
    </row>
    <row r="496752" spans="14:14">
      <c r="N496752" s="10"/>
    </row>
    <row r="496753" spans="14:14">
      <c r="N496753" s="10"/>
    </row>
    <row r="496754" spans="14:14">
      <c r="N496754" s="10"/>
    </row>
    <row r="496755" spans="14:14">
      <c r="N496755" s="10"/>
    </row>
    <row r="496756" spans="14:14">
      <c r="N496756" s="10"/>
    </row>
    <row r="496757" spans="14:14">
      <c r="N496757" s="10"/>
    </row>
    <row r="496758" spans="14:14">
      <c r="N496758" s="10"/>
    </row>
    <row r="496759" spans="14:14">
      <c r="N496759" s="10"/>
    </row>
    <row r="496760" spans="14:14">
      <c r="N496760" s="10"/>
    </row>
    <row r="496761" spans="14:14">
      <c r="N496761" s="10"/>
    </row>
    <row r="496762" spans="14:14">
      <c r="N496762" s="10"/>
    </row>
    <row r="496763" spans="14:14">
      <c r="N496763" s="10"/>
    </row>
    <row r="496764" spans="14:14">
      <c r="N496764" s="10"/>
    </row>
    <row r="496765" spans="14:14">
      <c r="N496765" s="10"/>
    </row>
    <row r="496766" spans="14:14">
      <c r="N496766" s="10"/>
    </row>
    <row r="496767" spans="14:14">
      <c r="N496767" s="10"/>
    </row>
    <row r="496768" spans="14:14">
      <c r="N496768" s="10"/>
    </row>
    <row r="496769" spans="14:14">
      <c r="N496769" s="10"/>
    </row>
    <row r="496770" spans="14:14">
      <c r="N496770" s="10"/>
    </row>
    <row r="496771" spans="14:14">
      <c r="N496771" s="10"/>
    </row>
    <row r="496772" spans="14:14">
      <c r="N496772" s="10"/>
    </row>
    <row r="496773" spans="14:14">
      <c r="N496773" s="10"/>
    </row>
    <row r="496774" spans="14:14">
      <c r="N496774" s="10"/>
    </row>
    <row r="496775" spans="14:14">
      <c r="N496775" s="10"/>
    </row>
    <row r="496776" spans="14:14">
      <c r="N496776" s="10"/>
    </row>
    <row r="496777" spans="14:14">
      <c r="N496777" s="10"/>
    </row>
    <row r="496778" spans="14:14">
      <c r="N496778" s="10"/>
    </row>
    <row r="496779" spans="14:14">
      <c r="N496779" s="10"/>
    </row>
    <row r="496780" spans="14:14">
      <c r="N496780" s="10"/>
    </row>
    <row r="496781" spans="14:14">
      <c r="N496781" s="10"/>
    </row>
    <row r="496782" spans="14:14">
      <c r="N496782" s="10"/>
    </row>
    <row r="496783" spans="14:14">
      <c r="N496783" s="10"/>
    </row>
    <row r="496784" spans="14:14">
      <c r="N496784" s="10"/>
    </row>
    <row r="496785" spans="14:14">
      <c r="N496785" s="10"/>
    </row>
    <row r="496786" spans="14:14">
      <c r="N496786" s="10"/>
    </row>
    <row r="496787" spans="14:14">
      <c r="N496787" s="10"/>
    </row>
    <row r="496788" spans="14:14">
      <c r="N496788" s="10"/>
    </row>
    <row r="496789" spans="14:14">
      <c r="N496789" s="10"/>
    </row>
    <row r="496790" spans="14:14">
      <c r="N496790" s="10"/>
    </row>
    <row r="496791" spans="14:14">
      <c r="N496791" s="10"/>
    </row>
    <row r="496792" spans="14:14">
      <c r="N496792" s="10"/>
    </row>
    <row r="496793" spans="14:14">
      <c r="N496793" s="10"/>
    </row>
    <row r="496794" spans="14:14">
      <c r="N496794" s="10"/>
    </row>
    <row r="496795" spans="14:14">
      <c r="N496795" s="10"/>
    </row>
    <row r="496796" spans="14:14">
      <c r="N496796" s="10"/>
    </row>
    <row r="496797" spans="14:14">
      <c r="N496797" s="10"/>
    </row>
    <row r="496798" spans="14:14">
      <c r="N496798" s="10"/>
    </row>
    <row r="496799" spans="14:14">
      <c r="N496799" s="10"/>
    </row>
    <row r="496800" spans="14:14">
      <c r="N496800" s="10"/>
    </row>
    <row r="496801" spans="14:14">
      <c r="N496801" s="10"/>
    </row>
    <row r="496802" spans="14:14">
      <c r="N496802" s="10"/>
    </row>
    <row r="496803" spans="14:14">
      <c r="N496803" s="10"/>
    </row>
    <row r="496804" spans="14:14">
      <c r="N496804" s="10"/>
    </row>
    <row r="496805" spans="14:14">
      <c r="N496805" s="10"/>
    </row>
    <row r="496806" spans="14:14">
      <c r="N496806" s="10"/>
    </row>
    <row r="496807" spans="14:14">
      <c r="N496807" s="10"/>
    </row>
    <row r="496808" spans="14:14">
      <c r="N496808" s="10"/>
    </row>
    <row r="496809" spans="14:14">
      <c r="N496809" s="10"/>
    </row>
    <row r="496810" spans="14:14">
      <c r="N496810" s="10"/>
    </row>
    <row r="496811" spans="14:14">
      <c r="N496811" s="10"/>
    </row>
    <row r="496812" spans="14:14">
      <c r="N496812" s="10"/>
    </row>
    <row r="496813" spans="14:14">
      <c r="N496813" s="10"/>
    </row>
    <row r="496814" spans="14:14">
      <c r="N496814" s="10"/>
    </row>
    <row r="496815" spans="14:14">
      <c r="N496815" s="10"/>
    </row>
    <row r="496816" spans="14:14">
      <c r="N496816" s="10"/>
    </row>
    <row r="496817" spans="14:14">
      <c r="N496817" s="10"/>
    </row>
    <row r="496818" spans="14:14">
      <c r="N496818" s="10"/>
    </row>
    <row r="496819" spans="14:14">
      <c r="N496819" s="10"/>
    </row>
    <row r="496820" spans="14:14">
      <c r="N496820" s="10"/>
    </row>
    <row r="496821" spans="14:14">
      <c r="N496821" s="10"/>
    </row>
    <row r="496822" spans="14:14">
      <c r="N496822" s="10"/>
    </row>
    <row r="496823" spans="14:14">
      <c r="N496823" s="10"/>
    </row>
    <row r="496824" spans="14:14">
      <c r="N496824" s="10"/>
    </row>
    <row r="496825" spans="14:14">
      <c r="N496825" s="10"/>
    </row>
    <row r="496826" spans="14:14">
      <c r="N496826" s="10"/>
    </row>
    <row r="496827" spans="14:14">
      <c r="N496827" s="10"/>
    </row>
    <row r="496828" spans="14:14">
      <c r="N496828" s="10"/>
    </row>
    <row r="496829" spans="14:14">
      <c r="N496829" s="10"/>
    </row>
    <row r="496830" spans="14:14">
      <c r="N496830" s="10"/>
    </row>
    <row r="496831" spans="14:14">
      <c r="N496831" s="10"/>
    </row>
    <row r="496832" spans="14:14">
      <c r="N496832" s="10"/>
    </row>
    <row r="496833" spans="14:14">
      <c r="N496833" s="10"/>
    </row>
    <row r="496834" spans="14:14">
      <c r="N496834" s="10"/>
    </row>
    <row r="496835" spans="14:14">
      <c r="N496835" s="10"/>
    </row>
    <row r="496836" spans="14:14">
      <c r="N496836" s="10"/>
    </row>
    <row r="496837" spans="14:14">
      <c r="N496837" s="10"/>
    </row>
    <row r="496838" spans="14:14">
      <c r="N496838" s="10"/>
    </row>
    <row r="496839" spans="14:14">
      <c r="N496839" s="10"/>
    </row>
    <row r="496840" spans="14:14">
      <c r="N496840" s="10"/>
    </row>
    <row r="496841" spans="14:14">
      <c r="N496841" s="10"/>
    </row>
    <row r="496842" spans="14:14">
      <c r="N496842" s="10"/>
    </row>
    <row r="496843" spans="14:14">
      <c r="N496843" s="10"/>
    </row>
    <row r="496844" spans="14:14">
      <c r="N496844" s="10"/>
    </row>
    <row r="496845" spans="14:14">
      <c r="N496845" s="10"/>
    </row>
    <row r="496846" spans="14:14">
      <c r="N496846" s="10"/>
    </row>
    <row r="496847" spans="14:14">
      <c r="N496847" s="10"/>
    </row>
    <row r="496848" spans="14:14">
      <c r="N496848" s="10"/>
    </row>
    <row r="496849" spans="14:14">
      <c r="N496849" s="10"/>
    </row>
    <row r="496850" spans="14:14">
      <c r="N496850" s="10"/>
    </row>
    <row r="496851" spans="14:14">
      <c r="N496851" s="10"/>
    </row>
    <row r="496852" spans="14:14">
      <c r="N496852" s="10"/>
    </row>
    <row r="496853" spans="14:14">
      <c r="N496853" s="10"/>
    </row>
    <row r="496854" spans="14:14">
      <c r="N496854" s="10"/>
    </row>
    <row r="496855" spans="14:14">
      <c r="N496855" s="10"/>
    </row>
    <row r="496856" spans="14:14">
      <c r="N496856" s="10"/>
    </row>
    <row r="496857" spans="14:14">
      <c r="N496857" s="10"/>
    </row>
    <row r="496858" spans="14:14">
      <c r="N496858" s="10"/>
    </row>
    <row r="496859" spans="14:14">
      <c r="N496859" s="10"/>
    </row>
    <row r="496860" spans="14:14">
      <c r="N496860" s="10"/>
    </row>
    <row r="496861" spans="14:14">
      <c r="N496861" s="10"/>
    </row>
    <row r="496862" spans="14:14">
      <c r="N496862" s="10"/>
    </row>
    <row r="496863" spans="14:14">
      <c r="N496863" s="10"/>
    </row>
    <row r="496864" spans="14:14">
      <c r="N496864" s="10"/>
    </row>
    <row r="496865" spans="14:14">
      <c r="N496865" s="10"/>
    </row>
    <row r="496866" spans="14:14">
      <c r="N496866" s="10"/>
    </row>
    <row r="496867" spans="14:14">
      <c r="N496867" s="10"/>
    </row>
    <row r="496868" spans="14:14">
      <c r="N496868" s="10"/>
    </row>
    <row r="496869" spans="14:14">
      <c r="N496869" s="10"/>
    </row>
    <row r="496870" spans="14:14">
      <c r="N496870" s="10"/>
    </row>
    <row r="496871" spans="14:14">
      <c r="N496871" s="10"/>
    </row>
    <row r="496872" spans="14:14">
      <c r="N496872" s="10"/>
    </row>
    <row r="496873" spans="14:14">
      <c r="N496873" s="10"/>
    </row>
    <row r="496874" spans="14:14">
      <c r="N496874" s="10"/>
    </row>
    <row r="496875" spans="14:14">
      <c r="N496875" s="10"/>
    </row>
    <row r="496876" spans="14:14">
      <c r="N496876" s="10"/>
    </row>
    <row r="496877" spans="14:14">
      <c r="N496877" s="10"/>
    </row>
    <row r="496878" spans="14:14">
      <c r="N496878" s="10"/>
    </row>
    <row r="496879" spans="14:14">
      <c r="N496879" s="10"/>
    </row>
    <row r="496880" spans="14:14">
      <c r="N496880" s="10"/>
    </row>
    <row r="496881" spans="14:14">
      <c r="N496881" s="10"/>
    </row>
    <row r="496882" spans="14:14">
      <c r="N496882" s="10"/>
    </row>
    <row r="496883" spans="14:14">
      <c r="N496883" s="10"/>
    </row>
    <row r="496884" spans="14:14">
      <c r="N496884" s="10"/>
    </row>
    <row r="496885" spans="14:14">
      <c r="N496885" s="10"/>
    </row>
    <row r="496886" spans="14:14">
      <c r="N496886" s="10"/>
    </row>
    <row r="496887" spans="14:14">
      <c r="N496887" s="10"/>
    </row>
    <row r="496888" spans="14:14">
      <c r="N496888" s="10"/>
    </row>
    <row r="496889" spans="14:14">
      <c r="N496889" s="10"/>
    </row>
    <row r="496890" spans="14:14">
      <c r="N496890" s="10"/>
    </row>
    <row r="496891" spans="14:14">
      <c r="N496891" s="10"/>
    </row>
    <row r="496892" spans="14:14">
      <c r="N496892" s="10"/>
    </row>
    <row r="496893" spans="14:14">
      <c r="N496893" s="10"/>
    </row>
    <row r="496894" spans="14:14">
      <c r="N496894" s="10"/>
    </row>
    <row r="496895" spans="14:14">
      <c r="N496895" s="10"/>
    </row>
    <row r="496896" spans="14:14">
      <c r="N496896" s="10"/>
    </row>
    <row r="496897" spans="14:14">
      <c r="N496897" s="10"/>
    </row>
    <row r="496898" spans="14:14">
      <c r="N496898" s="10"/>
    </row>
    <row r="496899" spans="14:14">
      <c r="N496899" s="10"/>
    </row>
    <row r="496900" spans="14:14">
      <c r="N496900" s="10"/>
    </row>
    <row r="496901" spans="14:14">
      <c r="N496901" s="10"/>
    </row>
    <row r="496902" spans="14:14">
      <c r="N496902" s="10"/>
    </row>
    <row r="496903" spans="14:14">
      <c r="N496903" s="10"/>
    </row>
    <row r="496904" spans="14:14">
      <c r="N496904" s="10"/>
    </row>
    <row r="496905" spans="14:14">
      <c r="N496905" s="10"/>
    </row>
    <row r="496906" spans="14:14">
      <c r="N496906" s="10"/>
    </row>
    <row r="496907" spans="14:14">
      <c r="N496907" s="10"/>
    </row>
    <row r="496908" spans="14:14">
      <c r="N496908" s="10"/>
    </row>
    <row r="496909" spans="14:14">
      <c r="N496909" s="10"/>
    </row>
    <row r="496910" spans="14:14">
      <c r="N496910" s="10"/>
    </row>
    <row r="496911" spans="14:14">
      <c r="N496911" s="10"/>
    </row>
    <row r="496912" spans="14:14">
      <c r="N496912" s="10"/>
    </row>
    <row r="496913" spans="14:14">
      <c r="N496913" s="10"/>
    </row>
    <row r="496914" spans="14:14">
      <c r="N496914" s="10"/>
    </row>
    <row r="496915" spans="14:14">
      <c r="N496915" s="10"/>
    </row>
    <row r="496916" spans="14:14">
      <c r="N496916" s="10"/>
    </row>
    <row r="496917" spans="14:14">
      <c r="N496917" s="10"/>
    </row>
    <row r="496918" spans="14:14">
      <c r="N496918" s="10"/>
    </row>
    <row r="496919" spans="14:14">
      <c r="N496919" s="10"/>
    </row>
    <row r="496920" spans="14:14">
      <c r="N496920" s="10"/>
    </row>
    <row r="496921" spans="14:14">
      <c r="N496921" s="10"/>
    </row>
    <row r="496922" spans="14:14">
      <c r="N496922" s="10"/>
    </row>
    <row r="496923" spans="14:14">
      <c r="N496923" s="10"/>
    </row>
    <row r="496924" spans="14:14">
      <c r="N496924" s="10"/>
    </row>
    <row r="496925" spans="14:14">
      <c r="N496925" s="10"/>
    </row>
    <row r="496926" spans="14:14">
      <c r="N496926" s="10"/>
    </row>
    <row r="496927" spans="14:14">
      <c r="N496927" s="10"/>
    </row>
    <row r="496928" spans="14:14">
      <c r="N496928" s="10"/>
    </row>
    <row r="496929" spans="14:14">
      <c r="N496929" s="10"/>
    </row>
    <row r="496930" spans="14:14">
      <c r="N496930" s="10"/>
    </row>
    <row r="496931" spans="14:14">
      <c r="N496931" s="10"/>
    </row>
    <row r="496932" spans="14:14">
      <c r="N496932" s="10"/>
    </row>
    <row r="496933" spans="14:14">
      <c r="N496933" s="10"/>
    </row>
    <row r="496934" spans="14:14">
      <c r="N496934" s="10"/>
    </row>
    <row r="496935" spans="14:14">
      <c r="N496935" s="10"/>
    </row>
    <row r="496936" spans="14:14">
      <c r="N496936" s="10"/>
    </row>
    <row r="496937" spans="14:14">
      <c r="N496937" s="10"/>
    </row>
    <row r="496938" spans="14:14">
      <c r="N496938" s="10"/>
    </row>
    <row r="496939" spans="14:14">
      <c r="N496939" s="10"/>
    </row>
    <row r="496940" spans="14:14">
      <c r="N496940" s="10"/>
    </row>
    <row r="496941" spans="14:14">
      <c r="N496941" s="10"/>
    </row>
    <row r="496942" spans="14:14">
      <c r="N496942" s="10"/>
    </row>
    <row r="496943" spans="14:14">
      <c r="N496943" s="10"/>
    </row>
    <row r="496944" spans="14:14">
      <c r="N496944" s="10"/>
    </row>
    <row r="496945" spans="14:14">
      <c r="N496945" s="10"/>
    </row>
    <row r="496946" spans="14:14">
      <c r="N496946" s="10"/>
    </row>
    <row r="496947" spans="14:14">
      <c r="N496947" s="10"/>
    </row>
    <row r="496948" spans="14:14">
      <c r="N496948" s="10"/>
    </row>
    <row r="496949" spans="14:14">
      <c r="N496949" s="10"/>
    </row>
    <row r="496950" spans="14:14">
      <c r="N496950" s="10"/>
    </row>
    <row r="496951" spans="14:14">
      <c r="N496951" s="10"/>
    </row>
    <row r="496952" spans="14:14">
      <c r="N496952" s="10"/>
    </row>
    <row r="496953" spans="14:14">
      <c r="N496953" s="10"/>
    </row>
    <row r="496954" spans="14:14">
      <c r="N496954" s="10"/>
    </row>
    <row r="496955" spans="14:14">
      <c r="N496955" s="10"/>
    </row>
    <row r="496956" spans="14:14">
      <c r="N496956" s="10"/>
    </row>
    <row r="496957" spans="14:14">
      <c r="N496957" s="10"/>
    </row>
    <row r="496958" spans="14:14">
      <c r="N496958" s="10"/>
    </row>
    <row r="496959" spans="14:14">
      <c r="N496959" s="10"/>
    </row>
    <row r="496960" spans="14:14">
      <c r="N496960" s="10"/>
    </row>
    <row r="496961" spans="14:14">
      <c r="N496961" s="10"/>
    </row>
    <row r="496962" spans="14:14">
      <c r="N496962" s="10"/>
    </row>
    <row r="496963" spans="14:14">
      <c r="N496963" s="10"/>
    </row>
    <row r="496964" spans="14:14">
      <c r="N496964" s="10"/>
    </row>
    <row r="496965" spans="14:14">
      <c r="N496965" s="10"/>
    </row>
    <row r="496966" spans="14:14">
      <c r="N496966" s="10"/>
    </row>
    <row r="496967" spans="14:14">
      <c r="N496967" s="10"/>
    </row>
    <row r="496968" spans="14:14">
      <c r="N496968" s="10"/>
    </row>
    <row r="496969" spans="14:14">
      <c r="N496969" s="10"/>
    </row>
    <row r="496970" spans="14:14">
      <c r="N496970" s="10"/>
    </row>
    <row r="496971" spans="14:14">
      <c r="N496971" s="10"/>
    </row>
    <row r="496972" spans="14:14">
      <c r="N496972" s="10"/>
    </row>
    <row r="496973" spans="14:14">
      <c r="N496973" s="10"/>
    </row>
    <row r="496974" spans="14:14">
      <c r="N496974" s="10"/>
    </row>
    <row r="496975" spans="14:14">
      <c r="N496975" s="10"/>
    </row>
    <row r="496976" spans="14:14">
      <c r="N496976" s="10"/>
    </row>
    <row r="496977" spans="14:14">
      <c r="N496977" s="10"/>
    </row>
    <row r="496978" spans="14:14">
      <c r="N496978" s="10"/>
    </row>
    <row r="496979" spans="14:14">
      <c r="N496979" s="10"/>
    </row>
    <row r="496980" spans="14:14">
      <c r="N496980" s="10"/>
    </row>
    <row r="496981" spans="14:14">
      <c r="N496981" s="10"/>
    </row>
    <row r="496982" spans="14:14">
      <c r="N496982" s="10"/>
    </row>
    <row r="496983" spans="14:14">
      <c r="N496983" s="10"/>
    </row>
    <row r="496984" spans="14:14">
      <c r="N496984" s="10"/>
    </row>
    <row r="496985" spans="14:14">
      <c r="N496985" s="10"/>
    </row>
    <row r="496986" spans="14:14">
      <c r="N496986" s="10"/>
    </row>
    <row r="496987" spans="14:14">
      <c r="N496987" s="10"/>
    </row>
    <row r="496988" spans="14:14">
      <c r="N496988" s="10"/>
    </row>
    <row r="496989" spans="14:14">
      <c r="N496989" s="10"/>
    </row>
    <row r="496990" spans="14:14">
      <c r="N496990" s="10"/>
    </row>
    <row r="496991" spans="14:14">
      <c r="N496991" s="10"/>
    </row>
    <row r="496992" spans="14:14">
      <c r="N496992" s="10"/>
    </row>
    <row r="496993" spans="14:14">
      <c r="N496993" s="10"/>
    </row>
    <row r="496994" spans="14:14">
      <c r="N496994" s="10"/>
    </row>
    <row r="496995" spans="14:14">
      <c r="N496995" s="10"/>
    </row>
    <row r="496996" spans="14:14">
      <c r="N496996" s="10"/>
    </row>
    <row r="496997" spans="14:14">
      <c r="N496997" s="10"/>
    </row>
    <row r="496998" spans="14:14">
      <c r="N496998" s="10"/>
    </row>
    <row r="496999" spans="14:14">
      <c r="N496999" s="10"/>
    </row>
    <row r="497000" spans="14:14">
      <c r="N497000" s="10"/>
    </row>
    <row r="497001" spans="14:14">
      <c r="N497001" s="10"/>
    </row>
    <row r="497002" spans="14:14">
      <c r="N497002" s="10"/>
    </row>
    <row r="497003" spans="14:14">
      <c r="N497003" s="10"/>
    </row>
    <row r="497004" spans="14:14">
      <c r="N497004" s="10"/>
    </row>
    <row r="497005" spans="14:14">
      <c r="N497005" s="10"/>
    </row>
    <row r="497006" spans="14:14">
      <c r="N497006" s="10"/>
    </row>
    <row r="497007" spans="14:14">
      <c r="N497007" s="10"/>
    </row>
    <row r="497008" spans="14:14">
      <c r="N497008" s="10"/>
    </row>
    <row r="497009" spans="14:14">
      <c r="N497009" s="10"/>
    </row>
    <row r="497010" spans="14:14">
      <c r="N497010" s="10"/>
    </row>
    <row r="497011" spans="14:14">
      <c r="N497011" s="10"/>
    </row>
    <row r="497012" spans="14:14">
      <c r="N497012" s="10"/>
    </row>
    <row r="497013" spans="14:14">
      <c r="N497013" s="10"/>
    </row>
    <row r="497014" spans="14:14">
      <c r="N497014" s="10"/>
    </row>
    <row r="497015" spans="14:14">
      <c r="N497015" s="10"/>
    </row>
    <row r="497016" spans="14:14">
      <c r="N497016" s="10"/>
    </row>
    <row r="497017" spans="14:14">
      <c r="N497017" s="10"/>
    </row>
    <row r="497018" spans="14:14">
      <c r="N497018" s="10"/>
    </row>
    <row r="497019" spans="14:14">
      <c r="N497019" s="10"/>
    </row>
    <row r="497020" spans="14:14">
      <c r="N497020" s="10"/>
    </row>
    <row r="497021" spans="14:14">
      <c r="N497021" s="10"/>
    </row>
    <row r="497022" spans="14:14">
      <c r="N497022" s="10"/>
    </row>
    <row r="497023" spans="14:14">
      <c r="N497023" s="10"/>
    </row>
    <row r="497024" spans="14:14">
      <c r="N497024" s="10"/>
    </row>
    <row r="497025" spans="14:14">
      <c r="N497025" s="10"/>
    </row>
    <row r="497026" spans="14:14">
      <c r="N497026" s="10"/>
    </row>
    <row r="497027" spans="14:14">
      <c r="N497027" s="10"/>
    </row>
    <row r="497028" spans="14:14">
      <c r="N497028" s="10"/>
    </row>
    <row r="497029" spans="14:14">
      <c r="N497029" s="10"/>
    </row>
    <row r="497030" spans="14:14">
      <c r="N497030" s="10"/>
    </row>
    <row r="497031" spans="14:14">
      <c r="N497031" s="10"/>
    </row>
    <row r="497032" spans="14:14">
      <c r="N497032" s="10"/>
    </row>
    <row r="497033" spans="14:14">
      <c r="N497033" s="10"/>
    </row>
    <row r="497034" spans="14:14">
      <c r="N497034" s="10"/>
    </row>
    <row r="497035" spans="14:14">
      <c r="N497035" s="10"/>
    </row>
    <row r="497036" spans="14:14">
      <c r="N497036" s="10"/>
    </row>
    <row r="497037" spans="14:14">
      <c r="N497037" s="10"/>
    </row>
    <row r="497038" spans="14:14">
      <c r="N497038" s="10"/>
    </row>
    <row r="497039" spans="14:14">
      <c r="N497039" s="10"/>
    </row>
    <row r="497040" spans="14:14">
      <c r="N497040" s="10"/>
    </row>
    <row r="497041" spans="14:14">
      <c r="N497041" s="10"/>
    </row>
    <row r="497042" spans="14:14">
      <c r="N497042" s="10"/>
    </row>
    <row r="497043" spans="14:14">
      <c r="N497043" s="10"/>
    </row>
    <row r="497044" spans="14:14">
      <c r="N497044" s="10"/>
    </row>
    <row r="497045" spans="14:14">
      <c r="N497045" s="10"/>
    </row>
    <row r="497046" spans="14:14">
      <c r="N497046" s="10"/>
    </row>
    <row r="497047" spans="14:14">
      <c r="N497047" s="10"/>
    </row>
    <row r="497048" spans="14:14">
      <c r="N497048" s="10"/>
    </row>
    <row r="497049" spans="14:14">
      <c r="N497049" s="10"/>
    </row>
    <row r="497050" spans="14:14">
      <c r="N497050" s="10"/>
    </row>
    <row r="497051" spans="14:14">
      <c r="N497051" s="10"/>
    </row>
    <row r="497052" spans="14:14">
      <c r="N497052" s="10"/>
    </row>
    <row r="497053" spans="14:14">
      <c r="N497053" s="10"/>
    </row>
    <row r="497054" spans="14:14">
      <c r="N497054" s="10"/>
    </row>
    <row r="497055" spans="14:14">
      <c r="N497055" s="10"/>
    </row>
    <row r="497056" spans="14:14">
      <c r="N497056" s="10"/>
    </row>
    <row r="497057" spans="14:14">
      <c r="N497057" s="10"/>
    </row>
    <row r="497058" spans="14:14">
      <c r="N497058" s="10"/>
    </row>
    <row r="497059" spans="14:14">
      <c r="N497059" s="10"/>
    </row>
    <row r="497060" spans="14:14">
      <c r="N497060" s="10"/>
    </row>
    <row r="497061" spans="14:14">
      <c r="N497061" s="10"/>
    </row>
    <row r="497062" spans="14:14">
      <c r="N497062" s="10"/>
    </row>
    <row r="497063" spans="14:14">
      <c r="N497063" s="10"/>
    </row>
    <row r="497064" spans="14:14">
      <c r="N497064" s="10"/>
    </row>
    <row r="497065" spans="14:14">
      <c r="N497065" s="10"/>
    </row>
    <row r="497066" spans="14:14">
      <c r="N497066" s="10"/>
    </row>
    <row r="497067" spans="14:14">
      <c r="N497067" s="10"/>
    </row>
    <row r="497068" spans="14:14">
      <c r="N497068" s="10"/>
    </row>
    <row r="497069" spans="14:14">
      <c r="N497069" s="10"/>
    </row>
    <row r="497070" spans="14:14">
      <c r="N497070" s="10"/>
    </row>
    <row r="497071" spans="14:14">
      <c r="N497071" s="10"/>
    </row>
    <row r="497072" spans="14:14">
      <c r="N497072" s="10"/>
    </row>
    <row r="497073" spans="14:14">
      <c r="N497073" s="10"/>
    </row>
    <row r="497074" spans="14:14">
      <c r="N497074" s="10"/>
    </row>
    <row r="497075" spans="14:14">
      <c r="N497075" s="10"/>
    </row>
    <row r="497076" spans="14:14">
      <c r="N497076" s="10"/>
    </row>
    <row r="497077" spans="14:14">
      <c r="N497077" s="10"/>
    </row>
    <row r="497078" spans="14:14">
      <c r="N497078" s="10"/>
    </row>
    <row r="497079" spans="14:14">
      <c r="N497079" s="10"/>
    </row>
    <row r="497080" spans="14:14">
      <c r="N497080" s="10"/>
    </row>
    <row r="497081" spans="14:14">
      <c r="N497081" s="10"/>
    </row>
    <row r="497082" spans="14:14">
      <c r="N497082" s="10"/>
    </row>
    <row r="497083" spans="14:14">
      <c r="N497083" s="10"/>
    </row>
    <row r="497084" spans="14:14">
      <c r="N497084" s="10"/>
    </row>
    <row r="497085" spans="14:14">
      <c r="N497085" s="10"/>
    </row>
    <row r="497086" spans="14:14">
      <c r="N497086" s="10"/>
    </row>
    <row r="497087" spans="14:14">
      <c r="N497087" s="10"/>
    </row>
    <row r="497088" spans="14:14">
      <c r="N497088" s="10"/>
    </row>
    <row r="497089" spans="14:14">
      <c r="N497089" s="10"/>
    </row>
    <row r="497090" spans="14:14">
      <c r="N497090" s="10"/>
    </row>
    <row r="497091" spans="14:14">
      <c r="N497091" s="10"/>
    </row>
    <row r="497092" spans="14:14">
      <c r="N497092" s="10"/>
    </row>
    <row r="497093" spans="14:14">
      <c r="N497093" s="10"/>
    </row>
    <row r="497094" spans="14:14">
      <c r="N497094" s="10"/>
    </row>
    <row r="497095" spans="14:14">
      <c r="N497095" s="10"/>
    </row>
    <row r="497096" spans="14:14">
      <c r="N497096" s="10"/>
    </row>
    <row r="497097" spans="14:14">
      <c r="N497097" s="10"/>
    </row>
    <row r="497098" spans="14:14">
      <c r="N497098" s="10"/>
    </row>
    <row r="497099" spans="14:14">
      <c r="N497099" s="10"/>
    </row>
    <row r="497100" spans="14:14">
      <c r="N497100" s="10"/>
    </row>
    <row r="497101" spans="14:14">
      <c r="N497101" s="10"/>
    </row>
    <row r="497102" spans="14:14">
      <c r="N497102" s="10"/>
    </row>
    <row r="497103" spans="14:14">
      <c r="N497103" s="10"/>
    </row>
    <row r="497104" spans="14:14">
      <c r="N497104" s="10"/>
    </row>
    <row r="497105" spans="14:14">
      <c r="N497105" s="10"/>
    </row>
    <row r="497106" spans="14:14">
      <c r="N497106" s="10"/>
    </row>
    <row r="497107" spans="14:14">
      <c r="N497107" s="10"/>
    </row>
    <row r="497108" spans="14:14">
      <c r="N497108" s="10"/>
    </row>
    <row r="497109" spans="14:14">
      <c r="N497109" s="10"/>
    </row>
    <row r="497110" spans="14:14">
      <c r="N497110" s="10"/>
    </row>
    <row r="497111" spans="14:14">
      <c r="N497111" s="10"/>
    </row>
    <row r="497112" spans="14:14">
      <c r="N497112" s="10"/>
    </row>
    <row r="497113" spans="14:14">
      <c r="N497113" s="10"/>
    </row>
    <row r="497114" spans="14:14">
      <c r="N497114" s="10"/>
    </row>
    <row r="497115" spans="14:14">
      <c r="N497115" s="10"/>
    </row>
    <row r="497116" spans="14:14">
      <c r="N497116" s="10"/>
    </row>
    <row r="497117" spans="14:14">
      <c r="N497117" s="10"/>
    </row>
    <row r="497118" spans="14:14">
      <c r="N497118" s="10"/>
    </row>
    <row r="497119" spans="14:14">
      <c r="N497119" s="10"/>
    </row>
    <row r="497120" spans="14:14">
      <c r="N497120" s="10"/>
    </row>
    <row r="497121" spans="14:14">
      <c r="N497121" s="10"/>
    </row>
    <row r="497122" spans="14:14">
      <c r="N497122" s="10"/>
    </row>
    <row r="497123" spans="14:14">
      <c r="N497123" s="10"/>
    </row>
    <row r="497124" spans="14:14">
      <c r="N497124" s="10"/>
    </row>
    <row r="497125" spans="14:14">
      <c r="N497125" s="10"/>
    </row>
    <row r="497126" spans="14:14">
      <c r="N497126" s="10"/>
    </row>
    <row r="497127" spans="14:14">
      <c r="N497127" s="10"/>
    </row>
    <row r="497128" spans="14:14">
      <c r="N497128" s="10"/>
    </row>
    <row r="497129" spans="14:14">
      <c r="N497129" s="10"/>
    </row>
    <row r="497130" spans="14:14">
      <c r="N497130" s="10"/>
    </row>
    <row r="497131" spans="14:14">
      <c r="N497131" s="10"/>
    </row>
    <row r="497132" spans="14:14">
      <c r="N497132" s="10"/>
    </row>
    <row r="497133" spans="14:14">
      <c r="N497133" s="10"/>
    </row>
    <row r="497134" spans="14:14">
      <c r="N497134" s="10"/>
    </row>
    <row r="497135" spans="14:14">
      <c r="N497135" s="10"/>
    </row>
    <row r="497136" spans="14:14">
      <c r="N497136" s="10"/>
    </row>
    <row r="497137" spans="14:14">
      <c r="N497137" s="10"/>
    </row>
    <row r="497138" spans="14:14">
      <c r="N497138" s="10"/>
    </row>
    <row r="497139" spans="14:14">
      <c r="N497139" s="10"/>
    </row>
    <row r="497140" spans="14:14">
      <c r="N497140" s="10"/>
    </row>
    <row r="497141" spans="14:14">
      <c r="N497141" s="10"/>
    </row>
    <row r="497142" spans="14:14">
      <c r="N497142" s="10"/>
    </row>
    <row r="497143" spans="14:14">
      <c r="N497143" s="10"/>
    </row>
    <row r="497144" spans="14:14">
      <c r="N497144" s="10"/>
    </row>
    <row r="497145" spans="14:14">
      <c r="N497145" s="10"/>
    </row>
    <row r="497146" spans="14:14">
      <c r="N497146" s="10"/>
    </row>
    <row r="497147" spans="14:14">
      <c r="N497147" s="10"/>
    </row>
    <row r="497148" spans="14:14">
      <c r="N497148" s="10"/>
    </row>
    <row r="497149" spans="14:14">
      <c r="N497149" s="10"/>
    </row>
    <row r="497150" spans="14:14">
      <c r="N497150" s="10"/>
    </row>
    <row r="497151" spans="14:14">
      <c r="N497151" s="10"/>
    </row>
    <row r="497152" spans="14:14">
      <c r="N497152" s="10"/>
    </row>
    <row r="497153" spans="14:14">
      <c r="N497153" s="10"/>
    </row>
    <row r="497154" spans="14:14">
      <c r="N497154" s="10"/>
    </row>
    <row r="497155" spans="14:14">
      <c r="N497155" s="10"/>
    </row>
    <row r="497156" spans="14:14">
      <c r="N497156" s="10"/>
    </row>
    <row r="497157" spans="14:14">
      <c r="N497157" s="10"/>
    </row>
    <row r="497158" spans="14:14">
      <c r="N497158" s="10"/>
    </row>
    <row r="497159" spans="14:14">
      <c r="N497159" s="10"/>
    </row>
    <row r="497160" spans="14:14">
      <c r="N497160" s="10"/>
    </row>
    <row r="497161" spans="14:14">
      <c r="N497161" s="10"/>
    </row>
    <row r="497162" spans="14:14">
      <c r="N497162" s="10"/>
    </row>
    <row r="497163" spans="14:14">
      <c r="N497163" s="10"/>
    </row>
    <row r="497164" spans="14:14">
      <c r="N497164" s="10"/>
    </row>
    <row r="497165" spans="14:14">
      <c r="N497165" s="10"/>
    </row>
    <row r="497166" spans="14:14">
      <c r="N497166" s="10"/>
    </row>
    <row r="497167" spans="14:14">
      <c r="N497167" s="10"/>
    </row>
    <row r="497168" spans="14:14">
      <c r="N497168" s="10"/>
    </row>
    <row r="497169" spans="14:14">
      <c r="N497169" s="10"/>
    </row>
    <row r="497170" spans="14:14">
      <c r="N497170" s="10"/>
    </row>
    <row r="497171" spans="14:14">
      <c r="N497171" s="10"/>
    </row>
    <row r="497172" spans="14:14">
      <c r="N497172" s="10"/>
    </row>
    <row r="497173" spans="14:14">
      <c r="N497173" s="10"/>
    </row>
    <row r="497174" spans="14:14">
      <c r="N497174" s="10"/>
    </row>
    <row r="497175" spans="14:14">
      <c r="N497175" s="10"/>
    </row>
    <row r="497176" spans="14:14">
      <c r="N497176" s="10"/>
    </row>
    <row r="497177" spans="14:14">
      <c r="N497177" s="10"/>
    </row>
    <row r="497178" spans="14:14">
      <c r="N497178" s="10"/>
    </row>
    <row r="497179" spans="14:14">
      <c r="N497179" s="10"/>
    </row>
    <row r="497180" spans="14:14">
      <c r="N497180" s="10"/>
    </row>
    <row r="497181" spans="14:14">
      <c r="N497181" s="10"/>
    </row>
    <row r="497182" spans="14:14">
      <c r="N497182" s="10"/>
    </row>
    <row r="497183" spans="14:14">
      <c r="N497183" s="10"/>
    </row>
    <row r="497184" spans="14:14">
      <c r="N497184" s="10"/>
    </row>
    <row r="497185" spans="14:14">
      <c r="N497185" s="10"/>
    </row>
    <row r="497186" spans="14:14">
      <c r="N497186" s="10"/>
    </row>
    <row r="497187" spans="14:14">
      <c r="N497187" s="10"/>
    </row>
    <row r="497188" spans="14:14">
      <c r="N497188" s="10"/>
    </row>
    <row r="497189" spans="14:14">
      <c r="N497189" s="10"/>
    </row>
    <row r="497190" spans="14:14">
      <c r="N497190" s="10"/>
    </row>
    <row r="497191" spans="14:14">
      <c r="N497191" s="10"/>
    </row>
    <row r="497192" spans="14:14">
      <c r="N497192" s="10"/>
    </row>
    <row r="497193" spans="14:14">
      <c r="N497193" s="10"/>
    </row>
    <row r="497194" spans="14:14">
      <c r="N497194" s="10"/>
    </row>
    <row r="497195" spans="14:14">
      <c r="N497195" s="10"/>
    </row>
    <row r="497196" spans="14:14">
      <c r="N497196" s="10"/>
    </row>
    <row r="497197" spans="14:14">
      <c r="N497197" s="10"/>
    </row>
    <row r="497198" spans="14:14">
      <c r="N497198" s="10"/>
    </row>
    <row r="497199" spans="14:14">
      <c r="N497199" s="10"/>
    </row>
    <row r="497200" spans="14:14">
      <c r="N497200" s="10"/>
    </row>
    <row r="497201" spans="14:14">
      <c r="N497201" s="10"/>
    </row>
    <row r="497202" spans="14:14">
      <c r="N497202" s="10"/>
    </row>
    <row r="497203" spans="14:14">
      <c r="N497203" s="10"/>
    </row>
    <row r="497204" spans="14:14">
      <c r="N497204" s="10"/>
    </row>
    <row r="497205" spans="14:14">
      <c r="N497205" s="10"/>
    </row>
    <row r="497206" spans="14:14">
      <c r="N497206" s="10"/>
    </row>
    <row r="497207" spans="14:14">
      <c r="N497207" s="10"/>
    </row>
    <row r="497208" spans="14:14">
      <c r="N497208" s="10"/>
    </row>
    <row r="497209" spans="14:14">
      <c r="N497209" s="10"/>
    </row>
    <row r="497210" spans="14:14">
      <c r="N497210" s="10"/>
    </row>
    <row r="497211" spans="14:14">
      <c r="N497211" s="10"/>
    </row>
    <row r="497212" spans="14:14">
      <c r="N497212" s="10"/>
    </row>
    <row r="497213" spans="14:14">
      <c r="N497213" s="10"/>
    </row>
    <row r="497214" spans="14:14">
      <c r="N497214" s="10"/>
    </row>
    <row r="497215" spans="14:14">
      <c r="N497215" s="10"/>
    </row>
    <row r="497216" spans="14:14">
      <c r="N497216" s="10"/>
    </row>
    <row r="497217" spans="14:14">
      <c r="N497217" s="10"/>
    </row>
    <row r="497218" spans="14:14">
      <c r="N497218" s="10"/>
    </row>
    <row r="497219" spans="14:14">
      <c r="N497219" s="10"/>
    </row>
    <row r="497220" spans="14:14">
      <c r="N497220" s="10"/>
    </row>
    <row r="497221" spans="14:14">
      <c r="N497221" s="10"/>
    </row>
    <row r="497222" spans="14:14">
      <c r="N497222" s="10"/>
    </row>
    <row r="497223" spans="14:14">
      <c r="N497223" s="10"/>
    </row>
    <row r="497224" spans="14:14">
      <c r="N497224" s="10"/>
    </row>
    <row r="497225" spans="14:14">
      <c r="N497225" s="10"/>
    </row>
    <row r="497226" spans="14:14">
      <c r="N497226" s="10"/>
    </row>
    <row r="497227" spans="14:14">
      <c r="N497227" s="10"/>
    </row>
    <row r="497228" spans="14:14">
      <c r="N497228" s="10"/>
    </row>
    <row r="497229" spans="14:14">
      <c r="N497229" s="10"/>
    </row>
    <row r="497230" spans="14:14">
      <c r="N497230" s="10"/>
    </row>
    <row r="497231" spans="14:14">
      <c r="N497231" s="10"/>
    </row>
    <row r="497232" spans="14:14">
      <c r="N497232" s="10"/>
    </row>
    <row r="497233" spans="14:14">
      <c r="N497233" s="10"/>
    </row>
    <row r="497234" spans="14:14">
      <c r="N497234" s="10"/>
    </row>
    <row r="497235" spans="14:14">
      <c r="N497235" s="10"/>
    </row>
    <row r="497236" spans="14:14">
      <c r="N497236" s="10"/>
    </row>
    <row r="497237" spans="14:14">
      <c r="N497237" s="10"/>
    </row>
    <row r="497238" spans="14:14">
      <c r="N497238" s="10"/>
    </row>
    <row r="497239" spans="14:14">
      <c r="N497239" s="10"/>
    </row>
    <row r="497240" spans="14:14">
      <c r="N497240" s="10"/>
    </row>
    <row r="497241" spans="14:14">
      <c r="N497241" s="10"/>
    </row>
    <row r="497242" spans="14:14">
      <c r="N497242" s="10"/>
    </row>
    <row r="497243" spans="14:14">
      <c r="N497243" s="10"/>
    </row>
    <row r="497244" spans="14:14">
      <c r="N497244" s="10"/>
    </row>
    <row r="497245" spans="14:14">
      <c r="N497245" s="10"/>
    </row>
    <row r="497246" spans="14:14">
      <c r="N497246" s="10"/>
    </row>
    <row r="497247" spans="14:14">
      <c r="N497247" s="10"/>
    </row>
    <row r="497248" spans="14:14">
      <c r="N497248" s="10"/>
    </row>
    <row r="497249" spans="14:14">
      <c r="N497249" s="10"/>
    </row>
    <row r="497250" spans="14:14">
      <c r="N497250" s="10"/>
    </row>
    <row r="497251" spans="14:14">
      <c r="N497251" s="10"/>
    </row>
    <row r="497252" spans="14:14">
      <c r="N497252" s="10"/>
    </row>
    <row r="497253" spans="14:14">
      <c r="N497253" s="10"/>
    </row>
    <row r="497254" spans="14:14">
      <c r="N497254" s="10"/>
    </row>
    <row r="497255" spans="14:14">
      <c r="N497255" s="10"/>
    </row>
    <row r="497256" spans="14:14">
      <c r="N497256" s="10"/>
    </row>
    <row r="497257" spans="14:14">
      <c r="N497257" s="10"/>
    </row>
    <row r="497258" spans="14:14">
      <c r="N497258" s="10"/>
    </row>
    <row r="497259" spans="14:14">
      <c r="N497259" s="10"/>
    </row>
    <row r="497260" spans="14:14">
      <c r="N497260" s="10"/>
    </row>
    <row r="497261" spans="14:14">
      <c r="N497261" s="10"/>
    </row>
    <row r="497262" spans="14:14">
      <c r="N497262" s="10"/>
    </row>
    <row r="497263" spans="14:14">
      <c r="N497263" s="10"/>
    </row>
    <row r="497264" spans="14:14">
      <c r="N497264" s="10"/>
    </row>
    <row r="497265" spans="14:14">
      <c r="N497265" s="10"/>
    </row>
    <row r="497266" spans="14:14">
      <c r="N497266" s="10"/>
    </row>
    <row r="497267" spans="14:14">
      <c r="N497267" s="10"/>
    </row>
    <row r="497268" spans="14:14">
      <c r="N497268" s="10"/>
    </row>
    <row r="497269" spans="14:14">
      <c r="N497269" s="10"/>
    </row>
    <row r="497270" spans="14:14">
      <c r="N497270" s="10"/>
    </row>
    <row r="497271" spans="14:14">
      <c r="N497271" s="10"/>
    </row>
    <row r="497272" spans="14:14">
      <c r="N497272" s="10"/>
    </row>
    <row r="497273" spans="14:14">
      <c r="N497273" s="10"/>
    </row>
    <row r="497274" spans="14:14">
      <c r="N497274" s="10"/>
    </row>
    <row r="497275" spans="14:14">
      <c r="N497275" s="10"/>
    </row>
    <row r="497276" spans="14:14">
      <c r="N497276" s="10"/>
    </row>
    <row r="497277" spans="14:14">
      <c r="N497277" s="10"/>
    </row>
    <row r="497278" spans="14:14">
      <c r="N497278" s="10"/>
    </row>
    <row r="497279" spans="14:14">
      <c r="N497279" s="10"/>
    </row>
    <row r="497280" spans="14:14">
      <c r="N497280" s="10"/>
    </row>
    <row r="497281" spans="14:14">
      <c r="N497281" s="10"/>
    </row>
    <row r="497282" spans="14:14">
      <c r="N497282" s="10"/>
    </row>
    <row r="497283" spans="14:14">
      <c r="N497283" s="10"/>
    </row>
    <row r="497284" spans="14:14">
      <c r="N497284" s="10"/>
    </row>
    <row r="497285" spans="14:14">
      <c r="N497285" s="10"/>
    </row>
    <row r="497286" spans="14:14">
      <c r="N497286" s="10"/>
    </row>
    <row r="497287" spans="14:14">
      <c r="N497287" s="10"/>
    </row>
    <row r="497288" spans="14:14">
      <c r="N497288" s="10"/>
    </row>
    <row r="497289" spans="14:14">
      <c r="N497289" s="10"/>
    </row>
    <row r="497290" spans="14:14">
      <c r="N497290" s="10"/>
    </row>
    <row r="497291" spans="14:14">
      <c r="N497291" s="10"/>
    </row>
    <row r="497292" spans="14:14">
      <c r="N497292" s="10"/>
    </row>
    <row r="497293" spans="14:14">
      <c r="N497293" s="10"/>
    </row>
    <row r="497294" spans="14:14">
      <c r="N497294" s="10"/>
    </row>
    <row r="497295" spans="14:14">
      <c r="N497295" s="10"/>
    </row>
    <row r="497296" spans="14:14">
      <c r="N497296" s="10"/>
    </row>
    <row r="497297" spans="14:14">
      <c r="N497297" s="10"/>
    </row>
    <row r="497298" spans="14:14">
      <c r="N497298" s="10"/>
    </row>
    <row r="497299" spans="14:14">
      <c r="N497299" s="10"/>
    </row>
    <row r="497300" spans="14:14">
      <c r="N497300" s="10"/>
    </row>
    <row r="497301" spans="14:14">
      <c r="N497301" s="10"/>
    </row>
    <row r="497302" spans="14:14">
      <c r="N497302" s="10"/>
    </row>
    <row r="497303" spans="14:14">
      <c r="N497303" s="10"/>
    </row>
    <row r="497304" spans="14:14">
      <c r="N497304" s="10"/>
    </row>
    <row r="497305" spans="14:14">
      <c r="N497305" s="10"/>
    </row>
    <row r="497306" spans="14:14">
      <c r="N497306" s="10"/>
    </row>
    <row r="497307" spans="14:14">
      <c r="N497307" s="10"/>
    </row>
    <row r="497308" spans="14:14">
      <c r="N497308" s="10"/>
    </row>
    <row r="497309" spans="14:14">
      <c r="N497309" s="10"/>
    </row>
    <row r="497310" spans="14:14">
      <c r="N497310" s="10"/>
    </row>
    <row r="497311" spans="14:14">
      <c r="N497311" s="10"/>
    </row>
    <row r="497312" spans="14:14">
      <c r="N497312" s="10"/>
    </row>
    <row r="497313" spans="14:14">
      <c r="N497313" s="10"/>
    </row>
    <row r="497314" spans="14:14">
      <c r="N497314" s="10"/>
    </row>
    <row r="497315" spans="14:14">
      <c r="N497315" s="10"/>
    </row>
    <row r="497316" spans="14:14">
      <c r="N497316" s="10"/>
    </row>
    <row r="497317" spans="14:14">
      <c r="N497317" s="10"/>
    </row>
    <row r="497318" spans="14:14">
      <c r="N497318" s="10"/>
    </row>
    <row r="497319" spans="14:14">
      <c r="N497319" s="10"/>
    </row>
    <row r="497320" spans="14:14">
      <c r="N497320" s="10"/>
    </row>
    <row r="497321" spans="14:14">
      <c r="N497321" s="10"/>
    </row>
    <row r="497322" spans="14:14">
      <c r="N497322" s="10"/>
    </row>
    <row r="497323" spans="14:14">
      <c r="N497323" s="10"/>
    </row>
    <row r="497324" spans="14:14">
      <c r="N497324" s="10"/>
    </row>
    <row r="497325" spans="14:14">
      <c r="N497325" s="10"/>
    </row>
    <row r="497326" spans="14:14">
      <c r="N497326" s="10"/>
    </row>
    <row r="497327" spans="14:14">
      <c r="N497327" s="10"/>
    </row>
    <row r="497328" spans="14:14">
      <c r="N497328" s="10"/>
    </row>
    <row r="497329" spans="14:14">
      <c r="N497329" s="10"/>
    </row>
    <row r="497330" spans="14:14">
      <c r="N497330" s="10"/>
    </row>
    <row r="497331" spans="14:14">
      <c r="N497331" s="10"/>
    </row>
    <row r="497332" spans="14:14">
      <c r="N497332" s="10"/>
    </row>
    <row r="497333" spans="14:14">
      <c r="N497333" s="10"/>
    </row>
    <row r="497334" spans="14:14">
      <c r="N497334" s="10"/>
    </row>
    <row r="497335" spans="14:14">
      <c r="N497335" s="10"/>
    </row>
    <row r="497336" spans="14:14">
      <c r="N497336" s="10"/>
    </row>
    <row r="497337" spans="14:14">
      <c r="N497337" s="10"/>
    </row>
    <row r="497338" spans="14:14">
      <c r="N497338" s="10"/>
    </row>
    <row r="497339" spans="14:14">
      <c r="N497339" s="10"/>
    </row>
    <row r="497340" spans="14:14">
      <c r="N497340" s="10"/>
    </row>
    <row r="497341" spans="14:14">
      <c r="N497341" s="10"/>
    </row>
    <row r="497342" spans="14:14">
      <c r="N497342" s="10"/>
    </row>
    <row r="497343" spans="14:14">
      <c r="N497343" s="10"/>
    </row>
    <row r="497344" spans="14:14">
      <c r="N497344" s="10"/>
    </row>
    <row r="497345" spans="14:14">
      <c r="N497345" s="10"/>
    </row>
    <row r="497346" spans="14:14">
      <c r="N497346" s="10"/>
    </row>
    <row r="497347" spans="14:14">
      <c r="N497347" s="10"/>
    </row>
    <row r="497348" spans="14:14">
      <c r="N497348" s="10"/>
    </row>
    <row r="497349" spans="14:14">
      <c r="N497349" s="10"/>
    </row>
    <row r="497350" spans="14:14">
      <c r="N497350" s="10"/>
    </row>
    <row r="497351" spans="14:14">
      <c r="N497351" s="10"/>
    </row>
    <row r="497352" spans="14:14">
      <c r="N497352" s="10"/>
    </row>
    <row r="497353" spans="14:14">
      <c r="N497353" s="10"/>
    </row>
    <row r="497354" spans="14:14">
      <c r="N497354" s="10"/>
    </row>
    <row r="497355" spans="14:14">
      <c r="N497355" s="10"/>
    </row>
    <row r="497356" spans="14:14">
      <c r="N497356" s="10"/>
    </row>
    <row r="497357" spans="14:14">
      <c r="N497357" s="10"/>
    </row>
    <row r="497358" spans="14:14">
      <c r="N497358" s="10"/>
    </row>
    <row r="497359" spans="14:14">
      <c r="N497359" s="10"/>
    </row>
    <row r="497360" spans="14:14">
      <c r="N497360" s="10"/>
    </row>
    <row r="497361" spans="14:14">
      <c r="N497361" s="10"/>
    </row>
    <row r="497362" spans="14:14">
      <c r="N497362" s="10"/>
    </row>
    <row r="497363" spans="14:14">
      <c r="N497363" s="10"/>
    </row>
    <row r="497364" spans="14:14">
      <c r="N497364" s="10"/>
    </row>
    <row r="497365" spans="14:14">
      <c r="N497365" s="10"/>
    </row>
    <row r="497366" spans="14:14">
      <c r="N497366" s="10"/>
    </row>
    <row r="497367" spans="14:14">
      <c r="N497367" s="10"/>
    </row>
    <row r="497368" spans="14:14">
      <c r="N497368" s="10"/>
    </row>
    <row r="497369" spans="14:14">
      <c r="N497369" s="10"/>
    </row>
    <row r="497370" spans="14:14">
      <c r="N497370" s="10"/>
    </row>
    <row r="497371" spans="14:14">
      <c r="N497371" s="10"/>
    </row>
    <row r="497372" spans="14:14">
      <c r="N497372" s="10"/>
    </row>
    <row r="497373" spans="14:14">
      <c r="N497373" s="10"/>
    </row>
    <row r="497374" spans="14:14">
      <c r="N497374" s="10"/>
    </row>
    <row r="497375" spans="14:14">
      <c r="N497375" s="10"/>
    </row>
    <row r="497376" spans="14:14">
      <c r="N497376" s="10"/>
    </row>
    <row r="497377" spans="14:14">
      <c r="N497377" s="10"/>
    </row>
    <row r="497378" spans="14:14">
      <c r="N497378" s="10"/>
    </row>
    <row r="497379" spans="14:14">
      <c r="N497379" s="10"/>
    </row>
    <row r="497380" spans="14:14">
      <c r="N497380" s="10"/>
    </row>
    <row r="497381" spans="14:14">
      <c r="N497381" s="10"/>
    </row>
    <row r="497382" spans="14:14">
      <c r="N497382" s="10"/>
    </row>
    <row r="497383" spans="14:14">
      <c r="N497383" s="10"/>
    </row>
    <row r="497384" spans="14:14">
      <c r="N497384" s="10"/>
    </row>
    <row r="497385" spans="14:14">
      <c r="N497385" s="10"/>
    </row>
    <row r="497386" spans="14:14">
      <c r="N497386" s="10"/>
    </row>
    <row r="497387" spans="14:14">
      <c r="N497387" s="10"/>
    </row>
    <row r="497388" spans="14:14">
      <c r="N497388" s="10"/>
    </row>
    <row r="497389" spans="14:14">
      <c r="N497389" s="10"/>
    </row>
    <row r="497390" spans="14:14">
      <c r="N497390" s="10"/>
    </row>
    <row r="497391" spans="14:14">
      <c r="N497391" s="10"/>
    </row>
    <row r="497392" spans="14:14">
      <c r="N497392" s="10"/>
    </row>
    <row r="497393" spans="14:14">
      <c r="N497393" s="10"/>
    </row>
    <row r="497394" spans="14:14">
      <c r="N497394" s="10"/>
    </row>
    <row r="497395" spans="14:14">
      <c r="N497395" s="10"/>
    </row>
    <row r="497396" spans="14:14">
      <c r="N497396" s="10"/>
    </row>
    <row r="497397" spans="14:14">
      <c r="N497397" s="10"/>
    </row>
    <row r="497398" spans="14:14">
      <c r="N497398" s="10"/>
    </row>
    <row r="497399" spans="14:14">
      <c r="N497399" s="10"/>
    </row>
    <row r="497400" spans="14:14">
      <c r="N497400" s="10"/>
    </row>
    <row r="497401" spans="14:14">
      <c r="N497401" s="10"/>
    </row>
    <row r="497402" spans="14:14">
      <c r="N497402" s="10"/>
    </row>
    <row r="497403" spans="14:14">
      <c r="N497403" s="10"/>
    </row>
    <row r="497404" spans="14:14">
      <c r="N497404" s="10"/>
    </row>
    <row r="497405" spans="14:14">
      <c r="N497405" s="10"/>
    </row>
    <row r="497406" spans="14:14">
      <c r="N497406" s="10"/>
    </row>
    <row r="497407" spans="14:14">
      <c r="N497407" s="10"/>
    </row>
    <row r="497408" spans="14:14">
      <c r="N497408" s="10"/>
    </row>
    <row r="497409" spans="14:14">
      <c r="N497409" s="10"/>
    </row>
    <row r="497410" spans="14:14">
      <c r="N497410" s="10"/>
    </row>
    <row r="497411" spans="14:14">
      <c r="N497411" s="10"/>
    </row>
    <row r="497412" spans="14:14">
      <c r="N497412" s="10"/>
    </row>
    <row r="497413" spans="14:14">
      <c r="N497413" s="10"/>
    </row>
    <row r="497414" spans="14:14">
      <c r="N497414" s="10"/>
    </row>
    <row r="497415" spans="14:14">
      <c r="N497415" s="10"/>
    </row>
    <row r="497416" spans="14:14">
      <c r="N497416" s="10"/>
    </row>
    <row r="497417" spans="14:14">
      <c r="N497417" s="10"/>
    </row>
    <row r="497418" spans="14:14">
      <c r="N497418" s="10"/>
    </row>
    <row r="497419" spans="14:14">
      <c r="N497419" s="10"/>
    </row>
    <row r="497420" spans="14:14">
      <c r="N497420" s="10"/>
    </row>
    <row r="497421" spans="14:14">
      <c r="N497421" s="10"/>
    </row>
    <row r="497422" spans="14:14">
      <c r="N497422" s="10"/>
    </row>
    <row r="497423" spans="14:14">
      <c r="N497423" s="10"/>
    </row>
    <row r="497424" spans="14:14">
      <c r="N497424" s="10"/>
    </row>
    <row r="497425" spans="14:14">
      <c r="N497425" s="10"/>
    </row>
    <row r="497426" spans="14:14">
      <c r="N497426" s="10"/>
    </row>
    <row r="497427" spans="14:14">
      <c r="N497427" s="10"/>
    </row>
    <row r="497428" spans="14:14">
      <c r="N497428" s="10"/>
    </row>
    <row r="497429" spans="14:14">
      <c r="N497429" s="10"/>
    </row>
    <row r="497430" spans="14:14">
      <c r="N497430" s="10"/>
    </row>
    <row r="497431" spans="14:14">
      <c r="N497431" s="10"/>
    </row>
    <row r="497432" spans="14:14">
      <c r="N497432" s="10"/>
    </row>
    <row r="497433" spans="14:14">
      <c r="N497433" s="10"/>
    </row>
    <row r="497434" spans="14:14">
      <c r="N497434" s="10"/>
    </row>
    <row r="497435" spans="14:14">
      <c r="N497435" s="10"/>
    </row>
    <row r="497436" spans="14:14">
      <c r="N497436" s="10"/>
    </row>
    <row r="497437" spans="14:14">
      <c r="N497437" s="10"/>
    </row>
    <row r="497438" spans="14:14">
      <c r="N497438" s="10"/>
    </row>
    <row r="497439" spans="14:14">
      <c r="N497439" s="10"/>
    </row>
    <row r="497440" spans="14:14">
      <c r="N497440" s="10"/>
    </row>
    <row r="497441" spans="14:14">
      <c r="N497441" s="10"/>
    </row>
    <row r="497442" spans="14:14">
      <c r="N497442" s="10"/>
    </row>
    <row r="497443" spans="14:14">
      <c r="N497443" s="10"/>
    </row>
    <row r="497444" spans="14:14">
      <c r="N497444" s="10"/>
    </row>
    <row r="497445" spans="14:14">
      <c r="N497445" s="10"/>
    </row>
    <row r="497446" spans="14:14">
      <c r="N497446" s="10"/>
    </row>
    <row r="497447" spans="14:14">
      <c r="N497447" s="10"/>
    </row>
    <row r="497448" spans="14:14">
      <c r="N497448" s="10"/>
    </row>
    <row r="497449" spans="14:14">
      <c r="N497449" s="10"/>
    </row>
    <row r="497450" spans="14:14">
      <c r="N497450" s="10"/>
    </row>
    <row r="497451" spans="14:14">
      <c r="N497451" s="10"/>
    </row>
    <row r="497452" spans="14:14">
      <c r="N497452" s="10"/>
    </row>
    <row r="497453" spans="14:14">
      <c r="N497453" s="10"/>
    </row>
    <row r="497454" spans="14:14">
      <c r="N497454" s="10"/>
    </row>
    <row r="497455" spans="14:14">
      <c r="N497455" s="10"/>
    </row>
    <row r="497456" spans="14:14">
      <c r="N497456" s="10"/>
    </row>
    <row r="497457" spans="14:14">
      <c r="N497457" s="10"/>
    </row>
    <row r="497458" spans="14:14">
      <c r="N497458" s="10"/>
    </row>
    <row r="497459" spans="14:14">
      <c r="N497459" s="10"/>
    </row>
    <row r="497460" spans="14:14">
      <c r="N497460" s="10"/>
    </row>
    <row r="497461" spans="14:14">
      <c r="N497461" s="10"/>
    </row>
    <row r="497462" spans="14:14">
      <c r="N497462" s="10"/>
    </row>
    <row r="497463" spans="14:14">
      <c r="N497463" s="10"/>
    </row>
    <row r="497464" spans="14:14">
      <c r="N497464" s="10"/>
    </row>
    <row r="497465" spans="14:14">
      <c r="N497465" s="10"/>
    </row>
    <row r="497466" spans="14:14">
      <c r="N497466" s="10"/>
    </row>
    <row r="497467" spans="14:14">
      <c r="N497467" s="10"/>
    </row>
    <row r="497468" spans="14:14">
      <c r="N497468" s="10"/>
    </row>
    <row r="497469" spans="14:14">
      <c r="N497469" s="10"/>
    </row>
    <row r="497470" spans="14:14">
      <c r="N497470" s="10"/>
    </row>
    <row r="497471" spans="14:14">
      <c r="N497471" s="10"/>
    </row>
    <row r="497472" spans="14:14">
      <c r="N497472" s="10"/>
    </row>
    <row r="497473" spans="14:14">
      <c r="N497473" s="10"/>
    </row>
    <row r="497474" spans="14:14">
      <c r="N497474" s="10"/>
    </row>
    <row r="497475" spans="14:14">
      <c r="N497475" s="10"/>
    </row>
    <row r="497476" spans="14:14">
      <c r="N497476" s="10"/>
    </row>
    <row r="497477" spans="14:14">
      <c r="N497477" s="10"/>
    </row>
    <row r="497478" spans="14:14">
      <c r="N497478" s="10"/>
    </row>
    <row r="497479" spans="14:14">
      <c r="N497479" s="10"/>
    </row>
    <row r="497480" spans="14:14">
      <c r="N497480" s="10"/>
    </row>
    <row r="497481" spans="14:14">
      <c r="N497481" s="10"/>
    </row>
    <row r="497482" spans="14:14">
      <c r="N497482" s="10"/>
    </row>
    <row r="497483" spans="14:14">
      <c r="N497483" s="10"/>
    </row>
    <row r="497484" spans="14:14">
      <c r="N497484" s="10"/>
    </row>
    <row r="497485" spans="14:14">
      <c r="N497485" s="10"/>
    </row>
    <row r="497486" spans="14:14">
      <c r="N497486" s="10"/>
    </row>
    <row r="497487" spans="14:14">
      <c r="N497487" s="10"/>
    </row>
    <row r="497488" spans="14:14">
      <c r="N497488" s="10"/>
    </row>
    <row r="497489" spans="14:14">
      <c r="N497489" s="10"/>
    </row>
    <row r="497490" spans="14:14">
      <c r="N497490" s="10"/>
    </row>
    <row r="497491" spans="14:14">
      <c r="N497491" s="10"/>
    </row>
    <row r="497492" spans="14:14">
      <c r="N497492" s="10"/>
    </row>
    <row r="497493" spans="14:14">
      <c r="N497493" s="10"/>
    </row>
    <row r="497494" spans="14:14">
      <c r="N497494" s="10"/>
    </row>
    <row r="497495" spans="14:14">
      <c r="N497495" s="10"/>
    </row>
    <row r="497496" spans="14:14">
      <c r="N497496" s="10"/>
    </row>
    <row r="497497" spans="14:14">
      <c r="N497497" s="10"/>
    </row>
    <row r="497498" spans="14:14">
      <c r="N497498" s="10"/>
    </row>
    <row r="497499" spans="14:14">
      <c r="N497499" s="10"/>
    </row>
    <row r="497500" spans="14:14">
      <c r="N497500" s="10"/>
    </row>
    <row r="497501" spans="14:14">
      <c r="N497501" s="10"/>
    </row>
    <row r="497502" spans="14:14">
      <c r="N497502" s="10"/>
    </row>
    <row r="497503" spans="14:14">
      <c r="N497503" s="10"/>
    </row>
    <row r="497504" spans="14:14">
      <c r="N497504" s="10"/>
    </row>
    <row r="497505" spans="14:14">
      <c r="N497505" s="10"/>
    </row>
    <row r="497506" spans="14:14">
      <c r="N497506" s="10"/>
    </row>
    <row r="497507" spans="14:14">
      <c r="N497507" s="10"/>
    </row>
    <row r="497508" spans="14:14">
      <c r="N497508" s="10"/>
    </row>
    <row r="497509" spans="14:14">
      <c r="N497509" s="10"/>
    </row>
    <row r="497510" spans="14:14">
      <c r="N497510" s="10"/>
    </row>
    <row r="497511" spans="14:14">
      <c r="N497511" s="10"/>
    </row>
    <row r="497512" spans="14:14">
      <c r="N497512" s="10"/>
    </row>
    <row r="497513" spans="14:14">
      <c r="N497513" s="10"/>
    </row>
    <row r="497514" spans="14:14">
      <c r="N497514" s="10"/>
    </row>
    <row r="497515" spans="14:14">
      <c r="N497515" s="10"/>
    </row>
    <row r="497516" spans="14:14">
      <c r="N497516" s="10"/>
    </row>
    <row r="497517" spans="14:14">
      <c r="N497517" s="10"/>
    </row>
    <row r="497518" spans="14:14">
      <c r="N497518" s="10"/>
    </row>
    <row r="497519" spans="14:14">
      <c r="N497519" s="10"/>
    </row>
    <row r="497520" spans="14:14">
      <c r="N497520" s="10"/>
    </row>
    <row r="497521" spans="14:14">
      <c r="N497521" s="10"/>
    </row>
    <row r="497522" spans="14:14">
      <c r="N497522" s="10"/>
    </row>
    <row r="497523" spans="14:14">
      <c r="N497523" s="10"/>
    </row>
    <row r="497524" spans="14:14">
      <c r="N497524" s="10"/>
    </row>
    <row r="497525" spans="14:14">
      <c r="N497525" s="10"/>
    </row>
    <row r="497526" spans="14:14">
      <c r="N497526" s="10"/>
    </row>
    <row r="497527" spans="14:14">
      <c r="N497527" s="10"/>
    </row>
    <row r="497528" spans="14:14">
      <c r="N497528" s="10"/>
    </row>
    <row r="497529" spans="14:14">
      <c r="N497529" s="10"/>
    </row>
    <row r="497530" spans="14:14">
      <c r="N497530" s="10"/>
    </row>
    <row r="497531" spans="14:14">
      <c r="N497531" s="10"/>
    </row>
    <row r="497532" spans="14:14">
      <c r="N497532" s="10"/>
    </row>
    <row r="497533" spans="14:14">
      <c r="N497533" s="10"/>
    </row>
    <row r="497534" spans="14:14">
      <c r="N497534" s="10"/>
    </row>
    <row r="497535" spans="14:14">
      <c r="N497535" s="10"/>
    </row>
    <row r="497536" spans="14:14">
      <c r="N497536" s="10"/>
    </row>
    <row r="497537" spans="14:14">
      <c r="N497537" s="10"/>
    </row>
    <row r="497538" spans="14:14">
      <c r="N497538" s="10"/>
    </row>
    <row r="497539" spans="14:14">
      <c r="N497539" s="10"/>
    </row>
    <row r="497540" spans="14:14">
      <c r="N497540" s="10"/>
    </row>
    <row r="497541" spans="14:14">
      <c r="N497541" s="10"/>
    </row>
    <row r="497542" spans="14:14">
      <c r="N497542" s="10"/>
    </row>
    <row r="497543" spans="14:14">
      <c r="N497543" s="10"/>
    </row>
    <row r="497544" spans="14:14">
      <c r="N497544" s="10"/>
    </row>
    <row r="497545" spans="14:14">
      <c r="N497545" s="10"/>
    </row>
    <row r="497546" spans="14:14">
      <c r="N497546" s="10"/>
    </row>
    <row r="497547" spans="14:14">
      <c r="N497547" s="10"/>
    </row>
    <row r="497548" spans="14:14">
      <c r="N497548" s="10"/>
    </row>
    <row r="497549" spans="14:14">
      <c r="N497549" s="10"/>
    </row>
    <row r="497550" spans="14:14">
      <c r="N497550" s="10"/>
    </row>
    <row r="497551" spans="14:14">
      <c r="N497551" s="10"/>
    </row>
    <row r="497552" spans="14:14">
      <c r="N497552" s="10"/>
    </row>
    <row r="497553" spans="14:14">
      <c r="N497553" s="10"/>
    </row>
    <row r="497554" spans="14:14">
      <c r="N497554" s="10"/>
    </row>
    <row r="497555" spans="14:14">
      <c r="N497555" s="10"/>
    </row>
    <row r="497556" spans="14:14">
      <c r="N497556" s="10"/>
    </row>
    <row r="497557" spans="14:14">
      <c r="N497557" s="10"/>
    </row>
    <row r="497558" spans="14:14">
      <c r="N497558" s="10"/>
    </row>
    <row r="497559" spans="14:14">
      <c r="N497559" s="10"/>
    </row>
    <row r="497560" spans="14:14">
      <c r="N497560" s="10"/>
    </row>
    <row r="497561" spans="14:14">
      <c r="N497561" s="10"/>
    </row>
    <row r="497562" spans="14:14">
      <c r="N497562" s="10"/>
    </row>
    <row r="497563" spans="14:14">
      <c r="N497563" s="10"/>
    </row>
    <row r="497564" spans="14:14">
      <c r="N497564" s="10"/>
    </row>
    <row r="497565" spans="14:14">
      <c r="N497565" s="10"/>
    </row>
    <row r="497566" spans="14:14">
      <c r="N497566" s="10"/>
    </row>
    <row r="497567" spans="14:14">
      <c r="N497567" s="10"/>
    </row>
    <row r="497568" spans="14:14">
      <c r="N497568" s="10"/>
    </row>
    <row r="497569" spans="14:14">
      <c r="N497569" s="10"/>
    </row>
    <row r="497570" spans="14:14">
      <c r="N497570" s="10"/>
    </row>
    <row r="497571" spans="14:14">
      <c r="N497571" s="10"/>
    </row>
    <row r="497572" spans="14:14">
      <c r="N497572" s="10"/>
    </row>
    <row r="497573" spans="14:14">
      <c r="N497573" s="10"/>
    </row>
    <row r="497574" spans="14:14">
      <c r="N497574" s="10"/>
    </row>
    <row r="497575" spans="14:14">
      <c r="N497575" s="10"/>
    </row>
    <row r="497576" spans="14:14">
      <c r="N497576" s="10"/>
    </row>
    <row r="497577" spans="14:14">
      <c r="N497577" s="10"/>
    </row>
    <row r="497578" spans="14:14">
      <c r="N497578" s="10"/>
    </row>
    <row r="497579" spans="14:14">
      <c r="N497579" s="10"/>
    </row>
    <row r="497580" spans="14:14">
      <c r="N497580" s="10"/>
    </row>
    <row r="497581" spans="14:14">
      <c r="N497581" s="10"/>
    </row>
    <row r="497582" spans="14:14">
      <c r="N497582" s="10"/>
    </row>
    <row r="497583" spans="14:14">
      <c r="N497583" s="10"/>
    </row>
    <row r="497584" spans="14:14">
      <c r="N497584" s="10"/>
    </row>
    <row r="497585" spans="14:14">
      <c r="N497585" s="10"/>
    </row>
    <row r="497586" spans="14:14">
      <c r="N497586" s="10"/>
    </row>
    <row r="497587" spans="14:14">
      <c r="N497587" s="10"/>
    </row>
    <row r="497588" spans="14:14">
      <c r="N497588" s="10"/>
    </row>
    <row r="497589" spans="14:14">
      <c r="N497589" s="10"/>
    </row>
    <row r="497590" spans="14:14">
      <c r="N497590" s="10"/>
    </row>
    <row r="497591" spans="14:14">
      <c r="N497591" s="10"/>
    </row>
    <row r="497592" spans="14:14">
      <c r="N497592" s="10"/>
    </row>
    <row r="497593" spans="14:14">
      <c r="N497593" s="10"/>
    </row>
    <row r="497594" spans="14:14">
      <c r="N497594" s="10"/>
    </row>
    <row r="497595" spans="14:14">
      <c r="N497595" s="10"/>
    </row>
    <row r="497596" spans="14:14">
      <c r="N497596" s="10"/>
    </row>
    <row r="497597" spans="14:14">
      <c r="N497597" s="10"/>
    </row>
    <row r="497598" spans="14:14">
      <c r="N497598" s="10"/>
    </row>
    <row r="497599" spans="14:14">
      <c r="N497599" s="10"/>
    </row>
    <row r="497600" spans="14:14">
      <c r="N497600" s="10"/>
    </row>
    <row r="497601" spans="14:14">
      <c r="N497601" s="10"/>
    </row>
    <row r="497602" spans="14:14">
      <c r="N497602" s="10"/>
    </row>
    <row r="497603" spans="14:14">
      <c r="N497603" s="10"/>
    </row>
    <row r="497604" spans="14:14">
      <c r="N497604" s="10"/>
    </row>
    <row r="497605" spans="14:14">
      <c r="N497605" s="10"/>
    </row>
    <row r="497606" spans="14:14">
      <c r="N497606" s="10"/>
    </row>
    <row r="497607" spans="14:14">
      <c r="N497607" s="10"/>
    </row>
    <row r="497608" spans="14:14">
      <c r="N497608" s="10"/>
    </row>
    <row r="497609" spans="14:14">
      <c r="N497609" s="10"/>
    </row>
    <row r="497610" spans="14:14">
      <c r="N497610" s="10"/>
    </row>
    <row r="497611" spans="14:14">
      <c r="N497611" s="10"/>
    </row>
    <row r="497612" spans="14:14">
      <c r="N497612" s="10"/>
    </row>
    <row r="497613" spans="14:14">
      <c r="N497613" s="10"/>
    </row>
    <row r="497614" spans="14:14">
      <c r="N497614" s="10"/>
    </row>
    <row r="497615" spans="14:14">
      <c r="N497615" s="10"/>
    </row>
    <row r="497616" spans="14:14">
      <c r="N497616" s="10"/>
    </row>
    <row r="497617" spans="14:14">
      <c r="N497617" s="10"/>
    </row>
    <row r="497618" spans="14:14">
      <c r="N497618" s="10"/>
    </row>
    <row r="497619" spans="14:14">
      <c r="N497619" s="10"/>
    </row>
    <row r="497620" spans="14:14">
      <c r="N497620" s="10"/>
    </row>
    <row r="497621" spans="14:14">
      <c r="N497621" s="10"/>
    </row>
    <row r="497622" spans="14:14">
      <c r="N497622" s="10"/>
    </row>
    <row r="497623" spans="14:14">
      <c r="N497623" s="10"/>
    </row>
    <row r="497624" spans="14:14">
      <c r="N497624" s="10"/>
    </row>
    <row r="497625" spans="14:14">
      <c r="N497625" s="10"/>
    </row>
    <row r="497626" spans="14:14">
      <c r="N497626" s="10"/>
    </row>
    <row r="497627" spans="14:14">
      <c r="N497627" s="10"/>
    </row>
    <row r="497628" spans="14:14">
      <c r="N497628" s="10"/>
    </row>
    <row r="497629" spans="14:14">
      <c r="N497629" s="10"/>
    </row>
    <row r="497630" spans="14:14">
      <c r="N497630" s="10"/>
    </row>
    <row r="497631" spans="14:14">
      <c r="N497631" s="10"/>
    </row>
    <row r="497632" spans="14:14">
      <c r="N497632" s="10"/>
    </row>
    <row r="497633" spans="14:14">
      <c r="N497633" s="10"/>
    </row>
    <row r="497634" spans="14:14">
      <c r="N497634" s="10"/>
    </row>
    <row r="497635" spans="14:14">
      <c r="N497635" s="10"/>
    </row>
    <row r="497636" spans="14:14">
      <c r="N497636" s="10"/>
    </row>
    <row r="497637" spans="14:14">
      <c r="N497637" s="10"/>
    </row>
    <row r="497638" spans="14:14">
      <c r="N497638" s="10"/>
    </row>
    <row r="497639" spans="14:14">
      <c r="N497639" s="10"/>
    </row>
    <row r="497640" spans="14:14">
      <c r="N497640" s="10"/>
    </row>
    <row r="497641" spans="14:14">
      <c r="N497641" s="10"/>
    </row>
    <row r="497642" spans="14:14">
      <c r="N497642" s="10"/>
    </row>
    <row r="497643" spans="14:14">
      <c r="N497643" s="10"/>
    </row>
    <row r="497644" spans="14:14">
      <c r="N497644" s="10"/>
    </row>
    <row r="497645" spans="14:14">
      <c r="N497645" s="10"/>
    </row>
    <row r="497646" spans="14:14">
      <c r="N497646" s="10"/>
    </row>
    <row r="497647" spans="14:14">
      <c r="N497647" s="10"/>
    </row>
    <row r="497648" spans="14:14">
      <c r="N497648" s="10"/>
    </row>
    <row r="497649" spans="14:14">
      <c r="N497649" s="10"/>
    </row>
    <row r="497650" spans="14:14">
      <c r="N497650" s="10"/>
    </row>
    <row r="497651" spans="14:14">
      <c r="N497651" s="10"/>
    </row>
    <row r="497652" spans="14:14">
      <c r="N497652" s="10"/>
    </row>
    <row r="497653" spans="14:14">
      <c r="N497653" s="10"/>
    </row>
    <row r="497654" spans="14:14">
      <c r="N497654" s="10"/>
    </row>
    <row r="497655" spans="14:14">
      <c r="N497655" s="10"/>
    </row>
    <row r="497656" spans="14:14">
      <c r="N497656" s="10"/>
    </row>
    <row r="497657" spans="14:14">
      <c r="N497657" s="10"/>
    </row>
    <row r="497658" spans="14:14">
      <c r="N497658" s="10"/>
    </row>
    <row r="497659" spans="14:14">
      <c r="N497659" s="10"/>
    </row>
    <row r="497660" spans="14:14">
      <c r="N497660" s="10"/>
    </row>
    <row r="497661" spans="14:14">
      <c r="N497661" s="10"/>
    </row>
    <row r="497662" spans="14:14">
      <c r="N497662" s="10"/>
    </row>
    <row r="497663" spans="14:14">
      <c r="N497663" s="10"/>
    </row>
    <row r="497664" spans="14:14">
      <c r="N497664" s="10"/>
    </row>
    <row r="497665" spans="14:14">
      <c r="N497665" s="10"/>
    </row>
    <row r="497666" spans="14:14">
      <c r="N497666" s="10"/>
    </row>
    <row r="497667" spans="14:14">
      <c r="N497667" s="10"/>
    </row>
    <row r="497668" spans="14:14">
      <c r="N497668" s="10"/>
    </row>
    <row r="497669" spans="14:14">
      <c r="N497669" s="10"/>
    </row>
    <row r="497670" spans="14:14">
      <c r="N497670" s="10"/>
    </row>
    <row r="497671" spans="14:14">
      <c r="N497671" s="10"/>
    </row>
    <row r="497672" spans="14:14">
      <c r="N497672" s="10"/>
    </row>
    <row r="497673" spans="14:14">
      <c r="N497673" s="10"/>
    </row>
    <row r="497674" spans="14:14">
      <c r="N497674" s="10"/>
    </row>
    <row r="497675" spans="14:14">
      <c r="N497675" s="10"/>
    </row>
    <row r="497676" spans="14:14">
      <c r="N497676" s="10"/>
    </row>
    <row r="497677" spans="14:14">
      <c r="N497677" s="10"/>
    </row>
    <row r="497678" spans="14:14">
      <c r="N497678" s="10"/>
    </row>
    <row r="497679" spans="14:14">
      <c r="N497679" s="10"/>
    </row>
    <row r="497680" spans="14:14">
      <c r="N497680" s="10"/>
    </row>
    <row r="497681" spans="14:14">
      <c r="N497681" s="10"/>
    </row>
    <row r="497682" spans="14:14">
      <c r="N497682" s="10"/>
    </row>
    <row r="497683" spans="14:14">
      <c r="N497683" s="10"/>
    </row>
    <row r="497684" spans="14:14">
      <c r="N497684" s="10"/>
    </row>
    <row r="497685" spans="14:14">
      <c r="N497685" s="10"/>
    </row>
    <row r="497686" spans="14:14">
      <c r="N497686" s="10"/>
    </row>
    <row r="497687" spans="14:14">
      <c r="N497687" s="10"/>
    </row>
    <row r="497688" spans="14:14">
      <c r="N497688" s="10"/>
    </row>
    <row r="497689" spans="14:14">
      <c r="N497689" s="10"/>
    </row>
    <row r="497690" spans="14:14">
      <c r="N497690" s="10"/>
    </row>
    <row r="497691" spans="14:14">
      <c r="N497691" s="10"/>
    </row>
    <row r="497692" spans="14:14">
      <c r="N497692" s="10"/>
    </row>
    <row r="497693" spans="14:14">
      <c r="N497693" s="10"/>
    </row>
    <row r="497694" spans="14:14">
      <c r="N497694" s="10"/>
    </row>
    <row r="497695" spans="14:14">
      <c r="N497695" s="10"/>
    </row>
    <row r="497696" spans="14:14">
      <c r="N497696" s="10"/>
    </row>
    <row r="497697" spans="14:14">
      <c r="N497697" s="10"/>
    </row>
    <row r="497698" spans="14:14">
      <c r="N497698" s="10"/>
    </row>
    <row r="497699" spans="14:14">
      <c r="N497699" s="10"/>
    </row>
    <row r="497700" spans="14:14">
      <c r="N497700" s="10"/>
    </row>
    <row r="497701" spans="14:14">
      <c r="N497701" s="10"/>
    </row>
    <row r="497702" spans="14:14">
      <c r="N497702" s="10"/>
    </row>
    <row r="497703" spans="14:14">
      <c r="N497703" s="10"/>
    </row>
    <row r="497704" spans="14:14">
      <c r="N497704" s="10"/>
    </row>
    <row r="497705" spans="14:14">
      <c r="N497705" s="10"/>
    </row>
    <row r="497706" spans="14:14">
      <c r="N497706" s="10"/>
    </row>
    <row r="497707" spans="14:14">
      <c r="N497707" s="10"/>
    </row>
    <row r="497708" spans="14:14">
      <c r="N497708" s="10"/>
    </row>
    <row r="497709" spans="14:14">
      <c r="N497709" s="10"/>
    </row>
    <row r="497710" spans="14:14">
      <c r="N497710" s="10"/>
    </row>
    <row r="497711" spans="14:14">
      <c r="N497711" s="10"/>
    </row>
    <row r="497712" spans="14:14">
      <c r="N497712" s="10"/>
    </row>
    <row r="497713" spans="14:14">
      <c r="N497713" s="10"/>
    </row>
    <row r="497714" spans="14:14">
      <c r="N497714" s="10"/>
    </row>
    <row r="497715" spans="14:14">
      <c r="N497715" s="10"/>
    </row>
    <row r="497716" spans="14:14">
      <c r="N497716" s="10"/>
    </row>
    <row r="497717" spans="14:14">
      <c r="N497717" s="10"/>
    </row>
    <row r="497718" spans="14:14">
      <c r="N497718" s="10"/>
    </row>
    <row r="497719" spans="14:14">
      <c r="N497719" s="10"/>
    </row>
    <row r="497720" spans="14:14">
      <c r="N497720" s="10"/>
    </row>
    <row r="497721" spans="14:14">
      <c r="N497721" s="10"/>
    </row>
    <row r="497722" spans="14:14">
      <c r="N497722" s="10"/>
    </row>
    <row r="497723" spans="14:14">
      <c r="N497723" s="10"/>
    </row>
    <row r="497724" spans="14:14">
      <c r="N497724" s="10"/>
    </row>
    <row r="497725" spans="14:14">
      <c r="N497725" s="10"/>
    </row>
    <row r="497726" spans="14:14">
      <c r="N497726" s="10"/>
    </row>
    <row r="497727" spans="14:14">
      <c r="N497727" s="10"/>
    </row>
    <row r="497728" spans="14:14">
      <c r="N497728" s="10"/>
    </row>
    <row r="497729" spans="14:14">
      <c r="N497729" s="10"/>
    </row>
    <row r="497730" spans="14:14">
      <c r="N497730" s="10"/>
    </row>
    <row r="497731" spans="14:14">
      <c r="N497731" s="10"/>
    </row>
    <row r="497732" spans="14:14">
      <c r="N497732" s="10"/>
    </row>
    <row r="497733" spans="14:14">
      <c r="N497733" s="10"/>
    </row>
    <row r="497734" spans="14:14">
      <c r="N497734" s="10"/>
    </row>
    <row r="497735" spans="14:14">
      <c r="N497735" s="10"/>
    </row>
    <row r="497736" spans="14:14">
      <c r="N497736" s="10"/>
    </row>
    <row r="497737" spans="14:14">
      <c r="N497737" s="10"/>
    </row>
    <row r="497738" spans="14:14">
      <c r="N497738" s="10"/>
    </row>
    <row r="497739" spans="14:14">
      <c r="N497739" s="10"/>
    </row>
    <row r="497740" spans="14:14">
      <c r="N497740" s="10"/>
    </row>
    <row r="497741" spans="14:14">
      <c r="N497741" s="10"/>
    </row>
    <row r="497742" spans="14:14">
      <c r="N497742" s="10"/>
    </row>
    <row r="497743" spans="14:14">
      <c r="N497743" s="10"/>
    </row>
    <row r="497744" spans="14:14">
      <c r="N497744" s="10"/>
    </row>
    <row r="497745" spans="14:14">
      <c r="N497745" s="10"/>
    </row>
    <row r="497746" spans="14:14">
      <c r="N497746" s="10"/>
    </row>
    <row r="497747" spans="14:14">
      <c r="N497747" s="10"/>
    </row>
    <row r="497748" spans="14:14">
      <c r="N497748" s="10"/>
    </row>
    <row r="497749" spans="14:14">
      <c r="N497749" s="10"/>
    </row>
    <row r="497750" spans="14:14">
      <c r="N497750" s="10"/>
    </row>
    <row r="497751" spans="14:14">
      <c r="N497751" s="10"/>
    </row>
    <row r="497752" spans="14:14">
      <c r="N497752" s="10"/>
    </row>
    <row r="497753" spans="14:14">
      <c r="N497753" s="10"/>
    </row>
    <row r="497754" spans="14:14">
      <c r="N497754" s="10"/>
    </row>
    <row r="497755" spans="14:14">
      <c r="N497755" s="10"/>
    </row>
    <row r="497756" spans="14:14">
      <c r="N497756" s="10"/>
    </row>
    <row r="497757" spans="14:14">
      <c r="N497757" s="10"/>
    </row>
    <row r="497758" spans="14:14">
      <c r="N497758" s="10"/>
    </row>
    <row r="497759" spans="14:14">
      <c r="N497759" s="10"/>
    </row>
    <row r="497760" spans="14:14">
      <c r="N497760" s="10"/>
    </row>
    <row r="497761" spans="14:14">
      <c r="N497761" s="10"/>
    </row>
    <row r="497762" spans="14:14">
      <c r="N497762" s="10"/>
    </row>
    <row r="497763" spans="14:14">
      <c r="N497763" s="10"/>
    </row>
    <row r="497764" spans="14:14">
      <c r="N497764" s="10"/>
    </row>
    <row r="497765" spans="14:14">
      <c r="N497765" s="10"/>
    </row>
    <row r="497766" spans="14:14">
      <c r="N497766" s="10"/>
    </row>
    <row r="497767" spans="14:14">
      <c r="N497767" s="10"/>
    </row>
    <row r="497768" spans="14:14">
      <c r="N497768" s="10"/>
    </row>
    <row r="497769" spans="14:14">
      <c r="N497769" s="10"/>
    </row>
    <row r="497770" spans="14:14">
      <c r="N497770" s="10"/>
    </row>
    <row r="497771" spans="14:14">
      <c r="N497771" s="10"/>
    </row>
    <row r="497772" spans="14:14">
      <c r="N497772" s="10"/>
    </row>
    <row r="497773" spans="14:14">
      <c r="N497773" s="10"/>
    </row>
    <row r="497774" spans="14:14">
      <c r="N497774" s="10"/>
    </row>
    <row r="497775" spans="14:14">
      <c r="N497775" s="10"/>
    </row>
    <row r="497776" spans="14:14">
      <c r="N497776" s="10"/>
    </row>
    <row r="497777" spans="14:14">
      <c r="N497777" s="10"/>
    </row>
    <row r="497778" spans="14:14">
      <c r="N497778" s="10"/>
    </row>
    <row r="497779" spans="14:14">
      <c r="N497779" s="10"/>
    </row>
    <row r="497780" spans="14:14">
      <c r="N497780" s="10"/>
    </row>
    <row r="497781" spans="14:14">
      <c r="N497781" s="10"/>
    </row>
    <row r="497782" spans="14:14">
      <c r="N497782" s="10"/>
    </row>
    <row r="497783" spans="14:14">
      <c r="N497783" s="10"/>
    </row>
    <row r="497784" spans="14:14">
      <c r="N497784" s="10"/>
    </row>
    <row r="497785" spans="14:14">
      <c r="N497785" s="10"/>
    </row>
    <row r="497786" spans="14:14">
      <c r="N497786" s="10"/>
    </row>
    <row r="497787" spans="14:14">
      <c r="N497787" s="10"/>
    </row>
    <row r="497788" spans="14:14">
      <c r="N497788" s="10"/>
    </row>
    <row r="497789" spans="14:14">
      <c r="N497789" s="10"/>
    </row>
    <row r="497790" spans="14:14">
      <c r="N497790" s="10"/>
    </row>
    <row r="497791" spans="14:14">
      <c r="N497791" s="10"/>
    </row>
    <row r="497792" spans="14:14">
      <c r="N497792" s="10"/>
    </row>
    <row r="497793" spans="14:14">
      <c r="N497793" s="10"/>
    </row>
    <row r="497794" spans="14:14">
      <c r="N497794" s="10"/>
    </row>
    <row r="497795" spans="14:14">
      <c r="N497795" s="10"/>
    </row>
    <row r="497796" spans="14:14">
      <c r="N497796" s="10"/>
    </row>
    <row r="497797" spans="14:14">
      <c r="N497797" s="10"/>
    </row>
    <row r="497798" spans="14:14">
      <c r="N497798" s="10"/>
    </row>
    <row r="497799" spans="14:14">
      <c r="N497799" s="10"/>
    </row>
    <row r="497800" spans="14:14">
      <c r="N497800" s="10"/>
    </row>
    <row r="497801" spans="14:14">
      <c r="N497801" s="10"/>
    </row>
    <row r="497802" spans="14:14">
      <c r="N497802" s="10"/>
    </row>
    <row r="497803" spans="14:14">
      <c r="N497803" s="10"/>
    </row>
    <row r="497804" spans="14:14">
      <c r="N497804" s="10"/>
    </row>
    <row r="497805" spans="14:14">
      <c r="N497805" s="10"/>
    </row>
    <row r="497806" spans="14:14">
      <c r="N497806" s="10"/>
    </row>
    <row r="497807" spans="14:14">
      <c r="N497807" s="10"/>
    </row>
    <row r="497808" spans="14:14">
      <c r="N497808" s="10"/>
    </row>
    <row r="497809" spans="14:14">
      <c r="N497809" s="10"/>
    </row>
    <row r="497810" spans="14:14">
      <c r="N497810" s="10"/>
    </row>
    <row r="497811" spans="14:14">
      <c r="N497811" s="10"/>
    </row>
    <row r="497812" spans="14:14">
      <c r="N497812" s="10"/>
    </row>
    <row r="497813" spans="14:14">
      <c r="N497813" s="10"/>
    </row>
    <row r="497814" spans="14:14">
      <c r="N497814" s="10"/>
    </row>
    <row r="497815" spans="14:14">
      <c r="N497815" s="10"/>
    </row>
    <row r="497816" spans="14:14">
      <c r="N497816" s="10"/>
    </row>
    <row r="497817" spans="14:14">
      <c r="N497817" s="10"/>
    </row>
    <row r="497818" spans="14:14">
      <c r="N497818" s="10"/>
    </row>
    <row r="497819" spans="14:14">
      <c r="N497819" s="10"/>
    </row>
    <row r="497820" spans="14:14">
      <c r="N497820" s="10"/>
    </row>
    <row r="497821" spans="14:14">
      <c r="N497821" s="10"/>
    </row>
    <row r="497822" spans="14:14">
      <c r="N497822" s="10"/>
    </row>
    <row r="497823" spans="14:14">
      <c r="N497823" s="10"/>
    </row>
    <row r="497824" spans="14:14">
      <c r="N497824" s="10"/>
    </row>
    <row r="497825" spans="14:14">
      <c r="N497825" s="10"/>
    </row>
    <row r="497826" spans="14:14">
      <c r="N497826" s="10"/>
    </row>
    <row r="497827" spans="14:14">
      <c r="N497827" s="10"/>
    </row>
    <row r="497828" spans="14:14">
      <c r="N497828" s="10"/>
    </row>
    <row r="497829" spans="14:14">
      <c r="N497829" s="10"/>
    </row>
    <row r="497830" spans="14:14">
      <c r="N497830" s="10"/>
    </row>
    <row r="497831" spans="14:14">
      <c r="N497831" s="10"/>
    </row>
    <row r="497832" spans="14:14">
      <c r="N497832" s="10"/>
    </row>
    <row r="497833" spans="14:14">
      <c r="N497833" s="10"/>
    </row>
    <row r="497834" spans="14:14">
      <c r="N497834" s="10"/>
    </row>
    <row r="497835" spans="14:14">
      <c r="N497835" s="10"/>
    </row>
    <row r="497836" spans="14:14">
      <c r="N497836" s="10"/>
    </row>
    <row r="497837" spans="14:14">
      <c r="N497837" s="10"/>
    </row>
    <row r="497838" spans="14:14">
      <c r="N497838" s="10"/>
    </row>
    <row r="497839" spans="14:14">
      <c r="N497839" s="10"/>
    </row>
    <row r="497840" spans="14:14">
      <c r="N497840" s="10"/>
    </row>
    <row r="497841" spans="14:14">
      <c r="N497841" s="10"/>
    </row>
    <row r="497842" spans="14:14">
      <c r="N497842" s="10"/>
    </row>
    <row r="497843" spans="14:14">
      <c r="N497843" s="10"/>
    </row>
    <row r="497844" spans="14:14">
      <c r="N497844" s="10"/>
    </row>
    <row r="497845" spans="14:14">
      <c r="N497845" s="10"/>
    </row>
    <row r="497846" spans="14:14">
      <c r="N497846" s="10"/>
    </row>
    <row r="497847" spans="14:14">
      <c r="N497847" s="10"/>
    </row>
    <row r="497848" spans="14:14">
      <c r="N497848" s="10"/>
    </row>
    <row r="497849" spans="14:14">
      <c r="N497849" s="10"/>
    </row>
    <row r="497850" spans="14:14">
      <c r="N497850" s="10"/>
    </row>
    <row r="497851" spans="14:14">
      <c r="N497851" s="10"/>
    </row>
    <row r="497852" spans="14:14">
      <c r="N497852" s="10"/>
    </row>
    <row r="497853" spans="14:14">
      <c r="N497853" s="10"/>
    </row>
    <row r="497854" spans="14:14">
      <c r="N497854" s="10"/>
    </row>
    <row r="497855" spans="14:14">
      <c r="N497855" s="10"/>
    </row>
    <row r="497856" spans="14:14">
      <c r="N497856" s="10"/>
    </row>
    <row r="497857" spans="14:14">
      <c r="N497857" s="10"/>
    </row>
    <row r="497858" spans="14:14">
      <c r="N497858" s="10"/>
    </row>
    <row r="497859" spans="14:14">
      <c r="N497859" s="10"/>
    </row>
    <row r="497860" spans="14:14">
      <c r="N497860" s="10"/>
    </row>
    <row r="497861" spans="14:14">
      <c r="N497861" s="10"/>
    </row>
    <row r="497862" spans="14:14">
      <c r="N497862" s="10"/>
    </row>
    <row r="497863" spans="14:14">
      <c r="N497863" s="10"/>
    </row>
    <row r="497864" spans="14:14">
      <c r="N497864" s="10"/>
    </row>
    <row r="497865" spans="14:14">
      <c r="N497865" s="10"/>
    </row>
    <row r="497866" spans="14:14">
      <c r="N497866" s="10"/>
    </row>
    <row r="497867" spans="14:14">
      <c r="N497867" s="10"/>
    </row>
    <row r="497868" spans="14:14">
      <c r="N497868" s="10"/>
    </row>
    <row r="497869" spans="14:14">
      <c r="N497869" s="10"/>
    </row>
    <row r="497870" spans="14:14">
      <c r="N497870" s="10"/>
    </row>
    <row r="497871" spans="14:14">
      <c r="N497871" s="10"/>
    </row>
    <row r="497872" spans="14:14">
      <c r="N497872" s="10"/>
    </row>
    <row r="497873" spans="14:14">
      <c r="N497873" s="10"/>
    </row>
    <row r="497874" spans="14:14">
      <c r="N497874" s="10"/>
    </row>
    <row r="497875" spans="14:14">
      <c r="N497875" s="10"/>
    </row>
    <row r="497876" spans="14:14">
      <c r="N497876" s="10"/>
    </row>
    <row r="497877" spans="14:14">
      <c r="N497877" s="10"/>
    </row>
    <row r="497878" spans="14:14">
      <c r="N497878" s="10"/>
    </row>
    <row r="497879" spans="14:14">
      <c r="N497879" s="10"/>
    </row>
    <row r="497880" spans="14:14">
      <c r="N497880" s="10"/>
    </row>
    <row r="497881" spans="14:14">
      <c r="N497881" s="10"/>
    </row>
    <row r="497882" spans="14:14">
      <c r="N497882" s="10"/>
    </row>
    <row r="497883" spans="14:14">
      <c r="N497883" s="10"/>
    </row>
    <row r="497884" spans="14:14">
      <c r="N497884" s="10"/>
    </row>
    <row r="497885" spans="14:14">
      <c r="N497885" s="10"/>
    </row>
    <row r="497886" spans="14:14">
      <c r="N497886" s="10"/>
    </row>
    <row r="497887" spans="14:14">
      <c r="N497887" s="10"/>
    </row>
    <row r="497888" spans="14:14">
      <c r="N497888" s="10"/>
    </row>
    <row r="497889" spans="14:14">
      <c r="N497889" s="10"/>
    </row>
    <row r="497890" spans="14:14">
      <c r="N497890" s="10"/>
    </row>
    <row r="497891" spans="14:14">
      <c r="N497891" s="10"/>
    </row>
    <row r="497892" spans="14:14">
      <c r="N497892" s="10"/>
    </row>
    <row r="497893" spans="14:14">
      <c r="N497893" s="10"/>
    </row>
    <row r="497894" spans="14:14">
      <c r="N497894" s="10"/>
    </row>
    <row r="497895" spans="14:14">
      <c r="N497895" s="10"/>
    </row>
    <row r="497896" spans="14:14">
      <c r="N497896" s="10"/>
    </row>
    <row r="497897" spans="14:14">
      <c r="N497897" s="10"/>
    </row>
    <row r="497898" spans="14:14">
      <c r="N497898" s="10"/>
    </row>
    <row r="497899" spans="14:14">
      <c r="N497899" s="10"/>
    </row>
    <row r="497900" spans="14:14">
      <c r="N497900" s="10"/>
    </row>
    <row r="497901" spans="14:14">
      <c r="N497901" s="10"/>
    </row>
    <row r="497902" spans="14:14">
      <c r="N497902" s="10"/>
    </row>
    <row r="497903" spans="14:14">
      <c r="N497903" s="10"/>
    </row>
    <row r="497904" spans="14:14">
      <c r="N497904" s="10"/>
    </row>
    <row r="497905" spans="14:14">
      <c r="N497905" s="10"/>
    </row>
    <row r="497906" spans="14:14">
      <c r="N497906" s="10"/>
    </row>
    <row r="497907" spans="14:14">
      <c r="N497907" s="10"/>
    </row>
    <row r="497908" spans="14:14">
      <c r="N497908" s="10"/>
    </row>
    <row r="497909" spans="14:14">
      <c r="N497909" s="10"/>
    </row>
    <row r="497910" spans="14:14">
      <c r="N497910" s="10"/>
    </row>
    <row r="497911" spans="14:14">
      <c r="N497911" s="10"/>
    </row>
    <row r="497912" spans="14:14">
      <c r="N497912" s="10"/>
    </row>
    <row r="497913" spans="14:14">
      <c r="N497913" s="10"/>
    </row>
    <row r="497914" spans="14:14">
      <c r="N497914" s="10"/>
    </row>
    <row r="497915" spans="14:14">
      <c r="N497915" s="10"/>
    </row>
    <row r="497916" spans="14:14">
      <c r="N497916" s="10"/>
    </row>
    <row r="497917" spans="14:14">
      <c r="N497917" s="10"/>
    </row>
    <row r="497918" spans="14:14">
      <c r="N497918" s="10"/>
    </row>
    <row r="497919" spans="14:14">
      <c r="N497919" s="10"/>
    </row>
    <row r="497920" spans="14:14">
      <c r="N497920" s="10"/>
    </row>
    <row r="497921" spans="14:14">
      <c r="N497921" s="10"/>
    </row>
    <row r="497922" spans="14:14">
      <c r="N497922" s="10"/>
    </row>
    <row r="497923" spans="14:14">
      <c r="N497923" s="10"/>
    </row>
    <row r="497924" spans="14:14">
      <c r="N497924" s="10"/>
    </row>
    <row r="497925" spans="14:14">
      <c r="N497925" s="10"/>
    </row>
    <row r="497926" spans="14:14">
      <c r="N497926" s="10"/>
    </row>
    <row r="497927" spans="14:14">
      <c r="N497927" s="10"/>
    </row>
    <row r="497928" spans="14:14">
      <c r="N497928" s="10"/>
    </row>
    <row r="497929" spans="14:14">
      <c r="N497929" s="10"/>
    </row>
    <row r="497930" spans="14:14">
      <c r="N497930" s="10"/>
    </row>
    <row r="497931" spans="14:14">
      <c r="N497931" s="10"/>
    </row>
    <row r="497932" spans="14:14">
      <c r="N497932" s="10"/>
    </row>
    <row r="497933" spans="14:14">
      <c r="N497933" s="10"/>
    </row>
    <row r="497934" spans="14:14">
      <c r="N497934" s="10"/>
    </row>
    <row r="497935" spans="14:14">
      <c r="N497935" s="10"/>
    </row>
    <row r="497936" spans="14:14">
      <c r="N497936" s="10"/>
    </row>
    <row r="497937" spans="14:14">
      <c r="N497937" s="10"/>
    </row>
    <row r="497938" spans="14:14">
      <c r="N497938" s="10"/>
    </row>
    <row r="497939" spans="14:14">
      <c r="N497939" s="10"/>
    </row>
    <row r="497940" spans="14:14">
      <c r="N497940" s="10"/>
    </row>
    <row r="497941" spans="14:14">
      <c r="N497941" s="10"/>
    </row>
    <row r="497942" spans="14:14">
      <c r="N497942" s="10"/>
    </row>
    <row r="497943" spans="14:14">
      <c r="N497943" s="10"/>
    </row>
    <row r="497944" spans="14:14">
      <c r="N497944" s="10"/>
    </row>
    <row r="497945" spans="14:14">
      <c r="N497945" s="10"/>
    </row>
    <row r="497946" spans="14:14">
      <c r="N497946" s="10"/>
    </row>
    <row r="497947" spans="14:14">
      <c r="N497947" s="10"/>
    </row>
    <row r="497948" spans="14:14">
      <c r="N497948" s="10"/>
    </row>
    <row r="497949" spans="14:14">
      <c r="N497949" s="10"/>
    </row>
    <row r="497950" spans="14:14">
      <c r="N497950" s="10"/>
    </row>
    <row r="497951" spans="14:14">
      <c r="N497951" s="10"/>
    </row>
    <row r="497952" spans="14:14">
      <c r="N497952" s="10"/>
    </row>
    <row r="497953" spans="14:14">
      <c r="N497953" s="10"/>
    </row>
    <row r="497954" spans="14:14">
      <c r="N497954" s="10"/>
    </row>
    <row r="497955" spans="14:14">
      <c r="N497955" s="10"/>
    </row>
    <row r="497956" spans="14:14">
      <c r="N497956" s="10"/>
    </row>
    <row r="497957" spans="14:14">
      <c r="N497957" s="10"/>
    </row>
    <row r="497958" spans="14:14">
      <c r="N497958" s="10"/>
    </row>
    <row r="497959" spans="14:14">
      <c r="N497959" s="10"/>
    </row>
    <row r="497960" spans="14:14">
      <c r="N497960" s="10"/>
    </row>
    <row r="497961" spans="14:14">
      <c r="N497961" s="10"/>
    </row>
    <row r="497962" spans="14:14">
      <c r="N497962" s="10"/>
    </row>
    <row r="497963" spans="14:14">
      <c r="N497963" s="10"/>
    </row>
    <row r="497964" spans="14:14">
      <c r="N497964" s="10"/>
    </row>
    <row r="497965" spans="14:14">
      <c r="N497965" s="10"/>
    </row>
    <row r="497966" spans="14:14">
      <c r="N497966" s="10"/>
    </row>
    <row r="497967" spans="14:14">
      <c r="N497967" s="10"/>
    </row>
    <row r="497968" spans="14:14">
      <c r="N497968" s="10"/>
    </row>
    <row r="497969" spans="14:14">
      <c r="N497969" s="10"/>
    </row>
    <row r="497970" spans="14:14">
      <c r="N497970" s="10"/>
    </row>
    <row r="497971" spans="14:14">
      <c r="N497971" s="10"/>
    </row>
    <row r="497972" spans="14:14">
      <c r="N497972" s="10"/>
    </row>
    <row r="497973" spans="14:14">
      <c r="N497973" s="10"/>
    </row>
    <row r="497974" spans="14:14">
      <c r="N497974" s="10"/>
    </row>
    <row r="497975" spans="14:14">
      <c r="N497975" s="10"/>
    </row>
    <row r="497976" spans="14:14">
      <c r="N497976" s="10"/>
    </row>
    <row r="497977" spans="14:14">
      <c r="N497977" s="10"/>
    </row>
    <row r="497978" spans="14:14">
      <c r="N497978" s="10"/>
    </row>
    <row r="497979" spans="14:14">
      <c r="N497979" s="10"/>
    </row>
    <row r="497980" spans="14:14">
      <c r="N497980" s="10"/>
    </row>
    <row r="497981" spans="14:14">
      <c r="N497981" s="10"/>
    </row>
    <row r="497982" spans="14:14">
      <c r="N497982" s="10"/>
    </row>
    <row r="497983" spans="14:14">
      <c r="N497983" s="10"/>
    </row>
    <row r="497984" spans="14:14">
      <c r="N497984" s="10"/>
    </row>
    <row r="497985" spans="14:14">
      <c r="N497985" s="10"/>
    </row>
    <row r="497986" spans="14:14">
      <c r="N497986" s="10"/>
    </row>
    <row r="497987" spans="14:14">
      <c r="N497987" s="10"/>
    </row>
    <row r="497988" spans="14:14">
      <c r="N497988" s="10"/>
    </row>
    <row r="497989" spans="14:14">
      <c r="N497989" s="10"/>
    </row>
    <row r="497990" spans="14:14">
      <c r="N497990" s="10"/>
    </row>
    <row r="497991" spans="14:14">
      <c r="N497991" s="10"/>
    </row>
    <row r="497992" spans="14:14">
      <c r="N497992" s="10"/>
    </row>
    <row r="497993" spans="14:14">
      <c r="N497993" s="10"/>
    </row>
    <row r="497994" spans="14:14">
      <c r="N497994" s="10"/>
    </row>
    <row r="497995" spans="14:14">
      <c r="N497995" s="10"/>
    </row>
    <row r="497996" spans="14:14">
      <c r="N497996" s="10"/>
    </row>
    <row r="497997" spans="14:14">
      <c r="N497997" s="10"/>
    </row>
    <row r="497998" spans="14:14">
      <c r="N497998" s="10"/>
    </row>
    <row r="497999" spans="14:14">
      <c r="N497999" s="10"/>
    </row>
    <row r="498000" spans="14:14">
      <c r="N498000" s="10"/>
    </row>
    <row r="498001" spans="14:14">
      <c r="N498001" s="10"/>
    </row>
    <row r="498002" spans="14:14">
      <c r="N498002" s="10"/>
    </row>
    <row r="498003" spans="14:14">
      <c r="N498003" s="10"/>
    </row>
    <row r="498004" spans="14:14">
      <c r="N498004" s="10"/>
    </row>
    <row r="498005" spans="14:14">
      <c r="N498005" s="10"/>
    </row>
    <row r="498006" spans="14:14">
      <c r="N498006" s="10"/>
    </row>
    <row r="498007" spans="14:14">
      <c r="N498007" s="10"/>
    </row>
    <row r="498008" spans="14:14">
      <c r="N498008" s="10"/>
    </row>
    <row r="498009" spans="14:14">
      <c r="N498009" s="10"/>
    </row>
    <row r="498010" spans="14:14">
      <c r="N498010" s="10"/>
    </row>
    <row r="498011" spans="14:14">
      <c r="N498011" s="10"/>
    </row>
    <row r="498012" spans="14:14">
      <c r="N498012" s="10"/>
    </row>
    <row r="498013" spans="14:14">
      <c r="N498013" s="10"/>
    </row>
    <row r="498014" spans="14:14">
      <c r="N498014" s="10"/>
    </row>
    <row r="498015" spans="14:14">
      <c r="N498015" s="10"/>
    </row>
    <row r="498016" spans="14:14">
      <c r="N498016" s="10"/>
    </row>
    <row r="498017" spans="14:14">
      <c r="N498017" s="10"/>
    </row>
    <row r="498018" spans="14:14">
      <c r="N498018" s="10"/>
    </row>
    <row r="498019" spans="14:14">
      <c r="N498019" s="10"/>
    </row>
    <row r="498020" spans="14:14">
      <c r="N498020" s="10"/>
    </row>
    <row r="498021" spans="14:14">
      <c r="N498021" s="10"/>
    </row>
    <row r="498022" spans="14:14">
      <c r="N498022" s="10"/>
    </row>
    <row r="498023" spans="14:14">
      <c r="N498023" s="10"/>
    </row>
    <row r="498024" spans="14:14">
      <c r="N498024" s="10"/>
    </row>
    <row r="498025" spans="14:14">
      <c r="N498025" s="10"/>
    </row>
    <row r="498026" spans="14:14">
      <c r="N498026" s="10"/>
    </row>
    <row r="498027" spans="14:14">
      <c r="N498027" s="10"/>
    </row>
    <row r="498028" spans="14:14">
      <c r="N498028" s="10"/>
    </row>
    <row r="498029" spans="14:14">
      <c r="N498029" s="10"/>
    </row>
    <row r="498030" spans="14:14">
      <c r="N498030" s="10"/>
    </row>
    <row r="498031" spans="14:14">
      <c r="N498031" s="10"/>
    </row>
    <row r="498032" spans="14:14">
      <c r="N498032" s="10"/>
    </row>
    <row r="498033" spans="14:14">
      <c r="N498033" s="10"/>
    </row>
    <row r="498034" spans="14:14">
      <c r="N498034" s="10"/>
    </row>
    <row r="498035" spans="14:14">
      <c r="N498035" s="10"/>
    </row>
    <row r="498036" spans="14:14">
      <c r="N498036" s="10"/>
    </row>
    <row r="498037" spans="14:14">
      <c r="N498037" s="10"/>
    </row>
    <row r="498038" spans="14:14">
      <c r="N498038" s="10"/>
    </row>
    <row r="498039" spans="14:14">
      <c r="N498039" s="10"/>
    </row>
    <row r="498040" spans="14:14">
      <c r="N498040" s="10"/>
    </row>
    <row r="498041" spans="14:14">
      <c r="N498041" s="10"/>
    </row>
    <row r="498042" spans="14:14">
      <c r="N498042" s="10"/>
    </row>
    <row r="498043" spans="14:14">
      <c r="N498043" s="10"/>
    </row>
    <row r="498044" spans="14:14">
      <c r="N498044" s="10"/>
    </row>
    <row r="498045" spans="14:14">
      <c r="N498045" s="10"/>
    </row>
    <row r="498046" spans="14:14">
      <c r="N498046" s="10"/>
    </row>
    <row r="498047" spans="14:14">
      <c r="N498047" s="10"/>
    </row>
    <row r="498048" spans="14:14">
      <c r="N498048" s="10"/>
    </row>
    <row r="498049" spans="14:14">
      <c r="N498049" s="10"/>
    </row>
    <row r="498050" spans="14:14">
      <c r="N498050" s="10"/>
    </row>
    <row r="498051" spans="14:14">
      <c r="N498051" s="10"/>
    </row>
    <row r="498052" spans="14:14">
      <c r="N498052" s="10"/>
    </row>
    <row r="498053" spans="14:14">
      <c r="N498053" s="10"/>
    </row>
    <row r="498054" spans="14:14">
      <c r="N498054" s="10"/>
    </row>
    <row r="498055" spans="14:14">
      <c r="N498055" s="10"/>
    </row>
    <row r="498056" spans="14:14">
      <c r="N498056" s="10"/>
    </row>
    <row r="498057" spans="14:14">
      <c r="N498057" s="10"/>
    </row>
    <row r="498058" spans="14:14">
      <c r="N498058" s="10"/>
    </row>
    <row r="498059" spans="14:14">
      <c r="N498059" s="10"/>
    </row>
    <row r="498060" spans="14:14">
      <c r="N498060" s="10"/>
    </row>
    <row r="498061" spans="14:14">
      <c r="N498061" s="10"/>
    </row>
    <row r="498062" spans="14:14">
      <c r="N498062" s="10"/>
    </row>
    <row r="498063" spans="14:14">
      <c r="N498063" s="10"/>
    </row>
    <row r="498064" spans="14:14">
      <c r="N498064" s="10"/>
    </row>
    <row r="498065" spans="14:14">
      <c r="N498065" s="10"/>
    </row>
    <row r="498066" spans="14:14">
      <c r="N498066" s="10"/>
    </row>
    <row r="498067" spans="14:14">
      <c r="N498067" s="10"/>
    </row>
    <row r="498068" spans="14:14">
      <c r="N498068" s="10"/>
    </row>
    <row r="498069" spans="14:14">
      <c r="N498069" s="10"/>
    </row>
    <row r="498070" spans="14:14">
      <c r="N498070" s="10"/>
    </row>
    <row r="498071" spans="14:14">
      <c r="N498071" s="10"/>
    </row>
    <row r="498072" spans="14:14">
      <c r="N498072" s="10"/>
    </row>
    <row r="498073" spans="14:14">
      <c r="N498073" s="10"/>
    </row>
    <row r="498074" spans="14:14">
      <c r="N498074" s="10"/>
    </row>
    <row r="498075" spans="14:14">
      <c r="N498075" s="10"/>
    </row>
    <row r="498076" spans="14:14">
      <c r="N498076" s="10"/>
    </row>
    <row r="498077" spans="14:14">
      <c r="N498077" s="10"/>
    </row>
    <row r="498078" spans="14:14">
      <c r="N498078" s="10"/>
    </row>
    <row r="498079" spans="14:14">
      <c r="N498079" s="10"/>
    </row>
    <row r="498080" spans="14:14">
      <c r="N498080" s="10"/>
    </row>
    <row r="498081" spans="14:14">
      <c r="N498081" s="10"/>
    </row>
    <row r="498082" spans="14:14">
      <c r="N498082" s="10"/>
    </row>
    <row r="498083" spans="14:14">
      <c r="N498083" s="10"/>
    </row>
    <row r="498084" spans="14:14">
      <c r="N498084" s="10"/>
    </row>
    <row r="498085" spans="14:14">
      <c r="N498085" s="10"/>
    </row>
    <row r="498086" spans="14:14">
      <c r="N498086" s="10"/>
    </row>
    <row r="498087" spans="14:14">
      <c r="N498087" s="10"/>
    </row>
    <row r="498088" spans="14:14">
      <c r="N498088" s="10"/>
    </row>
    <row r="498089" spans="14:14">
      <c r="N498089" s="10"/>
    </row>
    <row r="498090" spans="14:14">
      <c r="N498090" s="10"/>
    </row>
    <row r="498091" spans="14:14">
      <c r="N498091" s="10"/>
    </row>
    <row r="498092" spans="14:14">
      <c r="N498092" s="10"/>
    </row>
    <row r="498093" spans="14:14">
      <c r="N498093" s="10"/>
    </row>
    <row r="498094" spans="14:14">
      <c r="N498094" s="10"/>
    </row>
    <row r="498095" spans="14:14">
      <c r="N498095" s="10"/>
    </row>
    <row r="498096" spans="14:14">
      <c r="N498096" s="10"/>
    </row>
    <row r="498097" spans="14:14">
      <c r="N498097" s="10"/>
    </row>
    <row r="498098" spans="14:14">
      <c r="N498098" s="10"/>
    </row>
    <row r="498099" spans="14:14">
      <c r="N498099" s="10"/>
    </row>
    <row r="498100" spans="14:14">
      <c r="N498100" s="10"/>
    </row>
    <row r="498101" spans="14:14">
      <c r="N498101" s="10"/>
    </row>
    <row r="498102" spans="14:14">
      <c r="N498102" s="10"/>
    </row>
    <row r="498103" spans="14:14">
      <c r="N498103" s="10"/>
    </row>
    <row r="498104" spans="14:14">
      <c r="N498104" s="10"/>
    </row>
    <row r="498105" spans="14:14">
      <c r="N498105" s="10"/>
    </row>
    <row r="498106" spans="14:14">
      <c r="N498106" s="10"/>
    </row>
    <row r="498107" spans="14:14">
      <c r="N498107" s="10"/>
    </row>
    <row r="498108" spans="14:14">
      <c r="N498108" s="10"/>
    </row>
    <row r="498109" spans="14:14">
      <c r="N498109" s="10"/>
    </row>
    <row r="498110" spans="14:14">
      <c r="N498110" s="10"/>
    </row>
    <row r="498111" spans="14:14">
      <c r="N498111" s="10"/>
    </row>
    <row r="498112" spans="14:14">
      <c r="N498112" s="10"/>
    </row>
    <row r="498113" spans="14:14">
      <c r="N498113" s="10"/>
    </row>
    <row r="498114" spans="14:14">
      <c r="N498114" s="10"/>
    </row>
    <row r="498115" spans="14:14">
      <c r="N498115" s="10"/>
    </row>
    <row r="498116" spans="14:14">
      <c r="N498116" s="10"/>
    </row>
    <row r="498117" spans="14:14">
      <c r="N498117" s="10"/>
    </row>
    <row r="498118" spans="14:14">
      <c r="N498118" s="10"/>
    </row>
    <row r="498119" spans="14:14">
      <c r="N498119" s="10"/>
    </row>
    <row r="498120" spans="14:14">
      <c r="N498120" s="10"/>
    </row>
    <row r="498121" spans="14:14">
      <c r="N498121" s="10"/>
    </row>
    <row r="498122" spans="14:14">
      <c r="N498122" s="10"/>
    </row>
    <row r="498123" spans="14:14">
      <c r="N498123" s="10"/>
    </row>
    <row r="498124" spans="14:14">
      <c r="N498124" s="10"/>
    </row>
    <row r="498125" spans="14:14">
      <c r="N498125" s="10"/>
    </row>
    <row r="498126" spans="14:14">
      <c r="N498126" s="10"/>
    </row>
    <row r="498127" spans="14:14">
      <c r="N498127" s="10"/>
    </row>
    <row r="498128" spans="14:14">
      <c r="N498128" s="10"/>
    </row>
    <row r="498129" spans="14:14">
      <c r="N498129" s="10"/>
    </row>
    <row r="498130" spans="14:14">
      <c r="N498130" s="10"/>
    </row>
    <row r="498131" spans="14:14">
      <c r="N498131" s="10"/>
    </row>
    <row r="498132" spans="14:14">
      <c r="N498132" s="10"/>
    </row>
    <row r="498133" spans="14:14">
      <c r="N498133" s="10"/>
    </row>
    <row r="498134" spans="14:14">
      <c r="N498134" s="10"/>
    </row>
    <row r="498135" spans="14:14">
      <c r="N498135" s="10"/>
    </row>
    <row r="498136" spans="14:14">
      <c r="N498136" s="10"/>
    </row>
    <row r="498137" spans="14:14">
      <c r="N498137" s="10"/>
    </row>
    <row r="498138" spans="14:14">
      <c r="N498138" s="10"/>
    </row>
    <row r="498139" spans="14:14">
      <c r="N498139" s="10"/>
    </row>
    <row r="498140" spans="14:14">
      <c r="N498140" s="10"/>
    </row>
    <row r="498141" spans="14:14">
      <c r="N498141" s="10"/>
    </row>
    <row r="498142" spans="14:14">
      <c r="N498142" s="10"/>
    </row>
    <row r="498143" spans="14:14">
      <c r="N498143" s="10"/>
    </row>
    <row r="498144" spans="14:14">
      <c r="N498144" s="10"/>
    </row>
    <row r="498145" spans="14:14">
      <c r="N498145" s="10"/>
    </row>
    <row r="498146" spans="14:14">
      <c r="N498146" s="10"/>
    </row>
    <row r="498147" spans="14:14">
      <c r="N498147" s="10"/>
    </row>
    <row r="498148" spans="14:14">
      <c r="N498148" s="10"/>
    </row>
    <row r="498149" spans="14:14">
      <c r="N498149" s="10"/>
    </row>
    <row r="498150" spans="14:14">
      <c r="N498150" s="10"/>
    </row>
    <row r="498151" spans="14:14">
      <c r="N498151" s="10"/>
    </row>
    <row r="498152" spans="14:14">
      <c r="N498152" s="10"/>
    </row>
    <row r="498153" spans="14:14">
      <c r="N498153" s="10"/>
    </row>
    <row r="498154" spans="14:14">
      <c r="N498154" s="10"/>
    </row>
    <row r="498155" spans="14:14">
      <c r="N498155" s="10"/>
    </row>
    <row r="498156" spans="14:14">
      <c r="N498156" s="10"/>
    </row>
    <row r="498157" spans="14:14">
      <c r="N498157" s="10"/>
    </row>
    <row r="498158" spans="14:14">
      <c r="N498158" s="10"/>
    </row>
    <row r="498159" spans="14:14">
      <c r="N498159" s="10"/>
    </row>
    <row r="498160" spans="14:14">
      <c r="N498160" s="10"/>
    </row>
    <row r="498161" spans="14:14">
      <c r="N498161" s="10"/>
    </row>
    <row r="498162" spans="14:14">
      <c r="N498162" s="10"/>
    </row>
    <row r="498163" spans="14:14">
      <c r="N498163" s="10"/>
    </row>
    <row r="498164" spans="14:14">
      <c r="N498164" s="10"/>
    </row>
    <row r="498165" spans="14:14">
      <c r="N498165" s="10"/>
    </row>
    <row r="498166" spans="14:14">
      <c r="N498166" s="10"/>
    </row>
    <row r="498167" spans="14:14">
      <c r="N498167" s="10"/>
    </row>
    <row r="498168" spans="14:14">
      <c r="N498168" s="10"/>
    </row>
    <row r="498169" spans="14:14">
      <c r="N498169" s="10"/>
    </row>
    <row r="498170" spans="14:14">
      <c r="N498170" s="10"/>
    </row>
    <row r="498171" spans="14:14">
      <c r="N498171" s="10"/>
    </row>
    <row r="498172" spans="14:14">
      <c r="N498172" s="10"/>
    </row>
    <row r="498173" spans="14:14">
      <c r="N498173" s="10"/>
    </row>
    <row r="498174" spans="14:14">
      <c r="N498174" s="10"/>
    </row>
    <row r="498175" spans="14:14">
      <c r="N498175" s="10"/>
    </row>
    <row r="498176" spans="14:14">
      <c r="N498176" s="10"/>
    </row>
    <row r="498177" spans="14:14">
      <c r="N498177" s="10"/>
    </row>
    <row r="498178" spans="14:14">
      <c r="N498178" s="10"/>
    </row>
    <row r="498179" spans="14:14">
      <c r="N498179" s="10"/>
    </row>
    <row r="498180" spans="14:14">
      <c r="N498180" s="10"/>
    </row>
    <row r="498181" spans="14:14">
      <c r="N498181" s="10"/>
    </row>
    <row r="498182" spans="14:14">
      <c r="N498182" s="10"/>
    </row>
    <row r="498183" spans="14:14">
      <c r="N498183" s="10"/>
    </row>
    <row r="498184" spans="14:14">
      <c r="N498184" s="10"/>
    </row>
    <row r="498185" spans="14:14">
      <c r="N498185" s="10"/>
    </row>
    <row r="498186" spans="14:14">
      <c r="N498186" s="10"/>
    </row>
    <row r="498187" spans="14:14">
      <c r="N498187" s="10"/>
    </row>
    <row r="498188" spans="14:14">
      <c r="N498188" s="10"/>
    </row>
    <row r="498189" spans="14:14">
      <c r="N498189" s="10"/>
    </row>
    <row r="498190" spans="14:14">
      <c r="N498190" s="10"/>
    </row>
    <row r="498191" spans="14:14">
      <c r="N498191" s="10"/>
    </row>
    <row r="498192" spans="14:14">
      <c r="N498192" s="10"/>
    </row>
    <row r="498193" spans="14:14">
      <c r="N498193" s="10"/>
    </row>
    <row r="498194" spans="14:14">
      <c r="N498194" s="10"/>
    </row>
    <row r="498195" spans="14:14">
      <c r="N498195" s="10"/>
    </row>
    <row r="498196" spans="14:14">
      <c r="N498196" s="10"/>
    </row>
    <row r="498197" spans="14:14">
      <c r="N498197" s="10"/>
    </row>
    <row r="498198" spans="14:14">
      <c r="N498198" s="10"/>
    </row>
    <row r="498199" spans="14:14">
      <c r="N498199" s="10"/>
    </row>
    <row r="498200" spans="14:14">
      <c r="N498200" s="10"/>
    </row>
    <row r="498201" spans="14:14">
      <c r="N498201" s="10"/>
    </row>
    <row r="498202" spans="14:14">
      <c r="N498202" s="10"/>
    </row>
    <row r="498203" spans="14:14">
      <c r="N498203" s="10"/>
    </row>
    <row r="498204" spans="14:14">
      <c r="N498204" s="10"/>
    </row>
    <row r="498205" spans="14:14">
      <c r="N498205" s="10"/>
    </row>
    <row r="498206" spans="14:14">
      <c r="N498206" s="10"/>
    </row>
    <row r="498207" spans="14:14">
      <c r="N498207" s="10"/>
    </row>
    <row r="498208" spans="14:14">
      <c r="N498208" s="10"/>
    </row>
    <row r="498209" spans="14:14">
      <c r="N498209" s="10"/>
    </row>
    <row r="498210" spans="14:14">
      <c r="N498210" s="10"/>
    </row>
    <row r="498211" spans="14:14">
      <c r="N498211" s="10"/>
    </row>
    <row r="498212" spans="14:14">
      <c r="N498212" s="10"/>
    </row>
    <row r="498213" spans="14:14">
      <c r="N498213" s="10"/>
    </row>
    <row r="498214" spans="14:14">
      <c r="N498214" s="10"/>
    </row>
    <row r="498215" spans="14:14">
      <c r="N498215" s="10"/>
    </row>
    <row r="498216" spans="14:14">
      <c r="N498216" s="10"/>
    </row>
    <row r="498217" spans="14:14">
      <c r="N498217" s="10"/>
    </row>
    <row r="498218" spans="14:14">
      <c r="N498218" s="10"/>
    </row>
    <row r="498219" spans="14:14">
      <c r="N498219" s="10"/>
    </row>
    <row r="498220" spans="14:14">
      <c r="N498220" s="10"/>
    </row>
    <row r="498221" spans="14:14">
      <c r="N498221" s="10"/>
    </row>
    <row r="498222" spans="14:14">
      <c r="N498222" s="10"/>
    </row>
    <row r="498223" spans="14:14">
      <c r="N498223" s="10"/>
    </row>
    <row r="498224" spans="14:14">
      <c r="N498224" s="10"/>
    </row>
    <row r="498225" spans="14:14">
      <c r="N498225" s="10"/>
    </row>
    <row r="498226" spans="14:14">
      <c r="N498226" s="10"/>
    </row>
    <row r="498227" spans="14:14">
      <c r="N498227" s="10"/>
    </row>
    <row r="498228" spans="14:14">
      <c r="N498228" s="10"/>
    </row>
    <row r="498229" spans="14:14">
      <c r="N498229" s="10"/>
    </row>
    <row r="498230" spans="14:14">
      <c r="N498230" s="10"/>
    </row>
    <row r="498231" spans="14:14">
      <c r="N498231" s="10"/>
    </row>
    <row r="498232" spans="14:14">
      <c r="N498232" s="10"/>
    </row>
    <row r="498233" spans="14:14">
      <c r="N498233" s="10"/>
    </row>
    <row r="498234" spans="14:14">
      <c r="N498234" s="10"/>
    </row>
    <row r="498235" spans="14:14">
      <c r="N498235" s="10"/>
    </row>
    <row r="498236" spans="14:14">
      <c r="N498236" s="10"/>
    </row>
    <row r="498237" spans="14:14">
      <c r="N498237" s="10"/>
    </row>
    <row r="498238" spans="14:14">
      <c r="N498238" s="10"/>
    </row>
    <row r="498239" spans="14:14">
      <c r="N498239" s="10"/>
    </row>
    <row r="498240" spans="14:14">
      <c r="N498240" s="10"/>
    </row>
    <row r="498241" spans="14:14">
      <c r="N498241" s="10"/>
    </row>
    <row r="498242" spans="14:14">
      <c r="N498242" s="10"/>
    </row>
    <row r="498243" spans="14:14">
      <c r="N498243" s="10"/>
    </row>
    <row r="498244" spans="14:14">
      <c r="N498244" s="10"/>
    </row>
    <row r="498245" spans="14:14">
      <c r="N498245" s="10"/>
    </row>
    <row r="498246" spans="14:14">
      <c r="N498246" s="10"/>
    </row>
    <row r="498247" spans="14:14">
      <c r="N498247" s="10"/>
    </row>
    <row r="498248" spans="14:14">
      <c r="N498248" s="10"/>
    </row>
    <row r="498249" spans="14:14">
      <c r="N498249" s="10"/>
    </row>
    <row r="498250" spans="14:14">
      <c r="N498250" s="10"/>
    </row>
    <row r="498251" spans="14:14">
      <c r="N498251" s="10"/>
    </row>
    <row r="498252" spans="14:14">
      <c r="N498252" s="10"/>
    </row>
    <row r="498253" spans="14:14">
      <c r="N498253" s="10"/>
    </row>
    <row r="498254" spans="14:14">
      <c r="N498254" s="10"/>
    </row>
    <row r="498255" spans="14:14">
      <c r="N498255" s="10"/>
    </row>
    <row r="498256" spans="14:14">
      <c r="N498256" s="10"/>
    </row>
    <row r="498257" spans="14:14">
      <c r="N498257" s="10"/>
    </row>
    <row r="498258" spans="14:14">
      <c r="N498258" s="10"/>
    </row>
    <row r="498259" spans="14:14">
      <c r="N498259" s="10"/>
    </row>
    <row r="498260" spans="14:14">
      <c r="N498260" s="10"/>
    </row>
    <row r="498261" spans="14:14">
      <c r="N498261" s="10"/>
    </row>
    <row r="498262" spans="14:14">
      <c r="N498262" s="10"/>
    </row>
    <row r="498263" spans="14:14">
      <c r="N498263" s="10"/>
    </row>
    <row r="498264" spans="14:14">
      <c r="N498264" s="10"/>
    </row>
    <row r="498265" spans="14:14">
      <c r="N498265" s="10"/>
    </row>
    <row r="498266" spans="14:14">
      <c r="N498266" s="10"/>
    </row>
    <row r="498267" spans="14:14">
      <c r="N498267" s="10"/>
    </row>
    <row r="498268" spans="14:14">
      <c r="N498268" s="10"/>
    </row>
    <row r="498269" spans="14:14">
      <c r="N498269" s="10"/>
    </row>
    <row r="498270" spans="14:14">
      <c r="N498270" s="10"/>
    </row>
    <row r="498271" spans="14:14">
      <c r="N498271" s="10"/>
    </row>
    <row r="498272" spans="14:14">
      <c r="N498272" s="10"/>
    </row>
    <row r="498273" spans="14:14">
      <c r="N498273" s="10"/>
    </row>
    <row r="498274" spans="14:14">
      <c r="N498274" s="10"/>
    </row>
    <row r="498275" spans="14:14">
      <c r="N498275" s="10"/>
    </row>
    <row r="498276" spans="14:14">
      <c r="N498276" s="10"/>
    </row>
    <row r="498277" spans="14:14">
      <c r="N498277" s="10"/>
    </row>
    <row r="498278" spans="14:14">
      <c r="N498278" s="10"/>
    </row>
    <row r="498279" spans="14:14">
      <c r="N498279" s="10"/>
    </row>
    <row r="498280" spans="14:14">
      <c r="N498280" s="10"/>
    </row>
    <row r="498281" spans="14:14">
      <c r="N498281" s="10"/>
    </row>
    <row r="498282" spans="14:14">
      <c r="N498282" s="10"/>
    </row>
    <row r="498283" spans="14:14">
      <c r="N498283" s="10"/>
    </row>
    <row r="498284" spans="14:14">
      <c r="N498284" s="10"/>
    </row>
    <row r="498285" spans="14:14">
      <c r="N498285" s="10"/>
    </row>
    <row r="498286" spans="14:14">
      <c r="N498286" s="10"/>
    </row>
    <row r="498287" spans="14:14">
      <c r="N498287" s="10"/>
    </row>
    <row r="498288" spans="14:14">
      <c r="N498288" s="10"/>
    </row>
    <row r="498289" spans="14:14">
      <c r="N498289" s="10"/>
    </row>
    <row r="498290" spans="14:14">
      <c r="N498290" s="10"/>
    </row>
    <row r="498291" spans="14:14">
      <c r="N498291" s="10"/>
    </row>
    <row r="498292" spans="14:14">
      <c r="N498292" s="10"/>
    </row>
    <row r="498293" spans="14:14">
      <c r="N498293" s="10"/>
    </row>
    <row r="498294" spans="14:14">
      <c r="N498294" s="10"/>
    </row>
    <row r="498295" spans="14:14">
      <c r="N498295" s="10"/>
    </row>
    <row r="498296" spans="14:14">
      <c r="N498296" s="10"/>
    </row>
    <row r="498297" spans="14:14">
      <c r="N498297" s="10"/>
    </row>
    <row r="498298" spans="14:14">
      <c r="N498298" s="10"/>
    </row>
    <row r="498299" spans="14:14">
      <c r="N498299" s="10"/>
    </row>
    <row r="498300" spans="14:14">
      <c r="N498300" s="10"/>
    </row>
    <row r="498301" spans="14:14">
      <c r="N498301" s="10"/>
    </row>
    <row r="498302" spans="14:14">
      <c r="N498302" s="10"/>
    </row>
    <row r="498303" spans="14:14">
      <c r="N498303" s="10"/>
    </row>
    <row r="498304" spans="14:14">
      <c r="N498304" s="10"/>
    </row>
    <row r="498305" spans="14:14">
      <c r="N498305" s="10"/>
    </row>
    <row r="498306" spans="14:14">
      <c r="N498306" s="10"/>
    </row>
    <row r="498307" spans="14:14">
      <c r="N498307" s="10"/>
    </row>
    <row r="498308" spans="14:14">
      <c r="N498308" s="10"/>
    </row>
    <row r="498309" spans="14:14">
      <c r="N498309" s="10"/>
    </row>
    <row r="498310" spans="14:14">
      <c r="N498310" s="10"/>
    </row>
    <row r="498311" spans="14:14">
      <c r="N498311" s="10"/>
    </row>
    <row r="498312" spans="14:14">
      <c r="N498312" s="10"/>
    </row>
    <row r="498313" spans="14:14">
      <c r="N498313" s="10"/>
    </row>
    <row r="498314" spans="14:14">
      <c r="N498314" s="10"/>
    </row>
    <row r="498315" spans="14:14">
      <c r="N498315" s="10"/>
    </row>
    <row r="498316" spans="14:14">
      <c r="N498316" s="10"/>
    </row>
    <row r="498317" spans="14:14">
      <c r="N498317" s="10"/>
    </row>
    <row r="498318" spans="14:14">
      <c r="N498318" s="10"/>
    </row>
    <row r="498319" spans="14:14">
      <c r="N498319" s="10"/>
    </row>
    <row r="498320" spans="14:14">
      <c r="N498320" s="10"/>
    </row>
    <row r="498321" spans="14:14">
      <c r="N498321" s="10"/>
    </row>
    <row r="498322" spans="14:14">
      <c r="N498322" s="10"/>
    </row>
    <row r="498323" spans="14:14">
      <c r="N498323" s="10"/>
    </row>
    <row r="498324" spans="14:14">
      <c r="N498324" s="10"/>
    </row>
    <row r="498325" spans="14:14">
      <c r="N498325" s="10"/>
    </row>
    <row r="498326" spans="14:14">
      <c r="N498326" s="10"/>
    </row>
    <row r="498327" spans="14:14">
      <c r="N498327" s="10"/>
    </row>
    <row r="498328" spans="14:14">
      <c r="N498328" s="10"/>
    </row>
    <row r="498329" spans="14:14">
      <c r="N498329" s="10"/>
    </row>
    <row r="498330" spans="14:14">
      <c r="N498330" s="10"/>
    </row>
    <row r="498331" spans="14:14">
      <c r="N498331" s="10"/>
    </row>
    <row r="498332" spans="14:14">
      <c r="N498332" s="10"/>
    </row>
    <row r="498333" spans="14:14">
      <c r="N498333" s="10"/>
    </row>
    <row r="498334" spans="14:14">
      <c r="N498334" s="10"/>
    </row>
    <row r="498335" spans="14:14">
      <c r="N498335" s="10"/>
    </row>
    <row r="498336" spans="14:14">
      <c r="N498336" s="10"/>
    </row>
    <row r="498337" spans="14:14">
      <c r="N498337" s="10"/>
    </row>
    <row r="498338" spans="14:14">
      <c r="N498338" s="10"/>
    </row>
    <row r="498339" spans="14:14">
      <c r="N498339" s="10"/>
    </row>
    <row r="498340" spans="14:14">
      <c r="N498340" s="10"/>
    </row>
    <row r="498341" spans="14:14">
      <c r="N498341" s="10"/>
    </row>
    <row r="498342" spans="14:14">
      <c r="N498342" s="10"/>
    </row>
    <row r="498343" spans="14:14">
      <c r="N498343" s="10"/>
    </row>
    <row r="498344" spans="14:14">
      <c r="N498344" s="10"/>
    </row>
    <row r="498345" spans="14:14">
      <c r="N498345" s="10"/>
    </row>
    <row r="498346" spans="14:14">
      <c r="N498346" s="10"/>
    </row>
    <row r="498347" spans="14:14">
      <c r="N498347" s="10"/>
    </row>
    <row r="498348" spans="14:14">
      <c r="N498348" s="10"/>
    </row>
    <row r="498349" spans="14:14">
      <c r="N498349" s="10"/>
    </row>
    <row r="498350" spans="14:14">
      <c r="N498350" s="10"/>
    </row>
    <row r="498351" spans="14:14">
      <c r="N498351" s="10"/>
    </row>
    <row r="498352" spans="14:14">
      <c r="N498352" s="10"/>
    </row>
    <row r="498353" spans="14:14">
      <c r="N498353" s="10"/>
    </row>
    <row r="498354" spans="14:14">
      <c r="N498354" s="10"/>
    </row>
    <row r="498355" spans="14:14">
      <c r="N498355" s="10"/>
    </row>
    <row r="498356" spans="14:14">
      <c r="N498356" s="10"/>
    </row>
    <row r="498357" spans="14:14">
      <c r="N498357" s="10"/>
    </row>
    <row r="498358" spans="14:14">
      <c r="N498358" s="10"/>
    </row>
    <row r="498359" spans="14:14">
      <c r="N498359" s="10"/>
    </row>
    <row r="498360" spans="14:14">
      <c r="N498360" s="10"/>
    </row>
    <row r="498361" spans="14:14">
      <c r="N498361" s="10"/>
    </row>
    <row r="498362" spans="14:14">
      <c r="N498362" s="10"/>
    </row>
    <row r="498363" spans="14:14">
      <c r="N498363" s="10"/>
    </row>
    <row r="498364" spans="14:14">
      <c r="N498364" s="10"/>
    </row>
    <row r="498365" spans="14:14">
      <c r="N498365" s="10"/>
    </row>
    <row r="498366" spans="14:14">
      <c r="N498366" s="10"/>
    </row>
    <row r="498367" spans="14:14">
      <c r="N498367" s="10"/>
    </row>
    <row r="498368" spans="14:14">
      <c r="N498368" s="10"/>
    </row>
    <row r="498369" spans="14:14">
      <c r="N498369" s="10"/>
    </row>
    <row r="498370" spans="14:14">
      <c r="N498370" s="10"/>
    </row>
    <row r="498371" spans="14:14">
      <c r="N498371" s="10"/>
    </row>
    <row r="498372" spans="14:14">
      <c r="N498372" s="10"/>
    </row>
    <row r="498373" spans="14:14">
      <c r="N498373" s="10"/>
    </row>
    <row r="498374" spans="14:14">
      <c r="N498374" s="10"/>
    </row>
    <row r="498375" spans="14:14">
      <c r="N498375" s="10"/>
    </row>
    <row r="498376" spans="14:14">
      <c r="N498376" s="10"/>
    </row>
    <row r="498377" spans="14:14">
      <c r="N498377" s="10"/>
    </row>
    <row r="498378" spans="14:14">
      <c r="N498378" s="10"/>
    </row>
    <row r="498379" spans="14:14">
      <c r="N498379" s="10"/>
    </row>
    <row r="498380" spans="14:14">
      <c r="N498380" s="10"/>
    </row>
    <row r="498381" spans="14:14">
      <c r="N498381" s="10"/>
    </row>
    <row r="498382" spans="14:14">
      <c r="N498382" s="10"/>
    </row>
    <row r="498383" spans="14:14">
      <c r="N498383" s="10"/>
    </row>
    <row r="498384" spans="14:14">
      <c r="N498384" s="10"/>
    </row>
    <row r="498385" spans="14:14">
      <c r="N498385" s="10"/>
    </row>
    <row r="498386" spans="14:14">
      <c r="N498386" s="10"/>
    </row>
    <row r="498387" spans="14:14">
      <c r="N498387" s="10"/>
    </row>
    <row r="498388" spans="14:14">
      <c r="N498388" s="10"/>
    </row>
    <row r="498389" spans="14:14">
      <c r="N498389" s="10"/>
    </row>
    <row r="498390" spans="14:14">
      <c r="N498390" s="10"/>
    </row>
    <row r="498391" spans="14:14">
      <c r="N498391" s="10"/>
    </row>
    <row r="498392" spans="14:14">
      <c r="N498392" s="10"/>
    </row>
    <row r="498393" spans="14:14">
      <c r="N498393" s="10"/>
    </row>
    <row r="498394" spans="14:14">
      <c r="N498394" s="10"/>
    </row>
    <row r="498395" spans="14:14">
      <c r="N498395" s="10"/>
    </row>
    <row r="498396" spans="14:14">
      <c r="N498396" s="10"/>
    </row>
    <row r="498397" spans="14:14">
      <c r="N498397" s="10"/>
    </row>
    <row r="498398" spans="14:14">
      <c r="N498398" s="10"/>
    </row>
    <row r="498399" spans="14:14">
      <c r="N498399" s="10"/>
    </row>
    <row r="498400" spans="14:14">
      <c r="N498400" s="10"/>
    </row>
    <row r="498401" spans="14:14">
      <c r="N498401" s="10"/>
    </row>
    <row r="498402" spans="14:14">
      <c r="N498402" s="10"/>
    </row>
    <row r="498403" spans="14:14">
      <c r="N498403" s="10"/>
    </row>
    <row r="498404" spans="14:14">
      <c r="N498404" s="10"/>
    </row>
    <row r="498405" spans="14:14">
      <c r="N498405" s="10"/>
    </row>
    <row r="498406" spans="14:14">
      <c r="N498406" s="10"/>
    </row>
    <row r="498407" spans="14:14">
      <c r="N498407" s="10"/>
    </row>
    <row r="498408" spans="14:14">
      <c r="N498408" s="10"/>
    </row>
    <row r="498409" spans="14:14">
      <c r="N498409" s="10"/>
    </row>
    <row r="498410" spans="14:14">
      <c r="N498410" s="10"/>
    </row>
    <row r="498411" spans="14:14">
      <c r="N498411" s="10"/>
    </row>
    <row r="498412" spans="14:14">
      <c r="N498412" s="10"/>
    </row>
    <row r="498413" spans="14:14">
      <c r="N498413" s="10"/>
    </row>
    <row r="498414" spans="14:14">
      <c r="N498414" s="10"/>
    </row>
    <row r="498415" spans="14:14">
      <c r="N498415" s="10"/>
    </row>
    <row r="498416" spans="14:14">
      <c r="N498416" s="10"/>
    </row>
    <row r="498417" spans="14:14">
      <c r="N498417" s="10"/>
    </row>
    <row r="498418" spans="14:14">
      <c r="N498418" s="10"/>
    </row>
    <row r="498419" spans="14:14">
      <c r="N498419" s="10"/>
    </row>
    <row r="498420" spans="14:14">
      <c r="N498420" s="10"/>
    </row>
    <row r="498421" spans="14:14">
      <c r="N498421" s="10"/>
    </row>
    <row r="498422" spans="14:14">
      <c r="N498422" s="10"/>
    </row>
    <row r="498423" spans="14:14">
      <c r="N498423" s="10"/>
    </row>
    <row r="498424" spans="14:14">
      <c r="N498424" s="10"/>
    </row>
    <row r="498425" spans="14:14">
      <c r="N498425" s="10"/>
    </row>
    <row r="498426" spans="14:14">
      <c r="N498426" s="10"/>
    </row>
    <row r="498427" spans="14:14">
      <c r="N498427" s="10"/>
    </row>
    <row r="498428" spans="14:14">
      <c r="N498428" s="10"/>
    </row>
    <row r="498429" spans="14:14">
      <c r="N498429" s="10"/>
    </row>
    <row r="498430" spans="14:14">
      <c r="N498430" s="10"/>
    </row>
    <row r="498431" spans="14:14">
      <c r="N498431" s="10"/>
    </row>
    <row r="498432" spans="14:14">
      <c r="N498432" s="10"/>
    </row>
    <row r="498433" spans="14:14">
      <c r="N498433" s="10"/>
    </row>
    <row r="498434" spans="14:14">
      <c r="N498434" s="10"/>
    </row>
    <row r="498435" spans="14:14">
      <c r="N498435" s="10"/>
    </row>
    <row r="498436" spans="14:14">
      <c r="N498436" s="10"/>
    </row>
    <row r="498437" spans="14:14">
      <c r="N498437" s="10"/>
    </row>
    <row r="498438" spans="14:14">
      <c r="N498438" s="10"/>
    </row>
    <row r="498439" spans="14:14">
      <c r="N498439" s="10"/>
    </row>
    <row r="498440" spans="14:14">
      <c r="N498440" s="10"/>
    </row>
    <row r="498441" spans="14:14">
      <c r="N498441" s="10"/>
    </row>
    <row r="498442" spans="14:14">
      <c r="N498442" s="10"/>
    </row>
    <row r="498443" spans="14:14">
      <c r="N498443" s="10"/>
    </row>
    <row r="498444" spans="14:14">
      <c r="N498444" s="10"/>
    </row>
    <row r="498445" spans="14:14">
      <c r="N498445" s="10"/>
    </row>
    <row r="498446" spans="14:14">
      <c r="N498446" s="10"/>
    </row>
    <row r="498447" spans="14:14">
      <c r="N498447" s="10"/>
    </row>
    <row r="498448" spans="14:14">
      <c r="N498448" s="10"/>
    </row>
    <row r="498449" spans="14:14">
      <c r="N498449" s="10"/>
    </row>
    <row r="498450" spans="14:14">
      <c r="N498450" s="10"/>
    </row>
    <row r="498451" spans="14:14">
      <c r="N498451" s="10"/>
    </row>
    <row r="498452" spans="14:14">
      <c r="N498452" s="10"/>
    </row>
    <row r="498453" spans="14:14">
      <c r="N498453" s="10"/>
    </row>
    <row r="498454" spans="14:14">
      <c r="N498454" s="10"/>
    </row>
    <row r="498455" spans="14:14">
      <c r="N498455" s="10"/>
    </row>
    <row r="498456" spans="14:14">
      <c r="N498456" s="10"/>
    </row>
    <row r="498457" spans="14:14">
      <c r="N498457" s="10"/>
    </row>
    <row r="498458" spans="14:14">
      <c r="N498458" s="10"/>
    </row>
    <row r="498459" spans="14:14">
      <c r="N498459" s="10"/>
    </row>
    <row r="498460" spans="14:14">
      <c r="N498460" s="10"/>
    </row>
    <row r="498461" spans="14:14">
      <c r="N498461" s="10"/>
    </row>
    <row r="498462" spans="14:14">
      <c r="N498462" s="10"/>
    </row>
    <row r="498463" spans="14:14">
      <c r="N498463" s="10"/>
    </row>
    <row r="498464" spans="14:14">
      <c r="N498464" s="10"/>
    </row>
    <row r="498465" spans="14:14">
      <c r="N498465" s="10"/>
    </row>
    <row r="498466" spans="14:14">
      <c r="N498466" s="10"/>
    </row>
    <row r="498467" spans="14:14">
      <c r="N498467" s="10"/>
    </row>
    <row r="498468" spans="14:14">
      <c r="N498468" s="10"/>
    </row>
    <row r="498469" spans="14:14">
      <c r="N498469" s="10"/>
    </row>
    <row r="498470" spans="14:14">
      <c r="N498470" s="10"/>
    </row>
    <row r="498471" spans="14:14">
      <c r="N498471" s="10"/>
    </row>
    <row r="498472" spans="14:14">
      <c r="N498472" s="10"/>
    </row>
    <row r="498473" spans="14:14">
      <c r="N498473" s="10"/>
    </row>
    <row r="498474" spans="14:14">
      <c r="N498474" s="10"/>
    </row>
    <row r="498475" spans="14:14">
      <c r="N498475" s="10"/>
    </row>
    <row r="498476" spans="14:14">
      <c r="N498476" s="10"/>
    </row>
    <row r="498477" spans="14:14">
      <c r="N498477" s="10"/>
    </row>
    <row r="498478" spans="14:14">
      <c r="N498478" s="10"/>
    </row>
    <row r="498479" spans="14:14">
      <c r="N498479" s="10"/>
    </row>
    <row r="498480" spans="14:14">
      <c r="N498480" s="10"/>
    </row>
    <row r="498481" spans="14:14">
      <c r="N498481" s="10"/>
    </row>
    <row r="498482" spans="14:14">
      <c r="N498482" s="10"/>
    </row>
    <row r="498483" spans="14:14">
      <c r="N498483" s="10"/>
    </row>
    <row r="498484" spans="14:14">
      <c r="N498484" s="10"/>
    </row>
    <row r="498485" spans="14:14">
      <c r="N498485" s="10"/>
    </row>
    <row r="498486" spans="14:14">
      <c r="N498486" s="10"/>
    </row>
    <row r="498487" spans="14:14">
      <c r="N498487" s="10"/>
    </row>
    <row r="498488" spans="14:14">
      <c r="N498488" s="10"/>
    </row>
    <row r="498489" spans="14:14">
      <c r="N498489" s="10"/>
    </row>
    <row r="498490" spans="14:14">
      <c r="N498490" s="10"/>
    </row>
    <row r="498491" spans="14:14">
      <c r="N498491" s="10"/>
    </row>
    <row r="498492" spans="14:14">
      <c r="N498492" s="10"/>
    </row>
    <row r="498493" spans="14:14">
      <c r="N498493" s="10"/>
    </row>
    <row r="498494" spans="14:14">
      <c r="N498494" s="10"/>
    </row>
    <row r="498495" spans="14:14">
      <c r="N498495" s="10"/>
    </row>
    <row r="498496" spans="14:14">
      <c r="N498496" s="10"/>
    </row>
    <row r="498497" spans="14:14">
      <c r="N498497" s="10"/>
    </row>
    <row r="498498" spans="14:14">
      <c r="N498498" s="10"/>
    </row>
    <row r="498499" spans="14:14">
      <c r="N498499" s="10"/>
    </row>
    <row r="498500" spans="14:14">
      <c r="N498500" s="10"/>
    </row>
    <row r="498501" spans="14:14">
      <c r="N498501" s="10"/>
    </row>
    <row r="498502" spans="14:14">
      <c r="N498502" s="10"/>
    </row>
    <row r="498503" spans="14:14">
      <c r="N498503" s="10"/>
    </row>
    <row r="498504" spans="14:14">
      <c r="N498504" s="10"/>
    </row>
    <row r="498505" spans="14:14">
      <c r="N498505" s="10"/>
    </row>
    <row r="498506" spans="14:14">
      <c r="N498506" s="10"/>
    </row>
    <row r="498507" spans="14:14">
      <c r="N498507" s="10"/>
    </row>
    <row r="498508" spans="14:14">
      <c r="N498508" s="10"/>
    </row>
    <row r="498509" spans="14:14">
      <c r="N498509" s="10"/>
    </row>
    <row r="498510" spans="14:14">
      <c r="N498510" s="10"/>
    </row>
    <row r="498511" spans="14:14">
      <c r="N498511" s="10"/>
    </row>
    <row r="498512" spans="14:14">
      <c r="N498512" s="10"/>
    </row>
    <row r="498513" spans="14:14">
      <c r="N498513" s="10"/>
    </row>
    <row r="498514" spans="14:14">
      <c r="N498514" s="10"/>
    </row>
    <row r="498515" spans="14:14">
      <c r="N498515" s="10"/>
    </row>
    <row r="498516" spans="14:14">
      <c r="N498516" s="10"/>
    </row>
    <row r="498517" spans="14:14">
      <c r="N498517" s="10"/>
    </row>
    <row r="498518" spans="14:14">
      <c r="N498518" s="10"/>
    </row>
    <row r="498519" spans="14:14">
      <c r="N498519" s="10"/>
    </row>
    <row r="498520" spans="14:14">
      <c r="N498520" s="10"/>
    </row>
    <row r="498521" spans="14:14">
      <c r="N498521" s="10"/>
    </row>
    <row r="498522" spans="14:14">
      <c r="N498522" s="10"/>
    </row>
    <row r="498523" spans="14:14">
      <c r="N498523" s="10"/>
    </row>
    <row r="498524" spans="14:14">
      <c r="N498524" s="10"/>
    </row>
    <row r="498525" spans="14:14">
      <c r="N498525" s="10"/>
    </row>
    <row r="498526" spans="14:14">
      <c r="N498526" s="10"/>
    </row>
    <row r="498527" spans="14:14">
      <c r="N498527" s="10"/>
    </row>
    <row r="498528" spans="14:14">
      <c r="N498528" s="10"/>
    </row>
    <row r="498529" spans="14:14">
      <c r="N498529" s="10"/>
    </row>
    <row r="498530" spans="14:14">
      <c r="N498530" s="10"/>
    </row>
    <row r="498531" spans="14:14">
      <c r="N498531" s="10"/>
    </row>
    <row r="498532" spans="14:14">
      <c r="N498532" s="10"/>
    </row>
    <row r="498533" spans="14:14">
      <c r="N498533" s="10"/>
    </row>
    <row r="498534" spans="14:14">
      <c r="N498534" s="10"/>
    </row>
    <row r="498535" spans="14:14">
      <c r="N498535" s="10"/>
    </row>
    <row r="498536" spans="14:14">
      <c r="N498536" s="10"/>
    </row>
    <row r="498537" spans="14:14">
      <c r="N498537" s="10"/>
    </row>
    <row r="498538" spans="14:14">
      <c r="N498538" s="10"/>
    </row>
    <row r="498539" spans="14:14">
      <c r="N498539" s="10"/>
    </row>
    <row r="498540" spans="14:14">
      <c r="N498540" s="10"/>
    </row>
    <row r="498541" spans="14:14">
      <c r="N498541" s="10"/>
    </row>
    <row r="498542" spans="14:14">
      <c r="N498542" s="10"/>
    </row>
    <row r="498543" spans="14:14">
      <c r="N498543" s="10"/>
    </row>
    <row r="498544" spans="14:14">
      <c r="N498544" s="10"/>
    </row>
    <row r="498545" spans="14:14">
      <c r="N498545" s="10"/>
    </row>
    <row r="498546" spans="14:14">
      <c r="N498546" s="10"/>
    </row>
    <row r="498547" spans="14:14">
      <c r="N498547" s="10"/>
    </row>
    <row r="498548" spans="14:14">
      <c r="N498548" s="10"/>
    </row>
    <row r="498549" spans="14:14">
      <c r="N498549" s="10"/>
    </row>
    <row r="498550" spans="14:14">
      <c r="N498550" s="10"/>
    </row>
    <row r="498551" spans="14:14">
      <c r="N498551" s="10"/>
    </row>
    <row r="498552" spans="14:14">
      <c r="N498552" s="10"/>
    </row>
    <row r="498553" spans="14:14">
      <c r="N498553" s="10"/>
    </row>
    <row r="498554" spans="14:14">
      <c r="N498554" s="10"/>
    </row>
    <row r="498555" spans="14:14">
      <c r="N498555" s="10"/>
    </row>
    <row r="498556" spans="14:14">
      <c r="N498556" s="10"/>
    </row>
    <row r="498557" spans="14:14">
      <c r="N498557" s="10"/>
    </row>
    <row r="498558" spans="14:14">
      <c r="N498558" s="10"/>
    </row>
    <row r="498559" spans="14:14">
      <c r="N498559" s="10"/>
    </row>
    <row r="498560" spans="14:14">
      <c r="N498560" s="10"/>
    </row>
    <row r="498561" spans="14:14">
      <c r="N498561" s="10"/>
    </row>
    <row r="498562" spans="14:14">
      <c r="N498562" s="10"/>
    </row>
    <row r="498563" spans="14:14">
      <c r="N498563" s="10"/>
    </row>
    <row r="498564" spans="14:14">
      <c r="N498564" s="10"/>
    </row>
    <row r="498565" spans="14:14">
      <c r="N498565" s="10"/>
    </row>
    <row r="498566" spans="14:14">
      <c r="N498566" s="10"/>
    </row>
    <row r="498567" spans="14:14">
      <c r="N498567" s="10"/>
    </row>
    <row r="498568" spans="14:14">
      <c r="N498568" s="10"/>
    </row>
    <row r="498569" spans="14:14">
      <c r="N498569" s="10"/>
    </row>
    <row r="498570" spans="14:14">
      <c r="N498570" s="10"/>
    </row>
    <row r="498571" spans="14:14">
      <c r="N498571" s="10"/>
    </row>
    <row r="498572" spans="14:14">
      <c r="N498572" s="10"/>
    </row>
    <row r="498573" spans="14:14">
      <c r="N498573" s="10"/>
    </row>
    <row r="498574" spans="14:14">
      <c r="N498574" s="10"/>
    </row>
    <row r="498575" spans="14:14">
      <c r="N498575" s="10"/>
    </row>
    <row r="498576" spans="14:14">
      <c r="N498576" s="10"/>
    </row>
    <row r="498577" spans="14:14">
      <c r="N498577" s="10"/>
    </row>
    <row r="498578" spans="14:14">
      <c r="N498578" s="10"/>
    </row>
    <row r="498579" spans="14:14">
      <c r="N498579" s="10"/>
    </row>
    <row r="498580" spans="14:14">
      <c r="N498580" s="10"/>
    </row>
    <row r="498581" spans="14:14">
      <c r="N498581" s="10"/>
    </row>
    <row r="498582" spans="14:14">
      <c r="N498582" s="10"/>
    </row>
    <row r="498583" spans="14:14">
      <c r="N498583" s="10"/>
    </row>
    <row r="498584" spans="14:14">
      <c r="N498584" s="10"/>
    </row>
    <row r="498585" spans="14:14">
      <c r="N498585" s="10"/>
    </row>
    <row r="498586" spans="14:14">
      <c r="N498586" s="10"/>
    </row>
    <row r="498587" spans="14:14">
      <c r="N498587" s="10"/>
    </row>
    <row r="498588" spans="14:14">
      <c r="N498588" s="10"/>
    </row>
    <row r="498589" spans="14:14">
      <c r="N498589" s="10"/>
    </row>
    <row r="498590" spans="14:14">
      <c r="N498590" s="10"/>
    </row>
    <row r="498591" spans="14:14">
      <c r="N498591" s="10"/>
    </row>
    <row r="498592" spans="14:14">
      <c r="N498592" s="10"/>
    </row>
    <row r="498593" spans="14:14">
      <c r="N498593" s="10"/>
    </row>
    <row r="498594" spans="14:14">
      <c r="N498594" s="10"/>
    </row>
    <row r="498595" spans="14:14">
      <c r="N498595" s="10"/>
    </row>
    <row r="498596" spans="14:14">
      <c r="N498596" s="10"/>
    </row>
    <row r="498597" spans="14:14">
      <c r="N498597" s="10"/>
    </row>
    <row r="498598" spans="14:14">
      <c r="N498598" s="10"/>
    </row>
    <row r="498599" spans="14:14">
      <c r="N498599" s="10"/>
    </row>
    <row r="498600" spans="14:14">
      <c r="N498600" s="10"/>
    </row>
    <row r="498601" spans="14:14">
      <c r="N498601" s="10"/>
    </row>
    <row r="498602" spans="14:14">
      <c r="N498602" s="10"/>
    </row>
    <row r="498603" spans="14:14">
      <c r="N498603" s="10"/>
    </row>
    <row r="498604" spans="14:14">
      <c r="N498604" s="10"/>
    </row>
    <row r="498605" spans="14:14">
      <c r="N498605" s="10"/>
    </row>
    <row r="498606" spans="14:14">
      <c r="N498606" s="10"/>
    </row>
    <row r="498607" spans="14:14">
      <c r="N498607" s="10"/>
    </row>
    <row r="498608" spans="14:14">
      <c r="N498608" s="10"/>
    </row>
    <row r="498609" spans="14:14">
      <c r="N498609" s="10"/>
    </row>
    <row r="498610" spans="14:14">
      <c r="N498610" s="10"/>
    </row>
    <row r="498611" spans="14:14">
      <c r="N498611" s="10"/>
    </row>
    <row r="498612" spans="14:14">
      <c r="N498612" s="10"/>
    </row>
    <row r="498613" spans="14:14">
      <c r="N498613" s="10"/>
    </row>
    <row r="498614" spans="14:14">
      <c r="N498614" s="10"/>
    </row>
    <row r="498615" spans="14:14">
      <c r="N498615" s="10"/>
    </row>
    <row r="498616" spans="14:14">
      <c r="N498616" s="10"/>
    </row>
    <row r="498617" spans="14:14">
      <c r="N498617" s="10"/>
    </row>
    <row r="498618" spans="14:14">
      <c r="N498618" s="10"/>
    </row>
    <row r="498619" spans="14:14">
      <c r="N498619" s="10"/>
    </row>
    <row r="498620" spans="14:14">
      <c r="N498620" s="10"/>
    </row>
    <row r="498621" spans="14:14">
      <c r="N498621" s="10"/>
    </row>
    <row r="498622" spans="14:14">
      <c r="N498622" s="10"/>
    </row>
    <row r="498623" spans="14:14">
      <c r="N498623" s="10"/>
    </row>
    <row r="498624" spans="14:14">
      <c r="N498624" s="10"/>
    </row>
    <row r="498625" spans="14:14">
      <c r="N498625" s="10"/>
    </row>
    <row r="498626" spans="14:14">
      <c r="N498626" s="10"/>
    </row>
    <row r="498627" spans="14:14">
      <c r="N498627" s="10"/>
    </row>
    <row r="498628" spans="14:14">
      <c r="N498628" s="10"/>
    </row>
    <row r="498629" spans="14:14">
      <c r="N498629" s="10"/>
    </row>
    <row r="498630" spans="14:14">
      <c r="N498630" s="10"/>
    </row>
    <row r="498631" spans="14:14">
      <c r="N498631" s="10"/>
    </row>
    <row r="498632" spans="14:14">
      <c r="N498632" s="10"/>
    </row>
    <row r="498633" spans="14:14">
      <c r="N498633" s="10"/>
    </row>
    <row r="498634" spans="14:14">
      <c r="N498634" s="10"/>
    </row>
    <row r="498635" spans="14:14">
      <c r="N498635" s="10"/>
    </row>
    <row r="498636" spans="14:14">
      <c r="N498636" s="10"/>
    </row>
    <row r="498637" spans="14:14">
      <c r="N498637" s="10"/>
    </row>
    <row r="498638" spans="14:14">
      <c r="N498638" s="10"/>
    </row>
    <row r="498639" spans="14:14">
      <c r="N498639" s="10"/>
    </row>
    <row r="498640" spans="14:14">
      <c r="N498640" s="10"/>
    </row>
    <row r="498641" spans="14:14">
      <c r="N498641" s="10"/>
    </row>
    <row r="498642" spans="14:14">
      <c r="N498642" s="10"/>
    </row>
    <row r="498643" spans="14:14">
      <c r="N498643" s="10"/>
    </row>
    <row r="498644" spans="14:14">
      <c r="N498644" s="10"/>
    </row>
    <row r="498645" spans="14:14">
      <c r="N498645" s="10"/>
    </row>
    <row r="498646" spans="14:14">
      <c r="N498646" s="10"/>
    </row>
    <row r="498647" spans="14:14">
      <c r="N498647" s="10"/>
    </row>
    <row r="498648" spans="14:14">
      <c r="N498648" s="10"/>
    </row>
    <row r="498649" spans="14:14">
      <c r="N498649" s="10"/>
    </row>
    <row r="498650" spans="14:14">
      <c r="N498650" s="10"/>
    </row>
    <row r="498651" spans="14:14">
      <c r="N498651" s="10"/>
    </row>
    <row r="498652" spans="14:14">
      <c r="N498652" s="10"/>
    </row>
    <row r="498653" spans="14:14">
      <c r="N498653" s="10"/>
    </row>
    <row r="498654" spans="14:14">
      <c r="N498654" s="10"/>
    </row>
    <row r="498655" spans="14:14">
      <c r="N498655" s="10"/>
    </row>
    <row r="498656" spans="14:14">
      <c r="N498656" s="10"/>
    </row>
    <row r="498657" spans="14:14">
      <c r="N498657" s="10"/>
    </row>
    <row r="498658" spans="14:14">
      <c r="N498658" s="10"/>
    </row>
    <row r="498659" spans="14:14">
      <c r="N498659" s="10"/>
    </row>
    <row r="498660" spans="14:14">
      <c r="N498660" s="10"/>
    </row>
    <row r="498661" spans="14:14">
      <c r="N498661" s="10"/>
    </row>
    <row r="498662" spans="14:14">
      <c r="N498662" s="10"/>
    </row>
    <row r="498663" spans="14:14">
      <c r="N498663" s="10"/>
    </row>
    <row r="498664" spans="14:14">
      <c r="N498664" s="10"/>
    </row>
    <row r="498665" spans="14:14">
      <c r="N498665" s="10"/>
    </row>
    <row r="498666" spans="14:14">
      <c r="N498666" s="10"/>
    </row>
    <row r="498667" spans="14:14">
      <c r="N498667" s="10"/>
    </row>
    <row r="498668" spans="14:14">
      <c r="N498668" s="10"/>
    </row>
    <row r="498669" spans="14:14">
      <c r="N498669" s="10"/>
    </row>
    <row r="498670" spans="14:14">
      <c r="N498670" s="10"/>
    </row>
    <row r="498671" spans="14:14">
      <c r="N498671" s="10"/>
    </row>
    <row r="498672" spans="14:14">
      <c r="N498672" s="10"/>
    </row>
    <row r="498673" spans="14:14">
      <c r="N498673" s="10"/>
    </row>
    <row r="498674" spans="14:14">
      <c r="N498674" s="10"/>
    </row>
    <row r="498675" spans="14:14">
      <c r="N498675" s="10"/>
    </row>
    <row r="498676" spans="14:14">
      <c r="N498676" s="10"/>
    </row>
    <row r="498677" spans="14:14">
      <c r="N498677" s="10"/>
    </row>
    <row r="498678" spans="14:14">
      <c r="N498678" s="10"/>
    </row>
    <row r="498679" spans="14:14">
      <c r="N498679" s="10"/>
    </row>
    <row r="498680" spans="14:14">
      <c r="N498680" s="10"/>
    </row>
    <row r="498681" spans="14:14">
      <c r="N498681" s="10"/>
    </row>
    <row r="498682" spans="14:14">
      <c r="N498682" s="10"/>
    </row>
    <row r="498683" spans="14:14">
      <c r="N498683" s="10"/>
    </row>
    <row r="498684" spans="14:14">
      <c r="N498684" s="10"/>
    </row>
    <row r="498685" spans="14:14">
      <c r="N498685" s="10"/>
    </row>
    <row r="498686" spans="14:14">
      <c r="N498686" s="10"/>
    </row>
    <row r="498687" spans="14:14">
      <c r="N498687" s="10"/>
    </row>
    <row r="498688" spans="14:14">
      <c r="N498688" s="10"/>
    </row>
    <row r="498689" spans="14:14">
      <c r="N498689" s="10"/>
    </row>
    <row r="498690" spans="14:14">
      <c r="N498690" s="10"/>
    </row>
    <row r="498691" spans="14:14">
      <c r="N498691" s="10"/>
    </row>
    <row r="498692" spans="14:14">
      <c r="N498692" s="10"/>
    </row>
    <row r="498693" spans="14:14">
      <c r="N498693" s="10"/>
    </row>
    <row r="498694" spans="14:14">
      <c r="N498694" s="10"/>
    </row>
    <row r="498695" spans="14:14">
      <c r="N498695" s="10"/>
    </row>
    <row r="498696" spans="14:14">
      <c r="N498696" s="10"/>
    </row>
    <row r="498697" spans="14:14">
      <c r="N498697" s="10"/>
    </row>
    <row r="498698" spans="14:14">
      <c r="N498698" s="10"/>
    </row>
    <row r="498699" spans="14:14">
      <c r="N498699" s="10"/>
    </row>
    <row r="498700" spans="14:14">
      <c r="N498700" s="10"/>
    </row>
    <row r="498701" spans="14:14">
      <c r="N498701" s="10"/>
    </row>
    <row r="498702" spans="14:14">
      <c r="N498702" s="10"/>
    </row>
    <row r="498703" spans="14:14">
      <c r="N498703" s="10"/>
    </row>
    <row r="498704" spans="14:14">
      <c r="N498704" s="10"/>
    </row>
    <row r="498705" spans="14:14">
      <c r="N498705" s="10"/>
    </row>
    <row r="498706" spans="14:14">
      <c r="N498706" s="10"/>
    </row>
    <row r="498707" spans="14:14">
      <c r="N498707" s="10"/>
    </row>
    <row r="498708" spans="14:14">
      <c r="N498708" s="10"/>
    </row>
    <row r="498709" spans="14:14">
      <c r="N498709" s="10"/>
    </row>
    <row r="498710" spans="14:14">
      <c r="N498710" s="10"/>
    </row>
    <row r="498711" spans="14:14">
      <c r="N498711" s="10"/>
    </row>
    <row r="498712" spans="14:14">
      <c r="N498712" s="10"/>
    </row>
    <row r="498713" spans="14:14">
      <c r="N498713" s="10"/>
    </row>
    <row r="498714" spans="14:14">
      <c r="N498714" s="10"/>
    </row>
    <row r="498715" spans="14:14">
      <c r="N498715" s="10"/>
    </row>
    <row r="498716" spans="14:14">
      <c r="N498716" s="10"/>
    </row>
    <row r="498717" spans="14:14">
      <c r="N498717" s="10"/>
    </row>
    <row r="498718" spans="14:14">
      <c r="N498718" s="10"/>
    </row>
    <row r="498719" spans="14:14">
      <c r="N498719" s="10"/>
    </row>
    <row r="498720" spans="14:14">
      <c r="N498720" s="10"/>
    </row>
    <row r="498721" spans="14:14">
      <c r="N498721" s="10"/>
    </row>
    <row r="498722" spans="14:14">
      <c r="N498722" s="10"/>
    </row>
    <row r="498723" spans="14:14">
      <c r="N498723" s="10"/>
    </row>
    <row r="498724" spans="14:14">
      <c r="N498724" s="10"/>
    </row>
    <row r="498725" spans="14:14">
      <c r="N498725" s="10"/>
    </row>
    <row r="498726" spans="14:14">
      <c r="N498726" s="10"/>
    </row>
    <row r="498727" spans="14:14">
      <c r="N498727" s="10"/>
    </row>
    <row r="498728" spans="14:14">
      <c r="N498728" s="10"/>
    </row>
    <row r="498729" spans="14:14">
      <c r="N498729" s="10"/>
    </row>
    <row r="498730" spans="14:14">
      <c r="N498730" s="10"/>
    </row>
    <row r="498731" spans="14:14">
      <c r="N498731" s="10"/>
    </row>
    <row r="498732" spans="14:14">
      <c r="N498732" s="10"/>
    </row>
    <row r="498733" spans="14:14">
      <c r="N498733" s="10"/>
    </row>
    <row r="498734" spans="14:14">
      <c r="N498734" s="10"/>
    </row>
    <row r="498735" spans="14:14">
      <c r="N498735" s="10"/>
    </row>
    <row r="498736" spans="14:14">
      <c r="N498736" s="10"/>
    </row>
    <row r="498737" spans="14:14">
      <c r="N498737" s="10"/>
    </row>
    <row r="498738" spans="14:14">
      <c r="N498738" s="10"/>
    </row>
    <row r="498739" spans="14:14">
      <c r="N498739" s="10"/>
    </row>
    <row r="498740" spans="14:14">
      <c r="N498740" s="10"/>
    </row>
    <row r="498741" spans="14:14">
      <c r="N498741" s="10"/>
    </row>
    <row r="498742" spans="14:14">
      <c r="N498742" s="10"/>
    </row>
    <row r="498743" spans="14:14">
      <c r="N498743" s="10"/>
    </row>
    <row r="498744" spans="14:14">
      <c r="N498744" s="10"/>
    </row>
    <row r="498745" spans="14:14">
      <c r="N498745" s="10"/>
    </row>
    <row r="498746" spans="14:14">
      <c r="N498746" s="10"/>
    </row>
    <row r="498747" spans="14:14">
      <c r="N498747" s="10"/>
    </row>
    <row r="498748" spans="14:14">
      <c r="N498748" s="10"/>
    </row>
    <row r="498749" spans="14:14">
      <c r="N498749" s="10"/>
    </row>
    <row r="498750" spans="14:14">
      <c r="N498750" s="10"/>
    </row>
    <row r="498751" spans="14:14">
      <c r="N498751" s="10"/>
    </row>
    <row r="498752" spans="14:14">
      <c r="N498752" s="10"/>
    </row>
    <row r="498753" spans="14:14">
      <c r="N498753" s="10"/>
    </row>
    <row r="498754" spans="14:14">
      <c r="N498754" s="10"/>
    </row>
    <row r="498755" spans="14:14">
      <c r="N498755" s="10"/>
    </row>
    <row r="498756" spans="14:14">
      <c r="N498756" s="10"/>
    </row>
    <row r="498757" spans="14:14">
      <c r="N498757" s="10"/>
    </row>
    <row r="498758" spans="14:14">
      <c r="N498758" s="10"/>
    </row>
    <row r="498759" spans="14:14">
      <c r="N498759" s="10"/>
    </row>
    <row r="498760" spans="14:14">
      <c r="N498760" s="10"/>
    </row>
    <row r="498761" spans="14:14">
      <c r="N498761" s="10"/>
    </row>
    <row r="498762" spans="14:14">
      <c r="N498762" s="10"/>
    </row>
    <row r="498763" spans="14:14">
      <c r="N498763" s="10"/>
    </row>
    <row r="498764" spans="14:14">
      <c r="N498764" s="10"/>
    </row>
    <row r="498765" spans="14:14">
      <c r="N498765" s="10"/>
    </row>
    <row r="498766" spans="14:14">
      <c r="N498766" s="10"/>
    </row>
    <row r="498767" spans="14:14">
      <c r="N498767" s="10"/>
    </row>
    <row r="498768" spans="14:14">
      <c r="N498768" s="10"/>
    </row>
    <row r="498769" spans="14:14">
      <c r="N498769" s="10"/>
    </row>
    <row r="498770" spans="14:14">
      <c r="N498770" s="10"/>
    </row>
    <row r="498771" spans="14:14">
      <c r="N498771" s="10"/>
    </row>
    <row r="498772" spans="14:14">
      <c r="N498772" s="10"/>
    </row>
    <row r="498773" spans="14:14">
      <c r="N498773" s="10"/>
    </row>
    <row r="498774" spans="14:14">
      <c r="N498774" s="10"/>
    </row>
    <row r="498775" spans="14:14">
      <c r="N498775" s="10"/>
    </row>
    <row r="498776" spans="14:14">
      <c r="N498776" s="10"/>
    </row>
    <row r="498777" spans="14:14">
      <c r="N498777" s="10"/>
    </row>
    <row r="498778" spans="14:14">
      <c r="N498778" s="10"/>
    </row>
    <row r="498779" spans="14:14">
      <c r="N498779" s="10"/>
    </row>
    <row r="498780" spans="14:14">
      <c r="N498780" s="10"/>
    </row>
    <row r="498781" spans="14:14">
      <c r="N498781" s="10"/>
    </row>
    <row r="498782" spans="14:14">
      <c r="N498782" s="10"/>
    </row>
    <row r="498783" spans="14:14">
      <c r="N498783" s="10"/>
    </row>
    <row r="498784" spans="14:14">
      <c r="N498784" s="10"/>
    </row>
    <row r="498785" spans="14:14">
      <c r="N498785" s="10"/>
    </row>
    <row r="498786" spans="14:14">
      <c r="N498786" s="10"/>
    </row>
    <row r="498787" spans="14:14">
      <c r="N498787" s="10"/>
    </row>
    <row r="498788" spans="14:14">
      <c r="N498788" s="10"/>
    </row>
    <row r="498789" spans="14:14">
      <c r="N498789" s="10"/>
    </row>
    <row r="498790" spans="14:14">
      <c r="N498790" s="10"/>
    </row>
    <row r="498791" spans="14:14">
      <c r="N498791" s="10"/>
    </row>
    <row r="498792" spans="14:14">
      <c r="N498792" s="10"/>
    </row>
    <row r="498793" spans="14:14">
      <c r="N498793" s="10"/>
    </row>
    <row r="498794" spans="14:14">
      <c r="N498794" s="10"/>
    </row>
    <row r="498795" spans="14:14">
      <c r="N498795" s="10"/>
    </row>
    <row r="498796" spans="14:14">
      <c r="N498796" s="10"/>
    </row>
    <row r="498797" spans="14:14">
      <c r="N498797" s="10"/>
    </row>
    <row r="498798" spans="14:14">
      <c r="N498798" s="10"/>
    </row>
    <row r="498799" spans="14:14">
      <c r="N498799" s="10"/>
    </row>
    <row r="498800" spans="14:14">
      <c r="N498800" s="10"/>
    </row>
    <row r="498801" spans="14:14">
      <c r="N498801" s="10"/>
    </row>
    <row r="498802" spans="14:14">
      <c r="N498802" s="10"/>
    </row>
    <row r="498803" spans="14:14">
      <c r="N498803" s="10"/>
    </row>
    <row r="498804" spans="14:14">
      <c r="N498804" s="10"/>
    </row>
    <row r="498805" spans="14:14">
      <c r="N498805" s="10"/>
    </row>
    <row r="498806" spans="14:14">
      <c r="N498806" s="10"/>
    </row>
    <row r="498807" spans="14:14">
      <c r="N498807" s="10"/>
    </row>
    <row r="498808" spans="14:14">
      <c r="N498808" s="10"/>
    </row>
    <row r="498809" spans="14:14">
      <c r="N498809" s="10"/>
    </row>
    <row r="498810" spans="14:14">
      <c r="N498810" s="10"/>
    </row>
    <row r="498811" spans="14:14">
      <c r="N498811" s="10"/>
    </row>
    <row r="498812" spans="14:14">
      <c r="N498812" s="10"/>
    </row>
    <row r="498813" spans="14:14">
      <c r="N498813" s="10"/>
    </row>
    <row r="498814" spans="14:14">
      <c r="N498814" s="10"/>
    </row>
    <row r="498815" spans="14:14">
      <c r="N498815" s="10"/>
    </row>
    <row r="498816" spans="14:14">
      <c r="N498816" s="10"/>
    </row>
    <row r="498817" spans="14:14">
      <c r="N498817" s="10"/>
    </row>
    <row r="498818" spans="14:14">
      <c r="N498818" s="10"/>
    </row>
    <row r="498819" spans="14:14">
      <c r="N498819" s="10"/>
    </row>
    <row r="498820" spans="14:14">
      <c r="N498820" s="10"/>
    </row>
    <row r="498821" spans="14:14">
      <c r="N498821" s="10"/>
    </row>
    <row r="498822" spans="14:14">
      <c r="N498822" s="10"/>
    </row>
    <row r="498823" spans="14:14">
      <c r="N498823" s="10"/>
    </row>
    <row r="498824" spans="14:14">
      <c r="N498824" s="10"/>
    </row>
    <row r="498825" spans="14:14">
      <c r="N498825" s="10"/>
    </row>
    <row r="498826" spans="14:14">
      <c r="N498826" s="10"/>
    </row>
    <row r="498827" spans="14:14">
      <c r="N498827" s="10"/>
    </row>
    <row r="498828" spans="14:14">
      <c r="N498828" s="10"/>
    </row>
    <row r="498829" spans="14:14">
      <c r="N498829" s="10"/>
    </row>
    <row r="498830" spans="14:14">
      <c r="N498830" s="10"/>
    </row>
    <row r="498831" spans="14:14">
      <c r="N498831" s="10"/>
    </row>
    <row r="498832" spans="14:14">
      <c r="N498832" s="10"/>
    </row>
    <row r="498833" spans="14:14">
      <c r="N498833" s="10"/>
    </row>
    <row r="498834" spans="14:14">
      <c r="N498834" s="10"/>
    </row>
    <row r="498835" spans="14:14">
      <c r="N498835" s="10"/>
    </row>
    <row r="498836" spans="14:14">
      <c r="N498836" s="10"/>
    </row>
    <row r="498837" spans="14:14">
      <c r="N498837" s="10"/>
    </row>
    <row r="498838" spans="14:14">
      <c r="N498838" s="10"/>
    </row>
    <row r="498839" spans="14:14">
      <c r="N498839" s="10"/>
    </row>
    <row r="498840" spans="14:14">
      <c r="N498840" s="10"/>
    </row>
    <row r="498841" spans="14:14">
      <c r="N498841" s="10"/>
    </row>
    <row r="498842" spans="14:14">
      <c r="N498842" s="10"/>
    </row>
    <row r="498843" spans="14:14">
      <c r="N498843" s="10"/>
    </row>
    <row r="498844" spans="14:14">
      <c r="N498844" s="10"/>
    </row>
    <row r="498845" spans="14:14">
      <c r="N498845" s="10"/>
    </row>
    <row r="498846" spans="14:14">
      <c r="N498846" s="10"/>
    </row>
    <row r="498847" spans="14:14">
      <c r="N498847" s="10"/>
    </row>
    <row r="498848" spans="14:14">
      <c r="N498848" s="10"/>
    </row>
    <row r="498849" spans="14:14">
      <c r="N498849" s="10"/>
    </row>
    <row r="498850" spans="14:14">
      <c r="N498850" s="10"/>
    </row>
    <row r="498851" spans="14:14">
      <c r="N498851" s="10"/>
    </row>
    <row r="498852" spans="14:14">
      <c r="N498852" s="10"/>
    </row>
    <row r="498853" spans="14:14">
      <c r="N498853" s="10"/>
    </row>
    <row r="498854" spans="14:14">
      <c r="N498854" s="10"/>
    </row>
    <row r="498855" spans="14:14">
      <c r="N498855" s="10"/>
    </row>
    <row r="498856" spans="14:14">
      <c r="N498856" s="10"/>
    </row>
    <row r="498857" spans="14:14">
      <c r="N498857" s="10"/>
    </row>
    <row r="498858" spans="14:14">
      <c r="N498858" s="10"/>
    </row>
    <row r="498859" spans="14:14">
      <c r="N498859" s="10"/>
    </row>
    <row r="498860" spans="14:14">
      <c r="N498860" s="10"/>
    </row>
    <row r="498861" spans="14:14">
      <c r="N498861" s="10"/>
    </row>
    <row r="498862" spans="14:14">
      <c r="N498862" s="10"/>
    </row>
    <row r="498863" spans="14:14">
      <c r="N498863" s="10"/>
    </row>
    <row r="498864" spans="14:14">
      <c r="N498864" s="10"/>
    </row>
    <row r="498865" spans="14:14">
      <c r="N498865" s="10"/>
    </row>
    <row r="498866" spans="14:14">
      <c r="N498866" s="10"/>
    </row>
    <row r="498867" spans="14:14">
      <c r="N498867" s="10"/>
    </row>
    <row r="498868" spans="14:14">
      <c r="N498868" s="10"/>
    </row>
    <row r="498869" spans="14:14">
      <c r="N498869" s="10"/>
    </row>
    <row r="498870" spans="14:14">
      <c r="N498870" s="10"/>
    </row>
    <row r="498871" spans="14:14">
      <c r="N498871" s="10"/>
    </row>
    <row r="498872" spans="14:14">
      <c r="N498872" s="10"/>
    </row>
    <row r="498873" spans="14:14">
      <c r="N498873" s="10"/>
    </row>
    <row r="498874" spans="14:14">
      <c r="N498874" s="10"/>
    </row>
    <row r="498875" spans="14:14">
      <c r="N498875" s="10"/>
    </row>
    <row r="498876" spans="14:14">
      <c r="N498876" s="10"/>
    </row>
    <row r="498877" spans="14:14">
      <c r="N498877" s="10"/>
    </row>
    <row r="498878" spans="14:14">
      <c r="N498878" s="10"/>
    </row>
    <row r="498879" spans="14:14">
      <c r="N498879" s="10"/>
    </row>
    <row r="498880" spans="14:14">
      <c r="N498880" s="10"/>
    </row>
    <row r="498881" spans="14:14">
      <c r="N498881" s="10"/>
    </row>
    <row r="498882" spans="14:14">
      <c r="N498882" s="10"/>
    </row>
    <row r="498883" spans="14:14">
      <c r="N498883" s="10"/>
    </row>
    <row r="498884" spans="14:14">
      <c r="N498884" s="10"/>
    </row>
    <row r="498885" spans="14:14">
      <c r="N498885" s="10"/>
    </row>
    <row r="498886" spans="14:14">
      <c r="N498886" s="10"/>
    </row>
    <row r="498887" spans="14:14">
      <c r="N498887" s="10"/>
    </row>
    <row r="498888" spans="14:14">
      <c r="N498888" s="10"/>
    </row>
    <row r="498889" spans="14:14">
      <c r="N498889" s="10"/>
    </row>
    <row r="498890" spans="14:14">
      <c r="N498890" s="10"/>
    </row>
    <row r="498891" spans="14:14">
      <c r="N498891" s="10"/>
    </row>
    <row r="498892" spans="14:14">
      <c r="N498892" s="10"/>
    </row>
    <row r="498893" spans="14:14">
      <c r="N498893" s="10"/>
    </row>
    <row r="498894" spans="14:14">
      <c r="N498894" s="10"/>
    </row>
    <row r="498895" spans="14:14">
      <c r="N498895" s="10"/>
    </row>
    <row r="498896" spans="14:14">
      <c r="N498896" s="10"/>
    </row>
    <row r="498897" spans="14:14">
      <c r="N498897" s="10"/>
    </row>
    <row r="498898" spans="14:14">
      <c r="N498898" s="10"/>
    </row>
    <row r="498899" spans="14:14">
      <c r="N498899" s="10"/>
    </row>
    <row r="498900" spans="14:14">
      <c r="N498900" s="10"/>
    </row>
    <row r="498901" spans="14:14">
      <c r="N498901" s="10"/>
    </row>
    <row r="498902" spans="14:14">
      <c r="N498902" s="10"/>
    </row>
    <row r="498903" spans="14:14">
      <c r="N498903" s="10"/>
    </row>
    <row r="498904" spans="14:14">
      <c r="N498904" s="10"/>
    </row>
    <row r="498905" spans="14:14">
      <c r="N498905" s="10"/>
    </row>
    <row r="498906" spans="14:14">
      <c r="N498906" s="10"/>
    </row>
    <row r="498907" spans="14:14">
      <c r="N498907" s="10"/>
    </row>
    <row r="498908" spans="14:14">
      <c r="N498908" s="10"/>
    </row>
    <row r="498909" spans="14:14">
      <c r="N498909" s="10"/>
    </row>
    <row r="498910" spans="14:14">
      <c r="N498910" s="10"/>
    </row>
    <row r="498911" spans="14:14">
      <c r="N498911" s="10"/>
    </row>
    <row r="498912" spans="14:14">
      <c r="N498912" s="10"/>
    </row>
    <row r="498913" spans="14:14">
      <c r="N498913" s="10"/>
    </row>
    <row r="498914" spans="14:14">
      <c r="N498914" s="10"/>
    </row>
    <row r="498915" spans="14:14">
      <c r="N498915" s="10"/>
    </row>
    <row r="498916" spans="14:14">
      <c r="N498916" s="10"/>
    </row>
    <row r="498917" spans="14:14">
      <c r="N498917" s="10"/>
    </row>
    <row r="498918" spans="14:14">
      <c r="N498918" s="10"/>
    </row>
    <row r="498919" spans="14:14">
      <c r="N498919" s="10"/>
    </row>
    <row r="498920" spans="14:14">
      <c r="N498920" s="10"/>
    </row>
    <row r="498921" spans="14:14">
      <c r="N498921" s="10"/>
    </row>
    <row r="498922" spans="14:14">
      <c r="N498922" s="10"/>
    </row>
    <row r="498923" spans="14:14">
      <c r="N498923" s="10"/>
    </row>
    <row r="498924" spans="14:14">
      <c r="N498924" s="10"/>
    </row>
    <row r="498925" spans="14:14">
      <c r="N498925" s="10"/>
    </row>
    <row r="498926" spans="14:14">
      <c r="N498926" s="10"/>
    </row>
    <row r="498927" spans="14:14">
      <c r="N498927" s="10"/>
    </row>
    <row r="498928" spans="14:14">
      <c r="N498928" s="10"/>
    </row>
    <row r="498929" spans="14:14">
      <c r="N498929" s="10"/>
    </row>
    <row r="498930" spans="14:14">
      <c r="N498930" s="10"/>
    </row>
    <row r="498931" spans="14:14">
      <c r="N498931" s="10"/>
    </row>
    <row r="498932" spans="14:14">
      <c r="N498932" s="10"/>
    </row>
    <row r="498933" spans="14:14">
      <c r="N498933" s="10"/>
    </row>
    <row r="498934" spans="14:14">
      <c r="N498934" s="10"/>
    </row>
    <row r="498935" spans="14:14">
      <c r="N498935" s="10"/>
    </row>
    <row r="498936" spans="14:14">
      <c r="N498936" s="10"/>
    </row>
    <row r="498937" spans="14:14">
      <c r="N498937" s="10"/>
    </row>
    <row r="498938" spans="14:14">
      <c r="N498938" s="10"/>
    </row>
    <row r="498939" spans="14:14">
      <c r="N498939" s="10"/>
    </row>
    <row r="498940" spans="14:14">
      <c r="N498940" s="10"/>
    </row>
    <row r="498941" spans="14:14">
      <c r="N498941" s="10"/>
    </row>
    <row r="498942" spans="14:14">
      <c r="N498942" s="10"/>
    </row>
    <row r="498943" spans="14:14">
      <c r="N498943" s="10"/>
    </row>
    <row r="498944" spans="14:14">
      <c r="N498944" s="10"/>
    </row>
    <row r="498945" spans="14:14">
      <c r="N498945" s="10"/>
    </row>
    <row r="498946" spans="14:14">
      <c r="N498946" s="10"/>
    </row>
    <row r="498947" spans="14:14">
      <c r="N498947" s="10"/>
    </row>
    <row r="498948" spans="14:14">
      <c r="N498948" s="10"/>
    </row>
    <row r="498949" spans="14:14">
      <c r="N498949" s="10"/>
    </row>
    <row r="498950" spans="14:14">
      <c r="N498950" s="10"/>
    </row>
    <row r="498951" spans="14:14">
      <c r="N498951" s="10"/>
    </row>
    <row r="498952" spans="14:14">
      <c r="N498952" s="10"/>
    </row>
    <row r="498953" spans="14:14">
      <c r="N498953" s="10"/>
    </row>
    <row r="498954" spans="14:14">
      <c r="N498954" s="10"/>
    </row>
    <row r="498955" spans="14:14">
      <c r="N498955" s="10"/>
    </row>
    <row r="498956" spans="14:14">
      <c r="N498956" s="10"/>
    </row>
    <row r="498957" spans="14:14">
      <c r="N498957" s="10"/>
    </row>
    <row r="498958" spans="14:14">
      <c r="N498958" s="10"/>
    </row>
    <row r="498959" spans="14:14">
      <c r="N498959" s="10"/>
    </row>
    <row r="498960" spans="14:14">
      <c r="N498960" s="10"/>
    </row>
    <row r="498961" spans="14:14">
      <c r="N498961" s="10"/>
    </row>
    <row r="498962" spans="14:14">
      <c r="N498962" s="10"/>
    </row>
    <row r="498963" spans="14:14">
      <c r="N498963" s="10"/>
    </row>
    <row r="498964" spans="14:14">
      <c r="N498964" s="10"/>
    </row>
    <row r="498965" spans="14:14">
      <c r="N498965" s="10"/>
    </row>
    <row r="498966" spans="14:14">
      <c r="N498966" s="10"/>
    </row>
    <row r="498967" spans="14:14">
      <c r="N498967" s="10"/>
    </row>
    <row r="498968" spans="14:14">
      <c r="N498968" s="10"/>
    </row>
    <row r="498969" spans="14:14">
      <c r="N498969" s="10"/>
    </row>
    <row r="498970" spans="14:14">
      <c r="N498970" s="10"/>
    </row>
    <row r="498971" spans="14:14">
      <c r="N498971" s="10"/>
    </row>
    <row r="498972" spans="14:14">
      <c r="N498972" s="10"/>
    </row>
    <row r="498973" spans="14:14">
      <c r="N498973" s="10"/>
    </row>
    <row r="498974" spans="14:14">
      <c r="N498974" s="10"/>
    </row>
    <row r="498975" spans="14:14">
      <c r="N498975" s="10"/>
    </row>
    <row r="498976" spans="14:14">
      <c r="N498976" s="10"/>
    </row>
    <row r="498977" spans="14:14">
      <c r="N498977" s="10"/>
    </row>
    <row r="498978" spans="14:14">
      <c r="N498978" s="10"/>
    </row>
    <row r="498979" spans="14:14">
      <c r="N498979" s="10"/>
    </row>
    <row r="498980" spans="14:14">
      <c r="N498980" s="10"/>
    </row>
    <row r="498981" spans="14:14">
      <c r="N498981" s="10"/>
    </row>
    <row r="498982" spans="14:14">
      <c r="N498982" s="10"/>
    </row>
    <row r="498983" spans="14:14">
      <c r="N498983" s="10"/>
    </row>
    <row r="498984" spans="14:14">
      <c r="N498984" s="10"/>
    </row>
    <row r="498985" spans="14:14">
      <c r="N498985" s="10"/>
    </row>
    <row r="498986" spans="14:14">
      <c r="N498986" s="10"/>
    </row>
    <row r="498987" spans="14:14">
      <c r="N498987" s="10"/>
    </row>
    <row r="498988" spans="14:14">
      <c r="N498988" s="10"/>
    </row>
    <row r="498989" spans="14:14">
      <c r="N498989" s="10"/>
    </row>
    <row r="498990" spans="14:14">
      <c r="N498990" s="10"/>
    </row>
    <row r="498991" spans="14:14">
      <c r="N498991" s="10"/>
    </row>
    <row r="498992" spans="14:14">
      <c r="N498992" s="10"/>
    </row>
    <row r="498993" spans="14:14">
      <c r="N498993" s="10"/>
    </row>
    <row r="498994" spans="14:14">
      <c r="N498994" s="10"/>
    </row>
    <row r="498995" spans="14:14">
      <c r="N498995" s="10"/>
    </row>
    <row r="498996" spans="14:14">
      <c r="N498996" s="10"/>
    </row>
    <row r="498997" spans="14:14">
      <c r="N498997" s="10"/>
    </row>
    <row r="498998" spans="14:14">
      <c r="N498998" s="10"/>
    </row>
    <row r="498999" spans="14:14">
      <c r="N498999" s="10"/>
    </row>
    <row r="499000" spans="14:14">
      <c r="N499000" s="10"/>
    </row>
    <row r="499001" spans="14:14">
      <c r="N499001" s="10"/>
    </row>
    <row r="499002" spans="14:14">
      <c r="N499002" s="10"/>
    </row>
    <row r="499003" spans="14:14">
      <c r="N499003" s="10"/>
    </row>
    <row r="499004" spans="14:14">
      <c r="N499004" s="10"/>
    </row>
    <row r="499005" spans="14:14">
      <c r="N499005" s="10"/>
    </row>
    <row r="499006" spans="14:14">
      <c r="N499006" s="10"/>
    </row>
    <row r="499007" spans="14:14">
      <c r="N499007" s="10"/>
    </row>
    <row r="499008" spans="14:14">
      <c r="N499008" s="10"/>
    </row>
    <row r="499009" spans="14:14">
      <c r="N499009" s="10"/>
    </row>
    <row r="499010" spans="14:14">
      <c r="N499010" s="10"/>
    </row>
    <row r="499011" spans="14:14">
      <c r="N499011" s="10"/>
    </row>
    <row r="499012" spans="14:14">
      <c r="N499012" s="10"/>
    </row>
    <row r="499013" spans="14:14">
      <c r="N499013" s="10"/>
    </row>
    <row r="499014" spans="14:14">
      <c r="N499014" s="10"/>
    </row>
    <row r="499015" spans="14:14">
      <c r="N499015" s="10"/>
    </row>
    <row r="499016" spans="14:14">
      <c r="N499016" s="10"/>
    </row>
    <row r="499017" spans="14:14">
      <c r="N499017" s="10"/>
    </row>
    <row r="499018" spans="14:14">
      <c r="N499018" s="10"/>
    </row>
    <row r="499019" spans="14:14">
      <c r="N499019" s="10"/>
    </row>
    <row r="499020" spans="14:14">
      <c r="N499020" s="10"/>
    </row>
    <row r="499021" spans="14:14">
      <c r="N499021" s="10"/>
    </row>
    <row r="499022" spans="14:14">
      <c r="N499022" s="10"/>
    </row>
    <row r="499023" spans="14:14">
      <c r="N499023" s="10"/>
    </row>
    <row r="499024" spans="14:14">
      <c r="N499024" s="10"/>
    </row>
    <row r="499025" spans="14:14">
      <c r="N499025" s="10"/>
    </row>
    <row r="499026" spans="14:14">
      <c r="N499026" s="10"/>
    </row>
    <row r="499027" spans="14:14">
      <c r="N499027" s="10"/>
    </row>
    <row r="499028" spans="14:14">
      <c r="N499028" s="10"/>
    </row>
    <row r="499029" spans="14:14">
      <c r="N499029" s="10"/>
    </row>
    <row r="499030" spans="14:14">
      <c r="N499030" s="10"/>
    </row>
    <row r="499031" spans="14:14">
      <c r="N499031" s="10"/>
    </row>
    <row r="499032" spans="14:14">
      <c r="N499032" s="10"/>
    </row>
    <row r="499033" spans="14:14">
      <c r="N499033" s="10"/>
    </row>
    <row r="499034" spans="14:14">
      <c r="N499034" s="10"/>
    </row>
    <row r="499035" spans="14:14">
      <c r="N499035" s="10"/>
    </row>
    <row r="499036" spans="14:14">
      <c r="N499036" s="10"/>
    </row>
    <row r="499037" spans="14:14">
      <c r="N499037" s="10"/>
    </row>
    <row r="499038" spans="14:14">
      <c r="N499038" s="10"/>
    </row>
    <row r="499039" spans="14:14">
      <c r="N499039" s="10"/>
    </row>
    <row r="499040" spans="14:14">
      <c r="N499040" s="10"/>
    </row>
    <row r="499041" spans="14:14">
      <c r="N499041" s="10"/>
    </row>
    <row r="499042" spans="14:14">
      <c r="N499042" s="10"/>
    </row>
    <row r="499043" spans="14:14">
      <c r="N499043" s="10"/>
    </row>
    <row r="499044" spans="14:14">
      <c r="N499044" s="10"/>
    </row>
    <row r="499045" spans="14:14">
      <c r="N499045" s="10"/>
    </row>
    <row r="499046" spans="14:14">
      <c r="N499046" s="10"/>
    </row>
    <row r="499047" spans="14:14">
      <c r="N499047" s="10"/>
    </row>
    <row r="499048" spans="14:14">
      <c r="N499048" s="10"/>
    </row>
    <row r="499049" spans="14:14">
      <c r="N499049" s="10"/>
    </row>
    <row r="499050" spans="14:14">
      <c r="N499050" s="10"/>
    </row>
    <row r="499051" spans="14:14">
      <c r="N499051" s="10"/>
    </row>
    <row r="499052" spans="14:14">
      <c r="N499052" s="10"/>
    </row>
    <row r="499053" spans="14:14">
      <c r="N499053" s="10"/>
    </row>
    <row r="499054" spans="14:14">
      <c r="N499054" s="10"/>
    </row>
    <row r="499055" spans="14:14">
      <c r="N499055" s="10"/>
    </row>
    <row r="499056" spans="14:14">
      <c r="N499056" s="10"/>
    </row>
    <row r="499057" spans="14:14">
      <c r="N499057" s="10"/>
    </row>
    <row r="499058" spans="14:14">
      <c r="N499058" s="10"/>
    </row>
    <row r="499059" spans="14:14">
      <c r="N499059" s="10"/>
    </row>
    <row r="499060" spans="14:14">
      <c r="N499060" s="10"/>
    </row>
    <row r="499061" spans="14:14">
      <c r="N499061" s="10"/>
    </row>
    <row r="499062" spans="14:14">
      <c r="N499062" s="10"/>
    </row>
    <row r="499063" spans="14:14">
      <c r="N499063" s="10"/>
    </row>
    <row r="499064" spans="14:14">
      <c r="N499064" s="10"/>
    </row>
    <row r="499065" spans="14:14">
      <c r="N499065" s="10"/>
    </row>
    <row r="499066" spans="14:14">
      <c r="N499066" s="10"/>
    </row>
    <row r="499067" spans="14:14">
      <c r="N499067" s="10"/>
    </row>
    <row r="499068" spans="14:14">
      <c r="N499068" s="10"/>
    </row>
    <row r="499069" spans="14:14">
      <c r="N499069" s="10"/>
    </row>
    <row r="499070" spans="14:14">
      <c r="N499070" s="10"/>
    </row>
    <row r="499071" spans="14:14">
      <c r="N499071" s="10"/>
    </row>
    <row r="499072" spans="14:14">
      <c r="N499072" s="10"/>
    </row>
    <row r="499073" spans="14:14">
      <c r="N499073" s="10"/>
    </row>
    <row r="499074" spans="14:14">
      <c r="N499074" s="10"/>
    </row>
    <row r="499075" spans="14:14">
      <c r="N499075" s="10"/>
    </row>
    <row r="499076" spans="14:14">
      <c r="N499076" s="10"/>
    </row>
    <row r="499077" spans="14:14">
      <c r="N499077" s="10"/>
    </row>
    <row r="499078" spans="14:14">
      <c r="N499078" s="10"/>
    </row>
    <row r="499079" spans="14:14">
      <c r="N499079" s="10"/>
    </row>
    <row r="499080" spans="14:14">
      <c r="N499080" s="10"/>
    </row>
    <row r="499081" spans="14:14">
      <c r="N499081" s="10"/>
    </row>
    <row r="499082" spans="14:14">
      <c r="N499082" s="10"/>
    </row>
    <row r="499083" spans="14:14">
      <c r="N499083" s="10"/>
    </row>
    <row r="499084" spans="14:14">
      <c r="N499084" s="10"/>
    </row>
    <row r="499085" spans="14:14">
      <c r="N499085" s="10"/>
    </row>
    <row r="499086" spans="14:14">
      <c r="N499086" s="10"/>
    </row>
    <row r="499087" spans="14:14">
      <c r="N499087" s="10"/>
    </row>
    <row r="499088" spans="14:14">
      <c r="N499088" s="10"/>
    </row>
    <row r="499089" spans="14:14">
      <c r="N499089" s="10"/>
    </row>
    <row r="499090" spans="14:14">
      <c r="N499090" s="10"/>
    </row>
    <row r="499091" spans="14:14">
      <c r="N499091" s="10"/>
    </row>
    <row r="499092" spans="14:14">
      <c r="N499092" s="10"/>
    </row>
    <row r="499093" spans="14:14">
      <c r="N499093" s="10"/>
    </row>
    <row r="499094" spans="14:14">
      <c r="N499094" s="10"/>
    </row>
    <row r="499095" spans="14:14">
      <c r="N499095" s="10"/>
    </row>
    <row r="499096" spans="14:14">
      <c r="N499096" s="10"/>
    </row>
    <row r="499097" spans="14:14">
      <c r="N499097" s="10"/>
    </row>
    <row r="499098" spans="14:14">
      <c r="N499098" s="10"/>
    </row>
    <row r="499099" spans="14:14">
      <c r="N499099" s="10"/>
    </row>
    <row r="499100" spans="14:14">
      <c r="N499100" s="10"/>
    </row>
    <row r="499101" spans="14:14">
      <c r="N499101" s="10"/>
    </row>
    <row r="499102" spans="14:14">
      <c r="N499102" s="10"/>
    </row>
    <row r="499103" spans="14:14">
      <c r="N499103" s="10"/>
    </row>
    <row r="499104" spans="14:14">
      <c r="N499104" s="10"/>
    </row>
    <row r="499105" spans="14:14">
      <c r="N499105" s="10"/>
    </row>
    <row r="499106" spans="14:14">
      <c r="N499106" s="10"/>
    </row>
    <row r="499107" spans="14:14">
      <c r="N499107" s="10"/>
    </row>
    <row r="499108" spans="14:14">
      <c r="N499108" s="10"/>
    </row>
    <row r="499109" spans="14:14">
      <c r="N499109" s="10"/>
    </row>
    <row r="499110" spans="14:14">
      <c r="N499110" s="10"/>
    </row>
    <row r="499111" spans="14:14">
      <c r="N499111" s="10"/>
    </row>
    <row r="499112" spans="14:14">
      <c r="N499112" s="10"/>
    </row>
    <row r="499113" spans="14:14">
      <c r="N499113" s="10"/>
    </row>
    <row r="499114" spans="14:14">
      <c r="N499114" s="10"/>
    </row>
    <row r="499115" spans="14:14">
      <c r="N499115" s="10"/>
    </row>
    <row r="499116" spans="14:14">
      <c r="N499116" s="10"/>
    </row>
    <row r="499117" spans="14:14">
      <c r="N499117" s="10"/>
    </row>
    <row r="499118" spans="14:14">
      <c r="N499118" s="10"/>
    </row>
    <row r="499119" spans="14:14">
      <c r="N499119" s="10"/>
    </row>
    <row r="499120" spans="14:14">
      <c r="N499120" s="10"/>
    </row>
    <row r="499121" spans="14:14">
      <c r="N499121" s="10"/>
    </row>
    <row r="499122" spans="14:14">
      <c r="N499122" s="10"/>
    </row>
    <row r="499123" spans="14:14">
      <c r="N499123" s="10"/>
    </row>
    <row r="499124" spans="14:14">
      <c r="N499124" s="10"/>
    </row>
    <row r="499125" spans="14:14">
      <c r="N499125" s="10"/>
    </row>
    <row r="499126" spans="14:14">
      <c r="N499126" s="10"/>
    </row>
    <row r="499127" spans="14:14">
      <c r="N499127" s="10"/>
    </row>
    <row r="499128" spans="14:14">
      <c r="N499128" s="10"/>
    </row>
    <row r="499129" spans="14:14">
      <c r="N499129" s="10"/>
    </row>
    <row r="499130" spans="14:14">
      <c r="N499130" s="10"/>
    </row>
    <row r="499131" spans="14:14">
      <c r="N499131" s="10"/>
    </row>
    <row r="499132" spans="14:14">
      <c r="N499132" s="10"/>
    </row>
    <row r="499133" spans="14:14">
      <c r="N499133" s="10"/>
    </row>
    <row r="499134" spans="14:14">
      <c r="N499134" s="10"/>
    </row>
    <row r="499135" spans="14:14">
      <c r="N499135" s="10"/>
    </row>
    <row r="499136" spans="14:14">
      <c r="N499136" s="10"/>
    </row>
    <row r="499137" spans="14:14">
      <c r="N499137" s="10"/>
    </row>
    <row r="499138" spans="14:14">
      <c r="N499138" s="10"/>
    </row>
    <row r="499139" spans="14:14">
      <c r="N499139" s="10"/>
    </row>
    <row r="499140" spans="14:14">
      <c r="N499140" s="10"/>
    </row>
    <row r="499141" spans="14:14">
      <c r="N499141" s="10"/>
    </row>
    <row r="499142" spans="14:14">
      <c r="N499142" s="10"/>
    </row>
    <row r="499143" spans="14:14">
      <c r="N499143" s="10"/>
    </row>
    <row r="499144" spans="14:14">
      <c r="N499144" s="10"/>
    </row>
    <row r="499145" spans="14:14">
      <c r="N499145" s="10"/>
    </row>
    <row r="499146" spans="14:14">
      <c r="N499146" s="10"/>
    </row>
    <row r="499147" spans="14:14">
      <c r="N499147" s="10"/>
    </row>
    <row r="499148" spans="14:14">
      <c r="N499148" s="10"/>
    </row>
    <row r="499149" spans="14:14">
      <c r="N499149" s="10"/>
    </row>
    <row r="499150" spans="14:14">
      <c r="N499150" s="10"/>
    </row>
    <row r="499151" spans="14:14">
      <c r="N499151" s="10"/>
    </row>
    <row r="499152" spans="14:14">
      <c r="N499152" s="10"/>
    </row>
    <row r="499153" spans="14:14">
      <c r="N499153" s="10"/>
    </row>
    <row r="499154" spans="14:14">
      <c r="N499154" s="10"/>
    </row>
    <row r="499155" spans="14:14">
      <c r="N499155" s="10"/>
    </row>
    <row r="499156" spans="14:14">
      <c r="N499156" s="10"/>
    </row>
    <row r="499157" spans="14:14">
      <c r="N499157" s="10"/>
    </row>
    <row r="499158" spans="14:14">
      <c r="N499158" s="10"/>
    </row>
    <row r="499159" spans="14:14">
      <c r="N499159" s="10"/>
    </row>
    <row r="499160" spans="14:14">
      <c r="N499160" s="10"/>
    </row>
    <row r="499161" spans="14:14">
      <c r="N499161" s="10"/>
    </row>
    <row r="499162" spans="14:14">
      <c r="N499162" s="10"/>
    </row>
    <row r="499163" spans="14:14">
      <c r="N499163" s="10"/>
    </row>
    <row r="499164" spans="14:14">
      <c r="N499164" s="10"/>
    </row>
    <row r="499165" spans="14:14">
      <c r="N499165" s="10"/>
    </row>
    <row r="499166" spans="14:14">
      <c r="N499166" s="10"/>
    </row>
    <row r="499167" spans="14:14">
      <c r="N499167" s="10"/>
    </row>
    <row r="499168" spans="14:14">
      <c r="N499168" s="10"/>
    </row>
    <row r="499169" spans="14:14">
      <c r="N499169" s="10"/>
    </row>
    <row r="499170" spans="14:14">
      <c r="N499170" s="10"/>
    </row>
    <row r="499171" spans="14:14">
      <c r="N499171" s="10"/>
    </row>
    <row r="499172" spans="14:14">
      <c r="N499172" s="10"/>
    </row>
    <row r="499173" spans="14:14">
      <c r="N499173" s="10"/>
    </row>
    <row r="499174" spans="14:14">
      <c r="N499174" s="10"/>
    </row>
    <row r="499175" spans="14:14">
      <c r="N499175" s="10"/>
    </row>
    <row r="499176" spans="14:14">
      <c r="N499176" s="10"/>
    </row>
    <row r="499177" spans="14:14">
      <c r="N499177" s="10"/>
    </row>
    <row r="499178" spans="14:14">
      <c r="N499178" s="10"/>
    </row>
    <row r="499179" spans="14:14">
      <c r="N499179" s="10"/>
    </row>
    <row r="499180" spans="14:14">
      <c r="N499180" s="10"/>
    </row>
    <row r="499181" spans="14:14">
      <c r="N499181" s="10"/>
    </row>
    <row r="499182" spans="14:14">
      <c r="N499182" s="10"/>
    </row>
    <row r="499183" spans="14:14">
      <c r="N499183" s="10"/>
    </row>
    <row r="499184" spans="14:14">
      <c r="N499184" s="10"/>
    </row>
    <row r="499185" spans="14:14">
      <c r="N499185" s="10"/>
    </row>
    <row r="499186" spans="14:14">
      <c r="N499186" s="10"/>
    </row>
    <row r="499187" spans="14:14">
      <c r="N499187" s="10"/>
    </row>
    <row r="499188" spans="14:14">
      <c r="N499188" s="10"/>
    </row>
    <row r="499189" spans="14:14">
      <c r="N499189" s="10"/>
    </row>
    <row r="499190" spans="14:14">
      <c r="N499190" s="10"/>
    </row>
    <row r="499191" spans="14:14">
      <c r="N499191" s="10"/>
    </row>
    <row r="499192" spans="14:14">
      <c r="N499192" s="10"/>
    </row>
    <row r="499193" spans="14:14">
      <c r="N499193" s="10"/>
    </row>
    <row r="499194" spans="14:14">
      <c r="N499194" s="10"/>
    </row>
    <row r="499195" spans="14:14">
      <c r="N499195" s="10"/>
    </row>
    <row r="499196" spans="14:14">
      <c r="N499196" s="10"/>
    </row>
    <row r="499197" spans="14:14">
      <c r="N499197" s="10"/>
    </row>
    <row r="499198" spans="14:14">
      <c r="N499198" s="10"/>
    </row>
    <row r="499199" spans="14:14">
      <c r="N499199" s="10"/>
    </row>
    <row r="499200" spans="14:14">
      <c r="N499200" s="10"/>
    </row>
    <row r="499201" spans="14:14">
      <c r="N499201" s="10"/>
    </row>
    <row r="499202" spans="14:14">
      <c r="N499202" s="10"/>
    </row>
    <row r="499203" spans="14:14">
      <c r="N499203" s="10"/>
    </row>
    <row r="499204" spans="14:14">
      <c r="N499204" s="10"/>
    </row>
    <row r="499205" spans="14:14">
      <c r="N499205" s="10"/>
    </row>
    <row r="499206" spans="14:14">
      <c r="N499206" s="10"/>
    </row>
    <row r="499207" spans="14:14">
      <c r="N499207" s="10"/>
    </row>
    <row r="499208" spans="14:14">
      <c r="N499208" s="10"/>
    </row>
    <row r="499209" spans="14:14">
      <c r="N499209" s="10"/>
    </row>
    <row r="499210" spans="14:14">
      <c r="N499210" s="10"/>
    </row>
    <row r="499211" spans="14:14">
      <c r="N499211" s="10"/>
    </row>
    <row r="499212" spans="14:14">
      <c r="N499212" s="10"/>
    </row>
    <row r="499213" spans="14:14">
      <c r="N499213" s="10"/>
    </row>
    <row r="499214" spans="14:14">
      <c r="N499214" s="10"/>
    </row>
    <row r="499215" spans="14:14">
      <c r="N499215" s="10"/>
    </row>
    <row r="499216" spans="14:14">
      <c r="N499216" s="10"/>
    </row>
    <row r="499217" spans="14:14">
      <c r="N499217" s="10"/>
    </row>
    <row r="499218" spans="14:14">
      <c r="N499218" s="10"/>
    </row>
    <row r="499219" spans="14:14">
      <c r="N499219" s="10"/>
    </row>
    <row r="499220" spans="14:14">
      <c r="N499220" s="10"/>
    </row>
    <row r="499221" spans="14:14">
      <c r="N499221" s="10"/>
    </row>
    <row r="499222" spans="14:14">
      <c r="N499222" s="10"/>
    </row>
    <row r="499223" spans="14:14">
      <c r="N499223" s="10"/>
    </row>
    <row r="499224" spans="14:14">
      <c r="N499224" s="10"/>
    </row>
    <row r="499225" spans="14:14">
      <c r="N499225" s="10"/>
    </row>
    <row r="499226" spans="14:14">
      <c r="N499226" s="10"/>
    </row>
    <row r="499227" spans="14:14">
      <c r="N499227" s="10"/>
    </row>
    <row r="499228" spans="14:14">
      <c r="N499228" s="10"/>
    </row>
    <row r="499229" spans="14:14">
      <c r="N499229" s="10"/>
    </row>
    <row r="499230" spans="14:14">
      <c r="N499230" s="10"/>
    </row>
    <row r="499231" spans="14:14">
      <c r="N499231" s="10"/>
    </row>
    <row r="499232" spans="14:14">
      <c r="N499232" s="10"/>
    </row>
    <row r="499233" spans="14:14">
      <c r="N499233" s="10"/>
    </row>
    <row r="499234" spans="14:14">
      <c r="N499234" s="10"/>
    </row>
    <row r="499235" spans="14:14">
      <c r="N499235" s="10"/>
    </row>
    <row r="499236" spans="14:14">
      <c r="N499236" s="10"/>
    </row>
    <row r="499237" spans="14:14">
      <c r="N499237" s="10"/>
    </row>
    <row r="499238" spans="14:14">
      <c r="N499238" s="10"/>
    </row>
    <row r="499239" spans="14:14">
      <c r="N499239" s="10"/>
    </row>
    <row r="499240" spans="14:14">
      <c r="N499240" s="10"/>
    </row>
    <row r="499241" spans="14:14">
      <c r="N499241" s="10"/>
    </row>
    <row r="499242" spans="14:14">
      <c r="N499242" s="10"/>
    </row>
    <row r="499243" spans="14:14">
      <c r="N499243" s="10"/>
    </row>
    <row r="499244" spans="14:14">
      <c r="N499244" s="10"/>
    </row>
    <row r="499245" spans="14:14">
      <c r="N499245" s="10"/>
    </row>
    <row r="499246" spans="14:14">
      <c r="N499246" s="10"/>
    </row>
    <row r="499247" spans="14:14">
      <c r="N499247" s="10"/>
    </row>
    <row r="499248" spans="14:14">
      <c r="N499248" s="10"/>
    </row>
    <row r="499249" spans="14:14">
      <c r="N499249" s="10"/>
    </row>
    <row r="499250" spans="14:14">
      <c r="N499250" s="10"/>
    </row>
    <row r="499251" spans="14:14">
      <c r="N499251" s="10"/>
    </row>
    <row r="499252" spans="14:14">
      <c r="N499252" s="10"/>
    </row>
    <row r="499253" spans="14:14">
      <c r="N499253" s="10"/>
    </row>
    <row r="499254" spans="14:14">
      <c r="N499254" s="10"/>
    </row>
    <row r="499255" spans="14:14">
      <c r="N499255" s="10"/>
    </row>
    <row r="499256" spans="14:14">
      <c r="N499256" s="10"/>
    </row>
    <row r="499257" spans="14:14">
      <c r="N499257" s="10"/>
    </row>
    <row r="499258" spans="14:14">
      <c r="N499258" s="10"/>
    </row>
    <row r="499259" spans="14:14">
      <c r="N499259" s="10"/>
    </row>
    <row r="499260" spans="14:14">
      <c r="N499260" s="10"/>
    </row>
    <row r="499261" spans="14:14">
      <c r="N499261" s="10"/>
    </row>
    <row r="499262" spans="14:14">
      <c r="N499262" s="10"/>
    </row>
    <row r="499263" spans="14:14">
      <c r="N499263" s="10"/>
    </row>
    <row r="499264" spans="14:14">
      <c r="N499264" s="10"/>
    </row>
    <row r="499265" spans="14:14">
      <c r="N499265" s="10"/>
    </row>
    <row r="499266" spans="14:14">
      <c r="N499266" s="10"/>
    </row>
    <row r="499267" spans="14:14">
      <c r="N499267" s="10"/>
    </row>
    <row r="499268" spans="14:14">
      <c r="N499268" s="10"/>
    </row>
    <row r="499269" spans="14:14">
      <c r="N499269" s="10"/>
    </row>
    <row r="499270" spans="14:14">
      <c r="N499270" s="10"/>
    </row>
    <row r="499271" spans="14:14">
      <c r="N499271" s="10"/>
    </row>
    <row r="499272" spans="14:14">
      <c r="N499272" s="10"/>
    </row>
    <row r="499273" spans="14:14">
      <c r="N499273" s="10"/>
    </row>
    <row r="499274" spans="14:14">
      <c r="N499274" s="10"/>
    </row>
    <row r="499275" spans="14:14">
      <c r="N499275" s="10"/>
    </row>
    <row r="499276" spans="14:14">
      <c r="N499276" s="10"/>
    </row>
    <row r="499277" spans="14:14">
      <c r="N499277" s="10"/>
    </row>
    <row r="499278" spans="14:14">
      <c r="N499278" s="10"/>
    </row>
    <row r="499279" spans="14:14">
      <c r="N499279" s="10"/>
    </row>
    <row r="499280" spans="14:14">
      <c r="N499280" s="10"/>
    </row>
    <row r="499281" spans="14:14">
      <c r="N499281" s="10"/>
    </row>
    <row r="499282" spans="14:14">
      <c r="N499282" s="10"/>
    </row>
    <row r="499283" spans="14:14">
      <c r="N499283" s="10"/>
    </row>
    <row r="499284" spans="14:14">
      <c r="N499284" s="10"/>
    </row>
    <row r="499285" spans="14:14">
      <c r="N499285" s="10"/>
    </row>
    <row r="499286" spans="14:14">
      <c r="N499286" s="10"/>
    </row>
    <row r="499287" spans="14:14">
      <c r="N499287" s="10"/>
    </row>
    <row r="499288" spans="14:14">
      <c r="N499288" s="10"/>
    </row>
    <row r="499289" spans="14:14">
      <c r="N499289" s="10"/>
    </row>
    <row r="499290" spans="14:14">
      <c r="N499290" s="10"/>
    </row>
    <row r="499291" spans="14:14">
      <c r="N499291" s="10"/>
    </row>
    <row r="499292" spans="14:14">
      <c r="N499292" s="10"/>
    </row>
    <row r="499293" spans="14:14">
      <c r="N499293" s="10"/>
    </row>
    <row r="499294" spans="14:14">
      <c r="N499294" s="10"/>
    </row>
    <row r="499295" spans="14:14">
      <c r="N499295" s="10"/>
    </row>
    <row r="499296" spans="14:14">
      <c r="N499296" s="10"/>
    </row>
    <row r="499297" spans="14:14">
      <c r="N499297" s="10"/>
    </row>
    <row r="499298" spans="14:14">
      <c r="N499298" s="10"/>
    </row>
    <row r="499299" spans="14:14">
      <c r="N499299" s="10"/>
    </row>
    <row r="499300" spans="14:14">
      <c r="N499300" s="10"/>
    </row>
    <row r="499301" spans="14:14">
      <c r="N499301" s="10"/>
    </row>
    <row r="499302" spans="14:14">
      <c r="N499302" s="10"/>
    </row>
    <row r="499303" spans="14:14">
      <c r="N499303" s="10"/>
    </row>
    <row r="499304" spans="14:14">
      <c r="N499304" s="10"/>
    </row>
    <row r="499305" spans="14:14">
      <c r="N499305" s="10"/>
    </row>
    <row r="499306" spans="14:14">
      <c r="N499306" s="10"/>
    </row>
    <row r="499307" spans="14:14">
      <c r="N499307" s="10"/>
    </row>
    <row r="499308" spans="14:14">
      <c r="N499308" s="10"/>
    </row>
    <row r="499309" spans="14:14">
      <c r="N499309" s="10"/>
    </row>
    <row r="499310" spans="14:14">
      <c r="N499310" s="10"/>
    </row>
    <row r="499311" spans="14:14">
      <c r="N499311" s="10"/>
    </row>
    <row r="499312" spans="14:14">
      <c r="N499312" s="10"/>
    </row>
    <row r="499313" spans="14:14">
      <c r="N499313" s="10"/>
    </row>
    <row r="499314" spans="14:14">
      <c r="N499314" s="10"/>
    </row>
    <row r="499315" spans="14:14">
      <c r="N499315" s="10"/>
    </row>
    <row r="499316" spans="14:14">
      <c r="N499316" s="10"/>
    </row>
    <row r="499317" spans="14:14">
      <c r="N499317" s="10"/>
    </row>
    <row r="499318" spans="14:14">
      <c r="N499318" s="10"/>
    </row>
    <row r="499319" spans="14:14">
      <c r="N499319" s="10"/>
    </row>
    <row r="499320" spans="14:14">
      <c r="N499320" s="10"/>
    </row>
    <row r="499321" spans="14:14">
      <c r="N499321" s="10"/>
    </row>
    <row r="499322" spans="14:14">
      <c r="N499322" s="10"/>
    </row>
    <row r="499323" spans="14:14">
      <c r="N499323" s="10"/>
    </row>
    <row r="499324" spans="14:14">
      <c r="N499324" s="10"/>
    </row>
    <row r="499325" spans="14:14">
      <c r="N499325" s="10"/>
    </row>
    <row r="499326" spans="14:14">
      <c r="N499326" s="10"/>
    </row>
    <row r="499327" spans="14:14">
      <c r="N499327" s="10"/>
    </row>
    <row r="499328" spans="14:14">
      <c r="N499328" s="10"/>
    </row>
    <row r="499329" spans="14:14">
      <c r="N499329" s="10"/>
    </row>
    <row r="499330" spans="14:14">
      <c r="N499330" s="10"/>
    </row>
    <row r="499331" spans="14:14">
      <c r="N499331" s="10"/>
    </row>
    <row r="499332" spans="14:14">
      <c r="N499332" s="10"/>
    </row>
    <row r="499333" spans="14:14">
      <c r="N499333" s="10"/>
    </row>
    <row r="499334" spans="14:14">
      <c r="N499334" s="10"/>
    </row>
    <row r="499335" spans="14:14">
      <c r="N499335" s="10"/>
    </row>
    <row r="499336" spans="14:14">
      <c r="N499336" s="10"/>
    </row>
    <row r="499337" spans="14:14">
      <c r="N499337" s="10"/>
    </row>
    <row r="499338" spans="14:14">
      <c r="N499338" s="10"/>
    </row>
    <row r="499339" spans="14:14">
      <c r="N499339" s="10"/>
    </row>
    <row r="499340" spans="14:14">
      <c r="N499340" s="10"/>
    </row>
    <row r="499341" spans="14:14">
      <c r="N499341" s="10"/>
    </row>
    <row r="499342" spans="14:14">
      <c r="N499342" s="10"/>
    </row>
    <row r="499343" spans="14:14">
      <c r="N499343" s="10"/>
    </row>
    <row r="499344" spans="14:14">
      <c r="N499344" s="10"/>
    </row>
    <row r="499345" spans="14:14">
      <c r="N499345" s="10"/>
    </row>
    <row r="499346" spans="14:14">
      <c r="N499346" s="10"/>
    </row>
    <row r="499347" spans="14:14">
      <c r="N499347" s="10"/>
    </row>
    <row r="499348" spans="14:14">
      <c r="N499348" s="10"/>
    </row>
    <row r="499349" spans="14:14">
      <c r="N499349" s="10"/>
    </row>
    <row r="499350" spans="14:14">
      <c r="N499350" s="10"/>
    </row>
    <row r="499351" spans="14:14">
      <c r="N499351" s="10"/>
    </row>
    <row r="499352" spans="14:14">
      <c r="N499352" s="10"/>
    </row>
    <row r="499353" spans="14:14">
      <c r="N499353" s="10"/>
    </row>
    <row r="499354" spans="14:14">
      <c r="N499354" s="10"/>
    </row>
    <row r="499355" spans="14:14">
      <c r="N499355" s="10"/>
    </row>
    <row r="499356" spans="14:14">
      <c r="N499356" s="10"/>
    </row>
    <row r="499357" spans="14:14">
      <c r="N499357" s="10"/>
    </row>
    <row r="499358" spans="14:14">
      <c r="N499358" s="10"/>
    </row>
    <row r="499359" spans="14:14">
      <c r="N499359" s="10"/>
    </row>
    <row r="499360" spans="14:14">
      <c r="N499360" s="10"/>
    </row>
    <row r="499361" spans="14:14">
      <c r="N499361" s="10"/>
    </row>
    <row r="499362" spans="14:14">
      <c r="N499362" s="10"/>
    </row>
    <row r="499363" spans="14:14">
      <c r="N499363" s="10"/>
    </row>
    <row r="499364" spans="14:14">
      <c r="N499364" s="10"/>
    </row>
    <row r="499365" spans="14:14">
      <c r="N499365" s="10"/>
    </row>
    <row r="499366" spans="14:14">
      <c r="N499366" s="10"/>
    </row>
    <row r="499367" spans="14:14">
      <c r="N499367" s="10"/>
    </row>
    <row r="499368" spans="14:14">
      <c r="N499368" s="10"/>
    </row>
    <row r="499369" spans="14:14">
      <c r="N499369" s="10"/>
    </row>
    <row r="499370" spans="14:14">
      <c r="N499370" s="10"/>
    </row>
    <row r="499371" spans="14:14">
      <c r="N499371" s="10"/>
    </row>
    <row r="499372" spans="14:14">
      <c r="N499372" s="10"/>
    </row>
    <row r="499373" spans="14:14">
      <c r="N499373" s="10"/>
    </row>
    <row r="499374" spans="14:14">
      <c r="N499374" s="10"/>
    </row>
    <row r="499375" spans="14:14">
      <c r="N499375" s="10"/>
    </row>
    <row r="499376" spans="14:14">
      <c r="N499376" s="10"/>
    </row>
    <row r="499377" spans="14:14">
      <c r="N499377" s="10"/>
    </row>
    <row r="499378" spans="14:14">
      <c r="N499378" s="10"/>
    </row>
    <row r="499379" spans="14:14">
      <c r="N499379" s="10"/>
    </row>
    <row r="499380" spans="14:14">
      <c r="N499380" s="10"/>
    </row>
    <row r="499381" spans="14:14">
      <c r="N499381" s="10"/>
    </row>
    <row r="499382" spans="14:14">
      <c r="N499382" s="10"/>
    </row>
    <row r="499383" spans="14:14">
      <c r="N499383" s="10"/>
    </row>
    <row r="499384" spans="14:14">
      <c r="N499384" s="10"/>
    </row>
    <row r="499385" spans="14:14">
      <c r="N499385" s="10"/>
    </row>
    <row r="499386" spans="14:14">
      <c r="N499386" s="10"/>
    </row>
    <row r="499387" spans="14:14">
      <c r="N499387" s="10"/>
    </row>
    <row r="499388" spans="14:14">
      <c r="N499388" s="10"/>
    </row>
    <row r="499389" spans="14:14">
      <c r="N499389" s="10"/>
    </row>
    <row r="499390" spans="14:14">
      <c r="N499390" s="10"/>
    </row>
    <row r="499391" spans="14:14">
      <c r="N499391" s="10"/>
    </row>
    <row r="499392" spans="14:14">
      <c r="N499392" s="10"/>
    </row>
    <row r="499393" spans="14:14">
      <c r="N499393" s="10"/>
    </row>
    <row r="499394" spans="14:14">
      <c r="N499394" s="10"/>
    </row>
    <row r="499395" spans="14:14">
      <c r="N499395" s="10"/>
    </row>
    <row r="499396" spans="14:14">
      <c r="N499396" s="10"/>
    </row>
    <row r="499397" spans="14:14">
      <c r="N499397" s="10"/>
    </row>
    <row r="499398" spans="14:14">
      <c r="N499398" s="10"/>
    </row>
    <row r="499399" spans="14:14">
      <c r="N499399" s="10"/>
    </row>
    <row r="499400" spans="14:14">
      <c r="N499400" s="10"/>
    </row>
    <row r="499401" spans="14:14">
      <c r="N499401" s="10"/>
    </row>
    <row r="499402" spans="14:14">
      <c r="N499402" s="10"/>
    </row>
    <row r="499403" spans="14:14">
      <c r="N499403" s="10"/>
    </row>
    <row r="499404" spans="14:14">
      <c r="N499404" s="10"/>
    </row>
    <row r="499405" spans="14:14">
      <c r="N499405" s="10"/>
    </row>
    <row r="499406" spans="14:14">
      <c r="N499406" s="10"/>
    </row>
    <row r="499407" spans="14:14">
      <c r="N499407" s="10"/>
    </row>
    <row r="499408" spans="14:14">
      <c r="N499408" s="10"/>
    </row>
    <row r="499409" spans="14:14">
      <c r="N499409" s="10"/>
    </row>
    <row r="499410" spans="14:14">
      <c r="N499410" s="10"/>
    </row>
    <row r="499411" spans="14:14">
      <c r="N499411" s="10"/>
    </row>
    <row r="499412" spans="14:14">
      <c r="N499412" s="10"/>
    </row>
    <row r="499413" spans="14:14">
      <c r="N499413" s="10"/>
    </row>
    <row r="499414" spans="14:14">
      <c r="N499414" s="10"/>
    </row>
    <row r="499415" spans="14:14">
      <c r="N499415" s="10"/>
    </row>
    <row r="499416" spans="14:14">
      <c r="N499416" s="10"/>
    </row>
    <row r="499417" spans="14:14">
      <c r="N499417" s="10"/>
    </row>
    <row r="499418" spans="14:14">
      <c r="N499418" s="10"/>
    </row>
    <row r="499419" spans="14:14">
      <c r="N499419" s="10"/>
    </row>
    <row r="499420" spans="14:14">
      <c r="N499420" s="10"/>
    </row>
    <row r="499421" spans="14:14">
      <c r="N499421" s="10"/>
    </row>
    <row r="499422" spans="14:14">
      <c r="N499422" s="10"/>
    </row>
    <row r="499423" spans="14:14">
      <c r="N499423" s="10"/>
    </row>
    <row r="499424" spans="14:14">
      <c r="N499424" s="10"/>
    </row>
    <row r="499425" spans="14:14">
      <c r="N499425" s="10"/>
    </row>
    <row r="499426" spans="14:14">
      <c r="N499426" s="10"/>
    </row>
    <row r="499427" spans="14:14">
      <c r="N499427" s="10"/>
    </row>
    <row r="499428" spans="14:14">
      <c r="N499428" s="10"/>
    </row>
    <row r="499429" spans="14:14">
      <c r="N499429" s="10"/>
    </row>
    <row r="499430" spans="14:14">
      <c r="N499430" s="10"/>
    </row>
    <row r="499431" spans="14:14">
      <c r="N499431" s="10"/>
    </row>
    <row r="499432" spans="14:14">
      <c r="N499432" s="10"/>
    </row>
    <row r="499433" spans="14:14">
      <c r="N499433" s="10"/>
    </row>
    <row r="499434" spans="14:14">
      <c r="N499434" s="10"/>
    </row>
    <row r="499435" spans="14:14">
      <c r="N499435" s="10"/>
    </row>
    <row r="499436" spans="14:14">
      <c r="N499436" s="10"/>
    </row>
    <row r="499437" spans="14:14">
      <c r="N499437" s="10"/>
    </row>
    <row r="499438" spans="14:14">
      <c r="N499438" s="10"/>
    </row>
    <row r="499439" spans="14:14">
      <c r="N499439" s="10"/>
    </row>
    <row r="499440" spans="14:14">
      <c r="N499440" s="10"/>
    </row>
    <row r="499441" spans="14:14">
      <c r="N499441" s="10"/>
    </row>
    <row r="499442" spans="14:14">
      <c r="N499442" s="10"/>
    </row>
    <row r="499443" spans="14:14">
      <c r="N499443" s="10"/>
    </row>
    <row r="499444" spans="14:14">
      <c r="N499444" s="10"/>
    </row>
    <row r="499445" spans="14:14">
      <c r="N499445" s="10"/>
    </row>
    <row r="499446" spans="14:14">
      <c r="N499446" s="10"/>
    </row>
    <row r="499447" spans="14:14">
      <c r="N499447" s="10"/>
    </row>
    <row r="499448" spans="14:14">
      <c r="N499448" s="10"/>
    </row>
    <row r="499449" spans="14:14">
      <c r="N499449" s="10"/>
    </row>
    <row r="499450" spans="14:14">
      <c r="N499450" s="10"/>
    </row>
    <row r="499451" spans="14:14">
      <c r="N499451" s="10"/>
    </row>
    <row r="499452" spans="14:14">
      <c r="N499452" s="10"/>
    </row>
    <row r="499453" spans="14:14">
      <c r="N499453" s="10"/>
    </row>
    <row r="499454" spans="14:14">
      <c r="N499454" s="10"/>
    </row>
    <row r="499455" spans="14:14">
      <c r="N499455" s="10"/>
    </row>
    <row r="499456" spans="14:14">
      <c r="N499456" s="10"/>
    </row>
    <row r="499457" spans="14:14">
      <c r="N499457" s="10"/>
    </row>
    <row r="499458" spans="14:14">
      <c r="N499458" s="10"/>
    </row>
    <row r="499459" spans="14:14">
      <c r="N499459" s="10"/>
    </row>
    <row r="499460" spans="14:14">
      <c r="N499460" s="10"/>
    </row>
    <row r="499461" spans="14:14">
      <c r="N499461" s="10"/>
    </row>
    <row r="499462" spans="14:14">
      <c r="N499462" s="10"/>
    </row>
    <row r="499463" spans="14:14">
      <c r="N499463" s="10"/>
    </row>
    <row r="499464" spans="14:14">
      <c r="N499464" s="10"/>
    </row>
    <row r="499465" spans="14:14">
      <c r="N499465" s="10"/>
    </row>
    <row r="499466" spans="14:14">
      <c r="N499466" s="10"/>
    </row>
    <row r="499467" spans="14:14">
      <c r="N499467" s="10"/>
    </row>
    <row r="499468" spans="14:14">
      <c r="N499468" s="10"/>
    </row>
    <row r="499469" spans="14:14">
      <c r="N499469" s="10"/>
    </row>
    <row r="499470" spans="14:14">
      <c r="N499470" s="10"/>
    </row>
    <row r="499471" spans="14:14">
      <c r="N499471" s="10"/>
    </row>
    <row r="499472" spans="14:14">
      <c r="N499472" s="10"/>
    </row>
    <row r="499473" spans="14:14">
      <c r="N499473" s="10"/>
    </row>
    <row r="499474" spans="14:14">
      <c r="N499474" s="10"/>
    </row>
    <row r="499475" spans="14:14">
      <c r="N499475" s="10"/>
    </row>
    <row r="499476" spans="14:14">
      <c r="N499476" s="10"/>
    </row>
    <row r="499477" spans="14:14">
      <c r="N499477" s="10"/>
    </row>
    <row r="499478" spans="14:14">
      <c r="N499478" s="10"/>
    </row>
    <row r="499479" spans="14:14">
      <c r="N499479" s="10"/>
    </row>
    <row r="499480" spans="14:14">
      <c r="N499480" s="10"/>
    </row>
    <row r="499481" spans="14:14">
      <c r="N499481" s="10"/>
    </row>
    <row r="499482" spans="14:14">
      <c r="N499482" s="10"/>
    </row>
    <row r="499483" spans="14:14">
      <c r="N499483" s="10"/>
    </row>
    <row r="499484" spans="14:14">
      <c r="N499484" s="10"/>
    </row>
    <row r="499485" spans="14:14">
      <c r="N499485" s="10"/>
    </row>
    <row r="499486" spans="14:14">
      <c r="N499486" s="10"/>
    </row>
    <row r="499487" spans="14:14">
      <c r="N499487" s="10"/>
    </row>
    <row r="499488" spans="14:14">
      <c r="N499488" s="10"/>
    </row>
    <row r="499489" spans="14:14">
      <c r="N499489" s="10"/>
    </row>
    <row r="499490" spans="14:14">
      <c r="N499490" s="10"/>
    </row>
    <row r="499491" spans="14:14">
      <c r="N499491" s="10"/>
    </row>
    <row r="499492" spans="14:14">
      <c r="N499492" s="10"/>
    </row>
    <row r="499493" spans="14:14">
      <c r="N499493" s="10"/>
    </row>
    <row r="499494" spans="14:14">
      <c r="N499494" s="10"/>
    </row>
    <row r="499495" spans="14:14">
      <c r="N499495" s="10"/>
    </row>
    <row r="499496" spans="14:14">
      <c r="N499496" s="10"/>
    </row>
    <row r="499497" spans="14:14">
      <c r="N499497" s="10"/>
    </row>
    <row r="499498" spans="14:14">
      <c r="N499498" s="10"/>
    </row>
    <row r="499499" spans="14:14">
      <c r="N499499" s="10"/>
    </row>
    <row r="499500" spans="14:14">
      <c r="N499500" s="10"/>
    </row>
    <row r="499501" spans="14:14">
      <c r="N499501" s="10"/>
    </row>
    <row r="499502" spans="14:14">
      <c r="N499502" s="10"/>
    </row>
    <row r="499503" spans="14:14">
      <c r="N499503" s="10"/>
    </row>
    <row r="499504" spans="14:14">
      <c r="N499504" s="10"/>
    </row>
    <row r="499505" spans="14:14">
      <c r="N499505" s="10"/>
    </row>
    <row r="499506" spans="14:14">
      <c r="N499506" s="10"/>
    </row>
    <row r="499507" spans="14:14">
      <c r="N499507" s="10"/>
    </row>
    <row r="499508" spans="14:14">
      <c r="N499508" s="10"/>
    </row>
    <row r="499509" spans="14:14">
      <c r="N499509" s="10"/>
    </row>
    <row r="499510" spans="14:14">
      <c r="N499510" s="10"/>
    </row>
    <row r="499511" spans="14:14">
      <c r="N499511" s="10"/>
    </row>
    <row r="499512" spans="14:14">
      <c r="N499512" s="10"/>
    </row>
    <row r="499513" spans="14:14">
      <c r="N499513" s="10"/>
    </row>
    <row r="499514" spans="14:14">
      <c r="N499514" s="10"/>
    </row>
    <row r="499515" spans="14:14">
      <c r="N499515" s="10"/>
    </row>
    <row r="499516" spans="14:14">
      <c r="N499516" s="10"/>
    </row>
    <row r="499517" spans="14:14">
      <c r="N499517" s="10"/>
    </row>
    <row r="499518" spans="14:14">
      <c r="N499518" s="10"/>
    </row>
    <row r="499519" spans="14:14">
      <c r="N499519" s="10"/>
    </row>
    <row r="499520" spans="14:14">
      <c r="N499520" s="10"/>
    </row>
    <row r="499521" spans="14:14">
      <c r="N499521" s="10"/>
    </row>
    <row r="499522" spans="14:14">
      <c r="N499522" s="10"/>
    </row>
    <row r="499523" spans="14:14">
      <c r="N499523" s="10"/>
    </row>
    <row r="499524" spans="14:14">
      <c r="N499524" s="10"/>
    </row>
    <row r="499525" spans="14:14">
      <c r="N499525" s="10"/>
    </row>
    <row r="499526" spans="14:14">
      <c r="N499526" s="10"/>
    </row>
    <row r="499527" spans="14:14">
      <c r="N499527" s="10"/>
    </row>
    <row r="499528" spans="14:14">
      <c r="N499528" s="10"/>
    </row>
    <row r="499529" spans="14:14">
      <c r="N499529" s="10"/>
    </row>
    <row r="499530" spans="14:14">
      <c r="N499530" s="10"/>
    </row>
    <row r="499531" spans="14:14">
      <c r="N499531" s="10"/>
    </row>
    <row r="499532" spans="14:14">
      <c r="N499532" s="10"/>
    </row>
    <row r="499533" spans="14:14">
      <c r="N499533" s="10"/>
    </row>
    <row r="499534" spans="14:14">
      <c r="N499534" s="10"/>
    </row>
    <row r="499535" spans="14:14">
      <c r="N499535" s="10"/>
    </row>
    <row r="499536" spans="14:14">
      <c r="N499536" s="10"/>
    </row>
    <row r="499537" spans="14:14">
      <c r="N499537" s="10"/>
    </row>
    <row r="499538" spans="14:14">
      <c r="N499538" s="10"/>
    </row>
    <row r="499539" spans="14:14">
      <c r="N499539" s="10"/>
    </row>
    <row r="499540" spans="14:14">
      <c r="N499540" s="10"/>
    </row>
    <row r="499541" spans="14:14">
      <c r="N499541" s="10"/>
    </row>
    <row r="499542" spans="14:14">
      <c r="N499542" s="10"/>
    </row>
    <row r="499543" spans="14:14">
      <c r="N499543" s="10"/>
    </row>
    <row r="499544" spans="14:14">
      <c r="N499544" s="10"/>
    </row>
    <row r="499545" spans="14:14">
      <c r="N499545" s="10"/>
    </row>
    <row r="499546" spans="14:14">
      <c r="N499546" s="10"/>
    </row>
    <row r="499547" spans="14:14">
      <c r="N499547" s="10"/>
    </row>
    <row r="499548" spans="14:14">
      <c r="N499548" s="10"/>
    </row>
    <row r="499549" spans="14:14">
      <c r="N499549" s="10"/>
    </row>
    <row r="499550" spans="14:14">
      <c r="N499550" s="10"/>
    </row>
    <row r="499551" spans="14:14">
      <c r="N499551" s="10"/>
    </row>
    <row r="499552" spans="14:14">
      <c r="N499552" s="10"/>
    </row>
    <row r="499553" spans="14:14">
      <c r="N499553" s="10"/>
    </row>
    <row r="499554" spans="14:14">
      <c r="N499554" s="10"/>
    </row>
    <row r="499555" spans="14:14">
      <c r="N499555" s="10"/>
    </row>
    <row r="499556" spans="14:14">
      <c r="N499556" s="10"/>
    </row>
    <row r="499557" spans="14:14">
      <c r="N499557" s="10"/>
    </row>
    <row r="499558" spans="14:14">
      <c r="N499558" s="10"/>
    </row>
    <row r="499559" spans="14:14">
      <c r="N499559" s="10"/>
    </row>
    <row r="499560" spans="14:14">
      <c r="N499560" s="10"/>
    </row>
    <row r="499561" spans="14:14">
      <c r="N499561" s="10"/>
    </row>
    <row r="499562" spans="14:14">
      <c r="N499562" s="10"/>
    </row>
    <row r="499563" spans="14:14">
      <c r="N499563" s="10"/>
    </row>
    <row r="499564" spans="14:14">
      <c r="N499564" s="10"/>
    </row>
    <row r="499565" spans="14:14">
      <c r="N499565" s="10"/>
    </row>
    <row r="499566" spans="14:14">
      <c r="N499566" s="10"/>
    </row>
    <row r="499567" spans="14:14">
      <c r="N499567" s="10"/>
    </row>
    <row r="499568" spans="14:14">
      <c r="N499568" s="10"/>
    </row>
    <row r="499569" spans="14:14">
      <c r="N499569" s="10"/>
    </row>
    <row r="499570" spans="14:14">
      <c r="N499570" s="10"/>
    </row>
    <row r="499571" spans="14:14">
      <c r="N499571" s="10"/>
    </row>
    <row r="499572" spans="14:14">
      <c r="N499572" s="10"/>
    </row>
    <row r="499573" spans="14:14">
      <c r="N499573" s="10"/>
    </row>
    <row r="499574" spans="14:14">
      <c r="N499574" s="10"/>
    </row>
    <row r="499575" spans="14:14">
      <c r="N499575" s="10"/>
    </row>
    <row r="499576" spans="14:14">
      <c r="N499576" s="10"/>
    </row>
    <row r="499577" spans="14:14">
      <c r="N499577" s="10"/>
    </row>
    <row r="499578" spans="14:14">
      <c r="N499578" s="10"/>
    </row>
    <row r="499579" spans="14:14">
      <c r="N499579" s="10"/>
    </row>
    <row r="499580" spans="14:14">
      <c r="N499580" s="10"/>
    </row>
    <row r="499581" spans="14:14">
      <c r="N499581" s="10"/>
    </row>
    <row r="499582" spans="14:14">
      <c r="N499582" s="10"/>
    </row>
    <row r="499583" spans="14:14">
      <c r="N499583" s="10"/>
    </row>
    <row r="499584" spans="14:14">
      <c r="N499584" s="10"/>
    </row>
    <row r="499585" spans="14:14">
      <c r="N499585" s="10"/>
    </row>
    <row r="499586" spans="14:14">
      <c r="N499586" s="10"/>
    </row>
    <row r="499587" spans="14:14">
      <c r="N499587" s="10"/>
    </row>
    <row r="499588" spans="14:14">
      <c r="N499588" s="10"/>
    </row>
    <row r="499589" spans="14:14">
      <c r="N499589" s="10"/>
    </row>
    <row r="499590" spans="14:14">
      <c r="N499590" s="10"/>
    </row>
    <row r="499591" spans="14:14">
      <c r="N499591" s="10"/>
    </row>
    <row r="499592" spans="14:14">
      <c r="N499592" s="10"/>
    </row>
    <row r="499593" spans="14:14">
      <c r="N499593" s="10"/>
    </row>
    <row r="499594" spans="14:14">
      <c r="N499594" s="10"/>
    </row>
    <row r="499595" spans="14:14">
      <c r="N499595" s="10"/>
    </row>
    <row r="499596" spans="14:14">
      <c r="N499596" s="10"/>
    </row>
    <row r="499597" spans="14:14">
      <c r="N499597" s="10"/>
    </row>
    <row r="499598" spans="14:14">
      <c r="N499598" s="10"/>
    </row>
    <row r="499599" spans="14:14">
      <c r="N499599" s="10"/>
    </row>
    <row r="499600" spans="14:14">
      <c r="N499600" s="10"/>
    </row>
    <row r="499601" spans="14:14">
      <c r="N499601" s="10"/>
    </row>
    <row r="499602" spans="14:14">
      <c r="N499602" s="10"/>
    </row>
    <row r="499603" spans="14:14">
      <c r="N499603" s="10"/>
    </row>
    <row r="499604" spans="14:14">
      <c r="N499604" s="10"/>
    </row>
    <row r="499605" spans="14:14">
      <c r="N499605" s="10"/>
    </row>
    <row r="499606" spans="14:14">
      <c r="N499606" s="10"/>
    </row>
    <row r="499607" spans="14:14">
      <c r="N499607" s="10"/>
    </row>
    <row r="499608" spans="14:14">
      <c r="N499608" s="10"/>
    </row>
    <row r="499609" spans="14:14">
      <c r="N499609" s="10"/>
    </row>
    <row r="499610" spans="14:14">
      <c r="N499610" s="10"/>
    </row>
    <row r="499611" spans="14:14">
      <c r="N499611" s="10"/>
    </row>
    <row r="499612" spans="14:14">
      <c r="N499612" s="10"/>
    </row>
    <row r="499613" spans="14:14">
      <c r="N499613" s="10"/>
    </row>
    <row r="499614" spans="14:14">
      <c r="N499614" s="10"/>
    </row>
    <row r="499615" spans="14:14">
      <c r="N499615" s="10"/>
    </row>
    <row r="499616" spans="14:14">
      <c r="N499616" s="10"/>
    </row>
    <row r="499617" spans="14:14">
      <c r="N499617" s="10"/>
    </row>
    <row r="499618" spans="14:14">
      <c r="N499618" s="10"/>
    </row>
    <row r="499619" spans="14:14">
      <c r="N499619" s="10"/>
    </row>
    <row r="499620" spans="14:14">
      <c r="N499620" s="10"/>
    </row>
    <row r="499621" spans="14:14">
      <c r="N499621" s="10"/>
    </row>
    <row r="499622" spans="14:14">
      <c r="N499622" s="10"/>
    </row>
    <row r="499623" spans="14:14">
      <c r="N499623" s="10"/>
    </row>
    <row r="499624" spans="14:14">
      <c r="N499624" s="10"/>
    </row>
    <row r="499625" spans="14:14">
      <c r="N499625" s="10"/>
    </row>
    <row r="499626" spans="14:14">
      <c r="N499626" s="10"/>
    </row>
    <row r="499627" spans="14:14">
      <c r="N499627" s="10"/>
    </row>
    <row r="499628" spans="14:14">
      <c r="N499628" s="10"/>
    </row>
    <row r="499629" spans="14:14">
      <c r="N499629" s="10"/>
    </row>
    <row r="499630" spans="14:14">
      <c r="N499630" s="10"/>
    </row>
    <row r="499631" spans="14:14">
      <c r="N499631" s="10"/>
    </row>
    <row r="499632" spans="14:14">
      <c r="N499632" s="10"/>
    </row>
    <row r="499633" spans="14:14">
      <c r="N499633" s="10"/>
    </row>
    <row r="499634" spans="14:14">
      <c r="N499634" s="10"/>
    </row>
    <row r="499635" spans="14:14">
      <c r="N499635" s="10"/>
    </row>
    <row r="499636" spans="14:14">
      <c r="N499636" s="10"/>
    </row>
    <row r="499637" spans="14:14">
      <c r="N499637" s="10"/>
    </row>
    <row r="499638" spans="14:14">
      <c r="N499638" s="10"/>
    </row>
    <row r="499639" spans="14:14">
      <c r="N499639" s="10"/>
    </row>
    <row r="499640" spans="14:14">
      <c r="N499640" s="10"/>
    </row>
    <row r="499641" spans="14:14">
      <c r="N499641" s="10"/>
    </row>
    <row r="499642" spans="14:14">
      <c r="N499642" s="10"/>
    </row>
    <row r="499643" spans="14:14">
      <c r="N499643" s="10"/>
    </row>
    <row r="499644" spans="14:14">
      <c r="N499644" s="10"/>
    </row>
    <row r="499645" spans="14:14">
      <c r="N499645" s="10"/>
    </row>
    <row r="499646" spans="14:14">
      <c r="N499646" s="10"/>
    </row>
    <row r="499647" spans="14:14">
      <c r="N499647" s="10"/>
    </row>
    <row r="499648" spans="14:14">
      <c r="N499648" s="10"/>
    </row>
    <row r="499649" spans="14:14">
      <c r="N499649" s="10"/>
    </row>
    <row r="499650" spans="14:14">
      <c r="N499650" s="10"/>
    </row>
    <row r="499651" spans="14:14">
      <c r="N499651" s="10"/>
    </row>
    <row r="499652" spans="14:14">
      <c r="N499652" s="10"/>
    </row>
    <row r="499653" spans="14:14">
      <c r="N499653" s="10"/>
    </row>
    <row r="499654" spans="14:14">
      <c r="N499654" s="10"/>
    </row>
    <row r="499655" spans="14:14">
      <c r="N499655" s="10"/>
    </row>
    <row r="499656" spans="14:14">
      <c r="N499656" s="10"/>
    </row>
    <row r="499657" spans="14:14">
      <c r="N499657" s="10"/>
    </row>
    <row r="499658" spans="14:14">
      <c r="N499658" s="10"/>
    </row>
    <row r="499659" spans="14:14">
      <c r="N499659" s="10"/>
    </row>
    <row r="499660" spans="14:14">
      <c r="N499660" s="10"/>
    </row>
    <row r="499661" spans="14:14">
      <c r="N499661" s="10"/>
    </row>
    <row r="499662" spans="14:14">
      <c r="N499662" s="10"/>
    </row>
    <row r="499663" spans="14:14">
      <c r="N499663" s="10"/>
    </row>
    <row r="499664" spans="14:14">
      <c r="N499664" s="10"/>
    </row>
    <row r="499665" spans="14:14">
      <c r="N499665" s="10"/>
    </row>
    <row r="499666" spans="14:14">
      <c r="N499666" s="10"/>
    </row>
    <row r="499667" spans="14:14">
      <c r="N499667" s="10"/>
    </row>
    <row r="499668" spans="14:14">
      <c r="N499668" s="10"/>
    </row>
    <row r="499669" spans="14:14">
      <c r="N499669" s="10"/>
    </row>
    <row r="499670" spans="14:14">
      <c r="N499670" s="10"/>
    </row>
    <row r="499671" spans="14:14">
      <c r="N499671" s="10"/>
    </row>
    <row r="499672" spans="14:14">
      <c r="N499672" s="10"/>
    </row>
    <row r="499673" spans="14:14">
      <c r="N499673" s="10"/>
    </row>
    <row r="499674" spans="14:14">
      <c r="N499674" s="10"/>
    </row>
    <row r="499675" spans="14:14">
      <c r="N499675" s="10"/>
    </row>
    <row r="499676" spans="14:14">
      <c r="N499676" s="10"/>
    </row>
    <row r="499677" spans="14:14">
      <c r="N499677" s="10"/>
    </row>
    <row r="499678" spans="14:14">
      <c r="N499678" s="10"/>
    </row>
    <row r="499679" spans="14:14">
      <c r="N499679" s="10"/>
    </row>
    <row r="499680" spans="14:14">
      <c r="N499680" s="10"/>
    </row>
    <row r="499681" spans="14:14">
      <c r="N499681" s="10"/>
    </row>
    <row r="499682" spans="14:14">
      <c r="N499682" s="10"/>
    </row>
    <row r="499683" spans="14:14">
      <c r="N499683" s="10"/>
    </row>
    <row r="499684" spans="14:14">
      <c r="N499684" s="10"/>
    </row>
    <row r="499685" spans="14:14">
      <c r="N499685" s="10"/>
    </row>
    <row r="499686" spans="14:14">
      <c r="N499686" s="10"/>
    </row>
    <row r="499687" spans="14:14">
      <c r="N499687" s="10"/>
    </row>
    <row r="499688" spans="14:14">
      <c r="N499688" s="10"/>
    </row>
    <row r="499689" spans="14:14">
      <c r="N499689" s="10"/>
    </row>
    <row r="499690" spans="14:14">
      <c r="N499690" s="10"/>
    </row>
    <row r="499691" spans="14:14">
      <c r="N499691" s="10"/>
    </row>
    <row r="499692" spans="14:14">
      <c r="N499692" s="10"/>
    </row>
    <row r="499693" spans="14:14">
      <c r="N499693" s="10"/>
    </row>
    <row r="499694" spans="14:14">
      <c r="N499694" s="10"/>
    </row>
    <row r="499695" spans="14:14">
      <c r="N499695" s="10"/>
    </row>
    <row r="499696" spans="14:14">
      <c r="N499696" s="10"/>
    </row>
    <row r="499697" spans="14:14">
      <c r="N499697" s="10"/>
    </row>
    <row r="499698" spans="14:14">
      <c r="N499698" s="10"/>
    </row>
    <row r="499699" spans="14:14">
      <c r="N499699" s="10"/>
    </row>
    <row r="499700" spans="14:14">
      <c r="N499700" s="10"/>
    </row>
    <row r="499701" spans="14:14">
      <c r="N499701" s="10"/>
    </row>
    <row r="499702" spans="14:14">
      <c r="N499702" s="10"/>
    </row>
    <row r="499703" spans="14:14">
      <c r="N499703" s="10"/>
    </row>
    <row r="499704" spans="14:14">
      <c r="N499704" s="10"/>
    </row>
    <row r="499705" spans="14:14">
      <c r="N499705" s="10"/>
    </row>
    <row r="499706" spans="14:14">
      <c r="N499706" s="10"/>
    </row>
    <row r="499707" spans="14:14">
      <c r="N499707" s="10"/>
    </row>
    <row r="499708" spans="14:14">
      <c r="N499708" s="10"/>
    </row>
    <row r="499709" spans="14:14">
      <c r="N499709" s="10"/>
    </row>
    <row r="499710" spans="14:14">
      <c r="N499710" s="10"/>
    </row>
    <row r="499711" spans="14:14">
      <c r="N499711" s="10"/>
    </row>
    <row r="499712" spans="14:14">
      <c r="N499712" s="10"/>
    </row>
    <row r="499713" spans="14:14">
      <c r="N499713" s="10"/>
    </row>
    <row r="499714" spans="14:14">
      <c r="N499714" s="10"/>
    </row>
    <row r="499715" spans="14:14">
      <c r="N499715" s="10"/>
    </row>
    <row r="499716" spans="14:14">
      <c r="N499716" s="10"/>
    </row>
    <row r="499717" spans="14:14">
      <c r="N499717" s="10"/>
    </row>
    <row r="499718" spans="14:14">
      <c r="N499718" s="10"/>
    </row>
    <row r="499719" spans="14:14">
      <c r="N499719" s="10"/>
    </row>
    <row r="499720" spans="14:14">
      <c r="N499720" s="10"/>
    </row>
    <row r="499721" spans="14:14">
      <c r="N499721" s="10"/>
    </row>
    <row r="499722" spans="14:14">
      <c r="N499722" s="10"/>
    </row>
    <row r="499723" spans="14:14">
      <c r="N499723" s="10"/>
    </row>
    <row r="499724" spans="14:14">
      <c r="N499724" s="10"/>
    </row>
    <row r="499725" spans="14:14">
      <c r="N499725" s="10"/>
    </row>
    <row r="499726" spans="14:14">
      <c r="N499726" s="10"/>
    </row>
    <row r="499727" spans="14:14">
      <c r="N499727" s="10"/>
    </row>
    <row r="499728" spans="14:14">
      <c r="N499728" s="10"/>
    </row>
    <row r="499729" spans="14:14">
      <c r="N499729" s="10"/>
    </row>
    <row r="499730" spans="14:14">
      <c r="N499730" s="10"/>
    </row>
    <row r="499731" spans="14:14">
      <c r="N499731" s="10"/>
    </row>
    <row r="499732" spans="14:14">
      <c r="N499732" s="10"/>
    </row>
    <row r="499733" spans="14:14">
      <c r="N499733" s="10"/>
    </row>
    <row r="499734" spans="14:14">
      <c r="N499734" s="10"/>
    </row>
    <row r="499735" spans="14:14">
      <c r="N499735" s="10"/>
    </row>
    <row r="499736" spans="14:14">
      <c r="N499736" s="10"/>
    </row>
    <row r="499737" spans="14:14">
      <c r="N499737" s="10"/>
    </row>
    <row r="499738" spans="14:14">
      <c r="N499738" s="10"/>
    </row>
    <row r="499739" spans="14:14">
      <c r="N499739" s="10"/>
    </row>
    <row r="499740" spans="14:14">
      <c r="N499740" s="10"/>
    </row>
    <row r="499741" spans="14:14">
      <c r="N499741" s="10"/>
    </row>
    <row r="499742" spans="14:14">
      <c r="N499742" s="10"/>
    </row>
    <row r="499743" spans="14:14">
      <c r="N499743" s="10"/>
    </row>
    <row r="499744" spans="14:14">
      <c r="N499744" s="10"/>
    </row>
    <row r="499745" spans="14:14">
      <c r="N499745" s="10"/>
    </row>
    <row r="499746" spans="14:14">
      <c r="N499746" s="10"/>
    </row>
    <row r="499747" spans="14:14">
      <c r="N499747" s="10"/>
    </row>
    <row r="499748" spans="14:14">
      <c r="N499748" s="10"/>
    </row>
    <row r="499749" spans="14:14">
      <c r="N499749" s="10"/>
    </row>
    <row r="499750" spans="14:14">
      <c r="N499750" s="10"/>
    </row>
    <row r="499751" spans="14:14">
      <c r="N499751" s="10"/>
    </row>
    <row r="499752" spans="14:14">
      <c r="N499752" s="10"/>
    </row>
    <row r="499753" spans="14:14">
      <c r="N499753" s="10"/>
    </row>
    <row r="499754" spans="14:14">
      <c r="N499754" s="10"/>
    </row>
    <row r="499755" spans="14:14">
      <c r="N499755" s="10"/>
    </row>
    <row r="499756" spans="14:14">
      <c r="N499756" s="10"/>
    </row>
    <row r="499757" spans="14:14">
      <c r="N499757" s="10"/>
    </row>
    <row r="499758" spans="14:14">
      <c r="N499758" s="10"/>
    </row>
    <row r="499759" spans="14:14">
      <c r="N499759" s="10"/>
    </row>
    <row r="499760" spans="14:14">
      <c r="N499760" s="10"/>
    </row>
    <row r="499761" spans="14:14">
      <c r="N499761" s="10"/>
    </row>
    <row r="499762" spans="14:14">
      <c r="N499762" s="10"/>
    </row>
    <row r="499763" spans="14:14">
      <c r="N499763" s="10"/>
    </row>
    <row r="499764" spans="14:14">
      <c r="N499764" s="10"/>
    </row>
    <row r="499765" spans="14:14">
      <c r="N499765" s="10"/>
    </row>
    <row r="499766" spans="14:14">
      <c r="N499766" s="10"/>
    </row>
    <row r="499767" spans="14:14">
      <c r="N499767" s="10"/>
    </row>
    <row r="499768" spans="14:14">
      <c r="N499768" s="10"/>
    </row>
    <row r="499769" spans="14:14">
      <c r="N499769" s="10"/>
    </row>
    <row r="499770" spans="14:14">
      <c r="N499770" s="10"/>
    </row>
    <row r="499771" spans="14:14">
      <c r="N499771" s="10"/>
    </row>
    <row r="499772" spans="14:14">
      <c r="N499772" s="10"/>
    </row>
    <row r="499773" spans="14:14">
      <c r="N499773" s="10"/>
    </row>
    <row r="499774" spans="14:14">
      <c r="N499774" s="10"/>
    </row>
    <row r="499775" spans="14:14">
      <c r="N499775" s="10"/>
    </row>
    <row r="499776" spans="14:14">
      <c r="N499776" s="10"/>
    </row>
    <row r="499777" spans="14:14">
      <c r="N499777" s="10"/>
    </row>
    <row r="499778" spans="14:14">
      <c r="N499778" s="10"/>
    </row>
    <row r="499779" spans="14:14">
      <c r="N499779" s="10"/>
    </row>
    <row r="499780" spans="14:14">
      <c r="N499780" s="10"/>
    </row>
    <row r="499781" spans="14:14">
      <c r="N499781" s="10"/>
    </row>
    <row r="499782" spans="14:14">
      <c r="N499782" s="10"/>
    </row>
    <row r="499783" spans="14:14">
      <c r="N499783" s="10"/>
    </row>
    <row r="499784" spans="14:14">
      <c r="N499784" s="10"/>
    </row>
    <row r="499785" spans="14:14">
      <c r="N499785" s="10"/>
    </row>
    <row r="499786" spans="14:14">
      <c r="N499786" s="10"/>
    </row>
    <row r="499787" spans="14:14">
      <c r="N499787" s="10"/>
    </row>
    <row r="499788" spans="14:14">
      <c r="N499788" s="10"/>
    </row>
    <row r="499789" spans="14:14">
      <c r="N499789" s="10"/>
    </row>
    <row r="499790" spans="14:14">
      <c r="N499790" s="10"/>
    </row>
    <row r="499791" spans="14:14">
      <c r="N499791" s="10"/>
    </row>
    <row r="499792" spans="14:14">
      <c r="N499792" s="10"/>
    </row>
    <row r="499793" spans="14:14">
      <c r="N499793" s="10"/>
    </row>
    <row r="499794" spans="14:14">
      <c r="N499794" s="10"/>
    </row>
    <row r="499795" spans="14:14">
      <c r="N499795" s="10"/>
    </row>
    <row r="499796" spans="14:14">
      <c r="N499796" s="10"/>
    </row>
    <row r="499797" spans="14:14">
      <c r="N499797" s="10"/>
    </row>
    <row r="499798" spans="14:14">
      <c r="N499798" s="10"/>
    </row>
    <row r="499799" spans="14:14">
      <c r="N499799" s="10"/>
    </row>
    <row r="499800" spans="14:14">
      <c r="N499800" s="10"/>
    </row>
    <row r="499801" spans="14:14">
      <c r="N499801" s="10"/>
    </row>
    <row r="499802" spans="14:14">
      <c r="N499802" s="10"/>
    </row>
    <row r="499803" spans="14:14">
      <c r="N499803" s="10"/>
    </row>
    <row r="499804" spans="14:14">
      <c r="N499804" s="10"/>
    </row>
    <row r="499805" spans="14:14">
      <c r="N499805" s="10"/>
    </row>
    <row r="499806" spans="14:14">
      <c r="N499806" s="10"/>
    </row>
    <row r="499807" spans="14:14">
      <c r="N499807" s="10"/>
    </row>
    <row r="499808" spans="14:14">
      <c r="N499808" s="10"/>
    </row>
    <row r="499809" spans="14:14">
      <c r="N499809" s="10"/>
    </row>
    <row r="499810" spans="14:14">
      <c r="N499810" s="10"/>
    </row>
    <row r="499811" spans="14:14">
      <c r="N499811" s="10"/>
    </row>
    <row r="499812" spans="14:14">
      <c r="N499812" s="10"/>
    </row>
    <row r="499813" spans="14:14">
      <c r="N499813" s="10"/>
    </row>
    <row r="499814" spans="14:14">
      <c r="N499814" s="10"/>
    </row>
    <row r="499815" spans="14:14">
      <c r="N499815" s="10"/>
    </row>
    <row r="499816" spans="14:14">
      <c r="N499816" s="10"/>
    </row>
    <row r="499817" spans="14:14">
      <c r="N499817" s="10"/>
    </row>
    <row r="499818" spans="14:14">
      <c r="N499818" s="10"/>
    </row>
    <row r="499819" spans="14:14">
      <c r="N499819" s="10"/>
    </row>
    <row r="499820" spans="14:14">
      <c r="N499820" s="10"/>
    </row>
    <row r="499821" spans="14:14">
      <c r="N499821" s="10"/>
    </row>
    <row r="499822" spans="14:14">
      <c r="N499822" s="10"/>
    </row>
    <row r="499823" spans="14:14">
      <c r="N499823" s="10"/>
    </row>
    <row r="499824" spans="14:14">
      <c r="N499824" s="10"/>
    </row>
    <row r="499825" spans="14:14">
      <c r="N499825" s="10"/>
    </row>
    <row r="499826" spans="14:14">
      <c r="N499826" s="10"/>
    </row>
    <row r="499827" spans="14:14">
      <c r="N499827" s="10"/>
    </row>
    <row r="499828" spans="14:14">
      <c r="N499828" s="10"/>
    </row>
    <row r="499829" spans="14:14">
      <c r="N499829" s="10"/>
    </row>
    <row r="499830" spans="14:14">
      <c r="N499830" s="10"/>
    </row>
    <row r="499831" spans="14:14">
      <c r="N499831" s="10"/>
    </row>
    <row r="499832" spans="14:14">
      <c r="N499832" s="10"/>
    </row>
    <row r="499833" spans="14:14">
      <c r="N499833" s="10"/>
    </row>
    <row r="499834" spans="14:14">
      <c r="N499834" s="10"/>
    </row>
    <row r="499835" spans="14:14">
      <c r="N499835" s="10"/>
    </row>
    <row r="499836" spans="14:14">
      <c r="N499836" s="10"/>
    </row>
    <row r="499837" spans="14:14">
      <c r="N499837" s="10"/>
    </row>
    <row r="499838" spans="14:14">
      <c r="N499838" s="10"/>
    </row>
    <row r="499839" spans="14:14">
      <c r="N499839" s="10"/>
    </row>
    <row r="499840" spans="14:14">
      <c r="N499840" s="10"/>
    </row>
    <row r="499841" spans="14:14">
      <c r="N499841" s="10"/>
    </row>
    <row r="499842" spans="14:14">
      <c r="N499842" s="10"/>
    </row>
    <row r="499843" spans="14:14">
      <c r="N499843" s="10"/>
    </row>
    <row r="499844" spans="14:14">
      <c r="N499844" s="10"/>
    </row>
    <row r="499845" spans="14:14">
      <c r="N499845" s="10"/>
    </row>
    <row r="499846" spans="14:14">
      <c r="N499846" s="10"/>
    </row>
    <row r="499847" spans="14:14">
      <c r="N499847" s="10"/>
    </row>
    <row r="499848" spans="14:14">
      <c r="N499848" s="10"/>
    </row>
    <row r="499849" spans="14:14">
      <c r="N499849" s="10"/>
    </row>
    <row r="499850" spans="14:14">
      <c r="N499850" s="10"/>
    </row>
    <row r="499851" spans="14:14">
      <c r="N499851" s="10"/>
    </row>
    <row r="499852" spans="14:14">
      <c r="N499852" s="10"/>
    </row>
    <row r="499853" spans="14:14">
      <c r="N499853" s="10"/>
    </row>
    <row r="499854" spans="14:14">
      <c r="N499854" s="10"/>
    </row>
    <row r="499855" spans="14:14">
      <c r="N499855" s="10"/>
    </row>
    <row r="499856" spans="14:14">
      <c r="N499856" s="10"/>
    </row>
    <row r="499857" spans="14:14">
      <c r="N499857" s="10"/>
    </row>
    <row r="499858" spans="14:14">
      <c r="N499858" s="10"/>
    </row>
    <row r="499859" spans="14:14">
      <c r="N499859" s="10"/>
    </row>
    <row r="499860" spans="14:14">
      <c r="N499860" s="10"/>
    </row>
    <row r="499861" spans="14:14">
      <c r="N499861" s="10"/>
    </row>
    <row r="499862" spans="14:14">
      <c r="N499862" s="10"/>
    </row>
    <row r="499863" spans="14:14">
      <c r="N499863" s="10"/>
    </row>
    <row r="499864" spans="14:14">
      <c r="N499864" s="10"/>
    </row>
    <row r="499865" spans="14:14">
      <c r="N499865" s="10"/>
    </row>
    <row r="499866" spans="14:14">
      <c r="N499866" s="10"/>
    </row>
    <row r="499867" spans="14:14">
      <c r="N499867" s="10"/>
    </row>
    <row r="499868" spans="14:14">
      <c r="N499868" s="10"/>
    </row>
    <row r="499869" spans="14:14">
      <c r="N499869" s="10"/>
    </row>
    <row r="499870" spans="14:14">
      <c r="N499870" s="10"/>
    </row>
    <row r="499871" spans="14:14">
      <c r="N499871" s="10"/>
    </row>
    <row r="499872" spans="14:14">
      <c r="N499872" s="10"/>
    </row>
    <row r="499873" spans="14:14">
      <c r="N499873" s="10"/>
    </row>
    <row r="499874" spans="14:14">
      <c r="N499874" s="10"/>
    </row>
    <row r="499875" spans="14:14">
      <c r="N499875" s="10"/>
    </row>
    <row r="499876" spans="14:14">
      <c r="N499876" s="10"/>
    </row>
    <row r="499877" spans="14:14">
      <c r="N499877" s="10"/>
    </row>
    <row r="499878" spans="14:14">
      <c r="N499878" s="10"/>
    </row>
    <row r="499879" spans="14:14">
      <c r="N499879" s="10"/>
    </row>
    <row r="499880" spans="14:14">
      <c r="N499880" s="10"/>
    </row>
    <row r="499881" spans="14:14">
      <c r="N499881" s="10"/>
    </row>
    <row r="499882" spans="14:14">
      <c r="N499882" s="10"/>
    </row>
    <row r="499883" spans="14:14">
      <c r="N499883" s="10"/>
    </row>
    <row r="499884" spans="14:14">
      <c r="N499884" s="10"/>
    </row>
    <row r="499885" spans="14:14">
      <c r="N499885" s="10"/>
    </row>
    <row r="499886" spans="14:14">
      <c r="N499886" s="10"/>
    </row>
    <row r="499887" spans="14:14">
      <c r="N499887" s="10"/>
    </row>
    <row r="499888" spans="14:14">
      <c r="N499888" s="10"/>
    </row>
    <row r="499889" spans="14:14">
      <c r="N499889" s="10"/>
    </row>
    <row r="499890" spans="14:14">
      <c r="N499890" s="10"/>
    </row>
    <row r="499891" spans="14:14">
      <c r="N499891" s="10"/>
    </row>
    <row r="499892" spans="14:14">
      <c r="N499892" s="10"/>
    </row>
    <row r="499893" spans="14:14">
      <c r="N499893" s="10"/>
    </row>
    <row r="499894" spans="14:14">
      <c r="N499894" s="10"/>
    </row>
    <row r="499895" spans="14:14">
      <c r="N499895" s="10"/>
    </row>
    <row r="499896" spans="14:14">
      <c r="N499896" s="10"/>
    </row>
    <row r="499897" spans="14:14">
      <c r="N499897" s="10"/>
    </row>
    <row r="499898" spans="14:14">
      <c r="N499898" s="10"/>
    </row>
    <row r="499899" spans="14:14">
      <c r="N499899" s="10"/>
    </row>
    <row r="499900" spans="14:14">
      <c r="N499900" s="10"/>
    </row>
    <row r="499901" spans="14:14">
      <c r="N499901" s="10"/>
    </row>
    <row r="499902" spans="14:14">
      <c r="N499902" s="10"/>
    </row>
    <row r="499903" spans="14:14">
      <c r="N499903" s="10"/>
    </row>
    <row r="499904" spans="14:14">
      <c r="N499904" s="10"/>
    </row>
    <row r="499905" spans="14:14">
      <c r="N499905" s="10"/>
    </row>
    <row r="499906" spans="14:14">
      <c r="N499906" s="10"/>
    </row>
    <row r="499907" spans="14:14">
      <c r="N499907" s="10"/>
    </row>
    <row r="499908" spans="14:14">
      <c r="N499908" s="10"/>
    </row>
    <row r="499909" spans="14:14">
      <c r="N499909" s="10"/>
    </row>
    <row r="499910" spans="14:14">
      <c r="N499910" s="10"/>
    </row>
    <row r="499911" spans="14:14">
      <c r="N499911" s="10"/>
    </row>
    <row r="499912" spans="14:14">
      <c r="N499912" s="10"/>
    </row>
    <row r="499913" spans="14:14">
      <c r="N499913" s="10"/>
    </row>
    <row r="499914" spans="14:14">
      <c r="N499914" s="10"/>
    </row>
    <row r="499915" spans="14:14">
      <c r="N499915" s="10"/>
    </row>
    <row r="499916" spans="14:14">
      <c r="N499916" s="10"/>
    </row>
    <row r="499917" spans="14:14">
      <c r="N499917" s="10"/>
    </row>
    <row r="499918" spans="14:14">
      <c r="N499918" s="10"/>
    </row>
    <row r="499919" spans="14:14">
      <c r="N499919" s="10"/>
    </row>
    <row r="499920" spans="14:14">
      <c r="N499920" s="10"/>
    </row>
    <row r="499921" spans="14:14">
      <c r="N499921" s="10"/>
    </row>
    <row r="499922" spans="14:14">
      <c r="N499922" s="10"/>
    </row>
    <row r="499923" spans="14:14">
      <c r="N499923" s="10"/>
    </row>
    <row r="499924" spans="14:14">
      <c r="N499924" s="10"/>
    </row>
    <row r="499925" spans="14:14">
      <c r="N499925" s="10"/>
    </row>
    <row r="499926" spans="14:14">
      <c r="N499926" s="10"/>
    </row>
    <row r="499927" spans="14:14">
      <c r="N499927" s="10"/>
    </row>
    <row r="499928" spans="14:14">
      <c r="N499928" s="10"/>
    </row>
    <row r="499929" spans="14:14">
      <c r="N499929" s="10"/>
    </row>
    <row r="499930" spans="14:14">
      <c r="N499930" s="10"/>
    </row>
    <row r="499931" spans="14:14">
      <c r="N499931" s="10"/>
    </row>
    <row r="499932" spans="14:14">
      <c r="N499932" s="10"/>
    </row>
    <row r="499933" spans="14:14">
      <c r="N499933" s="10"/>
    </row>
    <row r="499934" spans="14:14">
      <c r="N499934" s="10"/>
    </row>
    <row r="499935" spans="14:14">
      <c r="N499935" s="10"/>
    </row>
    <row r="499936" spans="14:14">
      <c r="N499936" s="10"/>
    </row>
    <row r="499937" spans="14:14">
      <c r="N499937" s="10"/>
    </row>
    <row r="499938" spans="14:14">
      <c r="N499938" s="10"/>
    </row>
    <row r="499939" spans="14:14">
      <c r="N499939" s="10"/>
    </row>
    <row r="499940" spans="14:14">
      <c r="N499940" s="10"/>
    </row>
    <row r="499941" spans="14:14">
      <c r="N499941" s="10"/>
    </row>
    <row r="499942" spans="14:14">
      <c r="N499942" s="10"/>
    </row>
    <row r="499943" spans="14:14">
      <c r="N499943" s="10"/>
    </row>
    <row r="499944" spans="14:14">
      <c r="N499944" s="10"/>
    </row>
    <row r="499945" spans="14:14">
      <c r="N499945" s="10"/>
    </row>
    <row r="499946" spans="14:14">
      <c r="N499946" s="10"/>
    </row>
    <row r="499947" spans="14:14">
      <c r="N499947" s="10"/>
    </row>
    <row r="499948" spans="14:14">
      <c r="N499948" s="10"/>
    </row>
    <row r="499949" spans="14:14">
      <c r="N499949" s="10"/>
    </row>
    <row r="499950" spans="14:14">
      <c r="N499950" s="10"/>
    </row>
    <row r="499951" spans="14:14">
      <c r="N499951" s="10"/>
    </row>
    <row r="499952" spans="14:14">
      <c r="N499952" s="10"/>
    </row>
    <row r="499953" spans="14:14">
      <c r="N499953" s="10"/>
    </row>
    <row r="499954" spans="14:14">
      <c r="N499954" s="10"/>
    </row>
    <row r="499955" spans="14:14">
      <c r="N499955" s="10"/>
    </row>
    <row r="499956" spans="14:14">
      <c r="N499956" s="10"/>
    </row>
    <row r="499957" spans="14:14">
      <c r="N499957" s="10"/>
    </row>
    <row r="499958" spans="14:14">
      <c r="N499958" s="10"/>
    </row>
    <row r="499959" spans="14:14">
      <c r="N499959" s="10"/>
    </row>
    <row r="499960" spans="14:14">
      <c r="N499960" s="10"/>
    </row>
    <row r="499961" spans="14:14">
      <c r="N499961" s="10"/>
    </row>
    <row r="499962" spans="14:14">
      <c r="N499962" s="10"/>
    </row>
    <row r="499963" spans="14:14">
      <c r="N499963" s="10"/>
    </row>
    <row r="499964" spans="14:14">
      <c r="N499964" s="10"/>
    </row>
    <row r="499965" spans="14:14">
      <c r="N499965" s="10"/>
    </row>
    <row r="499966" spans="14:14">
      <c r="N499966" s="10"/>
    </row>
    <row r="499967" spans="14:14">
      <c r="N499967" s="10"/>
    </row>
    <row r="499968" spans="14:14">
      <c r="N499968" s="10"/>
    </row>
    <row r="499969" spans="14:14">
      <c r="N499969" s="10"/>
    </row>
    <row r="499970" spans="14:14">
      <c r="N499970" s="10"/>
    </row>
    <row r="499971" spans="14:14">
      <c r="N499971" s="10"/>
    </row>
    <row r="499972" spans="14:14">
      <c r="N499972" s="10"/>
    </row>
    <row r="499973" spans="14:14">
      <c r="N499973" s="10"/>
    </row>
    <row r="499974" spans="14:14">
      <c r="N499974" s="10"/>
    </row>
    <row r="499975" spans="14:14">
      <c r="N499975" s="10"/>
    </row>
    <row r="499976" spans="14:14">
      <c r="N499976" s="10"/>
    </row>
    <row r="499977" spans="14:14">
      <c r="N499977" s="10"/>
    </row>
    <row r="499978" spans="14:14">
      <c r="N499978" s="10"/>
    </row>
    <row r="499979" spans="14:14">
      <c r="N499979" s="10"/>
    </row>
    <row r="499980" spans="14:14">
      <c r="N499980" s="10"/>
    </row>
    <row r="499981" spans="14:14">
      <c r="N499981" s="10"/>
    </row>
    <row r="499982" spans="14:14">
      <c r="N499982" s="10"/>
    </row>
    <row r="499983" spans="14:14">
      <c r="N499983" s="10"/>
    </row>
    <row r="499984" spans="14:14">
      <c r="N499984" s="10"/>
    </row>
    <row r="499985" spans="14:14">
      <c r="N499985" s="10"/>
    </row>
    <row r="499986" spans="14:14">
      <c r="N499986" s="10"/>
    </row>
    <row r="499987" spans="14:14">
      <c r="N499987" s="10"/>
    </row>
    <row r="499988" spans="14:14">
      <c r="N499988" s="10"/>
    </row>
    <row r="499989" spans="14:14">
      <c r="N499989" s="10"/>
    </row>
    <row r="499990" spans="14:14">
      <c r="N499990" s="10"/>
    </row>
    <row r="499991" spans="14:14">
      <c r="N499991" s="10"/>
    </row>
    <row r="499992" spans="14:14">
      <c r="N499992" s="10"/>
    </row>
    <row r="499993" spans="14:14">
      <c r="N499993" s="10"/>
    </row>
    <row r="499994" spans="14:14">
      <c r="N499994" s="10"/>
    </row>
    <row r="499995" spans="14:14">
      <c r="N499995" s="10"/>
    </row>
    <row r="499996" spans="14:14">
      <c r="N499996" s="10"/>
    </row>
    <row r="499997" spans="14:14">
      <c r="N499997" s="10"/>
    </row>
    <row r="499998" spans="14:14">
      <c r="N499998" s="10"/>
    </row>
    <row r="499999" spans="14:14">
      <c r="N499999" s="10"/>
    </row>
    <row r="500000" spans="14:14">
      <c r="N500000" s="10"/>
    </row>
    <row r="500001" spans="14:14">
      <c r="N500001" s="10"/>
    </row>
    <row r="500002" spans="14:14">
      <c r="N500002" s="10"/>
    </row>
    <row r="500003" spans="14:14">
      <c r="N500003" s="10"/>
    </row>
    <row r="500004" spans="14:14">
      <c r="N500004" s="10"/>
    </row>
    <row r="500005" spans="14:14">
      <c r="N500005" s="10"/>
    </row>
    <row r="500006" spans="14:14">
      <c r="N500006" s="10"/>
    </row>
    <row r="500007" spans="14:14">
      <c r="N500007" s="10"/>
    </row>
    <row r="500008" spans="14:14">
      <c r="N500008" s="10"/>
    </row>
    <row r="500009" spans="14:14">
      <c r="N500009" s="10"/>
    </row>
    <row r="500010" spans="14:14">
      <c r="N500010" s="10"/>
    </row>
    <row r="500011" spans="14:14">
      <c r="N500011" s="10"/>
    </row>
    <row r="500012" spans="14:14">
      <c r="N500012" s="10"/>
    </row>
    <row r="500013" spans="14:14">
      <c r="N500013" s="10"/>
    </row>
    <row r="500014" spans="14:14">
      <c r="N500014" s="10"/>
    </row>
    <row r="500015" spans="14:14">
      <c r="N500015" s="10"/>
    </row>
    <row r="500016" spans="14:14">
      <c r="N500016" s="10"/>
    </row>
    <row r="500017" spans="14:14">
      <c r="N500017" s="10"/>
    </row>
    <row r="500018" spans="14:14">
      <c r="N500018" s="10"/>
    </row>
    <row r="500019" spans="14:14">
      <c r="N500019" s="10"/>
    </row>
    <row r="500020" spans="14:14">
      <c r="N500020" s="10"/>
    </row>
    <row r="500021" spans="14:14">
      <c r="N500021" s="10"/>
    </row>
    <row r="500022" spans="14:14">
      <c r="N500022" s="10"/>
    </row>
    <row r="500023" spans="14:14">
      <c r="N500023" s="10"/>
    </row>
    <row r="500024" spans="14:14">
      <c r="N500024" s="10"/>
    </row>
    <row r="500025" spans="14:14">
      <c r="N500025" s="10"/>
    </row>
    <row r="500026" spans="14:14">
      <c r="N500026" s="10"/>
    </row>
    <row r="500027" spans="14:14">
      <c r="N500027" s="10"/>
    </row>
    <row r="500028" spans="14:14">
      <c r="N500028" s="10"/>
    </row>
    <row r="500029" spans="14:14">
      <c r="N500029" s="10"/>
    </row>
    <row r="500030" spans="14:14">
      <c r="N500030" s="10"/>
    </row>
    <row r="500031" spans="14:14">
      <c r="N500031" s="10"/>
    </row>
    <row r="500032" spans="14:14">
      <c r="N500032" s="10"/>
    </row>
    <row r="500033" spans="14:14">
      <c r="N500033" s="10"/>
    </row>
    <row r="500034" spans="14:14">
      <c r="N500034" s="10"/>
    </row>
    <row r="500035" spans="14:14">
      <c r="N500035" s="10"/>
    </row>
    <row r="500036" spans="14:14">
      <c r="N500036" s="10"/>
    </row>
    <row r="500037" spans="14:14">
      <c r="N500037" s="10"/>
    </row>
    <row r="500038" spans="14:14">
      <c r="N500038" s="10"/>
    </row>
    <row r="500039" spans="14:14">
      <c r="N500039" s="10"/>
    </row>
    <row r="500040" spans="14:14">
      <c r="N500040" s="10"/>
    </row>
    <row r="500041" spans="14:14">
      <c r="N500041" s="10"/>
    </row>
    <row r="500042" spans="14:14">
      <c r="N500042" s="10"/>
    </row>
    <row r="500043" spans="14:14">
      <c r="N500043" s="10"/>
    </row>
    <row r="500044" spans="14:14">
      <c r="N500044" s="10"/>
    </row>
    <row r="500045" spans="14:14">
      <c r="N500045" s="10"/>
    </row>
    <row r="500046" spans="14:14">
      <c r="N500046" s="10"/>
    </row>
    <row r="500047" spans="14:14">
      <c r="N500047" s="10"/>
    </row>
    <row r="500048" spans="14:14">
      <c r="N500048" s="10"/>
    </row>
    <row r="500049" spans="14:14">
      <c r="N500049" s="10"/>
    </row>
    <row r="500050" spans="14:14">
      <c r="N500050" s="10"/>
    </row>
    <row r="500051" spans="14:14">
      <c r="N500051" s="10"/>
    </row>
    <row r="500052" spans="14:14">
      <c r="N500052" s="10"/>
    </row>
    <row r="500053" spans="14:14">
      <c r="N500053" s="10"/>
    </row>
    <row r="500054" spans="14:14">
      <c r="N500054" s="10"/>
    </row>
    <row r="500055" spans="14:14">
      <c r="N500055" s="10"/>
    </row>
    <row r="500056" spans="14:14">
      <c r="N500056" s="10"/>
    </row>
    <row r="500057" spans="14:14">
      <c r="N500057" s="10"/>
    </row>
    <row r="500058" spans="14:14">
      <c r="N500058" s="10"/>
    </row>
    <row r="500059" spans="14:14">
      <c r="N500059" s="10"/>
    </row>
    <row r="500060" spans="14:14">
      <c r="N500060" s="10"/>
    </row>
    <row r="500061" spans="14:14">
      <c r="N500061" s="10"/>
    </row>
    <row r="500062" spans="14:14">
      <c r="N500062" s="10"/>
    </row>
    <row r="500063" spans="14:14">
      <c r="N500063" s="10"/>
    </row>
    <row r="500064" spans="14:14">
      <c r="N500064" s="10"/>
    </row>
    <row r="500065" spans="14:14">
      <c r="N500065" s="10"/>
    </row>
    <row r="500066" spans="14:14">
      <c r="N500066" s="10"/>
    </row>
    <row r="500067" spans="14:14">
      <c r="N500067" s="10"/>
    </row>
    <row r="500068" spans="14:14">
      <c r="N500068" s="10"/>
    </row>
    <row r="500069" spans="14:14">
      <c r="N500069" s="10"/>
    </row>
    <row r="500070" spans="14:14">
      <c r="N500070" s="10"/>
    </row>
    <row r="500071" spans="14:14">
      <c r="N500071" s="10"/>
    </row>
    <row r="500072" spans="14:14">
      <c r="N500072" s="10"/>
    </row>
    <row r="500073" spans="14:14">
      <c r="N500073" s="10"/>
    </row>
    <row r="500074" spans="14:14">
      <c r="N500074" s="10"/>
    </row>
    <row r="500075" spans="14:14">
      <c r="N500075" s="10"/>
    </row>
    <row r="500076" spans="14:14">
      <c r="N500076" s="10"/>
    </row>
    <row r="500077" spans="14:14">
      <c r="N500077" s="10"/>
    </row>
    <row r="500078" spans="14:14">
      <c r="N500078" s="10"/>
    </row>
    <row r="500079" spans="14:14">
      <c r="N500079" s="10"/>
    </row>
    <row r="500080" spans="14:14">
      <c r="N500080" s="10"/>
    </row>
    <row r="500081" spans="14:14">
      <c r="N500081" s="10"/>
    </row>
    <row r="500082" spans="14:14">
      <c r="N500082" s="10"/>
    </row>
    <row r="500083" spans="14:14">
      <c r="N500083" s="10"/>
    </row>
    <row r="500084" spans="14:14">
      <c r="N500084" s="10"/>
    </row>
    <row r="500085" spans="14:14">
      <c r="N500085" s="10"/>
    </row>
    <row r="500086" spans="14:14">
      <c r="N500086" s="10"/>
    </row>
    <row r="500087" spans="14:14">
      <c r="N500087" s="10"/>
    </row>
    <row r="500088" spans="14:14">
      <c r="N500088" s="10"/>
    </row>
    <row r="500089" spans="14:14">
      <c r="N500089" s="10"/>
    </row>
    <row r="500090" spans="14:14">
      <c r="N500090" s="10"/>
    </row>
    <row r="500091" spans="14:14">
      <c r="N500091" s="10"/>
    </row>
    <row r="500092" spans="14:14">
      <c r="N500092" s="10"/>
    </row>
    <row r="500093" spans="14:14">
      <c r="N500093" s="10"/>
    </row>
    <row r="500094" spans="14:14">
      <c r="N500094" s="10"/>
    </row>
    <row r="500095" spans="14:14">
      <c r="N500095" s="10"/>
    </row>
    <row r="500096" spans="14:14">
      <c r="N500096" s="10"/>
    </row>
    <row r="500097" spans="14:14">
      <c r="N500097" s="10"/>
    </row>
    <row r="500098" spans="14:14">
      <c r="N500098" s="10"/>
    </row>
    <row r="500099" spans="14:14">
      <c r="N500099" s="10"/>
    </row>
    <row r="500100" spans="14:14">
      <c r="N500100" s="10"/>
    </row>
    <row r="500101" spans="14:14">
      <c r="N500101" s="10"/>
    </row>
    <row r="500102" spans="14:14">
      <c r="N500102" s="10"/>
    </row>
    <row r="500103" spans="14:14">
      <c r="N500103" s="10"/>
    </row>
    <row r="500104" spans="14:14">
      <c r="N500104" s="10"/>
    </row>
    <row r="500105" spans="14:14">
      <c r="N500105" s="10"/>
    </row>
    <row r="500106" spans="14:14">
      <c r="N500106" s="10"/>
    </row>
    <row r="500107" spans="14:14">
      <c r="N500107" s="10"/>
    </row>
    <row r="500108" spans="14:14">
      <c r="N500108" s="10"/>
    </row>
    <row r="500109" spans="14:14">
      <c r="N500109" s="10"/>
    </row>
    <row r="500110" spans="14:14">
      <c r="N500110" s="10"/>
    </row>
    <row r="500111" spans="14:14">
      <c r="N500111" s="10"/>
    </row>
    <row r="500112" spans="14:14">
      <c r="N500112" s="10"/>
    </row>
    <row r="500113" spans="14:14">
      <c r="N500113" s="10"/>
    </row>
    <row r="500114" spans="14:14">
      <c r="N500114" s="10"/>
    </row>
    <row r="500115" spans="14:14">
      <c r="N500115" s="10"/>
    </row>
    <row r="500116" spans="14:14">
      <c r="N500116" s="10"/>
    </row>
    <row r="500117" spans="14:14">
      <c r="N500117" s="10"/>
    </row>
    <row r="500118" spans="14:14">
      <c r="N500118" s="10"/>
    </row>
    <row r="500119" spans="14:14">
      <c r="N500119" s="10"/>
    </row>
    <row r="500120" spans="14:14">
      <c r="N500120" s="10"/>
    </row>
    <row r="500121" spans="14:14">
      <c r="N500121" s="10"/>
    </row>
    <row r="500122" spans="14:14">
      <c r="N500122" s="10"/>
    </row>
    <row r="500123" spans="14:14">
      <c r="N500123" s="10"/>
    </row>
    <row r="500124" spans="14:14">
      <c r="N500124" s="10"/>
    </row>
    <row r="500125" spans="14:14">
      <c r="N500125" s="10"/>
    </row>
    <row r="500126" spans="14:14">
      <c r="N500126" s="10"/>
    </row>
    <row r="500127" spans="14:14">
      <c r="N500127" s="10"/>
    </row>
    <row r="500128" spans="14:14">
      <c r="N500128" s="10"/>
    </row>
    <row r="500129" spans="14:14">
      <c r="N500129" s="10"/>
    </row>
    <row r="500130" spans="14:14">
      <c r="N500130" s="10"/>
    </row>
    <row r="500131" spans="14:14">
      <c r="N500131" s="10"/>
    </row>
    <row r="500132" spans="14:14">
      <c r="N500132" s="10"/>
    </row>
    <row r="500133" spans="14:14">
      <c r="N500133" s="10"/>
    </row>
    <row r="500134" spans="14:14">
      <c r="N500134" s="10"/>
    </row>
    <row r="500135" spans="14:14">
      <c r="N500135" s="10"/>
    </row>
    <row r="500136" spans="14:14">
      <c r="N500136" s="10"/>
    </row>
    <row r="500137" spans="14:14">
      <c r="N500137" s="10"/>
    </row>
    <row r="500138" spans="14:14">
      <c r="N500138" s="10"/>
    </row>
    <row r="500139" spans="14:14">
      <c r="N500139" s="10"/>
    </row>
    <row r="500140" spans="14:14">
      <c r="N500140" s="10"/>
    </row>
    <row r="500141" spans="14:14">
      <c r="N500141" s="10"/>
    </row>
    <row r="500142" spans="14:14">
      <c r="N500142" s="10"/>
    </row>
    <row r="500143" spans="14:14">
      <c r="N500143" s="10"/>
    </row>
    <row r="500144" spans="14:14">
      <c r="N500144" s="10"/>
    </row>
    <row r="500145" spans="14:14">
      <c r="N500145" s="10"/>
    </row>
    <row r="500146" spans="14:14">
      <c r="N500146" s="10"/>
    </row>
    <row r="500147" spans="14:14">
      <c r="N500147" s="10"/>
    </row>
    <row r="500148" spans="14:14">
      <c r="N500148" s="10"/>
    </row>
    <row r="500149" spans="14:14">
      <c r="N500149" s="10"/>
    </row>
    <row r="500150" spans="14:14">
      <c r="N500150" s="10"/>
    </row>
    <row r="500151" spans="14:14">
      <c r="N500151" s="10"/>
    </row>
    <row r="500152" spans="14:14">
      <c r="N500152" s="10"/>
    </row>
    <row r="500153" spans="14:14">
      <c r="N500153" s="10"/>
    </row>
    <row r="500154" spans="14:14">
      <c r="N500154" s="10"/>
    </row>
    <row r="500155" spans="14:14">
      <c r="N500155" s="10"/>
    </row>
    <row r="500156" spans="14:14">
      <c r="N500156" s="10"/>
    </row>
    <row r="500157" spans="14:14">
      <c r="N500157" s="10"/>
    </row>
    <row r="500158" spans="14:14">
      <c r="N500158" s="10"/>
    </row>
    <row r="500159" spans="14:14">
      <c r="N500159" s="10"/>
    </row>
    <row r="500160" spans="14:14">
      <c r="N500160" s="10"/>
    </row>
    <row r="500161" spans="14:14">
      <c r="N500161" s="10"/>
    </row>
    <row r="500162" spans="14:14">
      <c r="N500162" s="10"/>
    </row>
    <row r="500163" spans="14:14">
      <c r="N500163" s="10"/>
    </row>
    <row r="500164" spans="14:14">
      <c r="N500164" s="10"/>
    </row>
    <row r="500165" spans="14:14">
      <c r="N500165" s="10"/>
    </row>
    <row r="500166" spans="14:14">
      <c r="N500166" s="10"/>
    </row>
    <row r="500167" spans="14:14">
      <c r="N500167" s="10"/>
    </row>
    <row r="500168" spans="14:14">
      <c r="N500168" s="10"/>
    </row>
    <row r="500169" spans="14:14">
      <c r="N500169" s="10"/>
    </row>
    <row r="500170" spans="14:14">
      <c r="N500170" s="10"/>
    </row>
    <row r="500171" spans="14:14">
      <c r="N500171" s="10"/>
    </row>
    <row r="500172" spans="14:14">
      <c r="N500172" s="10"/>
    </row>
    <row r="500173" spans="14:14">
      <c r="N500173" s="10"/>
    </row>
    <row r="500174" spans="14:14">
      <c r="N500174" s="10"/>
    </row>
    <row r="500175" spans="14:14">
      <c r="N500175" s="10"/>
    </row>
    <row r="500176" spans="14:14">
      <c r="N500176" s="10"/>
    </row>
    <row r="500177" spans="14:14">
      <c r="N500177" s="10"/>
    </row>
    <row r="500178" spans="14:14">
      <c r="N500178" s="10"/>
    </row>
    <row r="500179" spans="14:14">
      <c r="N500179" s="10"/>
    </row>
    <row r="500180" spans="14:14">
      <c r="N500180" s="10"/>
    </row>
    <row r="500181" spans="14:14">
      <c r="N500181" s="10"/>
    </row>
    <row r="500182" spans="14:14">
      <c r="N500182" s="10"/>
    </row>
    <row r="500183" spans="14:14">
      <c r="N500183" s="10"/>
    </row>
    <row r="500184" spans="14:14">
      <c r="N500184" s="10"/>
    </row>
    <row r="500185" spans="14:14">
      <c r="N500185" s="10"/>
    </row>
    <row r="500186" spans="14:14">
      <c r="N500186" s="10"/>
    </row>
    <row r="500187" spans="14:14">
      <c r="N500187" s="10"/>
    </row>
    <row r="500188" spans="14:14">
      <c r="N500188" s="10"/>
    </row>
    <row r="500189" spans="14:14">
      <c r="N500189" s="10"/>
    </row>
    <row r="500190" spans="14:14">
      <c r="N500190" s="10"/>
    </row>
    <row r="500191" spans="14:14">
      <c r="N500191" s="10"/>
    </row>
    <row r="500192" spans="14:14">
      <c r="N500192" s="10"/>
    </row>
    <row r="500193" spans="14:14">
      <c r="N500193" s="10"/>
    </row>
    <row r="500194" spans="14:14">
      <c r="N500194" s="10"/>
    </row>
    <row r="500195" spans="14:14">
      <c r="N500195" s="10"/>
    </row>
    <row r="500196" spans="14:14">
      <c r="N500196" s="10"/>
    </row>
    <row r="500197" spans="14:14">
      <c r="N500197" s="10"/>
    </row>
    <row r="500198" spans="14:14">
      <c r="N500198" s="10"/>
    </row>
    <row r="500199" spans="14:14">
      <c r="N500199" s="10"/>
    </row>
    <row r="500200" spans="14:14">
      <c r="N500200" s="10"/>
    </row>
    <row r="500201" spans="14:14">
      <c r="N500201" s="10"/>
    </row>
    <row r="500202" spans="14:14">
      <c r="N500202" s="10"/>
    </row>
    <row r="500203" spans="14:14">
      <c r="N500203" s="10"/>
    </row>
    <row r="500204" spans="14:14">
      <c r="N500204" s="10"/>
    </row>
    <row r="500205" spans="14:14">
      <c r="N500205" s="10"/>
    </row>
    <row r="500206" spans="14:14">
      <c r="N500206" s="10"/>
    </row>
    <row r="500207" spans="14:14">
      <c r="N500207" s="10"/>
    </row>
    <row r="500208" spans="14:14">
      <c r="N500208" s="10"/>
    </row>
    <row r="500209" spans="14:14">
      <c r="N500209" s="10"/>
    </row>
    <row r="500210" spans="14:14">
      <c r="N500210" s="10"/>
    </row>
    <row r="500211" spans="14:14">
      <c r="N500211" s="10"/>
    </row>
    <row r="500212" spans="14:14">
      <c r="N500212" s="10"/>
    </row>
    <row r="500213" spans="14:14">
      <c r="N500213" s="10"/>
    </row>
    <row r="500214" spans="14:14">
      <c r="N500214" s="10"/>
    </row>
    <row r="500215" spans="14:14">
      <c r="N500215" s="10"/>
    </row>
    <row r="500216" spans="14:14">
      <c r="N500216" s="10"/>
    </row>
    <row r="500217" spans="14:14">
      <c r="N500217" s="10"/>
    </row>
    <row r="500218" spans="14:14">
      <c r="N500218" s="10"/>
    </row>
    <row r="500219" spans="14:14">
      <c r="N500219" s="10"/>
    </row>
    <row r="500220" spans="14:14">
      <c r="N500220" s="10"/>
    </row>
    <row r="500221" spans="14:14">
      <c r="N500221" s="10"/>
    </row>
    <row r="500222" spans="14:14">
      <c r="N500222" s="10"/>
    </row>
    <row r="500223" spans="14:14">
      <c r="N500223" s="10"/>
    </row>
    <row r="500224" spans="14:14">
      <c r="N500224" s="10"/>
    </row>
    <row r="500225" spans="14:14">
      <c r="N500225" s="10"/>
    </row>
    <row r="500226" spans="14:14">
      <c r="N500226" s="10"/>
    </row>
    <row r="500227" spans="14:14">
      <c r="N500227" s="10"/>
    </row>
    <row r="500228" spans="14:14">
      <c r="N500228" s="10"/>
    </row>
    <row r="500229" spans="14:14">
      <c r="N500229" s="10"/>
    </row>
    <row r="500230" spans="14:14">
      <c r="N500230" s="10"/>
    </row>
    <row r="500231" spans="14:14">
      <c r="N500231" s="10"/>
    </row>
    <row r="500232" spans="14:14">
      <c r="N500232" s="10"/>
    </row>
    <row r="500233" spans="14:14">
      <c r="N500233" s="10"/>
    </row>
    <row r="500234" spans="14:14">
      <c r="N500234" s="10"/>
    </row>
    <row r="500235" spans="14:14">
      <c r="N500235" s="10"/>
    </row>
    <row r="500236" spans="14:14">
      <c r="N500236" s="10"/>
    </row>
    <row r="500237" spans="14:14">
      <c r="N500237" s="10"/>
    </row>
    <row r="500238" spans="14:14">
      <c r="N500238" s="10"/>
    </row>
    <row r="500239" spans="14:14">
      <c r="N500239" s="10"/>
    </row>
    <row r="500240" spans="14:14">
      <c r="N500240" s="10"/>
    </row>
    <row r="500241" spans="14:14">
      <c r="N500241" s="10"/>
    </row>
    <row r="500242" spans="14:14">
      <c r="N500242" s="10"/>
    </row>
    <row r="500243" spans="14:14">
      <c r="N500243" s="10"/>
    </row>
    <row r="500244" spans="14:14">
      <c r="N500244" s="10"/>
    </row>
    <row r="500245" spans="14:14">
      <c r="N500245" s="10"/>
    </row>
    <row r="500246" spans="14:14">
      <c r="N500246" s="10"/>
    </row>
    <row r="500247" spans="14:14">
      <c r="N500247" s="10"/>
    </row>
    <row r="500248" spans="14:14">
      <c r="N500248" s="10"/>
    </row>
    <row r="500249" spans="14:14">
      <c r="N500249" s="10"/>
    </row>
    <row r="500250" spans="14:14">
      <c r="N500250" s="10"/>
    </row>
    <row r="500251" spans="14:14">
      <c r="N500251" s="10"/>
    </row>
    <row r="500252" spans="14:14">
      <c r="N500252" s="10"/>
    </row>
    <row r="500253" spans="14:14">
      <c r="N500253" s="10"/>
    </row>
    <row r="500254" spans="14:14">
      <c r="N500254" s="10"/>
    </row>
    <row r="500255" spans="14:14">
      <c r="N500255" s="10"/>
    </row>
    <row r="500256" spans="14:14">
      <c r="N500256" s="10"/>
    </row>
    <row r="500257" spans="14:14">
      <c r="N500257" s="10"/>
    </row>
    <row r="500258" spans="14:14">
      <c r="N500258" s="10"/>
    </row>
    <row r="500259" spans="14:14">
      <c r="N500259" s="10"/>
    </row>
    <row r="500260" spans="14:14">
      <c r="N500260" s="10"/>
    </row>
    <row r="500261" spans="14:14">
      <c r="N500261" s="10"/>
    </row>
    <row r="500262" spans="14:14">
      <c r="N500262" s="10"/>
    </row>
    <row r="500263" spans="14:14">
      <c r="N500263" s="10"/>
    </row>
    <row r="500264" spans="14:14">
      <c r="N500264" s="10"/>
    </row>
    <row r="500265" spans="14:14">
      <c r="N500265" s="10"/>
    </row>
    <row r="500266" spans="14:14">
      <c r="N500266" s="10"/>
    </row>
    <row r="500267" spans="14:14">
      <c r="N500267" s="10"/>
    </row>
    <row r="500268" spans="14:14">
      <c r="N500268" s="10"/>
    </row>
    <row r="500269" spans="14:14">
      <c r="N500269" s="10"/>
    </row>
    <row r="500270" spans="14:14">
      <c r="N500270" s="10"/>
    </row>
    <row r="500271" spans="14:14">
      <c r="N500271" s="10"/>
    </row>
    <row r="500272" spans="14:14">
      <c r="N500272" s="10"/>
    </row>
    <row r="500273" spans="14:14">
      <c r="N500273" s="10"/>
    </row>
    <row r="500274" spans="14:14">
      <c r="N500274" s="10"/>
    </row>
    <row r="500275" spans="14:14">
      <c r="N500275" s="10"/>
    </row>
    <row r="500276" spans="14:14">
      <c r="N500276" s="10"/>
    </row>
    <row r="500277" spans="14:14">
      <c r="N500277" s="10"/>
    </row>
    <row r="500278" spans="14:14">
      <c r="N500278" s="10"/>
    </row>
    <row r="500279" spans="14:14">
      <c r="N500279" s="10"/>
    </row>
    <row r="500280" spans="14:14">
      <c r="N500280" s="10"/>
    </row>
    <row r="500281" spans="14:14">
      <c r="N500281" s="10"/>
    </row>
    <row r="500282" spans="14:14">
      <c r="N500282" s="10"/>
    </row>
    <row r="500283" spans="14:14">
      <c r="N500283" s="10"/>
    </row>
    <row r="500284" spans="14:14">
      <c r="N500284" s="10"/>
    </row>
    <row r="500285" spans="14:14">
      <c r="N500285" s="10"/>
    </row>
    <row r="500286" spans="14:14">
      <c r="N500286" s="10"/>
    </row>
    <row r="500287" spans="14:14">
      <c r="N500287" s="10"/>
    </row>
    <row r="500288" spans="14:14">
      <c r="N500288" s="10"/>
    </row>
    <row r="500289" spans="14:14">
      <c r="N500289" s="10"/>
    </row>
    <row r="500290" spans="14:14">
      <c r="N500290" s="10"/>
    </row>
    <row r="500291" spans="14:14">
      <c r="N500291" s="10"/>
    </row>
    <row r="500292" spans="14:14">
      <c r="N500292" s="10"/>
    </row>
    <row r="500293" spans="14:14">
      <c r="N500293" s="10"/>
    </row>
    <row r="500294" spans="14:14">
      <c r="N500294" s="10"/>
    </row>
    <row r="500295" spans="14:14">
      <c r="N500295" s="10"/>
    </row>
    <row r="500296" spans="14:14">
      <c r="N500296" s="10"/>
    </row>
    <row r="500297" spans="14:14">
      <c r="N500297" s="10"/>
    </row>
    <row r="500298" spans="14:14">
      <c r="N500298" s="10"/>
    </row>
    <row r="500299" spans="14:14">
      <c r="N500299" s="10"/>
    </row>
    <row r="500300" spans="14:14">
      <c r="N500300" s="10"/>
    </row>
    <row r="500301" spans="14:14">
      <c r="N500301" s="10"/>
    </row>
    <row r="500302" spans="14:14">
      <c r="N500302" s="10"/>
    </row>
    <row r="500303" spans="14:14">
      <c r="N500303" s="10"/>
    </row>
    <row r="500304" spans="14:14">
      <c r="N500304" s="10"/>
    </row>
    <row r="500305" spans="14:14">
      <c r="N500305" s="10"/>
    </row>
    <row r="500306" spans="14:14">
      <c r="N500306" s="10"/>
    </row>
    <row r="500307" spans="14:14">
      <c r="N500307" s="10"/>
    </row>
    <row r="500308" spans="14:14">
      <c r="N500308" s="10"/>
    </row>
    <row r="500309" spans="14:14">
      <c r="N500309" s="10"/>
    </row>
    <row r="500310" spans="14:14">
      <c r="N500310" s="10"/>
    </row>
    <row r="500311" spans="14:14">
      <c r="N500311" s="10"/>
    </row>
    <row r="500312" spans="14:14">
      <c r="N500312" s="10"/>
    </row>
    <row r="500313" spans="14:14">
      <c r="N500313" s="10"/>
    </row>
    <row r="500314" spans="14:14">
      <c r="N500314" s="10"/>
    </row>
    <row r="500315" spans="14:14">
      <c r="N500315" s="10"/>
    </row>
    <row r="500316" spans="14:14">
      <c r="N500316" s="10"/>
    </row>
    <row r="500317" spans="14:14">
      <c r="N500317" s="10"/>
    </row>
    <row r="500318" spans="14:14">
      <c r="N500318" s="10"/>
    </row>
    <row r="500319" spans="14:14">
      <c r="N500319" s="10"/>
    </row>
    <row r="500320" spans="14:14">
      <c r="N500320" s="10"/>
    </row>
    <row r="500321" spans="14:14">
      <c r="N500321" s="10"/>
    </row>
    <row r="500322" spans="14:14">
      <c r="N500322" s="10"/>
    </row>
    <row r="500323" spans="14:14">
      <c r="N500323" s="10"/>
    </row>
    <row r="500324" spans="14:14">
      <c r="N500324" s="10"/>
    </row>
    <row r="500325" spans="14:14">
      <c r="N500325" s="10"/>
    </row>
    <row r="500326" spans="14:14">
      <c r="N500326" s="10"/>
    </row>
    <row r="500327" spans="14:14">
      <c r="N500327" s="10"/>
    </row>
    <row r="500328" spans="14:14">
      <c r="N500328" s="10"/>
    </row>
    <row r="500329" spans="14:14">
      <c r="N500329" s="10"/>
    </row>
    <row r="500330" spans="14:14">
      <c r="N500330" s="10"/>
    </row>
    <row r="500331" spans="14:14">
      <c r="N500331" s="10"/>
    </row>
    <row r="500332" spans="14:14">
      <c r="N500332" s="10"/>
    </row>
    <row r="500333" spans="14:14">
      <c r="N500333" s="10"/>
    </row>
    <row r="500334" spans="14:14">
      <c r="N500334" s="10"/>
    </row>
    <row r="500335" spans="14:14">
      <c r="N500335" s="10"/>
    </row>
    <row r="500336" spans="14:14">
      <c r="N500336" s="10"/>
    </row>
    <row r="500337" spans="14:14">
      <c r="N500337" s="10"/>
    </row>
    <row r="500338" spans="14:14">
      <c r="N500338" s="10"/>
    </row>
    <row r="500339" spans="14:14">
      <c r="N500339" s="10"/>
    </row>
    <row r="500340" spans="14:14">
      <c r="N500340" s="10"/>
    </row>
    <row r="500341" spans="14:14">
      <c r="N500341" s="10"/>
    </row>
    <row r="500342" spans="14:14">
      <c r="N500342" s="10"/>
    </row>
    <row r="500343" spans="14:14">
      <c r="N500343" s="10"/>
    </row>
    <row r="500344" spans="14:14">
      <c r="N500344" s="10"/>
    </row>
    <row r="500345" spans="14:14">
      <c r="N500345" s="10"/>
    </row>
    <row r="500346" spans="14:14">
      <c r="N500346" s="10"/>
    </row>
    <row r="500347" spans="14:14">
      <c r="N500347" s="10"/>
    </row>
    <row r="500348" spans="14:14">
      <c r="N500348" s="10"/>
    </row>
    <row r="500349" spans="14:14">
      <c r="N500349" s="10"/>
    </row>
    <row r="500350" spans="14:14">
      <c r="N500350" s="10"/>
    </row>
    <row r="500351" spans="14:14">
      <c r="N500351" s="10"/>
    </row>
    <row r="500352" spans="14:14">
      <c r="N500352" s="10"/>
    </row>
    <row r="500353" spans="14:14">
      <c r="N500353" s="10"/>
    </row>
    <row r="500354" spans="14:14">
      <c r="N500354" s="10"/>
    </row>
    <row r="500355" spans="14:14">
      <c r="N500355" s="10"/>
    </row>
    <row r="500356" spans="14:14">
      <c r="N500356" s="10"/>
    </row>
    <row r="500357" spans="14:14">
      <c r="N500357" s="10"/>
    </row>
    <row r="500358" spans="14:14">
      <c r="N500358" s="10"/>
    </row>
    <row r="500359" spans="14:14">
      <c r="N500359" s="10"/>
    </row>
    <row r="500360" spans="14:14">
      <c r="N500360" s="10"/>
    </row>
    <row r="500361" spans="14:14">
      <c r="N500361" s="10"/>
    </row>
    <row r="500362" spans="14:14">
      <c r="N500362" s="10"/>
    </row>
    <row r="500363" spans="14:14">
      <c r="N500363" s="10"/>
    </row>
    <row r="500364" spans="14:14">
      <c r="N500364" s="10"/>
    </row>
    <row r="500365" spans="14:14">
      <c r="N500365" s="10"/>
    </row>
    <row r="500366" spans="14:14">
      <c r="N500366" s="10"/>
    </row>
    <row r="500367" spans="14:14">
      <c r="N500367" s="10"/>
    </row>
    <row r="500368" spans="14:14">
      <c r="N500368" s="10"/>
    </row>
    <row r="500369" spans="14:14">
      <c r="N500369" s="10"/>
    </row>
    <row r="500370" spans="14:14">
      <c r="N500370" s="10"/>
    </row>
    <row r="500371" spans="14:14">
      <c r="N500371" s="10"/>
    </row>
    <row r="500372" spans="14:14">
      <c r="N500372" s="10"/>
    </row>
    <row r="500373" spans="14:14">
      <c r="N500373" s="10"/>
    </row>
    <row r="500374" spans="14:14">
      <c r="N500374" s="10"/>
    </row>
    <row r="500375" spans="14:14">
      <c r="N500375" s="10"/>
    </row>
    <row r="500376" spans="14:14">
      <c r="N500376" s="10"/>
    </row>
    <row r="500377" spans="14:14">
      <c r="N500377" s="10"/>
    </row>
    <row r="500378" spans="14:14">
      <c r="N500378" s="10"/>
    </row>
    <row r="500379" spans="14:14">
      <c r="N500379" s="10"/>
    </row>
    <row r="500380" spans="14:14">
      <c r="N500380" s="10"/>
    </row>
    <row r="500381" spans="14:14">
      <c r="N500381" s="10"/>
    </row>
    <row r="500382" spans="14:14">
      <c r="N500382" s="10"/>
    </row>
    <row r="500383" spans="14:14">
      <c r="N500383" s="10"/>
    </row>
    <row r="500384" spans="14:14">
      <c r="N500384" s="10"/>
    </row>
    <row r="500385" spans="14:14">
      <c r="N500385" s="10"/>
    </row>
    <row r="500386" spans="14:14">
      <c r="N500386" s="10"/>
    </row>
    <row r="500387" spans="14:14">
      <c r="N500387" s="10"/>
    </row>
    <row r="500388" spans="14:14">
      <c r="N500388" s="10"/>
    </row>
    <row r="500389" spans="14:14">
      <c r="N500389" s="10"/>
    </row>
    <row r="500390" spans="14:14">
      <c r="N500390" s="10"/>
    </row>
    <row r="500391" spans="14:14">
      <c r="N500391" s="10"/>
    </row>
    <row r="500392" spans="14:14">
      <c r="N500392" s="10"/>
    </row>
    <row r="500393" spans="14:14">
      <c r="N500393" s="10"/>
    </row>
    <row r="500394" spans="14:14">
      <c r="N500394" s="10"/>
    </row>
    <row r="500395" spans="14:14">
      <c r="N500395" s="10"/>
    </row>
    <row r="500396" spans="14:14">
      <c r="N500396" s="10"/>
    </row>
    <row r="500397" spans="14:14">
      <c r="N500397" s="10"/>
    </row>
    <row r="500398" spans="14:14">
      <c r="N500398" s="10"/>
    </row>
    <row r="500399" spans="14:14">
      <c r="N500399" s="10"/>
    </row>
    <row r="500400" spans="14:14">
      <c r="N500400" s="10"/>
    </row>
    <row r="500401" spans="14:14">
      <c r="N500401" s="10"/>
    </row>
    <row r="500402" spans="14:14">
      <c r="N500402" s="10"/>
    </row>
    <row r="500403" spans="14:14">
      <c r="N500403" s="10"/>
    </row>
    <row r="500404" spans="14:14">
      <c r="N500404" s="10"/>
    </row>
    <row r="500405" spans="14:14">
      <c r="N500405" s="10"/>
    </row>
    <row r="500406" spans="14:14">
      <c r="N500406" s="10"/>
    </row>
    <row r="500407" spans="14:14">
      <c r="N500407" s="10"/>
    </row>
    <row r="500408" spans="14:14">
      <c r="N500408" s="10"/>
    </row>
    <row r="500409" spans="14:14">
      <c r="N500409" s="10"/>
    </row>
    <row r="500410" spans="14:14">
      <c r="N500410" s="10"/>
    </row>
    <row r="500411" spans="14:14">
      <c r="N500411" s="10"/>
    </row>
    <row r="500412" spans="14:14">
      <c r="N500412" s="10"/>
    </row>
    <row r="500413" spans="14:14">
      <c r="N500413" s="10"/>
    </row>
    <row r="500414" spans="14:14">
      <c r="N500414" s="10"/>
    </row>
    <row r="500415" spans="14:14">
      <c r="N500415" s="10"/>
    </row>
    <row r="500416" spans="14:14">
      <c r="N500416" s="10"/>
    </row>
    <row r="500417" spans="14:14">
      <c r="N500417" s="10"/>
    </row>
    <row r="500418" spans="14:14">
      <c r="N500418" s="10"/>
    </row>
    <row r="500419" spans="14:14">
      <c r="N500419" s="10"/>
    </row>
    <row r="500420" spans="14:14">
      <c r="N500420" s="10"/>
    </row>
    <row r="500421" spans="14:14">
      <c r="N500421" s="10"/>
    </row>
    <row r="500422" spans="14:14">
      <c r="N500422" s="10"/>
    </row>
    <row r="500423" spans="14:14">
      <c r="N500423" s="10"/>
    </row>
    <row r="500424" spans="14:14">
      <c r="N500424" s="10"/>
    </row>
    <row r="500425" spans="14:14">
      <c r="N500425" s="10"/>
    </row>
    <row r="500426" spans="14:14">
      <c r="N500426" s="10"/>
    </row>
    <row r="500427" spans="14:14">
      <c r="N500427" s="10"/>
    </row>
    <row r="500428" spans="14:14">
      <c r="N500428" s="10"/>
    </row>
    <row r="500429" spans="14:14">
      <c r="N500429" s="10"/>
    </row>
    <row r="500430" spans="14:14">
      <c r="N500430" s="10"/>
    </row>
    <row r="500431" spans="14:14">
      <c r="N500431" s="10"/>
    </row>
    <row r="500432" spans="14:14">
      <c r="N500432" s="10"/>
    </row>
    <row r="500433" spans="14:14">
      <c r="N500433" s="10"/>
    </row>
    <row r="500434" spans="14:14">
      <c r="N500434" s="10"/>
    </row>
    <row r="500435" spans="14:14">
      <c r="N500435" s="10"/>
    </row>
    <row r="500436" spans="14:14">
      <c r="N500436" s="10"/>
    </row>
    <row r="500437" spans="14:14">
      <c r="N500437" s="10"/>
    </row>
    <row r="500438" spans="14:14">
      <c r="N500438" s="10"/>
    </row>
    <row r="500439" spans="14:14">
      <c r="N500439" s="10"/>
    </row>
    <row r="500440" spans="14:14">
      <c r="N500440" s="10"/>
    </row>
    <row r="500441" spans="14:14">
      <c r="N500441" s="10"/>
    </row>
    <row r="500442" spans="14:14">
      <c r="N500442" s="10"/>
    </row>
    <row r="500443" spans="14:14">
      <c r="N500443" s="10"/>
    </row>
    <row r="500444" spans="14:14">
      <c r="N500444" s="10"/>
    </row>
    <row r="500445" spans="14:14">
      <c r="N500445" s="10"/>
    </row>
    <row r="500446" spans="14:14">
      <c r="N500446" s="10"/>
    </row>
    <row r="500447" spans="14:14">
      <c r="N500447" s="10"/>
    </row>
    <row r="500448" spans="14:14">
      <c r="N500448" s="10"/>
    </row>
    <row r="500449" spans="14:14">
      <c r="N500449" s="10"/>
    </row>
    <row r="500450" spans="14:14">
      <c r="N500450" s="10"/>
    </row>
    <row r="500451" spans="14:14">
      <c r="N500451" s="10"/>
    </row>
    <row r="500452" spans="14:14">
      <c r="N500452" s="10"/>
    </row>
    <row r="500453" spans="14:14">
      <c r="N500453" s="10"/>
    </row>
    <row r="500454" spans="14:14">
      <c r="N500454" s="10"/>
    </row>
    <row r="500455" spans="14:14">
      <c r="N500455" s="10"/>
    </row>
    <row r="500456" spans="14:14">
      <c r="N500456" s="10"/>
    </row>
    <row r="500457" spans="14:14">
      <c r="N500457" s="10"/>
    </row>
    <row r="500458" spans="14:14">
      <c r="N500458" s="10"/>
    </row>
    <row r="500459" spans="14:14">
      <c r="N500459" s="10"/>
    </row>
    <row r="500460" spans="14:14">
      <c r="N500460" s="10"/>
    </row>
    <row r="500461" spans="14:14">
      <c r="N500461" s="10"/>
    </row>
    <row r="500462" spans="14:14">
      <c r="N500462" s="10"/>
    </row>
    <row r="500463" spans="14:14">
      <c r="N500463" s="10"/>
    </row>
    <row r="500464" spans="14:14">
      <c r="N500464" s="10"/>
    </row>
    <row r="500465" spans="14:14">
      <c r="N500465" s="10"/>
    </row>
    <row r="500466" spans="14:14">
      <c r="N500466" s="10"/>
    </row>
    <row r="500467" spans="14:14">
      <c r="N500467" s="10"/>
    </row>
    <row r="500468" spans="14:14">
      <c r="N500468" s="10"/>
    </row>
    <row r="500469" spans="14:14">
      <c r="N500469" s="10"/>
    </row>
    <row r="500470" spans="14:14">
      <c r="N500470" s="10"/>
    </row>
    <row r="500471" spans="14:14">
      <c r="N500471" s="10"/>
    </row>
    <row r="500472" spans="14:14">
      <c r="N500472" s="10"/>
    </row>
    <row r="500473" spans="14:14">
      <c r="N500473" s="10"/>
    </row>
    <row r="500474" spans="14:14">
      <c r="N500474" s="10"/>
    </row>
    <row r="500475" spans="14:14">
      <c r="N500475" s="10"/>
    </row>
    <row r="500476" spans="14:14">
      <c r="N500476" s="10"/>
    </row>
    <row r="500477" spans="14:14">
      <c r="N500477" s="10"/>
    </row>
    <row r="500478" spans="14:14">
      <c r="N500478" s="10"/>
    </row>
    <row r="500479" spans="14:14">
      <c r="N500479" s="10"/>
    </row>
    <row r="500480" spans="14:14">
      <c r="N500480" s="10"/>
    </row>
    <row r="500481" spans="14:14">
      <c r="N500481" s="10"/>
    </row>
    <row r="500482" spans="14:14">
      <c r="N500482" s="10"/>
    </row>
    <row r="500483" spans="14:14">
      <c r="N500483" s="10"/>
    </row>
    <row r="500484" spans="14:14">
      <c r="N500484" s="10"/>
    </row>
    <row r="500485" spans="14:14">
      <c r="N500485" s="10"/>
    </row>
    <row r="500486" spans="14:14">
      <c r="N500486" s="10"/>
    </row>
    <row r="500487" spans="14:14">
      <c r="N500487" s="10"/>
    </row>
    <row r="500488" spans="14:14">
      <c r="N500488" s="10"/>
    </row>
    <row r="500489" spans="14:14">
      <c r="N500489" s="10"/>
    </row>
    <row r="500490" spans="14:14">
      <c r="N500490" s="10"/>
    </row>
    <row r="500491" spans="14:14">
      <c r="N500491" s="10"/>
    </row>
    <row r="500492" spans="14:14">
      <c r="N500492" s="10"/>
    </row>
    <row r="500493" spans="14:14">
      <c r="N500493" s="10"/>
    </row>
    <row r="500494" spans="14:14">
      <c r="N500494" s="10"/>
    </row>
    <row r="500495" spans="14:14">
      <c r="N500495" s="10"/>
    </row>
    <row r="500496" spans="14:14">
      <c r="N500496" s="10"/>
    </row>
    <row r="500497" spans="14:14">
      <c r="N500497" s="10"/>
    </row>
    <row r="500498" spans="14:14">
      <c r="N500498" s="10"/>
    </row>
    <row r="500499" spans="14:14">
      <c r="N500499" s="10"/>
    </row>
    <row r="500500" spans="14:14">
      <c r="N500500" s="10"/>
    </row>
    <row r="500501" spans="14:14">
      <c r="N500501" s="10"/>
    </row>
    <row r="500502" spans="14:14">
      <c r="N500502" s="10"/>
    </row>
    <row r="500503" spans="14:14">
      <c r="N500503" s="10"/>
    </row>
    <row r="500504" spans="14:14">
      <c r="N500504" s="10"/>
    </row>
    <row r="500505" spans="14:14">
      <c r="N500505" s="10"/>
    </row>
    <row r="500506" spans="14:14">
      <c r="N500506" s="10"/>
    </row>
    <row r="500507" spans="14:14">
      <c r="N500507" s="10"/>
    </row>
    <row r="500508" spans="14:14">
      <c r="N500508" s="10"/>
    </row>
    <row r="500509" spans="14:14">
      <c r="N500509" s="10"/>
    </row>
    <row r="500510" spans="14:14">
      <c r="N500510" s="10"/>
    </row>
    <row r="500511" spans="14:14">
      <c r="N500511" s="10"/>
    </row>
    <row r="500512" spans="14:14">
      <c r="N500512" s="10"/>
    </row>
    <row r="500513" spans="14:14">
      <c r="N500513" s="10"/>
    </row>
    <row r="500514" spans="14:14">
      <c r="N500514" s="10"/>
    </row>
    <row r="500515" spans="14:14">
      <c r="N500515" s="10"/>
    </row>
    <row r="500516" spans="14:14">
      <c r="N500516" s="10"/>
    </row>
    <row r="500517" spans="14:14">
      <c r="N500517" s="10"/>
    </row>
    <row r="500518" spans="14:14">
      <c r="N500518" s="10"/>
    </row>
    <row r="500519" spans="14:14">
      <c r="N500519" s="10"/>
    </row>
    <row r="500520" spans="14:14">
      <c r="N500520" s="10"/>
    </row>
    <row r="500521" spans="14:14">
      <c r="N500521" s="10"/>
    </row>
    <row r="500522" spans="14:14">
      <c r="N500522" s="10"/>
    </row>
    <row r="500523" spans="14:14">
      <c r="N500523" s="10"/>
    </row>
    <row r="500524" spans="14:14">
      <c r="N500524" s="10"/>
    </row>
    <row r="500525" spans="14:14">
      <c r="N500525" s="10"/>
    </row>
    <row r="500526" spans="14:14">
      <c r="N500526" s="10"/>
    </row>
    <row r="500527" spans="14:14">
      <c r="N500527" s="10"/>
    </row>
    <row r="500528" spans="14:14">
      <c r="N500528" s="10"/>
    </row>
    <row r="500529" spans="14:14">
      <c r="N500529" s="10"/>
    </row>
    <row r="500530" spans="14:14">
      <c r="N500530" s="10"/>
    </row>
    <row r="500531" spans="14:14">
      <c r="N500531" s="10"/>
    </row>
    <row r="500532" spans="14:14">
      <c r="N500532" s="10"/>
    </row>
    <row r="500533" spans="14:14">
      <c r="N500533" s="10"/>
    </row>
    <row r="500534" spans="14:14">
      <c r="N500534" s="10"/>
    </row>
    <row r="500535" spans="14:14">
      <c r="N500535" s="10"/>
    </row>
    <row r="500536" spans="14:14">
      <c r="N500536" s="10"/>
    </row>
    <row r="500537" spans="14:14">
      <c r="N500537" s="10"/>
    </row>
    <row r="500538" spans="14:14">
      <c r="N500538" s="10"/>
    </row>
    <row r="500539" spans="14:14">
      <c r="N500539" s="10"/>
    </row>
    <row r="500540" spans="14:14">
      <c r="N500540" s="10"/>
    </row>
    <row r="500541" spans="14:14">
      <c r="N500541" s="10"/>
    </row>
    <row r="500542" spans="14:14">
      <c r="N500542" s="10"/>
    </row>
    <row r="500543" spans="14:14">
      <c r="N500543" s="10"/>
    </row>
    <row r="500544" spans="14:14">
      <c r="N500544" s="10"/>
    </row>
    <row r="500545" spans="14:14">
      <c r="N500545" s="10"/>
    </row>
    <row r="500546" spans="14:14">
      <c r="N500546" s="10"/>
    </row>
    <row r="500547" spans="14:14">
      <c r="N500547" s="10"/>
    </row>
    <row r="500548" spans="14:14">
      <c r="N500548" s="10"/>
    </row>
    <row r="500549" spans="14:14">
      <c r="N500549" s="10"/>
    </row>
    <row r="500550" spans="14:14">
      <c r="N500550" s="10"/>
    </row>
    <row r="500551" spans="14:14">
      <c r="N500551" s="10"/>
    </row>
    <row r="500552" spans="14:14">
      <c r="N500552" s="10"/>
    </row>
    <row r="500553" spans="14:14">
      <c r="N500553" s="10"/>
    </row>
    <row r="500554" spans="14:14">
      <c r="N500554" s="10"/>
    </row>
    <row r="500555" spans="14:14">
      <c r="N500555" s="10"/>
    </row>
    <row r="500556" spans="14:14">
      <c r="N500556" s="10"/>
    </row>
    <row r="500557" spans="14:14">
      <c r="N500557" s="10"/>
    </row>
    <row r="500558" spans="14:14">
      <c r="N500558" s="10"/>
    </row>
    <row r="500559" spans="14:14">
      <c r="N500559" s="10"/>
    </row>
    <row r="500560" spans="14:14">
      <c r="N500560" s="10"/>
    </row>
    <row r="500561" spans="14:14">
      <c r="N500561" s="10"/>
    </row>
    <row r="500562" spans="14:14">
      <c r="N500562" s="10"/>
    </row>
    <row r="500563" spans="14:14">
      <c r="N500563" s="10"/>
    </row>
    <row r="500564" spans="14:14">
      <c r="N500564" s="10"/>
    </row>
    <row r="500565" spans="14:14">
      <c r="N500565" s="10"/>
    </row>
    <row r="500566" spans="14:14">
      <c r="N500566" s="10"/>
    </row>
    <row r="500567" spans="14:14">
      <c r="N500567" s="10"/>
    </row>
    <row r="500568" spans="14:14">
      <c r="N500568" s="10"/>
    </row>
    <row r="500569" spans="14:14">
      <c r="N500569" s="10"/>
    </row>
    <row r="500570" spans="14:14">
      <c r="N500570" s="10"/>
    </row>
    <row r="500571" spans="14:14">
      <c r="N500571" s="10"/>
    </row>
    <row r="500572" spans="14:14">
      <c r="N500572" s="10"/>
    </row>
    <row r="500573" spans="14:14">
      <c r="N500573" s="10"/>
    </row>
    <row r="500574" spans="14:14">
      <c r="N500574" s="10"/>
    </row>
    <row r="500575" spans="14:14">
      <c r="N500575" s="10"/>
    </row>
    <row r="500576" spans="14:14">
      <c r="N500576" s="10"/>
    </row>
    <row r="500577" spans="14:14">
      <c r="N500577" s="10"/>
    </row>
    <row r="500578" spans="14:14">
      <c r="N500578" s="10"/>
    </row>
    <row r="500579" spans="14:14">
      <c r="N500579" s="10"/>
    </row>
    <row r="500580" spans="14:14">
      <c r="N500580" s="10"/>
    </row>
    <row r="500581" spans="14:14">
      <c r="N500581" s="10"/>
    </row>
    <row r="500582" spans="14:14">
      <c r="N500582" s="10"/>
    </row>
    <row r="500583" spans="14:14">
      <c r="N500583" s="10"/>
    </row>
    <row r="500584" spans="14:14">
      <c r="N500584" s="10"/>
    </row>
    <row r="500585" spans="14:14">
      <c r="N500585" s="10"/>
    </row>
    <row r="500586" spans="14:14">
      <c r="N500586" s="10"/>
    </row>
    <row r="500587" spans="14:14">
      <c r="N500587" s="10"/>
    </row>
    <row r="500588" spans="14:14">
      <c r="N500588" s="10"/>
    </row>
    <row r="500589" spans="14:14">
      <c r="N500589" s="10"/>
    </row>
    <row r="500590" spans="14:14">
      <c r="N500590" s="10"/>
    </row>
    <row r="500591" spans="14:14">
      <c r="N500591" s="10"/>
    </row>
    <row r="500592" spans="14:14">
      <c r="N500592" s="10"/>
    </row>
    <row r="500593" spans="14:14">
      <c r="N500593" s="10"/>
    </row>
    <row r="500594" spans="14:14">
      <c r="N500594" s="10"/>
    </row>
    <row r="500595" spans="14:14">
      <c r="N500595" s="10"/>
    </row>
    <row r="500596" spans="14:14">
      <c r="N500596" s="10"/>
    </row>
    <row r="500597" spans="14:14">
      <c r="N500597" s="10"/>
    </row>
    <row r="500598" spans="14:14">
      <c r="N500598" s="10"/>
    </row>
    <row r="500599" spans="14:14">
      <c r="N500599" s="10"/>
    </row>
    <row r="500600" spans="14:14">
      <c r="N500600" s="10"/>
    </row>
    <row r="500601" spans="14:14">
      <c r="N500601" s="10"/>
    </row>
    <row r="500602" spans="14:14">
      <c r="N500602" s="10"/>
    </row>
    <row r="500603" spans="14:14">
      <c r="N500603" s="10"/>
    </row>
    <row r="500604" spans="14:14">
      <c r="N500604" s="10"/>
    </row>
    <row r="500605" spans="14:14">
      <c r="N500605" s="10"/>
    </row>
    <row r="500606" spans="14:14">
      <c r="N500606" s="10"/>
    </row>
    <row r="500607" spans="14:14">
      <c r="N500607" s="10"/>
    </row>
    <row r="500608" spans="14:14">
      <c r="N500608" s="10"/>
    </row>
    <row r="500609" spans="14:14">
      <c r="N500609" s="10"/>
    </row>
    <row r="500610" spans="14:14">
      <c r="N500610" s="10"/>
    </row>
    <row r="500611" spans="14:14">
      <c r="N500611" s="10"/>
    </row>
    <row r="500612" spans="14:14">
      <c r="N500612" s="10"/>
    </row>
    <row r="500613" spans="14:14">
      <c r="N500613" s="10"/>
    </row>
    <row r="500614" spans="14:14">
      <c r="N500614" s="10"/>
    </row>
    <row r="500615" spans="14:14">
      <c r="N500615" s="10"/>
    </row>
    <row r="500616" spans="14:14">
      <c r="N500616" s="10"/>
    </row>
    <row r="500617" spans="14:14">
      <c r="N500617" s="10"/>
    </row>
    <row r="500618" spans="14:14">
      <c r="N500618" s="10"/>
    </row>
    <row r="500619" spans="14:14">
      <c r="N500619" s="10"/>
    </row>
    <row r="500620" spans="14:14">
      <c r="N500620" s="10"/>
    </row>
    <row r="500621" spans="14:14">
      <c r="N500621" s="10"/>
    </row>
    <row r="500622" spans="14:14">
      <c r="N500622" s="10"/>
    </row>
    <row r="500623" spans="14:14">
      <c r="N500623" s="10"/>
    </row>
    <row r="500624" spans="14:14">
      <c r="N500624" s="10"/>
    </row>
    <row r="500625" spans="14:14">
      <c r="N500625" s="10"/>
    </row>
    <row r="500626" spans="14:14">
      <c r="N500626" s="10"/>
    </row>
    <row r="500627" spans="14:14">
      <c r="N500627" s="10"/>
    </row>
    <row r="500628" spans="14:14">
      <c r="N500628" s="10"/>
    </row>
    <row r="500629" spans="14:14">
      <c r="N500629" s="10"/>
    </row>
    <row r="500630" spans="14:14">
      <c r="N500630" s="10"/>
    </row>
    <row r="500631" spans="14:14">
      <c r="N500631" s="10"/>
    </row>
    <row r="500632" spans="14:14">
      <c r="N500632" s="10"/>
    </row>
    <row r="500633" spans="14:14">
      <c r="N500633" s="10"/>
    </row>
    <row r="500634" spans="14:14">
      <c r="N500634" s="10"/>
    </row>
    <row r="500635" spans="14:14">
      <c r="N500635" s="10"/>
    </row>
    <row r="500636" spans="14:14">
      <c r="N500636" s="10"/>
    </row>
    <row r="500637" spans="14:14">
      <c r="N500637" s="10"/>
    </row>
    <row r="500638" spans="14:14">
      <c r="N500638" s="10"/>
    </row>
    <row r="500639" spans="14:14">
      <c r="N500639" s="10"/>
    </row>
    <row r="500640" spans="14:14">
      <c r="N500640" s="10"/>
    </row>
    <row r="500641" spans="14:14">
      <c r="N500641" s="10"/>
    </row>
    <row r="500642" spans="14:14">
      <c r="N500642" s="10"/>
    </row>
    <row r="500643" spans="14:14">
      <c r="N500643" s="10"/>
    </row>
    <row r="500644" spans="14:14">
      <c r="N500644" s="10"/>
    </row>
    <row r="500645" spans="14:14">
      <c r="N500645" s="10"/>
    </row>
    <row r="500646" spans="14:14">
      <c r="N500646" s="10"/>
    </row>
    <row r="500647" spans="14:14">
      <c r="N500647" s="10"/>
    </row>
    <row r="500648" spans="14:14">
      <c r="N500648" s="10"/>
    </row>
    <row r="500649" spans="14:14">
      <c r="N500649" s="10"/>
    </row>
    <row r="500650" spans="14:14">
      <c r="N500650" s="10"/>
    </row>
    <row r="500651" spans="14:14">
      <c r="N500651" s="10"/>
    </row>
    <row r="500652" spans="14:14">
      <c r="N500652" s="10"/>
    </row>
    <row r="500653" spans="14:14">
      <c r="N500653" s="10"/>
    </row>
    <row r="500654" spans="14:14">
      <c r="N500654" s="10"/>
    </row>
    <row r="500655" spans="14:14">
      <c r="N500655" s="10"/>
    </row>
    <row r="500656" spans="14:14">
      <c r="N500656" s="10"/>
    </row>
    <row r="500657" spans="14:14">
      <c r="N500657" s="10"/>
    </row>
    <row r="500658" spans="14:14">
      <c r="N500658" s="10"/>
    </row>
    <row r="500659" spans="14:14">
      <c r="N500659" s="10"/>
    </row>
    <row r="500660" spans="14:14">
      <c r="N500660" s="10"/>
    </row>
    <row r="500661" spans="14:14">
      <c r="N500661" s="10"/>
    </row>
    <row r="500662" spans="14:14">
      <c r="N500662" s="10"/>
    </row>
    <row r="500663" spans="14:14">
      <c r="N500663" s="10"/>
    </row>
    <row r="500664" spans="14:14">
      <c r="N500664" s="10"/>
    </row>
    <row r="500665" spans="14:14">
      <c r="N500665" s="10"/>
    </row>
    <row r="500666" spans="14:14">
      <c r="N500666" s="10"/>
    </row>
    <row r="500667" spans="14:14">
      <c r="N500667" s="10"/>
    </row>
    <row r="500668" spans="14:14">
      <c r="N500668" s="10"/>
    </row>
    <row r="500669" spans="14:14">
      <c r="N500669" s="10"/>
    </row>
    <row r="500670" spans="14:14">
      <c r="N500670" s="10"/>
    </row>
    <row r="500671" spans="14:14">
      <c r="N500671" s="10"/>
    </row>
    <row r="500672" spans="14:14">
      <c r="N500672" s="10"/>
    </row>
    <row r="500673" spans="14:14">
      <c r="N500673" s="10"/>
    </row>
    <row r="500674" spans="14:14">
      <c r="N500674" s="10"/>
    </row>
    <row r="500675" spans="14:14">
      <c r="N500675" s="10"/>
    </row>
    <row r="500676" spans="14:14">
      <c r="N500676" s="10"/>
    </row>
    <row r="500677" spans="14:14">
      <c r="N500677" s="10"/>
    </row>
    <row r="500678" spans="14:14">
      <c r="N500678" s="10"/>
    </row>
    <row r="500679" spans="14:14">
      <c r="N500679" s="10"/>
    </row>
    <row r="500680" spans="14:14">
      <c r="N500680" s="10"/>
    </row>
    <row r="500681" spans="14:14">
      <c r="N500681" s="10"/>
    </row>
    <row r="500682" spans="14:14">
      <c r="N500682" s="10"/>
    </row>
    <row r="500683" spans="14:14">
      <c r="N500683" s="10"/>
    </row>
    <row r="500684" spans="14:14">
      <c r="N500684" s="10"/>
    </row>
    <row r="500685" spans="14:14">
      <c r="N500685" s="10"/>
    </row>
    <row r="500686" spans="14:14">
      <c r="N500686" s="10"/>
    </row>
    <row r="500687" spans="14:14">
      <c r="N500687" s="10"/>
    </row>
    <row r="500688" spans="14:14">
      <c r="N500688" s="10"/>
    </row>
    <row r="500689" spans="14:14">
      <c r="N500689" s="10"/>
    </row>
    <row r="500690" spans="14:14">
      <c r="N500690" s="10"/>
    </row>
    <row r="500691" spans="14:14">
      <c r="N500691" s="10"/>
    </row>
    <row r="500692" spans="14:14">
      <c r="N500692" s="10"/>
    </row>
    <row r="500693" spans="14:14">
      <c r="N500693" s="10"/>
    </row>
    <row r="500694" spans="14:14">
      <c r="N500694" s="10"/>
    </row>
    <row r="500695" spans="14:14">
      <c r="N500695" s="10"/>
    </row>
    <row r="500696" spans="14:14">
      <c r="N500696" s="10"/>
    </row>
    <row r="500697" spans="14:14">
      <c r="N500697" s="10"/>
    </row>
    <row r="500698" spans="14:14">
      <c r="N500698" s="10"/>
    </row>
    <row r="500699" spans="14:14">
      <c r="N500699" s="10"/>
    </row>
    <row r="500700" spans="14:14">
      <c r="N500700" s="10"/>
    </row>
    <row r="500701" spans="14:14">
      <c r="N500701" s="10"/>
    </row>
    <row r="500702" spans="14:14">
      <c r="N500702" s="10"/>
    </row>
    <row r="500703" spans="14:14">
      <c r="N500703" s="10"/>
    </row>
    <row r="500704" spans="14:14">
      <c r="N500704" s="10"/>
    </row>
    <row r="500705" spans="14:14">
      <c r="N500705" s="10"/>
    </row>
    <row r="500706" spans="14:14">
      <c r="N500706" s="10"/>
    </row>
    <row r="500707" spans="14:14">
      <c r="N500707" s="10"/>
    </row>
    <row r="500708" spans="14:14">
      <c r="N500708" s="10"/>
    </row>
    <row r="500709" spans="14:14">
      <c r="N500709" s="10"/>
    </row>
    <row r="500710" spans="14:14">
      <c r="N500710" s="10"/>
    </row>
    <row r="500711" spans="14:14">
      <c r="N500711" s="10"/>
    </row>
    <row r="500712" spans="14:14">
      <c r="N500712" s="10"/>
    </row>
    <row r="500713" spans="14:14">
      <c r="N500713" s="10"/>
    </row>
    <row r="500714" spans="14:14">
      <c r="N500714" s="10"/>
    </row>
    <row r="500715" spans="14:14">
      <c r="N500715" s="10"/>
    </row>
    <row r="500716" spans="14:14">
      <c r="N500716" s="10"/>
    </row>
    <row r="500717" spans="14:14">
      <c r="N500717" s="10"/>
    </row>
    <row r="500718" spans="14:14">
      <c r="N500718" s="10"/>
    </row>
    <row r="500719" spans="14:14">
      <c r="N500719" s="10"/>
    </row>
    <row r="500720" spans="14:14">
      <c r="N500720" s="10"/>
    </row>
    <row r="500721" spans="14:14">
      <c r="N500721" s="10"/>
    </row>
    <row r="500722" spans="14:14">
      <c r="N500722" s="10"/>
    </row>
    <row r="500723" spans="14:14">
      <c r="N500723" s="10"/>
    </row>
    <row r="500724" spans="14:14">
      <c r="N500724" s="10"/>
    </row>
    <row r="500725" spans="14:14">
      <c r="N500725" s="10"/>
    </row>
    <row r="500726" spans="14:14">
      <c r="N500726" s="10"/>
    </row>
    <row r="500727" spans="14:14">
      <c r="N500727" s="10"/>
    </row>
    <row r="500728" spans="14:14">
      <c r="N500728" s="10"/>
    </row>
    <row r="500729" spans="14:14">
      <c r="N500729" s="10"/>
    </row>
    <row r="500730" spans="14:14">
      <c r="N500730" s="10"/>
    </row>
    <row r="500731" spans="14:14">
      <c r="N500731" s="10"/>
    </row>
    <row r="500732" spans="14:14">
      <c r="N500732" s="10"/>
    </row>
    <row r="500733" spans="14:14">
      <c r="N500733" s="10"/>
    </row>
    <row r="500734" spans="14:14">
      <c r="N500734" s="10"/>
    </row>
    <row r="500735" spans="14:14">
      <c r="N500735" s="10"/>
    </row>
    <row r="500736" spans="14:14">
      <c r="N500736" s="10"/>
    </row>
    <row r="500737" spans="14:14">
      <c r="N500737" s="10"/>
    </row>
    <row r="500738" spans="14:14">
      <c r="N500738" s="10"/>
    </row>
    <row r="500739" spans="14:14">
      <c r="N500739" s="10"/>
    </row>
    <row r="500740" spans="14:14">
      <c r="N500740" s="10"/>
    </row>
    <row r="500741" spans="14:14">
      <c r="N500741" s="10"/>
    </row>
    <row r="500742" spans="14:14">
      <c r="N500742" s="10"/>
    </row>
    <row r="500743" spans="14:14">
      <c r="N500743" s="10"/>
    </row>
    <row r="500744" spans="14:14">
      <c r="N500744" s="10"/>
    </row>
    <row r="500745" spans="14:14">
      <c r="N500745" s="10"/>
    </row>
    <row r="500746" spans="14:14">
      <c r="N500746" s="10"/>
    </row>
    <row r="500747" spans="14:14">
      <c r="N500747" s="10"/>
    </row>
    <row r="500748" spans="14:14">
      <c r="N500748" s="10"/>
    </row>
    <row r="500749" spans="14:14">
      <c r="N500749" s="10"/>
    </row>
    <row r="500750" spans="14:14">
      <c r="N500750" s="10"/>
    </row>
    <row r="500751" spans="14:14">
      <c r="N500751" s="10"/>
    </row>
    <row r="500752" spans="14:14">
      <c r="N500752" s="10"/>
    </row>
    <row r="500753" spans="14:14">
      <c r="N500753" s="10"/>
    </row>
    <row r="500754" spans="14:14">
      <c r="N500754" s="10"/>
    </row>
    <row r="500755" spans="14:14">
      <c r="N500755" s="10"/>
    </row>
    <row r="500756" spans="14:14">
      <c r="N500756" s="10"/>
    </row>
    <row r="500757" spans="14:14">
      <c r="N500757" s="10"/>
    </row>
    <row r="500758" spans="14:14">
      <c r="N500758" s="10"/>
    </row>
    <row r="500759" spans="14:14">
      <c r="N500759" s="10"/>
    </row>
    <row r="500760" spans="14:14">
      <c r="N500760" s="10"/>
    </row>
    <row r="500761" spans="14:14">
      <c r="N500761" s="10"/>
    </row>
    <row r="500762" spans="14:14">
      <c r="N500762" s="10"/>
    </row>
    <row r="500763" spans="14:14">
      <c r="N500763" s="10"/>
    </row>
    <row r="500764" spans="14:14">
      <c r="N500764" s="10"/>
    </row>
    <row r="500765" spans="14:14">
      <c r="N500765" s="10"/>
    </row>
    <row r="500766" spans="14:14">
      <c r="N500766" s="10"/>
    </row>
    <row r="500767" spans="14:14">
      <c r="N500767" s="10"/>
    </row>
    <row r="500768" spans="14:14">
      <c r="N500768" s="10"/>
    </row>
    <row r="500769" spans="14:14">
      <c r="N500769" s="10"/>
    </row>
    <row r="500770" spans="14:14">
      <c r="N500770" s="10"/>
    </row>
    <row r="500771" spans="14:14">
      <c r="N500771" s="10"/>
    </row>
    <row r="500772" spans="14:14">
      <c r="N500772" s="10"/>
    </row>
    <row r="500773" spans="14:14">
      <c r="N500773" s="10"/>
    </row>
    <row r="500774" spans="14:14">
      <c r="N500774" s="10"/>
    </row>
    <row r="500775" spans="14:14">
      <c r="N500775" s="10"/>
    </row>
    <row r="500776" spans="14:14">
      <c r="N500776" s="10"/>
    </row>
    <row r="500777" spans="14:14">
      <c r="N500777" s="10"/>
    </row>
    <row r="500778" spans="14:14">
      <c r="N500778" s="10"/>
    </row>
    <row r="500779" spans="14:14">
      <c r="N500779" s="10"/>
    </row>
    <row r="500780" spans="14:14">
      <c r="N500780" s="10"/>
    </row>
    <row r="500781" spans="14:14">
      <c r="N500781" s="10"/>
    </row>
    <row r="500782" spans="14:14">
      <c r="N500782" s="10"/>
    </row>
    <row r="500783" spans="14:14">
      <c r="N500783" s="10"/>
    </row>
    <row r="500784" spans="14:14">
      <c r="N500784" s="10"/>
    </row>
    <row r="500785" spans="14:14">
      <c r="N500785" s="10"/>
    </row>
    <row r="500786" spans="14:14">
      <c r="N500786" s="10"/>
    </row>
    <row r="500787" spans="14:14">
      <c r="N500787" s="10"/>
    </row>
    <row r="500788" spans="14:14">
      <c r="N500788" s="10"/>
    </row>
    <row r="500789" spans="14:14">
      <c r="N500789" s="10"/>
    </row>
    <row r="500790" spans="14:14">
      <c r="N500790" s="10"/>
    </row>
    <row r="500791" spans="14:14">
      <c r="N500791" s="10"/>
    </row>
    <row r="500792" spans="14:14">
      <c r="N500792" s="10"/>
    </row>
    <row r="500793" spans="14:14">
      <c r="N500793" s="10"/>
    </row>
    <row r="500794" spans="14:14">
      <c r="N500794" s="10"/>
    </row>
    <row r="500795" spans="14:14">
      <c r="N500795" s="10"/>
    </row>
    <row r="500796" spans="14:14">
      <c r="N500796" s="10"/>
    </row>
    <row r="500797" spans="14:14">
      <c r="N500797" s="10"/>
    </row>
    <row r="500798" spans="14:14">
      <c r="N500798" s="10"/>
    </row>
    <row r="500799" spans="14:14">
      <c r="N500799" s="10"/>
    </row>
    <row r="500800" spans="14:14">
      <c r="N500800" s="10"/>
    </row>
    <row r="500801" spans="14:14">
      <c r="N500801" s="10"/>
    </row>
    <row r="500802" spans="14:14">
      <c r="N500802" s="10"/>
    </row>
    <row r="500803" spans="14:14">
      <c r="N500803" s="10"/>
    </row>
    <row r="500804" spans="14:14">
      <c r="N500804" s="10"/>
    </row>
    <row r="500805" spans="14:14">
      <c r="N500805" s="10"/>
    </row>
    <row r="500806" spans="14:14">
      <c r="N500806" s="10"/>
    </row>
    <row r="500807" spans="14:14">
      <c r="N500807" s="10"/>
    </row>
    <row r="500808" spans="14:14">
      <c r="N500808" s="10"/>
    </row>
    <row r="500809" spans="14:14">
      <c r="N500809" s="10"/>
    </row>
    <row r="500810" spans="14:14">
      <c r="N500810" s="10"/>
    </row>
    <row r="500811" spans="14:14">
      <c r="N500811" s="10"/>
    </row>
    <row r="500812" spans="14:14">
      <c r="N500812" s="10"/>
    </row>
    <row r="500813" spans="14:14">
      <c r="N500813" s="10"/>
    </row>
    <row r="500814" spans="14:14">
      <c r="N500814" s="10"/>
    </row>
    <row r="500815" spans="14:14">
      <c r="N500815" s="10"/>
    </row>
    <row r="500816" spans="14:14">
      <c r="N500816" s="10"/>
    </row>
    <row r="500817" spans="14:14">
      <c r="N500817" s="10"/>
    </row>
    <row r="500818" spans="14:14">
      <c r="N500818" s="10"/>
    </row>
    <row r="500819" spans="14:14">
      <c r="N500819" s="10"/>
    </row>
    <row r="500820" spans="14:14">
      <c r="N500820" s="10"/>
    </row>
    <row r="500821" spans="14:14">
      <c r="N500821" s="10"/>
    </row>
    <row r="500822" spans="14:14">
      <c r="N500822" s="10"/>
    </row>
    <row r="500823" spans="14:14">
      <c r="N500823" s="10"/>
    </row>
    <row r="500824" spans="14:14">
      <c r="N500824" s="10"/>
    </row>
    <row r="500825" spans="14:14">
      <c r="N500825" s="10"/>
    </row>
    <row r="500826" spans="14:14">
      <c r="N500826" s="10"/>
    </row>
    <row r="500827" spans="14:14">
      <c r="N500827" s="10"/>
    </row>
    <row r="500828" spans="14:14">
      <c r="N500828" s="10"/>
    </row>
    <row r="500829" spans="14:14">
      <c r="N500829" s="10"/>
    </row>
    <row r="500830" spans="14:14">
      <c r="N500830" s="10"/>
    </row>
    <row r="500831" spans="14:14">
      <c r="N500831" s="10"/>
    </row>
    <row r="500832" spans="14:14">
      <c r="N500832" s="10"/>
    </row>
    <row r="500833" spans="14:14">
      <c r="N500833" s="10"/>
    </row>
    <row r="500834" spans="14:14">
      <c r="N500834" s="10"/>
    </row>
    <row r="500835" spans="14:14">
      <c r="N500835" s="10"/>
    </row>
    <row r="500836" spans="14:14">
      <c r="N500836" s="10"/>
    </row>
    <row r="500837" spans="14:14">
      <c r="N500837" s="10"/>
    </row>
    <row r="500838" spans="14:14">
      <c r="N500838" s="10"/>
    </row>
    <row r="500839" spans="14:14">
      <c r="N500839" s="10"/>
    </row>
    <row r="500840" spans="14:14">
      <c r="N500840" s="10"/>
    </row>
    <row r="500841" spans="14:14">
      <c r="N500841" s="10"/>
    </row>
    <row r="500842" spans="14:14">
      <c r="N500842" s="10"/>
    </row>
    <row r="500843" spans="14:14">
      <c r="N500843" s="10"/>
    </row>
    <row r="500844" spans="14:14">
      <c r="N500844" s="10"/>
    </row>
    <row r="500845" spans="14:14">
      <c r="N500845" s="10"/>
    </row>
    <row r="500846" spans="14:14">
      <c r="N500846" s="10"/>
    </row>
    <row r="500847" spans="14:14">
      <c r="N500847" s="10"/>
    </row>
    <row r="500848" spans="14:14">
      <c r="N500848" s="10"/>
    </row>
    <row r="500849" spans="14:14">
      <c r="N500849" s="10"/>
    </row>
    <row r="500850" spans="14:14">
      <c r="N500850" s="10"/>
    </row>
    <row r="500851" spans="14:14">
      <c r="N500851" s="10"/>
    </row>
    <row r="500852" spans="14:14">
      <c r="N500852" s="10"/>
    </row>
    <row r="500853" spans="14:14">
      <c r="N500853" s="10"/>
    </row>
    <row r="500854" spans="14:14">
      <c r="N500854" s="10"/>
    </row>
    <row r="500855" spans="14:14">
      <c r="N500855" s="10"/>
    </row>
    <row r="500856" spans="14:14">
      <c r="N500856" s="10"/>
    </row>
    <row r="500857" spans="14:14">
      <c r="N500857" s="10"/>
    </row>
    <row r="500858" spans="14:14">
      <c r="N500858" s="10"/>
    </row>
    <row r="500859" spans="14:14">
      <c r="N500859" s="10"/>
    </row>
    <row r="500860" spans="14:14">
      <c r="N500860" s="10"/>
    </row>
    <row r="500861" spans="14:14">
      <c r="N500861" s="10"/>
    </row>
    <row r="500862" spans="14:14">
      <c r="N500862" s="10"/>
    </row>
    <row r="500863" spans="14:14">
      <c r="N500863" s="10"/>
    </row>
    <row r="500864" spans="14:14">
      <c r="N500864" s="10"/>
    </row>
    <row r="500865" spans="14:14">
      <c r="N500865" s="10"/>
    </row>
    <row r="500866" spans="14:14">
      <c r="N500866" s="10"/>
    </row>
    <row r="500867" spans="14:14">
      <c r="N500867" s="10"/>
    </row>
    <row r="500868" spans="14:14">
      <c r="N500868" s="10"/>
    </row>
    <row r="500869" spans="14:14">
      <c r="N500869" s="10"/>
    </row>
    <row r="500870" spans="14:14">
      <c r="N500870" s="10"/>
    </row>
    <row r="500871" spans="14:14">
      <c r="N500871" s="10"/>
    </row>
    <row r="500872" spans="14:14">
      <c r="N500872" s="10"/>
    </row>
    <row r="500873" spans="14:14">
      <c r="N500873" s="10"/>
    </row>
    <row r="500874" spans="14:14">
      <c r="N500874" s="10"/>
    </row>
    <row r="500875" spans="14:14">
      <c r="N500875" s="10"/>
    </row>
    <row r="500876" spans="14:14">
      <c r="N500876" s="10"/>
    </row>
    <row r="500877" spans="14:14">
      <c r="N500877" s="10"/>
    </row>
    <row r="500878" spans="14:14">
      <c r="N500878" s="10"/>
    </row>
    <row r="500879" spans="14:14">
      <c r="N500879" s="10"/>
    </row>
    <row r="500880" spans="14:14">
      <c r="N500880" s="10"/>
    </row>
    <row r="500881" spans="14:14">
      <c r="N500881" s="10"/>
    </row>
    <row r="500882" spans="14:14">
      <c r="N500882" s="10"/>
    </row>
    <row r="500883" spans="14:14">
      <c r="N500883" s="10"/>
    </row>
    <row r="500884" spans="14:14">
      <c r="N500884" s="10"/>
    </row>
    <row r="500885" spans="14:14">
      <c r="N500885" s="10"/>
    </row>
    <row r="500886" spans="14:14">
      <c r="N500886" s="10"/>
    </row>
    <row r="500887" spans="14:14">
      <c r="N500887" s="10"/>
    </row>
    <row r="500888" spans="14:14">
      <c r="N500888" s="10"/>
    </row>
    <row r="500889" spans="14:14">
      <c r="N500889" s="10"/>
    </row>
    <row r="500890" spans="14:14">
      <c r="N500890" s="10"/>
    </row>
    <row r="500891" spans="14:14">
      <c r="N500891" s="10"/>
    </row>
    <row r="500892" spans="14:14">
      <c r="N500892" s="10"/>
    </row>
    <row r="500893" spans="14:14">
      <c r="N500893" s="10"/>
    </row>
    <row r="500894" spans="14:14">
      <c r="N500894" s="10"/>
    </row>
    <row r="500895" spans="14:14">
      <c r="N500895" s="10"/>
    </row>
    <row r="500896" spans="14:14">
      <c r="N500896" s="10"/>
    </row>
    <row r="500897" spans="14:14">
      <c r="N500897" s="10"/>
    </row>
    <row r="500898" spans="14:14">
      <c r="N500898" s="10"/>
    </row>
    <row r="500899" spans="14:14">
      <c r="N500899" s="10"/>
    </row>
    <row r="500900" spans="14:14">
      <c r="N500900" s="10"/>
    </row>
    <row r="500901" spans="14:14">
      <c r="N500901" s="10"/>
    </row>
    <row r="500902" spans="14:14">
      <c r="N500902" s="10"/>
    </row>
    <row r="500903" spans="14:14">
      <c r="N500903" s="10"/>
    </row>
    <row r="500904" spans="14:14">
      <c r="N500904" s="10"/>
    </row>
    <row r="500905" spans="14:14">
      <c r="N500905" s="10"/>
    </row>
    <row r="500906" spans="14:14">
      <c r="N500906" s="10"/>
    </row>
    <row r="500907" spans="14:14">
      <c r="N500907" s="10"/>
    </row>
    <row r="500908" spans="14:14">
      <c r="N500908" s="10"/>
    </row>
    <row r="500909" spans="14:14">
      <c r="N500909" s="10"/>
    </row>
    <row r="500910" spans="14:14">
      <c r="N500910" s="10"/>
    </row>
    <row r="500911" spans="14:14">
      <c r="N500911" s="10"/>
    </row>
    <row r="500912" spans="14:14">
      <c r="N500912" s="10"/>
    </row>
    <row r="500913" spans="14:14">
      <c r="N500913" s="10"/>
    </row>
    <row r="500914" spans="14:14">
      <c r="N500914" s="10"/>
    </row>
    <row r="500915" spans="14:14">
      <c r="N500915" s="10"/>
    </row>
    <row r="500916" spans="14:14">
      <c r="N500916" s="10"/>
    </row>
    <row r="500917" spans="14:14">
      <c r="N500917" s="10"/>
    </row>
    <row r="500918" spans="14:14">
      <c r="N500918" s="10"/>
    </row>
    <row r="500919" spans="14:14">
      <c r="N500919" s="10"/>
    </row>
    <row r="500920" spans="14:14">
      <c r="N500920" s="10"/>
    </row>
    <row r="500921" spans="14:14">
      <c r="N500921" s="10"/>
    </row>
    <row r="500922" spans="14:14">
      <c r="N500922" s="10"/>
    </row>
    <row r="500923" spans="14:14">
      <c r="N500923" s="10"/>
    </row>
    <row r="500924" spans="14:14">
      <c r="N500924" s="10"/>
    </row>
    <row r="500925" spans="14:14">
      <c r="N500925" s="10"/>
    </row>
    <row r="500926" spans="14:14">
      <c r="N500926" s="10"/>
    </row>
    <row r="500927" spans="14:14">
      <c r="N500927" s="10"/>
    </row>
    <row r="500928" spans="14:14">
      <c r="N500928" s="10"/>
    </row>
    <row r="500929" spans="14:14">
      <c r="N500929" s="10"/>
    </row>
    <row r="500930" spans="14:14">
      <c r="N500930" s="10"/>
    </row>
    <row r="500931" spans="14:14">
      <c r="N500931" s="10"/>
    </row>
    <row r="500932" spans="14:14">
      <c r="N500932" s="10"/>
    </row>
    <row r="500933" spans="14:14">
      <c r="N500933" s="10"/>
    </row>
    <row r="500934" spans="14:14">
      <c r="N500934" s="10"/>
    </row>
    <row r="500935" spans="14:14">
      <c r="N500935" s="10"/>
    </row>
    <row r="500936" spans="14:14">
      <c r="N500936" s="10"/>
    </row>
    <row r="500937" spans="14:14">
      <c r="N500937" s="10"/>
    </row>
    <row r="500938" spans="14:14">
      <c r="N500938" s="10"/>
    </row>
    <row r="500939" spans="14:14">
      <c r="N500939" s="10"/>
    </row>
    <row r="500940" spans="14:14">
      <c r="N500940" s="10"/>
    </row>
    <row r="500941" spans="14:14">
      <c r="N500941" s="10"/>
    </row>
    <row r="500942" spans="14:14">
      <c r="N500942" s="10"/>
    </row>
    <row r="500943" spans="14:14">
      <c r="N500943" s="10"/>
    </row>
    <row r="500944" spans="14:14">
      <c r="N500944" s="10"/>
    </row>
    <row r="500945" spans="14:14">
      <c r="N500945" s="10"/>
    </row>
    <row r="500946" spans="14:14">
      <c r="N500946" s="10"/>
    </row>
    <row r="500947" spans="14:14">
      <c r="N500947" s="10"/>
    </row>
    <row r="500948" spans="14:14">
      <c r="N500948" s="10"/>
    </row>
    <row r="500949" spans="14:14">
      <c r="N500949" s="10"/>
    </row>
    <row r="500950" spans="14:14">
      <c r="N500950" s="10"/>
    </row>
    <row r="500951" spans="14:14">
      <c r="N500951" s="10"/>
    </row>
    <row r="500952" spans="14:14">
      <c r="N500952" s="10"/>
    </row>
    <row r="500953" spans="14:14">
      <c r="N500953" s="10"/>
    </row>
    <row r="500954" spans="14:14">
      <c r="N500954" s="10"/>
    </row>
    <row r="500955" spans="14:14">
      <c r="N500955" s="10"/>
    </row>
    <row r="500956" spans="14:14">
      <c r="N500956" s="10"/>
    </row>
    <row r="500957" spans="14:14">
      <c r="N500957" s="10"/>
    </row>
    <row r="500958" spans="14:14">
      <c r="N500958" s="10"/>
    </row>
    <row r="500959" spans="14:14">
      <c r="N500959" s="10"/>
    </row>
    <row r="500960" spans="14:14">
      <c r="N500960" s="10"/>
    </row>
    <row r="500961" spans="14:14">
      <c r="N500961" s="10"/>
    </row>
    <row r="500962" spans="14:14">
      <c r="N500962" s="10"/>
    </row>
    <row r="500963" spans="14:14">
      <c r="N500963" s="10"/>
    </row>
    <row r="500964" spans="14:14">
      <c r="N500964" s="10"/>
    </row>
    <row r="500965" spans="14:14">
      <c r="N500965" s="10"/>
    </row>
    <row r="500966" spans="14:14">
      <c r="N500966" s="10"/>
    </row>
    <row r="500967" spans="14:14">
      <c r="N500967" s="10"/>
    </row>
    <row r="500968" spans="14:14">
      <c r="N500968" s="10"/>
    </row>
    <row r="500969" spans="14:14">
      <c r="N500969" s="10"/>
    </row>
    <row r="500970" spans="14:14">
      <c r="N500970" s="10"/>
    </row>
    <row r="500971" spans="14:14">
      <c r="N500971" s="10"/>
    </row>
    <row r="500972" spans="14:14">
      <c r="N500972" s="10"/>
    </row>
    <row r="500973" spans="14:14">
      <c r="N500973" s="10"/>
    </row>
    <row r="500974" spans="14:14">
      <c r="N500974" s="10"/>
    </row>
    <row r="500975" spans="14:14">
      <c r="N500975" s="10"/>
    </row>
    <row r="500976" spans="14:14">
      <c r="N500976" s="10"/>
    </row>
    <row r="500977" spans="14:14">
      <c r="N500977" s="10"/>
    </row>
    <row r="500978" spans="14:14">
      <c r="N500978" s="10"/>
    </row>
    <row r="500979" spans="14:14">
      <c r="N500979" s="10"/>
    </row>
    <row r="500980" spans="14:14">
      <c r="N500980" s="10"/>
    </row>
    <row r="500981" spans="14:14">
      <c r="N500981" s="10"/>
    </row>
    <row r="500982" spans="14:14">
      <c r="N500982" s="10"/>
    </row>
    <row r="500983" spans="14:14">
      <c r="N500983" s="10"/>
    </row>
    <row r="500984" spans="14:14">
      <c r="N500984" s="10"/>
    </row>
    <row r="500985" spans="14:14">
      <c r="N500985" s="10"/>
    </row>
    <row r="500986" spans="14:14">
      <c r="N500986" s="10"/>
    </row>
    <row r="500987" spans="14:14">
      <c r="N500987" s="10"/>
    </row>
    <row r="500988" spans="14:14">
      <c r="N500988" s="10"/>
    </row>
    <row r="500989" spans="14:14">
      <c r="N500989" s="10"/>
    </row>
    <row r="500990" spans="14:14">
      <c r="N500990" s="10"/>
    </row>
    <row r="500991" spans="14:14">
      <c r="N500991" s="10"/>
    </row>
    <row r="500992" spans="14:14">
      <c r="N500992" s="10"/>
    </row>
    <row r="500993" spans="14:14">
      <c r="N500993" s="10"/>
    </row>
    <row r="500994" spans="14:14">
      <c r="N500994" s="10"/>
    </row>
    <row r="500995" spans="14:14">
      <c r="N500995" s="10"/>
    </row>
    <row r="500996" spans="14:14">
      <c r="N500996" s="10"/>
    </row>
    <row r="500997" spans="14:14">
      <c r="N500997" s="10"/>
    </row>
    <row r="500998" spans="14:14">
      <c r="N500998" s="10"/>
    </row>
    <row r="500999" spans="14:14">
      <c r="N500999" s="10"/>
    </row>
    <row r="501000" spans="14:14">
      <c r="N501000" s="10"/>
    </row>
    <row r="501001" spans="14:14">
      <c r="N501001" s="10"/>
    </row>
    <row r="501002" spans="14:14">
      <c r="N501002" s="10"/>
    </row>
    <row r="501003" spans="14:14">
      <c r="N501003" s="10"/>
    </row>
    <row r="501004" spans="14:14">
      <c r="N501004" s="10"/>
    </row>
    <row r="501005" spans="14:14">
      <c r="N501005" s="10"/>
    </row>
    <row r="501006" spans="14:14">
      <c r="N501006" s="10"/>
    </row>
    <row r="501007" spans="14:14">
      <c r="N501007" s="10"/>
    </row>
    <row r="501008" spans="14:14">
      <c r="N501008" s="10"/>
    </row>
    <row r="501009" spans="14:14">
      <c r="N501009" s="10"/>
    </row>
    <row r="501010" spans="14:14">
      <c r="N501010" s="10"/>
    </row>
    <row r="501011" spans="14:14">
      <c r="N501011" s="10"/>
    </row>
    <row r="501012" spans="14:14">
      <c r="N501012" s="10"/>
    </row>
    <row r="501013" spans="14:14">
      <c r="N501013" s="10"/>
    </row>
    <row r="501014" spans="14:14">
      <c r="N501014" s="10"/>
    </row>
    <row r="501015" spans="14:14">
      <c r="N501015" s="10"/>
    </row>
    <row r="501016" spans="14:14">
      <c r="N501016" s="10"/>
    </row>
    <row r="501017" spans="14:14">
      <c r="N501017" s="10"/>
    </row>
    <row r="501018" spans="14:14">
      <c r="N501018" s="10"/>
    </row>
    <row r="501019" spans="14:14">
      <c r="N501019" s="10"/>
    </row>
    <row r="501020" spans="14:14">
      <c r="N501020" s="10"/>
    </row>
    <row r="501021" spans="14:14">
      <c r="N501021" s="10"/>
    </row>
    <row r="501022" spans="14:14">
      <c r="N501022" s="10"/>
    </row>
    <row r="501023" spans="14:14">
      <c r="N501023" s="10"/>
    </row>
    <row r="501024" spans="14:14">
      <c r="N501024" s="10"/>
    </row>
    <row r="501025" spans="14:14">
      <c r="N501025" s="10"/>
    </row>
    <row r="501026" spans="14:14">
      <c r="N501026" s="10"/>
    </row>
    <row r="501027" spans="14:14">
      <c r="N501027" s="10"/>
    </row>
    <row r="501028" spans="14:14">
      <c r="N501028" s="10"/>
    </row>
    <row r="501029" spans="14:14">
      <c r="N501029" s="10"/>
    </row>
    <row r="501030" spans="14:14">
      <c r="N501030" s="10"/>
    </row>
    <row r="501031" spans="14:14">
      <c r="N501031" s="10"/>
    </row>
    <row r="501032" spans="14:14">
      <c r="N501032" s="10"/>
    </row>
    <row r="501033" spans="14:14">
      <c r="N501033" s="10"/>
    </row>
    <row r="501034" spans="14:14">
      <c r="N501034" s="10"/>
    </row>
    <row r="501035" spans="14:14">
      <c r="N501035" s="10"/>
    </row>
    <row r="501036" spans="14:14">
      <c r="N501036" s="10"/>
    </row>
    <row r="501037" spans="14:14">
      <c r="N501037" s="10"/>
    </row>
    <row r="501038" spans="14:14">
      <c r="N501038" s="10"/>
    </row>
    <row r="501039" spans="14:14">
      <c r="N501039" s="10"/>
    </row>
    <row r="501040" spans="14:14">
      <c r="N501040" s="10"/>
    </row>
    <row r="501041" spans="14:14">
      <c r="N501041" s="10"/>
    </row>
    <row r="501042" spans="14:14">
      <c r="N501042" s="10"/>
    </row>
    <row r="501043" spans="14:14">
      <c r="N501043" s="10"/>
    </row>
    <row r="501044" spans="14:14">
      <c r="N501044" s="10"/>
    </row>
    <row r="501045" spans="14:14">
      <c r="N501045" s="10"/>
    </row>
    <row r="501046" spans="14:14">
      <c r="N501046" s="10"/>
    </row>
    <row r="501047" spans="14:14">
      <c r="N501047" s="10"/>
    </row>
    <row r="501048" spans="14:14">
      <c r="N501048" s="10"/>
    </row>
    <row r="501049" spans="14:14">
      <c r="N501049" s="10"/>
    </row>
    <row r="501050" spans="14:14">
      <c r="N501050" s="10"/>
    </row>
    <row r="501051" spans="14:14">
      <c r="N501051" s="10"/>
    </row>
    <row r="501052" spans="14:14">
      <c r="N501052" s="10"/>
    </row>
    <row r="501053" spans="14:14">
      <c r="N501053" s="10"/>
    </row>
    <row r="501054" spans="14:14">
      <c r="N501054" s="10"/>
    </row>
    <row r="501055" spans="14:14">
      <c r="N501055" s="10"/>
    </row>
    <row r="501056" spans="14:14">
      <c r="N501056" s="10"/>
    </row>
    <row r="501057" spans="14:14">
      <c r="N501057" s="10"/>
    </row>
    <row r="501058" spans="14:14">
      <c r="N501058" s="10"/>
    </row>
    <row r="501059" spans="14:14">
      <c r="N501059" s="10"/>
    </row>
    <row r="501060" spans="14:14">
      <c r="N501060" s="10"/>
    </row>
    <row r="501061" spans="14:14">
      <c r="N501061" s="10"/>
    </row>
    <row r="501062" spans="14:14">
      <c r="N501062" s="10"/>
    </row>
    <row r="501063" spans="14:14">
      <c r="N501063" s="10"/>
    </row>
    <row r="501064" spans="14:14">
      <c r="N501064" s="10"/>
    </row>
    <row r="501065" spans="14:14">
      <c r="N501065" s="10"/>
    </row>
    <row r="501066" spans="14:14">
      <c r="N501066" s="10"/>
    </row>
    <row r="501067" spans="14:14">
      <c r="N501067" s="10"/>
    </row>
    <row r="501068" spans="14:14">
      <c r="N501068" s="10"/>
    </row>
    <row r="501069" spans="14:14">
      <c r="N501069" s="10"/>
    </row>
    <row r="501070" spans="14:14">
      <c r="N501070" s="10"/>
    </row>
    <row r="501071" spans="14:14">
      <c r="N501071" s="10"/>
    </row>
    <row r="501072" spans="14:14">
      <c r="N501072" s="10"/>
    </row>
    <row r="501073" spans="14:14">
      <c r="N501073" s="10"/>
    </row>
    <row r="501074" spans="14:14">
      <c r="N501074" s="10"/>
    </row>
    <row r="501075" spans="14:14">
      <c r="N501075" s="10"/>
    </row>
    <row r="501076" spans="14:14">
      <c r="N501076" s="10"/>
    </row>
    <row r="501077" spans="14:14">
      <c r="N501077" s="10"/>
    </row>
    <row r="501078" spans="14:14">
      <c r="N501078" s="10"/>
    </row>
    <row r="501079" spans="14:14">
      <c r="N501079" s="10"/>
    </row>
    <row r="501080" spans="14:14">
      <c r="N501080" s="10"/>
    </row>
    <row r="501081" spans="14:14">
      <c r="N501081" s="10"/>
    </row>
    <row r="501082" spans="14:14">
      <c r="N501082" s="10"/>
    </row>
    <row r="501083" spans="14:14">
      <c r="N501083" s="10"/>
    </row>
    <row r="501084" spans="14:14">
      <c r="N501084" s="10"/>
    </row>
    <row r="501085" spans="14:14">
      <c r="N501085" s="10"/>
    </row>
    <row r="501086" spans="14:14">
      <c r="N501086" s="10"/>
    </row>
    <row r="501087" spans="14:14">
      <c r="N501087" s="10"/>
    </row>
    <row r="501088" spans="14:14">
      <c r="N501088" s="10"/>
    </row>
    <row r="501089" spans="14:14">
      <c r="N501089" s="10"/>
    </row>
    <row r="501090" spans="14:14">
      <c r="N501090" s="10"/>
    </row>
    <row r="501091" spans="14:14">
      <c r="N501091" s="10"/>
    </row>
    <row r="501092" spans="14:14">
      <c r="N501092" s="10"/>
    </row>
    <row r="501093" spans="14:14">
      <c r="N501093" s="10"/>
    </row>
    <row r="501094" spans="14:14">
      <c r="N501094" s="10"/>
    </row>
    <row r="501095" spans="14:14">
      <c r="N501095" s="10"/>
    </row>
    <row r="501096" spans="14:14">
      <c r="N501096" s="10"/>
    </row>
    <row r="501097" spans="14:14">
      <c r="N501097" s="10"/>
    </row>
    <row r="501098" spans="14:14">
      <c r="N501098" s="10"/>
    </row>
    <row r="501099" spans="14:14">
      <c r="N501099" s="10"/>
    </row>
    <row r="501100" spans="14:14">
      <c r="N501100" s="10"/>
    </row>
    <row r="501101" spans="14:14">
      <c r="N501101" s="10"/>
    </row>
    <row r="501102" spans="14:14">
      <c r="N501102" s="10"/>
    </row>
    <row r="501103" spans="14:14">
      <c r="N501103" s="10"/>
    </row>
    <row r="501104" spans="14:14">
      <c r="N501104" s="10"/>
    </row>
    <row r="501105" spans="14:14">
      <c r="N501105" s="10"/>
    </row>
    <row r="501106" spans="14:14">
      <c r="N501106" s="10"/>
    </row>
    <row r="501107" spans="14:14">
      <c r="N501107" s="10"/>
    </row>
    <row r="501108" spans="14:14">
      <c r="N501108" s="10"/>
    </row>
    <row r="501109" spans="14:14">
      <c r="N501109" s="10"/>
    </row>
    <row r="501110" spans="14:14">
      <c r="N501110" s="10"/>
    </row>
    <row r="501111" spans="14:14">
      <c r="N501111" s="10"/>
    </row>
    <row r="501112" spans="14:14">
      <c r="N501112" s="10"/>
    </row>
    <row r="501113" spans="14:14">
      <c r="N501113" s="10"/>
    </row>
    <row r="501114" spans="14:14">
      <c r="N501114" s="10"/>
    </row>
    <row r="501115" spans="14:14">
      <c r="N501115" s="10"/>
    </row>
    <row r="501116" spans="14:14">
      <c r="N501116" s="10"/>
    </row>
    <row r="501117" spans="14:14">
      <c r="N501117" s="10"/>
    </row>
    <row r="501118" spans="14:14">
      <c r="N501118" s="10"/>
    </row>
    <row r="501119" spans="14:14">
      <c r="N501119" s="10"/>
    </row>
    <row r="501120" spans="14:14">
      <c r="N501120" s="10"/>
    </row>
    <row r="501121" spans="14:14">
      <c r="N501121" s="10"/>
    </row>
    <row r="501122" spans="14:14">
      <c r="N501122" s="10"/>
    </row>
    <row r="501123" spans="14:14">
      <c r="N501123" s="10"/>
    </row>
    <row r="501124" spans="14:14">
      <c r="N501124" s="10"/>
    </row>
    <row r="501125" spans="14:14">
      <c r="N501125" s="10"/>
    </row>
    <row r="501126" spans="14:14">
      <c r="N501126" s="10"/>
    </row>
    <row r="501127" spans="14:14">
      <c r="N501127" s="10"/>
    </row>
    <row r="501128" spans="14:14">
      <c r="N501128" s="10"/>
    </row>
    <row r="501129" spans="14:14">
      <c r="N501129" s="10"/>
    </row>
    <row r="501130" spans="14:14">
      <c r="N501130" s="10"/>
    </row>
    <row r="501131" spans="14:14">
      <c r="N501131" s="10"/>
    </row>
    <row r="501132" spans="14:14">
      <c r="N501132" s="10"/>
    </row>
    <row r="501133" spans="14:14">
      <c r="N501133" s="10"/>
    </row>
    <row r="501134" spans="14:14">
      <c r="N501134" s="10"/>
    </row>
    <row r="501135" spans="14:14">
      <c r="N501135" s="10"/>
    </row>
    <row r="501136" spans="14:14">
      <c r="N501136" s="10"/>
    </row>
    <row r="501137" spans="14:14">
      <c r="N501137" s="10"/>
    </row>
    <row r="501138" spans="14:14">
      <c r="N501138" s="10"/>
    </row>
    <row r="501139" spans="14:14">
      <c r="N501139" s="10"/>
    </row>
    <row r="501140" spans="14:14">
      <c r="N501140" s="10"/>
    </row>
    <row r="501141" spans="14:14">
      <c r="N501141" s="10"/>
    </row>
    <row r="501142" spans="14:14">
      <c r="N501142" s="10"/>
    </row>
    <row r="501143" spans="14:14">
      <c r="N501143" s="10"/>
    </row>
    <row r="501144" spans="14:14">
      <c r="N501144" s="10"/>
    </row>
    <row r="501145" spans="14:14">
      <c r="N501145" s="10"/>
    </row>
    <row r="501146" spans="14:14">
      <c r="N501146" s="10"/>
    </row>
    <row r="501147" spans="14:14">
      <c r="N501147" s="10"/>
    </row>
    <row r="501148" spans="14:14">
      <c r="N501148" s="10"/>
    </row>
    <row r="501149" spans="14:14">
      <c r="N501149" s="10"/>
    </row>
    <row r="501150" spans="14:14">
      <c r="N501150" s="10"/>
    </row>
    <row r="501151" spans="14:14">
      <c r="N501151" s="10"/>
    </row>
    <row r="501152" spans="14:14">
      <c r="N501152" s="10"/>
    </row>
    <row r="501153" spans="14:14">
      <c r="N501153" s="10"/>
    </row>
    <row r="501154" spans="14:14">
      <c r="N501154" s="10"/>
    </row>
    <row r="501155" spans="14:14">
      <c r="N501155" s="10"/>
    </row>
    <row r="501156" spans="14:14">
      <c r="N501156" s="10"/>
    </row>
    <row r="501157" spans="14:14">
      <c r="N501157" s="10"/>
    </row>
    <row r="501158" spans="14:14">
      <c r="N501158" s="10"/>
    </row>
    <row r="501159" spans="14:14">
      <c r="N501159" s="10"/>
    </row>
    <row r="501160" spans="14:14">
      <c r="N501160" s="10"/>
    </row>
    <row r="501161" spans="14:14">
      <c r="N501161" s="10"/>
    </row>
    <row r="501162" spans="14:14">
      <c r="N501162" s="10"/>
    </row>
    <row r="501163" spans="14:14">
      <c r="N501163" s="10"/>
    </row>
    <row r="501164" spans="14:14">
      <c r="N501164" s="10"/>
    </row>
    <row r="501165" spans="14:14">
      <c r="N501165" s="10"/>
    </row>
    <row r="501166" spans="14:14">
      <c r="N501166" s="10"/>
    </row>
    <row r="501167" spans="14:14">
      <c r="N501167" s="10"/>
    </row>
    <row r="501168" spans="14:14">
      <c r="N501168" s="10"/>
    </row>
    <row r="501169" spans="14:14">
      <c r="N501169" s="10"/>
    </row>
    <row r="501170" spans="14:14">
      <c r="N501170" s="10"/>
    </row>
    <row r="501171" spans="14:14">
      <c r="N501171" s="10"/>
    </row>
    <row r="501172" spans="14:14">
      <c r="N501172" s="10"/>
    </row>
    <row r="501173" spans="14:14">
      <c r="N501173" s="10"/>
    </row>
    <row r="501174" spans="14:14">
      <c r="N501174" s="10"/>
    </row>
    <row r="501175" spans="14:14">
      <c r="N501175" s="10"/>
    </row>
    <row r="501176" spans="14:14">
      <c r="N501176" s="10"/>
    </row>
    <row r="501177" spans="14:14">
      <c r="N501177" s="10"/>
    </row>
    <row r="501178" spans="14:14">
      <c r="N501178" s="10"/>
    </row>
    <row r="501179" spans="14:14">
      <c r="N501179" s="10"/>
    </row>
    <row r="501180" spans="14:14">
      <c r="N501180" s="10"/>
    </row>
    <row r="501181" spans="14:14">
      <c r="N501181" s="10"/>
    </row>
    <row r="501182" spans="14:14">
      <c r="N501182" s="10"/>
    </row>
    <row r="501183" spans="14:14">
      <c r="N501183" s="10"/>
    </row>
    <row r="501184" spans="14:14">
      <c r="N501184" s="10"/>
    </row>
    <row r="501185" spans="14:14">
      <c r="N501185" s="10"/>
    </row>
    <row r="501186" spans="14:14">
      <c r="N501186" s="10"/>
    </row>
    <row r="501187" spans="14:14">
      <c r="N501187" s="10"/>
    </row>
    <row r="501188" spans="14:14">
      <c r="N501188" s="10"/>
    </row>
    <row r="501189" spans="14:14">
      <c r="N501189" s="10"/>
    </row>
    <row r="501190" spans="14:14">
      <c r="N501190" s="10"/>
    </row>
    <row r="501191" spans="14:14">
      <c r="N501191" s="10"/>
    </row>
    <row r="501192" spans="14:14">
      <c r="N501192" s="10"/>
    </row>
    <row r="501193" spans="14:14">
      <c r="N501193" s="10"/>
    </row>
    <row r="501194" spans="14:14">
      <c r="N501194" s="10"/>
    </row>
    <row r="501195" spans="14:14">
      <c r="N501195" s="10"/>
    </row>
    <row r="501196" spans="14:14">
      <c r="N501196" s="10"/>
    </row>
    <row r="501197" spans="14:14">
      <c r="N501197" s="10"/>
    </row>
    <row r="501198" spans="14:14">
      <c r="N501198" s="10"/>
    </row>
    <row r="501199" spans="14:14">
      <c r="N501199" s="10"/>
    </row>
    <row r="501200" spans="14:14">
      <c r="N501200" s="10"/>
    </row>
    <row r="501201" spans="14:14">
      <c r="N501201" s="10"/>
    </row>
    <row r="501202" spans="14:14">
      <c r="N501202" s="10"/>
    </row>
    <row r="501203" spans="14:14">
      <c r="N501203" s="10"/>
    </row>
    <row r="501204" spans="14:14">
      <c r="N501204" s="10"/>
    </row>
    <row r="501205" spans="14:14">
      <c r="N501205" s="10"/>
    </row>
    <row r="501206" spans="14:14">
      <c r="N501206" s="10"/>
    </row>
    <row r="501207" spans="14:14">
      <c r="N501207" s="10"/>
    </row>
    <row r="501208" spans="14:14">
      <c r="N501208" s="10"/>
    </row>
    <row r="501209" spans="14:14">
      <c r="N501209" s="10"/>
    </row>
    <row r="501210" spans="14:14">
      <c r="N501210" s="10"/>
    </row>
    <row r="501211" spans="14:14">
      <c r="N501211" s="10"/>
    </row>
    <row r="501212" spans="14:14">
      <c r="N501212" s="10"/>
    </row>
    <row r="501213" spans="14:14">
      <c r="N501213" s="10"/>
    </row>
    <row r="501214" spans="14:14">
      <c r="N501214" s="10"/>
    </row>
    <row r="501215" spans="14:14">
      <c r="N501215" s="10"/>
    </row>
    <row r="501216" spans="14:14">
      <c r="N501216" s="10"/>
    </row>
    <row r="501217" spans="14:14">
      <c r="N501217" s="10"/>
    </row>
    <row r="501218" spans="14:14">
      <c r="N501218" s="10"/>
    </row>
    <row r="501219" spans="14:14">
      <c r="N501219" s="10"/>
    </row>
    <row r="501220" spans="14:14">
      <c r="N501220" s="10"/>
    </row>
    <row r="501221" spans="14:14">
      <c r="N501221" s="10"/>
    </row>
    <row r="501222" spans="14:14">
      <c r="N501222" s="10"/>
    </row>
    <row r="501223" spans="14:14">
      <c r="N501223" s="10"/>
    </row>
    <row r="501224" spans="14:14">
      <c r="N501224" s="10"/>
    </row>
    <row r="501225" spans="14:14">
      <c r="N501225" s="10"/>
    </row>
    <row r="501226" spans="14:14">
      <c r="N501226" s="10"/>
    </row>
    <row r="501227" spans="14:14">
      <c r="N501227" s="10"/>
    </row>
    <row r="501228" spans="14:14">
      <c r="N501228" s="10"/>
    </row>
    <row r="501229" spans="14:14">
      <c r="N501229" s="10"/>
    </row>
    <row r="501230" spans="14:14">
      <c r="N501230" s="10"/>
    </row>
    <row r="501231" spans="14:14">
      <c r="N501231" s="10"/>
    </row>
    <row r="501232" spans="14:14">
      <c r="N501232" s="10"/>
    </row>
    <row r="501233" spans="14:14">
      <c r="N501233" s="10"/>
    </row>
    <row r="501234" spans="14:14">
      <c r="N501234" s="10"/>
    </row>
    <row r="501235" spans="14:14">
      <c r="N501235" s="10"/>
    </row>
    <row r="501236" spans="14:14">
      <c r="N501236" s="10"/>
    </row>
    <row r="501237" spans="14:14">
      <c r="N501237" s="10"/>
    </row>
    <row r="501238" spans="14:14">
      <c r="N501238" s="10"/>
    </row>
    <row r="501239" spans="14:14">
      <c r="N501239" s="10"/>
    </row>
    <row r="501240" spans="14:14">
      <c r="N501240" s="10"/>
    </row>
    <row r="501241" spans="14:14">
      <c r="N501241" s="10"/>
    </row>
    <row r="501242" spans="14:14">
      <c r="N501242" s="10"/>
    </row>
    <row r="501243" spans="14:14">
      <c r="N501243" s="10"/>
    </row>
    <row r="501244" spans="14:14">
      <c r="N501244" s="10"/>
    </row>
    <row r="501245" spans="14:14">
      <c r="N501245" s="10"/>
    </row>
    <row r="501246" spans="14:14">
      <c r="N501246" s="10"/>
    </row>
    <row r="501247" spans="14:14">
      <c r="N501247" s="10"/>
    </row>
    <row r="501248" spans="14:14">
      <c r="N501248" s="10"/>
    </row>
    <row r="501249" spans="14:14">
      <c r="N501249" s="10"/>
    </row>
    <row r="501250" spans="14:14">
      <c r="N501250" s="10"/>
    </row>
    <row r="501251" spans="14:14">
      <c r="N501251" s="10"/>
    </row>
    <row r="501252" spans="14:14">
      <c r="N501252" s="10"/>
    </row>
    <row r="501253" spans="14:14">
      <c r="N501253" s="10"/>
    </row>
    <row r="501254" spans="14:14">
      <c r="N501254" s="10"/>
    </row>
    <row r="501255" spans="14:14">
      <c r="N501255" s="10"/>
    </row>
    <row r="501256" spans="14:14">
      <c r="N501256" s="10"/>
    </row>
    <row r="501257" spans="14:14">
      <c r="N501257" s="10"/>
    </row>
    <row r="501258" spans="14:14">
      <c r="N501258" s="10"/>
    </row>
    <row r="501259" spans="14:14">
      <c r="N501259" s="10"/>
    </row>
    <row r="501260" spans="14:14">
      <c r="N501260" s="10"/>
    </row>
    <row r="501261" spans="14:14">
      <c r="N501261" s="10"/>
    </row>
    <row r="501262" spans="14:14">
      <c r="N501262" s="10"/>
    </row>
    <row r="501263" spans="14:14">
      <c r="N501263" s="10"/>
    </row>
    <row r="501264" spans="14:14">
      <c r="N501264" s="10"/>
    </row>
    <row r="501265" spans="14:14">
      <c r="N501265" s="10"/>
    </row>
    <row r="501266" spans="14:14">
      <c r="N501266" s="10"/>
    </row>
    <row r="501267" spans="14:14">
      <c r="N501267" s="10"/>
    </row>
    <row r="501268" spans="14:14">
      <c r="N501268" s="10"/>
    </row>
    <row r="501269" spans="14:14">
      <c r="N501269" s="10"/>
    </row>
    <row r="501270" spans="14:14">
      <c r="N501270" s="10"/>
    </row>
    <row r="501271" spans="14:14">
      <c r="N501271" s="10"/>
    </row>
    <row r="501272" spans="14:14">
      <c r="N501272" s="10"/>
    </row>
    <row r="501273" spans="14:14">
      <c r="N501273" s="10"/>
    </row>
    <row r="501274" spans="14:14">
      <c r="N501274" s="10"/>
    </row>
    <row r="501275" spans="14:14">
      <c r="N501275" s="10"/>
    </row>
    <row r="501276" spans="14:14">
      <c r="N501276" s="10"/>
    </row>
    <row r="501277" spans="14:14">
      <c r="N501277" s="10"/>
    </row>
    <row r="501278" spans="14:14">
      <c r="N501278" s="10"/>
    </row>
    <row r="501279" spans="14:14">
      <c r="N501279" s="10"/>
    </row>
    <row r="501280" spans="14:14">
      <c r="N501280" s="10"/>
    </row>
    <row r="501281" spans="14:14">
      <c r="N501281" s="10"/>
    </row>
    <row r="501282" spans="14:14">
      <c r="N501282" s="10"/>
    </row>
    <row r="501283" spans="14:14">
      <c r="N501283" s="10"/>
    </row>
    <row r="501284" spans="14:14">
      <c r="N501284" s="10"/>
    </row>
    <row r="501285" spans="14:14">
      <c r="N501285" s="10"/>
    </row>
    <row r="501286" spans="14:14">
      <c r="N501286" s="10"/>
    </row>
    <row r="501287" spans="14:14">
      <c r="N501287" s="10"/>
    </row>
    <row r="501288" spans="14:14">
      <c r="N501288" s="10"/>
    </row>
    <row r="501289" spans="14:14">
      <c r="N501289" s="10"/>
    </row>
    <row r="501290" spans="14:14">
      <c r="N501290" s="10"/>
    </row>
    <row r="501291" spans="14:14">
      <c r="N501291" s="10"/>
    </row>
    <row r="501292" spans="14:14">
      <c r="N501292" s="10"/>
    </row>
    <row r="501293" spans="14:14">
      <c r="N501293" s="10"/>
    </row>
    <row r="501294" spans="14:14">
      <c r="N501294" s="10"/>
    </row>
    <row r="501295" spans="14:14">
      <c r="N501295" s="10"/>
    </row>
    <row r="501296" spans="14:14">
      <c r="N501296" s="10"/>
    </row>
    <row r="501297" spans="14:14">
      <c r="N501297" s="10"/>
    </row>
    <row r="501298" spans="14:14">
      <c r="N501298" s="10"/>
    </row>
    <row r="501299" spans="14:14">
      <c r="N501299" s="10"/>
    </row>
    <row r="501300" spans="14:14">
      <c r="N501300" s="10"/>
    </row>
    <row r="501301" spans="14:14">
      <c r="N501301" s="10"/>
    </row>
    <row r="501302" spans="14:14">
      <c r="N501302" s="10"/>
    </row>
    <row r="501303" spans="14:14">
      <c r="N501303" s="10"/>
    </row>
    <row r="501304" spans="14:14">
      <c r="N501304" s="10"/>
    </row>
    <row r="501305" spans="14:14">
      <c r="N501305" s="10"/>
    </row>
    <row r="501306" spans="14:14">
      <c r="N501306" s="10"/>
    </row>
    <row r="501307" spans="14:14">
      <c r="N501307" s="10"/>
    </row>
    <row r="501308" spans="14:14">
      <c r="N501308" s="10"/>
    </row>
    <row r="501309" spans="14:14">
      <c r="N501309" s="10"/>
    </row>
    <row r="501310" spans="14:14">
      <c r="N501310" s="10"/>
    </row>
    <row r="501311" spans="14:14">
      <c r="N501311" s="10"/>
    </row>
    <row r="501312" spans="14:14">
      <c r="N501312" s="10"/>
    </row>
    <row r="501313" spans="14:14">
      <c r="N501313" s="10"/>
    </row>
    <row r="501314" spans="14:14">
      <c r="N501314" s="10"/>
    </row>
    <row r="501315" spans="14:14">
      <c r="N501315" s="10"/>
    </row>
    <row r="501316" spans="14:14">
      <c r="N501316" s="10"/>
    </row>
    <row r="501317" spans="14:14">
      <c r="N501317" s="10"/>
    </row>
    <row r="501318" spans="14:14">
      <c r="N501318" s="10"/>
    </row>
    <row r="501319" spans="14:14">
      <c r="N501319" s="10"/>
    </row>
    <row r="501320" spans="14:14">
      <c r="N501320" s="10"/>
    </row>
    <row r="501321" spans="14:14">
      <c r="N501321" s="10"/>
    </row>
    <row r="501322" spans="14:14">
      <c r="N501322" s="10"/>
    </row>
    <row r="501323" spans="14:14">
      <c r="N501323" s="10"/>
    </row>
    <row r="501324" spans="14:14">
      <c r="N501324" s="10"/>
    </row>
    <row r="501325" spans="14:14">
      <c r="N501325" s="10"/>
    </row>
    <row r="501326" spans="14:14">
      <c r="N501326" s="10"/>
    </row>
    <row r="501327" spans="14:14">
      <c r="N501327" s="10"/>
    </row>
    <row r="501328" spans="14:14">
      <c r="N501328" s="10"/>
    </row>
    <row r="501329" spans="14:14">
      <c r="N501329" s="10"/>
    </row>
    <row r="501330" spans="14:14">
      <c r="N501330" s="10"/>
    </row>
    <row r="501331" spans="14:14">
      <c r="N501331" s="10"/>
    </row>
    <row r="501332" spans="14:14">
      <c r="N501332" s="10"/>
    </row>
    <row r="501333" spans="14:14">
      <c r="N501333" s="10"/>
    </row>
    <row r="501334" spans="14:14">
      <c r="N501334" s="10"/>
    </row>
    <row r="501335" spans="14:14">
      <c r="N501335" s="10"/>
    </row>
    <row r="501336" spans="14:14">
      <c r="N501336" s="10"/>
    </row>
    <row r="501337" spans="14:14">
      <c r="N501337" s="10"/>
    </row>
    <row r="501338" spans="14:14">
      <c r="N501338" s="10"/>
    </row>
    <row r="501339" spans="14:14">
      <c r="N501339" s="10"/>
    </row>
    <row r="501340" spans="14:14">
      <c r="N501340" s="10"/>
    </row>
    <row r="501341" spans="14:14">
      <c r="N501341" s="10"/>
    </row>
    <row r="501342" spans="14:14">
      <c r="N501342" s="10"/>
    </row>
    <row r="501343" spans="14:14">
      <c r="N501343" s="10"/>
    </row>
    <row r="501344" spans="14:14">
      <c r="N501344" s="10"/>
    </row>
    <row r="501345" spans="14:14">
      <c r="N501345" s="10"/>
    </row>
    <row r="501346" spans="14:14">
      <c r="N501346" s="10"/>
    </row>
    <row r="501347" spans="14:14">
      <c r="N501347" s="10"/>
    </row>
    <row r="501348" spans="14:14">
      <c r="N501348" s="10"/>
    </row>
    <row r="501349" spans="14:14">
      <c r="N501349" s="10"/>
    </row>
    <row r="501350" spans="14:14">
      <c r="N501350" s="10"/>
    </row>
    <row r="501351" spans="14:14">
      <c r="N501351" s="10"/>
    </row>
    <row r="501352" spans="14:14">
      <c r="N501352" s="10"/>
    </row>
    <row r="501353" spans="14:14">
      <c r="N501353" s="10"/>
    </row>
    <row r="501354" spans="14:14">
      <c r="N501354" s="10"/>
    </row>
    <row r="501355" spans="14:14">
      <c r="N501355" s="10"/>
    </row>
    <row r="501356" spans="14:14">
      <c r="N501356" s="10"/>
    </row>
    <row r="501357" spans="14:14">
      <c r="N501357" s="10"/>
    </row>
    <row r="501358" spans="14:14">
      <c r="N501358" s="10"/>
    </row>
    <row r="501359" spans="14:14">
      <c r="N501359" s="10"/>
    </row>
    <row r="501360" spans="14:14">
      <c r="N501360" s="10"/>
    </row>
    <row r="501361" spans="14:14">
      <c r="N501361" s="10"/>
    </row>
    <row r="501362" spans="14:14">
      <c r="N501362" s="10"/>
    </row>
    <row r="501363" spans="14:14">
      <c r="N501363" s="10"/>
    </row>
    <row r="501364" spans="14:14">
      <c r="N501364" s="10"/>
    </row>
    <row r="501365" spans="14:14">
      <c r="N501365" s="10"/>
    </row>
    <row r="501366" spans="14:14">
      <c r="N501366" s="10"/>
    </row>
    <row r="501367" spans="14:14">
      <c r="N501367" s="10"/>
    </row>
    <row r="501368" spans="14:14">
      <c r="N501368" s="10"/>
    </row>
    <row r="501369" spans="14:14">
      <c r="N501369" s="10"/>
    </row>
    <row r="501370" spans="14:14">
      <c r="N501370" s="10"/>
    </row>
    <row r="501371" spans="14:14">
      <c r="N501371" s="10"/>
    </row>
    <row r="501372" spans="14:14">
      <c r="N501372" s="10"/>
    </row>
    <row r="501373" spans="14:14">
      <c r="N501373" s="10"/>
    </row>
    <row r="501374" spans="14:14">
      <c r="N501374" s="10"/>
    </row>
    <row r="501375" spans="14:14">
      <c r="N501375" s="10"/>
    </row>
    <row r="501376" spans="14:14">
      <c r="N501376" s="10"/>
    </row>
    <row r="501377" spans="14:14">
      <c r="N501377" s="10"/>
    </row>
    <row r="501378" spans="14:14">
      <c r="N501378" s="10"/>
    </row>
    <row r="501379" spans="14:14">
      <c r="N501379" s="10"/>
    </row>
    <row r="501380" spans="14:14">
      <c r="N501380" s="10"/>
    </row>
    <row r="501381" spans="14:14">
      <c r="N501381" s="10"/>
    </row>
    <row r="501382" spans="14:14">
      <c r="N501382" s="10"/>
    </row>
    <row r="501383" spans="14:14">
      <c r="N501383" s="10"/>
    </row>
    <row r="501384" spans="14:14">
      <c r="N501384" s="10"/>
    </row>
    <row r="501385" spans="14:14">
      <c r="N501385" s="10"/>
    </row>
    <row r="501386" spans="14:14">
      <c r="N501386" s="10"/>
    </row>
    <row r="501387" spans="14:14">
      <c r="N501387" s="10"/>
    </row>
    <row r="501388" spans="14:14">
      <c r="N501388" s="10"/>
    </row>
    <row r="501389" spans="14:14">
      <c r="N501389" s="10"/>
    </row>
    <row r="501390" spans="14:14">
      <c r="N501390" s="10"/>
    </row>
    <row r="501391" spans="14:14">
      <c r="N501391" s="10"/>
    </row>
    <row r="501392" spans="14:14">
      <c r="N501392" s="10"/>
    </row>
    <row r="501393" spans="14:14">
      <c r="N501393" s="10"/>
    </row>
    <row r="501394" spans="14:14">
      <c r="N501394" s="10"/>
    </row>
    <row r="501395" spans="14:14">
      <c r="N501395" s="10"/>
    </row>
    <row r="501396" spans="14:14">
      <c r="N501396" s="10"/>
    </row>
    <row r="501397" spans="14:14">
      <c r="N501397" s="10"/>
    </row>
    <row r="501398" spans="14:14">
      <c r="N501398" s="10"/>
    </row>
    <row r="501399" spans="14:14">
      <c r="N501399" s="10"/>
    </row>
    <row r="501400" spans="14:14">
      <c r="N501400" s="10"/>
    </row>
    <row r="501401" spans="14:14">
      <c r="N501401" s="10"/>
    </row>
    <row r="501402" spans="14:14">
      <c r="N501402" s="10"/>
    </row>
    <row r="501403" spans="14:14">
      <c r="N501403" s="10"/>
    </row>
    <row r="501404" spans="14:14">
      <c r="N501404" s="10"/>
    </row>
    <row r="501405" spans="14:14">
      <c r="N501405" s="10"/>
    </row>
    <row r="501406" spans="14:14">
      <c r="N501406" s="10"/>
    </row>
    <row r="501407" spans="14:14">
      <c r="N501407" s="10"/>
    </row>
    <row r="501408" spans="14:14">
      <c r="N501408" s="10"/>
    </row>
    <row r="501409" spans="14:14">
      <c r="N501409" s="10"/>
    </row>
    <row r="501410" spans="14:14">
      <c r="N501410" s="10"/>
    </row>
    <row r="501411" spans="14:14">
      <c r="N501411" s="10"/>
    </row>
    <row r="501412" spans="14:14">
      <c r="N501412" s="10"/>
    </row>
    <row r="501413" spans="14:14">
      <c r="N501413" s="10"/>
    </row>
    <row r="501414" spans="14:14">
      <c r="N501414" s="10"/>
    </row>
    <row r="501415" spans="14:14">
      <c r="N501415" s="10"/>
    </row>
    <row r="501416" spans="14:14">
      <c r="N501416" s="10"/>
    </row>
    <row r="501417" spans="14:14">
      <c r="N501417" s="10"/>
    </row>
    <row r="501418" spans="14:14">
      <c r="N501418" s="10"/>
    </row>
    <row r="501419" spans="14:14">
      <c r="N501419" s="10"/>
    </row>
    <row r="501420" spans="14:14">
      <c r="N501420" s="10"/>
    </row>
    <row r="501421" spans="14:14">
      <c r="N501421" s="10"/>
    </row>
    <row r="501422" spans="14:14">
      <c r="N501422" s="10"/>
    </row>
    <row r="501423" spans="14:14">
      <c r="N501423" s="10"/>
    </row>
    <row r="501424" spans="14:14">
      <c r="N501424" s="10"/>
    </row>
    <row r="501425" spans="14:14">
      <c r="N501425" s="10"/>
    </row>
    <row r="501426" spans="14:14">
      <c r="N501426" s="10"/>
    </row>
    <row r="501427" spans="14:14">
      <c r="N501427" s="10"/>
    </row>
    <row r="501428" spans="14:14">
      <c r="N501428" s="10"/>
    </row>
    <row r="501429" spans="14:14">
      <c r="N501429" s="10"/>
    </row>
    <row r="501430" spans="14:14">
      <c r="N501430" s="10"/>
    </row>
    <row r="501431" spans="14:14">
      <c r="N501431" s="10"/>
    </row>
    <row r="501432" spans="14:14">
      <c r="N501432" s="10"/>
    </row>
    <row r="501433" spans="14:14">
      <c r="N501433" s="10"/>
    </row>
    <row r="501434" spans="14:14">
      <c r="N501434" s="10"/>
    </row>
    <row r="501435" spans="14:14">
      <c r="N501435" s="10"/>
    </row>
    <row r="501436" spans="14:14">
      <c r="N501436" s="10"/>
    </row>
    <row r="501437" spans="14:14">
      <c r="N501437" s="10"/>
    </row>
    <row r="501438" spans="14:14">
      <c r="N501438" s="10"/>
    </row>
    <row r="501439" spans="14:14">
      <c r="N501439" s="10"/>
    </row>
    <row r="501440" spans="14:14">
      <c r="N501440" s="10"/>
    </row>
    <row r="501441" spans="14:14">
      <c r="N501441" s="10"/>
    </row>
    <row r="501442" spans="14:14">
      <c r="N501442" s="10"/>
    </row>
    <row r="501443" spans="14:14">
      <c r="N501443" s="10"/>
    </row>
    <row r="501444" spans="14:14">
      <c r="N501444" s="10"/>
    </row>
    <row r="501445" spans="14:14">
      <c r="N501445" s="10"/>
    </row>
    <row r="501446" spans="14:14">
      <c r="N501446" s="10"/>
    </row>
    <row r="501447" spans="14:14">
      <c r="N501447" s="10"/>
    </row>
    <row r="501448" spans="14:14">
      <c r="N501448" s="10"/>
    </row>
    <row r="501449" spans="14:14">
      <c r="N501449" s="10"/>
    </row>
    <row r="501450" spans="14:14">
      <c r="N501450" s="10"/>
    </row>
    <row r="501451" spans="14:14">
      <c r="N501451" s="10"/>
    </row>
    <row r="501452" spans="14:14">
      <c r="N501452" s="10"/>
    </row>
    <row r="501453" spans="14:14">
      <c r="N501453" s="10"/>
    </row>
    <row r="501454" spans="14:14">
      <c r="N501454" s="10"/>
    </row>
    <row r="501455" spans="14:14">
      <c r="N501455" s="10"/>
    </row>
    <row r="501456" spans="14:14">
      <c r="N501456" s="10"/>
    </row>
    <row r="501457" spans="14:14">
      <c r="N501457" s="10"/>
    </row>
    <row r="501458" spans="14:14">
      <c r="N501458" s="10"/>
    </row>
    <row r="501459" spans="14:14">
      <c r="N501459" s="10"/>
    </row>
    <row r="501460" spans="14:14">
      <c r="N501460" s="10"/>
    </row>
    <row r="501461" spans="14:14">
      <c r="N501461" s="10"/>
    </row>
    <row r="501462" spans="14:14">
      <c r="N501462" s="10"/>
    </row>
    <row r="501463" spans="14:14">
      <c r="N501463" s="10"/>
    </row>
    <row r="501464" spans="14:14">
      <c r="N501464" s="10"/>
    </row>
    <row r="501465" spans="14:14">
      <c r="N501465" s="10"/>
    </row>
    <row r="501466" spans="14:14">
      <c r="N501466" s="10"/>
    </row>
    <row r="501467" spans="14:14">
      <c r="N501467" s="10"/>
    </row>
    <row r="501468" spans="14:14">
      <c r="N501468" s="10"/>
    </row>
    <row r="501469" spans="14:14">
      <c r="N501469" s="10"/>
    </row>
    <row r="501470" spans="14:14">
      <c r="N501470" s="10"/>
    </row>
    <row r="501471" spans="14:14">
      <c r="N501471" s="10"/>
    </row>
    <row r="501472" spans="14:14">
      <c r="N501472" s="10"/>
    </row>
    <row r="501473" spans="14:14">
      <c r="N501473" s="10"/>
    </row>
    <row r="501474" spans="14:14">
      <c r="N501474" s="10"/>
    </row>
    <row r="501475" spans="14:14">
      <c r="N501475" s="10"/>
    </row>
    <row r="501476" spans="14:14">
      <c r="N501476" s="10"/>
    </row>
    <row r="501477" spans="14:14">
      <c r="N501477" s="10"/>
    </row>
    <row r="501478" spans="14:14">
      <c r="N501478" s="10"/>
    </row>
    <row r="501479" spans="14:14">
      <c r="N501479" s="10"/>
    </row>
    <row r="501480" spans="14:14">
      <c r="N501480" s="10"/>
    </row>
    <row r="501481" spans="14:14">
      <c r="N501481" s="10"/>
    </row>
    <row r="501482" spans="14:14">
      <c r="N501482" s="10"/>
    </row>
    <row r="501483" spans="14:14">
      <c r="N501483" s="10"/>
    </row>
    <row r="501484" spans="14:14">
      <c r="N501484" s="10"/>
    </row>
    <row r="501485" spans="14:14">
      <c r="N501485" s="10"/>
    </row>
    <row r="501486" spans="14:14">
      <c r="N501486" s="10"/>
    </row>
    <row r="501487" spans="14:14">
      <c r="N501487" s="10"/>
    </row>
    <row r="501488" spans="14:14">
      <c r="N501488" s="10"/>
    </row>
    <row r="501489" spans="14:14">
      <c r="N501489" s="10"/>
    </row>
    <row r="501490" spans="14:14">
      <c r="N501490" s="10"/>
    </row>
    <row r="501491" spans="14:14">
      <c r="N501491" s="10"/>
    </row>
    <row r="501492" spans="14:14">
      <c r="N501492" s="10"/>
    </row>
    <row r="501493" spans="14:14">
      <c r="N501493" s="10"/>
    </row>
    <row r="501494" spans="14:14">
      <c r="N501494" s="10"/>
    </row>
    <row r="501495" spans="14:14">
      <c r="N501495" s="10"/>
    </row>
    <row r="501496" spans="14:14">
      <c r="N501496" s="10"/>
    </row>
    <row r="501497" spans="14:14">
      <c r="N501497" s="10"/>
    </row>
    <row r="501498" spans="14:14">
      <c r="N501498" s="10"/>
    </row>
    <row r="501499" spans="14:14">
      <c r="N501499" s="10"/>
    </row>
    <row r="501500" spans="14:14">
      <c r="N501500" s="10"/>
    </row>
    <row r="501501" spans="14:14">
      <c r="N501501" s="10"/>
    </row>
    <row r="501502" spans="14:14">
      <c r="N501502" s="10"/>
    </row>
    <row r="501503" spans="14:14">
      <c r="N501503" s="10"/>
    </row>
    <row r="501504" spans="14:14">
      <c r="N501504" s="10"/>
    </row>
    <row r="501505" spans="14:14">
      <c r="N501505" s="10"/>
    </row>
    <row r="501506" spans="14:14">
      <c r="N501506" s="10"/>
    </row>
    <row r="501507" spans="14:14">
      <c r="N501507" s="10"/>
    </row>
    <row r="501508" spans="14:14">
      <c r="N501508" s="10"/>
    </row>
    <row r="501509" spans="14:14">
      <c r="N501509" s="10"/>
    </row>
    <row r="501510" spans="14:14">
      <c r="N501510" s="10"/>
    </row>
    <row r="501511" spans="14:14">
      <c r="N501511" s="10"/>
    </row>
    <row r="501512" spans="14:14">
      <c r="N501512" s="10"/>
    </row>
    <row r="501513" spans="14:14">
      <c r="N501513" s="10"/>
    </row>
    <row r="501514" spans="14:14">
      <c r="N501514" s="10"/>
    </row>
    <row r="501515" spans="14:14">
      <c r="N501515" s="10"/>
    </row>
    <row r="501516" spans="14:14">
      <c r="N501516" s="10"/>
    </row>
    <row r="501517" spans="14:14">
      <c r="N501517" s="10"/>
    </row>
    <row r="501518" spans="14:14">
      <c r="N501518" s="10"/>
    </row>
    <row r="501519" spans="14:14">
      <c r="N501519" s="10"/>
    </row>
    <row r="501520" spans="14:14">
      <c r="N501520" s="10"/>
    </row>
    <row r="501521" spans="14:14">
      <c r="N501521" s="10"/>
    </row>
    <row r="501522" spans="14:14">
      <c r="N501522" s="10"/>
    </row>
    <row r="501523" spans="14:14">
      <c r="N501523" s="10"/>
    </row>
    <row r="501524" spans="14:14">
      <c r="N501524" s="10"/>
    </row>
    <row r="501525" spans="14:14">
      <c r="N501525" s="10"/>
    </row>
    <row r="501526" spans="14:14">
      <c r="N501526" s="10"/>
    </row>
    <row r="501527" spans="14:14">
      <c r="N501527" s="10"/>
    </row>
    <row r="501528" spans="14:14">
      <c r="N501528" s="10"/>
    </row>
    <row r="501529" spans="14:14">
      <c r="N501529" s="10"/>
    </row>
    <row r="501530" spans="14:14">
      <c r="N501530" s="10"/>
    </row>
    <row r="501531" spans="14:14">
      <c r="N501531" s="10"/>
    </row>
    <row r="501532" spans="14:14">
      <c r="N501532" s="10"/>
    </row>
    <row r="501533" spans="14:14">
      <c r="N501533" s="10"/>
    </row>
    <row r="501534" spans="14:14">
      <c r="N501534" s="10"/>
    </row>
    <row r="501535" spans="14:14">
      <c r="N501535" s="10"/>
    </row>
    <row r="501536" spans="14:14">
      <c r="N501536" s="10"/>
    </row>
    <row r="501537" spans="14:14">
      <c r="N501537" s="10"/>
    </row>
    <row r="501538" spans="14:14">
      <c r="N501538" s="10"/>
    </row>
    <row r="501539" spans="14:14">
      <c r="N501539" s="10"/>
    </row>
    <row r="501540" spans="14:14">
      <c r="N501540" s="10"/>
    </row>
    <row r="501541" spans="14:14">
      <c r="N501541" s="10"/>
    </row>
    <row r="501542" spans="14:14">
      <c r="N501542" s="10"/>
    </row>
    <row r="501543" spans="14:14">
      <c r="N501543" s="10"/>
    </row>
    <row r="501544" spans="14:14">
      <c r="N501544" s="10"/>
    </row>
    <row r="501545" spans="14:14">
      <c r="N501545" s="10"/>
    </row>
    <row r="501546" spans="14:14">
      <c r="N501546" s="10"/>
    </row>
    <row r="501547" spans="14:14">
      <c r="N501547" s="10"/>
    </row>
    <row r="501548" spans="14:14">
      <c r="N501548" s="10"/>
    </row>
    <row r="501549" spans="14:14">
      <c r="N501549" s="10"/>
    </row>
    <row r="501550" spans="14:14">
      <c r="N501550" s="10"/>
    </row>
    <row r="501551" spans="14:14">
      <c r="N501551" s="10"/>
    </row>
    <row r="501552" spans="14:14">
      <c r="N501552" s="10"/>
    </row>
    <row r="501553" spans="14:14">
      <c r="N501553" s="10"/>
    </row>
    <row r="501554" spans="14:14">
      <c r="N501554" s="10"/>
    </row>
    <row r="501555" spans="14:14">
      <c r="N501555" s="10"/>
    </row>
    <row r="501556" spans="14:14">
      <c r="N501556" s="10"/>
    </row>
    <row r="501557" spans="14:14">
      <c r="N501557" s="10"/>
    </row>
    <row r="501558" spans="14:14">
      <c r="N501558" s="10"/>
    </row>
    <row r="501559" spans="14:14">
      <c r="N501559" s="10"/>
    </row>
    <row r="501560" spans="14:14">
      <c r="N501560" s="10"/>
    </row>
    <row r="501561" spans="14:14">
      <c r="N501561" s="10"/>
    </row>
    <row r="501562" spans="14:14">
      <c r="N501562" s="10"/>
    </row>
    <row r="501563" spans="14:14">
      <c r="N501563" s="10"/>
    </row>
    <row r="501564" spans="14:14">
      <c r="N501564" s="10"/>
    </row>
    <row r="501565" spans="14:14">
      <c r="N501565" s="10"/>
    </row>
    <row r="501566" spans="14:14">
      <c r="N501566" s="10"/>
    </row>
    <row r="501567" spans="14:14">
      <c r="N501567" s="10"/>
    </row>
    <row r="501568" spans="14:14">
      <c r="N501568" s="10"/>
    </row>
    <row r="501569" spans="14:14">
      <c r="N501569" s="10"/>
    </row>
    <row r="501570" spans="14:14">
      <c r="N501570" s="10"/>
    </row>
    <row r="501571" spans="14:14">
      <c r="N501571" s="10"/>
    </row>
    <row r="501572" spans="14:14">
      <c r="N501572" s="10"/>
    </row>
    <row r="501573" spans="14:14">
      <c r="N501573" s="10"/>
    </row>
    <row r="501574" spans="14:14">
      <c r="N501574" s="10"/>
    </row>
    <row r="501575" spans="14:14">
      <c r="N501575" s="10"/>
    </row>
    <row r="501576" spans="14:14">
      <c r="N501576" s="10"/>
    </row>
    <row r="501577" spans="14:14">
      <c r="N501577" s="10"/>
    </row>
    <row r="501578" spans="14:14">
      <c r="N501578" s="10"/>
    </row>
    <row r="501579" spans="14:14">
      <c r="N501579" s="10"/>
    </row>
    <row r="501580" spans="14:14">
      <c r="N501580" s="10"/>
    </row>
    <row r="501581" spans="14:14">
      <c r="N501581" s="10"/>
    </row>
    <row r="501582" spans="14:14">
      <c r="N501582" s="10"/>
    </row>
    <row r="501583" spans="14:14">
      <c r="N501583" s="10"/>
    </row>
    <row r="501584" spans="14:14">
      <c r="N501584" s="10"/>
    </row>
    <row r="501585" spans="14:14">
      <c r="N501585" s="10"/>
    </row>
    <row r="501586" spans="14:14">
      <c r="N501586" s="10"/>
    </row>
    <row r="501587" spans="14:14">
      <c r="N501587" s="10"/>
    </row>
    <row r="501588" spans="14:14">
      <c r="N501588" s="10"/>
    </row>
    <row r="501589" spans="14:14">
      <c r="N501589" s="10"/>
    </row>
    <row r="501590" spans="14:14">
      <c r="N501590" s="10"/>
    </row>
    <row r="501591" spans="14:14">
      <c r="N501591" s="10"/>
    </row>
    <row r="501592" spans="14:14">
      <c r="N501592" s="10"/>
    </row>
    <row r="501593" spans="14:14">
      <c r="N501593" s="10"/>
    </row>
    <row r="501594" spans="14:14">
      <c r="N501594" s="10"/>
    </row>
    <row r="501595" spans="14:14">
      <c r="N501595" s="10"/>
    </row>
    <row r="501596" spans="14:14">
      <c r="N501596" s="10"/>
    </row>
    <row r="501597" spans="14:14">
      <c r="N501597" s="10"/>
    </row>
    <row r="501598" spans="14:14">
      <c r="N501598" s="10"/>
    </row>
    <row r="501599" spans="14:14">
      <c r="N501599" s="10"/>
    </row>
    <row r="501600" spans="14:14">
      <c r="N501600" s="10"/>
    </row>
    <row r="501601" spans="14:14">
      <c r="N501601" s="10"/>
    </row>
    <row r="501602" spans="14:14">
      <c r="N501602" s="10"/>
    </row>
    <row r="501603" spans="14:14">
      <c r="N501603" s="10"/>
    </row>
    <row r="501604" spans="14:14">
      <c r="N501604" s="10"/>
    </row>
    <row r="501605" spans="14:14">
      <c r="N501605" s="10"/>
    </row>
    <row r="501606" spans="14:14">
      <c r="N501606" s="10"/>
    </row>
    <row r="501607" spans="14:14">
      <c r="N501607" s="10"/>
    </row>
    <row r="501608" spans="14:14">
      <c r="N501608" s="10"/>
    </row>
    <row r="501609" spans="14:14">
      <c r="N501609" s="10"/>
    </row>
    <row r="501610" spans="14:14">
      <c r="N501610" s="10"/>
    </row>
    <row r="501611" spans="14:14">
      <c r="N501611" s="10"/>
    </row>
    <row r="501612" spans="14:14">
      <c r="N501612" s="10"/>
    </row>
    <row r="501613" spans="14:14">
      <c r="N501613" s="10"/>
    </row>
    <row r="501614" spans="14:14">
      <c r="N501614" s="10"/>
    </row>
    <row r="501615" spans="14:14">
      <c r="N501615" s="10"/>
    </row>
    <row r="501616" spans="14:14">
      <c r="N501616" s="10"/>
    </row>
    <row r="501617" spans="14:14">
      <c r="N501617" s="10"/>
    </row>
    <row r="501618" spans="14:14">
      <c r="N501618" s="10"/>
    </row>
    <row r="501619" spans="14:14">
      <c r="N501619" s="10"/>
    </row>
    <row r="501620" spans="14:14">
      <c r="N501620" s="10"/>
    </row>
    <row r="501621" spans="14:14">
      <c r="N501621" s="10"/>
    </row>
    <row r="501622" spans="14:14">
      <c r="N501622" s="10"/>
    </row>
    <row r="501623" spans="14:14">
      <c r="N501623" s="10"/>
    </row>
    <row r="501624" spans="14:14">
      <c r="N501624" s="10"/>
    </row>
    <row r="501625" spans="14:14">
      <c r="N501625" s="10"/>
    </row>
    <row r="501626" spans="14:14">
      <c r="N501626" s="10"/>
    </row>
    <row r="501627" spans="14:14">
      <c r="N501627" s="10"/>
    </row>
    <row r="501628" spans="14:14">
      <c r="N501628" s="10"/>
    </row>
    <row r="501629" spans="14:14">
      <c r="N501629" s="10"/>
    </row>
    <row r="501630" spans="14:14">
      <c r="N501630" s="10"/>
    </row>
    <row r="501631" spans="14:14">
      <c r="N501631" s="10"/>
    </row>
    <row r="501632" spans="14:14">
      <c r="N501632" s="10"/>
    </row>
    <row r="501633" spans="14:14">
      <c r="N501633" s="10"/>
    </row>
    <row r="501634" spans="14:14">
      <c r="N501634" s="10"/>
    </row>
    <row r="501635" spans="14:14">
      <c r="N501635" s="10"/>
    </row>
    <row r="501636" spans="14:14">
      <c r="N501636" s="10"/>
    </row>
    <row r="501637" spans="14:14">
      <c r="N501637" s="10"/>
    </row>
    <row r="501638" spans="14:14">
      <c r="N501638" s="10"/>
    </row>
    <row r="501639" spans="14:14">
      <c r="N501639" s="10"/>
    </row>
    <row r="501640" spans="14:14">
      <c r="N501640" s="10"/>
    </row>
    <row r="501641" spans="14:14">
      <c r="N501641" s="10"/>
    </row>
    <row r="501642" spans="14:14">
      <c r="N501642" s="10"/>
    </row>
    <row r="501643" spans="14:14">
      <c r="N501643" s="10"/>
    </row>
    <row r="501644" spans="14:14">
      <c r="N501644" s="10"/>
    </row>
    <row r="501645" spans="14:14">
      <c r="N501645" s="10"/>
    </row>
    <row r="501646" spans="14:14">
      <c r="N501646" s="10"/>
    </row>
    <row r="501647" spans="14:14">
      <c r="N501647" s="10"/>
    </row>
    <row r="501648" spans="14:14">
      <c r="N501648" s="10"/>
    </row>
    <row r="501649" spans="14:14">
      <c r="N501649" s="10"/>
    </row>
    <row r="501650" spans="14:14">
      <c r="N501650" s="10"/>
    </row>
    <row r="501651" spans="14:14">
      <c r="N501651" s="10"/>
    </row>
    <row r="501652" spans="14:14">
      <c r="N501652" s="10"/>
    </row>
    <row r="501653" spans="14:14">
      <c r="N501653" s="10"/>
    </row>
    <row r="501654" spans="14:14">
      <c r="N501654" s="10"/>
    </row>
    <row r="501655" spans="14:14">
      <c r="N501655" s="10"/>
    </row>
    <row r="501656" spans="14:14">
      <c r="N501656" s="10"/>
    </row>
    <row r="501657" spans="14:14">
      <c r="N501657" s="10"/>
    </row>
    <row r="501658" spans="14:14">
      <c r="N501658" s="10"/>
    </row>
    <row r="501659" spans="14:14">
      <c r="N501659" s="10"/>
    </row>
    <row r="501660" spans="14:14">
      <c r="N501660" s="10"/>
    </row>
    <row r="501661" spans="14:14">
      <c r="N501661" s="10"/>
    </row>
    <row r="501662" spans="14:14">
      <c r="N501662" s="10"/>
    </row>
    <row r="501663" spans="14:14">
      <c r="N501663" s="10"/>
    </row>
    <row r="501664" spans="14:14">
      <c r="N501664" s="10"/>
    </row>
    <row r="501665" spans="14:14">
      <c r="N501665" s="10"/>
    </row>
    <row r="501666" spans="14:14">
      <c r="N501666" s="10"/>
    </row>
    <row r="501667" spans="14:14">
      <c r="N501667" s="10"/>
    </row>
    <row r="501668" spans="14:14">
      <c r="N501668" s="10"/>
    </row>
    <row r="501669" spans="14:14">
      <c r="N501669" s="10"/>
    </row>
    <row r="501670" spans="14:14">
      <c r="N501670" s="10"/>
    </row>
    <row r="501671" spans="14:14">
      <c r="N501671" s="10"/>
    </row>
    <row r="501672" spans="14:14">
      <c r="N501672" s="10"/>
    </row>
    <row r="501673" spans="14:14">
      <c r="N501673" s="10"/>
    </row>
    <row r="501674" spans="14:14">
      <c r="N501674" s="10"/>
    </row>
    <row r="501675" spans="14:14">
      <c r="N501675" s="10"/>
    </row>
    <row r="501676" spans="14:14">
      <c r="N501676" s="10"/>
    </row>
    <row r="501677" spans="14:14">
      <c r="N501677" s="10"/>
    </row>
    <row r="501678" spans="14:14">
      <c r="N501678" s="10"/>
    </row>
    <row r="501679" spans="14:14">
      <c r="N501679" s="10"/>
    </row>
    <row r="501680" spans="14:14">
      <c r="N501680" s="10"/>
    </row>
    <row r="501681" spans="14:14">
      <c r="N501681" s="10"/>
    </row>
    <row r="501682" spans="14:14">
      <c r="N501682" s="10"/>
    </row>
    <row r="501683" spans="14:14">
      <c r="N501683" s="10"/>
    </row>
    <row r="501684" spans="14:14">
      <c r="N501684" s="10"/>
    </row>
    <row r="501685" spans="14:14">
      <c r="N501685" s="10"/>
    </row>
    <row r="501686" spans="14:14">
      <c r="N501686" s="10"/>
    </row>
    <row r="501687" spans="14:14">
      <c r="N501687" s="10"/>
    </row>
    <row r="501688" spans="14:14">
      <c r="N501688" s="10"/>
    </row>
    <row r="501689" spans="14:14">
      <c r="N501689" s="10"/>
    </row>
    <row r="501690" spans="14:14">
      <c r="N501690" s="10"/>
    </row>
    <row r="501691" spans="14:14">
      <c r="N501691" s="10"/>
    </row>
    <row r="501692" spans="14:14">
      <c r="N501692" s="10"/>
    </row>
    <row r="501693" spans="14:14">
      <c r="N501693" s="10"/>
    </row>
    <row r="501694" spans="14:14">
      <c r="N501694" s="10"/>
    </row>
    <row r="501695" spans="14:14">
      <c r="N501695" s="10"/>
    </row>
    <row r="501696" spans="14:14">
      <c r="N501696" s="10"/>
    </row>
    <row r="501697" spans="14:14">
      <c r="N501697" s="10"/>
    </row>
    <row r="501698" spans="14:14">
      <c r="N501698" s="10"/>
    </row>
    <row r="501699" spans="14:14">
      <c r="N501699" s="10"/>
    </row>
    <row r="501700" spans="14:14">
      <c r="N501700" s="10"/>
    </row>
    <row r="501701" spans="14:14">
      <c r="N501701" s="10"/>
    </row>
    <row r="501702" spans="14:14">
      <c r="N501702" s="10"/>
    </row>
    <row r="501703" spans="14:14">
      <c r="N501703" s="10"/>
    </row>
    <row r="501704" spans="14:14">
      <c r="N501704" s="10"/>
    </row>
    <row r="501705" spans="14:14">
      <c r="N501705" s="10"/>
    </row>
    <row r="501706" spans="14:14">
      <c r="N501706" s="10"/>
    </row>
    <row r="501707" spans="14:14">
      <c r="N501707" s="10"/>
    </row>
    <row r="501708" spans="14:14">
      <c r="N501708" s="10"/>
    </row>
    <row r="501709" spans="14:14">
      <c r="N501709" s="10"/>
    </row>
    <row r="501710" spans="14:14">
      <c r="N501710" s="10"/>
    </row>
    <row r="501711" spans="14:14">
      <c r="N501711" s="10"/>
    </row>
    <row r="501712" spans="14:14">
      <c r="N501712" s="10"/>
    </row>
    <row r="501713" spans="14:14">
      <c r="N501713" s="10"/>
    </row>
    <row r="501714" spans="14:14">
      <c r="N501714" s="10"/>
    </row>
    <row r="501715" spans="14:14">
      <c r="N501715" s="10"/>
    </row>
    <row r="501716" spans="14:14">
      <c r="N501716" s="10"/>
    </row>
    <row r="501717" spans="14:14">
      <c r="N501717" s="10"/>
    </row>
    <row r="501718" spans="14:14">
      <c r="N501718" s="10"/>
    </row>
    <row r="501719" spans="14:14">
      <c r="N501719" s="10"/>
    </row>
    <row r="501720" spans="14:14">
      <c r="N501720" s="10"/>
    </row>
    <row r="501721" spans="14:14">
      <c r="N501721" s="10"/>
    </row>
    <row r="501722" spans="14:14">
      <c r="N501722" s="10"/>
    </row>
    <row r="501723" spans="14:14">
      <c r="N501723" s="10"/>
    </row>
    <row r="501724" spans="14:14">
      <c r="N501724" s="10"/>
    </row>
    <row r="501725" spans="14:14">
      <c r="N501725" s="10"/>
    </row>
    <row r="501726" spans="14:14">
      <c r="N501726" s="10"/>
    </row>
    <row r="501727" spans="14:14">
      <c r="N501727" s="10"/>
    </row>
    <row r="501728" spans="14:14">
      <c r="N501728" s="10"/>
    </row>
    <row r="501729" spans="14:14">
      <c r="N501729" s="10"/>
    </row>
    <row r="501730" spans="14:14">
      <c r="N501730" s="10"/>
    </row>
    <row r="501731" spans="14:14">
      <c r="N501731" s="10"/>
    </row>
    <row r="501732" spans="14:14">
      <c r="N501732" s="10"/>
    </row>
    <row r="501733" spans="14:14">
      <c r="N501733" s="10"/>
    </row>
    <row r="501734" spans="14:14">
      <c r="N501734" s="10"/>
    </row>
    <row r="501735" spans="14:14">
      <c r="N501735" s="10"/>
    </row>
    <row r="501736" spans="14:14">
      <c r="N501736" s="10"/>
    </row>
    <row r="501737" spans="14:14">
      <c r="N501737" s="10"/>
    </row>
    <row r="501738" spans="14:14">
      <c r="N501738" s="10"/>
    </row>
    <row r="501739" spans="14:14">
      <c r="N501739" s="10"/>
    </row>
    <row r="501740" spans="14:14">
      <c r="N501740" s="10"/>
    </row>
    <row r="501741" spans="14:14">
      <c r="N501741" s="10"/>
    </row>
    <row r="501742" spans="14:14">
      <c r="N501742" s="10"/>
    </row>
    <row r="501743" spans="14:14">
      <c r="N501743" s="10"/>
    </row>
    <row r="501744" spans="14:14">
      <c r="N501744" s="10"/>
    </row>
    <row r="501745" spans="14:14">
      <c r="N501745" s="10"/>
    </row>
    <row r="501746" spans="14:14">
      <c r="N501746" s="10"/>
    </row>
    <row r="501747" spans="14:14">
      <c r="N501747" s="10"/>
    </row>
    <row r="501748" spans="14:14">
      <c r="N501748" s="10"/>
    </row>
    <row r="501749" spans="14:14">
      <c r="N501749" s="10"/>
    </row>
    <row r="501750" spans="14:14">
      <c r="N501750" s="10"/>
    </row>
    <row r="501751" spans="14:14">
      <c r="N501751" s="10"/>
    </row>
    <row r="501752" spans="14:14">
      <c r="N501752" s="10"/>
    </row>
    <row r="501753" spans="14:14">
      <c r="N501753" s="10"/>
    </row>
    <row r="501754" spans="14:14">
      <c r="N501754" s="10"/>
    </row>
    <row r="501755" spans="14:14">
      <c r="N501755" s="10"/>
    </row>
    <row r="501756" spans="14:14">
      <c r="N501756" s="10"/>
    </row>
    <row r="501757" spans="14:14">
      <c r="N501757" s="10"/>
    </row>
    <row r="501758" spans="14:14">
      <c r="N501758" s="10"/>
    </row>
    <row r="501759" spans="14:14">
      <c r="N501759" s="10"/>
    </row>
    <row r="501760" spans="14:14">
      <c r="N501760" s="10"/>
    </row>
    <row r="501761" spans="14:14">
      <c r="N501761" s="10"/>
    </row>
    <row r="501762" spans="14:14">
      <c r="N501762" s="10"/>
    </row>
    <row r="501763" spans="14:14">
      <c r="N501763" s="10"/>
    </row>
    <row r="501764" spans="14:14">
      <c r="N501764" s="10"/>
    </row>
    <row r="501765" spans="14:14">
      <c r="N501765" s="10"/>
    </row>
    <row r="501766" spans="14:14">
      <c r="N501766" s="10"/>
    </row>
    <row r="501767" spans="14:14">
      <c r="N501767" s="10"/>
    </row>
    <row r="501768" spans="14:14">
      <c r="N501768" s="10"/>
    </row>
    <row r="501769" spans="14:14">
      <c r="N501769" s="10"/>
    </row>
    <row r="501770" spans="14:14">
      <c r="N501770" s="10"/>
    </row>
    <row r="501771" spans="14:14">
      <c r="N501771" s="10"/>
    </row>
    <row r="501772" spans="14:14">
      <c r="N501772" s="10"/>
    </row>
    <row r="501773" spans="14:14">
      <c r="N501773" s="10"/>
    </row>
    <row r="501774" spans="14:14">
      <c r="N501774" s="10"/>
    </row>
    <row r="501775" spans="14:14">
      <c r="N501775" s="10"/>
    </row>
    <row r="501776" spans="14:14">
      <c r="N501776" s="10"/>
    </row>
    <row r="501777" spans="14:14">
      <c r="N501777" s="10"/>
    </row>
    <row r="501778" spans="14:14">
      <c r="N501778" s="10"/>
    </row>
    <row r="501779" spans="14:14">
      <c r="N501779" s="10"/>
    </row>
    <row r="501780" spans="14:14">
      <c r="N501780" s="10"/>
    </row>
    <row r="501781" spans="14:14">
      <c r="N501781" s="10"/>
    </row>
    <row r="501782" spans="14:14">
      <c r="N501782" s="10"/>
    </row>
    <row r="501783" spans="14:14">
      <c r="N501783" s="10"/>
    </row>
    <row r="501784" spans="14:14">
      <c r="N501784" s="10"/>
    </row>
    <row r="501785" spans="14:14">
      <c r="N501785" s="10"/>
    </row>
    <row r="501786" spans="14:14">
      <c r="N501786" s="10"/>
    </row>
    <row r="501787" spans="14:14">
      <c r="N501787" s="10"/>
    </row>
    <row r="501788" spans="14:14">
      <c r="N501788" s="10"/>
    </row>
    <row r="501789" spans="14:14">
      <c r="N501789" s="10"/>
    </row>
    <row r="501790" spans="14:14">
      <c r="N501790" s="10"/>
    </row>
    <row r="501791" spans="14:14">
      <c r="N501791" s="10"/>
    </row>
    <row r="501792" spans="14:14">
      <c r="N501792" s="10"/>
    </row>
    <row r="501793" spans="14:14">
      <c r="N501793" s="10"/>
    </row>
    <row r="501794" spans="14:14">
      <c r="N501794" s="10"/>
    </row>
    <row r="501795" spans="14:14">
      <c r="N501795" s="10"/>
    </row>
    <row r="501796" spans="14:14">
      <c r="N501796" s="10"/>
    </row>
    <row r="501797" spans="14:14">
      <c r="N501797" s="10"/>
    </row>
    <row r="501798" spans="14:14">
      <c r="N501798" s="10"/>
    </row>
    <row r="501799" spans="14:14">
      <c r="N501799" s="10"/>
    </row>
    <row r="501800" spans="14:14">
      <c r="N501800" s="10"/>
    </row>
    <row r="501801" spans="14:14">
      <c r="N501801" s="10"/>
    </row>
    <row r="501802" spans="14:14">
      <c r="N501802" s="10"/>
    </row>
    <row r="501803" spans="14:14">
      <c r="N501803" s="10"/>
    </row>
    <row r="501804" spans="14:14">
      <c r="N501804" s="10"/>
    </row>
    <row r="501805" spans="14:14">
      <c r="N501805" s="10"/>
    </row>
    <row r="501806" spans="14:14">
      <c r="N501806" s="10"/>
    </row>
    <row r="501807" spans="14:14">
      <c r="N501807" s="10"/>
    </row>
    <row r="501808" spans="14:14">
      <c r="N501808" s="10"/>
    </row>
    <row r="501809" spans="14:14">
      <c r="N501809" s="10"/>
    </row>
    <row r="501810" spans="14:14">
      <c r="N501810" s="10"/>
    </row>
    <row r="501811" spans="14:14">
      <c r="N501811" s="10"/>
    </row>
    <row r="501812" spans="14:14">
      <c r="N501812" s="10"/>
    </row>
    <row r="501813" spans="14:14">
      <c r="N501813" s="10"/>
    </row>
    <row r="501814" spans="14:14">
      <c r="N501814" s="10"/>
    </row>
    <row r="501815" spans="14:14">
      <c r="N501815" s="10"/>
    </row>
    <row r="501816" spans="14:14">
      <c r="N501816" s="10"/>
    </row>
    <row r="501817" spans="14:14">
      <c r="N501817" s="10"/>
    </row>
    <row r="501818" spans="14:14">
      <c r="N501818" s="10"/>
    </row>
    <row r="501819" spans="14:14">
      <c r="N501819" s="10"/>
    </row>
    <row r="501820" spans="14:14">
      <c r="N501820" s="10"/>
    </row>
    <row r="501821" spans="14:14">
      <c r="N501821" s="10"/>
    </row>
    <row r="501822" spans="14:14">
      <c r="N501822" s="10"/>
    </row>
    <row r="501823" spans="14:14">
      <c r="N501823" s="10"/>
    </row>
    <row r="501824" spans="14:14">
      <c r="N501824" s="10"/>
    </row>
    <row r="501825" spans="14:14">
      <c r="N501825" s="10"/>
    </row>
    <row r="501826" spans="14:14">
      <c r="N501826" s="10"/>
    </row>
    <row r="501827" spans="14:14">
      <c r="N501827" s="10"/>
    </row>
    <row r="501828" spans="14:14">
      <c r="N501828" s="10"/>
    </row>
    <row r="501829" spans="14:14">
      <c r="N501829" s="10"/>
    </row>
    <row r="501830" spans="14:14">
      <c r="N501830" s="10"/>
    </row>
    <row r="501831" spans="14:14">
      <c r="N501831" s="10"/>
    </row>
    <row r="501832" spans="14:14">
      <c r="N501832" s="10"/>
    </row>
    <row r="501833" spans="14:14">
      <c r="N501833" s="10"/>
    </row>
    <row r="501834" spans="14:14">
      <c r="N501834" s="10"/>
    </row>
    <row r="501835" spans="14:14">
      <c r="N501835" s="10"/>
    </row>
    <row r="501836" spans="14:14">
      <c r="N501836" s="10"/>
    </row>
    <row r="501837" spans="14:14">
      <c r="N501837" s="10"/>
    </row>
    <row r="501838" spans="14:14">
      <c r="N501838" s="10"/>
    </row>
    <row r="501839" spans="14:14">
      <c r="N501839" s="10"/>
    </row>
    <row r="501840" spans="14:14">
      <c r="N501840" s="10"/>
    </row>
    <row r="501841" spans="14:14">
      <c r="N501841" s="10"/>
    </row>
    <row r="501842" spans="14:14">
      <c r="N501842" s="10"/>
    </row>
    <row r="501843" spans="14:14">
      <c r="N501843" s="10"/>
    </row>
    <row r="501844" spans="14:14">
      <c r="N501844" s="10"/>
    </row>
    <row r="501845" spans="14:14">
      <c r="N501845" s="10"/>
    </row>
    <row r="501846" spans="14:14">
      <c r="N501846" s="10"/>
    </row>
    <row r="501847" spans="14:14">
      <c r="N501847" s="10"/>
    </row>
    <row r="501848" spans="14:14">
      <c r="N501848" s="10"/>
    </row>
    <row r="501849" spans="14:14">
      <c r="N501849" s="10"/>
    </row>
    <row r="501850" spans="14:14">
      <c r="N501850" s="10"/>
    </row>
    <row r="501851" spans="14:14">
      <c r="N501851" s="10"/>
    </row>
    <row r="501852" spans="14:14">
      <c r="N501852" s="10"/>
    </row>
    <row r="501853" spans="14:14">
      <c r="N501853" s="10"/>
    </row>
    <row r="501854" spans="14:14">
      <c r="N501854" s="10"/>
    </row>
    <row r="501855" spans="14:14">
      <c r="N501855" s="10"/>
    </row>
    <row r="501856" spans="14:14">
      <c r="N501856" s="10"/>
    </row>
    <row r="501857" spans="14:14">
      <c r="N501857" s="10"/>
    </row>
    <row r="501858" spans="14:14">
      <c r="N501858" s="10"/>
    </row>
    <row r="501859" spans="14:14">
      <c r="N501859" s="10"/>
    </row>
    <row r="501860" spans="14:14">
      <c r="N501860" s="10"/>
    </row>
    <row r="501861" spans="14:14">
      <c r="N501861" s="10"/>
    </row>
    <row r="501862" spans="14:14">
      <c r="N501862" s="10"/>
    </row>
    <row r="501863" spans="14:14">
      <c r="N501863" s="10"/>
    </row>
    <row r="501864" spans="14:14">
      <c r="N501864" s="10"/>
    </row>
    <row r="501865" spans="14:14">
      <c r="N501865" s="10"/>
    </row>
    <row r="501866" spans="14:14">
      <c r="N501866" s="10"/>
    </row>
    <row r="501867" spans="14:14">
      <c r="N501867" s="10"/>
    </row>
    <row r="501868" spans="14:14">
      <c r="N501868" s="10"/>
    </row>
    <row r="501869" spans="14:14">
      <c r="N501869" s="10"/>
    </row>
    <row r="501870" spans="14:14">
      <c r="N501870" s="10"/>
    </row>
    <row r="501871" spans="14:14">
      <c r="N501871" s="10"/>
    </row>
    <row r="501872" spans="14:14">
      <c r="N501872" s="10"/>
    </row>
    <row r="501873" spans="14:14">
      <c r="N501873" s="10"/>
    </row>
    <row r="501874" spans="14:14">
      <c r="N501874" s="10"/>
    </row>
    <row r="501875" spans="14:14">
      <c r="N501875" s="10"/>
    </row>
    <row r="501876" spans="14:14">
      <c r="N501876" s="10"/>
    </row>
    <row r="501877" spans="14:14">
      <c r="N501877" s="10"/>
    </row>
    <row r="501878" spans="14:14">
      <c r="N501878" s="10"/>
    </row>
    <row r="501879" spans="14:14">
      <c r="N501879" s="10"/>
    </row>
    <row r="501880" spans="14:14">
      <c r="N501880" s="10"/>
    </row>
    <row r="501881" spans="14:14">
      <c r="N501881" s="10"/>
    </row>
    <row r="501882" spans="14:14">
      <c r="N501882" s="10"/>
    </row>
    <row r="501883" spans="14:14">
      <c r="N501883" s="10"/>
    </row>
    <row r="501884" spans="14:14">
      <c r="N501884" s="10"/>
    </row>
    <row r="501885" spans="14:14">
      <c r="N501885" s="10"/>
    </row>
    <row r="501886" spans="14:14">
      <c r="N501886" s="10"/>
    </row>
    <row r="501887" spans="14:14">
      <c r="N501887" s="10"/>
    </row>
    <row r="501888" spans="14:14">
      <c r="N501888" s="10"/>
    </row>
    <row r="501889" spans="14:14">
      <c r="N501889" s="10"/>
    </row>
    <row r="501890" spans="14:14">
      <c r="N501890" s="10"/>
    </row>
    <row r="501891" spans="14:14">
      <c r="N501891" s="10"/>
    </row>
    <row r="501892" spans="14:14">
      <c r="N501892" s="10"/>
    </row>
    <row r="501893" spans="14:14">
      <c r="N501893" s="10"/>
    </row>
    <row r="501894" spans="14:14">
      <c r="N501894" s="10"/>
    </row>
    <row r="501895" spans="14:14">
      <c r="N501895" s="10"/>
    </row>
    <row r="501896" spans="14:14">
      <c r="N501896" s="10"/>
    </row>
    <row r="501897" spans="14:14">
      <c r="N501897" s="10"/>
    </row>
    <row r="501898" spans="14:14">
      <c r="N501898" s="10"/>
    </row>
    <row r="501899" spans="14:14">
      <c r="N501899" s="10"/>
    </row>
    <row r="501900" spans="14:14">
      <c r="N501900" s="10"/>
    </row>
    <row r="501901" spans="14:14">
      <c r="N501901" s="10"/>
    </row>
    <row r="501902" spans="14:14">
      <c r="N501902" s="10"/>
    </row>
    <row r="501903" spans="14:14">
      <c r="N501903" s="10"/>
    </row>
    <row r="501904" spans="14:14">
      <c r="N501904" s="10"/>
    </row>
    <row r="501905" spans="14:14">
      <c r="N501905" s="10"/>
    </row>
    <row r="501906" spans="14:14">
      <c r="N501906" s="10"/>
    </row>
    <row r="501907" spans="14:14">
      <c r="N501907" s="10"/>
    </row>
    <row r="501908" spans="14:14">
      <c r="N501908" s="10"/>
    </row>
    <row r="501909" spans="14:14">
      <c r="N501909" s="10"/>
    </row>
    <row r="501910" spans="14:14">
      <c r="N501910" s="10"/>
    </row>
    <row r="501911" spans="14:14">
      <c r="N501911" s="10"/>
    </row>
    <row r="501912" spans="14:14">
      <c r="N501912" s="10"/>
    </row>
    <row r="501913" spans="14:14">
      <c r="N501913" s="10"/>
    </row>
    <row r="501914" spans="14:14">
      <c r="N501914" s="10"/>
    </row>
    <row r="501915" spans="14:14">
      <c r="N501915" s="10"/>
    </row>
    <row r="501916" spans="14:14">
      <c r="N501916" s="10"/>
    </row>
    <row r="501917" spans="14:14">
      <c r="N501917" s="10"/>
    </row>
    <row r="501918" spans="14:14">
      <c r="N501918" s="10"/>
    </row>
    <row r="501919" spans="14:14">
      <c r="N501919" s="10"/>
    </row>
    <row r="501920" spans="14:14">
      <c r="N501920" s="10"/>
    </row>
    <row r="501921" spans="14:14">
      <c r="N501921" s="10"/>
    </row>
    <row r="501922" spans="14:14">
      <c r="N501922" s="10"/>
    </row>
    <row r="501923" spans="14:14">
      <c r="N501923" s="10"/>
    </row>
    <row r="501924" spans="14:14">
      <c r="N501924" s="10"/>
    </row>
    <row r="501925" spans="14:14">
      <c r="N501925" s="10"/>
    </row>
    <row r="501926" spans="14:14">
      <c r="N501926" s="10"/>
    </row>
    <row r="501927" spans="14:14">
      <c r="N501927" s="10"/>
    </row>
    <row r="501928" spans="14:14">
      <c r="N501928" s="10"/>
    </row>
    <row r="501929" spans="14:14">
      <c r="N501929" s="10"/>
    </row>
    <row r="501930" spans="14:14">
      <c r="N501930" s="10"/>
    </row>
    <row r="501931" spans="14:14">
      <c r="N501931" s="10"/>
    </row>
    <row r="501932" spans="14:14">
      <c r="N501932" s="10"/>
    </row>
    <row r="501933" spans="14:14">
      <c r="N501933" s="10"/>
    </row>
    <row r="501934" spans="14:14">
      <c r="N501934" s="10"/>
    </row>
    <row r="501935" spans="14:14">
      <c r="N501935" s="10"/>
    </row>
    <row r="501936" spans="14:14">
      <c r="N501936" s="10"/>
    </row>
    <row r="501937" spans="14:14">
      <c r="N501937" s="10"/>
    </row>
    <row r="501938" spans="14:14">
      <c r="N501938" s="10"/>
    </row>
    <row r="501939" spans="14:14">
      <c r="N501939" s="10"/>
    </row>
    <row r="501940" spans="14:14">
      <c r="N501940" s="10"/>
    </row>
    <row r="501941" spans="14:14">
      <c r="N501941" s="10"/>
    </row>
    <row r="501942" spans="14:14">
      <c r="N501942" s="10"/>
    </row>
    <row r="501943" spans="14:14">
      <c r="N501943" s="10"/>
    </row>
    <row r="501944" spans="14:14">
      <c r="N501944" s="10"/>
    </row>
    <row r="501945" spans="14:14">
      <c r="N501945" s="10"/>
    </row>
    <row r="501946" spans="14:14">
      <c r="N501946" s="10"/>
    </row>
    <row r="501947" spans="14:14">
      <c r="N501947" s="10"/>
    </row>
    <row r="501948" spans="14:14">
      <c r="N501948" s="10"/>
    </row>
    <row r="501949" spans="14:14">
      <c r="N501949" s="10"/>
    </row>
    <row r="501950" spans="14:14">
      <c r="N501950" s="10"/>
    </row>
    <row r="501951" spans="14:14">
      <c r="N501951" s="10"/>
    </row>
    <row r="501952" spans="14:14">
      <c r="N501952" s="10"/>
    </row>
    <row r="501953" spans="14:14">
      <c r="N501953" s="10"/>
    </row>
    <row r="501954" spans="14:14">
      <c r="N501954" s="10"/>
    </row>
    <row r="501955" spans="14:14">
      <c r="N501955" s="10"/>
    </row>
    <row r="501956" spans="14:14">
      <c r="N501956" s="10"/>
    </row>
    <row r="501957" spans="14:14">
      <c r="N501957" s="10"/>
    </row>
    <row r="501958" spans="14:14">
      <c r="N501958" s="10"/>
    </row>
    <row r="501959" spans="14:14">
      <c r="N501959" s="10"/>
    </row>
    <row r="501960" spans="14:14">
      <c r="N501960" s="10"/>
    </row>
    <row r="501961" spans="14:14">
      <c r="N501961" s="10"/>
    </row>
    <row r="501962" spans="14:14">
      <c r="N501962" s="10"/>
    </row>
    <row r="501963" spans="14:14">
      <c r="N501963" s="10"/>
    </row>
    <row r="501964" spans="14:14">
      <c r="N501964" s="10"/>
    </row>
    <row r="501965" spans="14:14">
      <c r="N501965" s="10"/>
    </row>
    <row r="501966" spans="14:14">
      <c r="N501966" s="10"/>
    </row>
    <row r="501967" spans="14:14">
      <c r="N501967" s="10"/>
    </row>
    <row r="501968" spans="14:14">
      <c r="N501968" s="10"/>
    </row>
    <row r="501969" spans="14:14">
      <c r="N501969" s="10"/>
    </row>
    <row r="501970" spans="14:14">
      <c r="N501970" s="10"/>
    </row>
    <row r="501971" spans="14:14">
      <c r="N501971" s="10"/>
    </row>
    <row r="501972" spans="14:14">
      <c r="N501972" s="10"/>
    </row>
    <row r="501973" spans="14:14">
      <c r="N501973" s="10"/>
    </row>
    <row r="501974" spans="14:14">
      <c r="N501974" s="10"/>
    </row>
    <row r="501975" spans="14:14">
      <c r="N501975" s="10"/>
    </row>
    <row r="501976" spans="14:14">
      <c r="N501976" s="10"/>
    </row>
    <row r="501977" spans="14:14">
      <c r="N501977" s="10"/>
    </row>
    <row r="501978" spans="14:14">
      <c r="N501978" s="10"/>
    </row>
    <row r="501979" spans="14:14">
      <c r="N501979" s="10"/>
    </row>
    <row r="501980" spans="14:14">
      <c r="N501980" s="10"/>
    </row>
    <row r="501981" spans="14:14">
      <c r="N501981" s="10"/>
    </row>
    <row r="501982" spans="14:14">
      <c r="N501982" s="10"/>
    </row>
    <row r="501983" spans="14:14">
      <c r="N501983" s="10"/>
    </row>
    <row r="501984" spans="14:14">
      <c r="N501984" s="10"/>
    </row>
    <row r="501985" spans="14:14">
      <c r="N501985" s="10"/>
    </row>
    <row r="501986" spans="14:14">
      <c r="N501986" s="10"/>
    </row>
    <row r="501987" spans="14:14">
      <c r="N501987" s="10"/>
    </row>
    <row r="501988" spans="14:14">
      <c r="N501988" s="10"/>
    </row>
    <row r="501989" spans="14:14">
      <c r="N501989" s="10"/>
    </row>
    <row r="501990" spans="14:14">
      <c r="N501990" s="10"/>
    </row>
    <row r="501991" spans="14:14">
      <c r="N501991" s="10"/>
    </row>
    <row r="501992" spans="14:14">
      <c r="N501992" s="10"/>
    </row>
    <row r="501993" spans="14:14">
      <c r="N501993" s="10"/>
    </row>
    <row r="501994" spans="14:14">
      <c r="N501994" s="10"/>
    </row>
    <row r="501995" spans="14:14">
      <c r="N501995" s="10"/>
    </row>
    <row r="501996" spans="14:14">
      <c r="N501996" s="10"/>
    </row>
    <row r="501997" spans="14:14">
      <c r="N501997" s="10"/>
    </row>
    <row r="501998" spans="14:14">
      <c r="N501998" s="10"/>
    </row>
    <row r="501999" spans="14:14">
      <c r="N501999" s="10"/>
    </row>
    <row r="502000" spans="14:14">
      <c r="N502000" s="10"/>
    </row>
    <row r="502001" spans="14:14">
      <c r="N502001" s="10"/>
    </row>
    <row r="502002" spans="14:14">
      <c r="N502002" s="10"/>
    </row>
    <row r="502003" spans="14:14">
      <c r="N502003" s="10"/>
    </row>
    <row r="502004" spans="14:14">
      <c r="N502004" s="10"/>
    </row>
    <row r="502005" spans="14:14">
      <c r="N502005" s="10"/>
    </row>
    <row r="502006" spans="14:14">
      <c r="N502006" s="10"/>
    </row>
    <row r="502007" spans="14:14">
      <c r="N502007" s="10"/>
    </row>
    <row r="502008" spans="14:14">
      <c r="N502008" s="10"/>
    </row>
    <row r="502009" spans="14:14">
      <c r="N502009" s="10"/>
    </row>
    <row r="502010" spans="14:14">
      <c r="N502010" s="10"/>
    </row>
    <row r="502011" spans="14:14">
      <c r="N502011" s="10"/>
    </row>
    <row r="502012" spans="14:14">
      <c r="N502012" s="10"/>
    </row>
    <row r="502013" spans="14:14">
      <c r="N502013" s="10"/>
    </row>
    <row r="502014" spans="14:14">
      <c r="N502014" s="10"/>
    </row>
    <row r="502015" spans="14:14">
      <c r="N502015" s="10"/>
    </row>
    <row r="502016" spans="14:14">
      <c r="N502016" s="10"/>
    </row>
    <row r="502017" spans="14:14">
      <c r="N502017" s="10"/>
    </row>
    <row r="502018" spans="14:14">
      <c r="N502018" s="10"/>
    </row>
    <row r="502019" spans="14:14">
      <c r="N502019" s="10"/>
    </row>
    <row r="502020" spans="14:14">
      <c r="N502020" s="10"/>
    </row>
    <row r="502021" spans="14:14">
      <c r="N502021" s="10"/>
    </row>
    <row r="502022" spans="14:14">
      <c r="N502022" s="10"/>
    </row>
    <row r="502023" spans="14:14">
      <c r="N502023" s="10"/>
    </row>
    <row r="502024" spans="14:14">
      <c r="N502024" s="10"/>
    </row>
    <row r="502025" spans="14:14">
      <c r="N502025" s="10"/>
    </row>
    <row r="502026" spans="14:14">
      <c r="N502026" s="10"/>
    </row>
    <row r="502027" spans="14:14">
      <c r="N502027" s="10"/>
    </row>
    <row r="502028" spans="14:14">
      <c r="N502028" s="10"/>
    </row>
    <row r="502029" spans="14:14">
      <c r="N502029" s="10"/>
    </row>
    <row r="502030" spans="14:14">
      <c r="N502030" s="10"/>
    </row>
    <row r="502031" spans="14:14">
      <c r="N502031" s="10"/>
    </row>
    <row r="502032" spans="14:14">
      <c r="N502032" s="10"/>
    </row>
    <row r="502033" spans="14:14">
      <c r="N502033" s="10"/>
    </row>
    <row r="502034" spans="14:14">
      <c r="N502034" s="10"/>
    </row>
    <row r="502035" spans="14:14">
      <c r="N502035" s="10"/>
    </row>
    <row r="502036" spans="14:14">
      <c r="N502036" s="10"/>
    </row>
    <row r="502037" spans="14:14">
      <c r="N502037" s="10"/>
    </row>
    <row r="502038" spans="14:14">
      <c r="N502038" s="10"/>
    </row>
    <row r="502039" spans="14:14">
      <c r="N502039" s="10"/>
    </row>
    <row r="502040" spans="14:14">
      <c r="N502040" s="10"/>
    </row>
    <row r="502041" spans="14:14">
      <c r="N502041" s="10"/>
    </row>
    <row r="502042" spans="14:14">
      <c r="N502042" s="10"/>
    </row>
    <row r="502043" spans="14:14">
      <c r="N502043" s="10"/>
    </row>
    <row r="502044" spans="14:14">
      <c r="N502044" s="10"/>
    </row>
    <row r="502045" spans="14:14">
      <c r="N502045" s="10"/>
    </row>
    <row r="502046" spans="14:14">
      <c r="N502046" s="10"/>
    </row>
    <row r="502047" spans="14:14">
      <c r="N502047" s="10"/>
    </row>
    <row r="502048" spans="14:14">
      <c r="N502048" s="10"/>
    </row>
    <row r="502049" spans="14:14">
      <c r="N502049" s="10"/>
    </row>
    <row r="502050" spans="14:14">
      <c r="N502050" s="10"/>
    </row>
    <row r="502051" spans="14:14">
      <c r="N502051" s="10"/>
    </row>
    <row r="502052" spans="14:14">
      <c r="N502052" s="10"/>
    </row>
    <row r="502053" spans="14:14">
      <c r="N502053" s="10"/>
    </row>
    <row r="502054" spans="14:14">
      <c r="N502054" s="10"/>
    </row>
    <row r="502055" spans="14:14">
      <c r="N502055" s="10"/>
    </row>
    <row r="502056" spans="14:14">
      <c r="N502056" s="10"/>
    </row>
    <row r="502057" spans="14:14">
      <c r="N502057" s="10"/>
    </row>
    <row r="502058" spans="14:14">
      <c r="N502058" s="10"/>
    </row>
    <row r="502059" spans="14:14">
      <c r="N502059" s="10"/>
    </row>
    <row r="502060" spans="14:14">
      <c r="N502060" s="10"/>
    </row>
    <row r="502061" spans="14:14">
      <c r="N502061" s="10"/>
    </row>
    <row r="502062" spans="14:14">
      <c r="N502062" s="10"/>
    </row>
    <row r="502063" spans="14:14">
      <c r="N502063" s="10"/>
    </row>
    <row r="502064" spans="14:14">
      <c r="N502064" s="10"/>
    </row>
    <row r="502065" spans="14:14">
      <c r="N502065" s="10"/>
    </row>
    <row r="502066" spans="14:14">
      <c r="N502066" s="10"/>
    </row>
    <row r="502067" spans="14:14">
      <c r="N502067" s="10"/>
    </row>
    <row r="502068" spans="14:14">
      <c r="N502068" s="10"/>
    </row>
    <row r="502069" spans="14:14">
      <c r="N502069" s="10"/>
    </row>
    <row r="502070" spans="14:14">
      <c r="N502070" s="10"/>
    </row>
    <row r="502071" spans="14:14">
      <c r="N502071" s="10"/>
    </row>
    <row r="502072" spans="14:14">
      <c r="N502072" s="10"/>
    </row>
    <row r="502073" spans="14:14">
      <c r="N502073" s="10"/>
    </row>
    <row r="502074" spans="14:14">
      <c r="N502074" s="10"/>
    </row>
    <row r="502075" spans="14:14">
      <c r="N502075" s="10"/>
    </row>
    <row r="502076" spans="14:14">
      <c r="N502076" s="10"/>
    </row>
    <row r="502077" spans="14:14">
      <c r="N502077" s="10"/>
    </row>
    <row r="502078" spans="14:14">
      <c r="N502078" s="10"/>
    </row>
    <row r="502079" spans="14:14">
      <c r="N502079" s="10"/>
    </row>
    <row r="502080" spans="14:14">
      <c r="N502080" s="10"/>
    </row>
    <row r="502081" spans="14:14">
      <c r="N502081" s="10"/>
    </row>
    <row r="502082" spans="14:14">
      <c r="N502082" s="10"/>
    </row>
    <row r="502083" spans="14:14">
      <c r="N502083" s="10"/>
    </row>
    <row r="502084" spans="14:14">
      <c r="N502084" s="10"/>
    </row>
    <row r="502085" spans="14:14">
      <c r="N502085" s="10"/>
    </row>
    <row r="502086" spans="14:14">
      <c r="N502086" s="10"/>
    </row>
    <row r="502087" spans="14:14">
      <c r="N502087" s="10"/>
    </row>
    <row r="502088" spans="14:14">
      <c r="N502088" s="10"/>
    </row>
    <row r="502089" spans="14:14">
      <c r="N502089" s="10"/>
    </row>
    <row r="502090" spans="14:14">
      <c r="N502090" s="10"/>
    </row>
    <row r="502091" spans="14:14">
      <c r="N502091" s="10"/>
    </row>
    <row r="502092" spans="14:14">
      <c r="N502092" s="10"/>
    </row>
    <row r="502093" spans="14:14">
      <c r="N502093" s="10"/>
    </row>
    <row r="502094" spans="14:14">
      <c r="N502094" s="10"/>
    </row>
    <row r="502095" spans="14:14">
      <c r="N502095" s="10"/>
    </row>
    <row r="502096" spans="14:14">
      <c r="N502096" s="10"/>
    </row>
    <row r="502097" spans="14:14">
      <c r="N502097" s="10"/>
    </row>
    <row r="502098" spans="14:14">
      <c r="N502098" s="10"/>
    </row>
    <row r="502099" spans="14:14">
      <c r="N502099" s="10"/>
    </row>
    <row r="502100" spans="14:14">
      <c r="N502100" s="10"/>
    </row>
    <row r="502101" spans="14:14">
      <c r="N502101" s="10"/>
    </row>
    <row r="502102" spans="14:14">
      <c r="N502102" s="10"/>
    </row>
    <row r="502103" spans="14:14">
      <c r="N502103" s="10"/>
    </row>
    <row r="502104" spans="14:14">
      <c r="N502104" s="10"/>
    </row>
    <row r="502105" spans="14:14">
      <c r="N502105" s="10"/>
    </row>
    <row r="502106" spans="14:14">
      <c r="N502106" s="10"/>
    </row>
    <row r="502107" spans="14:14">
      <c r="N502107" s="10"/>
    </row>
    <row r="502108" spans="14:14">
      <c r="N502108" s="10"/>
    </row>
    <row r="502109" spans="14:14">
      <c r="N502109" s="10"/>
    </row>
    <row r="502110" spans="14:14">
      <c r="N502110" s="10"/>
    </row>
    <row r="502111" spans="14:14">
      <c r="N502111" s="10"/>
    </row>
    <row r="502112" spans="14:14">
      <c r="N502112" s="10"/>
    </row>
    <row r="502113" spans="14:14">
      <c r="N502113" s="10"/>
    </row>
    <row r="502114" spans="14:14">
      <c r="N502114" s="10"/>
    </row>
    <row r="502115" spans="14:14">
      <c r="N502115" s="10"/>
    </row>
    <row r="502116" spans="14:14">
      <c r="N502116" s="10"/>
    </row>
    <row r="502117" spans="14:14">
      <c r="N502117" s="10"/>
    </row>
    <row r="502118" spans="14:14">
      <c r="N502118" s="10"/>
    </row>
    <row r="502119" spans="14:14">
      <c r="N502119" s="10"/>
    </row>
    <row r="502120" spans="14:14">
      <c r="N502120" s="10"/>
    </row>
    <row r="502121" spans="14:14">
      <c r="N502121" s="10"/>
    </row>
    <row r="502122" spans="14:14">
      <c r="N502122" s="10"/>
    </row>
    <row r="502123" spans="14:14">
      <c r="N502123" s="10"/>
    </row>
    <row r="502124" spans="14:14">
      <c r="N502124" s="10"/>
    </row>
    <row r="502125" spans="14:14">
      <c r="N502125" s="10"/>
    </row>
    <row r="502126" spans="14:14">
      <c r="N502126" s="10"/>
    </row>
    <row r="502127" spans="14:14">
      <c r="N502127" s="10"/>
    </row>
    <row r="502128" spans="14:14">
      <c r="N502128" s="10"/>
    </row>
    <row r="502129" spans="14:14">
      <c r="N502129" s="10"/>
    </row>
    <row r="502130" spans="14:14">
      <c r="N502130" s="10"/>
    </row>
    <row r="502131" spans="14:14">
      <c r="N502131" s="10"/>
    </row>
    <row r="502132" spans="14:14">
      <c r="N502132" s="10"/>
    </row>
    <row r="502133" spans="14:14">
      <c r="N502133" s="10"/>
    </row>
    <row r="502134" spans="14:14">
      <c r="N502134" s="10"/>
    </row>
    <row r="502135" spans="14:14">
      <c r="N502135" s="10"/>
    </row>
    <row r="502136" spans="14:14">
      <c r="N502136" s="10"/>
    </row>
    <row r="502137" spans="14:14">
      <c r="N502137" s="10"/>
    </row>
    <row r="502138" spans="14:14">
      <c r="N502138" s="10"/>
    </row>
    <row r="502139" spans="14:14">
      <c r="N502139" s="10"/>
    </row>
    <row r="502140" spans="14:14">
      <c r="N502140" s="10"/>
    </row>
    <row r="502141" spans="14:14">
      <c r="N502141" s="10"/>
    </row>
    <row r="502142" spans="14:14">
      <c r="N502142" s="10"/>
    </row>
    <row r="502143" spans="14:14">
      <c r="N502143" s="10"/>
    </row>
    <row r="502144" spans="14:14">
      <c r="N502144" s="10"/>
    </row>
    <row r="502145" spans="14:14">
      <c r="N502145" s="10"/>
    </row>
    <row r="502146" spans="14:14">
      <c r="N502146" s="10"/>
    </row>
    <row r="502147" spans="14:14">
      <c r="N502147" s="10"/>
    </row>
    <row r="502148" spans="14:14">
      <c r="N502148" s="10"/>
    </row>
    <row r="502149" spans="14:14">
      <c r="N502149" s="10"/>
    </row>
    <row r="502150" spans="14:14">
      <c r="N502150" s="10"/>
    </row>
    <row r="502151" spans="14:14">
      <c r="N502151" s="10"/>
    </row>
    <row r="502152" spans="14:14">
      <c r="N502152" s="10"/>
    </row>
    <row r="502153" spans="14:14">
      <c r="N502153" s="10"/>
    </row>
    <row r="502154" spans="14:14">
      <c r="N502154" s="10"/>
    </row>
    <row r="502155" spans="14:14">
      <c r="N502155" s="10"/>
    </row>
    <row r="502156" spans="14:14">
      <c r="N502156" s="10"/>
    </row>
    <row r="502157" spans="14:14">
      <c r="N502157" s="10"/>
    </row>
    <row r="502158" spans="14:14">
      <c r="N502158" s="10"/>
    </row>
    <row r="502159" spans="14:14">
      <c r="N502159" s="10"/>
    </row>
    <row r="502160" spans="14:14">
      <c r="N502160" s="10"/>
    </row>
    <row r="502161" spans="14:14">
      <c r="N502161" s="10"/>
    </row>
    <row r="502162" spans="14:14">
      <c r="N502162" s="10"/>
    </row>
    <row r="502163" spans="14:14">
      <c r="N502163" s="10"/>
    </row>
    <row r="502164" spans="14:14">
      <c r="N502164" s="10"/>
    </row>
    <row r="502165" spans="14:14">
      <c r="N502165" s="10"/>
    </row>
    <row r="502166" spans="14:14">
      <c r="N502166" s="10"/>
    </row>
    <row r="502167" spans="14:14">
      <c r="N502167" s="10"/>
    </row>
    <row r="502168" spans="14:14">
      <c r="N502168" s="10"/>
    </row>
    <row r="502169" spans="14:14">
      <c r="N502169" s="10"/>
    </row>
    <row r="502170" spans="14:14">
      <c r="N502170" s="10"/>
    </row>
    <row r="502171" spans="14:14">
      <c r="N502171" s="10"/>
    </row>
    <row r="502172" spans="14:14">
      <c r="N502172" s="10"/>
    </row>
    <row r="502173" spans="14:14">
      <c r="N502173" s="10"/>
    </row>
    <row r="502174" spans="14:14">
      <c r="N502174" s="10"/>
    </row>
    <row r="502175" spans="14:14">
      <c r="N502175" s="10"/>
    </row>
    <row r="502176" spans="14:14">
      <c r="N502176" s="10"/>
    </row>
    <row r="502177" spans="14:14">
      <c r="N502177" s="10"/>
    </row>
    <row r="502178" spans="14:14">
      <c r="N502178" s="10"/>
    </row>
    <row r="502179" spans="14:14">
      <c r="N502179" s="10"/>
    </row>
    <row r="502180" spans="14:14">
      <c r="N502180" s="10"/>
    </row>
    <row r="502181" spans="14:14">
      <c r="N502181" s="10"/>
    </row>
    <row r="502182" spans="14:14">
      <c r="N502182" s="10"/>
    </row>
    <row r="502183" spans="14:14">
      <c r="N502183" s="10"/>
    </row>
    <row r="502184" spans="14:14">
      <c r="N502184" s="10"/>
    </row>
    <row r="502185" spans="14:14">
      <c r="N502185" s="10"/>
    </row>
    <row r="502186" spans="14:14">
      <c r="N502186" s="10"/>
    </row>
    <row r="502187" spans="14:14">
      <c r="N502187" s="10"/>
    </row>
    <row r="502188" spans="14:14">
      <c r="N502188" s="10"/>
    </row>
    <row r="502189" spans="14:14">
      <c r="N502189" s="10"/>
    </row>
    <row r="502190" spans="14:14">
      <c r="N502190" s="10"/>
    </row>
    <row r="502191" spans="14:14">
      <c r="N502191" s="10"/>
    </row>
    <row r="502192" spans="14:14">
      <c r="N502192" s="10"/>
    </row>
    <row r="502193" spans="14:14">
      <c r="N502193" s="10"/>
    </row>
    <row r="502194" spans="14:14">
      <c r="N502194" s="10"/>
    </row>
    <row r="502195" spans="14:14">
      <c r="N502195" s="10"/>
    </row>
    <row r="502196" spans="14:14">
      <c r="N502196" s="10"/>
    </row>
    <row r="502197" spans="14:14">
      <c r="N502197" s="10"/>
    </row>
    <row r="502198" spans="14:14">
      <c r="N502198" s="10"/>
    </row>
    <row r="502199" spans="14:14">
      <c r="N502199" s="10"/>
    </row>
    <row r="502200" spans="14:14">
      <c r="N502200" s="10"/>
    </row>
    <row r="502201" spans="14:14">
      <c r="N502201" s="10"/>
    </row>
    <row r="502202" spans="14:14">
      <c r="N502202" s="10"/>
    </row>
    <row r="502203" spans="14:14">
      <c r="N502203" s="10"/>
    </row>
    <row r="502204" spans="14:14">
      <c r="N502204" s="10"/>
    </row>
    <row r="502205" spans="14:14">
      <c r="N502205" s="10"/>
    </row>
    <row r="502206" spans="14:14">
      <c r="N502206" s="10"/>
    </row>
    <row r="502207" spans="14:14">
      <c r="N502207" s="10"/>
    </row>
    <row r="502208" spans="14:14">
      <c r="N502208" s="10"/>
    </row>
    <row r="502209" spans="14:14">
      <c r="N502209" s="10"/>
    </row>
    <row r="502210" spans="14:14">
      <c r="N502210" s="10"/>
    </row>
    <row r="502211" spans="14:14">
      <c r="N502211" s="10"/>
    </row>
    <row r="502212" spans="14:14">
      <c r="N502212" s="10"/>
    </row>
    <row r="502213" spans="14:14">
      <c r="N502213" s="10"/>
    </row>
    <row r="502214" spans="14:14">
      <c r="N502214" s="10"/>
    </row>
    <row r="502215" spans="14:14">
      <c r="N502215" s="10"/>
    </row>
    <row r="502216" spans="14:14">
      <c r="N502216" s="10"/>
    </row>
    <row r="502217" spans="14:14">
      <c r="N502217" s="10"/>
    </row>
    <row r="502218" spans="14:14">
      <c r="N502218" s="10"/>
    </row>
    <row r="502219" spans="14:14">
      <c r="N502219" s="10"/>
    </row>
    <row r="502220" spans="14:14">
      <c r="N502220" s="10"/>
    </row>
    <row r="502221" spans="14:14">
      <c r="N502221" s="10"/>
    </row>
    <row r="502222" spans="14:14">
      <c r="N502222" s="10"/>
    </row>
    <row r="502223" spans="14:14">
      <c r="N502223" s="10"/>
    </row>
    <row r="502224" spans="14:14">
      <c r="N502224" s="10"/>
    </row>
    <row r="502225" spans="14:14">
      <c r="N502225" s="10"/>
    </row>
    <row r="502226" spans="14:14">
      <c r="N502226" s="10"/>
    </row>
    <row r="502227" spans="14:14">
      <c r="N502227" s="10"/>
    </row>
    <row r="502228" spans="14:14">
      <c r="N502228" s="10"/>
    </row>
    <row r="502229" spans="14:14">
      <c r="N502229" s="10"/>
    </row>
    <row r="502230" spans="14:14">
      <c r="N502230" s="10"/>
    </row>
    <row r="502231" spans="14:14">
      <c r="N502231" s="10"/>
    </row>
    <row r="502232" spans="14:14">
      <c r="N502232" s="10"/>
    </row>
    <row r="502233" spans="14:14">
      <c r="N502233" s="10"/>
    </row>
    <row r="502234" spans="14:14">
      <c r="N502234" s="10"/>
    </row>
    <row r="502235" spans="14:14">
      <c r="N502235" s="10"/>
    </row>
    <row r="502236" spans="14:14">
      <c r="N502236" s="10"/>
    </row>
    <row r="502237" spans="14:14">
      <c r="N502237" s="10"/>
    </row>
    <row r="502238" spans="14:14">
      <c r="N502238" s="10"/>
    </row>
    <row r="502239" spans="14:14">
      <c r="N502239" s="10"/>
    </row>
    <row r="502240" spans="14:14">
      <c r="N502240" s="10"/>
    </row>
    <row r="502241" spans="14:14">
      <c r="N502241" s="10"/>
    </row>
    <row r="502242" spans="14:14">
      <c r="N502242" s="10"/>
    </row>
    <row r="502243" spans="14:14">
      <c r="N502243" s="10"/>
    </row>
    <row r="502244" spans="14:14">
      <c r="N502244" s="10"/>
    </row>
    <row r="502245" spans="14:14">
      <c r="N502245" s="10"/>
    </row>
    <row r="502246" spans="14:14">
      <c r="N502246" s="10"/>
    </row>
    <row r="502247" spans="14:14">
      <c r="N502247" s="10"/>
    </row>
    <row r="502248" spans="14:14">
      <c r="N502248" s="10"/>
    </row>
    <row r="502249" spans="14:14">
      <c r="N502249" s="10"/>
    </row>
    <row r="502250" spans="14:14">
      <c r="N502250" s="10"/>
    </row>
    <row r="502251" spans="14:14">
      <c r="N502251" s="10"/>
    </row>
    <row r="502252" spans="14:14">
      <c r="N502252" s="10"/>
    </row>
    <row r="502253" spans="14:14">
      <c r="N502253" s="10"/>
    </row>
    <row r="502254" spans="14:14">
      <c r="N502254" s="10"/>
    </row>
    <row r="502255" spans="14:14">
      <c r="N502255" s="10"/>
    </row>
    <row r="502256" spans="14:14">
      <c r="N502256" s="10"/>
    </row>
    <row r="502257" spans="14:14">
      <c r="N502257" s="10"/>
    </row>
    <row r="502258" spans="14:14">
      <c r="N502258" s="10"/>
    </row>
    <row r="502259" spans="14:14">
      <c r="N502259" s="10"/>
    </row>
    <row r="502260" spans="14:14">
      <c r="N502260" s="10"/>
    </row>
    <row r="502261" spans="14:14">
      <c r="N502261" s="10"/>
    </row>
    <row r="502262" spans="14:14">
      <c r="N502262" s="10"/>
    </row>
    <row r="502263" spans="14:14">
      <c r="N502263" s="10"/>
    </row>
    <row r="502264" spans="14:14">
      <c r="N502264" s="10"/>
    </row>
    <row r="502265" spans="14:14">
      <c r="N502265" s="10"/>
    </row>
    <row r="502266" spans="14:14">
      <c r="N502266" s="10"/>
    </row>
    <row r="502267" spans="14:14">
      <c r="N502267" s="10"/>
    </row>
    <row r="502268" spans="14:14">
      <c r="N502268" s="10"/>
    </row>
    <row r="502269" spans="14:14">
      <c r="N502269" s="10"/>
    </row>
    <row r="502270" spans="14:14">
      <c r="N502270" s="10"/>
    </row>
    <row r="502271" spans="14:14">
      <c r="N502271" s="10"/>
    </row>
    <row r="502272" spans="14:14">
      <c r="N502272" s="10"/>
    </row>
    <row r="502273" spans="14:14">
      <c r="N502273" s="10"/>
    </row>
    <row r="502274" spans="14:14">
      <c r="N502274" s="10"/>
    </row>
    <row r="502275" spans="14:14">
      <c r="N502275" s="10"/>
    </row>
    <row r="502276" spans="14:14">
      <c r="N502276" s="10"/>
    </row>
    <row r="502277" spans="14:14">
      <c r="N502277" s="10"/>
    </row>
    <row r="502278" spans="14:14">
      <c r="N502278" s="10"/>
    </row>
    <row r="502279" spans="14:14">
      <c r="N502279" s="10"/>
    </row>
    <row r="502280" spans="14:14">
      <c r="N502280" s="10"/>
    </row>
    <row r="502281" spans="14:14">
      <c r="N502281" s="10"/>
    </row>
    <row r="502282" spans="14:14">
      <c r="N502282" s="10"/>
    </row>
    <row r="502283" spans="14:14">
      <c r="N502283" s="10"/>
    </row>
    <row r="502284" spans="14:14">
      <c r="N502284" s="10"/>
    </row>
    <row r="502285" spans="14:14">
      <c r="N502285" s="10"/>
    </row>
    <row r="502286" spans="14:14">
      <c r="N502286" s="10"/>
    </row>
    <row r="502287" spans="14:14">
      <c r="N502287" s="10"/>
    </row>
    <row r="502288" spans="14:14">
      <c r="N502288" s="10"/>
    </row>
    <row r="502289" spans="14:14">
      <c r="N502289" s="10"/>
    </row>
    <row r="502290" spans="14:14">
      <c r="N502290" s="10"/>
    </row>
    <row r="502291" spans="14:14">
      <c r="N502291" s="10"/>
    </row>
    <row r="502292" spans="14:14">
      <c r="N502292" s="10"/>
    </row>
    <row r="502293" spans="14:14">
      <c r="N502293" s="10"/>
    </row>
    <row r="502294" spans="14:14">
      <c r="N502294" s="10"/>
    </row>
    <row r="502295" spans="14:14">
      <c r="N502295" s="10"/>
    </row>
    <row r="502296" spans="14:14">
      <c r="N502296" s="10"/>
    </row>
    <row r="502297" spans="14:14">
      <c r="N502297" s="10"/>
    </row>
    <row r="502298" spans="14:14">
      <c r="N502298" s="10"/>
    </row>
    <row r="502299" spans="14:14">
      <c r="N502299" s="10"/>
    </row>
    <row r="502300" spans="14:14">
      <c r="N502300" s="10"/>
    </row>
    <row r="502301" spans="14:14">
      <c r="N502301" s="10"/>
    </row>
    <row r="502302" spans="14:14">
      <c r="N502302" s="10"/>
    </row>
    <row r="502303" spans="14:14">
      <c r="N502303" s="10"/>
    </row>
    <row r="502304" spans="14:14">
      <c r="N502304" s="10"/>
    </row>
    <row r="502305" spans="14:14">
      <c r="N502305" s="10"/>
    </row>
    <row r="502306" spans="14:14">
      <c r="N502306" s="10"/>
    </row>
    <row r="502307" spans="14:14">
      <c r="N502307" s="10"/>
    </row>
    <row r="502308" spans="14:14">
      <c r="N502308" s="10"/>
    </row>
    <row r="502309" spans="14:14">
      <c r="N502309" s="10"/>
    </row>
    <row r="502310" spans="14:14">
      <c r="N502310" s="10"/>
    </row>
    <row r="502311" spans="14:14">
      <c r="N502311" s="10"/>
    </row>
    <row r="502312" spans="14:14">
      <c r="N502312" s="10"/>
    </row>
    <row r="502313" spans="14:14">
      <c r="N502313" s="10"/>
    </row>
    <row r="502314" spans="14:14">
      <c r="N502314" s="10"/>
    </row>
    <row r="502315" spans="14:14">
      <c r="N502315" s="10"/>
    </row>
    <row r="502316" spans="14:14">
      <c r="N502316" s="10"/>
    </row>
    <row r="502317" spans="14:14">
      <c r="N502317" s="10"/>
    </row>
    <row r="502318" spans="14:14">
      <c r="N502318" s="10"/>
    </row>
    <row r="502319" spans="14:14">
      <c r="N502319" s="10"/>
    </row>
    <row r="502320" spans="14:14">
      <c r="N502320" s="10"/>
    </row>
    <row r="502321" spans="14:14">
      <c r="N502321" s="10"/>
    </row>
    <row r="502322" spans="14:14">
      <c r="N502322" s="10"/>
    </row>
    <row r="502323" spans="14:14">
      <c r="N502323" s="10"/>
    </row>
    <row r="502324" spans="14:14">
      <c r="N502324" s="10"/>
    </row>
    <row r="502325" spans="14:14">
      <c r="N502325" s="10"/>
    </row>
    <row r="502326" spans="14:14">
      <c r="N502326" s="10"/>
    </row>
    <row r="502327" spans="14:14">
      <c r="N502327" s="10"/>
    </row>
    <row r="502328" spans="14:14">
      <c r="N502328" s="10"/>
    </row>
    <row r="502329" spans="14:14">
      <c r="N502329" s="10"/>
    </row>
    <row r="502330" spans="14:14">
      <c r="N502330" s="10"/>
    </row>
    <row r="502331" spans="14:14">
      <c r="N502331" s="10"/>
    </row>
    <row r="502332" spans="14:14">
      <c r="N502332" s="10"/>
    </row>
    <row r="502333" spans="14:14">
      <c r="N502333" s="10"/>
    </row>
    <row r="502334" spans="14:14">
      <c r="N502334" s="10"/>
    </row>
    <row r="502335" spans="14:14">
      <c r="N502335" s="10"/>
    </row>
    <row r="502336" spans="14:14">
      <c r="N502336" s="10"/>
    </row>
    <row r="502337" spans="14:14">
      <c r="N502337" s="10"/>
    </row>
    <row r="502338" spans="14:14">
      <c r="N502338" s="10"/>
    </row>
    <row r="502339" spans="14:14">
      <c r="N502339" s="10"/>
    </row>
    <row r="502340" spans="14:14">
      <c r="N502340" s="10"/>
    </row>
    <row r="502341" spans="14:14">
      <c r="N502341" s="10"/>
    </row>
    <row r="502342" spans="14:14">
      <c r="N502342" s="10"/>
    </row>
    <row r="502343" spans="14:14">
      <c r="N502343" s="10"/>
    </row>
    <row r="502344" spans="14:14">
      <c r="N502344" s="10"/>
    </row>
    <row r="502345" spans="14:14">
      <c r="N502345" s="10"/>
    </row>
    <row r="502346" spans="14:14">
      <c r="N502346" s="10"/>
    </row>
    <row r="502347" spans="14:14">
      <c r="N502347" s="10"/>
    </row>
    <row r="502348" spans="14:14">
      <c r="N502348" s="10"/>
    </row>
    <row r="502349" spans="14:14">
      <c r="N502349" s="10"/>
    </row>
    <row r="502350" spans="14:14">
      <c r="N502350" s="10"/>
    </row>
    <row r="502351" spans="14:14">
      <c r="N502351" s="10"/>
    </row>
    <row r="502352" spans="14:14">
      <c r="N502352" s="10"/>
    </row>
    <row r="502353" spans="14:14">
      <c r="N502353" s="10"/>
    </row>
    <row r="502354" spans="14:14">
      <c r="N502354" s="10"/>
    </row>
    <row r="502355" spans="14:14">
      <c r="N502355" s="10"/>
    </row>
    <row r="502356" spans="14:14">
      <c r="N502356" s="10"/>
    </row>
    <row r="502357" spans="14:14">
      <c r="N502357" s="10"/>
    </row>
    <row r="502358" spans="14:14">
      <c r="N502358" s="10"/>
    </row>
    <row r="502359" spans="14:14">
      <c r="N502359" s="10"/>
    </row>
    <row r="502360" spans="14:14">
      <c r="N502360" s="10"/>
    </row>
    <row r="502361" spans="14:14">
      <c r="N502361" s="10"/>
    </row>
    <row r="502362" spans="14:14">
      <c r="N502362" s="10"/>
    </row>
    <row r="502363" spans="14:14">
      <c r="N502363" s="10"/>
    </row>
    <row r="502364" spans="14:14">
      <c r="N502364" s="10"/>
    </row>
    <row r="502365" spans="14:14">
      <c r="N502365" s="10"/>
    </row>
    <row r="502366" spans="14:14">
      <c r="N502366" s="10"/>
    </row>
    <row r="502367" spans="14:14">
      <c r="N502367" s="10"/>
    </row>
    <row r="502368" spans="14:14">
      <c r="N502368" s="10"/>
    </row>
    <row r="502369" spans="14:14">
      <c r="N502369" s="10"/>
    </row>
    <row r="502370" spans="14:14">
      <c r="N502370" s="10"/>
    </row>
    <row r="502371" spans="14:14">
      <c r="N502371" s="10"/>
    </row>
    <row r="502372" spans="14:14">
      <c r="N502372" s="10"/>
    </row>
    <row r="502373" spans="14:14">
      <c r="N502373" s="10"/>
    </row>
    <row r="502374" spans="14:14">
      <c r="N502374" s="10"/>
    </row>
    <row r="502375" spans="14:14">
      <c r="N502375" s="10"/>
    </row>
    <row r="502376" spans="14:14">
      <c r="N502376" s="10"/>
    </row>
    <row r="502377" spans="14:14">
      <c r="N502377" s="10"/>
    </row>
    <row r="502378" spans="14:14">
      <c r="N502378" s="10"/>
    </row>
    <row r="502379" spans="14:14">
      <c r="N502379" s="10"/>
    </row>
    <row r="502380" spans="14:14">
      <c r="N502380" s="10"/>
    </row>
    <row r="502381" spans="14:14">
      <c r="N502381" s="10"/>
    </row>
    <row r="502382" spans="14:14">
      <c r="N502382" s="10"/>
    </row>
    <row r="502383" spans="14:14">
      <c r="N502383" s="10"/>
    </row>
    <row r="502384" spans="14:14">
      <c r="N502384" s="10"/>
    </row>
    <row r="502385" spans="14:14">
      <c r="N502385" s="10"/>
    </row>
    <row r="502386" spans="14:14">
      <c r="N502386" s="10"/>
    </row>
    <row r="502387" spans="14:14">
      <c r="N502387" s="10"/>
    </row>
    <row r="502388" spans="14:14">
      <c r="N502388" s="10"/>
    </row>
    <row r="502389" spans="14:14">
      <c r="N502389" s="10"/>
    </row>
    <row r="502390" spans="14:14">
      <c r="N502390" s="10"/>
    </row>
    <row r="502391" spans="14:14">
      <c r="N502391" s="10"/>
    </row>
    <row r="502392" spans="14:14">
      <c r="N502392" s="10"/>
    </row>
    <row r="502393" spans="14:14">
      <c r="N502393" s="10"/>
    </row>
    <row r="502394" spans="14:14">
      <c r="N502394" s="10"/>
    </row>
    <row r="502395" spans="14:14">
      <c r="N502395" s="10"/>
    </row>
    <row r="502396" spans="14:14">
      <c r="N502396" s="10"/>
    </row>
    <row r="502397" spans="14:14">
      <c r="N502397" s="10"/>
    </row>
    <row r="502398" spans="14:14">
      <c r="N502398" s="10"/>
    </row>
    <row r="502399" spans="14:14">
      <c r="N502399" s="10"/>
    </row>
    <row r="502400" spans="14:14">
      <c r="N502400" s="10"/>
    </row>
    <row r="502401" spans="14:14">
      <c r="N502401" s="10"/>
    </row>
    <row r="502402" spans="14:14">
      <c r="N502402" s="10"/>
    </row>
    <row r="502403" spans="14:14">
      <c r="N502403" s="10"/>
    </row>
    <row r="502404" spans="14:14">
      <c r="N502404" s="10"/>
    </row>
    <row r="502405" spans="14:14">
      <c r="N502405" s="10"/>
    </row>
    <row r="502406" spans="14:14">
      <c r="N502406" s="10"/>
    </row>
    <row r="502407" spans="14:14">
      <c r="N502407" s="10"/>
    </row>
    <row r="502408" spans="14:14">
      <c r="N502408" s="10"/>
    </row>
    <row r="502409" spans="14:14">
      <c r="N502409" s="10"/>
    </row>
    <row r="502410" spans="14:14">
      <c r="N502410" s="10"/>
    </row>
    <row r="502411" spans="14:14">
      <c r="N502411" s="10"/>
    </row>
    <row r="502412" spans="14:14">
      <c r="N502412" s="10"/>
    </row>
    <row r="502413" spans="14:14">
      <c r="N502413" s="10"/>
    </row>
    <row r="502414" spans="14:14">
      <c r="N502414" s="10"/>
    </row>
    <row r="502415" spans="14:14">
      <c r="N502415" s="10"/>
    </row>
    <row r="502416" spans="14:14">
      <c r="N502416" s="10"/>
    </row>
    <row r="502417" spans="14:14">
      <c r="N502417" s="10"/>
    </row>
    <row r="502418" spans="14:14">
      <c r="N502418" s="10"/>
    </row>
    <row r="502419" spans="14:14">
      <c r="N502419" s="10"/>
    </row>
    <row r="502420" spans="14:14">
      <c r="N502420" s="10"/>
    </row>
    <row r="502421" spans="14:14">
      <c r="N502421" s="10"/>
    </row>
    <row r="502422" spans="14:14">
      <c r="N502422" s="10"/>
    </row>
    <row r="502423" spans="14:14">
      <c r="N502423" s="10"/>
    </row>
    <row r="502424" spans="14:14">
      <c r="N502424" s="10"/>
    </row>
    <row r="502425" spans="14:14">
      <c r="N502425" s="10"/>
    </row>
    <row r="502426" spans="14:14">
      <c r="N502426" s="10"/>
    </row>
    <row r="502427" spans="14:14">
      <c r="N502427" s="10"/>
    </row>
    <row r="502428" spans="14:14">
      <c r="N502428" s="10"/>
    </row>
    <row r="502429" spans="14:14">
      <c r="N502429" s="10"/>
    </row>
    <row r="502430" spans="14:14">
      <c r="N502430" s="10"/>
    </row>
    <row r="502431" spans="14:14">
      <c r="N502431" s="10"/>
    </row>
    <row r="502432" spans="14:14">
      <c r="N502432" s="10"/>
    </row>
    <row r="502433" spans="14:14">
      <c r="N502433" s="10"/>
    </row>
    <row r="502434" spans="14:14">
      <c r="N502434" s="10"/>
    </row>
    <row r="502435" spans="14:14">
      <c r="N502435" s="10"/>
    </row>
    <row r="502436" spans="14:14">
      <c r="N502436" s="10"/>
    </row>
    <row r="502437" spans="14:14">
      <c r="N502437" s="10"/>
    </row>
    <row r="502438" spans="14:14">
      <c r="N502438" s="10"/>
    </row>
    <row r="502439" spans="14:14">
      <c r="N502439" s="10"/>
    </row>
    <row r="502440" spans="14:14">
      <c r="N502440" s="10"/>
    </row>
    <row r="502441" spans="14:14">
      <c r="N502441" s="10"/>
    </row>
    <row r="502442" spans="14:14">
      <c r="N502442" s="10"/>
    </row>
    <row r="502443" spans="14:14">
      <c r="N502443" s="10"/>
    </row>
    <row r="502444" spans="14:14">
      <c r="N502444" s="10"/>
    </row>
    <row r="502445" spans="14:14">
      <c r="N502445" s="10"/>
    </row>
    <row r="502446" spans="14:14">
      <c r="N502446" s="10"/>
    </row>
    <row r="502447" spans="14:14">
      <c r="N502447" s="10"/>
    </row>
    <row r="502448" spans="14:14">
      <c r="N502448" s="10"/>
    </row>
    <row r="502449" spans="14:14">
      <c r="N502449" s="10"/>
    </row>
    <row r="502450" spans="14:14">
      <c r="N502450" s="10"/>
    </row>
    <row r="502451" spans="14:14">
      <c r="N502451" s="10"/>
    </row>
    <row r="502452" spans="14:14">
      <c r="N502452" s="10"/>
    </row>
    <row r="502453" spans="14:14">
      <c r="N502453" s="10"/>
    </row>
    <row r="502454" spans="14:14">
      <c r="N502454" s="10"/>
    </row>
    <row r="502455" spans="14:14">
      <c r="N502455" s="10"/>
    </row>
    <row r="502456" spans="14:14">
      <c r="N502456" s="10"/>
    </row>
    <row r="502457" spans="14:14">
      <c r="N502457" s="10"/>
    </row>
    <row r="502458" spans="14:14">
      <c r="N502458" s="10"/>
    </row>
    <row r="502459" spans="14:14">
      <c r="N502459" s="10"/>
    </row>
    <row r="502460" spans="14:14">
      <c r="N502460" s="10"/>
    </row>
    <row r="502461" spans="14:14">
      <c r="N502461" s="10"/>
    </row>
    <row r="502462" spans="14:14">
      <c r="N502462" s="10"/>
    </row>
    <row r="502463" spans="14:14">
      <c r="N502463" s="10"/>
    </row>
    <row r="502464" spans="14:14">
      <c r="N502464" s="10"/>
    </row>
    <row r="502465" spans="14:14">
      <c r="N502465" s="10"/>
    </row>
    <row r="502466" spans="14:14">
      <c r="N502466" s="10"/>
    </row>
    <row r="502467" spans="14:14">
      <c r="N502467" s="10"/>
    </row>
    <row r="502468" spans="14:14">
      <c r="N502468" s="10"/>
    </row>
    <row r="502469" spans="14:14">
      <c r="N502469" s="10"/>
    </row>
    <row r="502470" spans="14:14">
      <c r="N502470" s="10"/>
    </row>
    <row r="502471" spans="14:14">
      <c r="N502471" s="10"/>
    </row>
    <row r="502472" spans="14:14">
      <c r="N502472" s="10"/>
    </row>
    <row r="502473" spans="14:14">
      <c r="N502473" s="10"/>
    </row>
    <row r="502474" spans="14:14">
      <c r="N502474" s="10"/>
    </row>
    <row r="502475" spans="14:14">
      <c r="N502475" s="10"/>
    </row>
    <row r="502476" spans="14:14">
      <c r="N502476" s="10"/>
    </row>
    <row r="502477" spans="14:14">
      <c r="N502477" s="10"/>
    </row>
    <row r="502478" spans="14:14">
      <c r="N502478" s="10"/>
    </row>
    <row r="502479" spans="14:14">
      <c r="N502479" s="10"/>
    </row>
    <row r="502480" spans="14:14">
      <c r="N502480" s="10"/>
    </row>
    <row r="502481" spans="14:14">
      <c r="N502481" s="10"/>
    </row>
    <row r="502482" spans="14:14">
      <c r="N502482" s="10"/>
    </row>
    <row r="502483" spans="14:14">
      <c r="N502483" s="10"/>
    </row>
    <row r="502484" spans="14:14">
      <c r="N502484" s="10"/>
    </row>
    <row r="502485" spans="14:14">
      <c r="N502485" s="10"/>
    </row>
    <row r="502486" spans="14:14">
      <c r="N502486" s="10"/>
    </row>
    <row r="502487" spans="14:14">
      <c r="N502487" s="10"/>
    </row>
    <row r="502488" spans="14:14">
      <c r="N502488" s="10"/>
    </row>
    <row r="502489" spans="14:14">
      <c r="N502489" s="10"/>
    </row>
    <row r="502490" spans="14:14">
      <c r="N502490" s="10"/>
    </row>
    <row r="502491" spans="14:14">
      <c r="N502491" s="10"/>
    </row>
    <row r="502492" spans="14:14">
      <c r="N502492" s="10"/>
    </row>
    <row r="502493" spans="14:14">
      <c r="N502493" s="10"/>
    </row>
    <row r="502494" spans="14:14">
      <c r="N502494" s="10"/>
    </row>
    <row r="502495" spans="14:14">
      <c r="N502495" s="10"/>
    </row>
    <row r="502496" spans="14:14">
      <c r="N502496" s="10"/>
    </row>
    <row r="502497" spans="14:14">
      <c r="N502497" s="10"/>
    </row>
    <row r="502498" spans="14:14">
      <c r="N502498" s="10"/>
    </row>
    <row r="502499" spans="14:14">
      <c r="N502499" s="10"/>
    </row>
    <row r="502500" spans="14:14">
      <c r="N502500" s="10"/>
    </row>
    <row r="502501" spans="14:14">
      <c r="N502501" s="10"/>
    </row>
    <row r="502502" spans="14:14">
      <c r="N502502" s="10"/>
    </row>
    <row r="502503" spans="14:14">
      <c r="N502503" s="10"/>
    </row>
    <row r="502504" spans="14:14">
      <c r="N502504" s="10"/>
    </row>
    <row r="502505" spans="14:14">
      <c r="N502505" s="10"/>
    </row>
    <row r="502506" spans="14:14">
      <c r="N502506" s="10"/>
    </row>
    <row r="502507" spans="14:14">
      <c r="N502507" s="10"/>
    </row>
    <row r="502508" spans="14:14">
      <c r="N502508" s="10"/>
    </row>
    <row r="502509" spans="14:14">
      <c r="N502509" s="10"/>
    </row>
    <row r="502510" spans="14:14">
      <c r="N502510" s="10"/>
    </row>
    <row r="502511" spans="14:14">
      <c r="N502511" s="10"/>
    </row>
    <row r="502512" spans="14:14">
      <c r="N502512" s="10"/>
    </row>
    <row r="502513" spans="14:14">
      <c r="N502513" s="10"/>
    </row>
    <row r="502514" spans="14:14">
      <c r="N502514" s="10"/>
    </row>
    <row r="502515" spans="14:14">
      <c r="N502515" s="10"/>
    </row>
    <row r="502516" spans="14:14">
      <c r="N502516" s="10"/>
    </row>
    <row r="502517" spans="14:14">
      <c r="N502517" s="10"/>
    </row>
    <row r="502518" spans="14:14">
      <c r="N502518" s="10"/>
    </row>
    <row r="502519" spans="14:14">
      <c r="N502519" s="10"/>
    </row>
    <row r="502520" spans="14:14">
      <c r="N502520" s="10"/>
    </row>
    <row r="502521" spans="14:14">
      <c r="N502521" s="10"/>
    </row>
    <row r="502522" spans="14:14">
      <c r="N502522" s="10"/>
    </row>
    <row r="502523" spans="14:14">
      <c r="N502523" s="10"/>
    </row>
    <row r="502524" spans="14:14">
      <c r="N502524" s="10"/>
    </row>
    <row r="502525" spans="14:14">
      <c r="N502525" s="10"/>
    </row>
    <row r="502526" spans="14:14">
      <c r="N502526" s="10"/>
    </row>
    <row r="502527" spans="14:14">
      <c r="N502527" s="10"/>
    </row>
    <row r="502528" spans="14:14">
      <c r="N502528" s="10"/>
    </row>
    <row r="502529" spans="14:14">
      <c r="N502529" s="10"/>
    </row>
    <row r="502530" spans="14:14">
      <c r="N502530" s="10"/>
    </row>
    <row r="502531" spans="14:14">
      <c r="N502531" s="10"/>
    </row>
    <row r="502532" spans="14:14">
      <c r="N502532" s="10"/>
    </row>
    <row r="502533" spans="14:14">
      <c r="N502533" s="10"/>
    </row>
    <row r="502534" spans="14:14">
      <c r="N502534" s="10"/>
    </row>
    <row r="502535" spans="14:14">
      <c r="N502535" s="10"/>
    </row>
    <row r="502536" spans="14:14">
      <c r="N502536" s="10"/>
    </row>
    <row r="502537" spans="14:14">
      <c r="N502537" s="10"/>
    </row>
    <row r="502538" spans="14:14">
      <c r="N502538" s="10"/>
    </row>
    <row r="502539" spans="14:14">
      <c r="N502539" s="10"/>
    </row>
    <row r="502540" spans="14:14">
      <c r="N502540" s="10"/>
    </row>
    <row r="502541" spans="14:14">
      <c r="N502541" s="10"/>
    </row>
    <row r="502542" spans="14:14">
      <c r="N502542" s="10"/>
    </row>
    <row r="502543" spans="14:14">
      <c r="N502543" s="10"/>
    </row>
    <row r="502544" spans="14:14">
      <c r="N502544" s="10"/>
    </row>
    <row r="502545" spans="14:14">
      <c r="N502545" s="10"/>
    </row>
    <row r="502546" spans="14:14">
      <c r="N502546" s="10"/>
    </row>
    <row r="502547" spans="14:14">
      <c r="N502547" s="10"/>
    </row>
    <row r="502548" spans="14:14">
      <c r="N502548" s="10"/>
    </row>
    <row r="502549" spans="14:14">
      <c r="N502549" s="10"/>
    </row>
    <row r="502550" spans="14:14">
      <c r="N502550" s="10"/>
    </row>
    <row r="502551" spans="14:14">
      <c r="N502551" s="10"/>
    </row>
    <row r="502552" spans="14:14">
      <c r="N502552" s="10"/>
    </row>
    <row r="502553" spans="14:14">
      <c r="N502553" s="10"/>
    </row>
    <row r="502554" spans="14:14">
      <c r="N502554" s="10"/>
    </row>
    <row r="502555" spans="14:14">
      <c r="N502555" s="10"/>
    </row>
    <row r="502556" spans="14:14">
      <c r="N502556" s="10"/>
    </row>
    <row r="502557" spans="14:14">
      <c r="N502557" s="10"/>
    </row>
    <row r="502558" spans="14:14">
      <c r="N502558" s="10"/>
    </row>
    <row r="502559" spans="14:14">
      <c r="N502559" s="10"/>
    </row>
    <row r="502560" spans="14:14">
      <c r="N502560" s="10"/>
    </row>
    <row r="502561" spans="14:14">
      <c r="N502561" s="10"/>
    </row>
    <row r="502562" spans="14:14">
      <c r="N502562" s="10"/>
    </row>
    <row r="502563" spans="14:14">
      <c r="N502563" s="10"/>
    </row>
    <row r="502564" spans="14:14">
      <c r="N502564" s="10"/>
    </row>
    <row r="502565" spans="14:14">
      <c r="N502565" s="10"/>
    </row>
    <row r="502566" spans="14:14">
      <c r="N502566" s="10"/>
    </row>
    <row r="502567" spans="14:14">
      <c r="N502567" s="10"/>
    </row>
    <row r="502568" spans="14:14">
      <c r="N502568" s="10"/>
    </row>
    <row r="502569" spans="14:14">
      <c r="N502569" s="10"/>
    </row>
    <row r="502570" spans="14:14">
      <c r="N502570" s="10"/>
    </row>
    <row r="502571" spans="14:14">
      <c r="N502571" s="10"/>
    </row>
    <row r="502572" spans="14:14">
      <c r="N502572" s="10"/>
    </row>
    <row r="502573" spans="14:14">
      <c r="N502573" s="10"/>
    </row>
    <row r="502574" spans="14:14">
      <c r="N502574" s="10"/>
    </row>
    <row r="502575" spans="14:14">
      <c r="N502575" s="10"/>
    </row>
    <row r="502576" spans="14:14">
      <c r="N502576" s="10"/>
    </row>
    <row r="502577" spans="14:14">
      <c r="N502577" s="10"/>
    </row>
    <row r="502578" spans="14:14">
      <c r="N502578" s="10"/>
    </row>
    <row r="502579" spans="14:14">
      <c r="N502579" s="10"/>
    </row>
    <row r="502580" spans="14:14">
      <c r="N502580" s="10"/>
    </row>
    <row r="502581" spans="14:14">
      <c r="N502581" s="10"/>
    </row>
    <row r="502582" spans="14:14">
      <c r="N502582" s="10"/>
    </row>
    <row r="502583" spans="14:14">
      <c r="N502583" s="10"/>
    </row>
    <row r="502584" spans="14:14">
      <c r="N502584" s="10"/>
    </row>
    <row r="502585" spans="14:14">
      <c r="N502585" s="10"/>
    </row>
    <row r="502586" spans="14:14">
      <c r="N502586" s="10"/>
    </row>
    <row r="502587" spans="14:14">
      <c r="N502587" s="10"/>
    </row>
    <row r="502588" spans="14:14">
      <c r="N502588" s="10"/>
    </row>
    <row r="502589" spans="14:14">
      <c r="N502589" s="10"/>
    </row>
    <row r="502590" spans="14:14">
      <c r="N502590" s="10"/>
    </row>
    <row r="502591" spans="14:14">
      <c r="N502591" s="10"/>
    </row>
    <row r="502592" spans="14:14">
      <c r="N502592" s="10"/>
    </row>
    <row r="502593" spans="14:14">
      <c r="N502593" s="10"/>
    </row>
    <row r="502594" spans="14:14">
      <c r="N502594" s="10"/>
    </row>
    <row r="502595" spans="14:14">
      <c r="N502595" s="10"/>
    </row>
    <row r="502596" spans="14:14">
      <c r="N502596" s="10"/>
    </row>
    <row r="502597" spans="14:14">
      <c r="N502597" s="10"/>
    </row>
    <row r="502598" spans="14:14">
      <c r="N502598" s="10"/>
    </row>
    <row r="502599" spans="14:14">
      <c r="N502599" s="10"/>
    </row>
    <row r="502600" spans="14:14">
      <c r="N502600" s="10"/>
    </row>
    <row r="502601" spans="14:14">
      <c r="N502601" s="10"/>
    </row>
    <row r="502602" spans="14:14">
      <c r="N502602" s="10"/>
    </row>
    <row r="502603" spans="14:14">
      <c r="N502603" s="10"/>
    </row>
    <row r="502604" spans="14:14">
      <c r="N502604" s="10"/>
    </row>
    <row r="502605" spans="14:14">
      <c r="N502605" s="10"/>
    </row>
    <row r="502606" spans="14:14">
      <c r="N502606" s="10"/>
    </row>
    <row r="502607" spans="14:14">
      <c r="N502607" s="10"/>
    </row>
    <row r="502608" spans="14:14">
      <c r="N502608" s="10"/>
    </row>
    <row r="502609" spans="14:14">
      <c r="N502609" s="10"/>
    </row>
    <row r="502610" spans="14:14">
      <c r="N502610" s="10"/>
    </row>
    <row r="502611" spans="14:14">
      <c r="N502611" s="10"/>
    </row>
    <row r="502612" spans="14:14">
      <c r="N502612" s="10"/>
    </row>
    <row r="502613" spans="14:14">
      <c r="N502613" s="10"/>
    </row>
    <row r="502614" spans="14:14">
      <c r="N502614" s="10"/>
    </row>
    <row r="502615" spans="14:14">
      <c r="N502615" s="10"/>
    </row>
    <row r="502616" spans="14:14">
      <c r="N502616" s="10"/>
    </row>
    <row r="502617" spans="14:14">
      <c r="N502617" s="10"/>
    </row>
    <row r="502618" spans="14:14">
      <c r="N502618" s="10"/>
    </row>
    <row r="502619" spans="14:14">
      <c r="N502619" s="10"/>
    </row>
    <row r="502620" spans="14:14">
      <c r="N502620" s="10"/>
    </row>
    <row r="502621" spans="14:14">
      <c r="N502621" s="10"/>
    </row>
    <row r="502622" spans="14:14">
      <c r="N502622" s="10"/>
    </row>
    <row r="502623" spans="14:14">
      <c r="N502623" s="10"/>
    </row>
    <row r="502624" spans="14:14">
      <c r="N502624" s="10"/>
    </row>
    <row r="502625" spans="14:14">
      <c r="N502625" s="10"/>
    </row>
    <row r="502626" spans="14:14">
      <c r="N502626" s="10"/>
    </row>
    <row r="502627" spans="14:14">
      <c r="N502627" s="10"/>
    </row>
    <row r="502628" spans="14:14">
      <c r="N502628" s="10"/>
    </row>
    <row r="502629" spans="14:14">
      <c r="N502629" s="10"/>
    </row>
    <row r="502630" spans="14:14">
      <c r="N502630" s="10"/>
    </row>
    <row r="502631" spans="14:14">
      <c r="N502631" s="10"/>
    </row>
    <row r="502632" spans="14:14">
      <c r="N502632" s="10"/>
    </row>
    <row r="502633" spans="14:14">
      <c r="N502633" s="10"/>
    </row>
    <row r="502634" spans="14:14">
      <c r="N502634" s="10"/>
    </row>
    <row r="502635" spans="14:14">
      <c r="N502635" s="10"/>
    </row>
    <row r="502636" spans="14:14">
      <c r="N502636" s="10"/>
    </row>
    <row r="502637" spans="14:14">
      <c r="N502637" s="10"/>
    </row>
    <row r="502638" spans="14:14">
      <c r="N502638" s="10"/>
    </row>
    <row r="502639" spans="14:14">
      <c r="N502639" s="10"/>
    </row>
    <row r="502640" spans="14:14">
      <c r="N502640" s="10"/>
    </row>
    <row r="502641" spans="14:14">
      <c r="N502641" s="10"/>
    </row>
    <row r="502642" spans="14:14">
      <c r="N502642" s="10"/>
    </row>
    <row r="502643" spans="14:14">
      <c r="N502643" s="10"/>
    </row>
    <row r="502644" spans="14:14">
      <c r="N502644" s="10"/>
    </row>
    <row r="502645" spans="14:14">
      <c r="N502645" s="10"/>
    </row>
    <row r="502646" spans="14:14">
      <c r="N502646" s="10"/>
    </row>
    <row r="502647" spans="14:14">
      <c r="N502647" s="10"/>
    </row>
    <row r="502648" spans="14:14">
      <c r="N502648" s="10"/>
    </row>
    <row r="502649" spans="14:14">
      <c r="N502649" s="10"/>
    </row>
    <row r="502650" spans="14:14">
      <c r="N502650" s="10"/>
    </row>
    <row r="502651" spans="14:14">
      <c r="N502651" s="10"/>
    </row>
    <row r="502652" spans="14:14">
      <c r="N502652" s="10"/>
    </row>
    <row r="502653" spans="14:14">
      <c r="N502653" s="10"/>
    </row>
    <row r="502654" spans="14:14">
      <c r="N502654" s="10"/>
    </row>
    <row r="502655" spans="14:14">
      <c r="N502655" s="10"/>
    </row>
    <row r="502656" spans="14:14">
      <c r="N502656" s="10"/>
    </row>
    <row r="502657" spans="14:14">
      <c r="N502657" s="10"/>
    </row>
    <row r="502658" spans="14:14">
      <c r="N502658" s="10"/>
    </row>
    <row r="502659" spans="14:14">
      <c r="N502659" s="10"/>
    </row>
    <row r="502660" spans="14:14">
      <c r="N502660" s="10"/>
    </row>
    <row r="502661" spans="14:14">
      <c r="N502661" s="10"/>
    </row>
    <row r="502662" spans="14:14">
      <c r="N502662" s="10"/>
    </row>
    <row r="502663" spans="14:14">
      <c r="N502663" s="10"/>
    </row>
    <row r="502664" spans="14:14">
      <c r="N502664" s="10"/>
    </row>
    <row r="502665" spans="14:14">
      <c r="N502665" s="10"/>
    </row>
    <row r="502666" spans="14:14">
      <c r="N502666" s="10"/>
    </row>
    <row r="502667" spans="14:14">
      <c r="N502667" s="10"/>
    </row>
    <row r="502668" spans="14:14">
      <c r="N502668" s="10"/>
    </row>
    <row r="502669" spans="14:14">
      <c r="N502669" s="10"/>
    </row>
    <row r="502670" spans="14:14">
      <c r="N502670" s="10"/>
    </row>
    <row r="502671" spans="14:14">
      <c r="N502671" s="10"/>
    </row>
    <row r="502672" spans="14:14">
      <c r="N502672" s="10"/>
    </row>
    <row r="502673" spans="14:14">
      <c r="N502673" s="10"/>
    </row>
    <row r="502674" spans="14:14">
      <c r="N502674" s="10"/>
    </row>
    <row r="502675" spans="14:14">
      <c r="N502675" s="10"/>
    </row>
    <row r="502676" spans="14:14">
      <c r="N502676" s="10"/>
    </row>
    <row r="502677" spans="14:14">
      <c r="N502677" s="10"/>
    </row>
    <row r="502678" spans="14:14">
      <c r="N502678" s="10"/>
    </row>
    <row r="502679" spans="14:14">
      <c r="N502679" s="10"/>
    </row>
    <row r="502680" spans="14:14">
      <c r="N502680" s="10"/>
    </row>
    <row r="502681" spans="14:14">
      <c r="N502681" s="10"/>
    </row>
    <row r="502682" spans="14:14">
      <c r="N502682" s="10"/>
    </row>
    <row r="502683" spans="14:14">
      <c r="N502683" s="10"/>
    </row>
    <row r="502684" spans="14:14">
      <c r="N502684" s="10"/>
    </row>
    <row r="502685" spans="14:14">
      <c r="N502685" s="10"/>
    </row>
    <row r="502686" spans="14:14">
      <c r="N502686" s="10"/>
    </row>
    <row r="502687" spans="14:14">
      <c r="N502687" s="10"/>
    </row>
    <row r="502688" spans="14:14">
      <c r="N502688" s="10"/>
    </row>
    <row r="502689" spans="14:14">
      <c r="N502689" s="10"/>
    </row>
    <row r="502690" spans="14:14">
      <c r="N502690" s="10"/>
    </row>
    <row r="502691" spans="14:14">
      <c r="N502691" s="10"/>
    </row>
    <row r="502692" spans="14:14">
      <c r="N502692" s="10"/>
    </row>
    <row r="502693" spans="14:14">
      <c r="N502693" s="10"/>
    </row>
    <row r="502694" spans="14:14">
      <c r="N502694" s="10"/>
    </row>
    <row r="502695" spans="14:14">
      <c r="N502695" s="10"/>
    </row>
    <row r="502696" spans="14:14">
      <c r="N502696" s="10"/>
    </row>
    <row r="502697" spans="14:14">
      <c r="N502697" s="10"/>
    </row>
    <row r="502698" spans="14:14">
      <c r="N502698" s="10"/>
    </row>
    <row r="502699" spans="14:14">
      <c r="N502699" s="10"/>
    </row>
    <row r="502700" spans="14:14">
      <c r="N502700" s="10"/>
    </row>
    <row r="502701" spans="14:14">
      <c r="N502701" s="10"/>
    </row>
    <row r="502702" spans="14:14">
      <c r="N502702" s="10"/>
    </row>
    <row r="502703" spans="14:14">
      <c r="N502703" s="10"/>
    </row>
    <row r="502704" spans="14:14">
      <c r="N502704" s="10"/>
    </row>
    <row r="502705" spans="14:14">
      <c r="N502705" s="10"/>
    </row>
    <row r="502706" spans="14:14">
      <c r="N502706" s="10"/>
    </row>
    <row r="502707" spans="14:14">
      <c r="N502707" s="10"/>
    </row>
    <row r="502708" spans="14:14">
      <c r="N502708" s="10"/>
    </row>
    <row r="502709" spans="14:14">
      <c r="N502709" s="10"/>
    </row>
    <row r="502710" spans="14:14">
      <c r="N502710" s="10"/>
    </row>
    <row r="502711" spans="14:14">
      <c r="N502711" s="10"/>
    </row>
    <row r="502712" spans="14:14">
      <c r="N502712" s="10"/>
    </row>
    <row r="502713" spans="14:14">
      <c r="N502713" s="10"/>
    </row>
    <row r="502714" spans="14:14">
      <c r="N502714" s="10"/>
    </row>
    <row r="502715" spans="14:14">
      <c r="N502715" s="10"/>
    </row>
    <row r="502716" spans="14:14">
      <c r="N502716" s="10"/>
    </row>
    <row r="502717" spans="14:14">
      <c r="N502717" s="10"/>
    </row>
    <row r="502718" spans="14:14">
      <c r="N502718" s="10"/>
    </row>
    <row r="502719" spans="14:14">
      <c r="N502719" s="10"/>
    </row>
    <row r="502720" spans="14:14">
      <c r="N502720" s="10"/>
    </row>
    <row r="502721" spans="14:14">
      <c r="N502721" s="10"/>
    </row>
    <row r="502722" spans="14:14">
      <c r="N502722" s="10"/>
    </row>
    <row r="502723" spans="14:14">
      <c r="N502723" s="10"/>
    </row>
    <row r="502724" spans="14:14">
      <c r="N502724" s="10"/>
    </row>
    <row r="502725" spans="14:14">
      <c r="N502725" s="10"/>
    </row>
    <row r="502726" spans="14:14">
      <c r="N502726" s="10"/>
    </row>
    <row r="502727" spans="14:14">
      <c r="N502727" s="10"/>
    </row>
    <row r="502728" spans="14:14">
      <c r="N502728" s="10"/>
    </row>
    <row r="502729" spans="14:14">
      <c r="N502729" s="10"/>
    </row>
    <row r="502730" spans="14:14">
      <c r="N502730" s="10"/>
    </row>
    <row r="502731" spans="14:14">
      <c r="N502731" s="10"/>
    </row>
    <row r="502732" spans="14:14">
      <c r="N502732" s="10"/>
    </row>
    <row r="502733" spans="14:14">
      <c r="N502733" s="10"/>
    </row>
    <row r="502734" spans="14:14">
      <c r="N502734" s="10"/>
    </row>
    <row r="502735" spans="14:14">
      <c r="N502735" s="10"/>
    </row>
    <row r="502736" spans="14:14">
      <c r="N502736" s="10"/>
    </row>
    <row r="502737" spans="14:14">
      <c r="N502737" s="10"/>
    </row>
    <row r="502738" spans="14:14">
      <c r="N502738" s="10"/>
    </row>
    <row r="502739" spans="14:14">
      <c r="N502739" s="10"/>
    </row>
    <row r="502740" spans="14:14">
      <c r="N502740" s="10"/>
    </row>
    <row r="502741" spans="14:14">
      <c r="N502741" s="10"/>
    </row>
    <row r="502742" spans="14:14">
      <c r="N502742" s="10"/>
    </row>
    <row r="502743" spans="14:14">
      <c r="N502743" s="10"/>
    </row>
    <row r="502744" spans="14:14">
      <c r="N502744" s="10"/>
    </row>
    <row r="502745" spans="14:14">
      <c r="N502745" s="10"/>
    </row>
    <row r="502746" spans="14:14">
      <c r="N502746" s="10"/>
    </row>
    <row r="502747" spans="14:14">
      <c r="N502747" s="10"/>
    </row>
    <row r="502748" spans="14:14">
      <c r="N502748" s="10"/>
    </row>
    <row r="502749" spans="14:14">
      <c r="N502749" s="10"/>
    </row>
    <row r="502750" spans="14:14">
      <c r="N502750" s="10"/>
    </row>
    <row r="502751" spans="14:14">
      <c r="N502751" s="10"/>
    </row>
    <row r="502752" spans="14:14">
      <c r="N502752" s="10"/>
    </row>
    <row r="502753" spans="14:14">
      <c r="N502753" s="10"/>
    </row>
    <row r="502754" spans="14:14">
      <c r="N502754" s="10"/>
    </row>
    <row r="502755" spans="14:14">
      <c r="N502755" s="10"/>
    </row>
    <row r="502756" spans="14:14">
      <c r="N502756" s="10"/>
    </row>
    <row r="502757" spans="14:14">
      <c r="N502757" s="10"/>
    </row>
    <row r="502758" spans="14:14">
      <c r="N502758" s="10"/>
    </row>
    <row r="502759" spans="14:14">
      <c r="N502759" s="10"/>
    </row>
    <row r="502760" spans="14:14">
      <c r="N502760" s="10"/>
    </row>
    <row r="502761" spans="14:14">
      <c r="N502761" s="10"/>
    </row>
    <row r="502762" spans="14:14">
      <c r="N502762" s="10"/>
    </row>
    <row r="502763" spans="14:14">
      <c r="N502763" s="10"/>
    </row>
    <row r="502764" spans="14:14">
      <c r="N502764" s="10"/>
    </row>
    <row r="502765" spans="14:14">
      <c r="N502765" s="10"/>
    </row>
    <row r="502766" spans="14:14">
      <c r="N502766" s="10"/>
    </row>
    <row r="502767" spans="14:14">
      <c r="N502767" s="10"/>
    </row>
    <row r="502768" spans="14:14">
      <c r="N502768" s="10"/>
    </row>
    <row r="502769" spans="14:14">
      <c r="N502769" s="10"/>
    </row>
    <row r="502770" spans="14:14">
      <c r="N502770" s="10"/>
    </row>
    <row r="502771" spans="14:14">
      <c r="N502771" s="10"/>
    </row>
    <row r="502772" spans="14:14">
      <c r="N502772" s="10"/>
    </row>
    <row r="502773" spans="14:14">
      <c r="N502773" s="10"/>
    </row>
    <row r="502774" spans="14:14">
      <c r="N502774" s="10"/>
    </row>
    <row r="502775" spans="14:14">
      <c r="N502775" s="10"/>
    </row>
    <row r="502776" spans="14:14">
      <c r="N502776" s="10"/>
    </row>
    <row r="502777" spans="14:14">
      <c r="N502777" s="10"/>
    </row>
    <row r="502778" spans="14:14">
      <c r="N502778" s="10"/>
    </row>
    <row r="502779" spans="14:14">
      <c r="N502779" s="10"/>
    </row>
    <row r="502780" spans="14:14">
      <c r="N502780" s="10"/>
    </row>
    <row r="502781" spans="14:14">
      <c r="N502781" s="10"/>
    </row>
    <row r="502782" spans="14:14">
      <c r="N502782" s="10"/>
    </row>
    <row r="502783" spans="14:14">
      <c r="N502783" s="10"/>
    </row>
    <row r="502784" spans="14:14">
      <c r="N502784" s="10"/>
    </row>
    <row r="502785" spans="14:14">
      <c r="N502785" s="10"/>
    </row>
    <row r="502786" spans="14:14">
      <c r="N502786" s="10"/>
    </row>
    <row r="502787" spans="14:14">
      <c r="N502787" s="10"/>
    </row>
    <row r="502788" spans="14:14">
      <c r="N502788" s="10"/>
    </row>
    <row r="502789" spans="14:14">
      <c r="N502789" s="10"/>
    </row>
    <row r="502790" spans="14:14">
      <c r="N502790" s="10"/>
    </row>
    <row r="502791" spans="14:14">
      <c r="N502791" s="10"/>
    </row>
    <row r="502792" spans="14:14">
      <c r="N502792" s="10"/>
    </row>
    <row r="502793" spans="14:14">
      <c r="N502793" s="10"/>
    </row>
    <row r="502794" spans="14:14">
      <c r="N502794" s="10"/>
    </row>
    <row r="502795" spans="14:14">
      <c r="N502795" s="10"/>
    </row>
    <row r="502796" spans="14:14">
      <c r="N502796" s="10"/>
    </row>
    <row r="502797" spans="14:14">
      <c r="N502797" s="10"/>
    </row>
    <row r="502798" spans="14:14">
      <c r="N502798" s="10"/>
    </row>
    <row r="502799" spans="14:14">
      <c r="N502799" s="10"/>
    </row>
    <row r="502800" spans="14:14">
      <c r="N502800" s="10"/>
    </row>
    <row r="502801" spans="14:14">
      <c r="N502801" s="10"/>
    </row>
    <row r="502802" spans="14:14">
      <c r="N502802" s="10"/>
    </row>
    <row r="502803" spans="14:14">
      <c r="N502803" s="10"/>
    </row>
    <row r="502804" spans="14:14">
      <c r="N502804" s="10"/>
    </row>
    <row r="502805" spans="14:14">
      <c r="N502805" s="10"/>
    </row>
    <row r="502806" spans="14:14">
      <c r="N502806" s="10"/>
    </row>
    <row r="502807" spans="14:14">
      <c r="N502807" s="10"/>
    </row>
    <row r="502808" spans="14:14">
      <c r="N502808" s="10"/>
    </row>
    <row r="502809" spans="14:14">
      <c r="N502809" s="10"/>
    </row>
    <row r="502810" spans="14:14">
      <c r="N502810" s="10"/>
    </row>
    <row r="502811" spans="14:14">
      <c r="N502811" s="10"/>
    </row>
    <row r="502812" spans="14:14">
      <c r="N502812" s="10"/>
    </row>
    <row r="502813" spans="14:14">
      <c r="N502813" s="10"/>
    </row>
    <row r="502814" spans="14:14">
      <c r="N502814" s="10"/>
    </row>
    <row r="502815" spans="14:14">
      <c r="N502815" s="10"/>
    </row>
    <row r="502816" spans="14:14">
      <c r="N502816" s="10"/>
    </row>
    <row r="502817" spans="14:14">
      <c r="N502817" s="10"/>
    </row>
    <row r="502818" spans="14:14">
      <c r="N502818" s="10"/>
    </row>
    <row r="502819" spans="14:14">
      <c r="N502819" s="10"/>
    </row>
    <row r="502820" spans="14:14">
      <c r="N502820" s="10"/>
    </row>
    <row r="502821" spans="14:14">
      <c r="N502821" s="10"/>
    </row>
    <row r="502822" spans="14:14">
      <c r="N502822" s="10"/>
    </row>
    <row r="502823" spans="14:14">
      <c r="N502823" s="10"/>
    </row>
    <row r="502824" spans="14:14">
      <c r="N502824" s="10"/>
    </row>
    <row r="502825" spans="14:14">
      <c r="N502825" s="10"/>
    </row>
    <row r="502826" spans="14:14">
      <c r="N502826" s="10"/>
    </row>
    <row r="502827" spans="14:14">
      <c r="N502827" s="10"/>
    </row>
    <row r="502828" spans="14:14">
      <c r="N502828" s="10"/>
    </row>
    <row r="502829" spans="14:14">
      <c r="N502829" s="10"/>
    </row>
    <row r="502830" spans="14:14">
      <c r="N502830" s="10"/>
    </row>
    <row r="502831" spans="14:14">
      <c r="N502831" s="10"/>
    </row>
    <row r="502832" spans="14:14">
      <c r="N502832" s="10"/>
    </row>
    <row r="502833" spans="14:14">
      <c r="N502833" s="10"/>
    </row>
    <row r="502834" spans="14:14">
      <c r="N502834" s="10"/>
    </row>
    <row r="502835" spans="14:14">
      <c r="N502835" s="10"/>
    </row>
    <row r="502836" spans="14:14">
      <c r="N502836" s="10"/>
    </row>
    <row r="502837" spans="14:14">
      <c r="N502837" s="10"/>
    </row>
    <row r="502838" spans="14:14">
      <c r="N502838" s="10"/>
    </row>
    <row r="502839" spans="14:14">
      <c r="N502839" s="10"/>
    </row>
    <row r="502840" spans="14:14">
      <c r="N502840" s="10"/>
    </row>
    <row r="502841" spans="14:14">
      <c r="N502841" s="10"/>
    </row>
    <row r="502842" spans="14:14">
      <c r="N502842" s="10"/>
    </row>
    <row r="502843" spans="14:14">
      <c r="N502843" s="10"/>
    </row>
    <row r="502844" spans="14:14">
      <c r="N502844" s="10"/>
    </row>
    <row r="502845" spans="14:14">
      <c r="N502845" s="10"/>
    </row>
    <row r="502846" spans="14:14">
      <c r="N502846" s="10"/>
    </row>
    <row r="502847" spans="14:14">
      <c r="N502847" s="10"/>
    </row>
    <row r="502848" spans="14:14">
      <c r="N502848" s="10"/>
    </row>
    <row r="502849" spans="14:14">
      <c r="N502849" s="10"/>
    </row>
    <row r="502850" spans="14:14">
      <c r="N502850" s="10"/>
    </row>
    <row r="502851" spans="14:14">
      <c r="N502851" s="10"/>
    </row>
    <row r="502852" spans="14:14">
      <c r="N502852" s="10"/>
    </row>
    <row r="502853" spans="14:14">
      <c r="N502853" s="10"/>
    </row>
    <row r="502854" spans="14:14">
      <c r="N502854" s="10"/>
    </row>
    <row r="502855" spans="14:14">
      <c r="N502855" s="10"/>
    </row>
    <row r="502856" spans="14:14">
      <c r="N502856" s="10"/>
    </row>
    <row r="502857" spans="14:14">
      <c r="N502857" s="10"/>
    </row>
    <row r="502858" spans="14:14">
      <c r="N502858" s="10"/>
    </row>
    <row r="502859" spans="14:14">
      <c r="N502859" s="10"/>
    </row>
    <row r="502860" spans="14:14">
      <c r="N502860" s="10"/>
    </row>
    <row r="502861" spans="14:14">
      <c r="N502861" s="10"/>
    </row>
    <row r="502862" spans="14:14">
      <c r="N502862" s="10"/>
    </row>
    <row r="502863" spans="14:14">
      <c r="N502863" s="10"/>
    </row>
    <row r="502864" spans="14:14">
      <c r="N502864" s="10"/>
    </row>
    <row r="502865" spans="14:14">
      <c r="N502865" s="10"/>
    </row>
    <row r="502866" spans="14:14">
      <c r="N502866" s="10"/>
    </row>
    <row r="502867" spans="14:14">
      <c r="N502867" s="10"/>
    </row>
    <row r="502868" spans="14:14">
      <c r="N502868" s="10"/>
    </row>
    <row r="502869" spans="14:14">
      <c r="N502869" s="10"/>
    </row>
    <row r="502870" spans="14:14">
      <c r="N502870" s="10"/>
    </row>
    <row r="502871" spans="14:14">
      <c r="N502871" s="10"/>
    </row>
    <row r="502872" spans="14:14">
      <c r="N502872" s="10"/>
    </row>
    <row r="502873" spans="14:14">
      <c r="N502873" s="10"/>
    </row>
    <row r="502874" spans="14:14">
      <c r="N502874" s="10"/>
    </row>
    <row r="502875" spans="14:14">
      <c r="N502875" s="10"/>
    </row>
    <row r="502876" spans="14:14">
      <c r="N502876" s="10"/>
    </row>
    <row r="502877" spans="14:14">
      <c r="N502877" s="10"/>
    </row>
    <row r="502878" spans="14:14">
      <c r="N502878" s="10"/>
    </row>
    <row r="502879" spans="14:14">
      <c r="N502879" s="10"/>
    </row>
    <row r="502880" spans="14:14">
      <c r="N502880" s="10"/>
    </row>
    <row r="502881" spans="14:14">
      <c r="N502881" s="10"/>
    </row>
    <row r="502882" spans="14:14">
      <c r="N502882" s="10"/>
    </row>
    <row r="502883" spans="14:14">
      <c r="N502883" s="10"/>
    </row>
    <row r="502884" spans="14:14">
      <c r="N502884" s="10"/>
    </row>
    <row r="502885" spans="14:14">
      <c r="N502885" s="10"/>
    </row>
    <row r="502886" spans="14:14">
      <c r="N502886" s="10"/>
    </row>
    <row r="502887" spans="14:14">
      <c r="N502887" s="10"/>
    </row>
    <row r="502888" spans="14:14">
      <c r="N502888" s="10"/>
    </row>
    <row r="502889" spans="14:14">
      <c r="N502889" s="10"/>
    </row>
    <row r="502890" spans="14:14">
      <c r="N502890" s="10"/>
    </row>
    <row r="502891" spans="14:14">
      <c r="N502891" s="10"/>
    </row>
    <row r="502892" spans="14:14">
      <c r="N502892" s="10"/>
    </row>
    <row r="502893" spans="14:14">
      <c r="N502893" s="10"/>
    </row>
    <row r="502894" spans="14:14">
      <c r="N502894" s="10"/>
    </row>
    <row r="502895" spans="14:14">
      <c r="N502895" s="10"/>
    </row>
    <row r="502896" spans="14:14">
      <c r="N502896" s="10"/>
    </row>
    <row r="502897" spans="14:14">
      <c r="N502897" s="10"/>
    </row>
    <row r="502898" spans="14:14">
      <c r="N502898" s="10"/>
    </row>
    <row r="502899" spans="14:14">
      <c r="N502899" s="10"/>
    </row>
    <row r="502900" spans="14:14">
      <c r="N502900" s="10"/>
    </row>
    <row r="502901" spans="14:14">
      <c r="N502901" s="10"/>
    </row>
    <row r="502902" spans="14:14">
      <c r="N502902" s="10"/>
    </row>
    <row r="502903" spans="14:14">
      <c r="N502903" s="10"/>
    </row>
    <row r="502904" spans="14:14">
      <c r="N502904" s="10"/>
    </row>
    <row r="502905" spans="14:14">
      <c r="N502905" s="10"/>
    </row>
    <row r="502906" spans="14:14">
      <c r="N502906" s="10"/>
    </row>
    <row r="502907" spans="14:14">
      <c r="N502907" s="10"/>
    </row>
    <row r="502908" spans="14:14">
      <c r="N502908" s="10"/>
    </row>
    <row r="502909" spans="14:14">
      <c r="N502909" s="10"/>
    </row>
    <row r="502910" spans="14:14">
      <c r="N502910" s="10"/>
    </row>
    <row r="502911" spans="14:14">
      <c r="N502911" s="10"/>
    </row>
    <row r="502912" spans="14:14">
      <c r="N502912" s="10"/>
    </row>
    <row r="502913" spans="14:14">
      <c r="N502913" s="10"/>
    </row>
    <row r="502914" spans="14:14">
      <c r="N502914" s="10"/>
    </row>
    <row r="502915" spans="14:14">
      <c r="N502915" s="10"/>
    </row>
    <row r="502916" spans="14:14">
      <c r="N502916" s="10"/>
    </row>
    <row r="502917" spans="14:14">
      <c r="N502917" s="10"/>
    </row>
    <row r="502918" spans="14:14">
      <c r="N502918" s="10"/>
    </row>
    <row r="502919" spans="14:14">
      <c r="N502919" s="10"/>
    </row>
    <row r="502920" spans="14:14">
      <c r="N502920" s="10"/>
    </row>
    <row r="502921" spans="14:14">
      <c r="N502921" s="10"/>
    </row>
    <row r="502922" spans="14:14">
      <c r="N502922" s="10"/>
    </row>
    <row r="502923" spans="14:14">
      <c r="N502923" s="10"/>
    </row>
    <row r="502924" spans="14:14">
      <c r="N502924" s="10"/>
    </row>
    <row r="502925" spans="14:14">
      <c r="N502925" s="10"/>
    </row>
    <row r="502926" spans="14:14">
      <c r="N502926" s="10"/>
    </row>
    <row r="502927" spans="14:14">
      <c r="N502927" s="10"/>
    </row>
    <row r="502928" spans="14:14">
      <c r="N502928" s="10"/>
    </row>
    <row r="502929" spans="14:14">
      <c r="N502929" s="10"/>
    </row>
    <row r="502930" spans="14:14">
      <c r="N502930" s="10"/>
    </row>
    <row r="502931" spans="14:14">
      <c r="N502931" s="10"/>
    </row>
    <row r="502932" spans="14:14">
      <c r="N502932" s="10"/>
    </row>
    <row r="502933" spans="14:14">
      <c r="N502933" s="10"/>
    </row>
    <row r="502934" spans="14:14">
      <c r="N502934" s="10"/>
    </row>
    <row r="502935" spans="14:14">
      <c r="N502935" s="10"/>
    </row>
    <row r="502936" spans="14:14">
      <c r="N502936" s="10"/>
    </row>
    <row r="502937" spans="14:14">
      <c r="N502937" s="10"/>
    </row>
    <row r="502938" spans="14:14">
      <c r="N502938" s="10"/>
    </row>
    <row r="502939" spans="14:14">
      <c r="N502939" s="10"/>
    </row>
    <row r="502940" spans="14:14">
      <c r="N502940" s="10"/>
    </row>
    <row r="502941" spans="14:14">
      <c r="N502941" s="10"/>
    </row>
    <row r="502942" spans="14:14">
      <c r="N502942" s="10"/>
    </row>
    <row r="502943" spans="14:14">
      <c r="N502943" s="10"/>
    </row>
    <row r="502944" spans="14:14">
      <c r="N502944" s="10"/>
    </row>
    <row r="502945" spans="14:14">
      <c r="N502945" s="10"/>
    </row>
    <row r="502946" spans="14:14">
      <c r="N502946" s="10"/>
    </row>
    <row r="502947" spans="14:14">
      <c r="N502947" s="10"/>
    </row>
    <row r="502948" spans="14:14">
      <c r="N502948" s="10"/>
    </row>
    <row r="502949" spans="14:14">
      <c r="N502949" s="10"/>
    </row>
    <row r="502950" spans="14:14">
      <c r="N502950" s="10"/>
    </row>
    <row r="502951" spans="14:14">
      <c r="N502951" s="10"/>
    </row>
    <row r="502952" spans="14:14">
      <c r="N502952" s="10"/>
    </row>
    <row r="502953" spans="14:14">
      <c r="N502953" s="10"/>
    </row>
    <row r="502954" spans="14:14">
      <c r="N502954" s="10"/>
    </row>
    <row r="502955" spans="14:14">
      <c r="N502955" s="10"/>
    </row>
    <row r="502956" spans="14:14">
      <c r="N502956" s="10"/>
    </row>
    <row r="502957" spans="14:14">
      <c r="N502957" s="10"/>
    </row>
    <row r="502958" spans="14:14">
      <c r="N502958" s="10"/>
    </row>
    <row r="502959" spans="14:14">
      <c r="N502959" s="10"/>
    </row>
    <row r="502960" spans="14:14">
      <c r="N502960" s="10"/>
    </row>
    <row r="502961" spans="14:14">
      <c r="N502961" s="10"/>
    </row>
    <row r="502962" spans="14:14">
      <c r="N502962" s="10"/>
    </row>
    <row r="502963" spans="14:14">
      <c r="N502963" s="10"/>
    </row>
    <row r="502964" spans="14:14">
      <c r="N502964" s="10"/>
    </row>
    <row r="502965" spans="14:14">
      <c r="N502965" s="10"/>
    </row>
    <row r="502966" spans="14:14">
      <c r="N502966" s="10"/>
    </row>
    <row r="502967" spans="14:14">
      <c r="N502967" s="10"/>
    </row>
    <row r="502968" spans="14:14">
      <c r="N502968" s="10"/>
    </row>
    <row r="502969" spans="14:14">
      <c r="N502969" s="10"/>
    </row>
    <row r="502970" spans="14:14">
      <c r="N502970" s="10"/>
    </row>
    <row r="502971" spans="14:14">
      <c r="N502971" s="10"/>
    </row>
    <row r="502972" spans="14:14">
      <c r="N502972" s="10"/>
    </row>
    <row r="502973" spans="14:14">
      <c r="N502973" s="10"/>
    </row>
    <row r="502974" spans="14:14">
      <c r="N502974" s="10"/>
    </row>
    <row r="502975" spans="14:14">
      <c r="N502975" s="10"/>
    </row>
    <row r="502976" spans="14:14">
      <c r="N502976" s="10"/>
    </row>
    <row r="502977" spans="14:14">
      <c r="N502977" s="10"/>
    </row>
    <row r="502978" spans="14:14">
      <c r="N502978" s="10"/>
    </row>
    <row r="502979" spans="14:14">
      <c r="N502979" s="10"/>
    </row>
    <row r="502980" spans="14:14">
      <c r="N502980" s="10"/>
    </row>
    <row r="502981" spans="14:14">
      <c r="N502981" s="10"/>
    </row>
    <row r="502982" spans="14:14">
      <c r="N502982" s="10"/>
    </row>
    <row r="502983" spans="14:14">
      <c r="N502983" s="10"/>
    </row>
    <row r="502984" spans="14:14">
      <c r="N502984" s="10"/>
    </row>
    <row r="502985" spans="14:14">
      <c r="N502985" s="10"/>
    </row>
    <row r="502986" spans="14:14">
      <c r="N502986" s="10"/>
    </row>
    <row r="502987" spans="14:14">
      <c r="N502987" s="10"/>
    </row>
    <row r="502988" spans="14:14">
      <c r="N502988" s="10"/>
    </row>
    <row r="502989" spans="14:14">
      <c r="N502989" s="10"/>
    </row>
    <row r="502990" spans="14:14">
      <c r="N502990" s="10"/>
    </row>
    <row r="502991" spans="14:14">
      <c r="N502991" s="10"/>
    </row>
    <row r="502992" spans="14:14">
      <c r="N502992" s="10"/>
    </row>
    <row r="502993" spans="14:14">
      <c r="N502993" s="10"/>
    </row>
    <row r="502994" spans="14:14">
      <c r="N502994" s="10"/>
    </row>
    <row r="502995" spans="14:14">
      <c r="N502995" s="10"/>
    </row>
    <row r="502996" spans="14:14">
      <c r="N502996" s="10"/>
    </row>
    <row r="502997" spans="14:14">
      <c r="N502997" s="10"/>
    </row>
    <row r="502998" spans="14:14">
      <c r="N502998" s="10"/>
    </row>
    <row r="502999" spans="14:14">
      <c r="N502999" s="10"/>
    </row>
    <row r="503000" spans="14:14">
      <c r="N503000" s="10"/>
    </row>
    <row r="503001" spans="14:14">
      <c r="N503001" s="10"/>
    </row>
    <row r="503002" spans="14:14">
      <c r="N503002" s="10"/>
    </row>
    <row r="503003" spans="14:14">
      <c r="N503003" s="10"/>
    </row>
    <row r="503004" spans="14:14">
      <c r="N503004" s="10"/>
    </row>
    <row r="503005" spans="14:14">
      <c r="N503005" s="10"/>
    </row>
    <row r="503006" spans="14:14">
      <c r="N503006" s="10"/>
    </row>
    <row r="503007" spans="14:14">
      <c r="N503007" s="10"/>
    </row>
    <row r="503008" spans="14:14">
      <c r="N503008" s="10"/>
    </row>
    <row r="503009" spans="14:14">
      <c r="N503009" s="10"/>
    </row>
    <row r="503010" spans="14:14">
      <c r="N503010" s="10"/>
    </row>
    <row r="503011" spans="14:14">
      <c r="N503011" s="10"/>
    </row>
    <row r="503012" spans="14:14">
      <c r="N503012" s="10"/>
    </row>
    <row r="503013" spans="14:14">
      <c r="N503013" s="10"/>
    </row>
    <row r="503014" spans="14:14">
      <c r="N503014" s="10"/>
    </row>
    <row r="503015" spans="14:14">
      <c r="N503015" s="10"/>
    </row>
    <row r="503016" spans="14:14">
      <c r="N503016" s="10"/>
    </row>
    <row r="503017" spans="14:14">
      <c r="N503017" s="10"/>
    </row>
    <row r="503018" spans="14:14">
      <c r="N503018" s="10"/>
    </row>
    <row r="503019" spans="14:14">
      <c r="N503019" s="10"/>
    </row>
    <row r="503020" spans="14:14">
      <c r="N503020" s="10"/>
    </row>
    <row r="503021" spans="14:14">
      <c r="N503021" s="10"/>
    </row>
    <row r="503022" spans="14:14">
      <c r="N503022" s="10"/>
    </row>
    <row r="503023" spans="14:14">
      <c r="N503023" s="10"/>
    </row>
    <row r="503024" spans="14:14">
      <c r="N503024" s="10"/>
    </row>
    <row r="503025" spans="14:14">
      <c r="N503025" s="10"/>
    </row>
    <row r="503026" spans="14:14">
      <c r="N503026" s="10"/>
    </row>
    <row r="503027" spans="14:14">
      <c r="N503027" s="10"/>
    </row>
    <row r="503028" spans="14:14">
      <c r="N503028" s="10"/>
    </row>
    <row r="503029" spans="14:14">
      <c r="N503029" s="10"/>
    </row>
    <row r="503030" spans="14:14">
      <c r="N503030" s="10"/>
    </row>
    <row r="503031" spans="14:14">
      <c r="N503031" s="10"/>
    </row>
    <row r="503032" spans="14:14">
      <c r="N503032" s="10"/>
    </row>
    <row r="503033" spans="14:14">
      <c r="N503033" s="10"/>
    </row>
    <row r="503034" spans="14:14">
      <c r="N503034" s="10"/>
    </row>
    <row r="503035" spans="14:14">
      <c r="N503035" s="10"/>
    </row>
    <row r="503036" spans="14:14">
      <c r="N503036" s="10"/>
    </row>
    <row r="503037" spans="14:14">
      <c r="N503037" s="10"/>
    </row>
    <row r="503038" spans="14:14">
      <c r="N503038" s="10"/>
    </row>
    <row r="503039" spans="14:14">
      <c r="N503039" s="10"/>
    </row>
    <row r="503040" spans="14:14">
      <c r="N503040" s="10"/>
    </row>
    <row r="503041" spans="14:14">
      <c r="N503041" s="10"/>
    </row>
    <row r="503042" spans="14:14">
      <c r="N503042" s="10"/>
    </row>
    <row r="503043" spans="14:14">
      <c r="N503043" s="10"/>
    </row>
    <row r="503044" spans="14:14">
      <c r="N503044" s="10"/>
    </row>
    <row r="503045" spans="14:14">
      <c r="N503045" s="10"/>
    </row>
    <row r="503046" spans="14:14">
      <c r="N503046" s="10"/>
    </row>
    <row r="503047" spans="14:14">
      <c r="N503047" s="10"/>
    </row>
    <row r="503048" spans="14:14">
      <c r="N503048" s="10"/>
    </row>
    <row r="503049" spans="14:14">
      <c r="N503049" s="10"/>
    </row>
    <row r="503050" spans="14:14">
      <c r="N503050" s="10"/>
    </row>
    <row r="503051" spans="14:14">
      <c r="N503051" s="10"/>
    </row>
    <row r="503052" spans="14:14">
      <c r="N503052" s="10"/>
    </row>
    <row r="503053" spans="14:14">
      <c r="N503053" s="10"/>
    </row>
    <row r="503054" spans="14:14">
      <c r="N503054" s="10"/>
    </row>
    <row r="503055" spans="14:14">
      <c r="N503055" s="10"/>
    </row>
    <row r="503056" spans="14:14">
      <c r="N503056" s="10"/>
    </row>
    <row r="503057" spans="14:14">
      <c r="N503057" s="10"/>
    </row>
    <row r="503058" spans="14:14">
      <c r="N503058" s="10"/>
    </row>
    <row r="503059" spans="14:14">
      <c r="N503059" s="10"/>
    </row>
    <row r="503060" spans="14:14">
      <c r="N503060" s="10"/>
    </row>
    <row r="503061" spans="14:14">
      <c r="N503061" s="10"/>
    </row>
    <row r="503062" spans="14:14">
      <c r="N503062" s="10"/>
    </row>
    <row r="503063" spans="14:14">
      <c r="N503063" s="10"/>
    </row>
    <row r="503064" spans="14:14">
      <c r="N503064" s="10"/>
    </row>
    <row r="503065" spans="14:14">
      <c r="N503065" s="10"/>
    </row>
    <row r="503066" spans="14:14">
      <c r="N503066" s="10"/>
    </row>
    <row r="503067" spans="14:14">
      <c r="N503067" s="10"/>
    </row>
    <row r="503068" spans="14:14">
      <c r="N503068" s="10"/>
    </row>
    <row r="503069" spans="14:14">
      <c r="N503069" s="10"/>
    </row>
    <row r="503070" spans="14:14">
      <c r="N503070" s="10"/>
    </row>
    <row r="503071" spans="14:14">
      <c r="N503071" s="10"/>
    </row>
    <row r="503072" spans="14:14">
      <c r="N503072" s="10"/>
    </row>
    <row r="503073" spans="14:14">
      <c r="N503073" s="10"/>
    </row>
    <row r="503074" spans="14:14">
      <c r="N503074" s="10"/>
    </row>
    <row r="503075" spans="14:14">
      <c r="N503075" s="10"/>
    </row>
    <row r="503076" spans="14:14">
      <c r="N503076" s="10"/>
    </row>
    <row r="503077" spans="14:14">
      <c r="N503077" s="10"/>
    </row>
    <row r="503078" spans="14:14">
      <c r="N503078" s="10"/>
    </row>
    <row r="503079" spans="14:14">
      <c r="N503079" s="10"/>
    </row>
    <row r="503080" spans="14:14">
      <c r="N503080" s="10"/>
    </row>
    <row r="503081" spans="14:14">
      <c r="N503081" s="10"/>
    </row>
    <row r="503082" spans="14:14">
      <c r="N503082" s="10"/>
    </row>
    <row r="503083" spans="14:14">
      <c r="N503083" s="10"/>
    </row>
    <row r="503084" spans="14:14">
      <c r="N503084" s="10"/>
    </row>
    <row r="503085" spans="14:14">
      <c r="N503085" s="10"/>
    </row>
    <row r="503086" spans="14:14">
      <c r="N503086" s="10"/>
    </row>
    <row r="503087" spans="14:14">
      <c r="N503087" s="10"/>
    </row>
    <row r="503088" spans="14:14">
      <c r="N503088" s="10"/>
    </row>
    <row r="503089" spans="14:14">
      <c r="N503089" s="10"/>
    </row>
    <row r="503090" spans="14:14">
      <c r="N503090" s="10"/>
    </row>
    <row r="503091" spans="14:14">
      <c r="N503091" s="10"/>
    </row>
    <row r="503092" spans="14:14">
      <c r="N503092" s="10"/>
    </row>
    <row r="503093" spans="14:14">
      <c r="N503093" s="10"/>
    </row>
    <row r="503094" spans="14:14">
      <c r="N503094" s="10"/>
    </row>
    <row r="503095" spans="14:14">
      <c r="N503095" s="10"/>
    </row>
    <row r="503096" spans="14:14">
      <c r="N503096" s="10"/>
    </row>
    <row r="503097" spans="14:14">
      <c r="N503097" s="10"/>
    </row>
    <row r="503098" spans="14:14">
      <c r="N503098" s="10"/>
    </row>
    <row r="503099" spans="14:14">
      <c r="N503099" s="10"/>
    </row>
    <row r="503100" spans="14:14">
      <c r="N503100" s="10"/>
    </row>
    <row r="503101" spans="14:14">
      <c r="N503101" s="10"/>
    </row>
    <row r="503102" spans="14:14">
      <c r="N503102" s="10"/>
    </row>
    <row r="503103" spans="14:14">
      <c r="N503103" s="10"/>
    </row>
    <row r="503104" spans="14:14">
      <c r="N503104" s="10"/>
    </row>
    <row r="503105" spans="14:14">
      <c r="N503105" s="10"/>
    </row>
    <row r="503106" spans="14:14">
      <c r="N503106" s="10"/>
    </row>
    <row r="503107" spans="14:14">
      <c r="N503107" s="10"/>
    </row>
    <row r="503108" spans="14:14">
      <c r="N503108" s="10"/>
    </row>
    <row r="503109" spans="14:14">
      <c r="N503109" s="10"/>
    </row>
    <row r="503110" spans="14:14">
      <c r="N503110" s="10"/>
    </row>
    <row r="503111" spans="14:14">
      <c r="N503111" s="10"/>
    </row>
    <row r="503112" spans="14:14">
      <c r="N503112" s="10"/>
    </row>
    <row r="503113" spans="14:14">
      <c r="N503113" s="10"/>
    </row>
    <row r="503114" spans="14:14">
      <c r="N503114" s="10"/>
    </row>
    <row r="503115" spans="14:14">
      <c r="N503115" s="10"/>
    </row>
    <row r="503116" spans="14:14">
      <c r="N503116" s="10"/>
    </row>
    <row r="503117" spans="14:14">
      <c r="N503117" s="10"/>
    </row>
    <row r="503118" spans="14:14">
      <c r="N503118" s="10"/>
    </row>
    <row r="503119" spans="14:14">
      <c r="N503119" s="10"/>
    </row>
    <row r="503120" spans="14:14">
      <c r="N503120" s="10"/>
    </row>
    <row r="503121" spans="14:14">
      <c r="N503121" s="10"/>
    </row>
    <row r="503122" spans="14:14">
      <c r="N503122" s="10"/>
    </row>
    <row r="503123" spans="14:14">
      <c r="N503123" s="10"/>
    </row>
    <row r="503124" spans="14:14">
      <c r="N503124" s="10"/>
    </row>
    <row r="503125" spans="14:14">
      <c r="N503125" s="10"/>
    </row>
    <row r="503126" spans="14:14">
      <c r="N503126" s="10"/>
    </row>
    <row r="503127" spans="14:14">
      <c r="N503127" s="10"/>
    </row>
    <row r="503128" spans="14:14">
      <c r="N503128" s="10"/>
    </row>
    <row r="503129" spans="14:14">
      <c r="N503129" s="10"/>
    </row>
    <row r="503130" spans="14:14">
      <c r="N503130" s="10"/>
    </row>
    <row r="503131" spans="14:14">
      <c r="N503131" s="10"/>
    </row>
    <row r="503132" spans="14:14">
      <c r="N503132" s="10"/>
    </row>
    <row r="503133" spans="14:14">
      <c r="N503133" s="10"/>
    </row>
    <row r="503134" spans="14:14">
      <c r="N503134" s="10"/>
    </row>
    <row r="503135" spans="14:14">
      <c r="N503135" s="10"/>
    </row>
    <row r="503136" spans="14:14">
      <c r="N503136" s="10"/>
    </row>
    <row r="503137" spans="14:14">
      <c r="N503137" s="10"/>
    </row>
    <row r="503138" spans="14:14">
      <c r="N503138" s="10"/>
    </row>
    <row r="503139" spans="14:14">
      <c r="N503139" s="10"/>
    </row>
    <row r="503140" spans="14:14">
      <c r="N503140" s="10"/>
    </row>
    <row r="503141" spans="14:14">
      <c r="N503141" s="10"/>
    </row>
    <row r="503142" spans="14:14">
      <c r="N503142" s="10"/>
    </row>
    <row r="503143" spans="14:14">
      <c r="N503143" s="10"/>
    </row>
    <row r="503144" spans="14:14">
      <c r="N503144" s="10"/>
    </row>
    <row r="503145" spans="14:14">
      <c r="N503145" s="10"/>
    </row>
    <row r="503146" spans="14:14">
      <c r="N503146" s="10"/>
    </row>
    <row r="503147" spans="14:14">
      <c r="N503147" s="10"/>
    </row>
    <row r="503148" spans="14:14">
      <c r="N503148" s="10"/>
    </row>
    <row r="503149" spans="14:14">
      <c r="N503149" s="10"/>
    </row>
    <row r="503150" spans="14:14">
      <c r="N503150" s="10"/>
    </row>
    <row r="503151" spans="14:14">
      <c r="N503151" s="10"/>
    </row>
    <row r="503152" spans="14:14">
      <c r="N503152" s="10"/>
    </row>
    <row r="503153" spans="14:14">
      <c r="N503153" s="10"/>
    </row>
    <row r="503154" spans="14:14">
      <c r="N503154" s="10"/>
    </row>
    <row r="503155" spans="14:14">
      <c r="N503155" s="10"/>
    </row>
    <row r="503156" spans="14:14">
      <c r="N503156" s="10"/>
    </row>
    <row r="503157" spans="14:14">
      <c r="N503157" s="10"/>
    </row>
    <row r="503158" spans="14:14">
      <c r="N503158" s="10"/>
    </row>
    <row r="503159" spans="14:14">
      <c r="N503159" s="10"/>
    </row>
    <row r="503160" spans="14:14">
      <c r="N503160" s="10"/>
    </row>
    <row r="503161" spans="14:14">
      <c r="N503161" s="10"/>
    </row>
    <row r="503162" spans="14:14">
      <c r="N503162" s="10"/>
    </row>
    <row r="503163" spans="14:14">
      <c r="N503163" s="10"/>
    </row>
    <row r="503164" spans="14:14">
      <c r="N503164" s="10"/>
    </row>
    <row r="503165" spans="14:14">
      <c r="N503165" s="10"/>
    </row>
    <row r="503166" spans="14:14">
      <c r="N503166" s="10"/>
    </row>
    <row r="503167" spans="14:14">
      <c r="N503167" s="10"/>
    </row>
    <row r="503168" spans="14:14">
      <c r="N503168" s="10"/>
    </row>
    <row r="503169" spans="14:14">
      <c r="N503169" s="10"/>
    </row>
    <row r="503170" spans="14:14">
      <c r="N503170" s="10"/>
    </row>
    <row r="503171" spans="14:14">
      <c r="N503171" s="10"/>
    </row>
    <row r="503172" spans="14:14">
      <c r="N503172" s="10"/>
    </row>
    <row r="503173" spans="14:14">
      <c r="N503173" s="10"/>
    </row>
    <row r="503174" spans="14:14">
      <c r="N503174" s="10"/>
    </row>
    <row r="503175" spans="14:14">
      <c r="N503175" s="10"/>
    </row>
    <row r="503176" spans="14:14">
      <c r="N503176" s="10"/>
    </row>
    <row r="503177" spans="14:14">
      <c r="N503177" s="10"/>
    </row>
    <row r="503178" spans="14:14">
      <c r="N503178" s="10"/>
    </row>
    <row r="503179" spans="14:14">
      <c r="N503179" s="10"/>
    </row>
    <row r="503180" spans="14:14">
      <c r="N503180" s="10"/>
    </row>
    <row r="503181" spans="14:14">
      <c r="N503181" s="10"/>
    </row>
    <row r="503182" spans="14:14">
      <c r="N503182" s="10"/>
    </row>
    <row r="503183" spans="14:14">
      <c r="N503183" s="10"/>
    </row>
    <row r="503184" spans="14:14">
      <c r="N503184" s="10"/>
    </row>
    <row r="503185" spans="14:14">
      <c r="N503185" s="10"/>
    </row>
    <row r="503186" spans="14:14">
      <c r="N503186" s="10"/>
    </row>
    <row r="503187" spans="14:14">
      <c r="N503187" s="10"/>
    </row>
    <row r="503188" spans="14:14">
      <c r="N503188" s="10"/>
    </row>
    <row r="503189" spans="14:14">
      <c r="N503189" s="10"/>
    </row>
    <row r="503190" spans="14:14">
      <c r="N503190" s="10"/>
    </row>
    <row r="503191" spans="14:14">
      <c r="N503191" s="10"/>
    </row>
    <row r="503192" spans="14:14">
      <c r="N503192" s="10"/>
    </row>
    <row r="503193" spans="14:14">
      <c r="N503193" s="10"/>
    </row>
    <row r="503194" spans="14:14">
      <c r="N503194" s="10"/>
    </row>
    <row r="503195" spans="14:14">
      <c r="N503195" s="10"/>
    </row>
    <row r="503196" spans="14:14">
      <c r="N503196" s="10"/>
    </row>
    <row r="503197" spans="14:14">
      <c r="N503197" s="10"/>
    </row>
    <row r="503198" spans="14:14">
      <c r="N503198" s="10"/>
    </row>
    <row r="503199" spans="14:14">
      <c r="N503199" s="10"/>
    </row>
    <row r="503200" spans="14:14">
      <c r="N503200" s="10"/>
    </row>
    <row r="503201" spans="14:14">
      <c r="N503201" s="10"/>
    </row>
    <row r="503202" spans="14:14">
      <c r="N503202" s="10"/>
    </row>
    <row r="503203" spans="14:14">
      <c r="N503203" s="10"/>
    </row>
    <row r="503204" spans="14:14">
      <c r="N503204" s="10"/>
    </row>
    <row r="503205" spans="14:14">
      <c r="N503205" s="10"/>
    </row>
    <row r="503206" spans="14:14">
      <c r="N503206" s="10"/>
    </row>
    <row r="503207" spans="14:14">
      <c r="N503207" s="10"/>
    </row>
    <row r="503208" spans="14:14">
      <c r="N503208" s="10"/>
    </row>
    <row r="503209" spans="14:14">
      <c r="N503209" s="10"/>
    </row>
    <row r="503210" spans="14:14">
      <c r="N503210" s="10"/>
    </row>
    <row r="503211" spans="14:14">
      <c r="N503211" s="10"/>
    </row>
    <row r="503212" spans="14:14">
      <c r="N503212" s="10"/>
    </row>
    <row r="503213" spans="14:14">
      <c r="N503213" s="10"/>
    </row>
    <row r="503214" spans="14:14">
      <c r="N503214" s="10"/>
    </row>
    <row r="503215" spans="14:14">
      <c r="N503215" s="10"/>
    </row>
    <row r="503216" spans="14:14">
      <c r="N503216" s="10"/>
    </row>
    <row r="503217" spans="14:14">
      <c r="N503217" s="10"/>
    </row>
    <row r="503218" spans="14:14">
      <c r="N503218" s="10"/>
    </row>
    <row r="503219" spans="14:14">
      <c r="N503219" s="10"/>
    </row>
    <row r="503220" spans="14:14">
      <c r="N503220" s="10"/>
    </row>
    <row r="503221" spans="14:14">
      <c r="N503221" s="10"/>
    </row>
    <row r="503222" spans="14:14">
      <c r="N503222" s="10"/>
    </row>
    <row r="503223" spans="14:14">
      <c r="N503223" s="10"/>
    </row>
    <row r="503224" spans="14:14">
      <c r="N503224" s="10"/>
    </row>
    <row r="503225" spans="14:14">
      <c r="N503225" s="10"/>
    </row>
    <row r="503226" spans="14:14">
      <c r="N503226" s="10"/>
    </row>
    <row r="503227" spans="14:14">
      <c r="N503227" s="10"/>
    </row>
    <row r="503228" spans="14:14">
      <c r="N503228" s="10"/>
    </row>
    <row r="503229" spans="14:14">
      <c r="N503229" s="10"/>
    </row>
    <row r="503230" spans="14:14">
      <c r="N503230" s="10"/>
    </row>
    <row r="503231" spans="14:14">
      <c r="N503231" s="10"/>
    </row>
    <row r="503232" spans="14:14">
      <c r="N503232" s="10"/>
    </row>
    <row r="503233" spans="14:14">
      <c r="N503233" s="10"/>
    </row>
    <row r="503234" spans="14:14">
      <c r="N503234" s="10"/>
    </row>
    <row r="503235" spans="14:14">
      <c r="N503235" s="10"/>
    </row>
    <row r="503236" spans="14:14">
      <c r="N503236" s="10"/>
    </row>
    <row r="503237" spans="14:14">
      <c r="N503237" s="10"/>
    </row>
    <row r="503238" spans="14:14">
      <c r="N503238" s="10"/>
    </row>
    <row r="503239" spans="14:14">
      <c r="N503239" s="10"/>
    </row>
    <row r="503240" spans="14:14">
      <c r="N503240" s="10"/>
    </row>
    <row r="503241" spans="14:14">
      <c r="N503241" s="10"/>
    </row>
    <row r="503242" spans="14:14">
      <c r="N503242" s="10"/>
    </row>
    <row r="503243" spans="14:14">
      <c r="N503243" s="10"/>
    </row>
    <row r="503244" spans="14:14">
      <c r="N503244" s="10"/>
    </row>
    <row r="503245" spans="14:14">
      <c r="N503245" s="10"/>
    </row>
    <row r="503246" spans="14:14">
      <c r="N503246" s="10"/>
    </row>
    <row r="503247" spans="14:14">
      <c r="N503247" s="10"/>
    </row>
    <row r="503248" spans="14:14">
      <c r="N503248" s="10"/>
    </row>
    <row r="503249" spans="14:14">
      <c r="N503249" s="10"/>
    </row>
    <row r="503250" spans="14:14">
      <c r="N503250" s="10"/>
    </row>
    <row r="503251" spans="14:14">
      <c r="N503251" s="10"/>
    </row>
    <row r="503252" spans="14:14">
      <c r="N503252" s="10"/>
    </row>
    <row r="503253" spans="14:14">
      <c r="N503253" s="10"/>
    </row>
    <row r="503254" spans="14:14">
      <c r="N503254" s="10"/>
    </row>
    <row r="503255" spans="14:14">
      <c r="N503255" s="10"/>
    </row>
    <row r="503256" spans="14:14">
      <c r="N503256" s="10"/>
    </row>
    <row r="503257" spans="14:14">
      <c r="N503257" s="10"/>
    </row>
    <row r="503258" spans="14:14">
      <c r="N503258" s="10"/>
    </row>
    <row r="503259" spans="14:14">
      <c r="N503259" s="10"/>
    </row>
    <row r="503260" spans="14:14">
      <c r="N503260" s="10"/>
    </row>
    <row r="503261" spans="14:14">
      <c r="N503261" s="10"/>
    </row>
    <row r="503262" spans="14:14">
      <c r="N503262" s="10"/>
    </row>
    <row r="503263" spans="14:14">
      <c r="N503263" s="10"/>
    </row>
    <row r="503264" spans="14:14">
      <c r="N503264" s="10"/>
    </row>
    <row r="503265" spans="14:14">
      <c r="N503265" s="10"/>
    </row>
    <row r="503266" spans="14:14">
      <c r="N503266" s="10"/>
    </row>
    <row r="503267" spans="14:14">
      <c r="N503267" s="10"/>
    </row>
    <row r="503268" spans="14:14">
      <c r="N503268" s="10"/>
    </row>
    <row r="503269" spans="14:14">
      <c r="N503269" s="10"/>
    </row>
    <row r="503270" spans="14:14">
      <c r="N503270" s="10"/>
    </row>
    <row r="503271" spans="14:14">
      <c r="N503271" s="10"/>
    </row>
    <row r="503272" spans="14:14">
      <c r="N503272" s="10"/>
    </row>
    <row r="503273" spans="14:14">
      <c r="N503273" s="10"/>
    </row>
    <row r="503274" spans="14:14">
      <c r="N503274" s="10"/>
    </row>
    <row r="503275" spans="14:14">
      <c r="N503275" s="10"/>
    </row>
    <row r="503276" spans="14:14">
      <c r="N503276" s="10"/>
    </row>
    <row r="503277" spans="14:14">
      <c r="N503277" s="10"/>
    </row>
    <row r="503278" spans="14:14">
      <c r="N503278" s="10"/>
    </row>
    <row r="503279" spans="14:14">
      <c r="N503279" s="10"/>
    </row>
    <row r="503280" spans="14:14">
      <c r="N503280" s="10"/>
    </row>
    <row r="503281" spans="14:14">
      <c r="N503281" s="10"/>
    </row>
    <row r="503282" spans="14:14">
      <c r="N503282" s="10"/>
    </row>
    <row r="503283" spans="14:14">
      <c r="N503283" s="10"/>
    </row>
    <row r="503284" spans="14:14">
      <c r="N503284" s="10"/>
    </row>
    <row r="503285" spans="14:14">
      <c r="N503285" s="10"/>
    </row>
    <row r="503286" spans="14:14">
      <c r="N503286" s="10"/>
    </row>
    <row r="503287" spans="14:14">
      <c r="N503287" s="10"/>
    </row>
    <row r="503288" spans="14:14">
      <c r="N503288" s="10"/>
    </row>
    <row r="503289" spans="14:14">
      <c r="N503289" s="10"/>
    </row>
    <row r="503290" spans="14:14">
      <c r="N503290" s="10"/>
    </row>
    <row r="503291" spans="14:14">
      <c r="N503291" s="10"/>
    </row>
    <row r="503292" spans="14:14">
      <c r="N503292" s="10"/>
    </row>
    <row r="503293" spans="14:14">
      <c r="N503293" s="10"/>
    </row>
    <row r="503294" spans="14:14">
      <c r="N503294" s="10"/>
    </row>
    <row r="503295" spans="14:14">
      <c r="N503295" s="10"/>
    </row>
    <row r="503296" spans="14:14">
      <c r="N503296" s="10"/>
    </row>
    <row r="503297" spans="14:14">
      <c r="N503297" s="10"/>
    </row>
    <row r="503298" spans="14:14">
      <c r="N503298" s="10"/>
    </row>
    <row r="503299" spans="14:14">
      <c r="N503299" s="10"/>
    </row>
    <row r="503300" spans="14:14">
      <c r="N503300" s="10"/>
    </row>
    <row r="503301" spans="14:14">
      <c r="N503301" s="10"/>
    </row>
    <row r="503302" spans="14:14">
      <c r="N503302" s="10"/>
    </row>
    <row r="503303" spans="14:14">
      <c r="N503303" s="10"/>
    </row>
    <row r="503304" spans="14:14">
      <c r="N503304" s="10"/>
    </row>
    <row r="503305" spans="14:14">
      <c r="N503305" s="10"/>
    </row>
    <row r="503306" spans="14:14">
      <c r="N503306" s="10"/>
    </row>
    <row r="503307" spans="14:14">
      <c r="N503307" s="10"/>
    </row>
    <row r="503308" spans="14:14">
      <c r="N503308" s="10"/>
    </row>
    <row r="503309" spans="14:14">
      <c r="N503309" s="10"/>
    </row>
    <row r="503310" spans="14:14">
      <c r="N503310" s="10"/>
    </row>
    <row r="503311" spans="14:14">
      <c r="N503311" s="10"/>
    </row>
    <row r="503312" spans="14:14">
      <c r="N503312" s="10"/>
    </row>
    <row r="503313" spans="14:14">
      <c r="N503313" s="10"/>
    </row>
    <row r="503314" spans="14:14">
      <c r="N503314" s="10"/>
    </row>
    <row r="503315" spans="14:14">
      <c r="N503315" s="10"/>
    </row>
    <row r="503316" spans="14:14">
      <c r="N503316" s="10"/>
    </row>
    <row r="503317" spans="14:14">
      <c r="N503317" s="10"/>
    </row>
    <row r="503318" spans="14:14">
      <c r="N503318" s="10"/>
    </row>
    <row r="503319" spans="14:14">
      <c r="N503319" s="10"/>
    </row>
    <row r="503320" spans="14:14">
      <c r="N503320" s="10"/>
    </row>
    <row r="503321" spans="14:14">
      <c r="N503321" s="10"/>
    </row>
    <row r="503322" spans="14:14">
      <c r="N503322" s="10"/>
    </row>
    <row r="503323" spans="14:14">
      <c r="N503323" s="10"/>
    </row>
    <row r="503324" spans="14:14">
      <c r="N503324" s="10"/>
    </row>
    <row r="503325" spans="14:14">
      <c r="N503325" s="10"/>
    </row>
    <row r="503326" spans="14:14">
      <c r="N503326" s="10"/>
    </row>
    <row r="503327" spans="14:14">
      <c r="N503327" s="10"/>
    </row>
    <row r="503328" spans="14:14">
      <c r="N503328" s="10"/>
    </row>
    <row r="503329" spans="14:14">
      <c r="N503329" s="10"/>
    </row>
    <row r="503330" spans="14:14">
      <c r="N503330" s="10"/>
    </row>
    <row r="503331" spans="14:14">
      <c r="N503331" s="10"/>
    </row>
    <row r="503332" spans="14:14">
      <c r="N503332" s="10"/>
    </row>
    <row r="503333" spans="14:14">
      <c r="N503333" s="10"/>
    </row>
    <row r="503334" spans="14:14">
      <c r="N503334" s="10"/>
    </row>
    <row r="503335" spans="14:14">
      <c r="N503335" s="10"/>
    </row>
    <row r="503336" spans="14:14">
      <c r="N503336" s="10"/>
    </row>
    <row r="503337" spans="14:14">
      <c r="N503337" s="10"/>
    </row>
    <row r="503338" spans="14:14">
      <c r="N503338" s="10"/>
    </row>
    <row r="503339" spans="14:14">
      <c r="N503339" s="10"/>
    </row>
    <row r="503340" spans="14:14">
      <c r="N503340" s="10"/>
    </row>
    <row r="503341" spans="14:14">
      <c r="N503341" s="10"/>
    </row>
    <row r="503342" spans="14:14">
      <c r="N503342" s="10"/>
    </row>
    <row r="503343" spans="14:14">
      <c r="N503343" s="10"/>
    </row>
    <row r="503344" spans="14:14">
      <c r="N503344" s="10"/>
    </row>
    <row r="503345" spans="14:14">
      <c r="N503345" s="10"/>
    </row>
    <row r="503346" spans="14:14">
      <c r="N503346" s="10"/>
    </row>
    <row r="503347" spans="14:14">
      <c r="N503347" s="10"/>
    </row>
    <row r="503348" spans="14:14">
      <c r="N503348" s="10"/>
    </row>
    <row r="503349" spans="14:14">
      <c r="N503349" s="10"/>
    </row>
    <row r="503350" spans="14:14">
      <c r="N503350" s="10"/>
    </row>
    <row r="503351" spans="14:14">
      <c r="N503351" s="10"/>
    </row>
    <row r="503352" spans="14:14">
      <c r="N503352" s="10"/>
    </row>
    <row r="503353" spans="14:14">
      <c r="N503353" s="10"/>
    </row>
    <row r="503354" spans="14:14">
      <c r="N503354" s="10"/>
    </row>
    <row r="503355" spans="14:14">
      <c r="N503355" s="10"/>
    </row>
    <row r="503356" spans="14:14">
      <c r="N503356" s="10"/>
    </row>
    <row r="503357" spans="14:14">
      <c r="N503357" s="10"/>
    </row>
    <row r="503358" spans="14:14">
      <c r="N503358" s="10"/>
    </row>
    <row r="503359" spans="14:14">
      <c r="N503359" s="10"/>
    </row>
    <row r="503360" spans="14:14">
      <c r="N503360" s="10"/>
    </row>
    <row r="503361" spans="14:14">
      <c r="N503361" s="10"/>
    </row>
    <row r="503362" spans="14:14">
      <c r="N503362" s="10"/>
    </row>
    <row r="503363" spans="14:14">
      <c r="N503363" s="10"/>
    </row>
    <row r="503364" spans="14:14">
      <c r="N503364" s="10"/>
    </row>
    <row r="503365" spans="14:14">
      <c r="N503365" s="10"/>
    </row>
    <row r="503366" spans="14:14">
      <c r="N503366" s="10"/>
    </row>
    <row r="503367" spans="14:14">
      <c r="N503367" s="10"/>
    </row>
    <row r="503368" spans="14:14">
      <c r="N503368" s="10"/>
    </row>
    <row r="503369" spans="14:14">
      <c r="N503369" s="10"/>
    </row>
    <row r="503370" spans="14:14">
      <c r="N503370" s="10"/>
    </row>
    <row r="503371" spans="14:14">
      <c r="N503371" s="10"/>
    </row>
    <row r="503372" spans="14:14">
      <c r="N503372" s="10"/>
    </row>
    <row r="503373" spans="14:14">
      <c r="N503373" s="10"/>
    </row>
    <row r="503374" spans="14:14">
      <c r="N503374" s="10"/>
    </row>
    <row r="503375" spans="14:14">
      <c r="N503375" s="10"/>
    </row>
    <row r="503376" spans="14:14">
      <c r="N503376" s="10"/>
    </row>
    <row r="503377" spans="14:14">
      <c r="N503377" s="10"/>
    </row>
    <row r="503378" spans="14:14">
      <c r="N503378" s="10"/>
    </row>
    <row r="503379" spans="14:14">
      <c r="N503379" s="10"/>
    </row>
    <row r="503380" spans="14:14">
      <c r="N503380" s="10"/>
    </row>
    <row r="503381" spans="14:14">
      <c r="N503381" s="10"/>
    </row>
    <row r="503382" spans="14:14">
      <c r="N503382" s="10"/>
    </row>
    <row r="503383" spans="14:14">
      <c r="N503383" s="10"/>
    </row>
    <row r="503384" spans="14:14">
      <c r="N503384" s="10"/>
    </row>
    <row r="503385" spans="14:14">
      <c r="N503385" s="10"/>
    </row>
    <row r="503386" spans="14:14">
      <c r="N503386" s="10"/>
    </row>
    <row r="503387" spans="14:14">
      <c r="N503387" s="10"/>
    </row>
    <row r="503388" spans="14:14">
      <c r="N503388" s="10"/>
    </row>
    <row r="503389" spans="14:14">
      <c r="N503389" s="10"/>
    </row>
    <row r="503390" spans="14:14">
      <c r="N503390" s="10"/>
    </row>
    <row r="503391" spans="14:14">
      <c r="N503391" s="10"/>
    </row>
    <row r="503392" spans="14:14">
      <c r="N503392" s="10"/>
    </row>
    <row r="503393" spans="14:14">
      <c r="N503393" s="10"/>
    </row>
    <row r="503394" spans="14:14">
      <c r="N503394" s="10"/>
    </row>
    <row r="503395" spans="14:14">
      <c r="N503395" s="10"/>
    </row>
    <row r="503396" spans="14:14">
      <c r="N503396" s="10"/>
    </row>
    <row r="503397" spans="14:14">
      <c r="N503397" s="10"/>
    </row>
    <row r="503398" spans="14:14">
      <c r="N503398" s="10"/>
    </row>
    <row r="503399" spans="14:14">
      <c r="N503399" s="10"/>
    </row>
    <row r="503400" spans="14:14">
      <c r="N503400" s="10"/>
    </row>
    <row r="503401" spans="14:14">
      <c r="N503401" s="10"/>
    </row>
    <row r="503402" spans="14:14">
      <c r="N503402" s="10"/>
    </row>
    <row r="503403" spans="14:14">
      <c r="N503403" s="10"/>
    </row>
    <row r="503404" spans="14:14">
      <c r="N503404" s="10"/>
    </row>
    <row r="503405" spans="14:14">
      <c r="N503405" s="10"/>
    </row>
    <row r="503406" spans="14:14">
      <c r="N503406" s="10"/>
    </row>
    <row r="503407" spans="14:14">
      <c r="N503407" s="10"/>
    </row>
    <row r="503408" spans="14:14">
      <c r="N503408" s="10"/>
    </row>
    <row r="503409" spans="14:14">
      <c r="N503409" s="10"/>
    </row>
    <row r="503410" spans="14:14">
      <c r="N503410" s="10"/>
    </row>
    <row r="503411" spans="14:14">
      <c r="N503411" s="10"/>
    </row>
    <row r="503412" spans="14:14">
      <c r="N503412" s="10"/>
    </row>
    <row r="503413" spans="14:14">
      <c r="N503413" s="10"/>
    </row>
    <row r="503414" spans="14:14">
      <c r="N503414" s="10"/>
    </row>
    <row r="503415" spans="14:14">
      <c r="N503415" s="10"/>
    </row>
    <row r="503416" spans="14:14">
      <c r="N503416" s="10"/>
    </row>
    <row r="503417" spans="14:14">
      <c r="N503417" s="10"/>
    </row>
    <row r="503418" spans="14:14">
      <c r="N503418" s="10"/>
    </row>
    <row r="503419" spans="14:14">
      <c r="N503419" s="10"/>
    </row>
    <row r="503420" spans="14:14">
      <c r="N503420" s="10"/>
    </row>
    <row r="503421" spans="14:14">
      <c r="N503421" s="10"/>
    </row>
    <row r="503422" spans="14:14">
      <c r="N503422" s="10"/>
    </row>
    <row r="503423" spans="14:14">
      <c r="N503423" s="10"/>
    </row>
    <row r="503424" spans="14:14">
      <c r="N503424" s="10"/>
    </row>
    <row r="503425" spans="14:14">
      <c r="N503425" s="10"/>
    </row>
    <row r="503426" spans="14:14">
      <c r="N503426" s="10"/>
    </row>
    <row r="503427" spans="14:14">
      <c r="N503427" s="10"/>
    </row>
    <row r="503428" spans="14:14">
      <c r="N503428" s="10"/>
    </row>
    <row r="503429" spans="14:14">
      <c r="N503429" s="10"/>
    </row>
    <row r="503430" spans="14:14">
      <c r="N503430" s="10"/>
    </row>
    <row r="503431" spans="14:14">
      <c r="N503431" s="10"/>
    </row>
    <row r="503432" spans="14:14">
      <c r="N503432" s="10"/>
    </row>
    <row r="503433" spans="14:14">
      <c r="N503433" s="10"/>
    </row>
    <row r="503434" spans="14:14">
      <c r="N503434" s="10"/>
    </row>
    <row r="503435" spans="14:14">
      <c r="N503435" s="10"/>
    </row>
    <row r="503436" spans="14:14">
      <c r="N503436" s="10"/>
    </row>
    <row r="503437" spans="14:14">
      <c r="N503437" s="10"/>
    </row>
    <row r="503438" spans="14:14">
      <c r="N503438" s="10"/>
    </row>
    <row r="503439" spans="14:14">
      <c r="N503439" s="10"/>
    </row>
    <row r="503440" spans="14:14">
      <c r="N503440" s="10"/>
    </row>
    <row r="503441" spans="14:14">
      <c r="N503441" s="10"/>
    </row>
    <row r="503442" spans="14:14">
      <c r="N503442" s="10"/>
    </row>
    <row r="503443" spans="14:14">
      <c r="N503443" s="10"/>
    </row>
    <row r="503444" spans="14:14">
      <c r="N503444" s="10"/>
    </row>
    <row r="503445" spans="14:14">
      <c r="N503445" s="10"/>
    </row>
    <row r="503446" spans="14:14">
      <c r="N503446" s="10"/>
    </row>
    <row r="503447" spans="14:14">
      <c r="N503447" s="10"/>
    </row>
    <row r="503448" spans="14:14">
      <c r="N503448" s="10"/>
    </row>
    <row r="503449" spans="14:14">
      <c r="N503449" s="10"/>
    </row>
    <row r="503450" spans="14:14">
      <c r="N503450" s="10"/>
    </row>
    <row r="503451" spans="14:14">
      <c r="N503451" s="10"/>
    </row>
    <row r="503452" spans="14:14">
      <c r="N503452" s="10"/>
    </row>
    <row r="503453" spans="14:14">
      <c r="N503453" s="10"/>
    </row>
    <row r="503454" spans="14:14">
      <c r="N503454" s="10"/>
    </row>
    <row r="503455" spans="14:14">
      <c r="N503455" s="10"/>
    </row>
    <row r="503456" spans="14:14">
      <c r="N503456" s="10"/>
    </row>
    <row r="503457" spans="14:14">
      <c r="N503457" s="10"/>
    </row>
    <row r="503458" spans="14:14">
      <c r="N503458" s="10"/>
    </row>
    <row r="503459" spans="14:14">
      <c r="N503459" s="10"/>
    </row>
    <row r="503460" spans="14:14">
      <c r="N503460" s="10"/>
    </row>
    <row r="503461" spans="14:14">
      <c r="N503461" s="10"/>
    </row>
    <row r="503462" spans="14:14">
      <c r="N503462" s="10"/>
    </row>
    <row r="503463" spans="14:14">
      <c r="N503463" s="10"/>
    </row>
    <row r="503464" spans="14:14">
      <c r="N503464" s="10"/>
    </row>
    <row r="503465" spans="14:14">
      <c r="N503465" s="10"/>
    </row>
    <row r="503466" spans="14:14">
      <c r="N503466" s="10"/>
    </row>
    <row r="503467" spans="14:14">
      <c r="N503467" s="10"/>
    </row>
    <row r="503468" spans="14:14">
      <c r="N503468" s="10"/>
    </row>
    <row r="503469" spans="14:14">
      <c r="N503469" s="10"/>
    </row>
    <row r="503470" spans="14:14">
      <c r="N503470" s="10"/>
    </row>
    <row r="503471" spans="14:14">
      <c r="N503471" s="10"/>
    </row>
    <row r="503472" spans="14:14">
      <c r="N503472" s="10"/>
    </row>
    <row r="503473" spans="14:14">
      <c r="N503473" s="10"/>
    </row>
    <row r="503474" spans="14:14">
      <c r="N503474" s="10"/>
    </row>
    <row r="503475" spans="14:14">
      <c r="N503475" s="10"/>
    </row>
    <row r="503476" spans="14:14">
      <c r="N503476" s="10"/>
    </row>
    <row r="503477" spans="14:14">
      <c r="N503477" s="10"/>
    </row>
    <row r="503478" spans="14:14">
      <c r="N503478" s="10"/>
    </row>
    <row r="503479" spans="14:14">
      <c r="N503479" s="10"/>
    </row>
    <row r="503480" spans="14:14">
      <c r="N503480" s="10"/>
    </row>
    <row r="503481" spans="14:14">
      <c r="N503481" s="10"/>
    </row>
    <row r="503482" spans="14:14">
      <c r="N503482" s="10"/>
    </row>
    <row r="503483" spans="14:14">
      <c r="N503483" s="10"/>
    </row>
    <row r="503484" spans="14:14">
      <c r="N503484" s="10"/>
    </row>
    <row r="503485" spans="14:14">
      <c r="N503485" s="10"/>
    </row>
    <row r="503486" spans="14:14">
      <c r="N503486" s="10"/>
    </row>
    <row r="503487" spans="14:14">
      <c r="N503487" s="10"/>
    </row>
    <row r="503488" spans="14:14">
      <c r="N503488" s="10"/>
    </row>
    <row r="503489" spans="14:14">
      <c r="N503489" s="10"/>
    </row>
    <row r="503490" spans="14:14">
      <c r="N503490" s="10"/>
    </row>
    <row r="503491" spans="14:14">
      <c r="N503491" s="10"/>
    </row>
    <row r="503492" spans="14:14">
      <c r="N503492" s="10"/>
    </row>
    <row r="503493" spans="14:14">
      <c r="N503493" s="10"/>
    </row>
    <row r="503494" spans="14:14">
      <c r="N503494" s="10"/>
    </row>
    <row r="503495" spans="14:14">
      <c r="N503495" s="10"/>
    </row>
    <row r="503496" spans="14:14">
      <c r="N503496" s="10"/>
    </row>
    <row r="503497" spans="14:14">
      <c r="N503497" s="10"/>
    </row>
    <row r="503498" spans="14:14">
      <c r="N503498" s="10"/>
    </row>
    <row r="503499" spans="14:14">
      <c r="N503499" s="10"/>
    </row>
    <row r="503500" spans="14:14">
      <c r="N503500" s="10"/>
    </row>
    <row r="503501" spans="14:14">
      <c r="N503501" s="10"/>
    </row>
    <row r="503502" spans="14:14">
      <c r="N503502" s="10"/>
    </row>
    <row r="503503" spans="14:14">
      <c r="N503503" s="10"/>
    </row>
    <row r="503504" spans="14:14">
      <c r="N503504" s="10"/>
    </row>
    <row r="503505" spans="14:14">
      <c r="N503505" s="10"/>
    </row>
    <row r="503506" spans="14:14">
      <c r="N503506" s="10"/>
    </row>
    <row r="503507" spans="14:14">
      <c r="N503507" s="10"/>
    </row>
    <row r="503508" spans="14:14">
      <c r="N503508" s="10"/>
    </row>
    <row r="503509" spans="14:14">
      <c r="N503509" s="10"/>
    </row>
    <row r="503510" spans="14:14">
      <c r="N503510" s="10"/>
    </row>
    <row r="503511" spans="14:14">
      <c r="N503511" s="10"/>
    </row>
    <row r="503512" spans="14:14">
      <c r="N503512" s="10"/>
    </row>
    <row r="503513" spans="14:14">
      <c r="N503513" s="10"/>
    </row>
    <row r="503514" spans="14:14">
      <c r="N503514" s="10"/>
    </row>
    <row r="503515" spans="14:14">
      <c r="N503515" s="10"/>
    </row>
    <row r="503516" spans="14:14">
      <c r="N503516" s="10"/>
    </row>
    <row r="503517" spans="14:14">
      <c r="N503517" s="10"/>
    </row>
    <row r="503518" spans="14:14">
      <c r="N503518" s="10"/>
    </row>
    <row r="503519" spans="14:14">
      <c r="N503519" s="10"/>
    </row>
    <row r="503520" spans="14:14">
      <c r="N503520" s="10"/>
    </row>
    <row r="503521" spans="14:14">
      <c r="N503521" s="10"/>
    </row>
    <row r="503522" spans="14:14">
      <c r="N503522" s="10"/>
    </row>
    <row r="503523" spans="14:14">
      <c r="N503523" s="10"/>
    </row>
    <row r="503524" spans="14:14">
      <c r="N503524" s="10"/>
    </row>
    <row r="503525" spans="14:14">
      <c r="N503525" s="10"/>
    </row>
    <row r="503526" spans="14:14">
      <c r="N503526" s="10"/>
    </row>
    <row r="503527" spans="14:14">
      <c r="N503527" s="10"/>
    </row>
    <row r="503528" spans="14:14">
      <c r="N503528" s="10"/>
    </row>
    <row r="503529" spans="14:14">
      <c r="N503529" s="10"/>
    </row>
    <row r="503530" spans="14:14">
      <c r="N503530" s="10"/>
    </row>
    <row r="503531" spans="14:14">
      <c r="N503531" s="10"/>
    </row>
    <row r="503532" spans="14:14">
      <c r="N503532" s="10"/>
    </row>
    <row r="503533" spans="14:14">
      <c r="N503533" s="10"/>
    </row>
    <row r="503534" spans="14:14">
      <c r="N503534" s="10"/>
    </row>
    <row r="503535" spans="14:14">
      <c r="N503535" s="10"/>
    </row>
    <row r="503536" spans="14:14">
      <c r="N503536" s="10"/>
    </row>
    <row r="503537" spans="14:14">
      <c r="N503537" s="10"/>
    </row>
    <row r="503538" spans="14:14">
      <c r="N503538" s="10"/>
    </row>
    <row r="503539" spans="14:14">
      <c r="N503539" s="10"/>
    </row>
    <row r="503540" spans="14:14">
      <c r="N503540" s="10"/>
    </row>
    <row r="503541" spans="14:14">
      <c r="N503541" s="10"/>
    </row>
    <row r="503542" spans="14:14">
      <c r="N503542" s="10"/>
    </row>
    <row r="503543" spans="14:14">
      <c r="N503543" s="10"/>
    </row>
    <row r="503544" spans="14:14">
      <c r="N503544" s="10"/>
    </row>
    <row r="503545" spans="14:14">
      <c r="N503545" s="10"/>
    </row>
    <row r="503546" spans="14:14">
      <c r="N503546" s="10"/>
    </row>
    <row r="503547" spans="14:14">
      <c r="N503547" s="10"/>
    </row>
    <row r="503548" spans="14:14">
      <c r="N503548" s="10"/>
    </row>
    <row r="503549" spans="14:14">
      <c r="N503549" s="10"/>
    </row>
    <row r="503550" spans="14:14">
      <c r="N503550" s="10"/>
    </row>
    <row r="503551" spans="14:14">
      <c r="N503551" s="10"/>
    </row>
    <row r="503552" spans="14:14">
      <c r="N503552" s="10"/>
    </row>
    <row r="503553" spans="14:14">
      <c r="N503553" s="10"/>
    </row>
    <row r="503554" spans="14:14">
      <c r="N503554" s="10"/>
    </row>
    <row r="503555" spans="14:14">
      <c r="N503555" s="10"/>
    </row>
    <row r="503556" spans="14:14">
      <c r="N503556" s="10"/>
    </row>
    <row r="503557" spans="14:14">
      <c r="N503557" s="10"/>
    </row>
    <row r="503558" spans="14:14">
      <c r="N503558" s="10"/>
    </row>
    <row r="503559" spans="14:14">
      <c r="N503559" s="10"/>
    </row>
    <row r="503560" spans="14:14">
      <c r="N503560" s="10"/>
    </row>
    <row r="503561" spans="14:14">
      <c r="N503561" s="10"/>
    </row>
    <row r="503562" spans="14:14">
      <c r="N503562" s="10"/>
    </row>
    <row r="503563" spans="14:14">
      <c r="N503563" s="10"/>
    </row>
    <row r="503564" spans="14:14">
      <c r="N503564" s="10"/>
    </row>
    <row r="503565" spans="14:14">
      <c r="N503565" s="10"/>
    </row>
    <row r="503566" spans="14:14">
      <c r="N503566" s="10"/>
    </row>
    <row r="503567" spans="14:14">
      <c r="N503567" s="10"/>
    </row>
    <row r="503568" spans="14:14">
      <c r="N503568" s="10"/>
    </row>
    <row r="503569" spans="14:14">
      <c r="N503569" s="10"/>
    </row>
    <row r="503570" spans="14:14">
      <c r="N503570" s="10"/>
    </row>
    <row r="503571" spans="14:14">
      <c r="N503571" s="10"/>
    </row>
    <row r="503572" spans="14:14">
      <c r="N503572" s="10"/>
    </row>
    <row r="503573" spans="14:14">
      <c r="N503573" s="10"/>
    </row>
    <row r="503574" spans="14:14">
      <c r="N503574" s="10"/>
    </row>
    <row r="503575" spans="14:14">
      <c r="N503575" s="10"/>
    </row>
    <row r="503576" spans="14:14">
      <c r="N503576" s="10"/>
    </row>
    <row r="503577" spans="14:14">
      <c r="N503577" s="10"/>
    </row>
    <row r="503578" spans="14:14">
      <c r="N503578" s="10"/>
    </row>
    <row r="503579" spans="14:14">
      <c r="N503579" s="10"/>
    </row>
    <row r="503580" spans="14:14">
      <c r="N503580" s="10"/>
    </row>
    <row r="503581" spans="14:14">
      <c r="N503581" s="10"/>
    </row>
    <row r="503582" spans="14:14">
      <c r="N503582" s="10"/>
    </row>
    <row r="503583" spans="14:14">
      <c r="N503583" s="10"/>
    </row>
    <row r="503584" spans="14:14">
      <c r="N503584" s="10"/>
    </row>
    <row r="503585" spans="14:14">
      <c r="N503585" s="10"/>
    </row>
    <row r="503586" spans="14:14">
      <c r="N503586" s="10"/>
    </row>
    <row r="503587" spans="14:14">
      <c r="N503587" s="10"/>
    </row>
    <row r="503588" spans="14:14">
      <c r="N503588" s="10"/>
    </row>
    <row r="503589" spans="14:14">
      <c r="N503589" s="10"/>
    </row>
    <row r="503590" spans="14:14">
      <c r="N503590" s="10"/>
    </row>
    <row r="503591" spans="14:14">
      <c r="N503591" s="10"/>
    </row>
    <row r="503592" spans="14:14">
      <c r="N503592" s="10"/>
    </row>
    <row r="503593" spans="14:14">
      <c r="N503593" s="10"/>
    </row>
    <row r="503594" spans="14:14">
      <c r="N503594" s="10"/>
    </row>
    <row r="503595" spans="14:14">
      <c r="N503595" s="10"/>
    </row>
    <row r="503596" spans="14:14">
      <c r="N503596" s="10"/>
    </row>
    <row r="503597" spans="14:14">
      <c r="N503597" s="10"/>
    </row>
    <row r="503598" spans="14:14">
      <c r="N503598" s="10"/>
    </row>
    <row r="503599" spans="14:14">
      <c r="N503599" s="10"/>
    </row>
    <row r="503600" spans="14:14">
      <c r="N503600" s="10"/>
    </row>
    <row r="503601" spans="14:14">
      <c r="N503601" s="10"/>
    </row>
    <row r="503602" spans="14:14">
      <c r="N503602" s="10"/>
    </row>
    <row r="503603" spans="14:14">
      <c r="N503603" s="10"/>
    </row>
    <row r="503604" spans="14:14">
      <c r="N503604" s="10"/>
    </row>
    <row r="503605" spans="14:14">
      <c r="N503605" s="10"/>
    </row>
    <row r="503606" spans="14:14">
      <c r="N503606" s="10"/>
    </row>
    <row r="503607" spans="14:14">
      <c r="N503607" s="10"/>
    </row>
    <row r="503608" spans="14:14">
      <c r="N503608" s="10"/>
    </row>
    <row r="503609" spans="14:14">
      <c r="N503609" s="10"/>
    </row>
    <row r="503610" spans="14:14">
      <c r="N503610" s="10"/>
    </row>
    <row r="503611" spans="14:14">
      <c r="N503611" s="10"/>
    </row>
    <row r="503612" spans="14:14">
      <c r="N503612" s="10"/>
    </row>
    <row r="503613" spans="14:14">
      <c r="N503613" s="10"/>
    </row>
    <row r="503614" spans="14:14">
      <c r="N503614" s="10"/>
    </row>
    <row r="503615" spans="14:14">
      <c r="N503615" s="10"/>
    </row>
    <row r="503616" spans="14:14">
      <c r="N503616" s="10"/>
    </row>
    <row r="503617" spans="14:14">
      <c r="N503617" s="10"/>
    </row>
    <row r="503618" spans="14:14">
      <c r="N503618" s="10"/>
    </row>
    <row r="503619" spans="14:14">
      <c r="N503619" s="10"/>
    </row>
    <row r="503620" spans="14:14">
      <c r="N503620" s="10"/>
    </row>
    <row r="503621" spans="14:14">
      <c r="N503621" s="10"/>
    </row>
    <row r="503622" spans="14:14">
      <c r="N503622" s="10"/>
    </row>
    <row r="503623" spans="14:14">
      <c r="N503623" s="10"/>
    </row>
    <row r="503624" spans="14:14">
      <c r="N503624" s="10"/>
    </row>
    <row r="503625" spans="14:14">
      <c r="N503625" s="10"/>
    </row>
    <row r="503626" spans="14:14">
      <c r="N503626" s="10"/>
    </row>
    <row r="503627" spans="14:14">
      <c r="N503627" s="10"/>
    </row>
    <row r="503628" spans="14:14">
      <c r="N503628" s="10"/>
    </row>
    <row r="503629" spans="14:14">
      <c r="N503629" s="10"/>
    </row>
    <row r="503630" spans="14:14">
      <c r="N503630" s="10"/>
    </row>
    <row r="503631" spans="14:14">
      <c r="N503631" s="10"/>
    </row>
    <row r="503632" spans="14:14">
      <c r="N503632" s="10"/>
    </row>
    <row r="503633" spans="14:14">
      <c r="N503633" s="10"/>
    </row>
    <row r="503634" spans="14:14">
      <c r="N503634" s="10"/>
    </row>
    <row r="503635" spans="14:14">
      <c r="N503635" s="10"/>
    </row>
    <row r="503636" spans="14:14">
      <c r="N503636" s="10"/>
    </row>
    <row r="503637" spans="14:14">
      <c r="N503637" s="10"/>
    </row>
    <row r="503638" spans="14:14">
      <c r="N503638" s="10"/>
    </row>
    <row r="503639" spans="14:14">
      <c r="N503639" s="10"/>
    </row>
    <row r="503640" spans="14:14">
      <c r="N503640" s="10"/>
    </row>
    <row r="503641" spans="14:14">
      <c r="N503641" s="10"/>
    </row>
    <row r="503642" spans="14:14">
      <c r="N503642" s="10"/>
    </row>
    <row r="503643" spans="14:14">
      <c r="N503643" s="10"/>
    </row>
    <row r="503644" spans="14:14">
      <c r="N503644" s="10"/>
    </row>
    <row r="503645" spans="14:14">
      <c r="N503645" s="10"/>
    </row>
    <row r="503646" spans="14:14">
      <c r="N503646" s="10"/>
    </row>
    <row r="503647" spans="14:14">
      <c r="N503647" s="10"/>
    </row>
    <row r="503648" spans="14:14">
      <c r="N503648" s="10"/>
    </row>
    <row r="503649" spans="14:14">
      <c r="N503649" s="10"/>
    </row>
    <row r="503650" spans="14:14">
      <c r="N503650" s="10"/>
    </row>
    <row r="503651" spans="14:14">
      <c r="N503651" s="10"/>
    </row>
    <row r="503652" spans="14:14">
      <c r="N503652" s="10"/>
    </row>
    <row r="503653" spans="14:14">
      <c r="N503653" s="10"/>
    </row>
    <row r="503654" spans="14:14">
      <c r="N503654" s="10"/>
    </row>
    <row r="503655" spans="14:14">
      <c r="N503655" s="10"/>
    </row>
    <row r="503656" spans="14:14">
      <c r="N503656" s="10"/>
    </row>
    <row r="503657" spans="14:14">
      <c r="N503657" s="10"/>
    </row>
    <row r="503658" spans="14:14">
      <c r="N503658" s="10"/>
    </row>
    <row r="503659" spans="14:14">
      <c r="N503659" s="10"/>
    </row>
    <row r="503660" spans="14:14">
      <c r="N503660" s="10"/>
    </row>
    <row r="503661" spans="14:14">
      <c r="N503661" s="10"/>
    </row>
    <row r="503662" spans="14:14">
      <c r="N503662" s="10"/>
    </row>
    <row r="503663" spans="14:14">
      <c r="N503663" s="10"/>
    </row>
    <row r="503664" spans="14:14">
      <c r="N503664" s="10"/>
    </row>
    <row r="503665" spans="14:14">
      <c r="N503665" s="10"/>
    </row>
    <row r="503666" spans="14:14">
      <c r="N503666" s="10"/>
    </row>
    <row r="503667" spans="14:14">
      <c r="N503667" s="10"/>
    </row>
    <row r="503668" spans="14:14">
      <c r="N503668" s="10"/>
    </row>
    <row r="503669" spans="14:14">
      <c r="N503669" s="10"/>
    </row>
    <row r="503670" spans="14:14">
      <c r="N503670" s="10"/>
    </row>
    <row r="503671" spans="14:14">
      <c r="N503671" s="10"/>
    </row>
    <row r="503672" spans="14:14">
      <c r="N503672" s="10"/>
    </row>
    <row r="503673" spans="14:14">
      <c r="N503673" s="10"/>
    </row>
    <row r="503674" spans="14:14">
      <c r="N503674" s="10"/>
    </row>
    <row r="503675" spans="14:14">
      <c r="N503675" s="10"/>
    </row>
    <row r="503676" spans="14:14">
      <c r="N503676" s="10"/>
    </row>
    <row r="503677" spans="14:14">
      <c r="N503677" s="10"/>
    </row>
    <row r="503678" spans="14:14">
      <c r="N503678" s="10"/>
    </row>
    <row r="503679" spans="14:14">
      <c r="N503679" s="10"/>
    </row>
    <row r="503680" spans="14:14">
      <c r="N503680" s="10"/>
    </row>
    <row r="503681" spans="14:14">
      <c r="N503681" s="10"/>
    </row>
    <row r="503682" spans="14:14">
      <c r="N503682" s="10"/>
    </row>
    <row r="503683" spans="14:14">
      <c r="N503683" s="10"/>
    </row>
    <row r="503684" spans="14:14">
      <c r="N503684" s="10"/>
    </row>
    <row r="503685" spans="14:14">
      <c r="N503685" s="10"/>
    </row>
    <row r="503686" spans="14:14">
      <c r="N503686" s="10"/>
    </row>
    <row r="503687" spans="14:14">
      <c r="N503687" s="10"/>
    </row>
    <row r="503688" spans="14:14">
      <c r="N503688" s="10"/>
    </row>
    <row r="503689" spans="14:14">
      <c r="N503689" s="10"/>
    </row>
    <row r="503690" spans="14:14">
      <c r="N503690" s="10"/>
    </row>
    <row r="503691" spans="14:14">
      <c r="N503691" s="10"/>
    </row>
    <row r="503692" spans="14:14">
      <c r="N503692" s="10"/>
    </row>
    <row r="503693" spans="14:14">
      <c r="N503693" s="10"/>
    </row>
    <row r="503694" spans="14:14">
      <c r="N503694" s="10"/>
    </row>
    <row r="503695" spans="14:14">
      <c r="N503695" s="10"/>
    </row>
    <row r="503696" spans="14:14">
      <c r="N503696" s="10"/>
    </row>
    <row r="503697" spans="14:14">
      <c r="N503697" s="10"/>
    </row>
    <row r="503698" spans="14:14">
      <c r="N503698" s="10"/>
    </row>
    <row r="503699" spans="14:14">
      <c r="N503699" s="10"/>
    </row>
    <row r="503700" spans="14:14">
      <c r="N503700" s="10"/>
    </row>
    <row r="503701" spans="14:14">
      <c r="N503701" s="10"/>
    </row>
    <row r="503702" spans="14:14">
      <c r="N503702" s="10"/>
    </row>
    <row r="503703" spans="14:14">
      <c r="N503703" s="10"/>
    </row>
    <row r="503704" spans="14:14">
      <c r="N503704" s="10"/>
    </row>
    <row r="503705" spans="14:14">
      <c r="N503705" s="10"/>
    </row>
    <row r="503706" spans="14:14">
      <c r="N503706" s="10"/>
    </row>
    <row r="503707" spans="14:14">
      <c r="N503707" s="10"/>
    </row>
    <row r="503708" spans="14:14">
      <c r="N503708" s="10"/>
    </row>
    <row r="503709" spans="14:14">
      <c r="N503709" s="10"/>
    </row>
    <row r="503710" spans="14:14">
      <c r="N503710" s="10"/>
    </row>
    <row r="503711" spans="14:14">
      <c r="N503711" s="10"/>
    </row>
    <row r="503712" spans="14:14">
      <c r="N503712" s="10"/>
    </row>
    <row r="503713" spans="14:14">
      <c r="N503713" s="10"/>
    </row>
    <row r="503714" spans="14:14">
      <c r="N503714" s="10"/>
    </row>
    <row r="503715" spans="14:14">
      <c r="N503715" s="10"/>
    </row>
    <row r="503716" spans="14:14">
      <c r="N503716" s="10"/>
    </row>
    <row r="503717" spans="14:14">
      <c r="N503717" s="10"/>
    </row>
    <row r="503718" spans="14:14">
      <c r="N503718" s="10"/>
    </row>
    <row r="503719" spans="14:14">
      <c r="N503719" s="10"/>
    </row>
    <row r="503720" spans="14:14">
      <c r="N503720" s="10"/>
    </row>
    <row r="503721" spans="14:14">
      <c r="N503721" s="10"/>
    </row>
    <row r="503722" spans="14:14">
      <c r="N503722" s="10"/>
    </row>
    <row r="503723" spans="14:14">
      <c r="N503723" s="10"/>
    </row>
    <row r="503724" spans="14:14">
      <c r="N503724" s="10"/>
    </row>
    <row r="503725" spans="14:14">
      <c r="N503725" s="10"/>
    </row>
    <row r="503726" spans="14:14">
      <c r="N503726" s="10"/>
    </row>
    <row r="503727" spans="14:14">
      <c r="N503727" s="10"/>
    </row>
    <row r="503728" spans="14:14">
      <c r="N503728" s="10"/>
    </row>
    <row r="503729" spans="14:14">
      <c r="N503729" s="10"/>
    </row>
    <row r="503730" spans="14:14">
      <c r="N503730" s="10"/>
    </row>
    <row r="503731" spans="14:14">
      <c r="N503731" s="10"/>
    </row>
    <row r="503732" spans="14:14">
      <c r="N503732" s="10"/>
    </row>
    <row r="503733" spans="14:14">
      <c r="N503733" s="10"/>
    </row>
    <row r="503734" spans="14:14">
      <c r="N503734" s="10"/>
    </row>
    <row r="503735" spans="14:14">
      <c r="N503735" s="10"/>
    </row>
    <row r="503736" spans="14:14">
      <c r="N503736" s="10"/>
    </row>
    <row r="503737" spans="14:14">
      <c r="N503737" s="10"/>
    </row>
    <row r="503738" spans="14:14">
      <c r="N503738" s="10"/>
    </row>
    <row r="503739" spans="14:14">
      <c r="N503739" s="10"/>
    </row>
    <row r="503740" spans="14:14">
      <c r="N503740" s="10"/>
    </row>
    <row r="503741" spans="14:14">
      <c r="N503741" s="10"/>
    </row>
    <row r="503742" spans="14:14">
      <c r="N503742" s="10"/>
    </row>
    <row r="503743" spans="14:14">
      <c r="N503743" s="10"/>
    </row>
    <row r="503744" spans="14:14">
      <c r="N503744" s="10"/>
    </row>
    <row r="503745" spans="14:14">
      <c r="N503745" s="10"/>
    </row>
    <row r="503746" spans="14:14">
      <c r="N503746" s="10"/>
    </row>
    <row r="503747" spans="14:14">
      <c r="N503747" s="10"/>
    </row>
    <row r="503748" spans="14:14">
      <c r="N503748" s="10"/>
    </row>
    <row r="503749" spans="14:14">
      <c r="N503749" s="10"/>
    </row>
    <row r="503750" spans="14:14">
      <c r="N503750" s="10"/>
    </row>
    <row r="503751" spans="14:14">
      <c r="N503751" s="10"/>
    </row>
    <row r="503752" spans="14:14">
      <c r="N503752" s="10"/>
    </row>
    <row r="503753" spans="14:14">
      <c r="N503753" s="10"/>
    </row>
    <row r="503754" spans="14:14">
      <c r="N503754" s="10"/>
    </row>
    <row r="503755" spans="14:14">
      <c r="N503755" s="10"/>
    </row>
    <row r="503756" spans="14:14">
      <c r="N503756" s="10"/>
    </row>
    <row r="503757" spans="14:14">
      <c r="N503757" s="10"/>
    </row>
    <row r="503758" spans="14:14">
      <c r="N503758" s="10"/>
    </row>
    <row r="503759" spans="14:14">
      <c r="N503759" s="10"/>
    </row>
    <row r="503760" spans="14:14">
      <c r="N503760" s="10"/>
    </row>
    <row r="503761" spans="14:14">
      <c r="N503761" s="10"/>
    </row>
    <row r="503762" spans="14:14">
      <c r="N503762" s="10"/>
    </row>
    <row r="503763" spans="14:14">
      <c r="N503763" s="10"/>
    </row>
    <row r="503764" spans="14:14">
      <c r="N503764" s="10"/>
    </row>
    <row r="503765" spans="14:14">
      <c r="N503765" s="10"/>
    </row>
    <row r="503766" spans="14:14">
      <c r="N503766" s="10"/>
    </row>
    <row r="503767" spans="14:14">
      <c r="N503767" s="10"/>
    </row>
    <row r="503768" spans="14:14">
      <c r="N503768" s="10"/>
    </row>
    <row r="503769" spans="14:14">
      <c r="N503769" s="10"/>
    </row>
    <row r="503770" spans="14:14">
      <c r="N503770" s="10"/>
    </row>
    <row r="503771" spans="14:14">
      <c r="N503771" s="10"/>
    </row>
    <row r="503772" spans="14:14">
      <c r="N503772" s="10"/>
    </row>
    <row r="503773" spans="14:14">
      <c r="N503773" s="10"/>
    </row>
    <row r="503774" spans="14:14">
      <c r="N503774" s="10"/>
    </row>
    <row r="503775" spans="14:14">
      <c r="N503775" s="10"/>
    </row>
    <row r="503776" spans="14:14">
      <c r="N503776" s="10"/>
    </row>
    <row r="503777" spans="14:14">
      <c r="N503777" s="10"/>
    </row>
    <row r="503778" spans="14:14">
      <c r="N503778" s="10"/>
    </row>
    <row r="503779" spans="14:14">
      <c r="N503779" s="10"/>
    </row>
    <row r="503780" spans="14:14">
      <c r="N503780" s="10"/>
    </row>
    <row r="503781" spans="14:14">
      <c r="N503781" s="10"/>
    </row>
    <row r="503782" spans="14:14">
      <c r="N503782" s="10"/>
    </row>
    <row r="503783" spans="14:14">
      <c r="N503783" s="10"/>
    </row>
    <row r="503784" spans="14:14">
      <c r="N503784" s="10"/>
    </row>
    <row r="503785" spans="14:14">
      <c r="N503785" s="10"/>
    </row>
    <row r="503786" spans="14:14">
      <c r="N503786" s="10"/>
    </row>
    <row r="503787" spans="14:14">
      <c r="N503787" s="10"/>
    </row>
    <row r="503788" spans="14:14">
      <c r="N503788" s="10"/>
    </row>
    <row r="503789" spans="14:14">
      <c r="N503789" s="10"/>
    </row>
    <row r="503790" spans="14:14">
      <c r="N503790" s="10"/>
    </row>
    <row r="503791" spans="14:14">
      <c r="N503791" s="10"/>
    </row>
    <row r="503792" spans="14:14">
      <c r="N503792" s="10"/>
    </row>
    <row r="503793" spans="14:14">
      <c r="N503793" s="10"/>
    </row>
    <row r="503794" spans="14:14">
      <c r="N503794" s="10"/>
    </row>
    <row r="503795" spans="14:14">
      <c r="N503795" s="10"/>
    </row>
    <row r="503796" spans="14:14">
      <c r="N503796" s="10"/>
    </row>
    <row r="503797" spans="14:14">
      <c r="N503797" s="10"/>
    </row>
    <row r="503798" spans="14:14">
      <c r="N503798" s="10"/>
    </row>
    <row r="503799" spans="14:14">
      <c r="N503799" s="10"/>
    </row>
    <row r="503800" spans="14:14">
      <c r="N503800" s="10"/>
    </row>
    <row r="503801" spans="14:14">
      <c r="N503801" s="10"/>
    </row>
    <row r="503802" spans="14:14">
      <c r="N503802" s="10"/>
    </row>
    <row r="503803" spans="14:14">
      <c r="N503803" s="10"/>
    </row>
    <row r="503804" spans="14:14">
      <c r="N503804" s="10"/>
    </row>
    <row r="503805" spans="14:14">
      <c r="N503805" s="10"/>
    </row>
    <row r="503806" spans="14:14">
      <c r="N503806" s="10"/>
    </row>
    <row r="503807" spans="14:14">
      <c r="N503807" s="10"/>
    </row>
    <row r="503808" spans="14:14">
      <c r="N503808" s="10"/>
    </row>
    <row r="503809" spans="14:14">
      <c r="N503809" s="10"/>
    </row>
    <row r="503810" spans="14:14">
      <c r="N503810" s="10"/>
    </row>
    <row r="503811" spans="14:14">
      <c r="N503811" s="10"/>
    </row>
    <row r="503812" spans="14:14">
      <c r="N503812" s="10"/>
    </row>
    <row r="503813" spans="14:14">
      <c r="N503813" s="10"/>
    </row>
    <row r="503814" spans="14:14">
      <c r="N503814" s="10"/>
    </row>
    <row r="503815" spans="14:14">
      <c r="N503815" s="10"/>
    </row>
    <row r="503816" spans="14:14">
      <c r="N503816" s="10"/>
    </row>
    <row r="503817" spans="14:14">
      <c r="N503817" s="10"/>
    </row>
    <row r="503818" spans="14:14">
      <c r="N503818" s="10"/>
    </row>
    <row r="503819" spans="14:14">
      <c r="N503819" s="10"/>
    </row>
    <row r="503820" spans="14:14">
      <c r="N503820" s="10"/>
    </row>
    <row r="503821" spans="14:14">
      <c r="N503821" s="10"/>
    </row>
    <row r="503822" spans="14:14">
      <c r="N503822" s="10"/>
    </row>
    <row r="503823" spans="14:14">
      <c r="N503823" s="10"/>
    </row>
    <row r="503824" spans="14:14">
      <c r="N503824" s="10"/>
    </row>
    <row r="503825" spans="14:14">
      <c r="N503825" s="10"/>
    </row>
    <row r="503826" spans="14:14">
      <c r="N503826" s="10"/>
    </row>
    <row r="503827" spans="14:14">
      <c r="N503827" s="10"/>
    </row>
    <row r="503828" spans="14:14">
      <c r="N503828" s="10"/>
    </row>
    <row r="503829" spans="14:14">
      <c r="N503829" s="10"/>
    </row>
    <row r="503830" spans="14:14">
      <c r="N503830" s="10"/>
    </row>
    <row r="503831" spans="14:14">
      <c r="N503831" s="10"/>
    </row>
    <row r="503832" spans="14:14">
      <c r="N503832" s="10"/>
    </row>
    <row r="503833" spans="14:14">
      <c r="N503833" s="10"/>
    </row>
    <row r="503834" spans="14:14">
      <c r="N503834" s="10"/>
    </row>
    <row r="503835" spans="14:14">
      <c r="N503835" s="10"/>
    </row>
    <row r="503836" spans="14:14">
      <c r="N503836" s="10"/>
    </row>
    <row r="503837" spans="14:14">
      <c r="N503837" s="10"/>
    </row>
    <row r="503838" spans="14:14">
      <c r="N503838" s="10"/>
    </row>
    <row r="503839" spans="14:14">
      <c r="N503839" s="10"/>
    </row>
    <row r="503840" spans="14:14">
      <c r="N503840" s="10"/>
    </row>
    <row r="503841" spans="14:14">
      <c r="N503841" s="10"/>
    </row>
    <row r="503842" spans="14:14">
      <c r="N503842" s="10"/>
    </row>
    <row r="503843" spans="14:14">
      <c r="N503843" s="10"/>
    </row>
    <row r="503844" spans="14:14">
      <c r="N503844" s="10"/>
    </row>
    <row r="503845" spans="14:14">
      <c r="N503845" s="10"/>
    </row>
    <row r="503846" spans="14:14">
      <c r="N503846" s="10"/>
    </row>
    <row r="503847" spans="14:14">
      <c r="N503847" s="10"/>
    </row>
    <row r="503848" spans="14:14">
      <c r="N503848" s="10"/>
    </row>
    <row r="503849" spans="14:14">
      <c r="N503849" s="10"/>
    </row>
    <row r="503850" spans="14:14">
      <c r="N503850" s="10"/>
    </row>
    <row r="503851" spans="14:14">
      <c r="N503851" s="10"/>
    </row>
    <row r="503852" spans="14:14">
      <c r="N503852" s="10"/>
    </row>
    <row r="503853" spans="14:14">
      <c r="N503853" s="10"/>
    </row>
    <row r="503854" spans="14:14">
      <c r="N503854" s="10"/>
    </row>
    <row r="503855" spans="14:14">
      <c r="N503855" s="10"/>
    </row>
    <row r="503856" spans="14:14">
      <c r="N503856" s="10"/>
    </row>
    <row r="503857" spans="14:14">
      <c r="N503857" s="10"/>
    </row>
    <row r="503858" spans="14:14">
      <c r="N503858" s="10"/>
    </row>
    <row r="503859" spans="14:14">
      <c r="N503859" s="10"/>
    </row>
    <row r="503860" spans="14:14">
      <c r="N503860" s="10"/>
    </row>
    <row r="503861" spans="14:14">
      <c r="N503861" s="10"/>
    </row>
    <row r="503862" spans="14:14">
      <c r="N503862" s="10"/>
    </row>
    <row r="503863" spans="14:14">
      <c r="N503863" s="10"/>
    </row>
    <row r="503864" spans="14:14">
      <c r="N503864" s="10"/>
    </row>
    <row r="503865" spans="14:14">
      <c r="N503865" s="10"/>
    </row>
    <row r="503866" spans="14:14">
      <c r="N503866" s="10"/>
    </row>
    <row r="503867" spans="14:14">
      <c r="N503867" s="10"/>
    </row>
    <row r="503868" spans="14:14">
      <c r="N503868" s="10"/>
    </row>
    <row r="503869" spans="14:14">
      <c r="N503869" s="10"/>
    </row>
    <row r="503870" spans="14:14">
      <c r="N503870" s="10"/>
    </row>
    <row r="503871" spans="14:14">
      <c r="N503871" s="10"/>
    </row>
    <row r="503872" spans="14:14">
      <c r="N503872" s="10"/>
    </row>
    <row r="503873" spans="14:14">
      <c r="N503873" s="10"/>
    </row>
    <row r="503874" spans="14:14">
      <c r="N503874" s="10"/>
    </row>
    <row r="503875" spans="14:14">
      <c r="N503875" s="10"/>
    </row>
    <row r="503876" spans="14:14">
      <c r="N503876" s="10"/>
    </row>
    <row r="503877" spans="14:14">
      <c r="N503877" s="10"/>
    </row>
    <row r="503878" spans="14:14">
      <c r="N503878" s="10"/>
    </row>
    <row r="503879" spans="14:14">
      <c r="N503879" s="10"/>
    </row>
    <row r="503880" spans="14:14">
      <c r="N503880" s="10"/>
    </row>
    <row r="503881" spans="14:14">
      <c r="N503881" s="10"/>
    </row>
    <row r="503882" spans="14:14">
      <c r="N503882" s="10"/>
    </row>
    <row r="503883" spans="14:14">
      <c r="N503883" s="10"/>
    </row>
    <row r="503884" spans="14:14">
      <c r="N503884" s="10"/>
    </row>
    <row r="503885" spans="14:14">
      <c r="N503885" s="10"/>
    </row>
    <row r="503886" spans="14:14">
      <c r="N503886" s="10"/>
    </row>
    <row r="503887" spans="14:14">
      <c r="N503887" s="10"/>
    </row>
    <row r="503888" spans="14:14">
      <c r="N503888" s="10"/>
    </row>
    <row r="503889" spans="14:14">
      <c r="N503889" s="10"/>
    </row>
    <row r="503890" spans="14:14">
      <c r="N503890" s="10"/>
    </row>
    <row r="503891" spans="14:14">
      <c r="N503891" s="10"/>
    </row>
    <row r="503892" spans="14:14">
      <c r="N503892" s="10"/>
    </row>
    <row r="503893" spans="14:14">
      <c r="N503893" s="10"/>
    </row>
    <row r="503894" spans="14:14">
      <c r="N503894" s="10"/>
    </row>
    <row r="503895" spans="14:14">
      <c r="N503895" s="10"/>
    </row>
    <row r="503896" spans="14:14">
      <c r="N503896" s="10"/>
    </row>
    <row r="503897" spans="14:14">
      <c r="N503897" s="10"/>
    </row>
    <row r="503898" spans="14:14">
      <c r="N503898" s="10"/>
    </row>
    <row r="503899" spans="14:14">
      <c r="N503899" s="10"/>
    </row>
    <row r="503900" spans="14:14">
      <c r="N503900" s="10"/>
    </row>
    <row r="503901" spans="14:14">
      <c r="N503901" s="10"/>
    </row>
    <row r="503902" spans="14:14">
      <c r="N503902" s="10"/>
    </row>
    <row r="503903" spans="14:14">
      <c r="N503903" s="10"/>
    </row>
    <row r="503904" spans="14:14">
      <c r="N503904" s="10"/>
    </row>
    <row r="503905" spans="14:14">
      <c r="N503905" s="10"/>
    </row>
    <row r="503906" spans="14:14">
      <c r="N503906" s="10"/>
    </row>
    <row r="503907" spans="14:14">
      <c r="N503907" s="10"/>
    </row>
    <row r="503908" spans="14:14">
      <c r="N503908" s="10"/>
    </row>
    <row r="503909" spans="14:14">
      <c r="N503909" s="10"/>
    </row>
    <row r="503910" spans="14:14">
      <c r="N503910" s="10"/>
    </row>
    <row r="503911" spans="14:14">
      <c r="N503911" s="10"/>
    </row>
    <row r="503912" spans="14:14">
      <c r="N503912" s="10"/>
    </row>
    <row r="503913" spans="14:14">
      <c r="N503913" s="10"/>
    </row>
    <row r="503914" spans="14:14">
      <c r="N503914" s="10"/>
    </row>
    <row r="503915" spans="14:14">
      <c r="N503915" s="10"/>
    </row>
    <row r="503916" spans="14:14">
      <c r="N503916" s="10"/>
    </row>
    <row r="503917" spans="14:14">
      <c r="N503917" s="10"/>
    </row>
    <row r="503918" spans="14:14">
      <c r="N503918" s="10"/>
    </row>
    <row r="503919" spans="14:14">
      <c r="N503919" s="10"/>
    </row>
    <row r="503920" spans="14:14">
      <c r="N503920" s="10"/>
    </row>
    <row r="503921" spans="14:14">
      <c r="N503921" s="10"/>
    </row>
    <row r="503922" spans="14:14">
      <c r="N503922" s="10"/>
    </row>
    <row r="503923" spans="14:14">
      <c r="N503923" s="10"/>
    </row>
    <row r="503924" spans="14:14">
      <c r="N503924" s="10"/>
    </row>
    <row r="503925" spans="14:14">
      <c r="N503925" s="10"/>
    </row>
    <row r="503926" spans="14:14">
      <c r="N503926" s="10"/>
    </row>
    <row r="503927" spans="14:14">
      <c r="N503927" s="10"/>
    </row>
    <row r="503928" spans="14:14">
      <c r="N503928" s="10"/>
    </row>
    <row r="503929" spans="14:14">
      <c r="N503929" s="10"/>
    </row>
    <row r="503930" spans="14:14">
      <c r="N503930" s="10"/>
    </row>
    <row r="503931" spans="14:14">
      <c r="N503931" s="10"/>
    </row>
    <row r="503932" spans="14:14">
      <c r="N503932" s="10"/>
    </row>
    <row r="503933" spans="14:14">
      <c r="N503933" s="10"/>
    </row>
    <row r="503934" spans="14:14">
      <c r="N503934" s="10"/>
    </row>
    <row r="503935" spans="14:14">
      <c r="N503935" s="10"/>
    </row>
    <row r="503936" spans="14:14">
      <c r="N503936" s="10"/>
    </row>
    <row r="503937" spans="14:14">
      <c r="N503937" s="10"/>
    </row>
    <row r="503938" spans="14:14">
      <c r="N503938" s="10"/>
    </row>
    <row r="503939" spans="14:14">
      <c r="N503939" s="10"/>
    </row>
    <row r="503940" spans="14:14">
      <c r="N503940" s="10"/>
    </row>
    <row r="503941" spans="14:14">
      <c r="N503941" s="10"/>
    </row>
    <row r="503942" spans="14:14">
      <c r="N503942" s="10"/>
    </row>
    <row r="503943" spans="14:14">
      <c r="N503943" s="10"/>
    </row>
    <row r="503944" spans="14:14">
      <c r="N503944" s="10"/>
    </row>
    <row r="503945" spans="14:14">
      <c r="N503945" s="10"/>
    </row>
    <row r="503946" spans="14:14">
      <c r="N503946" s="10"/>
    </row>
    <row r="503947" spans="14:14">
      <c r="N503947" s="10"/>
    </row>
    <row r="503948" spans="14:14">
      <c r="N503948" s="10"/>
    </row>
    <row r="503949" spans="14:14">
      <c r="N503949" s="10"/>
    </row>
    <row r="503950" spans="14:14">
      <c r="N503950" s="10"/>
    </row>
    <row r="503951" spans="14:14">
      <c r="N503951" s="10"/>
    </row>
    <row r="503952" spans="14:14">
      <c r="N503952" s="10"/>
    </row>
    <row r="503953" spans="14:14">
      <c r="N503953" s="10"/>
    </row>
    <row r="503954" spans="14:14">
      <c r="N503954" s="10"/>
    </row>
    <row r="503955" spans="14:14">
      <c r="N503955" s="10"/>
    </row>
    <row r="503956" spans="14:14">
      <c r="N503956" s="10"/>
    </row>
    <row r="503957" spans="14:14">
      <c r="N503957" s="10"/>
    </row>
    <row r="503958" spans="14:14">
      <c r="N503958" s="10"/>
    </row>
    <row r="503959" spans="14:14">
      <c r="N503959" s="10"/>
    </row>
    <row r="503960" spans="14:14">
      <c r="N503960" s="10"/>
    </row>
    <row r="503961" spans="14:14">
      <c r="N503961" s="10"/>
    </row>
    <row r="503962" spans="14:14">
      <c r="N503962" s="10"/>
    </row>
    <row r="503963" spans="14:14">
      <c r="N503963" s="10"/>
    </row>
    <row r="503964" spans="14:14">
      <c r="N503964" s="10"/>
    </row>
    <row r="503965" spans="14:14">
      <c r="N503965" s="10"/>
    </row>
    <row r="503966" spans="14:14">
      <c r="N503966" s="10"/>
    </row>
    <row r="503967" spans="14:14">
      <c r="N503967" s="10"/>
    </row>
    <row r="503968" spans="14:14">
      <c r="N503968" s="10"/>
    </row>
    <row r="503969" spans="14:14">
      <c r="N503969" s="10"/>
    </row>
    <row r="503970" spans="14:14">
      <c r="N503970" s="10"/>
    </row>
    <row r="503971" spans="14:14">
      <c r="N503971" s="10"/>
    </row>
    <row r="503972" spans="14:14">
      <c r="N503972" s="10"/>
    </row>
    <row r="503973" spans="14:14">
      <c r="N503973" s="10"/>
    </row>
    <row r="503974" spans="14:14">
      <c r="N503974" s="10"/>
    </row>
    <row r="503975" spans="14:14">
      <c r="N503975" s="10"/>
    </row>
    <row r="503976" spans="14:14">
      <c r="N503976" s="10"/>
    </row>
    <row r="503977" spans="14:14">
      <c r="N503977" s="10"/>
    </row>
    <row r="503978" spans="14:14">
      <c r="N503978" s="10"/>
    </row>
    <row r="503979" spans="14:14">
      <c r="N503979" s="10"/>
    </row>
    <row r="503980" spans="14:14">
      <c r="N503980" s="10"/>
    </row>
    <row r="503981" spans="14:14">
      <c r="N503981" s="10"/>
    </row>
    <row r="503982" spans="14:14">
      <c r="N503982" s="10"/>
    </row>
    <row r="503983" spans="14:14">
      <c r="N503983" s="10"/>
    </row>
    <row r="503984" spans="14:14">
      <c r="N503984" s="10"/>
    </row>
    <row r="503985" spans="14:14">
      <c r="N503985" s="10"/>
    </row>
    <row r="503986" spans="14:14">
      <c r="N503986" s="10"/>
    </row>
    <row r="503987" spans="14:14">
      <c r="N503987" s="10"/>
    </row>
    <row r="503988" spans="14:14">
      <c r="N503988" s="10"/>
    </row>
    <row r="503989" spans="14:14">
      <c r="N503989" s="10"/>
    </row>
    <row r="503990" spans="14:14">
      <c r="N503990" s="10"/>
    </row>
    <row r="503991" spans="14:14">
      <c r="N503991" s="10"/>
    </row>
    <row r="503992" spans="14:14">
      <c r="N503992" s="10"/>
    </row>
    <row r="503993" spans="14:14">
      <c r="N503993" s="10"/>
    </row>
    <row r="503994" spans="14:14">
      <c r="N503994" s="10"/>
    </row>
    <row r="503995" spans="14:14">
      <c r="N503995" s="10"/>
    </row>
    <row r="503996" spans="14:14">
      <c r="N503996" s="10"/>
    </row>
    <row r="503997" spans="14:14">
      <c r="N503997" s="10"/>
    </row>
    <row r="503998" spans="14:14">
      <c r="N503998" s="10"/>
    </row>
    <row r="503999" spans="14:14">
      <c r="N503999" s="10"/>
    </row>
    <row r="504000" spans="14:14">
      <c r="N504000" s="10"/>
    </row>
    <row r="504001" spans="14:14">
      <c r="N504001" s="10"/>
    </row>
    <row r="504002" spans="14:14">
      <c r="N504002" s="10"/>
    </row>
    <row r="504003" spans="14:14">
      <c r="N504003" s="10"/>
    </row>
    <row r="504004" spans="14:14">
      <c r="N504004" s="10"/>
    </row>
    <row r="504005" spans="14:14">
      <c r="N504005" s="10"/>
    </row>
    <row r="504006" spans="14:14">
      <c r="N504006" s="10"/>
    </row>
    <row r="504007" spans="14:14">
      <c r="N504007" s="10"/>
    </row>
    <row r="504008" spans="14:14">
      <c r="N504008" s="10"/>
    </row>
    <row r="504009" spans="14:14">
      <c r="N504009" s="10"/>
    </row>
    <row r="504010" spans="14:14">
      <c r="N504010" s="10"/>
    </row>
    <row r="504011" spans="14:14">
      <c r="N504011" s="10"/>
    </row>
    <row r="504012" spans="14:14">
      <c r="N504012" s="10"/>
    </row>
    <row r="504013" spans="14:14">
      <c r="N504013" s="10"/>
    </row>
    <row r="504014" spans="14:14">
      <c r="N504014" s="10"/>
    </row>
    <row r="504015" spans="14:14">
      <c r="N504015" s="10"/>
    </row>
    <row r="504016" spans="14:14">
      <c r="N504016" s="10"/>
    </row>
    <row r="504017" spans="14:14">
      <c r="N504017" s="10"/>
    </row>
    <row r="504018" spans="14:14">
      <c r="N504018" s="10"/>
    </row>
    <row r="504019" spans="14:14">
      <c r="N504019" s="10"/>
    </row>
    <row r="504020" spans="14:14">
      <c r="N504020" s="10"/>
    </row>
    <row r="504021" spans="14:14">
      <c r="N504021" s="10"/>
    </row>
    <row r="504022" spans="14:14">
      <c r="N504022" s="10"/>
    </row>
    <row r="504023" spans="14:14">
      <c r="N504023" s="10"/>
    </row>
    <row r="504024" spans="14:14">
      <c r="N504024" s="10"/>
    </row>
    <row r="504025" spans="14:14">
      <c r="N504025" s="10"/>
    </row>
    <row r="504026" spans="14:14">
      <c r="N504026" s="10"/>
    </row>
    <row r="504027" spans="14:14">
      <c r="N504027" s="10"/>
    </row>
    <row r="504028" spans="14:14">
      <c r="N504028" s="10"/>
    </row>
    <row r="504029" spans="14:14">
      <c r="N504029" s="10"/>
    </row>
    <row r="504030" spans="14:14">
      <c r="N504030" s="10"/>
    </row>
    <row r="504031" spans="14:14">
      <c r="N504031" s="10"/>
    </row>
    <row r="504032" spans="14:14">
      <c r="N504032" s="10"/>
    </row>
    <row r="504033" spans="14:14">
      <c r="N504033" s="10"/>
    </row>
    <row r="504034" spans="14:14">
      <c r="N504034" s="10"/>
    </row>
    <row r="504035" spans="14:14">
      <c r="N504035" s="10"/>
    </row>
    <row r="504036" spans="14:14">
      <c r="N504036" s="10"/>
    </row>
    <row r="504037" spans="14:14">
      <c r="N504037" s="10"/>
    </row>
    <row r="504038" spans="14:14">
      <c r="N504038" s="10"/>
    </row>
    <row r="504039" spans="14:14">
      <c r="N504039" s="10"/>
    </row>
    <row r="504040" spans="14:14">
      <c r="N504040" s="10"/>
    </row>
    <row r="504041" spans="14:14">
      <c r="N504041" s="10"/>
    </row>
    <row r="504042" spans="14:14">
      <c r="N504042" s="10"/>
    </row>
    <row r="504043" spans="14:14">
      <c r="N504043" s="10"/>
    </row>
    <row r="504044" spans="14:14">
      <c r="N504044" s="10"/>
    </row>
    <row r="504045" spans="14:14">
      <c r="N504045" s="10"/>
    </row>
    <row r="504046" spans="14:14">
      <c r="N504046" s="10"/>
    </row>
    <row r="504047" spans="14:14">
      <c r="N504047" s="10"/>
    </row>
    <row r="504048" spans="14:14">
      <c r="N504048" s="10"/>
    </row>
    <row r="504049" spans="14:14">
      <c r="N504049" s="10"/>
    </row>
    <row r="504050" spans="14:14">
      <c r="N504050" s="10"/>
    </row>
    <row r="504051" spans="14:14">
      <c r="N504051" s="10"/>
    </row>
    <row r="504052" spans="14:14">
      <c r="N504052" s="10"/>
    </row>
    <row r="504053" spans="14:14">
      <c r="N504053" s="10"/>
    </row>
    <row r="504054" spans="14:14">
      <c r="N504054" s="10"/>
    </row>
    <row r="504055" spans="14:14">
      <c r="N504055" s="10"/>
    </row>
    <row r="504056" spans="14:14">
      <c r="N504056" s="10"/>
    </row>
    <row r="504057" spans="14:14">
      <c r="N504057" s="10"/>
    </row>
    <row r="504058" spans="14:14">
      <c r="N504058" s="10"/>
    </row>
    <row r="504059" spans="14:14">
      <c r="N504059" s="10"/>
    </row>
    <row r="504060" spans="14:14">
      <c r="N504060" s="10"/>
    </row>
    <row r="504061" spans="14:14">
      <c r="N504061" s="10"/>
    </row>
    <row r="504062" spans="14:14">
      <c r="N504062" s="10"/>
    </row>
    <row r="504063" spans="14:14">
      <c r="N504063" s="10"/>
    </row>
    <row r="504064" spans="14:14">
      <c r="N504064" s="10"/>
    </row>
    <row r="504065" spans="14:14">
      <c r="N504065" s="10"/>
    </row>
    <row r="504066" spans="14:14">
      <c r="N504066" s="10"/>
    </row>
    <row r="504067" spans="14:14">
      <c r="N504067" s="10"/>
    </row>
    <row r="504068" spans="14:14">
      <c r="N504068" s="10"/>
    </row>
    <row r="504069" spans="14:14">
      <c r="N504069" s="10"/>
    </row>
    <row r="504070" spans="14:14">
      <c r="N504070" s="10"/>
    </row>
    <row r="504071" spans="14:14">
      <c r="N504071" s="10"/>
    </row>
    <row r="504072" spans="14:14">
      <c r="N504072" s="10"/>
    </row>
    <row r="504073" spans="14:14">
      <c r="N504073" s="10"/>
    </row>
    <row r="504074" spans="14:14">
      <c r="N504074" s="10"/>
    </row>
    <row r="504075" spans="14:14">
      <c r="N504075" s="10"/>
    </row>
    <row r="504076" spans="14:14">
      <c r="N504076" s="10"/>
    </row>
    <row r="504077" spans="14:14">
      <c r="N504077" s="10"/>
    </row>
    <row r="504078" spans="14:14">
      <c r="N504078" s="10"/>
    </row>
    <row r="504079" spans="14:14">
      <c r="N504079" s="10"/>
    </row>
    <row r="504080" spans="14:14">
      <c r="N504080" s="10"/>
    </row>
    <row r="504081" spans="14:14">
      <c r="N504081" s="10"/>
    </row>
    <row r="504082" spans="14:14">
      <c r="N504082" s="10"/>
    </row>
    <row r="504083" spans="14:14">
      <c r="N504083" s="10"/>
    </row>
    <row r="504084" spans="14:14">
      <c r="N504084" s="10"/>
    </row>
    <row r="504085" spans="14:14">
      <c r="N504085" s="10"/>
    </row>
    <row r="504086" spans="14:14">
      <c r="N504086" s="10"/>
    </row>
    <row r="504087" spans="14:14">
      <c r="N504087" s="10"/>
    </row>
    <row r="504088" spans="14:14">
      <c r="N504088" s="10"/>
    </row>
    <row r="504089" spans="14:14">
      <c r="N504089" s="10"/>
    </row>
    <row r="504090" spans="14:14">
      <c r="N504090" s="10"/>
    </row>
    <row r="504091" spans="14:14">
      <c r="N504091" s="10"/>
    </row>
    <row r="504092" spans="14:14">
      <c r="N504092" s="10"/>
    </row>
    <row r="504093" spans="14:14">
      <c r="N504093" s="10"/>
    </row>
    <row r="504094" spans="14:14">
      <c r="N504094" s="10"/>
    </row>
    <row r="504095" spans="14:14">
      <c r="N504095" s="10"/>
    </row>
    <row r="504096" spans="14:14">
      <c r="N504096" s="10"/>
    </row>
    <row r="504097" spans="14:14">
      <c r="N504097" s="10"/>
    </row>
    <row r="504098" spans="14:14">
      <c r="N504098" s="10"/>
    </row>
    <row r="504099" spans="14:14">
      <c r="N504099" s="10"/>
    </row>
    <row r="504100" spans="14:14">
      <c r="N504100" s="10"/>
    </row>
    <row r="504101" spans="14:14">
      <c r="N504101" s="10"/>
    </row>
    <row r="504102" spans="14:14">
      <c r="N504102" s="10"/>
    </row>
    <row r="504103" spans="14:14">
      <c r="N504103" s="10"/>
    </row>
    <row r="504104" spans="14:14">
      <c r="N504104" s="10"/>
    </row>
    <row r="504105" spans="14:14">
      <c r="N504105" s="10"/>
    </row>
    <row r="504106" spans="14:14">
      <c r="N504106" s="10"/>
    </row>
    <row r="504107" spans="14:14">
      <c r="N504107" s="10"/>
    </row>
    <row r="504108" spans="14:14">
      <c r="N504108" s="10"/>
    </row>
    <row r="504109" spans="14:14">
      <c r="N504109" s="10"/>
    </row>
    <row r="504110" spans="14:14">
      <c r="N504110" s="10"/>
    </row>
    <row r="504111" spans="14:14">
      <c r="N504111" s="10"/>
    </row>
    <row r="504112" spans="14:14">
      <c r="N504112" s="10"/>
    </row>
    <row r="504113" spans="14:14">
      <c r="N504113" s="10"/>
    </row>
    <row r="504114" spans="14:14">
      <c r="N504114" s="10"/>
    </row>
    <row r="504115" spans="14:14">
      <c r="N504115" s="10"/>
    </row>
    <row r="504116" spans="14:14">
      <c r="N504116" s="10"/>
    </row>
    <row r="504117" spans="14:14">
      <c r="N504117" s="10"/>
    </row>
    <row r="504118" spans="14:14">
      <c r="N504118" s="10"/>
    </row>
    <row r="504119" spans="14:14">
      <c r="N504119" s="10"/>
    </row>
    <row r="504120" spans="14:14">
      <c r="N504120" s="10"/>
    </row>
    <row r="504121" spans="14:14">
      <c r="N504121" s="10"/>
    </row>
    <row r="504122" spans="14:14">
      <c r="N504122" s="10"/>
    </row>
    <row r="504123" spans="14:14">
      <c r="N504123" s="10"/>
    </row>
    <row r="504124" spans="14:14">
      <c r="N504124" s="10"/>
    </row>
    <row r="504125" spans="14:14">
      <c r="N504125" s="10"/>
    </row>
    <row r="504126" spans="14:14">
      <c r="N504126" s="10"/>
    </row>
    <row r="504127" spans="14:14">
      <c r="N504127" s="10"/>
    </row>
    <row r="504128" spans="14:14">
      <c r="N504128" s="10"/>
    </row>
    <row r="504129" spans="14:14">
      <c r="N504129" s="10"/>
    </row>
    <row r="504130" spans="14:14">
      <c r="N504130" s="10"/>
    </row>
    <row r="504131" spans="14:14">
      <c r="N504131" s="10"/>
    </row>
    <row r="504132" spans="14:14">
      <c r="N504132" s="10"/>
    </row>
    <row r="504133" spans="14:14">
      <c r="N504133" s="10"/>
    </row>
    <row r="504134" spans="14:14">
      <c r="N504134" s="10"/>
    </row>
    <row r="504135" spans="14:14">
      <c r="N504135" s="10"/>
    </row>
    <row r="504136" spans="14:14">
      <c r="N504136" s="10"/>
    </row>
    <row r="504137" spans="14:14">
      <c r="N504137" s="10"/>
    </row>
    <row r="504138" spans="14:14">
      <c r="N504138" s="10"/>
    </row>
    <row r="504139" spans="14:14">
      <c r="N504139" s="10"/>
    </row>
    <row r="504140" spans="14:14">
      <c r="N504140" s="10"/>
    </row>
    <row r="504141" spans="14:14">
      <c r="N504141" s="10"/>
    </row>
    <row r="504142" spans="14:14">
      <c r="N504142" s="10"/>
    </row>
    <row r="504143" spans="14:14">
      <c r="N504143" s="10"/>
    </row>
    <row r="504144" spans="14:14">
      <c r="N504144" s="10"/>
    </row>
    <row r="504145" spans="14:14">
      <c r="N504145" s="10"/>
    </row>
    <row r="504146" spans="14:14">
      <c r="N504146" s="10"/>
    </row>
    <row r="504147" spans="14:14">
      <c r="N504147" s="10"/>
    </row>
    <row r="504148" spans="14:14">
      <c r="N504148" s="10"/>
    </row>
    <row r="504149" spans="14:14">
      <c r="N504149" s="10"/>
    </row>
    <row r="504150" spans="14:14">
      <c r="N504150" s="10"/>
    </row>
    <row r="504151" spans="14:14">
      <c r="N504151" s="10"/>
    </row>
    <row r="504152" spans="14:14">
      <c r="N504152" s="10"/>
    </row>
    <row r="504153" spans="14:14">
      <c r="N504153" s="10"/>
    </row>
    <row r="504154" spans="14:14">
      <c r="N504154" s="10"/>
    </row>
    <row r="504155" spans="14:14">
      <c r="N504155" s="10"/>
    </row>
    <row r="504156" spans="14:14">
      <c r="N504156" s="10"/>
    </row>
    <row r="504157" spans="14:14">
      <c r="N504157" s="10"/>
    </row>
    <row r="504158" spans="14:14">
      <c r="N504158" s="10"/>
    </row>
    <row r="504159" spans="14:14">
      <c r="N504159" s="10"/>
    </row>
    <row r="504160" spans="14:14">
      <c r="N504160" s="10"/>
    </row>
    <row r="504161" spans="14:14">
      <c r="N504161" s="10"/>
    </row>
    <row r="504162" spans="14:14">
      <c r="N504162" s="10"/>
    </row>
    <row r="504163" spans="14:14">
      <c r="N504163" s="10"/>
    </row>
    <row r="504164" spans="14:14">
      <c r="N504164" s="10"/>
    </row>
    <row r="504165" spans="14:14">
      <c r="N504165" s="10"/>
    </row>
    <row r="504166" spans="14:14">
      <c r="N504166" s="10"/>
    </row>
    <row r="504167" spans="14:14">
      <c r="N504167" s="10"/>
    </row>
    <row r="504168" spans="14:14">
      <c r="N504168" s="10"/>
    </row>
    <row r="504169" spans="14:14">
      <c r="N504169" s="10"/>
    </row>
    <row r="504170" spans="14:14">
      <c r="N504170" s="10"/>
    </row>
    <row r="504171" spans="14:14">
      <c r="N504171" s="10"/>
    </row>
    <row r="504172" spans="14:14">
      <c r="N504172" s="10"/>
    </row>
    <row r="504173" spans="14:14">
      <c r="N504173" s="10"/>
    </row>
    <row r="504174" spans="14:14">
      <c r="N504174" s="10"/>
    </row>
    <row r="504175" spans="14:14">
      <c r="N504175" s="10"/>
    </row>
    <row r="504176" spans="14:14">
      <c r="N504176" s="10"/>
    </row>
    <row r="504177" spans="14:14">
      <c r="N504177" s="10"/>
    </row>
    <row r="504178" spans="14:14">
      <c r="N504178" s="10"/>
    </row>
    <row r="504179" spans="14:14">
      <c r="N504179" s="10"/>
    </row>
    <row r="504180" spans="14:14">
      <c r="N504180" s="10"/>
    </row>
    <row r="504181" spans="14:14">
      <c r="N504181" s="10"/>
    </row>
    <row r="504182" spans="14:14">
      <c r="N504182" s="10"/>
    </row>
    <row r="504183" spans="14:14">
      <c r="N504183" s="10"/>
    </row>
    <row r="504184" spans="14:14">
      <c r="N504184" s="10"/>
    </row>
    <row r="504185" spans="14:14">
      <c r="N504185" s="10"/>
    </row>
    <row r="504186" spans="14:14">
      <c r="N504186" s="10"/>
    </row>
    <row r="504187" spans="14:14">
      <c r="N504187" s="10"/>
    </row>
    <row r="504188" spans="14:14">
      <c r="N504188" s="10"/>
    </row>
    <row r="504189" spans="14:14">
      <c r="N504189" s="10"/>
    </row>
    <row r="504190" spans="14:14">
      <c r="N504190" s="10"/>
    </row>
    <row r="504191" spans="14:14">
      <c r="N504191" s="10"/>
    </row>
    <row r="504192" spans="14:14">
      <c r="N504192" s="10"/>
    </row>
    <row r="504193" spans="14:14">
      <c r="N504193" s="10"/>
    </row>
    <row r="504194" spans="14:14">
      <c r="N504194" s="10"/>
    </row>
    <row r="504195" spans="14:14">
      <c r="N504195" s="10"/>
    </row>
    <row r="504196" spans="14:14">
      <c r="N504196" s="10"/>
    </row>
    <row r="504197" spans="14:14">
      <c r="N504197" s="10"/>
    </row>
    <row r="504198" spans="14:14">
      <c r="N504198" s="10"/>
    </row>
    <row r="504199" spans="14:14">
      <c r="N504199" s="10"/>
    </row>
    <row r="504200" spans="14:14">
      <c r="N504200" s="10"/>
    </row>
    <row r="504201" spans="14:14">
      <c r="N504201" s="10"/>
    </row>
    <row r="504202" spans="14:14">
      <c r="N504202" s="10"/>
    </row>
    <row r="504203" spans="14:14">
      <c r="N504203" s="10"/>
    </row>
    <row r="504204" spans="14:14">
      <c r="N504204" s="10"/>
    </row>
    <row r="504205" spans="14:14">
      <c r="N504205" s="10"/>
    </row>
    <row r="504206" spans="14:14">
      <c r="N504206" s="10"/>
    </row>
    <row r="504207" spans="14:14">
      <c r="N504207" s="10"/>
    </row>
    <row r="504208" spans="14:14">
      <c r="N504208" s="10"/>
    </row>
    <row r="504209" spans="14:14">
      <c r="N504209" s="10"/>
    </row>
    <row r="504210" spans="14:14">
      <c r="N504210" s="10"/>
    </row>
    <row r="504211" spans="14:14">
      <c r="N504211" s="10"/>
    </row>
    <row r="504212" spans="14:14">
      <c r="N504212" s="10"/>
    </row>
    <row r="504213" spans="14:14">
      <c r="N504213" s="10"/>
    </row>
    <row r="504214" spans="14:14">
      <c r="N504214" s="10"/>
    </row>
    <row r="504215" spans="14:14">
      <c r="N504215" s="10"/>
    </row>
    <row r="504216" spans="14:14">
      <c r="N504216" s="10"/>
    </row>
    <row r="504217" spans="14:14">
      <c r="N504217" s="10"/>
    </row>
    <row r="504218" spans="14:14">
      <c r="N504218" s="10"/>
    </row>
    <row r="504219" spans="14:14">
      <c r="N504219" s="10"/>
    </row>
    <row r="504220" spans="14:14">
      <c r="N504220" s="10"/>
    </row>
    <row r="504221" spans="14:14">
      <c r="N504221" s="10"/>
    </row>
    <row r="504222" spans="14:14">
      <c r="N504222" s="10"/>
    </row>
    <row r="504223" spans="14:14">
      <c r="N504223" s="10"/>
    </row>
    <row r="504224" spans="14:14">
      <c r="N504224" s="10"/>
    </row>
    <row r="504225" spans="14:14">
      <c r="N504225" s="10"/>
    </row>
    <row r="504226" spans="14:14">
      <c r="N504226" s="10"/>
    </row>
    <row r="504227" spans="14:14">
      <c r="N504227" s="10"/>
    </row>
    <row r="504228" spans="14:14">
      <c r="N504228" s="10"/>
    </row>
    <row r="504229" spans="14:14">
      <c r="N504229" s="10"/>
    </row>
    <row r="504230" spans="14:14">
      <c r="N504230" s="10"/>
    </row>
    <row r="504231" spans="14:14">
      <c r="N504231" s="10"/>
    </row>
    <row r="504232" spans="14:14">
      <c r="N504232" s="10"/>
    </row>
    <row r="504233" spans="14:14">
      <c r="N504233" s="10"/>
    </row>
    <row r="504234" spans="14:14">
      <c r="N504234" s="10"/>
    </row>
    <row r="504235" spans="14:14">
      <c r="N504235" s="10"/>
    </row>
    <row r="504236" spans="14:14">
      <c r="N504236" s="10"/>
    </row>
    <row r="504237" spans="14:14">
      <c r="N504237" s="10"/>
    </row>
    <row r="504238" spans="14:14">
      <c r="N504238" s="10"/>
    </row>
    <row r="504239" spans="14:14">
      <c r="N504239" s="10"/>
    </row>
    <row r="504240" spans="14:14">
      <c r="N504240" s="10"/>
    </row>
    <row r="504241" spans="14:14">
      <c r="N504241" s="10"/>
    </row>
    <row r="504242" spans="14:14">
      <c r="N504242" s="10"/>
    </row>
    <row r="504243" spans="14:14">
      <c r="N504243" s="10"/>
    </row>
    <row r="504244" spans="14:14">
      <c r="N504244" s="10"/>
    </row>
    <row r="504245" spans="14:14">
      <c r="N504245" s="10"/>
    </row>
    <row r="504246" spans="14:14">
      <c r="N504246" s="10"/>
    </row>
    <row r="504247" spans="14:14">
      <c r="N504247" s="10"/>
    </row>
    <row r="504248" spans="14:14">
      <c r="N504248" s="10"/>
    </row>
    <row r="504249" spans="14:14">
      <c r="N504249" s="10"/>
    </row>
    <row r="504250" spans="14:14">
      <c r="N504250" s="10"/>
    </row>
    <row r="504251" spans="14:14">
      <c r="N504251" s="10"/>
    </row>
    <row r="504252" spans="14:14">
      <c r="N504252" s="10"/>
    </row>
    <row r="504253" spans="14:14">
      <c r="N504253" s="10"/>
    </row>
    <row r="504254" spans="14:14">
      <c r="N504254" s="10"/>
    </row>
    <row r="504255" spans="14:14">
      <c r="N504255" s="10"/>
    </row>
    <row r="504256" spans="14:14">
      <c r="N504256" s="10"/>
    </row>
    <row r="504257" spans="14:14">
      <c r="N504257" s="10"/>
    </row>
    <row r="504258" spans="14:14">
      <c r="N504258" s="10"/>
    </row>
    <row r="504259" spans="14:14">
      <c r="N504259" s="10"/>
    </row>
    <row r="504260" spans="14:14">
      <c r="N504260" s="10"/>
    </row>
    <row r="504261" spans="14:14">
      <c r="N504261" s="10"/>
    </row>
    <row r="504262" spans="14:14">
      <c r="N504262" s="10"/>
    </row>
    <row r="504263" spans="14:14">
      <c r="N504263" s="10"/>
    </row>
    <row r="504264" spans="14:14">
      <c r="N504264" s="10"/>
    </row>
    <row r="504265" spans="14:14">
      <c r="N504265" s="10"/>
    </row>
    <row r="504266" spans="14:14">
      <c r="N504266" s="10"/>
    </row>
    <row r="504267" spans="14:14">
      <c r="N504267" s="10"/>
    </row>
    <row r="504268" spans="14:14">
      <c r="N504268" s="10"/>
    </row>
    <row r="504269" spans="14:14">
      <c r="N504269" s="10"/>
    </row>
    <row r="504270" spans="14:14">
      <c r="N504270" s="10"/>
    </row>
    <row r="504271" spans="14:14">
      <c r="N504271" s="10"/>
    </row>
    <row r="504272" spans="14:14">
      <c r="N504272" s="10"/>
    </row>
    <row r="504273" spans="14:14">
      <c r="N504273" s="10"/>
    </row>
    <row r="504274" spans="14:14">
      <c r="N504274" s="10"/>
    </row>
    <row r="504275" spans="14:14">
      <c r="N504275" s="10"/>
    </row>
    <row r="504276" spans="14:14">
      <c r="N504276" s="10"/>
    </row>
    <row r="504277" spans="14:14">
      <c r="N504277" s="10"/>
    </row>
    <row r="504278" spans="14:14">
      <c r="N504278" s="10"/>
    </row>
    <row r="504279" spans="14:14">
      <c r="N504279" s="10"/>
    </row>
    <row r="504280" spans="14:14">
      <c r="N504280" s="10"/>
    </row>
    <row r="504281" spans="14:14">
      <c r="N504281" s="10"/>
    </row>
    <row r="504282" spans="14:14">
      <c r="N504282" s="10"/>
    </row>
    <row r="504283" spans="14:14">
      <c r="N504283" s="10"/>
    </row>
    <row r="504284" spans="14:14">
      <c r="N504284" s="10"/>
    </row>
    <row r="504285" spans="14:14">
      <c r="N504285" s="10"/>
    </row>
    <row r="504286" spans="14:14">
      <c r="N504286" s="10"/>
    </row>
    <row r="504287" spans="14:14">
      <c r="N504287" s="10"/>
    </row>
    <row r="504288" spans="14:14">
      <c r="N504288" s="10"/>
    </row>
    <row r="504289" spans="14:14">
      <c r="N504289" s="10"/>
    </row>
    <row r="504290" spans="14:14">
      <c r="N504290" s="10"/>
    </row>
    <row r="504291" spans="14:14">
      <c r="N504291" s="10"/>
    </row>
    <row r="504292" spans="14:14">
      <c r="N504292" s="10"/>
    </row>
    <row r="504293" spans="14:14">
      <c r="N504293" s="10"/>
    </row>
    <row r="504294" spans="14:14">
      <c r="N504294" s="10"/>
    </row>
    <row r="504295" spans="14:14">
      <c r="N504295" s="10"/>
    </row>
    <row r="504296" spans="14:14">
      <c r="N504296" s="10"/>
    </row>
    <row r="504297" spans="14:14">
      <c r="N504297" s="10"/>
    </row>
    <row r="504298" spans="14:14">
      <c r="N504298" s="10"/>
    </row>
    <row r="504299" spans="14:14">
      <c r="N504299" s="10"/>
    </row>
    <row r="504300" spans="14:14">
      <c r="N504300" s="10"/>
    </row>
    <row r="504301" spans="14:14">
      <c r="N504301" s="10"/>
    </row>
    <row r="504302" spans="14:14">
      <c r="N504302" s="10"/>
    </row>
    <row r="504303" spans="14:14">
      <c r="N504303" s="10"/>
    </row>
    <row r="504304" spans="14:14">
      <c r="N504304" s="10"/>
    </row>
    <row r="504305" spans="14:14">
      <c r="N504305" s="10"/>
    </row>
    <row r="504306" spans="14:14">
      <c r="N504306" s="10"/>
    </row>
    <row r="504307" spans="14:14">
      <c r="N504307" s="10"/>
    </row>
    <row r="504308" spans="14:14">
      <c r="N504308" s="10"/>
    </row>
    <row r="504309" spans="14:14">
      <c r="N504309" s="10"/>
    </row>
    <row r="504310" spans="14:14">
      <c r="N504310" s="10"/>
    </row>
    <row r="504311" spans="14:14">
      <c r="N504311" s="10"/>
    </row>
    <row r="504312" spans="14:14">
      <c r="N504312" s="10"/>
    </row>
    <row r="504313" spans="14:14">
      <c r="N504313" s="10"/>
    </row>
    <row r="504314" spans="14:14">
      <c r="N504314" s="10"/>
    </row>
    <row r="504315" spans="14:14">
      <c r="N504315" s="10"/>
    </row>
    <row r="504316" spans="14:14">
      <c r="N504316" s="10"/>
    </row>
    <row r="504317" spans="14:14">
      <c r="N504317" s="10"/>
    </row>
    <row r="504318" spans="14:14">
      <c r="N504318" s="10"/>
    </row>
    <row r="504319" spans="14:14">
      <c r="N504319" s="10"/>
    </row>
    <row r="504320" spans="14:14">
      <c r="N504320" s="10"/>
    </row>
    <row r="504321" spans="14:14">
      <c r="N504321" s="10"/>
    </row>
    <row r="504322" spans="14:14">
      <c r="N504322" s="10"/>
    </row>
    <row r="504323" spans="14:14">
      <c r="N504323" s="10"/>
    </row>
    <row r="504324" spans="14:14">
      <c r="N504324" s="10"/>
    </row>
    <row r="504325" spans="14:14">
      <c r="N504325" s="10"/>
    </row>
    <row r="504326" spans="14:14">
      <c r="N504326" s="10"/>
    </row>
    <row r="504327" spans="14:14">
      <c r="N504327" s="10"/>
    </row>
    <row r="504328" spans="14:14">
      <c r="N504328" s="10"/>
    </row>
    <row r="504329" spans="14:14">
      <c r="N504329" s="10"/>
    </row>
    <row r="504330" spans="14:14">
      <c r="N504330" s="10"/>
    </row>
    <row r="504331" spans="14:14">
      <c r="N504331" s="10"/>
    </row>
    <row r="504332" spans="14:14">
      <c r="N504332" s="10"/>
    </row>
    <row r="504333" spans="14:14">
      <c r="N504333" s="10"/>
    </row>
    <row r="504334" spans="14:14">
      <c r="N504334" s="10"/>
    </row>
    <row r="504335" spans="14:14">
      <c r="N504335" s="10"/>
    </row>
    <row r="504336" spans="14:14">
      <c r="N504336" s="10"/>
    </row>
    <row r="504337" spans="14:14">
      <c r="N504337" s="10"/>
    </row>
    <row r="504338" spans="14:14">
      <c r="N504338" s="10"/>
    </row>
    <row r="504339" spans="14:14">
      <c r="N504339" s="10"/>
    </row>
    <row r="504340" spans="14:14">
      <c r="N504340" s="10"/>
    </row>
    <row r="504341" spans="14:14">
      <c r="N504341" s="10"/>
    </row>
    <row r="504342" spans="14:14">
      <c r="N504342" s="10"/>
    </row>
    <row r="504343" spans="14:14">
      <c r="N504343" s="10"/>
    </row>
    <row r="504344" spans="14:14">
      <c r="N504344" s="10"/>
    </row>
    <row r="504345" spans="14:14">
      <c r="N504345" s="10"/>
    </row>
    <row r="504346" spans="14:14">
      <c r="N504346" s="10"/>
    </row>
    <row r="504347" spans="14:14">
      <c r="N504347" s="10"/>
    </row>
    <row r="504348" spans="14:14">
      <c r="N504348" s="10"/>
    </row>
    <row r="504349" spans="14:14">
      <c r="N504349" s="10"/>
    </row>
    <row r="504350" spans="14:14">
      <c r="N504350" s="10"/>
    </row>
    <row r="504351" spans="14:14">
      <c r="N504351" s="10"/>
    </row>
    <row r="504352" spans="14:14">
      <c r="N504352" s="10"/>
    </row>
    <row r="504353" spans="14:14">
      <c r="N504353" s="10"/>
    </row>
    <row r="504354" spans="14:14">
      <c r="N504354" s="10"/>
    </row>
    <row r="504355" spans="14:14">
      <c r="N504355" s="10"/>
    </row>
    <row r="504356" spans="14:14">
      <c r="N504356" s="10"/>
    </row>
    <row r="504357" spans="14:14">
      <c r="N504357" s="10"/>
    </row>
    <row r="504358" spans="14:14">
      <c r="N504358" s="10"/>
    </row>
    <row r="504359" spans="14:14">
      <c r="N504359" s="10"/>
    </row>
    <row r="504360" spans="14:14">
      <c r="N504360" s="10"/>
    </row>
    <row r="504361" spans="14:14">
      <c r="N504361" s="10"/>
    </row>
    <row r="504362" spans="14:14">
      <c r="N504362" s="10"/>
    </row>
    <row r="504363" spans="14:14">
      <c r="N504363" s="10"/>
    </row>
    <row r="504364" spans="14:14">
      <c r="N504364" s="10"/>
    </row>
    <row r="504365" spans="14:14">
      <c r="N504365" s="10"/>
    </row>
    <row r="504366" spans="14:14">
      <c r="N504366" s="10"/>
    </row>
    <row r="504367" spans="14:14">
      <c r="N504367" s="10"/>
    </row>
    <row r="504368" spans="14:14">
      <c r="N504368" s="10"/>
    </row>
    <row r="504369" spans="14:14">
      <c r="N504369" s="10"/>
    </row>
    <row r="504370" spans="14:14">
      <c r="N504370" s="10"/>
    </row>
    <row r="504371" spans="14:14">
      <c r="N504371" s="10"/>
    </row>
    <row r="504372" spans="14:14">
      <c r="N504372" s="10"/>
    </row>
    <row r="504373" spans="14:14">
      <c r="N504373" s="10"/>
    </row>
    <row r="504374" spans="14:14">
      <c r="N504374" s="10"/>
    </row>
    <row r="504375" spans="14:14">
      <c r="N504375" s="10"/>
    </row>
    <row r="504376" spans="14:14">
      <c r="N504376" s="10"/>
    </row>
    <row r="504377" spans="14:14">
      <c r="N504377" s="10"/>
    </row>
    <row r="504378" spans="14:14">
      <c r="N504378" s="10"/>
    </row>
    <row r="504379" spans="14:14">
      <c r="N504379" s="10"/>
    </row>
    <row r="504380" spans="14:14">
      <c r="N504380" s="10"/>
    </row>
    <row r="504381" spans="14:14">
      <c r="N504381" s="10"/>
    </row>
    <row r="504382" spans="14:14">
      <c r="N504382" s="10"/>
    </row>
    <row r="504383" spans="14:14">
      <c r="N504383" s="10"/>
    </row>
    <row r="504384" spans="14:14">
      <c r="N504384" s="10"/>
    </row>
    <row r="504385" spans="14:14">
      <c r="N504385" s="10"/>
    </row>
    <row r="504386" spans="14:14">
      <c r="N504386" s="10"/>
    </row>
    <row r="504387" spans="14:14">
      <c r="N504387" s="10"/>
    </row>
    <row r="504388" spans="14:14">
      <c r="N504388" s="10"/>
    </row>
    <row r="504389" spans="14:14">
      <c r="N504389" s="10"/>
    </row>
    <row r="504390" spans="14:14">
      <c r="N504390" s="10"/>
    </row>
    <row r="504391" spans="14:14">
      <c r="N504391" s="10"/>
    </row>
    <row r="504392" spans="14:14">
      <c r="N504392" s="10"/>
    </row>
    <row r="504393" spans="14:14">
      <c r="N504393" s="10"/>
    </row>
    <row r="504394" spans="14:14">
      <c r="N504394" s="10"/>
    </row>
    <row r="504395" spans="14:14">
      <c r="N504395" s="10"/>
    </row>
    <row r="504396" spans="14:14">
      <c r="N504396" s="10"/>
    </row>
    <row r="504397" spans="14:14">
      <c r="N504397" s="10"/>
    </row>
    <row r="504398" spans="14:14">
      <c r="N504398" s="10"/>
    </row>
    <row r="504399" spans="14:14">
      <c r="N504399" s="10"/>
    </row>
    <row r="504400" spans="14:14">
      <c r="N504400" s="10"/>
    </row>
    <row r="504401" spans="14:14">
      <c r="N504401" s="10"/>
    </row>
    <row r="504402" spans="14:14">
      <c r="N504402" s="10"/>
    </row>
    <row r="504403" spans="14:14">
      <c r="N504403" s="10"/>
    </row>
    <row r="504404" spans="14:14">
      <c r="N504404" s="10"/>
    </row>
    <row r="504405" spans="14:14">
      <c r="N504405" s="10"/>
    </row>
    <row r="504406" spans="14:14">
      <c r="N504406" s="10"/>
    </row>
    <row r="504407" spans="14:14">
      <c r="N504407" s="10"/>
    </row>
    <row r="504408" spans="14:14">
      <c r="N504408" s="10"/>
    </row>
    <row r="504409" spans="14:14">
      <c r="N504409" s="10"/>
    </row>
    <row r="504410" spans="14:14">
      <c r="N504410" s="10"/>
    </row>
    <row r="504411" spans="14:14">
      <c r="N504411" s="10"/>
    </row>
    <row r="504412" spans="14:14">
      <c r="N504412" s="10"/>
    </row>
    <row r="504413" spans="14:14">
      <c r="N504413" s="10"/>
    </row>
    <row r="504414" spans="14:14">
      <c r="N504414" s="10"/>
    </row>
    <row r="504415" spans="14:14">
      <c r="N504415" s="10"/>
    </row>
    <row r="504416" spans="14:14">
      <c r="N504416" s="10"/>
    </row>
    <row r="504417" spans="14:14">
      <c r="N504417" s="10"/>
    </row>
    <row r="504418" spans="14:14">
      <c r="N504418" s="10"/>
    </row>
    <row r="504419" spans="14:14">
      <c r="N504419" s="10"/>
    </row>
    <row r="504420" spans="14:14">
      <c r="N504420" s="10"/>
    </row>
    <row r="504421" spans="14:14">
      <c r="N504421" s="10"/>
    </row>
    <row r="504422" spans="14:14">
      <c r="N504422" s="10"/>
    </row>
    <row r="504423" spans="14:14">
      <c r="N504423" s="10"/>
    </row>
    <row r="504424" spans="14:14">
      <c r="N504424" s="10"/>
    </row>
    <row r="504425" spans="14:14">
      <c r="N504425" s="10"/>
    </row>
    <row r="504426" spans="14:14">
      <c r="N504426" s="10"/>
    </row>
    <row r="504427" spans="14:14">
      <c r="N504427" s="10"/>
    </row>
    <row r="504428" spans="14:14">
      <c r="N504428" s="10"/>
    </row>
    <row r="504429" spans="14:14">
      <c r="N504429" s="10"/>
    </row>
    <row r="504430" spans="14:14">
      <c r="N504430" s="10"/>
    </row>
    <row r="504431" spans="14:14">
      <c r="N504431" s="10"/>
    </row>
    <row r="504432" spans="14:14">
      <c r="N504432" s="10"/>
    </row>
    <row r="504433" spans="14:14">
      <c r="N504433" s="10"/>
    </row>
    <row r="504434" spans="14:14">
      <c r="N504434" s="10"/>
    </row>
    <row r="504435" spans="14:14">
      <c r="N504435" s="10"/>
    </row>
    <row r="504436" spans="14:14">
      <c r="N504436" s="10"/>
    </row>
    <row r="504437" spans="14:14">
      <c r="N504437" s="10"/>
    </row>
    <row r="504438" spans="14:14">
      <c r="N504438" s="10"/>
    </row>
    <row r="504439" spans="14:14">
      <c r="N504439" s="10"/>
    </row>
    <row r="504440" spans="14:14">
      <c r="N504440" s="10"/>
    </row>
    <row r="504441" spans="14:14">
      <c r="N504441" s="10"/>
    </row>
    <row r="504442" spans="14:14">
      <c r="N504442" s="10"/>
    </row>
    <row r="504443" spans="14:14">
      <c r="N504443" s="10"/>
    </row>
    <row r="504444" spans="14:14">
      <c r="N504444" s="10"/>
    </row>
    <row r="504445" spans="14:14">
      <c r="N504445" s="10"/>
    </row>
    <row r="504446" spans="14:14">
      <c r="N504446" s="10"/>
    </row>
    <row r="504447" spans="14:14">
      <c r="N504447" s="10"/>
    </row>
    <row r="504448" spans="14:14">
      <c r="N504448" s="10"/>
    </row>
    <row r="504449" spans="14:14">
      <c r="N504449" s="10"/>
    </row>
    <row r="504450" spans="14:14">
      <c r="N504450" s="10"/>
    </row>
    <row r="504451" spans="14:14">
      <c r="N504451" s="10"/>
    </row>
    <row r="504452" spans="14:14">
      <c r="N504452" s="10"/>
    </row>
    <row r="504453" spans="14:14">
      <c r="N504453" s="10"/>
    </row>
    <row r="504454" spans="14:14">
      <c r="N504454" s="10"/>
    </row>
    <row r="504455" spans="14:14">
      <c r="N504455" s="10"/>
    </row>
    <row r="504456" spans="14:14">
      <c r="N504456" s="10"/>
    </row>
    <row r="504457" spans="14:14">
      <c r="N504457" s="10"/>
    </row>
    <row r="504458" spans="14:14">
      <c r="N504458" s="10"/>
    </row>
    <row r="504459" spans="14:14">
      <c r="N504459" s="10"/>
    </row>
    <row r="504460" spans="14:14">
      <c r="N504460" s="10"/>
    </row>
    <row r="504461" spans="14:14">
      <c r="N504461" s="10"/>
    </row>
    <row r="504462" spans="14:14">
      <c r="N504462" s="10"/>
    </row>
    <row r="504463" spans="14:14">
      <c r="N504463" s="10"/>
    </row>
    <row r="504464" spans="14:14">
      <c r="N504464" s="10"/>
    </row>
    <row r="504465" spans="14:14">
      <c r="N504465" s="10"/>
    </row>
    <row r="504466" spans="14:14">
      <c r="N504466" s="10"/>
    </row>
    <row r="504467" spans="14:14">
      <c r="N504467" s="10"/>
    </row>
    <row r="504468" spans="14:14">
      <c r="N504468" s="10"/>
    </row>
    <row r="504469" spans="14:14">
      <c r="N504469" s="10"/>
    </row>
    <row r="504470" spans="14:14">
      <c r="N504470" s="10"/>
    </row>
    <row r="504471" spans="14:14">
      <c r="N504471" s="10"/>
    </row>
    <row r="504472" spans="14:14">
      <c r="N504472" s="10"/>
    </row>
    <row r="504473" spans="14:14">
      <c r="N504473" s="10"/>
    </row>
    <row r="504474" spans="14:14">
      <c r="N504474" s="10"/>
    </row>
    <row r="504475" spans="14:14">
      <c r="N504475" s="10"/>
    </row>
    <row r="504476" spans="14:14">
      <c r="N504476" s="10"/>
    </row>
    <row r="504477" spans="14:14">
      <c r="N504477" s="10"/>
    </row>
    <row r="504478" spans="14:14">
      <c r="N504478" s="10"/>
    </row>
    <row r="504479" spans="14:14">
      <c r="N504479" s="10"/>
    </row>
    <row r="504480" spans="14:14">
      <c r="N504480" s="10"/>
    </row>
    <row r="504481" spans="14:14">
      <c r="N504481" s="10"/>
    </row>
    <row r="504482" spans="14:14">
      <c r="N504482" s="10"/>
    </row>
    <row r="504483" spans="14:14">
      <c r="N504483" s="10"/>
    </row>
    <row r="504484" spans="14:14">
      <c r="N504484" s="10"/>
    </row>
    <row r="504485" spans="14:14">
      <c r="N504485" s="10"/>
    </row>
    <row r="504486" spans="14:14">
      <c r="N504486" s="10"/>
    </row>
    <row r="504487" spans="14:14">
      <c r="N504487" s="10"/>
    </row>
    <row r="504488" spans="14:14">
      <c r="N504488" s="10"/>
    </row>
    <row r="504489" spans="14:14">
      <c r="N504489" s="10"/>
    </row>
    <row r="504490" spans="14:14">
      <c r="N504490" s="10"/>
    </row>
    <row r="504491" spans="14:14">
      <c r="N504491" s="10"/>
    </row>
    <row r="504492" spans="14:14">
      <c r="N504492" s="10"/>
    </row>
    <row r="504493" spans="14:14">
      <c r="N504493" s="10"/>
    </row>
    <row r="504494" spans="14:14">
      <c r="N504494" s="10"/>
    </row>
    <row r="504495" spans="14:14">
      <c r="N504495" s="10"/>
    </row>
    <row r="504496" spans="14:14">
      <c r="N504496" s="10"/>
    </row>
    <row r="504497" spans="14:14">
      <c r="N504497" s="10"/>
    </row>
    <row r="504498" spans="14:14">
      <c r="N504498" s="10"/>
    </row>
    <row r="504499" spans="14:14">
      <c r="N504499" s="10"/>
    </row>
    <row r="504500" spans="14:14">
      <c r="N504500" s="10"/>
    </row>
    <row r="504501" spans="14:14">
      <c r="N504501" s="10"/>
    </row>
    <row r="504502" spans="14:14">
      <c r="N504502" s="10"/>
    </row>
    <row r="504503" spans="14:14">
      <c r="N504503" s="10"/>
    </row>
    <row r="504504" spans="14:14">
      <c r="N504504" s="10"/>
    </row>
    <row r="504505" spans="14:14">
      <c r="N504505" s="10"/>
    </row>
    <row r="504506" spans="14:14">
      <c r="N504506" s="10"/>
    </row>
    <row r="504507" spans="14:14">
      <c r="N504507" s="10"/>
    </row>
    <row r="504508" spans="14:14">
      <c r="N504508" s="10"/>
    </row>
    <row r="504509" spans="14:14">
      <c r="N504509" s="10"/>
    </row>
    <row r="504510" spans="14:14">
      <c r="N504510" s="10"/>
    </row>
    <row r="504511" spans="14:14">
      <c r="N504511" s="10"/>
    </row>
    <row r="504512" spans="14:14">
      <c r="N504512" s="10"/>
    </row>
    <row r="504513" spans="14:14">
      <c r="N504513" s="10"/>
    </row>
    <row r="504514" spans="14:14">
      <c r="N504514" s="10"/>
    </row>
    <row r="504515" spans="14:14">
      <c r="N504515" s="10"/>
    </row>
    <row r="504516" spans="14:14">
      <c r="N504516" s="10"/>
    </row>
    <row r="504517" spans="14:14">
      <c r="N504517" s="10"/>
    </row>
    <row r="504518" spans="14:14">
      <c r="N504518" s="10"/>
    </row>
    <row r="504519" spans="14:14">
      <c r="N504519" s="10"/>
    </row>
    <row r="504520" spans="14:14">
      <c r="N504520" s="10"/>
    </row>
    <row r="504521" spans="14:14">
      <c r="N504521" s="10"/>
    </row>
    <row r="504522" spans="14:14">
      <c r="N504522" s="10"/>
    </row>
    <row r="504523" spans="14:14">
      <c r="N504523" s="10"/>
    </row>
    <row r="504524" spans="14:14">
      <c r="N504524" s="10"/>
    </row>
    <row r="504525" spans="14:14">
      <c r="N504525" s="10"/>
    </row>
    <row r="504526" spans="14:14">
      <c r="N504526" s="10"/>
    </row>
    <row r="504527" spans="14:14">
      <c r="N504527" s="10"/>
    </row>
    <row r="504528" spans="14:14">
      <c r="N504528" s="10"/>
    </row>
    <row r="504529" spans="14:14">
      <c r="N504529" s="10"/>
    </row>
    <row r="504530" spans="14:14">
      <c r="N504530" s="10"/>
    </row>
    <row r="504531" spans="14:14">
      <c r="N504531" s="10"/>
    </row>
    <row r="504532" spans="14:14">
      <c r="N504532" s="10"/>
    </row>
    <row r="504533" spans="14:14">
      <c r="N504533" s="10"/>
    </row>
    <row r="504534" spans="14:14">
      <c r="N504534" s="10"/>
    </row>
    <row r="504535" spans="14:14">
      <c r="N504535" s="10"/>
    </row>
    <row r="504536" spans="14:14">
      <c r="N504536" s="10"/>
    </row>
    <row r="504537" spans="14:14">
      <c r="N504537" s="10"/>
    </row>
    <row r="504538" spans="14:14">
      <c r="N504538" s="10"/>
    </row>
    <row r="504539" spans="14:14">
      <c r="N504539" s="10"/>
    </row>
    <row r="504540" spans="14:14">
      <c r="N504540" s="10"/>
    </row>
    <row r="504541" spans="14:14">
      <c r="N504541" s="10"/>
    </row>
    <row r="504542" spans="14:14">
      <c r="N504542" s="10"/>
    </row>
    <row r="504543" spans="14:14">
      <c r="N504543" s="10"/>
    </row>
    <row r="504544" spans="14:14">
      <c r="N504544" s="10"/>
    </row>
    <row r="504545" spans="14:14">
      <c r="N504545" s="10"/>
    </row>
    <row r="504546" spans="14:14">
      <c r="N504546" s="10"/>
    </row>
    <row r="504547" spans="14:14">
      <c r="N504547" s="10"/>
    </row>
    <row r="504548" spans="14:14">
      <c r="N504548" s="10"/>
    </row>
    <row r="504549" spans="14:14">
      <c r="N504549" s="10"/>
    </row>
    <row r="504550" spans="14:14">
      <c r="N504550" s="10"/>
    </row>
    <row r="504551" spans="14:14">
      <c r="N504551" s="10"/>
    </row>
    <row r="504552" spans="14:14">
      <c r="N504552" s="10"/>
    </row>
    <row r="504553" spans="14:14">
      <c r="N504553" s="10"/>
    </row>
    <row r="504554" spans="14:14">
      <c r="N504554" s="10"/>
    </row>
    <row r="504555" spans="14:14">
      <c r="N504555" s="10"/>
    </row>
    <row r="504556" spans="14:14">
      <c r="N504556" s="10"/>
    </row>
    <row r="504557" spans="14:14">
      <c r="N504557" s="10"/>
    </row>
    <row r="504558" spans="14:14">
      <c r="N504558" s="10"/>
    </row>
    <row r="504559" spans="14:14">
      <c r="N504559" s="10"/>
    </row>
    <row r="504560" spans="14:14">
      <c r="N504560" s="10"/>
    </row>
    <row r="504561" spans="14:14">
      <c r="N504561" s="10"/>
    </row>
    <row r="504562" spans="14:14">
      <c r="N504562" s="10"/>
    </row>
    <row r="504563" spans="14:14">
      <c r="N504563" s="10"/>
    </row>
    <row r="504564" spans="14:14">
      <c r="N504564" s="10"/>
    </row>
    <row r="504565" spans="14:14">
      <c r="N504565" s="10"/>
    </row>
    <row r="504566" spans="14:14">
      <c r="N504566" s="10"/>
    </row>
    <row r="504567" spans="14:14">
      <c r="N504567" s="10"/>
    </row>
    <row r="504568" spans="14:14">
      <c r="N504568" s="10"/>
    </row>
    <row r="504569" spans="14:14">
      <c r="N504569" s="10"/>
    </row>
    <row r="504570" spans="14:14">
      <c r="N504570" s="10"/>
    </row>
    <row r="504571" spans="14:14">
      <c r="N504571" s="10"/>
    </row>
    <row r="504572" spans="14:14">
      <c r="N504572" s="10"/>
    </row>
    <row r="504573" spans="14:14">
      <c r="N504573" s="10"/>
    </row>
    <row r="504574" spans="14:14">
      <c r="N504574" s="10"/>
    </row>
    <row r="504575" spans="14:14">
      <c r="N504575" s="10"/>
    </row>
    <row r="504576" spans="14:14">
      <c r="N504576" s="10"/>
    </row>
    <row r="504577" spans="14:14">
      <c r="N504577" s="10"/>
    </row>
    <row r="504578" spans="14:14">
      <c r="N504578" s="10"/>
    </row>
    <row r="504579" spans="14:14">
      <c r="N504579" s="10"/>
    </row>
    <row r="504580" spans="14:14">
      <c r="N504580" s="10"/>
    </row>
    <row r="504581" spans="14:14">
      <c r="N504581" s="10"/>
    </row>
    <row r="504582" spans="14:14">
      <c r="N504582" s="10"/>
    </row>
    <row r="504583" spans="14:14">
      <c r="N504583" s="10"/>
    </row>
    <row r="504584" spans="14:14">
      <c r="N504584" s="10"/>
    </row>
    <row r="504585" spans="14:14">
      <c r="N504585" s="10"/>
    </row>
    <row r="504586" spans="14:14">
      <c r="N504586" s="10"/>
    </row>
    <row r="504587" spans="14:14">
      <c r="N504587" s="10"/>
    </row>
    <row r="504588" spans="14:14">
      <c r="N504588" s="10"/>
    </row>
    <row r="504589" spans="14:14">
      <c r="N504589" s="10"/>
    </row>
    <row r="504590" spans="14:14">
      <c r="N504590" s="10"/>
    </row>
    <row r="504591" spans="14:14">
      <c r="N504591" s="10"/>
    </row>
    <row r="504592" spans="14:14">
      <c r="N504592" s="10"/>
    </row>
    <row r="504593" spans="14:14">
      <c r="N504593" s="10"/>
    </row>
    <row r="504594" spans="14:14">
      <c r="N504594" s="10"/>
    </row>
    <row r="504595" spans="14:14">
      <c r="N504595" s="10"/>
    </row>
    <row r="504596" spans="14:14">
      <c r="N504596" s="10"/>
    </row>
    <row r="504597" spans="14:14">
      <c r="N504597" s="10"/>
    </row>
    <row r="504598" spans="14:14">
      <c r="N504598" s="10"/>
    </row>
    <row r="504599" spans="14:14">
      <c r="N504599" s="10"/>
    </row>
    <row r="504600" spans="14:14">
      <c r="N504600" s="10"/>
    </row>
    <row r="504601" spans="14:14">
      <c r="N504601" s="10"/>
    </row>
    <row r="504602" spans="14:14">
      <c r="N504602" s="10"/>
    </row>
    <row r="504603" spans="14:14">
      <c r="N504603" s="10"/>
    </row>
    <row r="504604" spans="14:14">
      <c r="N504604" s="10"/>
    </row>
    <row r="504605" spans="14:14">
      <c r="N504605" s="10"/>
    </row>
    <row r="504606" spans="14:14">
      <c r="N504606" s="10"/>
    </row>
    <row r="504607" spans="14:14">
      <c r="N504607" s="10"/>
    </row>
    <row r="504608" spans="14:14">
      <c r="N504608" s="10"/>
    </row>
    <row r="504609" spans="14:14">
      <c r="N504609" s="10"/>
    </row>
    <row r="504610" spans="14:14">
      <c r="N504610" s="10"/>
    </row>
    <row r="504611" spans="14:14">
      <c r="N504611" s="10"/>
    </row>
    <row r="504612" spans="14:14">
      <c r="N504612" s="10"/>
    </row>
    <row r="504613" spans="14:14">
      <c r="N504613" s="10"/>
    </row>
    <row r="504614" spans="14:14">
      <c r="N504614" s="10"/>
    </row>
    <row r="504615" spans="14:14">
      <c r="N504615" s="10"/>
    </row>
    <row r="504616" spans="14:14">
      <c r="N504616" s="10"/>
    </row>
    <row r="504617" spans="14:14">
      <c r="N504617" s="10"/>
    </row>
    <row r="504618" spans="14:14">
      <c r="N504618" s="10"/>
    </row>
    <row r="504619" spans="14:14">
      <c r="N504619" s="10"/>
    </row>
    <row r="504620" spans="14:14">
      <c r="N504620" s="10"/>
    </row>
    <row r="504621" spans="14:14">
      <c r="N504621" s="10"/>
    </row>
    <row r="504622" spans="14:14">
      <c r="N504622" s="10"/>
    </row>
    <row r="504623" spans="14:14">
      <c r="N504623" s="10"/>
    </row>
    <row r="504624" spans="14:14">
      <c r="N504624" s="10"/>
    </row>
    <row r="504625" spans="14:14">
      <c r="N504625" s="10"/>
    </row>
    <row r="504626" spans="14:14">
      <c r="N504626" s="10"/>
    </row>
    <row r="504627" spans="14:14">
      <c r="N504627" s="10"/>
    </row>
    <row r="504628" spans="14:14">
      <c r="N504628" s="10"/>
    </row>
    <row r="504629" spans="14:14">
      <c r="N504629" s="10"/>
    </row>
    <row r="504630" spans="14:14">
      <c r="N504630" s="10"/>
    </row>
    <row r="504631" spans="14:14">
      <c r="N504631" s="10"/>
    </row>
    <row r="504632" spans="14:14">
      <c r="N504632" s="10"/>
    </row>
    <row r="504633" spans="14:14">
      <c r="N504633" s="10"/>
    </row>
    <row r="504634" spans="14:14">
      <c r="N504634" s="10"/>
    </row>
    <row r="504635" spans="14:14">
      <c r="N504635" s="10"/>
    </row>
    <row r="504636" spans="14:14">
      <c r="N504636" s="10"/>
    </row>
    <row r="504637" spans="14:14">
      <c r="N504637" s="10"/>
    </row>
    <row r="504638" spans="14:14">
      <c r="N504638" s="10"/>
    </row>
    <row r="504639" spans="14:14">
      <c r="N504639" s="10"/>
    </row>
    <row r="504640" spans="14:14">
      <c r="N504640" s="10"/>
    </row>
    <row r="504641" spans="14:14">
      <c r="N504641" s="10"/>
    </row>
    <row r="504642" spans="14:14">
      <c r="N504642" s="10"/>
    </row>
    <row r="504643" spans="14:14">
      <c r="N504643" s="10"/>
    </row>
    <row r="504644" spans="14:14">
      <c r="N504644" s="10"/>
    </row>
    <row r="504645" spans="14:14">
      <c r="N504645" s="10"/>
    </row>
    <row r="504646" spans="14:14">
      <c r="N504646" s="10"/>
    </row>
    <row r="504647" spans="14:14">
      <c r="N504647" s="10"/>
    </row>
    <row r="504648" spans="14:14">
      <c r="N504648" s="10"/>
    </row>
    <row r="504649" spans="14:14">
      <c r="N504649" s="10"/>
    </row>
    <row r="504650" spans="14:14">
      <c r="N504650" s="10"/>
    </row>
    <row r="504651" spans="14:14">
      <c r="N504651" s="10"/>
    </row>
    <row r="504652" spans="14:14">
      <c r="N504652" s="10"/>
    </row>
    <row r="504653" spans="14:14">
      <c r="N504653" s="10"/>
    </row>
    <row r="504654" spans="14:14">
      <c r="N504654" s="10"/>
    </row>
    <row r="504655" spans="14:14">
      <c r="N504655" s="10"/>
    </row>
    <row r="504656" spans="14:14">
      <c r="N504656" s="10"/>
    </row>
    <row r="504657" spans="14:14">
      <c r="N504657" s="10"/>
    </row>
    <row r="504658" spans="14:14">
      <c r="N504658" s="10"/>
    </row>
    <row r="504659" spans="14:14">
      <c r="N504659" s="10"/>
    </row>
    <row r="504660" spans="14:14">
      <c r="N504660" s="10"/>
    </row>
    <row r="504661" spans="14:14">
      <c r="N504661" s="10"/>
    </row>
    <row r="504662" spans="14:14">
      <c r="N504662" s="10"/>
    </row>
    <row r="504663" spans="14:14">
      <c r="N504663" s="10"/>
    </row>
    <row r="504664" spans="14:14">
      <c r="N504664" s="10"/>
    </row>
    <row r="504665" spans="14:14">
      <c r="N504665" s="10"/>
    </row>
    <row r="504666" spans="14:14">
      <c r="N504666" s="10"/>
    </row>
    <row r="504667" spans="14:14">
      <c r="N504667" s="10"/>
    </row>
    <row r="504668" spans="14:14">
      <c r="N504668" s="10"/>
    </row>
    <row r="504669" spans="14:14">
      <c r="N504669" s="10"/>
    </row>
    <row r="504670" spans="14:14">
      <c r="N504670" s="10"/>
    </row>
    <row r="504671" spans="14:14">
      <c r="N504671" s="10"/>
    </row>
    <row r="504672" spans="14:14">
      <c r="N504672" s="10"/>
    </row>
    <row r="504673" spans="14:14">
      <c r="N504673" s="10"/>
    </row>
    <row r="504674" spans="14:14">
      <c r="N504674" s="10"/>
    </row>
    <row r="504675" spans="14:14">
      <c r="N504675" s="10"/>
    </row>
    <row r="504676" spans="14:14">
      <c r="N504676" s="10"/>
    </row>
    <row r="504677" spans="14:14">
      <c r="N504677" s="10"/>
    </row>
    <row r="504678" spans="14:14">
      <c r="N504678" s="10"/>
    </row>
    <row r="504679" spans="14:14">
      <c r="N504679" s="10"/>
    </row>
    <row r="504680" spans="14:14">
      <c r="N504680" s="10"/>
    </row>
    <row r="504681" spans="14:14">
      <c r="N504681" s="10"/>
    </row>
    <row r="504682" spans="14:14">
      <c r="N504682" s="10"/>
    </row>
    <row r="504683" spans="14:14">
      <c r="N504683" s="10"/>
    </row>
    <row r="504684" spans="14:14">
      <c r="N504684" s="10"/>
    </row>
    <row r="504685" spans="14:14">
      <c r="N504685" s="10"/>
    </row>
    <row r="504686" spans="14:14">
      <c r="N504686" s="10"/>
    </row>
    <row r="504687" spans="14:14">
      <c r="N504687" s="10"/>
    </row>
    <row r="504688" spans="14:14">
      <c r="N504688" s="10"/>
    </row>
    <row r="504689" spans="14:14">
      <c r="N504689" s="10"/>
    </row>
    <row r="504690" spans="14:14">
      <c r="N504690" s="10"/>
    </row>
    <row r="504691" spans="14:14">
      <c r="N504691" s="10"/>
    </row>
    <row r="504692" spans="14:14">
      <c r="N504692" s="10"/>
    </row>
    <row r="504693" spans="14:14">
      <c r="N504693" s="10"/>
    </row>
    <row r="504694" spans="14:14">
      <c r="N504694" s="10"/>
    </row>
    <row r="504695" spans="14:14">
      <c r="N504695" s="10"/>
    </row>
    <row r="504696" spans="14:14">
      <c r="N504696" s="10"/>
    </row>
    <row r="504697" spans="14:14">
      <c r="N504697" s="10"/>
    </row>
    <row r="504698" spans="14:14">
      <c r="N504698" s="10"/>
    </row>
    <row r="504699" spans="14:14">
      <c r="N504699" s="10"/>
    </row>
    <row r="504700" spans="14:14">
      <c r="N504700" s="10"/>
    </row>
    <row r="504701" spans="14:14">
      <c r="N504701" s="10"/>
    </row>
    <row r="504702" spans="14:14">
      <c r="N504702" s="10"/>
    </row>
    <row r="504703" spans="14:14">
      <c r="N504703" s="10"/>
    </row>
    <row r="504704" spans="14:14">
      <c r="N504704" s="10"/>
    </row>
    <row r="504705" spans="14:14">
      <c r="N504705" s="10"/>
    </row>
    <row r="504706" spans="14:14">
      <c r="N504706" s="10"/>
    </row>
    <row r="504707" spans="14:14">
      <c r="N504707" s="10"/>
    </row>
    <row r="504708" spans="14:14">
      <c r="N504708" s="10"/>
    </row>
    <row r="504709" spans="14:14">
      <c r="N504709" s="10"/>
    </row>
    <row r="504710" spans="14:14">
      <c r="N504710" s="10"/>
    </row>
    <row r="504711" spans="14:14">
      <c r="N504711" s="10"/>
    </row>
    <row r="504712" spans="14:14">
      <c r="N504712" s="10"/>
    </row>
    <row r="504713" spans="14:14">
      <c r="N504713" s="10"/>
    </row>
    <row r="504714" spans="14:14">
      <c r="N504714" s="10"/>
    </row>
    <row r="504715" spans="14:14">
      <c r="N504715" s="10"/>
    </row>
    <row r="504716" spans="14:14">
      <c r="N504716" s="10"/>
    </row>
    <row r="504717" spans="14:14">
      <c r="N504717" s="10"/>
    </row>
    <row r="504718" spans="14:14">
      <c r="N504718" s="10"/>
    </row>
    <row r="504719" spans="14:14">
      <c r="N504719" s="10"/>
    </row>
    <row r="504720" spans="14:14">
      <c r="N504720" s="10"/>
    </row>
    <row r="504721" spans="14:14">
      <c r="N504721" s="10"/>
    </row>
    <row r="504722" spans="14:14">
      <c r="N504722" s="10"/>
    </row>
    <row r="504723" spans="14:14">
      <c r="N504723" s="10"/>
    </row>
    <row r="504724" spans="14:14">
      <c r="N504724" s="10"/>
    </row>
    <row r="504725" spans="14:14">
      <c r="N504725" s="10"/>
    </row>
    <row r="504726" spans="14:14">
      <c r="N504726" s="10"/>
    </row>
    <row r="504727" spans="14:14">
      <c r="N504727" s="10"/>
    </row>
    <row r="504728" spans="14:14">
      <c r="N504728" s="10"/>
    </row>
    <row r="504729" spans="14:14">
      <c r="N504729" s="10"/>
    </row>
    <row r="504730" spans="14:14">
      <c r="N504730" s="10"/>
    </row>
    <row r="504731" spans="14:14">
      <c r="N504731" s="10"/>
    </row>
    <row r="504732" spans="14:14">
      <c r="N504732" s="10"/>
    </row>
    <row r="504733" spans="14:14">
      <c r="N504733" s="10"/>
    </row>
    <row r="504734" spans="14:14">
      <c r="N504734" s="10"/>
    </row>
    <row r="504735" spans="14:14">
      <c r="N504735" s="10"/>
    </row>
    <row r="504736" spans="14:14">
      <c r="N504736" s="10"/>
    </row>
    <row r="504737" spans="14:14">
      <c r="N504737" s="10"/>
    </row>
    <row r="504738" spans="14:14">
      <c r="N504738" s="10"/>
    </row>
    <row r="504739" spans="14:14">
      <c r="N504739" s="10"/>
    </row>
    <row r="504740" spans="14:14">
      <c r="N504740" s="10"/>
    </row>
    <row r="504741" spans="14:14">
      <c r="N504741" s="10"/>
    </row>
    <row r="504742" spans="14:14">
      <c r="N504742" s="10"/>
    </row>
    <row r="504743" spans="14:14">
      <c r="N504743" s="10"/>
    </row>
    <row r="504744" spans="14:14">
      <c r="N504744" s="10"/>
    </row>
    <row r="504745" spans="14:14">
      <c r="N504745" s="10"/>
    </row>
    <row r="504746" spans="14:14">
      <c r="N504746" s="10"/>
    </row>
    <row r="504747" spans="14:14">
      <c r="N504747" s="10"/>
    </row>
    <row r="504748" spans="14:14">
      <c r="N504748" s="10"/>
    </row>
    <row r="504749" spans="14:14">
      <c r="N504749" s="10"/>
    </row>
    <row r="504750" spans="14:14">
      <c r="N504750" s="10"/>
    </row>
    <row r="504751" spans="14:14">
      <c r="N504751" s="10"/>
    </row>
    <row r="504752" spans="14:14">
      <c r="N504752" s="10"/>
    </row>
    <row r="504753" spans="14:14">
      <c r="N504753" s="10"/>
    </row>
    <row r="504754" spans="14:14">
      <c r="N504754" s="10"/>
    </row>
    <row r="504755" spans="14:14">
      <c r="N504755" s="10"/>
    </row>
    <row r="504756" spans="14:14">
      <c r="N504756" s="10"/>
    </row>
    <row r="504757" spans="14:14">
      <c r="N504757" s="10"/>
    </row>
    <row r="504758" spans="14:14">
      <c r="N504758" s="10"/>
    </row>
    <row r="504759" spans="14:14">
      <c r="N504759" s="10"/>
    </row>
    <row r="504760" spans="14:14">
      <c r="N504760" s="10"/>
    </row>
    <row r="504761" spans="14:14">
      <c r="N504761" s="10"/>
    </row>
    <row r="504762" spans="14:14">
      <c r="N504762" s="10"/>
    </row>
    <row r="504763" spans="14:14">
      <c r="N504763" s="10"/>
    </row>
    <row r="504764" spans="14:14">
      <c r="N504764" s="10"/>
    </row>
    <row r="504765" spans="14:14">
      <c r="N504765" s="10"/>
    </row>
    <row r="504766" spans="14:14">
      <c r="N504766" s="10"/>
    </row>
    <row r="504767" spans="14:14">
      <c r="N504767" s="10"/>
    </row>
    <row r="504768" spans="14:14">
      <c r="N504768" s="10"/>
    </row>
    <row r="504769" spans="14:14">
      <c r="N504769" s="10"/>
    </row>
    <row r="504770" spans="14:14">
      <c r="N504770" s="10"/>
    </row>
    <row r="504771" spans="14:14">
      <c r="N504771" s="10"/>
    </row>
    <row r="504772" spans="14:14">
      <c r="N504772" s="10"/>
    </row>
    <row r="504773" spans="14:14">
      <c r="N504773" s="10"/>
    </row>
    <row r="504774" spans="14:14">
      <c r="N504774" s="10"/>
    </row>
    <row r="504775" spans="14:14">
      <c r="N504775" s="10"/>
    </row>
    <row r="504776" spans="14:14">
      <c r="N504776" s="10"/>
    </row>
    <row r="504777" spans="14:14">
      <c r="N504777" s="10"/>
    </row>
    <row r="504778" spans="14:14">
      <c r="N504778" s="10"/>
    </row>
    <row r="504779" spans="14:14">
      <c r="N504779" s="10"/>
    </row>
    <row r="504780" spans="14:14">
      <c r="N504780" s="10"/>
    </row>
    <row r="504781" spans="14:14">
      <c r="N504781" s="10"/>
    </row>
    <row r="504782" spans="14:14">
      <c r="N504782" s="10"/>
    </row>
    <row r="504783" spans="14:14">
      <c r="N504783" s="10"/>
    </row>
    <row r="504784" spans="14:14">
      <c r="N504784" s="10"/>
    </row>
    <row r="504785" spans="14:14">
      <c r="N504785" s="10"/>
    </row>
    <row r="504786" spans="14:14">
      <c r="N504786" s="10"/>
    </row>
    <row r="504787" spans="14:14">
      <c r="N504787" s="10"/>
    </row>
    <row r="504788" spans="14:14">
      <c r="N504788" s="10"/>
    </row>
    <row r="504789" spans="14:14">
      <c r="N504789" s="10"/>
    </row>
    <row r="504790" spans="14:14">
      <c r="N504790" s="10"/>
    </row>
    <row r="504791" spans="14:14">
      <c r="N504791" s="10"/>
    </row>
    <row r="504792" spans="14:14">
      <c r="N504792" s="10"/>
    </row>
    <row r="504793" spans="14:14">
      <c r="N504793" s="10"/>
    </row>
    <row r="504794" spans="14:14">
      <c r="N504794" s="10"/>
    </row>
    <row r="504795" spans="14:14">
      <c r="N504795" s="10"/>
    </row>
    <row r="504796" spans="14:14">
      <c r="N504796" s="10"/>
    </row>
    <row r="504797" spans="14:14">
      <c r="N504797" s="10"/>
    </row>
    <row r="504798" spans="14:14">
      <c r="N504798" s="10"/>
    </row>
    <row r="504799" spans="14:14">
      <c r="N504799" s="10"/>
    </row>
    <row r="504800" spans="14:14">
      <c r="N504800" s="10"/>
    </row>
    <row r="504801" spans="14:14">
      <c r="N504801" s="10"/>
    </row>
    <row r="504802" spans="14:14">
      <c r="N504802" s="10"/>
    </row>
    <row r="504803" spans="14:14">
      <c r="N504803" s="10"/>
    </row>
    <row r="504804" spans="14:14">
      <c r="N504804" s="10"/>
    </row>
    <row r="504805" spans="14:14">
      <c r="N504805" s="10"/>
    </row>
    <row r="504806" spans="14:14">
      <c r="N504806" s="10"/>
    </row>
    <row r="504807" spans="14:14">
      <c r="N504807" s="10"/>
    </row>
    <row r="504808" spans="14:14">
      <c r="N504808" s="10"/>
    </row>
    <row r="504809" spans="14:14">
      <c r="N504809" s="10"/>
    </row>
    <row r="504810" spans="14:14">
      <c r="N504810" s="10"/>
    </row>
    <row r="504811" spans="14:14">
      <c r="N504811" s="10"/>
    </row>
    <row r="504812" spans="14:14">
      <c r="N504812" s="10"/>
    </row>
    <row r="504813" spans="14:14">
      <c r="N504813" s="10"/>
    </row>
    <row r="504814" spans="14:14">
      <c r="N504814" s="10"/>
    </row>
    <row r="504815" spans="14:14">
      <c r="N504815" s="10"/>
    </row>
    <row r="504816" spans="14:14">
      <c r="N504816" s="10"/>
    </row>
    <row r="504817" spans="14:14">
      <c r="N504817" s="10"/>
    </row>
    <row r="504818" spans="14:14">
      <c r="N504818" s="10"/>
    </row>
    <row r="504819" spans="14:14">
      <c r="N504819" s="10"/>
    </row>
    <row r="504820" spans="14:14">
      <c r="N504820" s="10"/>
    </row>
    <row r="504821" spans="14:14">
      <c r="N504821" s="10"/>
    </row>
    <row r="504822" spans="14:14">
      <c r="N504822" s="10"/>
    </row>
    <row r="504823" spans="14:14">
      <c r="N504823" s="10"/>
    </row>
    <row r="504824" spans="14:14">
      <c r="N504824" s="10"/>
    </row>
    <row r="504825" spans="14:14">
      <c r="N504825" s="10"/>
    </row>
    <row r="504826" spans="14:14">
      <c r="N504826" s="10"/>
    </row>
    <row r="504827" spans="14:14">
      <c r="N504827" s="10"/>
    </row>
    <row r="504828" spans="14:14">
      <c r="N504828" s="10"/>
    </row>
    <row r="504829" spans="14:14">
      <c r="N504829" s="10"/>
    </row>
    <row r="504830" spans="14:14">
      <c r="N504830" s="10"/>
    </row>
    <row r="504831" spans="14:14">
      <c r="N504831" s="10"/>
    </row>
    <row r="504832" spans="14:14">
      <c r="N504832" s="10"/>
    </row>
    <row r="504833" spans="14:14">
      <c r="N504833" s="10"/>
    </row>
    <row r="504834" spans="14:14">
      <c r="N504834" s="10"/>
    </row>
    <row r="504835" spans="14:14">
      <c r="N504835" s="10"/>
    </row>
    <row r="504836" spans="14:14">
      <c r="N504836" s="10"/>
    </row>
    <row r="504837" spans="14:14">
      <c r="N504837" s="10"/>
    </row>
    <row r="504838" spans="14:14">
      <c r="N504838" s="10"/>
    </row>
    <row r="504839" spans="14:14">
      <c r="N504839" s="10"/>
    </row>
    <row r="504840" spans="14:14">
      <c r="N504840" s="10"/>
    </row>
    <row r="504841" spans="14:14">
      <c r="N504841" s="10"/>
    </row>
    <row r="504842" spans="14:14">
      <c r="N504842" s="10"/>
    </row>
    <row r="504843" spans="14:14">
      <c r="N504843" s="10"/>
    </row>
    <row r="504844" spans="14:14">
      <c r="N504844" s="10"/>
    </row>
    <row r="504845" spans="14:14">
      <c r="N504845" s="10"/>
    </row>
    <row r="504846" spans="14:14">
      <c r="N504846" s="10"/>
    </row>
    <row r="504847" spans="14:14">
      <c r="N504847" s="10"/>
    </row>
    <row r="504848" spans="14:14">
      <c r="N504848" s="10"/>
    </row>
    <row r="504849" spans="14:14">
      <c r="N504849" s="10"/>
    </row>
    <row r="504850" spans="14:14">
      <c r="N504850" s="10"/>
    </row>
    <row r="504851" spans="14:14">
      <c r="N504851" s="10"/>
    </row>
    <row r="504852" spans="14:14">
      <c r="N504852" s="10"/>
    </row>
    <row r="504853" spans="14:14">
      <c r="N504853" s="10"/>
    </row>
    <row r="504854" spans="14:14">
      <c r="N504854" s="10"/>
    </row>
    <row r="504855" spans="14:14">
      <c r="N504855" s="10"/>
    </row>
    <row r="504856" spans="14:14">
      <c r="N504856" s="10"/>
    </row>
    <row r="504857" spans="14:14">
      <c r="N504857" s="10"/>
    </row>
    <row r="504858" spans="14:14">
      <c r="N504858" s="10"/>
    </row>
    <row r="504859" spans="14:14">
      <c r="N504859" s="10"/>
    </row>
    <row r="504860" spans="14:14">
      <c r="N504860" s="10"/>
    </row>
    <row r="504861" spans="14:14">
      <c r="N504861" s="10"/>
    </row>
    <row r="504862" spans="14:14">
      <c r="N504862" s="10"/>
    </row>
    <row r="504863" spans="14:14">
      <c r="N504863" s="10"/>
    </row>
    <row r="504864" spans="14:14">
      <c r="N504864" s="10"/>
    </row>
    <row r="504865" spans="14:14">
      <c r="N504865" s="10"/>
    </row>
    <row r="504866" spans="14:14">
      <c r="N504866" s="10"/>
    </row>
    <row r="504867" spans="14:14">
      <c r="N504867" s="10"/>
    </row>
    <row r="504868" spans="14:14">
      <c r="N504868" s="10"/>
    </row>
    <row r="504869" spans="14:14">
      <c r="N504869" s="10"/>
    </row>
    <row r="504870" spans="14:14">
      <c r="N504870" s="10"/>
    </row>
    <row r="504871" spans="14:14">
      <c r="N504871" s="10"/>
    </row>
    <row r="504872" spans="14:14">
      <c r="N504872" s="10"/>
    </row>
    <row r="504873" spans="14:14">
      <c r="N504873" s="10"/>
    </row>
    <row r="504874" spans="14:14">
      <c r="N504874" s="10"/>
    </row>
    <row r="504875" spans="14:14">
      <c r="N504875" s="10"/>
    </row>
    <row r="504876" spans="14:14">
      <c r="N504876" s="10"/>
    </row>
    <row r="504877" spans="14:14">
      <c r="N504877" s="10"/>
    </row>
    <row r="504878" spans="14:14">
      <c r="N504878" s="10"/>
    </row>
    <row r="504879" spans="14:14">
      <c r="N504879" s="10"/>
    </row>
    <row r="504880" spans="14:14">
      <c r="N504880" s="10"/>
    </row>
    <row r="504881" spans="14:14">
      <c r="N504881" s="10"/>
    </row>
    <row r="504882" spans="14:14">
      <c r="N504882" s="10"/>
    </row>
    <row r="504883" spans="14:14">
      <c r="N504883" s="10"/>
    </row>
    <row r="504884" spans="14:14">
      <c r="N504884" s="10"/>
    </row>
    <row r="504885" spans="14:14">
      <c r="N504885" s="10"/>
    </row>
    <row r="504886" spans="14:14">
      <c r="N504886" s="10"/>
    </row>
    <row r="504887" spans="14:14">
      <c r="N504887" s="10"/>
    </row>
    <row r="504888" spans="14:14">
      <c r="N504888" s="10"/>
    </row>
    <row r="504889" spans="14:14">
      <c r="N504889" s="10"/>
    </row>
    <row r="504890" spans="14:14">
      <c r="N504890" s="10"/>
    </row>
    <row r="504891" spans="14:14">
      <c r="N504891" s="10"/>
    </row>
    <row r="504892" spans="14:14">
      <c r="N504892" s="10"/>
    </row>
    <row r="504893" spans="14:14">
      <c r="N504893" s="10"/>
    </row>
    <row r="504894" spans="14:14">
      <c r="N504894" s="10"/>
    </row>
    <row r="504895" spans="14:14">
      <c r="N504895" s="10"/>
    </row>
    <row r="504896" spans="14:14">
      <c r="N504896" s="10"/>
    </row>
    <row r="504897" spans="14:14">
      <c r="N504897" s="10"/>
    </row>
    <row r="504898" spans="14:14">
      <c r="N504898" s="10"/>
    </row>
    <row r="504899" spans="14:14">
      <c r="N504899" s="10"/>
    </row>
    <row r="504900" spans="14:14">
      <c r="N504900" s="10"/>
    </row>
    <row r="504901" spans="14:14">
      <c r="N504901" s="10"/>
    </row>
    <row r="504902" spans="14:14">
      <c r="N504902" s="10"/>
    </row>
    <row r="504903" spans="14:14">
      <c r="N504903" s="10"/>
    </row>
    <row r="504904" spans="14:14">
      <c r="N504904" s="10"/>
    </row>
    <row r="504905" spans="14:14">
      <c r="N504905" s="10"/>
    </row>
    <row r="504906" spans="14:14">
      <c r="N504906" s="10"/>
    </row>
    <row r="504907" spans="14:14">
      <c r="N504907" s="10"/>
    </row>
    <row r="504908" spans="14:14">
      <c r="N504908" s="10"/>
    </row>
    <row r="504909" spans="14:14">
      <c r="N504909" s="10"/>
    </row>
    <row r="504910" spans="14:14">
      <c r="N504910" s="10"/>
    </row>
    <row r="504911" spans="14:14">
      <c r="N504911" s="10"/>
    </row>
    <row r="504912" spans="14:14">
      <c r="N504912" s="10"/>
    </row>
    <row r="504913" spans="14:14">
      <c r="N504913" s="10"/>
    </row>
    <row r="504914" spans="14:14">
      <c r="N504914" s="10"/>
    </row>
    <row r="504915" spans="14:14">
      <c r="N504915" s="10"/>
    </row>
    <row r="504916" spans="14:14">
      <c r="N504916" s="10"/>
    </row>
    <row r="504917" spans="14:14">
      <c r="N504917" s="10"/>
    </row>
    <row r="504918" spans="14:14">
      <c r="N504918" s="10"/>
    </row>
    <row r="504919" spans="14:14">
      <c r="N504919" s="10"/>
    </row>
    <row r="504920" spans="14:14">
      <c r="N504920" s="10"/>
    </row>
    <row r="504921" spans="14:14">
      <c r="N504921" s="10"/>
    </row>
    <row r="504922" spans="14:14">
      <c r="N504922" s="10"/>
    </row>
    <row r="504923" spans="14:14">
      <c r="N504923" s="10"/>
    </row>
    <row r="504924" spans="14:14">
      <c r="N504924" s="10"/>
    </row>
    <row r="504925" spans="14:14">
      <c r="N504925" s="10"/>
    </row>
    <row r="504926" spans="14:14">
      <c r="N504926" s="10"/>
    </row>
    <row r="504927" spans="14:14">
      <c r="N504927" s="10"/>
    </row>
    <row r="504928" spans="14:14">
      <c r="N504928" s="10"/>
    </row>
    <row r="504929" spans="14:14">
      <c r="N504929" s="10"/>
    </row>
    <row r="504930" spans="14:14">
      <c r="N504930" s="10"/>
    </row>
    <row r="504931" spans="14:14">
      <c r="N504931" s="10"/>
    </row>
    <row r="504932" spans="14:14">
      <c r="N504932" s="10"/>
    </row>
    <row r="504933" spans="14:14">
      <c r="N504933" s="10"/>
    </row>
    <row r="504934" spans="14:14">
      <c r="N504934" s="10"/>
    </row>
    <row r="504935" spans="14:14">
      <c r="N504935" s="10"/>
    </row>
    <row r="504936" spans="14:14">
      <c r="N504936" s="10"/>
    </row>
    <row r="504937" spans="14:14">
      <c r="N504937" s="10"/>
    </row>
    <row r="504938" spans="14:14">
      <c r="N504938" s="10"/>
    </row>
    <row r="504939" spans="14:14">
      <c r="N504939" s="10"/>
    </row>
    <row r="504940" spans="14:14">
      <c r="N504940" s="10"/>
    </row>
    <row r="504941" spans="14:14">
      <c r="N504941" s="10"/>
    </row>
    <row r="504942" spans="14:14">
      <c r="N504942" s="10"/>
    </row>
    <row r="504943" spans="14:14">
      <c r="N504943" s="10"/>
    </row>
    <row r="504944" spans="14:14">
      <c r="N504944" s="10"/>
    </row>
    <row r="504945" spans="14:14">
      <c r="N504945" s="10"/>
    </row>
    <row r="504946" spans="14:14">
      <c r="N504946" s="10"/>
    </row>
    <row r="504947" spans="14:14">
      <c r="N504947" s="10"/>
    </row>
    <row r="504948" spans="14:14">
      <c r="N504948" s="10"/>
    </row>
    <row r="504949" spans="14:14">
      <c r="N504949" s="10"/>
    </row>
    <row r="504950" spans="14:14">
      <c r="N504950" s="10"/>
    </row>
    <row r="504951" spans="14:14">
      <c r="N504951" s="10"/>
    </row>
    <row r="504952" spans="14:14">
      <c r="N504952" s="10"/>
    </row>
    <row r="504953" spans="14:14">
      <c r="N504953" s="10"/>
    </row>
    <row r="504954" spans="14:14">
      <c r="N504954" s="10"/>
    </row>
    <row r="504955" spans="14:14">
      <c r="N504955" s="10"/>
    </row>
    <row r="504956" spans="14:14">
      <c r="N504956" s="10"/>
    </row>
    <row r="504957" spans="14:14">
      <c r="N504957" s="10"/>
    </row>
    <row r="504958" spans="14:14">
      <c r="N504958" s="10"/>
    </row>
    <row r="504959" spans="14:14">
      <c r="N504959" s="10"/>
    </row>
    <row r="504960" spans="14:14">
      <c r="N504960" s="10"/>
    </row>
    <row r="504961" spans="14:14">
      <c r="N504961" s="10"/>
    </row>
    <row r="504962" spans="14:14">
      <c r="N504962" s="10"/>
    </row>
    <row r="504963" spans="14:14">
      <c r="N504963" s="10"/>
    </row>
    <row r="504964" spans="14:14">
      <c r="N504964" s="10"/>
    </row>
    <row r="504965" spans="14:14">
      <c r="N504965" s="10"/>
    </row>
    <row r="504966" spans="14:14">
      <c r="N504966" s="10"/>
    </row>
    <row r="504967" spans="14:14">
      <c r="N504967" s="10"/>
    </row>
    <row r="504968" spans="14:14">
      <c r="N504968" s="10"/>
    </row>
    <row r="504969" spans="14:14">
      <c r="N504969" s="10"/>
    </row>
    <row r="504970" spans="14:14">
      <c r="N504970" s="10"/>
    </row>
    <row r="504971" spans="14:14">
      <c r="N504971" s="10"/>
    </row>
    <row r="504972" spans="14:14">
      <c r="N504972" s="10"/>
    </row>
    <row r="504973" spans="14:14">
      <c r="N504973" s="10"/>
    </row>
    <row r="504974" spans="14:14">
      <c r="N504974" s="10"/>
    </row>
    <row r="504975" spans="14:14">
      <c r="N504975" s="10"/>
    </row>
    <row r="504976" spans="14:14">
      <c r="N504976" s="10"/>
    </row>
    <row r="504977" spans="14:14">
      <c r="N504977" s="10"/>
    </row>
    <row r="504978" spans="14:14">
      <c r="N504978" s="10"/>
    </row>
    <row r="504979" spans="14:14">
      <c r="N504979" s="10"/>
    </row>
    <row r="504980" spans="14:14">
      <c r="N504980" s="10"/>
    </row>
    <row r="504981" spans="14:14">
      <c r="N504981" s="10"/>
    </row>
    <row r="504982" spans="14:14">
      <c r="N504982" s="10"/>
    </row>
    <row r="504983" spans="14:14">
      <c r="N504983" s="10"/>
    </row>
    <row r="504984" spans="14:14">
      <c r="N504984" s="10"/>
    </row>
    <row r="504985" spans="14:14">
      <c r="N504985" s="10"/>
    </row>
    <row r="504986" spans="14:14">
      <c r="N504986" s="10"/>
    </row>
    <row r="504987" spans="14:14">
      <c r="N504987" s="10"/>
    </row>
    <row r="504988" spans="14:14">
      <c r="N504988" s="10"/>
    </row>
    <row r="504989" spans="14:14">
      <c r="N504989" s="10"/>
    </row>
    <row r="504990" spans="14:14">
      <c r="N504990" s="10"/>
    </row>
    <row r="504991" spans="14:14">
      <c r="N504991" s="10"/>
    </row>
    <row r="504992" spans="14:14">
      <c r="N504992" s="10"/>
    </row>
    <row r="504993" spans="14:14">
      <c r="N504993" s="10"/>
    </row>
    <row r="504994" spans="14:14">
      <c r="N504994" s="10"/>
    </row>
    <row r="504995" spans="14:14">
      <c r="N504995" s="10"/>
    </row>
    <row r="504996" spans="14:14">
      <c r="N504996" s="10"/>
    </row>
    <row r="504997" spans="14:14">
      <c r="N504997" s="10"/>
    </row>
    <row r="504998" spans="14:14">
      <c r="N504998" s="10"/>
    </row>
    <row r="504999" spans="14:14">
      <c r="N504999" s="10"/>
    </row>
    <row r="505000" spans="14:14">
      <c r="N505000" s="10"/>
    </row>
    <row r="505001" spans="14:14">
      <c r="N505001" s="10"/>
    </row>
    <row r="505002" spans="14:14">
      <c r="N505002" s="10"/>
    </row>
    <row r="505003" spans="14:14">
      <c r="N505003" s="10"/>
    </row>
    <row r="505004" spans="14:14">
      <c r="N505004" s="10"/>
    </row>
    <row r="505005" spans="14:14">
      <c r="N505005" s="10"/>
    </row>
    <row r="505006" spans="14:14">
      <c r="N505006" s="10"/>
    </row>
    <row r="505007" spans="14:14">
      <c r="N505007" s="10"/>
    </row>
    <row r="505008" spans="14:14">
      <c r="N505008" s="10"/>
    </row>
    <row r="505009" spans="14:14">
      <c r="N505009" s="10"/>
    </row>
    <row r="505010" spans="14:14">
      <c r="N505010" s="10"/>
    </row>
    <row r="505011" spans="14:14">
      <c r="N505011" s="10"/>
    </row>
    <row r="505012" spans="14:14">
      <c r="N505012" s="10"/>
    </row>
    <row r="505013" spans="14:14">
      <c r="N505013" s="10"/>
    </row>
    <row r="505014" spans="14:14">
      <c r="N505014" s="10"/>
    </row>
    <row r="505015" spans="14:14">
      <c r="N505015" s="10"/>
    </row>
    <row r="505016" spans="14:14">
      <c r="N505016" s="10"/>
    </row>
    <row r="505017" spans="14:14">
      <c r="N505017" s="10"/>
    </row>
    <row r="505018" spans="14:14">
      <c r="N505018" s="10"/>
    </row>
    <row r="505019" spans="14:14">
      <c r="N505019" s="10"/>
    </row>
    <row r="505020" spans="14:14">
      <c r="N505020" s="10"/>
    </row>
    <row r="505021" spans="14:14">
      <c r="N505021" s="10"/>
    </row>
    <row r="505022" spans="14:14">
      <c r="N505022" s="10"/>
    </row>
    <row r="505023" spans="14:14">
      <c r="N505023" s="10"/>
    </row>
    <row r="505024" spans="14:14">
      <c r="N505024" s="10"/>
    </row>
    <row r="505025" spans="14:14">
      <c r="N505025" s="10"/>
    </row>
    <row r="505026" spans="14:14">
      <c r="N505026" s="10"/>
    </row>
    <row r="505027" spans="14:14">
      <c r="N505027" s="10"/>
    </row>
    <row r="505028" spans="14:14">
      <c r="N505028" s="10"/>
    </row>
    <row r="505029" spans="14:14">
      <c r="N505029" s="10"/>
    </row>
    <row r="505030" spans="14:14">
      <c r="N505030" s="10"/>
    </row>
    <row r="505031" spans="14:14">
      <c r="N505031" s="10"/>
    </row>
    <row r="505032" spans="14:14">
      <c r="N505032" s="10"/>
    </row>
    <row r="505033" spans="14:14">
      <c r="N505033" s="10"/>
    </row>
    <row r="505034" spans="14:14">
      <c r="N505034" s="10"/>
    </row>
    <row r="505035" spans="14:14">
      <c r="N505035" s="10"/>
    </row>
    <row r="505036" spans="14:14">
      <c r="N505036" s="10"/>
    </row>
    <row r="505037" spans="14:14">
      <c r="N505037" s="10"/>
    </row>
    <row r="505038" spans="14:14">
      <c r="N505038" s="10"/>
    </row>
    <row r="505039" spans="14:14">
      <c r="N505039" s="10"/>
    </row>
    <row r="505040" spans="14:14">
      <c r="N505040" s="10"/>
    </row>
    <row r="505041" spans="14:14">
      <c r="N505041" s="10"/>
    </row>
    <row r="505042" spans="14:14">
      <c r="N505042" s="10"/>
    </row>
    <row r="505043" spans="14:14">
      <c r="N505043" s="10"/>
    </row>
    <row r="505044" spans="14:14">
      <c r="N505044" s="10"/>
    </row>
    <row r="505045" spans="14:14">
      <c r="N505045" s="10"/>
    </row>
    <row r="505046" spans="14:14">
      <c r="N505046" s="10"/>
    </row>
    <row r="505047" spans="14:14">
      <c r="N505047" s="10"/>
    </row>
    <row r="505048" spans="14:14">
      <c r="N505048" s="10"/>
    </row>
    <row r="505049" spans="14:14">
      <c r="N505049" s="10"/>
    </row>
    <row r="505050" spans="14:14">
      <c r="N505050" s="10"/>
    </row>
    <row r="505051" spans="14:14">
      <c r="N505051" s="10"/>
    </row>
    <row r="505052" spans="14:14">
      <c r="N505052" s="10"/>
    </row>
    <row r="505053" spans="14:14">
      <c r="N505053" s="10"/>
    </row>
    <row r="505054" spans="14:14">
      <c r="N505054" s="10"/>
    </row>
    <row r="505055" spans="14:14">
      <c r="N505055" s="10"/>
    </row>
    <row r="505056" spans="14:14">
      <c r="N505056" s="10"/>
    </row>
    <row r="505057" spans="14:14">
      <c r="N505057" s="10"/>
    </row>
    <row r="505058" spans="14:14">
      <c r="N505058" s="10"/>
    </row>
    <row r="505059" spans="14:14">
      <c r="N505059" s="10"/>
    </row>
    <row r="505060" spans="14:14">
      <c r="N505060" s="10"/>
    </row>
    <row r="505061" spans="14:14">
      <c r="N505061" s="10"/>
    </row>
    <row r="505062" spans="14:14">
      <c r="N505062" s="10"/>
    </row>
    <row r="505063" spans="14:14">
      <c r="N505063" s="10"/>
    </row>
    <row r="505064" spans="14:14">
      <c r="N505064" s="10"/>
    </row>
    <row r="505065" spans="14:14">
      <c r="N505065" s="10"/>
    </row>
    <row r="505066" spans="14:14">
      <c r="N505066" s="10"/>
    </row>
    <row r="505067" spans="14:14">
      <c r="N505067" s="10"/>
    </row>
    <row r="505068" spans="14:14">
      <c r="N505068" s="10"/>
    </row>
    <row r="505069" spans="14:14">
      <c r="N505069" s="10"/>
    </row>
    <row r="505070" spans="14:14">
      <c r="N505070" s="10"/>
    </row>
    <row r="505071" spans="14:14">
      <c r="N505071" s="10"/>
    </row>
    <row r="505072" spans="14:14">
      <c r="N505072" s="10"/>
    </row>
    <row r="505073" spans="14:14">
      <c r="N505073" s="10"/>
    </row>
    <row r="505074" spans="14:14">
      <c r="N505074" s="10"/>
    </row>
    <row r="505075" spans="14:14">
      <c r="N505075" s="10"/>
    </row>
    <row r="505076" spans="14:14">
      <c r="N505076" s="10"/>
    </row>
    <row r="505077" spans="14:14">
      <c r="N505077" s="10"/>
    </row>
    <row r="505078" spans="14:14">
      <c r="N505078" s="10"/>
    </row>
    <row r="505079" spans="14:14">
      <c r="N505079" s="10"/>
    </row>
    <row r="505080" spans="14:14">
      <c r="N505080" s="10"/>
    </row>
    <row r="505081" spans="14:14">
      <c r="N505081" s="10"/>
    </row>
    <row r="505082" spans="14:14">
      <c r="N505082" s="10"/>
    </row>
    <row r="505083" spans="14:14">
      <c r="N505083" s="10"/>
    </row>
    <row r="505084" spans="14:14">
      <c r="N505084" s="10"/>
    </row>
    <row r="505085" spans="14:14">
      <c r="N505085" s="10"/>
    </row>
    <row r="505086" spans="14:14">
      <c r="N505086" s="10"/>
    </row>
    <row r="505087" spans="14:14">
      <c r="N505087" s="10"/>
    </row>
    <row r="505088" spans="14:14">
      <c r="N505088" s="10"/>
    </row>
    <row r="505089" spans="14:14">
      <c r="N505089" s="10"/>
    </row>
    <row r="505090" spans="14:14">
      <c r="N505090" s="10"/>
    </row>
    <row r="505091" spans="14:14">
      <c r="N505091" s="10"/>
    </row>
    <row r="505092" spans="14:14">
      <c r="N505092" s="10"/>
    </row>
    <row r="505093" spans="14:14">
      <c r="N505093" s="10"/>
    </row>
    <row r="505094" spans="14:14">
      <c r="N505094" s="10"/>
    </row>
    <row r="505095" spans="14:14">
      <c r="N505095" s="10"/>
    </row>
    <row r="505096" spans="14:14">
      <c r="N505096" s="10"/>
    </row>
    <row r="505097" spans="14:14">
      <c r="N505097" s="10"/>
    </row>
    <row r="505098" spans="14:14">
      <c r="N505098" s="10"/>
    </row>
    <row r="505099" spans="14:14">
      <c r="N505099" s="10"/>
    </row>
    <row r="505100" spans="14:14">
      <c r="N505100" s="10"/>
    </row>
    <row r="505101" spans="14:14">
      <c r="N505101" s="10"/>
    </row>
    <row r="505102" spans="14:14">
      <c r="N505102" s="10"/>
    </row>
    <row r="505103" spans="14:14">
      <c r="N505103" s="10"/>
    </row>
    <row r="505104" spans="14:14">
      <c r="N505104" s="10"/>
    </row>
    <row r="505105" spans="14:14">
      <c r="N505105" s="10"/>
    </row>
    <row r="505106" spans="14:14">
      <c r="N505106" s="10"/>
    </row>
    <row r="505107" spans="14:14">
      <c r="N505107" s="10"/>
    </row>
    <row r="505108" spans="14:14">
      <c r="N505108" s="10"/>
    </row>
    <row r="505109" spans="14:14">
      <c r="N505109" s="10"/>
    </row>
    <row r="505110" spans="14:14">
      <c r="N505110" s="10"/>
    </row>
    <row r="505111" spans="14:14">
      <c r="N505111" s="10"/>
    </row>
    <row r="505112" spans="14:14">
      <c r="N505112" s="10"/>
    </row>
    <row r="505113" spans="14:14">
      <c r="N505113" s="10"/>
    </row>
    <row r="505114" spans="14:14">
      <c r="N505114" s="10"/>
    </row>
    <row r="505115" spans="14:14">
      <c r="N505115" s="10"/>
    </row>
    <row r="505116" spans="14:14">
      <c r="N505116" s="10"/>
    </row>
    <row r="505117" spans="14:14">
      <c r="N505117" s="10"/>
    </row>
    <row r="505118" spans="14:14">
      <c r="N505118" s="10"/>
    </row>
    <row r="505119" spans="14:14">
      <c r="N505119" s="10"/>
    </row>
    <row r="505120" spans="14:14">
      <c r="N505120" s="10"/>
    </row>
    <row r="505121" spans="14:14">
      <c r="N505121" s="10"/>
    </row>
    <row r="505122" spans="14:14">
      <c r="N505122" s="10"/>
    </row>
    <row r="505123" spans="14:14">
      <c r="N505123" s="10"/>
    </row>
    <row r="505124" spans="14:14">
      <c r="N505124" s="10"/>
    </row>
    <row r="505125" spans="14:14">
      <c r="N505125" s="10"/>
    </row>
    <row r="505126" spans="14:14">
      <c r="N505126" s="10"/>
    </row>
    <row r="505127" spans="14:14">
      <c r="N505127" s="10"/>
    </row>
    <row r="505128" spans="14:14">
      <c r="N505128" s="10"/>
    </row>
    <row r="505129" spans="14:14">
      <c r="N505129" s="10"/>
    </row>
    <row r="505130" spans="14:14">
      <c r="N505130" s="10"/>
    </row>
    <row r="505131" spans="14:14">
      <c r="N505131" s="10"/>
    </row>
    <row r="505132" spans="14:14">
      <c r="N505132" s="10"/>
    </row>
    <row r="505133" spans="14:14">
      <c r="N505133" s="10"/>
    </row>
    <row r="505134" spans="14:14">
      <c r="N505134" s="10"/>
    </row>
    <row r="505135" spans="14:14">
      <c r="N505135" s="10"/>
    </row>
    <row r="505136" spans="14:14">
      <c r="N505136" s="10"/>
    </row>
    <row r="505137" spans="14:14">
      <c r="N505137" s="10"/>
    </row>
    <row r="505138" spans="14:14">
      <c r="N505138" s="10"/>
    </row>
    <row r="505139" spans="14:14">
      <c r="N505139" s="10"/>
    </row>
    <row r="505140" spans="14:14">
      <c r="N505140" s="10"/>
    </row>
    <row r="505141" spans="14:14">
      <c r="N505141" s="10"/>
    </row>
    <row r="505142" spans="14:14">
      <c r="N505142" s="10"/>
    </row>
    <row r="505143" spans="14:14">
      <c r="N505143" s="10"/>
    </row>
    <row r="505144" spans="14:14">
      <c r="N505144" s="10"/>
    </row>
    <row r="505145" spans="14:14">
      <c r="N505145" s="10"/>
    </row>
    <row r="505146" spans="14:14">
      <c r="N505146" s="10"/>
    </row>
    <row r="505147" spans="14:14">
      <c r="N505147" s="10"/>
    </row>
    <row r="505148" spans="14:14">
      <c r="N505148" s="10"/>
    </row>
    <row r="505149" spans="14:14">
      <c r="N505149" s="10"/>
    </row>
    <row r="505150" spans="14:14">
      <c r="N505150" s="10"/>
    </row>
    <row r="505151" spans="14:14">
      <c r="N505151" s="10"/>
    </row>
    <row r="505152" spans="14:14">
      <c r="N505152" s="10"/>
    </row>
    <row r="505153" spans="14:14">
      <c r="N505153" s="10"/>
    </row>
    <row r="505154" spans="14:14">
      <c r="N505154" s="10"/>
    </row>
    <row r="505155" spans="14:14">
      <c r="N505155" s="10"/>
    </row>
    <row r="505156" spans="14:14">
      <c r="N505156" s="10"/>
    </row>
    <row r="505157" spans="14:14">
      <c r="N505157" s="10"/>
    </row>
    <row r="505158" spans="14:14">
      <c r="N505158" s="10"/>
    </row>
    <row r="505159" spans="14:14">
      <c r="N505159" s="10"/>
    </row>
    <row r="505160" spans="14:14">
      <c r="N505160" s="10"/>
    </row>
    <row r="505161" spans="14:14">
      <c r="N505161" s="10"/>
    </row>
    <row r="505162" spans="14:14">
      <c r="N505162" s="10"/>
    </row>
    <row r="505163" spans="14:14">
      <c r="N505163" s="10"/>
    </row>
    <row r="505164" spans="14:14">
      <c r="N505164" s="10"/>
    </row>
    <row r="505165" spans="14:14">
      <c r="N505165" s="10"/>
    </row>
    <row r="505166" spans="14:14">
      <c r="N505166" s="10"/>
    </row>
    <row r="505167" spans="14:14">
      <c r="N505167" s="10"/>
    </row>
    <row r="505168" spans="14:14">
      <c r="N505168" s="10"/>
    </row>
    <row r="505169" spans="14:14">
      <c r="N505169" s="10"/>
    </row>
    <row r="505170" spans="14:14">
      <c r="N505170" s="10"/>
    </row>
    <row r="505171" spans="14:14">
      <c r="N505171" s="10"/>
    </row>
    <row r="505172" spans="14:14">
      <c r="N505172" s="10"/>
    </row>
    <row r="505173" spans="14:14">
      <c r="N505173" s="10"/>
    </row>
    <row r="505174" spans="14:14">
      <c r="N505174" s="10"/>
    </row>
    <row r="505175" spans="14:14">
      <c r="N505175" s="10"/>
    </row>
    <row r="505176" spans="14:14">
      <c r="N505176" s="10"/>
    </row>
    <row r="505177" spans="14:14">
      <c r="N505177" s="10"/>
    </row>
    <row r="505178" spans="14:14">
      <c r="N505178" s="10"/>
    </row>
    <row r="505179" spans="14:14">
      <c r="N505179" s="10"/>
    </row>
    <row r="505180" spans="14:14">
      <c r="N505180" s="10"/>
    </row>
    <row r="505181" spans="14:14">
      <c r="N505181" s="10"/>
    </row>
    <row r="505182" spans="14:14">
      <c r="N505182" s="10"/>
    </row>
    <row r="505183" spans="14:14">
      <c r="N505183" s="10"/>
    </row>
    <row r="505184" spans="14:14">
      <c r="N505184" s="10"/>
    </row>
    <row r="505185" spans="14:14">
      <c r="N505185" s="10"/>
    </row>
    <row r="505186" spans="14:14">
      <c r="N505186" s="10"/>
    </row>
    <row r="505187" spans="14:14">
      <c r="N505187" s="10"/>
    </row>
    <row r="505188" spans="14:14">
      <c r="N505188" s="10"/>
    </row>
    <row r="505189" spans="14:14">
      <c r="N505189" s="10"/>
    </row>
    <row r="505190" spans="14:14">
      <c r="N505190" s="10"/>
    </row>
    <row r="505191" spans="14:14">
      <c r="N505191" s="10"/>
    </row>
    <row r="505192" spans="14:14">
      <c r="N505192" s="10"/>
    </row>
    <row r="505193" spans="14:14">
      <c r="N505193" s="10"/>
    </row>
    <row r="505194" spans="14:14">
      <c r="N505194" s="10"/>
    </row>
    <row r="505195" spans="14:14">
      <c r="N505195" s="10"/>
    </row>
    <row r="505196" spans="14:14">
      <c r="N505196" s="10"/>
    </row>
    <row r="505197" spans="14:14">
      <c r="N505197" s="10"/>
    </row>
    <row r="505198" spans="14:14">
      <c r="N505198" s="10"/>
    </row>
    <row r="505199" spans="14:14">
      <c r="N505199" s="10"/>
    </row>
    <row r="505200" spans="14:14">
      <c r="N505200" s="10"/>
    </row>
    <row r="505201" spans="14:14">
      <c r="N505201" s="10"/>
    </row>
    <row r="505202" spans="14:14">
      <c r="N505202" s="10"/>
    </row>
    <row r="505203" spans="14:14">
      <c r="N505203" s="10"/>
    </row>
    <row r="505204" spans="14:14">
      <c r="N505204" s="10"/>
    </row>
    <row r="505205" spans="14:14">
      <c r="N505205" s="10"/>
    </row>
    <row r="505206" spans="14:14">
      <c r="N505206" s="10"/>
    </row>
    <row r="505207" spans="14:14">
      <c r="N505207" s="10"/>
    </row>
    <row r="505208" spans="14:14">
      <c r="N505208" s="10"/>
    </row>
    <row r="505209" spans="14:14">
      <c r="N505209" s="10"/>
    </row>
    <row r="505210" spans="14:14">
      <c r="N505210" s="10"/>
    </row>
    <row r="505211" spans="14:14">
      <c r="N505211" s="10"/>
    </row>
    <row r="505212" spans="14:14">
      <c r="N505212" s="10"/>
    </row>
    <row r="505213" spans="14:14">
      <c r="N505213" s="10"/>
    </row>
    <row r="505214" spans="14:14">
      <c r="N505214" s="10"/>
    </row>
    <row r="505215" spans="14:14">
      <c r="N505215" s="10"/>
    </row>
    <row r="505216" spans="14:14">
      <c r="N505216" s="10"/>
    </row>
    <row r="505217" spans="14:14">
      <c r="N505217" s="10"/>
    </row>
    <row r="505218" spans="14:14">
      <c r="N505218" s="10"/>
    </row>
    <row r="505219" spans="14:14">
      <c r="N505219" s="10"/>
    </row>
    <row r="505220" spans="14:14">
      <c r="N505220" s="10"/>
    </row>
    <row r="505221" spans="14:14">
      <c r="N505221" s="10"/>
    </row>
    <row r="505222" spans="14:14">
      <c r="N505222" s="10"/>
    </row>
    <row r="505223" spans="14:14">
      <c r="N505223" s="10"/>
    </row>
    <row r="505224" spans="14:14">
      <c r="N505224" s="10"/>
    </row>
    <row r="505225" spans="14:14">
      <c r="N505225" s="10"/>
    </row>
    <row r="505226" spans="14:14">
      <c r="N505226" s="10"/>
    </row>
    <row r="505227" spans="14:14">
      <c r="N505227" s="10"/>
    </row>
    <row r="505228" spans="14:14">
      <c r="N505228" s="10"/>
    </row>
    <row r="505229" spans="14:14">
      <c r="N505229" s="10"/>
    </row>
    <row r="505230" spans="14:14">
      <c r="N505230" s="10"/>
    </row>
    <row r="505231" spans="14:14">
      <c r="N505231" s="10"/>
    </row>
    <row r="505232" spans="14:14">
      <c r="N505232" s="10"/>
    </row>
    <row r="505233" spans="14:14">
      <c r="N505233" s="10"/>
    </row>
    <row r="505234" spans="14:14">
      <c r="N505234" s="10"/>
    </row>
    <row r="505235" spans="14:14">
      <c r="N505235" s="10"/>
    </row>
    <row r="505236" spans="14:14">
      <c r="N505236" s="10"/>
    </row>
    <row r="505237" spans="14:14">
      <c r="N505237" s="10"/>
    </row>
    <row r="505238" spans="14:14">
      <c r="N505238" s="10"/>
    </row>
    <row r="505239" spans="14:14">
      <c r="N505239" s="10"/>
    </row>
    <row r="505240" spans="14:14">
      <c r="N505240" s="10"/>
    </row>
    <row r="505241" spans="14:14">
      <c r="N505241" s="10"/>
    </row>
    <row r="505242" spans="14:14">
      <c r="N505242" s="10"/>
    </row>
    <row r="505243" spans="14:14">
      <c r="N505243" s="10"/>
    </row>
    <row r="505244" spans="14:14">
      <c r="N505244" s="10"/>
    </row>
    <row r="505245" spans="14:14">
      <c r="N505245" s="10"/>
    </row>
    <row r="505246" spans="14:14">
      <c r="N505246" s="10"/>
    </row>
    <row r="505247" spans="14:14">
      <c r="N505247" s="10"/>
    </row>
    <row r="505248" spans="14:14">
      <c r="N505248" s="10"/>
    </row>
    <row r="505249" spans="14:14">
      <c r="N505249" s="10"/>
    </row>
    <row r="505250" spans="14:14">
      <c r="N505250" s="10"/>
    </row>
    <row r="505251" spans="14:14">
      <c r="N505251" s="10"/>
    </row>
    <row r="505252" spans="14:14">
      <c r="N505252" s="10"/>
    </row>
    <row r="505253" spans="14:14">
      <c r="N505253" s="10"/>
    </row>
    <row r="505254" spans="14:14">
      <c r="N505254" s="10"/>
    </row>
    <row r="505255" spans="14:14">
      <c r="N505255" s="10"/>
    </row>
    <row r="505256" spans="14:14">
      <c r="N505256" s="10"/>
    </row>
    <row r="505257" spans="14:14">
      <c r="N505257" s="10"/>
    </row>
    <row r="505258" spans="14:14">
      <c r="N505258" s="10"/>
    </row>
    <row r="505259" spans="14:14">
      <c r="N505259" s="10"/>
    </row>
    <row r="505260" spans="14:14">
      <c r="N505260" s="10"/>
    </row>
    <row r="505261" spans="14:14">
      <c r="N505261" s="10"/>
    </row>
    <row r="505262" spans="14:14">
      <c r="N505262" s="10"/>
    </row>
    <row r="505263" spans="14:14">
      <c r="N505263" s="10"/>
    </row>
    <row r="505264" spans="14:14">
      <c r="N505264" s="10"/>
    </row>
    <row r="505265" spans="14:14">
      <c r="N505265" s="10"/>
    </row>
    <row r="505266" spans="14:14">
      <c r="N505266" s="10"/>
    </row>
    <row r="505267" spans="14:14">
      <c r="N505267" s="10"/>
    </row>
    <row r="505268" spans="14:14">
      <c r="N505268" s="10"/>
    </row>
    <row r="505269" spans="14:14">
      <c r="N505269" s="10"/>
    </row>
    <row r="505270" spans="14:14">
      <c r="N505270" s="10"/>
    </row>
    <row r="505271" spans="14:14">
      <c r="N505271" s="10"/>
    </row>
    <row r="505272" spans="14:14">
      <c r="N505272" s="10"/>
    </row>
    <row r="505273" spans="14:14">
      <c r="N505273" s="10"/>
    </row>
    <row r="505274" spans="14:14">
      <c r="N505274" s="10"/>
    </row>
    <row r="505275" spans="14:14">
      <c r="N505275" s="10"/>
    </row>
    <row r="505276" spans="14:14">
      <c r="N505276" s="10"/>
    </row>
    <row r="505277" spans="14:14">
      <c r="N505277" s="10"/>
    </row>
    <row r="505278" spans="14:14">
      <c r="N505278" s="10"/>
    </row>
    <row r="505279" spans="14:14">
      <c r="N505279" s="10"/>
    </row>
    <row r="505280" spans="14:14">
      <c r="N505280" s="10"/>
    </row>
    <row r="505281" spans="14:14">
      <c r="N505281" s="10"/>
    </row>
    <row r="505282" spans="14:14">
      <c r="N505282" s="10"/>
    </row>
    <row r="505283" spans="14:14">
      <c r="N505283" s="10"/>
    </row>
    <row r="505284" spans="14:14">
      <c r="N505284" s="10"/>
    </row>
    <row r="505285" spans="14:14">
      <c r="N505285" s="10"/>
    </row>
    <row r="505286" spans="14:14">
      <c r="N505286" s="10"/>
    </row>
    <row r="505287" spans="14:14">
      <c r="N505287" s="10"/>
    </row>
    <row r="505288" spans="14:14">
      <c r="N505288" s="10"/>
    </row>
    <row r="505289" spans="14:14">
      <c r="N505289" s="10"/>
    </row>
    <row r="505290" spans="14:14">
      <c r="N505290" s="10"/>
    </row>
    <row r="505291" spans="14:14">
      <c r="N505291" s="10"/>
    </row>
    <row r="505292" spans="14:14">
      <c r="N505292" s="10"/>
    </row>
    <row r="505293" spans="14:14">
      <c r="N505293" s="10"/>
    </row>
    <row r="505294" spans="14:14">
      <c r="N505294" s="10"/>
    </row>
    <row r="505295" spans="14:14">
      <c r="N505295" s="10"/>
    </row>
    <row r="505296" spans="14:14">
      <c r="N505296" s="10"/>
    </row>
    <row r="505297" spans="14:14">
      <c r="N505297" s="10"/>
    </row>
    <row r="505298" spans="14:14">
      <c r="N505298" s="10"/>
    </row>
    <row r="505299" spans="14:14">
      <c r="N505299" s="10"/>
    </row>
    <row r="505300" spans="14:14">
      <c r="N505300" s="10"/>
    </row>
    <row r="505301" spans="14:14">
      <c r="N505301" s="10"/>
    </row>
    <row r="505302" spans="14:14">
      <c r="N505302" s="10"/>
    </row>
    <row r="505303" spans="14:14">
      <c r="N505303" s="10"/>
    </row>
    <row r="505304" spans="14:14">
      <c r="N505304" s="10"/>
    </row>
    <row r="505305" spans="14:14">
      <c r="N505305" s="10"/>
    </row>
    <row r="505306" spans="14:14">
      <c r="N505306" s="10"/>
    </row>
    <row r="505307" spans="14:14">
      <c r="N505307" s="10"/>
    </row>
    <row r="505308" spans="14:14">
      <c r="N505308" s="10"/>
    </row>
    <row r="505309" spans="14:14">
      <c r="N505309" s="10"/>
    </row>
    <row r="505310" spans="14:14">
      <c r="N505310" s="10"/>
    </row>
    <row r="505311" spans="14:14">
      <c r="N505311" s="10"/>
    </row>
    <row r="505312" spans="14:14">
      <c r="N505312" s="10"/>
    </row>
    <row r="505313" spans="14:14">
      <c r="N505313" s="10"/>
    </row>
    <row r="505314" spans="14:14">
      <c r="N505314" s="10"/>
    </row>
    <row r="505315" spans="14:14">
      <c r="N505315" s="10"/>
    </row>
    <row r="505316" spans="14:14">
      <c r="N505316" s="10"/>
    </row>
    <row r="505317" spans="14:14">
      <c r="N505317" s="10"/>
    </row>
    <row r="505318" spans="14:14">
      <c r="N505318" s="10"/>
    </row>
    <row r="505319" spans="14:14">
      <c r="N505319" s="10"/>
    </row>
    <row r="505320" spans="14:14">
      <c r="N505320" s="10"/>
    </row>
    <row r="505321" spans="14:14">
      <c r="N505321" s="10"/>
    </row>
    <row r="505322" spans="14:14">
      <c r="N505322" s="10"/>
    </row>
    <row r="505323" spans="14:14">
      <c r="N505323" s="10"/>
    </row>
    <row r="505324" spans="14:14">
      <c r="N505324" s="10"/>
    </row>
    <row r="505325" spans="14:14">
      <c r="N505325" s="10"/>
    </row>
    <row r="505326" spans="14:14">
      <c r="N505326" s="10"/>
    </row>
    <row r="505327" spans="14:14">
      <c r="N505327" s="10"/>
    </row>
    <row r="505328" spans="14:14">
      <c r="N505328" s="10"/>
    </row>
    <row r="505329" spans="14:14">
      <c r="N505329" s="10"/>
    </row>
    <row r="505330" spans="14:14">
      <c r="N505330" s="10"/>
    </row>
    <row r="505331" spans="14:14">
      <c r="N505331" s="10"/>
    </row>
    <row r="505332" spans="14:14">
      <c r="N505332" s="10"/>
    </row>
    <row r="505333" spans="14:14">
      <c r="N505333" s="10"/>
    </row>
    <row r="505334" spans="14:14">
      <c r="N505334" s="10"/>
    </row>
    <row r="505335" spans="14:14">
      <c r="N505335" s="10"/>
    </row>
    <row r="505336" spans="14:14">
      <c r="N505336" s="10"/>
    </row>
    <row r="505337" spans="14:14">
      <c r="N505337" s="10"/>
    </row>
    <row r="505338" spans="14:14">
      <c r="N505338" s="10"/>
    </row>
    <row r="505339" spans="14:14">
      <c r="N505339" s="10"/>
    </row>
    <row r="505340" spans="14:14">
      <c r="N505340" s="10"/>
    </row>
    <row r="505341" spans="14:14">
      <c r="N505341" s="10"/>
    </row>
    <row r="505342" spans="14:14">
      <c r="N505342" s="10"/>
    </row>
    <row r="505343" spans="14:14">
      <c r="N505343" s="10"/>
    </row>
    <row r="505344" spans="14:14">
      <c r="N505344" s="10"/>
    </row>
    <row r="505345" spans="14:14">
      <c r="N505345" s="10"/>
    </row>
    <row r="505346" spans="14:14">
      <c r="N505346" s="10"/>
    </row>
    <row r="505347" spans="14:14">
      <c r="N505347" s="10"/>
    </row>
    <row r="505348" spans="14:14">
      <c r="N505348" s="10"/>
    </row>
    <row r="505349" spans="14:14">
      <c r="N505349" s="10"/>
    </row>
    <row r="505350" spans="14:14">
      <c r="N505350" s="10"/>
    </row>
    <row r="505351" spans="14:14">
      <c r="N505351" s="10"/>
    </row>
    <row r="505352" spans="14:14">
      <c r="N505352" s="10"/>
    </row>
    <row r="505353" spans="14:14">
      <c r="N505353" s="10"/>
    </row>
    <row r="505354" spans="14:14">
      <c r="N505354" s="10"/>
    </row>
    <row r="505355" spans="14:14">
      <c r="N505355" s="10"/>
    </row>
    <row r="505356" spans="14:14">
      <c r="N505356" s="10"/>
    </row>
    <row r="505357" spans="14:14">
      <c r="N505357" s="10"/>
    </row>
    <row r="505358" spans="14:14">
      <c r="N505358" s="10"/>
    </row>
    <row r="505359" spans="14:14">
      <c r="N505359" s="10"/>
    </row>
    <row r="505360" spans="14:14">
      <c r="N505360" s="10"/>
    </row>
    <row r="505361" spans="14:14">
      <c r="N505361" s="10"/>
    </row>
    <row r="505362" spans="14:14">
      <c r="N505362" s="10"/>
    </row>
    <row r="505363" spans="14:14">
      <c r="N505363" s="10"/>
    </row>
    <row r="505364" spans="14:14">
      <c r="N505364" s="10"/>
    </row>
    <row r="505365" spans="14:14">
      <c r="N505365" s="10"/>
    </row>
    <row r="505366" spans="14:14">
      <c r="N505366" s="10"/>
    </row>
    <row r="505367" spans="14:14">
      <c r="N505367" s="10"/>
    </row>
    <row r="505368" spans="14:14">
      <c r="N505368" s="10"/>
    </row>
    <row r="505369" spans="14:14">
      <c r="N505369" s="10"/>
    </row>
    <row r="505370" spans="14:14">
      <c r="N505370" s="10"/>
    </row>
    <row r="505371" spans="14:14">
      <c r="N505371" s="10"/>
    </row>
    <row r="505372" spans="14:14">
      <c r="N505372" s="10"/>
    </row>
    <row r="505373" spans="14:14">
      <c r="N505373" s="10"/>
    </row>
    <row r="505374" spans="14:14">
      <c r="N505374" s="10"/>
    </row>
    <row r="505375" spans="14:14">
      <c r="N505375" s="10"/>
    </row>
    <row r="505376" spans="14:14">
      <c r="N505376" s="10"/>
    </row>
    <row r="505377" spans="14:14">
      <c r="N505377" s="10"/>
    </row>
    <row r="505378" spans="14:14">
      <c r="N505378" s="10"/>
    </row>
    <row r="505379" spans="14:14">
      <c r="N505379" s="10"/>
    </row>
    <row r="505380" spans="14:14">
      <c r="N505380" s="10"/>
    </row>
    <row r="505381" spans="14:14">
      <c r="N505381" s="10"/>
    </row>
    <row r="505382" spans="14:14">
      <c r="N505382" s="10"/>
    </row>
    <row r="505383" spans="14:14">
      <c r="N505383" s="10"/>
    </row>
    <row r="505384" spans="14:14">
      <c r="N505384" s="10"/>
    </row>
    <row r="505385" spans="14:14">
      <c r="N505385" s="10"/>
    </row>
    <row r="505386" spans="14:14">
      <c r="N505386" s="10"/>
    </row>
    <row r="505387" spans="14:14">
      <c r="N505387" s="10"/>
    </row>
    <row r="505388" spans="14:14">
      <c r="N505388" s="10"/>
    </row>
    <row r="505389" spans="14:14">
      <c r="N505389" s="10"/>
    </row>
    <row r="505390" spans="14:14">
      <c r="N505390" s="10"/>
    </row>
    <row r="505391" spans="14:14">
      <c r="N505391" s="10"/>
    </row>
    <row r="505392" spans="14:14">
      <c r="N505392" s="10"/>
    </row>
    <row r="505393" spans="14:14">
      <c r="N505393" s="10"/>
    </row>
    <row r="505394" spans="14:14">
      <c r="N505394" s="10"/>
    </row>
    <row r="505395" spans="14:14">
      <c r="N505395" s="10"/>
    </row>
    <row r="505396" spans="14:14">
      <c r="N505396" s="10"/>
    </row>
    <row r="505397" spans="14:14">
      <c r="N505397" s="10"/>
    </row>
    <row r="505398" spans="14:14">
      <c r="N505398" s="10"/>
    </row>
    <row r="505399" spans="14:14">
      <c r="N505399" s="10"/>
    </row>
    <row r="505400" spans="14:14">
      <c r="N505400" s="10"/>
    </row>
    <row r="505401" spans="14:14">
      <c r="N505401" s="10"/>
    </row>
    <row r="505402" spans="14:14">
      <c r="N505402" s="10"/>
    </row>
    <row r="505403" spans="14:14">
      <c r="N505403" s="10"/>
    </row>
    <row r="505404" spans="14:14">
      <c r="N505404" s="10"/>
    </row>
    <row r="505405" spans="14:14">
      <c r="N505405" s="10"/>
    </row>
    <row r="505406" spans="14:14">
      <c r="N505406" s="10"/>
    </row>
    <row r="505407" spans="14:14">
      <c r="N505407" s="10"/>
    </row>
    <row r="505408" spans="14:14">
      <c r="N505408" s="10"/>
    </row>
    <row r="505409" spans="14:14">
      <c r="N505409" s="10"/>
    </row>
    <row r="505410" spans="14:14">
      <c r="N505410" s="10"/>
    </row>
    <row r="505411" spans="14:14">
      <c r="N505411" s="10"/>
    </row>
    <row r="505412" spans="14:14">
      <c r="N505412" s="10"/>
    </row>
    <row r="505413" spans="14:14">
      <c r="N505413" s="10"/>
    </row>
    <row r="505414" spans="14:14">
      <c r="N505414" s="10"/>
    </row>
    <row r="505415" spans="14:14">
      <c r="N505415" s="10"/>
    </row>
    <row r="505416" spans="14:14">
      <c r="N505416" s="10"/>
    </row>
    <row r="505417" spans="14:14">
      <c r="N505417" s="10"/>
    </row>
    <row r="505418" spans="14:14">
      <c r="N505418" s="10"/>
    </row>
    <row r="505419" spans="14:14">
      <c r="N505419" s="10"/>
    </row>
    <row r="505420" spans="14:14">
      <c r="N505420" s="10"/>
    </row>
    <row r="505421" spans="14:14">
      <c r="N505421" s="10"/>
    </row>
    <row r="505422" spans="14:14">
      <c r="N505422" s="10"/>
    </row>
    <row r="505423" spans="14:14">
      <c r="N505423" s="10"/>
    </row>
    <row r="505424" spans="14:14">
      <c r="N505424" s="10"/>
    </row>
    <row r="505425" spans="14:14">
      <c r="N505425" s="10"/>
    </row>
    <row r="505426" spans="14:14">
      <c r="N505426" s="10"/>
    </row>
    <row r="505427" spans="14:14">
      <c r="N505427" s="10"/>
    </row>
    <row r="505428" spans="14:14">
      <c r="N505428" s="10"/>
    </row>
    <row r="505429" spans="14:14">
      <c r="N505429" s="10"/>
    </row>
    <row r="505430" spans="14:14">
      <c r="N505430" s="10"/>
    </row>
    <row r="505431" spans="14:14">
      <c r="N505431" s="10"/>
    </row>
    <row r="505432" spans="14:14">
      <c r="N505432" s="10"/>
    </row>
    <row r="505433" spans="14:14">
      <c r="N505433" s="10"/>
    </row>
    <row r="505434" spans="14:14">
      <c r="N505434" s="10"/>
    </row>
    <row r="505435" spans="14:14">
      <c r="N505435" s="10"/>
    </row>
    <row r="505436" spans="14:14">
      <c r="N505436" s="10"/>
    </row>
    <row r="505437" spans="14:14">
      <c r="N505437" s="10"/>
    </row>
    <row r="505438" spans="14:14">
      <c r="N505438" s="10"/>
    </row>
    <row r="505439" spans="14:14">
      <c r="N505439" s="10"/>
    </row>
    <row r="505440" spans="14:14">
      <c r="N505440" s="10"/>
    </row>
    <row r="505441" spans="14:14">
      <c r="N505441" s="10"/>
    </row>
    <row r="505442" spans="14:14">
      <c r="N505442" s="10"/>
    </row>
    <row r="505443" spans="14:14">
      <c r="N505443" s="10"/>
    </row>
    <row r="505444" spans="14:14">
      <c r="N505444" s="10"/>
    </row>
    <row r="505445" spans="14:14">
      <c r="N505445" s="10"/>
    </row>
    <row r="505446" spans="14:14">
      <c r="N505446" s="10"/>
    </row>
    <row r="505447" spans="14:14">
      <c r="N505447" s="10"/>
    </row>
    <row r="505448" spans="14:14">
      <c r="N505448" s="10"/>
    </row>
    <row r="505449" spans="14:14">
      <c r="N505449" s="10"/>
    </row>
    <row r="505450" spans="14:14">
      <c r="N505450" s="10"/>
    </row>
    <row r="505451" spans="14:14">
      <c r="N505451" s="10"/>
    </row>
    <row r="505452" spans="14:14">
      <c r="N505452" s="10"/>
    </row>
    <row r="505453" spans="14:14">
      <c r="N505453" s="10"/>
    </row>
    <row r="505454" spans="14:14">
      <c r="N505454" s="10"/>
    </row>
    <row r="505455" spans="14:14">
      <c r="N505455" s="10"/>
    </row>
    <row r="505456" spans="14:14">
      <c r="N505456" s="10"/>
    </row>
    <row r="505457" spans="14:14">
      <c r="N505457" s="10"/>
    </row>
    <row r="505458" spans="14:14">
      <c r="N505458" s="10"/>
    </row>
    <row r="505459" spans="14:14">
      <c r="N505459" s="10"/>
    </row>
    <row r="505460" spans="14:14">
      <c r="N505460" s="10"/>
    </row>
    <row r="505461" spans="14:14">
      <c r="N505461" s="10"/>
    </row>
    <row r="505462" spans="14:14">
      <c r="N505462" s="10"/>
    </row>
    <row r="505463" spans="14:14">
      <c r="N505463" s="10"/>
    </row>
    <row r="505464" spans="14:14">
      <c r="N505464" s="10"/>
    </row>
    <row r="505465" spans="14:14">
      <c r="N505465" s="10"/>
    </row>
    <row r="505466" spans="14:14">
      <c r="N505466" s="10"/>
    </row>
    <row r="505467" spans="14:14">
      <c r="N505467" s="10"/>
    </row>
    <row r="505468" spans="14:14">
      <c r="N505468" s="10"/>
    </row>
    <row r="505469" spans="14:14">
      <c r="N505469" s="10"/>
    </row>
    <row r="505470" spans="14:14">
      <c r="N505470" s="10"/>
    </row>
    <row r="505471" spans="14:14">
      <c r="N505471" s="10"/>
    </row>
    <row r="505472" spans="14:14">
      <c r="N505472" s="10"/>
    </row>
    <row r="505473" spans="14:14">
      <c r="N505473" s="10"/>
    </row>
    <row r="505474" spans="14:14">
      <c r="N505474" s="10"/>
    </row>
    <row r="505475" spans="14:14">
      <c r="N505475" s="10"/>
    </row>
    <row r="505476" spans="14:14">
      <c r="N505476" s="10"/>
    </row>
    <row r="505477" spans="14:14">
      <c r="N505477" s="10"/>
    </row>
    <row r="505478" spans="14:14">
      <c r="N505478" s="10"/>
    </row>
    <row r="505479" spans="14:14">
      <c r="N505479" s="10"/>
    </row>
    <row r="505480" spans="14:14">
      <c r="N505480" s="10"/>
    </row>
    <row r="505481" spans="14:14">
      <c r="N505481" s="10"/>
    </row>
    <row r="505482" spans="14:14">
      <c r="N505482" s="10"/>
    </row>
    <row r="505483" spans="14:14">
      <c r="N505483" s="10"/>
    </row>
    <row r="505484" spans="14:14">
      <c r="N505484" s="10"/>
    </row>
    <row r="505485" spans="14:14">
      <c r="N505485" s="10"/>
    </row>
    <row r="505486" spans="14:14">
      <c r="N505486" s="10"/>
    </row>
    <row r="505487" spans="14:14">
      <c r="N505487" s="10"/>
    </row>
    <row r="505488" spans="14:14">
      <c r="N505488" s="10"/>
    </row>
    <row r="505489" spans="14:14">
      <c r="N505489" s="10"/>
    </row>
    <row r="505490" spans="14:14">
      <c r="N505490" s="10"/>
    </row>
    <row r="505491" spans="14:14">
      <c r="N505491" s="10"/>
    </row>
    <row r="505492" spans="14:14">
      <c r="N505492" s="10"/>
    </row>
    <row r="505493" spans="14:14">
      <c r="N505493" s="10"/>
    </row>
    <row r="505494" spans="14:14">
      <c r="N505494" s="10"/>
    </row>
    <row r="505495" spans="14:14">
      <c r="N505495" s="10"/>
    </row>
    <row r="505496" spans="14:14">
      <c r="N505496" s="10"/>
    </row>
    <row r="505497" spans="14:14">
      <c r="N505497" s="10"/>
    </row>
    <row r="505498" spans="14:14">
      <c r="N505498" s="10"/>
    </row>
    <row r="505499" spans="14:14">
      <c r="N505499" s="10"/>
    </row>
    <row r="505500" spans="14:14">
      <c r="N505500" s="10"/>
    </row>
    <row r="505501" spans="14:14">
      <c r="N505501" s="10"/>
    </row>
    <row r="505502" spans="14:14">
      <c r="N505502" s="10"/>
    </row>
    <row r="505503" spans="14:14">
      <c r="N505503" s="10"/>
    </row>
    <row r="505504" spans="14:14">
      <c r="N505504" s="10"/>
    </row>
    <row r="505505" spans="14:14">
      <c r="N505505" s="10"/>
    </row>
    <row r="505506" spans="14:14">
      <c r="N505506" s="10"/>
    </row>
    <row r="505507" spans="14:14">
      <c r="N505507" s="10"/>
    </row>
    <row r="505508" spans="14:14">
      <c r="N505508" s="10"/>
    </row>
    <row r="505509" spans="14:14">
      <c r="N505509" s="10"/>
    </row>
    <row r="505510" spans="14:14">
      <c r="N505510" s="10"/>
    </row>
    <row r="505511" spans="14:14">
      <c r="N505511" s="10"/>
    </row>
    <row r="505512" spans="14:14">
      <c r="N505512" s="10"/>
    </row>
    <row r="505513" spans="14:14">
      <c r="N505513" s="10"/>
    </row>
    <row r="505514" spans="14:14">
      <c r="N505514" s="10"/>
    </row>
    <row r="505515" spans="14:14">
      <c r="N505515" s="10"/>
    </row>
    <row r="505516" spans="14:14">
      <c r="N505516" s="10"/>
    </row>
    <row r="505517" spans="14:14">
      <c r="N505517" s="10"/>
    </row>
    <row r="505518" spans="14:14">
      <c r="N505518" s="10"/>
    </row>
    <row r="505519" spans="14:14">
      <c r="N505519" s="10"/>
    </row>
    <row r="505520" spans="14:14">
      <c r="N505520" s="10"/>
    </row>
    <row r="505521" spans="14:14">
      <c r="N505521" s="10"/>
    </row>
    <row r="505522" spans="14:14">
      <c r="N505522" s="10"/>
    </row>
    <row r="505523" spans="14:14">
      <c r="N505523" s="10"/>
    </row>
    <row r="505524" spans="14:14">
      <c r="N505524" s="10"/>
    </row>
    <row r="505525" spans="14:14">
      <c r="N505525" s="10"/>
    </row>
    <row r="505526" spans="14:14">
      <c r="N505526" s="10"/>
    </row>
    <row r="505527" spans="14:14">
      <c r="N505527" s="10"/>
    </row>
    <row r="505528" spans="14:14">
      <c r="N505528" s="10"/>
    </row>
    <row r="505529" spans="14:14">
      <c r="N505529" s="10"/>
    </row>
    <row r="505530" spans="14:14">
      <c r="N505530" s="10"/>
    </row>
    <row r="505531" spans="14:14">
      <c r="N505531" s="10"/>
    </row>
    <row r="505532" spans="14:14">
      <c r="N505532" s="10"/>
    </row>
    <row r="505533" spans="14:14">
      <c r="N505533" s="10"/>
    </row>
    <row r="505534" spans="14:14">
      <c r="N505534" s="10"/>
    </row>
    <row r="505535" spans="14:14">
      <c r="N505535" s="10"/>
    </row>
    <row r="505536" spans="14:14">
      <c r="N505536" s="10"/>
    </row>
    <row r="505537" spans="14:14">
      <c r="N505537" s="10"/>
    </row>
    <row r="505538" spans="14:14">
      <c r="N505538" s="10"/>
    </row>
    <row r="505539" spans="14:14">
      <c r="N505539" s="10"/>
    </row>
    <row r="505540" spans="14:14">
      <c r="N505540" s="10"/>
    </row>
    <row r="505541" spans="14:14">
      <c r="N505541" s="10"/>
    </row>
    <row r="505542" spans="14:14">
      <c r="N505542" s="10"/>
    </row>
    <row r="505543" spans="14:14">
      <c r="N505543" s="10"/>
    </row>
    <row r="505544" spans="14:14">
      <c r="N505544" s="10"/>
    </row>
    <row r="505545" spans="14:14">
      <c r="N505545" s="10"/>
    </row>
    <row r="505546" spans="14:14">
      <c r="N505546" s="10"/>
    </row>
    <row r="505547" spans="14:14">
      <c r="N505547" s="10"/>
    </row>
    <row r="505548" spans="14:14">
      <c r="N505548" s="10"/>
    </row>
    <row r="505549" spans="14:14">
      <c r="N505549" s="10"/>
    </row>
    <row r="505550" spans="14:14">
      <c r="N505550" s="10"/>
    </row>
    <row r="505551" spans="14:14">
      <c r="N505551" s="10"/>
    </row>
    <row r="505552" spans="14:14">
      <c r="N505552" s="10"/>
    </row>
    <row r="505553" spans="14:14">
      <c r="N505553" s="10"/>
    </row>
    <row r="505554" spans="14:14">
      <c r="N505554" s="10"/>
    </row>
    <row r="505555" spans="14:14">
      <c r="N505555" s="10"/>
    </row>
    <row r="505556" spans="14:14">
      <c r="N505556" s="10"/>
    </row>
    <row r="505557" spans="14:14">
      <c r="N505557" s="10"/>
    </row>
    <row r="505558" spans="14:14">
      <c r="N505558" s="10"/>
    </row>
    <row r="505559" spans="14:14">
      <c r="N505559" s="10"/>
    </row>
    <row r="505560" spans="14:14">
      <c r="N505560" s="10"/>
    </row>
    <row r="505561" spans="14:14">
      <c r="N505561" s="10"/>
    </row>
    <row r="505562" spans="14:14">
      <c r="N505562" s="10"/>
    </row>
    <row r="505563" spans="14:14">
      <c r="N505563" s="10"/>
    </row>
    <row r="505564" spans="14:14">
      <c r="N505564" s="10"/>
    </row>
    <row r="505565" spans="14:14">
      <c r="N505565" s="10"/>
    </row>
    <row r="505566" spans="14:14">
      <c r="N505566" s="10"/>
    </row>
    <row r="505567" spans="14:14">
      <c r="N505567" s="10"/>
    </row>
    <row r="505568" spans="14:14">
      <c r="N505568" s="10"/>
    </row>
    <row r="505569" spans="14:14">
      <c r="N505569" s="10"/>
    </row>
    <row r="505570" spans="14:14">
      <c r="N505570" s="10"/>
    </row>
    <row r="505571" spans="14:14">
      <c r="N505571" s="10"/>
    </row>
    <row r="505572" spans="14:14">
      <c r="N505572" s="10"/>
    </row>
    <row r="505573" spans="14:14">
      <c r="N505573" s="10"/>
    </row>
    <row r="505574" spans="14:14">
      <c r="N505574" s="10"/>
    </row>
    <row r="505575" spans="14:14">
      <c r="N505575" s="10"/>
    </row>
    <row r="505576" spans="14:14">
      <c r="N505576" s="10"/>
    </row>
    <row r="505577" spans="14:14">
      <c r="N505577" s="10"/>
    </row>
    <row r="505578" spans="14:14">
      <c r="N505578" s="10"/>
    </row>
    <row r="505579" spans="14:14">
      <c r="N505579" s="10"/>
    </row>
    <row r="505580" spans="14:14">
      <c r="N505580" s="10"/>
    </row>
    <row r="505581" spans="14:14">
      <c r="N505581" s="10"/>
    </row>
    <row r="505582" spans="14:14">
      <c r="N505582" s="10"/>
    </row>
    <row r="505583" spans="14:14">
      <c r="N505583" s="10"/>
    </row>
    <row r="505584" spans="14:14">
      <c r="N505584" s="10"/>
    </row>
    <row r="505585" spans="14:14">
      <c r="N505585" s="10"/>
    </row>
    <row r="505586" spans="14:14">
      <c r="N505586" s="10"/>
    </row>
    <row r="505587" spans="14:14">
      <c r="N505587" s="10"/>
    </row>
    <row r="505588" spans="14:14">
      <c r="N505588" s="10"/>
    </row>
    <row r="505589" spans="14:14">
      <c r="N505589" s="10"/>
    </row>
    <row r="505590" spans="14:14">
      <c r="N505590" s="10"/>
    </row>
    <row r="505591" spans="14:14">
      <c r="N505591" s="10"/>
    </row>
    <row r="505592" spans="14:14">
      <c r="N505592" s="10"/>
    </row>
    <row r="505593" spans="14:14">
      <c r="N505593" s="10"/>
    </row>
    <row r="505594" spans="14:14">
      <c r="N505594" s="10"/>
    </row>
    <row r="505595" spans="14:14">
      <c r="N505595" s="10"/>
    </row>
    <row r="505596" spans="14:14">
      <c r="N505596" s="10"/>
    </row>
    <row r="505597" spans="14:14">
      <c r="N505597" s="10"/>
    </row>
    <row r="505598" spans="14:14">
      <c r="N505598" s="10"/>
    </row>
    <row r="505599" spans="14:14">
      <c r="N505599" s="10"/>
    </row>
    <row r="505600" spans="14:14">
      <c r="N505600" s="10"/>
    </row>
    <row r="505601" spans="14:14">
      <c r="N505601" s="10"/>
    </row>
    <row r="505602" spans="14:14">
      <c r="N505602" s="10"/>
    </row>
    <row r="505603" spans="14:14">
      <c r="N505603" s="10"/>
    </row>
    <row r="505604" spans="14:14">
      <c r="N505604" s="10"/>
    </row>
    <row r="505605" spans="14:14">
      <c r="N505605" s="10"/>
    </row>
    <row r="505606" spans="14:14">
      <c r="N505606" s="10"/>
    </row>
    <row r="505607" spans="14:14">
      <c r="N505607" s="10"/>
    </row>
    <row r="505608" spans="14:14">
      <c r="N505608" s="10"/>
    </row>
    <row r="505609" spans="14:14">
      <c r="N505609" s="10"/>
    </row>
    <row r="505610" spans="14:14">
      <c r="N505610" s="10"/>
    </row>
    <row r="505611" spans="14:14">
      <c r="N505611" s="10"/>
    </row>
    <row r="505612" spans="14:14">
      <c r="N505612" s="10"/>
    </row>
    <row r="505613" spans="14:14">
      <c r="N505613" s="10"/>
    </row>
    <row r="505614" spans="14:14">
      <c r="N505614" s="10"/>
    </row>
    <row r="505615" spans="14:14">
      <c r="N505615" s="10"/>
    </row>
    <row r="505616" spans="14:14">
      <c r="N505616" s="10"/>
    </row>
    <row r="505617" spans="14:14">
      <c r="N505617" s="10"/>
    </row>
    <row r="505618" spans="14:14">
      <c r="N505618" s="10"/>
    </row>
    <row r="505619" spans="14:14">
      <c r="N505619" s="10"/>
    </row>
    <row r="505620" spans="14:14">
      <c r="N505620" s="10"/>
    </row>
    <row r="505621" spans="14:14">
      <c r="N505621" s="10"/>
    </row>
    <row r="505622" spans="14:14">
      <c r="N505622" s="10"/>
    </row>
    <row r="505623" spans="14:14">
      <c r="N505623" s="10"/>
    </row>
    <row r="505624" spans="14:14">
      <c r="N505624" s="10"/>
    </row>
    <row r="505625" spans="14:14">
      <c r="N505625" s="10"/>
    </row>
    <row r="505626" spans="14:14">
      <c r="N505626" s="10"/>
    </row>
    <row r="505627" spans="14:14">
      <c r="N505627" s="10"/>
    </row>
    <row r="505628" spans="14:14">
      <c r="N505628" s="10"/>
    </row>
    <row r="505629" spans="14:14">
      <c r="N505629" s="10"/>
    </row>
    <row r="505630" spans="14:14">
      <c r="N505630" s="10"/>
    </row>
    <row r="505631" spans="14:14">
      <c r="N505631" s="10"/>
    </row>
    <row r="505632" spans="14:14">
      <c r="N505632" s="10"/>
    </row>
    <row r="505633" spans="14:14">
      <c r="N505633" s="10"/>
    </row>
    <row r="505634" spans="14:14">
      <c r="N505634" s="10"/>
    </row>
    <row r="505635" spans="14:14">
      <c r="N505635" s="10"/>
    </row>
    <row r="505636" spans="14:14">
      <c r="N505636" s="10"/>
    </row>
    <row r="505637" spans="14:14">
      <c r="N505637" s="10"/>
    </row>
    <row r="505638" spans="14:14">
      <c r="N505638" s="10"/>
    </row>
    <row r="505639" spans="14:14">
      <c r="N505639" s="10"/>
    </row>
    <row r="505640" spans="14:14">
      <c r="N505640" s="10"/>
    </row>
    <row r="505641" spans="14:14">
      <c r="N505641" s="10"/>
    </row>
    <row r="505642" spans="14:14">
      <c r="N505642" s="10"/>
    </row>
    <row r="505643" spans="14:14">
      <c r="N505643" s="10"/>
    </row>
    <row r="505644" spans="14:14">
      <c r="N505644" s="10"/>
    </row>
    <row r="505645" spans="14:14">
      <c r="N505645" s="10"/>
    </row>
    <row r="505646" spans="14:14">
      <c r="N505646" s="10"/>
    </row>
    <row r="505647" spans="14:14">
      <c r="N505647" s="10"/>
    </row>
    <row r="505648" spans="14:14">
      <c r="N505648" s="10"/>
    </row>
    <row r="505649" spans="14:14">
      <c r="N505649" s="10"/>
    </row>
    <row r="505650" spans="14:14">
      <c r="N505650" s="10"/>
    </row>
    <row r="505651" spans="14:14">
      <c r="N505651" s="10"/>
    </row>
    <row r="505652" spans="14:14">
      <c r="N505652" s="10"/>
    </row>
    <row r="505653" spans="14:14">
      <c r="N505653" s="10"/>
    </row>
    <row r="505654" spans="14:14">
      <c r="N505654" s="10"/>
    </row>
    <row r="505655" spans="14:14">
      <c r="N505655" s="10"/>
    </row>
    <row r="505656" spans="14:14">
      <c r="N505656" s="10"/>
    </row>
    <row r="505657" spans="14:14">
      <c r="N505657" s="10"/>
    </row>
    <row r="505658" spans="14:14">
      <c r="N505658" s="10"/>
    </row>
    <row r="505659" spans="14:14">
      <c r="N505659" s="10"/>
    </row>
    <row r="505660" spans="14:14">
      <c r="N505660" s="10"/>
    </row>
    <row r="505661" spans="14:14">
      <c r="N505661" s="10"/>
    </row>
    <row r="505662" spans="14:14">
      <c r="N505662" s="10"/>
    </row>
    <row r="505663" spans="14:14">
      <c r="N505663" s="10"/>
    </row>
    <row r="505664" spans="14:14">
      <c r="N505664" s="10"/>
    </row>
    <row r="505665" spans="14:14">
      <c r="N505665" s="10"/>
    </row>
    <row r="505666" spans="14:14">
      <c r="N505666" s="10"/>
    </row>
    <row r="505667" spans="14:14">
      <c r="N505667" s="10"/>
    </row>
    <row r="505668" spans="14:14">
      <c r="N505668" s="10"/>
    </row>
    <row r="505669" spans="14:14">
      <c r="N505669" s="10"/>
    </row>
    <row r="505670" spans="14:14">
      <c r="N505670" s="10"/>
    </row>
    <row r="505671" spans="14:14">
      <c r="N505671" s="10"/>
    </row>
    <row r="505672" spans="14:14">
      <c r="N505672" s="10"/>
    </row>
    <row r="505673" spans="14:14">
      <c r="N505673" s="10"/>
    </row>
    <row r="505674" spans="14:14">
      <c r="N505674" s="10"/>
    </row>
    <row r="505675" spans="14:14">
      <c r="N505675" s="10"/>
    </row>
    <row r="505676" spans="14:14">
      <c r="N505676" s="10"/>
    </row>
    <row r="505677" spans="14:14">
      <c r="N505677" s="10"/>
    </row>
    <row r="505678" spans="14:14">
      <c r="N505678" s="10"/>
    </row>
    <row r="505679" spans="14:14">
      <c r="N505679" s="10"/>
    </row>
    <row r="505680" spans="14:14">
      <c r="N505680" s="10"/>
    </row>
    <row r="505681" spans="14:14">
      <c r="N505681" s="10"/>
    </row>
    <row r="505682" spans="14:14">
      <c r="N505682" s="10"/>
    </row>
    <row r="505683" spans="14:14">
      <c r="N505683" s="10"/>
    </row>
    <row r="505684" spans="14:14">
      <c r="N505684" s="10"/>
    </row>
    <row r="505685" spans="14:14">
      <c r="N505685" s="10"/>
    </row>
    <row r="505686" spans="14:14">
      <c r="N505686" s="10"/>
    </row>
    <row r="505687" spans="14:14">
      <c r="N505687" s="10"/>
    </row>
    <row r="505688" spans="14:14">
      <c r="N505688" s="10"/>
    </row>
    <row r="505689" spans="14:14">
      <c r="N505689" s="10"/>
    </row>
    <row r="505690" spans="14:14">
      <c r="N505690" s="10"/>
    </row>
    <row r="505691" spans="14:14">
      <c r="N505691" s="10"/>
    </row>
    <row r="505692" spans="14:14">
      <c r="N505692" s="10"/>
    </row>
    <row r="505693" spans="14:14">
      <c r="N505693" s="10"/>
    </row>
    <row r="505694" spans="14:14">
      <c r="N505694" s="10"/>
    </row>
    <row r="505695" spans="14:14">
      <c r="N505695" s="10"/>
    </row>
    <row r="505696" spans="14:14">
      <c r="N505696" s="10"/>
    </row>
    <row r="505697" spans="14:14">
      <c r="N505697" s="10"/>
    </row>
    <row r="505698" spans="14:14">
      <c r="N505698" s="10"/>
    </row>
    <row r="505699" spans="14:14">
      <c r="N505699" s="10"/>
    </row>
    <row r="505700" spans="14:14">
      <c r="N505700" s="10"/>
    </row>
    <row r="505701" spans="14:14">
      <c r="N505701" s="10"/>
    </row>
    <row r="505702" spans="14:14">
      <c r="N505702" s="10"/>
    </row>
    <row r="505703" spans="14:14">
      <c r="N505703" s="10"/>
    </row>
    <row r="505704" spans="14:14">
      <c r="N505704" s="10"/>
    </row>
    <row r="505705" spans="14:14">
      <c r="N505705" s="10"/>
    </row>
    <row r="505706" spans="14:14">
      <c r="N505706" s="10"/>
    </row>
    <row r="505707" spans="14:14">
      <c r="N505707" s="10"/>
    </row>
    <row r="505708" spans="14:14">
      <c r="N505708" s="10"/>
    </row>
    <row r="505709" spans="14:14">
      <c r="N505709" s="10"/>
    </row>
    <row r="505710" spans="14:14">
      <c r="N505710" s="10"/>
    </row>
    <row r="505711" spans="14:14">
      <c r="N505711" s="10"/>
    </row>
    <row r="505712" spans="14:14">
      <c r="N505712" s="10"/>
    </row>
    <row r="505713" spans="14:14">
      <c r="N505713" s="10"/>
    </row>
    <row r="505714" spans="14:14">
      <c r="N505714" s="10"/>
    </row>
    <row r="505715" spans="14:14">
      <c r="N505715" s="10"/>
    </row>
    <row r="505716" spans="14:14">
      <c r="N505716" s="10"/>
    </row>
    <row r="505717" spans="14:14">
      <c r="N505717" s="10"/>
    </row>
    <row r="505718" spans="14:14">
      <c r="N505718" s="10"/>
    </row>
    <row r="505719" spans="14:14">
      <c r="N505719" s="10"/>
    </row>
    <row r="505720" spans="14:14">
      <c r="N505720" s="10"/>
    </row>
    <row r="505721" spans="14:14">
      <c r="N505721" s="10"/>
    </row>
    <row r="505722" spans="14:14">
      <c r="N505722" s="10"/>
    </row>
    <row r="505723" spans="14:14">
      <c r="N505723" s="10"/>
    </row>
    <row r="505724" spans="14:14">
      <c r="N505724" s="10"/>
    </row>
    <row r="505725" spans="14:14">
      <c r="N505725" s="10"/>
    </row>
    <row r="505726" spans="14:14">
      <c r="N505726" s="10"/>
    </row>
    <row r="505727" spans="14:14">
      <c r="N505727" s="10"/>
    </row>
    <row r="505728" spans="14:14">
      <c r="N505728" s="10"/>
    </row>
    <row r="505729" spans="14:14">
      <c r="N505729" s="10"/>
    </row>
    <row r="505730" spans="14:14">
      <c r="N505730" s="10"/>
    </row>
    <row r="505731" spans="14:14">
      <c r="N505731" s="10"/>
    </row>
    <row r="505732" spans="14:14">
      <c r="N505732" s="10"/>
    </row>
    <row r="505733" spans="14:14">
      <c r="N505733" s="10"/>
    </row>
    <row r="505734" spans="14:14">
      <c r="N505734" s="10"/>
    </row>
    <row r="505735" spans="14:14">
      <c r="N505735" s="10"/>
    </row>
    <row r="505736" spans="14:14">
      <c r="N505736" s="10"/>
    </row>
    <row r="505737" spans="14:14">
      <c r="N505737" s="10"/>
    </row>
    <row r="505738" spans="14:14">
      <c r="N505738" s="10"/>
    </row>
    <row r="505739" spans="14:14">
      <c r="N505739" s="10"/>
    </row>
    <row r="505740" spans="14:14">
      <c r="N505740" s="10"/>
    </row>
    <row r="505741" spans="14:14">
      <c r="N505741" s="10"/>
    </row>
    <row r="505742" spans="14:14">
      <c r="N505742" s="10"/>
    </row>
    <row r="505743" spans="14:14">
      <c r="N505743" s="10"/>
    </row>
    <row r="505744" spans="14:14">
      <c r="N505744" s="10"/>
    </row>
    <row r="505745" spans="14:14">
      <c r="N505745" s="10"/>
    </row>
    <row r="505746" spans="14:14">
      <c r="N505746" s="10"/>
    </row>
    <row r="505747" spans="14:14">
      <c r="N505747" s="10"/>
    </row>
    <row r="505748" spans="14:14">
      <c r="N505748" s="10"/>
    </row>
    <row r="505749" spans="14:14">
      <c r="N505749" s="10"/>
    </row>
    <row r="505750" spans="14:14">
      <c r="N505750" s="10"/>
    </row>
    <row r="505751" spans="14:14">
      <c r="N505751" s="10"/>
    </row>
    <row r="505752" spans="14:14">
      <c r="N505752" s="10"/>
    </row>
    <row r="505753" spans="14:14">
      <c r="N505753" s="10"/>
    </row>
    <row r="505754" spans="14:14">
      <c r="N505754" s="10"/>
    </row>
    <row r="505755" spans="14:14">
      <c r="N505755" s="10"/>
    </row>
    <row r="505756" spans="14:14">
      <c r="N505756" s="10"/>
    </row>
    <row r="505757" spans="14:14">
      <c r="N505757" s="10"/>
    </row>
    <row r="505758" spans="14:14">
      <c r="N505758" s="10"/>
    </row>
    <row r="505759" spans="14:14">
      <c r="N505759" s="10"/>
    </row>
    <row r="505760" spans="14:14">
      <c r="N505760" s="10"/>
    </row>
    <row r="505761" spans="14:14">
      <c r="N505761" s="10"/>
    </row>
    <row r="505762" spans="14:14">
      <c r="N505762" s="10"/>
    </row>
    <row r="505763" spans="14:14">
      <c r="N505763" s="10"/>
    </row>
    <row r="505764" spans="14:14">
      <c r="N505764" s="10"/>
    </row>
    <row r="505765" spans="14:14">
      <c r="N505765" s="10"/>
    </row>
    <row r="505766" spans="14:14">
      <c r="N505766" s="10"/>
    </row>
    <row r="505767" spans="14:14">
      <c r="N505767" s="10"/>
    </row>
    <row r="505768" spans="14:14">
      <c r="N505768" s="10"/>
    </row>
    <row r="505769" spans="14:14">
      <c r="N505769" s="10"/>
    </row>
    <row r="505770" spans="14:14">
      <c r="N505770" s="10"/>
    </row>
    <row r="505771" spans="14:14">
      <c r="N505771" s="10"/>
    </row>
    <row r="505772" spans="14:14">
      <c r="N505772" s="10"/>
    </row>
    <row r="505773" spans="14:14">
      <c r="N505773" s="10"/>
    </row>
    <row r="505774" spans="14:14">
      <c r="N505774" s="10"/>
    </row>
    <row r="505775" spans="14:14">
      <c r="N505775" s="10"/>
    </row>
    <row r="505776" spans="14:14">
      <c r="N505776" s="10"/>
    </row>
    <row r="505777" spans="14:14">
      <c r="N505777" s="10"/>
    </row>
    <row r="505778" spans="14:14">
      <c r="N505778" s="10"/>
    </row>
    <row r="505779" spans="14:14">
      <c r="N505779" s="10"/>
    </row>
    <row r="505780" spans="14:14">
      <c r="N505780" s="10"/>
    </row>
    <row r="505781" spans="14:14">
      <c r="N505781" s="10"/>
    </row>
    <row r="505782" spans="14:14">
      <c r="N505782" s="10"/>
    </row>
    <row r="505783" spans="14:14">
      <c r="N505783" s="10"/>
    </row>
    <row r="505784" spans="14:14">
      <c r="N505784" s="10"/>
    </row>
    <row r="505785" spans="14:14">
      <c r="N505785" s="10"/>
    </row>
    <row r="505786" spans="14:14">
      <c r="N505786" s="10"/>
    </row>
    <row r="505787" spans="14:14">
      <c r="N505787" s="10"/>
    </row>
    <row r="505788" spans="14:14">
      <c r="N505788" s="10"/>
    </row>
    <row r="505789" spans="14:14">
      <c r="N505789" s="10"/>
    </row>
    <row r="505790" spans="14:14">
      <c r="N505790" s="10"/>
    </row>
    <row r="505791" spans="14:14">
      <c r="N505791" s="10"/>
    </row>
    <row r="505792" spans="14:14">
      <c r="N505792" s="10"/>
    </row>
    <row r="505793" spans="14:14">
      <c r="N505793" s="10"/>
    </row>
    <row r="505794" spans="14:14">
      <c r="N505794" s="10"/>
    </row>
    <row r="505795" spans="14:14">
      <c r="N505795" s="10"/>
    </row>
    <row r="505796" spans="14:14">
      <c r="N505796" s="10"/>
    </row>
    <row r="505797" spans="14:14">
      <c r="N505797" s="10"/>
    </row>
    <row r="505798" spans="14:14">
      <c r="N505798" s="10"/>
    </row>
    <row r="505799" spans="14:14">
      <c r="N505799" s="10"/>
    </row>
    <row r="505800" spans="14:14">
      <c r="N505800" s="10"/>
    </row>
    <row r="505801" spans="14:14">
      <c r="N505801" s="10"/>
    </row>
    <row r="505802" spans="14:14">
      <c r="N505802" s="10"/>
    </row>
    <row r="505803" spans="14:14">
      <c r="N505803" s="10"/>
    </row>
    <row r="505804" spans="14:14">
      <c r="N505804" s="10"/>
    </row>
    <row r="505805" spans="14:14">
      <c r="N505805" s="10"/>
    </row>
    <row r="505806" spans="14:14">
      <c r="N505806" s="10"/>
    </row>
    <row r="505807" spans="14:14">
      <c r="N505807" s="10"/>
    </row>
    <row r="505808" spans="14:14">
      <c r="N505808" s="10"/>
    </row>
    <row r="505809" spans="14:14">
      <c r="N505809" s="10"/>
    </row>
    <row r="505810" spans="14:14">
      <c r="N505810" s="10"/>
    </row>
    <row r="505811" spans="14:14">
      <c r="N505811" s="10"/>
    </row>
    <row r="505812" spans="14:14">
      <c r="N505812" s="10"/>
    </row>
    <row r="505813" spans="14:14">
      <c r="N505813" s="10"/>
    </row>
    <row r="505814" spans="14:14">
      <c r="N505814" s="10"/>
    </row>
    <row r="505815" spans="14:14">
      <c r="N505815" s="10"/>
    </row>
    <row r="505816" spans="14:14">
      <c r="N505816" s="10"/>
    </row>
    <row r="505817" spans="14:14">
      <c r="N505817" s="10"/>
    </row>
    <row r="505818" spans="14:14">
      <c r="N505818" s="10"/>
    </row>
    <row r="505819" spans="14:14">
      <c r="N505819" s="10"/>
    </row>
    <row r="505820" spans="14:14">
      <c r="N505820" s="10"/>
    </row>
    <row r="505821" spans="14:14">
      <c r="N505821" s="10"/>
    </row>
    <row r="505822" spans="14:14">
      <c r="N505822" s="10"/>
    </row>
    <row r="505823" spans="14:14">
      <c r="N505823" s="10"/>
    </row>
    <row r="505824" spans="14:14">
      <c r="N505824" s="10"/>
    </row>
    <row r="505825" spans="14:14">
      <c r="N505825" s="10"/>
    </row>
    <row r="505826" spans="14:14">
      <c r="N505826" s="10"/>
    </row>
    <row r="505827" spans="14:14">
      <c r="N505827" s="10"/>
    </row>
    <row r="505828" spans="14:14">
      <c r="N505828" s="10"/>
    </row>
    <row r="505829" spans="14:14">
      <c r="N505829" s="10"/>
    </row>
    <row r="505830" spans="14:14">
      <c r="N505830" s="10"/>
    </row>
    <row r="505831" spans="14:14">
      <c r="N505831" s="10"/>
    </row>
    <row r="505832" spans="14:14">
      <c r="N505832" s="10"/>
    </row>
    <row r="505833" spans="14:14">
      <c r="N505833" s="10"/>
    </row>
    <row r="505834" spans="14:14">
      <c r="N505834" s="10"/>
    </row>
    <row r="505835" spans="14:14">
      <c r="N505835" s="10"/>
    </row>
    <row r="505836" spans="14:14">
      <c r="N505836" s="10"/>
    </row>
    <row r="505837" spans="14:14">
      <c r="N505837" s="10"/>
    </row>
    <row r="505838" spans="14:14">
      <c r="N505838" s="10"/>
    </row>
    <row r="505839" spans="14:14">
      <c r="N505839" s="10"/>
    </row>
    <row r="505840" spans="14:14">
      <c r="N505840" s="10"/>
    </row>
    <row r="505841" spans="14:14">
      <c r="N505841" s="10"/>
    </row>
    <row r="505842" spans="14:14">
      <c r="N505842" s="10"/>
    </row>
    <row r="505843" spans="14:14">
      <c r="N505843" s="10"/>
    </row>
    <row r="505844" spans="14:14">
      <c r="N505844" s="10"/>
    </row>
    <row r="505845" spans="14:14">
      <c r="N505845" s="10"/>
    </row>
    <row r="505846" spans="14:14">
      <c r="N505846" s="10"/>
    </row>
    <row r="505847" spans="14:14">
      <c r="N505847" s="10"/>
    </row>
    <row r="505848" spans="14:14">
      <c r="N505848" s="10"/>
    </row>
    <row r="505849" spans="14:14">
      <c r="N505849" s="10"/>
    </row>
    <row r="505850" spans="14:14">
      <c r="N505850" s="10"/>
    </row>
    <row r="505851" spans="14:14">
      <c r="N505851" s="10"/>
    </row>
    <row r="505852" spans="14:14">
      <c r="N505852" s="10"/>
    </row>
    <row r="505853" spans="14:14">
      <c r="N505853" s="10"/>
    </row>
    <row r="505854" spans="14:14">
      <c r="N505854" s="10"/>
    </row>
    <row r="505855" spans="14:14">
      <c r="N505855" s="10"/>
    </row>
    <row r="505856" spans="14:14">
      <c r="N505856" s="10"/>
    </row>
    <row r="505857" spans="14:14">
      <c r="N505857" s="10"/>
    </row>
    <row r="505858" spans="14:14">
      <c r="N505858" s="10"/>
    </row>
    <row r="505859" spans="14:14">
      <c r="N505859" s="10"/>
    </row>
    <row r="505860" spans="14:14">
      <c r="N505860" s="10"/>
    </row>
    <row r="505861" spans="14:14">
      <c r="N505861" s="10"/>
    </row>
    <row r="505862" spans="14:14">
      <c r="N505862" s="10"/>
    </row>
    <row r="505863" spans="14:14">
      <c r="N505863" s="10"/>
    </row>
    <row r="505864" spans="14:14">
      <c r="N505864" s="10"/>
    </row>
    <row r="505865" spans="14:14">
      <c r="N505865" s="10"/>
    </row>
    <row r="505866" spans="14:14">
      <c r="N505866" s="10"/>
    </row>
    <row r="505867" spans="14:14">
      <c r="N505867" s="10"/>
    </row>
    <row r="505868" spans="14:14">
      <c r="N505868" s="10"/>
    </row>
    <row r="505869" spans="14:14">
      <c r="N505869" s="10"/>
    </row>
    <row r="505870" spans="14:14">
      <c r="N505870" s="10"/>
    </row>
    <row r="505871" spans="14:14">
      <c r="N505871" s="10"/>
    </row>
    <row r="505872" spans="14:14">
      <c r="N505872" s="10"/>
    </row>
    <row r="505873" spans="14:14">
      <c r="N505873" s="10"/>
    </row>
    <row r="505874" spans="14:14">
      <c r="N505874" s="10"/>
    </row>
    <row r="505875" spans="14:14">
      <c r="N505875" s="10"/>
    </row>
    <row r="505876" spans="14:14">
      <c r="N505876" s="10"/>
    </row>
    <row r="505877" spans="14:14">
      <c r="N505877" s="10"/>
    </row>
    <row r="505878" spans="14:14">
      <c r="N505878" s="10"/>
    </row>
    <row r="505879" spans="14:14">
      <c r="N505879" s="10"/>
    </row>
    <row r="505880" spans="14:14">
      <c r="N505880" s="10"/>
    </row>
    <row r="505881" spans="14:14">
      <c r="N505881" s="10"/>
    </row>
    <row r="505882" spans="14:14">
      <c r="N505882" s="10"/>
    </row>
    <row r="505883" spans="14:14">
      <c r="N505883" s="10"/>
    </row>
    <row r="505884" spans="14:14">
      <c r="N505884" s="10"/>
    </row>
    <row r="505885" spans="14:14">
      <c r="N505885" s="10"/>
    </row>
    <row r="505886" spans="14:14">
      <c r="N505886" s="10"/>
    </row>
    <row r="505887" spans="14:14">
      <c r="N505887" s="10"/>
    </row>
    <row r="505888" spans="14:14">
      <c r="N505888" s="10"/>
    </row>
    <row r="505889" spans="14:14">
      <c r="N505889" s="10"/>
    </row>
    <row r="505890" spans="14:14">
      <c r="N505890" s="10"/>
    </row>
    <row r="505891" spans="14:14">
      <c r="N505891" s="10"/>
    </row>
    <row r="505892" spans="14:14">
      <c r="N505892" s="10"/>
    </row>
    <row r="505893" spans="14:14">
      <c r="N505893" s="10"/>
    </row>
    <row r="505894" spans="14:14">
      <c r="N505894" s="10"/>
    </row>
    <row r="505895" spans="14:14">
      <c r="N505895" s="10"/>
    </row>
    <row r="505896" spans="14:14">
      <c r="N505896" s="10"/>
    </row>
    <row r="505897" spans="14:14">
      <c r="N505897" s="10"/>
    </row>
    <row r="505898" spans="14:14">
      <c r="N505898" s="10"/>
    </row>
    <row r="505899" spans="14:14">
      <c r="N505899" s="10"/>
    </row>
    <row r="505900" spans="14:14">
      <c r="N505900" s="10"/>
    </row>
    <row r="505901" spans="14:14">
      <c r="N505901" s="10"/>
    </row>
    <row r="505902" spans="14:14">
      <c r="N505902" s="10"/>
    </row>
    <row r="505903" spans="14:14">
      <c r="N505903" s="10"/>
    </row>
    <row r="505904" spans="14:14">
      <c r="N505904" s="10"/>
    </row>
    <row r="505905" spans="14:14">
      <c r="N505905" s="10"/>
    </row>
    <row r="505906" spans="14:14">
      <c r="N505906" s="10"/>
    </row>
    <row r="505907" spans="14:14">
      <c r="N505907" s="10"/>
    </row>
    <row r="505908" spans="14:14">
      <c r="N505908" s="10"/>
    </row>
    <row r="505909" spans="14:14">
      <c r="N505909" s="10"/>
    </row>
    <row r="505910" spans="14:14">
      <c r="N505910" s="10"/>
    </row>
    <row r="505911" spans="14:14">
      <c r="N505911" s="10"/>
    </row>
    <row r="505912" spans="14:14">
      <c r="N505912" s="10"/>
    </row>
    <row r="505913" spans="14:14">
      <c r="N505913" s="10"/>
    </row>
    <row r="505914" spans="14:14">
      <c r="N505914" s="10"/>
    </row>
    <row r="505915" spans="14:14">
      <c r="N505915" s="10"/>
    </row>
    <row r="505916" spans="14:14">
      <c r="N505916" s="10"/>
    </row>
    <row r="505917" spans="14:14">
      <c r="N505917" s="10"/>
    </row>
    <row r="505918" spans="14:14">
      <c r="N505918" s="10"/>
    </row>
    <row r="505919" spans="14:14">
      <c r="N505919" s="10"/>
    </row>
    <row r="505920" spans="14:14">
      <c r="N505920" s="10"/>
    </row>
    <row r="505921" spans="14:14">
      <c r="N505921" s="10"/>
    </row>
    <row r="505922" spans="14:14">
      <c r="N505922" s="10"/>
    </row>
    <row r="505923" spans="14:14">
      <c r="N505923" s="10"/>
    </row>
    <row r="505924" spans="14:14">
      <c r="N505924" s="10"/>
    </row>
    <row r="505925" spans="14:14">
      <c r="N505925" s="10"/>
    </row>
    <row r="505926" spans="14:14">
      <c r="N505926" s="10"/>
    </row>
    <row r="505927" spans="14:14">
      <c r="N505927" s="10"/>
    </row>
    <row r="505928" spans="14:14">
      <c r="N505928" s="10"/>
    </row>
    <row r="505929" spans="14:14">
      <c r="N505929" s="10"/>
    </row>
    <row r="505930" spans="14:14">
      <c r="N505930" s="10"/>
    </row>
    <row r="505931" spans="14:14">
      <c r="N505931" s="10"/>
    </row>
    <row r="505932" spans="14:14">
      <c r="N505932" s="10"/>
    </row>
    <row r="505933" spans="14:14">
      <c r="N505933" s="10"/>
    </row>
    <row r="505934" spans="14:14">
      <c r="N505934" s="10"/>
    </row>
    <row r="505935" spans="14:14">
      <c r="N505935" s="10"/>
    </row>
    <row r="505936" spans="14:14">
      <c r="N505936" s="10"/>
    </row>
    <row r="505937" spans="14:14">
      <c r="N505937" s="10"/>
    </row>
    <row r="505938" spans="14:14">
      <c r="N505938" s="10"/>
    </row>
    <row r="505939" spans="14:14">
      <c r="N505939" s="10"/>
    </row>
    <row r="505940" spans="14:14">
      <c r="N505940" s="10"/>
    </row>
    <row r="505941" spans="14:14">
      <c r="N505941" s="10"/>
    </row>
    <row r="505942" spans="14:14">
      <c r="N505942" s="10"/>
    </row>
    <row r="505943" spans="14:14">
      <c r="N505943" s="10"/>
    </row>
    <row r="505944" spans="14:14">
      <c r="N505944" s="10"/>
    </row>
    <row r="505945" spans="14:14">
      <c r="N505945" s="10"/>
    </row>
    <row r="505946" spans="14:14">
      <c r="N505946" s="10"/>
    </row>
    <row r="505947" spans="14:14">
      <c r="N505947" s="10"/>
    </row>
    <row r="505948" spans="14:14">
      <c r="N505948" s="10"/>
    </row>
    <row r="505949" spans="14:14">
      <c r="N505949" s="10"/>
    </row>
    <row r="505950" spans="14:14">
      <c r="N505950" s="10"/>
    </row>
    <row r="505951" spans="14:14">
      <c r="N505951" s="10"/>
    </row>
    <row r="505952" spans="14:14">
      <c r="N505952" s="10"/>
    </row>
    <row r="505953" spans="14:14">
      <c r="N505953" s="10"/>
    </row>
    <row r="505954" spans="14:14">
      <c r="N505954" s="10"/>
    </row>
    <row r="505955" spans="14:14">
      <c r="N505955" s="10"/>
    </row>
    <row r="505956" spans="14:14">
      <c r="N505956" s="10"/>
    </row>
    <row r="505957" spans="14:14">
      <c r="N505957" s="10"/>
    </row>
    <row r="505958" spans="14:14">
      <c r="N505958" s="10"/>
    </row>
    <row r="505959" spans="14:14">
      <c r="N505959" s="10"/>
    </row>
    <row r="505960" spans="14:14">
      <c r="N505960" s="10"/>
    </row>
    <row r="505961" spans="14:14">
      <c r="N505961" s="10"/>
    </row>
    <row r="505962" spans="14:14">
      <c r="N505962" s="10"/>
    </row>
    <row r="505963" spans="14:14">
      <c r="N505963" s="10"/>
    </row>
    <row r="505964" spans="14:14">
      <c r="N505964" s="10"/>
    </row>
    <row r="505965" spans="14:14">
      <c r="N505965" s="10"/>
    </row>
    <row r="505966" spans="14:14">
      <c r="N505966" s="10"/>
    </row>
    <row r="505967" spans="14:14">
      <c r="N505967" s="10"/>
    </row>
    <row r="505968" spans="14:14">
      <c r="N505968" s="10"/>
    </row>
    <row r="505969" spans="14:14">
      <c r="N505969" s="10"/>
    </row>
    <row r="505970" spans="14:14">
      <c r="N505970" s="10"/>
    </row>
    <row r="505971" spans="14:14">
      <c r="N505971" s="10"/>
    </row>
    <row r="505972" spans="14:14">
      <c r="N505972" s="10"/>
    </row>
    <row r="505973" spans="14:14">
      <c r="N505973" s="10"/>
    </row>
    <row r="505974" spans="14:14">
      <c r="N505974" s="10"/>
    </row>
    <row r="505975" spans="14:14">
      <c r="N505975" s="10"/>
    </row>
    <row r="505976" spans="14:14">
      <c r="N505976" s="10"/>
    </row>
    <row r="505977" spans="14:14">
      <c r="N505977" s="10"/>
    </row>
    <row r="505978" spans="14:14">
      <c r="N505978" s="10"/>
    </row>
    <row r="505979" spans="14:14">
      <c r="N505979" s="10"/>
    </row>
    <row r="505980" spans="14:14">
      <c r="N505980" s="10"/>
    </row>
    <row r="505981" spans="14:14">
      <c r="N505981" s="10"/>
    </row>
    <row r="505982" spans="14:14">
      <c r="N505982" s="10"/>
    </row>
    <row r="505983" spans="14:14">
      <c r="N505983" s="10"/>
    </row>
    <row r="505984" spans="14:14">
      <c r="N505984" s="10"/>
    </row>
    <row r="505985" spans="14:14">
      <c r="N505985" s="10"/>
    </row>
    <row r="505986" spans="14:14">
      <c r="N505986" s="10"/>
    </row>
    <row r="505987" spans="14:14">
      <c r="N505987" s="10"/>
    </row>
    <row r="505988" spans="14:14">
      <c r="N505988" s="10"/>
    </row>
    <row r="505989" spans="14:14">
      <c r="N505989" s="10"/>
    </row>
    <row r="505990" spans="14:14">
      <c r="N505990" s="10"/>
    </row>
    <row r="505991" spans="14:14">
      <c r="N505991" s="10"/>
    </row>
    <row r="505992" spans="14:14">
      <c r="N505992" s="10"/>
    </row>
    <row r="505993" spans="14:14">
      <c r="N505993" s="10"/>
    </row>
    <row r="505994" spans="14:14">
      <c r="N505994" s="10"/>
    </row>
    <row r="505995" spans="14:14">
      <c r="N505995" s="10"/>
    </row>
    <row r="505996" spans="14:14">
      <c r="N505996" s="10"/>
    </row>
    <row r="505997" spans="14:14">
      <c r="N505997" s="10"/>
    </row>
    <row r="505998" spans="14:14">
      <c r="N505998" s="10"/>
    </row>
    <row r="505999" spans="14:14">
      <c r="N505999" s="10"/>
    </row>
    <row r="506000" spans="14:14">
      <c r="N506000" s="10"/>
    </row>
    <row r="506001" spans="14:14">
      <c r="N506001" s="10"/>
    </row>
    <row r="506002" spans="14:14">
      <c r="N506002" s="10"/>
    </row>
    <row r="506003" spans="14:14">
      <c r="N506003" s="10"/>
    </row>
    <row r="506004" spans="14:14">
      <c r="N506004" s="10"/>
    </row>
    <row r="506005" spans="14:14">
      <c r="N506005" s="10"/>
    </row>
    <row r="506006" spans="14:14">
      <c r="N506006" s="10"/>
    </row>
    <row r="506007" spans="14:14">
      <c r="N506007" s="10"/>
    </row>
    <row r="506008" spans="14:14">
      <c r="N506008" s="10"/>
    </row>
    <row r="506009" spans="14:14">
      <c r="N506009" s="10"/>
    </row>
    <row r="506010" spans="14:14">
      <c r="N506010" s="10"/>
    </row>
    <row r="506011" spans="14:14">
      <c r="N506011" s="10"/>
    </row>
    <row r="506012" spans="14:14">
      <c r="N506012" s="10"/>
    </row>
    <row r="506013" spans="14:14">
      <c r="N506013" s="10"/>
    </row>
    <row r="506014" spans="14:14">
      <c r="N506014" s="10"/>
    </row>
    <row r="506015" spans="14:14">
      <c r="N506015" s="10"/>
    </row>
    <row r="506016" spans="14:14">
      <c r="N506016" s="10"/>
    </row>
    <row r="506017" spans="14:14">
      <c r="N506017" s="10"/>
    </row>
    <row r="506018" spans="14:14">
      <c r="N506018" s="10"/>
    </row>
    <row r="506019" spans="14:14">
      <c r="N506019" s="10"/>
    </row>
    <row r="506020" spans="14:14">
      <c r="N506020" s="10"/>
    </row>
    <row r="506021" spans="14:14">
      <c r="N506021" s="10"/>
    </row>
    <row r="506022" spans="14:14">
      <c r="N506022" s="10"/>
    </row>
    <row r="506023" spans="14:14">
      <c r="N506023" s="10"/>
    </row>
    <row r="506024" spans="14:14">
      <c r="N506024" s="10"/>
    </row>
    <row r="506025" spans="14:14">
      <c r="N506025" s="10"/>
    </row>
    <row r="506026" spans="14:14">
      <c r="N506026" s="10"/>
    </row>
    <row r="506027" spans="14:14">
      <c r="N506027" s="10"/>
    </row>
    <row r="506028" spans="14:14">
      <c r="N506028" s="10"/>
    </row>
    <row r="506029" spans="14:14">
      <c r="N506029" s="10"/>
    </row>
    <row r="506030" spans="14:14">
      <c r="N506030" s="10"/>
    </row>
    <row r="506031" spans="14:14">
      <c r="N506031" s="10"/>
    </row>
    <row r="506032" spans="14:14">
      <c r="N506032" s="10"/>
    </row>
    <row r="506033" spans="14:14">
      <c r="N506033" s="10"/>
    </row>
    <row r="506034" spans="14:14">
      <c r="N506034" s="10"/>
    </row>
    <row r="506035" spans="14:14">
      <c r="N506035" s="10"/>
    </row>
    <row r="506036" spans="14:14">
      <c r="N506036" s="10"/>
    </row>
    <row r="506037" spans="14:14">
      <c r="N506037" s="10"/>
    </row>
    <row r="506038" spans="14:14">
      <c r="N506038" s="10"/>
    </row>
    <row r="506039" spans="14:14">
      <c r="N506039" s="10"/>
    </row>
    <row r="506040" spans="14:14">
      <c r="N506040" s="10"/>
    </row>
    <row r="506041" spans="14:14">
      <c r="N506041" s="10"/>
    </row>
    <row r="506042" spans="14:14">
      <c r="N506042" s="10"/>
    </row>
    <row r="506043" spans="14:14">
      <c r="N506043" s="10"/>
    </row>
    <row r="506044" spans="14:14">
      <c r="N506044" s="10"/>
    </row>
    <row r="506045" spans="14:14">
      <c r="N506045" s="10"/>
    </row>
    <row r="506046" spans="14:14">
      <c r="N506046" s="10"/>
    </row>
    <row r="506047" spans="14:14">
      <c r="N506047" s="10"/>
    </row>
    <row r="506048" spans="14:14">
      <c r="N506048" s="10"/>
    </row>
    <row r="506049" spans="14:14">
      <c r="N506049" s="10"/>
    </row>
    <row r="506050" spans="14:14">
      <c r="N506050" s="10"/>
    </row>
    <row r="506051" spans="14:14">
      <c r="N506051" s="10"/>
    </row>
    <row r="506052" spans="14:14">
      <c r="N506052" s="10"/>
    </row>
    <row r="506053" spans="14:14">
      <c r="N506053" s="10"/>
    </row>
    <row r="506054" spans="14:14">
      <c r="N506054" s="10"/>
    </row>
    <row r="506055" spans="14:14">
      <c r="N506055" s="10"/>
    </row>
    <row r="506056" spans="14:14">
      <c r="N506056" s="10"/>
    </row>
    <row r="506057" spans="14:14">
      <c r="N506057" s="10"/>
    </row>
    <row r="506058" spans="14:14">
      <c r="N506058" s="10"/>
    </row>
    <row r="506059" spans="14:14">
      <c r="N506059" s="10"/>
    </row>
    <row r="506060" spans="14:14">
      <c r="N506060" s="10"/>
    </row>
    <row r="506061" spans="14:14">
      <c r="N506061" s="10"/>
    </row>
    <row r="506062" spans="14:14">
      <c r="N506062" s="10"/>
    </row>
    <row r="506063" spans="14:14">
      <c r="N506063" s="10"/>
    </row>
    <row r="506064" spans="14:14">
      <c r="N506064" s="10"/>
    </row>
    <row r="506065" spans="14:14">
      <c r="N506065" s="10"/>
    </row>
    <row r="506066" spans="14:14">
      <c r="N506066" s="10"/>
    </row>
    <row r="506067" spans="14:14">
      <c r="N506067" s="10"/>
    </row>
    <row r="506068" spans="14:14">
      <c r="N506068" s="10"/>
    </row>
    <row r="506069" spans="14:14">
      <c r="N506069" s="10"/>
    </row>
    <row r="506070" spans="14:14">
      <c r="N506070" s="10"/>
    </row>
    <row r="506071" spans="14:14">
      <c r="N506071" s="10"/>
    </row>
    <row r="506072" spans="14:14">
      <c r="N506072" s="10"/>
    </row>
    <row r="506073" spans="14:14">
      <c r="N506073" s="10"/>
    </row>
    <row r="506074" spans="14:14">
      <c r="N506074" s="10"/>
    </row>
    <row r="506075" spans="14:14">
      <c r="N506075" s="10"/>
    </row>
    <row r="506076" spans="14:14">
      <c r="N506076" s="10"/>
    </row>
    <row r="506077" spans="14:14">
      <c r="N506077" s="10"/>
    </row>
    <row r="506078" spans="14:14">
      <c r="N506078" s="10"/>
    </row>
    <row r="506079" spans="14:14">
      <c r="N506079" s="10"/>
    </row>
    <row r="506080" spans="14:14">
      <c r="N506080" s="10"/>
    </row>
    <row r="506081" spans="14:14">
      <c r="N506081" s="10"/>
    </row>
    <row r="506082" spans="14:14">
      <c r="N506082" s="10"/>
    </row>
    <row r="506083" spans="14:14">
      <c r="N506083" s="10"/>
    </row>
    <row r="506084" spans="14:14">
      <c r="N506084" s="10"/>
    </row>
    <row r="506085" spans="14:14">
      <c r="N506085" s="10"/>
    </row>
    <row r="506086" spans="14:14">
      <c r="N506086" s="10"/>
    </row>
    <row r="506087" spans="14:14">
      <c r="N506087" s="10"/>
    </row>
    <row r="506088" spans="14:14">
      <c r="N506088" s="10"/>
    </row>
    <row r="506089" spans="14:14">
      <c r="N506089" s="10"/>
    </row>
    <row r="506090" spans="14:14">
      <c r="N506090" s="10"/>
    </row>
    <row r="506091" spans="14:14">
      <c r="N506091" s="10"/>
    </row>
    <row r="506092" spans="14:14">
      <c r="N506092" s="10"/>
    </row>
    <row r="506093" spans="14:14">
      <c r="N506093" s="10"/>
    </row>
    <row r="506094" spans="14:14">
      <c r="N506094" s="10"/>
    </row>
    <row r="506095" spans="14:14">
      <c r="N506095" s="10"/>
    </row>
    <row r="506096" spans="14:14">
      <c r="N506096" s="10"/>
    </row>
    <row r="506097" spans="14:14">
      <c r="N506097" s="10"/>
    </row>
    <row r="506098" spans="14:14">
      <c r="N506098" s="10"/>
    </row>
    <row r="506099" spans="14:14">
      <c r="N506099" s="10"/>
    </row>
    <row r="506100" spans="14:14">
      <c r="N506100" s="10"/>
    </row>
    <row r="506101" spans="14:14">
      <c r="N506101" s="10"/>
    </row>
    <row r="506102" spans="14:14">
      <c r="N506102" s="10"/>
    </row>
    <row r="506103" spans="14:14">
      <c r="N506103" s="10"/>
    </row>
    <row r="506104" spans="14:14">
      <c r="N506104" s="10"/>
    </row>
    <row r="506105" spans="14:14">
      <c r="N506105" s="10"/>
    </row>
    <row r="506106" spans="14:14">
      <c r="N506106" s="10"/>
    </row>
    <row r="506107" spans="14:14">
      <c r="N506107" s="10"/>
    </row>
    <row r="506108" spans="14:14">
      <c r="N506108" s="10"/>
    </row>
    <row r="506109" spans="14:14">
      <c r="N506109" s="10"/>
    </row>
    <row r="506110" spans="14:14">
      <c r="N506110" s="10"/>
    </row>
    <row r="506111" spans="14:14">
      <c r="N506111" s="10"/>
    </row>
    <row r="506112" spans="14:14">
      <c r="N506112" s="10"/>
    </row>
    <row r="506113" spans="14:14">
      <c r="N506113" s="10"/>
    </row>
    <row r="506114" spans="14:14">
      <c r="N506114" s="10"/>
    </row>
    <row r="506115" spans="14:14">
      <c r="N506115" s="10"/>
    </row>
    <row r="506116" spans="14:14">
      <c r="N506116" s="10"/>
    </row>
    <row r="506117" spans="14:14">
      <c r="N506117" s="10"/>
    </row>
    <row r="506118" spans="14:14">
      <c r="N506118" s="10"/>
    </row>
    <row r="506119" spans="14:14">
      <c r="N506119" s="10"/>
    </row>
    <row r="506120" spans="14:14">
      <c r="N506120" s="10"/>
    </row>
    <row r="506121" spans="14:14">
      <c r="N506121" s="10"/>
    </row>
    <row r="506122" spans="14:14">
      <c r="N506122" s="10"/>
    </row>
    <row r="506123" spans="14:14">
      <c r="N506123" s="10"/>
    </row>
    <row r="506124" spans="14:14">
      <c r="N506124" s="10"/>
    </row>
    <row r="506125" spans="14:14">
      <c r="N506125" s="10"/>
    </row>
    <row r="506126" spans="14:14">
      <c r="N506126" s="10"/>
    </row>
    <row r="506127" spans="14:14">
      <c r="N506127" s="10"/>
    </row>
    <row r="506128" spans="14:14">
      <c r="N506128" s="10"/>
    </row>
    <row r="506129" spans="14:14">
      <c r="N506129" s="10"/>
    </row>
    <row r="506130" spans="14:14">
      <c r="N506130" s="10"/>
    </row>
    <row r="506131" spans="14:14">
      <c r="N506131" s="10"/>
    </row>
    <row r="506132" spans="14:14">
      <c r="N506132" s="10"/>
    </row>
    <row r="506133" spans="14:14">
      <c r="N506133" s="10"/>
    </row>
    <row r="506134" spans="14:14">
      <c r="N506134" s="10"/>
    </row>
    <row r="506135" spans="14:14">
      <c r="N506135" s="10"/>
    </row>
    <row r="506136" spans="14:14">
      <c r="N506136" s="10"/>
    </row>
    <row r="506137" spans="14:14">
      <c r="N506137" s="10"/>
    </row>
    <row r="506138" spans="14:14">
      <c r="N506138" s="10"/>
    </row>
    <row r="506139" spans="14:14">
      <c r="N506139" s="10"/>
    </row>
    <row r="506140" spans="14:14">
      <c r="N506140" s="10"/>
    </row>
    <row r="506141" spans="14:14">
      <c r="N506141" s="10"/>
    </row>
    <row r="506142" spans="14:14">
      <c r="N506142" s="10"/>
    </row>
    <row r="506143" spans="14:14">
      <c r="N506143" s="10"/>
    </row>
    <row r="506144" spans="14:14">
      <c r="N506144" s="10"/>
    </row>
    <row r="506145" spans="14:14">
      <c r="N506145" s="10"/>
    </row>
    <row r="506146" spans="14:14">
      <c r="N506146" s="10"/>
    </row>
    <row r="506147" spans="14:14">
      <c r="N506147" s="10"/>
    </row>
    <row r="506148" spans="14:14">
      <c r="N506148" s="10"/>
    </row>
    <row r="506149" spans="14:14">
      <c r="N506149" s="10"/>
    </row>
    <row r="506150" spans="14:14">
      <c r="N506150" s="10"/>
    </row>
    <row r="506151" spans="14:14">
      <c r="N506151" s="10"/>
    </row>
    <row r="506152" spans="14:14">
      <c r="N506152" s="10"/>
    </row>
    <row r="506153" spans="14:14">
      <c r="N506153" s="10"/>
    </row>
    <row r="506154" spans="14:14">
      <c r="N506154" s="10"/>
    </row>
    <row r="506155" spans="14:14">
      <c r="N506155" s="10"/>
    </row>
    <row r="506156" spans="14:14">
      <c r="N506156" s="10"/>
    </row>
    <row r="506157" spans="14:14">
      <c r="N506157" s="10"/>
    </row>
    <row r="506158" spans="14:14">
      <c r="N506158" s="10"/>
    </row>
    <row r="506159" spans="14:14">
      <c r="N506159" s="10"/>
    </row>
    <row r="506160" spans="14:14">
      <c r="N506160" s="10"/>
    </row>
    <row r="506161" spans="14:14">
      <c r="N506161" s="10"/>
    </row>
    <row r="506162" spans="14:14">
      <c r="N506162" s="10"/>
    </row>
    <row r="506163" spans="14:14">
      <c r="N506163" s="10"/>
    </row>
    <row r="506164" spans="14:14">
      <c r="N506164" s="10"/>
    </row>
    <row r="506165" spans="14:14">
      <c r="N506165" s="10"/>
    </row>
    <row r="506166" spans="14:14">
      <c r="N506166" s="10"/>
    </row>
    <row r="506167" spans="14:14">
      <c r="N506167" s="10"/>
    </row>
    <row r="506168" spans="14:14">
      <c r="N506168" s="10"/>
    </row>
    <row r="506169" spans="14:14">
      <c r="N506169" s="10"/>
    </row>
    <row r="506170" spans="14:14">
      <c r="N506170" s="10"/>
    </row>
    <row r="506171" spans="14:14">
      <c r="N506171" s="10"/>
    </row>
    <row r="506172" spans="14:14">
      <c r="N506172" s="10"/>
    </row>
    <row r="506173" spans="14:14">
      <c r="N506173" s="10"/>
    </row>
    <row r="506174" spans="14:14">
      <c r="N506174" s="10"/>
    </row>
    <row r="506175" spans="14:14">
      <c r="N506175" s="10"/>
    </row>
    <row r="506176" spans="14:14">
      <c r="N506176" s="10"/>
    </row>
    <row r="506177" spans="14:14">
      <c r="N506177" s="10"/>
    </row>
    <row r="506178" spans="14:14">
      <c r="N506178" s="10"/>
    </row>
    <row r="506179" spans="14:14">
      <c r="N506179" s="10"/>
    </row>
    <row r="506180" spans="14:14">
      <c r="N506180" s="10"/>
    </row>
    <row r="506181" spans="14:14">
      <c r="N506181" s="10"/>
    </row>
    <row r="506182" spans="14:14">
      <c r="N506182" s="10"/>
    </row>
    <row r="506183" spans="14:14">
      <c r="N506183" s="10"/>
    </row>
    <row r="506184" spans="14:14">
      <c r="N506184" s="10"/>
    </row>
    <row r="506185" spans="14:14">
      <c r="N506185" s="10"/>
    </row>
    <row r="506186" spans="14:14">
      <c r="N506186" s="10"/>
    </row>
    <row r="506187" spans="14:14">
      <c r="N506187" s="10"/>
    </row>
    <row r="506188" spans="14:14">
      <c r="N506188" s="10"/>
    </row>
    <row r="506189" spans="14:14">
      <c r="N506189" s="10"/>
    </row>
    <row r="506190" spans="14:14">
      <c r="N506190" s="10"/>
    </row>
    <row r="506191" spans="14:14">
      <c r="N506191" s="10"/>
    </row>
    <row r="506192" spans="14:14">
      <c r="N506192" s="10"/>
    </row>
    <row r="506193" spans="14:14">
      <c r="N506193" s="10"/>
    </row>
    <row r="506194" spans="14:14">
      <c r="N506194" s="10"/>
    </row>
    <row r="506195" spans="14:14">
      <c r="N506195" s="10"/>
    </row>
    <row r="506196" spans="14:14">
      <c r="N506196" s="10"/>
    </row>
    <row r="506197" spans="14:14">
      <c r="N506197" s="10"/>
    </row>
    <row r="506198" spans="14:14">
      <c r="N506198" s="10"/>
    </row>
    <row r="506199" spans="14:14">
      <c r="N506199" s="10"/>
    </row>
    <row r="506200" spans="14:14">
      <c r="N506200" s="10"/>
    </row>
    <row r="506201" spans="14:14">
      <c r="N506201" s="10"/>
    </row>
    <row r="506202" spans="14:14">
      <c r="N506202" s="10"/>
    </row>
    <row r="506203" spans="14:14">
      <c r="N506203" s="10"/>
    </row>
    <row r="506204" spans="14:14">
      <c r="N506204" s="10"/>
    </row>
    <row r="506205" spans="14:14">
      <c r="N506205" s="10"/>
    </row>
    <row r="506206" spans="14:14">
      <c r="N506206" s="10"/>
    </row>
    <row r="506207" spans="14:14">
      <c r="N506207" s="10"/>
    </row>
    <row r="506208" spans="14:14">
      <c r="N506208" s="10"/>
    </row>
    <row r="506209" spans="14:14">
      <c r="N506209" s="10"/>
    </row>
    <row r="506210" spans="14:14">
      <c r="N506210" s="10"/>
    </row>
    <row r="506211" spans="14:14">
      <c r="N506211" s="10"/>
    </row>
    <row r="506212" spans="14:14">
      <c r="N506212" s="10"/>
    </row>
    <row r="506213" spans="14:14">
      <c r="N506213" s="10"/>
    </row>
    <row r="506214" spans="14:14">
      <c r="N506214" s="10"/>
    </row>
    <row r="506215" spans="14:14">
      <c r="N506215" s="10"/>
    </row>
    <row r="506216" spans="14:14">
      <c r="N506216" s="10"/>
    </row>
    <row r="506217" spans="14:14">
      <c r="N506217" s="10"/>
    </row>
    <row r="506218" spans="14:14">
      <c r="N506218" s="10"/>
    </row>
    <row r="506219" spans="14:14">
      <c r="N506219" s="10"/>
    </row>
    <row r="506220" spans="14:14">
      <c r="N506220" s="10"/>
    </row>
    <row r="506221" spans="14:14">
      <c r="N506221" s="10"/>
    </row>
    <row r="506222" spans="14:14">
      <c r="N506222" s="10"/>
    </row>
    <row r="506223" spans="14:14">
      <c r="N506223" s="10"/>
    </row>
    <row r="506224" spans="14:14">
      <c r="N506224" s="10"/>
    </row>
    <row r="506225" spans="14:14">
      <c r="N506225" s="10"/>
    </row>
    <row r="506226" spans="14:14">
      <c r="N506226" s="10"/>
    </row>
    <row r="506227" spans="14:14">
      <c r="N506227" s="10"/>
    </row>
    <row r="506228" spans="14:14">
      <c r="N506228" s="10"/>
    </row>
    <row r="506229" spans="14:14">
      <c r="N506229" s="10"/>
    </row>
    <row r="506230" spans="14:14">
      <c r="N506230" s="10"/>
    </row>
    <row r="506231" spans="14:14">
      <c r="N506231" s="10"/>
    </row>
    <row r="506232" spans="14:14">
      <c r="N506232" s="10"/>
    </row>
    <row r="506233" spans="14:14">
      <c r="N506233" s="10"/>
    </row>
    <row r="506234" spans="14:14">
      <c r="N506234" s="10"/>
    </row>
    <row r="506235" spans="14:14">
      <c r="N506235" s="10"/>
    </row>
    <row r="506236" spans="14:14">
      <c r="N506236" s="10"/>
    </row>
    <row r="506237" spans="14:14">
      <c r="N506237" s="10"/>
    </row>
    <row r="506238" spans="14:14">
      <c r="N506238" s="10"/>
    </row>
    <row r="506239" spans="14:14">
      <c r="N506239" s="10"/>
    </row>
    <row r="506240" spans="14:14">
      <c r="N506240" s="10"/>
    </row>
    <row r="506241" spans="14:14">
      <c r="N506241" s="10"/>
    </row>
    <row r="506242" spans="14:14">
      <c r="N506242" s="10"/>
    </row>
    <row r="506243" spans="14:14">
      <c r="N506243" s="10"/>
    </row>
    <row r="506244" spans="14:14">
      <c r="N506244" s="10"/>
    </row>
    <row r="506245" spans="14:14">
      <c r="N506245" s="10"/>
    </row>
    <row r="506246" spans="14:14">
      <c r="N506246" s="10"/>
    </row>
    <row r="506247" spans="14:14">
      <c r="N506247" s="10"/>
    </row>
    <row r="506248" spans="14:14">
      <c r="N506248" s="10"/>
    </row>
    <row r="506249" spans="14:14">
      <c r="N506249" s="10"/>
    </row>
    <row r="506250" spans="14:14">
      <c r="N506250" s="10"/>
    </row>
    <row r="506251" spans="14:14">
      <c r="N506251" s="10"/>
    </row>
    <row r="506252" spans="14:14">
      <c r="N506252" s="10"/>
    </row>
    <row r="506253" spans="14:14">
      <c r="N506253" s="10"/>
    </row>
    <row r="506254" spans="14:14">
      <c r="N506254" s="10"/>
    </row>
    <row r="506255" spans="14:14">
      <c r="N506255" s="10"/>
    </row>
    <row r="506256" spans="14:14">
      <c r="N506256" s="10"/>
    </row>
    <row r="506257" spans="14:14">
      <c r="N506257" s="10"/>
    </row>
    <row r="506258" spans="14:14">
      <c r="N506258" s="10"/>
    </row>
    <row r="506259" spans="14:14">
      <c r="N506259" s="10"/>
    </row>
    <row r="506260" spans="14:14">
      <c r="N506260" s="10"/>
    </row>
    <row r="506261" spans="14:14">
      <c r="N506261" s="10"/>
    </row>
    <row r="506262" spans="14:14">
      <c r="N506262" s="10"/>
    </row>
    <row r="506263" spans="14:14">
      <c r="N506263" s="10"/>
    </row>
    <row r="506264" spans="14:14">
      <c r="N506264" s="10"/>
    </row>
    <row r="506265" spans="14:14">
      <c r="N506265" s="10"/>
    </row>
    <row r="506266" spans="14:14">
      <c r="N506266" s="10"/>
    </row>
    <row r="506267" spans="14:14">
      <c r="N506267" s="10"/>
    </row>
    <row r="506268" spans="14:14">
      <c r="N506268" s="10"/>
    </row>
    <row r="506269" spans="14:14">
      <c r="N506269" s="10"/>
    </row>
    <row r="506270" spans="14:14">
      <c r="N506270" s="10"/>
    </row>
    <row r="506271" spans="14:14">
      <c r="N506271" s="10"/>
    </row>
    <row r="506272" spans="14:14">
      <c r="N506272" s="10"/>
    </row>
    <row r="506273" spans="14:14">
      <c r="N506273" s="10"/>
    </row>
    <row r="506274" spans="14:14">
      <c r="N506274" s="10"/>
    </row>
    <row r="506275" spans="14:14">
      <c r="N506275" s="10"/>
    </row>
    <row r="506276" spans="14:14">
      <c r="N506276" s="10"/>
    </row>
    <row r="506277" spans="14:14">
      <c r="N506277" s="10"/>
    </row>
    <row r="506278" spans="14:14">
      <c r="N506278" s="10"/>
    </row>
    <row r="506279" spans="14:14">
      <c r="N506279" s="10"/>
    </row>
    <row r="506280" spans="14:14">
      <c r="N506280" s="10"/>
    </row>
    <row r="506281" spans="14:14">
      <c r="N506281" s="10"/>
    </row>
    <row r="506282" spans="14:14">
      <c r="N506282" s="10"/>
    </row>
    <row r="506283" spans="14:14">
      <c r="N506283" s="10"/>
    </row>
    <row r="506284" spans="14:14">
      <c r="N506284" s="10"/>
    </row>
    <row r="506285" spans="14:14">
      <c r="N506285" s="10"/>
    </row>
    <row r="506286" spans="14:14">
      <c r="N506286" s="10"/>
    </row>
    <row r="506287" spans="14:14">
      <c r="N506287" s="10"/>
    </row>
    <row r="506288" spans="14:14">
      <c r="N506288" s="10"/>
    </row>
    <row r="506289" spans="14:14">
      <c r="N506289" s="10"/>
    </row>
    <row r="506290" spans="14:14">
      <c r="N506290" s="10"/>
    </row>
    <row r="506291" spans="14:14">
      <c r="N506291" s="10"/>
    </row>
    <row r="506292" spans="14:14">
      <c r="N506292" s="10"/>
    </row>
    <row r="506293" spans="14:14">
      <c r="N506293" s="10"/>
    </row>
    <row r="506294" spans="14:14">
      <c r="N506294" s="10"/>
    </row>
    <row r="506295" spans="14:14">
      <c r="N506295" s="10"/>
    </row>
    <row r="506296" spans="14:14">
      <c r="N506296" s="10"/>
    </row>
    <row r="506297" spans="14:14">
      <c r="N506297" s="10"/>
    </row>
    <row r="506298" spans="14:14">
      <c r="N506298" s="10"/>
    </row>
    <row r="506299" spans="14:14">
      <c r="N506299" s="10"/>
    </row>
    <row r="506300" spans="14:14">
      <c r="N506300" s="10"/>
    </row>
    <row r="506301" spans="14:14">
      <c r="N506301" s="10"/>
    </row>
    <row r="506302" spans="14:14">
      <c r="N506302" s="10"/>
    </row>
    <row r="506303" spans="14:14">
      <c r="N506303" s="10"/>
    </row>
    <row r="506304" spans="14:14">
      <c r="N506304" s="10"/>
    </row>
    <row r="506305" spans="14:14">
      <c r="N506305" s="10"/>
    </row>
    <row r="506306" spans="14:14">
      <c r="N506306" s="10"/>
    </row>
    <row r="506307" spans="14:14">
      <c r="N506307" s="10"/>
    </row>
    <row r="506308" spans="14:14">
      <c r="N506308" s="10"/>
    </row>
    <row r="506309" spans="14:14">
      <c r="N506309" s="10"/>
    </row>
    <row r="506310" spans="14:14">
      <c r="N506310" s="10"/>
    </row>
    <row r="506311" spans="14:14">
      <c r="N506311" s="10"/>
    </row>
    <row r="506312" spans="14:14">
      <c r="N506312" s="10"/>
    </row>
    <row r="506313" spans="14:14">
      <c r="N506313" s="10"/>
    </row>
    <row r="506314" spans="14:14">
      <c r="N506314" s="10"/>
    </row>
    <row r="506315" spans="14:14">
      <c r="N506315" s="10"/>
    </row>
    <row r="506316" spans="14:14">
      <c r="N506316" s="10"/>
    </row>
    <row r="506317" spans="14:14">
      <c r="N506317" s="10"/>
    </row>
    <row r="506318" spans="14:14">
      <c r="N506318" s="10"/>
    </row>
    <row r="506319" spans="14:14">
      <c r="N506319" s="10"/>
    </row>
    <row r="506320" spans="14:14">
      <c r="N506320" s="10"/>
    </row>
    <row r="506321" spans="14:14">
      <c r="N506321" s="10"/>
    </row>
    <row r="506322" spans="14:14">
      <c r="N506322" s="10"/>
    </row>
    <row r="506323" spans="14:14">
      <c r="N506323" s="10"/>
    </row>
    <row r="506324" spans="14:14">
      <c r="N506324" s="10"/>
    </row>
    <row r="506325" spans="14:14">
      <c r="N506325" s="10"/>
    </row>
    <row r="506326" spans="14:14">
      <c r="N506326" s="10"/>
    </row>
    <row r="506327" spans="14:14">
      <c r="N506327" s="10"/>
    </row>
    <row r="506328" spans="14:14">
      <c r="N506328" s="10"/>
    </row>
    <row r="506329" spans="14:14">
      <c r="N506329" s="10"/>
    </row>
    <row r="506330" spans="14:14">
      <c r="N506330" s="10"/>
    </row>
    <row r="506331" spans="14:14">
      <c r="N506331" s="10"/>
    </row>
    <row r="506332" spans="14:14">
      <c r="N506332" s="10"/>
    </row>
    <row r="506333" spans="14:14">
      <c r="N506333" s="10"/>
    </row>
    <row r="506334" spans="14:14">
      <c r="N506334" s="10"/>
    </row>
    <row r="506335" spans="14:14">
      <c r="N506335" s="10"/>
    </row>
    <row r="506336" spans="14:14">
      <c r="N506336" s="10"/>
    </row>
    <row r="506337" spans="14:14">
      <c r="N506337" s="10"/>
    </row>
    <row r="506338" spans="14:14">
      <c r="N506338" s="10"/>
    </row>
    <row r="506339" spans="14:14">
      <c r="N506339" s="10"/>
    </row>
    <row r="506340" spans="14:14">
      <c r="N506340" s="10"/>
    </row>
    <row r="506341" spans="14:14">
      <c r="N506341" s="10"/>
    </row>
    <row r="506342" spans="14:14">
      <c r="N506342" s="10"/>
    </row>
    <row r="506343" spans="14:14">
      <c r="N506343" s="10"/>
    </row>
    <row r="506344" spans="14:14">
      <c r="N506344" s="10"/>
    </row>
    <row r="506345" spans="14:14">
      <c r="N506345" s="10"/>
    </row>
    <row r="506346" spans="14:14">
      <c r="N506346" s="10"/>
    </row>
    <row r="506347" spans="14:14">
      <c r="N506347" s="10"/>
    </row>
    <row r="506348" spans="14:14">
      <c r="N506348" s="10"/>
    </row>
    <row r="506349" spans="14:14">
      <c r="N506349" s="10"/>
    </row>
    <row r="506350" spans="14:14">
      <c r="N506350" s="10"/>
    </row>
    <row r="506351" spans="14:14">
      <c r="N506351" s="10"/>
    </row>
    <row r="506352" spans="14:14">
      <c r="N506352" s="10"/>
    </row>
    <row r="506353" spans="14:14">
      <c r="N506353" s="10"/>
    </row>
    <row r="506354" spans="14:14">
      <c r="N506354" s="10"/>
    </row>
    <row r="506355" spans="14:14">
      <c r="N506355" s="10"/>
    </row>
    <row r="506356" spans="14:14">
      <c r="N506356" s="10"/>
    </row>
    <row r="506357" spans="14:14">
      <c r="N506357" s="10"/>
    </row>
    <row r="506358" spans="14:14">
      <c r="N506358" s="10"/>
    </row>
    <row r="506359" spans="14:14">
      <c r="N506359" s="10"/>
    </row>
    <row r="506360" spans="14:14">
      <c r="N506360" s="10"/>
    </row>
    <row r="506361" spans="14:14">
      <c r="N506361" s="10"/>
    </row>
    <row r="506362" spans="14:14">
      <c r="N506362" s="10"/>
    </row>
    <row r="506363" spans="14:14">
      <c r="N506363" s="10"/>
    </row>
    <row r="506364" spans="14:14">
      <c r="N506364" s="10"/>
    </row>
    <row r="506365" spans="14:14">
      <c r="N506365" s="10"/>
    </row>
    <row r="506366" spans="14:14">
      <c r="N506366" s="10"/>
    </row>
    <row r="506367" spans="14:14">
      <c r="N506367" s="10"/>
    </row>
    <row r="506368" spans="14:14">
      <c r="N506368" s="10"/>
    </row>
    <row r="506369" spans="14:14">
      <c r="N506369" s="10"/>
    </row>
    <row r="506370" spans="14:14">
      <c r="N506370" s="10"/>
    </row>
    <row r="506371" spans="14:14">
      <c r="N506371" s="10"/>
    </row>
    <row r="506372" spans="14:14">
      <c r="N506372" s="10"/>
    </row>
    <row r="506373" spans="14:14">
      <c r="N506373" s="10"/>
    </row>
    <row r="506374" spans="14:14">
      <c r="N506374" s="10"/>
    </row>
    <row r="506375" spans="14:14">
      <c r="N506375" s="10"/>
    </row>
    <row r="506376" spans="14:14">
      <c r="N506376" s="10"/>
    </row>
    <row r="506377" spans="14:14">
      <c r="N506377" s="10"/>
    </row>
    <row r="506378" spans="14:14">
      <c r="N506378" s="10"/>
    </row>
    <row r="506379" spans="14:14">
      <c r="N506379" s="10"/>
    </row>
    <row r="506380" spans="14:14">
      <c r="N506380" s="10"/>
    </row>
    <row r="506381" spans="14:14">
      <c r="N506381" s="10"/>
    </row>
    <row r="506382" spans="14:14">
      <c r="N506382" s="10"/>
    </row>
    <row r="506383" spans="14:14">
      <c r="N506383" s="10"/>
    </row>
    <row r="506384" spans="14:14">
      <c r="N506384" s="10"/>
    </row>
    <row r="506385" spans="14:14">
      <c r="N506385" s="10"/>
    </row>
    <row r="506386" spans="14:14">
      <c r="N506386" s="10"/>
    </row>
    <row r="506387" spans="14:14">
      <c r="N506387" s="10"/>
    </row>
    <row r="506388" spans="14:14">
      <c r="N506388" s="10"/>
    </row>
    <row r="506389" spans="14:14">
      <c r="N506389" s="10"/>
    </row>
    <row r="506390" spans="14:14">
      <c r="N506390" s="10"/>
    </row>
    <row r="506391" spans="14:14">
      <c r="N506391" s="10"/>
    </row>
    <row r="506392" spans="14:14">
      <c r="N506392" s="10"/>
    </row>
    <row r="506393" spans="14:14">
      <c r="N506393" s="10"/>
    </row>
    <row r="506394" spans="14:14">
      <c r="N506394" s="10"/>
    </row>
    <row r="506395" spans="14:14">
      <c r="N506395" s="10"/>
    </row>
    <row r="506396" spans="14:14">
      <c r="N506396" s="10"/>
    </row>
    <row r="506397" spans="14:14">
      <c r="N506397" s="10"/>
    </row>
    <row r="506398" spans="14:14">
      <c r="N506398" s="10"/>
    </row>
    <row r="506399" spans="14:14">
      <c r="N506399" s="10"/>
    </row>
    <row r="506400" spans="14:14">
      <c r="N506400" s="10"/>
    </row>
    <row r="506401" spans="14:14">
      <c r="N506401" s="10"/>
    </row>
    <row r="506402" spans="14:14">
      <c r="N506402" s="10"/>
    </row>
    <row r="506403" spans="14:14">
      <c r="N506403" s="10"/>
    </row>
    <row r="506404" spans="14:14">
      <c r="N506404" s="10"/>
    </row>
    <row r="506405" spans="14:14">
      <c r="N506405" s="10"/>
    </row>
    <row r="506406" spans="14:14">
      <c r="N506406" s="10"/>
    </row>
    <row r="506407" spans="14:14">
      <c r="N506407" s="10"/>
    </row>
    <row r="506408" spans="14:14">
      <c r="N506408" s="10"/>
    </row>
    <row r="506409" spans="14:14">
      <c r="N506409" s="10"/>
    </row>
    <row r="506410" spans="14:14">
      <c r="N506410" s="10"/>
    </row>
    <row r="506411" spans="14:14">
      <c r="N506411" s="10"/>
    </row>
    <row r="506412" spans="14:14">
      <c r="N506412" s="10"/>
    </row>
    <row r="506413" spans="14:14">
      <c r="N506413" s="10"/>
    </row>
    <row r="506414" spans="14:14">
      <c r="N506414" s="10"/>
    </row>
    <row r="506415" spans="14:14">
      <c r="N506415" s="10"/>
    </row>
    <row r="506416" spans="14:14">
      <c r="N506416" s="10"/>
    </row>
    <row r="506417" spans="14:14">
      <c r="N506417" s="10"/>
    </row>
    <row r="506418" spans="14:14">
      <c r="N506418" s="10"/>
    </row>
    <row r="506419" spans="14:14">
      <c r="N506419" s="10"/>
    </row>
    <row r="506420" spans="14:14">
      <c r="N506420" s="10"/>
    </row>
    <row r="506421" spans="14:14">
      <c r="N506421" s="10"/>
    </row>
    <row r="506422" spans="14:14">
      <c r="N506422" s="10"/>
    </row>
    <row r="506423" spans="14:14">
      <c r="N506423" s="10"/>
    </row>
    <row r="506424" spans="14:14">
      <c r="N506424" s="10"/>
    </row>
    <row r="506425" spans="14:14">
      <c r="N506425" s="10"/>
    </row>
    <row r="506426" spans="14:14">
      <c r="N506426" s="10"/>
    </row>
    <row r="506427" spans="14:14">
      <c r="N506427" s="10"/>
    </row>
    <row r="506428" spans="14:14">
      <c r="N506428" s="10"/>
    </row>
    <row r="506429" spans="14:14">
      <c r="N506429" s="10"/>
    </row>
    <row r="506430" spans="14:14">
      <c r="N506430" s="10"/>
    </row>
    <row r="506431" spans="14:14">
      <c r="N506431" s="10"/>
    </row>
    <row r="506432" spans="14:14">
      <c r="N506432" s="10"/>
    </row>
    <row r="506433" spans="14:14">
      <c r="N506433" s="10"/>
    </row>
    <row r="506434" spans="14:14">
      <c r="N506434" s="10"/>
    </row>
    <row r="506435" spans="14:14">
      <c r="N506435" s="10"/>
    </row>
    <row r="506436" spans="14:14">
      <c r="N506436" s="10"/>
    </row>
    <row r="506437" spans="14:14">
      <c r="N506437" s="10"/>
    </row>
    <row r="506438" spans="14:14">
      <c r="N506438" s="10"/>
    </row>
    <row r="506439" spans="14:14">
      <c r="N506439" s="10"/>
    </row>
    <row r="506440" spans="14:14">
      <c r="N506440" s="10"/>
    </row>
    <row r="506441" spans="14:14">
      <c r="N506441" s="10"/>
    </row>
    <row r="506442" spans="14:14">
      <c r="N506442" s="10"/>
    </row>
    <row r="506443" spans="14:14">
      <c r="N506443" s="10"/>
    </row>
    <row r="506444" spans="14:14">
      <c r="N506444" s="10"/>
    </row>
    <row r="506445" spans="14:14">
      <c r="N506445" s="10"/>
    </row>
    <row r="506446" spans="14:14">
      <c r="N506446" s="10"/>
    </row>
    <row r="506447" spans="14:14">
      <c r="N506447" s="10"/>
    </row>
    <row r="506448" spans="14:14">
      <c r="N506448" s="10"/>
    </row>
    <row r="506449" spans="14:14">
      <c r="N506449" s="10"/>
    </row>
    <row r="506450" spans="14:14">
      <c r="N506450" s="10"/>
    </row>
    <row r="506451" spans="14:14">
      <c r="N506451" s="10"/>
    </row>
    <row r="506452" spans="14:14">
      <c r="N506452" s="10"/>
    </row>
    <row r="506453" spans="14:14">
      <c r="N506453" s="10"/>
    </row>
    <row r="506454" spans="14:14">
      <c r="N506454" s="10"/>
    </row>
    <row r="506455" spans="14:14">
      <c r="N506455" s="10"/>
    </row>
    <row r="506456" spans="14:14">
      <c r="N506456" s="10"/>
    </row>
    <row r="506457" spans="14:14">
      <c r="N506457" s="10"/>
    </row>
    <row r="506458" spans="14:14">
      <c r="N506458" s="10"/>
    </row>
    <row r="506459" spans="14:14">
      <c r="N506459" s="10"/>
    </row>
    <row r="506460" spans="14:14">
      <c r="N506460" s="10"/>
    </row>
    <row r="506461" spans="14:14">
      <c r="N506461" s="10"/>
    </row>
    <row r="506462" spans="14:14">
      <c r="N506462" s="10"/>
    </row>
    <row r="506463" spans="14:14">
      <c r="N506463" s="10"/>
    </row>
    <row r="506464" spans="14:14">
      <c r="N506464" s="10"/>
    </row>
    <row r="506465" spans="14:14">
      <c r="N506465" s="10"/>
    </row>
    <row r="506466" spans="14:14">
      <c r="N506466" s="10"/>
    </row>
    <row r="506467" spans="14:14">
      <c r="N506467" s="10"/>
    </row>
    <row r="506468" spans="14:14">
      <c r="N506468" s="10"/>
    </row>
    <row r="506469" spans="14:14">
      <c r="N506469" s="10"/>
    </row>
    <row r="506470" spans="14:14">
      <c r="N506470" s="10"/>
    </row>
    <row r="506471" spans="14:14">
      <c r="N506471" s="10"/>
    </row>
    <row r="506472" spans="14:14">
      <c r="N506472" s="10"/>
    </row>
    <row r="506473" spans="14:14">
      <c r="N506473" s="10"/>
    </row>
    <row r="506474" spans="14:14">
      <c r="N506474" s="10"/>
    </row>
    <row r="506475" spans="14:14">
      <c r="N506475" s="10"/>
    </row>
    <row r="506476" spans="14:14">
      <c r="N506476" s="10"/>
    </row>
    <row r="506477" spans="14:14">
      <c r="N506477" s="10"/>
    </row>
    <row r="506478" spans="14:14">
      <c r="N506478" s="10"/>
    </row>
    <row r="506479" spans="14:14">
      <c r="N506479" s="10"/>
    </row>
    <row r="506480" spans="14:14">
      <c r="N506480" s="10"/>
    </row>
    <row r="506481" spans="14:14">
      <c r="N506481" s="10"/>
    </row>
    <row r="506482" spans="14:14">
      <c r="N506482" s="10"/>
    </row>
    <row r="506483" spans="14:14">
      <c r="N506483" s="10"/>
    </row>
    <row r="506484" spans="14:14">
      <c r="N506484" s="10"/>
    </row>
    <row r="506485" spans="14:14">
      <c r="N506485" s="10"/>
    </row>
    <row r="506486" spans="14:14">
      <c r="N506486" s="10"/>
    </row>
    <row r="506487" spans="14:14">
      <c r="N506487" s="10"/>
    </row>
    <row r="506488" spans="14:14">
      <c r="N506488" s="10"/>
    </row>
    <row r="506489" spans="14:14">
      <c r="N506489" s="10"/>
    </row>
    <row r="506490" spans="14:14">
      <c r="N506490" s="10"/>
    </row>
    <row r="506491" spans="14:14">
      <c r="N506491" s="10"/>
    </row>
    <row r="506492" spans="14:14">
      <c r="N506492" s="10"/>
    </row>
    <row r="506493" spans="14:14">
      <c r="N506493" s="10"/>
    </row>
    <row r="506494" spans="14:14">
      <c r="N506494" s="10"/>
    </row>
    <row r="506495" spans="14:14">
      <c r="N506495" s="10"/>
    </row>
    <row r="506496" spans="14:14">
      <c r="N506496" s="10"/>
    </row>
    <row r="506497" spans="14:14">
      <c r="N506497" s="10"/>
    </row>
    <row r="506498" spans="14:14">
      <c r="N506498" s="10"/>
    </row>
    <row r="506499" spans="14:14">
      <c r="N506499" s="10"/>
    </row>
    <row r="506500" spans="14:14">
      <c r="N506500" s="10"/>
    </row>
    <row r="506501" spans="14:14">
      <c r="N506501" s="10"/>
    </row>
    <row r="506502" spans="14:14">
      <c r="N506502" s="10"/>
    </row>
    <row r="506503" spans="14:14">
      <c r="N506503" s="10"/>
    </row>
    <row r="506504" spans="14:14">
      <c r="N506504" s="10"/>
    </row>
    <row r="506505" spans="14:14">
      <c r="N506505" s="10"/>
    </row>
    <row r="506506" spans="14:14">
      <c r="N506506" s="10"/>
    </row>
    <row r="506507" spans="14:14">
      <c r="N506507" s="10"/>
    </row>
    <row r="506508" spans="14:14">
      <c r="N506508" s="10"/>
    </row>
    <row r="506509" spans="14:14">
      <c r="N506509" s="10"/>
    </row>
    <row r="506510" spans="14:14">
      <c r="N506510" s="10"/>
    </row>
    <row r="506511" spans="14:14">
      <c r="N506511" s="10"/>
    </row>
    <row r="506512" spans="14:14">
      <c r="N506512" s="10"/>
    </row>
    <row r="506513" spans="14:14">
      <c r="N506513" s="10"/>
    </row>
    <row r="506514" spans="14:14">
      <c r="N506514" s="10"/>
    </row>
    <row r="506515" spans="14:14">
      <c r="N506515" s="10"/>
    </row>
    <row r="506516" spans="14:14">
      <c r="N506516" s="10"/>
    </row>
    <row r="506517" spans="14:14">
      <c r="N506517" s="10"/>
    </row>
    <row r="506518" spans="14:14">
      <c r="N506518" s="10"/>
    </row>
    <row r="506519" spans="14:14">
      <c r="N506519" s="10"/>
    </row>
    <row r="506520" spans="14:14">
      <c r="N506520" s="10"/>
    </row>
    <row r="506521" spans="14:14">
      <c r="N506521" s="10"/>
    </row>
    <row r="506522" spans="14:14">
      <c r="N506522" s="10"/>
    </row>
    <row r="506523" spans="14:14">
      <c r="N506523" s="10"/>
    </row>
    <row r="506524" spans="14:14">
      <c r="N506524" s="10"/>
    </row>
    <row r="506525" spans="14:14">
      <c r="N506525" s="10"/>
    </row>
    <row r="506526" spans="14:14">
      <c r="N506526" s="10"/>
    </row>
    <row r="506527" spans="14:14">
      <c r="N506527" s="10"/>
    </row>
    <row r="506528" spans="14:14">
      <c r="N506528" s="10"/>
    </row>
    <row r="506529" spans="14:14">
      <c r="N506529" s="10"/>
    </row>
    <row r="506530" spans="14:14">
      <c r="N506530" s="10"/>
    </row>
    <row r="506531" spans="14:14">
      <c r="N506531" s="10"/>
    </row>
    <row r="506532" spans="14:14">
      <c r="N506532" s="10"/>
    </row>
    <row r="506533" spans="14:14">
      <c r="N506533" s="10"/>
    </row>
    <row r="506534" spans="14:14">
      <c r="N506534" s="10"/>
    </row>
    <row r="506535" spans="14:14">
      <c r="N506535" s="10"/>
    </row>
    <row r="506536" spans="14:14">
      <c r="N506536" s="10"/>
    </row>
    <row r="506537" spans="14:14">
      <c r="N506537" s="10"/>
    </row>
    <row r="506538" spans="14:14">
      <c r="N506538" s="10"/>
    </row>
    <row r="506539" spans="14:14">
      <c r="N506539" s="10"/>
    </row>
    <row r="506540" spans="14:14">
      <c r="N506540" s="10"/>
    </row>
    <row r="506541" spans="14:14">
      <c r="N506541" s="10"/>
    </row>
    <row r="506542" spans="14:14">
      <c r="N506542" s="10"/>
    </row>
    <row r="506543" spans="14:14">
      <c r="N506543" s="10"/>
    </row>
    <row r="506544" spans="14:14">
      <c r="N506544" s="10"/>
    </row>
    <row r="506545" spans="14:14">
      <c r="N506545" s="10"/>
    </row>
    <row r="506546" spans="14:14">
      <c r="N506546" s="10"/>
    </row>
    <row r="506547" spans="14:14">
      <c r="N506547" s="10"/>
    </row>
    <row r="506548" spans="14:14">
      <c r="N506548" s="10"/>
    </row>
    <row r="506549" spans="14:14">
      <c r="N506549" s="10"/>
    </row>
    <row r="506550" spans="14:14">
      <c r="N506550" s="10"/>
    </row>
    <row r="506551" spans="14:14">
      <c r="N506551" s="10"/>
    </row>
    <row r="506552" spans="14:14">
      <c r="N506552" s="10"/>
    </row>
    <row r="506553" spans="14:14">
      <c r="N506553" s="10"/>
    </row>
    <row r="506554" spans="14:14">
      <c r="N506554" s="10"/>
    </row>
    <row r="506555" spans="14:14">
      <c r="N506555" s="10"/>
    </row>
    <row r="506556" spans="14:14">
      <c r="N506556" s="10"/>
    </row>
    <row r="506557" spans="14:14">
      <c r="N506557" s="10"/>
    </row>
    <row r="506558" spans="14:14">
      <c r="N506558" s="10"/>
    </row>
    <row r="506559" spans="14:14">
      <c r="N506559" s="10"/>
    </row>
    <row r="506560" spans="14:14">
      <c r="N506560" s="10"/>
    </row>
    <row r="506561" spans="14:14">
      <c r="N506561" s="10"/>
    </row>
    <row r="506562" spans="14:14">
      <c r="N506562" s="10"/>
    </row>
    <row r="506563" spans="14:14">
      <c r="N506563" s="10"/>
    </row>
    <row r="506564" spans="14:14">
      <c r="N506564" s="10"/>
    </row>
    <row r="506565" spans="14:14">
      <c r="N506565" s="10"/>
    </row>
    <row r="506566" spans="14:14">
      <c r="N506566" s="10"/>
    </row>
    <row r="506567" spans="14:14">
      <c r="N506567" s="10"/>
    </row>
    <row r="506568" spans="14:14">
      <c r="N506568" s="10"/>
    </row>
    <row r="506569" spans="14:14">
      <c r="N506569" s="10"/>
    </row>
    <row r="506570" spans="14:14">
      <c r="N506570" s="10"/>
    </row>
    <row r="506571" spans="14:14">
      <c r="N506571" s="10"/>
    </row>
    <row r="506572" spans="14:14">
      <c r="N506572" s="10"/>
    </row>
    <row r="506573" spans="14:14">
      <c r="N506573" s="10"/>
    </row>
    <row r="506574" spans="14:14">
      <c r="N506574" s="10"/>
    </row>
    <row r="506575" spans="14:14">
      <c r="N506575" s="10"/>
    </row>
    <row r="506576" spans="14:14">
      <c r="N506576" s="10"/>
    </row>
    <row r="506577" spans="14:14">
      <c r="N506577" s="10"/>
    </row>
    <row r="506578" spans="14:14">
      <c r="N506578" s="10"/>
    </row>
    <row r="506579" spans="14:14">
      <c r="N506579" s="10"/>
    </row>
    <row r="506580" spans="14:14">
      <c r="N506580" s="10"/>
    </row>
    <row r="506581" spans="14:14">
      <c r="N506581" s="10"/>
    </row>
    <row r="506582" spans="14:14">
      <c r="N506582" s="10"/>
    </row>
    <row r="506583" spans="14:14">
      <c r="N506583" s="10"/>
    </row>
    <row r="506584" spans="14:14">
      <c r="N506584" s="10"/>
    </row>
    <row r="506585" spans="14:14">
      <c r="N506585" s="10"/>
    </row>
    <row r="506586" spans="14:14">
      <c r="N506586" s="10"/>
    </row>
    <row r="506587" spans="14:14">
      <c r="N506587" s="10"/>
    </row>
    <row r="506588" spans="14:14">
      <c r="N506588" s="10"/>
    </row>
    <row r="506589" spans="14:14">
      <c r="N506589" s="10"/>
    </row>
    <row r="506590" spans="14:14">
      <c r="N506590" s="10"/>
    </row>
    <row r="506591" spans="14:14">
      <c r="N506591" s="10"/>
    </row>
    <row r="506592" spans="14:14">
      <c r="N506592" s="10"/>
    </row>
    <row r="506593" spans="14:14">
      <c r="N506593" s="10"/>
    </row>
    <row r="506594" spans="14:14">
      <c r="N506594" s="10"/>
    </row>
    <row r="506595" spans="14:14">
      <c r="N506595" s="10"/>
    </row>
    <row r="506596" spans="14:14">
      <c r="N506596" s="10"/>
    </row>
    <row r="506597" spans="14:14">
      <c r="N506597" s="10"/>
    </row>
    <row r="506598" spans="14:14">
      <c r="N506598" s="10"/>
    </row>
    <row r="506599" spans="14:14">
      <c r="N506599" s="10"/>
    </row>
    <row r="506600" spans="14:14">
      <c r="N506600" s="10"/>
    </row>
    <row r="506601" spans="14:14">
      <c r="N506601" s="10"/>
    </row>
    <row r="506602" spans="14:14">
      <c r="N506602" s="10"/>
    </row>
    <row r="506603" spans="14:14">
      <c r="N506603" s="10"/>
    </row>
    <row r="506604" spans="14:14">
      <c r="N506604" s="10"/>
    </row>
    <row r="506605" spans="14:14">
      <c r="N506605" s="10"/>
    </row>
    <row r="506606" spans="14:14">
      <c r="N506606" s="10"/>
    </row>
    <row r="506607" spans="14:14">
      <c r="N506607" s="10"/>
    </row>
    <row r="506608" spans="14:14">
      <c r="N506608" s="10"/>
    </row>
    <row r="506609" spans="14:14">
      <c r="N506609" s="10"/>
    </row>
    <row r="506610" spans="14:14">
      <c r="N506610" s="10"/>
    </row>
    <row r="506611" spans="14:14">
      <c r="N506611" s="10"/>
    </row>
    <row r="506612" spans="14:14">
      <c r="N506612" s="10"/>
    </row>
    <row r="506613" spans="14:14">
      <c r="N506613" s="10"/>
    </row>
    <row r="506614" spans="14:14">
      <c r="N506614" s="10"/>
    </row>
    <row r="506615" spans="14:14">
      <c r="N506615" s="10"/>
    </row>
    <row r="506616" spans="14:14">
      <c r="N506616" s="10"/>
    </row>
    <row r="506617" spans="14:14">
      <c r="N506617" s="10"/>
    </row>
    <row r="506618" spans="14:14">
      <c r="N506618" s="10"/>
    </row>
    <row r="506619" spans="14:14">
      <c r="N506619" s="10"/>
    </row>
    <row r="506620" spans="14:14">
      <c r="N506620" s="10"/>
    </row>
    <row r="506621" spans="14:14">
      <c r="N506621" s="10"/>
    </row>
    <row r="506622" spans="14:14">
      <c r="N506622" s="10"/>
    </row>
    <row r="506623" spans="14:14">
      <c r="N506623" s="10"/>
    </row>
    <row r="506624" spans="14:14">
      <c r="N506624" s="10"/>
    </row>
    <row r="506625" spans="14:14">
      <c r="N506625" s="10"/>
    </row>
    <row r="506626" spans="14:14">
      <c r="N506626" s="10"/>
    </row>
    <row r="506627" spans="14:14">
      <c r="N506627" s="10"/>
    </row>
    <row r="506628" spans="14:14">
      <c r="N506628" s="10"/>
    </row>
    <row r="506629" spans="14:14">
      <c r="N506629" s="10"/>
    </row>
    <row r="506630" spans="14:14">
      <c r="N506630" s="10"/>
    </row>
    <row r="506631" spans="14:14">
      <c r="N506631" s="10"/>
    </row>
    <row r="506632" spans="14:14">
      <c r="N506632" s="10"/>
    </row>
    <row r="506633" spans="14:14">
      <c r="N506633" s="10"/>
    </row>
    <row r="506634" spans="14:14">
      <c r="N506634" s="10"/>
    </row>
    <row r="506635" spans="14:14">
      <c r="N506635" s="10"/>
    </row>
    <row r="506636" spans="14:14">
      <c r="N506636" s="10"/>
    </row>
    <row r="506637" spans="14:14">
      <c r="N506637" s="10"/>
    </row>
    <row r="506638" spans="14:14">
      <c r="N506638" s="10"/>
    </row>
    <row r="506639" spans="14:14">
      <c r="N506639" s="10"/>
    </row>
    <row r="506640" spans="14:14">
      <c r="N506640" s="10"/>
    </row>
    <row r="506641" spans="14:14">
      <c r="N506641" s="10"/>
    </row>
    <row r="506642" spans="14:14">
      <c r="N506642" s="10"/>
    </row>
    <row r="506643" spans="14:14">
      <c r="N506643" s="10"/>
    </row>
    <row r="506644" spans="14:14">
      <c r="N506644" s="10"/>
    </row>
    <row r="506645" spans="14:14">
      <c r="N506645" s="10"/>
    </row>
    <row r="506646" spans="14:14">
      <c r="N506646" s="10"/>
    </row>
    <row r="506647" spans="14:14">
      <c r="N506647" s="10"/>
    </row>
    <row r="506648" spans="14:14">
      <c r="N506648" s="10"/>
    </row>
    <row r="506649" spans="14:14">
      <c r="N506649" s="10"/>
    </row>
    <row r="506650" spans="14:14">
      <c r="N506650" s="10"/>
    </row>
    <row r="506651" spans="14:14">
      <c r="N506651" s="10"/>
    </row>
    <row r="506652" spans="14:14">
      <c r="N506652" s="10"/>
    </row>
    <row r="506653" spans="14:14">
      <c r="N506653" s="10"/>
    </row>
    <row r="506654" spans="14:14">
      <c r="N506654" s="10"/>
    </row>
    <row r="506655" spans="14:14">
      <c r="N506655" s="10"/>
    </row>
    <row r="506656" spans="14:14">
      <c r="N506656" s="10"/>
    </row>
    <row r="506657" spans="14:14">
      <c r="N506657" s="10"/>
    </row>
    <row r="506658" spans="14:14">
      <c r="N506658" s="10"/>
    </row>
    <row r="506659" spans="14:14">
      <c r="N506659" s="10"/>
    </row>
    <row r="506660" spans="14:14">
      <c r="N506660" s="10"/>
    </row>
    <row r="506661" spans="14:14">
      <c r="N506661" s="10"/>
    </row>
    <row r="506662" spans="14:14">
      <c r="N506662" s="10"/>
    </row>
    <row r="506663" spans="14:14">
      <c r="N506663" s="10"/>
    </row>
    <row r="506664" spans="14:14">
      <c r="N506664" s="10"/>
    </row>
    <row r="506665" spans="14:14">
      <c r="N506665" s="10"/>
    </row>
    <row r="506666" spans="14:14">
      <c r="N506666" s="10"/>
    </row>
    <row r="506667" spans="14:14">
      <c r="N506667" s="10"/>
    </row>
    <row r="506668" spans="14:14">
      <c r="N506668" s="10"/>
    </row>
    <row r="506669" spans="14:14">
      <c r="N506669" s="10"/>
    </row>
    <row r="506670" spans="14:14">
      <c r="N506670" s="10"/>
    </row>
    <row r="506671" spans="14:14">
      <c r="N506671" s="10"/>
    </row>
    <row r="506672" spans="14:14">
      <c r="N506672" s="10"/>
    </row>
    <row r="506673" spans="14:14">
      <c r="N506673" s="10"/>
    </row>
    <row r="506674" spans="14:14">
      <c r="N506674" s="10"/>
    </row>
    <row r="506675" spans="14:14">
      <c r="N506675" s="10"/>
    </row>
    <row r="506676" spans="14:14">
      <c r="N506676" s="10"/>
    </row>
    <row r="506677" spans="14:14">
      <c r="N506677" s="10"/>
    </row>
    <row r="506678" spans="14:14">
      <c r="N506678" s="10"/>
    </row>
    <row r="506679" spans="14:14">
      <c r="N506679" s="10"/>
    </row>
    <row r="506680" spans="14:14">
      <c r="N506680" s="10"/>
    </row>
    <row r="506681" spans="14:14">
      <c r="N506681" s="10"/>
    </row>
    <row r="506682" spans="14:14">
      <c r="N506682" s="10"/>
    </row>
    <row r="506683" spans="14:14">
      <c r="N506683" s="10"/>
    </row>
    <row r="506684" spans="14:14">
      <c r="N506684" s="10"/>
    </row>
    <row r="506685" spans="14:14">
      <c r="N506685" s="10"/>
    </row>
    <row r="506686" spans="14:14">
      <c r="N506686" s="10"/>
    </row>
    <row r="506687" spans="14:14">
      <c r="N506687" s="10"/>
    </row>
    <row r="506688" spans="14:14">
      <c r="N506688" s="10"/>
    </row>
    <row r="506689" spans="14:14">
      <c r="N506689" s="10"/>
    </row>
    <row r="506690" spans="14:14">
      <c r="N506690" s="10"/>
    </row>
    <row r="506691" spans="14:14">
      <c r="N506691" s="10"/>
    </row>
    <row r="506692" spans="14:14">
      <c r="N506692" s="10"/>
    </row>
    <row r="506693" spans="14:14">
      <c r="N506693" s="10"/>
    </row>
    <row r="506694" spans="14:14">
      <c r="N506694" s="10"/>
    </row>
    <row r="506695" spans="14:14">
      <c r="N506695" s="10"/>
    </row>
    <row r="506696" spans="14:14">
      <c r="N506696" s="10"/>
    </row>
    <row r="506697" spans="14:14">
      <c r="N506697" s="10"/>
    </row>
    <row r="506698" spans="14:14">
      <c r="N506698" s="10"/>
    </row>
    <row r="506699" spans="14:14">
      <c r="N506699" s="10"/>
    </row>
    <row r="506700" spans="14:14">
      <c r="N506700" s="10"/>
    </row>
    <row r="506701" spans="14:14">
      <c r="N506701" s="10"/>
    </row>
    <row r="506702" spans="14:14">
      <c r="N506702" s="10"/>
    </row>
    <row r="506703" spans="14:14">
      <c r="N506703" s="10"/>
    </row>
    <row r="506704" spans="14:14">
      <c r="N506704" s="10"/>
    </row>
    <row r="506705" spans="14:14">
      <c r="N506705" s="10"/>
    </row>
    <row r="506706" spans="14:14">
      <c r="N506706" s="10"/>
    </row>
    <row r="506707" spans="14:14">
      <c r="N506707" s="10"/>
    </row>
    <row r="506708" spans="14:14">
      <c r="N506708" s="10"/>
    </row>
    <row r="506709" spans="14:14">
      <c r="N506709" s="10"/>
    </row>
    <row r="506710" spans="14:14">
      <c r="N506710" s="10"/>
    </row>
    <row r="506711" spans="14:14">
      <c r="N506711" s="10"/>
    </row>
    <row r="506712" spans="14:14">
      <c r="N506712" s="10"/>
    </row>
    <row r="506713" spans="14:14">
      <c r="N506713" s="10"/>
    </row>
    <row r="506714" spans="14:14">
      <c r="N506714" s="10"/>
    </row>
    <row r="506715" spans="14:14">
      <c r="N506715" s="10"/>
    </row>
    <row r="506716" spans="14:14">
      <c r="N506716" s="10"/>
    </row>
    <row r="506717" spans="14:14">
      <c r="N506717" s="10"/>
    </row>
    <row r="506718" spans="14:14">
      <c r="N506718" s="10"/>
    </row>
    <row r="506719" spans="14:14">
      <c r="N506719" s="10"/>
    </row>
    <row r="506720" spans="14:14">
      <c r="N506720" s="10"/>
    </row>
    <row r="506721" spans="14:14">
      <c r="N506721" s="10"/>
    </row>
    <row r="506722" spans="14:14">
      <c r="N506722" s="10"/>
    </row>
    <row r="506723" spans="14:14">
      <c r="N506723" s="10"/>
    </row>
    <row r="506724" spans="14:14">
      <c r="N506724" s="10"/>
    </row>
    <row r="506725" spans="14:14">
      <c r="N506725" s="10"/>
    </row>
    <row r="506726" spans="14:14">
      <c r="N506726" s="10"/>
    </row>
    <row r="506727" spans="14:14">
      <c r="N506727" s="10"/>
    </row>
    <row r="506728" spans="14:14">
      <c r="N506728" s="10"/>
    </row>
    <row r="506729" spans="14:14">
      <c r="N506729" s="10"/>
    </row>
    <row r="506730" spans="14:14">
      <c r="N506730" s="10"/>
    </row>
    <row r="506731" spans="14:14">
      <c r="N506731" s="10"/>
    </row>
    <row r="506732" spans="14:14">
      <c r="N506732" s="10"/>
    </row>
    <row r="506733" spans="14:14">
      <c r="N506733" s="10"/>
    </row>
    <row r="506734" spans="14:14">
      <c r="N506734" s="10"/>
    </row>
    <row r="506735" spans="14:14">
      <c r="N506735" s="10"/>
    </row>
    <row r="506736" spans="14:14">
      <c r="N506736" s="10"/>
    </row>
    <row r="506737" spans="14:14">
      <c r="N506737" s="10"/>
    </row>
    <row r="506738" spans="14:14">
      <c r="N506738" s="10"/>
    </row>
    <row r="506739" spans="14:14">
      <c r="N506739" s="10"/>
    </row>
    <row r="506740" spans="14:14">
      <c r="N506740" s="10"/>
    </row>
    <row r="506741" spans="14:14">
      <c r="N506741" s="10"/>
    </row>
    <row r="506742" spans="14:14">
      <c r="N506742" s="10"/>
    </row>
    <row r="506743" spans="14:14">
      <c r="N506743" s="10"/>
    </row>
    <row r="506744" spans="14:14">
      <c r="N506744" s="10"/>
    </row>
    <row r="506745" spans="14:14">
      <c r="N506745" s="10"/>
    </row>
    <row r="506746" spans="14:14">
      <c r="N506746" s="10"/>
    </row>
    <row r="506747" spans="14:14">
      <c r="N506747" s="10"/>
    </row>
    <row r="506748" spans="14:14">
      <c r="N506748" s="10"/>
    </row>
    <row r="506749" spans="14:14">
      <c r="N506749" s="10"/>
    </row>
    <row r="506750" spans="14:14">
      <c r="N506750" s="10"/>
    </row>
    <row r="506751" spans="14:14">
      <c r="N506751" s="10"/>
    </row>
    <row r="506752" spans="14:14">
      <c r="N506752" s="10"/>
    </row>
    <row r="506753" spans="14:14">
      <c r="N506753" s="10"/>
    </row>
    <row r="506754" spans="14:14">
      <c r="N506754" s="10"/>
    </row>
    <row r="506755" spans="14:14">
      <c r="N506755" s="10"/>
    </row>
    <row r="506756" spans="14:14">
      <c r="N506756" s="10"/>
    </row>
    <row r="506757" spans="14:14">
      <c r="N506757" s="10"/>
    </row>
    <row r="506758" spans="14:14">
      <c r="N506758" s="10"/>
    </row>
    <row r="506759" spans="14:14">
      <c r="N506759" s="10"/>
    </row>
    <row r="506760" spans="14:14">
      <c r="N506760" s="10"/>
    </row>
    <row r="506761" spans="14:14">
      <c r="N506761" s="10"/>
    </row>
    <row r="506762" spans="14:14">
      <c r="N506762" s="10"/>
    </row>
    <row r="506763" spans="14:14">
      <c r="N506763" s="10"/>
    </row>
    <row r="506764" spans="14:14">
      <c r="N506764" s="10"/>
    </row>
    <row r="506765" spans="14:14">
      <c r="N506765" s="10"/>
    </row>
    <row r="506766" spans="14:14">
      <c r="N506766" s="10"/>
    </row>
    <row r="506767" spans="14:14">
      <c r="N506767" s="10"/>
    </row>
    <row r="506768" spans="14:14">
      <c r="N506768" s="10"/>
    </row>
    <row r="506769" spans="14:14">
      <c r="N506769" s="10"/>
    </row>
    <row r="506770" spans="14:14">
      <c r="N506770" s="10"/>
    </row>
    <row r="506771" spans="14:14">
      <c r="N506771" s="10"/>
    </row>
    <row r="506772" spans="14:14">
      <c r="N506772" s="10"/>
    </row>
    <row r="506773" spans="14:14">
      <c r="N506773" s="10"/>
    </row>
    <row r="506774" spans="14:14">
      <c r="N506774" s="10"/>
    </row>
    <row r="506775" spans="14:14">
      <c r="N506775" s="10"/>
    </row>
    <row r="506776" spans="14:14">
      <c r="N506776" s="10"/>
    </row>
    <row r="506777" spans="14:14">
      <c r="N506777" s="10"/>
    </row>
    <row r="506778" spans="14:14">
      <c r="N506778" s="10"/>
    </row>
    <row r="506779" spans="14:14">
      <c r="N506779" s="10"/>
    </row>
    <row r="506780" spans="14:14">
      <c r="N506780" s="10"/>
    </row>
    <row r="506781" spans="14:14">
      <c r="N506781" s="10"/>
    </row>
    <row r="506782" spans="14:14">
      <c r="N506782" s="10"/>
    </row>
    <row r="506783" spans="14:14">
      <c r="N506783" s="10"/>
    </row>
    <row r="506784" spans="14:14">
      <c r="N506784" s="10"/>
    </row>
    <row r="506785" spans="14:14">
      <c r="N506785" s="10"/>
    </row>
    <row r="506786" spans="14:14">
      <c r="N506786" s="10"/>
    </row>
    <row r="506787" spans="14:14">
      <c r="N506787" s="10"/>
    </row>
    <row r="506788" spans="14:14">
      <c r="N506788" s="10"/>
    </row>
    <row r="506789" spans="14:14">
      <c r="N506789" s="10"/>
    </row>
    <row r="506790" spans="14:14">
      <c r="N506790" s="10"/>
    </row>
    <row r="506791" spans="14:14">
      <c r="N506791" s="10"/>
    </row>
    <row r="506792" spans="14:14">
      <c r="N506792" s="10"/>
    </row>
    <row r="506793" spans="14:14">
      <c r="N506793" s="10"/>
    </row>
    <row r="506794" spans="14:14">
      <c r="N506794" s="10"/>
    </row>
    <row r="506795" spans="14:14">
      <c r="N506795" s="10"/>
    </row>
    <row r="506796" spans="14:14">
      <c r="N506796" s="10"/>
    </row>
    <row r="506797" spans="14:14">
      <c r="N506797" s="10"/>
    </row>
    <row r="506798" spans="14:14">
      <c r="N506798" s="10"/>
    </row>
    <row r="506799" spans="14:14">
      <c r="N506799" s="10"/>
    </row>
    <row r="506800" spans="14:14">
      <c r="N506800" s="10"/>
    </row>
    <row r="506801" spans="14:14">
      <c r="N506801" s="10"/>
    </row>
    <row r="506802" spans="14:14">
      <c r="N506802" s="10"/>
    </row>
    <row r="506803" spans="14:14">
      <c r="N506803" s="10"/>
    </row>
    <row r="506804" spans="14:14">
      <c r="N506804" s="10"/>
    </row>
    <row r="506805" spans="14:14">
      <c r="N506805" s="10"/>
    </row>
    <row r="506806" spans="14:14">
      <c r="N506806" s="10"/>
    </row>
    <row r="506807" spans="14:14">
      <c r="N506807" s="10"/>
    </row>
    <row r="506808" spans="14:14">
      <c r="N506808" s="10"/>
    </row>
    <row r="506809" spans="14:14">
      <c r="N506809" s="10"/>
    </row>
    <row r="506810" spans="14:14">
      <c r="N506810" s="10"/>
    </row>
    <row r="506811" spans="14:14">
      <c r="N506811" s="10"/>
    </row>
    <row r="506812" spans="14:14">
      <c r="N506812" s="10"/>
    </row>
    <row r="506813" spans="14:14">
      <c r="N506813" s="10"/>
    </row>
    <row r="506814" spans="14:14">
      <c r="N506814" s="10"/>
    </row>
    <row r="506815" spans="14:14">
      <c r="N506815" s="10"/>
    </row>
    <row r="506816" spans="14:14">
      <c r="N506816" s="10"/>
    </row>
    <row r="506817" spans="14:14">
      <c r="N506817" s="10"/>
    </row>
    <row r="506818" spans="14:14">
      <c r="N506818" s="10"/>
    </row>
    <row r="506819" spans="14:14">
      <c r="N506819" s="10"/>
    </row>
    <row r="506820" spans="14:14">
      <c r="N506820" s="10"/>
    </row>
    <row r="506821" spans="14:14">
      <c r="N506821" s="10"/>
    </row>
    <row r="506822" spans="14:14">
      <c r="N506822" s="10"/>
    </row>
    <row r="506823" spans="14:14">
      <c r="N506823" s="10"/>
    </row>
    <row r="506824" spans="14:14">
      <c r="N506824" s="10"/>
    </row>
    <row r="506825" spans="14:14">
      <c r="N506825" s="10"/>
    </row>
    <row r="506826" spans="14:14">
      <c r="N506826" s="10"/>
    </row>
    <row r="506827" spans="14:14">
      <c r="N506827" s="10"/>
    </row>
    <row r="506828" spans="14:14">
      <c r="N506828" s="10"/>
    </row>
    <row r="506829" spans="14:14">
      <c r="N506829" s="10"/>
    </row>
    <row r="506830" spans="14:14">
      <c r="N506830" s="10"/>
    </row>
    <row r="506831" spans="14:14">
      <c r="N506831" s="10"/>
    </row>
    <row r="506832" spans="14:14">
      <c r="N506832" s="10"/>
    </row>
    <row r="506833" spans="14:14">
      <c r="N506833" s="10"/>
    </row>
    <row r="506834" spans="14:14">
      <c r="N506834" s="10"/>
    </row>
    <row r="506835" spans="14:14">
      <c r="N506835" s="10"/>
    </row>
    <row r="506836" spans="14:14">
      <c r="N506836" s="10"/>
    </row>
    <row r="506837" spans="14:14">
      <c r="N506837" s="10"/>
    </row>
    <row r="506838" spans="14:14">
      <c r="N506838" s="10"/>
    </row>
    <row r="506839" spans="14:14">
      <c r="N506839" s="10"/>
    </row>
    <row r="506840" spans="14:14">
      <c r="N506840" s="10"/>
    </row>
    <row r="506841" spans="14:14">
      <c r="N506841" s="10"/>
    </row>
    <row r="506842" spans="14:14">
      <c r="N506842" s="10"/>
    </row>
    <row r="506843" spans="14:14">
      <c r="N506843" s="10"/>
    </row>
    <row r="506844" spans="14:14">
      <c r="N506844" s="10"/>
    </row>
    <row r="506845" spans="14:14">
      <c r="N506845" s="10"/>
    </row>
    <row r="506846" spans="14:14">
      <c r="N506846" s="10"/>
    </row>
    <row r="506847" spans="14:14">
      <c r="N506847" s="10"/>
    </row>
    <row r="506848" spans="14:14">
      <c r="N506848" s="10"/>
    </row>
    <row r="506849" spans="14:14">
      <c r="N506849" s="10"/>
    </row>
    <row r="506850" spans="14:14">
      <c r="N506850" s="10"/>
    </row>
    <row r="506851" spans="14:14">
      <c r="N506851" s="10"/>
    </row>
    <row r="506852" spans="14:14">
      <c r="N506852" s="10"/>
    </row>
    <row r="506853" spans="14:14">
      <c r="N506853" s="10"/>
    </row>
    <row r="506854" spans="14:14">
      <c r="N506854" s="10"/>
    </row>
    <row r="506855" spans="14:14">
      <c r="N506855" s="10"/>
    </row>
    <row r="506856" spans="14:14">
      <c r="N506856" s="10"/>
    </row>
    <row r="506857" spans="14:14">
      <c r="N506857" s="10"/>
    </row>
    <row r="506858" spans="14:14">
      <c r="N506858" s="10"/>
    </row>
    <row r="506859" spans="14:14">
      <c r="N506859" s="10"/>
    </row>
    <row r="506860" spans="14:14">
      <c r="N506860" s="10"/>
    </row>
    <row r="506861" spans="14:14">
      <c r="N506861" s="10"/>
    </row>
    <row r="506862" spans="14:14">
      <c r="N506862" s="10"/>
    </row>
    <row r="506863" spans="14:14">
      <c r="N506863" s="10"/>
    </row>
    <row r="506864" spans="14:14">
      <c r="N506864" s="10"/>
    </row>
    <row r="506865" spans="14:14">
      <c r="N506865" s="10"/>
    </row>
    <row r="506866" spans="14:14">
      <c r="N506866" s="10"/>
    </row>
    <row r="506867" spans="14:14">
      <c r="N506867" s="10"/>
    </row>
    <row r="506868" spans="14:14">
      <c r="N506868" s="10"/>
    </row>
    <row r="506869" spans="14:14">
      <c r="N506869" s="10"/>
    </row>
    <row r="506870" spans="14:14">
      <c r="N506870" s="10"/>
    </row>
    <row r="506871" spans="14:14">
      <c r="N506871" s="10"/>
    </row>
    <row r="506872" spans="14:14">
      <c r="N506872" s="10"/>
    </row>
    <row r="506873" spans="14:14">
      <c r="N506873" s="10"/>
    </row>
    <row r="506874" spans="14:14">
      <c r="N506874" s="10"/>
    </row>
    <row r="506875" spans="14:14">
      <c r="N506875" s="10"/>
    </row>
    <row r="506876" spans="14:14">
      <c r="N506876" s="10"/>
    </row>
    <row r="506877" spans="14:14">
      <c r="N506877" s="10"/>
    </row>
    <row r="506878" spans="14:14">
      <c r="N506878" s="10"/>
    </row>
    <row r="506879" spans="14:14">
      <c r="N506879" s="10"/>
    </row>
    <row r="506880" spans="14:14">
      <c r="N506880" s="10"/>
    </row>
    <row r="506881" spans="14:14">
      <c r="N506881" s="10"/>
    </row>
    <row r="506882" spans="14:14">
      <c r="N506882" s="10"/>
    </row>
    <row r="506883" spans="14:14">
      <c r="N506883" s="10"/>
    </row>
    <row r="506884" spans="14:14">
      <c r="N506884" s="10"/>
    </row>
    <row r="506885" spans="14:14">
      <c r="N506885" s="10"/>
    </row>
    <row r="506886" spans="14:14">
      <c r="N506886" s="10"/>
    </row>
    <row r="506887" spans="14:14">
      <c r="N506887" s="10"/>
    </row>
    <row r="506888" spans="14:14">
      <c r="N506888" s="10"/>
    </row>
    <row r="506889" spans="14:14">
      <c r="N506889" s="10"/>
    </row>
    <row r="506890" spans="14:14">
      <c r="N506890" s="10"/>
    </row>
    <row r="506891" spans="14:14">
      <c r="N506891" s="10"/>
    </row>
    <row r="506892" spans="14:14">
      <c r="N506892" s="10"/>
    </row>
    <row r="506893" spans="14:14">
      <c r="N506893" s="10"/>
    </row>
    <row r="506894" spans="14:14">
      <c r="N506894" s="10"/>
    </row>
    <row r="506895" spans="14:14">
      <c r="N506895" s="10"/>
    </row>
    <row r="506896" spans="14:14">
      <c r="N506896" s="10"/>
    </row>
    <row r="506897" spans="14:14">
      <c r="N506897" s="10"/>
    </row>
    <row r="506898" spans="14:14">
      <c r="N506898" s="10"/>
    </row>
    <row r="506899" spans="14:14">
      <c r="N506899" s="10"/>
    </row>
    <row r="506900" spans="14:14">
      <c r="N506900" s="10"/>
    </row>
    <row r="506901" spans="14:14">
      <c r="N506901" s="10"/>
    </row>
    <row r="506902" spans="14:14">
      <c r="N506902" s="10"/>
    </row>
    <row r="506903" spans="14:14">
      <c r="N506903" s="10"/>
    </row>
    <row r="506904" spans="14:14">
      <c r="N506904" s="10"/>
    </row>
    <row r="506905" spans="14:14">
      <c r="N506905" s="10"/>
    </row>
    <row r="506906" spans="14:14">
      <c r="N506906" s="10"/>
    </row>
    <row r="506907" spans="14:14">
      <c r="N506907" s="10"/>
    </row>
    <row r="506908" spans="14:14">
      <c r="N506908" s="10"/>
    </row>
    <row r="506909" spans="14:14">
      <c r="N506909" s="10"/>
    </row>
    <row r="506910" spans="14:14">
      <c r="N506910" s="10"/>
    </row>
    <row r="506911" spans="14:14">
      <c r="N506911" s="10"/>
    </row>
    <row r="506912" spans="14:14">
      <c r="N506912" s="10"/>
    </row>
    <row r="506913" spans="14:14">
      <c r="N506913" s="10"/>
    </row>
    <row r="506914" spans="14:14">
      <c r="N506914" s="10"/>
    </row>
    <row r="506915" spans="14:14">
      <c r="N506915" s="10"/>
    </row>
    <row r="506916" spans="14:14">
      <c r="N506916" s="10"/>
    </row>
    <row r="506917" spans="14:14">
      <c r="N506917" s="10"/>
    </row>
    <row r="506918" spans="14:14">
      <c r="N506918" s="10"/>
    </row>
    <row r="506919" spans="14:14">
      <c r="N506919" s="10"/>
    </row>
    <row r="506920" spans="14:14">
      <c r="N506920" s="10"/>
    </row>
    <row r="506921" spans="14:14">
      <c r="N506921" s="10"/>
    </row>
    <row r="506922" spans="14:14">
      <c r="N506922" s="10"/>
    </row>
    <row r="506923" spans="14:14">
      <c r="N506923" s="10"/>
    </row>
    <row r="506924" spans="14:14">
      <c r="N506924" s="10"/>
    </row>
    <row r="506925" spans="14:14">
      <c r="N506925" s="10"/>
    </row>
    <row r="506926" spans="14:14">
      <c r="N506926" s="10"/>
    </row>
    <row r="506927" spans="14:14">
      <c r="N506927" s="10"/>
    </row>
    <row r="506928" spans="14:14">
      <c r="N506928" s="10"/>
    </row>
    <row r="506929" spans="14:14">
      <c r="N506929" s="10"/>
    </row>
    <row r="506930" spans="14:14">
      <c r="N506930" s="10"/>
    </row>
    <row r="506931" spans="14:14">
      <c r="N506931" s="10"/>
    </row>
    <row r="506932" spans="14:14">
      <c r="N506932" s="10"/>
    </row>
    <row r="506933" spans="14:14">
      <c r="N506933" s="10"/>
    </row>
    <row r="506934" spans="14:14">
      <c r="N506934" s="10"/>
    </row>
    <row r="506935" spans="14:14">
      <c r="N506935" s="10"/>
    </row>
    <row r="506936" spans="14:14">
      <c r="N506936" s="10"/>
    </row>
    <row r="506937" spans="14:14">
      <c r="N506937" s="10"/>
    </row>
    <row r="506938" spans="14:14">
      <c r="N506938" s="10"/>
    </row>
    <row r="506939" spans="14:14">
      <c r="N506939" s="10"/>
    </row>
    <row r="506940" spans="14:14">
      <c r="N506940" s="10"/>
    </row>
    <row r="506941" spans="14:14">
      <c r="N506941" s="10"/>
    </row>
    <row r="506942" spans="14:14">
      <c r="N506942" s="10"/>
    </row>
    <row r="506943" spans="14:14">
      <c r="N506943" s="10"/>
    </row>
    <row r="506944" spans="14:14">
      <c r="N506944" s="10"/>
    </row>
    <row r="506945" spans="14:14">
      <c r="N506945" s="10"/>
    </row>
    <row r="506946" spans="14:14">
      <c r="N506946" s="10"/>
    </row>
    <row r="506947" spans="14:14">
      <c r="N506947" s="10"/>
    </row>
    <row r="506948" spans="14:14">
      <c r="N506948" s="10"/>
    </row>
    <row r="506949" spans="14:14">
      <c r="N506949" s="10"/>
    </row>
    <row r="506950" spans="14:14">
      <c r="N506950" s="10"/>
    </row>
    <row r="506951" spans="14:14">
      <c r="N506951" s="10"/>
    </row>
    <row r="506952" spans="14:14">
      <c r="N506952" s="10"/>
    </row>
    <row r="506953" spans="14:14">
      <c r="N506953" s="10"/>
    </row>
    <row r="506954" spans="14:14">
      <c r="N506954" s="10"/>
    </row>
    <row r="506955" spans="14:14">
      <c r="N506955" s="10"/>
    </row>
    <row r="506956" spans="14:14">
      <c r="N506956" s="10"/>
    </row>
    <row r="506957" spans="14:14">
      <c r="N506957" s="10"/>
    </row>
    <row r="506958" spans="14:14">
      <c r="N506958" s="10"/>
    </row>
    <row r="506959" spans="14:14">
      <c r="N506959" s="10"/>
    </row>
    <row r="506960" spans="14:14">
      <c r="N506960" s="10"/>
    </row>
    <row r="506961" spans="14:14">
      <c r="N506961" s="10"/>
    </row>
    <row r="506962" spans="14:14">
      <c r="N506962" s="10"/>
    </row>
    <row r="506963" spans="14:14">
      <c r="N506963" s="10"/>
    </row>
    <row r="506964" spans="14:14">
      <c r="N506964" s="10"/>
    </row>
    <row r="506965" spans="14:14">
      <c r="N506965" s="10"/>
    </row>
    <row r="506966" spans="14:14">
      <c r="N506966" s="10"/>
    </row>
    <row r="506967" spans="14:14">
      <c r="N506967" s="10"/>
    </row>
    <row r="506968" spans="14:14">
      <c r="N506968" s="10"/>
    </row>
    <row r="506969" spans="14:14">
      <c r="N506969" s="10"/>
    </row>
    <row r="506970" spans="14:14">
      <c r="N506970" s="10"/>
    </row>
    <row r="506971" spans="14:14">
      <c r="N506971" s="10"/>
    </row>
    <row r="506972" spans="14:14">
      <c r="N506972" s="10"/>
    </row>
    <row r="506973" spans="14:14">
      <c r="N506973" s="10"/>
    </row>
    <row r="506974" spans="14:14">
      <c r="N506974" s="10"/>
    </row>
    <row r="506975" spans="14:14">
      <c r="N506975" s="10"/>
    </row>
    <row r="506976" spans="14:14">
      <c r="N506976" s="10"/>
    </row>
    <row r="506977" spans="14:14">
      <c r="N506977" s="10"/>
    </row>
    <row r="506978" spans="14:14">
      <c r="N506978" s="10"/>
    </row>
    <row r="506979" spans="14:14">
      <c r="N506979" s="10"/>
    </row>
    <row r="506980" spans="14:14">
      <c r="N506980" s="10"/>
    </row>
    <row r="506981" spans="14:14">
      <c r="N506981" s="10"/>
    </row>
    <row r="506982" spans="14:14">
      <c r="N506982" s="10"/>
    </row>
    <row r="506983" spans="14:14">
      <c r="N506983" s="10"/>
    </row>
    <row r="506984" spans="14:14">
      <c r="N506984" s="10"/>
    </row>
    <row r="506985" spans="14:14">
      <c r="N506985" s="10"/>
    </row>
    <row r="506986" spans="14:14">
      <c r="N506986" s="10"/>
    </row>
    <row r="506987" spans="14:14">
      <c r="N506987" s="10"/>
    </row>
    <row r="506988" spans="14:14">
      <c r="N506988" s="10"/>
    </row>
    <row r="506989" spans="14:14">
      <c r="N506989" s="10"/>
    </row>
    <row r="506990" spans="14:14">
      <c r="N506990" s="10"/>
    </row>
    <row r="506991" spans="14:14">
      <c r="N506991" s="10"/>
    </row>
    <row r="506992" spans="14:14">
      <c r="N506992" s="10"/>
    </row>
    <row r="506993" spans="14:14">
      <c r="N506993" s="10"/>
    </row>
    <row r="506994" spans="14:14">
      <c r="N506994" s="10"/>
    </row>
    <row r="506995" spans="14:14">
      <c r="N506995" s="10"/>
    </row>
    <row r="506996" spans="14:14">
      <c r="N506996" s="10"/>
    </row>
    <row r="506997" spans="14:14">
      <c r="N506997" s="10"/>
    </row>
    <row r="506998" spans="14:14">
      <c r="N506998" s="10"/>
    </row>
    <row r="506999" spans="14:14">
      <c r="N506999" s="10"/>
    </row>
    <row r="507000" spans="14:14">
      <c r="N507000" s="10"/>
    </row>
    <row r="507001" spans="14:14">
      <c r="N507001" s="10"/>
    </row>
    <row r="507002" spans="14:14">
      <c r="N507002" s="10"/>
    </row>
    <row r="507003" spans="14:14">
      <c r="N507003" s="10"/>
    </row>
    <row r="507004" spans="14:14">
      <c r="N507004" s="10"/>
    </row>
    <row r="507005" spans="14:14">
      <c r="N507005" s="10"/>
    </row>
    <row r="507006" spans="14:14">
      <c r="N507006" s="10"/>
    </row>
    <row r="507007" spans="14:14">
      <c r="N507007" s="10"/>
    </row>
    <row r="507008" spans="14:14">
      <c r="N507008" s="10"/>
    </row>
    <row r="507009" spans="14:14">
      <c r="N507009" s="10"/>
    </row>
    <row r="507010" spans="14:14">
      <c r="N507010" s="10"/>
    </row>
    <row r="507011" spans="14:14">
      <c r="N507011" s="10"/>
    </row>
    <row r="507012" spans="14:14">
      <c r="N507012" s="10"/>
    </row>
    <row r="507013" spans="14:14">
      <c r="N507013" s="10"/>
    </row>
    <row r="507014" spans="14:14">
      <c r="N507014" s="10"/>
    </row>
    <row r="507015" spans="14:14">
      <c r="N507015" s="10"/>
    </row>
    <row r="507016" spans="14:14">
      <c r="N507016" s="10"/>
    </row>
    <row r="507017" spans="14:14">
      <c r="N507017" s="10"/>
    </row>
    <row r="507018" spans="14:14">
      <c r="N507018" s="10"/>
    </row>
    <row r="507019" spans="14:14">
      <c r="N507019" s="10"/>
    </row>
    <row r="507020" spans="14:14">
      <c r="N507020" s="10"/>
    </row>
    <row r="507021" spans="14:14">
      <c r="N507021" s="10"/>
    </row>
    <row r="507022" spans="14:14">
      <c r="N507022" s="10"/>
    </row>
    <row r="507023" spans="14:14">
      <c r="N507023" s="10"/>
    </row>
    <row r="507024" spans="14:14">
      <c r="N507024" s="10"/>
    </row>
    <row r="507025" spans="14:14">
      <c r="N507025" s="10"/>
    </row>
    <row r="507026" spans="14:14">
      <c r="N507026" s="10"/>
    </row>
    <row r="507027" spans="14:14">
      <c r="N507027" s="10"/>
    </row>
    <row r="507028" spans="14:14">
      <c r="N507028" s="10"/>
    </row>
    <row r="507029" spans="14:14">
      <c r="N507029" s="10"/>
    </row>
    <row r="507030" spans="14:14">
      <c r="N507030" s="10"/>
    </row>
    <row r="507031" spans="14:14">
      <c r="N507031" s="10"/>
    </row>
    <row r="507032" spans="14:14">
      <c r="N507032" s="10"/>
    </row>
    <row r="507033" spans="14:14">
      <c r="N507033" s="10"/>
    </row>
    <row r="507034" spans="14:14">
      <c r="N507034" s="10"/>
    </row>
    <row r="507035" spans="14:14">
      <c r="N507035" s="10"/>
    </row>
    <row r="507036" spans="14:14">
      <c r="N507036" s="10"/>
    </row>
    <row r="507037" spans="14:14">
      <c r="N507037" s="10"/>
    </row>
    <row r="507038" spans="14:14">
      <c r="N507038" s="10"/>
    </row>
    <row r="507039" spans="14:14">
      <c r="N507039" s="10"/>
    </row>
    <row r="507040" spans="14:14">
      <c r="N507040" s="10"/>
    </row>
    <row r="507041" spans="14:14">
      <c r="N507041" s="10"/>
    </row>
    <row r="507042" spans="14:14">
      <c r="N507042" s="10"/>
    </row>
    <row r="507043" spans="14:14">
      <c r="N507043" s="10"/>
    </row>
    <row r="507044" spans="14:14">
      <c r="N507044" s="10"/>
    </row>
    <row r="507045" spans="14:14">
      <c r="N507045" s="10"/>
    </row>
    <row r="507046" spans="14:14">
      <c r="N507046" s="10"/>
    </row>
    <row r="507047" spans="14:14">
      <c r="N507047" s="10"/>
    </row>
    <row r="507048" spans="14:14">
      <c r="N507048" s="10"/>
    </row>
    <row r="507049" spans="14:14">
      <c r="N507049" s="10"/>
    </row>
    <row r="507050" spans="14:14">
      <c r="N507050" s="10"/>
    </row>
    <row r="507051" spans="14:14">
      <c r="N507051" s="10"/>
    </row>
    <row r="507052" spans="14:14">
      <c r="N507052" s="10"/>
    </row>
    <row r="507053" spans="14:14">
      <c r="N507053" s="10"/>
    </row>
    <row r="507054" spans="14:14">
      <c r="N507054" s="10"/>
    </row>
    <row r="507055" spans="14:14">
      <c r="N507055" s="10"/>
    </row>
    <row r="507056" spans="14:14">
      <c r="N507056" s="10"/>
    </row>
    <row r="507057" spans="14:14">
      <c r="N507057" s="10"/>
    </row>
    <row r="507058" spans="14:14">
      <c r="N507058" s="10"/>
    </row>
    <row r="507059" spans="14:14">
      <c r="N507059" s="10"/>
    </row>
    <row r="507060" spans="14:14">
      <c r="N507060" s="10"/>
    </row>
    <row r="507061" spans="14:14">
      <c r="N507061" s="10"/>
    </row>
    <row r="507062" spans="14:14">
      <c r="N507062" s="10"/>
    </row>
    <row r="507063" spans="14:14">
      <c r="N507063" s="10"/>
    </row>
    <row r="507064" spans="14:14">
      <c r="N507064" s="10"/>
    </row>
    <row r="507065" spans="14:14">
      <c r="N507065" s="10"/>
    </row>
    <row r="507066" spans="14:14">
      <c r="N507066" s="10"/>
    </row>
    <row r="507067" spans="14:14">
      <c r="N507067" s="10"/>
    </row>
    <row r="507068" spans="14:14">
      <c r="N507068" s="10"/>
    </row>
    <row r="507069" spans="14:14">
      <c r="N507069" s="10"/>
    </row>
    <row r="507070" spans="14:14">
      <c r="N507070" s="10"/>
    </row>
    <row r="507071" spans="14:14">
      <c r="N507071" s="10"/>
    </row>
    <row r="507072" spans="14:14">
      <c r="N507072" s="10"/>
    </row>
    <row r="507073" spans="14:14">
      <c r="N507073" s="10"/>
    </row>
    <row r="507074" spans="14:14">
      <c r="N507074" s="10"/>
    </row>
    <row r="507075" spans="14:14">
      <c r="N507075" s="10"/>
    </row>
    <row r="507076" spans="14:14">
      <c r="N507076" s="10"/>
    </row>
    <row r="507077" spans="14:14">
      <c r="N507077" s="10"/>
    </row>
    <row r="507078" spans="14:14">
      <c r="N507078" s="10"/>
    </row>
    <row r="507079" spans="14:14">
      <c r="N507079" s="10"/>
    </row>
    <row r="507080" spans="14:14">
      <c r="N507080" s="10"/>
    </row>
    <row r="507081" spans="14:14">
      <c r="N507081" s="10"/>
    </row>
    <row r="507082" spans="14:14">
      <c r="N507082" s="10"/>
    </row>
    <row r="507083" spans="14:14">
      <c r="N507083" s="10"/>
    </row>
    <row r="507084" spans="14:14">
      <c r="N507084" s="10"/>
    </row>
    <row r="507085" spans="14:14">
      <c r="N507085" s="10"/>
    </row>
    <row r="507086" spans="14:14">
      <c r="N507086" s="10"/>
    </row>
    <row r="507087" spans="14:14">
      <c r="N507087" s="10"/>
    </row>
    <row r="507088" spans="14:14">
      <c r="N507088" s="10"/>
    </row>
    <row r="507089" spans="14:14">
      <c r="N507089" s="10"/>
    </row>
    <row r="507090" spans="14:14">
      <c r="N507090" s="10"/>
    </row>
    <row r="507091" spans="14:14">
      <c r="N507091" s="10"/>
    </row>
    <row r="507092" spans="14:14">
      <c r="N507092" s="10"/>
    </row>
    <row r="507093" spans="14:14">
      <c r="N507093" s="10"/>
    </row>
    <row r="507094" spans="14:14">
      <c r="N507094" s="10"/>
    </row>
    <row r="507095" spans="14:14">
      <c r="N507095" s="10"/>
    </row>
    <row r="507096" spans="14:14">
      <c r="N507096" s="10"/>
    </row>
    <row r="507097" spans="14:14">
      <c r="N507097" s="10"/>
    </row>
    <row r="507098" spans="14:14">
      <c r="N507098" s="10"/>
    </row>
    <row r="507099" spans="14:14">
      <c r="N507099" s="10"/>
    </row>
    <row r="507100" spans="14:14">
      <c r="N507100" s="10"/>
    </row>
    <row r="507101" spans="14:14">
      <c r="N507101" s="10"/>
    </row>
    <row r="507102" spans="14:14">
      <c r="N507102" s="10"/>
    </row>
    <row r="507103" spans="14:14">
      <c r="N507103" s="10"/>
    </row>
    <row r="507104" spans="14:14">
      <c r="N507104" s="10"/>
    </row>
    <row r="507105" spans="14:14">
      <c r="N507105" s="10"/>
    </row>
    <row r="507106" spans="14:14">
      <c r="N507106" s="10"/>
    </row>
    <row r="507107" spans="14:14">
      <c r="N507107" s="10"/>
    </row>
    <row r="507108" spans="14:14">
      <c r="N507108" s="10"/>
    </row>
    <row r="507109" spans="14:14">
      <c r="N507109" s="10"/>
    </row>
    <row r="507110" spans="14:14">
      <c r="N507110" s="10"/>
    </row>
    <row r="507111" spans="14:14">
      <c r="N507111" s="10"/>
    </row>
    <row r="507112" spans="14:14">
      <c r="N507112" s="10"/>
    </row>
    <row r="507113" spans="14:14">
      <c r="N507113" s="10"/>
    </row>
    <row r="507114" spans="14:14">
      <c r="N507114" s="10"/>
    </row>
    <row r="507115" spans="14:14">
      <c r="N507115" s="10"/>
    </row>
    <row r="507116" spans="14:14">
      <c r="N507116" s="10"/>
    </row>
    <row r="507117" spans="14:14">
      <c r="N507117" s="10"/>
    </row>
    <row r="507118" spans="14:14">
      <c r="N507118" s="10"/>
    </row>
    <row r="507119" spans="14:14">
      <c r="N507119" s="10"/>
    </row>
    <row r="507120" spans="14:14">
      <c r="N507120" s="10"/>
    </row>
    <row r="507121" spans="14:14">
      <c r="N507121" s="10"/>
    </row>
    <row r="507122" spans="14:14">
      <c r="N507122" s="10"/>
    </row>
    <row r="507123" spans="14:14">
      <c r="N507123" s="10"/>
    </row>
    <row r="507124" spans="14:14">
      <c r="N507124" s="10"/>
    </row>
    <row r="507125" spans="14:14">
      <c r="N507125" s="10"/>
    </row>
    <row r="507126" spans="14:14">
      <c r="N507126" s="10"/>
    </row>
    <row r="507127" spans="14:14">
      <c r="N507127" s="10"/>
    </row>
    <row r="507128" spans="14:14">
      <c r="N507128" s="10"/>
    </row>
    <row r="507129" spans="14:14">
      <c r="N507129" s="10"/>
    </row>
    <row r="507130" spans="14:14">
      <c r="N507130" s="10"/>
    </row>
    <row r="507131" spans="14:14">
      <c r="N507131" s="10"/>
    </row>
    <row r="507132" spans="14:14">
      <c r="N507132" s="10"/>
    </row>
    <row r="507133" spans="14:14">
      <c r="N507133" s="10"/>
    </row>
    <row r="507134" spans="14:14">
      <c r="N507134" s="10"/>
    </row>
    <row r="507135" spans="14:14">
      <c r="N507135" s="10"/>
    </row>
    <row r="507136" spans="14:14">
      <c r="N507136" s="10"/>
    </row>
    <row r="507137" spans="14:14">
      <c r="N507137" s="10"/>
    </row>
    <row r="507138" spans="14:14">
      <c r="N507138" s="10"/>
    </row>
    <row r="507139" spans="14:14">
      <c r="N507139" s="10"/>
    </row>
    <row r="507140" spans="14:14">
      <c r="N507140" s="10"/>
    </row>
    <row r="507141" spans="14:14">
      <c r="N507141" s="10"/>
    </row>
    <row r="507142" spans="14:14">
      <c r="N507142" s="10"/>
    </row>
    <row r="507143" spans="14:14">
      <c r="N507143" s="10"/>
    </row>
    <row r="507144" spans="14:14">
      <c r="N507144" s="10"/>
    </row>
    <row r="507145" spans="14:14">
      <c r="N507145" s="10"/>
    </row>
    <row r="507146" spans="14:14">
      <c r="N507146" s="10"/>
    </row>
    <row r="507147" spans="14:14">
      <c r="N507147" s="10"/>
    </row>
    <row r="507148" spans="14:14">
      <c r="N507148" s="10"/>
    </row>
    <row r="507149" spans="14:14">
      <c r="N507149" s="10"/>
    </row>
    <row r="507150" spans="14:14">
      <c r="N507150" s="10"/>
    </row>
    <row r="507151" spans="14:14">
      <c r="N507151" s="10"/>
    </row>
    <row r="507152" spans="14:14">
      <c r="N507152" s="10"/>
    </row>
    <row r="507153" spans="14:14">
      <c r="N507153" s="10"/>
    </row>
    <row r="507154" spans="14:14">
      <c r="N507154" s="10"/>
    </row>
    <row r="507155" spans="14:14">
      <c r="N507155" s="10"/>
    </row>
    <row r="507156" spans="14:14">
      <c r="N507156" s="10"/>
    </row>
    <row r="507157" spans="14:14">
      <c r="N507157" s="10"/>
    </row>
    <row r="507158" spans="14:14">
      <c r="N507158" s="10"/>
    </row>
    <row r="507159" spans="14:14">
      <c r="N507159" s="10"/>
    </row>
    <row r="507160" spans="14:14">
      <c r="N507160" s="10"/>
    </row>
    <row r="507161" spans="14:14">
      <c r="N507161" s="10"/>
    </row>
    <row r="507162" spans="14:14">
      <c r="N507162" s="10"/>
    </row>
    <row r="507163" spans="14:14">
      <c r="N507163" s="10"/>
    </row>
    <row r="507164" spans="14:14">
      <c r="N507164" s="10"/>
    </row>
    <row r="507165" spans="14:14">
      <c r="N507165" s="10"/>
    </row>
    <row r="507166" spans="14:14">
      <c r="N507166" s="10"/>
    </row>
    <row r="507167" spans="14:14">
      <c r="N507167" s="10"/>
    </row>
    <row r="507168" spans="14:14">
      <c r="N507168" s="10"/>
    </row>
    <row r="507169" spans="14:14">
      <c r="N507169" s="10"/>
    </row>
    <row r="507170" spans="14:14">
      <c r="N507170" s="10"/>
    </row>
    <row r="507171" spans="14:14">
      <c r="N507171" s="10"/>
    </row>
    <row r="507172" spans="14:14">
      <c r="N507172" s="10"/>
    </row>
    <row r="507173" spans="14:14">
      <c r="N507173" s="10"/>
    </row>
    <row r="507174" spans="14:14">
      <c r="N507174" s="10"/>
    </row>
    <row r="507175" spans="14:14">
      <c r="N507175" s="10"/>
    </row>
    <row r="507176" spans="14:14">
      <c r="N507176" s="10"/>
    </row>
    <row r="507177" spans="14:14">
      <c r="N507177" s="10"/>
    </row>
    <row r="507178" spans="14:14">
      <c r="N507178" s="10"/>
    </row>
    <row r="507179" spans="14:14">
      <c r="N507179" s="10"/>
    </row>
    <row r="507180" spans="14:14">
      <c r="N507180" s="10"/>
    </row>
    <row r="507181" spans="14:14">
      <c r="N507181" s="10"/>
    </row>
    <row r="507182" spans="14:14">
      <c r="N507182" s="10"/>
    </row>
    <row r="507183" spans="14:14">
      <c r="N507183" s="10"/>
    </row>
    <row r="507184" spans="14:14">
      <c r="N507184" s="10"/>
    </row>
    <row r="507185" spans="14:14">
      <c r="N507185" s="10"/>
    </row>
    <row r="507186" spans="14:14">
      <c r="N507186" s="10"/>
    </row>
    <row r="507187" spans="14:14">
      <c r="N507187" s="10"/>
    </row>
    <row r="507188" spans="14:14">
      <c r="N507188" s="10"/>
    </row>
    <row r="507189" spans="14:14">
      <c r="N507189" s="10"/>
    </row>
    <row r="507190" spans="14:14">
      <c r="N507190" s="10"/>
    </row>
    <row r="507191" spans="14:14">
      <c r="N507191" s="10"/>
    </row>
    <row r="507192" spans="14:14">
      <c r="N507192" s="10"/>
    </row>
    <row r="507193" spans="14:14">
      <c r="N507193" s="10"/>
    </row>
    <row r="507194" spans="14:14">
      <c r="N507194" s="10"/>
    </row>
    <row r="507195" spans="14:14">
      <c r="N507195" s="10"/>
    </row>
    <row r="507196" spans="14:14">
      <c r="N507196" s="10"/>
    </row>
    <row r="507197" spans="14:14">
      <c r="N507197" s="10"/>
    </row>
    <row r="507198" spans="14:14">
      <c r="N507198" s="10"/>
    </row>
    <row r="507199" spans="14:14">
      <c r="N507199" s="10"/>
    </row>
    <row r="507200" spans="14:14">
      <c r="N507200" s="10"/>
    </row>
    <row r="507201" spans="14:14">
      <c r="N507201" s="10"/>
    </row>
    <row r="507202" spans="14:14">
      <c r="N507202" s="10"/>
    </row>
    <row r="507203" spans="14:14">
      <c r="N507203" s="10"/>
    </row>
    <row r="507204" spans="14:14">
      <c r="N507204" s="10"/>
    </row>
    <row r="507205" spans="14:14">
      <c r="N507205" s="10"/>
    </row>
    <row r="507206" spans="14:14">
      <c r="N507206" s="10"/>
    </row>
    <row r="507207" spans="14:14">
      <c r="N507207" s="10"/>
    </row>
    <row r="507208" spans="14:14">
      <c r="N507208" s="10"/>
    </row>
    <row r="507209" spans="14:14">
      <c r="N507209" s="10"/>
    </row>
    <row r="507210" spans="14:14">
      <c r="N507210" s="10"/>
    </row>
    <row r="507211" spans="14:14">
      <c r="N507211" s="10"/>
    </row>
    <row r="507212" spans="14:14">
      <c r="N507212" s="10"/>
    </row>
    <row r="507213" spans="14:14">
      <c r="N507213" s="10"/>
    </row>
    <row r="507214" spans="14:14">
      <c r="N507214" s="10"/>
    </row>
    <row r="507215" spans="14:14">
      <c r="N507215" s="10"/>
    </row>
    <row r="507216" spans="14:14">
      <c r="N507216" s="10"/>
    </row>
    <row r="507217" spans="14:14">
      <c r="N507217" s="10"/>
    </row>
    <row r="507218" spans="14:14">
      <c r="N507218" s="10"/>
    </row>
    <row r="507219" spans="14:14">
      <c r="N507219" s="10"/>
    </row>
    <row r="507220" spans="14:14">
      <c r="N507220" s="10"/>
    </row>
    <row r="507221" spans="14:14">
      <c r="N507221" s="10"/>
    </row>
    <row r="507222" spans="14:14">
      <c r="N507222" s="10"/>
    </row>
    <row r="507223" spans="14:14">
      <c r="N507223" s="10"/>
    </row>
    <row r="507224" spans="14:14">
      <c r="N507224" s="10"/>
    </row>
    <row r="507225" spans="14:14">
      <c r="N507225" s="10"/>
    </row>
    <row r="507226" spans="14:14">
      <c r="N507226" s="10"/>
    </row>
    <row r="507227" spans="14:14">
      <c r="N507227" s="10"/>
    </row>
    <row r="507228" spans="14:14">
      <c r="N507228" s="10"/>
    </row>
    <row r="507229" spans="14:14">
      <c r="N507229" s="10"/>
    </row>
    <row r="507230" spans="14:14">
      <c r="N507230" s="10"/>
    </row>
    <row r="507231" spans="14:14">
      <c r="N507231" s="10"/>
    </row>
    <row r="507232" spans="14:14">
      <c r="N507232" s="10"/>
    </row>
    <row r="507233" spans="14:14">
      <c r="N507233" s="10"/>
    </row>
    <row r="507234" spans="14:14">
      <c r="N507234" s="10"/>
    </row>
    <row r="507235" spans="14:14">
      <c r="N507235" s="10"/>
    </row>
    <row r="507236" spans="14:14">
      <c r="N507236" s="10"/>
    </row>
    <row r="507237" spans="14:14">
      <c r="N507237" s="10"/>
    </row>
    <row r="507238" spans="14:14">
      <c r="N507238" s="10"/>
    </row>
    <row r="507239" spans="14:14">
      <c r="N507239" s="10"/>
    </row>
    <row r="507240" spans="14:14">
      <c r="N507240" s="10"/>
    </row>
    <row r="507241" spans="14:14">
      <c r="N507241" s="10"/>
    </row>
    <row r="507242" spans="14:14">
      <c r="N507242" s="10"/>
    </row>
    <row r="507243" spans="14:14">
      <c r="N507243" s="10"/>
    </row>
    <row r="507244" spans="14:14">
      <c r="N507244" s="10"/>
    </row>
    <row r="507245" spans="14:14">
      <c r="N507245" s="10"/>
    </row>
    <row r="507246" spans="14:14">
      <c r="N507246" s="10"/>
    </row>
    <row r="507247" spans="14:14">
      <c r="N507247" s="10"/>
    </row>
    <row r="507248" spans="14:14">
      <c r="N507248" s="10"/>
    </row>
    <row r="507249" spans="14:14">
      <c r="N507249" s="10"/>
    </row>
    <row r="507250" spans="14:14">
      <c r="N507250" s="10"/>
    </row>
    <row r="507251" spans="14:14">
      <c r="N507251" s="10"/>
    </row>
    <row r="507252" spans="14:14">
      <c r="N507252" s="10"/>
    </row>
    <row r="507253" spans="14:14">
      <c r="N507253" s="10"/>
    </row>
    <row r="507254" spans="14:14">
      <c r="N507254" s="10"/>
    </row>
    <row r="507255" spans="14:14">
      <c r="N507255" s="10"/>
    </row>
    <row r="507256" spans="14:14">
      <c r="N507256" s="10"/>
    </row>
    <row r="507257" spans="14:14">
      <c r="N507257" s="10"/>
    </row>
    <row r="507258" spans="14:14">
      <c r="N507258" s="10"/>
    </row>
    <row r="507259" spans="14:14">
      <c r="N507259" s="10"/>
    </row>
    <row r="507260" spans="14:14">
      <c r="N507260" s="10"/>
    </row>
    <row r="507261" spans="14:14">
      <c r="N507261" s="10"/>
    </row>
    <row r="507262" spans="14:14">
      <c r="N507262" s="10"/>
    </row>
    <row r="507263" spans="14:14">
      <c r="N507263" s="10"/>
    </row>
    <row r="507264" spans="14:14">
      <c r="N507264" s="10"/>
    </row>
    <row r="507265" spans="14:14">
      <c r="N507265" s="10"/>
    </row>
    <row r="507266" spans="14:14">
      <c r="N507266" s="10"/>
    </row>
    <row r="507267" spans="14:14">
      <c r="N507267" s="10"/>
    </row>
    <row r="507268" spans="14:14">
      <c r="N507268" s="10"/>
    </row>
    <row r="507269" spans="14:14">
      <c r="N507269" s="10"/>
    </row>
    <row r="507270" spans="14:14">
      <c r="N507270" s="10"/>
    </row>
    <row r="507271" spans="14:14">
      <c r="N507271" s="10"/>
    </row>
    <row r="507272" spans="14:14">
      <c r="N507272" s="10"/>
    </row>
    <row r="507273" spans="14:14">
      <c r="N507273" s="10"/>
    </row>
    <row r="507274" spans="14:14">
      <c r="N507274" s="10"/>
    </row>
    <row r="507275" spans="14:14">
      <c r="N507275" s="10"/>
    </row>
    <row r="507276" spans="14:14">
      <c r="N507276" s="10"/>
    </row>
    <row r="507277" spans="14:14">
      <c r="N507277" s="10"/>
    </row>
    <row r="507278" spans="14:14">
      <c r="N507278" s="10"/>
    </row>
    <row r="507279" spans="14:14">
      <c r="N507279" s="10"/>
    </row>
    <row r="507280" spans="14:14">
      <c r="N507280" s="10"/>
    </row>
    <row r="507281" spans="14:14">
      <c r="N507281" s="10"/>
    </row>
    <row r="507282" spans="14:14">
      <c r="N507282" s="10"/>
    </row>
    <row r="507283" spans="14:14">
      <c r="N507283" s="10"/>
    </row>
    <row r="507284" spans="14:14">
      <c r="N507284" s="10"/>
    </row>
    <row r="507285" spans="14:14">
      <c r="N507285" s="10"/>
    </row>
    <row r="507286" spans="14:14">
      <c r="N507286" s="10"/>
    </row>
    <row r="507287" spans="14:14">
      <c r="N507287" s="10"/>
    </row>
    <row r="507288" spans="14:14">
      <c r="N507288" s="10"/>
    </row>
    <row r="507289" spans="14:14">
      <c r="N507289" s="10"/>
    </row>
    <row r="507290" spans="14:14">
      <c r="N507290" s="10"/>
    </row>
    <row r="507291" spans="14:14">
      <c r="N507291" s="10"/>
    </row>
    <row r="507292" spans="14:14">
      <c r="N507292" s="10"/>
    </row>
    <row r="507293" spans="14:14">
      <c r="N507293" s="10"/>
    </row>
    <row r="507294" spans="14:14">
      <c r="N507294" s="10"/>
    </row>
    <row r="507295" spans="14:14">
      <c r="N507295" s="10"/>
    </row>
    <row r="507296" spans="14:14">
      <c r="N507296" s="10"/>
    </row>
    <row r="507297" spans="14:14">
      <c r="N507297" s="10"/>
    </row>
    <row r="507298" spans="14:14">
      <c r="N507298" s="10"/>
    </row>
    <row r="507299" spans="14:14">
      <c r="N507299" s="10"/>
    </row>
    <row r="507300" spans="14:14">
      <c r="N507300" s="10"/>
    </row>
    <row r="507301" spans="14:14">
      <c r="N507301" s="10"/>
    </row>
    <row r="507302" spans="14:14">
      <c r="N507302" s="10"/>
    </row>
    <row r="507303" spans="14:14">
      <c r="N507303" s="10"/>
    </row>
    <row r="507304" spans="14:14">
      <c r="N507304" s="10"/>
    </row>
    <row r="507305" spans="14:14">
      <c r="N507305" s="10"/>
    </row>
    <row r="507306" spans="14:14">
      <c r="N507306" s="10"/>
    </row>
    <row r="507307" spans="14:14">
      <c r="N507307" s="10"/>
    </row>
    <row r="507308" spans="14:14">
      <c r="N507308" s="10"/>
    </row>
    <row r="507309" spans="14:14">
      <c r="N507309" s="10"/>
    </row>
    <row r="507310" spans="14:14">
      <c r="N507310" s="10"/>
    </row>
    <row r="507311" spans="14:14">
      <c r="N507311" s="10"/>
    </row>
    <row r="507312" spans="14:14">
      <c r="N507312" s="10"/>
    </row>
    <row r="507313" spans="14:14">
      <c r="N507313" s="10"/>
    </row>
    <row r="507314" spans="14:14">
      <c r="N507314" s="10"/>
    </row>
    <row r="507315" spans="14:14">
      <c r="N507315" s="10"/>
    </row>
    <row r="507316" spans="14:14">
      <c r="N507316" s="10"/>
    </row>
    <row r="507317" spans="14:14">
      <c r="N507317" s="10"/>
    </row>
    <row r="507318" spans="14:14">
      <c r="N507318" s="10"/>
    </row>
    <row r="507319" spans="14:14">
      <c r="N507319" s="10"/>
    </row>
    <row r="507320" spans="14:14">
      <c r="N507320" s="10"/>
    </row>
    <row r="507321" spans="14:14">
      <c r="N507321" s="10"/>
    </row>
    <row r="507322" spans="14:14">
      <c r="N507322" s="10"/>
    </row>
    <row r="507323" spans="14:14">
      <c r="N507323" s="10"/>
    </row>
    <row r="507324" spans="14:14">
      <c r="N507324" s="10"/>
    </row>
    <row r="507325" spans="14:14">
      <c r="N507325" s="10"/>
    </row>
    <row r="507326" spans="14:14">
      <c r="N507326" s="10"/>
    </row>
    <row r="507327" spans="14:14">
      <c r="N507327" s="10"/>
    </row>
    <row r="507328" spans="14:14">
      <c r="N507328" s="10"/>
    </row>
    <row r="507329" spans="14:14">
      <c r="N507329" s="10"/>
    </row>
    <row r="507330" spans="14:14">
      <c r="N507330" s="10"/>
    </row>
    <row r="507331" spans="14:14">
      <c r="N507331" s="10"/>
    </row>
    <row r="507332" spans="14:14">
      <c r="N507332" s="10"/>
    </row>
    <row r="507333" spans="14:14">
      <c r="N507333" s="10"/>
    </row>
    <row r="507334" spans="14:14">
      <c r="N507334" s="10"/>
    </row>
    <row r="507335" spans="14:14">
      <c r="N507335" s="10"/>
    </row>
    <row r="507336" spans="14:14">
      <c r="N507336" s="10"/>
    </row>
    <row r="507337" spans="14:14">
      <c r="N507337" s="10"/>
    </row>
    <row r="507338" spans="14:14">
      <c r="N507338" s="10"/>
    </row>
    <row r="507339" spans="14:14">
      <c r="N507339" s="10"/>
    </row>
    <row r="507340" spans="14:14">
      <c r="N507340" s="10"/>
    </row>
    <row r="507341" spans="14:14">
      <c r="N507341" s="10"/>
    </row>
    <row r="507342" spans="14:14">
      <c r="N507342" s="10"/>
    </row>
    <row r="507343" spans="14:14">
      <c r="N507343" s="10"/>
    </row>
    <row r="507344" spans="14:14">
      <c r="N507344" s="10"/>
    </row>
    <row r="507345" spans="14:14">
      <c r="N507345" s="10"/>
    </row>
    <row r="507346" spans="14:14">
      <c r="N507346" s="10"/>
    </row>
    <row r="507347" spans="14:14">
      <c r="N507347" s="10"/>
    </row>
    <row r="507348" spans="14:14">
      <c r="N507348" s="10"/>
    </row>
    <row r="507349" spans="14:14">
      <c r="N507349" s="10"/>
    </row>
    <row r="507350" spans="14:14">
      <c r="N507350" s="10"/>
    </row>
    <row r="507351" spans="14:14">
      <c r="N507351" s="10"/>
    </row>
    <row r="507352" spans="14:14">
      <c r="N507352" s="10"/>
    </row>
    <row r="507353" spans="14:14">
      <c r="N507353" s="10"/>
    </row>
    <row r="507354" spans="14:14">
      <c r="N507354" s="10"/>
    </row>
    <row r="507355" spans="14:14">
      <c r="N507355" s="10"/>
    </row>
    <row r="507356" spans="14:14">
      <c r="N507356" s="10"/>
    </row>
    <row r="507357" spans="14:14">
      <c r="N507357" s="10"/>
    </row>
    <row r="507358" spans="14:14">
      <c r="N507358" s="10"/>
    </row>
    <row r="507359" spans="14:14">
      <c r="N507359" s="10"/>
    </row>
    <row r="507360" spans="14:14">
      <c r="N507360" s="10"/>
    </row>
    <row r="507361" spans="14:14">
      <c r="N507361" s="10"/>
    </row>
    <row r="507362" spans="14:14">
      <c r="N507362" s="10"/>
    </row>
    <row r="507363" spans="14:14">
      <c r="N507363" s="10"/>
    </row>
    <row r="507364" spans="14:14">
      <c r="N507364" s="10"/>
    </row>
    <row r="507365" spans="14:14">
      <c r="N507365" s="10"/>
    </row>
    <row r="507366" spans="14:14">
      <c r="N507366" s="10"/>
    </row>
    <row r="507367" spans="14:14">
      <c r="N507367" s="10"/>
    </row>
    <row r="507368" spans="14:14">
      <c r="N507368" s="10"/>
    </row>
    <row r="507369" spans="14:14">
      <c r="N507369" s="10"/>
    </row>
    <row r="507370" spans="14:14">
      <c r="N507370" s="10"/>
    </row>
    <row r="507371" spans="14:14">
      <c r="N507371" s="10"/>
    </row>
    <row r="507372" spans="14:14">
      <c r="N507372" s="10"/>
    </row>
    <row r="507373" spans="14:14">
      <c r="N507373" s="10"/>
    </row>
    <row r="507374" spans="14:14">
      <c r="N507374" s="10"/>
    </row>
    <row r="507375" spans="14:14">
      <c r="N507375" s="10"/>
    </row>
    <row r="507376" spans="14:14">
      <c r="N507376" s="10"/>
    </row>
    <row r="507377" spans="14:14">
      <c r="N507377" s="10"/>
    </row>
    <row r="507378" spans="14:14">
      <c r="N507378" s="10"/>
    </row>
    <row r="507379" spans="14:14">
      <c r="N507379" s="10"/>
    </row>
    <row r="507380" spans="14:14">
      <c r="N507380" s="10"/>
    </row>
    <row r="507381" spans="14:14">
      <c r="N507381" s="10"/>
    </row>
    <row r="507382" spans="14:14">
      <c r="N507382" s="10"/>
    </row>
    <row r="507383" spans="14:14">
      <c r="N507383" s="10"/>
    </row>
    <row r="507384" spans="14:14">
      <c r="N507384" s="10"/>
    </row>
    <row r="507385" spans="14:14">
      <c r="N507385" s="10"/>
    </row>
    <row r="507386" spans="14:14">
      <c r="N507386" s="10"/>
    </row>
    <row r="507387" spans="14:14">
      <c r="N507387" s="10"/>
    </row>
    <row r="507388" spans="14:14">
      <c r="N507388" s="10"/>
    </row>
    <row r="507389" spans="14:14">
      <c r="N507389" s="10"/>
    </row>
    <row r="507390" spans="14:14">
      <c r="N507390" s="10"/>
    </row>
    <row r="507391" spans="14:14">
      <c r="N507391" s="10"/>
    </row>
    <row r="507392" spans="14:14">
      <c r="N507392" s="10"/>
    </row>
    <row r="507393" spans="14:14">
      <c r="N507393" s="10"/>
    </row>
    <row r="507394" spans="14:14">
      <c r="N507394" s="10"/>
    </row>
    <row r="507395" spans="14:14">
      <c r="N507395" s="10"/>
    </row>
    <row r="507396" spans="14:14">
      <c r="N507396" s="10"/>
    </row>
    <row r="507397" spans="14:14">
      <c r="N507397" s="10"/>
    </row>
    <row r="507398" spans="14:14">
      <c r="N507398" s="10"/>
    </row>
    <row r="507399" spans="14:14">
      <c r="N507399" s="10"/>
    </row>
    <row r="507400" spans="14:14">
      <c r="N507400" s="10"/>
    </row>
    <row r="507401" spans="14:14">
      <c r="N507401" s="10"/>
    </row>
    <row r="507402" spans="14:14">
      <c r="N507402" s="10"/>
    </row>
    <row r="507403" spans="14:14">
      <c r="N507403" s="10"/>
    </row>
    <row r="507404" spans="14:14">
      <c r="N507404" s="10"/>
    </row>
    <row r="507405" spans="14:14">
      <c r="N507405" s="10"/>
    </row>
    <row r="507406" spans="14:14">
      <c r="N507406" s="10"/>
    </row>
    <row r="507407" spans="14:14">
      <c r="N507407" s="10"/>
    </row>
    <row r="507408" spans="14:14">
      <c r="N507408" s="10"/>
    </row>
    <row r="507409" spans="14:14">
      <c r="N507409" s="10"/>
    </row>
    <row r="507410" spans="14:14">
      <c r="N507410" s="10"/>
    </row>
    <row r="507411" spans="14:14">
      <c r="N507411" s="10"/>
    </row>
    <row r="507412" spans="14:14">
      <c r="N507412" s="10"/>
    </row>
    <row r="507413" spans="14:14">
      <c r="N507413" s="10"/>
    </row>
    <row r="507414" spans="14:14">
      <c r="N507414" s="10"/>
    </row>
    <row r="507415" spans="14:14">
      <c r="N507415" s="10"/>
    </row>
    <row r="507416" spans="14:14">
      <c r="N507416" s="10"/>
    </row>
    <row r="507417" spans="14:14">
      <c r="N507417" s="10"/>
    </row>
    <row r="507418" spans="14:14">
      <c r="N507418" s="10"/>
    </row>
    <row r="507419" spans="14:14">
      <c r="N507419" s="10"/>
    </row>
    <row r="507420" spans="14:14">
      <c r="N507420" s="10"/>
    </row>
    <row r="507421" spans="14:14">
      <c r="N507421" s="10"/>
    </row>
    <row r="507422" spans="14:14">
      <c r="N507422" s="10"/>
    </row>
    <row r="507423" spans="14:14">
      <c r="N507423" s="10"/>
    </row>
    <row r="507424" spans="14:14">
      <c r="N507424" s="10"/>
    </row>
    <row r="507425" spans="14:14">
      <c r="N507425" s="10"/>
    </row>
    <row r="507426" spans="14:14">
      <c r="N507426" s="10"/>
    </row>
    <row r="507427" spans="14:14">
      <c r="N507427" s="10"/>
    </row>
    <row r="507428" spans="14:14">
      <c r="N507428" s="10"/>
    </row>
    <row r="507429" spans="14:14">
      <c r="N507429" s="10"/>
    </row>
    <row r="507430" spans="14:14">
      <c r="N507430" s="10"/>
    </row>
    <row r="507431" spans="14:14">
      <c r="N507431" s="10"/>
    </row>
    <row r="507432" spans="14:14">
      <c r="N507432" s="10"/>
    </row>
    <row r="507433" spans="14:14">
      <c r="N507433" s="10"/>
    </row>
    <row r="507434" spans="14:14">
      <c r="N507434" s="10"/>
    </row>
    <row r="507435" spans="14:14">
      <c r="N507435" s="10"/>
    </row>
    <row r="507436" spans="14:14">
      <c r="N507436" s="10"/>
    </row>
    <row r="507437" spans="14:14">
      <c r="N507437" s="10"/>
    </row>
    <row r="507438" spans="14:14">
      <c r="N507438" s="10"/>
    </row>
    <row r="507439" spans="14:14">
      <c r="N507439" s="10"/>
    </row>
    <row r="507440" spans="14:14">
      <c r="N507440" s="10"/>
    </row>
    <row r="507441" spans="14:14">
      <c r="N507441" s="10"/>
    </row>
    <row r="507442" spans="14:14">
      <c r="N507442" s="10"/>
    </row>
    <row r="507443" spans="14:14">
      <c r="N507443" s="10"/>
    </row>
    <row r="507444" spans="14:14">
      <c r="N507444" s="10"/>
    </row>
    <row r="507445" spans="14:14">
      <c r="N507445" s="10"/>
    </row>
    <row r="507446" spans="14:14">
      <c r="N507446" s="10"/>
    </row>
    <row r="507447" spans="14:14">
      <c r="N507447" s="10"/>
    </row>
    <row r="507448" spans="14:14">
      <c r="N507448" s="10"/>
    </row>
    <row r="507449" spans="14:14">
      <c r="N507449" s="10"/>
    </row>
    <row r="507450" spans="14:14">
      <c r="N507450" s="10"/>
    </row>
    <row r="507451" spans="14:14">
      <c r="N507451" s="10"/>
    </row>
    <row r="507452" spans="14:14">
      <c r="N507452" s="10"/>
    </row>
    <row r="507453" spans="14:14">
      <c r="N507453" s="10"/>
    </row>
    <row r="507454" spans="14:14">
      <c r="N507454" s="10"/>
    </row>
    <row r="507455" spans="14:14">
      <c r="N507455" s="10"/>
    </row>
    <row r="507456" spans="14:14">
      <c r="N507456" s="10"/>
    </row>
    <row r="507457" spans="14:14">
      <c r="N507457" s="10"/>
    </row>
    <row r="507458" spans="14:14">
      <c r="N507458" s="10"/>
    </row>
    <row r="507459" spans="14:14">
      <c r="N507459" s="10"/>
    </row>
    <row r="507460" spans="14:14">
      <c r="N507460" s="10"/>
    </row>
    <row r="507461" spans="14:14">
      <c r="N507461" s="10"/>
    </row>
    <row r="507462" spans="14:14">
      <c r="N507462" s="10"/>
    </row>
    <row r="507463" spans="14:14">
      <c r="N507463" s="10"/>
    </row>
    <row r="507464" spans="14:14">
      <c r="N507464" s="10"/>
    </row>
    <row r="507465" spans="14:14">
      <c r="N507465" s="10"/>
    </row>
    <row r="507466" spans="14:14">
      <c r="N507466" s="10"/>
    </row>
    <row r="507467" spans="14:14">
      <c r="N507467" s="10"/>
    </row>
    <row r="507468" spans="14:14">
      <c r="N507468" s="10"/>
    </row>
    <row r="507469" spans="14:14">
      <c r="N507469" s="10"/>
    </row>
    <row r="507470" spans="14:14">
      <c r="N507470" s="10"/>
    </row>
    <row r="507471" spans="14:14">
      <c r="N507471" s="10"/>
    </row>
    <row r="507472" spans="14:14">
      <c r="N507472" s="10"/>
    </row>
    <row r="507473" spans="14:14">
      <c r="N507473" s="10"/>
    </row>
    <row r="507474" spans="14:14">
      <c r="N507474" s="10"/>
    </row>
    <row r="507475" spans="14:14">
      <c r="N507475" s="10"/>
    </row>
    <row r="507476" spans="14:14">
      <c r="N507476" s="10"/>
    </row>
    <row r="507477" spans="14:14">
      <c r="N507477" s="10"/>
    </row>
    <row r="507478" spans="14:14">
      <c r="N507478" s="10"/>
    </row>
    <row r="507479" spans="14:14">
      <c r="N507479" s="10"/>
    </row>
    <row r="507480" spans="14:14">
      <c r="N507480" s="10"/>
    </row>
    <row r="507481" spans="14:14">
      <c r="N507481" s="10"/>
    </row>
    <row r="507482" spans="14:14">
      <c r="N507482" s="10"/>
    </row>
    <row r="507483" spans="14:14">
      <c r="N507483" s="10"/>
    </row>
    <row r="507484" spans="14:14">
      <c r="N507484" s="10"/>
    </row>
    <row r="507485" spans="14:14">
      <c r="N507485" s="10"/>
    </row>
    <row r="507486" spans="14:14">
      <c r="N507486" s="10"/>
    </row>
    <row r="507487" spans="14:14">
      <c r="N507487" s="10"/>
    </row>
    <row r="507488" spans="14:14">
      <c r="N507488" s="10"/>
    </row>
    <row r="507489" spans="14:14">
      <c r="N507489" s="10"/>
    </row>
    <row r="507490" spans="14:14">
      <c r="N507490" s="10"/>
    </row>
    <row r="507491" spans="14:14">
      <c r="N507491" s="10"/>
    </row>
    <row r="507492" spans="14:14">
      <c r="N507492" s="10"/>
    </row>
    <row r="507493" spans="14:14">
      <c r="N507493" s="10"/>
    </row>
    <row r="507494" spans="14:14">
      <c r="N507494" s="10"/>
    </row>
    <row r="507495" spans="14:14">
      <c r="N507495" s="10"/>
    </row>
    <row r="507496" spans="14:14">
      <c r="N507496" s="10"/>
    </row>
    <row r="507497" spans="14:14">
      <c r="N507497" s="10"/>
    </row>
    <row r="507498" spans="14:14">
      <c r="N507498" s="10"/>
    </row>
    <row r="507499" spans="14:14">
      <c r="N507499" s="10"/>
    </row>
    <row r="507500" spans="14:14">
      <c r="N507500" s="10"/>
    </row>
    <row r="507501" spans="14:14">
      <c r="N507501" s="10"/>
    </row>
    <row r="507502" spans="14:14">
      <c r="N507502" s="10"/>
    </row>
    <row r="507503" spans="14:14">
      <c r="N507503" s="10"/>
    </row>
    <row r="507504" spans="14:14">
      <c r="N507504" s="10"/>
    </row>
    <row r="507505" spans="14:14">
      <c r="N507505" s="10"/>
    </row>
    <row r="507506" spans="14:14">
      <c r="N507506" s="10"/>
    </row>
    <row r="507507" spans="14:14">
      <c r="N507507" s="10"/>
    </row>
    <row r="507508" spans="14:14">
      <c r="N507508" s="10"/>
    </row>
    <row r="507509" spans="14:14">
      <c r="N507509" s="10"/>
    </row>
    <row r="507510" spans="14:14">
      <c r="N507510" s="10"/>
    </row>
    <row r="507511" spans="14:14">
      <c r="N507511" s="10"/>
    </row>
    <row r="507512" spans="14:14">
      <c r="N507512" s="10"/>
    </row>
    <row r="507513" spans="14:14">
      <c r="N507513" s="10"/>
    </row>
    <row r="507514" spans="14:14">
      <c r="N507514" s="10"/>
    </row>
    <row r="507515" spans="14:14">
      <c r="N507515" s="10"/>
    </row>
    <row r="507516" spans="14:14">
      <c r="N507516" s="10"/>
    </row>
    <row r="507517" spans="14:14">
      <c r="N507517" s="10"/>
    </row>
    <row r="507518" spans="14:14">
      <c r="N507518" s="10"/>
    </row>
    <row r="507519" spans="14:14">
      <c r="N507519" s="10"/>
    </row>
    <row r="507520" spans="14:14">
      <c r="N507520" s="10"/>
    </row>
    <row r="507521" spans="14:14">
      <c r="N507521" s="10"/>
    </row>
    <row r="507522" spans="14:14">
      <c r="N507522" s="10"/>
    </row>
    <row r="507523" spans="14:14">
      <c r="N507523" s="10"/>
    </row>
    <row r="507524" spans="14:14">
      <c r="N507524" s="10"/>
    </row>
    <row r="507525" spans="14:14">
      <c r="N507525" s="10"/>
    </row>
    <row r="507526" spans="14:14">
      <c r="N507526" s="10"/>
    </row>
    <row r="507527" spans="14:14">
      <c r="N507527" s="10"/>
    </row>
    <row r="507528" spans="14:14">
      <c r="N507528" s="10"/>
    </row>
    <row r="507529" spans="14:14">
      <c r="N507529" s="10"/>
    </row>
    <row r="507530" spans="14:14">
      <c r="N507530" s="10"/>
    </row>
    <row r="507531" spans="14:14">
      <c r="N507531" s="10"/>
    </row>
    <row r="507532" spans="14:14">
      <c r="N507532" s="10"/>
    </row>
    <row r="507533" spans="14:14">
      <c r="N507533" s="10"/>
    </row>
    <row r="507534" spans="14:14">
      <c r="N507534" s="10"/>
    </row>
    <row r="507535" spans="14:14">
      <c r="N507535" s="10"/>
    </row>
    <row r="507536" spans="14:14">
      <c r="N507536" s="10"/>
    </row>
    <row r="507537" spans="14:14">
      <c r="N507537" s="10"/>
    </row>
    <row r="507538" spans="14:14">
      <c r="N507538" s="10"/>
    </row>
    <row r="507539" spans="14:14">
      <c r="N507539" s="10"/>
    </row>
    <row r="507540" spans="14:14">
      <c r="N507540" s="10"/>
    </row>
    <row r="507541" spans="14:14">
      <c r="N507541" s="10"/>
    </row>
    <row r="507542" spans="14:14">
      <c r="N507542" s="10"/>
    </row>
    <row r="507543" spans="14:14">
      <c r="N507543" s="10"/>
    </row>
    <row r="507544" spans="14:14">
      <c r="N507544" s="10"/>
    </row>
    <row r="507545" spans="14:14">
      <c r="N507545" s="10"/>
    </row>
    <row r="507546" spans="14:14">
      <c r="N507546" s="10"/>
    </row>
    <row r="507547" spans="14:14">
      <c r="N507547" s="10"/>
    </row>
    <row r="507548" spans="14:14">
      <c r="N507548" s="10"/>
    </row>
    <row r="507549" spans="14:14">
      <c r="N507549" s="10"/>
    </row>
    <row r="507550" spans="14:14">
      <c r="N507550" s="10"/>
    </row>
    <row r="507551" spans="14:14">
      <c r="N507551" s="10"/>
    </row>
    <row r="507552" spans="14:14">
      <c r="N507552" s="10"/>
    </row>
    <row r="507553" spans="14:14">
      <c r="N507553" s="10"/>
    </row>
    <row r="507554" spans="14:14">
      <c r="N507554" s="10"/>
    </row>
    <row r="507555" spans="14:14">
      <c r="N507555" s="10"/>
    </row>
    <row r="507556" spans="14:14">
      <c r="N507556" s="10"/>
    </row>
    <row r="507557" spans="14:14">
      <c r="N507557" s="10"/>
    </row>
    <row r="507558" spans="14:14">
      <c r="N507558" s="10"/>
    </row>
    <row r="507559" spans="14:14">
      <c r="N507559" s="10"/>
    </row>
    <row r="507560" spans="14:14">
      <c r="N507560" s="10"/>
    </row>
    <row r="507561" spans="14:14">
      <c r="N507561" s="10"/>
    </row>
    <row r="507562" spans="14:14">
      <c r="N507562" s="10"/>
    </row>
    <row r="507563" spans="14:14">
      <c r="N507563" s="10"/>
    </row>
    <row r="507564" spans="14:14">
      <c r="N507564" s="10"/>
    </row>
    <row r="507565" spans="14:14">
      <c r="N507565" s="10"/>
    </row>
    <row r="507566" spans="14:14">
      <c r="N507566" s="10"/>
    </row>
    <row r="507567" spans="14:14">
      <c r="N507567" s="10"/>
    </row>
    <row r="507568" spans="14:14">
      <c r="N507568" s="10"/>
    </row>
    <row r="507569" spans="14:14">
      <c r="N507569" s="10"/>
    </row>
    <row r="507570" spans="14:14">
      <c r="N507570" s="10"/>
    </row>
    <row r="507571" spans="14:14">
      <c r="N507571" s="10"/>
    </row>
    <row r="507572" spans="14:14">
      <c r="N507572" s="10"/>
    </row>
    <row r="507573" spans="14:14">
      <c r="N507573" s="10"/>
    </row>
    <row r="507574" spans="14:14">
      <c r="N507574" s="10"/>
    </row>
    <row r="507575" spans="14:14">
      <c r="N507575" s="10"/>
    </row>
    <row r="507576" spans="14:14">
      <c r="N507576" s="10"/>
    </row>
    <row r="507577" spans="14:14">
      <c r="N507577" s="10"/>
    </row>
    <row r="507578" spans="14:14">
      <c r="N507578" s="10"/>
    </row>
    <row r="507579" spans="14:14">
      <c r="N507579" s="10"/>
    </row>
    <row r="507580" spans="14:14">
      <c r="N507580" s="10"/>
    </row>
    <row r="507581" spans="14:14">
      <c r="N507581" s="10"/>
    </row>
    <row r="507582" spans="14:14">
      <c r="N507582" s="10"/>
    </row>
    <row r="507583" spans="14:14">
      <c r="N507583" s="10"/>
    </row>
    <row r="507584" spans="14:14">
      <c r="N507584" s="10"/>
    </row>
    <row r="507585" spans="14:14">
      <c r="N507585" s="10"/>
    </row>
    <row r="507586" spans="14:14">
      <c r="N507586" s="10"/>
    </row>
    <row r="507587" spans="14:14">
      <c r="N507587" s="10"/>
    </row>
    <row r="507588" spans="14:14">
      <c r="N507588" s="10"/>
    </row>
    <row r="507589" spans="14:14">
      <c r="N507589" s="10"/>
    </row>
    <row r="507590" spans="14:14">
      <c r="N507590" s="10"/>
    </row>
    <row r="507591" spans="14:14">
      <c r="N507591" s="10"/>
    </row>
    <row r="507592" spans="14:14">
      <c r="N507592" s="10"/>
    </row>
    <row r="507593" spans="14:14">
      <c r="N507593" s="10"/>
    </row>
    <row r="507594" spans="14:14">
      <c r="N507594" s="10"/>
    </row>
    <row r="507595" spans="14:14">
      <c r="N507595" s="10"/>
    </row>
    <row r="507596" spans="14:14">
      <c r="N507596" s="10"/>
    </row>
    <row r="507597" spans="14:14">
      <c r="N507597" s="10"/>
    </row>
    <row r="507598" spans="14:14">
      <c r="N507598" s="10"/>
    </row>
    <row r="507599" spans="14:14">
      <c r="N507599" s="10"/>
    </row>
    <row r="507600" spans="14:14">
      <c r="N507600" s="10"/>
    </row>
    <row r="507601" spans="14:14">
      <c r="N507601" s="10"/>
    </row>
    <row r="507602" spans="14:14">
      <c r="N507602" s="10"/>
    </row>
    <row r="507603" spans="14:14">
      <c r="N507603" s="10"/>
    </row>
    <row r="507604" spans="14:14">
      <c r="N507604" s="10"/>
    </row>
    <row r="507605" spans="14:14">
      <c r="N507605" s="10"/>
    </row>
    <row r="507606" spans="14:14">
      <c r="N507606" s="10"/>
    </row>
    <row r="507607" spans="14:14">
      <c r="N507607" s="10"/>
    </row>
    <row r="507608" spans="14:14">
      <c r="N507608" s="10"/>
    </row>
    <row r="507609" spans="14:14">
      <c r="N507609" s="10"/>
    </row>
    <row r="507610" spans="14:14">
      <c r="N507610" s="10"/>
    </row>
    <row r="507611" spans="14:14">
      <c r="N507611" s="10"/>
    </row>
    <row r="507612" spans="14:14">
      <c r="N507612" s="10"/>
    </row>
    <row r="507613" spans="14:14">
      <c r="N507613" s="10"/>
    </row>
    <row r="507614" spans="14:14">
      <c r="N507614" s="10"/>
    </row>
    <row r="507615" spans="14:14">
      <c r="N507615" s="10"/>
    </row>
    <row r="507616" spans="14:14">
      <c r="N507616" s="10"/>
    </row>
    <row r="507617" spans="14:14">
      <c r="N507617" s="10"/>
    </row>
    <row r="507618" spans="14:14">
      <c r="N507618" s="10"/>
    </row>
    <row r="507619" spans="14:14">
      <c r="N507619" s="10"/>
    </row>
    <row r="507620" spans="14:14">
      <c r="N507620" s="10"/>
    </row>
    <row r="507621" spans="14:14">
      <c r="N507621" s="10"/>
    </row>
    <row r="507622" spans="14:14">
      <c r="N507622" s="10"/>
    </row>
    <row r="507623" spans="14:14">
      <c r="N507623" s="10"/>
    </row>
    <row r="507624" spans="14:14">
      <c r="N507624" s="10"/>
    </row>
    <row r="507625" spans="14:14">
      <c r="N507625" s="10"/>
    </row>
    <row r="507626" spans="14:14">
      <c r="N507626" s="10"/>
    </row>
    <row r="507627" spans="14:14">
      <c r="N507627" s="10"/>
    </row>
    <row r="507628" spans="14:14">
      <c r="N507628" s="10"/>
    </row>
    <row r="507629" spans="14:14">
      <c r="N507629" s="10"/>
    </row>
    <row r="507630" spans="14:14">
      <c r="N507630" s="10"/>
    </row>
    <row r="507631" spans="14:14">
      <c r="N507631" s="10"/>
    </row>
    <row r="507632" spans="14:14">
      <c r="N507632" s="10"/>
    </row>
    <row r="507633" spans="14:14">
      <c r="N507633" s="10"/>
    </row>
    <row r="507634" spans="14:14">
      <c r="N507634" s="10"/>
    </row>
    <row r="507635" spans="14:14">
      <c r="N507635" s="10"/>
    </row>
    <row r="507636" spans="14:14">
      <c r="N507636" s="10"/>
    </row>
    <row r="507637" spans="14:14">
      <c r="N507637" s="10"/>
    </row>
    <row r="507638" spans="14:14">
      <c r="N507638" s="10"/>
    </row>
    <row r="507639" spans="14:14">
      <c r="N507639" s="10"/>
    </row>
    <row r="507640" spans="14:14">
      <c r="N507640" s="10"/>
    </row>
    <row r="507641" spans="14:14">
      <c r="N507641" s="10"/>
    </row>
    <row r="507642" spans="14:14">
      <c r="N507642" s="10"/>
    </row>
    <row r="507643" spans="14:14">
      <c r="N507643" s="10"/>
    </row>
    <row r="507644" spans="14:14">
      <c r="N507644" s="10"/>
    </row>
    <row r="507645" spans="14:14">
      <c r="N507645" s="10"/>
    </row>
    <row r="507646" spans="14:14">
      <c r="N507646" s="10"/>
    </row>
    <row r="507647" spans="14:14">
      <c r="N507647" s="10"/>
    </row>
    <row r="507648" spans="14:14">
      <c r="N507648" s="10"/>
    </row>
    <row r="507649" spans="14:14">
      <c r="N507649" s="10"/>
    </row>
    <row r="507650" spans="14:14">
      <c r="N507650" s="10"/>
    </row>
    <row r="507651" spans="14:14">
      <c r="N507651" s="10"/>
    </row>
    <row r="507652" spans="14:14">
      <c r="N507652" s="10"/>
    </row>
    <row r="507653" spans="14:14">
      <c r="N507653" s="10"/>
    </row>
    <row r="507654" spans="14:14">
      <c r="N507654" s="10"/>
    </row>
    <row r="507655" spans="14:14">
      <c r="N507655" s="10"/>
    </row>
    <row r="507656" spans="14:14">
      <c r="N507656" s="10"/>
    </row>
    <row r="507657" spans="14:14">
      <c r="N507657" s="10"/>
    </row>
    <row r="507658" spans="14:14">
      <c r="N507658" s="10"/>
    </row>
    <row r="507659" spans="14:14">
      <c r="N507659" s="10"/>
    </row>
    <row r="507660" spans="14:14">
      <c r="N507660" s="10"/>
    </row>
    <row r="507661" spans="14:14">
      <c r="N507661" s="10"/>
    </row>
    <row r="507662" spans="14:14">
      <c r="N507662" s="10"/>
    </row>
    <row r="507663" spans="14:14">
      <c r="N507663" s="10"/>
    </row>
    <row r="507664" spans="14:14">
      <c r="N507664" s="10"/>
    </row>
    <row r="507665" spans="14:14">
      <c r="N507665" s="10"/>
    </row>
    <row r="507666" spans="14:14">
      <c r="N507666" s="10"/>
    </row>
    <row r="507667" spans="14:14">
      <c r="N507667" s="10"/>
    </row>
    <row r="507668" spans="14:14">
      <c r="N507668" s="10"/>
    </row>
    <row r="507669" spans="14:14">
      <c r="N507669" s="10"/>
    </row>
    <row r="507670" spans="14:14">
      <c r="N507670" s="10"/>
    </row>
    <row r="507671" spans="14:14">
      <c r="N507671" s="10"/>
    </row>
    <row r="507672" spans="14:14">
      <c r="N507672" s="10"/>
    </row>
    <row r="507673" spans="14:14">
      <c r="N507673" s="10"/>
    </row>
    <row r="507674" spans="14:14">
      <c r="N507674" s="10"/>
    </row>
    <row r="507675" spans="14:14">
      <c r="N507675" s="10"/>
    </row>
    <row r="507676" spans="14:14">
      <c r="N507676" s="10"/>
    </row>
    <row r="507677" spans="14:14">
      <c r="N507677" s="10"/>
    </row>
    <row r="507678" spans="14:14">
      <c r="N507678" s="10"/>
    </row>
    <row r="507679" spans="14:14">
      <c r="N507679" s="10"/>
    </row>
    <row r="507680" spans="14:14">
      <c r="N507680" s="10"/>
    </row>
    <row r="507681" spans="14:14">
      <c r="N507681" s="10"/>
    </row>
    <row r="507682" spans="14:14">
      <c r="N507682" s="10"/>
    </row>
    <row r="507683" spans="14:14">
      <c r="N507683" s="10"/>
    </row>
    <row r="507684" spans="14:14">
      <c r="N507684" s="10"/>
    </row>
    <row r="507685" spans="14:14">
      <c r="N507685" s="10"/>
    </row>
    <row r="507686" spans="14:14">
      <c r="N507686" s="10"/>
    </row>
    <row r="507687" spans="14:14">
      <c r="N507687" s="10"/>
    </row>
    <row r="507688" spans="14:14">
      <c r="N507688" s="10"/>
    </row>
    <row r="507689" spans="14:14">
      <c r="N507689" s="10"/>
    </row>
    <row r="507690" spans="14:14">
      <c r="N507690" s="10"/>
    </row>
    <row r="507691" spans="14:14">
      <c r="N507691" s="10"/>
    </row>
    <row r="507692" spans="14:14">
      <c r="N507692" s="10"/>
    </row>
    <row r="507693" spans="14:14">
      <c r="N507693" s="10"/>
    </row>
    <row r="507694" spans="14:14">
      <c r="N507694" s="10"/>
    </row>
    <row r="507695" spans="14:14">
      <c r="N507695" s="10"/>
    </row>
    <row r="507696" spans="14:14">
      <c r="N507696" s="10"/>
    </row>
    <row r="507697" spans="14:14">
      <c r="N507697" s="10"/>
    </row>
    <row r="507698" spans="14:14">
      <c r="N507698" s="10"/>
    </row>
    <row r="507699" spans="14:14">
      <c r="N507699" s="10"/>
    </row>
    <row r="507700" spans="14:14">
      <c r="N507700" s="10"/>
    </row>
    <row r="507701" spans="14:14">
      <c r="N507701" s="10"/>
    </row>
    <row r="507702" spans="14:14">
      <c r="N507702" s="10"/>
    </row>
    <row r="507703" spans="14:14">
      <c r="N507703" s="10"/>
    </row>
    <row r="507704" spans="14:14">
      <c r="N507704" s="10"/>
    </row>
    <row r="507705" spans="14:14">
      <c r="N507705" s="10"/>
    </row>
    <row r="507706" spans="14:14">
      <c r="N507706" s="10"/>
    </row>
    <row r="507707" spans="14:14">
      <c r="N507707" s="10"/>
    </row>
    <row r="507708" spans="14:14">
      <c r="N507708" s="10"/>
    </row>
    <row r="507709" spans="14:14">
      <c r="N507709" s="10"/>
    </row>
    <row r="507710" spans="14:14">
      <c r="N507710" s="10"/>
    </row>
    <row r="507711" spans="14:14">
      <c r="N507711" s="10"/>
    </row>
    <row r="507712" spans="14:14">
      <c r="N507712" s="10"/>
    </row>
    <row r="507713" spans="14:14">
      <c r="N507713" s="10"/>
    </row>
    <row r="507714" spans="14:14">
      <c r="N507714" s="10"/>
    </row>
    <row r="507715" spans="14:14">
      <c r="N507715" s="10"/>
    </row>
    <row r="507716" spans="14:14">
      <c r="N507716" s="10"/>
    </row>
    <row r="507717" spans="14:14">
      <c r="N507717" s="10"/>
    </row>
    <row r="507718" spans="14:14">
      <c r="N507718" s="10"/>
    </row>
    <row r="507719" spans="14:14">
      <c r="N507719" s="10"/>
    </row>
    <row r="507720" spans="14:14">
      <c r="N507720" s="10"/>
    </row>
    <row r="507721" spans="14:14">
      <c r="N507721" s="10"/>
    </row>
    <row r="507722" spans="14:14">
      <c r="N507722" s="10"/>
    </row>
    <row r="507723" spans="14:14">
      <c r="N507723" s="10"/>
    </row>
    <row r="507724" spans="14:14">
      <c r="N507724" s="10"/>
    </row>
    <row r="507725" spans="14:14">
      <c r="N507725" s="10"/>
    </row>
    <row r="507726" spans="14:14">
      <c r="N507726" s="10"/>
    </row>
    <row r="507727" spans="14:14">
      <c r="N507727" s="10"/>
    </row>
    <row r="507728" spans="14:14">
      <c r="N507728" s="10"/>
    </row>
    <row r="507729" spans="14:14">
      <c r="N507729" s="10"/>
    </row>
    <row r="507730" spans="14:14">
      <c r="N507730" s="10"/>
    </row>
    <row r="507731" spans="14:14">
      <c r="N507731" s="10"/>
    </row>
    <row r="507732" spans="14:14">
      <c r="N507732" s="10"/>
    </row>
    <row r="507733" spans="14:14">
      <c r="N507733" s="10"/>
    </row>
    <row r="507734" spans="14:14">
      <c r="N507734" s="10"/>
    </row>
    <row r="507735" spans="14:14">
      <c r="N507735" s="10"/>
    </row>
    <row r="507736" spans="14:14">
      <c r="N507736" s="10"/>
    </row>
    <row r="507737" spans="14:14">
      <c r="N507737" s="10"/>
    </row>
    <row r="507738" spans="14:14">
      <c r="N507738" s="10"/>
    </row>
    <row r="507739" spans="14:14">
      <c r="N507739" s="10"/>
    </row>
    <row r="507740" spans="14:14">
      <c r="N507740" s="10"/>
    </row>
    <row r="507741" spans="14:14">
      <c r="N507741" s="10"/>
    </row>
    <row r="507742" spans="14:14">
      <c r="N507742" s="10"/>
    </row>
    <row r="507743" spans="14:14">
      <c r="N507743" s="10"/>
    </row>
    <row r="507744" spans="14:14">
      <c r="N507744" s="10"/>
    </row>
    <row r="507745" spans="14:14">
      <c r="N507745" s="10"/>
    </row>
    <row r="507746" spans="14:14">
      <c r="N507746" s="10"/>
    </row>
    <row r="507747" spans="14:14">
      <c r="N507747" s="10"/>
    </row>
    <row r="507748" spans="14:14">
      <c r="N507748" s="10"/>
    </row>
    <row r="507749" spans="14:14">
      <c r="N507749" s="10"/>
    </row>
    <row r="507750" spans="14:14">
      <c r="N507750" s="10"/>
    </row>
    <row r="507751" spans="14:14">
      <c r="N507751" s="10"/>
    </row>
    <row r="507752" spans="14:14">
      <c r="N507752" s="10"/>
    </row>
    <row r="507753" spans="14:14">
      <c r="N507753" s="10"/>
    </row>
    <row r="507754" spans="14:14">
      <c r="N507754" s="10"/>
    </row>
    <row r="507755" spans="14:14">
      <c r="N507755" s="10"/>
    </row>
    <row r="507756" spans="14:14">
      <c r="N507756" s="10"/>
    </row>
    <row r="507757" spans="14:14">
      <c r="N507757" s="10"/>
    </row>
    <row r="507758" spans="14:14">
      <c r="N507758" s="10"/>
    </row>
    <row r="507759" spans="14:14">
      <c r="N507759" s="10"/>
    </row>
    <row r="507760" spans="14:14">
      <c r="N507760" s="10"/>
    </row>
    <row r="507761" spans="14:14">
      <c r="N507761" s="10"/>
    </row>
    <row r="507762" spans="14:14">
      <c r="N507762" s="10"/>
    </row>
    <row r="507763" spans="14:14">
      <c r="N507763" s="10"/>
    </row>
    <row r="507764" spans="14:14">
      <c r="N507764" s="10"/>
    </row>
    <row r="507765" spans="14:14">
      <c r="N507765" s="10"/>
    </row>
    <row r="507766" spans="14:14">
      <c r="N507766" s="10"/>
    </row>
    <row r="507767" spans="14:14">
      <c r="N507767" s="10"/>
    </row>
    <row r="507768" spans="14:14">
      <c r="N507768" s="10"/>
    </row>
    <row r="507769" spans="14:14">
      <c r="N507769" s="10"/>
    </row>
    <row r="507770" spans="14:14">
      <c r="N507770" s="10"/>
    </row>
    <row r="507771" spans="14:14">
      <c r="N507771" s="10"/>
    </row>
    <row r="507772" spans="14:14">
      <c r="N507772" s="10"/>
    </row>
    <row r="507773" spans="14:14">
      <c r="N507773" s="10"/>
    </row>
    <row r="507774" spans="14:14">
      <c r="N507774" s="10"/>
    </row>
    <row r="507775" spans="14:14">
      <c r="N507775" s="10"/>
    </row>
    <row r="507776" spans="14:14">
      <c r="N507776" s="10"/>
    </row>
    <row r="507777" spans="14:14">
      <c r="N507777" s="10"/>
    </row>
    <row r="507778" spans="14:14">
      <c r="N507778" s="10"/>
    </row>
    <row r="507779" spans="14:14">
      <c r="N507779" s="10"/>
    </row>
    <row r="507780" spans="14:14">
      <c r="N507780" s="10"/>
    </row>
    <row r="507781" spans="14:14">
      <c r="N507781" s="10"/>
    </row>
    <row r="507782" spans="14:14">
      <c r="N507782" s="10"/>
    </row>
    <row r="507783" spans="14:14">
      <c r="N507783" s="10"/>
    </row>
    <row r="507784" spans="14:14">
      <c r="N507784" s="10"/>
    </row>
    <row r="507785" spans="14:14">
      <c r="N507785" s="10"/>
    </row>
    <row r="507786" spans="14:14">
      <c r="N507786" s="10"/>
    </row>
    <row r="507787" spans="14:14">
      <c r="N507787" s="10"/>
    </row>
    <row r="507788" spans="14:14">
      <c r="N507788" s="10"/>
    </row>
    <row r="507789" spans="14:14">
      <c r="N507789" s="10"/>
    </row>
    <row r="507790" spans="14:14">
      <c r="N507790" s="10"/>
    </row>
    <row r="507791" spans="14:14">
      <c r="N507791" s="10"/>
    </row>
    <row r="507792" spans="14:14">
      <c r="N507792" s="10"/>
    </row>
    <row r="507793" spans="14:14">
      <c r="N507793" s="10"/>
    </row>
    <row r="507794" spans="14:14">
      <c r="N507794" s="10"/>
    </row>
    <row r="507795" spans="14:14">
      <c r="N507795" s="10"/>
    </row>
    <row r="507796" spans="14:14">
      <c r="N507796" s="10"/>
    </row>
    <row r="507797" spans="14:14">
      <c r="N507797" s="10"/>
    </row>
    <row r="507798" spans="14:14">
      <c r="N507798" s="10"/>
    </row>
    <row r="507799" spans="14:14">
      <c r="N507799" s="10"/>
    </row>
    <row r="507800" spans="14:14">
      <c r="N507800" s="10"/>
    </row>
    <row r="507801" spans="14:14">
      <c r="N507801" s="10"/>
    </row>
    <row r="507802" spans="14:14">
      <c r="N507802" s="10"/>
    </row>
    <row r="507803" spans="14:14">
      <c r="N507803" s="10"/>
    </row>
    <row r="507804" spans="14:14">
      <c r="N507804" s="10"/>
    </row>
    <row r="507805" spans="14:14">
      <c r="N507805" s="10"/>
    </row>
    <row r="507806" spans="14:14">
      <c r="N507806" s="10"/>
    </row>
    <row r="507807" spans="14:14">
      <c r="N507807" s="10"/>
    </row>
    <row r="507808" spans="14:14">
      <c r="N507808" s="10"/>
    </row>
    <row r="507809" spans="14:14">
      <c r="N507809" s="10"/>
    </row>
    <row r="507810" spans="14:14">
      <c r="N507810" s="10"/>
    </row>
    <row r="507811" spans="14:14">
      <c r="N507811" s="10"/>
    </row>
    <row r="507812" spans="14:14">
      <c r="N507812" s="10"/>
    </row>
    <row r="507813" spans="14:14">
      <c r="N507813" s="10"/>
    </row>
    <row r="507814" spans="14:14">
      <c r="N507814" s="10"/>
    </row>
    <row r="507815" spans="14:14">
      <c r="N507815" s="10"/>
    </row>
    <row r="507816" spans="14:14">
      <c r="N507816" s="10"/>
    </row>
    <row r="507817" spans="14:14">
      <c r="N507817" s="10"/>
    </row>
    <row r="507818" spans="14:14">
      <c r="N507818" s="10"/>
    </row>
    <row r="507819" spans="14:14">
      <c r="N507819" s="10"/>
    </row>
    <row r="507820" spans="14:14">
      <c r="N507820" s="10"/>
    </row>
    <row r="507821" spans="14:14">
      <c r="N507821" s="10"/>
    </row>
    <row r="507822" spans="14:14">
      <c r="N507822" s="10"/>
    </row>
    <row r="507823" spans="14:14">
      <c r="N507823" s="10"/>
    </row>
    <row r="507824" spans="14:14">
      <c r="N507824" s="10"/>
    </row>
    <row r="507825" spans="14:14">
      <c r="N507825" s="10"/>
    </row>
    <row r="507826" spans="14:14">
      <c r="N507826" s="10"/>
    </row>
    <row r="507827" spans="14:14">
      <c r="N507827" s="10"/>
    </row>
    <row r="507828" spans="14:14">
      <c r="N507828" s="10"/>
    </row>
    <row r="507829" spans="14:14">
      <c r="N507829" s="10"/>
    </row>
    <row r="507830" spans="14:14">
      <c r="N507830" s="10"/>
    </row>
    <row r="507831" spans="14:14">
      <c r="N507831" s="10"/>
    </row>
    <row r="507832" spans="14:14">
      <c r="N507832" s="10"/>
    </row>
    <row r="507833" spans="14:14">
      <c r="N507833" s="10"/>
    </row>
    <row r="507834" spans="14:14">
      <c r="N507834" s="10"/>
    </row>
    <row r="507835" spans="14:14">
      <c r="N507835" s="10"/>
    </row>
    <row r="507836" spans="14:14">
      <c r="N507836" s="10"/>
    </row>
    <row r="507837" spans="14:14">
      <c r="N507837" s="10"/>
    </row>
    <row r="507838" spans="14:14">
      <c r="N507838" s="10"/>
    </row>
    <row r="507839" spans="14:14">
      <c r="N507839" s="10"/>
    </row>
    <row r="507840" spans="14:14">
      <c r="N507840" s="10"/>
    </row>
    <row r="507841" spans="14:14">
      <c r="N507841" s="10"/>
    </row>
    <row r="507842" spans="14:14">
      <c r="N507842" s="10"/>
    </row>
    <row r="507843" spans="14:14">
      <c r="N507843" s="10"/>
    </row>
    <row r="507844" spans="14:14">
      <c r="N507844" s="10"/>
    </row>
    <row r="507845" spans="14:14">
      <c r="N507845" s="10"/>
    </row>
    <row r="507846" spans="14:14">
      <c r="N507846" s="10"/>
    </row>
    <row r="507847" spans="14:14">
      <c r="N507847" s="10"/>
    </row>
    <row r="507848" spans="14:14">
      <c r="N507848" s="10"/>
    </row>
    <row r="507849" spans="14:14">
      <c r="N507849" s="10"/>
    </row>
    <row r="507850" spans="14:14">
      <c r="N507850" s="10"/>
    </row>
    <row r="507851" spans="14:14">
      <c r="N507851" s="10"/>
    </row>
    <row r="507852" spans="14:14">
      <c r="N507852" s="10"/>
    </row>
    <row r="507853" spans="14:14">
      <c r="N507853" s="10"/>
    </row>
    <row r="507854" spans="14:14">
      <c r="N507854" s="10"/>
    </row>
    <row r="507855" spans="14:14">
      <c r="N507855" s="10"/>
    </row>
    <row r="507856" spans="14:14">
      <c r="N507856" s="10"/>
    </row>
    <row r="507857" spans="14:14">
      <c r="N507857" s="10"/>
    </row>
    <row r="507858" spans="14:14">
      <c r="N507858" s="10"/>
    </row>
    <row r="507859" spans="14:14">
      <c r="N507859" s="10"/>
    </row>
    <row r="507860" spans="14:14">
      <c r="N507860" s="10"/>
    </row>
    <row r="507861" spans="14:14">
      <c r="N507861" s="10"/>
    </row>
    <row r="507862" spans="14:14">
      <c r="N507862" s="10"/>
    </row>
    <row r="507863" spans="14:14">
      <c r="N507863" s="10"/>
    </row>
    <row r="507864" spans="14:14">
      <c r="N507864" s="10"/>
    </row>
    <row r="507865" spans="14:14">
      <c r="N507865" s="10"/>
    </row>
    <row r="507866" spans="14:14">
      <c r="N507866" s="10"/>
    </row>
    <row r="507867" spans="14:14">
      <c r="N507867" s="10"/>
    </row>
    <row r="507868" spans="14:14">
      <c r="N507868" s="10"/>
    </row>
    <row r="507869" spans="14:14">
      <c r="N507869" s="10"/>
    </row>
    <row r="507870" spans="14:14">
      <c r="N507870" s="10"/>
    </row>
    <row r="507871" spans="14:14">
      <c r="N507871" s="10"/>
    </row>
    <row r="507872" spans="14:14">
      <c r="N507872" s="10"/>
    </row>
    <row r="507873" spans="14:14">
      <c r="N507873" s="10"/>
    </row>
    <row r="507874" spans="14:14">
      <c r="N507874" s="10"/>
    </row>
    <row r="507875" spans="14:14">
      <c r="N507875" s="10"/>
    </row>
    <row r="507876" spans="14:14">
      <c r="N507876" s="10"/>
    </row>
    <row r="507877" spans="14:14">
      <c r="N507877" s="10"/>
    </row>
    <row r="507878" spans="14:14">
      <c r="N507878" s="10"/>
    </row>
    <row r="507879" spans="14:14">
      <c r="N507879" s="10"/>
    </row>
    <row r="507880" spans="14:14">
      <c r="N507880" s="10"/>
    </row>
    <row r="507881" spans="14:14">
      <c r="N507881" s="10"/>
    </row>
    <row r="507882" spans="14:14">
      <c r="N507882" s="10"/>
    </row>
    <row r="507883" spans="14:14">
      <c r="N507883" s="10"/>
    </row>
    <row r="507884" spans="14:14">
      <c r="N507884" s="10"/>
    </row>
    <row r="507885" spans="14:14">
      <c r="N507885" s="10"/>
    </row>
    <row r="507886" spans="14:14">
      <c r="N507886" s="10"/>
    </row>
    <row r="507887" spans="14:14">
      <c r="N507887" s="10"/>
    </row>
    <row r="507888" spans="14:14">
      <c r="N507888" s="10"/>
    </row>
    <row r="507889" spans="14:14">
      <c r="N507889" s="10"/>
    </row>
    <row r="507890" spans="14:14">
      <c r="N507890" s="10"/>
    </row>
    <row r="507891" spans="14:14">
      <c r="N507891" s="10"/>
    </row>
    <row r="507892" spans="14:14">
      <c r="N507892" s="10"/>
    </row>
    <row r="507893" spans="14:14">
      <c r="N507893" s="10"/>
    </row>
    <row r="507894" spans="14:14">
      <c r="N507894" s="10"/>
    </row>
    <row r="507895" spans="14:14">
      <c r="N507895" s="10"/>
    </row>
    <row r="507896" spans="14:14">
      <c r="N507896" s="10"/>
    </row>
    <row r="507897" spans="14:14">
      <c r="N507897" s="10"/>
    </row>
    <row r="507898" spans="14:14">
      <c r="N507898" s="10"/>
    </row>
    <row r="507899" spans="14:14">
      <c r="N507899" s="10"/>
    </row>
    <row r="507900" spans="14:14">
      <c r="N507900" s="10"/>
    </row>
    <row r="507901" spans="14:14">
      <c r="N507901" s="10"/>
    </row>
    <row r="507902" spans="14:14">
      <c r="N507902" s="10"/>
    </row>
    <row r="507903" spans="14:14">
      <c r="N507903" s="10"/>
    </row>
    <row r="507904" spans="14:14">
      <c r="N507904" s="10"/>
    </row>
    <row r="507905" spans="14:14">
      <c r="N507905" s="10"/>
    </row>
    <row r="507906" spans="14:14">
      <c r="N507906" s="10"/>
    </row>
    <row r="507907" spans="14:14">
      <c r="N507907" s="10"/>
    </row>
    <row r="507908" spans="14:14">
      <c r="N507908" s="10"/>
    </row>
    <row r="507909" spans="14:14">
      <c r="N507909" s="10"/>
    </row>
    <row r="507910" spans="14:14">
      <c r="N507910" s="10"/>
    </row>
    <row r="507911" spans="14:14">
      <c r="N507911" s="10"/>
    </row>
    <row r="507912" spans="14:14">
      <c r="N507912" s="10"/>
    </row>
    <row r="507913" spans="14:14">
      <c r="N507913" s="10"/>
    </row>
    <row r="507914" spans="14:14">
      <c r="N507914" s="10"/>
    </row>
    <row r="507915" spans="14:14">
      <c r="N507915" s="10"/>
    </row>
    <row r="507916" spans="14:14">
      <c r="N507916" s="10"/>
    </row>
    <row r="507917" spans="14:14">
      <c r="N507917" s="10"/>
    </row>
    <row r="507918" spans="14:14">
      <c r="N507918" s="10"/>
    </row>
    <row r="507919" spans="14:14">
      <c r="N507919" s="10"/>
    </row>
    <row r="507920" spans="14:14">
      <c r="N507920" s="10"/>
    </row>
    <row r="507921" spans="14:14">
      <c r="N507921" s="10"/>
    </row>
    <row r="507922" spans="14:14">
      <c r="N507922" s="10"/>
    </row>
    <row r="507923" spans="14:14">
      <c r="N507923" s="10"/>
    </row>
    <row r="507924" spans="14:14">
      <c r="N507924" s="10"/>
    </row>
    <row r="507925" spans="14:14">
      <c r="N507925" s="10"/>
    </row>
    <row r="507926" spans="14:14">
      <c r="N507926" s="10"/>
    </row>
    <row r="507927" spans="14:14">
      <c r="N507927" s="10"/>
    </row>
    <row r="507928" spans="14:14">
      <c r="N507928" s="10"/>
    </row>
    <row r="507929" spans="14:14">
      <c r="N507929" s="10"/>
    </row>
    <row r="507930" spans="14:14">
      <c r="N507930" s="10"/>
    </row>
    <row r="507931" spans="14:14">
      <c r="N507931" s="10"/>
    </row>
    <row r="507932" spans="14:14">
      <c r="N507932" s="10"/>
    </row>
    <row r="507933" spans="14:14">
      <c r="N507933" s="10"/>
    </row>
    <row r="507934" spans="14:14">
      <c r="N507934" s="10"/>
    </row>
    <row r="507935" spans="14:14">
      <c r="N507935" s="10"/>
    </row>
    <row r="507936" spans="14:14">
      <c r="N507936" s="10"/>
    </row>
    <row r="507937" spans="14:14">
      <c r="N507937" s="10"/>
    </row>
    <row r="507938" spans="14:14">
      <c r="N507938" s="10"/>
    </row>
    <row r="507939" spans="14:14">
      <c r="N507939" s="10"/>
    </row>
    <row r="507940" spans="14:14">
      <c r="N507940" s="10"/>
    </row>
    <row r="507941" spans="14:14">
      <c r="N507941" s="10"/>
    </row>
    <row r="507942" spans="14:14">
      <c r="N507942" s="10"/>
    </row>
    <row r="507943" spans="14:14">
      <c r="N507943" s="10"/>
    </row>
    <row r="507944" spans="14:14">
      <c r="N507944" s="10"/>
    </row>
    <row r="507945" spans="14:14">
      <c r="N507945" s="10"/>
    </row>
    <row r="507946" spans="14:14">
      <c r="N507946" s="10"/>
    </row>
    <row r="507947" spans="14:14">
      <c r="N507947" s="10"/>
    </row>
    <row r="507948" spans="14:14">
      <c r="N507948" s="10"/>
    </row>
    <row r="507949" spans="14:14">
      <c r="N507949" s="10"/>
    </row>
    <row r="507950" spans="14:14">
      <c r="N507950" s="10"/>
    </row>
    <row r="507951" spans="14:14">
      <c r="N507951" s="10"/>
    </row>
    <row r="507952" spans="14:14">
      <c r="N507952" s="10"/>
    </row>
    <row r="507953" spans="14:14">
      <c r="N507953" s="10"/>
    </row>
    <row r="507954" spans="14:14">
      <c r="N507954" s="10"/>
    </row>
    <row r="507955" spans="14:14">
      <c r="N507955" s="10"/>
    </row>
    <row r="507956" spans="14:14">
      <c r="N507956" s="10"/>
    </row>
    <row r="507957" spans="14:14">
      <c r="N507957" s="10"/>
    </row>
    <row r="507958" spans="14:14">
      <c r="N507958" s="10"/>
    </row>
    <row r="507959" spans="14:14">
      <c r="N507959" s="10"/>
    </row>
    <row r="507960" spans="14:14">
      <c r="N507960" s="10"/>
    </row>
    <row r="507961" spans="14:14">
      <c r="N507961" s="10"/>
    </row>
    <row r="507962" spans="14:14">
      <c r="N507962" s="10"/>
    </row>
    <row r="507963" spans="14:14">
      <c r="N507963" s="10"/>
    </row>
    <row r="507964" spans="14:14">
      <c r="N507964" s="10"/>
    </row>
    <row r="507965" spans="14:14">
      <c r="N507965" s="10"/>
    </row>
    <row r="507966" spans="14:14">
      <c r="N507966" s="10"/>
    </row>
    <row r="507967" spans="14:14">
      <c r="N507967" s="10"/>
    </row>
    <row r="507968" spans="14:14">
      <c r="N507968" s="10"/>
    </row>
    <row r="507969" spans="14:14">
      <c r="N507969" s="10"/>
    </row>
    <row r="507970" spans="14:14">
      <c r="N507970" s="10"/>
    </row>
    <row r="507971" spans="14:14">
      <c r="N507971" s="10"/>
    </row>
    <row r="507972" spans="14:14">
      <c r="N507972" s="10"/>
    </row>
    <row r="507973" spans="14:14">
      <c r="N507973" s="10"/>
    </row>
    <row r="507974" spans="14:14">
      <c r="N507974" s="10"/>
    </row>
    <row r="507975" spans="14:14">
      <c r="N507975" s="10"/>
    </row>
    <row r="507976" spans="14:14">
      <c r="N507976" s="10"/>
    </row>
    <row r="507977" spans="14:14">
      <c r="N507977" s="10"/>
    </row>
    <row r="507978" spans="14:14">
      <c r="N507978" s="10"/>
    </row>
    <row r="507979" spans="14:14">
      <c r="N507979" s="10"/>
    </row>
    <row r="507980" spans="14:14">
      <c r="N507980" s="10"/>
    </row>
    <row r="507981" spans="14:14">
      <c r="N507981" s="10"/>
    </row>
    <row r="507982" spans="14:14">
      <c r="N507982" s="10"/>
    </row>
    <row r="507983" spans="14:14">
      <c r="N507983" s="10"/>
    </row>
    <row r="507984" spans="14:14">
      <c r="N507984" s="10"/>
    </row>
    <row r="507985" spans="14:14">
      <c r="N507985" s="10"/>
    </row>
    <row r="507986" spans="14:14">
      <c r="N507986" s="10"/>
    </row>
    <row r="507987" spans="14:14">
      <c r="N507987" s="10"/>
    </row>
    <row r="507988" spans="14:14">
      <c r="N507988" s="10"/>
    </row>
    <row r="507989" spans="14:14">
      <c r="N507989" s="10"/>
    </row>
    <row r="507990" spans="14:14">
      <c r="N507990" s="10"/>
    </row>
    <row r="507991" spans="14:14">
      <c r="N507991" s="10"/>
    </row>
    <row r="507992" spans="14:14">
      <c r="N507992" s="10"/>
    </row>
    <row r="507993" spans="14:14">
      <c r="N507993" s="10"/>
    </row>
    <row r="507994" spans="14:14">
      <c r="N507994" s="10"/>
    </row>
    <row r="507995" spans="14:14">
      <c r="N507995" s="10"/>
    </row>
    <row r="507996" spans="14:14">
      <c r="N507996" s="10"/>
    </row>
    <row r="507997" spans="14:14">
      <c r="N507997" s="10"/>
    </row>
    <row r="507998" spans="14:14">
      <c r="N507998" s="10"/>
    </row>
    <row r="507999" spans="14:14">
      <c r="N507999" s="10"/>
    </row>
    <row r="508000" spans="14:14">
      <c r="N508000" s="10"/>
    </row>
    <row r="508001" spans="14:14">
      <c r="N508001" s="10"/>
    </row>
    <row r="508002" spans="14:14">
      <c r="N508002" s="10"/>
    </row>
    <row r="508003" spans="14:14">
      <c r="N508003" s="10"/>
    </row>
    <row r="508004" spans="14:14">
      <c r="N508004" s="10"/>
    </row>
    <row r="508005" spans="14:14">
      <c r="N508005" s="10"/>
    </row>
    <row r="508006" spans="14:14">
      <c r="N508006" s="10"/>
    </row>
    <row r="508007" spans="14:14">
      <c r="N508007" s="10"/>
    </row>
    <row r="508008" spans="14:14">
      <c r="N508008" s="10"/>
    </row>
    <row r="508009" spans="14:14">
      <c r="N508009" s="10"/>
    </row>
    <row r="508010" spans="14:14">
      <c r="N508010" s="10"/>
    </row>
    <row r="508011" spans="14:14">
      <c r="N508011" s="10"/>
    </row>
    <row r="508012" spans="14:14">
      <c r="N508012" s="10"/>
    </row>
    <row r="508013" spans="14:14">
      <c r="N508013" s="10"/>
    </row>
    <row r="508014" spans="14:14">
      <c r="N508014" s="10"/>
    </row>
    <row r="508015" spans="14:14">
      <c r="N508015" s="10"/>
    </row>
    <row r="508016" spans="14:14">
      <c r="N508016" s="10"/>
    </row>
    <row r="508017" spans="14:14">
      <c r="N508017" s="10"/>
    </row>
    <row r="508018" spans="14:14">
      <c r="N508018" s="10"/>
    </row>
    <row r="508019" spans="14:14">
      <c r="N508019" s="10"/>
    </row>
    <row r="508020" spans="14:14">
      <c r="N508020" s="10"/>
    </row>
    <row r="508021" spans="14:14">
      <c r="N508021" s="10"/>
    </row>
    <row r="508022" spans="14:14">
      <c r="N508022" s="10"/>
    </row>
    <row r="508023" spans="14:14">
      <c r="N508023" s="10"/>
    </row>
    <row r="508024" spans="14:14">
      <c r="N508024" s="10"/>
    </row>
    <row r="508025" spans="14:14">
      <c r="N508025" s="10"/>
    </row>
    <row r="508026" spans="14:14">
      <c r="N508026" s="10"/>
    </row>
    <row r="508027" spans="14:14">
      <c r="N508027" s="10"/>
    </row>
    <row r="508028" spans="14:14">
      <c r="N508028" s="10"/>
    </row>
    <row r="508029" spans="14:14">
      <c r="N508029" s="10"/>
    </row>
    <row r="508030" spans="14:14">
      <c r="N508030" s="10"/>
    </row>
    <row r="508031" spans="14:14">
      <c r="N508031" s="10"/>
    </row>
    <row r="508032" spans="14:14">
      <c r="N508032" s="10"/>
    </row>
    <row r="508033" spans="14:14">
      <c r="N508033" s="10"/>
    </row>
    <row r="508034" spans="14:14">
      <c r="N508034" s="10"/>
    </row>
    <row r="508035" spans="14:14">
      <c r="N508035" s="10"/>
    </row>
    <row r="508036" spans="14:14">
      <c r="N508036" s="10"/>
    </row>
    <row r="508037" spans="14:14">
      <c r="N508037" s="10"/>
    </row>
    <row r="508038" spans="14:14">
      <c r="N508038" s="10"/>
    </row>
    <row r="508039" spans="14:14">
      <c r="N508039" s="10"/>
    </row>
    <row r="508040" spans="14:14">
      <c r="N508040" s="10"/>
    </row>
    <row r="508041" spans="14:14">
      <c r="N508041" s="10"/>
    </row>
    <row r="508042" spans="14:14">
      <c r="N508042" s="10"/>
    </row>
    <row r="508043" spans="14:14">
      <c r="N508043" s="10"/>
    </row>
    <row r="508044" spans="14:14">
      <c r="N508044" s="10"/>
    </row>
    <row r="508045" spans="14:14">
      <c r="N508045" s="10"/>
    </row>
    <row r="508046" spans="14:14">
      <c r="N508046" s="10"/>
    </row>
    <row r="508047" spans="14:14">
      <c r="N508047" s="10"/>
    </row>
    <row r="508048" spans="14:14">
      <c r="N508048" s="10"/>
    </row>
    <row r="508049" spans="14:14">
      <c r="N508049" s="10"/>
    </row>
    <row r="508050" spans="14:14">
      <c r="N508050" s="10"/>
    </row>
    <row r="508051" spans="14:14">
      <c r="N508051" s="10"/>
    </row>
    <row r="508052" spans="14:14">
      <c r="N508052" s="10"/>
    </row>
    <row r="508053" spans="14:14">
      <c r="N508053" s="10"/>
    </row>
    <row r="508054" spans="14:14">
      <c r="N508054" s="10"/>
    </row>
    <row r="508055" spans="14:14">
      <c r="N508055" s="10"/>
    </row>
    <row r="508056" spans="14:14">
      <c r="N508056" s="10"/>
    </row>
    <row r="508057" spans="14:14">
      <c r="N508057" s="10"/>
    </row>
    <row r="508058" spans="14:14">
      <c r="N508058" s="10"/>
    </row>
    <row r="508059" spans="14:14">
      <c r="N508059" s="10"/>
    </row>
    <row r="508060" spans="14:14">
      <c r="N508060" s="10"/>
    </row>
    <row r="508061" spans="14:14">
      <c r="N508061" s="10"/>
    </row>
    <row r="508062" spans="14:14">
      <c r="N508062" s="10"/>
    </row>
    <row r="508063" spans="14:14">
      <c r="N508063" s="10"/>
    </row>
    <row r="508064" spans="14:14">
      <c r="N508064" s="10"/>
    </row>
    <row r="508065" spans="14:14">
      <c r="N508065" s="10"/>
    </row>
    <row r="508066" spans="14:14">
      <c r="N508066" s="10"/>
    </row>
    <row r="508067" spans="14:14">
      <c r="N508067" s="10"/>
    </row>
    <row r="508068" spans="14:14">
      <c r="N508068" s="10"/>
    </row>
    <row r="508069" spans="14:14">
      <c r="N508069" s="10"/>
    </row>
    <row r="508070" spans="14:14">
      <c r="N508070" s="10"/>
    </row>
    <row r="508071" spans="14:14">
      <c r="N508071" s="10"/>
    </row>
    <row r="508072" spans="14:14">
      <c r="N508072" s="10"/>
    </row>
    <row r="508073" spans="14:14">
      <c r="N508073" s="10"/>
    </row>
    <row r="508074" spans="14:14">
      <c r="N508074" s="10"/>
    </row>
    <row r="508075" spans="14:14">
      <c r="N508075" s="10"/>
    </row>
    <row r="508076" spans="14:14">
      <c r="N508076" s="10"/>
    </row>
    <row r="508077" spans="14:14">
      <c r="N508077" s="10"/>
    </row>
    <row r="508078" spans="14:14">
      <c r="N508078" s="10"/>
    </row>
    <row r="508079" spans="14:14">
      <c r="N508079" s="10"/>
    </row>
    <row r="508080" spans="14:14">
      <c r="N508080" s="10"/>
    </row>
    <row r="508081" spans="14:14">
      <c r="N508081" s="10"/>
    </row>
    <row r="508082" spans="14:14">
      <c r="N508082" s="10"/>
    </row>
    <row r="508083" spans="14:14">
      <c r="N508083" s="10"/>
    </row>
    <row r="508084" spans="14:14">
      <c r="N508084" s="10"/>
    </row>
    <row r="508085" spans="14:14">
      <c r="N508085" s="10"/>
    </row>
    <row r="508086" spans="14:14">
      <c r="N508086" s="10"/>
    </row>
    <row r="508087" spans="14:14">
      <c r="N508087" s="10"/>
    </row>
    <row r="508088" spans="14:14">
      <c r="N508088" s="10"/>
    </row>
    <row r="508089" spans="14:14">
      <c r="N508089" s="10"/>
    </row>
    <row r="508090" spans="14:14">
      <c r="N508090" s="10"/>
    </row>
    <row r="508091" spans="14:14">
      <c r="N508091" s="10"/>
    </row>
    <row r="508092" spans="14:14">
      <c r="N508092" s="10"/>
    </row>
    <row r="508093" spans="14:14">
      <c r="N508093" s="10"/>
    </row>
    <row r="508094" spans="14:14">
      <c r="N508094" s="10"/>
    </row>
    <row r="508095" spans="14:14">
      <c r="N508095" s="10"/>
    </row>
    <row r="508096" spans="14:14">
      <c r="N508096" s="10"/>
    </row>
    <row r="508097" spans="14:14">
      <c r="N508097" s="10"/>
    </row>
    <row r="508098" spans="14:14">
      <c r="N508098" s="10"/>
    </row>
    <row r="508099" spans="14:14">
      <c r="N508099" s="10"/>
    </row>
    <row r="508100" spans="14:14">
      <c r="N508100" s="10"/>
    </row>
    <row r="508101" spans="14:14">
      <c r="N508101" s="10"/>
    </row>
    <row r="508102" spans="14:14">
      <c r="N508102" s="10"/>
    </row>
    <row r="508103" spans="14:14">
      <c r="N508103" s="10"/>
    </row>
    <row r="508104" spans="14:14">
      <c r="N508104" s="10"/>
    </row>
    <row r="508105" spans="14:14">
      <c r="N508105" s="10"/>
    </row>
    <row r="508106" spans="14:14">
      <c r="N508106" s="10"/>
    </row>
    <row r="508107" spans="14:14">
      <c r="N508107" s="10"/>
    </row>
    <row r="508108" spans="14:14">
      <c r="N508108" s="10"/>
    </row>
    <row r="508109" spans="14:14">
      <c r="N508109" s="10"/>
    </row>
    <row r="508110" spans="14:14">
      <c r="N508110" s="10"/>
    </row>
    <row r="508111" spans="14:14">
      <c r="N508111" s="10"/>
    </row>
    <row r="508112" spans="14:14">
      <c r="N508112" s="10"/>
    </row>
    <row r="508113" spans="14:14">
      <c r="N508113" s="10"/>
    </row>
    <row r="508114" spans="14:14">
      <c r="N508114" s="10"/>
    </row>
    <row r="508115" spans="14:14">
      <c r="N508115" s="10"/>
    </row>
    <row r="508116" spans="14:14">
      <c r="N508116" s="10"/>
    </row>
    <row r="508117" spans="14:14">
      <c r="N508117" s="10"/>
    </row>
    <row r="508118" spans="14:14">
      <c r="N508118" s="10"/>
    </row>
    <row r="508119" spans="14:14">
      <c r="N508119" s="10"/>
    </row>
    <row r="508120" spans="14:14">
      <c r="N508120" s="10"/>
    </row>
    <row r="508121" spans="14:14">
      <c r="N508121" s="10"/>
    </row>
    <row r="508122" spans="14:14">
      <c r="N508122" s="10"/>
    </row>
    <row r="508123" spans="14:14">
      <c r="N508123" s="10"/>
    </row>
    <row r="508124" spans="14:14">
      <c r="N508124" s="10"/>
    </row>
    <row r="508125" spans="14:14">
      <c r="N508125" s="10"/>
    </row>
    <row r="508126" spans="14:14">
      <c r="N508126" s="10"/>
    </row>
    <row r="508127" spans="14:14">
      <c r="N508127" s="10"/>
    </row>
    <row r="508128" spans="14:14">
      <c r="N508128" s="10"/>
    </row>
    <row r="508129" spans="14:14">
      <c r="N508129" s="10"/>
    </row>
    <row r="508130" spans="14:14">
      <c r="N508130" s="10"/>
    </row>
    <row r="508131" spans="14:14">
      <c r="N508131" s="10"/>
    </row>
    <row r="508132" spans="14:14">
      <c r="N508132" s="10"/>
    </row>
    <row r="508133" spans="14:14">
      <c r="N508133" s="10"/>
    </row>
    <row r="508134" spans="14:14">
      <c r="N508134" s="10"/>
    </row>
    <row r="508135" spans="14:14">
      <c r="N508135" s="10"/>
    </row>
    <row r="508136" spans="14:14">
      <c r="N508136" s="10"/>
    </row>
    <row r="508137" spans="14:14">
      <c r="N508137" s="10"/>
    </row>
    <row r="508138" spans="14:14">
      <c r="N508138" s="10"/>
    </row>
    <row r="508139" spans="14:14">
      <c r="N508139" s="10"/>
    </row>
    <row r="508140" spans="14:14">
      <c r="N508140" s="10"/>
    </row>
    <row r="508141" spans="14:14">
      <c r="N508141" s="10"/>
    </row>
    <row r="508142" spans="14:14">
      <c r="N508142" s="10"/>
    </row>
    <row r="508143" spans="14:14">
      <c r="N508143" s="10"/>
    </row>
    <row r="508144" spans="14:14">
      <c r="N508144" s="10"/>
    </row>
    <row r="508145" spans="14:14">
      <c r="N508145" s="10"/>
    </row>
    <row r="508146" spans="14:14">
      <c r="N508146" s="10"/>
    </row>
    <row r="508147" spans="14:14">
      <c r="N508147" s="10"/>
    </row>
    <row r="508148" spans="14:14">
      <c r="N508148" s="10"/>
    </row>
    <row r="508149" spans="14:14">
      <c r="N508149" s="10"/>
    </row>
    <row r="508150" spans="14:14">
      <c r="N508150" s="10"/>
    </row>
    <row r="508151" spans="14:14">
      <c r="N508151" s="10"/>
    </row>
    <row r="508152" spans="14:14">
      <c r="N508152" s="10"/>
    </row>
    <row r="508153" spans="14:14">
      <c r="N508153" s="10"/>
    </row>
    <row r="508154" spans="14:14">
      <c r="N508154" s="10"/>
    </row>
    <row r="508155" spans="14:14">
      <c r="N508155" s="10"/>
    </row>
    <row r="508156" spans="14:14">
      <c r="N508156" s="10"/>
    </row>
    <row r="508157" spans="14:14">
      <c r="N508157" s="10"/>
    </row>
    <row r="508158" spans="14:14">
      <c r="N508158" s="10"/>
    </row>
    <row r="508159" spans="14:14">
      <c r="N508159" s="10"/>
    </row>
    <row r="508160" spans="14:14">
      <c r="N508160" s="10"/>
    </row>
    <row r="508161" spans="14:14">
      <c r="N508161" s="10"/>
    </row>
    <row r="508162" spans="14:14">
      <c r="N508162" s="10"/>
    </row>
    <row r="508163" spans="14:14">
      <c r="N508163" s="10"/>
    </row>
    <row r="508164" spans="14:14">
      <c r="N508164" s="10"/>
    </row>
    <row r="508165" spans="14:14">
      <c r="N508165" s="10"/>
    </row>
    <row r="508166" spans="14:14">
      <c r="N508166" s="10"/>
    </row>
    <row r="508167" spans="14:14">
      <c r="N508167" s="10"/>
    </row>
    <row r="508168" spans="14:14">
      <c r="N508168" s="10"/>
    </row>
    <row r="508169" spans="14:14">
      <c r="N508169" s="10"/>
    </row>
    <row r="508170" spans="14:14">
      <c r="N508170" s="10"/>
    </row>
    <row r="508171" spans="14:14">
      <c r="N508171" s="10"/>
    </row>
    <row r="508172" spans="14:14">
      <c r="N508172" s="10"/>
    </row>
    <row r="508173" spans="14:14">
      <c r="N508173" s="10"/>
    </row>
    <row r="508174" spans="14:14">
      <c r="N508174" s="10"/>
    </row>
    <row r="508175" spans="14:14">
      <c r="N508175" s="10"/>
    </row>
    <row r="508176" spans="14:14">
      <c r="N508176" s="10"/>
    </row>
    <row r="508177" spans="14:14">
      <c r="N508177" s="10"/>
    </row>
    <row r="508178" spans="14:14">
      <c r="N508178" s="10"/>
    </row>
    <row r="508179" spans="14:14">
      <c r="N508179" s="10"/>
    </row>
    <row r="508180" spans="14:14">
      <c r="N508180" s="10"/>
    </row>
    <row r="508181" spans="14:14">
      <c r="N508181" s="10"/>
    </row>
    <row r="508182" spans="14:14">
      <c r="N508182" s="10"/>
    </row>
    <row r="508183" spans="14:14">
      <c r="N508183" s="10"/>
    </row>
    <row r="508184" spans="14:14">
      <c r="N508184" s="10"/>
    </row>
    <row r="508185" spans="14:14">
      <c r="N508185" s="10"/>
    </row>
    <row r="508186" spans="14:14">
      <c r="N508186" s="10"/>
    </row>
    <row r="508187" spans="14:14">
      <c r="N508187" s="10"/>
    </row>
    <row r="508188" spans="14:14">
      <c r="N508188" s="10"/>
    </row>
    <row r="508189" spans="14:14">
      <c r="N508189" s="10"/>
    </row>
    <row r="508190" spans="14:14">
      <c r="N508190" s="10"/>
    </row>
    <row r="508191" spans="14:14">
      <c r="N508191" s="10"/>
    </row>
    <row r="508192" spans="14:14">
      <c r="N508192" s="10"/>
    </row>
    <row r="508193" spans="14:14">
      <c r="N508193" s="10"/>
    </row>
    <row r="508194" spans="14:14">
      <c r="N508194" s="10"/>
    </row>
    <row r="508195" spans="14:14">
      <c r="N508195" s="10"/>
    </row>
    <row r="508196" spans="14:14">
      <c r="N508196" s="10"/>
    </row>
    <row r="508197" spans="14:14">
      <c r="N508197" s="10"/>
    </row>
    <row r="508198" spans="14:14">
      <c r="N508198" s="10"/>
    </row>
    <row r="508199" spans="14:14">
      <c r="N508199" s="10"/>
    </row>
    <row r="508200" spans="14:14">
      <c r="N508200" s="10"/>
    </row>
    <row r="508201" spans="14:14">
      <c r="N508201" s="10"/>
    </row>
    <row r="508202" spans="14:14">
      <c r="N508202" s="10"/>
    </row>
    <row r="508203" spans="14:14">
      <c r="N508203" s="10"/>
    </row>
    <row r="508204" spans="14:14">
      <c r="N508204" s="10"/>
    </row>
    <row r="508205" spans="14:14">
      <c r="N508205" s="10"/>
    </row>
    <row r="508206" spans="14:14">
      <c r="N508206" s="10"/>
    </row>
    <row r="508207" spans="14:14">
      <c r="N508207" s="10"/>
    </row>
    <row r="508208" spans="14:14">
      <c r="N508208" s="10"/>
    </row>
    <row r="508209" spans="14:14">
      <c r="N508209" s="10"/>
    </row>
    <row r="508210" spans="14:14">
      <c r="N508210" s="10"/>
    </row>
    <row r="508211" spans="14:14">
      <c r="N508211" s="10"/>
    </row>
    <row r="508212" spans="14:14">
      <c r="N508212" s="10"/>
    </row>
    <row r="508213" spans="14:14">
      <c r="N508213" s="10"/>
    </row>
    <row r="508214" spans="14:14">
      <c r="N508214" s="10"/>
    </row>
    <row r="508215" spans="14:14">
      <c r="N508215" s="10"/>
    </row>
    <row r="508216" spans="14:14">
      <c r="N508216" s="10"/>
    </row>
    <row r="508217" spans="14:14">
      <c r="N508217" s="10"/>
    </row>
    <row r="508218" spans="14:14">
      <c r="N508218" s="10"/>
    </row>
    <row r="508219" spans="14:14">
      <c r="N508219" s="10"/>
    </row>
    <row r="508220" spans="14:14">
      <c r="N508220" s="10"/>
    </row>
    <row r="508221" spans="14:14">
      <c r="N508221" s="10"/>
    </row>
    <row r="508222" spans="14:14">
      <c r="N508222" s="10"/>
    </row>
    <row r="508223" spans="14:14">
      <c r="N508223" s="10"/>
    </row>
    <row r="508224" spans="14:14">
      <c r="N508224" s="10"/>
    </row>
    <row r="508225" spans="14:14">
      <c r="N508225" s="10"/>
    </row>
    <row r="508226" spans="14:14">
      <c r="N508226" s="10"/>
    </row>
    <row r="508227" spans="14:14">
      <c r="N508227" s="10"/>
    </row>
    <row r="508228" spans="14:14">
      <c r="N508228" s="10"/>
    </row>
    <row r="508229" spans="14:14">
      <c r="N508229" s="10"/>
    </row>
    <row r="508230" spans="14:14">
      <c r="N508230" s="10"/>
    </row>
    <row r="508231" spans="14:14">
      <c r="N508231" s="10"/>
    </row>
    <row r="508232" spans="14:14">
      <c r="N508232" s="10"/>
    </row>
    <row r="508233" spans="14:14">
      <c r="N508233" s="10"/>
    </row>
    <row r="508234" spans="14:14">
      <c r="N508234" s="10"/>
    </row>
    <row r="508235" spans="14:14">
      <c r="N508235" s="10"/>
    </row>
    <row r="508236" spans="14:14">
      <c r="N508236" s="10"/>
    </row>
    <row r="508237" spans="14:14">
      <c r="N508237" s="10"/>
    </row>
    <row r="508238" spans="14:14">
      <c r="N508238" s="10"/>
    </row>
    <row r="508239" spans="14:14">
      <c r="N508239" s="10"/>
    </row>
    <row r="508240" spans="14:14">
      <c r="N508240" s="10"/>
    </row>
    <row r="508241" spans="14:14">
      <c r="N508241" s="10"/>
    </row>
    <row r="508242" spans="14:14">
      <c r="N508242" s="10"/>
    </row>
    <row r="508243" spans="14:14">
      <c r="N508243" s="10"/>
    </row>
    <row r="508244" spans="14:14">
      <c r="N508244" s="10"/>
    </row>
    <row r="508245" spans="14:14">
      <c r="N508245" s="10"/>
    </row>
    <row r="508246" spans="14:14">
      <c r="N508246" s="10"/>
    </row>
    <row r="508247" spans="14:14">
      <c r="N508247" s="10"/>
    </row>
    <row r="508248" spans="14:14">
      <c r="N508248" s="10"/>
    </row>
    <row r="508249" spans="14:14">
      <c r="N508249" s="10"/>
    </row>
    <row r="508250" spans="14:14">
      <c r="N508250" s="10"/>
    </row>
    <row r="508251" spans="14:14">
      <c r="N508251" s="10"/>
    </row>
    <row r="508252" spans="14:14">
      <c r="N508252" s="10"/>
    </row>
    <row r="508253" spans="14:14">
      <c r="N508253" s="10"/>
    </row>
    <row r="508254" spans="14:14">
      <c r="N508254" s="10"/>
    </row>
    <row r="508255" spans="14:14">
      <c r="N508255" s="10"/>
    </row>
    <row r="508256" spans="14:14">
      <c r="N508256" s="10"/>
    </row>
    <row r="508257" spans="14:14">
      <c r="N508257" s="10"/>
    </row>
    <row r="508258" spans="14:14">
      <c r="N508258" s="10"/>
    </row>
    <row r="508259" spans="14:14">
      <c r="N508259" s="10"/>
    </row>
    <row r="508260" spans="14:14">
      <c r="N508260" s="10"/>
    </row>
    <row r="508261" spans="14:14">
      <c r="N508261" s="10"/>
    </row>
    <row r="508262" spans="14:14">
      <c r="N508262" s="10"/>
    </row>
    <row r="508263" spans="14:14">
      <c r="N508263" s="10"/>
    </row>
    <row r="508264" spans="14:14">
      <c r="N508264" s="10"/>
    </row>
    <row r="508265" spans="14:14">
      <c r="N508265" s="10"/>
    </row>
    <row r="508266" spans="14:14">
      <c r="N508266" s="10"/>
    </row>
    <row r="508267" spans="14:14">
      <c r="N508267" s="10"/>
    </row>
    <row r="508268" spans="14:14">
      <c r="N508268" s="10"/>
    </row>
    <row r="508269" spans="14:14">
      <c r="N508269" s="10"/>
    </row>
    <row r="508270" spans="14:14">
      <c r="N508270" s="10"/>
    </row>
    <row r="508271" spans="14:14">
      <c r="N508271" s="10"/>
    </row>
    <row r="508272" spans="14:14">
      <c r="N508272" s="10"/>
    </row>
    <row r="508273" spans="14:14">
      <c r="N508273" s="10"/>
    </row>
    <row r="508274" spans="14:14">
      <c r="N508274" s="10"/>
    </row>
    <row r="508275" spans="14:14">
      <c r="N508275" s="10"/>
    </row>
    <row r="508276" spans="14:14">
      <c r="N508276" s="10"/>
    </row>
    <row r="508277" spans="14:14">
      <c r="N508277" s="10"/>
    </row>
    <row r="508278" spans="14:14">
      <c r="N508278" s="10"/>
    </row>
    <row r="508279" spans="14:14">
      <c r="N508279" s="10"/>
    </row>
    <row r="508280" spans="14:14">
      <c r="N508280" s="10"/>
    </row>
    <row r="508281" spans="14:14">
      <c r="N508281" s="10"/>
    </row>
    <row r="508282" spans="14:14">
      <c r="N508282" s="10"/>
    </row>
    <row r="508283" spans="14:14">
      <c r="N508283" s="10"/>
    </row>
    <row r="508284" spans="14:14">
      <c r="N508284" s="10"/>
    </row>
    <row r="508285" spans="14:14">
      <c r="N508285" s="10"/>
    </row>
    <row r="508286" spans="14:14">
      <c r="N508286" s="10"/>
    </row>
    <row r="508287" spans="14:14">
      <c r="N508287" s="10"/>
    </row>
    <row r="508288" spans="14:14">
      <c r="N508288" s="10"/>
    </row>
    <row r="508289" spans="14:14">
      <c r="N508289" s="10"/>
    </row>
    <row r="508290" spans="14:14">
      <c r="N508290" s="10"/>
    </row>
    <row r="508291" spans="14:14">
      <c r="N508291" s="10"/>
    </row>
    <row r="508292" spans="14:14">
      <c r="N508292" s="10"/>
    </row>
    <row r="508293" spans="14:14">
      <c r="N508293" s="10"/>
    </row>
    <row r="508294" spans="14:14">
      <c r="N508294" s="10"/>
    </row>
    <row r="508295" spans="14:14">
      <c r="N508295" s="10"/>
    </row>
    <row r="508296" spans="14:14">
      <c r="N508296" s="10"/>
    </row>
    <row r="508297" spans="14:14">
      <c r="N508297" s="10"/>
    </row>
    <row r="508298" spans="14:14">
      <c r="N508298" s="10"/>
    </row>
    <row r="508299" spans="14:14">
      <c r="N508299" s="10"/>
    </row>
    <row r="508300" spans="14:14">
      <c r="N508300" s="10"/>
    </row>
    <row r="508301" spans="14:14">
      <c r="N508301" s="10"/>
    </row>
    <row r="508302" spans="14:14">
      <c r="N508302" s="10"/>
    </row>
    <row r="508303" spans="14:14">
      <c r="N508303" s="10"/>
    </row>
    <row r="508304" spans="14:14">
      <c r="N508304" s="10"/>
    </row>
    <row r="508305" spans="14:14">
      <c r="N508305" s="10"/>
    </row>
    <row r="508306" spans="14:14">
      <c r="N508306" s="10"/>
    </row>
    <row r="508307" spans="14:14">
      <c r="N508307" s="10"/>
    </row>
    <row r="508308" spans="14:14">
      <c r="N508308" s="10"/>
    </row>
    <row r="508309" spans="14:14">
      <c r="N508309" s="10"/>
    </row>
    <row r="508310" spans="14:14">
      <c r="N508310" s="10"/>
    </row>
    <row r="508311" spans="14:14">
      <c r="N508311" s="10"/>
    </row>
    <row r="508312" spans="14:14">
      <c r="N508312" s="10"/>
    </row>
    <row r="508313" spans="14:14">
      <c r="N508313" s="10"/>
    </row>
    <row r="508314" spans="14:14">
      <c r="N508314" s="10"/>
    </row>
    <row r="508315" spans="14:14">
      <c r="N508315" s="10"/>
    </row>
    <row r="508316" spans="14:14">
      <c r="N508316" s="10"/>
    </row>
    <row r="508317" spans="14:14">
      <c r="N508317" s="10"/>
    </row>
    <row r="508318" spans="14:14">
      <c r="N508318" s="10"/>
    </row>
    <row r="508319" spans="14:14">
      <c r="N508319" s="10"/>
    </row>
    <row r="508320" spans="14:14">
      <c r="N508320" s="10"/>
    </row>
    <row r="508321" spans="14:14">
      <c r="N508321" s="10"/>
    </row>
    <row r="508322" spans="14:14">
      <c r="N508322" s="10"/>
    </row>
    <row r="508323" spans="14:14">
      <c r="N508323" s="10"/>
    </row>
    <row r="508324" spans="14:14">
      <c r="N508324" s="10"/>
    </row>
    <row r="508325" spans="14:14">
      <c r="N508325" s="10"/>
    </row>
    <row r="508326" spans="14:14">
      <c r="N508326" s="10"/>
    </row>
    <row r="508327" spans="14:14">
      <c r="N508327" s="10"/>
    </row>
    <row r="508328" spans="14:14">
      <c r="N508328" s="10"/>
    </row>
    <row r="508329" spans="14:14">
      <c r="N508329" s="10"/>
    </row>
    <row r="508330" spans="14:14">
      <c r="N508330" s="10"/>
    </row>
    <row r="508331" spans="14:14">
      <c r="N508331" s="10"/>
    </row>
    <row r="508332" spans="14:14">
      <c r="N508332" s="10"/>
    </row>
    <row r="508333" spans="14:14">
      <c r="N508333" s="10"/>
    </row>
    <row r="508334" spans="14:14">
      <c r="N508334" s="10"/>
    </row>
    <row r="508335" spans="14:14">
      <c r="N508335" s="10"/>
    </row>
    <row r="508336" spans="14:14">
      <c r="N508336" s="10"/>
    </row>
    <row r="508337" spans="14:14">
      <c r="N508337" s="10"/>
    </row>
    <row r="508338" spans="14:14">
      <c r="N508338" s="10"/>
    </row>
    <row r="508339" spans="14:14">
      <c r="N508339" s="10"/>
    </row>
    <row r="508340" spans="14:14">
      <c r="N508340" s="10"/>
    </row>
    <row r="508341" spans="14:14">
      <c r="N508341" s="10"/>
    </row>
    <row r="508342" spans="14:14">
      <c r="N508342" s="10"/>
    </row>
    <row r="508343" spans="14:14">
      <c r="N508343" s="10"/>
    </row>
    <row r="508344" spans="14:14">
      <c r="N508344" s="10"/>
    </row>
    <row r="508345" spans="14:14">
      <c r="N508345" s="10"/>
    </row>
    <row r="508346" spans="14:14">
      <c r="N508346" s="10"/>
    </row>
    <row r="508347" spans="14:14">
      <c r="N508347" s="10"/>
    </row>
    <row r="508348" spans="14:14">
      <c r="N508348" s="10"/>
    </row>
    <row r="508349" spans="14:14">
      <c r="N508349" s="10"/>
    </row>
    <row r="508350" spans="14:14">
      <c r="N508350" s="10"/>
    </row>
    <row r="508351" spans="14:14">
      <c r="N508351" s="10"/>
    </row>
    <row r="508352" spans="14:14">
      <c r="N508352" s="10"/>
    </row>
    <row r="508353" spans="14:14">
      <c r="N508353" s="10"/>
    </row>
    <row r="508354" spans="14:14">
      <c r="N508354" s="10"/>
    </row>
    <row r="508355" spans="14:14">
      <c r="N508355" s="10"/>
    </row>
    <row r="508356" spans="14:14">
      <c r="N508356" s="10"/>
    </row>
    <row r="508357" spans="14:14">
      <c r="N508357" s="10"/>
    </row>
    <row r="508358" spans="14:14">
      <c r="N508358" s="10"/>
    </row>
    <row r="508359" spans="14:14">
      <c r="N508359" s="10"/>
    </row>
    <row r="508360" spans="14:14">
      <c r="N508360" s="10"/>
    </row>
    <row r="508361" spans="14:14">
      <c r="N508361" s="10"/>
    </row>
    <row r="508362" spans="14:14">
      <c r="N508362" s="10"/>
    </row>
    <row r="508363" spans="14:14">
      <c r="N508363" s="10"/>
    </row>
    <row r="508364" spans="14:14">
      <c r="N508364" s="10"/>
    </row>
    <row r="508365" spans="14:14">
      <c r="N508365" s="10"/>
    </row>
    <row r="508366" spans="14:14">
      <c r="N508366" s="10"/>
    </row>
    <row r="508367" spans="14:14">
      <c r="N508367" s="10"/>
    </row>
    <row r="508368" spans="14:14">
      <c r="N508368" s="10"/>
    </row>
    <row r="508369" spans="14:14">
      <c r="N508369" s="10"/>
    </row>
    <row r="508370" spans="14:14">
      <c r="N508370" s="10"/>
    </row>
    <row r="508371" spans="14:14">
      <c r="N508371" s="10"/>
    </row>
    <row r="508372" spans="14:14">
      <c r="N508372" s="10"/>
    </row>
    <row r="508373" spans="14:14">
      <c r="N508373" s="10"/>
    </row>
    <row r="508374" spans="14:14">
      <c r="N508374" s="10"/>
    </row>
    <row r="508375" spans="14:14">
      <c r="N508375" s="10"/>
    </row>
    <row r="508376" spans="14:14">
      <c r="N508376" s="10"/>
    </row>
    <row r="508377" spans="14:14">
      <c r="N508377" s="10"/>
    </row>
    <row r="508378" spans="14:14">
      <c r="N508378" s="10"/>
    </row>
    <row r="508379" spans="14:14">
      <c r="N508379" s="10"/>
    </row>
    <row r="508380" spans="14:14">
      <c r="N508380" s="10"/>
    </row>
    <row r="508381" spans="14:14">
      <c r="N508381" s="10"/>
    </row>
    <row r="508382" spans="14:14">
      <c r="N508382" s="10"/>
    </row>
    <row r="508383" spans="14:14">
      <c r="N508383" s="10"/>
    </row>
    <row r="508384" spans="14:14">
      <c r="N508384" s="10"/>
    </row>
    <row r="508385" spans="14:14">
      <c r="N508385" s="10"/>
    </row>
    <row r="508386" spans="14:14">
      <c r="N508386" s="10"/>
    </row>
    <row r="508387" spans="14:14">
      <c r="N508387" s="10"/>
    </row>
    <row r="508388" spans="14:14">
      <c r="N508388" s="10"/>
    </row>
    <row r="508389" spans="14:14">
      <c r="N508389" s="10"/>
    </row>
    <row r="508390" spans="14:14">
      <c r="N508390" s="10"/>
    </row>
    <row r="508391" spans="14:14">
      <c r="N508391" s="10"/>
    </row>
    <row r="508392" spans="14:14">
      <c r="N508392" s="10"/>
    </row>
    <row r="508393" spans="14:14">
      <c r="N508393" s="10"/>
    </row>
    <row r="508394" spans="14:14">
      <c r="N508394" s="10"/>
    </row>
    <row r="508395" spans="14:14">
      <c r="N508395" s="10"/>
    </row>
    <row r="508396" spans="14:14">
      <c r="N508396" s="10"/>
    </row>
    <row r="508397" spans="14:14">
      <c r="N508397" s="10"/>
    </row>
    <row r="508398" spans="14:14">
      <c r="N508398" s="10"/>
    </row>
    <row r="508399" spans="14:14">
      <c r="N508399" s="10"/>
    </row>
    <row r="508400" spans="14:14">
      <c r="N508400" s="10"/>
    </row>
    <row r="508401" spans="14:14">
      <c r="N508401" s="10"/>
    </row>
    <row r="508402" spans="14:14">
      <c r="N508402" s="10"/>
    </row>
    <row r="508403" spans="14:14">
      <c r="N508403" s="10"/>
    </row>
    <row r="508404" spans="14:14">
      <c r="N508404" s="10"/>
    </row>
    <row r="508405" spans="14:14">
      <c r="N508405" s="10"/>
    </row>
    <row r="508406" spans="14:14">
      <c r="N508406" s="10"/>
    </row>
    <row r="508407" spans="14:14">
      <c r="N508407" s="10"/>
    </row>
    <row r="508408" spans="14:14">
      <c r="N508408" s="10"/>
    </row>
    <row r="508409" spans="14:14">
      <c r="N508409" s="10"/>
    </row>
    <row r="508410" spans="14:14">
      <c r="N508410" s="10"/>
    </row>
    <row r="508411" spans="14:14">
      <c r="N508411" s="10"/>
    </row>
    <row r="508412" spans="14:14">
      <c r="N508412" s="10"/>
    </row>
    <row r="508413" spans="14:14">
      <c r="N508413" s="10"/>
    </row>
    <row r="508414" spans="14:14">
      <c r="N508414" s="10"/>
    </row>
    <row r="508415" spans="14:14">
      <c r="N508415" s="10"/>
    </row>
    <row r="508416" spans="14:14">
      <c r="N508416" s="10"/>
    </row>
    <row r="508417" spans="14:14">
      <c r="N508417" s="10"/>
    </row>
    <row r="508418" spans="14:14">
      <c r="N508418" s="10"/>
    </row>
    <row r="508419" spans="14:14">
      <c r="N508419" s="10"/>
    </row>
    <row r="508420" spans="14:14">
      <c r="N508420" s="10"/>
    </row>
    <row r="508421" spans="14:14">
      <c r="N508421" s="10"/>
    </row>
    <row r="508422" spans="14:14">
      <c r="N508422" s="10"/>
    </row>
    <row r="508423" spans="14:14">
      <c r="N508423" s="10"/>
    </row>
    <row r="508424" spans="14:14">
      <c r="N508424" s="10"/>
    </row>
    <row r="508425" spans="14:14">
      <c r="N508425" s="10"/>
    </row>
    <row r="508426" spans="14:14">
      <c r="N508426" s="10"/>
    </row>
    <row r="508427" spans="14:14">
      <c r="N508427" s="10"/>
    </row>
    <row r="508428" spans="14:14">
      <c r="N508428" s="10"/>
    </row>
    <row r="508429" spans="14:14">
      <c r="N508429" s="10"/>
    </row>
    <row r="508430" spans="14:14">
      <c r="N508430" s="10"/>
    </row>
    <row r="508431" spans="14:14">
      <c r="N508431" s="10"/>
    </row>
    <row r="508432" spans="14:14">
      <c r="N508432" s="10"/>
    </row>
    <row r="508433" spans="14:14">
      <c r="N508433" s="10"/>
    </row>
    <row r="508434" spans="14:14">
      <c r="N508434" s="10"/>
    </row>
    <row r="508435" spans="14:14">
      <c r="N508435" s="10"/>
    </row>
    <row r="508436" spans="14:14">
      <c r="N508436" s="10"/>
    </row>
    <row r="508437" spans="14:14">
      <c r="N508437" s="10"/>
    </row>
    <row r="508438" spans="14:14">
      <c r="N508438" s="10"/>
    </row>
    <row r="508439" spans="14:14">
      <c r="N508439" s="10"/>
    </row>
    <row r="508440" spans="14:14">
      <c r="N508440" s="10"/>
    </row>
    <row r="508441" spans="14:14">
      <c r="N508441" s="10"/>
    </row>
    <row r="508442" spans="14:14">
      <c r="N508442" s="10"/>
    </row>
    <row r="508443" spans="14:14">
      <c r="N508443" s="10"/>
    </row>
    <row r="508444" spans="14:14">
      <c r="N508444" s="10"/>
    </row>
    <row r="508445" spans="14:14">
      <c r="N508445" s="10"/>
    </row>
    <row r="508446" spans="14:14">
      <c r="N508446" s="10"/>
    </row>
    <row r="508447" spans="14:14">
      <c r="N508447" s="10"/>
    </row>
    <row r="508448" spans="14:14">
      <c r="N508448" s="10"/>
    </row>
    <row r="508449" spans="14:14">
      <c r="N508449" s="10"/>
    </row>
    <row r="508450" spans="14:14">
      <c r="N508450" s="10"/>
    </row>
    <row r="508451" spans="14:14">
      <c r="N508451" s="10"/>
    </row>
    <row r="508452" spans="14:14">
      <c r="N508452" s="10"/>
    </row>
    <row r="508453" spans="14:14">
      <c r="N508453" s="10"/>
    </row>
    <row r="508454" spans="14:14">
      <c r="N508454" s="10"/>
    </row>
    <row r="508455" spans="14:14">
      <c r="N508455" s="10"/>
    </row>
    <row r="508456" spans="14:14">
      <c r="N508456" s="10"/>
    </row>
    <row r="508457" spans="14:14">
      <c r="N508457" s="10"/>
    </row>
    <row r="508458" spans="14:14">
      <c r="N508458" s="10"/>
    </row>
    <row r="508459" spans="14:14">
      <c r="N508459" s="10"/>
    </row>
    <row r="508460" spans="14:14">
      <c r="N508460" s="10"/>
    </row>
    <row r="508461" spans="14:14">
      <c r="N508461" s="10"/>
    </row>
    <row r="508462" spans="14:14">
      <c r="N508462" s="10"/>
    </row>
    <row r="508463" spans="14:14">
      <c r="N508463" s="10"/>
    </row>
    <row r="508464" spans="14:14">
      <c r="N508464" s="10"/>
    </row>
    <row r="508465" spans="14:14">
      <c r="N508465" s="10"/>
    </row>
    <row r="508466" spans="14:14">
      <c r="N508466" s="10"/>
    </row>
    <row r="508467" spans="14:14">
      <c r="N508467" s="10"/>
    </row>
    <row r="508468" spans="14:14">
      <c r="N508468" s="10"/>
    </row>
    <row r="508469" spans="14:14">
      <c r="N508469" s="10"/>
    </row>
    <row r="508470" spans="14:14">
      <c r="N508470" s="10"/>
    </row>
    <row r="508471" spans="14:14">
      <c r="N508471" s="10"/>
    </row>
    <row r="508472" spans="14:14">
      <c r="N508472" s="10"/>
    </row>
    <row r="508473" spans="14:14">
      <c r="N508473" s="10"/>
    </row>
    <row r="508474" spans="14:14">
      <c r="N508474" s="10"/>
    </row>
    <row r="508475" spans="14:14">
      <c r="N508475" s="10"/>
    </row>
    <row r="508476" spans="14:14">
      <c r="N508476" s="10"/>
    </row>
    <row r="508477" spans="14:14">
      <c r="N508477" s="10"/>
    </row>
    <row r="508478" spans="14:14">
      <c r="N508478" s="10"/>
    </row>
    <row r="508479" spans="14:14">
      <c r="N508479" s="10"/>
    </row>
    <row r="508480" spans="14:14">
      <c r="N508480" s="10"/>
    </row>
    <row r="508481" spans="14:14">
      <c r="N508481" s="10"/>
    </row>
    <row r="508482" spans="14:14">
      <c r="N508482" s="10"/>
    </row>
    <row r="508483" spans="14:14">
      <c r="N508483" s="10"/>
    </row>
    <row r="508484" spans="14:14">
      <c r="N508484" s="10"/>
    </row>
    <row r="508485" spans="14:14">
      <c r="N508485" s="10"/>
    </row>
    <row r="508486" spans="14:14">
      <c r="N508486" s="10"/>
    </row>
    <row r="508487" spans="14:14">
      <c r="N508487" s="10"/>
    </row>
    <row r="508488" spans="14:14">
      <c r="N508488" s="10"/>
    </row>
    <row r="508489" spans="14:14">
      <c r="N508489" s="10"/>
    </row>
    <row r="508490" spans="14:14">
      <c r="N508490" s="10"/>
    </row>
    <row r="508491" spans="14:14">
      <c r="N508491" s="10"/>
    </row>
    <row r="508492" spans="14:14">
      <c r="N508492" s="10"/>
    </row>
    <row r="508493" spans="14:14">
      <c r="N508493" s="10"/>
    </row>
    <row r="508494" spans="14:14">
      <c r="N508494" s="10"/>
    </row>
    <row r="508495" spans="14:14">
      <c r="N508495" s="10"/>
    </row>
    <row r="508496" spans="14:14">
      <c r="N508496" s="10"/>
    </row>
    <row r="508497" spans="14:14">
      <c r="N508497" s="10"/>
    </row>
    <row r="508498" spans="14:14">
      <c r="N508498" s="10"/>
    </row>
    <row r="508499" spans="14:14">
      <c r="N508499" s="10"/>
    </row>
    <row r="508500" spans="14:14">
      <c r="N508500" s="10"/>
    </row>
    <row r="508501" spans="14:14">
      <c r="N508501" s="10"/>
    </row>
    <row r="508502" spans="14:14">
      <c r="N508502" s="10"/>
    </row>
    <row r="508503" spans="14:14">
      <c r="N508503" s="10"/>
    </row>
    <row r="508504" spans="14:14">
      <c r="N508504" s="10"/>
    </row>
    <row r="508505" spans="14:14">
      <c r="N508505" s="10"/>
    </row>
    <row r="508506" spans="14:14">
      <c r="N508506" s="10"/>
    </row>
    <row r="508507" spans="14:14">
      <c r="N508507" s="10"/>
    </row>
    <row r="508508" spans="14:14">
      <c r="N508508" s="10"/>
    </row>
    <row r="508509" spans="14:14">
      <c r="N508509" s="10"/>
    </row>
    <row r="508510" spans="14:14">
      <c r="N508510" s="10"/>
    </row>
    <row r="508511" spans="14:14">
      <c r="N508511" s="10"/>
    </row>
    <row r="508512" spans="14:14">
      <c r="N508512" s="10"/>
    </row>
    <row r="508513" spans="14:14">
      <c r="N508513" s="10"/>
    </row>
    <row r="508514" spans="14:14">
      <c r="N508514" s="10"/>
    </row>
    <row r="508515" spans="14:14">
      <c r="N508515" s="10"/>
    </row>
    <row r="508516" spans="14:14">
      <c r="N508516" s="10"/>
    </row>
    <row r="508517" spans="14:14">
      <c r="N508517" s="10"/>
    </row>
    <row r="508518" spans="14:14">
      <c r="N508518" s="10"/>
    </row>
    <row r="508519" spans="14:14">
      <c r="N508519" s="10"/>
    </row>
    <row r="508520" spans="14:14">
      <c r="N508520" s="10"/>
    </row>
    <row r="508521" spans="14:14">
      <c r="N508521" s="10"/>
    </row>
    <row r="508522" spans="14:14">
      <c r="N508522" s="10"/>
    </row>
    <row r="508523" spans="14:14">
      <c r="N508523" s="10"/>
    </row>
    <row r="508524" spans="14:14">
      <c r="N508524" s="10"/>
    </row>
    <row r="508525" spans="14:14">
      <c r="N508525" s="10"/>
    </row>
    <row r="508526" spans="14:14">
      <c r="N508526" s="10"/>
    </row>
    <row r="508527" spans="14:14">
      <c r="N508527" s="10"/>
    </row>
    <row r="508528" spans="14:14">
      <c r="N508528" s="10"/>
    </row>
    <row r="508529" spans="14:14">
      <c r="N508529" s="10"/>
    </row>
    <row r="508530" spans="14:14">
      <c r="N508530" s="10"/>
    </row>
    <row r="508531" spans="14:14">
      <c r="N508531" s="10"/>
    </row>
    <row r="508532" spans="14:14">
      <c r="N508532" s="10"/>
    </row>
    <row r="508533" spans="14:14">
      <c r="N508533" s="10"/>
    </row>
    <row r="508534" spans="14:14">
      <c r="N508534" s="10"/>
    </row>
    <row r="508535" spans="14:14">
      <c r="N508535" s="10"/>
    </row>
    <row r="508536" spans="14:14">
      <c r="N508536" s="10"/>
    </row>
    <row r="508537" spans="14:14">
      <c r="N508537" s="10"/>
    </row>
    <row r="508538" spans="14:14">
      <c r="N508538" s="10"/>
    </row>
    <row r="508539" spans="14:14">
      <c r="N508539" s="10"/>
    </row>
    <row r="508540" spans="14:14">
      <c r="N508540" s="10"/>
    </row>
    <row r="508541" spans="14:14">
      <c r="N508541" s="10"/>
    </row>
    <row r="508542" spans="14:14">
      <c r="N508542" s="10"/>
    </row>
    <row r="508543" spans="14:14">
      <c r="N508543" s="10"/>
    </row>
    <row r="508544" spans="14:14">
      <c r="N508544" s="10"/>
    </row>
    <row r="508545" spans="14:14">
      <c r="N508545" s="10"/>
    </row>
    <row r="508546" spans="14:14">
      <c r="N508546" s="10"/>
    </row>
    <row r="508547" spans="14:14">
      <c r="N508547" s="10"/>
    </row>
    <row r="508548" spans="14:14">
      <c r="N508548" s="10"/>
    </row>
    <row r="508549" spans="14:14">
      <c r="N508549" s="10"/>
    </row>
    <row r="508550" spans="14:14">
      <c r="N508550" s="10"/>
    </row>
    <row r="508551" spans="14:14">
      <c r="N508551" s="10"/>
    </row>
    <row r="508552" spans="14:14">
      <c r="N508552" s="10"/>
    </row>
    <row r="508553" spans="14:14">
      <c r="N508553" s="10"/>
    </row>
    <row r="508554" spans="14:14">
      <c r="N508554" s="10"/>
    </row>
    <row r="508555" spans="14:14">
      <c r="N508555" s="10"/>
    </row>
    <row r="508556" spans="14:14">
      <c r="N508556" s="10"/>
    </row>
    <row r="508557" spans="14:14">
      <c r="N508557" s="10"/>
    </row>
    <row r="508558" spans="14:14">
      <c r="N508558" s="10"/>
    </row>
    <row r="508559" spans="14:14">
      <c r="N508559" s="10"/>
    </row>
    <row r="508560" spans="14:14">
      <c r="N508560" s="10"/>
    </row>
    <row r="508561" spans="14:14">
      <c r="N508561" s="10"/>
    </row>
    <row r="508562" spans="14:14">
      <c r="N508562" s="10"/>
    </row>
    <row r="508563" spans="14:14">
      <c r="N508563" s="10"/>
    </row>
    <row r="508564" spans="14:14">
      <c r="N508564" s="10"/>
    </row>
    <row r="508565" spans="14:14">
      <c r="N508565" s="10"/>
    </row>
    <row r="508566" spans="14:14">
      <c r="N508566" s="10"/>
    </row>
    <row r="508567" spans="14:14">
      <c r="N508567" s="10"/>
    </row>
    <row r="508568" spans="14:14">
      <c r="N508568" s="10"/>
    </row>
    <row r="508569" spans="14:14">
      <c r="N508569" s="10"/>
    </row>
    <row r="508570" spans="14:14">
      <c r="N508570" s="10"/>
    </row>
    <row r="508571" spans="14:14">
      <c r="N508571" s="10"/>
    </row>
    <row r="508572" spans="14:14">
      <c r="N508572" s="10"/>
    </row>
    <row r="508573" spans="14:14">
      <c r="N508573" s="10"/>
    </row>
    <row r="508574" spans="14:14">
      <c r="N508574" s="10"/>
    </row>
    <row r="508575" spans="14:14">
      <c r="N508575" s="10"/>
    </row>
    <row r="508576" spans="14:14">
      <c r="N508576" s="10"/>
    </row>
    <row r="508577" spans="14:14">
      <c r="N508577" s="10"/>
    </row>
    <row r="508578" spans="14:14">
      <c r="N508578" s="10"/>
    </row>
    <row r="508579" spans="14:14">
      <c r="N508579" s="10"/>
    </row>
    <row r="508580" spans="14:14">
      <c r="N508580" s="10"/>
    </row>
    <row r="508581" spans="14:14">
      <c r="N508581" s="10"/>
    </row>
    <row r="508582" spans="14:14">
      <c r="N508582" s="10"/>
    </row>
    <row r="508583" spans="14:14">
      <c r="N508583" s="10"/>
    </row>
    <row r="508584" spans="14:14">
      <c r="N508584" s="10"/>
    </row>
    <row r="508585" spans="14:14">
      <c r="N508585" s="10"/>
    </row>
    <row r="508586" spans="14:14">
      <c r="N508586" s="10"/>
    </row>
    <row r="508587" spans="14:14">
      <c r="N508587" s="10"/>
    </row>
    <row r="508588" spans="14:14">
      <c r="N508588" s="10"/>
    </row>
    <row r="508589" spans="14:14">
      <c r="N508589" s="10"/>
    </row>
    <row r="508590" spans="14:14">
      <c r="N508590" s="10"/>
    </row>
    <row r="508591" spans="14:14">
      <c r="N508591" s="10"/>
    </row>
    <row r="508592" spans="14:14">
      <c r="N508592" s="10"/>
    </row>
    <row r="508593" spans="14:14">
      <c r="N508593" s="10"/>
    </row>
    <row r="508594" spans="14:14">
      <c r="N508594" s="10"/>
    </row>
    <row r="508595" spans="14:14">
      <c r="N508595" s="10"/>
    </row>
    <row r="508596" spans="14:14">
      <c r="N508596" s="10"/>
    </row>
    <row r="508597" spans="14:14">
      <c r="N508597" s="10"/>
    </row>
    <row r="508598" spans="14:14">
      <c r="N508598" s="10"/>
    </row>
    <row r="508599" spans="14:14">
      <c r="N508599" s="10"/>
    </row>
    <row r="508600" spans="14:14">
      <c r="N508600" s="10"/>
    </row>
    <row r="508601" spans="14:14">
      <c r="N508601" s="10"/>
    </row>
    <row r="508602" spans="14:14">
      <c r="N508602" s="10"/>
    </row>
    <row r="508603" spans="14:14">
      <c r="N508603" s="10"/>
    </row>
    <row r="508604" spans="14:14">
      <c r="N508604" s="10"/>
    </row>
    <row r="508605" spans="14:14">
      <c r="N508605" s="10"/>
    </row>
    <row r="508606" spans="14:14">
      <c r="N508606" s="10"/>
    </row>
    <row r="508607" spans="14:14">
      <c r="N508607" s="10"/>
    </row>
    <row r="508608" spans="14:14">
      <c r="N508608" s="10"/>
    </row>
    <row r="508609" spans="14:14">
      <c r="N508609" s="10"/>
    </row>
    <row r="508610" spans="14:14">
      <c r="N508610" s="10"/>
    </row>
    <row r="508611" spans="14:14">
      <c r="N508611" s="10"/>
    </row>
    <row r="508612" spans="14:14">
      <c r="N508612" s="10"/>
    </row>
    <row r="508613" spans="14:14">
      <c r="N508613" s="10"/>
    </row>
    <row r="508614" spans="14:14">
      <c r="N508614" s="10"/>
    </row>
    <row r="508615" spans="14:14">
      <c r="N508615" s="10"/>
    </row>
    <row r="508616" spans="14:14">
      <c r="N508616" s="10"/>
    </row>
    <row r="508617" spans="14:14">
      <c r="N508617" s="10"/>
    </row>
    <row r="508618" spans="14:14">
      <c r="N508618" s="10"/>
    </row>
    <row r="508619" spans="14:14">
      <c r="N508619" s="10"/>
    </row>
    <row r="508620" spans="14:14">
      <c r="N508620" s="10"/>
    </row>
    <row r="508621" spans="14:14">
      <c r="N508621" s="10"/>
    </row>
    <row r="508622" spans="14:14">
      <c r="N508622" s="10"/>
    </row>
    <row r="508623" spans="14:14">
      <c r="N508623" s="10"/>
    </row>
    <row r="508624" spans="14:14">
      <c r="N508624" s="10"/>
    </row>
    <row r="508625" spans="14:14">
      <c r="N508625" s="10"/>
    </row>
    <row r="508626" spans="14:14">
      <c r="N508626" s="10"/>
    </row>
    <row r="508627" spans="14:14">
      <c r="N508627" s="10"/>
    </row>
    <row r="508628" spans="14:14">
      <c r="N508628" s="10"/>
    </row>
    <row r="508629" spans="14:14">
      <c r="N508629" s="10"/>
    </row>
    <row r="508630" spans="14:14">
      <c r="N508630" s="10"/>
    </row>
    <row r="508631" spans="14:14">
      <c r="N508631" s="10"/>
    </row>
    <row r="508632" spans="14:14">
      <c r="N508632" s="10"/>
    </row>
    <row r="508633" spans="14:14">
      <c r="N508633" s="10"/>
    </row>
    <row r="508634" spans="14:14">
      <c r="N508634" s="10"/>
    </row>
    <row r="508635" spans="14:14">
      <c r="N508635" s="10"/>
    </row>
    <row r="508636" spans="14:14">
      <c r="N508636" s="10"/>
    </row>
    <row r="508637" spans="14:14">
      <c r="N508637" s="10"/>
    </row>
    <row r="508638" spans="14:14">
      <c r="N508638" s="10"/>
    </row>
    <row r="508639" spans="14:14">
      <c r="N508639" s="10"/>
    </row>
    <row r="508640" spans="14:14">
      <c r="N508640" s="10"/>
    </row>
    <row r="508641" spans="14:14">
      <c r="N508641" s="10"/>
    </row>
    <row r="508642" spans="14:14">
      <c r="N508642" s="10"/>
    </row>
    <row r="508643" spans="14:14">
      <c r="N508643" s="10"/>
    </row>
    <row r="508644" spans="14:14">
      <c r="N508644" s="10"/>
    </row>
    <row r="508645" spans="14:14">
      <c r="N508645" s="10"/>
    </row>
    <row r="508646" spans="14:14">
      <c r="N508646" s="10"/>
    </row>
    <row r="508647" spans="14:14">
      <c r="N508647" s="10"/>
    </row>
    <row r="508648" spans="14:14">
      <c r="N508648" s="10"/>
    </row>
    <row r="508649" spans="14:14">
      <c r="N508649" s="10"/>
    </row>
    <row r="508650" spans="14:14">
      <c r="N508650" s="10"/>
    </row>
    <row r="508651" spans="14:14">
      <c r="N508651" s="10"/>
    </row>
    <row r="508652" spans="14:14">
      <c r="N508652" s="10"/>
    </row>
    <row r="508653" spans="14:14">
      <c r="N508653" s="10"/>
    </row>
    <row r="508654" spans="14:14">
      <c r="N508654" s="10"/>
    </row>
    <row r="508655" spans="14:14">
      <c r="N508655" s="10"/>
    </row>
    <row r="508656" spans="14:14">
      <c r="N508656" s="10"/>
    </row>
    <row r="508657" spans="14:14">
      <c r="N508657" s="10"/>
    </row>
    <row r="508658" spans="14:14">
      <c r="N508658" s="10"/>
    </row>
    <row r="508659" spans="14:14">
      <c r="N508659" s="10"/>
    </row>
    <row r="508660" spans="14:14">
      <c r="N508660" s="10"/>
    </row>
    <row r="508661" spans="14:14">
      <c r="N508661" s="10"/>
    </row>
    <row r="508662" spans="14:14">
      <c r="N508662" s="10"/>
    </row>
    <row r="508663" spans="14:14">
      <c r="N508663" s="10"/>
    </row>
    <row r="508664" spans="14:14">
      <c r="N508664" s="10"/>
    </row>
    <row r="508665" spans="14:14">
      <c r="N508665" s="10"/>
    </row>
    <row r="508666" spans="14:14">
      <c r="N508666" s="10"/>
    </row>
    <row r="508667" spans="14:14">
      <c r="N508667" s="10"/>
    </row>
    <row r="508668" spans="14:14">
      <c r="N508668" s="10"/>
    </row>
    <row r="508669" spans="14:14">
      <c r="N508669" s="10"/>
    </row>
    <row r="508670" spans="14:14">
      <c r="N508670" s="10"/>
    </row>
    <row r="508671" spans="14:14">
      <c r="N508671" s="10"/>
    </row>
    <row r="508672" spans="14:14">
      <c r="N508672" s="10"/>
    </row>
    <row r="508673" spans="14:14">
      <c r="N508673" s="10"/>
    </row>
    <row r="508674" spans="14:14">
      <c r="N508674" s="10"/>
    </row>
    <row r="508675" spans="14:14">
      <c r="N508675" s="10"/>
    </row>
    <row r="508676" spans="14:14">
      <c r="N508676" s="10"/>
    </row>
    <row r="508677" spans="14:14">
      <c r="N508677" s="10"/>
    </row>
    <row r="508678" spans="14:14">
      <c r="N508678" s="10"/>
    </row>
    <row r="508679" spans="14:14">
      <c r="N508679" s="10"/>
    </row>
    <row r="508680" spans="14:14">
      <c r="N508680" s="10"/>
    </row>
    <row r="508681" spans="14:14">
      <c r="N508681" s="10"/>
    </row>
    <row r="508682" spans="14:14">
      <c r="N508682" s="10"/>
    </row>
    <row r="508683" spans="14:14">
      <c r="N508683" s="10"/>
    </row>
    <row r="508684" spans="14:14">
      <c r="N508684" s="10"/>
    </row>
    <row r="508685" spans="14:14">
      <c r="N508685" s="10"/>
    </row>
    <row r="508686" spans="14:14">
      <c r="N508686" s="10"/>
    </row>
    <row r="508687" spans="14:14">
      <c r="N508687" s="10"/>
    </row>
    <row r="508688" spans="14:14">
      <c r="N508688" s="10"/>
    </row>
    <row r="508689" spans="14:14">
      <c r="N508689" s="10"/>
    </row>
    <row r="508690" spans="14:14">
      <c r="N508690" s="10"/>
    </row>
    <row r="508691" spans="14:14">
      <c r="N508691" s="10"/>
    </row>
    <row r="508692" spans="14:14">
      <c r="N508692" s="10"/>
    </row>
    <row r="508693" spans="14:14">
      <c r="N508693" s="10"/>
    </row>
    <row r="508694" spans="14:14">
      <c r="N508694" s="10"/>
    </row>
    <row r="508695" spans="14:14">
      <c r="N508695" s="10"/>
    </row>
    <row r="508696" spans="14:14">
      <c r="N508696" s="10"/>
    </row>
    <row r="508697" spans="14:14">
      <c r="N508697" s="10"/>
    </row>
    <row r="508698" spans="14:14">
      <c r="N508698" s="10"/>
    </row>
    <row r="508699" spans="14:14">
      <c r="N508699" s="10"/>
    </row>
    <row r="508700" spans="14:14">
      <c r="N508700" s="10"/>
    </row>
    <row r="508701" spans="14:14">
      <c r="N508701" s="10"/>
    </row>
    <row r="508702" spans="14:14">
      <c r="N508702" s="10"/>
    </row>
    <row r="508703" spans="14:14">
      <c r="N508703" s="10"/>
    </row>
    <row r="508704" spans="14:14">
      <c r="N508704" s="10"/>
    </row>
    <row r="508705" spans="14:14">
      <c r="N508705" s="10"/>
    </row>
    <row r="508706" spans="14:14">
      <c r="N508706" s="10"/>
    </row>
    <row r="508707" spans="14:14">
      <c r="N508707" s="10"/>
    </row>
    <row r="508708" spans="14:14">
      <c r="N508708" s="10"/>
    </row>
    <row r="508709" spans="14:14">
      <c r="N508709" s="10"/>
    </row>
    <row r="508710" spans="14:14">
      <c r="N508710" s="10"/>
    </row>
    <row r="508711" spans="14:14">
      <c r="N508711" s="10"/>
    </row>
    <row r="508712" spans="14:14">
      <c r="N508712" s="10"/>
    </row>
    <row r="508713" spans="14:14">
      <c r="N508713" s="10"/>
    </row>
    <row r="508714" spans="14:14">
      <c r="N508714" s="10"/>
    </row>
    <row r="508715" spans="14:14">
      <c r="N508715" s="10"/>
    </row>
    <row r="508716" spans="14:14">
      <c r="N508716" s="10"/>
    </row>
    <row r="508717" spans="14:14">
      <c r="N508717" s="10"/>
    </row>
    <row r="508718" spans="14:14">
      <c r="N508718" s="10"/>
    </row>
    <row r="508719" spans="14:14">
      <c r="N508719" s="10"/>
    </row>
    <row r="508720" spans="14:14">
      <c r="N508720" s="10"/>
    </row>
    <row r="508721" spans="14:14">
      <c r="N508721" s="10"/>
    </row>
    <row r="508722" spans="14:14">
      <c r="N508722" s="10"/>
    </row>
    <row r="508723" spans="14:14">
      <c r="N508723" s="10"/>
    </row>
    <row r="508724" spans="14:14">
      <c r="N508724" s="10"/>
    </row>
    <row r="508725" spans="14:14">
      <c r="N508725" s="10"/>
    </row>
    <row r="508726" spans="14:14">
      <c r="N508726" s="10"/>
    </row>
    <row r="508727" spans="14:14">
      <c r="N508727" s="10"/>
    </row>
    <row r="508728" spans="14:14">
      <c r="N508728" s="10"/>
    </row>
    <row r="508729" spans="14:14">
      <c r="N508729" s="10"/>
    </row>
    <row r="508730" spans="14:14">
      <c r="N508730" s="10"/>
    </row>
    <row r="508731" spans="14:14">
      <c r="N508731" s="10"/>
    </row>
    <row r="508732" spans="14:14">
      <c r="N508732" s="10"/>
    </row>
    <row r="508733" spans="14:14">
      <c r="N508733" s="10"/>
    </row>
    <row r="508734" spans="14:14">
      <c r="N508734" s="10"/>
    </row>
    <row r="508735" spans="14:14">
      <c r="N508735" s="10"/>
    </row>
    <row r="508736" spans="14:14">
      <c r="N508736" s="10"/>
    </row>
    <row r="508737" spans="14:14">
      <c r="N508737" s="10"/>
    </row>
    <row r="508738" spans="14:14">
      <c r="N508738" s="10"/>
    </row>
    <row r="508739" spans="14:14">
      <c r="N508739" s="10"/>
    </row>
    <row r="508740" spans="14:14">
      <c r="N508740" s="10"/>
    </row>
    <row r="508741" spans="14:14">
      <c r="N508741" s="10"/>
    </row>
    <row r="508742" spans="14:14">
      <c r="N508742" s="10"/>
    </row>
    <row r="508743" spans="14:14">
      <c r="N508743" s="10"/>
    </row>
    <row r="508744" spans="14:14">
      <c r="N508744" s="10"/>
    </row>
    <row r="508745" spans="14:14">
      <c r="N508745" s="10"/>
    </row>
    <row r="508746" spans="14:14">
      <c r="N508746" s="10"/>
    </row>
    <row r="508747" spans="14:14">
      <c r="N508747" s="10"/>
    </row>
    <row r="508748" spans="14:14">
      <c r="N508748" s="10"/>
    </row>
    <row r="508749" spans="14:14">
      <c r="N508749" s="10"/>
    </row>
    <row r="508750" spans="14:14">
      <c r="N508750" s="10"/>
    </row>
    <row r="508751" spans="14:14">
      <c r="N508751" s="10"/>
    </row>
    <row r="508752" spans="14:14">
      <c r="N508752" s="10"/>
    </row>
    <row r="508753" spans="14:14">
      <c r="N508753" s="10"/>
    </row>
    <row r="508754" spans="14:14">
      <c r="N508754" s="10"/>
    </row>
    <row r="508755" spans="14:14">
      <c r="N508755" s="10"/>
    </row>
    <row r="508756" spans="14:14">
      <c r="N508756" s="10"/>
    </row>
    <row r="508757" spans="14:14">
      <c r="N508757" s="10"/>
    </row>
    <row r="508758" spans="14:14">
      <c r="N508758" s="10"/>
    </row>
    <row r="508759" spans="14:14">
      <c r="N508759" s="10"/>
    </row>
    <row r="508760" spans="14:14">
      <c r="N508760" s="10"/>
    </row>
    <row r="508761" spans="14:14">
      <c r="N508761" s="10"/>
    </row>
    <row r="508762" spans="14:14">
      <c r="N508762" s="10"/>
    </row>
    <row r="508763" spans="14:14">
      <c r="N508763" s="10"/>
    </row>
    <row r="508764" spans="14:14">
      <c r="N508764" s="10"/>
    </row>
    <row r="508765" spans="14:14">
      <c r="N508765" s="10"/>
    </row>
    <row r="508766" spans="14:14">
      <c r="N508766" s="10"/>
    </row>
    <row r="508767" spans="14:14">
      <c r="N508767" s="10"/>
    </row>
    <row r="508768" spans="14:14">
      <c r="N508768" s="10"/>
    </row>
    <row r="508769" spans="14:14">
      <c r="N508769" s="10"/>
    </row>
    <row r="508770" spans="14:14">
      <c r="N508770" s="10"/>
    </row>
    <row r="508771" spans="14:14">
      <c r="N508771" s="10"/>
    </row>
    <row r="508772" spans="14:14">
      <c r="N508772" s="10"/>
    </row>
    <row r="508773" spans="14:14">
      <c r="N508773" s="10"/>
    </row>
    <row r="508774" spans="14:14">
      <c r="N508774" s="10"/>
    </row>
    <row r="508775" spans="14:14">
      <c r="N508775" s="10"/>
    </row>
    <row r="508776" spans="14:14">
      <c r="N508776" s="10"/>
    </row>
    <row r="508777" spans="14:14">
      <c r="N508777" s="10"/>
    </row>
    <row r="508778" spans="14:14">
      <c r="N508778" s="10"/>
    </row>
    <row r="508779" spans="14:14">
      <c r="N508779" s="10"/>
    </row>
    <row r="508780" spans="14:14">
      <c r="N508780" s="10"/>
    </row>
    <row r="508781" spans="14:14">
      <c r="N508781" s="10"/>
    </row>
    <row r="508782" spans="14:14">
      <c r="N508782" s="10"/>
    </row>
    <row r="508783" spans="14:14">
      <c r="N508783" s="10"/>
    </row>
    <row r="508784" spans="14:14">
      <c r="N508784" s="10"/>
    </row>
    <row r="508785" spans="14:14">
      <c r="N508785" s="10"/>
    </row>
    <row r="508786" spans="14:14">
      <c r="N508786" s="10"/>
    </row>
    <row r="508787" spans="14:14">
      <c r="N508787" s="10"/>
    </row>
    <row r="508788" spans="14:14">
      <c r="N508788" s="10"/>
    </row>
    <row r="508789" spans="14:14">
      <c r="N508789" s="10"/>
    </row>
    <row r="508790" spans="14:14">
      <c r="N508790" s="10"/>
    </row>
    <row r="508791" spans="14:14">
      <c r="N508791" s="10"/>
    </row>
    <row r="508792" spans="14:14">
      <c r="N508792" s="10"/>
    </row>
    <row r="508793" spans="14:14">
      <c r="N508793" s="10"/>
    </row>
    <row r="508794" spans="14:14">
      <c r="N508794" s="10"/>
    </row>
    <row r="508795" spans="14:14">
      <c r="N508795" s="10"/>
    </row>
    <row r="508796" spans="14:14">
      <c r="N508796" s="10"/>
    </row>
    <row r="508797" spans="14:14">
      <c r="N508797" s="10"/>
    </row>
    <row r="508798" spans="14:14">
      <c r="N508798" s="10"/>
    </row>
    <row r="508799" spans="14:14">
      <c r="N508799" s="10"/>
    </row>
    <row r="508800" spans="14:14">
      <c r="N508800" s="10"/>
    </row>
    <row r="508801" spans="14:14">
      <c r="N508801" s="10"/>
    </row>
    <row r="508802" spans="14:14">
      <c r="N508802" s="10"/>
    </row>
    <row r="508803" spans="14:14">
      <c r="N508803" s="10"/>
    </row>
    <row r="508804" spans="14:14">
      <c r="N508804" s="10"/>
    </row>
    <row r="508805" spans="14:14">
      <c r="N508805" s="10"/>
    </row>
    <row r="508806" spans="14:14">
      <c r="N508806" s="10"/>
    </row>
    <row r="508807" spans="14:14">
      <c r="N508807" s="10"/>
    </row>
    <row r="508808" spans="14:14">
      <c r="N508808" s="10"/>
    </row>
    <row r="508809" spans="14:14">
      <c r="N508809" s="10"/>
    </row>
    <row r="508810" spans="14:14">
      <c r="N508810" s="10"/>
    </row>
    <row r="508811" spans="14:14">
      <c r="N508811" s="10"/>
    </row>
    <row r="508812" spans="14:14">
      <c r="N508812" s="10"/>
    </row>
    <row r="508813" spans="14:14">
      <c r="N508813" s="10"/>
    </row>
    <row r="508814" spans="14:14">
      <c r="N508814" s="10"/>
    </row>
    <row r="508815" spans="14:14">
      <c r="N508815" s="10"/>
    </row>
    <row r="508816" spans="14:14">
      <c r="N508816" s="10"/>
    </row>
    <row r="508817" spans="14:14">
      <c r="N508817" s="10"/>
    </row>
    <row r="508818" spans="14:14">
      <c r="N508818" s="10"/>
    </row>
    <row r="508819" spans="14:14">
      <c r="N508819" s="10"/>
    </row>
    <row r="508820" spans="14:14">
      <c r="N508820" s="10"/>
    </row>
    <row r="508821" spans="14:14">
      <c r="N508821" s="10"/>
    </row>
    <row r="508822" spans="14:14">
      <c r="N508822" s="10"/>
    </row>
    <row r="508823" spans="14:14">
      <c r="N508823" s="10"/>
    </row>
    <row r="508824" spans="14:14">
      <c r="N508824" s="10"/>
    </row>
    <row r="508825" spans="14:14">
      <c r="N508825" s="10"/>
    </row>
    <row r="508826" spans="14:14">
      <c r="N508826" s="10"/>
    </row>
    <row r="508827" spans="14:14">
      <c r="N508827" s="10"/>
    </row>
    <row r="508828" spans="14:14">
      <c r="N508828" s="10"/>
    </row>
    <row r="508829" spans="14:14">
      <c r="N508829" s="10"/>
    </row>
    <row r="508830" spans="14:14">
      <c r="N508830" s="10"/>
    </row>
    <row r="508831" spans="14:14">
      <c r="N508831" s="10"/>
    </row>
    <row r="508832" spans="14:14">
      <c r="N508832" s="10"/>
    </row>
    <row r="508833" spans="14:14">
      <c r="N508833" s="10"/>
    </row>
    <row r="508834" spans="14:14">
      <c r="N508834" s="10"/>
    </row>
    <row r="508835" spans="14:14">
      <c r="N508835" s="10"/>
    </row>
    <row r="508836" spans="14:14">
      <c r="N508836" s="10"/>
    </row>
    <row r="508837" spans="14:14">
      <c r="N508837" s="10"/>
    </row>
    <row r="508838" spans="14:14">
      <c r="N508838" s="10"/>
    </row>
    <row r="508839" spans="14:14">
      <c r="N508839" s="10"/>
    </row>
    <row r="508840" spans="14:14">
      <c r="N508840" s="10"/>
    </row>
    <row r="508841" spans="14:14">
      <c r="N508841" s="10"/>
    </row>
    <row r="508842" spans="14:14">
      <c r="N508842" s="10"/>
    </row>
    <row r="508843" spans="14:14">
      <c r="N508843" s="10"/>
    </row>
    <row r="508844" spans="14:14">
      <c r="N508844" s="10"/>
    </row>
    <row r="508845" spans="14:14">
      <c r="N508845" s="10"/>
    </row>
    <row r="508846" spans="14:14">
      <c r="N508846" s="10"/>
    </row>
    <row r="508847" spans="14:14">
      <c r="N508847" s="10"/>
    </row>
    <row r="508848" spans="14:14">
      <c r="N508848" s="10"/>
    </row>
    <row r="508849" spans="14:14">
      <c r="N508849" s="10"/>
    </row>
    <row r="508850" spans="14:14">
      <c r="N508850" s="10"/>
    </row>
    <row r="508851" spans="14:14">
      <c r="N508851" s="10"/>
    </row>
    <row r="508852" spans="14:14">
      <c r="N508852" s="10"/>
    </row>
    <row r="508853" spans="14:14">
      <c r="N508853" s="10"/>
    </row>
    <row r="508854" spans="14:14">
      <c r="N508854" s="10"/>
    </row>
    <row r="508855" spans="14:14">
      <c r="N508855" s="10"/>
    </row>
    <row r="508856" spans="14:14">
      <c r="N508856" s="10"/>
    </row>
    <row r="508857" spans="14:14">
      <c r="N508857" s="10"/>
    </row>
    <row r="508858" spans="14:14">
      <c r="N508858" s="10"/>
    </row>
    <row r="508859" spans="14:14">
      <c r="N508859" s="10"/>
    </row>
    <row r="508860" spans="14:14">
      <c r="N508860" s="10"/>
    </row>
    <row r="508861" spans="14:14">
      <c r="N508861" s="10"/>
    </row>
    <row r="508862" spans="14:14">
      <c r="N508862" s="10"/>
    </row>
    <row r="508863" spans="14:14">
      <c r="N508863" s="10"/>
    </row>
    <row r="508864" spans="14:14">
      <c r="N508864" s="10"/>
    </row>
    <row r="508865" spans="14:14">
      <c r="N508865" s="10"/>
    </row>
    <row r="508866" spans="14:14">
      <c r="N508866" s="10"/>
    </row>
    <row r="508867" spans="14:14">
      <c r="N508867" s="10"/>
    </row>
    <row r="508868" spans="14:14">
      <c r="N508868" s="10"/>
    </row>
    <row r="508869" spans="14:14">
      <c r="N508869" s="10"/>
    </row>
    <row r="508870" spans="14:14">
      <c r="N508870" s="10"/>
    </row>
    <row r="508871" spans="14:14">
      <c r="N508871" s="10"/>
    </row>
    <row r="508872" spans="14:14">
      <c r="N508872" s="10"/>
    </row>
    <row r="508873" spans="14:14">
      <c r="N508873" s="10"/>
    </row>
    <row r="508874" spans="14:14">
      <c r="N508874" s="10"/>
    </row>
    <row r="508875" spans="14:14">
      <c r="N508875" s="10"/>
    </row>
    <row r="508876" spans="14:14">
      <c r="N508876" s="10"/>
    </row>
    <row r="508877" spans="14:14">
      <c r="N508877" s="10"/>
    </row>
    <row r="508878" spans="14:14">
      <c r="N508878" s="10"/>
    </row>
    <row r="508879" spans="14:14">
      <c r="N508879" s="10"/>
    </row>
    <row r="508880" spans="14:14">
      <c r="N508880" s="10"/>
    </row>
    <row r="508881" spans="14:14">
      <c r="N508881" s="10"/>
    </row>
    <row r="508882" spans="14:14">
      <c r="N508882" s="10"/>
    </row>
    <row r="508883" spans="14:14">
      <c r="N508883" s="10"/>
    </row>
    <row r="508884" spans="14:14">
      <c r="N508884" s="10"/>
    </row>
    <row r="508885" spans="14:14">
      <c r="N508885" s="10"/>
    </row>
    <row r="508886" spans="14:14">
      <c r="N508886" s="10"/>
    </row>
    <row r="508887" spans="14:14">
      <c r="N508887" s="10"/>
    </row>
    <row r="508888" spans="14:14">
      <c r="N508888" s="10"/>
    </row>
    <row r="508889" spans="14:14">
      <c r="N508889" s="10"/>
    </row>
    <row r="508890" spans="14:14">
      <c r="N508890" s="10"/>
    </row>
    <row r="508891" spans="14:14">
      <c r="N508891" s="10"/>
    </row>
    <row r="508892" spans="14:14">
      <c r="N508892" s="10"/>
    </row>
    <row r="508893" spans="14:14">
      <c r="N508893" s="10"/>
    </row>
    <row r="508894" spans="14:14">
      <c r="N508894" s="10"/>
    </row>
    <row r="508895" spans="14:14">
      <c r="N508895" s="10"/>
    </row>
    <row r="508896" spans="14:14">
      <c r="N508896" s="10"/>
    </row>
    <row r="508897" spans="14:14">
      <c r="N508897" s="10"/>
    </row>
    <row r="508898" spans="14:14">
      <c r="N508898" s="10"/>
    </row>
    <row r="508899" spans="14:14">
      <c r="N508899" s="10"/>
    </row>
    <row r="508900" spans="14:14">
      <c r="N508900" s="10"/>
    </row>
    <row r="508901" spans="14:14">
      <c r="N508901" s="10"/>
    </row>
    <row r="508902" spans="14:14">
      <c r="N508902" s="10"/>
    </row>
    <row r="508903" spans="14:14">
      <c r="N508903" s="10"/>
    </row>
    <row r="508904" spans="14:14">
      <c r="N508904" s="10"/>
    </row>
    <row r="508905" spans="14:14">
      <c r="N508905" s="10"/>
    </row>
    <row r="508906" spans="14:14">
      <c r="N508906" s="10"/>
    </row>
    <row r="508907" spans="14:14">
      <c r="N508907" s="10"/>
    </row>
    <row r="508908" spans="14:14">
      <c r="N508908" s="10"/>
    </row>
    <row r="508909" spans="14:14">
      <c r="N508909" s="10"/>
    </row>
    <row r="508910" spans="14:14">
      <c r="N508910" s="10"/>
    </row>
    <row r="508911" spans="14:14">
      <c r="N508911" s="10"/>
    </row>
    <row r="508912" spans="14:14">
      <c r="N508912" s="10"/>
    </row>
    <row r="508913" spans="14:14">
      <c r="N508913" s="10"/>
    </row>
    <row r="508914" spans="14:14">
      <c r="N508914" s="10"/>
    </row>
    <row r="508915" spans="14:14">
      <c r="N508915" s="10"/>
    </row>
    <row r="508916" spans="14:14">
      <c r="N508916" s="10"/>
    </row>
    <row r="508917" spans="14:14">
      <c r="N508917" s="10"/>
    </row>
    <row r="508918" spans="14:14">
      <c r="N508918" s="10"/>
    </row>
    <row r="508919" spans="14:14">
      <c r="N508919" s="10"/>
    </row>
    <row r="508920" spans="14:14">
      <c r="N508920" s="10"/>
    </row>
    <row r="508921" spans="14:14">
      <c r="N508921" s="10"/>
    </row>
    <row r="508922" spans="14:14">
      <c r="N508922" s="10"/>
    </row>
    <row r="508923" spans="14:14">
      <c r="N508923" s="10"/>
    </row>
    <row r="508924" spans="14:14">
      <c r="N508924" s="10"/>
    </row>
    <row r="508925" spans="14:14">
      <c r="N508925" s="10"/>
    </row>
    <row r="508926" spans="14:14">
      <c r="N508926" s="10"/>
    </row>
    <row r="508927" spans="14:14">
      <c r="N508927" s="10"/>
    </row>
    <row r="508928" spans="14:14">
      <c r="N508928" s="10"/>
    </row>
    <row r="508929" spans="14:14">
      <c r="N508929" s="10"/>
    </row>
    <row r="508930" spans="14:14">
      <c r="N508930" s="10"/>
    </row>
    <row r="508931" spans="14:14">
      <c r="N508931" s="10"/>
    </row>
    <row r="508932" spans="14:14">
      <c r="N508932" s="10"/>
    </row>
    <row r="508933" spans="14:14">
      <c r="N508933" s="10"/>
    </row>
    <row r="508934" spans="14:14">
      <c r="N508934" s="10"/>
    </row>
    <row r="508935" spans="14:14">
      <c r="N508935" s="10"/>
    </row>
    <row r="508936" spans="14:14">
      <c r="N508936" s="10"/>
    </row>
    <row r="508937" spans="14:14">
      <c r="N508937" s="10"/>
    </row>
    <row r="508938" spans="14:14">
      <c r="N508938" s="10"/>
    </row>
    <row r="508939" spans="14:14">
      <c r="N508939" s="10"/>
    </row>
    <row r="508940" spans="14:14">
      <c r="N508940" s="10"/>
    </row>
    <row r="508941" spans="14:14">
      <c r="N508941" s="10"/>
    </row>
    <row r="508942" spans="14:14">
      <c r="N508942" s="10"/>
    </row>
    <row r="508943" spans="14:14">
      <c r="N508943" s="10"/>
    </row>
    <row r="508944" spans="14:14">
      <c r="N508944" s="10"/>
    </row>
    <row r="508945" spans="14:14">
      <c r="N508945" s="10"/>
    </row>
    <row r="508946" spans="14:14">
      <c r="N508946" s="10"/>
    </row>
    <row r="508947" spans="14:14">
      <c r="N508947" s="10"/>
    </row>
    <row r="508948" spans="14:14">
      <c r="N508948" s="10"/>
    </row>
    <row r="508949" spans="14:14">
      <c r="N508949" s="10"/>
    </row>
    <row r="508950" spans="14:14">
      <c r="N508950" s="10"/>
    </row>
    <row r="508951" spans="14:14">
      <c r="N508951" s="10"/>
    </row>
    <row r="508952" spans="14:14">
      <c r="N508952" s="10"/>
    </row>
    <row r="508953" spans="14:14">
      <c r="N508953" s="10"/>
    </row>
    <row r="508954" spans="14:14">
      <c r="N508954" s="10"/>
    </row>
    <row r="508955" spans="14:14">
      <c r="N508955" s="10"/>
    </row>
    <row r="508956" spans="14:14">
      <c r="N508956" s="10"/>
    </row>
    <row r="508957" spans="14:14">
      <c r="N508957" s="10"/>
    </row>
    <row r="508958" spans="14:14">
      <c r="N508958" s="10"/>
    </row>
    <row r="508959" spans="14:14">
      <c r="N508959" s="10"/>
    </row>
    <row r="508960" spans="14:14">
      <c r="N508960" s="10"/>
    </row>
    <row r="508961" spans="14:14">
      <c r="N508961" s="10"/>
    </row>
    <row r="508962" spans="14:14">
      <c r="N508962" s="10"/>
    </row>
    <row r="508963" spans="14:14">
      <c r="N508963" s="10"/>
    </row>
    <row r="508964" spans="14:14">
      <c r="N508964" s="10"/>
    </row>
    <row r="508965" spans="14:14">
      <c r="N508965" s="10"/>
    </row>
    <row r="508966" spans="14:14">
      <c r="N508966" s="10"/>
    </row>
    <row r="508967" spans="14:14">
      <c r="N508967" s="10"/>
    </row>
    <row r="508968" spans="14:14">
      <c r="N508968" s="10"/>
    </row>
    <row r="508969" spans="14:14">
      <c r="N508969" s="10"/>
    </row>
    <row r="508970" spans="14:14">
      <c r="N508970" s="10"/>
    </row>
    <row r="508971" spans="14:14">
      <c r="N508971" s="10"/>
    </row>
    <row r="508972" spans="14:14">
      <c r="N508972" s="10"/>
    </row>
    <row r="508973" spans="14:14">
      <c r="N508973" s="10"/>
    </row>
    <row r="508974" spans="14:14">
      <c r="N508974" s="10"/>
    </row>
    <row r="508975" spans="14:14">
      <c r="N508975" s="10"/>
    </row>
    <row r="508976" spans="14:14">
      <c r="N508976" s="10"/>
    </row>
    <row r="508977" spans="14:14">
      <c r="N508977" s="10"/>
    </row>
    <row r="508978" spans="14:14">
      <c r="N508978" s="10"/>
    </row>
    <row r="508979" spans="14:14">
      <c r="N508979" s="10"/>
    </row>
    <row r="508980" spans="14:14">
      <c r="N508980" s="10"/>
    </row>
    <row r="508981" spans="14:14">
      <c r="N508981" s="10"/>
    </row>
    <row r="508982" spans="14:14">
      <c r="N508982" s="10"/>
    </row>
    <row r="508983" spans="14:14">
      <c r="N508983" s="10"/>
    </row>
    <row r="508984" spans="14:14">
      <c r="N508984" s="10"/>
    </row>
    <row r="508985" spans="14:14">
      <c r="N508985" s="10"/>
    </row>
    <row r="508986" spans="14:14">
      <c r="N508986" s="10"/>
    </row>
    <row r="508987" spans="14:14">
      <c r="N508987" s="10"/>
    </row>
    <row r="508988" spans="14:14">
      <c r="N508988" s="10"/>
    </row>
    <row r="508989" spans="14:14">
      <c r="N508989" s="10"/>
    </row>
    <row r="508990" spans="14:14">
      <c r="N508990" s="10"/>
    </row>
    <row r="508991" spans="14:14">
      <c r="N508991" s="10"/>
    </row>
    <row r="508992" spans="14:14">
      <c r="N508992" s="10"/>
    </row>
    <row r="508993" spans="14:14">
      <c r="N508993" s="10"/>
    </row>
    <row r="508994" spans="14:14">
      <c r="N508994" s="10"/>
    </row>
    <row r="508995" spans="14:14">
      <c r="N508995" s="10"/>
    </row>
    <row r="508996" spans="14:14">
      <c r="N508996" s="10"/>
    </row>
    <row r="508997" spans="14:14">
      <c r="N508997" s="10"/>
    </row>
    <row r="508998" spans="14:14">
      <c r="N508998" s="10"/>
    </row>
    <row r="508999" spans="14:14">
      <c r="N508999" s="10"/>
    </row>
    <row r="509000" spans="14:14">
      <c r="N509000" s="10"/>
    </row>
    <row r="509001" spans="14:14">
      <c r="N509001" s="10"/>
    </row>
    <row r="509002" spans="14:14">
      <c r="N509002" s="10"/>
    </row>
    <row r="509003" spans="14:14">
      <c r="N509003" s="10"/>
    </row>
    <row r="509004" spans="14:14">
      <c r="N509004" s="10"/>
    </row>
    <row r="509005" spans="14:14">
      <c r="N509005" s="10"/>
    </row>
    <row r="509006" spans="14:14">
      <c r="N509006" s="10"/>
    </row>
    <row r="509007" spans="14:14">
      <c r="N509007" s="10"/>
    </row>
    <row r="509008" spans="14:14">
      <c r="N509008" s="10"/>
    </row>
    <row r="509009" spans="14:14">
      <c r="N509009" s="10"/>
    </row>
    <row r="509010" spans="14:14">
      <c r="N509010" s="10"/>
    </row>
    <row r="509011" spans="14:14">
      <c r="N509011" s="10"/>
    </row>
    <row r="509012" spans="14:14">
      <c r="N509012" s="10"/>
    </row>
    <row r="509013" spans="14:14">
      <c r="N509013" s="10"/>
    </row>
    <row r="509014" spans="14:14">
      <c r="N509014" s="10"/>
    </row>
    <row r="509015" spans="14:14">
      <c r="N509015" s="10"/>
    </row>
    <row r="509016" spans="14:14">
      <c r="N509016" s="10"/>
    </row>
    <row r="509017" spans="14:14">
      <c r="N509017" s="10"/>
    </row>
    <row r="509018" spans="14:14">
      <c r="N509018" s="10"/>
    </row>
    <row r="509019" spans="14:14">
      <c r="N509019" s="10"/>
    </row>
    <row r="509020" spans="14:14">
      <c r="N509020" s="10"/>
    </row>
    <row r="509021" spans="14:14">
      <c r="N509021" s="10"/>
    </row>
    <row r="509022" spans="14:14">
      <c r="N509022" s="10"/>
    </row>
    <row r="509023" spans="14:14">
      <c r="N509023" s="10"/>
    </row>
    <row r="509024" spans="14:14">
      <c r="N509024" s="10"/>
    </row>
    <row r="509025" spans="14:14">
      <c r="N509025" s="10"/>
    </row>
    <row r="509026" spans="14:14">
      <c r="N509026" s="10"/>
    </row>
    <row r="509027" spans="14:14">
      <c r="N509027" s="10"/>
    </row>
    <row r="509028" spans="14:14">
      <c r="N509028" s="10"/>
    </row>
    <row r="509029" spans="14:14">
      <c r="N509029" s="10"/>
    </row>
    <row r="509030" spans="14:14">
      <c r="N509030" s="10"/>
    </row>
    <row r="509031" spans="14:14">
      <c r="N509031" s="10"/>
    </row>
    <row r="509032" spans="14:14">
      <c r="N509032" s="10"/>
    </row>
    <row r="509033" spans="14:14">
      <c r="N509033" s="10"/>
    </row>
    <row r="509034" spans="14:14">
      <c r="N509034" s="10"/>
    </row>
    <row r="509035" spans="14:14">
      <c r="N509035" s="10"/>
    </row>
    <row r="509036" spans="14:14">
      <c r="N509036" s="10"/>
    </row>
    <row r="509037" spans="14:14">
      <c r="N509037" s="10"/>
    </row>
    <row r="509038" spans="14:14">
      <c r="N509038" s="10"/>
    </row>
    <row r="509039" spans="14:14">
      <c r="N509039" s="10"/>
    </row>
    <row r="509040" spans="14:14">
      <c r="N509040" s="10"/>
    </row>
    <row r="509041" spans="14:14">
      <c r="N509041" s="10"/>
    </row>
    <row r="509042" spans="14:14">
      <c r="N509042" s="10"/>
    </row>
    <row r="509043" spans="14:14">
      <c r="N509043" s="10"/>
    </row>
    <row r="509044" spans="14:14">
      <c r="N509044" s="10"/>
    </row>
    <row r="509045" spans="14:14">
      <c r="N509045" s="10"/>
    </row>
    <row r="509046" spans="14:14">
      <c r="N509046" s="10"/>
    </row>
    <row r="509047" spans="14:14">
      <c r="N509047" s="10"/>
    </row>
    <row r="509048" spans="14:14">
      <c r="N509048" s="10"/>
    </row>
    <row r="509049" spans="14:14">
      <c r="N509049" s="10"/>
    </row>
    <row r="509050" spans="14:14">
      <c r="N509050" s="10"/>
    </row>
    <row r="509051" spans="14:14">
      <c r="N509051" s="10"/>
    </row>
    <row r="509052" spans="14:14">
      <c r="N509052" s="10"/>
    </row>
    <row r="509053" spans="14:14">
      <c r="N509053" s="10"/>
    </row>
    <row r="509054" spans="14:14">
      <c r="N509054" s="10"/>
    </row>
    <row r="509055" spans="14:14">
      <c r="N509055" s="10"/>
    </row>
    <row r="509056" spans="14:14">
      <c r="N509056" s="10"/>
    </row>
    <row r="509057" spans="14:14">
      <c r="N509057" s="10"/>
    </row>
    <row r="509058" spans="14:14">
      <c r="N509058" s="10"/>
    </row>
    <row r="509059" spans="14:14">
      <c r="N509059" s="10"/>
    </row>
    <row r="509060" spans="14:14">
      <c r="N509060" s="10"/>
    </row>
    <row r="509061" spans="14:14">
      <c r="N509061" s="10"/>
    </row>
    <row r="509062" spans="14:14">
      <c r="N509062" s="10"/>
    </row>
    <row r="509063" spans="14:14">
      <c r="N509063" s="10"/>
    </row>
    <row r="509064" spans="14:14">
      <c r="N509064" s="10"/>
    </row>
    <row r="509065" spans="14:14">
      <c r="N509065" s="10"/>
    </row>
    <row r="509066" spans="14:14">
      <c r="N509066" s="10"/>
    </row>
    <row r="509067" spans="14:14">
      <c r="N509067" s="10"/>
    </row>
    <row r="509068" spans="14:14">
      <c r="N509068" s="10"/>
    </row>
    <row r="509069" spans="14:14">
      <c r="N509069" s="10"/>
    </row>
    <row r="509070" spans="14:14">
      <c r="N509070" s="10"/>
    </row>
    <row r="509071" spans="14:14">
      <c r="N509071" s="10"/>
    </row>
    <row r="509072" spans="14:14">
      <c r="N509072" s="10"/>
    </row>
    <row r="509073" spans="14:14">
      <c r="N509073" s="10"/>
    </row>
    <row r="509074" spans="14:14">
      <c r="N509074" s="10"/>
    </row>
    <row r="509075" spans="14:14">
      <c r="N509075" s="10"/>
    </row>
    <row r="509076" spans="14:14">
      <c r="N509076" s="10"/>
    </row>
    <row r="509077" spans="14:14">
      <c r="N509077" s="10"/>
    </row>
    <row r="509078" spans="14:14">
      <c r="N509078" s="10"/>
    </row>
    <row r="509079" spans="14:14">
      <c r="N509079" s="10"/>
    </row>
    <row r="509080" spans="14:14">
      <c r="N509080" s="10"/>
    </row>
    <row r="509081" spans="14:14">
      <c r="N509081" s="10"/>
    </row>
    <row r="509082" spans="14:14">
      <c r="N509082" s="10"/>
    </row>
    <row r="509083" spans="14:14">
      <c r="N509083" s="10"/>
    </row>
    <row r="509084" spans="14:14">
      <c r="N509084" s="10"/>
    </row>
    <row r="509085" spans="14:14">
      <c r="N509085" s="10"/>
    </row>
    <row r="509086" spans="14:14">
      <c r="N509086" s="10"/>
    </row>
    <row r="509087" spans="14:14">
      <c r="N509087" s="10"/>
    </row>
    <row r="509088" spans="14:14">
      <c r="N509088" s="10"/>
    </row>
    <row r="509089" spans="14:14">
      <c r="N509089" s="10"/>
    </row>
    <row r="509090" spans="14:14">
      <c r="N509090" s="10"/>
    </row>
    <row r="509091" spans="14:14">
      <c r="N509091" s="10"/>
    </row>
    <row r="509092" spans="14:14">
      <c r="N509092" s="10"/>
    </row>
    <row r="509093" spans="14:14">
      <c r="N509093" s="10"/>
    </row>
    <row r="509094" spans="14:14">
      <c r="N509094" s="10"/>
    </row>
    <row r="509095" spans="14:14">
      <c r="N509095" s="10"/>
    </row>
    <row r="509096" spans="14:14">
      <c r="N509096" s="10"/>
    </row>
    <row r="509097" spans="14:14">
      <c r="N509097" s="10"/>
    </row>
    <row r="509098" spans="14:14">
      <c r="N509098" s="10"/>
    </row>
    <row r="509099" spans="14:14">
      <c r="N509099" s="10"/>
    </row>
    <row r="509100" spans="14:14">
      <c r="N509100" s="10"/>
    </row>
    <row r="509101" spans="14:14">
      <c r="N509101" s="10"/>
    </row>
    <row r="509102" spans="14:14">
      <c r="N509102" s="10"/>
    </row>
    <row r="509103" spans="14:14">
      <c r="N509103" s="10"/>
    </row>
    <row r="509104" spans="14:14">
      <c r="N509104" s="10"/>
    </row>
    <row r="509105" spans="14:14">
      <c r="N509105" s="10"/>
    </row>
    <row r="509106" spans="14:14">
      <c r="N509106" s="10"/>
    </row>
    <row r="509107" spans="14:14">
      <c r="N509107" s="10"/>
    </row>
    <row r="509108" spans="14:14">
      <c r="N509108" s="10"/>
    </row>
    <row r="509109" spans="14:14">
      <c r="N509109" s="10"/>
    </row>
    <row r="509110" spans="14:14">
      <c r="N509110" s="10"/>
    </row>
    <row r="509111" spans="14:14">
      <c r="N509111" s="10"/>
    </row>
    <row r="509112" spans="14:14">
      <c r="N509112" s="10"/>
    </row>
    <row r="509113" spans="14:14">
      <c r="N509113" s="10"/>
    </row>
    <row r="509114" spans="14:14">
      <c r="N509114" s="10"/>
    </row>
    <row r="509115" spans="14:14">
      <c r="N509115" s="10"/>
    </row>
    <row r="509116" spans="14:14">
      <c r="N509116" s="10"/>
    </row>
    <row r="509117" spans="14:14">
      <c r="N509117" s="10"/>
    </row>
    <row r="509118" spans="14:14">
      <c r="N509118" s="10"/>
    </row>
    <row r="509119" spans="14:14">
      <c r="N509119" s="10"/>
    </row>
    <row r="509120" spans="14:14">
      <c r="N509120" s="10"/>
    </row>
    <row r="509121" spans="14:14">
      <c r="N509121" s="10"/>
    </row>
    <row r="509122" spans="14:14">
      <c r="N509122" s="10"/>
    </row>
    <row r="509123" spans="14:14">
      <c r="N509123" s="10"/>
    </row>
    <row r="509124" spans="14:14">
      <c r="N509124" s="10"/>
    </row>
    <row r="509125" spans="14:14">
      <c r="N509125" s="10"/>
    </row>
    <row r="509126" spans="14:14">
      <c r="N509126" s="10"/>
    </row>
    <row r="509127" spans="14:14">
      <c r="N509127" s="10"/>
    </row>
    <row r="509128" spans="14:14">
      <c r="N509128" s="10"/>
    </row>
    <row r="509129" spans="14:14">
      <c r="N509129" s="10"/>
    </row>
    <row r="509130" spans="14:14">
      <c r="N509130" s="10"/>
    </row>
    <row r="509131" spans="14:14">
      <c r="N509131" s="10"/>
    </row>
    <row r="509132" spans="14:14">
      <c r="N509132" s="10"/>
    </row>
    <row r="509133" spans="14:14">
      <c r="N509133" s="10"/>
    </row>
    <row r="509134" spans="14:14">
      <c r="N509134" s="10"/>
    </row>
    <row r="509135" spans="14:14">
      <c r="N509135" s="10"/>
    </row>
    <row r="509136" spans="14:14">
      <c r="N509136" s="10"/>
    </row>
    <row r="509137" spans="14:14">
      <c r="N509137" s="10"/>
    </row>
    <row r="509138" spans="14:14">
      <c r="N509138" s="10"/>
    </row>
    <row r="509139" spans="14:14">
      <c r="N509139" s="10"/>
    </row>
    <row r="509140" spans="14:14">
      <c r="N509140" s="10"/>
    </row>
    <row r="509141" spans="14:14">
      <c r="N509141" s="10"/>
    </row>
    <row r="509142" spans="14:14">
      <c r="N509142" s="10"/>
    </row>
    <row r="509143" spans="14:14">
      <c r="N509143" s="10"/>
    </row>
    <row r="509144" spans="14:14">
      <c r="N509144" s="10"/>
    </row>
    <row r="509145" spans="14:14">
      <c r="N509145" s="10"/>
    </row>
    <row r="509146" spans="14:14">
      <c r="N509146" s="10"/>
    </row>
    <row r="509147" spans="14:14">
      <c r="N509147" s="10"/>
    </row>
    <row r="509148" spans="14:14">
      <c r="N509148" s="10"/>
    </row>
    <row r="509149" spans="14:14">
      <c r="N509149" s="10"/>
    </row>
    <row r="509150" spans="14:14">
      <c r="N509150" s="10"/>
    </row>
    <row r="509151" spans="14:14">
      <c r="N509151" s="10"/>
    </row>
    <row r="509152" spans="14:14">
      <c r="N509152" s="10"/>
    </row>
    <row r="509153" spans="14:14">
      <c r="N509153" s="10"/>
    </row>
    <row r="509154" spans="14:14">
      <c r="N509154" s="10"/>
    </row>
    <row r="509155" spans="14:14">
      <c r="N509155" s="10"/>
    </row>
    <row r="509156" spans="14:14">
      <c r="N509156" s="10"/>
    </row>
    <row r="509157" spans="14:14">
      <c r="N509157" s="10"/>
    </row>
    <row r="509158" spans="14:14">
      <c r="N509158" s="10"/>
    </row>
    <row r="509159" spans="14:14">
      <c r="N509159" s="10"/>
    </row>
    <row r="509160" spans="14:14">
      <c r="N509160" s="10"/>
    </row>
    <row r="509161" spans="14:14">
      <c r="N509161" s="10"/>
    </row>
    <row r="509162" spans="14:14">
      <c r="N509162" s="10"/>
    </row>
    <row r="509163" spans="14:14">
      <c r="N509163" s="10"/>
    </row>
    <row r="509164" spans="14:14">
      <c r="N509164" s="10"/>
    </row>
    <row r="509165" spans="14:14">
      <c r="N509165" s="10"/>
    </row>
    <row r="509166" spans="14:14">
      <c r="N509166" s="10"/>
    </row>
    <row r="509167" spans="14:14">
      <c r="N509167" s="10"/>
    </row>
    <row r="509168" spans="14:14">
      <c r="N509168" s="10"/>
    </row>
    <row r="509169" spans="14:14">
      <c r="N509169" s="10"/>
    </row>
    <row r="509170" spans="14:14">
      <c r="N509170" s="10"/>
    </row>
    <row r="509171" spans="14:14">
      <c r="N509171" s="10"/>
    </row>
    <row r="509172" spans="14:14">
      <c r="N509172" s="10"/>
    </row>
    <row r="509173" spans="14:14">
      <c r="N509173" s="10"/>
    </row>
    <row r="509174" spans="14:14">
      <c r="N509174" s="10"/>
    </row>
    <row r="509175" spans="14:14">
      <c r="N509175" s="10"/>
    </row>
    <row r="509176" spans="14:14">
      <c r="N509176" s="10"/>
    </row>
    <row r="509177" spans="14:14">
      <c r="N509177" s="10"/>
    </row>
    <row r="509178" spans="14:14">
      <c r="N509178" s="10"/>
    </row>
    <row r="509179" spans="14:14">
      <c r="N509179" s="10"/>
    </row>
    <row r="509180" spans="14:14">
      <c r="N509180" s="10"/>
    </row>
    <row r="509181" spans="14:14">
      <c r="N509181" s="10"/>
    </row>
    <row r="509182" spans="14:14">
      <c r="N509182" s="10"/>
    </row>
    <row r="509183" spans="14:14">
      <c r="N509183" s="10"/>
    </row>
    <row r="509184" spans="14:14">
      <c r="N509184" s="10"/>
    </row>
    <row r="509185" spans="14:14">
      <c r="N509185" s="10"/>
    </row>
    <row r="509186" spans="14:14">
      <c r="N509186" s="10"/>
    </row>
    <row r="509187" spans="14:14">
      <c r="N509187" s="10"/>
    </row>
    <row r="509188" spans="14:14">
      <c r="N509188" s="10"/>
    </row>
    <row r="509189" spans="14:14">
      <c r="N509189" s="10"/>
    </row>
    <row r="509190" spans="14:14">
      <c r="N509190" s="10"/>
    </row>
    <row r="509191" spans="14:14">
      <c r="N509191" s="10"/>
    </row>
    <row r="509192" spans="14:14">
      <c r="N509192" s="10"/>
    </row>
    <row r="509193" spans="14:14">
      <c r="N509193" s="10"/>
    </row>
    <row r="509194" spans="14:14">
      <c r="N509194" s="10"/>
    </row>
    <row r="509195" spans="14:14">
      <c r="N509195" s="10"/>
    </row>
    <row r="509196" spans="14:14">
      <c r="N509196" s="10"/>
    </row>
    <row r="509197" spans="14:14">
      <c r="N509197" s="10"/>
    </row>
    <row r="509198" spans="14:14">
      <c r="N509198" s="10"/>
    </row>
    <row r="509199" spans="14:14">
      <c r="N509199" s="10"/>
    </row>
    <row r="509200" spans="14:14">
      <c r="N509200" s="10"/>
    </row>
    <row r="509201" spans="14:14">
      <c r="N509201" s="10"/>
    </row>
    <row r="509202" spans="14:14">
      <c r="N509202" s="10"/>
    </row>
    <row r="509203" spans="14:14">
      <c r="N509203" s="10"/>
    </row>
    <row r="509204" spans="14:14">
      <c r="N509204" s="10"/>
    </row>
    <row r="509205" spans="14:14">
      <c r="N509205" s="10"/>
    </row>
    <row r="509206" spans="14:14">
      <c r="N509206" s="10"/>
    </row>
    <row r="509207" spans="14:14">
      <c r="N509207" s="10"/>
    </row>
    <row r="509208" spans="14:14">
      <c r="N509208" s="10"/>
    </row>
    <row r="509209" spans="14:14">
      <c r="N509209" s="10"/>
    </row>
    <row r="509210" spans="14:14">
      <c r="N509210" s="10"/>
    </row>
    <row r="509211" spans="14:14">
      <c r="N509211" s="10"/>
    </row>
    <row r="509212" spans="14:14">
      <c r="N509212" s="10"/>
    </row>
    <row r="509213" spans="14:14">
      <c r="N509213" s="10"/>
    </row>
    <row r="509214" spans="14:14">
      <c r="N509214" s="10"/>
    </row>
    <row r="509215" spans="14:14">
      <c r="N509215" s="10"/>
    </row>
    <row r="509216" spans="14:14">
      <c r="N509216" s="10"/>
    </row>
    <row r="509217" spans="14:14">
      <c r="N509217" s="10"/>
    </row>
    <row r="509218" spans="14:14">
      <c r="N509218" s="10"/>
    </row>
    <row r="509219" spans="14:14">
      <c r="N509219" s="10"/>
    </row>
    <row r="509220" spans="14:14">
      <c r="N509220" s="10"/>
    </row>
    <row r="509221" spans="14:14">
      <c r="N509221" s="10"/>
    </row>
    <row r="509222" spans="14:14">
      <c r="N509222" s="10"/>
    </row>
    <row r="509223" spans="14:14">
      <c r="N509223" s="10"/>
    </row>
    <row r="509224" spans="14:14">
      <c r="N509224" s="10"/>
    </row>
    <row r="509225" spans="14:14">
      <c r="N509225" s="10"/>
    </row>
    <row r="509226" spans="14:14">
      <c r="N509226" s="10"/>
    </row>
    <row r="509227" spans="14:14">
      <c r="N509227" s="10"/>
    </row>
    <row r="509228" spans="14:14">
      <c r="N509228" s="10"/>
    </row>
    <row r="509229" spans="14:14">
      <c r="N509229" s="10"/>
    </row>
    <row r="509230" spans="14:14">
      <c r="N509230" s="10"/>
    </row>
    <row r="509231" spans="14:14">
      <c r="N509231" s="10"/>
    </row>
    <row r="509232" spans="14:14">
      <c r="N509232" s="10"/>
    </row>
    <row r="509233" spans="14:14">
      <c r="N509233" s="10"/>
    </row>
    <row r="509234" spans="14:14">
      <c r="N509234" s="10"/>
    </row>
    <row r="509235" spans="14:14">
      <c r="N509235" s="10"/>
    </row>
    <row r="509236" spans="14:14">
      <c r="N509236" s="10"/>
    </row>
    <row r="509237" spans="14:14">
      <c r="N509237" s="10"/>
    </row>
    <row r="509238" spans="14:14">
      <c r="N509238" s="10"/>
    </row>
    <row r="509239" spans="14:14">
      <c r="N509239" s="10"/>
    </row>
    <row r="509240" spans="14:14">
      <c r="N509240" s="10"/>
    </row>
    <row r="509241" spans="14:14">
      <c r="N509241" s="10"/>
    </row>
    <row r="509242" spans="14:14">
      <c r="N509242" s="10"/>
    </row>
    <row r="509243" spans="14:14">
      <c r="N509243" s="10"/>
    </row>
    <row r="509244" spans="14:14">
      <c r="N509244" s="10"/>
    </row>
    <row r="509245" spans="14:14">
      <c r="N509245" s="10"/>
    </row>
    <row r="509246" spans="14:14">
      <c r="N509246" s="10"/>
    </row>
    <row r="509247" spans="14:14">
      <c r="N509247" s="10"/>
    </row>
    <row r="509248" spans="14:14">
      <c r="N509248" s="10"/>
    </row>
    <row r="509249" spans="14:14">
      <c r="N509249" s="10"/>
    </row>
    <row r="509250" spans="14:14">
      <c r="N509250" s="10"/>
    </row>
    <row r="509251" spans="14:14">
      <c r="N509251" s="10"/>
    </row>
    <row r="509252" spans="14:14">
      <c r="N509252" s="10"/>
    </row>
    <row r="509253" spans="14:14">
      <c r="N509253" s="10"/>
    </row>
    <row r="509254" spans="14:14">
      <c r="N509254" s="10"/>
    </row>
    <row r="509255" spans="14:14">
      <c r="N509255" s="10"/>
    </row>
    <row r="509256" spans="14:14">
      <c r="N509256" s="10"/>
    </row>
    <row r="509257" spans="14:14">
      <c r="N509257" s="10"/>
    </row>
    <row r="509258" spans="14:14">
      <c r="N509258" s="10"/>
    </row>
    <row r="509259" spans="14:14">
      <c r="N509259" s="10"/>
    </row>
    <row r="509260" spans="14:14">
      <c r="N509260" s="10"/>
    </row>
    <row r="509261" spans="14:14">
      <c r="N509261" s="10"/>
    </row>
    <row r="509262" spans="14:14">
      <c r="N509262" s="10"/>
    </row>
    <row r="509263" spans="14:14">
      <c r="N509263" s="10"/>
    </row>
    <row r="509264" spans="14:14">
      <c r="N509264" s="10"/>
    </row>
    <row r="509265" spans="14:14">
      <c r="N509265" s="10"/>
    </row>
    <row r="509266" spans="14:14">
      <c r="N509266" s="10"/>
    </row>
    <row r="509267" spans="14:14">
      <c r="N509267" s="10"/>
    </row>
    <row r="509268" spans="14:14">
      <c r="N509268" s="10"/>
    </row>
    <row r="509269" spans="14:14">
      <c r="N509269" s="10"/>
    </row>
    <row r="509270" spans="14:14">
      <c r="N509270" s="10"/>
    </row>
    <row r="509271" spans="14:14">
      <c r="N509271" s="10"/>
    </row>
    <row r="509272" spans="14:14">
      <c r="N509272" s="10"/>
    </row>
    <row r="509273" spans="14:14">
      <c r="N509273" s="10"/>
    </row>
    <row r="509274" spans="14:14">
      <c r="N509274" s="10"/>
    </row>
    <row r="509275" spans="14:14">
      <c r="N509275" s="10"/>
    </row>
    <row r="509276" spans="14:14">
      <c r="N509276" s="10"/>
    </row>
    <row r="509277" spans="14:14">
      <c r="N509277" s="10"/>
    </row>
    <row r="509278" spans="14:14">
      <c r="N509278" s="10"/>
    </row>
    <row r="509279" spans="14:14">
      <c r="N509279" s="10"/>
    </row>
    <row r="509280" spans="14:14">
      <c r="N509280" s="10"/>
    </row>
    <row r="509281" spans="14:14">
      <c r="N509281" s="10"/>
    </row>
    <row r="509282" spans="14:14">
      <c r="N509282" s="10"/>
    </row>
    <row r="509283" spans="14:14">
      <c r="N509283" s="10"/>
    </row>
    <row r="509284" spans="14:14">
      <c r="N509284" s="10"/>
    </row>
    <row r="509285" spans="14:14">
      <c r="N509285" s="10"/>
    </row>
    <row r="509286" spans="14:14">
      <c r="N509286" s="10"/>
    </row>
    <row r="509287" spans="14:14">
      <c r="N509287" s="10"/>
    </row>
    <row r="509288" spans="14:14">
      <c r="N509288" s="10"/>
    </row>
    <row r="509289" spans="14:14">
      <c r="N509289" s="10"/>
    </row>
    <row r="509290" spans="14:14">
      <c r="N509290" s="10"/>
    </row>
    <row r="509291" spans="14:14">
      <c r="N509291" s="10"/>
    </row>
    <row r="509292" spans="14:14">
      <c r="N509292" s="10"/>
    </row>
    <row r="509293" spans="14:14">
      <c r="N509293" s="10"/>
    </row>
    <row r="509294" spans="14:14">
      <c r="N509294" s="10"/>
    </row>
    <row r="509295" spans="14:14">
      <c r="N509295" s="10"/>
    </row>
    <row r="509296" spans="14:14">
      <c r="N509296" s="10"/>
    </row>
    <row r="509297" spans="14:14">
      <c r="N509297" s="10"/>
    </row>
    <row r="509298" spans="14:14">
      <c r="N509298" s="10"/>
    </row>
    <row r="509299" spans="14:14">
      <c r="N509299" s="10"/>
    </row>
    <row r="509300" spans="14:14">
      <c r="N509300" s="10"/>
    </row>
    <row r="509301" spans="14:14">
      <c r="N509301" s="10"/>
    </row>
    <row r="509302" spans="14:14">
      <c r="N509302" s="10"/>
    </row>
    <row r="509303" spans="14:14">
      <c r="N509303" s="10"/>
    </row>
    <row r="509304" spans="14:14">
      <c r="N509304" s="10"/>
    </row>
    <row r="509305" spans="14:14">
      <c r="N509305" s="10"/>
    </row>
    <row r="509306" spans="14:14">
      <c r="N509306" s="10"/>
    </row>
    <row r="509307" spans="14:14">
      <c r="N509307" s="10"/>
    </row>
    <row r="509308" spans="14:14">
      <c r="N509308" s="10"/>
    </row>
    <row r="509309" spans="14:14">
      <c r="N509309" s="10"/>
    </row>
    <row r="509310" spans="14:14">
      <c r="N509310" s="10"/>
    </row>
    <row r="509311" spans="14:14">
      <c r="N509311" s="10"/>
    </row>
    <row r="509312" spans="14:14">
      <c r="N509312" s="10"/>
    </row>
    <row r="509313" spans="14:14">
      <c r="N509313" s="10"/>
    </row>
    <row r="509314" spans="14:14">
      <c r="N509314" s="10"/>
    </row>
    <row r="509315" spans="14:14">
      <c r="N509315" s="10"/>
    </row>
    <row r="509316" spans="14:14">
      <c r="N509316" s="10"/>
    </row>
    <row r="509317" spans="14:14">
      <c r="N509317" s="10"/>
    </row>
    <row r="509318" spans="14:14">
      <c r="N509318" s="10"/>
    </row>
    <row r="509319" spans="14:14">
      <c r="N509319" s="10"/>
    </row>
    <row r="509320" spans="14:14">
      <c r="N509320" s="10"/>
    </row>
    <row r="509321" spans="14:14">
      <c r="N509321" s="10"/>
    </row>
    <row r="509322" spans="14:14">
      <c r="N509322" s="10"/>
    </row>
    <row r="509323" spans="14:14">
      <c r="N509323" s="10"/>
    </row>
    <row r="509324" spans="14:14">
      <c r="N509324" s="10"/>
    </row>
    <row r="509325" spans="14:14">
      <c r="N509325" s="10"/>
    </row>
    <row r="509326" spans="14:14">
      <c r="N509326" s="10"/>
    </row>
    <row r="509327" spans="14:14">
      <c r="N509327" s="10"/>
    </row>
    <row r="509328" spans="14:14">
      <c r="N509328" s="10"/>
    </row>
    <row r="509329" spans="14:14">
      <c r="N509329" s="10"/>
    </row>
    <row r="509330" spans="14:14">
      <c r="N509330" s="10"/>
    </row>
    <row r="509331" spans="14:14">
      <c r="N509331" s="10"/>
    </row>
    <row r="509332" spans="14:14">
      <c r="N509332" s="10"/>
    </row>
    <row r="509333" spans="14:14">
      <c r="N509333" s="10"/>
    </row>
    <row r="509334" spans="14:14">
      <c r="N509334" s="10"/>
    </row>
    <row r="509335" spans="14:14">
      <c r="N509335" s="10"/>
    </row>
    <row r="509336" spans="14:14">
      <c r="N509336" s="10"/>
    </row>
    <row r="509337" spans="14:14">
      <c r="N509337" s="10"/>
    </row>
    <row r="509338" spans="14:14">
      <c r="N509338" s="10"/>
    </row>
    <row r="509339" spans="14:14">
      <c r="N509339" s="10"/>
    </row>
    <row r="509340" spans="14:14">
      <c r="N509340" s="10"/>
    </row>
    <row r="509341" spans="14:14">
      <c r="N509341" s="10"/>
    </row>
    <row r="509342" spans="14:14">
      <c r="N509342" s="10"/>
    </row>
    <row r="509343" spans="14:14">
      <c r="N509343" s="10"/>
    </row>
    <row r="509344" spans="14:14">
      <c r="N509344" s="10"/>
    </row>
    <row r="509345" spans="14:14">
      <c r="N509345" s="10"/>
    </row>
    <row r="509346" spans="14:14">
      <c r="N509346" s="10"/>
    </row>
    <row r="509347" spans="14:14">
      <c r="N509347" s="10"/>
    </row>
    <row r="509348" spans="14:14">
      <c r="N509348" s="10"/>
    </row>
    <row r="509349" spans="14:14">
      <c r="N509349" s="10"/>
    </row>
    <row r="509350" spans="14:14">
      <c r="N509350" s="10"/>
    </row>
    <row r="509351" spans="14:14">
      <c r="N509351" s="10"/>
    </row>
    <row r="509352" spans="14:14">
      <c r="N509352" s="10"/>
    </row>
    <row r="509353" spans="14:14">
      <c r="N509353" s="10"/>
    </row>
    <row r="509354" spans="14:14">
      <c r="N509354" s="10"/>
    </row>
    <row r="509355" spans="14:14">
      <c r="N509355" s="10"/>
    </row>
    <row r="509356" spans="14:14">
      <c r="N509356" s="10"/>
    </row>
    <row r="509357" spans="14:14">
      <c r="N509357" s="10"/>
    </row>
    <row r="509358" spans="14:14">
      <c r="N509358" s="10"/>
    </row>
    <row r="509359" spans="14:14">
      <c r="N509359" s="10"/>
    </row>
    <row r="509360" spans="14:14">
      <c r="N509360" s="10"/>
    </row>
    <row r="509361" spans="14:14">
      <c r="N509361" s="10"/>
    </row>
    <row r="509362" spans="14:14">
      <c r="N509362" s="10"/>
    </row>
    <row r="509363" spans="14:14">
      <c r="N509363" s="10"/>
    </row>
    <row r="509364" spans="14:14">
      <c r="N509364" s="10"/>
    </row>
    <row r="509365" spans="14:14">
      <c r="N509365" s="10"/>
    </row>
    <row r="509366" spans="14:14">
      <c r="N509366" s="10"/>
    </row>
    <row r="509367" spans="14:14">
      <c r="N509367" s="10"/>
    </row>
    <row r="509368" spans="14:14">
      <c r="N509368" s="10"/>
    </row>
    <row r="509369" spans="14:14">
      <c r="N509369" s="10"/>
    </row>
    <row r="509370" spans="14:14">
      <c r="N509370" s="10"/>
    </row>
    <row r="509371" spans="14:14">
      <c r="N509371" s="10"/>
    </row>
    <row r="509372" spans="14:14">
      <c r="N509372" s="10"/>
    </row>
    <row r="509373" spans="14:14">
      <c r="N509373" s="10"/>
    </row>
    <row r="509374" spans="14:14">
      <c r="N509374" s="10"/>
    </row>
    <row r="509375" spans="14:14">
      <c r="N509375" s="10"/>
    </row>
    <row r="509376" spans="14:14">
      <c r="N509376" s="10"/>
    </row>
    <row r="509377" spans="14:14">
      <c r="N509377" s="10"/>
    </row>
    <row r="509378" spans="14:14">
      <c r="N509378" s="10"/>
    </row>
    <row r="509379" spans="14:14">
      <c r="N509379" s="10"/>
    </row>
    <row r="509380" spans="14:14">
      <c r="N509380" s="10"/>
    </row>
    <row r="509381" spans="14:14">
      <c r="N509381" s="10"/>
    </row>
    <row r="509382" spans="14:14">
      <c r="N509382" s="10"/>
    </row>
    <row r="509383" spans="14:14">
      <c r="N509383" s="10"/>
    </row>
    <row r="509384" spans="14:14">
      <c r="N509384" s="10"/>
    </row>
    <row r="509385" spans="14:14">
      <c r="N509385" s="10"/>
    </row>
    <row r="509386" spans="14:14">
      <c r="N509386" s="10"/>
    </row>
    <row r="509387" spans="14:14">
      <c r="N509387" s="10"/>
    </row>
    <row r="509388" spans="14:14">
      <c r="N509388" s="10"/>
    </row>
    <row r="509389" spans="14:14">
      <c r="N509389" s="10"/>
    </row>
    <row r="509390" spans="14:14">
      <c r="N509390" s="10"/>
    </row>
    <row r="509391" spans="14:14">
      <c r="N509391" s="10"/>
    </row>
    <row r="509392" spans="14:14">
      <c r="N509392" s="10"/>
    </row>
    <row r="509393" spans="14:14">
      <c r="N509393" s="10"/>
    </row>
    <row r="509394" spans="14:14">
      <c r="N509394" s="10"/>
    </row>
    <row r="509395" spans="14:14">
      <c r="N509395" s="10"/>
    </row>
    <row r="509396" spans="14:14">
      <c r="N509396" s="10"/>
    </row>
    <row r="509397" spans="14:14">
      <c r="N509397" s="10"/>
    </row>
    <row r="509398" spans="14:14">
      <c r="N509398" s="10"/>
    </row>
    <row r="509399" spans="14:14">
      <c r="N509399" s="10"/>
    </row>
    <row r="509400" spans="14:14">
      <c r="N509400" s="10"/>
    </row>
    <row r="509401" spans="14:14">
      <c r="N509401" s="10"/>
    </row>
    <row r="509402" spans="14:14">
      <c r="N509402" s="10"/>
    </row>
    <row r="509403" spans="14:14">
      <c r="N509403" s="10"/>
    </row>
    <row r="509404" spans="14:14">
      <c r="N509404" s="10"/>
    </row>
    <row r="509405" spans="14:14">
      <c r="N509405" s="10"/>
    </row>
    <row r="509406" spans="14:14">
      <c r="N509406" s="10"/>
    </row>
    <row r="509407" spans="14:14">
      <c r="N509407" s="10"/>
    </row>
    <row r="509408" spans="14:14">
      <c r="N509408" s="10"/>
    </row>
    <row r="509409" spans="14:14">
      <c r="N509409" s="10"/>
    </row>
    <row r="509410" spans="14:14">
      <c r="N509410" s="10"/>
    </row>
    <row r="509411" spans="14:14">
      <c r="N509411" s="10"/>
    </row>
    <row r="509412" spans="14:14">
      <c r="N509412" s="10"/>
    </row>
    <row r="509413" spans="14:14">
      <c r="N509413" s="10"/>
    </row>
    <row r="509414" spans="14:14">
      <c r="N509414" s="10"/>
    </row>
    <row r="509415" spans="14:14">
      <c r="N509415" s="10"/>
    </row>
    <row r="509416" spans="14:14">
      <c r="N509416" s="10"/>
    </row>
    <row r="509417" spans="14:14">
      <c r="N509417" s="10"/>
    </row>
    <row r="509418" spans="14:14">
      <c r="N509418" s="10"/>
    </row>
    <row r="509419" spans="14:14">
      <c r="N509419" s="10"/>
    </row>
    <row r="509420" spans="14:14">
      <c r="N509420" s="10"/>
    </row>
    <row r="509421" spans="14:14">
      <c r="N509421" s="10"/>
    </row>
    <row r="509422" spans="14:14">
      <c r="N509422" s="10"/>
    </row>
    <row r="509423" spans="14:14">
      <c r="N509423" s="10"/>
    </row>
    <row r="509424" spans="14:14">
      <c r="N509424" s="10"/>
    </row>
    <row r="509425" spans="14:14">
      <c r="N509425" s="10"/>
    </row>
    <row r="509426" spans="14:14">
      <c r="N509426" s="10"/>
    </row>
    <row r="509427" spans="14:14">
      <c r="N509427" s="10"/>
    </row>
    <row r="509428" spans="14:14">
      <c r="N509428" s="10"/>
    </row>
    <row r="509429" spans="14:14">
      <c r="N509429" s="10"/>
    </row>
    <row r="509430" spans="14:14">
      <c r="N509430" s="10"/>
    </row>
    <row r="509431" spans="14:14">
      <c r="N509431" s="10"/>
    </row>
    <row r="509432" spans="14:14">
      <c r="N509432" s="10"/>
    </row>
    <row r="509433" spans="14:14">
      <c r="N509433" s="10"/>
    </row>
    <row r="509434" spans="14:14">
      <c r="N509434" s="10"/>
    </row>
    <row r="509435" spans="14:14">
      <c r="N509435" s="10"/>
    </row>
    <row r="509436" spans="14:14">
      <c r="N509436" s="10"/>
    </row>
    <row r="509437" spans="14:14">
      <c r="N509437" s="10"/>
    </row>
    <row r="509438" spans="14:14">
      <c r="N509438" s="10"/>
    </row>
    <row r="509439" spans="14:14">
      <c r="N509439" s="10"/>
    </row>
    <row r="509440" spans="14:14">
      <c r="N509440" s="10"/>
    </row>
    <row r="509441" spans="14:14">
      <c r="N509441" s="10"/>
    </row>
    <row r="509442" spans="14:14">
      <c r="N509442" s="10"/>
    </row>
    <row r="509443" spans="14:14">
      <c r="N509443" s="10"/>
    </row>
    <row r="509444" spans="14:14">
      <c r="N509444" s="10"/>
    </row>
    <row r="509445" spans="14:14">
      <c r="N509445" s="10"/>
    </row>
    <row r="509446" spans="14:14">
      <c r="N509446" s="10"/>
    </row>
    <row r="509447" spans="14:14">
      <c r="N509447" s="10"/>
    </row>
    <row r="509448" spans="14:14">
      <c r="N509448" s="10"/>
    </row>
    <row r="509449" spans="14:14">
      <c r="N509449" s="10"/>
    </row>
    <row r="509450" spans="14:14">
      <c r="N509450" s="10"/>
    </row>
    <row r="509451" spans="14:14">
      <c r="N509451" s="10"/>
    </row>
    <row r="509452" spans="14:14">
      <c r="N509452" s="10"/>
    </row>
    <row r="509453" spans="14:14">
      <c r="N509453" s="10"/>
    </row>
    <row r="509454" spans="14:14">
      <c r="N509454" s="10"/>
    </row>
    <row r="509455" spans="14:14">
      <c r="N509455" s="10"/>
    </row>
    <row r="509456" spans="14:14">
      <c r="N509456" s="10"/>
    </row>
    <row r="509457" spans="14:14">
      <c r="N509457" s="10"/>
    </row>
    <row r="509458" spans="14:14">
      <c r="N509458" s="10"/>
    </row>
    <row r="509459" spans="14:14">
      <c r="N509459" s="10"/>
    </row>
    <row r="509460" spans="14:14">
      <c r="N509460" s="10"/>
    </row>
    <row r="509461" spans="14:14">
      <c r="N509461" s="10"/>
    </row>
    <row r="509462" spans="14:14">
      <c r="N509462" s="10"/>
    </row>
    <row r="509463" spans="14:14">
      <c r="N509463" s="10"/>
    </row>
    <row r="509464" spans="14:14">
      <c r="N509464" s="10"/>
    </row>
    <row r="509465" spans="14:14">
      <c r="N509465" s="10"/>
    </row>
    <row r="509466" spans="14:14">
      <c r="N509466" s="10"/>
    </row>
    <row r="509467" spans="14:14">
      <c r="N509467" s="10"/>
    </row>
    <row r="509468" spans="14:14">
      <c r="N509468" s="10"/>
    </row>
    <row r="509469" spans="14:14">
      <c r="N509469" s="10"/>
    </row>
    <row r="509470" spans="14:14">
      <c r="N509470" s="10"/>
    </row>
    <row r="509471" spans="14:14">
      <c r="N509471" s="10"/>
    </row>
    <row r="509472" spans="14:14">
      <c r="N509472" s="10"/>
    </row>
    <row r="509473" spans="14:14">
      <c r="N509473" s="10"/>
    </row>
    <row r="509474" spans="14:14">
      <c r="N509474" s="10"/>
    </row>
    <row r="509475" spans="14:14">
      <c r="N509475" s="10"/>
    </row>
    <row r="509476" spans="14:14">
      <c r="N509476" s="10"/>
    </row>
    <row r="509477" spans="14:14">
      <c r="N509477" s="10"/>
    </row>
    <row r="509478" spans="14:14">
      <c r="N509478" s="10"/>
    </row>
    <row r="509479" spans="14:14">
      <c r="N509479" s="10"/>
    </row>
    <row r="509480" spans="14:14">
      <c r="N509480" s="10"/>
    </row>
    <row r="509481" spans="14:14">
      <c r="N509481" s="10"/>
    </row>
    <row r="509482" spans="14:14">
      <c r="N509482" s="10"/>
    </row>
    <row r="509483" spans="14:14">
      <c r="N509483" s="10"/>
    </row>
    <row r="509484" spans="14:14">
      <c r="N509484" s="10"/>
    </row>
    <row r="509485" spans="14:14">
      <c r="N509485" s="10"/>
    </row>
    <row r="509486" spans="14:14">
      <c r="N509486" s="10"/>
    </row>
    <row r="509487" spans="14:14">
      <c r="N509487" s="10"/>
    </row>
    <row r="509488" spans="14:14">
      <c r="N509488" s="10"/>
    </row>
    <row r="509489" spans="14:14">
      <c r="N509489" s="10"/>
    </row>
    <row r="509490" spans="14:14">
      <c r="N509490" s="10"/>
    </row>
    <row r="509491" spans="14:14">
      <c r="N509491" s="10"/>
    </row>
    <row r="509492" spans="14:14">
      <c r="N509492" s="10"/>
    </row>
    <row r="509493" spans="14:14">
      <c r="N509493" s="10"/>
    </row>
    <row r="509494" spans="14:14">
      <c r="N509494" s="10"/>
    </row>
    <row r="509495" spans="14:14">
      <c r="N509495" s="10"/>
    </row>
    <row r="509496" spans="14:14">
      <c r="N509496" s="10"/>
    </row>
    <row r="509497" spans="14:14">
      <c r="N509497" s="10"/>
    </row>
    <row r="509498" spans="14:14">
      <c r="N509498" s="10"/>
    </row>
    <row r="509499" spans="14:14">
      <c r="N509499" s="10"/>
    </row>
    <row r="509500" spans="14:14">
      <c r="N509500" s="10"/>
    </row>
    <row r="509501" spans="14:14">
      <c r="N509501" s="10"/>
    </row>
    <row r="509502" spans="14:14">
      <c r="N509502" s="10"/>
    </row>
    <row r="509503" spans="14:14">
      <c r="N509503" s="10"/>
    </row>
    <row r="509504" spans="14:14">
      <c r="N509504" s="10"/>
    </row>
    <row r="509505" spans="14:14">
      <c r="N509505" s="10"/>
    </row>
    <row r="509506" spans="14:14">
      <c r="N509506" s="10"/>
    </row>
    <row r="509507" spans="14:14">
      <c r="N509507" s="10"/>
    </row>
    <row r="509508" spans="14:14">
      <c r="N509508" s="10"/>
    </row>
    <row r="509509" spans="14:14">
      <c r="N509509" s="10"/>
    </row>
    <row r="509510" spans="14:14">
      <c r="N509510" s="10"/>
    </row>
    <row r="509511" spans="14:14">
      <c r="N509511" s="10"/>
    </row>
    <row r="509512" spans="14:14">
      <c r="N509512" s="10"/>
    </row>
    <row r="509513" spans="14:14">
      <c r="N509513" s="10"/>
    </row>
    <row r="509514" spans="14:14">
      <c r="N509514" s="10"/>
    </row>
    <row r="509515" spans="14:14">
      <c r="N509515" s="10"/>
    </row>
    <row r="509516" spans="14:14">
      <c r="N509516" s="10"/>
    </row>
    <row r="509517" spans="14:14">
      <c r="N509517" s="10"/>
    </row>
    <row r="509518" spans="14:14">
      <c r="N509518" s="10"/>
    </row>
    <row r="509519" spans="14:14">
      <c r="N509519" s="10"/>
    </row>
    <row r="509520" spans="14:14">
      <c r="N509520" s="10"/>
    </row>
    <row r="509521" spans="14:14">
      <c r="N509521" s="10"/>
    </row>
    <row r="509522" spans="14:14">
      <c r="N509522" s="10"/>
    </row>
    <row r="509523" spans="14:14">
      <c r="N509523" s="10"/>
    </row>
    <row r="509524" spans="14:14">
      <c r="N509524" s="10"/>
    </row>
    <row r="509525" spans="14:14">
      <c r="N509525" s="10"/>
    </row>
    <row r="509526" spans="14:14">
      <c r="N509526" s="10"/>
    </row>
    <row r="509527" spans="14:14">
      <c r="N509527" s="10"/>
    </row>
    <row r="509528" spans="14:14">
      <c r="N509528" s="10"/>
    </row>
    <row r="509529" spans="14:14">
      <c r="N509529" s="10"/>
    </row>
    <row r="509530" spans="14:14">
      <c r="N509530" s="10"/>
    </row>
    <row r="509531" spans="14:14">
      <c r="N509531" s="10"/>
    </row>
    <row r="509532" spans="14:14">
      <c r="N509532" s="10"/>
    </row>
    <row r="509533" spans="14:14">
      <c r="N509533" s="10"/>
    </row>
    <row r="509534" spans="14:14">
      <c r="N509534" s="10"/>
    </row>
    <row r="509535" spans="14:14">
      <c r="N509535" s="10"/>
    </row>
    <row r="509536" spans="14:14">
      <c r="N509536" s="10"/>
    </row>
    <row r="509537" spans="14:14">
      <c r="N509537" s="10"/>
    </row>
    <row r="509538" spans="14:14">
      <c r="N509538" s="10"/>
    </row>
    <row r="509539" spans="14:14">
      <c r="N509539" s="10"/>
    </row>
    <row r="509540" spans="14:14">
      <c r="N509540" s="10"/>
    </row>
    <row r="509541" spans="14:14">
      <c r="N509541" s="10"/>
    </row>
    <row r="509542" spans="14:14">
      <c r="N509542" s="10"/>
    </row>
    <row r="509543" spans="14:14">
      <c r="N509543" s="10"/>
    </row>
    <row r="509544" spans="14:14">
      <c r="N509544" s="10"/>
    </row>
    <row r="509545" spans="14:14">
      <c r="N509545" s="10"/>
    </row>
    <row r="509546" spans="14:14">
      <c r="N509546" s="10"/>
    </row>
    <row r="509547" spans="14:14">
      <c r="N509547" s="10"/>
    </row>
    <row r="509548" spans="14:14">
      <c r="N509548" s="10"/>
    </row>
    <row r="509549" spans="14:14">
      <c r="N509549" s="10"/>
    </row>
    <row r="509550" spans="14:14">
      <c r="N509550" s="10"/>
    </row>
    <row r="509551" spans="14:14">
      <c r="N509551" s="10"/>
    </row>
    <row r="509552" spans="14:14">
      <c r="N509552" s="10"/>
    </row>
    <row r="509553" spans="14:14">
      <c r="N509553" s="10"/>
    </row>
    <row r="509554" spans="14:14">
      <c r="N509554" s="10"/>
    </row>
    <row r="509555" spans="14:14">
      <c r="N509555" s="10"/>
    </row>
    <row r="509556" spans="14:14">
      <c r="N509556" s="10"/>
    </row>
    <row r="509557" spans="14:14">
      <c r="N509557" s="10"/>
    </row>
    <row r="509558" spans="14:14">
      <c r="N509558" s="10"/>
    </row>
    <row r="509559" spans="14:14">
      <c r="N509559" s="10"/>
    </row>
    <row r="509560" spans="14:14">
      <c r="N509560" s="10"/>
    </row>
    <row r="509561" spans="14:14">
      <c r="N509561" s="10"/>
    </row>
    <row r="509562" spans="14:14">
      <c r="N509562" s="10"/>
    </row>
    <row r="509563" spans="14:14">
      <c r="N509563" s="10"/>
    </row>
    <row r="509564" spans="14:14">
      <c r="N509564" s="10"/>
    </row>
    <row r="509565" spans="14:14">
      <c r="N509565" s="10"/>
    </row>
    <row r="509566" spans="14:14">
      <c r="N509566" s="10"/>
    </row>
    <row r="509567" spans="14:14">
      <c r="N509567" s="10"/>
    </row>
    <row r="509568" spans="14:14">
      <c r="N509568" s="10"/>
    </row>
    <row r="509569" spans="14:14">
      <c r="N509569" s="10"/>
    </row>
    <row r="509570" spans="14:14">
      <c r="N509570" s="10"/>
    </row>
    <row r="509571" spans="14:14">
      <c r="N509571" s="10"/>
    </row>
    <row r="509572" spans="14:14">
      <c r="N509572" s="10"/>
    </row>
    <row r="509573" spans="14:14">
      <c r="N509573" s="10"/>
    </row>
    <row r="509574" spans="14:14">
      <c r="N509574" s="10"/>
    </row>
    <row r="509575" spans="14:14">
      <c r="N509575" s="10"/>
    </row>
    <row r="509576" spans="14:14">
      <c r="N509576" s="10"/>
    </row>
    <row r="509577" spans="14:14">
      <c r="N509577" s="10"/>
    </row>
    <row r="509578" spans="14:14">
      <c r="N509578" s="10"/>
    </row>
    <row r="509579" spans="14:14">
      <c r="N509579" s="10"/>
    </row>
    <row r="509580" spans="14:14">
      <c r="N509580" s="10"/>
    </row>
    <row r="509581" spans="14:14">
      <c r="N509581" s="10"/>
    </row>
    <row r="509582" spans="14:14">
      <c r="N509582" s="10"/>
    </row>
    <row r="509583" spans="14:14">
      <c r="N509583" s="10"/>
    </row>
    <row r="509584" spans="14:14">
      <c r="N509584" s="10"/>
    </row>
    <row r="509585" spans="14:14">
      <c r="N509585" s="10"/>
    </row>
    <row r="509586" spans="14:14">
      <c r="N509586" s="10"/>
    </row>
    <row r="509587" spans="14:14">
      <c r="N509587" s="10"/>
    </row>
    <row r="509588" spans="14:14">
      <c r="N509588" s="10"/>
    </row>
    <row r="509589" spans="14:14">
      <c r="N509589" s="10"/>
    </row>
    <row r="509590" spans="14:14">
      <c r="N509590" s="10"/>
    </row>
    <row r="509591" spans="14:14">
      <c r="N509591" s="10"/>
    </row>
    <row r="509592" spans="14:14">
      <c r="N509592" s="10"/>
    </row>
    <row r="509593" spans="14:14">
      <c r="N509593" s="10"/>
    </row>
    <row r="509594" spans="14:14">
      <c r="N509594" s="10"/>
    </row>
    <row r="509595" spans="14:14">
      <c r="N509595" s="10"/>
    </row>
    <row r="509596" spans="14:14">
      <c r="N509596" s="10"/>
    </row>
    <row r="509597" spans="14:14">
      <c r="N509597" s="10"/>
    </row>
    <row r="509598" spans="14:14">
      <c r="N509598" s="10"/>
    </row>
    <row r="509599" spans="14:14">
      <c r="N509599" s="10"/>
    </row>
    <row r="509600" spans="14:14">
      <c r="N509600" s="10"/>
    </row>
    <row r="509601" spans="14:14">
      <c r="N509601" s="10"/>
    </row>
    <row r="509602" spans="14:14">
      <c r="N509602" s="10"/>
    </row>
    <row r="509603" spans="14:14">
      <c r="N509603" s="10"/>
    </row>
    <row r="509604" spans="14:14">
      <c r="N509604" s="10"/>
    </row>
    <row r="509605" spans="14:14">
      <c r="N509605" s="10"/>
    </row>
    <row r="509606" spans="14:14">
      <c r="N509606" s="10"/>
    </row>
    <row r="509607" spans="14:14">
      <c r="N509607" s="10"/>
    </row>
    <row r="509608" spans="14:14">
      <c r="N509608" s="10"/>
    </row>
    <row r="509609" spans="14:14">
      <c r="N509609" s="10"/>
    </row>
    <row r="509610" spans="14:14">
      <c r="N509610" s="10"/>
    </row>
    <row r="509611" spans="14:14">
      <c r="N509611" s="10"/>
    </row>
    <row r="509612" spans="14:14">
      <c r="N509612" s="10"/>
    </row>
    <row r="509613" spans="14:14">
      <c r="N509613" s="10"/>
    </row>
    <row r="509614" spans="14:14">
      <c r="N509614" s="10"/>
    </row>
    <row r="509615" spans="14:14">
      <c r="N509615" s="10"/>
    </row>
    <row r="509616" spans="14:14">
      <c r="N509616" s="10"/>
    </row>
    <row r="509617" spans="14:14">
      <c r="N509617" s="10"/>
    </row>
    <row r="509618" spans="14:14">
      <c r="N509618" s="10"/>
    </row>
    <row r="509619" spans="14:14">
      <c r="N509619" s="10"/>
    </row>
    <row r="509620" spans="14:14">
      <c r="N509620" s="10"/>
    </row>
    <row r="509621" spans="14:14">
      <c r="N509621" s="10"/>
    </row>
    <row r="509622" spans="14:14">
      <c r="N509622" s="10"/>
    </row>
    <row r="509623" spans="14:14">
      <c r="N509623" s="10"/>
    </row>
    <row r="509624" spans="14:14">
      <c r="N509624" s="10"/>
    </row>
    <row r="509625" spans="14:14">
      <c r="N509625" s="10"/>
    </row>
    <row r="509626" spans="14:14">
      <c r="N509626" s="10"/>
    </row>
    <row r="509627" spans="14:14">
      <c r="N509627" s="10"/>
    </row>
    <row r="509628" spans="14:14">
      <c r="N509628" s="10"/>
    </row>
    <row r="509629" spans="14:14">
      <c r="N509629" s="10"/>
    </row>
    <row r="509630" spans="14:14">
      <c r="N509630" s="10"/>
    </row>
    <row r="509631" spans="14:14">
      <c r="N509631" s="10"/>
    </row>
    <row r="509632" spans="14:14">
      <c r="N509632" s="10"/>
    </row>
    <row r="509633" spans="14:14">
      <c r="N509633" s="10"/>
    </row>
    <row r="509634" spans="14:14">
      <c r="N509634" s="10"/>
    </row>
    <row r="509635" spans="14:14">
      <c r="N509635" s="10"/>
    </row>
    <row r="509636" spans="14:14">
      <c r="N509636" s="10"/>
    </row>
    <row r="509637" spans="14:14">
      <c r="N509637" s="10"/>
    </row>
    <row r="509638" spans="14:14">
      <c r="N509638" s="10"/>
    </row>
    <row r="509639" spans="14:14">
      <c r="N509639" s="10"/>
    </row>
    <row r="509640" spans="14:14">
      <c r="N509640" s="10"/>
    </row>
    <row r="509641" spans="14:14">
      <c r="N509641" s="10"/>
    </row>
    <row r="509642" spans="14:14">
      <c r="N509642" s="10"/>
    </row>
    <row r="509643" spans="14:14">
      <c r="N509643" s="10"/>
    </row>
    <row r="509644" spans="14:14">
      <c r="N509644" s="10"/>
    </row>
    <row r="509645" spans="14:14">
      <c r="N509645" s="10"/>
    </row>
    <row r="509646" spans="14:14">
      <c r="N509646" s="10"/>
    </row>
    <row r="509647" spans="14:14">
      <c r="N509647" s="10"/>
    </row>
    <row r="509648" spans="14:14">
      <c r="N509648" s="10"/>
    </row>
    <row r="509649" spans="14:14">
      <c r="N509649" s="10"/>
    </row>
    <row r="509650" spans="14:14">
      <c r="N509650" s="10"/>
    </row>
    <row r="509651" spans="14:14">
      <c r="N509651" s="10"/>
    </row>
    <row r="509652" spans="14:14">
      <c r="N509652" s="10"/>
    </row>
    <row r="509653" spans="14:14">
      <c r="N509653" s="10"/>
    </row>
    <row r="509654" spans="14:14">
      <c r="N509654" s="10"/>
    </row>
    <row r="509655" spans="14:14">
      <c r="N509655" s="10"/>
    </row>
    <row r="509656" spans="14:14">
      <c r="N509656" s="10"/>
    </row>
    <row r="509657" spans="14:14">
      <c r="N509657" s="10"/>
    </row>
    <row r="509658" spans="14:14">
      <c r="N509658" s="10"/>
    </row>
    <row r="509659" spans="14:14">
      <c r="N509659" s="10"/>
    </row>
    <row r="509660" spans="14:14">
      <c r="N509660" s="10"/>
    </row>
    <row r="509661" spans="14:14">
      <c r="N509661" s="10"/>
    </row>
    <row r="509662" spans="14:14">
      <c r="N509662" s="10"/>
    </row>
    <row r="509663" spans="14:14">
      <c r="N509663" s="10"/>
    </row>
    <row r="509664" spans="14:14">
      <c r="N509664" s="10"/>
    </row>
    <row r="509665" spans="14:14">
      <c r="N509665" s="10"/>
    </row>
    <row r="509666" spans="14:14">
      <c r="N509666" s="10"/>
    </row>
    <row r="509667" spans="14:14">
      <c r="N509667" s="10"/>
    </row>
    <row r="509668" spans="14:14">
      <c r="N509668" s="10"/>
    </row>
    <row r="509669" spans="14:14">
      <c r="N509669" s="10"/>
    </row>
    <row r="509670" spans="14:14">
      <c r="N509670" s="10"/>
    </row>
    <row r="509671" spans="14:14">
      <c r="N509671" s="10"/>
    </row>
    <row r="509672" spans="14:14">
      <c r="N509672" s="10"/>
    </row>
    <row r="509673" spans="14:14">
      <c r="N509673" s="10"/>
    </row>
    <row r="509674" spans="14:14">
      <c r="N509674" s="10"/>
    </row>
    <row r="509675" spans="14:14">
      <c r="N509675" s="10"/>
    </row>
    <row r="509676" spans="14:14">
      <c r="N509676" s="10"/>
    </row>
    <row r="509677" spans="14:14">
      <c r="N509677" s="10"/>
    </row>
    <row r="509678" spans="14:14">
      <c r="N509678" s="10"/>
    </row>
    <row r="509679" spans="14:14">
      <c r="N509679" s="10"/>
    </row>
    <row r="509680" spans="14:14">
      <c r="N509680" s="10"/>
    </row>
    <row r="509681" spans="14:14">
      <c r="N509681" s="10"/>
    </row>
    <row r="509682" spans="14:14">
      <c r="N509682" s="10"/>
    </row>
    <row r="509683" spans="14:14">
      <c r="N509683" s="10"/>
    </row>
    <row r="509684" spans="14:14">
      <c r="N509684" s="10"/>
    </row>
    <row r="509685" spans="14:14">
      <c r="N509685" s="10"/>
    </row>
    <row r="509686" spans="14:14">
      <c r="N509686" s="10"/>
    </row>
    <row r="509687" spans="14:14">
      <c r="N509687" s="10"/>
    </row>
    <row r="509688" spans="14:14">
      <c r="N509688" s="10"/>
    </row>
    <row r="509689" spans="14:14">
      <c r="N509689" s="10"/>
    </row>
    <row r="509690" spans="14:14">
      <c r="N509690" s="10"/>
    </row>
    <row r="509691" spans="14:14">
      <c r="N509691" s="10"/>
    </row>
    <row r="509692" spans="14:14">
      <c r="N509692" s="10"/>
    </row>
    <row r="509693" spans="14:14">
      <c r="N509693" s="10"/>
    </row>
    <row r="509694" spans="14:14">
      <c r="N509694" s="10"/>
    </row>
    <row r="509695" spans="14:14">
      <c r="N509695" s="10"/>
    </row>
    <row r="509696" spans="14:14">
      <c r="N509696" s="10"/>
    </row>
    <row r="509697" spans="14:14">
      <c r="N509697" s="10"/>
    </row>
    <row r="509698" spans="14:14">
      <c r="N509698" s="10"/>
    </row>
    <row r="509699" spans="14:14">
      <c r="N509699" s="10"/>
    </row>
    <row r="509700" spans="14:14">
      <c r="N509700" s="10"/>
    </row>
    <row r="509701" spans="14:14">
      <c r="N509701" s="10"/>
    </row>
    <row r="509702" spans="14:14">
      <c r="N509702" s="10"/>
    </row>
    <row r="509703" spans="14:14">
      <c r="N509703" s="10"/>
    </row>
    <row r="509704" spans="14:14">
      <c r="N509704" s="10"/>
    </row>
    <row r="509705" spans="14:14">
      <c r="N509705" s="10"/>
    </row>
    <row r="509706" spans="14:14">
      <c r="N509706" s="10"/>
    </row>
    <row r="509707" spans="14:14">
      <c r="N509707" s="10"/>
    </row>
    <row r="509708" spans="14:14">
      <c r="N509708" s="10"/>
    </row>
    <row r="509709" spans="14:14">
      <c r="N509709" s="10"/>
    </row>
    <row r="509710" spans="14:14">
      <c r="N509710" s="10"/>
    </row>
    <row r="509711" spans="14:14">
      <c r="N509711" s="10"/>
    </row>
    <row r="509712" spans="14:14">
      <c r="N509712" s="10"/>
    </row>
    <row r="509713" spans="14:14">
      <c r="N509713" s="10"/>
    </row>
    <row r="509714" spans="14:14">
      <c r="N509714" s="10"/>
    </row>
    <row r="509715" spans="14:14">
      <c r="N509715" s="10"/>
    </row>
    <row r="509716" spans="14:14">
      <c r="N509716" s="10"/>
    </row>
    <row r="509717" spans="14:14">
      <c r="N509717" s="10"/>
    </row>
    <row r="509718" spans="14:14">
      <c r="N509718" s="10"/>
    </row>
    <row r="509719" spans="14:14">
      <c r="N509719" s="10"/>
    </row>
    <row r="509720" spans="14:14">
      <c r="N509720" s="10"/>
    </row>
    <row r="509721" spans="14:14">
      <c r="N509721" s="10"/>
    </row>
    <row r="509722" spans="14:14">
      <c r="N509722" s="10"/>
    </row>
    <row r="509723" spans="14:14">
      <c r="N509723" s="10"/>
    </row>
    <row r="509724" spans="14:14">
      <c r="N509724" s="10"/>
    </row>
    <row r="509725" spans="14:14">
      <c r="N509725" s="10"/>
    </row>
    <row r="509726" spans="14:14">
      <c r="N509726" s="10"/>
    </row>
    <row r="509727" spans="14:14">
      <c r="N509727" s="10"/>
    </row>
    <row r="509728" spans="14:14">
      <c r="N509728" s="10"/>
    </row>
    <row r="509729" spans="14:14">
      <c r="N509729" s="10"/>
    </row>
    <row r="509730" spans="14:14">
      <c r="N509730" s="10"/>
    </row>
    <row r="509731" spans="14:14">
      <c r="N509731" s="10"/>
    </row>
    <row r="509732" spans="14:14">
      <c r="N509732" s="10"/>
    </row>
    <row r="509733" spans="14:14">
      <c r="N509733" s="10"/>
    </row>
    <row r="509734" spans="14:14">
      <c r="N509734" s="10"/>
    </row>
    <row r="509735" spans="14:14">
      <c r="N509735" s="10"/>
    </row>
    <row r="509736" spans="14:14">
      <c r="N509736" s="10"/>
    </row>
    <row r="509737" spans="14:14">
      <c r="N509737" s="10"/>
    </row>
    <row r="509738" spans="14:14">
      <c r="N509738" s="10"/>
    </row>
    <row r="509739" spans="14:14">
      <c r="N509739" s="10"/>
    </row>
    <row r="509740" spans="14:14">
      <c r="N509740" s="10"/>
    </row>
    <row r="509741" spans="14:14">
      <c r="N509741" s="10"/>
    </row>
    <row r="509742" spans="14:14">
      <c r="N509742" s="10"/>
    </row>
    <row r="509743" spans="14:14">
      <c r="N509743" s="10"/>
    </row>
    <row r="509744" spans="14:14">
      <c r="N509744" s="10"/>
    </row>
    <row r="509745" spans="14:14">
      <c r="N509745" s="10"/>
    </row>
    <row r="509746" spans="14:14">
      <c r="N509746" s="10"/>
    </row>
    <row r="509747" spans="14:14">
      <c r="N509747" s="10"/>
    </row>
    <row r="509748" spans="14:14">
      <c r="N509748" s="10"/>
    </row>
    <row r="509749" spans="14:14">
      <c r="N509749" s="10"/>
    </row>
    <row r="509750" spans="14:14">
      <c r="N509750" s="10"/>
    </row>
    <row r="509751" spans="14:14">
      <c r="N509751" s="10"/>
    </row>
    <row r="509752" spans="14:14">
      <c r="N509752" s="10"/>
    </row>
    <row r="509753" spans="14:14">
      <c r="N509753" s="10"/>
    </row>
    <row r="509754" spans="14:14">
      <c r="N509754" s="10"/>
    </row>
    <row r="509755" spans="14:14">
      <c r="N509755" s="10"/>
    </row>
    <row r="509756" spans="14:14">
      <c r="N509756" s="10"/>
    </row>
    <row r="509757" spans="14:14">
      <c r="N509757" s="10"/>
    </row>
    <row r="509758" spans="14:14">
      <c r="N509758" s="10"/>
    </row>
    <row r="509759" spans="14:14">
      <c r="N509759" s="10"/>
    </row>
    <row r="509760" spans="14:14">
      <c r="N509760" s="10"/>
    </row>
    <row r="509761" spans="14:14">
      <c r="N509761" s="10"/>
    </row>
    <row r="509762" spans="14:14">
      <c r="N509762" s="10"/>
    </row>
    <row r="509763" spans="14:14">
      <c r="N509763" s="10"/>
    </row>
    <row r="509764" spans="14:14">
      <c r="N509764" s="10"/>
    </row>
    <row r="509765" spans="14:14">
      <c r="N509765" s="10"/>
    </row>
    <row r="509766" spans="14:14">
      <c r="N509766" s="10"/>
    </row>
    <row r="509767" spans="14:14">
      <c r="N509767" s="10"/>
    </row>
    <row r="509768" spans="14:14">
      <c r="N509768" s="10"/>
    </row>
    <row r="509769" spans="14:14">
      <c r="N509769" s="10"/>
    </row>
    <row r="509770" spans="14:14">
      <c r="N509770" s="10"/>
    </row>
    <row r="509771" spans="14:14">
      <c r="N509771" s="10"/>
    </row>
    <row r="509772" spans="14:14">
      <c r="N509772" s="10"/>
    </row>
    <row r="509773" spans="14:14">
      <c r="N509773" s="10"/>
    </row>
    <row r="509774" spans="14:14">
      <c r="N509774" s="10"/>
    </row>
    <row r="509775" spans="14:14">
      <c r="N509775" s="10"/>
    </row>
    <row r="509776" spans="14:14">
      <c r="N509776" s="10"/>
    </row>
    <row r="509777" spans="14:14">
      <c r="N509777" s="10"/>
    </row>
    <row r="509778" spans="14:14">
      <c r="N509778" s="10"/>
    </row>
    <row r="509779" spans="14:14">
      <c r="N509779" s="10"/>
    </row>
    <row r="509780" spans="14:14">
      <c r="N509780" s="10"/>
    </row>
    <row r="509781" spans="14:14">
      <c r="N509781" s="10"/>
    </row>
    <row r="509782" spans="14:14">
      <c r="N509782" s="10"/>
    </row>
    <row r="509783" spans="14:14">
      <c r="N509783" s="10"/>
    </row>
    <row r="509784" spans="14:14">
      <c r="N509784" s="10"/>
    </row>
    <row r="509785" spans="14:14">
      <c r="N509785" s="10"/>
    </row>
    <row r="509786" spans="14:14">
      <c r="N509786" s="10"/>
    </row>
    <row r="509787" spans="14:14">
      <c r="N509787" s="10"/>
    </row>
    <row r="509788" spans="14:14">
      <c r="N509788" s="10"/>
    </row>
    <row r="509789" spans="14:14">
      <c r="N509789" s="10"/>
    </row>
    <row r="509790" spans="14:14">
      <c r="N509790" s="10"/>
    </row>
    <row r="509791" spans="14:14">
      <c r="N509791" s="10"/>
    </row>
    <row r="509792" spans="14:14">
      <c r="N509792" s="10"/>
    </row>
    <row r="509793" spans="14:14">
      <c r="N509793" s="10"/>
    </row>
    <row r="509794" spans="14:14">
      <c r="N509794" s="10"/>
    </row>
    <row r="509795" spans="14:14">
      <c r="N509795" s="10"/>
    </row>
    <row r="509796" spans="14:14">
      <c r="N509796" s="10"/>
    </row>
    <row r="509797" spans="14:14">
      <c r="N509797" s="10"/>
    </row>
    <row r="509798" spans="14:14">
      <c r="N509798" s="10"/>
    </row>
    <row r="509799" spans="14:14">
      <c r="N509799" s="10"/>
    </row>
    <row r="509800" spans="14:14">
      <c r="N509800" s="10"/>
    </row>
    <row r="509801" spans="14:14">
      <c r="N509801" s="10"/>
    </row>
    <row r="509802" spans="14:14">
      <c r="N509802" s="10"/>
    </row>
    <row r="509803" spans="14:14">
      <c r="N509803" s="10"/>
    </row>
    <row r="509804" spans="14:14">
      <c r="N509804" s="10"/>
    </row>
    <row r="509805" spans="14:14">
      <c r="N509805" s="10"/>
    </row>
    <row r="509806" spans="14:14">
      <c r="N509806" s="10"/>
    </row>
    <row r="509807" spans="14:14">
      <c r="N509807" s="10"/>
    </row>
    <row r="509808" spans="14:14">
      <c r="N509808" s="10"/>
    </row>
    <row r="509809" spans="14:14">
      <c r="N509809" s="10"/>
    </row>
    <row r="509810" spans="14:14">
      <c r="N509810" s="10"/>
    </row>
    <row r="509811" spans="14:14">
      <c r="N509811" s="10"/>
    </row>
    <row r="509812" spans="14:14">
      <c r="N509812" s="10"/>
    </row>
    <row r="509813" spans="14:14">
      <c r="N509813" s="10"/>
    </row>
    <row r="509814" spans="14:14">
      <c r="N509814" s="10"/>
    </row>
    <row r="509815" spans="14:14">
      <c r="N509815" s="10"/>
    </row>
    <row r="509816" spans="14:14">
      <c r="N509816" s="10"/>
    </row>
    <row r="509817" spans="14:14">
      <c r="N509817" s="10"/>
    </row>
    <row r="509818" spans="14:14">
      <c r="N509818" s="10"/>
    </row>
    <row r="509819" spans="14:14">
      <c r="N509819" s="10"/>
    </row>
    <row r="509820" spans="14:14">
      <c r="N509820" s="10"/>
    </row>
    <row r="509821" spans="14:14">
      <c r="N509821" s="10"/>
    </row>
    <row r="509822" spans="14:14">
      <c r="N509822" s="10"/>
    </row>
    <row r="509823" spans="14:14">
      <c r="N509823" s="10"/>
    </row>
    <row r="509824" spans="14:14">
      <c r="N509824" s="10"/>
    </row>
    <row r="509825" spans="14:14">
      <c r="N509825" s="10"/>
    </row>
    <row r="509826" spans="14:14">
      <c r="N509826" s="10"/>
    </row>
    <row r="509827" spans="14:14">
      <c r="N509827" s="10"/>
    </row>
    <row r="509828" spans="14:14">
      <c r="N509828" s="10"/>
    </row>
    <row r="509829" spans="14:14">
      <c r="N509829" s="10"/>
    </row>
    <row r="509830" spans="14:14">
      <c r="N509830" s="10"/>
    </row>
    <row r="509831" spans="14:14">
      <c r="N509831" s="10"/>
    </row>
    <row r="509832" spans="14:14">
      <c r="N509832" s="10"/>
    </row>
    <row r="509833" spans="14:14">
      <c r="N509833" s="10"/>
    </row>
    <row r="509834" spans="14:14">
      <c r="N509834" s="10"/>
    </row>
    <row r="509835" spans="14:14">
      <c r="N509835" s="10"/>
    </row>
    <row r="509836" spans="14:14">
      <c r="N509836" s="10"/>
    </row>
    <row r="509837" spans="14:14">
      <c r="N509837" s="10"/>
    </row>
    <row r="509838" spans="14:14">
      <c r="N509838" s="10"/>
    </row>
    <row r="509839" spans="14:14">
      <c r="N509839" s="10"/>
    </row>
    <row r="509840" spans="14:14">
      <c r="N509840" s="10"/>
    </row>
    <row r="509841" spans="14:14">
      <c r="N509841" s="10"/>
    </row>
    <row r="509842" spans="14:14">
      <c r="N509842" s="10"/>
    </row>
    <row r="509843" spans="14:14">
      <c r="N509843" s="10"/>
    </row>
    <row r="509844" spans="14:14">
      <c r="N509844" s="10"/>
    </row>
    <row r="509845" spans="14:14">
      <c r="N509845" s="10"/>
    </row>
    <row r="509846" spans="14:14">
      <c r="N509846" s="10"/>
    </row>
    <row r="509847" spans="14:14">
      <c r="N509847" s="10"/>
    </row>
    <row r="509848" spans="14:14">
      <c r="N509848" s="10"/>
    </row>
    <row r="509849" spans="14:14">
      <c r="N509849" s="10"/>
    </row>
    <row r="509850" spans="14:14">
      <c r="N509850" s="10"/>
    </row>
    <row r="509851" spans="14:14">
      <c r="N509851" s="10"/>
    </row>
    <row r="509852" spans="14:14">
      <c r="N509852" s="10"/>
    </row>
    <row r="509853" spans="14:14">
      <c r="N509853" s="10"/>
    </row>
    <row r="509854" spans="14:14">
      <c r="N509854" s="10"/>
    </row>
    <row r="509855" spans="14:14">
      <c r="N509855" s="10"/>
    </row>
    <row r="509856" spans="14:14">
      <c r="N509856" s="10"/>
    </row>
    <row r="509857" spans="14:14">
      <c r="N509857" s="10"/>
    </row>
    <row r="509858" spans="14:14">
      <c r="N509858" s="10"/>
    </row>
    <row r="509859" spans="14:14">
      <c r="N509859" s="10"/>
    </row>
    <row r="509860" spans="14:14">
      <c r="N509860" s="10"/>
    </row>
    <row r="509861" spans="14:14">
      <c r="N509861" s="10"/>
    </row>
    <row r="509862" spans="14:14">
      <c r="N509862" s="10"/>
    </row>
    <row r="509863" spans="14:14">
      <c r="N509863" s="10"/>
    </row>
    <row r="509864" spans="14:14">
      <c r="N509864" s="10"/>
    </row>
    <row r="509865" spans="14:14">
      <c r="N509865" s="10"/>
    </row>
    <row r="509866" spans="14:14">
      <c r="N509866" s="10"/>
    </row>
    <row r="509867" spans="14:14">
      <c r="N509867" s="10"/>
    </row>
    <row r="509868" spans="14:14">
      <c r="N509868" s="10"/>
    </row>
    <row r="509869" spans="14:14">
      <c r="N509869" s="10"/>
    </row>
    <row r="509870" spans="14:14">
      <c r="N509870" s="10"/>
    </row>
    <row r="509871" spans="14:14">
      <c r="N509871" s="10"/>
    </row>
    <row r="509872" spans="14:14">
      <c r="N509872" s="10"/>
    </row>
    <row r="509873" spans="14:14">
      <c r="N509873" s="10"/>
    </row>
    <row r="509874" spans="14:14">
      <c r="N509874" s="10"/>
    </row>
    <row r="509875" spans="14:14">
      <c r="N509875" s="10"/>
    </row>
    <row r="509876" spans="14:14">
      <c r="N509876" s="10"/>
    </row>
    <row r="509877" spans="14:14">
      <c r="N509877" s="10"/>
    </row>
    <row r="509878" spans="14:14">
      <c r="N509878" s="10"/>
    </row>
    <row r="509879" spans="14:14">
      <c r="N509879" s="10"/>
    </row>
    <row r="509880" spans="14:14">
      <c r="N509880" s="10"/>
    </row>
    <row r="509881" spans="14:14">
      <c r="N509881" s="10"/>
    </row>
    <row r="509882" spans="14:14">
      <c r="N509882" s="10"/>
    </row>
    <row r="509883" spans="14:14">
      <c r="N509883" s="10"/>
    </row>
    <row r="509884" spans="14:14">
      <c r="N509884" s="10"/>
    </row>
    <row r="509885" spans="14:14">
      <c r="N509885" s="10"/>
    </row>
    <row r="509886" spans="14:14">
      <c r="N509886" s="10"/>
    </row>
    <row r="509887" spans="14:14">
      <c r="N509887" s="10"/>
    </row>
    <row r="509888" spans="14:14">
      <c r="N509888" s="10"/>
    </row>
    <row r="509889" spans="14:14">
      <c r="N509889" s="10"/>
    </row>
    <row r="509890" spans="14:14">
      <c r="N509890" s="10"/>
    </row>
    <row r="509891" spans="14:14">
      <c r="N509891" s="10"/>
    </row>
    <row r="509892" spans="14:14">
      <c r="N509892" s="10"/>
    </row>
    <row r="509893" spans="14:14">
      <c r="N509893" s="10"/>
    </row>
    <row r="509894" spans="14:14">
      <c r="N509894" s="10"/>
    </row>
    <row r="509895" spans="14:14">
      <c r="N509895" s="10"/>
    </row>
    <row r="509896" spans="14:14">
      <c r="N509896" s="10"/>
    </row>
    <row r="509897" spans="14:14">
      <c r="N509897" s="10"/>
    </row>
    <row r="509898" spans="14:14">
      <c r="N509898" s="10"/>
    </row>
    <row r="509899" spans="14:14">
      <c r="N509899" s="10"/>
    </row>
    <row r="509900" spans="14:14">
      <c r="N509900" s="10"/>
    </row>
    <row r="509901" spans="14:14">
      <c r="N509901" s="10"/>
    </row>
    <row r="509902" spans="14:14">
      <c r="N509902" s="10"/>
    </row>
    <row r="509903" spans="14:14">
      <c r="N509903" s="10"/>
    </row>
    <row r="509904" spans="14:14">
      <c r="N509904" s="10"/>
    </row>
    <row r="509905" spans="14:14">
      <c r="N509905" s="10"/>
    </row>
    <row r="509906" spans="14:14">
      <c r="N509906" s="10"/>
    </row>
    <row r="509907" spans="14:14">
      <c r="N509907" s="10"/>
    </row>
    <row r="509908" spans="14:14">
      <c r="N509908" s="10"/>
    </row>
    <row r="509909" spans="14:14">
      <c r="N509909" s="10"/>
    </row>
    <row r="509910" spans="14:14">
      <c r="N509910" s="10"/>
    </row>
    <row r="509911" spans="14:14">
      <c r="N509911" s="10"/>
    </row>
    <row r="509912" spans="14:14">
      <c r="N509912" s="10"/>
    </row>
    <row r="509913" spans="14:14">
      <c r="N509913" s="10"/>
    </row>
    <row r="509914" spans="14:14">
      <c r="N509914" s="10"/>
    </row>
    <row r="509915" spans="14:14">
      <c r="N509915" s="10"/>
    </row>
    <row r="509916" spans="14:14">
      <c r="N509916" s="10"/>
    </row>
    <row r="509917" spans="14:14">
      <c r="N509917" s="10"/>
    </row>
    <row r="509918" spans="14:14">
      <c r="N509918" s="10"/>
    </row>
    <row r="509919" spans="14:14">
      <c r="N509919" s="10"/>
    </row>
    <row r="509920" spans="14:14">
      <c r="N509920" s="10"/>
    </row>
    <row r="509921" spans="14:14">
      <c r="N509921" s="10"/>
    </row>
    <row r="509922" spans="14:14">
      <c r="N509922" s="10"/>
    </row>
    <row r="509923" spans="14:14">
      <c r="N509923" s="10"/>
    </row>
    <row r="509924" spans="14:14">
      <c r="N509924" s="10"/>
    </row>
    <row r="509925" spans="14:14">
      <c r="N509925" s="10"/>
    </row>
    <row r="509926" spans="14:14">
      <c r="N509926" s="10"/>
    </row>
    <row r="509927" spans="14:14">
      <c r="N509927" s="10"/>
    </row>
    <row r="509928" spans="14:14">
      <c r="N509928" s="10"/>
    </row>
    <row r="509929" spans="14:14">
      <c r="N509929" s="10"/>
    </row>
    <row r="509930" spans="14:14">
      <c r="N509930" s="10"/>
    </row>
    <row r="509931" spans="14:14">
      <c r="N509931" s="10"/>
    </row>
    <row r="509932" spans="14:14">
      <c r="N509932" s="10"/>
    </row>
    <row r="509933" spans="14:14">
      <c r="N509933" s="10"/>
    </row>
    <row r="509934" spans="14:14">
      <c r="N509934" s="10"/>
    </row>
    <row r="509935" spans="14:14">
      <c r="N509935" s="10"/>
    </row>
    <row r="509936" spans="14:14">
      <c r="N509936" s="10"/>
    </row>
    <row r="509937" spans="14:14">
      <c r="N509937" s="10"/>
    </row>
    <row r="509938" spans="14:14">
      <c r="N509938" s="10"/>
    </row>
    <row r="509939" spans="14:14">
      <c r="N509939" s="10"/>
    </row>
    <row r="509940" spans="14:14">
      <c r="N509940" s="10"/>
    </row>
    <row r="509941" spans="14:14">
      <c r="N509941" s="10"/>
    </row>
    <row r="509942" spans="14:14">
      <c r="N509942" s="10"/>
    </row>
    <row r="509943" spans="14:14">
      <c r="N509943" s="10"/>
    </row>
    <row r="509944" spans="14:14">
      <c r="N509944" s="10"/>
    </row>
    <row r="509945" spans="14:14">
      <c r="N509945" s="10"/>
    </row>
    <row r="509946" spans="14:14">
      <c r="N509946" s="10"/>
    </row>
    <row r="509947" spans="14:14">
      <c r="N509947" s="10"/>
    </row>
    <row r="509948" spans="14:14">
      <c r="N509948" s="10"/>
    </row>
    <row r="509949" spans="14:14">
      <c r="N509949" s="10"/>
    </row>
    <row r="509950" spans="14:14">
      <c r="N509950" s="10"/>
    </row>
    <row r="509951" spans="14:14">
      <c r="N509951" s="10"/>
    </row>
    <row r="509952" spans="14:14">
      <c r="N509952" s="10"/>
    </row>
    <row r="509953" spans="14:14">
      <c r="N509953" s="10"/>
    </row>
    <row r="509954" spans="14:14">
      <c r="N509954" s="10"/>
    </row>
    <row r="509955" spans="14:14">
      <c r="N509955" s="10"/>
    </row>
    <row r="509956" spans="14:14">
      <c r="N509956" s="10"/>
    </row>
    <row r="509957" spans="14:14">
      <c r="N509957" s="10"/>
    </row>
    <row r="509958" spans="14:14">
      <c r="N509958" s="10"/>
    </row>
    <row r="509959" spans="14:14">
      <c r="N509959" s="10"/>
    </row>
    <row r="509960" spans="14:14">
      <c r="N509960" s="10"/>
    </row>
    <row r="509961" spans="14:14">
      <c r="N509961" s="10"/>
    </row>
    <row r="509962" spans="14:14">
      <c r="N509962" s="10"/>
    </row>
    <row r="509963" spans="14:14">
      <c r="N509963" s="10"/>
    </row>
    <row r="509964" spans="14:14">
      <c r="N509964" s="10"/>
    </row>
    <row r="509965" spans="14:14">
      <c r="N509965" s="10"/>
    </row>
    <row r="509966" spans="14:14">
      <c r="N509966" s="10"/>
    </row>
    <row r="509967" spans="14:14">
      <c r="N509967" s="10"/>
    </row>
    <row r="509968" spans="14:14">
      <c r="N509968" s="10"/>
    </row>
    <row r="509969" spans="14:14">
      <c r="N509969" s="10"/>
    </row>
    <row r="509970" spans="14:14">
      <c r="N509970" s="10"/>
    </row>
    <row r="509971" spans="14:14">
      <c r="N509971" s="10"/>
    </row>
    <row r="509972" spans="14:14">
      <c r="N509972" s="10"/>
    </row>
    <row r="509973" spans="14:14">
      <c r="N509973" s="10"/>
    </row>
    <row r="509974" spans="14:14">
      <c r="N509974" s="10"/>
    </row>
    <row r="509975" spans="14:14">
      <c r="N509975" s="10"/>
    </row>
    <row r="509976" spans="14:14">
      <c r="N509976" s="10"/>
    </row>
    <row r="509977" spans="14:14">
      <c r="N509977" s="10"/>
    </row>
    <row r="509978" spans="14:14">
      <c r="N509978" s="10"/>
    </row>
    <row r="509979" spans="14:14">
      <c r="N509979" s="10"/>
    </row>
    <row r="509980" spans="14:14">
      <c r="N509980" s="10"/>
    </row>
    <row r="509981" spans="14:14">
      <c r="N509981" s="10"/>
    </row>
    <row r="509982" spans="14:14">
      <c r="N509982" s="10"/>
    </row>
    <row r="509983" spans="14:14">
      <c r="N509983" s="10"/>
    </row>
    <row r="509984" spans="14:14">
      <c r="N509984" s="10"/>
    </row>
    <row r="509985" spans="14:14">
      <c r="N509985" s="10"/>
    </row>
    <row r="509986" spans="14:14">
      <c r="N509986" s="10"/>
    </row>
    <row r="509987" spans="14:14">
      <c r="N509987" s="10"/>
    </row>
    <row r="509988" spans="14:14">
      <c r="N509988" s="10"/>
    </row>
    <row r="509989" spans="14:14">
      <c r="N509989" s="10"/>
    </row>
    <row r="509990" spans="14:14">
      <c r="N509990" s="10"/>
    </row>
    <row r="509991" spans="14:14">
      <c r="N509991" s="10"/>
    </row>
    <row r="509992" spans="14:14">
      <c r="N509992" s="10"/>
    </row>
    <row r="509993" spans="14:14">
      <c r="N509993" s="10"/>
    </row>
    <row r="509994" spans="14:14">
      <c r="N509994" s="10"/>
    </row>
    <row r="509995" spans="14:14">
      <c r="N509995" s="10"/>
    </row>
    <row r="509996" spans="14:14">
      <c r="N509996" s="10"/>
    </row>
    <row r="509997" spans="14:14">
      <c r="N509997" s="10"/>
    </row>
    <row r="509998" spans="14:14">
      <c r="N509998" s="10"/>
    </row>
    <row r="509999" spans="14:14">
      <c r="N509999" s="10"/>
    </row>
    <row r="510000" spans="14:14">
      <c r="N510000" s="10"/>
    </row>
    <row r="510001" spans="14:14">
      <c r="N510001" s="10"/>
    </row>
    <row r="510002" spans="14:14">
      <c r="N510002" s="10"/>
    </row>
    <row r="510003" spans="14:14">
      <c r="N510003" s="10"/>
    </row>
    <row r="510004" spans="14:14">
      <c r="N510004" s="10"/>
    </row>
    <row r="510005" spans="14:14">
      <c r="N510005" s="10"/>
    </row>
    <row r="510006" spans="14:14">
      <c r="N510006" s="10"/>
    </row>
    <row r="510007" spans="14:14">
      <c r="N510007" s="10"/>
    </row>
    <row r="510008" spans="14:14">
      <c r="N510008" s="10"/>
    </row>
    <row r="510009" spans="14:14">
      <c r="N510009" s="10"/>
    </row>
    <row r="510010" spans="14:14">
      <c r="N510010" s="10"/>
    </row>
    <row r="510011" spans="14:14">
      <c r="N510011" s="10"/>
    </row>
    <row r="510012" spans="14:14">
      <c r="N510012" s="10"/>
    </row>
    <row r="510013" spans="14:14">
      <c r="N510013" s="10"/>
    </row>
    <row r="510014" spans="14:14">
      <c r="N510014" s="10"/>
    </row>
    <row r="510015" spans="14:14">
      <c r="N510015" s="10"/>
    </row>
    <row r="510016" spans="14:14">
      <c r="N510016" s="10"/>
    </row>
    <row r="510017" spans="14:14">
      <c r="N510017" s="10"/>
    </row>
    <row r="510018" spans="14:14">
      <c r="N510018" s="10"/>
    </row>
    <row r="510019" spans="14:14">
      <c r="N510019" s="10"/>
    </row>
    <row r="510020" spans="14:14">
      <c r="N510020" s="10"/>
    </row>
    <row r="510021" spans="14:14">
      <c r="N510021" s="10"/>
    </row>
    <row r="510022" spans="14:14">
      <c r="N510022" s="10"/>
    </row>
    <row r="510023" spans="14:14">
      <c r="N510023" s="10"/>
    </row>
    <row r="510024" spans="14:14">
      <c r="N510024" s="10"/>
    </row>
    <row r="510025" spans="14:14">
      <c r="N510025" s="10"/>
    </row>
    <row r="510026" spans="14:14">
      <c r="N510026" s="10"/>
    </row>
    <row r="510027" spans="14:14">
      <c r="N510027" s="10"/>
    </row>
    <row r="510028" spans="14:14">
      <c r="N510028" s="10"/>
    </row>
    <row r="510029" spans="14:14">
      <c r="N510029" s="10"/>
    </row>
    <row r="510030" spans="14:14">
      <c r="N510030" s="10"/>
    </row>
    <row r="510031" spans="14:14">
      <c r="N510031" s="10"/>
    </row>
    <row r="510032" spans="14:14">
      <c r="N510032" s="10"/>
    </row>
    <row r="510033" spans="14:14">
      <c r="N510033" s="10"/>
    </row>
    <row r="510034" spans="14:14">
      <c r="N510034" s="10"/>
    </row>
    <row r="510035" spans="14:14">
      <c r="N510035" s="10"/>
    </row>
    <row r="510036" spans="14:14">
      <c r="N510036" s="10"/>
    </row>
    <row r="510037" spans="14:14">
      <c r="N510037" s="10"/>
    </row>
    <row r="510038" spans="14:14">
      <c r="N510038" s="10"/>
    </row>
    <row r="510039" spans="14:14">
      <c r="N510039" s="10"/>
    </row>
    <row r="510040" spans="14:14">
      <c r="N510040" s="10"/>
    </row>
    <row r="510041" spans="14:14">
      <c r="N510041" s="10"/>
    </row>
    <row r="510042" spans="14:14">
      <c r="N510042" s="10"/>
    </row>
    <row r="510043" spans="14:14">
      <c r="N510043" s="10"/>
    </row>
    <row r="510044" spans="14:14">
      <c r="N510044" s="10"/>
    </row>
    <row r="510045" spans="14:14">
      <c r="N510045" s="10"/>
    </row>
    <row r="510046" spans="14:14">
      <c r="N510046" s="10"/>
    </row>
    <row r="510047" spans="14:14">
      <c r="N510047" s="10"/>
    </row>
    <row r="510048" spans="14:14">
      <c r="N510048" s="10"/>
    </row>
    <row r="510049" spans="14:14">
      <c r="N510049" s="10"/>
    </row>
    <row r="510050" spans="14:14">
      <c r="N510050" s="10"/>
    </row>
    <row r="510051" spans="14:14">
      <c r="N510051" s="10"/>
    </row>
    <row r="510052" spans="14:14">
      <c r="N510052" s="10"/>
    </row>
    <row r="510053" spans="14:14">
      <c r="N510053" s="10"/>
    </row>
    <row r="510054" spans="14:14">
      <c r="N510054" s="10"/>
    </row>
    <row r="510055" spans="14:14">
      <c r="N510055" s="10"/>
    </row>
    <row r="510056" spans="14:14">
      <c r="N510056" s="10"/>
    </row>
    <row r="510057" spans="14:14">
      <c r="N510057" s="10"/>
    </row>
    <row r="510058" spans="14:14">
      <c r="N510058" s="10"/>
    </row>
    <row r="510059" spans="14:14">
      <c r="N510059" s="10"/>
    </row>
    <row r="510060" spans="14:14">
      <c r="N510060" s="10"/>
    </row>
    <row r="510061" spans="14:14">
      <c r="N510061" s="10"/>
    </row>
    <row r="510062" spans="14:14">
      <c r="N510062" s="10"/>
    </row>
    <row r="510063" spans="14:14">
      <c r="N510063" s="10"/>
    </row>
    <row r="510064" spans="14:14">
      <c r="N510064" s="10"/>
    </row>
    <row r="510065" spans="14:14">
      <c r="N510065" s="10"/>
    </row>
    <row r="510066" spans="14:14">
      <c r="N510066" s="10"/>
    </row>
    <row r="510067" spans="14:14">
      <c r="N510067" s="10"/>
    </row>
    <row r="510068" spans="14:14">
      <c r="N510068" s="10"/>
    </row>
    <row r="510069" spans="14:14">
      <c r="N510069" s="10"/>
    </row>
    <row r="510070" spans="14:14">
      <c r="N510070" s="10"/>
    </row>
    <row r="510071" spans="14:14">
      <c r="N510071" s="10"/>
    </row>
    <row r="510072" spans="14:14">
      <c r="N510072" s="10"/>
    </row>
    <row r="510073" spans="14:14">
      <c r="N510073" s="10"/>
    </row>
    <row r="510074" spans="14:14">
      <c r="N510074" s="10"/>
    </row>
    <row r="510075" spans="14:14">
      <c r="N510075" s="10"/>
    </row>
    <row r="510076" spans="14:14">
      <c r="N510076" s="10"/>
    </row>
    <row r="510077" spans="14:14">
      <c r="N510077" s="10"/>
    </row>
    <row r="510078" spans="14:14">
      <c r="N510078" s="10"/>
    </row>
    <row r="510079" spans="14:14">
      <c r="N510079" s="10"/>
    </row>
    <row r="510080" spans="14:14">
      <c r="N510080" s="10"/>
    </row>
    <row r="510081" spans="14:14">
      <c r="N510081" s="10"/>
    </row>
    <row r="510082" spans="14:14">
      <c r="N510082" s="10"/>
    </row>
    <row r="510083" spans="14:14">
      <c r="N510083" s="10"/>
    </row>
    <row r="510084" spans="14:14">
      <c r="N510084" s="10"/>
    </row>
    <row r="510085" spans="14:14">
      <c r="N510085" s="10"/>
    </row>
    <row r="510086" spans="14:14">
      <c r="N510086" s="10"/>
    </row>
    <row r="510087" spans="14:14">
      <c r="N510087" s="10"/>
    </row>
    <row r="510088" spans="14:14">
      <c r="N510088" s="10"/>
    </row>
    <row r="510089" spans="14:14">
      <c r="N510089" s="10"/>
    </row>
    <row r="510090" spans="14:14">
      <c r="N510090" s="10"/>
    </row>
    <row r="510091" spans="14:14">
      <c r="N510091" s="10"/>
    </row>
    <row r="510092" spans="14:14">
      <c r="N510092" s="10"/>
    </row>
    <row r="510093" spans="14:14">
      <c r="N510093" s="10"/>
    </row>
    <row r="510094" spans="14:14">
      <c r="N510094" s="10"/>
    </row>
    <row r="510095" spans="14:14">
      <c r="N510095" s="10"/>
    </row>
    <row r="510096" spans="14:14">
      <c r="N510096" s="10"/>
    </row>
    <row r="510097" spans="14:14">
      <c r="N510097" s="10"/>
    </row>
    <row r="510098" spans="14:14">
      <c r="N510098" s="10"/>
    </row>
    <row r="510099" spans="14:14">
      <c r="N510099" s="10"/>
    </row>
    <row r="510100" spans="14:14">
      <c r="N510100" s="10"/>
    </row>
    <row r="510101" spans="14:14">
      <c r="N510101" s="10"/>
    </row>
    <row r="510102" spans="14:14">
      <c r="N510102" s="10"/>
    </row>
    <row r="510103" spans="14:14">
      <c r="N510103" s="10"/>
    </row>
    <row r="510104" spans="14:14">
      <c r="N510104" s="10"/>
    </row>
    <row r="510105" spans="14:14">
      <c r="N510105" s="10"/>
    </row>
    <row r="510106" spans="14:14">
      <c r="N510106" s="10"/>
    </row>
    <row r="510107" spans="14:14">
      <c r="N510107" s="10"/>
    </row>
    <row r="510108" spans="14:14">
      <c r="N510108" s="10"/>
    </row>
    <row r="510109" spans="14:14">
      <c r="N510109" s="10"/>
    </row>
    <row r="510110" spans="14:14">
      <c r="N510110" s="10"/>
    </row>
    <row r="510111" spans="14:14">
      <c r="N510111" s="10"/>
    </row>
    <row r="510112" spans="14:14">
      <c r="N510112" s="10"/>
    </row>
    <row r="510113" spans="14:14">
      <c r="N510113" s="10"/>
    </row>
    <row r="510114" spans="14:14">
      <c r="N510114" s="10"/>
    </row>
    <row r="510115" spans="14:14">
      <c r="N510115" s="10"/>
    </row>
    <row r="510116" spans="14:14">
      <c r="N510116" s="10"/>
    </row>
    <row r="510117" spans="14:14">
      <c r="N510117" s="10"/>
    </row>
    <row r="510118" spans="14:14">
      <c r="N510118" s="10"/>
    </row>
    <row r="510119" spans="14:14">
      <c r="N510119" s="10"/>
    </row>
    <row r="510120" spans="14:14">
      <c r="N510120" s="10"/>
    </row>
    <row r="510121" spans="14:14">
      <c r="N510121" s="10"/>
    </row>
    <row r="510122" spans="14:14">
      <c r="N510122" s="10"/>
    </row>
    <row r="510123" spans="14:14">
      <c r="N510123" s="10"/>
    </row>
    <row r="510124" spans="14:14">
      <c r="N510124" s="10"/>
    </row>
    <row r="510125" spans="14:14">
      <c r="N510125" s="10"/>
    </row>
    <row r="510126" spans="14:14">
      <c r="N510126" s="10"/>
    </row>
    <row r="510127" spans="14:14">
      <c r="N510127" s="10"/>
    </row>
    <row r="510128" spans="14:14">
      <c r="N510128" s="10"/>
    </row>
    <row r="510129" spans="14:14">
      <c r="N510129" s="10"/>
    </row>
    <row r="510130" spans="14:14">
      <c r="N510130" s="10"/>
    </row>
    <row r="510131" spans="14:14">
      <c r="N510131" s="10"/>
    </row>
    <row r="510132" spans="14:14">
      <c r="N510132" s="10"/>
    </row>
    <row r="510133" spans="14:14">
      <c r="N510133" s="10"/>
    </row>
    <row r="510134" spans="14:14">
      <c r="N510134" s="10"/>
    </row>
    <row r="510135" spans="14:14">
      <c r="N510135" s="10"/>
    </row>
    <row r="510136" spans="14:14">
      <c r="N510136" s="10"/>
    </row>
    <row r="510137" spans="14:14">
      <c r="N510137" s="10"/>
    </row>
    <row r="510138" spans="14:14">
      <c r="N510138" s="10"/>
    </row>
    <row r="510139" spans="14:14">
      <c r="N510139" s="10"/>
    </row>
    <row r="510140" spans="14:14">
      <c r="N510140" s="10"/>
    </row>
    <row r="510141" spans="14:14">
      <c r="N510141" s="10"/>
    </row>
    <row r="510142" spans="14:14">
      <c r="N510142" s="10"/>
    </row>
    <row r="510143" spans="14:14">
      <c r="N510143" s="10"/>
    </row>
    <row r="510144" spans="14:14">
      <c r="N510144" s="10"/>
    </row>
    <row r="510145" spans="14:14">
      <c r="N510145" s="10"/>
    </row>
    <row r="510146" spans="14:14">
      <c r="N510146" s="10"/>
    </row>
    <row r="510147" spans="14:14">
      <c r="N510147" s="10"/>
    </row>
    <row r="510148" spans="14:14">
      <c r="N510148" s="10"/>
    </row>
    <row r="510149" spans="14:14">
      <c r="N510149" s="10"/>
    </row>
    <row r="510150" spans="14:14">
      <c r="N510150" s="10"/>
    </row>
    <row r="510151" spans="14:14">
      <c r="N510151" s="10"/>
    </row>
    <row r="510152" spans="14:14">
      <c r="N510152" s="10"/>
    </row>
    <row r="510153" spans="14:14">
      <c r="N510153" s="10"/>
    </row>
    <row r="510154" spans="14:14">
      <c r="N510154" s="10"/>
    </row>
    <row r="510155" spans="14:14">
      <c r="N510155" s="10"/>
    </row>
    <row r="510156" spans="14:14">
      <c r="N510156" s="10"/>
    </row>
    <row r="510157" spans="14:14">
      <c r="N510157" s="10"/>
    </row>
    <row r="510158" spans="14:14">
      <c r="N510158" s="10"/>
    </row>
    <row r="510159" spans="14:14">
      <c r="N510159" s="10"/>
    </row>
    <row r="510160" spans="14:14">
      <c r="N510160" s="10"/>
    </row>
    <row r="510161" spans="14:14">
      <c r="N510161" s="10"/>
    </row>
    <row r="510162" spans="14:14">
      <c r="N510162" s="10"/>
    </row>
    <row r="510163" spans="14:14">
      <c r="N510163" s="10"/>
    </row>
    <row r="510164" spans="14:14">
      <c r="N510164" s="10"/>
    </row>
    <row r="510165" spans="14:14">
      <c r="N510165" s="10"/>
    </row>
    <row r="510166" spans="14:14">
      <c r="N510166" s="10"/>
    </row>
    <row r="510167" spans="14:14">
      <c r="N510167" s="10"/>
    </row>
    <row r="510168" spans="14:14">
      <c r="N510168" s="10"/>
    </row>
    <row r="510169" spans="14:14">
      <c r="N510169" s="10"/>
    </row>
    <row r="510170" spans="14:14">
      <c r="N510170" s="10"/>
    </row>
    <row r="510171" spans="14:14">
      <c r="N510171" s="10"/>
    </row>
    <row r="510172" spans="14:14">
      <c r="N510172" s="10"/>
    </row>
    <row r="510173" spans="14:14">
      <c r="N510173" s="10"/>
    </row>
    <row r="510174" spans="14:14">
      <c r="N510174" s="10"/>
    </row>
    <row r="510175" spans="14:14">
      <c r="N510175" s="10"/>
    </row>
    <row r="510176" spans="14:14">
      <c r="N510176" s="10"/>
    </row>
    <row r="510177" spans="14:14">
      <c r="N510177" s="10"/>
    </row>
    <row r="510178" spans="14:14">
      <c r="N510178" s="10"/>
    </row>
    <row r="510179" spans="14:14">
      <c r="N510179" s="10"/>
    </row>
    <row r="510180" spans="14:14">
      <c r="N510180" s="10"/>
    </row>
    <row r="510181" spans="14:14">
      <c r="N510181" s="10"/>
    </row>
    <row r="510182" spans="14:14">
      <c r="N510182" s="10"/>
    </row>
    <row r="510183" spans="14:14">
      <c r="N510183" s="10"/>
    </row>
    <row r="510184" spans="14:14">
      <c r="N510184" s="10"/>
    </row>
    <row r="510185" spans="14:14">
      <c r="N510185" s="10"/>
    </row>
    <row r="510186" spans="14:14">
      <c r="N510186" s="10"/>
    </row>
    <row r="510187" spans="14:14">
      <c r="N510187" s="10"/>
    </row>
    <row r="510188" spans="14:14">
      <c r="N510188" s="10"/>
    </row>
    <row r="510189" spans="14:14">
      <c r="N510189" s="10"/>
    </row>
    <row r="510190" spans="14:14">
      <c r="N510190" s="10"/>
    </row>
    <row r="510191" spans="14:14">
      <c r="N510191" s="10"/>
    </row>
    <row r="510192" spans="14:14">
      <c r="N510192" s="10"/>
    </row>
    <row r="510193" spans="14:14">
      <c r="N510193" s="10"/>
    </row>
    <row r="510194" spans="14:14">
      <c r="N510194" s="10"/>
    </row>
    <row r="510195" spans="14:14">
      <c r="N510195" s="10"/>
    </row>
    <row r="510196" spans="14:14">
      <c r="N510196" s="10"/>
    </row>
    <row r="510197" spans="14:14">
      <c r="N510197" s="10"/>
    </row>
    <row r="510198" spans="14:14">
      <c r="N510198" s="10"/>
    </row>
    <row r="510199" spans="14:14">
      <c r="N510199" s="10"/>
    </row>
    <row r="510200" spans="14:14">
      <c r="N510200" s="10"/>
    </row>
    <row r="510201" spans="14:14">
      <c r="N510201" s="10"/>
    </row>
    <row r="510202" spans="14:14">
      <c r="N510202" s="10"/>
    </row>
    <row r="510203" spans="14:14">
      <c r="N510203" s="10"/>
    </row>
    <row r="510204" spans="14:14">
      <c r="N510204" s="10"/>
    </row>
    <row r="510205" spans="14:14">
      <c r="N510205" s="10"/>
    </row>
    <row r="510206" spans="14:14">
      <c r="N510206" s="10"/>
    </row>
    <row r="510207" spans="14:14">
      <c r="N510207" s="10"/>
    </row>
    <row r="510208" spans="14:14">
      <c r="N510208" s="10"/>
    </row>
    <row r="510209" spans="14:14">
      <c r="N510209" s="10"/>
    </row>
    <row r="510210" spans="14:14">
      <c r="N510210" s="10"/>
    </row>
    <row r="510211" spans="14:14">
      <c r="N510211" s="10"/>
    </row>
    <row r="510212" spans="14:14">
      <c r="N510212" s="10"/>
    </row>
    <row r="510213" spans="14:14">
      <c r="N510213" s="10"/>
    </row>
    <row r="510214" spans="14:14">
      <c r="N510214" s="10"/>
    </row>
    <row r="510215" spans="14:14">
      <c r="N510215" s="10"/>
    </row>
    <row r="510216" spans="14:14">
      <c r="N510216" s="10"/>
    </row>
    <row r="510217" spans="14:14">
      <c r="N510217" s="10"/>
    </row>
    <row r="510218" spans="14:14">
      <c r="N510218" s="10"/>
    </row>
    <row r="510219" spans="14:14">
      <c r="N510219" s="10"/>
    </row>
    <row r="510220" spans="14:14">
      <c r="N510220" s="10"/>
    </row>
    <row r="510221" spans="14:14">
      <c r="N510221" s="10"/>
    </row>
    <row r="510222" spans="14:14">
      <c r="N510222" s="10"/>
    </row>
    <row r="510223" spans="14:14">
      <c r="N510223" s="10"/>
    </row>
    <row r="510224" spans="14:14">
      <c r="N510224" s="10"/>
    </row>
    <row r="510225" spans="14:14">
      <c r="N510225" s="10"/>
    </row>
    <row r="510226" spans="14:14">
      <c r="N510226" s="10"/>
    </row>
    <row r="510227" spans="14:14">
      <c r="N510227" s="10"/>
    </row>
    <row r="510228" spans="14:14">
      <c r="N510228" s="10"/>
    </row>
    <row r="510229" spans="14:14">
      <c r="N510229" s="10"/>
    </row>
    <row r="510230" spans="14:14">
      <c r="N510230" s="10"/>
    </row>
    <row r="510231" spans="14:14">
      <c r="N510231" s="10"/>
    </row>
    <row r="510232" spans="14:14">
      <c r="N510232" s="10"/>
    </row>
    <row r="510233" spans="14:14">
      <c r="N510233" s="10"/>
    </row>
    <row r="510234" spans="14:14">
      <c r="N510234" s="10"/>
    </row>
    <row r="510235" spans="14:14">
      <c r="N510235" s="10"/>
    </row>
    <row r="510236" spans="14:14">
      <c r="N510236" s="10"/>
    </row>
    <row r="510237" spans="14:14">
      <c r="N510237" s="10"/>
    </row>
    <row r="510238" spans="14:14">
      <c r="N510238" s="10"/>
    </row>
    <row r="510239" spans="14:14">
      <c r="N510239" s="10"/>
    </row>
    <row r="510240" spans="14:14">
      <c r="N510240" s="10"/>
    </row>
    <row r="510241" spans="14:14">
      <c r="N510241" s="10"/>
    </row>
    <row r="510242" spans="14:14">
      <c r="N510242" s="10"/>
    </row>
    <row r="510243" spans="14:14">
      <c r="N510243" s="10"/>
    </row>
    <row r="510244" spans="14:14">
      <c r="N510244" s="10"/>
    </row>
    <row r="510245" spans="14:14">
      <c r="N510245" s="10"/>
    </row>
    <row r="510246" spans="14:14">
      <c r="N510246" s="10"/>
    </row>
    <row r="510247" spans="14:14">
      <c r="N510247" s="10"/>
    </row>
    <row r="510248" spans="14:14">
      <c r="N510248" s="10"/>
    </row>
    <row r="510249" spans="14:14">
      <c r="N510249" s="10"/>
    </row>
    <row r="510250" spans="14:14">
      <c r="N510250" s="10"/>
    </row>
    <row r="510251" spans="14:14">
      <c r="N510251" s="10"/>
    </row>
    <row r="510252" spans="14:14">
      <c r="N510252" s="10"/>
    </row>
    <row r="510253" spans="14:14">
      <c r="N510253" s="10"/>
    </row>
    <row r="510254" spans="14:14">
      <c r="N510254" s="10"/>
    </row>
    <row r="510255" spans="14:14">
      <c r="N510255" s="10"/>
    </row>
    <row r="510256" spans="14:14">
      <c r="N510256" s="10"/>
    </row>
    <row r="510257" spans="14:14">
      <c r="N510257" s="10"/>
    </row>
    <row r="510258" spans="14:14">
      <c r="N510258" s="10"/>
    </row>
    <row r="510259" spans="14:14">
      <c r="N510259" s="10"/>
    </row>
    <row r="510260" spans="14:14">
      <c r="N510260" s="10"/>
    </row>
    <row r="510261" spans="14:14">
      <c r="N510261" s="10"/>
    </row>
    <row r="510262" spans="14:14">
      <c r="N510262" s="10"/>
    </row>
    <row r="510263" spans="14:14">
      <c r="N510263" s="10"/>
    </row>
    <row r="510264" spans="14:14">
      <c r="N510264" s="10"/>
    </row>
    <row r="510265" spans="14:14">
      <c r="N510265" s="10"/>
    </row>
    <row r="510266" spans="14:14">
      <c r="N510266" s="10"/>
    </row>
    <row r="510267" spans="14:14">
      <c r="N510267" s="10"/>
    </row>
    <row r="510268" spans="14:14">
      <c r="N510268" s="10"/>
    </row>
    <row r="510269" spans="14:14">
      <c r="N510269" s="10"/>
    </row>
    <row r="510270" spans="14:14">
      <c r="N510270" s="10"/>
    </row>
    <row r="510271" spans="14:14">
      <c r="N510271" s="10"/>
    </row>
    <row r="510272" spans="14:14">
      <c r="N510272" s="10"/>
    </row>
    <row r="510273" spans="14:14">
      <c r="N510273" s="10"/>
    </row>
    <row r="510274" spans="14:14">
      <c r="N510274" s="10"/>
    </row>
    <row r="510275" spans="14:14">
      <c r="N510275" s="10"/>
    </row>
    <row r="510276" spans="14:14">
      <c r="N510276" s="10"/>
    </row>
    <row r="510277" spans="14:14">
      <c r="N510277" s="10"/>
    </row>
    <row r="510278" spans="14:14">
      <c r="N510278" s="10"/>
    </row>
    <row r="510279" spans="14:14">
      <c r="N510279" s="10"/>
    </row>
    <row r="510280" spans="14:14">
      <c r="N510280" s="10"/>
    </row>
    <row r="510281" spans="14:14">
      <c r="N510281" s="10"/>
    </row>
    <row r="510282" spans="14:14">
      <c r="N510282" s="10"/>
    </row>
    <row r="510283" spans="14:14">
      <c r="N510283" s="10"/>
    </row>
    <row r="510284" spans="14:14">
      <c r="N510284" s="10"/>
    </row>
    <row r="510285" spans="14:14">
      <c r="N510285" s="10"/>
    </row>
    <row r="510286" spans="14:14">
      <c r="N510286" s="10"/>
    </row>
    <row r="510287" spans="14:14">
      <c r="N510287" s="10"/>
    </row>
    <row r="510288" spans="14:14">
      <c r="N510288" s="10"/>
    </row>
    <row r="510289" spans="14:14">
      <c r="N510289" s="10"/>
    </row>
    <row r="510290" spans="14:14">
      <c r="N510290" s="10"/>
    </row>
    <row r="510291" spans="14:14">
      <c r="N510291" s="10"/>
    </row>
    <row r="510292" spans="14:14">
      <c r="N510292" s="10"/>
    </row>
    <row r="510293" spans="14:14">
      <c r="N510293" s="10"/>
    </row>
    <row r="510294" spans="14:14">
      <c r="N510294" s="10"/>
    </row>
    <row r="510295" spans="14:14">
      <c r="N510295" s="10"/>
    </row>
    <row r="510296" spans="14:14">
      <c r="N510296" s="10"/>
    </row>
    <row r="510297" spans="14:14">
      <c r="N510297" s="10"/>
    </row>
    <row r="510298" spans="14:14">
      <c r="N510298" s="10"/>
    </row>
    <row r="510299" spans="14:14">
      <c r="N510299" s="10"/>
    </row>
    <row r="510300" spans="14:14">
      <c r="N510300" s="10"/>
    </row>
    <row r="510301" spans="14:14">
      <c r="N510301" s="10"/>
    </row>
    <row r="510302" spans="14:14">
      <c r="N510302" s="10"/>
    </row>
    <row r="510303" spans="14:14">
      <c r="N510303" s="10"/>
    </row>
    <row r="510304" spans="14:14">
      <c r="N510304" s="10"/>
    </row>
    <row r="510305" spans="14:14">
      <c r="N510305" s="10"/>
    </row>
    <row r="510306" spans="14:14">
      <c r="N510306" s="10"/>
    </row>
    <row r="510307" spans="14:14">
      <c r="N510307" s="10"/>
    </row>
    <row r="510308" spans="14:14">
      <c r="N510308" s="10"/>
    </row>
    <row r="510309" spans="14:14">
      <c r="N510309" s="10"/>
    </row>
    <row r="510310" spans="14:14">
      <c r="N510310" s="10"/>
    </row>
    <row r="510311" spans="14:14">
      <c r="N510311" s="10"/>
    </row>
    <row r="510312" spans="14:14">
      <c r="N510312" s="10"/>
    </row>
    <row r="510313" spans="14:14">
      <c r="N510313" s="10"/>
    </row>
    <row r="510314" spans="14:14">
      <c r="N510314" s="10"/>
    </row>
    <row r="510315" spans="14:14">
      <c r="N510315" s="10"/>
    </row>
    <row r="510316" spans="14:14">
      <c r="N510316" s="10"/>
    </row>
    <row r="510317" spans="14:14">
      <c r="N510317" s="10"/>
    </row>
    <row r="510318" spans="14:14">
      <c r="N510318" s="10"/>
    </row>
    <row r="510319" spans="14:14">
      <c r="N510319" s="10"/>
    </row>
    <row r="510320" spans="14:14">
      <c r="N510320" s="10"/>
    </row>
    <row r="510321" spans="14:14">
      <c r="N510321" s="10"/>
    </row>
    <row r="510322" spans="14:14">
      <c r="N510322" s="10"/>
    </row>
    <row r="510323" spans="14:14">
      <c r="N510323" s="10"/>
    </row>
    <row r="510324" spans="14:14">
      <c r="N510324" s="10"/>
    </row>
    <row r="510325" spans="14:14">
      <c r="N510325" s="10"/>
    </row>
    <row r="510326" spans="14:14">
      <c r="N510326" s="10"/>
    </row>
    <row r="510327" spans="14:14">
      <c r="N510327" s="10"/>
    </row>
    <row r="510328" spans="14:14">
      <c r="N510328" s="10"/>
    </row>
    <row r="510329" spans="14:14">
      <c r="N510329" s="10"/>
    </row>
    <row r="510330" spans="14:14">
      <c r="N510330" s="10"/>
    </row>
    <row r="510331" spans="14:14">
      <c r="N510331" s="10"/>
    </row>
    <row r="510332" spans="14:14">
      <c r="N510332" s="10"/>
    </row>
    <row r="510333" spans="14:14">
      <c r="N510333" s="10"/>
    </row>
    <row r="510334" spans="14:14">
      <c r="N510334" s="10"/>
    </row>
    <row r="510335" spans="14:14">
      <c r="N510335" s="10"/>
    </row>
    <row r="510336" spans="14:14">
      <c r="N510336" s="10"/>
    </row>
    <row r="510337" spans="14:14">
      <c r="N510337" s="10"/>
    </row>
    <row r="510338" spans="14:14">
      <c r="N510338" s="10"/>
    </row>
    <row r="510339" spans="14:14">
      <c r="N510339" s="10"/>
    </row>
    <row r="510340" spans="14:14">
      <c r="N510340" s="10"/>
    </row>
    <row r="510341" spans="14:14">
      <c r="N510341" s="10"/>
    </row>
    <row r="510342" spans="14:14">
      <c r="N510342" s="10"/>
    </row>
    <row r="510343" spans="14:14">
      <c r="N510343" s="10"/>
    </row>
    <row r="510344" spans="14:14">
      <c r="N510344" s="10"/>
    </row>
    <row r="510345" spans="14:14">
      <c r="N510345" s="10"/>
    </row>
    <row r="510346" spans="14:14">
      <c r="N510346" s="10"/>
    </row>
    <row r="510347" spans="14:14">
      <c r="N510347" s="10"/>
    </row>
    <row r="510348" spans="14:14">
      <c r="N510348" s="10"/>
    </row>
    <row r="510349" spans="14:14">
      <c r="N510349" s="10"/>
    </row>
    <row r="510350" spans="14:14">
      <c r="N510350" s="10"/>
    </row>
    <row r="510351" spans="14:14">
      <c r="N510351" s="10"/>
    </row>
    <row r="510352" spans="14:14">
      <c r="N510352" s="10"/>
    </row>
    <row r="510353" spans="14:14">
      <c r="N510353" s="10"/>
    </row>
    <row r="510354" spans="14:14">
      <c r="N510354" s="10"/>
    </row>
    <row r="510355" spans="14:14">
      <c r="N510355" s="10"/>
    </row>
    <row r="510356" spans="14:14">
      <c r="N510356" s="10"/>
    </row>
    <row r="510357" spans="14:14">
      <c r="N510357" s="10"/>
    </row>
    <row r="510358" spans="14:14">
      <c r="N510358" s="10"/>
    </row>
    <row r="510359" spans="14:14">
      <c r="N510359" s="10"/>
    </row>
    <row r="510360" spans="14:14">
      <c r="N510360" s="10"/>
    </row>
    <row r="510361" spans="14:14">
      <c r="N510361" s="10"/>
    </row>
    <row r="510362" spans="14:14">
      <c r="N510362" s="10"/>
    </row>
    <row r="510363" spans="14:14">
      <c r="N510363" s="10"/>
    </row>
    <row r="510364" spans="14:14">
      <c r="N510364" s="10"/>
    </row>
    <row r="510365" spans="14:14">
      <c r="N510365" s="10"/>
    </row>
    <row r="510366" spans="14:14">
      <c r="N510366" s="10"/>
    </row>
    <row r="510367" spans="14:14">
      <c r="N510367" s="10"/>
    </row>
    <row r="510368" spans="14:14">
      <c r="N510368" s="10"/>
    </row>
    <row r="510369" spans="14:14">
      <c r="N510369" s="10"/>
    </row>
    <row r="510370" spans="14:14">
      <c r="N510370" s="10"/>
    </row>
    <row r="510371" spans="14:14">
      <c r="N510371" s="10"/>
    </row>
    <row r="510372" spans="14:14">
      <c r="N510372" s="10"/>
    </row>
    <row r="510373" spans="14:14">
      <c r="N510373" s="10"/>
    </row>
    <row r="510374" spans="14:14">
      <c r="N510374" s="10"/>
    </row>
    <row r="510375" spans="14:14">
      <c r="N510375" s="10"/>
    </row>
    <row r="510376" spans="14:14">
      <c r="N510376" s="10"/>
    </row>
    <row r="510377" spans="14:14">
      <c r="N510377" s="10"/>
    </row>
    <row r="510378" spans="14:14">
      <c r="N510378" s="10"/>
    </row>
    <row r="510379" spans="14:14">
      <c r="N510379" s="10"/>
    </row>
    <row r="510380" spans="14:14">
      <c r="N510380" s="10"/>
    </row>
    <row r="510381" spans="14:14">
      <c r="N510381" s="10"/>
    </row>
    <row r="510382" spans="14:14">
      <c r="N510382" s="10"/>
    </row>
    <row r="510383" spans="14:14">
      <c r="N510383" s="10"/>
    </row>
    <row r="510384" spans="14:14">
      <c r="N510384" s="10"/>
    </row>
    <row r="510385" spans="14:14">
      <c r="N510385" s="10"/>
    </row>
    <row r="510386" spans="14:14">
      <c r="N510386" s="10"/>
    </row>
    <row r="510387" spans="14:14">
      <c r="N510387" s="10"/>
    </row>
    <row r="510388" spans="14:14">
      <c r="N510388" s="10"/>
    </row>
    <row r="510389" spans="14:14">
      <c r="N510389" s="10"/>
    </row>
    <row r="510390" spans="14:14">
      <c r="N510390" s="10"/>
    </row>
    <row r="510391" spans="14:14">
      <c r="N510391" s="10"/>
    </row>
    <row r="510392" spans="14:14">
      <c r="N510392" s="10"/>
    </row>
    <row r="510393" spans="14:14">
      <c r="N510393" s="10"/>
    </row>
    <row r="510394" spans="14:14">
      <c r="N510394" s="10"/>
    </row>
    <row r="510395" spans="14:14">
      <c r="N510395" s="10"/>
    </row>
    <row r="510396" spans="14:14">
      <c r="N510396" s="10"/>
    </row>
    <row r="510397" spans="14:14">
      <c r="N510397" s="10"/>
    </row>
    <row r="510398" spans="14:14">
      <c r="N510398" s="10"/>
    </row>
    <row r="510399" spans="14:14">
      <c r="N510399" s="10"/>
    </row>
    <row r="510400" spans="14:14">
      <c r="N510400" s="10"/>
    </row>
    <row r="510401" spans="14:14">
      <c r="N510401" s="10"/>
    </row>
    <row r="510402" spans="14:14">
      <c r="N510402" s="10"/>
    </row>
    <row r="510403" spans="14:14">
      <c r="N510403" s="10"/>
    </row>
    <row r="510404" spans="14:14">
      <c r="N510404" s="10"/>
    </row>
    <row r="510405" spans="14:14">
      <c r="N510405" s="10"/>
    </row>
    <row r="510406" spans="14:14">
      <c r="N510406" s="10"/>
    </row>
    <row r="510407" spans="14:14">
      <c r="N510407" s="10"/>
    </row>
    <row r="510408" spans="14:14">
      <c r="N510408" s="10"/>
    </row>
    <row r="510409" spans="14:14">
      <c r="N510409" s="10"/>
    </row>
    <row r="510410" spans="14:14">
      <c r="N510410" s="10"/>
    </row>
    <row r="510411" spans="14:14">
      <c r="N510411" s="10"/>
    </row>
    <row r="510412" spans="14:14">
      <c r="N510412" s="10"/>
    </row>
    <row r="510413" spans="14:14">
      <c r="N510413" s="10"/>
    </row>
    <row r="510414" spans="14:14">
      <c r="N510414" s="10"/>
    </row>
    <row r="510415" spans="14:14">
      <c r="N510415" s="10"/>
    </row>
    <row r="510416" spans="14:14">
      <c r="N510416" s="10"/>
    </row>
    <row r="510417" spans="14:14">
      <c r="N510417" s="10"/>
    </row>
    <row r="510418" spans="14:14">
      <c r="N510418" s="10"/>
    </row>
    <row r="510419" spans="14:14">
      <c r="N510419" s="10"/>
    </row>
    <row r="510420" spans="14:14">
      <c r="N510420" s="10"/>
    </row>
    <row r="510421" spans="14:14">
      <c r="N510421" s="10"/>
    </row>
    <row r="510422" spans="14:14">
      <c r="N510422" s="10"/>
    </row>
    <row r="510423" spans="14:14">
      <c r="N510423" s="10"/>
    </row>
    <row r="510424" spans="14:14">
      <c r="N510424" s="10"/>
    </row>
    <row r="510425" spans="14:14">
      <c r="N510425" s="10"/>
    </row>
    <row r="510426" spans="14:14">
      <c r="N510426" s="10"/>
    </row>
    <row r="510427" spans="14:14">
      <c r="N510427" s="10"/>
    </row>
    <row r="510428" spans="14:14">
      <c r="N510428" s="10"/>
    </row>
    <row r="510429" spans="14:14">
      <c r="N510429" s="10"/>
    </row>
    <row r="510430" spans="14:14">
      <c r="N510430" s="10"/>
    </row>
    <row r="510431" spans="14:14">
      <c r="N510431" s="10"/>
    </row>
    <row r="510432" spans="14:14">
      <c r="N510432" s="10"/>
    </row>
    <row r="510433" spans="14:14">
      <c r="N510433" s="10"/>
    </row>
    <row r="510434" spans="14:14">
      <c r="N510434" s="10"/>
    </row>
    <row r="510435" spans="14:14">
      <c r="N510435" s="10"/>
    </row>
    <row r="510436" spans="14:14">
      <c r="N510436" s="10"/>
    </row>
    <row r="510437" spans="14:14">
      <c r="N510437" s="10"/>
    </row>
    <row r="510438" spans="14:14">
      <c r="N510438" s="10"/>
    </row>
    <row r="510439" spans="14:14">
      <c r="N510439" s="10"/>
    </row>
    <row r="510440" spans="14:14">
      <c r="N510440" s="10"/>
    </row>
    <row r="510441" spans="14:14">
      <c r="N510441" s="10"/>
    </row>
    <row r="510442" spans="14:14">
      <c r="N510442" s="10"/>
    </row>
    <row r="510443" spans="14:14">
      <c r="N510443" s="10"/>
    </row>
    <row r="510444" spans="14:14">
      <c r="N510444" s="10"/>
    </row>
    <row r="510445" spans="14:14">
      <c r="N510445" s="10"/>
    </row>
    <row r="510446" spans="14:14">
      <c r="N510446" s="10"/>
    </row>
    <row r="510447" spans="14:14">
      <c r="N510447" s="10"/>
    </row>
    <row r="510448" spans="14:14">
      <c r="N510448" s="10"/>
    </row>
    <row r="510449" spans="14:14">
      <c r="N510449" s="10"/>
    </row>
    <row r="510450" spans="14:14">
      <c r="N510450" s="10"/>
    </row>
    <row r="510451" spans="14:14">
      <c r="N510451" s="10"/>
    </row>
    <row r="510452" spans="14:14">
      <c r="N510452" s="10"/>
    </row>
    <row r="510453" spans="14:14">
      <c r="N510453" s="10"/>
    </row>
    <row r="510454" spans="14:14">
      <c r="N510454" s="10"/>
    </row>
    <row r="510455" spans="14:14">
      <c r="N510455" s="10"/>
    </row>
    <row r="510456" spans="14:14">
      <c r="N510456" s="10"/>
    </row>
    <row r="510457" spans="14:14">
      <c r="N510457" s="10"/>
    </row>
    <row r="510458" spans="14:14">
      <c r="N510458" s="10"/>
    </row>
    <row r="510459" spans="14:14">
      <c r="N510459" s="10"/>
    </row>
    <row r="510460" spans="14:14">
      <c r="N510460" s="10"/>
    </row>
    <row r="510461" spans="14:14">
      <c r="N510461" s="10"/>
    </row>
    <row r="510462" spans="14:14">
      <c r="N510462" s="10"/>
    </row>
    <row r="510463" spans="14:14">
      <c r="N510463" s="10"/>
    </row>
    <row r="510464" spans="14:14">
      <c r="N510464" s="10"/>
    </row>
    <row r="510465" spans="14:14">
      <c r="N510465" s="10"/>
    </row>
    <row r="510466" spans="14:14">
      <c r="N510466" s="10"/>
    </row>
    <row r="510467" spans="14:14">
      <c r="N510467" s="10"/>
    </row>
    <row r="510468" spans="14:14">
      <c r="N510468" s="10"/>
    </row>
    <row r="510469" spans="14:14">
      <c r="N510469" s="10"/>
    </row>
    <row r="510470" spans="14:14">
      <c r="N510470" s="10"/>
    </row>
    <row r="510471" spans="14:14">
      <c r="N510471" s="10"/>
    </row>
    <row r="510472" spans="14:14">
      <c r="N510472" s="10"/>
    </row>
    <row r="510473" spans="14:14">
      <c r="N510473" s="10"/>
    </row>
    <row r="510474" spans="14:14">
      <c r="N510474" s="10"/>
    </row>
    <row r="510475" spans="14:14">
      <c r="N510475" s="10"/>
    </row>
    <row r="510476" spans="14:14">
      <c r="N510476" s="10"/>
    </row>
    <row r="510477" spans="14:14">
      <c r="N510477" s="10"/>
    </row>
    <row r="510478" spans="14:14">
      <c r="N510478" s="10"/>
    </row>
    <row r="510479" spans="14:14">
      <c r="N510479" s="10"/>
    </row>
    <row r="510480" spans="14:14">
      <c r="N510480" s="10"/>
    </row>
    <row r="510481" spans="14:14">
      <c r="N510481" s="10"/>
    </row>
    <row r="510482" spans="14:14">
      <c r="N510482" s="10"/>
    </row>
    <row r="510483" spans="14:14">
      <c r="N510483" s="10"/>
    </row>
    <row r="510484" spans="14:14">
      <c r="N510484" s="10"/>
    </row>
    <row r="510485" spans="14:14">
      <c r="N510485" s="10"/>
    </row>
    <row r="510486" spans="14:14">
      <c r="N510486" s="10"/>
    </row>
    <row r="510487" spans="14:14">
      <c r="N510487" s="10"/>
    </row>
    <row r="510488" spans="14:14">
      <c r="N510488" s="10"/>
    </row>
    <row r="510489" spans="14:14">
      <c r="N510489" s="10"/>
    </row>
    <row r="510490" spans="14:14">
      <c r="N510490" s="10"/>
    </row>
    <row r="510491" spans="14:14">
      <c r="N510491" s="10"/>
    </row>
    <row r="510492" spans="14:14">
      <c r="N510492" s="10"/>
    </row>
    <row r="510493" spans="14:14">
      <c r="N510493" s="10"/>
    </row>
    <row r="510494" spans="14:14">
      <c r="N510494" s="10"/>
    </row>
    <row r="510495" spans="14:14">
      <c r="N510495" s="10"/>
    </row>
    <row r="510496" spans="14:14">
      <c r="N510496" s="10"/>
    </row>
    <row r="510497" spans="14:14">
      <c r="N510497" s="10"/>
    </row>
    <row r="510498" spans="14:14">
      <c r="N510498" s="10"/>
    </row>
    <row r="510499" spans="14:14">
      <c r="N510499" s="10"/>
    </row>
    <row r="510500" spans="14:14">
      <c r="N510500" s="10"/>
    </row>
    <row r="510501" spans="14:14">
      <c r="N510501" s="10"/>
    </row>
    <row r="510502" spans="14:14">
      <c r="N510502" s="10"/>
    </row>
    <row r="510503" spans="14:14">
      <c r="N510503" s="10"/>
    </row>
    <row r="510504" spans="14:14">
      <c r="N510504" s="10"/>
    </row>
    <row r="510505" spans="14:14">
      <c r="N510505" s="10"/>
    </row>
    <row r="510506" spans="14:14">
      <c r="N510506" s="10"/>
    </row>
    <row r="510507" spans="14:14">
      <c r="N510507" s="10"/>
    </row>
    <row r="510508" spans="14:14">
      <c r="N510508" s="10"/>
    </row>
    <row r="510509" spans="14:14">
      <c r="N510509" s="10"/>
    </row>
    <row r="510510" spans="14:14">
      <c r="N510510" s="10"/>
    </row>
    <row r="510511" spans="14:14">
      <c r="N510511" s="10"/>
    </row>
    <row r="510512" spans="14:14">
      <c r="N510512" s="10"/>
    </row>
    <row r="510513" spans="14:14">
      <c r="N510513" s="10"/>
    </row>
    <row r="510514" spans="14:14">
      <c r="N510514" s="10"/>
    </row>
    <row r="510515" spans="14:14">
      <c r="N510515" s="10"/>
    </row>
    <row r="510516" spans="14:14">
      <c r="N510516" s="10"/>
    </row>
    <row r="510517" spans="14:14">
      <c r="N510517" s="10"/>
    </row>
    <row r="510518" spans="14:14">
      <c r="N510518" s="10"/>
    </row>
    <row r="510519" spans="14:14">
      <c r="N510519" s="10"/>
    </row>
    <row r="510520" spans="14:14">
      <c r="N510520" s="10"/>
    </row>
    <row r="510521" spans="14:14">
      <c r="N510521" s="10"/>
    </row>
    <row r="510522" spans="14:14">
      <c r="N510522" s="10"/>
    </row>
    <row r="510523" spans="14:14">
      <c r="N510523" s="10"/>
    </row>
    <row r="510524" spans="14:14">
      <c r="N510524" s="10"/>
    </row>
    <row r="510525" spans="14:14">
      <c r="N510525" s="10"/>
    </row>
    <row r="510526" spans="14:14">
      <c r="N510526" s="10"/>
    </row>
    <row r="510527" spans="14:14">
      <c r="N510527" s="10"/>
    </row>
    <row r="510528" spans="14:14">
      <c r="N510528" s="10"/>
    </row>
    <row r="510529" spans="14:14">
      <c r="N510529" s="10"/>
    </row>
    <row r="510530" spans="14:14">
      <c r="N510530" s="10"/>
    </row>
    <row r="510531" spans="14:14">
      <c r="N510531" s="10"/>
    </row>
    <row r="510532" spans="14:14">
      <c r="N510532" s="10"/>
    </row>
    <row r="510533" spans="14:14">
      <c r="N510533" s="10"/>
    </row>
    <row r="510534" spans="14:14">
      <c r="N510534" s="10"/>
    </row>
    <row r="510535" spans="14:14">
      <c r="N510535" s="10"/>
    </row>
    <row r="510536" spans="14:14">
      <c r="N510536" s="10"/>
    </row>
    <row r="510537" spans="14:14">
      <c r="N510537" s="10"/>
    </row>
    <row r="510538" spans="14:14">
      <c r="N510538" s="10"/>
    </row>
    <row r="510539" spans="14:14">
      <c r="N510539" s="10"/>
    </row>
    <row r="510540" spans="14:14">
      <c r="N510540" s="10"/>
    </row>
    <row r="510541" spans="14:14">
      <c r="N510541" s="10"/>
    </row>
    <row r="510542" spans="14:14">
      <c r="N510542" s="10"/>
    </row>
    <row r="510543" spans="14:14">
      <c r="N510543" s="10"/>
    </row>
    <row r="510544" spans="14:14">
      <c r="N510544" s="10"/>
    </row>
    <row r="510545" spans="14:14">
      <c r="N510545" s="10"/>
    </row>
    <row r="510546" spans="14:14">
      <c r="N510546" s="10"/>
    </row>
    <row r="510547" spans="14:14">
      <c r="N510547" s="10"/>
    </row>
    <row r="510548" spans="14:14">
      <c r="N510548" s="10"/>
    </row>
    <row r="510549" spans="14:14">
      <c r="N510549" s="10"/>
    </row>
    <row r="510550" spans="14:14">
      <c r="N510550" s="10"/>
    </row>
    <row r="510551" spans="14:14">
      <c r="N510551" s="10"/>
    </row>
    <row r="510552" spans="14:14">
      <c r="N510552" s="10"/>
    </row>
    <row r="510553" spans="14:14">
      <c r="N510553" s="10"/>
    </row>
    <row r="510554" spans="14:14">
      <c r="N510554" s="10"/>
    </row>
    <row r="510555" spans="14:14">
      <c r="N510555" s="10"/>
    </row>
    <row r="510556" spans="14:14">
      <c r="N510556" s="10"/>
    </row>
    <row r="510557" spans="14:14">
      <c r="N510557" s="10"/>
    </row>
    <row r="510558" spans="14:14">
      <c r="N510558" s="10"/>
    </row>
    <row r="510559" spans="14:14">
      <c r="N510559" s="10"/>
    </row>
    <row r="510560" spans="14:14">
      <c r="N510560" s="10"/>
    </row>
    <row r="510561" spans="14:14">
      <c r="N510561" s="10"/>
    </row>
    <row r="510562" spans="14:14">
      <c r="N510562" s="10"/>
    </row>
    <row r="510563" spans="14:14">
      <c r="N510563" s="10"/>
    </row>
    <row r="510564" spans="14:14">
      <c r="N510564" s="10"/>
    </row>
    <row r="510565" spans="14:14">
      <c r="N510565" s="10"/>
    </row>
    <row r="510566" spans="14:14">
      <c r="N510566" s="10"/>
    </row>
    <row r="510567" spans="14:14">
      <c r="N510567" s="10"/>
    </row>
    <row r="510568" spans="14:14">
      <c r="N510568" s="10"/>
    </row>
    <row r="510569" spans="14:14">
      <c r="N510569" s="10"/>
    </row>
    <row r="510570" spans="14:14">
      <c r="N510570" s="10"/>
    </row>
    <row r="510571" spans="14:14">
      <c r="N510571" s="10"/>
    </row>
    <row r="510572" spans="14:14">
      <c r="N510572" s="10"/>
    </row>
    <row r="510573" spans="14:14">
      <c r="N510573" s="10"/>
    </row>
    <row r="510574" spans="14:14">
      <c r="N510574" s="10"/>
    </row>
    <row r="510575" spans="14:14">
      <c r="N510575" s="10"/>
    </row>
    <row r="510576" spans="14:14">
      <c r="N510576" s="10"/>
    </row>
    <row r="510577" spans="14:14">
      <c r="N510577" s="10"/>
    </row>
    <row r="510578" spans="14:14">
      <c r="N510578" s="10"/>
    </row>
    <row r="510579" spans="14:14">
      <c r="N510579" s="10"/>
    </row>
    <row r="510580" spans="14:14">
      <c r="N510580" s="10"/>
    </row>
    <row r="510581" spans="14:14">
      <c r="N510581" s="10"/>
    </row>
    <row r="510582" spans="14:14">
      <c r="N510582" s="10"/>
    </row>
    <row r="510583" spans="14:14">
      <c r="N510583" s="10"/>
    </row>
    <row r="510584" spans="14:14">
      <c r="N510584" s="10"/>
    </row>
    <row r="510585" spans="14:14">
      <c r="N510585" s="10"/>
    </row>
    <row r="510586" spans="14:14">
      <c r="N510586" s="10"/>
    </row>
    <row r="510587" spans="14:14">
      <c r="N510587" s="10"/>
    </row>
    <row r="510588" spans="14:14">
      <c r="N510588" s="10"/>
    </row>
    <row r="510589" spans="14:14">
      <c r="N510589" s="10"/>
    </row>
    <row r="510590" spans="14:14">
      <c r="N510590" s="10"/>
    </row>
    <row r="510591" spans="14:14">
      <c r="N510591" s="10"/>
    </row>
    <row r="510592" spans="14:14">
      <c r="N510592" s="10"/>
    </row>
    <row r="510593" spans="14:14">
      <c r="N510593" s="10"/>
    </row>
    <row r="510594" spans="14:14">
      <c r="N510594" s="10"/>
    </row>
    <row r="510595" spans="14:14">
      <c r="N510595" s="10"/>
    </row>
    <row r="510596" spans="14:14">
      <c r="N510596" s="10"/>
    </row>
    <row r="510597" spans="14:14">
      <c r="N510597" s="10"/>
    </row>
    <row r="510598" spans="14:14">
      <c r="N510598" s="10"/>
    </row>
    <row r="510599" spans="14:14">
      <c r="N510599" s="10"/>
    </row>
    <row r="510600" spans="14:14">
      <c r="N510600" s="10"/>
    </row>
    <row r="510601" spans="14:14">
      <c r="N510601" s="10"/>
    </row>
    <row r="510602" spans="14:14">
      <c r="N510602" s="10"/>
    </row>
    <row r="510603" spans="14:14">
      <c r="N510603" s="10"/>
    </row>
    <row r="510604" spans="14:14">
      <c r="N510604" s="10"/>
    </row>
    <row r="510605" spans="14:14">
      <c r="N510605" s="10"/>
    </row>
    <row r="510606" spans="14:14">
      <c r="N510606" s="10"/>
    </row>
    <row r="510607" spans="14:14">
      <c r="N510607" s="10"/>
    </row>
    <row r="510608" spans="14:14">
      <c r="N510608" s="10"/>
    </row>
    <row r="510609" spans="14:14">
      <c r="N510609" s="10"/>
    </row>
    <row r="510610" spans="14:14">
      <c r="N510610" s="10"/>
    </row>
    <row r="510611" spans="14:14">
      <c r="N510611" s="10"/>
    </row>
    <row r="510612" spans="14:14">
      <c r="N510612" s="10"/>
    </row>
    <row r="510613" spans="14:14">
      <c r="N510613" s="10"/>
    </row>
    <row r="510614" spans="14:14">
      <c r="N510614" s="10"/>
    </row>
    <row r="510615" spans="14:14">
      <c r="N510615" s="10"/>
    </row>
    <row r="510616" spans="14:14">
      <c r="N510616" s="10"/>
    </row>
    <row r="510617" spans="14:14">
      <c r="N510617" s="10"/>
    </row>
    <row r="510618" spans="14:14">
      <c r="N510618" s="10"/>
    </row>
    <row r="510619" spans="14:14">
      <c r="N510619" s="10"/>
    </row>
    <row r="510620" spans="14:14">
      <c r="N510620" s="10"/>
    </row>
    <row r="510621" spans="14:14">
      <c r="N510621" s="10"/>
    </row>
    <row r="510622" spans="14:14">
      <c r="N510622" s="10"/>
    </row>
    <row r="510623" spans="14:14">
      <c r="N510623" s="10"/>
    </row>
    <row r="510624" spans="14:14">
      <c r="N510624" s="10"/>
    </row>
    <row r="510625" spans="14:14">
      <c r="N510625" s="10"/>
    </row>
    <row r="510626" spans="14:14">
      <c r="N510626" s="10"/>
    </row>
    <row r="510627" spans="14:14">
      <c r="N510627" s="10"/>
    </row>
    <row r="510628" spans="14:14">
      <c r="N510628" s="10"/>
    </row>
    <row r="510629" spans="14:14">
      <c r="N510629" s="10"/>
    </row>
    <row r="510630" spans="14:14">
      <c r="N510630" s="10"/>
    </row>
    <row r="510631" spans="14:14">
      <c r="N510631" s="10"/>
    </row>
    <row r="510632" spans="14:14">
      <c r="N510632" s="10"/>
    </row>
    <row r="510633" spans="14:14">
      <c r="N510633" s="10"/>
    </row>
    <row r="510634" spans="14:14">
      <c r="N510634" s="10"/>
    </row>
    <row r="510635" spans="14:14">
      <c r="N510635" s="10"/>
    </row>
    <row r="510636" spans="14:14">
      <c r="N510636" s="10"/>
    </row>
    <row r="510637" spans="14:14">
      <c r="N510637" s="10"/>
    </row>
    <row r="510638" spans="14:14">
      <c r="N510638" s="10"/>
    </row>
    <row r="510639" spans="14:14">
      <c r="N510639" s="10"/>
    </row>
    <row r="510640" spans="14:14">
      <c r="N510640" s="10"/>
    </row>
    <row r="510641" spans="14:14">
      <c r="N510641" s="10"/>
    </row>
    <row r="510642" spans="14:14">
      <c r="N510642" s="10"/>
    </row>
    <row r="510643" spans="14:14">
      <c r="N510643" s="10"/>
    </row>
    <row r="510644" spans="14:14">
      <c r="N510644" s="10"/>
    </row>
    <row r="510645" spans="14:14">
      <c r="N510645" s="10"/>
    </row>
    <row r="510646" spans="14:14">
      <c r="N510646" s="10"/>
    </row>
    <row r="510647" spans="14:14">
      <c r="N510647" s="10"/>
    </row>
    <row r="510648" spans="14:14">
      <c r="N510648" s="10"/>
    </row>
    <row r="510649" spans="14:14">
      <c r="N510649" s="10"/>
    </row>
    <row r="510650" spans="14:14">
      <c r="N510650" s="10"/>
    </row>
    <row r="510651" spans="14:14">
      <c r="N510651" s="10"/>
    </row>
    <row r="510652" spans="14:14">
      <c r="N510652" s="10"/>
    </row>
    <row r="510653" spans="14:14">
      <c r="N510653" s="10"/>
    </row>
    <row r="510654" spans="14:14">
      <c r="N510654" s="10"/>
    </row>
    <row r="510655" spans="14:14">
      <c r="N510655" s="10"/>
    </row>
    <row r="510656" spans="14:14">
      <c r="N510656" s="10"/>
    </row>
    <row r="510657" spans="14:14">
      <c r="N510657" s="10"/>
    </row>
    <row r="510658" spans="14:14">
      <c r="N510658" s="10"/>
    </row>
    <row r="510659" spans="14:14">
      <c r="N510659" s="10"/>
    </row>
    <row r="510660" spans="14:14">
      <c r="N510660" s="10"/>
    </row>
    <row r="510661" spans="14:14">
      <c r="N510661" s="10"/>
    </row>
    <row r="510662" spans="14:14">
      <c r="N510662" s="10"/>
    </row>
    <row r="510663" spans="14:14">
      <c r="N510663" s="10"/>
    </row>
    <row r="510664" spans="14:14">
      <c r="N510664" s="10"/>
    </row>
    <row r="510665" spans="14:14">
      <c r="N510665" s="10"/>
    </row>
    <row r="510666" spans="14:14">
      <c r="N510666" s="10"/>
    </row>
    <row r="510667" spans="14:14">
      <c r="N510667" s="10"/>
    </row>
    <row r="510668" spans="14:14">
      <c r="N510668" s="10"/>
    </row>
    <row r="510669" spans="14:14">
      <c r="N510669" s="10"/>
    </row>
    <row r="510670" spans="14:14">
      <c r="N510670" s="10"/>
    </row>
    <row r="510671" spans="14:14">
      <c r="N510671" s="10"/>
    </row>
    <row r="510672" spans="14:14">
      <c r="N510672" s="10"/>
    </row>
    <row r="510673" spans="14:14">
      <c r="N510673" s="10"/>
    </row>
    <row r="510674" spans="14:14">
      <c r="N510674" s="10"/>
    </row>
    <row r="510675" spans="14:14">
      <c r="N510675" s="10"/>
    </row>
    <row r="510676" spans="14:14">
      <c r="N510676" s="10"/>
    </row>
    <row r="510677" spans="14:14">
      <c r="N510677" s="10"/>
    </row>
    <row r="510678" spans="14:14">
      <c r="N510678" s="10"/>
    </row>
    <row r="510679" spans="14:14">
      <c r="N510679" s="10"/>
    </row>
    <row r="510680" spans="14:14">
      <c r="N510680" s="10"/>
    </row>
    <row r="510681" spans="14:14">
      <c r="N510681" s="10"/>
    </row>
    <row r="510682" spans="14:14">
      <c r="N510682" s="10"/>
    </row>
    <row r="510683" spans="14:14">
      <c r="N510683" s="10"/>
    </row>
    <row r="510684" spans="14:14">
      <c r="N510684" s="10"/>
    </row>
    <row r="510685" spans="14:14">
      <c r="N510685" s="10"/>
    </row>
    <row r="510686" spans="14:14">
      <c r="N510686" s="10"/>
    </row>
    <row r="510687" spans="14:14">
      <c r="N510687" s="10"/>
    </row>
    <row r="510688" spans="14:14">
      <c r="N510688" s="10"/>
    </row>
    <row r="510689" spans="14:14">
      <c r="N510689" s="10"/>
    </row>
    <row r="510690" spans="14:14">
      <c r="N510690" s="10"/>
    </row>
    <row r="510691" spans="14:14">
      <c r="N510691" s="10"/>
    </row>
    <row r="510692" spans="14:14">
      <c r="N510692" s="10"/>
    </row>
    <row r="510693" spans="14:14">
      <c r="N510693" s="10"/>
    </row>
    <row r="510694" spans="14:14">
      <c r="N510694" s="10"/>
    </row>
    <row r="510695" spans="14:14">
      <c r="N510695" s="10"/>
    </row>
    <row r="510696" spans="14:14">
      <c r="N510696" s="10"/>
    </row>
    <row r="510697" spans="14:14">
      <c r="N510697" s="10"/>
    </row>
    <row r="510698" spans="14:14">
      <c r="N510698" s="10"/>
    </row>
    <row r="510699" spans="14:14">
      <c r="N510699" s="10"/>
    </row>
    <row r="510700" spans="14:14">
      <c r="N510700" s="10"/>
    </row>
    <row r="510701" spans="14:14">
      <c r="N510701" s="10"/>
    </row>
    <row r="510702" spans="14:14">
      <c r="N510702" s="10"/>
    </row>
    <row r="510703" spans="14:14">
      <c r="N510703" s="10"/>
    </row>
    <row r="510704" spans="14:14">
      <c r="N510704" s="10"/>
    </row>
    <row r="510705" spans="14:14">
      <c r="N510705" s="10"/>
    </row>
    <row r="510706" spans="14:14">
      <c r="N510706" s="10"/>
    </row>
    <row r="510707" spans="14:14">
      <c r="N510707" s="10"/>
    </row>
    <row r="510708" spans="14:14">
      <c r="N510708" s="10"/>
    </row>
    <row r="510709" spans="14:14">
      <c r="N510709" s="10"/>
    </row>
    <row r="510710" spans="14:14">
      <c r="N510710" s="10"/>
    </row>
    <row r="510711" spans="14:14">
      <c r="N510711" s="10"/>
    </row>
    <row r="510712" spans="14:14">
      <c r="N510712" s="10"/>
    </row>
    <row r="510713" spans="14:14">
      <c r="N510713" s="10"/>
    </row>
    <row r="510714" spans="14:14">
      <c r="N510714" s="10"/>
    </row>
    <row r="510715" spans="14:14">
      <c r="N510715" s="10"/>
    </row>
    <row r="510716" spans="14:14">
      <c r="N510716" s="10"/>
    </row>
    <row r="510717" spans="14:14">
      <c r="N510717" s="10"/>
    </row>
    <row r="510718" spans="14:14">
      <c r="N510718" s="10"/>
    </row>
    <row r="510719" spans="14:14">
      <c r="N510719" s="10"/>
    </row>
    <row r="510720" spans="14:14">
      <c r="N510720" s="10"/>
    </row>
    <row r="510721" spans="14:14">
      <c r="N510721" s="10"/>
    </row>
    <row r="510722" spans="14:14">
      <c r="N510722" s="10"/>
    </row>
    <row r="510723" spans="14:14">
      <c r="N510723" s="10"/>
    </row>
    <row r="510724" spans="14:14">
      <c r="N510724" s="10"/>
    </row>
    <row r="510725" spans="14:14">
      <c r="N510725" s="10"/>
    </row>
    <row r="510726" spans="14:14">
      <c r="N510726" s="10"/>
    </row>
    <row r="510727" spans="14:14">
      <c r="N510727" s="10"/>
    </row>
    <row r="510728" spans="14:14">
      <c r="N510728" s="10"/>
    </row>
    <row r="510729" spans="14:14">
      <c r="N510729" s="10"/>
    </row>
    <row r="510730" spans="14:14">
      <c r="N510730" s="10"/>
    </row>
    <row r="510731" spans="14:14">
      <c r="N510731" s="10"/>
    </row>
    <row r="510732" spans="14:14">
      <c r="N510732" s="10"/>
    </row>
    <row r="510733" spans="14:14">
      <c r="N510733" s="10"/>
    </row>
    <row r="510734" spans="14:14">
      <c r="N510734" s="10"/>
    </row>
    <row r="510735" spans="14:14">
      <c r="N510735" s="10"/>
    </row>
    <row r="510736" spans="14:14">
      <c r="N510736" s="10"/>
    </row>
    <row r="510737" spans="14:14">
      <c r="N510737" s="10"/>
    </row>
    <row r="510738" spans="14:14">
      <c r="N510738" s="10"/>
    </row>
    <row r="510739" spans="14:14">
      <c r="N510739" s="10"/>
    </row>
    <row r="510740" spans="14:14">
      <c r="N510740" s="10"/>
    </row>
    <row r="510741" spans="14:14">
      <c r="N510741" s="10"/>
    </row>
    <row r="510742" spans="14:14">
      <c r="N510742" s="10"/>
    </row>
    <row r="510743" spans="14:14">
      <c r="N510743" s="10"/>
    </row>
    <row r="510744" spans="14:14">
      <c r="N510744" s="10"/>
    </row>
    <row r="510745" spans="14:14">
      <c r="N510745" s="10"/>
    </row>
    <row r="510746" spans="14:14">
      <c r="N510746" s="10"/>
    </row>
    <row r="510747" spans="14:14">
      <c r="N510747" s="10"/>
    </row>
    <row r="510748" spans="14:14">
      <c r="N510748" s="10"/>
    </row>
    <row r="510749" spans="14:14">
      <c r="N510749" s="10"/>
    </row>
    <row r="510750" spans="14:14">
      <c r="N510750" s="10"/>
    </row>
    <row r="510751" spans="14:14">
      <c r="N510751" s="10"/>
    </row>
    <row r="510752" spans="14:14">
      <c r="N510752" s="10"/>
    </row>
    <row r="510753" spans="14:14">
      <c r="N510753" s="10"/>
    </row>
    <row r="510754" spans="14:14">
      <c r="N510754" s="10"/>
    </row>
    <row r="510755" spans="14:14">
      <c r="N510755" s="10"/>
    </row>
    <row r="510756" spans="14:14">
      <c r="N510756" s="10"/>
    </row>
    <row r="510757" spans="14:14">
      <c r="N510757" s="10"/>
    </row>
    <row r="510758" spans="14:14">
      <c r="N510758" s="10"/>
    </row>
    <row r="510759" spans="14:14">
      <c r="N510759" s="10"/>
    </row>
    <row r="510760" spans="14:14">
      <c r="N510760" s="10"/>
    </row>
    <row r="510761" spans="14:14">
      <c r="N510761" s="10"/>
    </row>
    <row r="510762" spans="14:14">
      <c r="N510762" s="10"/>
    </row>
    <row r="510763" spans="14:14">
      <c r="N510763" s="10"/>
    </row>
    <row r="510764" spans="14:14">
      <c r="N510764" s="10"/>
    </row>
    <row r="510765" spans="14:14">
      <c r="N510765" s="10"/>
    </row>
    <row r="510766" spans="14:14">
      <c r="N510766" s="10"/>
    </row>
    <row r="510767" spans="14:14">
      <c r="N510767" s="10"/>
    </row>
    <row r="510768" spans="14:14">
      <c r="N510768" s="10"/>
    </row>
    <row r="510769" spans="14:14">
      <c r="N510769" s="10"/>
    </row>
    <row r="510770" spans="14:14">
      <c r="N510770" s="10"/>
    </row>
    <row r="510771" spans="14:14">
      <c r="N510771" s="10"/>
    </row>
    <row r="510772" spans="14:14">
      <c r="N510772" s="10"/>
    </row>
    <row r="510773" spans="14:14">
      <c r="N510773" s="10"/>
    </row>
    <row r="510774" spans="14:14">
      <c r="N510774" s="10"/>
    </row>
    <row r="510775" spans="14:14">
      <c r="N510775" s="10"/>
    </row>
    <row r="510776" spans="14:14">
      <c r="N510776" s="10"/>
    </row>
    <row r="510777" spans="14:14">
      <c r="N510777" s="10"/>
    </row>
    <row r="510778" spans="14:14">
      <c r="N510778" s="10"/>
    </row>
    <row r="510779" spans="14:14">
      <c r="N510779" s="10"/>
    </row>
    <row r="510780" spans="14:14">
      <c r="N510780" s="10"/>
    </row>
    <row r="510781" spans="14:14">
      <c r="N510781" s="10"/>
    </row>
    <row r="510782" spans="14:14">
      <c r="N510782" s="10"/>
    </row>
    <row r="510783" spans="14:14">
      <c r="N510783" s="10"/>
    </row>
    <row r="510784" spans="14:14">
      <c r="N510784" s="10"/>
    </row>
    <row r="510785" spans="14:14">
      <c r="N510785" s="10"/>
    </row>
    <row r="510786" spans="14:14">
      <c r="N510786" s="10"/>
    </row>
    <row r="510787" spans="14:14">
      <c r="N510787" s="10"/>
    </row>
    <row r="510788" spans="14:14">
      <c r="N510788" s="10"/>
    </row>
    <row r="510789" spans="14:14">
      <c r="N510789" s="10"/>
    </row>
    <row r="510790" spans="14:14">
      <c r="N510790" s="10"/>
    </row>
    <row r="510791" spans="14:14">
      <c r="N510791" s="10"/>
    </row>
    <row r="510792" spans="14:14">
      <c r="N510792" s="10"/>
    </row>
    <row r="510793" spans="14:14">
      <c r="N510793" s="10"/>
    </row>
    <row r="510794" spans="14:14">
      <c r="N510794" s="10"/>
    </row>
    <row r="510795" spans="14:14">
      <c r="N510795" s="10"/>
    </row>
    <row r="510796" spans="14:14">
      <c r="N510796" s="10"/>
    </row>
    <row r="510797" spans="14:14">
      <c r="N510797" s="10"/>
    </row>
    <row r="510798" spans="14:14">
      <c r="N510798" s="10"/>
    </row>
    <row r="510799" spans="14:14">
      <c r="N510799" s="10"/>
    </row>
    <row r="510800" spans="14:14">
      <c r="N510800" s="10"/>
    </row>
    <row r="510801" spans="14:14">
      <c r="N510801" s="10"/>
    </row>
    <row r="510802" spans="14:14">
      <c r="N510802" s="10"/>
    </row>
    <row r="510803" spans="14:14">
      <c r="N510803" s="10"/>
    </row>
    <row r="510804" spans="14:14">
      <c r="N510804" s="10"/>
    </row>
    <row r="510805" spans="14:14">
      <c r="N510805" s="10"/>
    </row>
    <row r="510806" spans="14:14">
      <c r="N510806" s="10"/>
    </row>
    <row r="510807" spans="14:14">
      <c r="N510807" s="10"/>
    </row>
    <row r="510808" spans="14:14">
      <c r="N510808" s="10"/>
    </row>
    <row r="510809" spans="14:14">
      <c r="N510809" s="10"/>
    </row>
    <row r="510810" spans="14:14">
      <c r="N510810" s="10"/>
    </row>
    <row r="510811" spans="14:14">
      <c r="N510811" s="10"/>
    </row>
    <row r="510812" spans="14:14">
      <c r="N510812" s="10"/>
    </row>
    <row r="510813" spans="14:14">
      <c r="N510813" s="10"/>
    </row>
    <row r="510814" spans="14:14">
      <c r="N510814" s="10"/>
    </row>
    <row r="510815" spans="14:14">
      <c r="N510815" s="10"/>
    </row>
    <row r="510816" spans="14:14">
      <c r="N510816" s="10"/>
    </row>
    <row r="510817" spans="14:14">
      <c r="N510817" s="10"/>
    </row>
    <row r="510818" spans="14:14">
      <c r="N510818" s="10"/>
    </row>
    <row r="510819" spans="14:14">
      <c r="N510819" s="10"/>
    </row>
    <row r="510820" spans="14:14">
      <c r="N510820" s="10"/>
    </row>
    <row r="510821" spans="14:14">
      <c r="N510821" s="10"/>
    </row>
    <row r="510822" spans="14:14">
      <c r="N510822" s="10"/>
    </row>
    <row r="510823" spans="14:14">
      <c r="N510823" s="10"/>
    </row>
    <row r="510824" spans="14:14">
      <c r="N510824" s="10"/>
    </row>
    <row r="510825" spans="14:14">
      <c r="N510825" s="10"/>
    </row>
    <row r="510826" spans="14:14">
      <c r="N510826" s="10"/>
    </row>
    <row r="510827" spans="14:14">
      <c r="N510827" s="10"/>
    </row>
    <row r="510828" spans="14:14">
      <c r="N510828" s="10"/>
    </row>
    <row r="510829" spans="14:14">
      <c r="N510829" s="10"/>
    </row>
    <row r="510830" spans="14:14">
      <c r="N510830" s="10"/>
    </row>
    <row r="510831" spans="14:14">
      <c r="N510831" s="10"/>
    </row>
    <row r="510832" spans="14:14">
      <c r="N510832" s="10"/>
    </row>
    <row r="510833" spans="14:14">
      <c r="N510833" s="10"/>
    </row>
    <row r="510834" spans="14:14">
      <c r="N510834" s="10"/>
    </row>
    <row r="510835" spans="14:14">
      <c r="N510835" s="10"/>
    </row>
    <row r="510836" spans="14:14">
      <c r="N510836" s="10"/>
    </row>
    <row r="510837" spans="14:14">
      <c r="N510837" s="10"/>
    </row>
    <row r="510838" spans="14:14">
      <c r="N510838" s="10"/>
    </row>
    <row r="510839" spans="14:14">
      <c r="N510839" s="10"/>
    </row>
    <row r="510840" spans="14:14">
      <c r="N510840" s="10"/>
    </row>
    <row r="510841" spans="14:14">
      <c r="N510841" s="10"/>
    </row>
    <row r="510842" spans="14:14">
      <c r="N510842" s="10"/>
    </row>
    <row r="510843" spans="14:14">
      <c r="N510843" s="10"/>
    </row>
    <row r="510844" spans="14:14">
      <c r="N510844" s="10"/>
    </row>
    <row r="510845" spans="14:14">
      <c r="N510845" s="10"/>
    </row>
    <row r="510846" spans="14:14">
      <c r="N510846" s="10"/>
    </row>
    <row r="510847" spans="14:14">
      <c r="N510847" s="10"/>
    </row>
    <row r="510848" spans="14:14">
      <c r="N510848" s="10"/>
    </row>
    <row r="510849" spans="14:14">
      <c r="N510849" s="10"/>
    </row>
    <row r="510850" spans="14:14">
      <c r="N510850" s="10"/>
    </row>
    <row r="510851" spans="14:14">
      <c r="N510851" s="10"/>
    </row>
    <row r="510852" spans="14:14">
      <c r="N510852" s="10"/>
    </row>
    <row r="510853" spans="14:14">
      <c r="N510853" s="10"/>
    </row>
    <row r="510854" spans="14:14">
      <c r="N510854" s="10"/>
    </row>
    <row r="510855" spans="14:14">
      <c r="N510855" s="10"/>
    </row>
    <row r="510856" spans="14:14">
      <c r="N510856" s="10"/>
    </row>
    <row r="510857" spans="14:14">
      <c r="N510857" s="10"/>
    </row>
    <row r="510858" spans="14:14">
      <c r="N510858" s="10"/>
    </row>
    <row r="510859" spans="14:14">
      <c r="N510859" s="10"/>
    </row>
    <row r="510860" spans="14:14">
      <c r="N510860" s="10"/>
    </row>
    <row r="510861" spans="14:14">
      <c r="N510861" s="10"/>
    </row>
    <row r="510862" spans="14:14">
      <c r="N510862" s="10"/>
    </row>
    <row r="510863" spans="14:14">
      <c r="N510863" s="10"/>
    </row>
    <row r="510864" spans="14:14">
      <c r="N510864" s="10"/>
    </row>
    <row r="510865" spans="14:14">
      <c r="N510865" s="10"/>
    </row>
    <row r="510866" spans="14:14">
      <c r="N510866" s="10"/>
    </row>
    <row r="510867" spans="14:14">
      <c r="N510867" s="10"/>
    </row>
    <row r="510868" spans="14:14">
      <c r="N510868" s="10"/>
    </row>
    <row r="510869" spans="14:14">
      <c r="N510869" s="10"/>
    </row>
    <row r="510870" spans="14:14">
      <c r="N510870" s="10"/>
    </row>
    <row r="510871" spans="14:14">
      <c r="N510871" s="10"/>
    </row>
    <row r="510872" spans="14:14">
      <c r="N510872" s="10"/>
    </row>
    <row r="510873" spans="14:14">
      <c r="N510873" s="10"/>
    </row>
    <row r="510874" spans="14:14">
      <c r="N510874" s="10"/>
    </row>
    <row r="510875" spans="14:14">
      <c r="N510875" s="10"/>
    </row>
    <row r="510876" spans="14:14">
      <c r="N510876" s="10"/>
    </row>
    <row r="510877" spans="14:14">
      <c r="N510877" s="10"/>
    </row>
    <row r="510878" spans="14:14">
      <c r="N510878" s="10"/>
    </row>
    <row r="510879" spans="14:14">
      <c r="N510879" s="10"/>
    </row>
    <row r="510880" spans="14:14">
      <c r="N510880" s="10"/>
    </row>
    <row r="510881" spans="14:14">
      <c r="N510881" s="10"/>
    </row>
    <row r="510882" spans="14:14">
      <c r="N510882" s="10"/>
    </row>
    <row r="510883" spans="14:14">
      <c r="N510883" s="10"/>
    </row>
    <row r="510884" spans="14:14">
      <c r="N510884" s="10"/>
    </row>
    <row r="510885" spans="14:14">
      <c r="N510885" s="10"/>
    </row>
    <row r="510886" spans="14:14">
      <c r="N510886" s="10"/>
    </row>
    <row r="510887" spans="14:14">
      <c r="N510887" s="10"/>
    </row>
    <row r="510888" spans="14:14">
      <c r="N510888" s="10"/>
    </row>
    <row r="510889" spans="14:14">
      <c r="N510889" s="10"/>
    </row>
    <row r="510890" spans="14:14">
      <c r="N510890" s="10"/>
    </row>
    <row r="510891" spans="14:14">
      <c r="N510891" s="10"/>
    </row>
    <row r="510892" spans="14:14">
      <c r="N510892" s="10"/>
    </row>
    <row r="510893" spans="14:14">
      <c r="N510893" s="10"/>
    </row>
    <row r="510894" spans="14:14">
      <c r="N510894" s="10"/>
    </row>
    <row r="510895" spans="14:14">
      <c r="N510895" s="10"/>
    </row>
    <row r="510896" spans="14:14">
      <c r="N510896" s="10"/>
    </row>
    <row r="510897" spans="14:14">
      <c r="N510897" s="10"/>
    </row>
    <row r="510898" spans="14:14">
      <c r="N510898" s="10"/>
    </row>
    <row r="510899" spans="14:14">
      <c r="N510899" s="10"/>
    </row>
    <row r="510900" spans="14:14">
      <c r="N510900" s="10"/>
    </row>
    <row r="510901" spans="14:14">
      <c r="N510901" s="10"/>
    </row>
    <row r="510902" spans="14:14">
      <c r="N510902" s="10"/>
    </row>
    <row r="510903" spans="14:14">
      <c r="N510903" s="10"/>
    </row>
    <row r="510904" spans="14:14">
      <c r="N510904" s="10"/>
    </row>
    <row r="510905" spans="14:14">
      <c r="N510905" s="10"/>
    </row>
    <row r="510906" spans="14:14">
      <c r="N510906" s="10"/>
    </row>
    <row r="510907" spans="14:14">
      <c r="N510907" s="10"/>
    </row>
    <row r="510908" spans="14:14">
      <c r="N510908" s="10"/>
    </row>
    <row r="510909" spans="14:14">
      <c r="N510909" s="10"/>
    </row>
    <row r="510910" spans="14:14">
      <c r="N510910" s="10"/>
    </row>
    <row r="510911" spans="14:14">
      <c r="N510911" s="10"/>
    </row>
    <row r="510912" spans="14:14">
      <c r="N510912" s="10"/>
    </row>
    <row r="510913" spans="14:14">
      <c r="N510913" s="10"/>
    </row>
    <row r="510914" spans="14:14">
      <c r="N510914" s="10"/>
    </row>
    <row r="510915" spans="14:14">
      <c r="N510915" s="10"/>
    </row>
    <row r="510916" spans="14:14">
      <c r="N510916" s="10"/>
    </row>
    <row r="510917" spans="14:14">
      <c r="N510917" s="10"/>
    </row>
    <row r="510918" spans="14:14">
      <c r="N510918" s="10"/>
    </row>
    <row r="510919" spans="14:14">
      <c r="N510919" s="10"/>
    </row>
    <row r="510920" spans="14:14">
      <c r="N510920" s="10"/>
    </row>
    <row r="510921" spans="14:14">
      <c r="N510921" s="10"/>
    </row>
    <row r="510922" spans="14:14">
      <c r="N510922" s="10"/>
    </row>
    <row r="510923" spans="14:14">
      <c r="N510923" s="10"/>
    </row>
    <row r="510924" spans="14:14">
      <c r="N510924" s="10"/>
    </row>
    <row r="510925" spans="14:14">
      <c r="N510925" s="10"/>
    </row>
    <row r="510926" spans="14:14">
      <c r="N510926" s="10"/>
    </row>
    <row r="510927" spans="14:14">
      <c r="N510927" s="10"/>
    </row>
    <row r="510928" spans="14:14">
      <c r="N510928" s="10"/>
    </row>
    <row r="510929" spans="14:14">
      <c r="N510929" s="10"/>
    </row>
    <row r="510930" spans="14:14">
      <c r="N510930" s="10"/>
    </row>
    <row r="510931" spans="14:14">
      <c r="N510931" s="10"/>
    </row>
    <row r="510932" spans="14:14">
      <c r="N510932" s="10"/>
    </row>
    <row r="510933" spans="14:14">
      <c r="N510933" s="10"/>
    </row>
    <row r="510934" spans="14:14">
      <c r="N510934" s="10"/>
    </row>
    <row r="510935" spans="14:14">
      <c r="N510935" s="10"/>
    </row>
    <row r="510936" spans="14:14">
      <c r="N510936" s="10"/>
    </row>
    <row r="510937" spans="14:14">
      <c r="N510937" s="10"/>
    </row>
    <row r="510938" spans="14:14">
      <c r="N510938" s="10"/>
    </row>
    <row r="510939" spans="14:14">
      <c r="N510939" s="10"/>
    </row>
    <row r="510940" spans="14:14">
      <c r="N510940" s="10"/>
    </row>
    <row r="510941" spans="14:14">
      <c r="N510941" s="10"/>
    </row>
    <row r="510942" spans="14:14">
      <c r="N510942" s="10"/>
    </row>
    <row r="510943" spans="14:14">
      <c r="N510943" s="10"/>
    </row>
    <row r="510944" spans="14:14">
      <c r="N510944" s="10"/>
    </row>
    <row r="510945" spans="14:14">
      <c r="N510945" s="10"/>
    </row>
    <row r="510946" spans="14:14">
      <c r="N510946" s="10"/>
    </row>
    <row r="510947" spans="14:14">
      <c r="N510947" s="10"/>
    </row>
    <row r="510948" spans="14:14">
      <c r="N510948" s="10"/>
    </row>
    <row r="510949" spans="14:14">
      <c r="N510949" s="10"/>
    </row>
    <row r="510950" spans="14:14">
      <c r="N510950" s="10"/>
    </row>
    <row r="510951" spans="14:14">
      <c r="N510951" s="10"/>
    </row>
    <row r="510952" spans="14:14">
      <c r="N510952" s="10"/>
    </row>
    <row r="510953" spans="14:14">
      <c r="N510953" s="10"/>
    </row>
    <row r="510954" spans="14:14">
      <c r="N510954" s="10"/>
    </row>
    <row r="510955" spans="14:14">
      <c r="N510955" s="10"/>
    </row>
    <row r="510956" spans="14:14">
      <c r="N510956" s="10"/>
    </row>
    <row r="510957" spans="14:14">
      <c r="N510957" s="10"/>
    </row>
    <row r="510958" spans="14:14">
      <c r="N510958" s="10"/>
    </row>
    <row r="510959" spans="14:14">
      <c r="N510959" s="10"/>
    </row>
    <row r="510960" spans="14:14">
      <c r="N510960" s="10"/>
    </row>
    <row r="510961" spans="14:14">
      <c r="N510961" s="10"/>
    </row>
    <row r="510962" spans="14:14">
      <c r="N510962" s="10"/>
    </row>
    <row r="510963" spans="14:14">
      <c r="N510963" s="10"/>
    </row>
    <row r="510964" spans="14:14">
      <c r="N510964" s="10"/>
    </row>
    <row r="510965" spans="14:14">
      <c r="N510965" s="10"/>
    </row>
    <row r="510966" spans="14:14">
      <c r="N510966" s="10"/>
    </row>
    <row r="510967" spans="14:14">
      <c r="N510967" s="10"/>
    </row>
    <row r="510968" spans="14:14">
      <c r="N510968" s="10"/>
    </row>
    <row r="510969" spans="14:14">
      <c r="N510969" s="10"/>
    </row>
    <row r="510970" spans="14:14">
      <c r="N510970" s="10"/>
    </row>
    <row r="510971" spans="14:14">
      <c r="N510971" s="10"/>
    </row>
    <row r="510972" spans="14:14">
      <c r="N510972" s="10"/>
    </row>
    <row r="510973" spans="14:14">
      <c r="N510973" s="10"/>
    </row>
    <row r="510974" spans="14:14">
      <c r="N510974" s="10"/>
    </row>
    <row r="510975" spans="14:14">
      <c r="N510975" s="10"/>
    </row>
    <row r="510976" spans="14:14">
      <c r="N510976" s="10"/>
    </row>
    <row r="510977" spans="14:14">
      <c r="N510977" s="10"/>
    </row>
    <row r="510978" spans="14:14">
      <c r="N510978" s="10"/>
    </row>
    <row r="510979" spans="14:14">
      <c r="N510979" s="10"/>
    </row>
    <row r="510980" spans="14:14">
      <c r="N510980" s="10"/>
    </row>
    <row r="510981" spans="14:14">
      <c r="N510981" s="10"/>
    </row>
    <row r="510982" spans="14:14">
      <c r="N510982" s="10"/>
    </row>
    <row r="510983" spans="14:14">
      <c r="N510983" s="10"/>
    </row>
    <row r="510984" spans="14:14">
      <c r="N510984" s="10"/>
    </row>
    <row r="510985" spans="14:14">
      <c r="N510985" s="10"/>
    </row>
    <row r="510986" spans="14:14">
      <c r="N510986" s="10"/>
    </row>
    <row r="510987" spans="14:14">
      <c r="N510987" s="10"/>
    </row>
    <row r="510988" spans="14:14">
      <c r="N510988" s="10"/>
    </row>
    <row r="510989" spans="14:14">
      <c r="N510989" s="10"/>
    </row>
    <row r="510990" spans="14:14">
      <c r="N510990" s="10"/>
    </row>
    <row r="510991" spans="14:14">
      <c r="N510991" s="10"/>
    </row>
    <row r="510992" spans="14:14">
      <c r="N510992" s="10"/>
    </row>
    <row r="510993" spans="14:14">
      <c r="N510993" s="10"/>
    </row>
    <row r="510994" spans="14:14">
      <c r="N510994" s="10"/>
    </row>
    <row r="510995" spans="14:14">
      <c r="N510995" s="10"/>
    </row>
    <row r="510996" spans="14:14">
      <c r="N510996" s="10"/>
    </row>
    <row r="510997" spans="14:14">
      <c r="N510997" s="10"/>
    </row>
    <row r="510998" spans="14:14">
      <c r="N510998" s="10"/>
    </row>
    <row r="510999" spans="14:14">
      <c r="N510999" s="10"/>
    </row>
    <row r="511000" spans="14:14">
      <c r="N511000" s="10"/>
    </row>
    <row r="511001" spans="14:14">
      <c r="N511001" s="10"/>
    </row>
    <row r="511002" spans="14:14">
      <c r="N511002" s="10"/>
    </row>
    <row r="511003" spans="14:14">
      <c r="N511003" s="10"/>
    </row>
    <row r="511004" spans="14:14">
      <c r="N511004" s="10"/>
    </row>
    <row r="511005" spans="14:14">
      <c r="N511005" s="10"/>
    </row>
    <row r="511006" spans="14:14">
      <c r="N511006" s="10"/>
    </row>
    <row r="511007" spans="14:14">
      <c r="N511007" s="10"/>
    </row>
    <row r="511008" spans="14:14">
      <c r="N511008" s="10"/>
    </row>
    <row r="511009" spans="14:14">
      <c r="N511009" s="10"/>
    </row>
    <row r="511010" spans="14:14">
      <c r="N511010" s="10"/>
    </row>
    <row r="511011" spans="14:14">
      <c r="N511011" s="10"/>
    </row>
    <row r="511012" spans="14:14">
      <c r="N511012" s="10"/>
    </row>
    <row r="511013" spans="14:14">
      <c r="N511013" s="10"/>
    </row>
    <row r="511014" spans="14:14">
      <c r="N511014" s="10"/>
    </row>
    <row r="511015" spans="14:14">
      <c r="N511015" s="10"/>
    </row>
    <row r="511016" spans="14:14">
      <c r="N511016" s="10"/>
    </row>
    <row r="511017" spans="14:14">
      <c r="N511017" s="10"/>
    </row>
    <row r="511018" spans="14:14">
      <c r="N511018" s="10"/>
    </row>
    <row r="511019" spans="14:14">
      <c r="N511019" s="10"/>
    </row>
    <row r="511020" spans="14:14">
      <c r="N511020" s="10"/>
    </row>
    <row r="511021" spans="14:14">
      <c r="N511021" s="10"/>
    </row>
    <row r="511022" spans="14:14">
      <c r="N511022" s="10"/>
    </row>
    <row r="511023" spans="14:14">
      <c r="N511023" s="10"/>
    </row>
    <row r="511024" spans="14:14">
      <c r="N511024" s="10"/>
    </row>
    <row r="511025" spans="14:14">
      <c r="N511025" s="10"/>
    </row>
    <row r="511026" spans="14:14">
      <c r="N511026" s="10"/>
    </row>
    <row r="511027" spans="14:14">
      <c r="N511027" s="10"/>
    </row>
    <row r="511028" spans="14:14">
      <c r="N511028" s="10"/>
    </row>
    <row r="511029" spans="14:14">
      <c r="N511029" s="10"/>
    </row>
    <row r="511030" spans="14:14">
      <c r="N511030" s="10"/>
    </row>
    <row r="511031" spans="14:14">
      <c r="N511031" s="10"/>
    </row>
    <row r="511032" spans="14:14">
      <c r="N511032" s="10"/>
    </row>
    <row r="511033" spans="14:14">
      <c r="N511033" s="10"/>
    </row>
    <row r="511034" spans="14:14">
      <c r="N511034" s="10"/>
    </row>
    <row r="511035" spans="14:14">
      <c r="N511035" s="10"/>
    </row>
    <row r="511036" spans="14:14">
      <c r="N511036" s="10"/>
    </row>
    <row r="511037" spans="14:14">
      <c r="N511037" s="10"/>
    </row>
    <row r="511038" spans="14:14">
      <c r="N511038" s="10"/>
    </row>
    <row r="511039" spans="14:14">
      <c r="N511039" s="10"/>
    </row>
    <row r="511040" spans="14:14">
      <c r="N511040" s="10"/>
    </row>
    <row r="511041" spans="14:14">
      <c r="N511041" s="10"/>
    </row>
    <row r="511042" spans="14:14">
      <c r="N511042" s="10"/>
    </row>
    <row r="511043" spans="14:14">
      <c r="N511043" s="10"/>
    </row>
    <row r="511044" spans="14:14">
      <c r="N511044" s="10"/>
    </row>
    <row r="511045" spans="14:14">
      <c r="N511045" s="10"/>
    </row>
    <row r="511046" spans="14:14">
      <c r="N511046" s="10"/>
    </row>
    <row r="511047" spans="14:14">
      <c r="N511047" s="10"/>
    </row>
    <row r="511048" spans="14:14">
      <c r="N511048" s="10"/>
    </row>
    <row r="511049" spans="14:14">
      <c r="N511049" s="10"/>
    </row>
    <row r="511050" spans="14:14">
      <c r="N511050" s="10"/>
    </row>
    <row r="511051" spans="14:14">
      <c r="N511051" s="10"/>
    </row>
    <row r="511052" spans="14:14">
      <c r="N511052" s="10"/>
    </row>
    <row r="511053" spans="14:14">
      <c r="N511053" s="10"/>
    </row>
    <row r="511054" spans="14:14">
      <c r="N511054" s="10"/>
    </row>
    <row r="511055" spans="14:14">
      <c r="N511055" s="10"/>
    </row>
    <row r="511056" spans="14:14">
      <c r="N511056" s="10"/>
    </row>
    <row r="511057" spans="14:14">
      <c r="N511057" s="10"/>
    </row>
    <row r="511058" spans="14:14">
      <c r="N511058" s="10"/>
    </row>
    <row r="511059" spans="14:14">
      <c r="N511059" s="10"/>
    </row>
    <row r="511060" spans="14:14">
      <c r="N511060" s="10"/>
    </row>
    <row r="511061" spans="14:14">
      <c r="N511061" s="10"/>
    </row>
    <row r="511062" spans="14:14">
      <c r="N511062" s="10"/>
    </row>
    <row r="511063" spans="14:14">
      <c r="N511063" s="10"/>
    </row>
    <row r="511064" spans="14:14">
      <c r="N511064" s="10"/>
    </row>
    <row r="511065" spans="14:14">
      <c r="N511065" s="10"/>
    </row>
    <row r="511066" spans="14:14">
      <c r="N511066" s="10"/>
    </row>
    <row r="511067" spans="14:14">
      <c r="N511067" s="10"/>
    </row>
    <row r="511068" spans="14:14">
      <c r="N511068" s="10"/>
    </row>
    <row r="511069" spans="14:14">
      <c r="N511069" s="10"/>
    </row>
    <row r="511070" spans="14:14">
      <c r="N511070" s="10"/>
    </row>
    <row r="511071" spans="14:14">
      <c r="N511071" s="10"/>
    </row>
    <row r="511072" spans="14:14">
      <c r="N511072" s="10"/>
    </row>
    <row r="511073" spans="14:14">
      <c r="N511073" s="10"/>
    </row>
    <row r="511074" spans="14:14">
      <c r="N511074" s="10"/>
    </row>
    <row r="511075" spans="14:14">
      <c r="N511075" s="10"/>
    </row>
    <row r="511076" spans="14:14">
      <c r="N511076" s="10"/>
    </row>
    <row r="511077" spans="14:14">
      <c r="N511077" s="10"/>
    </row>
    <row r="511078" spans="14:14">
      <c r="N511078" s="10"/>
    </row>
    <row r="511079" spans="14:14">
      <c r="N511079" s="10"/>
    </row>
    <row r="511080" spans="14:14">
      <c r="N511080" s="10"/>
    </row>
    <row r="511081" spans="14:14">
      <c r="N511081" s="10"/>
    </row>
    <row r="511082" spans="14:14">
      <c r="N511082" s="10"/>
    </row>
    <row r="511083" spans="14:14">
      <c r="N511083" s="10"/>
    </row>
    <row r="511084" spans="14:14">
      <c r="N511084" s="10"/>
    </row>
    <row r="511085" spans="14:14">
      <c r="N511085" s="10"/>
    </row>
    <row r="511086" spans="14:14">
      <c r="N511086" s="10"/>
    </row>
    <row r="511087" spans="14:14">
      <c r="N511087" s="10"/>
    </row>
    <row r="511088" spans="14:14">
      <c r="N511088" s="10"/>
    </row>
    <row r="511089" spans="14:14">
      <c r="N511089" s="10"/>
    </row>
    <row r="511090" spans="14:14">
      <c r="N511090" s="10"/>
    </row>
    <row r="511091" spans="14:14">
      <c r="N511091" s="10"/>
    </row>
    <row r="511092" spans="14:14">
      <c r="N511092" s="10"/>
    </row>
    <row r="511093" spans="14:14">
      <c r="N511093" s="10"/>
    </row>
    <row r="511094" spans="14:14">
      <c r="N511094" s="10"/>
    </row>
    <row r="511095" spans="14:14">
      <c r="N511095" s="10"/>
    </row>
    <row r="511096" spans="14:14">
      <c r="N511096" s="10"/>
    </row>
    <row r="511097" spans="14:14">
      <c r="N511097" s="10"/>
    </row>
    <row r="511098" spans="14:14">
      <c r="N511098" s="10"/>
    </row>
    <row r="511099" spans="14:14">
      <c r="N511099" s="10"/>
    </row>
    <row r="511100" spans="14:14">
      <c r="N511100" s="10"/>
    </row>
    <row r="511101" spans="14:14">
      <c r="N511101" s="10"/>
    </row>
    <row r="511102" spans="14:14">
      <c r="N511102" s="10"/>
    </row>
    <row r="511103" spans="14:14">
      <c r="N511103" s="10"/>
    </row>
    <row r="511104" spans="14:14">
      <c r="N511104" s="10"/>
    </row>
    <row r="511105" spans="14:14">
      <c r="N511105" s="10"/>
    </row>
    <row r="511106" spans="14:14">
      <c r="N511106" s="10"/>
    </row>
    <row r="511107" spans="14:14">
      <c r="N511107" s="10"/>
    </row>
    <row r="511108" spans="14:14">
      <c r="N511108" s="10"/>
    </row>
    <row r="511109" spans="14:14">
      <c r="N511109" s="10"/>
    </row>
    <row r="511110" spans="14:14">
      <c r="N511110" s="10"/>
    </row>
    <row r="511111" spans="14:14">
      <c r="N511111" s="10"/>
    </row>
    <row r="511112" spans="14:14">
      <c r="N511112" s="10"/>
    </row>
    <row r="511113" spans="14:14">
      <c r="N511113" s="10"/>
    </row>
    <row r="511114" spans="14:14">
      <c r="N511114" s="10"/>
    </row>
    <row r="511115" spans="14:14">
      <c r="N511115" s="10"/>
    </row>
    <row r="511116" spans="14:14">
      <c r="N511116" s="10"/>
    </row>
    <row r="511117" spans="14:14">
      <c r="N511117" s="10"/>
    </row>
    <row r="511118" spans="14:14">
      <c r="N511118" s="10"/>
    </row>
    <row r="511119" spans="14:14">
      <c r="N511119" s="10"/>
    </row>
    <row r="511120" spans="14:14">
      <c r="N511120" s="10"/>
    </row>
    <row r="511121" spans="14:14">
      <c r="N511121" s="10"/>
    </row>
    <row r="511122" spans="14:14">
      <c r="N511122" s="10"/>
    </row>
    <row r="511123" spans="14:14">
      <c r="N511123" s="10"/>
    </row>
    <row r="511124" spans="14:14">
      <c r="N511124" s="10"/>
    </row>
    <row r="511125" spans="14:14">
      <c r="N511125" s="10"/>
    </row>
    <row r="511126" spans="14:14">
      <c r="N511126" s="10"/>
    </row>
    <row r="511127" spans="14:14">
      <c r="N511127" s="10"/>
    </row>
    <row r="511128" spans="14:14">
      <c r="N511128" s="10"/>
    </row>
    <row r="511129" spans="14:14">
      <c r="N511129" s="10"/>
    </row>
    <row r="511130" spans="14:14">
      <c r="N511130" s="10"/>
    </row>
    <row r="511131" spans="14:14">
      <c r="N511131" s="10"/>
    </row>
    <row r="511132" spans="14:14">
      <c r="N511132" s="10"/>
    </row>
    <row r="511133" spans="14:14">
      <c r="N511133" s="10"/>
    </row>
    <row r="511134" spans="14:14">
      <c r="N511134" s="10"/>
    </row>
    <row r="511135" spans="14:14">
      <c r="N511135" s="10"/>
    </row>
    <row r="511136" spans="14:14">
      <c r="N511136" s="10"/>
    </row>
    <row r="511137" spans="14:14">
      <c r="N511137" s="10"/>
    </row>
    <row r="511138" spans="14:14">
      <c r="N511138" s="10"/>
    </row>
    <row r="511139" spans="14:14">
      <c r="N511139" s="10"/>
    </row>
    <row r="511140" spans="14:14">
      <c r="N511140" s="10"/>
    </row>
    <row r="511141" spans="14:14">
      <c r="N511141" s="10"/>
    </row>
    <row r="511142" spans="14:14">
      <c r="N511142" s="10"/>
    </row>
    <row r="511143" spans="14:14">
      <c r="N511143" s="10"/>
    </row>
    <row r="511144" spans="14:14">
      <c r="N511144" s="10"/>
    </row>
    <row r="511145" spans="14:14">
      <c r="N511145" s="10"/>
    </row>
    <row r="511146" spans="14:14">
      <c r="N511146" s="10"/>
    </row>
    <row r="511147" spans="14:14">
      <c r="N511147" s="10"/>
    </row>
    <row r="511148" spans="14:14">
      <c r="N511148" s="10"/>
    </row>
    <row r="511149" spans="14:14">
      <c r="N511149" s="10"/>
    </row>
    <row r="511150" spans="14:14">
      <c r="N511150" s="10"/>
    </row>
    <row r="511151" spans="14:14">
      <c r="N511151" s="10"/>
    </row>
    <row r="511152" spans="14:14">
      <c r="N511152" s="10"/>
    </row>
    <row r="511153" spans="14:14">
      <c r="N511153" s="10"/>
    </row>
    <row r="511154" spans="14:14">
      <c r="N511154" s="10"/>
    </row>
    <row r="511155" spans="14:14">
      <c r="N511155" s="10"/>
    </row>
    <row r="511156" spans="14:14">
      <c r="N511156" s="10"/>
    </row>
    <row r="511157" spans="14:14">
      <c r="N511157" s="10"/>
    </row>
    <row r="511158" spans="14:14">
      <c r="N511158" s="10"/>
    </row>
    <row r="511159" spans="14:14">
      <c r="N511159" s="10"/>
    </row>
    <row r="511160" spans="14:14">
      <c r="N511160" s="10"/>
    </row>
    <row r="511161" spans="14:14">
      <c r="N511161" s="10"/>
    </row>
    <row r="511162" spans="14:14">
      <c r="N511162" s="10"/>
    </row>
    <row r="511163" spans="14:14">
      <c r="N511163" s="10"/>
    </row>
    <row r="511164" spans="14:14">
      <c r="N511164" s="10"/>
    </row>
    <row r="511165" spans="14:14">
      <c r="N511165" s="10"/>
    </row>
    <row r="511166" spans="14:14">
      <c r="N511166" s="10"/>
    </row>
    <row r="511167" spans="14:14">
      <c r="N511167" s="10"/>
    </row>
    <row r="511168" spans="14:14">
      <c r="N511168" s="10"/>
    </row>
    <row r="511169" spans="14:14">
      <c r="N511169" s="10"/>
    </row>
    <row r="511170" spans="14:14">
      <c r="N511170" s="10"/>
    </row>
    <row r="511171" spans="14:14">
      <c r="N511171" s="10"/>
    </row>
    <row r="511172" spans="14:14">
      <c r="N511172" s="10"/>
    </row>
    <row r="511173" spans="14:14">
      <c r="N511173" s="10"/>
    </row>
    <row r="511174" spans="14:14">
      <c r="N511174" s="10"/>
    </row>
    <row r="511175" spans="14:14">
      <c r="N511175" s="10"/>
    </row>
    <row r="511176" spans="14:14">
      <c r="N511176" s="10"/>
    </row>
    <row r="511177" spans="14:14">
      <c r="N511177" s="10"/>
    </row>
    <row r="511178" spans="14:14">
      <c r="N511178" s="10"/>
    </row>
    <row r="511179" spans="14:14">
      <c r="N511179" s="10"/>
    </row>
    <row r="511180" spans="14:14">
      <c r="N511180" s="10"/>
    </row>
    <row r="511181" spans="14:14">
      <c r="N511181" s="10"/>
    </row>
    <row r="511182" spans="14:14">
      <c r="N511182" s="10"/>
    </row>
    <row r="511183" spans="14:14">
      <c r="N511183" s="10"/>
    </row>
    <row r="511184" spans="14:14">
      <c r="N511184" s="10"/>
    </row>
    <row r="511185" spans="14:14">
      <c r="N511185" s="10"/>
    </row>
    <row r="511186" spans="14:14">
      <c r="N511186" s="10"/>
    </row>
    <row r="511187" spans="14:14">
      <c r="N511187" s="10"/>
    </row>
    <row r="511188" spans="14:14">
      <c r="N511188" s="10"/>
    </row>
    <row r="511189" spans="14:14">
      <c r="N511189" s="10"/>
    </row>
    <row r="511190" spans="14:14">
      <c r="N511190" s="10"/>
    </row>
    <row r="511191" spans="14:14">
      <c r="N511191" s="10"/>
    </row>
    <row r="511192" spans="14:14">
      <c r="N511192" s="10"/>
    </row>
    <row r="511193" spans="14:14">
      <c r="N511193" s="10"/>
    </row>
    <row r="511194" spans="14:14">
      <c r="N511194" s="10"/>
    </row>
    <row r="511195" spans="14:14">
      <c r="N511195" s="10"/>
    </row>
    <row r="511196" spans="14:14">
      <c r="N511196" s="10"/>
    </row>
    <row r="511197" spans="14:14">
      <c r="N511197" s="10"/>
    </row>
    <row r="511198" spans="14:14">
      <c r="N511198" s="10"/>
    </row>
    <row r="511199" spans="14:14">
      <c r="N511199" s="10"/>
    </row>
    <row r="511200" spans="14:14">
      <c r="N511200" s="10"/>
    </row>
    <row r="511201" spans="14:14">
      <c r="N511201" s="10"/>
    </row>
    <row r="511202" spans="14:14">
      <c r="N511202" s="10"/>
    </row>
    <row r="511203" spans="14:14">
      <c r="N511203" s="10"/>
    </row>
    <row r="511204" spans="14:14">
      <c r="N511204" s="10"/>
    </row>
    <row r="511205" spans="14:14">
      <c r="N511205" s="10"/>
    </row>
    <row r="511206" spans="14:14">
      <c r="N511206" s="10"/>
    </row>
    <row r="511207" spans="14:14">
      <c r="N511207" s="10"/>
    </row>
    <row r="511208" spans="14:14">
      <c r="N511208" s="10"/>
    </row>
    <row r="511209" spans="14:14">
      <c r="N511209" s="10"/>
    </row>
    <row r="511210" spans="14:14">
      <c r="N511210" s="10"/>
    </row>
    <row r="511211" spans="14:14">
      <c r="N511211" s="10"/>
    </row>
    <row r="511212" spans="14:14">
      <c r="N511212" s="10"/>
    </row>
    <row r="511213" spans="14:14">
      <c r="N511213" s="10"/>
    </row>
    <row r="511214" spans="14:14">
      <c r="N511214" s="10"/>
    </row>
    <row r="511215" spans="14:14">
      <c r="N511215" s="10"/>
    </row>
    <row r="511216" spans="14:14">
      <c r="N511216" s="10"/>
    </row>
    <row r="511217" spans="14:14">
      <c r="N511217" s="10"/>
    </row>
    <row r="511218" spans="14:14">
      <c r="N511218" s="10"/>
    </row>
    <row r="511219" spans="14:14">
      <c r="N511219" s="10"/>
    </row>
    <row r="511220" spans="14:14">
      <c r="N511220" s="10"/>
    </row>
    <row r="511221" spans="14:14">
      <c r="N511221" s="10"/>
    </row>
    <row r="511222" spans="14:14">
      <c r="N511222" s="10"/>
    </row>
    <row r="511223" spans="14:14">
      <c r="N511223" s="10"/>
    </row>
    <row r="511224" spans="14:14">
      <c r="N511224" s="10"/>
    </row>
    <row r="511225" spans="14:14">
      <c r="N511225" s="10"/>
    </row>
    <row r="511226" spans="14:14">
      <c r="N511226" s="10"/>
    </row>
    <row r="511227" spans="14:14">
      <c r="N511227" s="10"/>
    </row>
    <row r="511228" spans="14:14">
      <c r="N511228" s="10"/>
    </row>
    <row r="511229" spans="14:14">
      <c r="N511229" s="10"/>
    </row>
    <row r="511230" spans="14:14">
      <c r="N511230" s="10"/>
    </row>
    <row r="511231" spans="14:14">
      <c r="N511231" s="10"/>
    </row>
    <row r="511232" spans="14:14">
      <c r="N511232" s="10"/>
    </row>
    <row r="511233" spans="14:14">
      <c r="N511233" s="10"/>
    </row>
    <row r="511234" spans="14:14">
      <c r="N511234" s="10"/>
    </row>
    <row r="511235" spans="14:14">
      <c r="N511235" s="10"/>
    </row>
    <row r="511236" spans="14:14">
      <c r="N511236" s="10"/>
    </row>
    <row r="511237" spans="14:14">
      <c r="N511237" s="10"/>
    </row>
    <row r="511238" spans="14:14">
      <c r="N511238" s="10"/>
    </row>
    <row r="511239" spans="14:14">
      <c r="N511239" s="10"/>
    </row>
    <row r="511240" spans="14:14">
      <c r="N511240" s="10"/>
    </row>
    <row r="511241" spans="14:14">
      <c r="N511241" s="10"/>
    </row>
    <row r="511242" spans="14:14">
      <c r="N511242" s="10"/>
    </row>
    <row r="511243" spans="14:14">
      <c r="N511243" s="10"/>
    </row>
    <row r="511244" spans="14:14">
      <c r="N511244" s="10"/>
    </row>
    <row r="511245" spans="14:14">
      <c r="N511245" s="10"/>
    </row>
    <row r="511246" spans="14:14">
      <c r="N511246" s="10"/>
    </row>
    <row r="511247" spans="14:14">
      <c r="N511247" s="10"/>
    </row>
    <row r="511248" spans="14:14">
      <c r="N511248" s="10"/>
    </row>
    <row r="511249" spans="14:14">
      <c r="N511249" s="10"/>
    </row>
    <row r="511250" spans="14:14">
      <c r="N511250" s="10"/>
    </row>
    <row r="511251" spans="14:14">
      <c r="N511251" s="10"/>
    </row>
    <row r="511252" spans="14:14">
      <c r="N511252" s="10"/>
    </row>
    <row r="511253" spans="14:14">
      <c r="N511253" s="10"/>
    </row>
    <row r="511254" spans="14:14">
      <c r="N511254" s="10"/>
    </row>
    <row r="511255" spans="14:14">
      <c r="N511255" s="10"/>
    </row>
    <row r="511256" spans="14:14">
      <c r="N511256" s="10"/>
    </row>
    <row r="511257" spans="14:14">
      <c r="N511257" s="10"/>
    </row>
    <row r="511258" spans="14:14">
      <c r="N511258" s="10"/>
    </row>
    <row r="511259" spans="14:14">
      <c r="N511259" s="10"/>
    </row>
    <row r="511260" spans="14:14">
      <c r="N511260" s="10"/>
    </row>
    <row r="511261" spans="14:14">
      <c r="N511261" s="10"/>
    </row>
    <row r="511262" spans="14:14">
      <c r="N511262" s="10"/>
    </row>
    <row r="511263" spans="14:14">
      <c r="N511263" s="10"/>
    </row>
    <row r="511264" spans="14:14">
      <c r="N511264" s="10"/>
    </row>
    <row r="511265" spans="14:14">
      <c r="N511265" s="10"/>
    </row>
    <row r="511266" spans="14:14">
      <c r="N511266" s="10"/>
    </row>
    <row r="511267" spans="14:14">
      <c r="N511267" s="10"/>
    </row>
    <row r="511268" spans="14:14">
      <c r="N511268" s="10"/>
    </row>
    <row r="511269" spans="14:14">
      <c r="N511269" s="10"/>
    </row>
    <row r="511270" spans="14:14">
      <c r="N511270" s="10"/>
    </row>
    <row r="511271" spans="14:14">
      <c r="N511271" s="10"/>
    </row>
    <row r="511272" spans="14:14">
      <c r="N511272" s="10"/>
    </row>
    <row r="511273" spans="14:14">
      <c r="N511273" s="10"/>
    </row>
    <row r="511274" spans="14:14">
      <c r="N511274" s="10"/>
    </row>
    <row r="511275" spans="14:14">
      <c r="N511275" s="10"/>
    </row>
    <row r="511276" spans="14:14">
      <c r="N511276" s="10"/>
    </row>
    <row r="511277" spans="14:14">
      <c r="N511277" s="10"/>
    </row>
    <row r="511278" spans="14:14">
      <c r="N511278" s="10"/>
    </row>
    <row r="511279" spans="14:14">
      <c r="N511279" s="10"/>
    </row>
    <row r="511280" spans="14:14">
      <c r="N511280" s="10"/>
    </row>
    <row r="511281" spans="14:14">
      <c r="N511281" s="10"/>
    </row>
    <row r="511282" spans="14:14">
      <c r="N511282" s="10"/>
    </row>
    <row r="511283" spans="14:14">
      <c r="N511283" s="10"/>
    </row>
    <row r="511284" spans="14:14">
      <c r="N511284" s="10"/>
    </row>
    <row r="511285" spans="14:14">
      <c r="N511285" s="10"/>
    </row>
    <row r="511286" spans="14:14">
      <c r="N511286" s="10"/>
    </row>
    <row r="511287" spans="14:14">
      <c r="N511287" s="10"/>
    </row>
    <row r="511288" spans="14:14">
      <c r="N511288" s="10"/>
    </row>
    <row r="511289" spans="14:14">
      <c r="N511289" s="10"/>
    </row>
    <row r="511290" spans="14:14">
      <c r="N511290" s="10"/>
    </row>
    <row r="511291" spans="14:14">
      <c r="N511291" s="10"/>
    </row>
    <row r="511292" spans="14:14">
      <c r="N511292" s="10"/>
    </row>
    <row r="511293" spans="14:14">
      <c r="N511293" s="10"/>
    </row>
    <row r="511294" spans="14:14">
      <c r="N511294" s="10"/>
    </row>
    <row r="511295" spans="14:14">
      <c r="N511295" s="10"/>
    </row>
    <row r="511296" spans="14:14">
      <c r="N511296" s="10"/>
    </row>
    <row r="511297" spans="14:14">
      <c r="N511297" s="10"/>
    </row>
    <row r="511298" spans="14:14">
      <c r="N511298" s="10"/>
    </row>
    <row r="511299" spans="14:14">
      <c r="N511299" s="10"/>
    </row>
    <row r="511300" spans="14:14">
      <c r="N511300" s="10"/>
    </row>
    <row r="511301" spans="14:14">
      <c r="N511301" s="10"/>
    </row>
    <row r="511302" spans="14:14">
      <c r="N511302" s="10"/>
    </row>
    <row r="511303" spans="14:14">
      <c r="N511303" s="10"/>
    </row>
    <row r="511304" spans="14:14">
      <c r="N511304" s="10"/>
    </row>
    <row r="511305" spans="14:14">
      <c r="N511305" s="10"/>
    </row>
    <row r="511306" spans="14:14">
      <c r="N511306" s="10"/>
    </row>
    <row r="511307" spans="14:14">
      <c r="N511307" s="10"/>
    </row>
    <row r="511308" spans="14:14">
      <c r="N511308" s="10"/>
    </row>
    <row r="511309" spans="14:14">
      <c r="N511309" s="10"/>
    </row>
    <row r="511310" spans="14:14">
      <c r="N511310" s="10"/>
    </row>
    <row r="511311" spans="14:14">
      <c r="N511311" s="10"/>
    </row>
    <row r="511312" spans="14:14">
      <c r="N511312" s="10"/>
    </row>
    <row r="511313" spans="14:14">
      <c r="N511313" s="10"/>
    </row>
    <row r="511314" spans="14:14">
      <c r="N511314" s="10"/>
    </row>
    <row r="511315" spans="14:14">
      <c r="N511315" s="10"/>
    </row>
    <row r="511316" spans="14:14">
      <c r="N511316" s="10"/>
    </row>
    <row r="511317" spans="14:14">
      <c r="N511317" s="10"/>
    </row>
    <row r="511318" spans="14:14">
      <c r="N511318" s="10"/>
    </row>
    <row r="511319" spans="14:14">
      <c r="N511319" s="10"/>
    </row>
    <row r="511320" spans="14:14">
      <c r="N511320" s="10"/>
    </row>
    <row r="511321" spans="14:14">
      <c r="N511321" s="10"/>
    </row>
    <row r="511322" spans="14:14">
      <c r="N511322" s="10"/>
    </row>
    <row r="511323" spans="14:14">
      <c r="N511323" s="10"/>
    </row>
    <row r="511324" spans="14:14">
      <c r="N511324" s="10"/>
    </row>
    <row r="511325" spans="14:14">
      <c r="N511325" s="10"/>
    </row>
    <row r="511326" spans="14:14">
      <c r="N511326" s="10"/>
    </row>
    <row r="511327" spans="14:14">
      <c r="N511327" s="10"/>
    </row>
    <row r="511328" spans="14:14">
      <c r="N511328" s="10"/>
    </row>
    <row r="511329" spans="14:14">
      <c r="N511329" s="10"/>
    </row>
    <row r="511330" spans="14:14">
      <c r="N511330" s="10"/>
    </row>
    <row r="511331" spans="14:14">
      <c r="N511331" s="10"/>
    </row>
    <row r="511332" spans="14:14">
      <c r="N511332" s="10"/>
    </row>
    <row r="511333" spans="14:14">
      <c r="N511333" s="10"/>
    </row>
    <row r="511334" spans="14:14">
      <c r="N511334" s="10"/>
    </row>
    <row r="511335" spans="14:14">
      <c r="N511335" s="10"/>
    </row>
    <row r="511336" spans="14:14">
      <c r="N511336" s="10"/>
    </row>
    <row r="511337" spans="14:14">
      <c r="N511337" s="10"/>
    </row>
    <row r="511338" spans="14:14">
      <c r="N511338" s="10"/>
    </row>
    <row r="511339" spans="14:14">
      <c r="N511339" s="10"/>
    </row>
    <row r="511340" spans="14:14">
      <c r="N511340" s="10"/>
    </row>
    <row r="511341" spans="14:14">
      <c r="N511341" s="10"/>
    </row>
    <row r="511342" spans="14:14">
      <c r="N511342" s="10"/>
    </row>
    <row r="511343" spans="14:14">
      <c r="N511343" s="10"/>
    </row>
    <row r="511344" spans="14:14">
      <c r="N511344" s="10"/>
    </row>
    <row r="511345" spans="14:14">
      <c r="N511345" s="10"/>
    </row>
    <row r="511346" spans="14:14">
      <c r="N511346" s="10"/>
    </row>
    <row r="511347" spans="14:14">
      <c r="N511347" s="10"/>
    </row>
    <row r="511348" spans="14:14">
      <c r="N511348" s="10"/>
    </row>
    <row r="511349" spans="14:14">
      <c r="N511349" s="10"/>
    </row>
    <row r="511350" spans="14:14">
      <c r="N511350" s="10"/>
    </row>
    <row r="511351" spans="14:14">
      <c r="N511351" s="10"/>
    </row>
    <row r="511352" spans="14:14">
      <c r="N511352" s="10"/>
    </row>
    <row r="511353" spans="14:14">
      <c r="N511353" s="10"/>
    </row>
    <row r="511354" spans="14:14">
      <c r="N511354" s="10"/>
    </row>
    <row r="511355" spans="14:14">
      <c r="N511355" s="10"/>
    </row>
    <row r="511356" spans="14:14">
      <c r="N511356" s="10"/>
    </row>
    <row r="511357" spans="14:14">
      <c r="N511357" s="10"/>
    </row>
    <row r="511358" spans="14:14">
      <c r="N511358" s="10"/>
    </row>
    <row r="511359" spans="14:14">
      <c r="N511359" s="10"/>
    </row>
    <row r="511360" spans="14:14">
      <c r="N511360" s="10"/>
    </row>
    <row r="511361" spans="14:14">
      <c r="N511361" s="10"/>
    </row>
    <row r="511362" spans="14:14">
      <c r="N511362" s="10"/>
    </row>
    <row r="511363" spans="14:14">
      <c r="N511363" s="10"/>
    </row>
    <row r="511364" spans="14:14">
      <c r="N511364" s="10"/>
    </row>
    <row r="511365" spans="14:14">
      <c r="N511365" s="10"/>
    </row>
    <row r="511366" spans="14:14">
      <c r="N511366" s="10"/>
    </row>
    <row r="511367" spans="14:14">
      <c r="N511367" s="10"/>
    </row>
    <row r="511368" spans="14:14">
      <c r="N511368" s="10"/>
    </row>
    <row r="511369" spans="14:14">
      <c r="N511369" s="10"/>
    </row>
    <row r="511370" spans="14:14">
      <c r="N511370" s="10"/>
    </row>
    <row r="511371" spans="14:14">
      <c r="N511371" s="10"/>
    </row>
    <row r="511372" spans="14:14">
      <c r="N511372" s="10"/>
    </row>
    <row r="511373" spans="14:14">
      <c r="N511373" s="10"/>
    </row>
    <row r="511374" spans="14:14">
      <c r="N511374" s="10"/>
    </row>
    <row r="511375" spans="14:14">
      <c r="N511375" s="10"/>
    </row>
    <row r="511376" spans="14:14">
      <c r="N511376" s="10"/>
    </row>
    <row r="511377" spans="14:14">
      <c r="N511377" s="10"/>
    </row>
    <row r="511378" spans="14:14">
      <c r="N511378" s="10"/>
    </row>
    <row r="511379" spans="14:14">
      <c r="N511379" s="10"/>
    </row>
    <row r="511380" spans="14:14">
      <c r="N511380" s="10"/>
    </row>
    <row r="511381" spans="14:14">
      <c r="N511381" s="10"/>
    </row>
    <row r="511382" spans="14:14">
      <c r="N511382" s="10"/>
    </row>
    <row r="511383" spans="14:14">
      <c r="N511383" s="10"/>
    </row>
    <row r="511384" spans="14:14">
      <c r="N511384" s="10"/>
    </row>
    <row r="511385" spans="14:14">
      <c r="N511385" s="10"/>
    </row>
    <row r="511386" spans="14:14">
      <c r="N511386" s="10"/>
    </row>
    <row r="511387" spans="14:14">
      <c r="N511387" s="10"/>
    </row>
    <row r="511388" spans="14:14">
      <c r="N511388" s="10"/>
    </row>
    <row r="511389" spans="14:14">
      <c r="N511389" s="10"/>
    </row>
    <row r="511390" spans="14:14">
      <c r="N511390" s="10"/>
    </row>
    <row r="511391" spans="14:14">
      <c r="N511391" s="10"/>
    </row>
    <row r="511392" spans="14:14">
      <c r="N511392" s="10"/>
    </row>
    <row r="511393" spans="14:14">
      <c r="N511393" s="10"/>
    </row>
    <row r="511394" spans="14:14">
      <c r="N511394" s="10"/>
    </row>
    <row r="511395" spans="14:14">
      <c r="N511395" s="10"/>
    </row>
    <row r="511396" spans="14:14">
      <c r="N511396" s="10"/>
    </row>
    <row r="511397" spans="14:14">
      <c r="N511397" s="10"/>
    </row>
    <row r="511398" spans="14:14">
      <c r="N511398" s="10"/>
    </row>
    <row r="511399" spans="14:14">
      <c r="N511399" s="10"/>
    </row>
    <row r="511400" spans="14:14">
      <c r="N511400" s="10"/>
    </row>
    <row r="511401" spans="14:14">
      <c r="N511401" s="10"/>
    </row>
    <row r="511402" spans="14:14">
      <c r="N511402" s="10"/>
    </row>
    <row r="511403" spans="14:14">
      <c r="N511403" s="10"/>
    </row>
    <row r="511404" spans="14:14">
      <c r="N511404" s="10"/>
    </row>
    <row r="511405" spans="14:14">
      <c r="N511405" s="10"/>
    </row>
    <row r="511406" spans="14:14">
      <c r="N511406" s="10"/>
    </row>
    <row r="511407" spans="14:14">
      <c r="N511407" s="10"/>
    </row>
    <row r="511408" spans="14:14">
      <c r="N511408" s="10"/>
    </row>
    <row r="511409" spans="14:14">
      <c r="N511409" s="10"/>
    </row>
    <row r="511410" spans="14:14">
      <c r="N511410" s="10"/>
    </row>
    <row r="511411" spans="14:14">
      <c r="N511411" s="10"/>
    </row>
    <row r="511412" spans="14:14">
      <c r="N511412" s="10"/>
    </row>
    <row r="511413" spans="14:14">
      <c r="N511413" s="10"/>
    </row>
    <row r="511414" spans="14:14">
      <c r="N511414" s="10"/>
    </row>
    <row r="511415" spans="14:14">
      <c r="N511415" s="10"/>
    </row>
    <row r="511416" spans="14:14">
      <c r="N511416" s="10"/>
    </row>
    <row r="511417" spans="14:14">
      <c r="N511417" s="10"/>
    </row>
    <row r="511418" spans="14:14">
      <c r="N511418" s="10"/>
    </row>
    <row r="511419" spans="14:14">
      <c r="N511419" s="10"/>
    </row>
    <row r="511420" spans="14:14">
      <c r="N511420" s="10"/>
    </row>
    <row r="511421" spans="14:14">
      <c r="N511421" s="10"/>
    </row>
    <row r="511422" spans="14:14">
      <c r="N511422" s="10"/>
    </row>
    <row r="511423" spans="14:14">
      <c r="N511423" s="10"/>
    </row>
    <row r="511424" spans="14:14">
      <c r="N511424" s="10"/>
    </row>
    <row r="511425" spans="14:14">
      <c r="N511425" s="10"/>
    </row>
    <row r="511426" spans="14:14">
      <c r="N511426" s="10"/>
    </row>
    <row r="511427" spans="14:14">
      <c r="N511427" s="10"/>
    </row>
    <row r="511428" spans="14:14">
      <c r="N511428" s="10"/>
    </row>
    <row r="511429" spans="14:14">
      <c r="N511429" s="10"/>
    </row>
    <row r="511430" spans="14:14">
      <c r="N511430" s="10"/>
    </row>
    <row r="511431" spans="14:14">
      <c r="N511431" s="10"/>
    </row>
    <row r="511432" spans="14:14">
      <c r="N511432" s="10"/>
    </row>
    <row r="511433" spans="14:14">
      <c r="N511433" s="10"/>
    </row>
    <row r="511434" spans="14:14">
      <c r="N511434" s="10"/>
    </row>
    <row r="511435" spans="14:14">
      <c r="N511435" s="10"/>
    </row>
    <row r="511436" spans="14:14">
      <c r="N511436" s="10"/>
    </row>
    <row r="511437" spans="14:14">
      <c r="N511437" s="10"/>
    </row>
    <row r="511438" spans="14:14">
      <c r="N511438" s="10"/>
    </row>
    <row r="511439" spans="14:14">
      <c r="N511439" s="10"/>
    </row>
    <row r="511440" spans="14:14">
      <c r="N511440" s="10"/>
    </row>
    <row r="511441" spans="14:14">
      <c r="N511441" s="10"/>
    </row>
    <row r="511442" spans="14:14">
      <c r="N511442" s="10"/>
    </row>
    <row r="511443" spans="14:14">
      <c r="N511443" s="10"/>
    </row>
    <row r="511444" spans="14:14">
      <c r="N511444" s="10"/>
    </row>
    <row r="511445" spans="14:14">
      <c r="N511445" s="10"/>
    </row>
    <row r="511446" spans="14:14">
      <c r="N511446" s="10"/>
    </row>
    <row r="511447" spans="14:14">
      <c r="N511447" s="10"/>
    </row>
    <row r="511448" spans="14:14">
      <c r="N511448" s="10"/>
    </row>
    <row r="511449" spans="14:14">
      <c r="N511449" s="10"/>
    </row>
    <row r="511450" spans="14:14">
      <c r="N511450" s="10"/>
    </row>
    <row r="511451" spans="14:14">
      <c r="N511451" s="10"/>
    </row>
    <row r="511452" spans="14:14">
      <c r="N511452" s="10"/>
    </row>
    <row r="511453" spans="14:14">
      <c r="N511453" s="10"/>
    </row>
    <row r="511454" spans="14:14">
      <c r="N511454" s="10"/>
    </row>
    <row r="511455" spans="14:14">
      <c r="N511455" s="10"/>
    </row>
    <row r="511456" spans="14:14">
      <c r="N511456" s="10"/>
    </row>
    <row r="511457" spans="14:14">
      <c r="N511457" s="10"/>
    </row>
    <row r="511458" spans="14:14">
      <c r="N511458" s="10"/>
    </row>
    <row r="511459" spans="14:14">
      <c r="N511459" s="10"/>
    </row>
    <row r="511460" spans="14:14">
      <c r="N511460" s="10"/>
    </row>
    <row r="511461" spans="14:14">
      <c r="N511461" s="10"/>
    </row>
    <row r="511462" spans="14:14">
      <c r="N511462" s="10"/>
    </row>
    <row r="511463" spans="14:14">
      <c r="N511463" s="10"/>
    </row>
    <row r="511464" spans="14:14">
      <c r="N511464" s="10"/>
    </row>
    <row r="511465" spans="14:14">
      <c r="N511465" s="10"/>
    </row>
    <row r="511466" spans="14:14">
      <c r="N511466" s="10"/>
    </row>
    <row r="511467" spans="14:14">
      <c r="N511467" s="10"/>
    </row>
    <row r="511468" spans="14:14">
      <c r="N511468" s="10"/>
    </row>
    <row r="511469" spans="14:14">
      <c r="N511469" s="10"/>
    </row>
    <row r="511470" spans="14:14">
      <c r="N511470" s="10"/>
    </row>
    <row r="511471" spans="14:14">
      <c r="N511471" s="10"/>
    </row>
    <row r="511472" spans="14:14">
      <c r="N511472" s="10"/>
    </row>
    <row r="511473" spans="14:14">
      <c r="N511473" s="10"/>
    </row>
    <row r="511474" spans="14:14">
      <c r="N511474" s="10"/>
    </row>
    <row r="511475" spans="14:14">
      <c r="N511475" s="10"/>
    </row>
    <row r="511476" spans="14:14">
      <c r="N511476" s="10"/>
    </row>
    <row r="511477" spans="14:14">
      <c r="N511477" s="10"/>
    </row>
    <row r="511478" spans="14:14">
      <c r="N511478" s="10"/>
    </row>
    <row r="511479" spans="14:14">
      <c r="N511479" s="10"/>
    </row>
    <row r="511480" spans="14:14">
      <c r="N511480" s="10"/>
    </row>
    <row r="511481" spans="14:14">
      <c r="N511481" s="10"/>
    </row>
    <row r="511482" spans="14:14">
      <c r="N511482" s="10"/>
    </row>
    <row r="511483" spans="14:14">
      <c r="N511483" s="10"/>
    </row>
    <row r="511484" spans="14:14">
      <c r="N511484" s="10"/>
    </row>
    <row r="511485" spans="14:14">
      <c r="N511485" s="10"/>
    </row>
    <row r="511486" spans="14:14">
      <c r="N511486" s="10"/>
    </row>
    <row r="511487" spans="14:14">
      <c r="N511487" s="10"/>
    </row>
    <row r="511488" spans="14:14">
      <c r="N511488" s="10"/>
    </row>
    <row r="511489" spans="14:14">
      <c r="N511489" s="10"/>
    </row>
    <row r="511490" spans="14:14">
      <c r="N511490" s="10"/>
    </row>
    <row r="511491" spans="14:14">
      <c r="N511491" s="10"/>
    </row>
    <row r="511492" spans="14:14">
      <c r="N511492" s="10"/>
    </row>
    <row r="511493" spans="14:14">
      <c r="N511493" s="10"/>
    </row>
    <row r="511494" spans="14:14">
      <c r="N511494" s="10"/>
    </row>
    <row r="511495" spans="14:14">
      <c r="N511495" s="10"/>
    </row>
    <row r="511496" spans="14:14">
      <c r="N511496" s="10"/>
    </row>
    <row r="511497" spans="14:14">
      <c r="N511497" s="10"/>
    </row>
    <row r="511498" spans="14:14">
      <c r="N511498" s="10"/>
    </row>
    <row r="511499" spans="14:14">
      <c r="N511499" s="10"/>
    </row>
    <row r="511500" spans="14:14">
      <c r="N511500" s="10"/>
    </row>
    <row r="511501" spans="14:14">
      <c r="N511501" s="10"/>
    </row>
    <row r="511502" spans="14:14">
      <c r="N511502" s="10"/>
    </row>
    <row r="511503" spans="14:14">
      <c r="N511503" s="10"/>
    </row>
    <row r="511504" spans="14:14">
      <c r="N511504" s="10"/>
    </row>
    <row r="511505" spans="14:14">
      <c r="N511505" s="10"/>
    </row>
    <row r="511506" spans="14:14">
      <c r="N511506" s="10"/>
    </row>
    <row r="511507" spans="14:14">
      <c r="N511507" s="10"/>
    </row>
    <row r="511508" spans="14:14">
      <c r="N511508" s="10"/>
    </row>
    <row r="511509" spans="14:14">
      <c r="N511509" s="10"/>
    </row>
    <row r="511510" spans="14:14">
      <c r="N511510" s="10"/>
    </row>
    <row r="511511" spans="14:14">
      <c r="N511511" s="10"/>
    </row>
    <row r="511512" spans="14:14">
      <c r="N511512" s="10"/>
    </row>
    <row r="511513" spans="14:14">
      <c r="N511513" s="10"/>
    </row>
    <row r="511514" spans="14:14">
      <c r="N511514" s="10"/>
    </row>
    <row r="511515" spans="14:14">
      <c r="N511515" s="10"/>
    </row>
    <row r="511516" spans="14:14">
      <c r="N511516" s="10"/>
    </row>
    <row r="511517" spans="14:14">
      <c r="N511517" s="10"/>
    </row>
    <row r="511518" spans="14:14">
      <c r="N511518" s="10"/>
    </row>
    <row r="511519" spans="14:14">
      <c r="N511519" s="10"/>
    </row>
    <row r="511520" spans="14:14">
      <c r="N511520" s="10"/>
    </row>
    <row r="511521" spans="14:14">
      <c r="N511521" s="10"/>
    </row>
    <row r="511522" spans="14:14">
      <c r="N511522" s="10"/>
    </row>
    <row r="511523" spans="14:14">
      <c r="N511523" s="10"/>
    </row>
    <row r="511524" spans="14:14">
      <c r="N511524" s="10"/>
    </row>
    <row r="511525" spans="14:14">
      <c r="N511525" s="10"/>
    </row>
    <row r="511526" spans="14:14">
      <c r="N511526" s="10"/>
    </row>
    <row r="511527" spans="14:14">
      <c r="N511527" s="10"/>
    </row>
    <row r="511528" spans="14:14">
      <c r="N511528" s="10"/>
    </row>
    <row r="511529" spans="14:14">
      <c r="N511529" s="10"/>
    </row>
    <row r="511530" spans="14:14">
      <c r="N511530" s="10"/>
    </row>
    <row r="511531" spans="14:14">
      <c r="N511531" s="10"/>
    </row>
    <row r="511532" spans="14:14">
      <c r="N511532" s="10"/>
    </row>
    <row r="511533" spans="14:14">
      <c r="N511533" s="10"/>
    </row>
    <row r="511534" spans="14:14">
      <c r="N511534" s="10"/>
    </row>
    <row r="511535" spans="14:14">
      <c r="N511535" s="10"/>
    </row>
    <row r="511536" spans="14:14">
      <c r="N511536" s="10"/>
    </row>
    <row r="511537" spans="14:14">
      <c r="N511537" s="10"/>
    </row>
    <row r="511538" spans="14:14">
      <c r="N511538" s="10"/>
    </row>
    <row r="511539" spans="14:14">
      <c r="N511539" s="10"/>
    </row>
    <row r="511540" spans="14:14">
      <c r="N511540" s="10"/>
    </row>
    <row r="511541" spans="14:14">
      <c r="N511541" s="10"/>
    </row>
    <row r="511542" spans="14:14">
      <c r="N511542" s="10"/>
    </row>
    <row r="511543" spans="14:14">
      <c r="N511543" s="10"/>
    </row>
    <row r="511544" spans="14:14">
      <c r="N511544" s="10"/>
    </row>
    <row r="511545" spans="14:14">
      <c r="N511545" s="10"/>
    </row>
    <row r="511546" spans="14:14">
      <c r="N511546" s="10"/>
    </row>
    <row r="511547" spans="14:14">
      <c r="N511547" s="10"/>
    </row>
    <row r="511548" spans="14:14">
      <c r="N511548" s="10"/>
    </row>
    <row r="511549" spans="14:14">
      <c r="N511549" s="10"/>
    </row>
    <row r="511550" spans="14:14">
      <c r="N511550" s="10"/>
    </row>
    <row r="511551" spans="14:14">
      <c r="N511551" s="10"/>
    </row>
    <row r="511552" spans="14:14">
      <c r="N511552" s="10"/>
    </row>
    <row r="511553" spans="14:14">
      <c r="N511553" s="10"/>
    </row>
    <row r="511554" spans="14:14">
      <c r="N511554" s="10"/>
    </row>
    <row r="511555" spans="14:14">
      <c r="N511555" s="10"/>
    </row>
    <row r="511556" spans="14:14">
      <c r="N511556" s="10"/>
    </row>
    <row r="511557" spans="14:14">
      <c r="N511557" s="10"/>
    </row>
    <row r="511558" spans="14:14">
      <c r="N511558" s="10"/>
    </row>
    <row r="511559" spans="14:14">
      <c r="N511559" s="10"/>
    </row>
    <row r="511560" spans="14:14">
      <c r="N511560" s="10"/>
    </row>
    <row r="511561" spans="14:14">
      <c r="N511561" s="10"/>
    </row>
    <row r="511562" spans="14:14">
      <c r="N511562" s="10"/>
    </row>
    <row r="511563" spans="14:14">
      <c r="N511563" s="10"/>
    </row>
    <row r="511564" spans="14:14">
      <c r="N511564" s="10"/>
    </row>
    <row r="511565" spans="14:14">
      <c r="N511565" s="10"/>
    </row>
    <row r="511566" spans="14:14">
      <c r="N511566" s="10"/>
    </row>
    <row r="511567" spans="14:14">
      <c r="N511567" s="10"/>
    </row>
    <row r="511568" spans="14:14">
      <c r="N511568" s="10"/>
    </row>
    <row r="511569" spans="14:14">
      <c r="N511569" s="10"/>
    </row>
    <row r="511570" spans="14:14">
      <c r="N511570" s="10"/>
    </row>
    <row r="511571" spans="14:14">
      <c r="N511571" s="10"/>
    </row>
    <row r="511572" spans="14:14">
      <c r="N511572" s="10"/>
    </row>
    <row r="511573" spans="14:14">
      <c r="N511573" s="10"/>
    </row>
    <row r="511574" spans="14:14">
      <c r="N511574" s="10"/>
    </row>
    <row r="511575" spans="14:14">
      <c r="N511575" s="10"/>
    </row>
    <row r="511576" spans="14:14">
      <c r="N511576" s="10"/>
    </row>
    <row r="511577" spans="14:14">
      <c r="N511577" s="10"/>
    </row>
    <row r="511578" spans="14:14">
      <c r="N511578" s="10"/>
    </row>
    <row r="511579" spans="14:14">
      <c r="N511579" s="10"/>
    </row>
    <row r="511580" spans="14:14">
      <c r="N511580" s="10"/>
    </row>
    <row r="511581" spans="14:14">
      <c r="N511581" s="10"/>
    </row>
    <row r="511582" spans="14:14">
      <c r="N511582" s="10"/>
    </row>
    <row r="511583" spans="14:14">
      <c r="N511583" s="10"/>
    </row>
    <row r="511584" spans="14:14">
      <c r="N511584" s="10"/>
    </row>
    <row r="511585" spans="14:14">
      <c r="N511585" s="10"/>
    </row>
    <row r="511586" spans="14:14">
      <c r="N511586" s="10"/>
    </row>
    <row r="511587" spans="14:14">
      <c r="N511587" s="10"/>
    </row>
    <row r="511588" spans="14:14">
      <c r="N511588" s="10"/>
    </row>
    <row r="511589" spans="14:14">
      <c r="N511589" s="10"/>
    </row>
    <row r="511590" spans="14:14">
      <c r="N511590" s="10"/>
    </row>
    <row r="511591" spans="14:14">
      <c r="N511591" s="10"/>
    </row>
    <row r="511592" spans="14:14">
      <c r="N511592" s="10"/>
    </row>
    <row r="511593" spans="14:14">
      <c r="N511593" s="10"/>
    </row>
    <row r="511594" spans="14:14">
      <c r="N511594" s="10"/>
    </row>
    <row r="511595" spans="14:14">
      <c r="N511595" s="10"/>
    </row>
    <row r="511596" spans="14:14">
      <c r="N511596" s="10"/>
    </row>
    <row r="511597" spans="14:14">
      <c r="N511597" s="10"/>
    </row>
    <row r="511598" spans="14:14">
      <c r="N511598" s="10"/>
    </row>
    <row r="511599" spans="14:14">
      <c r="N511599" s="10"/>
    </row>
    <row r="511600" spans="14:14">
      <c r="N511600" s="10"/>
    </row>
    <row r="511601" spans="14:14">
      <c r="N511601" s="10"/>
    </row>
    <row r="511602" spans="14:14">
      <c r="N511602" s="10"/>
    </row>
    <row r="511603" spans="14:14">
      <c r="N511603" s="10"/>
    </row>
    <row r="511604" spans="14:14">
      <c r="N511604" s="10"/>
    </row>
    <row r="511605" spans="14:14">
      <c r="N511605" s="10"/>
    </row>
    <row r="511606" spans="14:14">
      <c r="N511606" s="10"/>
    </row>
    <row r="511607" spans="14:14">
      <c r="N511607" s="10"/>
    </row>
    <row r="511608" spans="14:14">
      <c r="N511608" s="10"/>
    </row>
    <row r="511609" spans="14:14">
      <c r="N511609" s="10"/>
    </row>
    <row r="511610" spans="14:14">
      <c r="N511610" s="10"/>
    </row>
    <row r="511611" spans="14:14">
      <c r="N511611" s="10"/>
    </row>
    <row r="511612" spans="14:14">
      <c r="N511612" s="10"/>
    </row>
    <row r="511613" spans="14:14">
      <c r="N511613" s="10"/>
    </row>
    <row r="511614" spans="14:14">
      <c r="N511614" s="10"/>
    </row>
    <row r="511615" spans="14:14">
      <c r="N511615" s="10"/>
    </row>
    <row r="511616" spans="14:14">
      <c r="N511616" s="10"/>
    </row>
    <row r="511617" spans="14:14">
      <c r="N511617" s="10"/>
    </row>
    <row r="511618" spans="14:14">
      <c r="N511618" s="10"/>
    </row>
    <row r="511619" spans="14:14">
      <c r="N511619" s="10"/>
    </row>
    <row r="511620" spans="14:14">
      <c r="N511620" s="10"/>
    </row>
    <row r="511621" spans="14:14">
      <c r="N511621" s="10"/>
    </row>
    <row r="511622" spans="14:14">
      <c r="N511622" s="10"/>
    </row>
    <row r="511623" spans="14:14">
      <c r="N511623" s="10"/>
    </row>
    <row r="511624" spans="14:14">
      <c r="N511624" s="10"/>
    </row>
    <row r="511625" spans="14:14">
      <c r="N511625" s="10"/>
    </row>
    <row r="511626" spans="14:14">
      <c r="N511626" s="10"/>
    </row>
    <row r="511627" spans="14:14">
      <c r="N511627" s="10"/>
    </row>
    <row r="511628" spans="14:14">
      <c r="N511628" s="10"/>
    </row>
    <row r="511629" spans="14:14">
      <c r="N511629" s="10"/>
    </row>
    <row r="511630" spans="14:14">
      <c r="N511630" s="10"/>
    </row>
    <row r="511631" spans="14:14">
      <c r="N511631" s="10"/>
    </row>
    <row r="511632" spans="14:14">
      <c r="N511632" s="10"/>
    </row>
    <row r="511633" spans="14:14">
      <c r="N511633" s="10"/>
    </row>
    <row r="511634" spans="14:14">
      <c r="N511634" s="10"/>
    </row>
    <row r="511635" spans="14:14">
      <c r="N511635" s="10"/>
    </row>
    <row r="511636" spans="14:14">
      <c r="N511636" s="10"/>
    </row>
    <row r="511637" spans="14:14">
      <c r="N511637" s="10"/>
    </row>
    <row r="511638" spans="14:14">
      <c r="N511638" s="10"/>
    </row>
    <row r="511639" spans="14:14">
      <c r="N511639" s="10"/>
    </row>
    <row r="511640" spans="14:14">
      <c r="N511640" s="10"/>
    </row>
    <row r="511641" spans="14:14">
      <c r="N511641" s="10"/>
    </row>
    <row r="511642" spans="14:14">
      <c r="N511642" s="10"/>
    </row>
    <row r="511643" spans="14:14">
      <c r="N511643" s="10"/>
    </row>
    <row r="511644" spans="14:14">
      <c r="N511644" s="10"/>
    </row>
    <row r="511645" spans="14:14">
      <c r="N511645" s="10"/>
    </row>
    <row r="511646" spans="14:14">
      <c r="N511646" s="10"/>
    </row>
    <row r="511647" spans="14:14">
      <c r="N511647" s="10"/>
    </row>
    <row r="511648" spans="14:14">
      <c r="N511648" s="10"/>
    </row>
    <row r="511649" spans="14:14">
      <c r="N511649" s="10"/>
    </row>
    <row r="511650" spans="14:14">
      <c r="N511650" s="10"/>
    </row>
    <row r="511651" spans="14:14">
      <c r="N511651" s="10"/>
    </row>
    <row r="511652" spans="14:14">
      <c r="N511652" s="10"/>
    </row>
    <row r="511653" spans="14:14">
      <c r="N511653" s="10"/>
    </row>
    <row r="511654" spans="14:14">
      <c r="N511654" s="10"/>
    </row>
    <row r="511655" spans="14:14">
      <c r="N511655" s="10"/>
    </row>
    <row r="511656" spans="14:14">
      <c r="N511656" s="10"/>
    </row>
    <row r="511657" spans="14:14">
      <c r="N511657" s="10"/>
    </row>
    <row r="511658" spans="14:14">
      <c r="N511658" s="10"/>
    </row>
    <row r="511659" spans="14:14">
      <c r="N511659" s="10"/>
    </row>
    <row r="511660" spans="14:14">
      <c r="N511660" s="10"/>
    </row>
    <row r="511661" spans="14:14">
      <c r="N511661" s="10"/>
    </row>
    <row r="511662" spans="14:14">
      <c r="N511662" s="10"/>
    </row>
    <row r="511663" spans="14:14">
      <c r="N511663" s="10"/>
    </row>
    <row r="511664" spans="14:14">
      <c r="N511664" s="10"/>
    </row>
    <row r="511665" spans="14:14">
      <c r="N511665" s="10"/>
    </row>
    <row r="511666" spans="14:14">
      <c r="N511666" s="10"/>
    </row>
    <row r="511667" spans="14:14">
      <c r="N511667" s="10"/>
    </row>
    <row r="511668" spans="14:14">
      <c r="N511668" s="10"/>
    </row>
    <row r="511669" spans="14:14">
      <c r="N511669" s="10"/>
    </row>
    <row r="511670" spans="14:14">
      <c r="N511670" s="10"/>
    </row>
    <row r="511671" spans="14:14">
      <c r="N511671" s="10"/>
    </row>
    <row r="511672" spans="14:14">
      <c r="N511672" s="10"/>
    </row>
    <row r="511673" spans="14:14">
      <c r="N511673" s="10"/>
    </row>
    <row r="511674" spans="14:14">
      <c r="N511674" s="10"/>
    </row>
    <row r="511675" spans="14:14">
      <c r="N511675" s="10"/>
    </row>
    <row r="511676" spans="14:14">
      <c r="N511676" s="10"/>
    </row>
    <row r="511677" spans="14:14">
      <c r="N511677" s="10"/>
    </row>
    <row r="511678" spans="14:14">
      <c r="N511678" s="10"/>
    </row>
    <row r="511679" spans="14:14">
      <c r="N511679" s="10"/>
    </row>
    <row r="511680" spans="14:14">
      <c r="N511680" s="10"/>
    </row>
    <row r="511681" spans="14:14">
      <c r="N511681" s="10"/>
    </row>
    <row r="511682" spans="14:14">
      <c r="N511682" s="10"/>
    </row>
    <row r="511683" spans="14:14">
      <c r="N511683" s="10"/>
    </row>
    <row r="511684" spans="14:14">
      <c r="N511684" s="10"/>
    </row>
    <row r="511685" spans="14:14">
      <c r="N511685" s="10"/>
    </row>
    <row r="511686" spans="14:14">
      <c r="N511686" s="10"/>
    </row>
    <row r="511687" spans="14:14">
      <c r="N511687" s="10"/>
    </row>
    <row r="511688" spans="14:14">
      <c r="N511688" s="10"/>
    </row>
    <row r="511689" spans="14:14">
      <c r="N511689" s="10"/>
    </row>
    <row r="511690" spans="14:14">
      <c r="N511690" s="10"/>
    </row>
    <row r="511691" spans="14:14">
      <c r="N511691" s="10"/>
    </row>
    <row r="511692" spans="14:14">
      <c r="N511692" s="10"/>
    </row>
    <row r="511693" spans="14:14">
      <c r="N511693" s="10"/>
    </row>
    <row r="511694" spans="14:14">
      <c r="N511694" s="10"/>
    </row>
    <row r="511695" spans="14:14">
      <c r="N511695" s="10"/>
    </row>
    <row r="511696" spans="14:14">
      <c r="N511696" s="10"/>
    </row>
    <row r="511697" spans="14:14">
      <c r="N511697" s="10"/>
    </row>
    <row r="511698" spans="14:14">
      <c r="N511698" s="10"/>
    </row>
    <row r="511699" spans="14:14">
      <c r="N511699" s="10"/>
    </row>
    <row r="511700" spans="14:14">
      <c r="N511700" s="10"/>
    </row>
    <row r="511701" spans="14:14">
      <c r="N511701" s="10"/>
    </row>
    <row r="511702" spans="14:14">
      <c r="N511702" s="10"/>
    </row>
    <row r="511703" spans="14:14">
      <c r="N511703" s="10"/>
    </row>
    <row r="511704" spans="14:14">
      <c r="N511704" s="10"/>
    </row>
    <row r="511705" spans="14:14">
      <c r="N511705" s="10"/>
    </row>
    <row r="511706" spans="14:14">
      <c r="N511706" s="10"/>
    </row>
    <row r="511707" spans="14:14">
      <c r="N511707" s="10"/>
    </row>
    <row r="511708" spans="14:14">
      <c r="N511708" s="10"/>
    </row>
    <row r="511709" spans="14:14">
      <c r="N511709" s="10"/>
    </row>
    <row r="511710" spans="14:14">
      <c r="N511710" s="10"/>
    </row>
    <row r="511711" spans="14:14">
      <c r="N511711" s="10"/>
    </row>
    <row r="511712" spans="14:14">
      <c r="N511712" s="10"/>
    </row>
    <row r="511713" spans="14:14">
      <c r="N511713" s="10"/>
    </row>
    <row r="511714" spans="14:14">
      <c r="N511714" s="10"/>
    </row>
    <row r="511715" spans="14:14">
      <c r="N511715" s="10"/>
    </row>
    <row r="511716" spans="14:14">
      <c r="N511716" s="10"/>
    </row>
    <row r="511717" spans="14:14">
      <c r="N511717" s="10"/>
    </row>
    <row r="511718" spans="14:14">
      <c r="N511718" s="10"/>
    </row>
    <row r="511719" spans="14:14">
      <c r="N511719" s="10"/>
    </row>
    <row r="511720" spans="14:14">
      <c r="N511720" s="10"/>
    </row>
    <row r="511721" spans="14:14">
      <c r="N511721" s="10"/>
    </row>
    <row r="511722" spans="14:14">
      <c r="N511722" s="10"/>
    </row>
    <row r="511723" spans="14:14">
      <c r="N511723" s="10"/>
    </row>
    <row r="511724" spans="14:14">
      <c r="N511724" s="10"/>
    </row>
    <row r="511725" spans="14:14">
      <c r="N511725" s="10"/>
    </row>
    <row r="511726" spans="14:14">
      <c r="N511726" s="10"/>
    </row>
    <row r="511727" spans="14:14">
      <c r="N511727" s="10"/>
    </row>
    <row r="511728" spans="14:14">
      <c r="N511728" s="10"/>
    </row>
    <row r="511729" spans="14:14">
      <c r="N511729" s="10"/>
    </row>
    <row r="511730" spans="14:14">
      <c r="N511730" s="10"/>
    </row>
    <row r="511731" spans="14:14">
      <c r="N511731" s="10"/>
    </row>
    <row r="511732" spans="14:14">
      <c r="N511732" s="10"/>
    </row>
    <row r="511733" spans="14:14">
      <c r="N511733" s="10"/>
    </row>
    <row r="511734" spans="14:14">
      <c r="N511734" s="10"/>
    </row>
    <row r="511735" spans="14:14">
      <c r="N511735" s="10"/>
    </row>
    <row r="511736" spans="14:14">
      <c r="N511736" s="10"/>
    </row>
    <row r="511737" spans="14:14">
      <c r="N511737" s="10"/>
    </row>
    <row r="511738" spans="14:14">
      <c r="N511738" s="10"/>
    </row>
    <row r="511739" spans="14:14">
      <c r="N511739" s="10"/>
    </row>
    <row r="511740" spans="14:14">
      <c r="N511740" s="10"/>
    </row>
    <row r="511741" spans="14:14">
      <c r="N511741" s="10"/>
    </row>
    <row r="511742" spans="14:14">
      <c r="N511742" s="10"/>
    </row>
    <row r="511743" spans="14:14">
      <c r="N511743" s="10"/>
    </row>
    <row r="511744" spans="14:14">
      <c r="N511744" s="10"/>
    </row>
    <row r="511745" spans="14:14">
      <c r="N511745" s="10"/>
    </row>
    <row r="511746" spans="14:14">
      <c r="N511746" s="10"/>
    </row>
    <row r="511747" spans="14:14">
      <c r="N511747" s="10"/>
    </row>
    <row r="511748" spans="14:14">
      <c r="N511748" s="10"/>
    </row>
    <row r="511749" spans="14:14">
      <c r="N511749" s="10"/>
    </row>
    <row r="511750" spans="14:14">
      <c r="N511750" s="10"/>
    </row>
    <row r="511751" spans="14:14">
      <c r="N511751" s="10"/>
    </row>
    <row r="511752" spans="14:14">
      <c r="N511752" s="10"/>
    </row>
    <row r="511753" spans="14:14">
      <c r="N511753" s="10"/>
    </row>
    <row r="511754" spans="14:14">
      <c r="N511754" s="10"/>
    </row>
    <row r="511755" spans="14:14">
      <c r="N511755" s="10"/>
    </row>
    <row r="511756" spans="14:14">
      <c r="N511756" s="10"/>
    </row>
    <row r="511757" spans="14:14">
      <c r="N511757" s="10"/>
    </row>
    <row r="511758" spans="14:14">
      <c r="N511758" s="10"/>
    </row>
    <row r="511759" spans="14:14">
      <c r="N511759" s="10"/>
    </row>
    <row r="511760" spans="14:14">
      <c r="N511760" s="10"/>
    </row>
    <row r="511761" spans="14:14">
      <c r="N511761" s="10"/>
    </row>
    <row r="511762" spans="14:14">
      <c r="N511762" s="10"/>
    </row>
    <row r="511763" spans="14:14">
      <c r="N511763" s="10"/>
    </row>
    <row r="511764" spans="14:14">
      <c r="N511764" s="10"/>
    </row>
    <row r="511765" spans="14:14">
      <c r="N511765" s="10"/>
    </row>
    <row r="511766" spans="14:14">
      <c r="N511766" s="10"/>
    </row>
    <row r="511767" spans="14:14">
      <c r="N511767" s="10"/>
    </row>
    <row r="511768" spans="14:14">
      <c r="N511768" s="10"/>
    </row>
    <row r="511769" spans="14:14">
      <c r="N511769" s="10"/>
    </row>
    <row r="511770" spans="14:14">
      <c r="N511770" s="10"/>
    </row>
    <row r="511771" spans="14:14">
      <c r="N511771" s="10"/>
    </row>
    <row r="511772" spans="14:14">
      <c r="N511772" s="10"/>
    </row>
    <row r="511773" spans="14:14">
      <c r="N511773" s="10"/>
    </row>
    <row r="511774" spans="14:14">
      <c r="N511774" s="10"/>
    </row>
    <row r="511775" spans="14:14">
      <c r="N511775" s="10"/>
    </row>
    <row r="511776" spans="14:14">
      <c r="N511776" s="10"/>
    </row>
    <row r="511777" spans="14:14">
      <c r="N511777" s="10"/>
    </row>
    <row r="511778" spans="14:14">
      <c r="N511778" s="10"/>
    </row>
    <row r="511779" spans="14:14">
      <c r="N511779" s="10"/>
    </row>
    <row r="511780" spans="14:14">
      <c r="N511780" s="10"/>
    </row>
    <row r="511781" spans="14:14">
      <c r="N511781" s="10"/>
    </row>
    <row r="511782" spans="14:14">
      <c r="N511782" s="10"/>
    </row>
    <row r="511783" spans="14:14">
      <c r="N511783" s="10"/>
    </row>
    <row r="511784" spans="14:14">
      <c r="N511784" s="10"/>
    </row>
    <row r="511785" spans="14:14">
      <c r="N511785" s="10"/>
    </row>
    <row r="511786" spans="14:14">
      <c r="N511786" s="10"/>
    </row>
    <row r="511787" spans="14:14">
      <c r="N511787" s="10"/>
    </row>
    <row r="511788" spans="14:14">
      <c r="N511788" s="10"/>
    </row>
    <row r="511789" spans="14:14">
      <c r="N511789" s="10"/>
    </row>
    <row r="511790" spans="14:14">
      <c r="N511790" s="10"/>
    </row>
    <row r="511791" spans="14:14">
      <c r="N511791" s="10"/>
    </row>
    <row r="511792" spans="14:14">
      <c r="N511792" s="10"/>
    </row>
    <row r="511793" spans="14:14">
      <c r="N511793" s="10"/>
    </row>
    <row r="511794" spans="14:14">
      <c r="N511794" s="10"/>
    </row>
    <row r="511795" spans="14:14">
      <c r="N511795" s="10"/>
    </row>
    <row r="511796" spans="14:14">
      <c r="N511796" s="10"/>
    </row>
    <row r="511797" spans="14:14">
      <c r="N511797" s="10"/>
    </row>
    <row r="511798" spans="14:14">
      <c r="N511798" s="10"/>
    </row>
    <row r="511799" spans="14:14">
      <c r="N511799" s="10"/>
    </row>
    <row r="511800" spans="14:14">
      <c r="N511800" s="10"/>
    </row>
    <row r="511801" spans="14:14">
      <c r="N511801" s="10"/>
    </row>
    <row r="511802" spans="14:14">
      <c r="N511802" s="10"/>
    </row>
    <row r="511803" spans="14:14">
      <c r="N511803" s="10"/>
    </row>
    <row r="511804" spans="14:14">
      <c r="N511804" s="10"/>
    </row>
    <row r="511805" spans="14:14">
      <c r="N511805" s="10"/>
    </row>
    <row r="511806" spans="14:14">
      <c r="N511806" s="10"/>
    </row>
    <row r="511807" spans="14:14">
      <c r="N511807" s="10"/>
    </row>
    <row r="511808" spans="14:14">
      <c r="N511808" s="10"/>
    </row>
    <row r="511809" spans="14:14">
      <c r="N511809" s="10"/>
    </row>
    <row r="511810" spans="14:14">
      <c r="N511810" s="10"/>
    </row>
    <row r="511811" spans="14:14">
      <c r="N511811" s="10"/>
    </row>
    <row r="511812" spans="14:14">
      <c r="N511812" s="10"/>
    </row>
    <row r="511813" spans="14:14">
      <c r="N511813" s="10"/>
    </row>
    <row r="511814" spans="14:14">
      <c r="N511814" s="10"/>
    </row>
    <row r="511815" spans="14:14">
      <c r="N511815" s="10"/>
    </row>
    <row r="511816" spans="14:14">
      <c r="N511816" s="10"/>
    </row>
    <row r="511817" spans="14:14">
      <c r="N511817" s="10"/>
    </row>
    <row r="511818" spans="14:14">
      <c r="N511818" s="10"/>
    </row>
    <row r="511819" spans="14:14">
      <c r="N511819" s="10"/>
    </row>
    <row r="511820" spans="14:14">
      <c r="N511820" s="10"/>
    </row>
    <row r="511821" spans="14:14">
      <c r="N511821" s="10"/>
    </row>
    <row r="511822" spans="14:14">
      <c r="N511822" s="10"/>
    </row>
    <row r="511823" spans="14:14">
      <c r="N511823" s="10"/>
    </row>
    <row r="511824" spans="14:14">
      <c r="N511824" s="10"/>
    </row>
    <row r="511825" spans="14:14">
      <c r="N511825" s="10"/>
    </row>
    <row r="511826" spans="14:14">
      <c r="N511826" s="10"/>
    </row>
    <row r="511827" spans="14:14">
      <c r="N511827" s="10"/>
    </row>
    <row r="511828" spans="14:14">
      <c r="N511828" s="10"/>
    </row>
    <row r="511829" spans="14:14">
      <c r="N511829" s="10"/>
    </row>
    <row r="511830" spans="14:14">
      <c r="N511830" s="10"/>
    </row>
    <row r="511831" spans="14:14">
      <c r="N511831" s="10"/>
    </row>
    <row r="511832" spans="14:14">
      <c r="N511832" s="10"/>
    </row>
    <row r="511833" spans="14:14">
      <c r="N511833" s="10"/>
    </row>
    <row r="511834" spans="14:14">
      <c r="N511834" s="10"/>
    </row>
    <row r="511835" spans="14:14">
      <c r="N511835" s="10"/>
    </row>
    <row r="511836" spans="14:14">
      <c r="N511836" s="10"/>
    </row>
    <row r="511837" spans="14:14">
      <c r="N511837" s="10"/>
    </row>
    <row r="511838" spans="14:14">
      <c r="N511838" s="10"/>
    </row>
    <row r="511839" spans="14:14">
      <c r="N511839" s="10"/>
    </row>
    <row r="511840" spans="14:14">
      <c r="N511840" s="10"/>
    </row>
    <row r="511841" spans="14:14">
      <c r="N511841" s="10"/>
    </row>
    <row r="511842" spans="14:14">
      <c r="N511842" s="10"/>
    </row>
    <row r="511843" spans="14:14">
      <c r="N511843" s="10"/>
    </row>
    <row r="511844" spans="14:14">
      <c r="N511844" s="10"/>
    </row>
    <row r="511845" spans="14:14">
      <c r="N511845" s="10"/>
    </row>
    <row r="511846" spans="14:14">
      <c r="N511846" s="10"/>
    </row>
    <row r="511847" spans="14:14">
      <c r="N511847" s="10"/>
    </row>
    <row r="511848" spans="14:14">
      <c r="N511848" s="10"/>
    </row>
    <row r="511849" spans="14:14">
      <c r="N511849" s="10"/>
    </row>
    <row r="511850" spans="14:14">
      <c r="N511850" s="10"/>
    </row>
    <row r="511851" spans="14:14">
      <c r="N511851" s="10"/>
    </row>
    <row r="511852" spans="14:14">
      <c r="N511852" s="10"/>
    </row>
    <row r="511853" spans="14:14">
      <c r="N511853" s="10"/>
    </row>
    <row r="511854" spans="14:14">
      <c r="N511854" s="10"/>
    </row>
    <row r="511855" spans="14:14">
      <c r="N511855" s="10"/>
    </row>
    <row r="511856" spans="14:14">
      <c r="N511856" s="10"/>
    </row>
    <row r="511857" spans="14:14">
      <c r="N511857" s="10"/>
    </row>
    <row r="511858" spans="14:14">
      <c r="N511858" s="10"/>
    </row>
    <row r="511859" spans="14:14">
      <c r="N511859" s="10"/>
    </row>
    <row r="511860" spans="14:14">
      <c r="N511860" s="10"/>
    </row>
    <row r="511861" spans="14:14">
      <c r="N511861" s="10"/>
    </row>
    <row r="511862" spans="14:14">
      <c r="N511862" s="10"/>
    </row>
    <row r="511863" spans="14:14">
      <c r="N511863" s="10"/>
    </row>
    <row r="511864" spans="14:14">
      <c r="N511864" s="10"/>
    </row>
    <row r="511865" spans="14:14">
      <c r="N511865" s="10"/>
    </row>
    <row r="511866" spans="14:14">
      <c r="N511866" s="10"/>
    </row>
    <row r="511867" spans="14:14">
      <c r="N511867" s="10"/>
    </row>
    <row r="511868" spans="14:14">
      <c r="N511868" s="10"/>
    </row>
    <row r="511869" spans="14:14">
      <c r="N511869" s="10"/>
    </row>
    <row r="511870" spans="14:14">
      <c r="N511870" s="10"/>
    </row>
    <row r="511871" spans="14:14">
      <c r="N511871" s="10"/>
    </row>
    <row r="511872" spans="14:14">
      <c r="N511872" s="10"/>
    </row>
    <row r="511873" spans="14:14">
      <c r="N511873" s="10"/>
    </row>
    <row r="511874" spans="14:14">
      <c r="N511874" s="10"/>
    </row>
    <row r="511875" spans="14:14">
      <c r="N511875" s="10"/>
    </row>
    <row r="511876" spans="14:14">
      <c r="N511876" s="10"/>
    </row>
    <row r="511877" spans="14:14">
      <c r="N511877" s="10"/>
    </row>
    <row r="511878" spans="14:14">
      <c r="N511878" s="10"/>
    </row>
    <row r="511879" spans="14:14">
      <c r="N511879" s="10"/>
    </row>
    <row r="511880" spans="14:14">
      <c r="N511880" s="10"/>
    </row>
    <row r="511881" spans="14:14">
      <c r="N511881" s="10"/>
    </row>
    <row r="511882" spans="14:14">
      <c r="N511882" s="10"/>
    </row>
    <row r="511883" spans="14:14">
      <c r="N511883" s="10"/>
    </row>
    <row r="511884" spans="14:14">
      <c r="N511884" s="10"/>
    </row>
    <row r="511885" spans="14:14">
      <c r="N511885" s="10"/>
    </row>
    <row r="511886" spans="14:14">
      <c r="N511886" s="10"/>
    </row>
    <row r="511887" spans="14:14">
      <c r="N511887" s="10"/>
    </row>
    <row r="511888" spans="14:14">
      <c r="N511888" s="10"/>
    </row>
    <row r="511889" spans="14:14">
      <c r="N511889" s="10"/>
    </row>
    <row r="511890" spans="14:14">
      <c r="N511890" s="10"/>
    </row>
    <row r="511891" spans="14:14">
      <c r="N511891" s="10"/>
    </row>
    <row r="511892" spans="14:14">
      <c r="N511892" s="10"/>
    </row>
    <row r="511893" spans="14:14">
      <c r="N511893" s="10"/>
    </row>
    <row r="511894" spans="14:14">
      <c r="N511894" s="10"/>
    </row>
    <row r="511895" spans="14:14">
      <c r="N511895" s="10"/>
    </row>
    <row r="511896" spans="14:14">
      <c r="N511896" s="10"/>
    </row>
    <row r="511897" spans="14:14">
      <c r="N511897" s="10"/>
    </row>
    <row r="511898" spans="14:14">
      <c r="N511898" s="10"/>
    </row>
    <row r="511899" spans="14:14">
      <c r="N511899" s="10"/>
    </row>
    <row r="511900" spans="14:14">
      <c r="N511900" s="10"/>
    </row>
    <row r="511901" spans="14:14">
      <c r="N511901" s="10"/>
    </row>
    <row r="511902" spans="14:14">
      <c r="N511902" s="10"/>
    </row>
    <row r="511903" spans="14:14">
      <c r="N511903" s="10"/>
    </row>
    <row r="511904" spans="14:14">
      <c r="N511904" s="10"/>
    </row>
    <row r="511905" spans="14:14">
      <c r="N511905" s="10"/>
    </row>
    <row r="511906" spans="14:14">
      <c r="N511906" s="10"/>
    </row>
    <row r="511907" spans="14:14">
      <c r="N511907" s="10"/>
    </row>
    <row r="511908" spans="14:14">
      <c r="N511908" s="10"/>
    </row>
    <row r="511909" spans="14:14">
      <c r="N511909" s="10"/>
    </row>
    <row r="511910" spans="14:14">
      <c r="N511910" s="10"/>
    </row>
    <row r="511911" spans="14:14">
      <c r="N511911" s="10"/>
    </row>
    <row r="511912" spans="14:14">
      <c r="N511912" s="10"/>
    </row>
    <row r="511913" spans="14:14">
      <c r="N511913" s="10"/>
    </row>
    <row r="511914" spans="14:14">
      <c r="N511914" s="10"/>
    </row>
    <row r="511915" spans="14:14">
      <c r="N511915" s="10"/>
    </row>
    <row r="511916" spans="14:14">
      <c r="N511916" s="10"/>
    </row>
    <row r="511917" spans="14:14">
      <c r="N511917" s="10"/>
    </row>
    <row r="511918" spans="14:14">
      <c r="N511918" s="10"/>
    </row>
    <row r="511919" spans="14:14">
      <c r="N511919" s="10"/>
    </row>
    <row r="511920" spans="14:14">
      <c r="N511920" s="10"/>
    </row>
    <row r="511921" spans="14:14">
      <c r="N511921" s="10"/>
    </row>
    <row r="511922" spans="14:14">
      <c r="N511922" s="10"/>
    </row>
    <row r="511923" spans="14:14">
      <c r="N511923" s="10"/>
    </row>
    <row r="511924" spans="14:14">
      <c r="N511924" s="10"/>
    </row>
    <row r="511925" spans="14:14">
      <c r="N511925" s="10"/>
    </row>
    <row r="511926" spans="14:14">
      <c r="N511926" s="10"/>
    </row>
    <row r="511927" spans="14:14">
      <c r="N511927" s="10"/>
    </row>
    <row r="511928" spans="14:14">
      <c r="N511928" s="10"/>
    </row>
    <row r="511929" spans="14:14">
      <c r="N511929" s="10"/>
    </row>
    <row r="511930" spans="14:14">
      <c r="N511930" s="10"/>
    </row>
    <row r="511931" spans="14:14">
      <c r="N511931" s="10"/>
    </row>
    <row r="511932" spans="14:14">
      <c r="N511932" s="10"/>
    </row>
    <row r="511933" spans="14:14">
      <c r="N511933" s="10"/>
    </row>
    <row r="511934" spans="14:14">
      <c r="N511934" s="10"/>
    </row>
    <row r="511935" spans="14:14">
      <c r="N511935" s="10"/>
    </row>
    <row r="511936" spans="14:14">
      <c r="N511936" s="10"/>
    </row>
    <row r="511937" spans="14:14">
      <c r="N511937" s="10"/>
    </row>
    <row r="511938" spans="14:14">
      <c r="N511938" s="10"/>
    </row>
    <row r="511939" spans="14:14">
      <c r="N511939" s="10"/>
    </row>
    <row r="511940" spans="14:14">
      <c r="N511940" s="10"/>
    </row>
    <row r="511941" spans="14:14">
      <c r="N511941" s="10"/>
    </row>
    <row r="511942" spans="14:14">
      <c r="N511942" s="10"/>
    </row>
    <row r="511943" spans="14:14">
      <c r="N511943" s="10"/>
    </row>
    <row r="511944" spans="14:14">
      <c r="N511944" s="10"/>
    </row>
    <row r="511945" spans="14:14">
      <c r="N511945" s="10"/>
    </row>
    <row r="511946" spans="14:14">
      <c r="N511946" s="10"/>
    </row>
    <row r="511947" spans="14:14">
      <c r="N511947" s="10"/>
    </row>
    <row r="511948" spans="14:14">
      <c r="N511948" s="10"/>
    </row>
    <row r="511949" spans="14:14">
      <c r="N511949" s="10"/>
    </row>
    <row r="511950" spans="14:14">
      <c r="N511950" s="10"/>
    </row>
    <row r="511951" spans="14:14">
      <c r="N511951" s="10"/>
    </row>
    <row r="511952" spans="14:14">
      <c r="N511952" s="10"/>
    </row>
    <row r="511953" spans="14:14">
      <c r="N511953" s="10"/>
    </row>
    <row r="511954" spans="14:14">
      <c r="N511954" s="10"/>
    </row>
    <row r="511955" spans="14:14">
      <c r="N511955" s="10"/>
    </row>
    <row r="511956" spans="14:14">
      <c r="N511956" s="10"/>
    </row>
    <row r="511957" spans="14:14">
      <c r="N511957" s="10"/>
    </row>
    <row r="511958" spans="14:14">
      <c r="N511958" s="10"/>
    </row>
    <row r="511959" spans="14:14">
      <c r="N511959" s="10"/>
    </row>
    <row r="511960" spans="14:14">
      <c r="N511960" s="10"/>
    </row>
    <row r="511961" spans="14:14">
      <c r="N511961" s="10"/>
    </row>
    <row r="511962" spans="14:14">
      <c r="N511962" s="10"/>
    </row>
    <row r="511963" spans="14:14">
      <c r="N511963" s="10"/>
    </row>
    <row r="511964" spans="14:14">
      <c r="N511964" s="10"/>
    </row>
    <row r="511965" spans="14:14">
      <c r="N511965" s="10"/>
    </row>
    <row r="511966" spans="14:14">
      <c r="N511966" s="10"/>
    </row>
    <row r="511967" spans="14:14">
      <c r="N511967" s="10"/>
    </row>
    <row r="511968" spans="14:14">
      <c r="N511968" s="10"/>
    </row>
    <row r="511969" spans="14:14">
      <c r="N511969" s="10"/>
    </row>
    <row r="511970" spans="14:14">
      <c r="N511970" s="10"/>
    </row>
    <row r="511971" spans="14:14">
      <c r="N511971" s="10"/>
    </row>
    <row r="511972" spans="14:14">
      <c r="N511972" s="10"/>
    </row>
    <row r="511973" spans="14:14">
      <c r="N511973" s="10"/>
    </row>
    <row r="511974" spans="14:14">
      <c r="N511974" s="10"/>
    </row>
    <row r="511975" spans="14:14">
      <c r="N511975" s="10"/>
    </row>
    <row r="511976" spans="14:14">
      <c r="N511976" s="10"/>
    </row>
    <row r="511977" spans="14:14">
      <c r="N511977" s="10"/>
    </row>
    <row r="511978" spans="14:14">
      <c r="N511978" s="10"/>
    </row>
    <row r="511979" spans="14:14">
      <c r="N511979" s="10"/>
    </row>
    <row r="511980" spans="14:14">
      <c r="N511980" s="10"/>
    </row>
    <row r="511981" spans="14:14">
      <c r="N511981" s="10"/>
    </row>
    <row r="511982" spans="14:14">
      <c r="N511982" s="10"/>
    </row>
    <row r="511983" spans="14:14">
      <c r="N511983" s="10"/>
    </row>
    <row r="511984" spans="14:14">
      <c r="N511984" s="10"/>
    </row>
    <row r="511985" spans="14:14">
      <c r="N511985" s="10"/>
    </row>
    <row r="511986" spans="14:14">
      <c r="N511986" s="10"/>
    </row>
    <row r="511987" spans="14:14">
      <c r="N511987" s="10"/>
    </row>
    <row r="511988" spans="14:14">
      <c r="N511988" s="10"/>
    </row>
    <row r="511989" spans="14:14">
      <c r="N511989" s="10"/>
    </row>
    <row r="511990" spans="14:14">
      <c r="N511990" s="10"/>
    </row>
    <row r="511991" spans="14:14">
      <c r="N511991" s="10"/>
    </row>
    <row r="511992" spans="14:14">
      <c r="N511992" s="10"/>
    </row>
    <row r="511993" spans="14:14">
      <c r="N511993" s="10"/>
    </row>
    <row r="511994" spans="14:14">
      <c r="N511994" s="10"/>
    </row>
    <row r="511995" spans="14:14">
      <c r="N511995" s="10"/>
    </row>
    <row r="511996" spans="14:14">
      <c r="N511996" s="10"/>
    </row>
    <row r="511997" spans="14:14">
      <c r="N511997" s="10"/>
    </row>
    <row r="511998" spans="14:14">
      <c r="N511998" s="10"/>
    </row>
    <row r="511999" spans="14:14">
      <c r="N511999" s="10"/>
    </row>
    <row r="512000" spans="14:14">
      <c r="N512000" s="10"/>
    </row>
    <row r="512001" spans="14:14">
      <c r="N512001" s="10"/>
    </row>
    <row r="512002" spans="14:14">
      <c r="N512002" s="10"/>
    </row>
    <row r="512003" spans="14:14">
      <c r="N512003" s="10"/>
    </row>
    <row r="512004" spans="14:14">
      <c r="N512004" s="10"/>
    </row>
    <row r="512005" spans="14:14">
      <c r="N512005" s="10"/>
    </row>
    <row r="512006" spans="14:14">
      <c r="N512006" s="10"/>
    </row>
    <row r="512007" spans="14:14">
      <c r="N512007" s="10"/>
    </row>
    <row r="512008" spans="14:14">
      <c r="N512008" s="10"/>
    </row>
    <row r="512009" spans="14:14">
      <c r="N512009" s="10"/>
    </row>
    <row r="512010" spans="14:14">
      <c r="N512010" s="10"/>
    </row>
    <row r="512011" spans="14:14">
      <c r="N512011" s="10"/>
    </row>
    <row r="512012" spans="14:14">
      <c r="N512012" s="10"/>
    </row>
    <row r="512013" spans="14:14">
      <c r="N512013" s="10"/>
    </row>
    <row r="512014" spans="14:14">
      <c r="N512014" s="10"/>
    </row>
    <row r="512015" spans="14:14">
      <c r="N512015" s="10"/>
    </row>
    <row r="512016" spans="14:14">
      <c r="N512016" s="10"/>
    </row>
    <row r="512017" spans="14:14">
      <c r="N512017" s="10"/>
    </row>
    <row r="512018" spans="14:14">
      <c r="N512018" s="10"/>
    </row>
    <row r="512019" spans="14:14">
      <c r="N512019" s="10"/>
    </row>
    <row r="512020" spans="14:14">
      <c r="N512020" s="10"/>
    </row>
    <row r="512021" spans="14:14">
      <c r="N512021" s="10"/>
    </row>
    <row r="512022" spans="14:14">
      <c r="N512022" s="10"/>
    </row>
    <row r="512023" spans="14:14">
      <c r="N512023" s="10"/>
    </row>
    <row r="512024" spans="14:14">
      <c r="N512024" s="10"/>
    </row>
    <row r="512025" spans="14:14">
      <c r="N512025" s="10"/>
    </row>
    <row r="512026" spans="14:14">
      <c r="N512026" s="10"/>
    </row>
    <row r="512027" spans="14:14">
      <c r="N512027" s="10"/>
    </row>
    <row r="512028" spans="14:14">
      <c r="N512028" s="10"/>
    </row>
    <row r="512029" spans="14:14">
      <c r="N512029" s="10"/>
    </row>
    <row r="512030" spans="14:14">
      <c r="N512030" s="10"/>
    </row>
    <row r="512031" spans="14:14">
      <c r="N512031" s="10"/>
    </row>
    <row r="512032" spans="14:14">
      <c r="N512032" s="10"/>
    </row>
    <row r="512033" spans="14:14">
      <c r="N512033" s="10"/>
    </row>
    <row r="512034" spans="14:14">
      <c r="N512034" s="10"/>
    </row>
    <row r="512035" spans="14:14">
      <c r="N512035" s="10"/>
    </row>
    <row r="512036" spans="14:14">
      <c r="N512036" s="10"/>
    </row>
    <row r="512037" spans="14:14">
      <c r="N512037" s="10"/>
    </row>
    <row r="512038" spans="14:14">
      <c r="N512038" s="10"/>
    </row>
    <row r="512039" spans="14:14">
      <c r="N512039" s="10"/>
    </row>
    <row r="512040" spans="14:14">
      <c r="N512040" s="10"/>
    </row>
    <row r="512041" spans="14:14">
      <c r="N512041" s="10"/>
    </row>
    <row r="512042" spans="14:14">
      <c r="N512042" s="10"/>
    </row>
    <row r="512043" spans="14:14">
      <c r="N512043" s="10"/>
    </row>
    <row r="512044" spans="14:14">
      <c r="N512044" s="10"/>
    </row>
    <row r="512045" spans="14:14">
      <c r="N512045" s="10"/>
    </row>
    <row r="512046" spans="14:14">
      <c r="N512046" s="10"/>
    </row>
    <row r="512047" spans="14:14">
      <c r="N512047" s="10"/>
    </row>
    <row r="512048" spans="14:14">
      <c r="N512048" s="10"/>
    </row>
    <row r="512049" spans="14:14">
      <c r="N512049" s="10"/>
    </row>
    <row r="512050" spans="14:14">
      <c r="N512050" s="10"/>
    </row>
    <row r="512051" spans="14:14">
      <c r="N512051" s="10"/>
    </row>
    <row r="512052" spans="14:14">
      <c r="N512052" s="10"/>
    </row>
    <row r="512053" spans="14:14">
      <c r="N512053" s="10"/>
    </row>
    <row r="512054" spans="14:14">
      <c r="N512054" s="10"/>
    </row>
    <row r="512055" spans="14:14">
      <c r="N512055" s="10"/>
    </row>
    <row r="512056" spans="14:14">
      <c r="N512056" s="10"/>
    </row>
    <row r="512057" spans="14:14">
      <c r="N512057" s="10"/>
    </row>
    <row r="512058" spans="14:14">
      <c r="N512058" s="10"/>
    </row>
    <row r="512059" spans="14:14">
      <c r="N512059" s="10"/>
    </row>
    <row r="512060" spans="14:14">
      <c r="N512060" s="10"/>
    </row>
    <row r="512061" spans="14:14">
      <c r="N512061" s="10"/>
    </row>
    <row r="512062" spans="14:14">
      <c r="N512062" s="10"/>
    </row>
    <row r="512063" spans="14:14">
      <c r="N512063" s="10"/>
    </row>
    <row r="512064" spans="14:14">
      <c r="N512064" s="10"/>
    </row>
    <row r="512065" spans="14:14">
      <c r="N512065" s="10"/>
    </row>
    <row r="512066" spans="14:14">
      <c r="N512066" s="10"/>
    </row>
    <row r="512067" spans="14:14">
      <c r="N512067" s="10"/>
    </row>
    <row r="512068" spans="14:14">
      <c r="N512068" s="10"/>
    </row>
    <row r="512069" spans="14:14">
      <c r="N512069" s="10"/>
    </row>
    <row r="512070" spans="14:14">
      <c r="N512070" s="10"/>
    </row>
    <row r="512071" spans="14:14">
      <c r="N512071" s="10"/>
    </row>
    <row r="512072" spans="14:14">
      <c r="N512072" s="10"/>
    </row>
    <row r="512073" spans="14:14">
      <c r="N512073" s="10"/>
    </row>
    <row r="512074" spans="14:14">
      <c r="N512074" s="10"/>
    </row>
    <row r="512075" spans="14:14">
      <c r="N512075" s="10"/>
    </row>
    <row r="512076" spans="14:14">
      <c r="N512076" s="10"/>
    </row>
    <row r="512077" spans="14:14">
      <c r="N512077" s="10"/>
    </row>
    <row r="512078" spans="14:14">
      <c r="N512078" s="10"/>
    </row>
    <row r="512079" spans="14:14">
      <c r="N512079" s="10"/>
    </row>
    <row r="512080" spans="14:14">
      <c r="N512080" s="10"/>
    </row>
    <row r="512081" spans="14:14">
      <c r="N512081" s="10"/>
    </row>
    <row r="512082" spans="14:14">
      <c r="N512082" s="10"/>
    </row>
    <row r="512083" spans="14:14">
      <c r="N512083" s="10"/>
    </row>
    <row r="512084" spans="14:14">
      <c r="N512084" s="10"/>
    </row>
    <row r="512085" spans="14:14">
      <c r="N512085" s="10"/>
    </row>
    <row r="512086" spans="14:14">
      <c r="N512086" s="10"/>
    </row>
    <row r="512087" spans="14:14">
      <c r="N512087" s="10"/>
    </row>
    <row r="512088" spans="14:14">
      <c r="N512088" s="10"/>
    </row>
    <row r="512089" spans="14:14">
      <c r="N512089" s="10"/>
    </row>
    <row r="512090" spans="14:14">
      <c r="N512090" s="10"/>
    </row>
    <row r="512091" spans="14:14">
      <c r="N512091" s="10"/>
    </row>
    <row r="512092" spans="14:14">
      <c r="N512092" s="10"/>
    </row>
    <row r="512093" spans="14:14">
      <c r="N512093" s="10"/>
    </row>
    <row r="512094" spans="14:14">
      <c r="N512094" s="10"/>
    </row>
    <row r="512095" spans="14:14">
      <c r="N512095" s="10"/>
    </row>
    <row r="512096" spans="14:14">
      <c r="N512096" s="10"/>
    </row>
    <row r="512097" spans="14:14">
      <c r="N512097" s="10"/>
    </row>
    <row r="512098" spans="14:14">
      <c r="N512098" s="10"/>
    </row>
    <row r="512099" spans="14:14">
      <c r="N512099" s="10"/>
    </row>
    <row r="512100" spans="14:14">
      <c r="N512100" s="10"/>
    </row>
    <row r="512101" spans="14:14">
      <c r="N512101" s="10"/>
    </row>
    <row r="512102" spans="14:14">
      <c r="N512102" s="10"/>
    </row>
    <row r="512103" spans="14:14">
      <c r="N512103" s="10"/>
    </row>
    <row r="512104" spans="14:14">
      <c r="N512104" s="10"/>
    </row>
    <row r="512105" spans="14:14">
      <c r="N512105" s="10"/>
    </row>
    <row r="512106" spans="14:14">
      <c r="N512106" s="10"/>
    </row>
    <row r="512107" spans="14:14">
      <c r="N512107" s="10"/>
    </row>
    <row r="512108" spans="14:14">
      <c r="N512108" s="10"/>
    </row>
    <row r="512109" spans="14:14">
      <c r="N512109" s="10"/>
    </row>
    <row r="512110" spans="14:14">
      <c r="N512110" s="10"/>
    </row>
    <row r="512111" spans="14:14">
      <c r="N512111" s="10"/>
    </row>
    <row r="512112" spans="14:14">
      <c r="N512112" s="10"/>
    </row>
    <row r="512113" spans="14:14">
      <c r="N512113" s="10"/>
    </row>
    <row r="512114" spans="14:14">
      <c r="N512114" s="10"/>
    </row>
    <row r="512115" spans="14:14">
      <c r="N512115" s="10"/>
    </row>
    <row r="512116" spans="14:14">
      <c r="N512116" s="10"/>
    </row>
    <row r="512117" spans="14:14">
      <c r="N512117" s="10"/>
    </row>
    <row r="512118" spans="14:14">
      <c r="N512118" s="10"/>
    </row>
    <row r="512119" spans="14:14">
      <c r="N512119" s="10"/>
    </row>
    <row r="512120" spans="14:14">
      <c r="N512120" s="10"/>
    </row>
    <row r="512121" spans="14:14">
      <c r="N512121" s="10"/>
    </row>
    <row r="512122" spans="14:14">
      <c r="N512122" s="10"/>
    </row>
    <row r="512123" spans="14:14">
      <c r="N512123" s="10"/>
    </row>
    <row r="512124" spans="14:14">
      <c r="N512124" s="10"/>
    </row>
    <row r="512125" spans="14:14">
      <c r="N512125" s="10"/>
    </row>
    <row r="512126" spans="14:14">
      <c r="N512126" s="10"/>
    </row>
    <row r="512127" spans="14:14">
      <c r="N512127" s="10"/>
    </row>
    <row r="512128" spans="14:14">
      <c r="N512128" s="10"/>
    </row>
    <row r="512129" spans="14:14">
      <c r="N512129" s="10"/>
    </row>
    <row r="512130" spans="14:14">
      <c r="N512130" s="10"/>
    </row>
    <row r="512131" spans="14:14">
      <c r="N512131" s="10"/>
    </row>
    <row r="512132" spans="14:14">
      <c r="N512132" s="10"/>
    </row>
    <row r="512133" spans="14:14">
      <c r="N512133" s="10"/>
    </row>
    <row r="512134" spans="14:14">
      <c r="N512134" s="10"/>
    </row>
    <row r="512135" spans="14:14">
      <c r="N512135" s="10"/>
    </row>
    <row r="512136" spans="14:14">
      <c r="N512136" s="10"/>
    </row>
    <row r="512137" spans="14:14">
      <c r="N512137" s="10"/>
    </row>
    <row r="512138" spans="14:14">
      <c r="N512138" s="10"/>
    </row>
    <row r="512139" spans="14:14">
      <c r="N512139" s="10"/>
    </row>
    <row r="512140" spans="14:14">
      <c r="N512140" s="10"/>
    </row>
    <row r="512141" spans="14:14">
      <c r="N512141" s="10"/>
    </row>
    <row r="512142" spans="14:14">
      <c r="N512142" s="10"/>
    </row>
    <row r="512143" spans="14:14">
      <c r="N512143" s="10"/>
    </row>
    <row r="512144" spans="14:14">
      <c r="N512144" s="10"/>
    </row>
    <row r="512145" spans="14:14">
      <c r="N512145" s="10"/>
    </row>
    <row r="512146" spans="14:14">
      <c r="N512146" s="10"/>
    </row>
    <row r="512147" spans="14:14">
      <c r="N512147" s="10"/>
    </row>
    <row r="512148" spans="14:14">
      <c r="N512148" s="10"/>
    </row>
    <row r="512149" spans="14:14">
      <c r="N512149" s="10"/>
    </row>
    <row r="512150" spans="14:14">
      <c r="N512150" s="10"/>
    </row>
    <row r="512151" spans="14:14">
      <c r="N512151" s="10"/>
    </row>
    <row r="512152" spans="14:14">
      <c r="N512152" s="10"/>
    </row>
    <row r="512153" spans="14:14">
      <c r="N512153" s="10"/>
    </row>
    <row r="512154" spans="14:14">
      <c r="N512154" s="10"/>
    </row>
    <row r="512155" spans="14:14">
      <c r="N512155" s="10"/>
    </row>
    <row r="512156" spans="14:14">
      <c r="N512156" s="10"/>
    </row>
    <row r="512157" spans="14:14">
      <c r="N512157" s="10"/>
    </row>
    <row r="512158" spans="14:14">
      <c r="N512158" s="10"/>
    </row>
    <row r="512159" spans="14:14">
      <c r="N512159" s="10"/>
    </row>
    <row r="512160" spans="14:14">
      <c r="N512160" s="10"/>
    </row>
    <row r="512161" spans="14:14">
      <c r="N512161" s="10"/>
    </row>
    <row r="512162" spans="14:14">
      <c r="N512162" s="10"/>
    </row>
    <row r="512163" spans="14:14">
      <c r="N512163" s="10"/>
    </row>
    <row r="512164" spans="14:14">
      <c r="N512164" s="10"/>
    </row>
    <row r="512165" spans="14:14">
      <c r="N512165" s="10"/>
    </row>
    <row r="512166" spans="14:14">
      <c r="N512166" s="10"/>
    </row>
    <row r="512167" spans="14:14">
      <c r="N512167" s="10"/>
    </row>
    <row r="512168" spans="14:14">
      <c r="N512168" s="10"/>
    </row>
    <row r="512169" spans="14:14">
      <c r="N512169" s="10"/>
    </row>
    <row r="512170" spans="14:14">
      <c r="N512170" s="10"/>
    </row>
    <row r="512171" spans="14:14">
      <c r="N512171" s="10"/>
    </row>
    <row r="512172" spans="14:14">
      <c r="N512172" s="10"/>
    </row>
    <row r="512173" spans="14:14">
      <c r="N512173" s="10"/>
    </row>
    <row r="512174" spans="14:14">
      <c r="N512174" s="10"/>
    </row>
    <row r="512175" spans="14:14">
      <c r="N512175" s="10"/>
    </row>
    <row r="512176" spans="14:14">
      <c r="N512176" s="10"/>
    </row>
    <row r="512177" spans="14:14">
      <c r="N512177" s="10"/>
    </row>
    <row r="512178" spans="14:14">
      <c r="N512178" s="10"/>
    </row>
    <row r="512179" spans="14:14">
      <c r="N512179" s="10"/>
    </row>
    <row r="512180" spans="14:14">
      <c r="N512180" s="10"/>
    </row>
    <row r="512181" spans="14:14">
      <c r="N512181" s="10"/>
    </row>
    <row r="512182" spans="14:14">
      <c r="N512182" s="10"/>
    </row>
    <row r="512183" spans="14:14">
      <c r="N512183" s="10"/>
    </row>
    <row r="512184" spans="14:14">
      <c r="N512184" s="10"/>
    </row>
    <row r="512185" spans="14:14">
      <c r="N512185" s="10"/>
    </row>
    <row r="512186" spans="14:14">
      <c r="N512186" s="10"/>
    </row>
    <row r="512187" spans="14:14">
      <c r="N512187" s="10"/>
    </row>
    <row r="512188" spans="14:14">
      <c r="N512188" s="10"/>
    </row>
    <row r="512189" spans="14:14">
      <c r="N512189" s="10"/>
    </row>
    <row r="512190" spans="14:14">
      <c r="N512190" s="10"/>
    </row>
    <row r="512191" spans="14:14">
      <c r="N512191" s="10"/>
    </row>
    <row r="512192" spans="14:14">
      <c r="N512192" s="10"/>
    </row>
    <row r="512193" spans="14:14">
      <c r="N512193" s="10"/>
    </row>
    <row r="512194" spans="14:14">
      <c r="N512194" s="10"/>
    </row>
    <row r="512195" spans="14:14">
      <c r="N512195" s="10"/>
    </row>
    <row r="512196" spans="14:14">
      <c r="N512196" s="10"/>
    </row>
    <row r="512197" spans="14:14">
      <c r="N512197" s="10"/>
    </row>
    <row r="512198" spans="14:14">
      <c r="N512198" s="10"/>
    </row>
    <row r="512199" spans="14:14">
      <c r="N512199" s="10"/>
    </row>
    <row r="512200" spans="14:14">
      <c r="N512200" s="10"/>
    </row>
    <row r="512201" spans="14:14">
      <c r="N512201" s="10"/>
    </row>
    <row r="512202" spans="14:14">
      <c r="N512202" s="10"/>
    </row>
    <row r="512203" spans="14:14">
      <c r="N512203" s="10"/>
    </row>
    <row r="512204" spans="14:14">
      <c r="N512204" s="10"/>
    </row>
    <row r="512205" spans="14:14">
      <c r="N512205" s="10"/>
    </row>
    <row r="512206" spans="14:14">
      <c r="N512206" s="10"/>
    </row>
    <row r="512207" spans="14:14">
      <c r="N512207" s="10"/>
    </row>
    <row r="512208" spans="14:14">
      <c r="N512208" s="10"/>
    </row>
    <row r="512209" spans="14:14">
      <c r="N512209" s="10"/>
    </row>
    <row r="512210" spans="14:14">
      <c r="N512210" s="10"/>
    </row>
    <row r="512211" spans="14:14">
      <c r="N512211" s="10"/>
    </row>
    <row r="512212" spans="14:14">
      <c r="N512212" s="10"/>
    </row>
    <row r="512213" spans="14:14">
      <c r="N512213" s="10"/>
    </row>
    <row r="512214" spans="14:14">
      <c r="N512214" s="10"/>
    </row>
    <row r="512215" spans="14:14">
      <c r="N512215" s="10"/>
    </row>
    <row r="512216" spans="14:14">
      <c r="N512216" s="10"/>
    </row>
    <row r="512217" spans="14:14">
      <c r="N512217" s="10"/>
    </row>
    <row r="512218" spans="14:14">
      <c r="N512218" s="10"/>
    </row>
    <row r="512219" spans="14:14">
      <c r="N512219" s="10"/>
    </row>
    <row r="512220" spans="14:14">
      <c r="N512220" s="10"/>
    </row>
    <row r="512221" spans="14:14">
      <c r="N512221" s="10"/>
    </row>
    <row r="512222" spans="14:14">
      <c r="N512222" s="10"/>
    </row>
    <row r="512223" spans="14:14">
      <c r="N512223" s="10"/>
    </row>
    <row r="512224" spans="14:14">
      <c r="N512224" s="10"/>
    </row>
    <row r="512225" spans="14:14">
      <c r="N512225" s="10"/>
    </row>
    <row r="512226" spans="14:14">
      <c r="N512226" s="10"/>
    </row>
    <row r="512227" spans="14:14">
      <c r="N512227" s="10"/>
    </row>
    <row r="512228" spans="14:14">
      <c r="N512228" s="10"/>
    </row>
    <row r="512229" spans="14:14">
      <c r="N512229" s="10"/>
    </row>
    <row r="512230" spans="14:14">
      <c r="N512230" s="10"/>
    </row>
    <row r="512231" spans="14:14">
      <c r="N512231" s="10"/>
    </row>
    <row r="512232" spans="14:14">
      <c r="N512232" s="10"/>
    </row>
    <row r="512233" spans="14:14">
      <c r="N512233" s="10"/>
    </row>
    <row r="512234" spans="14:14">
      <c r="N512234" s="10"/>
    </row>
    <row r="512235" spans="14:14">
      <c r="N512235" s="10"/>
    </row>
    <row r="512236" spans="14:14">
      <c r="N512236" s="10"/>
    </row>
    <row r="512237" spans="14:14">
      <c r="N512237" s="10"/>
    </row>
    <row r="512238" spans="14:14">
      <c r="N512238" s="10"/>
    </row>
    <row r="512239" spans="14:14">
      <c r="N512239" s="10"/>
    </row>
    <row r="512240" spans="14:14">
      <c r="N512240" s="10"/>
    </row>
    <row r="512241" spans="14:14">
      <c r="N512241" s="10"/>
    </row>
    <row r="512242" spans="14:14">
      <c r="N512242" s="10"/>
    </row>
    <row r="512243" spans="14:14">
      <c r="N512243" s="10"/>
    </row>
    <row r="512244" spans="14:14">
      <c r="N512244" s="10"/>
    </row>
    <row r="512245" spans="14:14">
      <c r="N512245" s="10"/>
    </row>
    <row r="512246" spans="14:14">
      <c r="N512246" s="10"/>
    </row>
    <row r="512247" spans="14:14">
      <c r="N512247" s="10"/>
    </row>
    <row r="512248" spans="14:14">
      <c r="N512248" s="10"/>
    </row>
    <row r="512249" spans="14:14">
      <c r="N512249" s="10"/>
    </row>
    <row r="512250" spans="14:14">
      <c r="N512250" s="10"/>
    </row>
    <row r="512251" spans="14:14">
      <c r="N512251" s="10"/>
    </row>
    <row r="512252" spans="14:14">
      <c r="N512252" s="10"/>
    </row>
    <row r="512253" spans="14:14">
      <c r="N512253" s="10"/>
    </row>
    <row r="512254" spans="14:14">
      <c r="N512254" s="10"/>
    </row>
    <row r="512255" spans="14:14">
      <c r="N512255" s="10"/>
    </row>
    <row r="512256" spans="14:14">
      <c r="N512256" s="10"/>
    </row>
    <row r="512257" spans="14:14">
      <c r="N512257" s="10"/>
    </row>
    <row r="512258" spans="14:14">
      <c r="N512258" s="10"/>
    </row>
    <row r="512259" spans="14:14">
      <c r="N512259" s="10"/>
    </row>
    <row r="512260" spans="14:14">
      <c r="N512260" s="10"/>
    </row>
    <row r="512261" spans="14:14">
      <c r="N512261" s="10"/>
    </row>
    <row r="512262" spans="14:14">
      <c r="N512262" s="10"/>
    </row>
    <row r="512263" spans="14:14">
      <c r="N512263" s="10"/>
    </row>
    <row r="512264" spans="14:14">
      <c r="N512264" s="10"/>
    </row>
    <row r="512265" spans="14:14">
      <c r="N512265" s="10"/>
    </row>
    <row r="512266" spans="14:14">
      <c r="N512266" s="10"/>
    </row>
    <row r="512267" spans="14:14">
      <c r="N512267" s="10"/>
    </row>
    <row r="512268" spans="14:14">
      <c r="N512268" s="10"/>
    </row>
    <row r="512269" spans="14:14">
      <c r="N512269" s="10"/>
    </row>
    <row r="512270" spans="14:14">
      <c r="N512270" s="10"/>
    </row>
    <row r="512271" spans="14:14">
      <c r="N512271" s="10"/>
    </row>
    <row r="512272" spans="14:14">
      <c r="N512272" s="10"/>
    </row>
    <row r="512273" spans="14:14">
      <c r="N512273" s="10"/>
    </row>
    <row r="512274" spans="14:14">
      <c r="N512274" s="10"/>
    </row>
    <row r="512275" spans="14:14">
      <c r="N512275" s="10"/>
    </row>
    <row r="512276" spans="14:14">
      <c r="N512276" s="10"/>
    </row>
    <row r="512277" spans="14:14">
      <c r="N512277" s="10"/>
    </row>
    <row r="512278" spans="14:14">
      <c r="N512278" s="10"/>
    </row>
    <row r="512279" spans="14:14">
      <c r="N512279" s="10"/>
    </row>
    <row r="512280" spans="14:14">
      <c r="N512280" s="10"/>
    </row>
    <row r="512281" spans="14:14">
      <c r="N512281" s="10"/>
    </row>
    <row r="512282" spans="14:14">
      <c r="N512282" s="10"/>
    </row>
    <row r="512283" spans="14:14">
      <c r="N512283" s="10"/>
    </row>
    <row r="512284" spans="14:14">
      <c r="N512284" s="10"/>
    </row>
    <row r="512285" spans="14:14">
      <c r="N512285" s="10"/>
    </row>
    <row r="512286" spans="14:14">
      <c r="N512286" s="10"/>
    </row>
    <row r="512287" spans="14:14">
      <c r="N512287" s="10"/>
    </row>
    <row r="512288" spans="14:14">
      <c r="N512288" s="10"/>
    </row>
    <row r="512289" spans="14:14">
      <c r="N512289" s="10"/>
    </row>
    <row r="512290" spans="14:14">
      <c r="N512290" s="10"/>
    </row>
    <row r="512291" spans="14:14">
      <c r="N512291" s="10"/>
    </row>
    <row r="512292" spans="14:14">
      <c r="N512292" s="10"/>
    </row>
    <row r="512293" spans="14:14">
      <c r="N512293" s="10"/>
    </row>
    <row r="512294" spans="14:14">
      <c r="N512294" s="10"/>
    </row>
    <row r="512295" spans="14:14">
      <c r="N512295" s="10"/>
    </row>
    <row r="512296" spans="14:14">
      <c r="N512296" s="10"/>
    </row>
    <row r="512297" spans="14:14">
      <c r="N512297" s="10"/>
    </row>
    <row r="512298" spans="14:14">
      <c r="N512298" s="10"/>
    </row>
    <row r="512299" spans="14:14">
      <c r="N512299" s="10"/>
    </row>
    <row r="512300" spans="14:14">
      <c r="N512300" s="10"/>
    </row>
    <row r="512301" spans="14:14">
      <c r="N512301" s="10"/>
    </row>
    <row r="512302" spans="14:14">
      <c r="N512302" s="10"/>
    </row>
    <row r="512303" spans="14:14">
      <c r="N512303" s="10"/>
    </row>
    <row r="512304" spans="14:14">
      <c r="N512304" s="10"/>
    </row>
    <row r="512305" spans="14:14">
      <c r="N512305" s="10"/>
    </row>
    <row r="512306" spans="14:14">
      <c r="N512306" s="10"/>
    </row>
    <row r="512307" spans="14:14">
      <c r="N512307" s="10"/>
    </row>
    <row r="512308" spans="14:14">
      <c r="N512308" s="10"/>
    </row>
    <row r="512309" spans="14:14">
      <c r="N512309" s="10"/>
    </row>
    <row r="512310" spans="14:14">
      <c r="N512310" s="10"/>
    </row>
    <row r="512311" spans="14:14">
      <c r="N512311" s="10"/>
    </row>
    <row r="512312" spans="14:14">
      <c r="N512312" s="10"/>
    </row>
    <row r="512313" spans="14:14">
      <c r="N512313" s="10"/>
    </row>
    <row r="512314" spans="14:14">
      <c r="N512314" s="10"/>
    </row>
    <row r="512315" spans="14:14">
      <c r="N512315" s="10"/>
    </row>
    <row r="512316" spans="14:14">
      <c r="N512316" s="10"/>
    </row>
    <row r="512317" spans="14:14">
      <c r="N512317" s="10"/>
    </row>
    <row r="512318" spans="14:14">
      <c r="N512318" s="10"/>
    </row>
    <row r="512319" spans="14:14">
      <c r="N512319" s="10"/>
    </row>
    <row r="512320" spans="14:14">
      <c r="N512320" s="10"/>
    </row>
    <row r="512321" spans="14:14">
      <c r="N512321" s="10"/>
    </row>
    <row r="512322" spans="14:14">
      <c r="N512322" s="10"/>
    </row>
    <row r="512323" spans="14:14">
      <c r="N512323" s="10"/>
    </row>
    <row r="512324" spans="14:14">
      <c r="N512324" s="10"/>
    </row>
    <row r="512325" spans="14:14">
      <c r="N512325" s="10"/>
    </row>
    <row r="512326" spans="14:14">
      <c r="N512326" s="10"/>
    </row>
    <row r="512327" spans="14:14">
      <c r="N512327" s="10"/>
    </row>
    <row r="512328" spans="14:14">
      <c r="N512328" s="10"/>
    </row>
    <row r="512329" spans="14:14">
      <c r="N512329" s="10"/>
    </row>
    <row r="512330" spans="14:14">
      <c r="N512330" s="10"/>
    </row>
    <row r="512331" spans="14:14">
      <c r="N512331" s="10"/>
    </row>
    <row r="512332" spans="14:14">
      <c r="N512332" s="10"/>
    </row>
    <row r="512333" spans="14:14">
      <c r="N512333" s="10"/>
    </row>
    <row r="512334" spans="14:14">
      <c r="N512334" s="10"/>
    </row>
    <row r="512335" spans="14:14">
      <c r="N512335" s="10"/>
    </row>
    <row r="512336" spans="14:14">
      <c r="N512336" s="10"/>
    </row>
    <row r="512337" spans="14:14">
      <c r="N512337" s="10"/>
    </row>
    <row r="512338" spans="14:14">
      <c r="N512338" s="10"/>
    </row>
    <row r="512339" spans="14:14">
      <c r="N512339" s="10"/>
    </row>
    <row r="512340" spans="14:14">
      <c r="N512340" s="10"/>
    </row>
    <row r="512341" spans="14:14">
      <c r="N512341" s="10"/>
    </row>
    <row r="512342" spans="14:14">
      <c r="N512342" s="10"/>
    </row>
    <row r="512343" spans="14:14">
      <c r="N512343" s="10"/>
    </row>
    <row r="512344" spans="14:14">
      <c r="N512344" s="10"/>
    </row>
    <row r="512345" spans="14:14">
      <c r="N512345" s="10"/>
    </row>
    <row r="512346" spans="14:14">
      <c r="N512346" s="10"/>
    </row>
    <row r="512347" spans="14:14">
      <c r="N512347" s="10"/>
    </row>
    <row r="512348" spans="14:14">
      <c r="N512348" s="10"/>
    </row>
    <row r="512349" spans="14:14">
      <c r="N512349" s="10"/>
    </row>
    <row r="512350" spans="14:14">
      <c r="N512350" s="10"/>
    </row>
    <row r="512351" spans="14:14">
      <c r="N512351" s="10"/>
    </row>
    <row r="512352" spans="14:14">
      <c r="N512352" s="10"/>
    </row>
    <row r="512353" spans="14:14">
      <c r="N512353" s="10"/>
    </row>
    <row r="512354" spans="14:14">
      <c r="N512354" s="10"/>
    </row>
    <row r="512355" spans="14:14">
      <c r="N512355" s="10"/>
    </row>
    <row r="512356" spans="14:14">
      <c r="N512356" s="10"/>
    </row>
    <row r="512357" spans="14:14">
      <c r="N512357" s="10"/>
    </row>
    <row r="512358" spans="14:14">
      <c r="N512358" s="10"/>
    </row>
    <row r="512359" spans="14:14">
      <c r="N512359" s="10"/>
    </row>
    <row r="512360" spans="14:14">
      <c r="N512360" s="10"/>
    </row>
    <row r="512361" spans="14:14">
      <c r="N512361" s="10"/>
    </row>
    <row r="512362" spans="14:14">
      <c r="N512362" s="10"/>
    </row>
    <row r="512363" spans="14:14">
      <c r="N512363" s="10"/>
    </row>
    <row r="512364" spans="14:14">
      <c r="N512364" s="10"/>
    </row>
    <row r="512365" spans="14:14">
      <c r="N512365" s="10"/>
    </row>
    <row r="512366" spans="14:14">
      <c r="N512366" s="10"/>
    </row>
    <row r="512367" spans="14:14">
      <c r="N512367" s="10"/>
    </row>
    <row r="512368" spans="14:14">
      <c r="N512368" s="10"/>
    </row>
    <row r="512369" spans="14:14">
      <c r="N512369" s="10"/>
    </row>
    <row r="512370" spans="14:14">
      <c r="N512370" s="10"/>
    </row>
    <row r="512371" spans="14:14">
      <c r="N512371" s="10"/>
    </row>
    <row r="512372" spans="14:14">
      <c r="N512372" s="10"/>
    </row>
    <row r="512373" spans="14:14">
      <c r="N512373" s="10"/>
    </row>
    <row r="512374" spans="14:14">
      <c r="N512374" s="10"/>
    </row>
    <row r="512375" spans="14:14">
      <c r="N512375" s="10"/>
    </row>
    <row r="512376" spans="14:14">
      <c r="N512376" s="10"/>
    </row>
    <row r="512377" spans="14:14">
      <c r="N512377" s="10"/>
    </row>
    <row r="512378" spans="14:14">
      <c r="N512378" s="10"/>
    </row>
    <row r="512379" spans="14:14">
      <c r="N512379" s="10"/>
    </row>
    <row r="512380" spans="14:14">
      <c r="N512380" s="10"/>
    </row>
    <row r="512381" spans="14:14">
      <c r="N512381" s="10"/>
    </row>
    <row r="512382" spans="14:14">
      <c r="N512382" s="10"/>
    </row>
    <row r="512383" spans="14:14">
      <c r="N512383" s="10"/>
    </row>
    <row r="512384" spans="14:14">
      <c r="N512384" s="10"/>
    </row>
    <row r="512385" spans="14:14">
      <c r="N512385" s="10"/>
    </row>
    <row r="512386" spans="14:14">
      <c r="N512386" s="10"/>
    </row>
    <row r="512387" spans="14:14">
      <c r="N512387" s="10"/>
    </row>
    <row r="512388" spans="14:14">
      <c r="N512388" s="10"/>
    </row>
    <row r="512389" spans="14:14">
      <c r="N512389" s="10"/>
    </row>
    <row r="512390" spans="14:14">
      <c r="N512390" s="10"/>
    </row>
    <row r="512391" spans="14:14">
      <c r="N512391" s="10"/>
    </row>
    <row r="512392" spans="14:14">
      <c r="N512392" s="10"/>
    </row>
    <row r="512393" spans="14:14">
      <c r="N512393" s="10"/>
    </row>
    <row r="512394" spans="14:14">
      <c r="N512394" s="10"/>
    </row>
    <row r="512395" spans="14:14">
      <c r="N512395" s="10"/>
    </row>
    <row r="512396" spans="14:14">
      <c r="N512396" s="10"/>
    </row>
    <row r="512397" spans="14:14">
      <c r="N512397" s="10"/>
    </row>
    <row r="512398" spans="14:14">
      <c r="N512398" s="10"/>
    </row>
    <row r="512399" spans="14:14">
      <c r="N512399" s="10"/>
    </row>
    <row r="512400" spans="14:14">
      <c r="N512400" s="10"/>
    </row>
    <row r="512401" spans="14:14">
      <c r="N512401" s="10"/>
    </row>
    <row r="512402" spans="14:14">
      <c r="N512402" s="10"/>
    </row>
    <row r="512403" spans="14:14">
      <c r="N512403" s="10"/>
    </row>
    <row r="512404" spans="14:14">
      <c r="N512404" s="10"/>
    </row>
    <row r="512405" spans="14:14">
      <c r="N512405" s="10"/>
    </row>
    <row r="512406" spans="14:14">
      <c r="N512406" s="10"/>
    </row>
    <row r="512407" spans="14:14">
      <c r="N512407" s="10"/>
    </row>
    <row r="512408" spans="14:14">
      <c r="N512408" s="10"/>
    </row>
    <row r="512409" spans="14:14">
      <c r="N512409" s="10"/>
    </row>
    <row r="512410" spans="14:14">
      <c r="N512410" s="10"/>
    </row>
    <row r="512411" spans="14:14">
      <c r="N512411" s="10"/>
    </row>
    <row r="512412" spans="14:14">
      <c r="N512412" s="10"/>
    </row>
    <row r="512413" spans="14:14">
      <c r="N512413" s="10"/>
    </row>
    <row r="512414" spans="14:14">
      <c r="N512414" s="10"/>
    </row>
    <row r="512415" spans="14:14">
      <c r="N512415" s="10"/>
    </row>
    <row r="512416" spans="14:14">
      <c r="N512416" s="10"/>
    </row>
    <row r="512417" spans="14:14">
      <c r="N512417" s="10"/>
    </row>
    <row r="512418" spans="14:14">
      <c r="N512418" s="10"/>
    </row>
    <row r="512419" spans="14:14">
      <c r="N512419" s="10"/>
    </row>
    <row r="512420" spans="14:14">
      <c r="N512420" s="10"/>
    </row>
    <row r="512421" spans="14:14">
      <c r="N512421" s="10"/>
    </row>
    <row r="512422" spans="14:14">
      <c r="N512422" s="10"/>
    </row>
    <row r="512423" spans="14:14">
      <c r="N512423" s="10"/>
    </row>
    <row r="512424" spans="14:14">
      <c r="N512424" s="10"/>
    </row>
    <row r="512425" spans="14:14">
      <c r="N512425" s="10"/>
    </row>
    <row r="512426" spans="14:14">
      <c r="N512426" s="10"/>
    </row>
    <row r="512427" spans="14:14">
      <c r="N512427" s="10"/>
    </row>
    <row r="512428" spans="14:14">
      <c r="N512428" s="10"/>
    </row>
    <row r="512429" spans="14:14">
      <c r="N512429" s="10"/>
    </row>
    <row r="512430" spans="14:14">
      <c r="N512430" s="10"/>
    </row>
    <row r="512431" spans="14:14">
      <c r="N512431" s="10"/>
    </row>
    <row r="512432" spans="14:14">
      <c r="N512432" s="10"/>
    </row>
    <row r="512433" spans="14:14">
      <c r="N512433" s="10"/>
    </row>
    <row r="512434" spans="14:14">
      <c r="N512434" s="10"/>
    </row>
    <row r="512435" spans="14:14">
      <c r="N512435" s="10"/>
    </row>
    <row r="512436" spans="14:14">
      <c r="N512436" s="10"/>
    </row>
    <row r="512437" spans="14:14">
      <c r="N512437" s="10"/>
    </row>
    <row r="512438" spans="14:14">
      <c r="N512438" s="10"/>
    </row>
    <row r="512439" spans="14:14">
      <c r="N512439" s="10"/>
    </row>
    <row r="512440" spans="14:14">
      <c r="N512440" s="10"/>
    </row>
    <row r="512441" spans="14:14">
      <c r="N512441" s="10"/>
    </row>
    <row r="512442" spans="14:14">
      <c r="N512442" s="10"/>
    </row>
    <row r="512443" spans="14:14">
      <c r="N512443" s="10"/>
    </row>
    <row r="512444" spans="14:14">
      <c r="N512444" s="10"/>
    </row>
    <row r="512445" spans="14:14">
      <c r="N512445" s="10"/>
    </row>
    <row r="512446" spans="14:14">
      <c r="N512446" s="10"/>
    </row>
    <row r="512447" spans="14:14">
      <c r="N512447" s="10"/>
    </row>
    <row r="512448" spans="14:14">
      <c r="N512448" s="10"/>
    </row>
    <row r="512449" spans="14:14">
      <c r="N512449" s="10"/>
    </row>
    <row r="512450" spans="14:14">
      <c r="N512450" s="10"/>
    </row>
    <row r="512451" spans="14:14">
      <c r="N512451" s="10"/>
    </row>
    <row r="512452" spans="14:14">
      <c r="N512452" s="10"/>
    </row>
    <row r="512453" spans="14:14">
      <c r="N512453" s="10"/>
    </row>
    <row r="512454" spans="14:14">
      <c r="N512454" s="10"/>
    </row>
    <row r="512455" spans="14:14">
      <c r="N512455" s="10"/>
    </row>
    <row r="512456" spans="14:14">
      <c r="N512456" s="10"/>
    </row>
    <row r="512457" spans="14:14">
      <c r="N512457" s="10"/>
    </row>
    <row r="512458" spans="14:14">
      <c r="N512458" s="10"/>
    </row>
    <row r="512459" spans="14:14">
      <c r="N512459" s="10"/>
    </row>
    <row r="512460" spans="14:14">
      <c r="N512460" s="10"/>
    </row>
    <row r="512461" spans="14:14">
      <c r="N512461" s="10"/>
    </row>
    <row r="512462" spans="14:14">
      <c r="N512462" s="10"/>
    </row>
    <row r="512463" spans="14:14">
      <c r="N512463" s="10"/>
    </row>
    <row r="512464" spans="14:14">
      <c r="N512464" s="10"/>
    </row>
    <row r="512465" spans="14:14">
      <c r="N512465" s="10"/>
    </row>
    <row r="512466" spans="14:14">
      <c r="N512466" s="10"/>
    </row>
    <row r="512467" spans="14:14">
      <c r="N512467" s="10"/>
    </row>
    <row r="512468" spans="14:14">
      <c r="N512468" s="10"/>
    </row>
    <row r="512469" spans="14:14">
      <c r="N512469" s="10"/>
    </row>
    <row r="512470" spans="14:14">
      <c r="N512470" s="10"/>
    </row>
    <row r="512471" spans="14:14">
      <c r="N512471" s="10"/>
    </row>
    <row r="512472" spans="14:14">
      <c r="N512472" s="10"/>
    </row>
    <row r="512473" spans="14:14">
      <c r="N512473" s="10"/>
    </row>
    <row r="512474" spans="14:14">
      <c r="N512474" s="10"/>
    </row>
    <row r="512475" spans="14:14">
      <c r="N512475" s="10"/>
    </row>
    <row r="512476" spans="14:14">
      <c r="N512476" s="10"/>
    </row>
    <row r="512477" spans="14:14">
      <c r="N512477" s="10"/>
    </row>
    <row r="512478" spans="14:14">
      <c r="N512478" s="10"/>
    </row>
    <row r="512479" spans="14:14">
      <c r="N512479" s="10"/>
    </row>
    <row r="512480" spans="14:14">
      <c r="N512480" s="10"/>
    </row>
    <row r="512481" spans="14:14">
      <c r="N512481" s="10"/>
    </row>
    <row r="512482" spans="14:14">
      <c r="N512482" s="10"/>
    </row>
    <row r="512483" spans="14:14">
      <c r="N512483" s="10"/>
    </row>
    <row r="512484" spans="14:14">
      <c r="N512484" s="10"/>
    </row>
    <row r="512485" spans="14:14">
      <c r="N512485" s="10"/>
    </row>
    <row r="512486" spans="14:14">
      <c r="N512486" s="10"/>
    </row>
    <row r="512487" spans="14:14">
      <c r="N512487" s="10"/>
    </row>
    <row r="512488" spans="14:14">
      <c r="N512488" s="10"/>
    </row>
    <row r="512489" spans="14:14">
      <c r="N512489" s="10"/>
    </row>
    <row r="512490" spans="14:14">
      <c r="N512490" s="10"/>
    </row>
    <row r="512491" spans="14:14">
      <c r="N512491" s="10"/>
    </row>
    <row r="512492" spans="14:14">
      <c r="N512492" s="10"/>
    </row>
    <row r="512493" spans="14:14">
      <c r="N512493" s="10"/>
    </row>
    <row r="512494" spans="14:14">
      <c r="N512494" s="10"/>
    </row>
    <row r="512495" spans="14:14">
      <c r="N512495" s="10"/>
    </row>
    <row r="512496" spans="14:14">
      <c r="N512496" s="10"/>
    </row>
    <row r="512497" spans="14:14">
      <c r="N512497" s="10"/>
    </row>
    <row r="512498" spans="14:14">
      <c r="N512498" s="10"/>
    </row>
    <row r="512499" spans="14:14">
      <c r="N512499" s="10"/>
    </row>
    <row r="512500" spans="14:14">
      <c r="N512500" s="10"/>
    </row>
    <row r="512501" spans="14:14">
      <c r="N512501" s="10"/>
    </row>
    <row r="512502" spans="14:14">
      <c r="N512502" s="10"/>
    </row>
    <row r="512503" spans="14:14">
      <c r="N512503" s="10"/>
    </row>
    <row r="512504" spans="14:14">
      <c r="N512504" s="10"/>
    </row>
    <row r="512505" spans="14:14">
      <c r="N512505" s="10"/>
    </row>
    <row r="512506" spans="14:14">
      <c r="N512506" s="10"/>
    </row>
    <row r="512507" spans="14:14">
      <c r="N512507" s="10"/>
    </row>
    <row r="512508" spans="14:14">
      <c r="N512508" s="10"/>
    </row>
    <row r="512509" spans="14:14">
      <c r="N512509" s="10"/>
    </row>
    <row r="512510" spans="14:14">
      <c r="N512510" s="10"/>
    </row>
    <row r="512511" spans="14:14">
      <c r="N512511" s="10"/>
    </row>
    <row r="512512" spans="14:14">
      <c r="N512512" s="10"/>
    </row>
    <row r="512513" spans="14:14">
      <c r="N512513" s="10"/>
    </row>
    <row r="512514" spans="14:14">
      <c r="N512514" s="10"/>
    </row>
    <row r="512515" spans="14:14">
      <c r="N512515" s="10"/>
    </row>
    <row r="512516" spans="14:14">
      <c r="N512516" s="10"/>
    </row>
    <row r="512517" spans="14:14">
      <c r="N512517" s="10"/>
    </row>
    <row r="512518" spans="14:14">
      <c r="N512518" s="10"/>
    </row>
    <row r="512519" spans="14:14">
      <c r="N512519" s="10"/>
    </row>
    <row r="512520" spans="14:14">
      <c r="N512520" s="10"/>
    </row>
    <row r="512521" spans="14:14">
      <c r="N512521" s="10"/>
    </row>
    <row r="512522" spans="14:14">
      <c r="N512522" s="10"/>
    </row>
    <row r="512523" spans="14:14">
      <c r="N512523" s="10"/>
    </row>
    <row r="512524" spans="14:14">
      <c r="N512524" s="10"/>
    </row>
    <row r="512525" spans="14:14">
      <c r="N512525" s="10"/>
    </row>
    <row r="512526" spans="14:14">
      <c r="N512526" s="10"/>
    </row>
    <row r="512527" spans="14:14">
      <c r="N512527" s="10"/>
    </row>
    <row r="512528" spans="14:14">
      <c r="N512528" s="10"/>
    </row>
    <row r="512529" spans="14:14">
      <c r="N512529" s="10"/>
    </row>
    <row r="512530" spans="14:14">
      <c r="N512530" s="10"/>
    </row>
    <row r="512531" spans="14:14">
      <c r="N512531" s="10"/>
    </row>
    <row r="512532" spans="14:14">
      <c r="N512532" s="10"/>
    </row>
    <row r="512533" spans="14:14">
      <c r="N512533" s="10"/>
    </row>
    <row r="512534" spans="14:14">
      <c r="N512534" s="10"/>
    </row>
    <row r="512535" spans="14:14">
      <c r="N512535" s="10"/>
    </row>
    <row r="512536" spans="14:14">
      <c r="N512536" s="10"/>
    </row>
    <row r="512537" spans="14:14">
      <c r="N512537" s="10"/>
    </row>
    <row r="512538" spans="14:14">
      <c r="N512538" s="10"/>
    </row>
    <row r="512539" spans="14:14">
      <c r="N512539" s="10"/>
    </row>
    <row r="512540" spans="14:14">
      <c r="N512540" s="10"/>
    </row>
    <row r="512541" spans="14:14">
      <c r="N512541" s="10"/>
    </row>
    <row r="512542" spans="14:14">
      <c r="N512542" s="10"/>
    </row>
    <row r="512543" spans="14:14">
      <c r="N512543" s="10"/>
    </row>
    <row r="512544" spans="14:14">
      <c r="N512544" s="10"/>
    </row>
    <row r="512545" spans="14:14">
      <c r="N512545" s="10"/>
    </row>
    <row r="512546" spans="14:14">
      <c r="N512546" s="10"/>
    </row>
    <row r="512547" spans="14:14">
      <c r="N512547" s="10"/>
    </row>
    <row r="512548" spans="14:14">
      <c r="N512548" s="10"/>
    </row>
    <row r="512549" spans="14:14">
      <c r="N512549" s="10"/>
    </row>
    <row r="512550" spans="14:14">
      <c r="N512550" s="10"/>
    </row>
    <row r="512551" spans="14:14">
      <c r="N512551" s="10"/>
    </row>
    <row r="512552" spans="14:14">
      <c r="N512552" s="10"/>
    </row>
    <row r="512553" spans="14:14">
      <c r="N512553" s="10"/>
    </row>
    <row r="512554" spans="14:14">
      <c r="N512554" s="10"/>
    </row>
    <row r="512555" spans="14:14">
      <c r="N512555" s="10"/>
    </row>
    <row r="512556" spans="14:14">
      <c r="N512556" s="10"/>
    </row>
    <row r="512557" spans="14:14">
      <c r="N512557" s="10"/>
    </row>
    <row r="512558" spans="14:14">
      <c r="N512558" s="10"/>
    </row>
    <row r="512559" spans="14:14">
      <c r="N512559" s="10"/>
    </row>
    <row r="512560" spans="14:14">
      <c r="N512560" s="10"/>
    </row>
    <row r="512561" spans="14:14">
      <c r="N512561" s="10"/>
    </row>
    <row r="512562" spans="14:14">
      <c r="N512562" s="10"/>
    </row>
    <row r="512563" spans="14:14">
      <c r="N512563" s="10"/>
    </row>
    <row r="512564" spans="14:14">
      <c r="N512564" s="10"/>
    </row>
    <row r="512565" spans="14:14">
      <c r="N512565" s="10"/>
    </row>
    <row r="512566" spans="14:14">
      <c r="N512566" s="10"/>
    </row>
    <row r="512567" spans="14:14">
      <c r="N512567" s="10"/>
    </row>
    <row r="512568" spans="14:14">
      <c r="N512568" s="10"/>
    </row>
    <row r="512569" spans="14:14">
      <c r="N512569" s="10"/>
    </row>
    <row r="512570" spans="14:14">
      <c r="N512570" s="10"/>
    </row>
    <row r="512571" spans="14:14">
      <c r="N512571" s="10"/>
    </row>
    <row r="512572" spans="14:14">
      <c r="N512572" s="10"/>
    </row>
    <row r="512573" spans="14:14">
      <c r="N512573" s="10"/>
    </row>
    <row r="512574" spans="14:14">
      <c r="N512574" s="10"/>
    </row>
    <row r="512575" spans="14:14">
      <c r="N512575" s="10"/>
    </row>
    <row r="512576" spans="14:14">
      <c r="N512576" s="10"/>
    </row>
    <row r="512577" spans="14:14">
      <c r="N512577" s="10"/>
    </row>
    <row r="512578" spans="14:14">
      <c r="N512578" s="10"/>
    </row>
    <row r="512579" spans="14:14">
      <c r="N512579" s="10"/>
    </row>
    <row r="512580" spans="14:14">
      <c r="N512580" s="10"/>
    </row>
    <row r="512581" spans="14:14">
      <c r="N512581" s="10"/>
    </row>
    <row r="512582" spans="14:14">
      <c r="N512582" s="10"/>
    </row>
    <row r="512583" spans="14:14">
      <c r="N512583" s="10"/>
    </row>
    <row r="512584" spans="14:14">
      <c r="N512584" s="10"/>
    </row>
    <row r="512585" spans="14:14">
      <c r="N512585" s="10"/>
    </row>
    <row r="512586" spans="14:14">
      <c r="N512586" s="10"/>
    </row>
    <row r="512587" spans="14:14">
      <c r="N512587" s="10"/>
    </row>
    <row r="512588" spans="14:14">
      <c r="N512588" s="10"/>
    </row>
    <row r="512589" spans="14:14">
      <c r="N512589" s="10"/>
    </row>
    <row r="512590" spans="14:14">
      <c r="N512590" s="10"/>
    </row>
    <row r="512591" spans="14:14">
      <c r="N512591" s="10"/>
    </row>
    <row r="512592" spans="14:14">
      <c r="N512592" s="10"/>
    </row>
    <row r="512593" spans="14:14">
      <c r="N512593" s="10"/>
    </row>
    <row r="512594" spans="14:14">
      <c r="N512594" s="10"/>
    </row>
    <row r="512595" spans="14:14">
      <c r="N512595" s="10"/>
    </row>
    <row r="512596" spans="14:14">
      <c r="N512596" s="10"/>
    </row>
    <row r="512597" spans="14:14">
      <c r="N512597" s="10"/>
    </row>
    <row r="512598" spans="14:14">
      <c r="N512598" s="10"/>
    </row>
    <row r="512599" spans="14:14">
      <c r="N512599" s="10"/>
    </row>
    <row r="512600" spans="14:14">
      <c r="N512600" s="10"/>
    </row>
    <row r="512601" spans="14:14">
      <c r="N512601" s="10"/>
    </row>
    <row r="512602" spans="14:14">
      <c r="N512602" s="10"/>
    </row>
    <row r="512603" spans="14:14">
      <c r="N512603" s="10"/>
    </row>
    <row r="512604" spans="14:14">
      <c r="N512604" s="10"/>
    </row>
    <row r="512605" spans="14:14">
      <c r="N512605" s="10"/>
    </row>
    <row r="512606" spans="14:14">
      <c r="N512606" s="10"/>
    </row>
    <row r="512607" spans="14:14">
      <c r="N512607" s="10"/>
    </row>
    <row r="512608" spans="14:14">
      <c r="N512608" s="10"/>
    </row>
    <row r="512609" spans="14:14">
      <c r="N512609" s="10"/>
    </row>
    <row r="512610" spans="14:14">
      <c r="N512610" s="10"/>
    </row>
    <row r="512611" spans="14:14">
      <c r="N512611" s="10"/>
    </row>
    <row r="512612" spans="14:14">
      <c r="N512612" s="10"/>
    </row>
    <row r="512613" spans="14:14">
      <c r="N512613" s="10"/>
    </row>
    <row r="512614" spans="14:14">
      <c r="N512614" s="10"/>
    </row>
    <row r="512615" spans="14:14">
      <c r="N512615" s="10"/>
    </row>
    <row r="512616" spans="14:14">
      <c r="N512616" s="10"/>
    </row>
    <row r="512617" spans="14:14">
      <c r="N512617" s="10"/>
    </row>
    <row r="512618" spans="14:14">
      <c r="N512618" s="10"/>
    </row>
    <row r="512619" spans="14:14">
      <c r="N512619" s="10"/>
    </row>
    <row r="512620" spans="14:14">
      <c r="N512620" s="10"/>
    </row>
    <row r="512621" spans="14:14">
      <c r="N512621" s="10"/>
    </row>
    <row r="512622" spans="14:14">
      <c r="N512622" s="10"/>
    </row>
    <row r="512623" spans="14:14">
      <c r="N512623" s="10"/>
    </row>
    <row r="512624" spans="14:14">
      <c r="N512624" s="10"/>
    </row>
    <row r="512625" spans="14:14">
      <c r="N512625" s="10"/>
    </row>
    <row r="512626" spans="14:14">
      <c r="N512626" s="10"/>
    </row>
    <row r="512627" spans="14:14">
      <c r="N512627" s="10"/>
    </row>
    <row r="512628" spans="14:14">
      <c r="N512628" s="10"/>
    </row>
    <row r="512629" spans="14:14">
      <c r="N512629" s="10"/>
    </row>
    <row r="512630" spans="14:14">
      <c r="N512630" s="10"/>
    </row>
    <row r="512631" spans="14:14">
      <c r="N512631" s="10"/>
    </row>
    <row r="512632" spans="14:14">
      <c r="N512632" s="10"/>
    </row>
    <row r="512633" spans="14:14">
      <c r="N512633" s="10"/>
    </row>
    <row r="512634" spans="14:14">
      <c r="N512634" s="10"/>
    </row>
    <row r="512635" spans="14:14">
      <c r="N512635" s="10"/>
    </row>
    <row r="512636" spans="14:14">
      <c r="N512636" s="10"/>
    </row>
    <row r="512637" spans="14:14">
      <c r="N512637" s="10"/>
    </row>
    <row r="512638" spans="14:14">
      <c r="N512638" s="10"/>
    </row>
    <row r="512639" spans="14:14">
      <c r="N512639" s="10"/>
    </row>
    <row r="512640" spans="14:14">
      <c r="N512640" s="10"/>
    </row>
    <row r="512641" spans="14:14">
      <c r="N512641" s="10"/>
    </row>
    <row r="512642" spans="14:14">
      <c r="N512642" s="10"/>
    </row>
    <row r="512643" spans="14:14">
      <c r="N512643" s="10"/>
    </row>
    <row r="512644" spans="14:14">
      <c r="N512644" s="10"/>
    </row>
    <row r="512645" spans="14:14">
      <c r="N512645" s="10"/>
    </row>
    <row r="512646" spans="14:14">
      <c r="N512646" s="10"/>
    </row>
    <row r="512647" spans="14:14">
      <c r="N512647" s="10"/>
    </row>
    <row r="512648" spans="14:14">
      <c r="N512648" s="10"/>
    </row>
    <row r="512649" spans="14:14">
      <c r="N512649" s="10"/>
    </row>
    <row r="512650" spans="14:14">
      <c r="N512650" s="10"/>
    </row>
    <row r="512651" spans="14:14">
      <c r="N512651" s="10"/>
    </row>
    <row r="512652" spans="14:14">
      <c r="N512652" s="10"/>
    </row>
    <row r="512653" spans="14:14">
      <c r="N512653" s="10"/>
    </row>
    <row r="512654" spans="14:14">
      <c r="N512654" s="10"/>
    </row>
    <row r="512655" spans="14:14">
      <c r="N512655" s="10"/>
    </row>
    <row r="512656" spans="14:14">
      <c r="N512656" s="10"/>
    </row>
    <row r="512657" spans="14:14">
      <c r="N512657" s="10"/>
    </row>
    <row r="512658" spans="14:14">
      <c r="N512658" s="10"/>
    </row>
    <row r="512659" spans="14:14">
      <c r="N512659" s="10"/>
    </row>
    <row r="512660" spans="14:14">
      <c r="N512660" s="10"/>
    </row>
    <row r="512661" spans="14:14">
      <c r="N512661" s="10"/>
    </row>
    <row r="512662" spans="14:14">
      <c r="N512662" s="10"/>
    </row>
    <row r="512663" spans="14:14">
      <c r="N512663" s="10"/>
    </row>
    <row r="512664" spans="14:14">
      <c r="N512664" s="10"/>
    </row>
    <row r="512665" spans="14:14">
      <c r="N512665" s="10"/>
    </row>
    <row r="512666" spans="14:14">
      <c r="N512666" s="10"/>
    </row>
    <row r="512667" spans="14:14">
      <c r="N512667" s="10"/>
    </row>
    <row r="512668" spans="14:14">
      <c r="N512668" s="10"/>
    </row>
    <row r="512669" spans="14:14">
      <c r="N512669" s="10"/>
    </row>
    <row r="512670" spans="14:14">
      <c r="N512670" s="10"/>
    </row>
    <row r="512671" spans="14:14">
      <c r="N512671" s="10"/>
    </row>
    <row r="512672" spans="14:14">
      <c r="N512672" s="10"/>
    </row>
    <row r="512673" spans="14:14">
      <c r="N512673" s="10"/>
    </row>
    <row r="512674" spans="14:14">
      <c r="N512674" s="10"/>
    </row>
    <row r="512675" spans="14:14">
      <c r="N512675" s="10"/>
    </row>
    <row r="512676" spans="14:14">
      <c r="N512676" s="10"/>
    </row>
    <row r="512677" spans="14:14">
      <c r="N512677" s="10"/>
    </row>
    <row r="512678" spans="14:14">
      <c r="N512678" s="10"/>
    </row>
    <row r="512679" spans="14:14">
      <c r="N512679" s="10"/>
    </row>
    <row r="512680" spans="14:14">
      <c r="N512680" s="10"/>
    </row>
    <row r="512681" spans="14:14">
      <c r="N512681" s="10"/>
    </row>
    <row r="512682" spans="14:14">
      <c r="N512682" s="10"/>
    </row>
    <row r="512683" spans="14:14">
      <c r="N512683" s="10"/>
    </row>
    <row r="512684" spans="14:14">
      <c r="N512684" s="10"/>
    </row>
    <row r="512685" spans="14:14">
      <c r="N512685" s="10"/>
    </row>
    <row r="512686" spans="14:14">
      <c r="N512686" s="10"/>
    </row>
    <row r="512687" spans="14:14">
      <c r="N512687" s="10"/>
    </row>
    <row r="512688" spans="14:14">
      <c r="N512688" s="10"/>
    </row>
    <row r="512689" spans="14:14">
      <c r="N512689" s="10"/>
    </row>
    <row r="512690" spans="14:14">
      <c r="N512690" s="10"/>
    </row>
    <row r="512691" spans="14:14">
      <c r="N512691" s="10"/>
    </row>
    <row r="512692" spans="14:14">
      <c r="N512692" s="10"/>
    </row>
    <row r="512693" spans="14:14">
      <c r="N512693" s="10"/>
    </row>
    <row r="512694" spans="14:14">
      <c r="N512694" s="10"/>
    </row>
    <row r="512695" spans="14:14">
      <c r="N512695" s="10"/>
    </row>
    <row r="512696" spans="14:14">
      <c r="N512696" s="10"/>
    </row>
    <row r="512697" spans="14:14">
      <c r="N512697" s="10"/>
    </row>
    <row r="512698" spans="14:14">
      <c r="N512698" s="10"/>
    </row>
    <row r="512699" spans="14:14">
      <c r="N512699" s="10"/>
    </row>
    <row r="512700" spans="14:14">
      <c r="N512700" s="10"/>
    </row>
    <row r="512701" spans="14:14">
      <c r="N512701" s="10"/>
    </row>
    <row r="512702" spans="14:14">
      <c r="N512702" s="10"/>
    </row>
    <row r="512703" spans="14:14">
      <c r="N512703" s="10"/>
    </row>
    <row r="512704" spans="14:14">
      <c r="N512704" s="10"/>
    </row>
    <row r="512705" spans="14:14">
      <c r="N512705" s="10"/>
    </row>
    <row r="512706" spans="14:14">
      <c r="N512706" s="10"/>
    </row>
    <row r="512707" spans="14:14">
      <c r="N512707" s="10"/>
    </row>
    <row r="512708" spans="14:14">
      <c r="N512708" s="10"/>
    </row>
    <row r="512709" spans="14:14">
      <c r="N512709" s="10"/>
    </row>
    <row r="512710" spans="14:14">
      <c r="N512710" s="10"/>
    </row>
    <row r="512711" spans="14:14">
      <c r="N512711" s="10"/>
    </row>
    <row r="512712" spans="14:14">
      <c r="N512712" s="10"/>
    </row>
    <row r="512713" spans="14:14">
      <c r="N512713" s="10"/>
    </row>
    <row r="512714" spans="14:14">
      <c r="N512714" s="10"/>
    </row>
    <row r="512715" spans="14:14">
      <c r="N512715" s="10"/>
    </row>
    <row r="512716" spans="14:14">
      <c r="N512716" s="10"/>
    </row>
    <row r="512717" spans="14:14">
      <c r="N512717" s="10"/>
    </row>
    <row r="512718" spans="14:14">
      <c r="N512718" s="10"/>
    </row>
    <row r="512719" spans="14:14">
      <c r="N512719" s="10"/>
    </row>
    <row r="512720" spans="14:14">
      <c r="N512720" s="10"/>
    </row>
    <row r="512721" spans="14:14">
      <c r="N512721" s="10"/>
    </row>
    <row r="512722" spans="14:14">
      <c r="N512722" s="10"/>
    </row>
    <row r="512723" spans="14:14">
      <c r="N512723" s="10"/>
    </row>
    <row r="512724" spans="14:14">
      <c r="N512724" s="10"/>
    </row>
    <row r="512725" spans="14:14">
      <c r="N512725" s="10"/>
    </row>
    <row r="512726" spans="14:14">
      <c r="N512726" s="10"/>
    </row>
    <row r="512727" spans="14:14">
      <c r="N512727" s="10"/>
    </row>
    <row r="512728" spans="14:14">
      <c r="N512728" s="10"/>
    </row>
    <row r="512729" spans="14:14">
      <c r="N512729" s="10"/>
    </row>
    <row r="512730" spans="14:14">
      <c r="N512730" s="10"/>
    </row>
    <row r="512731" spans="14:14">
      <c r="N512731" s="10"/>
    </row>
    <row r="512732" spans="14:14">
      <c r="N512732" s="10"/>
    </row>
    <row r="512733" spans="14:14">
      <c r="N512733" s="10"/>
    </row>
    <row r="512734" spans="14:14">
      <c r="N512734" s="10"/>
    </row>
    <row r="512735" spans="14:14">
      <c r="N512735" s="10"/>
    </row>
    <row r="512736" spans="14:14">
      <c r="N512736" s="10"/>
    </row>
    <row r="512737" spans="14:14">
      <c r="N512737" s="10"/>
    </row>
    <row r="512738" spans="14:14">
      <c r="N512738" s="10"/>
    </row>
    <row r="512739" spans="14:14">
      <c r="N512739" s="10"/>
    </row>
    <row r="512740" spans="14:14">
      <c r="N512740" s="10"/>
    </row>
    <row r="512741" spans="14:14">
      <c r="N512741" s="10"/>
    </row>
    <row r="512742" spans="14:14">
      <c r="N512742" s="10"/>
    </row>
    <row r="512743" spans="14:14">
      <c r="N512743" s="10"/>
    </row>
    <row r="512744" spans="14:14">
      <c r="N512744" s="10"/>
    </row>
    <row r="512745" spans="14:14">
      <c r="N512745" s="10"/>
    </row>
    <row r="512746" spans="14:14">
      <c r="N512746" s="10"/>
    </row>
    <row r="512747" spans="14:14">
      <c r="N512747" s="10"/>
    </row>
    <row r="512748" spans="14:14">
      <c r="N512748" s="10"/>
    </row>
    <row r="512749" spans="14:14">
      <c r="N512749" s="10"/>
    </row>
    <row r="512750" spans="14:14">
      <c r="N512750" s="10"/>
    </row>
    <row r="512751" spans="14:14">
      <c r="N512751" s="10"/>
    </row>
    <row r="512752" spans="14:14">
      <c r="N512752" s="10"/>
    </row>
    <row r="512753" spans="14:14">
      <c r="N512753" s="10"/>
    </row>
    <row r="512754" spans="14:14">
      <c r="N512754" s="10"/>
    </row>
    <row r="512755" spans="14:14">
      <c r="N512755" s="10"/>
    </row>
    <row r="512756" spans="14:14">
      <c r="N512756" s="10"/>
    </row>
    <row r="512757" spans="14:14">
      <c r="N512757" s="10"/>
    </row>
    <row r="512758" spans="14:14">
      <c r="N512758" s="10"/>
    </row>
    <row r="512759" spans="14:14">
      <c r="N512759" s="10"/>
    </row>
    <row r="512760" spans="14:14">
      <c r="N512760" s="10"/>
    </row>
    <row r="512761" spans="14:14">
      <c r="N512761" s="10"/>
    </row>
    <row r="512762" spans="14:14">
      <c r="N512762" s="10"/>
    </row>
    <row r="512763" spans="14:14">
      <c r="N512763" s="10"/>
    </row>
    <row r="512764" spans="14:14">
      <c r="N512764" s="10"/>
    </row>
    <row r="512765" spans="14:14">
      <c r="N512765" s="10"/>
    </row>
    <row r="512766" spans="14:14">
      <c r="N512766" s="10"/>
    </row>
    <row r="512767" spans="14:14">
      <c r="N512767" s="10"/>
    </row>
    <row r="512768" spans="14:14">
      <c r="N512768" s="10"/>
    </row>
    <row r="512769" spans="14:14">
      <c r="N512769" s="10"/>
    </row>
    <row r="512770" spans="14:14">
      <c r="N512770" s="10"/>
    </row>
    <row r="512771" spans="14:14">
      <c r="N512771" s="10"/>
    </row>
    <row r="512772" spans="14:14">
      <c r="N512772" s="10"/>
    </row>
    <row r="512773" spans="14:14">
      <c r="N512773" s="10"/>
    </row>
    <row r="512774" spans="14:14">
      <c r="N512774" s="10"/>
    </row>
    <row r="512775" spans="14:14">
      <c r="N512775" s="10"/>
    </row>
    <row r="512776" spans="14:14">
      <c r="N512776" s="10"/>
    </row>
    <row r="512777" spans="14:14">
      <c r="N512777" s="10"/>
    </row>
    <row r="512778" spans="14:14">
      <c r="N512778" s="10"/>
    </row>
    <row r="512779" spans="14:14">
      <c r="N512779" s="10"/>
    </row>
    <row r="512780" spans="14:14">
      <c r="N512780" s="10"/>
    </row>
    <row r="512781" spans="14:14">
      <c r="N512781" s="10"/>
    </row>
    <row r="512782" spans="14:14">
      <c r="N512782" s="10"/>
    </row>
    <row r="512783" spans="14:14">
      <c r="N512783" s="10"/>
    </row>
    <row r="512784" spans="14:14">
      <c r="N512784" s="10"/>
    </row>
    <row r="512785" spans="14:14">
      <c r="N512785" s="10"/>
    </row>
    <row r="512786" spans="14:14">
      <c r="N512786" s="10"/>
    </row>
    <row r="512787" spans="14:14">
      <c r="N512787" s="10"/>
    </row>
    <row r="512788" spans="14:14">
      <c r="N512788" s="10"/>
    </row>
    <row r="512789" spans="14:14">
      <c r="N512789" s="10"/>
    </row>
    <row r="512790" spans="14:14">
      <c r="N512790" s="10"/>
    </row>
    <row r="512791" spans="14:14">
      <c r="N512791" s="10"/>
    </row>
    <row r="512792" spans="14:14">
      <c r="N512792" s="10"/>
    </row>
    <row r="512793" spans="14:14">
      <c r="N512793" s="10"/>
    </row>
    <row r="512794" spans="14:14">
      <c r="N512794" s="10"/>
    </row>
    <row r="512795" spans="14:14">
      <c r="N512795" s="10"/>
    </row>
    <row r="512796" spans="14:14">
      <c r="N512796" s="10"/>
    </row>
    <row r="512797" spans="14:14">
      <c r="N512797" s="10"/>
    </row>
    <row r="512798" spans="14:14">
      <c r="N512798" s="10"/>
    </row>
    <row r="512799" spans="14:14">
      <c r="N512799" s="10"/>
    </row>
    <row r="512800" spans="14:14">
      <c r="N512800" s="10"/>
    </row>
    <row r="512801" spans="14:14">
      <c r="N512801" s="10"/>
    </row>
    <row r="512802" spans="14:14">
      <c r="N512802" s="10"/>
    </row>
    <row r="512803" spans="14:14">
      <c r="N512803" s="10"/>
    </row>
    <row r="512804" spans="14:14">
      <c r="N512804" s="10"/>
    </row>
    <row r="512805" spans="14:14">
      <c r="N512805" s="10"/>
    </row>
    <row r="512806" spans="14:14">
      <c r="N512806" s="10"/>
    </row>
    <row r="512807" spans="14:14">
      <c r="N512807" s="10"/>
    </row>
    <row r="512808" spans="14:14">
      <c r="N512808" s="10"/>
    </row>
    <row r="512809" spans="14:14">
      <c r="N512809" s="10"/>
    </row>
    <row r="512810" spans="14:14">
      <c r="N512810" s="10"/>
    </row>
    <row r="512811" spans="14:14">
      <c r="N512811" s="10"/>
    </row>
    <row r="512812" spans="14:14">
      <c r="N512812" s="10"/>
    </row>
    <row r="512813" spans="14:14">
      <c r="N512813" s="10"/>
    </row>
    <row r="512814" spans="14:14">
      <c r="N512814" s="10"/>
    </row>
    <row r="512815" spans="14:14">
      <c r="N512815" s="10"/>
    </row>
    <row r="512816" spans="14:14">
      <c r="N512816" s="10"/>
    </row>
    <row r="512817" spans="14:14">
      <c r="N512817" s="10"/>
    </row>
    <row r="512818" spans="14:14">
      <c r="N512818" s="10"/>
    </row>
    <row r="512819" spans="14:14">
      <c r="N512819" s="10"/>
    </row>
    <row r="512820" spans="14:14">
      <c r="N512820" s="10"/>
    </row>
    <row r="512821" spans="14:14">
      <c r="N512821" s="10"/>
    </row>
    <row r="512822" spans="14:14">
      <c r="N512822" s="10"/>
    </row>
    <row r="512823" spans="14:14">
      <c r="N512823" s="10"/>
    </row>
    <row r="512824" spans="14:14">
      <c r="N512824" s="10"/>
    </row>
    <row r="512825" spans="14:14">
      <c r="N512825" s="10"/>
    </row>
    <row r="512826" spans="14:14">
      <c r="N512826" s="10"/>
    </row>
    <row r="512827" spans="14:14">
      <c r="N512827" s="10"/>
    </row>
    <row r="512828" spans="14:14">
      <c r="N512828" s="10"/>
    </row>
    <row r="512829" spans="14:14">
      <c r="N512829" s="10"/>
    </row>
    <row r="512830" spans="14:14">
      <c r="N512830" s="10"/>
    </row>
    <row r="512831" spans="14:14">
      <c r="N512831" s="10"/>
    </row>
    <row r="512832" spans="14:14">
      <c r="N512832" s="10"/>
    </row>
    <row r="512833" spans="14:14">
      <c r="N512833" s="10"/>
    </row>
    <row r="512834" spans="14:14">
      <c r="N512834" s="10"/>
    </row>
    <row r="512835" spans="14:14">
      <c r="N512835" s="10"/>
    </row>
    <row r="512836" spans="14:14">
      <c r="N512836" s="10"/>
    </row>
    <row r="512837" spans="14:14">
      <c r="N512837" s="10"/>
    </row>
    <row r="512838" spans="14:14">
      <c r="N512838" s="10"/>
    </row>
    <row r="512839" spans="14:14">
      <c r="N512839" s="10"/>
    </row>
    <row r="512840" spans="14:14">
      <c r="N512840" s="10"/>
    </row>
    <row r="512841" spans="14:14">
      <c r="N512841" s="10"/>
    </row>
    <row r="512842" spans="14:14">
      <c r="N512842" s="10"/>
    </row>
    <row r="512843" spans="14:14">
      <c r="N512843" s="10"/>
    </row>
    <row r="512844" spans="14:14">
      <c r="N512844" s="10"/>
    </row>
    <row r="512845" spans="14:14">
      <c r="N512845" s="10"/>
    </row>
    <row r="512846" spans="14:14">
      <c r="N512846" s="10"/>
    </row>
    <row r="512847" spans="14:14">
      <c r="N512847" s="10"/>
    </row>
    <row r="512848" spans="14:14">
      <c r="N512848" s="10"/>
    </row>
    <row r="512849" spans="14:14">
      <c r="N512849" s="10"/>
    </row>
    <row r="512850" spans="14:14">
      <c r="N512850" s="10"/>
    </row>
    <row r="512851" spans="14:14">
      <c r="N512851" s="10"/>
    </row>
    <row r="512852" spans="14:14">
      <c r="N512852" s="10"/>
    </row>
    <row r="512853" spans="14:14">
      <c r="N512853" s="10"/>
    </row>
    <row r="512854" spans="14:14">
      <c r="N512854" s="10"/>
    </row>
    <row r="512855" spans="14:14">
      <c r="N512855" s="10"/>
    </row>
    <row r="512856" spans="14:14">
      <c r="N512856" s="10"/>
    </row>
    <row r="512857" spans="14:14">
      <c r="N512857" s="10"/>
    </row>
    <row r="512858" spans="14:14">
      <c r="N512858" s="10"/>
    </row>
    <row r="512859" spans="14:14">
      <c r="N512859" s="10"/>
    </row>
    <row r="512860" spans="14:14">
      <c r="N512860" s="10"/>
    </row>
    <row r="512861" spans="14:14">
      <c r="N512861" s="10"/>
    </row>
    <row r="512862" spans="14:14">
      <c r="N512862" s="10"/>
    </row>
    <row r="512863" spans="14:14">
      <c r="N512863" s="10"/>
    </row>
    <row r="512864" spans="14:14">
      <c r="N512864" s="10"/>
    </row>
    <row r="512865" spans="14:14">
      <c r="N512865" s="10"/>
    </row>
    <row r="512866" spans="14:14">
      <c r="N512866" s="10"/>
    </row>
    <row r="512867" spans="14:14">
      <c r="N512867" s="10"/>
    </row>
    <row r="512868" spans="14:14">
      <c r="N512868" s="10"/>
    </row>
    <row r="512869" spans="14:14">
      <c r="N512869" s="10"/>
    </row>
    <row r="512870" spans="14:14">
      <c r="N512870" s="10"/>
    </row>
    <row r="512871" spans="14:14">
      <c r="N512871" s="10"/>
    </row>
    <row r="512872" spans="14:14">
      <c r="N512872" s="10"/>
    </row>
    <row r="512873" spans="14:14">
      <c r="N512873" s="10"/>
    </row>
    <row r="512874" spans="14:14">
      <c r="N512874" s="10"/>
    </row>
    <row r="512875" spans="14:14">
      <c r="N512875" s="10"/>
    </row>
    <row r="512876" spans="14:14">
      <c r="N512876" s="10"/>
    </row>
    <row r="512877" spans="14:14">
      <c r="N512877" s="10"/>
    </row>
    <row r="512878" spans="14:14">
      <c r="N512878" s="10"/>
    </row>
    <row r="512879" spans="14:14">
      <c r="N512879" s="10"/>
    </row>
    <row r="512880" spans="14:14">
      <c r="N512880" s="10"/>
    </row>
    <row r="512881" spans="14:14">
      <c r="N512881" s="10"/>
    </row>
    <row r="512882" spans="14:14">
      <c r="N512882" s="10"/>
    </row>
    <row r="512883" spans="14:14">
      <c r="N512883" s="10"/>
    </row>
    <row r="512884" spans="14:14">
      <c r="N512884" s="10"/>
    </row>
    <row r="512885" spans="14:14">
      <c r="N512885" s="10"/>
    </row>
    <row r="512886" spans="14:14">
      <c r="N512886" s="10"/>
    </row>
    <row r="512887" spans="14:14">
      <c r="N512887" s="10"/>
    </row>
    <row r="512888" spans="14:14">
      <c r="N512888" s="10"/>
    </row>
    <row r="512889" spans="14:14">
      <c r="N512889" s="10"/>
    </row>
    <row r="512890" spans="14:14">
      <c r="N512890" s="10"/>
    </row>
    <row r="512891" spans="14:14">
      <c r="N512891" s="10"/>
    </row>
    <row r="512892" spans="14:14">
      <c r="N512892" s="10"/>
    </row>
    <row r="512893" spans="14:14">
      <c r="N512893" s="10"/>
    </row>
    <row r="512894" spans="14:14">
      <c r="N512894" s="10"/>
    </row>
    <row r="512895" spans="14:14">
      <c r="N512895" s="10"/>
    </row>
    <row r="512896" spans="14:14">
      <c r="N512896" s="10"/>
    </row>
    <row r="512897" spans="14:14">
      <c r="N512897" s="10"/>
    </row>
    <row r="512898" spans="14:14">
      <c r="N512898" s="10"/>
    </row>
    <row r="512899" spans="14:14">
      <c r="N512899" s="10"/>
    </row>
    <row r="512900" spans="14:14">
      <c r="N512900" s="10"/>
    </row>
    <row r="512901" spans="14:14">
      <c r="N512901" s="10"/>
    </row>
    <row r="512902" spans="14:14">
      <c r="N512902" s="10"/>
    </row>
    <row r="512903" spans="14:14">
      <c r="N512903" s="10"/>
    </row>
    <row r="512904" spans="14:14">
      <c r="N512904" s="10"/>
    </row>
    <row r="512905" spans="14:14">
      <c r="N512905" s="10"/>
    </row>
    <row r="512906" spans="14:14">
      <c r="N512906" s="10"/>
    </row>
    <row r="512907" spans="14:14">
      <c r="N512907" s="10"/>
    </row>
    <row r="512908" spans="14:14">
      <c r="N512908" s="10"/>
    </row>
    <row r="512909" spans="14:14">
      <c r="N512909" s="10"/>
    </row>
    <row r="512910" spans="14:14">
      <c r="N512910" s="10"/>
    </row>
    <row r="512911" spans="14:14">
      <c r="N512911" s="10"/>
    </row>
    <row r="512912" spans="14:14">
      <c r="N512912" s="10"/>
    </row>
    <row r="512913" spans="14:14">
      <c r="N512913" s="10"/>
    </row>
    <row r="512914" spans="14:14">
      <c r="N512914" s="10"/>
    </row>
    <row r="512915" spans="14:14">
      <c r="N512915" s="10"/>
    </row>
    <row r="512916" spans="14:14">
      <c r="N512916" s="10"/>
    </row>
    <row r="512917" spans="14:14">
      <c r="N512917" s="10"/>
    </row>
    <row r="512918" spans="14:14">
      <c r="N512918" s="10"/>
    </row>
    <row r="512919" spans="14:14">
      <c r="N512919" s="10"/>
    </row>
    <row r="512920" spans="14:14">
      <c r="N512920" s="10"/>
    </row>
    <row r="512921" spans="14:14">
      <c r="N512921" s="10"/>
    </row>
    <row r="512922" spans="14:14">
      <c r="N512922" s="10"/>
    </row>
    <row r="512923" spans="14:14">
      <c r="N512923" s="10"/>
    </row>
    <row r="512924" spans="14:14">
      <c r="N512924" s="10"/>
    </row>
    <row r="512925" spans="14:14">
      <c r="N512925" s="10"/>
    </row>
    <row r="512926" spans="14:14">
      <c r="N512926" s="10"/>
    </row>
    <row r="512927" spans="14:14">
      <c r="N512927" s="10"/>
    </row>
    <row r="512928" spans="14:14">
      <c r="N512928" s="10"/>
    </row>
    <row r="512929" spans="14:14">
      <c r="N512929" s="10"/>
    </row>
    <row r="512930" spans="14:14">
      <c r="N512930" s="10"/>
    </row>
    <row r="512931" spans="14:14">
      <c r="N512931" s="10"/>
    </row>
    <row r="512932" spans="14:14">
      <c r="N512932" s="10"/>
    </row>
    <row r="512933" spans="14:14">
      <c r="N512933" s="10"/>
    </row>
    <row r="512934" spans="14:14">
      <c r="N512934" s="10"/>
    </row>
    <row r="512935" spans="14:14">
      <c r="N512935" s="10"/>
    </row>
    <row r="512936" spans="14:14">
      <c r="N512936" s="10"/>
    </row>
    <row r="512937" spans="14:14">
      <c r="N512937" s="10"/>
    </row>
    <row r="512938" spans="14:14">
      <c r="N512938" s="10"/>
    </row>
    <row r="512939" spans="14:14">
      <c r="N512939" s="10"/>
    </row>
    <row r="512940" spans="14:14">
      <c r="N512940" s="10"/>
    </row>
    <row r="512941" spans="14:14">
      <c r="N512941" s="10"/>
    </row>
    <row r="512942" spans="14:14">
      <c r="N512942" s="10"/>
    </row>
    <row r="512943" spans="14:14">
      <c r="N512943" s="10"/>
    </row>
    <row r="512944" spans="14:14">
      <c r="N512944" s="10"/>
    </row>
    <row r="512945" spans="14:14">
      <c r="N512945" s="10"/>
    </row>
    <row r="512946" spans="14:14">
      <c r="N512946" s="10"/>
    </row>
    <row r="512947" spans="14:14">
      <c r="N512947" s="10"/>
    </row>
    <row r="512948" spans="14:14">
      <c r="N512948" s="10"/>
    </row>
    <row r="512949" spans="14:14">
      <c r="N512949" s="10"/>
    </row>
    <row r="512950" spans="14:14">
      <c r="N512950" s="10"/>
    </row>
    <row r="512951" spans="14:14">
      <c r="N512951" s="10"/>
    </row>
    <row r="512952" spans="14:14">
      <c r="N512952" s="10"/>
    </row>
    <row r="512953" spans="14:14">
      <c r="N512953" s="10"/>
    </row>
    <row r="512954" spans="14:14">
      <c r="N512954" s="10"/>
    </row>
    <row r="512955" spans="14:14">
      <c r="N512955" s="10"/>
    </row>
    <row r="512956" spans="14:14">
      <c r="N512956" s="10"/>
    </row>
    <row r="512957" spans="14:14">
      <c r="N512957" s="10"/>
    </row>
    <row r="512958" spans="14:14">
      <c r="N512958" s="10"/>
    </row>
    <row r="512959" spans="14:14">
      <c r="N512959" s="10"/>
    </row>
    <row r="512960" spans="14:14">
      <c r="N512960" s="10"/>
    </row>
    <row r="512961" spans="14:14">
      <c r="N512961" s="10"/>
    </row>
    <row r="512962" spans="14:14">
      <c r="N512962" s="10"/>
    </row>
    <row r="512963" spans="14:14">
      <c r="N512963" s="10"/>
    </row>
    <row r="512964" spans="14:14">
      <c r="N512964" s="10"/>
    </row>
    <row r="512965" spans="14:14">
      <c r="N512965" s="10"/>
    </row>
    <row r="512966" spans="14:14">
      <c r="N512966" s="10"/>
    </row>
    <row r="512967" spans="14:14">
      <c r="N512967" s="10"/>
    </row>
    <row r="512968" spans="14:14">
      <c r="N512968" s="10"/>
    </row>
    <row r="512969" spans="14:14">
      <c r="N512969" s="10"/>
    </row>
    <row r="512970" spans="14:14">
      <c r="N512970" s="10"/>
    </row>
    <row r="512971" spans="14:14">
      <c r="N512971" s="10"/>
    </row>
    <row r="512972" spans="14:14">
      <c r="N512972" s="10"/>
    </row>
    <row r="512973" spans="14:14">
      <c r="N512973" s="10"/>
    </row>
    <row r="512974" spans="14:14">
      <c r="N512974" s="10"/>
    </row>
    <row r="512975" spans="14:14">
      <c r="N512975" s="10"/>
    </row>
    <row r="512976" spans="14:14">
      <c r="N512976" s="10"/>
    </row>
    <row r="512977" spans="14:14">
      <c r="N512977" s="10"/>
    </row>
    <row r="512978" spans="14:14">
      <c r="N512978" s="10"/>
    </row>
    <row r="512979" spans="14:14">
      <c r="N512979" s="10"/>
    </row>
    <row r="512980" spans="14:14">
      <c r="N512980" s="10"/>
    </row>
    <row r="512981" spans="14:14">
      <c r="N512981" s="10"/>
    </row>
    <row r="512982" spans="14:14">
      <c r="N512982" s="10"/>
    </row>
    <row r="512983" spans="14:14">
      <c r="N512983" s="10"/>
    </row>
    <row r="512984" spans="14:14">
      <c r="N512984" s="10"/>
    </row>
    <row r="512985" spans="14:14">
      <c r="N512985" s="10"/>
    </row>
    <row r="512986" spans="14:14">
      <c r="N512986" s="10"/>
    </row>
    <row r="512987" spans="14:14">
      <c r="N512987" s="10"/>
    </row>
    <row r="512988" spans="14:14">
      <c r="N512988" s="10"/>
    </row>
    <row r="512989" spans="14:14">
      <c r="N512989" s="10"/>
    </row>
    <row r="512990" spans="14:14">
      <c r="N512990" s="10"/>
    </row>
    <row r="512991" spans="14:14">
      <c r="N512991" s="10"/>
    </row>
    <row r="512992" spans="14:14">
      <c r="N512992" s="10"/>
    </row>
    <row r="512993" spans="14:14">
      <c r="N512993" s="10"/>
    </row>
    <row r="512994" spans="14:14">
      <c r="N512994" s="10"/>
    </row>
    <row r="512995" spans="14:14">
      <c r="N512995" s="10"/>
    </row>
    <row r="512996" spans="14:14">
      <c r="N512996" s="10"/>
    </row>
    <row r="512997" spans="14:14">
      <c r="N512997" s="10"/>
    </row>
    <row r="512998" spans="14:14">
      <c r="N512998" s="10"/>
    </row>
    <row r="512999" spans="14:14">
      <c r="N512999" s="10"/>
    </row>
    <row r="513000" spans="14:14">
      <c r="N513000" s="10"/>
    </row>
    <row r="513001" spans="14:14">
      <c r="N513001" s="10"/>
    </row>
    <row r="513002" spans="14:14">
      <c r="N513002" s="10"/>
    </row>
    <row r="513003" spans="14:14">
      <c r="N513003" s="10"/>
    </row>
    <row r="513004" spans="14:14">
      <c r="N513004" s="10"/>
    </row>
    <row r="513005" spans="14:14">
      <c r="N513005" s="10"/>
    </row>
    <row r="513006" spans="14:14">
      <c r="N513006" s="10"/>
    </row>
    <row r="513007" spans="14:14">
      <c r="N513007" s="10"/>
    </row>
    <row r="513008" spans="14:14">
      <c r="N513008" s="10"/>
    </row>
    <row r="513009" spans="14:14">
      <c r="N513009" s="10"/>
    </row>
    <row r="513010" spans="14:14">
      <c r="N513010" s="10"/>
    </row>
    <row r="513011" spans="14:14">
      <c r="N513011" s="10"/>
    </row>
    <row r="513012" spans="14:14">
      <c r="N513012" s="10"/>
    </row>
    <row r="513013" spans="14:14">
      <c r="N513013" s="10"/>
    </row>
    <row r="513014" spans="14:14">
      <c r="N513014" s="10"/>
    </row>
    <row r="513015" spans="14:14">
      <c r="N513015" s="10"/>
    </row>
    <row r="513016" spans="14:14">
      <c r="N513016" s="10"/>
    </row>
    <row r="513017" spans="14:14">
      <c r="N513017" s="10"/>
    </row>
    <row r="513018" spans="14:14">
      <c r="N513018" s="10"/>
    </row>
    <row r="513019" spans="14:14">
      <c r="N513019" s="10"/>
    </row>
    <row r="513020" spans="14:14">
      <c r="N513020" s="10"/>
    </row>
    <row r="513021" spans="14:14">
      <c r="N513021" s="10"/>
    </row>
    <row r="513022" spans="14:14">
      <c r="N513022" s="10"/>
    </row>
    <row r="513023" spans="14:14">
      <c r="N513023" s="10"/>
    </row>
    <row r="513024" spans="14:14">
      <c r="N513024" s="10"/>
    </row>
    <row r="513025" spans="14:14">
      <c r="N513025" s="10"/>
    </row>
    <row r="513026" spans="14:14">
      <c r="N513026" s="10"/>
    </row>
    <row r="513027" spans="14:14">
      <c r="N513027" s="10"/>
    </row>
    <row r="513028" spans="14:14">
      <c r="N513028" s="10"/>
    </row>
    <row r="513029" spans="14:14">
      <c r="N513029" s="10"/>
    </row>
    <row r="513030" spans="14:14">
      <c r="N513030" s="10"/>
    </row>
    <row r="513031" spans="14:14">
      <c r="N513031" s="10"/>
    </row>
    <row r="513032" spans="14:14">
      <c r="N513032" s="10"/>
    </row>
    <row r="513033" spans="14:14">
      <c r="N513033" s="10"/>
    </row>
    <row r="513034" spans="14:14">
      <c r="N513034" s="10"/>
    </row>
    <row r="513035" spans="14:14">
      <c r="N513035" s="10"/>
    </row>
    <row r="513036" spans="14:14">
      <c r="N513036" s="10"/>
    </row>
    <row r="513037" spans="14:14">
      <c r="N513037" s="10"/>
    </row>
    <row r="513038" spans="14:14">
      <c r="N513038" s="10"/>
    </row>
    <row r="513039" spans="14:14">
      <c r="N513039" s="10"/>
    </row>
    <row r="513040" spans="14:14">
      <c r="N513040" s="10"/>
    </row>
    <row r="513041" spans="14:14">
      <c r="N513041" s="10"/>
    </row>
    <row r="513042" spans="14:14">
      <c r="N513042" s="10"/>
    </row>
    <row r="513043" spans="14:14">
      <c r="N513043" s="10"/>
    </row>
    <row r="513044" spans="14:14">
      <c r="N513044" s="10"/>
    </row>
    <row r="513045" spans="14:14">
      <c r="N513045" s="10"/>
    </row>
    <row r="513046" spans="14:14">
      <c r="N513046" s="10"/>
    </row>
    <row r="513047" spans="14:14">
      <c r="N513047" s="10"/>
    </row>
    <row r="513048" spans="14:14">
      <c r="N513048" s="10"/>
    </row>
    <row r="513049" spans="14:14">
      <c r="N513049" s="10"/>
    </row>
    <row r="513050" spans="14:14">
      <c r="N513050" s="10"/>
    </row>
    <row r="513051" spans="14:14">
      <c r="N513051" s="10"/>
    </row>
    <row r="513052" spans="14:14">
      <c r="N513052" s="10"/>
    </row>
    <row r="513053" spans="14:14">
      <c r="N513053" s="10"/>
    </row>
    <row r="513054" spans="14:14">
      <c r="N513054" s="10"/>
    </row>
    <row r="513055" spans="14:14">
      <c r="N513055" s="10"/>
    </row>
    <row r="513056" spans="14:14">
      <c r="N513056" s="10"/>
    </row>
    <row r="513057" spans="14:14">
      <c r="N513057" s="10"/>
    </row>
    <row r="513058" spans="14:14">
      <c r="N513058" s="10"/>
    </row>
    <row r="513059" spans="14:14">
      <c r="N513059" s="10"/>
    </row>
    <row r="513060" spans="14:14">
      <c r="N513060" s="10"/>
    </row>
    <row r="513061" spans="14:14">
      <c r="N513061" s="10"/>
    </row>
    <row r="513062" spans="14:14">
      <c r="N513062" s="10"/>
    </row>
    <row r="513063" spans="14:14">
      <c r="N513063" s="10"/>
    </row>
    <row r="513064" spans="14:14">
      <c r="N513064" s="10"/>
    </row>
    <row r="513065" spans="14:14">
      <c r="N513065" s="10"/>
    </row>
    <row r="513066" spans="14:14">
      <c r="N513066" s="10"/>
    </row>
    <row r="513067" spans="14:14">
      <c r="N513067" s="10"/>
    </row>
    <row r="513068" spans="14:14">
      <c r="N513068" s="10"/>
    </row>
    <row r="513069" spans="14:14">
      <c r="N513069" s="10"/>
    </row>
    <row r="513070" spans="14:14">
      <c r="N513070" s="10"/>
    </row>
    <row r="513071" spans="14:14">
      <c r="N513071" s="10"/>
    </row>
    <row r="513072" spans="14:14">
      <c r="N513072" s="10"/>
    </row>
    <row r="513073" spans="14:14">
      <c r="N513073" s="10"/>
    </row>
    <row r="513074" spans="14:14">
      <c r="N513074" s="10"/>
    </row>
    <row r="513075" spans="14:14">
      <c r="N513075" s="10"/>
    </row>
    <row r="513076" spans="14:14">
      <c r="N513076" s="10"/>
    </row>
    <row r="513077" spans="14:14">
      <c r="N513077" s="10"/>
    </row>
    <row r="513078" spans="14:14">
      <c r="N513078" s="10"/>
    </row>
    <row r="513079" spans="14:14">
      <c r="N513079" s="10"/>
    </row>
    <row r="513080" spans="14:14">
      <c r="N513080" s="10"/>
    </row>
    <row r="513081" spans="14:14">
      <c r="N513081" s="10"/>
    </row>
    <row r="513082" spans="14:14">
      <c r="N513082" s="10"/>
    </row>
    <row r="513083" spans="14:14">
      <c r="N513083" s="10"/>
    </row>
    <row r="513084" spans="14:14">
      <c r="N513084" s="10"/>
    </row>
    <row r="513085" spans="14:14">
      <c r="N513085" s="10"/>
    </row>
    <row r="513086" spans="14:14">
      <c r="N513086" s="10"/>
    </row>
    <row r="513087" spans="14:14">
      <c r="N513087" s="10"/>
    </row>
    <row r="513088" spans="14:14">
      <c r="N513088" s="10"/>
    </row>
    <row r="513089" spans="14:14">
      <c r="N513089" s="10"/>
    </row>
    <row r="513090" spans="14:14">
      <c r="N513090" s="10"/>
    </row>
    <row r="513091" spans="14:14">
      <c r="N513091" s="10"/>
    </row>
    <row r="513092" spans="14:14">
      <c r="N513092" s="10"/>
    </row>
    <row r="513093" spans="14:14">
      <c r="N513093" s="10"/>
    </row>
    <row r="513094" spans="14:14">
      <c r="N513094" s="10"/>
    </row>
    <row r="513095" spans="14:14">
      <c r="N513095" s="10"/>
    </row>
    <row r="513096" spans="14:14">
      <c r="N513096" s="10"/>
    </row>
    <row r="513097" spans="14:14">
      <c r="N513097" s="10"/>
    </row>
    <row r="513098" spans="14:14">
      <c r="N513098" s="10"/>
    </row>
    <row r="513099" spans="14:14">
      <c r="N513099" s="10"/>
    </row>
    <row r="513100" spans="14:14">
      <c r="N513100" s="10"/>
    </row>
    <row r="513101" spans="14:14">
      <c r="N513101" s="10"/>
    </row>
    <row r="513102" spans="14:14">
      <c r="N513102" s="10"/>
    </row>
    <row r="513103" spans="14:14">
      <c r="N513103" s="10"/>
    </row>
    <row r="513104" spans="14:14">
      <c r="N513104" s="10"/>
    </row>
    <row r="513105" spans="14:14">
      <c r="N513105" s="10"/>
    </row>
    <row r="513106" spans="14:14">
      <c r="N513106" s="10"/>
    </row>
    <row r="513107" spans="14:14">
      <c r="N513107" s="10"/>
    </row>
    <row r="513108" spans="14:14">
      <c r="N513108" s="10"/>
    </row>
    <row r="513109" spans="14:14">
      <c r="N513109" s="10"/>
    </row>
    <row r="513110" spans="14:14">
      <c r="N513110" s="10"/>
    </row>
    <row r="513111" spans="14:14">
      <c r="N513111" s="10"/>
    </row>
    <row r="513112" spans="14:14">
      <c r="N513112" s="10"/>
    </row>
    <row r="513113" spans="14:14">
      <c r="N513113" s="10"/>
    </row>
    <row r="513114" spans="14:14">
      <c r="N513114" s="10"/>
    </row>
    <row r="513115" spans="14:14">
      <c r="N513115" s="10"/>
    </row>
    <row r="513116" spans="14:14">
      <c r="N513116" s="10"/>
    </row>
    <row r="513117" spans="14:14">
      <c r="N513117" s="10"/>
    </row>
    <row r="513118" spans="14:14">
      <c r="N513118" s="10"/>
    </row>
    <row r="513119" spans="14:14">
      <c r="N513119" s="10"/>
    </row>
    <row r="513120" spans="14:14">
      <c r="N513120" s="10"/>
    </row>
    <row r="513121" spans="14:14">
      <c r="N513121" s="10"/>
    </row>
    <row r="513122" spans="14:14">
      <c r="N513122" s="10"/>
    </row>
    <row r="513123" spans="14:14">
      <c r="N513123" s="10"/>
    </row>
    <row r="513124" spans="14:14">
      <c r="N513124" s="10"/>
    </row>
    <row r="513125" spans="14:14">
      <c r="N513125" s="10"/>
    </row>
    <row r="513126" spans="14:14">
      <c r="N513126" s="10"/>
    </row>
    <row r="513127" spans="14:14">
      <c r="N513127" s="10"/>
    </row>
    <row r="513128" spans="14:14">
      <c r="N513128" s="10"/>
    </row>
    <row r="513129" spans="14:14">
      <c r="N513129" s="10"/>
    </row>
    <row r="513130" spans="14:14">
      <c r="N513130" s="10"/>
    </row>
    <row r="513131" spans="14:14">
      <c r="N513131" s="10"/>
    </row>
    <row r="513132" spans="14:14">
      <c r="N513132" s="10"/>
    </row>
    <row r="513133" spans="14:14">
      <c r="N513133" s="10"/>
    </row>
    <row r="513134" spans="14:14">
      <c r="N513134" s="10"/>
    </row>
    <row r="513135" spans="14:14">
      <c r="N513135" s="10"/>
    </row>
    <row r="513136" spans="14:14">
      <c r="N513136" s="10"/>
    </row>
    <row r="513137" spans="14:14">
      <c r="N513137" s="10"/>
    </row>
    <row r="513138" spans="14:14">
      <c r="N513138" s="10"/>
    </row>
    <row r="513139" spans="14:14">
      <c r="N513139" s="10"/>
    </row>
    <row r="513140" spans="14:14">
      <c r="N513140" s="10"/>
    </row>
    <row r="513141" spans="14:14">
      <c r="N513141" s="10"/>
    </row>
    <row r="513142" spans="14:14">
      <c r="N513142" s="10"/>
    </row>
    <row r="513143" spans="14:14">
      <c r="N513143" s="10"/>
    </row>
    <row r="513144" spans="14:14">
      <c r="N513144" s="10"/>
    </row>
    <row r="513145" spans="14:14">
      <c r="N513145" s="10"/>
    </row>
    <row r="513146" spans="14:14">
      <c r="N513146" s="10"/>
    </row>
    <row r="513147" spans="14:14">
      <c r="N513147" s="10"/>
    </row>
    <row r="513148" spans="14:14">
      <c r="N513148" s="10"/>
    </row>
    <row r="513149" spans="14:14">
      <c r="N513149" s="10"/>
    </row>
    <row r="513150" spans="14:14">
      <c r="N513150" s="10"/>
    </row>
    <row r="513151" spans="14:14">
      <c r="N513151" s="10"/>
    </row>
    <row r="513152" spans="14:14">
      <c r="N513152" s="10"/>
    </row>
    <row r="513153" spans="14:14">
      <c r="N513153" s="10"/>
    </row>
    <row r="513154" spans="14:14">
      <c r="N513154" s="10"/>
    </row>
    <row r="513155" spans="14:14">
      <c r="N513155" s="10"/>
    </row>
    <row r="513156" spans="14:14">
      <c r="N513156" s="10"/>
    </row>
    <row r="513157" spans="14:14">
      <c r="N513157" s="10"/>
    </row>
    <row r="513158" spans="14:14">
      <c r="N513158" s="10"/>
    </row>
    <row r="513159" spans="14:14">
      <c r="N513159" s="10"/>
    </row>
    <row r="513160" spans="14:14">
      <c r="N513160" s="10"/>
    </row>
    <row r="513161" spans="14:14">
      <c r="N513161" s="10"/>
    </row>
    <row r="513162" spans="14:14">
      <c r="N513162" s="10"/>
    </row>
    <row r="513163" spans="14:14">
      <c r="N513163" s="10"/>
    </row>
    <row r="513164" spans="14:14">
      <c r="N513164" s="10"/>
    </row>
    <row r="513165" spans="14:14">
      <c r="N513165" s="10"/>
    </row>
    <row r="513166" spans="14:14">
      <c r="N513166" s="10"/>
    </row>
    <row r="513167" spans="14:14">
      <c r="N513167" s="10"/>
    </row>
    <row r="513168" spans="14:14">
      <c r="N513168" s="10"/>
    </row>
    <row r="513169" spans="14:14">
      <c r="N513169" s="10"/>
    </row>
    <row r="513170" spans="14:14">
      <c r="N513170" s="10"/>
    </row>
    <row r="513171" spans="14:14">
      <c r="N513171" s="10"/>
    </row>
    <row r="513172" spans="14:14">
      <c r="N513172" s="10"/>
    </row>
    <row r="513173" spans="14:14">
      <c r="N513173" s="10"/>
    </row>
    <row r="513174" spans="14:14">
      <c r="N513174" s="10"/>
    </row>
    <row r="513175" spans="14:14">
      <c r="N513175" s="10"/>
    </row>
    <row r="513176" spans="14:14">
      <c r="N513176" s="10"/>
    </row>
    <row r="513177" spans="14:14">
      <c r="N513177" s="10"/>
    </row>
    <row r="513178" spans="14:14">
      <c r="N513178" s="10"/>
    </row>
    <row r="513179" spans="14:14">
      <c r="N513179" s="10"/>
    </row>
    <row r="513180" spans="14:14">
      <c r="N513180" s="10"/>
    </row>
    <row r="513181" spans="14:14">
      <c r="N513181" s="10"/>
    </row>
    <row r="513182" spans="14:14">
      <c r="N513182" s="10"/>
    </row>
    <row r="513183" spans="14:14">
      <c r="N513183" s="10"/>
    </row>
    <row r="513184" spans="14:14">
      <c r="N513184" s="10"/>
    </row>
    <row r="513185" spans="14:14">
      <c r="N513185" s="10"/>
    </row>
    <row r="513186" spans="14:14">
      <c r="N513186" s="10"/>
    </row>
    <row r="513187" spans="14:14">
      <c r="N513187" s="10"/>
    </row>
    <row r="513188" spans="14:14">
      <c r="N513188" s="10"/>
    </row>
    <row r="513189" spans="14:14">
      <c r="N513189" s="10"/>
    </row>
    <row r="513190" spans="14:14">
      <c r="N513190" s="10"/>
    </row>
    <row r="513191" spans="14:14">
      <c r="N513191" s="10"/>
    </row>
    <row r="513192" spans="14:14">
      <c r="N513192" s="10"/>
    </row>
    <row r="513193" spans="14:14">
      <c r="N513193" s="10"/>
    </row>
    <row r="513194" spans="14:14">
      <c r="N513194" s="10"/>
    </row>
    <row r="513195" spans="14:14">
      <c r="N513195" s="10"/>
    </row>
    <row r="513196" spans="14:14">
      <c r="N513196" s="10"/>
    </row>
    <row r="513197" spans="14:14">
      <c r="N513197" s="10"/>
    </row>
    <row r="513198" spans="14:14">
      <c r="N513198" s="10"/>
    </row>
    <row r="513199" spans="14:14">
      <c r="N513199" s="10"/>
    </row>
    <row r="513200" spans="14:14">
      <c r="N513200" s="10"/>
    </row>
    <row r="513201" spans="14:14">
      <c r="N513201" s="10"/>
    </row>
    <row r="513202" spans="14:14">
      <c r="N513202" s="10"/>
    </row>
    <row r="513203" spans="14:14">
      <c r="N513203" s="10"/>
    </row>
    <row r="513204" spans="14:14">
      <c r="N513204" s="10"/>
    </row>
    <row r="513205" spans="14:14">
      <c r="N513205" s="10"/>
    </row>
    <row r="513206" spans="14:14">
      <c r="N513206" s="10"/>
    </row>
    <row r="513207" spans="14:14">
      <c r="N513207" s="10"/>
    </row>
    <row r="513208" spans="14:14">
      <c r="N513208" s="10"/>
    </row>
    <row r="513209" spans="14:14">
      <c r="N513209" s="10"/>
    </row>
    <row r="513210" spans="14:14">
      <c r="N513210" s="10"/>
    </row>
    <row r="513211" spans="14:14">
      <c r="N513211" s="10"/>
    </row>
    <row r="513212" spans="14:14">
      <c r="N513212" s="10"/>
    </row>
    <row r="513213" spans="14:14">
      <c r="N513213" s="10"/>
    </row>
    <row r="513214" spans="14:14">
      <c r="N513214" s="10"/>
    </row>
    <row r="513215" spans="14:14">
      <c r="N513215" s="10"/>
    </row>
    <row r="513216" spans="14:14">
      <c r="N513216" s="10"/>
    </row>
    <row r="513217" spans="14:14">
      <c r="N513217" s="10"/>
    </row>
    <row r="513218" spans="14:14">
      <c r="N513218" s="10"/>
    </row>
    <row r="513219" spans="14:14">
      <c r="N513219" s="10"/>
    </row>
    <row r="513220" spans="14:14">
      <c r="N513220" s="10"/>
    </row>
    <row r="513221" spans="14:14">
      <c r="N513221" s="10"/>
    </row>
    <row r="513222" spans="14:14">
      <c r="N513222" s="10"/>
    </row>
    <row r="513223" spans="14:14">
      <c r="N513223" s="10"/>
    </row>
    <row r="513224" spans="14:14">
      <c r="N513224" s="10"/>
    </row>
    <row r="513225" spans="14:14">
      <c r="N513225" s="10"/>
    </row>
    <row r="513226" spans="14:14">
      <c r="N513226" s="10"/>
    </row>
    <row r="513227" spans="14:14">
      <c r="N513227" s="10"/>
    </row>
    <row r="513228" spans="14:14">
      <c r="N513228" s="10"/>
    </row>
    <row r="513229" spans="14:14">
      <c r="N513229" s="10"/>
    </row>
    <row r="513230" spans="14:14">
      <c r="N513230" s="10"/>
    </row>
    <row r="513231" spans="14:14">
      <c r="N513231" s="10"/>
    </row>
    <row r="513232" spans="14:14">
      <c r="N513232" s="10"/>
    </row>
    <row r="513233" spans="14:14">
      <c r="N513233" s="10"/>
    </row>
    <row r="513234" spans="14:14">
      <c r="N513234" s="10"/>
    </row>
    <row r="513235" spans="14:14">
      <c r="N513235" s="10"/>
    </row>
    <row r="513236" spans="14:14">
      <c r="N513236" s="10"/>
    </row>
    <row r="513237" spans="14:14">
      <c r="N513237" s="10"/>
    </row>
    <row r="513238" spans="14:14">
      <c r="N513238" s="10"/>
    </row>
    <row r="513239" spans="14:14">
      <c r="N513239" s="10"/>
    </row>
    <row r="513240" spans="14:14">
      <c r="N513240" s="10"/>
    </row>
    <row r="513241" spans="14:14">
      <c r="N513241" s="10"/>
    </row>
    <row r="513242" spans="14:14">
      <c r="N513242" s="10"/>
    </row>
    <row r="513243" spans="14:14">
      <c r="N513243" s="10"/>
    </row>
    <row r="513244" spans="14:14">
      <c r="N513244" s="10"/>
    </row>
    <row r="513245" spans="14:14">
      <c r="N513245" s="10"/>
    </row>
    <row r="513246" spans="14:14">
      <c r="N513246" s="10"/>
    </row>
    <row r="513247" spans="14:14">
      <c r="N513247" s="10"/>
    </row>
    <row r="513248" spans="14:14">
      <c r="N513248" s="10"/>
    </row>
    <row r="513249" spans="14:14">
      <c r="N513249" s="10"/>
    </row>
    <row r="513250" spans="14:14">
      <c r="N513250" s="10"/>
    </row>
    <row r="513251" spans="14:14">
      <c r="N513251" s="10"/>
    </row>
    <row r="513252" spans="14:14">
      <c r="N513252" s="10"/>
    </row>
    <row r="513253" spans="14:14">
      <c r="N513253" s="10"/>
    </row>
    <row r="513254" spans="14:14">
      <c r="N513254" s="10"/>
    </row>
    <row r="513255" spans="14:14">
      <c r="N513255" s="10"/>
    </row>
    <row r="513256" spans="14:14">
      <c r="N513256" s="10"/>
    </row>
    <row r="513257" spans="14:14">
      <c r="N513257" s="10"/>
    </row>
    <row r="513258" spans="14:14">
      <c r="N513258" s="10"/>
    </row>
    <row r="513259" spans="14:14">
      <c r="N513259" s="10"/>
    </row>
    <row r="513260" spans="14:14">
      <c r="N513260" s="10"/>
    </row>
    <row r="513261" spans="14:14">
      <c r="N513261" s="10"/>
    </row>
    <row r="513262" spans="14:14">
      <c r="N513262" s="10"/>
    </row>
    <row r="513263" spans="14:14">
      <c r="N513263" s="10"/>
    </row>
    <row r="513264" spans="14:14">
      <c r="N513264" s="10"/>
    </row>
    <row r="513265" spans="14:14">
      <c r="N513265" s="10"/>
    </row>
    <row r="513266" spans="14:14">
      <c r="N513266" s="10"/>
    </row>
    <row r="513267" spans="14:14">
      <c r="N513267" s="10"/>
    </row>
    <row r="513268" spans="14:14">
      <c r="N513268" s="10"/>
    </row>
    <row r="513269" spans="14:14">
      <c r="N513269" s="10"/>
    </row>
    <row r="513270" spans="14:14">
      <c r="N513270" s="10"/>
    </row>
    <row r="513271" spans="14:14">
      <c r="N513271" s="10"/>
    </row>
    <row r="513272" spans="14:14">
      <c r="N513272" s="10"/>
    </row>
    <row r="513273" spans="14:14">
      <c r="N513273" s="10"/>
    </row>
    <row r="513274" spans="14:14">
      <c r="N513274" s="10"/>
    </row>
    <row r="513275" spans="14:14">
      <c r="N513275" s="10"/>
    </row>
    <row r="513276" spans="14:14">
      <c r="N513276" s="10"/>
    </row>
    <row r="513277" spans="14:14">
      <c r="N513277" s="10"/>
    </row>
    <row r="513278" spans="14:14">
      <c r="N513278" s="10"/>
    </row>
    <row r="513279" spans="14:14">
      <c r="N513279" s="10"/>
    </row>
    <row r="513280" spans="14:14">
      <c r="N513280" s="10"/>
    </row>
    <row r="513281" spans="14:14">
      <c r="N513281" s="10"/>
    </row>
    <row r="513282" spans="14:14">
      <c r="N513282" s="10"/>
    </row>
    <row r="513283" spans="14:14">
      <c r="N513283" s="10"/>
    </row>
    <row r="513284" spans="14:14">
      <c r="N513284" s="10"/>
    </row>
    <row r="513285" spans="14:14">
      <c r="N513285" s="10"/>
    </row>
    <row r="513286" spans="14:14">
      <c r="N513286" s="10"/>
    </row>
    <row r="513287" spans="14:14">
      <c r="N513287" s="10"/>
    </row>
    <row r="513288" spans="14:14">
      <c r="N513288" s="10"/>
    </row>
    <row r="513289" spans="14:14">
      <c r="N513289" s="10"/>
    </row>
    <row r="513290" spans="14:14">
      <c r="N513290" s="10"/>
    </row>
    <row r="513291" spans="14:14">
      <c r="N513291" s="10"/>
    </row>
    <row r="513292" spans="14:14">
      <c r="N513292" s="10"/>
    </row>
    <row r="513293" spans="14:14">
      <c r="N513293" s="10"/>
    </row>
    <row r="513294" spans="14:14">
      <c r="N513294" s="10"/>
    </row>
    <row r="513295" spans="14:14">
      <c r="N513295" s="10"/>
    </row>
    <row r="513296" spans="14:14">
      <c r="N513296" s="10"/>
    </row>
    <row r="513297" spans="14:14">
      <c r="N513297" s="10"/>
    </row>
    <row r="513298" spans="14:14">
      <c r="N513298" s="10"/>
    </row>
    <row r="513299" spans="14:14">
      <c r="N513299" s="10"/>
    </row>
    <row r="513300" spans="14:14">
      <c r="N513300" s="10"/>
    </row>
    <row r="513301" spans="14:14">
      <c r="N513301" s="10"/>
    </row>
    <row r="513302" spans="14:14">
      <c r="N513302" s="10"/>
    </row>
    <row r="513303" spans="14:14">
      <c r="N513303" s="10"/>
    </row>
    <row r="513304" spans="14:14">
      <c r="N513304" s="10"/>
    </row>
    <row r="513305" spans="14:14">
      <c r="N513305" s="10"/>
    </row>
    <row r="513306" spans="14:14">
      <c r="N513306" s="10"/>
    </row>
    <row r="513307" spans="14:14">
      <c r="N513307" s="10"/>
    </row>
    <row r="513308" spans="14:14">
      <c r="N513308" s="10"/>
    </row>
    <row r="513309" spans="14:14">
      <c r="N513309" s="10"/>
    </row>
    <row r="513310" spans="14:14">
      <c r="N513310" s="10"/>
    </row>
    <row r="513311" spans="14:14">
      <c r="N513311" s="10"/>
    </row>
    <row r="513312" spans="14:14">
      <c r="N513312" s="10"/>
    </row>
    <row r="513313" spans="14:14">
      <c r="N513313" s="10"/>
    </row>
    <row r="513314" spans="14:14">
      <c r="N513314" s="10"/>
    </row>
    <row r="513315" spans="14:14">
      <c r="N513315" s="10"/>
    </row>
    <row r="513316" spans="14:14">
      <c r="N513316" s="10"/>
    </row>
    <row r="513317" spans="14:14">
      <c r="N513317" s="10"/>
    </row>
    <row r="513318" spans="14:14">
      <c r="N513318" s="10"/>
    </row>
    <row r="513319" spans="14:14">
      <c r="N513319" s="10"/>
    </row>
    <row r="513320" spans="14:14">
      <c r="N513320" s="10"/>
    </row>
    <row r="513321" spans="14:14">
      <c r="N513321" s="10"/>
    </row>
    <row r="513322" spans="14:14">
      <c r="N513322" s="10"/>
    </row>
    <row r="513323" spans="14:14">
      <c r="N513323" s="10"/>
    </row>
    <row r="513324" spans="14:14">
      <c r="N513324" s="10"/>
    </row>
    <row r="513325" spans="14:14">
      <c r="N513325" s="10"/>
    </row>
    <row r="513326" spans="14:14">
      <c r="N513326" s="10"/>
    </row>
    <row r="513327" spans="14:14">
      <c r="N513327" s="10"/>
    </row>
    <row r="513328" spans="14:14">
      <c r="N513328" s="10"/>
    </row>
    <row r="513329" spans="14:14">
      <c r="N513329" s="10"/>
    </row>
    <row r="513330" spans="14:14">
      <c r="N513330" s="10"/>
    </row>
    <row r="513331" spans="14:14">
      <c r="N513331" s="10"/>
    </row>
    <row r="513332" spans="14:14">
      <c r="N513332" s="10"/>
    </row>
    <row r="513333" spans="14:14">
      <c r="N513333" s="10"/>
    </row>
    <row r="513334" spans="14:14">
      <c r="N513334" s="10"/>
    </row>
    <row r="513335" spans="14:14">
      <c r="N513335" s="10"/>
    </row>
    <row r="513336" spans="14:14">
      <c r="N513336" s="10"/>
    </row>
    <row r="513337" spans="14:14">
      <c r="N513337" s="10"/>
    </row>
    <row r="513338" spans="14:14">
      <c r="N513338" s="10"/>
    </row>
    <row r="513339" spans="14:14">
      <c r="N513339" s="10"/>
    </row>
    <row r="513340" spans="14:14">
      <c r="N513340" s="10"/>
    </row>
    <row r="513341" spans="14:14">
      <c r="N513341" s="10"/>
    </row>
    <row r="513342" spans="14:14">
      <c r="N513342" s="10"/>
    </row>
    <row r="513343" spans="14:14">
      <c r="N513343" s="10"/>
    </row>
    <row r="513344" spans="14:14">
      <c r="N513344" s="10"/>
    </row>
    <row r="513345" spans="14:14">
      <c r="N513345" s="10"/>
    </row>
    <row r="513346" spans="14:14">
      <c r="N513346" s="10"/>
    </row>
    <row r="513347" spans="14:14">
      <c r="N513347" s="10"/>
    </row>
    <row r="513348" spans="14:14">
      <c r="N513348" s="10"/>
    </row>
    <row r="513349" spans="14:14">
      <c r="N513349" s="10"/>
    </row>
    <row r="513350" spans="14:14">
      <c r="N513350" s="10"/>
    </row>
    <row r="513351" spans="14:14">
      <c r="N513351" s="10"/>
    </row>
    <row r="513352" spans="14:14">
      <c r="N513352" s="10"/>
    </row>
    <row r="513353" spans="14:14">
      <c r="N513353" s="10"/>
    </row>
    <row r="513354" spans="14:14">
      <c r="N513354" s="10"/>
    </row>
    <row r="513355" spans="14:14">
      <c r="N513355" s="10"/>
    </row>
    <row r="513356" spans="14:14">
      <c r="N513356" s="10"/>
    </row>
    <row r="513357" spans="14:14">
      <c r="N513357" s="10"/>
    </row>
    <row r="513358" spans="14:14">
      <c r="N513358" s="10"/>
    </row>
    <row r="513359" spans="14:14">
      <c r="N513359" s="10"/>
    </row>
    <row r="513360" spans="14:14">
      <c r="N513360" s="10"/>
    </row>
    <row r="513361" spans="14:14">
      <c r="N513361" s="10"/>
    </row>
    <row r="513362" spans="14:14">
      <c r="N513362" s="10"/>
    </row>
    <row r="513363" spans="14:14">
      <c r="N513363" s="10"/>
    </row>
    <row r="513364" spans="14:14">
      <c r="N513364" s="10"/>
    </row>
    <row r="513365" spans="14:14">
      <c r="N513365" s="10"/>
    </row>
    <row r="513366" spans="14:14">
      <c r="N513366" s="10"/>
    </row>
    <row r="513367" spans="14:14">
      <c r="N513367" s="10"/>
    </row>
    <row r="513368" spans="14:14">
      <c r="N513368" s="10"/>
    </row>
    <row r="513369" spans="14:14">
      <c r="N513369" s="10"/>
    </row>
    <row r="513370" spans="14:14">
      <c r="N513370" s="10"/>
    </row>
    <row r="513371" spans="14:14">
      <c r="N513371" s="10"/>
    </row>
    <row r="513372" spans="14:14">
      <c r="N513372" s="10"/>
    </row>
    <row r="513373" spans="14:14">
      <c r="N513373" s="10"/>
    </row>
    <row r="513374" spans="14:14">
      <c r="N513374" s="10"/>
    </row>
    <row r="513375" spans="14:14">
      <c r="N513375" s="10"/>
    </row>
    <row r="513376" spans="14:14">
      <c r="N513376" s="10"/>
    </row>
    <row r="513377" spans="14:14">
      <c r="N513377" s="10"/>
    </row>
    <row r="513378" spans="14:14">
      <c r="N513378" s="10"/>
    </row>
    <row r="513379" spans="14:14">
      <c r="N513379" s="10"/>
    </row>
    <row r="513380" spans="14:14">
      <c r="N513380" s="10"/>
    </row>
    <row r="513381" spans="14:14">
      <c r="N513381" s="10"/>
    </row>
    <row r="513382" spans="14:14">
      <c r="N513382" s="10"/>
    </row>
    <row r="513383" spans="14:14">
      <c r="N513383" s="10"/>
    </row>
    <row r="513384" spans="14:14">
      <c r="N513384" s="10"/>
    </row>
    <row r="513385" spans="14:14">
      <c r="N513385" s="10"/>
    </row>
    <row r="513386" spans="14:14">
      <c r="N513386" s="10"/>
    </row>
    <row r="513387" spans="14:14">
      <c r="N513387" s="10"/>
    </row>
    <row r="513388" spans="14:14">
      <c r="N513388" s="10"/>
    </row>
    <row r="513389" spans="14:14">
      <c r="N513389" s="10"/>
    </row>
    <row r="513390" spans="14:14">
      <c r="N513390" s="10"/>
    </row>
    <row r="513391" spans="14:14">
      <c r="N513391" s="10"/>
    </row>
    <row r="513392" spans="14:14">
      <c r="N513392" s="10"/>
    </row>
    <row r="513393" spans="14:14">
      <c r="N513393" s="10"/>
    </row>
    <row r="513394" spans="14:14">
      <c r="N513394" s="10"/>
    </row>
    <row r="513395" spans="14:14">
      <c r="N513395" s="10"/>
    </row>
    <row r="513396" spans="14:14">
      <c r="N513396" s="10"/>
    </row>
    <row r="513397" spans="14:14">
      <c r="N513397" s="10"/>
    </row>
    <row r="513398" spans="14:14">
      <c r="N513398" s="10"/>
    </row>
    <row r="513399" spans="14:14">
      <c r="N513399" s="10"/>
    </row>
    <row r="513400" spans="14:14">
      <c r="N513400" s="10"/>
    </row>
    <row r="513401" spans="14:14">
      <c r="N513401" s="10"/>
    </row>
    <row r="513402" spans="14:14">
      <c r="N513402" s="10"/>
    </row>
    <row r="513403" spans="14:14">
      <c r="N513403" s="10"/>
    </row>
    <row r="513404" spans="14:14">
      <c r="N513404" s="10"/>
    </row>
    <row r="513405" spans="14:14">
      <c r="N513405" s="10"/>
    </row>
    <row r="513406" spans="14:14">
      <c r="N513406" s="10"/>
    </row>
    <row r="513407" spans="14:14">
      <c r="N513407" s="10"/>
    </row>
    <row r="513408" spans="14:14">
      <c r="N513408" s="10"/>
    </row>
    <row r="513409" spans="14:14">
      <c r="N513409" s="10"/>
    </row>
    <row r="513410" spans="14:14">
      <c r="N513410" s="10"/>
    </row>
    <row r="513411" spans="14:14">
      <c r="N513411" s="10"/>
    </row>
    <row r="513412" spans="14:14">
      <c r="N513412" s="10"/>
    </row>
    <row r="513413" spans="14:14">
      <c r="N513413" s="10"/>
    </row>
    <row r="513414" spans="14:14">
      <c r="N513414" s="10"/>
    </row>
    <row r="513415" spans="14:14">
      <c r="N513415" s="10"/>
    </row>
    <row r="513416" spans="14:14">
      <c r="N513416" s="10"/>
    </row>
    <row r="513417" spans="14:14">
      <c r="N513417" s="10"/>
    </row>
    <row r="513418" spans="14:14">
      <c r="N513418" s="10"/>
    </row>
    <row r="513419" spans="14:14">
      <c r="N513419" s="10"/>
    </row>
    <row r="513420" spans="14:14">
      <c r="N513420" s="10"/>
    </row>
    <row r="513421" spans="14:14">
      <c r="N513421" s="10"/>
    </row>
    <row r="513422" spans="14:14">
      <c r="N513422" s="10"/>
    </row>
    <row r="513423" spans="14:14">
      <c r="N513423" s="10"/>
    </row>
    <row r="513424" spans="14:14">
      <c r="N513424" s="10"/>
    </row>
    <row r="513425" spans="14:14">
      <c r="N513425" s="10"/>
    </row>
    <row r="513426" spans="14:14">
      <c r="N513426" s="10"/>
    </row>
    <row r="513427" spans="14:14">
      <c r="N513427" s="10"/>
    </row>
    <row r="513428" spans="14:14">
      <c r="N513428" s="10"/>
    </row>
    <row r="513429" spans="14:14">
      <c r="N513429" s="10"/>
    </row>
    <row r="513430" spans="14:14">
      <c r="N513430" s="10"/>
    </row>
    <row r="513431" spans="14:14">
      <c r="N513431" s="10"/>
    </row>
    <row r="513432" spans="14:14">
      <c r="N513432" s="10"/>
    </row>
    <row r="513433" spans="14:14">
      <c r="N513433" s="10"/>
    </row>
    <row r="513434" spans="14:14">
      <c r="N513434" s="10"/>
    </row>
    <row r="513435" spans="14:14">
      <c r="N513435" s="10"/>
    </row>
    <row r="513436" spans="14:14">
      <c r="N513436" s="10"/>
    </row>
    <row r="513437" spans="14:14">
      <c r="N513437" s="10"/>
    </row>
    <row r="513438" spans="14:14">
      <c r="N513438" s="10"/>
    </row>
    <row r="513439" spans="14:14">
      <c r="N513439" s="10"/>
    </row>
    <row r="513440" spans="14:14">
      <c r="N513440" s="10"/>
    </row>
    <row r="513441" spans="14:14">
      <c r="N513441" s="10"/>
    </row>
    <row r="513442" spans="14:14">
      <c r="N513442" s="10"/>
    </row>
    <row r="513443" spans="14:14">
      <c r="N513443" s="10"/>
    </row>
    <row r="513444" spans="14:14">
      <c r="N513444" s="10"/>
    </row>
    <row r="513445" spans="14:14">
      <c r="N513445" s="10"/>
    </row>
    <row r="513446" spans="14:14">
      <c r="N513446" s="10"/>
    </row>
    <row r="513447" spans="14:14">
      <c r="N513447" s="10"/>
    </row>
    <row r="513448" spans="14:14">
      <c r="N513448" s="10"/>
    </row>
    <row r="513449" spans="14:14">
      <c r="N513449" s="10"/>
    </row>
    <row r="513450" spans="14:14">
      <c r="N513450" s="10"/>
    </row>
    <row r="513451" spans="14:14">
      <c r="N513451" s="10"/>
    </row>
    <row r="513452" spans="14:14">
      <c r="N513452" s="10"/>
    </row>
    <row r="513453" spans="14:14">
      <c r="N513453" s="10"/>
    </row>
    <row r="513454" spans="14:14">
      <c r="N513454" s="10"/>
    </row>
    <row r="513455" spans="14:14">
      <c r="N513455" s="10"/>
    </row>
    <row r="513456" spans="14:14">
      <c r="N513456" s="10"/>
    </row>
    <row r="513457" spans="14:14">
      <c r="N513457" s="10"/>
    </row>
    <row r="513458" spans="14:14">
      <c r="N513458" s="10"/>
    </row>
    <row r="513459" spans="14:14">
      <c r="N513459" s="10"/>
    </row>
    <row r="513460" spans="14:14">
      <c r="N513460" s="10"/>
    </row>
    <row r="513461" spans="14:14">
      <c r="N513461" s="10"/>
    </row>
    <row r="513462" spans="14:14">
      <c r="N513462" s="10"/>
    </row>
    <row r="513463" spans="14:14">
      <c r="N513463" s="10"/>
    </row>
    <row r="513464" spans="14:14">
      <c r="N513464" s="10"/>
    </row>
    <row r="513465" spans="14:14">
      <c r="N513465" s="10"/>
    </row>
    <row r="513466" spans="14:14">
      <c r="N513466" s="10"/>
    </row>
    <row r="513467" spans="14:14">
      <c r="N513467" s="10"/>
    </row>
    <row r="513468" spans="14:14">
      <c r="N513468" s="10"/>
    </row>
    <row r="513469" spans="14:14">
      <c r="N513469" s="10"/>
    </row>
    <row r="513470" spans="14:14">
      <c r="N513470" s="10"/>
    </row>
    <row r="513471" spans="14:14">
      <c r="N513471" s="10"/>
    </row>
    <row r="513472" spans="14:14">
      <c r="N513472" s="10"/>
    </row>
    <row r="513473" spans="14:14">
      <c r="N513473" s="10"/>
    </row>
    <row r="513474" spans="14:14">
      <c r="N513474" s="10"/>
    </row>
    <row r="513475" spans="14:14">
      <c r="N513475" s="10"/>
    </row>
    <row r="513476" spans="14:14">
      <c r="N513476" s="10"/>
    </row>
    <row r="513477" spans="14:14">
      <c r="N513477" s="10"/>
    </row>
    <row r="513478" spans="14:14">
      <c r="N513478" s="10"/>
    </row>
    <row r="513479" spans="14:14">
      <c r="N513479" s="10"/>
    </row>
    <row r="513480" spans="14:14">
      <c r="N513480" s="10"/>
    </row>
    <row r="513481" spans="14:14">
      <c r="N513481" s="10"/>
    </row>
    <row r="513482" spans="14:14">
      <c r="N513482" s="10"/>
    </row>
    <row r="513483" spans="14:14">
      <c r="N513483" s="10"/>
    </row>
    <row r="513484" spans="14:14">
      <c r="N513484" s="10"/>
    </row>
    <row r="513485" spans="14:14">
      <c r="N513485" s="10"/>
    </row>
    <row r="513486" spans="14:14">
      <c r="N513486" s="10"/>
    </row>
    <row r="513487" spans="14:14">
      <c r="N513487" s="10"/>
    </row>
    <row r="513488" spans="14:14">
      <c r="N513488" s="10"/>
    </row>
    <row r="513489" spans="14:14">
      <c r="N513489" s="10"/>
    </row>
    <row r="513490" spans="14:14">
      <c r="N513490" s="10"/>
    </row>
    <row r="513491" spans="14:14">
      <c r="N513491" s="10"/>
    </row>
    <row r="513492" spans="14:14">
      <c r="N513492" s="10"/>
    </row>
    <row r="513493" spans="14:14">
      <c r="N513493" s="10"/>
    </row>
    <row r="513494" spans="14:14">
      <c r="N513494" s="10"/>
    </row>
    <row r="513495" spans="14:14">
      <c r="N513495" s="10"/>
    </row>
    <row r="513496" spans="14:14">
      <c r="N513496" s="10"/>
    </row>
    <row r="513497" spans="14:14">
      <c r="N513497" s="10"/>
    </row>
    <row r="513498" spans="14:14">
      <c r="N513498" s="10"/>
    </row>
    <row r="513499" spans="14:14">
      <c r="N513499" s="10"/>
    </row>
    <row r="513500" spans="14:14">
      <c r="N513500" s="10"/>
    </row>
    <row r="513501" spans="14:14">
      <c r="N513501" s="10"/>
    </row>
    <row r="513502" spans="14:14">
      <c r="N513502" s="10"/>
    </row>
    <row r="513503" spans="14:14">
      <c r="N513503" s="10"/>
    </row>
    <row r="513504" spans="14:14">
      <c r="N513504" s="10"/>
    </row>
    <row r="513505" spans="14:14">
      <c r="N513505" s="10"/>
    </row>
    <row r="513506" spans="14:14">
      <c r="N513506" s="10"/>
    </row>
    <row r="513507" spans="14:14">
      <c r="N513507" s="10"/>
    </row>
    <row r="513508" spans="14:14">
      <c r="N513508" s="10"/>
    </row>
    <row r="513509" spans="14:14">
      <c r="N513509" s="10"/>
    </row>
    <row r="513510" spans="14:14">
      <c r="N513510" s="10"/>
    </row>
    <row r="513511" spans="14:14">
      <c r="N513511" s="10"/>
    </row>
    <row r="513512" spans="14:14">
      <c r="N513512" s="10"/>
    </row>
    <row r="513513" spans="14:14">
      <c r="N513513" s="10"/>
    </row>
    <row r="513514" spans="14:14">
      <c r="N513514" s="10"/>
    </row>
    <row r="513515" spans="14:14">
      <c r="N513515" s="10"/>
    </row>
    <row r="513516" spans="14:14">
      <c r="N513516" s="10"/>
    </row>
    <row r="513517" spans="14:14">
      <c r="N513517" s="10"/>
    </row>
    <row r="513518" spans="14:14">
      <c r="N513518" s="10"/>
    </row>
    <row r="513519" spans="14:14">
      <c r="N513519" s="10"/>
    </row>
    <row r="513520" spans="14:14">
      <c r="N513520" s="10"/>
    </row>
    <row r="513521" spans="14:14">
      <c r="N513521" s="10"/>
    </row>
    <row r="513522" spans="14:14">
      <c r="N513522" s="10"/>
    </row>
    <row r="513523" spans="14:14">
      <c r="N513523" s="10"/>
    </row>
    <row r="513524" spans="14:14">
      <c r="N513524" s="10"/>
    </row>
    <row r="513525" spans="14:14">
      <c r="N513525" s="10"/>
    </row>
    <row r="513526" spans="14:14">
      <c r="N513526" s="10"/>
    </row>
    <row r="513527" spans="14:14">
      <c r="N513527" s="10"/>
    </row>
    <row r="513528" spans="14:14">
      <c r="N513528" s="10"/>
    </row>
    <row r="513529" spans="14:14">
      <c r="N513529" s="10"/>
    </row>
    <row r="513530" spans="14:14">
      <c r="N513530" s="10"/>
    </row>
    <row r="513531" spans="14:14">
      <c r="N513531" s="10"/>
    </row>
    <row r="513532" spans="14:14">
      <c r="N513532" s="10"/>
    </row>
    <row r="513533" spans="14:14">
      <c r="N513533" s="10"/>
    </row>
    <row r="513534" spans="14:14">
      <c r="N513534" s="10"/>
    </row>
    <row r="513535" spans="14:14">
      <c r="N513535" s="10"/>
    </row>
    <row r="513536" spans="14:14">
      <c r="N513536" s="10"/>
    </row>
    <row r="513537" spans="14:14">
      <c r="N513537" s="10"/>
    </row>
    <row r="513538" spans="14:14">
      <c r="N513538" s="10"/>
    </row>
    <row r="513539" spans="14:14">
      <c r="N513539" s="10"/>
    </row>
    <row r="513540" spans="14:14">
      <c r="N513540" s="10"/>
    </row>
    <row r="513541" spans="14:14">
      <c r="N513541" s="10"/>
    </row>
    <row r="513542" spans="14:14">
      <c r="N513542" s="10"/>
    </row>
    <row r="513543" spans="14:14">
      <c r="N513543" s="10"/>
    </row>
    <row r="513544" spans="14:14">
      <c r="N513544" s="10"/>
    </row>
    <row r="513545" spans="14:14">
      <c r="N513545" s="10"/>
    </row>
    <row r="513546" spans="14:14">
      <c r="N513546" s="10"/>
    </row>
    <row r="513547" spans="14:14">
      <c r="N513547" s="10"/>
    </row>
    <row r="513548" spans="14:14">
      <c r="N513548" s="10"/>
    </row>
    <row r="513549" spans="14:14">
      <c r="N513549" s="10"/>
    </row>
    <row r="513550" spans="14:14">
      <c r="N513550" s="10"/>
    </row>
    <row r="513551" spans="14:14">
      <c r="N513551" s="10"/>
    </row>
    <row r="513552" spans="14:14">
      <c r="N513552" s="10"/>
    </row>
    <row r="513553" spans="14:14">
      <c r="N513553" s="10"/>
    </row>
    <row r="513554" spans="14:14">
      <c r="N513554" s="10"/>
    </row>
    <row r="513555" spans="14:14">
      <c r="N513555" s="10"/>
    </row>
    <row r="513556" spans="14:14">
      <c r="N513556" s="10"/>
    </row>
    <row r="513557" spans="14:14">
      <c r="N513557" s="10"/>
    </row>
    <row r="513558" spans="14:14">
      <c r="N513558" s="10"/>
    </row>
    <row r="513559" spans="14:14">
      <c r="N513559" s="10"/>
    </row>
    <row r="513560" spans="14:14">
      <c r="N513560" s="10"/>
    </row>
    <row r="513561" spans="14:14">
      <c r="N513561" s="10"/>
    </row>
    <row r="513562" spans="14:14">
      <c r="N513562" s="10"/>
    </row>
    <row r="513563" spans="14:14">
      <c r="N513563" s="10"/>
    </row>
    <row r="513564" spans="14:14">
      <c r="N513564" s="10"/>
    </row>
    <row r="513565" spans="14:14">
      <c r="N513565" s="10"/>
    </row>
    <row r="513566" spans="14:14">
      <c r="N513566" s="10"/>
    </row>
    <row r="513567" spans="14:14">
      <c r="N513567" s="10"/>
    </row>
    <row r="513568" spans="14:14">
      <c r="N513568" s="10"/>
    </row>
    <row r="513569" spans="14:14">
      <c r="N513569" s="10"/>
    </row>
    <row r="513570" spans="14:14">
      <c r="N513570" s="10"/>
    </row>
    <row r="513571" spans="14:14">
      <c r="N513571" s="10"/>
    </row>
    <row r="513572" spans="14:14">
      <c r="N513572" s="10"/>
    </row>
    <row r="513573" spans="14:14">
      <c r="N513573" s="10"/>
    </row>
    <row r="513574" spans="14:14">
      <c r="N513574" s="10"/>
    </row>
    <row r="513575" spans="14:14">
      <c r="N513575" s="10"/>
    </row>
    <row r="513576" spans="14:14">
      <c r="N513576" s="10"/>
    </row>
    <row r="513577" spans="14:14">
      <c r="N513577" s="10"/>
    </row>
    <row r="513578" spans="14:14">
      <c r="N513578" s="10"/>
    </row>
    <row r="513579" spans="14:14">
      <c r="N513579" s="10"/>
    </row>
    <row r="513580" spans="14:14">
      <c r="N513580" s="10"/>
    </row>
    <row r="513581" spans="14:14">
      <c r="N513581" s="10"/>
    </row>
    <row r="513582" spans="14:14">
      <c r="N513582" s="10"/>
    </row>
    <row r="513583" spans="14:14">
      <c r="N513583" s="10"/>
    </row>
    <row r="513584" spans="14:14">
      <c r="N513584" s="10"/>
    </row>
    <row r="513585" spans="14:14">
      <c r="N513585" s="10"/>
    </row>
    <row r="513586" spans="14:14">
      <c r="N513586" s="10"/>
    </row>
    <row r="513587" spans="14:14">
      <c r="N513587" s="10"/>
    </row>
    <row r="513588" spans="14:14">
      <c r="N513588" s="10"/>
    </row>
    <row r="513589" spans="14:14">
      <c r="N513589" s="10"/>
    </row>
    <row r="513590" spans="14:14">
      <c r="N513590" s="10"/>
    </row>
    <row r="513591" spans="14:14">
      <c r="N513591" s="10"/>
    </row>
    <row r="513592" spans="14:14">
      <c r="N513592" s="10"/>
    </row>
    <row r="513593" spans="14:14">
      <c r="N513593" s="10"/>
    </row>
    <row r="513594" spans="14:14">
      <c r="N513594" s="10"/>
    </row>
    <row r="513595" spans="14:14">
      <c r="N513595" s="10"/>
    </row>
    <row r="513596" spans="14:14">
      <c r="N513596" s="10"/>
    </row>
    <row r="513597" spans="14:14">
      <c r="N513597" s="10"/>
    </row>
    <row r="513598" spans="14:14">
      <c r="N513598" s="10"/>
    </row>
    <row r="513599" spans="14:14">
      <c r="N513599" s="10"/>
    </row>
    <row r="513600" spans="14:14">
      <c r="N513600" s="10"/>
    </row>
    <row r="513601" spans="14:14">
      <c r="N513601" s="10"/>
    </row>
    <row r="513602" spans="14:14">
      <c r="N513602" s="10"/>
    </row>
    <row r="513603" spans="14:14">
      <c r="N513603" s="10"/>
    </row>
    <row r="513604" spans="14:14">
      <c r="N513604" s="10"/>
    </row>
    <row r="513605" spans="14:14">
      <c r="N513605" s="10"/>
    </row>
    <row r="513606" spans="14:14">
      <c r="N513606" s="10"/>
    </row>
    <row r="513607" spans="14:14">
      <c r="N513607" s="10"/>
    </row>
    <row r="513608" spans="14:14">
      <c r="N513608" s="10"/>
    </row>
    <row r="513609" spans="14:14">
      <c r="N513609" s="10"/>
    </row>
    <row r="513610" spans="14:14">
      <c r="N513610" s="10"/>
    </row>
    <row r="513611" spans="14:14">
      <c r="N513611" s="10"/>
    </row>
    <row r="513612" spans="14:14">
      <c r="N513612" s="10"/>
    </row>
    <row r="513613" spans="14:14">
      <c r="N513613" s="10"/>
    </row>
    <row r="513614" spans="14:14">
      <c r="N513614" s="10"/>
    </row>
    <row r="513615" spans="14:14">
      <c r="N513615" s="10"/>
    </row>
    <row r="513616" spans="14:14">
      <c r="N513616" s="10"/>
    </row>
    <row r="513617" spans="14:14">
      <c r="N513617" s="10"/>
    </row>
    <row r="513618" spans="14:14">
      <c r="N513618" s="10"/>
    </row>
    <row r="513619" spans="14:14">
      <c r="N513619" s="10"/>
    </row>
    <row r="513620" spans="14:14">
      <c r="N513620" s="10"/>
    </row>
    <row r="513621" spans="14:14">
      <c r="N513621" s="10"/>
    </row>
    <row r="513622" spans="14:14">
      <c r="N513622" s="10"/>
    </row>
    <row r="513623" spans="14:14">
      <c r="N513623" s="10"/>
    </row>
    <row r="513624" spans="14:14">
      <c r="N513624" s="10"/>
    </row>
    <row r="513625" spans="14:14">
      <c r="N513625" s="10"/>
    </row>
    <row r="513626" spans="14:14">
      <c r="N513626" s="10"/>
    </row>
    <row r="513627" spans="14:14">
      <c r="N513627" s="10"/>
    </row>
    <row r="513628" spans="14:14">
      <c r="N513628" s="10"/>
    </row>
    <row r="513629" spans="14:14">
      <c r="N513629" s="10"/>
    </row>
    <row r="513630" spans="14:14">
      <c r="N513630" s="10"/>
    </row>
    <row r="513631" spans="14:14">
      <c r="N513631" s="10"/>
    </row>
    <row r="513632" spans="14:14">
      <c r="N513632" s="10"/>
    </row>
    <row r="513633" spans="14:14">
      <c r="N513633" s="10"/>
    </row>
    <row r="513634" spans="14:14">
      <c r="N513634" s="10"/>
    </row>
    <row r="513635" spans="14:14">
      <c r="N513635" s="10"/>
    </row>
    <row r="513636" spans="14:14">
      <c r="N513636" s="10"/>
    </row>
    <row r="513637" spans="14:14">
      <c r="N513637" s="10"/>
    </row>
    <row r="513638" spans="14:14">
      <c r="N513638" s="10"/>
    </row>
    <row r="513639" spans="14:14">
      <c r="N513639" s="10"/>
    </row>
    <row r="513640" spans="14:14">
      <c r="N513640" s="10"/>
    </row>
    <row r="513641" spans="14:14">
      <c r="N513641" s="10"/>
    </row>
    <row r="513642" spans="14:14">
      <c r="N513642" s="10"/>
    </row>
    <row r="513643" spans="14:14">
      <c r="N513643" s="10"/>
    </row>
    <row r="513644" spans="14:14">
      <c r="N513644" s="10"/>
    </row>
    <row r="513645" spans="14:14">
      <c r="N513645" s="10"/>
    </row>
    <row r="513646" spans="14:14">
      <c r="N513646" s="10"/>
    </row>
    <row r="513647" spans="14:14">
      <c r="N513647" s="10"/>
    </row>
    <row r="513648" spans="14:14">
      <c r="N513648" s="10"/>
    </row>
    <row r="513649" spans="14:14">
      <c r="N513649" s="10"/>
    </row>
    <row r="513650" spans="14:14">
      <c r="N513650" s="10"/>
    </row>
    <row r="513651" spans="14:14">
      <c r="N513651" s="10"/>
    </row>
    <row r="513652" spans="14:14">
      <c r="N513652" s="10"/>
    </row>
    <row r="513653" spans="14:14">
      <c r="N513653" s="10"/>
    </row>
    <row r="513654" spans="14:14">
      <c r="N513654" s="10"/>
    </row>
    <row r="513655" spans="14:14">
      <c r="N513655" s="10"/>
    </row>
    <row r="513656" spans="14:14">
      <c r="N513656" s="10"/>
    </row>
    <row r="513657" spans="14:14">
      <c r="N513657" s="10"/>
    </row>
    <row r="513658" spans="14:14">
      <c r="N513658" s="10"/>
    </row>
    <row r="513659" spans="14:14">
      <c r="N513659" s="10"/>
    </row>
    <row r="513660" spans="14:14">
      <c r="N513660" s="10"/>
    </row>
    <row r="513661" spans="14:14">
      <c r="N513661" s="10"/>
    </row>
    <row r="513662" spans="14:14">
      <c r="N513662" s="10"/>
    </row>
    <row r="513663" spans="14:14">
      <c r="N513663" s="10"/>
    </row>
    <row r="513664" spans="14:14">
      <c r="N513664" s="10"/>
    </row>
    <row r="513665" spans="14:14">
      <c r="N513665" s="10"/>
    </row>
    <row r="513666" spans="14:14">
      <c r="N513666" s="10"/>
    </row>
    <row r="513667" spans="14:14">
      <c r="N513667" s="10"/>
    </row>
    <row r="513668" spans="14:14">
      <c r="N513668" s="10"/>
    </row>
    <row r="513669" spans="14:14">
      <c r="N513669" s="10"/>
    </row>
    <row r="513670" spans="14:14">
      <c r="N513670" s="10"/>
    </row>
    <row r="513671" spans="14:14">
      <c r="N513671" s="10"/>
    </row>
    <row r="513672" spans="14:14">
      <c r="N513672" s="10"/>
    </row>
    <row r="513673" spans="14:14">
      <c r="N513673" s="10"/>
    </row>
    <row r="513674" spans="14:14">
      <c r="N513674" s="10"/>
    </row>
    <row r="513675" spans="14:14">
      <c r="N513675" s="10"/>
    </row>
    <row r="513676" spans="14:14">
      <c r="N513676" s="10"/>
    </row>
    <row r="513677" spans="14:14">
      <c r="N513677" s="10"/>
    </row>
    <row r="513678" spans="14:14">
      <c r="N513678" s="10"/>
    </row>
    <row r="513679" spans="14:14">
      <c r="N513679" s="10"/>
    </row>
    <row r="513680" spans="14:14">
      <c r="N513680" s="10"/>
    </row>
    <row r="513681" spans="14:14">
      <c r="N513681" s="10"/>
    </row>
    <row r="513682" spans="14:14">
      <c r="N513682" s="10"/>
    </row>
    <row r="513683" spans="14:14">
      <c r="N513683" s="10"/>
    </row>
    <row r="513684" spans="14:14">
      <c r="N513684" s="10"/>
    </row>
    <row r="513685" spans="14:14">
      <c r="N513685" s="10"/>
    </row>
    <row r="513686" spans="14:14">
      <c r="N513686" s="10"/>
    </row>
    <row r="513687" spans="14:14">
      <c r="N513687" s="10"/>
    </row>
    <row r="513688" spans="14:14">
      <c r="N513688" s="10"/>
    </row>
    <row r="513689" spans="14:14">
      <c r="N513689" s="10"/>
    </row>
    <row r="513690" spans="14:14">
      <c r="N513690" s="10"/>
    </row>
    <row r="513691" spans="14:14">
      <c r="N513691" s="10"/>
    </row>
    <row r="513692" spans="14:14">
      <c r="N513692" s="10"/>
    </row>
    <row r="513693" spans="14:14">
      <c r="N513693" s="10"/>
    </row>
    <row r="513694" spans="14:14">
      <c r="N513694" s="10"/>
    </row>
    <row r="513695" spans="14:14">
      <c r="N513695" s="10"/>
    </row>
    <row r="513696" spans="14:14">
      <c r="N513696" s="10"/>
    </row>
    <row r="513697" spans="14:14">
      <c r="N513697" s="10"/>
    </row>
    <row r="513698" spans="14:14">
      <c r="N513698" s="10"/>
    </row>
    <row r="513699" spans="14:14">
      <c r="N513699" s="10"/>
    </row>
    <row r="513700" spans="14:14">
      <c r="N513700" s="10"/>
    </row>
    <row r="513701" spans="14:14">
      <c r="N513701" s="10"/>
    </row>
    <row r="513702" spans="14:14">
      <c r="N513702" s="10"/>
    </row>
    <row r="513703" spans="14:14">
      <c r="N513703" s="10"/>
    </row>
    <row r="513704" spans="14:14">
      <c r="N513704" s="10"/>
    </row>
    <row r="513705" spans="14:14">
      <c r="N513705" s="10"/>
    </row>
    <row r="513706" spans="14:14">
      <c r="N513706" s="10"/>
    </row>
    <row r="513707" spans="14:14">
      <c r="N513707" s="10"/>
    </row>
    <row r="513708" spans="14:14">
      <c r="N513708" s="10"/>
    </row>
    <row r="513709" spans="14:14">
      <c r="N513709" s="10"/>
    </row>
    <row r="513710" spans="14:14">
      <c r="N513710" s="10"/>
    </row>
    <row r="513711" spans="14:14">
      <c r="N513711" s="10"/>
    </row>
    <row r="513712" spans="14:14">
      <c r="N513712" s="10"/>
    </row>
    <row r="513713" spans="14:14">
      <c r="N513713" s="10"/>
    </row>
    <row r="513714" spans="14:14">
      <c r="N513714" s="10"/>
    </row>
    <row r="513715" spans="14:14">
      <c r="N513715" s="10"/>
    </row>
    <row r="513716" spans="14:14">
      <c r="N513716" s="10"/>
    </row>
    <row r="513717" spans="14:14">
      <c r="N513717" s="10"/>
    </row>
    <row r="513718" spans="14:14">
      <c r="N513718" s="10"/>
    </row>
    <row r="513719" spans="14:14">
      <c r="N513719" s="10"/>
    </row>
    <row r="513720" spans="14:14">
      <c r="N513720" s="10"/>
    </row>
    <row r="513721" spans="14:14">
      <c r="N513721" s="10"/>
    </row>
    <row r="513722" spans="14:14">
      <c r="N513722" s="10"/>
    </row>
    <row r="513723" spans="14:14">
      <c r="N513723" s="10"/>
    </row>
    <row r="513724" spans="14:14">
      <c r="N513724" s="10"/>
    </row>
    <row r="513725" spans="14:14">
      <c r="N513725" s="10"/>
    </row>
    <row r="513726" spans="14:14">
      <c r="N513726" s="10"/>
    </row>
    <row r="513727" spans="14:14">
      <c r="N513727" s="10"/>
    </row>
    <row r="513728" spans="14:14">
      <c r="N513728" s="10"/>
    </row>
    <row r="513729" spans="14:14">
      <c r="N513729" s="10"/>
    </row>
    <row r="513730" spans="14:14">
      <c r="N513730" s="10"/>
    </row>
    <row r="513731" spans="14:14">
      <c r="N513731" s="10"/>
    </row>
    <row r="513732" spans="14:14">
      <c r="N513732" s="10"/>
    </row>
    <row r="513733" spans="14:14">
      <c r="N513733" s="10"/>
    </row>
    <row r="513734" spans="14:14">
      <c r="N513734" s="10"/>
    </row>
    <row r="513735" spans="14:14">
      <c r="N513735" s="10"/>
    </row>
    <row r="513736" spans="14:14">
      <c r="N513736" s="10"/>
    </row>
    <row r="513737" spans="14:14">
      <c r="N513737" s="10"/>
    </row>
    <row r="513738" spans="14:14">
      <c r="N513738" s="10"/>
    </row>
    <row r="513739" spans="14:14">
      <c r="N513739" s="10"/>
    </row>
    <row r="513740" spans="14:14">
      <c r="N513740" s="10"/>
    </row>
    <row r="513741" spans="14:14">
      <c r="N513741" s="10"/>
    </row>
    <row r="513742" spans="14:14">
      <c r="N513742" s="10"/>
    </row>
    <row r="513743" spans="14:14">
      <c r="N513743" s="10"/>
    </row>
    <row r="513744" spans="14:14">
      <c r="N513744" s="10"/>
    </row>
    <row r="513745" spans="14:14">
      <c r="N513745" s="10"/>
    </row>
    <row r="513746" spans="14:14">
      <c r="N513746" s="10"/>
    </row>
    <row r="513747" spans="14:14">
      <c r="N513747" s="10"/>
    </row>
    <row r="513748" spans="14:14">
      <c r="N513748" s="10"/>
    </row>
    <row r="513749" spans="14:14">
      <c r="N513749" s="10"/>
    </row>
    <row r="513750" spans="14:14">
      <c r="N513750" s="10"/>
    </row>
    <row r="513751" spans="14:14">
      <c r="N513751" s="10"/>
    </row>
    <row r="513752" spans="14:14">
      <c r="N513752" s="10"/>
    </row>
    <row r="513753" spans="14:14">
      <c r="N513753" s="10"/>
    </row>
    <row r="513754" spans="14:14">
      <c r="N513754" s="10"/>
    </row>
    <row r="513755" spans="14:14">
      <c r="N513755" s="10"/>
    </row>
    <row r="513756" spans="14:14">
      <c r="N513756" s="10"/>
    </row>
    <row r="513757" spans="14:14">
      <c r="N513757" s="10"/>
    </row>
    <row r="513758" spans="14:14">
      <c r="N513758" s="10"/>
    </row>
    <row r="513759" spans="14:14">
      <c r="N513759" s="10"/>
    </row>
    <row r="513760" spans="14:14">
      <c r="N513760" s="10"/>
    </row>
    <row r="513761" spans="14:14">
      <c r="N513761" s="10"/>
    </row>
    <row r="513762" spans="14:14">
      <c r="N513762" s="10"/>
    </row>
    <row r="513763" spans="14:14">
      <c r="N513763" s="10"/>
    </row>
    <row r="513764" spans="14:14">
      <c r="N513764" s="10"/>
    </row>
    <row r="513765" spans="14:14">
      <c r="N513765" s="10"/>
    </row>
    <row r="513766" spans="14:14">
      <c r="N513766" s="10"/>
    </row>
    <row r="513767" spans="14:14">
      <c r="N513767" s="10"/>
    </row>
    <row r="513768" spans="14:14">
      <c r="N513768" s="10"/>
    </row>
    <row r="513769" spans="14:14">
      <c r="N513769" s="10"/>
    </row>
    <row r="513770" spans="14:14">
      <c r="N513770" s="10"/>
    </row>
    <row r="513771" spans="14:14">
      <c r="N513771" s="10"/>
    </row>
    <row r="513772" spans="14:14">
      <c r="N513772" s="10"/>
    </row>
    <row r="513773" spans="14:14">
      <c r="N513773" s="10"/>
    </row>
    <row r="513774" spans="14:14">
      <c r="N513774" s="10"/>
    </row>
    <row r="513775" spans="14:14">
      <c r="N513775" s="10"/>
    </row>
    <row r="513776" spans="14:14">
      <c r="N513776" s="10"/>
    </row>
    <row r="513777" spans="14:14">
      <c r="N513777" s="10"/>
    </row>
    <row r="513778" spans="14:14">
      <c r="N513778" s="10"/>
    </row>
    <row r="513779" spans="14:14">
      <c r="N513779" s="10"/>
    </row>
    <row r="513780" spans="14:14">
      <c r="N513780" s="10"/>
    </row>
    <row r="513781" spans="14:14">
      <c r="N513781" s="10"/>
    </row>
    <row r="513782" spans="14:14">
      <c r="N513782" s="10"/>
    </row>
    <row r="513783" spans="14:14">
      <c r="N513783" s="10"/>
    </row>
    <row r="513784" spans="14:14">
      <c r="N513784" s="10"/>
    </row>
    <row r="513785" spans="14:14">
      <c r="N513785" s="10"/>
    </row>
    <row r="513786" spans="14:14">
      <c r="N513786" s="10"/>
    </row>
    <row r="513787" spans="14:14">
      <c r="N513787" s="10"/>
    </row>
    <row r="513788" spans="14:14">
      <c r="N513788" s="10"/>
    </row>
    <row r="513789" spans="14:14">
      <c r="N513789" s="10"/>
    </row>
    <row r="513790" spans="14:14">
      <c r="N513790" s="10"/>
    </row>
    <row r="513791" spans="14:14">
      <c r="N513791" s="10"/>
    </row>
    <row r="513792" spans="14:14">
      <c r="N513792" s="10"/>
    </row>
    <row r="513793" spans="14:14">
      <c r="N513793" s="10"/>
    </row>
    <row r="513794" spans="14:14">
      <c r="N513794" s="10"/>
    </row>
    <row r="513795" spans="14:14">
      <c r="N513795" s="10"/>
    </row>
    <row r="513796" spans="14:14">
      <c r="N513796" s="10"/>
    </row>
    <row r="513797" spans="14:14">
      <c r="N513797" s="10"/>
    </row>
    <row r="513798" spans="14:14">
      <c r="N513798" s="10"/>
    </row>
    <row r="513799" spans="14:14">
      <c r="N513799" s="10"/>
    </row>
    <row r="513800" spans="14:14">
      <c r="N513800" s="10"/>
    </row>
    <row r="513801" spans="14:14">
      <c r="N513801" s="10"/>
    </row>
    <row r="513802" spans="14:14">
      <c r="N513802" s="10"/>
    </row>
    <row r="513803" spans="14:14">
      <c r="N513803" s="10"/>
    </row>
    <row r="513804" spans="14:14">
      <c r="N513804" s="10"/>
    </row>
    <row r="513805" spans="14:14">
      <c r="N513805" s="10"/>
    </row>
    <row r="513806" spans="14:14">
      <c r="N513806" s="10"/>
    </row>
    <row r="513807" spans="14:14">
      <c r="N513807" s="10"/>
    </row>
    <row r="513808" spans="14:14">
      <c r="N513808" s="10"/>
    </row>
    <row r="513809" spans="14:14">
      <c r="N513809" s="10"/>
    </row>
    <row r="513810" spans="14:14">
      <c r="N513810" s="10"/>
    </row>
    <row r="513811" spans="14:14">
      <c r="N513811" s="10"/>
    </row>
    <row r="513812" spans="14:14">
      <c r="N513812" s="10"/>
    </row>
    <row r="513813" spans="14:14">
      <c r="N513813" s="10"/>
    </row>
    <row r="513814" spans="14:14">
      <c r="N513814" s="10"/>
    </row>
    <row r="513815" spans="14:14">
      <c r="N513815" s="10"/>
    </row>
    <row r="513816" spans="14:14">
      <c r="N513816" s="10"/>
    </row>
    <row r="513817" spans="14:14">
      <c r="N513817" s="10"/>
    </row>
    <row r="513818" spans="14:14">
      <c r="N513818" s="10"/>
    </row>
    <row r="513819" spans="14:14">
      <c r="N513819" s="10"/>
    </row>
    <row r="513820" spans="14:14">
      <c r="N513820" s="10"/>
    </row>
    <row r="513821" spans="14:14">
      <c r="N513821" s="10"/>
    </row>
    <row r="513822" spans="14:14">
      <c r="N513822" s="10"/>
    </row>
    <row r="513823" spans="14:14">
      <c r="N513823" s="10"/>
    </row>
    <row r="513824" spans="14:14">
      <c r="N513824" s="10"/>
    </row>
    <row r="513825" spans="14:14">
      <c r="N513825" s="10"/>
    </row>
    <row r="513826" spans="14:14">
      <c r="N513826" s="10"/>
    </row>
    <row r="513827" spans="14:14">
      <c r="N513827" s="10"/>
    </row>
    <row r="513828" spans="14:14">
      <c r="N513828" s="10"/>
    </row>
    <row r="513829" spans="14:14">
      <c r="N513829" s="10"/>
    </row>
    <row r="513830" spans="14:14">
      <c r="N513830" s="10"/>
    </row>
    <row r="513831" spans="14:14">
      <c r="N513831" s="10"/>
    </row>
    <row r="513832" spans="14:14">
      <c r="N513832" s="10"/>
    </row>
    <row r="513833" spans="14:14">
      <c r="N513833" s="10"/>
    </row>
    <row r="513834" spans="14:14">
      <c r="N513834" s="10"/>
    </row>
    <row r="513835" spans="14:14">
      <c r="N513835" s="10"/>
    </row>
    <row r="513836" spans="14:14">
      <c r="N513836" s="10"/>
    </row>
    <row r="513837" spans="14:14">
      <c r="N513837" s="10"/>
    </row>
    <row r="513838" spans="14:14">
      <c r="N513838" s="10"/>
    </row>
    <row r="513839" spans="14:14">
      <c r="N513839" s="10"/>
    </row>
    <row r="513840" spans="14:14">
      <c r="N513840" s="10"/>
    </row>
    <row r="513841" spans="14:14">
      <c r="N513841" s="10"/>
    </row>
    <row r="513842" spans="14:14">
      <c r="N513842" s="10"/>
    </row>
    <row r="513843" spans="14:14">
      <c r="N513843" s="10"/>
    </row>
    <row r="513844" spans="14:14">
      <c r="N513844" s="10"/>
    </row>
    <row r="513845" spans="14:14">
      <c r="N513845" s="10"/>
    </row>
    <row r="513846" spans="14:14">
      <c r="N513846" s="10"/>
    </row>
    <row r="513847" spans="14:14">
      <c r="N513847" s="10"/>
    </row>
    <row r="513848" spans="14:14">
      <c r="N513848" s="10"/>
    </row>
    <row r="513849" spans="14:14">
      <c r="N513849" s="10"/>
    </row>
    <row r="513850" spans="14:14">
      <c r="N513850" s="10"/>
    </row>
    <row r="513851" spans="14:14">
      <c r="N513851" s="10"/>
    </row>
    <row r="513852" spans="14:14">
      <c r="N513852" s="10"/>
    </row>
    <row r="513853" spans="14:14">
      <c r="N513853" s="10"/>
    </row>
    <row r="513854" spans="14:14">
      <c r="N513854" s="10"/>
    </row>
    <row r="513855" spans="14:14">
      <c r="N513855" s="10"/>
    </row>
    <row r="513856" spans="14:14">
      <c r="N513856" s="10"/>
    </row>
    <row r="513857" spans="14:14">
      <c r="N513857" s="10"/>
    </row>
    <row r="513858" spans="14:14">
      <c r="N513858" s="10"/>
    </row>
    <row r="513859" spans="14:14">
      <c r="N513859" s="10"/>
    </row>
    <row r="513860" spans="14:14">
      <c r="N513860" s="10"/>
    </row>
    <row r="513861" spans="14:14">
      <c r="N513861" s="10"/>
    </row>
    <row r="513862" spans="14:14">
      <c r="N513862" s="10"/>
    </row>
    <row r="513863" spans="14:14">
      <c r="N513863" s="10"/>
    </row>
    <row r="513864" spans="14:14">
      <c r="N513864" s="10"/>
    </row>
    <row r="513865" spans="14:14">
      <c r="N513865" s="10"/>
    </row>
    <row r="513866" spans="14:14">
      <c r="N513866" s="10"/>
    </row>
    <row r="513867" spans="14:14">
      <c r="N513867" s="10"/>
    </row>
    <row r="513868" spans="14:14">
      <c r="N513868" s="10"/>
    </row>
    <row r="513869" spans="14:14">
      <c r="N513869" s="10"/>
    </row>
    <row r="513870" spans="14:14">
      <c r="N513870" s="10"/>
    </row>
    <row r="513871" spans="14:14">
      <c r="N513871" s="10"/>
    </row>
    <row r="513872" spans="14:14">
      <c r="N513872" s="10"/>
    </row>
    <row r="513873" spans="14:14">
      <c r="N513873" s="10"/>
    </row>
    <row r="513874" spans="14:14">
      <c r="N513874" s="10"/>
    </row>
    <row r="513875" spans="14:14">
      <c r="N513875" s="10"/>
    </row>
    <row r="513876" spans="14:14">
      <c r="N513876" s="10"/>
    </row>
    <row r="513877" spans="14:14">
      <c r="N513877" s="10"/>
    </row>
    <row r="513878" spans="14:14">
      <c r="N513878" s="10"/>
    </row>
    <row r="513879" spans="14:14">
      <c r="N513879" s="10"/>
    </row>
    <row r="513880" spans="14:14">
      <c r="N513880" s="10"/>
    </row>
    <row r="513881" spans="14:14">
      <c r="N513881" s="10"/>
    </row>
    <row r="513882" spans="14:14">
      <c r="N513882" s="10"/>
    </row>
    <row r="513883" spans="14:14">
      <c r="N513883" s="10"/>
    </row>
    <row r="513884" spans="14:14">
      <c r="N513884" s="10"/>
    </row>
    <row r="513885" spans="14:14">
      <c r="N513885" s="10"/>
    </row>
    <row r="513886" spans="14:14">
      <c r="N513886" s="10"/>
    </row>
    <row r="513887" spans="14:14">
      <c r="N513887" s="10"/>
    </row>
    <row r="513888" spans="14:14">
      <c r="N513888" s="10"/>
    </row>
    <row r="513889" spans="14:14">
      <c r="N513889" s="10"/>
    </row>
    <row r="513890" spans="14:14">
      <c r="N513890" s="10"/>
    </row>
    <row r="513891" spans="14:14">
      <c r="N513891" s="10"/>
    </row>
    <row r="513892" spans="14:14">
      <c r="N513892" s="10"/>
    </row>
    <row r="513893" spans="14:14">
      <c r="N513893" s="10"/>
    </row>
    <row r="513894" spans="14:14">
      <c r="N513894" s="10"/>
    </row>
    <row r="513895" spans="14:14">
      <c r="N513895" s="10"/>
    </row>
    <row r="513896" spans="14:14">
      <c r="N513896" s="10"/>
    </row>
    <row r="513897" spans="14:14">
      <c r="N513897" s="10"/>
    </row>
    <row r="513898" spans="14:14">
      <c r="N513898" s="10"/>
    </row>
    <row r="513899" spans="14:14">
      <c r="N513899" s="10"/>
    </row>
    <row r="513900" spans="14:14">
      <c r="N513900" s="10"/>
    </row>
    <row r="513901" spans="14:14">
      <c r="N513901" s="10"/>
    </row>
    <row r="513902" spans="14:14">
      <c r="N513902" s="10"/>
    </row>
    <row r="513903" spans="14:14">
      <c r="N513903" s="10"/>
    </row>
    <row r="513904" spans="14:14">
      <c r="N513904" s="10"/>
    </row>
    <row r="513905" spans="14:14">
      <c r="N513905" s="10"/>
    </row>
    <row r="513906" spans="14:14">
      <c r="N513906" s="10"/>
    </row>
    <row r="513907" spans="14:14">
      <c r="N513907" s="10"/>
    </row>
    <row r="513908" spans="14:14">
      <c r="N513908" s="10"/>
    </row>
    <row r="513909" spans="14:14">
      <c r="N513909" s="10"/>
    </row>
    <row r="513910" spans="14:14">
      <c r="N513910" s="10"/>
    </row>
    <row r="513911" spans="14:14">
      <c r="N513911" s="10"/>
    </row>
    <row r="513912" spans="14:14">
      <c r="N513912" s="10"/>
    </row>
    <row r="513913" spans="14:14">
      <c r="N513913" s="10"/>
    </row>
    <row r="513914" spans="14:14">
      <c r="N513914" s="10"/>
    </row>
    <row r="513915" spans="14:14">
      <c r="N513915" s="10"/>
    </row>
    <row r="513916" spans="14:14">
      <c r="N513916" s="10"/>
    </row>
    <row r="513917" spans="14:14">
      <c r="N513917" s="10"/>
    </row>
    <row r="513918" spans="14:14">
      <c r="N513918" s="10"/>
    </row>
    <row r="513919" spans="14:14">
      <c r="N513919" s="10"/>
    </row>
    <row r="513920" spans="14:14">
      <c r="N513920" s="10"/>
    </row>
    <row r="513921" spans="14:14">
      <c r="N513921" s="10"/>
    </row>
    <row r="513922" spans="14:14">
      <c r="N513922" s="10"/>
    </row>
    <row r="513923" spans="14:14">
      <c r="N513923" s="10"/>
    </row>
    <row r="513924" spans="14:14">
      <c r="N513924" s="10"/>
    </row>
    <row r="513925" spans="14:14">
      <c r="N513925" s="10"/>
    </row>
    <row r="513926" spans="14:14">
      <c r="N513926" s="10"/>
    </row>
    <row r="513927" spans="14:14">
      <c r="N513927" s="10"/>
    </row>
    <row r="513928" spans="14:14">
      <c r="N513928" s="10"/>
    </row>
    <row r="513929" spans="14:14">
      <c r="N513929" s="10"/>
    </row>
    <row r="513930" spans="14:14">
      <c r="N513930" s="10"/>
    </row>
    <row r="513931" spans="14:14">
      <c r="N513931" s="10"/>
    </row>
    <row r="513932" spans="14:14">
      <c r="N513932" s="10"/>
    </row>
    <row r="513933" spans="14:14">
      <c r="N513933" s="10"/>
    </row>
    <row r="513934" spans="14:14">
      <c r="N513934" s="10"/>
    </row>
    <row r="513935" spans="14:14">
      <c r="N513935" s="10"/>
    </row>
    <row r="513936" spans="14:14">
      <c r="N513936" s="10"/>
    </row>
    <row r="513937" spans="14:14">
      <c r="N513937" s="10"/>
    </row>
    <row r="513938" spans="14:14">
      <c r="N513938" s="10"/>
    </row>
    <row r="513939" spans="14:14">
      <c r="N513939" s="10"/>
    </row>
    <row r="513940" spans="14:14">
      <c r="N513940" s="10"/>
    </row>
    <row r="513941" spans="14:14">
      <c r="N513941" s="10"/>
    </row>
    <row r="513942" spans="14:14">
      <c r="N513942" s="10"/>
    </row>
    <row r="513943" spans="14:14">
      <c r="N513943" s="10"/>
    </row>
    <row r="513944" spans="14:14">
      <c r="N513944" s="10"/>
    </row>
    <row r="513945" spans="14:14">
      <c r="N513945" s="10"/>
    </row>
    <row r="513946" spans="14:14">
      <c r="N513946" s="10"/>
    </row>
    <row r="513947" spans="14:14">
      <c r="N513947" s="10"/>
    </row>
    <row r="513948" spans="14:14">
      <c r="N513948" s="10"/>
    </row>
    <row r="513949" spans="14:14">
      <c r="N513949" s="10"/>
    </row>
    <row r="513950" spans="14:14">
      <c r="N513950" s="10"/>
    </row>
    <row r="513951" spans="14:14">
      <c r="N513951" s="10"/>
    </row>
    <row r="513952" spans="14:14">
      <c r="N513952" s="10"/>
    </row>
    <row r="513953" spans="14:14">
      <c r="N513953" s="10"/>
    </row>
    <row r="513954" spans="14:14">
      <c r="N513954" s="10"/>
    </row>
    <row r="513955" spans="14:14">
      <c r="N513955" s="10"/>
    </row>
    <row r="513956" spans="14:14">
      <c r="N513956" s="10"/>
    </row>
    <row r="513957" spans="14:14">
      <c r="N513957" s="10"/>
    </row>
    <row r="513958" spans="14:14">
      <c r="N513958" s="10"/>
    </row>
    <row r="513959" spans="14:14">
      <c r="N513959" s="10"/>
    </row>
    <row r="513960" spans="14:14">
      <c r="N513960" s="10"/>
    </row>
    <row r="513961" spans="14:14">
      <c r="N513961" s="10"/>
    </row>
    <row r="513962" spans="14:14">
      <c r="N513962" s="10"/>
    </row>
    <row r="513963" spans="14:14">
      <c r="N513963" s="10"/>
    </row>
    <row r="513964" spans="14:14">
      <c r="N513964" s="10"/>
    </row>
    <row r="513965" spans="14:14">
      <c r="N513965" s="10"/>
    </row>
    <row r="513966" spans="14:14">
      <c r="N513966" s="10"/>
    </row>
    <row r="513967" spans="14:14">
      <c r="N513967" s="10"/>
    </row>
    <row r="513968" spans="14:14">
      <c r="N513968" s="10"/>
    </row>
    <row r="513969" spans="14:14">
      <c r="N513969" s="10"/>
    </row>
    <row r="513970" spans="14:14">
      <c r="N513970" s="10"/>
    </row>
    <row r="513971" spans="14:14">
      <c r="N513971" s="10"/>
    </row>
    <row r="513972" spans="14:14">
      <c r="N513972" s="10"/>
    </row>
    <row r="513973" spans="14:14">
      <c r="N513973" s="10"/>
    </row>
    <row r="513974" spans="14:14">
      <c r="N513974" s="10"/>
    </row>
    <row r="513975" spans="14:14">
      <c r="N513975" s="10"/>
    </row>
    <row r="513976" spans="14:14">
      <c r="N513976" s="10"/>
    </row>
    <row r="513977" spans="14:14">
      <c r="N513977" s="10"/>
    </row>
    <row r="513978" spans="14:14">
      <c r="N513978" s="10"/>
    </row>
    <row r="513979" spans="14:14">
      <c r="N513979" s="10"/>
    </row>
    <row r="513980" spans="14:14">
      <c r="N513980" s="10"/>
    </row>
    <row r="513981" spans="14:14">
      <c r="N513981" s="10"/>
    </row>
    <row r="513982" spans="14:14">
      <c r="N513982" s="10"/>
    </row>
    <row r="513983" spans="14:14">
      <c r="N513983" s="10"/>
    </row>
    <row r="513984" spans="14:14">
      <c r="N513984" s="10"/>
    </row>
    <row r="513985" spans="14:14">
      <c r="N513985" s="10"/>
    </row>
    <row r="513986" spans="14:14">
      <c r="N513986" s="10"/>
    </row>
    <row r="513987" spans="14:14">
      <c r="N513987" s="10"/>
    </row>
    <row r="513988" spans="14:14">
      <c r="N513988" s="10"/>
    </row>
    <row r="513989" spans="14:14">
      <c r="N513989" s="10"/>
    </row>
    <row r="513990" spans="14:14">
      <c r="N513990" s="10"/>
    </row>
    <row r="513991" spans="14:14">
      <c r="N513991" s="10"/>
    </row>
    <row r="513992" spans="14:14">
      <c r="N513992" s="10"/>
    </row>
    <row r="513993" spans="14:14">
      <c r="N513993" s="10"/>
    </row>
    <row r="513994" spans="14:14">
      <c r="N513994" s="10"/>
    </row>
    <row r="513995" spans="14:14">
      <c r="N513995" s="10"/>
    </row>
    <row r="513996" spans="14:14">
      <c r="N513996" s="10"/>
    </row>
    <row r="513997" spans="14:14">
      <c r="N513997" s="10"/>
    </row>
    <row r="513998" spans="14:14">
      <c r="N513998" s="10"/>
    </row>
    <row r="513999" spans="14:14">
      <c r="N513999" s="10"/>
    </row>
    <row r="514000" spans="14:14">
      <c r="N514000" s="10"/>
    </row>
    <row r="514001" spans="14:14">
      <c r="N514001" s="10"/>
    </row>
    <row r="514002" spans="14:14">
      <c r="N514002" s="10"/>
    </row>
    <row r="514003" spans="14:14">
      <c r="N514003" s="10"/>
    </row>
    <row r="514004" spans="14:14">
      <c r="N514004" s="10"/>
    </row>
    <row r="514005" spans="14:14">
      <c r="N514005" s="10"/>
    </row>
    <row r="514006" spans="14:14">
      <c r="N514006" s="10"/>
    </row>
    <row r="514007" spans="14:14">
      <c r="N514007" s="10"/>
    </row>
    <row r="514008" spans="14:14">
      <c r="N514008" s="10"/>
    </row>
    <row r="514009" spans="14:14">
      <c r="N514009" s="10"/>
    </row>
    <row r="514010" spans="14:14">
      <c r="N514010" s="10"/>
    </row>
    <row r="514011" spans="14:14">
      <c r="N514011" s="10"/>
    </row>
    <row r="514012" spans="14:14">
      <c r="N514012" s="10"/>
    </row>
    <row r="514013" spans="14:14">
      <c r="N514013" s="10"/>
    </row>
    <row r="514014" spans="14:14">
      <c r="N514014" s="10"/>
    </row>
    <row r="514015" spans="14:14">
      <c r="N514015" s="10"/>
    </row>
    <row r="514016" spans="14:14">
      <c r="N514016" s="10"/>
    </row>
    <row r="514017" spans="14:14">
      <c r="N514017" s="10"/>
    </row>
    <row r="514018" spans="14:14">
      <c r="N514018" s="10"/>
    </row>
    <row r="514019" spans="14:14">
      <c r="N514019" s="10"/>
    </row>
    <row r="514020" spans="14:14">
      <c r="N514020" s="10"/>
    </row>
    <row r="514021" spans="14:14">
      <c r="N514021" s="10"/>
    </row>
    <row r="514022" spans="14:14">
      <c r="N514022" s="10"/>
    </row>
    <row r="514023" spans="14:14">
      <c r="N514023" s="10"/>
    </row>
    <row r="514024" spans="14:14">
      <c r="N514024" s="10"/>
    </row>
    <row r="514025" spans="14:14">
      <c r="N514025" s="10"/>
    </row>
    <row r="514026" spans="14:14">
      <c r="N514026" s="10"/>
    </row>
    <row r="514027" spans="14:14">
      <c r="N514027" s="10"/>
    </row>
    <row r="514028" spans="14:14">
      <c r="N514028" s="10"/>
    </row>
    <row r="514029" spans="14:14">
      <c r="N514029" s="10"/>
    </row>
    <row r="514030" spans="14:14">
      <c r="N514030" s="10"/>
    </row>
    <row r="514031" spans="14:14">
      <c r="N514031" s="10"/>
    </row>
    <row r="514032" spans="14:14">
      <c r="N514032" s="10"/>
    </row>
    <row r="514033" spans="14:14">
      <c r="N514033" s="10"/>
    </row>
    <row r="514034" spans="14:14">
      <c r="N514034" s="10"/>
    </row>
    <row r="514035" spans="14:14">
      <c r="N514035" s="10"/>
    </row>
    <row r="514036" spans="14:14">
      <c r="N514036" s="10"/>
    </row>
    <row r="514037" spans="14:14">
      <c r="N514037" s="10"/>
    </row>
    <row r="514038" spans="14:14">
      <c r="N514038" s="10"/>
    </row>
    <row r="514039" spans="14:14">
      <c r="N514039" s="10"/>
    </row>
    <row r="514040" spans="14:14">
      <c r="N514040" s="10"/>
    </row>
    <row r="514041" spans="14:14">
      <c r="N514041" s="10"/>
    </row>
    <row r="514042" spans="14:14">
      <c r="N514042" s="10"/>
    </row>
    <row r="514043" spans="14:14">
      <c r="N514043" s="10"/>
    </row>
    <row r="514044" spans="14:14">
      <c r="N514044" s="10"/>
    </row>
    <row r="514045" spans="14:14">
      <c r="N514045" s="10"/>
    </row>
    <row r="514046" spans="14:14">
      <c r="N514046" s="10"/>
    </row>
    <row r="514047" spans="14:14">
      <c r="N514047" s="10"/>
    </row>
    <row r="514048" spans="14:14">
      <c r="N514048" s="10"/>
    </row>
    <row r="514049" spans="14:14">
      <c r="N514049" s="10"/>
    </row>
    <row r="514050" spans="14:14">
      <c r="N514050" s="10"/>
    </row>
    <row r="514051" spans="14:14">
      <c r="N514051" s="10"/>
    </row>
    <row r="514052" spans="14:14">
      <c r="N514052" s="10"/>
    </row>
    <row r="514053" spans="14:14">
      <c r="N514053" s="10"/>
    </row>
    <row r="514054" spans="14:14">
      <c r="N514054" s="10"/>
    </row>
    <row r="514055" spans="14:14">
      <c r="N514055" s="10"/>
    </row>
    <row r="514056" spans="14:14">
      <c r="N514056" s="10"/>
    </row>
    <row r="514057" spans="14:14">
      <c r="N514057" s="10"/>
    </row>
    <row r="514058" spans="14:14">
      <c r="N514058" s="10"/>
    </row>
    <row r="514059" spans="14:14">
      <c r="N514059" s="10"/>
    </row>
    <row r="514060" spans="14:14">
      <c r="N514060" s="10"/>
    </row>
    <row r="514061" spans="14:14">
      <c r="N514061" s="10"/>
    </row>
    <row r="514062" spans="14:14">
      <c r="N514062" s="10"/>
    </row>
    <row r="514063" spans="14:14">
      <c r="N514063" s="10"/>
    </row>
    <row r="514064" spans="14:14">
      <c r="N514064" s="10"/>
    </row>
    <row r="514065" spans="14:14">
      <c r="N514065" s="10"/>
    </row>
    <row r="514066" spans="14:14">
      <c r="N514066" s="10"/>
    </row>
    <row r="514067" spans="14:14">
      <c r="N514067" s="10"/>
    </row>
    <row r="514068" spans="14:14">
      <c r="N514068" s="10"/>
    </row>
    <row r="514069" spans="14:14">
      <c r="N514069" s="10"/>
    </row>
    <row r="514070" spans="14:14">
      <c r="N514070" s="10"/>
    </row>
    <row r="514071" spans="14:14">
      <c r="N514071" s="10"/>
    </row>
    <row r="514072" spans="14:14">
      <c r="N514072" s="10"/>
    </row>
    <row r="514073" spans="14:14">
      <c r="N514073" s="10"/>
    </row>
    <row r="514074" spans="14:14">
      <c r="N514074" s="10"/>
    </row>
    <row r="514075" spans="14:14">
      <c r="N514075" s="10"/>
    </row>
    <row r="514076" spans="14:14">
      <c r="N514076" s="10"/>
    </row>
    <row r="514077" spans="14:14">
      <c r="N514077" s="10"/>
    </row>
    <row r="514078" spans="14:14">
      <c r="N514078" s="10"/>
    </row>
    <row r="514079" spans="14:14">
      <c r="N514079" s="10"/>
    </row>
    <row r="514080" spans="14:14">
      <c r="N514080" s="10"/>
    </row>
    <row r="514081" spans="14:14">
      <c r="N514081" s="10"/>
    </row>
    <row r="514082" spans="14:14">
      <c r="N514082" s="10"/>
    </row>
    <row r="514083" spans="14:14">
      <c r="N514083" s="10"/>
    </row>
    <row r="514084" spans="14:14">
      <c r="N514084" s="10"/>
    </row>
    <row r="514085" spans="14:14">
      <c r="N514085" s="10"/>
    </row>
    <row r="514086" spans="14:14">
      <c r="N514086" s="10"/>
    </row>
    <row r="514087" spans="14:14">
      <c r="N514087" s="10"/>
    </row>
    <row r="514088" spans="14:14">
      <c r="N514088" s="10"/>
    </row>
    <row r="514089" spans="14:14">
      <c r="N514089" s="10"/>
    </row>
    <row r="514090" spans="14:14">
      <c r="N514090" s="10"/>
    </row>
    <row r="514091" spans="14:14">
      <c r="N514091" s="10"/>
    </row>
    <row r="514092" spans="14:14">
      <c r="N514092" s="10"/>
    </row>
    <row r="514093" spans="14:14">
      <c r="N514093" s="10"/>
    </row>
    <row r="514094" spans="14:14">
      <c r="N514094" s="10"/>
    </row>
    <row r="514095" spans="14:14">
      <c r="N514095" s="10"/>
    </row>
    <row r="514096" spans="14:14">
      <c r="N514096" s="10"/>
    </row>
    <row r="514097" spans="14:14">
      <c r="N514097" s="10"/>
    </row>
    <row r="514098" spans="14:14">
      <c r="N514098" s="10"/>
    </row>
    <row r="514099" spans="14:14">
      <c r="N514099" s="10"/>
    </row>
    <row r="514100" spans="14:14">
      <c r="N514100" s="10"/>
    </row>
    <row r="514101" spans="14:14">
      <c r="N514101" s="10"/>
    </row>
    <row r="514102" spans="14:14">
      <c r="N514102" s="10"/>
    </row>
    <row r="514103" spans="14:14">
      <c r="N514103" s="10"/>
    </row>
    <row r="514104" spans="14:14">
      <c r="N514104" s="10"/>
    </row>
    <row r="514105" spans="14:14">
      <c r="N514105" s="10"/>
    </row>
    <row r="514106" spans="14:14">
      <c r="N514106" s="10"/>
    </row>
    <row r="514107" spans="14:14">
      <c r="N514107" s="10"/>
    </row>
    <row r="514108" spans="14:14">
      <c r="N514108" s="10"/>
    </row>
    <row r="514109" spans="14:14">
      <c r="N514109" s="10"/>
    </row>
    <row r="514110" spans="14:14">
      <c r="N514110" s="10"/>
    </row>
    <row r="514111" spans="14:14">
      <c r="N514111" s="10"/>
    </row>
    <row r="514112" spans="14:14">
      <c r="N514112" s="10"/>
    </row>
    <row r="514113" spans="14:14">
      <c r="N514113" s="10"/>
    </row>
    <row r="514114" spans="14:14">
      <c r="N514114" s="10"/>
    </row>
    <row r="514115" spans="14:14">
      <c r="N514115" s="10"/>
    </row>
    <row r="514116" spans="14:14">
      <c r="N514116" s="10"/>
    </row>
    <row r="514117" spans="14:14">
      <c r="N514117" s="10"/>
    </row>
    <row r="514118" spans="14:14">
      <c r="N514118" s="10"/>
    </row>
    <row r="514119" spans="14:14">
      <c r="N514119" s="10"/>
    </row>
    <row r="514120" spans="14:14">
      <c r="N514120" s="10"/>
    </row>
    <row r="514121" spans="14:14">
      <c r="N514121" s="10"/>
    </row>
    <row r="514122" spans="14:14">
      <c r="N514122" s="10"/>
    </row>
    <row r="514123" spans="14:14">
      <c r="N514123" s="10"/>
    </row>
    <row r="514124" spans="14:14">
      <c r="N514124" s="10"/>
    </row>
    <row r="514125" spans="14:14">
      <c r="N514125" s="10"/>
    </row>
    <row r="514126" spans="14:14">
      <c r="N514126" s="10"/>
    </row>
    <row r="514127" spans="14:14">
      <c r="N514127" s="10"/>
    </row>
    <row r="514128" spans="14:14">
      <c r="N514128" s="10"/>
    </row>
    <row r="514129" spans="14:14">
      <c r="N514129" s="10"/>
    </row>
    <row r="514130" spans="14:14">
      <c r="N514130" s="10"/>
    </row>
    <row r="514131" spans="14:14">
      <c r="N514131" s="10"/>
    </row>
    <row r="514132" spans="14:14">
      <c r="N514132" s="10"/>
    </row>
    <row r="514133" spans="14:14">
      <c r="N514133" s="10"/>
    </row>
    <row r="514134" spans="14:14">
      <c r="N514134" s="10"/>
    </row>
    <row r="514135" spans="14:14">
      <c r="N514135" s="10"/>
    </row>
    <row r="514136" spans="14:14">
      <c r="N514136" s="10"/>
    </row>
    <row r="514137" spans="14:14">
      <c r="N514137" s="10"/>
    </row>
    <row r="514138" spans="14:14">
      <c r="N514138" s="10"/>
    </row>
    <row r="514139" spans="14:14">
      <c r="N514139" s="10"/>
    </row>
    <row r="514140" spans="14:14">
      <c r="N514140" s="10"/>
    </row>
    <row r="514141" spans="14:14">
      <c r="N514141" s="10"/>
    </row>
    <row r="514142" spans="14:14">
      <c r="N514142" s="10"/>
    </row>
    <row r="514143" spans="14:14">
      <c r="N514143" s="10"/>
    </row>
    <row r="514144" spans="14:14">
      <c r="N514144" s="10"/>
    </row>
    <row r="514145" spans="14:14">
      <c r="N514145" s="10"/>
    </row>
    <row r="514146" spans="14:14">
      <c r="N514146" s="10"/>
    </row>
    <row r="514147" spans="14:14">
      <c r="N514147" s="10"/>
    </row>
    <row r="514148" spans="14:14">
      <c r="N514148" s="10"/>
    </row>
    <row r="514149" spans="14:14">
      <c r="N514149" s="10"/>
    </row>
    <row r="514150" spans="14:14">
      <c r="N514150" s="10"/>
    </row>
    <row r="514151" spans="14:14">
      <c r="N514151" s="10"/>
    </row>
    <row r="514152" spans="14:14">
      <c r="N514152" s="10"/>
    </row>
    <row r="514153" spans="14:14">
      <c r="N514153" s="10"/>
    </row>
    <row r="514154" spans="14:14">
      <c r="N514154" s="10"/>
    </row>
    <row r="514155" spans="14:14">
      <c r="N514155" s="10"/>
    </row>
    <row r="514156" spans="14:14">
      <c r="N514156" s="10"/>
    </row>
    <row r="514157" spans="14:14">
      <c r="N514157" s="10"/>
    </row>
    <row r="514158" spans="14:14">
      <c r="N514158" s="10"/>
    </row>
    <row r="514159" spans="14:14">
      <c r="N514159" s="10"/>
    </row>
    <row r="514160" spans="14:14">
      <c r="N514160" s="10"/>
    </row>
    <row r="514161" spans="14:14">
      <c r="N514161" s="10"/>
    </row>
    <row r="514162" spans="14:14">
      <c r="N514162" s="10"/>
    </row>
    <row r="514163" spans="14:14">
      <c r="N514163" s="10"/>
    </row>
    <row r="514164" spans="14:14">
      <c r="N514164" s="10"/>
    </row>
    <row r="514165" spans="14:14">
      <c r="N514165" s="10"/>
    </row>
    <row r="514166" spans="14:14">
      <c r="N514166" s="10"/>
    </row>
    <row r="514167" spans="14:14">
      <c r="N514167" s="10"/>
    </row>
    <row r="514168" spans="14:14">
      <c r="N514168" s="10"/>
    </row>
    <row r="514169" spans="14:14">
      <c r="N514169" s="10"/>
    </row>
    <row r="514170" spans="14:14">
      <c r="N514170" s="10"/>
    </row>
    <row r="514171" spans="14:14">
      <c r="N514171" s="10"/>
    </row>
    <row r="514172" spans="14:14">
      <c r="N514172" s="10"/>
    </row>
    <row r="514173" spans="14:14">
      <c r="N514173" s="10"/>
    </row>
    <row r="514174" spans="14:14">
      <c r="N514174" s="10"/>
    </row>
    <row r="514175" spans="14:14">
      <c r="N514175" s="10"/>
    </row>
    <row r="514176" spans="14:14">
      <c r="N514176" s="10"/>
    </row>
    <row r="514177" spans="14:14">
      <c r="N514177" s="10"/>
    </row>
    <row r="514178" spans="14:14">
      <c r="N514178" s="10"/>
    </row>
    <row r="514179" spans="14:14">
      <c r="N514179" s="10"/>
    </row>
    <row r="514180" spans="14:14">
      <c r="N514180" s="10"/>
    </row>
    <row r="514181" spans="14:14">
      <c r="N514181" s="10"/>
    </row>
    <row r="514182" spans="14:14">
      <c r="N514182" s="10"/>
    </row>
    <row r="514183" spans="14:14">
      <c r="N514183" s="10"/>
    </row>
    <row r="514184" spans="14:14">
      <c r="N514184" s="10"/>
    </row>
    <row r="514185" spans="14:14">
      <c r="N514185" s="10"/>
    </row>
    <row r="514186" spans="14:14">
      <c r="N514186" s="10"/>
    </row>
    <row r="514187" spans="14:14">
      <c r="N514187" s="10"/>
    </row>
    <row r="514188" spans="14:14">
      <c r="N514188" s="10"/>
    </row>
    <row r="514189" spans="14:14">
      <c r="N514189" s="10"/>
    </row>
    <row r="514190" spans="14:14">
      <c r="N514190" s="10"/>
    </row>
    <row r="514191" spans="14:14">
      <c r="N514191" s="10"/>
    </row>
    <row r="514192" spans="14:14">
      <c r="N514192" s="10"/>
    </row>
    <row r="514193" spans="14:14">
      <c r="N514193" s="10"/>
    </row>
    <row r="514194" spans="14:14">
      <c r="N514194" s="10"/>
    </row>
    <row r="514195" spans="14:14">
      <c r="N514195" s="10"/>
    </row>
    <row r="514196" spans="14:14">
      <c r="N514196" s="10"/>
    </row>
    <row r="514197" spans="14:14">
      <c r="N514197" s="10"/>
    </row>
    <row r="514198" spans="14:14">
      <c r="N514198" s="10"/>
    </row>
    <row r="514199" spans="14:14">
      <c r="N514199" s="10"/>
    </row>
    <row r="514200" spans="14:14">
      <c r="N514200" s="10"/>
    </row>
    <row r="514201" spans="14:14">
      <c r="N514201" s="10"/>
    </row>
    <row r="514202" spans="14:14">
      <c r="N514202" s="10"/>
    </row>
    <row r="514203" spans="14:14">
      <c r="N514203" s="10"/>
    </row>
    <row r="514204" spans="14:14">
      <c r="N514204" s="10"/>
    </row>
    <row r="514205" spans="14:14">
      <c r="N514205" s="10"/>
    </row>
    <row r="514206" spans="14:14">
      <c r="N514206" s="10"/>
    </row>
    <row r="514207" spans="14:14">
      <c r="N514207" s="10"/>
    </row>
    <row r="514208" spans="14:14">
      <c r="N514208" s="10"/>
    </row>
    <row r="514209" spans="14:14">
      <c r="N514209" s="10"/>
    </row>
    <row r="514210" spans="14:14">
      <c r="N514210" s="10"/>
    </row>
    <row r="514211" spans="14:14">
      <c r="N514211" s="10"/>
    </row>
    <row r="514212" spans="14:14">
      <c r="N514212" s="10"/>
    </row>
    <row r="514213" spans="14:14">
      <c r="N514213" s="10"/>
    </row>
    <row r="514214" spans="14:14">
      <c r="N514214" s="10"/>
    </row>
    <row r="514215" spans="14:14">
      <c r="N514215" s="10"/>
    </row>
    <row r="514216" spans="14:14">
      <c r="N514216" s="10"/>
    </row>
    <row r="514217" spans="14:14">
      <c r="N514217" s="10"/>
    </row>
    <row r="514218" spans="14:14">
      <c r="N514218" s="10"/>
    </row>
    <row r="514219" spans="14:14">
      <c r="N514219" s="10"/>
    </row>
    <row r="514220" spans="14:14">
      <c r="N514220" s="10"/>
    </row>
    <row r="514221" spans="14:14">
      <c r="N514221" s="10"/>
    </row>
    <row r="514222" spans="14:14">
      <c r="N514222" s="10"/>
    </row>
    <row r="514223" spans="14:14">
      <c r="N514223" s="10"/>
    </row>
    <row r="514224" spans="14:14">
      <c r="N514224" s="10"/>
    </row>
    <row r="514225" spans="14:14">
      <c r="N514225" s="10"/>
    </row>
    <row r="514226" spans="14:14">
      <c r="N514226" s="10"/>
    </row>
    <row r="514227" spans="14:14">
      <c r="N514227" s="10"/>
    </row>
    <row r="514228" spans="14:14">
      <c r="N514228" s="10"/>
    </row>
    <row r="514229" spans="14:14">
      <c r="N514229" s="10"/>
    </row>
    <row r="514230" spans="14:14">
      <c r="N514230" s="10"/>
    </row>
    <row r="514231" spans="14:14">
      <c r="N514231" s="10"/>
    </row>
    <row r="514232" spans="14:14">
      <c r="N514232" s="10"/>
    </row>
    <row r="514233" spans="14:14">
      <c r="N514233" s="10"/>
    </row>
    <row r="514234" spans="14:14">
      <c r="N514234" s="10"/>
    </row>
    <row r="514235" spans="14:14">
      <c r="N514235" s="10"/>
    </row>
    <row r="514236" spans="14:14">
      <c r="N514236" s="10"/>
    </row>
    <row r="514237" spans="14:14">
      <c r="N514237" s="10"/>
    </row>
    <row r="514238" spans="14:14">
      <c r="N514238" s="10"/>
    </row>
    <row r="514239" spans="14:14">
      <c r="N514239" s="10"/>
    </row>
    <row r="514240" spans="14:14">
      <c r="N514240" s="10"/>
    </row>
    <row r="514241" spans="14:14">
      <c r="N514241" s="10"/>
    </row>
    <row r="514242" spans="14:14">
      <c r="N514242" s="10"/>
    </row>
    <row r="514243" spans="14:14">
      <c r="N514243" s="10"/>
    </row>
    <row r="514244" spans="14:14">
      <c r="N514244" s="10"/>
    </row>
    <row r="514245" spans="14:14">
      <c r="N514245" s="10"/>
    </row>
    <row r="514246" spans="14:14">
      <c r="N514246" s="10"/>
    </row>
    <row r="514247" spans="14:14">
      <c r="N514247" s="10"/>
    </row>
    <row r="514248" spans="14:14">
      <c r="N514248" s="10"/>
    </row>
    <row r="514249" spans="14:14">
      <c r="N514249" s="10"/>
    </row>
    <row r="514250" spans="14:14">
      <c r="N514250" s="10"/>
    </row>
    <row r="514251" spans="14:14">
      <c r="N514251" s="10"/>
    </row>
    <row r="514252" spans="14:14">
      <c r="N514252" s="10"/>
    </row>
    <row r="514253" spans="14:14">
      <c r="N514253" s="10"/>
    </row>
    <row r="514254" spans="14:14">
      <c r="N514254" s="10"/>
    </row>
    <row r="514255" spans="14:14">
      <c r="N514255" s="10"/>
    </row>
    <row r="514256" spans="14:14">
      <c r="N514256" s="10"/>
    </row>
    <row r="514257" spans="14:14">
      <c r="N514257" s="10"/>
    </row>
    <row r="514258" spans="14:14">
      <c r="N514258" s="10"/>
    </row>
    <row r="514259" spans="14:14">
      <c r="N514259" s="10"/>
    </row>
    <row r="514260" spans="14:14">
      <c r="N514260" s="10"/>
    </row>
    <row r="514261" spans="14:14">
      <c r="N514261" s="10"/>
    </row>
    <row r="514262" spans="14:14">
      <c r="N514262" s="10"/>
    </row>
    <row r="514263" spans="14:14">
      <c r="N514263" s="10"/>
    </row>
    <row r="514264" spans="14:14">
      <c r="N514264" s="10"/>
    </row>
    <row r="514265" spans="14:14">
      <c r="N514265" s="10"/>
    </row>
    <row r="514266" spans="14:14">
      <c r="N514266" s="10"/>
    </row>
    <row r="514267" spans="14:14">
      <c r="N514267" s="10"/>
    </row>
    <row r="514268" spans="14:14">
      <c r="N514268" s="10"/>
    </row>
    <row r="514269" spans="14:14">
      <c r="N514269" s="10"/>
    </row>
    <row r="514270" spans="14:14">
      <c r="N514270" s="10"/>
    </row>
    <row r="514271" spans="14:14">
      <c r="N514271" s="10"/>
    </row>
    <row r="514272" spans="14:14">
      <c r="N514272" s="10"/>
    </row>
    <row r="514273" spans="14:14">
      <c r="N514273" s="10"/>
    </row>
    <row r="514274" spans="14:14">
      <c r="N514274" s="10"/>
    </row>
    <row r="514275" spans="14:14">
      <c r="N514275" s="10"/>
    </row>
    <row r="514276" spans="14:14">
      <c r="N514276" s="10"/>
    </row>
    <row r="514277" spans="14:14">
      <c r="N514277" s="10"/>
    </row>
    <row r="514278" spans="14:14">
      <c r="N514278" s="10"/>
    </row>
    <row r="514279" spans="14:14">
      <c r="N514279" s="10"/>
    </row>
    <row r="514280" spans="14:14">
      <c r="N514280" s="10"/>
    </row>
    <row r="514281" spans="14:14">
      <c r="N514281" s="10"/>
    </row>
    <row r="514282" spans="14:14">
      <c r="N514282" s="10"/>
    </row>
    <row r="514283" spans="14:14">
      <c r="N514283" s="10"/>
    </row>
    <row r="514284" spans="14:14">
      <c r="N514284" s="10"/>
    </row>
    <row r="514285" spans="14:14">
      <c r="N514285" s="10"/>
    </row>
    <row r="514286" spans="14:14">
      <c r="N514286" s="10"/>
    </row>
    <row r="514287" spans="14:14">
      <c r="N514287" s="10"/>
    </row>
    <row r="514288" spans="14:14">
      <c r="N514288" s="10"/>
    </row>
    <row r="514289" spans="14:14">
      <c r="N514289" s="10"/>
    </row>
    <row r="514290" spans="14:14">
      <c r="N514290" s="10"/>
    </row>
    <row r="514291" spans="14:14">
      <c r="N514291" s="10"/>
    </row>
    <row r="514292" spans="14:14">
      <c r="N514292" s="10"/>
    </row>
    <row r="514293" spans="14:14">
      <c r="N514293" s="10"/>
    </row>
    <row r="514294" spans="14:14">
      <c r="N514294" s="10"/>
    </row>
    <row r="514295" spans="14:14">
      <c r="N514295" s="10"/>
    </row>
    <row r="514296" spans="14:14">
      <c r="N514296" s="10"/>
    </row>
    <row r="514297" spans="14:14">
      <c r="N514297" s="10"/>
    </row>
    <row r="514298" spans="14:14">
      <c r="N514298" s="10"/>
    </row>
    <row r="514299" spans="14:14">
      <c r="N514299" s="10"/>
    </row>
    <row r="514300" spans="14:14">
      <c r="N514300" s="10"/>
    </row>
    <row r="514301" spans="14:14">
      <c r="N514301" s="10"/>
    </row>
    <row r="514302" spans="14:14">
      <c r="N514302" s="10"/>
    </row>
    <row r="514303" spans="14:14">
      <c r="N514303" s="10"/>
    </row>
    <row r="514304" spans="14:14">
      <c r="N514304" s="10"/>
    </row>
    <row r="514305" spans="14:14">
      <c r="N514305" s="10"/>
    </row>
    <row r="514306" spans="14:14">
      <c r="N514306" s="10"/>
    </row>
    <row r="514307" spans="14:14">
      <c r="N514307" s="10"/>
    </row>
    <row r="514308" spans="14:14">
      <c r="N514308" s="10"/>
    </row>
    <row r="514309" spans="14:14">
      <c r="N514309" s="10"/>
    </row>
    <row r="514310" spans="14:14">
      <c r="N514310" s="10"/>
    </row>
    <row r="514311" spans="14:14">
      <c r="N514311" s="10"/>
    </row>
    <row r="514312" spans="14:14">
      <c r="N514312" s="10"/>
    </row>
    <row r="514313" spans="14:14">
      <c r="N514313" s="10"/>
    </row>
    <row r="514314" spans="14:14">
      <c r="N514314" s="10"/>
    </row>
    <row r="514315" spans="14:14">
      <c r="N514315" s="10"/>
    </row>
    <row r="514316" spans="14:14">
      <c r="N514316" s="10"/>
    </row>
    <row r="514317" spans="14:14">
      <c r="N514317" s="10"/>
    </row>
    <row r="514318" spans="14:14">
      <c r="N514318" s="10"/>
    </row>
    <row r="514319" spans="14:14">
      <c r="N514319" s="10"/>
    </row>
    <row r="514320" spans="14:14">
      <c r="N514320" s="10"/>
    </row>
    <row r="514321" spans="14:14">
      <c r="N514321" s="10"/>
    </row>
    <row r="514322" spans="14:14">
      <c r="N514322" s="10"/>
    </row>
    <row r="514323" spans="14:14">
      <c r="N514323" s="10"/>
    </row>
    <row r="514324" spans="14:14">
      <c r="N514324" s="10"/>
    </row>
    <row r="514325" spans="14:14">
      <c r="N514325" s="10"/>
    </row>
    <row r="514326" spans="14:14">
      <c r="N514326" s="10"/>
    </row>
    <row r="514327" spans="14:14">
      <c r="N514327" s="10"/>
    </row>
    <row r="514328" spans="14:14">
      <c r="N514328" s="10"/>
    </row>
    <row r="514329" spans="14:14">
      <c r="N514329" s="10"/>
    </row>
    <row r="514330" spans="14:14">
      <c r="N514330" s="10"/>
    </row>
    <row r="514331" spans="14:14">
      <c r="N514331" s="10"/>
    </row>
    <row r="514332" spans="14:14">
      <c r="N514332" s="10"/>
    </row>
    <row r="514333" spans="14:14">
      <c r="N514333" s="10"/>
    </row>
    <row r="514334" spans="14:14">
      <c r="N514334" s="10"/>
    </row>
    <row r="514335" spans="14:14">
      <c r="N514335" s="10"/>
    </row>
    <row r="514336" spans="14:14">
      <c r="N514336" s="10"/>
    </row>
    <row r="514337" spans="14:14">
      <c r="N514337" s="10"/>
    </row>
    <row r="514338" spans="14:14">
      <c r="N514338" s="10"/>
    </row>
    <row r="514339" spans="14:14">
      <c r="N514339" s="10"/>
    </row>
    <row r="514340" spans="14:14">
      <c r="N514340" s="10"/>
    </row>
    <row r="514341" spans="14:14">
      <c r="N514341" s="10"/>
    </row>
    <row r="514342" spans="14:14">
      <c r="N514342" s="10"/>
    </row>
    <row r="514343" spans="14:14">
      <c r="N514343" s="10"/>
    </row>
    <row r="514344" spans="14:14">
      <c r="N514344" s="10"/>
    </row>
    <row r="514345" spans="14:14">
      <c r="N514345" s="10"/>
    </row>
    <row r="514346" spans="14:14">
      <c r="N514346" s="10"/>
    </row>
    <row r="514347" spans="14:14">
      <c r="N514347" s="10"/>
    </row>
    <row r="514348" spans="14:14">
      <c r="N514348" s="10"/>
    </row>
    <row r="514349" spans="14:14">
      <c r="N514349" s="10"/>
    </row>
    <row r="514350" spans="14:14">
      <c r="N514350" s="10"/>
    </row>
    <row r="514351" spans="14:14">
      <c r="N514351" s="10"/>
    </row>
    <row r="514352" spans="14:14">
      <c r="N514352" s="10"/>
    </row>
    <row r="514353" spans="14:14">
      <c r="N514353" s="10"/>
    </row>
    <row r="514354" spans="14:14">
      <c r="N514354" s="10"/>
    </row>
    <row r="514355" spans="14:14">
      <c r="N514355" s="10"/>
    </row>
    <row r="514356" spans="14:14">
      <c r="N514356" s="10"/>
    </row>
    <row r="514357" spans="14:14">
      <c r="N514357" s="10"/>
    </row>
    <row r="514358" spans="14:14">
      <c r="N514358" s="10"/>
    </row>
    <row r="514359" spans="14:14">
      <c r="N514359" s="10"/>
    </row>
    <row r="514360" spans="14:14">
      <c r="N514360" s="10"/>
    </row>
    <row r="514361" spans="14:14">
      <c r="N514361" s="10"/>
    </row>
    <row r="514362" spans="14:14">
      <c r="N514362" s="10"/>
    </row>
    <row r="514363" spans="14:14">
      <c r="N514363" s="10"/>
    </row>
    <row r="514364" spans="14:14">
      <c r="N514364" s="10"/>
    </row>
    <row r="514365" spans="14:14">
      <c r="N514365" s="10"/>
    </row>
    <row r="514366" spans="14:14">
      <c r="N514366" s="10"/>
    </row>
    <row r="514367" spans="14:14">
      <c r="N514367" s="10"/>
    </row>
    <row r="514368" spans="14:14">
      <c r="N514368" s="10"/>
    </row>
    <row r="514369" spans="14:14">
      <c r="N514369" s="10"/>
    </row>
    <row r="514370" spans="14:14">
      <c r="N514370" s="10"/>
    </row>
    <row r="514371" spans="14:14">
      <c r="N514371" s="10"/>
    </row>
    <row r="514372" spans="14:14">
      <c r="N514372" s="10"/>
    </row>
    <row r="514373" spans="14:14">
      <c r="N514373" s="10"/>
    </row>
    <row r="514374" spans="14:14">
      <c r="N514374" s="10"/>
    </row>
    <row r="514375" spans="14:14">
      <c r="N514375" s="10"/>
    </row>
    <row r="514376" spans="14:14">
      <c r="N514376" s="10"/>
    </row>
    <row r="514377" spans="14:14">
      <c r="N514377" s="10"/>
    </row>
    <row r="514378" spans="14:14">
      <c r="N514378" s="10"/>
    </row>
    <row r="514379" spans="14:14">
      <c r="N514379" s="10"/>
    </row>
    <row r="514380" spans="14:14">
      <c r="N514380" s="10"/>
    </row>
    <row r="514381" spans="14:14">
      <c r="N514381" s="10"/>
    </row>
    <row r="514382" spans="14:14">
      <c r="N514382" s="10"/>
    </row>
    <row r="514383" spans="14:14">
      <c r="N514383" s="10"/>
    </row>
    <row r="514384" spans="14:14">
      <c r="N514384" s="10"/>
    </row>
    <row r="514385" spans="14:14">
      <c r="N514385" s="10"/>
    </row>
    <row r="514386" spans="14:14">
      <c r="N514386" s="10"/>
    </row>
    <row r="514387" spans="14:14">
      <c r="N514387" s="10"/>
    </row>
    <row r="514388" spans="14:14">
      <c r="N514388" s="10"/>
    </row>
    <row r="514389" spans="14:14">
      <c r="N514389" s="10"/>
    </row>
    <row r="514390" spans="14:14">
      <c r="N514390" s="10"/>
    </row>
    <row r="514391" spans="14:14">
      <c r="N514391" s="10"/>
    </row>
    <row r="514392" spans="14:14">
      <c r="N514392" s="10"/>
    </row>
    <row r="514393" spans="14:14">
      <c r="N514393" s="10"/>
    </row>
    <row r="514394" spans="14:14">
      <c r="N514394" s="10"/>
    </row>
    <row r="514395" spans="14:14">
      <c r="N514395" s="10"/>
    </row>
    <row r="514396" spans="14:14">
      <c r="N514396" s="10"/>
    </row>
    <row r="514397" spans="14:14">
      <c r="N514397" s="10"/>
    </row>
    <row r="514398" spans="14:14">
      <c r="N514398" s="10"/>
    </row>
    <row r="514399" spans="14:14">
      <c r="N514399" s="10"/>
    </row>
    <row r="514400" spans="14:14">
      <c r="N514400" s="10"/>
    </row>
    <row r="514401" spans="14:14">
      <c r="N514401" s="10"/>
    </row>
    <row r="514402" spans="14:14">
      <c r="N514402" s="10"/>
    </row>
    <row r="514403" spans="14:14">
      <c r="N514403" s="10"/>
    </row>
    <row r="514404" spans="14:14">
      <c r="N514404" s="10"/>
    </row>
    <row r="514405" spans="14:14">
      <c r="N514405" s="10"/>
    </row>
    <row r="514406" spans="14:14">
      <c r="N514406" s="10"/>
    </row>
    <row r="514407" spans="14:14">
      <c r="N514407" s="10"/>
    </row>
    <row r="514408" spans="14:14">
      <c r="N514408" s="10"/>
    </row>
    <row r="514409" spans="14:14">
      <c r="N514409" s="10"/>
    </row>
    <row r="514410" spans="14:14">
      <c r="N514410" s="10"/>
    </row>
    <row r="514411" spans="14:14">
      <c r="N514411" s="10"/>
    </row>
    <row r="514412" spans="14:14">
      <c r="N514412" s="10"/>
    </row>
    <row r="514413" spans="14:14">
      <c r="N514413" s="10"/>
    </row>
    <row r="514414" spans="14:14">
      <c r="N514414" s="10"/>
    </row>
    <row r="514415" spans="14:14">
      <c r="N514415" s="10"/>
    </row>
    <row r="514416" spans="14:14">
      <c r="N514416" s="10"/>
    </row>
    <row r="514417" spans="14:14">
      <c r="N514417" s="10"/>
    </row>
    <row r="514418" spans="14:14">
      <c r="N514418" s="10"/>
    </row>
    <row r="514419" spans="14:14">
      <c r="N514419" s="10"/>
    </row>
    <row r="514420" spans="14:14">
      <c r="N514420" s="10"/>
    </row>
    <row r="514421" spans="14:14">
      <c r="N514421" s="10"/>
    </row>
    <row r="514422" spans="14:14">
      <c r="N514422" s="10"/>
    </row>
    <row r="514423" spans="14:14">
      <c r="N514423" s="10"/>
    </row>
    <row r="514424" spans="14:14">
      <c r="N514424" s="10"/>
    </row>
    <row r="514425" spans="14:14">
      <c r="N514425" s="10"/>
    </row>
    <row r="514426" spans="14:14">
      <c r="N514426" s="10"/>
    </row>
    <row r="514427" spans="14:14">
      <c r="N514427" s="10"/>
    </row>
    <row r="514428" spans="14:14">
      <c r="N514428" s="10"/>
    </row>
    <row r="514429" spans="14:14">
      <c r="N514429" s="10"/>
    </row>
    <row r="514430" spans="14:14">
      <c r="N514430" s="10"/>
    </row>
    <row r="514431" spans="14:14">
      <c r="N514431" s="10"/>
    </row>
    <row r="514432" spans="14:14">
      <c r="N514432" s="10"/>
    </row>
    <row r="514433" spans="14:14">
      <c r="N514433" s="10"/>
    </row>
    <row r="514434" spans="14:14">
      <c r="N514434" s="10"/>
    </row>
    <row r="514435" spans="14:14">
      <c r="N514435" s="10"/>
    </row>
    <row r="514436" spans="14:14">
      <c r="N514436" s="10"/>
    </row>
    <row r="514437" spans="14:14">
      <c r="N514437" s="10"/>
    </row>
    <row r="514438" spans="14:14">
      <c r="N514438" s="10"/>
    </row>
    <row r="514439" spans="14:14">
      <c r="N514439" s="10"/>
    </row>
    <row r="514440" spans="14:14">
      <c r="N514440" s="10"/>
    </row>
    <row r="514441" spans="14:14">
      <c r="N514441" s="10"/>
    </row>
    <row r="514442" spans="14:14">
      <c r="N514442" s="10"/>
    </row>
    <row r="514443" spans="14:14">
      <c r="N514443" s="10"/>
    </row>
    <row r="514444" spans="14:14">
      <c r="N514444" s="10"/>
    </row>
    <row r="514445" spans="14:14">
      <c r="N514445" s="10"/>
    </row>
    <row r="514446" spans="14:14">
      <c r="N514446" s="10"/>
    </row>
    <row r="514447" spans="14:14">
      <c r="N514447" s="10"/>
    </row>
    <row r="514448" spans="14:14">
      <c r="N514448" s="10"/>
    </row>
    <row r="514449" spans="14:14">
      <c r="N514449" s="10"/>
    </row>
    <row r="514450" spans="14:14">
      <c r="N514450" s="10"/>
    </row>
    <row r="514451" spans="14:14">
      <c r="N514451" s="10"/>
    </row>
    <row r="514452" spans="14:14">
      <c r="N514452" s="10"/>
    </row>
    <row r="514453" spans="14:14">
      <c r="N514453" s="10"/>
    </row>
    <row r="514454" spans="14:14">
      <c r="N514454" s="10"/>
    </row>
    <row r="514455" spans="14:14">
      <c r="N514455" s="10"/>
    </row>
    <row r="514456" spans="14:14">
      <c r="N514456" s="10"/>
    </row>
    <row r="514457" spans="14:14">
      <c r="N514457" s="10"/>
    </row>
    <row r="514458" spans="14:14">
      <c r="N514458" s="10"/>
    </row>
    <row r="514459" spans="14:14">
      <c r="N514459" s="10"/>
    </row>
    <row r="514460" spans="14:14">
      <c r="N514460" s="10"/>
    </row>
    <row r="514461" spans="14:14">
      <c r="N514461" s="10"/>
    </row>
    <row r="514462" spans="14:14">
      <c r="N514462" s="10"/>
    </row>
    <row r="514463" spans="14:14">
      <c r="N514463" s="10"/>
    </row>
    <row r="514464" spans="14:14">
      <c r="N514464" s="10"/>
    </row>
    <row r="514465" spans="14:14">
      <c r="N514465" s="10"/>
    </row>
    <row r="514466" spans="14:14">
      <c r="N514466" s="10"/>
    </row>
    <row r="514467" spans="14:14">
      <c r="N514467" s="10"/>
    </row>
    <row r="514468" spans="14:14">
      <c r="N514468" s="10"/>
    </row>
    <row r="514469" spans="14:14">
      <c r="N514469" s="10"/>
    </row>
    <row r="514470" spans="14:14">
      <c r="N514470" s="10"/>
    </row>
    <row r="514471" spans="14:14">
      <c r="N514471" s="10"/>
    </row>
    <row r="514472" spans="14:14">
      <c r="N514472" s="10"/>
    </row>
    <row r="514473" spans="14:14">
      <c r="N514473" s="10"/>
    </row>
    <row r="514474" spans="14:14">
      <c r="N514474" s="10"/>
    </row>
    <row r="514475" spans="14:14">
      <c r="N514475" s="10"/>
    </row>
    <row r="514476" spans="14:14">
      <c r="N514476" s="10"/>
    </row>
    <row r="514477" spans="14:14">
      <c r="N514477" s="10"/>
    </row>
    <row r="514478" spans="14:14">
      <c r="N514478" s="10"/>
    </row>
    <row r="514479" spans="14:14">
      <c r="N514479" s="10"/>
    </row>
    <row r="514480" spans="14:14">
      <c r="N514480" s="10"/>
    </row>
    <row r="514481" spans="14:14">
      <c r="N514481" s="10"/>
    </row>
    <row r="514482" spans="14:14">
      <c r="N514482" s="10"/>
    </row>
    <row r="514483" spans="14:14">
      <c r="N514483" s="10"/>
    </row>
    <row r="514484" spans="14:14">
      <c r="N514484" s="10"/>
    </row>
    <row r="514485" spans="14:14">
      <c r="N514485" s="10"/>
    </row>
    <row r="514486" spans="14:14">
      <c r="N514486" s="10"/>
    </row>
    <row r="514487" spans="14:14">
      <c r="N514487" s="10"/>
    </row>
    <row r="514488" spans="14:14">
      <c r="N514488" s="10"/>
    </row>
    <row r="514489" spans="14:14">
      <c r="N514489" s="10"/>
    </row>
    <row r="514490" spans="14:14">
      <c r="N514490" s="10"/>
    </row>
    <row r="514491" spans="14:14">
      <c r="N514491" s="10"/>
    </row>
    <row r="514492" spans="14:14">
      <c r="N514492" s="10"/>
    </row>
    <row r="514493" spans="14:14">
      <c r="N514493" s="10"/>
    </row>
    <row r="514494" spans="14:14">
      <c r="N514494" s="10"/>
    </row>
    <row r="514495" spans="14:14">
      <c r="N514495" s="10"/>
    </row>
    <row r="514496" spans="14:14">
      <c r="N514496" s="10"/>
    </row>
    <row r="514497" spans="14:14">
      <c r="N514497" s="10"/>
    </row>
    <row r="514498" spans="14:14">
      <c r="N514498" s="10"/>
    </row>
    <row r="514499" spans="14:14">
      <c r="N514499" s="10"/>
    </row>
    <row r="514500" spans="14:14">
      <c r="N514500" s="10"/>
    </row>
    <row r="514501" spans="14:14">
      <c r="N514501" s="10"/>
    </row>
    <row r="514502" spans="14:14">
      <c r="N514502" s="10"/>
    </row>
    <row r="514503" spans="14:14">
      <c r="N514503" s="10"/>
    </row>
    <row r="514504" spans="14:14">
      <c r="N514504" s="10"/>
    </row>
    <row r="514505" spans="14:14">
      <c r="N514505" s="10"/>
    </row>
    <row r="514506" spans="14:14">
      <c r="N514506" s="10"/>
    </row>
    <row r="514507" spans="14:14">
      <c r="N514507" s="10"/>
    </row>
    <row r="514508" spans="14:14">
      <c r="N514508" s="10"/>
    </row>
    <row r="514509" spans="14:14">
      <c r="N514509" s="10"/>
    </row>
    <row r="514510" spans="14:14">
      <c r="N514510" s="10"/>
    </row>
    <row r="514511" spans="14:14">
      <c r="N514511" s="10"/>
    </row>
    <row r="514512" spans="14:14">
      <c r="N514512" s="10"/>
    </row>
    <row r="514513" spans="14:14">
      <c r="N514513" s="10"/>
    </row>
    <row r="514514" spans="14:14">
      <c r="N514514" s="10"/>
    </row>
    <row r="514515" spans="14:14">
      <c r="N514515" s="10"/>
    </row>
    <row r="514516" spans="14:14">
      <c r="N514516" s="10"/>
    </row>
    <row r="514517" spans="14:14">
      <c r="N514517" s="10"/>
    </row>
    <row r="514518" spans="14:14">
      <c r="N514518" s="10"/>
    </row>
    <row r="514519" spans="14:14">
      <c r="N514519" s="10"/>
    </row>
    <row r="514520" spans="14:14">
      <c r="N514520" s="10"/>
    </row>
    <row r="514521" spans="14:14">
      <c r="N514521" s="10"/>
    </row>
    <row r="514522" spans="14:14">
      <c r="N514522" s="10"/>
    </row>
    <row r="514523" spans="14:14">
      <c r="N514523" s="10"/>
    </row>
    <row r="514524" spans="14:14">
      <c r="N514524" s="10"/>
    </row>
    <row r="514525" spans="14:14">
      <c r="N514525" s="10"/>
    </row>
    <row r="514526" spans="14:14">
      <c r="N514526" s="10"/>
    </row>
    <row r="514527" spans="14:14">
      <c r="N514527" s="10"/>
    </row>
    <row r="514528" spans="14:14">
      <c r="N514528" s="10"/>
    </row>
    <row r="514529" spans="14:14">
      <c r="N514529" s="10"/>
    </row>
    <row r="514530" spans="14:14">
      <c r="N514530" s="10"/>
    </row>
    <row r="514531" spans="14:14">
      <c r="N514531" s="10"/>
    </row>
    <row r="514532" spans="14:14">
      <c r="N514532" s="10"/>
    </row>
    <row r="514533" spans="14:14">
      <c r="N514533" s="10"/>
    </row>
    <row r="514534" spans="14:14">
      <c r="N514534" s="10"/>
    </row>
    <row r="514535" spans="14:14">
      <c r="N514535" s="10"/>
    </row>
    <row r="514536" spans="14:14">
      <c r="N514536" s="10"/>
    </row>
    <row r="514537" spans="14:14">
      <c r="N514537" s="10"/>
    </row>
    <row r="514538" spans="14:14">
      <c r="N514538" s="10"/>
    </row>
    <row r="514539" spans="14:14">
      <c r="N514539" s="10"/>
    </row>
    <row r="514540" spans="14:14">
      <c r="N514540" s="10"/>
    </row>
    <row r="514541" spans="14:14">
      <c r="N514541" s="10"/>
    </row>
    <row r="514542" spans="14:14">
      <c r="N514542" s="10"/>
    </row>
    <row r="514543" spans="14:14">
      <c r="N514543" s="10"/>
    </row>
    <row r="514544" spans="14:14">
      <c r="N514544" s="10"/>
    </row>
    <row r="514545" spans="14:14">
      <c r="N514545" s="10"/>
    </row>
    <row r="514546" spans="14:14">
      <c r="N514546" s="10"/>
    </row>
    <row r="514547" spans="14:14">
      <c r="N514547" s="10"/>
    </row>
    <row r="514548" spans="14:14">
      <c r="N514548" s="10"/>
    </row>
    <row r="514549" spans="14:14">
      <c r="N514549" s="10"/>
    </row>
    <row r="514550" spans="14:14">
      <c r="N514550" s="10"/>
    </row>
    <row r="514551" spans="14:14">
      <c r="N514551" s="10"/>
    </row>
    <row r="514552" spans="14:14">
      <c r="N514552" s="10"/>
    </row>
    <row r="514553" spans="14:14">
      <c r="N514553" s="10"/>
    </row>
    <row r="514554" spans="14:14">
      <c r="N514554" s="10"/>
    </row>
    <row r="514555" spans="14:14">
      <c r="N514555" s="10"/>
    </row>
    <row r="514556" spans="14:14">
      <c r="N514556" s="10"/>
    </row>
    <row r="514557" spans="14:14">
      <c r="N514557" s="10"/>
    </row>
    <row r="514558" spans="14:14">
      <c r="N514558" s="10"/>
    </row>
    <row r="514559" spans="14:14">
      <c r="N514559" s="10"/>
    </row>
    <row r="514560" spans="14:14">
      <c r="N514560" s="10"/>
    </row>
    <row r="514561" spans="14:14">
      <c r="N514561" s="10"/>
    </row>
    <row r="514562" spans="14:14">
      <c r="N514562" s="10"/>
    </row>
    <row r="514563" spans="14:14">
      <c r="N514563" s="10"/>
    </row>
    <row r="514564" spans="14:14">
      <c r="N514564" s="10"/>
    </row>
    <row r="514565" spans="14:14">
      <c r="N514565" s="10"/>
    </row>
    <row r="514566" spans="14:14">
      <c r="N514566" s="10"/>
    </row>
    <row r="514567" spans="14:14">
      <c r="N514567" s="10"/>
    </row>
    <row r="514568" spans="14:14">
      <c r="N514568" s="10"/>
    </row>
    <row r="514569" spans="14:14">
      <c r="N514569" s="10"/>
    </row>
    <row r="514570" spans="14:14">
      <c r="N514570" s="10"/>
    </row>
    <row r="514571" spans="14:14">
      <c r="N514571" s="10"/>
    </row>
    <row r="514572" spans="14:14">
      <c r="N514572" s="10"/>
    </row>
    <row r="514573" spans="14:14">
      <c r="N514573" s="10"/>
    </row>
    <row r="514574" spans="14:14">
      <c r="N514574" s="10"/>
    </row>
    <row r="514575" spans="14:14">
      <c r="N514575" s="10"/>
    </row>
    <row r="514576" spans="14:14">
      <c r="N514576" s="10"/>
    </row>
    <row r="514577" spans="14:14">
      <c r="N514577" s="10"/>
    </row>
    <row r="514578" spans="14:14">
      <c r="N514578" s="10"/>
    </row>
    <row r="514579" spans="14:14">
      <c r="N514579" s="10"/>
    </row>
    <row r="514580" spans="14:14">
      <c r="N514580" s="10"/>
    </row>
    <row r="514581" spans="14:14">
      <c r="N514581" s="10"/>
    </row>
    <row r="514582" spans="14:14">
      <c r="N514582" s="10"/>
    </row>
    <row r="514583" spans="14:14">
      <c r="N514583" s="10"/>
    </row>
    <row r="514584" spans="14:14">
      <c r="N514584" s="10"/>
    </row>
    <row r="514585" spans="14:14">
      <c r="N514585" s="10"/>
    </row>
    <row r="514586" spans="14:14">
      <c r="N514586" s="10"/>
    </row>
    <row r="514587" spans="14:14">
      <c r="N514587" s="10"/>
    </row>
    <row r="514588" spans="14:14">
      <c r="N514588" s="10"/>
    </row>
    <row r="514589" spans="14:14">
      <c r="N514589" s="10"/>
    </row>
    <row r="514590" spans="14:14">
      <c r="N514590" s="10"/>
    </row>
    <row r="514591" spans="14:14">
      <c r="N514591" s="10"/>
    </row>
    <row r="514592" spans="14:14">
      <c r="N514592" s="10"/>
    </row>
    <row r="514593" spans="14:14">
      <c r="N514593" s="10"/>
    </row>
    <row r="514594" spans="14:14">
      <c r="N514594" s="10"/>
    </row>
    <row r="514595" spans="14:14">
      <c r="N514595" s="10"/>
    </row>
    <row r="514596" spans="14:14">
      <c r="N514596" s="10"/>
    </row>
    <row r="514597" spans="14:14">
      <c r="N514597" s="10"/>
    </row>
    <row r="514598" spans="14:14">
      <c r="N514598" s="10"/>
    </row>
    <row r="514599" spans="14:14">
      <c r="N514599" s="10"/>
    </row>
    <row r="514600" spans="14:14">
      <c r="N514600" s="10"/>
    </row>
    <row r="514601" spans="14:14">
      <c r="N514601" s="10"/>
    </row>
    <row r="514602" spans="14:14">
      <c r="N514602" s="10"/>
    </row>
    <row r="514603" spans="14:14">
      <c r="N514603" s="10"/>
    </row>
    <row r="514604" spans="14:14">
      <c r="N514604" s="10"/>
    </row>
    <row r="514605" spans="14:14">
      <c r="N514605" s="10"/>
    </row>
    <row r="514606" spans="14:14">
      <c r="N514606" s="10"/>
    </row>
    <row r="514607" spans="14:14">
      <c r="N514607" s="10"/>
    </row>
    <row r="514608" spans="14:14">
      <c r="N514608" s="10"/>
    </row>
    <row r="514609" spans="14:14">
      <c r="N514609" s="10"/>
    </row>
    <row r="514610" spans="14:14">
      <c r="N514610" s="10"/>
    </row>
    <row r="514611" spans="14:14">
      <c r="N514611" s="10"/>
    </row>
    <row r="514612" spans="14:14">
      <c r="N514612" s="10"/>
    </row>
    <row r="514613" spans="14:14">
      <c r="N514613" s="10"/>
    </row>
    <row r="514614" spans="14:14">
      <c r="N514614" s="10"/>
    </row>
    <row r="514615" spans="14:14">
      <c r="N514615" s="10"/>
    </row>
    <row r="514616" spans="14:14">
      <c r="N514616" s="10"/>
    </row>
    <row r="514617" spans="14:14">
      <c r="N514617" s="10"/>
    </row>
    <row r="514618" spans="14:14">
      <c r="N514618" s="10"/>
    </row>
    <row r="514619" spans="14:14">
      <c r="N514619" s="10"/>
    </row>
    <row r="514620" spans="14:14">
      <c r="N514620" s="10"/>
    </row>
    <row r="514621" spans="14:14">
      <c r="N514621" s="10"/>
    </row>
    <row r="514622" spans="14:14">
      <c r="N514622" s="10"/>
    </row>
    <row r="514623" spans="14:14">
      <c r="N514623" s="10"/>
    </row>
    <row r="514624" spans="14:14">
      <c r="N514624" s="10"/>
    </row>
    <row r="514625" spans="14:14">
      <c r="N514625" s="10"/>
    </row>
    <row r="514626" spans="14:14">
      <c r="N514626" s="10"/>
    </row>
    <row r="514627" spans="14:14">
      <c r="N514627" s="10"/>
    </row>
    <row r="514628" spans="14:14">
      <c r="N514628" s="10"/>
    </row>
    <row r="514629" spans="14:14">
      <c r="N514629" s="10"/>
    </row>
    <row r="514630" spans="14:14">
      <c r="N514630" s="10"/>
    </row>
    <row r="514631" spans="14:14">
      <c r="N514631" s="10"/>
    </row>
    <row r="514632" spans="14:14">
      <c r="N514632" s="10"/>
    </row>
    <row r="514633" spans="14:14">
      <c r="N514633" s="10"/>
    </row>
    <row r="514634" spans="14:14">
      <c r="N514634" s="10"/>
    </row>
    <row r="514635" spans="14:14">
      <c r="N514635" s="10"/>
    </row>
    <row r="514636" spans="14:14">
      <c r="N514636" s="10"/>
    </row>
    <row r="514637" spans="14:14">
      <c r="N514637" s="10"/>
    </row>
    <row r="514638" spans="14:14">
      <c r="N514638" s="10"/>
    </row>
    <row r="514639" spans="14:14">
      <c r="N514639" s="10"/>
    </row>
    <row r="514640" spans="14:14">
      <c r="N514640" s="10"/>
    </row>
    <row r="514641" spans="14:14">
      <c r="N514641" s="10"/>
    </row>
    <row r="514642" spans="14:14">
      <c r="N514642" s="10"/>
    </row>
    <row r="514643" spans="14:14">
      <c r="N514643" s="10"/>
    </row>
    <row r="514644" spans="14:14">
      <c r="N514644" s="10"/>
    </row>
    <row r="514645" spans="14:14">
      <c r="N514645" s="10"/>
    </row>
    <row r="514646" spans="14:14">
      <c r="N514646" s="10"/>
    </row>
    <row r="514647" spans="14:14">
      <c r="N514647" s="10"/>
    </row>
    <row r="514648" spans="14:14">
      <c r="N514648" s="10"/>
    </row>
    <row r="514649" spans="14:14">
      <c r="N514649" s="10"/>
    </row>
    <row r="514650" spans="14:14">
      <c r="N514650" s="10"/>
    </row>
    <row r="514651" spans="14:14">
      <c r="N514651" s="10"/>
    </row>
    <row r="514652" spans="14:14">
      <c r="N514652" s="10"/>
    </row>
    <row r="514653" spans="14:14">
      <c r="N514653" s="10"/>
    </row>
    <row r="514654" spans="14:14">
      <c r="N514654" s="10"/>
    </row>
    <row r="514655" spans="14:14">
      <c r="N514655" s="10"/>
    </row>
    <row r="514656" spans="14:14">
      <c r="N514656" s="10"/>
    </row>
    <row r="514657" spans="14:14">
      <c r="N514657" s="10"/>
    </row>
    <row r="514658" spans="14:14">
      <c r="N514658" s="10"/>
    </row>
    <row r="514659" spans="14:14">
      <c r="N514659" s="10"/>
    </row>
    <row r="514660" spans="14:14">
      <c r="N514660" s="10"/>
    </row>
    <row r="514661" spans="14:14">
      <c r="N514661" s="10"/>
    </row>
    <row r="514662" spans="14:14">
      <c r="N514662" s="10"/>
    </row>
    <row r="514663" spans="14:14">
      <c r="N514663" s="10"/>
    </row>
    <row r="514664" spans="14:14">
      <c r="N514664" s="10"/>
    </row>
    <row r="514665" spans="14:14">
      <c r="N514665" s="10"/>
    </row>
    <row r="514666" spans="14:14">
      <c r="N514666" s="10"/>
    </row>
    <row r="514667" spans="14:14">
      <c r="N514667" s="10"/>
    </row>
    <row r="514668" spans="14:14">
      <c r="N514668" s="10"/>
    </row>
    <row r="514669" spans="14:14">
      <c r="N514669" s="10"/>
    </row>
    <row r="514670" spans="14:14">
      <c r="N514670" s="10"/>
    </row>
    <row r="514671" spans="14:14">
      <c r="N514671" s="10"/>
    </row>
    <row r="514672" spans="14:14">
      <c r="N514672" s="10"/>
    </row>
    <row r="514673" spans="14:14">
      <c r="N514673" s="10"/>
    </row>
    <row r="514674" spans="14:14">
      <c r="N514674" s="10"/>
    </row>
    <row r="514675" spans="14:14">
      <c r="N514675" s="10"/>
    </row>
    <row r="514676" spans="14:14">
      <c r="N514676" s="10"/>
    </row>
    <row r="514677" spans="14:14">
      <c r="N514677" s="10"/>
    </row>
    <row r="514678" spans="14:14">
      <c r="N514678" s="10"/>
    </row>
    <row r="514679" spans="14:14">
      <c r="N514679" s="10"/>
    </row>
    <row r="514680" spans="14:14">
      <c r="N514680" s="10"/>
    </row>
    <row r="514681" spans="14:14">
      <c r="N514681" s="10"/>
    </row>
    <row r="514682" spans="14:14">
      <c r="N514682" s="10"/>
    </row>
    <row r="514683" spans="14:14">
      <c r="N514683" s="10"/>
    </row>
    <row r="514684" spans="14:14">
      <c r="N514684" s="10"/>
    </row>
    <row r="514685" spans="14:14">
      <c r="N514685" s="10"/>
    </row>
    <row r="514686" spans="14:14">
      <c r="N514686" s="10"/>
    </row>
    <row r="514687" spans="14:14">
      <c r="N514687" s="10"/>
    </row>
    <row r="514688" spans="14:14">
      <c r="N514688" s="10"/>
    </row>
    <row r="514689" spans="14:14">
      <c r="N514689" s="10"/>
    </row>
    <row r="514690" spans="14:14">
      <c r="N514690" s="10"/>
    </row>
    <row r="514691" spans="14:14">
      <c r="N514691" s="10"/>
    </row>
    <row r="514692" spans="14:14">
      <c r="N514692" s="10"/>
    </row>
    <row r="514693" spans="14:14">
      <c r="N514693" s="10"/>
    </row>
    <row r="514694" spans="14:14">
      <c r="N514694" s="10"/>
    </row>
    <row r="514695" spans="14:14">
      <c r="N514695" s="10"/>
    </row>
    <row r="514696" spans="14:14">
      <c r="N514696" s="10"/>
    </row>
    <row r="514697" spans="14:14">
      <c r="N514697" s="10"/>
    </row>
    <row r="514698" spans="14:14">
      <c r="N514698" s="10"/>
    </row>
    <row r="514699" spans="14:14">
      <c r="N514699" s="10"/>
    </row>
    <row r="514700" spans="14:14">
      <c r="N514700" s="10"/>
    </row>
    <row r="514701" spans="14:14">
      <c r="N514701" s="10"/>
    </row>
    <row r="514702" spans="14:14">
      <c r="N514702" s="10"/>
    </row>
    <row r="514703" spans="14:14">
      <c r="N514703" s="10"/>
    </row>
    <row r="514704" spans="14:14">
      <c r="N514704" s="10"/>
    </row>
    <row r="514705" spans="14:14">
      <c r="N514705" s="10"/>
    </row>
    <row r="514706" spans="14:14">
      <c r="N514706" s="10"/>
    </row>
    <row r="514707" spans="14:14">
      <c r="N514707" s="10"/>
    </row>
    <row r="514708" spans="14:14">
      <c r="N514708" s="10"/>
    </row>
    <row r="514709" spans="14:14">
      <c r="N514709" s="10"/>
    </row>
    <row r="514710" spans="14:14">
      <c r="N514710" s="10"/>
    </row>
    <row r="514711" spans="14:14">
      <c r="N514711" s="10"/>
    </row>
    <row r="514712" spans="14:14">
      <c r="N514712" s="10"/>
    </row>
    <row r="514713" spans="14:14">
      <c r="N514713" s="10"/>
    </row>
    <row r="514714" spans="14:14">
      <c r="N514714" s="10"/>
    </row>
    <row r="514715" spans="14:14">
      <c r="N514715" s="10"/>
    </row>
    <row r="514716" spans="14:14">
      <c r="N514716" s="10"/>
    </row>
    <row r="514717" spans="14:14">
      <c r="N514717" s="10"/>
    </row>
    <row r="514718" spans="14:14">
      <c r="N514718" s="10"/>
    </row>
    <row r="514719" spans="14:14">
      <c r="N514719" s="10"/>
    </row>
    <row r="514720" spans="14:14">
      <c r="N514720" s="10"/>
    </row>
    <row r="514721" spans="14:14">
      <c r="N514721" s="10"/>
    </row>
    <row r="514722" spans="14:14">
      <c r="N514722" s="10"/>
    </row>
    <row r="514723" spans="14:14">
      <c r="N514723" s="10"/>
    </row>
    <row r="514724" spans="14:14">
      <c r="N514724" s="10"/>
    </row>
    <row r="514725" spans="14:14">
      <c r="N514725" s="10"/>
    </row>
    <row r="514726" spans="14:14">
      <c r="N514726" s="10"/>
    </row>
    <row r="514727" spans="14:14">
      <c r="N514727" s="10"/>
    </row>
    <row r="514728" spans="14:14">
      <c r="N514728" s="10"/>
    </row>
    <row r="514729" spans="14:14">
      <c r="N514729" s="10"/>
    </row>
    <row r="514730" spans="14:14">
      <c r="N514730" s="10"/>
    </row>
    <row r="514731" spans="14:14">
      <c r="N514731" s="10"/>
    </row>
    <row r="514732" spans="14:14">
      <c r="N514732" s="10"/>
    </row>
    <row r="514733" spans="14:14">
      <c r="N514733" s="10"/>
    </row>
    <row r="514734" spans="14:14">
      <c r="N514734" s="10"/>
    </row>
    <row r="514735" spans="14:14">
      <c r="N514735" s="10"/>
    </row>
    <row r="514736" spans="14:14">
      <c r="N514736" s="10"/>
    </row>
    <row r="514737" spans="14:14">
      <c r="N514737" s="10"/>
    </row>
    <row r="514738" spans="14:14">
      <c r="N514738" s="10"/>
    </row>
    <row r="514739" spans="14:14">
      <c r="N514739" s="10"/>
    </row>
    <row r="514740" spans="14:14">
      <c r="N514740" s="10"/>
    </row>
    <row r="514741" spans="14:14">
      <c r="N514741" s="10"/>
    </row>
    <row r="514742" spans="14:14">
      <c r="N514742" s="10"/>
    </row>
    <row r="514743" spans="14:14">
      <c r="N514743" s="10"/>
    </row>
    <row r="514744" spans="14:14">
      <c r="N514744" s="10"/>
    </row>
    <row r="514745" spans="14:14">
      <c r="N514745" s="10"/>
    </row>
    <row r="514746" spans="14:14">
      <c r="N514746" s="10"/>
    </row>
    <row r="514747" spans="14:14">
      <c r="N514747" s="10"/>
    </row>
    <row r="514748" spans="14:14">
      <c r="N514748" s="10"/>
    </row>
    <row r="514749" spans="14:14">
      <c r="N514749" s="10"/>
    </row>
    <row r="514750" spans="14:14">
      <c r="N514750" s="10"/>
    </row>
    <row r="514751" spans="14:14">
      <c r="N514751" s="10"/>
    </row>
    <row r="514752" spans="14:14">
      <c r="N514752" s="10"/>
    </row>
    <row r="514753" spans="14:14">
      <c r="N514753" s="10"/>
    </row>
    <row r="514754" spans="14:14">
      <c r="N514754" s="10"/>
    </row>
    <row r="514755" spans="14:14">
      <c r="N514755" s="10"/>
    </row>
    <row r="514756" spans="14:14">
      <c r="N514756" s="10"/>
    </row>
    <row r="514757" spans="14:14">
      <c r="N514757" s="10"/>
    </row>
    <row r="514758" spans="14:14">
      <c r="N514758" s="10"/>
    </row>
    <row r="514759" spans="14:14">
      <c r="N514759" s="10"/>
    </row>
    <row r="514760" spans="14:14">
      <c r="N514760" s="10"/>
    </row>
    <row r="514761" spans="14:14">
      <c r="N514761" s="10"/>
    </row>
    <row r="514762" spans="14:14">
      <c r="N514762" s="10"/>
    </row>
    <row r="514763" spans="14:14">
      <c r="N514763" s="10"/>
    </row>
    <row r="514764" spans="14:14">
      <c r="N514764" s="10"/>
    </row>
    <row r="514765" spans="14:14">
      <c r="N514765" s="10"/>
    </row>
    <row r="514766" spans="14:14">
      <c r="N514766" s="10"/>
    </row>
    <row r="514767" spans="14:14">
      <c r="N514767" s="10"/>
    </row>
    <row r="514768" spans="14:14">
      <c r="N514768" s="10"/>
    </row>
    <row r="514769" spans="14:14">
      <c r="N514769" s="10"/>
    </row>
    <row r="514770" spans="14:14">
      <c r="N514770" s="10"/>
    </row>
    <row r="514771" spans="14:14">
      <c r="N514771" s="10"/>
    </row>
    <row r="514772" spans="14:14">
      <c r="N514772" s="10"/>
    </row>
    <row r="514773" spans="14:14">
      <c r="N514773" s="10"/>
    </row>
    <row r="514774" spans="14:14">
      <c r="N514774" s="10"/>
    </row>
    <row r="514775" spans="14:14">
      <c r="N514775" s="10"/>
    </row>
    <row r="514776" spans="14:14">
      <c r="N514776" s="10"/>
    </row>
    <row r="514777" spans="14:14">
      <c r="N514777" s="10"/>
    </row>
    <row r="514778" spans="14:14">
      <c r="N514778" s="10"/>
    </row>
    <row r="514779" spans="14:14">
      <c r="N514779" s="10"/>
    </row>
    <row r="514780" spans="14:14">
      <c r="N514780" s="10"/>
    </row>
    <row r="514781" spans="14:14">
      <c r="N514781" s="10"/>
    </row>
    <row r="514782" spans="14:14">
      <c r="N514782" s="10"/>
    </row>
    <row r="514783" spans="14:14">
      <c r="N514783" s="10"/>
    </row>
    <row r="514784" spans="14:14">
      <c r="N514784" s="10"/>
    </row>
    <row r="514785" spans="14:14">
      <c r="N514785" s="10"/>
    </row>
    <row r="514786" spans="14:14">
      <c r="N514786" s="10"/>
    </row>
    <row r="514787" spans="14:14">
      <c r="N514787" s="10"/>
    </row>
    <row r="514788" spans="14:14">
      <c r="N514788" s="10"/>
    </row>
    <row r="514789" spans="14:14">
      <c r="N514789" s="10"/>
    </row>
    <row r="514790" spans="14:14">
      <c r="N514790" s="10"/>
    </row>
    <row r="514791" spans="14:14">
      <c r="N514791" s="10"/>
    </row>
    <row r="514792" spans="14:14">
      <c r="N514792" s="10"/>
    </row>
    <row r="514793" spans="14:14">
      <c r="N514793" s="10"/>
    </row>
    <row r="514794" spans="14:14">
      <c r="N514794" s="10"/>
    </row>
    <row r="514795" spans="14:14">
      <c r="N514795" s="10"/>
    </row>
    <row r="514796" spans="14:14">
      <c r="N514796" s="10"/>
    </row>
    <row r="514797" spans="14:14">
      <c r="N514797" s="10"/>
    </row>
    <row r="514798" spans="14:14">
      <c r="N514798" s="10"/>
    </row>
    <row r="514799" spans="14:14">
      <c r="N514799" s="10"/>
    </row>
    <row r="514800" spans="14:14">
      <c r="N514800" s="10"/>
    </row>
    <row r="514801" spans="14:14">
      <c r="N514801" s="10"/>
    </row>
    <row r="514802" spans="14:14">
      <c r="N514802" s="10"/>
    </row>
    <row r="514803" spans="14:14">
      <c r="N514803" s="10"/>
    </row>
    <row r="514804" spans="14:14">
      <c r="N514804" s="10"/>
    </row>
    <row r="514805" spans="14:14">
      <c r="N514805" s="10"/>
    </row>
    <row r="514806" spans="14:14">
      <c r="N514806" s="10"/>
    </row>
    <row r="514807" spans="14:14">
      <c r="N514807" s="10"/>
    </row>
    <row r="514808" spans="14:14">
      <c r="N514808" s="10"/>
    </row>
    <row r="514809" spans="14:14">
      <c r="N514809" s="10"/>
    </row>
    <row r="514810" spans="14:14">
      <c r="N514810" s="10"/>
    </row>
    <row r="514811" spans="14:14">
      <c r="N514811" s="10"/>
    </row>
    <row r="514812" spans="14:14">
      <c r="N514812" s="10"/>
    </row>
    <row r="514813" spans="14:14">
      <c r="N514813" s="10"/>
    </row>
    <row r="514814" spans="14:14">
      <c r="N514814" s="10"/>
    </row>
    <row r="514815" spans="14:14">
      <c r="N514815" s="10"/>
    </row>
    <row r="514816" spans="14:14">
      <c r="N514816" s="10"/>
    </row>
    <row r="514817" spans="14:14">
      <c r="N514817" s="10"/>
    </row>
    <row r="514818" spans="14:14">
      <c r="N514818" s="10"/>
    </row>
    <row r="514819" spans="14:14">
      <c r="N514819" s="10"/>
    </row>
    <row r="514820" spans="14:14">
      <c r="N514820" s="10"/>
    </row>
    <row r="514821" spans="14:14">
      <c r="N514821" s="10"/>
    </row>
    <row r="514822" spans="14:14">
      <c r="N514822" s="10"/>
    </row>
    <row r="514823" spans="14:14">
      <c r="N514823" s="10"/>
    </row>
    <row r="514824" spans="14:14">
      <c r="N514824" s="10"/>
    </row>
    <row r="514825" spans="14:14">
      <c r="N514825" s="10"/>
    </row>
    <row r="514826" spans="14:14">
      <c r="N514826" s="10"/>
    </row>
    <row r="514827" spans="14:14">
      <c r="N514827" s="10"/>
    </row>
    <row r="514828" spans="14:14">
      <c r="N514828" s="10"/>
    </row>
    <row r="514829" spans="14:14">
      <c r="N514829" s="10"/>
    </row>
    <row r="514830" spans="14:14">
      <c r="N514830" s="10"/>
    </row>
    <row r="514831" spans="14:14">
      <c r="N514831" s="10"/>
    </row>
    <row r="514832" spans="14:14">
      <c r="N514832" s="10"/>
    </row>
    <row r="514833" spans="14:14">
      <c r="N514833" s="10"/>
    </row>
    <row r="514834" spans="14:14">
      <c r="N514834" s="10"/>
    </row>
    <row r="514835" spans="14:14">
      <c r="N514835" s="10"/>
    </row>
    <row r="514836" spans="14:14">
      <c r="N514836" s="10"/>
    </row>
    <row r="514837" spans="14:14">
      <c r="N514837" s="10"/>
    </row>
    <row r="514838" spans="14:14">
      <c r="N514838" s="10"/>
    </row>
    <row r="514839" spans="14:14">
      <c r="N514839" s="10"/>
    </row>
    <row r="514840" spans="14:14">
      <c r="N514840" s="10"/>
    </row>
    <row r="514841" spans="14:14">
      <c r="N514841" s="10"/>
    </row>
    <row r="514842" spans="14:14">
      <c r="N514842" s="10"/>
    </row>
    <row r="514843" spans="14:14">
      <c r="N514843" s="10"/>
    </row>
    <row r="514844" spans="14:14">
      <c r="N514844" s="10"/>
    </row>
    <row r="514845" spans="14:14">
      <c r="N514845" s="10"/>
    </row>
    <row r="514846" spans="14:14">
      <c r="N514846" s="10"/>
    </row>
    <row r="514847" spans="14:14">
      <c r="N514847" s="10"/>
    </row>
    <row r="514848" spans="14:14">
      <c r="N514848" s="10"/>
    </row>
    <row r="514849" spans="14:14">
      <c r="N514849" s="10"/>
    </row>
    <row r="514850" spans="14:14">
      <c r="N514850" s="10"/>
    </row>
    <row r="514851" spans="14:14">
      <c r="N514851" s="10"/>
    </row>
    <row r="514852" spans="14:14">
      <c r="N514852" s="10"/>
    </row>
    <row r="514853" spans="14:14">
      <c r="N514853" s="10"/>
    </row>
    <row r="514854" spans="14:14">
      <c r="N514854" s="10"/>
    </row>
    <row r="514855" spans="14:14">
      <c r="N514855" s="10"/>
    </row>
    <row r="514856" spans="14:14">
      <c r="N514856" s="10"/>
    </row>
    <row r="514857" spans="14:14">
      <c r="N514857" s="10"/>
    </row>
    <row r="514858" spans="14:14">
      <c r="N514858" s="10"/>
    </row>
    <row r="514859" spans="14:14">
      <c r="N514859" s="10"/>
    </row>
    <row r="514860" spans="14:14">
      <c r="N514860" s="10"/>
    </row>
    <row r="514861" spans="14:14">
      <c r="N514861" s="10"/>
    </row>
    <row r="514862" spans="14:14">
      <c r="N514862" s="10"/>
    </row>
    <row r="514863" spans="14:14">
      <c r="N514863" s="10"/>
    </row>
    <row r="514864" spans="14:14">
      <c r="N514864" s="10"/>
    </row>
    <row r="514865" spans="14:14">
      <c r="N514865" s="10"/>
    </row>
    <row r="514866" spans="14:14">
      <c r="N514866" s="10"/>
    </row>
    <row r="514867" spans="14:14">
      <c r="N514867" s="10"/>
    </row>
    <row r="514868" spans="14:14">
      <c r="N514868" s="10"/>
    </row>
    <row r="514869" spans="14:14">
      <c r="N514869" s="10"/>
    </row>
    <row r="514870" spans="14:14">
      <c r="N514870" s="10"/>
    </row>
    <row r="514871" spans="14:14">
      <c r="N514871" s="10"/>
    </row>
    <row r="514872" spans="14:14">
      <c r="N514872" s="10"/>
    </row>
    <row r="514873" spans="14:14">
      <c r="N514873" s="10"/>
    </row>
    <row r="514874" spans="14:14">
      <c r="N514874" s="10"/>
    </row>
    <row r="514875" spans="14:14">
      <c r="N514875" s="10"/>
    </row>
    <row r="514876" spans="14:14">
      <c r="N514876" s="10"/>
    </row>
    <row r="514877" spans="14:14">
      <c r="N514877" s="10"/>
    </row>
    <row r="514878" spans="14:14">
      <c r="N514878" s="10"/>
    </row>
    <row r="514879" spans="14:14">
      <c r="N514879" s="10"/>
    </row>
    <row r="514880" spans="14:14">
      <c r="N514880" s="10"/>
    </row>
    <row r="514881" spans="14:14">
      <c r="N514881" s="10"/>
    </row>
    <row r="514882" spans="14:14">
      <c r="N514882" s="10"/>
    </row>
    <row r="514883" spans="14:14">
      <c r="N514883" s="10"/>
    </row>
    <row r="514884" spans="14:14">
      <c r="N514884" s="10"/>
    </row>
    <row r="514885" spans="14:14">
      <c r="N514885" s="10"/>
    </row>
    <row r="514886" spans="14:14">
      <c r="N514886" s="10"/>
    </row>
    <row r="514887" spans="14:14">
      <c r="N514887" s="10"/>
    </row>
    <row r="514888" spans="14:14">
      <c r="N514888" s="10"/>
    </row>
    <row r="514889" spans="14:14">
      <c r="N514889" s="10"/>
    </row>
    <row r="514890" spans="14:14">
      <c r="N514890" s="10"/>
    </row>
    <row r="514891" spans="14:14">
      <c r="N514891" s="10"/>
    </row>
    <row r="514892" spans="14:14">
      <c r="N514892" s="10"/>
    </row>
    <row r="514893" spans="14:14">
      <c r="N514893" s="10"/>
    </row>
    <row r="514894" spans="14:14">
      <c r="N514894" s="10"/>
    </row>
    <row r="514895" spans="14:14">
      <c r="N514895" s="10"/>
    </row>
    <row r="514896" spans="14:14">
      <c r="N514896" s="10"/>
    </row>
    <row r="514897" spans="14:14">
      <c r="N514897" s="10"/>
    </row>
    <row r="514898" spans="14:14">
      <c r="N514898" s="10"/>
    </row>
    <row r="514899" spans="14:14">
      <c r="N514899" s="10"/>
    </row>
    <row r="514900" spans="14:14">
      <c r="N514900" s="10"/>
    </row>
    <row r="514901" spans="14:14">
      <c r="N514901" s="10"/>
    </row>
    <row r="514902" spans="14:14">
      <c r="N514902" s="10"/>
    </row>
    <row r="514903" spans="14:14">
      <c r="N514903" s="10"/>
    </row>
    <row r="514904" spans="14:14">
      <c r="N514904" s="10"/>
    </row>
    <row r="514905" spans="14:14">
      <c r="N514905" s="10"/>
    </row>
    <row r="514906" spans="14:14">
      <c r="N514906" s="10"/>
    </row>
    <row r="514907" spans="14:14">
      <c r="N514907" s="10"/>
    </row>
    <row r="514908" spans="14:14">
      <c r="N514908" s="10"/>
    </row>
    <row r="514909" spans="14:14">
      <c r="N514909" s="10"/>
    </row>
    <row r="514910" spans="14:14">
      <c r="N514910" s="10"/>
    </row>
    <row r="514911" spans="14:14">
      <c r="N514911" s="10"/>
    </row>
    <row r="514912" spans="14:14">
      <c r="N514912" s="10"/>
    </row>
    <row r="514913" spans="14:14">
      <c r="N514913" s="10"/>
    </row>
    <row r="514914" spans="14:14">
      <c r="N514914" s="10"/>
    </row>
    <row r="514915" spans="14:14">
      <c r="N514915" s="10"/>
    </row>
    <row r="514916" spans="14:14">
      <c r="N514916" s="10"/>
    </row>
    <row r="514917" spans="14:14">
      <c r="N514917" s="10"/>
    </row>
    <row r="514918" spans="14:14">
      <c r="N514918" s="10"/>
    </row>
    <row r="514919" spans="14:14">
      <c r="N514919" s="10"/>
    </row>
    <row r="514920" spans="14:14">
      <c r="N514920" s="10"/>
    </row>
    <row r="514921" spans="14:14">
      <c r="N514921" s="10"/>
    </row>
    <row r="514922" spans="14:14">
      <c r="N514922" s="10"/>
    </row>
    <row r="514923" spans="14:14">
      <c r="N514923" s="10"/>
    </row>
    <row r="514924" spans="14:14">
      <c r="N514924" s="10"/>
    </row>
    <row r="514925" spans="14:14">
      <c r="N514925" s="10"/>
    </row>
    <row r="514926" spans="14:14">
      <c r="N514926" s="10"/>
    </row>
    <row r="514927" spans="14:14">
      <c r="N514927" s="10"/>
    </row>
    <row r="514928" spans="14:14">
      <c r="N514928" s="10"/>
    </row>
    <row r="514929" spans="14:14">
      <c r="N514929" s="10"/>
    </row>
    <row r="514930" spans="14:14">
      <c r="N514930" s="10"/>
    </row>
    <row r="514931" spans="14:14">
      <c r="N514931" s="10"/>
    </row>
    <row r="514932" spans="14:14">
      <c r="N514932" s="10"/>
    </row>
    <row r="514933" spans="14:14">
      <c r="N514933" s="10"/>
    </row>
    <row r="514934" spans="14:14">
      <c r="N514934" s="10"/>
    </row>
    <row r="514935" spans="14:14">
      <c r="N514935" s="10"/>
    </row>
    <row r="514936" spans="14:14">
      <c r="N514936" s="10"/>
    </row>
    <row r="514937" spans="14:14">
      <c r="N514937" s="10"/>
    </row>
    <row r="514938" spans="14:14">
      <c r="N514938" s="10"/>
    </row>
    <row r="514939" spans="14:14">
      <c r="N514939" s="10"/>
    </row>
    <row r="514940" spans="14:14">
      <c r="N514940" s="10"/>
    </row>
    <row r="514941" spans="14:14">
      <c r="N514941" s="10"/>
    </row>
    <row r="514942" spans="14:14">
      <c r="N514942" s="10"/>
    </row>
    <row r="514943" spans="14:14">
      <c r="N514943" s="10"/>
    </row>
    <row r="514944" spans="14:14">
      <c r="N514944" s="10"/>
    </row>
    <row r="514945" spans="14:14">
      <c r="N514945" s="10"/>
    </row>
    <row r="514946" spans="14:14">
      <c r="N514946" s="10"/>
    </row>
    <row r="514947" spans="14:14">
      <c r="N514947" s="10"/>
    </row>
    <row r="514948" spans="14:14">
      <c r="N514948" s="10"/>
    </row>
    <row r="514949" spans="14:14">
      <c r="N514949" s="10"/>
    </row>
    <row r="514950" spans="14:14">
      <c r="N514950" s="10"/>
    </row>
    <row r="514951" spans="14:14">
      <c r="N514951" s="10"/>
    </row>
    <row r="514952" spans="14:14">
      <c r="N514952" s="10"/>
    </row>
    <row r="514953" spans="14:14">
      <c r="N514953" s="10"/>
    </row>
    <row r="514954" spans="14:14">
      <c r="N514954" s="10"/>
    </row>
    <row r="514955" spans="14:14">
      <c r="N514955" s="10"/>
    </row>
    <row r="514956" spans="14:14">
      <c r="N514956" s="10"/>
    </row>
    <row r="514957" spans="14:14">
      <c r="N514957" s="10"/>
    </row>
    <row r="514958" spans="14:14">
      <c r="N514958" s="10"/>
    </row>
    <row r="514959" spans="14:14">
      <c r="N514959" s="10"/>
    </row>
    <row r="514960" spans="14:14">
      <c r="N514960" s="10"/>
    </row>
    <row r="514961" spans="14:14">
      <c r="N514961" s="10"/>
    </row>
    <row r="514962" spans="14:14">
      <c r="N514962" s="10"/>
    </row>
    <row r="514963" spans="14:14">
      <c r="N514963" s="10"/>
    </row>
    <row r="514964" spans="14:14">
      <c r="N514964" s="10"/>
    </row>
    <row r="514965" spans="14:14">
      <c r="N514965" s="10"/>
    </row>
    <row r="514966" spans="14:14">
      <c r="N514966" s="10"/>
    </row>
    <row r="514967" spans="14:14">
      <c r="N514967" s="10"/>
    </row>
    <row r="514968" spans="14:14">
      <c r="N514968" s="10"/>
    </row>
    <row r="514969" spans="14:14">
      <c r="N514969" s="10"/>
    </row>
    <row r="514970" spans="14:14">
      <c r="N514970" s="10"/>
    </row>
    <row r="514971" spans="14:14">
      <c r="N514971" s="10"/>
    </row>
    <row r="514972" spans="14:14">
      <c r="N514972" s="10"/>
    </row>
    <row r="514973" spans="14:14">
      <c r="N514973" s="10"/>
    </row>
    <row r="514974" spans="14:14">
      <c r="N514974" s="10"/>
    </row>
    <row r="514975" spans="14:14">
      <c r="N514975" s="10"/>
    </row>
    <row r="514976" spans="14:14">
      <c r="N514976" s="10"/>
    </row>
    <row r="514977" spans="14:14">
      <c r="N514977" s="10"/>
    </row>
    <row r="514978" spans="14:14">
      <c r="N514978" s="10"/>
    </row>
    <row r="514979" spans="14:14">
      <c r="N514979" s="10"/>
    </row>
    <row r="514980" spans="14:14">
      <c r="N514980" s="10"/>
    </row>
    <row r="514981" spans="14:14">
      <c r="N514981" s="10"/>
    </row>
    <row r="514982" spans="14:14">
      <c r="N514982" s="10"/>
    </row>
    <row r="514983" spans="14:14">
      <c r="N514983" s="10"/>
    </row>
    <row r="514984" spans="14:14">
      <c r="N514984" s="10"/>
    </row>
    <row r="514985" spans="14:14">
      <c r="N514985" s="10"/>
    </row>
    <row r="514986" spans="14:14">
      <c r="N514986" s="10"/>
    </row>
    <row r="514987" spans="14:14">
      <c r="N514987" s="10"/>
    </row>
    <row r="514988" spans="14:14">
      <c r="N514988" s="10"/>
    </row>
    <row r="514989" spans="14:14">
      <c r="N514989" s="10"/>
    </row>
    <row r="514990" spans="14:14">
      <c r="N514990" s="10"/>
    </row>
    <row r="514991" spans="14:14">
      <c r="N514991" s="10"/>
    </row>
    <row r="514992" spans="14:14">
      <c r="N514992" s="10"/>
    </row>
    <row r="514993" spans="14:14">
      <c r="N514993" s="10"/>
    </row>
    <row r="514994" spans="14:14">
      <c r="N514994" s="10"/>
    </row>
    <row r="514995" spans="14:14">
      <c r="N514995" s="10"/>
    </row>
    <row r="514996" spans="14:14">
      <c r="N514996" s="10"/>
    </row>
    <row r="514997" spans="14:14">
      <c r="N514997" s="10"/>
    </row>
    <row r="514998" spans="14:14">
      <c r="N514998" s="10"/>
    </row>
    <row r="514999" spans="14:14">
      <c r="N514999" s="10"/>
    </row>
    <row r="515000" spans="14:14">
      <c r="N515000" s="10"/>
    </row>
    <row r="515001" spans="14:14">
      <c r="N515001" s="10"/>
    </row>
    <row r="515002" spans="14:14">
      <c r="N515002" s="10"/>
    </row>
    <row r="515003" spans="14:14">
      <c r="N515003" s="10"/>
    </row>
    <row r="515004" spans="14:14">
      <c r="N515004" s="10"/>
    </row>
    <row r="515005" spans="14:14">
      <c r="N515005" s="10"/>
    </row>
    <row r="515006" spans="14:14">
      <c r="N515006" s="10"/>
    </row>
    <row r="515007" spans="14:14">
      <c r="N515007" s="10"/>
    </row>
    <row r="515008" spans="14:14">
      <c r="N515008" s="10"/>
    </row>
    <row r="515009" spans="14:14">
      <c r="N515009" s="10"/>
    </row>
    <row r="515010" spans="14:14">
      <c r="N515010" s="10"/>
    </row>
    <row r="515011" spans="14:14">
      <c r="N515011" s="10"/>
    </row>
    <row r="515012" spans="14:14">
      <c r="N515012" s="10"/>
    </row>
    <row r="515013" spans="14:14">
      <c r="N515013" s="10"/>
    </row>
    <row r="515014" spans="14:14">
      <c r="N515014" s="10"/>
    </row>
    <row r="515015" spans="14:14">
      <c r="N515015" s="10"/>
    </row>
    <row r="515016" spans="14:14">
      <c r="N515016" s="10"/>
    </row>
    <row r="515017" spans="14:14">
      <c r="N515017" s="10"/>
    </row>
    <row r="515018" spans="14:14">
      <c r="N515018" s="10"/>
    </row>
    <row r="515019" spans="14:14">
      <c r="N515019" s="10"/>
    </row>
    <row r="515020" spans="14:14">
      <c r="N515020" s="10"/>
    </row>
    <row r="515021" spans="14:14">
      <c r="N515021" s="10"/>
    </row>
    <row r="515022" spans="14:14">
      <c r="N515022" s="10"/>
    </row>
    <row r="515023" spans="14:14">
      <c r="N515023" s="10"/>
    </row>
    <row r="515024" spans="14:14">
      <c r="N515024" s="10"/>
    </row>
    <row r="515025" spans="14:14">
      <c r="N515025" s="10"/>
    </row>
    <row r="515026" spans="14:14">
      <c r="N515026" s="10"/>
    </row>
    <row r="515027" spans="14:14">
      <c r="N515027" s="10"/>
    </row>
    <row r="515028" spans="14:14">
      <c r="N515028" s="10"/>
    </row>
    <row r="515029" spans="14:14">
      <c r="N515029" s="10"/>
    </row>
    <row r="515030" spans="14:14">
      <c r="N515030" s="10"/>
    </row>
    <row r="515031" spans="14:14">
      <c r="N515031" s="10"/>
    </row>
    <row r="515032" spans="14:14">
      <c r="N515032" s="10"/>
    </row>
    <row r="515033" spans="14:14">
      <c r="N515033" s="10"/>
    </row>
    <row r="515034" spans="14:14">
      <c r="N515034" s="10"/>
    </row>
    <row r="515035" spans="14:14">
      <c r="N515035" s="10"/>
    </row>
    <row r="515036" spans="14:14">
      <c r="N515036" s="10"/>
    </row>
    <row r="515037" spans="14:14">
      <c r="N515037" s="10"/>
    </row>
    <row r="515038" spans="14:14">
      <c r="N515038" s="10"/>
    </row>
    <row r="515039" spans="14:14">
      <c r="N515039" s="10"/>
    </row>
    <row r="515040" spans="14:14">
      <c r="N515040" s="10"/>
    </row>
    <row r="515041" spans="14:14">
      <c r="N515041" s="10"/>
    </row>
    <row r="515042" spans="14:14">
      <c r="N515042" s="10"/>
    </row>
    <row r="515043" spans="14:14">
      <c r="N515043" s="10"/>
    </row>
    <row r="515044" spans="14:14">
      <c r="N515044" s="10"/>
    </row>
    <row r="515045" spans="14:14">
      <c r="N515045" s="10"/>
    </row>
    <row r="515046" spans="14:14">
      <c r="N515046" s="10"/>
    </row>
    <row r="515047" spans="14:14">
      <c r="N515047" s="10"/>
    </row>
    <row r="515048" spans="14:14">
      <c r="N515048" s="10"/>
    </row>
    <row r="515049" spans="14:14">
      <c r="N515049" s="10"/>
    </row>
    <row r="515050" spans="14:14">
      <c r="N515050" s="10"/>
    </row>
    <row r="515051" spans="14:14">
      <c r="N515051" s="10"/>
    </row>
    <row r="515052" spans="14:14">
      <c r="N515052" s="10"/>
    </row>
    <row r="515053" spans="14:14">
      <c r="N515053" s="10"/>
    </row>
    <row r="515054" spans="14:14">
      <c r="N515054" s="10"/>
    </row>
    <row r="515055" spans="14:14">
      <c r="N515055" s="10"/>
    </row>
    <row r="515056" spans="14:14">
      <c r="N515056" s="10"/>
    </row>
    <row r="515057" spans="14:14">
      <c r="N515057" s="10"/>
    </row>
    <row r="515058" spans="14:14">
      <c r="N515058" s="10"/>
    </row>
    <row r="515059" spans="14:14">
      <c r="N515059" s="10"/>
    </row>
    <row r="515060" spans="14:14">
      <c r="N515060" s="10"/>
    </row>
    <row r="515061" spans="14:14">
      <c r="N515061" s="10"/>
    </row>
    <row r="515062" spans="14:14">
      <c r="N515062" s="10"/>
    </row>
    <row r="515063" spans="14:14">
      <c r="N515063" s="10"/>
    </row>
    <row r="515064" spans="14:14">
      <c r="N515064" s="10"/>
    </row>
    <row r="515065" spans="14:14">
      <c r="N515065" s="10"/>
    </row>
    <row r="515066" spans="14:14">
      <c r="N515066" s="10"/>
    </row>
    <row r="515067" spans="14:14">
      <c r="N515067" s="10"/>
    </row>
    <row r="515068" spans="14:14">
      <c r="N515068" s="10"/>
    </row>
    <row r="515069" spans="14:14">
      <c r="N515069" s="10"/>
    </row>
    <row r="515070" spans="14:14">
      <c r="N515070" s="10"/>
    </row>
    <row r="515071" spans="14:14">
      <c r="N515071" s="10"/>
    </row>
    <row r="515072" spans="14:14">
      <c r="N515072" s="10"/>
    </row>
    <row r="515073" spans="14:14">
      <c r="N515073" s="10"/>
    </row>
    <row r="515074" spans="14:14">
      <c r="N515074" s="10"/>
    </row>
    <row r="515075" spans="14:14">
      <c r="N515075" s="10"/>
    </row>
    <row r="515076" spans="14:14">
      <c r="N515076" s="10"/>
    </row>
    <row r="515077" spans="14:14">
      <c r="N515077" s="10"/>
    </row>
    <row r="515078" spans="14:14">
      <c r="N515078" s="10"/>
    </row>
    <row r="515079" spans="14:14">
      <c r="N515079" s="10"/>
    </row>
    <row r="515080" spans="14:14">
      <c r="N515080" s="10"/>
    </row>
    <row r="515081" spans="14:14">
      <c r="N515081" s="10"/>
    </row>
    <row r="515082" spans="14:14">
      <c r="N515082" s="10"/>
    </row>
    <row r="515083" spans="14:14">
      <c r="N515083" s="10"/>
    </row>
    <row r="515084" spans="14:14">
      <c r="N515084" s="10"/>
    </row>
    <row r="515085" spans="14:14">
      <c r="N515085" s="10"/>
    </row>
    <row r="515086" spans="14:14">
      <c r="N515086" s="10"/>
    </row>
    <row r="515087" spans="14:14">
      <c r="N515087" s="10"/>
    </row>
    <row r="515088" spans="14:14">
      <c r="N515088" s="10"/>
    </row>
    <row r="515089" spans="14:14">
      <c r="N515089" s="10"/>
    </row>
    <row r="515090" spans="14:14">
      <c r="N515090" s="10"/>
    </row>
    <row r="515091" spans="14:14">
      <c r="N515091" s="10"/>
    </row>
    <row r="515092" spans="14:14">
      <c r="N515092" s="10"/>
    </row>
    <row r="515093" spans="14:14">
      <c r="N515093" s="10"/>
    </row>
    <row r="515094" spans="14:14">
      <c r="N515094" s="10"/>
    </row>
    <row r="515095" spans="14:14">
      <c r="N515095" s="10"/>
    </row>
    <row r="515096" spans="14:14">
      <c r="N515096" s="10"/>
    </row>
    <row r="515097" spans="14:14">
      <c r="N515097" s="10"/>
    </row>
    <row r="515098" spans="14:14">
      <c r="N515098" s="10"/>
    </row>
    <row r="515099" spans="14:14">
      <c r="N515099" s="10"/>
    </row>
    <row r="515100" spans="14:14">
      <c r="N515100" s="10"/>
    </row>
    <row r="515101" spans="14:14">
      <c r="N515101" s="10"/>
    </row>
    <row r="515102" spans="14:14">
      <c r="N515102" s="10"/>
    </row>
    <row r="515103" spans="14:14">
      <c r="N515103" s="10"/>
    </row>
    <row r="515104" spans="14:14">
      <c r="N515104" s="10"/>
    </row>
    <row r="515105" spans="14:14">
      <c r="N515105" s="10"/>
    </row>
    <row r="515106" spans="14:14">
      <c r="N515106" s="10"/>
    </row>
    <row r="515107" spans="14:14">
      <c r="N515107" s="10"/>
    </row>
    <row r="515108" spans="14:14">
      <c r="N515108" s="10"/>
    </row>
    <row r="515109" spans="14:14">
      <c r="N515109" s="10"/>
    </row>
    <row r="515110" spans="14:14">
      <c r="N515110" s="10"/>
    </row>
    <row r="515111" spans="14:14">
      <c r="N515111" s="10"/>
    </row>
    <row r="515112" spans="14:14">
      <c r="N515112" s="10"/>
    </row>
    <row r="515113" spans="14:14">
      <c r="N515113" s="10"/>
    </row>
    <row r="515114" spans="14:14">
      <c r="N515114" s="10"/>
    </row>
    <row r="515115" spans="14:14">
      <c r="N515115" s="10"/>
    </row>
    <row r="515116" spans="14:14">
      <c r="N515116" s="10"/>
    </row>
    <row r="515117" spans="14:14">
      <c r="N515117" s="10"/>
    </row>
    <row r="515118" spans="14:14">
      <c r="N515118" s="10"/>
    </row>
    <row r="515119" spans="14:14">
      <c r="N515119" s="10"/>
    </row>
    <row r="515120" spans="14:14">
      <c r="N515120" s="10"/>
    </row>
    <row r="515121" spans="14:14">
      <c r="N515121" s="10"/>
    </row>
    <row r="515122" spans="14:14">
      <c r="N515122" s="10"/>
    </row>
    <row r="515123" spans="14:14">
      <c r="N515123" s="10"/>
    </row>
    <row r="515124" spans="14:14">
      <c r="N515124" s="10"/>
    </row>
    <row r="515125" spans="14:14">
      <c r="N515125" s="10"/>
    </row>
    <row r="515126" spans="14:14">
      <c r="N515126" s="10"/>
    </row>
    <row r="515127" spans="14:14">
      <c r="N515127" s="10"/>
    </row>
    <row r="515128" spans="14:14">
      <c r="N515128" s="10"/>
    </row>
    <row r="515129" spans="14:14">
      <c r="N515129" s="10"/>
    </row>
    <row r="515130" spans="14:14">
      <c r="N515130" s="10"/>
    </row>
    <row r="515131" spans="14:14">
      <c r="N515131" s="10"/>
    </row>
    <row r="515132" spans="14:14">
      <c r="N515132" s="10"/>
    </row>
    <row r="515133" spans="14:14">
      <c r="N515133" s="10"/>
    </row>
    <row r="515134" spans="14:14">
      <c r="N515134" s="10"/>
    </row>
    <row r="515135" spans="14:14">
      <c r="N515135" s="10"/>
    </row>
    <row r="515136" spans="14:14">
      <c r="N515136" s="10"/>
    </row>
    <row r="515137" spans="14:14">
      <c r="N515137" s="10"/>
    </row>
    <row r="515138" spans="14:14">
      <c r="N515138" s="10"/>
    </row>
    <row r="515139" spans="14:14">
      <c r="N515139" s="10"/>
    </row>
    <row r="515140" spans="14:14">
      <c r="N515140" s="10"/>
    </row>
    <row r="515141" spans="14:14">
      <c r="N515141" s="10"/>
    </row>
    <row r="515142" spans="14:14">
      <c r="N515142" s="10"/>
    </row>
    <row r="515143" spans="14:14">
      <c r="N515143" s="10"/>
    </row>
    <row r="515144" spans="14:14">
      <c r="N515144" s="10"/>
    </row>
    <row r="515145" spans="14:14">
      <c r="N515145" s="10"/>
    </row>
    <row r="515146" spans="14:14">
      <c r="N515146" s="10"/>
    </row>
    <row r="515147" spans="14:14">
      <c r="N515147" s="10"/>
    </row>
    <row r="515148" spans="14:14">
      <c r="N515148" s="10"/>
    </row>
    <row r="515149" spans="14:14">
      <c r="N515149" s="10"/>
    </row>
    <row r="515150" spans="14:14">
      <c r="N515150" s="10"/>
    </row>
    <row r="515151" spans="14:14">
      <c r="N515151" s="10"/>
    </row>
    <row r="515152" spans="14:14">
      <c r="N515152" s="10"/>
    </row>
    <row r="515153" spans="14:14">
      <c r="N515153" s="10"/>
    </row>
    <row r="515154" spans="14:14">
      <c r="N515154" s="10"/>
    </row>
    <row r="515155" spans="14:14">
      <c r="N515155" s="10"/>
    </row>
    <row r="515156" spans="14:14">
      <c r="N515156" s="10"/>
    </row>
    <row r="515157" spans="14:14">
      <c r="N515157" s="10"/>
    </row>
    <row r="515158" spans="14:14">
      <c r="N515158" s="10"/>
    </row>
    <row r="515159" spans="14:14">
      <c r="N515159" s="10"/>
    </row>
    <row r="515160" spans="14:14">
      <c r="N515160" s="10"/>
    </row>
    <row r="515161" spans="14:14">
      <c r="N515161" s="10"/>
    </row>
    <row r="515162" spans="14:14">
      <c r="N515162" s="10"/>
    </row>
    <row r="515163" spans="14:14">
      <c r="N515163" s="10"/>
    </row>
    <row r="515164" spans="14:14">
      <c r="N515164" s="10"/>
    </row>
    <row r="515165" spans="14:14">
      <c r="N515165" s="10"/>
    </row>
    <row r="515166" spans="14:14">
      <c r="N515166" s="10"/>
    </row>
    <row r="515167" spans="14:14">
      <c r="N515167" s="10"/>
    </row>
    <row r="515168" spans="14:14">
      <c r="N515168" s="10"/>
    </row>
    <row r="515169" spans="14:14">
      <c r="N515169" s="10"/>
    </row>
    <row r="515170" spans="14:14">
      <c r="N515170" s="10"/>
    </row>
    <row r="515171" spans="14:14">
      <c r="N515171" s="10"/>
    </row>
    <row r="515172" spans="14:14">
      <c r="N515172" s="10"/>
    </row>
    <row r="515173" spans="14:14">
      <c r="N515173" s="10"/>
    </row>
    <row r="515174" spans="14:14">
      <c r="N515174" s="10"/>
    </row>
    <row r="515175" spans="14:14">
      <c r="N515175" s="10"/>
    </row>
    <row r="515176" spans="14:14">
      <c r="N515176" s="10"/>
    </row>
    <row r="515177" spans="14:14">
      <c r="N515177" s="10"/>
    </row>
    <row r="515178" spans="14:14">
      <c r="N515178" s="10"/>
    </row>
    <row r="515179" spans="14:14">
      <c r="N515179" s="10"/>
    </row>
    <row r="515180" spans="14:14">
      <c r="N515180" s="10"/>
    </row>
    <row r="515181" spans="14:14">
      <c r="N515181" s="10"/>
    </row>
    <row r="515182" spans="14:14">
      <c r="N515182" s="10"/>
    </row>
    <row r="515183" spans="14:14">
      <c r="N515183" s="10"/>
    </row>
    <row r="515184" spans="14:14">
      <c r="N515184" s="10"/>
    </row>
    <row r="515185" spans="14:14">
      <c r="N515185" s="10"/>
    </row>
    <row r="515186" spans="14:14">
      <c r="N515186" s="10"/>
    </row>
    <row r="515187" spans="14:14">
      <c r="N515187" s="10"/>
    </row>
    <row r="515188" spans="14:14">
      <c r="N515188" s="10"/>
    </row>
    <row r="515189" spans="14:14">
      <c r="N515189" s="10"/>
    </row>
    <row r="515190" spans="14:14">
      <c r="N515190" s="10"/>
    </row>
    <row r="515191" spans="14:14">
      <c r="N515191" s="10"/>
    </row>
    <row r="515192" spans="14:14">
      <c r="N515192" s="10"/>
    </row>
    <row r="515193" spans="14:14">
      <c r="N515193" s="10"/>
    </row>
    <row r="515194" spans="14:14">
      <c r="N515194" s="10"/>
    </row>
    <row r="515195" spans="14:14">
      <c r="N515195" s="10"/>
    </row>
    <row r="515196" spans="14:14">
      <c r="N515196" s="10"/>
    </row>
    <row r="515197" spans="14:14">
      <c r="N515197" s="10"/>
    </row>
    <row r="515198" spans="14:14">
      <c r="N515198" s="10"/>
    </row>
    <row r="515199" spans="14:14">
      <c r="N515199" s="10"/>
    </row>
    <row r="515200" spans="14:14">
      <c r="N515200" s="10"/>
    </row>
    <row r="515201" spans="14:14">
      <c r="N515201" s="10"/>
    </row>
    <row r="515202" spans="14:14">
      <c r="N515202" s="10"/>
    </row>
    <row r="515203" spans="14:14">
      <c r="N515203" s="10"/>
    </row>
    <row r="515204" spans="14:14">
      <c r="N515204" s="10"/>
    </row>
    <row r="515205" spans="14:14">
      <c r="N515205" s="10"/>
    </row>
    <row r="515206" spans="14:14">
      <c r="N515206" s="10"/>
    </row>
    <row r="515207" spans="14:14">
      <c r="N515207" s="10"/>
    </row>
    <row r="515208" spans="14:14">
      <c r="N515208" s="10"/>
    </row>
    <row r="515209" spans="14:14">
      <c r="N515209" s="10"/>
    </row>
    <row r="515210" spans="14:14">
      <c r="N515210" s="10"/>
    </row>
    <row r="515211" spans="14:14">
      <c r="N515211" s="10"/>
    </row>
    <row r="515212" spans="14:14">
      <c r="N515212" s="10"/>
    </row>
    <row r="515213" spans="14:14">
      <c r="N515213" s="10"/>
    </row>
    <row r="515214" spans="14:14">
      <c r="N515214" s="10"/>
    </row>
    <row r="515215" spans="14:14">
      <c r="N515215" s="10"/>
    </row>
    <row r="515216" spans="14:14">
      <c r="N515216" s="10"/>
    </row>
    <row r="515217" spans="14:14">
      <c r="N515217" s="10"/>
    </row>
    <row r="515218" spans="14:14">
      <c r="N515218" s="10"/>
    </row>
    <row r="515219" spans="14:14">
      <c r="N515219" s="10"/>
    </row>
    <row r="515220" spans="14:14">
      <c r="N515220" s="10"/>
    </row>
    <row r="515221" spans="14:14">
      <c r="N515221" s="10"/>
    </row>
    <row r="515222" spans="14:14">
      <c r="N515222" s="10"/>
    </row>
    <row r="515223" spans="14:14">
      <c r="N515223" s="10"/>
    </row>
    <row r="515224" spans="14:14">
      <c r="N515224" s="10"/>
    </row>
    <row r="515225" spans="14:14">
      <c r="N515225" s="10"/>
    </row>
    <row r="515226" spans="14:14">
      <c r="N515226" s="10"/>
    </row>
    <row r="515227" spans="14:14">
      <c r="N515227" s="10"/>
    </row>
    <row r="515228" spans="14:14">
      <c r="N515228" s="10"/>
    </row>
    <row r="515229" spans="14:14">
      <c r="N515229" s="10"/>
    </row>
    <row r="515230" spans="14:14">
      <c r="N515230" s="10"/>
    </row>
    <row r="515231" spans="14:14">
      <c r="N515231" s="10"/>
    </row>
    <row r="515232" spans="14:14">
      <c r="N515232" s="10"/>
    </row>
    <row r="515233" spans="14:14">
      <c r="N515233" s="10"/>
    </row>
    <row r="515234" spans="14:14">
      <c r="N515234" s="10"/>
    </row>
    <row r="515235" spans="14:14">
      <c r="N515235" s="10"/>
    </row>
    <row r="515236" spans="14:14">
      <c r="N515236" s="10"/>
    </row>
    <row r="515237" spans="14:14">
      <c r="N515237" s="10"/>
    </row>
    <row r="515238" spans="14:14">
      <c r="N515238" s="10"/>
    </row>
    <row r="515239" spans="14:14">
      <c r="N515239" s="10"/>
    </row>
    <row r="515240" spans="14:14">
      <c r="N515240" s="10"/>
    </row>
    <row r="515241" spans="14:14">
      <c r="N515241" s="10"/>
    </row>
    <row r="515242" spans="14:14">
      <c r="N515242" s="10"/>
    </row>
    <row r="515243" spans="14:14">
      <c r="N515243" s="10"/>
    </row>
    <row r="515244" spans="14:14">
      <c r="N515244" s="10"/>
    </row>
    <row r="515245" spans="14:14">
      <c r="N515245" s="10"/>
    </row>
    <row r="515246" spans="14:14">
      <c r="N515246" s="10"/>
    </row>
    <row r="515247" spans="14:14">
      <c r="N515247" s="10"/>
    </row>
    <row r="515248" spans="14:14">
      <c r="N515248" s="10"/>
    </row>
    <row r="515249" spans="14:14">
      <c r="N515249" s="10"/>
    </row>
    <row r="515250" spans="14:14">
      <c r="N515250" s="10"/>
    </row>
    <row r="515251" spans="14:14">
      <c r="N515251" s="10"/>
    </row>
    <row r="515252" spans="14:14">
      <c r="N515252" s="10"/>
    </row>
    <row r="515253" spans="14:14">
      <c r="N515253" s="10"/>
    </row>
    <row r="515254" spans="14:14">
      <c r="N515254" s="10"/>
    </row>
    <row r="515255" spans="14:14">
      <c r="N515255" s="10"/>
    </row>
    <row r="515256" spans="14:14">
      <c r="N515256" s="10"/>
    </row>
    <row r="515257" spans="14:14">
      <c r="N515257" s="10"/>
    </row>
    <row r="515258" spans="14:14">
      <c r="N515258" s="10"/>
    </row>
    <row r="515259" spans="14:14">
      <c r="N515259" s="10"/>
    </row>
    <row r="515260" spans="14:14">
      <c r="N515260" s="10"/>
    </row>
    <row r="515261" spans="14:14">
      <c r="N515261" s="10"/>
    </row>
    <row r="515262" spans="14:14">
      <c r="N515262" s="10"/>
    </row>
    <row r="515263" spans="14:14">
      <c r="N515263" s="10"/>
    </row>
    <row r="515264" spans="14:14">
      <c r="N515264" s="10"/>
    </row>
    <row r="515265" spans="14:14">
      <c r="N515265" s="10"/>
    </row>
    <row r="515266" spans="14:14">
      <c r="N515266" s="10"/>
    </row>
    <row r="515267" spans="14:14">
      <c r="N515267" s="10"/>
    </row>
    <row r="515268" spans="14:14">
      <c r="N515268" s="10"/>
    </row>
    <row r="515269" spans="14:14">
      <c r="N515269" s="10"/>
    </row>
    <row r="515270" spans="14:14">
      <c r="N515270" s="10"/>
    </row>
    <row r="515271" spans="14:14">
      <c r="N515271" s="10"/>
    </row>
    <row r="515272" spans="14:14">
      <c r="N515272" s="10"/>
    </row>
    <row r="515273" spans="14:14">
      <c r="N515273" s="10"/>
    </row>
    <row r="515274" spans="14:14">
      <c r="N515274" s="10"/>
    </row>
    <row r="515275" spans="14:14">
      <c r="N515275" s="10"/>
    </row>
    <row r="515276" spans="14:14">
      <c r="N515276" s="10"/>
    </row>
    <row r="515277" spans="14:14">
      <c r="N515277" s="10"/>
    </row>
    <row r="515278" spans="14:14">
      <c r="N515278" s="10"/>
    </row>
    <row r="515279" spans="14:14">
      <c r="N515279" s="10"/>
    </row>
    <row r="515280" spans="14:14">
      <c r="N515280" s="10"/>
    </row>
    <row r="515281" spans="14:14">
      <c r="N515281" s="10"/>
    </row>
    <row r="515282" spans="14:14">
      <c r="N515282" s="10"/>
    </row>
    <row r="515283" spans="14:14">
      <c r="N515283" s="10"/>
    </row>
    <row r="515284" spans="14:14">
      <c r="N515284" s="10"/>
    </row>
    <row r="515285" spans="14:14">
      <c r="N515285" s="10"/>
    </row>
    <row r="515286" spans="14:14">
      <c r="N515286" s="10"/>
    </row>
    <row r="515287" spans="14:14">
      <c r="N515287" s="10"/>
    </row>
    <row r="515288" spans="14:14">
      <c r="N515288" s="10"/>
    </row>
    <row r="515289" spans="14:14">
      <c r="N515289" s="10"/>
    </row>
    <row r="515290" spans="14:14">
      <c r="N515290" s="10"/>
    </row>
    <row r="515291" spans="14:14">
      <c r="N515291" s="10"/>
    </row>
    <row r="515292" spans="14:14">
      <c r="N515292" s="10"/>
    </row>
    <row r="515293" spans="14:14">
      <c r="N515293" s="10"/>
    </row>
    <row r="515294" spans="14:14">
      <c r="N515294" s="10"/>
    </row>
    <row r="515295" spans="14:14">
      <c r="N515295" s="10"/>
    </row>
    <row r="515296" spans="14:14">
      <c r="N515296" s="10"/>
    </row>
    <row r="515297" spans="14:14">
      <c r="N515297" s="10"/>
    </row>
    <row r="515298" spans="14:14">
      <c r="N515298" s="10"/>
    </row>
    <row r="515299" spans="14:14">
      <c r="N515299" s="10"/>
    </row>
    <row r="515300" spans="14:14">
      <c r="N515300" s="10"/>
    </row>
    <row r="515301" spans="14:14">
      <c r="N515301" s="10"/>
    </row>
    <row r="515302" spans="14:14">
      <c r="N515302" s="10"/>
    </row>
    <row r="515303" spans="14:14">
      <c r="N515303" s="10"/>
    </row>
    <row r="515304" spans="14:14">
      <c r="N515304" s="10"/>
    </row>
    <row r="515305" spans="14:14">
      <c r="N515305" s="10"/>
    </row>
    <row r="515306" spans="14:14">
      <c r="N515306" s="10"/>
    </row>
    <row r="515307" spans="14:14">
      <c r="N515307" s="10"/>
    </row>
    <row r="515308" spans="14:14">
      <c r="N515308" s="10"/>
    </row>
    <row r="515309" spans="14:14">
      <c r="N515309" s="10"/>
    </row>
    <row r="515310" spans="14:14">
      <c r="N515310" s="10"/>
    </row>
    <row r="515311" spans="14:14">
      <c r="N515311" s="10"/>
    </row>
    <row r="515312" spans="14:14">
      <c r="N515312" s="10"/>
    </row>
    <row r="515313" spans="14:14">
      <c r="N515313" s="10"/>
    </row>
    <row r="515314" spans="14:14">
      <c r="N515314" s="10"/>
    </row>
    <row r="515315" spans="14:14">
      <c r="N515315" s="10"/>
    </row>
    <row r="515316" spans="14:14">
      <c r="N515316" s="10"/>
    </row>
    <row r="515317" spans="14:14">
      <c r="N515317" s="10"/>
    </row>
    <row r="515318" spans="14:14">
      <c r="N515318" s="10"/>
    </row>
    <row r="515319" spans="14:14">
      <c r="N515319" s="10"/>
    </row>
    <row r="515320" spans="14:14">
      <c r="N515320" s="10"/>
    </row>
    <row r="515321" spans="14:14">
      <c r="N515321" s="10"/>
    </row>
    <row r="515322" spans="14:14">
      <c r="N515322" s="10"/>
    </row>
    <row r="515323" spans="14:14">
      <c r="N515323" s="10"/>
    </row>
    <row r="515324" spans="14:14">
      <c r="N515324" s="10"/>
    </row>
    <row r="515325" spans="14:14">
      <c r="N515325" s="10"/>
    </row>
    <row r="515326" spans="14:14">
      <c r="N515326" s="10"/>
    </row>
    <row r="515327" spans="14:14">
      <c r="N515327" s="10"/>
    </row>
    <row r="515328" spans="14:14">
      <c r="N515328" s="10"/>
    </row>
    <row r="515329" spans="14:14">
      <c r="N515329" s="10"/>
    </row>
    <row r="515330" spans="14:14">
      <c r="N515330" s="10"/>
    </row>
    <row r="515331" spans="14:14">
      <c r="N515331" s="10"/>
    </row>
    <row r="515332" spans="14:14">
      <c r="N515332" s="10"/>
    </row>
    <row r="515333" spans="14:14">
      <c r="N515333" s="10"/>
    </row>
    <row r="515334" spans="14:14">
      <c r="N515334" s="10"/>
    </row>
    <row r="515335" spans="14:14">
      <c r="N515335" s="10"/>
    </row>
    <row r="515336" spans="14:14">
      <c r="N515336" s="10"/>
    </row>
    <row r="515337" spans="14:14">
      <c r="N515337" s="10"/>
    </row>
    <row r="515338" spans="14:14">
      <c r="N515338" s="10"/>
    </row>
    <row r="515339" spans="14:14">
      <c r="N515339" s="10"/>
    </row>
    <row r="515340" spans="14:14">
      <c r="N515340" s="10"/>
    </row>
    <row r="515341" spans="14:14">
      <c r="N515341" s="10"/>
    </row>
    <row r="515342" spans="14:14">
      <c r="N515342" s="10"/>
    </row>
    <row r="515343" spans="14:14">
      <c r="N515343" s="10"/>
    </row>
    <row r="515344" spans="14:14">
      <c r="N515344" s="10"/>
    </row>
    <row r="515345" spans="14:14">
      <c r="N515345" s="10"/>
    </row>
    <row r="515346" spans="14:14">
      <c r="N515346" s="10"/>
    </row>
    <row r="515347" spans="14:14">
      <c r="N515347" s="10"/>
    </row>
    <row r="515348" spans="14:14">
      <c r="N515348" s="10"/>
    </row>
    <row r="515349" spans="14:14">
      <c r="N515349" s="10"/>
    </row>
    <row r="515350" spans="14:14">
      <c r="N515350" s="10"/>
    </row>
    <row r="515351" spans="14:14">
      <c r="N515351" s="10"/>
    </row>
    <row r="515352" spans="14:14">
      <c r="N515352" s="10"/>
    </row>
    <row r="515353" spans="14:14">
      <c r="N515353" s="10"/>
    </row>
    <row r="515354" spans="14:14">
      <c r="N515354" s="10"/>
    </row>
    <row r="515355" spans="14:14">
      <c r="N515355" s="10"/>
    </row>
    <row r="515356" spans="14:14">
      <c r="N515356" s="10"/>
    </row>
    <row r="515357" spans="14:14">
      <c r="N515357" s="10"/>
    </row>
    <row r="515358" spans="14:14">
      <c r="N515358" s="10"/>
    </row>
    <row r="515359" spans="14:14">
      <c r="N515359" s="10"/>
    </row>
    <row r="515360" spans="14:14">
      <c r="N515360" s="10"/>
    </row>
    <row r="515361" spans="14:14">
      <c r="N515361" s="10"/>
    </row>
    <row r="515362" spans="14:14">
      <c r="N515362" s="10"/>
    </row>
    <row r="515363" spans="14:14">
      <c r="N515363" s="10"/>
    </row>
    <row r="515364" spans="14:14">
      <c r="N515364" s="10"/>
    </row>
    <row r="515365" spans="14:14">
      <c r="N515365" s="10"/>
    </row>
    <row r="515366" spans="14:14">
      <c r="N515366" s="10"/>
    </row>
    <row r="515367" spans="14:14">
      <c r="N515367" s="10"/>
    </row>
    <row r="515368" spans="14:14">
      <c r="N515368" s="10"/>
    </row>
    <row r="515369" spans="14:14">
      <c r="N515369" s="10"/>
    </row>
    <row r="515370" spans="14:14">
      <c r="N515370" s="10"/>
    </row>
    <row r="515371" spans="14:14">
      <c r="N515371" s="10"/>
    </row>
    <row r="515372" spans="14:14">
      <c r="N515372" s="10"/>
    </row>
    <row r="515373" spans="14:14">
      <c r="N515373" s="10"/>
    </row>
    <row r="515374" spans="14:14">
      <c r="N515374" s="10"/>
    </row>
    <row r="515375" spans="14:14">
      <c r="N515375" s="10"/>
    </row>
    <row r="515376" spans="14:14">
      <c r="N515376" s="10"/>
    </row>
    <row r="515377" spans="14:14">
      <c r="N515377" s="10"/>
    </row>
    <row r="515378" spans="14:14">
      <c r="N515378" s="10"/>
    </row>
    <row r="515379" spans="14:14">
      <c r="N515379" s="10"/>
    </row>
    <row r="515380" spans="14:14">
      <c r="N515380" s="10"/>
    </row>
    <row r="515381" spans="14:14">
      <c r="N515381" s="10"/>
    </row>
    <row r="515382" spans="14:14">
      <c r="N515382" s="10"/>
    </row>
    <row r="515383" spans="14:14">
      <c r="N515383" s="10"/>
    </row>
    <row r="515384" spans="14:14">
      <c r="N515384" s="10"/>
    </row>
    <row r="515385" spans="14:14">
      <c r="N515385" s="10"/>
    </row>
    <row r="515386" spans="14:14">
      <c r="N515386" s="10"/>
    </row>
    <row r="515387" spans="14:14">
      <c r="N515387" s="10"/>
    </row>
    <row r="515388" spans="14:14">
      <c r="N515388" s="10"/>
    </row>
    <row r="515389" spans="14:14">
      <c r="N515389" s="10"/>
    </row>
    <row r="515390" spans="14:14">
      <c r="N515390" s="10"/>
    </row>
    <row r="515391" spans="14:14">
      <c r="N515391" s="10"/>
    </row>
    <row r="515392" spans="14:14">
      <c r="N515392" s="10"/>
    </row>
    <row r="515393" spans="14:14">
      <c r="N515393" s="10"/>
    </row>
    <row r="515394" spans="14:14">
      <c r="N515394" s="10"/>
    </row>
    <row r="515395" spans="14:14">
      <c r="N515395" s="10"/>
    </row>
    <row r="515396" spans="14:14">
      <c r="N515396" s="10"/>
    </row>
    <row r="515397" spans="14:14">
      <c r="N515397" s="10"/>
    </row>
    <row r="515398" spans="14:14">
      <c r="N515398" s="10"/>
    </row>
    <row r="515399" spans="14:14">
      <c r="N515399" s="10"/>
    </row>
    <row r="515400" spans="14:14">
      <c r="N515400" s="10"/>
    </row>
    <row r="515401" spans="14:14">
      <c r="N515401" s="10"/>
    </row>
    <row r="515402" spans="14:14">
      <c r="N515402" s="10"/>
    </row>
    <row r="515403" spans="14:14">
      <c r="N515403" s="10"/>
    </row>
    <row r="515404" spans="14:14">
      <c r="N515404" s="10"/>
    </row>
    <row r="515405" spans="14:14">
      <c r="N515405" s="10"/>
    </row>
    <row r="515406" spans="14:14">
      <c r="N515406" s="10"/>
    </row>
    <row r="515407" spans="14:14">
      <c r="N515407" s="10"/>
    </row>
    <row r="515408" spans="14:14">
      <c r="N515408" s="10"/>
    </row>
    <row r="515409" spans="14:14">
      <c r="N515409" s="10"/>
    </row>
    <row r="515410" spans="14:14">
      <c r="N515410" s="10"/>
    </row>
    <row r="515411" spans="14:14">
      <c r="N515411" s="10"/>
    </row>
    <row r="515412" spans="14:14">
      <c r="N515412" s="10"/>
    </row>
    <row r="515413" spans="14:14">
      <c r="N515413" s="10"/>
    </row>
    <row r="515414" spans="14:14">
      <c r="N515414" s="10"/>
    </row>
    <row r="515415" spans="14:14">
      <c r="N515415" s="10"/>
    </row>
    <row r="515416" spans="14:14">
      <c r="N515416" s="10"/>
    </row>
    <row r="515417" spans="14:14">
      <c r="N515417" s="10"/>
    </row>
    <row r="515418" spans="14:14">
      <c r="N515418" s="10"/>
    </row>
    <row r="515419" spans="14:14">
      <c r="N515419" s="10"/>
    </row>
    <row r="515420" spans="14:14">
      <c r="N515420" s="10"/>
    </row>
    <row r="515421" spans="14:14">
      <c r="N515421" s="10"/>
    </row>
    <row r="515422" spans="14:14">
      <c r="N515422" s="10"/>
    </row>
    <row r="515423" spans="14:14">
      <c r="N515423" s="10"/>
    </row>
    <row r="515424" spans="14:14">
      <c r="N515424" s="10"/>
    </row>
    <row r="515425" spans="14:14">
      <c r="N515425" s="10"/>
    </row>
    <row r="515426" spans="14:14">
      <c r="N515426" s="10"/>
    </row>
    <row r="515427" spans="14:14">
      <c r="N515427" s="10"/>
    </row>
    <row r="515428" spans="14:14">
      <c r="N515428" s="10"/>
    </row>
    <row r="515429" spans="14:14">
      <c r="N515429" s="10"/>
    </row>
    <row r="515430" spans="14:14">
      <c r="N515430" s="10"/>
    </row>
    <row r="515431" spans="14:14">
      <c r="N515431" s="10"/>
    </row>
    <row r="515432" spans="14:14">
      <c r="N515432" s="10"/>
    </row>
    <row r="515433" spans="14:14">
      <c r="N515433" s="10"/>
    </row>
    <row r="515434" spans="14:14">
      <c r="N515434" s="10"/>
    </row>
    <row r="515435" spans="14:14">
      <c r="N515435" s="10"/>
    </row>
    <row r="515436" spans="14:14">
      <c r="N515436" s="10"/>
    </row>
    <row r="515437" spans="14:14">
      <c r="N515437" s="10"/>
    </row>
    <row r="515438" spans="14:14">
      <c r="N515438" s="10"/>
    </row>
    <row r="515439" spans="14:14">
      <c r="N515439" s="10"/>
    </row>
    <row r="515440" spans="14:14">
      <c r="N515440" s="10"/>
    </row>
    <row r="515441" spans="14:14">
      <c r="N515441" s="10"/>
    </row>
    <row r="515442" spans="14:14">
      <c r="N515442" s="10"/>
    </row>
    <row r="515443" spans="14:14">
      <c r="N515443" s="10"/>
    </row>
    <row r="515444" spans="14:14">
      <c r="N515444" s="10"/>
    </row>
    <row r="515445" spans="14:14">
      <c r="N515445" s="10"/>
    </row>
    <row r="515446" spans="14:14">
      <c r="N515446" s="10"/>
    </row>
    <row r="515447" spans="14:14">
      <c r="N515447" s="10"/>
    </row>
    <row r="515448" spans="14:14">
      <c r="N515448" s="10"/>
    </row>
    <row r="515449" spans="14:14">
      <c r="N515449" s="10"/>
    </row>
    <row r="515450" spans="14:14">
      <c r="N515450" s="10"/>
    </row>
    <row r="515451" spans="14:14">
      <c r="N515451" s="10"/>
    </row>
    <row r="515452" spans="14:14">
      <c r="N515452" s="10"/>
    </row>
    <row r="515453" spans="14:14">
      <c r="N515453" s="10"/>
    </row>
    <row r="515454" spans="14:14">
      <c r="N515454" s="10"/>
    </row>
    <row r="515455" spans="14:14">
      <c r="N515455" s="10"/>
    </row>
    <row r="515456" spans="14:14">
      <c r="N515456" s="10"/>
    </row>
    <row r="515457" spans="14:14">
      <c r="N515457" s="10"/>
    </row>
    <row r="515458" spans="14:14">
      <c r="N515458" s="10"/>
    </row>
    <row r="515459" spans="14:14">
      <c r="N515459" s="10"/>
    </row>
    <row r="515460" spans="14:14">
      <c r="N515460" s="10"/>
    </row>
    <row r="515461" spans="14:14">
      <c r="N515461" s="10"/>
    </row>
    <row r="515462" spans="14:14">
      <c r="N515462" s="10"/>
    </row>
    <row r="515463" spans="14:14">
      <c r="N515463" s="10"/>
    </row>
    <row r="515464" spans="14:14">
      <c r="N515464" s="10"/>
    </row>
    <row r="515465" spans="14:14">
      <c r="N515465" s="10"/>
    </row>
    <row r="515466" spans="14:14">
      <c r="N515466" s="10"/>
    </row>
    <row r="515467" spans="14:14">
      <c r="N515467" s="10"/>
    </row>
    <row r="515468" spans="14:14">
      <c r="N515468" s="10"/>
    </row>
    <row r="515469" spans="14:14">
      <c r="N515469" s="10"/>
    </row>
    <row r="515470" spans="14:14">
      <c r="N515470" s="10"/>
    </row>
    <row r="515471" spans="14:14">
      <c r="N515471" s="10"/>
    </row>
    <row r="515472" spans="14:14">
      <c r="N515472" s="10"/>
    </row>
    <row r="515473" spans="14:14">
      <c r="N515473" s="10"/>
    </row>
    <row r="515474" spans="14:14">
      <c r="N515474" s="10"/>
    </row>
    <row r="515475" spans="14:14">
      <c r="N515475" s="10"/>
    </row>
    <row r="515476" spans="14:14">
      <c r="N515476" s="10"/>
    </row>
    <row r="515477" spans="14:14">
      <c r="N515477" s="10"/>
    </row>
    <row r="515478" spans="14:14">
      <c r="N515478" s="10"/>
    </row>
    <row r="515479" spans="14:14">
      <c r="N515479" s="10"/>
    </row>
    <row r="515480" spans="14:14">
      <c r="N515480" s="10"/>
    </row>
    <row r="515481" spans="14:14">
      <c r="N515481" s="10"/>
    </row>
    <row r="515482" spans="14:14">
      <c r="N515482" s="10"/>
    </row>
    <row r="515483" spans="14:14">
      <c r="N515483" s="10"/>
    </row>
    <row r="515484" spans="14:14">
      <c r="N515484" s="10"/>
    </row>
    <row r="515485" spans="14:14">
      <c r="N515485" s="10"/>
    </row>
    <row r="515486" spans="14:14">
      <c r="N515486" s="10"/>
    </row>
    <row r="515487" spans="14:14">
      <c r="N515487" s="10"/>
    </row>
    <row r="515488" spans="14:14">
      <c r="N515488" s="10"/>
    </row>
    <row r="515489" spans="14:14">
      <c r="N515489" s="10"/>
    </row>
    <row r="515490" spans="14:14">
      <c r="N515490" s="10"/>
    </row>
    <row r="515491" spans="14:14">
      <c r="N515491" s="10"/>
    </row>
    <row r="515492" spans="14:14">
      <c r="N515492" s="10"/>
    </row>
    <row r="515493" spans="14:14">
      <c r="N515493" s="10"/>
    </row>
    <row r="515494" spans="14:14">
      <c r="N515494" s="10"/>
    </row>
    <row r="515495" spans="14:14">
      <c r="N515495" s="10"/>
    </row>
    <row r="515496" spans="14:14">
      <c r="N515496" s="10"/>
    </row>
    <row r="515497" spans="14:14">
      <c r="N515497" s="10"/>
    </row>
    <row r="515498" spans="14:14">
      <c r="N515498" s="10"/>
    </row>
    <row r="515499" spans="14:14">
      <c r="N515499" s="10"/>
    </row>
    <row r="515500" spans="14:14">
      <c r="N515500" s="10"/>
    </row>
    <row r="515501" spans="14:14">
      <c r="N515501" s="10"/>
    </row>
    <row r="515502" spans="14:14">
      <c r="N515502" s="10"/>
    </row>
    <row r="515503" spans="14:14">
      <c r="N515503" s="10"/>
    </row>
    <row r="515504" spans="14:14">
      <c r="N515504" s="10"/>
    </row>
    <row r="515505" spans="14:14">
      <c r="N515505" s="10"/>
    </row>
    <row r="515506" spans="14:14">
      <c r="N515506" s="10"/>
    </row>
    <row r="515507" spans="14:14">
      <c r="N515507" s="10"/>
    </row>
    <row r="515508" spans="14:14">
      <c r="N515508" s="10"/>
    </row>
    <row r="515509" spans="14:14">
      <c r="N515509" s="10"/>
    </row>
    <row r="515510" spans="14:14">
      <c r="N515510" s="10"/>
    </row>
    <row r="515511" spans="14:14">
      <c r="N515511" s="10"/>
    </row>
    <row r="515512" spans="14:14">
      <c r="N515512" s="10"/>
    </row>
    <row r="515513" spans="14:14">
      <c r="N515513" s="10"/>
    </row>
    <row r="515514" spans="14:14">
      <c r="N515514" s="10"/>
    </row>
    <row r="515515" spans="14:14">
      <c r="N515515" s="10"/>
    </row>
    <row r="515516" spans="14:14">
      <c r="N515516" s="10"/>
    </row>
    <row r="515517" spans="14:14">
      <c r="N515517" s="10"/>
    </row>
    <row r="515518" spans="14:14">
      <c r="N515518" s="10"/>
    </row>
    <row r="515519" spans="14:14">
      <c r="N515519" s="10"/>
    </row>
    <row r="515520" spans="14:14">
      <c r="N515520" s="10"/>
    </row>
    <row r="515521" spans="14:14">
      <c r="N515521" s="10"/>
    </row>
    <row r="515522" spans="14:14">
      <c r="N515522" s="10"/>
    </row>
    <row r="515523" spans="14:14">
      <c r="N515523" s="10"/>
    </row>
    <row r="515524" spans="14:14">
      <c r="N515524" s="10"/>
    </row>
    <row r="515525" spans="14:14">
      <c r="N515525" s="10"/>
    </row>
    <row r="515526" spans="14:14">
      <c r="N515526" s="10"/>
    </row>
    <row r="515527" spans="14:14">
      <c r="N515527" s="10"/>
    </row>
    <row r="515528" spans="14:14">
      <c r="N515528" s="10"/>
    </row>
    <row r="515529" spans="14:14">
      <c r="N515529" s="10"/>
    </row>
    <row r="515530" spans="14:14">
      <c r="N515530" s="10"/>
    </row>
    <row r="515531" spans="14:14">
      <c r="N515531" s="10"/>
    </row>
    <row r="515532" spans="14:14">
      <c r="N515532" s="10"/>
    </row>
    <row r="515533" spans="14:14">
      <c r="N515533" s="10"/>
    </row>
    <row r="515534" spans="14:14">
      <c r="N515534" s="10"/>
    </row>
    <row r="515535" spans="14:14">
      <c r="N515535" s="10"/>
    </row>
    <row r="515536" spans="14:14">
      <c r="N515536" s="10"/>
    </row>
    <row r="515537" spans="14:14">
      <c r="N515537" s="10"/>
    </row>
    <row r="515538" spans="14:14">
      <c r="N515538" s="10"/>
    </row>
    <row r="515539" spans="14:14">
      <c r="N515539" s="10"/>
    </row>
    <row r="515540" spans="14:14">
      <c r="N515540" s="10"/>
    </row>
    <row r="515541" spans="14:14">
      <c r="N515541" s="10"/>
    </row>
    <row r="515542" spans="14:14">
      <c r="N515542" s="10"/>
    </row>
    <row r="515543" spans="14:14">
      <c r="N515543" s="10"/>
    </row>
    <row r="515544" spans="14:14">
      <c r="N515544" s="10"/>
    </row>
    <row r="515545" spans="14:14">
      <c r="N515545" s="10"/>
    </row>
    <row r="515546" spans="14:14">
      <c r="N515546" s="10"/>
    </row>
    <row r="515547" spans="14:14">
      <c r="N515547" s="10"/>
    </row>
    <row r="515548" spans="14:14">
      <c r="N515548" s="10"/>
    </row>
    <row r="515549" spans="14:14">
      <c r="N515549" s="10"/>
    </row>
    <row r="515550" spans="14:14">
      <c r="N515550" s="10"/>
    </row>
    <row r="515551" spans="14:14">
      <c r="N515551" s="10"/>
    </row>
    <row r="515552" spans="14:14">
      <c r="N515552" s="10"/>
    </row>
    <row r="515553" spans="14:14">
      <c r="N515553" s="10"/>
    </row>
    <row r="515554" spans="14:14">
      <c r="N515554" s="10"/>
    </row>
    <row r="515555" spans="14:14">
      <c r="N515555" s="10"/>
    </row>
    <row r="515556" spans="14:14">
      <c r="N515556" s="10"/>
    </row>
    <row r="515557" spans="14:14">
      <c r="N515557" s="10"/>
    </row>
    <row r="515558" spans="14:14">
      <c r="N515558" s="10"/>
    </row>
    <row r="515559" spans="14:14">
      <c r="N515559" s="10"/>
    </row>
    <row r="515560" spans="14:14">
      <c r="N515560" s="10"/>
    </row>
    <row r="515561" spans="14:14">
      <c r="N515561" s="10"/>
    </row>
    <row r="515562" spans="14:14">
      <c r="N515562" s="10"/>
    </row>
    <row r="515563" spans="14:14">
      <c r="N515563" s="10"/>
    </row>
    <row r="515564" spans="14:14">
      <c r="N515564" s="10"/>
    </row>
    <row r="515565" spans="14:14">
      <c r="N515565" s="10"/>
    </row>
    <row r="515566" spans="14:14">
      <c r="N515566" s="10"/>
    </row>
    <row r="515567" spans="14:14">
      <c r="N515567" s="10"/>
    </row>
    <row r="515568" spans="14:14">
      <c r="N515568" s="10"/>
    </row>
    <row r="515569" spans="14:14">
      <c r="N515569" s="10"/>
    </row>
    <row r="515570" spans="14:14">
      <c r="N515570" s="10"/>
    </row>
    <row r="515571" spans="14:14">
      <c r="N515571" s="10"/>
    </row>
    <row r="515572" spans="14:14">
      <c r="N515572" s="10"/>
    </row>
    <row r="515573" spans="14:14">
      <c r="N515573" s="10"/>
    </row>
    <row r="515574" spans="14:14">
      <c r="N515574" s="10"/>
    </row>
    <row r="515575" spans="14:14">
      <c r="N515575" s="10"/>
    </row>
    <row r="515576" spans="14:14">
      <c r="N515576" s="10"/>
    </row>
    <row r="515577" spans="14:14">
      <c r="N515577" s="10"/>
    </row>
    <row r="515578" spans="14:14">
      <c r="N515578" s="10"/>
    </row>
    <row r="515579" spans="14:14">
      <c r="N515579" s="10"/>
    </row>
    <row r="515580" spans="14:14">
      <c r="N515580" s="10"/>
    </row>
    <row r="515581" spans="14:14">
      <c r="N515581" s="10"/>
    </row>
    <row r="515582" spans="14:14">
      <c r="N515582" s="10"/>
    </row>
    <row r="515583" spans="14:14">
      <c r="N515583" s="10"/>
    </row>
    <row r="515584" spans="14:14">
      <c r="N515584" s="10"/>
    </row>
    <row r="515585" spans="14:14">
      <c r="N515585" s="10"/>
    </row>
    <row r="515586" spans="14:14">
      <c r="N515586" s="10"/>
    </row>
    <row r="515587" spans="14:14">
      <c r="N515587" s="10"/>
    </row>
    <row r="515588" spans="14:14">
      <c r="N515588" s="10"/>
    </row>
    <row r="515589" spans="14:14">
      <c r="N515589" s="10"/>
    </row>
    <row r="515590" spans="14:14">
      <c r="N515590" s="10"/>
    </row>
    <row r="515591" spans="14:14">
      <c r="N515591" s="10"/>
    </row>
    <row r="515592" spans="14:14">
      <c r="N515592" s="10"/>
    </row>
    <row r="515593" spans="14:14">
      <c r="N515593" s="10"/>
    </row>
    <row r="515594" spans="14:14">
      <c r="N515594" s="10"/>
    </row>
    <row r="515595" spans="14:14">
      <c r="N515595" s="10"/>
    </row>
    <row r="515596" spans="14:14">
      <c r="N515596" s="10"/>
    </row>
    <row r="515597" spans="14:14">
      <c r="N515597" s="10"/>
    </row>
    <row r="515598" spans="14:14">
      <c r="N515598" s="10"/>
    </row>
    <row r="515599" spans="14:14">
      <c r="N515599" s="10"/>
    </row>
    <row r="515600" spans="14:14">
      <c r="N515600" s="10"/>
    </row>
    <row r="515601" spans="14:14">
      <c r="N515601" s="10"/>
    </row>
    <row r="515602" spans="14:14">
      <c r="N515602" s="10"/>
    </row>
    <row r="515603" spans="14:14">
      <c r="N515603" s="10"/>
    </row>
    <row r="515604" spans="14:14">
      <c r="N515604" s="10"/>
    </row>
    <row r="515605" spans="14:14">
      <c r="N515605" s="10"/>
    </row>
    <row r="515606" spans="14:14">
      <c r="N515606" s="10"/>
    </row>
    <row r="515607" spans="14:14">
      <c r="N515607" s="10"/>
    </row>
    <row r="515608" spans="14:14">
      <c r="N515608" s="10"/>
    </row>
    <row r="515609" spans="14:14">
      <c r="N515609" s="10"/>
    </row>
    <row r="515610" spans="14:14">
      <c r="N515610" s="10"/>
    </row>
    <row r="515611" spans="14:14">
      <c r="N515611" s="10"/>
    </row>
    <row r="515612" spans="14:14">
      <c r="N515612" s="10"/>
    </row>
    <row r="515613" spans="14:14">
      <c r="N515613" s="10"/>
    </row>
    <row r="515614" spans="14:14">
      <c r="N515614" s="10"/>
    </row>
    <row r="515615" spans="14:14">
      <c r="N515615" s="10"/>
    </row>
    <row r="515616" spans="14:14">
      <c r="N515616" s="10"/>
    </row>
    <row r="515617" spans="14:14">
      <c r="N515617" s="10"/>
    </row>
    <row r="515618" spans="14:14">
      <c r="N515618" s="10"/>
    </row>
    <row r="515619" spans="14:14">
      <c r="N515619" s="10"/>
    </row>
    <row r="515620" spans="14:14">
      <c r="N515620" s="10"/>
    </row>
    <row r="515621" spans="14:14">
      <c r="N515621" s="10"/>
    </row>
    <row r="515622" spans="14:14">
      <c r="N515622" s="10"/>
    </row>
    <row r="515623" spans="14:14">
      <c r="N515623" s="10"/>
    </row>
    <row r="515624" spans="14:14">
      <c r="N515624" s="10"/>
    </row>
    <row r="515625" spans="14:14">
      <c r="N515625" s="10"/>
    </row>
    <row r="515626" spans="14:14">
      <c r="N515626" s="10"/>
    </row>
    <row r="515627" spans="14:14">
      <c r="N515627" s="10"/>
    </row>
    <row r="515628" spans="14:14">
      <c r="N515628" s="10"/>
    </row>
    <row r="515629" spans="14:14">
      <c r="N515629" s="10"/>
    </row>
    <row r="515630" spans="14:14">
      <c r="N515630" s="10"/>
    </row>
    <row r="515631" spans="14:14">
      <c r="N515631" s="10"/>
    </row>
    <row r="515632" spans="14:14">
      <c r="N515632" s="10"/>
    </row>
    <row r="515633" spans="14:14">
      <c r="N515633" s="10"/>
    </row>
    <row r="515634" spans="14:14">
      <c r="N515634" s="10"/>
    </row>
    <row r="515635" spans="14:14">
      <c r="N515635" s="10"/>
    </row>
    <row r="515636" spans="14:14">
      <c r="N515636" s="10"/>
    </row>
    <row r="515637" spans="14:14">
      <c r="N515637" s="10"/>
    </row>
    <row r="515638" spans="14:14">
      <c r="N515638" s="10"/>
    </row>
    <row r="515639" spans="14:14">
      <c r="N515639" s="10"/>
    </row>
    <row r="515640" spans="14:14">
      <c r="N515640" s="10"/>
    </row>
    <row r="515641" spans="14:14">
      <c r="N515641" s="10"/>
    </row>
    <row r="515642" spans="14:14">
      <c r="N515642" s="10"/>
    </row>
    <row r="515643" spans="14:14">
      <c r="N515643" s="10"/>
    </row>
    <row r="515644" spans="14:14">
      <c r="N515644" s="10"/>
    </row>
    <row r="515645" spans="14:14">
      <c r="N515645" s="10"/>
    </row>
    <row r="515646" spans="14:14">
      <c r="N515646" s="10"/>
    </row>
    <row r="515647" spans="14:14">
      <c r="N515647" s="10"/>
    </row>
    <row r="515648" spans="14:14">
      <c r="N515648" s="10"/>
    </row>
    <row r="515649" spans="14:14">
      <c r="N515649" s="10"/>
    </row>
    <row r="515650" spans="14:14">
      <c r="N515650" s="10"/>
    </row>
    <row r="515651" spans="14:14">
      <c r="N515651" s="10"/>
    </row>
    <row r="515652" spans="14:14">
      <c r="N515652" s="10"/>
    </row>
    <row r="515653" spans="14:14">
      <c r="N515653" s="10"/>
    </row>
    <row r="515654" spans="14:14">
      <c r="N515654" s="10"/>
    </row>
    <row r="515655" spans="14:14">
      <c r="N515655" s="10"/>
    </row>
    <row r="515656" spans="14:14">
      <c r="N515656" s="10"/>
    </row>
    <row r="515657" spans="14:14">
      <c r="N515657" s="10"/>
    </row>
    <row r="515658" spans="14:14">
      <c r="N515658" s="10"/>
    </row>
    <row r="515659" spans="14:14">
      <c r="N515659" s="10"/>
    </row>
    <row r="515660" spans="14:14">
      <c r="N515660" s="10"/>
    </row>
    <row r="515661" spans="14:14">
      <c r="N515661" s="10"/>
    </row>
    <row r="515662" spans="14:14">
      <c r="N515662" s="10"/>
    </row>
    <row r="515663" spans="14:14">
      <c r="N515663" s="10"/>
    </row>
    <row r="515664" spans="14:14">
      <c r="N515664" s="10"/>
    </row>
    <row r="515665" spans="14:14">
      <c r="N515665" s="10"/>
    </row>
    <row r="515666" spans="14:14">
      <c r="N515666" s="10"/>
    </row>
    <row r="515667" spans="14:14">
      <c r="N515667" s="10"/>
    </row>
    <row r="515668" spans="14:14">
      <c r="N515668" s="10"/>
    </row>
    <row r="515669" spans="14:14">
      <c r="N515669" s="10"/>
    </row>
    <row r="515670" spans="14:14">
      <c r="N515670" s="10"/>
    </row>
    <row r="515671" spans="14:14">
      <c r="N515671" s="10"/>
    </row>
    <row r="515672" spans="14:14">
      <c r="N515672" s="10"/>
    </row>
    <row r="515673" spans="14:14">
      <c r="N515673" s="10"/>
    </row>
    <row r="515674" spans="14:14">
      <c r="N515674" s="10"/>
    </row>
    <row r="515675" spans="14:14">
      <c r="N515675" s="10"/>
    </row>
    <row r="515676" spans="14:14">
      <c r="N515676" s="10"/>
    </row>
    <row r="515677" spans="14:14">
      <c r="N515677" s="10"/>
    </row>
    <row r="515678" spans="14:14">
      <c r="N515678" s="10"/>
    </row>
    <row r="515679" spans="14:14">
      <c r="N515679" s="10"/>
    </row>
    <row r="515680" spans="14:14">
      <c r="N515680" s="10"/>
    </row>
    <row r="515681" spans="14:14">
      <c r="N515681" s="10"/>
    </row>
    <row r="515682" spans="14:14">
      <c r="N515682" s="10"/>
    </row>
    <row r="515683" spans="14:14">
      <c r="N515683" s="10"/>
    </row>
    <row r="515684" spans="14:14">
      <c r="N515684" s="10"/>
    </row>
    <row r="515685" spans="14:14">
      <c r="N515685" s="10"/>
    </row>
    <row r="515686" spans="14:14">
      <c r="N515686" s="10"/>
    </row>
    <row r="515687" spans="14:14">
      <c r="N515687" s="10"/>
    </row>
    <row r="515688" spans="14:14">
      <c r="N515688" s="10"/>
    </row>
    <row r="515689" spans="14:14">
      <c r="N515689" s="10"/>
    </row>
    <row r="515690" spans="14:14">
      <c r="N515690" s="10"/>
    </row>
    <row r="515691" spans="14:14">
      <c r="N515691" s="10"/>
    </row>
    <row r="515692" spans="14:14">
      <c r="N515692" s="10"/>
    </row>
    <row r="515693" spans="14:14">
      <c r="N515693" s="10"/>
    </row>
    <row r="515694" spans="14:14">
      <c r="N515694" s="10"/>
    </row>
    <row r="515695" spans="14:14">
      <c r="N515695" s="10"/>
    </row>
    <row r="515696" spans="14:14">
      <c r="N515696" s="10"/>
    </row>
    <row r="515697" spans="14:14">
      <c r="N515697" s="10"/>
    </row>
    <row r="515698" spans="14:14">
      <c r="N515698" s="10"/>
    </row>
    <row r="515699" spans="14:14">
      <c r="N515699" s="10"/>
    </row>
    <row r="515700" spans="14:14">
      <c r="N515700" s="10"/>
    </row>
    <row r="515701" spans="14:14">
      <c r="N515701" s="10"/>
    </row>
    <row r="515702" spans="14:14">
      <c r="N515702" s="10"/>
    </row>
    <row r="515703" spans="14:14">
      <c r="N515703" s="10"/>
    </row>
    <row r="515704" spans="14:14">
      <c r="N515704" s="10"/>
    </row>
    <row r="515705" spans="14:14">
      <c r="N515705" s="10"/>
    </row>
    <row r="515706" spans="14:14">
      <c r="N515706" s="10"/>
    </row>
    <row r="515707" spans="14:14">
      <c r="N515707" s="10"/>
    </row>
    <row r="515708" spans="14:14">
      <c r="N515708" s="10"/>
    </row>
    <row r="515709" spans="14:14">
      <c r="N515709" s="10"/>
    </row>
    <row r="515710" spans="14:14">
      <c r="N515710" s="10"/>
    </row>
    <row r="515711" spans="14:14">
      <c r="N515711" s="10"/>
    </row>
    <row r="515712" spans="14:14">
      <c r="N515712" s="10"/>
    </row>
    <row r="515713" spans="14:14">
      <c r="N515713" s="10"/>
    </row>
    <row r="515714" spans="14:14">
      <c r="N515714" s="10"/>
    </row>
    <row r="515715" spans="14:14">
      <c r="N515715" s="10"/>
    </row>
    <row r="515716" spans="14:14">
      <c r="N515716" s="10"/>
    </row>
    <row r="515717" spans="14:14">
      <c r="N515717" s="10"/>
    </row>
    <row r="515718" spans="14:14">
      <c r="N515718" s="10"/>
    </row>
    <row r="515719" spans="14:14">
      <c r="N515719" s="10"/>
    </row>
    <row r="515720" spans="14:14">
      <c r="N515720" s="10"/>
    </row>
    <row r="515721" spans="14:14">
      <c r="N515721" s="10"/>
    </row>
    <row r="515722" spans="14:14">
      <c r="N515722" s="10"/>
    </row>
    <row r="515723" spans="14:14">
      <c r="N515723" s="10"/>
    </row>
    <row r="515724" spans="14:14">
      <c r="N515724" s="10"/>
    </row>
    <row r="515725" spans="14:14">
      <c r="N515725" s="10"/>
    </row>
    <row r="515726" spans="14:14">
      <c r="N515726" s="10"/>
    </row>
    <row r="515727" spans="14:14">
      <c r="N515727" s="10"/>
    </row>
    <row r="515728" spans="14:14">
      <c r="N515728" s="10"/>
    </row>
    <row r="515729" spans="14:14">
      <c r="N515729" s="10"/>
    </row>
    <row r="515730" spans="14:14">
      <c r="N515730" s="10"/>
    </row>
    <row r="515731" spans="14:14">
      <c r="N515731" s="10"/>
    </row>
    <row r="515732" spans="14:14">
      <c r="N515732" s="10"/>
    </row>
    <row r="515733" spans="14:14">
      <c r="N515733" s="10"/>
    </row>
    <row r="515734" spans="14:14">
      <c r="N515734" s="10"/>
    </row>
    <row r="515735" spans="14:14">
      <c r="N515735" s="10"/>
    </row>
    <row r="515736" spans="14:14">
      <c r="N515736" s="10"/>
    </row>
    <row r="515737" spans="14:14">
      <c r="N515737" s="10"/>
    </row>
    <row r="515738" spans="14:14">
      <c r="N515738" s="10"/>
    </row>
    <row r="515739" spans="14:14">
      <c r="N515739" s="10"/>
    </row>
    <row r="515740" spans="14:14">
      <c r="N515740" s="10"/>
    </row>
    <row r="515741" spans="14:14">
      <c r="N515741" s="10"/>
    </row>
    <row r="515742" spans="14:14">
      <c r="N515742" s="10"/>
    </row>
    <row r="515743" spans="14:14">
      <c r="N515743" s="10"/>
    </row>
    <row r="515744" spans="14:14">
      <c r="N515744" s="10"/>
    </row>
    <row r="515745" spans="14:14">
      <c r="N515745" s="10"/>
    </row>
    <row r="515746" spans="14:14">
      <c r="N515746" s="10"/>
    </row>
    <row r="515747" spans="14:14">
      <c r="N515747" s="10"/>
    </row>
    <row r="515748" spans="14:14">
      <c r="N515748" s="10"/>
    </row>
    <row r="515749" spans="14:14">
      <c r="N515749" s="10"/>
    </row>
    <row r="515750" spans="14:14">
      <c r="N515750" s="10"/>
    </row>
    <row r="515751" spans="14:14">
      <c r="N515751" s="10"/>
    </row>
    <row r="515752" spans="14:14">
      <c r="N515752" s="10"/>
    </row>
    <row r="515753" spans="14:14">
      <c r="N515753" s="10"/>
    </row>
    <row r="515754" spans="14:14">
      <c r="N515754" s="10"/>
    </row>
    <row r="515755" spans="14:14">
      <c r="N515755" s="10"/>
    </row>
    <row r="515756" spans="14:14">
      <c r="N515756" s="10"/>
    </row>
    <row r="515757" spans="14:14">
      <c r="N515757" s="10"/>
    </row>
    <row r="515758" spans="14:14">
      <c r="N515758" s="10"/>
    </row>
    <row r="515759" spans="14:14">
      <c r="N515759" s="10"/>
    </row>
    <row r="515760" spans="14:14">
      <c r="N515760" s="10"/>
    </row>
    <row r="515761" spans="14:14">
      <c r="N515761" s="10"/>
    </row>
    <row r="515762" spans="14:14">
      <c r="N515762" s="10"/>
    </row>
    <row r="515763" spans="14:14">
      <c r="N515763" s="10"/>
    </row>
    <row r="515764" spans="14:14">
      <c r="N515764" s="10"/>
    </row>
    <row r="515765" spans="14:14">
      <c r="N515765" s="10"/>
    </row>
    <row r="515766" spans="14:14">
      <c r="N515766" s="10"/>
    </row>
    <row r="515767" spans="14:14">
      <c r="N515767" s="10"/>
    </row>
    <row r="515768" spans="14:14">
      <c r="N515768" s="10"/>
    </row>
    <row r="515769" spans="14:14">
      <c r="N515769" s="10"/>
    </row>
    <row r="515770" spans="14:14">
      <c r="N515770" s="10"/>
    </row>
    <row r="515771" spans="14:14">
      <c r="N515771" s="10"/>
    </row>
    <row r="515772" spans="14:14">
      <c r="N515772" s="10"/>
    </row>
    <row r="515773" spans="14:14">
      <c r="N515773" s="10"/>
    </row>
    <row r="515774" spans="14:14">
      <c r="N515774" s="10"/>
    </row>
    <row r="515775" spans="14:14">
      <c r="N515775" s="10"/>
    </row>
    <row r="515776" spans="14:14">
      <c r="N515776" s="10"/>
    </row>
    <row r="515777" spans="14:14">
      <c r="N515777" s="10"/>
    </row>
    <row r="515778" spans="14:14">
      <c r="N515778" s="10"/>
    </row>
    <row r="515779" spans="14:14">
      <c r="N515779" s="10"/>
    </row>
    <row r="515780" spans="14:14">
      <c r="N515780" s="10"/>
    </row>
    <row r="515781" spans="14:14">
      <c r="N515781" s="10"/>
    </row>
    <row r="515782" spans="14:14">
      <c r="N515782" s="10"/>
    </row>
    <row r="515783" spans="14:14">
      <c r="N515783" s="10"/>
    </row>
    <row r="515784" spans="14:14">
      <c r="N515784" s="10"/>
    </row>
    <row r="515785" spans="14:14">
      <c r="N515785" s="10"/>
    </row>
    <row r="515786" spans="14:14">
      <c r="N515786" s="10"/>
    </row>
    <row r="515787" spans="14:14">
      <c r="N515787" s="10"/>
    </row>
    <row r="515788" spans="14:14">
      <c r="N515788" s="10"/>
    </row>
    <row r="515789" spans="14:14">
      <c r="N515789" s="10"/>
    </row>
    <row r="515790" spans="14:14">
      <c r="N515790" s="10"/>
    </row>
    <row r="515791" spans="14:14">
      <c r="N515791" s="10"/>
    </row>
    <row r="515792" spans="14:14">
      <c r="N515792" s="10"/>
    </row>
    <row r="515793" spans="14:14">
      <c r="N515793" s="10"/>
    </row>
    <row r="515794" spans="14:14">
      <c r="N515794" s="10"/>
    </row>
    <row r="515795" spans="14:14">
      <c r="N515795" s="10"/>
    </row>
    <row r="515796" spans="14:14">
      <c r="N515796" s="10"/>
    </row>
    <row r="515797" spans="14:14">
      <c r="N515797" s="10"/>
    </row>
    <row r="515798" spans="14:14">
      <c r="N515798" s="10"/>
    </row>
    <row r="515799" spans="14:14">
      <c r="N515799" s="10"/>
    </row>
    <row r="515800" spans="14:14">
      <c r="N515800" s="10"/>
    </row>
    <row r="515801" spans="14:14">
      <c r="N515801" s="10"/>
    </row>
    <row r="515802" spans="14:14">
      <c r="N515802" s="10"/>
    </row>
    <row r="515803" spans="14:14">
      <c r="N515803" s="10"/>
    </row>
    <row r="515804" spans="14:14">
      <c r="N515804" s="10"/>
    </row>
    <row r="515805" spans="14:14">
      <c r="N515805" s="10"/>
    </row>
    <row r="515806" spans="14:14">
      <c r="N515806" s="10"/>
    </row>
    <row r="515807" spans="14:14">
      <c r="N515807" s="10"/>
    </row>
    <row r="515808" spans="14:14">
      <c r="N515808" s="10"/>
    </row>
    <row r="515809" spans="14:14">
      <c r="N515809" s="10"/>
    </row>
    <row r="515810" spans="14:14">
      <c r="N515810" s="10"/>
    </row>
    <row r="515811" spans="14:14">
      <c r="N515811" s="10"/>
    </row>
    <row r="515812" spans="14:14">
      <c r="N515812" s="10"/>
    </row>
    <row r="515813" spans="14:14">
      <c r="N515813" s="10"/>
    </row>
    <row r="515814" spans="14:14">
      <c r="N515814" s="10"/>
    </row>
    <row r="515815" spans="14:14">
      <c r="N515815" s="10"/>
    </row>
    <row r="515816" spans="14:14">
      <c r="N515816" s="10"/>
    </row>
    <row r="515817" spans="14:14">
      <c r="N515817" s="10"/>
    </row>
    <row r="515818" spans="14:14">
      <c r="N515818" s="10"/>
    </row>
    <row r="515819" spans="14:14">
      <c r="N515819" s="10"/>
    </row>
    <row r="515820" spans="14:14">
      <c r="N515820" s="10"/>
    </row>
    <row r="515821" spans="14:14">
      <c r="N515821" s="10"/>
    </row>
    <row r="515822" spans="14:14">
      <c r="N515822" s="10"/>
    </row>
    <row r="515823" spans="14:14">
      <c r="N515823" s="10"/>
    </row>
    <row r="515824" spans="14:14">
      <c r="N515824" s="10"/>
    </row>
    <row r="515825" spans="14:14">
      <c r="N515825" s="10"/>
    </row>
    <row r="515826" spans="14:14">
      <c r="N515826" s="10"/>
    </row>
    <row r="515827" spans="14:14">
      <c r="N515827" s="10"/>
    </row>
    <row r="515828" spans="14:14">
      <c r="N515828" s="10"/>
    </row>
    <row r="515829" spans="14:14">
      <c r="N515829" s="10"/>
    </row>
    <row r="515830" spans="14:14">
      <c r="N515830" s="10"/>
    </row>
    <row r="515831" spans="14:14">
      <c r="N515831" s="10"/>
    </row>
    <row r="515832" spans="14:14">
      <c r="N515832" s="10"/>
    </row>
    <row r="515833" spans="14:14">
      <c r="N515833" s="10"/>
    </row>
    <row r="515834" spans="14:14">
      <c r="N515834" s="10"/>
    </row>
    <row r="515835" spans="14:14">
      <c r="N515835" s="10"/>
    </row>
    <row r="515836" spans="14:14">
      <c r="N515836" s="10"/>
    </row>
    <row r="515837" spans="14:14">
      <c r="N515837" s="10"/>
    </row>
    <row r="515838" spans="14:14">
      <c r="N515838" s="10"/>
    </row>
    <row r="515839" spans="14:14">
      <c r="N515839" s="10"/>
    </row>
    <row r="515840" spans="14:14">
      <c r="N515840" s="10"/>
    </row>
    <row r="515841" spans="14:14">
      <c r="N515841" s="10"/>
    </row>
    <row r="515842" spans="14:14">
      <c r="N515842" s="10"/>
    </row>
    <row r="515843" spans="14:14">
      <c r="N515843" s="10"/>
    </row>
    <row r="515844" spans="14:14">
      <c r="N515844" s="10"/>
    </row>
    <row r="515845" spans="14:14">
      <c r="N515845" s="10"/>
    </row>
    <row r="515846" spans="14:14">
      <c r="N515846" s="10"/>
    </row>
    <row r="515847" spans="14:14">
      <c r="N515847" s="10"/>
    </row>
    <row r="515848" spans="14:14">
      <c r="N515848" s="10"/>
    </row>
    <row r="515849" spans="14:14">
      <c r="N515849" s="10"/>
    </row>
    <row r="515850" spans="14:14">
      <c r="N515850" s="10"/>
    </row>
    <row r="515851" spans="14:14">
      <c r="N515851" s="10"/>
    </row>
    <row r="515852" spans="14:14">
      <c r="N515852" s="10"/>
    </row>
    <row r="515853" spans="14:14">
      <c r="N515853" s="10"/>
    </row>
    <row r="515854" spans="14:14">
      <c r="N515854" s="10"/>
    </row>
    <row r="515855" spans="14:14">
      <c r="N515855" s="10"/>
    </row>
    <row r="515856" spans="14:14">
      <c r="N515856" s="10"/>
    </row>
    <row r="515857" spans="14:14">
      <c r="N515857" s="10"/>
    </row>
    <row r="515858" spans="14:14">
      <c r="N515858" s="10"/>
    </row>
    <row r="515859" spans="14:14">
      <c r="N515859" s="10"/>
    </row>
    <row r="515860" spans="14:14">
      <c r="N515860" s="10"/>
    </row>
    <row r="515861" spans="14:14">
      <c r="N515861" s="10"/>
    </row>
    <row r="515862" spans="14:14">
      <c r="N515862" s="10"/>
    </row>
    <row r="515863" spans="14:14">
      <c r="N515863" s="10"/>
    </row>
    <row r="515864" spans="14:14">
      <c r="N515864" s="10"/>
    </row>
    <row r="515865" spans="14:14">
      <c r="N515865" s="10"/>
    </row>
    <row r="515866" spans="14:14">
      <c r="N515866" s="10"/>
    </row>
    <row r="515867" spans="14:14">
      <c r="N515867" s="10"/>
    </row>
    <row r="515868" spans="14:14">
      <c r="N515868" s="10"/>
    </row>
    <row r="515869" spans="14:14">
      <c r="N515869" s="10"/>
    </row>
    <row r="515870" spans="14:14">
      <c r="N515870" s="10"/>
    </row>
    <row r="515871" spans="14:14">
      <c r="N515871" s="10"/>
    </row>
    <row r="515872" spans="14:14">
      <c r="N515872" s="10"/>
    </row>
    <row r="515873" spans="14:14">
      <c r="N515873" s="10"/>
    </row>
    <row r="515874" spans="14:14">
      <c r="N515874" s="10"/>
    </row>
    <row r="515875" spans="14:14">
      <c r="N515875" s="10"/>
    </row>
    <row r="515876" spans="14:14">
      <c r="N515876" s="10"/>
    </row>
    <row r="515877" spans="14:14">
      <c r="N515877" s="10"/>
    </row>
    <row r="515878" spans="14:14">
      <c r="N515878" s="10"/>
    </row>
    <row r="515879" spans="14:14">
      <c r="N515879" s="10"/>
    </row>
    <row r="515880" spans="14:14">
      <c r="N515880" s="10"/>
    </row>
    <row r="515881" spans="14:14">
      <c r="N515881" s="10"/>
    </row>
    <row r="515882" spans="14:14">
      <c r="N515882" s="10"/>
    </row>
    <row r="515883" spans="14:14">
      <c r="N515883" s="10"/>
    </row>
    <row r="515884" spans="14:14">
      <c r="N515884" s="10"/>
    </row>
    <row r="515885" spans="14:14">
      <c r="N515885" s="10"/>
    </row>
    <row r="515886" spans="14:14">
      <c r="N515886" s="10"/>
    </row>
    <row r="515887" spans="14:14">
      <c r="N515887" s="10"/>
    </row>
    <row r="515888" spans="14:14">
      <c r="N515888" s="10"/>
    </row>
    <row r="515889" spans="14:14">
      <c r="N515889" s="10"/>
    </row>
    <row r="515890" spans="14:14">
      <c r="N515890" s="10"/>
    </row>
    <row r="515891" spans="14:14">
      <c r="N515891" s="10"/>
    </row>
    <row r="515892" spans="14:14">
      <c r="N515892" s="10"/>
    </row>
    <row r="515893" spans="14:14">
      <c r="N515893" s="10"/>
    </row>
    <row r="515894" spans="14:14">
      <c r="N515894" s="10"/>
    </row>
    <row r="515895" spans="14:14">
      <c r="N515895" s="10"/>
    </row>
    <row r="515896" spans="14:14">
      <c r="N515896" s="10"/>
    </row>
    <row r="515897" spans="14:14">
      <c r="N515897" s="10"/>
    </row>
    <row r="515898" spans="14:14">
      <c r="N515898" s="10"/>
    </row>
    <row r="515899" spans="14:14">
      <c r="N515899" s="10"/>
    </row>
    <row r="515900" spans="14:14">
      <c r="N515900" s="10"/>
    </row>
    <row r="515901" spans="14:14">
      <c r="N515901" s="10"/>
    </row>
    <row r="515902" spans="14:14">
      <c r="N515902" s="10"/>
    </row>
    <row r="515903" spans="14:14">
      <c r="N515903" s="10"/>
    </row>
    <row r="515904" spans="14:14">
      <c r="N515904" s="10"/>
    </row>
    <row r="515905" spans="14:14">
      <c r="N515905" s="10"/>
    </row>
    <row r="515906" spans="14:14">
      <c r="N515906" s="10"/>
    </row>
    <row r="515907" spans="14:14">
      <c r="N515907" s="10"/>
    </row>
    <row r="515908" spans="14:14">
      <c r="N515908" s="10"/>
    </row>
    <row r="515909" spans="14:14">
      <c r="N515909" s="10"/>
    </row>
    <row r="515910" spans="14:14">
      <c r="N515910" s="10"/>
    </row>
    <row r="515911" spans="14:14">
      <c r="N515911" s="10"/>
    </row>
    <row r="515912" spans="14:14">
      <c r="N515912" s="10"/>
    </row>
    <row r="515913" spans="14:14">
      <c r="N515913" s="10"/>
    </row>
    <row r="515914" spans="14:14">
      <c r="N515914" s="10"/>
    </row>
    <row r="515915" spans="14:14">
      <c r="N515915" s="10"/>
    </row>
    <row r="515916" spans="14:14">
      <c r="N515916" s="10"/>
    </row>
    <row r="515917" spans="14:14">
      <c r="N515917" s="10"/>
    </row>
    <row r="515918" spans="14:14">
      <c r="N515918" s="10"/>
    </row>
    <row r="515919" spans="14:14">
      <c r="N515919" s="10"/>
    </row>
    <row r="515920" spans="14:14">
      <c r="N515920" s="10"/>
    </row>
    <row r="515921" spans="14:14">
      <c r="N515921" s="10"/>
    </row>
    <row r="515922" spans="14:14">
      <c r="N515922" s="10"/>
    </row>
    <row r="515923" spans="14:14">
      <c r="N515923" s="10"/>
    </row>
    <row r="515924" spans="14:14">
      <c r="N515924" s="10"/>
    </row>
    <row r="515925" spans="14:14">
      <c r="N515925" s="10"/>
    </row>
    <row r="515926" spans="14:14">
      <c r="N515926" s="10"/>
    </row>
    <row r="515927" spans="14:14">
      <c r="N515927" s="10"/>
    </row>
    <row r="515928" spans="14:14">
      <c r="N515928" s="10"/>
    </row>
    <row r="515929" spans="14:14">
      <c r="N515929" s="10"/>
    </row>
    <row r="515930" spans="14:14">
      <c r="N515930" s="10"/>
    </row>
    <row r="515931" spans="14:14">
      <c r="N515931" s="10"/>
    </row>
    <row r="515932" spans="14:14">
      <c r="N515932" s="10"/>
    </row>
    <row r="515933" spans="14:14">
      <c r="N515933" s="10"/>
    </row>
    <row r="515934" spans="14:14">
      <c r="N515934" s="10"/>
    </row>
    <row r="515935" spans="14:14">
      <c r="N515935" s="10"/>
    </row>
    <row r="515936" spans="14:14">
      <c r="N515936" s="10"/>
    </row>
    <row r="515937" spans="14:14">
      <c r="N515937" s="10"/>
    </row>
    <row r="515938" spans="14:14">
      <c r="N515938" s="10"/>
    </row>
    <row r="515939" spans="14:14">
      <c r="N515939" s="10"/>
    </row>
    <row r="515940" spans="14:14">
      <c r="N515940" s="10"/>
    </row>
    <row r="515941" spans="14:14">
      <c r="N515941" s="10"/>
    </row>
    <row r="515942" spans="14:14">
      <c r="N515942" s="10"/>
    </row>
    <row r="515943" spans="14:14">
      <c r="N515943" s="10"/>
    </row>
    <row r="515944" spans="14:14">
      <c r="N515944" s="10"/>
    </row>
    <row r="515945" spans="14:14">
      <c r="N515945" s="10"/>
    </row>
    <row r="515946" spans="14:14">
      <c r="N515946" s="10"/>
    </row>
    <row r="515947" spans="14:14">
      <c r="N515947" s="10"/>
    </row>
    <row r="515948" spans="14:14">
      <c r="N515948" s="10"/>
    </row>
    <row r="515949" spans="14:14">
      <c r="N515949" s="10"/>
    </row>
    <row r="515950" spans="14:14">
      <c r="N515950" s="10"/>
    </row>
    <row r="515951" spans="14:14">
      <c r="N515951" s="10"/>
    </row>
    <row r="515952" spans="14:14">
      <c r="N515952" s="10"/>
    </row>
    <row r="515953" spans="14:14">
      <c r="N515953" s="10"/>
    </row>
    <row r="515954" spans="14:14">
      <c r="N515954" s="10"/>
    </row>
    <row r="515955" spans="14:14">
      <c r="N515955" s="10"/>
    </row>
    <row r="515956" spans="14:14">
      <c r="N515956" s="10"/>
    </row>
    <row r="515957" spans="14:14">
      <c r="N515957" s="10"/>
    </row>
    <row r="515958" spans="14:14">
      <c r="N515958" s="10"/>
    </row>
    <row r="515959" spans="14:14">
      <c r="N515959" s="10"/>
    </row>
    <row r="515960" spans="14:14">
      <c r="N515960" s="10"/>
    </row>
    <row r="515961" spans="14:14">
      <c r="N515961" s="10"/>
    </row>
    <row r="515962" spans="14:14">
      <c r="N515962" s="10"/>
    </row>
    <row r="515963" spans="14:14">
      <c r="N515963" s="10"/>
    </row>
    <row r="515964" spans="14:14">
      <c r="N515964" s="10"/>
    </row>
    <row r="515965" spans="14:14">
      <c r="N515965" s="10"/>
    </row>
    <row r="515966" spans="14:14">
      <c r="N515966" s="10"/>
    </row>
    <row r="515967" spans="14:14">
      <c r="N515967" s="10"/>
    </row>
    <row r="515968" spans="14:14">
      <c r="N515968" s="10"/>
    </row>
    <row r="515969" spans="14:14">
      <c r="N515969" s="10"/>
    </row>
    <row r="515970" spans="14:14">
      <c r="N515970" s="10"/>
    </row>
    <row r="515971" spans="14:14">
      <c r="N515971" s="10"/>
    </row>
    <row r="515972" spans="14:14">
      <c r="N515972" s="10"/>
    </row>
    <row r="515973" spans="14:14">
      <c r="N515973" s="10"/>
    </row>
    <row r="515974" spans="14:14">
      <c r="N515974" s="10"/>
    </row>
    <row r="515975" spans="14:14">
      <c r="N515975" s="10"/>
    </row>
    <row r="515976" spans="14:14">
      <c r="N515976" s="10"/>
    </row>
    <row r="515977" spans="14:14">
      <c r="N515977" s="10"/>
    </row>
    <row r="515978" spans="14:14">
      <c r="N515978" s="10"/>
    </row>
    <row r="515979" spans="14:14">
      <c r="N515979" s="10"/>
    </row>
    <row r="515980" spans="14:14">
      <c r="N515980" s="10"/>
    </row>
    <row r="515981" spans="14:14">
      <c r="N515981" s="10"/>
    </row>
    <row r="515982" spans="14:14">
      <c r="N515982" s="10"/>
    </row>
    <row r="515983" spans="14:14">
      <c r="N515983" s="10"/>
    </row>
    <row r="515984" spans="14:14">
      <c r="N515984" s="10"/>
    </row>
    <row r="515985" spans="14:14">
      <c r="N515985" s="10"/>
    </row>
    <row r="515986" spans="14:14">
      <c r="N515986" s="10"/>
    </row>
    <row r="515987" spans="14:14">
      <c r="N515987" s="10"/>
    </row>
    <row r="515988" spans="14:14">
      <c r="N515988" s="10"/>
    </row>
    <row r="515989" spans="14:14">
      <c r="N515989" s="10"/>
    </row>
    <row r="515990" spans="14:14">
      <c r="N515990" s="10"/>
    </row>
    <row r="515991" spans="14:14">
      <c r="N515991" s="10"/>
    </row>
    <row r="515992" spans="14:14">
      <c r="N515992" s="10"/>
    </row>
    <row r="515993" spans="14:14">
      <c r="N515993" s="10"/>
    </row>
    <row r="515994" spans="14:14">
      <c r="N515994" s="10"/>
    </row>
    <row r="515995" spans="14:14">
      <c r="N515995" s="10"/>
    </row>
    <row r="515996" spans="14:14">
      <c r="N515996" s="10"/>
    </row>
    <row r="515997" spans="14:14">
      <c r="N515997" s="10"/>
    </row>
    <row r="515998" spans="14:14">
      <c r="N515998" s="10"/>
    </row>
    <row r="515999" spans="14:14">
      <c r="N515999" s="10"/>
    </row>
    <row r="516000" spans="14:14">
      <c r="N516000" s="10"/>
    </row>
    <row r="516001" spans="14:14">
      <c r="N516001" s="10"/>
    </row>
    <row r="516002" spans="14:14">
      <c r="N516002" s="10"/>
    </row>
    <row r="516003" spans="14:14">
      <c r="N516003" s="10"/>
    </row>
    <row r="516004" spans="14:14">
      <c r="N516004" s="10"/>
    </row>
    <row r="516005" spans="14:14">
      <c r="N516005" s="10"/>
    </row>
    <row r="516006" spans="14:14">
      <c r="N516006" s="10"/>
    </row>
    <row r="516007" spans="14:14">
      <c r="N516007" s="10"/>
    </row>
    <row r="516008" spans="14:14">
      <c r="N516008" s="10"/>
    </row>
    <row r="516009" spans="14:14">
      <c r="N516009" s="10"/>
    </row>
    <row r="516010" spans="14:14">
      <c r="N516010" s="10"/>
    </row>
    <row r="516011" spans="14:14">
      <c r="N516011" s="10"/>
    </row>
    <row r="516012" spans="14:14">
      <c r="N516012" s="10"/>
    </row>
    <row r="516013" spans="14:14">
      <c r="N516013" s="10"/>
    </row>
    <row r="516014" spans="14:14">
      <c r="N516014" s="10"/>
    </row>
    <row r="516015" spans="14:14">
      <c r="N516015" s="10"/>
    </row>
    <row r="516016" spans="14:14">
      <c r="N516016" s="10"/>
    </row>
    <row r="516017" spans="14:14">
      <c r="N516017" s="10"/>
    </row>
    <row r="516018" spans="14:14">
      <c r="N516018" s="10"/>
    </row>
    <row r="516019" spans="14:14">
      <c r="N516019" s="10"/>
    </row>
    <row r="516020" spans="14:14">
      <c r="N516020" s="10"/>
    </row>
    <row r="516021" spans="14:14">
      <c r="N516021" s="10"/>
    </row>
    <row r="516022" spans="14:14">
      <c r="N516022" s="10"/>
    </row>
    <row r="516023" spans="14:14">
      <c r="N516023" s="10"/>
    </row>
    <row r="516024" spans="14:14">
      <c r="N516024" s="10"/>
    </row>
    <row r="516025" spans="14:14">
      <c r="N516025" s="10"/>
    </row>
    <row r="516026" spans="14:14">
      <c r="N516026" s="10"/>
    </row>
    <row r="516027" spans="14:14">
      <c r="N516027" s="10"/>
    </row>
    <row r="516028" spans="14:14">
      <c r="N516028" s="10"/>
    </row>
    <row r="516029" spans="14:14">
      <c r="N516029" s="10"/>
    </row>
    <row r="516030" spans="14:14">
      <c r="N516030" s="10"/>
    </row>
    <row r="516031" spans="14:14">
      <c r="N516031" s="10"/>
    </row>
    <row r="516032" spans="14:14">
      <c r="N516032" s="10"/>
    </row>
    <row r="516033" spans="14:14">
      <c r="N516033" s="10"/>
    </row>
    <row r="516034" spans="14:14">
      <c r="N516034" s="10"/>
    </row>
    <row r="516035" spans="14:14">
      <c r="N516035" s="10"/>
    </row>
    <row r="516036" spans="14:14">
      <c r="N516036" s="10"/>
    </row>
    <row r="516037" spans="14:14">
      <c r="N516037" s="10"/>
    </row>
    <row r="516038" spans="14:14">
      <c r="N516038" s="10"/>
    </row>
    <row r="516039" spans="14:14">
      <c r="N516039" s="10"/>
    </row>
    <row r="516040" spans="14:14">
      <c r="N516040" s="10"/>
    </row>
    <row r="516041" spans="14:14">
      <c r="N516041" s="10"/>
    </row>
    <row r="516042" spans="14:14">
      <c r="N516042" s="10"/>
    </row>
    <row r="516043" spans="14:14">
      <c r="N516043" s="10"/>
    </row>
    <row r="516044" spans="14:14">
      <c r="N516044" s="10"/>
    </row>
    <row r="516045" spans="14:14">
      <c r="N516045" s="10"/>
    </row>
    <row r="516046" spans="14:14">
      <c r="N516046" s="10"/>
    </row>
    <row r="516047" spans="14:14">
      <c r="N516047" s="10"/>
    </row>
    <row r="516048" spans="14:14">
      <c r="N516048" s="10"/>
    </row>
    <row r="516049" spans="14:14">
      <c r="N516049" s="10"/>
    </row>
    <row r="516050" spans="14:14">
      <c r="N516050" s="10"/>
    </row>
    <row r="516051" spans="14:14">
      <c r="N516051" s="10"/>
    </row>
    <row r="516052" spans="14:14">
      <c r="N516052" s="10"/>
    </row>
    <row r="516053" spans="14:14">
      <c r="N516053" s="10"/>
    </row>
    <row r="516054" spans="14:14">
      <c r="N516054" s="10"/>
    </row>
    <row r="516055" spans="14:14">
      <c r="N516055" s="10"/>
    </row>
    <row r="516056" spans="14:14">
      <c r="N516056" s="10"/>
    </row>
    <row r="516057" spans="14:14">
      <c r="N516057" s="10"/>
    </row>
    <row r="516058" spans="14:14">
      <c r="N516058" s="10"/>
    </row>
    <row r="516059" spans="14:14">
      <c r="N516059" s="10"/>
    </row>
    <row r="516060" spans="14:14">
      <c r="N516060" s="10"/>
    </row>
    <row r="516061" spans="14:14">
      <c r="N516061" s="10"/>
    </row>
    <row r="516062" spans="14:14">
      <c r="N516062" s="10"/>
    </row>
    <row r="516063" spans="14:14">
      <c r="N516063" s="10"/>
    </row>
    <row r="516064" spans="14:14">
      <c r="N516064" s="10"/>
    </row>
    <row r="516065" spans="14:14">
      <c r="N516065" s="10"/>
    </row>
    <row r="516066" spans="14:14">
      <c r="N516066" s="10"/>
    </row>
    <row r="516067" spans="14:14">
      <c r="N516067" s="10"/>
    </row>
    <row r="516068" spans="14:14">
      <c r="N516068" s="10"/>
    </row>
    <row r="516069" spans="14:14">
      <c r="N516069" s="10"/>
    </row>
    <row r="516070" spans="14:14">
      <c r="N516070" s="10"/>
    </row>
    <row r="516071" spans="14:14">
      <c r="N516071" s="10"/>
    </row>
    <row r="516072" spans="14:14">
      <c r="N516072" s="10"/>
    </row>
    <row r="516073" spans="14:14">
      <c r="N516073" s="10"/>
    </row>
    <row r="516074" spans="14:14">
      <c r="N516074" s="10"/>
    </row>
    <row r="516075" spans="14:14">
      <c r="N516075" s="10"/>
    </row>
    <row r="516076" spans="14:14">
      <c r="N516076" s="10"/>
    </row>
    <row r="516077" spans="14:14">
      <c r="N516077" s="10"/>
    </row>
    <row r="516078" spans="14:14">
      <c r="N516078" s="10"/>
    </row>
    <row r="516079" spans="14:14">
      <c r="N516079" s="10"/>
    </row>
    <row r="516080" spans="14:14">
      <c r="N516080" s="10"/>
    </row>
    <row r="516081" spans="14:14">
      <c r="N516081" s="10"/>
    </row>
    <row r="516082" spans="14:14">
      <c r="N516082" s="10"/>
    </row>
    <row r="516083" spans="14:14">
      <c r="N516083" s="10"/>
    </row>
    <row r="516084" spans="14:14">
      <c r="N516084" s="10"/>
    </row>
    <row r="516085" spans="14:14">
      <c r="N516085" s="10"/>
    </row>
    <row r="516086" spans="14:14">
      <c r="N516086" s="10"/>
    </row>
    <row r="516087" spans="14:14">
      <c r="N516087" s="10"/>
    </row>
    <row r="516088" spans="14:14">
      <c r="N516088" s="10"/>
    </row>
    <row r="516089" spans="14:14">
      <c r="N516089" s="10"/>
    </row>
    <row r="516090" spans="14:14">
      <c r="N516090" s="10"/>
    </row>
    <row r="516091" spans="14:14">
      <c r="N516091" s="10"/>
    </row>
    <row r="516092" spans="14:14">
      <c r="N516092" s="10"/>
    </row>
    <row r="516093" spans="14:14">
      <c r="N516093" s="10"/>
    </row>
    <row r="516094" spans="14:14">
      <c r="N516094" s="10"/>
    </row>
    <row r="516095" spans="14:14">
      <c r="N516095" s="10"/>
    </row>
    <row r="516096" spans="14:14">
      <c r="N516096" s="10"/>
    </row>
    <row r="516097" spans="14:14">
      <c r="N516097" s="10"/>
    </row>
    <row r="516098" spans="14:14">
      <c r="N516098" s="10"/>
    </row>
    <row r="516099" spans="14:14">
      <c r="N516099" s="10"/>
    </row>
    <row r="516100" spans="14:14">
      <c r="N516100" s="10"/>
    </row>
    <row r="516101" spans="14:14">
      <c r="N516101" s="10"/>
    </row>
    <row r="516102" spans="14:14">
      <c r="N516102" s="10"/>
    </row>
    <row r="516103" spans="14:14">
      <c r="N516103" s="10"/>
    </row>
    <row r="516104" spans="14:14">
      <c r="N516104" s="10"/>
    </row>
    <row r="516105" spans="14:14">
      <c r="N516105" s="10"/>
    </row>
    <row r="516106" spans="14:14">
      <c r="N516106" s="10"/>
    </row>
    <row r="516107" spans="14:14">
      <c r="N516107" s="10"/>
    </row>
    <row r="516108" spans="14:14">
      <c r="N516108" s="10"/>
    </row>
    <row r="516109" spans="14:14">
      <c r="N516109" s="10"/>
    </row>
    <row r="516110" spans="14:14">
      <c r="N516110" s="10"/>
    </row>
    <row r="516111" spans="14:14">
      <c r="N516111" s="10"/>
    </row>
    <row r="516112" spans="14:14">
      <c r="N516112" s="10"/>
    </row>
    <row r="516113" spans="14:14">
      <c r="N516113" s="10"/>
    </row>
    <row r="516114" spans="14:14">
      <c r="N516114" s="10"/>
    </row>
    <row r="516115" spans="14:14">
      <c r="N516115" s="10"/>
    </row>
    <row r="516116" spans="14:14">
      <c r="N516116" s="10"/>
    </row>
    <row r="516117" spans="14:14">
      <c r="N516117" s="10"/>
    </row>
    <row r="516118" spans="14:14">
      <c r="N516118" s="10"/>
    </row>
    <row r="516119" spans="14:14">
      <c r="N516119" s="10"/>
    </row>
    <row r="516120" spans="14:14">
      <c r="N516120" s="10"/>
    </row>
    <row r="516121" spans="14:14">
      <c r="N516121" s="10"/>
    </row>
    <row r="516122" spans="14:14">
      <c r="N516122" s="10"/>
    </row>
    <row r="516123" spans="14:14">
      <c r="N516123" s="10"/>
    </row>
    <row r="516124" spans="14:14">
      <c r="N516124" s="10"/>
    </row>
    <row r="516125" spans="14:14">
      <c r="N516125" s="10"/>
    </row>
    <row r="516126" spans="14:14">
      <c r="N516126" s="10"/>
    </row>
    <row r="516127" spans="14:14">
      <c r="N516127" s="10"/>
    </row>
    <row r="516128" spans="14:14">
      <c r="N516128" s="10"/>
    </row>
    <row r="516129" spans="14:14">
      <c r="N516129" s="10"/>
    </row>
    <row r="516130" spans="14:14">
      <c r="N516130" s="10"/>
    </row>
    <row r="516131" spans="14:14">
      <c r="N516131" s="10"/>
    </row>
    <row r="516132" spans="14:14">
      <c r="N516132" s="10"/>
    </row>
    <row r="516133" spans="14:14">
      <c r="N516133" s="10"/>
    </row>
    <row r="516134" spans="14:14">
      <c r="N516134" s="10"/>
    </row>
    <row r="516135" spans="14:14">
      <c r="N516135" s="10"/>
    </row>
    <row r="516136" spans="14:14">
      <c r="N516136" s="10"/>
    </row>
    <row r="516137" spans="14:14">
      <c r="N516137" s="10"/>
    </row>
    <row r="516138" spans="14:14">
      <c r="N516138" s="10"/>
    </row>
    <row r="516139" spans="14:14">
      <c r="N516139" s="10"/>
    </row>
    <row r="516140" spans="14:14">
      <c r="N516140" s="10"/>
    </row>
    <row r="516141" spans="14:14">
      <c r="N516141" s="10"/>
    </row>
    <row r="516142" spans="14:14">
      <c r="N516142" s="10"/>
    </row>
    <row r="516143" spans="14:14">
      <c r="N516143" s="10"/>
    </row>
    <row r="516144" spans="14:14">
      <c r="N516144" s="10"/>
    </row>
    <row r="516145" spans="14:14">
      <c r="N516145" s="10"/>
    </row>
    <row r="516146" spans="14:14">
      <c r="N516146" s="10"/>
    </row>
    <row r="516147" spans="14:14">
      <c r="N516147" s="10"/>
    </row>
    <row r="516148" spans="14:14">
      <c r="N516148" s="10"/>
    </row>
    <row r="516149" spans="14:14">
      <c r="N516149" s="10"/>
    </row>
    <row r="516150" spans="14:14">
      <c r="N516150" s="10"/>
    </row>
    <row r="516151" spans="14:14">
      <c r="N516151" s="10"/>
    </row>
    <row r="516152" spans="14:14">
      <c r="N516152" s="10"/>
    </row>
    <row r="516153" spans="14:14">
      <c r="N516153" s="10"/>
    </row>
    <row r="516154" spans="14:14">
      <c r="N516154" s="10"/>
    </row>
    <row r="516155" spans="14:14">
      <c r="N516155" s="10"/>
    </row>
    <row r="516156" spans="14:14">
      <c r="N516156" s="10"/>
    </row>
    <row r="516157" spans="14:14">
      <c r="N516157" s="10"/>
    </row>
    <row r="516158" spans="14:14">
      <c r="N516158" s="10"/>
    </row>
    <row r="516159" spans="14:14">
      <c r="N516159" s="10"/>
    </row>
    <row r="516160" spans="14:14">
      <c r="N516160" s="10"/>
    </row>
    <row r="516161" spans="14:14">
      <c r="N516161" s="10"/>
    </row>
    <row r="516162" spans="14:14">
      <c r="N516162" s="10"/>
    </row>
    <row r="516163" spans="14:14">
      <c r="N516163" s="10"/>
    </row>
    <row r="516164" spans="14:14">
      <c r="N516164" s="10"/>
    </row>
    <row r="516165" spans="14:14">
      <c r="N516165" s="10"/>
    </row>
    <row r="516166" spans="14:14">
      <c r="N516166" s="10"/>
    </row>
    <row r="516167" spans="14:14">
      <c r="N516167" s="10"/>
    </row>
    <row r="516168" spans="14:14">
      <c r="N516168" s="10"/>
    </row>
    <row r="516169" spans="14:14">
      <c r="N516169" s="10"/>
    </row>
    <row r="516170" spans="14:14">
      <c r="N516170" s="10"/>
    </row>
    <row r="516171" spans="14:14">
      <c r="N516171" s="10"/>
    </row>
    <row r="516172" spans="14:14">
      <c r="N516172" s="10"/>
    </row>
    <row r="516173" spans="14:14">
      <c r="N516173" s="10"/>
    </row>
    <row r="516174" spans="14:14">
      <c r="N516174" s="10"/>
    </row>
    <row r="516175" spans="14:14">
      <c r="N516175" s="10"/>
    </row>
    <row r="516176" spans="14:14">
      <c r="N516176" s="10"/>
    </row>
    <row r="516177" spans="14:14">
      <c r="N516177" s="10"/>
    </row>
    <row r="516178" spans="14:14">
      <c r="N516178" s="10"/>
    </row>
    <row r="516179" spans="14:14">
      <c r="N516179" s="10"/>
    </row>
    <row r="516180" spans="14:14">
      <c r="N516180" s="10"/>
    </row>
    <row r="516181" spans="14:14">
      <c r="N516181" s="10"/>
    </row>
    <row r="516182" spans="14:14">
      <c r="N516182" s="10"/>
    </row>
    <row r="516183" spans="14:14">
      <c r="N516183" s="10"/>
    </row>
    <row r="516184" spans="14:14">
      <c r="N516184" s="10"/>
    </row>
    <row r="516185" spans="14:14">
      <c r="N516185" s="10"/>
    </row>
    <row r="516186" spans="14:14">
      <c r="N516186" s="10"/>
    </row>
    <row r="516187" spans="14:14">
      <c r="N516187" s="10"/>
    </row>
    <row r="516188" spans="14:14">
      <c r="N516188" s="10"/>
    </row>
    <row r="516189" spans="14:14">
      <c r="N516189" s="10"/>
    </row>
    <row r="516190" spans="14:14">
      <c r="N516190" s="10"/>
    </row>
    <row r="516191" spans="14:14">
      <c r="N516191" s="10"/>
    </row>
    <row r="516192" spans="14:14">
      <c r="N516192" s="10"/>
    </row>
    <row r="516193" spans="14:14">
      <c r="N516193" s="10"/>
    </row>
    <row r="516194" spans="14:14">
      <c r="N516194" s="10"/>
    </row>
    <row r="516195" spans="14:14">
      <c r="N516195" s="10"/>
    </row>
    <row r="516196" spans="14:14">
      <c r="N516196" s="10"/>
    </row>
    <row r="516197" spans="14:14">
      <c r="N516197" s="10"/>
    </row>
    <row r="516198" spans="14:14">
      <c r="N516198" s="10"/>
    </row>
    <row r="516199" spans="14:14">
      <c r="N516199" s="10"/>
    </row>
    <row r="516200" spans="14:14">
      <c r="N516200" s="10"/>
    </row>
    <row r="516201" spans="14:14">
      <c r="N516201" s="10"/>
    </row>
    <row r="516202" spans="14:14">
      <c r="N516202" s="10"/>
    </row>
    <row r="516203" spans="14:14">
      <c r="N516203" s="10"/>
    </row>
    <row r="516204" spans="14:14">
      <c r="N516204" s="10"/>
    </row>
    <row r="516205" spans="14:14">
      <c r="N516205" s="10"/>
    </row>
    <row r="516206" spans="14:14">
      <c r="N516206" s="10"/>
    </row>
    <row r="516207" spans="14:14">
      <c r="N516207" s="10"/>
    </row>
    <row r="516208" spans="14:14">
      <c r="N516208" s="10"/>
    </row>
    <row r="516209" spans="14:14">
      <c r="N516209" s="10"/>
    </row>
    <row r="516210" spans="14:14">
      <c r="N516210" s="10"/>
    </row>
    <row r="516211" spans="14:14">
      <c r="N516211" s="10"/>
    </row>
    <row r="516212" spans="14:14">
      <c r="N516212" s="10"/>
    </row>
    <row r="516213" spans="14:14">
      <c r="N516213" s="10"/>
    </row>
    <row r="516214" spans="14:14">
      <c r="N516214" s="10"/>
    </row>
    <row r="516215" spans="14:14">
      <c r="N516215" s="10"/>
    </row>
    <row r="516216" spans="14:14">
      <c r="N516216" s="10"/>
    </row>
    <row r="516217" spans="14:14">
      <c r="N516217" s="10"/>
    </row>
    <row r="516218" spans="14:14">
      <c r="N516218" s="10"/>
    </row>
    <row r="516219" spans="14:14">
      <c r="N516219" s="10"/>
    </row>
    <row r="516220" spans="14:14">
      <c r="N516220" s="10"/>
    </row>
    <row r="516221" spans="14:14">
      <c r="N516221" s="10"/>
    </row>
    <row r="516222" spans="14:14">
      <c r="N516222" s="10"/>
    </row>
    <row r="516223" spans="14:14">
      <c r="N516223" s="10"/>
    </row>
    <row r="516224" spans="14:14">
      <c r="N516224" s="10"/>
    </row>
    <row r="516225" spans="14:14">
      <c r="N516225" s="10"/>
    </row>
    <row r="516226" spans="14:14">
      <c r="N516226" s="10"/>
    </row>
    <row r="516227" spans="14:14">
      <c r="N516227" s="10"/>
    </row>
    <row r="516228" spans="14:14">
      <c r="N516228" s="10"/>
    </row>
    <row r="516229" spans="14:14">
      <c r="N516229" s="10"/>
    </row>
    <row r="516230" spans="14:14">
      <c r="N516230" s="10"/>
    </row>
    <row r="516231" spans="14:14">
      <c r="N516231" s="10"/>
    </row>
    <row r="516232" spans="14:14">
      <c r="N516232" s="10"/>
    </row>
    <row r="516233" spans="14:14">
      <c r="N516233" s="10"/>
    </row>
    <row r="516234" spans="14:14">
      <c r="N516234" s="10"/>
    </row>
    <row r="516235" spans="14:14">
      <c r="N516235" s="10"/>
    </row>
    <row r="516236" spans="14:14">
      <c r="N516236" s="10"/>
    </row>
    <row r="516237" spans="14:14">
      <c r="N516237" s="10"/>
    </row>
    <row r="516238" spans="14:14">
      <c r="N516238" s="10"/>
    </row>
    <row r="516239" spans="14:14">
      <c r="N516239" s="10"/>
    </row>
    <row r="516240" spans="14:14">
      <c r="N516240" s="10"/>
    </row>
    <row r="516241" spans="14:14">
      <c r="N516241" s="10"/>
    </row>
    <row r="516242" spans="14:14">
      <c r="N516242" s="10"/>
    </row>
    <row r="516243" spans="14:14">
      <c r="N516243" s="10"/>
    </row>
    <row r="516244" spans="14:14">
      <c r="N516244" s="10"/>
    </row>
    <row r="516245" spans="14:14">
      <c r="N516245" s="10"/>
    </row>
    <row r="516246" spans="14:14">
      <c r="N516246" s="10"/>
    </row>
    <row r="516247" spans="14:14">
      <c r="N516247" s="10"/>
    </row>
    <row r="516248" spans="14:14">
      <c r="N516248" s="10"/>
    </row>
    <row r="516249" spans="14:14">
      <c r="N516249" s="10"/>
    </row>
    <row r="516250" spans="14:14">
      <c r="N516250" s="10"/>
    </row>
    <row r="516251" spans="14:14">
      <c r="N516251" s="10"/>
    </row>
    <row r="516252" spans="14:14">
      <c r="N516252" s="10"/>
    </row>
    <row r="516253" spans="14:14">
      <c r="N516253" s="10"/>
    </row>
    <row r="516254" spans="14:14">
      <c r="N516254" s="10"/>
    </row>
    <row r="516255" spans="14:14">
      <c r="N516255" s="10"/>
    </row>
    <row r="516256" spans="14:14">
      <c r="N516256" s="10"/>
    </row>
    <row r="516257" spans="14:14">
      <c r="N516257" s="10"/>
    </row>
    <row r="516258" spans="14:14">
      <c r="N516258" s="10"/>
    </row>
    <row r="516259" spans="14:14">
      <c r="N516259" s="10"/>
    </row>
    <row r="516260" spans="14:14">
      <c r="N516260" s="10"/>
    </row>
    <row r="516261" spans="14:14">
      <c r="N516261" s="10"/>
    </row>
    <row r="516262" spans="14:14">
      <c r="N516262" s="10"/>
    </row>
    <row r="516263" spans="14:14">
      <c r="N516263" s="10"/>
    </row>
    <row r="516264" spans="14:14">
      <c r="N516264" s="10"/>
    </row>
    <row r="516265" spans="14:14">
      <c r="N516265" s="10"/>
    </row>
    <row r="516266" spans="14:14">
      <c r="N516266" s="10"/>
    </row>
    <row r="516267" spans="14:14">
      <c r="N516267" s="10"/>
    </row>
    <row r="516268" spans="14:14">
      <c r="N516268" s="10"/>
    </row>
    <row r="516269" spans="14:14">
      <c r="N516269" s="10"/>
    </row>
    <row r="516270" spans="14:14">
      <c r="N516270" s="10"/>
    </row>
    <row r="516271" spans="14:14">
      <c r="N516271" s="10"/>
    </row>
    <row r="516272" spans="14:14">
      <c r="N516272" s="10"/>
    </row>
    <row r="516273" spans="14:14">
      <c r="N516273" s="10"/>
    </row>
    <row r="516274" spans="14:14">
      <c r="N516274" s="10"/>
    </row>
    <row r="516275" spans="14:14">
      <c r="N516275" s="10"/>
    </row>
    <row r="516276" spans="14:14">
      <c r="N516276" s="10"/>
    </row>
    <row r="516277" spans="14:14">
      <c r="N516277" s="10"/>
    </row>
    <row r="516278" spans="14:14">
      <c r="N516278" s="10"/>
    </row>
    <row r="516279" spans="14:14">
      <c r="N516279" s="10"/>
    </row>
    <row r="516280" spans="14:14">
      <c r="N516280" s="10"/>
    </row>
    <row r="516281" spans="14:14">
      <c r="N516281" s="10"/>
    </row>
    <row r="516282" spans="14:14">
      <c r="N516282" s="10"/>
    </row>
    <row r="516283" spans="14:14">
      <c r="N516283" s="10"/>
    </row>
    <row r="516284" spans="14:14">
      <c r="N516284" s="10"/>
    </row>
    <row r="516285" spans="14:14">
      <c r="N516285" s="10"/>
    </row>
    <row r="516286" spans="14:14">
      <c r="N516286" s="10"/>
    </row>
    <row r="516287" spans="14:14">
      <c r="N516287" s="10"/>
    </row>
    <row r="516288" spans="14:14">
      <c r="N516288" s="10"/>
    </row>
    <row r="516289" spans="14:14">
      <c r="N516289" s="10"/>
    </row>
    <row r="516290" spans="14:14">
      <c r="N516290" s="10"/>
    </row>
    <row r="516291" spans="14:14">
      <c r="N516291" s="10"/>
    </row>
    <row r="516292" spans="14:14">
      <c r="N516292" s="10"/>
    </row>
    <row r="516293" spans="14:14">
      <c r="N516293" s="10"/>
    </row>
    <row r="516294" spans="14:14">
      <c r="N516294" s="10"/>
    </row>
    <row r="516295" spans="14:14">
      <c r="N516295" s="10"/>
    </row>
    <row r="516296" spans="14:14">
      <c r="N516296" s="10"/>
    </row>
    <row r="516297" spans="14:14">
      <c r="N516297" s="10"/>
    </row>
    <row r="516298" spans="14:14">
      <c r="N516298" s="10"/>
    </row>
    <row r="516299" spans="14:14">
      <c r="N516299" s="10"/>
    </row>
    <row r="516300" spans="14:14">
      <c r="N516300" s="10"/>
    </row>
    <row r="516301" spans="14:14">
      <c r="N516301" s="10"/>
    </row>
    <row r="516302" spans="14:14">
      <c r="N516302" s="10"/>
    </row>
    <row r="516303" spans="14:14">
      <c r="N516303" s="10"/>
    </row>
    <row r="516304" spans="14:14">
      <c r="N516304" s="10"/>
    </row>
    <row r="516305" spans="14:14">
      <c r="N516305" s="10"/>
    </row>
    <row r="516306" spans="14:14">
      <c r="N516306" s="10"/>
    </row>
    <row r="516307" spans="14:14">
      <c r="N516307" s="10"/>
    </row>
    <row r="516308" spans="14:14">
      <c r="N516308" s="10"/>
    </row>
    <row r="516309" spans="14:14">
      <c r="N516309" s="10"/>
    </row>
    <row r="516310" spans="14:14">
      <c r="N516310" s="10"/>
    </row>
    <row r="516311" spans="14:14">
      <c r="N516311" s="10"/>
    </row>
    <row r="516312" spans="14:14">
      <c r="N516312" s="10"/>
    </row>
    <row r="516313" spans="14:14">
      <c r="N516313" s="10"/>
    </row>
    <row r="516314" spans="14:14">
      <c r="N516314" s="10"/>
    </row>
    <row r="516315" spans="14:14">
      <c r="N516315" s="10"/>
    </row>
    <row r="516316" spans="14:14">
      <c r="N516316" s="10"/>
    </row>
    <row r="516317" spans="14:14">
      <c r="N516317" s="10"/>
    </row>
    <row r="516318" spans="14:14">
      <c r="N516318" s="10"/>
    </row>
    <row r="516319" spans="14:14">
      <c r="N516319" s="10"/>
    </row>
    <row r="516320" spans="14:14">
      <c r="N516320" s="10"/>
    </row>
    <row r="516321" spans="14:14">
      <c r="N516321" s="10"/>
    </row>
    <row r="516322" spans="14:14">
      <c r="N516322" s="10"/>
    </row>
    <row r="516323" spans="14:14">
      <c r="N516323" s="10"/>
    </row>
    <row r="516324" spans="14:14">
      <c r="N516324" s="10"/>
    </row>
    <row r="516325" spans="14:14">
      <c r="N516325" s="10"/>
    </row>
    <row r="516326" spans="14:14">
      <c r="N516326" s="10"/>
    </row>
    <row r="516327" spans="14:14">
      <c r="N516327" s="10"/>
    </row>
    <row r="516328" spans="14:14">
      <c r="N516328" s="10"/>
    </row>
    <row r="516329" spans="14:14">
      <c r="N516329" s="10"/>
    </row>
    <row r="516330" spans="14:14">
      <c r="N516330" s="10"/>
    </row>
    <row r="516331" spans="14:14">
      <c r="N516331" s="10"/>
    </row>
    <row r="516332" spans="14:14">
      <c r="N516332" s="10"/>
    </row>
    <row r="516333" spans="14:14">
      <c r="N516333" s="10"/>
    </row>
    <row r="516334" spans="14:14">
      <c r="N516334" s="10"/>
    </row>
    <row r="516335" spans="14:14">
      <c r="N516335" s="10"/>
    </row>
    <row r="516336" spans="14:14">
      <c r="N516336" s="10"/>
    </row>
    <row r="516337" spans="14:14">
      <c r="N516337" s="10"/>
    </row>
    <row r="516338" spans="14:14">
      <c r="N516338" s="10"/>
    </row>
    <row r="516339" spans="14:14">
      <c r="N516339" s="10"/>
    </row>
    <row r="516340" spans="14:14">
      <c r="N516340" s="10"/>
    </row>
    <row r="516341" spans="14:14">
      <c r="N516341" s="10"/>
    </row>
    <row r="516342" spans="14:14">
      <c r="N516342" s="10"/>
    </row>
    <row r="516343" spans="14:14">
      <c r="N516343" s="10"/>
    </row>
    <row r="516344" spans="14:14">
      <c r="N516344" s="10"/>
    </row>
    <row r="516345" spans="14:14">
      <c r="N516345" s="10"/>
    </row>
    <row r="516346" spans="14:14">
      <c r="N516346" s="10"/>
    </row>
    <row r="516347" spans="14:14">
      <c r="N516347" s="10"/>
    </row>
    <row r="516348" spans="14:14">
      <c r="N516348" s="10"/>
    </row>
    <row r="516349" spans="14:14">
      <c r="N516349" s="10"/>
    </row>
    <row r="516350" spans="14:14">
      <c r="N516350" s="10"/>
    </row>
    <row r="516351" spans="14:14">
      <c r="N516351" s="10"/>
    </row>
    <row r="516352" spans="14:14">
      <c r="N516352" s="10"/>
    </row>
    <row r="516353" spans="14:14">
      <c r="N516353" s="10"/>
    </row>
    <row r="516354" spans="14:14">
      <c r="N516354" s="10"/>
    </row>
    <row r="516355" spans="14:14">
      <c r="N516355" s="10"/>
    </row>
    <row r="516356" spans="14:14">
      <c r="N516356" s="10"/>
    </row>
    <row r="516357" spans="14:14">
      <c r="N516357" s="10"/>
    </row>
    <row r="516358" spans="14:14">
      <c r="N516358" s="10"/>
    </row>
    <row r="516359" spans="14:14">
      <c r="N516359" s="10"/>
    </row>
    <row r="516360" spans="14:14">
      <c r="N516360" s="10"/>
    </row>
    <row r="516361" spans="14:14">
      <c r="N516361" s="10"/>
    </row>
    <row r="516362" spans="14:14">
      <c r="N516362" s="10"/>
    </row>
    <row r="516363" spans="14:14">
      <c r="N516363" s="10"/>
    </row>
    <row r="516364" spans="14:14">
      <c r="N516364" s="10"/>
    </row>
    <row r="516365" spans="14:14">
      <c r="N516365" s="10"/>
    </row>
    <row r="516366" spans="14:14">
      <c r="N516366" s="10"/>
    </row>
    <row r="516367" spans="14:14">
      <c r="N516367" s="10"/>
    </row>
    <row r="516368" spans="14:14">
      <c r="N516368" s="10"/>
    </row>
    <row r="516369" spans="14:14">
      <c r="N516369" s="10"/>
    </row>
    <row r="516370" spans="14:14">
      <c r="N516370" s="10"/>
    </row>
    <row r="516371" spans="14:14">
      <c r="N516371" s="10"/>
    </row>
    <row r="516372" spans="14:14">
      <c r="N516372" s="10"/>
    </row>
    <row r="516373" spans="14:14">
      <c r="N516373" s="10"/>
    </row>
    <row r="516374" spans="14:14">
      <c r="N516374" s="10"/>
    </row>
    <row r="516375" spans="14:14">
      <c r="N516375" s="10"/>
    </row>
    <row r="516376" spans="14:14">
      <c r="N516376" s="10"/>
    </row>
    <row r="516377" spans="14:14">
      <c r="N516377" s="10"/>
    </row>
    <row r="516378" spans="14:14">
      <c r="N516378" s="10"/>
    </row>
    <row r="516379" spans="14:14">
      <c r="N516379" s="10"/>
    </row>
    <row r="516380" spans="14:14">
      <c r="N516380" s="10"/>
    </row>
    <row r="516381" spans="14:14">
      <c r="N516381" s="10"/>
    </row>
    <row r="516382" spans="14:14">
      <c r="N516382" s="10"/>
    </row>
    <row r="516383" spans="14:14">
      <c r="N516383" s="10"/>
    </row>
    <row r="516384" spans="14:14">
      <c r="N516384" s="10"/>
    </row>
    <row r="516385" spans="14:14">
      <c r="N516385" s="10"/>
    </row>
    <row r="516386" spans="14:14">
      <c r="N516386" s="10"/>
    </row>
    <row r="516387" spans="14:14">
      <c r="N516387" s="10"/>
    </row>
    <row r="516388" spans="14:14">
      <c r="N516388" s="10"/>
    </row>
    <row r="516389" spans="14:14">
      <c r="N516389" s="10"/>
    </row>
    <row r="516390" spans="14:14">
      <c r="N516390" s="10"/>
    </row>
    <row r="516391" spans="14:14">
      <c r="N516391" s="10"/>
    </row>
    <row r="516392" spans="14:14">
      <c r="N516392" s="10"/>
    </row>
    <row r="516393" spans="14:14">
      <c r="N516393" s="10"/>
    </row>
    <row r="516394" spans="14:14">
      <c r="N516394" s="10"/>
    </row>
    <row r="516395" spans="14:14">
      <c r="N516395" s="10"/>
    </row>
    <row r="516396" spans="14:14">
      <c r="N516396" s="10"/>
    </row>
    <row r="516397" spans="14:14">
      <c r="N516397" s="10"/>
    </row>
    <row r="516398" spans="14:14">
      <c r="N516398" s="10"/>
    </row>
    <row r="516399" spans="14:14">
      <c r="N516399" s="10"/>
    </row>
    <row r="516400" spans="14:14">
      <c r="N516400" s="10"/>
    </row>
    <row r="516401" spans="14:14">
      <c r="N516401" s="10"/>
    </row>
    <row r="516402" spans="14:14">
      <c r="N516402" s="10"/>
    </row>
    <row r="516403" spans="14:14">
      <c r="N516403" s="10"/>
    </row>
    <row r="516404" spans="14:14">
      <c r="N516404" s="10"/>
    </row>
    <row r="516405" spans="14:14">
      <c r="N516405" s="10"/>
    </row>
    <row r="516406" spans="14:14">
      <c r="N516406" s="10"/>
    </row>
    <row r="516407" spans="14:14">
      <c r="N516407" s="10"/>
    </row>
    <row r="516408" spans="14:14">
      <c r="N516408" s="10"/>
    </row>
    <row r="516409" spans="14:14">
      <c r="N516409" s="10"/>
    </row>
    <row r="516410" spans="14:14">
      <c r="N516410" s="10"/>
    </row>
    <row r="516411" spans="14:14">
      <c r="N516411" s="10"/>
    </row>
    <row r="516412" spans="14:14">
      <c r="N516412" s="10"/>
    </row>
    <row r="516413" spans="14:14">
      <c r="N516413" s="10"/>
    </row>
    <row r="516414" spans="14:14">
      <c r="N516414" s="10"/>
    </row>
    <row r="516415" spans="14:14">
      <c r="N516415" s="10"/>
    </row>
    <row r="516416" spans="14:14">
      <c r="N516416" s="10"/>
    </row>
    <row r="516417" spans="14:14">
      <c r="N516417" s="10"/>
    </row>
    <row r="516418" spans="14:14">
      <c r="N516418" s="10"/>
    </row>
    <row r="516419" spans="14:14">
      <c r="N516419" s="10"/>
    </row>
    <row r="516420" spans="14:14">
      <c r="N516420" s="10"/>
    </row>
    <row r="516421" spans="14:14">
      <c r="N516421" s="10"/>
    </row>
    <row r="516422" spans="14:14">
      <c r="N516422" s="10"/>
    </row>
    <row r="516423" spans="14:14">
      <c r="N516423" s="10"/>
    </row>
    <row r="516424" spans="14:14">
      <c r="N516424" s="10"/>
    </row>
    <row r="516425" spans="14:14">
      <c r="N516425" s="10"/>
    </row>
    <row r="516426" spans="14:14">
      <c r="N516426" s="10"/>
    </row>
    <row r="516427" spans="14:14">
      <c r="N516427" s="10"/>
    </row>
    <row r="516428" spans="14:14">
      <c r="N516428" s="10"/>
    </row>
    <row r="516429" spans="14:14">
      <c r="N516429" s="10"/>
    </row>
    <row r="516430" spans="14:14">
      <c r="N516430" s="10"/>
    </row>
    <row r="516431" spans="14:14">
      <c r="N516431" s="10"/>
    </row>
    <row r="516432" spans="14:14">
      <c r="N516432" s="10"/>
    </row>
    <row r="516433" spans="14:14">
      <c r="N516433" s="10"/>
    </row>
    <row r="516434" spans="14:14">
      <c r="N516434" s="10"/>
    </row>
    <row r="516435" spans="14:14">
      <c r="N516435" s="10"/>
    </row>
    <row r="516436" spans="14:14">
      <c r="N516436" s="10"/>
    </row>
    <row r="516437" spans="14:14">
      <c r="N516437" s="10"/>
    </row>
    <row r="516438" spans="14:14">
      <c r="N516438" s="10"/>
    </row>
    <row r="516439" spans="14:14">
      <c r="N516439" s="10"/>
    </row>
    <row r="516440" spans="14:14">
      <c r="N516440" s="10"/>
    </row>
    <row r="516441" spans="14:14">
      <c r="N516441" s="10"/>
    </row>
    <row r="516442" spans="14:14">
      <c r="N516442" s="10"/>
    </row>
    <row r="516443" spans="14:14">
      <c r="N516443" s="10"/>
    </row>
    <row r="516444" spans="14:14">
      <c r="N516444" s="10"/>
    </row>
    <row r="516445" spans="14:14">
      <c r="N516445" s="10"/>
    </row>
    <row r="516446" spans="14:14">
      <c r="N516446" s="10"/>
    </row>
    <row r="516447" spans="14:14">
      <c r="N516447" s="10"/>
    </row>
    <row r="516448" spans="14:14">
      <c r="N516448" s="10"/>
    </row>
    <row r="516449" spans="14:14">
      <c r="N516449" s="10"/>
    </row>
    <row r="516450" spans="14:14">
      <c r="N516450" s="10"/>
    </row>
    <row r="516451" spans="14:14">
      <c r="N516451" s="10"/>
    </row>
    <row r="516452" spans="14:14">
      <c r="N516452" s="10"/>
    </row>
    <row r="516453" spans="14:14">
      <c r="N516453" s="10"/>
    </row>
    <row r="516454" spans="14:14">
      <c r="N516454" s="10"/>
    </row>
    <row r="516455" spans="14:14">
      <c r="N516455" s="10"/>
    </row>
    <row r="516456" spans="14:14">
      <c r="N516456" s="10"/>
    </row>
    <row r="516457" spans="14:14">
      <c r="N516457" s="10"/>
    </row>
    <row r="516458" spans="14:14">
      <c r="N516458" s="10"/>
    </row>
    <row r="516459" spans="14:14">
      <c r="N516459" s="10"/>
    </row>
    <row r="516460" spans="14:14">
      <c r="N516460" s="10"/>
    </row>
    <row r="516461" spans="14:14">
      <c r="N516461" s="10"/>
    </row>
    <row r="516462" spans="14:14">
      <c r="N516462" s="10"/>
    </row>
    <row r="516463" spans="14:14">
      <c r="N516463" s="10"/>
    </row>
    <row r="516464" spans="14:14">
      <c r="N516464" s="10"/>
    </row>
    <row r="516465" spans="14:14">
      <c r="N516465" s="10"/>
    </row>
    <row r="516466" spans="14:14">
      <c r="N516466" s="10"/>
    </row>
    <row r="516467" spans="14:14">
      <c r="N516467" s="10"/>
    </row>
    <row r="516468" spans="14:14">
      <c r="N516468" s="10"/>
    </row>
    <row r="516469" spans="14:14">
      <c r="N516469" s="10"/>
    </row>
    <row r="516470" spans="14:14">
      <c r="N516470" s="10"/>
    </row>
    <row r="516471" spans="14:14">
      <c r="N516471" s="10"/>
    </row>
    <row r="516472" spans="14:14">
      <c r="N516472" s="10"/>
    </row>
    <row r="516473" spans="14:14">
      <c r="N516473" s="10"/>
    </row>
    <row r="516474" spans="14:14">
      <c r="N516474" s="10"/>
    </row>
    <row r="516475" spans="14:14">
      <c r="N516475" s="10"/>
    </row>
    <row r="516476" spans="14:14">
      <c r="N516476" s="10"/>
    </row>
    <row r="516477" spans="14:14">
      <c r="N516477" s="10"/>
    </row>
    <row r="516478" spans="14:14">
      <c r="N516478" s="10"/>
    </row>
    <row r="516479" spans="14:14">
      <c r="N516479" s="10"/>
    </row>
    <row r="516480" spans="14:14">
      <c r="N516480" s="10"/>
    </row>
    <row r="516481" spans="14:14">
      <c r="N516481" s="10"/>
    </row>
    <row r="516482" spans="14:14">
      <c r="N516482" s="10"/>
    </row>
    <row r="516483" spans="14:14">
      <c r="N516483" s="10"/>
    </row>
    <row r="516484" spans="14:14">
      <c r="N516484" s="10"/>
    </row>
    <row r="516485" spans="14:14">
      <c r="N516485" s="10"/>
    </row>
    <row r="516486" spans="14:14">
      <c r="N516486" s="10"/>
    </row>
    <row r="516487" spans="14:14">
      <c r="N516487" s="10"/>
    </row>
    <row r="516488" spans="14:14">
      <c r="N516488" s="10"/>
    </row>
    <row r="516489" spans="14:14">
      <c r="N516489" s="10"/>
    </row>
    <row r="516490" spans="14:14">
      <c r="N516490" s="10"/>
    </row>
    <row r="516491" spans="14:14">
      <c r="N516491" s="10"/>
    </row>
    <row r="516492" spans="14:14">
      <c r="N516492" s="10"/>
    </row>
    <row r="516493" spans="14:14">
      <c r="N516493" s="10"/>
    </row>
    <row r="516494" spans="14:14">
      <c r="N516494" s="10"/>
    </row>
    <row r="516495" spans="14:14">
      <c r="N516495" s="10"/>
    </row>
    <row r="516496" spans="14:14">
      <c r="N516496" s="10"/>
    </row>
    <row r="516497" spans="14:14">
      <c r="N516497" s="10"/>
    </row>
    <row r="516498" spans="14:14">
      <c r="N516498" s="10"/>
    </row>
    <row r="516499" spans="14:14">
      <c r="N516499" s="10"/>
    </row>
    <row r="516500" spans="14:14">
      <c r="N516500" s="10"/>
    </row>
    <row r="516501" spans="14:14">
      <c r="N516501" s="10"/>
    </row>
    <row r="516502" spans="14:14">
      <c r="N516502" s="10"/>
    </row>
    <row r="516503" spans="14:14">
      <c r="N516503" s="10"/>
    </row>
    <row r="516504" spans="14:14">
      <c r="N516504" s="10"/>
    </row>
    <row r="516505" spans="14:14">
      <c r="N516505" s="10"/>
    </row>
    <row r="516506" spans="14:14">
      <c r="N516506" s="10"/>
    </row>
    <row r="516507" spans="14:14">
      <c r="N516507" s="10"/>
    </row>
    <row r="516508" spans="14:14">
      <c r="N516508" s="10"/>
    </row>
    <row r="516509" spans="14:14">
      <c r="N516509" s="10"/>
    </row>
    <row r="516510" spans="14:14">
      <c r="N516510" s="10"/>
    </row>
    <row r="516511" spans="14:14">
      <c r="N516511" s="10"/>
    </row>
    <row r="516512" spans="14:14">
      <c r="N516512" s="10"/>
    </row>
    <row r="516513" spans="14:14">
      <c r="N516513" s="10"/>
    </row>
    <row r="516514" spans="14:14">
      <c r="N516514" s="10"/>
    </row>
    <row r="516515" spans="14:14">
      <c r="N516515" s="10"/>
    </row>
    <row r="516516" spans="14:14">
      <c r="N516516" s="10"/>
    </row>
    <row r="516517" spans="14:14">
      <c r="N516517" s="10"/>
    </row>
    <row r="516518" spans="14:14">
      <c r="N516518" s="10"/>
    </row>
    <row r="516519" spans="14:14">
      <c r="N516519" s="10"/>
    </row>
    <row r="516520" spans="14:14">
      <c r="N516520" s="10"/>
    </row>
    <row r="516521" spans="14:14">
      <c r="N516521" s="10"/>
    </row>
    <row r="516522" spans="14:14">
      <c r="N516522" s="10"/>
    </row>
    <row r="516523" spans="14:14">
      <c r="N516523" s="10"/>
    </row>
    <row r="516524" spans="14:14">
      <c r="N516524" s="10"/>
    </row>
    <row r="516525" spans="14:14">
      <c r="N516525" s="10"/>
    </row>
    <row r="516526" spans="14:14">
      <c r="N516526" s="10"/>
    </row>
    <row r="516527" spans="14:14">
      <c r="N516527" s="10"/>
    </row>
    <row r="516528" spans="14:14">
      <c r="N516528" s="10"/>
    </row>
    <row r="516529" spans="14:14">
      <c r="N516529" s="10"/>
    </row>
    <row r="516530" spans="14:14">
      <c r="N516530" s="10"/>
    </row>
    <row r="516531" spans="14:14">
      <c r="N516531" s="10"/>
    </row>
    <row r="516532" spans="14:14">
      <c r="N516532" s="10"/>
    </row>
    <row r="516533" spans="14:14">
      <c r="N516533" s="10"/>
    </row>
    <row r="516534" spans="14:14">
      <c r="N516534" s="10"/>
    </row>
    <row r="516535" spans="14:14">
      <c r="N516535" s="10"/>
    </row>
    <row r="516536" spans="14:14">
      <c r="N516536" s="10"/>
    </row>
    <row r="516537" spans="14:14">
      <c r="N516537" s="10"/>
    </row>
    <row r="516538" spans="14:14">
      <c r="N516538" s="10"/>
    </row>
    <row r="516539" spans="14:14">
      <c r="N516539" s="10"/>
    </row>
    <row r="516540" spans="14:14">
      <c r="N516540" s="10"/>
    </row>
    <row r="516541" spans="14:14">
      <c r="N516541" s="10"/>
    </row>
    <row r="516542" spans="14:14">
      <c r="N516542" s="10"/>
    </row>
    <row r="516543" spans="14:14">
      <c r="N516543" s="10"/>
    </row>
    <row r="516544" spans="14:14">
      <c r="N516544" s="10"/>
    </row>
    <row r="516545" spans="14:14">
      <c r="N516545" s="10"/>
    </row>
    <row r="516546" spans="14:14">
      <c r="N516546" s="10"/>
    </row>
    <row r="516547" spans="14:14">
      <c r="N516547" s="10"/>
    </row>
    <row r="516548" spans="14:14">
      <c r="N516548" s="10"/>
    </row>
    <row r="516549" spans="14:14">
      <c r="N516549" s="10"/>
    </row>
    <row r="516550" spans="14:14">
      <c r="N516550" s="10"/>
    </row>
    <row r="516551" spans="14:14">
      <c r="N516551" s="10"/>
    </row>
    <row r="516552" spans="14:14">
      <c r="N516552" s="10"/>
    </row>
    <row r="516553" spans="14:14">
      <c r="N516553" s="10"/>
    </row>
    <row r="516554" spans="14:14">
      <c r="N516554" s="10"/>
    </row>
    <row r="516555" spans="14:14">
      <c r="N516555" s="10"/>
    </row>
    <row r="516556" spans="14:14">
      <c r="N516556" s="10"/>
    </row>
    <row r="516557" spans="14:14">
      <c r="N516557" s="10"/>
    </row>
    <row r="516558" spans="14:14">
      <c r="N516558" s="10"/>
    </row>
    <row r="516559" spans="14:14">
      <c r="N516559" s="10"/>
    </row>
    <row r="516560" spans="14:14">
      <c r="N516560" s="10"/>
    </row>
    <row r="516561" spans="14:14">
      <c r="N516561" s="10"/>
    </row>
    <row r="516562" spans="14:14">
      <c r="N516562" s="10"/>
    </row>
    <row r="516563" spans="14:14">
      <c r="N516563" s="10"/>
    </row>
    <row r="516564" spans="14:14">
      <c r="N516564" s="10"/>
    </row>
    <row r="516565" spans="14:14">
      <c r="N516565" s="10"/>
    </row>
    <row r="516566" spans="14:14">
      <c r="N516566" s="10"/>
    </row>
    <row r="516567" spans="14:14">
      <c r="N516567" s="10"/>
    </row>
    <row r="516568" spans="14:14">
      <c r="N516568" s="10"/>
    </row>
    <row r="516569" spans="14:14">
      <c r="N516569" s="10"/>
    </row>
    <row r="516570" spans="14:14">
      <c r="N516570" s="10"/>
    </row>
    <row r="516571" spans="14:14">
      <c r="N516571" s="10"/>
    </row>
    <row r="516572" spans="14:14">
      <c r="N516572" s="10"/>
    </row>
    <row r="516573" spans="14:14">
      <c r="N516573" s="10"/>
    </row>
    <row r="516574" spans="14:14">
      <c r="N516574" s="10"/>
    </row>
    <row r="516575" spans="14:14">
      <c r="N516575" s="10"/>
    </row>
    <row r="516576" spans="14:14">
      <c r="N516576" s="10"/>
    </row>
    <row r="516577" spans="14:14">
      <c r="N516577" s="10"/>
    </row>
    <row r="516578" spans="14:14">
      <c r="N516578" s="10"/>
    </row>
    <row r="516579" spans="14:14">
      <c r="N516579" s="10"/>
    </row>
    <row r="516580" spans="14:14">
      <c r="N516580" s="10"/>
    </row>
    <row r="516581" spans="14:14">
      <c r="N516581" s="10"/>
    </row>
    <row r="516582" spans="14:14">
      <c r="N516582" s="10"/>
    </row>
    <row r="516583" spans="14:14">
      <c r="N516583" s="10"/>
    </row>
    <row r="516584" spans="14:14">
      <c r="N516584" s="10"/>
    </row>
    <row r="516585" spans="14:14">
      <c r="N516585" s="10"/>
    </row>
    <row r="516586" spans="14:14">
      <c r="N516586" s="10"/>
    </row>
    <row r="516587" spans="14:14">
      <c r="N516587" s="10"/>
    </row>
    <row r="516588" spans="14:14">
      <c r="N516588" s="10"/>
    </row>
    <row r="516589" spans="14:14">
      <c r="N516589" s="10"/>
    </row>
    <row r="516590" spans="14:14">
      <c r="N516590" s="10"/>
    </row>
    <row r="516591" spans="14:14">
      <c r="N516591" s="10"/>
    </row>
    <row r="516592" spans="14:14">
      <c r="N516592" s="10"/>
    </row>
    <row r="516593" spans="14:14">
      <c r="N516593" s="10"/>
    </row>
    <row r="516594" spans="14:14">
      <c r="N516594" s="10"/>
    </row>
    <row r="516595" spans="14:14">
      <c r="N516595" s="10"/>
    </row>
    <row r="516596" spans="14:14">
      <c r="N516596" s="10"/>
    </row>
    <row r="516597" spans="14:14">
      <c r="N516597" s="10"/>
    </row>
    <row r="516598" spans="14:14">
      <c r="N516598" s="10"/>
    </row>
    <row r="516599" spans="14:14">
      <c r="N516599" s="10"/>
    </row>
    <row r="516600" spans="14:14">
      <c r="N516600" s="10"/>
    </row>
    <row r="516601" spans="14:14">
      <c r="N516601" s="10"/>
    </row>
    <row r="516602" spans="14:14">
      <c r="N516602" s="10"/>
    </row>
    <row r="516603" spans="14:14">
      <c r="N516603" s="10"/>
    </row>
    <row r="516604" spans="14:14">
      <c r="N516604" s="10"/>
    </row>
    <row r="516605" spans="14:14">
      <c r="N516605" s="10"/>
    </row>
    <row r="516606" spans="14:14">
      <c r="N516606" s="10"/>
    </row>
    <row r="516607" spans="14:14">
      <c r="N516607" s="10"/>
    </row>
    <row r="516608" spans="14:14">
      <c r="N516608" s="10"/>
    </row>
    <row r="516609" spans="14:14">
      <c r="N516609" s="10"/>
    </row>
    <row r="516610" spans="14:14">
      <c r="N516610" s="10"/>
    </row>
    <row r="516611" spans="14:14">
      <c r="N516611" s="10"/>
    </row>
    <row r="516612" spans="14:14">
      <c r="N516612" s="10"/>
    </row>
    <row r="516613" spans="14:14">
      <c r="N516613" s="10"/>
    </row>
    <row r="516614" spans="14:14">
      <c r="N516614" s="10"/>
    </row>
    <row r="516615" spans="14:14">
      <c r="N516615" s="10"/>
    </row>
    <row r="516616" spans="14:14">
      <c r="N516616" s="10"/>
    </row>
    <row r="516617" spans="14:14">
      <c r="N516617" s="10"/>
    </row>
    <row r="516618" spans="14:14">
      <c r="N516618" s="10"/>
    </row>
    <row r="516619" spans="14:14">
      <c r="N516619" s="10"/>
    </row>
    <row r="516620" spans="14:14">
      <c r="N516620" s="10"/>
    </row>
    <row r="516621" spans="14:14">
      <c r="N516621" s="10"/>
    </row>
    <row r="516622" spans="14:14">
      <c r="N516622" s="10"/>
    </row>
    <row r="516623" spans="14:14">
      <c r="N516623" s="10"/>
    </row>
    <row r="516624" spans="14:14">
      <c r="N516624" s="10"/>
    </row>
    <row r="516625" spans="14:14">
      <c r="N516625" s="10"/>
    </row>
    <row r="516626" spans="14:14">
      <c r="N516626" s="10"/>
    </row>
    <row r="516627" spans="14:14">
      <c r="N516627" s="10"/>
    </row>
    <row r="516628" spans="14:14">
      <c r="N516628" s="10"/>
    </row>
    <row r="516629" spans="14:14">
      <c r="N516629" s="10"/>
    </row>
    <row r="516630" spans="14:14">
      <c r="N516630" s="10"/>
    </row>
    <row r="516631" spans="14:14">
      <c r="N516631" s="10"/>
    </row>
    <row r="516632" spans="14:14">
      <c r="N516632" s="10"/>
    </row>
    <row r="516633" spans="14:14">
      <c r="N516633" s="10"/>
    </row>
    <row r="516634" spans="14:14">
      <c r="N516634" s="10"/>
    </row>
    <row r="516635" spans="14:14">
      <c r="N516635" s="10"/>
    </row>
    <row r="516636" spans="14:14">
      <c r="N516636" s="10"/>
    </row>
    <row r="516637" spans="14:14">
      <c r="N516637" s="10"/>
    </row>
    <row r="516638" spans="14:14">
      <c r="N516638" s="10"/>
    </row>
    <row r="516639" spans="14:14">
      <c r="N516639" s="10"/>
    </row>
    <row r="516640" spans="14:14">
      <c r="N516640" s="10"/>
    </row>
    <row r="516641" spans="14:14">
      <c r="N516641" s="10"/>
    </row>
    <row r="516642" spans="14:14">
      <c r="N516642" s="10"/>
    </row>
    <row r="516643" spans="14:14">
      <c r="N516643" s="10"/>
    </row>
    <row r="516644" spans="14:14">
      <c r="N516644" s="10"/>
    </row>
    <row r="516645" spans="14:14">
      <c r="N516645" s="10"/>
    </row>
    <row r="516646" spans="14:14">
      <c r="N516646" s="10"/>
    </row>
    <row r="516647" spans="14:14">
      <c r="N516647" s="10"/>
    </row>
    <row r="516648" spans="14:14">
      <c r="N516648" s="10"/>
    </row>
    <row r="516649" spans="14:14">
      <c r="N516649" s="10"/>
    </row>
    <row r="516650" spans="14:14">
      <c r="N516650" s="10"/>
    </row>
    <row r="516651" spans="14:14">
      <c r="N516651" s="10"/>
    </row>
    <row r="516652" spans="14:14">
      <c r="N516652" s="10"/>
    </row>
    <row r="516653" spans="14:14">
      <c r="N516653" s="10"/>
    </row>
    <row r="516654" spans="14:14">
      <c r="N516654" s="10"/>
    </row>
    <row r="516655" spans="14:14">
      <c r="N516655" s="10"/>
    </row>
    <row r="516656" spans="14:14">
      <c r="N516656" s="10"/>
    </row>
    <row r="516657" spans="14:14">
      <c r="N516657" s="10"/>
    </row>
    <row r="516658" spans="14:14">
      <c r="N516658" s="10"/>
    </row>
    <row r="516659" spans="14:14">
      <c r="N516659" s="10"/>
    </row>
    <row r="516660" spans="14:14">
      <c r="N516660" s="10"/>
    </row>
    <row r="516661" spans="14:14">
      <c r="N516661" s="10"/>
    </row>
    <row r="516662" spans="14:14">
      <c r="N516662" s="10"/>
    </row>
    <row r="516663" spans="14:14">
      <c r="N516663" s="10"/>
    </row>
    <row r="516664" spans="14:14">
      <c r="N516664" s="10"/>
    </row>
    <row r="516665" spans="14:14">
      <c r="N516665" s="10"/>
    </row>
    <row r="516666" spans="14:14">
      <c r="N516666" s="10"/>
    </row>
    <row r="516667" spans="14:14">
      <c r="N516667" s="10"/>
    </row>
    <row r="516668" spans="14:14">
      <c r="N516668" s="10"/>
    </row>
    <row r="516669" spans="14:14">
      <c r="N516669" s="10"/>
    </row>
    <row r="516670" spans="14:14">
      <c r="N516670" s="10"/>
    </row>
    <row r="516671" spans="14:14">
      <c r="N516671" s="10"/>
    </row>
    <row r="516672" spans="14:14">
      <c r="N516672" s="10"/>
    </row>
    <row r="516673" spans="14:14">
      <c r="N516673" s="10"/>
    </row>
    <row r="516674" spans="14:14">
      <c r="N516674" s="10"/>
    </row>
    <row r="516675" spans="14:14">
      <c r="N516675" s="10"/>
    </row>
    <row r="516676" spans="14:14">
      <c r="N516676" s="10"/>
    </row>
    <row r="516677" spans="14:14">
      <c r="N516677" s="10"/>
    </row>
    <row r="516678" spans="14:14">
      <c r="N516678" s="10"/>
    </row>
    <row r="516679" spans="14:14">
      <c r="N516679" s="10"/>
    </row>
    <row r="516680" spans="14:14">
      <c r="N516680" s="10"/>
    </row>
    <row r="516681" spans="14:14">
      <c r="N516681" s="10"/>
    </row>
    <row r="516682" spans="14:14">
      <c r="N516682" s="10"/>
    </row>
    <row r="516683" spans="14:14">
      <c r="N516683" s="10"/>
    </row>
    <row r="516684" spans="14:14">
      <c r="N516684" s="10"/>
    </row>
    <row r="516685" spans="14:14">
      <c r="N516685" s="10"/>
    </row>
    <row r="516686" spans="14:14">
      <c r="N516686" s="10"/>
    </row>
    <row r="516687" spans="14:14">
      <c r="N516687" s="10"/>
    </row>
    <row r="516688" spans="14:14">
      <c r="N516688" s="10"/>
    </row>
    <row r="516689" spans="14:14">
      <c r="N516689" s="10"/>
    </row>
    <row r="516690" spans="14:14">
      <c r="N516690" s="10"/>
    </row>
    <row r="516691" spans="14:14">
      <c r="N516691" s="10"/>
    </row>
    <row r="516692" spans="14:14">
      <c r="N516692" s="10"/>
    </row>
    <row r="516693" spans="14:14">
      <c r="N516693" s="10"/>
    </row>
    <row r="516694" spans="14:14">
      <c r="N516694" s="10"/>
    </row>
    <row r="516695" spans="14:14">
      <c r="N516695" s="10"/>
    </row>
    <row r="516696" spans="14:14">
      <c r="N516696" s="10"/>
    </row>
    <row r="516697" spans="14:14">
      <c r="N516697" s="10"/>
    </row>
    <row r="516698" spans="14:14">
      <c r="N516698" s="10"/>
    </row>
    <row r="516699" spans="14:14">
      <c r="N516699" s="10"/>
    </row>
    <row r="516700" spans="14:14">
      <c r="N516700" s="10"/>
    </row>
    <row r="516701" spans="14:14">
      <c r="N516701" s="10"/>
    </row>
    <row r="516702" spans="14:14">
      <c r="N516702" s="10"/>
    </row>
    <row r="516703" spans="14:14">
      <c r="N516703" s="10"/>
    </row>
    <row r="516704" spans="14:14">
      <c r="N516704" s="10"/>
    </row>
    <row r="516705" spans="14:14">
      <c r="N516705" s="10"/>
    </row>
    <row r="516706" spans="14:14">
      <c r="N516706" s="10"/>
    </row>
    <row r="516707" spans="14:14">
      <c r="N516707" s="10"/>
    </row>
    <row r="516708" spans="14:14">
      <c r="N516708" s="10"/>
    </row>
    <row r="516709" spans="14:14">
      <c r="N516709" s="10"/>
    </row>
    <row r="516710" spans="14:14">
      <c r="N516710" s="10"/>
    </row>
    <row r="516711" spans="14:14">
      <c r="N516711" s="10"/>
    </row>
    <row r="516712" spans="14:14">
      <c r="N516712" s="10"/>
    </row>
    <row r="516713" spans="14:14">
      <c r="N516713" s="10"/>
    </row>
    <row r="516714" spans="14:14">
      <c r="N516714" s="10"/>
    </row>
    <row r="516715" spans="14:14">
      <c r="N516715" s="10"/>
    </row>
    <row r="516716" spans="14:14">
      <c r="N516716" s="10"/>
    </row>
    <row r="516717" spans="14:14">
      <c r="N516717" s="10"/>
    </row>
    <row r="516718" spans="14:14">
      <c r="N516718" s="10"/>
    </row>
    <row r="516719" spans="14:14">
      <c r="N516719" s="10"/>
    </row>
    <row r="516720" spans="14:14">
      <c r="N516720" s="10"/>
    </row>
    <row r="516721" spans="14:14">
      <c r="N516721" s="10"/>
    </row>
    <row r="516722" spans="14:14">
      <c r="N516722" s="10"/>
    </row>
    <row r="516723" spans="14:14">
      <c r="N516723" s="10"/>
    </row>
    <row r="516724" spans="14:14">
      <c r="N516724" s="10"/>
    </row>
    <row r="516725" spans="14:14">
      <c r="N516725" s="10"/>
    </row>
    <row r="516726" spans="14:14">
      <c r="N516726" s="10"/>
    </row>
    <row r="516727" spans="14:14">
      <c r="N516727" s="10"/>
    </row>
    <row r="516728" spans="14:14">
      <c r="N516728" s="10"/>
    </row>
    <row r="516729" spans="14:14">
      <c r="N516729" s="10"/>
    </row>
    <row r="516730" spans="14:14">
      <c r="N516730" s="10"/>
    </row>
    <row r="516731" spans="14:14">
      <c r="N516731" s="10"/>
    </row>
    <row r="516732" spans="14:14">
      <c r="N516732" s="10"/>
    </row>
    <row r="516733" spans="14:14">
      <c r="N516733" s="10"/>
    </row>
    <row r="516734" spans="14:14">
      <c r="N516734" s="10"/>
    </row>
    <row r="516735" spans="14:14">
      <c r="N516735" s="10"/>
    </row>
    <row r="516736" spans="14:14">
      <c r="N516736" s="10"/>
    </row>
    <row r="516737" spans="14:14">
      <c r="N516737" s="10"/>
    </row>
    <row r="516738" spans="14:14">
      <c r="N516738" s="10"/>
    </row>
    <row r="516739" spans="14:14">
      <c r="N516739" s="10"/>
    </row>
    <row r="516740" spans="14:14">
      <c r="N516740" s="10"/>
    </row>
    <row r="516741" spans="14:14">
      <c r="N516741" s="10"/>
    </row>
    <row r="516742" spans="14:14">
      <c r="N516742" s="10"/>
    </row>
    <row r="516743" spans="14:14">
      <c r="N516743" s="10"/>
    </row>
    <row r="516744" spans="14:14">
      <c r="N516744" s="10"/>
    </row>
    <row r="516745" spans="14:14">
      <c r="N516745" s="10"/>
    </row>
    <row r="516746" spans="14:14">
      <c r="N516746" s="10"/>
    </row>
    <row r="516747" spans="14:14">
      <c r="N516747" s="10"/>
    </row>
    <row r="516748" spans="14:14">
      <c r="N516748" s="10"/>
    </row>
    <row r="516749" spans="14:14">
      <c r="N516749" s="10"/>
    </row>
    <row r="516750" spans="14:14">
      <c r="N516750" s="10"/>
    </row>
    <row r="516751" spans="14:14">
      <c r="N516751" s="10"/>
    </row>
    <row r="516752" spans="14:14">
      <c r="N516752" s="10"/>
    </row>
    <row r="516753" spans="14:14">
      <c r="N516753" s="10"/>
    </row>
    <row r="516754" spans="14:14">
      <c r="N516754" s="10"/>
    </row>
    <row r="516755" spans="14:14">
      <c r="N516755" s="10"/>
    </row>
    <row r="516756" spans="14:14">
      <c r="N516756" s="10"/>
    </row>
    <row r="516757" spans="14:14">
      <c r="N516757" s="10"/>
    </row>
    <row r="516758" spans="14:14">
      <c r="N516758" s="10"/>
    </row>
    <row r="516759" spans="14:14">
      <c r="N516759" s="10"/>
    </row>
    <row r="516760" spans="14:14">
      <c r="N516760" s="10"/>
    </row>
    <row r="516761" spans="14:14">
      <c r="N516761" s="10"/>
    </row>
    <row r="516762" spans="14:14">
      <c r="N516762" s="10"/>
    </row>
    <row r="516763" spans="14:14">
      <c r="N516763" s="10"/>
    </row>
    <row r="516764" spans="14:14">
      <c r="N516764" s="10"/>
    </row>
    <row r="516765" spans="14:14">
      <c r="N516765" s="10"/>
    </row>
    <row r="516766" spans="14:14">
      <c r="N516766" s="10"/>
    </row>
    <row r="516767" spans="14:14">
      <c r="N516767" s="10"/>
    </row>
    <row r="516768" spans="14:14">
      <c r="N516768" s="10"/>
    </row>
    <row r="516769" spans="14:14">
      <c r="N516769" s="10"/>
    </row>
    <row r="516770" spans="14:14">
      <c r="N516770" s="10"/>
    </row>
    <row r="516771" spans="14:14">
      <c r="N516771" s="10"/>
    </row>
    <row r="516772" spans="14:14">
      <c r="N516772" s="10"/>
    </row>
    <row r="516773" spans="14:14">
      <c r="N516773" s="10"/>
    </row>
    <row r="516774" spans="14:14">
      <c r="N516774" s="10"/>
    </row>
    <row r="516775" spans="14:14">
      <c r="N516775" s="10"/>
    </row>
    <row r="516776" spans="14:14">
      <c r="N516776" s="10"/>
    </row>
    <row r="516777" spans="14:14">
      <c r="N516777" s="10"/>
    </row>
    <row r="516778" spans="14:14">
      <c r="N516778" s="10"/>
    </row>
    <row r="516779" spans="14:14">
      <c r="N516779" s="10"/>
    </row>
    <row r="516780" spans="14:14">
      <c r="N516780" s="10"/>
    </row>
    <row r="516781" spans="14:14">
      <c r="N516781" s="10"/>
    </row>
    <row r="516782" spans="14:14">
      <c r="N516782" s="10"/>
    </row>
    <row r="516783" spans="14:14">
      <c r="N516783" s="10"/>
    </row>
    <row r="516784" spans="14:14">
      <c r="N516784" s="10"/>
    </row>
    <row r="516785" spans="14:14">
      <c r="N516785" s="10"/>
    </row>
    <row r="516786" spans="14:14">
      <c r="N516786" s="10"/>
    </row>
    <row r="516787" spans="14:14">
      <c r="N516787" s="10"/>
    </row>
    <row r="516788" spans="14:14">
      <c r="N516788" s="10"/>
    </row>
    <row r="516789" spans="14:14">
      <c r="N516789" s="10"/>
    </row>
    <row r="516790" spans="14:14">
      <c r="N516790" s="10"/>
    </row>
    <row r="516791" spans="14:14">
      <c r="N516791" s="10"/>
    </row>
    <row r="516792" spans="14:14">
      <c r="N516792" s="10"/>
    </row>
    <row r="516793" spans="14:14">
      <c r="N516793" s="10"/>
    </row>
    <row r="516794" spans="14:14">
      <c r="N516794" s="10"/>
    </row>
    <row r="516795" spans="14:14">
      <c r="N516795" s="10"/>
    </row>
    <row r="516796" spans="14:14">
      <c r="N516796" s="10"/>
    </row>
    <row r="516797" spans="14:14">
      <c r="N516797" s="10"/>
    </row>
    <row r="516798" spans="14:14">
      <c r="N516798" s="10"/>
    </row>
    <row r="516799" spans="14:14">
      <c r="N516799" s="10"/>
    </row>
    <row r="516800" spans="14:14">
      <c r="N516800" s="10"/>
    </row>
    <row r="516801" spans="14:14">
      <c r="N516801" s="10"/>
    </row>
    <row r="516802" spans="14:14">
      <c r="N516802" s="10"/>
    </row>
    <row r="516803" spans="14:14">
      <c r="N516803" s="10"/>
    </row>
    <row r="516804" spans="14:14">
      <c r="N516804" s="10"/>
    </row>
    <row r="516805" spans="14:14">
      <c r="N516805" s="10"/>
    </row>
    <row r="516806" spans="14:14">
      <c r="N516806" s="10"/>
    </row>
    <row r="516807" spans="14:14">
      <c r="N516807" s="10"/>
    </row>
    <row r="516808" spans="14:14">
      <c r="N516808" s="10"/>
    </row>
    <row r="516809" spans="14:14">
      <c r="N516809" s="10"/>
    </row>
    <row r="516810" spans="14:14">
      <c r="N516810" s="10"/>
    </row>
    <row r="516811" spans="14:14">
      <c r="N516811" s="10"/>
    </row>
    <row r="516812" spans="14:14">
      <c r="N516812" s="10"/>
    </row>
    <row r="516813" spans="14:14">
      <c r="N516813" s="10"/>
    </row>
    <row r="516814" spans="14:14">
      <c r="N516814" s="10"/>
    </row>
    <row r="516815" spans="14:14">
      <c r="N516815" s="10"/>
    </row>
    <row r="516816" spans="14:14">
      <c r="N516816" s="10"/>
    </row>
    <row r="516817" spans="14:14">
      <c r="N516817" s="10"/>
    </row>
    <row r="516818" spans="14:14">
      <c r="N516818" s="10"/>
    </row>
    <row r="516819" spans="14:14">
      <c r="N516819" s="10"/>
    </row>
    <row r="516820" spans="14:14">
      <c r="N516820" s="10"/>
    </row>
    <row r="516821" spans="14:14">
      <c r="N516821" s="10"/>
    </row>
    <row r="516822" spans="14:14">
      <c r="N516822" s="10"/>
    </row>
    <row r="516823" spans="14:14">
      <c r="N516823" s="10"/>
    </row>
    <row r="516824" spans="14:14">
      <c r="N516824" s="10"/>
    </row>
    <row r="516825" spans="14:14">
      <c r="N516825" s="10"/>
    </row>
    <row r="516826" spans="14:14">
      <c r="N516826" s="10"/>
    </row>
    <row r="516827" spans="14:14">
      <c r="N516827" s="10"/>
    </row>
    <row r="516828" spans="14:14">
      <c r="N516828" s="10"/>
    </row>
    <row r="516829" spans="14:14">
      <c r="N516829" s="10"/>
    </row>
    <row r="516830" spans="14:14">
      <c r="N516830" s="10"/>
    </row>
    <row r="516831" spans="14:14">
      <c r="N516831" s="10"/>
    </row>
    <row r="516832" spans="14:14">
      <c r="N516832" s="10"/>
    </row>
    <row r="516833" spans="14:14">
      <c r="N516833" s="10"/>
    </row>
    <row r="516834" spans="14:14">
      <c r="N516834" s="10"/>
    </row>
    <row r="516835" spans="14:14">
      <c r="N516835" s="10"/>
    </row>
    <row r="516836" spans="14:14">
      <c r="N516836" s="10"/>
    </row>
    <row r="516837" spans="14:14">
      <c r="N516837" s="10"/>
    </row>
    <row r="516838" spans="14:14">
      <c r="N516838" s="10"/>
    </row>
    <row r="516839" spans="14:14">
      <c r="N516839" s="10"/>
    </row>
    <row r="516840" spans="14:14">
      <c r="N516840" s="10"/>
    </row>
    <row r="516841" spans="14:14">
      <c r="N516841" s="10"/>
    </row>
    <row r="516842" spans="14:14">
      <c r="N516842" s="10"/>
    </row>
    <row r="516843" spans="14:14">
      <c r="N516843" s="10"/>
    </row>
    <row r="516844" spans="14:14">
      <c r="N516844" s="10"/>
    </row>
    <row r="516845" spans="14:14">
      <c r="N516845" s="10"/>
    </row>
    <row r="516846" spans="14:14">
      <c r="N516846" s="10"/>
    </row>
    <row r="516847" spans="14:14">
      <c r="N516847" s="10"/>
    </row>
    <row r="516848" spans="14:14">
      <c r="N516848" s="10"/>
    </row>
    <row r="516849" spans="14:14">
      <c r="N516849" s="10"/>
    </row>
    <row r="516850" spans="14:14">
      <c r="N516850" s="10"/>
    </row>
    <row r="516851" spans="14:14">
      <c r="N516851" s="10"/>
    </row>
    <row r="516852" spans="14:14">
      <c r="N516852" s="10"/>
    </row>
    <row r="516853" spans="14:14">
      <c r="N516853" s="10"/>
    </row>
    <row r="516854" spans="14:14">
      <c r="N516854" s="10"/>
    </row>
    <row r="516855" spans="14:14">
      <c r="N516855" s="10"/>
    </row>
    <row r="516856" spans="14:14">
      <c r="N516856" s="10"/>
    </row>
    <row r="516857" spans="14:14">
      <c r="N516857" s="10"/>
    </row>
    <row r="516858" spans="14:14">
      <c r="N516858" s="10"/>
    </row>
    <row r="516859" spans="14:14">
      <c r="N516859" s="10"/>
    </row>
    <row r="516860" spans="14:14">
      <c r="N516860" s="10"/>
    </row>
    <row r="516861" spans="14:14">
      <c r="N516861" s="10"/>
    </row>
    <row r="516862" spans="14:14">
      <c r="N516862" s="10"/>
    </row>
    <row r="516863" spans="14:14">
      <c r="N516863" s="10"/>
    </row>
    <row r="516864" spans="14:14">
      <c r="N516864" s="10"/>
    </row>
    <row r="516865" spans="14:14">
      <c r="N516865" s="10"/>
    </row>
    <row r="516866" spans="14:14">
      <c r="N516866" s="10"/>
    </row>
    <row r="516867" spans="14:14">
      <c r="N516867" s="10"/>
    </row>
    <row r="516868" spans="14:14">
      <c r="N516868" s="10"/>
    </row>
    <row r="516869" spans="14:14">
      <c r="N516869" s="10"/>
    </row>
    <row r="516870" spans="14:14">
      <c r="N516870" s="10"/>
    </row>
    <row r="516871" spans="14:14">
      <c r="N516871" s="10"/>
    </row>
    <row r="516872" spans="14:14">
      <c r="N516872" s="10"/>
    </row>
    <row r="516873" spans="14:14">
      <c r="N516873" s="10"/>
    </row>
    <row r="516874" spans="14:14">
      <c r="N516874" s="10"/>
    </row>
    <row r="516875" spans="14:14">
      <c r="N516875" s="10"/>
    </row>
    <row r="516876" spans="14:14">
      <c r="N516876" s="10"/>
    </row>
    <row r="516877" spans="14:14">
      <c r="N516877" s="10"/>
    </row>
    <row r="516878" spans="14:14">
      <c r="N516878" s="10"/>
    </row>
    <row r="516879" spans="14:14">
      <c r="N516879" s="10"/>
    </row>
    <row r="516880" spans="14:14">
      <c r="N516880" s="10"/>
    </row>
    <row r="516881" spans="14:14">
      <c r="N516881" s="10"/>
    </row>
    <row r="516882" spans="14:14">
      <c r="N516882" s="10"/>
    </row>
    <row r="516883" spans="14:14">
      <c r="N516883" s="10"/>
    </row>
    <row r="516884" spans="14:14">
      <c r="N516884" s="10"/>
    </row>
    <row r="516885" spans="14:14">
      <c r="N516885" s="10"/>
    </row>
    <row r="516886" spans="14:14">
      <c r="N516886" s="10"/>
    </row>
    <row r="516887" spans="14:14">
      <c r="N516887" s="10"/>
    </row>
    <row r="516888" spans="14:14">
      <c r="N516888" s="10"/>
    </row>
    <row r="516889" spans="14:14">
      <c r="N516889" s="10"/>
    </row>
    <row r="516890" spans="14:14">
      <c r="N516890" s="10"/>
    </row>
    <row r="516891" spans="14:14">
      <c r="N516891" s="10"/>
    </row>
    <row r="516892" spans="14:14">
      <c r="N516892" s="10"/>
    </row>
    <row r="516893" spans="14:14">
      <c r="N516893" s="10"/>
    </row>
    <row r="516894" spans="14:14">
      <c r="N516894" s="10"/>
    </row>
    <row r="516895" spans="14:14">
      <c r="N516895" s="10"/>
    </row>
    <row r="516896" spans="14:14">
      <c r="N516896" s="10"/>
    </row>
    <row r="516897" spans="14:14">
      <c r="N516897" s="10"/>
    </row>
    <row r="516898" spans="14:14">
      <c r="N516898" s="10"/>
    </row>
    <row r="516899" spans="14:14">
      <c r="N516899" s="10"/>
    </row>
    <row r="516900" spans="14:14">
      <c r="N516900" s="10"/>
    </row>
    <row r="516901" spans="14:14">
      <c r="N516901" s="10"/>
    </row>
    <row r="516902" spans="14:14">
      <c r="N516902" s="10"/>
    </row>
    <row r="516903" spans="14:14">
      <c r="N516903" s="10"/>
    </row>
    <row r="516904" spans="14:14">
      <c r="N516904" s="10"/>
    </row>
    <row r="516905" spans="14:14">
      <c r="N516905" s="10"/>
    </row>
    <row r="516906" spans="14:14">
      <c r="N516906" s="10"/>
    </row>
    <row r="516907" spans="14:14">
      <c r="N516907" s="10"/>
    </row>
    <row r="516908" spans="14:14">
      <c r="N516908" s="10"/>
    </row>
    <row r="516909" spans="14:14">
      <c r="N516909" s="10"/>
    </row>
    <row r="516910" spans="14:14">
      <c r="N516910" s="10"/>
    </row>
    <row r="516911" spans="14:14">
      <c r="N516911" s="10"/>
    </row>
    <row r="516912" spans="14:14">
      <c r="N516912" s="10"/>
    </row>
    <row r="516913" spans="14:14">
      <c r="N516913" s="10"/>
    </row>
    <row r="516914" spans="14:14">
      <c r="N516914" s="10"/>
    </row>
    <row r="516915" spans="14:14">
      <c r="N516915" s="10"/>
    </row>
    <row r="516916" spans="14:14">
      <c r="N516916" s="10"/>
    </row>
    <row r="516917" spans="14:14">
      <c r="N516917" s="10"/>
    </row>
    <row r="516918" spans="14:14">
      <c r="N516918" s="10"/>
    </row>
    <row r="516919" spans="14:14">
      <c r="N516919" s="10"/>
    </row>
    <row r="516920" spans="14:14">
      <c r="N516920" s="10"/>
    </row>
    <row r="516921" spans="14:14">
      <c r="N516921" s="10"/>
    </row>
    <row r="516922" spans="14:14">
      <c r="N516922" s="10"/>
    </row>
    <row r="516923" spans="14:14">
      <c r="N516923" s="10"/>
    </row>
    <row r="516924" spans="14:14">
      <c r="N516924" s="10"/>
    </row>
    <row r="516925" spans="14:14">
      <c r="N516925" s="10"/>
    </row>
    <row r="516926" spans="14:14">
      <c r="N516926" s="10"/>
    </row>
    <row r="516927" spans="14:14">
      <c r="N516927" s="10"/>
    </row>
    <row r="516928" spans="14:14">
      <c r="N516928" s="10"/>
    </row>
    <row r="516929" spans="14:14">
      <c r="N516929" s="10"/>
    </row>
    <row r="516930" spans="14:14">
      <c r="N516930" s="10"/>
    </row>
    <row r="516931" spans="14:14">
      <c r="N516931" s="10"/>
    </row>
    <row r="516932" spans="14:14">
      <c r="N516932" s="10"/>
    </row>
    <row r="516933" spans="14:14">
      <c r="N516933" s="10"/>
    </row>
    <row r="516934" spans="14:14">
      <c r="N516934" s="10"/>
    </row>
    <row r="516935" spans="14:14">
      <c r="N516935" s="10"/>
    </row>
    <row r="516936" spans="14:14">
      <c r="N516936" s="10"/>
    </row>
    <row r="516937" spans="14:14">
      <c r="N516937" s="10"/>
    </row>
    <row r="516938" spans="14:14">
      <c r="N516938" s="10"/>
    </row>
    <row r="516939" spans="14:14">
      <c r="N516939" s="10"/>
    </row>
    <row r="516940" spans="14:14">
      <c r="N516940" s="10"/>
    </row>
    <row r="516941" spans="14:14">
      <c r="N516941" s="10"/>
    </row>
    <row r="516942" spans="14:14">
      <c r="N516942" s="10"/>
    </row>
    <row r="516943" spans="14:14">
      <c r="N516943" s="10"/>
    </row>
    <row r="516944" spans="14:14">
      <c r="N516944" s="10"/>
    </row>
    <row r="516945" spans="14:14">
      <c r="N516945" s="10"/>
    </row>
    <row r="516946" spans="14:14">
      <c r="N516946" s="10"/>
    </row>
    <row r="516947" spans="14:14">
      <c r="N516947" s="10"/>
    </row>
    <row r="516948" spans="14:14">
      <c r="N516948" s="10"/>
    </row>
    <row r="516949" spans="14:14">
      <c r="N516949" s="10"/>
    </row>
    <row r="516950" spans="14:14">
      <c r="N516950" s="10"/>
    </row>
    <row r="516951" spans="14:14">
      <c r="N516951" s="10"/>
    </row>
    <row r="516952" spans="14:14">
      <c r="N516952" s="10"/>
    </row>
    <row r="516953" spans="14:14">
      <c r="N516953" s="10"/>
    </row>
    <row r="516954" spans="14:14">
      <c r="N516954" s="10"/>
    </row>
    <row r="516955" spans="14:14">
      <c r="N516955" s="10"/>
    </row>
    <row r="516956" spans="14:14">
      <c r="N516956" s="10"/>
    </row>
    <row r="516957" spans="14:14">
      <c r="N516957" s="10"/>
    </row>
    <row r="516958" spans="14:14">
      <c r="N516958" s="10"/>
    </row>
    <row r="516959" spans="14:14">
      <c r="N516959" s="10"/>
    </row>
    <row r="516960" spans="14:14">
      <c r="N516960" s="10"/>
    </row>
    <row r="516961" spans="14:14">
      <c r="N516961" s="10"/>
    </row>
    <row r="516962" spans="14:14">
      <c r="N516962" s="10"/>
    </row>
    <row r="516963" spans="14:14">
      <c r="N516963" s="10"/>
    </row>
    <row r="516964" spans="14:14">
      <c r="N516964" s="10"/>
    </row>
    <row r="516965" spans="14:14">
      <c r="N516965" s="10"/>
    </row>
    <row r="516966" spans="14:14">
      <c r="N516966" s="10"/>
    </row>
    <row r="516967" spans="14:14">
      <c r="N516967" s="10"/>
    </row>
    <row r="516968" spans="14:14">
      <c r="N516968" s="10"/>
    </row>
    <row r="516969" spans="14:14">
      <c r="N516969" s="10"/>
    </row>
    <row r="516970" spans="14:14">
      <c r="N516970" s="10"/>
    </row>
    <row r="516971" spans="14:14">
      <c r="N516971" s="10"/>
    </row>
    <row r="516972" spans="14:14">
      <c r="N516972" s="10"/>
    </row>
    <row r="516973" spans="14:14">
      <c r="N516973" s="10"/>
    </row>
    <row r="516974" spans="14:14">
      <c r="N516974" s="10"/>
    </row>
    <row r="516975" spans="14:14">
      <c r="N516975" s="10"/>
    </row>
    <row r="516976" spans="14:14">
      <c r="N516976" s="10"/>
    </row>
    <row r="516977" spans="14:14">
      <c r="N516977" s="10"/>
    </row>
    <row r="516978" spans="14:14">
      <c r="N516978" s="10"/>
    </row>
    <row r="516979" spans="14:14">
      <c r="N516979" s="10"/>
    </row>
    <row r="516980" spans="14:14">
      <c r="N516980" s="10"/>
    </row>
    <row r="516981" spans="14:14">
      <c r="N516981" s="10"/>
    </row>
    <row r="516982" spans="14:14">
      <c r="N516982" s="10"/>
    </row>
    <row r="516983" spans="14:14">
      <c r="N516983" s="10"/>
    </row>
    <row r="516984" spans="14:14">
      <c r="N516984" s="10"/>
    </row>
    <row r="516985" spans="14:14">
      <c r="N516985" s="10"/>
    </row>
    <row r="516986" spans="14:14">
      <c r="N516986" s="10"/>
    </row>
    <row r="516987" spans="14:14">
      <c r="N516987" s="10"/>
    </row>
    <row r="516988" spans="14:14">
      <c r="N516988" s="10"/>
    </row>
    <row r="516989" spans="14:14">
      <c r="N516989" s="10"/>
    </row>
    <row r="516990" spans="14:14">
      <c r="N516990" s="10"/>
    </row>
    <row r="516991" spans="14:14">
      <c r="N516991" s="10"/>
    </row>
    <row r="516992" spans="14:14">
      <c r="N516992" s="10"/>
    </row>
    <row r="516993" spans="14:14">
      <c r="N516993" s="10"/>
    </row>
    <row r="516994" spans="14:14">
      <c r="N516994" s="10"/>
    </row>
    <row r="516995" spans="14:14">
      <c r="N516995" s="10"/>
    </row>
    <row r="516996" spans="14:14">
      <c r="N516996" s="10"/>
    </row>
    <row r="516997" spans="14:14">
      <c r="N516997" s="10"/>
    </row>
    <row r="516998" spans="14:14">
      <c r="N516998" s="10"/>
    </row>
    <row r="516999" spans="14:14">
      <c r="N516999" s="10"/>
    </row>
    <row r="517000" spans="14:14">
      <c r="N517000" s="10"/>
    </row>
    <row r="517001" spans="14:14">
      <c r="N517001" s="10"/>
    </row>
    <row r="517002" spans="14:14">
      <c r="N517002" s="10"/>
    </row>
    <row r="517003" spans="14:14">
      <c r="N517003" s="10"/>
    </row>
    <row r="517004" spans="14:14">
      <c r="N517004" s="10"/>
    </row>
    <row r="517005" spans="14:14">
      <c r="N517005" s="10"/>
    </row>
    <row r="517006" spans="14:14">
      <c r="N517006" s="10"/>
    </row>
    <row r="517007" spans="14:14">
      <c r="N517007" s="10"/>
    </row>
    <row r="517008" spans="14:14">
      <c r="N517008" s="10"/>
    </row>
    <row r="517009" spans="14:14">
      <c r="N517009" s="10"/>
    </row>
    <row r="517010" spans="14:14">
      <c r="N517010" s="10"/>
    </row>
    <row r="517011" spans="14:14">
      <c r="N517011" s="10"/>
    </row>
    <row r="517012" spans="14:14">
      <c r="N517012" s="10"/>
    </row>
    <row r="517013" spans="14:14">
      <c r="N517013" s="10"/>
    </row>
    <row r="517014" spans="14:14">
      <c r="N517014" s="10"/>
    </row>
    <row r="517015" spans="14:14">
      <c r="N517015" s="10"/>
    </row>
    <row r="517016" spans="14:14">
      <c r="N517016" s="10"/>
    </row>
    <row r="517017" spans="14:14">
      <c r="N517017" s="10"/>
    </row>
    <row r="517018" spans="14:14">
      <c r="N517018" s="10"/>
    </row>
    <row r="517019" spans="14:14">
      <c r="N517019" s="10"/>
    </row>
    <row r="517020" spans="14:14">
      <c r="N517020" s="10"/>
    </row>
    <row r="517021" spans="14:14">
      <c r="N517021" s="10"/>
    </row>
    <row r="517022" spans="14:14">
      <c r="N517022" s="10"/>
    </row>
    <row r="517023" spans="14:14">
      <c r="N517023" s="10"/>
    </row>
    <row r="517024" spans="14:14">
      <c r="N517024" s="10"/>
    </row>
    <row r="517025" spans="14:14">
      <c r="N517025" s="10"/>
    </row>
    <row r="517026" spans="14:14">
      <c r="N517026" s="10"/>
    </row>
    <row r="517027" spans="14:14">
      <c r="N517027" s="10"/>
    </row>
    <row r="517028" spans="14:14">
      <c r="N517028" s="10"/>
    </row>
    <row r="517029" spans="14:14">
      <c r="N517029" s="10"/>
    </row>
    <row r="517030" spans="14:14">
      <c r="N517030" s="10"/>
    </row>
    <row r="517031" spans="14:14">
      <c r="N517031" s="10"/>
    </row>
    <row r="517032" spans="14:14">
      <c r="N517032" s="10"/>
    </row>
    <row r="517033" spans="14:14">
      <c r="N517033" s="10"/>
    </row>
    <row r="517034" spans="14:14">
      <c r="N517034" s="10"/>
    </row>
    <row r="517035" spans="14:14">
      <c r="N517035" s="10"/>
    </row>
    <row r="517036" spans="14:14">
      <c r="N517036" s="10"/>
    </row>
    <row r="517037" spans="14:14">
      <c r="N517037" s="10"/>
    </row>
    <row r="517038" spans="14:14">
      <c r="N517038" s="10"/>
    </row>
    <row r="517039" spans="14:14">
      <c r="N517039" s="10"/>
    </row>
    <row r="517040" spans="14:14">
      <c r="N517040" s="10"/>
    </row>
    <row r="517041" spans="14:14">
      <c r="N517041" s="10"/>
    </row>
    <row r="517042" spans="14:14">
      <c r="N517042" s="10"/>
    </row>
    <row r="517043" spans="14:14">
      <c r="N517043" s="10"/>
    </row>
    <row r="517044" spans="14:14">
      <c r="N517044" s="10"/>
    </row>
    <row r="517045" spans="14:14">
      <c r="N517045" s="10"/>
    </row>
    <row r="517046" spans="14:14">
      <c r="N517046" s="10"/>
    </row>
    <row r="517047" spans="14:14">
      <c r="N517047" s="10"/>
    </row>
    <row r="517048" spans="14:14">
      <c r="N517048" s="10"/>
    </row>
    <row r="517049" spans="14:14">
      <c r="N517049" s="10"/>
    </row>
    <row r="517050" spans="14:14">
      <c r="N517050" s="10"/>
    </row>
    <row r="517051" spans="14:14">
      <c r="N517051" s="10"/>
    </row>
    <row r="517052" spans="14:14">
      <c r="N517052" s="10"/>
    </row>
    <row r="517053" spans="14:14">
      <c r="N517053" s="10"/>
    </row>
    <row r="517054" spans="14:14">
      <c r="N517054" s="10"/>
    </row>
    <row r="517055" spans="14:14">
      <c r="N517055" s="10"/>
    </row>
    <row r="517056" spans="14:14">
      <c r="N517056" s="10"/>
    </row>
    <row r="517057" spans="14:14">
      <c r="N517057" s="10"/>
    </row>
    <row r="517058" spans="14:14">
      <c r="N517058" s="10"/>
    </row>
    <row r="517059" spans="14:14">
      <c r="N517059" s="10"/>
    </row>
    <row r="517060" spans="14:14">
      <c r="N517060" s="10"/>
    </row>
    <row r="517061" spans="14:14">
      <c r="N517061" s="10"/>
    </row>
    <row r="517062" spans="14:14">
      <c r="N517062" s="10"/>
    </row>
    <row r="517063" spans="14:14">
      <c r="N517063" s="10"/>
    </row>
    <row r="517064" spans="14:14">
      <c r="N517064" s="10"/>
    </row>
    <row r="517065" spans="14:14">
      <c r="N517065" s="10"/>
    </row>
    <row r="517066" spans="14:14">
      <c r="N517066" s="10"/>
    </row>
    <row r="517067" spans="14:14">
      <c r="N517067" s="10"/>
    </row>
    <row r="517068" spans="14:14">
      <c r="N517068" s="10"/>
    </row>
    <row r="517069" spans="14:14">
      <c r="N517069" s="10"/>
    </row>
    <row r="517070" spans="14:14">
      <c r="N517070" s="10"/>
    </row>
    <row r="517071" spans="14:14">
      <c r="N517071" s="10"/>
    </row>
    <row r="517072" spans="14:14">
      <c r="N517072" s="10"/>
    </row>
    <row r="517073" spans="14:14">
      <c r="N517073" s="10"/>
    </row>
    <row r="517074" spans="14:14">
      <c r="N517074" s="10"/>
    </row>
    <row r="517075" spans="14:14">
      <c r="N517075" s="10"/>
    </row>
    <row r="517076" spans="14:14">
      <c r="N517076" s="10"/>
    </row>
    <row r="517077" spans="14:14">
      <c r="N517077" s="10"/>
    </row>
    <row r="517078" spans="14:14">
      <c r="N517078" s="10"/>
    </row>
    <row r="517079" spans="14:14">
      <c r="N517079" s="10"/>
    </row>
    <row r="517080" spans="14:14">
      <c r="N517080" s="10"/>
    </row>
    <row r="517081" spans="14:14">
      <c r="N517081" s="10"/>
    </row>
    <row r="517082" spans="14:14">
      <c r="N517082" s="10"/>
    </row>
    <row r="517083" spans="14:14">
      <c r="N517083" s="10"/>
    </row>
    <row r="517084" spans="14:14">
      <c r="N517084" s="10"/>
    </row>
    <row r="517085" spans="14:14">
      <c r="N517085" s="10"/>
    </row>
    <row r="517086" spans="14:14">
      <c r="N517086" s="10"/>
    </row>
    <row r="517087" spans="14:14">
      <c r="N517087" s="10"/>
    </row>
    <row r="517088" spans="14:14">
      <c r="N517088" s="10"/>
    </row>
    <row r="517089" spans="14:14">
      <c r="N517089" s="10"/>
    </row>
    <row r="517090" spans="14:14">
      <c r="N517090" s="10"/>
    </row>
    <row r="517091" spans="14:14">
      <c r="N517091" s="10"/>
    </row>
    <row r="517092" spans="14:14">
      <c r="N517092" s="10"/>
    </row>
    <row r="517093" spans="14:14">
      <c r="N517093" s="10"/>
    </row>
    <row r="517094" spans="14:14">
      <c r="N517094" s="10"/>
    </row>
    <row r="517095" spans="14:14">
      <c r="N517095" s="10"/>
    </row>
    <row r="517096" spans="14:14">
      <c r="N517096" s="10"/>
    </row>
    <row r="517097" spans="14:14">
      <c r="N517097" s="10"/>
    </row>
    <row r="517098" spans="14:14">
      <c r="N517098" s="10"/>
    </row>
    <row r="517099" spans="14:14">
      <c r="N517099" s="10"/>
    </row>
    <row r="517100" spans="14:14">
      <c r="N517100" s="10"/>
    </row>
    <row r="517101" spans="14:14">
      <c r="N517101" s="10"/>
    </row>
    <row r="517102" spans="14:14">
      <c r="N517102" s="10"/>
    </row>
    <row r="517103" spans="14:14">
      <c r="N517103" s="10"/>
    </row>
    <row r="517104" spans="14:14">
      <c r="N517104" s="10"/>
    </row>
    <row r="517105" spans="14:14">
      <c r="N517105" s="10"/>
    </row>
    <row r="517106" spans="14:14">
      <c r="N517106" s="10"/>
    </row>
    <row r="517107" spans="14:14">
      <c r="N517107" s="10"/>
    </row>
    <row r="517108" spans="14:14">
      <c r="N517108" s="10"/>
    </row>
    <row r="517109" spans="14:14">
      <c r="N517109" s="10"/>
    </row>
    <row r="517110" spans="14:14">
      <c r="N517110" s="10"/>
    </row>
    <row r="517111" spans="14:14">
      <c r="N517111" s="10"/>
    </row>
    <row r="517112" spans="14:14">
      <c r="N517112" s="10"/>
    </row>
    <row r="517113" spans="14:14">
      <c r="N517113" s="10"/>
    </row>
    <row r="517114" spans="14:14">
      <c r="N517114" s="10"/>
    </row>
    <row r="517115" spans="14:14">
      <c r="N517115" s="10"/>
    </row>
    <row r="517116" spans="14:14">
      <c r="N517116" s="10"/>
    </row>
    <row r="517117" spans="14:14">
      <c r="N517117" s="10"/>
    </row>
    <row r="517118" spans="14:14">
      <c r="N517118" s="10"/>
    </row>
    <row r="517119" spans="14:14">
      <c r="N517119" s="10"/>
    </row>
    <row r="517120" spans="14:14">
      <c r="N517120" s="10"/>
    </row>
    <row r="517121" spans="14:14">
      <c r="N517121" s="10"/>
    </row>
    <row r="517122" spans="14:14">
      <c r="N517122" s="10"/>
    </row>
    <row r="517123" spans="14:14">
      <c r="N517123" s="10"/>
    </row>
    <row r="517124" spans="14:14">
      <c r="N517124" s="10"/>
    </row>
    <row r="517125" spans="14:14">
      <c r="N517125" s="10"/>
    </row>
    <row r="517126" spans="14:14">
      <c r="N517126" s="10"/>
    </row>
    <row r="517127" spans="14:14">
      <c r="N517127" s="10"/>
    </row>
    <row r="517128" spans="14:14">
      <c r="N517128" s="10"/>
    </row>
    <row r="517129" spans="14:14">
      <c r="N517129" s="10"/>
    </row>
    <row r="517130" spans="14:14">
      <c r="N517130" s="10"/>
    </row>
    <row r="517131" spans="14:14">
      <c r="N517131" s="10"/>
    </row>
    <row r="517132" spans="14:14">
      <c r="N517132" s="10"/>
    </row>
    <row r="517133" spans="14:14">
      <c r="N517133" s="10"/>
    </row>
    <row r="517134" spans="14:14">
      <c r="N517134" s="10"/>
    </row>
    <row r="517135" spans="14:14">
      <c r="N517135" s="10"/>
    </row>
    <row r="517136" spans="14:14">
      <c r="N517136" s="10"/>
    </row>
    <row r="517137" spans="14:14">
      <c r="N517137" s="10"/>
    </row>
    <row r="517138" spans="14:14">
      <c r="N517138" s="10"/>
    </row>
    <row r="517139" spans="14:14">
      <c r="N517139" s="10"/>
    </row>
    <row r="517140" spans="14:14">
      <c r="N517140" s="10"/>
    </row>
    <row r="517141" spans="14:14">
      <c r="N517141" s="10"/>
    </row>
    <row r="517142" spans="14:14">
      <c r="N517142" s="10"/>
    </row>
    <row r="517143" spans="14:14">
      <c r="N517143" s="10"/>
    </row>
    <row r="517144" spans="14:14">
      <c r="N517144" s="10"/>
    </row>
    <row r="517145" spans="14:14">
      <c r="N517145" s="10"/>
    </row>
    <row r="517146" spans="14:14">
      <c r="N517146" s="10"/>
    </row>
    <row r="517147" spans="14:14">
      <c r="N517147" s="10"/>
    </row>
    <row r="517148" spans="14:14">
      <c r="N517148" s="10"/>
    </row>
    <row r="517149" spans="14:14">
      <c r="N517149" s="10"/>
    </row>
    <row r="517150" spans="14:14">
      <c r="N517150" s="10"/>
    </row>
    <row r="517151" spans="14:14">
      <c r="N517151" s="10"/>
    </row>
    <row r="517152" spans="14:14">
      <c r="N517152" s="10"/>
    </row>
    <row r="517153" spans="14:14">
      <c r="N517153" s="10"/>
    </row>
    <row r="517154" spans="14:14">
      <c r="N517154" s="10"/>
    </row>
    <row r="517155" spans="14:14">
      <c r="N517155" s="10"/>
    </row>
    <row r="517156" spans="14:14">
      <c r="N517156" s="10"/>
    </row>
    <row r="517157" spans="14:14">
      <c r="N517157" s="10"/>
    </row>
    <row r="517158" spans="14:14">
      <c r="N517158" s="10"/>
    </row>
    <row r="517159" spans="14:14">
      <c r="N517159" s="10"/>
    </row>
    <row r="517160" spans="14:14">
      <c r="N517160" s="10"/>
    </row>
    <row r="517161" spans="14:14">
      <c r="N517161" s="10"/>
    </row>
    <row r="517162" spans="14:14">
      <c r="N517162" s="10"/>
    </row>
    <row r="517163" spans="14:14">
      <c r="N517163" s="10"/>
    </row>
    <row r="517164" spans="14:14">
      <c r="N517164" s="10"/>
    </row>
    <row r="517165" spans="14:14">
      <c r="N517165" s="10"/>
    </row>
    <row r="517166" spans="14:14">
      <c r="N517166" s="10"/>
    </row>
    <row r="517167" spans="14:14">
      <c r="N517167" s="10"/>
    </row>
    <row r="517168" spans="14:14">
      <c r="N517168" s="10"/>
    </row>
    <row r="517169" spans="14:14">
      <c r="N517169" s="10"/>
    </row>
    <row r="517170" spans="14:14">
      <c r="N517170" s="10"/>
    </row>
    <row r="517171" spans="14:14">
      <c r="N517171" s="10"/>
    </row>
    <row r="517172" spans="14:14">
      <c r="N517172" s="10"/>
    </row>
    <row r="517173" spans="14:14">
      <c r="N517173" s="10"/>
    </row>
    <row r="517174" spans="14:14">
      <c r="N517174" s="10"/>
    </row>
    <row r="517175" spans="14:14">
      <c r="N517175" s="10"/>
    </row>
    <row r="517176" spans="14:14">
      <c r="N517176" s="10"/>
    </row>
    <row r="517177" spans="14:14">
      <c r="N517177" s="10"/>
    </row>
    <row r="517178" spans="14:14">
      <c r="N517178" s="10"/>
    </row>
    <row r="517179" spans="14:14">
      <c r="N517179" s="10"/>
    </row>
    <row r="517180" spans="14:14">
      <c r="N517180" s="10"/>
    </row>
    <row r="517181" spans="14:14">
      <c r="N517181" s="10"/>
    </row>
    <row r="517182" spans="14:14">
      <c r="N517182" s="10"/>
    </row>
    <row r="517183" spans="14:14">
      <c r="N517183" s="10"/>
    </row>
    <row r="517184" spans="14:14">
      <c r="N517184" s="10"/>
    </row>
    <row r="517185" spans="14:14">
      <c r="N517185" s="10"/>
    </row>
    <row r="517186" spans="14:14">
      <c r="N517186" s="10"/>
    </row>
    <row r="517187" spans="14:14">
      <c r="N517187" s="10"/>
    </row>
    <row r="517188" spans="14:14">
      <c r="N517188" s="10"/>
    </row>
    <row r="517189" spans="14:14">
      <c r="N517189" s="10"/>
    </row>
    <row r="517190" spans="14:14">
      <c r="N517190" s="10"/>
    </row>
    <row r="517191" spans="14:14">
      <c r="N517191" s="10"/>
    </row>
    <row r="517192" spans="14:14">
      <c r="N517192" s="10"/>
    </row>
    <row r="517193" spans="14:14">
      <c r="N517193" s="10"/>
    </row>
    <row r="517194" spans="14:14">
      <c r="N517194" s="10"/>
    </row>
    <row r="517195" spans="14:14">
      <c r="N517195" s="10"/>
    </row>
    <row r="517196" spans="14:14">
      <c r="N517196" s="10"/>
    </row>
    <row r="517197" spans="14:14">
      <c r="N517197" s="10"/>
    </row>
    <row r="517198" spans="14:14">
      <c r="N517198" s="10"/>
    </row>
    <row r="517199" spans="14:14">
      <c r="N517199" s="10"/>
    </row>
    <row r="517200" spans="14:14">
      <c r="N517200" s="10"/>
    </row>
    <row r="517201" spans="14:14">
      <c r="N517201" s="10"/>
    </row>
    <row r="517202" spans="14:14">
      <c r="N517202" s="10"/>
    </row>
    <row r="517203" spans="14:14">
      <c r="N517203" s="10"/>
    </row>
    <row r="517204" spans="14:14">
      <c r="N517204" s="10"/>
    </row>
    <row r="517205" spans="14:14">
      <c r="N517205" s="10"/>
    </row>
    <row r="517206" spans="14:14">
      <c r="N517206" s="10"/>
    </row>
    <row r="517207" spans="14:14">
      <c r="N517207" s="10"/>
    </row>
    <row r="517208" spans="14:14">
      <c r="N517208" s="10"/>
    </row>
    <row r="517209" spans="14:14">
      <c r="N517209" s="10"/>
    </row>
    <row r="517210" spans="14:14">
      <c r="N517210" s="10"/>
    </row>
    <row r="517211" spans="14:14">
      <c r="N517211" s="10"/>
    </row>
    <row r="517212" spans="14:14">
      <c r="N517212" s="10"/>
    </row>
    <row r="517213" spans="14:14">
      <c r="N517213" s="10"/>
    </row>
    <row r="517214" spans="14:14">
      <c r="N517214" s="10"/>
    </row>
    <row r="517215" spans="14:14">
      <c r="N517215" s="10"/>
    </row>
    <row r="517216" spans="14:14">
      <c r="N517216" s="10"/>
    </row>
    <row r="517217" spans="14:14">
      <c r="N517217" s="10"/>
    </row>
    <row r="517218" spans="14:14">
      <c r="N517218" s="10"/>
    </row>
    <row r="517219" spans="14:14">
      <c r="N517219" s="10"/>
    </row>
    <row r="517220" spans="14:14">
      <c r="N517220" s="10"/>
    </row>
    <row r="517221" spans="14:14">
      <c r="N517221" s="10"/>
    </row>
    <row r="517222" spans="14:14">
      <c r="N517222" s="10"/>
    </row>
    <row r="517223" spans="14:14">
      <c r="N517223" s="10"/>
    </row>
    <row r="517224" spans="14:14">
      <c r="N517224" s="10"/>
    </row>
    <row r="517225" spans="14:14">
      <c r="N517225" s="10"/>
    </row>
    <row r="517226" spans="14:14">
      <c r="N517226" s="10"/>
    </row>
    <row r="517227" spans="14:14">
      <c r="N517227" s="10"/>
    </row>
    <row r="517228" spans="14:14">
      <c r="N517228" s="10"/>
    </row>
    <row r="517229" spans="14:14">
      <c r="N517229" s="10"/>
    </row>
    <row r="517230" spans="14:14">
      <c r="N517230" s="10"/>
    </row>
    <row r="517231" spans="14:14">
      <c r="N517231" s="10"/>
    </row>
    <row r="517232" spans="14:14">
      <c r="N517232" s="10"/>
    </row>
    <row r="517233" spans="14:14">
      <c r="N517233" s="10"/>
    </row>
    <row r="517234" spans="14:14">
      <c r="N517234" s="10"/>
    </row>
    <row r="517235" spans="14:14">
      <c r="N517235" s="10"/>
    </row>
    <row r="517236" spans="14:14">
      <c r="N517236" s="10"/>
    </row>
    <row r="517237" spans="14:14">
      <c r="N517237" s="10"/>
    </row>
    <row r="517238" spans="14:14">
      <c r="N517238" s="10"/>
    </row>
    <row r="517239" spans="14:14">
      <c r="N517239" s="10"/>
    </row>
    <row r="517240" spans="14:14">
      <c r="N517240" s="10"/>
    </row>
    <row r="517241" spans="14:14">
      <c r="N517241" s="10"/>
    </row>
    <row r="517242" spans="14:14">
      <c r="N517242" s="10"/>
    </row>
    <row r="517243" spans="14:14">
      <c r="N517243" s="10"/>
    </row>
    <row r="517244" spans="14:14">
      <c r="N517244" s="10"/>
    </row>
    <row r="517245" spans="14:14">
      <c r="N517245" s="10"/>
    </row>
    <row r="517246" spans="14:14">
      <c r="N517246" s="10"/>
    </row>
    <row r="517247" spans="14:14">
      <c r="N517247" s="10"/>
    </row>
    <row r="517248" spans="14:14">
      <c r="N517248" s="10"/>
    </row>
    <row r="517249" spans="14:14">
      <c r="N517249" s="10"/>
    </row>
    <row r="517250" spans="14:14">
      <c r="N517250" s="10"/>
    </row>
    <row r="517251" spans="14:14">
      <c r="N517251" s="10"/>
    </row>
    <row r="517252" spans="14:14">
      <c r="N517252" s="10"/>
    </row>
    <row r="517253" spans="14:14">
      <c r="N517253" s="10"/>
    </row>
    <row r="517254" spans="14:14">
      <c r="N517254" s="10"/>
    </row>
    <row r="517255" spans="14:14">
      <c r="N517255" s="10"/>
    </row>
    <row r="517256" spans="14:14">
      <c r="N517256" s="10"/>
    </row>
    <row r="517257" spans="14:14">
      <c r="N517257" s="10"/>
    </row>
    <row r="517258" spans="14:14">
      <c r="N517258" s="10"/>
    </row>
    <row r="517259" spans="14:14">
      <c r="N517259" s="10"/>
    </row>
    <row r="517260" spans="14:14">
      <c r="N517260" s="10"/>
    </row>
    <row r="517261" spans="14:14">
      <c r="N517261" s="10"/>
    </row>
    <row r="517262" spans="14:14">
      <c r="N517262" s="10"/>
    </row>
    <row r="517263" spans="14:14">
      <c r="N517263" s="10"/>
    </row>
    <row r="517264" spans="14:14">
      <c r="N517264" s="10"/>
    </row>
    <row r="517265" spans="14:14">
      <c r="N517265" s="10"/>
    </row>
    <row r="517266" spans="14:14">
      <c r="N517266" s="10"/>
    </row>
    <row r="517267" spans="14:14">
      <c r="N517267" s="10"/>
    </row>
    <row r="517268" spans="14:14">
      <c r="N517268" s="10"/>
    </row>
    <row r="517269" spans="14:14">
      <c r="N517269" s="10"/>
    </row>
    <row r="517270" spans="14:14">
      <c r="N517270" s="10"/>
    </row>
    <row r="517271" spans="14:14">
      <c r="N517271" s="10"/>
    </row>
    <row r="517272" spans="14:14">
      <c r="N517272" s="10"/>
    </row>
    <row r="517273" spans="14:14">
      <c r="N517273" s="10"/>
    </row>
    <row r="517274" spans="14:14">
      <c r="N517274" s="10"/>
    </row>
    <row r="517275" spans="14:14">
      <c r="N517275" s="10"/>
    </row>
    <row r="517276" spans="14:14">
      <c r="N517276" s="10"/>
    </row>
    <row r="517277" spans="14:14">
      <c r="N517277" s="10"/>
    </row>
    <row r="517278" spans="14:14">
      <c r="N517278" s="10"/>
    </row>
    <row r="517279" spans="14:14">
      <c r="N517279" s="10"/>
    </row>
    <row r="517280" spans="14:14">
      <c r="N517280" s="10"/>
    </row>
    <row r="517281" spans="14:14">
      <c r="N517281" s="10"/>
    </row>
    <row r="517282" spans="14:14">
      <c r="N517282" s="10"/>
    </row>
    <row r="517283" spans="14:14">
      <c r="N517283" s="10"/>
    </row>
    <row r="517284" spans="14:14">
      <c r="N517284" s="10"/>
    </row>
    <row r="517285" spans="14:14">
      <c r="N517285" s="10"/>
    </row>
    <row r="517286" spans="14:14">
      <c r="N517286" s="10"/>
    </row>
    <row r="517287" spans="14:14">
      <c r="N517287" s="10"/>
    </row>
    <row r="517288" spans="14:14">
      <c r="N517288" s="10"/>
    </row>
    <row r="517289" spans="14:14">
      <c r="N517289" s="10"/>
    </row>
    <row r="517290" spans="14:14">
      <c r="N517290" s="10"/>
    </row>
    <row r="517291" spans="14:14">
      <c r="N517291" s="10"/>
    </row>
    <row r="517292" spans="14:14">
      <c r="N517292" s="10"/>
    </row>
    <row r="517293" spans="14:14">
      <c r="N517293" s="10"/>
    </row>
    <row r="517294" spans="14:14">
      <c r="N517294" s="10"/>
    </row>
    <row r="517295" spans="14:14">
      <c r="N517295" s="10"/>
    </row>
    <row r="517296" spans="14:14">
      <c r="N517296" s="10"/>
    </row>
    <row r="517297" spans="14:14">
      <c r="N517297" s="10"/>
    </row>
    <row r="517298" spans="14:14">
      <c r="N517298" s="10"/>
    </row>
    <row r="517299" spans="14:14">
      <c r="N517299" s="10"/>
    </row>
    <row r="517300" spans="14:14">
      <c r="N517300" s="10"/>
    </row>
    <row r="517301" spans="14:14">
      <c r="N517301" s="10"/>
    </row>
    <row r="517302" spans="14:14">
      <c r="N517302" s="10"/>
    </row>
    <row r="517303" spans="14:14">
      <c r="N517303" s="10"/>
    </row>
    <row r="517304" spans="14:14">
      <c r="N517304" s="10"/>
    </row>
    <row r="517305" spans="14:14">
      <c r="N517305" s="10"/>
    </row>
    <row r="517306" spans="14:14">
      <c r="N517306" s="10"/>
    </row>
    <row r="517307" spans="14:14">
      <c r="N517307" s="10"/>
    </row>
    <row r="517308" spans="14:14">
      <c r="N517308" s="10"/>
    </row>
    <row r="517309" spans="14:14">
      <c r="N517309" s="10"/>
    </row>
    <row r="517310" spans="14:14">
      <c r="N517310" s="10"/>
    </row>
    <row r="517311" spans="14:14">
      <c r="N517311" s="10"/>
    </row>
    <row r="517312" spans="14:14">
      <c r="N517312" s="10"/>
    </row>
    <row r="517313" spans="14:14">
      <c r="N517313" s="10"/>
    </row>
    <row r="517314" spans="14:14">
      <c r="N517314" s="10"/>
    </row>
    <row r="517315" spans="14:14">
      <c r="N517315" s="10"/>
    </row>
    <row r="517316" spans="14:14">
      <c r="N517316" s="10"/>
    </row>
    <row r="517317" spans="14:14">
      <c r="N517317" s="10"/>
    </row>
    <row r="517318" spans="14:14">
      <c r="N517318" s="10"/>
    </row>
    <row r="517319" spans="14:14">
      <c r="N517319" s="10"/>
    </row>
    <row r="517320" spans="14:14">
      <c r="N517320" s="10"/>
    </row>
    <row r="517321" spans="14:14">
      <c r="N517321" s="10"/>
    </row>
    <row r="517322" spans="14:14">
      <c r="N517322" s="10"/>
    </row>
    <row r="517323" spans="14:14">
      <c r="N517323" s="10"/>
    </row>
    <row r="517324" spans="14:14">
      <c r="N517324" s="10"/>
    </row>
    <row r="517325" spans="14:14">
      <c r="N517325" s="10"/>
    </row>
    <row r="517326" spans="14:14">
      <c r="N517326" s="10"/>
    </row>
    <row r="517327" spans="14:14">
      <c r="N517327" s="10"/>
    </row>
    <row r="517328" spans="14:14">
      <c r="N517328" s="10"/>
    </row>
    <row r="517329" spans="14:14">
      <c r="N517329" s="10"/>
    </row>
    <row r="517330" spans="14:14">
      <c r="N517330" s="10"/>
    </row>
    <row r="517331" spans="14:14">
      <c r="N517331" s="10"/>
    </row>
    <row r="517332" spans="14:14">
      <c r="N517332" s="10"/>
    </row>
    <row r="517333" spans="14:14">
      <c r="N517333" s="10"/>
    </row>
    <row r="517334" spans="14:14">
      <c r="N517334" s="10"/>
    </row>
    <row r="517335" spans="14:14">
      <c r="N517335" s="10"/>
    </row>
    <row r="517336" spans="14:14">
      <c r="N517336" s="10"/>
    </row>
    <row r="517337" spans="14:14">
      <c r="N517337" s="10"/>
    </row>
    <row r="517338" spans="14:14">
      <c r="N517338" s="10"/>
    </row>
    <row r="517339" spans="14:14">
      <c r="N517339" s="10"/>
    </row>
    <row r="517340" spans="14:14">
      <c r="N517340" s="10"/>
    </row>
    <row r="517341" spans="14:14">
      <c r="N517341" s="10"/>
    </row>
    <row r="517342" spans="14:14">
      <c r="N517342" s="10"/>
    </row>
    <row r="517343" spans="14:14">
      <c r="N517343" s="10"/>
    </row>
    <row r="517344" spans="14:14">
      <c r="N517344" s="10"/>
    </row>
    <row r="517345" spans="14:14">
      <c r="N517345" s="10"/>
    </row>
    <row r="517346" spans="14:14">
      <c r="N517346" s="10"/>
    </row>
    <row r="517347" spans="14:14">
      <c r="N517347" s="10"/>
    </row>
    <row r="517348" spans="14:14">
      <c r="N517348" s="10"/>
    </row>
    <row r="517349" spans="14:14">
      <c r="N517349" s="10"/>
    </row>
    <row r="517350" spans="14:14">
      <c r="N517350" s="10"/>
    </row>
    <row r="517351" spans="14:14">
      <c r="N517351" s="10"/>
    </row>
    <row r="517352" spans="14:14">
      <c r="N517352" s="10"/>
    </row>
    <row r="517353" spans="14:14">
      <c r="N517353" s="10"/>
    </row>
    <row r="517354" spans="14:14">
      <c r="N517354" s="10"/>
    </row>
    <row r="517355" spans="14:14">
      <c r="N517355" s="10"/>
    </row>
    <row r="517356" spans="14:14">
      <c r="N517356" s="10"/>
    </row>
    <row r="517357" spans="14:14">
      <c r="N517357" s="10"/>
    </row>
    <row r="517358" spans="14:14">
      <c r="N517358" s="10"/>
    </row>
    <row r="517359" spans="14:14">
      <c r="N517359" s="10"/>
    </row>
    <row r="517360" spans="14:14">
      <c r="N517360" s="10"/>
    </row>
    <row r="517361" spans="14:14">
      <c r="N517361" s="10"/>
    </row>
    <row r="517362" spans="14:14">
      <c r="N517362" s="10"/>
    </row>
    <row r="517363" spans="14:14">
      <c r="N517363" s="10"/>
    </row>
    <row r="517364" spans="14:14">
      <c r="N517364" s="10"/>
    </row>
    <row r="517365" spans="14:14">
      <c r="N517365" s="10"/>
    </row>
    <row r="517366" spans="14:14">
      <c r="N517366" s="10"/>
    </row>
    <row r="517367" spans="14:14">
      <c r="N517367" s="10"/>
    </row>
    <row r="517368" spans="14:14">
      <c r="N517368" s="10"/>
    </row>
    <row r="517369" spans="14:14">
      <c r="N517369" s="10"/>
    </row>
    <row r="517370" spans="14:14">
      <c r="N517370" s="10"/>
    </row>
    <row r="517371" spans="14:14">
      <c r="N517371" s="10"/>
    </row>
    <row r="517372" spans="14:14">
      <c r="N517372" s="10"/>
    </row>
    <row r="517373" spans="14:14">
      <c r="N517373" s="10"/>
    </row>
    <row r="517374" spans="14:14">
      <c r="N517374" s="10"/>
    </row>
    <row r="517375" spans="14:14">
      <c r="N517375" s="10"/>
    </row>
    <row r="517376" spans="14:14">
      <c r="N517376" s="10"/>
    </row>
    <row r="517377" spans="14:14">
      <c r="N517377" s="10"/>
    </row>
    <row r="517378" spans="14:14">
      <c r="N517378" s="10"/>
    </row>
    <row r="517379" spans="14:14">
      <c r="N517379" s="10"/>
    </row>
    <row r="517380" spans="14:14">
      <c r="N517380" s="10"/>
    </row>
    <row r="517381" spans="14:14">
      <c r="N517381" s="10"/>
    </row>
    <row r="517382" spans="14:14">
      <c r="N517382" s="10"/>
    </row>
    <row r="517383" spans="14:14">
      <c r="N517383" s="10"/>
    </row>
    <row r="517384" spans="14:14">
      <c r="N517384" s="10"/>
    </row>
    <row r="517385" spans="14:14">
      <c r="N517385" s="10"/>
    </row>
    <row r="517386" spans="14:14">
      <c r="N517386" s="10"/>
    </row>
    <row r="517387" spans="14:14">
      <c r="N517387" s="10"/>
    </row>
    <row r="517388" spans="14:14">
      <c r="N517388" s="10"/>
    </row>
    <row r="517389" spans="14:14">
      <c r="N517389" s="10"/>
    </row>
    <row r="517390" spans="14:14">
      <c r="N517390" s="10"/>
    </row>
    <row r="517391" spans="14:14">
      <c r="N517391" s="10"/>
    </row>
    <row r="517392" spans="14:14">
      <c r="N517392" s="10"/>
    </row>
    <row r="517393" spans="14:14">
      <c r="N517393" s="10"/>
    </row>
    <row r="517394" spans="14:14">
      <c r="N517394" s="10"/>
    </row>
    <row r="517395" spans="14:14">
      <c r="N517395" s="10"/>
    </row>
    <row r="517396" spans="14:14">
      <c r="N517396" s="10"/>
    </row>
    <row r="517397" spans="14:14">
      <c r="N517397" s="10"/>
    </row>
    <row r="517398" spans="14:14">
      <c r="N517398" s="10"/>
    </row>
    <row r="517399" spans="14:14">
      <c r="N517399" s="10"/>
    </row>
    <row r="517400" spans="14:14">
      <c r="N517400" s="10"/>
    </row>
    <row r="517401" spans="14:14">
      <c r="N517401" s="10"/>
    </row>
    <row r="517402" spans="14:14">
      <c r="N517402" s="10"/>
    </row>
    <row r="517403" spans="14:14">
      <c r="N517403" s="10"/>
    </row>
    <row r="517404" spans="14:14">
      <c r="N517404" s="10"/>
    </row>
    <row r="517405" spans="14:14">
      <c r="N517405" s="10"/>
    </row>
    <row r="517406" spans="14:14">
      <c r="N517406" s="10"/>
    </row>
    <row r="517407" spans="14:14">
      <c r="N517407" s="10"/>
    </row>
    <row r="517408" spans="14:14">
      <c r="N517408" s="10"/>
    </row>
    <row r="517409" spans="14:14">
      <c r="N517409" s="10"/>
    </row>
    <row r="517410" spans="14:14">
      <c r="N517410" s="10"/>
    </row>
    <row r="517411" spans="14:14">
      <c r="N517411" s="10"/>
    </row>
    <row r="517412" spans="14:14">
      <c r="N517412" s="10"/>
    </row>
    <row r="517413" spans="14:14">
      <c r="N517413" s="10"/>
    </row>
    <row r="517414" spans="14:14">
      <c r="N517414" s="10"/>
    </row>
    <row r="517415" spans="14:14">
      <c r="N517415" s="10"/>
    </row>
    <row r="517416" spans="14:14">
      <c r="N517416" s="10"/>
    </row>
    <row r="517417" spans="14:14">
      <c r="N517417" s="10"/>
    </row>
    <row r="517418" spans="14:14">
      <c r="N517418" s="10"/>
    </row>
    <row r="517419" spans="14:14">
      <c r="N517419" s="10"/>
    </row>
    <row r="517420" spans="14:14">
      <c r="N517420" s="10"/>
    </row>
    <row r="517421" spans="14:14">
      <c r="N517421" s="10"/>
    </row>
    <row r="517422" spans="14:14">
      <c r="N517422" s="10"/>
    </row>
    <row r="517423" spans="14:14">
      <c r="N517423" s="10"/>
    </row>
    <row r="517424" spans="14:14">
      <c r="N517424" s="10"/>
    </row>
    <row r="517425" spans="14:14">
      <c r="N517425" s="10"/>
    </row>
    <row r="517426" spans="14:14">
      <c r="N517426" s="10"/>
    </row>
    <row r="517427" spans="14:14">
      <c r="N517427" s="10"/>
    </row>
    <row r="517428" spans="14:14">
      <c r="N517428" s="10"/>
    </row>
    <row r="517429" spans="14:14">
      <c r="N517429" s="10"/>
    </row>
    <row r="517430" spans="14:14">
      <c r="N517430" s="10"/>
    </row>
    <row r="517431" spans="14:14">
      <c r="N517431" s="10"/>
    </row>
    <row r="517432" spans="14:14">
      <c r="N517432" s="10"/>
    </row>
    <row r="517433" spans="14:14">
      <c r="N517433" s="10"/>
    </row>
    <row r="517434" spans="14:14">
      <c r="N517434" s="10"/>
    </row>
    <row r="517435" spans="14:14">
      <c r="N517435" s="10"/>
    </row>
    <row r="517436" spans="14:14">
      <c r="N517436" s="10"/>
    </row>
    <row r="517437" spans="14:14">
      <c r="N517437" s="10"/>
    </row>
    <row r="517438" spans="14:14">
      <c r="N517438" s="10"/>
    </row>
    <row r="517439" spans="14:14">
      <c r="N517439" s="10"/>
    </row>
    <row r="517440" spans="14:14">
      <c r="N517440" s="10"/>
    </row>
    <row r="517441" spans="14:14">
      <c r="N517441" s="10"/>
    </row>
    <row r="517442" spans="14:14">
      <c r="N517442" s="10"/>
    </row>
    <row r="517443" spans="14:14">
      <c r="N517443" s="10"/>
    </row>
    <row r="517444" spans="14:14">
      <c r="N517444" s="10"/>
    </row>
    <row r="517445" spans="14:14">
      <c r="N517445" s="10"/>
    </row>
    <row r="517446" spans="14:14">
      <c r="N517446" s="10"/>
    </row>
    <row r="517447" spans="14:14">
      <c r="N517447" s="10"/>
    </row>
    <row r="517448" spans="14:14">
      <c r="N517448" s="10"/>
    </row>
    <row r="517449" spans="14:14">
      <c r="N517449" s="10"/>
    </row>
    <row r="517450" spans="14:14">
      <c r="N517450" s="10"/>
    </row>
    <row r="517451" spans="14:14">
      <c r="N517451" s="10"/>
    </row>
    <row r="517452" spans="14:14">
      <c r="N517452" s="10"/>
    </row>
    <row r="517453" spans="14:14">
      <c r="N517453" s="10"/>
    </row>
    <row r="517454" spans="14:14">
      <c r="N517454" s="10"/>
    </row>
    <row r="517455" spans="14:14">
      <c r="N517455" s="10"/>
    </row>
    <row r="517456" spans="14:14">
      <c r="N517456" s="10"/>
    </row>
    <row r="517457" spans="14:14">
      <c r="N517457" s="10"/>
    </row>
    <row r="517458" spans="14:14">
      <c r="N517458" s="10"/>
    </row>
    <row r="517459" spans="14:14">
      <c r="N517459" s="10"/>
    </row>
    <row r="517460" spans="14:14">
      <c r="N517460" s="10"/>
    </row>
    <row r="517461" spans="14:14">
      <c r="N517461" s="10"/>
    </row>
    <row r="517462" spans="14:14">
      <c r="N517462" s="10"/>
    </row>
    <row r="517463" spans="14:14">
      <c r="N517463" s="10"/>
    </row>
    <row r="517464" spans="14:14">
      <c r="N517464" s="10"/>
    </row>
    <row r="517465" spans="14:14">
      <c r="N517465" s="10"/>
    </row>
    <row r="517466" spans="14:14">
      <c r="N517466" s="10"/>
    </row>
    <row r="517467" spans="14:14">
      <c r="N517467" s="10"/>
    </row>
    <row r="517468" spans="14:14">
      <c r="N517468" s="10"/>
    </row>
    <row r="517469" spans="14:14">
      <c r="N517469" s="10"/>
    </row>
    <row r="517470" spans="14:14">
      <c r="N517470" s="10"/>
    </row>
    <row r="517471" spans="14:14">
      <c r="N517471" s="10"/>
    </row>
    <row r="517472" spans="14:14">
      <c r="N517472" s="10"/>
    </row>
    <row r="517473" spans="14:14">
      <c r="N517473" s="10"/>
    </row>
    <row r="517474" spans="14:14">
      <c r="N517474" s="10"/>
    </row>
    <row r="517475" spans="14:14">
      <c r="N517475" s="10"/>
    </row>
    <row r="517476" spans="14:14">
      <c r="N517476" s="10"/>
    </row>
    <row r="517477" spans="14:14">
      <c r="N517477" s="10"/>
    </row>
    <row r="517478" spans="14:14">
      <c r="N517478" s="10"/>
    </row>
    <row r="517479" spans="14:14">
      <c r="N517479" s="10"/>
    </row>
    <row r="517480" spans="14:14">
      <c r="N517480" s="10"/>
    </row>
    <row r="517481" spans="14:14">
      <c r="N517481" s="10"/>
    </row>
    <row r="517482" spans="14:14">
      <c r="N517482" s="10"/>
    </row>
    <row r="517483" spans="14:14">
      <c r="N517483" s="10"/>
    </row>
    <row r="517484" spans="14:14">
      <c r="N517484" s="10"/>
    </row>
    <row r="517485" spans="14:14">
      <c r="N517485" s="10"/>
    </row>
    <row r="517486" spans="14:14">
      <c r="N517486" s="10"/>
    </row>
    <row r="517487" spans="14:14">
      <c r="N517487" s="10"/>
    </row>
    <row r="517488" spans="14:14">
      <c r="N517488" s="10"/>
    </row>
    <row r="517489" spans="14:14">
      <c r="N517489" s="10"/>
    </row>
    <row r="517490" spans="14:14">
      <c r="N517490" s="10"/>
    </row>
    <row r="517491" spans="14:14">
      <c r="N517491" s="10"/>
    </row>
    <row r="517492" spans="14:14">
      <c r="N517492" s="10"/>
    </row>
    <row r="517493" spans="14:14">
      <c r="N517493" s="10"/>
    </row>
    <row r="517494" spans="14:14">
      <c r="N517494" s="10"/>
    </row>
    <row r="517495" spans="14:14">
      <c r="N517495" s="10"/>
    </row>
    <row r="517496" spans="14:14">
      <c r="N517496" s="10"/>
    </row>
    <row r="517497" spans="14:14">
      <c r="N517497" s="10"/>
    </row>
    <row r="517498" spans="14:14">
      <c r="N517498" s="10"/>
    </row>
    <row r="517499" spans="14:14">
      <c r="N517499" s="10"/>
    </row>
    <row r="517500" spans="14:14">
      <c r="N517500" s="10"/>
    </row>
    <row r="517501" spans="14:14">
      <c r="N517501" s="10"/>
    </row>
    <row r="517502" spans="14:14">
      <c r="N517502" s="10"/>
    </row>
    <row r="517503" spans="14:14">
      <c r="N517503" s="10"/>
    </row>
    <row r="517504" spans="14:14">
      <c r="N517504" s="10"/>
    </row>
    <row r="517505" spans="14:14">
      <c r="N517505" s="10"/>
    </row>
    <row r="517506" spans="14:14">
      <c r="N517506" s="10"/>
    </row>
    <row r="517507" spans="14:14">
      <c r="N517507" s="10"/>
    </row>
    <row r="517508" spans="14:14">
      <c r="N517508" s="10"/>
    </row>
    <row r="517509" spans="14:14">
      <c r="N517509" s="10"/>
    </row>
    <row r="517510" spans="14:14">
      <c r="N517510" s="10"/>
    </row>
    <row r="517511" spans="14:14">
      <c r="N517511" s="10"/>
    </row>
    <row r="517512" spans="14:14">
      <c r="N517512" s="10"/>
    </row>
    <row r="517513" spans="14:14">
      <c r="N517513" s="10"/>
    </row>
    <row r="517514" spans="14:14">
      <c r="N517514" s="10"/>
    </row>
    <row r="517515" spans="14:14">
      <c r="N517515" s="10"/>
    </row>
    <row r="517516" spans="14:14">
      <c r="N517516" s="10"/>
    </row>
    <row r="517517" spans="14:14">
      <c r="N517517" s="10"/>
    </row>
    <row r="517518" spans="14:14">
      <c r="N517518" s="10"/>
    </row>
    <row r="517519" spans="14:14">
      <c r="N517519" s="10"/>
    </row>
    <row r="517520" spans="14:14">
      <c r="N517520" s="10"/>
    </row>
    <row r="517521" spans="14:14">
      <c r="N517521" s="10"/>
    </row>
    <row r="517522" spans="14:14">
      <c r="N517522" s="10"/>
    </row>
    <row r="517523" spans="14:14">
      <c r="N517523" s="10"/>
    </row>
    <row r="517524" spans="14:14">
      <c r="N517524" s="10"/>
    </row>
    <row r="517525" spans="14:14">
      <c r="N517525" s="10"/>
    </row>
    <row r="517526" spans="14:14">
      <c r="N517526" s="10"/>
    </row>
    <row r="517527" spans="14:14">
      <c r="N517527" s="10"/>
    </row>
    <row r="517528" spans="14:14">
      <c r="N517528" s="10"/>
    </row>
    <row r="517529" spans="14:14">
      <c r="N517529" s="10"/>
    </row>
    <row r="517530" spans="14:14">
      <c r="N517530" s="10"/>
    </row>
    <row r="517531" spans="14:14">
      <c r="N517531" s="10"/>
    </row>
    <row r="517532" spans="14:14">
      <c r="N517532" s="10"/>
    </row>
    <row r="517533" spans="14:14">
      <c r="N517533" s="10"/>
    </row>
    <row r="517534" spans="14:14">
      <c r="N517534" s="10"/>
    </row>
    <row r="517535" spans="14:14">
      <c r="N517535" s="10"/>
    </row>
    <row r="517536" spans="14:14">
      <c r="N517536" s="10"/>
    </row>
    <row r="517537" spans="14:14">
      <c r="N517537" s="10"/>
    </row>
    <row r="517538" spans="14:14">
      <c r="N517538" s="10"/>
    </row>
    <row r="517539" spans="14:14">
      <c r="N517539" s="10"/>
    </row>
    <row r="517540" spans="14:14">
      <c r="N517540" s="10"/>
    </row>
    <row r="517541" spans="14:14">
      <c r="N517541" s="10"/>
    </row>
    <row r="517542" spans="14:14">
      <c r="N517542" s="10"/>
    </row>
    <row r="517543" spans="14:14">
      <c r="N517543" s="10"/>
    </row>
    <row r="517544" spans="14:14">
      <c r="N517544" s="10"/>
    </row>
    <row r="517545" spans="14:14">
      <c r="N517545" s="10"/>
    </row>
    <row r="517546" spans="14:14">
      <c r="N517546" s="10"/>
    </row>
    <row r="517547" spans="14:14">
      <c r="N517547" s="10"/>
    </row>
    <row r="517548" spans="14:14">
      <c r="N517548" s="10"/>
    </row>
    <row r="517549" spans="14:14">
      <c r="N517549" s="10"/>
    </row>
    <row r="517550" spans="14:14">
      <c r="N517550" s="10"/>
    </row>
    <row r="517551" spans="14:14">
      <c r="N517551" s="10"/>
    </row>
    <row r="517552" spans="14:14">
      <c r="N517552" s="10"/>
    </row>
    <row r="517553" spans="14:14">
      <c r="N517553" s="10"/>
    </row>
    <row r="517554" spans="14:14">
      <c r="N517554" s="10"/>
    </row>
    <row r="517555" spans="14:14">
      <c r="N517555" s="10"/>
    </row>
    <row r="517556" spans="14:14">
      <c r="N517556" s="10"/>
    </row>
    <row r="517557" spans="14:14">
      <c r="N517557" s="10"/>
    </row>
    <row r="517558" spans="14:14">
      <c r="N517558" s="10"/>
    </row>
    <row r="517559" spans="14:14">
      <c r="N517559" s="10"/>
    </row>
    <row r="517560" spans="14:14">
      <c r="N517560" s="10"/>
    </row>
    <row r="517561" spans="14:14">
      <c r="N517561" s="10"/>
    </row>
    <row r="517562" spans="14:14">
      <c r="N517562" s="10"/>
    </row>
    <row r="517563" spans="14:14">
      <c r="N517563" s="10"/>
    </row>
    <row r="517564" spans="14:14">
      <c r="N517564" s="10"/>
    </row>
    <row r="517565" spans="14:14">
      <c r="N517565" s="10"/>
    </row>
    <row r="517566" spans="14:14">
      <c r="N517566" s="10"/>
    </row>
    <row r="517567" spans="14:14">
      <c r="N517567" s="10"/>
    </row>
    <row r="517568" spans="14:14">
      <c r="N517568" s="10"/>
    </row>
    <row r="517569" spans="14:14">
      <c r="N517569" s="10"/>
    </row>
    <row r="517570" spans="14:14">
      <c r="N517570" s="10"/>
    </row>
    <row r="517571" spans="14:14">
      <c r="N517571" s="10"/>
    </row>
    <row r="517572" spans="14:14">
      <c r="N517572" s="10"/>
    </row>
    <row r="517573" spans="14:14">
      <c r="N517573" s="10"/>
    </row>
    <row r="517574" spans="14:14">
      <c r="N517574" s="10"/>
    </row>
    <row r="517575" spans="14:14">
      <c r="N517575" s="10"/>
    </row>
    <row r="517576" spans="14:14">
      <c r="N517576" s="10"/>
    </row>
    <row r="517577" spans="14:14">
      <c r="N517577" s="10"/>
    </row>
    <row r="517578" spans="14:14">
      <c r="N517578" s="10"/>
    </row>
    <row r="517579" spans="14:14">
      <c r="N517579" s="10"/>
    </row>
    <row r="517580" spans="14:14">
      <c r="N517580" s="10"/>
    </row>
    <row r="517581" spans="14:14">
      <c r="N517581" s="10"/>
    </row>
    <row r="517582" spans="14:14">
      <c r="N517582" s="10"/>
    </row>
    <row r="517583" spans="14:14">
      <c r="N517583" s="10"/>
    </row>
    <row r="517584" spans="14:14">
      <c r="N517584" s="10"/>
    </row>
    <row r="517585" spans="14:14">
      <c r="N517585" s="10"/>
    </row>
    <row r="517586" spans="14:14">
      <c r="N517586" s="10"/>
    </row>
    <row r="517587" spans="14:14">
      <c r="N517587" s="10"/>
    </row>
    <row r="517588" spans="14:14">
      <c r="N517588" s="10"/>
    </row>
    <row r="517589" spans="14:14">
      <c r="N517589" s="10"/>
    </row>
    <row r="517590" spans="14:14">
      <c r="N517590" s="10"/>
    </row>
    <row r="517591" spans="14:14">
      <c r="N517591" s="10"/>
    </row>
    <row r="517592" spans="14:14">
      <c r="N517592" s="10"/>
    </row>
    <row r="517593" spans="14:14">
      <c r="N517593" s="10"/>
    </row>
    <row r="517594" spans="14:14">
      <c r="N517594" s="10"/>
    </row>
    <row r="517595" spans="14:14">
      <c r="N517595" s="10"/>
    </row>
    <row r="517596" spans="14:14">
      <c r="N517596" s="10"/>
    </row>
    <row r="517597" spans="14:14">
      <c r="N517597" s="10"/>
    </row>
    <row r="517598" spans="14:14">
      <c r="N517598" s="10"/>
    </row>
    <row r="517599" spans="14:14">
      <c r="N517599" s="10"/>
    </row>
    <row r="517600" spans="14:14">
      <c r="N517600" s="10"/>
    </row>
    <row r="517601" spans="14:14">
      <c r="N517601" s="10"/>
    </row>
    <row r="517602" spans="14:14">
      <c r="N517602" s="10"/>
    </row>
    <row r="517603" spans="14:14">
      <c r="N517603" s="10"/>
    </row>
    <row r="517604" spans="14:14">
      <c r="N517604" s="10"/>
    </row>
    <row r="517605" spans="14:14">
      <c r="N517605" s="10"/>
    </row>
    <row r="517606" spans="14:14">
      <c r="N517606" s="10"/>
    </row>
    <row r="517607" spans="14:14">
      <c r="N517607" s="10"/>
    </row>
    <row r="517608" spans="14:14">
      <c r="N517608" s="10"/>
    </row>
    <row r="517609" spans="14:14">
      <c r="N517609" s="10"/>
    </row>
    <row r="517610" spans="14:14">
      <c r="N517610" s="10"/>
    </row>
    <row r="517611" spans="14:14">
      <c r="N517611" s="10"/>
    </row>
    <row r="517612" spans="14:14">
      <c r="N517612" s="10"/>
    </row>
    <row r="517613" spans="14:14">
      <c r="N517613" s="10"/>
    </row>
    <row r="517614" spans="14:14">
      <c r="N517614" s="10"/>
    </row>
    <row r="517615" spans="14:14">
      <c r="N517615" s="10"/>
    </row>
    <row r="517616" spans="14:14">
      <c r="N517616" s="10"/>
    </row>
    <row r="517617" spans="14:14">
      <c r="N517617" s="10"/>
    </row>
    <row r="517618" spans="14:14">
      <c r="N517618" s="10"/>
    </row>
    <row r="517619" spans="14:14">
      <c r="N517619" s="10"/>
    </row>
    <row r="517620" spans="14:14">
      <c r="N517620" s="10"/>
    </row>
    <row r="517621" spans="14:14">
      <c r="N517621" s="10"/>
    </row>
    <row r="517622" spans="14:14">
      <c r="N517622" s="10"/>
    </row>
    <row r="517623" spans="14:14">
      <c r="N517623" s="10"/>
    </row>
    <row r="517624" spans="14:14">
      <c r="N517624" s="10"/>
    </row>
    <row r="517625" spans="14:14">
      <c r="N517625" s="10"/>
    </row>
    <row r="517626" spans="14:14">
      <c r="N517626" s="10"/>
    </row>
    <row r="517627" spans="14:14">
      <c r="N517627" s="10"/>
    </row>
    <row r="517628" spans="14:14">
      <c r="N517628" s="10"/>
    </row>
    <row r="517629" spans="14:14">
      <c r="N517629" s="10"/>
    </row>
    <row r="517630" spans="14:14">
      <c r="N517630" s="10"/>
    </row>
    <row r="517631" spans="14:14">
      <c r="N517631" s="10"/>
    </row>
    <row r="517632" spans="14:14">
      <c r="N517632" s="10"/>
    </row>
    <row r="517633" spans="14:14">
      <c r="N517633" s="10"/>
    </row>
    <row r="517634" spans="14:14">
      <c r="N517634" s="10"/>
    </row>
    <row r="517635" spans="14:14">
      <c r="N517635" s="10"/>
    </row>
    <row r="517636" spans="14:14">
      <c r="N517636" s="10"/>
    </row>
    <row r="517637" spans="14:14">
      <c r="N517637" s="10"/>
    </row>
    <row r="517638" spans="14:14">
      <c r="N517638" s="10"/>
    </row>
    <row r="517639" spans="14:14">
      <c r="N517639" s="10"/>
    </row>
    <row r="517640" spans="14:14">
      <c r="N517640" s="10"/>
    </row>
    <row r="517641" spans="14:14">
      <c r="N517641" s="10"/>
    </row>
    <row r="517642" spans="14:14">
      <c r="N517642" s="10"/>
    </row>
    <row r="517643" spans="14:14">
      <c r="N517643" s="10"/>
    </row>
    <row r="517644" spans="14:14">
      <c r="N517644" s="10"/>
    </row>
    <row r="517645" spans="14:14">
      <c r="N517645" s="10"/>
    </row>
    <row r="517646" spans="14:14">
      <c r="N517646" s="10"/>
    </row>
    <row r="517647" spans="14:14">
      <c r="N517647" s="10"/>
    </row>
    <row r="517648" spans="14:14">
      <c r="N517648" s="10"/>
    </row>
    <row r="517649" spans="14:14">
      <c r="N517649" s="10"/>
    </row>
    <row r="517650" spans="14:14">
      <c r="N517650" s="10"/>
    </row>
    <row r="517651" spans="14:14">
      <c r="N517651" s="10"/>
    </row>
    <row r="517652" spans="14:14">
      <c r="N517652" s="10"/>
    </row>
    <row r="517653" spans="14:14">
      <c r="N517653" s="10"/>
    </row>
    <row r="517654" spans="14:14">
      <c r="N517654" s="10"/>
    </row>
    <row r="517655" spans="14:14">
      <c r="N517655" s="10"/>
    </row>
    <row r="517656" spans="14:14">
      <c r="N517656" s="10"/>
    </row>
    <row r="517657" spans="14:14">
      <c r="N517657" s="10"/>
    </row>
    <row r="517658" spans="14:14">
      <c r="N517658" s="10"/>
    </row>
    <row r="517659" spans="14:14">
      <c r="N517659" s="10"/>
    </row>
    <row r="517660" spans="14:14">
      <c r="N517660" s="10"/>
    </row>
    <row r="517661" spans="14:14">
      <c r="N517661" s="10"/>
    </row>
    <row r="517662" spans="14:14">
      <c r="N517662" s="10"/>
    </row>
    <row r="517663" spans="14:14">
      <c r="N517663" s="10"/>
    </row>
    <row r="517664" spans="14:14">
      <c r="N517664" s="10"/>
    </row>
    <row r="517665" spans="14:14">
      <c r="N517665" s="10"/>
    </row>
    <row r="517666" spans="14:14">
      <c r="N517666" s="10"/>
    </row>
    <row r="517667" spans="14:14">
      <c r="N517667" s="10"/>
    </row>
    <row r="517668" spans="14:14">
      <c r="N517668" s="10"/>
    </row>
    <row r="517669" spans="14:14">
      <c r="N517669" s="10"/>
    </row>
    <row r="517670" spans="14:14">
      <c r="N517670" s="10"/>
    </row>
    <row r="517671" spans="14:14">
      <c r="N517671" s="10"/>
    </row>
    <row r="517672" spans="14:14">
      <c r="N517672" s="10"/>
    </row>
    <row r="517673" spans="14:14">
      <c r="N517673" s="10"/>
    </row>
    <row r="517674" spans="14:14">
      <c r="N517674" s="10"/>
    </row>
    <row r="517675" spans="14:14">
      <c r="N517675" s="10"/>
    </row>
    <row r="517676" spans="14:14">
      <c r="N517676" s="10"/>
    </row>
    <row r="517677" spans="14:14">
      <c r="N517677" s="10"/>
    </row>
    <row r="517678" spans="14:14">
      <c r="N517678" s="10"/>
    </row>
    <row r="517679" spans="14:14">
      <c r="N517679" s="10"/>
    </row>
    <row r="517680" spans="14:14">
      <c r="N517680" s="10"/>
    </row>
    <row r="517681" spans="14:14">
      <c r="N517681" s="10"/>
    </row>
    <row r="517682" spans="14:14">
      <c r="N517682" s="10"/>
    </row>
    <row r="517683" spans="14:14">
      <c r="N517683" s="10"/>
    </row>
    <row r="517684" spans="14:14">
      <c r="N517684" s="10"/>
    </row>
    <row r="517685" spans="14:14">
      <c r="N517685" s="10"/>
    </row>
    <row r="517686" spans="14:14">
      <c r="N517686" s="10"/>
    </row>
    <row r="517687" spans="14:14">
      <c r="N517687" s="10"/>
    </row>
    <row r="517688" spans="14:14">
      <c r="N517688" s="10"/>
    </row>
    <row r="517689" spans="14:14">
      <c r="N517689" s="10"/>
    </row>
    <row r="517690" spans="14:14">
      <c r="N517690" s="10"/>
    </row>
    <row r="517691" spans="14:14">
      <c r="N517691" s="10"/>
    </row>
    <row r="517692" spans="14:14">
      <c r="N517692" s="10"/>
    </row>
    <row r="517693" spans="14:14">
      <c r="N517693" s="10"/>
    </row>
    <row r="517694" spans="14:14">
      <c r="N517694" s="10"/>
    </row>
    <row r="517695" spans="14:14">
      <c r="N517695" s="10"/>
    </row>
    <row r="517696" spans="14:14">
      <c r="N517696" s="10"/>
    </row>
    <row r="517697" spans="14:14">
      <c r="N517697" s="10"/>
    </row>
    <row r="517698" spans="14:14">
      <c r="N517698" s="10"/>
    </row>
    <row r="517699" spans="14:14">
      <c r="N517699" s="10"/>
    </row>
    <row r="517700" spans="14:14">
      <c r="N517700" s="10"/>
    </row>
    <row r="517701" spans="14:14">
      <c r="N517701" s="10"/>
    </row>
    <row r="517702" spans="14:14">
      <c r="N517702" s="10"/>
    </row>
    <row r="517703" spans="14:14">
      <c r="N517703" s="10"/>
    </row>
    <row r="517704" spans="14:14">
      <c r="N517704" s="10"/>
    </row>
    <row r="517705" spans="14:14">
      <c r="N517705" s="10"/>
    </row>
    <row r="517706" spans="14:14">
      <c r="N517706" s="10"/>
    </row>
    <row r="517707" spans="14:14">
      <c r="N517707" s="10"/>
    </row>
    <row r="517708" spans="14:14">
      <c r="N517708" s="10"/>
    </row>
    <row r="517709" spans="14:14">
      <c r="N517709" s="10"/>
    </row>
    <row r="517710" spans="14:14">
      <c r="N517710" s="10"/>
    </row>
    <row r="517711" spans="14:14">
      <c r="N517711" s="10"/>
    </row>
    <row r="517712" spans="14:14">
      <c r="N517712" s="10"/>
    </row>
    <row r="517713" spans="14:14">
      <c r="N517713" s="10"/>
    </row>
    <row r="517714" spans="14:14">
      <c r="N517714" s="10"/>
    </row>
    <row r="517715" spans="14:14">
      <c r="N517715" s="10"/>
    </row>
    <row r="517716" spans="14:14">
      <c r="N517716" s="10"/>
    </row>
    <row r="517717" spans="14:14">
      <c r="N517717" s="10"/>
    </row>
    <row r="517718" spans="14:14">
      <c r="N517718" s="10"/>
    </row>
    <row r="517719" spans="14:14">
      <c r="N517719" s="10"/>
    </row>
    <row r="517720" spans="14:14">
      <c r="N517720" s="10"/>
    </row>
    <row r="517721" spans="14:14">
      <c r="N517721" s="10"/>
    </row>
    <row r="517722" spans="14:14">
      <c r="N517722" s="10"/>
    </row>
    <row r="517723" spans="14:14">
      <c r="N517723" s="10"/>
    </row>
    <row r="517724" spans="14:14">
      <c r="N517724" s="10"/>
    </row>
    <row r="517725" spans="14:14">
      <c r="N517725" s="10"/>
    </row>
    <row r="517726" spans="14:14">
      <c r="N517726" s="10"/>
    </row>
    <row r="517727" spans="14:14">
      <c r="N517727" s="10"/>
    </row>
    <row r="517728" spans="14:14">
      <c r="N517728" s="10"/>
    </row>
    <row r="517729" spans="14:14">
      <c r="N517729" s="10"/>
    </row>
    <row r="517730" spans="14:14">
      <c r="N517730" s="10"/>
    </row>
    <row r="517731" spans="14:14">
      <c r="N517731" s="10"/>
    </row>
    <row r="517732" spans="14:14">
      <c r="N517732" s="10"/>
    </row>
    <row r="517733" spans="14:14">
      <c r="N517733" s="10"/>
    </row>
    <row r="517734" spans="14:14">
      <c r="N517734" s="10"/>
    </row>
    <row r="517735" spans="14:14">
      <c r="N517735" s="10"/>
    </row>
    <row r="517736" spans="14:14">
      <c r="N517736" s="10"/>
    </row>
    <row r="517737" spans="14:14">
      <c r="N517737" s="10"/>
    </row>
    <row r="517738" spans="14:14">
      <c r="N517738" s="10"/>
    </row>
    <row r="517739" spans="14:14">
      <c r="N517739" s="10"/>
    </row>
    <row r="517740" spans="14:14">
      <c r="N517740" s="10"/>
    </row>
    <row r="517741" spans="14:14">
      <c r="N517741" s="10"/>
    </row>
    <row r="517742" spans="14:14">
      <c r="N517742" s="10"/>
    </row>
    <row r="517743" spans="14:14">
      <c r="N517743" s="10"/>
    </row>
    <row r="517744" spans="14:14">
      <c r="N517744" s="10"/>
    </row>
    <row r="517745" spans="14:14">
      <c r="N517745" s="10"/>
    </row>
    <row r="517746" spans="14:14">
      <c r="N517746" s="10"/>
    </row>
    <row r="517747" spans="14:14">
      <c r="N517747" s="10"/>
    </row>
    <row r="517748" spans="14:14">
      <c r="N517748" s="10"/>
    </row>
    <row r="517749" spans="14:14">
      <c r="N517749" s="10"/>
    </row>
    <row r="517750" spans="14:14">
      <c r="N517750" s="10"/>
    </row>
    <row r="517751" spans="14:14">
      <c r="N517751" s="10"/>
    </row>
    <row r="517752" spans="14:14">
      <c r="N517752" s="10"/>
    </row>
    <row r="517753" spans="14:14">
      <c r="N517753" s="10"/>
    </row>
    <row r="517754" spans="14:14">
      <c r="N517754" s="10"/>
    </row>
    <row r="517755" spans="14:14">
      <c r="N517755" s="10"/>
    </row>
    <row r="517756" spans="14:14">
      <c r="N517756" s="10"/>
    </row>
    <row r="517757" spans="14:14">
      <c r="N517757" s="10"/>
    </row>
    <row r="517758" spans="14:14">
      <c r="N517758" s="10"/>
    </row>
    <row r="517759" spans="14:14">
      <c r="N517759" s="10"/>
    </row>
    <row r="517760" spans="14:14">
      <c r="N517760" s="10"/>
    </row>
    <row r="517761" spans="14:14">
      <c r="N517761" s="10"/>
    </row>
    <row r="517762" spans="14:14">
      <c r="N517762" s="10"/>
    </row>
    <row r="517763" spans="14:14">
      <c r="N517763" s="10"/>
    </row>
    <row r="517764" spans="14:14">
      <c r="N517764" s="10"/>
    </row>
    <row r="517765" spans="14:14">
      <c r="N517765" s="10"/>
    </row>
    <row r="517766" spans="14:14">
      <c r="N517766" s="10"/>
    </row>
    <row r="517767" spans="14:14">
      <c r="N517767" s="10"/>
    </row>
    <row r="517768" spans="14:14">
      <c r="N517768" s="10"/>
    </row>
    <row r="517769" spans="14:14">
      <c r="N517769" s="10"/>
    </row>
    <row r="517770" spans="14:14">
      <c r="N517770" s="10"/>
    </row>
    <row r="517771" spans="14:14">
      <c r="N517771" s="10"/>
    </row>
    <row r="517772" spans="14:14">
      <c r="N517772" s="10"/>
    </row>
    <row r="517773" spans="14:14">
      <c r="N517773" s="10"/>
    </row>
    <row r="517774" spans="14:14">
      <c r="N517774" s="10"/>
    </row>
    <row r="517775" spans="14:14">
      <c r="N517775" s="10"/>
    </row>
    <row r="517776" spans="14:14">
      <c r="N517776" s="10"/>
    </row>
    <row r="517777" spans="14:14">
      <c r="N517777" s="10"/>
    </row>
    <row r="517778" spans="14:14">
      <c r="N517778" s="10"/>
    </row>
    <row r="517779" spans="14:14">
      <c r="N517779" s="10"/>
    </row>
    <row r="517780" spans="14:14">
      <c r="N517780" s="10"/>
    </row>
    <row r="517781" spans="14:14">
      <c r="N517781" s="10"/>
    </row>
    <row r="517782" spans="14:14">
      <c r="N517782" s="10"/>
    </row>
    <row r="517783" spans="14:14">
      <c r="N517783" s="10"/>
    </row>
    <row r="517784" spans="14:14">
      <c r="N517784" s="10"/>
    </row>
    <row r="517785" spans="14:14">
      <c r="N517785" s="10"/>
    </row>
    <row r="517786" spans="14:14">
      <c r="N517786" s="10"/>
    </row>
    <row r="517787" spans="14:14">
      <c r="N517787" s="10"/>
    </row>
    <row r="517788" spans="14:14">
      <c r="N517788" s="10"/>
    </row>
    <row r="517789" spans="14:14">
      <c r="N517789" s="10"/>
    </row>
    <row r="517790" spans="14:14">
      <c r="N517790" s="10"/>
    </row>
    <row r="517791" spans="14:14">
      <c r="N517791" s="10"/>
    </row>
    <row r="517792" spans="14:14">
      <c r="N517792" s="10"/>
    </row>
    <row r="517793" spans="14:14">
      <c r="N517793" s="10"/>
    </row>
    <row r="517794" spans="14:14">
      <c r="N517794" s="10"/>
    </row>
    <row r="517795" spans="14:14">
      <c r="N517795" s="10"/>
    </row>
    <row r="517796" spans="14:14">
      <c r="N517796" s="10"/>
    </row>
    <row r="517797" spans="14:14">
      <c r="N517797" s="10"/>
    </row>
    <row r="517798" spans="14:14">
      <c r="N517798" s="10"/>
    </row>
    <row r="517799" spans="14:14">
      <c r="N517799" s="10"/>
    </row>
    <row r="517800" spans="14:14">
      <c r="N517800" s="10"/>
    </row>
    <row r="517801" spans="14:14">
      <c r="N517801" s="10"/>
    </row>
    <row r="517802" spans="14:14">
      <c r="N517802" s="10"/>
    </row>
    <row r="517803" spans="14:14">
      <c r="N517803" s="10"/>
    </row>
    <row r="517804" spans="14:14">
      <c r="N517804" s="10"/>
    </row>
    <row r="517805" spans="14:14">
      <c r="N517805" s="10"/>
    </row>
    <row r="517806" spans="14:14">
      <c r="N517806" s="10"/>
    </row>
    <row r="517807" spans="14:14">
      <c r="N517807" s="10"/>
    </row>
    <row r="517808" spans="14:14">
      <c r="N517808" s="10"/>
    </row>
    <row r="517809" spans="14:14">
      <c r="N517809" s="10"/>
    </row>
    <row r="517810" spans="14:14">
      <c r="N517810" s="10"/>
    </row>
    <row r="517811" spans="14:14">
      <c r="N517811" s="10"/>
    </row>
    <row r="517812" spans="14:14">
      <c r="N517812" s="10"/>
    </row>
    <row r="517813" spans="14:14">
      <c r="N517813" s="10"/>
    </row>
    <row r="517814" spans="14:14">
      <c r="N517814" s="10"/>
    </row>
    <row r="517815" spans="14:14">
      <c r="N517815" s="10"/>
    </row>
    <row r="517816" spans="14:14">
      <c r="N517816" s="10"/>
    </row>
    <row r="517817" spans="14:14">
      <c r="N517817" s="10"/>
    </row>
    <row r="517818" spans="14:14">
      <c r="N517818" s="10"/>
    </row>
    <row r="517819" spans="14:14">
      <c r="N517819" s="10"/>
    </row>
    <row r="517820" spans="14:14">
      <c r="N517820" s="10"/>
    </row>
    <row r="517821" spans="14:14">
      <c r="N517821" s="10"/>
    </row>
    <row r="517822" spans="14:14">
      <c r="N517822" s="10"/>
    </row>
    <row r="517823" spans="14:14">
      <c r="N517823" s="10"/>
    </row>
    <row r="517824" spans="14:14">
      <c r="N517824" s="10"/>
    </row>
    <row r="517825" spans="14:14">
      <c r="N517825" s="10"/>
    </row>
    <row r="517826" spans="14:14">
      <c r="N517826" s="10"/>
    </row>
    <row r="517827" spans="14:14">
      <c r="N517827" s="10"/>
    </row>
    <row r="517828" spans="14:14">
      <c r="N517828" s="10"/>
    </row>
    <row r="517829" spans="14:14">
      <c r="N517829" s="10"/>
    </row>
    <row r="517830" spans="14:14">
      <c r="N517830" s="10"/>
    </row>
    <row r="517831" spans="14:14">
      <c r="N517831" s="10"/>
    </row>
    <row r="517832" spans="14:14">
      <c r="N517832" s="10"/>
    </row>
    <row r="517833" spans="14:14">
      <c r="N517833" s="10"/>
    </row>
    <row r="517834" spans="14:14">
      <c r="N517834" s="10"/>
    </row>
    <row r="517835" spans="14:14">
      <c r="N517835" s="10"/>
    </row>
    <row r="517836" spans="14:14">
      <c r="N517836" s="10"/>
    </row>
    <row r="517837" spans="14:14">
      <c r="N517837" s="10"/>
    </row>
    <row r="517838" spans="14:14">
      <c r="N517838" s="10"/>
    </row>
    <row r="517839" spans="14:14">
      <c r="N517839" s="10"/>
    </row>
    <row r="517840" spans="14:14">
      <c r="N517840" s="10"/>
    </row>
    <row r="517841" spans="14:14">
      <c r="N517841" s="10"/>
    </row>
    <row r="517842" spans="14:14">
      <c r="N517842" s="10"/>
    </row>
    <row r="517843" spans="14:14">
      <c r="N517843" s="10"/>
    </row>
    <row r="517844" spans="14:14">
      <c r="N517844" s="10"/>
    </row>
    <row r="517845" spans="14:14">
      <c r="N517845" s="10"/>
    </row>
    <row r="517846" spans="14:14">
      <c r="N517846" s="10"/>
    </row>
    <row r="517847" spans="14:14">
      <c r="N517847" s="10"/>
    </row>
    <row r="517848" spans="14:14">
      <c r="N517848" s="10"/>
    </row>
    <row r="517849" spans="14:14">
      <c r="N517849" s="10"/>
    </row>
    <row r="517850" spans="14:14">
      <c r="N517850" s="10"/>
    </row>
    <row r="517851" spans="14:14">
      <c r="N517851" s="10"/>
    </row>
    <row r="517852" spans="14:14">
      <c r="N517852" s="10"/>
    </row>
    <row r="517853" spans="14:14">
      <c r="N517853" s="10"/>
    </row>
    <row r="517854" spans="14:14">
      <c r="N517854" s="10"/>
    </row>
    <row r="517855" spans="14:14">
      <c r="N517855" s="10"/>
    </row>
    <row r="517856" spans="14:14">
      <c r="N517856" s="10"/>
    </row>
    <row r="517857" spans="14:14">
      <c r="N517857" s="10"/>
    </row>
    <row r="517858" spans="14:14">
      <c r="N517858" s="10"/>
    </row>
    <row r="517859" spans="14:14">
      <c r="N517859" s="10"/>
    </row>
    <row r="517860" spans="14:14">
      <c r="N517860" s="10"/>
    </row>
    <row r="517861" spans="14:14">
      <c r="N517861" s="10"/>
    </row>
    <row r="517862" spans="14:14">
      <c r="N517862" s="10"/>
    </row>
    <row r="517863" spans="14:14">
      <c r="N517863" s="10"/>
    </row>
    <row r="517864" spans="14:14">
      <c r="N517864" s="10"/>
    </row>
    <row r="517865" spans="14:14">
      <c r="N517865" s="10"/>
    </row>
    <row r="517866" spans="14:14">
      <c r="N517866" s="10"/>
    </row>
    <row r="517867" spans="14:14">
      <c r="N517867" s="10"/>
    </row>
    <row r="517868" spans="14:14">
      <c r="N517868" s="10"/>
    </row>
    <row r="517869" spans="14:14">
      <c r="N517869" s="10"/>
    </row>
    <row r="517870" spans="14:14">
      <c r="N517870" s="10"/>
    </row>
    <row r="517871" spans="14:14">
      <c r="N517871" s="10"/>
    </row>
    <row r="517872" spans="14:14">
      <c r="N517872" s="10"/>
    </row>
    <row r="517873" spans="14:14">
      <c r="N517873" s="10"/>
    </row>
    <row r="517874" spans="14:14">
      <c r="N517874" s="10"/>
    </row>
    <row r="517875" spans="14:14">
      <c r="N517875" s="10"/>
    </row>
    <row r="517876" spans="14:14">
      <c r="N517876" s="10"/>
    </row>
    <row r="517877" spans="14:14">
      <c r="N517877" s="10"/>
    </row>
    <row r="517878" spans="14:14">
      <c r="N517878" s="10"/>
    </row>
    <row r="517879" spans="14:14">
      <c r="N517879" s="10"/>
    </row>
    <row r="517880" spans="14:14">
      <c r="N517880" s="10"/>
    </row>
    <row r="517881" spans="14:14">
      <c r="N517881" s="10"/>
    </row>
    <row r="517882" spans="14:14">
      <c r="N517882" s="10"/>
    </row>
    <row r="517883" spans="14:14">
      <c r="N517883" s="10"/>
    </row>
    <row r="517884" spans="14:14">
      <c r="N517884" s="10"/>
    </row>
    <row r="517885" spans="14:14">
      <c r="N517885" s="10"/>
    </row>
    <row r="517886" spans="14:14">
      <c r="N517886" s="10"/>
    </row>
    <row r="517887" spans="14:14">
      <c r="N517887" s="10"/>
    </row>
    <row r="517888" spans="14:14">
      <c r="N517888" s="10"/>
    </row>
    <row r="517889" spans="14:14">
      <c r="N517889" s="10"/>
    </row>
    <row r="517890" spans="14:14">
      <c r="N517890" s="10"/>
    </row>
    <row r="517891" spans="14:14">
      <c r="N517891" s="10"/>
    </row>
    <row r="517892" spans="14:14">
      <c r="N517892" s="10"/>
    </row>
    <row r="517893" spans="14:14">
      <c r="N517893" s="10"/>
    </row>
    <row r="517894" spans="14:14">
      <c r="N517894" s="10"/>
    </row>
    <row r="517895" spans="14:14">
      <c r="N517895" s="10"/>
    </row>
    <row r="517896" spans="14:14">
      <c r="N517896" s="10"/>
    </row>
    <row r="517897" spans="14:14">
      <c r="N517897" s="10"/>
    </row>
    <row r="517898" spans="14:14">
      <c r="N517898" s="10"/>
    </row>
    <row r="517899" spans="14:14">
      <c r="N517899" s="10"/>
    </row>
    <row r="517900" spans="14:14">
      <c r="N517900" s="10"/>
    </row>
    <row r="517901" spans="14:14">
      <c r="N517901" s="10"/>
    </row>
    <row r="517902" spans="14:14">
      <c r="N517902" s="10"/>
    </row>
    <row r="517903" spans="14:14">
      <c r="N517903" s="10"/>
    </row>
    <row r="517904" spans="14:14">
      <c r="N517904" s="10"/>
    </row>
    <row r="517905" spans="14:14">
      <c r="N517905" s="10"/>
    </row>
    <row r="517906" spans="14:14">
      <c r="N517906" s="10"/>
    </row>
    <row r="517907" spans="14:14">
      <c r="N517907" s="10"/>
    </row>
    <row r="517908" spans="14:14">
      <c r="N517908" s="10"/>
    </row>
    <row r="517909" spans="14:14">
      <c r="N517909" s="10"/>
    </row>
    <row r="517910" spans="14:14">
      <c r="N517910" s="10"/>
    </row>
    <row r="517911" spans="14:14">
      <c r="N517911" s="10"/>
    </row>
    <row r="517912" spans="14:14">
      <c r="N517912" s="10"/>
    </row>
    <row r="517913" spans="14:14">
      <c r="N517913" s="10"/>
    </row>
    <row r="517914" spans="14:14">
      <c r="N517914" s="10"/>
    </row>
    <row r="517915" spans="14:14">
      <c r="N517915" s="10"/>
    </row>
    <row r="517916" spans="14:14">
      <c r="N517916" s="10"/>
    </row>
    <row r="517917" spans="14:14">
      <c r="N517917" s="10"/>
    </row>
    <row r="517918" spans="14:14">
      <c r="N517918" s="10"/>
    </row>
    <row r="517919" spans="14:14">
      <c r="N517919" s="10"/>
    </row>
    <row r="517920" spans="14:14">
      <c r="N517920" s="10"/>
    </row>
    <row r="517921" spans="14:14">
      <c r="N517921" s="10"/>
    </row>
    <row r="517922" spans="14:14">
      <c r="N517922" s="10"/>
    </row>
    <row r="517923" spans="14:14">
      <c r="N517923" s="10"/>
    </row>
    <row r="517924" spans="14:14">
      <c r="N517924" s="10"/>
    </row>
    <row r="517925" spans="14:14">
      <c r="N517925" s="10"/>
    </row>
    <row r="517926" spans="14:14">
      <c r="N517926" s="10"/>
    </row>
    <row r="517927" spans="14:14">
      <c r="N517927" s="10"/>
    </row>
    <row r="517928" spans="14:14">
      <c r="N517928" s="10"/>
    </row>
    <row r="517929" spans="14:14">
      <c r="N517929" s="10"/>
    </row>
    <row r="517930" spans="14:14">
      <c r="N517930" s="10"/>
    </row>
    <row r="517931" spans="14:14">
      <c r="N517931" s="10"/>
    </row>
    <row r="517932" spans="14:14">
      <c r="N517932" s="10"/>
    </row>
    <row r="517933" spans="14:14">
      <c r="N517933" s="10"/>
    </row>
    <row r="517934" spans="14:14">
      <c r="N517934" s="10"/>
    </row>
    <row r="517935" spans="14:14">
      <c r="N517935" s="10"/>
    </row>
    <row r="517936" spans="14:14">
      <c r="N517936" s="10"/>
    </row>
    <row r="517937" spans="14:14">
      <c r="N517937" s="10"/>
    </row>
    <row r="517938" spans="14:14">
      <c r="N517938" s="10"/>
    </row>
    <row r="517939" spans="14:14">
      <c r="N517939" s="10"/>
    </row>
    <row r="517940" spans="14:14">
      <c r="N517940" s="10"/>
    </row>
    <row r="517941" spans="14:14">
      <c r="N517941" s="10"/>
    </row>
    <row r="517942" spans="14:14">
      <c r="N517942" s="10"/>
    </row>
    <row r="517943" spans="14:14">
      <c r="N517943" s="10"/>
    </row>
    <row r="517944" spans="14:14">
      <c r="N517944" s="10"/>
    </row>
    <row r="517945" spans="14:14">
      <c r="N517945" s="10"/>
    </row>
    <row r="517946" spans="14:14">
      <c r="N517946" s="10"/>
    </row>
    <row r="517947" spans="14:14">
      <c r="N517947" s="10"/>
    </row>
    <row r="517948" spans="14:14">
      <c r="N517948" s="10"/>
    </row>
    <row r="517949" spans="14:14">
      <c r="N517949" s="10"/>
    </row>
    <row r="517950" spans="14:14">
      <c r="N517950" s="10"/>
    </row>
    <row r="517951" spans="14:14">
      <c r="N517951" s="10"/>
    </row>
    <row r="517952" spans="14:14">
      <c r="N517952" s="10"/>
    </row>
    <row r="517953" spans="14:14">
      <c r="N517953" s="10"/>
    </row>
    <row r="517954" spans="14:14">
      <c r="N517954" s="10"/>
    </row>
    <row r="517955" spans="14:14">
      <c r="N517955" s="10"/>
    </row>
    <row r="517956" spans="14:14">
      <c r="N517956" s="10"/>
    </row>
    <row r="517957" spans="14:14">
      <c r="N517957" s="10"/>
    </row>
    <row r="517958" spans="14:14">
      <c r="N517958" s="10"/>
    </row>
    <row r="517959" spans="14:14">
      <c r="N517959" s="10"/>
    </row>
    <row r="517960" spans="14:14">
      <c r="N517960" s="10"/>
    </row>
    <row r="517961" spans="14:14">
      <c r="N517961" s="10"/>
    </row>
    <row r="517962" spans="14:14">
      <c r="N517962" s="10"/>
    </row>
    <row r="517963" spans="14:14">
      <c r="N517963" s="10"/>
    </row>
    <row r="517964" spans="14:14">
      <c r="N517964" s="10"/>
    </row>
    <row r="517965" spans="14:14">
      <c r="N517965" s="10"/>
    </row>
    <row r="517966" spans="14:14">
      <c r="N517966" s="10"/>
    </row>
    <row r="517967" spans="14:14">
      <c r="N517967" s="10"/>
    </row>
    <row r="517968" spans="14:14">
      <c r="N517968" s="10"/>
    </row>
    <row r="517969" spans="14:14">
      <c r="N517969" s="10"/>
    </row>
    <row r="517970" spans="14:14">
      <c r="N517970" s="10"/>
    </row>
    <row r="517971" spans="14:14">
      <c r="N517971" s="10"/>
    </row>
    <row r="517972" spans="14:14">
      <c r="N517972" s="10"/>
    </row>
    <row r="517973" spans="14:14">
      <c r="N517973" s="10"/>
    </row>
    <row r="517974" spans="14:14">
      <c r="N517974" s="10"/>
    </row>
    <row r="517975" spans="14:14">
      <c r="N517975" s="10"/>
    </row>
    <row r="517976" spans="14:14">
      <c r="N517976" s="10"/>
    </row>
    <row r="517977" spans="14:14">
      <c r="N517977" s="10"/>
    </row>
    <row r="517978" spans="14:14">
      <c r="N517978" s="10"/>
    </row>
    <row r="517979" spans="14:14">
      <c r="N517979" s="10"/>
    </row>
    <row r="517980" spans="14:14">
      <c r="N517980" s="10"/>
    </row>
    <row r="517981" spans="14:14">
      <c r="N517981" s="10"/>
    </row>
    <row r="517982" spans="14:14">
      <c r="N517982" s="10"/>
    </row>
    <row r="517983" spans="14:14">
      <c r="N517983" s="10"/>
    </row>
    <row r="517984" spans="14:14">
      <c r="N517984" s="10"/>
    </row>
    <row r="517985" spans="14:14">
      <c r="N517985" s="10"/>
    </row>
    <row r="517986" spans="14:14">
      <c r="N517986" s="10"/>
    </row>
    <row r="517987" spans="14:14">
      <c r="N517987" s="10"/>
    </row>
    <row r="517988" spans="14:14">
      <c r="N517988" s="10"/>
    </row>
    <row r="517989" spans="14:14">
      <c r="N517989" s="10"/>
    </row>
    <row r="517990" spans="14:14">
      <c r="N517990" s="10"/>
    </row>
    <row r="517991" spans="14:14">
      <c r="N517991" s="10"/>
    </row>
    <row r="517992" spans="14:14">
      <c r="N517992" s="10"/>
    </row>
    <row r="517993" spans="14:14">
      <c r="N517993" s="10"/>
    </row>
    <row r="517994" spans="14:14">
      <c r="N517994" s="10"/>
    </row>
    <row r="517995" spans="14:14">
      <c r="N517995" s="10"/>
    </row>
    <row r="517996" spans="14:14">
      <c r="N517996" s="10"/>
    </row>
    <row r="517997" spans="14:14">
      <c r="N517997" s="10"/>
    </row>
    <row r="517998" spans="14:14">
      <c r="N517998" s="10"/>
    </row>
    <row r="517999" spans="14:14">
      <c r="N517999" s="10"/>
    </row>
    <row r="518000" spans="14:14">
      <c r="N518000" s="10"/>
    </row>
    <row r="518001" spans="14:14">
      <c r="N518001" s="10"/>
    </row>
    <row r="518002" spans="14:14">
      <c r="N518002" s="10"/>
    </row>
    <row r="518003" spans="14:14">
      <c r="N518003" s="10"/>
    </row>
    <row r="518004" spans="14:14">
      <c r="N518004" s="10"/>
    </row>
    <row r="518005" spans="14:14">
      <c r="N518005" s="10"/>
    </row>
    <row r="518006" spans="14:14">
      <c r="N518006" s="10"/>
    </row>
    <row r="518007" spans="14:14">
      <c r="N518007" s="10"/>
    </row>
    <row r="518008" spans="14:14">
      <c r="N518008" s="10"/>
    </row>
    <row r="518009" spans="14:14">
      <c r="N518009" s="10"/>
    </row>
    <row r="518010" spans="14:14">
      <c r="N518010" s="10"/>
    </row>
    <row r="518011" spans="14:14">
      <c r="N518011" s="10"/>
    </row>
    <row r="518012" spans="14:14">
      <c r="N518012" s="10"/>
    </row>
    <row r="518013" spans="14:14">
      <c r="N518013" s="10"/>
    </row>
    <row r="518014" spans="14:14">
      <c r="N518014" s="10"/>
    </row>
    <row r="518015" spans="14:14">
      <c r="N518015" s="10"/>
    </row>
    <row r="518016" spans="14:14">
      <c r="N518016" s="10"/>
    </row>
    <row r="518017" spans="14:14">
      <c r="N518017" s="10"/>
    </row>
    <row r="518018" spans="14:14">
      <c r="N518018" s="10"/>
    </row>
    <row r="518019" spans="14:14">
      <c r="N518019" s="10"/>
    </row>
    <row r="518020" spans="14:14">
      <c r="N518020" s="10"/>
    </row>
    <row r="518021" spans="14:14">
      <c r="N518021" s="10"/>
    </row>
    <row r="518022" spans="14:14">
      <c r="N518022" s="10"/>
    </row>
    <row r="518023" spans="14:14">
      <c r="N518023" s="10"/>
    </row>
    <row r="518024" spans="14:14">
      <c r="N518024" s="10"/>
    </row>
    <row r="518025" spans="14:14">
      <c r="N518025" s="10"/>
    </row>
    <row r="518026" spans="14:14">
      <c r="N518026" s="10"/>
    </row>
    <row r="518027" spans="14:14">
      <c r="N518027" s="10"/>
    </row>
    <row r="518028" spans="14:14">
      <c r="N518028" s="10"/>
    </row>
    <row r="518029" spans="14:14">
      <c r="N518029" s="10"/>
    </row>
    <row r="518030" spans="14:14">
      <c r="N518030" s="10"/>
    </row>
    <row r="518031" spans="14:14">
      <c r="N518031" s="10"/>
    </row>
    <row r="518032" spans="14:14">
      <c r="N518032" s="10"/>
    </row>
    <row r="518033" spans="14:14">
      <c r="N518033" s="10"/>
    </row>
    <row r="518034" spans="14:14">
      <c r="N518034" s="10"/>
    </row>
    <row r="518035" spans="14:14">
      <c r="N518035" s="10"/>
    </row>
    <row r="518036" spans="14:14">
      <c r="N518036" s="10"/>
    </row>
    <row r="518037" spans="14:14">
      <c r="N518037" s="10"/>
    </row>
    <row r="518038" spans="14:14">
      <c r="N518038" s="10"/>
    </row>
    <row r="518039" spans="14:14">
      <c r="N518039" s="10"/>
    </row>
    <row r="518040" spans="14:14">
      <c r="N518040" s="10"/>
    </row>
    <row r="518041" spans="14:14">
      <c r="N518041" s="10"/>
    </row>
    <row r="518042" spans="14:14">
      <c r="N518042" s="10"/>
    </row>
    <row r="518043" spans="14:14">
      <c r="N518043" s="10"/>
    </row>
    <row r="518044" spans="14:14">
      <c r="N518044" s="10"/>
    </row>
    <row r="518045" spans="14:14">
      <c r="N518045" s="10"/>
    </row>
    <row r="518046" spans="14:14">
      <c r="N518046" s="10"/>
    </row>
    <row r="518047" spans="14:14">
      <c r="N518047" s="10"/>
    </row>
    <row r="518048" spans="14:14">
      <c r="N518048" s="10"/>
    </row>
    <row r="518049" spans="14:14">
      <c r="N518049" s="10"/>
    </row>
    <row r="518050" spans="14:14">
      <c r="N518050" s="10"/>
    </row>
    <row r="518051" spans="14:14">
      <c r="N518051" s="10"/>
    </row>
    <row r="518052" spans="14:14">
      <c r="N518052" s="10"/>
    </row>
    <row r="518053" spans="14:14">
      <c r="N518053" s="10"/>
    </row>
    <row r="518054" spans="14:14">
      <c r="N518054" s="10"/>
    </row>
    <row r="518055" spans="14:14">
      <c r="N518055" s="10"/>
    </row>
    <row r="518056" spans="14:14">
      <c r="N518056" s="10"/>
    </row>
    <row r="518057" spans="14:14">
      <c r="N518057" s="10"/>
    </row>
    <row r="518058" spans="14:14">
      <c r="N518058" s="10"/>
    </row>
    <row r="518059" spans="14:14">
      <c r="N518059" s="10"/>
    </row>
    <row r="518060" spans="14:14">
      <c r="N518060" s="10"/>
    </row>
    <row r="518061" spans="14:14">
      <c r="N518061" s="10"/>
    </row>
    <row r="518062" spans="14:14">
      <c r="N518062" s="10"/>
    </row>
    <row r="518063" spans="14:14">
      <c r="N518063" s="10"/>
    </row>
    <row r="518064" spans="14:14">
      <c r="N518064" s="10"/>
    </row>
    <row r="518065" spans="14:14">
      <c r="N518065" s="10"/>
    </row>
    <row r="518066" spans="14:14">
      <c r="N518066" s="10"/>
    </row>
    <row r="518067" spans="14:14">
      <c r="N518067" s="10"/>
    </row>
    <row r="518068" spans="14:14">
      <c r="N518068" s="10"/>
    </row>
    <row r="518069" spans="14:14">
      <c r="N518069" s="10"/>
    </row>
    <row r="518070" spans="14:14">
      <c r="N518070" s="10"/>
    </row>
    <row r="518071" spans="14:14">
      <c r="N518071" s="10"/>
    </row>
    <row r="518072" spans="14:14">
      <c r="N518072" s="10"/>
    </row>
    <row r="518073" spans="14:14">
      <c r="N518073" s="10"/>
    </row>
    <row r="518074" spans="14:14">
      <c r="N518074" s="10"/>
    </row>
    <row r="518075" spans="14:14">
      <c r="N518075" s="10"/>
    </row>
    <row r="518076" spans="14:14">
      <c r="N518076" s="10"/>
    </row>
    <row r="518077" spans="14:14">
      <c r="N518077" s="10"/>
    </row>
    <row r="518078" spans="14:14">
      <c r="N518078" s="10"/>
    </row>
    <row r="518079" spans="14:14">
      <c r="N518079" s="10"/>
    </row>
    <row r="518080" spans="14:14">
      <c r="N518080" s="10"/>
    </row>
    <row r="518081" spans="14:14">
      <c r="N518081" s="10"/>
    </row>
    <row r="518082" spans="14:14">
      <c r="N518082" s="10"/>
    </row>
    <row r="518083" spans="14:14">
      <c r="N518083" s="10"/>
    </row>
    <row r="518084" spans="14:14">
      <c r="N518084" s="10"/>
    </row>
    <row r="518085" spans="14:14">
      <c r="N518085" s="10"/>
    </row>
    <row r="518086" spans="14:14">
      <c r="N518086" s="10"/>
    </row>
    <row r="518087" spans="14:14">
      <c r="N518087" s="10"/>
    </row>
    <row r="518088" spans="14:14">
      <c r="N518088" s="10"/>
    </row>
    <row r="518089" spans="14:14">
      <c r="N518089" s="10"/>
    </row>
    <row r="518090" spans="14:14">
      <c r="N518090" s="10"/>
    </row>
    <row r="518091" spans="14:14">
      <c r="N518091" s="10"/>
    </row>
    <row r="518092" spans="14:14">
      <c r="N518092" s="10"/>
    </row>
    <row r="518093" spans="14:14">
      <c r="N518093" s="10"/>
    </row>
    <row r="518094" spans="14:14">
      <c r="N518094" s="10"/>
    </row>
    <row r="518095" spans="14:14">
      <c r="N518095" s="10"/>
    </row>
    <row r="518096" spans="14:14">
      <c r="N518096" s="10"/>
    </row>
    <row r="518097" spans="14:14">
      <c r="N518097" s="10"/>
    </row>
    <row r="518098" spans="14:14">
      <c r="N518098" s="10"/>
    </row>
    <row r="518099" spans="14:14">
      <c r="N518099" s="10"/>
    </row>
    <row r="518100" spans="14:14">
      <c r="N518100" s="10"/>
    </row>
    <row r="518101" spans="14:14">
      <c r="N518101" s="10"/>
    </row>
    <row r="518102" spans="14:14">
      <c r="N518102" s="10"/>
    </row>
    <row r="518103" spans="14:14">
      <c r="N518103" s="10"/>
    </row>
    <row r="518104" spans="14:14">
      <c r="N518104" s="10"/>
    </row>
    <row r="518105" spans="14:14">
      <c r="N518105" s="10"/>
    </row>
    <row r="518106" spans="14:14">
      <c r="N518106" s="10"/>
    </row>
    <row r="518107" spans="14:14">
      <c r="N518107" s="10"/>
    </row>
    <row r="518108" spans="14:14">
      <c r="N518108" s="10"/>
    </row>
    <row r="518109" spans="14:14">
      <c r="N518109" s="10"/>
    </row>
    <row r="518110" spans="14:14">
      <c r="N518110" s="10"/>
    </row>
    <row r="518111" spans="14:14">
      <c r="N518111" s="10"/>
    </row>
    <row r="518112" spans="14:14">
      <c r="N518112" s="10"/>
    </row>
    <row r="518113" spans="14:14">
      <c r="N518113" s="10"/>
    </row>
    <row r="518114" spans="14:14">
      <c r="N518114" s="10"/>
    </row>
    <row r="518115" spans="14:14">
      <c r="N518115" s="10"/>
    </row>
    <row r="518116" spans="14:14">
      <c r="N518116" s="10"/>
    </row>
    <row r="518117" spans="14:14">
      <c r="N518117" s="10"/>
    </row>
    <row r="518118" spans="14:14">
      <c r="N518118" s="10"/>
    </row>
    <row r="518119" spans="14:14">
      <c r="N518119" s="10"/>
    </row>
    <row r="518120" spans="14:14">
      <c r="N518120" s="10"/>
    </row>
    <row r="518121" spans="14:14">
      <c r="N518121" s="10"/>
    </row>
    <row r="518122" spans="14:14">
      <c r="N518122" s="10"/>
    </row>
    <row r="518123" spans="14:14">
      <c r="N518123" s="10"/>
    </row>
    <row r="518124" spans="14:14">
      <c r="N518124" s="10"/>
    </row>
    <row r="518125" spans="14:14">
      <c r="N518125" s="10"/>
    </row>
    <row r="518126" spans="14:14">
      <c r="N518126" s="10"/>
    </row>
    <row r="518127" spans="14:14">
      <c r="N518127" s="10"/>
    </row>
    <row r="518128" spans="14:14">
      <c r="N518128" s="10"/>
    </row>
    <row r="518129" spans="14:14">
      <c r="N518129" s="10"/>
    </row>
    <row r="518130" spans="14:14">
      <c r="N518130" s="10"/>
    </row>
    <row r="518131" spans="14:14">
      <c r="N518131" s="10"/>
    </row>
    <row r="518132" spans="14:14">
      <c r="N518132" s="10"/>
    </row>
    <row r="518133" spans="14:14">
      <c r="N518133" s="10"/>
    </row>
    <row r="518134" spans="14:14">
      <c r="N518134" s="10"/>
    </row>
    <row r="518135" spans="14:14">
      <c r="N518135" s="10"/>
    </row>
    <row r="518136" spans="14:14">
      <c r="N518136" s="10"/>
    </row>
    <row r="518137" spans="14:14">
      <c r="N518137" s="10"/>
    </row>
    <row r="518138" spans="14:14">
      <c r="N518138" s="10"/>
    </row>
    <row r="518139" spans="14:14">
      <c r="N518139" s="10"/>
    </row>
    <row r="518140" spans="14:14">
      <c r="N518140" s="10"/>
    </row>
    <row r="518141" spans="14:14">
      <c r="N518141" s="10"/>
    </row>
    <row r="518142" spans="14:14">
      <c r="N518142" s="10"/>
    </row>
    <row r="518143" spans="14:14">
      <c r="N518143" s="10"/>
    </row>
    <row r="518144" spans="14:14">
      <c r="N518144" s="10"/>
    </row>
    <row r="518145" spans="14:14">
      <c r="N518145" s="10"/>
    </row>
    <row r="518146" spans="14:14">
      <c r="N518146" s="10"/>
    </row>
    <row r="518147" spans="14:14">
      <c r="N518147" s="10"/>
    </row>
    <row r="518148" spans="14:14">
      <c r="N518148" s="10"/>
    </row>
    <row r="518149" spans="14:14">
      <c r="N518149" s="10"/>
    </row>
    <row r="518150" spans="14:14">
      <c r="N518150" s="10"/>
    </row>
    <row r="518151" spans="14:14">
      <c r="N518151" s="10"/>
    </row>
    <row r="518152" spans="14:14">
      <c r="N518152" s="10"/>
    </row>
    <row r="518153" spans="14:14">
      <c r="N518153" s="10"/>
    </row>
    <row r="518154" spans="14:14">
      <c r="N518154" s="10"/>
    </row>
    <row r="518155" spans="14:14">
      <c r="N518155" s="10"/>
    </row>
    <row r="518156" spans="14:14">
      <c r="N518156" s="10"/>
    </row>
    <row r="518157" spans="14:14">
      <c r="N518157" s="10"/>
    </row>
    <row r="518158" spans="14:14">
      <c r="N518158" s="10"/>
    </row>
    <row r="518159" spans="14:14">
      <c r="N518159" s="10"/>
    </row>
    <row r="518160" spans="14:14">
      <c r="N518160" s="10"/>
    </row>
    <row r="518161" spans="14:14">
      <c r="N518161" s="10"/>
    </row>
    <row r="518162" spans="14:14">
      <c r="N518162" s="10"/>
    </row>
    <row r="518163" spans="14:14">
      <c r="N518163" s="10"/>
    </row>
    <row r="518164" spans="14:14">
      <c r="N518164" s="10"/>
    </row>
    <row r="518165" spans="14:14">
      <c r="N518165" s="10"/>
    </row>
    <row r="518166" spans="14:14">
      <c r="N518166" s="10"/>
    </row>
    <row r="518167" spans="14:14">
      <c r="N518167" s="10"/>
    </row>
    <row r="518168" spans="14:14">
      <c r="N518168" s="10"/>
    </row>
    <row r="518169" spans="14:14">
      <c r="N518169" s="10"/>
    </row>
    <row r="518170" spans="14:14">
      <c r="N518170" s="10"/>
    </row>
    <row r="518171" spans="14:14">
      <c r="N518171" s="10"/>
    </row>
    <row r="518172" spans="14:14">
      <c r="N518172" s="10"/>
    </row>
    <row r="518173" spans="14:14">
      <c r="N518173" s="10"/>
    </row>
    <row r="518174" spans="14:14">
      <c r="N518174" s="10"/>
    </row>
    <row r="518175" spans="14:14">
      <c r="N518175" s="10"/>
    </row>
    <row r="518176" spans="14:14">
      <c r="N518176" s="10"/>
    </row>
    <row r="518177" spans="14:14">
      <c r="N518177" s="10"/>
    </row>
    <row r="518178" spans="14:14">
      <c r="N518178" s="10"/>
    </row>
    <row r="518179" spans="14:14">
      <c r="N518179" s="10"/>
    </row>
    <row r="518180" spans="14:14">
      <c r="N518180" s="10"/>
    </row>
    <row r="518181" spans="14:14">
      <c r="N518181" s="10"/>
    </row>
    <row r="518182" spans="14:14">
      <c r="N518182" s="10"/>
    </row>
    <row r="518183" spans="14:14">
      <c r="N518183" s="10"/>
    </row>
    <row r="518184" spans="14:14">
      <c r="N518184" s="10"/>
    </row>
    <row r="518185" spans="14:14">
      <c r="N518185" s="10"/>
    </row>
    <row r="518186" spans="14:14">
      <c r="N518186" s="10"/>
    </row>
    <row r="518187" spans="14:14">
      <c r="N518187" s="10"/>
    </row>
    <row r="518188" spans="14:14">
      <c r="N518188" s="10"/>
    </row>
    <row r="518189" spans="14:14">
      <c r="N518189" s="10"/>
    </row>
    <row r="518190" spans="14:14">
      <c r="N518190" s="10"/>
    </row>
    <row r="518191" spans="14:14">
      <c r="N518191" s="10"/>
    </row>
    <row r="518192" spans="14:14">
      <c r="N518192" s="10"/>
    </row>
    <row r="518193" spans="14:14">
      <c r="N518193" s="10"/>
    </row>
    <row r="518194" spans="14:14">
      <c r="N518194" s="10"/>
    </row>
    <row r="518195" spans="14:14">
      <c r="N518195" s="10"/>
    </row>
    <row r="518196" spans="14:14">
      <c r="N518196" s="10"/>
    </row>
    <row r="518197" spans="14:14">
      <c r="N518197" s="10"/>
    </row>
    <row r="518198" spans="14:14">
      <c r="N518198" s="10"/>
    </row>
    <row r="518199" spans="14:14">
      <c r="N518199" s="10"/>
    </row>
    <row r="518200" spans="14:14">
      <c r="N518200" s="10"/>
    </row>
    <row r="518201" spans="14:14">
      <c r="N518201" s="10"/>
    </row>
    <row r="518202" spans="14:14">
      <c r="N518202" s="10"/>
    </row>
    <row r="518203" spans="14:14">
      <c r="N518203" s="10"/>
    </row>
    <row r="518204" spans="14:14">
      <c r="N518204" s="10"/>
    </row>
    <row r="518205" spans="14:14">
      <c r="N518205" s="10"/>
    </row>
    <row r="518206" spans="14:14">
      <c r="N518206" s="10"/>
    </row>
    <row r="518207" spans="14:14">
      <c r="N518207" s="10"/>
    </row>
    <row r="518208" spans="14:14">
      <c r="N518208" s="10"/>
    </row>
    <row r="518209" spans="14:14">
      <c r="N518209" s="10"/>
    </row>
    <row r="518210" spans="14:14">
      <c r="N518210" s="10"/>
    </row>
    <row r="518211" spans="14:14">
      <c r="N518211" s="10"/>
    </row>
    <row r="518212" spans="14:14">
      <c r="N518212" s="10"/>
    </row>
    <row r="518213" spans="14:14">
      <c r="N518213" s="10"/>
    </row>
    <row r="518214" spans="14:14">
      <c r="N518214" s="10"/>
    </row>
    <row r="518215" spans="14:14">
      <c r="N518215" s="10"/>
    </row>
    <row r="518216" spans="14:14">
      <c r="N518216" s="10"/>
    </row>
    <row r="518217" spans="14:14">
      <c r="N518217" s="10"/>
    </row>
    <row r="518218" spans="14:14">
      <c r="N518218" s="10"/>
    </row>
    <row r="518219" spans="14:14">
      <c r="N518219" s="10"/>
    </row>
    <row r="518220" spans="14:14">
      <c r="N518220" s="10"/>
    </row>
    <row r="518221" spans="14:14">
      <c r="N518221" s="10"/>
    </row>
    <row r="518222" spans="14:14">
      <c r="N518222" s="10"/>
    </row>
    <row r="518223" spans="14:14">
      <c r="N518223" s="10"/>
    </row>
    <row r="518224" spans="14:14">
      <c r="N518224" s="10"/>
    </row>
    <row r="518225" spans="14:14">
      <c r="N518225" s="10"/>
    </row>
    <row r="518226" spans="14:14">
      <c r="N518226" s="10"/>
    </row>
    <row r="518227" spans="14:14">
      <c r="N518227" s="10"/>
    </row>
    <row r="518228" spans="14:14">
      <c r="N518228" s="10"/>
    </row>
    <row r="518229" spans="14:14">
      <c r="N518229" s="10"/>
    </row>
    <row r="518230" spans="14:14">
      <c r="N518230" s="10"/>
    </row>
    <row r="518231" spans="14:14">
      <c r="N518231" s="10"/>
    </row>
    <row r="518232" spans="14:14">
      <c r="N518232" s="10"/>
    </row>
    <row r="518233" spans="14:14">
      <c r="N518233" s="10"/>
    </row>
    <row r="518234" spans="14:14">
      <c r="N518234" s="10"/>
    </row>
    <row r="518235" spans="14:14">
      <c r="N518235" s="10"/>
    </row>
    <row r="518236" spans="14:14">
      <c r="N518236" s="10"/>
    </row>
    <row r="518237" spans="14:14">
      <c r="N518237" s="10"/>
    </row>
    <row r="518238" spans="14:14">
      <c r="N518238" s="10"/>
    </row>
    <row r="518239" spans="14:14">
      <c r="N518239" s="10"/>
    </row>
    <row r="518240" spans="14:14">
      <c r="N518240" s="10"/>
    </row>
    <row r="518241" spans="14:14">
      <c r="N518241" s="10"/>
    </row>
    <row r="518242" spans="14:14">
      <c r="N518242" s="10"/>
    </row>
    <row r="518243" spans="14:14">
      <c r="N518243" s="10"/>
    </row>
    <row r="518244" spans="14:14">
      <c r="N518244" s="10"/>
    </row>
    <row r="518245" spans="14:14">
      <c r="N518245" s="10"/>
    </row>
    <row r="518246" spans="14:14">
      <c r="N518246" s="10"/>
    </row>
    <row r="518247" spans="14:14">
      <c r="N518247" s="10"/>
    </row>
    <row r="518248" spans="14:14">
      <c r="N518248" s="10"/>
    </row>
    <row r="518249" spans="14:14">
      <c r="N518249" s="10"/>
    </row>
    <row r="518250" spans="14:14">
      <c r="N518250" s="10"/>
    </row>
    <row r="518251" spans="14:14">
      <c r="N518251" s="10"/>
    </row>
    <row r="518252" spans="14:14">
      <c r="N518252" s="10"/>
    </row>
    <row r="518253" spans="14:14">
      <c r="N518253" s="10"/>
    </row>
    <row r="518254" spans="14:14">
      <c r="N518254" s="10"/>
    </row>
    <row r="518255" spans="14:14">
      <c r="N518255" s="10"/>
    </row>
    <row r="518256" spans="14:14">
      <c r="N518256" s="10"/>
    </row>
    <row r="518257" spans="14:14">
      <c r="N518257" s="10"/>
    </row>
    <row r="518258" spans="14:14">
      <c r="N518258" s="10"/>
    </row>
    <row r="518259" spans="14:14">
      <c r="N518259" s="10"/>
    </row>
    <row r="518260" spans="14:14">
      <c r="N518260" s="10"/>
    </row>
    <row r="518261" spans="14:14">
      <c r="N518261" s="10"/>
    </row>
    <row r="518262" spans="14:14">
      <c r="N518262" s="10"/>
    </row>
    <row r="518263" spans="14:14">
      <c r="N518263" s="10"/>
    </row>
    <row r="518264" spans="14:14">
      <c r="N518264" s="10"/>
    </row>
    <row r="518265" spans="14:14">
      <c r="N518265" s="10"/>
    </row>
    <row r="518266" spans="14:14">
      <c r="N518266" s="10"/>
    </row>
    <row r="518267" spans="14:14">
      <c r="N518267" s="10"/>
    </row>
    <row r="518268" spans="14:14">
      <c r="N518268" s="10"/>
    </row>
    <row r="518269" spans="14:14">
      <c r="N518269" s="10"/>
    </row>
    <row r="518270" spans="14:14">
      <c r="N518270" s="10"/>
    </row>
    <row r="518271" spans="14:14">
      <c r="N518271" s="10"/>
    </row>
    <row r="518272" spans="14:14">
      <c r="N518272" s="10"/>
    </row>
    <row r="518273" spans="14:14">
      <c r="N518273" s="10"/>
    </row>
    <row r="518274" spans="14:14">
      <c r="N518274" s="10"/>
    </row>
    <row r="518275" spans="14:14">
      <c r="N518275" s="10"/>
    </row>
    <row r="518276" spans="14:14">
      <c r="N518276" s="10"/>
    </row>
    <row r="518277" spans="14:14">
      <c r="N518277" s="10"/>
    </row>
    <row r="518278" spans="14:14">
      <c r="N518278" s="10"/>
    </row>
    <row r="518279" spans="14:14">
      <c r="N518279" s="10"/>
    </row>
    <row r="518280" spans="14:14">
      <c r="N518280" s="10"/>
    </row>
    <row r="518281" spans="14:14">
      <c r="N518281" s="10"/>
    </row>
    <row r="518282" spans="14:14">
      <c r="N518282" s="10"/>
    </row>
    <row r="518283" spans="14:14">
      <c r="N518283" s="10"/>
    </row>
    <row r="518284" spans="14:14">
      <c r="N518284" s="10"/>
    </row>
    <row r="518285" spans="14:14">
      <c r="N518285" s="10"/>
    </row>
    <row r="518286" spans="14:14">
      <c r="N518286" s="10"/>
    </row>
    <row r="518287" spans="14:14">
      <c r="N518287" s="10"/>
    </row>
    <row r="518288" spans="14:14">
      <c r="N518288" s="10"/>
    </row>
    <row r="518289" spans="14:14">
      <c r="N518289" s="10"/>
    </row>
    <row r="518290" spans="14:14">
      <c r="N518290" s="10"/>
    </row>
    <row r="518291" spans="14:14">
      <c r="N518291" s="10"/>
    </row>
    <row r="518292" spans="14:14">
      <c r="N518292" s="10"/>
    </row>
    <row r="518293" spans="14:14">
      <c r="N518293" s="10"/>
    </row>
    <row r="518294" spans="14:14">
      <c r="N518294" s="10"/>
    </row>
    <row r="518295" spans="14:14">
      <c r="N518295" s="10"/>
    </row>
    <row r="518296" spans="14:14">
      <c r="N518296" s="10"/>
    </row>
    <row r="518297" spans="14:14">
      <c r="N518297" s="10"/>
    </row>
    <row r="518298" spans="14:14">
      <c r="N518298" s="10"/>
    </row>
    <row r="518299" spans="14:14">
      <c r="N518299" s="10"/>
    </row>
    <row r="518300" spans="14:14">
      <c r="N518300" s="10"/>
    </row>
    <row r="518301" spans="14:14">
      <c r="N518301" s="10"/>
    </row>
    <row r="518302" spans="14:14">
      <c r="N518302" s="10"/>
    </row>
    <row r="518303" spans="14:14">
      <c r="N518303" s="10"/>
    </row>
    <row r="518304" spans="14:14">
      <c r="N518304" s="10"/>
    </row>
    <row r="518305" spans="14:14">
      <c r="N518305" s="10"/>
    </row>
    <row r="518306" spans="14:14">
      <c r="N518306" s="10"/>
    </row>
    <row r="518307" spans="14:14">
      <c r="N518307" s="10"/>
    </row>
    <row r="518308" spans="14:14">
      <c r="N518308" s="10"/>
    </row>
    <row r="518309" spans="14:14">
      <c r="N518309" s="10"/>
    </row>
    <row r="518310" spans="14:14">
      <c r="N518310" s="10"/>
    </row>
    <row r="518311" spans="14:14">
      <c r="N518311" s="10"/>
    </row>
    <row r="518312" spans="14:14">
      <c r="N518312" s="10"/>
    </row>
    <row r="518313" spans="14:14">
      <c r="N518313" s="10"/>
    </row>
    <row r="518314" spans="14:14">
      <c r="N518314" s="10"/>
    </row>
    <row r="518315" spans="14:14">
      <c r="N518315" s="10"/>
    </row>
    <row r="518316" spans="14:14">
      <c r="N518316" s="10"/>
    </row>
    <row r="518317" spans="14:14">
      <c r="N518317" s="10"/>
    </row>
    <row r="518318" spans="14:14">
      <c r="N518318" s="10"/>
    </row>
    <row r="518319" spans="14:14">
      <c r="N518319" s="10"/>
    </row>
    <row r="518320" spans="14:14">
      <c r="N518320" s="10"/>
    </row>
    <row r="518321" spans="14:14">
      <c r="N518321" s="10"/>
    </row>
    <row r="518322" spans="14:14">
      <c r="N518322" s="10"/>
    </row>
    <row r="518323" spans="14:14">
      <c r="N518323" s="10"/>
    </row>
    <row r="518324" spans="14:14">
      <c r="N518324" s="10"/>
    </row>
    <row r="518325" spans="14:14">
      <c r="N518325" s="10"/>
    </row>
    <row r="518326" spans="14:14">
      <c r="N518326" s="10"/>
    </row>
    <row r="518327" spans="14:14">
      <c r="N518327" s="10"/>
    </row>
    <row r="518328" spans="14:14">
      <c r="N518328" s="10"/>
    </row>
    <row r="518329" spans="14:14">
      <c r="N518329" s="10"/>
    </row>
    <row r="518330" spans="14:14">
      <c r="N518330" s="10"/>
    </row>
    <row r="518331" spans="14:14">
      <c r="N518331" s="10"/>
    </row>
    <row r="518332" spans="14:14">
      <c r="N518332" s="10"/>
    </row>
    <row r="518333" spans="14:14">
      <c r="N518333" s="10"/>
    </row>
    <row r="518334" spans="14:14">
      <c r="N518334" s="10"/>
    </row>
    <row r="518335" spans="14:14">
      <c r="N518335" s="10"/>
    </row>
    <row r="518336" spans="14:14">
      <c r="N518336" s="10"/>
    </row>
    <row r="518337" spans="14:14">
      <c r="N518337" s="10"/>
    </row>
    <row r="518338" spans="14:14">
      <c r="N518338" s="10"/>
    </row>
    <row r="518339" spans="14:14">
      <c r="N518339" s="10"/>
    </row>
    <row r="518340" spans="14:14">
      <c r="N518340" s="10"/>
    </row>
    <row r="518341" spans="14:14">
      <c r="N518341" s="10"/>
    </row>
    <row r="518342" spans="14:14">
      <c r="N518342" s="10"/>
    </row>
    <row r="518343" spans="14:14">
      <c r="N518343" s="10"/>
    </row>
    <row r="518344" spans="14:14">
      <c r="N518344" s="10"/>
    </row>
    <row r="518345" spans="14:14">
      <c r="N518345" s="10"/>
    </row>
    <row r="518346" spans="14:14">
      <c r="N518346" s="10"/>
    </row>
    <row r="518347" spans="14:14">
      <c r="N518347" s="10"/>
    </row>
    <row r="518348" spans="14:14">
      <c r="N518348" s="10"/>
    </row>
    <row r="518349" spans="14:14">
      <c r="N518349" s="10"/>
    </row>
    <row r="518350" spans="14:14">
      <c r="N518350" s="10"/>
    </row>
    <row r="518351" spans="14:14">
      <c r="N518351" s="10"/>
    </row>
    <row r="518352" spans="14:14">
      <c r="N518352" s="10"/>
    </row>
    <row r="518353" spans="14:14">
      <c r="N518353" s="10"/>
    </row>
    <row r="518354" spans="14:14">
      <c r="N518354" s="10"/>
    </row>
    <row r="518355" spans="14:14">
      <c r="N518355" s="10"/>
    </row>
    <row r="518356" spans="14:14">
      <c r="N518356" s="10"/>
    </row>
    <row r="518357" spans="14:14">
      <c r="N518357" s="10"/>
    </row>
    <row r="518358" spans="14:14">
      <c r="N518358" s="10"/>
    </row>
    <row r="518359" spans="14:14">
      <c r="N518359" s="10"/>
    </row>
    <row r="518360" spans="14:14">
      <c r="N518360" s="10"/>
    </row>
    <row r="518361" spans="14:14">
      <c r="N518361" s="10"/>
    </row>
    <row r="518362" spans="14:14">
      <c r="N518362" s="10"/>
    </row>
    <row r="518363" spans="14:14">
      <c r="N518363" s="10"/>
    </row>
    <row r="518364" spans="14:14">
      <c r="N518364" s="10"/>
    </row>
    <row r="518365" spans="14:14">
      <c r="N518365" s="10"/>
    </row>
    <row r="518366" spans="14:14">
      <c r="N518366" s="10"/>
    </row>
    <row r="518367" spans="14:14">
      <c r="N518367" s="10"/>
    </row>
    <row r="518368" spans="14:14">
      <c r="N518368" s="10"/>
    </row>
    <row r="518369" spans="14:14">
      <c r="N518369" s="10"/>
    </row>
    <row r="518370" spans="14:14">
      <c r="N518370" s="10"/>
    </row>
    <row r="518371" spans="14:14">
      <c r="N518371" s="10"/>
    </row>
    <row r="518372" spans="14:14">
      <c r="N518372" s="10"/>
    </row>
    <row r="518373" spans="14:14">
      <c r="N518373" s="10"/>
    </row>
    <row r="518374" spans="14:14">
      <c r="N518374" s="10"/>
    </row>
    <row r="518375" spans="14:14">
      <c r="N518375" s="10"/>
    </row>
    <row r="518376" spans="14:14">
      <c r="N518376" s="10"/>
    </row>
    <row r="518377" spans="14:14">
      <c r="N518377" s="10"/>
    </row>
    <row r="518378" spans="14:14">
      <c r="N518378" s="10"/>
    </row>
    <row r="518379" spans="14:14">
      <c r="N518379" s="10"/>
    </row>
    <row r="518380" spans="14:14">
      <c r="N518380" s="10"/>
    </row>
    <row r="518381" spans="14:14">
      <c r="N518381" s="10"/>
    </row>
    <row r="518382" spans="14:14">
      <c r="N518382" s="10"/>
    </row>
    <row r="518383" spans="14:14">
      <c r="N518383" s="10"/>
    </row>
    <row r="518384" spans="14:14">
      <c r="N518384" s="10"/>
    </row>
    <row r="518385" spans="14:14">
      <c r="N518385" s="10"/>
    </row>
    <row r="518386" spans="14:14">
      <c r="N518386" s="10"/>
    </row>
    <row r="518387" spans="14:14">
      <c r="N518387" s="10"/>
    </row>
    <row r="518388" spans="14:14">
      <c r="N518388" s="10"/>
    </row>
    <row r="518389" spans="14:14">
      <c r="N518389" s="10"/>
    </row>
    <row r="518390" spans="14:14">
      <c r="N518390" s="10"/>
    </row>
    <row r="518391" spans="14:14">
      <c r="N518391" s="10"/>
    </row>
    <row r="518392" spans="14:14">
      <c r="N518392" s="10"/>
    </row>
    <row r="518393" spans="14:14">
      <c r="N518393" s="10"/>
    </row>
    <row r="518394" spans="14:14">
      <c r="N518394" s="10"/>
    </row>
    <row r="518395" spans="14:14">
      <c r="N518395" s="10"/>
    </row>
    <row r="518396" spans="14:14">
      <c r="N518396" s="10"/>
    </row>
    <row r="518397" spans="14:14">
      <c r="N518397" s="10"/>
    </row>
    <row r="518398" spans="14:14">
      <c r="N518398" s="10"/>
    </row>
    <row r="518399" spans="14:14">
      <c r="N518399" s="10"/>
    </row>
    <row r="518400" spans="14:14">
      <c r="N518400" s="10"/>
    </row>
    <row r="518401" spans="14:14">
      <c r="N518401" s="10"/>
    </row>
    <row r="518402" spans="14:14">
      <c r="N518402" s="10"/>
    </row>
    <row r="518403" spans="14:14">
      <c r="N518403" s="10"/>
    </row>
    <row r="518404" spans="14:14">
      <c r="N518404" s="10"/>
    </row>
    <row r="518405" spans="14:14">
      <c r="N518405" s="10"/>
    </row>
    <row r="518406" spans="14:14">
      <c r="N518406" s="10"/>
    </row>
    <row r="518407" spans="14:14">
      <c r="N518407" s="10"/>
    </row>
    <row r="518408" spans="14:14">
      <c r="N518408" s="10"/>
    </row>
    <row r="518409" spans="14:14">
      <c r="N518409" s="10"/>
    </row>
    <row r="518410" spans="14:14">
      <c r="N518410" s="10"/>
    </row>
    <row r="518411" spans="14:14">
      <c r="N518411" s="10"/>
    </row>
    <row r="518412" spans="14:14">
      <c r="N518412" s="10"/>
    </row>
    <row r="518413" spans="14:14">
      <c r="N518413" s="10"/>
    </row>
    <row r="518414" spans="14:14">
      <c r="N518414" s="10"/>
    </row>
    <row r="518415" spans="14:14">
      <c r="N518415" s="10"/>
    </row>
    <row r="518416" spans="14:14">
      <c r="N518416" s="10"/>
    </row>
    <row r="518417" spans="14:14">
      <c r="N518417" s="10"/>
    </row>
    <row r="518418" spans="14:14">
      <c r="N518418" s="10"/>
    </row>
    <row r="518419" spans="14:14">
      <c r="N518419" s="10"/>
    </row>
    <row r="518420" spans="14:14">
      <c r="N518420" s="10"/>
    </row>
    <row r="518421" spans="14:14">
      <c r="N518421" s="10"/>
    </row>
    <row r="518422" spans="14:14">
      <c r="N518422" s="10"/>
    </row>
    <row r="518423" spans="14:14">
      <c r="N518423" s="10"/>
    </row>
    <row r="518424" spans="14:14">
      <c r="N518424" s="10"/>
    </row>
    <row r="518425" spans="14:14">
      <c r="N518425" s="10"/>
    </row>
    <row r="518426" spans="14:14">
      <c r="N518426" s="10"/>
    </row>
    <row r="518427" spans="14:14">
      <c r="N518427" s="10"/>
    </row>
    <row r="518428" spans="14:14">
      <c r="N518428" s="10"/>
    </row>
    <row r="518429" spans="14:14">
      <c r="N518429" s="10"/>
    </row>
    <row r="518430" spans="14:14">
      <c r="N518430" s="10"/>
    </row>
    <row r="518431" spans="14:14">
      <c r="N518431" s="10"/>
    </row>
    <row r="518432" spans="14:14">
      <c r="N518432" s="10"/>
    </row>
    <row r="518433" spans="14:14">
      <c r="N518433" s="10"/>
    </row>
    <row r="518434" spans="14:14">
      <c r="N518434" s="10"/>
    </row>
    <row r="518435" spans="14:14">
      <c r="N518435" s="10"/>
    </row>
    <row r="518436" spans="14:14">
      <c r="N518436" s="10"/>
    </row>
    <row r="518437" spans="14:14">
      <c r="N518437" s="10"/>
    </row>
    <row r="518438" spans="14:14">
      <c r="N518438" s="10"/>
    </row>
    <row r="518439" spans="14:14">
      <c r="N518439" s="10"/>
    </row>
    <row r="518440" spans="14:14">
      <c r="N518440" s="10"/>
    </row>
    <row r="518441" spans="14:14">
      <c r="N518441" s="10"/>
    </row>
    <row r="518442" spans="14:14">
      <c r="N518442" s="10"/>
    </row>
    <row r="518443" spans="14:14">
      <c r="N518443" s="10"/>
    </row>
    <row r="518444" spans="14:14">
      <c r="N518444" s="10"/>
    </row>
    <row r="518445" spans="14:14">
      <c r="N518445" s="10"/>
    </row>
    <row r="518446" spans="14:14">
      <c r="N518446" s="10"/>
    </row>
    <row r="518447" spans="14:14">
      <c r="N518447" s="10"/>
    </row>
    <row r="518448" spans="14:14">
      <c r="N518448" s="10"/>
    </row>
    <row r="518449" spans="14:14">
      <c r="N518449" s="10"/>
    </row>
    <row r="518450" spans="14:14">
      <c r="N518450" s="10"/>
    </row>
    <row r="518451" spans="14:14">
      <c r="N518451" s="10"/>
    </row>
    <row r="518452" spans="14:14">
      <c r="N518452" s="10"/>
    </row>
    <row r="518453" spans="14:14">
      <c r="N518453" s="10"/>
    </row>
    <row r="518454" spans="14:14">
      <c r="N518454" s="10"/>
    </row>
    <row r="518455" spans="14:14">
      <c r="N518455" s="10"/>
    </row>
    <row r="518456" spans="14:14">
      <c r="N518456" s="10"/>
    </row>
    <row r="518457" spans="14:14">
      <c r="N518457" s="10"/>
    </row>
    <row r="518458" spans="14:14">
      <c r="N518458" s="10"/>
    </row>
    <row r="518459" spans="14:14">
      <c r="N518459" s="10"/>
    </row>
    <row r="518460" spans="14:14">
      <c r="N518460" s="10"/>
    </row>
    <row r="518461" spans="14:14">
      <c r="N518461" s="10"/>
    </row>
    <row r="518462" spans="14:14">
      <c r="N518462" s="10"/>
    </row>
    <row r="518463" spans="14:14">
      <c r="N518463" s="10"/>
    </row>
    <row r="518464" spans="14:14">
      <c r="N518464" s="10"/>
    </row>
    <row r="518465" spans="14:14">
      <c r="N518465" s="10"/>
    </row>
    <row r="518466" spans="14:14">
      <c r="N518466" s="10"/>
    </row>
    <row r="518467" spans="14:14">
      <c r="N518467" s="10"/>
    </row>
    <row r="518468" spans="14:14">
      <c r="N518468" s="10"/>
    </row>
    <row r="518469" spans="14:14">
      <c r="N518469" s="10"/>
    </row>
    <row r="518470" spans="14:14">
      <c r="N518470" s="10"/>
    </row>
    <row r="518471" spans="14:14">
      <c r="N518471" s="10"/>
    </row>
    <row r="518472" spans="14:14">
      <c r="N518472" s="10"/>
    </row>
    <row r="518473" spans="14:14">
      <c r="N518473" s="10"/>
    </row>
    <row r="518474" spans="14:14">
      <c r="N518474" s="10"/>
    </row>
    <row r="518475" spans="14:14">
      <c r="N518475" s="10"/>
    </row>
    <row r="518476" spans="14:14">
      <c r="N518476" s="10"/>
    </row>
    <row r="518477" spans="14:14">
      <c r="N518477" s="10"/>
    </row>
    <row r="518478" spans="14:14">
      <c r="N518478" s="10"/>
    </row>
    <row r="518479" spans="14:14">
      <c r="N518479" s="10"/>
    </row>
    <row r="518480" spans="14:14">
      <c r="N518480" s="10"/>
    </row>
    <row r="518481" spans="14:14">
      <c r="N518481" s="10"/>
    </row>
    <row r="518482" spans="14:14">
      <c r="N518482" s="10"/>
    </row>
    <row r="518483" spans="14:14">
      <c r="N518483" s="10"/>
    </row>
    <row r="518484" spans="14:14">
      <c r="N518484" s="10"/>
    </row>
    <row r="518485" spans="14:14">
      <c r="N518485" s="10"/>
    </row>
    <row r="518486" spans="14:14">
      <c r="N518486" s="10"/>
    </row>
    <row r="518487" spans="14:14">
      <c r="N518487" s="10"/>
    </row>
    <row r="518488" spans="14:14">
      <c r="N518488" s="10"/>
    </row>
    <row r="518489" spans="14:14">
      <c r="N518489" s="10"/>
    </row>
    <row r="518490" spans="14:14">
      <c r="N518490" s="10"/>
    </row>
    <row r="518491" spans="14:14">
      <c r="N518491" s="10"/>
    </row>
    <row r="518492" spans="14:14">
      <c r="N518492" s="10"/>
    </row>
    <row r="518493" spans="14:14">
      <c r="N518493" s="10"/>
    </row>
    <row r="518494" spans="14:14">
      <c r="N518494" s="10"/>
    </row>
    <row r="518495" spans="14:14">
      <c r="N518495" s="10"/>
    </row>
    <row r="518496" spans="14:14">
      <c r="N518496" s="10"/>
    </row>
    <row r="518497" spans="14:14">
      <c r="N518497" s="10"/>
    </row>
    <row r="518498" spans="14:14">
      <c r="N518498" s="10"/>
    </row>
    <row r="518499" spans="14:14">
      <c r="N518499" s="10"/>
    </row>
    <row r="518500" spans="14:14">
      <c r="N518500" s="10"/>
    </row>
    <row r="518501" spans="14:14">
      <c r="N518501" s="10"/>
    </row>
    <row r="518502" spans="14:14">
      <c r="N518502" s="10"/>
    </row>
    <row r="518503" spans="14:14">
      <c r="N518503" s="10"/>
    </row>
    <row r="518504" spans="14:14">
      <c r="N518504" s="10"/>
    </row>
    <row r="518505" spans="14:14">
      <c r="N518505" s="10"/>
    </row>
    <row r="518506" spans="14:14">
      <c r="N518506" s="10"/>
    </row>
    <row r="518507" spans="14:14">
      <c r="N518507" s="10"/>
    </row>
    <row r="518508" spans="14:14">
      <c r="N518508" s="10"/>
    </row>
    <row r="518509" spans="14:14">
      <c r="N518509" s="10"/>
    </row>
    <row r="518510" spans="14:14">
      <c r="N518510" s="10"/>
    </row>
    <row r="518511" spans="14:14">
      <c r="N518511" s="10"/>
    </row>
    <row r="518512" spans="14:14">
      <c r="N518512" s="10"/>
    </row>
    <row r="518513" spans="14:14">
      <c r="N518513" s="10"/>
    </row>
    <row r="518514" spans="14:14">
      <c r="N518514" s="10"/>
    </row>
    <row r="518515" spans="14:14">
      <c r="N518515" s="10"/>
    </row>
    <row r="518516" spans="14:14">
      <c r="N518516" s="10"/>
    </row>
    <row r="518517" spans="14:14">
      <c r="N518517" s="10"/>
    </row>
    <row r="518518" spans="14:14">
      <c r="N518518" s="10"/>
    </row>
    <row r="518519" spans="14:14">
      <c r="N518519" s="10"/>
    </row>
    <row r="518520" spans="14:14">
      <c r="N518520" s="10"/>
    </row>
    <row r="518521" spans="14:14">
      <c r="N518521" s="10"/>
    </row>
    <row r="518522" spans="14:14">
      <c r="N518522" s="10"/>
    </row>
    <row r="518523" spans="14:14">
      <c r="N518523" s="10"/>
    </row>
    <row r="518524" spans="14:14">
      <c r="N518524" s="10"/>
    </row>
    <row r="518525" spans="14:14">
      <c r="N518525" s="10"/>
    </row>
    <row r="518526" spans="14:14">
      <c r="N518526" s="10"/>
    </row>
    <row r="518527" spans="14:14">
      <c r="N518527" s="10"/>
    </row>
    <row r="518528" spans="14:14">
      <c r="N518528" s="10"/>
    </row>
    <row r="518529" spans="14:14">
      <c r="N518529" s="10"/>
    </row>
    <row r="518530" spans="14:14">
      <c r="N518530" s="10"/>
    </row>
    <row r="518531" spans="14:14">
      <c r="N518531" s="10"/>
    </row>
    <row r="518532" spans="14:14">
      <c r="N518532" s="10"/>
    </row>
    <row r="518533" spans="14:14">
      <c r="N518533" s="10"/>
    </row>
    <row r="518534" spans="14:14">
      <c r="N518534" s="10"/>
    </row>
    <row r="518535" spans="14:14">
      <c r="N518535" s="10"/>
    </row>
    <row r="518536" spans="14:14">
      <c r="N518536" s="10"/>
    </row>
    <row r="518537" spans="14:14">
      <c r="N518537" s="10"/>
    </row>
    <row r="518538" spans="14:14">
      <c r="N518538" s="10"/>
    </row>
    <row r="518539" spans="14:14">
      <c r="N518539" s="10"/>
    </row>
    <row r="518540" spans="14:14">
      <c r="N518540" s="10"/>
    </row>
    <row r="518541" spans="14:14">
      <c r="N518541" s="10"/>
    </row>
    <row r="518542" spans="14:14">
      <c r="N518542" s="10"/>
    </row>
    <row r="518543" spans="14:14">
      <c r="N518543" s="10"/>
    </row>
    <row r="518544" spans="14:14">
      <c r="N518544" s="10"/>
    </row>
    <row r="518545" spans="14:14">
      <c r="N518545" s="10"/>
    </row>
    <row r="518546" spans="14:14">
      <c r="N518546" s="10"/>
    </row>
    <row r="518547" spans="14:14">
      <c r="N518547" s="10"/>
    </row>
    <row r="518548" spans="14:14">
      <c r="N518548" s="10"/>
    </row>
    <row r="518549" spans="14:14">
      <c r="N518549" s="10"/>
    </row>
    <row r="518550" spans="14:14">
      <c r="N518550" s="10"/>
    </row>
    <row r="518551" spans="14:14">
      <c r="N518551" s="10"/>
    </row>
    <row r="518552" spans="14:14">
      <c r="N518552" s="10"/>
    </row>
    <row r="518553" spans="14:14">
      <c r="N518553" s="10"/>
    </row>
    <row r="518554" spans="14:14">
      <c r="N518554" s="10"/>
    </row>
    <row r="518555" spans="14:14">
      <c r="N518555" s="10"/>
    </row>
    <row r="518556" spans="14:14">
      <c r="N518556" s="10"/>
    </row>
    <row r="518557" spans="14:14">
      <c r="N518557" s="10"/>
    </row>
    <row r="518558" spans="14:14">
      <c r="N518558" s="10"/>
    </row>
    <row r="518559" spans="14:14">
      <c r="N518559" s="10"/>
    </row>
    <row r="518560" spans="14:14">
      <c r="N518560" s="10"/>
    </row>
    <row r="518561" spans="14:14">
      <c r="N518561" s="10"/>
    </row>
    <row r="518562" spans="14:14">
      <c r="N518562" s="10"/>
    </row>
    <row r="518563" spans="14:14">
      <c r="N518563" s="10"/>
    </row>
    <row r="518564" spans="14:14">
      <c r="N518564" s="10"/>
    </row>
    <row r="518565" spans="14:14">
      <c r="N518565" s="10"/>
    </row>
    <row r="518566" spans="14:14">
      <c r="N518566" s="10"/>
    </row>
    <row r="518567" spans="14:14">
      <c r="N518567" s="10"/>
    </row>
    <row r="518568" spans="14:14">
      <c r="N518568" s="10"/>
    </row>
    <row r="518569" spans="14:14">
      <c r="N518569" s="10"/>
    </row>
    <row r="518570" spans="14:14">
      <c r="N518570" s="10"/>
    </row>
    <row r="518571" spans="14:14">
      <c r="N518571" s="10"/>
    </row>
    <row r="518572" spans="14:14">
      <c r="N518572" s="10"/>
    </row>
    <row r="518573" spans="14:14">
      <c r="N518573" s="10"/>
    </row>
    <row r="518574" spans="14:14">
      <c r="N518574" s="10"/>
    </row>
    <row r="518575" spans="14:14">
      <c r="N518575" s="10"/>
    </row>
    <row r="518576" spans="14:14">
      <c r="N518576" s="10"/>
    </row>
    <row r="518577" spans="14:14">
      <c r="N518577" s="10"/>
    </row>
    <row r="518578" spans="14:14">
      <c r="N518578" s="10"/>
    </row>
    <row r="518579" spans="14:14">
      <c r="N518579" s="10"/>
    </row>
    <row r="518580" spans="14:14">
      <c r="N518580" s="10"/>
    </row>
    <row r="518581" spans="14:14">
      <c r="N518581" s="10"/>
    </row>
    <row r="518582" spans="14:14">
      <c r="N518582" s="10"/>
    </row>
    <row r="518583" spans="14:14">
      <c r="N518583" s="10"/>
    </row>
    <row r="518584" spans="14:14">
      <c r="N518584" s="10"/>
    </row>
    <row r="518585" spans="14:14">
      <c r="N518585" s="10"/>
    </row>
    <row r="518586" spans="14:14">
      <c r="N518586" s="10"/>
    </row>
    <row r="518587" spans="14:14">
      <c r="N518587" s="10"/>
    </row>
    <row r="518588" spans="14:14">
      <c r="N518588" s="10"/>
    </row>
    <row r="518589" spans="14:14">
      <c r="N518589" s="10"/>
    </row>
    <row r="518590" spans="14:14">
      <c r="N518590" s="10"/>
    </row>
    <row r="518591" spans="14:14">
      <c r="N518591" s="10"/>
    </row>
    <row r="518592" spans="14:14">
      <c r="N518592" s="10"/>
    </row>
    <row r="518593" spans="14:14">
      <c r="N518593" s="10"/>
    </row>
    <row r="518594" spans="14:14">
      <c r="N518594" s="10"/>
    </row>
    <row r="518595" spans="14:14">
      <c r="N518595" s="10"/>
    </row>
    <row r="518596" spans="14:14">
      <c r="N518596" s="10"/>
    </row>
    <row r="518597" spans="14:14">
      <c r="N518597" s="10"/>
    </row>
    <row r="518598" spans="14:14">
      <c r="N518598" s="10"/>
    </row>
    <row r="518599" spans="14:14">
      <c r="N518599" s="10"/>
    </row>
    <row r="518600" spans="14:14">
      <c r="N518600" s="10"/>
    </row>
    <row r="518601" spans="14:14">
      <c r="N518601" s="10"/>
    </row>
    <row r="518602" spans="14:14">
      <c r="N518602" s="10"/>
    </row>
    <row r="518603" spans="14:14">
      <c r="N518603" s="10"/>
    </row>
    <row r="518604" spans="14:14">
      <c r="N518604" s="10"/>
    </row>
    <row r="518605" spans="14:14">
      <c r="N518605" s="10"/>
    </row>
    <row r="518606" spans="14:14">
      <c r="N518606" s="10"/>
    </row>
    <row r="518607" spans="14:14">
      <c r="N518607" s="10"/>
    </row>
    <row r="518608" spans="14:14">
      <c r="N518608" s="10"/>
    </row>
    <row r="518609" spans="14:14">
      <c r="N518609" s="10"/>
    </row>
    <row r="518610" spans="14:14">
      <c r="N518610" s="10"/>
    </row>
    <row r="518611" spans="14:14">
      <c r="N518611" s="10"/>
    </row>
    <row r="518612" spans="14:14">
      <c r="N518612" s="10"/>
    </row>
    <row r="518613" spans="14:14">
      <c r="N518613" s="10"/>
    </row>
    <row r="518614" spans="14:14">
      <c r="N518614" s="10"/>
    </row>
    <row r="518615" spans="14:14">
      <c r="N518615" s="10"/>
    </row>
    <row r="518616" spans="14:14">
      <c r="N518616" s="10"/>
    </row>
    <row r="518617" spans="14:14">
      <c r="N518617" s="10"/>
    </row>
    <row r="518618" spans="14:14">
      <c r="N518618" s="10"/>
    </row>
    <row r="518619" spans="14:14">
      <c r="N518619" s="10"/>
    </row>
    <row r="518620" spans="14:14">
      <c r="N518620" s="10"/>
    </row>
    <row r="518621" spans="14:14">
      <c r="N518621" s="10"/>
    </row>
    <row r="518622" spans="14:14">
      <c r="N518622" s="10"/>
    </row>
    <row r="518623" spans="14:14">
      <c r="N518623" s="10"/>
    </row>
    <row r="518624" spans="14:14">
      <c r="N518624" s="10"/>
    </row>
    <row r="518625" spans="14:14">
      <c r="N518625" s="10"/>
    </row>
    <row r="518626" spans="14:14">
      <c r="N518626" s="10"/>
    </row>
    <row r="518627" spans="14:14">
      <c r="N518627" s="10"/>
    </row>
    <row r="518628" spans="14:14">
      <c r="N518628" s="10"/>
    </row>
    <row r="518629" spans="14:14">
      <c r="N518629" s="10"/>
    </row>
    <row r="518630" spans="14:14">
      <c r="N518630" s="10"/>
    </row>
    <row r="518631" spans="14:14">
      <c r="N518631" s="10"/>
    </row>
    <row r="518632" spans="14:14">
      <c r="N518632" s="10"/>
    </row>
    <row r="518633" spans="14:14">
      <c r="N518633" s="10"/>
    </row>
    <row r="518634" spans="14:14">
      <c r="N518634" s="10"/>
    </row>
    <row r="518635" spans="14:14">
      <c r="N518635" s="10"/>
    </row>
    <row r="518636" spans="14:14">
      <c r="N518636" s="10"/>
    </row>
    <row r="518637" spans="14:14">
      <c r="N518637" s="10"/>
    </row>
    <row r="518638" spans="14:14">
      <c r="N518638" s="10"/>
    </row>
    <row r="518639" spans="14:14">
      <c r="N518639" s="10"/>
    </row>
    <row r="518640" spans="14:14">
      <c r="N518640" s="10"/>
    </row>
    <row r="518641" spans="14:14">
      <c r="N518641" s="10"/>
    </row>
    <row r="518642" spans="14:14">
      <c r="N518642" s="10"/>
    </row>
    <row r="518643" spans="14:14">
      <c r="N518643" s="10"/>
    </row>
    <row r="518644" spans="14:14">
      <c r="N518644" s="10"/>
    </row>
    <row r="518645" spans="14:14">
      <c r="N518645" s="10"/>
    </row>
    <row r="518646" spans="14:14">
      <c r="N518646" s="10"/>
    </row>
    <row r="518647" spans="14:14">
      <c r="N518647" s="10"/>
    </row>
    <row r="518648" spans="14:14">
      <c r="N518648" s="10"/>
    </row>
    <row r="518649" spans="14:14">
      <c r="N518649" s="10"/>
    </row>
    <row r="518650" spans="14:14">
      <c r="N518650" s="10"/>
    </row>
    <row r="518651" spans="14:14">
      <c r="N518651" s="10"/>
    </row>
    <row r="518652" spans="14:14">
      <c r="N518652" s="10"/>
    </row>
    <row r="518653" spans="14:14">
      <c r="N518653" s="10"/>
    </row>
    <row r="518654" spans="14:14">
      <c r="N518654" s="10"/>
    </row>
    <row r="518655" spans="14:14">
      <c r="N518655" s="10"/>
    </row>
    <row r="518656" spans="14:14">
      <c r="N518656" s="10"/>
    </row>
    <row r="518657" spans="14:14">
      <c r="N518657" s="10"/>
    </row>
    <row r="518658" spans="14:14">
      <c r="N518658" s="10"/>
    </row>
    <row r="518659" spans="14:14">
      <c r="N518659" s="10"/>
    </row>
    <row r="518660" spans="14:14">
      <c r="N518660" s="10"/>
    </row>
    <row r="518661" spans="14:14">
      <c r="N518661" s="10"/>
    </row>
    <row r="518662" spans="14:14">
      <c r="N518662" s="10"/>
    </row>
    <row r="518663" spans="14:14">
      <c r="N518663" s="10"/>
    </row>
    <row r="518664" spans="14:14">
      <c r="N518664" s="10"/>
    </row>
    <row r="518665" spans="14:14">
      <c r="N518665" s="10"/>
    </row>
    <row r="518666" spans="14:14">
      <c r="N518666" s="10"/>
    </row>
    <row r="518667" spans="14:14">
      <c r="N518667" s="10"/>
    </row>
    <row r="518668" spans="14:14">
      <c r="N518668" s="10"/>
    </row>
    <row r="518669" spans="14:14">
      <c r="N518669" s="10"/>
    </row>
    <row r="518670" spans="14:14">
      <c r="N518670" s="10"/>
    </row>
    <row r="518671" spans="14:14">
      <c r="N518671" s="10"/>
    </row>
    <row r="518672" spans="14:14">
      <c r="N518672" s="10"/>
    </row>
    <row r="518673" spans="14:14">
      <c r="N518673" s="10"/>
    </row>
    <row r="518674" spans="14:14">
      <c r="N518674" s="10"/>
    </row>
    <row r="518675" spans="14:14">
      <c r="N518675" s="10"/>
    </row>
    <row r="518676" spans="14:14">
      <c r="N518676" s="10"/>
    </row>
    <row r="518677" spans="14:14">
      <c r="N518677" s="10"/>
    </row>
    <row r="518678" spans="14:14">
      <c r="N518678" s="10"/>
    </row>
    <row r="518679" spans="14:14">
      <c r="N518679" s="10"/>
    </row>
    <row r="518680" spans="14:14">
      <c r="N518680" s="10"/>
    </row>
    <row r="518681" spans="14:14">
      <c r="N518681" s="10"/>
    </row>
    <row r="518682" spans="14:14">
      <c r="N518682" s="10"/>
    </row>
    <row r="518683" spans="14:14">
      <c r="N518683" s="10"/>
    </row>
    <row r="518684" spans="14:14">
      <c r="N518684" s="10"/>
    </row>
    <row r="518685" spans="14:14">
      <c r="N518685" s="10"/>
    </row>
    <row r="518686" spans="14:14">
      <c r="N518686" s="10"/>
    </row>
    <row r="518687" spans="14:14">
      <c r="N518687" s="10"/>
    </row>
    <row r="518688" spans="14:14">
      <c r="N518688" s="10"/>
    </row>
    <row r="518689" spans="14:14">
      <c r="N518689" s="10"/>
    </row>
    <row r="518690" spans="14:14">
      <c r="N518690" s="10"/>
    </row>
    <row r="518691" spans="14:14">
      <c r="N518691" s="10"/>
    </row>
    <row r="518692" spans="14:14">
      <c r="N518692" s="10"/>
    </row>
    <row r="518693" spans="14:14">
      <c r="N518693" s="10"/>
    </row>
    <row r="518694" spans="14:14">
      <c r="N518694" s="10"/>
    </row>
    <row r="518695" spans="14:14">
      <c r="N518695" s="10"/>
    </row>
    <row r="518696" spans="14:14">
      <c r="N518696" s="10"/>
    </row>
    <row r="518697" spans="14:14">
      <c r="N518697" s="10"/>
    </row>
    <row r="518698" spans="14:14">
      <c r="N518698" s="10"/>
    </row>
    <row r="518699" spans="14:14">
      <c r="N518699" s="10"/>
    </row>
    <row r="518700" spans="14:14">
      <c r="N518700" s="10"/>
    </row>
    <row r="518701" spans="14:14">
      <c r="N518701" s="10"/>
    </row>
    <row r="518702" spans="14:14">
      <c r="N518702" s="10"/>
    </row>
    <row r="518703" spans="14:14">
      <c r="N518703" s="10"/>
    </row>
    <row r="518704" spans="14:14">
      <c r="N518704" s="10"/>
    </row>
    <row r="518705" spans="14:14">
      <c r="N518705" s="10"/>
    </row>
    <row r="518706" spans="14:14">
      <c r="N518706" s="10"/>
    </row>
    <row r="518707" spans="14:14">
      <c r="N518707" s="10"/>
    </row>
    <row r="518708" spans="14:14">
      <c r="N518708" s="10"/>
    </row>
    <row r="518709" spans="14:14">
      <c r="N518709" s="10"/>
    </row>
    <row r="518710" spans="14:14">
      <c r="N518710" s="10"/>
    </row>
    <row r="518711" spans="14:14">
      <c r="N518711" s="10"/>
    </row>
    <row r="518712" spans="14:14">
      <c r="N518712" s="10"/>
    </row>
    <row r="518713" spans="14:14">
      <c r="N518713" s="10"/>
    </row>
    <row r="518714" spans="14:14">
      <c r="N518714" s="10"/>
    </row>
    <row r="518715" spans="14:14">
      <c r="N518715" s="10"/>
    </row>
    <row r="518716" spans="14:14">
      <c r="N518716" s="10"/>
    </row>
    <row r="518717" spans="14:14">
      <c r="N518717" s="10"/>
    </row>
    <row r="518718" spans="14:14">
      <c r="N518718" s="10"/>
    </row>
    <row r="518719" spans="14:14">
      <c r="N518719" s="10"/>
    </row>
    <row r="518720" spans="14:14">
      <c r="N518720" s="10"/>
    </row>
    <row r="518721" spans="14:14">
      <c r="N518721" s="10"/>
    </row>
    <row r="518722" spans="14:14">
      <c r="N518722" s="10"/>
    </row>
    <row r="518723" spans="14:14">
      <c r="N518723" s="10"/>
    </row>
    <row r="518724" spans="14:14">
      <c r="N518724" s="10"/>
    </row>
    <row r="518725" spans="14:14">
      <c r="N518725" s="10"/>
    </row>
    <row r="518726" spans="14:14">
      <c r="N518726" s="10"/>
    </row>
    <row r="518727" spans="14:14">
      <c r="N518727" s="10"/>
    </row>
    <row r="518728" spans="14:14">
      <c r="N518728" s="10"/>
    </row>
    <row r="518729" spans="14:14">
      <c r="N518729" s="10"/>
    </row>
    <row r="518730" spans="14:14">
      <c r="N518730" s="10"/>
    </row>
    <row r="518731" spans="14:14">
      <c r="N518731" s="10"/>
    </row>
    <row r="518732" spans="14:14">
      <c r="N518732" s="10"/>
    </row>
    <row r="518733" spans="14:14">
      <c r="N518733" s="10"/>
    </row>
    <row r="518734" spans="14:14">
      <c r="N518734" s="10"/>
    </row>
    <row r="518735" spans="14:14">
      <c r="N518735" s="10"/>
    </row>
    <row r="518736" spans="14:14">
      <c r="N518736" s="10"/>
    </row>
    <row r="518737" spans="14:14">
      <c r="N518737" s="10"/>
    </row>
    <row r="518738" spans="14:14">
      <c r="N518738" s="10"/>
    </row>
    <row r="518739" spans="14:14">
      <c r="N518739" s="10"/>
    </row>
    <row r="518740" spans="14:14">
      <c r="N518740" s="10"/>
    </row>
    <row r="518741" spans="14:14">
      <c r="N518741" s="10"/>
    </row>
    <row r="518742" spans="14:14">
      <c r="N518742" s="10"/>
    </row>
    <row r="518743" spans="14:14">
      <c r="N518743" s="10"/>
    </row>
    <row r="518744" spans="14:14">
      <c r="N518744" s="10"/>
    </row>
    <row r="518745" spans="14:14">
      <c r="N518745" s="10"/>
    </row>
    <row r="518746" spans="14:14">
      <c r="N518746" s="10"/>
    </row>
    <row r="518747" spans="14:14">
      <c r="N518747" s="10"/>
    </row>
    <row r="518748" spans="14:14">
      <c r="N518748" s="10"/>
    </row>
    <row r="518749" spans="14:14">
      <c r="N518749" s="10"/>
    </row>
    <row r="518750" spans="14:14">
      <c r="N518750" s="10"/>
    </row>
    <row r="518751" spans="14:14">
      <c r="N518751" s="10"/>
    </row>
    <row r="518752" spans="14:14">
      <c r="N518752" s="10"/>
    </row>
    <row r="518753" spans="14:14">
      <c r="N518753" s="10"/>
    </row>
    <row r="518754" spans="14:14">
      <c r="N518754" s="10"/>
    </row>
    <row r="518755" spans="14:14">
      <c r="N518755" s="10"/>
    </row>
    <row r="518756" spans="14:14">
      <c r="N518756" s="10"/>
    </row>
    <row r="518757" spans="14:14">
      <c r="N518757" s="10"/>
    </row>
    <row r="518758" spans="14:14">
      <c r="N518758" s="10"/>
    </row>
    <row r="518759" spans="14:14">
      <c r="N518759" s="10"/>
    </row>
    <row r="518760" spans="14:14">
      <c r="N518760" s="10"/>
    </row>
    <row r="518761" spans="14:14">
      <c r="N518761" s="10"/>
    </row>
    <row r="518762" spans="14:14">
      <c r="N518762" s="10"/>
    </row>
    <row r="518763" spans="14:14">
      <c r="N518763" s="10"/>
    </row>
    <row r="518764" spans="14:14">
      <c r="N518764" s="10"/>
    </row>
    <row r="518765" spans="14:14">
      <c r="N518765" s="10"/>
    </row>
    <row r="518766" spans="14:14">
      <c r="N518766" s="10"/>
    </row>
    <row r="518767" spans="14:14">
      <c r="N518767" s="10"/>
    </row>
    <row r="518768" spans="14:14">
      <c r="N518768" s="10"/>
    </row>
    <row r="518769" spans="14:14">
      <c r="N518769" s="10"/>
    </row>
    <row r="518770" spans="14:14">
      <c r="N518770" s="10"/>
    </row>
    <row r="518771" spans="14:14">
      <c r="N518771" s="10"/>
    </row>
    <row r="518772" spans="14:14">
      <c r="N518772" s="10"/>
    </row>
    <row r="518773" spans="14:14">
      <c r="N518773" s="10"/>
    </row>
    <row r="518774" spans="14:14">
      <c r="N518774" s="10"/>
    </row>
    <row r="518775" spans="14:14">
      <c r="N518775" s="10"/>
    </row>
    <row r="518776" spans="14:14">
      <c r="N518776" s="10"/>
    </row>
    <row r="518777" spans="14:14">
      <c r="N518777" s="10"/>
    </row>
    <row r="518778" spans="14:14">
      <c r="N518778" s="10"/>
    </row>
    <row r="518779" spans="14:14">
      <c r="N518779" s="10"/>
    </row>
    <row r="518780" spans="14:14">
      <c r="N518780" s="10"/>
    </row>
    <row r="518781" spans="14:14">
      <c r="N518781" s="10"/>
    </row>
    <row r="518782" spans="14:14">
      <c r="N518782" s="10"/>
    </row>
    <row r="518783" spans="14:14">
      <c r="N518783" s="10"/>
    </row>
    <row r="518784" spans="14:14">
      <c r="N518784" s="10"/>
    </row>
    <row r="518785" spans="14:14">
      <c r="N518785" s="10"/>
    </row>
    <row r="518786" spans="14:14">
      <c r="N518786" s="10"/>
    </row>
    <row r="518787" spans="14:14">
      <c r="N518787" s="10"/>
    </row>
    <row r="518788" spans="14:14">
      <c r="N518788" s="10"/>
    </row>
    <row r="518789" spans="14:14">
      <c r="N518789" s="10"/>
    </row>
    <row r="518790" spans="14:14">
      <c r="N518790" s="10"/>
    </row>
    <row r="518791" spans="14:14">
      <c r="N518791" s="10"/>
    </row>
    <row r="518792" spans="14:14">
      <c r="N518792" s="10"/>
    </row>
    <row r="518793" spans="14:14">
      <c r="N518793" s="10"/>
    </row>
    <row r="518794" spans="14:14">
      <c r="N518794" s="10"/>
    </row>
    <row r="518795" spans="14:14">
      <c r="N518795" s="10"/>
    </row>
    <row r="518796" spans="14:14">
      <c r="N518796" s="10"/>
    </row>
    <row r="518797" spans="14:14">
      <c r="N518797" s="10"/>
    </row>
    <row r="518798" spans="14:14">
      <c r="N518798" s="10"/>
    </row>
    <row r="518799" spans="14:14">
      <c r="N518799" s="10"/>
    </row>
    <row r="518800" spans="14:14">
      <c r="N518800" s="10"/>
    </row>
    <row r="518801" spans="14:14">
      <c r="N518801" s="10"/>
    </row>
    <row r="518802" spans="14:14">
      <c r="N518802" s="10"/>
    </row>
    <row r="518803" spans="14:14">
      <c r="N518803" s="10"/>
    </row>
    <row r="518804" spans="14:14">
      <c r="N518804" s="10"/>
    </row>
    <row r="518805" spans="14:14">
      <c r="N518805" s="10"/>
    </row>
    <row r="518806" spans="14:14">
      <c r="N518806" s="10"/>
    </row>
    <row r="518807" spans="14:14">
      <c r="N518807" s="10"/>
    </row>
    <row r="518808" spans="14:14">
      <c r="N518808" s="10"/>
    </row>
    <row r="518809" spans="14:14">
      <c r="N518809" s="10"/>
    </row>
    <row r="518810" spans="14:14">
      <c r="N518810" s="10"/>
    </row>
    <row r="518811" spans="14:14">
      <c r="N518811" s="10"/>
    </row>
    <row r="518812" spans="14:14">
      <c r="N518812" s="10"/>
    </row>
    <row r="518813" spans="14:14">
      <c r="N518813" s="10"/>
    </row>
    <row r="518814" spans="14:14">
      <c r="N518814" s="10"/>
    </row>
    <row r="518815" spans="14:14">
      <c r="N518815" s="10"/>
    </row>
    <row r="518816" spans="14:14">
      <c r="N518816" s="10"/>
    </row>
    <row r="518817" spans="14:14">
      <c r="N518817" s="10"/>
    </row>
    <row r="518818" spans="14:14">
      <c r="N518818" s="10"/>
    </row>
    <row r="518819" spans="14:14">
      <c r="N518819" s="10"/>
    </row>
    <row r="518820" spans="14:14">
      <c r="N518820" s="10"/>
    </row>
    <row r="518821" spans="14:14">
      <c r="N518821" s="10"/>
    </row>
    <row r="518822" spans="14:14">
      <c r="N518822" s="10"/>
    </row>
    <row r="518823" spans="14:14">
      <c r="N518823" s="10"/>
    </row>
    <row r="518824" spans="14:14">
      <c r="N518824" s="10"/>
    </row>
    <row r="518825" spans="14:14">
      <c r="N518825" s="10"/>
    </row>
    <row r="518826" spans="14:14">
      <c r="N518826" s="10"/>
    </row>
    <row r="518827" spans="14:14">
      <c r="N518827" s="10"/>
    </row>
    <row r="518828" spans="14:14">
      <c r="N518828" s="10"/>
    </row>
    <row r="518829" spans="14:14">
      <c r="N518829" s="10"/>
    </row>
    <row r="518830" spans="14:14">
      <c r="N518830" s="10"/>
    </row>
    <row r="518831" spans="14:14">
      <c r="N518831" s="10"/>
    </row>
    <row r="518832" spans="14:14">
      <c r="N518832" s="10"/>
    </row>
    <row r="518833" spans="14:14">
      <c r="N518833" s="10"/>
    </row>
    <row r="518834" spans="14:14">
      <c r="N518834" s="10"/>
    </row>
    <row r="518835" spans="14:14">
      <c r="N518835" s="10"/>
    </row>
    <row r="518836" spans="14:14">
      <c r="N518836" s="10"/>
    </row>
    <row r="518837" spans="14:14">
      <c r="N518837" s="10"/>
    </row>
    <row r="518838" spans="14:14">
      <c r="N518838" s="10"/>
    </row>
    <row r="518839" spans="14:14">
      <c r="N518839" s="10"/>
    </row>
    <row r="518840" spans="14:14">
      <c r="N518840" s="10"/>
    </row>
    <row r="518841" spans="14:14">
      <c r="N518841" s="10"/>
    </row>
    <row r="518842" spans="14:14">
      <c r="N518842" s="10"/>
    </row>
    <row r="518843" spans="14:14">
      <c r="N518843" s="10"/>
    </row>
    <row r="518844" spans="14:14">
      <c r="N518844" s="10"/>
    </row>
    <row r="518845" spans="14:14">
      <c r="N518845" s="10"/>
    </row>
    <row r="518846" spans="14:14">
      <c r="N518846" s="10"/>
    </row>
    <row r="518847" spans="14:14">
      <c r="N518847" s="10"/>
    </row>
    <row r="518848" spans="14:14">
      <c r="N518848" s="10"/>
    </row>
    <row r="518849" spans="14:14">
      <c r="N518849" s="10"/>
    </row>
    <row r="518850" spans="14:14">
      <c r="N518850" s="10"/>
    </row>
    <row r="518851" spans="14:14">
      <c r="N518851" s="10"/>
    </row>
    <row r="518852" spans="14:14">
      <c r="N518852" s="10"/>
    </row>
    <row r="518853" spans="14:14">
      <c r="N518853" s="10"/>
    </row>
    <row r="518854" spans="14:14">
      <c r="N518854" s="10"/>
    </row>
    <row r="518855" spans="14:14">
      <c r="N518855" s="10"/>
    </row>
    <row r="518856" spans="14:14">
      <c r="N518856" s="10"/>
    </row>
    <row r="518857" spans="14:14">
      <c r="N518857" s="10"/>
    </row>
    <row r="518858" spans="14:14">
      <c r="N518858" s="10"/>
    </row>
    <row r="518859" spans="14:14">
      <c r="N518859" s="10"/>
    </row>
    <row r="518860" spans="14:14">
      <c r="N518860" s="10"/>
    </row>
    <row r="518861" spans="14:14">
      <c r="N518861" s="10"/>
    </row>
    <row r="518862" spans="14:14">
      <c r="N518862" s="10"/>
    </row>
    <row r="518863" spans="14:14">
      <c r="N518863" s="10"/>
    </row>
    <row r="518864" spans="14:14">
      <c r="N518864" s="10"/>
    </row>
    <row r="518865" spans="14:14">
      <c r="N518865" s="10"/>
    </row>
    <row r="518866" spans="14:14">
      <c r="N518866" s="10"/>
    </row>
    <row r="518867" spans="14:14">
      <c r="N518867" s="10"/>
    </row>
    <row r="518868" spans="14:14">
      <c r="N518868" s="10"/>
    </row>
    <row r="518869" spans="14:14">
      <c r="N518869" s="10"/>
    </row>
    <row r="518870" spans="14:14">
      <c r="N518870" s="10"/>
    </row>
    <row r="518871" spans="14:14">
      <c r="N518871" s="10"/>
    </row>
    <row r="518872" spans="14:14">
      <c r="N518872" s="10"/>
    </row>
    <row r="518873" spans="14:14">
      <c r="N518873" s="10"/>
    </row>
    <row r="518874" spans="14:14">
      <c r="N518874" s="10"/>
    </row>
    <row r="518875" spans="14:14">
      <c r="N518875" s="10"/>
    </row>
    <row r="518876" spans="14:14">
      <c r="N518876" s="10"/>
    </row>
    <row r="518877" spans="14:14">
      <c r="N518877" s="10"/>
    </row>
    <row r="518878" spans="14:14">
      <c r="N518878" s="10"/>
    </row>
    <row r="518879" spans="14:14">
      <c r="N518879" s="10"/>
    </row>
    <row r="518880" spans="14:14">
      <c r="N518880" s="10"/>
    </row>
    <row r="518881" spans="14:14">
      <c r="N518881" s="10"/>
    </row>
    <row r="518882" spans="14:14">
      <c r="N518882" s="10"/>
    </row>
    <row r="518883" spans="14:14">
      <c r="N518883" s="10"/>
    </row>
    <row r="518884" spans="14:14">
      <c r="N518884" s="10"/>
    </row>
    <row r="518885" spans="14:14">
      <c r="N518885" s="10"/>
    </row>
    <row r="518886" spans="14:14">
      <c r="N518886" s="10"/>
    </row>
    <row r="518887" spans="14:14">
      <c r="N518887" s="10"/>
    </row>
    <row r="518888" spans="14:14">
      <c r="N518888" s="10"/>
    </row>
    <row r="518889" spans="14:14">
      <c r="N518889" s="10"/>
    </row>
    <row r="518890" spans="14:14">
      <c r="N518890" s="10"/>
    </row>
    <row r="518891" spans="14:14">
      <c r="N518891" s="10"/>
    </row>
    <row r="518892" spans="14:14">
      <c r="N518892" s="10"/>
    </row>
    <row r="518893" spans="14:14">
      <c r="N518893" s="10"/>
    </row>
    <row r="518894" spans="14:14">
      <c r="N518894" s="10"/>
    </row>
    <row r="518895" spans="14:14">
      <c r="N518895" s="10"/>
    </row>
    <row r="518896" spans="14:14">
      <c r="N518896" s="10"/>
    </row>
    <row r="518897" spans="14:14">
      <c r="N518897" s="10"/>
    </row>
    <row r="518898" spans="14:14">
      <c r="N518898" s="10"/>
    </row>
    <row r="518899" spans="14:14">
      <c r="N518899" s="10"/>
    </row>
    <row r="518900" spans="14:14">
      <c r="N518900" s="10"/>
    </row>
    <row r="518901" spans="14:14">
      <c r="N518901" s="10"/>
    </row>
    <row r="518902" spans="14:14">
      <c r="N518902" s="10"/>
    </row>
    <row r="518903" spans="14:14">
      <c r="N518903" s="10"/>
    </row>
    <row r="518904" spans="14:14">
      <c r="N518904" s="10"/>
    </row>
    <row r="518905" spans="14:14">
      <c r="N518905" s="10"/>
    </row>
    <row r="518906" spans="14:14">
      <c r="N518906" s="10"/>
    </row>
    <row r="518907" spans="14:14">
      <c r="N518907" s="10"/>
    </row>
    <row r="518908" spans="14:14">
      <c r="N518908" s="10"/>
    </row>
    <row r="518909" spans="14:14">
      <c r="N518909" s="10"/>
    </row>
    <row r="518910" spans="14:14">
      <c r="N518910" s="10"/>
    </row>
    <row r="518911" spans="14:14">
      <c r="N518911" s="10"/>
    </row>
    <row r="518912" spans="14:14">
      <c r="N518912" s="10"/>
    </row>
    <row r="518913" spans="14:14">
      <c r="N518913" s="10"/>
    </row>
    <row r="518914" spans="14:14">
      <c r="N518914" s="10"/>
    </row>
    <row r="518915" spans="14:14">
      <c r="N518915" s="10"/>
    </row>
    <row r="518916" spans="14:14">
      <c r="N518916" s="10"/>
    </row>
    <row r="518917" spans="14:14">
      <c r="N518917" s="10"/>
    </row>
    <row r="518918" spans="14:14">
      <c r="N518918" s="10"/>
    </row>
    <row r="518919" spans="14:14">
      <c r="N518919" s="10"/>
    </row>
    <row r="518920" spans="14:14">
      <c r="N518920" s="10"/>
    </row>
    <row r="518921" spans="14:14">
      <c r="N518921" s="10"/>
    </row>
    <row r="518922" spans="14:14">
      <c r="N518922" s="10"/>
    </row>
    <row r="518923" spans="14:14">
      <c r="N518923" s="10"/>
    </row>
    <row r="518924" spans="14:14">
      <c r="N518924" s="10"/>
    </row>
    <row r="518925" spans="14:14">
      <c r="N518925" s="10"/>
    </row>
    <row r="518926" spans="14:14">
      <c r="N518926" s="10"/>
    </row>
    <row r="518927" spans="14:14">
      <c r="N518927" s="10"/>
    </row>
    <row r="518928" spans="14:14">
      <c r="N518928" s="10"/>
    </row>
    <row r="518929" spans="14:14">
      <c r="N518929" s="10"/>
    </row>
    <row r="518930" spans="14:14">
      <c r="N518930" s="10"/>
    </row>
    <row r="518931" spans="14:14">
      <c r="N518931" s="10"/>
    </row>
    <row r="518932" spans="14:14">
      <c r="N518932" s="10"/>
    </row>
    <row r="518933" spans="14:14">
      <c r="N518933" s="10"/>
    </row>
    <row r="518934" spans="14:14">
      <c r="N518934" s="10"/>
    </row>
    <row r="518935" spans="14:14">
      <c r="N518935" s="10"/>
    </row>
    <row r="518936" spans="14:14">
      <c r="N518936" s="10"/>
    </row>
    <row r="518937" spans="14:14">
      <c r="N518937" s="10"/>
    </row>
    <row r="518938" spans="14:14">
      <c r="N518938" s="10"/>
    </row>
    <row r="518939" spans="14:14">
      <c r="N518939" s="10"/>
    </row>
    <row r="518940" spans="14:14">
      <c r="N518940" s="10"/>
    </row>
    <row r="518941" spans="14:14">
      <c r="N518941" s="10"/>
    </row>
    <row r="518942" spans="14:14">
      <c r="N518942" s="10"/>
    </row>
    <row r="518943" spans="14:14">
      <c r="N518943" s="10"/>
    </row>
    <row r="518944" spans="14:14">
      <c r="N518944" s="10"/>
    </row>
    <row r="518945" spans="14:14">
      <c r="N518945" s="10"/>
    </row>
    <row r="518946" spans="14:14">
      <c r="N518946" s="10"/>
    </row>
    <row r="518947" spans="14:14">
      <c r="N518947" s="10"/>
    </row>
    <row r="518948" spans="14:14">
      <c r="N518948" s="10"/>
    </row>
    <row r="518949" spans="14:14">
      <c r="N518949" s="10"/>
    </row>
    <row r="518950" spans="14:14">
      <c r="N518950" s="10"/>
    </row>
    <row r="518951" spans="14:14">
      <c r="N518951" s="10"/>
    </row>
    <row r="518952" spans="14:14">
      <c r="N518952" s="10"/>
    </row>
    <row r="518953" spans="14:14">
      <c r="N518953" s="10"/>
    </row>
    <row r="518954" spans="14:14">
      <c r="N518954" s="10"/>
    </row>
    <row r="518955" spans="14:14">
      <c r="N518955" s="10"/>
    </row>
    <row r="518956" spans="14:14">
      <c r="N518956" s="10"/>
    </row>
    <row r="518957" spans="14:14">
      <c r="N518957" s="10"/>
    </row>
    <row r="518958" spans="14:14">
      <c r="N518958" s="10"/>
    </row>
    <row r="518959" spans="14:14">
      <c r="N518959" s="10"/>
    </row>
    <row r="518960" spans="14:14">
      <c r="N518960" s="10"/>
    </row>
    <row r="518961" spans="14:14">
      <c r="N518961" s="10"/>
    </row>
    <row r="518962" spans="14:14">
      <c r="N518962" s="10"/>
    </row>
    <row r="518963" spans="14:14">
      <c r="N518963" s="10"/>
    </row>
    <row r="518964" spans="14:14">
      <c r="N518964" s="10"/>
    </row>
    <row r="518965" spans="14:14">
      <c r="N518965" s="10"/>
    </row>
    <row r="518966" spans="14:14">
      <c r="N518966" s="10"/>
    </row>
    <row r="518967" spans="14:14">
      <c r="N518967" s="10"/>
    </row>
    <row r="518968" spans="14:14">
      <c r="N518968" s="10"/>
    </row>
    <row r="518969" spans="14:14">
      <c r="N518969" s="10"/>
    </row>
    <row r="518970" spans="14:14">
      <c r="N518970" s="10"/>
    </row>
    <row r="518971" spans="14:14">
      <c r="N518971" s="10"/>
    </row>
    <row r="518972" spans="14:14">
      <c r="N518972" s="10"/>
    </row>
    <row r="518973" spans="14:14">
      <c r="N518973" s="10"/>
    </row>
    <row r="518974" spans="14:14">
      <c r="N518974" s="10"/>
    </row>
    <row r="518975" spans="14:14">
      <c r="N518975" s="10"/>
    </row>
    <row r="518976" spans="14:14">
      <c r="N518976" s="10"/>
    </row>
    <row r="518977" spans="14:14">
      <c r="N518977" s="10"/>
    </row>
    <row r="518978" spans="14:14">
      <c r="N518978" s="10"/>
    </row>
    <row r="518979" spans="14:14">
      <c r="N518979" s="10"/>
    </row>
    <row r="518980" spans="14:14">
      <c r="N518980" s="10"/>
    </row>
    <row r="518981" spans="14:14">
      <c r="N518981" s="10"/>
    </row>
    <row r="518982" spans="14:14">
      <c r="N518982" s="10"/>
    </row>
    <row r="518983" spans="14:14">
      <c r="N518983" s="10"/>
    </row>
    <row r="518984" spans="14:14">
      <c r="N518984" s="10"/>
    </row>
    <row r="518985" spans="14:14">
      <c r="N518985" s="10"/>
    </row>
    <row r="518986" spans="14:14">
      <c r="N518986" s="10"/>
    </row>
    <row r="518987" spans="14:14">
      <c r="N518987" s="10"/>
    </row>
    <row r="518988" spans="14:14">
      <c r="N518988" s="10"/>
    </row>
    <row r="518989" spans="14:14">
      <c r="N518989" s="10"/>
    </row>
    <row r="518990" spans="14:14">
      <c r="N518990" s="10"/>
    </row>
    <row r="518991" spans="14:14">
      <c r="N518991" s="10"/>
    </row>
    <row r="518992" spans="14:14">
      <c r="N518992" s="10"/>
    </row>
    <row r="518993" spans="14:14">
      <c r="N518993" s="10"/>
    </row>
    <row r="518994" spans="14:14">
      <c r="N518994" s="10"/>
    </row>
    <row r="518995" spans="14:14">
      <c r="N518995" s="10"/>
    </row>
    <row r="518996" spans="14:14">
      <c r="N518996" s="10"/>
    </row>
    <row r="518997" spans="14:14">
      <c r="N518997" s="10"/>
    </row>
    <row r="518998" spans="14:14">
      <c r="N518998" s="10"/>
    </row>
    <row r="518999" spans="14:14">
      <c r="N518999" s="10"/>
    </row>
    <row r="519000" spans="14:14">
      <c r="N519000" s="10"/>
    </row>
    <row r="519001" spans="14:14">
      <c r="N519001" s="10"/>
    </row>
    <row r="519002" spans="14:14">
      <c r="N519002" s="10"/>
    </row>
    <row r="519003" spans="14:14">
      <c r="N519003" s="10"/>
    </row>
    <row r="519004" spans="14:14">
      <c r="N519004" s="10"/>
    </row>
    <row r="519005" spans="14:14">
      <c r="N519005" s="10"/>
    </row>
    <row r="519006" spans="14:14">
      <c r="N519006" s="10"/>
    </row>
    <row r="519007" spans="14:14">
      <c r="N519007" s="10"/>
    </row>
    <row r="519008" spans="14:14">
      <c r="N519008" s="10"/>
    </row>
    <row r="519009" spans="14:14">
      <c r="N519009" s="10"/>
    </row>
    <row r="519010" spans="14:14">
      <c r="N519010" s="10"/>
    </row>
    <row r="519011" spans="14:14">
      <c r="N519011" s="10"/>
    </row>
    <row r="519012" spans="14:14">
      <c r="N519012" s="10"/>
    </row>
    <row r="519013" spans="14:14">
      <c r="N519013" s="10"/>
    </row>
    <row r="519014" spans="14:14">
      <c r="N519014" s="10"/>
    </row>
    <row r="519015" spans="14:14">
      <c r="N519015" s="10"/>
    </row>
    <row r="519016" spans="14:14">
      <c r="N519016" s="10"/>
    </row>
    <row r="519017" spans="14:14">
      <c r="N519017" s="10"/>
    </row>
    <row r="519018" spans="14:14">
      <c r="N519018" s="10"/>
    </row>
    <row r="519019" spans="14:14">
      <c r="N519019" s="10"/>
    </row>
    <row r="519020" spans="14:14">
      <c r="N519020" s="10"/>
    </row>
    <row r="519021" spans="14:14">
      <c r="N519021" s="10"/>
    </row>
    <row r="519022" spans="14:14">
      <c r="N519022" s="10"/>
    </row>
    <row r="519023" spans="14:14">
      <c r="N519023" s="10"/>
    </row>
    <row r="519024" spans="14:14">
      <c r="N519024" s="10"/>
    </row>
    <row r="519025" spans="14:14">
      <c r="N519025" s="10"/>
    </row>
    <row r="519026" spans="14:14">
      <c r="N519026" s="10"/>
    </row>
    <row r="519027" spans="14:14">
      <c r="N519027" s="10"/>
    </row>
    <row r="519028" spans="14:14">
      <c r="N519028" s="10"/>
    </row>
    <row r="519029" spans="14:14">
      <c r="N519029" s="10"/>
    </row>
    <row r="519030" spans="14:14">
      <c r="N519030" s="10"/>
    </row>
    <row r="519031" spans="14:14">
      <c r="N519031" s="10"/>
    </row>
    <row r="519032" spans="14:14">
      <c r="N519032" s="10"/>
    </row>
    <row r="519033" spans="14:14">
      <c r="N519033" s="10"/>
    </row>
    <row r="519034" spans="14:14">
      <c r="N519034" s="10"/>
    </row>
    <row r="519035" spans="14:14">
      <c r="N519035" s="10"/>
    </row>
    <row r="519036" spans="14:14">
      <c r="N519036" s="10"/>
    </row>
    <row r="519037" spans="14:14">
      <c r="N519037" s="10"/>
    </row>
    <row r="519038" spans="14:14">
      <c r="N519038" s="10"/>
    </row>
    <row r="519039" spans="14:14">
      <c r="N519039" s="10"/>
    </row>
    <row r="519040" spans="14:14">
      <c r="N519040" s="10"/>
    </row>
    <row r="519041" spans="14:14">
      <c r="N519041" s="10"/>
    </row>
    <row r="519042" spans="14:14">
      <c r="N519042" s="10"/>
    </row>
    <row r="519043" spans="14:14">
      <c r="N519043" s="10"/>
    </row>
    <row r="519044" spans="14:14">
      <c r="N519044" s="10"/>
    </row>
    <row r="519045" spans="14:14">
      <c r="N519045" s="10"/>
    </row>
    <row r="519046" spans="14:14">
      <c r="N519046" s="10"/>
    </row>
    <row r="519047" spans="14:14">
      <c r="N519047" s="10"/>
    </row>
    <row r="519048" spans="14:14">
      <c r="N519048" s="10"/>
    </row>
    <row r="519049" spans="14:14">
      <c r="N519049" s="10"/>
    </row>
    <row r="519050" spans="14:14">
      <c r="N519050" s="10"/>
    </row>
    <row r="519051" spans="14:14">
      <c r="N519051" s="10"/>
    </row>
    <row r="519052" spans="14:14">
      <c r="N519052" s="10"/>
    </row>
    <row r="519053" spans="14:14">
      <c r="N519053" s="10"/>
    </row>
    <row r="519054" spans="14:14">
      <c r="N519054" s="10"/>
    </row>
    <row r="519055" spans="14:14">
      <c r="N519055" s="10"/>
    </row>
    <row r="519056" spans="14:14">
      <c r="N519056" s="10"/>
    </row>
    <row r="519057" spans="14:14">
      <c r="N519057" s="10"/>
    </row>
    <row r="519058" spans="14:14">
      <c r="N519058" s="10"/>
    </row>
    <row r="519059" spans="14:14">
      <c r="N519059" s="10"/>
    </row>
    <row r="519060" spans="14:14">
      <c r="N519060" s="10"/>
    </row>
    <row r="519061" spans="14:14">
      <c r="N519061" s="10"/>
    </row>
    <row r="519062" spans="14:14">
      <c r="N519062" s="10"/>
    </row>
    <row r="519063" spans="14:14">
      <c r="N519063" s="10"/>
    </row>
    <row r="519064" spans="14:14">
      <c r="N519064" s="10"/>
    </row>
    <row r="519065" spans="14:14">
      <c r="N519065" s="10"/>
    </row>
    <row r="519066" spans="14:14">
      <c r="N519066" s="10"/>
    </row>
    <row r="519067" spans="14:14">
      <c r="N519067" s="10"/>
    </row>
    <row r="519068" spans="14:14">
      <c r="N519068" s="10"/>
    </row>
    <row r="519069" spans="14:14">
      <c r="N519069" s="10"/>
    </row>
    <row r="519070" spans="14:14">
      <c r="N519070" s="10"/>
    </row>
    <row r="519071" spans="14:14">
      <c r="N519071" s="10"/>
    </row>
    <row r="519072" spans="14:14">
      <c r="N519072" s="10"/>
    </row>
    <row r="519073" spans="14:14">
      <c r="N519073" s="10"/>
    </row>
    <row r="519074" spans="14:14">
      <c r="N519074" s="10"/>
    </row>
    <row r="519075" spans="14:14">
      <c r="N519075" s="10"/>
    </row>
    <row r="519076" spans="14:14">
      <c r="N519076" s="10"/>
    </row>
    <row r="519077" spans="14:14">
      <c r="N519077" s="10"/>
    </row>
    <row r="519078" spans="14:14">
      <c r="N519078" s="10"/>
    </row>
    <row r="519079" spans="14:14">
      <c r="N519079" s="10"/>
    </row>
    <row r="519080" spans="14:14">
      <c r="N519080" s="10"/>
    </row>
    <row r="519081" spans="14:14">
      <c r="N519081" s="10"/>
    </row>
    <row r="519082" spans="14:14">
      <c r="N519082" s="10"/>
    </row>
    <row r="519083" spans="14:14">
      <c r="N519083" s="10"/>
    </row>
    <row r="519084" spans="14:14">
      <c r="N519084" s="10"/>
    </row>
    <row r="519085" spans="14:14">
      <c r="N519085" s="10"/>
    </row>
    <row r="519086" spans="14:14">
      <c r="N519086" s="10"/>
    </row>
    <row r="519087" spans="14:14">
      <c r="N519087" s="10"/>
    </row>
    <row r="519088" spans="14:14">
      <c r="N519088" s="10"/>
    </row>
    <row r="519089" spans="14:14">
      <c r="N519089" s="10"/>
    </row>
    <row r="519090" spans="14:14">
      <c r="N519090" s="10"/>
    </row>
    <row r="519091" spans="14:14">
      <c r="N519091" s="10"/>
    </row>
    <row r="519092" spans="14:14">
      <c r="N519092" s="10"/>
    </row>
    <row r="519093" spans="14:14">
      <c r="N519093" s="10"/>
    </row>
    <row r="519094" spans="14:14">
      <c r="N519094" s="10"/>
    </row>
    <row r="519095" spans="14:14">
      <c r="N519095" s="10"/>
    </row>
    <row r="519096" spans="14:14">
      <c r="N519096" s="10"/>
    </row>
    <row r="519097" spans="14:14">
      <c r="N519097" s="10"/>
    </row>
    <row r="519098" spans="14:14">
      <c r="N519098" s="10"/>
    </row>
    <row r="519099" spans="14:14">
      <c r="N519099" s="10"/>
    </row>
    <row r="519100" spans="14:14">
      <c r="N519100" s="10"/>
    </row>
    <row r="519101" spans="14:14">
      <c r="N519101" s="10"/>
    </row>
    <row r="519102" spans="14:14">
      <c r="N519102" s="10"/>
    </row>
    <row r="519103" spans="14:14">
      <c r="N519103" s="10"/>
    </row>
    <row r="519104" spans="14:14">
      <c r="N519104" s="10"/>
    </row>
    <row r="519105" spans="14:14">
      <c r="N519105" s="10"/>
    </row>
    <row r="519106" spans="14:14">
      <c r="N519106" s="10"/>
    </row>
    <row r="519107" spans="14:14">
      <c r="N519107" s="10"/>
    </row>
    <row r="519108" spans="14:14">
      <c r="N519108" s="10"/>
    </row>
    <row r="519109" spans="14:14">
      <c r="N519109" s="10"/>
    </row>
    <row r="519110" spans="14:14">
      <c r="N519110" s="10"/>
    </row>
    <row r="519111" spans="14:14">
      <c r="N519111" s="10"/>
    </row>
    <row r="519112" spans="14:14">
      <c r="N519112" s="10"/>
    </row>
    <row r="519113" spans="14:14">
      <c r="N519113" s="10"/>
    </row>
    <row r="519114" spans="14:14">
      <c r="N519114" s="10"/>
    </row>
    <row r="519115" spans="14:14">
      <c r="N519115" s="10"/>
    </row>
    <row r="519116" spans="14:14">
      <c r="N519116" s="10"/>
    </row>
    <row r="519117" spans="14:14">
      <c r="N519117" s="10"/>
    </row>
    <row r="519118" spans="14:14">
      <c r="N519118" s="10"/>
    </row>
    <row r="519119" spans="14:14">
      <c r="N519119" s="10"/>
    </row>
    <row r="519120" spans="14:14">
      <c r="N519120" s="10"/>
    </row>
    <row r="519121" spans="14:14">
      <c r="N519121" s="10"/>
    </row>
    <row r="519122" spans="14:14">
      <c r="N519122" s="10"/>
    </row>
    <row r="519123" spans="14:14">
      <c r="N519123" s="10"/>
    </row>
    <row r="519124" spans="14:14">
      <c r="N519124" s="10"/>
    </row>
    <row r="519125" spans="14:14">
      <c r="N519125" s="10"/>
    </row>
    <row r="519126" spans="14:14">
      <c r="N519126" s="10"/>
    </row>
    <row r="519127" spans="14:14">
      <c r="N519127" s="10"/>
    </row>
    <row r="519128" spans="14:14">
      <c r="N519128" s="10"/>
    </row>
    <row r="519129" spans="14:14">
      <c r="N519129" s="10"/>
    </row>
    <row r="519130" spans="14:14">
      <c r="N519130" s="10"/>
    </row>
    <row r="519131" spans="14:14">
      <c r="N519131" s="10"/>
    </row>
    <row r="519132" spans="14:14">
      <c r="N519132" s="10"/>
    </row>
    <row r="519133" spans="14:14">
      <c r="N519133" s="10"/>
    </row>
    <row r="519134" spans="14:14">
      <c r="N519134" s="10"/>
    </row>
    <row r="519135" spans="14:14">
      <c r="N519135" s="10"/>
    </row>
    <row r="519136" spans="14:14">
      <c r="N519136" s="10"/>
    </row>
    <row r="519137" spans="14:14">
      <c r="N519137" s="10"/>
    </row>
    <row r="519138" spans="14:14">
      <c r="N519138" s="10"/>
    </row>
    <row r="519139" spans="14:14">
      <c r="N519139" s="10"/>
    </row>
    <row r="519140" spans="14:14">
      <c r="N519140" s="10"/>
    </row>
    <row r="519141" spans="14:14">
      <c r="N519141" s="10"/>
    </row>
    <row r="519142" spans="14:14">
      <c r="N519142" s="10"/>
    </row>
    <row r="519143" spans="14:14">
      <c r="N519143" s="10"/>
    </row>
    <row r="519144" spans="14:14">
      <c r="N519144" s="10"/>
    </row>
    <row r="519145" spans="14:14">
      <c r="N519145" s="10"/>
    </row>
    <row r="519146" spans="14:14">
      <c r="N519146" s="10"/>
    </row>
    <row r="519147" spans="14:14">
      <c r="N519147" s="10"/>
    </row>
    <row r="519148" spans="14:14">
      <c r="N519148" s="10"/>
    </row>
    <row r="519149" spans="14:14">
      <c r="N519149" s="10"/>
    </row>
    <row r="519150" spans="14:14">
      <c r="N519150" s="10"/>
    </row>
    <row r="519151" spans="14:14">
      <c r="N519151" s="10"/>
    </row>
    <row r="519152" spans="14:14">
      <c r="N519152" s="10"/>
    </row>
    <row r="519153" spans="14:14">
      <c r="N519153" s="10"/>
    </row>
    <row r="519154" spans="14:14">
      <c r="N519154" s="10"/>
    </row>
    <row r="519155" spans="14:14">
      <c r="N519155" s="10"/>
    </row>
    <row r="519156" spans="14:14">
      <c r="N519156" s="10"/>
    </row>
    <row r="519157" spans="14:14">
      <c r="N519157" s="10"/>
    </row>
    <row r="519158" spans="14:14">
      <c r="N519158" s="10"/>
    </row>
    <row r="519159" spans="14:14">
      <c r="N519159" s="10"/>
    </row>
    <row r="519160" spans="14:14">
      <c r="N519160" s="10"/>
    </row>
    <row r="519161" spans="14:14">
      <c r="N519161" s="10"/>
    </row>
    <row r="519162" spans="14:14">
      <c r="N519162" s="10"/>
    </row>
    <row r="519163" spans="14:14">
      <c r="N519163" s="10"/>
    </row>
    <row r="519164" spans="14:14">
      <c r="N519164" s="10"/>
    </row>
    <row r="519165" spans="14:14">
      <c r="N519165" s="10"/>
    </row>
    <row r="519166" spans="14:14">
      <c r="N519166" s="10"/>
    </row>
    <row r="519167" spans="14:14">
      <c r="N519167" s="10"/>
    </row>
    <row r="519168" spans="14:14">
      <c r="N519168" s="10"/>
    </row>
    <row r="519169" spans="14:14">
      <c r="N519169" s="10"/>
    </row>
    <row r="519170" spans="14:14">
      <c r="N519170" s="10"/>
    </row>
    <row r="519171" spans="14:14">
      <c r="N519171" s="10"/>
    </row>
    <row r="519172" spans="14:14">
      <c r="N519172" s="10"/>
    </row>
    <row r="519173" spans="14:14">
      <c r="N519173" s="10"/>
    </row>
    <row r="519174" spans="14:14">
      <c r="N519174" s="10"/>
    </row>
    <row r="519175" spans="14:14">
      <c r="N519175" s="10"/>
    </row>
    <row r="519176" spans="14:14">
      <c r="N519176" s="10"/>
    </row>
    <row r="519177" spans="14:14">
      <c r="N519177" s="10"/>
    </row>
    <row r="519178" spans="14:14">
      <c r="N519178" s="10"/>
    </row>
    <row r="519179" spans="14:14">
      <c r="N519179" s="10"/>
    </row>
    <row r="519180" spans="14:14">
      <c r="N519180" s="10"/>
    </row>
    <row r="519181" spans="14:14">
      <c r="N519181" s="10"/>
    </row>
    <row r="519182" spans="14:14">
      <c r="N519182" s="10"/>
    </row>
    <row r="519183" spans="14:14">
      <c r="N519183" s="10"/>
    </row>
    <row r="519184" spans="14:14">
      <c r="N519184" s="10"/>
    </row>
    <row r="519185" spans="14:14">
      <c r="N519185" s="10"/>
    </row>
    <row r="519186" spans="14:14">
      <c r="N519186" s="10"/>
    </row>
    <row r="519187" spans="14:14">
      <c r="N519187" s="10"/>
    </row>
    <row r="519188" spans="14:14">
      <c r="N519188" s="10"/>
    </row>
    <row r="519189" spans="14:14">
      <c r="N519189" s="10"/>
    </row>
    <row r="519190" spans="14:14">
      <c r="N519190" s="10"/>
    </row>
    <row r="519191" spans="14:14">
      <c r="N519191" s="10"/>
    </row>
    <row r="519192" spans="14:14">
      <c r="N519192" s="10"/>
    </row>
    <row r="519193" spans="14:14">
      <c r="N519193" s="10"/>
    </row>
    <row r="519194" spans="14:14">
      <c r="N519194" s="10"/>
    </row>
    <row r="519195" spans="14:14">
      <c r="N519195" s="10"/>
    </row>
    <row r="519196" spans="14:14">
      <c r="N519196" s="10"/>
    </row>
    <row r="519197" spans="14:14">
      <c r="N519197" s="10"/>
    </row>
    <row r="519198" spans="14:14">
      <c r="N519198" s="10"/>
    </row>
    <row r="519199" spans="14:14">
      <c r="N519199" s="10"/>
    </row>
    <row r="519200" spans="14:14">
      <c r="N519200" s="10"/>
    </row>
    <row r="519201" spans="14:14">
      <c r="N519201" s="10"/>
    </row>
    <row r="519202" spans="14:14">
      <c r="N519202" s="10"/>
    </row>
    <row r="519203" spans="14:14">
      <c r="N519203" s="10"/>
    </row>
    <row r="519204" spans="14:14">
      <c r="N519204" s="10"/>
    </row>
    <row r="519205" spans="14:14">
      <c r="N519205" s="10"/>
    </row>
    <row r="519206" spans="14:14">
      <c r="N519206" s="10"/>
    </row>
    <row r="519207" spans="14:14">
      <c r="N519207" s="10"/>
    </row>
    <row r="519208" spans="14:14">
      <c r="N519208" s="10"/>
    </row>
    <row r="519209" spans="14:14">
      <c r="N519209" s="10"/>
    </row>
    <row r="519210" spans="14:14">
      <c r="N519210" s="10"/>
    </row>
    <row r="519211" spans="14:14">
      <c r="N519211" s="10"/>
    </row>
    <row r="519212" spans="14:14">
      <c r="N519212" s="10"/>
    </row>
    <row r="519213" spans="14:14">
      <c r="N519213" s="10"/>
    </row>
    <row r="519214" spans="14:14">
      <c r="N519214" s="10"/>
    </row>
    <row r="519215" spans="14:14">
      <c r="N519215" s="10"/>
    </row>
    <row r="519216" spans="14:14">
      <c r="N519216" s="10"/>
    </row>
    <row r="519217" spans="14:14">
      <c r="N519217" s="10"/>
    </row>
    <row r="519218" spans="14:14">
      <c r="N519218" s="10"/>
    </row>
    <row r="519219" spans="14:14">
      <c r="N519219" s="10"/>
    </row>
    <row r="519220" spans="14:14">
      <c r="N519220" s="10"/>
    </row>
    <row r="519221" spans="14:14">
      <c r="N519221" s="10"/>
    </row>
    <row r="519222" spans="14:14">
      <c r="N519222" s="10"/>
    </row>
    <row r="519223" spans="14:14">
      <c r="N519223" s="10"/>
    </row>
    <row r="519224" spans="14:14">
      <c r="N519224" s="10"/>
    </row>
    <row r="519225" spans="14:14">
      <c r="N519225" s="10"/>
    </row>
    <row r="519226" spans="14:14">
      <c r="N519226" s="10"/>
    </row>
    <row r="519227" spans="14:14">
      <c r="N519227" s="10"/>
    </row>
    <row r="519228" spans="14:14">
      <c r="N519228" s="10"/>
    </row>
    <row r="519229" spans="14:14">
      <c r="N519229" s="10"/>
    </row>
    <row r="519230" spans="14:14">
      <c r="N519230" s="10"/>
    </row>
    <row r="519231" spans="14:14">
      <c r="N519231" s="10"/>
    </row>
    <row r="519232" spans="14:14">
      <c r="N519232" s="10"/>
    </row>
    <row r="519233" spans="14:14">
      <c r="N519233" s="10"/>
    </row>
    <row r="519234" spans="14:14">
      <c r="N519234" s="10"/>
    </row>
    <row r="519235" spans="14:14">
      <c r="N519235" s="10"/>
    </row>
    <row r="519236" spans="14:14">
      <c r="N519236" s="10"/>
    </row>
    <row r="519237" spans="14:14">
      <c r="N519237" s="10"/>
    </row>
    <row r="519238" spans="14:14">
      <c r="N519238" s="10"/>
    </row>
    <row r="519239" spans="14:14">
      <c r="N519239" s="10"/>
    </row>
    <row r="519240" spans="14:14">
      <c r="N519240" s="10"/>
    </row>
    <row r="519241" spans="14:14">
      <c r="N519241" s="10"/>
    </row>
    <row r="519242" spans="14:14">
      <c r="N519242" s="10"/>
    </row>
    <row r="519243" spans="14:14">
      <c r="N519243" s="10"/>
    </row>
    <row r="519244" spans="14:14">
      <c r="N519244" s="10"/>
    </row>
    <row r="519245" spans="14:14">
      <c r="N519245" s="10"/>
    </row>
    <row r="519246" spans="14:14">
      <c r="N519246" s="10"/>
    </row>
    <row r="519247" spans="14:14">
      <c r="N519247" s="10"/>
    </row>
    <row r="519248" spans="14:14">
      <c r="N519248" s="10"/>
    </row>
    <row r="519249" spans="14:14">
      <c r="N519249" s="10"/>
    </row>
    <row r="519250" spans="14:14">
      <c r="N519250" s="10"/>
    </row>
    <row r="519251" spans="14:14">
      <c r="N519251" s="10"/>
    </row>
    <row r="519252" spans="14:14">
      <c r="N519252" s="10"/>
    </row>
    <row r="519253" spans="14:14">
      <c r="N519253" s="10"/>
    </row>
    <row r="519254" spans="14:14">
      <c r="N519254" s="10"/>
    </row>
    <row r="519255" spans="14:14">
      <c r="N519255" s="10"/>
    </row>
    <row r="519256" spans="14:14">
      <c r="N519256" s="10"/>
    </row>
    <row r="519257" spans="14:14">
      <c r="N519257" s="10"/>
    </row>
    <row r="519258" spans="14:14">
      <c r="N519258" s="10"/>
    </row>
    <row r="519259" spans="14:14">
      <c r="N519259" s="10"/>
    </row>
    <row r="519260" spans="14:14">
      <c r="N519260" s="10"/>
    </row>
    <row r="519261" spans="14:14">
      <c r="N519261" s="10"/>
    </row>
    <row r="519262" spans="14:14">
      <c r="N519262" s="10"/>
    </row>
    <row r="519263" spans="14:14">
      <c r="N519263" s="10"/>
    </row>
    <row r="519264" spans="14:14">
      <c r="N519264" s="10"/>
    </row>
    <row r="519265" spans="14:14">
      <c r="N519265" s="10"/>
    </row>
    <row r="519266" spans="14:14">
      <c r="N519266" s="10"/>
    </row>
    <row r="519267" spans="14:14">
      <c r="N519267" s="10"/>
    </row>
    <row r="519268" spans="14:14">
      <c r="N519268" s="10"/>
    </row>
    <row r="519269" spans="14:14">
      <c r="N519269" s="10"/>
    </row>
    <row r="519270" spans="14:14">
      <c r="N519270" s="10"/>
    </row>
    <row r="519271" spans="14:14">
      <c r="N519271" s="10"/>
    </row>
    <row r="519272" spans="14:14">
      <c r="N519272" s="10"/>
    </row>
    <row r="519273" spans="14:14">
      <c r="N519273" s="10"/>
    </row>
    <row r="519274" spans="14:14">
      <c r="N519274" s="10"/>
    </row>
    <row r="519275" spans="14:14">
      <c r="N519275" s="10"/>
    </row>
    <row r="519276" spans="14:14">
      <c r="N519276" s="10"/>
    </row>
    <row r="519277" spans="14:14">
      <c r="N519277" s="10"/>
    </row>
    <row r="519278" spans="14:14">
      <c r="N519278" s="10"/>
    </row>
    <row r="519279" spans="14:14">
      <c r="N519279" s="10"/>
    </row>
    <row r="519280" spans="14:14">
      <c r="N519280" s="10"/>
    </row>
    <row r="519281" spans="14:14">
      <c r="N519281" s="10"/>
    </row>
    <row r="519282" spans="14:14">
      <c r="N519282" s="10"/>
    </row>
    <row r="519283" spans="14:14">
      <c r="N519283" s="10"/>
    </row>
    <row r="519284" spans="14:14">
      <c r="N519284" s="10"/>
    </row>
    <row r="519285" spans="14:14">
      <c r="N519285" s="10"/>
    </row>
    <row r="519286" spans="14:14">
      <c r="N519286" s="10"/>
    </row>
    <row r="519287" spans="14:14">
      <c r="N519287" s="10"/>
    </row>
    <row r="519288" spans="14:14">
      <c r="N519288" s="10"/>
    </row>
    <row r="519289" spans="14:14">
      <c r="N519289" s="10"/>
    </row>
    <row r="519290" spans="14:14">
      <c r="N519290" s="10"/>
    </row>
    <row r="519291" spans="14:14">
      <c r="N519291" s="10"/>
    </row>
    <row r="519292" spans="14:14">
      <c r="N519292" s="10"/>
    </row>
    <row r="519293" spans="14:14">
      <c r="N519293" s="10"/>
    </row>
    <row r="519294" spans="14:14">
      <c r="N519294" s="10"/>
    </row>
    <row r="519295" spans="14:14">
      <c r="N519295" s="10"/>
    </row>
    <row r="519296" spans="14:14">
      <c r="N519296" s="10"/>
    </row>
    <row r="519297" spans="14:14">
      <c r="N519297" s="10"/>
    </row>
    <row r="519298" spans="14:14">
      <c r="N519298" s="10"/>
    </row>
    <row r="519299" spans="14:14">
      <c r="N519299" s="10"/>
    </row>
    <row r="519300" spans="14:14">
      <c r="N519300" s="10"/>
    </row>
    <row r="519301" spans="14:14">
      <c r="N519301" s="10"/>
    </row>
    <row r="519302" spans="14:14">
      <c r="N519302" s="10"/>
    </row>
    <row r="519303" spans="14:14">
      <c r="N519303" s="10"/>
    </row>
    <row r="519304" spans="14:14">
      <c r="N519304" s="10"/>
    </row>
    <row r="519305" spans="14:14">
      <c r="N519305" s="10"/>
    </row>
    <row r="519306" spans="14:14">
      <c r="N519306" s="10"/>
    </row>
    <row r="519307" spans="14:14">
      <c r="N519307" s="10"/>
    </row>
    <row r="519308" spans="14:14">
      <c r="N519308" s="10"/>
    </row>
    <row r="519309" spans="14:14">
      <c r="N519309" s="10"/>
    </row>
    <row r="519310" spans="14:14">
      <c r="N519310" s="10"/>
    </row>
    <row r="519311" spans="14:14">
      <c r="N519311" s="10"/>
    </row>
    <row r="519312" spans="14:14">
      <c r="N519312" s="10"/>
    </row>
    <row r="519313" spans="14:14">
      <c r="N519313" s="10"/>
    </row>
    <row r="519314" spans="14:14">
      <c r="N519314" s="10"/>
    </row>
    <row r="519315" spans="14:14">
      <c r="N519315" s="10"/>
    </row>
    <row r="519316" spans="14:14">
      <c r="N519316" s="10"/>
    </row>
    <row r="519317" spans="14:14">
      <c r="N519317" s="10"/>
    </row>
    <row r="519318" spans="14:14">
      <c r="N519318" s="10"/>
    </row>
    <row r="519319" spans="14:14">
      <c r="N519319" s="10"/>
    </row>
    <row r="519320" spans="14:14">
      <c r="N519320" s="10"/>
    </row>
    <row r="519321" spans="14:14">
      <c r="N519321" s="10"/>
    </row>
    <row r="519322" spans="14:14">
      <c r="N519322" s="10"/>
    </row>
    <row r="519323" spans="14:14">
      <c r="N519323" s="10"/>
    </row>
    <row r="519324" spans="14:14">
      <c r="N519324" s="10"/>
    </row>
    <row r="519325" spans="14:14">
      <c r="N519325" s="10"/>
    </row>
    <row r="519326" spans="14:14">
      <c r="N519326" s="10"/>
    </row>
    <row r="519327" spans="14:14">
      <c r="N519327" s="10"/>
    </row>
    <row r="519328" spans="14:14">
      <c r="N519328" s="10"/>
    </row>
    <row r="519329" spans="14:14">
      <c r="N519329" s="10"/>
    </row>
    <row r="519330" spans="14:14">
      <c r="N519330" s="10"/>
    </row>
    <row r="519331" spans="14:14">
      <c r="N519331" s="10"/>
    </row>
    <row r="519332" spans="14:14">
      <c r="N519332" s="10"/>
    </row>
    <row r="519333" spans="14:14">
      <c r="N519333" s="10"/>
    </row>
    <row r="519334" spans="14:14">
      <c r="N519334" s="10"/>
    </row>
    <row r="519335" spans="14:14">
      <c r="N519335" s="10"/>
    </row>
    <row r="519336" spans="14:14">
      <c r="N519336" s="10"/>
    </row>
    <row r="519337" spans="14:14">
      <c r="N519337" s="10"/>
    </row>
    <row r="519338" spans="14:14">
      <c r="N519338" s="10"/>
    </row>
    <row r="519339" spans="14:14">
      <c r="N519339" s="10"/>
    </row>
    <row r="519340" spans="14:14">
      <c r="N519340" s="10"/>
    </row>
    <row r="519341" spans="14:14">
      <c r="N519341" s="10"/>
    </row>
    <row r="519342" spans="14:14">
      <c r="N519342" s="10"/>
    </row>
    <row r="519343" spans="14:14">
      <c r="N519343" s="10"/>
    </row>
    <row r="519344" spans="14:14">
      <c r="N519344" s="10"/>
    </row>
    <row r="519345" spans="14:14">
      <c r="N519345" s="10"/>
    </row>
    <row r="519346" spans="14:14">
      <c r="N519346" s="10"/>
    </row>
    <row r="519347" spans="14:14">
      <c r="N519347" s="10"/>
    </row>
    <row r="519348" spans="14:14">
      <c r="N519348" s="10"/>
    </row>
    <row r="519349" spans="14:14">
      <c r="N519349" s="10"/>
    </row>
    <row r="519350" spans="14:14">
      <c r="N519350" s="10"/>
    </row>
    <row r="519351" spans="14:14">
      <c r="N519351" s="10"/>
    </row>
    <row r="519352" spans="14:14">
      <c r="N519352" s="10"/>
    </row>
    <row r="519353" spans="14:14">
      <c r="N519353" s="10"/>
    </row>
    <row r="519354" spans="14:14">
      <c r="N519354" s="10"/>
    </row>
    <row r="519355" spans="14:14">
      <c r="N519355" s="10"/>
    </row>
    <row r="519356" spans="14:14">
      <c r="N519356" s="10"/>
    </row>
    <row r="519357" spans="14:14">
      <c r="N519357" s="10"/>
    </row>
    <row r="519358" spans="14:14">
      <c r="N519358" s="10"/>
    </row>
    <row r="519359" spans="14:14">
      <c r="N519359" s="10"/>
    </row>
    <row r="519360" spans="14:14">
      <c r="N519360" s="10"/>
    </row>
    <row r="519361" spans="14:14">
      <c r="N519361" s="10"/>
    </row>
    <row r="519362" spans="14:14">
      <c r="N519362" s="10"/>
    </row>
    <row r="519363" spans="14:14">
      <c r="N519363" s="10"/>
    </row>
    <row r="519364" spans="14:14">
      <c r="N519364" s="10"/>
    </row>
    <row r="519365" spans="14:14">
      <c r="N519365" s="10"/>
    </row>
    <row r="519366" spans="14:14">
      <c r="N519366" s="10"/>
    </row>
    <row r="519367" spans="14:14">
      <c r="N519367" s="10"/>
    </row>
    <row r="519368" spans="14:14">
      <c r="N519368" s="10"/>
    </row>
    <row r="519369" spans="14:14">
      <c r="N519369" s="10"/>
    </row>
    <row r="519370" spans="14:14">
      <c r="N519370" s="10"/>
    </row>
    <row r="519371" spans="14:14">
      <c r="N519371" s="10"/>
    </row>
    <row r="519372" spans="14:14">
      <c r="N519372" s="10"/>
    </row>
    <row r="519373" spans="14:14">
      <c r="N519373" s="10"/>
    </row>
    <row r="519374" spans="14:14">
      <c r="N519374" s="10"/>
    </row>
    <row r="519375" spans="14:14">
      <c r="N519375" s="10"/>
    </row>
    <row r="519376" spans="14:14">
      <c r="N519376" s="10"/>
    </row>
    <row r="519377" spans="14:14">
      <c r="N519377" s="10"/>
    </row>
    <row r="519378" spans="14:14">
      <c r="N519378" s="10"/>
    </row>
    <row r="519379" spans="14:14">
      <c r="N519379" s="10"/>
    </row>
    <row r="519380" spans="14:14">
      <c r="N519380" s="10"/>
    </row>
    <row r="519381" spans="14:14">
      <c r="N519381" s="10"/>
    </row>
    <row r="519382" spans="14:14">
      <c r="N519382" s="10"/>
    </row>
    <row r="519383" spans="14:14">
      <c r="N519383" s="10"/>
    </row>
    <row r="519384" spans="14:14">
      <c r="N519384" s="10"/>
    </row>
    <row r="519385" spans="14:14">
      <c r="N519385" s="10"/>
    </row>
    <row r="519386" spans="14:14">
      <c r="N519386" s="10"/>
    </row>
    <row r="519387" spans="14:14">
      <c r="N519387" s="10"/>
    </row>
    <row r="519388" spans="14:14">
      <c r="N519388" s="10"/>
    </row>
    <row r="519389" spans="14:14">
      <c r="N519389" s="10"/>
    </row>
    <row r="519390" spans="14:14">
      <c r="N519390" s="10"/>
    </row>
    <row r="519391" spans="14:14">
      <c r="N519391" s="10"/>
    </row>
    <row r="519392" spans="14:14">
      <c r="N519392" s="10"/>
    </row>
    <row r="519393" spans="14:14">
      <c r="N519393" s="10"/>
    </row>
    <row r="519394" spans="14:14">
      <c r="N519394" s="10"/>
    </row>
    <row r="519395" spans="14:14">
      <c r="N519395" s="10"/>
    </row>
    <row r="519396" spans="14:14">
      <c r="N519396" s="10"/>
    </row>
    <row r="519397" spans="14:14">
      <c r="N519397" s="10"/>
    </row>
    <row r="519398" spans="14:14">
      <c r="N519398" s="10"/>
    </row>
    <row r="519399" spans="14:14">
      <c r="N519399" s="10"/>
    </row>
    <row r="519400" spans="14:14">
      <c r="N519400" s="10"/>
    </row>
    <row r="519401" spans="14:14">
      <c r="N519401" s="10"/>
    </row>
    <row r="519402" spans="14:14">
      <c r="N519402" s="10"/>
    </row>
    <row r="519403" spans="14:14">
      <c r="N519403" s="10"/>
    </row>
    <row r="519404" spans="14:14">
      <c r="N519404" s="10"/>
    </row>
    <row r="519405" spans="14:14">
      <c r="N519405" s="10"/>
    </row>
    <row r="519406" spans="14:14">
      <c r="N519406" s="10"/>
    </row>
    <row r="519407" spans="14:14">
      <c r="N519407" s="10"/>
    </row>
    <row r="519408" spans="14:14">
      <c r="N519408" s="10"/>
    </row>
    <row r="519409" spans="14:14">
      <c r="N519409" s="10"/>
    </row>
    <row r="519410" spans="14:14">
      <c r="N519410" s="10"/>
    </row>
    <row r="519411" spans="14:14">
      <c r="N519411" s="10"/>
    </row>
    <row r="519412" spans="14:14">
      <c r="N519412" s="10"/>
    </row>
    <row r="519413" spans="14:14">
      <c r="N519413" s="10"/>
    </row>
    <row r="519414" spans="14:14">
      <c r="N519414" s="10"/>
    </row>
    <row r="519415" spans="14:14">
      <c r="N519415" s="10"/>
    </row>
    <row r="519416" spans="14:14">
      <c r="N519416" s="10"/>
    </row>
    <row r="519417" spans="14:14">
      <c r="N519417" s="10"/>
    </row>
    <row r="519418" spans="14:14">
      <c r="N519418" s="10"/>
    </row>
    <row r="519419" spans="14:14">
      <c r="N519419" s="10"/>
    </row>
    <row r="519420" spans="14:14">
      <c r="N519420" s="10"/>
    </row>
    <row r="519421" spans="14:14">
      <c r="N519421" s="10"/>
    </row>
    <row r="519422" spans="14:14">
      <c r="N519422" s="10"/>
    </row>
    <row r="519423" spans="14:14">
      <c r="N519423" s="10"/>
    </row>
    <row r="519424" spans="14:14">
      <c r="N519424" s="10"/>
    </row>
    <row r="519425" spans="14:14">
      <c r="N519425" s="10"/>
    </row>
    <row r="519426" spans="14:14">
      <c r="N519426" s="10"/>
    </row>
    <row r="519427" spans="14:14">
      <c r="N519427" s="10"/>
    </row>
    <row r="519428" spans="14:14">
      <c r="N519428" s="10"/>
    </row>
    <row r="519429" spans="14:14">
      <c r="N519429" s="10"/>
    </row>
    <row r="519430" spans="14:14">
      <c r="N519430" s="10"/>
    </row>
    <row r="519431" spans="14:14">
      <c r="N519431" s="10"/>
    </row>
    <row r="519432" spans="14:14">
      <c r="N519432" s="10"/>
    </row>
    <row r="519433" spans="14:14">
      <c r="N519433" s="10"/>
    </row>
    <row r="519434" spans="14:14">
      <c r="N519434" s="10"/>
    </row>
    <row r="519435" spans="14:14">
      <c r="N519435" s="10"/>
    </row>
    <row r="519436" spans="14:14">
      <c r="N519436" s="10"/>
    </row>
    <row r="519437" spans="14:14">
      <c r="N519437" s="10"/>
    </row>
    <row r="519438" spans="14:14">
      <c r="N519438" s="10"/>
    </row>
    <row r="519439" spans="14:14">
      <c r="N519439" s="10"/>
    </row>
    <row r="519440" spans="14:14">
      <c r="N519440" s="10"/>
    </row>
    <row r="519441" spans="14:14">
      <c r="N519441" s="10"/>
    </row>
    <row r="519442" spans="14:14">
      <c r="N519442" s="10"/>
    </row>
    <row r="519443" spans="14:14">
      <c r="N519443" s="10"/>
    </row>
    <row r="519444" spans="14:14">
      <c r="N519444" s="10"/>
    </row>
    <row r="519445" spans="14:14">
      <c r="N519445" s="10"/>
    </row>
    <row r="519446" spans="14:14">
      <c r="N519446" s="10"/>
    </row>
    <row r="519447" spans="14:14">
      <c r="N519447" s="10"/>
    </row>
    <row r="519448" spans="14:14">
      <c r="N519448" s="10"/>
    </row>
    <row r="519449" spans="14:14">
      <c r="N519449" s="10"/>
    </row>
    <row r="519450" spans="14:14">
      <c r="N519450" s="10"/>
    </row>
    <row r="519451" spans="14:14">
      <c r="N519451" s="10"/>
    </row>
    <row r="519452" spans="14:14">
      <c r="N519452" s="10"/>
    </row>
    <row r="519453" spans="14:14">
      <c r="N519453" s="10"/>
    </row>
    <row r="519454" spans="14:14">
      <c r="N519454" s="10"/>
    </row>
    <row r="519455" spans="14:14">
      <c r="N519455" s="10"/>
    </row>
    <row r="519456" spans="14:14">
      <c r="N519456" s="10"/>
    </row>
    <row r="519457" spans="14:14">
      <c r="N519457" s="10"/>
    </row>
    <row r="519458" spans="14:14">
      <c r="N519458" s="10"/>
    </row>
    <row r="519459" spans="14:14">
      <c r="N519459" s="10"/>
    </row>
    <row r="519460" spans="14:14">
      <c r="N519460" s="10"/>
    </row>
    <row r="519461" spans="14:14">
      <c r="N519461" s="10"/>
    </row>
    <row r="519462" spans="14:14">
      <c r="N519462" s="10"/>
    </row>
    <row r="519463" spans="14:14">
      <c r="N519463" s="10"/>
    </row>
    <row r="519464" spans="14:14">
      <c r="N519464" s="10"/>
    </row>
    <row r="519465" spans="14:14">
      <c r="N519465" s="10"/>
    </row>
    <row r="519466" spans="14:14">
      <c r="N519466" s="10"/>
    </row>
    <row r="519467" spans="14:14">
      <c r="N519467" s="10"/>
    </row>
    <row r="519468" spans="14:14">
      <c r="N519468" s="10"/>
    </row>
    <row r="519469" spans="14:14">
      <c r="N519469" s="10"/>
    </row>
    <row r="519470" spans="14:14">
      <c r="N519470" s="10"/>
    </row>
    <row r="519471" spans="14:14">
      <c r="N519471" s="10"/>
    </row>
    <row r="519472" spans="14:14">
      <c r="N519472" s="10"/>
    </row>
    <row r="519473" spans="14:14">
      <c r="N519473" s="10"/>
    </row>
    <row r="519474" spans="14:14">
      <c r="N519474" s="10"/>
    </row>
    <row r="519475" spans="14:14">
      <c r="N519475" s="10"/>
    </row>
    <row r="519476" spans="14:14">
      <c r="N519476" s="10"/>
    </row>
    <row r="519477" spans="14:14">
      <c r="N519477" s="10"/>
    </row>
    <row r="519478" spans="14:14">
      <c r="N519478" s="10"/>
    </row>
    <row r="519479" spans="14:14">
      <c r="N519479" s="10"/>
    </row>
    <row r="519480" spans="14:14">
      <c r="N519480" s="10"/>
    </row>
    <row r="519481" spans="14:14">
      <c r="N519481" s="10"/>
    </row>
    <row r="519482" spans="14:14">
      <c r="N519482" s="10"/>
    </row>
    <row r="519483" spans="14:14">
      <c r="N519483" s="10"/>
    </row>
    <row r="519484" spans="14:14">
      <c r="N519484" s="10"/>
    </row>
    <row r="519485" spans="14:14">
      <c r="N519485" s="10"/>
    </row>
    <row r="519486" spans="14:14">
      <c r="N519486" s="10"/>
    </row>
    <row r="519487" spans="14:14">
      <c r="N519487" s="10"/>
    </row>
    <row r="519488" spans="14:14">
      <c r="N519488" s="10"/>
    </row>
    <row r="519489" spans="14:14">
      <c r="N519489" s="10"/>
    </row>
    <row r="519490" spans="14:14">
      <c r="N519490" s="10"/>
    </row>
    <row r="519491" spans="14:14">
      <c r="N519491" s="10"/>
    </row>
    <row r="519492" spans="14:14">
      <c r="N519492" s="10"/>
    </row>
    <row r="519493" spans="14:14">
      <c r="N519493" s="10"/>
    </row>
    <row r="519494" spans="14:14">
      <c r="N519494" s="10"/>
    </row>
    <row r="519495" spans="14:14">
      <c r="N519495" s="10"/>
    </row>
    <row r="519496" spans="14:14">
      <c r="N519496" s="10"/>
    </row>
    <row r="519497" spans="14:14">
      <c r="N519497" s="10"/>
    </row>
    <row r="519498" spans="14:14">
      <c r="N519498" s="10"/>
    </row>
    <row r="519499" spans="14:14">
      <c r="N519499" s="10"/>
    </row>
    <row r="519500" spans="14:14">
      <c r="N519500" s="10"/>
    </row>
    <row r="519501" spans="14:14">
      <c r="N519501" s="10"/>
    </row>
    <row r="519502" spans="14:14">
      <c r="N519502" s="10"/>
    </row>
    <row r="519503" spans="14:14">
      <c r="N519503" s="10"/>
    </row>
    <row r="519504" spans="14:14">
      <c r="N519504" s="10"/>
    </row>
    <row r="519505" spans="14:14">
      <c r="N519505" s="10"/>
    </row>
    <row r="519506" spans="14:14">
      <c r="N519506" s="10"/>
    </row>
    <row r="519507" spans="14:14">
      <c r="N519507" s="10"/>
    </row>
    <row r="519508" spans="14:14">
      <c r="N519508" s="10"/>
    </row>
    <row r="519509" spans="14:14">
      <c r="N519509" s="10"/>
    </row>
    <row r="519510" spans="14:14">
      <c r="N519510" s="10"/>
    </row>
    <row r="519511" spans="14:14">
      <c r="N519511" s="10"/>
    </row>
    <row r="519512" spans="14:14">
      <c r="N519512" s="10"/>
    </row>
    <row r="519513" spans="14:14">
      <c r="N519513" s="10"/>
    </row>
    <row r="519514" spans="14:14">
      <c r="N519514" s="10"/>
    </row>
    <row r="519515" spans="14:14">
      <c r="N519515" s="10"/>
    </row>
    <row r="519516" spans="14:14">
      <c r="N519516" s="10"/>
    </row>
    <row r="519517" spans="14:14">
      <c r="N519517" s="10"/>
    </row>
    <row r="519518" spans="14:14">
      <c r="N519518" s="10"/>
    </row>
    <row r="519519" spans="14:14">
      <c r="N519519" s="10"/>
    </row>
    <row r="519520" spans="14:14">
      <c r="N519520" s="10"/>
    </row>
    <row r="519521" spans="14:14">
      <c r="N519521" s="10"/>
    </row>
    <row r="519522" spans="14:14">
      <c r="N519522" s="10"/>
    </row>
    <row r="519523" spans="14:14">
      <c r="N519523" s="10"/>
    </row>
    <row r="519524" spans="14:14">
      <c r="N519524" s="10"/>
    </row>
    <row r="519525" spans="14:14">
      <c r="N519525" s="10"/>
    </row>
    <row r="519526" spans="14:14">
      <c r="N519526" s="10"/>
    </row>
    <row r="519527" spans="14:14">
      <c r="N519527" s="10"/>
    </row>
    <row r="519528" spans="14:14">
      <c r="N519528" s="10"/>
    </row>
    <row r="519529" spans="14:14">
      <c r="N519529" s="10"/>
    </row>
    <row r="519530" spans="14:14">
      <c r="N519530" s="10"/>
    </row>
    <row r="519531" spans="14:14">
      <c r="N519531" s="10"/>
    </row>
    <row r="519532" spans="14:14">
      <c r="N519532" s="10"/>
    </row>
    <row r="519533" spans="14:14">
      <c r="N519533" s="10"/>
    </row>
    <row r="519534" spans="14:14">
      <c r="N519534" s="10"/>
    </row>
    <row r="519535" spans="14:14">
      <c r="N519535" s="10"/>
    </row>
    <row r="519536" spans="14:14">
      <c r="N519536" s="10"/>
    </row>
    <row r="519537" spans="14:14">
      <c r="N519537" s="10"/>
    </row>
    <row r="519538" spans="14:14">
      <c r="N519538" s="10"/>
    </row>
    <row r="519539" spans="14:14">
      <c r="N519539" s="10"/>
    </row>
    <row r="519540" spans="14:14">
      <c r="N519540" s="10"/>
    </row>
    <row r="519541" spans="14:14">
      <c r="N519541" s="10"/>
    </row>
    <row r="519542" spans="14:14">
      <c r="N519542" s="10"/>
    </row>
    <row r="519543" spans="14:14">
      <c r="N519543" s="10"/>
    </row>
    <row r="519544" spans="14:14">
      <c r="N519544" s="10"/>
    </row>
    <row r="519545" spans="14:14">
      <c r="N519545" s="10"/>
    </row>
    <row r="519546" spans="14:14">
      <c r="N519546" s="10"/>
    </row>
    <row r="519547" spans="14:14">
      <c r="N519547" s="10"/>
    </row>
    <row r="519548" spans="14:14">
      <c r="N519548" s="10"/>
    </row>
    <row r="519549" spans="14:14">
      <c r="N519549" s="10"/>
    </row>
    <row r="519550" spans="14:14">
      <c r="N519550" s="10"/>
    </row>
    <row r="519551" spans="14:14">
      <c r="N519551" s="10"/>
    </row>
    <row r="519552" spans="14:14">
      <c r="N519552" s="10"/>
    </row>
    <row r="519553" spans="14:14">
      <c r="N519553" s="10"/>
    </row>
    <row r="519554" spans="14:14">
      <c r="N519554" s="10"/>
    </row>
    <row r="519555" spans="14:14">
      <c r="N519555" s="10"/>
    </row>
    <row r="519556" spans="14:14">
      <c r="N519556" s="10"/>
    </row>
    <row r="519557" spans="14:14">
      <c r="N519557" s="10"/>
    </row>
    <row r="519558" spans="14:14">
      <c r="N519558" s="10"/>
    </row>
    <row r="519559" spans="14:14">
      <c r="N519559" s="10"/>
    </row>
    <row r="519560" spans="14:14">
      <c r="N519560" s="10"/>
    </row>
    <row r="519561" spans="14:14">
      <c r="N519561" s="10"/>
    </row>
    <row r="519562" spans="14:14">
      <c r="N519562" s="10"/>
    </row>
    <row r="519563" spans="14:14">
      <c r="N519563" s="10"/>
    </row>
    <row r="519564" spans="14:14">
      <c r="N519564" s="10"/>
    </row>
    <row r="519565" spans="14:14">
      <c r="N519565" s="10"/>
    </row>
    <row r="519566" spans="14:14">
      <c r="N519566" s="10"/>
    </row>
    <row r="519567" spans="14:14">
      <c r="N519567" s="10"/>
    </row>
    <row r="519568" spans="14:14">
      <c r="N519568" s="10"/>
    </row>
    <row r="519569" spans="14:14">
      <c r="N519569" s="10"/>
    </row>
    <row r="519570" spans="14:14">
      <c r="N519570" s="10"/>
    </row>
    <row r="519571" spans="14:14">
      <c r="N519571" s="10"/>
    </row>
    <row r="519572" spans="14:14">
      <c r="N519572" s="10"/>
    </row>
    <row r="519573" spans="14:14">
      <c r="N519573" s="10"/>
    </row>
    <row r="519574" spans="14:14">
      <c r="N519574" s="10"/>
    </row>
    <row r="519575" spans="14:14">
      <c r="N519575" s="10"/>
    </row>
    <row r="519576" spans="14:14">
      <c r="N519576" s="10"/>
    </row>
    <row r="519577" spans="14:14">
      <c r="N519577" s="10"/>
    </row>
    <row r="519578" spans="14:14">
      <c r="N519578" s="10"/>
    </row>
    <row r="519579" spans="14:14">
      <c r="N519579" s="10"/>
    </row>
    <row r="519580" spans="14:14">
      <c r="N519580" s="10"/>
    </row>
    <row r="519581" spans="14:14">
      <c r="N519581" s="10"/>
    </row>
    <row r="519582" spans="14:14">
      <c r="N519582" s="10"/>
    </row>
    <row r="519583" spans="14:14">
      <c r="N519583" s="10"/>
    </row>
    <row r="519584" spans="14:14">
      <c r="N519584" s="10"/>
    </row>
    <row r="519585" spans="14:14">
      <c r="N519585" s="10"/>
    </row>
    <row r="519586" spans="14:14">
      <c r="N519586" s="10"/>
    </row>
    <row r="519587" spans="14:14">
      <c r="N519587" s="10"/>
    </row>
    <row r="519588" spans="14:14">
      <c r="N519588" s="10"/>
    </row>
    <row r="519589" spans="14:14">
      <c r="N519589" s="10"/>
    </row>
    <row r="519590" spans="14:14">
      <c r="N519590" s="10"/>
    </row>
    <row r="519591" spans="14:14">
      <c r="N519591" s="10"/>
    </row>
    <row r="519592" spans="14:14">
      <c r="N519592" s="10"/>
    </row>
    <row r="519593" spans="14:14">
      <c r="N519593" s="10"/>
    </row>
    <row r="519594" spans="14:14">
      <c r="N519594" s="10"/>
    </row>
    <row r="519595" spans="14:14">
      <c r="N519595" s="10"/>
    </row>
    <row r="519596" spans="14:14">
      <c r="N519596" s="10"/>
    </row>
    <row r="519597" spans="14:14">
      <c r="N519597" s="10"/>
    </row>
    <row r="519598" spans="14:14">
      <c r="N519598" s="10"/>
    </row>
    <row r="519599" spans="14:14">
      <c r="N519599" s="10"/>
    </row>
    <row r="519600" spans="14:14">
      <c r="N519600" s="10"/>
    </row>
    <row r="519601" spans="14:14">
      <c r="N519601" s="10"/>
    </row>
    <row r="519602" spans="14:14">
      <c r="N519602" s="10"/>
    </row>
    <row r="519603" spans="14:14">
      <c r="N519603" s="10"/>
    </row>
    <row r="519604" spans="14:14">
      <c r="N519604" s="10"/>
    </row>
    <row r="519605" spans="14:14">
      <c r="N519605" s="10"/>
    </row>
    <row r="519606" spans="14:14">
      <c r="N519606" s="10"/>
    </row>
    <row r="519607" spans="14:14">
      <c r="N519607" s="10"/>
    </row>
    <row r="519608" spans="14:14">
      <c r="N519608" s="10"/>
    </row>
    <row r="519609" spans="14:14">
      <c r="N519609" s="10"/>
    </row>
    <row r="519610" spans="14:14">
      <c r="N519610" s="10"/>
    </row>
    <row r="519611" spans="14:14">
      <c r="N519611" s="10"/>
    </row>
    <row r="519612" spans="14:14">
      <c r="N519612" s="10"/>
    </row>
    <row r="519613" spans="14:14">
      <c r="N519613" s="10"/>
    </row>
    <row r="519614" spans="14:14">
      <c r="N519614" s="10"/>
    </row>
    <row r="519615" spans="14:14">
      <c r="N519615" s="10"/>
    </row>
    <row r="519616" spans="14:14">
      <c r="N519616" s="10"/>
    </row>
    <row r="519617" spans="14:14">
      <c r="N519617" s="10"/>
    </row>
    <row r="519618" spans="14:14">
      <c r="N519618" s="10"/>
    </row>
    <row r="519619" spans="14:14">
      <c r="N519619" s="10"/>
    </row>
    <row r="519620" spans="14:14">
      <c r="N519620" s="10"/>
    </row>
    <row r="519621" spans="14:14">
      <c r="N519621" s="10"/>
    </row>
    <row r="519622" spans="14:14">
      <c r="N519622" s="10"/>
    </row>
    <row r="519623" spans="14:14">
      <c r="N519623" s="10"/>
    </row>
    <row r="519624" spans="14:14">
      <c r="N519624" s="10"/>
    </row>
    <row r="519625" spans="14:14">
      <c r="N519625" s="10"/>
    </row>
    <row r="519626" spans="14:14">
      <c r="N519626" s="10"/>
    </row>
    <row r="519627" spans="14:14">
      <c r="N519627" s="10"/>
    </row>
    <row r="519628" spans="14:14">
      <c r="N519628" s="10"/>
    </row>
    <row r="519629" spans="14:14">
      <c r="N519629" s="10"/>
    </row>
    <row r="519630" spans="14:14">
      <c r="N519630" s="10"/>
    </row>
    <row r="519631" spans="14:14">
      <c r="N519631" s="10"/>
    </row>
    <row r="519632" spans="14:14">
      <c r="N519632" s="10"/>
    </row>
    <row r="519633" spans="14:14">
      <c r="N519633" s="10"/>
    </row>
    <row r="519634" spans="14:14">
      <c r="N519634" s="10"/>
    </row>
    <row r="519635" spans="14:14">
      <c r="N519635" s="10"/>
    </row>
    <row r="519636" spans="14:14">
      <c r="N519636" s="10"/>
    </row>
    <row r="519637" spans="14:14">
      <c r="N519637" s="10"/>
    </row>
    <row r="519638" spans="14:14">
      <c r="N519638" s="10"/>
    </row>
    <row r="519639" spans="14:14">
      <c r="N519639" s="10"/>
    </row>
    <row r="519640" spans="14:14">
      <c r="N519640" s="10"/>
    </row>
    <row r="519641" spans="14:14">
      <c r="N519641" s="10"/>
    </row>
    <row r="519642" spans="14:14">
      <c r="N519642" s="10"/>
    </row>
    <row r="519643" spans="14:14">
      <c r="N519643" s="10"/>
    </row>
    <row r="519644" spans="14:14">
      <c r="N519644" s="10"/>
    </row>
    <row r="519645" spans="14:14">
      <c r="N519645" s="10"/>
    </row>
    <row r="519646" spans="14:14">
      <c r="N519646" s="10"/>
    </row>
    <row r="519647" spans="14:14">
      <c r="N519647" s="10"/>
    </row>
    <row r="519648" spans="14:14">
      <c r="N519648" s="10"/>
    </row>
    <row r="519649" spans="14:14">
      <c r="N519649" s="10"/>
    </row>
    <row r="519650" spans="14:14">
      <c r="N519650" s="10"/>
    </row>
    <row r="519651" spans="14:14">
      <c r="N519651" s="10"/>
    </row>
    <row r="519652" spans="14:14">
      <c r="N519652" s="10"/>
    </row>
    <row r="519653" spans="14:14">
      <c r="N519653" s="10"/>
    </row>
    <row r="519654" spans="14:14">
      <c r="N519654" s="10"/>
    </row>
    <row r="519655" spans="14:14">
      <c r="N519655" s="10"/>
    </row>
    <row r="519656" spans="14:14">
      <c r="N519656" s="10"/>
    </row>
    <row r="519657" spans="14:14">
      <c r="N519657" s="10"/>
    </row>
    <row r="519658" spans="14:14">
      <c r="N519658" s="10"/>
    </row>
    <row r="519659" spans="14:14">
      <c r="N519659" s="10"/>
    </row>
    <row r="519660" spans="14:14">
      <c r="N519660" s="10"/>
    </row>
    <row r="519661" spans="14:14">
      <c r="N519661" s="10"/>
    </row>
    <row r="519662" spans="14:14">
      <c r="N519662" s="10"/>
    </row>
    <row r="519663" spans="14:14">
      <c r="N519663" s="10"/>
    </row>
    <row r="519664" spans="14:14">
      <c r="N519664" s="10"/>
    </row>
    <row r="519665" spans="14:14">
      <c r="N519665" s="10"/>
    </row>
    <row r="519666" spans="14:14">
      <c r="N519666" s="10"/>
    </row>
    <row r="519667" spans="14:14">
      <c r="N519667" s="10"/>
    </row>
    <row r="519668" spans="14:14">
      <c r="N519668" s="10"/>
    </row>
    <row r="519669" spans="14:14">
      <c r="N519669" s="10"/>
    </row>
    <row r="519670" spans="14:14">
      <c r="N519670" s="10"/>
    </row>
    <row r="519671" spans="14:14">
      <c r="N519671" s="10"/>
    </row>
    <row r="519672" spans="14:14">
      <c r="N519672" s="10"/>
    </row>
    <row r="519673" spans="14:14">
      <c r="N519673" s="10"/>
    </row>
    <row r="519674" spans="14:14">
      <c r="N519674" s="10"/>
    </row>
    <row r="519675" spans="14:14">
      <c r="N519675" s="10"/>
    </row>
    <row r="519676" spans="14:14">
      <c r="N519676" s="10"/>
    </row>
    <row r="519677" spans="14:14">
      <c r="N519677" s="10"/>
    </row>
    <row r="519678" spans="14:14">
      <c r="N519678" s="10"/>
    </row>
    <row r="519679" spans="14:14">
      <c r="N519679" s="10"/>
    </row>
    <row r="519680" spans="14:14">
      <c r="N519680" s="10"/>
    </row>
    <row r="519681" spans="14:14">
      <c r="N519681" s="10"/>
    </row>
    <row r="519682" spans="14:14">
      <c r="N519682" s="10"/>
    </row>
    <row r="519683" spans="14:14">
      <c r="N519683" s="10"/>
    </row>
    <row r="519684" spans="14:14">
      <c r="N519684" s="10"/>
    </row>
    <row r="519685" spans="14:14">
      <c r="N519685" s="10"/>
    </row>
    <row r="519686" spans="14:14">
      <c r="N519686" s="10"/>
    </row>
    <row r="519687" spans="14:14">
      <c r="N519687" s="10"/>
    </row>
    <row r="519688" spans="14:14">
      <c r="N519688" s="10"/>
    </row>
    <row r="519689" spans="14:14">
      <c r="N519689" s="10"/>
    </row>
    <row r="519690" spans="14:14">
      <c r="N519690" s="10"/>
    </row>
    <row r="519691" spans="14:14">
      <c r="N519691" s="10"/>
    </row>
    <row r="519692" spans="14:14">
      <c r="N519692" s="10"/>
    </row>
    <row r="519693" spans="14:14">
      <c r="N519693" s="10"/>
    </row>
    <row r="519694" spans="14:14">
      <c r="N519694" s="10"/>
    </row>
    <row r="519695" spans="14:14">
      <c r="N519695" s="10"/>
    </row>
    <row r="519696" spans="14:14">
      <c r="N519696" s="10"/>
    </row>
    <row r="519697" spans="14:14">
      <c r="N519697" s="10"/>
    </row>
    <row r="519698" spans="14:14">
      <c r="N519698" s="10"/>
    </row>
    <row r="519699" spans="14:14">
      <c r="N519699" s="10"/>
    </row>
    <row r="519700" spans="14:14">
      <c r="N519700" s="10"/>
    </row>
    <row r="519701" spans="14:14">
      <c r="N519701" s="10"/>
    </row>
    <row r="519702" spans="14:14">
      <c r="N519702" s="10"/>
    </row>
    <row r="519703" spans="14:14">
      <c r="N519703" s="10"/>
    </row>
    <row r="519704" spans="14:14">
      <c r="N519704" s="10"/>
    </row>
    <row r="519705" spans="14:14">
      <c r="N519705" s="10"/>
    </row>
    <row r="519706" spans="14:14">
      <c r="N519706" s="10"/>
    </row>
    <row r="519707" spans="14:14">
      <c r="N519707" s="10"/>
    </row>
    <row r="519708" spans="14:14">
      <c r="N519708" s="10"/>
    </row>
    <row r="519709" spans="14:14">
      <c r="N519709" s="10"/>
    </row>
    <row r="519710" spans="14:14">
      <c r="N519710" s="10"/>
    </row>
    <row r="519711" spans="14:14">
      <c r="N519711" s="10"/>
    </row>
    <row r="519712" spans="14:14">
      <c r="N519712" s="10"/>
    </row>
    <row r="519713" spans="14:14">
      <c r="N519713" s="10"/>
    </row>
    <row r="519714" spans="14:14">
      <c r="N519714" s="10"/>
    </row>
    <row r="519715" spans="14:14">
      <c r="N519715" s="10"/>
    </row>
    <row r="519716" spans="14:14">
      <c r="N519716" s="10"/>
    </row>
    <row r="519717" spans="14:14">
      <c r="N519717" s="10"/>
    </row>
    <row r="519718" spans="14:14">
      <c r="N519718" s="10"/>
    </row>
    <row r="519719" spans="14:14">
      <c r="N519719" s="10"/>
    </row>
    <row r="519720" spans="14:14">
      <c r="N519720" s="10"/>
    </row>
    <row r="519721" spans="14:14">
      <c r="N519721" s="10"/>
    </row>
    <row r="519722" spans="14:14">
      <c r="N519722" s="10"/>
    </row>
    <row r="519723" spans="14:14">
      <c r="N519723" s="10"/>
    </row>
    <row r="519724" spans="14:14">
      <c r="N519724" s="10"/>
    </row>
    <row r="519725" spans="14:14">
      <c r="N519725" s="10"/>
    </row>
    <row r="519726" spans="14:14">
      <c r="N519726" s="10"/>
    </row>
    <row r="519727" spans="14:14">
      <c r="N519727" s="10"/>
    </row>
    <row r="519728" spans="14:14">
      <c r="N519728" s="10"/>
    </row>
    <row r="519729" spans="14:14">
      <c r="N519729" s="10"/>
    </row>
    <row r="519730" spans="14:14">
      <c r="N519730" s="10"/>
    </row>
    <row r="519731" spans="14:14">
      <c r="N519731" s="10"/>
    </row>
    <row r="519732" spans="14:14">
      <c r="N519732" s="10"/>
    </row>
    <row r="519733" spans="14:14">
      <c r="N519733" s="10"/>
    </row>
    <row r="519734" spans="14:14">
      <c r="N519734" s="10"/>
    </row>
    <row r="519735" spans="14:14">
      <c r="N519735" s="10"/>
    </row>
    <row r="519736" spans="14:14">
      <c r="N519736" s="10"/>
    </row>
    <row r="519737" spans="14:14">
      <c r="N519737" s="10"/>
    </row>
    <row r="519738" spans="14:14">
      <c r="N519738" s="10"/>
    </row>
    <row r="519739" spans="14:14">
      <c r="N519739" s="10"/>
    </row>
    <row r="519740" spans="14:14">
      <c r="N519740" s="10"/>
    </row>
    <row r="519741" spans="14:14">
      <c r="N519741" s="10"/>
    </row>
    <row r="519742" spans="14:14">
      <c r="N519742" s="10"/>
    </row>
    <row r="519743" spans="14:14">
      <c r="N519743" s="10"/>
    </row>
    <row r="519744" spans="14:14">
      <c r="N519744" s="10"/>
    </row>
    <row r="519745" spans="14:14">
      <c r="N519745" s="10"/>
    </row>
    <row r="519746" spans="14:14">
      <c r="N519746" s="10"/>
    </row>
    <row r="519747" spans="14:14">
      <c r="N519747" s="10"/>
    </row>
    <row r="519748" spans="14:14">
      <c r="N519748" s="10"/>
    </row>
    <row r="519749" spans="14:14">
      <c r="N519749" s="10"/>
    </row>
    <row r="519750" spans="14:14">
      <c r="N519750" s="10"/>
    </row>
    <row r="519751" spans="14:14">
      <c r="N519751" s="10"/>
    </row>
    <row r="519752" spans="14:14">
      <c r="N519752" s="10"/>
    </row>
    <row r="519753" spans="14:14">
      <c r="N519753" s="10"/>
    </row>
    <row r="519754" spans="14:14">
      <c r="N519754" s="10"/>
    </row>
    <row r="519755" spans="14:14">
      <c r="N519755" s="10"/>
    </row>
    <row r="519756" spans="14:14">
      <c r="N519756" s="10"/>
    </row>
    <row r="519757" spans="14:14">
      <c r="N519757" s="10"/>
    </row>
    <row r="519758" spans="14:14">
      <c r="N519758" s="10"/>
    </row>
    <row r="519759" spans="14:14">
      <c r="N519759" s="10"/>
    </row>
    <row r="519760" spans="14:14">
      <c r="N519760" s="10"/>
    </row>
    <row r="519761" spans="14:14">
      <c r="N519761" s="10"/>
    </row>
    <row r="519762" spans="14:14">
      <c r="N519762" s="10"/>
    </row>
    <row r="519763" spans="14:14">
      <c r="N519763" s="10"/>
    </row>
    <row r="519764" spans="14:14">
      <c r="N519764" s="10"/>
    </row>
    <row r="519765" spans="14:14">
      <c r="N519765" s="10"/>
    </row>
    <row r="519766" spans="14:14">
      <c r="N519766" s="10"/>
    </row>
    <row r="519767" spans="14:14">
      <c r="N519767" s="10"/>
    </row>
    <row r="519768" spans="14:14">
      <c r="N519768" s="10"/>
    </row>
    <row r="519769" spans="14:14">
      <c r="N519769" s="10"/>
    </row>
    <row r="519770" spans="14:14">
      <c r="N519770" s="10"/>
    </row>
    <row r="519771" spans="14:14">
      <c r="N519771" s="10"/>
    </row>
    <row r="519772" spans="14:14">
      <c r="N519772" s="10"/>
    </row>
    <row r="519773" spans="14:14">
      <c r="N519773" s="10"/>
    </row>
    <row r="519774" spans="14:14">
      <c r="N519774" s="10"/>
    </row>
    <row r="519775" spans="14:14">
      <c r="N519775" s="10"/>
    </row>
    <row r="519776" spans="14:14">
      <c r="N519776" s="10"/>
    </row>
    <row r="519777" spans="14:14">
      <c r="N519777" s="10"/>
    </row>
    <row r="519778" spans="14:14">
      <c r="N519778" s="10"/>
    </row>
    <row r="519779" spans="14:14">
      <c r="N519779" s="10"/>
    </row>
    <row r="519780" spans="14:14">
      <c r="N519780" s="10"/>
    </row>
    <row r="519781" spans="14:14">
      <c r="N519781" s="10"/>
    </row>
    <row r="519782" spans="14:14">
      <c r="N519782" s="10"/>
    </row>
    <row r="519783" spans="14:14">
      <c r="N519783" s="10"/>
    </row>
    <row r="519784" spans="14:14">
      <c r="N519784" s="10"/>
    </row>
    <row r="519785" spans="14:14">
      <c r="N519785" s="10"/>
    </row>
    <row r="519786" spans="14:14">
      <c r="N519786" s="10"/>
    </row>
    <row r="519787" spans="14:14">
      <c r="N519787" s="10"/>
    </row>
    <row r="519788" spans="14:14">
      <c r="N519788" s="10"/>
    </row>
    <row r="519789" spans="14:14">
      <c r="N519789" s="10"/>
    </row>
    <row r="519790" spans="14:14">
      <c r="N519790" s="10"/>
    </row>
    <row r="519791" spans="14:14">
      <c r="N519791" s="10"/>
    </row>
    <row r="519792" spans="14:14">
      <c r="N519792" s="10"/>
    </row>
    <row r="519793" spans="14:14">
      <c r="N519793" s="10"/>
    </row>
    <row r="519794" spans="14:14">
      <c r="N519794" s="10"/>
    </row>
    <row r="519795" spans="14:14">
      <c r="N519795" s="10"/>
    </row>
    <row r="519796" spans="14:14">
      <c r="N519796" s="10"/>
    </row>
    <row r="519797" spans="14:14">
      <c r="N519797" s="10"/>
    </row>
    <row r="519798" spans="14:14">
      <c r="N519798" s="10"/>
    </row>
    <row r="519799" spans="14:14">
      <c r="N519799" s="10"/>
    </row>
    <row r="519800" spans="14:14">
      <c r="N519800" s="10"/>
    </row>
    <row r="519801" spans="14:14">
      <c r="N519801" s="10"/>
    </row>
    <row r="519802" spans="14:14">
      <c r="N519802" s="10"/>
    </row>
    <row r="519803" spans="14:14">
      <c r="N519803" s="10"/>
    </row>
    <row r="519804" spans="14:14">
      <c r="N519804" s="10"/>
    </row>
    <row r="519805" spans="14:14">
      <c r="N519805" s="10"/>
    </row>
    <row r="519806" spans="14:14">
      <c r="N519806" s="10"/>
    </row>
    <row r="519807" spans="14:14">
      <c r="N519807" s="10"/>
    </row>
    <row r="519808" spans="14:14">
      <c r="N519808" s="10"/>
    </row>
    <row r="519809" spans="14:14">
      <c r="N519809" s="10"/>
    </row>
    <row r="519810" spans="14:14">
      <c r="N519810" s="10"/>
    </row>
    <row r="519811" spans="14:14">
      <c r="N519811" s="10"/>
    </row>
    <row r="519812" spans="14:14">
      <c r="N519812" s="10"/>
    </row>
    <row r="519813" spans="14:14">
      <c r="N519813" s="10"/>
    </row>
    <row r="519814" spans="14:14">
      <c r="N519814" s="10"/>
    </row>
    <row r="519815" spans="14:14">
      <c r="N519815" s="10"/>
    </row>
    <row r="519816" spans="14:14">
      <c r="N519816" s="10"/>
    </row>
    <row r="519817" spans="14:14">
      <c r="N519817" s="10"/>
    </row>
    <row r="519818" spans="14:14">
      <c r="N519818" s="10"/>
    </row>
    <row r="519819" spans="14:14">
      <c r="N519819" s="10"/>
    </row>
    <row r="519820" spans="14:14">
      <c r="N519820" s="10"/>
    </row>
    <row r="519821" spans="14:14">
      <c r="N519821" s="10"/>
    </row>
    <row r="519822" spans="14:14">
      <c r="N519822" s="10"/>
    </row>
    <row r="519823" spans="14:14">
      <c r="N519823" s="10"/>
    </row>
    <row r="519824" spans="14:14">
      <c r="N519824" s="10"/>
    </row>
    <row r="519825" spans="14:14">
      <c r="N519825" s="10"/>
    </row>
    <row r="519826" spans="14:14">
      <c r="N519826" s="10"/>
    </row>
    <row r="519827" spans="14:14">
      <c r="N519827" s="10"/>
    </row>
    <row r="519828" spans="14:14">
      <c r="N519828" s="10"/>
    </row>
    <row r="519829" spans="14:14">
      <c r="N519829" s="10"/>
    </row>
    <row r="519830" spans="14:14">
      <c r="N519830" s="10"/>
    </row>
    <row r="519831" spans="14:14">
      <c r="N519831" s="10"/>
    </row>
    <row r="519832" spans="14:14">
      <c r="N519832" s="10"/>
    </row>
    <row r="519833" spans="14:14">
      <c r="N519833" s="10"/>
    </row>
    <row r="519834" spans="14:14">
      <c r="N519834" s="10"/>
    </row>
    <row r="519835" spans="14:14">
      <c r="N519835" s="10"/>
    </row>
    <row r="519836" spans="14:14">
      <c r="N519836" s="10"/>
    </row>
    <row r="519837" spans="14:14">
      <c r="N519837" s="10"/>
    </row>
    <row r="519838" spans="14:14">
      <c r="N519838" s="10"/>
    </row>
    <row r="519839" spans="14:14">
      <c r="N519839" s="10"/>
    </row>
    <row r="519840" spans="14:14">
      <c r="N519840" s="10"/>
    </row>
    <row r="519841" spans="14:14">
      <c r="N519841" s="10"/>
    </row>
    <row r="519842" spans="14:14">
      <c r="N519842" s="10"/>
    </row>
    <row r="519843" spans="14:14">
      <c r="N519843" s="10"/>
    </row>
    <row r="519844" spans="14:14">
      <c r="N519844" s="10"/>
    </row>
    <row r="519845" spans="14:14">
      <c r="N519845" s="10"/>
    </row>
    <row r="519846" spans="14:14">
      <c r="N519846" s="10"/>
    </row>
    <row r="519847" spans="14:14">
      <c r="N519847" s="10"/>
    </row>
    <row r="519848" spans="14:14">
      <c r="N519848" s="10"/>
    </row>
    <row r="519849" spans="14:14">
      <c r="N519849" s="10"/>
    </row>
    <row r="519850" spans="14:14">
      <c r="N519850" s="10"/>
    </row>
    <row r="519851" spans="14:14">
      <c r="N519851" s="10"/>
    </row>
    <row r="519852" spans="14:14">
      <c r="N519852" s="10"/>
    </row>
    <row r="519853" spans="14:14">
      <c r="N519853" s="10"/>
    </row>
    <row r="519854" spans="14:14">
      <c r="N519854" s="10"/>
    </row>
    <row r="519855" spans="14:14">
      <c r="N519855" s="10"/>
    </row>
    <row r="519856" spans="14:14">
      <c r="N519856" s="10"/>
    </row>
    <row r="519857" spans="14:14">
      <c r="N519857" s="10"/>
    </row>
    <row r="519858" spans="14:14">
      <c r="N519858" s="10"/>
    </row>
    <row r="519859" spans="14:14">
      <c r="N519859" s="10"/>
    </row>
    <row r="519860" spans="14:14">
      <c r="N519860" s="10"/>
    </row>
    <row r="519861" spans="14:14">
      <c r="N519861" s="10"/>
    </row>
    <row r="519862" spans="14:14">
      <c r="N519862" s="10"/>
    </row>
    <row r="519863" spans="14:14">
      <c r="N519863" s="10"/>
    </row>
    <row r="519864" spans="14:14">
      <c r="N519864" s="10"/>
    </row>
    <row r="519865" spans="14:14">
      <c r="N519865" s="10"/>
    </row>
    <row r="519866" spans="14:14">
      <c r="N519866" s="10"/>
    </row>
    <row r="519867" spans="14:14">
      <c r="N519867" s="10"/>
    </row>
    <row r="519868" spans="14:14">
      <c r="N519868" s="10"/>
    </row>
    <row r="519869" spans="14:14">
      <c r="N519869" s="10"/>
    </row>
    <row r="519870" spans="14:14">
      <c r="N519870" s="10"/>
    </row>
    <row r="519871" spans="14:14">
      <c r="N519871" s="10"/>
    </row>
    <row r="519872" spans="14:14">
      <c r="N519872" s="10"/>
    </row>
    <row r="519873" spans="14:14">
      <c r="N519873" s="10"/>
    </row>
    <row r="519874" spans="14:14">
      <c r="N519874" s="10"/>
    </row>
    <row r="519875" spans="14:14">
      <c r="N519875" s="10"/>
    </row>
    <row r="519876" spans="14:14">
      <c r="N519876" s="10"/>
    </row>
    <row r="519877" spans="14:14">
      <c r="N519877" s="10"/>
    </row>
    <row r="519878" spans="14:14">
      <c r="N519878" s="10"/>
    </row>
    <row r="519879" spans="14:14">
      <c r="N519879" s="10"/>
    </row>
    <row r="519880" spans="14:14">
      <c r="N519880" s="10"/>
    </row>
    <row r="519881" spans="14:14">
      <c r="N519881" s="10"/>
    </row>
    <row r="519882" spans="14:14">
      <c r="N519882" s="10"/>
    </row>
    <row r="519883" spans="14:14">
      <c r="N519883" s="10"/>
    </row>
    <row r="519884" spans="14:14">
      <c r="N519884" s="10"/>
    </row>
    <row r="519885" spans="14:14">
      <c r="N519885" s="10"/>
    </row>
    <row r="519886" spans="14:14">
      <c r="N519886" s="10"/>
    </row>
    <row r="519887" spans="14:14">
      <c r="N519887" s="10"/>
    </row>
    <row r="519888" spans="14:14">
      <c r="N519888" s="10"/>
    </row>
    <row r="519889" spans="14:14">
      <c r="N519889" s="10"/>
    </row>
    <row r="519890" spans="14:14">
      <c r="N519890" s="10"/>
    </row>
    <row r="519891" spans="14:14">
      <c r="N519891" s="10"/>
    </row>
    <row r="519892" spans="14:14">
      <c r="N519892" s="10"/>
    </row>
    <row r="519893" spans="14:14">
      <c r="N519893" s="10"/>
    </row>
    <row r="519894" spans="14:14">
      <c r="N519894" s="10"/>
    </row>
    <row r="519895" spans="14:14">
      <c r="N519895" s="10"/>
    </row>
    <row r="519896" spans="14:14">
      <c r="N519896" s="10"/>
    </row>
    <row r="519897" spans="14:14">
      <c r="N519897" s="10"/>
    </row>
    <row r="519898" spans="14:14">
      <c r="N519898" s="10"/>
    </row>
    <row r="519899" spans="14:14">
      <c r="N519899" s="10"/>
    </row>
    <row r="519900" spans="14:14">
      <c r="N519900" s="10"/>
    </row>
    <row r="519901" spans="14:14">
      <c r="N519901" s="10"/>
    </row>
    <row r="519902" spans="14:14">
      <c r="N519902" s="10"/>
    </row>
    <row r="519903" spans="14:14">
      <c r="N519903" s="10"/>
    </row>
    <row r="519904" spans="14:14">
      <c r="N519904" s="10"/>
    </row>
    <row r="519905" spans="14:14">
      <c r="N519905" s="10"/>
    </row>
    <row r="519906" spans="14:14">
      <c r="N519906" s="10"/>
    </row>
    <row r="519907" spans="14:14">
      <c r="N519907" s="10"/>
    </row>
    <row r="519908" spans="14:14">
      <c r="N519908" s="10"/>
    </row>
    <row r="519909" spans="14:14">
      <c r="N519909" s="10"/>
    </row>
    <row r="519910" spans="14:14">
      <c r="N519910" s="10"/>
    </row>
    <row r="519911" spans="14:14">
      <c r="N519911" s="10"/>
    </row>
    <row r="519912" spans="14:14">
      <c r="N519912" s="10"/>
    </row>
    <row r="519913" spans="14:14">
      <c r="N519913" s="10"/>
    </row>
    <row r="519914" spans="14:14">
      <c r="N519914" s="10"/>
    </row>
    <row r="519915" spans="14:14">
      <c r="N519915" s="10"/>
    </row>
    <row r="519916" spans="14:14">
      <c r="N519916" s="10"/>
    </row>
    <row r="519917" spans="14:14">
      <c r="N519917" s="10"/>
    </row>
    <row r="519918" spans="14:14">
      <c r="N519918" s="10"/>
    </row>
    <row r="519919" spans="14:14">
      <c r="N519919" s="10"/>
    </row>
    <row r="519920" spans="14:14">
      <c r="N519920" s="10"/>
    </row>
    <row r="519921" spans="14:14">
      <c r="N519921" s="10"/>
    </row>
    <row r="519922" spans="14:14">
      <c r="N519922" s="10"/>
    </row>
    <row r="519923" spans="14:14">
      <c r="N519923" s="10"/>
    </row>
    <row r="519924" spans="14:14">
      <c r="N519924" s="10"/>
    </row>
    <row r="519925" spans="14:14">
      <c r="N519925" s="10"/>
    </row>
    <row r="519926" spans="14:14">
      <c r="N519926" s="10"/>
    </row>
    <row r="519927" spans="14:14">
      <c r="N519927" s="10"/>
    </row>
    <row r="519928" spans="14:14">
      <c r="N519928" s="10"/>
    </row>
    <row r="519929" spans="14:14">
      <c r="N519929" s="10"/>
    </row>
    <row r="519930" spans="14:14">
      <c r="N519930" s="10"/>
    </row>
    <row r="519931" spans="14:14">
      <c r="N519931" s="10"/>
    </row>
    <row r="519932" spans="14:14">
      <c r="N519932" s="10"/>
    </row>
    <row r="519933" spans="14:14">
      <c r="N519933" s="10"/>
    </row>
    <row r="519934" spans="14:14">
      <c r="N519934" s="10"/>
    </row>
    <row r="519935" spans="14:14">
      <c r="N519935" s="10"/>
    </row>
    <row r="519936" spans="14:14">
      <c r="N519936" s="10"/>
    </row>
    <row r="519937" spans="14:14">
      <c r="N519937" s="10"/>
    </row>
    <row r="519938" spans="14:14">
      <c r="N519938" s="10"/>
    </row>
    <row r="519939" spans="14:14">
      <c r="N519939" s="10"/>
    </row>
    <row r="519940" spans="14:14">
      <c r="N519940" s="10"/>
    </row>
    <row r="519941" spans="14:14">
      <c r="N519941" s="10"/>
    </row>
    <row r="519942" spans="14:14">
      <c r="N519942" s="10"/>
    </row>
    <row r="519943" spans="14:14">
      <c r="N519943" s="10"/>
    </row>
    <row r="519944" spans="14:14">
      <c r="N519944" s="10"/>
    </row>
    <row r="519945" spans="14:14">
      <c r="N519945" s="10"/>
    </row>
    <row r="519946" spans="14:14">
      <c r="N519946" s="10"/>
    </row>
    <row r="519947" spans="14:14">
      <c r="N519947" s="10"/>
    </row>
    <row r="519948" spans="14:14">
      <c r="N519948" s="10"/>
    </row>
    <row r="519949" spans="14:14">
      <c r="N519949" s="10"/>
    </row>
    <row r="519950" spans="14:14">
      <c r="N519950" s="10"/>
    </row>
    <row r="519951" spans="14:14">
      <c r="N519951" s="10"/>
    </row>
    <row r="519952" spans="14:14">
      <c r="N519952" s="10"/>
    </row>
    <row r="519953" spans="14:14">
      <c r="N519953" s="10"/>
    </row>
    <row r="519954" spans="14:14">
      <c r="N519954" s="10"/>
    </row>
    <row r="519955" spans="14:14">
      <c r="N519955" s="10"/>
    </row>
    <row r="519956" spans="14:14">
      <c r="N519956" s="10"/>
    </row>
    <row r="519957" spans="14:14">
      <c r="N519957" s="10"/>
    </row>
    <row r="519958" spans="14:14">
      <c r="N519958" s="10"/>
    </row>
    <row r="519959" spans="14:14">
      <c r="N519959" s="10"/>
    </row>
    <row r="519960" spans="14:14">
      <c r="N519960" s="10"/>
    </row>
    <row r="519961" spans="14:14">
      <c r="N519961" s="10"/>
    </row>
    <row r="519962" spans="14:14">
      <c r="N519962" s="10"/>
    </row>
    <row r="519963" spans="14:14">
      <c r="N519963" s="10"/>
    </row>
    <row r="519964" spans="14:14">
      <c r="N519964" s="10"/>
    </row>
    <row r="519965" spans="14:14">
      <c r="N519965" s="10"/>
    </row>
    <row r="519966" spans="14:14">
      <c r="N519966" s="10"/>
    </row>
    <row r="519967" spans="14:14">
      <c r="N519967" s="10"/>
    </row>
    <row r="519968" spans="14:14">
      <c r="N519968" s="10"/>
    </row>
    <row r="519969" spans="14:14">
      <c r="N519969" s="10"/>
    </row>
    <row r="519970" spans="14:14">
      <c r="N519970" s="10"/>
    </row>
    <row r="519971" spans="14:14">
      <c r="N519971" s="10"/>
    </row>
    <row r="519972" spans="14:14">
      <c r="N519972" s="10"/>
    </row>
    <row r="519973" spans="14:14">
      <c r="N519973" s="10"/>
    </row>
    <row r="519974" spans="14:14">
      <c r="N519974" s="10"/>
    </row>
    <row r="519975" spans="14:14">
      <c r="N519975" s="10"/>
    </row>
    <row r="519976" spans="14:14">
      <c r="N519976" s="10"/>
    </row>
    <row r="519977" spans="14:14">
      <c r="N519977" s="10"/>
    </row>
    <row r="519978" spans="14:14">
      <c r="N519978" s="10"/>
    </row>
    <row r="519979" spans="14:14">
      <c r="N519979" s="10"/>
    </row>
    <row r="519980" spans="14:14">
      <c r="N519980" s="10"/>
    </row>
    <row r="519981" spans="14:14">
      <c r="N519981" s="10"/>
    </row>
    <row r="519982" spans="14:14">
      <c r="N519982" s="10"/>
    </row>
    <row r="519983" spans="14:14">
      <c r="N519983" s="10"/>
    </row>
    <row r="519984" spans="14:14">
      <c r="N519984" s="10"/>
    </row>
    <row r="519985" spans="14:14">
      <c r="N519985" s="10"/>
    </row>
    <row r="519986" spans="14:14">
      <c r="N519986" s="10"/>
    </row>
    <row r="519987" spans="14:14">
      <c r="N519987" s="10"/>
    </row>
    <row r="519988" spans="14:14">
      <c r="N519988" s="10"/>
    </row>
    <row r="519989" spans="14:14">
      <c r="N519989" s="10"/>
    </row>
    <row r="519990" spans="14:14">
      <c r="N519990" s="10"/>
    </row>
    <row r="519991" spans="14:14">
      <c r="N519991" s="10"/>
    </row>
    <row r="519992" spans="14:14">
      <c r="N519992" s="10"/>
    </row>
    <row r="519993" spans="14:14">
      <c r="N519993" s="10"/>
    </row>
    <row r="519994" spans="14:14">
      <c r="N519994" s="10"/>
    </row>
    <row r="519995" spans="14:14">
      <c r="N519995" s="10"/>
    </row>
    <row r="519996" spans="14:14">
      <c r="N519996" s="10"/>
    </row>
    <row r="519997" spans="14:14">
      <c r="N519997" s="10"/>
    </row>
    <row r="519998" spans="14:14">
      <c r="N519998" s="10"/>
    </row>
    <row r="519999" spans="14:14">
      <c r="N519999" s="10"/>
    </row>
    <row r="520000" spans="14:14">
      <c r="N520000" s="10"/>
    </row>
    <row r="520001" spans="14:14">
      <c r="N520001" s="10"/>
    </row>
    <row r="520002" spans="14:14">
      <c r="N520002" s="10"/>
    </row>
    <row r="520003" spans="14:14">
      <c r="N520003" s="10"/>
    </row>
    <row r="520004" spans="14:14">
      <c r="N520004" s="10"/>
    </row>
    <row r="520005" spans="14:14">
      <c r="N520005" s="10"/>
    </row>
    <row r="520006" spans="14:14">
      <c r="N520006" s="10"/>
    </row>
    <row r="520007" spans="14:14">
      <c r="N520007" s="10"/>
    </row>
    <row r="520008" spans="14:14">
      <c r="N520008" s="10"/>
    </row>
    <row r="520009" spans="14:14">
      <c r="N520009" s="10"/>
    </row>
    <row r="520010" spans="14:14">
      <c r="N520010" s="10"/>
    </row>
    <row r="520011" spans="14:14">
      <c r="N520011" s="10"/>
    </row>
    <row r="520012" spans="14:14">
      <c r="N520012" s="10"/>
    </row>
    <row r="520013" spans="14:14">
      <c r="N520013" s="10"/>
    </row>
    <row r="520014" spans="14:14">
      <c r="N520014" s="10"/>
    </row>
    <row r="520015" spans="14:14">
      <c r="N520015" s="10"/>
    </row>
    <row r="520016" spans="14:14">
      <c r="N520016" s="10"/>
    </row>
    <row r="520017" spans="14:14">
      <c r="N520017" s="10"/>
    </row>
    <row r="520018" spans="14:14">
      <c r="N520018" s="10"/>
    </row>
    <row r="520019" spans="14:14">
      <c r="N520019" s="10"/>
    </row>
    <row r="520020" spans="14:14">
      <c r="N520020" s="10"/>
    </row>
    <row r="520021" spans="14:14">
      <c r="N520021" s="10"/>
    </row>
    <row r="520022" spans="14:14">
      <c r="N520022" s="10"/>
    </row>
    <row r="520023" spans="14:14">
      <c r="N520023" s="10"/>
    </row>
    <row r="520024" spans="14:14">
      <c r="N520024" s="10"/>
    </row>
    <row r="520025" spans="14:14">
      <c r="N520025" s="10"/>
    </row>
    <row r="520026" spans="14:14">
      <c r="N520026" s="10"/>
    </row>
    <row r="520027" spans="14:14">
      <c r="N520027" s="10"/>
    </row>
    <row r="520028" spans="14:14">
      <c r="N520028" s="10"/>
    </row>
    <row r="520029" spans="14:14">
      <c r="N520029" s="10"/>
    </row>
    <row r="520030" spans="14:14">
      <c r="N520030" s="10"/>
    </row>
    <row r="520031" spans="14:14">
      <c r="N520031" s="10"/>
    </row>
    <row r="520032" spans="14:14">
      <c r="N520032" s="10"/>
    </row>
    <row r="520033" spans="14:14">
      <c r="N520033" s="10"/>
    </row>
    <row r="520034" spans="14:14">
      <c r="N520034" s="10"/>
    </row>
    <row r="520035" spans="14:14">
      <c r="N520035" s="10"/>
    </row>
    <row r="520036" spans="14:14">
      <c r="N520036" s="10"/>
    </row>
    <row r="520037" spans="14:14">
      <c r="N520037" s="10"/>
    </row>
    <row r="520038" spans="14:14">
      <c r="N520038" s="10"/>
    </row>
    <row r="520039" spans="14:14">
      <c r="N520039" s="10"/>
    </row>
    <row r="520040" spans="14:14">
      <c r="N520040" s="10"/>
    </row>
    <row r="520041" spans="14:14">
      <c r="N520041" s="10"/>
    </row>
    <row r="520042" spans="14:14">
      <c r="N520042" s="10"/>
    </row>
    <row r="520043" spans="14:14">
      <c r="N520043" s="10"/>
    </row>
    <row r="520044" spans="14:14">
      <c r="N520044" s="10"/>
    </row>
    <row r="520045" spans="14:14">
      <c r="N520045" s="10"/>
    </row>
    <row r="520046" spans="14:14">
      <c r="N520046" s="10"/>
    </row>
    <row r="520047" spans="14:14">
      <c r="N520047" s="10"/>
    </row>
    <row r="520048" spans="14:14">
      <c r="N520048" s="10"/>
    </row>
    <row r="520049" spans="14:14">
      <c r="N520049" s="10"/>
    </row>
    <row r="520050" spans="14:14">
      <c r="N520050" s="10"/>
    </row>
    <row r="520051" spans="14:14">
      <c r="N520051" s="10"/>
    </row>
    <row r="520052" spans="14:14">
      <c r="N520052" s="10"/>
    </row>
    <row r="520053" spans="14:14">
      <c r="N520053" s="10"/>
    </row>
    <row r="520054" spans="14:14">
      <c r="N520054" s="10"/>
    </row>
    <row r="520055" spans="14:14">
      <c r="N520055" s="10"/>
    </row>
    <row r="520056" spans="14:14">
      <c r="N520056" s="10"/>
    </row>
    <row r="520057" spans="14:14">
      <c r="N520057" s="10"/>
    </row>
    <row r="520058" spans="14:14">
      <c r="N520058" s="10"/>
    </row>
    <row r="520059" spans="14:14">
      <c r="N520059" s="10"/>
    </row>
    <row r="520060" spans="14:14">
      <c r="N520060" s="10"/>
    </row>
    <row r="520061" spans="14:14">
      <c r="N520061" s="10"/>
    </row>
    <row r="520062" spans="14:14">
      <c r="N520062" s="10"/>
    </row>
    <row r="520063" spans="14:14">
      <c r="N520063" s="10"/>
    </row>
    <row r="520064" spans="14:14">
      <c r="N520064" s="10"/>
    </row>
    <row r="520065" spans="14:14">
      <c r="N520065" s="10"/>
    </row>
    <row r="520066" spans="14:14">
      <c r="N520066" s="10"/>
    </row>
    <row r="520067" spans="14:14">
      <c r="N520067" s="10"/>
    </row>
    <row r="520068" spans="14:14">
      <c r="N520068" s="10"/>
    </row>
    <row r="520069" spans="14:14">
      <c r="N520069" s="10"/>
    </row>
    <row r="520070" spans="14:14">
      <c r="N520070" s="10"/>
    </row>
    <row r="520071" spans="14:14">
      <c r="N520071" s="10"/>
    </row>
    <row r="520072" spans="14:14">
      <c r="N520072" s="10"/>
    </row>
    <row r="520073" spans="14:14">
      <c r="N520073" s="10"/>
    </row>
    <row r="520074" spans="14:14">
      <c r="N520074" s="10"/>
    </row>
    <row r="520075" spans="14:14">
      <c r="N520075" s="10"/>
    </row>
    <row r="520076" spans="14:14">
      <c r="N520076" s="10"/>
    </row>
    <row r="520077" spans="14:14">
      <c r="N520077" s="10"/>
    </row>
    <row r="520078" spans="14:14">
      <c r="N520078" s="10"/>
    </row>
    <row r="520079" spans="14:14">
      <c r="N520079" s="10"/>
    </row>
    <row r="520080" spans="14:14">
      <c r="N520080" s="10"/>
    </row>
    <row r="520081" spans="14:14">
      <c r="N520081" s="10"/>
    </row>
    <row r="520082" spans="14:14">
      <c r="N520082" s="10"/>
    </row>
    <row r="520083" spans="14:14">
      <c r="N520083" s="10"/>
    </row>
    <row r="520084" spans="14:14">
      <c r="N520084" s="10"/>
    </row>
    <row r="520085" spans="14:14">
      <c r="N520085" s="10"/>
    </row>
    <row r="520086" spans="14:14">
      <c r="N520086" s="10"/>
    </row>
    <row r="520087" spans="14:14">
      <c r="N520087" s="10"/>
    </row>
    <row r="520088" spans="14:14">
      <c r="N520088" s="10"/>
    </row>
    <row r="520089" spans="14:14">
      <c r="N520089" s="10"/>
    </row>
    <row r="520090" spans="14:14">
      <c r="N520090" s="10"/>
    </row>
    <row r="520091" spans="14:14">
      <c r="N520091" s="10"/>
    </row>
    <row r="520092" spans="14:14">
      <c r="N520092" s="10"/>
    </row>
    <row r="520093" spans="14:14">
      <c r="N520093" s="10"/>
    </row>
    <row r="520094" spans="14:14">
      <c r="N520094" s="10"/>
    </row>
    <row r="520095" spans="14:14">
      <c r="N520095" s="10"/>
    </row>
    <row r="520096" spans="14:14">
      <c r="N520096" s="10"/>
    </row>
    <row r="520097" spans="14:14">
      <c r="N520097" s="10"/>
    </row>
    <row r="520098" spans="14:14">
      <c r="N520098" s="10"/>
    </row>
    <row r="520099" spans="14:14">
      <c r="N520099" s="10"/>
    </row>
    <row r="520100" spans="14:14">
      <c r="N520100" s="10"/>
    </row>
    <row r="520101" spans="14:14">
      <c r="N520101" s="10"/>
    </row>
    <row r="520102" spans="14:14">
      <c r="N520102" s="10"/>
    </row>
    <row r="520103" spans="14:14">
      <c r="N520103" s="10"/>
    </row>
    <row r="520104" spans="14:14">
      <c r="N520104" s="10"/>
    </row>
    <row r="520105" spans="14:14">
      <c r="N520105" s="10"/>
    </row>
    <row r="520106" spans="14:14">
      <c r="N520106" s="10"/>
    </row>
    <row r="520107" spans="14:14">
      <c r="N520107" s="10"/>
    </row>
    <row r="520108" spans="14:14">
      <c r="N520108" s="10"/>
    </row>
    <row r="520109" spans="14:14">
      <c r="N520109" s="10"/>
    </row>
    <row r="520110" spans="14:14">
      <c r="N520110" s="10"/>
    </row>
    <row r="520111" spans="14:14">
      <c r="N520111" s="10"/>
    </row>
    <row r="520112" spans="14:14">
      <c r="N520112" s="10"/>
    </row>
    <row r="520113" spans="14:14">
      <c r="N520113" s="10"/>
    </row>
    <row r="520114" spans="14:14">
      <c r="N520114" s="10"/>
    </row>
    <row r="520115" spans="14:14">
      <c r="N520115" s="10"/>
    </row>
    <row r="520116" spans="14:14">
      <c r="N520116" s="10"/>
    </row>
    <row r="520117" spans="14:14">
      <c r="N520117" s="10"/>
    </row>
    <row r="520118" spans="14:14">
      <c r="N520118" s="10"/>
    </row>
    <row r="520119" spans="14:14">
      <c r="N520119" s="10"/>
    </row>
    <row r="520120" spans="14:14">
      <c r="N520120" s="10"/>
    </row>
    <row r="520121" spans="14:14">
      <c r="N520121" s="10"/>
    </row>
    <row r="520122" spans="14:14">
      <c r="N520122" s="10"/>
    </row>
    <row r="520123" spans="14:14">
      <c r="N520123" s="10"/>
    </row>
    <row r="520124" spans="14:14">
      <c r="N520124" s="10"/>
    </row>
    <row r="520125" spans="14:14">
      <c r="N520125" s="10"/>
    </row>
    <row r="520126" spans="14:14">
      <c r="N520126" s="10"/>
    </row>
    <row r="520127" spans="14:14">
      <c r="N520127" s="10"/>
    </row>
    <row r="520128" spans="14:14">
      <c r="N520128" s="10"/>
    </row>
    <row r="520129" spans="14:14">
      <c r="N520129" s="10"/>
    </row>
    <row r="520130" spans="14:14">
      <c r="N520130" s="10"/>
    </row>
    <row r="520131" spans="14:14">
      <c r="N520131" s="10"/>
    </row>
    <row r="520132" spans="14:14">
      <c r="N520132" s="10"/>
    </row>
    <row r="520133" spans="14:14">
      <c r="N520133" s="10"/>
    </row>
    <row r="520134" spans="14:14">
      <c r="N520134" s="10"/>
    </row>
    <row r="520135" spans="14:14">
      <c r="N520135" s="10"/>
    </row>
    <row r="520136" spans="14:14">
      <c r="N520136" s="10"/>
    </row>
    <row r="520137" spans="14:14">
      <c r="N520137" s="10"/>
    </row>
    <row r="520138" spans="14:14">
      <c r="N520138" s="10"/>
    </row>
    <row r="520139" spans="14:14">
      <c r="N520139" s="10"/>
    </row>
    <row r="520140" spans="14:14">
      <c r="N520140" s="10"/>
    </row>
    <row r="520141" spans="14:14">
      <c r="N520141" s="10"/>
    </row>
    <row r="520142" spans="14:14">
      <c r="N520142" s="10"/>
    </row>
    <row r="520143" spans="14:14">
      <c r="N520143" s="10"/>
    </row>
    <row r="520144" spans="14:14">
      <c r="N520144" s="10"/>
    </row>
    <row r="520145" spans="14:14">
      <c r="N520145" s="10"/>
    </row>
    <row r="520146" spans="14:14">
      <c r="N520146" s="10"/>
    </row>
    <row r="520147" spans="14:14">
      <c r="N520147" s="10"/>
    </row>
    <row r="520148" spans="14:14">
      <c r="N520148" s="10"/>
    </row>
    <row r="520149" spans="14:14">
      <c r="N520149" s="10"/>
    </row>
    <row r="520150" spans="14:14">
      <c r="N520150" s="10"/>
    </row>
    <row r="520151" spans="14:14">
      <c r="N520151" s="10"/>
    </row>
    <row r="520152" spans="14:14">
      <c r="N520152" s="10"/>
    </row>
    <row r="520153" spans="14:14">
      <c r="N520153" s="10"/>
    </row>
    <row r="520154" spans="14:14">
      <c r="N520154" s="10"/>
    </row>
    <row r="520155" spans="14:14">
      <c r="N520155" s="10"/>
    </row>
    <row r="520156" spans="14:14">
      <c r="N520156" s="10"/>
    </row>
    <row r="520157" spans="14:14">
      <c r="N520157" s="10"/>
    </row>
    <row r="520158" spans="14:14">
      <c r="N520158" s="10"/>
    </row>
    <row r="520159" spans="14:14">
      <c r="N520159" s="10"/>
    </row>
    <row r="520160" spans="14:14">
      <c r="N520160" s="10"/>
    </row>
    <row r="520161" spans="14:14">
      <c r="N520161" s="10"/>
    </row>
    <row r="520162" spans="14:14">
      <c r="N520162" s="10"/>
    </row>
    <row r="520163" spans="14:14">
      <c r="N520163" s="10"/>
    </row>
    <row r="520164" spans="14:14">
      <c r="N520164" s="10"/>
    </row>
    <row r="520165" spans="14:14">
      <c r="N520165" s="10"/>
    </row>
    <row r="520166" spans="14:14">
      <c r="N520166" s="10"/>
    </row>
    <row r="520167" spans="14:14">
      <c r="N520167" s="10"/>
    </row>
    <row r="520168" spans="14:14">
      <c r="N520168" s="10"/>
    </row>
    <row r="520169" spans="14:14">
      <c r="N520169" s="10"/>
    </row>
    <row r="520170" spans="14:14">
      <c r="N520170" s="10"/>
    </row>
    <row r="520171" spans="14:14">
      <c r="N520171" s="10"/>
    </row>
    <row r="520172" spans="14:14">
      <c r="N520172" s="10"/>
    </row>
    <row r="520173" spans="14:14">
      <c r="N520173" s="10"/>
    </row>
    <row r="520174" spans="14:14">
      <c r="N520174" s="10"/>
    </row>
    <row r="520175" spans="14:14">
      <c r="N520175" s="10"/>
    </row>
    <row r="520176" spans="14:14">
      <c r="N520176" s="10"/>
    </row>
    <row r="520177" spans="14:14">
      <c r="N520177" s="10"/>
    </row>
    <row r="520178" spans="14:14">
      <c r="N520178" s="10"/>
    </row>
    <row r="520179" spans="14:14">
      <c r="N520179" s="10"/>
    </row>
    <row r="520180" spans="14:14">
      <c r="N520180" s="10"/>
    </row>
    <row r="520181" spans="14:14">
      <c r="N520181" s="10"/>
    </row>
    <row r="520182" spans="14:14">
      <c r="N520182" s="10"/>
    </row>
    <row r="520183" spans="14:14">
      <c r="N520183" s="10"/>
    </row>
    <row r="520184" spans="14:14">
      <c r="N520184" s="10"/>
    </row>
    <row r="520185" spans="14:14">
      <c r="N520185" s="10"/>
    </row>
    <row r="520186" spans="14:14">
      <c r="N520186" s="10"/>
    </row>
    <row r="520187" spans="14:14">
      <c r="N520187" s="10"/>
    </row>
    <row r="520188" spans="14:14">
      <c r="N520188" s="10"/>
    </row>
    <row r="520189" spans="14:14">
      <c r="N520189" s="10"/>
    </row>
    <row r="520190" spans="14:14">
      <c r="N520190" s="10"/>
    </row>
    <row r="520191" spans="14:14">
      <c r="N520191" s="10"/>
    </row>
    <row r="520192" spans="14:14">
      <c r="N520192" s="10"/>
    </row>
    <row r="520193" spans="14:14">
      <c r="N520193" s="10"/>
    </row>
    <row r="520194" spans="14:14">
      <c r="N520194" s="10"/>
    </row>
    <row r="520195" spans="14:14">
      <c r="N520195" s="10"/>
    </row>
    <row r="520196" spans="14:14">
      <c r="N520196" s="10"/>
    </row>
    <row r="520197" spans="14:14">
      <c r="N520197" s="10"/>
    </row>
    <row r="520198" spans="14:14">
      <c r="N520198" s="10"/>
    </row>
    <row r="520199" spans="14:14">
      <c r="N520199" s="10"/>
    </row>
    <row r="520200" spans="14:14">
      <c r="N520200" s="10"/>
    </row>
    <row r="520201" spans="14:14">
      <c r="N520201" s="10"/>
    </row>
    <row r="520202" spans="14:14">
      <c r="N520202" s="10"/>
    </row>
    <row r="520203" spans="14:14">
      <c r="N520203" s="10"/>
    </row>
    <row r="520204" spans="14:14">
      <c r="N520204" s="10"/>
    </row>
    <row r="520205" spans="14:14">
      <c r="N520205" s="10"/>
    </row>
    <row r="520206" spans="14:14">
      <c r="N520206" s="10"/>
    </row>
    <row r="520207" spans="14:14">
      <c r="N520207" s="10"/>
    </row>
    <row r="520208" spans="14:14">
      <c r="N520208" s="10"/>
    </row>
    <row r="520209" spans="14:14">
      <c r="N520209" s="10"/>
    </row>
    <row r="520210" spans="14:14">
      <c r="N520210" s="10"/>
    </row>
    <row r="520211" spans="14:14">
      <c r="N520211" s="10"/>
    </row>
    <row r="520212" spans="14:14">
      <c r="N520212" s="10"/>
    </row>
    <row r="520213" spans="14:14">
      <c r="N520213" s="10"/>
    </row>
    <row r="520214" spans="14:14">
      <c r="N520214" s="10"/>
    </row>
    <row r="520215" spans="14:14">
      <c r="N520215" s="10"/>
    </row>
    <row r="520216" spans="14:14">
      <c r="N520216" s="10"/>
    </row>
    <row r="520217" spans="14:14">
      <c r="N520217" s="10"/>
    </row>
    <row r="520218" spans="14:14">
      <c r="N520218" s="10"/>
    </row>
    <row r="520219" spans="14:14">
      <c r="N520219" s="10"/>
    </row>
    <row r="520220" spans="14:14">
      <c r="N520220" s="10"/>
    </row>
    <row r="520221" spans="14:14">
      <c r="N520221" s="10"/>
    </row>
    <row r="520222" spans="14:14">
      <c r="N520222" s="10"/>
    </row>
    <row r="520223" spans="14:14">
      <c r="N520223" s="10"/>
    </row>
    <row r="520224" spans="14:14">
      <c r="N520224" s="10"/>
    </row>
    <row r="520225" spans="14:14">
      <c r="N520225" s="10"/>
    </row>
    <row r="520226" spans="14:14">
      <c r="N520226" s="10"/>
    </row>
    <row r="520227" spans="14:14">
      <c r="N520227" s="10"/>
    </row>
    <row r="520228" spans="14:14">
      <c r="N520228" s="10"/>
    </row>
    <row r="520229" spans="14:14">
      <c r="N520229" s="10"/>
    </row>
    <row r="520230" spans="14:14">
      <c r="N520230" s="10"/>
    </row>
    <row r="520231" spans="14:14">
      <c r="N520231" s="10"/>
    </row>
    <row r="520232" spans="14:14">
      <c r="N520232" s="10"/>
    </row>
    <row r="520233" spans="14:14">
      <c r="N520233" s="10"/>
    </row>
    <row r="520234" spans="14:14">
      <c r="N520234" s="10"/>
    </row>
    <row r="520235" spans="14:14">
      <c r="N520235" s="10"/>
    </row>
    <row r="520236" spans="14:14">
      <c r="N520236" s="10"/>
    </row>
    <row r="520237" spans="14:14">
      <c r="N520237" s="10"/>
    </row>
    <row r="520238" spans="14:14">
      <c r="N520238" s="10"/>
    </row>
    <row r="520239" spans="14:14">
      <c r="N520239" s="10"/>
    </row>
    <row r="520240" spans="14:14">
      <c r="N520240" s="10"/>
    </row>
    <row r="520241" spans="14:14">
      <c r="N520241" s="10"/>
    </row>
    <row r="520242" spans="14:14">
      <c r="N520242" s="10"/>
    </row>
    <row r="520243" spans="14:14">
      <c r="N520243" s="10"/>
    </row>
    <row r="520244" spans="14:14">
      <c r="N520244" s="10"/>
    </row>
    <row r="520245" spans="14:14">
      <c r="N520245" s="10"/>
    </row>
    <row r="520246" spans="14:14">
      <c r="N520246" s="10"/>
    </row>
    <row r="520247" spans="14:14">
      <c r="N520247" s="10"/>
    </row>
    <row r="520248" spans="14:14">
      <c r="N520248" s="10"/>
    </row>
    <row r="520249" spans="14:14">
      <c r="N520249" s="10"/>
    </row>
    <row r="520250" spans="14:14">
      <c r="N520250" s="10"/>
    </row>
    <row r="520251" spans="14:14">
      <c r="N520251" s="10"/>
    </row>
    <row r="520252" spans="14:14">
      <c r="N520252" s="10"/>
    </row>
    <row r="520253" spans="14:14">
      <c r="N520253" s="10"/>
    </row>
    <row r="520254" spans="14:14">
      <c r="N520254" s="10"/>
    </row>
    <row r="520255" spans="14:14">
      <c r="N520255" s="10"/>
    </row>
    <row r="520256" spans="14:14">
      <c r="N520256" s="10"/>
    </row>
    <row r="520257" spans="14:14">
      <c r="N520257" s="10"/>
    </row>
    <row r="520258" spans="14:14">
      <c r="N520258" s="10"/>
    </row>
    <row r="520259" spans="14:14">
      <c r="N520259" s="10"/>
    </row>
    <row r="520260" spans="14:14">
      <c r="N520260" s="10"/>
    </row>
    <row r="520261" spans="14:14">
      <c r="N520261" s="10"/>
    </row>
    <row r="520262" spans="14:14">
      <c r="N520262" s="10"/>
    </row>
    <row r="520263" spans="14:14">
      <c r="N520263" s="10"/>
    </row>
    <row r="520264" spans="14:14">
      <c r="N520264" s="10"/>
    </row>
    <row r="520265" spans="14:14">
      <c r="N520265" s="10"/>
    </row>
    <row r="520266" spans="14:14">
      <c r="N520266" s="10"/>
    </row>
    <row r="520267" spans="14:14">
      <c r="N520267" s="10"/>
    </row>
    <row r="520268" spans="14:14">
      <c r="N520268" s="10"/>
    </row>
    <row r="520269" spans="14:14">
      <c r="N520269" s="10"/>
    </row>
    <row r="520270" spans="14:14">
      <c r="N520270" s="10"/>
    </row>
    <row r="520271" spans="14:14">
      <c r="N520271" s="10"/>
    </row>
    <row r="520272" spans="14:14">
      <c r="N520272" s="10"/>
    </row>
    <row r="520273" spans="14:14">
      <c r="N520273" s="10"/>
    </row>
    <row r="520274" spans="14:14">
      <c r="N520274" s="10"/>
    </row>
    <row r="520275" spans="14:14">
      <c r="N520275" s="10"/>
    </row>
    <row r="520276" spans="14:14">
      <c r="N520276" s="10"/>
    </row>
    <row r="520277" spans="14:14">
      <c r="N520277" s="10"/>
    </row>
    <row r="520278" spans="14:14">
      <c r="N520278" s="10"/>
    </row>
    <row r="520279" spans="14:14">
      <c r="N520279" s="10"/>
    </row>
    <row r="520280" spans="14:14">
      <c r="N520280" s="10"/>
    </row>
    <row r="520281" spans="14:14">
      <c r="N520281" s="10"/>
    </row>
    <row r="520282" spans="14:14">
      <c r="N520282" s="10"/>
    </row>
    <row r="520283" spans="14:14">
      <c r="N520283" s="10"/>
    </row>
    <row r="520284" spans="14:14">
      <c r="N520284" s="10"/>
    </row>
    <row r="520285" spans="14:14">
      <c r="N520285" s="10"/>
    </row>
    <row r="520286" spans="14:14">
      <c r="N520286" s="10"/>
    </row>
    <row r="520287" spans="14:14">
      <c r="N520287" s="10"/>
    </row>
    <row r="520288" spans="14:14">
      <c r="N520288" s="10"/>
    </row>
    <row r="520289" spans="14:14">
      <c r="N520289" s="10"/>
    </row>
    <row r="520290" spans="14:14">
      <c r="N520290" s="10"/>
    </row>
    <row r="520291" spans="14:14">
      <c r="N520291" s="10"/>
    </row>
    <row r="520292" spans="14:14">
      <c r="N520292" s="10"/>
    </row>
    <row r="520293" spans="14:14">
      <c r="N520293" s="10"/>
    </row>
    <row r="520294" spans="14:14">
      <c r="N520294" s="10"/>
    </row>
    <row r="520295" spans="14:14">
      <c r="N520295" s="10"/>
    </row>
    <row r="520296" spans="14:14">
      <c r="N520296" s="10"/>
    </row>
    <row r="520297" spans="14:14">
      <c r="N520297" s="10"/>
    </row>
    <row r="520298" spans="14:14">
      <c r="N520298" s="10"/>
    </row>
    <row r="520299" spans="14:14">
      <c r="N520299" s="10"/>
    </row>
    <row r="520300" spans="14:14">
      <c r="N520300" s="10"/>
    </row>
    <row r="520301" spans="14:14">
      <c r="N520301" s="10"/>
    </row>
    <row r="520302" spans="14:14">
      <c r="N520302" s="10"/>
    </row>
    <row r="520303" spans="14:14">
      <c r="N520303" s="10"/>
    </row>
    <row r="520304" spans="14:14">
      <c r="N520304" s="10"/>
    </row>
    <row r="520305" spans="14:14">
      <c r="N520305" s="10"/>
    </row>
    <row r="520306" spans="14:14">
      <c r="N520306" s="10"/>
    </row>
    <row r="520307" spans="14:14">
      <c r="N520307" s="10"/>
    </row>
    <row r="520308" spans="14:14">
      <c r="N520308" s="10"/>
    </row>
    <row r="520309" spans="14:14">
      <c r="N520309" s="10"/>
    </row>
    <row r="520310" spans="14:14">
      <c r="N520310" s="10"/>
    </row>
    <row r="520311" spans="14:14">
      <c r="N520311" s="10"/>
    </row>
    <row r="520312" spans="14:14">
      <c r="N520312" s="10"/>
    </row>
    <row r="520313" spans="14:14">
      <c r="N520313" s="10"/>
    </row>
    <row r="520314" spans="14:14">
      <c r="N520314" s="10"/>
    </row>
    <row r="520315" spans="14:14">
      <c r="N520315" s="10"/>
    </row>
    <row r="520316" spans="14:14">
      <c r="N520316" s="10"/>
    </row>
    <row r="520317" spans="14:14">
      <c r="N520317" s="10"/>
    </row>
    <row r="520318" spans="14:14">
      <c r="N520318" s="10"/>
    </row>
    <row r="520319" spans="14:14">
      <c r="N520319" s="10"/>
    </row>
    <row r="520320" spans="14:14">
      <c r="N520320" s="10"/>
    </row>
    <row r="520321" spans="14:14">
      <c r="N520321" s="10"/>
    </row>
    <row r="520322" spans="14:14">
      <c r="N520322" s="10"/>
    </row>
    <row r="520323" spans="14:14">
      <c r="N520323" s="10"/>
    </row>
    <row r="520324" spans="14:14">
      <c r="N520324" s="10"/>
    </row>
    <row r="520325" spans="14:14">
      <c r="N520325" s="10"/>
    </row>
    <row r="520326" spans="14:14">
      <c r="N520326" s="10"/>
    </row>
    <row r="520327" spans="14:14">
      <c r="N520327" s="10"/>
    </row>
    <row r="520328" spans="14:14">
      <c r="N520328" s="10"/>
    </row>
    <row r="520329" spans="14:14">
      <c r="N520329" s="10"/>
    </row>
    <row r="520330" spans="14:14">
      <c r="N520330" s="10"/>
    </row>
    <row r="520331" spans="14:14">
      <c r="N520331" s="10"/>
    </row>
    <row r="520332" spans="14:14">
      <c r="N520332" s="10"/>
    </row>
    <row r="520333" spans="14:14">
      <c r="N520333" s="10"/>
    </row>
    <row r="520334" spans="14:14">
      <c r="N520334" s="10"/>
    </row>
    <row r="520335" spans="14:14">
      <c r="N520335" s="10"/>
    </row>
    <row r="520336" spans="14:14">
      <c r="N520336" s="10"/>
    </row>
    <row r="520337" spans="14:14">
      <c r="N520337" s="10"/>
    </row>
    <row r="520338" spans="14:14">
      <c r="N520338" s="10"/>
    </row>
    <row r="520339" spans="14:14">
      <c r="N520339" s="10"/>
    </row>
    <row r="520340" spans="14:14">
      <c r="N520340" s="10"/>
    </row>
    <row r="520341" spans="14:14">
      <c r="N520341" s="10"/>
    </row>
    <row r="520342" spans="14:14">
      <c r="N520342" s="10"/>
    </row>
    <row r="520343" spans="14:14">
      <c r="N520343" s="10"/>
    </row>
    <row r="520344" spans="14:14">
      <c r="N520344" s="10"/>
    </row>
    <row r="520345" spans="14:14">
      <c r="N520345" s="10"/>
    </row>
    <row r="520346" spans="14:14">
      <c r="N520346" s="10"/>
    </row>
    <row r="520347" spans="14:14">
      <c r="N520347" s="10"/>
    </row>
    <row r="520348" spans="14:14">
      <c r="N520348" s="10"/>
    </row>
    <row r="520349" spans="14:14">
      <c r="N520349" s="10"/>
    </row>
    <row r="520350" spans="14:14">
      <c r="N520350" s="10"/>
    </row>
    <row r="520351" spans="14:14">
      <c r="N520351" s="10"/>
    </row>
    <row r="520352" spans="14:14">
      <c r="N520352" s="10"/>
    </row>
    <row r="520353" spans="14:14">
      <c r="N520353" s="10"/>
    </row>
    <row r="520354" spans="14:14">
      <c r="N520354" s="10"/>
    </row>
    <row r="520355" spans="14:14">
      <c r="N520355" s="10"/>
    </row>
    <row r="520356" spans="14:14">
      <c r="N520356" s="10"/>
    </row>
    <row r="520357" spans="14:14">
      <c r="N520357" s="10"/>
    </row>
    <row r="520358" spans="14:14">
      <c r="N520358" s="10"/>
    </row>
    <row r="520359" spans="14:14">
      <c r="N520359" s="10"/>
    </row>
    <row r="520360" spans="14:14">
      <c r="N520360" s="10"/>
    </row>
    <row r="520361" spans="14:14">
      <c r="N520361" s="10"/>
    </row>
    <row r="520362" spans="14:14">
      <c r="N520362" s="10"/>
    </row>
    <row r="520363" spans="14:14">
      <c r="N520363" s="10"/>
    </row>
    <row r="520364" spans="14:14">
      <c r="N520364" s="10"/>
    </row>
    <row r="520365" spans="14:14">
      <c r="N520365" s="10"/>
    </row>
    <row r="520366" spans="14:14">
      <c r="N520366" s="10"/>
    </row>
    <row r="520367" spans="14:14">
      <c r="N520367" s="10"/>
    </row>
    <row r="520368" spans="14:14">
      <c r="N520368" s="10"/>
    </row>
    <row r="520369" spans="14:14">
      <c r="N520369" s="10"/>
    </row>
    <row r="520370" spans="14:14">
      <c r="N520370" s="10"/>
    </row>
    <row r="520371" spans="14:14">
      <c r="N520371" s="10"/>
    </row>
    <row r="520372" spans="14:14">
      <c r="N520372" s="10"/>
    </row>
    <row r="520373" spans="14:14">
      <c r="N520373" s="10"/>
    </row>
    <row r="520374" spans="14:14">
      <c r="N520374" s="10"/>
    </row>
    <row r="520375" spans="14:14">
      <c r="N520375" s="10"/>
    </row>
    <row r="520376" spans="14:14">
      <c r="N520376" s="10"/>
    </row>
    <row r="520377" spans="14:14">
      <c r="N520377" s="10"/>
    </row>
    <row r="520378" spans="14:14">
      <c r="N520378" s="10"/>
    </row>
    <row r="520379" spans="14:14">
      <c r="N520379" s="10"/>
    </row>
    <row r="520380" spans="14:14">
      <c r="N520380" s="10"/>
    </row>
    <row r="520381" spans="14:14">
      <c r="N520381" s="10"/>
    </row>
    <row r="520382" spans="14:14">
      <c r="N520382" s="10"/>
    </row>
    <row r="520383" spans="14:14">
      <c r="N520383" s="10"/>
    </row>
    <row r="520384" spans="14:14">
      <c r="N520384" s="10"/>
    </row>
    <row r="520385" spans="14:14">
      <c r="N520385" s="10"/>
    </row>
    <row r="520386" spans="14:14">
      <c r="N520386" s="10"/>
    </row>
    <row r="520387" spans="14:14">
      <c r="N520387" s="10"/>
    </row>
    <row r="520388" spans="14:14">
      <c r="N520388" s="10"/>
    </row>
    <row r="520389" spans="14:14">
      <c r="N520389" s="10"/>
    </row>
    <row r="520390" spans="14:14">
      <c r="N520390" s="10"/>
    </row>
    <row r="520391" spans="14:14">
      <c r="N520391" s="10"/>
    </row>
    <row r="520392" spans="14:14">
      <c r="N520392" s="10"/>
    </row>
    <row r="520393" spans="14:14">
      <c r="N520393" s="10"/>
    </row>
    <row r="520394" spans="14:14">
      <c r="N520394" s="10"/>
    </row>
    <row r="520395" spans="14:14">
      <c r="N520395" s="10"/>
    </row>
    <row r="520396" spans="14:14">
      <c r="N520396" s="10"/>
    </row>
    <row r="520397" spans="14:14">
      <c r="N520397" s="10"/>
    </row>
    <row r="520398" spans="14:14">
      <c r="N520398" s="10"/>
    </row>
    <row r="520399" spans="14:14">
      <c r="N520399" s="10"/>
    </row>
    <row r="520400" spans="14:14">
      <c r="N520400" s="10"/>
    </row>
    <row r="520401" spans="14:14">
      <c r="N520401" s="10"/>
    </row>
    <row r="520402" spans="14:14">
      <c r="N520402" s="10"/>
    </row>
    <row r="520403" spans="14:14">
      <c r="N520403" s="10"/>
    </row>
    <row r="520404" spans="14:14">
      <c r="N520404" s="10"/>
    </row>
    <row r="520405" spans="14:14">
      <c r="N520405" s="10"/>
    </row>
    <row r="520406" spans="14:14">
      <c r="N520406" s="10"/>
    </row>
    <row r="520407" spans="14:14">
      <c r="N520407" s="10"/>
    </row>
    <row r="520408" spans="14:14">
      <c r="N520408" s="10"/>
    </row>
    <row r="520409" spans="14:14">
      <c r="N520409" s="10"/>
    </row>
    <row r="520410" spans="14:14">
      <c r="N520410" s="10"/>
    </row>
    <row r="520411" spans="14:14">
      <c r="N520411" s="10"/>
    </row>
    <row r="520412" spans="14:14">
      <c r="N520412" s="10"/>
    </row>
    <row r="520413" spans="14:14">
      <c r="N520413" s="10"/>
    </row>
    <row r="520414" spans="14:14">
      <c r="N520414" s="10"/>
    </row>
    <row r="520415" spans="14:14">
      <c r="N520415" s="10"/>
    </row>
    <row r="520416" spans="14:14">
      <c r="N520416" s="10"/>
    </row>
    <row r="520417" spans="14:14">
      <c r="N520417" s="10"/>
    </row>
    <row r="520418" spans="14:14">
      <c r="N520418" s="10"/>
    </row>
    <row r="520419" spans="14:14">
      <c r="N520419" s="10"/>
    </row>
    <row r="520420" spans="14:14">
      <c r="N520420" s="10"/>
    </row>
    <row r="520421" spans="14:14">
      <c r="N520421" s="10"/>
    </row>
    <row r="520422" spans="14:14">
      <c r="N520422" s="10"/>
    </row>
    <row r="520423" spans="14:14">
      <c r="N520423" s="10"/>
    </row>
    <row r="520424" spans="14:14">
      <c r="N520424" s="10"/>
    </row>
    <row r="520425" spans="14:14">
      <c r="N520425" s="10"/>
    </row>
    <row r="520426" spans="14:14">
      <c r="N520426" s="10"/>
    </row>
    <row r="520427" spans="14:14">
      <c r="N520427" s="10"/>
    </row>
    <row r="520428" spans="14:14">
      <c r="N520428" s="10"/>
    </row>
    <row r="520429" spans="14:14">
      <c r="N520429" s="10"/>
    </row>
    <row r="520430" spans="14:14">
      <c r="N520430" s="10"/>
    </row>
    <row r="520431" spans="14:14">
      <c r="N520431" s="10"/>
    </row>
    <row r="520432" spans="14:14">
      <c r="N520432" s="10"/>
    </row>
    <row r="520433" spans="14:14">
      <c r="N520433" s="10"/>
    </row>
    <row r="520434" spans="14:14">
      <c r="N520434" s="10"/>
    </row>
    <row r="520435" spans="14:14">
      <c r="N520435" s="10"/>
    </row>
    <row r="520436" spans="14:14">
      <c r="N520436" s="10"/>
    </row>
    <row r="520437" spans="14:14">
      <c r="N520437" s="10"/>
    </row>
    <row r="520438" spans="14:14">
      <c r="N520438" s="10"/>
    </row>
    <row r="520439" spans="14:14">
      <c r="N520439" s="10"/>
    </row>
    <row r="520440" spans="14:14">
      <c r="N520440" s="10"/>
    </row>
    <row r="520441" spans="14:14">
      <c r="N520441" s="10"/>
    </row>
    <row r="520442" spans="14:14">
      <c r="N520442" s="10"/>
    </row>
    <row r="520443" spans="14:14">
      <c r="N520443" s="10"/>
    </row>
    <row r="520444" spans="14:14">
      <c r="N520444" s="10"/>
    </row>
    <row r="520445" spans="14:14">
      <c r="N520445" s="10"/>
    </row>
    <row r="520446" spans="14:14">
      <c r="N520446" s="10"/>
    </row>
    <row r="520447" spans="14:14">
      <c r="N520447" s="10"/>
    </row>
    <row r="520448" spans="14:14">
      <c r="N520448" s="10"/>
    </row>
    <row r="520449" spans="14:14">
      <c r="N520449" s="10"/>
    </row>
    <row r="520450" spans="14:14">
      <c r="N520450" s="10"/>
    </row>
    <row r="520451" spans="14:14">
      <c r="N520451" s="10"/>
    </row>
    <row r="520452" spans="14:14">
      <c r="N520452" s="10"/>
    </row>
    <row r="520453" spans="14:14">
      <c r="N520453" s="10"/>
    </row>
    <row r="520454" spans="14:14">
      <c r="N520454" s="10"/>
    </row>
    <row r="520455" spans="14:14">
      <c r="N520455" s="10"/>
    </row>
    <row r="520456" spans="14:14">
      <c r="N520456" s="10"/>
    </row>
    <row r="520457" spans="14:14">
      <c r="N520457" s="10"/>
    </row>
    <row r="520458" spans="14:14">
      <c r="N520458" s="10"/>
    </row>
    <row r="520459" spans="14:14">
      <c r="N520459" s="10"/>
    </row>
    <row r="520460" spans="14:14">
      <c r="N520460" s="10"/>
    </row>
    <row r="520461" spans="14:14">
      <c r="N520461" s="10"/>
    </row>
    <row r="520462" spans="14:14">
      <c r="N520462" s="10"/>
    </row>
    <row r="520463" spans="14:14">
      <c r="N520463" s="10"/>
    </row>
    <row r="520464" spans="14:14">
      <c r="N520464" s="10"/>
    </row>
    <row r="520465" spans="14:14">
      <c r="N520465" s="10"/>
    </row>
    <row r="520466" spans="14:14">
      <c r="N520466" s="10"/>
    </row>
    <row r="520467" spans="14:14">
      <c r="N520467" s="10"/>
    </row>
    <row r="520468" spans="14:14">
      <c r="N520468" s="10"/>
    </row>
    <row r="520469" spans="14:14">
      <c r="N520469" s="10"/>
    </row>
    <row r="520470" spans="14:14">
      <c r="N520470" s="10"/>
    </row>
    <row r="520471" spans="14:14">
      <c r="N520471" s="10"/>
    </row>
    <row r="520472" spans="14:14">
      <c r="N520472" s="10"/>
    </row>
    <row r="520473" spans="14:14">
      <c r="N520473" s="10"/>
    </row>
    <row r="520474" spans="14:14">
      <c r="N520474" s="10"/>
    </row>
    <row r="520475" spans="14:14">
      <c r="N520475" s="10"/>
    </row>
    <row r="520476" spans="14:14">
      <c r="N520476" s="10"/>
    </row>
    <row r="520477" spans="14:14">
      <c r="N520477" s="10"/>
    </row>
    <row r="520478" spans="14:14">
      <c r="N520478" s="10"/>
    </row>
    <row r="520479" spans="14:14">
      <c r="N520479" s="10"/>
    </row>
    <row r="520480" spans="14:14">
      <c r="N520480" s="10"/>
    </row>
    <row r="520481" spans="14:14">
      <c r="N520481" s="10"/>
    </row>
    <row r="520482" spans="14:14">
      <c r="N520482" s="10"/>
    </row>
    <row r="520483" spans="14:14">
      <c r="N520483" s="10"/>
    </row>
    <row r="520484" spans="14:14">
      <c r="N520484" s="10"/>
    </row>
    <row r="520485" spans="14:14">
      <c r="N520485" s="10"/>
    </row>
    <row r="520486" spans="14:14">
      <c r="N520486" s="10"/>
    </row>
    <row r="520487" spans="14:14">
      <c r="N520487" s="10"/>
    </row>
    <row r="520488" spans="14:14">
      <c r="N520488" s="10"/>
    </row>
    <row r="520489" spans="14:14">
      <c r="N520489" s="10"/>
    </row>
    <row r="520490" spans="14:14">
      <c r="N520490" s="10"/>
    </row>
    <row r="520491" spans="14:14">
      <c r="N520491" s="10"/>
    </row>
    <row r="520492" spans="14:14">
      <c r="N520492" s="10"/>
    </row>
    <row r="520493" spans="14:14">
      <c r="N520493" s="10"/>
    </row>
    <row r="520494" spans="14:14">
      <c r="N520494" s="10"/>
    </row>
    <row r="520495" spans="14:14">
      <c r="N520495" s="10"/>
    </row>
    <row r="520496" spans="14:14">
      <c r="N520496" s="10"/>
    </row>
    <row r="520497" spans="14:14">
      <c r="N520497" s="10"/>
    </row>
    <row r="520498" spans="14:14">
      <c r="N520498" s="10"/>
    </row>
    <row r="520499" spans="14:14">
      <c r="N520499" s="10"/>
    </row>
    <row r="520500" spans="14:14">
      <c r="N520500" s="10"/>
    </row>
    <row r="520501" spans="14:14">
      <c r="N520501" s="10"/>
    </row>
    <row r="520502" spans="14:14">
      <c r="N520502" s="10"/>
    </row>
    <row r="520503" spans="14:14">
      <c r="N520503" s="10"/>
    </row>
    <row r="520504" spans="14:14">
      <c r="N520504" s="10"/>
    </row>
    <row r="520505" spans="14:14">
      <c r="N520505" s="10"/>
    </row>
    <row r="520506" spans="14:14">
      <c r="N520506" s="10"/>
    </row>
    <row r="520507" spans="14:14">
      <c r="N520507" s="10"/>
    </row>
    <row r="520508" spans="14:14">
      <c r="N520508" s="10"/>
    </row>
    <row r="520509" spans="14:14">
      <c r="N520509" s="10"/>
    </row>
    <row r="520510" spans="14:14">
      <c r="N520510" s="10"/>
    </row>
    <row r="520511" spans="14:14">
      <c r="N520511" s="10"/>
    </row>
    <row r="520512" spans="14:14">
      <c r="N520512" s="10"/>
    </row>
    <row r="520513" spans="14:14">
      <c r="N520513" s="10"/>
    </row>
    <row r="520514" spans="14:14">
      <c r="N520514" s="10"/>
    </row>
    <row r="520515" spans="14:14">
      <c r="N520515" s="10"/>
    </row>
    <row r="520516" spans="14:14">
      <c r="N520516" s="10"/>
    </row>
    <row r="520517" spans="14:14">
      <c r="N520517" s="10"/>
    </row>
    <row r="520518" spans="14:14">
      <c r="N520518" s="10"/>
    </row>
    <row r="520519" spans="14:14">
      <c r="N520519" s="10"/>
    </row>
    <row r="520520" spans="14:14">
      <c r="N520520" s="10"/>
    </row>
    <row r="520521" spans="14:14">
      <c r="N520521" s="10"/>
    </row>
    <row r="520522" spans="14:14">
      <c r="N520522" s="10"/>
    </row>
    <row r="520523" spans="14:14">
      <c r="N520523" s="10"/>
    </row>
    <row r="520524" spans="14:14">
      <c r="N520524" s="10"/>
    </row>
    <row r="520525" spans="14:14">
      <c r="N520525" s="10"/>
    </row>
    <row r="520526" spans="14:14">
      <c r="N520526" s="10"/>
    </row>
    <row r="520527" spans="14:14">
      <c r="N520527" s="10"/>
    </row>
    <row r="520528" spans="14:14">
      <c r="N520528" s="10"/>
    </row>
    <row r="520529" spans="14:14">
      <c r="N520529" s="10"/>
    </row>
    <row r="520530" spans="14:14">
      <c r="N520530" s="10"/>
    </row>
    <row r="520531" spans="14:14">
      <c r="N520531" s="10"/>
    </row>
    <row r="520532" spans="14:14">
      <c r="N520532" s="10"/>
    </row>
    <row r="520533" spans="14:14">
      <c r="N520533" s="10"/>
    </row>
    <row r="520534" spans="14:14">
      <c r="N520534" s="10"/>
    </row>
    <row r="520535" spans="14:14">
      <c r="N520535" s="10"/>
    </row>
    <row r="520536" spans="14:14">
      <c r="N520536" s="10"/>
    </row>
    <row r="520537" spans="14:14">
      <c r="N520537" s="10"/>
    </row>
    <row r="520538" spans="14:14">
      <c r="N520538" s="10"/>
    </row>
    <row r="520539" spans="14:14">
      <c r="N520539" s="10"/>
    </row>
    <row r="520540" spans="14:14">
      <c r="N520540" s="10"/>
    </row>
    <row r="520541" spans="14:14">
      <c r="N520541" s="10"/>
    </row>
    <row r="520542" spans="14:14">
      <c r="N520542" s="10"/>
    </row>
    <row r="520543" spans="14:14">
      <c r="N520543" s="10"/>
    </row>
    <row r="520544" spans="14:14">
      <c r="N520544" s="10"/>
    </row>
    <row r="520545" spans="14:14">
      <c r="N520545" s="10"/>
    </row>
    <row r="520546" spans="14:14">
      <c r="N520546" s="10"/>
    </row>
    <row r="520547" spans="14:14">
      <c r="N520547" s="10"/>
    </row>
    <row r="520548" spans="14:14">
      <c r="N520548" s="10"/>
    </row>
    <row r="520549" spans="14:14">
      <c r="N520549" s="10"/>
    </row>
    <row r="520550" spans="14:14">
      <c r="N520550" s="10"/>
    </row>
    <row r="520551" spans="14:14">
      <c r="N520551" s="10"/>
    </row>
    <row r="520552" spans="14:14">
      <c r="N520552" s="10"/>
    </row>
    <row r="520553" spans="14:14">
      <c r="N520553" s="10"/>
    </row>
    <row r="520554" spans="14:14">
      <c r="N520554" s="10"/>
    </row>
    <row r="520555" spans="14:14">
      <c r="N520555" s="10"/>
    </row>
    <row r="520556" spans="14:14">
      <c r="N520556" s="10"/>
    </row>
    <row r="520557" spans="14:14">
      <c r="N520557" s="10"/>
    </row>
    <row r="520558" spans="14:14">
      <c r="N520558" s="10"/>
    </row>
    <row r="520559" spans="14:14">
      <c r="N520559" s="10"/>
    </row>
    <row r="520560" spans="14:14">
      <c r="N520560" s="10"/>
    </row>
    <row r="520561" spans="14:14">
      <c r="N520561" s="10"/>
    </row>
    <row r="520562" spans="14:14">
      <c r="N520562" s="10"/>
    </row>
    <row r="520563" spans="14:14">
      <c r="N520563" s="10"/>
    </row>
    <row r="520564" spans="14:14">
      <c r="N520564" s="10"/>
    </row>
    <row r="520565" spans="14:14">
      <c r="N520565" s="10"/>
    </row>
    <row r="520566" spans="14:14">
      <c r="N520566" s="10"/>
    </row>
    <row r="520567" spans="14:14">
      <c r="N520567" s="10"/>
    </row>
    <row r="520568" spans="14:14">
      <c r="N520568" s="10"/>
    </row>
    <row r="520569" spans="14:14">
      <c r="N520569" s="10"/>
    </row>
    <row r="520570" spans="14:14">
      <c r="N520570" s="10"/>
    </row>
    <row r="520571" spans="14:14">
      <c r="N520571" s="10"/>
    </row>
    <row r="520572" spans="14:14">
      <c r="N520572" s="10"/>
    </row>
    <row r="520573" spans="14:14">
      <c r="N520573" s="10"/>
    </row>
    <row r="520574" spans="14:14">
      <c r="N520574" s="10"/>
    </row>
    <row r="520575" spans="14:14">
      <c r="N520575" s="10"/>
    </row>
    <row r="520576" spans="14:14">
      <c r="N520576" s="10"/>
    </row>
    <row r="520577" spans="14:14">
      <c r="N520577" s="10"/>
    </row>
    <row r="520578" spans="14:14">
      <c r="N520578" s="10"/>
    </row>
    <row r="520579" spans="14:14">
      <c r="N520579" s="10"/>
    </row>
    <row r="520580" spans="14:14">
      <c r="N520580" s="10"/>
    </row>
    <row r="520581" spans="14:14">
      <c r="N520581" s="10"/>
    </row>
    <row r="520582" spans="14:14">
      <c r="N520582" s="10"/>
    </row>
    <row r="520583" spans="14:14">
      <c r="N520583" s="10"/>
    </row>
    <row r="520584" spans="14:14">
      <c r="N520584" s="10"/>
    </row>
    <row r="520585" spans="14:14">
      <c r="N520585" s="10"/>
    </row>
    <row r="520586" spans="14:14">
      <c r="N520586" s="10"/>
    </row>
    <row r="520587" spans="14:14">
      <c r="N520587" s="10"/>
    </row>
    <row r="520588" spans="14:14">
      <c r="N520588" s="10"/>
    </row>
    <row r="520589" spans="14:14">
      <c r="N520589" s="10"/>
    </row>
    <row r="520590" spans="14:14">
      <c r="N520590" s="10"/>
    </row>
    <row r="520591" spans="14:14">
      <c r="N520591" s="10"/>
    </row>
    <row r="520592" spans="14:14">
      <c r="N520592" s="10"/>
    </row>
    <row r="520593" spans="14:14">
      <c r="N520593" s="10"/>
    </row>
    <row r="520594" spans="14:14">
      <c r="N520594" s="10"/>
    </row>
    <row r="520595" spans="14:14">
      <c r="N520595" s="10"/>
    </row>
    <row r="520596" spans="14:14">
      <c r="N520596" s="10"/>
    </row>
    <row r="520597" spans="14:14">
      <c r="N520597" s="10"/>
    </row>
    <row r="520598" spans="14:14">
      <c r="N520598" s="10"/>
    </row>
    <row r="520599" spans="14:14">
      <c r="N520599" s="10"/>
    </row>
    <row r="520600" spans="14:14">
      <c r="N520600" s="10"/>
    </row>
    <row r="520601" spans="14:14">
      <c r="N520601" s="10"/>
    </row>
    <row r="520602" spans="14:14">
      <c r="N520602" s="10"/>
    </row>
    <row r="520603" spans="14:14">
      <c r="N520603" s="10"/>
    </row>
    <row r="520604" spans="14:14">
      <c r="N520604" s="10"/>
    </row>
    <row r="520605" spans="14:14">
      <c r="N520605" s="10"/>
    </row>
    <row r="520606" spans="14:14">
      <c r="N520606" s="10"/>
    </row>
    <row r="520607" spans="14:14">
      <c r="N520607" s="10"/>
    </row>
    <row r="520608" spans="14:14">
      <c r="N520608" s="10"/>
    </row>
    <row r="520609" spans="14:14">
      <c r="N520609" s="10"/>
    </row>
    <row r="520610" spans="14:14">
      <c r="N520610" s="10"/>
    </row>
    <row r="520611" spans="14:14">
      <c r="N520611" s="10"/>
    </row>
    <row r="520612" spans="14:14">
      <c r="N520612" s="10"/>
    </row>
    <row r="520613" spans="14:14">
      <c r="N520613" s="10"/>
    </row>
    <row r="520614" spans="14:14">
      <c r="N520614" s="10"/>
    </row>
    <row r="520615" spans="14:14">
      <c r="N520615" s="10"/>
    </row>
    <row r="520616" spans="14:14">
      <c r="N520616" s="10"/>
    </row>
    <row r="520617" spans="14:14">
      <c r="N520617" s="10"/>
    </row>
    <row r="520618" spans="14:14">
      <c r="N520618" s="10"/>
    </row>
    <row r="520619" spans="14:14">
      <c r="N520619" s="10"/>
    </row>
    <row r="520620" spans="14:14">
      <c r="N520620" s="10"/>
    </row>
    <row r="520621" spans="14:14">
      <c r="N520621" s="10"/>
    </row>
    <row r="520622" spans="14:14">
      <c r="N520622" s="10"/>
    </row>
    <row r="520623" spans="14:14">
      <c r="N520623" s="10"/>
    </row>
    <row r="520624" spans="14:14">
      <c r="N520624" s="10"/>
    </row>
    <row r="520625" spans="14:14">
      <c r="N520625" s="10"/>
    </row>
    <row r="520626" spans="14:14">
      <c r="N520626" s="10"/>
    </row>
    <row r="520627" spans="14:14">
      <c r="N520627" s="10"/>
    </row>
    <row r="520628" spans="14:14">
      <c r="N520628" s="10"/>
    </row>
    <row r="520629" spans="14:14">
      <c r="N520629" s="10"/>
    </row>
    <row r="520630" spans="14:14">
      <c r="N520630" s="10"/>
    </row>
    <row r="520631" spans="14:14">
      <c r="N520631" s="10"/>
    </row>
    <row r="520632" spans="14:14">
      <c r="N520632" s="10"/>
    </row>
    <row r="520633" spans="14:14">
      <c r="N520633" s="10"/>
    </row>
    <row r="520634" spans="14:14">
      <c r="N520634" s="10"/>
    </row>
    <row r="520635" spans="14:14">
      <c r="N520635" s="10"/>
    </row>
    <row r="520636" spans="14:14">
      <c r="N520636" s="10"/>
    </row>
    <row r="520637" spans="14:14">
      <c r="N520637" s="10"/>
    </row>
    <row r="520638" spans="14:14">
      <c r="N520638" s="10"/>
    </row>
    <row r="520639" spans="14:14">
      <c r="N520639" s="10"/>
    </row>
    <row r="520640" spans="14:14">
      <c r="N520640" s="10"/>
    </row>
    <row r="520641" spans="14:14">
      <c r="N520641" s="10"/>
    </row>
    <row r="520642" spans="14:14">
      <c r="N520642" s="10"/>
    </row>
    <row r="520643" spans="14:14">
      <c r="N520643" s="10"/>
    </row>
    <row r="520644" spans="14:14">
      <c r="N520644" s="10"/>
    </row>
    <row r="520645" spans="14:14">
      <c r="N520645" s="10"/>
    </row>
    <row r="520646" spans="14:14">
      <c r="N520646" s="10"/>
    </row>
    <row r="520647" spans="14:14">
      <c r="N520647" s="10"/>
    </row>
    <row r="520648" spans="14:14">
      <c r="N520648" s="10"/>
    </row>
    <row r="520649" spans="14:14">
      <c r="N520649" s="10"/>
    </row>
    <row r="520650" spans="14:14">
      <c r="N520650" s="10"/>
    </row>
    <row r="520651" spans="14:14">
      <c r="N520651" s="10"/>
    </row>
    <row r="520652" spans="14:14">
      <c r="N520652" s="10"/>
    </row>
    <row r="520653" spans="14:14">
      <c r="N520653" s="10"/>
    </row>
    <row r="520654" spans="14:14">
      <c r="N520654" s="10"/>
    </row>
    <row r="520655" spans="14:14">
      <c r="N520655" s="10"/>
    </row>
    <row r="520656" spans="14:14">
      <c r="N520656" s="10"/>
    </row>
    <row r="520657" spans="14:14">
      <c r="N520657" s="10"/>
    </row>
    <row r="520658" spans="14:14">
      <c r="N520658" s="10"/>
    </row>
    <row r="520659" spans="14:14">
      <c r="N520659" s="10"/>
    </row>
    <row r="520660" spans="14:14">
      <c r="N520660" s="10"/>
    </row>
    <row r="520661" spans="14:14">
      <c r="N520661" s="10"/>
    </row>
    <row r="520662" spans="14:14">
      <c r="N520662" s="10"/>
    </row>
    <row r="520663" spans="14:14">
      <c r="N520663" s="10"/>
    </row>
    <row r="520664" spans="14:14">
      <c r="N520664" s="10"/>
    </row>
    <row r="520665" spans="14:14">
      <c r="N520665" s="10"/>
    </row>
    <row r="520666" spans="14:14">
      <c r="N520666" s="10"/>
    </row>
    <row r="520667" spans="14:14">
      <c r="N520667" s="10"/>
    </row>
    <row r="520668" spans="14:14">
      <c r="N520668" s="10"/>
    </row>
    <row r="520669" spans="14:14">
      <c r="N520669" s="10"/>
    </row>
    <row r="520670" spans="14:14">
      <c r="N520670" s="10"/>
    </row>
    <row r="520671" spans="14:14">
      <c r="N520671" s="10"/>
    </row>
    <row r="520672" spans="14:14">
      <c r="N520672" s="10"/>
    </row>
    <row r="520673" spans="14:14">
      <c r="N520673" s="10"/>
    </row>
    <row r="520674" spans="14:14">
      <c r="N520674" s="10"/>
    </row>
    <row r="520675" spans="14:14">
      <c r="N520675" s="10"/>
    </row>
    <row r="520676" spans="14:14">
      <c r="N520676" s="10"/>
    </row>
    <row r="520677" spans="14:14">
      <c r="N520677" s="10"/>
    </row>
    <row r="520678" spans="14:14">
      <c r="N520678" s="10"/>
    </row>
    <row r="520679" spans="14:14">
      <c r="N520679" s="10"/>
    </row>
    <row r="520680" spans="14:14">
      <c r="N520680" s="10"/>
    </row>
    <row r="520681" spans="14:14">
      <c r="N520681" s="10"/>
    </row>
    <row r="520682" spans="14:14">
      <c r="N520682" s="10"/>
    </row>
    <row r="520683" spans="14:14">
      <c r="N520683" s="10"/>
    </row>
    <row r="520684" spans="14:14">
      <c r="N520684" s="10"/>
    </row>
    <row r="520685" spans="14:14">
      <c r="N520685" s="10"/>
    </row>
    <row r="520686" spans="14:14">
      <c r="N520686" s="10"/>
    </row>
    <row r="520687" spans="14:14">
      <c r="N520687" s="10"/>
    </row>
    <row r="520688" spans="14:14">
      <c r="N520688" s="10"/>
    </row>
    <row r="520689" spans="14:14">
      <c r="N520689" s="10"/>
    </row>
    <row r="520690" spans="14:14">
      <c r="N520690" s="10"/>
    </row>
    <row r="520691" spans="14:14">
      <c r="N520691" s="10"/>
    </row>
    <row r="520692" spans="14:14">
      <c r="N520692" s="10"/>
    </row>
    <row r="520693" spans="14:14">
      <c r="N520693" s="10"/>
    </row>
    <row r="520694" spans="14:14">
      <c r="N520694" s="10"/>
    </row>
    <row r="520695" spans="14:14">
      <c r="N520695" s="10"/>
    </row>
    <row r="520696" spans="14:14">
      <c r="N520696" s="10"/>
    </row>
    <row r="520697" spans="14:14">
      <c r="N520697" s="10"/>
    </row>
    <row r="520698" spans="14:14">
      <c r="N520698" s="10"/>
    </row>
    <row r="520699" spans="14:14">
      <c r="N520699" s="10"/>
    </row>
    <row r="520700" spans="14:14">
      <c r="N520700" s="10"/>
    </row>
    <row r="520701" spans="14:14">
      <c r="N520701" s="10"/>
    </row>
    <row r="520702" spans="14:14">
      <c r="N520702" s="10"/>
    </row>
    <row r="520703" spans="14:14">
      <c r="N520703" s="10"/>
    </row>
    <row r="520704" spans="14:14">
      <c r="N520704" s="10"/>
    </row>
    <row r="520705" spans="14:14">
      <c r="N520705" s="10"/>
    </row>
    <row r="520706" spans="14:14">
      <c r="N520706" s="10"/>
    </row>
    <row r="520707" spans="14:14">
      <c r="N520707" s="10"/>
    </row>
    <row r="520708" spans="14:14">
      <c r="N520708" s="10"/>
    </row>
    <row r="520709" spans="14:14">
      <c r="N520709" s="10"/>
    </row>
    <row r="520710" spans="14:14">
      <c r="N520710" s="10"/>
    </row>
    <row r="520711" spans="14:14">
      <c r="N520711" s="10"/>
    </row>
    <row r="520712" spans="14:14">
      <c r="N520712" s="10"/>
    </row>
    <row r="520713" spans="14:14">
      <c r="N520713" s="10"/>
    </row>
    <row r="520714" spans="14:14">
      <c r="N520714" s="10"/>
    </row>
    <row r="520715" spans="14:14">
      <c r="N520715" s="10"/>
    </row>
    <row r="520716" spans="14:14">
      <c r="N520716" s="10"/>
    </row>
    <row r="520717" spans="14:14">
      <c r="N520717" s="10"/>
    </row>
    <row r="520718" spans="14:14">
      <c r="N520718" s="10"/>
    </row>
    <row r="520719" spans="14:14">
      <c r="N520719" s="10"/>
    </row>
    <row r="520720" spans="14:14">
      <c r="N520720" s="10"/>
    </row>
    <row r="520721" spans="14:14">
      <c r="N520721" s="10"/>
    </row>
    <row r="520722" spans="14:14">
      <c r="N520722" s="10"/>
    </row>
    <row r="520723" spans="14:14">
      <c r="N520723" s="10"/>
    </row>
    <row r="520724" spans="14:14">
      <c r="N520724" s="10"/>
    </row>
    <row r="520725" spans="14:14">
      <c r="N520725" s="10"/>
    </row>
    <row r="520726" spans="14:14">
      <c r="N520726" s="10"/>
    </row>
    <row r="520727" spans="14:14">
      <c r="N520727" s="10"/>
    </row>
    <row r="520728" spans="14:14">
      <c r="N520728" s="10"/>
    </row>
    <row r="520729" spans="14:14">
      <c r="N520729" s="10"/>
    </row>
    <row r="520730" spans="14:14">
      <c r="N520730" s="10"/>
    </row>
    <row r="520731" spans="14:14">
      <c r="N520731" s="10"/>
    </row>
    <row r="520732" spans="14:14">
      <c r="N520732" s="10"/>
    </row>
    <row r="520733" spans="14:14">
      <c r="N520733" s="10"/>
    </row>
    <row r="520734" spans="14:14">
      <c r="N520734" s="10"/>
    </row>
    <row r="520735" spans="14:14">
      <c r="N520735" s="10"/>
    </row>
    <row r="520736" spans="14:14">
      <c r="N520736" s="10"/>
    </row>
    <row r="520737" spans="14:14">
      <c r="N520737" s="10"/>
    </row>
    <row r="520738" spans="14:14">
      <c r="N520738" s="10"/>
    </row>
    <row r="520739" spans="14:14">
      <c r="N520739" s="10"/>
    </row>
    <row r="520740" spans="14:14">
      <c r="N520740" s="10"/>
    </row>
    <row r="520741" spans="14:14">
      <c r="N520741" s="10"/>
    </row>
    <row r="520742" spans="14:14">
      <c r="N520742" s="10"/>
    </row>
    <row r="520743" spans="14:14">
      <c r="N520743" s="10"/>
    </row>
    <row r="520744" spans="14:14">
      <c r="N520744" s="10"/>
    </row>
    <row r="520745" spans="14:14">
      <c r="N520745" s="10"/>
    </row>
    <row r="520746" spans="14:14">
      <c r="N520746" s="10"/>
    </row>
    <row r="520747" spans="14:14">
      <c r="N520747" s="10"/>
    </row>
    <row r="520748" spans="14:14">
      <c r="N520748" s="10"/>
    </row>
    <row r="520749" spans="14:14">
      <c r="N520749" s="10"/>
    </row>
    <row r="520750" spans="14:14">
      <c r="N520750" s="10"/>
    </row>
    <row r="520751" spans="14:14">
      <c r="N520751" s="10"/>
    </row>
    <row r="520752" spans="14:14">
      <c r="N520752" s="10"/>
    </row>
    <row r="520753" spans="14:14">
      <c r="N520753" s="10"/>
    </row>
    <row r="520754" spans="14:14">
      <c r="N520754" s="10"/>
    </row>
    <row r="520755" spans="14:14">
      <c r="N520755" s="10"/>
    </row>
    <row r="520756" spans="14:14">
      <c r="N520756" s="10"/>
    </row>
    <row r="520757" spans="14:14">
      <c r="N520757" s="10"/>
    </row>
    <row r="520758" spans="14:14">
      <c r="N520758" s="10"/>
    </row>
    <row r="520759" spans="14:14">
      <c r="N520759" s="10"/>
    </row>
    <row r="520760" spans="14:14">
      <c r="N520760" s="10"/>
    </row>
    <row r="520761" spans="14:14">
      <c r="N520761" s="10"/>
    </row>
    <row r="520762" spans="14:14">
      <c r="N520762" s="10"/>
    </row>
    <row r="520763" spans="14:14">
      <c r="N520763" s="10"/>
    </row>
    <row r="520764" spans="14:14">
      <c r="N520764" s="10"/>
    </row>
    <row r="520765" spans="14:14">
      <c r="N520765" s="10"/>
    </row>
    <row r="520766" spans="14:14">
      <c r="N520766" s="10"/>
    </row>
    <row r="520767" spans="14:14">
      <c r="N520767" s="10"/>
    </row>
    <row r="520768" spans="14:14">
      <c r="N520768" s="10"/>
    </row>
    <row r="520769" spans="14:14">
      <c r="N520769" s="10"/>
    </row>
    <row r="520770" spans="14:14">
      <c r="N520770" s="10"/>
    </row>
    <row r="520771" spans="14:14">
      <c r="N520771" s="10"/>
    </row>
    <row r="520772" spans="14:14">
      <c r="N520772" s="10"/>
    </row>
    <row r="520773" spans="14:14">
      <c r="N520773" s="10"/>
    </row>
    <row r="520774" spans="14:14">
      <c r="N520774" s="10"/>
    </row>
    <row r="520775" spans="14:14">
      <c r="N520775" s="10"/>
    </row>
    <row r="520776" spans="14:14">
      <c r="N520776" s="10"/>
    </row>
    <row r="520777" spans="14:14">
      <c r="N520777" s="10"/>
    </row>
    <row r="520778" spans="14:14">
      <c r="N520778" s="10"/>
    </row>
    <row r="520779" spans="14:14">
      <c r="N520779" s="10"/>
    </row>
    <row r="520780" spans="14:14">
      <c r="N520780" s="10"/>
    </row>
    <row r="520781" spans="14:14">
      <c r="N520781" s="10"/>
    </row>
    <row r="520782" spans="14:14">
      <c r="N520782" s="10"/>
    </row>
    <row r="520783" spans="14:14">
      <c r="N520783" s="10"/>
    </row>
    <row r="520784" spans="14:14">
      <c r="N520784" s="10"/>
    </row>
    <row r="520785" spans="14:14">
      <c r="N520785" s="10"/>
    </row>
    <row r="520786" spans="14:14">
      <c r="N520786" s="10"/>
    </row>
    <row r="520787" spans="14:14">
      <c r="N520787" s="10"/>
    </row>
    <row r="520788" spans="14:14">
      <c r="N520788" s="10"/>
    </row>
    <row r="520789" spans="14:14">
      <c r="N520789" s="10"/>
    </row>
    <row r="520790" spans="14:14">
      <c r="N520790" s="10"/>
    </row>
    <row r="520791" spans="14:14">
      <c r="N520791" s="10"/>
    </row>
    <row r="520792" spans="14:14">
      <c r="N520792" s="10"/>
    </row>
    <row r="520793" spans="14:14">
      <c r="N520793" s="10"/>
    </row>
    <row r="520794" spans="14:14">
      <c r="N520794" s="10"/>
    </row>
    <row r="520795" spans="14:14">
      <c r="N520795" s="10"/>
    </row>
    <row r="520796" spans="14:14">
      <c r="N520796" s="10"/>
    </row>
    <row r="520797" spans="14:14">
      <c r="N520797" s="10"/>
    </row>
    <row r="520798" spans="14:14">
      <c r="N520798" s="10"/>
    </row>
    <row r="520799" spans="14:14">
      <c r="N520799" s="10"/>
    </row>
    <row r="520800" spans="14:14">
      <c r="N520800" s="10"/>
    </row>
    <row r="520801" spans="14:14">
      <c r="N520801" s="10"/>
    </row>
    <row r="520802" spans="14:14">
      <c r="N520802" s="10"/>
    </row>
    <row r="520803" spans="14:14">
      <c r="N520803" s="10"/>
    </row>
    <row r="520804" spans="14:14">
      <c r="N520804" s="10"/>
    </row>
    <row r="520805" spans="14:14">
      <c r="N520805" s="10"/>
    </row>
    <row r="520806" spans="14:14">
      <c r="N520806" s="10"/>
    </row>
    <row r="520807" spans="14:14">
      <c r="N520807" s="10"/>
    </row>
    <row r="520808" spans="14:14">
      <c r="N520808" s="10"/>
    </row>
    <row r="520809" spans="14:14">
      <c r="N520809" s="10"/>
    </row>
    <row r="520810" spans="14:14">
      <c r="N520810" s="10"/>
    </row>
    <row r="520811" spans="14:14">
      <c r="N520811" s="10"/>
    </row>
    <row r="520812" spans="14:14">
      <c r="N520812" s="10"/>
    </row>
    <row r="520813" spans="14:14">
      <c r="N520813" s="10"/>
    </row>
    <row r="520814" spans="14:14">
      <c r="N520814" s="10"/>
    </row>
    <row r="520815" spans="14:14">
      <c r="N520815" s="10"/>
    </row>
    <row r="520816" spans="14:14">
      <c r="N520816" s="10"/>
    </row>
    <row r="520817" spans="14:14">
      <c r="N520817" s="10"/>
    </row>
    <row r="520818" spans="14:14">
      <c r="N520818" s="10"/>
    </row>
    <row r="520819" spans="14:14">
      <c r="N520819" s="10"/>
    </row>
    <row r="520820" spans="14:14">
      <c r="N520820" s="10"/>
    </row>
    <row r="520821" spans="14:14">
      <c r="N520821" s="10"/>
    </row>
    <row r="520822" spans="14:14">
      <c r="N520822" s="10"/>
    </row>
    <row r="520823" spans="14:14">
      <c r="N520823" s="10"/>
    </row>
    <row r="520824" spans="14:14">
      <c r="N520824" s="10"/>
    </row>
    <row r="520825" spans="14:14">
      <c r="N520825" s="10"/>
    </row>
    <row r="520826" spans="14:14">
      <c r="N520826" s="10"/>
    </row>
    <row r="520827" spans="14:14">
      <c r="N520827" s="10"/>
    </row>
    <row r="520828" spans="14:14">
      <c r="N520828" s="10"/>
    </row>
    <row r="520829" spans="14:14">
      <c r="N520829" s="10"/>
    </row>
    <row r="520830" spans="14:14">
      <c r="N520830" s="10"/>
    </row>
    <row r="520831" spans="14:14">
      <c r="N520831" s="10"/>
    </row>
    <row r="520832" spans="14:14">
      <c r="N520832" s="10"/>
    </row>
    <row r="520833" spans="14:14">
      <c r="N520833" s="10"/>
    </row>
    <row r="520834" spans="14:14">
      <c r="N520834" s="10"/>
    </row>
    <row r="520835" spans="14:14">
      <c r="N520835" s="10"/>
    </row>
    <row r="520836" spans="14:14">
      <c r="N520836" s="10"/>
    </row>
    <row r="520837" spans="14:14">
      <c r="N520837" s="10"/>
    </row>
    <row r="520838" spans="14:14">
      <c r="N520838" s="10"/>
    </row>
    <row r="520839" spans="14:14">
      <c r="N520839" s="10"/>
    </row>
    <row r="520840" spans="14:14">
      <c r="N520840" s="10"/>
    </row>
    <row r="520841" spans="14:14">
      <c r="N520841" s="10"/>
    </row>
    <row r="520842" spans="14:14">
      <c r="N520842" s="10"/>
    </row>
    <row r="520843" spans="14:14">
      <c r="N520843" s="10"/>
    </row>
    <row r="520844" spans="14:14">
      <c r="N520844" s="10"/>
    </row>
    <row r="520845" spans="14:14">
      <c r="N520845" s="10"/>
    </row>
    <row r="520846" spans="14:14">
      <c r="N520846" s="10"/>
    </row>
    <row r="520847" spans="14:14">
      <c r="N520847" s="10"/>
    </row>
    <row r="520848" spans="14:14">
      <c r="N520848" s="10"/>
    </row>
    <row r="520849" spans="14:14">
      <c r="N520849" s="10"/>
    </row>
    <row r="520850" spans="14:14">
      <c r="N520850" s="10"/>
    </row>
    <row r="520851" spans="14:14">
      <c r="N520851" s="10"/>
    </row>
    <row r="520852" spans="14:14">
      <c r="N520852" s="10"/>
    </row>
    <row r="520853" spans="14:14">
      <c r="N520853" s="10"/>
    </row>
    <row r="520854" spans="14:14">
      <c r="N520854" s="10"/>
    </row>
    <row r="520855" spans="14:14">
      <c r="N520855" s="10"/>
    </row>
    <row r="520856" spans="14:14">
      <c r="N520856" s="10"/>
    </row>
    <row r="520857" spans="14:14">
      <c r="N520857" s="10"/>
    </row>
    <row r="520858" spans="14:14">
      <c r="N520858" s="10"/>
    </row>
    <row r="520859" spans="14:14">
      <c r="N520859" s="10"/>
    </row>
    <row r="520860" spans="14:14">
      <c r="N520860" s="10"/>
    </row>
    <row r="520861" spans="14:14">
      <c r="N520861" s="10"/>
    </row>
    <row r="520862" spans="14:14">
      <c r="N520862" s="10"/>
    </row>
    <row r="520863" spans="14:14">
      <c r="N520863" s="10"/>
    </row>
    <row r="520864" spans="14:14">
      <c r="N520864" s="10"/>
    </row>
    <row r="520865" spans="14:14">
      <c r="N520865" s="10"/>
    </row>
    <row r="520866" spans="14:14">
      <c r="N520866" s="10"/>
    </row>
    <row r="520867" spans="14:14">
      <c r="N520867" s="10"/>
    </row>
    <row r="520868" spans="14:14">
      <c r="N520868" s="10"/>
    </row>
    <row r="520869" spans="14:14">
      <c r="N520869" s="10"/>
    </row>
    <row r="520870" spans="14:14">
      <c r="N520870" s="10"/>
    </row>
    <row r="520871" spans="14:14">
      <c r="N520871" s="10"/>
    </row>
    <row r="520872" spans="14:14">
      <c r="N520872" s="10"/>
    </row>
    <row r="520873" spans="14:14">
      <c r="N520873" s="10"/>
    </row>
    <row r="520874" spans="14:14">
      <c r="N520874" s="10"/>
    </row>
    <row r="520875" spans="14:14">
      <c r="N520875" s="10"/>
    </row>
    <row r="520876" spans="14:14">
      <c r="N520876" s="10"/>
    </row>
    <row r="520877" spans="14:14">
      <c r="N520877" s="10"/>
    </row>
    <row r="520878" spans="14:14">
      <c r="N520878" s="10"/>
    </row>
    <row r="520879" spans="14:14">
      <c r="N520879" s="10"/>
    </row>
    <row r="520880" spans="14:14">
      <c r="N520880" s="10"/>
    </row>
    <row r="520881" spans="14:14">
      <c r="N520881" s="10"/>
    </row>
    <row r="520882" spans="14:14">
      <c r="N520882" s="10"/>
    </row>
    <row r="520883" spans="14:14">
      <c r="N520883" s="10"/>
    </row>
    <row r="520884" spans="14:14">
      <c r="N520884" s="10"/>
    </row>
    <row r="520885" spans="14:14">
      <c r="N520885" s="10"/>
    </row>
    <row r="520886" spans="14:14">
      <c r="N520886" s="10"/>
    </row>
    <row r="520887" spans="14:14">
      <c r="N520887" s="10"/>
    </row>
    <row r="520888" spans="14:14">
      <c r="N520888" s="10"/>
    </row>
    <row r="520889" spans="14:14">
      <c r="N520889" s="10"/>
    </row>
    <row r="520890" spans="14:14">
      <c r="N520890" s="10"/>
    </row>
    <row r="520891" spans="14:14">
      <c r="N520891" s="10"/>
    </row>
    <row r="520892" spans="14:14">
      <c r="N520892" s="10"/>
    </row>
    <row r="520893" spans="14:14">
      <c r="N520893" s="10"/>
    </row>
    <row r="520894" spans="14:14">
      <c r="N520894" s="10"/>
    </row>
    <row r="520895" spans="14:14">
      <c r="N520895" s="10"/>
    </row>
    <row r="520896" spans="14:14">
      <c r="N520896" s="10"/>
    </row>
    <row r="520897" spans="14:14">
      <c r="N520897" s="10"/>
    </row>
    <row r="520898" spans="14:14">
      <c r="N520898" s="10"/>
    </row>
    <row r="520899" spans="14:14">
      <c r="N520899" s="10"/>
    </row>
    <row r="520900" spans="14:14">
      <c r="N520900" s="10"/>
    </row>
    <row r="520901" spans="14:14">
      <c r="N520901" s="10"/>
    </row>
    <row r="520902" spans="14:14">
      <c r="N520902" s="10"/>
    </row>
    <row r="520903" spans="14:14">
      <c r="N520903" s="10"/>
    </row>
    <row r="520904" spans="14:14">
      <c r="N520904" s="10"/>
    </row>
    <row r="520905" spans="14:14">
      <c r="N520905" s="10"/>
    </row>
    <row r="520906" spans="14:14">
      <c r="N520906" s="10"/>
    </row>
    <row r="520907" spans="14:14">
      <c r="N520907" s="10"/>
    </row>
    <row r="520908" spans="14:14">
      <c r="N520908" s="10"/>
    </row>
    <row r="520909" spans="14:14">
      <c r="N520909" s="10"/>
    </row>
    <row r="520910" spans="14:14">
      <c r="N520910" s="10"/>
    </row>
    <row r="520911" spans="14:14">
      <c r="N520911" s="10"/>
    </row>
    <row r="520912" spans="14:14">
      <c r="N520912" s="10"/>
    </row>
    <row r="520913" spans="14:14">
      <c r="N520913" s="10"/>
    </row>
    <row r="520914" spans="14:14">
      <c r="N520914" s="10"/>
    </row>
    <row r="520915" spans="14:14">
      <c r="N520915" s="10"/>
    </row>
    <row r="520916" spans="14:14">
      <c r="N520916" s="10"/>
    </row>
    <row r="520917" spans="14:14">
      <c r="N520917" s="10"/>
    </row>
    <row r="520918" spans="14:14">
      <c r="N520918" s="10"/>
    </row>
    <row r="520919" spans="14:14">
      <c r="N520919" s="10"/>
    </row>
    <row r="520920" spans="14:14">
      <c r="N520920" s="10"/>
    </row>
    <row r="520921" spans="14:14">
      <c r="N520921" s="10"/>
    </row>
    <row r="520922" spans="14:14">
      <c r="N520922" s="10"/>
    </row>
    <row r="520923" spans="14:14">
      <c r="N520923" s="10"/>
    </row>
    <row r="520924" spans="14:14">
      <c r="N520924" s="10"/>
    </row>
    <row r="520925" spans="14:14">
      <c r="N520925" s="10"/>
    </row>
    <row r="520926" spans="14:14">
      <c r="N520926" s="10"/>
    </row>
    <row r="520927" spans="14:14">
      <c r="N520927" s="10"/>
    </row>
    <row r="520928" spans="14:14">
      <c r="N520928" s="10"/>
    </row>
    <row r="520929" spans="14:14">
      <c r="N520929" s="10"/>
    </row>
    <row r="520930" spans="14:14">
      <c r="N520930" s="10"/>
    </row>
    <row r="520931" spans="14:14">
      <c r="N520931" s="10"/>
    </row>
    <row r="520932" spans="14:14">
      <c r="N520932" s="10"/>
    </row>
    <row r="520933" spans="14:14">
      <c r="N520933" s="10"/>
    </row>
    <row r="520934" spans="14:14">
      <c r="N520934" s="10"/>
    </row>
    <row r="520935" spans="14:14">
      <c r="N520935" s="10"/>
    </row>
    <row r="520936" spans="14:14">
      <c r="N520936" s="10"/>
    </row>
    <row r="520937" spans="14:14">
      <c r="N520937" s="10"/>
    </row>
    <row r="520938" spans="14:14">
      <c r="N520938" s="10"/>
    </row>
    <row r="520939" spans="14:14">
      <c r="N520939" s="10"/>
    </row>
    <row r="520940" spans="14:14">
      <c r="N520940" s="10"/>
    </row>
    <row r="520941" spans="14:14">
      <c r="N520941" s="10"/>
    </row>
    <row r="520942" spans="14:14">
      <c r="N520942" s="10"/>
    </row>
    <row r="520943" spans="14:14">
      <c r="N520943" s="10"/>
    </row>
    <row r="520944" spans="14:14">
      <c r="N520944" s="10"/>
    </row>
    <row r="520945" spans="14:14">
      <c r="N520945" s="10"/>
    </row>
    <row r="520946" spans="14:14">
      <c r="N520946" s="10"/>
    </row>
    <row r="520947" spans="14:14">
      <c r="N520947" s="10"/>
    </row>
    <row r="520948" spans="14:14">
      <c r="N520948" s="10"/>
    </row>
    <row r="520949" spans="14:14">
      <c r="N520949" s="10"/>
    </row>
    <row r="520950" spans="14:14">
      <c r="N520950" s="10"/>
    </row>
    <row r="520951" spans="14:14">
      <c r="N520951" s="10"/>
    </row>
    <row r="520952" spans="14:14">
      <c r="N520952" s="10"/>
    </row>
    <row r="520953" spans="14:14">
      <c r="N520953" s="10"/>
    </row>
    <row r="520954" spans="14:14">
      <c r="N520954" s="10"/>
    </row>
    <row r="520955" spans="14:14">
      <c r="N520955" s="10"/>
    </row>
    <row r="520956" spans="14:14">
      <c r="N520956" s="10"/>
    </row>
    <row r="520957" spans="14:14">
      <c r="N520957" s="10"/>
    </row>
    <row r="520958" spans="14:14">
      <c r="N520958" s="10"/>
    </row>
    <row r="520959" spans="14:14">
      <c r="N520959" s="10"/>
    </row>
    <row r="520960" spans="14:14">
      <c r="N520960" s="10"/>
    </row>
    <row r="520961" spans="14:14">
      <c r="N520961" s="10"/>
    </row>
    <row r="520962" spans="14:14">
      <c r="N520962" s="10"/>
    </row>
    <row r="520963" spans="14:14">
      <c r="N520963" s="10"/>
    </row>
    <row r="520964" spans="14:14">
      <c r="N520964" s="10"/>
    </row>
    <row r="520965" spans="14:14">
      <c r="N520965" s="10"/>
    </row>
    <row r="520966" spans="14:14">
      <c r="N520966" s="10"/>
    </row>
    <row r="520967" spans="14:14">
      <c r="N520967" s="10"/>
    </row>
    <row r="520968" spans="14:14">
      <c r="N520968" s="10"/>
    </row>
    <row r="520969" spans="14:14">
      <c r="N520969" s="10"/>
    </row>
    <row r="520970" spans="14:14">
      <c r="N520970" s="10"/>
    </row>
    <row r="520971" spans="14:14">
      <c r="N520971" s="10"/>
    </row>
    <row r="520972" spans="14:14">
      <c r="N520972" s="10"/>
    </row>
    <row r="520973" spans="14:14">
      <c r="N520973" s="10"/>
    </row>
    <row r="520974" spans="14:14">
      <c r="N520974" s="10"/>
    </row>
    <row r="520975" spans="14:14">
      <c r="N520975" s="10"/>
    </row>
    <row r="520976" spans="14:14">
      <c r="N520976" s="10"/>
    </row>
    <row r="520977" spans="14:14">
      <c r="N520977" s="10"/>
    </row>
    <row r="520978" spans="14:14">
      <c r="N520978" s="10"/>
    </row>
    <row r="520979" spans="14:14">
      <c r="N520979" s="10"/>
    </row>
    <row r="520980" spans="14:14">
      <c r="N520980" s="10"/>
    </row>
    <row r="520981" spans="14:14">
      <c r="N520981" s="10"/>
    </row>
    <row r="520982" spans="14:14">
      <c r="N520982" s="10"/>
    </row>
    <row r="520983" spans="14:14">
      <c r="N520983" s="10"/>
    </row>
    <row r="520984" spans="14:14">
      <c r="N520984" s="10"/>
    </row>
    <row r="520985" spans="14:14">
      <c r="N520985" s="10"/>
    </row>
    <row r="520986" spans="14:14">
      <c r="N520986" s="10"/>
    </row>
    <row r="520987" spans="14:14">
      <c r="N520987" s="10"/>
    </row>
    <row r="520988" spans="14:14">
      <c r="N520988" s="10"/>
    </row>
    <row r="520989" spans="14:14">
      <c r="N520989" s="10"/>
    </row>
    <row r="520990" spans="14:14">
      <c r="N520990" s="10"/>
    </row>
    <row r="520991" spans="14:14">
      <c r="N520991" s="10"/>
    </row>
    <row r="520992" spans="14:14">
      <c r="N520992" s="10"/>
    </row>
    <row r="520993" spans="14:14">
      <c r="N520993" s="10"/>
    </row>
    <row r="520994" spans="14:14">
      <c r="N520994" s="10"/>
    </row>
    <row r="520995" spans="14:14">
      <c r="N520995" s="10"/>
    </row>
    <row r="520996" spans="14:14">
      <c r="N520996" s="10"/>
    </row>
    <row r="520997" spans="14:14">
      <c r="N520997" s="10"/>
    </row>
    <row r="520998" spans="14:14">
      <c r="N520998" s="10"/>
    </row>
    <row r="520999" spans="14:14">
      <c r="N520999" s="10"/>
    </row>
    <row r="521000" spans="14:14">
      <c r="N521000" s="10"/>
    </row>
    <row r="521001" spans="14:14">
      <c r="N521001" s="10"/>
    </row>
    <row r="521002" spans="14:14">
      <c r="N521002" s="10"/>
    </row>
    <row r="521003" spans="14:14">
      <c r="N521003" s="10"/>
    </row>
    <row r="521004" spans="14:14">
      <c r="N521004" s="10"/>
    </row>
    <row r="521005" spans="14:14">
      <c r="N521005" s="10"/>
    </row>
    <row r="521006" spans="14:14">
      <c r="N521006" s="10"/>
    </row>
    <row r="521007" spans="14:14">
      <c r="N521007" s="10"/>
    </row>
    <row r="521008" spans="14:14">
      <c r="N521008" s="10"/>
    </row>
    <row r="521009" spans="14:14">
      <c r="N521009" s="10"/>
    </row>
    <row r="521010" spans="14:14">
      <c r="N521010" s="10"/>
    </row>
    <row r="521011" spans="14:14">
      <c r="N521011" s="10"/>
    </row>
    <row r="521012" spans="14:14">
      <c r="N521012" s="10"/>
    </row>
    <row r="521013" spans="14:14">
      <c r="N521013" s="10"/>
    </row>
    <row r="521014" spans="14:14">
      <c r="N521014" s="10"/>
    </row>
    <row r="521015" spans="14:14">
      <c r="N521015" s="10"/>
    </row>
    <row r="521016" spans="14:14">
      <c r="N521016" s="10"/>
    </row>
    <row r="521017" spans="14:14">
      <c r="N521017" s="10"/>
    </row>
    <row r="521018" spans="14:14">
      <c r="N521018" s="10"/>
    </row>
    <row r="521019" spans="14:14">
      <c r="N521019" s="10"/>
    </row>
    <row r="521020" spans="14:14">
      <c r="N521020" s="10"/>
    </row>
    <row r="521021" spans="14:14">
      <c r="N521021" s="10"/>
    </row>
    <row r="521022" spans="14:14">
      <c r="N521022" s="10"/>
    </row>
    <row r="521023" spans="14:14">
      <c r="N521023" s="10"/>
    </row>
    <row r="521024" spans="14:14">
      <c r="N521024" s="10"/>
    </row>
    <row r="521025" spans="14:14">
      <c r="N521025" s="10"/>
    </row>
    <row r="521026" spans="14:14">
      <c r="N521026" s="10"/>
    </row>
    <row r="521027" spans="14:14">
      <c r="N521027" s="10"/>
    </row>
    <row r="521028" spans="14:14">
      <c r="N521028" s="10"/>
    </row>
    <row r="521029" spans="14:14">
      <c r="N521029" s="10"/>
    </row>
    <row r="521030" spans="14:14">
      <c r="N521030" s="10"/>
    </row>
    <row r="521031" spans="14:14">
      <c r="N521031" s="10"/>
    </row>
    <row r="521032" spans="14:14">
      <c r="N521032" s="10"/>
    </row>
    <row r="521033" spans="14:14">
      <c r="N521033" s="10"/>
    </row>
    <row r="521034" spans="14:14">
      <c r="N521034" s="10"/>
    </row>
    <row r="521035" spans="14:14">
      <c r="N521035" s="10"/>
    </row>
    <row r="521036" spans="14:14">
      <c r="N521036" s="10"/>
    </row>
    <row r="521037" spans="14:14">
      <c r="N521037" s="10"/>
    </row>
    <row r="521038" spans="14:14">
      <c r="N521038" s="10"/>
    </row>
    <row r="521039" spans="14:14">
      <c r="N521039" s="10"/>
    </row>
    <row r="521040" spans="14:14">
      <c r="N521040" s="10"/>
    </row>
    <row r="521041" spans="14:14">
      <c r="N521041" s="10"/>
    </row>
    <row r="521042" spans="14:14">
      <c r="N521042" s="10"/>
    </row>
    <row r="521043" spans="14:14">
      <c r="N521043" s="10"/>
    </row>
    <row r="521044" spans="14:14">
      <c r="N521044" s="10"/>
    </row>
    <row r="521045" spans="14:14">
      <c r="N521045" s="10"/>
    </row>
    <row r="521046" spans="14:14">
      <c r="N521046" s="10"/>
    </row>
    <row r="521047" spans="14:14">
      <c r="N521047" s="10"/>
    </row>
    <row r="521048" spans="14:14">
      <c r="N521048" s="10"/>
    </row>
    <row r="521049" spans="14:14">
      <c r="N521049" s="10"/>
    </row>
    <row r="521050" spans="14:14">
      <c r="N521050" s="10"/>
    </row>
    <row r="521051" spans="14:14">
      <c r="N521051" s="10"/>
    </row>
    <row r="521052" spans="14:14">
      <c r="N521052" s="10"/>
    </row>
    <row r="521053" spans="14:14">
      <c r="N521053" s="10"/>
    </row>
    <row r="521054" spans="14:14">
      <c r="N521054" s="10"/>
    </row>
    <row r="521055" spans="14:14">
      <c r="N521055" s="10"/>
    </row>
    <row r="521056" spans="14:14">
      <c r="N521056" s="10"/>
    </row>
    <row r="521057" spans="14:14">
      <c r="N521057" s="10"/>
    </row>
    <row r="521058" spans="14:14">
      <c r="N521058" s="10"/>
    </row>
    <row r="521059" spans="14:14">
      <c r="N521059" s="10"/>
    </row>
    <row r="521060" spans="14:14">
      <c r="N521060" s="10"/>
    </row>
    <row r="521061" spans="14:14">
      <c r="N521061" s="10"/>
    </row>
    <row r="521062" spans="14:14">
      <c r="N521062" s="10"/>
    </row>
    <row r="521063" spans="14:14">
      <c r="N521063" s="10"/>
    </row>
    <row r="521064" spans="14:14">
      <c r="N521064" s="10"/>
    </row>
    <row r="521065" spans="14:14">
      <c r="N521065" s="10"/>
    </row>
    <row r="521066" spans="14:14">
      <c r="N521066" s="10"/>
    </row>
    <row r="521067" spans="14:14">
      <c r="N521067" s="10"/>
    </row>
    <row r="521068" spans="14:14">
      <c r="N521068" s="10"/>
    </row>
    <row r="521069" spans="14:14">
      <c r="N521069" s="10"/>
    </row>
    <row r="521070" spans="14:14">
      <c r="N521070" s="10"/>
    </row>
    <row r="521071" spans="14:14">
      <c r="N521071" s="10"/>
    </row>
    <row r="521072" spans="14:14">
      <c r="N521072" s="10"/>
    </row>
    <row r="521073" spans="14:14">
      <c r="N521073" s="10"/>
    </row>
    <row r="521074" spans="14:14">
      <c r="N521074" s="10"/>
    </row>
    <row r="521075" spans="14:14">
      <c r="N521075" s="10"/>
    </row>
    <row r="521076" spans="14:14">
      <c r="N521076" s="10"/>
    </row>
    <row r="521077" spans="14:14">
      <c r="N521077" s="10"/>
    </row>
    <row r="521078" spans="14:14">
      <c r="N521078" s="10"/>
    </row>
    <row r="521079" spans="14:14">
      <c r="N521079" s="10"/>
    </row>
    <row r="521080" spans="14:14">
      <c r="N521080" s="10"/>
    </row>
    <row r="521081" spans="14:14">
      <c r="N521081" s="10"/>
    </row>
    <row r="521082" spans="14:14">
      <c r="N521082" s="10"/>
    </row>
    <row r="521083" spans="14:14">
      <c r="N521083" s="10"/>
    </row>
    <row r="521084" spans="14:14">
      <c r="N521084" s="10"/>
    </row>
    <row r="521085" spans="14:14">
      <c r="N521085" s="10"/>
    </row>
    <row r="521086" spans="14:14">
      <c r="N521086" s="10"/>
    </row>
    <row r="521087" spans="14:14">
      <c r="N521087" s="10"/>
    </row>
    <row r="521088" spans="14:14">
      <c r="N521088" s="10"/>
    </row>
    <row r="521089" spans="14:14">
      <c r="N521089" s="10"/>
    </row>
    <row r="521090" spans="14:14">
      <c r="N521090" s="10"/>
    </row>
    <row r="521091" spans="14:14">
      <c r="N521091" s="10"/>
    </row>
    <row r="521092" spans="14:14">
      <c r="N521092" s="10"/>
    </row>
    <row r="521093" spans="14:14">
      <c r="N521093" s="10"/>
    </row>
    <row r="521094" spans="14:14">
      <c r="N521094" s="10"/>
    </row>
    <row r="521095" spans="14:14">
      <c r="N521095" s="10"/>
    </row>
    <row r="521096" spans="14:14">
      <c r="N521096" s="10"/>
    </row>
    <row r="521097" spans="14:14">
      <c r="N521097" s="10"/>
    </row>
    <row r="521098" spans="14:14">
      <c r="N521098" s="10"/>
    </row>
    <row r="521099" spans="14:14">
      <c r="N521099" s="10"/>
    </row>
    <row r="521100" spans="14:14">
      <c r="N521100" s="10"/>
    </row>
    <row r="521101" spans="14:14">
      <c r="N521101" s="10"/>
    </row>
    <row r="521102" spans="14:14">
      <c r="N521102" s="10"/>
    </row>
    <row r="521103" spans="14:14">
      <c r="N521103" s="10"/>
    </row>
    <row r="521104" spans="14:14">
      <c r="N521104" s="10"/>
    </row>
    <row r="521105" spans="14:14">
      <c r="N521105" s="10"/>
    </row>
    <row r="521106" spans="14:14">
      <c r="N521106" s="10"/>
    </row>
    <row r="521107" spans="14:14">
      <c r="N521107" s="10"/>
    </row>
    <row r="521108" spans="14:14">
      <c r="N521108" s="10"/>
    </row>
    <row r="521109" spans="14:14">
      <c r="N521109" s="10"/>
    </row>
    <row r="521110" spans="14:14">
      <c r="N521110" s="10"/>
    </row>
    <row r="521111" spans="14:14">
      <c r="N521111" s="10"/>
    </row>
    <row r="521112" spans="14:14">
      <c r="N521112" s="10"/>
    </row>
    <row r="521113" spans="14:14">
      <c r="N521113" s="10"/>
    </row>
    <row r="521114" spans="14:14">
      <c r="N521114" s="10"/>
    </row>
    <row r="521115" spans="14:14">
      <c r="N521115" s="10"/>
    </row>
    <row r="521116" spans="14:14">
      <c r="N521116" s="10"/>
    </row>
    <row r="521117" spans="14:14">
      <c r="N521117" s="10"/>
    </row>
    <row r="521118" spans="14:14">
      <c r="N521118" s="10"/>
    </row>
    <row r="521119" spans="14:14">
      <c r="N521119" s="10"/>
    </row>
    <row r="521120" spans="14:14">
      <c r="N521120" s="10"/>
    </row>
    <row r="521121" spans="14:14">
      <c r="N521121" s="10"/>
    </row>
    <row r="521122" spans="14:14">
      <c r="N521122" s="10"/>
    </row>
    <row r="521123" spans="14:14">
      <c r="N521123" s="10"/>
    </row>
    <row r="521124" spans="14:14">
      <c r="N521124" s="10"/>
    </row>
    <row r="521125" spans="14:14">
      <c r="N521125" s="10"/>
    </row>
    <row r="521126" spans="14:14">
      <c r="N521126" s="10"/>
    </row>
    <row r="521127" spans="14:14">
      <c r="N521127" s="10"/>
    </row>
    <row r="521128" spans="14:14">
      <c r="N521128" s="10"/>
    </row>
    <row r="521129" spans="14:14">
      <c r="N521129" s="10"/>
    </row>
    <row r="521130" spans="14:14">
      <c r="N521130" s="10"/>
    </row>
    <row r="521131" spans="14:14">
      <c r="N521131" s="10"/>
    </row>
    <row r="521132" spans="14:14">
      <c r="N521132" s="10"/>
    </row>
    <row r="521133" spans="14:14">
      <c r="N521133" s="10"/>
    </row>
    <row r="521134" spans="14:14">
      <c r="N521134" s="10"/>
    </row>
    <row r="521135" spans="14:14">
      <c r="N521135" s="10"/>
    </row>
    <row r="521136" spans="14:14">
      <c r="N521136" s="10"/>
    </row>
    <row r="521137" spans="14:14">
      <c r="N521137" s="10"/>
    </row>
    <row r="521138" spans="14:14">
      <c r="N521138" s="10"/>
    </row>
    <row r="521139" spans="14:14">
      <c r="N521139" s="10"/>
    </row>
    <row r="521140" spans="14:14">
      <c r="N521140" s="10"/>
    </row>
    <row r="521141" spans="14:14">
      <c r="N521141" s="10"/>
    </row>
    <row r="521142" spans="14:14">
      <c r="N521142" s="10"/>
    </row>
    <row r="521143" spans="14:14">
      <c r="N521143" s="10"/>
    </row>
    <row r="521144" spans="14:14">
      <c r="N521144" s="10"/>
    </row>
    <row r="521145" spans="14:14">
      <c r="N521145" s="10"/>
    </row>
    <row r="521146" spans="14:14">
      <c r="N521146" s="10"/>
    </row>
    <row r="521147" spans="14:14">
      <c r="N521147" s="10"/>
    </row>
    <row r="521148" spans="14:14">
      <c r="N521148" s="10"/>
    </row>
    <row r="521149" spans="14:14">
      <c r="N521149" s="10"/>
    </row>
    <row r="521150" spans="14:14">
      <c r="N521150" s="10"/>
    </row>
    <row r="521151" spans="14:14">
      <c r="N521151" s="10"/>
    </row>
    <row r="521152" spans="14:14">
      <c r="N521152" s="10"/>
    </row>
    <row r="521153" spans="14:14">
      <c r="N521153" s="10"/>
    </row>
    <row r="521154" spans="14:14">
      <c r="N521154" s="10"/>
    </row>
    <row r="521155" spans="14:14">
      <c r="N521155" s="10"/>
    </row>
    <row r="521156" spans="14:14">
      <c r="N521156" s="10"/>
    </row>
    <row r="521157" spans="14:14">
      <c r="N521157" s="10"/>
    </row>
    <row r="521158" spans="14:14">
      <c r="N521158" s="10"/>
    </row>
    <row r="521159" spans="14:14">
      <c r="N521159" s="10"/>
    </row>
    <row r="521160" spans="14:14">
      <c r="N521160" s="10"/>
    </row>
    <row r="521161" spans="14:14">
      <c r="N521161" s="10"/>
    </row>
    <row r="521162" spans="14:14">
      <c r="N521162" s="10"/>
    </row>
    <row r="521163" spans="14:14">
      <c r="N521163" s="10"/>
    </row>
    <row r="521164" spans="14:14">
      <c r="N521164" s="10"/>
    </row>
    <row r="521165" spans="14:14">
      <c r="N521165" s="10"/>
    </row>
    <row r="521166" spans="14:14">
      <c r="N521166" s="10"/>
    </row>
    <row r="521167" spans="14:14">
      <c r="N521167" s="10"/>
    </row>
    <row r="521168" spans="14:14">
      <c r="N521168" s="10"/>
    </row>
    <row r="521169" spans="14:14">
      <c r="N521169" s="10"/>
    </row>
    <row r="521170" spans="14:14">
      <c r="N521170" s="10"/>
    </row>
    <row r="521171" spans="14:14">
      <c r="N521171" s="10"/>
    </row>
    <row r="521172" spans="14:14">
      <c r="N521172" s="10"/>
    </row>
    <row r="521173" spans="14:14">
      <c r="N521173" s="10"/>
    </row>
    <row r="521174" spans="14:14">
      <c r="N521174" s="10"/>
    </row>
    <row r="521175" spans="14:14">
      <c r="N521175" s="10"/>
    </row>
    <row r="521176" spans="14:14">
      <c r="N521176" s="10"/>
    </row>
    <row r="521177" spans="14:14">
      <c r="N521177" s="10"/>
    </row>
    <row r="521178" spans="14:14">
      <c r="N521178" s="10"/>
    </row>
    <row r="521179" spans="14:14">
      <c r="N521179" s="10"/>
    </row>
    <row r="521180" spans="14:14">
      <c r="N521180" s="10"/>
    </row>
    <row r="521181" spans="14:14">
      <c r="N521181" s="10"/>
    </row>
    <row r="521182" spans="14:14">
      <c r="N521182" s="10"/>
    </row>
    <row r="521183" spans="14:14">
      <c r="N521183" s="10"/>
    </row>
    <row r="521184" spans="14:14">
      <c r="N521184" s="10"/>
    </row>
    <row r="521185" spans="14:14">
      <c r="N521185" s="10"/>
    </row>
    <row r="521186" spans="14:14">
      <c r="N521186" s="10"/>
    </row>
    <row r="521187" spans="14:14">
      <c r="N521187" s="10"/>
    </row>
    <row r="521188" spans="14:14">
      <c r="N521188" s="10"/>
    </row>
    <row r="521189" spans="14:14">
      <c r="N521189" s="10"/>
    </row>
    <row r="521190" spans="14:14">
      <c r="N521190" s="10"/>
    </row>
    <row r="521191" spans="14:14">
      <c r="N521191" s="10"/>
    </row>
    <row r="521192" spans="14:14">
      <c r="N521192" s="10"/>
    </row>
    <row r="521193" spans="14:14">
      <c r="N521193" s="10"/>
    </row>
    <row r="521194" spans="14:14">
      <c r="N521194" s="10"/>
    </row>
    <row r="521195" spans="14:14">
      <c r="N521195" s="10"/>
    </row>
    <row r="521196" spans="14:14">
      <c r="N521196" s="10"/>
    </row>
    <row r="521197" spans="14:14">
      <c r="N521197" s="10"/>
    </row>
    <row r="521198" spans="14:14">
      <c r="N521198" s="10"/>
    </row>
    <row r="521199" spans="14:14">
      <c r="N521199" s="10"/>
    </row>
    <row r="521200" spans="14:14">
      <c r="N521200" s="10"/>
    </row>
    <row r="521201" spans="14:14">
      <c r="N521201" s="10"/>
    </row>
    <row r="521202" spans="14:14">
      <c r="N521202" s="10"/>
    </row>
    <row r="521203" spans="14:14">
      <c r="N521203" s="10"/>
    </row>
    <row r="521204" spans="14:14">
      <c r="N521204" s="10"/>
    </row>
    <row r="521205" spans="14:14">
      <c r="N521205" s="10"/>
    </row>
    <row r="521206" spans="14:14">
      <c r="N521206" s="10"/>
    </row>
    <row r="521207" spans="14:14">
      <c r="N521207" s="10"/>
    </row>
    <row r="521208" spans="14:14">
      <c r="N521208" s="10"/>
    </row>
    <row r="521209" spans="14:14">
      <c r="N521209" s="10"/>
    </row>
    <row r="521210" spans="14:14">
      <c r="N521210" s="10"/>
    </row>
    <row r="521211" spans="14:14">
      <c r="N521211" s="10"/>
    </row>
    <row r="521212" spans="14:14">
      <c r="N521212" s="10"/>
    </row>
    <row r="521213" spans="14:14">
      <c r="N521213" s="10"/>
    </row>
    <row r="521214" spans="14:14">
      <c r="N521214" s="10"/>
    </row>
    <row r="521215" spans="14:14">
      <c r="N521215" s="10"/>
    </row>
    <row r="521216" spans="14:14">
      <c r="N521216" s="10"/>
    </row>
    <row r="521217" spans="14:14">
      <c r="N521217" s="10"/>
    </row>
    <row r="521218" spans="14:14">
      <c r="N521218" s="10"/>
    </row>
    <row r="521219" spans="14:14">
      <c r="N521219" s="10"/>
    </row>
    <row r="521220" spans="14:14">
      <c r="N521220" s="10"/>
    </row>
    <row r="521221" spans="14:14">
      <c r="N521221" s="10"/>
    </row>
    <row r="521222" spans="14:14">
      <c r="N521222" s="10"/>
    </row>
    <row r="521223" spans="14:14">
      <c r="N521223" s="10"/>
    </row>
    <row r="521224" spans="14:14">
      <c r="N521224" s="10"/>
    </row>
    <row r="521225" spans="14:14">
      <c r="N521225" s="10"/>
    </row>
    <row r="521226" spans="14:14">
      <c r="N521226" s="10"/>
    </row>
    <row r="521227" spans="14:14">
      <c r="N521227" s="10"/>
    </row>
    <row r="521228" spans="14:14">
      <c r="N521228" s="10"/>
    </row>
    <row r="521229" spans="14:14">
      <c r="N521229" s="10"/>
    </row>
    <row r="521230" spans="14:14">
      <c r="N521230" s="10"/>
    </row>
    <row r="521231" spans="14:14">
      <c r="N521231" s="10"/>
    </row>
    <row r="521232" spans="14:14">
      <c r="N521232" s="10"/>
    </row>
    <row r="521233" spans="14:14">
      <c r="N521233" s="10"/>
    </row>
    <row r="521234" spans="14:14">
      <c r="N521234" s="10"/>
    </row>
    <row r="521235" spans="14:14">
      <c r="N521235" s="10"/>
    </row>
    <row r="521236" spans="14:14">
      <c r="N521236" s="10"/>
    </row>
    <row r="521237" spans="14:14">
      <c r="N521237" s="10"/>
    </row>
    <row r="521238" spans="14:14">
      <c r="N521238" s="10"/>
    </row>
    <row r="521239" spans="14:14">
      <c r="N521239" s="10"/>
    </row>
    <row r="521240" spans="14:14">
      <c r="N521240" s="10"/>
    </row>
    <row r="521241" spans="14:14">
      <c r="N521241" s="10"/>
    </row>
    <row r="521242" spans="14:14">
      <c r="N521242" s="10"/>
    </row>
    <row r="521243" spans="14:14">
      <c r="N521243" s="10"/>
    </row>
    <row r="521244" spans="14:14">
      <c r="N521244" s="10"/>
    </row>
    <row r="521245" spans="14:14">
      <c r="N521245" s="10"/>
    </row>
    <row r="521246" spans="14:14">
      <c r="N521246" s="10"/>
    </row>
    <row r="521247" spans="14:14">
      <c r="N521247" s="10"/>
    </row>
    <row r="521248" spans="14:14">
      <c r="N521248" s="10"/>
    </row>
    <row r="521249" spans="14:14">
      <c r="N521249" s="10"/>
    </row>
    <row r="521250" spans="14:14">
      <c r="N521250" s="10"/>
    </row>
    <row r="521251" spans="14:14">
      <c r="N521251" s="10"/>
    </row>
    <row r="521252" spans="14:14">
      <c r="N521252" s="10"/>
    </row>
    <row r="521253" spans="14:14">
      <c r="N521253" s="10"/>
    </row>
    <row r="521254" spans="14:14">
      <c r="N521254" s="10"/>
    </row>
    <row r="521255" spans="14:14">
      <c r="N521255" s="10"/>
    </row>
    <row r="521256" spans="14:14">
      <c r="N521256" s="10"/>
    </row>
    <row r="521257" spans="14:14">
      <c r="N521257" s="10"/>
    </row>
    <row r="521258" spans="14:14">
      <c r="N521258" s="10"/>
    </row>
    <row r="521259" spans="14:14">
      <c r="N521259" s="10"/>
    </row>
    <row r="521260" spans="14:14">
      <c r="N521260" s="10"/>
    </row>
    <row r="521261" spans="14:14">
      <c r="N521261" s="10"/>
    </row>
    <row r="521262" spans="14:14">
      <c r="N521262" s="10"/>
    </row>
    <row r="521263" spans="14:14">
      <c r="N521263" s="10"/>
    </row>
    <row r="521264" spans="14:14">
      <c r="N521264" s="10"/>
    </row>
    <row r="521265" spans="14:14">
      <c r="N521265" s="10"/>
    </row>
    <row r="521266" spans="14:14">
      <c r="N521266" s="10"/>
    </row>
    <row r="521267" spans="14:14">
      <c r="N521267" s="10"/>
    </row>
    <row r="521268" spans="14:14">
      <c r="N521268" s="10"/>
    </row>
    <row r="521269" spans="14:14">
      <c r="N521269" s="10"/>
    </row>
    <row r="521270" spans="14:14">
      <c r="N521270" s="10"/>
    </row>
    <row r="521271" spans="14:14">
      <c r="N521271" s="10"/>
    </row>
    <row r="521272" spans="14:14">
      <c r="N521272" s="10"/>
    </row>
    <row r="521273" spans="14:14">
      <c r="N521273" s="10"/>
    </row>
    <row r="521274" spans="14:14">
      <c r="N521274" s="10"/>
    </row>
    <row r="521275" spans="14:14">
      <c r="N521275" s="10"/>
    </row>
    <row r="521276" spans="14:14">
      <c r="N521276" s="10"/>
    </row>
    <row r="521277" spans="14:14">
      <c r="N521277" s="10"/>
    </row>
    <row r="521278" spans="14:14">
      <c r="N521278" s="10"/>
    </row>
    <row r="521279" spans="14:14">
      <c r="N521279" s="10"/>
    </row>
    <row r="521280" spans="14:14">
      <c r="N521280" s="10"/>
    </row>
    <row r="521281" spans="14:14">
      <c r="N521281" s="10"/>
    </row>
    <row r="521282" spans="14:14">
      <c r="N521282" s="10"/>
    </row>
    <row r="521283" spans="14:14">
      <c r="N521283" s="10"/>
    </row>
    <row r="521284" spans="14:14">
      <c r="N521284" s="10"/>
    </row>
    <row r="521285" spans="14:14">
      <c r="N521285" s="10"/>
    </row>
    <row r="521286" spans="14:14">
      <c r="N521286" s="10"/>
    </row>
    <row r="521287" spans="14:14">
      <c r="N521287" s="10"/>
    </row>
    <row r="521288" spans="14:14">
      <c r="N521288" s="10"/>
    </row>
    <row r="521289" spans="14:14">
      <c r="N521289" s="10"/>
    </row>
    <row r="521290" spans="14:14">
      <c r="N521290" s="10"/>
    </row>
    <row r="521291" spans="14:14">
      <c r="N521291" s="10"/>
    </row>
    <row r="521292" spans="14:14">
      <c r="N521292" s="10"/>
    </row>
    <row r="521293" spans="14:14">
      <c r="N521293" s="10"/>
    </row>
    <row r="521294" spans="14:14">
      <c r="N521294" s="10"/>
    </row>
    <row r="521295" spans="14:14">
      <c r="N521295" s="10"/>
    </row>
    <row r="521296" spans="14:14">
      <c r="N521296" s="10"/>
    </row>
    <row r="521297" spans="14:14">
      <c r="N521297" s="10"/>
    </row>
    <row r="521298" spans="14:14">
      <c r="N521298" s="10"/>
    </row>
    <row r="521299" spans="14:14">
      <c r="N521299" s="10"/>
    </row>
    <row r="521300" spans="14:14">
      <c r="N521300" s="10"/>
    </row>
    <row r="521301" spans="14:14">
      <c r="N521301" s="10"/>
    </row>
    <row r="521302" spans="14:14">
      <c r="N521302" s="10"/>
    </row>
    <row r="521303" spans="14:14">
      <c r="N521303" s="10"/>
    </row>
    <row r="521304" spans="14:14">
      <c r="N521304" s="10"/>
    </row>
    <row r="521305" spans="14:14">
      <c r="N521305" s="10"/>
    </row>
    <row r="521306" spans="14:14">
      <c r="N521306" s="10"/>
    </row>
    <row r="521307" spans="14:14">
      <c r="N521307" s="10"/>
    </row>
    <row r="521308" spans="14:14">
      <c r="N521308" s="10"/>
    </row>
    <row r="521309" spans="14:14">
      <c r="N521309" s="10"/>
    </row>
    <row r="521310" spans="14:14">
      <c r="N521310" s="10"/>
    </row>
    <row r="521311" spans="14:14">
      <c r="N521311" s="10"/>
    </row>
    <row r="521312" spans="14:14">
      <c r="N521312" s="10"/>
    </row>
    <row r="521313" spans="14:14">
      <c r="N521313" s="10"/>
    </row>
    <row r="521314" spans="14:14">
      <c r="N521314" s="10"/>
    </row>
    <row r="521315" spans="14:14">
      <c r="N521315" s="10"/>
    </row>
    <row r="521316" spans="14:14">
      <c r="N521316" s="10"/>
    </row>
    <row r="521317" spans="14:14">
      <c r="N521317" s="10"/>
    </row>
    <row r="521318" spans="14:14">
      <c r="N521318" s="10"/>
    </row>
    <row r="521319" spans="14:14">
      <c r="N521319" s="10"/>
    </row>
    <row r="521320" spans="14:14">
      <c r="N521320" s="10"/>
    </row>
    <row r="521321" spans="14:14">
      <c r="N521321" s="10"/>
    </row>
    <row r="521322" spans="14:14">
      <c r="N521322" s="10"/>
    </row>
    <row r="521323" spans="14:14">
      <c r="N521323" s="10"/>
    </row>
    <row r="521324" spans="14:14">
      <c r="N521324" s="10"/>
    </row>
    <row r="521325" spans="14:14">
      <c r="N521325" s="10"/>
    </row>
    <row r="521326" spans="14:14">
      <c r="N521326" s="10"/>
    </row>
    <row r="521327" spans="14:14">
      <c r="N521327" s="10"/>
    </row>
    <row r="521328" spans="14:14">
      <c r="N521328" s="10"/>
    </row>
    <row r="521329" spans="14:14">
      <c r="N521329" s="10"/>
    </row>
    <row r="521330" spans="14:14">
      <c r="N521330" s="10"/>
    </row>
    <row r="521331" spans="14:14">
      <c r="N521331" s="10"/>
    </row>
    <row r="521332" spans="14:14">
      <c r="N521332" s="10"/>
    </row>
    <row r="521333" spans="14:14">
      <c r="N521333" s="10"/>
    </row>
    <row r="521334" spans="14:14">
      <c r="N521334" s="10"/>
    </row>
    <row r="521335" spans="14:14">
      <c r="N521335" s="10"/>
    </row>
    <row r="521336" spans="14:14">
      <c r="N521336" s="10"/>
    </row>
    <row r="521337" spans="14:14">
      <c r="N521337" s="10"/>
    </row>
    <row r="521338" spans="14:14">
      <c r="N521338" s="10"/>
    </row>
    <row r="521339" spans="14:14">
      <c r="N521339" s="10"/>
    </row>
    <row r="521340" spans="14:14">
      <c r="N521340" s="10"/>
    </row>
    <row r="521341" spans="14:14">
      <c r="N521341" s="10"/>
    </row>
    <row r="521342" spans="14:14">
      <c r="N521342" s="10"/>
    </row>
    <row r="521343" spans="14:14">
      <c r="N521343" s="10"/>
    </row>
    <row r="521344" spans="14:14">
      <c r="N521344" s="10"/>
    </row>
    <row r="521345" spans="14:14">
      <c r="N521345" s="10"/>
    </row>
    <row r="521346" spans="14:14">
      <c r="N521346" s="10"/>
    </row>
    <row r="521347" spans="14:14">
      <c r="N521347" s="10"/>
    </row>
    <row r="521348" spans="14:14">
      <c r="N521348" s="10"/>
    </row>
    <row r="521349" spans="14:14">
      <c r="N521349" s="10"/>
    </row>
    <row r="521350" spans="14:14">
      <c r="N521350" s="10"/>
    </row>
    <row r="521351" spans="14:14">
      <c r="N521351" s="10"/>
    </row>
    <row r="521352" spans="14:14">
      <c r="N521352" s="10"/>
    </row>
    <row r="521353" spans="14:14">
      <c r="N521353" s="10"/>
    </row>
    <row r="521354" spans="14:14">
      <c r="N521354" s="10"/>
    </row>
    <row r="521355" spans="14:14">
      <c r="N521355" s="10"/>
    </row>
    <row r="521356" spans="14:14">
      <c r="N521356" s="10"/>
    </row>
    <row r="521357" spans="14:14">
      <c r="N521357" s="10"/>
    </row>
    <row r="521358" spans="14:14">
      <c r="N521358" s="10"/>
    </row>
    <row r="521359" spans="14:14">
      <c r="N521359" s="10"/>
    </row>
    <row r="521360" spans="14:14">
      <c r="N521360" s="10"/>
    </row>
    <row r="521361" spans="14:14">
      <c r="N521361" s="10"/>
    </row>
    <row r="521362" spans="14:14">
      <c r="N521362" s="10"/>
    </row>
    <row r="521363" spans="14:14">
      <c r="N521363" s="10"/>
    </row>
    <row r="521364" spans="14:14">
      <c r="N521364" s="10"/>
    </row>
    <row r="521365" spans="14:14">
      <c r="N521365" s="10"/>
    </row>
    <row r="521366" spans="14:14">
      <c r="N521366" s="10"/>
    </row>
    <row r="521367" spans="14:14">
      <c r="N521367" s="10"/>
    </row>
    <row r="521368" spans="14:14">
      <c r="N521368" s="10"/>
    </row>
    <row r="521369" spans="14:14">
      <c r="N521369" s="10"/>
    </row>
    <row r="521370" spans="14:14">
      <c r="N521370" s="10"/>
    </row>
    <row r="521371" spans="14:14">
      <c r="N521371" s="10"/>
    </row>
    <row r="521372" spans="14:14">
      <c r="N521372" s="10"/>
    </row>
    <row r="521373" spans="14:14">
      <c r="N521373" s="10"/>
    </row>
    <row r="521374" spans="14:14">
      <c r="N521374" s="10"/>
    </row>
    <row r="521375" spans="14:14">
      <c r="N521375" s="10"/>
    </row>
    <row r="521376" spans="14:14">
      <c r="N521376" s="10"/>
    </row>
    <row r="521377" spans="14:14">
      <c r="N521377" s="10"/>
    </row>
    <row r="521378" spans="14:14">
      <c r="N521378" s="10"/>
    </row>
    <row r="521379" spans="14:14">
      <c r="N521379" s="10"/>
    </row>
    <row r="521380" spans="14:14">
      <c r="N521380" s="10"/>
    </row>
    <row r="521381" spans="14:14">
      <c r="N521381" s="10"/>
    </row>
    <row r="521382" spans="14:14">
      <c r="N521382" s="10"/>
    </row>
    <row r="521383" spans="14:14">
      <c r="N521383" s="10"/>
    </row>
    <row r="521384" spans="14:14">
      <c r="N521384" s="10"/>
    </row>
    <row r="521385" spans="14:14">
      <c r="N521385" s="10"/>
    </row>
    <row r="521386" spans="14:14">
      <c r="N521386" s="10"/>
    </row>
    <row r="521387" spans="14:14">
      <c r="N521387" s="10"/>
    </row>
    <row r="521388" spans="14:14">
      <c r="N521388" s="10"/>
    </row>
    <row r="521389" spans="14:14">
      <c r="N521389" s="10"/>
    </row>
    <row r="521390" spans="14:14">
      <c r="N521390" s="10"/>
    </row>
    <row r="521391" spans="14:14">
      <c r="N521391" s="10"/>
    </row>
    <row r="521392" spans="14:14">
      <c r="N521392" s="10"/>
    </row>
    <row r="521393" spans="14:14">
      <c r="N521393" s="10"/>
    </row>
    <row r="521394" spans="14:14">
      <c r="N521394" s="10"/>
    </row>
    <row r="521395" spans="14:14">
      <c r="N521395" s="10"/>
    </row>
    <row r="521396" spans="14:14">
      <c r="N521396" s="10"/>
    </row>
    <row r="521397" spans="14:14">
      <c r="N521397" s="10"/>
    </row>
    <row r="521398" spans="14:14">
      <c r="N521398" s="10"/>
    </row>
    <row r="521399" spans="14:14">
      <c r="N521399" s="10"/>
    </row>
    <row r="521400" spans="14:14">
      <c r="N521400" s="10"/>
    </row>
    <row r="521401" spans="14:14">
      <c r="N521401" s="10"/>
    </row>
    <row r="521402" spans="14:14">
      <c r="N521402" s="10"/>
    </row>
    <row r="521403" spans="14:14">
      <c r="N521403" s="10"/>
    </row>
    <row r="521404" spans="14:14">
      <c r="N521404" s="10"/>
    </row>
    <row r="521405" spans="14:14">
      <c r="N521405" s="10"/>
    </row>
    <row r="521406" spans="14:14">
      <c r="N521406" s="10"/>
    </row>
    <row r="521407" spans="14:14">
      <c r="N521407" s="10"/>
    </row>
    <row r="521408" spans="14:14">
      <c r="N521408" s="10"/>
    </row>
    <row r="521409" spans="14:14">
      <c r="N521409" s="10"/>
    </row>
    <row r="521410" spans="14:14">
      <c r="N521410" s="10"/>
    </row>
    <row r="521411" spans="14:14">
      <c r="N521411" s="10"/>
    </row>
    <row r="521412" spans="14:14">
      <c r="N521412" s="10"/>
    </row>
    <row r="521413" spans="14:14">
      <c r="N521413" s="10"/>
    </row>
    <row r="521414" spans="14:14">
      <c r="N521414" s="10"/>
    </row>
    <row r="521415" spans="14:14">
      <c r="N521415" s="10"/>
    </row>
    <row r="521416" spans="14:14">
      <c r="N521416" s="10"/>
    </row>
    <row r="521417" spans="14:14">
      <c r="N521417" s="10"/>
    </row>
    <row r="521418" spans="14:14">
      <c r="N521418" s="10"/>
    </row>
    <row r="521419" spans="14:14">
      <c r="N521419" s="10"/>
    </row>
    <row r="521420" spans="14:14">
      <c r="N521420" s="10"/>
    </row>
    <row r="521421" spans="14:14">
      <c r="N521421" s="10"/>
    </row>
    <row r="521422" spans="14:14">
      <c r="N521422" s="10"/>
    </row>
    <row r="521423" spans="14:14">
      <c r="N521423" s="10"/>
    </row>
    <row r="521424" spans="14:14">
      <c r="N521424" s="10"/>
    </row>
    <row r="521425" spans="14:14">
      <c r="N521425" s="10"/>
    </row>
    <row r="521426" spans="14:14">
      <c r="N521426" s="10"/>
    </row>
    <row r="521427" spans="14:14">
      <c r="N521427" s="10"/>
    </row>
    <row r="521428" spans="14:14">
      <c r="N521428" s="10"/>
    </row>
    <row r="521429" spans="14:14">
      <c r="N521429" s="10"/>
    </row>
    <row r="521430" spans="14:14">
      <c r="N521430" s="10"/>
    </row>
    <row r="521431" spans="14:14">
      <c r="N521431" s="10"/>
    </row>
    <row r="521432" spans="14:14">
      <c r="N521432" s="10"/>
    </row>
    <row r="521433" spans="14:14">
      <c r="N521433" s="10"/>
    </row>
    <row r="521434" spans="14:14">
      <c r="N521434" s="10"/>
    </row>
    <row r="521435" spans="14:14">
      <c r="N521435" s="10"/>
    </row>
    <row r="521436" spans="14:14">
      <c r="N521436" s="10"/>
    </row>
    <row r="521437" spans="14:14">
      <c r="N521437" s="10"/>
    </row>
    <row r="521438" spans="14:14">
      <c r="N521438" s="10"/>
    </row>
    <row r="521439" spans="14:14">
      <c r="N521439" s="10"/>
    </row>
    <row r="521440" spans="14:14">
      <c r="N521440" s="10"/>
    </row>
    <row r="521441" spans="14:14">
      <c r="N521441" s="10"/>
    </row>
    <row r="521442" spans="14:14">
      <c r="N521442" s="10"/>
    </row>
    <row r="521443" spans="14:14">
      <c r="N521443" s="10"/>
    </row>
    <row r="521444" spans="14:14">
      <c r="N521444" s="10"/>
    </row>
    <row r="521445" spans="14:14">
      <c r="N521445" s="10"/>
    </row>
    <row r="521446" spans="14:14">
      <c r="N521446" s="10"/>
    </row>
    <row r="521447" spans="14:14">
      <c r="N521447" s="10"/>
    </row>
    <row r="521448" spans="14:14">
      <c r="N521448" s="10"/>
    </row>
    <row r="521449" spans="14:14">
      <c r="N521449" s="10"/>
    </row>
    <row r="521450" spans="14:14">
      <c r="N521450" s="10"/>
    </row>
    <row r="521451" spans="14:14">
      <c r="N521451" s="10"/>
    </row>
    <row r="521452" spans="14:14">
      <c r="N521452" s="10"/>
    </row>
    <row r="521453" spans="14:14">
      <c r="N521453" s="10"/>
    </row>
    <row r="521454" spans="14:14">
      <c r="N521454" s="10"/>
    </row>
    <row r="521455" spans="14:14">
      <c r="N521455" s="10"/>
    </row>
    <row r="521456" spans="14:14">
      <c r="N521456" s="10"/>
    </row>
    <row r="521457" spans="14:14">
      <c r="N521457" s="10"/>
    </row>
    <row r="521458" spans="14:14">
      <c r="N521458" s="10"/>
    </row>
    <row r="521459" spans="14:14">
      <c r="N521459" s="10"/>
    </row>
    <row r="521460" spans="14:14">
      <c r="N521460" s="10"/>
    </row>
    <row r="521461" spans="14:14">
      <c r="N521461" s="10"/>
    </row>
    <row r="521462" spans="14:14">
      <c r="N521462" s="10"/>
    </row>
    <row r="521463" spans="14:14">
      <c r="N521463" s="10"/>
    </row>
    <row r="521464" spans="14:14">
      <c r="N521464" s="10"/>
    </row>
    <row r="521465" spans="14:14">
      <c r="N521465" s="10"/>
    </row>
    <row r="521466" spans="14:14">
      <c r="N521466" s="10"/>
    </row>
    <row r="521467" spans="14:14">
      <c r="N521467" s="10"/>
    </row>
    <row r="521468" spans="14:14">
      <c r="N521468" s="10"/>
    </row>
    <row r="521469" spans="14:14">
      <c r="N521469" s="10"/>
    </row>
    <row r="521470" spans="14:14">
      <c r="N521470" s="10"/>
    </row>
    <row r="521471" spans="14:14">
      <c r="N521471" s="10"/>
    </row>
    <row r="521472" spans="14:14">
      <c r="N521472" s="10"/>
    </row>
    <row r="521473" spans="14:14">
      <c r="N521473" s="10"/>
    </row>
    <row r="521474" spans="14:14">
      <c r="N521474" s="10"/>
    </row>
    <row r="521475" spans="14:14">
      <c r="N521475" s="10"/>
    </row>
    <row r="521476" spans="14:14">
      <c r="N521476" s="10"/>
    </row>
    <row r="521477" spans="14:14">
      <c r="N521477" s="10"/>
    </row>
    <row r="521478" spans="14:14">
      <c r="N521478" s="10"/>
    </row>
    <row r="521479" spans="14:14">
      <c r="N521479" s="10"/>
    </row>
    <row r="521480" spans="14:14">
      <c r="N521480" s="10"/>
    </row>
    <row r="521481" spans="14:14">
      <c r="N521481" s="10"/>
    </row>
    <row r="521482" spans="14:14">
      <c r="N521482" s="10"/>
    </row>
    <row r="521483" spans="14:14">
      <c r="N521483" s="10"/>
    </row>
    <row r="521484" spans="14:14">
      <c r="N521484" s="10"/>
    </row>
    <row r="521485" spans="14:14">
      <c r="N521485" s="10"/>
    </row>
    <row r="521486" spans="14:14">
      <c r="N521486" s="10"/>
    </row>
    <row r="521487" spans="14:14">
      <c r="N521487" s="10"/>
    </row>
    <row r="521488" spans="14:14">
      <c r="N521488" s="10"/>
    </row>
    <row r="521489" spans="14:14">
      <c r="N521489" s="10"/>
    </row>
    <row r="521490" spans="14:14">
      <c r="N521490" s="10"/>
    </row>
    <row r="521491" spans="14:14">
      <c r="N521491" s="10"/>
    </row>
    <row r="521492" spans="14:14">
      <c r="N521492" s="10"/>
    </row>
    <row r="521493" spans="14:14">
      <c r="N521493" s="10"/>
    </row>
    <row r="521494" spans="14:14">
      <c r="N521494" s="10"/>
    </row>
    <row r="521495" spans="14:14">
      <c r="N521495" s="10"/>
    </row>
    <row r="521496" spans="14:14">
      <c r="N521496" s="10"/>
    </row>
    <row r="521497" spans="14:14">
      <c r="N521497" s="10"/>
    </row>
    <row r="521498" spans="14:14">
      <c r="N521498" s="10"/>
    </row>
    <row r="521499" spans="14:14">
      <c r="N521499" s="10"/>
    </row>
    <row r="521500" spans="14:14">
      <c r="N521500" s="10"/>
    </row>
    <row r="521501" spans="14:14">
      <c r="N521501" s="10"/>
    </row>
    <row r="521502" spans="14:14">
      <c r="N521502" s="10"/>
    </row>
    <row r="521503" spans="14:14">
      <c r="N521503" s="10"/>
    </row>
    <row r="521504" spans="14:14">
      <c r="N521504" s="10"/>
    </row>
    <row r="521505" spans="14:14">
      <c r="N521505" s="10"/>
    </row>
    <row r="521506" spans="14:14">
      <c r="N521506" s="10"/>
    </row>
    <row r="521507" spans="14:14">
      <c r="N521507" s="10"/>
    </row>
    <row r="521508" spans="14:14">
      <c r="N521508" s="10"/>
    </row>
    <row r="521509" spans="14:14">
      <c r="N521509" s="10"/>
    </row>
    <row r="521510" spans="14:14">
      <c r="N521510" s="10"/>
    </row>
    <row r="521511" spans="14:14">
      <c r="N521511" s="10"/>
    </row>
    <row r="521512" spans="14:14">
      <c r="N521512" s="10"/>
    </row>
    <row r="521513" spans="14:14">
      <c r="N521513" s="10"/>
    </row>
    <row r="521514" spans="14:14">
      <c r="N521514" s="10"/>
    </row>
    <row r="521515" spans="14:14">
      <c r="N521515" s="10"/>
    </row>
    <row r="521516" spans="14:14">
      <c r="N521516" s="10"/>
    </row>
    <row r="521517" spans="14:14">
      <c r="N521517" s="10"/>
    </row>
    <row r="521518" spans="14:14">
      <c r="N521518" s="10"/>
    </row>
    <row r="521519" spans="14:14">
      <c r="N521519" s="10"/>
    </row>
    <row r="521520" spans="14:14">
      <c r="N521520" s="10"/>
    </row>
    <row r="521521" spans="14:14">
      <c r="N521521" s="10"/>
    </row>
    <row r="521522" spans="14:14">
      <c r="N521522" s="10"/>
    </row>
    <row r="521523" spans="14:14">
      <c r="N521523" s="10"/>
    </row>
    <row r="521524" spans="14:14">
      <c r="N521524" s="10"/>
    </row>
    <row r="521525" spans="14:14">
      <c r="N521525" s="10"/>
    </row>
    <row r="521526" spans="14:14">
      <c r="N521526" s="10"/>
    </row>
    <row r="521527" spans="14:14">
      <c r="N521527" s="10"/>
    </row>
    <row r="521528" spans="14:14">
      <c r="N521528" s="10"/>
    </row>
    <row r="521529" spans="14:14">
      <c r="N521529" s="10"/>
    </row>
    <row r="521530" spans="14:14">
      <c r="N521530" s="10"/>
    </row>
    <row r="521531" spans="14:14">
      <c r="N521531" s="10"/>
    </row>
    <row r="521532" spans="14:14">
      <c r="N521532" s="10"/>
    </row>
    <row r="521533" spans="14:14">
      <c r="N521533" s="10"/>
    </row>
    <row r="521534" spans="14:14">
      <c r="N521534" s="10"/>
    </row>
    <row r="521535" spans="14:14">
      <c r="N521535" s="10"/>
    </row>
    <row r="521536" spans="14:14">
      <c r="N521536" s="10"/>
    </row>
    <row r="521537" spans="14:14">
      <c r="N521537" s="10"/>
    </row>
    <row r="521538" spans="14:14">
      <c r="N521538" s="10"/>
    </row>
    <row r="521539" spans="14:14">
      <c r="N521539" s="10"/>
    </row>
    <row r="521540" spans="14:14">
      <c r="N521540" s="10"/>
    </row>
    <row r="521541" spans="14:14">
      <c r="N521541" s="10"/>
    </row>
    <row r="521542" spans="14:14">
      <c r="N521542" s="10"/>
    </row>
    <row r="521543" spans="14:14">
      <c r="N521543" s="10"/>
    </row>
    <row r="521544" spans="14:14">
      <c r="N521544" s="10"/>
    </row>
    <row r="521545" spans="14:14">
      <c r="N521545" s="10"/>
    </row>
    <row r="521546" spans="14:14">
      <c r="N521546" s="10"/>
    </row>
    <row r="521547" spans="14:14">
      <c r="N521547" s="10"/>
    </row>
    <row r="521548" spans="14:14">
      <c r="N521548" s="10"/>
    </row>
    <row r="521549" spans="14:14">
      <c r="N521549" s="10"/>
    </row>
    <row r="521550" spans="14:14">
      <c r="N521550" s="10"/>
    </row>
    <row r="521551" spans="14:14">
      <c r="N521551" s="10"/>
    </row>
    <row r="521552" spans="14:14">
      <c r="N521552" s="10"/>
    </row>
    <row r="521553" spans="14:14">
      <c r="N521553" s="10"/>
    </row>
    <row r="521554" spans="14:14">
      <c r="N521554" s="10"/>
    </row>
    <row r="521555" spans="14:14">
      <c r="N521555" s="10"/>
    </row>
    <row r="521556" spans="14:14">
      <c r="N521556" s="10"/>
    </row>
    <row r="521557" spans="14:14">
      <c r="N521557" s="10"/>
    </row>
    <row r="521558" spans="14:14">
      <c r="N521558" s="10"/>
    </row>
    <row r="521559" spans="14:14">
      <c r="N521559" s="10"/>
    </row>
    <row r="521560" spans="14:14">
      <c r="N521560" s="10"/>
    </row>
    <row r="521561" spans="14:14">
      <c r="N521561" s="10"/>
    </row>
    <row r="521562" spans="14:14">
      <c r="N521562" s="10"/>
    </row>
    <row r="521563" spans="14:14">
      <c r="N521563" s="10"/>
    </row>
    <row r="521564" spans="14:14">
      <c r="N521564" s="10"/>
    </row>
    <row r="521565" spans="14:14">
      <c r="N521565" s="10"/>
    </row>
    <row r="521566" spans="14:14">
      <c r="N521566" s="10"/>
    </row>
    <row r="521567" spans="14:14">
      <c r="N521567" s="10"/>
    </row>
    <row r="521568" spans="14:14">
      <c r="N521568" s="10"/>
    </row>
    <row r="521569" spans="14:14">
      <c r="N521569" s="10"/>
    </row>
    <row r="521570" spans="14:14">
      <c r="N521570" s="10"/>
    </row>
    <row r="521571" spans="14:14">
      <c r="N521571" s="10"/>
    </row>
    <row r="521572" spans="14:14">
      <c r="N521572" s="10"/>
    </row>
    <row r="521573" spans="14:14">
      <c r="N521573" s="10"/>
    </row>
    <row r="521574" spans="14:14">
      <c r="N521574" s="10"/>
    </row>
    <row r="521575" spans="14:14">
      <c r="N521575" s="10"/>
    </row>
    <row r="521576" spans="14:14">
      <c r="N521576" s="10"/>
    </row>
    <row r="521577" spans="14:14">
      <c r="N521577" s="10"/>
    </row>
    <row r="521578" spans="14:14">
      <c r="N521578" s="10"/>
    </row>
    <row r="521579" spans="14:14">
      <c r="N521579" s="10"/>
    </row>
    <row r="521580" spans="14:14">
      <c r="N521580" s="10"/>
    </row>
    <row r="521581" spans="14:14">
      <c r="N521581" s="10"/>
    </row>
    <row r="521582" spans="14:14">
      <c r="N521582" s="10"/>
    </row>
    <row r="521583" spans="14:14">
      <c r="N521583" s="10"/>
    </row>
    <row r="521584" spans="14:14">
      <c r="N521584" s="10"/>
    </row>
    <row r="521585" spans="14:14">
      <c r="N521585" s="10"/>
    </row>
    <row r="521586" spans="14:14">
      <c r="N521586" s="10"/>
    </row>
    <row r="521587" spans="14:14">
      <c r="N521587" s="10"/>
    </row>
    <row r="521588" spans="14:14">
      <c r="N521588" s="10"/>
    </row>
    <row r="521589" spans="14:14">
      <c r="N521589" s="10"/>
    </row>
    <row r="521590" spans="14:14">
      <c r="N521590" s="10"/>
    </row>
    <row r="521591" spans="14:14">
      <c r="N521591" s="10"/>
    </row>
    <row r="521592" spans="14:14">
      <c r="N521592" s="10"/>
    </row>
    <row r="521593" spans="14:14">
      <c r="N521593" s="10"/>
    </row>
    <row r="521594" spans="14:14">
      <c r="N521594" s="10"/>
    </row>
    <row r="521595" spans="14:14">
      <c r="N521595" s="10"/>
    </row>
    <row r="521596" spans="14:14">
      <c r="N521596" s="10"/>
    </row>
    <row r="521597" spans="14:14">
      <c r="N521597" s="10"/>
    </row>
    <row r="521598" spans="14:14">
      <c r="N521598" s="10"/>
    </row>
    <row r="521599" spans="14:14">
      <c r="N521599" s="10"/>
    </row>
    <row r="521600" spans="14:14">
      <c r="N521600" s="10"/>
    </row>
    <row r="521601" spans="14:14">
      <c r="N521601" s="10"/>
    </row>
    <row r="521602" spans="14:14">
      <c r="N521602" s="10"/>
    </row>
    <row r="521603" spans="14:14">
      <c r="N521603" s="10"/>
    </row>
    <row r="521604" spans="14:14">
      <c r="N521604" s="10"/>
    </row>
    <row r="521605" spans="14:14">
      <c r="N521605" s="10"/>
    </row>
    <row r="521606" spans="14:14">
      <c r="N521606" s="10"/>
    </row>
    <row r="521607" spans="14:14">
      <c r="N521607" s="10"/>
    </row>
    <row r="521608" spans="14:14">
      <c r="N521608" s="10"/>
    </row>
    <row r="521609" spans="14:14">
      <c r="N521609" s="10"/>
    </row>
    <row r="521610" spans="14:14">
      <c r="N521610" s="10"/>
    </row>
    <row r="521611" spans="14:14">
      <c r="N521611" s="10"/>
    </row>
    <row r="521612" spans="14:14">
      <c r="N521612" s="10"/>
    </row>
    <row r="521613" spans="14:14">
      <c r="N521613" s="10"/>
    </row>
    <row r="521614" spans="14:14">
      <c r="N521614" s="10"/>
    </row>
    <row r="521615" spans="14:14">
      <c r="N521615" s="10"/>
    </row>
    <row r="521616" spans="14:14">
      <c r="N521616" s="10"/>
    </row>
    <row r="521617" spans="14:14">
      <c r="N521617" s="10"/>
    </row>
    <row r="521618" spans="14:14">
      <c r="N521618" s="10"/>
    </row>
    <row r="521619" spans="14:14">
      <c r="N521619" s="10"/>
    </row>
    <row r="521620" spans="14:14">
      <c r="N521620" s="10"/>
    </row>
    <row r="521621" spans="14:14">
      <c r="N521621" s="10"/>
    </row>
    <row r="521622" spans="14:14">
      <c r="N521622" s="10"/>
    </row>
    <row r="521623" spans="14:14">
      <c r="N521623" s="10"/>
    </row>
    <row r="521624" spans="14:14">
      <c r="N521624" s="10"/>
    </row>
    <row r="521625" spans="14:14">
      <c r="N521625" s="10"/>
    </row>
    <row r="521626" spans="14:14">
      <c r="N521626" s="10"/>
    </row>
    <row r="521627" spans="14:14">
      <c r="N521627" s="10"/>
    </row>
    <row r="521628" spans="14:14">
      <c r="N521628" s="10"/>
    </row>
    <row r="521629" spans="14:14">
      <c r="N521629" s="10"/>
    </row>
    <row r="521630" spans="14:14">
      <c r="N521630" s="10"/>
    </row>
    <row r="521631" spans="14:14">
      <c r="N521631" s="10"/>
    </row>
    <row r="521632" spans="14:14">
      <c r="N521632" s="10"/>
    </row>
    <row r="521633" spans="14:14">
      <c r="N521633" s="10"/>
    </row>
    <row r="521634" spans="14:14">
      <c r="N521634" s="10"/>
    </row>
    <row r="521635" spans="14:14">
      <c r="N521635" s="10"/>
    </row>
    <row r="521636" spans="14:14">
      <c r="N521636" s="10"/>
    </row>
    <row r="521637" spans="14:14">
      <c r="N521637" s="10"/>
    </row>
    <row r="521638" spans="14:14">
      <c r="N521638" s="10"/>
    </row>
    <row r="521639" spans="14:14">
      <c r="N521639" s="10"/>
    </row>
    <row r="521640" spans="14:14">
      <c r="N521640" s="10"/>
    </row>
    <row r="521641" spans="14:14">
      <c r="N521641" s="10"/>
    </row>
    <row r="521642" spans="14:14">
      <c r="N521642" s="10"/>
    </row>
    <row r="521643" spans="14:14">
      <c r="N521643" s="10"/>
    </row>
    <row r="521644" spans="14:14">
      <c r="N521644" s="10"/>
    </row>
    <row r="521645" spans="14:14">
      <c r="N521645" s="10"/>
    </row>
    <row r="521646" spans="14:14">
      <c r="N521646" s="10"/>
    </row>
    <row r="521647" spans="14:14">
      <c r="N521647" s="10"/>
    </row>
    <row r="521648" spans="14:14">
      <c r="N521648" s="10"/>
    </row>
    <row r="521649" spans="14:14">
      <c r="N521649" s="10"/>
    </row>
    <row r="521650" spans="14:14">
      <c r="N521650" s="10"/>
    </row>
    <row r="521651" spans="14:14">
      <c r="N521651" s="10"/>
    </row>
    <row r="521652" spans="14:14">
      <c r="N521652" s="10"/>
    </row>
    <row r="521653" spans="14:14">
      <c r="N521653" s="10"/>
    </row>
    <row r="521654" spans="14:14">
      <c r="N521654" s="10"/>
    </row>
    <row r="521655" spans="14:14">
      <c r="N521655" s="10"/>
    </row>
    <row r="521656" spans="14:14">
      <c r="N521656" s="10"/>
    </row>
    <row r="521657" spans="14:14">
      <c r="N521657" s="10"/>
    </row>
    <row r="521658" spans="14:14">
      <c r="N521658" s="10"/>
    </row>
    <row r="521659" spans="14:14">
      <c r="N521659" s="10"/>
    </row>
    <row r="521660" spans="14:14">
      <c r="N521660" s="10"/>
    </row>
    <row r="521661" spans="14:14">
      <c r="N521661" s="10"/>
    </row>
    <row r="521662" spans="14:14">
      <c r="N521662" s="10"/>
    </row>
    <row r="521663" spans="14:14">
      <c r="N521663" s="10"/>
    </row>
    <row r="521664" spans="14:14">
      <c r="N521664" s="10"/>
    </row>
    <row r="521665" spans="14:14">
      <c r="N521665" s="10"/>
    </row>
    <row r="521666" spans="14:14">
      <c r="N521666" s="10"/>
    </row>
    <row r="521667" spans="14:14">
      <c r="N521667" s="10"/>
    </row>
    <row r="521668" spans="14:14">
      <c r="N521668" s="10"/>
    </row>
    <row r="521669" spans="14:14">
      <c r="N521669" s="10"/>
    </row>
    <row r="521670" spans="14:14">
      <c r="N521670" s="10"/>
    </row>
    <row r="521671" spans="14:14">
      <c r="N521671" s="10"/>
    </row>
    <row r="521672" spans="14:14">
      <c r="N521672" s="10"/>
    </row>
    <row r="521673" spans="14:14">
      <c r="N521673" s="10"/>
    </row>
    <row r="521674" spans="14:14">
      <c r="N521674" s="10"/>
    </row>
    <row r="521675" spans="14:14">
      <c r="N521675" s="10"/>
    </row>
    <row r="521676" spans="14:14">
      <c r="N521676" s="10"/>
    </row>
    <row r="521677" spans="14:14">
      <c r="N521677" s="10"/>
    </row>
    <row r="521678" spans="14:14">
      <c r="N521678" s="10"/>
    </row>
    <row r="521679" spans="14:14">
      <c r="N521679" s="10"/>
    </row>
    <row r="521680" spans="14:14">
      <c r="N521680" s="10"/>
    </row>
    <row r="521681" spans="14:14">
      <c r="N521681" s="10"/>
    </row>
    <row r="521682" spans="14:14">
      <c r="N521682" s="10"/>
    </row>
    <row r="521683" spans="14:14">
      <c r="N521683" s="10"/>
    </row>
    <row r="521684" spans="14:14">
      <c r="N521684" s="10"/>
    </row>
    <row r="521685" spans="14:14">
      <c r="N521685" s="10"/>
    </row>
    <row r="521686" spans="14:14">
      <c r="N521686" s="10"/>
    </row>
    <row r="521687" spans="14:14">
      <c r="N521687" s="10"/>
    </row>
    <row r="521688" spans="14:14">
      <c r="N521688" s="10"/>
    </row>
    <row r="521689" spans="14:14">
      <c r="N521689" s="10"/>
    </row>
    <row r="521690" spans="14:14">
      <c r="N521690" s="10"/>
    </row>
    <row r="521691" spans="14:14">
      <c r="N521691" s="10"/>
    </row>
    <row r="521692" spans="14:14">
      <c r="N521692" s="10"/>
    </row>
    <row r="521693" spans="14:14">
      <c r="N521693" s="10"/>
    </row>
    <row r="521694" spans="14:14">
      <c r="N521694" s="10"/>
    </row>
    <row r="521695" spans="14:14">
      <c r="N521695" s="10"/>
    </row>
    <row r="521696" spans="14:14">
      <c r="N521696" s="10"/>
    </row>
    <row r="521697" spans="14:14">
      <c r="N521697" s="10"/>
    </row>
    <row r="521698" spans="14:14">
      <c r="N521698" s="10"/>
    </row>
    <row r="521699" spans="14:14">
      <c r="N521699" s="10"/>
    </row>
    <row r="521700" spans="14:14">
      <c r="N521700" s="10"/>
    </row>
    <row r="521701" spans="14:14">
      <c r="N521701" s="10"/>
    </row>
    <row r="521702" spans="14:14">
      <c r="N521702" s="10"/>
    </row>
    <row r="521703" spans="14:14">
      <c r="N521703" s="10"/>
    </row>
    <row r="521704" spans="14:14">
      <c r="N521704" s="10"/>
    </row>
    <row r="521705" spans="14:14">
      <c r="N521705" s="10"/>
    </row>
    <row r="521706" spans="14:14">
      <c r="N521706" s="10"/>
    </row>
    <row r="521707" spans="14:14">
      <c r="N521707" s="10"/>
    </row>
    <row r="521708" spans="14:14">
      <c r="N521708" s="10"/>
    </row>
    <row r="521709" spans="14:14">
      <c r="N521709" s="10"/>
    </row>
    <row r="521710" spans="14:14">
      <c r="N521710" s="10"/>
    </row>
    <row r="521711" spans="14:14">
      <c r="N521711" s="10"/>
    </row>
    <row r="521712" spans="14:14">
      <c r="N521712" s="10"/>
    </row>
    <row r="521713" spans="14:14">
      <c r="N521713" s="10"/>
    </row>
    <row r="521714" spans="14:14">
      <c r="N521714" s="10"/>
    </row>
    <row r="521715" spans="14:14">
      <c r="N521715" s="10"/>
    </row>
    <row r="521716" spans="14:14">
      <c r="N521716" s="10"/>
    </row>
    <row r="521717" spans="14:14">
      <c r="N521717" s="10"/>
    </row>
    <row r="521718" spans="14:14">
      <c r="N521718" s="10"/>
    </row>
    <row r="521719" spans="14:14">
      <c r="N521719" s="10"/>
    </row>
    <row r="521720" spans="14:14">
      <c r="N521720" s="10"/>
    </row>
    <row r="521721" spans="14:14">
      <c r="N521721" s="10"/>
    </row>
    <row r="521722" spans="14:14">
      <c r="N521722" s="10"/>
    </row>
    <row r="521723" spans="14:14">
      <c r="N521723" s="10"/>
    </row>
    <row r="521724" spans="14:14">
      <c r="N521724" s="10"/>
    </row>
    <row r="521725" spans="14:14">
      <c r="N521725" s="10"/>
    </row>
    <row r="521726" spans="14:14">
      <c r="N521726" s="10"/>
    </row>
    <row r="521727" spans="14:14">
      <c r="N521727" s="10"/>
    </row>
    <row r="521728" spans="14:14">
      <c r="N521728" s="10"/>
    </row>
    <row r="521729" spans="14:14">
      <c r="N521729" s="10"/>
    </row>
    <row r="521730" spans="14:14">
      <c r="N521730" s="10"/>
    </row>
    <row r="521731" spans="14:14">
      <c r="N521731" s="10"/>
    </row>
    <row r="521732" spans="14:14">
      <c r="N521732" s="10"/>
    </row>
    <row r="521733" spans="14:14">
      <c r="N521733" s="10"/>
    </row>
    <row r="521734" spans="14:14">
      <c r="N521734" s="10"/>
    </row>
    <row r="521735" spans="14:14">
      <c r="N521735" s="10"/>
    </row>
    <row r="521736" spans="14:14">
      <c r="N521736" s="10"/>
    </row>
    <row r="521737" spans="14:14">
      <c r="N521737" s="10"/>
    </row>
    <row r="521738" spans="14:14">
      <c r="N521738" s="10"/>
    </row>
    <row r="521739" spans="14:14">
      <c r="N521739" s="10"/>
    </row>
    <row r="521740" spans="14:14">
      <c r="N521740" s="10"/>
    </row>
    <row r="521741" spans="14:14">
      <c r="N521741" s="10"/>
    </row>
    <row r="521742" spans="14:14">
      <c r="N521742" s="10"/>
    </row>
    <row r="521743" spans="14:14">
      <c r="N521743" s="10"/>
    </row>
    <row r="521744" spans="14:14">
      <c r="N521744" s="10"/>
    </row>
    <row r="521745" spans="14:14">
      <c r="N521745" s="10"/>
    </row>
    <row r="521746" spans="14:14">
      <c r="N521746" s="10"/>
    </row>
    <row r="521747" spans="14:14">
      <c r="N521747" s="10"/>
    </row>
    <row r="521748" spans="14:14">
      <c r="N521748" s="10"/>
    </row>
    <row r="521749" spans="14:14">
      <c r="N521749" s="10"/>
    </row>
    <row r="521750" spans="14:14">
      <c r="N521750" s="10"/>
    </row>
    <row r="521751" spans="14:14">
      <c r="N521751" s="10"/>
    </row>
    <row r="521752" spans="14:14">
      <c r="N521752" s="10"/>
    </row>
    <row r="521753" spans="14:14">
      <c r="N521753" s="10"/>
    </row>
    <row r="521754" spans="14:14">
      <c r="N521754" s="10"/>
    </row>
    <row r="521755" spans="14:14">
      <c r="N521755" s="10"/>
    </row>
    <row r="521756" spans="14:14">
      <c r="N521756" s="10"/>
    </row>
    <row r="521757" spans="14:14">
      <c r="N521757" s="10"/>
    </row>
    <row r="521758" spans="14:14">
      <c r="N521758" s="10"/>
    </row>
    <row r="521759" spans="14:14">
      <c r="N521759" s="10"/>
    </row>
    <row r="521760" spans="14:14">
      <c r="N521760" s="10"/>
    </row>
    <row r="521761" spans="14:14">
      <c r="N521761" s="10"/>
    </row>
    <row r="521762" spans="14:14">
      <c r="N521762" s="10"/>
    </row>
    <row r="521763" spans="14:14">
      <c r="N521763" s="10"/>
    </row>
    <row r="521764" spans="14:14">
      <c r="N521764" s="10"/>
    </row>
    <row r="521765" spans="14:14">
      <c r="N521765" s="10"/>
    </row>
    <row r="521766" spans="14:14">
      <c r="N521766" s="10"/>
    </row>
    <row r="521767" spans="14:14">
      <c r="N521767" s="10"/>
    </row>
    <row r="521768" spans="14:14">
      <c r="N521768" s="10"/>
    </row>
    <row r="521769" spans="14:14">
      <c r="N521769" s="10"/>
    </row>
    <row r="521770" spans="14:14">
      <c r="N521770" s="10"/>
    </row>
    <row r="521771" spans="14:14">
      <c r="N521771" s="10"/>
    </row>
    <row r="521772" spans="14:14">
      <c r="N521772" s="10"/>
    </row>
    <row r="521773" spans="14:14">
      <c r="N521773" s="10"/>
    </row>
    <row r="521774" spans="14:14">
      <c r="N521774" s="10"/>
    </row>
    <row r="521775" spans="14:14">
      <c r="N521775" s="10"/>
    </row>
    <row r="521776" spans="14:14">
      <c r="N521776" s="10"/>
    </row>
    <row r="521777" spans="14:14">
      <c r="N521777" s="10"/>
    </row>
    <row r="521778" spans="14:14">
      <c r="N521778" s="10"/>
    </row>
    <row r="521779" spans="14:14">
      <c r="N521779" s="10"/>
    </row>
    <row r="521780" spans="14:14">
      <c r="N521780" s="10"/>
    </row>
    <row r="521781" spans="14:14">
      <c r="N521781" s="10"/>
    </row>
    <row r="521782" spans="14:14">
      <c r="N521782" s="10"/>
    </row>
    <row r="521783" spans="14:14">
      <c r="N521783" s="10"/>
    </row>
    <row r="521784" spans="14:14">
      <c r="N521784" s="10"/>
    </row>
    <row r="521785" spans="14:14">
      <c r="N521785" s="10"/>
    </row>
    <row r="521786" spans="14:14">
      <c r="N521786" s="10"/>
    </row>
    <row r="521787" spans="14:14">
      <c r="N521787" s="10"/>
    </row>
    <row r="521788" spans="14:14">
      <c r="N521788" s="10"/>
    </row>
    <row r="521789" spans="14:14">
      <c r="N521789" s="10"/>
    </row>
    <row r="521790" spans="14:14">
      <c r="N521790" s="10"/>
    </row>
    <row r="521791" spans="14:14">
      <c r="N521791" s="10"/>
    </row>
    <row r="521792" spans="14:14">
      <c r="N521792" s="10"/>
    </row>
    <row r="521793" spans="14:14">
      <c r="N521793" s="10"/>
    </row>
    <row r="521794" spans="14:14">
      <c r="N521794" s="10"/>
    </row>
    <row r="521795" spans="14:14">
      <c r="N521795" s="10"/>
    </row>
    <row r="521796" spans="14:14">
      <c r="N521796" s="10"/>
    </row>
    <row r="521797" spans="14:14">
      <c r="N521797" s="10"/>
    </row>
    <row r="521798" spans="14:14">
      <c r="N521798" s="10"/>
    </row>
    <row r="521799" spans="14:14">
      <c r="N521799" s="10"/>
    </row>
    <row r="521800" spans="14:14">
      <c r="N521800" s="10"/>
    </row>
    <row r="521801" spans="14:14">
      <c r="N521801" s="10"/>
    </row>
    <row r="521802" spans="14:14">
      <c r="N521802" s="10"/>
    </row>
    <row r="521803" spans="14:14">
      <c r="N521803" s="10"/>
    </row>
    <row r="521804" spans="14:14">
      <c r="N521804" s="10"/>
    </row>
    <row r="521805" spans="14:14">
      <c r="N521805" s="10"/>
    </row>
    <row r="521806" spans="14:14">
      <c r="N521806" s="10"/>
    </row>
    <row r="521807" spans="14:14">
      <c r="N521807" s="10"/>
    </row>
    <row r="521808" spans="14:14">
      <c r="N521808" s="10"/>
    </row>
    <row r="521809" spans="14:14">
      <c r="N521809" s="10"/>
    </row>
    <row r="521810" spans="14:14">
      <c r="N521810" s="10"/>
    </row>
    <row r="521811" spans="14:14">
      <c r="N521811" s="10"/>
    </row>
    <row r="521812" spans="14:14">
      <c r="N521812" s="10"/>
    </row>
    <row r="521813" spans="14:14">
      <c r="N521813" s="10"/>
    </row>
    <row r="521814" spans="14:14">
      <c r="N521814" s="10"/>
    </row>
    <row r="521815" spans="14:14">
      <c r="N521815" s="10"/>
    </row>
    <row r="521816" spans="14:14">
      <c r="N521816" s="10"/>
    </row>
    <row r="521817" spans="14:14">
      <c r="N521817" s="10"/>
    </row>
    <row r="521818" spans="14:14">
      <c r="N521818" s="10"/>
    </row>
    <row r="521819" spans="14:14">
      <c r="N521819" s="10"/>
    </row>
    <row r="521820" spans="14:14">
      <c r="N521820" s="10"/>
    </row>
    <row r="521821" spans="14:14">
      <c r="N521821" s="10"/>
    </row>
    <row r="521822" spans="14:14">
      <c r="N521822" s="10"/>
    </row>
    <row r="521823" spans="14:14">
      <c r="N521823" s="10"/>
    </row>
    <row r="521824" spans="14:14">
      <c r="N521824" s="10"/>
    </row>
    <row r="521825" spans="14:14">
      <c r="N521825" s="10"/>
    </row>
    <row r="521826" spans="14:14">
      <c r="N521826" s="10"/>
    </row>
    <row r="521827" spans="14:14">
      <c r="N521827" s="10"/>
    </row>
    <row r="521828" spans="14:14">
      <c r="N521828" s="10"/>
    </row>
    <row r="521829" spans="14:14">
      <c r="N521829" s="10"/>
    </row>
    <row r="521830" spans="14:14">
      <c r="N521830" s="10"/>
    </row>
    <row r="521831" spans="14:14">
      <c r="N521831" s="10"/>
    </row>
    <row r="521832" spans="14:14">
      <c r="N521832" s="10"/>
    </row>
    <row r="521833" spans="14:14">
      <c r="N521833" s="10"/>
    </row>
    <row r="521834" spans="14:14">
      <c r="N521834" s="10"/>
    </row>
    <row r="521835" spans="14:14">
      <c r="N521835" s="10"/>
    </row>
    <row r="521836" spans="14:14">
      <c r="N521836" s="10"/>
    </row>
    <row r="521837" spans="14:14">
      <c r="N521837" s="10"/>
    </row>
    <row r="521838" spans="14:14">
      <c r="N521838" s="10"/>
    </row>
    <row r="521839" spans="14:14">
      <c r="N521839" s="10"/>
    </row>
    <row r="521840" spans="14:14">
      <c r="N521840" s="10"/>
    </row>
    <row r="521841" spans="14:14">
      <c r="N521841" s="10"/>
    </row>
    <row r="521842" spans="14:14">
      <c r="N521842" s="10"/>
    </row>
    <row r="521843" spans="14:14">
      <c r="N521843" s="10"/>
    </row>
    <row r="521844" spans="14:14">
      <c r="N521844" s="10"/>
    </row>
    <row r="521845" spans="14:14">
      <c r="N521845" s="10"/>
    </row>
    <row r="521846" spans="14:14">
      <c r="N521846" s="10"/>
    </row>
    <row r="521847" spans="14:14">
      <c r="N521847" s="10"/>
    </row>
    <row r="521848" spans="14:14">
      <c r="N521848" s="10"/>
    </row>
    <row r="521849" spans="14:14">
      <c r="N521849" s="10"/>
    </row>
    <row r="521850" spans="14:14">
      <c r="N521850" s="10"/>
    </row>
    <row r="521851" spans="14:14">
      <c r="N521851" s="10"/>
    </row>
    <row r="521852" spans="14:14">
      <c r="N521852" s="10"/>
    </row>
    <row r="521853" spans="14:14">
      <c r="N521853" s="10"/>
    </row>
    <row r="521854" spans="14:14">
      <c r="N521854" s="10"/>
    </row>
    <row r="521855" spans="14:14">
      <c r="N521855" s="10"/>
    </row>
    <row r="521856" spans="14:14">
      <c r="N521856" s="10"/>
    </row>
    <row r="521857" spans="14:14">
      <c r="N521857" s="10"/>
    </row>
    <row r="521858" spans="14:14">
      <c r="N521858" s="10"/>
    </row>
    <row r="521859" spans="14:14">
      <c r="N521859" s="10"/>
    </row>
    <row r="521860" spans="14:14">
      <c r="N521860" s="10"/>
    </row>
    <row r="521861" spans="14:14">
      <c r="N521861" s="10"/>
    </row>
    <row r="521862" spans="14:14">
      <c r="N521862" s="10"/>
    </row>
    <row r="521863" spans="14:14">
      <c r="N521863" s="10"/>
    </row>
    <row r="521864" spans="14:14">
      <c r="N521864" s="10"/>
    </row>
    <row r="521865" spans="14:14">
      <c r="N521865" s="10"/>
    </row>
    <row r="521866" spans="14:14">
      <c r="N521866" s="10"/>
    </row>
    <row r="521867" spans="14:14">
      <c r="N521867" s="10"/>
    </row>
    <row r="521868" spans="14:14">
      <c r="N521868" s="10"/>
    </row>
    <row r="521869" spans="14:14">
      <c r="N521869" s="10"/>
    </row>
    <row r="521870" spans="14:14">
      <c r="N521870" s="10"/>
    </row>
    <row r="521871" spans="14:14">
      <c r="N521871" s="10"/>
    </row>
    <row r="521872" spans="14:14">
      <c r="N521872" s="10"/>
    </row>
    <row r="521873" spans="14:14">
      <c r="N521873" s="10"/>
    </row>
    <row r="521874" spans="14:14">
      <c r="N521874" s="10"/>
    </row>
    <row r="521875" spans="14:14">
      <c r="N521875" s="10"/>
    </row>
    <row r="521876" spans="14:14">
      <c r="N521876" s="10"/>
    </row>
    <row r="521877" spans="14:14">
      <c r="N521877" s="10"/>
    </row>
    <row r="521878" spans="14:14">
      <c r="N521878" s="10"/>
    </row>
    <row r="521879" spans="14:14">
      <c r="N521879" s="10"/>
    </row>
    <row r="521880" spans="14:14">
      <c r="N521880" s="10"/>
    </row>
    <row r="521881" spans="14:14">
      <c r="N521881" s="10"/>
    </row>
    <row r="521882" spans="14:14">
      <c r="N521882" s="10"/>
    </row>
    <row r="521883" spans="14:14">
      <c r="N521883" s="10"/>
    </row>
    <row r="521884" spans="14:14">
      <c r="N521884" s="10"/>
    </row>
    <row r="521885" spans="14:14">
      <c r="N521885" s="10"/>
    </row>
    <row r="521886" spans="14:14">
      <c r="N521886" s="10"/>
    </row>
    <row r="521887" spans="14:14">
      <c r="N521887" s="10"/>
    </row>
    <row r="521888" spans="14:14">
      <c r="N521888" s="10"/>
    </row>
    <row r="521889" spans="14:14">
      <c r="N521889" s="10"/>
    </row>
    <row r="521890" spans="14:14">
      <c r="N521890" s="10"/>
    </row>
    <row r="521891" spans="14:14">
      <c r="N521891" s="10"/>
    </row>
    <row r="521892" spans="14:14">
      <c r="N521892" s="10"/>
    </row>
    <row r="521893" spans="14:14">
      <c r="N521893" s="10"/>
    </row>
    <row r="521894" spans="14:14">
      <c r="N521894" s="10"/>
    </row>
    <row r="521895" spans="14:14">
      <c r="N521895" s="10"/>
    </row>
    <row r="521896" spans="14:14">
      <c r="N521896" s="10"/>
    </row>
    <row r="521897" spans="14:14">
      <c r="N521897" s="10"/>
    </row>
    <row r="521898" spans="14:14">
      <c r="N521898" s="10"/>
    </row>
    <row r="521899" spans="14:14">
      <c r="N521899" s="10"/>
    </row>
    <row r="521900" spans="14:14">
      <c r="N521900" s="10"/>
    </row>
    <row r="521901" spans="14:14">
      <c r="N521901" s="10"/>
    </row>
    <row r="521902" spans="14:14">
      <c r="N521902" s="10"/>
    </row>
    <row r="521903" spans="14:14">
      <c r="N521903" s="10"/>
    </row>
    <row r="521904" spans="14:14">
      <c r="N521904" s="10"/>
    </row>
    <row r="521905" spans="14:14">
      <c r="N521905" s="10"/>
    </row>
    <row r="521906" spans="14:14">
      <c r="N521906" s="10"/>
    </row>
    <row r="521907" spans="14:14">
      <c r="N521907" s="10"/>
    </row>
    <row r="521908" spans="14:14">
      <c r="N521908" s="10"/>
    </row>
    <row r="521909" spans="14:14">
      <c r="N521909" s="10"/>
    </row>
    <row r="521910" spans="14:14">
      <c r="N521910" s="10"/>
    </row>
    <row r="521911" spans="14:14">
      <c r="N521911" s="10"/>
    </row>
    <row r="521912" spans="14:14">
      <c r="N521912" s="10"/>
    </row>
    <row r="521913" spans="14:14">
      <c r="N521913" s="10"/>
    </row>
    <row r="521914" spans="14:14">
      <c r="N521914" s="10"/>
    </row>
    <row r="521915" spans="14:14">
      <c r="N521915" s="10"/>
    </row>
    <row r="521916" spans="14:14">
      <c r="N521916" s="10"/>
    </row>
    <row r="521917" spans="14:14">
      <c r="N521917" s="10"/>
    </row>
    <row r="521918" spans="14:14">
      <c r="N521918" s="10"/>
    </row>
    <row r="521919" spans="14:14">
      <c r="N521919" s="10"/>
    </row>
    <row r="521920" spans="14:14">
      <c r="N521920" s="10"/>
    </row>
    <row r="521921" spans="14:14">
      <c r="N521921" s="10"/>
    </row>
    <row r="521922" spans="14:14">
      <c r="N521922" s="10"/>
    </row>
    <row r="521923" spans="14:14">
      <c r="N521923" s="10"/>
    </row>
    <row r="521924" spans="14:14">
      <c r="N521924" s="10"/>
    </row>
    <row r="521925" spans="14:14">
      <c r="N521925" s="10"/>
    </row>
    <row r="521926" spans="14:14">
      <c r="N521926" s="10"/>
    </row>
    <row r="521927" spans="14:14">
      <c r="N521927" s="10"/>
    </row>
    <row r="521928" spans="14:14">
      <c r="N521928" s="10"/>
    </row>
    <row r="521929" spans="14:14">
      <c r="N521929" s="10"/>
    </row>
    <row r="521930" spans="14:14">
      <c r="N521930" s="10"/>
    </row>
    <row r="521931" spans="14:14">
      <c r="N521931" s="10"/>
    </row>
    <row r="521932" spans="14:14">
      <c r="N521932" s="10"/>
    </row>
    <row r="521933" spans="14:14">
      <c r="N521933" s="10"/>
    </row>
    <row r="521934" spans="14:14">
      <c r="N521934" s="10"/>
    </row>
    <row r="521935" spans="14:14">
      <c r="N521935" s="10"/>
    </row>
    <row r="521936" spans="14:14">
      <c r="N521936" s="10"/>
    </row>
    <row r="521937" spans="14:14">
      <c r="N521937" s="10"/>
    </row>
    <row r="521938" spans="14:14">
      <c r="N521938" s="10"/>
    </row>
    <row r="521939" spans="14:14">
      <c r="N521939" s="10"/>
    </row>
    <row r="521940" spans="14:14">
      <c r="N521940" s="10"/>
    </row>
    <row r="521941" spans="14:14">
      <c r="N521941" s="10"/>
    </row>
    <row r="521942" spans="14:14">
      <c r="N521942" s="10"/>
    </row>
    <row r="521943" spans="14:14">
      <c r="N521943" s="10"/>
    </row>
    <row r="521944" spans="14:14">
      <c r="N521944" s="10"/>
    </row>
    <row r="521945" spans="14:14">
      <c r="N521945" s="10"/>
    </row>
    <row r="521946" spans="14:14">
      <c r="N521946" s="10"/>
    </row>
    <row r="521947" spans="14:14">
      <c r="N521947" s="10"/>
    </row>
    <row r="521948" spans="14:14">
      <c r="N521948" s="10"/>
    </row>
    <row r="521949" spans="14:14">
      <c r="N521949" s="10"/>
    </row>
    <row r="521950" spans="14:14">
      <c r="N521950" s="10"/>
    </row>
    <row r="521951" spans="14:14">
      <c r="N521951" s="10"/>
    </row>
    <row r="521952" spans="14:14">
      <c r="N521952" s="10"/>
    </row>
    <row r="521953" spans="14:14">
      <c r="N521953" s="10"/>
    </row>
    <row r="521954" spans="14:14">
      <c r="N521954" s="10"/>
    </row>
    <row r="521955" spans="14:14">
      <c r="N521955" s="10"/>
    </row>
    <row r="521956" spans="14:14">
      <c r="N521956" s="10"/>
    </row>
    <row r="521957" spans="14:14">
      <c r="N521957" s="10"/>
    </row>
    <row r="521958" spans="14:14">
      <c r="N521958" s="10"/>
    </row>
    <row r="521959" spans="14:14">
      <c r="N521959" s="10"/>
    </row>
    <row r="521960" spans="14:14">
      <c r="N521960" s="10"/>
    </row>
    <row r="521961" spans="14:14">
      <c r="N521961" s="10"/>
    </row>
    <row r="521962" spans="14:14">
      <c r="N521962" s="10"/>
    </row>
    <row r="521963" spans="14:14">
      <c r="N521963" s="10"/>
    </row>
    <row r="521964" spans="14:14">
      <c r="N521964" s="10"/>
    </row>
    <row r="521965" spans="14:14">
      <c r="N521965" s="10"/>
    </row>
    <row r="521966" spans="14:14">
      <c r="N521966" s="10"/>
    </row>
    <row r="521967" spans="14:14">
      <c r="N521967" s="10"/>
    </row>
    <row r="521968" spans="14:14">
      <c r="N521968" s="10"/>
    </row>
    <row r="521969" spans="14:14">
      <c r="N521969" s="10"/>
    </row>
    <row r="521970" spans="14:14">
      <c r="N521970" s="10"/>
    </row>
    <row r="521971" spans="14:14">
      <c r="N521971" s="10"/>
    </row>
    <row r="521972" spans="14:14">
      <c r="N521972" s="10"/>
    </row>
    <row r="521973" spans="14:14">
      <c r="N521973" s="10"/>
    </row>
    <row r="521974" spans="14:14">
      <c r="N521974" s="10"/>
    </row>
    <row r="521975" spans="14:14">
      <c r="N521975" s="10"/>
    </row>
    <row r="521976" spans="14:14">
      <c r="N521976" s="10"/>
    </row>
    <row r="521977" spans="14:14">
      <c r="N521977" s="10"/>
    </row>
    <row r="521978" spans="14:14">
      <c r="N521978" s="10"/>
    </row>
    <row r="521979" spans="14:14">
      <c r="N521979" s="10"/>
    </row>
    <row r="521980" spans="14:14">
      <c r="N521980" s="10"/>
    </row>
    <row r="521981" spans="14:14">
      <c r="N521981" s="10"/>
    </row>
    <row r="521982" spans="14:14">
      <c r="N521982" s="10"/>
    </row>
    <row r="521983" spans="14:14">
      <c r="N521983" s="10"/>
    </row>
    <row r="521984" spans="14:14">
      <c r="N521984" s="10"/>
    </row>
    <row r="521985" spans="14:14">
      <c r="N521985" s="10"/>
    </row>
    <row r="521986" spans="14:14">
      <c r="N521986" s="10"/>
    </row>
    <row r="521987" spans="14:14">
      <c r="N521987" s="10"/>
    </row>
    <row r="521988" spans="14:14">
      <c r="N521988" s="10"/>
    </row>
    <row r="521989" spans="14:14">
      <c r="N521989" s="10"/>
    </row>
    <row r="521990" spans="14:14">
      <c r="N521990" s="10"/>
    </row>
    <row r="521991" spans="14:14">
      <c r="N521991" s="10"/>
    </row>
    <row r="521992" spans="14:14">
      <c r="N521992" s="10"/>
    </row>
    <row r="521993" spans="14:14">
      <c r="N521993" s="10"/>
    </row>
    <row r="521994" spans="14:14">
      <c r="N521994" s="10"/>
    </row>
    <row r="521995" spans="14:14">
      <c r="N521995" s="10"/>
    </row>
    <row r="521996" spans="14:14">
      <c r="N521996" s="10"/>
    </row>
    <row r="521997" spans="14:14">
      <c r="N521997" s="10"/>
    </row>
    <row r="521998" spans="14:14">
      <c r="N521998" s="10"/>
    </row>
    <row r="521999" spans="14:14">
      <c r="N521999" s="10"/>
    </row>
    <row r="522000" spans="14:14">
      <c r="N522000" s="10"/>
    </row>
    <row r="522001" spans="14:14">
      <c r="N522001" s="10"/>
    </row>
    <row r="522002" spans="14:14">
      <c r="N522002" s="10"/>
    </row>
    <row r="522003" spans="14:14">
      <c r="N522003" s="10"/>
    </row>
    <row r="522004" spans="14:14">
      <c r="N522004" s="10"/>
    </row>
    <row r="522005" spans="14:14">
      <c r="N522005" s="10"/>
    </row>
    <row r="522006" spans="14:14">
      <c r="N522006" s="10"/>
    </row>
    <row r="522007" spans="14:14">
      <c r="N522007" s="10"/>
    </row>
    <row r="522008" spans="14:14">
      <c r="N522008" s="10"/>
    </row>
    <row r="522009" spans="14:14">
      <c r="N522009" s="10"/>
    </row>
    <row r="522010" spans="14:14">
      <c r="N522010" s="10"/>
    </row>
    <row r="522011" spans="14:14">
      <c r="N522011" s="10"/>
    </row>
    <row r="522012" spans="14:14">
      <c r="N522012" s="10"/>
    </row>
    <row r="522013" spans="14:14">
      <c r="N522013" s="10"/>
    </row>
    <row r="522014" spans="14:14">
      <c r="N522014" s="10"/>
    </row>
    <row r="522015" spans="14:14">
      <c r="N522015" s="10"/>
    </row>
    <row r="522016" spans="14:14">
      <c r="N522016" s="10"/>
    </row>
    <row r="522017" spans="14:14">
      <c r="N522017" s="10"/>
    </row>
    <row r="522018" spans="14:14">
      <c r="N522018" s="10"/>
    </row>
    <row r="522019" spans="14:14">
      <c r="N522019" s="10"/>
    </row>
    <row r="522020" spans="14:14">
      <c r="N522020" s="10"/>
    </row>
    <row r="522021" spans="14:14">
      <c r="N522021" s="10"/>
    </row>
    <row r="522022" spans="14:14">
      <c r="N522022" s="10"/>
    </row>
    <row r="522023" spans="14:14">
      <c r="N522023" s="10"/>
    </row>
    <row r="522024" spans="14:14">
      <c r="N522024" s="10"/>
    </row>
    <row r="522025" spans="14:14">
      <c r="N522025" s="10"/>
    </row>
    <row r="522026" spans="14:14">
      <c r="N522026" s="10"/>
    </row>
    <row r="522027" spans="14:14">
      <c r="N522027" s="10"/>
    </row>
    <row r="522028" spans="14:14">
      <c r="N522028" s="10"/>
    </row>
    <row r="522029" spans="14:14">
      <c r="N522029" s="10"/>
    </row>
    <row r="522030" spans="14:14">
      <c r="N522030" s="10"/>
    </row>
    <row r="522031" spans="14:14">
      <c r="N522031" s="10"/>
    </row>
    <row r="522032" spans="14:14">
      <c r="N522032" s="10"/>
    </row>
    <row r="522033" spans="14:14">
      <c r="N522033" s="10"/>
    </row>
    <row r="522034" spans="14:14">
      <c r="N522034" s="10"/>
    </row>
    <row r="522035" spans="14:14">
      <c r="N522035" s="10"/>
    </row>
    <row r="522036" spans="14:14">
      <c r="N522036" s="10"/>
    </row>
    <row r="522037" spans="14:14">
      <c r="N522037" s="10"/>
    </row>
    <row r="522038" spans="14:14">
      <c r="N522038" s="10"/>
    </row>
    <row r="522039" spans="14:14">
      <c r="N522039" s="10"/>
    </row>
    <row r="522040" spans="14:14">
      <c r="N522040" s="10"/>
    </row>
    <row r="522041" spans="14:14">
      <c r="N522041" s="10"/>
    </row>
    <row r="522042" spans="14:14">
      <c r="N522042" s="10"/>
    </row>
    <row r="522043" spans="14:14">
      <c r="N522043" s="10"/>
    </row>
    <row r="522044" spans="14:14">
      <c r="N522044" s="10"/>
    </row>
    <row r="522045" spans="14:14">
      <c r="N522045" s="10"/>
    </row>
    <row r="522046" spans="14:14">
      <c r="N522046" s="10"/>
    </row>
    <row r="522047" spans="14:14">
      <c r="N522047" s="10"/>
    </row>
    <row r="522048" spans="14:14">
      <c r="N522048" s="10"/>
    </row>
    <row r="522049" spans="14:14">
      <c r="N522049" s="10"/>
    </row>
    <row r="522050" spans="14:14">
      <c r="N522050" s="10"/>
    </row>
    <row r="522051" spans="14:14">
      <c r="N522051" s="10"/>
    </row>
    <row r="522052" spans="14:14">
      <c r="N522052" s="10"/>
    </row>
    <row r="522053" spans="14:14">
      <c r="N522053" s="10"/>
    </row>
    <row r="522054" spans="14:14">
      <c r="N522054" s="10"/>
    </row>
    <row r="522055" spans="14:14">
      <c r="N522055" s="10"/>
    </row>
    <row r="522056" spans="14:14">
      <c r="N522056" s="10"/>
    </row>
    <row r="522057" spans="14:14">
      <c r="N522057" s="10"/>
    </row>
    <row r="522058" spans="14:14">
      <c r="N522058" s="10"/>
    </row>
    <row r="522059" spans="14:14">
      <c r="N522059" s="10"/>
    </row>
    <row r="522060" spans="14:14">
      <c r="N522060" s="10"/>
    </row>
    <row r="522061" spans="14:14">
      <c r="N522061" s="10"/>
    </row>
    <row r="522062" spans="14:14">
      <c r="N522062" s="10"/>
    </row>
    <row r="522063" spans="14:14">
      <c r="N522063" s="10"/>
    </row>
    <row r="522064" spans="14:14">
      <c r="N522064" s="10"/>
    </row>
    <row r="522065" spans="14:14">
      <c r="N522065" s="10"/>
    </row>
    <row r="522066" spans="14:14">
      <c r="N522066" s="10"/>
    </row>
    <row r="522067" spans="14:14">
      <c r="N522067" s="10"/>
    </row>
    <row r="522068" spans="14:14">
      <c r="N522068" s="10"/>
    </row>
    <row r="522069" spans="14:14">
      <c r="N522069" s="10"/>
    </row>
    <row r="522070" spans="14:14">
      <c r="N522070" s="10"/>
    </row>
    <row r="522071" spans="14:14">
      <c r="N522071" s="10"/>
    </row>
    <row r="522072" spans="14:14">
      <c r="N522072" s="10"/>
    </row>
    <row r="522073" spans="14:14">
      <c r="N522073" s="10"/>
    </row>
    <row r="522074" spans="14:14">
      <c r="N522074" s="10"/>
    </row>
    <row r="522075" spans="14:14">
      <c r="N522075" s="10"/>
    </row>
    <row r="522076" spans="14:14">
      <c r="N522076" s="10"/>
    </row>
    <row r="522077" spans="14:14">
      <c r="N522077" s="10"/>
    </row>
    <row r="522078" spans="14:14">
      <c r="N522078" s="10"/>
    </row>
    <row r="522079" spans="14:14">
      <c r="N522079" s="10"/>
    </row>
    <row r="522080" spans="14:14">
      <c r="N522080" s="10"/>
    </row>
    <row r="522081" spans="14:14">
      <c r="N522081" s="10"/>
    </row>
    <row r="522082" spans="14:14">
      <c r="N522082" s="10"/>
    </row>
    <row r="522083" spans="14:14">
      <c r="N522083" s="10"/>
    </row>
    <row r="522084" spans="14:14">
      <c r="N522084" s="10"/>
    </row>
    <row r="522085" spans="14:14">
      <c r="N522085" s="10"/>
    </row>
    <row r="522086" spans="14:14">
      <c r="N522086" s="10"/>
    </row>
    <row r="522087" spans="14:14">
      <c r="N522087" s="10"/>
    </row>
    <row r="522088" spans="14:14">
      <c r="N522088" s="10"/>
    </row>
    <row r="522089" spans="14:14">
      <c r="N522089" s="10"/>
    </row>
    <row r="522090" spans="14:14">
      <c r="N522090" s="10"/>
    </row>
    <row r="522091" spans="14:14">
      <c r="N522091" s="10"/>
    </row>
    <row r="522092" spans="14:14">
      <c r="N522092" s="10"/>
    </row>
    <row r="522093" spans="14:14">
      <c r="N522093" s="10"/>
    </row>
    <row r="522094" spans="14:14">
      <c r="N522094" s="10"/>
    </row>
    <row r="522095" spans="14:14">
      <c r="N522095" s="10"/>
    </row>
    <row r="522096" spans="14:14">
      <c r="N522096" s="10"/>
    </row>
    <row r="522097" spans="14:14">
      <c r="N522097" s="10"/>
    </row>
    <row r="522098" spans="14:14">
      <c r="N522098" s="10"/>
    </row>
    <row r="522099" spans="14:14">
      <c r="N522099" s="10"/>
    </row>
    <row r="522100" spans="14:14">
      <c r="N522100" s="10"/>
    </row>
    <row r="522101" spans="14:14">
      <c r="N522101" s="10"/>
    </row>
    <row r="522102" spans="14:14">
      <c r="N522102" s="10"/>
    </row>
    <row r="522103" spans="14:14">
      <c r="N522103" s="10"/>
    </row>
    <row r="522104" spans="14:14">
      <c r="N522104" s="10"/>
    </row>
    <row r="522105" spans="14:14">
      <c r="N522105" s="10"/>
    </row>
    <row r="522106" spans="14:14">
      <c r="N522106" s="10"/>
    </row>
    <row r="522107" spans="14:14">
      <c r="N522107" s="10"/>
    </row>
    <row r="522108" spans="14:14">
      <c r="N522108" s="10"/>
    </row>
    <row r="522109" spans="14:14">
      <c r="N522109" s="10"/>
    </row>
    <row r="522110" spans="14:14">
      <c r="N522110" s="10"/>
    </row>
    <row r="522111" spans="14:14">
      <c r="N522111" s="10"/>
    </row>
    <row r="522112" spans="14:14">
      <c r="N522112" s="10"/>
    </row>
    <row r="522113" spans="14:14">
      <c r="N522113" s="10"/>
    </row>
    <row r="522114" spans="14:14">
      <c r="N522114" s="10"/>
    </row>
    <row r="522115" spans="14:14">
      <c r="N522115" s="10"/>
    </row>
    <row r="522116" spans="14:14">
      <c r="N522116" s="10"/>
    </row>
    <row r="522117" spans="14:14">
      <c r="N522117" s="10"/>
    </row>
    <row r="522118" spans="14:14">
      <c r="N522118" s="10"/>
    </row>
    <row r="522119" spans="14:14">
      <c r="N522119" s="10"/>
    </row>
    <row r="522120" spans="14:14">
      <c r="N522120" s="10"/>
    </row>
    <row r="522121" spans="14:14">
      <c r="N522121" s="10"/>
    </row>
    <row r="522122" spans="14:14">
      <c r="N522122" s="10"/>
    </row>
    <row r="522123" spans="14:14">
      <c r="N522123" s="10"/>
    </row>
    <row r="522124" spans="14:14">
      <c r="N522124" s="10"/>
    </row>
    <row r="522125" spans="14:14">
      <c r="N522125" s="10"/>
    </row>
    <row r="522126" spans="14:14">
      <c r="N522126" s="10"/>
    </row>
    <row r="522127" spans="14:14">
      <c r="N522127" s="10"/>
    </row>
    <row r="522128" spans="14:14">
      <c r="N522128" s="10"/>
    </row>
    <row r="522129" spans="14:14">
      <c r="N522129" s="10"/>
    </row>
    <row r="522130" spans="14:14">
      <c r="N522130" s="10"/>
    </row>
    <row r="522131" spans="14:14">
      <c r="N522131" s="10"/>
    </row>
    <row r="522132" spans="14:14">
      <c r="N522132" s="10"/>
    </row>
    <row r="522133" spans="14:14">
      <c r="N522133" s="10"/>
    </row>
    <row r="522134" spans="14:14">
      <c r="N522134" s="10"/>
    </row>
    <row r="522135" spans="14:14">
      <c r="N522135" s="10"/>
    </row>
    <row r="522136" spans="14:14">
      <c r="N522136" s="10"/>
    </row>
    <row r="522137" spans="14:14">
      <c r="N522137" s="10"/>
    </row>
    <row r="522138" spans="14:14">
      <c r="N522138" s="10"/>
    </row>
    <row r="522139" spans="14:14">
      <c r="N522139" s="10"/>
    </row>
    <row r="522140" spans="14:14">
      <c r="N522140" s="10"/>
    </row>
    <row r="522141" spans="14:14">
      <c r="N522141" s="10"/>
    </row>
    <row r="522142" spans="14:14">
      <c r="N522142" s="10"/>
    </row>
    <row r="522143" spans="14:14">
      <c r="N522143" s="10"/>
    </row>
    <row r="522144" spans="14:14">
      <c r="N522144" s="10"/>
    </row>
    <row r="522145" spans="14:14">
      <c r="N522145" s="10"/>
    </row>
    <row r="522146" spans="14:14">
      <c r="N522146" s="10"/>
    </row>
    <row r="522147" spans="14:14">
      <c r="N522147" s="10"/>
    </row>
    <row r="522148" spans="14:14">
      <c r="N522148" s="10"/>
    </row>
    <row r="522149" spans="14:14">
      <c r="N522149" s="10"/>
    </row>
    <row r="522150" spans="14:14">
      <c r="N522150" s="10"/>
    </row>
    <row r="522151" spans="14:14">
      <c r="N522151" s="10"/>
    </row>
    <row r="522152" spans="14:14">
      <c r="N522152" s="10"/>
    </row>
    <row r="522153" spans="14:14">
      <c r="N522153" s="10"/>
    </row>
    <row r="522154" spans="14:14">
      <c r="N522154" s="10"/>
    </row>
    <row r="522155" spans="14:14">
      <c r="N522155" s="10"/>
    </row>
    <row r="522156" spans="14:14">
      <c r="N522156" s="10"/>
    </row>
    <row r="522157" spans="14:14">
      <c r="N522157" s="10"/>
    </row>
    <row r="522158" spans="14:14">
      <c r="N522158" s="10"/>
    </row>
    <row r="522159" spans="14:14">
      <c r="N522159" s="10"/>
    </row>
    <row r="522160" spans="14:14">
      <c r="N522160" s="10"/>
    </row>
    <row r="522161" spans="14:14">
      <c r="N522161" s="10"/>
    </row>
    <row r="522162" spans="14:14">
      <c r="N522162" s="10"/>
    </row>
    <row r="522163" spans="14:14">
      <c r="N522163" s="10"/>
    </row>
    <row r="522164" spans="14:14">
      <c r="N522164" s="10"/>
    </row>
    <row r="522165" spans="14:14">
      <c r="N522165" s="10"/>
    </row>
    <row r="522166" spans="14:14">
      <c r="N522166" s="10"/>
    </row>
    <row r="522167" spans="14:14">
      <c r="N522167" s="10"/>
    </row>
    <row r="522168" spans="14:14">
      <c r="N522168" s="10"/>
    </row>
    <row r="522169" spans="14:14">
      <c r="N522169" s="10"/>
    </row>
    <row r="522170" spans="14:14">
      <c r="N522170" s="10"/>
    </row>
    <row r="522171" spans="14:14">
      <c r="N522171" s="10"/>
    </row>
    <row r="522172" spans="14:14">
      <c r="N522172" s="10"/>
    </row>
    <row r="522173" spans="14:14">
      <c r="N522173" s="10"/>
    </row>
    <row r="522174" spans="14:14">
      <c r="N522174" s="10"/>
    </row>
    <row r="522175" spans="14:14">
      <c r="N522175" s="10"/>
    </row>
    <row r="522176" spans="14:14">
      <c r="N522176" s="10"/>
    </row>
    <row r="522177" spans="14:14">
      <c r="N522177" s="10"/>
    </row>
    <row r="522178" spans="14:14">
      <c r="N522178" s="10"/>
    </row>
    <row r="522179" spans="14:14">
      <c r="N522179" s="10"/>
    </row>
    <row r="522180" spans="14:14">
      <c r="N522180" s="10"/>
    </row>
    <row r="522181" spans="14:14">
      <c r="N522181" s="10"/>
    </row>
    <row r="522182" spans="14:14">
      <c r="N522182" s="10"/>
    </row>
    <row r="522183" spans="14:14">
      <c r="N522183" s="10"/>
    </row>
    <row r="522184" spans="14:14">
      <c r="N522184" s="10"/>
    </row>
    <row r="522185" spans="14:14">
      <c r="N522185" s="10"/>
    </row>
    <row r="522186" spans="14:14">
      <c r="N522186" s="10"/>
    </row>
    <row r="522187" spans="14:14">
      <c r="N522187" s="10"/>
    </row>
    <row r="522188" spans="14:14">
      <c r="N522188" s="10"/>
    </row>
    <row r="522189" spans="14:14">
      <c r="N522189" s="10"/>
    </row>
    <row r="522190" spans="14:14">
      <c r="N522190" s="10"/>
    </row>
    <row r="522191" spans="14:14">
      <c r="N522191" s="10"/>
    </row>
    <row r="522192" spans="14:14">
      <c r="N522192" s="10"/>
    </row>
    <row r="522193" spans="14:14">
      <c r="N522193" s="10"/>
    </row>
    <row r="522194" spans="14:14">
      <c r="N522194" s="10"/>
    </row>
    <row r="522195" spans="14:14">
      <c r="N522195" s="10"/>
    </row>
    <row r="522196" spans="14:14">
      <c r="N522196" s="10"/>
    </row>
    <row r="522197" spans="14:14">
      <c r="N522197" s="10"/>
    </row>
    <row r="522198" spans="14:14">
      <c r="N522198" s="10"/>
    </row>
    <row r="522199" spans="14:14">
      <c r="N522199" s="10"/>
    </row>
    <row r="522200" spans="14:14">
      <c r="N522200" s="10"/>
    </row>
    <row r="522201" spans="14:14">
      <c r="N522201" s="10"/>
    </row>
    <row r="522202" spans="14:14">
      <c r="N522202" s="10"/>
    </row>
    <row r="522203" spans="14:14">
      <c r="N522203" s="10"/>
    </row>
    <row r="522204" spans="14:14">
      <c r="N522204" s="10"/>
    </row>
    <row r="522205" spans="14:14">
      <c r="N522205" s="10"/>
    </row>
    <row r="522206" spans="14:14">
      <c r="N522206" s="10"/>
    </row>
    <row r="522207" spans="14:14">
      <c r="N522207" s="10"/>
    </row>
    <row r="522208" spans="14:14">
      <c r="N522208" s="10"/>
    </row>
    <row r="522209" spans="14:14">
      <c r="N522209" s="10"/>
    </row>
    <row r="522210" spans="14:14">
      <c r="N522210" s="10"/>
    </row>
    <row r="522211" spans="14:14">
      <c r="N522211" s="10"/>
    </row>
    <row r="522212" spans="14:14">
      <c r="N522212" s="10"/>
    </row>
    <row r="522213" spans="14:14">
      <c r="N522213" s="10"/>
    </row>
    <row r="522214" spans="14:14">
      <c r="N522214" s="10"/>
    </row>
    <row r="522215" spans="14:14">
      <c r="N522215" s="10"/>
    </row>
    <row r="522216" spans="14:14">
      <c r="N522216" s="10"/>
    </row>
    <row r="522217" spans="14:14">
      <c r="N522217" s="10"/>
    </row>
    <row r="522218" spans="14:14">
      <c r="N522218" s="10"/>
    </row>
    <row r="522219" spans="14:14">
      <c r="N522219" s="10"/>
    </row>
    <row r="522220" spans="14:14">
      <c r="N522220" s="10"/>
    </row>
    <row r="522221" spans="14:14">
      <c r="N522221" s="10"/>
    </row>
    <row r="522222" spans="14:14">
      <c r="N522222" s="10"/>
    </row>
    <row r="522223" spans="14:14">
      <c r="N522223" s="10"/>
    </row>
    <row r="522224" spans="14:14">
      <c r="N522224" s="10"/>
    </row>
    <row r="522225" spans="14:14">
      <c r="N522225" s="10"/>
    </row>
    <row r="522226" spans="14:14">
      <c r="N522226" s="10"/>
    </row>
    <row r="522227" spans="14:14">
      <c r="N522227" s="10"/>
    </row>
    <row r="522228" spans="14:14">
      <c r="N522228" s="10"/>
    </row>
    <row r="522229" spans="14:14">
      <c r="N522229" s="10"/>
    </row>
    <row r="522230" spans="14:14">
      <c r="N522230" s="10"/>
    </row>
    <row r="522231" spans="14:14">
      <c r="N522231" s="10"/>
    </row>
    <row r="522232" spans="14:14">
      <c r="N522232" s="10"/>
    </row>
    <row r="522233" spans="14:14">
      <c r="N522233" s="10"/>
    </row>
    <row r="522234" spans="14:14">
      <c r="N522234" s="10"/>
    </row>
    <row r="522235" spans="14:14">
      <c r="N522235" s="10"/>
    </row>
    <row r="522236" spans="14:14">
      <c r="N522236" s="10"/>
    </row>
    <row r="522237" spans="14:14">
      <c r="N522237" s="10"/>
    </row>
    <row r="522238" spans="14:14">
      <c r="N522238" s="10"/>
    </row>
    <row r="522239" spans="14:14">
      <c r="N522239" s="10"/>
    </row>
    <row r="522240" spans="14:14">
      <c r="N522240" s="10"/>
    </row>
    <row r="522241" spans="14:14">
      <c r="N522241" s="10"/>
    </row>
    <row r="522242" spans="14:14">
      <c r="N522242" s="10"/>
    </row>
    <row r="522243" spans="14:14">
      <c r="N522243" s="10"/>
    </row>
    <row r="522244" spans="14:14">
      <c r="N522244" s="10"/>
    </row>
    <row r="522245" spans="14:14">
      <c r="N522245" s="10"/>
    </row>
    <row r="522246" spans="14:14">
      <c r="N522246" s="10"/>
    </row>
    <row r="522247" spans="14:14">
      <c r="N522247" s="10"/>
    </row>
    <row r="522248" spans="14:14">
      <c r="N522248" s="10"/>
    </row>
    <row r="522249" spans="14:14">
      <c r="N522249" s="10"/>
    </row>
    <row r="522250" spans="14:14">
      <c r="N522250" s="10"/>
    </row>
    <row r="522251" spans="14:14">
      <c r="N522251" s="10"/>
    </row>
    <row r="522252" spans="14:14">
      <c r="N522252" s="10"/>
    </row>
    <row r="522253" spans="14:14">
      <c r="N522253" s="10"/>
    </row>
    <row r="522254" spans="14:14">
      <c r="N522254" s="10"/>
    </row>
    <row r="522255" spans="14:14">
      <c r="N522255" s="10"/>
    </row>
    <row r="522256" spans="14:14">
      <c r="N522256" s="10"/>
    </row>
    <row r="522257" spans="14:14">
      <c r="N522257" s="10"/>
    </row>
    <row r="522258" spans="14:14">
      <c r="N522258" s="10"/>
    </row>
    <row r="522259" spans="14:14">
      <c r="N522259" s="10"/>
    </row>
    <row r="522260" spans="14:14">
      <c r="N522260" s="10"/>
    </row>
    <row r="522261" spans="14:14">
      <c r="N522261" s="10"/>
    </row>
    <row r="522262" spans="14:14">
      <c r="N522262" s="10"/>
    </row>
    <row r="522263" spans="14:14">
      <c r="N522263" s="10"/>
    </row>
    <row r="522264" spans="14:14">
      <c r="N522264" s="10"/>
    </row>
    <row r="522265" spans="14:14">
      <c r="N522265" s="10"/>
    </row>
    <row r="522266" spans="14:14">
      <c r="N522266" s="10"/>
    </row>
    <row r="522267" spans="14:14">
      <c r="N522267" s="10"/>
    </row>
    <row r="522268" spans="14:14">
      <c r="N522268" s="10"/>
    </row>
    <row r="522269" spans="14:14">
      <c r="N522269" s="10"/>
    </row>
    <row r="522270" spans="14:14">
      <c r="N522270" s="10"/>
    </row>
    <row r="522271" spans="14:14">
      <c r="N522271" s="10"/>
    </row>
    <row r="522272" spans="14:14">
      <c r="N522272" s="10"/>
    </row>
    <row r="522273" spans="14:14">
      <c r="N522273" s="10"/>
    </row>
    <row r="522274" spans="14:14">
      <c r="N522274" s="10"/>
    </row>
    <row r="522275" spans="14:14">
      <c r="N522275" s="10"/>
    </row>
    <row r="522276" spans="14:14">
      <c r="N522276" s="10"/>
    </row>
    <row r="522277" spans="14:14">
      <c r="N522277" s="10"/>
    </row>
    <row r="522278" spans="14:14">
      <c r="N522278" s="10"/>
    </row>
    <row r="522279" spans="14:14">
      <c r="N522279" s="10"/>
    </row>
    <row r="522280" spans="14:14">
      <c r="N522280" s="10"/>
    </row>
    <row r="522281" spans="14:14">
      <c r="N522281" s="10"/>
    </row>
    <row r="522282" spans="14:14">
      <c r="N522282" s="10"/>
    </row>
    <row r="522283" spans="14:14">
      <c r="N522283" s="10"/>
    </row>
    <row r="522284" spans="14:14">
      <c r="N522284" s="10"/>
    </row>
    <row r="522285" spans="14:14">
      <c r="N522285" s="10"/>
    </row>
    <row r="522286" spans="14:14">
      <c r="N522286" s="10"/>
    </row>
    <row r="522287" spans="14:14">
      <c r="N522287" s="10"/>
    </row>
    <row r="522288" spans="14:14">
      <c r="N522288" s="10"/>
    </row>
    <row r="522289" spans="14:14">
      <c r="N522289" s="10"/>
    </row>
    <row r="522290" spans="14:14">
      <c r="N522290" s="10"/>
    </row>
    <row r="522291" spans="14:14">
      <c r="N522291" s="10"/>
    </row>
    <row r="522292" spans="14:14">
      <c r="N522292" s="10"/>
    </row>
    <row r="522293" spans="14:14">
      <c r="N522293" s="10"/>
    </row>
    <row r="522294" spans="14:14">
      <c r="N522294" s="10"/>
    </row>
    <row r="522295" spans="14:14">
      <c r="N522295" s="10"/>
    </row>
    <row r="522296" spans="14:14">
      <c r="N522296" s="10"/>
    </row>
    <row r="522297" spans="14:14">
      <c r="N522297" s="10"/>
    </row>
    <row r="522298" spans="14:14">
      <c r="N522298" s="10"/>
    </row>
    <row r="522299" spans="14:14">
      <c r="N522299" s="10"/>
    </row>
    <row r="522300" spans="14:14">
      <c r="N522300" s="10"/>
    </row>
    <row r="522301" spans="14:14">
      <c r="N522301" s="10"/>
    </row>
    <row r="522302" spans="14:14">
      <c r="N522302" s="10"/>
    </row>
    <row r="522303" spans="14:14">
      <c r="N522303" s="10"/>
    </row>
    <row r="522304" spans="14:14">
      <c r="N522304" s="10"/>
    </row>
    <row r="522305" spans="14:14">
      <c r="N522305" s="10"/>
    </row>
    <row r="522306" spans="14:14">
      <c r="N522306" s="10"/>
    </row>
    <row r="522307" spans="14:14">
      <c r="N522307" s="10"/>
    </row>
    <row r="522308" spans="14:14">
      <c r="N522308" s="10"/>
    </row>
    <row r="522309" spans="14:14">
      <c r="N522309" s="10"/>
    </row>
    <row r="522310" spans="14:14">
      <c r="N522310" s="10"/>
    </row>
    <row r="522311" spans="14:14">
      <c r="N522311" s="10"/>
    </row>
    <row r="522312" spans="14:14">
      <c r="N522312" s="10"/>
    </row>
    <row r="522313" spans="14:14">
      <c r="N522313" s="10"/>
    </row>
    <row r="522314" spans="14:14">
      <c r="N522314" s="10"/>
    </row>
    <row r="522315" spans="14:14">
      <c r="N522315" s="10"/>
    </row>
    <row r="522316" spans="14:14">
      <c r="N522316" s="10"/>
    </row>
    <row r="522317" spans="14:14">
      <c r="N522317" s="10"/>
    </row>
    <row r="522318" spans="14:14">
      <c r="N522318" s="10"/>
    </row>
    <row r="522319" spans="14:14">
      <c r="N522319" s="10"/>
    </row>
    <row r="522320" spans="14:14">
      <c r="N522320" s="10"/>
    </row>
    <row r="522321" spans="14:14">
      <c r="N522321" s="10"/>
    </row>
    <row r="522322" spans="14:14">
      <c r="N522322" s="10"/>
    </row>
    <row r="522323" spans="14:14">
      <c r="N522323" s="10"/>
    </row>
    <row r="522324" spans="14:14">
      <c r="N522324" s="10"/>
    </row>
    <row r="522325" spans="14:14">
      <c r="N522325" s="10"/>
    </row>
    <row r="522326" spans="14:14">
      <c r="N522326" s="10"/>
    </row>
    <row r="522327" spans="14:14">
      <c r="N522327" s="10"/>
    </row>
    <row r="522328" spans="14:14">
      <c r="N522328" s="10"/>
    </row>
    <row r="522329" spans="14:14">
      <c r="N522329" s="10"/>
    </row>
    <row r="522330" spans="14:14">
      <c r="N522330" s="10"/>
    </row>
    <row r="522331" spans="14:14">
      <c r="N522331" s="10"/>
    </row>
    <row r="522332" spans="14:14">
      <c r="N522332" s="10"/>
    </row>
    <row r="522333" spans="14:14">
      <c r="N522333" s="10"/>
    </row>
    <row r="522334" spans="14:14">
      <c r="N522334" s="10"/>
    </row>
    <row r="522335" spans="14:14">
      <c r="N522335" s="10"/>
    </row>
    <row r="522336" spans="14:14">
      <c r="N522336" s="10"/>
    </row>
    <row r="522337" spans="14:14">
      <c r="N522337" s="10"/>
    </row>
    <row r="522338" spans="14:14">
      <c r="N522338" s="10"/>
    </row>
    <row r="522339" spans="14:14">
      <c r="N522339" s="10"/>
    </row>
    <row r="522340" spans="14:14">
      <c r="N522340" s="10"/>
    </row>
    <row r="522341" spans="14:14">
      <c r="N522341" s="10"/>
    </row>
    <row r="522342" spans="14:14">
      <c r="N522342" s="10"/>
    </row>
    <row r="522343" spans="14:14">
      <c r="N522343" s="10"/>
    </row>
    <row r="522344" spans="14:14">
      <c r="N522344" s="10"/>
    </row>
    <row r="522345" spans="14:14">
      <c r="N522345" s="10"/>
    </row>
    <row r="522346" spans="14:14">
      <c r="N522346" s="10"/>
    </row>
    <row r="522347" spans="14:14">
      <c r="N522347" s="10"/>
    </row>
    <row r="522348" spans="14:14">
      <c r="N522348" s="10"/>
    </row>
    <row r="522349" spans="14:14">
      <c r="N522349" s="10"/>
    </row>
    <row r="522350" spans="14:14">
      <c r="N522350" s="10"/>
    </row>
    <row r="522351" spans="14:14">
      <c r="N522351" s="10"/>
    </row>
    <row r="522352" spans="14:14">
      <c r="N522352" s="10"/>
    </row>
    <row r="522353" spans="14:14">
      <c r="N522353" s="10"/>
    </row>
    <row r="522354" spans="14:14">
      <c r="N522354" s="10"/>
    </row>
    <row r="522355" spans="14:14">
      <c r="N522355" s="10"/>
    </row>
    <row r="522356" spans="14:14">
      <c r="N522356" s="10"/>
    </row>
    <row r="522357" spans="14:14">
      <c r="N522357" s="10"/>
    </row>
    <row r="522358" spans="14:14">
      <c r="N522358" s="10"/>
    </row>
    <row r="522359" spans="14:14">
      <c r="N522359" s="10"/>
    </row>
    <row r="522360" spans="14:14">
      <c r="N522360" s="10"/>
    </row>
    <row r="522361" spans="14:14">
      <c r="N522361" s="10"/>
    </row>
    <row r="522362" spans="14:14">
      <c r="N522362" s="10"/>
    </row>
    <row r="522363" spans="14:14">
      <c r="N522363" s="10"/>
    </row>
    <row r="522364" spans="14:14">
      <c r="N522364" s="10"/>
    </row>
    <row r="522365" spans="14:14">
      <c r="N522365" s="10"/>
    </row>
    <row r="522366" spans="14:14">
      <c r="N522366" s="10"/>
    </row>
    <row r="522367" spans="14:14">
      <c r="N522367" s="10"/>
    </row>
    <row r="522368" spans="14:14">
      <c r="N522368" s="10"/>
    </row>
    <row r="522369" spans="14:14">
      <c r="N522369" s="10"/>
    </row>
    <row r="522370" spans="14:14">
      <c r="N522370" s="10"/>
    </row>
    <row r="522371" spans="14:14">
      <c r="N522371" s="10"/>
    </row>
    <row r="522372" spans="14:14">
      <c r="N522372" s="10"/>
    </row>
    <row r="522373" spans="14:14">
      <c r="N522373" s="10"/>
    </row>
    <row r="522374" spans="14:14">
      <c r="N522374" s="10"/>
    </row>
    <row r="522375" spans="14:14">
      <c r="N522375" s="10"/>
    </row>
    <row r="522376" spans="14:14">
      <c r="N522376" s="10"/>
    </row>
    <row r="522377" spans="14:14">
      <c r="N522377" s="10"/>
    </row>
    <row r="522378" spans="14:14">
      <c r="N522378" s="10"/>
    </row>
    <row r="522379" spans="14:14">
      <c r="N522379" s="10"/>
    </row>
    <row r="522380" spans="14:14">
      <c r="N522380" s="10"/>
    </row>
    <row r="522381" spans="14:14">
      <c r="N522381" s="10"/>
    </row>
    <row r="522382" spans="14:14">
      <c r="N522382" s="10"/>
    </row>
    <row r="522383" spans="14:14">
      <c r="N522383" s="10"/>
    </row>
    <row r="522384" spans="14:14">
      <c r="N522384" s="10"/>
    </row>
    <row r="522385" spans="14:14">
      <c r="N522385" s="10"/>
    </row>
    <row r="522386" spans="14:14">
      <c r="N522386" s="10"/>
    </row>
    <row r="522387" spans="14:14">
      <c r="N522387" s="10"/>
    </row>
    <row r="522388" spans="14:14">
      <c r="N522388" s="10"/>
    </row>
    <row r="522389" spans="14:14">
      <c r="N522389" s="10"/>
    </row>
    <row r="522390" spans="14:14">
      <c r="N522390" s="10"/>
    </row>
    <row r="522391" spans="14:14">
      <c r="N522391" s="10"/>
    </row>
    <row r="522392" spans="14:14">
      <c r="N522392" s="10"/>
    </row>
    <row r="522393" spans="14:14">
      <c r="N522393" s="10"/>
    </row>
    <row r="522394" spans="14:14">
      <c r="N522394" s="10"/>
    </row>
    <row r="522395" spans="14:14">
      <c r="N522395" s="10"/>
    </row>
    <row r="522396" spans="14:14">
      <c r="N522396" s="10"/>
    </row>
    <row r="522397" spans="14:14">
      <c r="N522397" s="10"/>
    </row>
    <row r="522398" spans="14:14">
      <c r="N522398" s="10"/>
    </row>
    <row r="522399" spans="14:14">
      <c r="N522399" s="10"/>
    </row>
    <row r="522400" spans="14:14">
      <c r="N522400" s="10"/>
    </row>
    <row r="522401" spans="14:14">
      <c r="N522401" s="10"/>
    </row>
    <row r="522402" spans="14:14">
      <c r="N522402" s="10"/>
    </row>
    <row r="522403" spans="14:14">
      <c r="N522403" s="10"/>
    </row>
    <row r="522404" spans="14:14">
      <c r="N522404" s="10"/>
    </row>
    <row r="522405" spans="14:14">
      <c r="N522405" s="10"/>
    </row>
    <row r="522406" spans="14:14">
      <c r="N522406" s="10"/>
    </row>
    <row r="522407" spans="14:14">
      <c r="N522407" s="10"/>
    </row>
    <row r="522408" spans="14:14">
      <c r="N522408" s="10"/>
    </row>
    <row r="522409" spans="14:14">
      <c r="N522409" s="10"/>
    </row>
    <row r="522410" spans="14:14">
      <c r="N522410" s="10"/>
    </row>
    <row r="522411" spans="14:14">
      <c r="N522411" s="10"/>
    </row>
    <row r="522412" spans="14:14">
      <c r="N522412" s="10"/>
    </row>
    <row r="522413" spans="14:14">
      <c r="N522413" s="10"/>
    </row>
    <row r="522414" spans="14:14">
      <c r="N522414" s="10"/>
    </row>
    <row r="522415" spans="14:14">
      <c r="N522415" s="10"/>
    </row>
    <row r="522416" spans="14:14">
      <c r="N522416" s="10"/>
    </row>
    <row r="522417" spans="14:14">
      <c r="N522417" s="10"/>
    </row>
    <row r="522418" spans="14:14">
      <c r="N522418" s="10"/>
    </row>
    <row r="522419" spans="14:14">
      <c r="N522419" s="10"/>
    </row>
    <row r="522420" spans="14:14">
      <c r="N522420" s="10"/>
    </row>
    <row r="522421" spans="14:14">
      <c r="N522421" s="10"/>
    </row>
    <row r="522422" spans="14:14">
      <c r="N522422" s="10"/>
    </row>
    <row r="522423" spans="14:14">
      <c r="N522423" s="10"/>
    </row>
    <row r="522424" spans="14:14">
      <c r="N522424" s="10"/>
    </row>
    <row r="522425" spans="14:14">
      <c r="N522425" s="10"/>
    </row>
    <row r="522426" spans="14:14">
      <c r="N522426" s="10"/>
    </row>
    <row r="522427" spans="14:14">
      <c r="N522427" s="10"/>
    </row>
    <row r="522428" spans="14:14">
      <c r="N522428" s="10"/>
    </row>
    <row r="522429" spans="14:14">
      <c r="N522429" s="10"/>
    </row>
    <row r="522430" spans="14:14">
      <c r="N522430" s="10"/>
    </row>
    <row r="522431" spans="14:14">
      <c r="N522431" s="10"/>
    </row>
    <row r="522432" spans="14:14">
      <c r="N522432" s="10"/>
    </row>
    <row r="522433" spans="14:14">
      <c r="N522433" s="10"/>
    </row>
    <row r="522434" spans="14:14">
      <c r="N522434" s="10"/>
    </row>
    <row r="522435" spans="14:14">
      <c r="N522435" s="10"/>
    </row>
    <row r="522436" spans="14:14">
      <c r="N522436" s="10"/>
    </row>
    <row r="522437" spans="14:14">
      <c r="N522437" s="10"/>
    </row>
    <row r="522438" spans="14:14">
      <c r="N522438" s="10"/>
    </row>
    <row r="522439" spans="14:14">
      <c r="N522439" s="10"/>
    </row>
    <row r="522440" spans="14:14">
      <c r="N522440" s="10"/>
    </row>
    <row r="522441" spans="14:14">
      <c r="N522441" s="10"/>
    </row>
    <row r="522442" spans="14:14">
      <c r="N522442" s="10"/>
    </row>
    <row r="522443" spans="14:14">
      <c r="N522443" s="10"/>
    </row>
    <row r="522444" spans="14:14">
      <c r="N522444" s="10"/>
    </row>
    <row r="522445" spans="14:14">
      <c r="N522445" s="10"/>
    </row>
    <row r="522446" spans="14:14">
      <c r="N522446" s="10"/>
    </row>
    <row r="522447" spans="14:14">
      <c r="N522447" s="10"/>
    </row>
    <row r="522448" spans="14:14">
      <c r="N522448" s="10"/>
    </row>
    <row r="522449" spans="14:14">
      <c r="N522449" s="10"/>
    </row>
    <row r="522450" spans="14:14">
      <c r="N522450" s="10"/>
    </row>
    <row r="522451" spans="14:14">
      <c r="N522451" s="10"/>
    </row>
    <row r="522452" spans="14:14">
      <c r="N522452" s="10"/>
    </row>
    <row r="522453" spans="14:14">
      <c r="N522453" s="10"/>
    </row>
    <row r="522454" spans="14:14">
      <c r="N522454" s="10"/>
    </row>
    <row r="522455" spans="14:14">
      <c r="N522455" s="10"/>
    </row>
    <row r="522456" spans="14:14">
      <c r="N522456" s="10"/>
    </row>
    <row r="522457" spans="14:14">
      <c r="N522457" s="10"/>
    </row>
    <row r="522458" spans="14:14">
      <c r="N522458" s="10"/>
    </row>
    <row r="522459" spans="14:14">
      <c r="N522459" s="10"/>
    </row>
    <row r="522460" spans="14:14">
      <c r="N522460" s="10"/>
    </row>
    <row r="522461" spans="14:14">
      <c r="N522461" s="10"/>
    </row>
    <row r="522462" spans="14:14">
      <c r="N522462" s="10"/>
    </row>
    <row r="522463" spans="14:14">
      <c r="N522463" s="10"/>
    </row>
    <row r="522464" spans="14:14">
      <c r="N522464" s="10"/>
    </row>
    <row r="522465" spans="14:14">
      <c r="N522465" s="10"/>
    </row>
    <row r="522466" spans="14:14">
      <c r="N522466" s="10"/>
    </row>
    <row r="522467" spans="14:14">
      <c r="N522467" s="10"/>
    </row>
    <row r="522468" spans="14:14">
      <c r="N522468" s="10"/>
    </row>
    <row r="522469" spans="14:14">
      <c r="N522469" s="10"/>
    </row>
    <row r="522470" spans="14:14">
      <c r="N522470" s="10"/>
    </row>
    <row r="522471" spans="14:14">
      <c r="N522471" s="10"/>
    </row>
    <row r="522472" spans="14:14">
      <c r="N522472" s="10"/>
    </row>
    <row r="522473" spans="14:14">
      <c r="N522473" s="10"/>
    </row>
    <row r="522474" spans="14:14">
      <c r="N522474" s="10"/>
    </row>
    <row r="522475" spans="14:14">
      <c r="N522475" s="10"/>
    </row>
    <row r="522476" spans="14:14">
      <c r="N522476" s="10"/>
    </row>
    <row r="522477" spans="14:14">
      <c r="N522477" s="10"/>
    </row>
    <row r="522478" spans="14:14">
      <c r="N522478" s="10"/>
    </row>
    <row r="522479" spans="14:14">
      <c r="N522479" s="10"/>
    </row>
    <row r="522480" spans="14:14">
      <c r="N522480" s="10"/>
    </row>
    <row r="522481" spans="14:14">
      <c r="N522481" s="10"/>
    </row>
    <row r="522482" spans="14:14">
      <c r="N522482" s="10"/>
    </row>
    <row r="522483" spans="14:14">
      <c r="N522483" s="10"/>
    </row>
    <row r="522484" spans="14:14">
      <c r="N522484" s="10"/>
    </row>
    <row r="522485" spans="14:14">
      <c r="N522485" s="10"/>
    </row>
    <row r="522486" spans="14:14">
      <c r="N522486" s="10"/>
    </row>
    <row r="522487" spans="14:14">
      <c r="N522487" s="10"/>
    </row>
    <row r="522488" spans="14:14">
      <c r="N522488" s="10"/>
    </row>
    <row r="522489" spans="14:14">
      <c r="N522489" s="10"/>
    </row>
    <row r="522490" spans="14:14">
      <c r="N522490" s="10"/>
    </row>
    <row r="522491" spans="14:14">
      <c r="N522491" s="10"/>
    </row>
    <row r="522492" spans="14:14">
      <c r="N522492" s="10"/>
    </row>
    <row r="522493" spans="14:14">
      <c r="N522493" s="10"/>
    </row>
    <row r="522494" spans="14:14">
      <c r="N522494" s="10"/>
    </row>
    <row r="522495" spans="14:14">
      <c r="N522495" s="10"/>
    </row>
    <row r="522496" spans="14:14">
      <c r="N522496" s="10"/>
    </row>
    <row r="522497" spans="14:14">
      <c r="N522497" s="10"/>
    </row>
    <row r="522498" spans="14:14">
      <c r="N522498" s="10"/>
    </row>
    <row r="522499" spans="14:14">
      <c r="N522499" s="10"/>
    </row>
    <row r="522500" spans="14:14">
      <c r="N522500" s="10"/>
    </row>
    <row r="522501" spans="14:14">
      <c r="N522501" s="10"/>
    </row>
    <row r="522502" spans="14:14">
      <c r="N522502" s="10"/>
    </row>
    <row r="522503" spans="14:14">
      <c r="N522503" s="10"/>
    </row>
    <row r="522504" spans="14:14">
      <c r="N522504" s="10"/>
    </row>
    <row r="522505" spans="14:14">
      <c r="N522505" s="10"/>
    </row>
    <row r="522506" spans="14:14">
      <c r="N522506" s="10"/>
    </row>
    <row r="522507" spans="14:14">
      <c r="N522507" s="10"/>
    </row>
    <row r="522508" spans="14:14">
      <c r="N522508" s="10"/>
    </row>
    <row r="522509" spans="14:14">
      <c r="N522509" s="10"/>
    </row>
    <row r="522510" spans="14:14">
      <c r="N522510" s="10"/>
    </row>
    <row r="522511" spans="14:14">
      <c r="N522511" s="10"/>
    </row>
    <row r="522512" spans="14:14">
      <c r="N522512" s="10"/>
    </row>
    <row r="522513" spans="14:14">
      <c r="N522513" s="10"/>
    </row>
    <row r="522514" spans="14:14">
      <c r="N522514" s="10"/>
    </row>
    <row r="522515" spans="14:14">
      <c r="N522515" s="10"/>
    </row>
    <row r="522516" spans="14:14">
      <c r="N522516" s="10"/>
    </row>
    <row r="522517" spans="14:14">
      <c r="N522517" s="10"/>
    </row>
    <row r="522518" spans="14:14">
      <c r="N522518" s="10"/>
    </row>
    <row r="522519" spans="14:14">
      <c r="N522519" s="10"/>
    </row>
    <row r="522520" spans="14:14">
      <c r="N522520" s="10"/>
    </row>
    <row r="522521" spans="14:14">
      <c r="N522521" s="10"/>
    </row>
    <row r="522522" spans="14:14">
      <c r="N522522" s="10"/>
    </row>
    <row r="522523" spans="14:14">
      <c r="N522523" s="10"/>
    </row>
    <row r="522524" spans="14:14">
      <c r="N522524" s="10"/>
    </row>
    <row r="522525" spans="14:14">
      <c r="N522525" s="10"/>
    </row>
    <row r="522526" spans="14:14">
      <c r="N522526" s="10"/>
    </row>
    <row r="522527" spans="14:14">
      <c r="N522527" s="10"/>
    </row>
    <row r="522528" spans="14:14">
      <c r="N522528" s="10"/>
    </row>
    <row r="522529" spans="14:14">
      <c r="N522529" s="10"/>
    </row>
    <row r="522530" spans="14:14">
      <c r="N522530" s="10"/>
    </row>
    <row r="522531" spans="14:14">
      <c r="N522531" s="10"/>
    </row>
    <row r="522532" spans="14:14">
      <c r="N522532" s="10"/>
    </row>
    <row r="522533" spans="14:14">
      <c r="N522533" s="10"/>
    </row>
    <row r="522534" spans="14:14">
      <c r="N522534" s="10"/>
    </row>
    <row r="522535" spans="14:14">
      <c r="N522535" s="10"/>
    </row>
    <row r="522536" spans="14:14">
      <c r="N522536" s="10"/>
    </row>
    <row r="522537" spans="14:14">
      <c r="N522537" s="10"/>
    </row>
    <row r="522538" spans="14:14">
      <c r="N522538" s="10"/>
    </row>
    <row r="522539" spans="14:14">
      <c r="N522539" s="10"/>
    </row>
    <row r="522540" spans="14:14">
      <c r="N522540" s="10"/>
    </row>
    <row r="522541" spans="14:14">
      <c r="N522541" s="10"/>
    </row>
    <row r="522542" spans="14:14">
      <c r="N522542" s="10"/>
    </row>
    <row r="522543" spans="14:14">
      <c r="N522543" s="10"/>
    </row>
    <row r="522544" spans="14:14">
      <c r="N522544" s="10"/>
    </row>
    <row r="522545" spans="14:14">
      <c r="N522545" s="10"/>
    </row>
    <row r="522546" spans="14:14">
      <c r="N522546" s="10"/>
    </row>
    <row r="522547" spans="14:14">
      <c r="N522547" s="10"/>
    </row>
    <row r="522548" spans="14:14">
      <c r="N522548" s="10"/>
    </row>
    <row r="522549" spans="14:14">
      <c r="N522549" s="10"/>
    </row>
    <row r="522550" spans="14:14">
      <c r="N522550" s="10"/>
    </row>
    <row r="522551" spans="14:14">
      <c r="N522551" s="10"/>
    </row>
    <row r="522552" spans="14:14">
      <c r="N522552" s="10"/>
    </row>
    <row r="522553" spans="14:14">
      <c r="N522553" s="10"/>
    </row>
    <row r="522554" spans="14:14">
      <c r="N522554" s="10"/>
    </row>
    <row r="522555" spans="14:14">
      <c r="N522555" s="10"/>
    </row>
    <row r="522556" spans="14:14">
      <c r="N522556" s="10"/>
    </row>
    <row r="522557" spans="14:14">
      <c r="N522557" s="10"/>
    </row>
    <row r="522558" spans="14:14">
      <c r="N522558" s="10"/>
    </row>
    <row r="522559" spans="14:14">
      <c r="N522559" s="10"/>
    </row>
    <row r="522560" spans="14:14">
      <c r="N522560" s="10"/>
    </row>
    <row r="522561" spans="14:14">
      <c r="N522561" s="10"/>
    </row>
    <row r="522562" spans="14:14">
      <c r="N522562" s="10"/>
    </row>
    <row r="522563" spans="14:14">
      <c r="N522563" s="10"/>
    </row>
    <row r="522564" spans="14:14">
      <c r="N522564" s="10"/>
    </row>
    <row r="522565" spans="14:14">
      <c r="N522565" s="10"/>
    </row>
    <row r="522566" spans="14:14">
      <c r="N522566" s="10"/>
    </row>
    <row r="522567" spans="14:14">
      <c r="N522567" s="10"/>
    </row>
    <row r="522568" spans="14:14">
      <c r="N522568" s="10"/>
    </row>
    <row r="522569" spans="14:14">
      <c r="N522569" s="10"/>
    </row>
    <row r="522570" spans="14:14">
      <c r="N522570" s="10"/>
    </row>
    <row r="522571" spans="14:14">
      <c r="N522571" s="10"/>
    </row>
    <row r="522572" spans="14:14">
      <c r="N522572" s="10"/>
    </row>
    <row r="522573" spans="14:14">
      <c r="N522573" s="10"/>
    </row>
    <row r="522574" spans="14:14">
      <c r="N522574" s="10"/>
    </row>
    <row r="522575" spans="14:14">
      <c r="N522575" s="10"/>
    </row>
    <row r="522576" spans="14:14">
      <c r="N522576" s="10"/>
    </row>
    <row r="522577" spans="14:14">
      <c r="N522577" s="10"/>
    </row>
    <row r="522578" spans="14:14">
      <c r="N522578" s="10"/>
    </row>
    <row r="522579" spans="14:14">
      <c r="N522579" s="10"/>
    </row>
    <row r="522580" spans="14:14">
      <c r="N522580" s="10"/>
    </row>
    <row r="522581" spans="14:14">
      <c r="N522581" s="10"/>
    </row>
    <row r="522582" spans="14:14">
      <c r="N522582" s="10"/>
    </row>
    <row r="522583" spans="14:14">
      <c r="N522583" s="10"/>
    </row>
    <row r="522584" spans="14:14">
      <c r="N522584" s="10"/>
    </row>
    <row r="522585" spans="14:14">
      <c r="N522585" s="10"/>
    </row>
    <row r="522586" spans="14:14">
      <c r="N522586" s="10"/>
    </row>
    <row r="522587" spans="14:14">
      <c r="N522587" s="10"/>
    </row>
    <row r="522588" spans="14:14">
      <c r="N522588" s="10"/>
    </row>
    <row r="522589" spans="14:14">
      <c r="N522589" s="10"/>
    </row>
    <row r="522590" spans="14:14">
      <c r="N522590" s="10"/>
    </row>
    <row r="522591" spans="14:14">
      <c r="N522591" s="10"/>
    </row>
    <row r="522592" spans="14:14">
      <c r="N522592" s="10"/>
    </row>
    <row r="522593" spans="14:14">
      <c r="N522593" s="10"/>
    </row>
    <row r="522594" spans="14:14">
      <c r="N522594" s="10"/>
    </row>
    <row r="522595" spans="14:14">
      <c r="N522595" s="10"/>
    </row>
    <row r="522596" spans="14:14">
      <c r="N522596" s="10"/>
    </row>
    <row r="522597" spans="14:14">
      <c r="N522597" s="10"/>
    </row>
    <row r="522598" spans="14:14">
      <c r="N522598" s="10"/>
    </row>
    <row r="522599" spans="14:14">
      <c r="N522599" s="10"/>
    </row>
    <row r="522600" spans="14:14">
      <c r="N522600" s="10"/>
    </row>
    <row r="522601" spans="14:14">
      <c r="N522601" s="10"/>
    </row>
    <row r="522602" spans="14:14">
      <c r="N522602" s="10"/>
    </row>
    <row r="522603" spans="14:14">
      <c r="N522603" s="10"/>
    </row>
    <row r="522604" spans="14:14">
      <c r="N522604" s="10"/>
    </row>
    <row r="522605" spans="14:14">
      <c r="N522605" s="10"/>
    </row>
    <row r="522606" spans="14:14">
      <c r="N522606" s="10"/>
    </row>
    <row r="522607" spans="14:14">
      <c r="N522607" s="10"/>
    </row>
    <row r="522608" spans="14:14">
      <c r="N522608" s="10"/>
    </row>
    <row r="522609" spans="14:14">
      <c r="N522609" s="10"/>
    </row>
    <row r="522610" spans="14:14">
      <c r="N522610" s="10"/>
    </row>
    <row r="522611" spans="14:14">
      <c r="N522611" s="10"/>
    </row>
    <row r="522612" spans="14:14">
      <c r="N522612" s="10"/>
    </row>
    <row r="522613" spans="14:14">
      <c r="N522613" s="10"/>
    </row>
    <row r="522614" spans="14:14">
      <c r="N522614" s="10"/>
    </row>
    <row r="522615" spans="14:14">
      <c r="N522615" s="10"/>
    </row>
    <row r="522616" spans="14:14">
      <c r="N522616" s="10"/>
    </row>
    <row r="522617" spans="14:14">
      <c r="N522617" s="10"/>
    </row>
    <row r="522618" spans="14:14">
      <c r="N522618" s="10"/>
    </row>
    <row r="522619" spans="14:14">
      <c r="N522619" s="10"/>
    </row>
    <row r="522620" spans="14:14">
      <c r="N522620" s="10"/>
    </row>
    <row r="522621" spans="14:14">
      <c r="N522621" s="10"/>
    </row>
    <row r="522622" spans="14:14">
      <c r="N522622" s="10"/>
    </row>
    <row r="522623" spans="14:14">
      <c r="N522623" s="10"/>
    </row>
    <row r="522624" spans="14:14">
      <c r="N522624" s="10"/>
    </row>
    <row r="522625" spans="14:14">
      <c r="N522625" s="10"/>
    </row>
    <row r="522626" spans="14:14">
      <c r="N522626" s="10"/>
    </row>
    <row r="522627" spans="14:14">
      <c r="N522627" s="10"/>
    </row>
    <row r="522628" spans="14:14">
      <c r="N522628" s="10"/>
    </row>
    <row r="522629" spans="14:14">
      <c r="N522629" s="10"/>
    </row>
    <row r="522630" spans="14:14">
      <c r="N522630" s="10"/>
    </row>
    <row r="522631" spans="14:14">
      <c r="N522631" s="10"/>
    </row>
    <row r="522632" spans="14:14">
      <c r="N522632" s="10"/>
    </row>
    <row r="522633" spans="14:14">
      <c r="N522633" s="10"/>
    </row>
    <row r="522634" spans="14:14">
      <c r="N522634" s="10"/>
    </row>
    <row r="522635" spans="14:14">
      <c r="N522635" s="10"/>
    </row>
    <row r="522636" spans="14:14">
      <c r="N522636" s="10"/>
    </row>
    <row r="522637" spans="14:14">
      <c r="N522637" s="10"/>
    </row>
    <row r="522638" spans="14:14">
      <c r="N522638" s="10"/>
    </row>
    <row r="522639" spans="14:14">
      <c r="N522639" s="10"/>
    </row>
    <row r="522640" spans="14:14">
      <c r="N522640" s="10"/>
    </row>
    <row r="522641" spans="14:14">
      <c r="N522641" s="10"/>
    </row>
    <row r="522642" spans="14:14">
      <c r="N522642" s="10"/>
    </row>
    <row r="522643" spans="14:14">
      <c r="N522643" s="10"/>
    </row>
    <row r="522644" spans="14:14">
      <c r="N522644" s="10"/>
    </row>
    <row r="522645" spans="14:14">
      <c r="N522645" s="10"/>
    </row>
    <row r="522646" spans="14:14">
      <c r="N522646" s="10"/>
    </row>
    <row r="522647" spans="14:14">
      <c r="N522647" s="10"/>
    </row>
    <row r="522648" spans="14:14">
      <c r="N522648" s="10"/>
    </row>
    <row r="522649" spans="14:14">
      <c r="N522649" s="10"/>
    </row>
    <row r="522650" spans="14:14">
      <c r="N522650" s="10"/>
    </row>
    <row r="522651" spans="14:14">
      <c r="N522651" s="10"/>
    </row>
    <row r="522652" spans="14:14">
      <c r="N522652" s="10"/>
    </row>
    <row r="522653" spans="14:14">
      <c r="N522653" s="10"/>
    </row>
    <row r="522654" spans="14:14">
      <c r="N522654" s="10"/>
    </row>
    <row r="522655" spans="14:14">
      <c r="N522655" s="10"/>
    </row>
    <row r="522656" spans="14:14">
      <c r="N522656" s="10"/>
    </row>
    <row r="522657" spans="14:14">
      <c r="N522657" s="10"/>
    </row>
    <row r="522658" spans="14:14">
      <c r="N522658" s="10"/>
    </row>
    <row r="522659" spans="14:14">
      <c r="N522659" s="10"/>
    </row>
    <row r="522660" spans="14:14">
      <c r="N522660" s="10"/>
    </row>
    <row r="522661" spans="14:14">
      <c r="N522661" s="10"/>
    </row>
    <row r="522662" spans="14:14">
      <c r="N522662" s="10"/>
    </row>
    <row r="522663" spans="14:14">
      <c r="N522663" s="10"/>
    </row>
    <row r="522664" spans="14:14">
      <c r="N522664" s="10"/>
    </row>
    <row r="522665" spans="14:14">
      <c r="N522665" s="10"/>
    </row>
    <row r="522666" spans="14:14">
      <c r="N522666" s="10"/>
    </row>
    <row r="522667" spans="14:14">
      <c r="N522667" s="10"/>
    </row>
    <row r="522668" spans="14:14">
      <c r="N522668" s="10"/>
    </row>
    <row r="522669" spans="14:14">
      <c r="N522669" s="10"/>
    </row>
    <row r="522670" spans="14:14">
      <c r="N522670" s="10"/>
    </row>
    <row r="522671" spans="14:14">
      <c r="N522671" s="10"/>
    </row>
    <row r="522672" spans="14:14">
      <c r="N522672" s="10"/>
    </row>
    <row r="522673" spans="14:14">
      <c r="N522673" s="10"/>
    </row>
    <row r="522674" spans="14:14">
      <c r="N522674" s="10"/>
    </row>
    <row r="522675" spans="14:14">
      <c r="N522675" s="10"/>
    </row>
    <row r="522676" spans="14:14">
      <c r="N522676" s="10"/>
    </row>
    <row r="522677" spans="14:14">
      <c r="N522677" s="10"/>
    </row>
    <row r="522678" spans="14:14">
      <c r="N522678" s="10"/>
    </row>
    <row r="522679" spans="14:14">
      <c r="N522679" s="10"/>
    </row>
    <row r="522680" spans="14:14">
      <c r="N522680" s="10"/>
    </row>
    <row r="522681" spans="14:14">
      <c r="N522681" s="10"/>
    </row>
    <row r="522682" spans="14:14">
      <c r="N522682" s="10"/>
    </row>
    <row r="522683" spans="14:14">
      <c r="N522683" s="10"/>
    </row>
    <row r="522684" spans="14:14">
      <c r="N522684" s="10"/>
    </row>
    <row r="522685" spans="14:14">
      <c r="N522685" s="10"/>
    </row>
    <row r="522686" spans="14:14">
      <c r="N522686" s="10"/>
    </row>
    <row r="522687" spans="14:14">
      <c r="N522687" s="10"/>
    </row>
    <row r="522688" spans="14:14">
      <c r="N522688" s="10"/>
    </row>
    <row r="522689" spans="14:14">
      <c r="N522689" s="10"/>
    </row>
    <row r="522690" spans="14:14">
      <c r="N522690" s="10"/>
    </row>
    <row r="522691" spans="14:14">
      <c r="N522691" s="10"/>
    </row>
    <row r="522692" spans="14:14">
      <c r="N522692" s="10"/>
    </row>
    <row r="522693" spans="14:14">
      <c r="N522693" s="10"/>
    </row>
    <row r="522694" spans="14:14">
      <c r="N522694" s="10"/>
    </row>
    <row r="522695" spans="14:14">
      <c r="N522695" s="10"/>
    </row>
    <row r="522696" spans="14:14">
      <c r="N522696" s="10"/>
    </row>
    <row r="522697" spans="14:14">
      <c r="N522697" s="10"/>
    </row>
    <row r="522698" spans="14:14">
      <c r="N522698" s="10"/>
    </row>
    <row r="522699" spans="14:14">
      <c r="N522699" s="10"/>
    </row>
    <row r="522700" spans="14:14">
      <c r="N522700" s="10"/>
    </row>
    <row r="522701" spans="14:14">
      <c r="N522701" s="10"/>
    </row>
    <row r="522702" spans="14:14">
      <c r="N522702" s="10"/>
    </row>
    <row r="522703" spans="14:14">
      <c r="N522703" s="10"/>
    </row>
    <row r="522704" spans="14:14">
      <c r="N522704" s="10"/>
    </row>
    <row r="522705" spans="14:14">
      <c r="N522705" s="10"/>
    </row>
    <row r="522706" spans="14:14">
      <c r="N522706" s="10"/>
    </row>
    <row r="522707" spans="14:14">
      <c r="N522707" s="10"/>
    </row>
    <row r="522708" spans="14:14">
      <c r="N522708" s="10"/>
    </row>
    <row r="522709" spans="14:14">
      <c r="N522709" s="10"/>
    </row>
    <row r="522710" spans="14:14">
      <c r="N522710" s="10"/>
    </row>
    <row r="522711" spans="14:14">
      <c r="N522711" s="10"/>
    </row>
    <row r="522712" spans="14:14">
      <c r="N522712" s="10"/>
    </row>
    <row r="522713" spans="14:14">
      <c r="N522713" s="10"/>
    </row>
    <row r="522714" spans="14:14">
      <c r="N522714" s="10"/>
    </row>
    <row r="522715" spans="14:14">
      <c r="N522715" s="10"/>
    </row>
    <row r="522716" spans="14:14">
      <c r="N522716" s="10"/>
    </row>
    <row r="522717" spans="14:14">
      <c r="N522717" s="10"/>
    </row>
    <row r="522718" spans="14:14">
      <c r="N522718" s="10"/>
    </row>
    <row r="522719" spans="14:14">
      <c r="N522719" s="10"/>
    </row>
    <row r="522720" spans="14:14">
      <c r="N522720" s="10"/>
    </row>
    <row r="522721" spans="14:14">
      <c r="N522721" s="10"/>
    </row>
    <row r="522722" spans="14:14">
      <c r="N522722" s="10"/>
    </row>
    <row r="522723" spans="14:14">
      <c r="N522723" s="10"/>
    </row>
    <row r="522724" spans="14:14">
      <c r="N522724" s="10"/>
    </row>
    <row r="522725" spans="14:14">
      <c r="N522725" s="10"/>
    </row>
    <row r="522726" spans="14:14">
      <c r="N522726" s="10"/>
    </row>
    <row r="522727" spans="14:14">
      <c r="N522727" s="10"/>
    </row>
    <row r="522728" spans="14:14">
      <c r="N522728" s="10"/>
    </row>
    <row r="522729" spans="14:14">
      <c r="N522729" s="10"/>
    </row>
    <row r="522730" spans="14:14">
      <c r="N522730" s="10"/>
    </row>
    <row r="522731" spans="14:14">
      <c r="N522731" s="10"/>
    </row>
    <row r="522732" spans="14:14">
      <c r="N522732" s="10"/>
    </row>
    <row r="522733" spans="14:14">
      <c r="N522733" s="10"/>
    </row>
    <row r="522734" spans="14:14">
      <c r="N522734" s="10"/>
    </row>
    <row r="522735" spans="14:14">
      <c r="N522735" s="10"/>
    </row>
    <row r="522736" spans="14:14">
      <c r="N522736" s="10"/>
    </row>
    <row r="522737" spans="14:14">
      <c r="N522737" s="10"/>
    </row>
    <row r="522738" spans="14:14">
      <c r="N522738" s="10"/>
    </row>
    <row r="522739" spans="14:14">
      <c r="N522739" s="10"/>
    </row>
    <row r="522740" spans="14:14">
      <c r="N522740" s="10"/>
    </row>
    <row r="522741" spans="14:14">
      <c r="N522741" s="10"/>
    </row>
    <row r="522742" spans="14:14">
      <c r="N522742" s="10"/>
    </row>
    <row r="522743" spans="14:14">
      <c r="N522743" s="10"/>
    </row>
    <row r="522744" spans="14:14">
      <c r="N522744" s="10"/>
    </row>
    <row r="522745" spans="14:14">
      <c r="N522745" s="10"/>
    </row>
    <row r="522746" spans="14:14">
      <c r="N522746" s="10"/>
    </row>
    <row r="522747" spans="14:14">
      <c r="N522747" s="10"/>
    </row>
    <row r="522748" spans="14:14">
      <c r="N522748" s="10"/>
    </row>
    <row r="522749" spans="14:14">
      <c r="N522749" s="10"/>
    </row>
    <row r="522750" spans="14:14">
      <c r="N522750" s="10"/>
    </row>
    <row r="522751" spans="14:14">
      <c r="N522751" s="10"/>
    </row>
    <row r="522752" spans="14:14">
      <c r="N522752" s="10"/>
    </row>
    <row r="522753" spans="14:14">
      <c r="N522753" s="10"/>
    </row>
    <row r="522754" spans="14:14">
      <c r="N522754" s="10"/>
    </row>
    <row r="522755" spans="14:14">
      <c r="N522755" s="10"/>
    </row>
    <row r="522756" spans="14:14">
      <c r="N522756" s="10"/>
    </row>
    <row r="522757" spans="14:14">
      <c r="N522757" s="10"/>
    </row>
    <row r="522758" spans="14:14">
      <c r="N522758" s="10"/>
    </row>
    <row r="522759" spans="14:14">
      <c r="N522759" s="10"/>
    </row>
    <row r="522760" spans="14:14">
      <c r="N522760" s="10"/>
    </row>
    <row r="522761" spans="14:14">
      <c r="N522761" s="10"/>
    </row>
    <row r="522762" spans="14:14">
      <c r="N522762" s="10"/>
    </row>
    <row r="522763" spans="14:14">
      <c r="N522763" s="10"/>
    </row>
    <row r="522764" spans="14:14">
      <c r="N522764" s="10"/>
    </row>
    <row r="522765" spans="14:14">
      <c r="N522765" s="10"/>
    </row>
    <row r="522766" spans="14:14">
      <c r="N522766" s="10"/>
    </row>
    <row r="522767" spans="14:14">
      <c r="N522767" s="10"/>
    </row>
    <row r="522768" spans="14:14">
      <c r="N522768" s="10"/>
    </row>
    <row r="522769" spans="14:14">
      <c r="N522769" s="10"/>
    </row>
    <row r="522770" spans="14:14">
      <c r="N522770" s="10"/>
    </row>
    <row r="522771" spans="14:14">
      <c r="N522771" s="10"/>
    </row>
    <row r="522772" spans="14:14">
      <c r="N522772" s="10"/>
    </row>
    <row r="522773" spans="14:14">
      <c r="N522773" s="10"/>
    </row>
    <row r="522774" spans="14:14">
      <c r="N522774" s="10"/>
    </row>
    <row r="522775" spans="14:14">
      <c r="N522775" s="10"/>
    </row>
    <row r="522776" spans="14:14">
      <c r="N522776" s="10"/>
    </row>
    <row r="522777" spans="14:14">
      <c r="N522777" s="10"/>
    </row>
    <row r="522778" spans="14:14">
      <c r="N522778" s="10"/>
    </row>
    <row r="522779" spans="14:14">
      <c r="N522779" s="10"/>
    </row>
    <row r="522780" spans="14:14">
      <c r="N522780" s="10"/>
    </row>
    <row r="522781" spans="14:14">
      <c r="N522781" s="10"/>
    </row>
    <row r="522782" spans="14:14">
      <c r="N522782" s="10"/>
    </row>
    <row r="522783" spans="14:14">
      <c r="N522783" s="10"/>
    </row>
    <row r="522784" spans="14:14">
      <c r="N522784" s="10"/>
    </row>
    <row r="522785" spans="14:14">
      <c r="N522785" s="10"/>
    </row>
    <row r="522786" spans="14:14">
      <c r="N522786" s="10"/>
    </row>
    <row r="522787" spans="14:14">
      <c r="N522787" s="10"/>
    </row>
    <row r="522788" spans="14:14">
      <c r="N522788" s="10"/>
    </row>
    <row r="522789" spans="14:14">
      <c r="N522789" s="10"/>
    </row>
    <row r="522790" spans="14:14">
      <c r="N522790" s="10"/>
    </row>
    <row r="522791" spans="14:14">
      <c r="N522791" s="10"/>
    </row>
    <row r="522792" spans="14:14">
      <c r="N522792" s="10"/>
    </row>
    <row r="522793" spans="14:14">
      <c r="N522793" s="10"/>
    </row>
    <row r="522794" spans="14:14">
      <c r="N522794" s="10"/>
    </row>
    <row r="522795" spans="14:14">
      <c r="N522795" s="10"/>
    </row>
    <row r="522796" spans="14:14">
      <c r="N522796" s="10"/>
    </row>
    <row r="522797" spans="14:14">
      <c r="N522797" s="10"/>
    </row>
    <row r="522798" spans="14:14">
      <c r="N522798" s="10"/>
    </row>
    <row r="522799" spans="14:14">
      <c r="N522799" s="10"/>
    </row>
    <row r="522800" spans="14:14">
      <c r="N522800" s="10"/>
    </row>
    <row r="522801" spans="14:14">
      <c r="N522801" s="10"/>
    </row>
    <row r="522802" spans="14:14">
      <c r="N522802" s="10"/>
    </row>
    <row r="522803" spans="14:14">
      <c r="N522803" s="10"/>
    </row>
    <row r="522804" spans="14:14">
      <c r="N522804" s="10"/>
    </row>
    <row r="522805" spans="14:14">
      <c r="N522805" s="10"/>
    </row>
    <row r="522806" spans="14:14">
      <c r="N522806" s="10"/>
    </row>
    <row r="522807" spans="14:14">
      <c r="N522807" s="10"/>
    </row>
    <row r="522808" spans="14:14">
      <c r="N522808" s="10"/>
    </row>
    <row r="522809" spans="14:14">
      <c r="N522809" s="10"/>
    </row>
    <row r="522810" spans="14:14">
      <c r="N522810" s="10"/>
    </row>
    <row r="522811" spans="14:14">
      <c r="N522811" s="10"/>
    </row>
    <row r="522812" spans="14:14">
      <c r="N522812" s="10"/>
    </row>
    <row r="522813" spans="14:14">
      <c r="N522813" s="10"/>
    </row>
    <row r="522814" spans="14:14">
      <c r="N522814" s="10"/>
    </row>
    <row r="522815" spans="14:14">
      <c r="N522815" s="10"/>
    </row>
    <row r="522816" spans="14:14">
      <c r="N522816" s="10"/>
    </row>
    <row r="522817" spans="14:14">
      <c r="N522817" s="10"/>
    </row>
    <row r="522818" spans="14:14">
      <c r="N522818" s="10"/>
    </row>
    <row r="522819" spans="14:14">
      <c r="N522819" s="10"/>
    </row>
    <row r="522820" spans="14:14">
      <c r="N522820" s="10"/>
    </row>
    <row r="522821" spans="14:14">
      <c r="N522821" s="10"/>
    </row>
    <row r="522822" spans="14:14">
      <c r="N522822" s="10"/>
    </row>
    <row r="522823" spans="14:14">
      <c r="N522823" s="10"/>
    </row>
    <row r="522824" spans="14:14">
      <c r="N522824" s="10"/>
    </row>
    <row r="522825" spans="14:14">
      <c r="N522825" s="10"/>
    </row>
    <row r="522826" spans="14:14">
      <c r="N522826" s="10"/>
    </row>
    <row r="522827" spans="14:14">
      <c r="N522827" s="10"/>
    </row>
    <row r="522828" spans="14:14">
      <c r="N522828" s="10"/>
    </row>
    <row r="522829" spans="14:14">
      <c r="N522829" s="10"/>
    </row>
    <row r="522830" spans="14:14">
      <c r="N522830" s="10"/>
    </row>
    <row r="522831" spans="14:14">
      <c r="N522831" s="10"/>
    </row>
    <row r="522832" spans="14:14">
      <c r="N522832" s="10"/>
    </row>
    <row r="522833" spans="14:14">
      <c r="N522833" s="10"/>
    </row>
    <row r="522834" spans="14:14">
      <c r="N522834" s="10"/>
    </row>
    <row r="522835" spans="14:14">
      <c r="N522835" s="10"/>
    </row>
    <row r="522836" spans="14:14">
      <c r="N522836" s="10"/>
    </row>
    <row r="522837" spans="14:14">
      <c r="N522837" s="10"/>
    </row>
    <row r="522838" spans="14:14">
      <c r="N522838" s="10"/>
    </row>
    <row r="522839" spans="14:14">
      <c r="N522839" s="10"/>
    </row>
    <row r="522840" spans="14:14">
      <c r="N522840" s="10"/>
    </row>
    <row r="522841" spans="14:14">
      <c r="N522841" s="10"/>
    </row>
    <row r="522842" spans="14:14">
      <c r="N522842" s="10"/>
    </row>
    <row r="522843" spans="14:14">
      <c r="N522843" s="10"/>
    </row>
    <row r="522844" spans="14:14">
      <c r="N522844" s="10"/>
    </row>
    <row r="522845" spans="14:14">
      <c r="N522845" s="10"/>
    </row>
    <row r="522846" spans="14:14">
      <c r="N522846" s="10"/>
    </row>
    <row r="522847" spans="14:14">
      <c r="N522847" s="10"/>
    </row>
    <row r="522848" spans="14:14">
      <c r="N522848" s="10"/>
    </row>
    <row r="522849" spans="14:14">
      <c r="N522849" s="10"/>
    </row>
    <row r="522850" spans="14:14">
      <c r="N522850" s="10"/>
    </row>
    <row r="522851" spans="14:14">
      <c r="N522851" s="10"/>
    </row>
    <row r="522852" spans="14:14">
      <c r="N522852" s="10"/>
    </row>
    <row r="522853" spans="14:14">
      <c r="N522853" s="10"/>
    </row>
    <row r="522854" spans="14:14">
      <c r="N522854" s="10"/>
    </row>
    <row r="522855" spans="14:14">
      <c r="N522855" s="10"/>
    </row>
    <row r="522856" spans="14:14">
      <c r="N522856" s="10"/>
    </row>
    <row r="522857" spans="14:14">
      <c r="N522857" s="10"/>
    </row>
    <row r="522858" spans="14:14">
      <c r="N522858" s="10"/>
    </row>
    <row r="522859" spans="14:14">
      <c r="N522859" s="10"/>
    </row>
    <row r="522860" spans="14:14">
      <c r="N522860" s="10"/>
    </row>
    <row r="522861" spans="14:14">
      <c r="N522861" s="10"/>
    </row>
    <row r="522862" spans="14:14">
      <c r="N522862" s="10"/>
    </row>
    <row r="522863" spans="14:14">
      <c r="N522863" s="10"/>
    </row>
    <row r="522864" spans="14:14">
      <c r="N522864" s="10"/>
    </row>
    <row r="522865" spans="14:14">
      <c r="N522865" s="10"/>
    </row>
    <row r="522866" spans="14:14">
      <c r="N522866" s="10"/>
    </row>
    <row r="522867" spans="14:14">
      <c r="N522867" s="10"/>
    </row>
    <row r="522868" spans="14:14">
      <c r="N522868" s="10"/>
    </row>
    <row r="522869" spans="14:14">
      <c r="N522869" s="10"/>
    </row>
    <row r="522870" spans="14:14">
      <c r="N522870" s="10"/>
    </row>
    <row r="522871" spans="14:14">
      <c r="N522871" s="10"/>
    </row>
    <row r="522872" spans="14:14">
      <c r="N522872" s="10"/>
    </row>
    <row r="522873" spans="14:14">
      <c r="N522873" s="10"/>
    </row>
    <row r="522874" spans="14:14">
      <c r="N522874" s="10"/>
    </row>
    <row r="522875" spans="14:14">
      <c r="N522875" s="10"/>
    </row>
    <row r="522876" spans="14:14">
      <c r="N522876" s="10"/>
    </row>
    <row r="522877" spans="14:14">
      <c r="N522877" s="10"/>
    </row>
    <row r="522878" spans="14:14">
      <c r="N522878" s="10"/>
    </row>
    <row r="522879" spans="14:14">
      <c r="N522879" s="10"/>
    </row>
    <row r="522880" spans="14:14">
      <c r="N522880" s="10"/>
    </row>
    <row r="522881" spans="14:14">
      <c r="N522881" s="10"/>
    </row>
    <row r="522882" spans="14:14">
      <c r="N522882" s="10"/>
    </row>
    <row r="522883" spans="14:14">
      <c r="N522883" s="10"/>
    </row>
    <row r="522884" spans="14:14">
      <c r="N522884" s="10"/>
    </row>
    <row r="522885" spans="14:14">
      <c r="N522885" s="10"/>
    </row>
    <row r="522886" spans="14:14">
      <c r="N522886" s="10"/>
    </row>
    <row r="522887" spans="14:14">
      <c r="N522887" s="10"/>
    </row>
    <row r="522888" spans="14:14">
      <c r="N522888" s="10"/>
    </row>
    <row r="522889" spans="14:14">
      <c r="N522889" s="10"/>
    </row>
    <row r="522890" spans="14:14">
      <c r="N522890" s="10"/>
    </row>
    <row r="522891" spans="14:14">
      <c r="N522891" s="10"/>
    </row>
    <row r="522892" spans="14:14">
      <c r="N522892" s="10"/>
    </row>
    <row r="522893" spans="14:14">
      <c r="N522893" s="10"/>
    </row>
    <row r="522894" spans="14:14">
      <c r="N522894" s="10"/>
    </row>
    <row r="522895" spans="14:14">
      <c r="N522895" s="10"/>
    </row>
    <row r="522896" spans="14:14">
      <c r="N522896" s="10"/>
    </row>
    <row r="522897" spans="14:14">
      <c r="N522897" s="10"/>
    </row>
    <row r="522898" spans="14:14">
      <c r="N522898" s="10"/>
    </row>
    <row r="522899" spans="14:14">
      <c r="N522899" s="10"/>
    </row>
    <row r="522900" spans="14:14">
      <c r="N522900" s="10"/>
    </row>
    <row r="522901" spans="14:14">
      <c r="N522901" s="10"/>
    </row>
    <row r="522902" spans="14:14">
      <c r="N522902" s="10"/>
    </row>
    <row r="522903" spans="14:14">
      <c r="N522903" s="10"/>
    </row>
    <row r="522904" spans="14:14">
      <c r="N522904" s="10"/>
    </row>
    <row r="522905" spans="14:14">
      <c r="N522905" s="10"/>
    </row>
    <row r="522906" spans="14:14">
      <c r="N522906" s="10"/>
    </row>
    <row r="522907" spans="14:14">
      <c r="N522907" s="10"/>
    </row>
    <row r="522908" spans="14:14">
      <c r="N522908" s="10"/>
    </row>
    <row r="522909" spans="14:14">
      <c r="N522909" s="10"/>
    </row>
    <row r="522910" spans="14:14">
      <c r="N522910" s="10"/>
    </row>
    <row r="522911" spans="14:14">
      <c r="N522911" s="10"/>
    </row>
    <row r="522912" spans="14:14">
      <c r="N522912" s="10"/>
    </row>
    <row r="522913" spans="14:14">
      <c r="N522913" s="10"/>
    </row>
    <row r="522914" spans="14:14">
      <c r="N522914" s="10"/>
    </row>
    <row r="522915" spans="14:14">
      <c r="N522915" s="10"/>
    </row>
    <row r="522916" spans="14:14">
      <c r="N522916" s="10"/>
    </row>
    <row r="522917" spans="14:14">
      <c r="N522917" s="10"/>
    </row>
    <row r="522918" spans="14:14">
      <c r="N522918" s="10"/>
    </row>
    <row r="522919" spans="14:14">
      <c r="N522919" s="10"/>
    </row>
    <row r="522920" spans="14:14">
      <c r="N522920" s="10"/>
    </row>
    <row r="522921" spans="14:14">
      <c r="N522921" s="10"/>
    </row>
    <row r="522922" spans="14:14">
      <c r="N522922" s="10"/>
    </row>
    <row r="522923" spans="14:14">
      <c r="N522923" s="10"/>
    </row>
    <row r="522924" spans="14:14">
      <c r="N522924" s="10"/>
    </row>
    <row r="522925" spans="14:14">
      <c r="N522925" s="10"/>
    </row>
    <row r="522926" spans="14:14">
      <c r="N522926" s="10"/>
    </row>
    <row r="522927" spans="14:14">
      <c r="N522927" s="10"/>
    </row>
    <row r="522928" spans="14:14">
      <c r="N522928" s="10"/>
    </row>
    <row r="522929" spans="14:14">
      <c r="N522929" s="10"/>
    </row>
    <row r="522930" spans="14:14">
      <c r="N522930" s="10"/>
    </row>
    <row r="522931" spans="14:14">
      <c r="N522931" s="10"/>
    </row>
    <row r="522932" spans="14:14">
      <c r="N522932" s="10"/>
    </row>
    <row r="522933" spans="14:14">
      <c r="N522933" s="10"/>
    </row>
    <row r="522934" spans="14:14">
      <c r="N522934" s="10"/>
    </row>
    <row r="522935" spans="14:14">
      <c r="N522935" s="10"/>
    </row>
    <row r="522936" spans="14:14">
      <c r="N522936" s="10"/>
    </row>
    <row r="522937" spans="14:14">
      <c r="N522937" s="10"/>
    </row>
    <row r="522938" spans="14:14">
      <c r="N522938" s="10"/>
    </row>
    <row r="522939" spans="14:14">
      <c r="N522939" s="10"/>
    </row>
    <row r="522940" spans="14:14">
      <c r="N522940" s="10"/>
    </row>
    <row r="522941" spans="14:14">
      <c r="N522941" s="10"/>
    </row>
    <row r="522942" spans="14:14">
      <c r="N522942" s="10"/>
    </row>
    <row r="522943" spans="14:14">
      <c r="N522943" s="10"/>
    </row>
    <row r="522944" spans="14:14">
      <c r="N522944" s="10"/>
    </row>
    <row r="522945" spans="14:14">
      <c r="N522945" s="10"/>
    </row>
    <row r="522946" spans="14:14">
      <c r="N522946" s="10"/>
    </row>
    <row r="522947" spans="14:14">
      <c r="N522947" s="10"/>
    </row>
    <row r="522948" spans="14:14">
      <c r="N522948" s="10"/>
    </row>
    <row r="522949" spans="14:14">
      <c r="N522949" s="10"/>
    </row>
    <row r="522950" spans="14:14">
      <c r="N522950" s="10"/>
    </row>
    <row r="522951" spans="14:14">
      <c r="N522951" s="10"/>
    </row>
    <row r="522952" spans="14:14">
      <c r="N522952" s="10"/>
    </row>
    <row r="522953" spans="14:14">
      <c r="N522953" s="10"/>
    </row>
    <row r="522954" spans="14:14">
      <c r="N522954" s="10"/>
    </row>
    <row r="522955" spans="14:14">
      <c r="N522955" s="10"/>
    </row>
    <row r="522956" spans="14:14">
      <c r="N522956" s="10"/>
    </row>
    <row r="522957" spans="14:14">
      <c r="N522957" s="10"/>
    </row>
    <row r="522958" spans="14:14">
      <c r="N522958" s="10"/>
    </row>
    <row r="522959" spans="14:14">
      <c r="N522959" s="10"/>
    </row>
    <row r="522960" spans="14:14">
      <c r="N522960" s="10"/>
    </row>
    <row r="522961" spans="14:14">
      <c r="N522961" s="10"/>
    </row>
    <row r="522962" spans="14:14">
      <c r="N522962" s="10"/>
    </row>
    <row r="522963" spans="14:14">
      <c r="N522963" s="10"/>
    </row>
    <row r="522964" spans="14:14">
      <c r="N522964" s="10"/>
    </row>
    <row r="522965" spans="14:14">
      <c r="N522965" s="10"/>
    </row>
    <row r="522966" spans="14:14">
      <c r="N522966" s="10"/>
    </row>
    <row r="522967" spans="14:14">
      <c r="N522967" s="10"/>
    </row>
    <row r="522968" spans="14:14">
      <c r="N522968" s="10"/>
    </row>
    <row r="522969" spans="14:14">
      <c r="N522969" s="10"/>
    </row>
    <row r="522970" spans="14:14">
      <c r="N522970" s="10"/>
    </row>
    <row r="522971" spans="14:14">
      <c r="N522971" s="10"/>
    </row>
    <row r="522972" spans="14:14">
      <c r="N522972" s="10"/>
    </row>
    <row r="522973" spans="14:14">
      <c r="N522973" s="10"/>
    </row>
    <row r="522974" spans="14:14">
      <c r="N522974" s="10"/>
    </row>
    <row r="522975" spans="14:14">
      <c r="N522975" s="10"/>
    </row>
    <row r="522976" spans="14:14">
      <c r="N522976" s="10"/>
    </row>
    <row r="522977" spans="14:14">
      <c r="N522977" s="10"/>
    </row>
    <row r="522978" spans="14:14">
      <c r="N522978" s="10"/>
    </row>
    <row r="522979" spans="14:14">
      <c r="N522979" s="10"/>
    </row>
    <row r="522980" spans="14:14">
      <c r="N522980" s="10"/>
    </row>
    <row r="522981" spans="14:14">
      <c r="N522981" s="10"/>
    </row>
    <row r="522982" spans="14:14">
      <c r="N522982" s="10"/>
    </row>
    <row r="522983" spans="14:14">
      <c r="N522983" s="10"/>
    </row>
    <row r="522984" spans="14:14">
      <c r="N522984" s="10"/>
    </row>
    <row r="522985" spans="14:14">
      <c r="N522985" s="10"/>
    </row>
    <row r="522986" spans="14:14">
      <c r="N522986" s="10"/>
    </row>
    <row r="522987" spans="14:14">
      <c r="N522987" s="10"/>
    </row>
    <row r="522988" spans="14:14">
      <c r="N522988" s="10"/>
    </row>
    <row r="522989" spans="14:14">
      <c r="N522989" s="10"/>
    </row>
    <row r="522990" spans="14:14">
      <c r="N522990" s="10"/>
    </row>
    <row r="522991" spans="14:14">
      <c r="N522991" s="10"/>
    </row>
    <row r="522992" spans="14:14">
      <c r="N522992" s="10"/>
    </row>
    <row r="522993" spans="14:14">
      <c r="N522993" s="10"/>
    </row>
    <row r="522994" spans="14:14">
      <c r="N522994" s="10"/>
    </row>
    <row r="522995" spans="14:14">
      <c r="N522995" s="10"/>
    </row>
    <row r="522996" spans="14:14">
      <c r="N522996" s="10"/>
    </row>
    <row r="522997" spans="14:14">
      <c r="N522997" s="10"/>
    </row>
    <row r="522998" spans="14:14">
      <c r="N522998" s="10"/>
    </row>
    <row r="522999" spans="14:14">
      <c r="N522999" s="10"/>
    </row>
    <row r="523000" spans="14:14">
      <c r="N523000" s="10"/>
    </row>
    <row r="523001" spans="14:14">
      <c r="N523001" s="10"/>
    </row>
    <row r="523002" spans="14:14">
      <c r="N523002" s="10"/>
    </row>
    <row r="523003" spans="14:14">
      <c r="N523003" s="10"/>
    </row>
    <row r="523004" spans="14:14">
      <c r="N523004" s="10"/>
    </row>
    <row r="523005" spans="14:14">
      <c r="N523005" s="10"/>
    </row>
    <row r="523006" spans="14:14">
      <c r="N523006" s="10"/>
    </row>
    <row r="523007" spans="14:14">
      <c r="N523007" s="10"/>
    </row>
    <row r="523008" spans="14:14">
      <c r="N523008" s="10"/>
    </row>
    <row r="523009" spans="14:14">
      <c r="N523009" s="10"/>
    </row>
    <row r="523010" spans="14:14">
      <c r="N523010" s="10"/>
    </row>
    <row r="523011" spans="14:14">
      <c r="N523011" s="10"/>
    </row>
    <row r="523012" spans="14:14">
      <c r="N523012" s="10"/>
    </row>
    <row r="523013" spans="14:14">
      <c r="N523013" s="10"/>
    </row>
    <row r="523014" spans="14:14">
      <c r="N523014" s="10"/>
    </row>
    <row r="523015" spans="14:14">
      <c r="N523015" s="10"/>
    </row>
    <row r="523016" spans="14:14">
      <c r="N523016" s="10"/>
    </row>
    <row r="523017" spans="14:14">
      <c r="N523017" s="10"/>
    </row>
    <row r="523018" spans="14:14">
      <c r="N523018" s="10"/>
    </row>
    <row r="523019" spans="14:14">
      <c r="N523019" s="10"/>
    </row>
    <row r="523020" spans="14:14">
      <c r="N523020" s="10"/>
    </row>
    <row r="523021" spans="14:14">
      <c r="N523021" s="10"/>
    </row>
    <row r="523022" spans="14:14">
      <c r="N523022" s="10"/>
    </row>
    <row r="523023" spans="14:14">
      <c r="N523023" s="10"/>
    </row>
    <row r="523024" spans="14:14">
      <c r="N523024" s="10"/>
    </row>
    <row r="523025" spans="14:14">
      <c r="N523025" s="10"/>
    </row>
    <row r="523026" spans="14:14">
      <c r="N523026" s="10"/>
    </row>
    <row r="523027" spans="14:14">
      <c r="N523027" s="10"/>
    </row>
    <row r="523028" spans="14:14">
      <c r="N523028" s="10"/>
    </row>
    <row r="523029" spans="14:14">
      <c r="N523029" s="10"/>
    </row>
    <row r="523030" spans="14:14">
      <c r="N523030" s="10"/>
    </row>
    <row r="523031" spans="14:14">
      <c r="N523031" s="10"/>
    </row>
    <row r="523032" spans="14:14">
      <c r="N523032" s="10"/>
    </row>
    <row r="523033" spans="14:14">
      <c r="N523033" s="10"/>
    </row>
    <row r="523034" spans="14:14">
      <c r="N523034" s="10"/>
    </row>
    <row r="523035" spans="14:14">
      <c r="N523035" s="10"/>
    </row>
    <row r="523036" spans="14:14">
      <c r="N523036" s="10"/>
    </row>
    <row r="523037" spans="14:14">
      <c r="N523037" s="10"/>
    </row>
    <row r="523038" spans="14:14">
      <c r="N523038" s="10"/>
    </row>
    <row r="523039" spans="14:14">
      <c r="N523039" s="10"/>
    </row>
    <row r="523040" spans="14:14">
      <c r="N523040" s="10"/>
    </row>
    <row r="523041" spans="14:14">
      <c r="N523041" s="10"/>
    </row>
    <row r="523042" spans="14:14">
      <c r="N523042" s="10"/>
    </row>
    <row r="523043" spans="14:14">
      <c r="N523043" s="10"/>
    </row>
    <row r="523044" spans="14:14">
      <c r="N523044" s="10"/>
    </row>
    <row r="523045" spans="14:14">
      <c r="N523045" s="10"/>
    </row>
    <row r="523046" spans="14:14">
      <c r="N523046" s="10"/>
    </row>
    <row r="523047" spans="14:14">
      <c r="N523047" s="10"/>
    </row>
    <row r="523048" spans="14:14">
      <c r="N523048" s="10"/>
    </row>
    <row r="523049" spans="14:14">
      <c r="N523049" s="10"/>
    </row>
    <row r="523050" spans="14:14">
      <c r="N523050" s="10"/>
    </row>
    <row r="523051" spans="14:14">
      <c r="N523051" s="10"/>
    </row>
    <row r="523052" spans="14:14">
      <c r="N523052" s="10"/>
    </row>
    <row r="523053" spans="14:14">
      <c r="N523053" s="10"/>
    </row>
    <row r="523054" spans="14:14">
      <c r="N523054" s="10"/>
    </row>
    <row r="523055" spans="14:14">
      <c r="N523055" s="10"/>
    </row>
    <row r="523056" spans="14:14">
      <c r="N523056" s="10"/>
    </row>
    <row r="523057" spans="14:14">
      <c r="N523057" s="10"/>
    </row>
    <row r="523058" spans="14:14">
      <c r="N523058" s="10"/>
    </row>
    <row r="523059" spans="14:14">
      <c r="N523059" s="10"/>
    </row>
    <row r="523060" spans="14:14">
      <c r="N523060" s="10"/>
    </row>
    <row r="523061" spans="14:14">
      <c r="N523061" s="10"/>
    </row>
    <row r="523062" spans="14:14">
      <c r="N523062" s="10"/>
    </row>
    <row r="523063" spans="14:14">
      <c r="N523063" s="10"/>
    </row>
    <row r="523064" spans="14:14">
      <c r="N523064" s="10"/>
    </row>
    <row r="523065" spans="14:14">
      <c r="N523065" s="10"/>
    </row>
    <row r="523066" spans="14:14">
      <c r="N523066" s="10"/>
    </row>
    <row r="523067" spans="14:14">
      <c r="N523067" s="10"/>
    </row>
    <row r="523068" spans="14:14">
      <c r="N523068" s="10"/>
    </row>
    <row r="523069" spans="14:14">
      <c r="N523069" s="10"/>
    </row>
    <row r="523070" spans="14:14">
      <c r="N523070" s="10"/>
    </row>
    <row r="523071" spans="14:14">
      <c r="N523071" s="10"/>
    </row>
    <row r="523072" spans="14:14">
      <c r="N523072" s="10"/>
    </row>
    <row r="523073" spans="14:14">
      <c r="N523073" s="10"/>
    </row>
    <row r="523074" spans="14:14">
      <c r="N523074" s="10"/>
    </row>
    <row r="523075" spans="14:14">
      <c r="N523075" s="10"/>
    </row>
    <row r="523076" spans="14:14">
      <c r="N523076" s="10"/>
    </row>
    <row r="523077" spans="14:14">
      <c r="N523077" s="10"/>
    </row>
    <row r="523078" spans="14:14">
      <c r="N523078" s="10"/>
    </row>
    <row r="523079" spans="14:14">
      <c r="N523079" s="10"/>
    </row>
    <row r="523080" spans="14:14">
      <c r="N523080" s="10"/>
    </row>
    <row r="523081" spans="14:14">
      <c r="N523081" s="10"/>
    </row>
    <row r="523082" spans="14:14">
      <c r="N523082" s="10"/>
    </row>
    <row r="523083" spans="14:14">
      <c r="N523083" s="10"/>
    </row>
    <row r="523084" spans="14:14">
      <c r="N523084" s="10"/>
    </row>
    <row r="523085" spans="14:14">
      <c r="N523085" s="10"/>
    </row>
    <row r="523086" spans="14:14">
      <c r="N523086" s="10"/>
    </row>
    <row r="523087" spans="14:14">
      <c r="N523087" s="10"/>
    </row>
    <row r="523088" spans="14:14">
      <c r="N523088" s="10"/>
    </row>
    <row r="523089" spans="14:14">
      <c r="N523089" s="10"/>
    </row>
    <row r="523090" spans="14:14">
      <c r="N523090" s="10"/>
    </row>
    <row r="523091" spans="14:14">
      <c r="N523091" s="10"/>
    </row>
    <row r="523092" spans="14:14">
      <c r="N523092" s="10"/>
    </row>
    <row r="523093" spans="14:14">
      <c r="N523093" s="10"/>
    </row>
    <row r="523094" spans="14:14">
      <c r="N523094" s="10"/>
    </row>
    <row r="523095" spans="14:14">
      <c r="N523095" s="10"/>
    </row>
    <row r="523096" spans="14:14">
      <c r="N523096" s="10"/>
    </row>
    <row r="523097" spans="14:14">
      <c r="N523097" s="10"/>
    </row>
    <row r="523098" spans="14:14">
      <c r="N523098" s="10"/>
    </row>
    <row r="523099" spans="14:14">
      <c r="N523099" s="10"/>
    </row>
    <row r="523100" spans="14:14">
      <c r="N523100" s="10"/>
    </row>
    <row r="523101" spans="14:14">
      <c r="N523101" s="10"/>
    </row>
    <row r="523102" spans="14:14">
      <c r="N523102" s="10"/>
    </row>
    <row r="523103" spans="14:14">
      <c r="N523103" s="10"/>
    </row>
    <row r="523104" spans="14:14">
      <c r="N523104" s="10"/>
    </row>
    <row r="523105" spans="14:14">
      <c r="N523105" s="10"/>
    </row>
    <row r="523106" spans="14:14">
      <c r="N523106" s="10"/>
    </row>
    <row r="523107" spans="14:14">
      <c r="N523107" s="10"/>
    </row>
    <row r="523108" spans="14:14">
      <c r="N523108" s="10"/>
    </row>
    <row r="523109" spans="14:14">
      <c r="N523109" s="10"/>
    </row>
    <row r="523110" spans="14:14">
      <c r="N523110" s="10"/>
    </row>
    <row r="523111" spans="14:14">
      <c r="N523111" s="10"/>
    </row>
    <row r="523112" spans="14:14">
      <c r="N523112" s="10"/>
    </row>
    <row r="523113" spans="14:14">
      <c r="N523113" s="10"/>
    </row>
    <row r="523114" spans="14:14">
      <c r="N523114" s="10"/>
    </row>
    <row r="523115" spans="14:14">
      <c r="N523115" s="10"/>
    </row>
    <row r="523116" spans="14:14">
      <c r="N523116" s="10"/>
    </row>
    <row r="523117" spans="14:14">
      <c r="N523117" s="10"/>
    </row>
    <row r="523118" spans="14:14">
      <c r="N523118" s="10"/>
    </row>
    <row r="523119" spans="14:14">
      <c r="N523119" s="10"/>
    </row>
    <row r="523120" spans="14:14">
      <c r="N523120" s="10"/>
    </row>
    <row r="523121" spans="14:14">
      <c r="N523121" s="10"/>
    </row>
    <row r="523122" spans="14:14">
      <c r="N523122" s="10"/>
    </row>
    <row r="523123" spans="14:14">
      <c r="N523123" s="10"/>
    </row>
    <row r="523124" spans="14:14">
      <c r="N523124" s="10"/>
    </row>
    <row r="523125" spans="14:14">
      <c r="N523125" s="10"/>
    </row>
    <row r="523126" spans="14:14">
      <c r="N523126" s="10"/>
    </row>
    <row r="523127" spans="14:14">
      <c r="N523127" s="10"/>
    </row>
    <row r="523128" spans="14:14">
      <c r="N523128" s="10"/>
    </row>
    <row r="523129" spans="14:14">
      <c r="N523129" s="10"/>
    </row>
    <row r="523130" spans="14:14">
      <c r="N523130" s="10"/>
    </row>
    <row r="523131" spans="14:14">
      <c r="N523131" s="10"/>
    </row>
    <row r="523132" spans="14:14">
      <c r="N523132" s="10"/>
    </row>
    <row r="523133" spans="14:14">
      <c r="N523133" s="10"/>
    </row>
    <row r="523134" spans="14:14">
      <c r="N523134" s="10"/>
    </row>
    <row r="523135" spans="14:14">
      <c r="N523135" s="10"/>
    </row>
    <row r="523136" spans="14:14">
      <c r="N523136" s="10"/>
    </row>
    <row r="523137" spans="14:14">
      <c r="N523137" s="10"/>
    </row>
    <row r="523138" spans="14:14">
      <c r="N523138" s="10"/>
    </row>
    <row r="523139" spans="14:14">
      <c r="N523139" s="10"/>
    </row>
    <row r="523140" spans="14:14">
      <c r="N523140" s="10"/>
    </row>
    <row r="523141" spans="14:14">
      <c r="N523141" s="10"/>
    </row>
    <row r="523142" spans="14:14">
      <c r="N523142" s="10"/>
    </row>
    <row r="523143" spans="14:14">
      <c r="N523143" s="10"/>
    </row>
    <row r="523144" spans="14:14">
      <c r="N523144" s="10"/>
    </row>
    <row r="523145" spans="14:14">
      <c r="N523145" s="10"/>
    </row>
    <row r="523146" spans="14:14">
      <c r="N523146" s="10"/>
    </row>
    <row r="523147" spans="14:14">
      <c r="N523147" s="10"/>
    </row>
    <row r="523148" spans="14:14">
      <c r="N523148" s="10"/>
    </row>
    <row r="523149" spans="14:14">
      <c r="N523149" s="10"/>
    </row>
    <row r="523150" spans="14:14">
      <c r="N523150" s="10"/>
    </row>
    <row r="523151" spans="14:14">
      <c r="N523151" s="10"/>
    </row>
    <row r="523152" spans="14:14">
      <c r="N523152" s="10"/>
    </row>
    <row r="523153" spans="14:14">
      <c r="N523153" s="10"/>
    </row>
    <row r="523154" spans="14:14">
      <c r="N523154" s="10"/>
    </row>
    <row r="523155" spans="14:14">
      <c r="N523155" s="10"/>
    </row>
    <row r="523156" spans="14:14">
      <c r="N523156" s="10"/>
    </row>
    <row r="523157" spans="14:14">
      <c r="N523157" s="10"/>
    </row>
    <row r="523158" spans="14:14">
      <c r="N523158" s="10"/>
    </row>
    <row r="523159" spans="14:14">
      <c r="N523159" s="10"/>
    </row>
    <row r="523160" spans="14:14">
      <c r="N523160" s="10"/>
    </row>
    <row r="523161" spans="14:14">
      <c r="N523161" s="10"/>
    </row>
    <row r="523162" spans="14:14">
      <c r="N523162" s="10"/>
    </row>
    <row r="523163" spans="14:14">
      <c r="N523163" s="10"/>
    </row>
    <row r="523164" spans="14:14">
      <c r="N523164" s="10"/>
    </row>
    <row r="523165" spans="14:14">
      <c r="N523165" s="10"/>
    </row>
    <row r="523166" spans="14:14">
      <c r="N523166" s="10"/>
    </row>
    <row r="523167" spans="14:14">
      <c r="N523167" s="10"/>
    </row>
    <row r="523168" spans="14:14">
      <c r="N523168" s="10"/>
    </row>
    <row r="523169" spans="14:14">
      <c r="N523169" s="10"/>
    </row>
    <row r="523170" spans="14:14">
      <c r="N523170" s="10"/>
    </row>
    <row r="523171" spans="14:14">
      <c r="N523171" s="10"/>
    </row>
    <row r="523172" spans="14:14">
      <c r="N523172" s="10"/>
    </row>
    <row r="523173" spans="14:14">
      <c r="N523173" s="10"/>
    </row>
    <row r="523174" spans="14:14">
      <c r="N523174" s="10"/>
    </row>
    <row r="523175" spans="14:14">
      <c r="N523175" s="10"/>
    </row>
    <row r="523176" spans="14:14">
      <c r="N523176" s="10"/>
    </row>
    <row r="523177" spans="14:14">
      <c r="N523177" s="10"/>
    </row>
    <row r="523178" spans="14:14">
      <c r="N523178" s="10"/>
    </row>
    <row r="523179" spans="14:14">
      <c r="N523179" s="10"/>
    </row>
    <row r="523180" spans="14:14">
      <c r="N523180" s="10"/>
    </row>
    <row r="523181" spans="14:14">
      <c r="N523181" s="10"/>
    </row>
    <row r="523182" spans="14:14">
      <c r="N523182" s="10"/>
    </row>
    <row r="523183" spans="14:14">
      <c r="N523183" s="10"/>
    </row>
    <row r="523184" spans="14:14">
      <c r="N523184" s="10"/>
    </row>
    <row r="523185" spans="14:14">
      <c r="N523185" s="10"/>
    </row>
    <row r="523186" spans="14:14">
      <c r="N523186" s="10"/>
    </row>
    <row r="523187" spans="14:14">
      <c r="N523187" s="10"/>
    </row>
    <row r="523188" spans="14:14">
      <c r="N523188" s="10"/>
    </row>
    <row r="523189" spans="14:14">
      <c r="N523189" s="10"/>
    </row>
    <row r="523190" spans="14:14">
      <c r="N523190" s="10"/>
    </row>
    <row r="523191" spans="14:14">
      <c r="N523191" s="10"/>
    </row>
    <row r="523192" spans="14:14">
      <c r="N523192" s="10"/>
    </row>
    <row r="523193" spans="14:14">
      <c r="N523193" s="10"/>
    </row>
    <row r="523194" spans="14:14">
      <c r="N523194" s="10"/>
    </row>
    <row r="523195" spans="14:14">
      <c r="N523195" s="10"/>
    </row>
    <row r="523196" spans="14:14">
      <c r="N523196" s="10"/>
    </row>
    <row r="523197" spans="14:14">
      <c r="N523197" s="10"/>
    </row>
    <row r="523198" spans="14:14">
      <c r="N523198" s="10"/>
    </row>
    <row r="523199" spans="14:14">
      <c r="N523199" s="10"/>
    </row>
    <row r="523200" spans="14:14">
      <c r="N523200" s="10"/>
    </row>
    <row r="523201" spans="14:14">
      <c r="N523201" s="10"/>
    </row>
    <row r="523202" spans="14:14">
      <c r="N523202" s="10"/>
    </row>
    <row r="523203" spans="14:14">
      <c r="N523203" s="10"/>
    </row>
    <row r="523204" spans="14:14">
      <c r="N523204" s="10"/>
    </row>
    <row r="523205" spans="14:14">
      <c r="N523205" s="10"/>
    </row>
    <row r="523206" spans="14:14">
      <c r="N523206" s="10"/>
    </row>
    <row r="523207" spans="14:14">
      <c r="N523207" s="10"/>
    </row>
    <row r="523208" spans="14:14">
      <c r="N523208" s="10"/>
    </row>
    <row r="523209" spans="14:14">
      <c r="N523209" s="10"/>
    </row>
    <row r="523210" spans="14:14">
      <c r="N523210" s="10"/>
    </row>
    <row r="523211" spans="14:14">
      <c r="N523211" s="10"/>
    </row>
    <row r="523212" spans="14:14">
      <c r="N523212" s="10"/>
    </row>
    <row r="523213" spans="14:14">
      <c r="N523213" s="10"/>
    </row>
    <row r="523214" spans="14:14">
      <c r="N523214" s="10"/>
    </row>
    <row r="523215" spans="14:14">
      <c r="N523215" s="10"/>
    </row>
    <row r="523216" spans="14:14">
      <c r="N523216" s="10"/>
    </row>
    <row r="523217" spans="14:14">
      <c r="N523217" s="10"/>
    </row>
    <row r="523218" spans="14:14">
      <c r="N523218" s="10"/>
    </row>
    <row r="523219" spans="14:14">
      <c r="N523219" s="10"/>
    </row>
    <row r="523220" spans="14:14">
      <c r="N523220" s="10"/>
    </row>
    <row r="523221" spans="14:14">
      <c r="N523221" s="10"/>
    </row>
    <row r="523222" spans="14:14">
      <c r="N523222" s="10"/>
    </row>
    <row r="523223" spans="14:14">
      <c r="N523223" s="10"/>
    </row>
    <row r="523224" spans="14:14">
      <c r="N523224" s="10"/>
    </row>
    <row r="523225" spans="14:14">
      <c r="N523225" s="10"/>
    </row>
    <row r="523226" spans="14:14">
      <c r="N523226" s="10"/>
    </row>
    <row r="523227" spans="14:14">
      <c r="N523227" s="10"/>
    </row>
    <row r="523228" spans="14:14">
      <c r="N523228" s="10"/>
    </row>
    <row r="523229" spans="14:14">
      <c r="N523229" s="10"/>
    </row>
    <row r="523230" spans="14:14">
      <c r="N523230" s="10"/>
    </row>
    <row r="523231" spans="14:14">
      <c r="N523231" s="10"/>
    </row>
    <row r="523232" spans="14:14">
      <c r="N523232" s="10"/>
    </row>
    <row r="523233" spans="14:14">
      <c r="N523233" s="10"/>
    </row>
    <row r="523234" spans="14:14">
      <c r="N523234" s="10"/>
    </row>
    <row r="523235" spans="14:14">
      <c r="N523235" s="10"/>
    </row>
    <row r="523236" spans="14:14">
      <c r="N523236" s="10"/>
    </row>
    <row r="523237" spans="14:14">
      <c r="N523237" s="10"/>
    </row>
    <row r="523238" spans="14:14">
      <c r="N523238" s="10"/>
    </row>
    <row r="523239" spans="14:14">
      <c r="N523239" s="10"/>
    </row>
    <row r="523240" spans="14:14">
      <c r="N523240" s="10"/>
    </row>
    <row r="523241" spans="14:14">
      <c r="N523241" s="10"/>
    </row>
    <row r="523242" spans="14:14">
      <c r="N523242" s="10"/>
    </row>
    <row r="523243" spans="14:14">
      <c r="N523243" s="10"/>
    </row>
    <row r="523244" spans="14:14">
      <c r="N523244" s="10"/>
    </row>
    <row r="523245" spans="14:14">
      <c r="N523245" s="10"/>
    </row>
    <row r="523246" spans="14:14">
      <c r="N523246" s="10"/>
    </row>
    <row r="523247" spans="14:14">
      <c r="N523247" s="10"/>
    </row>
    <row r="523248" spans="14:14">
      <c r="N523248" s="10"/>
    </row>
    <row r="523249" spans="14:14">
      <c r="N523249" s="10"/>
    </row>
    <row r="523250" spans="14:14">
      <c r="N523250" s="10"/>
    </row>
    <row r="523251" spans="14:14">
      <c r="N523251" s="10"/>
    </row>
    <row r="523252" spans="14:14">
      <c r="N523252" s="10"/>
    </row>
    <row r="523253" spans="14:14">
      <c r="N523253" s="10"/>
    </row>
    <row r="523254" spans="14:14">
      <c r="N523254" s="10"/>
    </row>
    <row r="523255" spans="14:14">
      <c r="N523255" s="10"/>
    </row>
    <row r="523256" spans="14:14">
      <c r="N523256" s="10"/>
    </row>
    <row r="523257" spans="14:14">
      <c r="N523257" s="10"/>
    </row>
    <row r="523258" spans="14:14">
      <c r="N523258" s="10"/>
    </row>
    <row r="523259" spans="14:14">
      <c r="N523259" s="10"/>
    </row>
    <row r="523260" spans="14:14">
      <c r="N523260" s="10"/>
    </row>
    <row r="523261" spans="14:14">
      <c r="N523261" s="10"/>
    </row>
    <row r="523262" spans="14:14">
      <c r="N523262" s="10"/>
    </row>
    <row r="523263" spans="14:14">
      <c r="N523263" s="10"/>
    </row>
    <row r="523264" spans="14:14">
      <c r="N523264" s="10"/>
    </row>
    <row r="523265" spans="14:14">
      <c r="N523265" s="10"/>
    </row>
    <row r="523266" spans="14:14">
      <c r="N523266" s="10"/>
    </row>
    <row r="523267" spans="14:14">
      <c r="N523267" s="10"/>
    </row>
    <row r="523268" spans="14:14">
      <c r="N523268" s="10"/>
    </row>
    <row r="523269" spans="14:14">
      <c r="N523269" s="10"/>
    </row>
    <row r="523270" spans="14:14">
      <c r="N523270" s="10"/>
    </row>
    <row r="523271" spans="14:14">
      <c r="N523271" s="10"/>
    </row>
    <row r="523272" spans="14:14">
      <c r="N523272" s="10"/>
    </row>
    <row r="523273" spans="14:14">
      <c r="N523273" s="10"/>
    </row>
    <row r="523274" spans="14:14">
      <c r="N523274" s="10"/>
    </row>
    <row r="523275" spans="14:14">
      <c r="N523275" s="10"/>
    </row>
    <row r="523276" spans="14:14">
      <c r="N523276" s="10"/>
    </row>
    <row r="523277" spans="14:14">
      <c r="N523277" s="10"/>
    </row>
    <row r="523278" spans="14:14">
      <c r="N523278" s="10"/>
    </row>
    <row r="523279" spans="14:14">
      <c r="N523279" s="10"/>
    </row>
    <row r="523280" spans="14:14">
      <c r="N523280" s="10"/>
    </row>
    <row r="523281" spans="14:14">
      <c r="N523281" s="10"/>
    </row>
    <row r="523282" spans="14:14">
      <c r="N523282" s="10"/>
    </row>
    <row r="523283" spans="14:14">
      <c r="N523283" s="10"/>
    </row>
    <row r="523284" spans="14:14">
      <c r="N523284" s="10"/>
    </row>
    <row r="523285" spans="14:14">
      <c r="N523285" s="10"/>
    </row>
    <row r="523286" spans="14:14">
      <c r="N523286" s="10"/>
    </row>
    <row r="523287" spans="14:14">
      <c r="N523287" s="10"/>
    </row>
    <row r="523288" spans="14:14">
      <c r="N523288" s="10"/>
    </row>
    <row r="523289" spans="14:14">
      <c r="N523289" s="10"/>
    </row>
    <row r="523290" spans="14:14">
      <c r="N523290" s="10"/>
    </row>
    <row r="523291" spans="14:14">
      <c r="N523291" s="10"/>
    </row>
    <row r="523292" spans="14:14">
      <c r="N523292" s="10"/>
    </row>
    <row r="523293" spans="14:14">
      <c r="N523293" s="10"/>
    </row>
    <row r="523294" spans="14:14">
      <c r="N523294" s="10"/>
    </row>
    <row r="523295" spans="14:14">
      <c r="N523295" s="10"/>
    </row>
    <row r="523296" spans="14:14">
      <c r="N523296" s="10"/>
    </row>
    <row r="523297" spans="14:14">
      <c r="N523297" s="10"/>
    </row>
    <row r="523298" spans="14:14">
      <c r="N523298" s="10"/>
    </row>
    <row r="523299" spans="14:14">
      <c r="N523299" s="10"/>
    </row>
    <row r="523300" spans="14:14">
      <c r="N523300" s="10"/>
    </row>
    <row r="523301" spans="14:14">
      <c r="N523301" s="10"/>
    </row>
    <row r="523302" spans="14:14">
      <c r="N523302" s="10"/>
    </row>
    <row r="523303" spans="14:14">
      <c r="N523303" s="10"/>
    </row>
    <row r="523304" spans="14:14">
      <c r="N523304" s="10"/>
    </row>
    <row r="523305" spans="14:14">
      <c r="N523305" s="10"/>
    </row>
    <row r="523306" spans="14:14">
      <c r="N523306" s="10"/>
    </row>
    <row r="523307" spans="14:14">
      <c r="N523307" s="10"/>
    </row>
    <row r="523308" spans="14:14">
      <c r="N523308" s="10"/>
    </row>
    <row r="523309" spans="14:14">
      <c r="N523309" s="10"/>
    </row>
    <row r="523310" spans="14:14">
      <c r="N523310" s="10"/>
    </row>
    <row r="523311" spans="14:14">
      <c r="N523311" s="10"/>
    </row>
    <row r="523312" spans="14:14">
      <c r="N523312" s="10"/>
    </row>
    <row r="523313" spans="14:14">
      <c r="N523313" s="10"/>
    </row>
    <row r="523314" spans="14:14">
      <c r="N523314" s="10"/>
    </row>
    <row r="523315" spans="14:14">
      <c r="N523315" s="10"/>
    </row>
    <row r="523316" spans="14:14">
      <c r="N523316" s="10"/>
    </row>
    <row r="523317" spans="14:14">
      <c r="N523317" s="10"/>
    </row>
    <row r="523318" spans="14:14">
      <c r="N523318" s="10"/>
    </row>
    <row r="523319" spans="14:14">
      <c r="N523319" s="10"/>
    </row>
    <row r="523320" spans="14:14">
      <c r="N523320" s="10"/>
    </row>
    <row r="523321" spans="14:14">
      <c r="N523321" s="10"/>
    </row>
    <row r="523322" spans="14:14">
      <c r="N523322" s="10"/>
    </row>
    <row r="523323" spans="14:14">
      <c r="N523323" s="10"/>
    </row>
    <row r="523324" spans="14:14">
      <c r="N523324" s="10"/>
    </row>
    <row r="523325" spans="14:14">
      <c r="N523325" s="10"/>
    </row>
    <row r="523326" spans="14:14">
      <c r="N523326" s="10"/>
    </row>
    <row r="523327" spans="14:14">
      <c r="N523327" s="10"/>
    </row>
    <row r="523328" spans="14:14">
      <c r="N523328" s="10"/>
    </row>
    <row r="523329" spans="14:14">
      <c r="N523329" s="10"/>
    </row>
    <row r="523330" spans="14:14">
      <c r="N523330" s="10"/>
    </row>
    <row r="523331" spans="14:14">
      <c r="N523331" s="10"/>
    </row>
    <row r="523332" spans="14:14">
      <c r="N523332" s="10"/>
    </row>
    <row r="523333" spans="14:14">
      <c r="N523333" s="10"/>
    </row>
    <row r="523334" spans="14:14">
      <c r="N523334" s="10"/>
    </row>
    <row r="523335" spans="14:14">
      <c r="N523335" s="10"/>
    </row>
    <row r="523336" spans="14:14">
      <c r="N523336" s="10"/>
    </row>
    <row r="523337" spans="14:14">
      <c r="N523337" s="10"/>
    </row>
    <row r="523338" spans="14:14">
      <c r="N523338" s="10"/>
    </row>
    <row r="523339" spans="14:14">
      <c r="N523339" s="10"/>
    </row>
    <row r="523340" spans="14:14">
      <c r="N523340" s="10"/>
    </row>
    <row r="523341" spans="14:14">
      <c r="N523341" s="10"/>
    </row>
    <row r="523342" spans="14:14">
      <c r="N523342" s="10"/>
    </row>
    <row r="523343" spans="14:14">
      <c r="N523343" s="10"/>
    </row>
    <row r="523344" spans="14:14">
      <c r="N523344" s="10"/>
    </row>
    <row r="523345" spans="14:14">
      <c r="N523345" s="10"/>
    </row>
    <row r="523346" spans="14:14">
      <c r="N523346" s="10"/>
    </row>
    <row r="523347" spans="14:14">
      <c r="N523347" s="10"/>
    </row>
    <row r="523348" spans="14:14">
      <c r="N523348" s="10"/>
    </row>
    <row r="523349" spans="14:14">
      <c r="N523349" s="10"/>
    </row>
    <row r="523350" spans="14:14">
      <c r="N523350" s="10"/>
    </row>
    <row r="523351" spans="14:14">
      <c r="N523351" s="10"/>
    </row>
    <row r="523352" spans="14:14">
      <c r="N523352" s="10"/>
    </row>
    <row r="523353" spans="14:14">
      <c r="N523353" s="10"/>
    </row>
    <row r="523354" spans="14:14">
      <c r="N523354" s="10"/>
    </row>
    <row r="523355" spans="14:14">
      <c r="N523355" s="10"/>
    </row>
    <row r="523356" spans="14:14">
      <c r="N523356" s="10"/>
    </row>
    <row r="523357" spans="14:14">
      <c r="N523357" s="10"/>
    </row>
    <row r="523358" spans="14:14">
      <c r="N523358" s="10"/>
    </row>
    <row r="523359" spans="14:14">
      <c r="N523359" s="10"/>
    </row>
    <row r="523360" spans="14:14">
      <c r="N523360" s="10"/>
    </row>
    <row r="523361" spans="14:14">
      <c r="N523361" s="10"/>
    </row>
    <row r="523362" spans="14:14">
      <c r="N523362" s="10"/>
    </row>
    <row r="523363" spans="14:14">
      <c r="N523363" s="10"/>
    </row>
    <row r="523364" spans="14:14">
      <c r="N523364" s="10"/>
    </row>
    <row r="523365" spans="14:14">
      <c r="N523365" s="10"/>
    </row>
    <row r="523366" spans="14:14">
      <c r="N523366" s="10"/>
    </row>
    <row r="523367" spans="14:14">
      <c r="N523367" s="10"/>
    </row>
    <row r="523368" spans="14:14">
      <c r="N523368" s="10"/>
    </row>
    <row r="523369" spans="14:14">
      <c r="N523369" s="10"/>
    </row>
    <row r="523370" spans="14:14">
      <c r="N523370" s="10"/>
    </row>
    <row r="523371" spans="14:14">
      <c r="N523371" s="10"/>
    </row>
    <row r="523372" spans="14:14">
      <c r="N523372" s="10"/>
    </row>
    <row r="523373" spans="14:14">
      <c r="N523373" s="10"/>
    </row>
    <row r="523374" spans="14:14">
      <c r="N523374" s="10"/>
    </row>
    <row r="523375" spans="14:14">
      <c r="N523375" s="10"/>
    </row>
    <row r="523376" spans="14:14">
      <c r="N523376" s="10"/>
    </row>
    <row r="523377" spans="14:14">
      <c r="N523377" s="10"/>
    </row>
    <row r="523378" spans="14:14">
      <c r="N523378" s="10"/>
    </row>
    <row r="523379" spans="14:14">
      <c r="N523379" s="10"/>
    </row>
    <row r="523380" spans="14:14">
      <c r="N523380" s="10"/>
    </row>
    <row r="523381" spans="14:14">
      <c r="N523381" s="10"/>
    </row>
    <row r="523382" spans="14:14">
      <c r="N523382" s="10"/>
    </row>
    <row r="523383" spans="14:14">
      <c r="N523383" s="10"/>
    </row>
    <row r="523384" spans="14:14">
      <c r="N523384" s="10"/>
    </row>
    <row r="523385" spans="14:14">
      <c r="N523385" s="10"/>
    </row>
    <row r="523386" spans="14:14">
      <c r="N523386" s="10"/>
    </row>
    <row r="523387" spans="14:14">
      <c r="N523387" s="10"/>
    </row>
    <row r="523388" spans="14:14">
      <c r="N523388" s="10"/>
    </row>
    <row r="523389" spans="14:14">
      <c r="N523389" s="10"/>
    </row>
    <row r="523390" spans="14:14">
      <c r="N523390" s="10"/>
    </row>
    <row r="523391" spans="14:14">
      <c r="N523391" s="10"/>
    </row>
    <row r="523392" spans="14:14">
      <c r="N523392" s="10"/>
    </row>
    <row r="523393" spans="14:14">
      <c r="N523393" s="10"/>
    </row>
    <row r="523394" spans="14:14">
      <c r="N523394" s="10"/>
    </row>
    <row r="523395" spans="14:14">
      <c r="N523395" s="10"/>
    </row>
    <row r="523396" spans="14:14">
      <c r="N523396" s="10"/>
    </row>
    <row r="523397" spans="14:14">
      <c r="N523397" s="10"/>
    </row>
    <row r="523398" spans="14:14">
      <c r="N523398" s="10"/>
    </row>
    <row r="523399" spans="14:14">
      <c r="N523399" s="10"/>
    </row>
    <row r="523400" spans="14:14">
      <c r="N523400" s="10"/>
    </row>
    <row r="523401" spans="14:14">
      <c r="N523401" s="10"/>
    </row>
    <row r="523402" spans="14:14">
      <c r="N523402" s="10"/>
    </row>
    <row r="523403" spans="14:14">
      <c r="N523403" s="10"/>
    </row>
    <row r="523404" spans="14:14">
      <c r="N523404" s="10"/>
    </row>
    <row r="523405" spans="14:14">
      <c r="N523405" s="10"/>
    </row>
    <row r="523406" spans="14:14">
      <c r="N523406" s="10"/>
    </row>
    <row r="523407" spans="14:14">
      <c r="N523407" s="10"/>
    </row>
    <row r="523408" spans="14:14">
      <c r="N523408" s="10"/>
    </row>
    <row r="523409" spans="14:14">
      <c r="N523409" s="10"/>
    </row>
    <row r="523410" spans="14:14">
      <c r="N523410" s="10"/>
    </row>
    <row r="523411" spans="14:14">
      <c r="N523411" s="10"/>
    </row>
    <row r="523412" spans="14:14">
      <c r="N523412" s="10"/>
    </row>
    <row r="523413" spans="14:14">
      <c r="N523413" s="10"/>
    </row>
    <row r="523414" spans="14:14">
      <c r="N523414" s="10"/>
    </row>
    <row r="523415" spans="14:14">
      <c r="N523415" s="10"/>
    </row>
    <row r="523416" spans="14:14">
      <c r="N523416" s="10"/>
    </row>
    <row r="523417" spans="14:14">
      <c r="N523417" s="10"/>
    </row>
    <row r="523418" spans="14:14">
      <c r="N523418" s="10"/>
    </row>
    <row r="523419" spans="14:14">
      <c r="N523419" s="10"/>
    </row>
    <row r="523420" spans="14:14">
      <c r="N523420" s="10"/>
    </row>
    <row r="523421" spans="14:14">
      <c r="N523421" s="10"/>
    </row>
    <row r="523422" spans="14:14">
      <c r="N523422" s="10"/>
    </row>
    <row r="523423" spans="14:14">
      <c r="N523423" s="10"/>
    </row>
    <row r="523424" spans="14:14">
      <c r="N523424" s="10"/>
    </row>
    <row r="523425" spans="14:14">
      <c r="N523425" s="10"/>
    </row>
    <row r="523426" spans="14:14">
      <c r="N523426" s="10"/>
    </row>
    <row r="523427" spans="14:14">
      <c r="N523427" s="10"/>
    </row>
    <row r="523428" spans="14:14">
      <c r="N523428" s="10"/>
    </row>
    <row r="523429" spans="14:14">
      <c r="N523429" s="10"/>
    </row>
    <row r="523430" spans="14:14">
      <c r="N523430" s="10"/>
    </row>
    <row r="523431" spans="14:14">
      <c r="N523431" s="10"/>
    </row>
    <row r="523432" spans="14:14">
      <c r="N523432" s="10"/>
    </row>
    <row r="523433" spans="14:14">
      <c r="N523433" s="10"/>
    </row>
    <row r="523434" spans="14:14">
      <c r="N523434" s="10"/>
    </row>
    <row r="523435" spans="14:14">
      <c r="N523435" s="10"/>
    </row>
    <row r="523436" spans="14:14">
      <c r="N523436" s="10"/>
    </row>
    <row r="523437" spans="14:14">
      <c r="N523437" s="10"/>
    </row>
    <row r="523438" spans="14:14">
      <c r="N523438" s="10"/>
    </row>
    <row r="523439" spans="14:14">
      <c r="N523439" s="10"/>
    </row>
    <row r="523440" spans="14:14">
      <c r="N523440" s="10"/>
    </row>
    <row r="523441" spans="14:14">
      <c r="N523441" s="10"/>
    </row>
    <row r="523442" spans="14:14">
      <c r="N523442" s="10"/>
    </row>
    <row r="523443" spans="14:14">
      <c r="N523443" s="10"/>
    </row>
    <row r="523444" spans="14:14">
      <c r="N523444" s="10"/>
    </row>
    <row r="523445" spans="14:14">
      <c r="N523445" s="10"/>
    </row>
    <row r="523446" spans="14:14">
      <c r="N523446" s="10"/>
    </row>
    <row r="523447" spans="14:14">
      <c r="N523447" s="10"/>
    </row>
    <row r="523448" spans="14:14">
      <c r="N523448" s="10"/>
    </row>
    <row r="523449" spans="14:14">
      <c r="N523449" s="10"/>
    </row>
    <row r="523450" spans="14:14">
      <c r="N523450" s="10"/>
    </row>
    <row r="523451" spans="14:14">
      <c r="N523451" s="10"/>
    </row>
    <row r="523452" spans="14:14">
      <c r="N523452" s="10"/>
    </row>
    <row r="523453" spans="14:14">
      <c r="N523453" s="10"/>
    </row>
    <row r="523454" spans="14:14">
      <c r="N523454" s="10"/>
    </row>
    <row r="523455" spans="14:14">
      <c r="N523455" s="10"/>
    </row>
    <row r="523456" spans="14:14">
      <c r="N523456" s="10"/>
    </row>
    <row r="523457" spans="14:14">
      <c r="N523457" s="10"/>
    </row>
    <row r="523458" spans="14:14">
      <c r="N523458" s="10"/>
    </row>
    <row r="523459" spans="14:14">
      <c r="N523459" s="10"/>
    </row>
    <row r="523460" spans="14:14">
      <c r="N523460" s="10"/>
    </row>
    <row r="523461" spans="14:14">
      <c r="N523461" s="10"/>
    </row>
    <row r="523462" spans="14:14">
      <c r="N523462" s="10"/>
    </row>
    <row r="523463" spans="14:14">
      <c r="N523463" s="10"/>
    </row>
    <row r="523464" spans="14:14">
      <c r="N523464" s="10"/>
    </row>
    <row r="523465" spans="14:14">
      <c r="N523465" s="10"/>
    </row>
    <row r="523466" spans="14:14">
      <c r="N523466" s="10"/>
    </row>
    <row r="523467" spans="14:14">
      <c r="N523467" s="10"/>
    </row>
    <row r="523468" spans="14:14">
      <c r="N523468" s="10"/>
    </row>
    <row r="523469" spans="14:14">
      <c r="N523469" s="10"/>
    </row>
    <row r="523470" spans="14:14">
      <c r="N523470" s="10"/>
    </row>
    <row r="523471" spans="14:14">
      <c r="N523471" s="10"/>
    </row>
    <row r="523472" spans="14:14">
      <c r="N523472" s="10"/>
    </row>
    <row r="523473" spans="14:14">
      <c r="N523473" s="10"/>
    </row>
    <row r="523474" spans="14:14">
      <c r="N523474" s="10"/>
    </row>
    <row r="523475" spans="14:14">
      <c r="N523475" s="10"/>
    </row>
    <row r="523476" spans="14:14">
      <c r="N523476" s="10"/>
    </row>
    <row r="523477" spans="14:14">
      <c r="N523477" s="10"/>
    </row>
    <row r="523478" spans="14:14">
      <c r="N523478" s="10"/>
    </row>
    <row r="523479" spans="14:14">
      <c r="N523479" s="10"/>
    </row>
    <row r="523480" spans="14:14">
      <c r="N523480" s="10"/>
    </row>
    <row r="523481" spans="14:14">
      <c r="N523481" s="10"/>
    </row>
    <row r="523482" spans="14:14">
      <c r="N523482" s="10"/>
    </row>
    <row r="523483" spans="14:14">
      <c r="N523483" s="10"/>
    </row>
    <row r="523484" spans="14:14">
      <c r="N523484" s="10"/>
    </row>
    <row r="523485" spans="14:14">
      <c r="N523485" s="10"/>
    </row>
    <row r="523486" spans="14:14">
      <c r="N523486" s="10"/>
    </row>
    <row r="523487" spans="14:14">
      <c r="N523487" s="10"/>
    </row>
    <row r="523488" spans="14:14">
      <c r="N523488" s="10"/>
    </row>
    <row r="523489" spans="14:14">
      <c r="N523489" s="10"/>
    </row>
    <row r="523490" spans="14:14">
      <c r="N523490" s="10"/>
    </row>
    <row r="523491" spans="14:14">
      <c r="N523491" s="10"/>
    </row>
    <row r="523492" spans="14:14">
      <c r="N523492" s="10"/>
    </row>
    <row r="523493" spans="14:14">
      <c r="N523493" s="10"/>
    </row>
    <row r="523494" spans="14:14">
      <c r="N523494" s="10"/>
    </row>
    <row r="523495" spans="14:14">
      <c r="N523495" s="10"/>
    </row>
    <row r="523496" spans="14:14">
      <c r="N523496" s="10"/>
    </row>
    <row r="523497" spans="14:14">
      <c r="N523497" s="10"/>
    </row>
    <row r="523498" spans="14:14">
      <c r="N523498" s="10"/>
    </row>
    <row r="523499" spans="14:14">
      <c r="N523499" s="10"/>
    </row>
    <row r="523500" spans="14:14">
      <c r="N523500" s="10"/>
    </row>
    <row r="523501" spans="14:14">
      <c r="N523501" s="10"/>
    </row>
    <row r="523502" spans="14:14">
      <c r="N523502" s="10"/>
    </row>
    <row r="523503" spans="14:14">
      <c r="N523503" s="10"/>
    </row>
    <row r="523504" spans="14:14">
      <c r="N523504" s="10"/>
    </row>
    <row r="523505" spans="14:14">
      <c r="N523505" s="10"/>
    </row>
    <row r="523506" spans="14:14">
      <c r="N523506" s="10"/>
    </row>
    <row r="523507" spans="14:14">
      <c r="N523507" s="10"/>
    </row>
    <row r="523508" spans="14:14">
      <c r="N523508" s="10"/>
    </row>
    <row r="523509" spans="14:14">
      <c r="N523509" s="10"/>
    </row>
    <row r="523510" spans="14:14">
      <c r="N523510" s="10"/>
    </row>
    <row r="523511" spans="14:14">
      <c r="N523511" s="10"/>
    </row>
    <row r="523512" spans="14:14">
      <c r="N523512" s="10"/>
    </row>
    <row r="523513" spans="14:14">
      <c r="N523513" s="10"/>
    </row>
    <row r="523514" spans="14:14">
      <c r="N523514" s="10"/>
    </row>
    <row r="523515" spans="14:14">
      <c r="N523515" s="10"/>
    </row>
    <row r="523516" spans="14:14">
      <c r="N523516" s="10"/>
    </row>
    <row r="523517" spans="14:14">
      <c r="N523517" s="10"/>
    </row>
    <row r="523518" spans="14:14">
      <c r="N523518" s="10"/>
    </row>
    <row r="523519" spans="14:14">
      <c r="N523519" s="10"/>
    </row>
    <row r="523520" spans="14:14">
      <c r="N523520" s="10"/>
    </row>
    <row r="523521" spans="14:14">
      <c r="N523521" s="10"/>
    </row>
    <row r="523522" spans="14:14">
      <c r="N523522" s="10"/>
    </row>
    <row r="523523" spans="14:14">
      <c r="N523523" s="10"/>
    </row>
    <row r="523524" spans="14:14">
      <c r="N523524" s="10"/>
    </row>
    <row r="523525" spans="14:14">
      <c r="N523525" s="10"/>
    </row>
    <row r="523526" spans="14:14">
      <c r="N523526" s="10"/>
    </row>
    <row r="523527" spans="14:14">
      <c r="N523527" s="10"/>
    </row>
    <row r="523528" spans="14:14">
      <c r="N523528" s="10"/>
    </row>
    <row r="523529" spans="14:14">
      <c r="N523529" s="10"/>
    </row>
    <row r="523530" spans="14:14">
      <c r="N523530" s="10"/>
    </row>
    <row r="523531" spans="14:14">
      <c r="N523531" s="10"/>
    </row>
    <row r="523532" spans="14:14">
      <c r="N523532" s="10"/>
    </row>
    <row r="523533" spans="14:14">
      <c r="N523533" s="10"/>
    </row>
    <row r="523534" spans="14:14">
      <c r="N523534" s="10"/>
    </row>
    <row r="523535" spans="14:14">
      <c r="N523535" s="10"/>
    </row>
    <row r="523536" spans="14:14">
      <c r="N523536" s="10"/>
    </row>
    <row r="523537" spans="14:14">
      <c r="N523537" s="10"/>
    </row>
    <row r="523538" spans="14:14">
      <c r="N523538" s="10"/>
    </row>
    <row r="523539" spans="14:14">
      <c r="N523539" s="10"/>
    </row>
    <row r="523540" spans="14:14">
      <c r="N523540" s="10"/>
    </row>
    <row r="523541" spans="14:14">
      <c r="N523541" s="10"/>
    </row>
    <row r="523542" spans="14:14">
      <c r="N523542" s="10"/>
    </row>
    <row r="523543" spans="14:14">
      <c r="N523543" s="10"/>
    </row>
    <row r="523544" spans="14:14">
      <c r="N523544" s="10"/>
    </row>
    <row r="523545" spans="14:14">
      <c r="N523545" s="10"/>
    </row>
    <row r="523546" spans="14:14">
      <c r="N523546" s="10"/>
    </row>
    <row r="523547" spans="14:14">
      <c r="N523547" s="10"/>
    </row>
    <row r="523548" spans="14:14">
      <c r="N523548" s="10"/>
    </row>
    <row r="523549" spans="14:14">
      <c r="N523549" s="10"/>
    </row>
    <row r="523550" spans="14:14">
      <c r="N523550" s="10"/>
    </row>
    <row r="523551" spans="14:14">
      <c r="N523551" s="10"/>
    </row>
    <row r="523552" spans="14:14">
      <c r="N523552" s="10"/>
    </row>
    <row r="523553" spans="14:14">
      <c r="N523553" s="10"/>
    </row>
    <row r="523554" spans="14:14">
      <c r="N523554" s="10"/>
    </row>
    <row r="523555" spans="14:14">
      <c r="N523555" s="10"/>
    </row>
    <row r="523556" spans="14:14">
      <c r="N523556" s="10"/>
    </row>
    <row r="523557" spans="14:14">
      <c r="N523557" s="10"/>
    </row>
    <row r="523558" spans="14:14">
      <c r="N523558" s="10"/>
    </row>
    <row r="523559" spans="14:14">
      <c r="N523559" s="10"/>
    </row>
    <row r="523560" spans="14:14">
      <c r="N523560" s="10"/>
    </row>
    <row r="523561" spans="14:14">
      <c r="N523561" s="10"/>
    </row>
    <row r="523562" spans="14:14">
      <c r="N523562" s="10"/>
    </row>
    <row r="523563" spans="14:14">
      <c r="N523563" s="10"/>
    </row>
    <row r="523564" spans="14:14">
      <c r="N523564" s="10"/>
    </row>
    <row r="523565" spans="14:14">
      <c r="N523565" s="10"/>
    </row>
    <row r="523566" spans="14:14">
      <c r="N523566" s="10"/>
    </row>
    <row r="523567" spans="14:14">
      <c r="N523567" s="10"/>
    </row>
    <row r="523568" spans="14:14">
      <c r="N523568" s="10"/>
    </row>
    <row r="523569" spans="14:14">
      <c r="N523569" s="10"/>
    </row>
    <row r="523570" spans="14:14">
      <c r="N523570" s="10"/>
    </row>
    <row r="523571" spans="14:14">
      <c r="N523571" s="10"/>
    </row>
    <row r="523572" spans="14:14">
      <c r="N523572" s="10"/>
    </row>
    <row r="523573" spans="14:14">
      <c r="N523573" s="10"/>
    </row>
    <row r="523574" spans="14:14">
      <c r="N523574" s="10"/>
    </row>
    <row r="523575" spans="14:14">
      <c r="N523575" s="10"/>
    </row>
    <row r="523576" spans="14:14">
      <c r="N523576" s="10"/>
    </row>
    <row r="523577" spans="14:14">
      <c r="N523577" s="10"/>
    </row>
    <row r="523578" spans="14:14">
      <c r="N523578" s="10"/>
    </row>
    <row r="523579" spans="14:14">
      <c r="N523579" s="10"/>
    </row>
    <row r="523580" spans="14:14">
      <c r="N523580" s="10"/>
    </row>
    <row r="523581" spans="14:14">
      <c r="N523581" s="10"/>
    </row>
    <row r="523582" spans="14:14">
      <c r="N523582" s="10"/>
    </row>
    <row r="523583" spans="14:14">
      <c r="N523583" s="10"/>
    </row>
    <row r="523584" spans="14:14">
      <c r="N523584" s="10"/>
    </row>
    <row r="523585" spans="14:14">
      <c r="N523585" s="10"/>
    </row>
    <row r="523586" spans="14:14">
      <c r="N523586" s="10"/>
    </row>
    <row r="523587" spans="14:14">
      <c r="N523587" s="10"/>
    </row>
    <row r="523588" spans="14:14">
      <c r="N523588" s="10"/>
    </row>
    <row r="523589" spans="14:14">
      <c r="N523589" s="10"/>
    </row>
    <row r="523590" spans="14:14">
      <c r="N523590" s="10"/>
    </row>
    <row r="523591" spans="14:14">
      <c r="N523591" s="10"/>
    </row>
    <row r="523592" spans="14:14">
      <c r="N523592" s="10"/>
    </row>
    <row r="523593" spans="14:14">
      <c r="N523593" s="10"/>
    </row>
    <row r="523594" spans="14:14">
      <c r="N523594" s="10"/>
    </row>
    <row r="523595" spans="14:14">
      <c r="N523595" s="10"/>
    </row>
    <row r="523596" spans="14:14">
      <c r="N523596" s="10"/>
    </row>
    <row r="523597" spans="14:14">
      <c r="N523597" s="10"/>
    </row>
    <row r="523598" spans="14:14">
      <c r="N523598" s="10"/>
    </row>
    <row r="523599" spans="14:14">
      <c r="N523599" s="10"/>
    </row>
    <row r="523600" spans="14:14">
      <c r="N523600" s="10"/>
    </row>
    <row r="523601" spans="14:14">
      <c r="N523601" s="10"/>
    </row>
    <row r="523602" spans="14:14">
      <c r="N523602" s="10"/>
    </row>
    <row r="523603" spans="14:14">
      <c r="N523603" s="10"/>
    </row>
    <row r="523604" spans="14:14">
      <c r="N523604" s="10"/>
    </row>
    <row r="523605" spans="14:14">
      <c r="N523605" s="10"/>
    </row>
    <row r="523606" spans="14:14">
      <c r="N523606" s="10"/>
    </row>
    <row r="523607" spans="14:14">
      <c r="N523607" s="10"/>
    </row>
    <row r="523608" spans="14:14">
      <c r="N523608" s="10"/>
    </row>
    <row r="523609" spans="14:14">
      <c r="N523609" s="10"/>
    </row>
    <row r="523610" spans="14:14">
      <c r="N523610" s="10"/>
    </row>
    <row r="523611" spans="14:14">
      <c r="N523611" s="10"/>
    </row>
    <row r="523612" spans="14:14">
      <c r="N523612" s="10"/>
    </row>
    <row r="523613" spans="14:14">
      <c r="N523613" s="10"/>
    </row>
    <row r="523614" spans="14:14">
      <c r="N523614" s="10"/>
    </row>
    <row r="523615" spans="14:14">
      <c r="N523615" s="10"/>
    </row>
    <row r="523616" spans="14:14">
      <c r="N523616" s="10"/>
    </row>
    <row r="523617" spans="14:14">
      <c r="N523617" s="10"/>
    </row>
    <row r="523618" spans="14:14">
      <c r="N523618" s="10"/>
    </row>
    <row r="523619" spans="14:14">
      <c r="N523619" s="10"/>
    </row>
    <row r="523620" spans="14:14">
      <c r="N523620" s="10"/>
    </row>
    <row r="523621" spans="14:14">
      <c r="N523621" s="10"/>
    </row>
    <row r="523622" spans="14:14">
      <c r="N523622" s="10"/>
    </row>
    <row r="523623" spans="14:14">
      <c r="N523623" s="10"/>
    </row>
    <row r="523624" spans="14:14">
      <c r="N523624" s="10"/>
    </row>
    <row r="523625" spans="14:14">
      <c r="N523625" s="10"/>
    </row>
    <row r="523626" spans="14:14">
      <c r="N523626" s="10"/>
    </row>
    <row r="523627" spans="14:14">
      <c r="N523627" s="10"/>
    </row>
    <row r="523628" spans="14:14">
      <c r="N523628" s="10"/>
    </row>
    <row r="523629" spans="14:14">
      <c r="N523629" s="10"/>
    </row>
    <row r="523630" spans="14:14">
      <c r="N523630" s="10"/>
    </row>
    <row r="523631" spans="14:14">
      <c r="N523631" s="10"/>
    </row>
    <row r="523632" spans="14:14">
      <c r="N523632" s="10"/>
    </row>
    <row r="523633" spans="14:14">
      <c r="N523633" s="10"/>
    </row>
    <row r="523634" spans="14:14">
      <c r="N523634" s="10"/>
    </row>
    <row r="523635" spans="14:14">
      <c r="N523635" s="10"/>
    </row>
    <row r="523636" spans="14:14">
      <c r="N523636" s="10"/>
    </row>
    <row r="523637" spans="14:14">
      <c r="N523637" s="10"/>
    </row>
    <row r="523638" spans="14:14">
      <c r="N523638" s="10"/>
    </row>
    <row r="523639" spans="14:14">
      <c r="N523639" s="10"/>
    </row>
    <row r="523640" spans="14:14">
      <c r="N523640" s="10"/>
    </row>
    <row r="523641" spans="14:14">
      <c r="N523641" s="10"/>
    </row>
    <row r="523642" spans="14:14">
      <c r="N523642" s="10"/>
    </row>
    <row r="523643" spans="14:14">
      <c r="N523643" s="10"/>
    </row>
    <row r="523644" spans="14:14">
      <c r="N523644" s="10"/>
    </row>
    <row r="523645" spans="14:14">
      <c r="N523645" s="10"/>
    </row>
    <row r="523646" spans="14:14">
      <c r="N523646" s="10"/>
    </row>
    <row r="523647" spans="14:14">
      <c r="N523647" s="10"/>
    </row>
    <row r="523648" spans="14:14">
      <c r="N523648" s="10"/>
    </row>
    <row r="523649" spans="14:14">
      <c r="N523649" s="10"/>
    </row>
    <row r="523650" spans="14:14">
      <c r="N523650" s="10"/>
    </row>
    <row r="523651" spans="14:14">
      <c r="N523651" s="10"/>
    </row>
    <row r="523652" spans="14:14">
      <c r="N523652" s="10"/>
    </row>
    <row r="523653" spans="14:14">
      <c r="N523653" s="10"/>
    </row>
    <row r="523654" spans="14:14">
      <c r="N523654" s="10"/>
    </row>
    <row r="523655" spans="14:14">
      <c r="N523655" s="10"/>
    </row>
    <row r="523656" spans="14:14">
      <c r="N523656" s="10"/>
    </row>
    <row r="523657" spans="14:14">
      <c r="N523657" s="10"/>
    </row>
    <row r="523658" spans="14:14">
      <c r="N523658" s="10"/>
    </row>
    <row r="523659" spans="14:14">
      <c r="N523659" s="10"/>
    </row>
    <row r="523660" spans="14:14">
      <c r="N523660" s="10"/>
    </row>
    <row r="523661" spans="14:14">
      <c r="N523661" s="10"/>
    </row>
    <row r="523662" spans="14:14">
      <c r="N523662" s="10"/>
    </row>
    <row r="523663" spans="14:14">
      <c r="N523663" s="10"/>
    </row>
    <row r="523664" spans="14:14">
      <c r="N523664" s="10"/>
    </row>
    <row r="523665" spans="14:14">
      <c r="N523665" s="10"/>
    </row>
    <row r="523666" spans="14:14">
      <c r="N523666" s="10"/>
    </row>
    <row r="523667" spans="14:14">
      <c r="N523667" s="10"/>
    </row>
    <row r="523668" spans="14:14">
      <c r="N523668" s="10"/>
    </row>
    <row r="523669" spans="14:14">
      <c r="N523669" s="10"/>
    </row>
    <row r="523670" spans="14:14">
      <c r="N523670" s="10"/>
    </row>
    <row r="523671" spans="14:14">
      <c r="N523671" s="10"/>
    </row>
    <row r="523672" spans="14:14">
      <c r="N523672" s="10"/>
    </row>
    <row r="523673" spans="14:14">
      <c r="N523673" s="10"/>
    </row>
    <row r="523674" spans="14:14">
      <c r="N523674" s="10"/>
    </row>
    <row r="523675" spans="14:14">
      <c r="N523675" s="10"/>
    </row>
    <row r="523676" spans="14:14">
      <c r="N523676" s="10"/>
    </row>
    <row r="523677" spans="14:14">
      <c r="N523677" s="10"/>
    </row>
    <row r="523678" spans="14:14">
      <c r="N523678" s="10"/>
    </row>
    <row r="523679" spans="14:14">
      <c r="N523679" s="10"/>
    </row>
    <row r="523680" spans="14:14">
      <c r="N523680" s="10"/>
    </row>
    <row r="523681" spans="14:14">
      <c r="N523681" s="10"/>
    </row>
    <row r="523682" spans="14:14">
      <c r="N523682" s="10"/>
    </row>
    <row r="523683" spans="14:14">
      <c r="N523683" s="10"/>
    </row>
    <row r="523684" spans="14:14">
      <c r="N523684" s="10"/>
    </row>
    <row r="523685" spans="14:14">
      <c r="N523685" s="10"/>
    </row>
    <row r="523686" spans="14:14">
      <c r="N523686" s="10"/>
    </row>
    <row r="523687" spans="14:14">
      <c r="N523687" s="10"/>
    </row>
    <row r="523688" spans="14:14">
      <c r="N523688" s="10"/>
    </row>
    <row r="523689" spans="14:14">
      <c r="N523689" s="10"/>
    </row>
    <row r="523690" spans="14:14">
      <c r="N523690" s="10"/>
    </row>
    <row r="523691" spans="14:14">
      <c r="N523691" s="10"/>
    </row>
    <row r="523692" spans="14:14">
      <c r="N523692" s="10"/>
    </row>
    <row r="523693" spans="14:14">
      <c r="N523693" s="10"/>
    </row>
    <row r="523694" spans="14:14">
      <c r="N523694" s="10"/>
    </row>
    <row r="523695" spans="14:14">
      <c r="N523695" s="10"/>
    </row>
    <row r="523696" spans="14:14">
      <c r="N523696" s="10"/>
    </row>
    <row r="523697" spans="14:14">
      <c r="N523697" s="10"/>
    </row>
    <row r="523698" spans="14:14">
      <c r="N523698" s="10"/>
    </row>
    <row r="523699" spans="14:14">
      <c r="N523699" s="10"/>
    </row>
    <row r="523700" spans="14:14">
      <c r="N523700" s="10"/>
    </row>
    <row r="523701" spans="14:14">
      <c r="N523701" s="10"/>
    </row>
    <row r="523702" spans="14:14">
      <c r="N523702" s="10"/>
    </row>
    <row r="523703" spans="14:14">
      <c r="N523703" s="10"/>
    </row>
    <row r="523704" spans="14:14">
      <c r="N523704" s="10"/>
    </row>
    <row r="523705" spans="14:14">
      <c r="N523705" s="10"/>
    </row>
    <row r="523706" spans="14:14">
      <c r="N523706" s="10"/>
    </row>
    <row r="523707" spans="14:14">
      <c r="N523707" s="10"/>
    </row>
    <row r="523708" spans="14:14">
      <c r="N523708" s="10"/>
    </row>
    <row r="523709" spans="14:14">
      <c r="N523709" s="10"/>
    </row>
    <row r="523710" spans="14:14">
      <c r="N523710" s="10"/>
    </row>
    <row r="523711" spans="14:14">
      <c r="N523711" s="10"/>
    </row>
    <row r="523712" spans="14:14">
      <c r="N523712" s="10"/>
    </row>
    <row r="523713" spans="14:14">
      <c r="N523713" s="10"/>
    </row>
    <row r="523714" spans="14:14">
      <c r="N523714" s="10"/>
    </row>
    <row r="523715" spans="14:14">
      <c r="N523715" s="10"/>
    </row>
    <row r="523716" spans="14:14">
      <c r="N523716" s="10"/>
    </row>
    <row r="523717" spans="14:14">
      <c r="N523717" s="10"/>
    </row>
    <row r="523718" spans="14:14">
      <c r="N523718" s="10"/>
    </row>
    <row r="523719" spans="14:14">
      <c r="N523719" s="10"/>
    </row>
    <row r="523720" spans="14:14">
      <c r="N523720" s="10"/>
    </row>
    <row r="523721" spans="14:14">
      <c r="N523721" s="10"/>
    </row>
    <row r="523722" spans="14:14">
      <c r="N523722" s="10"/>
    </row>
    <row r="523723" spans="14:14">
      <c r="N523723" s="10"/>
    </row>
    <row r="523724" spans="14:14">
      <c r="N523724" s="10"/>
    </row>
    <row r="523725" spans="14:14">
      <c r="N523725" s="10"/>
    </row>
    <row r="523726" spans="14:14">
      <c r="N523726" s="10"/>
    </row>
    <row r="523727" spans="14:14">
      <c r="N523727" s="10"/>
    </row>
    <row r="523728" spans="14:14">
      <c r="N523728" s="10"/>
    </row>
    <row r="523729" spans="14:14">
      <c r="N523729" s="10"/>
    </row>
    <row r="523730" spans="14:14">
      <c r="N523730" s="10"/>
    </row>
    <row r="523731" spans="14:14">
      <c r="N523731" s="10"/>
    </row>
    <row r="523732" spans="14:14">
      <c r="N523732" s="10"/>
    </row>
    <row r="523733" spans="14:14">
      <c r="N523733" s="10"/>
    </row>
    <row r="523734" spans="14:14">
      <c r="N523734" s="10"/>
    </row>
    <row r="523735" spans="14:14">
      <c r="N523735" s="10"/>
    </row>
    <row r="523736" spans="14:14">
      <c r="N523736" s="10"/>
    </row>
    <row r="523737" spans="14:14">
      <c r="N523737" s="10"/>
    </row>
    <row r="523738" spans="14:14">
      <c r="N523738" s="10"/>
    </row>
    <row r="523739" spans="14:14">
      <c r="N523739" s="10"/>
    </row>
    <row r="523740" spans="14:14">
      <c r="N523740" s="10"/>
    </row>
    <row r="523741" spans="14:14">
      <c r="N523741" s="10"/>
    </row>
    <row r="523742" spans="14:14">
      <c r="N523742" s="10"/>
    </row>
    <row r="523743" spans="14:14">
      <c r="N523743" s="10"/>
    </row>
    <row r="523744" spans="14:14">
      <c r="N523744" s="10"/>
    </row>
    <row r="523745" spans="14:14">
      <c r="N523745" s="10"/>
    </row>
    <row r="523746" spans="14:14">
      <c r="N523746" s="10"/>
    </row>
    <row r="523747" spans="14:14">
      <c r="N523747" s="10"/>
    </row>
    <row r="523748" spans="14:14">
      <c r="N523748" s="10"/>
    </row>
    <row r="523749" spans="14:14">
      <c r="N523749" s="10"/>
    </row>
    <row r="523750" spans="14:14">
      <c r="N523750" s="10"/>
    </row>
    <row r="523751" spans="14:14">
      <c r="N523751" s="10"/>
    </row>
    <row r="523752" spans="14:14">
      <c r="N523752" s="10"/>
    </row>
    <row r="523753" spans="14:14">
      <c r="N523753" s="10"/>
    </row>
    <row r="523754" spans="14:14">
      <c r="N523754" s="10"/>
    </row>
    <row r="523755" spans="14:14">
      <c r="N523755" s="10"/>
    </row>
    <row r="523756" spans="14:14">
      <c r="N523756" s="10"/>
    </row>
    <row r="523757" spans="14:14">
      <c r="N523757" s="10"/>
    </row>
    <row r="523758" spans="14:14">
      <c r="N523758" s="10"/>
    </row>
    <row r="523759" spans="14:14">
      <c r="N523759" s="10"/>
    </row>
    <row r="523760" spans="14:14">
      <c r="N523760" s="10"/>
    </row>
    <row r="523761" spans="14:14">
      <c r="N523761" s="10"/>
    </row>
    <row r="523762" spans="14:14">
      <c r="N523762" s="10"/>
    </row>
    <row r="523763" spans="14:14">
      <c r="N523763" s="10"/>
    </row>
    <row r="523764" spans="14:14">
      <c r="N523764" s="10"/>
    </row>
    <row r="523765" spans="14:14">
      <c r="N523765" s="10"/>
    </row>
    <row r="523766" spans="14:14">
      <c r="N523766" s="10"/>
    </row>
    <row r="523767" spans="14:14">
      <c r="N523767" s="10"/>
    </row>
    <row r="523768" spans="14:14">
      <c r="N523768" s="10"/>
    </row>
    <row r="523769" spans="14:14">
      <c r="N523769" s="10"/>
    </row>
    <row r="523770" spans="14:14">
      <c r="N523770" s="10"/>
    </row>
    <row r="523771" spans="14:14">
      <c r="N523771" s="10"/>
    </row>
    <row r="523772" spans="14:14">
      <c r="N523772" s="10"/>
    </row>
    <row r="523773" spans="14:14">
      <c r="N523773" s="10"/>
    </row>
    <row r="523774" spans="14:14">
      <c r="N523774" s="10"/>
    </row>
    <row r="523775" spans="14:14">
      <c r="N523775" s="10"/>
    </row>
    <row r="523776" spans="14:14">
      <c r="N523776" s="10"/>
    </row>
    <row r="523777" spans="14:14">
      <c r="N523777" s="10"/>
    </row>
    <row r="523778" spans="14:14">
      <c r="N523778" s="10"/>
    </row>
    <row r="523779" spans="14:14">
      <c r="N523779" s="10"/>
    </row>
    <row r="523780" spans="14:14">
      <c r="N523780" s="10"/>
    </row>
    <row r="523781" spans="14:14">
      <c r="N523781" s="10"/>
    </row>
    <row r="523782" spans="14:14">
      <c r="N523782" s="10"/>
    </row>
    <row r="523783" spans="14:14">
      <c r="N523783" s="10"/>
    </row>
    <row r="523784" spans="14:14">
      <c r="N523784" s="10"/>
    </row>
    <row r="523785" spans="14:14">
      <c r="N523785" s="10"/>
    </row>
    <row r="523786" spans="14:14">
      <c r="N523786" s="10"/>
    </row>
    <row r="523787" spans="14:14">
      <c r="N523787" s="10"/>
    </row>
    <row r="523788" spans="14:14">
      <c r="N523788" s="10"/>
    </row>
    <row r="523789" spans="14:14">
      <c r="N523789" s="10"/>
    </row>
    <row r="523790" spans="14:14">
      <c r="N523790" s="10"/>
    </row>
    <row r="523791" spans="14:14">
      <c r="N523791" s="10"/>
    </row>
    <row r="523792" spans="14:14">
      <c r="N523792" s="10"/>
    </row>
    <row r="523793" spans="14:14">
      <c r="N523793" s="10"/>
    </row>
    <row r="523794" spans="14:14">
      <c r="N523794" s="10"/>
    </row>
    <row r="523795" spans="14:14">
      <c r="N523795" s="10"/>
    </row>
    <row r="523796" spans="14:14">
      <c r="N523796" s="10"/>
    </row>
    <row r="523797" spans="14:14">
      <c r="N523797" s="10"/>
    </row>
    <row r="523798" spans="14:14">
      <c r="N523798" s="10"/>
    </row>
    <row r="523799" spans="14:14">
      <c r="N523799" s="10"/>
    </row>
    <row r="523800" spans="14:14">
      <c r="N523800" s="10"/>
    </row>
    <row r="523801" spans="14:14">
      <c r="N523801" s="10"/>
    </row>
    <row r="523802" spans="14:14">
      <c r="N523802" s="10"/>
    </row>
    <row r="523803" spans="14:14">
      <c r="N523803" s="10"/>
    </row>
    <row r="523804" spans="14:14">
      <c r="N523804" s="10"/>
    </row>
    <row r="523805" spans="14:14">
      <c r="N523805" s="10"/>
    </row>
    <row r="523806" spans="14:14">
      <c r="N523806" s="10"/>
    </row>
    <row r="523807" spans="14:14">
      <c r="N523807" s="10"/>
    </row>
    <row r="523808" spans="14:14">
      <c r="N523808" s="10"/>
    </row>
    <row r="523809" spans="14:14">
      <c r="N523809" s="10"/>
    </row>
    <row r="523810" spans="14:14">
      <c r="N523810" s="10"/>
    </row>
    <row r="523811" spans="14:14">
      <c r="N523811" s="10"/>
    </row>
    <row r="523812" spans="14:14">
      <c r="N523812" s="10"/>
    </row>
    <row r="523813" spans="14:14">
      <c r="N523813" s="10"/>
    </row>
    <row r="523814" spans="14:14">
      <c r="N523814" s="10"/>
    </row>
    <row r="523815" spans="14:14">
      <c r="N523815" s="10"/>
    </row>
    <row r="523816" spans="14:14">
      <c r="N523816" s="10"/>
    </row>
    <row r="523817" spans="14:14">
      <c r="N523817" s="10"/>
    </row>
    <row r="523818" spans="14:14">
      <c r="N523818" s="10"/>
    </row>
    <row r="523819" spans="14:14">
      <c r="N523819" s="10"/>
    </row>
    <row r="523820" spans="14:14">
      <c r="N523820" s="10"/>
    </row>
    <row r="523821" spans="14:14">
      <c r="N523821" s="10"/>
    </row>
    <row r="523822" spans="14:14">
      <c r="N523822" s="10"/>
    </row>
    <row r="523823" spans="14:14">
      <c r="N523823" s="10"/>
    </row>
    <row r="523824" spans="14:14">
      <c r="N523824" s="10"/>
    </row>
    <row r="523825" spans="14:14">
      <c r="N523825" s="10"/>
    </row>
    <row r="523826" spans="14:14">
      <c r="N523826" s="10"/>
    </row>
    <row r="523827" spans="14:14">
      <c r="N523827" s="10"/>
    </row>
    <row r="523828" spans="14:14">
      <c r="N523828" s="10"/>
    </row>
    <row r="523829" spans="14:14">
      <c r="N523829" s="10"/>
    </row>
    <row r="523830" spans="14:14">
      <c r="N523830" s="10"/>
    </row>
    <row r="523831" spans="14:14">
      <c r="N523831" s="10"/>
    </row>
    <row r="523832" spans="14:14">
      <c r="N523832" s="10"/>
    </row>
    <row r="523833" spans="14:14">
      <c r="N523833" s="10"/>
    </row>
    <row r="523834" spans="14:14">
      <c r="N523834" s="10"/>
    </row>
    <row r="523835" spans="14:14">
      <c r="N523835" s="10"/>
    </row>
    <row r="523836" spans="14:14">
      <c r="N523836" s="10"/>
    </row>
    <row r="523837" spans="14:14">
      <c r="N523837" s="10"/>
    </row>
    <row r="523838" spans="14:14">
      <c r="N523838" s="10"/>
    </row>
    <row r="523839" spans="14:14">
      <c r="N523839" s="10"/>
    </row>
    <row r="523840" spans="14:14">
      <c r="N523840" s="10"/>
    </row>
    <row r="523841" spans="14:14">
      <c r="N523841" s="10"/>
    </row>
    <row r="523842" spans="14:14">
      <c r="N523842" s="10"/>
    </row>
    <row r="523843" spans="14:14">
      <c r="N523843" s="10"/>
    </row>
    <row r="523844" spans="14:14">
      <c r="N523844" s="10"/>
    </row>
    <row r="523845" spans="14:14">
      <c r="N523845" s="10"/>
    </row>
    <row r="523846" spans="14:14">
      <c r="N523846" s="10"/>
    </row>
    <row r="523847" spans="14:14">
      <c r="N523847" s="10"/>
    </row>
    <row r="523848" spans="14:14">
      <c r="N523848" s="10"/>
    </row>
    <row r="523849" spans="14:14">
      <c r="N523849" s="10"/>
    </row>
    <row r="523850" spans="14:14">
      <c r="N523850" s="10"/>
    </row>
    <row r="523851" spans="14:14">
      <c r="N523851" s="10"/>
    </row>
    <row r="523852" spans="14:14">
      <c r="N523852" s="10"/>
    </row>
    <row r="523853" spans="14:14">
      <c r="N523853" s="10"/>
    </row>
    <row r="523854" spans="14:14">
      <c r="N523854" s="10"/>
    </row>
    <row r="523855" spans="14:14">
      <c r="N523855" s="10"/>
    </row>
    <row r="523856" spans="14:14">
      <c r="N523856" s="10"/>
    </row>
    <row r="523857" spans="14:14">
      <c r="N523857" s="10"/>
    </row>
    <row r="523858" spans="14:14">
      <c r="N523858" s="10"/>
    </row>
    <row r="523859" spans="14:14">
      <c r="N523859" s="10"/>
    </row>
    <row r="523860" spans="14:14">
      <c r="N523860" s="10"/>
    </row>
    <row r="523861" spans="14:14">
      <c r="N523861" s="10"/>
    </row>
    <row r="523862" spans="14:14">
      <c r="N523862" s="10"/>
    </row>
    <row r="523863" spans="14:14">
      <c r="N523863" s="10"/>
    </row>
    <row r="523864" spans="14:14">
      <c r="N523864" s="10"/>
    </row>
    <row r="523865" spans="14:14">
      <c r="N523865" s="10"/>
    </row>
    <row r="523866" spans="14:14">
      <c r="N523866" s="10"/>
    </row>
    <row r="523867" spans="14:14">
      <c r="N523867" s="10"/>
    </row>
    <row r="523868" spans="14:14">
      <c r="N523868" s="10"/>
    </row>
    <row r="523869" spans="14:14">
      <c r="N523869" s="10"/>
    </row>
    <row r="523870" spans="14:14">
      <c r="N523870" s="10"/>
    </row>
    <row r="523871" spans="14:14">
      <c r="N523871" s="10"/>
    </row>
    <row r="523872" spans="14:14">
      <c r="N523872" s="10"/>
    </row>
    <row r="523873" spans="14:14">
      <c r="N523873" s="10"/>
    </row>
    <row r="523874" spans="14:14">
      <c r="N523874" s="10"/>
    </row>
    <row r="523875" spans="14:14">
      <c r="N523875" s="10"/>
    </row>
    <row r="523876" spans="14:14">
      <c r="N523876" s="10"/>
    </row>
    <row r="523877" spans="14:14">
      <c r="N523877" s="10"/>
    </row>
    <row r="523878" spans="14:14">
      <c r="N523878" s="10"/>
    </row>
    <row r="523879" spans="14:14">
      <c r="N523879" s="10"/>
    </row>
    <row r="523880" spans="14:14">
      <c r="N523880" s="10"/>
    </row>
    <row r="523881" spans="14:14">
      <c r="N523881" s="10"/>
    </row>
    <row r="523882" spans="14:14">
      <c r="N523882" s="10"/>
    </row>
    <row r="523883" spans="14:14">
      <c r="N523883" s="10"/>
    </row>
    <row r="523884" spans="14:14">
      <c r="N523884" s="10"/>
    </row>
    <row r="523885" spans="14:14">
      <c r="N523885" s="10"/>
    </row>
    <row r="523886" spans="14:14">
      <c r="N523886" s="10"/>
    </row>
    <row r="523887" spans="14:14">
      <c r="N523887" s="10"/>
    </row>
    <row r="523888" spans="14:14">
      <c r="N523888" s="10"/>
    </row>
    <row r="523889" spans="14:14">
      <c r="N523889" s="10"/>
    </row>
    <row r="523890" spans="14:14">
      <c r="N523890" s="10"/>
    </row>
    <row r="523891" spans="14:14">
      <c r="N523891" s="10"/>
    </row>
    <row r="523892" spans="14:14">
      <c r="N523892" s="10"/>
    </row>
    <row r="523893" spans="14:14">
      <c r="N523893" s="10"/>
    </row>
    <row r="523894" spans="14:14">
      <c r="N523894" s="10"/>
    </row>
    <row r="523895" spans="14:14">
      <c r="N523895" s="10"/>
    </row>
    <row r="523896" spans="14:14">
      <c r="N523896" s="10"/>
    </row>
    <row r="523897" spans="14:14">
      <c r="N523897" s="10"/>
    </row>
    <row r="523898" spans="14:14">
      <c r="N523898" s="10"/>
    </row>
    <row r="523899" spans="14:14">
      <c r="N523899" s="10"/>
    </row>
    <row r="523900" spans="14:14">
      <c r="N523900" s="10"/>
    </row>
    <row r="523901" spans="14:14">
      <c r="N523901" s="10"/>
    </row>
    <row r="523902" spans="14:14">
      <c r="N523902" s="10"/>
    </row>
    <row r="523903" spans="14:14">
      <c r="N523903" s="10"/>
    </row>
    <row r="523904" spans="14:14">
      <c r="N523904" s="10"/>
    </row>
    <row r="523905" spans="14:14">
      <c r="N523905" s="10"/>
    </row>
    <row r="523906" spans="14:14">
      <c r="N523906" s="10"/>
    </row>
    <row r="523907" spans="14:14">
      <c r="N523907" s="10"/>
    </row>
    <row r="523908" spans="14:14">
      <c r="N523908" s="10"/>
    </row>
    <row r="523909" spans="14:14">
      <c r="N523909" s="10"/>
    </row>
    <row r="523910" spans="14:14">
      <c r="N523910" s="10"/>
    </row>
    <row r="523911" spans="14:14">
      <c r="N523911" s="10"/>
    </row>
    <row r="523912" spans="14:14">
      <c r="N523912" s="10"/>
    </row>
    <row r="523913" spans="14:14">
      <c r="N523913" s="10"/>
    </row>
    <row r="523914" spans="14:14">
      <c r="N523914" s="10"/>
    </row>
    <row r="523915" spans="14:14">
      <c r="N523915" s="10"/>
    </row>
    <row r="523916" spans="14:14">
      <c r="N523916" s="10"/>
    </row>
    <row r="523917" spans="14:14">
      <c r="N523917" s="10"/>
    </row>
    <row r="523918" spans="14:14">
      <c r="N523918" s="10"/>
    </row>
    <row r="523919" spans="14:14">
      <c r="N523919" s="10"/>
    </row>
    <row r="523920" spans="14:14">
      <c r="N523920" s="10"/>
    </row>
    <row r="523921" spans="14:14">
      <c r="N523921" s="10"/>
    </row>
    <row r="523922" spans="14:14">
      <c r="N523922" s="10"/>
    </row>
    <row r="523923" spans="14:14">
      <c r="N523923" s="10"/>
    </row>
    <row r="523924" spans="14:14">
      <c r="N523924" s="10"/>
    </row>
    <row r="523925" spans="14:14">
      <c r="N523925" s="10"/>
    </row>
    <row r="523926" spans="14:14">
      <c r="N523926" s="10"/>
    </row>
    <row r="523927" spans="14:14">
      <c r="N523927" s="10"/>
    </row>
    <row r="523928" spans="14:14">
      <c r="N523928" s="10"/>
    </row>
    <row r="523929" spans="14:14">
      <c r="N523929" s="10"/>
    </row>
    <row r="523930" spans="14:14">
      <c r="N523930" s="10"/>
    </row>
    <row r="523931" spans="14:14">
      <c r="N523931" s="10"/>
    </row>
    <row r="523932" spans="14:14">
      <c r="N523932" s="10"/>
    </row>
    <row r="523933" spans="14:14">
      <c r="N523933" s="10"/>
    </row>
    <row r="523934" spans="14:14">
      <c r="N523934" s="10"/>
    </row>
    <row r="523935" spans="14:14">
      <c r="N523935" s="10"/>
    </row>
    <row r="523936" spans="14:14">
      <c r="N523936" s="10"/>
    </row>
    <row r="523937" spans="14:14">
      <c r="N523937" s="10"/>
    </row>
    <row r="523938" spans="14:14">
      <c r="N523938" s="10"/>
    </row>
    <row r="523939" spans="14:14">
      <c r="N523939" s="10"/>
    </row>
    <row r="523940" spans="14:14">
      <c r="N523940" s="10"/>
    </row>
    <row r="523941" spans="14:14">
      <c r="N523941" s="10"/>
    </row>
    <row r="523942" spans="14:14">
      <c r="N523942" s="10"/>
    </row>
    <row r="523943" spans="14:14">
      <c r="N523943" s="10"/>
    </row>
    <row r="523944" spans="14:14">
      <c r="N523944" s="10"/>
    </row>
    <row r="523945" spans="14:14">
      <c r="N523945" s="10"/>
    </row>
    <row r="523946" spans="14:14">
      <c r="N523946" s="10"/>
    </row>
    <row r="523947" spans="14:14">
      <c r="N523947" s="10"/>
    </row>
    <row r="523948" spans="14:14">
      <c r="N523948" s="10"/>
    </row>
    <row r="523949" spans="14:14">
      <c r="N523949" s="10"/>
    </row>
    <row r="523950" spans="14:14">
      <c r="N523950" s="10"/>
    </row>
    <row r="523951" spans="14:14">
      <c r="N523951" s="10"/>
    </row>
    <row r="523952" spans="14:14">
      <c r="N523952" s="10"/>
    </row>
    <row r="523953" spans="14:14">
      <c r="N523953" s="10"/>
    </row>
    <row r="523954" spans="14:14">
      <c r="N523954" s="10"/>
    </row>
    <row r="523955" spans="14:14">
      <c r="N523955" s="10"/>
    </row>
    <row r="523956" spans="14:14">
      <c r="N523956" s="10"/>
    </row>
    <row r="523957" spans="14:14">
      <c r="N523957" s="10"/>
    </row>
    <row r="523958" spans="14:14">
      <c r="N523958" s="10"/>
    </row>
    <row r="523959" spans="14:14">
      <c r="N523959" s="10"/>
    </row>
    <row r="523960" spans="14:14">
      <c r="N523960" s="10"/>
    </row>
    <row r="523961" spans="14:14">
      <c r="N523961" s="10"/>
    </row>
    <row r="523962" spans="14:14">
      <c r="N523962" s="10"/>
    </row>
    <row r="523963" spans="14:14">
      <c r="N523963" s="10"/>
    </row>
    <row r="523964" spans="14:14">
      <c r="N523964" s="10"/>
    </row>
    <row r="523965" spans="14:14">
      <c r="N523965" s="10"/>
    </row>
    <row r="523966" spans="14:14">
      <c r="N523966" s="10"/>
    </row>
    <row r="523967" spans="14:14">
      <c r="N523967" s="10"/>
    </row>
    <row r="523968" spans="14:14">
      <c r="N523968" s="10"/>
    </row>
    <row r="523969" spans="14:14">
      <c r="N523969" s="10"/>
    </row>
    <row r="523970" spans="14:14">
      <c r="N523970" s="10"/>
    </row>
    <row r="523971" spans="14:14">
      <c r="N523971" s="10"/>
    </row>
    <row r="523972" spans="14:14">
      <c r="N523972" s="10"/>
    </row>
    <row r="523973" spans="14:14">
      <c r="N523973" s="10"/>
    </row>
    <row r="523974" spans="14:14">
      <c r="N523974" s="10"/>
    </row>
    <row r="523975" spans="14:14">
      <c r="N523975" s="10"/>
    </row>
    <row r="523976" spans="14:14">
      <c r="N523976" s="10"/>
    </row>
    <row r="523977" spans="14:14">
      <c r="N523977" s="10"/>
    </row>
    <row r="523978" spans="14:14">
      <c r="N523978" s="10"/>
    </row>
    <row r="523979" spans="14:14">
      <c r="N523979" s="10"/>
    </row>
    <row r="523980" spans="14:14">
      <c r="N523980" s="10"/>
    </row>
    <row r="523981" spans="14:14">
      <c r="N523981" s="10"/>
    </row>
    <row r="523982" spans="14:14">
      <c r="N523982" s="10"/>
    </row>
    <row r="523983" spans="14:14">
      <c r="N523983" s="10"/>
    </row>
    <row r="523984" spans="14:14">
      <c r="N523984" s="10"/>
    </row>
    <row r="523985" spans="14:14">
      <c r="N523985" s="10"/>
    </row>
    <row r="523986" spans="14:14">
      <c r="N523986" s="10"/>
    </row>
    <row r="523987" spans="14:14">
      <c r="N523987" s="10"/>
    </row>
    <row r="523988" spans="14:14">
      <c r="N523988" s="10"/>
    </row>
    <row r="523989" spans="14:14">
      <c r="N523989" s="10"/>
    </row>
    <row r="523990" spans="14:14">
      <c r="N523990" s="10"/>
    </row>
    <row r="523991" spans="14:14">
      <c r="N523991" s="10"/>
    </row>
    <row r="523992" spans="14:14">
      <c r="N523992" s="10"/>
    </row>
    <row r="523993" spans="14:14">
      <c r="N523993" s="10"/>
    </row>
    <row r="523994" spans="14:14">
      <c r="N523994" s="10"/>
    </row>
    <row r="523995" spans="14:14">
      <c r="N523995" s="10"/>
    </row>
    <row r="523996" spans="14:14">
      <c r="N523996" s="10"/>
    </row>
    <row r="523997" spans="14:14">
      <c r="N523997" s="10"/>
    </row>
    <row r="523998" spans="14:14">
      <c r="N523998" s="10"/>
    </row>
    <row r="523999" spans="14:14">
      <c r="N523999" s="10"/>
    </row>
    <row r="524000" spans="14:14">
      <c r="N524000" s="10"/>
    </row>
    <row r="524001" spans="14:14">
      <c r="N524001" s="10"/>
    </row>
    <row r="524002" spans="14:14">
      <c r="N524002" s="10"/>
    </row>
    <row r="524003" spans="14:14">
      <c r="N524003" s="10"/>
    </row>
    <row r="524004" spans="14:14">
      <c r="N524004" s="10"/>
    </row>
    <row r="524005" spans="14:14">
      <c r="N524005" s="10"/>
    </row>
    <row r="524006" spans="14:14">
      <c r="N524006" s="10"/>
    </row>
    <row r="524007" spans="14:14">
      <c r="N524007" s="10"/>
    </row>
    <row r="524008" spans="14:14">
      <c r="N524008" s="10"/>
    </row>
    <row r="524009" spans="14:14">
      <c r="N524009" s="10"/>
    </row>
    <row r="524010" spans="14:14">
      <c r="N524010" s="10"/>
    </row>
    <row r="524011" spans="14:14">
      <c r="N524011" s="10"/>
    </row>
    <row r="524012" spans="14:14">
      <c r="N524012" s="10"/>
    </row>
    <row r="524013" spans="14:14">
      <c r="N524013" s="10"/>
    </row>
    <row r="524014" spans="14:14">
      <c r="N524014" s="10"/>
    </row>
    <row r="524015" spans="14:14">
      <c r="N524015" s="10"/>
    </row>
    <row r="524016" spans="14:14">
      <c r="N524016" s="10"/>
    </row>
    <row r="524017" spans="14:14">
      <c r="N524017" s="10"/>
    </row>
    <row r="524018" spans="14:14">
      <c r="N524018" s="10"/>
    </row>
    <row r="524019" spans="14:14">
      <c r="N524019" s="10"/>
    </row>
    <row r="524020" spans="14:14">
      <c r="N524020" s="10"/>
    </row>
    <row r="524021" spans="14:14">
      <c r="N524021" s="10"/>
    </row>
    <row r="524022" spans="14:14">
      <c r="N524022" s="10"/>
    </row>
    <row r="524023" spans="14:14">
      <c r="N524023" s="10"/>
    </row>
    <row r="524024" spans="14:14">
      <c r="N524024" s="10"/>
    </row>
    <row r="524025" spans="14:14">
      <c r="N524025" s="10"/>
    </row>
    <row r="524026" spans="14:14">
      <c r="N524026" s="10"/>
    </row>
    <row r="524027" spans="14:14">
      <c r="N524027" s="10"/>
    </row>
    <row r="524028" spans="14:14">
      <c r="N524028" s="10"/>
    </row>
    <row r="524029" spans="14:14">
      <c r="N524029" s="10"/>
    </row>
    <row r="524030" spans="14:14">
      <c r="N524030" s="10"/>
    </row>
    <row r="524031" spans="14:14">
      <c r="N524031" s="10"/>
    </row>
    <row r="524032" spans="14:14">
      <c r="N524032" s="10"/>
    </row>
    <row r="524033" spans="14:14">
      <c r="N524033" s="10"/>
    </row>
    <row r="524034" spans="14:14">
      <c r="N524034" s="10"/>
    </row>
    <row r="524035" spans="14:14">
      <c r="N524035" s="10"/>
    </row>
    <row r="524036" spans="14:14">
      <c r="N524036" s="10"/>
    </row>
    <row r="524037" spans="14:14">
      <c r="N524037" s="10"/>
    </row>
    <row r="524038" spans="14:14">
      <c r="N524038" s="10"/>
    </row>
    <row r="524039" spans="14:14">
      <c r="N524039" s="10"/>
    </row>
    <row r="524040" spans="14:14">
      <c r="N524040" s="10"/>
    </row>
    <row r="524041" spans="14:14">
      <c r="N524041" s="10"/>
    </row>
    <row r="524042" spans="14:14">
      <c r="N524042" s="10"/>
    </row>
    <row r="524043" spans="14:14">
      <c r="N524043" s="10"/>
    </row>
    <row r="524044" spans="14:14">
      <c r="N524044" s="10"/>
    </row>
    <row r="524045" spans="14:14">
      <c r="N524045" s="10"/>
    </row>
    <row r="524046" spans="14:14">
      <c r="N524046" s="10"/>
    </row>
    <row r="524047" spans="14:14">
      <c r="N524047" s="10"/>
    </row>
    <row r="524048" spans="14:14">
      <c r="N524048" s="10"/>
    </row>
    <row r="524049" spans="14:14">
      <c r="N524049" s="10"/>
    </row>
    <row r="524050" spans="14:14">
      <c r="N524050" s="10"/>
    </row>
    <row r="524051" spans="14:14">
      <c r="N524051" s="10"/>
    </row>
    <row r="524052" spans="14:14">
      <c r="N524052" s="10"/>
    </row>
    <row r="524053" spans="14:14">
      <c r="N524053" s="10"/>
    </row>
    <row r="524054" spans="14:14">
      <c r="N524054" s="10"/>
    </row>
    <row r="524055" spans="14:14">
      <c r="N524055" s="10"/>
    </row>
    <row r="524056" spans="14:14">
      <c r="N524056" s="10"/>
    </row>
    <row r="524057" spans="14:14">
      <c r="N524057" s="10"/>
    </row>
    <row r="524058" spans="14:14">
      <c r="N524058" s="10"/>
    </row>
    <row r="524059" spans="14:14">
      <c r="N524059" s="10"/>
    </row>
    <row r="524060" spans="14:14">
      <c r="N524060" s="10"/>
    </row>
    <row r="524061" spans="14:14">
      <c r="N524061" s="10"/>
    </row>
    <row r="524062" spans="14:14">
      <c r="N524062" s="10"/>
    </row>
    <row r="524063" spans="14:14">
      <c r="N524063" s="10"/>
    </row>
    <row r="524064" spans="14:14">
      <c r="N524064" s="10"/>
    </row>
    <row r="524065" spans="14:14">
      <c r="N524065" s="10"/>
    </row>
    <row r="524066" spans="14:14">
      <c r="N524066" s="10"/>
    </row>
    <row r="524067" spans="14:14">
      <c r="N524067" s="10"/>
    </row>
    <row r="524068" spans="14:14">
      <c r="N524068" s="10"/>
    </row>
    <row r="524069" spans="14:14">
      <c r="N524069" s="10"/>
    </row>
    <row r="524070" spans="14:14">
      <c r="N524070" s="10"/>
    </row>
    <row r="524071" spans="14:14">
      <c r="N524071" s="10"/>
    </row>
    <row r="524072" spans="14:14">
      <c r="N524072" s="10"/>
    </row>
    <row r="524073" spans="14:14">
      <c r="N524073" s="10"/>
    </row>
    <row r="524074" spans="14:14">
      <c r="N524074" s="10"/>
    </row>
    <row r="524075" spans="14:14">
      <c r="N524075" s="10"/>
    </row>
    <row r="524076" spans="14:14">
      <c r="N524076" s="10"/>
    </row>
    <row r="524077" spans="14:14">
      <c r="N524077" s="10"/>
    </row>
    <row r="524078" spans="14:14">
      <c r="N524078" s="10"/>
    </row>
    <row r="524079" spans="14:14">
      <c r="N524079" s="10"/>
    </row>
    <row r="524080" spans="14:14">
      <c r="N524080" s="10"/>
    </row>
    <row r="524081" spans="14:14">
      <c r="N524081" s="10"/>
    </row>
    <row r="524082" spans="14:14">
      <c r="N524082" s="10"/>
    </row>
    <row r="524083" spans="14:14">
      <c r="N524083" s="10"/>
    </row>
    <row r="524084" spans="14:14">
      <c r="N524084" s="10"/>
    </row>
    <row r="524085" spans="14:14">
      <c r="N524085" s="10"/>
    </row>
    <row r="524086" spans="14:14">
      <c r="N524086" s="10"/>
    </row>
    <row r="524087" spans="14:14">
      <c r="N524087" s="10"/>
    </row>
    <row r="524088" spans="14:14">
      <c r="N524088" s="10"/>
    </row>
    <row r="524089" spans="14:14">
      <c r="N524089" s="10"/>
    </row>
    <row r="524090" spans="14:14">
      <c r="N524090" s="10"/>
    </row>
    <row r="524091" spans="14:14">
      <c r="N524091" s="10"/>
    </row>
    <row r="524092" spans="14:14">
      <c r="N524092" s="10"/>
    </row>
    <row r="524093" spans="14:14">
      <c r="N524093" s="10"/>
    </row>
    <row r="524094" spans="14:14">
      <c r="N524094" s="10"/>
    </row>
    <row r="524095" spans="14:14">
      <c r="N524095" s="10"/>
    </row>
    <row r="524096" spans="14:14">
      <c r="N524096" s="10"/>
    </row>
    <row r="524097" spans="14:14">
      <c r="N524097" s="10"/>
    </row>
    <row r="524098" spans="14:14">
      <c r="N524098" s="10"/>
    </row>
    <row r="524099" spans="14:14">
      <c r="N524099" s="10"/>
    </row>
    <row r="524100" spans="14:14">
      <c r="N524100" s="10"/>
    </row>
    <row r="524101" spans="14:14">
      <c r="N524101" s="10"/>
    </row>
    <row r="524102" spans="14:14">
      <c r="N524102" s="10"/>
    </row>
    <row r="524103" spans="14:14">
      <c r="N524103" s="10"/>
    </row>
    <row r="524104" spans="14:14">
      <c r="N524104" s="10"/>
    </row>
    <row r="524105" spans="14:14">
      <c r="N524105" s="10"/>
    </row>
    <row r="524106" spans="14:14">
      <c r="N524106" s="10"/>
    </row>
    <row r="524107" spans="14:14">
      <c r="N524107" s="10"/>
    </row>
    <row r="524108" spans="14:14">
      <c r="N524108" s="10"/>
    </row>
    <row r="524109" spans="14:14">
      <c r="N524109" s="10"/>
    </row>
    <row r="524110" spans="14:14">
      <c r="N524110" s="10"/>
    </row>
    <row r="524111" spans="14:14">
      <c r="N524111" s="10"/>
    </row>
    <row r="524112" spans="14:14">
      <c r="N524112" s="10"/>
    </row>
    <row r="524113" spans="14:14">
      <c r="N524113" s="10"/>
    </row>
    <row r="524114" spans="14:14">
      <c r="N524114" s="10"/>
    </row>
    <row r="524115" spans="14:14">
      <c r="N524115" s="10"/>
    </row>
    <row r="524116" spans="14:14">
      <c r="N524116" s="10"/>
    </row>
    <row r="524117" spans="14:14">
      <c r="N524117" s="10"/>
    </row>
    <row r="524118" spans="14:14">
      <c r="N524118" s="10"/>
    </row>
    <row r="524119" spans="14:14">
      <c r="N524119" s="10"/>
    </row>
    <row r="524120" spans="14:14">
      <c r="N524120" s="10"/>
    </row>
    <row r="524121" spans="14:14">
      <c r="N524121" s="10"/>
    </row>
    <row r="524122" spans="14:14">
      <c r="N524122" s="10"/>
    </row>
    <row r="524123" spans="14:14">
      <c r="N524123" s="10"/>
    </row>
    <row r="524124" spans="14:14">
      <c r="N524124" s="10"/>
    </row>
    <row r="524125" spans="14:14">
      <c r="N524125" s="10"/>
    </row>
    <row r="524126" spans="14:14">
      <c r="N524126" s="10"/>
    </row>
    <row r="524127" spans="14:14">
      <c r="N524127" s="10"/>
    </row>
    <row r="524128" spans="14:14">
      <c r="N524128" s="10"/>
    </row>
    <row r="524129" spans="14:14">
      <c r="N524129" s="10"/>
    </row>
    <row r="524130" spans="14:14">
      <c r="N524130" s="10"/>
    </row>
    <row r="524131" spans="14:14">
      <c r="N524131" s="10"/>
    </row>
    <row r="524132" spans="14:14">
      <c r="N524132" s="10"/>
    </row>
    <row r="524133" spans="14:14">
      <c r="N524133" s="10"/>
    </row>
    <row r="524134" spans="14:14">
      <c r="N524134" s="10"/>
    </row>
    <row r="524135" spans="14:14">
      <c r="N524135" s="10"/>
    </row>
    <row r="524136" spans="14:14">
      <c r="N524136" s="10"/>
    </row>
    <row r="524137" spans="14:14">
      <c r="N524137" s="10"/>
    </row>
    <row r="524138" spans="14:14">
      <c r="N524138" s="10"/>
    </row>
    <row r="524139" spans="14:14">
      <c r="N524139" s="10"/>
    </row>
    <row r="524140" spans="14:14">
      <c r="N524140" s="10"/>
    </row>
    <row r="524141" spans="14:14">
      <c r="N524141" s="10"/>
    </row>
    <row r="524142" spans="14:14">
      <c r="N524142" s="10"/>
    </row>
    <row r="524143" spans="14:14">
      <c r="N524143" s="10"/>
    </row>
    <row r="524144" spans="14:14">
      <c r="N524144" s="10"/>
    </row>
    <row r="524145" spans="14:14">
      <c r="N524145" s="10"/>
    </row>
    <row r="524146" spans="14:14">
      <c r="N524146" s="10"/>
    </row>
    <row r="524147" spans="14:14">
      <c r="N524147" s="10"/>
    </row>
    <row r="524148" spans="14:14">
      <c r="N524148" s="10"/>
    </row>
    <row r="524149" spans="14:14">
      <c r="N524149" s="10"/>
    </row>
    <row r="524150" spans="14:14">
      <c r="N524150" s="10"/>
    </row>
    <row r="524151" spans="14:14">
      <c r="N524151" s="10"/>
    </row>
    <row r="524152" spans="14:14">
      <c r="N524152" s="10"/>
    </row>
    <row r="524153" spans="14:14">
      <c r="N524153" s="10"/>
    </row>
    <row r="524154" spans="14:14">
      <c r="N524154" s="10"/>
    </row>
    <row r="524155" spans="14:14">
      <c r="N524155" s="10"/>
    </row>
    <row r="524156" spans="14:14">
      <c r="N524156" s="10"/>
    </row>
    <row r="524157" spans="14:14">
      <c r="N524157" s="10"/>
    </row>
    <row r="524158" spans="14:14">
      <c r="N524158" s="10"/>
    </row>
    <row r="524159" spans="14:14">
      <c r="N524159" s="10"/>
    </row>
    <row r="524160" spans="14:14">
      <c r="N524160" s="10"/>
    </row>
    <row r="524161" spans="14:14">
      <c r="N524161" s="10"/>
    </row>
    <row r="524162" spans="14:14">
      <c r="N524162" s="10"/>
    </row>
    <row r="524163" spans="14:14">
      <c r="N524163" s="10"/>
    </row>
    <row r="524164" spans="14:14">
      <c r="N524164" s="10"/>
    </row>
    <row r="524165" spans="14:14">
      <c r="N524165" s="10"/>
    </row>
    <row r="524166" spans="14:14">
      <c r="N524166" s="10"/>
    </row>
    <row r="524167" spans="14:14">
      <c r="N524167" s="10"/>
    </row>
    <row r="524168" spans="14:14">
      <c r="N524168" s="10"/>
    </row>
    <row r="524169" spans="14:14">
      <c r="N524169" s="10"/>
    </row>
    <row r="524170" spans="14:14">
      <c r="N524170" s="10"/>
    </row>
    <row r="524171" spans="14:14">
      <c r="N524171" s="10"/>
    </row>
    <row r="524172" spans="14:14">
      <c r="N524172" s="10"/>
    </row>
    <row r="524173" spans="14:14">
      <c r="N524173" s="10"/>
    </row>
    <row r="524174" spans="14:14">
      <c r="N524174" s="10"/>
    </row>
    <row r="524175" spans="14:14">
      <c r="N524175" s="10"/>
    </row>
    <row r="524176" spans="14:14">
      <c r="N524176" s="10"/>
    </row>
    <row r="524177" spans="14:14">
      <c r="N524177" s="10"/>
    </row>
    <row r="524178" spans="14:14">
      <c r="N524178" s="10"/>
    </row>
    <row r="524179" spans="14:14">
      <c r="N524179" s="10"/>
    </row>
    <row r="524180" spans="14:14">
      <c r="N524180" s="10"/>
    </row>
    <row r="524181" spans="14:14">
      <c r="N524181" s="10"/>
    </row>
    <row r="524182" spans="14:14">
      <c r="N524182" s="10"/>
    </row>
    <row r="524183" spans="14:14">
      <c r="N524183" s="10"/>
    </row>
    <row r="524184" spans="14:14">
      <c r="N524184" s="10"/>
    </row>
    <row r="524185" spans="14:14">
      <c r="N524185" s="10"/>
    </row>
    <row r="524186" spans="14:14">
      <c r="N524186" s="10"/>
    </row>
    <row r="524187" spans="14:14">
      <c r="N524187" s="10"/>
    </row>
    <row r="524188" spans="14:14">
      <c r="N524188" s="10"/>
    </row>
    <row r="524189" spans="14:14">
      <c r="N524189" s="10"/>
    </row>
    <row r="524190" spans="14:14">
      <c r="N524190" s="10"/>
    </row>
    <row r="524191" spans="14:14">
      <c r="N524191" s="10"/>
    </row>
    <row r="524192" spans="14:14">
      <c r="N524192" s="10"/>
    </row>
    <row r="524193" spans="14:14">
      <c r="N524193" s="10"/>
    </row>
    <row r="524194" spans="14:14">
      <c r="N524194" s="10"/>
    </row>
    <row r="524195" spans="14:14">
      <c r="N524195" s="10"/>
    </row>
    <row r="524196" spans="14:14">
      <c r="N524196" s="10"/>
    </row>
    <row r="524197" spans="14:14">
      <c r="N524197" s="10"/>
    </row>
    <row r="524198" spans="14:14">
      <c r="N524198" s="10"/>
    </row>
    <row r="524199" spans="14:14">
      <c r="N524199" s="10"/>
    </row>
    <row r="524200" spans="14:14">
      <c r="N524200" s="10"/>
    </row>
    <row r="524201" spans="14:14">
      <c r="N524201" s="10"/>
    </row>
    <row r="524202" spans="14:14">
      <c r="N524202" s="10"/>
    </row>
    <row r="524203" spans="14:14">
      <c r="N524203" s="10"/>
    </row>
    <row r="524204" spans="14:14">
      <c r="N524204" s="10"/>
    </row>
    <row r="524205" spans="14:14">
      <c r="N524205" s="10"/>
    </row>
    <row r="524206" spans="14:14">
      <c r="N524206" s="10"/>
    </row>
    <row r="524207" spans="14:14">
      <c r="N524207" s="10"/>
    </row>
    <row r="524208" spans="14:14">
      <c r="N524208" s="10"/>
    </row>
    <row r="524209" spans="14:14">
      <c r="N524209" s="10"/>
    </row>
    <row r="524210" spans="14:14">
      <c r="N524210" s="10"/>
    </row>
    <row r="524211" spans="14:14">
      <c r="N524211" s="10"/>
    </row>
    <row r="524212" spans="14:14">
      <c r="N524212" s="10"/>
    </row>
    <row r="524213" spans="14:14">
      <c r="N524213" s="10"/>
    </row>
    <row r="524214" spans="14:14">
      <c r="N524214" s="10"/>
    </row>
    <row r="524215" spans="14:14">
      <c r="N524215" s="10"/>
    </row>
    <row r="524216" spans="14:14">
      <c r="N524216" s="10"/>
    </row>
    <row r="524217" spans="14:14">
      <c r="N524217" s="10"/>
    </row>
    <row r="524218" spans="14:14">
      <c r="N524218" s="10"/>
    </row>
    <row r="524219" spans="14:14">
      <c r="N524219" s="10"/>
    </row>
    <row r="524220" spans="14:14">
      <c r="N524220" s="10"/>
    </row>
    <row r="524221" spans="14:14">
      <c r="N524221" s="10"/>
    </row>
    <row r="524222" spans="14:14">
      <c r="N524222" s="10"/>
    </row>
    <row r="524223" spans="14:14">
      <c r="N524223" s="10"/>
    </row>
    <row r="524224" spans="14:14">
      <c r="N524224" s="10"/>
    </row>
    <row r="524225" spans="14:14">
      <c r="N524225" s="10"/>
    </row>
    <row r="524226" spans="14:14">
      <c r="N524226" s="10"/>
    </row>
    <row r="524227" spans="14:14">
      <c r="N524227" s="10"/>
    </row>
    <row r="524228" spans="14:14">
      <c r="N524228" s="10"/>
    </row>
    <row r="524229" spans="14:14">
      <c r="N524229" s="10"/>
    </row>
    <row r="524230" spans="14:14">
      <c r="N524230" s="10"/>
    </row>
    <row r="524231" spans="14:14">
      <c r="N524231" s="10"/>
    </row>
    <row r="524232" spans="14:14">
      <c r="N524232" s="10"/>
    </row>
    <row r="524233" spans="14:14">
      <c r="N524233" s="10"/>
    </row>
    <row r="524234" spans="14:14">
      <c r="N524234" s="10"/>
    </row>
    <row r="524235" spans="14:14">
      <c r="N524235" s="10"/>
    </row>
    <row r="524236" spans="14:14">
      <c r="N524236" s="10"/>
    </row>
    <row r="524237" spans="14:14">
      <c r="N524237" s="10"/>
    </row>
    <row r="524238" spans="14:14">
      <c r="N524238" s="10"/>
    </row>
    <row r="524239" spans="14:14">
      <c r="N524239" s="10"/>
    </row>
    <row r="524240" spans="14:14">
      <c r="N524240" s="10"/>
    </row>
    <row r="524241" spans="14:14">
      <c r="N524241" s="10"/>
    </row>
    <row r="524242" spans="14:14">
      <c r="N524242" s="10"/>
    </row>
    <row r="524243" spans="14:14">
      <c r="N524243" s="10"/>
    </row>
    <row r="524244" spans="14:14">
      <c r="N524244" s="10"/>
    </row>
    <row r="524245" spans="14:14">
      <c r="N524245" s="10"/>
    </row>
    <row r="524246" spans="14:14">
      <c r="N524246" s="10"/>
    </row>
    <row r="524247" spans="14:14">
      <c r="N524247" s="10"/>
    </row>
    <row r="524248" spans="14:14">
      <c r="N524248" s="10"/>
    </row>
    <row r="524249" spans="14:14">
      <c r="N524249" s="10"/>
    </row>
    <row r="524250" spans="14:14">
      <c r="N524250" s="10"/>
    </row>
    <row r="524251" spans="14:14">
      <c r="N524251" s="10"/>
    </row>
    <row r="524252" spans="14:14">
      <c r="N524252" s="10"/>
    </row>
    <row r="524253" spans="14:14">
      <c r="N524253" s="10"/>
    </row>
    <row r="524254" spans="14:14">
      <c r="N524254" s="10"/>
    </row>
    <row r="524255" spans="14:14">
      <c r="N524255" s="10"/>
    </row>
    <row r="524256" spans="14:14">
      <c r="N524256" s="10"/>
    </row>
    <row r="524257" spans="14:14">
      <c r="N524257" s="10"/>
    </row>
    <row r="524258" spans="14:14">
      <c r="N524258" s="10"/>
    </row>
    <row r="524259" spans="14:14">
      <c r="N524259" s="10"/>
    </row>
    <row r="524260" spans="14:14">
      <c r="N524260" s="10"/>
    </row>
    <row r="524261" spans="14:14">
      <c r="N524261" s="10"/>
    </row>
    <row r="524262" spans="14:14">
      <c r="N524262" s="10"/>
    </row>
    <row r="524263" spans="14:14">
      <c r="N524263" s="10"/>
    </row>
    <row r="524264" spans="14:14">
      <c r="N524264" s="10"/>
    </row>
    <row r="524265" spans="14:14">
      <c r="N524265" s="10"/>
    </row>
    <row r="524266" spans="14:14">
      <c r="N524266" s="10"/>
    </row>
    <row r="524267" spans="14:14">
      <c r="N524267" s="10"/>
    </row>
    <row r="524268" spans="14:14">
      <c r="N524268" s="10"/>
    </row>
    <row r="524269" spans="14:14">
      <c r="N524269" s="10"/>
    </row>
    <row r="524270" spans="14:14">
      <c r="N524270" s="10"/>
    </row>
    <row r="524271" spans="14:14">
      <c r="N524271" s="10"/>
    </row>
    <row r="524272" spans="14:14">
      <c r="N524272" s="10"/>
    </row>
    <row r="524273" spans="14:14">
      <c r="N524273" s="10"/>
    </row>
    <row r="524274" spans="14:14">
      <c r="N524274" s="10"/>
    </row>
    <row r="524275" spans="14:14">
      <c r="N524275" s="10"/>
    </row>
    <row r="524276" spans="14:14">
      <c r="N524276" s="10"/>
    </row>
    <row r="524277" spans="14:14">
      <c r="N524277" s="10"/>
    </row>
    <row r="524278" spans="14:14">
      <c r="N524278" s="10"/>
    </row>
    <row r="524279" spans="14:14">
      <c r="N524279" s="10"/>
    </row>
    <row r="524280" spans="14:14">
      <c r="N524280" s="10"/>
    </row>
    <row r="524281" spans="14:14">
      <c r="N524281" s="10"/>
    </row>
    <row r="524282" spans="14:14">
      <c r="N524282" s="10"/>
    </row>
    <row r="524283" spans="14:14">
      <c r="N524283" s="10"/>
    </row>
    <row r="524284" spans="14:14">
      <c r="N524284" s="10"/>
    </row>
    <row r="524285" spans="14:14">
      <c r="N524285" s="10"/>
    </row>
    <row r="524286" spans="14:14">
      <c r="N524286" s="10"/>
    </row>
    <row r="524287" spans="14:14">
      <c r="N524287" s="10"/>
    </row>
    <row r="524288" spans="14:14">
      <c r="N524288" s="10"/>
    </row>
    <row r="524289" spans="14:14">
      <c r="N524289" s="10"/>
    </row>
    <row r="524290" spans="14:14">
      <c r="N524290" s="10"/>
    </row>
    <row r="524291" spans="14:14">
      <c r="N524291" s="10"/>
    </row>
    <row r="524292" spans="14:14">
      <c r="N524292" s="10"/>
    </row>
    <row r="524293" spans="14:14">
      <c r="N524293" s="10"/>
    </row>
    <row r="524294" spans="14:14">
      <c r="N524294" s="10"/>
    </row>
    <row r="524295" spans="14:14">
      <c r="N524295" s="10"/>
    </row>
    <row r="524296" spans="14:14">
      <c r="N524296" s="10"/>
    </row>
    <row r="524297" spans="14:14">
      <c r="N524297" s="10"/>
    </row>
    <row r="524298" spans="14:14">
      <c r="N524298" s="10"/>
    </row>
    <row r="524299" spans="14:14">
      <c r="N524299" s="10"/>
    </row>
    <row r="524300" spans="14:14">
      <c r="N524300" s="10"/>
    </row>
    <row r="524301" spans="14:14">
      <c r="N524301" s="10"/>
    </row>
    <row r="524302" spans="14:14">
      <c r="N524302" s="10"/>
    </row>
    <row r="524303" spans="14:14">
      <c r="N524303" s="10"/>
    </row>
    <row r="524304" spans="14:14">
      <c r="N524304" s="10"/>
    </row>
    <row r="524305" spans="14:14">
      <c r="N524305" s="10"/>
    </row>
    <row r="524306" spans="14:14">
      <c r="N524306" s="10"/>
    </row>
    <row r="524307" spans="14:14">
      <c r="N524307" s="10"/>
    </row>
    <row r="524308" spans="14:14">
      <c r="N524308" s="10"/>
    </row>
    <row r="524309" spans="14:14">
      <c r="N524309" s="10"/>
    </row>
    <row r="524310" spans="14:14">
      <c r="N524310" s="10"/>
    </row>
    <row r="524311" spans="14:14">
      <c r="N524311" s="10"/>
    </row>
    <row r="524312" spans="14:14">
      <c r="N524312" s="10"/>
    </row>
    <row r="524313" spans="14:14">
      <c r="N524313" s="10"/>
    </row>
    <row r="524314" spans="14:14">
      <c r="N524314" s="10"/>
    </row>
    <row r="524315" spans="14:14">
      <c r="N524315" s="10"/>
    </row>
    <row r="524316" spans="14:14">
      <c r="N524316" s="10"/>
    </row>
    <row r="524317" spans="14:14">
      <c r="N524317" s="10"/>
    </row>
    <row r="524318" spans="14:14">
      <c r="N524318" s="10"/>
    </row>
    <row r="524319" spans="14:14">
      <c r="N524319" s="10"/>
    </row>
    <row r="524320" spans="14:14">
      <c r="N524320" s="10"/>
    </row>
    <row r="524321" spans="14:14">
      <c r="N524321" s="10"/>
    </row>
    <row r="524322" spans="14:14">
      <c r="N524322" s="10"/>
    </row>
    <row r="524323" spans="14:14">
      <c r="N524323" s="10"/>
    </row>
    <row r="524324" spans="14:14">
      <c r="N524324" s="10"/>
    </row>
    <row r="524325" spans="14:14">
      <c r="N524325" s="10"/>
    </row>
    <row r="524326" spans="14:14">
      <c r="N524326" s="10"/>
    </row>
    <row r="524327" spans="14:14">
      <c r="N524327" s="10"/>
    </row>
    <row r="524328" spans="14:14">
      <c r="N524328" s="10"/>
    </row>
    <row r="524329" spans="14:14">
      <c r="N524329" s="10"/>
    </row>
    <row r="524330" spans="14:14">
      <c r="N524330" s="10"/>
    </row>
    <row r="524331" spans="14:14">
      <c r="N524331" s="10"/>
    </row>
    <row r="524332" spans="14:14">
      <c r="N524332" s="10"/>
    </row>
    <row r="524333" spans="14:14">
      <c r="N524333" s="10"/>
    </row>
    <row r="524334" spans="14:14">
      <c r="N524334" s="10"/>
    </row>
    <row r="524335" spans="14:14">
      <c r="N524335" s="10"/>
    </row>
    <row r="524336" spans="14:14">
      <c r="N524336" s="10"/>
    </row>
    <row r="524337" spans="14:14">
      <c r="N524337" s="10"/>
    </row>
    <row r="524338" spans="14:14">
      <c r="N524338" s="10"/>
    </row>
    <row r="524339" spans="14:14">
      <c r="N524339" s="10"/>
    </row>
    <row r="524340" spans="14:14">
      <c r="N524340" s="10"/>
    </row>
    <row r="524341" spans="14:14">
      <c r="N524341" s="10"/>
    </row>
    <row r="524342" spans="14:14">
      <c r="N524342" s="10"/>
    </row>
    <row r="524343" spans="14:14">
      <c r="N524343" s="10"/>
    </row>
    <row r="524344" spans="14:14">
      <c r="N524344" s="10"/>
    </row>
    <row r="524345" spans="14:14">
      <c r="N524345" s="10"/>
    </row>
    <row r="524346" spans="14:14">
      <c r="N524346" s="10"/>
    </row>
    <row r="524347" spans="14:14">
      <c r="N524347" s="10"/>
    </row>
    <row r="524348" spans="14:14">
      <c r="N524348" s="10"/>
    </row>
    <row r="524349" spans="14:14">
      <c r="N524349" s="10"/>
    </row>
    <row r="524350" spans="14:14">
      <c r="N524350" s="10"/>
    </row>
    <row r="524351" spans="14:14">
      <c r="N524351" s="10"/>
    </row>
    <row r="524352" spans="14:14">
      <c r="N524352" s="10"/>
    </row>
    <row r="524353" spans="14:14">
      <c r="N524353" s="10"/>
    </row>
    <row r="524354" spans="14:14">
      <c r="N524354" s="10"/>
    </row>
    <row r="524355" spans="14:14">
      <c r="N524355" s="10"/>
    </row>
    <row r="524356" spans="14:14">
      <c r="N524356" s="10"/>
    </row>
    <row r="524357" spans="14:14">
      <c r="N524357" s="10"/>
    </row>
    <row r="524358" spans="14:14">
      <c r="N524358" s="10"/>
    </row>
    <row r="524359" spans="14:14">
      <c r="N524359" s="10"/>
    </row>
    <row r="524360" spans="14:14">
      <c r="N524360" s="10"/>
    </row>
    <row r="524361" spans="14:14">
      <c r="N524361" s="10"/>
    </row>
    <row r="524362" spans="14:14">
      <c r="N524362" s="10"/>
    </row>
    <row r="524363" spans="14:14">
      <c r="N524363" s="10"/>
    </row>
    <row r="524364" spans="14:14">
      <c r="N524364" s="10"/>
    </row>
    <row r="524365" spans="14:14">
      <c r="N524365" s="10"/>
    </row>
    <row r="524366" spans="14:14">
      <c r="N524366" s="10"/>
    </row>
    <row r="524367" spans="14:14">
      <c r="N524367" s="10"/>
    </row>
    <row r="524368" spans="14:14">
      <c r="N524368" s="10"/>
    </row>
    <row r="524369" spans="14:14">
      <c r="N524369" s="10"/>
    </row>
    <row r="524370" spans="14:14">
      <c r="N524370" s="10"/>
    </row>
    <row r="524371" spans="14:14">
      <c r="N524371" s="10"/>
    </row>
    <row r="524372" spans="14:14">
      <c r="N524372" s="10"/>
    </row>
    <row r="524373" spans="14:14">
      <c r="N524373" s="10"/>
    </row>
    <row r="524374" spans="14:14">
      <c r="N524374" s="10"/>
    </row>
    <row r="524375" spans="14:14">
      <c r="N524375" s="10"/>
    </row>
    <row r="524376" spans="14:14">
      <c r="N524376" s="10"/>
    </row>
    <row r="524377" spans="14:14">
      <c r="N524377" s="10"/>
    </row>
    <row r="524378" spans="14:14">
      <c r="N524378" s="10"/>
    </row>
    <row r="524379" spans="14:14">
      <c r="N524379" s="10"/>
    </row>
    <row r="524380" spans="14:14">
      <c r="N524380" s="10"/>
    </row>
    <row r="524381" spans="14:14">
      <c r="N524381" s="10"/>
    </row>
    <row r="524382" spans="14:14">
      <c r="N524382" s="10"/>
    </row>
    <row r="524383" spans="14:14">
      <c r="N524383" s="10"/>
    </row>
    <row r="524384" spans="14:14">
      <c r="N524384" s="10"/>
    </row>
    <row r="524385" spans="14:14">
      <c r="N524385" s="10"/>
    </row>
    <row r="524386" spans="14:14">
      <c r="N524386" s="10"/>
    </row>
    <row r="524387" spans="14:14">
      <c r="N524387" s="10"/>
    </row>
    <row r="524388" spans="14:14">
      <c r="N524388" s="10"/>
    </row>
    <row r="524389" spans="14:14">
      <c r="N524389" s="10"/>
    </row>
    <row r="524390" spans="14:14">
      <c r="N524390" s="10"/>
    </row>
    <row r="524391" spans="14:14">
      <c r="N524391" s="10"/>
    </row>
    <row r="524392" spans="14:14">
      <c r="N524392" s="10"/>
    </row>
    <row r="524393" spans="14:14">
      <c r="N524393" s="10"/>
    </row>
    <row r="524394" spans="14:14">
      <c r="N524394" s="10"/>
    </row>
    <row r="524395" spans="14:14">
      <c r="N524395" s="10"/>
    </row>
    <row r="524396" spans="14:14">
      <c r="N524396" s="10"/>
    </row>
    <row r="524397" spans="14:14">
      <c r="N524397" s="10"/>
    </row>
    <row r="524398" spans="14:14">
      <c r="N524398" s="10"/>
    </row>
    <row r="524399" spans="14:14">
      <c r="N524399" s="10"/>
    </row>
    <row r="524400" spans="14:14">
      <c r="N524400" s="10"/>
    </row>
    <row r="524401" spans="14:14">
      <c r="N524401" s="10"/>
    </row>
    <row r="524402" spans="14:14">
      <c r="N524402" s="10"/>
    </row>
    <row r="524403" spans="14:14">
      <c r="N524403" s="10"/>
    </row>
    <row r="524404" spans="14:14">
      <c r="N524404" s="10"/>
    </row>
    <row r="524405" spans="14:14">
      <c r="N524405" s="10"/>
    </row>
    <row r="524406" spans="14:14">
      <c r="N524406" s="10"/>
    </row>
    <row r="524407" spans="14:14">
      <c r="N524407" s="10"/>
    </row>
    <row r="524408" spans="14:14">
      <c r="N524408" s="10"/>
    </row>
    <row r="524409" spans="14:14">
      <c r="N524409" s="10"/>
    </row>
    <row r="524410" spans="14:14">
      <c r="N524410" s="10"/>
    </row>
    <row r="524411" spans="14:14">
      <c r="N524411" s="10"/>
    </row>
    <row r="524412" spans="14:14">
      <c r="N524412" s="10"/>
    </row>
    <row r="524413" spans="14:14">
      <c r="N524413" s="10"/>
    </row>
    <row r="524414" spans="14:14">
      <c r="N524414" s="10"/>
    </row>
    <row r="524415" spans="14:14">
      <c r="N524415" s="10"/>
    </row>
    <row r="524416" spans="14:14">
      <c r="N524416" s="10"/>
    </row>
    <row r="524417" spans="14:14">
      <c r="N524417" s="10"/>
    </row>
    <row r="524418" spans="14:14">
      <c r="N524418" s="10"/>
    </row>
    <row r="524419" spans="14:14">
      <c r="N524419" s="10"/>
    </row>
    <row r="524420" spans="14:14">
      <c r="N524420" s="10"/>
    </row>
    <row r="524421" spans="14:14">
      <c r="N524421" s="10"/>
    </row>
    <row r="524422" spans="14:14">
      <c r="N524422" s="10"/>
    </row>
    <row r="524423" spans="14:14">
      <c r="N524423" s="10"/>
    </row>
    <row r="524424" spans="14:14">
      <c r="N524424" s="10"/>
    </row>
    <row r="524425" spans="14:14">
      <c r="N524425" s="10"/>
    </row>
    <row r="524426" spans="14:14">
      <c r="N524426" s="10"/>
    </row>
    <row r="524427" spans="14:14">
      <c r="N524427" s="10"/>
    </row>
    <row r="524428" spans="14:14">
      <c r="N524428" s="10"/>
    </row>
    <row r="524429" spans="14:14">
      <c r="N524429" s="10"/>
    </row>
    <row r="524430" spans="14:14">
      <c r="N524430" s="10"/>
    </row>
    <row r="524431" spans="14:14">
      <c r="N524431" s="10"/>
    </row>
    <row r="524432" spans="14:14">
      <c r="N524432" s="10"/>
    </row>
    <row r="524433" spans="14:14">
      <c r="N524433" s="10"/>
    </row>
    <row r="524434" spans="14:14">
      <c r="N524434" s="10"/>
    </row>
    <row r="524435" spans="14:14">
      <c r="N524435" s="10"/>
    </row>
    <row r="524436" spans="14:14">
      <c r="N524436" s="10"/>
    </row>
    <row r="524437" spans="14:14">
      <c r="N524437" s="10"/>
    </row>
    <row r="524438" spans="14:14">
      <c r="N524438" s="10"/>
    </row>
    <row r="524439" spans="14:14">
      <c r="N524439" s="10"/>
    </row>
    <row r="524440" spans="14:14">
      <c r="N524440" s="10"/>
    </row>
    <row r="524441" spans="14:14">
      <c r="N524441" s="10"/>
    </row>
    <row r="524442" spans="14:14">
      <c r="N524442" s="10"/>
    </row>
    <row r="524443" spans="14:14">
      <c r="N524443" s="10"/>
    </row>
    <row r="524444" spans="14:14">
      <c r="N524444" s="10"/>
    </row>
    <row r="524445" spans="14:14">
      <c r="N524445" s="10"/>
    </row>
    <row r="524446" spans="14:14">
      <c r="N524446" s="10"/>
    </row>
    <row r="524447" spans="14:14">
      <c r="N524447" s="10"/>
    </row>
    <row r="524448" spans="14:14">
      <c r="N524448" s="10"/>
    </row>
    <row r="524449" spans="14:14">
      <c r="N524449" s="10"/>
    </row>
    <row r="524450" spans="14:14">
      <c r="N524450" s="10"/>
    </row>
    <row r="524451" spans="14:14">
      <c r="N524451" s="10"/>
    </row>
    <row r="524452" spans="14:14">
      <c r="N524452" s="10"/>
    </row>
    <row r="524453" spans="14:14">
      <c r="N524453" s="10"/>
    </row>
    <row r="524454" spans="14:14">
      <c r="N524454" s="10"/>
    </row>
    <row r="524455" spans="14:14">
      <c r="N524455" s="10"/>
    </row>
    <row r="524456" spans="14:14">
      <c r="N524456" s="10"/>
    </row>
    <row r="524457" spans="14:14">
      <c r="N524457" s="10"/>
    </row>
    <row r="524458" spans="14:14">
      <c r="N524458" s="10"/>
    </row>
    <row r="524459" spans="14:14">
      <c r="N524459" s="10"/>
    </row>
    <row r="524460" spans="14:14">
      <c r="N524460" s="10"/>
    </row>
    <row r="524461" spans="14:14">
      <c r="N524461" s="10"/>
    </row>
    <row r="524462" spans="14:14">
      <c r="N524462" s="10"/>
    </row>
    <row r="524463" spans="14:14">
      <c r="N524463" s="10"/>
    </row>
    <row r="524464" spans="14:14">
      <c r="N524464" s="10"/>
    </row>
    <row r="524465" spans="14:14">
      <c r="N524465" s="10"/>
    </row>
    <row r="524466" spans="14:14">
      <c r="N524466" s="10"/>
    </row>
    <row r="524467" spans="14:14">
      <c r="N524467" s="10"/>
    </row>
    <row r="524468" spans="14:14">
      <c r="N524468" s="10"/>
    </row>
    <row r="524469" spans="14:14">
      <c r="N524469" s="10"/>
    </row>
    <row r="524470" spans="14:14">
      <c r="N524470" s="10"/>
    </row>
    <row r="524471" spans="14:14">
      <c r="N524471" s="10"/>
    </row>
    <row r="524472" spans="14:14">
      <c r="N524472" s="10"/>
    </row>
    <row r="524473" spans="14:14">
      <c r="N524473" s="10"/>
    </row>
    <row r="524474" spans="14:14">
      <c r="N524474" s="10"/>
    </row>
    <row r="524475" spans="14:14">
      <c r="N524475" s="10"/>
    </row>
    <row r="524476" spans="14:14">
      <c r="N524476" s="10"/>
    </row>
    <row r="524477" spans="14:14">
      <c r="N524477" s="10"/>
    </row>
    <row r="524478" spans="14:14">
      <c r="N524478" s="10"/>
    </row>
    <row r="524479" spans="14:14">
      <c r="N524479" s="10"/>
    </row>
    <row r="524480" spans="14:14">
      <c r="N524480" s="10"/>
    </row>
    <row r="524481" spans="14:14">
      <c r="N524481" s="10"/>
    </row>
    <row r="524482" spans="14:14">
      <c r="N524482" s="10"/>
    </row>
    <row r="524483" spans="14:14">
      <c r="N524483" s="10"/>
    </row>
    <row r="524484" spans="14:14">
      <c r="N524484" s="10"/>
    </row>
    <row r="524485" spans="14:14">
      <c r="N524485" s="10"/>
    </row>
    <row r="524486" spans="14:14">
      <c r="N524486" s="10"/>
    </row>
    <row r="524487" spans="14:14">
      <c r="N524487" s="10"/>
    </row>
    <row r="524488" spans="14:14">
      <c r="N524488" s="10"/>
    </row>
    <row r="524489" spans="14:14">
      <c r="N524489" s="10"/>
    </row>
    <row r="524490" spans="14:14">
      <c r="N524490" s="10"/>
    </row>
    <row r="524491" spans="14:14">
      <c r="N524491" s="10"/>
    </row>
    <row r="524492" spans="14:14">
      <c r="N524492" s="10"/>
    </row>
    <row r="524493" spans="14:14">
      <c r="N524493" s="10"/>
    </row>
    <row r="524494" spans="14:14">
      <c r="N524494" s="10"/>
    </row>
    <row r="524495" spans="14:14">
      <c r="N524495" s="10"/>
    </row>
    <row r="524496" spans="14:14">
      <c r="N524496" s="10"/>
    </row>
    <row r="524497" spans="14:14">
      <c r="N524497" s="10"/>
    </row>
    <row r="524498" spans="14:14">
      <c r="N524498" s="10"/>
    </row>
    <row r="524499" spans="14:14">
      <c r="N524499" s="10"/>
    </row>
    <row r="524500" spans="14:14">
      <c r="N524500" s="10"/>
    </row>
    <row r="524501" spans="14:14">
      <c r="N524501" s="10"/>
    </row>
    <row r="524502" spans="14:14">
      <c r="N524502" s="10"/>
    </row>
    <row r="524503" spans="14:14">
      <c r="N524503" s="10"/>
    </row>
    <row r="524504" spans="14:14">
      <c r="N524504" s="10"/>
    </row>
    <row r="524505" spans="14:14">
      <c r="N524505" s="10"/>
    </row>
    <row r="524506" spans="14:14">
      <c r="N524506" s="10"/>
    </row>
    <row r="524507" spans="14:14">
      <c r="N524507" s="10"/>
    </row>
    <row r="524508" spans="14:14">
      <c r="N524508" s="10"/>
    </row>
    <row r="524509" spans="14:14">
      <c r="N524509" s="10"/>
    </row>
    <row r="524510" spans="14:14">
      <c r="N524510" s="10"/>
    </row>
    <row r="524511" spans="14:14">
      <c r="N524511" s="10"/>
    </row>
    <row r="524512" spans="14:14">
      <c r="N524512" s="10"/>
    </row>
    <row r="524513" spans="14:14">
      <c r="N524513" s="10"/>
    </row>
    <row r="524514" spans="14:14">
      <c r="N524514" s="10"/>
    </row>
    <row r="524515" spans="14:14">
      <c r="N524515" s="10"/>
    </row>
    <row r="524516" spans="14:14">
      <c r="N524516" s="10"/>
    </row>
    <row r="524517" spans="14:14">
      <c r="N524517" s="10"/>
    </row>
    <row r="524518" spans="14:14">
      <c r="N524518" s="10"/>
    </row>
    <row r="524519" spans="14:14">
      <c r="N524519" s="10"/>
    </row>
    <row r="524520" spans="14:14">
      <c r="N524520" s="10"/>
    </row>
    <row r="524521" spans="14:14">
      <c r="N524521" s="10"/>
    </row>
    <row r="524522" spans="14:14">
      <c r="N524522" s="10"/>
    </row>
    <row r="524523" spans="14:14">
      <c r="N524523" s="10"/>
    </row>
    <row r="524524" spans="14:14">
      <c r="N524524" s="10"/>
    </row>
    <row r="524525" spans="14:14">
      <c r="N524525" s="10"/>
    </row>
    <row r="524526" spans="14:14">
      <c r="N524526" s="10"/>
    </row>
    <row r="524527" spans="14:14">
      <c r="N524527" s="10"/>
    </row>
    <row r="524528" spans="14:14">
      <c r="N524528" s="10"/>
    </row>
    <row r="524529" spans="14:14">
      <c r="N524529" s="10"/>
    </row>
    <row r="524530" spans="14:14">
      <c r="N524530" s="10"/>
    </row>
    <row r="524531" spans="14:14">
      <c r="N524531" s="10"/>
    </row>
    <row r="524532" spans="14:14">
      <c r="N524532" s="10"/>
    </row>
    <row r="524533" spans="14:14">
      <c r="N524533" s="10"/>
    </row>
    <row r="524534" spans="14:14">
      <c r="N524534" s="10"/>
    </row>
    <row r="524535" spans="14:14">
      <c r="N524535" s="10"/>
    </row>
    <row r="524536" spans="14:14">
      <c r="N524536" s="10"/>
    </row>
    <row r="524537" spans="14:14">
      <c r="N524537" s="10"/>
    </row>
    <row r="524538" spans="14:14">
      <c r="N524538" s="10"/>
    </row>
    <row r="524539" spans="14:14">
      <c r="N524539" s="10"/>
    </row>
    <row r="524540" spans="14:14">
      <c r="N524540" s="10"/>
    </row>
    <row r="524541" spans="14:14">
      <c r="N524541" s="10"/>
    </row>
    <row r="524542" spans="14:14">
      <c r="N524542" s="10"/>
    </row>
    <row r="524543" spans="14:14">
      <c r="N524543" s="10"/>
    </row>
    <row r="524544" spans="14:14">
      <c r="N524544" s="10"/>
    </row>
    <row r="524545" spans="14:14">
      <c r="N524545" s="10"/>
    </row>
    <row r="524546" spans="14:14">
      <c r="N524546" s="10"/>
    </row>
    <row r="524547" spans="14:14">
      <c r="N524547" s="10"/>
    </row>
    <row r="524548" spans="14:14">
      <c r="N524548" s="10"/>
    </row>
    <row r="524549" spans="14:14">
      <c r="N524549" s="10"/>
    </row>
    <row r="524550" spans="14:14">
      <c r="N524550" s="10"/>
    </row>
    <row r="524551" spans="14:14">
      <c r="N524551" s="10"/>
    </row>
    <row r="524552" spans="14:14">
      <c r="N524552" s="10"/>
    </row>
    <row r="524553" spans="14:14">
      <c r="N524553" s="10"/>
    </row>
    <row r="524554" spans="14:14">
      <c r="N524554" s="10"/>
    </row>
    <row r="524555" spans="14:14">
      <c r="N524555" s="10"/>
    </row>
    <row r="524556" spans="14:14">
      <c r="N524556" s="10"/>
    </row>
    <row r="524557" spans="14:14">
      <c r="N524557" s="10"/>
    </row>
    <row r="524558" spans="14:14">
      <c r="N524558" s="10"/>
    </row>
    <row r="524559" spans="14:14">
      <c r="N524559" s="10"/>
    </row>
    <row r="524560" spans="14:14">
      <c r="N524560" s="10"/>
    </row>
    <row r="524561" spans="14:14">
      <c r="N524561" s="10"/>
    </row>
    <row r="524562" spans="14:14">
      <c r="N524562" s="10"/>
    </row>
    <row r="524563" spans="14:14">
      <c r="N524563" s="10"/>
    </row>
    <row r="524564" spans="14:14">
      <c r="N524564" s="10"/>
    </row>
    <row r="524565" spans="14:14">
      <c r="N524565" s="10"/>
    </row>
    <row r="524566" spans="14:14">
      <c r="N524566" s="10"/>
    </row>
    <row r="524567" spans="14:14">
      <c r="N524567" s="10"/>
    </row>
    <row r="524568" spans="14:14">
      <c r="N524568" s="10"/>
    </row>
    <row r="524569" spans="14:14">
      <c r="N524569" s="10"/>
    </row>
    <row r="524570" spans="14:14">
      <c r="N524570" s="10"/>
    </row>
    <row r="524571" spans="14:14">
      <c r="N524571" s="10"/>
    </row>
    <row r="524572" spans="14:14">
      <c r="N524572" s="10"/>
    </row>
    <row r="524573" spans="14:14">
      <c r="N524573" s="10"/>
    </row>
    <row r="524574" spans="14:14">
      <c r="N524574" s="10"/>
    </row>
    <row r="524575" spans="14:14">
      <c r="N524575" s="10"/>
    </row>
    <row r="524576" spans="14:14">
      <c r="N524576" s="10"/>
    </row>
    <row r="524577" spans="14:14">
      <c r="N524577" s="10"/>
    </row>
    <row r="524578" spans="14:14">
      <c r="N524578" s="10"/>
    </row>
    <row r="524579" spans="14:14">
      <c r="N524579" s="10"/>
    </row>
    <row r="524580" spans="14:14">
      <c r="N524580" s="10"/>
    </row>
    <row r="524581" spans="14:14">
      <c r="N524581" s="10"/>
    </row>
    <row r="524582" spans="14:14">
      <c r="N524582" s="10"/>
    </row>
    <row r="524583" spans="14:14">
      <c r="N524583" s="10"/>
    </row>
    <row r="524584" spans="14:14">
      <c r="N524584" s="10"/>
    </row>
    <row r="524585" spans="14:14">
      <c r="N524585" s="10"/>
    </row>
    <row r="524586" spans="14:14">
      <c r="N524586" s="10"/>
    </row>
    <row r="524587" spans="14:14">
      <c r="N524587" s="10"/>
    </row>
    <row r="524588" spans="14:14">
      <c r="N524588" s="10"/>
    </row>
    <row r="524589" spans="14:14">
      <c r="N524589" s="10"/>
    </row>
    <row r="524590" spans="14:14">
      <c r="N524590" s="10"/>
    </row>
    <row r="524591" spans="14:14">
      <c r="N524591" s="10"/>
    </row>
    <row r="524592" spans="14:14">
      <c r="N524592" s="10"/>
    </row>
    <row r="524593" spans="14:14">
      <c r="N524593" s="10"/>
    </row>
    <row r="524594" spans="14:14">
      <c r="N524594" s="10"/>
    </row>
    <row r="524595" spans="14:14">
      <c r="N524595" s="10"/>
    </row>
    <row r="524596" spans="14:14">
      <c r="N524596" s="10"/>
    </row>
    <row r="524597" spans="14:14">
      <c r="N524597" s="10"/>
    </row>
    <row r="524598" spans="14:14">
      <c r="N524598" s="10"/>
    </row>
    <row r="524599" spans="14:14">
      <c r="N524599" s="10"/>
    </row>
    <row r="524600" spans="14:14">
      <c r="N524600" s="10"/>
    </row>
    <row r="524601" spans="14:14">
      <c r="N524601" s="10"/>
    </row>
    <row r="524602" spans="14:14">
      <c r="N524602" s="10"/>
    </row>
    <row r="524603" spans="14:14">
      <c r="N524603" s="10"/>
    </row>
    <row r="524604" spans="14:14">
      <c r="N524604" s="10"/>
    </row>
    <row r="524605" spans="14:14">
      <c r="N524605" s="10"/>
    </row>
    <row r="524606" spans="14:14">
      <c r="N524606" s="10"/>
    </row>
    <row r="524607" spans="14:14">
      <c r="N524607" s="10"/>
    </row>
    <row r="524608" spans="14:14">
      <c r="N524608" s="10"/>
    </row>
    <row r="524609" spans="14:14">
      <c r="N524609" s="10"/>
    </row>
    <row r="524610" spans="14:14">
      <c r="N524610" s="10"/>
    </row>
    <row r="524611" spans="14:14">
      <c r="N524611" s="10"/>
    </row>
    <row r="524612" spans="14:14">
      <c r="N524612" s="10"/>
    </row>
    <row r="524613" spans="14:14">
      <c r="N524613" s="10"/>
    </row>
    <row r="524614" spans="14:14">
      <c r="N524614" s="10"/>
    </row>
    <row r="524615" spans="14:14">
      <c r="N524615" s="10"/>
    </row>
    <row r="524616" spans="14:14">
      <c r="N524616" s="10"/>
    </row>
    <row r="524617" spans="14:14">
      <c r="N524617" s="10"/>
    </row>
    <row r="524618" spans="14:14">
      <c r="N524618" s="10"/>
    </row>
    <row r="524619" spans="14:14">
      <c r="N524619" s="10"/>
    </row>
    <row r="524620" spans="14:14">
      <c r="N524620" s="10"/>
    </row>
    <row r="524621" spans="14:14">
      <c r="N524621" s="10"/>
    </row>
    <row r="524622" spans="14:14">
      <c r="N524622" s="10"/>
    </row>
    <row r="524623" spans="14:14">
      <c r="N524623" s="10"/>
    </row>
    <row r="524624" spans="14:14">
      <c r="N524624" s="10"/>
    </row>
    <row r="524625" spans="14:14">
      <c r="N524625" s="10"/>
    </row>
    <row r="524626" spans="14:14">
      <c r="N524626" s="10"/>
    </row>
    <row r="524627" spans="14:14">
      <c r="N524627" s="10"/>
    </row>
    <row r="524628" spans="14:14">
      <c r="N524628" s="10"/>
    </row>
    <row r="524629" spans="14:14">
      <c r="N524629" s="10"/>
    </row>
    <row r="524630" spans="14:14">
      <c r="N524630" s="10"/>
    </row>
    <row r="524631" spans="14:14">
      <c r="N524631" s="10"/>
    </row>
    <row r="524632" spans="14:14">
      <c r="N524632" s="10"/>
    </row>
    <row r="524633" spans="14:14">
      <c r="N524633" s="10"/>
    </row>
    <row r="524634" spans="14:14">
      <c r="N524634" s="10"/>
    </row>
    <row r="524635" spans="14:14">
      <c r="N524635" s="10"/>
    </row>
    <row r="524636" spans="14:14">
      <c r="N524636" s="10"/>
    </row>
    <row r="524637" spans="14:14">
      <c r="N524637" s="10"/>
    </row>
    <row r="524638" spans="14:14">
      <c r="N524638" s="10"/>
    </row>
    <row r="524639" spans="14:14">
      <c r="N524639" s="10"/>
    </row>
    <row r="524640" spans="14:14">
      <c r="N524640" s="10"/>
    </row>
    <row r="524641" spans="14:14">
      <c r="N524641" s="10"/>
    </row>
    <row r="524642" spans="14:14">
      <c r="N524642" s="10"/>
    </row>
    <row r="524643" spans="14:14">
      <c r="N524643" s="10"/>
    </row>
    <row r="524644" spans="14:14">
      <c r="N524644" s="10"/>
    </row>
    <row r="524645" spans="14:14">
      <c r="N524645" s="10"/>
    </row>
    <row r="524646" spans="14:14">
      <c r="N524646" s="10"/>
    </row>
    <row r="524647" spans="14:14">
      <c r="N524647" s="10"/>
    </row>
    <row r="524648" spans="14:14">
      <c r="N524648" s="10"/>
    </row>
    <row r="524649" spans="14:14">
      <c r="N524649" s="10"/>
    </row>
    <row r="524650" spans="14:14">
      <c r="N524650" s="10"/>
    </row>
    <row r="524651" spans="14:14">
      <c r="N524651" s="10"/>
    </row>
    <row r="524652" spans="14:14">
      <c r="N524652" s="10"/>
    </row>
    <row r="524653" spans="14:14">
      <c r="N524653" s="10"/>
    </row>
    <row r="524654" spans="14:14">
      <c r="N524654" s="10"/>
    </row>
    <row r="524655" spans="14:14">
      <c r="N524655" s="10"/>
    </row>
    <row r="524656" spans="14:14">
      <c r="N524656" s="10"/>
    </row>
    <row r="524657" spans="14:14">
      <c r="N524657" s="10"/>
    </row>
    <row r="524658" spans="14:14">
      <c r="N524658" s="10"/>
    </row>
    <row r="524659" spans="14:14">
      <c r="N524659" s="10"/>
    </row>
    <row r="524660" spans="14:14">
      <c r="N524660" s="10"/>
    </row>
    <row r="524661" spans="14:14">
      <c r="N524661" s="10"/>
    </row>
    <row r="524662" spans="14:14">
      <c r="N524662" s="10"/>
    </row>
    <row r="524663" spans="14:14">
      <c r="N524663" s="10"/>
    </row>
    <row r="524664" spans="14:14">
      <c r="N524664" s="10"/>
    </row>
    <row r="524665" spans="14:14">
      <c r="N524665" s="10"/>
    </row>
    <row r="524666" spans="14:14">
      <c r="N524666" s="10"/>
    </row>
    <row r="524667" spans="14:14">
      <c r="N524667" s="10"/>
    </row>
    <row r="524668" spans="14:14">
      <c r="N524668" s="10"/>
    </row>
    <row r="524669" spans="14:14">
      <c r="N524669" s="10"/>
    </row>
    <row r="524670" spans="14:14">
      <c r="N524670" s="10"/>
    </row>
    <row r="524671" spans="14:14">
      <c r="N524671" s="10"/>
    </row>
    <row r="524672" spans="14:14">
      <c r="N524672" s="10"/>
    </row>
    <row r="524673" spans="14:14">
      <c r="N524673" s="10"/>
    </row>
    <row r="524674" spans="14:14">
      <c r="N524674" s="10"/>
    </row>
    <row r="524675" spans="14:14">
      <c r="N524675" s="10"/>
    </row>
    <row r="524676" spans="14:14">
      <c r="N524676" s="10"/>
    </row>
    <row r="524677" spans="14:14">
      <c r="N524677" s="10"/>
    </row>
    <row r="524678" spans="14:14">
      <c r="N524678" s="10"/>
    </row>
    <row r="524679" spans="14:14">
      <c r="N524679" s="10"/>
    </row>
    <row r="524680" spans="14:14">
      <c r="N524680" s="10"/>
    </row>
    <row r="524681" spans="14:14">
      <c r="N524681" s="10"/>
    </row>
    <row r="524682" spans="14:14">
      <c r="N524682" s="10"/>
    </row>
    <row r="524683" spans="14:14">
      <c r="N524683" s="10"/>
    </row>
    <row r="524684" spans="14:14">
      <c r="N524684" s="10"/>
    </row>
    <row r="524685" spans="14:14">
      <c r="N524685" s="10"/>
    </row>
    <row r="524686" spans="14:14">
      <c r="N524686" s="10"/>
    </row>
    <row r="524687" spans="14:14">
      <c r="N524687" s="10"/>
    </row>
    <row r="524688" spans="14:14">
      <c r="N524688" s="10"/>
    </row>
    <row r="524689" spans="14:14">
      <c r="N524689" s="10"/>
    </row>
    <row r="524690" spans="14:14">
      <c r="N524690" s="10"/>
    </row>
    <row r="524691" spans="14:14">
      <c r="N524691" s="10"/>
    </row>
    <row r="524692" spans="14:14">
      <c r="N524692" s="10"/>
    </row>
    <row r="524693" spans="14:14">
      <c r="N524693" s="10"/>
    </row>
    <row r="524694" spans="14:14">
      <c r="N524694" s="10"/>
    </row>
    <row r="524695" spans="14:14">
      <c r="N524695" s="10"/>
    </row>
    <row r="524696" spans="14:14">
      <c r="N524696" s="10"/>
    </row>
    <row r="524697" spans="14:14">
      <c r="N524697" s="10"/>
    </row>
    <row r="524698" spans="14:14">
      <c r="N524698" s="10"/>
    </row>
    <row r="524699" spans="14:14">
      <c r="N524699" s="10"/>
    </row>
    <row r="524700" spans="14:14">
      <c r="N524700" s="10"/>
    </row>
    <row r="524701" spans="14:14">
      <c r="N524701" s="10"/>
    </row>
    <row r="524702" spans="14:14">
      <c r="N524702" s="10"/>
    </row>
    <row r="524703" spans="14:14">
      <c r="N524703" s="10"/>
    </row>
    <row r="524704" spans="14:14">
      <c r="N524704" s="10"/>
    </row>
    <row r="524705" spans="14:14">
      <c r="N524705" s="10"/>
    </row>
    <row r="524706" spans="14:14">
      <c r="N524706" s="10"/>
    </row>
    <row r="524707" spans="14:14">
      <c r="N524707" s="10"/>
    </row>
    <row r="524708" spans="14:14">
      <c r="N524708" s="10"/>
    </row>
    <row r="524709" spans="14:14">
      <c r="N524709" s="10"/>
    </row>
    <row r="524710" spans="14:14">
      <c r="N524710" s="10"/>
    </row>
    <row r="524711" spans="14:14">
      <c r="N524711" s="10"/>
    </row>
    <row r="524712" spans="14:14">
      <c r="N524712" s="10"/>
    </row>
    <row r="524713" spans="14:14">
      <c r="N524713" s="10"/>
    </row>
    <row r="524714" spans="14:14">
      <c r="N524714" s="10"/>
    </row>
    <row r="524715" spans="14:14">
      <c r="N524715" s="10"/>
    </row>
    <row r="524716" spans="14:14">
      <c r="N524716" s="10"/>
    </row>
    <row r="524717" spans="14:14">
      <c r="N524717" s="10"/>
    </row>
    <row r="524718" spans="14:14">
      <c r="N524718" s="10"/>
    </row>
    <row r="524719" spans="14:14">
      <c r="N524719" s="10"/>
    </row>
    <row r="524720" spans="14:14">
      <c r="N524720" s="10"/>
    </row>
    <row r="524721" spans="14:14">
      <c r="N524721" s="10"/>
    </row>
    <row r="524722" spans="14:14">
      <c r="N524722" s="10"/>
    </row>
    <row r="524723" spans="14:14">
      <c r="N524723" s="10"/>
    </row>
    <row r="524724" spans="14:14">
      <c r="N524724" s="10"/>
    </row>
    <row r="524725" spans="14:14">
      <c r="N524725" s="10"/>
    </row>
    <row r="524726" spans="14:14">
      <c r="N524726" s="10"/>
    </row>
    <row r="524727" spans="14:14">
      <c r="N524727" s="10"/>
    </row>
    <row r="524728" spans="14:14">
      <c r="N524728" s="10"/>
    </row>
    <row r="524729" spans="14:14">
      <c r="N524729" s="10"/>
    </row>
    <row r="524730" spans="14:14">
      <c r="N524730" s="10"/>
    </row>
    <row r="524731" spans="14:14">
      <c r="N524731" s="10"/>
    </row>
    <row r="524732" spans="14:14">
      <c r="N524732" s="10"/>
    </row>
    <row r="524733" spans="14:14">
      <c r="N524733" s="10"/>
    </row>
    <row r="524734" spans="14:14">
      <c r="N524734" s="10"/>
    </row>
    <row r="524735" spans="14:14">
      <c r="N524735" s="10"/>
    </row>
    <row r="524736" spans="14:14">
      <c r="N524736" s="10"/>
    </row>
    <row r="524737" spans="14:14">
      <c r="N524737" s="10"/>
    </row>
    <row r="524738" spans="14:14">
      <c r="N524738" s="10"/>
    </row>
    <row r="524739" spans="14:14">
      <c r="N524739" s="10"/>
    </row>
    <row r="524740" spans="14:14">
      <c r="N524740" s="10"/>
    </row>
    <row r="524741" spans="14:14">
      <c r="N524741" s="10"/>
    </row>
    <row r="524742" spans="14:14">
      <c r="N524742" s="10"/>
    </row>
    <row r="524743" spans="14:14">
      <c r="N524743" s="10"/>
    </row>
    <row r="524744" spans="14:14">
      <c r="N524744" s="10"/>
    </row>
    <row r="524745" spans="14:14">
      <c r="N524745" s="10"/>
    </row>
    <row r="524746" spans="14:14">
      <c r="N524746" s="10"/>
    </row>
    <row r="524747" spans="14:14">
      <c r="N524747" s="10"/>
    </row>
    <row r="524748" spans="14:14">
      <c r="N524748" s="10"/>
    </row>
    <row r="524749" spans="14:14">
      <c r="N524749" s="10"/>
    </row>
    <row r="524750" spans="14:14">
      <c r="N524750" s="10"/>
    </row>
    <row r="524751" spans="14:14">
      <c r="N524751" s="10"/>
    </row>
    <row r="524752" spans="14:14">
      <c r="N524752" s="10"/>
    </row>
    <row r="524753" spans="14:14">
      <c r="N524753" s="10"/>
    </row>
    <row r="524754" spans="14:14">
      <c r="N524754" s="10"/>
    </row>
    <row r="524755" spans="14:14">
      <c r="N524755" s="10"/>
    </row>
    <row r="524756" spans="14:14">
      <c r="N524756" s="10"/>
    </row>
    <row r="524757" spans="14:14">
      <c r="N524757" s="10"/>
    </row>
    <row r="524758" spans="14:14">
      <c r="N524758" s="10"/>
    </row>
    <row r="524759" spans="14:14">
      <c r="N524759" s="10"/>
    </row>
    <row r="524760" spans="14:14">
      <c r="N524760" s="10"/>
    </row>
    <row r="524761" spans="14:14">
      <c r="N524761" s="10"/>
    </row>
    <row r="524762" spans="14:14">
      <c r="N524762" s="10"/>
    </row>
    <row r="524763" spans="14:14">
      <c r="N524763" s="10"/>
    </row>
    <row r="524764" spans="14:14">
      <c r="N524764" s="10"/>
    </row>
    <row r="524765" spans="14:14">
      <c r="N524765" s="10"/>
    </row>
    <row r="524766" spans="14:14">
      <c r="N524766" s="10"/>
    </row>
    <row r="524767" spans="14:14">
      <c r="N524767" s="10"/>
    </row>
    <row r="524768" spans="14:14">
      <c r="N524768" s="10"/>
    </row>
    <row r="524769" spans="14:14">
      <c r="N524769" s="10"/>
    </row>
    <row r="524770" spans="14:14">
      <c r="N524770" s="10"/>
    </row>
    <row r="524771" spans="14:14">
      <c r="N524771" s="10"/>
    </row>
    <row r="524772" spans="14:14">
      <c r="N524772" s="10"/>
    </row>
    <row r="524773" spans="14:14">
      <c r="N524773" s="10"/>
    </row>
    <row r="524774" spans="14:14">
      <c r="N524774" s="10"/>
    </row>
    <row r="524775" spans="14:14">
      <c r="N524775" s="10"/>
    </row>
    <row r="524776" spans="14:14">
      <c r="N524776" s="10"/>
    </row>
    <row r="524777" spans="14:14">
      <c r="N524777" s="10"/>
    </row>
    <row r="524778" spans="14:14">
      <c r="N524778" s="10"/>
    </row>
    <row r="524779" spans="14:14">
      <c r="N524779" s="10"/>
    </row>
    <row r="524780" spans="14:14">
      <c r="N524780" s="10"/>
    </row>
    <row r="524781" spans="14:14">
      <c r="N524781" s="10"/>
    </row>
    <row r="524782" spans="14:14">
      <c r="N524782" s="10"/>
    </row>
    <row r="524783" spans="14:14">
      <c r="N524783" s="10"/>
    </row>
    <row r="524784" spans="14:14">
      <c r="N524784" s="10"/>
    </row>
    <row r="524785" spans="14:14">
      <c r="N524785" s="10"/>
    </row>
    <row r="524786" spans="14:14">
      <c r="N524786" s="10"/>
    </row>
    <row r="524787" spans="14:14">
      <c r="N524787" s="10"/>
    </row>
    <row r="524788" spans="14:14">
      <c r="N524788" s="10"/>
    </row>
    <row r="524789" spans="14:14">
      <c r="N524789" s="10"/>
    </row>
    <row r="524790" spans="14:14">
      <c r="N524790" s="10"/>
    </row>
    <row r="524791" spans="14:14">
      <c r="N524791" s="10"/>
    </row>
    <row r="524792" spans="14:14">
      <c r="N524792" s="10"/>
    </row>
    <row r="524793" spans="14:14">
      <c r="N524793" s="10"/>
    </row>
    <row r="524794" spans="14:14">
      <c r="N524794" s="10"/>
    </row>
    <row r="524795" spans="14:14">
      <c r="N524795" s="10"/>
    </row>
    <row r="524796" spans="14:14">
      <c r="N524796" s="10"/>
    </row>
    <row r="524797" spans="14:14">
      <c r="N524797" s="10"/>
    </row>
    <row r="524798" spans="14:14">
      <c r="N524798" s="10"/>
    </row>
    <row r="524799" spans="14:14">
      <c r="N524799" s="10"/>
    </row>
    <row r="524800" spans="14:14">
      <c r="N524800" s="10"/>
    </row>
    <row r="524801" spans="14:14">
      <c r="N524801" s="10"/>
    </row>
    <row r="524802" spans="14:14">
      <c r="N524802" s="10"/>
    </row>
    <row r="524803" spans="14:14">
      <c r="N524803" s="10"/>
    </row>
    <row r="524804" spans="14:14">
      <c r="N524804" s="10"/>
    </row>
    <row r="524805" spans="14:14">
      <c r="N524805" s="10"/>
    </row>
    <row r="524806" spans="14:14">
      <c r="N524806" s="10"/>
    </row>
    <row r="524807" spans="14:14">
      <c r="N524807" s="10"/>
    </row>
    <row r="524808" spans="14:14">
      <c r="N524808" s="10"/>
    </row>
    <row r="524809" spans="14:14">
      <c r="N524809" s="10"/>
    </row>
    <row r="524810" spans="14:14">
      <c r="N524810" s="10"/>
    </row>
    <row r="524811" spans="14:14">
      <c r="N524811" s="10"/>
    </row>
    <row r="524812" spans="14:14">
      <c r="N524812" s="10"/>
    </row>
    <row r="524813" spans="14:14">
      <c r="N524813" s="10"/>
    </row>
    <row r="524814" spans="14:14">
      <c r="N524814" s="10"/>
    </row>
    <row r="524815" spans="14:14">
      <c r="N524815" s="10"/>
    </row>
    <row r="524816" spans="14:14">
      <c r="N524816" s="10"/>
    </row>
    <row r="524817" spans="14:14">
      <c r="N524817" s="10"/>
    </row>
    <row r="524818" spans="14:14">
      <c r="N524818" s="10"/>
    </row>
    <row r="524819" spans="14:14">
      <c r="N524819" s="10"/>
    </row>
    <row r="524820" spans="14:14">
      <c r="N524820" s="10"/>
    </row>
    <row r="524821" spans="14:14">
      <c r="N524821" s="10"/>
    </row>
    <row r="524822" spans="14:14">
      <c r="N524822" s="10"/>
    </row>
    <row r="524823" spans="14:14">
      <c r="N524823" s="10"/>
    </row>
    <row r="524824" spans="14:14">
      <c r="N524824" s="10"/>
    </row>
    <row r="524825" spans="14:14">
      <c r="N524825" s="10"/>
    </row>
    <row r="524826" spans="14:14">
      <c r="N524826" s="10"/>
    </row>
    <row r="524827" spans="14:14">
      <c r="N524827" s="10"/>
    </row>
    <row r="524828" spans="14:14">
      <c r="N524828" s="10"/>
    </row>
    <row r="524829" spans="14:14">
      <c r="N524829" s="10"/>
    </row>
    <row r="524830" spans="14:14">
      <c r="N524830" s="10"/>
    </row>
    <row r="524831" spans="14:14">
      <c r="N524831" s="10"/>
    </row>
    <row r="524832" spans="14:14">
      <c r="N524832" s="10"/>
    </row>
    <row r="524833" spans="14:14">
      <c r="N524833" s="10"/>
    </row>
    <row r="524834" spans="14:14">
      <c r="N524834" s="10"/>
    </row>
    <row r="524835" spans="14:14">
      <c r="N524835" s="10"/>
    </row>
    <row r="524836" spans="14:14">
      <c r="N524836" s="10"/>
    </row>
    <row r="524837" spans="14:14">
      <c r="N524837" s="10"/>
    </row>
    <row r="524838" spans="14:14">
      <c r="N524838" s="10"/>
    </row>
    <row r="524839" spans="14:14">
      <c r="N524839" s="10"/>
    </row>
    <row r="524840" spans="14:14">
      <c r="N524840" s="10"/>
    </row>
    <row r="524841" spans="14:14">
      <c r="N524841" s="10"/>
    </row>
    <row r="524842" spans="14:14">
      <c r="N524842" s="10"/>
    </row>
    <row r="524843" spans="14:14">
      <c r="N524843" s="10"/>
    </row>
    <row r="524844" spans="14:14">
      <c r="N524844" s="10"/>
    </row>
    <row r="524845" spans="14:14">
      <c r="N524845" s="10"/>
    </row>
    <row r="524846" spans="14:14">
      <c r="N524846" s="10"/>
    </row>
    <row r="524847" spans="14:14">
      <c r="N524847" s="10"/>
    </row>
    <row r="524848" spans="14:14">
      <c r="N524848" s="10"/>
    </row>
    <row r="524849" spans="14:14">
      <c r="N524849" s="10"/>
    </row>
    <row r="524850" spans="14:14">
      <c r="N524850" s="10"/>
    </row>
    <row r="524851" spans="14:14">
      <c r="N524851" s="10"/>
    </row>
    <row r="524852" spans="14:14">
      <c r="N524852" s="10"/>
    </row>
    <row r="524853" spans="14:14">
      <c r="N524853" s="10"/>
    </row>
    <row r="524854" spans="14:14">
      <c r="N524854" s="10"/>
    </row>
    <row r="524855" spans="14:14">
      <c r="N524855" s="10"/>
    </row>
    <row r="524856" spans="14:14">
      <c r="N524856" s="10"/>
    </row>
    <row r="524857" spans="14:14">
      <c r="N524857" s="10"/>
    </row>
    <row r="524858" spans="14:14">
      <c r="N524858" s="10"/>
    </row>
    <row r="524859" spans="14:14">
      <c r="N524859" s="10"/>
    </row>
    <row r="524860" spans="14:14">
      <c r="N524860" s="10"/>
    </row>
    <row r="524861" spans="14:14">
      <c r="N524861" s="10"/>
    </row>
    <row r="524862" spans="14:14">
      <c r="N524862" s="10"/>
    </row>
    <row r="524863" spans="14:14">
      <c r="N524863" s="10"/>
    </row>
    <row r="524864" spans="14:14">
      <c r="N524864" s="10"/>
    </row>
    <row r="524865" spans="14:14">
      <c r="N524865" s="10"/>
    </row>
    <row r="524866" spans="14:14">
      <c r="N524866" s="10"/>
    </row>
    <row r="524867" spans="14:14">
      <c r="N524867" s="10"/>
    </row>
    <row r="524868" spans="14:14">
      <c r="N524868" s="10"/>
    </row>
    <row r="524869" spans="14:14">
      <c r="N524869" s="10"/>
    </row>
    <row r="524870" spans="14:14">
      <c r="N524870" s="10"/>
    </row>
    <row r="524871" spans="14:14">
      <c r="N524871" s="10"/>
    </row>
    <row r="524872" spans="14:14">
      <c r="N524872" s="10"/>
    </row>
    <row r="524873" spans="14:14">
      <c r="N524873" s="10"/>
    </row>
    <row r="524874" spans="14:14">
      <c r="N524874" s="10"/>
    </row>
    <row r="524875" spans="14:14">
      <c r="N524875" s="10"/>
    </row>
    <row r="524876" spans="14:14">
      <c r="N524876" s="10"/>
    </row>
    <row r="524877" spans="14:14">
      <c r="N524877" s="10"/>
    </row>
    <row r="524878" spans="14:14">
      <c r="N524878" s="10"/>
    </row>
    <row r="524879" spans="14:14">
      <c r="N524879" s="10"/>
    </row>
    <row r="524880" spans="14:14">
      <c r="N524880" s="10"/>
    </row>
    <row r="524881" spans="14:14">
      <c r="N524881" s="10"/>
    </row>
    <row r="524882" spans="14:14">
      <c r="N524882" s="10"/>
    </row>
    <row r="524883" spans="14:14">
      <c r="N524883" s="10"/>
    </row>
    <row r="524884" spans="14:14">
      <c r="N524884" s="10"/>
    </row>
    <row r="524885" spans="14:14">
      <c r="N524885" s="10"/>
    </row>
    <row r="524886" spans="14:14">
      <c r="N524886" s="10"/>
    </row>
    <row r="524887" spans="14:14">
      <c r="N524887" s="10"/>
    </row>
    <row r="524888" spans="14:14">
      <c r="N524888" s="10"/>
    </row>
    <row r="524889" spans="14:14">
      <c r="N524889" s="10"/>
    </row>
    <row r="524890" spans="14:14">
      <c r="N524890" s="10"/>
    </row>
    <row r="524891" spans="14:14">
      <c r="N524891" s="10"/>
    </row>
    <row r="524892" spans="14:14">
      <c r="N524892" s="10"/>
    </row>
    <row r="524893" spans="14:14">
      <c r="N524893" s="10"/>
    </row>
    <row r="524894" spans="14:14">
      <c r="N524894" s="10"/>
    </row>
    <row r="524895" spans="14:14">
      <c r="N524895" s="10"/>
    </row>
    <row r="524896" spans="14:14">
      <c r="N524896" s="10"/>
    </row>
    <row r="524897" spans="14:14">
      <c r="N524897" s="10"/>
    </row>
    <row r="524898" spans="14:14">
      <c r="N524898" s="10"/>
    </row>
    <row r="524899" spans="14:14">
      <c r="N524899" s="10"/>
    </row>
    <row r="524900" spans="14:14">
      <c r="N524900" s="10"/>
    </row>
    <row r="524901" spans="14:14">
      <c r="N524901" s="10"/>
    </row>
    <row r="524902" spans="14:14">
      <c r="N524902" s="10"/>
    </row>
    <row r="524903" spans="14:14">
      <c r="N524903" s="10"/>
    </row>
    <row r="524904" spans="14:14">
      <c r="N524904" s="10"/>
    </row>
    <row r="524905" spans="14:14">
      <c r="N524905" s="10"/>
    </row>
    <row r="524906" spans="14:14">
      <c r="N524906" s="10"/>
    </row>
    <row r="524907" spans="14:14">
      <c r="N524907" s="10"/>
    </row>
    <row r="524908" spans="14:14">
      <c r="N524908" s="10"/>
    </row>
    <row r="524909" spans="14:14">
      <c r="N524909" s="10"/>
    </row>
    <row r="524910" spans="14:14">
      <c r="N524910" s="10"/>
    </row>
    <row r="524911" spans="14:14">
      <c r="N524911" s="10"/>
    </row>
    <row r="524912" spans="14:14">
      <c r="N524912" s="10"/>
    </row>
    <row r="524913" spans="14:14">
      <c r="N524913" s="10"/>
    </row>
    <row r="524914" spans="14:14">
      <c r="N524914" s="10"/>
    </row>
    <row r="524915" spans="14:14">
      <c r="N524915" s="10"/>
    </row>
    <row r="524916" spans="14:14">
      <c r="N524916" s="10"/>
    </row>
    <row r="524917" spans="14:14">
      <c r="N524917" s="10"/>
    </row>
    <row r="524918" spans="14:14">
      <c r="N524918" s="10"/>
    </row>
    <row r="524919" spans="14:14">
      <c r="N524919" s="10"/>
    </row>
    <row r="524920" spans="14:14">
      <c r="N524920" s="10"/>
    </row>
    <row r="524921" spans="14:14">
      <c r="N524921" s="10"/>
    </row>
    <row r="524922" spans="14:14">
      <c r="N524922" s="10"/>
    </row>
    <row r="524923" spans="14:14">
      <c r="N524923" s="10"/>
    </row>
    <row r="524924" spans="14:14">
      <c r="N524924" s="10"/>
    </row>
    <row r="524925" spans="14:14">
      <c r="N524925" s="10"/>
    </row>
    <row r="524926" spans="14:14">
      <c r="N524926" s="10"/>
    </row>
    <row r="524927" spans="14:14">
      <c r="N524927" s="10"/>
    </row>
    <row r="524928" spans="14:14">
      <c r="N524928" s="10"/>
    </row>
    <row r="524929" spans="14:14">
      <c r="N524929" s="10"/>
    </row>
    <row r="524930" spans="14:14">
      <c r="N524930" s="10"/>
    </row>
    <row r="524931" spans="14:14">
      <c r="N524931" s="10"/>
    </row>
    <row r="524932" spans="14:14">
      <c r="N524932" s="10"/>
    </row>
    <row r="524933" spans="14:14">
      <c r="N524933" s="10"/>
    </row>
    <row r="524934" spans="14:14">
      <c r="N524934" s="10"/>
    </row>
    <row r="524935" spans="14:14">
      <c r="N524935" s="10"/>
    </row>
    <row r="524936" spans="14:14">
      <c r="N524936" s="10"/>
    </row>
    <row r="524937" spans="14:14">
      <c r="N524937" s="10"/>
    </row>
    <row r="524938" spans="14:14">
      <c r="N524938" s="10"/>
    </row>
    <row r="524939" spans="14:14">
      <c r="N524939" s="10"/>
    </row>
    <row r="524940" spans="14:14">
      <c r="N524940" s="10"/>
    </row>
    <row r="524941" spans="14:14">
      <c r="N524941" s="10"/>
    </row>
    <row r="524942" spans="14:14">
      <c r="N524942" s="10"/>
    </row>
    <row r="524943" spans="14:14">
      <c r="N524943" s="10"/>
    </row>
    <row r="524944" spans="14:14">
      <c r="N524944" s="10"/>
    </row>
    <row r="524945" spans="14:14">
      <c r="N524945" s="10"/>
    </row>
    <row r="524946" spans="14:14">
      <c r="N524946" s="10"/>
    </row>
    <row r="524947" spans="14:14">
      <c r="N524947" s="10"/>
    </row>
    <row r="524948" spans="14:14">
      <c r="N524948" s="10"/>
    </row>
    <row r="524949" spans="14:14">
      <c r="N524949" s="10"/>
    </row>
    <row r="524950" spans="14:14">
      <c r="N524950" s="10"/>
    </row>
    <row r="524951" spans="14:14">
      <c r="N524951" s="10"/>
    </row>
    <row r="524952" spans="14:14">
      <c r="N524952" s="10"/>
    </row>
    <row r="524953" spans="14:14">
      <c r="N524953" s="10"/>
    </row>
    <row r="524954" spans="14:14">
      <c r="N524954" s="10"/>
    </row>
    <row r="524955" spans="14:14">
      <c r="N524955" s="10"/>
    </row>
    <row r="524956" spans="14:14">
      <c r="N524956" s="10"/>
    </row>
    <row r="524957" spans="14:14">
      <c r="N524957" s="10"/>
    </row>
    <row r="524958" spans="14:14">
      <c r="N524958" s="10"/>
    </row>
    <row r="524959" spans="14:14">
      <c r="N524959" s="10"/>
    </row>
    <row r="524960" spans="14:14">
      <c r="N524960" s="10"/>
    </row>
    <row r="524961" spans="14:14">
      <c r="N524961" s="10"/>
    </row>
    <row r="524962" spans="14:14">
      <c r="N524962" s="10"/>
    </row>
    <row r="524963" spans="14:14">
      <c r="N524963" s="10"/>
    </row>
    <row r="524964" spans="14:14">
      <c r="N524964" s="10"/>
    </row>
    <row r="524965" spans="14:14">
      <c r="N524965" s="10"/>
    </row>
    <row r="524966" spans="14:14">
      <c r="N524966" s="10"/>
    </row>
    <row r="524967" spans="14:14">
      <c r="N524967" s="10"/>
    </row>
    <row r="524968" spans="14:14">
      <c r="N524968" s="10"/>
    </row>
    <row r="524969" spans="14:14">
      <c r="N524969" s="10"/>
    </row>
    <row r="524970" spans="14:14">
      <c r="N524970" s="10"/>
    </row>
    <row r="524971" spans="14:14">
      <c r="N524971" s="10"/>
    </row>
    <row r="524972" spans="14:14">
      <c r="N524972" s="10"/>
    </row>
    <row r="524973" spans="14:14">
      <c r="N524973" s="10"/>
    </row>
    <row r="524974" spans="14:14">
      <c r="N524974" s="10"/>
    </row>
    <row r="524975" spans="14:14">
      <c r="N524975" s="10"/>
    </row>
    <row r="524976" spans="14:14">
      <c r="N524976" s="10"/>
    </row>
    <row r="524977" spans="14:14">
      <c r="N524977" s="10"/>
    </row>
    <row r="524978" spans="14:14">
      <c r="N524978" s="10"/>
    </row>
    <row r="524979" spans="14:14">
      <c r="N524979" s="10"/>
    </row>
    <row r="524980" spans="14:14">
      <c r="N524980" s="10"/>
    </row>
    <row r="524981" spans="14:14">
      <c r="N524981" s="10"/>
    </row>
    <row r="524982" spans="14:14">
      <c r="N524982" s="10"/>
    </row>
    <row r="524983" spans="14:14">
      <c r="N524983" s="10"/>
    </row>
    <row r="524984" spans="14:14">
      <c r="N524984" s="10"/>
    </row>
    <row r="524985" spans="14:14">
      <c r="N524985" s="10"/>
    </row>
    <row r="524986" spans="14:14">
      <c r="N524986" s="10"/>
    </row>
    <row r="524987" spans="14:14">
      <c r="N524987" s="10"/>
    </row>
    <row r="524988" spans="14:14">
      <c r="N524988" s="10"/>
    </row>
    <row r="524989" spans="14:14">
      <c r="N524989" s="10"/>
    </row>
    <row r="524990" spans="14:14">
      <c r="N524990" s="10"/>
    </row>
    <row r="524991" spans="14:14">
      <c r="N524991" s="10"/>
    </row>
    <row r="524992" spans="14:14">
      <c r="N524992" s="10"/>
    </row>
    <row r="524993" spans="14:14">
      <c r="N524993" s="10"/>
    </row>
    <row r="524994" spans="14:14">
      <c r="N524994" s="10"/>
    </row>
    <row r="524995" spans="14:14">
      <c r="N524995" s="10"/>
    </row>
    <row r="524996" spans="14:14">
      <c r="N524996" s="10"/>
    </row>
    <row r="524997" spans="14:14">
      <c r="N524997" s="10"/>
    </row>
    <row r="524998" spans="14:14">
      <c r="N524998" s="10"/>
    </row>
    <row r="524999" spans="14:14">
      <c r="N524999" s="10"/>
    </row>
    <row r="525000" spans="14:14">
      <c r="N525000" s="10"/>
    </row>
    <row r="525001" spans="14:14">
      <c r="N525001" s="10"/>
    </row>
    <row r="525002" spans="14:14">
      <c r="N525002" s="10"/>
    </row>
    <row r="525003" spans="14:14">
      <c r="N525003" s="10"/>
    </row>
    <row r="525004" spans="14:14">
      <c r="N525004" s="10"/>
    </row>
    <row r="525005" spans="14:14">
      <c r="N525005" s="10"/>
    </row>
    <row r="525006" spans="14:14">
      <c r="N525006" s="10"/>
    </row>
    <row r="525007" spans="14:14">
      <c r="N525007" s="10"/>
    </row>
    <row r="525008" spans="14:14">
      <c r="N525008" s="10"/>
    </row>
    <row r="525009" spans="14:14">
      <c r="N525009" s="10"/>
    </row>
    <row r="525010" spans="14:14">
      <c r="N525010" s="10"/>
    </row>
    <row r="525011" spans="14:14">
      <c r="N525011" s="10"/>
    </row>
    <row r="525012" spans="14:14">
      <c r="N525012" s="10"/>
    </row>
    <row r="525013" spans="14:14">
      <c r="N525013" s="10"/>
    </row>
    <row r="525014" spans="14:14">
      <c r="N525014" s="10"/>
    </row>
    <row r="525015" spans="14:14">
      <c r="N525015" s="10"/>
    </row>
    <row r="525016" spans="14:14">
      <c r="N525016" s="10"/>
    </row>
    <row r="525017" spans="14:14">
      <c r="N525017" s="10"/>
    </row>
    <row r="525018" spans="14:14">
      <c r="N525018" s="10"/>
    </row>
    <row r="525019" spans="14:14">
      <c r="N525019" s="10"/>
    </row>
    <row r="525020" spans="14:14">
      <c r="N525020" s="10"/>
    </row>
    <row r="525021" spans="14:14">
      <c r="N525021" s="10"/>
    </row>
    <row r="525022" spans="14:14">
      <c r="N525022" s="10"/>
    </row>
    <row r="525023" spans="14:14">
      <c r="N525023" s="10"/>
    </row>
    <row r="525024" spans="14:14">
      <c r="N525024" s="10"/>
    </row>
    <row r="525025" spans="14:14">
      <c r="N525025" s="10"/>
    </row>
    <row r="525026" spans="14:14">
      <c r="N525026" s="10"/>
    </row>
    <row r="525027" spans="14:14">
      <c r="N525027" s="10"/>
    </row>
    <row r="525028" spans="14:14">
      <c r="N525028" s="10"/>
    </row>
    <row r="525029" spans="14:14">
      <c r="N525029" s="10"/>
    </row>
    <row r="525030" spans="14:14">
      <c r="N525030" s="10"/>
    </row>
    <row r="525031" spans="14:14">
      <c r="N525031" s="10"/>
    </row>
    <row r="525032" spans="14:14">
      <c r="N525032" s="10"/>
    </row>
    <row r="525033" spans="14:14">
      <c r="N525033" s="10"/>
    </row>
    <row r="525034" spans="14:14">
      <c r="N525034" s="10"/>
    </row>
    <row r="525035" spans="14:14">
      <c r="N525035" s="10"/>
    </row>
    <row r="525036" spans="14:14">
      <c r="N525036" s="10"/>
    </row>
    <row r="525037" spans="14:14">
      <c r="N525037" s="10"/>
    </row>
    <row r="525038" spans="14:14">
      <c r="N525038" s="10"/>
    </row>
    <row r="525039" spans="14:14">
      <c r="N525039" s="10"/>
    </row>
    <row r="525040" spans="14:14">
      <c r="N525040" s="10"/>
    </row>
    <row r="525041" spans="14:14">
      <c r="N525041" s="10"/>
    </row>
    <row r="525042" spans="14:14">
      <c r="N525042" s="10"/>
    </row>
    <row r="525043" spans="14:14">
      <c r="N525043" s="10"/>
    </row>
    <row r="525044" spans="14:14">
      <c r="N525044" s="10"/>
    </row>
    <row r="525045" spans="14:14">
      <c r="N525045" s="10"/>
    </row>
    <row r="525046" spans="14:14">
      <c r="N525046" s="10"/>
    </row>
    <row r="525047" spans="14:14">
      <c r="N525047" s="10"/>
    </row>
    <row r="525048" spans="14:14">
      <c r="N525048" s="10"/>
    </row>
    <row r="525049" spans="14:14">
      <c r="N525049" s="10"/>
    </row>
    <row r="525050" spans="14:14">
      <c r="N525050" s="10"/>
    </row>
    <row r="525051" spans="14:14">
      <c r="N525051" s="10"/>
    </row>
    <row r="525052" spans="14:14">
      <c r="N525052" s="10"/>
    </row>
    <row r="525053" spans="14:14">
      <c r="N525053" s="10"/>
    </row>
    <row r="525054" spans="14:14">
      <c r="N525054" s="10"/>
    </row>
    <row r="525055" spans="14:14">
      <c r="N525055" s="10"/>
    </row>
    <row r="525056" spans="14:14">
      <c r="N525056" s="10"/>
    </row>
    <row r="525057" spans="14:14">
      <c r="N525057" s="10"/>
    </row>
    <row r="525058" spans="14:14">
      <c r="N525058" s="10"/>
    </row>
    <row r="525059" spans="14:14">
      <c r="N525059" s="10"/>
    </row>
    <row r="525060" spans="14:14">
      <c r="N525060" s="10"/>
    </row>
    <row r="525061" spans="14:14">
      <c r="N525061" s="10"/>
    </row>
    <row r="525062" spans="14:14">
      <c r="N525062" s="10"/>
    </row>
    <row r="525063" spans="14:14">
      <c r="N525063" s="10"/>
    </row>
    <row r="525064" spans="14:14">
      <c r="N525064" s="10"/>
    </row>
    <row r="525065" spans="14:14">
      <c r="N525065" s="10"/>
    </row>
    <row r="525066" spans="14:14">
      <c r="N525066" s="10"/>
    </row>
    <row r="525067" spans="14:14">
      <c r="N525067" s="10"/>
    </row>
    <row r="525068" spans="14:14">
      <c r="N525068" s="10"/>
    </row>
    <row r="525069" spans="14:14">
      <c r="N525069" s="10"/>
    </row>
    <row r="525070" spans="14:14">
      <c r="N525070" s="10"/>
    </row>
    <row r="525071" spans="14:14">
      <c r="N525071" s="10"/>
    </row>
    <row r="525072" spans="14:14">
      <c r="N525072" s="10"/>
    </row>
    <row r="525073" spans="14:14">
      <c r="N525073" s="10"/>
    </row>
    <row r="525074" spans="14:14">
      <c r="N525074" s="10"/>
    </row>
    <row r="525075" spans="14:14">
      <c r="N525075" s="10"/>
    </row>
    <row r="525076" spans="14:14">
      <c r="N525076" s="10"/>
    </row>
    <row r="525077" spans="14:14">
      <c r="N525077" s="10"/>
    </row>
    <row r="525078" spans="14:14">
      <c r="N525078" s="10"/>
    </row>
    <row r="525079" spans="14:14">
      <c r="N525079" s="10"/>
    </row>
    <row r="525080" spans="14:14">
      <c r="N525080" s="10"/>
    </row>
    <row r="525081" spans="14:14">
      <c r="N525081" s="10"/>
    </row>
    <row r="525082" spans="14:14">
      <c r="N525082" s="10"/>
    </row>
    <row r="525083" spans="14:14">
      <c r="N525083" s="10"/>
    </row>
    <row r="525084" spans="14:14">
      <c r="N525084" s="10"/>
    </row>
    <row r="525085" spans="14:14">
      <c r="N525085" s="10"/>
    </row>
    <row r="525086" spans="14:14">
      <c r="N525086" s="10"/>
    </row>
    <row r="525087" spans="14:14">
      <c r="N525087" s="10"/>
    </row>
    <row r="525088" spans="14:14">
      <c r="N525088" s="10"/>
    </row>
    <row r="525089" spans="14:14">
      <c r="N525089" s="10"/>
    </row>
    <row r="525090" spans="14:14">
      <c r="N525090" s="10"/>
    </row>
    <row r="525091" spans="14:14">
      <c r="N525091" s="10"/>
    </row>
    <row r="525092" spans="14:14">
      <c r="N525092" s="10"/>
    </row>
    <row r="525093" spans="14:14">
      <c r="N525093" s="10"/>
    </row>
    <row r="525094" spans="14:14">
      <c r="N525094" s="10"/>
    </row>
    <row r="525095" spans="14:14">
      <c r="N525095" s="10"/>
    </row>
    <row r="525096" spans="14:14">
      <c r="N525096" s="10"/>
    </row>
    <row r="525097" spans="14:14">
      <c r="N525097" s="10"/>
    </row>
    <row r="525098" spans="14:14">
      <c r="N525098" s="10"/>
    </row>
    <row r="525099" spans="14:14">
      <c r="N525099" s="10"/>
    </row>
    <row r="525100" spans="14:14">
      <c r="N525100" s="10"/>
    </row>
    <row r="525101" spans="14:14">
      <c r="N525101" s="10"/>
    </row>
    <row r="525102" spans="14:14">
      <c r="N525102" s="10"/>
    </row>
    <row r="525103" spans="14:14">
      <c r="N525103" s="10"/>
    </row>
    <row r="525104" spans="14:14">
      <c r="N525104" s="10"/>
    </row>
    <row r="525105" spans="14:14">
      <c r="N525105" s="10"/>
    </row>
    <row r="525106" spans="14:14">
      <c r="N525106" s="10"/>
    </row>
    <row r="525107" spans="14:14">
      <c r="N525107" s="10"/>
    </row>
    <row r="525108" spans="14:14">
      <c r="N525108" s="10"/>
    </row>
    <row r="525109" spans="14:14">
      <c r="N525109" s="10"/>
    </row>
    <row r="525110" spans="14:14">
      <c r="N525110" s="10"/>
    </row>
    <row r="525111" spans="14:14">
      <c r="N525111" s="10"/>
    </row>
    <row r="525112" spans="14:14">
      <c r="N525112" s="10"/>
    </row>
    <row r="525113" spans="14:14">
      <c r="N525113" s="10"/>
    </row>
    <row r="525114" spans="14:14">
      <c r="N525114" s="10"/>
    </row>
    <row r="525115" spans="14:14">
      <c r="N525115" s="10"/>
    </row>
    <row r="525116" spans="14:14">
      <c r="N525116" s="10"/>
    </row>
    <row r="525117" spans="14:14">
      <c r="N525117" s="10"/>
    </row>
    <row r="525118" spans="14:14">
      <c r="N525118" s="10"/>
    </row>
    <row r="525119" spans="14:14">
      <c r="N525119" s="10"/>
    </row>
    <row r="525120" spans="14:14">
      <c r="N525120" s="10"/>
    </row>
    <row r="525121" spans="14:14">
      <c r="N525121" s="10"/>
    </row>
    <row r="525122" spans="14:14">
      <c r="N525122" s="10"/>
    </row>
    <row r="525123" spans="14:14">
      <c r="N525123" s="10"/>
    </row>
    <row r="525124" spans="14:14">
      <c r="N525124" s="10"/>
    </row>
    <row r="525125" spans="14:14">
      <c r="N525125" s="10"/>
    </row>
    <row r="525126" spans="14:14">
      <c r="N525126" s="10"/>
    </row>
    <row r="525127" spans="14:14">
      <c r="N525127" s="10"/>
    </row>
    <row r="525128" spans="14:14">
      <c r="N525128" s="10"/>
    </row>
    <row r="525129" spans="14:14">
      <c r="N525129" s="10"/>
    </row>
    <row r="525130" spans="14:14">
      <c r="N525130" s="10"/>
    </row>
    <row r="525131" spans="14:14">
      <c r="N525131" s="10"/>
    </row>
    <row r="525132" spans="14:14">
      <c r="N525132" s="10"/>
    </row>
    <row r="525133" spans="14:14">
      <c r="N525133" s="10"/>
    </row>
    <row r="525134" spans="14:14">
      <c r="N525134" s="10"/>
    </row>
    <row r="525135" spans="14:14">
      <c r="N525135" s="10"/>
    </row>
    <row r="525136" spans="14:14">
      <c r="N525136" s="10"/>
    </row>
    <row r="525137" spans="14:14">
      <c r="N525137" s="10"/>
    </row>
    <row r="525138" spans="14:14">
      <c r="N525138" s="10"/>
    </row>
    <row r="525139" spans="14:14">
      <c r="N525139" s="10"/>
    </row>
    <row r="525140" spans="14:14">
      <c r="N525140" s="10"/>
    </row>
    <row r="525141" spans="14:14">
      <c r="N525141" s="10"/>
    </row>
    <row r="525142" spans="14:14">
      <c r="N525142" s="10"/>
    </row>
    <row r="525143" spans="14:14">
      <c r="N525143" s="10"/>
    </row>
    <row r="525144" spans="14:14">
      <c r="N525144" s="10"/>
    </row>
    <row r="525145" spans="14:14">
      <c r="N525145" s="10"/>
    </row>
    <row r="525146" spans="14:14">
      <c r="N525146" s="10"/>
    </row>
    <row r="525147" spans="14:14">
      <c r="N525147" s="10"/>
    </row>
    <row r="525148" spans="14:14">
      <c r="N525148" s="10"/>
    </row>
    <row r="525149" spans="14:14">
      <c r="N525149" s="10"/>
    </row>
    <row r="525150" spans="14:14">
      <c r="N525150" s="10"/>
    </row>
    <row r="525151" spans="14:14">
      <c r="N525151" s="10"/>
    </row>
    <row r="525152" spans="14:14">
      <c r="N525152" s="10"/>
    </row>
    <row r="525153" spans="14:14">
      <c r="N525153" s="10"/>
    </row>
    <row r="525154" spans="14:14">
      <c r="N525154" s="10"/>
    </row>
    <row r="525155" spans="14:14">
      <c r="N525155" s="10"/>
    </row>
    <row r="525156" spans="14:14">
      <c r="N525156" s="10"/>
    </row>
    <row r="525157" spans="14:14">
      <c r="N525157" s="10"/>
    </row>
    <row r="525158" spans="14:14">
      <c r="N525158" s="10"/>
    </row>
    <row r="525159" spans="14:14">
      <c r="N525159" s="10"/>
    </row>
    <row r="525160" spans="14:14">
      <c r="N525160" s="10"/>
    </row>
    <row r="525161" spans="14:14">
      <c r="N525161" s="10"/>
    </row>
    <row r="525162" spans="14:14">
      <c r="N525162" s="10"/>
    </row>
    <row r="525163" spans="14:14">
      <c r="N525163" s="10"/>
    </row>
    <row r="525164" spans="14:14">
      <c r="N525164" s="10"/>
    </row>
    <row r="525165" spans="14:14">
      <c r="N525165" s="10"/>
    </row>
    <row r="525166" spans="14:14">
      <c r="N525166" s="10"/>
    </row>
    <row r="525167" spans="14:14">
      <c r="N525167" s="10"/>
    </row>
    <row r="525168" spans="14:14">
      <c r="N525168" s="10"/>
    </row>
    <row r="525169" spans="14:14">
      <c r="N525169" s="10"/>
    </row>
    <row r="525170" spans="14:14">
      <c r="N525170" s="10"/>
    </row>
    <row r="525171" spans="14:14">
      <c r="N525171" s="10"/>
    </row>
    <row r="525172" spans="14:14">
      <c r="N525172" s="10"/>
    </row>
    <row r="525173" spans="14:14">
      <c r="N525173" s="10"/>
    </row>
    <row r="525174" spans="14:14">
      <c r="N525174" s="10"/>
    </row>
    <row r="525175" spans="14:14">
      <c r="N525175" s="10"/>
    </row>
    <row r="525176" spans="14:14">
      <c r="N525176" s="10"/>
    </row>
    <row r="525177" spans="14:14">
      <c r="N525177" s="10"/>
    </row>
    <row r="525178" spans="14:14">
      <c r="N525178" s="10"/>
    </row>
    <row r="525179" spans="14:14">
      <c r="N525179" s="10"/>
    </row>
    <row r="525180" spans="14:14">
      <c r="N525180" s="10"/>
    </row>
    <row r="525181" spans="14:14">
      <c r="N525181" s="10"/>
    </row>
    <row r="525182" spans="14:14">
      <c r="N525182" s="10"/>
    </row>
    <row r="525183" spans="14:14">
      <c r="N525183" s="10"/>
    </row>
    <row r="525184" spans="14:14">
      <c r="N525184" s="10"/>
    </row>
    <row r="525185" spans="14:14">
      <c r="N525185" s="10"/>
    </row>
    <row r="525186" spans="14:14">
      <c r="N525186" s="10"/>
    </row>
    <row r="525187" spans="14:14">
      <c r="N525187" s="10"/>
    </row>
    <row r="525188" spans="14:14">
      <c r="N525188" s="10"/>
    </row>
    <row r="525189" spans="14:14">
      <c r="N525189" s="10"/>
    </row>
    <row r="525190" spans="14:14">
      <c r="N525190" s="10"/>
    </row>
    <row r="525191" spans="14:14">
      <c r="N525191" s="10"/>
    </row>
    <row r="525192" spans="14:14">
      <c r="N525192" s="10"/>
    </row>
    <row r="525193" spans="14:14">
      <c r="N525193" s="10"/>
    </row>
    <row r="525194" spans="14:14">
      <c r="N525194" s="10"/>
    </row>
    <row r="525195" spans="14:14">
      <c r="N525195" s="10"/>
    </row>
    <row r="525196" spans="14:14">
      <c r="N525196" s="10"/>
    </row>
    <row r="525197" spans="14:14">
      <c r="N525197" s="10"/>
    </row>
    <row r="525198" spans="14:14">
      <c r="N525198" s="10"/>
    </row>
    <row r="525199" spans="14:14">
      <c r="N525199" s="10"/>
    </row>
    <row r="525200" spans="14:14">
      <c r="N525200" s="10"/>
    </row>
    <row r="525201" spans="14:14">
      <c r="N525201" s="10"/>
    </row>
    <row r="525202" spans="14:14">
      <c r="N525202" s="10"/>
    </row>
    <row r="525203" spans="14:14">
      <c r="N525203" s="10"/>
    </row>
    <row r="525204" spans="14:14">
      <c r="N525204" s="10"/>
    </row>
    <row r="525205" spans="14:14">
      <c r="N525205" s="10"/>
    </row>
    <row r="525206" spans="14:14">
      <c r="N525206" s="10"/>
    </row>
    <row r="525207" spans="14:14">
      <c r="N525207" s="10"/>
    </row>
    <row r="525208" spans="14:14">
      <c r="N525208" s="10"/>
    </row>
    <row r="525209" spans="14:14">
      <c r="N525209" s="10"/>
    </row>
    <row r="525210" spans="14:14">
      <c r="N525210" s="10"/>
    </row>
    <row r="525211" spans="14:14">
      <c r="N525211" s="10"/>
    </row>
    <row r="525212" spans="14:14">
      <c r="N525212" s="10"/>
    </row>
    <row r="525213" spans="14:14">
      <c r="N525213" s="10"/>
    </row>
    <row r="525214" spans="14:14">
      <c r="N525214" s="10"/>
    </row>
    <row r="525215" spans="14:14">
      <c r="N525215" s="10"/>
    </row>
    <row r="525216" spans="14:14">
      <c r="N525216" s="10"/>
    </row>
    <row r="525217" spans="14:14">
      <c r="N525217" s="10"/>
    </row>
    <row r="525218" spans="14:14">
      <c r="N525218" s="10"/>
    </row>
    <row r="525219" spans="14:14">
      <c r="N525219" s="10"/>
    </row>
    <row r="525220" spans="14:14">
      <c r="N525220" s="10"/>
    </row>
    <row r="525221" spans="14:14">
      <c r="N525221" s="10"/>
    </row>
    <row r="525222" spans="14:14">
      <c r="N525222" s="10"/>
    </row>
    <row r="525223" spans="14:14">
      <c r="N525223" s="10"/>
    </row>
    <row r="525224" spans="14:14">
      <c r="N525224" s="10"/>
    </row>
    <row r="525225" spans="14:14">
      <c r="N525225" s="10"/>
    </row>
    <row r="525226" spans="14:14">
      <c r="N525226" s="10"/>
    </row>
    <row r="525227" spans="14:14">
      <c r="N525227" s="10"/>
    </row>
    <row r="525228" spans="14:14">
      <c r="N525228" s="10"/>
    </row>
    <row r="525229" spans="14:14">
      <c r="N525229" s="10"/>
    </row>
    <row r="525230" spans="14:14">
      <c r="N525230" s="10"/>
    </row>
    <row r="525231" spans="14:14">
      <c r="N525231" s="10"/>
    </row>
    <row r="525232" spans="14:14">
      <c r="N525232" s="10"/>
    </row>
    <row r="525233" spans="14:14">
      <c r="N525233" s="10"/>
    </row>
    <row r="525234" spans="14:14">
      <c r="N525234" s="10"/>
    </row>
    <row r="525235" spans="14:14">
      <c r="N525235" s="10"/>
    </row>
    <row r="525236" spans="14:14">
      <c r="N525236" s="10"/>
    </row>
    <row r="525237" spans="14:14">
      <c r="N525237" s="10"/>
    </row>
    <row r="525238" spans="14:14">
      <c r="N525238" s="10"/>
    </row>
    <row r="525239" spans="14:14">
      <c r="N525239" s="10"/>
    </row>
    <row r="525240" spans="14:14">
      <c r="N525240" s="10"/>
    </row>
    <row r="525241" spans="14:14">
      <c r="N525241" s="10"/>
    </row>
    <row r="525242" spans="14:14">
      <c r="N525242" s="10"/>
    </row>
    <row r="525243" spans="14:14">
      <c r="N525243" s="10"/>
    </row>
    <row r="525244" spans="14:14">
      <c r="N525244" s="10"/>
    </row>
    <row r="525245" spans="14:14">
      <c r="N525245" s="10"/>
    </row>
    <row r="525246" spans="14:14">
      <c r="N525246" s="10"/>
    </row>
    <row r="525247" spans="14:14">
      <c r="N525247" s="10"/>
    </row>
    <row r="525248" spans="14:14">
      <c r="N525248" s="10"/>
    </row>
    <row r="525249" spans="14:14">
      <c r="N525249" s="10"/>
    </row>
    <row r="525250" spans="14:14">
      <c r="N525250" s="10"/>
    </row>
    <row r="525251" spans="14:14">
      <c r="N525251" s="10"/>
    </row>
    <row r="525252" spans="14:14">
      <c r="N525252" s="10"/>
    </row>
    <row r="525253" spans="14:14">
      <c r="N525253" s="10"/>
    </row>
    <row r="525254" spans="14:14">
      <c r="N525254" s="10"/>
    </row>
    <row r="525255" spans="14:14">
      <c r="N525255" s="10"/>
    </row>
    <row r="525256" spans="14:14">
      <c r="N525256" s="10"/>
    </row>
    <row r="525257" spans="14:14">
      <c r="N525257" s="10"/>
    </row>
    <row r="525258" spans="14:14">
      <c r="N525258" s="10"/>
    </row>
    <row r="525259" spans="14:14">
      <c r="N525259" s="10"/>
    </row>
    <row r="525260" spans="14:14">
      <c r="N525260" s="10"/>
    </row>
    <row r="525261" spans="14:14">
      <c r="N525261" s="10"/>
    </row>
    <row r="525262" spans="14:14">
      <c r="N525262" s="10"/>
    </row>
    <row r="525263" spans="14:14">
      <c r="N525263" s="10"/>
    </row>
    <row r="525264" spans="14:14">
      <c r="N525264" s="10"/>
    </row>
    <row r="525265" spans="14:14">
      <c r="N525265" s="10"/>
    </row>
    <row r="525266" spans="14:14">
      <c r="N525266" s="10"/>
    </row>
    <row r="525267" spans="14:14">
      <c r="N525267" s="10"/>
    </row>
    <row r="525268" spans="14:14">
      <c r="N525268" s="10"/>
    </row>
    <row r="525269" spans="14:14">
      <c r="N525269" s="10"/>
    </row>
    <row r="525270" spans="14:14">
      <c r="N525270" s="10"/>
    </row>
    <row r="525271" spans="14:14">
      <c r="N525271" s="10"/>
    </row>
    <row r="525272" spans="14:14">
      <c r="N525272" s="10"/>
    </row>
    <row r="525273" spans="14:14">
      <c r="N525273" s="10"/>
    </row>
    <row r="525274" spans="14:14">
      <c r="N525274" s="10"/>
    </row>
    <row r="525275" spans="14:14">
      <c r="N525275" s="10"/>
    </row>
    <row r="525276" spans="14:14">
      <c r="N525276" s="10"/>
    </row>
    <row r="525277" spans="14:14">
      <c r="N525277" s="10"/>
    </row>
    <row r="525278" spans="14:14">
      <c r="N525278" s="10"/>
    </row>
    <row r="525279" spans="14:14">
      <c r="N525279" s="10"/>
    </row>
    <row r="525280" spans="14:14">
      <c r="N525280" s="10"/>
    </row>
    <row r="525281" spans="14:14">
      <c r="N525281" s="10"/>
    </row>
    <row r="525282" spans="14:14">
      <c r="N525282" s="10"/>
    </row>
    <row r="525283" spans="14:14">
      <c r="N525283" s="10"/>
    </row>
    <row r="525284" spans="14:14">
      <c r="N525284" s="10"/>
    </row>
    <row r="525285" spans="14:14">
      <c r="N525285" s="10"/>
    </row>
    <row r="525286" spans="14:14">
      <c r="N525286" s="10"/>
    </row>
    <row r="525287" spans="14:14">
      <c r="N525287" s="10"/>
    </row>
    <row r="525288" spans="14:14">
      <c r="N525288" s="10"/>
    </row>
    <row r="525289" spans="14:14">
      <c r="N525289" s="10"/>
    </row>
    <row r="525290" spans="14:14">
      <c r="N525290" s="10"/>
    </row>
    <row r="525291" spans="14:14">
      <c r="N525291" s="10"/>
    </row>
    <row r="525292" spans="14:14">
      <c r="N525292" s="10"/>
    </row>
    <row r="525293" spans="14:14">
      <c r="N525293" s="10"/>
    </row>
    <row r="525294" spans="14:14">
      <c r="N525294" s="10"/>
    </row>
    <row r="525295" spans="14:14">
      <c r="N525295" s="10"/>
    </row>
    <row r="525296" spans="14:14">
      <c r="N525296" s="10"/>
    </row>
    <row r="525297" spans="14:14">
      <c r="N525297" s="10"/>
    </row>
    <row r="525298" spans="14:14">
      <c r="N525298" s="10"/>
    </row>
    <row r="525299" spans="14:14">
      <c r="N525299" s="10"/>
    </row>
    <row r="525300" spans="14:14">
      <c r="N525300" s="10"/>
    </row>
    <row r="525301" spans="14:14">
      <c r="N525301" s="10"/>
    </row>
    <row r="525302" spans="14:14">
      <c r="N525302" s="10"/>
    </row>
    <row r="525303" spans="14:14">
      <c r="N525303" s="10"/>
    </row>
    <row r="525304" spans="14:14">
      <c r="N525304" s="10"/>
    </row>
    <row r="525305" spans="14:14">
      <c r="N525305" s="10"/>
    </row>
    <row r="525306" spans="14:14">
      <c r="N525306" s="10"/>
    </row>
    <row r="525307" spans="14:14">
      <c r="N525307" s="10"/>
    </row>
    <row r="525308" spans="14:14">
      <c r="N525308" s="10"/>
    </row>
    <row r="525309" spans="14:14">
      <c r="N525309" s="10"/>
    </row>
    <row r="525310" spans="14:14">
      <c r="N525310" s="10"/>
    </row>
    <row r="525311" spans="14:14">
      <c r="N525311" s="10"/>
    </row>
    <row r="525312" spans="14:14">
      <c r="N525312" s="10"/>
    </row>
    <row r="525313" spans="14:14">
      <c r="N525313" s="10"/>
    </row>
    <row r="525314" spans="14:14">
      <c r="N525314" s="10"/>
    </row>
    <row r="525315" spans="14:14">
      <c r="N525315" s="10"/>
    </row>
    <row r="525316" spans="14:14">
      <c r="N525316" s="10"/>
    </row>
    <row r="525317" spans="14:14">
      <c r="N525317" s="10"/>
    </row>
    <row r="525318" spans="14:14">
      <c r="N525318" s="10"/>
    </row>
    <row r="525319" spans="14:14">
      <c r="N525319" s="10"/>
    </row>
    <row r="525320" spans="14:14">
      <c r="N525320" s="10"/>
    </row>
    <row r="525321" spans="14:14">
      <c r="N525321" s="10"/>
    </row>
    <row r="525322" spans="14:14">
      <c r="N525322" s="10"/>
    </row>
    <row r="525323" spans="14:14">
      <c r="N525323" s="10"/>
    </row>
    <row r="525324" spans="14:14">
      <c r="N525324" s="10"/>
    </row>
    <row r="525325" spans="14:14">
      <c r="N525325" s="10"/>
    </row>
    <row r="525326" spans="14:14">
      <c r="N525326" s="10"/>
    </row>
    <row r="525327" spans="14:14">
      <c r="N525327" s="10"/>
    </row>
    <row r="525328" spans="14:14">
      <c r="N525328" s="10"/>
    </row>
    <row r="525329" spans="14:14">
      <c r="N525329" s="10"/>
    </row>
    <row r="525330" spans="14:14">
      <c r="N525330" s="10"/>
    </row>
    <row r="525331" spans="14:14">
      <c r="N525331" s="10"/>
    </row>
    <row r="525332" spans="14:14">
      <c r="N525332" s="10"/>
    </row>
    <row r="525333" spans="14:14">
      <c r="N525333" s="10"/>
    </row>
    <row r="525334" spans="14:14">
      <c r="N525334" s="10"/>
    </row>
    <row r="525335" spans="14:14">
      <c r="N525335" s="10"/>
    </row>
    <row r="525336" spans="14:14">
      <c r="N525336" s="10"/>
    </row>
    <row r="525337" spans="14:14">
      <c r="N525337" s="10"/>
    </row>
    <row r="525338" spans="14:14">
      <c r="N525338" s="10"/>
    </row>
    <row r="525339" spans="14:14">
      <c r="N525339" s="10"/>
    </row>
    <row r="525340" spans="14:14">
      <c r="N525340" s="10"/>
    </row>
    <row r="525341" spans="14:14">
      <c r="N525341" s="10"/>
    </row>
    <row r="525342" spans="14:14">
      <c r="N525342" s="10"/>
    </row>
    <row r="525343" spans="14:14">
      <c r="N525343" s="10"/>
    </row>
    <row r="525344" spans="14:14">
      <c r="N525344" s="10"/>
    </row>
    <row r="525345" spans="14:14">
      <c r="N525345" s="10"/>
    </row>
    <row r="525346" spans="14:14">
      <c r="N525346" s="10"/>
    </row>
    <row r="525347" spans="14:14">
      <c r="N525347" s="10"/>
    </row>
    <row r="525348" spans="14:14">
      <c r="N525348" s="10"/>
    </row>
    <row r="525349" spans="14:14">
      <c r="N525349" s="10"/>
    </row>
    <row r="525350" spans="14:14">
      <c r="N525350" s="10"/>
    </row>
    <row r="525351" spans="14:14">
      <c r="N525351" s="10"/>
    </row>
    <row r="525352" spans="14:14">
      <c r="N525352" s="10"/>
    </row>
    <row r="525353" spans="14:14">
      <c r="N525353" s="10"/>
    </row>
    <row r="525354" spans="14:14">
      <c r="N525354" s="10"/>
    </row>
    <row r="525355" spans="14:14">
      <c r="N525355" s="10"/>
    </row>
    <row r="525356" spans="14:14">
      <c r="N525356" s="10"/>
    </row>
    <row r="525357" spans="14:14">
      <c r="N525357" s="10"/>
    </row>
    <row r="525358" spans="14:14">
      <c r="N525358" s="10"/>
    </row>
    <row r="525359" spans="14:14">
      <c r="N525359" s="10"/>
    </row>
    <row r="525360" spans="14:14">
      <c r="N525360" s="10"/>
    </row>
    <row r="525361" spans="14:14">
      <c r="N525361" s="10"/>
    </row>
    <row r="525362" spans="14:14">
      <c r="N525362" s="10"/>
    </row>
    <row r="525363" spans="14:14">
      <c r="N525363" s="10"/>
    </row>
    <row r="525364" spans="14:14">
      <c r="N525364" s="10"/>
    </row>
    <row r="525365" spans="14:14">
      <c r="N525365" s="10"/>
    </row>
    <row r="525366" spans="14:14">
      <c r="N525366" s="10"/>
    </row>
    <row r="525367" spans="14:14">
      <c r="N525367" s="10"/>
    </row>
    <row r="525368" spans="14:14">
      <c r="N525368" s="10"/>
    </row>
    <row r="525369" spans="14:14">
      <c r="N525369" s="10"/>
    </row>
    <row r="525370" spans="14:14">
      <c r="N525370" s="10"/>
    </row>
    <row r="525371" spans="14:14">
      <c r="N525371" s="10"/>
    </row>
    <row r="525372" spans="14:14">
      <c r="N525372" s="10"/>
    </row>
    <row r="525373" spans="14:14">
      <c r="N525373" s="10"/>
    </row>
    <row r="525374" spans="14:14">
      <c r="N525374" s="10"/>
    </row>
    <row r="525375" spans="14:14">
      <c r="N525375" s="10"/>
    </row>
    <row r="525376" spans="14:14">
      <c r="N525376" s="10"/>
    </row>
    <row r="525377" spans="14:14">
      <c r="N525377" s="10"/>
    </row>
    <row r="525378" spans="14:14">
      <c r="N525378" s="10"/>
    </row>
    <row r="525379" spans="14:14">
      <c r="N525379" s="10"/>
    </row>
    <row r="525380" spans="14:14">
      <c r="N525380" s="10"/>
    </row>
    <row r="525381" spans="14:14">
      <c r="N525381" s="10"/>
    </row>
    <row r="525382" spans="14:14">
      <c r="N525382" s="10"/>
    </row>
    <row r="525383" spans="14:14">
      <c r="N525383" s="10"/>
    </row>
    <row r="525384" spans="14:14">
      <c r="N525384" s="10"/>
    </row>
    <row r="525385" spans="14:14">
      <c r="N525385" s="10"/>
    </row>
    <row r="525386" spans="14:14">
      <c r="N525386" s="10"/>
    </row>
    <row r="525387" spans="14:14">
      <c r="N525387" s="10"/>
    </row>
    <row r="525388" spans="14:14">
      <c r="N525388" s="10"/>
    </row>
    <row r="525389" spans="14:14">
      <c r="N525389" s="10"/>
    </row>
    <row r="525390" spans="14:14">
      <c r="N525390" s="10"/>
    </row>
    <row r="525391" spans="14:14">
      <c r="N525391" s="10"/>
    </row>
    <row r="525392" spans="14:14">
      <c r="N525392" s="10"/>
    </row>
    <row r="525393" spans="14:14">
      <c r="N525393" s="10"/>
    </row>
    <row r="525394" spans="14:14">
      <c r="N525394" s="10"/>
    </row>
    <row r="525395" spans="14:14">
      <c r="N525395" s="10"/>
    </row>
    <row r="525396" spans="14:14">
      <c r="N525396" s="10"/>
    </row>
    <row r="525397" spans="14:14">
      <c r="N525397" s="10"/>
    </row>
    <row r="525398" spans="14:14">
      <c r="N525398" s="10"/>
    </row>
    <row r="525399" spans="14:14">
      <c r="N525399" s="10"/>
    </row>
    <row r="525400" spans="14:14">
      <c r="N525400" s="10"/>
    </row>
    <row r="525401" spans="14:14">
      <c r="N525401" s="10"/>
    </row>
    <row r="525402" spans="14:14">
      <c r="N525402" s="10"/>
    </row>
    <row r="525403" spans="14:14">
      <c r="N525403" s="10"/>
    </row>
    <row r="525404" spans="14:14">
      <c r="N525404" s="10"/>
    </row>
    <row r="525405" spans="14:14">
      <c r="N525405" s="10"/>
    </row>
    <row r="525406" spans="14:14">
      <c r="N525406" s="10"/>
    </row>
    <row r="525407" spans="14:14">
      <c r="N525407" s="10"/>
    </row>
    <row r="525408" spans="14:14">
      <c r="N525408" s="10"/>
    </row>
    <row r="525409" spans="14:14">
      <c r="N525409" s="10"/>
    </row>
    <row r="525410" spans="14:14">
      <c r="N525410" s="10"/>
    </row>
    <row r="525411" spans="14:14">
      <c r="N525411" s="10"/>
    </row>
    <row r="525412" spans="14:14">
      <c r="N525412" s="10"/>
    </row>
    <row r="525413" spans="14:14">
      <c r="N525413" s="10"/>
    </row>
    <row r="525414" spans="14:14">
      <c r="N525414" s="10"/>
    </row>
    <row r="525415" spans="14:14">
      <c r="N525415" s="10"/>
    </row>
    <row r="525416" spans="14:14">
      <c r="N525416" s="10"/>
    </row>
    <row r="525417" spans="14:14">
      <c r="N525417" s="10"/>
    </row>
    <row r="525418" spans="14:14">
      <c r="N525418" s="10"/>
    </row>
    <row r="525419" spans="14:14">
      <c r="N525419" s="10"/>
    </row>
    <row r="525420" spans="14:14">
      <c r="N525420" s="10"/>
    </row>
    <row r="525421" spans="14:14">
      <c r="N525421" s="10"/>
    </row>
    <row r="525422" spans="14:14">
      <c r="N525422" s="10"/>
    </row>
    <row r="525423" spans="14:14">
      <c r="N525423" s="10"/>
    </row>
    <row r="525424" spans="14:14">
      <c r="N525424" s="10"/>
    </row>
    <row r="525425" spans="14:14">
      <c r="N525425" s="10"/>
    </row>
    <row r="525426" spans="14:14">
      <c r="N525426" s="10"/>
    </row>
    <row r="525427" spans="14:14">
      <c r="N525427" s="10"/>
    </row>
    <row r="525428" spans="14:14">
      <c r="N525428" s="10"/>
    </row>
    <row r="525429" spans="14:14">
      <c r="N525429" s="10"/>
    </row>
    <row r="525430" spans="14:14">
      <c r="N525430" s="10"/>
    </row>
    <row r="525431" spans="14:14">
      <c r="N525431" s="10"/>
    </row>
    <row r="525432" spans="14:14">
      <c r="N525432" s="10"/>
    </row>
    <row r="525433" spans="14:14">
      <c r="N525433" s="10"/>
    </row>
    <row r="525434" spans="14:14">
      <c r="N525434" s="10"/>
    </row>
    <row r="525435" spans="14:14">
      <c r="N525435" s="10"/>
    </row>
    <row r="525436" spans="14:14">
      <c r="N525436" s="10"/>
    </row>
    <row r="525437" spans="14:14">
      <c r="N525437" s="10"/>
    </row>
    <row r="525438" spans="14:14">
      <c r="N525438" s="10"/>
    </row>
    <row r="525439" spans="14:14">
      <c r="N525439" s="10"/>
    </row>
    <row r="525440" spans="14:14">
      <c r="N525440" s="10"/>
    </row>
    <row r="525441" spans="14:14">
      <c r="N525441" s="10"/>
    </row>
    <row r="525442" spans="14:14">
      <c r="N525442" s="10"/>
    </row>
    <row r="525443" spans="14:14">
      <c r="N525443" s="10"/>
    </row>
    <row r="525444" spans="14:14">
      <c r="N525444" s="10"/>
    </row>
    <row r="525445" spans="14:14">
      <c r="N525445" s="10"/>
    </row>
    <row r="525446" spans="14:14">
      <c r="N525446" s="10"/>
    </row>
    <row r="525447" spans="14:14">
      <c r="N525447" s="10"/>
    </row>
    <row r="525448" spans="14:14">
      <c r="N525448" s="10"/>
    </row>
    <row r="525449" spans="14:14">
      <c r="N525449" s="10"/>
    </row>
    <row r="525450" spans="14:14">
      <c r="N525450" s="10"/>
    </row>
    <row r="525451" spans="14:14">
      <c r="N525451" s="10"/>
    </row>
    <row r="525452" spans="14:14">
      <c r="N525452" s="10"/>
    </row>
    <row r="525453" spans="14:14">
      <c r="N525453" s="10"/>
    </row>
    <row r="525454" spans="14:14">
      <c r="N525454" s="10"/>
    </row>
    <row r="525455" spans="14:14">
      <c r="N525455" s="10"/>
    </row>
    <row r="525456" spans="14:14">
      <c r="N525456" s="10"/>
    </row>
    <row r="525457" spans="14:14">
      <c r="N525457" s="10"/>
    </row>
    <row r="525458" spans="14:14">
      <c r="N525458" s="10"/>
    </row>
    <row r="525459" spans="14:14">
      <c r="N525459" s="10"/>
    </row>
    <row r="525460" spans="14:14">
      <c r="N525460" s="10"/>
    </row>
    <row r="525461" spans="14:14">
      <c r="N525461" s="10"/>
    </row>
    <row r="525462" spans="14:14">
      <c r="N525462" s="10"/>
    </row>
    <row r="525463" spans="14:14">
      <c r="N525463" s="10"/>
    </row>
    <row r="525464" spans="14:14">
      <c r="N525464" s="10"/>
    </row>
    <row r="525465" spans="14:14">
      <c r="N525465" s="10"/>
    </row>
    <row r="525466" spans="14:14">
      <c r="N525466" s="10"/>
    </row>
    <row r="525467" spans="14:14">
      <c r="N525467" s="10"/>
    </row>
    <row r="525468" spans="14:14">
      <c r="N525468" s="10"/>
    </row>
    <row r="525469" spans="14:14">
      <c r="N525469" s="10"/>
    </row>
    <row r="525470" spans="14:14">
      <c r="N525470" s="10"/>
    </row>
    <row r="525471" spans="14:14">
      <c r="N525471" s="10"/>
    </row>
    <row r="525472" spans="14:14">
      <c r="N525472" s="10"/>
    </row>
    <row r="525473" spans="14:14">
      <c r="N525473" s="10"/>
    </row>
    <row r="525474" spans="14:14">
      <c r="N525474" s="10"/>
    </row>
    <row r="525475" spans="14:14">
      <c r="N525475" s="10"/>
    </row>
    <row r="525476" spans="14:14">
      <c r="N525476" s="10"/>
    </row>
    <row r="525477" spans="14:14">
      <c r="N525477" s="10"/>
    </row>
    <row r="525478" spans="14:14">
      <c r="N525478" s="10"/>
    </row>
    <row r="525479" spans="14:14">
      <c r="N525479" s="10"/>
    </row>
    <row r="525480" spans="14:14">
      <c r="N525480" s="10"/>
    </row>
    <row r="525481" spans="14:14">
      <c r="N525481" s="10"/>
    </row>
    <row r="525482" spans="14:14">
      <c r="N525482" s="10"/>
    </row>
    <row r="525483" spans="14:14">
      <c r="N525483" s="10"/>
    </row>
    <row r="525484" spans="14:14">
      <c r="N525484" s="10"/>
    </row>
    <row r="525485" spans="14:14">
      <c r="N525485" s="10"/>
    </row>
    <row r="525486" spans="14:14">
      <c r="N525486" s="10"/>
    </row>
    <row r="525487" spans="14:14">
      <c r="N525487" s="10"/>
    </row>
    <row r="525488" spans="14:14">
      <c r="N525488" s="10"/>
    </row>
    <row r="525489" spans="14:14">
      <c r="N525489" s="10"/>
    </row>
    <row r="525490" spans="14:14">
      <c r="N525490" s="10"/>
    </row>
    <row r="525491" spans="14:14">
      <c r="N525491" s="10"/>
    </row>
    <row r="525492" spans="14:14">
      <c r="N525492" s="10"/>
    </row>
    <row r="525493" spans="14:14">
      <c r="N525493" s="10"/>
    </row>
    <row r="525494" spans="14:14">
      <c r="N525494" s="10"/>
    </row>
    <row r="525495" spans="14:14">
      <c r="N525495" s="10"/>
    </row>
    <row r="525496" spans="14:14">
      <c r="N525496" s="10"/>
    </row>
    <row r="525497" spans="14:14">
      <c r="N525497" s="10"/>
    </row>
    <row r="525498" spans="14:14">
      <c r="N525498" s="10"/>
    </row>
    <row r="525499" spans="14:14">
      <c r="N525499" s="10"/>
    </row>
    <row r="525500" spans="14:14">
      <c r="N525500" s="10"/>
    </row>
    <row r="525501" spans="14:14">
      <c r="N525501" s="10"/>
    </row>
    <row r="525502" spans="14:14">
      <c r="N525502" s="10"/>
    </row>
    <row r="525503" spans="14:14">
      <c r="N525503" s="10"/>
    </row>
    <row r="525504" spans="14:14">
      <c r="N525504" s="10"/>
    </row>
    <row r="525505" spans="14:14">
      <c r="N525505" s="10"/>
    </row>
    <row r="525506" spans="14:14">
      <c r="N525506" s="10"/>
    </row>
    <row r="525507" spans="14:14">
      <c r="N525507" s="10"/>
    </row>
    <row r="525508" spans="14:14">
      <c r="N525508" s="10"/>
    </row>
    <row r="525509" spans="14:14">
      <c r="N525509" s="10"/>
    </row>
    <row r="525510" spans="14:14">
      <c r="N525510" s="10"/>
    </row>
    <row r="525511" spans="14:14">
      <c r="N525511" s="10"/>
    </row>
    <row r="525512" spans="14:14">
      <c r="N525512" s="10"/>
    </row>
    <row r="525513" spans="14:14">
      <c r="N525513" s="10"/>
    </row>
    <row r="525514" spans="14:14">
      <c r="N525514" s="10"/>
    </row>
    <row r="525515" spans="14:14">
      <c r="N525515" s="10"/>
    </row>
    <row r="525516" spans="14:14">
      <c r="N525516" s="10"/>
    </row>
    <row r="525517" spans="14:14">
      <c r="N525517" s="10"/>
    </row>
    <row r="525518" spans="14:14">
      <c r="N525518" s="10"/>
    </row>
    <row r="525519" spans="14:14">
      <c r="N525519" s="10"/>
    </row>
    <row r="525520" spans="14:14">
      <c r="N525520" s="10"/>
    </row>
    <row r="525521" spans="14:14">
      <c r="N525521" s="10"/>
    </row>
    <row r="525522" spans="14:14">
      <c r="N525522" s="10"/>
    </row>
    <row r="525523" spans="14:14">
      <c r="N525523" s="10"/>
    </row>
    <row r="525524" spans="14:14">
      <c r="N525524" s="10"/>
    </row>
    <row r="525525" spans="14:14">
      <c r="N525525" s="10"/>
    </row>
    <row r="525526" spans="14:14">
      <c r="N525526" s="10"/>
    </row>
    <row r="525527" spans="14:14">
      <c r="N525527" s="10"/>
    </row>
    <row r="525528" spans="14:14">
      <c r="N525528" s="10"/>
    </row>
    <row r="525529" spans="14:14">
      <c r="N525529" s="10"/>
    </row>
    <row r="525530" spans="14:14">
      <c r="N525530" s="10"/>
    </row>
    <row r="525531" spans="14:14">
      <c r="N525531" s="10"/>
    </row>
    <row r="525532" spans="14:14">
      <c r="N525532" s="10"/>
    </row>
    <row r="525533" spans="14:14">
      <c r="N525533" s="10"/>
    </row>
    <row r="525534" spans="14:14">
      <c r="N525534" s="10"/>
    </row>
    <row r="525535" spans="14:14">
      <c r="N525535" s="10"/>
    </row>
    <row r="525536" spans="14:14">
      <c r="N525536" s="10"/>
    </row>
    <row r="525537" spans="14:14">
      <c r="N525537" s="10"/>
    </row>
    <row r="525538" spans="14:14">
      <c r="N525538" s="10"/>
    </row>
    <row r="525539" spans="14:14">
      <c r="N525539" s="10"/>
    </row>
    <row r="525540" spans="14:14">
      <c r="N525540" s="10"/>
    </row>
    <row r="525541" spans="14:14">
      <c r="N525541" s="10"/>
    </row>
    <row r="525542" spans="14:14">
      <c r="N525542" s="10"/>
    </row>
    <row r="525543" spans="14:14">
      <c r="N525543" s="10"/>
    </row>
    <row r="525544" spans="14:14">
      <c r="N525544" s="10"/>
    </row>
    <row r="525545" spans="14:14">
      <c r="N525545" s="10"/>
    </row>
    <row r="525546" spans="14:14">
      <c r="N525546" s="10"/>
    </row>
    <row r="525547" spans="14:14">
      <c r="N525547" s="10"/>
    </row>
    <row r="525548" spans="14:14">
      <c r="N525548" s="10"/>
    </row>
    <row r="525549" spans="14:14">
      <c r="N525549" s="10"/>
    </row>
    <row r="525550" spans="14:14">
      <c r="N525550" s="10"/>
    </row>
    <row r="525551" spans="14:14">
      <c r="N525551" s="10"/>
    </row>
    <row r="525552" spans="14:14">
      <c r="N525552" s="10"/>
    </row>
    <row r="525553" spans="14:14">
      <c r="N525553" s="10"/>
    </row>
    <row r="525554" spans="14:14">
      <c r="N525554" s="10"/>
    </row>
    <row r="525555" spans="14:14">
      <c r="N525555" s="10"/>
    </row>
    <row r="525556" spans="14:14">
      <c r="N525556" s="10"/>
    </row>
    <row r="525557" spans="14:14">
      <c r="N525557" s="10"/>
    </row>
    <row r="525558" spans="14:14">
      <c r="N525558" s="10"/>
    </row>
    <row r="525559" spans="14:14">
      <c r="N525559" s="10"/>
    </row>
    <row r="525560" spans="14:14">
      <c r="N525560" s="10"/>
    </row>
    <row r="525561" spans="14:14">
      <c r="N525561" s="10"/>
    </row>
    <row r="525562" spans="14:14">
      <c r="N525562" s="10"/>
    </row>
    <row r="525563" spans="14:14">
      <c r="N525563" s="10"/>
    </row>
    <row r="525564" spans="14:14">
      <c r="N525564" s="10"/>
    </row>
    <row r="525565" spans="14:14">
      <c r="N525565" s="10"/>
    </row>
    <row r="525566" spans="14:14">
      <c r="N525566" s="10"/>
    </row>
    <row r="525567" spans="14:14">
      <c r="N525567" s="10"/>
    </row>
    <row r="525568" spans="14:14">
      <c r="N525568" s="10"/>
    </row>
    <row r="525569" spans="14:14">
      <c r="N525569" s="10"/>
    </row>
    <row r="525570" spans="14:14">
      <c r="N525570" s="10"/>
    </row>
    <row r="525571" spans="14:14">
      <c r="N525571" s="10"/>
    </row>
    <row r="525572" spans="14:14">
      <c r="N525572" s="10"/>
    </row>
    <row r="525573" spans="14:14">
      <c r="N525573" s="10"/>
    </row>
    <row r="525574" spans="14:14">
      <c r="N525574" s="10"/>
    </row>
    <row r="525575" spans="14:14">
      <c r="N525575" s="10"/>
    </row>
    <row r="525576" spans="14:14">
      <c r="N525576" s="10"/>
    </row>
    <row r="525577" spans="14:14">
      <c r="N525577" s="10"/>
    </row>
    <row r="525578" spans="14:14">
      <c r="N525578" s="10"/>
    </row>
    <row r="525579" spans="14:14">
      <c r="N525579" s="10"/>
    </row>
    <row r="525580" spans="14:14">
      <c r="N525580" s="10"/>
    </row>
    <row r="525581" spans="14:14">
      <c r="N525581" s="10"/>
    </row>
    <row r="525582" spans="14:14">
      <c r="N525582" s="10"/>
    </row>
    <row r="525583" spans="14:14">
      <c r="N525583" s="10"/>
    </row>
    <row r="525584" spans="14:14">
      <c r="N525584" s="10"/>
    </row>
    <row r="525585" spans="14:14">
      <c r="N525585" s="10"/>
    </row>
    <row r="525586" spans="14:14">
      <c r="N525586" s="10"/>
    </row>
    <row r="525587" spans="14:14">
      <c r="N525587" s="10"/>
    </row>
    <row r="525588" spans="14:14">
      <c r="N525588" s="10"/>
    </row>
    <row r="525589" spans="14:14">
      <c r="N525589" s="10"/>
    </row>
    <row r="525590" spans="14:14">
      <c r="N525590" s="10"/>
    </row>
    <row r="525591" spans="14:14">
      <c r="N525591" s="10"/>
    </row>
    <row r="525592" spans="14:14">
      <c r="N525592" s="10"/>
    </row>
    <row r="525593" spans="14:14">
      <c r="N525593" s="10"/>
    </row>
    <row r="525594" spans="14:14">
      <c r="N525594" s="10"/>
    </row>
    <row r="525595" spans="14:14">
      <c r="N525595" s="10"/>
    </row>
    <row r="525596" spans="14:14">
      <c r="N525596" s="10"/>
    </row>
    <row r="525597" spans="14:14">
      <c r="N525597" s="10"/>
    </row>
    <row r="525598" spans="14:14">
      <c r="N525598" s="10"/>
    </row>
    <row r="525599" spans="14:14">
      <c r="N525599" s="10"/>
    </row>
    <row r="525600" spans="14:14">
      <c r="N525600" s="10"/>
    </row>
    <row r="525601" spans="14:14">
      <c r="N525601" s="10"/>
    </row>
    <row r="525602" spans="14:14">
      <c r="N525602" s="10"/>
    </row>
    <row r="525603" spans="14:14">
      <c r="N525603" s="10"/>
    </row>
    <row r="525604" spans="14:14">
      <c r="N525604" s="10"/>
    </row>
    <row r="525605" spans="14:14">
      <c r="N525605" s="10"/>
    </row>
    <row r="525606" spans="14:14">
      <c r="N525606" s="10"/>
    </row>
    <row r="525607" spans="14:14">
      <c r="N525607" s="10"/>
    </row>
    <row r="525608" spans="14:14">
      <c r="N525608" s="10"/>
    </row>
    <row r="525609" spans="14:14">
      <c r="N525609" s="10"/>
    </row>
    <row r="525610" spans="14:14">
      <c r="N525610" s="10"/>
    </row>
    <row r="525611" spans="14:14">
      <c r="N525611" s="10"/>
    </row>
    <row r="525612" spans="14:14">
      <c r="N525612" s="10"/>
    </row>
    <row r="525613" spans="14:14">
      <c r="N525613" s="10"/>
    </row>
    <row r="525614" spans="14:14">
      <c r="N525614" s="10"/>
    </row>
    <row r="525615" spans="14:14">
      <c r="N525615" s="10"/>
    </row>
    <row r="525616" spans="14:14">
      <c r="N525616" s="10"/>
    </row>
    <row r="525617" spans="14:14">
      <c r="N525617" s="10"/>
    </row>
    <row r="525618" spans="14:14">
      <c r="N525618" s="10"/>
    </row>
    <row r="525619" spans="14:14">
      <c r="N525619" s="10"/>
    </row>
    <row r="525620" spans="14:14">
      <c r="N525620" s="10"/>
    </row>
    <row r="525621" spans="14:14">
      <c r="N525621" s="10"/>
    </row>
    <row r="525622" spans="14:14">
      <c r="N525622" s="10"/>
    </row>
    <row r="525623" spans="14:14">
      <c r="N525623" s="10"/>
    </row>
    <row r="525624" spans="14:14">
      <c r="N525624" s="10"/>
    </row>
    <row r="525625" spans="14:14">
      <c r="N525625" s="10"/>
    </row>
    <row r="525626" spans="14:14">
      <c r="N525626" s="10"/>
    </row>
    <row r="525627" spans="14:14">
      <c r="N525627" s="10"/>
    </row>
    <row r="525628" spans="14:14">
      <c r="N525628" s="10"/>
    </row>
    <row r="525629" spans="14:14">
      <c r="N525629" s="10"/>
    </row>
    <row r="525630" spans="14:14">
      <c r="N525630" s="10"/>
    </row>
    <row r="525631" spans="14:14">
      <c r="N525631" s="10"/>
    </row>
    <row r="525632" spans="14:14">
      <c r="N525632" s="10"/>
    </row>
    <row r="525633" spans="14:14">
      <c r="N525633" s="10"/>
    </row>
    <row r="525634" spans="14:14">
      <c r="N525634" s="10"/>
    </row>
    <row r="525635" spans="14:14">
      <c r="N525635" s="10"/>
    </row>
    <row r="525636" spans="14:14">
      <c r="N525636" s="10"/>
    </row>
    <row r="525637" spans="14:14">
      <c r="N525637" s="10"/>
    </row>
    <row r="525638" spans="14:14">
      <c r="N525638" s="10"/>
    </row>
    <row r="525639" spans="14:14">
      <c r="N525639" s="10"/>
    </row>
    <row r="525640" spans="14:14">
      <c r="N525640" s="10"/>
    </row>
    <row r="525641" spans="14:14">
      <c r="N525641" s="10"/>
    </row>
    <row r="525642" spans="14:14">
      <c r="N525642" s="10"/>
    </row>
    <row r="525643" spans="14:14">
      <c r="N525643" s="10"/>
    </row>
    <row r="525644" spans="14:14">
      <c r="N525644" s="10"/>
    </row>
    <row r="525645" spans="14:14">
      <c r="N525645" s="10"/>
    </row>
    <row r="525646" spans="14:14">
      <c r="N525646" s="10"/>
    </row>
    <row r="525647" spans="14:14">
      <c r="N525647" s="10"/>
    </row>
    <row r="525648" spans="14:14">
      <c r="N525648" s="10"/>
    </row>
    <row r="525649" spans="14:14">
      <c r="N525649" s="10"/>
    </row>
    <row r="525650" spans="14:14">
      <c r="N525650" s="10"/>
    </row>
    <row r="525651" spans="14:14">
      <c r="N525651" s="10"/>
    </row>
    <row r="525652" spans="14:14">
      <c r="N525652" s="10"/>
    </row>
    <row r="525653" spans="14:14">
      <c r="N525653" s="10"/>
    </row>
    <row r="525654" spans="14:14">
      <c r="N525654" s="10"/>
    </row>
    <row r="525655" spans="14:14">
      <c r="N525655" s="10"/>
    </row>
    <row r="525656" spans="14:14">
      <c r="N525656" s="10"/>
    </row>
    <row r="525657" spans="14:14">
      <c r="N525657" s="10"/>
    </row>
    <row r="525658" spans="14:14">
      <c r="N525658" s="10"/>
    </row>
    <row r="525659" spans="14:14">
      <c r="N525659" s="10"/>
    </row>
    <row r="525660" spans="14:14">
      <c r="N525660" s="10"/>
    </row>
    <row r="525661" spans="14:14">
      <c r="N525661" s="10"/>
    </row>
    <row r="525662" spans="14:14">
      <c r="N525662" s="10"/>
    </row>
    <row r="525663" spans="14:14">
      <c r="N525663" s="10"/>
    </row>
    <row r="525664" spans="14:14">
      <c r="N525664" s="10"/>
    </row>
    <row r="525665" spans="14:14">
      <c r="N525665" s="10"/>
    </row>
    <row r="525666" spans="14:14">
      <c r="N525666" s="10"/>
    </row>
    <row r="525667" spans="14:14">
      <c r="N525667" s="10"/>
    </row>
    <row r="525668" spans="14:14">
      <c r="N525668" s="10"/>
    </row>
    <row r="525669" spans="14:14">
      <c r="N525669" s="10"/>
    </row>
    <row r="525670" spans="14:14">
      <c r="N525670" s="10"/>
    </row>
    <row r="525671" spans="14:14">
      <c r="N525671" s="10"/>
    </row>
    <row r="525672" spans="14:14">
      <c r="N525672" s="10"/>
    </row>
    <row r="525673" spans="14:14">
      <c r="N525673" s="10"/>
    </row>
    <row r="525674" spans="14:14">
      <c r="N525674" s="10"/>
    </row>
    <row r="525675" spans="14:14">
      <c r="N525675" s="10"/>
    </row>
    <row r="525676" spans="14:14">
      <c r="N525676" s="10"/>
    </row>
    <row r="525677" spans="14:14">
      <c r="N525677" s="10"/>
    </row>
    <row r="525678" spans="14:14">
      <c r="N525678" s="10"/>
    </row>
    <row r="525679" spans="14:14">
      <c r="N525679" s="10"/>
    </row>
    <row r="525680" spans="14:14">
      <c r="N525680" s="10"/>
    </row>
    <row r="525681" spans="14:14">
      <c r="N525681" s="10"/>
    </row>
    <row r="525682" spans="14:14">
      <c r="N525682" s="10"/>
    </row>
    <row r="525683" spans="14:14">
      <c r="N525683" s="10"/>
    </row>
    <row r="525684" spans="14:14">
      <c r="N525684" s="10"/>
    </row>
    <row r="525685" spans="14:14">
      <c r="N525685" s="10"/>
    </row>
    <row r="525686" spans="14:14">
      <c r="N525686" s="10"/>
    </row>
    <row r="525687" spans="14:14">
      <c r="N525687" s="10"/>
    </row>
    <row r="525688" spans="14:14">
      <c r="N525688" s="10"/>
    </row>
    <row r="525689" spans="14:14">
      <c r="N525689" s="10"/>
    </row>
    <row r="525690" spans="14:14">
      <c r="N525690" s="10"/>
    </row>
    <row r="525691" spans="14:14">
      <c r="N525691" s="10"/>
    </row>
    <row r="525692" spans="14:14">
      <c r="N525692" s="10"/>
    </row>
    <row r="525693" spans="14:14">
      <c r="N525693" s="10"/>
    </row>
    <row r="525694" spans="14:14">
      <c r="N525694" s="10"/>
    </row>
    <row r="525695" spans="14:14">
      <c r="N525695" s="10"/>
    </row>
    <row r="525696" spans="14:14">
      <c r="N525696" s="10"/>
    </row>
    <row r="525697" spans="14:14">
      <c r="N525697" s="10"/>
    </row>
    <row r="525698" spans="14:14">
      <c r="N525698" s="10"/>
    </row>
    <row r="525699" spans="14:14">
      <c r="N525699" s="10"/>
    </row>
    <row r="525700" spans="14:14">
      <c r="N525700" s="10"/>
    </row>
    <row r="525701" spans="14:14">
      <c r="N525701" s="10"/>
    </row>
    <row r="525702" spans="14:14">
      <c r="N525702" s="10"/>
    </row>
    <row r="525703" spans="14:14">
      <c r="N525703" s="10"/>
    </row>
    <row r="525704" spans="14:14">
      <c r="N525704" s="10"/>
    </row>
    <row r="525705" spans="14:14">
      <c r="N525705" s="10"/>
    </row>
    <row r="525706" spans="14:14">
      <c r="N525706" s="10"/>
    </row>
    <row r="525707" spans="14:14">
      <c r="N525707" s="10"/>
    </row>
    <row r="525708" spans="14:14">
      <c r="N525708" s="10"/>
    </row>
    <row r="525709" spans="14:14">
      <c r="N525709" s="10"/>
    </row>
    <row r="525710" spans="14:14">
      <c r="N525710" s="10"/>
    </row>
    <row r="525711" spans="14:14">
      <c r="N525711" s="10"/>
    </row>
    <row r="525712" spans="14:14">
      <c r="N525712" s="10"/>
    </row>
    <row r="525713" spans="14:14">
      <c r="N525713" s="10"/>
    </row>
    <row r="525714" spans="14:14">
      <c r="N525714" s="10"/>
    </row>
    <row r="525715" spans="14:14">
      <c r="N525715" s="10"/>
    </row>
    <row r="525716" spans="14:14">
      <c r="N525716" s="10"/>
    </row>
    <row r="525717" spans="14:14">
      <c r="N525717" s="10"/>
    </row>
    <row r="525718" spans="14:14">
      <c r="N525718" s="10"/>
    </row>
    <row r="525719" spans="14:14">
      <c r="N525719" s="10"/>
    </row>
    <row r="525720" spans="14:14">
      <c r="N525720" s="10"/>
    </row>
    <row r="525721" spans="14:14">
      <c r="N525721" s="10"/>
    </row>
    <row r="525722" spans="14:14">
      <c r="N525722" s="10"/>
    </row>
    <row r="525723" spans="14:14">
      <c r="N525723" s="10"/>
    </row>
    <row r="525724" spans="14:14">
      <c r="N525724" s="10"/>
    </row>
    <row r="525725" spans="14:14">
      <c r="N525725" s="10"/>
    </row>
    <row r="525726" spans="14:14">
      <c r="N525726" s="10"/>
    </row>
    <row r="525727" spans="14:14">
      <c r="N525727" s="10"/>
    </row>
    <row r="525728" spans="14:14">
      <c r="N525728" s="10"/>
    </row>
    <row r="525729" spans="14:14">
      <c r="N525729" s="10"/>
    </row>
    <row r="525730" spans="14:14">
      <c r="N525730" s="10"/>
    </row>
    <row r="525731" spans="14:14">
      <c r="N525731" s="10"/>
    </row>
    <row r="525732" spans="14:14">
      <c r="N525732" s="10"/>
    </row>
    <row r="525733" spans="14:14">
      <c r="N525733" s="10"/>
    </row>
    <row r="525734" spans="14:14">
      <c r="N525734" s="10"/>
    </row>
    <row r="525735" spans="14:14">
      <c r="N525735" s="10"/>
    </row>
    <row r="525736" spans="14:14">
      <c r="N525736" s="10"/>
    </row>
    <row r="525737" spans="14:14">
      <c r="N525737" s="10"/>
    </row>
    <row r="525738" spans="14:14">
      <c r="N525738" s="10"/>
    </row>
    <row r="525739" spans="14:14">
      <c r="N525739" s="10"/>
    </row>
    <row r="525740" spans="14:14">
      <c r="N525740" s="10"/>
    </row>
    <row r="525741" spans="14:14">
      <c r="N525741" s="10"/>
    </row>
    <row r="525742" spans="14:14">
      <c r="N525742" s="10"/>
    </row>
    <row r="525743" spans="14:14">
      <c r="N525743" s="10"/>
    </row>
    <row r="525744" spans="14:14">
      <c r="N525744" s="10"/>
    </row>
    <row r="525745" spans="14:14">
      <c r="N525745" s="10"/>
    </row>
    <row r="525746" spans="14:14">
      <c r="N525746" s="10"/>
    </row>
    <row r="525747" spans="14:14">
      <c r="N525747" s="10"/>
    </row>
    <row r="525748" spans="14:14">
      <c r="N525748" s="10"/>
    </row>
    <row r="525749" spans="14:14">
      <c r="N525749" s="10"/>
    </row>
    <row r="525750" spans="14:14">
      <c r="N525750" s="10"/>
    </row>
    <row r="525751" spans="14:14">
      <c r="N525751" s="10"/>
    </row>
    <row r="525752" spans="14:14">
      <c r="N525752" s="10"/>
    </row>
    <row r="525753" spans="14:14">
      <c r="N525753" s="10"/>
    </row>
    <row r="525754" spans="14:14">
      <c r="N525754" s="10"/>
    </row>
    <row r="525755" spans="14:14">
      <c r="N525755" s="10"/>
    </row>
    <row r="525756" spans="14:14">
      <c r="N525756" s="10"/>
    </row>
    <row r="525757" spans="14:14">
      <c r="N525757" s="10"/>
    </row>
    <row r="525758" spans="14:14">
      <c r="N525758" s="10"/>
    </row>
    <row r="525759" spans="14:14">
      <c r="N525759" s="10"/>
    </row>
    <row r="525760" spans="14:14">
      <c r="N525760" s="10"/>
    </row>
    <row r="525761" spans="14:14">
      <c r="N525761" s="10"/>
    </row>
    <row r="525762" spans="14:14">
      <c r="N525762" s="10"/>
    </row>
    <row r="525763" spans="14:14">
      <c r="N525763" s="10"/>
    </row>
    <row r="525764" spans="14:14">
      <c r="N525764" s="10"/>
    </row>
    <row r="525765" spans="14:14">
      <c r="N525765" s="10"/>
    </row>
    <row r="525766" spans="14:14">
      <c r="N525766" s="10"/>
    </row>
    <row r="525767" spans="14:14">
      <c r="N525767" s="10"/>
    </row>
    <row r="525768" spans="14:14">
      <c r="N525768" s="10"/>
    </row>
    <row r="525769" spans="14:14">
      <c r="N525769" s="10"/>
    </row>
    <row r="525770" spans="14:14">
      <c r="N525770" s="10"/>
    </row>
    <row r="525771" spans="14:14">
      <c r="N525771" s="10"/>
    </row>
    <row r="525772" spans="14:14">
      <c r="N525772" s="10"/>
    </row>
    <row r="525773" spans="14:14">
      <c r="N525773" s="10"/>
    </row>
    <row r="525774" spans="14:14">
      <c r="N525774" s="10"/>
    </row>
    <row r="525775" spans="14:14">
      <c r="N525775" s="10"/>
    </row>
    <row r="525776" spans="14:14">
      <c r="N525776" s="10"/>
    </row>
    <row r="525777" spans="14:14">
      <c r="N525777" s="10"/>
    </row>
    <row r="525778" spans="14:14">
      <c r="N525778" s="10"/>
    </row>
    <row r="525779" spans="14:14">
      <c r="N525779" s="10"/>
    </row>
    <row r="525780" spans="14:14">
      <c r="N525780" s="10"/>
    </row>
    <row r="525781" spans="14:14">
      <c r="N525781" s="10"/>
    </row>
    <row r="525782" spans="14:14">
      <c r="N525782" s="10"/>
    </row>
    <row r="525783" spans="14:14">
      <c r="N525783" s="10"/>
    </row>
    <row r="525784" spans="14:14">
      <c r="N525784" s="10"/>
    </row>
    <row r="525785" spans="14:14">
      <c r="N525785" s="10"/>
    </row>
    <row r="525786" spans="14:14">
      <c r="N525786" s="10"/>
    </row>
    <row r="525787" spans="14:14">
      <c r="N525787" s="10"/>
    </row>
    <row r="525788" spans="14:14">
      <c r="N525788" s="10"/>
    </row>
    <row r="525789" spans="14:14">
      <c r="N525789" s="10"/>
    </row>
    <row r="525790" spans="14:14">
      <c r="N525790" s="10"/>
    </row>
    <row r="525791" spans="14:14">
      <c r="N525791" s="10"/>
    </row>
    <row r="525792" spans="14:14">
      <c r="N525792" s="10"/>
    </row>
    <row r="525793" spans="14:14">
      <c r="N525793" s="10"/>
    </row>
    <row r="525794" spans="14:14">
      <c r="N525794" s="10"/>
    </row>
    <row r="525795" spans="14:14">
      <c r="N525795" s="10"/>
    </row>
    <row r="525796" spans="14:14">
      <c r="N525796" s="10"/>
    </row>
    <row r="525797" spans="14:14">
      <c r="N525797" s="10"/>
    </row>
    <row r="525798" spans="14:14">
      <c r="N525798" s="10"/>
    </row>
    <row r="525799" spans="14:14">
      <c r="N525799" s="10"/>
    </row>
    <row r="525800" spans="14:14">
      <c r="N525800" s="10"/>
    </row>
    <row r="525801" spans="14:14">
      <c r="N525801" s="10"/>
    </row>
    <row r="525802" spans="14:14">
      <c r="N525802" s="10"/>
    </row>
    <row r="525803" spans="14:14">
      <c r="N525803" s="10"/>
    </row>
    <row r="525804" spans="14:14">
      <c r="N525804" s="10"/>
    </row>
    <row r="525805" spans="14:14">
      <c r="N525805" s="10"/>
    </row>
    <row r="525806" spans="14:14">
      <c r="N525806" s="10"/>
    </row>
    <row r="525807" spans="14:14">
      <c r="N525807" s="10"/>
    </row>
    <row r="525808" spans="14:14">
      <c r="N525808" s="10"/>
    </row>
    <row r="525809" spans="14:14">
      <c r="N525809" s="10"/>
    </row>
    <row r="525810" spans="14:14">
      <c r="N525810" s="10"/>
    </row>
    <row r="525811" spans="14:14">
      <c r="N525811" s="10"/>
    </row>
    <row r="525812" spans="14:14">
      <c r="N525812" s="10"/>
    </row>
    <row r="525813" spans="14:14">
      <c r="N525813" s="10"/>
    </row>
    <row r="525814" spans="14:14">
      <c r="N525814" s="10"/>
    </row>
    <row r="525815" spans="14:14">
      <c r="N525815" s="10"/>
    </row>
    <row r="525816" spans="14:14">
      <c r="N525816" s="10"/>
    </row>
    <row r="525817" spans="14:14">
      <c r="N525817" s="10"/>
    </row>
    <row r="525818" spans="14:14">
      <c r="N525818" s="10"/>
    </row>
    <row r="525819" spans="14:14">
      <c r="N525819" s="10"/>
    </row>
    <row r="525820" spans="14:14">
      <c r="N525820" s="10"/>
    </row>
    <row r="525821" spans="14:14">
      <c r="N525821" s="10"/>
    </row>
    <row r="525822" spans="14:14">
      <c r="N525822" s="10"/>
    </row>
    <row r="525823" spans="14:14">
      <c r="N525823" s="10"/>
    </row>
    <row r="525824" spans="14:14">
      <c r="N525824" s="10"/>
    </row>
    <row r="525825" spans="14:14">
      <c r="N525825" s="10"/>
    </row>
    <row r="525826" spans="14:14">
      <c r="N525826" s="10"/>
    </row>
    <row r="525827" spans="14:14">
      <c r="N525827" s="10"/>
    </row>
    <row r="525828" spans="14:14">
      <c r="N525828" s="10"/>
    </row>
    <row r="525829" spans="14:14">
      <c r="N525829" s="10"/>
    </row>
    <row r="525830" spans="14:14">
      <c r="N525830" s="10"/>
    </row>
    <row r="525831" spans="14:14">
      <c r="N525831" s="10"/>
    </row>
    <row r="525832" spans="14:14">
      <c r="N525832" s="10"/>
    </row>
    <row r="525833" spans="14:14">
      <c r="N525833" s="10"/>
    </row>
    <row r="525834" spans="14:14">
      <c r="N525834" s="10"/>
    </row>
    <row r="525835" spans="14:14">
      <c r="N525835" s="10"/>
    </row>
    <row r="525836" spans="14:14">
      <c r="N525836" s="10"/>
    </row>
    <row r="525837" spans="14:14">
      <c r="N525837" s="10"/>
    </row>
    <row r="525838" spans="14:14">
      <c r="N525838" s="10"/>
    </row>
    <row r="525839" spans="14:14">
      <c r="N525839" s="10"/>
    </row>
    <row r="525840" spans="14:14">
      <c r="N525840" s="10"/>
    </row>
    <row r="525841" spans="14:14">
      <c r="N525841" s="10"/>
    </row>
    <row r="525842" spans="14:14">
      <c r="N525842" s="10"/>
    </row>
    <row r="525843" spans="14:14">
      <c r="N525843" s="10"/>
    </row>
    <row r="525844" spans="14:14">
      <c r="N525844" s="10"/>
    </row>
    <row r="525845" spans="14:14">
      <c r="N525845" s="10"/>
    </row>
    <row r="525846" spans="14:14">
      <c r="N525846" s="10"/>
    </row>
    <row r="525847" spans="14:14">
      <c r="N525847" s="10"/>
    </row>
    <row r="525848" spans="14:14">
      <c r="N525848" s="10"/>
    </row>
    <row r="525849" spans="14:14">
      <c r="N525849" s="10"/>
    </row>
    <row r="525850" spans="14:14">
      <c r="N525850" s="10"/>
    </row>
    <row r="525851" spans="14:14">
      <c r="N525851" s="10"/>
    </row>
    <row r="525852" spans="14:14">
      <c r="N525852" s="10"/>
    </row>
    <row r="525853" spans="14:14">
      <c r="N525853" s="10"/>
    </row>
    <row r="525854" spans="14:14">
      <c r="N525854" s="10"/>
    </row>
    <row r="525855" spans="14:14">
      <c r="N525855" s="10"/>
    </row>
    <row r="525856" spans="14:14">
      <c r="N525856" s="10"/>
    </row>
    <row r="525857" spans="14:14">
      <c r="N525857" s="10"/>
    </row>
    <row r="525858" spans="14:14">
      <c r="N525858" s="10"/>
    </row>
    <row r="525859" spans="14:14">
      <c r="N525859" s="10"/>
    </row>
    <row r="525860" spans="14:14">
      <c r="N525860" s="10"/>
    </row>
    <row r="525861" spans="14:14">
      <c r="N525861" s="10"/>
    </row>
    <row r="525862" spans="14:14">
      <c r="N525862" s="10"/>
    </row>
    <row r="525863" spans="14:14">
      <c r="N525863" s="10"/>
    </row>
    <row r="525864" spans="14:14">
      <c r="N525864" s="10"/>
    </row>
    <row r="525865" spans="14:14">
      <c r="N525865" s="10"/>
    </row>
    <row r="525866" spans="14:14">
      <c r="N525866" s="10"/>
    </row>
    <row r="525867" spans="14:14">
      <c r="N525867" s="10"/>
    </row>
    <row r="525868" spans="14:14">
      <c r="N525868" s="10"/>
    </row>
    <row r="525869" spans="14:14">
      <c r="N525869" s="10"/>
    </row>
    <row r="525870" spans="14:14">
      <c r="N525870" s="10"/>
    </row>
    <row r="525871" spans="14:14">
      <c r="N525871" s="10"/>
    </row>
    <row r="525872" spans="14:14">
      <c r="N525872" s="10"/>
    </row>
    <row r="525873" spans="14:14">
      <c r="N525873" s="10"/>
    </row>
    <row r="525874" spans="14:14">
      <c r="N525874" s="10"/>
    </row>
    <row r="525875" spans="14:14">
      <c r="N525875" s="10"/>
    </row>
    <row r="525876" spans="14:14">
      <c r="N525876" s="10"/>
    </row>
    <row r="525877" spans="14:14">
      <c r="N525877" s="10"/>
    </row>
    <row r="525878" spans="14:14">
      <c r="N525878" s="10"/>
    </row>
    <row r="525879" spans="14:14">
      <c r="N525879" s="10"/>
    </row>
    <row r="525880" spans="14:14">
      <c r="N525880" s="10"/>
    </row>
    <row r="525881" spans="14:14">
      <c r="N525881" s="10"/>
    </row>
    <row r="525882" spans="14:14">
      <c r="N525882" s="10"/>
    </row>
    <row r="525883" spans="14:14">
      <c r="N525883" s="10"/>
    </row>
    <row r="525884" spans="14:14">
      <c r="N525884" s="10"/>
    </row>
    <row r="525885" spans="14:14">
      <c r="N525885" s="10"/>
    </row>
    <row r="525886" spans="14:14">
      <c r="N525886" s="10"/>
    </row>
    <row r="525887" spans="14:14">
      <c r="N525887" s="10"/>
    </row>
    <row r="525888" spans="14:14">
      <c r="N525888" s="10"/>
    </row>
    <row r="525889" spans="14:14">
      <c r="N525889" s="10"/>
    </row>
    <row r="525890" spans="14:14">
      <c r="N525890" s="10"/>
    </row>
    <row r="525891" spans="14:14">
      <c r="N525891" s="10"/>
    </row>
    <row r="525892" spans="14:14">
      <c r="N525892" s="10"/>
    </row>
    <row r="525893" spans="14:14">
      <c r="N525893" s="10"/>
    </row>
    <row r="525894" spans="14:14">
      <c r="N525894" s="10"/>
    </row>
    <row r="525895" spans="14:14">
      <c r="N525895" s="10"/>
    </row>
    <row r="525896" spans="14:14">
      <c r="N525896" s="10"/>
    </row>
    <row r="525897" spans="14:14">
      <c r="N525897" s="10"/>
    </row>
    <row r="525898" spans="14:14">
      <c r="N525898" s="10"/>
    </row>
    <row r="525899" spans="14:14">
      <c r="N525899" s="10"/>
    </row>
    <row r="525900" spans="14:14">
      <c r="N525900" s="10"/>
    </row>
    <row r="525901" spans="14:14">
      <c r="N525901" s="10"/>
    </row>
    <row r="525902" spans="14:14">
      <c r="N525902" s="10"/>
    </row>
    <row r="525903" spans="14:14">
      <c r="N525903" s="10"/>
    </row>
    <row r="525904" spans="14:14">
      <c r="N525904" s="10"/>
    </row>
    <row r="525905" spans="14:14">
      <c r="N525905" s="10"/>
    </row>
    <row r="525906" spans="14:14">
      <c r="N525906" s="10"/>
    </row>
    <row r="525907" spans="14:14">
      <c r="N525907" s="10"/>
    </row>
    <row r="525908" spans="14:14">
      <c r="N525908" s="10"/>
    </row>
    <row r="525909" spans="14:14">
      <c r="N525909" s="10"/>
    </row>
    <row r="525910" spans="14:14">
      <c r="N525910" s="10"/>
    </row>
    <row r="525911" spans="14:14">
      <c r="N525911" s="10"/>
    </row>
    <row r="525912" spans="14:14">
      <c r="N525912" s="10"/>
    </row>
    <row r="525913" spans="14:14">
      <c r="N525913" s="10"/>
    </row>
    <row r="525914" spans="14:14">
      <c r="N525914" s="10"/>
    </row>
    <row r="525915" spans="14:14">
      <c r="N525915" s="10"/>
    </row>
    <row r="525916" spans="14:14">
      <c r="N525916" s="10"/>
    </row>
    <row r="525917" spans="14:14">
      <c r="N525917" s="10"/>
    </row>
    <row r="525918" spans="14:14">
      <c r="N525918" s="10"/>
    </row>
    <row r="525919" spans="14:14">
      <c r="N525919" s="10"/>
    </row>
    <row r="525920" spans="14:14">
      <c r="N525920" s="10"/>
    </row>
    <row r="525921" spans="14:14">
      <c r="N525921" s="10"/>
    </row>
    <row r="525922" spans="14:14">
      <c r="N525922" s="10"/>
    </row>
    <row r="525923" spans="14:14">
      <c r="N525923" s="10"/>
    </row>
    <row r="525924" spans="14:14">
      <c r="N525924" s="10"/>
    </row>
    <row r="525925" spans="14:14">
      <c r="N525925" s="10"/>
    </row>
    <row r="525926" spans="14:14">
      <c r="N525926" s="10"/>
    </row>
    <row r="525927" spans="14:14">
      <c r="N525927" s="10"/>
    </row>
    <row r="525928" spans="14:14">
      <c r="N525928" s="10"/>
    </row>
    <row r="525929" spans="14:14">
      <c r="N525929" s="10"/>
    </row>
    <row r="525930" spans="14:14">
      <c r="N525930" s="10"/>
    </row>
    <row r="525931" spans="14:14">
      <c r="N525931" s="10"/>
    </row>
    <row r="525932" spans="14:14">
      <c r="N525932" s="10"/>
    </row>
    <row r="525933" spans="14:14">
      <c r="N525933" s="10"/>
    </row>
    <row r="525934" spans="14:14">
      <c r="N525934" s="10"/>
    </row>
    <row r="525935" spans="14:14">
      <c r="N525935" s="10"/>
    </row>
    <row r="525936" spans="14:14">
      <c r="N525936" s="10"/>
    </row>
    <row r="525937" spans="14:14">
      <c r="N525937" s="10"/>
    </row>
    <row r="525938" spans="14:14">
      <c r="N525938" s="10"/>
    </row>
    <row r="525939" spans="14:14">
      <c r="N525939" s="10"/>
    </row>
    <row r="525940" spans="14:14">
      <c r="N525940" s="10"/>
    </row>
    <row r="525941" spans="14:14">
      <c r="N525941" s="10"/>
    </row>
    <row r="525942" spans="14:14">
      <c r="N525942" s="10"/>
    </row>
    <row r="525943" spans="14:14">
      <c r="N525943" s="10"/>
    </row>
    <row r="525944" spans="14:14">
      <c r="N525944" s="10"/>
    </row>
    <row r="525945" spans="14:14">
      <c r="N525945" s="10"/>
    </row>
    <row r="525946" spans="14:14">
      <c r="N525946" s="10"/>
    </row>
    <row r="525947" spans="14:14">
      <c r="N525947" s="10"/>
    </row>
    <row r="525948" spans="14:14">
      <c r="N525948" s="10"/>
    </row>
    <row r="525949" spans="14:14">
      <c r="N525949" s="10"/>
    </row>
    <row r="525950" spans="14:14">
      <c r="N525950" s="10"/>
    </row>
    <row r="525951" spans="14:14">
      <c r="N525951" s="10"/>
    </row>
    <row r="525952" spans="14:14">
      <c r="N525952" s="10"/>
    </row>
    <row r="525953" spans="14:14">
      <c r="N525953" s="10"/>
    </row>
    <row r="525954" spans="14:14">
      <c r="N525954" s="10"/>
    </row>
    <row r="525955" spans="14:14">
      <c r="N525955" s="10"/>
    </row>
    <row r="525956" spans="14:14">
      <c r="N525956" s="10"/>
    </row>
    <row r="525957" spans="14:14">
      <c r="N525957" s="10"/>
    </row>
    <row r="525958" spans="14:14">
      <c r="N525958" s="10"/>
    </row>
    <row r="525959" spans="14:14">
      <c r="N525959" s="10"/>
    </row>
    <row r="525960" spans="14:14">
      <c r="N525960" s="10"/>
    </row>
    <row r="525961" spans="14:14">
      <c r="N525961" s="10"/>
    </row>
    <row r="525962" spans="14:14">
      <c r="N525962" s="10"/>
    </row>
    <row r="525963" spans="14:14">
      <c r="N525963" s="10"/>
    </row>
    <row r="525964" spans="14:14">
      <c r="N525964" s="10"/>
    </row>
    <row r="525965" spans="14:14">
      <c r="N525965" s="10"/>
    </row>
    <row r="525966" spans="14:14">
      <c r="N525966" s="10"/>
    </row>
    <row r="525967" spans="14:14">
      <c r="N525967" s="10"/>
    </row>
    <row r="525968" spans="14:14">
      <c r="N525968" s="10"/>
    </row>
    <row r="525969" spans="14:14">
      <c r="N525969" s="10"/>
    </row>
    <row r="525970" spans="14:14">
      <c r="N525970" s="10"/>
    </row>
    <row r="525971" spans="14:14">
      <c r="N525971" s="10"/>
    </row>
    <row r="525972" spans="14:14">
      <c r="N525972" s="10"/>
    </row>
    <row r="525973" spans="14:14">
      <c r="N525973" s="10"/>
    </row>
    <row r="525974" spans="14:14">
      <c r="N525974" s="10"/>
    </row>
    <row r="525975" spans="14:14">
      <c r="N525975" s="10"/>
    </row>
    <row r="525976" spans="14:14">
      <c r="N525976" s="10"/>
    </row>
    <row r="525977" spans="14:14">
      <c r="N525977" s="10"/>
    </row>
    <row r="525978" spans="14:14">
      <c r="N525978" s="10"/>
    </row>
    <row r="525979" spans="14:14">
      <c r="N525979" s="10"/>
    </row>
    <row r="525980" spans="14:14">
      <c r="N525980" s="10"/>
    </row>
    <row r="525981" spans="14:14">
      <c r="N525981" s="10"/>
    </row>
    <row r="525982" spans="14:14">
      <c r="N525982" s="10"/>
    </row>
    <row r="525983" spans="14:14">
      <c r="N525983" s="10"/>
    </row>
    <row r="525984" spans="14:14">
      <c r="N525984" s="10"/>
    </row>
    <row r="525985" spans="14:14">
      <c r="N525985" s="10"/>
    </row>
    <row r="525986" spans="14:14">
      <c r="N525986" s="10"/>
    </row>
    <row r="525987" spans="14:14">
      <c r="N525987" s="10"/>
    </row>
    <row r="525988" spans="14:14">
      <c r="N525988" s="10"/>
    </row>
    <row r="525989" spans="14:14">
      <c r="N525989" s="10"/>
    </row>
    <row r="525990" spans="14:14">
      <c r="N525990" s="10"/>
    </row>
    <row r="525991" spans="14:14">
      <c r="N525991" s="10"/>
    </row>
    <row r="525992" spans="14:14">
      <c r="N525992" s="10"/>
    </row>
    <row r="525993" spans="14:14">
      <c r="N525993" s="10"/>
    </row>
    <row r="525994" spans="14:14">
      <c r="N525994" s="10"/>
    </row>
    <row r="525995" spans="14:14">
      <c r="N525995" s="10"/>
    </row>
    <row r="525996" spans="14:14">
      <c r="N525996" s="10"/>
    </row>
    <row r="525997" spans="14:14">
      <c r="N525997" s="10"/>
    </row>
    <row r="525998" spans="14:14">
      <c r="N525998" s="10"/>
    </row>
    <row r="525999" spans="14:14">
      <c r="N525999" s="10"/>
    </row>
    <row r="526000" spans="14:14">
      <c r="N526000" s="10"/>
    </row>
    <row r="526001" spans="14:14">
      <c r="N526001" s="10"/>
    </row>
    <row r="526002" spans="14:14">
      <c r="N526002" s="10"/>
    </row>
    <row r="526003" spans="14:14">
      <c r="N526003" s="10"/>
    </row>
    <row r="526004" spans="14:14">
      <c r="N526004" s="10"/>
    </row>
    <row r="526005" spans="14:14">
      <c r="N526005" s="10"/>
    </row>
    <row r="526006" spans="14:14">
      <c r="N526006" s="10"/>
    </row>
    <row r="526007" spans="14:14">
      <c r="N526007" s="10"/>
    </row>
    <row r="526008" spans="14:14">
      <c r="N526008" s="10"/>
    </row>
    <row r="526009" spans="14:14">
      <c r="N526009" s="10"/>
    </row>
    <row r="526010" spans="14:14">
      <c r="N526010" s="10"/>
    </row>
    <row r="526011" spans="14:14">
      <c r="N526011" s="10"/>
    </row>
    <row r="526012" spans="14:14">
      <c r="N526012" s="10"/>
    </row>
    <row r="526013" spans="14:14">
      <c r="N526013" s="10"/>
    </row>
    <row r="526014" spans="14:14">
      <c r="N526014" s="10"/>
    </row>
    <row r="526015" spans="14:14">
      <c r="N526015" s="10"/>
    </row>
    <row r="526016" spans="14:14">
      <c r="N526016" s="10"/>
    </row>
    <row r="526017" spans="14:14">
      <c r="N526017" s="10"/>
    </row>
    <row r="526018" spans="14:14">
      <c r="N526018" s="10"/>
    </row>
    <row r="526019" spans="14:14">
      <c r="N526019" s="10"/>
    </row>
    <row r="526020" spans="14:14">
      <c r="N526020" s="10"/>
    </row>
    <row r="526021" spans="14:14">
      <c r="N526021" s="10"/>
    </row>
    <row r="526022" spans="14:14">
      <c r="N526022" s="10"/>
    </row>
    <row r="526023" spans="14:14">
      <c r="N526023" s="10"/>
    </row>
    <row r="526024" spans="14:14">
      <c r="N526024" s="10"/>
    </row>
    <row r="526025" spans="14:14">
      <c r="N526025" s="10"/>
    </row>
    <row r="526026" spans="14:14">
      <c r="N526026" s="10"/>
    </row>
    <row r="526027" spans="14:14">
      <c r="N526027" s="10"/>
    </row>
    <row r="526028" spans="14:14">
      <c r="N526028" s="10"/>
    </row>
    <row r="526029" spans="14:14">
      <c r="N526029" s="10"/>
    </row>
    <row r="526030" spans="14:14">
      <c r="N526030" s="10"/>
    </row>
    <row r="526031" spans="14:14">
      <c r="N526031" s="10"/>
    </row>
    <row r="526032" spans="14:14">
      <c r="N526032" s="10"/>
    </row>
    <row r="526033" spans="14:14">
      <c r="N526033" s="10"/>
    </row>
    <row r="526034" spans="14:14">
      <c r="N526034" s="10"/>
    </row>
    <row r="526035" spans="14:14">
      <c r="N526035" s="10"/>
    </row>
    <row r="526036" spans="14:14">
      <c r="N526036" s="10"/>
    </row>
    <row r="526037" spans="14:14">
      <c r="N526037" s="10"/>
    </row>
    <row r="526038" spans="14:14">
      <c r="N526038" s="10"/>
    </row>
    <row r="526039" spans="14:14">
      <c r="N526039" s="10"/>
    </row>
    <row r="526040" spans="14:14">
      <c r="N526040" s="10"/>
    </row>
    <row r="526041" spans="14:14">
      <c r="N526041" s="10"/>
    </row>
    <row r="526042" spans="14:14">
      <c r="N526042" s="10"/>
    </row>
    <row r="526043" spans="14:14">
      <c r="N526043" s="10"/>
    </row>
    <row r="526044" spans="14:14">
      <c r="N526044" s="10"/>
    </row>
    <row r="526045" spans="14:14">
      <c r="N526045" s="10"/>
    </row>
    <row r="526046" spans="14:14">
      <c r="N526046" s="10"/>
    </row>
    <row r="526047" spans="14:14">
      <c r="N526047" s="10"/>
    </row>
    <row r="526048" spans="14:14">
      <c r="N526048" s="10"/>
    </row>
    <row r="526049" spans="14:14">
      <c r="N526049" s="10"/>
    </row>
    <row r="526050" spans="14:14">
      <c r="N526050" s="10"/>
    </row>
    <row r="526051" spans="14:14">
      <c r="N526051" s="10"/>
    </row>
    <row r="526052" spans="14:14">
      <c r="N526052" s="10"/>
    </row>
    <row r="526053" spans="14:14">
      <c r="N526053" s="10"/>
    </row>
    <row r="526054" spans="14:14">
      <c r="N526054" s="10"/>
    </row>
    <row r="526055" spans="14:14">
      <c r="N526055" s="10"/>
    </row>
    <row r="526056" spans="14:14">
      <c r="N526056" s="10"/>
    </row>
    <row r="526057" spans="14:14">
      <c r="N526057" s="10"/>
    </row>
    <row r="526058" spans="14:14">
      <c r="N526058" s="10"/>
    </row>
    <row r="526059" spans="14:14">
      <c r="N526059" s="10"/>
    </row>
    <row r="526060" spans="14:14">
      <c r="N526060" s="10"/>
    </row>
    <row r="526061" spans="14:14">
      <c r="N526061" s="10"/>
    </row>
    <row r="526062" spans="14:14">
      <c r="N526062" s="10"/>
    </row>
    <row r="526063" spans="14:14">
      <c r="N526063" s="10"/>
    </row>
    <row r="526064" spans="14:14">
      <c r="N526064" s="10"/>
    </row>
    <row r="526065" spans="14:14">
      <c r="N526065" s="10"/>
    </row>
    <row r="526066" spans="14:14">
      <c r="N526066" s="10"/>
    </row>
    <row r="526067" spans="14:14">
      <c r="N526067" s="10"/>
    </row>
    <row r="526068" spans="14:14">
      <c r="N526068" s="10"/>
    </row>
    <row r="526069" spans="14:14">
      <c r="N526069" s="10"/>
    </row>
    <row r="526070" spans="14:14">
      <c r="N526070" s="10"/>
    </row>
    <row r="526071" spans="14:14">
      <c r="N526071" s="10"/>
    </row>
    <row r="526072" spans="14:14">
      <c r="N526072" s="10"/>
    </row>
    <row r="526073" spans="14:14">
      <c r="N526073" s="10"/>
    </row>
    <row r="526074" spans="14:14">
      <c r="N526074" s="10"/>
    </row>
    <row r="526075" spans="14:14">
      <c r="N526075" s="10"/>
    </row>
    <row r="526076" spans="14:14">
      <c r="N526076" s="10"/>
    </row>
    <row r="526077" spans="14:14">
      <c r="N526077" s="10"/>
    </row>
    <row r="526078" spans="14:14">
      <c r="N526078" s="10"/>
    </row>
    <row r="526079" spans="14:14">
      <c r="N526079" s="10"/>
    </row>
    <row r="526080" spans="14:14">
      <c r="N526080" s="10"/>
    </row>
    <row r="526081" spans="14:14">
      <c r="N526081" s="10"/>
    </row>
    <row r="526082" spans="14:14">
      <c r="N526082" s="10"/>
    </row>
    <row r="526083" spans="14:14">
      <c r="N526083" s="10"/>
    </row>
    <row r="526084" spans="14:14">
      <c r="N526084" s="10"/>
    </row>
    <row r="526085" spans="14:14">
      <c r="N526085" s="10"/>
    </row>
    <row r="526086" spans="14:14">
      <c r="N526086" s="10"/>
    </row>
    <row r="526087" spans="14:14">
      <c r="N526087" s="10"/>
    </row>
    <row r="526088" spans="14:14">
      <c r="N526088" s="10"/>
    </row>
    <row r="526089" spans="14:14">
      <c r="N526089" s="10"/>
    </row>
    <row r="526090" spans="14:14">
      <c r="N526090" s="10"/>
    </row>
    <row r="526091" spans="14:14">
      <c r="N526091" s="10"/>
    </row>
    <row r="526092" spans="14:14">
      <c r="N526092" s="10"/>
    </row>
    <row r="526093" spans="14:14">
      <c r="N526093" s="10"/>
    </row>
    <row r="526094" spans="14:14">
      <c r="N526094" s="10"/>
    </row>
    <row r="526095" spans="14:14">
      <c r="N526095" s="10"/>
    </row>
    <row r="526096" spans="14:14">
      <c r="N526096" s="10"/>
    </row>
    <row r="526097" spans="14:14">
      <c r="N526097" s="10"/>
    </row>
    <row r="526098" spans="14:14">
      <c r="N526098" s="10"/>
    </row>
    <row r="526099" spans="14:14">
      <c r="N526099" s="10"/>
    </row>
    <row r="526100" spans="14:14">
      <c r="N526100" s="10"/>
    </row>
    <row r="526101" spans="14:14">
      <c r="N526101" s="10"/>
    </row>
    <row r="526102" spans="14:14">
      <c r="N526102" s="10"/>
    </row>
    <row r="526103" spans="14:14">
      <c r="N526103" s="10"/>
    </row>
    <row r="526104" spans="14:14">
      <c r="N526104" s="10"/>
    </row>
    <row r="526105" spans="14:14">
      <c r="N526105" s="10"/>
    </row>
    <row r="526106" spans="14:14">
      <c r="N526106" s="10"/>
    </row>
    <row r="526107" spans="14:14">
      <c r="N526107" s="10"/>
    </row>
    <row r="526108" spans="14:14">
      <c r="N526108" s="10"/>
    </row>
    <row r="526109" spans="14:14">
      <c r="N526109" s="10"/>
    </row>
    <row r="526110" spans="14:14">
      <c r="N526110" s="10"/>
    </row>
    <row r="526111" spans="14:14">
      <c r="N526111" s="10"/>
    </row>
    <row r="526112" spans="14:14">
      <c r="N526112" s="10"/>
    </row>
    <row r="526113" spans="14:14">
      <c r="N526113" s="10"/>
    </row>
    <row r="526114" spans="14:14">
      <c r="N526114" s="10"/>
    </row>
    <row r="526115" spans="14:14">
      <c r="N526115" s="10"/>
    </row>
    <row r="526116" spans="14:14">
      <c r="N526116" s="10"/>
    </row>
    <row r="526117" spans="14:14">
      <c r="N526117" s="10"/>
    </row>
    <row r="526118" spans="14:14">
      <c r="N526118" s="10"/>
    </row>
    <row r="526119" spans="14:14">
      <c r="N526119" s="10"/>
    </row>
    <row r="526120" spans="14:14">
      <c r="N526120" s="10"/>
    </row>
    <row r="526121" spans="14:14">
      <c r="N526121" s="10"/>
    </row>
    <row r="526122" spans="14:14">
      <c r="N526122" s="10"/>
    </row>
    <row r="526123" spans="14:14">
      <c r="N526123" s="10"/>
    </row>
    <row r="526124" spans="14:14">
      <c r="N526124" s="10"/>
    </row>
    <row r="526125" spans="14:14">
      <c r="N526125" s="10"/>
    </row>
    <row r="526126" spans="14:14">
      <c r="N526126" s="10"/>
    </row>
    <row r="526127" spans="14:14">
      <c r="N526127" s="10"/>
    </row>
    <row r="526128" spans="14:14">
      <c r="N526128" s="10"/>
    </row>
    <row r="526129" spans="14:14">
      <c r="N526129" s="10"/>
    </row>
    <row r="526130" spans="14:14">
      <c r="N526130" s="10"/>
    </row>
    <row r="526131" spans="14:14">
      <c r="N526131" s="10"/>
    </row>
    <row r="526132" spans="14:14">
      <c r="N526132" s="10"/>
    </row>
    <row r="526133" spans="14:14">
      <c r="N526133" s="10"/>
    </row>
    <row r="526134" spans="14:14">
      <c r="N526134" s="10"/>
    </row>
    <row r="526135" spans="14:14">
      <c r="N526135" s="10"/>
    </row>
    <row r="526136" spans="14:14">
      <c r="N526136" s="10"/>
    </row>
    <row r="526137" spans="14:14">
      <c r="N526137" s="10"/>
    </row>
    <row r="526138" spans="14:14">
      <c r="N526138" s="10"/>
    </row>
    <row r="526139" spans="14:14">
      <c r="N526139" s="10"/>
    </row>
    <row r="526140" spans="14:14">
      <c r="N526140" s="10"/>
    </row>
    <row r="526141" spans="14:14">
      <c r="N526141" s="10"/>
    </row>
    <row r="526142" spans="14:14">
      <c r="N526142" s="10"/>
    </row>
    <row r="526143" spans="14:14">
      <c r="N526143" s="10"/>
    </row>
    <row r="526144" spans="14:14">
      <c r="N526144" s="10"/>
    </row>
    <row r="526145" spans="14:14">
      <c r="N526145" s="10"/>
    </row>
    <row r="526146" spans="14:14">
      <c r="N526146" s="10"/>
    </row>
    <row r="526147" spans="14:14">
      <c r="N526147" s="10"/>
    </row>
    <row r="526148" spans="14:14">
      <c r="N526148" s="10"/>
    </row>
    <row r="526149" spans="14:14">
      <c r="N526149" s="10"/>
    </row>
    <row r="526150" spans="14:14">
      <c r="N526150" s="10"/>
    </row>
    <row r="526151" spans="14:14">
      <c r="N526151" s="10"/>
    </row>
    <row r="526152" spans="14:14">
      <c r="N526152" s="10"/>
    </row>
    <row r="526153" spans="14:14">
      <c r="N526153" s="10"/>
    </row>
    <row r="526154" spans="14:14">
      <c r="N526154" s="10"/>
    </row>
    <row r="526155" spans="14:14">
      <c r="N526155" s="10"/>
    </row>
    <row r="526156" spans="14:14">
      <c r="N526156" s="10"/>
    </row>
    <row r="526157" spans="14:14">
      <c r="N526157" s="10"/>
    </row>
    <row r="526158" spans="14:14">
      <c r="N526158" s="10"/>
    </row>
    <row r="526159" spans="14:14">
      <c r="N526159" s="10"/>
    </row>
    <row r="526160" spans="14:14">
      <c r="N526160" s="10"/>
    </row>
    <row r="526161" spans="14:14">
      <c r="N526161" s="10"/>
    </row>
    <row r="526162" spans="14:14">
      <c r="N526162" s="10"/>
    </row>
    <row r="526163" spans="14:14">
      <c r="N526163" s="10"/>
    </row>
    <row r="526164" spans="14:14">
      <c r="N526164" s="10"/>
    </row>
    <row r="526165" spans="14:14">
      <c r="N526165" s="10"/>
    </row>
    <row r="526166" spans="14:14">
      <c r="N526166" s="10"/>
    </row>
    <row r="526167" spans="14:14">
      <c r="N526167" s="10"/>
    </row>
    <row r="526168" spans="14:14">
      <c r="N526168" s="10"/>
    </row>
    <row r="526169" spans="14:14">
      <c r="N526169" s="10"/>
    </row>
    <row r="526170" spans="14:14">
      <c r="N526170" s="10"/>
    </row>
    <row r="526171" spans="14:14">
      <c r="N526171" s="10"/>
    </row>
    <row r="526172" spans="14:14">
      <c r="N526172" s="10"/>
    </row>
    <row r="526173" spans="14:14">
      <c r="N526173" s="10"/>
    </row>
    <row r="526174" spans="14:14">
      <c r="N526174" s="10"/>
    </row>
    <row r="526175" spans="14:14">
      <c r="N526175" s="10"/>
    </row>
    <row r="526176" spans="14:14">
      <c r="N526176" s="10"/>
    </row>
    <row r="526177" spans="14:14">
      <c r="N526177" s="10"/>
    </row>
    <row r="526178" spans="14:14">
      <c r="N526178" s="10"/>
    </row>
    <row r="526179" spans="14:14">
      <c r="N526179" s="10"/>
    </row>
    <row r="526180" spans="14:14">
      <c r="N526180" s="10"/>
    </row>
    <row r="526181" spans="14:14">
      <c r="N526181" s="10"/>
    </row>
    <row r="526182" spans="14:14">
      <c r="N526182" s="10"/>
    </row>
    <row r="526183" spans="14:14">
      <c r="N526183" s="10"/>
    </row>
    <row r="526184" spans="14:14">
      <c r="N526184" s="10"/>
    </row>
    <row r="526185" spans="14:14">
      <c r="N526185" s="10"/>
    </row>
    <row r="526186" spans="14:14">
      <c r="N526186" s="10"/>
    </row>
    <row r="526187" spans="14:14">
      <c r="N526187" s="10"/>
    </row>
    <row r="526188" spans="14:14">
      <c r="N526188" s="10"/>
    </row>
    <row r="526189" spans="14:14">
      <c r="N526189" s="10"/>
    </row>
    <row r="526190" spans="14:14">
      <c r="N526190" s="10"/>
    </row>
    <row r="526191" spans="14:14">
      <c r="N526191" s="10"/>
    </row>
    <row r="526192" spans="14:14">
      <c r="N526192" s="10"/>
    </row>
    <row r="526193" spans="14:14">
      <c r="N526193" s="10"/>
    </row>
    <row r="526194" spans="14:14">
      <c r="N526194" s="10"/>
    </row>
    <row r="526195" spans="14:14">
      <c r="N526195" s="10"/>
    </row>
    <row r="526196" spans="14:14">
      <c r="N526196" s="10"/>
    </row>
    <row r="526197" spans="14:14">
      <c r="N526197" s="10"/>
    </row>
    <row r="526198" spans="14:14">
      <c r="N526198" s="10"/>
    </row>
    <row r="526199" spans="14:14">
      <c r="N526199" s="10"/>
    </row>
    <row r="526200" spans="14:14">
      <c r="N526200" s="10"/>
    </row>
    <row r="526201" spans="14:14">
      <c r="N526201" s="10"/>
    </row>
    <row r="526202" spans="14:14">
      <c r="N526202" s="10"/>
    </row>
    <row r="526203" spans="14:14">
      <c r="N526203" s="10"/>
    </row>
    <row r="526204" spans="14:14">
      <c r="N526204" s="10"/>
    </row>
    <row r="526205" spans="14:14">
      <c r="N526205" s="10"/>
    </row>
    <row r="526206" spans="14:14">
      <c r="N526206" s="10"/>
    </row>
    <row r="526207" spans="14:14">
      <c r="N526207" s="10"/>
    </row>
    <row r="526208" spans="14:14">
      <c r="N526208" s="10"/>
    </row>
    <row r="526209" spans="14:14">
      <c r="N526209" s="10"/>
    </row>
    <row r="526210" spans="14:14">
      <c r="N526210" s="10"/>
    </row>
    <row r="526211" spans="14:14">
      <c r="N526211" s="10"/>
    </row>
    <row r="526212" spans="14:14">
      <c r="N526212" s="10"/>
    </row>
    <row r="526213" spans="14:14">
      <c r="N526213" s="10"/>
    </row>
    <row r="526214" spans="14:14">
      <c r="N526214" s="10"/>
    </row>
    <row r="526215" spans="14:14">
      <c r="N526215" s="10"/>
    </row>
    <row r="526216" spans="14:14">
      <c r="N526216" s="10"/>
    </row>
    <row r="526217" spans="14:14">
      <c r="N526217" s="10"/>
    </row>
    <row r="526218" spans="14:14">
      <c r="N526218" s="10"/>
    </row>
    <row r="526219" spans="14:14">
      <c r="N526219" s="10"/>
    </row>
    <row r="526220" spans="14:14">
      <c r="N526220" s="10"/>
    </row>
    <row r="526221" spans="14:14">
      <c r="N526221" s="10"/>
    </row>
    <row r="526222" spans="14:14">
      <c r="N526222" s="10"/>
    </row>
    <row r="526223" spans="14:14">
      <c r="N526223" s="10"/>
    </row>
    <row r="526224" spans="14:14">
      <c r="N526224" s="10"/>
    </row>
    <row r="526225" spans="14:14">
      <c r="N526225" s="10"/>
    </row>
    <row r="526226" spans="14:14">
      <c r="N526226" s="10"/>
    </row>
    <row r="526227" spans="14:14">
      <c r="N526227" s="10"/>
    </row>
    <row r="526228" spans="14:14">
      <c r="N526228" s="10"/>
    </row>
    <row r="526229" spans="14:14">
      <c r="N526229" s="10"/>
    </row>
    <row r="526230" spans="14:14">
      <c r="N526230" s="10"/>
    </row>
    <row r="526231" spans="14:14">
      <c r="N526231" s="10"/>
    </row>
    <row r="526232" spans="14:14">
      <c r="N526232" s="10"/>
    </row>
    <row r="526233" spans="14:14">
      <c r="N526233" s="10"/>
    </row>
    <row r="526234" spans="14:14">
      <c r="N526234" s="10"/>
    </row>
    <row r="526235" spans="14:14">
      <c r="N526235" s="10"/>
    </row>
    <row r="526236" spans="14:14">
      <c r="N526236" s="10"/>
    </row>
    <row r="526237" spans="14:14">
      <c r="N526237" s="10"/>
    </row>
    <row r="526238" spans="14:14">
      <c r="N526238" s="10"/>
    </row>
    <row r="526239" spans="14:14">
      <c r="N526239" s="10"/>
    </row>
    <row r="526240" spans="14:14">
      <c r="N526240" s="10"/>
    </row>
    <row r="526241" spans="14:14">
      <c r="N526241" s="10"/>
    </row>
    <row r="526242" spans="14:14">
      <c r="N526242" s="10"/>
    </row>
    <row r="526243" spans="14:14">
      <c r="N526243" s="10"/>
    </row>
    <row r="526244" spans="14:14">
      <c r="N526244" s="10"/>
    </row>
    <row r="526245" spans="14:14">
      <c r="N526245" s="10"/>
    </row>
    <row r="526246" spans="14:14">
      <c r="N526246" s="10"/>
    </row>
    <row r="526247" spans="14:14">
      <c r="N526247" s="10"/>
    </row>
    <row r="526248" spans="14:14">
      <c r="N526248" s="10"/>
    </row>
    <row r="526249" spans="14:14">
      <c r="N526249" s="10"/>
    </row>
    <row r="526250" spans="14:14">
      <c r="N526250" s="10"/>
    </row>
    <row r="526251" spans="14:14">
      <c r="N526251" s="10"/>
    </row>
    <row r="526252" spans="14:14">
      <c r="N526252" s="10"/>
    </row>
    <row r="526253" spans="14:14">
      <c r="N526253" s="10"/>
    </row>
    <row r="526254" spans="14:14">
      <c r="N526254" s="10"/>
    </row>
    <row r="526255" spans="14:14">
      <c r="N526255" s="10"/>
    </row>
    <row r="526256" spans="14:14">
      <c r="N526256" s="10"/>
    </row>
    <row r="526257" spans="14:14">
      <c r="N526257" s="10"/>
    </row>
    <row r="526258" spans="14:14">
      <c r="N526258" s="10"/>
    </row>
    <row r="526259" spans="14:14">
      <c r="N526259" s="10"/>
    </row>
    <row r="526260" spans="14:14">
      <c r="N526260" s="10"/>
    </row>
    <row r="526261" spans="14:14">
      <c r="N526261" s="10"/>
    </row>
    <row r="526262" spans="14:14">
      <c r="N526262" s="10"/>
    </row>
    <row r="526263" spans="14:14">
      <c r="N526263" s="10"/>
    </row>
    <row r="526264" spans="14:14">
      <c r="N526264" s="10"/>
    </row>
    <row r="526265" spans="14:14">
      <c r="N526265" s="10"/>
    </row>
    <row r="526266" spans="14:14">
      <c r="N526266" s="10"/>
    </row>
    <row r="526267" spans="14:14">
      <c r="N526267" s="10"/>
    </row>
    <row r="526268" spans="14:14">
      <c r="N526268" s="10"/>
    </row>
    <row r="526269" spans="14:14">
      <c r="N526269" s="10"/>
    </row>
    <row r="526270" spans="14:14">
      <c r="N526270" s="10"/>
    </row>
    <row r="526271" spans="14:14">
      <c r="N526271" s="10"/>
    </row>
    <row r="526272" spans="14:14">
      <c r="N526272" s="10"/>
    </row>
    <row r="526273" spans="14:14">
      <c r="N526273" s="10"/>
    </row>
    <row r="526274" spans="14:14">
      <c r="N526274" s="10"/>
    </row>
    <row r="526275" spans="14:14">
      <c r="N526275" s="10"/>
    </row>
    <row r="526276" spans="14:14">
      <c r="N526276" s="10"/>
    </row>
    <row r="526277" spans="14:14">
      <c r="N526277" s="10"/>
    </row>
    <row r="526278" spans="14:14">
      <c r="N526278" s="10"/>
    </row>
    <row r="526279" spans="14:14">
      <c r="N526279" s="10"/>
    </row>
    <row r="526280" spans="14:14">
      <c r="N526280" s="10"/>
    </row>
    <row r="526281" spans="14:14">
      <c r="N526281" s="10"/>
    </row>
    <row r="526282" spans="14:14">
      <c r="N526282" s="10"/>
    </row>
    <row r="526283" spans="14:14">
      <c r="N526283" s="10"/>
    </row>
    <row r="526284" spans="14:14">
      <c r="N526284" s="10"/>
    </row>
    <row r="526285" spans="14:14">
      <c r="N526285" s="10"/>
    </row>
    <row r="526286" spans="14:14">
      <c r="N526286" s="10"/>
    </row>
    <row r="526287" spans="14:14">
      <c r="N526287" s="10"/>
    </row>
    <row r="526288" spans="14:14">
      <c r="N526288" s="10"/>
    </row>
    <row r="526289" spans="14:14">
      <c r="N526289" s="10"/>
    </row>
    <row r="526290" spans="14:14">
      <c r="N526290" s="10"/>
    </row>
    <row r="526291" spans="14:14">
      <c r="N526291" s="10"/>
    </row>
    <row r="526292" spans="14:14">
      <c r="N526292" s="10"/>
    </row>
    <row r="526293" spans="14:14">
      <c r="N526293" s="10"/>
    </row>
    <row r="526294" spans="14:14">
      <c r="N526294" s="10"/>
    </row>
    <row r="526295" spans="14:14">
      <c r="N526295" s="10"/>
    </row>
    <row r="526296" spans="14:14">
      <c r="N526296" s="10"/>
    </row>
    <row r="526297" spans="14:14">
      <c r="N526297" s="10"/>
    </row>
    <row r="526298" spans="14:14">
      <c r="N526298" s="10"/>
    </row>
    <row r="526299" spans="14:14">
      <c r="N526299" s="10"/>
    </row>
    <row r="526300" spans="14:14">
      <c r="N526300" s="10"/>
    </row>
    <row r="526301" spans="14:14">
      <c r="N526301" s="10"/>
    </row>
    <row r="526302" spans="14:14">
      <c r="N526302" s="10"/>
    </row>
    <row r="526303" spans="14:14">
      <c r="N526303" s="10"/>
    </row>
    <row r="526304" spans="14:14">
      <c r="N526304" s="10"/>
    </row>
    <row r="526305" spans="14:14">
      <c r="N526305" s="10"/>
    </row>
    <row r="526306" spans="14:14">
      <c r="N526306" s="10"/>
    </row>
    <row r="526307" spans="14:14">
      <c r="N526307" s="10"/>
    </row>
    <row r="526308" spans="14:14">
      <c r="N526308" s="10"/>
    </row>
    <row r="526309" spans="14:14">
      <c r="N526309" s="10"/>
    </row>
    <row r="526310" spans="14:14">
      <c r="N526310" s="10"/>
    </row>
    <row r="526311" spans="14:14">
      <c r="N526311" s="10"/>
    </row>
    <row r="526312" spans="14:14">
      <c r="N526312" s="10"/>
    </row>
    <row r="526313" spans="14:14">
      <c r="N526313" s="10"/>
    </row>
    <row r="526314" spans="14:14">
      <c r="N526314" s="10"/>
    </row>
    <row r="526315" spans="14:14">
      <c r="N526315" s="10"/>
    </row>
    <row r="526316" spans="14:14">
      <c r="N526316" s="10"/>
    </row>
    <row r="526317" spans="14:14">
      <c r="N526317" s="10"/>
    </row>
    <row r="526318" spans="14:14">
      <c r="N526318" s="10"/>
    </row>
    <row r="526319" spans="14:14">
      <c r="N526319" s="10"/>
    </row>
    <row r="526320" spans="14:14">
      <c r="N526320" s="10"/>
    </row>
    <row r="526321" spans="14:14">
      <c r="N526321" s="10"/>
    </row>
    <row r="526322" spans="14:14">
      <c r="N526322" s="10"/>
    </row>
    <row r="526323" spans="14:14">
      <c r="N526323" s="10"/>
    </row>
    <row r="526324" spans="14:14">
      <c r="N526324" s="10"/>
    </row>
    <row r="526325" spans="14:14">
      <c r="N526325" s="10"/>
    </row>
    <row r="526326" spans="14:14">
      <c r="N526326" s="10"/>
    </row>
    <row r="526327" spans="14:14">
      <c r="N526327" s="10"/>
    </row>
    <row r="526328" spans="14:14">
      <c r="N526328" s="10"/>
    </row>
    <row r="526329" spans="14:14">
      <c r="N526329" s="10"/>
    </row>
    <row r="526330" spans="14:14">
      <c r="N526330" s="10"/>
    </row>
    <row r="526331" spans="14:14">
      <c r="N526331" s="10"/>
    </row>
    <row r="526332" spans="14:14">
      <c r="N526332" s="10"/>
    </row>
    <row r="526333" spans="14:14">
      <c r="N526333" s="10"/>
    </row>
    <row r="526334" spans="14:14">
      <c r="N526334" s="10"/>
    </row>
    <row r="526335" spans="14:14">
      <c r="N526335" s="10"/>
    </row>
    <row r="526336" spans="14:14">
      <c r="N526336" s="10"/>
    </row>
    <row r="526337" spans="14:14">
      <c r="N526337" s="10"/>
    </row>
    <row r="526338" spans="14:14">
      <c r="N526338" s="10"/>
    </row>
    <row r="526339" spans="14:14">
      <c r="N526339" s="10"/>
    </row>
    <row r="526340" spans="14:14">
      <c r="N526340" s="10"/>
    </row>
    <row r="526341" spans="14:14">
      <c r="N526341" s="10"/>
    </row>
    <row r="526342" spans="14:14">
      <c r="N526342" s="10"/>
    </row>
    <row r="526343" spans="14:14">
      <c r="N526343" s="10"/>
    </row>
    <row r="526344" spans="14:14">
      <c r="N526344" s="10"/>
    </row>
    <row r="526345" spans="14:14">
      <c r="N526345" s="10"/>
    </row>
    <row r="526346" spans="14:14">
      <c r="N526346" s="10"/>
    </row>
    <row r="526347" spans="14:14">
      <c r="N526347" s="10"/>
    </row>
    <row r="526348" spans="14:14">
      <c r="N526348" s="10"/>
    </row>
    <row r="526349" spans="14:14">
      <c r="N526349" s="10"/>
    </row>
    <row r="526350" spans="14:14">
      <c r="N526350" s="10"/>
    </row>
    <row r="526351" spans="14:14">
      <c r="N526351" s="10"/>
    </row>
    <row r="526352" spans="14:14">
      <c r="N526352" s="10"/>
    </row>
    <row r="526353" spans="14:14">
      <c r="N526353" s="10"/>
    </row>
    <row r="526354" spans="14:14">
      <c r="N526354" s="10"/>
    </row>
    <row r="526355" spans="14:14">
      <c r="N526355" s="10"/>
    </row>
    <row r="526356" spans="14:14">
      <c r="N526356" s="10"/>
    </row>
    <row r="526357" spans="14:14">
      <c r="N526357" s="10"/>
    </row>
    <row r="526358" spans="14:14">
      <c r="N526358" s="10"/>
    </row>
    <row r="526359" spans="14:14">
      <c r="N526359" s="10"/>
    </row>
    <row r="526360" spans="14:14">
      <c r="N526360" s="10"/>
    </row>
    <row r="526361" spans="14:14">
      <c r="N526361" s="10"/>
    </row>
    <row r="526362" spans="14:14">
      <c r="N526362" s="10"/>
    </row>
    <row r="526363" spans="14:14">
      <c r="N526363" s="10"/>
    </row>
    <row r="526364" spans="14:14">
      <c r="N526364" s="10"/>
    </row>
    <row r="526365" spans="14:14">
      <c r="N526365" s="10"/>
    </row>
    <row r="526366" spans="14:14">
      <c r="N526366" s="10"/>
    </row>
    <row r="526367" spans="14:14">
      <c r="N526367" s="10"/>
    </row>
    <row r="526368" spans="14:14">
      <c r="N526368" s="10"/>
    </row>
    <row r="526369" spans="14:14">
      <c r="N526369" s="10"/>
    </row>
    <row r="526370" spans="14:14">
      <c r="N526370" s="10"/>
    </row>
    <row r="526371" spans="14:14">
      <c r="N526371" s="10"/>
    </row>
    <row r="526372" spans="14:14">
      <c r="N526372" s="10"/>
    </row>
    <row r="526373" spans="14:14">
      <c r="N526373" s="10"/>
    </row>
    <row r="526374" spans="14:14">
      <c r="N526374" s="10"/>
    </row>
    <row r="526375" spans="14:14">
      <c r="N526375" s="10"/>
    </row>
    <row r="526376" spans="14:14">
      <c r="N526376" s="10"/>
    </row>
    <row r="526377" spans="14:14">
      <c r="N526377" s="10"/>
    </row>
    <row r="526378" spans="14:14">
      <c r="N526378" s="10"/>
    </row>
    <row r="526379" spans="14:14">
      <c r="N526379" s="10"/>
    </row>
    <row r="526380" spans="14:14">
      <c r="N526380" s="10"/>
    </row>
    <row r="526381" spans="14:14">
      <c r="N526381" s="10"/>
    </row>
    <row r="526382" spans="14:14">
      <c r="N526382" s="10"/>
    </row>
    <row r="526383" spans="14:14">
      <c r="N526383" s="10"/>
    </row>
    <row r="526384" spans="14:14">
      <c r="N526384" s="10"/>
    </row>
    <row r="526385" spans="14:14">
      <c r="N526385" s="10"/>
    </row>
    <row r="526386" spans="14:14">
      <c r="N526386" s="10"/>
    </row>
    <row r="526387" spans="14:14">
      <c r="N526387" s="10"/>
    </row>
    <row r="526388" spans="14:14">
      <c r="N526388" s="10"/>
    </row>
    <row r="526389" spans="14:14">
      <c r="N526389" s="10"/>
    </row>
    <row r="526390" spans="14:14">
      <c r="N526390" s="10"/>
    </row>
    <row r="526391" spans="14:14">
      <c r="N526391" s="10"/>
    </row>
    <row r="526392" spans="14:14">
      <c r="N526392" s="10"/>
    </row>
    <row r="526393" spans="14:14">
      <c r="N526393" s="10"/>
    </row>
    <row r="526394" spans="14:14">
      <c r="N526394" s="10"/>
    </row>
    <row r="526395" spans="14:14">
      <c r="N526395" s="10"/>
    </row>
    <row r="526396" spans="14:14">
      <c r="N526396" s="10"/>
    </row>
    <row r="526397" spans="14:14">
      <c r="N526397" s="10"/>
    </row>
    <row r="526398" spans="14:14">
      <c r="N526398" s="10"/>
    </row>
    <row r="526399" spans="14:14">
      <c r="N526399" s="10"/>
    </row>
    <row r="526400" spans="14:14">
      <c r="N526400" s="10"/>
    </row>
    <row r="526401" spans="14:14">
      <c r="N526401" s="10"/>
    </row>
    <row r="526402" spans="14:14">
      <c r="N526402" s="10"/>
    </row>
    <row r="526403" spans="14:14">
      <c r="N526403" s="10"/>
    </row>
    <row r="526404" spans="14:14">
      <c r="N526404" s="10"/>
    </row>
    <row r="526405" spans="14:14">
      <c r="N526405" s="10"/>
    </row>
    <row r="526406" spans="14:14">
      <c r="N526406" s="10"/>
    </row>
    <row r="526407" spans="14:14">
      <c r="N526407" s="10"/>
    </row>
    <row r="526408" spans="14:14">
      <c r="N526408" s="10"/>
    </row>
    <row r="526409" spans="14:14">
      <c r="N526409" s="10"/>
    </row>
    <row r="526410" spans="14:14">
      <c r="N526410" s="10"/>
    </row>
    <row r="526411" spans="14:14">
      <c r="N526411" s="10"/>
    </row>
    <row r="526412" spans="14:14">
      <c r="N526412" s="10"/>
    </row>
    <row r="526413" spans="14:14">
      <c r="N526413" s="10"/>
    </row>
    <row r="526414" spans="14:14">
      <c r="N526414" s="10"/>
    </row>
    <row r="526415" spans="14:14">
      <c r="N526415" s="10"/>
    </row>
    <row r="526416" spans="14:14">
      <c r="N526416" s="10"/>
    </row>
    <row r="526417" spans="14:14">
      <c r="N526417" s="10"/>
    </row>
    <row r="526418" spans="14:14">
      <c r="N526418" s="10"/>
    </row>
    <row r="526419" spans="14:14">
      <c r="N526419" s="10"/>
    </row>
    <row r="526420" spans="14:14">
      <c r="N526420" s="10"/>
    </row>
    <row r="526421" spans="14:14">
      <c r="N526421" s="10"/>
    </row>
    <row r="526422" spans="14:14">
      <c r="N526422" s="10"/>
    </row>
    <row r="526423" spans="14:14">
      <c r="N526423" s="10"/>
    </row>
    <row r="526424" spans="14:14">
      <c r="N526424" s="10"/>
    </row>
    <row r="526425" spans="14:14">
      <c r="N526425" s="10"/>
    </row>
    <row r="526426" spans="14:14">
      <c r="N526426" s="10"/>
    </row>
    <row r="526427" spans="14:14">
      <c r="N526427" s="10"/>
    </row>
    <row r="526428" spans="14:14">
      <c r="N526428" s="10"/>
    </row>
    <row r="526429" spans="14:14">
      <c r="N526429" s="10"/>
    </row>
    <row r="526430" spans="14:14">
      <c r="N526430" s="10"/>
    </row>
    <row r="526431" spans="14:14">
      <c r="N526431" s="10"/>
    </row>
    <row r="526432" spans="14:14">
      <c r="N526432" s="10"/>
    </row>
    <row r="526433" spans="14:14">
      <c r="N526433" s="10"/>
    </row>
    <row r="526434" spans="14:14">
      <c r="N526434" s="10"/>
    </row>
    <row r="526435" spans="14:14">
      <c r="N526435" s="10"/>
    </row>
    <row r="526436" spans="14:14">
      <c r="N526436" s="10"/>
    </row>
    <row r="526437" spans="14:14">
      <c r="N526437" s="10"/>
    </row>
    <row r="526438" spans="14:14">
      <c r="N526438" s="10"/>
    </row>
    <row r="526439" spans="14:14">
      <c r="N526439" s="10"/>
    </row>
    <row r="526440" spans="14:14">
      <c r="N526440" s="10"/>
    </row>
    <row r="526441" spans="14:14">
      <c r="N526441" s="10"/>
    </row>
    <row r="526442" spans="14:14">
      <c r="N526442" s="10"/>
    </row>
    <row r="526443" spans="14:14">
      <c r="N526443" s="10"/>
    </row>
    <row r="526444" spans="14:14">
      <c r="N526444" s="10"/>
    </row>
    <row r="526445" spans="14:14">
      <c r="N526445" s="10"/>
    </row>
    <row r="526446" spans="14:14">
      <c r="N526446" s="10"/>
    </row>
    <row r="526447" spans="14:14">
      <c r="N526447" s="10"/>
    </row>
    <row r="526448" spans="14:14">
      <c r="N526448" s="10"/>
    </row>
    <row r="526449" spans="14:14">
      <c r="N526449" s="10"/>
    </row>
    <row r="526450" spans="14:14">
      <c r="N526450" s="10"/>
    </row>
    <row r="526451" spans="14:14">
      <c r="N526451" s="10"/>
    </row>
    <row r="526452" spans="14:14">
      <c r="N526452" s="10"/>
    </row>
    <row r="526453" spans="14:14">
      <c r="N526453" s="10"/>
    </row>
    <row r="526454" spans="14:14">
      <c r="N526454" s="10"/>
    </row>
    <row r="526455" spans="14:14">
      <c r="N526455" s="10"/>
    </row>
    <row r="526456" spans="14:14">
      <c r="N526456" s="10"/>
    </row>
    <row r="526457" spans="14:14">
      <c r="N526457" s="10"/>
    </row>
    <row r="526458" spans="14:14">
      <c r="N526458" s="10"/>
    </row>
    <row r="526459" spans="14:14">
      <c r="N526459" s="10"/>
    </row>
    <row r="526460" spans="14:14">
      <c r="N526460" s="10"/>
    </row>
    <row r="526461" spans="14:14">
      <c r="N526461" s="10"/>
    </row>
    <row r="526462" spans="14:14">
      <c r="N526462" s="10"/>
    </row>
    <row r="526463" spans="14:14">
      <c r="N526463" s="10"/>
    </row>
    <row r="526464" spans="14:14">
      <c r="N526464" s="10"/>
    </row>
    <row r="526465" spans="14:14">
      <c r="N526465" s="10"/>
    </row>
    <row r="526466" spans="14:14">
      <c r="N526466" s="10"/>
    </row>
    <row r="526467" spans="14:14">
      <c r="N526467" s="10"/>
    </row>
    <row r="526468" spans="14:14">
      <c r="N526468" s="10"/>
    </row>
    <row r="526469" spans="14:14">
      <c r="N526469" s="10"/>
    </row>
    <row r="526470" spans="14:14">
      <c r="N526470" s="10"/>
    </row>
    <row r="526471" spans="14:14">
      <c r="N526471" s="10"/>
    </row>
    <row r="526472" spans="14:14">
      <c r="N526472" s="10"/>
    </row>
    <row r="526473" spans="14:14">
      <c r="N526473" s="10"/>
    </row>
    <row r="526474" spans="14:14">
      <c r="N526474" s="10"/>
    </row>
    <row r="526475" spans="14:14">
      <c r="N526475" s="10"/>
    </row>
    <row r="526476" spans="14:14">
      <c r="N526476" s="10"/>
    </row>
    <row r="526477" spans="14:14">
      <c r="N526477" s="10"/>
    </row>
    <row r="526478" spans="14:14">
      <c r="N526478" s="10"/>
    </row>
    <row r="526479" spans="14:14">
      <c r="N526479" s="10"/>
    </row>
    <row r="526480" spans="14:14">
      <c r="N526480" s="10"/>
    </row>
    <row r="526481" spans="14:14">
      <c r="N526481" s="10"/>
    </row>
    <row r="526482" spans="14:14">
      <c r="N526482" s="10"/>
    </row>
    <row r="526483" spans="14:14">
      <c r="N526483" s="10"/>
    </row>
    <row r="526484" spans="14:14">
      <c r="N526484" s="10"/>
    </row>
    <row r="526485" spans="14:14">
      <c r="N526485" s="10"/>
    </row>
    <row r="526486" spans="14:14">
      <c r="N526486" s="10"/>
    </row>
    <row r="526487" spans="14:14">
      <c r="N526487" s="10"/>
    </row>
    <row r="526488" spans="14:14">
      <c r="N526488" s="10"/>
    </row>
    <row r="526489" spans="14:14">
      <c r="N526489" s="10"/>
    </row>
    <row r="526490" spans="14:14">
      <c r="N526490" s="10"/>
    </row>
    <row r="526491" spans="14:14">
      <c r="N526491" s="10"/>
    </row>
    <row r="526492" spans="14:14">
      <c r="N526492" s="10"/>
    </row>
    <row r="526493" spans="14:14">
      <c r="N526493" s="10"/>
    </row>
    <row r="526494" spans="14:14">
      <c r="N526494" s="10"/>
    </row>
    <row r="526495" spans="14:14">
      <c r="N526495" s="10"/>
    </row>
    <row r="526496" spans="14:14">
      <c r="N526496" s="10"/>
    </row>
    <row r="526497" spans="14:14">
      <c r="N526497" s="10"/>
    </row>
    <row r="526498" spans="14:14">
      <c r="N526498" s="10"/>
    </row>
    <row r="526499" spans="14:14">
      <c r="N526499" s="10"/>
    </row>
    <row r="526500" spans="14:14">
      <c r="N526500" s="10"/>
    </row>
    <row r="526501" spans="14:14">
      <c r="N526501" s="10"/>
    </row>
    <row r="526502" spans="14:14">
      <c r="N526502" s="10"/>
    </row>
    <row r="526503" spans="14:14">
      <c r="N526503" s="10"/>
    </row>
    <row r="526504" spans="14:14">
      <c r="N526504" s="10"/>
    </row>
    <row r="526505" spans="14:14">
      <c r="N526505" s="10"/>
    </row>
    <row r="526506" spans="14:14">
      <c r="N526506" s="10"/>
    </row>
    <row r="526507" spans="14:14">
      <c r="N526507" s="10"/>
    </row>
    <row r="526508" spans="14:14">
      <c r="N526508" s="10"/>
    </row>
    <row r="526509" spans="14:14">
      <c r="N526509" s="10"/>
    </row>
    <row r="526510" spans="14:14">
      <c r="N526510" s="10"/>
    </row>
    <row r="526511" spans="14:14">
      <c r="N526511" s="10"/>
    </row>
    <row r="526512" spans="14:14">
      <c r="N526512" s="10"/>
    </row>
    <row r="526513" spans="14:14">
      <c r="N526513" s="10"/>
    </row>
    <row r="526514" spans="14:14">
      <c r="N526514" s="10"/>
    </row>
    <row r="526515" spans="14:14">
      <c r="N526515" s="10"/>
    </row>
    <row r="526516" spans="14:14">
      <c r="N526516" s="10"/>
    </row>
    <row r="526517" spans="14:14">
      <c r="N526517" s="10"/>
    </row>
    <row r="526518" spans="14:14">
      <c r="N526518" s="10"/>
    </row>
    <row r="526519" spans="14:14">
      <c r="N526519" s="10"/>
    </row>
    <row r="526520" spans="14:14">
      <c r="N526520" s="10"/>
    </row>
    <row r="526521" spans="14:14">
      <c r="N526521" s="10"/>
    </row>
    <row r="526522" spans="14:14">
      <c r="N526522" s="10"/>
    </row>
    <row r="526523" spans="14:14">
      <c r="N526523" s="10"/>
    </row>
    <row r="526524" spans="14:14">
      <c r="N526524" s="10"/>
    </row>
    <row r="526525" spans="14:14">
      <c r="N526525" s="10"/>
    </row>
    <row r="526526" spans="14:14">
      <c r="N526526" s="10"/>
    </row>
    <row r="526527" spans="14:14">
      <c r="N526527" s="10"/>
    </row>
    <row r="526528" spans="14:14">
      <c r="N526528" s="10"/>
    </row>
    <row r="526529" spans="14:14">
      <c r="N526529" s="10"/>
    </row>
    <row r="526530" spans="14:14">
      <c r="N526530" s="10"/>
    </row>
    <row r="526531" spans="14:14">
      <c r="N526531" s="10"/>
    </row>
    <row r="526532" spans="14:14">
      <c r="N526532" s="10"/>
    </row>
    <row r="526533" spans="14:14">
      <c r="N526533" s="10"/>
    </row>
    <row r="526534" spans="14:14">
      <c r="N526534" s="10"/>
    </row>
    <row r="526535" spans="14:14">
      <c r="N526535" s="10"/>
    </row>
    <row r="526536" spans="14:14">
      <c r="N526536" s="10"/>
    </row>
    <row r="526537" spans="14:14">
      <c r="N526537" s="10"/>
    </row>
    <row r="526538" spans="14:14">
      <c r="N526538" s="10"/>
    </row>
    <row r="526539" spans="14:14">
      <c r="N526539" s="10"/>
    </row>
    <row r="526540" spans="14:14">
      <c r="N526540" s="10"/>
    </row>
    <row r="526541" spans="14:14">
      <c r="N526541" s="10"/>
    </row>
    <row r="526542" spans="14:14">
      <c r="N526542" s="10"/>
    </row>
    <row r="526543" spans="14:14">
      <c r="N526543" s="10"/>
    </row>
    <row r="526544" spans="14:14">
      <c r="N526544" s="10"/>
    </row>
    <row r="526545" spans="14:14">
      <c r="N526545" s="10"/>
    </row>
    <row r="526546" spans="14:14">
      <c r="N526546" s="10"/>
    </row>
    <row r="526547" spans="14:14">
      <c r="N526547" s="10"/>
    </row>
    <row r="526548" spans="14:14">
      <c r="N526548" s="10"/>
    </row>
    <row r="526549" spans="14:14">
      <c r="N526549" s="10"/>
    </row>
    <row r="526550" spans="14:14">
      <c r="N526550" s="10"/>
    </row>
    <row r="526551" spans="14:14">
      <c r="N526551" s="10"/>
    </row>
    <row r="526552" spans="14:14">
      <c r="N526552" s="10"/>
    </row>
    <row r="526553" spans="14:14">
      <c r="N526553" s="10"/>
    </row>
    <row r="526554" spans="14:14">
      <c r="N526554" s="10"/>
    </row>
    <row r="526555" spans="14:14">
      <c r="N526555" s="10"/>
    </row>
    <row r="526556" spans="14:14">
      <c r="N526556" s="10"/>
    </row>
    <row r="526557" spans="14:14">
      <c r="N526557" s="10"/>
    </row>
    <row r="526558" spans="14:14">
      <c r="N526558" s="10"/>
    </row>
    <row r="526559" spans="14:14">
      <c r="N526559" s="10"/>
    </row>
    <row r="526560" spans="14:14">
      <c r="N526560" s="10"/>
    </row>
    <row r="526561" spans="14:14">
      <c r="N526561" s="10"/>
    </row>
    <row r="526562" spans="14:14">
      <c r="N526562" s="10"/>
    </row>
    <row r="526563" spans="14:14">
      <c r="N526563" s="10"/>
    </row>
    <row r="526564" spans="14:14">
      <c r="N526564" s="10"/>
    </row>
    <row r="526565" spans="14:14">
      <c r="N526565" s="10"/>
    </row>
    <row r="526566" spans="14:14">
      <c r="N526566" s="10"/>
    </row>
    <row r="526567" spans="14:14">
      <c r="N526567" s="10"/>
    </row>
    <row r="526568" spans="14:14">
      <c r="N526568" s="10"/>
    </row>
    <row r="526569" spans="14:14">
      <c r="N526569" s="10"/>
    </row>
    <row r="526570" spans="14:14">
      <c r="N526570" s="10"/>
    </row>
    <row r="526571" spans="14:14">
      <c r="N526571" s="10"/>
    </row>
    <row r="526572" spans="14:14">
      <c r="N526572" s="10"/>
    </row>
    <row r="526573" spans="14:14">
      <c r="N526573" s="10"/>
    </row>
    <row r="526574" spans="14:14">
      <c r="N526574" s="10"/>
    </row>
    <row r="526575" spans="14:14">
      <c r="N526575" s="10"/>
    </row>
    <row r="526576" spans="14:14">
      <c r="N526576" s="10"/>
    </row>
    <row r="526577" spans="14:14">
      <c r="N526577" s="10"/>
    </row>
    <row r="526578" spans="14:14">
      <c r="N526578" s="10"/>
    </row>
    <row r="526579" spans="14:14">
      <c r="N526579" s="10"/>
    </row>
    <row r="526580" spans="14:14">
      <c r="N526580" s="10"/>
    </row>
    <row r="526581" spans="14:14">
      <c r="N526581" s="10"/>
    </row>
    <row r="526582" spans="14:14">
      <c r="N526582" s="10"/>
    </row>
    <row r="526583" spans="14:14">
      <c r="N526583" s="10"/>
    </row>
    <row r="526584" spans="14:14">
      <c r="N526584" s="10"/>
    </row>
    <row r="526585" spans="14:14">
      <c r="N526585" s="10"/>
    </row>
    <row r="526586" spans="14:14">
      <c r="N526586" s="10"/>
    </row>
    <row r="526587" spans="14:14">
      <c r="N526587" s="10"/>
    </row>
    <row r="526588" spans="14:14">
      <c r="N526588" s="10"/>
    </row>
    <row r="526589" spans="14:14">
      <c r="N526589" s="10"/>
    </row>
    <row r="526590" spans="14:14">
      <c r="N526590" s="10"/>
    </row>
    <row r="526591" spans="14:14">
      <c r="N526591" s="10"/>
    </row>
    <row r="526592" spans="14:14">
      <c r="N526592" s="10"/>
    </row>
    <row r="526593" spans="14:14">
      <c r="N526593" s="10"/>
    </row>
    <row r="526594" spans="14:14">
      <c r="N526594" s="10"/>
    </row>
    <row r="526595" spans="14:14">
      <c r="N526595" s="10"/>
    </row>
    <row r="526596" spans="14:14">
      <c r="N526596" s="10"/>
    </row>
    <row r="526597" spans="14:14">
      <c r="N526597" s="10"/>
    </row>
    <row r="526598" spans="14:14">
      <c r="N526598" s="10"/>
    </row>
    <row r="526599" spans="14:14">
      <c r="N526599" s="10"/>
    </row>
    <row r="526600" spans="14:14">
      <c r="N526600" s="10"/>
    </row>
    <row r="526601" spans="14:14">
      <c r="N526601" s="10"/>
    </row>
    <row r="526602" spans="14:14">
      <c r="N526602" s="10"/>
    </row>
    <row r="526603" spans="14:14">
      <c r="N526603" s="10"/>
    </row>
    <row r="526604" spans="14:14">
      <c r="N526604" s="10"/>
    </row>
    <row r="526605" spans="14:14">
      <c r="N526605" s="10"/>
    </row>
    <row r="526606" spans="14:14">
      <c r="N526606" s="10"/>
    </row>
    <row r="526607" spans="14:14">
      <c r="N526607" s="10"/>
    </row>
    <row r="526608" spans="14:14">
      <c r="N526608" s="10"/>
    </row>
    <row r="526609" spans="14:14">
      <c r="N526609" s="10"/>
    </row>
    <row r="526610" spans="14:14">
      <c r="N526610" s="10"/>
    </row>
    <row r="526611" spans="14:14">
      <c r="N526611" s="10"/>
    </row>
    <row r="526612" spans="14:14">
      <c r="N526612" s="10"/>
    </row>
    <row r="526613" spans="14:14">
      <c r="N526613" s="10"/>
    </row>
    <row r="526614" spans="14:14">
      <c r="N526614" s="10"/>
    </row>
    <row r="526615" spans="14:14">
      <c r="N526615" s="10"/>
    </row>
    <row r="526616" spans="14:14">
      <c r="N526616" s="10"/>
    </row>
    <row r="526617" spans="14:14">
      <c r="N526617" s="10"/>
    </row>
    <row r="526618" spans="14:14">
      <c r="N526618" s="10"/>
    </row>
    <row r="526619" spans="14:14">
      <c r="N526619" s="10"/>
    </row>
    <row r="526620" spans="14:14">
      <c r="N526620" s="10"/>
    </row>
    <row r="526621" spans="14:14">
      <c r="N526621" s="10"/>
    </row>
    <row r="526622" spans="14:14">
      <c r="N526622" s="10"/>
    </row>
    <row r="526623" spans="14:14">
      <c r="N526623" s="10"/>
    </row>
    <row r="526624" spans="14:14">
      <c r="N526624" s="10"/>
    </row>
    <row r="526625" spans="14:14">
      <c r="N526625" s="10"/>
    </row>
    <row r="526626" spans="14:14">
      <c r="N526626" s="10"/>
    </row>
    <row r="526627" spans="14:14">
      <c r="N526627" s="10"/>
    </row>
    <row r="526628" spans="14:14">
      <c r="N526628" s="10"/>
    </row>
    <row r="526629" spans="14:14">
      <c r="N526629" s="10"/>
    </row>
    <row r="526630" spans="14:14">
      <c r="N526630" s="10"/>
    </row>
    <row r="526631" spans="14:14">
      <c r="N526631" s="10"/>
    </row>
    <row r="526632" spans="14:14">
      <c r="N526632" s="10"/>
    </row>
    <row r="526633" spans="14:14">
      <c r="N526633" s="10"/>
    </row>
    <row r="526634" spans="14:14">
      <c r="N526634" s="10"/>
    </row>
    <row r="526635" spans="14:14">
      <c r="N526635" s="10"/>
    </row>
    <row r="526636" spans="14:14">
      <c r="N526636" s="10"/>
    </row>
    <row r="526637" spans="14:14">
      <c r="N526637" s="10"/>
    </row>
    <row r="526638" spans="14:14">
      <c r="N526638" s="10"/>
    </row>
    <row r="526639" spans="14:14">
      <c r="N526639" s="10"/>
    </row>
    <row r="526640" spans="14:14">
      <c r="N526640" s="10"/>
    </row>
    <row r="526641" spans="14:14">
      <c r="N526641" s="10"/>
    </row>
    <row r="526642" spans="14:14">
      <c r="N526642" s="10"/>
    </row>
    <row r="526643" spans="14:14">
      <c r="N526643" s="10"/>
    </row>
    <row r="526644" spans="14:14">
      <c r="N526644" s="10"/>
    </row>
    <row r="526645" spans="14:14">
      <c r="N526645" s="10"/>
    </row>
    <row r="526646" spans="14:14">
      <c r="N526646" s="10"/>
    </row>
    <row r="526647" spans="14:14">
      <c r="N526647" s="10"/>
    </row>
    <row r="526648" spans="14:14">
      <c r="N526648" s="10"/>
    </row>
    <row r="526649" spans="14:14">
      <c r="N526649" s="10"/>
    </row>
    <row r="526650" spans="14:14">
      <c r="N526650" s="10"/>
    </row>
    <row r="526651" spans="14:14">
      <c r="N526651" s="10"/>
    </row>
    <row r="526652" spans="14:14">
      <c r="N526652" s="10"/>
    </row>
    <row r="526653" spans="14:14">
      <c r="N526653" s="10"/>
    </row>
    <row r="526654" spans="14:14">
      <c r="N526654" s="10"/>
    </row>
    <row r="526655" spans="14:14">
      <c r="N526655" s="10"/>
    </row>
    <row r="526656" spans="14:14">
      <c r="N526656" s="10"/>
    </row>
    <row r="526657" spans="14:14">
      <c r="N526657" s="10"/>
    </row>
    <row r="526658" spans="14:14">
      <c r="N526658" s="10"/>
    </row>
    <row r="526659" spans="14:14">
      <c r="N526659" s="10"/>
    </row>
    <row r="526660" spans="14:14">
      <c r="N526660" s="10"/>
    </row>
    <row r="526661" spans="14:14">
      <c r="N526661" s="10"/>
    </row>
    <row r="526662" spans="14:14">
      <c r="N526662" s="10"/>
    </row>
    <row r="526663" spans="14:14">
      <c r="N526663" s="10"/>
    </row>
    <row r="526664" spans="14:14">
      <c r="N526664" s="10"/>
    </row>
    <row r="526665" spans="14:14">
      <c r="N526665" s="10"/>
    </row>
    <row r="526666" spans="14:14">
      <c r="N526666" s="10"/>
    </row>
    <row r="526667" spans="14:14">
      <c r="N526667" s="10"/>
    </row>
    <row r="526668" spans="14:14">
      <c r="N526668" s="10"/>
    </row>
    <row r="526669" spans="14:14">
      <c r="N526669" s="10"/>
    </row>
    <row r="526670" spans="14:14">
      <c r="N526670" s="10"/>
    </row>
    <row r="526671" spans="14:14">
      <c r="N526671" s="10"/>
    </row>
    <row r="526672" spans="14:14">
      <c r="N526672" s="10"/>
    </row>
    <row r="526673" spans="14:14">
      <c r="N526673" s="10"/>
    </row>
    <row r="526674" spans="14:14">
      <c r="N526674" s="10"/>
    </row>
    <row r="526675" spans="14:14">
      <c r="N526675" s="10"/>
    </row>
    <row r="526676" spans="14:14">
      <c r="N526676" s="10"/>
    </row>
    <row r="526677" spans="14:14">
      <c r="N526677" s="10"/>
    </row>
    <row r="526678" spans="14:14">
      <c r="N526678" s="10"/>
    </row>
    <row r="526679" spans="14:14">
      <c r="N526679" s="10"/>
    </row>
    <row r="526680" spans="14:14">
      <c r="N526680" s="10"/>
    </row>
    <row r="526681" spans="14:14">
      <c r="N526681" s="10"/>
    </row>
    <row r="526682" spans="14:14">
      <c r="N526682" s="10"/>
    </row>
    <row r="526683" spans="14:14">
      <c r="N526683" s="10"/>
    </row>
    <row r="526684" spans="14:14">
      <c r="N526684" s="10"/>
    </row>
    <row r="526685" spans="14:14">
      <c r="N526685" s="10"/>
    </row>
    <row r="526686" spans="14:14">
      <c r="N526686" s="10"/>
    </row>
    <row r="526687" spans="14:14">
      <c r="N526687" s="10"/>
    </row>
    <row r="526688" spans="14:14">
      <c r="N526688" s="10"/>
    </row>
    <row r="526689" spans="14:14">
      <c r="N526689" s="10"/>
    </row>
    <row r="526690" spans="14:14">
      <c r="N526690" s="10"/>
    </row>
    <row r="526691" spans="14:14">
      <c r="N526691" s="10"/>
    </row>
    <row r="526692" spans="14:14">
      <c r="N526692" s="10"/>
    </row>
    <row r="526693" spans="14:14">
      <c r="N526693" s="10"/>
    </row>
    <row r="526694" spans="14:14">
      <c r="N526694" s="10"/>
    </row>
    <row r="526695" spans="14:14">
      <c r="N526695" s="10"/>
    </row>
    <row r="526696" spans="14:14">
      <c r="N526696" s="10"/>
    </row>
    <row r="526697" spans="14:14">
      <c r="N526697" s="10"/>
    </row>
    <row r="526698" spans="14:14">
      <c r="N526698" s="10"/>
    </row>
    <row r="526699" spans="14:14">
      <c r="N526699" s="10"/>
    </row>
    <row r="526700" spans="14:14">
      <c r="N526700" s="10"/>
    </row>
    <row r="526701" spans="14:14">
      <c r="N526701" s="10"/>
    </row>
    <row r="526702" spans="14:14">
      <c r="N526702" s="10"/>
    </row>
    <row r="526703" spans="14:14">
      <c r="N526703" s="10"/>
    </row>
    <row r="526704" spans="14:14">
      <c r="N526704" s="10"/>
    </row>
    <row r="526705" spans="14:14">
      <c r="N526705" s="10"/>
    </row>
    <row r="526706" spans="14:14">
      <c r="N526706" s="10"/>
    </row>
    <row r="526707" spans="14:14">
      <c r="N526707" s="10"/>
    </row>
    <row r="526708" spans="14:14">
      <c r="N526708" s="10"/>
    </row>
    <row r="526709" spans="14:14">
      <c r="N526709" s="10"/>
    </row>
    <row r="526710" spans="14:14">
      <c r="N526710" s="10"/>
    </row>
    <row r="526711" spans="14:14">
      <c r="N526711" s="10"/>
    </row>
    <row r="526712" spans="14:14">
      <c r="N526712" s="10"/>
    </row>
    <row r="526713" spans="14:14">
      <c r="N526713" s="10"/>
    </row>
    <row r="526714" spans="14:14">
      <c r="N526714" s="10"/>
    </row>
    <row r="526715" spans="14:14">
      <c r="N526715" s="10"/>
    </row>
    <row r="526716" spans="14:14">
      <c r="N526716" s="10"/>
    </row>
    <row r="526717" spans="14:14">
      <c r="N526717" s="10"/>
    </row>
    <row r="526718" spans="14:14">
      <c r="N526718" s="10"/>
    </row>
    <row r="526719" spans="14:14">
      <c r="N526719" s="10"/>
    </row>
    <row r="526720" spans="14:14">
      <c r="N526720" s="10"/>
    </row>
    <row r="526721" spans="14:14">
      <c r="N526721" s="10"/>
    </row>
    <row r="526722" spans="14:14">
      <c r="N526722" s="10"/>
    </row>
    <row r="526723" spans="14:14">
      <c r="N526723" s="10"/>
    </row>
    <row r="526724" spans="14:14">
      <c r="N526724" s="10"/>
    </row>
    <row r="526725" spans="14:14">
      <c r="N526725" s="10"/>
    </row>
    <row r="526726" spans="14:14">
      <c r="N526726" s="10"/>
    </row>
    <row r="526727" spans="14:14">
      <c r="N526727" s="10"/>
    </row>
    <row r="526728" spans="14:14">
      <c r="N526728" s="10"/>
    </row>
    <row r="526729" spans="14:14">
      <c r="N526729" s="10"/>
    </row>
    <row r="526730" spans="14:14">
      <c r="N526730" s="10"/>
    </row>
    <row r="526731" spans="14:14">
      <c r="N526731" s="10"/>
    </row>
    <row r="526732" spans="14:14">
      <c r="N526732" s="10"/>
    </row>
    <row r="526733" spans="14:14">
      <c r="N526733" s="10"/>
    </row>
    <row r="526734" spans="14:14">
      <c r="N526734" s="10"/>
    </row>
    <row r="526735" spans="14:14">
      <c r="N526735" s="10"/>
    </row>
    <row r="526736" spans="14:14">
      <c r="N526736" s="10"/>
    </row>
    <row r="526737" spans="14:14">
      <c r="N526737" s="10"/>
    </row>
    <row r="526738" spans="14:14">
      <c r="N526738" s="10"/>
    </row>
    <row r="526739" spans="14:14">
      <c r="N526739" s="10"/>
    </row>
    <row r="526740" spans="14:14">
      <c r="N526740" s="10"/>
    </row>
    <row r="526741" spans="14:14">
      <c r="N526741" s="10"/>
    </row>
    <row r="526742" spans="14:14">
      <c r="N526742" s="10"/>
    </row>
    <row r="526743" spans="14:14">
      <c r="N526743" s="10"/>
    </row>
    <row r="526744" spans="14:14">
      <c r="N526744" s="10"/>
    </row>
    <row r="526745" spans="14:14">
      <c r="N526745" s="10"/>
    </row>
    <row r="526746" spans="14:14">
      <c r="N526746" s="10"/>
    </row>
    <row r="526747" spans="14:14">
      <c r="N526747" s="10"/>
    </row>
    <row r="526748" spans="14:14">
      <c r="N526748" s="10"/>
    </row>
    <row r="526749" spans="14:14">
      <c r="N526749" s="10"/>
    </row>
    <row r="526750" spans="14:14">
      <c r="N526750" s="10"/>
    </row>
    <row r="526751" spans="14:14">
      <c r="N526751" s="10"/>
    </row>
    <row r="526752" spans="14:14">
      <c r="N526752" s="10"/>
    </row>
    <row r="526753" spans="14:14">
      <c r="N526753" s="10"/>
    </row>
    <row r="526754" spans="14:14">
      <c r="N526754" s="10"/>
    </row>
    <row r="526755" spans="14:14">
      <c r="N526755" s="10"/>
    </row>
    <row r="526756" spans="14:14">
      <c r="N526756" s="10"/>
    </row>
    <row r="526757" spans="14:14">
      <c r="N526757" s="10"/>
    </row>
    <row r="526758" spans="14:14">
      <c r="N526758" s="10"/>
    </row>
    <row r="526759" spans="14:14">
      <c r="N526759" s="10"/>
    </row>
    <row r="526760" spans="14:14">
      <c r="N526760" s="10"/>
    </row>
    <row r="526761" spans="14:14">
      <c r="N526761" s="10"/>
    </row>
    <row r="526762" spans="14:14">
      <c r="N526762" s="10"/>
    </row>
    <row r="526763" spans="14:14">
      <c r="N526763" s="10"/>
    </row>
    <row r="526764" spans="14:14">
      <c r="N526764" s="10"/>
    </row>
    <row r="526765" spans="14:14">
      <c r="N526765" s="10"/>
    </row>
    <row r="526766" spans="14:14">
      <c r="N526766" s="10"/>
    </row>
    <row r="526767" spans="14:14">
      <c r="N526767" s="10"/>
    </row>
    <row r="526768" spans="14:14">
      <c r="N526768" s="10"/>
    </row>
    <row r="526769" spans="14:14">
      <c r="N526769" s="10"/>
    </row>
    <row r="526770" spans="14:14">
      <c r="N526770" s="10"/>
    </row>
    <row r="526771" spans="14:14">
      <c r="N526771" s="10"/>
    </row>
    <row r="526772" spans="14:14">
      <c r="N526772" s="10"/>
    </row>
    <row r="526773" spans="14:14">
      <c r="N526773" s="10"/>
    </row>
    <row r="526774" spans="14:14">
      <c r="N526774" s="10"/>
    </row>
    <row r="526775" spans="14:14">
      <c r="N526775" s="10"/>
    </row>
    <row r="526776" spans="14:14">
      <c r="N526776" s="10"/>
    </row>
    <row r="526777" spans="14:14">
      <c r="N526777" s="10"/>
    </row>
    <row r="526778" spans="14:14">
      <c r="N526778" s="10"/>
    </row>
    <row r="526779" spans="14:14">
      <c r="N526779" s="10"/>
    </row>
    <row r="526780" spans="14:14">
      <c r="N526780" s="10"/>
    </row>
    <row r="526781" spans="14:14">
      <c r="N526781" s="10"/>
    </row>
    <row r="526782" spans="14:14">
      <c r="N526782" s="10"/>
    </row>
    <row r="526783" spans="14:14">
      <c r="N526783" s="10"/>
    </row>
    <row r="526784" spans="14:14">
      <c r="N526784" s="10"/>
    </row>
    <row r="526785" spans="14:14">
      <c r="N526785" s="10"/>
    </row>
    <row r="526786" spans="14:14">
      <c r="N526786" s="10"/>
    </row>
    <row r="526787" spans="14:14">
      <c r="N526787" s="10"/>
    </row>
    <row r="526788" spans="14:14">
      <c r="N526788" s="10"/>
    </row>
    <row r="526789" spans="14:14">
      <c r="N526789" s="10"/>
    </row>
    <row r="526790" spans="14:14">
      <c r="N526790" s="10"/>
    </row>
    <row r="526791" spans="14:14">
      <c r="N526791" s="10"/>
    </row>
    <row r="526792" spans="14:14">
      <c r="N526792" s="10"/>
    </row>
    <row r="526793" spans="14:14">
      <c r="N526793" s="10"/>
    </row>
    <row r="526794" spans="14:14">
      <c r="N526794" s="10"/>
    </row>
    <row r="526795" spans="14:14">
      <c r="N526795" s="10"/>
    </row>
    <row r="526796" spans="14:14">
      <c r="N526796" s="10"/>
    </row>
    <row r="526797" spans="14:14">
      <c r="N526797" s="10"/>
    </row>
    <row r="526798" spans="14:14">
      <c r="N526798" s="10"/>
    </row>
    <row r="526799" spans="14:14">
      <c r="N526799" s="10"/>
    </row>
    <row r="526800" spans="14:14">
      <c r="N526800" s="10"/>
    </row>
    <row r="526801" spans="14:14">
      <c r="N526801" s="10"/>
    </row>
    <row r="526802" spans="14:14">
      <c r="N526802" s="10"/>
    </row>
    <row r="526803" spans="14:14">
      <c r="N526803" s="10"/>
    </row>
    <row r="526804" spans="14:14">
      <c r="N526804" s="10"/>
    </row>
    <row r="526805" spans="14:14">
      <c r="N526805" s="10"/>
    </row>
    <row r="526806" spans="14:14">
      <c r="N526806" s="10"/>
    </row>
    <row r="526807" spans="14:14">
      <c r="N526807" s="10"/>
    </row>
    <row r="526808" spans="14:14">
      <c r="N526808" s="10"/>
    </row>
    <row r="526809" spans="14:14">
      <c r="N526809" s="10"/>
    </row>
    <row r="526810" spans="14:14">
      <c r="N526810" s="10"/>
    </row>
    <row r="526811" spans="14:14">
      <c r="N526811" s="10"/>
    </row>
    <row r="526812" spans="14:14">
      <c r="N526812" s="10"/>
    </row>
    <row r="526813" spans="14:14">
      <c r="N526813" s="10"/>
    </row>
    <row r="526814" spans="14:14">
      <c r="N526814" s="10"/>
    </row>
    <row r="526815" spans="14:14">
      <c r="N526815" s="10"/>
    </row>
    <row r="526816" spans="14:14">
      <c r="N526816" s="10"/>
    </row>
    <row r="526817" spans="14:14">
      <c r="N526817" s="10"/>
    </row>
    <row r="526818" spans="14:14">
      <c r="N526818" s="10"/>
    </row>
    <row r="526819" spans="14:14">
      <c r="N526819" s="10"/>
    </row>
    <row r="526820" spans="14:14">
      <c r="N526820" s="10"/>
    </row>
    <row r="526821" spans="14:14">
      <c r="N526821" s="10"/>
    </row>
    <row r="526822" spans="14:14">
      <c r="N526822" s="10"/>
    </row>
    <row r="526823" spans="14:14">
      <c r="N526823" s="10"/>
    </row>
    <row r="526824" spans="14:14">
      <c r="N526824" s="10"/>
    </row>
    <row r="526825" spans="14:14">
      <c r="N526825" s="10"/>
    </row>
    <row r="526826" spans="14:14">
      <c r="N526826" s="10"/>
    </row>
    <row r="526827" spans="14:14">
      <c r="N526827" s="10"/>
    </row>
    <row r="526828" spans="14:14">
      <c r="N526828" s="10"/>
    </row>
    <row r="526829" spans="14:14">
      <c r="N526829" s="10"/>
    </row>
    <row r="526830" spans="14:14">
      <c r="N526830" s="10"/>
    </row>
    <row r="526831" spans="14:14">
      <c r="N526831" s="10"/>
    </row>
    <row r="526832" spans="14:14">
      <c r="N526832" s="10"/>
    </row>
    <row r="526833" spans="14:14">
      <c r="N526833" s="10"/>
    </row>
    <row r="526834" spans="14:14">
      <c r="N526834" s="10"/>
    </row>
    <row r="526835" spans="14:14">
      <c r="N526835" s="10"/>
    </row>
    <row r="526836" spans="14:14">
      <c r="N526836" s="10"/>
    </row>
    <row r="526837" spans="14:14">
      <c r="N526837" s="10"/>
    </row>
    <row r="526838" spans="14:14">
      <c r="N526838" s="10"/>
    </row>
    <row r="526839" spans="14:14">
      <c r="N526839" s="10"/>
    </row>
    <row r="526840" spans="14:14">
      <c r="N526840" s="10"/>
    </row>
    <row r="526841" spans="14:14">
      <c r="N526841" s="10"/>
    </row>
    <row r="526842" spans="14:14">
      <c r="N526842" s="10"/>
    </row>
    <row r="526843" spans="14:14">
      <c r="N526843" s="10"/>
    </row>
    <row r="526844" spans="14:14">
      <c r="N526844" s="10"/>
    </row>
    <row r="526845" spans="14:14">
      <c r="N526845" s="10"/>
    </row>
    <row r="526846" spans="14:14">
      <c r="N526846" s="10"/>
    </row>
    <row r="526847" spans="14:14">
      <c r="N526847" s="10"/>
    </row>
    <row r="526848" spans="14:14">
      <c r="N526848" s="10"/>
    </row>
    <row r="526849" spans="14:14">
      <c r="N526849" s="10"/>
    </row>
    <row r="526850" spans="14:14">
      <c r="N526850" s="10"/>
    </row>
    <row r="526851" spans="14:14">
      <c r="N526851" s="10"/>
    </row>
    <row r="526852" spans="14:14">
      <c r="N526852" s="10"/>
    </row>
    <row r="526853" spans="14:14">
      <c r="N526853" s="10"/>
    </row>
    <row r="526854" spans="14:14">
      <c r="N526854" s="10"/>
    </row>
    <row r="526855" spans="14:14">
      <c r="N526855" s="10"/>
    </row>
    <row r="526856" spans="14:14">
      <c r="N526856" s="10"/>
    </row>
    <row r="526857" spans="14:14">
      <c r="N526857" s="10"/>
    </row>
    <row r="526858" spans="14:14">
      <c r="N526858" s="10"/>
    </row>
    <row r="526859" spans="14:14">
      <c r="N526859" s="10"/>
    </row>
    <row r="526860" spans="14:14">
      <c r="N526860" s="10"/>
    </row>
    <row r="526861" spans="14:14">
      <c r="N526861" s="10"/>
    </row>
    <row r="526862" spans="14:14">
      <c r="N526862" s="10"/>
    </row>
    <row r="526863" spans="14:14">
      <c r="N526863" s="10"/>
    </row>
    <row r="526864" spans="14:14">
      <c r="N526864" s="10"/>
    </row>
    <row r="526865" spans="14:14">
      <c r="N526865" s="10"/>
    </row>
    <row r="526866" spans="14:14">
      <c r="N526866" s="10"/>
    </row>
    <row r="526867" spans="14:14">
      <c r="N526867" s="10"/>
    </row>
    <row r="526868" spans="14:14">
      <c r="N526868" s="10"/>
    </row>
    <row r="526869" spans="14:14">
      <c r="N526869" s="10"/>
    </row>
    <row r="526870" spans="14:14">
      <c r="N526870" s="10"/>
    </row>
    <row r="526871" spans="14:14">
      <c r="N526871" s="10"/>
    </row>
    <row r="526872" spans="14:14">
      <c r="N526872" s="10"/>
    </row>
    <row r="526873" spans="14:14">
      <c r="N526873" s="10"/>
    </row>
    <row r="526874" spans="14:14">
      <c r="N526874" s="10"/>
    </row>
    <row r="526875" spans="14:14">
      <c r="N526875" s="10"/>
    </row>
    <row r="526876" spans="14:14">
      <c r="N526876" s="10"/>
    </row>
    <row r="526877" spans="14:14">
      <c r="N526877" s="10"/>
    </row>
    <row r="526878" spans="14:14">
      <c r="N526878" s="10"/>
    </row>
    <row r="526879" spans="14:14">
      <c r="N526879" s="10"/>
    </row>
    <row r="526880" spans="14:14">
      <c r="N526880" s="10"/>
    </row>
    <row r="526881" spans="14:14">
      <c r="N526881" s="10"/>
    </row>
    <row r="526882" spans="14:14">
      <c r="N526882" s="10"/>
    </row>
    <row r="526883" spans="14:14">
      <c r="N526883" s="10"/>
    </row>
    <row r="526884" spans="14:14">
      <c r="N526884" s="10"/>
    </row>
    <row r="526885" spans="14:14">
      <c r="N526885" s="10"/>
    </row>
    <row r="526886" spans="14:14">
      <c r="N526886" s="10"/>
    </row>
    <row r="526887" spans="14:14">
      <c r="N526887" s="10"/>
    </row>
    <row r="526888" spans="14:14">
      <c r="N526888" s="10"/>
    </row>
    <row r="526889" spans="14:14">
      <c r="N526889" s="10"/>
    </row>
    <row r="526890" spans="14:14">
      <c r="N526890" s="10"/>
    </row>
    <row r="526891" spans="14:14">
      <c r="N526891" s="10"/>
    </row>
    <row r="526892" spans="14:14">
      <c r="N526892" s="10"/>
    </row>
    <row r="526893" spans="14:14">
      <c r="N526893" s="10"/>
    </row>
    <row r="526894" spans="14:14">
      <c r="N526894" s="10"/>
    </row>
    <row r="526895" spans="14:14">
      <c r="N526895" s="10"/>
    </row>
    <row r="526896" spans="14:14">
      <c r="N526896" s="10"/>
    </row>
    <row r="526897" spans="14:14">
      <c r="N526897" s="10"/>
    </row>
    <row r="526898" spans="14:14">
      <c r="N526898" s="10"/>
    </row>
    <row r="526899" spans="14:14">
      <c r="N526899" s="10"/>
    </row>
    <row r="526900" spans="14:14">
      <c r="N526900" s="10"/>
    </row>
    <row r="526901" spans="14:14">
      <c r="N526901" s="10"/>
    </row>
    <row r="526902" spans="14:14">
      <c r="N526902" s="10"/>
    </row>
    <row r="526903" spans="14:14">
      <c r="N526903" s="10"/>
    </row>
    <row r="526904" spans="14:14">
      <c r="N526904" s="10"/>
    </row>
    <row r="526905" spans="14:14">
      <c r="N526905" s="10"/>
    </row>
    <row r="526906" spans="14:14">
      <c r="N526906" s="10"/>
    </row>
    <row r="526907" spans="14:14">
      <c r="N526907" s="10"/>
    </row>
    <row r="526908" spans="14:14">
      <c r="N526908" s="10"/>
    </row>
    <row r="526909" spans="14:14">
      <c r="N526909" s="10"/>
    </row>
    <row r="526910" spans="14:14">
      <c r="N526910" s="10"/>
    </row>
    <row r="526911" spans="14:14">
      <c r="N526911" s="10"/>
    </row>
    <row r="526912" spans="14:14">
      <c r="N526912" s="10"/>
    </row>
    <row r="526913" spans="14:14">
      <c r="N526913" s="10"/>
    </row>
    <row r="526914" spans="14:14">
      <c r="N526914" s="10"/>
    </row>
    <row r="526915" spans="14:14">
      <c r="N526915" s="10"/>
    </row>
    <row r="526916" spans="14:14">
      <c r="N526916" s="10"/>
    </row>
    <row r="526917" spans="14:14">
      <c r="N526917" s="10"/>
    </row>
    <row r="526918" spans="14:14">
      <c r="N526918" s="10"/>
    </row>
    <row r="526919" spans="14:14">
      <c r="N526919" s="10"/>
    </row>
    <row r="526920" spans="14:14">
      <c r="N526920" s="10"/>
    </row>
    <row r="526921" spans="14:14">
      <c r="N526921" s="10"/>
    </row>
    <row r="526922" spans="14:14">
      <c r="N526922" s="10"/>
    </row>
    <row r="526923" spans="14:14">
      <c r="N526923" s="10"/>
    </row>
    <row r="526924" spans="14:14">
      <c r="N526924" s="10"/>
    </row>
    <row r="526925" spans="14:14">
      <c r="N526925" s="10"/>
    </row>
    <row r="526926" spans="14:14">
      <c r="N526926" s="10"/>
    </row>
    <row r="526927" spans="14:14">
      <c r="N526927" s="10"/>
    </row>
    <row r="526928" spans="14:14">
      <c r="N526928" s="10"/>
    </row>
    <row r="526929" spans="14:14">
      <c r="N526929" s="10"/>
    </row>
    <row r="526930" spans="14:14">
      <c r="N526930" s="10"/>
    </row>
    <row r="526931" spans="14:14">
      <c r="N526931" s="10"/>
    </row>
    <row r="526932" spans="14:14">
      <c r="N526932" s="10"/>
    </row>
    <row r="526933" spans="14:14">
      <c r="N526933" s="10"/>
    </row>
    <row r="526934" spans="14:14">
      <c r="N526934" s="10"/>
    </row>
    <row r="526935" spans="14:14">
      <c r="N526935" s="10"/>
    </row>
    <row r="526936" spans="14:14">
      <c r="N526936" s="10"/>
    </row>
    <row r="526937" spans="14:14">
      <c r="N526937" s="10"/>
    </row>
    <row r="526938" spans="14:14">
      <c r="N526938" s="10"/>
    </row>
    <row r="526939" spans="14:14">
      <c r="N526939" s="10"/>
    </row>
    <row r="526940" spans="14:14">
      <c r="N526940" s="10"/>
    </row>
    <row r="526941" spans="14:14">
      <c r="N526941" s="10"/>
    </row>
    <row r="526942" spans="14:14">
      <c r="N526942" s="10"/>
    </row>
    <row r="526943" spans="14:14">
      <c r="N526943" s="10"/>
    </row>
    <row r="526944" spans="14:14">
      <c r="N526944" s="10"/>
    </row>
    <row r="526945" spans="14:14">
      <c r="N526945" s="10"/>
    </row>
    <row r="526946" spans="14:14">
      <c r="N526946" s="10"/>
    </row>
    <row r="526947" spans="14:14">
      <c r="N526947" s="10"/>
    </row>
    <row r="526948" spans="14:14">
      <c r="N526948" s="10"/>
    </row>
    <row r="526949" spans="14:14">
      <c r="N526949" s="10"/>
    </row>
    <row r="526950" spans="14:14">
      <c r="N526950" s="10"/>
    </row>
    <row r="526951" spans="14:14">
      <c r="N526951" s="10"/>
    </row>
    <row r="526952" spans="14:14">
      <c r="N526952" s="10"/>
    </row>
    <row r="526953" spans="14:14">
      <c r="N526953" s="10"/>
    </row>
    <row r="526954" spans="14:14">
      <c r="N526954" s="10"/>
    </row>
    <row r="526955" spans="14:14">
      <c r="N526955" s="10"/>
    </row>
    <row r="526956" spans="14:14">
      <c r="N526956" s="10"/>
    </row>
    <row r="526957" spans="14:14">
      <c r="N526957" s="10"/>
    </row>
    <row r="526958" spans="14:14">
      <c r="N526958" s="10"/>
    </row>
    <row r="526959" spans="14:14">
      <c r="N526959" s="10"/>
    </row>
    <row r="526960" spans="14:14">
      <c r="N526960" s="10"/>
    </row>
    <row r="526961" spans="14:14">
      <c r="N526961" s="10"/>
    </row>
    <row r="526962" spans="14:14">
      <c r="N526962" s="10"/>
    </row>
    <row r="526963" spans="14:14">
      <c r="N526963" s="10"/>
    </row>
    <row r="526964" spans="14:14">
      <c r="N526964" s="10"/>
    </row>
    <row r="526965" spans="14:14">
      <c r="N526965" s="10"/>
    </row>
    <row r="526966" spans="14:14">
      <c r="N526966" s="10"/>
    </row>
    <row r="526967" spans="14:14">
      <c r="N526967" s="10"/>
    </row>
    <row r="526968" spans="14:14">
      <c r="N526968" s="10"/>
    </row>
    <row r="526969" spans="14:14">
      <c r="N526969" s="10"/>
    </row>
    <row r="526970" spans="14:14">
      <c r="N526970" s="10"/>
    </row>
    <row r="526971" spans="14:14">
      <c r="N526971" s="10"/>
    </row>
    <row r="526972" spans="14:14">
      <c r="N526972" s="10"/>
    </row>
    <row r="526973" spans="14:14">
      <c r="N526973" s="10"/>
    </row>
    <row r="526974" spans="14:14">
      <c r="N526974" s="10"/>
    </row>
    <row r="526975" spans="14:14">
      <c r="N526975" s="10"/>
    </row>
    <row r="526976" spans="14:14">
      <c r="N526976" s="10"/>
    </row>
    <row r="526977" spans="14:14">
      <c r="N526977" s="10"/>
    </row>
    <row r="526978" spans="14:14">
      <c r="N526978" s="10"/>
    </row>
    <row r="526979" spans="14:14">
      <c r="N526979" s="10"/>
    </row>
    <row r="526980" spans="14:14">
      <c r="N526980" s="10"/>
    </row>
    <row r="526981" spans="14:14">
      <c r="N526981" s="10"/>
    </row>
    <row r="526982" spans="14:14">
      <c r="N526982" s="10"/>
    </row>
    <row r="526983" spans="14:14">
      <c r="N526983" s="10"/>
    </row>
    <row r="526984" spans="14:14">
      <c r="N526984" s="10"/>
    </row>
    <row r="526985" spans="14:14">
      <c r="N526985" s="10"/>
    </row>
    <row r="526986" spans="14:14">
      <c r="N526986" s="10"/>
    </row>
    <row r="526987" spans="14:14">
      <c r="N526987" s="10"/>
    </row>
    <row r="526988" spans="14:14">
      <c r="N526988" s="10"/>
    </row>
    <row r="526989" spans="14:14">
      <c r="N526989" s="10"/>
    </row>
    <row r="526990" spans="14:14">
      <c r="N526990" s="10"/>
    </row>
    <row r="526991" spans="14:14">
      <c r="N526991" s="10"/>
    </row>
    <row r="526992" spans="14:14">
      <c r="N526992" s="10"/>
    </row>
    <row r="526993" spans="14:14">
      <c r="N526993" s="10"/>
    </row>
    <row r="526994" spans="14:14">
      <c r="N526994" s="10"/>
    </row>
    <row r="526995" spans="14:14">
      <c r="N526995" s="10"/>
    </row>
    <row r="526996" spans="14:14">
      <c r="N526996" s="10"/>
    </row>
    <row r="526997" spans="14:14">
      <c r="N526997" s="10"/>
    </row>
    <row r="526998" spans="14:14">
      <c r="N526998" s="10"/>
    </row>
    <row r="526999" spans="14:14">
      <c r="N526999" s="10"/>
    </row>
    <row r="527000" spans="14:14">
      <c r="N527000" s="10"/>
    </row>
    <row r="527001" spans="14:14">
      <c r="N527001" s="10"/>
    </row>
    <row r="527002" spans="14:14">
      <c r="N527002" s="10"/>
    </row>
    <row r="527003" spans="14:14">
      <c r="N527003" s="10"/>
    </row>
    <row r="527004" spans="14:14">
      <c r="N527004" s="10"/>
    </row>
    <row r="527005" spans="14:14">
      <c r="N527005" s="10"/>
    </row>
    <row r="527006" spans="14:14">
      <c r="N527006" s="10"/>
    </row>
    <row r="527007" spans="14:14">
      <c r="N527007" s="10"/>
    </row>
    <row r="527008" spans="14:14">
      <c r="N527008" s="10"/>
    </row>
    <row r="527009" spans="14:14">
      <c r="N527009" s="10"/>
    </row>
    <row r="527010" spans="14:14">
      <c r="N527010" s="10"/>
    </row>
    <row r="527011" spans="14:14">
      <c r="N527011" s="10"/>
    </row>
    <row r="527012" spans="14:14">
      <c r="N527012" s="10"/>
    </row>
    <row r="527013" spans="14:14">
      <c r="N527013" s="10"/>
    </row>
    <row r="527014" spans="14:14">
      <c r="N527014" s="10"/>
    </row>
    <row r="527015" spans="14:14">
      <c r="N527015" s="10"/>
    </row>
    <row r="527016" spans="14:14">
      <c r="N527016" s="10"/>
    </row>
    <row r="527017" spans="14:14">
      <c r="N527017" s="10"/>
    </row>
    <row r="527018" spans="14:14">
      <c r="N527018" s="10"/>
    </row>
    <row r="527019" spans="14:14">
      <c r="N527019" s="10"/>
    </row>
    <row r="527020" spans="14:14">
      <c r="N527020" s="10"/>
    </row>
    <row r="527021" spans="14:14">
      <c r="N527021" s="10"/>
    </row>
    <row r="527022" spans="14:14">
      <c r="N527022" s="10"/>
    </row>
    <row r="527023" spans="14:14">
      <c r="N527023" s="10"/>
    </row>
    <row r="527024" spans="14:14">
      <c r="N527024" s="10"/>
    </row>
    <row r="527025" spans="14:14">
      <c r="N527025" s="10"/>
    </row>
    <row r="527026" spans="14:14">
      <c r="N527026" s="10"/>
    </row>
    <row r="527027" spans="14:14">
      <c r="N527027" s="10"/>
    </row>
    <row r="527028" spans="14:14">
      <c r="N527028" s="10"/>
    </row>
    <row r="527029" spans="14:14">
      <c r="N527029" s="10"/>
    </row>
    <row r="527030" spans="14:14">
      <c r="N527030" s="10"/>
    </row>
    <row r="527031" spans="14:14">
      <c r="N527031" s="10"/>
    </row>
    <row r="527032" spans="14:14">
      <c r="N527032" s="10"/>
    </row>
    <row r="527033" spans="14:14">
      <c r="N527033" s="10"/>
    </row>
    <row r="527034" spans="14:14">
      <c r="N527034" s="10"/>
    </row>
    <row r="527035" spans="14:14">
      <c r="N527035" s="10"/>
    </row>
    <row r="527036" spans="14:14">
      <c r="N527036" s="10"/>
    </row>
    <row r="527037" spans="14:14">
      <c r="N527037" s="10"/>
    </row>
    <row r="527038" spans="14:14">
      <c r="N527038" s="10"/>
    </row>
    <row r="527039" spans="14:14">
      <c r="N527039" s="10"/>
    </row>
    <row r="527040" spans="14:14">
      <c r="N527040" s="10"/>
    </row>
    <row r="527041" spans="14:14">
      <c r="N527041" s="10"/>
    </row>
    <row r="527042" spans="14:14">
      <c r="N527042" s="10"/>
    </row>
    <row r="527043" spans="14:14">
      <c r="N527043" s="10"/>
    </row>
    <row r="527044" spans="14:14">
      <c r="N527044" s="10"/>
    </row>
    <row r="527045" spans="14:14">
      <c r="N527045" s="10"/>
    </row>
    <row r="527046" spans="14:14">
      <c r="N527046" s="10"/>
    </row>
    <row r="527047" spans="14:14">
      <c r="N527047" s="10"/>
    </row>
    <row r="527048" spans="14:14">
      <c r="N527048" s="10"/>
    </row>
    <row r="527049" spans="14:14">
      <c r="N527049" s="10"/>
    </row>
    <row r="527050" spans="14:14">
      <c r="N527050" s="10"/>
    </row>
    <row r="527051" spans="14:14">
      <c r="N527051" s="10"/>
    </row>
    <row r="527052" spans="14:14">
      <c r="N527052" s="10"/>
    </row>
    <row r="527053" spans="14:14">
      <c r="N527053" s="10"/>
    </row>
    <row r="527054" spans="14:14">
      <c r="N527054" s="10"/>
    </row>
    <row r="527055" spans="14:14">
      <c r="N527055" s="10"/>
    </row>
    <row r="527056" spans="14:14">
      <c r="N527056" s="10"/>
    </row>
    <row r="527057" spans="14:14">
      <c r="N527057" s="10"/>
    </row>
    <row r="527058" spans="14:14">
      <c r="N527058" s="10"/>
    </row>
    <row r="527059" spans="14:14">
      <c r="N527059" s="10"/>
    </row>
    <row r="527060" spans="14:14">
      <c r="N527060" s="10"/>
    </row>
    <row r="527061" spans="14:14">
      <c r="N527061" s="10"/>
    </row>
    <row r="527062" spans="14:14">
      <c r="N527062" s="10"/>
    </row>
    <row r="527063" spans="14:14">
      <c r="N527063" s="10"/>
    </row>
    <row r="527064" spans="14:14">
      <c r="N527064" s="10"/>
    </row>
    <row r="527065" spans="14:14">
      <c r="N527065" s="10"/>
    </row>
    <row r="527066" spans="14:14">
      <c r="N527066" s="10"/>
    </row>
    <row r="527067" spans="14:14">
      <c r="N527067" s="10"/>
    </row>
    <row r="527068" spans="14:14">
      <c r="N527068" s="10"/>
    </row>
    <row r="527069" spans="14:14">
      <c r="N527069" s="10"/>
    </row>
    <row r="527070" spans="14:14">
      <c r="N527070" s="10"/>
    </row>
    <row r="527071" spans="14:14">
      <c r="N527071" s="10"/>
    </row>
    <row r="527072" spans="14:14">
      <c r="N527072" s="10"/>
    </row>
    <row r="527073" spans="14:14">
      <c r="N527073" s="10"/>
    </row>
    <row r="527074" spans="14:14">
      <c r="N527074" s="10"/>
    </row>
    <row r="527075" spans="14:14">
      <c r="N527075" s="10"/>
    </row>
    <row r="527076" spans="14:14">
      <c r="N527076" s="10"/>
    </row>
    <row r="527077" spans="14:14">
      <c r="N527077" s="10"/>
    </row>
    <row r="527078" spans="14:14">
      <c r="N527078" s="10"/>
    </row>
    <row r="527079" spans="14:14">
      <c r="N527079" s="10"/>
    </row>
    <row r="527080" spans="14:14">
      <c r="N527080" s="10"/>
    </row>
    <row r="527081" spans="14:14">
      <c r="N527081" s="10"/>
    </row>
    <row r="527082" spans="14:14">
      <c r="N527082" s="10"/>
    </row>
    <row r="527083" spans="14:14">
      <c r="N527083" s="10"/>
    </row>
    <row r="527084" spans="14:14">
      <c r="N527084" s="10"/>
    </row>
    <row r="527085" spans="14:14">
      <c r="N527085" s="10"/>
    </row>
    <row r="527086" spans="14:14">
      <c r="N527086" s="10"/>
    </row>
    <row r="527087" spans="14:14">
      <c r="N527087" s="10"/>
    </row>
    <row r="527088" spans="14:14">
      <c r="N527088" s="10"/>
    </row>
    <row r="527089" spans="14:14">
      <c r="N527089" s="10"/>
    </row>
    <row r="527090" spans="14:14">
      <c r="N527090" s="10"/>
    </row>
    <row r="527091" spans="14:14">
      <c r="N527091" s="10"/>
    </row>
    <row r="527092" spans="14:14">
      <c r="N527092" s="10"/>
    </row>
    <row r="527093" spans="14:14">
      <c r="N527093" s="10"/>
    </row>
    <row r="527094" spans="14:14">
      <c r="N527094" s="10"/>
    </row>
    <row r="527095" spans="14:14">
      <c r="N527095" s="10"/>
    </row>
    <row r="527096" spans="14:14">
      <c r="N527096" s="10"/>
    </row>
    <row r="527097" spans="14:14">
      <c r="N527097" s="10"/>
    </row>
    <row r="527098" spans="14:14">
      <c r="N527098" s="10"/>
    </row>
    <row r="527099" spans="14:14">
      <c r="N527099" s="10"/>
    </row>
    <row r="527100" spans="14:14">
      <c r="N527100" s="10"/>
    </row>
    <row r="527101" spans="14:14">
      <c r="N527101" s="10"/>
    </row>
    <row r="527102" spans="14:14">
      <c r="N527102" s="10"/>
    </row>
    <row r="527103" spans="14:14">
      <c r="N527103" s="10"/>
    </row>
    <row r="527104" spans="14:14">
      <c r="N527104" s="10"/>
    </row>
    <row r="527105" spans="14:14">
      <c r="N527105" s="10"/>
    </row>
    <row r="527106" spans="14:14">
      <c r="N527106" s="10"/>
    </row>
    <row r="527107" spans="14:14">
      <c r="N527107" s="10"/>
    </row>
    <row r="527108" spans="14:14">
      <c r="N527108" s="10"/>
    </row>
    <row r="527109" spans="14:14">
      <c r="N527109" s="10"/>
    </row>
    <row r="527110" spans="14:14">
      <c r="N527110" s="10"/>
    </row>
    <row r="527111" spans="14:14">
      <c r="N527111" s="10"/>
    </row>
    <row r="527112" spans="14:14">
      <c r="N527112" s="10"/>
    </row>
    <row r="527113" spans="14:14">
      <c r="N527113" s="10"/>
    </row>
    <row r="527114" spans="14:14">
      <c r="N527114" s="10"/>
    </row>
    <row r="527115" spans="14:14">
      <c r="N527115" s="10"/>
    </row>
    <row r="527116" spans="14:14">
      <c r="N527116" s="10"/>
    </row>
    <row r="527117" spans="14:14">
      <c r="N527117" s="10"/>
    </row>
    <row r="527118" spans="14:14">
      <c r="N527118" s="10"/>
    </row>
    <row r="527119" spans="14:14">
      <c r="N527119" s="10"/>
    </row>
    <row r="527120" spans="14:14">
      <c r="N527120" s="10"/>
    </row>
    <row r="527121" spans="14:14">
      <c r="N527121" s="10"/>
    </row>
    <row r="527122" spans="14:14">
      <c r="N527122" s="10"/>
    </row>
    <row r="527123" spans="14:14">
      <c r="N527123" s="10"/>
    </row>
    <row r="527124" spans="14:14">
      <c r="N527124" s="10"/>
    </row>
    <row r="527125" spans="14:14">
      <c r="N527125" s="10"/>
    </row>
    <row r="527126" spans="14:14">
      <c r="N527126" s="10"/>
    </row>
    <row r="527127" spans="14:14">
      <c r="N527127" s="10"/>
    </row>
    <row r="527128" spans="14:14">
      <c r="N527128" s="10"/>
    </row>
    <row r="527129" spans="14:14">
      <c r="N527129" s="10"/>
    </row>
    <row r="527130" spans="14:14">
      <c r="N527130" s="10"/>
    </row>
    <row r="527131" spans="14:14">
      <c r="N527131" s="10"/>
    </row>
    <row r="527132" spans="14:14">
      <c r="N527132" s="10"/>
    </row>
    <row r="527133" spans="14:14">
      <c r="N527133" s="10"/>
    </row>
    <row r="527134" spans="14:14">
      <c r="N527134" s="10"/>
    </row>
    <row r="527135" spans="14:14">
      <c r="N527135" s="10"/>
    </row>
    <row r="527136" spans="14:14">
      <c r="N527136" s="10"/>
    </row>
    <row r="527137" spans="14:14">
      <c r="N527137" s="10"/>
    </row>
    <row r="527138" spans="14:14">
      <c r="N527138" s="10"/>
    </row>
    <row r="527139" spans="14:14">
      <c r="N527139" s="10"/>
    </row>
    <row r="527140" spans="14:14">
      <c r="N527140" s="10"/>
    </row>
    <row r="527141" spans="14:14">
      <c r="N527141" s="10"/>
    </row>
    <row r="527142" spans="14:14">
      <c r="N527142" s="10"/>
    </row>
    <row r="527143" spans="14:14">
      <c r="N527143" s="10"/>
    </row>
    <row r="527144" spans="14:14">
      <c r="N527144" s="10"/>
    </row>
    <row r="527145" spans="14:14">
      <c r="N527145" s="10"/>
    </row>
    <row r="527146" spans="14:14">
      <c r="N527146" s="10"/>
    </row>
    <row r="527147" spans="14:14">
      <c r="N527147" s="10"/>
    </row>
    <row r="527148" spans="14:14">
      <c r="N527148" s="10"/>
    </row>
    <row r="527149" spans="14:14">
      <c r="N527149" s="10"/>
    </row>
    <row r="527150" spans="14:14">
      <c r="N527150" s="10"/>
    </row>
    <row r="527151" spans="14:14">
      <c r="N527151" s="10"/>
    </row>
    <row r="527152" spans="14:14">
      <c r="N527152" s="10"/>
    </row>
    <row r="527153" spans="14:14">
      <c r="N527153" s="10"/>
    </row>
    <row r="527154" spans="14:14">
      <c r="N527154" s="10"/>
    </row>
    <row r="527155" spans="14:14">
      <c r="N527155" s="10"/>
    </row>
    <row r="527156" spans="14:14">
      <c r="N527156" s="10"/>
    </row>
    <row r="527157" spans="14:14">
      <c r="N527157" s="10"/>
    </row>
    <row r="527158" spans="14:14">
      <c r="N527158" s="10"/>
    </row>
    <row r="527159" spans="14:14">
      <c r="N527159" s="10"/>
    </row>
    <row r="527160" spans="14:14">
      <c r="N527160" s="10"/>
    </row>
    <row r="527161" spans="14:14">
      <c r="N527161" s="10"/>
    </row>
    <row r="527162" spans="14:14">
      <c r="N527162" s="10"/>
    </row>
    <row r="527163" spans="14:14">
      <c r="N527163" s="10"/>
    </row>
    <row r="527164" spans="14:14">
      <c r="N527164" s="10"/>
    </row>
    <row r="527165" spans="14:14">
      <c r="N527165" s="10"/>
    </row>
    <row r="527166" spans="14:14">
      <c r="N527166" s="10"/>
    </row>
    <row r="527167" spans="14:14">
      <c r="N527167" s="10"/>
    </row>
    <row r="527168" spans="14:14">
      <c r="N527168" s="10"/>
    </row>
    <row r="527169" spans="14:14">
      <c r="N527169" s="10"/>
    </row>
    <row r="527170" spans="14:14">
      <c r="N527170" s="10"/>
    </row>
    <row r="527171" spans="14:14">
      <c r="N527171" s="10"/>
    </row>
    <row r="527172" spans="14:14">
      <c r="N527172" s="10"/>
    </row>
    <row r="527173" spans="14:14">
      <c r="N527173" s="10"/>
    </row>
    <row r="527174" spans="14:14">
      <c r="N527174" s="10"/>
    </row>
    <row r="527175" spans="14:14">
      <c r="N527175" s="10"/>
    </row>
    <row r="527176" spans="14:14">
      <c r="N527176" s="10"/>
    </row>
    <row r="527177" spans="14:14">
      <c r="N527177" s="10"/>
    </row>
    <row r="527178" spans="14:14">
      <c r="N527178" s="10"/>
    </row>
    <row r="527179" spans="14:14">
      <c r="N527179" s="10"/>
    </row>
    <row r="527180" spans="14:14">
      <c r="N527180" s="10"/>
    </row>
    <row r="527181" spans="14:14">
      <c r="N527181" s="10"/>
    </row>
    <row r="527182" spans="14:14">
      <c r="N527182" s="10"/>
    </row>
    <row r="527183" spans="14:14">
      <c r="N527183" s="10"/>
    </row>
    <row r="527184" spans="14:14">
      <c r="N527184" s="10"/>
    </row>
    <row r="527185" spans="14:14">
      <c r="N527185" s="10"/>
    </row>
    <row r="527186" spans="14:14">
      <c r="N527186" s="10"/>
    </row>
    <row r="527187" spans="14:14">
      <c r="N527187" s="10"/>
    </row>
    <row r="527188" spans="14:14">
      <c r="N527188" s="10"/>
    </row>
    <row r="527189" spans="14:14">
      <c r="N527189" s="10"/>
    </row>
    <row r="527190" spans="14:14">
      <c r="N527190" s="10"/>
    </row>
    <row r="527191" spans="14:14">
      <c r="N527191" s="10"/>
    </row>
    <row r="527192" spans="14:14">
      <c r="N527192" s="10"/>
    </row>
    <row r="527193" spans="14:14">
      <c r="N527193" s="10"/>
    </row>
    <row r="527194" spans="14:14">
      <c r="N527194" s="10"/>
    </row>
    <row r="527195" spans="14:14">
      <c r="N527195" s="10"/>
    </row>
    <row r="527196" spans="14:14">
      <c r="N527196" s="10"/>
    </row>
    <row r="527197" spans="14:14">
      <c r="N527197" s="10"/>
    </row>
    <row r="527198" spans="14:14">
      <c r="N527198" s="10"/>
    </row>
    <row r="527199" spans="14:14">
      <c r="N527199" s="10"/>
    </row>
    <row r="527200" spans="14:14">
      <c r="N527200" s="10"/>
    </row>
    <row r="527201" spans="14:14">
      <c r="N527201" s="10"/>
    </row>
    <row r="527202" spans="14:14">
      <c r="N527202" s="10"/>
    </row>
    <row r="527203" spans="14:14">
      <c r="N527203" s="10"/>
    </row>
    <row r="527204" spans="14:14">
      <c r="N527204" s="10"/>
    </row>
    <row r="527205" spans="14:14">
      <c r="N527205" s="10"/>
    </row>
    <row r="527206" spans="14:14">
      <c r="N527206" s="10"/>
    </row>
    <row r="527207" spans="14:14">
      <c r="N527207" s="10"/>
    </row>
    <row r="527208" spans="14:14">
      <c r="N527208" s="10"/>
    </row>
    <row r="527209" spans="14:14">
      <c r="N527209" s="10"/>
    </row>
    <row r="527210" spans="14:14">
      <c r="N527210" s="10"/>
    </row>
    <row r="527211" spans="14:14">
      <c r="N527211" s="10"/>
    </row>
    <row r="527212" spans="14:14">
      <c r="N527212" s="10"/>
    </row>
    <row r="527213" spans="14:14">
      <c r="N527213" s="10"/>
    </row>
    <row r="527214" spans="14:14">
      <c r="N527214" s="10"/>
    </row>
    <row r="527215" spans="14:14">
      <c r="N527215" s="10"/>
    </row>
    <row r="527216" spans="14:14">
      <c r="N527216" s="10"/>
    </row>
    <row r="527217" spans="14:14">
      <c r="N527217" s="10"/>
    </row>
    <row r="527218" spans="14:14">
      <c r="N527218" s="10"/>
    </row>
    <row r="527219" spans="14:14">
      <c r="N527219" s="10"/>
    </row>
    <row r="527220" spans="14:14">
      <c r="N527220" s="10"/>
    </row>
    <row r="527221" spans="14:14">
      <c r="N527221" s="10"/>
    </row>
    <row r="527222" spans="14:14">
      <c r="N527222" s="10"/>
    </row>
    <row r="527223" spans="14:14">
      <c r="N527223" s="10"/>
    </row>
    <row r="527224" spans="14:14">
      <c r="N527224" s="10"/>
    </row>
    <row r="527225" spans="14:14">
      <c r="N527225" s="10"/>
    </row>
    <row r="527226" spans="14:14">
      <c r="N527226" s="10"/>
    </row>
    <row r="527227" spans="14:14">
      <c r="N527227" s="10"/>
    </row>
    <row r="527228" spans="14:14">
      <c r="N527228" s="10"/>
    </row>
    <row r="527229" spans="14:14">
      <c r="N527229" s="10"/>
    </row>
    <row r="527230" spans="14:14">
      <c r="N527230" s="10"/>
    </row>
    <row r="527231" spans="14:14">
      <c r="N527231" s="10"/>
    </row>
    <row r="527232" spans="14:14">
      <c r="N527232" s="10"/>
    </row>
    <row r="527233" spans="14:14">
      <c r="N527233" s="10"/>
    </row>
    <row r="527234" spans="14:14">
      <c r="N527234" s="10"/>
    </row>
    <row r="527235" spans="14:14">
      <c r="N527235" s="10"/>
    </row>
    <row r="527236" spans="14:14">
      <c r="N527236" s="10"/>
    </row>
    <row r="527237" spans="14:14">
      <c r="N527237" s="10"/>
    </row>
    <row r="527238" spans="14:14">
      <c r="N527238" s="10"/>
    </row>
    <row r="527239" spans="14:14">
      <c r="N527239" s="10"/>
    </row>
    <row r="527240" spans="14:14">
      <c r="N527240" s="10"/>
    </row>
    <row r="527241" spans="14:14">
      <c r="N527241" s="10"/>
    </row>
    <row r="527242" spans="14:14">
      <c r="N527242" s="10"/>
    </row>
    <row r="527243" spans="14:14">
      <c r="N527243" s="10"/>
    </row>
    <row r="527244" spans="14:14">
      <c r="N527244" s="10"/>
    </row>
    <row r="527245" spans="14:14">
      <c r="N527245" s="10"/>
    </row>
    <row r="527246" spans="14:14">
      <c r="N527246" s="10"/>
    </row>
    <row r="527247" spans="14:14">
      <c r="N527247" s="10"/>
    </row>
    <row r="527248" spans="14:14">
      <c r="N527248" s="10"/>
    </row>
    <row r="527249" spans="14:14">
      <c r="N527249" s="10"/>
    </row>
    <row r="527250" spans="14:14">
      <c r="N527250" s="10"/>
    </row>
    <row r="527251" spans="14:14">
      <c r="N527251" s="10"/>
    </row>
    <row r="527252" spans="14:14">
      <c r="N527252" s="10"/>
    </row>
    <row r="527253" spans="14:14">
      <c r="N527253" s="10"/>
    </row>
    <row r="527254" spans="14:14">
      <c r="N527254" s="10"/>
    </row>
    <row r="527255" spans="14:14">
      <c r="N527255" s="10"/>
    </row>
    <row r="527256" spans="14:14">
      <c r="N527256" s="10"/>
    </row>
    <row r="527257" spans="14:14">
      <c r="N527257" s="10"/>
    </row>
    <row r="527258" spans="14:14">
      <c r="N527258" s="10"/>
    </row>
    <row r="527259" spans="14:14">
      <c r="N527259" s="10"/>
    </row>
    <row r="527260" spans="14:14">
      <c r="N527260" s="10"/>
    </row>
    <row r="527261" spans="14:14">
      <c r="N527261" s="10"/>
    </row>
    <row r="527262" spans="14:14">
      <c r="N527262" s="10"/>
    </row>
    <row r="527263" spans="14:14">
      <c r="N527263" s="10"/>
    </row>
    <row r="527264" spans="14:14">
      <c r="N527264" s="10"/>
    </row>
    <row r="527265" spans="14:14">
      <c r="N527265" s="10"/>
    </row>
    <row r="527266" spans="14:14">
      <c r="N527266" s="10"/>
    </row>
    <row r="527267" spans="14:14">
      <c r="N527267" s="10"/>
    </row>
    <row r="527268" spans="14:14">
      <c r="N527268" s="10"/>
    </row>
    <row r="527269" spans="14:14">
      <c r="N527269" s="10"/>
    </row>
    <row r="527270" spans="14:14">
      <c r="N527270" s="10"/>
    </row>
    <row r="527271" spans="14:14">
      <c r="N527271" s="10"/>
    </row>
    <row r="527272" spans="14:14">
      <c r="N527272" s="10"/>
    </row>
    <row r="527273" spans="14:14">
      <c r="N527273" s="10"/>
    </row>
    <row r="527274" spans="14:14">
      <c r="N527274" s="10"/>
    </row>
    <row r="527275" spans="14:14">
      <c r="N527275" s="10"/>
    </row>
    <row r="527276" spans="14:14">
      <c r="N527276" s="10"/>
    </row>
    <row r="527277" spans="14:14">
      <c r="N527277" s="10"/>
    </row>
    <row r="527278" spans="14:14">
      <c r="N527278" s="10"/>
    </row>
    <row r="527279" spans="14:14">
      <c r="N527279" s="10"/>
    </row>
    <row r="527280" spans="14:14">
      <c r="N527280" s="10"/>
    </row>
    <row r="527281" spans="14:14">
      <c r="N527281" s="10"/>
    </row>
    <row r="527282" spans="14:14">
      <c r="N527282" s="10"/>
    </row>
    <row r="527283" spans="14:14">
      <c r="N527283" s="10"/>
    </row>
    <row r="527284" spans="14:14">
      <c r="N527284" s="10"/>
    </row>
    <row r="527285" spans="14:14">
      <c r="N527285" s="10"/>
    </row>
    <row r="527286" spans="14:14">
      <c r="N527286" s="10"/>
    </row>
    <row r="527287" spans="14:14">
      <c r="N527287" s="10"/>
    </row>
    <row r="527288" spans="14:14">
      <c r="N527288" s="10"/>
    </row>
    <row r="527289" spans="14:14">
      <c r="N527289" s="10"/>
    </row>
    <row r="527290" spans="14:14">
      <c r="N527290" s="10"/>
    </row>
    <row r="527291" spans="14:14">
      <c r="N527291" s="10"/>
    </row>
    <row r="527292" spans="14:14">
      <c r="N527292" s="10"/>
    </row>
    <row r="527293" spans="14:14">
      <c r="N527293" s="10"/>
    </row>
    <row r="527294" spans="14:14">
      <c r="N527294" s="10"/>
    </row>
    <row r="527295" spans="14:14">
      <c r="N527295" s="10"/>
    </row>
    <row r="527296" spans="14:14">
      <c r="N527296" s="10"/>
    </row>
    <row r="527297" spans="14:14">
      <c r="N527297" s="10"/>
    </row>
    <row r="527298" spans="14:14">
      <c r="N527298" s="10"/>
    </row>
    <row r="527299" spans="14:14">
      <c r="N527299" s="10"/>
    </row>
    <row r="527300" spans="14:14">
      <c r="N527300" s="10"/>
    </row>
    <row r="527301" spans="14:14">
      <c r="N527301" s="10"/>
    </row>
    <row r="527302" spans="14:14">
      <c r="N527302" s="10"/>
    </row>
    <row r="527303" spans="14:14">
      <c r="N527303" s="10"/>
    </row>
    <row r="527304" spans="14:14">
      <c r="N527304" s="10"/>
    </row>
    <row r="527305" spans="14:14">
      <c r="N527305" s="10"/>
    </row>
    <row r="527306" spans="14:14">
      <c r="N527306" s="10"/>
    </row>
    <row r="527307" spans="14:14">
      <c r="N527307" s="10"/>
    </row>
    <row r="527308" spans="14:14">
      <c r="N527308" s="10"/>
    </row>
    <row r="527309" spans="14:14">
      <c r="N527309" s="10"/>
    </row>
    <row r="527310" spans="14:14">
      <c r="N527310" s="10"/>
    </row>
    <row r="527311" spans="14:14">
      <c r="N527311" s="10"/>
    </row>
    <row r="527312" spans="14:14">
      <c r="N527312" s="10"/>
    </row>
    <row r="527313" spans="14:14">
      <c r="N527313" s="10"/>
    </row>
    <row r="527314" spans="14:14">
      <c r="N527314" s="10"/>
    </row>
    <row r="527315" spans="14:14">
      <c r="N527315" s="10"/>
    </row>
    <row r="527316" spans="14:14">
      <c r="N527316" s="10"/>
    </row>
    <row r="527317" spans="14:14">
      <c r="N527317" s="10"/>
    </row>
    <row r="527318" spans="14:14">
      <c r="N527318" s="10"/>
    </row>
    <row r="527319" spans="14:14">
      <c r="N527319" s="10"/>
    </row>
    <row r="527320" spans="14:14">
      <c r="N527320" s="10"/>
    </row>
    <row r="527321" spans="14:14">
      <c r="N527321" s="10"/>
    </row>
    <row r="527322" spans="14:14">
      <c r="N527322" s="10"/>
    </row>
    <row r="527323" spans="14:14">
      <c r="N527323" s="10"/>
    </row>
    <row r="527324" spans="14:14">
      <c r="N527324" s="10"/>
    </row>
    <row r="527325" spans="14:14">
      <c r="N527325" s="10"/>
    </row>
    <row r="527326" spans="14:14">
      <c r="N527326" s="10"/>
    </row>
    <row r="527327" spans="14:14">
      <c r="N527327" s="10"/>
    </row>
    <row r="527328" spans="14:14">
      <c r="N527328" s="10"/>
    </row>
    <row r="527329" spans="14:14">
      <c r="N527329" s="10"/>
    </row>
    <row r="527330" spans="14:14">
      <c r="N527330" s="10"/>
    </row>
    <row r="527331" spans="14:14">
      <c r="N527331" s="10"/>
    </row>
    <row r="527332" spans="14:14">
      <c r="N527332" s="10"/>
    </row>
    <row r="527333" spans="14:14">
      <c r="N527333" s="10"/>
    </row>
    <row r="527334" spans="14:14">
      <c r="N527334" s="10"/>
    </row>
    <row r="527335" spans="14:14">
      <c r="N527335" s="10"/>
    </row>
    <row r="527336" spans="14:14">
      <c r="N527336" s="10"/>
    </row>
    <row r="527337" spans="14:14">
      <c r="N527337" s="10"/>
    </row>
    <row r="527338" spans="14:14">
      <c r="N527338" s="10"/>
    </row>
    <row r="527339" spans="14:14">
      <c r="N527339" s="10"/>
    </row>
    <row r="527340" spans="14:14">
      <c r="N527340" s="10"/>
    </row>
    <row r="527341" spans="14:14">
      <c r="N527341" s="10"/>
    </row>
    <row r="527342" spans="14:14">
      <c r="N527342" s="10"/>
    </row>
    <row r="527343" spans="14:14">
      <c r="N527343" s="10"/>
    </row>
    <row r="527344" spans="14:14">
      <c r="N527344" s="10"/>
    </row>
    <row r="527345" spans="14:14">
      <c r="N527345" s="10"/>
    </row>
    <row r="527346" spans="14:14">
      <c r="N527346" s="10"/>
    </row>
    <row r="527347" spans="14:14">
      <c r="N527347" s="10"/>
    </row>
    <row r="527348" spans="14:14">
      <c r="N527348" s="10"/>
    </row>
    <row r="527349" spans="14:14">
      <c r="N527349" s="10"/>
    </row>
    <row r="527350" spans="14:14">
      <c r="N527350" s="10"/>
    </row>
    <row r="527351" spans="14:14">
      <c r="N527351" s="10"/>
    </row>
    <row r="527352" spans="14:14">
      <c r="N527352" s="10"/>
    </row>
    <row r="527353" spans="14:14">
      <c r="N527353" s="10"/>
    </row>
    <row r="527354" spans="14:14">
      <c r="N527354" s="10"/>
    </row>
    <row r="527355" spans="14:14">
      <c r="N527355" s="10"/>
    </row>
    <row r="527356" spans="14:14">
      <c r="N527356" s="10"/>
    </row>
    <row r="527357" spans="14:14">
      <c r="N527357" s="10"/>
    </row>
    <row r="527358" spans="14:14">
      <c r="N527358" s="10"/>
    </row>
    <row r="527359" spans="14:14">
      <c r="N527359" s="10"/>
    </row>
    <row r="527360" spans="14:14">
      <c r="N527360" s="10"/>
    </row>
    <row r="527361" spans="14:14">
      <c r="N527361" s="10"/>
    </row>
    <row r="527362" spans="14:14">
      <c r="N527362" s="10"/>
    </row>
    <row r="527363" spans="14:14">
      <c r="N527363" s="10"/>
    </row>
    <row r="527364" spans="14:14">
      <c r="N527364" s="10"/>
    </row>
    <row r="527365" spans="14:14">
      <c r="N527365" s="10"/>
    </row>
    <row r="527366" spans="14:14">
      <c r="N527366" s="10"/>
    </row>
    <row r="527367" spans="14:14">
      <c r="N527367" s="10"/>
    </row>
    <row r="527368" spans="14:14">
      <c r="N527368" s="10"/>
    </row>
    <row r="527369" spans="14:14">
      <c r="N527369" s="10"/>
    </row>
    <row r="527370" spans="14:14">
      <c r="N527370" s="10"/>
    </row>
    <row r="527371" spans="14:14">
      <c r="N527371" s="10"/>
    </row>
    <row r="527372" spans="14:14">
      <c r="N527372" s="10"/>
    </row>
    <row r="527373" spans="14:14">
      <c r="N527373" s="10"/>
    </row>
    <row r="527374" spans="14:14">
      <c r="N527374" s="10"/>
    </row>
    <row r="527375" spans="14:14">
      <c r="N527375" s="10"/>
    </row>
    <row r="527376" spans="14:14">
      <c r="N527376" s="10"/>
    </row>
    <row r="527377" spans="14:14">
      <c r="N527377" s="10"/>
    </row>
    <row r="527378" spans="14:14">
      <c r="N527378" s="10"/>
    </row>
    <row r="527379" spans="14:14">
      <c r="N527379" s="10"/>
    </row>
    <row r="527380" spans="14:14">
      <c r="N527380" s="10"/>
    </row>
    <row r="527381" spans="14:14">
      <c r="N527381" s="10"/>
    </row>
    <row r="527382" spans="14:14">
      <c r="N527382" s="10"/>
    </row>
    <row r="527383" spans="14:14">
      <c r="N527383" s="10"/>
    </row>
    <row r="527384" spans="14:14">
      <c r="N527384" s="10"/>
    </row>
    <row r="527385" spans="14:14">
      <c r="N527385" s="10"/>
    </row>
    <row r="527386" spans="14:14">
      <c r="N527386" s="10"/>
    </row>
    <row r="527387" spans="14:14">
      <c r="N527387" s="10"/>
    </row>
    <row r="527388" spans="14:14">
      <c r="N527388" s="10"/>
    </row>
    <row r="527389" spans="14:14">
      <c r="N527389" s="10"/>
    </row>
    <row r="527390" spans="14:14">
      <c r="N527390" s="10"/>
    </row>
    <row r="527391" spans="14:14">
      <c r="N527391" s="10"/>
    </row>
    <row r="527392" spans="14:14">
      <c r="N527392" s="10"/>
    </row>
    <row r="527393" spans="14:14">
      <c r="N527393" s="10"/>
    </row>
    <row r="527394" spans="14:14">
      <c r="N527394" s="10"/>
    </row>
    <row r="527395" spans="14:14">
      <c r="N527395" s="10"/>
    </row>
    <row r="527396" spans="14:14">
      <c r="N527396" s="10"/>
    </row>
    <row r="527397" spans="14:14">
      <c r="N527397" s="10"/>
    </row>
    <row r="527398" spans="14:14">
      <c r="N527398" s="10"/>
    </row>
    <row r="527399" spans="14:14">
      <c r="N527399" s="10"/>
    </row>
    <row r="527400" spans="14:14">
      <c r="N527400" s="10"/>
    </row>
    <row r="527401" spans="14:14">
      <c r="N527401" s="10"/>
    </row>
    <row r="527402" spans="14:14">
      <c r="N527402" s="10"/>
    </row>
    <row r="527403" spans="14:14">
      <c r="N527403" s="10"/>
    </row>
    <row r="527404" spans="14:14">
      <c r="N527404" s="10"/>
    </row>
    <row r="527405" spans="14:14">
      <c r="N527405" s="10"/>
    </row>
    <row r="527406" spans="14:14">
      <c r="N527406" s="10"/>
    </row>
    <row r="527407" spans="14:14">
      <c r="N527407" s="10"/>
    </row>
    <row r="527408" spans="14:14">
      <c r="N527408" s="10"/>
    </row>
    <row r="527409" spans="14:14">
      <c r="N527409" s="10"/>
    </row>
    <row r="527410" spans="14:14">
      <c r="N527410" s="10"/>
    </row>
    <row r="527411" spans="14:14">
      <c r="N527411" s="10"/>
    </row>
    <row r="527412" spans="14:14">
      <c r="N527412" s="10"/>
    </row>
    <row r="527413" spans="14:14">
      <c r="N527413" s="10"/>
    </row>
    <row r="527414" spans="14:14">
      <c r="N527414" s="10"/>
    </row>
    <row r="527415" spans="14:14">
      <c r="N527415" s="10"/>
    </row>
    <row r="527416" spans="14:14">
      <c r="N527416" s="10"/>
    </row>
    <row r="527417" spans="14:14">
      <c r="N527417" s="10"/>
    </row>
    <row r="527418" spans="14:14">
      <c r="N527418" s="10"/>
    </row>
    <row r="527419" spans="14:14">
      <c r="N527419" s="10"/>
    </row>
    <row r="527420" spans="14:14">
      <c r="N527420" s="10"/>
    </row>
    <row r="527421" spans="14:14">
      <c r="N527421" s="10"/>
    </row>
    <row r="527422" spans="14:14">
      <c r="N527422" s="10"/>
    </row>
    <row r="527423" spans="14:14">
      <c r="N527423" s="10"/>
    </row>
    <row r="527424" spans="14:14">
      <c r="N527424" s="10"/>
    </row>
    <row r="527425" spans="14:14">
      <c r="N527425" s="10"/>
    </row>
    <row r="527426" spans="14:14">
      <c r="N527426" s="10"/>
    </row>
    <row r="527427" spans="14:14">
      <c r="N527427" s="10"/>
    </row>
    <row r="527428" spans="14:14">
      <c r="N527428" s="10"/>
    </row>
    <row r="527429" spans="14:14">
      <c r="N527429" s="10"/>
    </row>
    <row r="527430" spans="14:14">
      <c r="N527430" s="10"/>
    </row>
    <row r="527431" spans="14:14">
      <c r="N527431" s="10"/>
    </row>
    <row r="527432" spans="14:14">
      <c r="N527432" s="10"/>
    </row>
    <row r="527433" spans="14:14">
      <c r="N527433" s="10"/>
    </row>
    <row r="527434" spans="14:14">
      <c r="N527434" s="10"/>
    </row>
    <row r="527435" spans="14:14">
      <c r="N527435" s="10"/>
    </row>
    <row r="527436" spans="14:14">
      <c r="N527436" s="10"/>
    </row>
    <row r="527437" spans="14:14">
      <c r="N527437" s="10"/>
    </row>
    <row r="527438" spans="14:14">
      <c r="N527438" s="10"/>
    </row>
    <row r="527439" spans="14:14">
      <c r="N527439" s="10"/>
    </row>
    <row r="527440" spans="14:14">
      <c r="N527440" s="10"/>
    </row>
    <row r="527441" spans="14:14">
      <c r="N527441" s="10"/>
    </row>
    <row r="527442" spans="14:14">
      <c r="N527442" s="10"/>
    </row>
    <row r="527443" spans="14:14">
      <c r="N527443" s="10"/>
    </row>
    <row r="527444" spans="14:14">
      <c r="N527444" s="10"/>
    </row>
    <row r="527445" spans="14:14">
      <c r="N527445" s="10"/>
    </row>
    <row r="527446" spans="14:14">
      <c r="N527446" s="10"/>
    </row>
    <row r="527447" spans="14:14">
      <c r="N527447" s="10"/>
    </row>
    <row r="527448" spans="14:14">
      <c r="N527448" s="10"/>
    </row>
    <row r="527449" spans="14:14">
      <c r="N527449" s="10"/>
    </row>
    <row r="527450" spans="14:14">
      <c r="N527450" s="10"/>
    </row>
    <row r="527451" spans="14:14">
      <c r="N527451" s="10"/>
    </row>
    <row r="527452" spans="14:14">
      <c r="N527452" s="10"/>
    </row>
    <row r="527453" spans="14:14">
      <c r="N527453" s="10"/>
    </row>
    <row r="527454" spans="14:14">
      <c r="N527454" s="10"/>
    </row>
    <row r="527455" spans="14:14">
      <c r="N527455" s="10"/>
    </row>
    <row r="527456" spans="14:14">
      <c r="N527456" s="10"/>
    </row>
    <row r="527457" spans="14:14">
      <c r="N527457" s="10"/>
    </row>
    <row r="527458" spans="14:14">
      <c r="N527458" s="10"/>
    </row>
    <row r="527459" spans="14:14">
      <c r="N527459" s="10"/>
    </row>
    <row r="527460" spans="14:14">
      <c r="N527460" s="10"/>
    </row>
    <row r="527461" spans="14:14">
      <c r="N527461" s="10"/>
    </row>
    <row r="527462" spans="14:14">
      <c r="N527462" s="10"/>
    </row>
    <row r="527463" spans="14:14">
      <c r="N527463" s="10"/>
    </row>
    <row r="527464" spans="14:14">
      <c r="N527464" s="10"/>
    </row>
    <row r="527465" spans="14:14">
      <c r="N527465" s="10"/>
    </row>
    <row r="527466" spans="14:14">
      <c r="N527466" s="10"/>
    </row>
    <row r="527467" spans="14:14">
      <c r="N527467" s="10"/>
    </row>
    <row r="527468" spans="14:14">
      <c r="N527468" s="10"/>
    </row>
    <row r="527469" spans="14:14">
      <c r="N527469" s="10"/>
    </row>
    <row r="527470" spans="14:14">
      <c r="N527470" s="10"/>
    </row>
    <row r="527471" spans="14:14">
      <c r="N527471" s="10"/>
    </row>
    <row r="527472" spans="14:14">
      <c r="N527472" s="10"/>
    </row>
    <row r="527473" spans="14:14">
      <c r="N527473" s="10"/>
    </row>
    <row r="527474" spans="14:14">
      <c r="N527474" s="10"/>
    </row>
    <row r="527475" spans="14:14">
      <c r="N527475" s="10"/>
    </row>
    <row r="527476" spans="14:14">
      <c r="N527476" s="10"/>
    </row>
    <row r="527477" spans="14:14">
      <c r="N527477" s="10"/>
    </row>
    <row r="527478" spans="14:14">
      <c r="N527478" s="10"/>
    </row>
    <row r="527479" spans="14:14">
      <c r="N527479" s="10"/>
    </row>
    <row r="527480" spans="14:14">
      <c r="N527480" s="10"/>
    </row>
    <row r="527481" spans="14:14">
      <c r="N527481" s="10"/>
    </row>
    <row r="527482" spans="14:14">
      <c r="N527482" s="10"/>
    </row>
    <row r="527483" spans="14:14">
      <c r="N527483" s="10"/>
    </row>
    <row r="527484" spans="14:14">
      <c r="N527484" s="10"/>
    </row>
    <row r="527485" spans="14:14">
      <c r="N527485" s="10"/>
    </row>
    <row r="527486" spans="14:14">
      <c r="N527486" s="10"/>
    </row>
    <row r="527487" spans="14:14">
      <c r="N527487" s="10"/>
    </row>
    <row r="527488" spans="14:14">
      <c r="N527488" s="10"/>
    </row>
    <row r="527489" spans="14:14">
      <c r="N527489" s="10"/>
    </row>
    <row r="527490" spans="14:14">
      <c r="N527490" s="10"/>
    </row>
    <row r="527491" spans="14:14">
      <c r="N527491" s="10"/>
    </row>
    <row r="527492" spans="14:14">
      <c r="N527492" s="10"/>
    </row>
    <row r="527493" spans="14:14">
      <c r="N527493" s="10"/>
    </row>
    <row r="527494" spans="14:14">
      <c r="N527494" s="10"/>
    </row>
    <row r="527495" spans="14:14">
      <c r="N527495" s="10"/>
    </row>
    <row r="527496" spans="14:14">
      <c r="N527496" s="10"/>
    </row>
    <row r="527497" spans="14:14">
      <c r="N527497" s="10"/>
    </row>
    <row r="527498" spans="14:14">
      <c r="N527498" s="10"/>
    </row>
    <row r="527499" spans="14:14">
      <c r="N527499" s="10"/>
    </row>
    <row r="527500" spans="14:14">
      <c r="N527500" s="10"/>
    </row>
    <row r="527501" spans="14:14">
      <c r="N527501" s="10"/>
    </row>
    <row r="527502" spans="14:14">
      <c r="N527502" s="10"/>
    </row>
    <row r="527503" spans="14:14">
      <c r="N527503" s="10"/>
    </row>
    <row r="527504" spans="14:14">
      <c r="N527504" s="10"/>
    </row>
    <row r="527505" spans="14:14">
      <c r="N527505" s="10"/>
    </row>
    <row r="527506" spans="14:14">
      <c r="N527506" s="10"/>
    </row>
    <row r="527507" spans="14:14">
      <c r="N527507" s="10"/>
    </row>
    <row r="527508" spans="14:14">
      <c r="N527508" s="10"/>
    </row>
    <row r="527509" spans="14:14">
      <c r="N527509" s="10"/>
    </row>
    <row r="527510" spans="14:14">
      <c r="N527510" s="10"/>
    </row>
    <row r="527511" spans="14:14">
      <c r="N527511" s="10"/>
    </row>
    <row r="527512" spans="14:14">
      <c r="N527512" s="10"/>
    </row>
    <row r="527513" spans="14:14">
      <c r="N527513" s="10"/>
    </row>
    <row r="527514" spans="14:14">
      <c r="N527514" s="10"/>
    </row>
    <row r="527515" spans="14:14">
      <c r="N527515" s="10"/>
    </row>
    <row r="527516" spans="14:14">
      <c r="N527516" s="10"/>
    </row>
    <row r="527517" spans="14:14">
      <c r="N527517" s="10"/>
    </row>
    <row r="527518" spans="14:14">
      <c r="N527518" s="10"/>
    </row>
    <row r="527519" spans="14:14">
      <c r="N527519" s="10"/>
    </row>
    <row r="527520" spans="14:14">
      <c r="N527520" s="10"/>
    </row>
    <row r="527521" spans="14:14">
      <c r="N527521" s="10"/>
    </row>
    <row r="527522" spans="14:14">
      <c r="N527522" s="10"/>
    </row>
    <row r="527523" spans="14:14">
      <c r="N527523" s="10"/>
    </row>
    <row r="527524" spans="14:14">
      <c r="N527524" s="10"/>
    </row>
    <row r="527525" spans="14:14">
      <c r="N527525" s="10"/>
    </row>
    <row r="527526" spans="14:14">
      <c r="N527526" s="10"/>
    </row>
    <row r="527527" spans="14:14">
      <c r="N527527" s="10"/>
    </row>
    <row r="527528" spans="14:14">
      <c r="N527528" s="10"/>
    </row>
    <row r="527529" spans="14:14">
      <c r="N527529" s="10"/>
    </row>
    <row r="527530" spans="14:14">
      <c r="N527530" s="10"/>
    </row>
    <row r="527531" spans="14:14">
      <c r="N527531" s="10"/>
    </row>
    <row r="527532" spans="14:14">
      <c r="N527532" s="10"/>
    </row>
    <row r="527533" spans="14:14">
      <c r="N527533" s="10"/>
    </row>
    <row r="527534" spans="14:14">
      <c r="N527534" s="10"/>
    </row>
    <row r="527535" spans="14:14">
      <c r="N527535" s="10"/>
    </row>
    <row r="527536" spans="14:14">
      <c r="N527536" s="10"/>
    </row>
    <row r="527537" spans="14:14">
      <c r="N527537" s="10"/>
    </row>
    <row r="527538" spans="14:14">
      <c r="N527538" s="10"/>
    </row>
    <row r="527539" spans="14:14">
      <c r="N527539" s="10"/>
    </row>
    <row r="527540" spans="14:14">
      <c r="N527540" s="10"/>
    </row>
    <row r="527541" spans="14:14">
      <c r="N527541" s="10"/>
    </row>
    <row r="527542" spans="14:14">
      <c r="N527542" s="10"/>
    </row>
    <row r="527543" spans="14:14">
      <c r="N527543" s="10"/>
    </row>
    <row r="527544" spans="14:14">
      <c r="N527544" s="10"/>
    </row>
    <row r="527545" spans="14:14">
      <c r="N527545" s="10"/>
    </row>
    <row r="527546" spans="14:14">
      <c r="N527546" s="10"/>
    </row>
    <row r="527547" spans="14:14">
      <c r="N527547" s="10"/>
    </row>
    <row r="527548" spans="14:14">
      <c r="N527548" s="10"/>
    </row>
    <row r="527549" spans="14:14">
      <c r="N527549" s="10"/>
    </row>
    <row r="527550" spans="14:14">
      <c r="N527550" s="10"/>
    </row>
    <row r="527551" spans="14:14">
      <c r="N527551" s="10"/>
    </row>
    <row r="527552" spans="14:14">
      <c r="N527552" s="10"/>
    </row>
    <row r="527553" spans="14:14">
      <c r="N527553" s="10"/>
    </row>
    <row r="527554" spans="14:14">
      <c r="N527554" s="10"/>
    </row>
    <row r="527555" spans="14:14">
      <c r="N527555" s="10"/>
    </row>
    <row r="527556" spans="14:14">
      <c r="N527556" s="10"/>
    </row>
    <row r="527557" spans="14:14">
      <c r="N527557" s="10"/>
    </row>
    <row r="527558" spans="14:14">
      <c r="N527558" s="10"/>
    </row>
    <row r="527559" spans="14:14">
      <c r="N527559" s="10"/>
    </row>
    <row r="527560" spans="14:14">
      <c r="N527560" s="10"/>
    </row>
    <row r="527561" spans="14:14">
      <c r="N527561" s="10"/>
    </row>
    <row r="527562" spans="14:14">
      <c r="N527562" s="10"/>
    </row>
    <row r="527563" spans="14:14">
      <c r="N527563" s="10"/>
    </row>
    <row r="527564" spans="14:14">
      <c r="N527564" s="10"/>
    </row>
    <row r="527565" spans="14:14">
      <c r="N527565" s="10"/>
    </row>
    <row r="527566" spans="14:14">
      <c r="N527566" s="10"/>
    </row>
    <row r="527567" spans="14:14">
      <c r="N527567" s="10"/>
    </row>
    <row r="527568" spans="14:14">
      <c r="N527568" s="10"/>
    </row>
    <row r="527569" spans="14:14">
      <c r="N527569" s="10"/>
    </row>
    <row r="527570" spans="14:14">
      <c r="N527570" s="10"/>
    </row>
    <row r="527571" spans="14:14">
      <c r="N527571" s="10"/>
    </row>
    <row r="527572" spans="14:14">
      <c r="N527572" s="10"/>
    </row>
    <row r="527573" spans="14:14">
      <c r="N527573" s="10"/>
    </row>
    <row r="527574" spans="14:14">
      <c r="N527574" s="10"/>
    </row>
    <row r="527575" spans="14:14">
      <c r="N527575" s="10"/>
    </row>
    <row r="527576" spans="14:14">
      <c r="N527576" s="10"/>
    </row>
    <row r="527577" spans="14:14">
      <c r="N527577" s="10"/>
    </row>
    <row r="527578" spans="14:14">
      <c r="N527578" s="10"/>
    </row>
    <row r="527579" spans="14:14">
      <c r="N527579" s="10"/>
    </row>
    <row r="527580" spans="14:14">
      <c r="N527580" s="10"/>
    </row>
    <row r="527581" spans="14:14">
      <c r="N527581" s="10"/>
    </row>
    <row r="527582" spans="14:14">
      <c r="N527582" s="10"/>
    </row>
    <row r="527583" spans="14:14">
      <c r="N527583" s="10"/>
    </row>
    <row r="527584" spans="14:14">
      <c r="N527584" s="10"/>
    </row>
    <row r="527585" spans="14:14">
      <c r="N527585" s="10"/>
    </row>
    <row r="527586" spans="14:14">
      <c r="N527586" s="10"/>
    </row>
    <row r="527587" spans="14:14">
      <c r="N527587" s="10"/>
    </row>
    <row r="527588" spans="14:14">
      <c r="N527588" s="10"/>
    </row>
    <row r="527589" spans="14:14">
      <c r="N527589" s="10"/>
    </row>
    <row r="527590" spans="14:14">
      <c r="N527590" s="10"/>
    </row>
    <row r="527591" spans="14:14">
      <c r="N527591" s="10"/>
    </row>
    <row r="527592" spans="14:14">
      <c r="N527592" s="10"/>
    </row>
    <row r="527593" spans="14:14">
      <c r="N527593" s="10"/>
    </row>
    <row r="527594" spans="14:14">
      <c r="N527594" s="10"/>
    </row>
    <row r="527595" spans="14:14">
      <c r="N527595" s="10"/>
    </row>
    <row r="527596" spans="14:14">
      <c r="N527596" s="10"/>
    </row>
    <row r="527597" spans="14:14">
      <c r="N527597" s="10"/>
    </row>
    <row r="527598" spans="14:14">
      <c r="N527598" s="10"/>
    </row>
    <row r="527599" spans="14:14">
      <c r="N527599" s="10"/>
    </row>
    <row r="527600" spans="14:14">
      <c r="N527600" s="10"/>
    </row>
    <row r="527601" spans="14:14">
      <c r="N527601" s="10"/>
    </row>
    <row r="527602" spans="14:14">
      <c r="N527602" s="10"/>
    </row>
    <row r="527603" spans="14:14">
      <c r="N527603" s="10"/>
    </row>
    <row r="527604" spans="14:14">
      <c r="N527604" s="10"/>
    </row>
    <row r="527605" spans="14:14">
      <c r="N527605" s="10"/>
    </row>
    <row r="527606" spans="14:14">
      <c r="N527606" s="10"/>
    </row>
    <row r="527607" spans="14:14">
      <c r="N527607" s="10"/>
    </row>
    <row r="527608" spans="14:14">
      <c r="N527608" s="10"/>
    </row>
    <row r="527609" spans="14:14">
      <c r="N527609" s="10"/>
    </row>
    <row r="527610" spans="14:14">
      <c r="N527610" s="10"/>
    </row>
    <row r="527611" spans="14:14">
      <c r="N527611" s="10"/>
    </row>
    <row r="527612" spans="14:14">
      <c r="N527612" s="10"/>
    </row>
    <row r="527613" spans="14:14">
      <c r="N527613" s="10"/>
    </row>
    <row r="527614" spans="14:14">
      <c r="N527614" s="10"/>
    </row>
    <row r="527615" spans="14:14">
      <c r="N527615" s="10"/>
    </row>
    <row r="527616" spans="14:14">
      <c r="N527616" s="10"/>
    </row>
    <row r="527617" spans="14:14">
      <c r="N527617" s="10"/>
    </row>
    <row r="527618" spans="14:14">
      <c r="N527618" s="10"/>
    </row>
    <row r="527619" spans="14:14">
      <c r="N527619" s="10"/>
    </row>
    <row r="527620" spans="14:14">
      <c r="N527620" s="10"/>
    </row>
    <row r="527621" spans="14:14">
      <c r="N527621" s="10"/>
    </row>
    <row r="527622" spans="14:14">
      <c r="N527622" s="10"/>
    </row>
    <row r="527623" spans="14:14">
      <c r="N527623" s="10"/>
    </row>
    <row r="527624" spans="14:14">
      <c r="N527624" s="10"/>
    </row>
    <row r="527625" spans="14:14">
      <c r="N527625" s="10"/>
    </row>
    <row r="527626" spans="14:14">
      <c r="N527626" s="10"/>
    </row>
    <row r="527627" spans="14:14">
      <c r="N527627" s="10"/>
    </row>
    <row r="527628" spans="14:14">
      <c r="N527628" s="10"/>
    </row>
    <row r="527629" spans="14:14">
      <c r="N527629" s="10"/>
    </row>
    <row r="527630" spans="14:14">
      <c r="N527630" s="10"/>
    </row>
    <row r="527631" spans="14:14">
      <c r="N527631" s="10"/>
    </row>
    <row r="527632" spans="14:14">
      <c r="N527632" s="10"/>
    </row>
    <row r="527633" spans="14:14">
      <c r="N527633" s="10"/>
    </row>
    <row r="527634" spans="14:14">
      <c r="N527634" s="10"/>
    </row>
    <row r="527635" spans="14:14">
      <c r="N527635" s="10"/>
    </row>
    <row r="527636" spans="14:14">
      <c r="N527636" s="10"/>
    </row>
    <row r="527637" spans="14:14">
      <c r="N527637" s="10"/>
    </row>
    <row r="527638" spans="14:14">
      <c r="N527638" s="10"/>
    </row>
    <row r="527639" spans="14:14">
      <c r="N527639" s="10"/>
    </row>
    <row r="527640" spans="14:14">
      <c r="N527640" s="10"/>
    </row>
    <row r="527641" spans="14:14">
      <c r="N527641" s="10"/>
    </row>
    <row r="527642" spans="14:14">
      <c r="N527642" s="10"/>
    </row>
    <row r="527643" spans="14:14">
      <c r="N527643" s="10"/>
    </row>
    <row r="527644" spans="14:14">
      <c r="N527644" s="10"/>
    </row>
    <row r="527645" spans="14:14">
      <c r="N527645" s="10"/>
    </row>
    <row r="527646" spans="14:14">
      <c r="N527646" s="10"/>
    </row>
    <row r="527647" spans="14:14">
      <c r="N527647" s="10"/>
    </row>
    <row r="527648" spans="14:14">
      <c r="N527648" s="10"/>
    </row>
    <row r="527649" spans="14:14">
      <c r="N527649" s="10"/>
    </row>
    <row r="527650" spans="14:14">
      <c r="N527650" s="10"/>
    </row>
    <row r="527651" spans="14:14">
      <c r="N527651" s="10"/>
    </row>
    <row r="527652" spans="14:14">
      <c r="N527652" s="10"/>
    </row>
    <row r="527653" spans="14:14">
      <c r="N527653" s="10"/>
    </row>
    <row r="527654" spans="14:14">
      <c r="N527654" s="10"/>
    </row>
    <row r="527655" spans="14:14">
      <c r="N527655" s="10"/>
    </row>
    <row r="527656" spans="14:14">
      <c r="N527656" s="10"/>
    </row>
    <row r="527657" spans="14:14">
      <c r="N527657" s="10"/>
    </row>
    <row r="527658" spans="14:14">
      <c r="N527658" s="10"/>
    </row>
    <row r="527659" spans="14:14">
      <c r="N527659" s="10"/>
    </row>
    <row r="527660" spans="14:14">
      <c r="N527660" s="10"/>
    </row>
    <row r="527661" spans="14:14">
      <c r="N527661" s="10"/>
    </row>
    <row r="527662" spans="14:14">
      <c r="N527662" s="10"/>
    </row>
    <row r="527663" spans="14:14">
      <c r="N527663" s="10"/>
    </row>
    <row r="527664" spans="14:14">
      <c r="N527664" s="10"/>
    </row>
    <row r="527665" spans="14:14">
      <c r="N527665" s="10"/>
    </row>
    <row r="527666" spans="14:14">
      <c r="N527666" s="10"/>
    </row>
    <row r="527667" spans="14:14">
      <c r="N527667" s="10"/>
    </row>
    <row r="527668" spans="14:14">
      <c r="N527668" s="10"/>
    </row>
    <row r="527669" spans="14:14">
      <c r="N527669" s="10"/>
    </row>
    <row r="527670" spans="14:14">
      <c r="N527670" s="10"/>
    </row>
    <row r="527671" spans="14:14">
      <c r="N527671" s="10"/>
    </row>
    <row r="527672" spans="14:14">
      <c r="N527672" s="10"/>
    </row>
    <row r="527673" spans="14:14">
      <c r="N527673" s="10"/>
    </row>
    <row r="527674" spans="14:14">
      <c r="N527674" s="10"/>
    </row>
    <row r="527675" spans="14:14">
      <c r="N527675" s="10"/>
    </row>
    <row r="527676" spans="14:14">
      <c r="N527676" s="10"/>
    </row>
    <row r="527677" spans="14:14">
      <c r="N527677" s="10"/>
    </row>
    <row r="527678" spans="14:14">
      <c r="N527678" s="10"/>
    </row>
    <row r="527679" spans="14:14">
      <c r="N527679" s="10"/>
    </row>
    <row r="527680" spans="14:14">
      <c r="N527680" s="10"/>
    </row>
    <row r="527681" spans="14:14">
      <c r="N527681" s="10"/>
    </row>
    <row r="527682" spans="14:14">
      <c r="N527682" s="10"/>
    </row>
    <row r="527683" spans="14:14">
      <c r="N527683" s="10"/>
    </row>
    <row r="527684" spans="14:14">
      <c r="N527684" s="10"/>
    </row>
    <row r="527685" spans="14:14">
      <c r="N527685" s="10"/>
    </row>
    <row r="527686" spans="14:14">
      <c r="N527686" s="10"/>
    </row>
    <row r="527687" spans="14:14">
      <c r="N527687" s="10"/>
    </row>
    <row r="527688" spans="14:14">
      <c r="N527688" s="10"/>
    </row>
    <row r="527689" spans="14:14">
      <c r="N527689" s="10"/>
    </row>
    <row r="527690" spans="14:14">
      <c r="N527690" s="10"/>
    </row>
    <row r="527691" spans="14:14">
      <c r="N527691" s="10"/>
    </row>
    <row r="527692" spans="14:14">
      <c r="N527692" s="10"/>
    </row>
    <row r="527693" spans="14:14">
      <c r="N527693" s="10"/>
    </row>
    <row r="527694" spans="14:14">
      <c r="N527694" s="10"/>
    </row>
    <row r="527695" spans="14:14">
      <c r="N527695" s="10"/>
    </row>
    <row r="527696" spans="14:14">
      <c r="N527696" s="10"/>
    </row>
    <row r="527697" spans="14:14">
      <c r="N527697" s="10"/>
    </row>
    <row r="527698" spans="14:14">
      <c r="N527698" s="10"/>
    </row>
    <row r="527699" spans="14:14">
      <c r="N527699" s="10"/>
    </row>
    <row r="527700" spans="14:14">
      <c r="N527700" s="10"/>
    </row>
    <row r="527701" spans="14:14">
      <c r="N527701" s="10"/>
    </row>
    <row r="527702" spans="14:14">
      <c r="N527702" s="10"/>
    </row>
    <row r="527703" spans="14:14">
      <c r="N527703" s="10"/>
    </row>
    <row r="527704" spans="14:14">
      <c r="N527704" s="10"/>
    </row>
    <row r="527705" spans="14:14">
      <c r="N527705" s="10"/>
    </row>
    <row r="527706" spans="14:14">
      <c r="N527706" s="10"/>
    </row>
    <row r="527707" spans="14:14">
      <c r="N527707" s="10"/>
    </row>
    <row r="527708" spans="14:14">
      <c r="N527708" s="10"/>
    </row>
    <row r="527709" spans="14:14">
      <c r="N527709" s="10"/>
    </row>
    <row r="527710" spans="14:14">
      <c r="N527710" s="10"/>
    </row>
    <row r="527711" spans="14:14">
      <c r="N527711" s="10"/>
    </row>
    <row r="527712" spans="14:14">
      <c r="N527712" s="10"/>
    </row>
    <row r="527713" spans="14:14">
      <c r="N527713" s="10"/>
    </row>
    <row r="527714" spans="14:14">
      <c r="N527714" s="10"/>
    </row>
    <row r="527715" spans="14:14">
      <c r="N527715" s="10"/>
    </row>
    <row r="527716" spans="14:14">
      <c r="N527716" s="10"/>
    </row>
    <row r="527717" spans="14:14">
      <c r="N527717" s="10"/>
    </row>
    <row r="527718" spans="14:14">
      <c r="N527718" s="10"/>
    </row>
    <row r="527719" spans="14:14">
      <c r="N527719" s="10"/>
    </row>
    <row r="527720" spans="14:14">
      <c r="N527720" s="10"/>
    </row>
    <row r="527721" spans="14:14">
      <c r="N527721" s="10"/>
    </row>
    <row r="527722" spans="14:14">
      <c r="N527722" s="10"/>
    </row>
    <row r="527723" spans="14:14">
      <c r="N527723" s="10"/>
    </row>
    <row r="527724" spans="14:14">
      <c r="N527724" s="10"/>
    </row>
    <row r="527725" spans="14:14">
      <c r="N527725" s="10"/>
    </row>
    <row r="527726" spans="14:14">
      <c r="N527726" s="10"/>
    </row>
    <row r="527727" spans="14:14">
      <c r="N527727" s="10"/>
    </row>
    <row r="527728" spans="14:14">
      <c r="N527728" s="10"/>
    </row>
    <row r="527729" spans="14:14">
      <c r="N527729" s="10"/>
    </row>
    <row r="527730" spans="14:14">
      <c r="N527730" s="10"/>
    </row>
    <row r="527731" spans="14:14">
      <c r="N527731" s="10"/>
    </row>
    <row r="527732" spans="14:14">
      <c r="N527732" s="10"/>
    </row>
    <row r="527733" spans="14:14">
      <c r="N527733" s="10"/>
    </row>
    <row r="527734" spans="14:14">
      <c r="N527734" s="10"/>
    </row>
    <row r="527735" spans="14:14">
      <c r="N527735" s="10"/>
    </row>
    <row r="527736" spans="14:14">
      <c r="N527736" s="10"/>
    </row>
    <row r="527737" spans="14:14">
      <c r="N527737" s="10"/>
    </row>
    <row r="527738" spans="14:14">
      <c r="N527738" s="10"/>
    </row>
    <row r="527739" spans="14:14">
      <c r="N527739" s="10"/>
    </row>
    <row r="527740" spans="14:14">
      <c r="N527740" s="10"/>
    </row>
    <row r="527741" spans="14:14">
      <c r="N527741" s="10"/>
    </row>
    <row r="527742" spans="14:14">
      <c r="N527742" s="10"/>
    </row>
    <row r="527743" spans="14:14">
      <c r="N527743" s="10"/>
    </row>
    <row r="527744" spans="14:14">
      <c r="N527744" s="10"/>
    </row>
    <row r="527745" spans="14:14">
      <c r="N527745" s="10"/>
    </row>
    <row r="527746" spans="14:14">
      <c r="N527746" s="10"/>
    </row>
    <row r="527747" spans="14:14">
      <c r="N527747" s="10"/>
    </row>
    <row r="527748" spans="14:14">
      <c r="N527748" s="10"/>
    </row>
    <row r="527749" spans="14:14">
      <c r="N527749" s="10"/>
    </row>
    <row r="527750" spans="14:14">
      <c r="N527750" s="10"/>
    </row>
    <row r="527751" spans="14:14">
      <c r="N527751" s="10"/>
    </row>
    <row r="527752" spans="14:14">
      <c r="N527752" s="10"/>
    </row>
    <row r="527753" spans="14:14">
      <c r="N527753" s="10"/>
    </row>
    <row r="527754" spans="14:14">
      <c r="N527754" s="10"/>
    </row>
    <row r="527755" spans="14:14">
      <c r="N527755" s="10"/>
    </row>
    <row r="527756" spans="14:14">
      <c r="N527756" s="10"/>
    </row>
    <row r="527757" spans="14:14">
      <c r="N527757" s="10"/>
    </row>
    <row r="527758" spans="14:14">
      <c r="N527758" s="10"/>
    </row>
    <row r="527759" spans="14:14">
      <c r="N527759" s="10"/>
    </row>
    <row r="527760" spans="14:14">
      <c r="N527760" s="10"/>
    </row>
    <row r="527761" spans="14:14">
      <c r="N527761" s="10"/>
    </row>
    <row r="527762" spans="14:14">
      <c r="N527762" s="10"/>
    </row>
    <row r="527763" spans="14:14">
      <c r="N527763" s="10"/>
    </row>
    <row r="527764" spans="14:14">
      <c r="N527764" s="10"/>
    </row>
    <row r="527765" spans="14:14">
      <c r="N527765" s="10"/>
    </row>
    <row r="527766" spans="14:14">
      <c r="N527766" s="10"/>
    </row>
    <row r="527767" spans="14:14">
      <c r="N527767" s="10"/>
    </row>
    <row r="527768" spans="14:14">
      <c r="N527768" s="10"/>
    </row>
    <row r="527769" spans="14:14">
      <c r="N527769" s="10"/>
    </row>
    <row r="527770" spans="14:14">
      <c r="N527770" s="10"/>
    </row>
    <row r="527771" spans="14:14">
      <c r="N527771" s="10"/>
    </row>
    <row r="527772" spans="14:14">
      <c r="N527772" s="10"/>
    </row>
    <row r="527773" spans="14:14">
      <c r="N527773" s="10"/>
    </row>
    <row r="527774" spans="14:14">
      <c r="N527774" s="10"/>
    </row>
    <row r="527775" spans="14:14">
      <c r="N527775" s="10"/>
    </row>
    <row r="527776" spans="14:14">
      <c r="N527776" s="10"/>
    </row>
    <row r="527777" spans="14:14">
      <c r="N527777" s="10"/>
    </row>
    <row r="527778" spans="14:14">
      <c r="N527778" s="10"/>
    </row>
    <row r="527779" spans="14:14">
      <c r="N527779" s="10"/>
    </row>
    <row r="527780" spans="14:14">
      <c r="N527780" s="10"/>
    </row>
    <row r="527781" spans="14:14">
      <c r="N527781" s="10"/>
    </row>
    <row r="527782" spans="14:14">
      <c r="N527782" s="10"/>
    </row>
    <row r="527783" spans="14:14">
      <c r="N527783" s="10"/>
    </row>
    <row r="527784" spans="14:14">
      <c r="N527784" s="10"/>
    </row>
    <row r="527785" spans="14:14">
      <c r="N527785" s="10"/>
    </row>
    <row r="527786" spans="14:14">
      <c r="N527786" s="10"/>
    </row>
    <row r="527787" spans="14:14">
      <c r="N527787" s="10"/>
    </row>
    <row r="527788" spans="14:14">
      <c r="N527788" s="10"/>
    </row>
    <row r="527789" spans="14:14">
      <c r="N527789" s="10"/>
    </row>
    <row r="527790" spans="14:14">
      <c r="N527790" s="10"/>
    </row>
    <row r="527791" spans="14:14">
      <c r="N527791" s="10"/>
    </row>
    <row r="527792" spans="14:14">
      <c r="N527792" s="10"/>
    </row>
    <row r="527793" spans="14:14">
      <c r="N527793" s="10"/>
    </row>
    <row r="527794" spans="14:14">
      <c r="N527794" s="10"/>
    </row>
    <row r="527795" spans="14:14">
      <c r="N527795" s="10"/>
    </row>
    <row r="527796" spans="14:14">
      <c r="N527796" s="10"/>
    </row>
    <row r="527797" spans="14:14">
      <c r="N527797" s="10"/>
    </row>
    <row r="527798" spans="14:14">
      <c r="N527798" s="10"/>
    </row>
    <row r="527799" spans="14:14">
      <c r="N527799" s="10"/>
    </row>
    <row r="527800" spans="14:14">
      <c r="N527800" s="10"/>
    </row>
    <row r="527801" spans="14:14">
      <c r="N527801" s="10"/>
    </row>
    <row r="527802" spans="14:14">
      <c r="N527802" s="10"/>
    </row>
    <row r="527803" spans="14:14">
      <c r="N527803" s="10"/>
    </row>
    <row r="527804" spans="14:14">
      <c r="N527804" s="10"/>
    </row>
    <row r="527805" spans="14:14">
      <c r="N527805" s="10"/>
    </row>
    <row r="527806" spans="14:14">
      <c r="N527806" s="10"/>
    </row>
    <row r="527807" spans="14:14">
      <c r="N527807" s="10"/>
    </row>
    <row r="527808" spans="14:14">
      <c r="N527808" s="10"/>
    </row>
    <row r="527809" spans="14:14">
      <c r="N527809" s="10"/>
    </row>
    <row r="527810" spans="14:14">
      <c r="N527810" s="10"/>
    </row>
    <row r="527811" spans="14:14">
      <c r="N527811" s="10"/>
    </row>
    <row r="527812" spans="14:14">
      <c r="N527812" s="10"/>
    </row>
    <row r="527813" spans="14:14">
      <c r="N527813" s="10"/>
    </row>
    <row r="527814" spans="14:14">
      <c r="N527814" s="10"/>
    </row>
    <row r="527815" spans="14:14">
      <c r="N527815" s="10"/>
    </row>
    <row r="527816" spans="14:14">
      <c r="N527816" s="10"/>
    </row>
    <row r="527817" spans="14:14">
      <c r="N527817" s="10"/>
    </row>
    <row r="527818" spans="14:14">
      <c r="N527818" s="10"/>
    </row>
    <row r="527819" spans="14:14">
      <c r="N527819" s="10"/>
    </row>
    <row r="527820" spans="14:14">
      <c r="N527820" s="10"/>
    </row>
    <row r="527821" spans="14:14">
      <c r="N527821" s="10"/>
    </row>
    <row r="527822" spans="14:14">
      <c r="N527822" s="10"/>
    </row>
    <row r="527823" spans="14:14">
      <c r="N527823" s="10"/>
    </row>
    <row r="527824" spans="14:14">
      <c r="N527824" s="10"/>
    </row>
    <row r="527825" spans="14:14">
      <c r="N527825" s="10"/>
    </row>
    <row r="527826" spans="14:14">
      <c r="N527826" s="10"/>
    </row>
    <row r="527827" spans="14:14">
      <c r="N527827" s="10"/>
    </row>
    <row r="527828" spans="14:14">
      <c r="N527828" s="10"/>
    </row>
    <row r="527829" spans="14:14">
      <c r="N527829" s="10"/>
    </row>
    <row r="527830" spans="14:14">
      <c r="N527830" s="10"/>
    </row>
    <row r="527831" spans="14:14">
      <c r="N527831" s="10"/>
    </row>
    <row r="527832" spans="14:14">
      <c r="N527832" s="10"/>
    </row>
    <row r="527833" spans="14:14">
      <c r="N527833" s="10"/>
    </row>
    <row r="527834" spans="14:14">
      <c r="N527834" s="10"/>
    </row>
    <row r="527835" spans="14:14">
      <c r="N527835" s="10"/>
    </row>
    <row r="527836" spans="14:14">
      <c r="N527836" s="10"/>
    </row>
    <row r="527837" spans="14:14">
      <c r="N527837" s="10"/>
    </row>
    <row r="527838" spans="14:14">
      <c r="N527838" s="10"/>
    </row>
    <row r="527839" spans="14:14">
      <c r="N527839" s="10"/>
    </row>
    <row r="527840" spans="14:14">
      <c r="N527840" s="10"/>
    </row>
    <row r="527841" spans="14:14">
      <c r="N527841" s="10"/>
    </row>
    <row r="527842" spans="14:14">
      <c r="N527842" s="10"/>
    </row>
    <row r="527843" spans="14:14">
      <c r="N527843" s="10"/>
    </row>
    <row r="527844" spans="14:14">
      <c r="N527844" s="10"/>
    </row>
    <row r="527845" spans="14:14">
      <c r="N527845" s="10"/>
    </row>
    <row r="527846" spans="14:14">
      <c r="N527846" s="10"/>
    </row>
    <row r="527847" spans="14:14">
      <c r="N527847" s="10"/>
    </row>
    <row r="527848" spans="14:14">
      <c r="N527848" s="10"/>
    </row>
    <row r="527849" spans="14:14">
      <c r="N527849" s="10"/>
    </row>
    <row r="527850" spans="14:14">
      <c r="N527850" s="10"/>
    </row>
    <row r="527851" spans="14:14">
      <c r="N527851" s="10"/>
    </row>
    <row r="527852" spans="14:14">
      <c r="N527852" s="10"/>
    </row>
    <row r="527853" spans="14:14">
      <c r="N527853" s="10"/>
    </row>
    <row r="527854" spans="14:14">
      <c r="N527854" s="10"/>
    </row>
    <row r="527855" spans="14:14">
      <c r="N527855" s="10"/>
    </row>
    <row r="527856" spans="14:14">
      <c r="N527856" s="10"/>
    </row>
    <row r="527857" spans="14:14">
      <c r="N527857" s="10"/>
    </row>
    <row r="527858" spans="14:14">
      <c r="N527858" s="10"/>
    </row>
    <row r="527859" spans="14:14">
      <c r="N527859" s="10"/>
    </row>
    <row r="527860" spans="14:14">
      <c r="N527860" s="10"/>
    </row>
    <row r="527861" spans="14:14">
      <c r="N527861" s="10"/>
    </row>
    <row r="527862" spans="14:14">
      <c r="N527862" s="10"/>
    </row>
    <row r="527863" spans="14:14">
      <c r="N527863" s="10"/>
    </row>
    <row r="527864" spans="14:14">
      <c r="N527864" s="10"/>
    </row>
    <row r="527865" spans="14:14">
      <c r="N527865" s="10"/>
    </row>
    <row r="527866" spans="14:14">
      <c r="N527866" s="10"/>
    </row>
    <row r="527867" spans="14:14">
      <c r="N527867" s="10"/>
    </row>
    <row r="527868" spans="14:14">
      <c r="N527868" s="10"/>
    </row>
    <row r="527869" spans="14:14">
      <c r="N527869" s="10"/>
    </row>
    <row r="527870" spans="14:14">
      <c r="N527870" s="10"/>
    </row>
    <row r="527871" spans="14:14">
      <c r="N527871" s="10"/>
    </row>
    <row r="527872" spans="14:14">
      <c r="N527872" s="10"/>
    </row>
    <row r="527873" spans="14:14">
      <c r="N527873" s="10"/>
    </row>
    <row r="527874" spans="14:14">
      <c r="N527874" s="10"/>
    </row>
    <row r="527875" spans="14:14">
      <c r="N527875" s="10"/>
    </row>
    <row r="527876" spans="14:14">
      <c r="N527876" s="10"/>
    </row>
    <row r="527877" spans="14:14">
      <c r="N527877" s="10"/>
    </row>
    <row r="527878" spans="14:14">
      <c r="N527878" s="10"/>
    </row>
    <row r="527879" spans="14:14">
      <c r="N527879" s="10"/>
    </row>
    <row r="527880" spans="14:14">
      <c r="N527880" s="10"/>
    </row>
    <row r="527881" spans="14:14">
      <c r="N527881" s="10"/>
    </row>
    <row r="527882" spans="14:14">
      <c r="N527882" s="10"/>
    </row>
    <row r="527883" spans="14:14">
      <c r="N527883" s="10"/>
    </row>
    <row r="527884" spans="14:14">
      <c r="N527884" s="10"/>
    </row>
    <row r="527885" spans="14:14">
      <c r="N527885" s="10"/>
    </row>
    <row r="527886" spans="14:14">
      <c r="N527886" s="10"/>
    </row>
    <row r="527887" spans="14:14">
      <c r="N527887" s="10"/>
    </row>
    <row r="527888" spans="14:14">
      <c r="N527888" s="10"/>
    </row>
    <row r="527889" spans="14:14">
      <c r="N527889" s="10"/>
    </row>
    <row r="527890" spans="14:14">
      <c r="N527890" s="10"/>
    </row>
    <row r="527891" spans="14:14">
      <c r="N527891" s="10"/>
    </row>
    <row r="527892" spans="14:14">
      <c r="N527892" s="10"/>
    </row>
    <row r="527893" spans="14:14">
      <c r="N527893" s="10"/>
    </row>
    <row r="527894" spans="14:14">
      <c r="N527894" s="10"/>
    </row>
    <row r="527895" spans="14:14">
      <c r="N527895" s="10"/>
    </row>
    <row r="527896" spans="14:14">
      <c r="N527896" s="10"/>
    </row>
    <row r="527897" spans="14:14">
      <c r="N527897" s="10"/>
    </row>
    <row r="527898" spans="14:14">
      <c r="N527898" s="10"/>
    </row>
    <row r="527899" spans="14:14">
      <c r="N527899" s="10"/>
    </row>
    <row r="527900" spans="14:14">
      <c r="N527900" s="10"/>
    </row>
    <row r="527901" spans="14:14">
      <c r="N527901" s="10"/>
    </row>
    <row r="527902" spans="14:14">
      <c r="N527902" s="10"/>
    </row>
    <row r="527903" spans="14:14">
      <c r="N527903" s="10"/>
    </row>
    <row r="527904" spans="14:14">
      <c r="N527904" s="10"/>
    </row>
    <row r="527905" spans="14:14">
      <c r="N527905" s="10"/>
    </row>
    <row r="527906" spans="14:14">
      <c r="N527906" s="10"/>
    </row>
    <row r="527907" spans="14:14">
      <c r="N527907" s="10"/>
    </row>
    <row r="527908" spans="14:14">
      <c r="N527908" s="10"/>
    </row>
    <row r="527909" spans="14:14">
      <c r="N527909" s="10"/>
    </row>
    <row r="527910" spans="14:14">
      <c r="N527910" s="10"/>
    </row>
    <row r="527911" spans="14:14">
      <c r="N527911" s="10"/>
    </row>
    <row r="527912" spans="14:14">
      <c r="N527912" s="10"/>
    </row>
    <row r="527913" spans="14:14">
      <c r="N527913" s="10"/>
    </row>
    <row r="527914" spans="14:14">
      <c r="N527914" s="10"/>
    </row>
    <row r="527915" spans="14:14">
      <c r="N527915" s="10"/>
    </row>
    <row r="527916" spans="14:14">
      <c r="N527916" s="10"/>
    </row>
    <row r="527917" spans="14:14">
      <c r="N527917" s="10"/>
    </row>
    <row r="527918" spans="14:14">
      <c r="N527918" s="10"/>
    </row>
    <row r="527919" spans="14:14">
      <c r="N527919" s="10"/>
    </row>
    <row r="527920" spans="14:14">
      <c r="N527920" s="10"/>
    </row>
    <row r="527921" spans="14:14">
      <c r="N527921" s="10"/>
    </row>
    <row r="527922" spans="14:14">
      <c r="N527922" s="10"/>
    </row>
    <row r="527923" spans="14:14">
      <c r="N527923" s="10"/>
    </row>
    <row r="527924" spans="14:14">
      <c r="N527924" s="10"/>
    </row>
    <row r="527925" spans="14:14">
      <c r="N527925" s="10"/>
    </row>
    <row r="527926" spans="14:14">
      <c r="N527926" s="10"/>
    </row>
    <row r="527927" spans="14:14">
      <c r="N527927" s="10"/>
    </row>
    <row r="527928" spans="14:14">
      <c r="N527928" s="10"/>
    </row>
    <row r="527929" spans="14:14">
      <c r="N527929" s="10"/>
    </row>
    <row r="527930" spans="14:14">
      <c r="N527930" s="10"/>
    </row>
    <row r="527931" spans="14:14">
      <c r="N527931" s="10"/>
    </row>
    <row r="527932" spans="14:14">
      <c r="N527932" s="10"/>
    </row>
    <row r="527933" spans="14:14">
      <c r="N527933" s="10"/>
    </row>
    <row r="527934" spans="14:14">
      <c r="N527934" s="10"/>
    </row>
    <row r="527935" spans="14:14">
      <c r="N527935" s="10"/>
    </row>
    <row r="527936" spans="14:14">
      <c r="N527936" s="10"/>
    </row>
    <row r="527937" spans="14:14">
      <c r="N527937" s="10"/>
    </row>
    <row r="527938" spans="14:14">
      <c r="N527938" s="10"/>
    </row>
    <row r="527939" spans="14:14">
      <c r="N527939" s="10"/>
    </row>
    <row r="527940" spans="14:14">
      <c r="N527940" s="10"/>
    </row>
    <row r="527941" spans="14:14">
      <c r="N527941" s="10"/>
    </row>
    <row r="527942" spans="14:14">
      <c r="N527942" s="10"/>
    </row>
    <row r="527943" spans="14:14">
      <c r="N527943" s="10"/>
    </row>
    <row r="527944" spans="14:14">
      <c r="N527944" s="10"/>
    </row>
    <row r="527945" spans="14:14">
      <c r="N527945" s="10"/>
    </row>
    <row r="527946" spans="14:14">
      <c r="N527946" s="10"/>
    </row>
    <row r="527947" spans="14:14">
      <c r="N527947" s="10"/>
    </row>
    <row r="527948" spans="14:14">
      <c r="N527948" s="10"/>
    </row>
    <row r="527949" spans="14:14">
      <c r="N527949" s="10"/>
    </row>
    <row r="527950" spans="14:14">
      <c r="N527950" s="10"/>
    </row>
    <row r="527951" spans="14:14">
      <c r="N527951" s="10"/>
    </row>
    <row r="527952" spans="14:14">
      <c r="N527952" s="10"/>
    </row>
    <row r="527953" spans="14:14">
      <c r="N527953" s="10"/>
    </row>
    <row r="527954" spans="14:14">
      <c r="N527954" s="10"/>
    </row>
    <row r="527955" spans="14:14">
      <c r="N527955" s="10"/>
    </row>
    <row r="527956" spans="14:14">
      <c r="N527956" s="10"/>
    </row>
    <row r="527957" spans="14:14">
      <c r="N527957" s="10"/>
    </row>
    <row r="527958" spans="14:14">
      <c r="N527958" s="10"/>
    </row>
    <row r="527959" spans="14:14">
      <c r="N527959" s="10"/>
    </row>
    <row r="527960" spans="14:14">
      <c r="N527960" s="10"/>
    </row>
    <row r="527961" spans="14:14">
      <c r="N527961" s="10"/>
    </row>
    <row r="527962" spans="14:14">
      <c r="N527962" s="10"/>
    </row>
    <row r="527963" spans="14:14">
      <c r="N527963" s="10"/>
    </row>
    <row r="527964" spans="14:14">
      <c r="N527964" s="10"/>
    </row>
    <row r="527965" spans="14:14">
      <c r="N527965" s="10"/>
    </row>
    <row r="527966" spans="14:14">
      <c r="N527966" s="10"/>
    </row>
    <row r="527967" spans="14:14">
      <c r="N527967" s="10"/>
    </row>
    <row r="527968" spans="14:14">
      <c r="N527968" s="10"/>
    </row>
    <row r="527969" spans="14:14">
      <c r="N527969" s="10"/>
    </row>
    <row r="527970" spans="14:14">
      <c r="N527970" s="10"/>
    </row>
    <row r="527971" spans="14:14">
      <c r="N527971" s="10"/>
    </row>
    <row r="527972" spans="14:14">
      <c r="N527972" s="10"/>
    </row>
    <row r="527973" spans="14:14">
      <c r="N527973" s="10"/>
    </row>
    <row r="527974" spans="14:14">
      <c r="N527974" s="10"/>
    </row>
    <row r="527975" spans="14:14">
      <c r="N527975" s="10"/>
    </row>
    <row r="527976" spans="14:14">
      <c r="N527976" s="10"/>
    </row>
    <row r="527977" spans="14:14">
      <c r="N527977" s="10"/>
    </row>
    <row r="527978" spans="14:14">
      <c r="N527978" s="10"/>
    </row>
    <row r="527979" spans="14:14">
      <c r="N527979" s="10"/>
    </row>
    <row r="527980" spans="14:14">
      <c r="N527980" s="10"/>
    </row>
    <row r="527981" spans="14:14">
      <c r="N527981" s="10"/>
    </row>
    <row r="527982" spans="14:14">
      <c r="N527982" s="10"/>
    </row>
    <row r="527983" spans="14:14">
      <c r="N527983" s="10"/>
    </row>
    <row r="527984" spans="14:14">
      <c r="N527984" s="10"/>
    </row>
    <row r="527985" spans="14:14">
      <c r="N527985" s="10"/>
    </row>
    <row r="527986" spans="14:14">
      <c r="N527986" s="10"/>
    </row>
    <row r="527987" spans="14:14">
      <c r="N527987" s="10"/>
    </row>
    <row r="527988" spans="14:14">
      <c r="N527988" s="10"/>
    </row>
    <row r="527989" spans="14:14">
      <c r="N527989" s="10"/>
    </row>
    <row r="527990" spans="14:14">
      <c r="N527990" s="10"/>
    </row>
    <row r="527991" spans="14:14">
      <c r="N527991" s="10"/>
    </row>
    <row r="527992" spans="14:14">
      <c r="N527992" s="10"/>
    </row>
    <row r="527993" spans="14:14">
      <c r="N527993" s="10"/>
    </row>
    <row r="527994" spans="14:14">
      <c r="N527994" s="10"/>
    </row>
    <row r="527995" spans="14:14">
      <c r="N527995" s="10"/>
    </row>
    <row r="527996" spans="14:14">
      <c r="N527996" s="10"/>
    </row>
    <row r="527997" spans="14:14">
      <c r="N527997" s="10"/>
    </row>
    <row r="527998" spans="14:14">
      <c r="N527998" s="10"/>
    </row>
    <row r="527999" spans="14:14">
      <c r="N527999" s="10"/>
    </row>
    <row r="528000" spans="14:14">
      <c r="N528000" s="10"/>
    </row>
    <row r="528001" spans="14:14">
      <c r="N528001" s="10"/>
    </row>
    <row r="528002" spans="14:14">
      <c r="N528002" s="10"/>
    </row>
    <row r="528003" spans="14:14">
      <c r="N528003" s="10"/>
    </row>
    <row r="528004" spans="14:14">
      <c r="N528004" s="10"/>
    </row>
    <row r="528005" spans="14:14">
      <c r="N528005" s="10"/>
    </row>
    <row r="528006" spans="14:14">
      <c r="N528006" s="10"/>
    </row>
    <row r="528007" spans="14:14">
      <c r="N528007" s="10"/>
    </row>
    <row r="528008" spans="14:14">
      <c r="N528008" s="10"/>
    </row>
    <row r="528009" spans="14:14">
      <c r="N528009" s="10"/>
    </row>
    <row r="528010" spans="14:14">
      <c r="N528010" s="10"/>
    </row>
    <row r="528011" spans="14:14">
      <c r="N528011" s="10"/>
    </row>
    <row r="528012" spans="14:14">
      <c r="N528012" s="10"/>
    </row>
    <row r="528013" spans="14:14">
      <c r="N528013" s="10"/>
    </row>
    <row r="528014" spans="14:14">
      <c r="N528014" s="10"/>
    </row>
    <row r="528015" spans="14:14">
      <c r="N528015" s="10"/>
    </row>
    <row r="528016" spans="14:14">
      <c r="N528016" s="10"/>
    </row>
    <row r="528017" spans="14:14">
      <c r="N528017" s="10"/>
    </row>
    <row r="528018" spans="14:14">
      <c r="N528018" s="10"/>
    </row>
    <row r="528019" spans="14:14">
      <c r="N528019" s="10"/>
    </row>
    <row r="528020" spans="14:14">
      <c r="N528020" s="10"/>
    </row>
    <row r="528021" spans="14:14">
      <c r="N528021" s="10"/>
    </row>
    <row r="528022" spans="14:14">
      <c r="N528022" s="10"/>
    </row>
    <row r="528023" spans="14:14">
      <c r="N528023" s="10"/>
    </row>
    <row r="528024" spans="14:14">
      <c r="N528024" s="10"/>
    </row>
    <row r="528025" spans="14:14">
      <c r="N528025" s="10"/>
    </row>
    <row r="528026" spans="14:14">
      <c r="N528026" s="10"/>
    </row>
    <row r="528027" spans="14:14">
      <c r="N528027" s="10"/>
    </row>
    <row r="528028" spans="14:14">
      <c r="N528028" s="10"/>
    </row>
    <row r="528029" spans="14:14">
      <c r="N528029" s="10"/>
    </row>
    <row r="528030" spans="14:14">
      <c r="N528030" s="10"/>
    </row>
    <row r="528031" spans="14:14">
      <c r="N528031" s="10"/>
    </row>
    <row r="528032" spans="14:14">
      <c r="N528032" s="10"/>
    </row>
    <row r="528033" spans="14:14">
      <c r="N528033" s="10"/>
    </row>
    <row r="528034" spans="14:14">
      <c r="N528034" s="10"/>
    </row>
    <row r="528035" spans="14:14">
      <c r="N528035" s="10"/>
    </row>
    <row r="528036" spans="14:14">
      <c r="N528036" s="10"/>
    </row>
    <row r="528037" spans="14:14">
      <c r="N528037" s="10"/>
    </row>
    <row r="528038" spans="14:14">
      <c r="N528038" s="10"/>
    </row>
    <row r="528039" spans="14:14">
      <c r="N528039" s="10"/>
    </row>
    <row r="528040" spans="14:14">
      <c r="N528040" s="10"/>
    </row>
    <row r="528041" spans="14:14">
      <c r="N528041" s="10"/>
    </row>
    <row r="528042" spans="14:14">
      <c r="N528042" s="10"/>
    </row>
    <row r="528043" spans="14:14">
      <c r="N528043" s="10"/>
    </row>
    <row r="528044" spans="14:14">
      <c r="N528044" s="10"/>
    </row>
    <row r="528045" spans="14:14">
      <c r="N528045" s="10"/>
    </row>
    <row r="528046" spans="14:14">
      <c r="N528046" s="10"/>
    </row>
    <row r="528047" spans="14:14">
      <c r="N528047" s="10"/>
    </row>
    <row r="528048" spans="14:14">
      <c r="N528048" s="10"/>
    </row>
    <row r="528049" spans="14:14">
      <c r="N528049" s="10"/>
    </row>
    <row r="528050" spans="14:14">
      <c r="N528050" s="10"/>
    </row>
    <row r="528051" spans="14:14">
      <c r="N528051" s="10"/>
    </row>
    <row r="528052" spans="14:14">
      <c r="N528052" s="10"/>
    </row>
    <row r="528053" spans="14:14">
      <c r="N528053" s="10"/>
    </row>
    <row r="528054" spans="14:14">
      <c r="N528054" s="10"/>
    </row>
    <row r="528055" spans="14:14">
      <c r="N528055" s="10"/>
    </row>
    <row r="528056" spans="14:14">
      <c r="N528056" s="10"/>
    </row>
    <row r="528057" spans="14:14">
      <c r="N528057" s="10"/>
    </row>
    <row r="528058" spans="14:14">
      <c r="N528058" s="10"/>
    </row>
    <row r="528059" spans="14:14">
      <c r="N528059" s="10"/>
    </row>
    <row r="528060" spans="14:14">
      <c r="N528060" s="10"/>
    </row>
    <row r="528061" spans="14:14">
      <c r="N528061" s="10"/>
    </row>
    <row r="528062" spans="14:14">
      <c r="N528062" s="10"/>
    </row>
    <row r="528063" spans="14:14">
      <c r="N528063" s="10"/>
    </row>
    <row r="528064" spans="14:14">
      <c r="N528064" s="10"/>
    </row>
    <row r="528065" spans="14:14">
      <c r="N528065" s="10"/>
    </row>
    <row r="528066" spans="14:14">
      <c r="N528066" s="10"/>
    </row>
    <row r="528067" spans="14:14">
      <c r="N528067" s="10"/>
    </row>
    <row r="528068" spans="14:14">
      <c r="N528068" s="10"/>
    </row>
    <row r="528069" spans="14:14">
      <c r="N528069" s="10"/>
    </row>
    <row r="528070" spans="14:14">
      <c r="N528070" s="10"/>
    </row>
    <row r="528071" spans="14:14">
      <c r="N528071" s="10"/>
    </row>
    <row r="528072" spans="14:14">
      <c r="N528072" s="10"/>
    </row>
    <row r="528073" spans="14:14">
      <c r="N528073" s="10"/>
    </row>
    <row r="528074" spans="14:14">
      <c r="N528074" s="10"/>
    </row>
    <row r="528075" spans="14:14">
      <c r="N528075" s="10"/>
    </row>
    <row r="528076" spans="14:14">
      <c r="N528076" s="10"/>
    </row>
    <row r="528077" spans="14:14">
      <c r="N528077" s="10"/>
    </row>
    <row r="528078" spans="14:14">
      <c r="N528078" s="10"/>
    </row>
    <row r="528079" spans="14:14">
      <c r="N528079" s="10"/>
    </row>
    <row r="528080" spans="14:14">
      <c r="N528080" s="10"/>
    </row>
    <row r="528081" spans="14:14">
      <c r="N528081" s="10"/>
    </row>
    <row r="528082" spans="14:14">
      <c r="N528082" s="10"/>
    </row>
    <row r="528083" spans="14:14">
      <c r="N528083" s="10"/>
    </row>
    <row r="528084" spans="14:14">
      <c r="N528084" s="10"/>
    </row>
    <row r="528085" spans="14:14">
      <c r="N528085" s="10"/>
    </row>
    <row r="528086" spans="14:14">
      <c r="N528086" s="10"/>
    </row>
    <row r="528087" spans="14:14">
      <c r="N528087" s="10"/>
    </row>
    <row r="528088" spans="14:14">
      <c r="N528088" s="10"/>
    </row>
    <row r="528089" spans="14:14">
      <c r="N528089" s="10"/>
    </row>
    <row r="528090" spans="14:14">
      <c r="N528090" s="10"/>
    </row>
    <row r="528091" spans="14:14">
      <c r="N528091" s="10"/>
    </row>
    <row r="528092" spans="14:14">
      <c r="N528092" s="10"/>
    </row>
    <row r="528093" spans="14:14">
      <c r="N528093" s="10"/>
    </row>
    <row r="528094" spans="14:14">
      <c r="N528094" s="10"/>
    </row>
    <row r="528095" spans="14:14">
      <c r="N528095" s="10"/>
    </row>
    <row r="528096" spans="14:14">
      <c r="N528096" s="10"/>
    </row>
    <row r="528097" spans="14:14">
      <c r="N528097" s="10"/>
    </row>
    <row r="528098" spans="14:14">
      <c r="N528098" s="10"/>
    </row>
    <row r="528099" spans="14:14">
      <c r="N528099" s="10"/>
    </row>
    <row r="528100" spans="14:14">
      <c r="N528100" s="10"/>
    </row>
    <row r="528101" spans="14:14">
      <c r="N528101" s="10"/>
    </row>
    <row r="528102" spans="14:14">
      <c r="N528102" s="10"/>
    </row>
    <row r="528103" spans="14:14">
      <c r="N528103" s="10"/>
    </row>
    <row r="528104" spans="14:14">
      <c r="N528104" s="10"/>
    </row>
    <row r="528105" spans="14:14">
      <c r="N528105" s="10"/>
    </row>
    <row r="528106" spans="14:14">
      <c r="N528106" s="10"/>
    </row>
    <row r="528107" spans="14:14">
      <c r="N528107" s="10"/>
    </row>
    <row r="528108" spans="14:14">
      <c r="N528108" s="10"/>
    </row>
    <row r="528109" spans="14:14">
      <c r="N528109" s="10"/>
    </row>
    <row r="528110" spans="14:14">
      <c r="N528110" s="10"/>
    </row>
    <row r="528111" spans="14:14">
      <c r="N528111" s="10"/>
    </row>
    <row r="528112" spans="14:14">
      <c r="N528112" s="10"/>
    </row>
    <row r="528113" spans="14:14">
      <c r="N528113" s="10"/>
    </row>
    <row r="528114" spans="14:14">
      <c r="N528114" s="10"/>
    </row>
    <row r="528115" spans="14:14">
      <c r="N528115" s="10"/>
    </row>
    <row r="528116" spans="14:14">
      <c r="N528116" s="10"/>
    </row>
    <row r="528117" spans="14:14">
      <c r="N528117" s="10"/>
    </row>
    <row r="528118" spans="14:14">
      <c r="N528118" s="10"/>
    </row>
    <row r="528119" spans="14:14">
      <c r="N528119" s="10"/>
    </row>
    <row r="528120" spans="14:14">
      <c r="N528120" s="10"/>
    </row>
    <row r="528121" spans="14:14">
      <c r="N528121" s="10"/>
    </row>
    <row r="528122" spans="14:14">
      <c r="N528122" s="10"/>
    </row>
    <row r="528123" spans="14:14">
      <c r="N528123" s="10"/>
    </row>
    <row r="528124" spans="14:14">
      <c r="N528124" s="10"/>
    </row>
    <row r="528125" spans="14:14">
      <c r="N528125" s="10"/>
    </row>
    <row r="528126" spans="14:14">
      <c r="N528126" s="10"/>
    </row>
    <row r="528127" spans="14:14">
      <c r="N528127" s="10"/>
    </row>
    <row r="528128" spans="14:14">
      <c r="N528128" s="10"/>
    </row>
    <row r="528129" spans="14:14">
      <c r="N528129" s="10"/>
    </row>
    <row r="528130" spans="14:14">
      <c r="N528130" s="10"/>
    </row>
    <row r="528131" spans="14:14">
      <c r="N528131" s="10"/>
    </row>
    <row r="528132" spans="14:14">
      <c r="N528132" s="10"/>
    </row>
    <row r="528133" spans="14:14">
      <c r="N528133" s="10"/>
    </row>
    <row r="528134" spans="14:14">
      <c r="N528134" s="10"/>
    </row>
    <row r="528135" spans="14:14">
      <c r="N528135" s="10"/>
    </row>
    <row r="528136" spans="14:14">
      <c r="N528136" s="10"/>
    </row>
    <row r="528137" spans="14:14">
      <c r="N528137" s="10"/>
    </row>
    <row r="528138" spans="14:14">
      <c r="N528138" s="10"/>
    </row>
    <row r="528139" spans="14:14">
      <c r="N528139" s="10"/>
    </row>
    <row r="528140" spans="14:14">
      <c r="N528140" s="10"/>
    </row>
    <row r="528141" spans="14:14">
      <c r="N528141" s="10"/>
    </row>
    <row r="528142" spans="14:14">
      <c r="N528142" s="10"/>
    </row>
    <row r="528143" spans="14:14">
      <c r="N528143" s="10"/>
    </row>
    <row r="528144" spans="14:14">
      <c r="N528144" s="10"/>
    </row>
    <row r="528145" spans="14:14">
      <c r="N528145" s="10"/>
    </row>
    <row r="528146" spans="14:14">
      <c r="N528146" s="10"/>
    </row>
    <row r="528147" spans="14:14">
      <c r="N528147" s="10"/>
    </row>
    <row r="528148" spans="14:14">
      <c r="N528148" s="10"/>
    </row>
    <row r="528149" spans="14:14">
      <c r="N528149" s="10"/>
    </row>
    <row r="528150" spans="14:14">
      <c r="N528150" s="10"/>
    </row>
    <row r="528151" spans="14:14">
      <c r="N528151" s="10"/>
    </row>
    <row r="528152" spans="14:14">
      <c r="N528152" s="10"/>
    </row>
    <row r="528153" spans="14:14">
      <c r="N528153" s="10"/>
    </row>
    <row r="528154" spans="14:14">
      <c r="N528154" s="10"/>
    </row>
    <row r="528155" spans="14:14">
      <c r="N528155" s="10"/>
    </row>
    <row r="528156" spans="14:14">
      <c r="N528156" s="10"/>
    </row>
    <row r="528157" spans="14:14">
      <c r="N528157" s="10"/>
    </row>
    <row r="528158" spans="14:14">
      <c r="N528158" s="10"/>
    </row>
    <row r="528159" spans="14:14">
      <c r="N528159" s="10"/>
    </row>
    <row r="528160" spans="14:14">
      <c r="N528160" s="10"/>
    </row>
    <row r="528161" spans="14:14">
      <c r="N528161" s="10"/>
    </row>
    <row r="528162" spans="14:14">
      <c r="N528162" s="10"/>
    </row>
    <row r="528163" spans="14:14">
      <c r="N528163" s="10"/>
    </row>
    <row r="528164" spans="14:14">
      <c r="N528164" s="10"/>
    </row>
    <row r="528165" spans="14:14">
      <c r="N528165" s="10"/>
    </row>
    <row r="528166" spans="14:14">
      <c r="N528166" s="10"/>
    </row>
    <row r="528167" spans="14:14">
      <c r="N528167" s="10"/>
    </row>
    <row r="528168" spans="14:14">
      <c r="N528168" s="10"/>
    </row>
    <row r="528169" spans="14:14">
      <c r="N528169" s="10"/>
    </row>
    <row r="528170" spans="14:14">
      <c r="N528170" s="10"/>
    </row>
    <row r="528171" spans="14:14">
      <c r="N528171" s="10"/>
    </row>
    <row r="528172" spans="14:14">
      <c r="N528172" s="10"/>
    </row>
    <row r="528173" spans="14:14">
      <c r="N528173" s="10"/>
    </row>
    <row r="528174" spans="14:14">
      <c r="N528174" s="10"/>
    </row>
    <row r="528175" spans="14:14">
      <c r="N528175" s="10"/>
    </row>
    <row r="528176" spans="14:14">
      <c r="N528176" s="10"/>
    </row>
    <row r="528177" spans="14:14">
      <c r="N528177" s="10"/>
    </row>
    <row r="528178" spans="14:14">
      <c r="N528178" s="10"/>
    </row>
    <row r="528179" spans="14:14">
      <c r="N528179" s="10"/>
    </row>
    <row r="528180" spans="14:14">
      <c r="N528180" s="10"/>
    </row>
    <row r="528181" spans="14:14">
      <c r="N528181" s="10"/>
    </row>
    <row r="528182" spans="14:14">
      <c r="N528182" s="10"/>
    </row>
    <row r="528183" spans="14:14">
      <c r="N528183" s="10"/>
    </row>
    <row r="528184" spans="14:14">
      <c r="N528184" s="10"/>
    </row>
    <row r="528185" spans="14:14">
      <c r="N528185" s="10"/>
    </row>
    <row r="528186" spans="14:14">
      <c r="N528186" s="10"/>
    </row>
    <row r="528187" spans="14:14">
      <c r="N528187" s="10"/>
    </row>
    <row r="528188" spans="14:14">
      <c r="N528188" s="10"/>
    </row>
    <row r="528189" spans="14:14">
      <c r="N528189" s="10"/>
    </row>
    <row r="528190" spans="14:14">
      <c r="N528190" s="10"/>
    </row>
    <row r="528191" spans="14:14">
      <c r="N528191" s="10"/>
    </row>
    <row r="528192" spans="14:14">
      <c r="N528192" s="10"/>
    </row>
    <row r="528193" spans="14:14">
      <c r="N528193" s="10"/>
    </row>
    <row r="528194" spans="14:14">
      <c r="N528194" s="10"/>
    </row>
    <row r="528195" spans="14:14">
      <c r="N528195" s="10"/>
    </row>
    <row r="528196" spans="14:14">
      <c r="N528196" s="10"/>
    </row>
    <row r="528197" spans="14:14">
      <c r="N528197" s="10"/>
    </row>
    <row r="528198" spans="14:14">
      <c r="N528198" s="10"/>
    </row>
    <row r="528199" spans="14:14">
      <c r="N528199" s="10"/>
    </row>
    <row r="528200" spans="14:14">
      <c r="N528200" s="10"/>
    </row>
    <row r="528201" spans="14:14">
      <c r="N528201" s="10"/>
    </row>
    <row r="528202" spans="14:14">
      <c r="N528202" s="10"/>
    </row>
    <row r="528203" spans="14:14">
      <c r="N528203" s="10"/>
    </row>
    <row r="528204" spans="14:14">
      <c r="N528204" s="10"/>
    </row>
    <row r="528205" spans="14:14">
      <c r="N528205" s="10"/>
    </row>
    <row r="528206" spans="14:14">
      <c r="N528206" s="10"/>
    </row>
    <row r="528207" spans="14:14">
      <c r="N528207" s="10"/>
    </row>
    <row r="528208" spans="14:14">
      <c r="N528208" s="10"/>
    </row>
    <row r="528209" spans="14:14">
      <c r="N528209" s="10"/>
    </row>
    <row r="528210" spans="14:14">
      <c r="N528210" s="10"/>
    </row>
    <row r="528211" spans="14:14">
      <c r="N528211" s="10"/>
    </row>
    <row r="528212" spans="14:14">
      <c r="N528212" s="10"/>
    </row>
    <row r="528213" spans="14:14">
      <c r="N528213" s="10"/>
    </row>
    <row r="528214" spans="14:14">
      <c r="N528214" s="10"/>
    </row>
    <row r="528215" spans="14:14">
      <c r="N528215" s="10"/>
    </row>
    <row r="528216" spans="14:14">
      <c r="N528216" s="10"/>
    </row>
    <row r="528217" spans="14:14">
      <c r="N528217" s="10"/>
    </row>
    <row r="528218" spans="14:14">
      <c r="N528218" s="10"/>
    </row>
    <row r="528219" spans="14:14">
      <c r="N528219" s="10"/>
    </row>
    <row r="528220" spans="14:14">
      <c r="N528220" s="10"/>
    </row>
    <row r="528221" spans="14:14">
      <c r="N528221" s="10"/>
    </row>
    <row r="528222" spans="14:14">
      <c r="N528222" s="10"/>
    </row>
    <row r="528223" spans="14:14">
      <c r="N528223" s="10"/>
    </row>
    <row r="528224" spans="14:14">
      <c r="N528224" s="10"/>
    </row>
    <row r="528225" spans="14:14">
      <c r="N528225" s="10"/>
    </row>
    <row r="528226" spans="14:14">
      <c r="N528226" s="10"/>
    </row>
    <row r="528227" spans="14:14">
      <c r="N528227" s="10"/>
    </row>
    <row r="528228" spans="14:14">
      <c r="N528228" s="10"/>
    </row>
    <row r="528229" spans="14:14">
      <c r="N528229" s="10"/>
    </row>
    <row r="528230" spans="14:14">
      <c r="N528230" s="10"/>
    </row>
    <row r="528231" spans="14:14">
      <c r="N528231" s="10"/>
    </row>
    <row r="528232" spans="14:14">
      <c r="N528232" s="10"/>
    </row>
    <row r="528233" spans="14:14">
      <c r="N528233" s="10"/>
    </row>
    <row r="528234" spans="14:14">
      <c r="N528234" s="10"/>
    </row>
    <row r="528235" spans="14:14">
      <c r="N528235" s="10"/>
    </row>
    <row r="528236" spans="14:14">
      <c r="N528236" s="10"/>
    </row>
    <row r="528237" spans="14:14">
      <c r="N528237" s="10"/>
    </row>
    <row r="528238" spans="14:14">
      <c r="N528238" s="10"/>
    </row>
    <row r="528239" spans="14:14">
      <c r="N528239" s="10"/>
    </row>
    <row r="528240" spans="14:14">
      <c r="N528240" s="10"/>
    </row>
    <row r="528241" spans="14:14">
      <c r="N528241" s="10"/>
    </row>
    <row r="528242" spans="14:14">
      <c r="N528242" s="10"/>
    </row>
    <row r="528243" spans="14:14">
      <c r="N528243" s="10"/>
    </row>
    <row r="528244" spans="14:14">
      <c r="N528244" s="10"/>
    </row>
    <row r="528245" spans="14:14">
      <c r="N528245" s="10"/>
    </row>
    <row r="528246" spans="14:14">
      <c r="N528246" s="10"/>
    </row>
    <row r="528247" spans="14:14">
      <c r="N528247" s="10"/>
    </row>
    <row r="528248" spans="14:14">
      <c r="N528248" s="10"/>
    </row>
    <row r="528249" spans="14:14">
      <c r="N528249" s="10"/>
    </row>
    <row r="528250" spans="14:14">
      <c r="N528250" s="10"/>
    </row>
    <row r="528251" spans="14:14">
      <c r="N528251" s="10"/>
    </row>
    <row r="528252" spans="14:14">
      <c r="N528252" s="10"/>
    </row>
    <row r="528253" spans="14:14">
      <c r="N528253" s="10"/>
    </row>
    <row r="528254" spans="14:14">
      <c r="N528254" s="10"/>
    </row>
    <row r="528255" spans="14:14">
      <c r="N528255" s="10"/>
    </row>
    <row r="528256" spans="14:14">
      <c r="N528256" s="10"/>
    </row>
    <row r="528257" spans="14:14">
      <c r="N528257" s="10"/>
    </row>
    <row r="528258" spans="14:14">
      <c r="N528258" s="10"/>
    </row>
    <row r="528259" spans="14:14">
      <c r="N528259" s="10"/>
    </row>
    <row r="528260" spans="14:14">
      <c r="N528260" s="10"/>
    </row>
    <row r="528261" spans="14:14">
      <c r="N528261" s="10"/>
    </row>
    <row r="528262" spans="14:14">
      <c r="N528262" s="10"/>
    </row>
    <row r="528263" spans="14:14">
      <c r="N528263" s="10"/>
    </row>
    <row r="528264" spans="14:14">
      <c r="N528264" s="10"/>
    </row>
    <row r="528265" spans="14:14">
      <c r="N528265" s="10"/>
    </row>
    <row r="528266" spans="14:14">
      <c r="N528266" s="10"/>
    </row>
    <row r="528267" spans="14:14">
      <c r="N528267" s="10"/>
    </row>
    <row r="528268" spans="14:14">
      <c r="N528268" s="10"/>
    </row>
    <row r="528269" spans="14:14">
      <c r="N528269" s="10"/>
    </row>
    <row r="528270" spans="14:14">
      <c r="N528270" s="10"/>
    </row>
    <row r="528271" spans="14:14">
      <c r="N528271" s="10"/>
    </row>
    <row r="528272" spans="14:14">
      <c r="N528272" s="10"/>
    </row>
    <row r="528273" spans="14:14">
      <c r="N528273" s="10"/>
    </row>
    <row r="528274" spans="14:14">
      <c r="N528274" s="10"/>
    </row>
    <row r="528275" spans="14:14">
      <c r="N528275" s="10"/>
    </row>
    <row r="528276" spans="14:14">
      <c r="N528276" s="10"/>
    </row>
    <row r="528277" spans="14:14">
      <c r="N528277" s="10"/>
    </row>
    <row r="528278" spans="14:14">
      <c r="N528278" s="10"/>
    </row>
    <row r="528279" spans="14:14">
      <c r="N528279" s="10"/>
    </row>
    <row r="528280" spans="14:14">
      <c r="N528280" s="10"/>
    </row>
    <row r="528281" spans="14:14">
      <c r="N528281" s="10"/>
    </row>
    <row r="528282" spans="14:14">
      <c r="N528282" s="10"/>
    </row>
    <row r="528283" spans="14:14">
      <c r="N528283" s="10"/>
    </row>
    <row r="528284" spans="14:14">
      <c r="N528284" s="10"/>
    </row>
    <row r="528285" spans="14:14">
      <c r="N528285" s="10"/>
    </row>
    <row r="528286" spans="14:14">
      <c r="N528286" s="10"/>
    </row>
    <row r="528287" spans="14:14">
      <c r="N528287" s="10"/>
    </row>
    <row r="528288" spans="14:14">
      <c r="N528288" s="10"/>
    </row>
    <row r="528289" spans="14:14">
      <c r="N528289" s="10"/>
    </row>
    <row r="528290" spans="14:14">
      <c r="N528290" s="10"/>
    </row>
    <row r="528291" spans="14:14">
      <c r="N528291" s="10"/>
    </row>
    <row r="528292" spans="14:14">
      <c r="N528292" s="10"/>
    </row>
    <row r="528293" spans="14:14">
      <c r="N528293" s="10"/>
    </row>
    <row r="528294" spans="14:14">
      <c r="N528294" s="10"/>
    </row>
    <row r="528295" spans="14:14">
      <c r="N528295" s="10"/>
    </row>
    <row r="528296" spans="14:14">
      <c r="N528296" s="10"/>
    </row>
    <row r="528297" spans="14:14">
      <c r="N528297" s="10"/>
    </row>
    <row r="528298" spans="14:14">
      <c r="N528298" s="10"/>
    </row>
    <row r="528299" spans="14:14">
      <c r="N528299" s="10"/>
    </row>
    <row r="528300" spans="14:14">
      <c r="N528300" s="10"/>
    </row>
    <row r="528301" spans="14:14">
      <c r="N528301" s="10"/>
    </row>
    <row r="528302" spans="14:14">
      <c r="N528302" s="10"/>
    </row>
    <row r="528303" spans="14:14">
      <c r="N528303" s="10"/>
    </row>
    <row r="528304" spans="14:14">
      <c r="N528304" s="10"/>
    </row>
    <row r="528305" spans="14:14">
      <c r="N528305" s="10"/>
    </row>
    <row r="528306" spans="14:14">
      <c r="N528306" s="10"/>
    </row>
    <row r="528307" spans="14:14">
      <c r="N528307" s="10"/>
    </row>
    <row r="528308" spans="14:14">
      <c r="N528308" s="10"/>
    </row>
    <row r="528309" spans="14:14">
      <c r="N528309" s="10"/>
    </row>
    <row r="528310" spans="14:14">
      <c r="N528310" s="10"/>
    </row>
    <row r="528311" spans="14:14">
      <c r="N528311" s="10"/>
    </row>
    <row r="528312" spans="14:14">
      <c r="N528312" s="10"/>
    </row>
    <row r="528313" spans="14:14">
      <c r="N528313" s="10"/>
    </row>
    <row r="528314" spans="14:14">
      <c r="N528314" s="10"/>
    </row>
    <row r="528315" spans="14:14">
      <c r="N528315" s="10"/>
    </row>
    <row r="528316" spans="14:14">
      <c r="N528316" s="10"/>
    </row>
    <row r="528317" spans="14:14">
      <c r="N528317" s="10"/>
    </row>
    <row r="528318" spans="14:14">
      <c r="N528318" s="10"/>
    </row>
    <row r="528319" spans="14:14">
      <c r="N528319" s="10"/>
    </row>
    <row r="528320" spans="14:14">
      <c r="N528320" s="10"/>
    </row>
    <row r="528321" spans="14:14">
      <c r="N528321" s="10"/>
    </row>
    <row r="528322" spans="14:14">
      <c r="N528322" s="10"/>
    </row>
    <row r="528323" spans="14:14">
      <c r="N528323" s="10"/>
    </row>
    <row r="528324" spans="14:14">
      <c r="N528324" s="10"/>
    </row>
    <row r="528325" spans="14:14">
      <c r="N528325" s="10"/>
    </row>
    <row r="528326" spans="14:14">
      <c r="N528326" s="10"/>
    </row>
    <row r="528327" spans="14:14">
      <c r="N528327" s="10"/>
    </row>
    <row r="528328" spans="14:14">
      <c r="N528328" s="10"/>
    </row>
    <row r="528329" spans="14:14">
      <c r="N528329" s="10"/>
    </row>
    <row r="528330" spans="14:14">
      <c r="N528330" s="10"/>
    </row>
    <row r="528331" spans="14:14">
      <c r="N528331" s="10"/>
    </row>
    <row r="528332" spans="14:14">
      <c r="N528332" s="10"/>
    </row>
    <row r="528333" spans="14:14">
      <c r="N528333" s="10"/>
    </row>
    <row r="528334" spans="14:14">
      <c r="N528334" s="10"/>
    </row>
    <row r="528335" spans="14:14">
      <c r="N528335" s="10"/>
    </row>
    <row r="528336" spans="14:14">
      <c r="N528336" s="10"/>
    </row>
    <row r="528337" spans="14:14">
      <c r="N528337" s="10"/>
    </row>
    <row r="528338" spans="14:14">
      <c r="N528338" s="10"/>
    </row>
    <row r="528339" spans="14:14">
      <c r="N528339" s="10"/>
    </row>
    <row r="528340" spans="14:14">
      <c r="N528340" s="10"/>
    </row>
    <row r="528341" spans="14:14">
      <c r="N528341" s="10"/>
    </row>
    <row r="528342" spans="14:14">
      <c r="N528342" s="10"/>
    </row>
    <row r="528343" spans="14:14">
      <c r="N528343" s="10"/>
    </row>
    <row r="528344" spans="14:14">
      <c r="N528344" s="10"/>
    </row>
    <row r="528345" spans="14:14">
      <c r="N528345" s="10"/>
    </row>
    <row r="528346" spans="14:14">
      <c r="N528346" s="10"/>
    </row>
    <row r="528347" spans="14:14">
      <c r="N528347" s="10"/>
    </row>
    <row r="528348" spans="14:14">
      <c r="N528348" s="10"/>
    </row>
    <row r="528349" spans="14:14">
      <c r="N528349" s="10"/>
    </row>
    <row r="528350" spans="14:14">
      <c r="N528350" s="10"/>
    </row>
    <row r="528351" spans="14:14">
      <c r="N528351" s="10"/>
    </row>
    <row r="528352" spans="14:14">
      <c r="N528352" s="10"/>
    </row>
    <row r="528353" spans="14:14">
      <c r="N528353" s="10"/>
    </row>
    <row r="528354" spans="14:14">
      <c r="N528354" s="10"/>
    </row>
    <row r="528355" spans="14:14">
      <c r="N528355" s="10"/>
    </row>
    <row r="528356" spans="14:14">
      <c r="N528356" s="10"/>
    </row>
    <row r="528357" spans="14:14">
      <c r="N528357" s="10"/>
    </row>
    <row r="528358" spans="14:14">
      <c r="N528358" s="10"/>
    </row>
    <row r="528359" spans="14:14">
      <c r="N528359" s="10"/>
    </row>
    <row r="528360" spans="14:14">
      <c r="N528360" s="10"/>
    </row>
    <row r="528361" spans="14:14">
      <c r="N528361" s="10"/>
    </row>
    <row r="528362" spans="14:14">
      <c r="N528362" s="10"/>
    </row>
    <row r="528363" spans="14:14">
      <c r="N528363" s="10"/>
    </row>
    <row r="528364" spans="14:14">
      <c r="N528364" s="10"/>
    </row>
    <row r="528365" spans="14:14">
      <c r="N528365" s="10"/>
    </row>
    <row r="528366" spans="14:14">
      <c r="N528366" s="10"/>
    </row>
    <row r="528367" spans="14:14">
      <c r="N528367" s="10"/>
    </row>
    <row r="528368" spans="14:14">
      <c r="N528368" s="10"/>
    </row>
    <row r="528369" spans="14:14">
      <c r="N528369" s="10"/>
    </row>
    <row r="528370" spans="14:14">
      <c r="N528370" s="10"/>
    </row>
    <row r="528371" spans="14:14">
      <c r="N528371" s="10"/>
    </row>
    <row r="528372" spans="14:14">
      <c r="N528372" s="10"/>
    </row>
    <row r="528373" spans="14:14">
      <c r="N528373" s="10"/>
    </row>
    <row r="528374" spans="14:14">
      <c r="N528374" s="10"/>
    </row>
    <row r="528375" spans="14:14">
      <c r="N528375" s="10"/>
    </row>
    <row r="528376" spans="14:14">
      <c r="N528376" s="10"/>
    </row>
    <row r="528377" spans="14:14">
      <c r="N528377" s="10"/>
    </row>
    <row r="528378" spans="14:14">
      <c r="N528378" s="10"/>
    </row>
    <row r="528379" spans="14:14">
      <c r="N528379" s="10"/>
    </row>
    <row r="528380" spans="14:14">
      <c r="N528380" s="10"/>
    </row>
    <row r="528381" spans="14:14">
      <c r="N528381" s="10"/>
    </row>
    <row r="528382" spans="14:14">
      <c r="N528382" s="10"/>
    </row>
    <row r="528383" spans="14:14">
      <c r="N528383" s="10"/>
    </row>
    <row r="528384" spans="14:14">
      <c r="N528384" s="10"/>
    </row>
    <row r="528385" spans="14:14">
      <c r="N528385" s="10"/>
    </row>
    <row r="528386" spans="14:14">
      <c r="N528386" s="10"/>
    </row>
    <row r="528387" spans="14:14">
      <c r="N528387" s="10"/>
    </row>
    <row r="528388" spans="14:14">
      <c r="N528388" s="10"/>
    </row>
    <row r="528389" spans="14:14">
      <c r="N528389" s="10"/>
    </row>
    <row r="528390" spans="14:14">
      <c r="N528390" s="10"/>
    </row>
    <row r="528391" spans="14:14">
      <c r="N528391" s="10"/>
    </row>
    <row r="528392" spans="14:14">
      <c r="N528392" s="10"/>
    </row>
    <row r="528393" spans="14:14">
      <c r="N528393" s="10"/>
    </row>
    <row r="528394" spans="14:14">
      <c r="N528394" s="10"/>
    </row>
    <row r="528395" spans="14:14">
      <c r="N528395" s="10"/>
    </row>
    <row r="528396" spans="14:14">
      <c r="N528396" s="10"/>
    </row>
    <row r="528397" spans="14:14">
      <c r="N528397" s="10"/>
    </row>
    <row r="528398" spans="14:14">
      <c r="N528398" s="10"/>
    </row>
    <row r="528399" spans="14:14">
      <c r="N528399" s="10"/>
    </row>
    <row r="528400" spans="14:14">
      <c r="N528400" s="10"/>
    </row>
    <row r="528401" spans="14:14">
      <c r="N528401" s="10"/>
    </row>
    <row r="528402" spans="14:14">
      <c r="N528402" s="10"/>
    </row>
    <row r="528403" spans="14:14">
      <c r="N528403" s="10"/>
    </row>
    <row r="528404" spans="14:14">
      <c r="N528404" s="10"/>
    </row>
    <row r="528405" spans="14:14">
      <c r="N528405" s="10"/>
    </row>
    <row r="528406" spans="14:14">
      <c r="N528406" s="10"/>
    </row>
    <row r="528407" spans="14:14">
      <c r="N528407" s="10"/>
    </row>
    <row r="528408" spans="14:14">
      <c r="N528408" s="10"/>
    </row>
    <row r="528409" spans="14:14">
      <c r="N528409" s="10"/>
    </row>
    <row r="528410" spans="14:14">
      <c r="N528410" s="10"/>
    </row>
    <row r="528411" spans="14:14">
      <c r="N528411" s="10"/>
    </row>
    <row r="528412" spans="14:14">
      <c r="N528412" s="10"/>
    </row>
    <row r="528413" spans="14:14">
      <c r="N528413" s="10"/>
    </row>
    <row r="528414" spans="14:14">
      <c r="N528414" s="10"/>
    </row>
    <row r="528415" spans="14:14">
      <c r="N528415" s="10"/>
    </row>
    <row r="528416" spans="14:14">
      <c r="N528416" s="10"/>
    </row>
    <row r="528417" spans="14:14">
      <c r="N528417" s="10"/>
    </row>
    <row r="528418" spans="14:14">
      <c r="N528418" s="10"/>
    </row>
    <row r="528419" spans="14:14">
      <c r="N528419" s="10"/>
    </row>
    <row r="528420" spans="14:14">
      <c r="N528420" s="10"/>
    </row>
    <row r="528421" spans="14:14">
      <c r="N528421" s="10"/>
    </row>
    <row r="528422" spans="14:14">
      <c r="N528422" s="10"/>
    </row>
    <row r="528423" spans="14:14">
      <c r="N528423" s="10"/>
    </row>
    <row r="528424" spans="14:14">
      <c r="N528424" s="10"/>
    </row>
    <row r="528425" spans="14:14">
      <c r="N528425" s="10"/>
    </row>
    <row r="528426" spans="14:14">
      <c r="N528426" s="10"/>
    </row>
    <row r="528427" spans="14:14">
      <c r="N528427" s="10"/>
    </row>
    <row r="528428" spans="14:14">
      <c r="N528428" s="10"/>
    </row>
    <row r="528429" spans="14:14">
      <c r="N528429" s="10"/>
    </row>
    <row r="528430" spans="14:14">
      <c r="N528430" s="10"/>
    </row>
    <row r="528431" spans="14:14">
      <c r="N528431" s="10"/>
    </row>
    <row r="528432" spans="14:14">
      <c r="N528432" s="10"/>
    </row>
    <row r="528433" spans="14:14">
      <c r="N528433" s="10"/>
    </row>
    <row r="528434" spans="14:14">
      <c r="N528434" s="10"/>
    </row>
    <row r="528435" spans="14:14">
      <c r="N528435" s="10"/>
    </row>
    <row r="528436" spans="14:14">
      <c r="N528436" s="10"/>
    </row>
    <row r="528437" spans="14:14">
      <c r="N528437" s="10"/>
    </row>
    <row r="528438" spans="14:14">
      <c r="N528438" s="10"/>
    </row>
    <row r="528439" spans="14:14">
      <c r="N528439" s="10"/>
    </row>
    <row r="528440" spans="14:14">
      <c r="N528440" s="10"/>
    </row>
    <row r="528441" spans="14:14">
      <c r="N528441" s="10"/>
    </row>
    <row r="528442" spans="14:14">
      <c r="N528442" s="10"/>
    </row>
    <row r="528443" spans="14:14">
      <c r="N528443" s="10"/>
    </row>
    <row r="528444" spans="14:14">
      <c r="N528444" s="10"/>
    </row>
    <row r="528445" spans="14:14">
      <c r="N528445" s="10"/>
    </row>
    <row r="528446" spans="14:14">
      <c r="N528446" s="10"/>
    </row>
    <row r="528447" spans="14:14">
      <c r="N528447" s="10"/>
    </row>
    <row r="528448" spans="14:14">
      <c r="N528448" s="10"/>
    </row>
    <row r="528449" spans="14:14">
      <c r="N528449" s="10"/>
    </row>
    <row r="528450" spans="14:14">
      <c r="N528450" s="10"/>
    </row>
    <row r="528451" spans="14:14">
      <c r="N528451" s="10"/>
    </row>
    <row r="528452" spans="14:14">
      <c r="N528452" s="10"/>
    </row>
    <row r="528453" spans="14:14">
      <c r="N528453" s="10"/>
    </row>
    <row r="528454" spans="14:14">
      <c r="N528454" s="10"/>
    </row>
    <row r="528455" spans="14:14">
      <c r="N528455" s="10"/>
    </row>
    <row r="528456" spans="14:14">
      <c r="N528456" s="10"/>
    </row>
    <row r="528457" spans="14:14">
      <c r="N528457" s="10"/>
    </row>
    <row r="528458" spans="14:14">
      <c r="N528458" s="10"/>
    </row>
    <row r="528459" spans="14:14">
      <c r="N528459" s="10"/>
    </row>
    <row r="528460" spans="14:14">
      <c r="N528460" s="10"/>
    </row>
    <row r="528461" spans="14:14">
      <c r="N528461" s="10"/>
    </row>
    <row r="528462" spans="14:14">
      <c r="N528462" s="10"/>
    </row>
    <row r="528463" spans="14:14">
      <c r="N528463" s="10"/>
    </row>
    <row r="528464" spans="14:14">
      <c r="N528464" s="10"/>
    </row>
    <row r="528465" spans="14:14">
      <c r="N528465" s="10"/>
    </row>
    <row r="528466" spans="14:14">
      <c r="N528466" s="10"/>
    </row>
    <row r="528467" spans="14:14">
      <c r="N528467" s="10"/>
    </row>
    <row r="528468" spans="14:14">
      <c r="N528468" s="10"/>
    </row>
    <row r="528469" spans="14:14">
      <c r="N528469" s="10"/>
    </row>
    <row r="528470" spans="14:14">
      <c r="N528470" s="10"/>
    </row>
    <row r="528471" spans="14:14">
      <c r="N528471" s="10"/>
    </row>
    <row r="528472" spans="14:14">
      <c r="N528472" s="10"/>
    </row>
    <row r="528473" spans="14:14">
      <c r="N528473" s="10"/>
    </row>
    <row r="528474" spans="14:14">
      <c r="N528474" s="10"/>
    </row>
    <row r="528475" spans="14:14">
      <c r="N528475" s="10"/>
    </row>
    <row r="528476" spans="14:14">
      <c r="N528476" s="10"/>
    </row>
    <row r="528477" spans="14:14">
      <c r="N528477" s="10"/>
    </row>
    <row r="528478" spans="14:14">
      <c r="N528478" s="10"/>
    </row>
    <row r="528479" spans="14:14">
      <c r="N528479" s="10"/>
    </row>
    <row r="528480" spans="14:14">
      <c r="N528480" s="10"/>
    </row>
    <row r="528481" spans="14:14">
      <c r="N528481" s="10"/>
    </row>
    <row r="528482" spans="14:14">
      <c r="N528482" s="10"/>
    </row>
    <row r="528483" spans="14:14">
      <c r="N528483" s="10"/>
    </row>
    <row r="528484" spans="14:14">
      <c r="N528484" s="10"/>
    </row>
    <row r="528485" spans="14:14">
      <c r="N528485" s="10"/>
    </row>
    <row r="528486" spans="14:14">
      <c r="N528486" s="10"/>
    </row>
    <row r="528487" spans="14:14">
      <c r="N528487" s="10"/>
    </row>
    <row r="528488" spans="14:14">
      <c r="N528488" s="10"/>
    </row>
    <row r="528489" spans="14:14">
      <c r="N528489" s="10"/>
    </row>
    <row r="528490" spans="14:14">
      <c r="N528490" s="10"/>
    </row>
    <row r="528491" spans="14:14">
      <c r="N528491" s="10"/>
    </row>
    <row r="528492" spans="14:14">
      <c r="N528492" s="10"/>
    </row>
    <row r="528493" spans="14:14">
      <c r="N528493" s="10"/>
    </row>
    <row r="528494" spans="14:14">
      <c r="N528494" s="10"/>
    </row>
    <row r="528495" spans="14:14">
      <c r="N528495" s="10"/>
    </row>
    <row r="528496" spans="14:14">
      <c r="N528496" s="10"/>
    </row>
    <row r="528497" spans="14:14">
      <c r="N528497" s="10"/>
    </row>
    <row r="528498" spans="14:14">
      <c r="N528498" s="10"/>
    </row>
    <row r="528499" spans="14:14">
      <c r="N528499" s="10"/>
    </row>
    <row r="528500" spans="14:14">
      <c r="N528500" s="10"/>
    </row>
    <row r="528501" spans="14:14">
      <c r="N528501" s="10"/>
    </row>
    <row r="528502" spans="14:14">
      <c r="N528502" s="10"/>
    </row>
    <row r="528503" spans="14:14">
      <c r="N528503" s="10"/>
    </row>
    <row r="528504" spans="14:14">
      <c r="N528504" s="10"/>
    </row>
    <row r="528505" spans="14:14">
      <c r="N528505" s="10"/>
    </row>
    <row r="528506" spans="14:14">
      <c r="N528506" s="10"/>
    </row>
    <row r="528507" spans="14:14">
      <c r="N528507" s="10"/>
    </row>
    <row r="528508" spans="14:14">
      <c r="N528508" s="10"/>
    </row>
    <row r="528509" spans="14:14">
      <c r="N528509" s="10"/>
    </row>
    <row r="528510" spans="14:14">
      <c r="N528510" s="10"/>
    </row>
    <row r="528511" spans="14:14">
      <c r="N528511" s="10"/>
    </row>
    <row r="528512" spans="14:14">
      <c r="N528512" s="10"/>
    </row>
    <row r="528513" spans="14:14">
      <c r="N528513" s="10"/>
    </row>
    <row r="528514" spans="14:14">
      <c r="N528514" s="10"/>
    </row>
    <row r="528515" spans="14:14">
      <c r="N528515" s="10"/>
    </row>
    <row r="528516" spans="14:14">
      <c r="N528516" s="10"/>
    </row>
    <row r="528517" spans="14:14">
      <c r="N528517" s="10"/>
    </row>
    <row r="528518" spans="14:14">
      <c r="N528518" s="10"/>
    </row>
    <row r="528519" spans="14:14">
      <c r="N528519" s="10"/>
    </row>
    <row r="528520" spans="14:14">
      <c r="N528520" s="10"/>
    </row>
    <row r="528521" spans="14:14">
      <c r="N528521" s="10"/>
    </row>
    <row r="528522" spans="14:14">
      <c r="N528522" s="10"/>
    </row>
    <row r="528523" spans="14:14">
      <c r="N528523" s="10"/>
    </row>
    <row r="528524" spans="14:14">
      <c r="N528524" s="10"/>
    </row>
    <row r="528525" spans="14:14">
      <c r="N528525" s="10"/>
    </row>
    <row r="528526" spans="14:14">
      <c r="N528526" s="10"/>
    </row>
    <row r="528527" spans="14:14">
      <c r="N528527" s="10"/>
    </row>
    <row r="528528" spans="14:14">
      <c r="N528528" s="10"/>
    </row>
    <row r="528529" spans="14:14">
      <c r="N528529" s="10"/>
    </row>
    <row r="528530" spans="14:14">
      <c r="N528530" s="10"/>
    </row>
    <row r="528531" spans="14:14">
      <c r="N528531" s="10"/>
    </row>
    <row r="528532" spans="14:14">
      <c r="N528532" s="10"/>
    </row>
    <row r="528533" spans="14:14">
      <c r="N528533" s="10"/>
    </row>
    <row r="528534" spans="14:14">
      <c r="N528534" s="10"/>
    </row>
    <row r="528535" spans="14:14">
      <c r="N528535" s="10"/>
    </row>
    <row r="528536" spans="14:14">
      <c r="N528536" s="10"/>
    </row>
    <row r="528537" spans="14:14">
      <c r="N528537" s="10"/>
    </row>
    <row r="528538" spans="14:14">
      <c r="N528538" s="10"/>
    </row>
    <row r="528539" spans="14:14">
      <c r="N528539" s="10"/>
    </row>
    <row r="528540" spans="14:14">
      <c r="N528540" s="10"/>
    </row>
    <row r="528541" spans="14:14">
      <c r="N528541" s="10"/>
    </row>
    <row r="528542" spans="14:14">
      <c r="N528542" s="10"/>
    </row>
    <row r="528543" spans="14:14">
      <c r="N528543" s="10"/>
    </row>
    <row r="528544" spans="14:14">
      <c r="N528544" s="10"/>
    </row>
    <row r="528545" spans="14:14">
      <c r="N528545" s="10"/>
    </row>
    <row r="528546" spans="14:14">
      <c r="N528546" s="10"/>
    </row>
    <row r="528547" spans="14:14">
      <c r="N528547" s="10"/>
    </row>
    <row r="528548" spans="14:14">
      <c r="N528548" s="10"/>
    </row>
    <row r="528549" spans="14:14">
      <c r="N528549" s="10"/>
    </row>
    <row r="528550" spans="14:14">
      <c r="N528550" s="10"/>
    </row>
    <row r="528551" spans="14:14">
      <c r="N528551" s="10"/>
    </row>
    <row r="528552" spans="14:14">
      <c r="N528552" s="10"/>
    </row>
    <row r="528553" spans="14:14">
      <c r="N528553" s="10"/>
    </row>
    <row r="528554" spans="14:14">
      <c r="N528554" s="10"/>
    </row>
    <row r="528555" spans="14:14">
      <c r="N528555" s="10"/>
    </row>
    <row r="528556" spans="14:14">
      <c r="N528556" s="10"/>
    </row>
    <row r="528557" spans="14:14">
      <c r="N528557" s="10"/>
    </row>
    <row r="528558" spans="14:14">
      <c r="N528558" s="10"/>
    </row>
    <row r="528559" spans="14:14">
      <c r="N528559" s="10"/>
    </row>
    <row r="528560" spans="14:14">
      <c r="N528560" s="10"/>
    </row>
    <row r="528561" spans="14:14">
      <c r="N528561" s="10"/>
    </row>
    <row r="528562" spans="14:14">
      <c r="N528562" s="10"/>
    </row>
    <row r="528563" spans="14:14">
      <c r="N528563" s="10"/>
    </row>
    <row r="528564" spans="14:14">
      <c r="N528564" s="10"/>
    </row>
    <row r="528565" spans="14:14">
      <c r="N528565" s="10"/>
    </row>
    <row r="528566" spans="14:14">
      <c r="N528566" s="10"/>
    </row>
    <row r="528567" spans="14:14">
      <c r="N528567" s="10"/>
    </row>
    <row r="528568" spans="14:14">
      <c r="N528568" s="10"/>
    </row>
    <row r="528569" spans="14:14">
      <c r="N528569" s="10"/>
    </row>
    <row r="528570" spans="14:14">
      <c r="N528570" s="10"/>
    </row>
    <row r="528571" spans="14:14">
      <c r="N528571" s="10"/>
    </row>
    <row r="528572" spans="14:14">
      <c r="N528572" s="10"/>
    </row>
    <row r="528573" spans="14:14">
      <c r="N528573" s="10"/>
    </row>
    <row r="528574" spans="14:14">
      <c r="N528574" s="10"/>
    </row>
    <row r="528575" spans="14:14">
      <c r="N528575" s="10"/>
    </row>
    <row r="528576" spans="14:14">
      <c r="N528576" s="10"/>
    </row>
    <row r="528577" spans="14:14">
      <c r="N528577" s="10"/>
    </row>
    <row r="528578" spans="14:14">
      <c r="N528578" s="10"/>
    </row>
    <row r="528579" spans="14:14">
      <c r="N528579" s="10"/>
    </row>
    <row r="528580" spans="14:14">
      <c r="N528580" s="10"/>
    </row>
    <row r="528581" spans="14:14">
      <c r="N528581" s="10"/>
    </row>
    <row r="528582" spans="14:14">
      <c r="N528582" s="10"/>
    </row>
    <row r="528583" spans="14:14">
      <c r="N528583" s="10"/>
    </row>
    <row r="528584" spans="14:14">
      <c r="N528584" s="10"/>
    </row>
    <row r="528585" spans="14:14">
      <c r="N528585" s="10"/>
    </row>
    <row r="528586" spans="14:14">
      <c r="N528586" s="10"/>
    </row>
    <row r="528587" spans="14:14">
      <c r="N528587" s="10"/>
    </row>
    <row r="528588" spans="14:14">
      <c r="N528588" s="10"/>
    </row>
    <row r="528589" spans="14:14">
      <c r="N528589" s="10"/>
    </row>
    <row r="528590" spans="14:14">
      <c r="N528590" s="10"/>
    </row>
    <row r="528591" spans="14:14">
      <c r="N528591" s="10"/>
    </row>
    <row r="528592" spans="14:14">
      <c r="N528592" s="10"/>
    </row>
    <row r="528593" spans="14:14">
      <c r="N528593" s="10"/>
    </row>
    <row r="528594" spans="14:14">
      <c r="N528594" s="10"/>
    </row>
    <row r="528595" spans="14:14">
      <c r="N528595" s="10"/>
    </row>
    <row r="528596" spans="14:14">
      <c r="N528596" s="10"/>
    </row>
    <row r="528597" spans="14:14">
      <c r="N528597" s="10"/>
    </row>
    <row r="528598" spans="14:14">
      <c r="N528598" s="10"/>
    </row>
    <row r="528599" spans="14:14">
      <c r="N528599" s="10"/>
    </row>
    <row r="528600" spans="14:14">
      <c r="N528600" s="10"/>
    </row>
    <row r="528601" spans="14:14">
      <c r="N528601" s="10"/>
    </row>
    <row r="528602" spans="14:14">
      <c r="N528602" s="10"/>
    </row>
    <row r="528603" spans="14:14">
      <c r="N528603" s="10"/>
    </row>
    <row r="528604" spans="14:14">
      <c r="N528604" s="10"/>
    </row>
    <row r="528605" spans="14:14">
      <c r="N528605" s="10"/>
    </row>
    <row r="528606" spans="14:14">
      <c r="N528606" s="10"/>
    </row>
    <row r="528607" spans="14:14">
      <c r="N528607" s="10"/>
    </row>
    <row r="528608" spans="14:14">
      <c r="N528608" s="10"/>
    </row>
    <row r="528609" spans="14:14">
      <c r="N528609" s="10"/>
    </row>
    <row r="528610" spans="14:14">
      <c r="N528610" s="10"/>
    </row>
    <row r="528611" spans="14:14">
      <c r="N528611" s="10"/>
    </row>
    <row r="528612" spans="14:14">
      <c r="N528612" s="10"/>
    </row>
    <row r="528613" spans="14:14">
      <c r="N528613" s="10"/>
    </row>
    <row r="528614" spans="14:14">
      <c r="N528614" s="10"/>
    </row>
    <row r="528615" spans="14:14">
      <c r="N528615" s="10"/>
    </row>
    <row r="528616" spans="14:14">
      <c r="N528616" s="10"/>
    </row>
    <row r="528617" spans="14:14">
      <c r="N528617" s="10"/>
    </row>
    <row r="528618" spans="14:14">
      <c r="N528618" s="10"/>
    </row>
    <row r="528619" spans="14:14">
      <c r="N528619" s="10"/>
    </row>
    <row r="528620" spans="14:14">
      <c r="N528620" s="10"/>
    </row>
    <row r="528621" spans="14:14">
      <c r="N528621" s="10"/>
    </row>
    <row r="528622" spans="14:14">
      <c r="N528622" s="10"/>
    </row>
    <row r="528623" spans="14:14">
      <c r="N528623" s="10"/>
    </row>
    <row r="528624" spans="14:14">
      <c r="N528624" s="10"/>
    </row>
    <row r="528625" spans="14:14">
      <c r="N528625" s="10"/>
    </row>
    <row r="528626" spans="14:14">
      <c r="N528626" s="10"/>
    </row>
    <row r="528627" spans="14:14">
      <c r="N528627" s="10"/>
    </row>
    <row r="528628" spans="14:14">
      <c r="N528628" s="10"/>
    </row>
    <row r="528629" spans="14:14">
      <c r="N528629" s="10"/>
    </row>
    <row r="528630" spans="14:14">
      <c r="N528630" s="10"/>
    </row>
    <row r="528631" spans="14:14">
      <c r="N528631" s="10"/>
    </row>
    <row r="528632" spans="14:14">
      <c r="N528632" s="10"/>
    </row>
    <row r="528633" spans="14:14">
      <c r="N528633" s="10"/>
    </row>
    <row r="528634" spans="14:14">
      <c r="N528634" s="10"/>
    </row>
    <row r="528635" spans="14:14">
      <c r="N528635" s="10"/>
    </row>
    <row r="528636" spans="14:14">
      <c r="N528636" s="10"/>
    </row>
    <row r="528637" spans="14:14">
      <c r="N528637" s="10"/>
    </row>
    <row r="528638" spans="14:14">
      <c r="N528638" s="10"/>
    </row>
    <row r="528639" spans="14:14">
      <c r="N528639" s="10"/>
    </row>
    <row r="528640" spans="14:14">
      <c r="N528640" s="10"/>
    </row>
    <row r="528641" spans="14:14">
      <c r="N528641" s="10"/>
    </row>
    <row r="528642" spans="14:14">
      <c r="N528642" s="10"/>
    </row>
    <row r="528643" spans="14:14">
      <c r="N528643" s="10"/>
    </row>
    <row r="528644" spans="14:14">
      <c r="N528644" s="10"/>
    </row>
    <row r="528645" spans="14:14">
      <c r="N528645" s="10"/>
    </row>
    <row r="528646" spans="14:14">
      <c r="N528646" s="10"/>
    </row>
    <row r="528647" spans="14:14">
      <c r="N528647" s="10"/>
    </row>
    <row r="528648" spans="14:14">
      <c r="N528648" s="10"/>
    </row>
    <row r="528649" spans="14:14">
      <c r="N528649" s="10"/>
    </row>
    <row r="528650" spans="14:14">
      <c r="N528650" s="10"/>
    </row>
    <row r="528651" spans="14:14">
      <c r="N528651" s="10"/>
    </row>
    <row r="528652" spans="14:14">
      <c r="N528652" s="10"/>
    </row>
    <row r="528653" spans="14:14">
      <c r="N528653" s="10"/>
    </row>
    <row r="528654" spans="14:14">
      <c r="N528654" s="10"/>
    </row>
    <row r="528655" spans="14:14">
      <c r="N528655" s="10"/>
    </row>
    <row r="528656" spans="14:14">
      <c r="N528656" s="10"/>
    </row>
    <row r="528657" spans="14:14">
      <c r="N528657" s="10"/>
    </row>
    <row r="528658" spans="14:14">
      <c r="N528658" s="10"/>
    </row>
    <row r="528659" spans="14:14">
      <c r="N528659" s="10"/>
    </row>
    <row r="528660" spans="14:14">
      <c r="N528660" s="10"/>
    </row>
    <row r="528661" spans="14:14">
      <c r="N528661" s="10"/>
    </row>
    <row r="528662" spans="14:14">
      <c r="N528662" s="10"/>
    </row>
    <row r="528663" spans="14:14">
      <c r="N528663" s="10"/>
    </row>
    <row r="528664" spans="14:14">
      <c r="N528664" s="10"/>
    </row>
    <row r="528665" spans="14:14">
      <c r="N528665" s="10"/>
    </row>
    <row r="528666" spans="14:14">
      <c r="N528666" s="10"/>
    </row>
    <row r="528667" spans="14:14">
      <c r="N528667" s="10"/>
    </row>
    <row r="528668" spans="14:14">
      <c r="N528668" s="10"/>
    </row>
    <row r="528669" spans="14:14">
      <c r="N528669" s="10"/>
    </row>
    <row r="528670" spans="14:14">
      <c r="N528670" s="10"/>
    </row>
    <row r="528671" spans="14:14">
      <c r="N528671" s="10"/>
    </row>
    <row r="528672" spans="14:14">
      <c r="N528672" s="10"/>
    </row>
    <row r="528673" spans="14:14">
      <c r="N528673" s="10"/>
    </row>
    <row r="528674" spans="14:14">
      <c r="N528674" s="10"/>
    </row>
    <row r="528675" spans="14:14">
      <c r="N528675" s="10"/>
    </row>
    <row r="528676" spans="14:14">
      <c r="N528676" s="10"/>
    </row>
    <row r="528677" spans="14:14">
      <c r="N528677" s="10"/>
    </row>
    <row r="528678" spans="14:14">
      <c r="N528678" s="10"/>
    </row>
    <row r="528679" spans="14:14">
      <c r="N528679" s="10"/>
    </row>
    <row r="528680" spans="14:14">
      <c r="N528680" s="10"/>
    </row>
    <row r="528681" spans="14:14">
      <c r="N528681" s="10"/>
    </row>
    <row r="528682" spans="14:14">
      <c r="N528682" s="10"/>
    </row>
    <row r="528683" spans="14:14">
      <c r="N528683" s="10"/>
    </row>
    <row r="528684" spans="14:14">
      <c r="N528684" s="10"/>
    </row>
    <row r="528685" spans="14:14">
      <c r="N528685" s="10"/>
    </row>
    <row r="528686" spans="14:14">
      <c r="N528686" s="10"/>
    </row>
    <row r="528687" spans="14:14">
      <c r="N528687" s="10"/>
    </row>
    <row r="528688" spans="14:14">
      <c r="N528688" s="10"/>
    </row>
    <row r="528689" spans="14:14">
      <c r="N528689" s="10"/>
    </row>
    <row r="528690" spans="14:14">
      <c r="N528690" s="10"/>
    </row>
    <row r="528691" spans="14:14">
      <c r="N528691" s="10"/>
    </row>
    <row r="528692" spans="14:14">
      <c r="N528692" s="10"/>
    </row>
    <row r="528693" spans="14:14">
      <c r="N528693" s="10"/>
    </row>
    <row r="528694" spans="14:14">
      <c r="N528694" s="10"/>
    </row>
    <row r="528695" spans="14:14">
      <c r="N528695" s="10"/>
    </row>
    <row r="528696" spans="14:14">
      <c r="N528696" s="10"/>
    </row>
    <row r="528697" spans="14:14">
      <c r="N528697" s="10"/>
    </row>
    <row r="528698" spans="14:14">
      <c r="N528698" s="10"/>
    </row>
    <row r="528699" spans="14:14">
      <c r="N528699" s="10"/>
    </row>
    <row r="528700" spans="14:14">
      <c r="N528700" s="10"/>
    </row>
    <row r="528701" spans="14:14">
      <c r="N528701" s="10"/>
    </row>
    <row r="528702" spans="14:14">
      <c r="N528702" s="10"/>
    </row>
    <row r="528703" spans="14:14">
      <c r="N528703" s="10"/>
    </row>
    <row r="528704" spans="14:14">
      <c r="N528704" s="10"/>
    </row>
    <row r="528705" spans="14:14">
      <c r="N528705" s="10"/>
    </row>
    <row r="528706" spans="14:14">
      <c r="N528706" s="10"/>
    </row>
    <row r="528707" spans="14:14">
      <c r="N528707" s="10"/>
    </row>
    <row r="528708" spans="14:14">
      <c r="N528708" s="10"/>
    </row>
    <row r="528709" spans="14:14">
      <c r="N528709" s="10"/>
    </row>
    <row r="528710" spans="14:14">
      <c r="N528710" s="10"/>
    </row>
    <row r="528711" spans="14:14">
      <c r="N528711" s="10"/>
    </row>
    <row r="528712" spans="14:14">
      <c r="N528712" s="10"/>
    </row>
    <row r="528713" spans="14:14">
      <c r="N528713" s="10"/>
    </row>
    <row r="528714" spans="14:14">
      <c r="N528714" s="10"/>
    </row>
    <row r="528715" spans="14:14">
      <c r="N528715" s="10"/>
    </row>
    <row r="528716" spans="14:14">
      <c r="N528716" s="10"/>
    </row>
    <row r="528717" spans="14:14">
      <c r="N528717" s="10"/>
    </row>
    <row r="528718" spans="14:14">
      <c r="N528718" s="10"/>
    </row>
    <row r="528719" spans="14:14">
      <c r="N528719" s="10"/>
    </row>
    <row r="528720" spans="14:14">
      <c r="N528720" s="10"/>
    </row>
    <row r="528721" spans="14:14">
      <c r="N528721" s="10"/>
    </row>
    <row r="528722" spans="14:14">
      <c r="N528722" s="10"/>
    </row>
    <row r="528723" spans="14:14">
      <c r="N528723" s="10"/>
    </row>
    <row r="528724" spans="14:14">
      <c r="N528724" s="10"/>
    </row>
    <row r="528725" spans="14:14">
      <c r="N528725" s="10"/>
    </row>
    <row r="528726" spans="14:14">
      <c r="N528726" s="10"/>
    </row>
    <row r="528727" spans="14:14">
      <c r="N528727" s="10"/>
    </row>
    <row r="528728" spans="14:14">
      <c r="N528728" s="10"/>
    </row>
    <row r="528729" spans="14:14">
      <c r="N528729" s="10"/>
    </row>
    <row r="528730" spans="14:14">
      <c r="N528730" s="10"/>
    </row>
    <row r="528731" spans="14:14">
      <c r="N528731" s="10"/>
    </row>
    <row r="528732" spans="14:14">
      <c r="N528732" s="10"/>
    </row>
    <row r="528733" spans="14:14">
      <c r="N528733" s="10"/>
    </row>
    <row r="528734" spans="14:14">
      <c r="N528734" s="10"/>
    </row>
    <row r="528735" spans="14:14">
      <c r="N528735" s="10"/>
    </row>
    <row r="528736" spans="14:14">
      <c r="N528736" s="10"/>
    </row>
    <row r="528737" spans="14:14">
      <c r="N528737" s="10"/>
    </row>
    <row r="528738" spans="14:14">
      <c r="N528738" s="10"/>
    </row>
    <row r="528739" spans="14:14">
      <c r="N528739" s="10"/>
    </row>
    <row r="528740" spans="14:14">
      <c r="N528740" s="10"/>
    </row>
    <row r="528741" spans="14:14">
      <c r="N528741" s="10"/>
    </row>
    <row r="528742" spans="14:14">
      <c r="N528742" s="10"/>
    </row>
    <row r="528743" spans="14:14">
      <c r="N528743" s="10"/>
    </row>
    <row r="528744" spans="14:14">
      <c r="N528744" s="10"/>
    </row>
    <row r="528745" spans="14:14">
      <c r="N528745" s="10"/>
    </row>
    <row r="528746" spans="14:14">
      <c r="N528746" s="10"/>
    </row>
    <row r="528747" spans="14:14">
      <c r="N528747" s="10"/>
    </row>
    <row r="528748" spans="14:14">
      <c r="N528748" s="10"/>
    </row>
    <row r="528749" spans="14:14">
      <c r="N528749" s="10"/>
    </row>
    <row r="528750" spans="14:14">
      <c r="N528750" s="10"/>
    </row>
    <row r="528751" spans="14:14">
      <c r="N528751" s="10"/>
    </row>
    <row r="528752" spans="14:14">
      <c r="N528752" s="10"/>
    </row>
    <row r="528753" spans="14:14">
      <c r="N528753" s="10"/>
    </row>
    <row r="528754" spans="14:14">
      <c r="N528754" s="10"/>
    </row>
    <row r="528755" spans="14:14">
      <c r="N528755" s="10"/>
    </row>
    <row r="528756" spans="14:14">
      <c r="N528756" s="10"/>
    </row>
    <row r="528757" spans="14:14">
      <c r="N528757" s="10"/>
    </row>
    <row r="528758" spans="14:14">
      <c r="N528758" s="10"/>
    </row>
    <row r="528759" spans="14:14">
      <c r="N528759" s="10"/>
    </row>
    <row r="528760" spans="14:14">
      <c r="N528760" s="10"/>
    </row>
    <row r="528761" spans="14:14">
      <c r="N528761" s="10"/>
    </row>
    <row r="528762" spans="14:14">
      <c r="N528762" s="10"/>
    </row>
    <row r="528763" spans="14:14">
      <c r="N528763" s="10"/>
    </row>
    <row r="528764" spans="14:14">
      <c r="N528764" s="10"/>
    </row>
    <row r="528765" spans="14:14">
      <c r="N528765" s="10"/>
    </row>
    <row r="528766" spans="14:14">
      <c r="N528766" s="10"/>
    </row>
    <row r="528767" spans="14:14">
      <c r="N528767" s="10"/>
    </row>
    <row r="528768" spans="14:14">
      <c r="N528768" s="10"/>
    </row>
    <row r="528769" spans="14:14">
      <c r="N528769" s="10"/>
    </row>
    <row r="528770" spans="14:14">
      <c r="N528770" s="10"/>
    </row>
    <row r="528771" spans="14:14">
      <c r="N528771" s="10"/>
    </row>
    <row r="528772" spans="14:14">
      <c r="N528772" s="10"/>
    </row>
    <row r="528773" spans="14:14">
      <c r="N528773" s="10"/>
    </row>
    <row r="528774" spans="14:14">
      <c r="N528774" s="10"/>
    </row>
    <row r="528775" spans="14:14">
      <c r="N528775" s="10"/>
    </row>
    <row r="528776" spans="14:14">
      <c r="N528776" s="10"/>
    </row>
    <row r="528777" spans="14:14">
      <c r="N528777" s="10"/>
    </row>
    <row r="528778" spans="14:14">
      <c r="N528778" s="10"/>
    </row>
    <row r="528779" spans="14:14">
      <c r="N528779" s="10"/>
    </row>
    <row r="528780" spans="14:14">
      <c r="N528780" s="10"/>
    </row>
    <row r="528781" spans="14:14">
      <c r="N528781" s="10"/>
    </row>
    <row r="528782" spans="14:14">
      <c r="N528782" s="10"/>
    </row>
    <row r="528783" spans="14:14">
      <c r="N528783" s="10"/>
    </row>
    <row r="528784" spans="14:14">
      <c r="N528784" s="10"/>
    </row>
    <row r="528785" spans="14:14">
      <c r="N528785" s="10"/>
    </row>
    <row r="528786" spans="14:14">
      <c r="N528786" s="10"/>
    </row>
    <row r="528787" spans="14:14">
      <c r="N528787" s="10"/>
    </row>
    <row r="528788" spans="14:14">
      <c r="N528788" s="10"/>
    </row>
    <row r="528789" spans="14:14">
      <c r="N528789" s="10"/>
    </row>
    <row r="528790" spans="14:14">
      <c r="N528790" s="10"/>
    </row>
    <row r="528791" spans="14:14">
      <c r="N528791" s="10"/>
    </row>
    <row r="528792" spans="14:14">
      <c r="N528792" s="10"/>
    </row>
    <row r="528793" spans="14:14">
      <c r="N528793" s="10"/>
    </row>
    <row r="528794" spans="14:14">
      <c r="N528794" s="10"/>
    </row>
    <row r="528795" spans="14:14">
      <c r="N528795" s="10"/>
    </row>
    <row r="528796" spans="14:14">
      <c r="N528796" s="10"/>
    </row>
    <row r="528797" spans="14:14">
      <c r="N528797" s="10"/>
    </row>
    <row r="528798" spans="14:14">
      <c r="N528798" s="10"/>
    </row>
    <row r="528799" spans="14:14">
      <c r="N528799" s="10"/>
    </row>
    <row r="528800" spans="14:14">
      <c r="N528800" s="10"/>
    </row>
    <row r="528801" spans="14:14">
      <c r="N528801" s="10"/>
    </row>
    <row r="528802" spans="14:14">
      <c r="N528802" s="10"/>
    </row>
    <row r="528803" spans="14:14">
      <c r="N528803" s="10"/>
    </row>
    <row r="528804" spans="14:14">
      <c r="N528804" s="10"/>
    </row>
    <row r="528805" spans="14:14">
      <c r="N528805" s="10"/>
    </row>
    <row r="528806" spans="14:14">
      <c r="N528806" s="10"/>
    </row>
    <row r="528807" spans="14:14">
      <c r="N528807" s="10"/>
    </row>
    <row r="528808" spans="14:14">
      <c r="N528808" s="10"/>
    </row>
    <row r="528809" spans="14:14">
      <c r="N528809" s="10"/>
    </row>
    <row r="528810" spans="14:14">
      <c r="N528810" s="10"/>
    </row>
    <row r="528811" spans="14:14">
      <c r="N528811" s="10"/>
    </row>
    <row r="528812" spans="14:14">
      <c r="N528812" s="10"/>
    </row>
    <row r="528813" spans="14:14">
      <c r="N528813" s="10"/>
    </row>
    <row r="528814" spans="14:14">
      <c r="N528814" s="10"/>
    </row>
    <row r="528815" spans="14:14">
      <c r="N528815" s="10"/>
    </row>
    <row r="528816" spans="14:14">
      <c r="N528816" s="10"/>
    </row>
    <row r="528817" spans="14:14">
      <c r="N528817" s="10"/>
    </row>
    <row r="528818" spans="14:14">
      <c r="N528818" s="10"/>
    </row>
    <row r="528819" spans="14:14">
      <c r="N528819" s="10"/>
    </row>
    <row r="528820" spans="14:14">
      <c r="N528820" s="10"/>
    </row>
    <row r="528821" spans="14:14">
      <c r="N528821" s="10"/>
    </row>
    <row r="528822" spans="14:14">
      <c r="N528822" s="10"/>
    </row>
    <row r="528823" spans="14:14">
      <c r="N528823" s="10"/>
    </row>
    <row r="528824" spans="14:14">
      <c r="N528824" s="10"/>
    </row>
    <row r="528825" spans="14:14">
      <c r="N528825" s="10"/>
    </row>
    <row r="528826" spans="14:14">
      <c r="N528826" s="10"/>
    </row>
    <row r="528827" spans="14:14">
      <c r="N528827" s="10"/>
    </row>
    <row r="528828" spans="14:14">
      <c r="N528828" s="10"/>
    </row>
    <row r="528829" spans="14:14">
      <c r="N528829" s="10"/>
    </row>
    <row r="528830" spans="14:14">
      <c r="N528830" s="10"/>
    </row>
    <row r="528831" spans="14:14">
      <c r="N528831" s="10"/>
    </row>
    <row r="528832" spans="14:14">
      <c r="N528832" s="10"/>
    </row>
    <row r="528833" spans="14:14">
      <c r="N528833" s="10"/>
    </row>
    <row r="528834" spans="14:14">
      <c r="N528834" s="10"/>
    </row>
    <row r="528835" spans="14:14">
      <c r="N528835" s="10"/>
    </row>
    <row r="528836" spans="14:14">
      <c r="N528836" s="10"/>
    </row>
    <row r="528837" spans="14:14">
      <c r="N528837" s="10"/>
    </row>
    <row r="528838" spans="14:14">
      <c r="N528838" s="10"/>
    </row>
    <row r="528839" spans="14:14">
      <c r="N528839" s="10"/>
    </row>
    <row r="528840" spans="14:14">
      <c r="N528840" s="10"/>
    </row>
    <row r="528841" spans="14:14">
      <c r="N528841" s="10"/>
    </row>
    <row r="528842" spans="14:14">
      <c r="N528842" s="10"/>
    </row>
    <row r="528843" spans="14:14">
      <c r="N528843" s="10"/>
    </row>
    <row r="528844" spans="14:14">
      <c r="N528844" s="10"/>
    </row>
    <row r="528845" spans="14:14">
      <c r="N528845" s="10"/>
    </row>
    <row r="528846" spans="14:14">
      <c r="N528846" s="10"/>
    </row>
    <row r="528847" spans="14:14">
      <c r="N528847" s="10"/>
    </row>
    <row r="528848" spans="14:14">
      <c r="N528848" s="10"/>
    </row>
    <row r="528849" spans="14:14">
      <c r="N528849" s="10"/>
    </row>
    <row r="528850" spans="14:14">
      <c r="N528850" s="10"/>
    </row>
    <row r="528851" spans="14:14">
      <c r="N528851" s="10"/>
    </row>
    <row r="528852" spans="14:14">
      <c r="N528852" s="10"/>
    </row>
    <row r="528853" spans="14:14">
      <c r="N528853" s="10"/>
    </row>
    <row r="528854" spans="14:14">
      <c r="N528854" s="10"/>
    </row>
    <row r="528855" spans="14:14">
      <c r="N528855" s="10"/>
    </row>
    <row r="528856" spans="14:14">
      <c r="N528856" s="10"/>
    </row>
    <row r="528857" spans="14:14">
      <c r="N528857" s="10"/>
    </row>
    <row r="528858" spans="14:14">
      <c r="N528858" s="10"/>
    </row>
    <row r="528859" spans="14:14">
      <c r="N528859" s="10"/>
    </row>
    <row r="528860" spans="14:14">
      <c r="N528860" s="10"/>
    </row>
    <row r="528861" spans="14:14">
      <c r="N528861" s="10"/>
    </row>
    <row r="528862" spans="14:14">
      <c r="N528862" s="10"/>
    </row>
    <row r="528863" spans="14:14">
      <c r="N528863" s="10"/>
    </row>
    <row r="528864" spans="14:14">
      <c r="N528864" s="10"/>
    </row>
    <row r="528865" spans="14:14">
      <c r="N528865" s="10"/>
    </row>
    <row r="528866" spans="14:14">
      <c r="N528866" s="10"/>
    </row>
    <row r="528867" spans="14:14">
      <c r="N528867" s="10"/>
    </row>
    <row r="528868" spans="14:14">
      <c r="N528868" s="10"/>
    </row>
    <row r="528869" spans="14:14">
      <c r="N528869" s="10"/>
    </row>
    <row r="528870" spans="14:14">
      <c r="N528870" s="10"/>
    </row>
    <row r="528871" spans="14:14">
      <c r="N528871" s="10"/>
    </row>
    <row r="528872" spans="14:14">
      <c r="N528872" s="10"/>
    </row>
    <row r="528873" spans="14:14">
      <c r="N528873" s="10"/>
    </row>
    <row r="528874" spans="14:14">
      <c r="N528874" s="10"/>
    </row>
    <row r="528875" spans="14:14">
      <c r="N528875" s="10"/>
    </row>
    <row r="528876" spans="14:14">
      <c r="N528876" s="10"/>
    </row>
    <row r="528877" spans="14:14">
      <c r="N528877" s="10"/>
    </row>
    <row r="528878" spans="14:14">
      <c r="N528878" s="10"/>
    </row>
    <row r="528879" spans="14:14">
      <c r="N528879" s="10"/>
    </row>
    <row r="528880" spans="14:14">
      <c r="N528880" s="10"/>
    </row>
    <row r="528881" spans="14:14">
      <c r="N528881" s="10"/>
    </row>
    <row r="528882" spans="14:14">
      <c r="N528882" s="10"/>
    </row>
    <row r="528883" spans="14:14">
      <c r="N528883" s="10"/>
    </row>
    <row r="528884" spans="14:14">
      <c r="N528884" s="10"/>
    </row>
    <row r="528885" spans="14:14">
      <c r="N528885" s="10"/>
    </row>
    <row r="528886" spans="14:14">
      <c r="N528886" s="10"/>
    </row>
    <row r="528887" spans="14:14">
      <c r="N528887" s="10"/>
    </row>
    <row r="528888" spans="14:14">
      <c r="N528888" s="10"/>
    </row>
    <row r="528889" spans="14:14">
      <c r="N528889" s="10"/>
    </row>
    <row r="528890" spans="14:14">
      <c r="N528890" s="10"/>
    </row>
    <row r="528891" spans="14:14">
      <c r="N528891" s="10"/>
    </row>
    <row r="528892" spans="14:14">
      <c r="N528892" s="10"/>
    </row>
    <row r="528893" spans="14:14">
      <c r="N528893" s="10"/>
    </row>
    <row r="528894" spans="14:14">
      <c r="N528894" s="10"/>
    </row>
    <row r="528895" spans="14:14">
      <c r="N528895" s="10"/>
    </row>
    <row r="528896" spans="14:14">
      <c r="N528896" s="10"/>
    </row>
    <row r="528897" spans="14:14">
      <c r="N528897" s="10"/>
    </row>
    <row r="528898" spans="14:14">
      <c r="N528898" s="10"/>
    </row>
    <row r="528899" spans="14:14">
      <c r="N528899" s="10"/>
    </row>
    <row r="528900" spans="14:14">
      <c r="N528900" s="10"/>
    </row>
    <row r="528901" spans="14:14">
      <c r="N528901" s="10"/>
    </row>
    <row r="528902" spans="14:14">
      <c r="N528902" s="10"/>
    </row>
    <row r="528903" spans="14:14">
      <c r="N528903" s="10"/>
    </row>
    <row r="528904" spans="14:14">
      <c r="N528904" s="10"/>
    </row>
    <row r="528905" spans="14:14">
      <c r="N528905" s="10"/>
    </row>
    <row r="528906" spans="14:14">
      <c r="N528906" s="10"/>
    </row>
    <row r="528907" spans="14:14">
      <c r="N528907" s="10"/>
    </row>
    <row r="528908" spans="14:14">
      <c r="N528908" s="10"/>
    </row>
    <row r="528909" spans="14:14">
      <c r="N528909" s="10"/>
    </row>
    <row r="528910" spans="14:14">
      <c r="N528910" s="10"/>
    </row>
    <row r="528911" spans="14:14">
      <c r="N528911" s="10"/>
    </row>
    <row r="528912" spans="14:14">
      <c r="N528912" s="10"/>
    </row>
    <row r="528913" spans="14:14">
      <c r="N528913" s="10"/>
    </row>
    <row r="528914" spans="14:14">
      <c r="N528914" s="10"/>
    </row>
    <row r="528915" spans="14:14">
      <c r="N528915" s="10"/>
    </row>
    <row r="528916" spans="14:14">
      <c r="N528916" s="10"/>
    </row>
    <row r="528917" spans="14:14">
      <c r="N528917" s="10"/>
    </row>
    <row r="528918" spans="14:14">
      <c r="N528918" s="10"/>
    </row>
    <row r="528919" spans="14:14">
      <c r="N528919" s="10"/>
    </row>
    <row r="528920" spans="14:14">
      <c r="N528920" s="10"/>
    </row>
    <row r="528921" spans="14:14">
      <c r="N528921" s="10"/>
    </row>
    <row r="528922" spans="14:14">
      <c r="N528922" s="10"/>
    </row>
    <row r="528923" spans="14:14">
      <c r="N528923" s="10"/>
    </row>
    <row r="528924" spans="14:14">
      <c r="N528924" s="10"/>
    </row>
    <row r="528925" spans="14:14">
      <c r="N528925" s="10"/>
    </row>
    <row r="528926" spans="14:14">
      <c r="N528926" s="10"/>
    </row>
    <row r="528927" spans="14:14">
      <c r="N528927" s="10"/>
    </row>
    <row r="528928" spans="14:14">
      <c r="N528928" s="10"/>
    </row>
    <row r="528929" spans="14:14">
      <c r="N528929" s="10"/>
    </row>
    <row r="528930" spans="14:14">
      <c r="N528930" s="10"/>
    </row>
    <row r="528931" spans="14:14">
      <c r="N528931" s="10"/>
    </row>
    <row r="528932" spans="14:14">
      <c r="N528932" s="10"/>
    </row>
    <row r="528933" spans="14:14">
      <c r="N528933" s="10"/>
    </row>
    <row r="528934" spans="14:14">
      <c r="N528934" s="10"/>
    </row>
    <row r="528935" spans="14:14">
      <c r="N528935" s="10"/>
    </row>
    <row r="528936" spans="14:14">
      <c r="N528936" s="10"/>
    </row>
    <row r="528937" spans="14:14">
      <c r="N528937" s="10"/>
    </row>
    <row r="528938" spans="14:14">
      <c r="N528938" s="10"/>
    </row>
    <row r="528939" spans="14:14">
      <c r="N528939" s="10"/>
    </row>
    <row r="528940" spans="14:14">
      <c r="N528940" s="10"/>
    </row>
    <row r="528941" spans="14:14">
      <c r="N528941" s="10"/>
    </row>
    <row r="528942" spans="14:14">
      <c r="N528942" s="10"/>
    </row>
    <row r="528943" spans="14:14">
      <c r="N528943" s="10"/>
    </row>
    <row r="528944" spans="14:14">
      <c r="N528944" s="10"/>
    </row>
    <row r="528945" spans="14:14">
      <c r="N528945" s="10"/>
    </row>
    <row r="528946" spans="14:14">
      <c r="N528946" s="10"/>
    </row>
    <row r="528947" spans="14:14">
      <c r="N528947" s="10"/>
    </row>
    <row r="528948" spans="14:14">
      <c r="N528948" s="10"/>
    </row>
    <row r="528949" spans="14:14">
      <c r="N528949" s="10"/>
    </row>
    <row r="528950" spans="14:14">
      <c r="N528950" s="10"/>
    </row>
    <row r="528951" spans="14:14">
      <c r="N528951" s="10"/>
    </row>
    <row r="528952" spans="14:14">
      <c r="N528952" s="10"/>
    </row>
    <row r="528953" spans="14:14">
      <c r="N528953" s="10"/>
    </row>
    <row r="528954" spans="14:14">
      <c r="N528954" s="10"/>
    </row>
    <row r="528955" spans="14:14">
      <c r="N528955" s="10"/>
    </row>
    <row r="528956" spans="14:14">
      <c r="N528956" s="10"/>
    </row>
    <row r="528957" spans="14:14">
      <c r="N528957" s="10"/>
    </row>
    <row r="528958" spans="14:14">
      <c r="N528958" s="10"/>
    </row>
    <row r="528959" spans="14:14">
      <c r="N528959" s="10"/>
    </row>
    <row r="528960" spans="14:14">
      <c r="N528960" s="10"/>
    </row>
    <row r="528961" spans="14:14">
      <c r="N528961" s="10"/>
    </row>
    <row r="528962" spans="14:14">
      <c r="N528962" s="10"/>
    </row>
    <row r="528963" spans="14:14">
      <c r="N528963" s="10"/>
    </row>
    <row r="528964" spans="14:14">
      <c r="N528964" s="10"/>
    </row>
    <row r="528965" spans="14:14">
      <c r="N528965" s="10"/>
    </row>
    <row r="528966" spans="14:14">
      <c r="N528966" s="10"/>
    </row>
    <row r="528967" spans="14:14">
      <c r="N528967" s="10"/>
    </row>
    <row r="528968" spans="14:14">
      <c r="N528968" s="10"/>
    </row>
    <row r="528969" spans="14:14">
      <c r="N528969" s="10"/>
    </row>
    <row r="528970" spans="14:14">
      <c r="N528970" s="10"/>
    </row>
    <row r="528971" spans="14:14">
      <c r="N528971" s="10"/>
    </row>
    <row r="528972" spans="14:14">
      <c r="N528972" s="10"/>
    </row>
    <row r="528973" spans="14:14">
      <c r="N528973" s="10"/>
    </row>
    <row r="528974" spans="14:14">
      <c r="N528974" s="10"/>
    </row>
    <row r="528975" spans="14:14">
      <c r="N528975" s="10"/>
    </row>
    <row r="528976" spans="14:14">
      <c r="N528976" s="10"/>
    </row>
    <row r="528977" spans="14:14">
      <c r="N528977" s="10"/>
    </row>
    <row r="528978" spans="14:14">
      <c r="N528978" s="10"/>
    </row>
    <row r="528979" spans="14:14">
      <c r="N528979" s="10"/>
    </row>
    <row r="528980" spans="14:14">
      <c r="N528980" s="10"/>
    </row>
    <row r="528981" spans="14:14">
      <c r="N528981" s="10"/>
    </row>
    <row r="528982" spans="14:14">
      <c r="N528982" s="10"/>
    </row>
    <row r="528983" spans="14:14">
      <c r="N528983" s="10"/>
    </row>
    <row r="528984" spans="14:14">
      <c r="N528984" s="10"/>
    </row>
    <row r="528985" spans="14:14">
      <c r="N528985" s="10"/>
    </row>
    <row r="528986" spans="14:14">
      <c r="N528986" s="10"/>
    </row>
    <row r="528987" spans="14:14">
      <c r="N528987" s="10"/>
    </row>
    <row r="528988" spans="14:14">
      <c r="N528988" s="10"/>
    </row>
    <row r="528989" spans="14:14">
      <c r="N528989" s="10"/>
    </row>
    <row r="528990" spans="14:14">
      <c r="N528990" s="10"/>
    </row>
    <row r="528991" spans="14:14">
      <c r="N528991" s="10"/>
    </row>
    <row r="528992" spans="14:14">
      <c r="N528992" s="10"/>
    </row>
    <row r="528993" spans="14:14">
      <c r="N528993" s="10"/>
    </row>
    <row r="528994" spans="14:14">
      <c r="N528994" s="10"/>
    </row>
    <row r="528995" spans="14:14">
      <c r="N528995" s="10"/>
    </row>
    <row r="528996" spans="14:14">
      <c r="N528996" s="10"/>
    </row>
    <row r="528997" spans="14:14">
      <c r="N528997" s="10"/>
    </row>
    <row r="528998" spans="14:14">
      <c r="N528998" s="10"/>
    </row>
    <row r="528999" spans="14:14">
      <c r="N528999" s="10"/>
    </row>
    <row r="529000" spans="14:14">
      <c r="N529000" s="10"/>
    </row>
    <row r="529001" spans="14:14">
      <c r="N529001" s="10"/>
    </row>
    <row r="529002" spans="14:14">
      <c r="N529002" s="10"/>
    </row>
    <row r="529003" spans="14:14">
      <c r="N529003" s="10"/>
    </row>
    <row r="529004" spans="14:14">
      <c r="N529004" s="10"/>
    </row>
    <row r="529005" spans="14:14">
      <c r="N529005" s="10"/>
    </row>
    <row r="529006" spans="14:14">
      <c r="N529006" s="10"/>
    </row>
    <row r="529007" spans="14:14">
      <c r="N529007" s="10"/>
    </row>
    <row r="529008" spans="14:14">
      <c r="N529008" s="10"/>
    </row>
    <row r="529009" spans="14:14">
      <c r="N529009" s="10"/>
    </row>
    <row r="529010" spans="14:14">
      <c r="N529010" s="10"/>
    </row>
    <row r="529011" spans="14:14">
      <c r="N529011" s="10"/>
    </row>
    <row r="529012" spans="14:14">
      <c r="N529012" s="10"/>
    </row>
    <row r="529013" spans="14:14">
      <c r="N529013" s="10"/>
    </row>
    <row r="529014" spans="14:14">
      <c r="N529014" s="10"/>
    </row>
    <row r="529015" spans="14:14">
      <c r="N529015" s="10"/>
    </row>
    <row r="529016" spans="14:14">
      <c r="N529016" s="10"/>
    </row>
    <row r="529017" spans="14:14">
      <c r="N529017" s="10"/>
    </row>
    <row r="529018" spans="14:14">
      <c r="N529018" s="10"/>
    </row>
    <row r="529019" spans="14:14">
      <c r="N529019" s="10"/>
    </row>
    <row r="529020" spans="14:14">
      <c r="N529020" s="10"/>
    </row>
    <row r="529021" spans="14:14">
      <c r="N529021" s="10"/>
    </row>
    <row r="529022" spans="14:14">
      <c r="N529022" s="10"/>
    </row>
    <row r="529023" spans="14:14">
      <c r="N529023" s="10"/>
    </row>
    <row r="529024" spans="14:14">
      <c r="N529024" s="10"/>
    </row>
    <row r="529025" spans="14:14">
      <c r="N529025" s="10"/>
    </row>
    <row r="529026" spans="14:14">
      <c r="N529026" s="10"/>
    </row>
    <row r="529027" spans="14:14">
      <c r="N529027" s="10"/>
    </row>
    <row r="529028" spans="14:14">
      <c r="N529028" s="10"/>
    </row>
    <row r="529029" spans="14:14">
      <c r="N529029" s="10"/>
    </row>
    <row r="529030" spans="14:14">
      <c r="N529030" s="10"/>
    </row>
    <row r="529031" spans="14:14">
      <c r="N529031" s="10"/>
    </row>
    <row r="529032" spans="14:14">
      <c r="N529032" s="10"/>
    </row>
    <row r="529033" spans="14:14">
      <c r="N529033" s="10"/>
    </row>
    <row r="529034" spans="14:14">
      <c r="N529034" s="10"/>
    </row>
    <row r="529035" spans="14:14">
      <c r="N529035" s="10"/>
    </row>
    <row r="529036" spans="14:14">
      <c r="N529036" s="10"/>
    </row>
    <row r="529037" spans="14:14">
      <c r="N529037" s="10"/>
    </row>
    <row r="529038" spans="14:14">
      <c r="N529038" s="10"/>
    </row>
    <row r="529039" spans="14:14">
      <c r="N529039" s="10"/>
    </row>
    <row r="529040" spans="14:14">
      <c r="N529040" s="10"/>
    </row>
    <row r="529041" spans="14:14">
      <c r="N529041" s="10"/>
    </row>
    <row r="529042" spans="14:14">
      <c r="N529042" s="10"/>
    </row>
    <row r="529043" spans="14:14">
      <c r="N529043" s="10"/>
    </row>
    <row r="529044" spans="14:14">
      <c r="N529044" s="10"/>
    </row>
    <row r="529045" spans="14:14">
      <c r="N529045" s="10"/>
    </row>
    <row r="529046" spans="14:14">
      <c r="N529046" s="10"/>
    </row>
    <row r="529047" spans="14:14">
      <c r="N529047" s="10"/>
    </row>
    <row r="529048" spans="14:14">
      <c r="N529048" s="10"/>
    </row>
    <row r="529049" spans="14:14">
      <c r="N529049" s="10"/>
    </row>
    <row r="529050" spans="14:14">
      <c r="N529050" s="10"/>
    </row>
    <row r="529051" spans="14:14">
      <c r="N529051" s="10"/>
    </row>
    <row r="529052" spans="14:14">
      <c r="N529052" s="10"/>
    </row>
    <row r="529053" spans="14:14">
      <c r="N529053" s="10"/>
    </row>
    <row r="529054" spans="14:14">
      <c r="N529054" s="10"/>
    </row>
    <row r="529055" spans="14:14">
      <c r="N529055" s="10"/>
    </row>
    <row r="529056" spans="14:14">
      <c r="N529056" s="10"/>
    </row>
    <row r="529057" spans="14:14">
      <c r="N529057" s="10"/>
    </row>
    <row r="529058" spans="14:14">
      <c r="N529058" s="10"/>
    </row>
    <row r="529059" spans="14:14">
      <c r="N529059" s="10"/>
    </row>
    <row r="529060" spans="14:14">
      <c r="N529060" s="10"/>
    </row>
    <row r="529061" spans="14:14">
      <c r="N529061" s="10"/>
    </row>
    <row r="529062" spans="14:14">
      <c r="N529062" s="10"/>
    </row>
    <row r="529063" spans="14:14">
      <c r="N529063" s="10"/>
    </row>
    <row r="529064" spans="14:14">
      <c r="N529064" s="10"/>
    </row>
    <row r="529065" spans="14:14">
      <c r="N529065" s="10"/>
    </row>
    <row r="529066" spans="14:14">
      <c r="N529066" s="10"/>
    </row>
    <row r="529067" spans="14:14">
      <c r="N529067" s="10"/>
    </row>
    <row r="529068" spans="14:14">
      <c r="N529068" s="10"/>
    </row>
    <row r="529069" spans="14:14">
      <c r="N529069" s="10"/>
    </row>
    <row r="529070" spans="14:14">
      <c r="N529070" s="10"/>
    </row>
    <row r="529071" spans="14:14">
      <c r="N529071" s="10"/>
    </row>
    <row r="529072" spans="14:14">
      <c r="N529072" s="10"/>
    </row>
    <row r="529073" spans="14:14">
      <c r="N529073" s="10"/>
    </row>
    <row r="529074" spans="14:14">
      <c r="N529074" s="10"/>
    </row>
    <row r="529075" spans="14:14">
      <c r="N529075" s="10"/>
    </row>
    <row r="529076" spans="14:14">
      <c r="N529076" s="10"/>
    </row>
    <row r="529077" spans="14:14">
      <c r="N529077" s="10"/>
    </row>
    <row r="529078" spans="14:14">
      <c r="N529078" s="10"/>
    </row>
    <row r="529079" spans="14:14">
      <c r="N529079" s="10"/>
    </row>
    <row r="529080" spans="14:14">
      <c r="N529080" s="10"/>
    </row>
    <row r="529081" spans="14:14">
      <c r="N529081" s="10"/>
    </row>
    <row r="529082" spans="14:14">
      <c r="N529082" s="10"/>
    </row>
    <row r="529083" spans="14:14">
      <c r="N529083" s="10"/>
    </row>
    <row r="529084" spans="14:14">
      <c r="N529084" s="10"/>
    </row>
    <row r="529085" spans="14:14">
      <c r="N529085" s="10"/>
    </row>
    <row r="529086" spans="14:14">
      <c r="N529086" s="10"/>
    </row>
    <row r="529087" spans="14:14">
      <c r="N529087" s="10"/>
    </row>
    <row r="529088" spans="14:14">
      <c r="N529088" s="10"/>
    </row>
    <row r="529089" spans="14:14">
      <c r="N529089" s="10"/>
    </row>
    <row r="529090" spans="14:14">
      <c r="N529090" s="10"/>
    </row>
    <row r="529091" spans="14:14">
      <c r="N529091" s="10"/>
    </row>
    <row r="529092" spans="14:14">
      <c r="N529092" s="10"/>
    </row>
    <row r="529093" spans="14:14">
      <c r="N529093" s="10"/>
    </row>
    <row r="529094" spans="14:14">
      <c r="N529094" s="10"/>
    </row>
    <row r="529095" spans="14:14">
      <c r="N529095" s="10"/>
    </row>
    <row r="529096" spans="14:14">
      <c r="N529096" s="10"/>
    </row>
    <row r="529097" spans="14:14">
      <c r="N529097" s="10"/>
    </row>
    <row r="529098" spans="14:14">
      <c r="N529098" s="10"/>
    </row>
    <row r="529099" spans="14:14">
      <c r="N529099" s="10"/>
    </row>
    <row r="529100" spans="14:14">
      <c r="N529100" s="10"/>
    </row>
    <row r="529101" spans="14:14">
      <c r="N529101" s="10"/>
    </row>
    <row r="529102" spans="14:14">
      <c r="N529102" s="10"/>
    </row>
    <row r="529103" spans="14:14">
      <c r="N529103" s="10"/>
    </row>
    <row r="529104" spans="14:14">
      <c r="N529104" s="10"/>
    </row>
    <row r="529105" spans="14:14">
      <c r="N529105" s="10"/>
    </row>
    <row r="529106" spans="14:14">
      <c r="N529106" s="10"/>
    </row>
    <row r="529107" spans="14:14">
      <c r="N529107" s="10"/>
    </row>
    <row r="529108" spans="14:14">
      <c r="N529108" s="10"/>
    </row>
    <row r="529109" spans="14:14">
      <c r="N529109" s="10"/>
    </row>
    <row r="529110" spans="14:14">
      <c r="N529110" s="10"/>
    </row>
    <row r="529111" spans="14:14">
      <c r="N529111" s="10"/>
    </row>
    <row r="529112" spans="14:14">
      <c r="N529112" s="10"/>
    </row>
    <row r="529113" spans="14:14">
      <c r="N529113" s="10"/>
    </row>
    <row r="529114" spans="14:14">
      <c r="N529114" s="10"/>
    </row>
    <row r="529115" spans="14:14">
      <c r="N529115" s="10"/>
    </row>
    <row r="529116" spans="14:14">
      <c r="N529116" s="10"/>
    </row>
    <row r="529117" spans="14:14">
      <c r="N529117" s="10"/>
    </row>
    <row r="529118" spans="14:14">
      <c r="N529118" s="10"/>
    </row>
    <row r="529119" spans="14:14">
      <c r="N529119" s="10"/>
    </row>
    <row r="529120" spans="14:14">
      <c r="N529120" s="10"/>
    </row>
    <row r="529121" spans="14:14">
      <c r="N529121" s="10"/>
    </row>
    <row r="529122" spans="14:14">
      <c r="N529122" s="10"/>
    </row>
    <row r="529123" spans="14:14">
      <c r="N529123" s="10"/>
    </row>
    <row r="529124" spans="14:14">
      <c r="N529124" s="10"/>
    </row>
    <row r="529125" spans="14:14">
      <c r="N529125" s="10"/>
    </row>
    <row r="529126" spans="14:14">
      <c r="N529126" s="10"/>
    </row>
    <row r="529127" spans="14:14">
      <c r="N529127" s="10"/>
    </row>
    <row r="529128" spans="14:14">
      <c r="N529128" s="10"/>
    </row>
    <row r="529129" spans="14:14">
      <c r="N529129" s="10"/>
    </row>
    <row r="529130" spans="14:14">
      <c r="N529130" s="10"/>
    </row>
    <row r="529131" spans="14:14">
      <c r="N529131" s="10"/>
    </row>
    <row r="529132" spans="14:14">
      <c r="N529132" s="10"/>
    </row>
    <row r="529133" spans="14:14">
      <c r="N529133" s="10"/>
    </row>
    <row r="529134" spans="14:14">
      <c r="N529134" s="10"/>
    </row>
    <row r="529135" spans="14:14">
      <c r="N529135" s="10"/>
    </row>
    <row r="529136" spans="14:14">
      <c r="N529136" s="10"/>
    </row>
    <row r="529137" spans="14:14">
      <c r="N529137" s="10"/>
    </row>
    <row r="529138" spans="14:14">
      <c r="N529138" s="10"/>
    </row>
    <row r="529139" spans="14:14">
      <c r="N529139" s="10"/>
    </row>
    <row r="529140" spans="14:14">
      <c r="N529140" s="10"/>
    </row>
    <row r="529141" spans="14:14">
      <c r="N529141" s="10"/>
    </row>
    <row r="529142" spans="14:14">
      <c r="N529142" s="10"/>
    </row>
    <row r="529143" spans="14:14">
      <c r="N529143" s="10"/>
    </row>
    <row r="529144" spans="14:14">
      <c r="N529144" s="10"/>
    </row>
    <row r="529145" spans="14:14">
      <c r="N529145" s="10"/>
    </row>
    <row r="529146" spans="14:14">
      <c r="N529146" s="10"/>
    </row>
    <row r="529147" spans="14:14">
      <c r="N529147" s="10"/>
    </row>
    <row r="529148" spans="14:14">
      <c r="N529148" s="10"/>
    </row>
    <row r="529149" spans="14:14">
      <c r="N529149" s="10"/>
    </row>
    <row r="529150" spans="14:14">
      <c r="N529150" s="10"/>
    </row>
    <row r="529151" spans="14:14">
      <c r="N529151" s="10"/>
    </row>
    <row r="529152" spans="14:14">
      <c r="N529152" s="10"/>
    </row>
    <row r="529153" spans="14:14">
      <c r="N529153" s="10"/>
    </row>
    <row r="529154" spans="14:14">
      <c r="N529154" s="10"/>
    </row>
    <row r="529155" spans="14:14">
      <c r="N529155" s="10"/>
    </row>
    <row r="529156" spans="14:14">
      <c r="N529156" s="10"/>
    </row>
    <row r="529157" spans="14:14">
      <c r="N529157" s="10"/>
    </row>
    <row r="529158" spans="14:14">
      <c r="N529158" s="10"/>
    </row>
    <row r="529159" spans="14:14">
      <c r="N529159" s="10"/>
    </row>
    <row r="529160" spans="14:14">
      <c r="N529160" s="10"/>
    </row>
    <row r="529161" spans="14:14">
      <c r="N529161" s="10"/>
    </row>
    <row r="529162" spans="14:14">
      <c r="N529162" s="10"/>
    </row>
    <row r="529163" spans="14:14">
      <c r="N529163" s="10"/>
    </row>
    <row r="529164" spans="14:14">
      <c r="N529164" s="10"/>
    </row>
    <row r="529165" spans="14:14">
      <c r="N529165" s="10"/>
    </row>
    <row r="529166" spans="14:14">
      <c r="N529166" s="10"/>
    </row>
    <row r="529167" spans="14:14">
      <c r="N529167" s="10"/>
    </row>
    <row r="529168" spans="14:14">
      <c r="N529168" s="10"/>
    </row>
    <row r="529169" spans="14:14">
      <c r="N529169" s="10"/>
    </row>
    <row r="529170" spans="14:14">
      <c r="N529170" s="10"/>
    </row>
    <row r="529171" spans="14:14">
      <c r="N529171" s="10"/>
    </row>
    <row r="529172" spans="14:14">
      <c r="N529172" s="10"/>
    </row>
    <row r="529173" spans="14:14">
      <c r="N529173" s="10"/>
    </row>
    <row r="529174" spans="14:14">
      <c r="N529174" s="10"/>
    </row>
    <row r="529175" spans="14:14">
      <c r="N529175" s="10"/>
    </row>
    <row r="529176" spans="14:14">
      <c r="N529176" s="10"/>
    </row>
    <row r="529177" spans="14:14">
      <c r="N529177" s="10"/>
    </row>
    <row r="529178" spans="14:14">
      <c r="N529178" s="10"/>
    </row>
    <row r="529179" spans="14:14">
      <c r="N529179" s="10"/>
    </row>
    <row r="529180" spans="14:14">
      <c r="N529180" s="10"/>
    </row>
    <row r="529181" spans="14:14">
      <c r="N529181" s="10"/>
    </row>
    <row r="529182" spans="14:14">
      <c r="N529182" s="10"/>
    </row>
    <row r="529183" spans="14:14">
      <c r="N529183" s="10"/>
    </row>
    <row r="529184" spans="14:14">
      <c r="N529184" s="10"/>
    </row>
    <row r="529185" spans="14:14">
      <c r="N529185" s="10"/>
    </row>
    <row r="529186" spans="14:14">
      <c r="N529186" s="10"/>
    </row>
    <row r="529187" spans="14:14">
      <c r="N529187" s="10"/>
    </row>
    <row r="529188" spans="14:14">
      <c r="N529188" s="10"/>
    </row>
    <row r="529189" spans="14:14">
      <c r="N529189" s="10"/>
    </row>
    <row r="529190" spans="14:14">
      <c r="N529190" s="10"/>
    </row>
    <row r="529191" spans="14:14">
      <c r="N529191" s="10"/>
    </row>
    <row r="529192" spans="14:14">
      <c r="N529192" s="10"/>
    </row>
    <row r="529193" spans="14:14">
      <c r="N529193" s="10"/>
    </row>
    <row r="529194" spans="14:14">
      <c r="N529194" s="10"/>
    </row>
    <row r="529195" spans="14:14">
      <c r="N529195" s="10"/>
    </row>
    <row r="529196" spans="14:14">
      <c r="N529196" s="10"/>
    </row>
    <row r="529197" spans="14:14">
      <c r="N529197" s="10"/>
    </row>
    <row r="529198" spans="14:14">
      <c r="N529198" s="10"/>
    </row>
    <row r="529199" spans="14:14">
      <c r="N529199" s="10"/>
    </row>
    <row r="529200" spans="14:14">
      <c r="N529200" s="10"/>
    </row>
    <row r="529201" spans="14:14">
      <c r="N529201" s="10"/>
    </row>
    <row r="529202" spans="14:14">
      <c r="N529202" s="10"/>
    </row>
    <row r="529203" spans="14:14">
      <c r="N529203" s="10"/>
    </row>
    <row r="529204" spans="14:14">
      <c r="N529204" s="10"/>
    </row>
    <row r="529205" spans="14:14">
      <c r="N529205" s="10"/>
    </row>
    <row r="529206" spans="14:14">
      <c r="N529206" s="10"/>
    </row>
    <row r="529207" spans="14:14">
      <c r="N529207" s="10"/>
    </row>
    <row r="529208" spans="14:14">
      <c r="N529208" s="10"/>
    </row>
    <row r="529209" spans="14:14">
      <c r="N529209" s="10"/>
    </row>
    <row r="529210" spans="14:14">
      <c r="N529210" s="10"/>
    </row>
    <row r="529211" spans="14:14">
      <c r="N529211" s="10"/>
    </row>
    <row r="529212" spans="14:14">
      <c r="N529212" s="10"/>
    </row>
    <row r="529213" spans="14:14">
      <c r="N529213" s="10"/>
    </row>
    <row r="529214" spans="14:14">
      <c r="N529214" s="10"/>
    </row>
    <row r="529215" spans="14:14">
      <c r="N529215" s="10"/>
    </row>
    <row r="529216" spans="14:14">
      <c r="N529216" s="10"/>
    </row>
    <row r="529217" spans="14:14">
      <c r="N529217" s="10"/>
    </row>
    <row r="529218" spans="14:14">
      <c r="N529218" s="10"/>
    </row>
    <row r="529219" spans="14:14">
      <c r="N529219" s="10"/>
    </row>
    <row r="529220" spans="14:14">
      <c r="N529220" s="10"/>
    </row>
    <row r="529221" spans="14:14">
      <c r="N529221" s="10"/>
    </row>
    <row r="529222" spans="14:14">
      <c r="N529222" s="10"/>
    </row>
    <row r="529223" spans="14:14">
      <c r="N529223" s="10"/>
    </row>
    <row r="529224" spans="14:14">
      <c r="N529224" s="10"/>
    </row>
    <row r="529225" spans="14:14">
      <c r="N529225" s="10"/>
    </row>
    <row r="529226" spans="14:14">
      <c r="N529226" s="10"/>
    </row>
    <row r="529227" spans="14:14">
      <c r="N529227" s="10"/>
    </row>
    <row r="529228" spans="14:14">
      <c r="N529228" s="10"/>
    </row>
    <row r="529229" spans="14:14">
      <c r="N529229" s="10"/>
    </row>
    <row r="529230" spans="14:14">
      <c r="N529230" s="10"/>
    </row>
    <row r="529231" spans="14:14">
      <c r="N529231" s="10"/>
    </row>
    <row r="529232" spans="14:14">
      <c r="N529232" s="10"/>
    </row>
    <row r="529233" spans="14:14">
      <c r="N529233" s="10"/>
    </row>
    <row r="529234" spans="14:14">
      <c r="N529234" s="10"/>
    </row>
    <row r="529235" spans="14:14">
      <c r="N529235" s="10"/>
    </row>
    <row r="529236" spans="14:14">
      <c r="N529236" s="10"/>
    </row>
    <row r="529237" spans="14:14">
      <c r="N529237" s="10"/>
    </row>
    <row r="529238" spans="14:14">
      <c r="N529238" s="10"/>
    </row>
    <row r="529239" spans="14:14">
      <c r="N529239" s="10"/>
    </row>
    <row r="529240" spans="14:14">
      <c r="N529240" s="10"/>
    </row>
    <row r="529241" spans="14:14">
      <c r="N529241" s="10"/>
    </row>
    <row r="529242" spans="14:14">
      <c r="N529242" s="10"/>
    </row>
    <row r="529243" spans="14:14">
      <c r="N529243" s="10"/>
    </row>
    <row r="529244" spans="14:14">
      <c r="N529244" s="10"/>
    </row>
    <row r="529245" spans="14:14">
      <c r="N529245" s="10"/>
    </row>
    <row r="529246" spans="14:14">
      <c r="N529246" s="10"/>
    </row>
    <row r="529247" spans="14:14">
      <c r="N529247" s="10"/>
    </row>
    <row r="529248" spans="14:14">
      <c r="N529248" s="10"/>
    </row>
    <row r="529249" spans="14:14">
      <c r="N529249" s="10"/>
    </row>
    <row r="529250" spans="14:14">
      <c r="N529250" s="10"/>
    </row>
    <row r="529251" spans="14:14">
      <c r="N529251" s="10"/>
    </row>
    <row r="529252" spans="14:14">
      <c r="N529252" s="10"/>
    </row>
    <row r="529253" spans="14:14">
      <c r="N529253" s="10"/>
    </row>
    <row r="529254" spans="14:14">
      <c r="N529254" s="10"/>
    </row>
    <row r="529255" spans="14:14">
      <c r="N529255" s="10"/>
    </row>
    <row r="529256" spans="14:14">
      <c r="N529256" s="10"/>
    </row>
    <row r="529257" spans="14:14">
      <c r="N529257" s="10"/>
    </row>
    <row r="529258" spans="14:14">
      <c r="N529258" s="10"/>
    </row>
    <row r="529259" spans="14:14">
      <c r="N529259" s="10"/>
    </row>
    <row r="529260" spans="14:14">
      <c r="N529260" s="10"/>
    </row>
    <row r="529261" spans="14:14">
      <c r="N529261" s="10"/>
    </row>
    <row r="529262" spans="14:14">
      <c r="N529262" s="10"/>
    </row>
    <row r="529263" spans="14:14">
      <c r="N529263" s="10"/>
    </row>
    <row r="529264" spans="14:14">
      <c r="N529264" s="10"/>
    </row>
    <row r="529265" spans="14:14">
      <c r="N529265" s="10"/>
    </row>
    <row r="529266" spans="14:14">
      <c r="N529266" s="10"/>
    </row>
    <row r="529267" spans="14:14">
      <c r="N529267" s="10"/>
    </row>
    <row r="529268" spans="14:14">
      <c r="N529268" s="10"/>
    </row>
    <row r="529269" spans="14:14">
      <c r="N529269" s="10"/>
    </row>
    <row r="529270" spans="14:14">
      <c r="N529270" s="10"/>
    </row>
    <row r="529271" spans="14:14">
      <c r="N529271" s="10"/>
    </row>
    <row r="529272" spans="14:14">
      <c r="N529272" s="10"/>
    </row>
    <row r="529273" spans="14:14">
      <c r="N529273" s="10"/>
    </row>
    <row r="529274" spans="14:14">
      <c r="N529274" s="10"/>
    </row>
    <row r="529275" spans="14:14">
      <c r="N529275" s="10"/>
    </row>
    <row r="529276" spans="14:14">
      <c r="N529276" s="10"/>
    </row>
    <row r="529277" spans="14:14">
      <c r="N529277" s="10"/>
    </row>
    <row r="529278" spans="14:14">
      <c r="N529278" s="10"/>
    </row>
    <row r="529279" spans="14:14">
      <c r="N529279" s="10"/>
    </row>
    <row r="529280" spans="14:14">
      <c r="N529280" s="10"/>
    </row>
    <row r="529281" spans="14:14">
      <c r="N529281" s="10"/>
    </row>
    <row r="529282" spans="14:14">
      <c r="N529282" s="10"/>
    </row>
    <row r="529283" spans="14:14">
      <c r="N529283" s="10"/>
    </row>
    <row r="529284" spans="14:14">
      <c r="N529284" s="10"/>
    </row>
    <row r="529285" spans="14:14">
      <c r="N529285" s="10"/>
    </row>
    <row r="529286" spans="14:14">
      <c r="N529286" s="10"/>
    </row>
    <row r="529287" spans="14:14">
      <c r="N529287" s="10"/>
    </row>
    <row r="529288" spans="14:14">
      <c r="N529288" s="10"/>
    </row>
    <row r="529289" spans="14:14">
      <c r="N529289" s="10"/>
    </row>
    <row r="529290" spans="14:14">
      <c r="N529290" s="10"/>
    </row>
    <row r="529291" spans="14:14">
      <c r="N529291" s="10"/>
    </row>
    <row r="529292" spans="14:14">
      <c r="N529292" s="10"/>
    </row>
    <row r="529293" spans="14:14">
      <c r="N529293" s="10"/>
    </row>
    <row r="529294" spans="14:14">
      <c r="N529294" s="10"/>
    </row>
    <row r="529295" spans="14:14">
      <c r="N529295" s="10"/>
    </row>
    <row r="529296" spans="14:14">
      <c r="N529296" s="10"/>
    </row>
    <row r="529297" spans="14:14">
      <c r="N529297" s="10"/>
    </row>
    <row r="529298" spans="14:14">
      <c r="N529298" s="10"/>
    </row>
    <row r="529299" spans="14:14">
      <c r="N529299" s="10"/>
    </row>
    <row r="529300" spans="14:14">
      <c r="N529300" s="10"/>
    </row>
    <row r="529301" spans="14:14">
      <c r="N529301" s="10"/>
    </row>
    <row r="529302" spans="14:14">
      <c r="N529302" s="10"/>
    </row>
    <row r="529303" spans="14:14">
      <c r="N529303" s="10"/>
    </row>
    <row r="529304" spans="14:14">
      <c r="N529304" s="10"/>
    </row>
    <row r="529305" spans="14:14">
      <c r="N529305" s="10"/>
    </row>
    <row r="529306" spans="14:14">
      <c r="N529306" s="10"/>
    </row>
    <row r="529307" spans="14:14">
      <c r="N529307" s="10"/>
    </row>
    <row r="529308" spans="14:14">
      <c r="N529308" s="10"/>
    </row>
    <row r="529309" spans="14:14">
      <c r="N529309" s="10"/>
    </row>
    <row r="529310" spans="14:14">
      <c r="N529310" s="10"/>
    </row>
    <row r="529311" spans="14:14">
      <c r="N529311" s="10"/>
    </row>
    <row r="529312" spans="14:14">
      <c r="N529312" s="10"/>
    </row>
    <row r="529313" spans="14:14">
      <c r="N529313" s="10"/>
    </row>
    <row r="529314" spans="14:14">
      <c r="N529314" s="10"/>
    </row>
    <row r="529315" spans="14:14">
      <c r="N529315" s="10"/>
    </row>
    <row r="529316" spans="14:14">
      <c r="N529316" s="10"/>
    </row>
    <row r="529317" spans="14:14">
      <c r="N529317" s="10"/>
    </row>
    <row r="529318" spans="14:14">
      <c r="N529318" s="10"/>
    </row>
    <row r="529319" spans="14:14">
      <c r="N529319" s="10"/>
    </row>
    <row r="529320" spans="14:14">
      <c r="N529320" s="10"/>
    </row>
    <row r="529321" spans="14:14">
      <c r="N529321" s="10"/>
    </row>
    <row r="529322" spans="14:14">
      <c r="N529322" s="10"/>
    </row>
    <row r="529323" spans="14:14">
      <c r="N529323" s="10"/>
    </row>
    <row r="529324" spans="14:14">
      <c r="N529324" s="10"/>
    </row>
    <row r="529325" spans="14:14">
      <c r="N529325" s="10"/>
    </row>
    <row r="529326" spans="14:14">
      <c r="N529326" s="10"/>
    </row>
    <row r="529327" spans="14:14">
      <c r="N529327" s="10"/>
    </row>
    <row r="529328" spans="14:14">
      <c r="N529328" s="10"/>
    </row>
    <row r="529329" spans="14:14">
      <c r="N529329" s="10"/>
    </row>
    <row r="529330" spans="14:14">
      <c r="N529330" s="10"/>
    </row>
    <row r="529331" spans="14:14">
      <c r="N529331" s="10"/>
    </row>
    <row r="529332" spans="14:14">
      <c r="N529332" s="10"/>
    </row>
    <row r="529333" spans="14:14">
      <c r="N529333" s="10"/>
    </row>
    <row r="529334" spans="14:14">
      <c r="N529334" s="10"/>
    </row>
    <row r="529335" spans="14:14">
      <c r="N529335" s="10"/>
    </row>
    <row r="529336" spans="14:14">
      <c r="N529336" s="10"/>
    </row>
    <row r="529337" spans="14:14">
      <c r="N529337" s="10"/>
    </row>
    <row r="529338" spans="14:14">
      <c r="N529338" s="10"/>
    </row>
    <row r="529339" spans="14:14">
      <c r="N529339" s="10"/>
    </row>
    <row r="529340" spans="14:14">
      <c r="N529340" s="10"/>
    </row>
    <row r="529341" spans="14:14">
      <c r="N529341" s="10"/>
    </row>
    <row r="529342" spans="14:14">
      <c r="N529342" s="10"/>
    </row>
    <row r="529343" spans="14:14">
      <c r="N529343" s="10"/>
    </row>
    <row r="529344" spans="14:14">
      <c r="N529344" s="10"/>
    </row>
    <row r="529345" spans="14:14">
      <c r="N529345" s="10"/>
    </row>
    <row r="529346" spans="14:14">
      <c r="N529346" s="10"/>
    </row>
    <row r="529347" spans="14:14">
      <c r="N529347" s="10"/>
    </row>
    <row r="529348" spans="14:14">
      <c r="N529348" s="10"/>
    </row>
    <row r="529349" spans="14:14">
      <c r="N529349" s="10"/>
    </row>
    <row r="529350" spans="14:14">
      <c r="N529350" s="10"/>
    </row>
    <row r="529351" spans="14:14">
      <c r="N529351" s="10"/>
    </row>
    <row r="529352" spans="14:14">
      <c r="N529352" s="10"/>
    </row>
    <row r="529353" spans="14:14">
      <c r="N529353" s="10"/>
    </row>
    <row r="529354" spans="14:14">
      <c r="N529354" s="10"/>
    </row>
    <row r="529355" spans="14:14">
      <c r="N529355" s="10"/>
    </row>
    <row r="529356" spans="14:14">
      <c r="N529356" s="10"/>
    </row>
    <row r="529357" spans="14:14">
      <c r="N529357" s="10"/>
    </row>
    <row r="529358" spans="14:14">
      <c r="N529358" s="10"/>
    </row>
    <row r="529359" spans="14:14">
      <c r="N529359" s="10"/>
    </row>
    <row r="529360" spans="14:14">
      <c r="N529360" s="10"/>
    </row>
    <row r="529361" spans="14:14">
      <c r="N529361" s="10"/>
    </row>
    <row r="529362" spans="14:14">
      <c r="N529362" s="10"/>
    </row>
    <row r="529363" spans="14:14">
      <c r="N529363" s="10"/>
    </row>
    <row r="529364" spans="14:14">
      <c r="N529364" s="10"/>
    </row>
    <row r="529365" spans="14:14">
      <c r="N529365" s="10"/>
    </row>
    <row r="529366" spans="14:14">
      <c r="N529366" s="10"/>
    </row>
    <row r="529367" spans="14:14">
      <c r="N529367" s="10"/>
    </row>
    <row r="529368" spans="14:14">
      <c r="N529368" s="10"/>
    </row>
    <row r="529369" spans="14:14">
      <c r="N529369" s="10"/>
    </row>
    <row r="529370" spans="14:14">
      <c r="N529370" s="10"/>
    </row>
    <row r="529371" spans="14:14">
      <c r="N529371" s="10"/>
    </row>
    <row r="529372" spans="14:14">
      <c r="N529372" s="10"/>
    </row>
    <row r="529373" spans="14:14">
      <c r="N529373" s="10"/>
    </row>
    <row r="529374" spans="14:14">
      <c r="N529374" s="10"/>
    </row>
    <row r="529375" spans="14:14">
      <c r="N529375" s="10"/>
    </row>
    <row r="529376" spans="14:14">
      <c r="N529376" s="10"/>
    </row>
    <row r="529377" spans="14:14">
      <c r="N529377" s="10"/>
    </row>
    <row r="529378" spans="14:14">
      <c r="N529378" s="10"/>
    </row>
    <row r="529379" spans="14:14">
      <c r="N529379" s="10"/>
    </row>
    <row r="529380" spans="14:14">
      <c r="N529380" s="10"/>
    </row>
    <row r="529381" spans="14:14">
      <c r="N529381" s="10"/>
    </row>
    <row r="529382" spans="14:14">
      <c r="N529382" s="10"/>
    </row>
    <row r="529383" spans="14:14">
      <c r="N529383" s="10"/>
    </row>
    <row r="529384" spans="14:14">
      <c r="N529384" s="10"/>
    </row>
    <row r="529385" spans="14:14">
      <c r="N529385" s="10"/>
    </row>
    <row r="529386" spans="14:14">
      <c r="N529386" s="10"/>
    </row>
    <row r="529387" spans="14:14">
      <c r="N529387" s="10"/>
    </row>
    <row r="529388" spans="14:14">
      <c r="N529388" s="10"/>
    </row>
    <row r="529389" spans="14:14">
      <c r="N529389" s="10"/>
    </row>
    <row r="529390" spans="14:14">
      <c r="N529390" s="10"/>
    </row>
    <row r="529391" spans="14:14">
      <c r="N529391" s="10"/>
    </row>
    <row r="529392" spans="14:14">
      <c r="N529392" s="10"/>
    </row>
    <row r="529393" spans="14:14">
      <c r="N529393" s="10"/>
    </row>
    <row r="529394" spans="14:14">
      <c r="N529394" s="10"/>
    </row>
    <row r="529395" spans="14:14">
      <c r="N529395" s="10"/>
    </row>
    <row r="529396" spans="14:14">
      <c r="N529396" s="10"/>
    </row>
    <row r="529397" spans="14:14">
      <c r="N529397" s="10"/>
    </row>
    <row r="529398" spans="14:14">
      <c r="N529398" s="10"/>
    </row>
    <row r="529399" spans="14:14">
      <c r="N529399" s="10"/>
    </row>
    <row r="529400" spans="14:14">
      <c r="N529400" s="10"/>
    </row>
    <row r="529401" spans="14:14">
      <c r="N529401" s="10"/>
    </row>
    <row r="529402" spans="14:14">
      <c r="N529402" s="10"/>
    </row>
    <row r="529403" spans="14:14">
      <c r="N529403" s="10"/>
    </row>
    <row r="529404" spans="14:14">
      <c r="N529404" s="10"/>
    </row>
    <row r="529405" spans="14:14">
      <c r="N529405" s="10"/>
    </row>
    <row r="529406" spans="14:14">
      <c r="N529406" s="10"/>
    </row>
    <row r="529407" spans="14:14">
      <c r="N529407" s="10"/>
    </row>
    <row r="529408" spans="14:14">
      <c r="N529408" s="10"/>
    </row>
    <row r="529409" spans="14:14">
      <c r="N529409" s="10"/>
    </row>
    <row r="529410" spans="14:14">
      <c r="N529410" s="10"/>
    </row>
    <row r="529411" spans="14:14">
      <c r="N529411" s="10"/>
    </row>
    <row r="529412" spans="14:14">
      <c r="N529412" s="10"/>
    </row>
    <row r="529413" spans="14:14">
      <c r="N529413" s="10"/>
    </row>
    <row r="529414" spans="14:14">
      <c r="N529414" s="10"/>
    </row>
    <row r="529415" spans="14:14">
      <c r="N529415" s="10"/>
    </row>
    <row r="529416" spans="14:14">
      <c r="N529416" s="10"/>
    </row>
    <row r="529417" spans="14:14">
      <c r="N529417" s="10"/>
    </row>
    <row r="529418" spans="14:14">
      <c r="N529418" s="10"/>
    </row>
    <row r="529419" spans="14:14">
      <c r="N529419" s="10"/>
    </row>
    <row r="529420" spans="14:14">
      <c r="N529420" s="10"/>
    </row>
    <row r="529421" spans="14:14">
      <c r="N529421" s="10"/>
    </row>
    <row r="529422" spans="14:14">
      <c r="N529422" s="10"/>
    </row>
    <row r="529423" spans="14:14">
      <c r="N529423" s="10"/>
    </row>
    <row r="529424" spans="14:14">
      <c r="N529424" s="10"/>
    </row>
    <row r="529425" spans="14:14">
      <c r="N529425" s="10"/>
    </row>
    <row r="529426" spans="14:14">
      <c r="N529426" s="10"/>
    </row>
    <row r="529427" spans="14:14">
      <c r="N529427" s="10"/>
    </row>
    <row r="529428" spans="14:14">
      <c r="N529428" s="10"/>
    </row>
    <row r="529429" spans="14:14">
      <c r="N529429" s="10"/>
    </row>
    <row r="529430" spans="14:14">
      <c r="N529430" s="10"/>
    </row>
    <row r="529431" spans="14:14">
      <c r="N529431" s="10"/>
    </row>
    <row r="529432" spans="14:14">
      <c r="N529432" s="10"/>
    </row>
    <row r="529433" spans="14:14">
      <c r="N529433" s="10"/>
    </row>
    <row r="529434" spans="14:14">
      <c r="N529434" s="10"/>
    </row>
    <row r="529435" spans="14:14">
      <c r="N529435" s="10"/>
    </row>
    <row r="529436" spans="14:14">
      <c r="N529436" s="10"/>
    </row>
    <row r="529437" spans="14:14">
      <c r="N529437" s="10"/>
    </row>
    <row r="529438" spans="14:14">
      <c r="N529438" s="10"/>
    </row>
    <row r="529439" spans="14:14">
      <c r="N529439" s="10"/>
    </row>
    <row r="529440" spans="14:14">
      <c r="N529440" s="10"/>
    </row>
    <row r="529441" spans="14:14">
      <c r="N529441" s="10"/>
    </row>
    <row r="529442" spans="14:14">
      <c r="N529442" s="10"/>
    </row>
    <row r="529443" spans="14:14">
      <c r="N529443" s="10"/>
    </row>
    <row r="529444" spans="14:14">
      <c r="N529444" s="10"/>
    </row>
    <row r="529445" spans="14:14">
      <c r="N529445" s="10"/>
    </row>
    <row r="529446" spans="14:14">
      <c r="N529446" s="10"/>
    </row>
    <row r="529447" spans="14:14">
      <c r="N529447" s="10"/>
    </row>
    <row r="529448" spans="14:14">
      <c r="N529448" s="10"/>
    </row>
    <row r="529449" spans="14:14">
      <c r="N529449" s="10"/>
    </row>
    <row r="529450" spans="14:14">
      <c r="N529450" s="10"/>
    </row>
    <row r="529451" spans="14:14">
      <c r="N529451" s="10"/>
    </row>
    <row r="529452" spans="14:14">
      <c r="N529452" s="10"/>
    </row>
    <row r="529453" spans="14:14">
      <c r="N529453" s="10"/>
    </row>
    <row r="529454" spans="14:14">
      <c r="N529454" s="10"/>
    </row>
    <row r="529455" spans="14:14">
      <c r="N529455" s="10"/>
    </row>
    <row r="529456" spans="14:14">
      <c r="N529456" s="10"/>
    </row>
    <row r="529457" spans="14:14">
      <c r="N529457" s="10"/>
    </row>
    <row r="529458" spans="14:14">
      <c r="N529458" s="10"/>
    </row>
    <row r="529459" spans="14:14">
      <c r="N529459" s="10"/>
    </row>
    <row r="529460" spans="14:14">
      <c r="N529460" s="10"/>
    </row>
    <row r="529461" spans="14:14">
      <c r="N529461" s="10"/>
    </row>
    <row r="529462" spans="14:14">
      <c r="N529462" s="10"/>
    </row>
    <row r="529463" spans="14:14">
      <c r="N529463" s="10"/>
    </row>
    <row r="529464" spans="14:14">
      <c r="N529464" s="10"/>
    </row>
    <row r="529465" spans="14:14">
      <c r="N529465" s="10"/>
    </row>
    <row r="529466" spans="14:14">
      <c r="N529466" s="10"/>
    </row>
    <row r="529467" spans="14:14">
      <c r="N529467" s="10"/>
    </row>
    <row r="529468" spans="14:14">
      <c r="N529468" s="10"/>
    </row>
    <row r="529469" spans="14:14">
      <c r="N529469" s="10"/>
    </row>
    <row r="529470" spans="14:14">
      <c r="N529470" s="10"/>
    </row>
    <row r="529471" spans="14:14">
      <c r="N529471" s="10"/>
    </row>
    <row r="529472" spans="14:14">
      <c r="N529472" s="10"/>
    </row>
    <row r="529473" spans="14:14">
      <c r="N529473" s="10"/>
    </row>
    <row r="529474" spans="14:14">
      <c r="N529474" s="10"/>
    </row>
    <row r="529475" spans="14:14">
      <c r="N529475" s="10"/>
    </row>
    <row r="529476" spans="14:14">
      <c r="N529476" s="10"/>
    </row>
    <row r="529477" spans="14:14">
      <c r="N529477" s="10"/>
    </row>
    <row r="529478" spans="14:14">
      <c r="N529478" s="10"/>
    </row>
    <row r="529479" spans="14:14">
      <c r="N529479" s="10"/>
    </row>
    <row r="529480" spans="14:14">
      <c r="N529480" s="10"/>
    </row>
    <row r="529481" spans="14:14">
      <c r="N529481" s="10"/>
    </row>
    <row r="529482" spans="14:14">
      <c r="N529482" s="10"/>
    </row>
    <row r="529483" spans="14:14">
      <c r="N529483" s="10"/>
    </row>
    <row r="529484" spans="14:14">
      <c r="N529484" s="10"/>
    </row>
    <row r="529485" spans="14:14">
      <c r="N529485" s="10"/>
    </row>
    <row r="529486" spans="14:14">
      <c r="N529486" s="10"/>
    </row>
    <row r="529487" spans="14:14">
      <c r="N529487" s="10"/>
    </row>
    <row r="529488" spans="14:14">
      <c r="N529488" s="10"/>
    </row>
    <row r="529489" spans="14:14">
      <c r="N529489" s="10"/>
    </row>
    <row r="529490" spans="14:14">
      <c r="N529490" s="10"/>
    </row>
    <row r="529491" spans="14:14">
      <c r="N529491" s="10"/>
    </row>
    <row r="529492" spans="14:14">
      <c r="N529492" s="10"/>
    </row>
    <row r="529493" spans="14:14">
      <c r="N529493" s="10"/>
    </row>
    <row r="529494" spans="14:14">
      <c r="N529494" s="10"/>
    </row>
    <row r="529495" spans="14:14">
      <c r="N529495" s="10"/>
    </row>
    <row r="529496" spans="14:14">
      <c r="N529496" s="10"/>
    </row>
    <row r="529497" spans="14:14">
      <c r="N529497" s="10"/>
    </row>
    <row r="529498" spans="14:14">
      <c r="N529498" s="10"/>
    </row>
    <row r="529499" spans="14:14">
      <c r="N529499" s="10"/>
    </row>
    <row r="529500" spans="14:14">
      <c r="N529500" s="10"/>
    </row>
    <row r="529501" spans="14:14">
      <c r="N529501" s="10"/>
    </row>
    <row r="529502" spans="14:14">
      <c r="N529502" s="10"/>
    </row>
    <row r="529503" spans="14:14">
      <c r="N529503" s="10"/>
    </row>
    <row r="529504" spans="14:14">
      <c r="N529504" s="10"/>
    </row>
    <row r="529505" spans="14:14">
      <c r="N529505" s="10"/>
    </row>
    <row r="529506" spans="14:14">
      <c r="N529506" s="10"/>
    </row>
    <row r="529507" spans="14:14">
      <c r="N529507" s="10"/>
    </row>
    <row r="529508" spans="14:14">
      <c r="N529508" s="10"/>
    </row>
    <row r="529509" spans="14:14">
      <c r="N529509" s="10"/>
    </row>
    <row r="529510" spans="14:14">
      <c r="N529510" s="10"/>
    </row>
    <row r="529511" spans="14:14">
      <c r="N529511" s="10"/>
    </row>
    <row r="529512" spans="14:14">
      <c r="N529512" s="10"/>
    </row>
    <row r="529513" spans="14:14">
      <c r="N529513" s="10"/>
    </row>
    <row r="529514" spans="14:14">
      <c r="N529514" s="10"/>
    </row>
    <row r="529515" spans="14:14">
      <c r="N529515" s="10"/>
    </row>
    <row r="529516" spans="14:14">
      <c r="N529516" s="10"/>
    </row>
    <row r="529517" spans="14:14">
      <c r="N529517" s="10"/>
    </row>
    <row r="529518" spans="14:14">
      <c r="N529518" s="10"/>
    </row>
    <row r="529519" spans="14:14">
      <c r="N529519" s="10"/>
    </row>
    <row r="529520" spans="14:14">
      <c r="N529520" s="10"/>
    </row>
    <row r="529521" spans="14:14">
      <c r="N529521" s="10"/>
    </row>
    <row r="529522" spans="14:14">
      <c r="N529522" s="10"/>
    </row>
    <row r="529523" spans="14:14">
      <c r="N529523" s="10"/>
    </row>
    <row r="529524" spans="14:14">
      <c r="N529524" s="10"/>
    </row>
    <row r="529525" spans="14:14">
      <c r="N529525" s="10"/>
    </row>
    <row r="529526" spans="14:14">
      <c r="N529526" s="10"/>
    </row>
    <row r="529527" spans="14:14">
      <c r="N529527" s="10"/>
    </row>
    <row r="529528" spans="14:14">
      <c r="N529528" s="10"/>
    </row>
    <row r="529529" spans="14:14">
      <c r="N529529" s="10"/>
    </row>
    <row r="529530" spans="14:14">
      <c r="N529530" s="10"/>
    </row>
    <row r="529531" spans="14:14">
      <c r="N529531" s="10"/>
    </row>
    <row r="529532" spans="14:14">
      <c r="N529532" s="10"/>
    </row>
    <row r="529533" spans="14:14">
      <c r="N529533" s="10"/>
    </row>
    <row r="529534" spans="14:14">
      <c r="N529534" s="10"/>
    </row>
    <row r="529535" spans="14:14">
      <c r="N529535" s="10"/>
    </row>
    <row r="529536" spans="14:14">
      <c r="N529536" s="10"/>
    </row>
    <row r="529537" spans="14:14">
      <c r="N529537" s="10"/>
    </row>
    <row r="529538" spans="14:14">
      <c r="N529538" s="10"/>
    </row>
    <row r="529539" spans="14:14">
      <c r="N529539" s="10"/>
    </row>
    <row r="529540" spans="14:14">
      <c r="N529540" s="10"/>
    </row>
    <row r="529541" spans="14:14">
      <c r="N529541" s="10"/>
    </row>
    <row r="529542" spans="14:14">
      <c r="N529542" s="10"/>
    </row>
    <row r="529543" spans="14:14">
      <c r="N529543" s="10"/>
    </row>
    <row r="529544" spans="14:14">
      <c r="N529544" s="10"/>
    </row>
    <row r="529545" spans="14:14">
      <c r="N529545" s="10"/>
    </row>
    <row r="529546" spans="14:14">
      <c r="N529546" s="10"/>
    </row>
    <row r="529547" spans="14:14">
      <c r="N529547" s="10"/>
    </row>
    <row r="529548" spans="14:14">
      <c r="N529548" s="10"/>
    </row>
    <row r="529549" spans="14:14">
      <c r="N529549" s="10"/>
    </row>
    <row r="529550" spans="14:14">
      <c r="N529550" s="10"/>
    </row>
    <row r="529551" spans="14:14">
      <c r="N529551" s="10"/>
    </row>
    <row r="529552" spans="14:14">
      <c r="N529552" s="10"/>
    </row>
    <row r="529553" spans="14:14">
      <c r="N529553" s="10"/>
    </row>
    <row r="529554" spans="14:14">
      <c r="N529554" s="10"/>
    </row>
    <row r="529555" spans="14:14">
      <c r="N529555" s="10"/>
    </row>
    <row r="529556" spans="14:14">
      <c r="N529556" s="10"/>
    </row>
    <row r="529557" spans="14:14">
      <c r="N529557" s="10"/>
    </row>
    <row r="529558" spans="14:14">
      <c r="N529558" s="10"/>
    </row>
    <row r="529559" spans="14:14">
      <c r="N529559" s="10"/>
    </row>
    <row r="529560" spans="14:14">
      <c r="N529560" s="10"/>
    </row>
    <row r="529561" spans="14:14">
      <c r="N529561" s="10"/>
    </row>
    <row r="529562" spans="14:14">
      <c r="N529562" s="10"/>
    </row>
    <row r="529563" spans="14:14">
      <c r="N529563" s="10"/>
    </row>
    <row r="529564" spans="14:14">
      <c r="N529564" s="10"/>
    </row>
    <row r="529565" spans="14:14">
      <c r="N529565" s="10"/>
    </row>
    <row r="529566" spans="14:14">
      <c r="N529566" s="10"/>
    </row>
    <row r="529567" spans="14:14">
      <c r="N529567" s="10"/>
    </row>
    <row r="529568" spans="14:14">
      <c r="N529568" s="10"/>
    </row>
    <row r="529569" spans="14:14">
      <c r="N529569" s="10"/>
    </row>
    <row r="529570" spans="14:14">
      <c r="N529570" s="10"/>
    </row>
    <row r="529571" spans="14:14">
      <c r="N529571" s="10"/>
    </row>
    <row r="529572" spans="14:14">
      <c r="N529572" s="10"/>
    </row>
    <row r="529573" spans="14:14">
      <c r="N529573" s="10"/>
    </row>
    <row r="529574" spans="14:14">
      <c r="N529574" s="10"/>
    </row>
    <row r="529575" spans="14:14">
      <c r="N529575" s="10"/>
    </row>
    <row r="529576" spans="14:14">
      <c r="N529576" s="10"/>
    </row>
    <row r="529577" spans="14:14">
      <c r="N529577" s="10"/>
    </row>
    <row r="529578" spans="14:14">
      <c r="N529578" s="10"/>
    </row>
    <row r="529579" spans="14:14">
      <c r="N529579" s="10"/>
    </row>
    <row r="529580" spans="14:14">
      <c r="N529580" s="10"/>
    </row>
    <row r="529581" spans="14:14">
      <c r="N529581" s="10"/>
    </row>
    <row r="529582" spans="14:14">
      <c r="N529582" s="10"/>
    </row>
    <row r="529583" spans="14:14">
      <c r="N529583" s="10"/>
    </row>
    <row r="529584" spans="14:14">
      <c r="N529584" s="10"/>
    </row>
    <row r="529585" spans="14:14">
      <c r="N529585" s="10"/>
    </row>
    <row r="529586" spans="14:14">
      <c r="N529586" s="10"/>
    </row>
    <row r="529587" spans="14:14">
      <c r="N529587" s="10"/>
    </row>
    <row r="529588" spans="14:14">
      <c r="N529588" s="10"/>
    </row>
    <row r="529589" spans="14:14">
      <c r="N529589" s="10"/>
    </row>
    <row r="529590" spans="14:14">
      <c r="N529590" s="10"/>
    </row>
    <row r="529591" spans="14:14">
      <c r="N529591" s="10"/>
    </row>
    <row r="529592" spans="14:14">
      <c r="N529592" s="10"/>
    </row>
    <row r="529593" spans="14:14">
      <c r="N529593" s="10"/>
    </row>
    <row r="529594" spans="14:14">
      <c r="N529594" s="10"/>
    </row>
    <row r="529595" spans="14:14">
      <c r="N529595" s="10"/>
    </row>
    <row r="529596" spans="14:14">
      <c r="N529596" s="10"/>
    </row>
    <row r="529597" spans="14:14">
      <c r="N529597" s="10"/>
    </row>
    <row r="529598" spans="14:14">
      <c r="N529598" s="10"/>
    </row>
    <row r="529599" spans="14:14">
      <c r="N529599" s="10"/>
    </row>
    <row r="529600" spans="14:14">
      <c r="N529600" s="10"/>
    </row>
    <row r="529601" spans="14:14">
      <c r="N529601" s="10"/>
    </row>
    <row r="529602" spans="14:14">
      <c r="N529602" s="10"/>
    </row>
    <row r="529603" spans="14:14">
      <c r="N529603" s="10"/>
    </row>
    <row r="529604" spans="14:14">
      <c r="N529604" s="10"/>
    </row>
    <row r="529605" spans="14:14">
      <c r="N529605" s="10"/>
    </row>
    <row r="529606" spans="14:14">
      <c r="N529606" s="10"/>
    </row>
    <row r="529607" spans="14:14">
      <c r="N529607" s="10"/>
    </row>
    <row r="529608" spans="14:14">
      <c r="N529608" s="10"/>
    </row>
    <row r="529609" spans="14:14">
      <c r="N529609" s="10"/>
    </row>
    <row r="529610" spans="14:14">
      <c r="N529610" s="10"/>
    </row>
    <row r="529611" spans="14:14">
      <c r="N529611" s="10"/>
    </row>
    <row r="529612" spans="14:14">
      <c r="N529612" s="10"/>
    </row>
    <row r="529613" spans="14:14">
      <c r="N529613" s="10"/>
    </row>
    <row r="529614" spans="14:14">
      <c r="N529614" s="10"/>
    </row>
    <row r="529615" spans="14:14">
      <c r="N529615" s="10"/>
    </row>
    <row r="529616" spans="14:14">
      <c r="N529616" s="10"/>
    </row>
    <row r="529617" spans="14:14">
      <c r="N529617" s="10"/>
    </row>
    <row r="529618" spans="14:14">
      <c r="N529618" s="10"/>
    </row>
    <row r="529619" spans="14:14">
      <c r="N529619" s="10"/>
    </row>
    <row r="529620" spans="14:14">
      <c r="N529620" s="10"/>
    </row>
    <row r="529621" spans="14:14">
      <c r="N529621" s="10"/>
    </row>
    <row r="529622" spans="14:14">
      <c r="N529622" s="10"/>
    </row>
    <row r="529623" spans="14:14">
      <c r="N529623" s="10"/>
    </row>
    <row r="529624" spans="14:14">
      <c r="N529624" s="10"/>
    </row>
    <row r="529625" spans="14:14">
      <c r="N529625" s="10"/>
    </row>
    <row r="529626" spans="14:14">
      <c r="N529626" s="10"/>
    </row>
    <row r="529627" spans="14:14">
      <c r="N529627" s="10"/>
    </row>
    <row r="529628" spans="14:14">
      <c r="N529628" s="10"/>
    </row>
    <row r="529629" spans="14:14">
      <c r="N529629" s="10"/>
    </row>
    <row r="529630" spans="14:14">
      <c r="N529630" s="10"/>
    </row>
    <row r="529631" spans="14:14">
      <c r="N529631" s="10"/>
    </row>
    <row r="529632" spans="14:14">
      <c r="N529632" s="10"/>
    </row>
    <row r="529633" spans="14:14">
      <c r="N529633" s="10"/>
    </row>
    <row r="529634" spans="14:14">
      <c r="N529634" s="10"/>
    </row>
    <row r="529635" spans="14:14">
      <c r="N529635" s="10"/>
    </row>
    <row r="529636" spans="14:14">
      <c r="N529636" s="10"/>
    </row>
    <row r="529637" spans="14:14">
      <c r="N529637" s="10"/>
    </row>
    <row r="529638" spans="14:14">
      <c r="N529638" s="10"/>
    </row>
    <row r="529639" spans="14:14">
      <c r="N529639" s="10"/>
    </row>
    <row r="529640" spans="14:14">
      <c r="N529640" s="10"/>
    </row>
    <row r="529641" spans="14:14">
      <c r="N529641" s="10"/>
    </row>
    <row r="529642" spans="14:14">
      <c r="N529642" s="10"/>
    </row>
    <row r="529643" spans="14:14">
      <c r="N529643" s="10"/>
    </row>
    <row r="529644" spans="14:14">
      <c r="N529644" s="10"/>
    </row>
    <row r="529645" spans="14:14">
      <c r="N529645" s="10"/>
    </row>
    <row r="529646" spans="14:14">
      <c r="N529646" s="10"/>
    </row>
    <row r="529647" spans="14:14">
      <c r="N529647" s="10"/>
    </row>
    <row r="529648" spans="14:14">
      <c r="N529648" s="10"/>
    </row>
    <row r="529649" spans="14:14">
      <c r="N529649" s="10"/>
    </row>
    <row r="529650" spans="14:14">
      <c r="N529650" s="10"/>
    </row>
    <row r="529651" spans="14:14">
      <c r="N529651" s="10"/>
    </row>
    <row r="529652" spans="14:14">
      <c r="N529652" s="10"/>
    </row>
    <row r="529653" spans="14:14">
      <c r="N529653" s="10"/>
    </row>
    <row r="529654" spans="14:14">
      <c r="N529654" s="10"/>
    </row>
    <row r="529655" spans="14:14">
      <c r="N529655" s="10"/>
    </row>
    <row r="529656" spans="14:14">
      <c r="N529656" s="10"/>
    </row>
    <row r="529657" spans="14:14">
      <c r="N529657" s="10"/>
    </row>
    <row r="529658" spans="14:14">
      <c r="N529658" s="10"/>
    </row>
    <row r="529659" spans="14:14">
      <c r="N529659" s="10"/>
    </row>
    <row r="529660" spans="14:14">
      <c r="N529660" s="10"/>
    </row>
    <row r="529661" spans="14:14">
      <c r="N529661" s="10"/>
    </row>
    <row r="529662" spans="14:14">
      <c r="N529662" s="10"/>
    </row>
    <row r="529663" spans="14:14">
      <c r="N529663" s="10"/>
    </row>
    <row r="529664" spans="14:14">
      <c r="N529664" s="10"/>
    </row>
    <row r="529665" spans="14:14">
      <c r="N529665" s="10"/>
    </row>
    <row r="529666" spans="14:14">
      <c r="N529666" s="10"/>
    </row>
    <row r="529667" spans="14:14">
      <c r="N529667" s="10"/>
    </row>
    <row r="529668" spans="14:14">
      <c r="N529668" s="10"/>
    </row>
    <row r="529669" spans="14:14">
      <c r="N529669" s="10"/>
    </row>
    <row r="529670" spans="14:14">
      <c r="N529670" s="10"/>
    </row>
    <row r="529671" spans="14:14">
      <c r="N529671" s="10"/>
    </row>
    <row r="529672" spans="14:14">
      <c r="N529672" s="10"/>
    </row>
    <row r="529673" spans="14:14">
      <c r="N529673" s="10"/>
    </row>
    <row r="529674" spans="14:14">
      <c r="N529674" s="10"/>
    </row>
    <row r="529675" spans="14:14">
      <c r="N529675" s="10"/>
    </row>
    <row r="529676" spans="14:14">
      <c r="N529676" s="10"/>
    </row>
    <row r="529677" spans="14:14">
      <c r="N529677" s="10"/>
    </row>
    <row r="529678" spans="14:14">
      <c r="N529678" s="10"/>
    </row>
    <row r="529679" spans="14:14">
      <c r="N529679" s="10"/>
    </row>
    <row r="529680" spans="14:14">
      <c r="N529680" s="10"/>
    </row>
    <row r="529681" spans="14:14">
      <c r="N529681" s="10"/>
    </row>
    <row r="529682" spans="14:14">
      <c r="N529682" s="10"/>
    </row>
    <row r="529683" spans="14:14">
      <c r="N529683" s="10"/>
    </row>
    <row r="529684" spans="14:14">
      <c r="N529684" s="10"/>
    </row>
    <row r="529685" spans="14:14">
      <c r="N529685" s="10"/>
    </row>
    <row r="529686" spans="14:14">
      <c r="N529686" s="10"/>
    </row>
    <row r="529687" spans="14:14">
      <c r="N529687" s="10"/>
    </row>
    <row r="529688" spans="14:14">
      <c r="N529688" s="10"/>
    </row>
    <row r="529689" spans="14:14">
      <c r="N529689" s="10"/>
    </row>
    <row r="529690" spans="14:14">
      <c r="N529690" s="10"/>
    </row>
    <row r="529691" spans="14:14">
      <c r="N529691" s="10"/>
    </row>
    <row r="529692" spans="14:14">
      <c r="N529692" s="10"/>
    </row>
    <row r="529693" spans="14:14">
      <c r="N529693" s="10"/>
    </row>
    <row r="529694" spans="14:14">
      <c r="N529694" s="10"/>
    </row>
    <row r="529695" spans="14:14">
      <c r="N529695" s="10"/>
    </row>
    <row r="529696" spans="14:14">
      <c r="N529696" s="10"/>
    </row>
    <row r="529697" spans="14:14">
      <c r="N529697" s="10"/>
    </row>
    <row r="529698" spans="14:14">
      <c r="N529698" s="10"/>
    </row>
    <row r="529699" spans="14:14">
      <c r="N529699" s="10"/>
    </row>
    <row r="529700" spans="14:14">
      <c r="N529700" s="10"/>
    </row>
    <row r="529701" spans="14:14">
      <c r="N529701" s="10"/>
    </row>
    <row r="529702" spans="14:14">
      <c r="N529702" s="10"/>
    </row>
    <row r="529703" spans="14:14">
      <c r="N529703" s="10"/>
    </row>
    <row r="529704" spans="14:14">
      <c r="N529704" s="10"/>
    </row>
    <row r="529705" spans="14:14">
      <c r="N529705" s="10"/>
    </row>
    <row r="529706" spans="14:14">
      <c r="N529706" s="10"/>
    </row>
    <row r="529707" spans="14:14">
      <c r="N529707" s="10"/>
    </row>
    <row r="529708" spans="14:14">
      <c r="N529708" s="10"/>
    </row>
    <row r="529709" spans="14:14">
      <c r="N529709" s="10"/>
    </row>
    <row r="529710" spans="14:14">
      <c r="N529710" s="10"/>
    </row>
    <row r="529711" spans="14:14">
      <c r="N529711" s="10"/>
    </row>
    <row r="529712" spans="14:14">
      <c r="N529712" s="10"/>
    </row>
    <row r="529713" spans="14:14">
      <c r="N529713" s="10"/>
    </row>
    <row r="529714" spans="14:14">
      <c r="N529714" s="10"/>
    </row>
    <row r="529715" spans="14:14">
      <c r="N529715" s="10"/>
    </row>
    <row r="529716" spans="14:14">
      <c r="N529716" s="10"/>
    </row>
    <row r="529717" spans="14:14">
      <c r="N529717" s="10"/>
    </row>
    <row r="529718" spans="14:14">
      <c r="N529718" s="10"/>
    </row>
    <row r="529719" spans="14:14">
      <c r="N529719" s="10"/>
    </row>
    <row r="529720" spans="14:14">
      <c r="N529720" s="10"/>
    </row>
    <row r="529721" spans="14:14">
      <c r="N529721" s="10"/>
    </row>
    <row r="529722" spans="14:14">
      <c r="N529722" s="10"/>
    </row>
    <row r="529723" spans="14:14">
      <c r="N529723" s="10"/>
    </row>
    <row r="529724" spans="14:14">
      <c r="N529724" s="10"/>
    </row>
    <row r="529725" spans="14:14">
      <c r="N529725" s="10"/>
    </row>
    <row r="529726" spans="14:14">
      <c r="N529726" s="10"/>
    </row>
    <row r="529727" spans="14:14">
      <c r="N529727" s="10"/>
    </row>
    <row r="529728" spans="14:14">
      <c r="N529728" s="10"/>
    </row>
    <row r="529729" spans="14:14">
      <c r="N529729" s="10"/>
    </row>
    <row r="529730" spans="14:14">
      <c r="N529730" s="10"/>
    </row>
    <row r="529731" spans="14:14">
      <c r="N529731" s="10"/>
    </row>
    <row r="529732" spans="14:14">
      <c r="N529732" s="10"/>
    </row>
    <row r="529733" spans="14:14">
      <c r="N529733" s="10"/>
    </row>
    <row r="529734" spans="14:14">
      <c r="N529734" s="10"/>
    </row>
    <row r="529735" spans="14:14">
      <c r="N529735" s="10"/>
    </row>
    <row r="529736" spans="14:14">
      <c r="N529736" s="10"/>
    </row>
    <row r="529737" spans="14:14">
      <c r="N529737" s="10"/>
    </row>
    <row r="529738" spans="14:14">
      <c r="N529738" s="10"/>
    </row>
    <row r="529739" spans="14:14">
      <c r="N529739" s="10"/>
    </row>
    <row r="529740" spans="14:14">
      <c r="N529740" s="10"/>
    </row>
    <row r="529741" spans="14:14">
      <c r="N529741" s="10"/>
    </row>
    <row r="529742" spans="14:14">
      <c r="N529742" s="10"/>
    </row>
    <row r="529743" spans="14:14">
      <c r="N529743" s="10"/>
    </row>
    <row r="529744" spans="14:14">
      <c r="N529744" s="10"/>
    </row>
    <row r="529745" spans="14:14">
      <c r="N529745" s="10"/>
    </row>
    <row r="529746" spans="14:14">
      <c r="N529746" s="10"/>
    </row>
    <row r="529747" spans="14:14">
      <c r="N529747" s="10"/>
    </row>
    <row r="529748" spans="14:14">
      <c r="N529748" s="10"/>
    </row>
    <row r="529749" spans="14:14">
      <c r="N529749" s="10"/>
    </row>
    <row r="529750" spans="14:14">
      <c r="N529750" s="10"/>
    </row>
    <row r="529751" spans="14:14">
      <c r="N529751" s="10"/>
    </row>
    <row r="529752" spans="14:14">
      <c r="N529752" s="10"/>
    </row>
    <row r="529753" spans="14:14">
      <c r="N529753" s="10"/>
    </row>
    <row r="529754" spans="14:14">
      <c r="N529754" s="10"/>
    </row>
    <row r="529755" spans="14:14">
      <c r="N529755" s="10"/>
    </row>
    <row r="529756" spans="14:14">
      <c r="N529756" s="10"/>
    </row>
    <row r="529757" spans="14:14">
      <c r="N529757" s="10"/>
    </row>
    <row r="529758" spans="14:14">
      <c r="N529758" s="10"/>
    </row>
    <row r="529759" spans="14:14">
      <c r="N529759" s="10"/>
    </row>
    <row r="529760" spans="14:14">
      <c r="N529760" s="10"/>
    </row>
    <row r="529761" spans="14:14">
      <c r="N529761" s="10"/>
    </row>
    <row r="529762" spans="14:14">
      <c r="N529762" s="10"/>
    </row>
    <row r="529763" spans="14:14">
      <c r="N529763" s="10"/>
    </row>
    <row r="529764" spans="14:14">
      <c r="N529764" s="10"/>
    </row>
    <row r="529765" spans="14:14">
      <c r="N529765" s="10"/>
    </row>
    <row r="529766" spans="14:14">
      <c r="N529766" s="10"/>
    </row>
    <row r="529767" spans="14:14">
      <c r="N529767" s="10"/>
    </row>
    <row r="529768" spans="14:14">
      <c r="N529768" s="10"/>
    </row>
    <row r="529769" spans="14:14">
      <c r="N529769" s="10"/>
    </row>
    <row r="529770" spans="14:14">
      <c r="N529770" s="10"/>
    </row>
    <row r="529771" spans="14:14">
      <c r="N529771" s="10"/>
    </row>
    <row r="529772" spans="14:14">
      <c r="N529772" s="10"/>
    </row>
    <row r="529773" spans="14:14">
      <c r="N529773" s="10"/>
    </row>
    <row r="529774" spans="14:14">
      <c r="N529774" s="10"/>
    </row>
    <row r="529775" spans="14:14">
      <c r="N529775" s="10"/>
    </row>
    <row r="529776" spans="14:14">
      <c r="N529776" s="10"/>
    </row>
    <row r="529777" spans="14:14">
      <c r="N529777" s="10"/>
    </row>
    <row r="529778" spans="14:14">
      <c r="N529778" s="10"/>
    </row>
    <row r="529779" spans="14:14">
      <c r="N529779" s="10"/>
    </row>
    <row r="529780" spans="14:14">
      <c r="N529780" s="10"/>
    </row>
    <row r="529781" spans="14:14">
      <c r="N529781" s="10"/>
    </row>
    <row r="529782" spans="14:14">
      <c r="N529782" s="10"/>
    </row>
    <row r="529783" spans="14:14">
      <c r="N529783" s="10"/>
    </row>
    <row r="529784" spans="14:14">
      <c r="N529784" s="10"/>
    </row>
    <row r="529785" spans="14:14">
      <c r="N529785" s="10"/>
    </row>
    <row r="529786" spans="14:14">
      <c r="N529786" s="10"/>
    </row>
    <row r="529787" spans="14:14">
      <c r="N529787" s="10"/>
    </row>
    <row r="529788" spans="14:14">
      <c r="N529788" s="10"/>
    </row>
    <row r="529789" spans="14:14">
      <c r="N529789" s="10"/>
    </row>
    <row r="529790" spans="14:14">
      <c r="N529790" s="10"/>
    </row>
    <row r="529791" spans="14:14">
      <c r="N529791" s="10"/>
    </row>
    <row r="529792" spans="14:14">
      <c r="N529792" s="10"/>
    </row>
    <row r="529793" spans="14:14">
      <c r="N529793" s="10"/>
    </row>
    <row r="529794" spans="14:14">
      <c r="N529794" s="10"/>
    </row>
    <row r="529795" spans="14:14">
      <c r="N529795" s="10"/>
    </row>
    <row r="529796" spans="14:14">
      <c r="N529796" s="10"/>
    </row>
    <row r="529797" spans="14:14">
      <c r="N529797" s="10"/>
    </row>
    <row r="529798" spans="14:14">
      <c r="N529798" s="10"/>
    </row>
    <row r="529799" spans="14:14">
      <c r="N529799" s="10"/>
    </row>
    <row r="529800" spans="14:14">
      <c r="N529800" s="10"/>
    </row>
    <row r="529801" spans="14:14">
      <c r="N529801" s="10"/>
    </row>
    <row r="529802" spans="14:14">
      <c r="N529802" s="10"/>
    </row>
    <row r="529803" spans="14:14">
      <c r="N529803" s="10"/>
    </row>
    <row r="529804" spans="14:14">
      <c r="N529804" s="10"/>
    </row>
    <row r="529805" spans="14:14">
      <c r="N529805" s="10"/>
    </row>
    <row r="529806" spans="14:14">
      <c r="N529806" s="10"/>
    </row>
    <row r="529807" spans="14:14">
      <c r="N529807" s="10"/>
    </row>
    <row r="529808" spans="14:14">
      <c r="N529808" s="10"/>
    </row>
    <row r="529809" spans="14:14">
      <c r="N529809" s="10"/>
    </row>
    <row r="529810" spans="14:14">
      <c r="N529810" s="10"/>
    </row>
    <row r="529811" spans="14:14">
      <c r="N529811" s="10"/>
    </row>
    <row r="529812" spans="14:14">
      <c r="N529812" s="10"/>
    </row>
    <row r="529813" spans="14:14">
      <c r="N529813" s="10"/>
    </row>
    <row r="529814" spans="14:14">
      <c r="N529814" s="10"/>
    </row>
    <row r="529815" spans="14:14">
      <c r="N529815" s="10"/>
    </row>
    <row r="529816" spans="14:14">
      <c r="N529816" s="10"/>
    </row>
    <row r="529817" spans="14:14">
      <c r="N529817" s="10"/>
    </row>
    <row r="529818" spans="14:14">
      <c r="N529818" s="10"/>
    </row>
    <row r="529819" spans="14:14">
      <c r="N529819" s="10"/>
    </row>
    <row r="529820" spans="14:14">
      <c r="N529820" s="10"/>
    </row>
    <row r="529821" spans="14:14">
      <c r="N529821" s="10"/>
    </row>
    <row r="529822" spans="14:14">
      <c r="N529822" s="10"/>
    </row>
    <row r="529823" spans="14:14">
      <c r="N529823" s="10"/>
    </row>
    <row r="529824" spans="14:14">
      <c r="N529824" s="10"/>
    </row>
    <row r="529825" spans="14:14">
      <c r="N529825" s="10"/>
    </row>
    <row r="529826" spans="14:14">
      <c r="N529826" s="10"/>
    </row>
    <row r="529827" spans="14:14">
      <c r="N529827" s="10"/>
    </row>
    <row r="529828" spans="14:14">
      <c r="N529828" s="10"/>
    </row>
    <row r="529829" spans="14:14">
      <c r="N529829" s="10"/>
    </row>
    <row r="529830" spans="14:14">
      <c r="N529830" s="10"/>
    </row>
    <row r="529831" spans="14:14">
      <c r="N529831" s="10"/>
    </row>
    <row r="529832" spans="14:14">
      <c r="N529832" s="10"/>
    </row>
    <row r="529833" spans="14:14">
      <c r="N529833" s="10"/>
    </row>
    <row r="529834" spans="14:14">
      <c r="N529834" s="10"/>
    </row>
    <row r="529835" spans="14:14">
      <c r="N529835" s="10"/>
    </row>
    <row r="529836" spans="14:14">
      <c r="N529836" s="10"/>
    </row>
    <row r="529837" spans="14:14">
      <c r="N529837" s="10"/>
    </row>
    <row r="529838" spans="14:14">
      <c r="N529838" s="10"/>
    </row>
    <row r="529839" spans="14:14">
      <c r="N529839" s="10"/>
    </row>
    <row r="529840" spans="14:14">
      <c r="N529840" s="10"/>
    </row>
    <row r="529841" spans="14:14">
      <c r="N529841" s="10"/>
    </row>
    <row r="529842" spans="14:14">
      <c r="N529842" s="10"/>
    </row>
    <row r="529843" spans="14:14">
      <c r="N529843" s="10"/>
    </row>
    <row r="529844" spans="14:14">
      <c r="N529844" s="10"/>
    </row>
    <row r="529845" spans="14:14">
      <c r="N529845" s="10"/>
    </row>
    <row r="529846" spans="14:14">
      <c r="N529846" s="10"/>
    </row>
    <row r="529847" spans="14:14">
      <c r="N529847" s="10"/>
    </row>
    <row r="529848" spans="14:14">
      <c r="N529848" s="10"/>
    </row>
    <row r="529849" spans="14:14">
      <c r="N529849" s="10"/>
    </row>
    <row r="529850" spans="14:14">
      <c r="N529850" s="10"/>
    </row>
    <row r="529851" spans="14:14">
      <c r="N529851" s="10"/>
    </row>
    <row r="529852" spans="14:14">
      <c r="N529852" s="10"/>
    </row>
    <row r="529853" spans="14:14">
      <c r="N529853" s="10"/>
    </row>
    <row r="529854" spans="14:14">
      <c r="N529854" s="10"/>
    </row>
    <row r="529855" spans="14:14">
      <c r="N529855" s="10"/>
    </row>
    <row r="529856" spans="14:14">
      <c r="N529856" s="10"/>
    </row>
    <row r="529857" spans="14:14">
      <c r="N529857" s="10"/>
    </row>
    <row r="529858" spans="14:14">
      <c r="N529858" s="10"/>
    </row>
    <row r="529859" spans="14:14">
      <c r="N529859" s="10"/>
    </row>
    <row r="529860" spans="14:14">
      <c r="N529860" s="10"/>
    </row>
    <row r="529861" spans="14:14">
      <c r="N529861" s="10"/>
    </row>
    <row r="529862" spans="14:14">
      <c r="N529862" s="10"/>
    </row>
    <row r="529863" spans="14:14">
      <c r="N529863" s="10"/>
    </row>
    <row r="529864" spans="14:14">
      <c r="N529864" s="10"/>
    </row>
    <row r="529865" spans="14:14">
      <c r="N529865" s="10"/>
    </row>
    <row r="529866" spans="14:14">
      <c r="N529866" s="10"/>
    </row>
    <row r="529867" spans="14:14">
      <c r="N529867" s="10"/>
    </row>
    <row r="529868" spans="14:14">
      <c r="N529868" s="10"/>
    </row>
    <row r="529869" spans="14:14">
      <c r="N529869" s="10"/>
    </row>
    <row r="529870" spans="14:14">
      <c r="N529870" s="10"/>
    </row>
    <row r="529871" spans="14:14">
      <c r="N529871" s="10"/>
    </row>
    <row r="529872" spans="14:14">
      <c r="N529872" s="10"/>
    </row>
    <row r="529873" spans="14:14">
      <c r="N529873" s="10"/>
    </row>
    <row r="529874" spans="14:14">
      <c r="N529874" s="10"/>
    </row>
    <row r="529875" spans="14:14">
      <c r="N529875" s="10"/>
    </row>
    <row r="529876" spans="14:14">
      <c r="N529876" s="10"/>
    </row>
    <row r="529877" spans="14:14">
      <c r="N529877" s="10"/>
    </row>
    <row r="529878" spans="14:14">
      <c r="N529878" s="10"/>
    </row>
    <row r="529879" spans="14:14">
      <c r="N529879" s="10"/>
    </row>
    <row r="529880" spans="14:14">
      <c r="N529880" s="10"/>
    </row>
    <row r="529881" spans="14:14">
      <c r="N529881" s="10"/>
    </row>
    <row r="529882" spans="14:14">
      <c r="N529882" s="10"/>
    </row>
    <row r="529883" spans="14:14">
      <c r="N529883" s="10"/>
    </row>
    <row r="529884" spans="14:14">
      <c r="N529884" s="10"/>
    </row>
    <row r="529885" spans="14:14">
      <c r="N529885" s="10"/>
    </row>
    <row r="529886" spans="14:14">
      <c r="N529886" s="10"/>
    </row>
    <row r="529887" spans="14:14">
      <c r="N529887" s="10"/>
    </row>
    <row r="529888" spans="14:14">
      <c r="N529888" s="10"/>
    </row>
    <row r="529889" spans="14:14">
      <c r="N529889" s="10"/>
    </row>
    <row r="529890" spans="14:14">
      <c r="N529890" s="10"/>
    </row>
    <row r="529891" spans="14:14">
      <c r="N529891" s="10"/>
    </row>
    <row r="529892" spans="14:14">
      <c r="N529892" s="10"/>
    </row>
    <row r="529893" spans="14:14">
      <c r="N529893" s="10"/>
    </row>
    <row r="529894" spans="14:14">
      <c r="N529894" s="10"/>
    </row>
    <row r="529895" spans="14:14">
      <c r="N529895" s="10"/>
    </row>
    <row r="529896" spans="14:14">
      <c r="N529896" s="10"/>
    </row>
    <row r="529897" spans="14:14">
      <c r="N529897" s="10"/>
    </row>
    <row r="529898" spans="14:14">
      <c r="N529898" s="10"/>
    </row>
    <row r="529899" spans="14:14">
      <c r="N529899" s="10"/>
    </row>
    <row r="529900" spans="14:14">
      <c r="N529900" s="10"/>
    </row>
    <row r="529901" spans="14:14">
      <c r="N529901" s="10"/>
    </row>
    <row r="529902" spans="14:14">
      <c r="N529902" s="10"/>
    </row>
    <row r="529903" spans="14:14">
      <c r="N529903" s="10"/>
    </row>
    <row r="529904" spans="14:14">
      <c r="N529904" s="10"/>
    </row>
    <row r="529905" spans="14:14">
      <c r="N529905" s="10"/>
    </row>
    <row r="529906" spans="14:14">
      <c r="N529906" s="10"/>
    </row>
    <row r="529907" spans="14:14">
      <c r="N529907" s="10"/>
    </row>
    <row r="529908" spans="14:14">
      <c r="N529908" s="10"/>
    </row>
    <row r="529909" spans="14:14">
      <c r="N529909" s="10"/>
    </row>
    <row r="529910" spans="14:14">
      <c r="N529910" s="10"/>
    </row>
    <row r="529911" spans="14:14">
      <c r="N529911" s="10"/>
    </row>
    <row r="529912" spans="14:14">
      <c r="N529912" s="10"/>
    </row>
    <row r="529913" spans="14:14">
      <c r="N529913" s="10"/>
    </row>
    <row r="529914" spans="14:14">
      <c r="N529914" s="10"/>
    </row>
    <row r="529915" spans="14:14">
      <c r="N529915" s="10"/>
    </row>
    <row r="529916" spans="14:14">
      <c r="N529916" s="10"/>
    </row>
    <row r="529917" spans="14:14">
      <c r="N529917" s="10"/>
    </row>
    <row r="529918" spans="14:14">
      <c r="N529918" s="10"/>
    </row>
    <row r="529919" spans="14:14">
      <c r="N529919" s="10"/>
    </row>
    <row r="529920" spans="14:14">
      <c r="N529920" s="10"/>
    </row>
    <row r="529921" spans="14:14">
      <c r="N529921" s="10"/>
    </row>
    <row r="529922" spans="14:14">
      <c r="N529922" s="10"/>
    </row>
    <row r="529923" spans="14:14">
      <c r="N529923" s="10"/>
    </row>
    <row r="529924" spans="14:14">
      <c r="N529924" s="10"/>
    </row>
    <row r="529925" spans="14:14">
      <c r="N529925" s="10"/>
    </row>
    <row r="529926" spans="14:14">
      <c r="N529926" s="10"/>
    </row>
    <row r="529927" spans="14:14">
      <c r="N529927" s="10"/>
    </row>
    <row r="529928" spans="14:14">
      <c r="N529928" s="10"/>
    </row>
    <row r="529929" spans="14:14">
      <c r="N529929" s="10"/>
    </row>
    <row r="529930" spans="14:14">
      <c r="N529930" s="10"/>
    </row>
    <row r="529931" spans="14:14">
      <c r="N529931" s="10"/>
    </row>
    <row r="529932" spans="14:14">
      <c r="N529932" s="10"/>
    </row>
    <row r="529933" spans="14:14">
      <c r="N529933" s="10"/>
    </row>
    <row r="529934" spans="14:14">
      <c r="N529934" s="10"/>
    </row>
    <row r="529935" spans="14:14">
      <c r="N529935" s="10"/>
    </row>
    <row r="529936" spans="14:14">
      <c r="N529936" s="10"/>
    </row>
    <row r="529937" spans="14:14">
      <c r="N529937" s="10"/>
    </row>
    <row r="529938" spans="14:14">
      <c r="N529938" s="10"/>
    </row>
    <row r="529939" spans="14:14">
      <c r="N529939" s="10"/>
    </row>
    <row r="529940" spans="14:14">
      <c r="N529940" s="10"/>
    </row>
    <row r="529941" spans="14:14">
      <c r="N529941" s="10"/>
    </row>
    <row r="529942" spans="14:14">
      <c r="N529942" s="10"/>
    </row>
    <row r="529943" spans="14:14">
      <c r="N529943" s="10"/>
    </row>
    <row r="529944" spans="14:14">
      <c r="N529944" s="10"/>
    </row>
    <row r="529945" spans="14:14">
      <c r="N529945" s="10"/>
    </row>
    <row r="529946" spans="14:14">
      <c r="N529946" s="10"/>
    </row>
    <row r="529947" spans="14:14">
      <c r="N529947" s="10"/>
    </row>
    <row r="529948" spans="14:14">
      <c r="N529948" s="10"/>
    </row>
    <row r="529949" spans="14:14">
      <c r="N529949" s="10"/>
    </row>
    <row r="529950" spans="14:14">
      <c r="N529950" s="10"/>
    </row>
    <row r="529951" spans="14:14">
      <c r="N529951" s="10"/>
    </row>
    <row r="529952" spans="14:14">
      <c r="N529952" s="10"/>
    </row>
    <row r="529953" spans="14:14">
      <c r="N529953" s="10"/>
    </row>
    <row r="529954" spans="14:14">
      <c r="N529954" s="10"/>
    </row>
    <row r="529955" spans="14:14">
      <c r="N529955" s="10"/>
    </row>
    <row r="529956" spans="14:14">
      <c r="N529956" s="10"/>
    </row>
    <row r="529957" spans="14:14">
      <c r="N529957" s="10"/>
    </row>
    <row r="529958" spans="14:14">
      <c r="N529958" s="10"/>
    </row>
    <row r="529959" spans="14:14">
      <c r="N529959" s="10"/>
    </row>
    <row r="529960" spans="14:14">
      <c r="N529960" s="10"/>
    </row>
    <row r="529961" spans="14:14">
      <c r="N529961" s="10"/>
    </row>
    <row r="529962" spans="14:14">
      <c r="N529962" s="10"/>
    </row>
    <row r="529963" spans="14:14">
      <c r="N529963" s="10"/>
    </row>
    <row r="529964" spans="14:14">
      <c r="N529964" s="10"/>
    </row>
    <row r="529965" spans="14:14">
      <c r="N529965" s="10"/>
    </row>
    <row r="529966" spans="14:14">
      <c r="N529966" s="10"/>
    </row>
    <row r="529967" spans="14:14">
      <c r="N529967" s="10"/>
    </row>
    <row r="529968" spans="14:14">
      <c r="N529968" s="10"/>
    </row>
    <row r="529969" spans="14:14">
      <c r="N529969" s="10"/>
    </row>
    <row r="529970" spans="14:14">
      <c r="N529970" s="10"/>
    </row>
    <row r="529971" spans="14:14">
      <c r="N529971" s="10"/>
    </row>
    <row r="529972" spans="14:14">
      <c r="N529972" s="10"/>
    </row>
    <row r="529973" spans="14:14">
      <c r="N529973" s="10"/>
    </row>
    <row r="529974" spans="14:14">
      <c r="N529974" s="10"/>
    </row>
    <row r="529975" spans="14:14">
      <c r="N529975" s="10"/>
    </row>
    <row r="529976" spans="14:14">
      <c r="N529976" s="10"/>
    </row>
    <row r="529977" spans="14:14">
      <c r="N529977" s="10"/>
    </row>
    <row r="529978" spans="14:14">
      <c r="N529978" s="10"/>
    </row>
    <row r="529979" spans="14:14">
      <c r="N529979" s="10"/>
    </row>
    <row r="529980" spans="14:14">
      <c r="N529980" s="10"/>
    </row>
    <row r="529981" spans="14:14">
      <c r="N529981" s="10"/>
    </row>
    <row r="529982" spans="14:14">
      <c r="N529982" s="10"/>
    </row>
    <row r="529983" spans="14:14">
      <c r="N529983" s="10"/>
    </row>
    <row r="529984" spans="14:14">
      <c r="N529984" s="10"/>
    </row>
    <row r="529985" spans="14:14">
      <c r="N529985" s="10"/>
    </row>
    <row r="529986" spans="14:14">
      <c r="N529986" s="10"/>
    </row>
    <row r="529987" spans="14:14">
      <c r="N529987" s="10"/>
    </row>
    <row r="529988" spans="14:14">
      <c r="N529988" s="10"/>
    </row>
    <row r="529989" spans="14:14">
      <c r="N529989" s="10"/>
    </row>
    <row r="529990" spans="14:14">
      <c r="N529990" s="10"/>
    </row>
    <row r="529991" spans="14:14">
      <c r="N529991" s="10"/>
    </row>
    <row r="529992" spans="14:14">
      <c r="N529992" s="10"/>
    </row>
    <row r="529993" spans="14:14">
      <c r="N529993" s="10"/>
    </row>
    <row r="529994" spans="14:14">
      <c r="N529994" s="10"/>
    </row>
    <row r="529995" spans="14:14">
      <c r="N529995" s="10"/>
    </row>
    <row r="529996" spans="14:14">
      <c r="N529996" s="10"/>
    </row>
    <row r="529997" spans="14:14">
      <c r="N529997" s="10"/>
    </row>
    <row r="529998" spans="14:14">
      <c r="N529998" s="10"/>
    </row>
    <row r="529999" spans="14:14">
      <c r="N529999" s="10"/>
    </row>
    <row r="530000" spans="14:14">
      <c r="N530000" s="10"/>
    </row>
    <row r="530001" spans="14:14">
      <c r="N530001" s="10"/>
    </row>
    <row r="530002" spans="14:14">
      <c r="N530002" s="10"/>
    </row>
    <row r="530003" spans="14:14">
      <c r="N530003" s="10"/>
    </row>
    <row r="530004" spans="14:14">
      <c r="N530004" s="10"/>
    </row>
    <row r="530005" spans="14:14">
      <c r="N530005" s="10"/>
    </row>
    <row r="530006" spans="14:14">
      <c r="N530006" s="10"/>
    </row>
    <row r="530007" spans="14:14">
      <c r="N530007" s="10"/>
    </row>
    <row r="530008" spans="14:14">
      <c r="N530008" s="10"/>
    </row>
    <row r="530009" spans="14:14">
      <c r="N530009" s="10"/>
    </row>
    <row r="530010" spans="14:14">
      <c r="N530010" s="10"/>
    </row>
    <row r="530011" spans="14:14">
      <c r="N530011" s="10"/>
    </row>
    <row r="530012" spans="14:14">
      <c r="N530012" s="10"/>
    </row>
    <row r="530013" spans="14:14">
      <c r="N530013" s="10"/>
    </row>
    <row r="530014" spans="14:14">
      <c r="N530014" s="10"/>
    </row>
    <row r="530015" spans="14:14">
      <c r="N530015" s="10"/>
    </row>
    <row r="530016" spans="14:14">
      <c r="N530016" s="10"/>
    </row>
    <row r="530017" spans="14:14">
      <c r="N530017" s="10"/>
    </row>
    <row r="530018" spans="14:14">
      <c r="N530018" s="10"/>
    </row>
    <row r="530019" spans="14:14">
      <c r="N530019" s="10"/>
    </row>
    <row r="530020" spans="14:14">
      <c r="N530020" s="10"/>
    </row>
    <row r="530021" spans="14:14">
      <c r="N530021" s="10"/>
    </row>
    <row r="530022" spans="14:14">
      <c r="N530022" s="10"/>
    </row>
    <row r="530023" spans="14:14">
      <c r="N530023" s="10"/>
    </row>
    <row r="530024" spans="14:14">
      <c r="N530024" s="10"/>
    </row>
    <row r="530025" spans="14:14">
      <c r="N530025" s="10"/>
    </row>
    <row r="530026" spans="14:14">
      <c r="N530026" s="10"/>
    </row>
    <row r="530027" spans="14:14">
      <c r="N530027" s="10"/>
    </row>
    <row r="530028" spans="14:14">
      <c r="N530028" s="10"/>
    </row>
    <row r="530029" spans="14:14">
      <c r="N530029" s="10"/>
    </row>
    <row r="530030" spans="14:14">
      <c r="N530030" s="10"/>
    </row>
    <row r="530031" spans="14:14">
      <c r="N530031" s="10"/>
    </row>
    <row r="530032" spans="14:14">
      <c r="N530032" s="10"/>
    </row>
    <row r="530033" spans="14:14">
      <c r="N530033" s="10"/>
    </row>
    <row r="530034" spans="14:14">
      <c r="N530034" s="10"/>
    </row>
    <row r="530035" spans="14:14">
      <c r="N530035" s="10"/>
    </row>
    <row r="530036" spans="14:14">
      <c r="N530036" s="10"/>
    </row>
    <row r="530037" spans="14:14">
      <c r="N530037" s="10"/>
    </row>
    <row r="530038" spans="14:14">
      <c r="N530038" s="10"/>
    </row>
    <row r="530039" spans="14:14">
      <c r="N530039" s="10"/>
    </row>
    <row r="530040" spans="14:14">
      <c r="N530040" s="10"/>
    </row>
    <row r="530041" spans="14:14">
      <c r="N530041" s="10"/>
    </row>
    <row r="530042" spans="14:14">
      <c r="N530042" s="10"/>
    </row>
    <row r="530043" spans="14:14">
      <c r="N530043" s="10"/>
    </row>
    <row r="530044" spans="14:14">
      <c r="N530044" s="10"/>
    </row>
    <row r="530045" spans="14:14">
      <c r="N530045" s="10"/>
    </row>
    <row r="530046" spans="14:14">
      <c r="N530046" s="10"/>
    </row>
    <row r="530047" spans="14:14">
      <c r="N530047" s="10"/>
    </row>
    <row r="530048" spans="14:14">
      <c r="N530048" s="10"/>
    </row>
    <row r="530049" spans="14:14">
      <c r="N530049" s="10"/>
    </row>
    <row r="530050" spans="14:14">
      <c r="N530050" s="10"/>
    </row>
    <row r="530051" spans="14:14">
      <c r="N530051" s="10"/>
    </row>
    <row r="530052" spans="14:14">
      <c r="N530052" s="10"/>
    </row>
    <row r="530053" spans="14:14">
      <c r="N530053" s="10"/>
    </row>
    <row r="530054" spans="14:14">
      <c r="N530054" s="10"/>
    </row>
    <row r="530055" spans="14:14">
      <c r="N530055" s="10"/>
    </row>
    <row r="530056" spans="14:14">
      <c r="N530056" s="10"/>
    </row>
    <row r="530057" spans="14:14">
      <c r="N530057" s="10"/>
    </row>
    <row r="530058" spans="14:14">
      <c r="N530058" s="10"/>
    </row>
    <row r="530059" spans="14:14">
      <c r="N530059" s="10"/>
    </row>
    <row r="530060" spans="14:14">
      <c r="N530060" s="10"/>
    </row>
    <row r="530061" spans="14:14">
      <c r="N530061" s="10"/>
    </row>
    <row r="530062" spans="14:14">
      <c r="N530062" s="10"/>
    </row>
    <row r="530063" spans="14:14">
      <c r="N530063" s="10"/>
    </row>
    <row r="530064" spans="14:14">
      <c r="N530064" s="10"/>
    </row>
    <row r="530065" spans="14:14">
      <c r="N530065" s="10"/>
    </row>
    <row r="530066" spans="14:14">
      <c r="N530066" s="10"/>
    </row>
    <row r="530067" spans="14:14">
      <c r="N530067" s="10"/>
    </row>
    <row r="530068" spans="14:14">
      <c r="N530068" s="10"/>
    </row>
    <row r="530069" spans="14:14">
      <c r="N530069" s="10"/>
    </row>
    <row r="530070" spans="14:14">
      <c r="N530070" s="10"/>
    </row>
    <row r="530071" spans="14:14">
      <c r="N530071" s="10"/>
    </row>
    <row r="530072" spans="14:14">
      <c r="N530072" s="10"/>
    </row>
    <row r="530073" spans="14:14">
      <c r="N530073" s="10"/>
    </row>
    <row r="530074" spans="14:14">
      <c r="N530074" s="10"/>
    </row>
    <row r="530075" spans="14:14">
      <c r="N530075" s="10"/>
    </row>
    <row r="530076" spans="14:14">
      <c r="N530076" s="10"/>
    </row>
    <row r="530077" spans="14:14">
      <c r="N530077" s="10"/>
    </row>
    <row r="530078" spans="14:14">
      <c r="N530078" s="10"/>
    </row>
    <row r="530079" spans="14:14">
      <c r="N530079" s="10"/>
    </row>
    <row r="530080" spans="14:14">
      <c r="N530080" s="10"/>
    </row>
    <row r="530081" spans="14:14">
      <c r="N530081" s="10"/>
    </row>
    <row r="530082" spans="14:14">
      <c r="N530082" s="10"/>
    </row>
    <row r="530083" spans="14:14">
      <c r="N530083" s="10"/>
    </row>
    <row r="530084" spans="14:14">
      <c r="N530084" s="10"/>
    </row>
    <row r="530085" spans="14:14">
      <c r="N530085" s="10"/>
    </row>
    <row r="530086" spans="14:14">
      <c r="N530086" s="10"/>
    </row>
    <row r="530087" spans="14:14">
      <c r="N530087" s="10"/>
    </row>
    <row r="530088" spans="14:14">
      <c r="N530088" s="10"/>
    </row>
    <row r="530089" spans="14:14">
      <c r="N530089" s="10"/>
    </row>
    <row r="530090" spans="14:14">
      <c r="N530090" s="10"/>
    </row>
    <row r="530091" spans="14:14">
      <c r="N530091" s="10"/>
    </row>
    <row r="530092" spans="14:14">
      <c r="N530092" s="10"/>
    </row>
    <row r="530093" spans="14:14">
      <c r="N530093" s="10"/>
    </row>
    <row r="530094" spans="14:14">
      <c r="N530094" s="10"/>
    </row>
    <row r="530095" spans="14:14">
      <c r="N530095" s="10"/>
    </row>
    <row r="530096" spans="14:14">
      <c r="N530096" s="10"/>
    </row>
    <row r="530097" spans="14:14">
      <c r="N530097" s="10"/>
    </row>
    <row r="530098" spans="14:14">
      <c r="N530098" s="10"/>
    </row>
    <row r="530099" spans="14:14">
      <c r="N530099" s="10"/>
    </row>
    <row r="530100" spans="14:14">
      <c r="N530100" s="10"/>
    </row>
    <row r="530101" spans="14:14">
      <c r="N530101" s="10"/>
    </row>
    <row r="530102" spans="14:14">
      <c r="N530102" s="10"/>
    </row>
    <row r="530103" spans="14:14">
      <c r="N530103" s="10"/>
    </row>
    <row r="530104" spans="14:14">
      <c r="N530104" s="10"/>
    </row>
    <row r="530105" spans="14:14">
      <c r="N530105" s="10"/>
    </row>
    <row r="530106" spans="14:14">
      <c r="N530106" s="10"/>
    </row>
    <row r="530107" spans="14:14">
      <c r="N530107" s="10"/>
    </row>
    <row r="530108" spans="14:14">
      <c r="N530108" s="10"/>
    </row>
    <row r="530109" spans="14:14">
      <c r="N530109" s="10"/>
    </row>
    <row r="530110" spans="14:14">
      <c r="N530110" s="10"/>
    </row>
    <row r="530111" spans="14:14">
      <c r="N530111" s="10"/>
    </row>
    <row r="530112" spans="14:14">
      <c r="N530112" s="10"/>
    </row>
    <row r="530113" spans="14:14">
      <c r="N530113" s="10"/>
    </row>
    <row r="530114" spans="14:14">
      <c r="N530114" s="10"/>
    </row>
    <row r="530115" spans="14:14">
      <c r="N530115" s="10"/>
    </row>
    <row r="530116" spans="14:14">
      <c r="N530116" s="10"/>
    </row>
    <row r="530117" spans="14:14">
      <c r="N530117" s="10"/>
    </row>
    <row r="530118" spans="14:14">
      <c r="N530118" s="10"/>
    </row>
    <row r="530119" spans="14:14">
      <c r="N530119" s="10"/>
    </row>
    <row r="530120" spans="14:14">
      <c r="N530120" s="10"/>
    </row>
    <row r="530121" spans="14:14">
      <c r="N530121" s="10"/>
    </row>
    <row r="530122" spans="14:14">
      <c r="N530122" s="10"/>
    </row>
    <row r="530123" spans="14:14">
      <c r="N530123" s="10"/>
    </row>
    <row r="530124" spans="14:14">
      <c r="N530124" s="10"/>
    </row>
    <row r="530125" spans="14:14">
      <c r="N530125" s="10"/>
    </row>
    <row r="530126" spans="14:14">
      <c r="N530126" s="10"/>
    </row>
    <row r="530127" spans="14:14">
      <c r="N530127" s="10"/>
    </row>
    <row r="530128" spans="14:14">
      <c r="N530128" s="10"/>
    </row>
    <row r="530129" spans="14:14">
      <c r="N530129" s="10"/>
    </row>
    <row r="530130" spans="14:14">
      <c r="N530130" s="10"/>
    </row>
    <row r="530131" spans="14:14">
      <c r="N530131" s="10"/>
    </row>
    <row r="530132" spans="14:14">
      <c r="N530132" s="10"/>
    </row>
    <row r="530133" spans="14:14">
      <c r="N530133" s="10"/>
    </row>
    <row r="530134" spans="14:14">
      <c r="N530134" s="10"/>
    </row>
    <row r="530135" spans="14:14">
      <c r="N530135" s="10"/>
    </row>
    <row r="530136" spans="14:14">
      <c r="N530136" s="10"/>
    </row>
    <row r="530137" spans="14:14">
      <c r="N530137" s="10"/>
    </row>
    <row r="530138" spans="14:14">
      <c r="N530138" s="10"/>
    </row>
    <row r="530139" spans="14:14">
      <c r="N530139" s="10"/>
    </row>
    <row r="530140" spans="14:14">
      <c r="N530140" s="10"/>
    </row>
    <row r="530141" spans="14:14">
      <c r="N530141" s="10"/>
    </row>
    <row r="530142" spans="14:14">
      <c r="N530142" s="10"/>
    </row>
    <row r="530143" spans="14:14">
      <c r="N530143" s="10"/>
    </row>
    <row r="530144" spans="14:14">
      <c r="N530144" s="10"/>
    </row>
    <row r="530145" spans="14:14">
      <c r="N530145" s="10"/>
    </row>
    <row r="530146" spans="14:14">
      <c r="N530146" s="10"/>
    </row>
    <row r="530147" spans="14:14">
      <c r="N530147" s="10"/>
    </row>
    <row r="530148" spans="14:14">
      <c r="N530148" s="10"/>
    </row>
    <row r="530149" spans="14:14">
      <c r="N530149" s="10"/>
    </row>
    <row r="530150" spans="14:14">
      <c r="N530150" s="10"/>
    </row>
    <row r="530151" spans="14:14">
      <c r="N530151" s="10"/>
    </row>
    <row r="530152" spans="14:14">
      <c r="N530152" s="10"/>
    </row>
    <row r="530153" spans="14:14">
      <c r="N530153" s="10"/>
    </row>
    <row r="530154" spans="14:14">
      <c r="N530154" s="10"/>
    </row>
    <row r="530155" spans="14:14">
      <c r="N530155" s="10"/>
    </row>
    <row r="530156" spans="14:14">
      <c r="N530156" s="10"/>
    </row>
    <row r="530157" spans="14:14">
      <c r="N530157" s="10"/>
    </row>
    <row r="530158" spans="14:14">
      <c r="N530158" s="10"/>
    </row>
    <row r="530159" spans="14:14">
      <c r="N530159" s="10"/>
    </row>
    <row r="530160" spans="14:14">
      <c r="N530160" s="10"/>
    </row>
    <row r="530161" spans="14:14">
      <c r="N530161" s="10"/>
    </row>
    <row r="530162" spans="14:14">
      <c r="N530162" s="10"/>
    </row>
    <row r="530163" spans="14:14">
      <c r="N530163" s="10"/>
    </row>
    <row r="530164" spans="14:14">
      <c r="N530164" s="10"/>
    </row>
    <row r="530165" spans="14:14">
      <c r="N530165" s="10"/>
    </row>
    <row r="530166" spans="14:14">
      <c r="N530166" s="10"/>
    </row>
    <row r="530167" spans="14:14">
      <c r="N530167" s="10"/>
    </row>
    <row r="530168" spans="14:14">
      <c r="N530168" s="10"/>
    </row>
    <row r="530169" spans="14:14">
      <c r="N530169" s="10"/>
    </row>
    <row r="530170" spans="14:14">
      <c r="N530170" s="10"/>
    </row>
    <row r="530171" spans="14:14">
      <c r="N530171" s="10"/>
    </row>
    <row r="530172" spans="14:14">
      <c r="N530172" s="10"/>
    </row>
    <row r="530173" spans="14:14">
      <c r="N530173" s="10"/>
    </row>
    <row r="530174" spans="14:14">
      <c r="N530174" s="10"/>
    </row>
    <row r="530175" spans="14:14">
      <c r="N530175" s="10"/>
    </row>
    <row r="530176" spans="14:14">
      <c r="N530176" s="10"/>
    </row>
    <row r="530177" spans="14:14">
      <c r="N530177" s="10"/>
    </row>
    <row r="530178" spans="14:14">
      <c r="N530178" s="10"/>
    </row>
    <row r="530179" spans="14:14">
      <c r="N530179" s="10"/>
    </row>
    <row r="530180" spans="14:14">
      <c r="N530180" s="10"/>
    </row>
    <row r="530181" spans="14:14">
      <c r="N530181" s="10"/>
    </row>
    <row r="530182" spans="14:14">
      <c r="N530182" s="10"/>
    </row>
    <row r="530183" spans="14:14">
      <c r="N530183" s="10"/>
    </row>
    <row r="530184" spans="14:14">
      <c r="N530184" s="10"/>
    </row>
    <row r="530185" spans="14:14">
      <c r="N530185" s="10"/>
    </row>
    <row r="530186" spans="14:14">
      <c r="N530186" s="10"/>
    </row>
    <row r="530187" spans="14:14">
      <c r="N530187" s="10"/>
    </row>
    <row r="530188" spans="14:14">
      <c r="N530188" s="10"/>
    </row>
    <row r="530189" spans="14:14">
      <c r="N530189" s="10"/>
    </row>
    <row r="530190" spans="14:14">
      <c r="N530190" s="10"/>
    </row>
    <row r="530191" spans="14:14">
      <c r="N530191" s="10"/>
    </row>
    <row r="530192" spans="14:14">
      <c r="N530192" s="10"/>
    </row>
    <row r="530193" spans="14:14">
      <c r="N530193" s="10"/>
    </row>
    <row r="530194" spans="14:14">
      <c r="N530194" s="10"/>
    </row>
    <row r="530195" spans="14:14">
      <c r="N530195" s="10"/>
    </row>
    <row r="530196" spans="14:14">
      <c r="N530196" s="10"/>
    </row>
    <row r="530197" spans="14:14">
      <c r="N530197" s="10"/>
    </row>
    <row r="530198" spans="14:14">
      <c r="N530198" s="10"/>
    </row>
    <row r="530199" spans="14:14">
      <c r="N530199" s="10"/>
    </row>
    <row r="530200" spans="14:14">
      <c r="N530200" s="10"/>
    </row>
    <row r="530201" spans="14:14">
      <c r="N530201" s="10"/>
    </row>
    <row r="530202" spans="14:14">
      <c r="N530202" s="10"/>
    </row>
    <row r="530203" spans="14:14">
      <c r="N530203" s="10"/>
    </row>
    <row r="530204" spans="14:14">
      <c r="N530204" s="10"/>
    </row>
    <row r="530205" spans="14:14">
      <c r="N530205" s="10"/>
    </row>
    <row r="530206" spans="14:14">
      <c r="N530206" s="10"/>
    </row>
    <row r="530207" spans="14:14">
      <c r="N530207" s="10"/>
    </row>
    <row r="530208" spans="14:14">
      <c r="N530208" s="10"/>
    </row>
    <row r="530209" spans="14:14">
      <c r="N530209" s="10"/>
    </row>
    <row r="530210" spans="14:14">
      <c r="N530210" s="10"/>
    </row>
    <row r="530211" spans="14:14">
      <c r="N530211" s="10"/>
    </row>
    <row r="530212" spans="14:14">
      <c r="N530212" s="10"/>
    </row>
    <row r="530213" spans="14:14">
      <c r="N530213" s="10"/>
    </row>
    <row r="530214" spans="14:14">
      <c r="N530214" s="10"/>
    </row>
    <row r="530215" spans="14:14">
      <c r="N530215" s="10"/>
    </row>
    <row r="530216" spans="14:14">
      <c r="N530216" s="10"/>
    </row>
    <row r="530217" spans="14:14">
      <c r="N530217" s="10"/>
    </row>
    <row r="530218" spans="14:14">
      <c r="N530218" s="10"/>
    </row>
    <row r="530219" spans="14:14">
      <c r="N530219" s="10"/>
    </row>
    <row r="530220" spans="14:14">
      <c r="N530220" s="10"/>
    </row>
    <row r="530221" spans="14:14">
      <c r="N530221" s="10"/>
    </row>
    <row r="530222" spans="14:14">
      <c r="N530222" s="10"/>
    </row>
    <row r="530223" spans="14:14">
      <c r="N530223" s="10"/>
    </row>
    <row r="530224" spans="14:14">
      <c r="N530224" s="10"/>
    </row>
    <row r="530225" spans="14:14">
      <c r="N530225" s="10"/>
    </row>
    <row r="530226" spans="14:14">
      <c r="N530226" s="10"/>
    </row>
    <row r="530227" spans="14:14">
      <c r="N530227" s="10"/>
    </row>
    <row r="530228" spans="14:14">
      <c r="N530228" s="10"/>
    </row>
    <row r="530229" spans="14:14">
      <c r="N530229" s="10"/>
    </row>
    <row r="530230" spans="14:14">
      <c r="N530230" s="10"/>
    </row>
    <row r="530231" spans="14:14">
      <c r="N530231" s="10"/>
    </row>
    <row r="530232" spans="14:14">
      <c r="N530232" s="10"/>
    </row>
    <row r="530233" spans="14:14">
      <c r="N530233" s="10"/>
    </row>
    <row r="530234" spans="14:14">
      <c r="N530234" s="10"/>
    </row>
    <row r="530235" spans="14:14">
      <c r="N530235" s="10"/>
    </row>
    <row r="530236" spans="14:14">
      <c r="N530236" s="10"/>
    </row>
    <row r="530237" spans="14:14">
      <c r="N530237" s="10"/>
    </row>
    <row r="530238" spans="14:14">
      <c r="N530238" s="10"/>
    </row>
    <row r="530239" spans="14:14">
      <c r="N530239" s="10"/>
    </row>
    <row r="530240" spans="14:14">
      <c r="N530240" s="10"/>
    </row>
    <row r="530241" spans="14:14">
      <c r="N530241" s="10"/>
    </row>
    <row r="530242" spans="14:14">
      <c r="N530242" s="10"/>
    </row>
    <row r="530243" spans="14:14">
      <c r="N530243" s="10"/>
    </row>
    <row r="530244" spans="14:14">
      <c r="N530244" s="10"/>
    </row>
    <row r="530245" spans="14:14">
      <c r="N530245" s="10"/>
    </row>
    <row r="530246" spans="14:14">
      <c r="N530246" s="10"/>
    </row>
    <row r="530247" spans="14:14">
      <c r="N530247" s="10"/>
    </row>
    <row r="530248" spans="14:14">
      <c r="N530248" s="10"/>
    </row>
    <row r="530249" spans="14:14">
      <c r="N530249" s="10"/>
    </row>
    <row r="530250" spans="14:14">
      <c r="N530250" s="10"/>
    </row>
    <row r="530251" spans="14:14">
      <c r="N530251" s="10"/>
    </row>
    <row r="530252" spans="14:14">
      <c r="N530252" s="10"/>
    </row>
    <row r="530253" spans="14:14">
      <c r="N530253" s="10"/>
    </row>
    <row r="530254" spans="14:14">
      <c r="N530254" s="10"/>
    </row>
    <row r="530255" spans="14:14">
      <c r="N530255" s="10"/>
    </row>
    <row r="530256" spans="14:14">
      <c r="N530256" s="10"/>
    </row>
    <row r="530257" spans="14:14">
      <c r="N530257" s="10"/>
    </row>
    <row r="530258" spans="14:14">
      <c r="N530258" s="10"/>
    </row>
    <row r="530259" spans="14:14">
      <c r="N530259" s="10"/>
    </row>
    <row r="530260" spans="14:14">
      <c r="N530260" s="10"/>
    </row>
    <row r="530261" spans="14:14">
      <c r="N530261" s="10"/>
    </row>
    <row r="530262" spans="14:14">
      <c r="N530262" s="10"/>
    </row>
    <row r="530263" spans="14:14">
      <c r="N530263" s="10"/>
    </row>
    <row r="530264" spans="14:14">
      <c r="N530264" s="10"/>
    </row>
    <row r="530265" spans="14:14">
      <c r="N530265" s="10"/>
    </row>
    <row r="530266" spans="14:14">
      <c r="N530266" s="10"/>
    </row>
    <row r="530267" spans="14:14">
      <c r="N530267" s="10"/>
    </row>
    <row r="530268" spans="14:14">
      <c r="N530268" s="10"/>
    </row>
    <row r="530269" spans="14:14">
      <c r="N530269" s="10"/>
    </row>
    <row r="530270" spans="14:14">
      <c r="N530270" s="10"/>
    </row>
    <row r="530271" spans="14:14">
      <c r="N530271" s="10"/>
    </row>
    <row r="530272" spans="14:14">
      <c r="N530272" s="10"/>
    </row>
    <row r="530273" spans="14:14">
      <c r="N530273" s="10"/>
    </row>
    <row r="530274" spans="14:14">
      <c r="N530274" s="10"/>
    </row>
    <row r="530275" spans="14:14">
      <c r="N530275" s="10"/>
    </row>
    <row r="530276" spans="14:14">
      <c r="N530276" s="10"/>
    </row>
    <row r="530277" spans="14:14">
      <c r="N530277" s="10"/>
    </row>
    <row r="530278" spans="14:14">
      <c r="N530278" s="10"/>
    </row>
    <row r="530279" spans="14:14">
      <c r="N530279" s="10"/>
    </row>
    <row r="530280" spans="14:14">
      <c r="N530280" s="10"/>
    </row>
    <row r="530281" spans="14:14">
      <c r="N530281" s="10"/>
    </row>
    <row r="530282" spans="14:14">
      <c r="N530282" s="10"/>
    </row>
    <row r="530283" spans="14:14">
      <c r="N530283" s="10"/>
    </row>
    <row r="530284" spans="14:14">
      <c r="N530284" s="10"/>
    </row>
    <row r="530285" spans="14:14">
      <c r="N530285" s="10"/>
    </row>
    <row r="530286" spans="14:14">
      <c r="N530286" s="10"/>
    </row>
    <row r="530287" spans="14:14">
      <c r="N530287" s="10"/>
    </row>
    <row r="530288" spans="14:14">
      <c r="N530288" s="10"/>
    </row>
    <row r="530289" spans="14:14">
      <c r="N530289" s="10"/>
    </row>
    <row r="530290" spans="14:14">
      <c r="N530290" s="10"/>
    </row>
    <row r="530291" spans="14:14">
      <c r="N530291" s="10"/>
    </row>
    <row r="530292" spans="14:14">
      <c r="N530292" s="10"/>
    </row>
    <row r="530293" spans="14:14">
      <c r="N530293" s="10"/>
    </row>
    <row r="530294" spans="14:14">
      <c r="N530294" s="10"/>
    </row>
    <row r="530295" spans="14:14">
      <c r="N530295" s="10"/>
    </row>
    <row r="530296" spans="14:14">
      <c r="N530296" s="10"/>
    </row>
    <row r="530297" spans="14:14">
      <c r="N530297" s="10"/>
    </row>
    <row r="530298" spans="14:14">
      <c r="N530298" s="10"/>
    </row>
    <row r="530299" spans="14:14">
      <c r="N530299" s="10"/>
    </row>
    <row r="530300" spans="14:14">
      <c r="N530300" s="10"/>
    </row>
    <row r="530301" spans="14:14">
      <c r="N530301" s="10"/>
    </row>
    <row r="530302" spans="14:14">
      <c r="N530302" s="10"/>
    </row>
    <row r="530303" spans="14:14">
      <c r="N530303" s="10"/>
    </row>
    <row r="530304" spans="14:14">
      <c r="N530304" s="10"/>
    </row>
    <row r="530305" spans="14:14">
      <c r="N530305" s="10"/>
    </row>
    <row r="530306" spans="14:14">
      <c r="N530306" s="10"/>
    </row>
    <row r="530307" spans="14:14">
      <c r="N530307" s="10"/>
    </row>
    <row r="530308" spans="14:14">
      <c r="N530308" s="10"/>
    </row>
    <row r="530309" spans="14:14">
      <c r="N530309" s="10"/>
    </row>
    <row r="530310" spans="14:14">
      <c r="N530310" s="10"/>
    </row>
    <row r="530311" spans="14:14">
      <c r="N530311" s="10"/>
    </row>
    <row r="530312" spans="14:14">
      <c r="N530312" s="10"/>
    </row>
    <row r="530313" spans="14:14">
      <c r="N530313" s="10"/>
    </row>
    <row r="530314" spans="14:14">
      <c r="N530314" s="10"/>
    </row>
    <row r="530315" spans="14:14">
      <c r="N530315" s="10"/>
    </row>
    <row r="530316" spans="14:14">
      <c r="N530316" s="10"/>
    </row>
    <row r="530317" spans="14:14">
      <c r="N530317" s="10"/>
    </row>
    <row r="530318" spans="14:14">
      <c r="N530318" s="10"/>
    </row>
    <row r="530319" spans="14:14">
      <c r="N530319" s="10"/>
    </row>
    <row r="530320" spans="14:14">
      <c r="N530320" s="10"/>
    </row>
    <row r="530321" spans="14:14">
      <c r="N530321" s="10"/>
    </row>
    <row r="530322" spans="14:14">
      <c r="N530322" s="10"/>
    </row>
    <row r="530323" spans="14:14">
      <c r="N530323" s="10"/>
    </row>
    <row r="530324" spans="14:14">
      <c r="N530324" s="10"/>
    </row>
    <row r="530325" spans="14:14">
      <c r="N530325" s="10"/>
    </row>
    <row r="530326" spans="14:14">
      <c r="N530326" s="10"/>
    </row>
    <row r="530327" spans="14:14">
      <c r="N530327" s="10"/>
    </row>
    <row r="530328" spans="14:14">
      <c r="N530328" s="10"/>
    </row>
    <row r="530329" spans="14:14">
      <c r="N530329" s="10"/>
    </row>
    <row r="530330" spans="14:14">
      <c r="N530330" s="10"/>
    </row>
    <row r="530331" spans="14:14">
      <c r="N530331" s="10"/>
    </row>
    <row r="530332" spans="14:14">
      <c r="N530332" s="10"/>
    </row>
    <row r="530333" spans="14:14">
      <c r="N530333" s="10"/>
    </row>
    <row r="530334" spans="14:14">
      <c r="N530334" s="10"/>
    </row>
    <row r="530335" spans="14:14">
      <c r="N530335" s="10"/>
    </row>
    <row r="530336" spans="14:14">
      <c r="N530336" s="10"/>
    </row>
    <row r="530337" spans="14:14">
      <c r="N530337" s="10"/>
    </row>
    <row r="530338" spans="14:14">
      <c r="N530338" s="10"/>
    </row>
    <row r="530339" spans="14:14">
      <c r="N530339" s="10"/>
    </row>
    <row r="530340" spans="14:14">
      <c r="N530340" s="10"/>
    </row>
    <row r="530341" spans="14:14">
      <c r="N530341" s="10"/>
    </row>
    <row r="530342" spans="14:14">
      <c r="N530342" s="10"/>
    </row>
    <row r="530343" spans="14:14">
      <c r="N530343" s="10"/>
    </row>
    <row r="530344" spans="14:14">
      <c r="N530344" s="10"/>
    </row>
    <row r="530345" spans="14:14">
      <c r="N530345" s="10"/>
    </row>
    <row r="530346" spans="14:14">
      <c r="N530346" s="10"/>
    </row>
    <row r="530347" spans="14:14">
      <c r="N530347" s="10"/>
    </row>
    <row r="530348" spans="14:14">
      <c r="N530348" s="10"/>
    </row>
    <row r="530349" spans="14:14">
      <c r="N530349" s="10"/>
    </row>
    <row r="530350" spans="14:14">
      <c r="N530350" s="10"/>
    </row>
    <row r="530351" spans="14:14">
      <c r="N530351" s="10"/>
    </row>
    <row r="530352" spans="14:14">
      <c r="N530352" s="10"/>
    </row>
    <row r="530353" spans="14:14">
      <c r="N530353" s="10"/>
    </row>
    <row r="530354" spans="14:14">
      <c r="N530354" s="10"/>
    </row>
    <row r="530355" spans="14:14">
      <c r="N530355" s="10"/>
    </row>
    <row r="530356" spans="14:14">
      <c r="N530356" s="10"/>
    </row>
    <row r="530357" spans="14:14">
      <c r="N530357" s="10"/>
    </row>
    <row r="530358" spans="14:14">
      <c r="N530358" s="10"/>
    </row>
    <row r="530359" spans="14:14">
      <c r="N530359" s="10"/>
    </row>
    <row r="530360" spans="14:14">
      <c r="N530360" s="10"/>
    </row>
    <row r="530361" spans="14:14">
      <c r="N530361" s="10"/>
    </row>
    <row r="530362" spans="14:14">
      <c r="N530362" s="10"/>
    </row>
    <row r="530363" spans="14:14">
      <c r="N530363" s="10"/>
    </row>
    <row r="530364" spans="14:14">
      <c r="N530364" s="10"/>
    </row>
    <row r="530365" spans="14:14">
      <c r="N530365" s="10"/>
    </row>
    <row r="530366" spans="14:14">
      <c r="N530366" s="10"/>
    </row>
    <row r="530367" spans="14:14">
      <c r="N530367" s="10"/>
    </row>
    <row r="530368" spans="14:14">
      <c r="N530368" s="10"/>
    </row>
    <row r="530369" spans="14:14">
      <c r="N530369" s="10"/>
    </row>
    <row r="530370" spans="14:14">
      <c r="N530370" s="10"/>
    </row>
    <row r="530371" spans="14:14">
      <c r="N530371" s="10"/>
    </row>
    <row r="530372" spans="14:14">
      <c r="N530372" s="10"/>
    </row>
    <row r="530373" spans="14:14">
      <c r="N530373" s="10"/>
    </row>
    <row r="530374" spans="14:14">
      <c r="N530374" s="10"/>
    </row>
    <row r="530375" spans="14:14">
      <c r="N530375" s="10"/>
    </row>
    <row r="530376" spans="14:14">
      <c r="N530376" s="10"/>
    </row>
    <row r="530377" spans="14:14">
      <c r="N530377" s="10"/>
    </row>
    <row r="530378" spans="14:14">
      <c r="N530378" s="10"/>
    </row>
    <row r="530379" spans="14:14">
      <c r="N530379" s="10"/>
    </row>
    <row r="530380" spans="14:14">
      <c r="N530380" s="10"/>
    </row>
    <row r="530381" spans="14:14">
      <c r="N530381" s="10"/>
    </row>
    <row r="530382" spans="14:14">
      <c r="N530382" s="10"/>
    </row>
    <row r="530383" spans="14:14">
      <c r="N530383" s="10"/>
    </row>
    <row r="530384" spans="14:14">
      <c r="N530384" s="10"/>
    </row>
    <row r="530385" spans="14:14">
      <c r="N530385" s="10"/>
    </row>
    <row r="530386" spans="14:14">
      <c r="N530386" s="10"/>
    </row>
    <row r="530387" spans="14:14">
      <c r="N530387" s="10"/>
    </row>
    <row r="530388" spans="14:14">
      <c r="N530388" s="10"/>
    </row>
    <row r="530389" spans="14:14">
      <c r="N530389" s="10"/>
    </row>
    <row r="530390" spans="14:14">
      <c r="N530390" s="10"/>
    </row>
    <row r="530391" spans="14:14">
      <c r="N530391" s="10"/>
    </row>
    <row r="530392" spans="14:14">
      <c r="N530392" s="10"/>
    </row>
    <row r="530393" spans="14:14">
      <c r="N530393" s="10"/>
    </row>
    <row r="530394" spans="14:14">
      <c r="N530394" s="10"/>
    </row>
    <row r="530395" spans="14:14">
      <c r="N530395" s="10"/>
    </row>
    <row r="530396" spans="14:14">
      <c r="N530396" s="10"/>
    </row>
    <row r="530397" spans="14:14">
      <c r="N530397" s="10"/>
    </row>
    <row r="530398" spans="14:14">
      <c r="N530398" s="10"/>
    </row>
    <row r="530399" spans="14:14">
      <c r="N530399" s="10"/>
    </row>
    <row r="530400" spans="14:14">
      <c r="N530400" s="10"/>
    </row>
    <row r="530401" spans="14:14">
      <c r="N530401" s="10"/>
    </row>
    <row r="530402" spans="14:14">
      <c r="N530402" s="10"/>
    </row>
    <row r="530403" spans="14:14">
      <c r="N530403" s="10"/>
    </row>
    <row r="530404" spans="14:14">
      <c r="N530404" s="10"/>
    </row>
    <row r="530405" spans="14:14">
      <c r="N530405" s="10"/>
    </row>
    <row r="530406" spans="14:14">
      <c r="N530406" s="10"/>
    </row>
    <row r="530407" spans="14:14">
      <c r="N530407" s="10"/>
    </row>
    <row r="530408" spans="14:14">
      <c r="N530408" s="10"/>
    </row>
    <row r="530409" spans="14:14">
      <c r="N530409" s="10"/>
    </row>
    <row r="530410" spans="14:14">
      <c r="N530410" s="10"/>
    </row>
    <row r="530411" spans="14:14">
      <c r="N530411" s="10"/>
    </row>
    <row r="530412" spans="14:14">
      <c r="N530412" s="10"/>
    </row>
    <row r="530413" spans="14:14">
      <c r="N530413" s="10"/>
    </row>
    <row r="530414" spans="14:14">
      <c r="N530414" s="10"/>
    </row>
    <row r="530415" spans="14:14">
      <c r="N530415" s="10"/>
    </row>
    <row r="530416" spans="14:14">
      <c r="N530416" s="10"/>
    </row>
    <row r="530417" spans="14:14">
      <c r="N530417" s="10"/>
    </row>
    <row r="530418" spans="14:14">
      <c r="N530418" s="10"/>
    </row>
    <row r="530419" spans="14:14">
      <c r="N530419" s="10"/>
    </row>
    <row r="530420" spans="14:14">
      <c r="N530420" s="10"/>
    </row>
    <row r="530421" spans="14:14">
      <c r="N530421" s="10"/>
    </row>
    <row r="530422" spans="14:14">
      <c r="N530422" s="10"/>
    </row>
    <row r="530423" spans="14:14">
      <c r="N530423" s="10"/>
    </row>
    <row r="530424" spans="14:14">
      <c r="N530424" s="10"/>
    </row>
    <row r="530425" spans="14:14">
      <c r="N530425" s="10"/>
    </row>
    <row r="530426" spans="14:14">
      <c r="N530426" s="10"/>
    </row>
    <row r="530427" spans="14:14">
      <c r="N530427" s="10"/>
    </row>
    <row r="530428" spans="14:14">
      <c r="N530428" s="10"/>
    </row>
    <row r="530429" spans="14:14">
      <c r="N530429" s="10"/>
    </row>
    <row r="530430" spans="14:14">
      <c r="N530430" s="10"/>
    </row>
    <row r="530431" spans="14:14">
      <c r="N530431" s="10"/>
    </row>
    <row r="530432" spans="14:14">
      <c r="N530432" s="10"/>
    </row>
    <row r="530433" spans="14:14">
      <c r="N530433" s="10"/>
    </row>
    <row r="530434" spans="14:14">
      <c r="N530434" s="10"/>
    </row>
    <row r="530435" spans="14:14">
      <c r="N530435" s="10"/>
    </row>
    <row r="530436" spans="14:14">
      <c r="N530436" s="10"/>
    </row>
    <row r="530437" spans="14:14">
      <c r="N530437" s="10"/>
    </row>
    <row r="530438" spans="14:14">
      <c r="N530438" s="10"/>
    </row>
    <row r="530439" spans="14:14">
      <c r="N530439" s="10"/>
    </row>
    <row r="530440" spans="14:14">
      <c r="N530440" s="10"/>
    </row>
    <row r="530441" spans="14:14">
      <c r="N530441" s="10"/>
    </row>
    <row r="530442" spans="14:14">
      <c r="N530442" s="10"/>
    </row>
    <row r="530443" spans="14:14">
      <c r="N530443" s="10"/>
    </row>
    <row r="530444" spans="14:14">
      <c r="N530444" s="10"/>
    </row>
    <row r="530445" spans="14:14">
      <c r="N530445" s="10"/>
    </row>
    <row r="530446" spans="14:14">
      <c r="N530446" s="10"/>
    </row>
    <row r="530447" spans="14:14">
      <c r="N530447" s="10"/>
    </row>
    <row r="530448" spans="14:14">
      <c r="N530448" s="10"/>
    </row>
    <row r="530449" spans="14:14">
      <c r="N530449" s="10"/>
    </row>
    <row r="530450" spans="14:14">
      <c r="N530450" s="10"/>
    </row>
    <row r="530451" spans="14:14">
      <c r="N530451" s="10"/>
    </row>
    <row r="530452" spans="14:14">
      <c r="N530452" s="10"/>
    </row>
    <row r="530453" spans="14:14">
      <c r="N530453" s="10"/>
    </row>
    <row r="530454" spans="14:14">
      <c r="N530454" s="10"/>
    </row>
    <row r="530455" spans="14:14">
      <c r="N530455" s="10"/>
    </row>
    <row r="530456" spans="14:14">
      <c r="N530456" s="10"/>
    </row>
    <row r="530457" spans="14:14">
      <c r="N530457" s="10"/>
    </row>
    <row r="530458" spans="14:14">
      <c r="N530458" s="10"/>
    </row>
    <row r="530459" spans="14:14">
      <c r="N530459" s="10"/>
    </row>
    <row r="530460" spans="14:14">
      <c r="N530460" s="10"/>
    </row>
    <row r="530461" spans="14:14">
      <c r="N530461" s="10"/>
    </row>
    <row r="530462" spans="14:14">
      <c r="N530462" s="10"/>
    </row>
    <row r="530463" spans="14:14">
      <c r="N530463" s="10"/>
    </row>
    <row r="530464" spans="14:14">
      <c r="N530464" s="10"/>
    </row>
    <row r="530465" spans="14:14">
      <c r="N530465" s="10"/>
    </row>
    <row r="530466" spans="14:14">
      <c r="N530466" s="10"/>
    </row>
    <row r="530467" spans="14:14">
      <c r="N530467" s="10"/>
    </row>
    <row r="530468" spans="14:14">
      <c r="N530468" s="10"/>
    </row>
    <row r="530469" spans="14:14">
      <c r="N530469" s="10"/>
    </row>
    <row r="530470" spans="14:14">
      <c r="N530470" s="10"/>
    </row>
    <row r="530471" spans="14:14">
      <c r="N530471" s="10"/>
    </row>
    <row r="530472" spans="14:14">
      <c r="N530472" s="10"/>
    </row>
    <row r="530473" spans="14:14">
      <c r="N530473" s="10"/>
    </row>
    <row r="530474" spans="14:14">
      <c r="N530474" s="10"/>
    </row>
    <row r="530475" spans="14:14">
      <c r="N530475" s="10"/>
    </row>
    <row r="530476" spans="14:14">
      <c r="N530476" s="10"/>
    </row>
    <row r="530477" spans="14:14">
      <c r="N530477" s="10"/>
    </row>
    <row r="530478" spans="14:14">
      <c r="N530478" s="10"/>
    </row>
    <row r="530479" spans="14:14">
      <c r="N530479" s="10"/>
    </row>
    <row r="530480" spans="14:14">
      <c r="N530480" s="10"/>
    </row>
    <row r="530481" spans="14:14">
      <c r="N530481" s="10"/>
    </row>
    <row r="530482" spans="14:14">
      <c r="N530482" s="10"/>
    </row>
    <row r="530483" spans="14:14">
      <c r="N530483" s="10"/>
    </row>
    <row r="530484" spans="14:14">
      <c r="N530484" s="10"/>
    </row>
    <row r="530485" spans="14:14">
      <c r="N530485" s="10"/>
    </row>
    <row r="530486" spans="14:14">
      <c r="N530486" s="10"/>
    </row>
    <row r="530487" spans="14:14">
      <c r="N530487" s="10"/>
    </row>
    <row r="530488" spans="14:14">
      <c r="N530488" s="10"/>
    </row>
    <row r="530489" spans="14:14">
      <c r="N530489" s="10"/>
    </row>
    <row r="530490" spans="14:14">
      <c r="N530490" s="10"/>
    </row>
    <row r="530491" spans="14:14">
      <c r="N530491" s="10"/>
    </row>
    <row r="530492" spans="14:14">
      <c r="N530492" s="10"/>
    </row>
    <row r="530493" spans="14:14">
      <c r="N530493" s="10"/>
    </row>
    <row r="530494" spans="14:14">
      <c r="N530494" s="10"/>
    </row>
    <row r="530495" spans="14:14">
      <c r="N530495" s="10"/>
    </row>
    <row r="530496" spans="14:14">
      <c r="N530496" s="10"/>
    </row>
    <row r="530497" spans="14:14">
      <c r="N530497" s="10"/>
    </row>
    <row r="530498" spans="14:14">
      <c r="N530498" s="10"/>
    </row>
    <row r="530499" spans="14:14">
      <c r="N530499" s="10"/>
    </row>
    <row r="530500" spans="14:14">
      <c r="N530500" s="10"/>
    </row>
    <row r="530501" spans="14:14">
      <c r="N530501" s="10"/>
    </row>
    <row r="530502" spans="14:14">
      <c r="N530502" s="10"/>
    </row>
    <row r="530503" spans="14:14">
      <c r="N530503" s="10"/>
    </row>
    <row r="530504" spans="14:14">
      <c r="N530504" s="10"/>
    </row>
    <row r="530505" spans="14:14">
      <c r="N530505" s="10"/>
    </row>
    <row r="530506" spans="14:14">
      <c r="N530506" s="10"/>
    </row>
    <row r="530507" spans="14:14">
      <c r="N530507" s="10"/>
    </row>
    <row r="530508" spans="14:14">
      <c r="N530508" s="10"/>
    </row>
    <row r="530509" spans="14:14">
      <c r="N530509" s="10"/>
    </row>
    <row r="530510" spans="14:14">
      <c r="N530510" s="10"/>
    </row>
    <row r="530511" spans="14:14">
      <c r="N530511" s="10"/>
    </row>
    <row r="530512" spans="14:14">
      <c r="N530512" s="10"/>
    </row>
    <row r="530513" spans="14:14">
      <c r="N530513" s="10"/>
    </row>
    <row r="530514" spans="14:14">
      <c r="N530514" s="10"/>
    </row>
    <row r="530515" spans="14:14">
      <c r="N530515" s="10"/>
    </row>
    <row r="530516" spans="14:14">
      <c r="N530516" s="10"/>
    </row>
    <row r="530517" spans="14:14">
      <c r="N530517" s="10"/>
    </row>
    <row r="530518" spans="14:14">
      <c r="N530518" s="10"/>
    </row>
    <row r="530519" spans="14:14">
      <c r="N530519" s="10"/>
    </row>
    <row r="530520" spans="14:14">
      <c r="N530520" s="10"/>
    </row>
    <row r="530521" spans="14:14">
      <c r="N530521" s="10"/>
    </row>
    <row r="530522" spans="14:14">
      <c r="N530522" s="10"/>
    </row>
    <row r="530523" spans="14:14">
      <c r="N530523" s="10"/>
    </row>
    <row r="530524" spans="14:14">
      <c r="N530524" s="10"/>
    </row>
    <row r="530525" spans="14:14">
      <c r="N530525" s="10"/>
    </row>
    <row r="530526" spans="14:14">
      <c r="N530526" s="10"/>
    </row>
    <row r="530527" spans="14:14">
      <c r="N530527" s="10"/>
    </row>
    <row r="530528" spans="14:14">
      <c r="N530528" s="10"/>
    </row>
    <row r="530529" spans="14:14">
      <c r="N530529" s="10"/>
    </row>
    <row r="530530" spans="14:14">
      <c r="N530530" s="10"/>
    </row>
    <row r="530531" spans="14:14">
      <c r="N530531" s="10"/>
    </row>
    <row r="530532" spans="14:14">
      <c r="N530532" s="10"/>
    </row>
    <row r="530533" spans="14:14">
      <c r="N530533" s="10"/>
    </row>
    <row r="530534" spans="14:14">
      <c r="N530534" s="10"/>
    </row>
    <row r="530535" spans="14:14">
      <c r="N530535" s="10"/>
    </row>
    <row r="530536" spans="14:14">
      <c r="N530536" s="10"/>
    </row>
    <row r="530537" spans="14:14">
      <c r="N530537" s="10"/>
    </row>
    <row r="530538" spans="14:14">
      <c r="N530538" s="10"/>
    </row>
    <row r="530539" spans="14:14">
      <c r="N530539" s="10"/>
    </row>
    <row r="530540" spans="14:14">
      <c r="N530540" s="10"/>
    </row>
    <row r="530541" spans="14:14">
      <c r="N530541" s="10"/>
    </row>
    <row r="530542" spans="14:14">
      <c r="N530542" s="10"/>
    </row>
    <row r="530543" spans="14:14">
      <c r="N530543" s="10"/>
    </row>
    <row r="530544" spans="14:14">
      <c r="N530544" s="10"/>
    </row>
    <row r="530545" spans="14:14">
      <c r="N530545" s="10"/>
    </row>
    <row r="530546" spans="14:14">
      <c r="N530546" s="10"/>
    </row>
    <row r="530547" spans="14:14">
      <c r="N530547" s="10"/>
    </row>
    <row r="530548" spans="14:14">
      <c r="N530548" s="10"/>
    </row>
    <row r="530549" spans="14:14">
      <c r="N530549" s="10"/>
    </row>
    <row r="530550" spans="14:14">
      <c r="N530550" s="10"/>
    </row>
    <row r="530551" spans="14:14">
      <c r="N530551" s="10"/>
    </row>
    <row r="530552" spans="14:14">
      <c r="N530552" s="10"/>
    </row>
    <row r="530553" spans="14:14">
      <c r="N530553" s="10"/>
    </row>
    <row r="530554" spans="14:14">
      <c r="N530554" s="10"/>
    </row>
    <row r="530555" spans="14:14">
      <c r="N530555" s="10"/>
    </row>
    <row r="530556" spans="14:14">
      <c r="N530556" s="10"/>
    </row>
    <row r="530557" spans="14:14">
      <c r="N530557" s="10"/>
    </row>
    <row r="530558" spans="14:14">
      <c r="N530558" s="10"/>
    </row>
    <row r="530559" spans="14:14">
      <c r="N530559" s="10"/>
    </row>
    <row r="530560" spans="14:14">
      <c r="N530560" s="10"/>
    </row>
    <row r="530561" spans="14:14">
      <c r="N530561" s="10"/>
    </row>
    <row r="530562" spans="14:14">
      <c r="N530562" s="10"/>
    </row>
    <row r="530563" spans="14:14">
      <c r="N530563" s="10"/>
    </row>
    <row r="530564" spans="14:14">
      <c r="N530564" s="10"/>
    </row>
    <row r="530565" spans="14:14">
      <c r="N530565" s="10"/>
    </row>
    <row r="530566" spans="14:14">
      <c r="N530566" s="10"/>
    </row>
    <row r="530567" spans="14:14">
      <c r="N530567" s="10"/>
    </row>
    <row r="530568" spans="14:14">
      <c r="N530568" s="10"/>
    </row>
    <row r="530569" spans="14:14">
      <c r="N530569" s="10"/>
    </row>
    <row r="530570" spans="14:14">
      <c r="N530570" s="10"/>
    </row>
    <row r="530571" spans="14:14">
      <c r="N530571" s="10"/>
    </row>
    <row r="530572" spans="14:14">
      <c r="N530572" s="10"/>
    </row>
    <row r="530573" spans="14:14">
      <c r="N530573" s="10"/>
    </row>
    <row r="530574" spans="14:14">
      <c r="N530574" s="10"/>
    </row>
    <row r="530575" spans="14:14">
      <c r="N530575" s="10"/>
    </row>
    <row r="530576" spans="14:14">
      <c r="N530576" s="10"/>
    </row>
    <row r="530577" spans="14:14">
      <c r="N530577" s="10"/>
    </row>
    <row r="530578" spans="14:14">
      <c r="N530578" s="10"/>
    </row>
    <row r="530579" spans="14:14">
      <c r="N530579" s="10"/>
    </row>
    <row r="530580" spans="14:14">
      <c r="N530580" s="10"/>
    </row>
    <row r="530581" spans="14:14">
      <c r="N530581" s="10"/>
    </row>
    <row r="530582" spans="14:14">
      <c r="N530582" s="10"/>
    </row>
    <row r="530583" spans="14:14">
      <c r="N530583" s="10"/>
    </row>
    <row r="530584" spans="14:14">
      <c r="N530584" s="10"/>
    </row>
    <row r="530585" spans="14:14">
      <c r="N530585" s="10"/>
    </row>
    <row r="530586" spans="14:14">
      <c r="N530586" s="10"/>
    </row>
    <row r="530587" spans="14:14">
      <c r="N530587" s="10"/>
    </row>
    <row r="530588" spans="14:14">
      <c r="N530588" s="10"/>
    </row>
    <row r="530589" spans="14:14">
      <c r="N530589" s="10"/>
    </row>
    <row r="530590" spans="14:14">
      <c r="N530590" s="10"/>
    </row>
    <row r="530591" spans="14:14">
      <c r="N530591" s="10"/>
    </row>
    <row r="530592" spans="14:14">
      <c r="N530592" s="10"/>
    </row>
    <row r="530593" spans="14:14">
      <c r="N530593" s="10"/>
    </row>
    <row r="530594" spans="14:14">
      <c r="N530594" s="10"/>
    </row>
    <row r="530595" spans="14:14">
      <c r="N530595" s="10"/>
    </row>
    <row r="530596" spans="14:14">
      <c r="N530596" s="10"/>
    </row>
    <row r="530597" spans="14:14">
      <c r="N530597" s="10"/>
    </row>
    <row r="530598" spans="14:14">
      <c r="N530598" s="10"/>
    </row>
    <row r="530599" spans="14:14">
      <c r="N530599" s="10"/>
    </row>
    <row r="530600" spans="14:14">
      <c r="N530600" s="10"/>
    </row>
    <row r="530601" spans="14:14">
      <c r="N530601" s="10"/>
    </row>
    <row r="530602" spans="14:14">
      <c r="N530602" s="10"/>
    </row>
    <row r="530603" spans="14:14">
      <c r="N530603" s="10"/>
    </row>
    <row r="530604" spans="14:14">
      <c r="N530604" s="10"/>
    </row>
    <row r="530605" spans="14:14">
      <c r="N530605" s="10"/>
    </row>
    <row r="530606" spans="14:14">
      <c r="N530606" s="10"/>
    </row>
    <row r="530607" spans="14:14">
      <c r="N530607" s="10"/>
    </row>
    <row r="530608" spans="14:14">
      <c r="N530608" s="10"/>
    </row>
    <row r="530609" spans="14:14">
      <c r="N530609" s="10"/>
    </row>
    <row r="530610" spans="14:14">
      <c r="N530610" s="10"/>
    </row>
    <row r="530611" spans="14:14">
      <c r="N530611" s="10"/>
    </row>
    <row r="530612" spans="14:14">
      <c r="N530612" s="10"/>
    </row>
    <row r="530613" spans="14:14">
      <c r="N530613" s="10"/>
    </row>
    <row r="530614" spans="14:14">
      <c r="N530614" s="10"/>
    </row>
    <row r="530615" spans="14:14">
      <c r="N530615" s="10"/>
    </row>
    <row r="530616" spans="14:14">
      <c r="N530616" s="10"/>
    </row>
    <row r="530617" spans="14:14">
      <c r="N530617" s="10"/>
    </row>
    <row r="530618" spans="14:14">
      <c r="N530618" s="10"/>
    </row>
    <row r="530619" spans="14:14">
      <c r="N530619" s="10"/>
    </row>
    <row r="530620" spans="14:14">
      <c r="N530620" s="10"/>
    </row>
    <row r="530621" spans="14:14">
      <c r="N530621" s="10"/>
    </row>
    <row r="530622" spans="14:14">
      <c r="N530622" s="10"/>
    </row>
    <row r="530623" spans="14:14">
      <c r="N530623" s="10"/>
    </row>
    <row r="530624" spans="14:14">
      <c r="N530624" s="10"/>
    </row>
    <row r="530625" spans="14:14">
      <c r="N530625" s="10"/>
    </row>
    <row r="530626" spans="14:14">
      <c r="N530626" s="10"/>
    </row>
    <row r="530627" spans="14:14">
      <c r="N530627" s="10"/>
    </row>
    <row r="530628" spans="14:14">
      <c r="N530628" s="10"/>
    </row>
    <row r="530629" spans="14:14">
      <c r="N530629" s="10"/>
    </row>
    <row r="530630" spans="14:14">
      <c r="N530630" s="10"/>
    </row>
    <row r="530631" spans="14:14">
      <c r="N530631" s="10"/>
    </row>
    <row r="530632" spans="14:14">
      <c r="N530632" s="10"/>
    </row>
    <row r="530633" spans="14:14">
      <c r="N530633" s="10"/>
    </row>
    <row r="530634" spans="14:14">
      <c r="N530634" s="10"/>
    </row>
    <row r="530635" spans="14:14">
      <c r="N530635" s="10"/>
    </row>
    <row r="530636" spans="14:14">
      <c r="N530636" s="10"/>
    </row>
    <row r="530637" spans="14:14">
      <c r="N530637" s="10"/>
    </row>
    <row r="530638" spans="14:14">
      <c r="N530638" s="10"/>
    </row>
    <row r="530639" spans="14:14">
      <c r="N530639" s="10"/>
    </row>
    <row r="530640" spans="14:14">
      <c r="N530640" s="10"/>
    </row>
    <row r="530641" spans="14:14">
      <c r="N530641" s="10"/>
    </row>
    <row r="530642" spans="14:14">
      <c r="N530642" s="10"/>
    </row>
    <row r="530643" spans="14:14">
      <c r="N530643" s="10"/>
    </row>
    <row r="530644" spans="14:14">
      <c r="N530644" s="10"/>
    </row>
    <row r="530645" spans="14:14">
      <c r="N530645" s="10"/>
    </row>
    <row r="530646" spans="14:14">
      <c r="N530646" s="10"/>
    </row>
    <row r="530647" spans="14:14">
      <c r="N530647" s="10"/>
    </row>
    <row r="530648" spans="14:14">
      <c r="N530648" s="10"/>
    </row>
    <row r="530649" spans="14:14">
      <c r="N530649" s="10"/>
    </row>
    <row r="530650" spans="14:14">
      <c r="N530650" s="10"/>
    </row>
    <row r="530651" spans="14:14">
      <c r="N530651" s="10"/>
    </row>
    <row r="530652" spans="14:14">
      <c r="N530652" s="10"/>
    </row>
    <row r="530653" spans="14:14">
      <c r="N530653" s="10"/>
    </row>
    <row r="530654" spans="14:14">
      <c r="N530654" s="10"/>
    </row>
    <row r="530655" spans="14:14">
      <c r="N530655" s="10"/>
    </row>
    <row r="530656" spans="14:14">
      <c r="N530656" s="10"/>
    </row>
    <row r="530657" spans="14:14">
      <c r="N530657" s="10"/>
    </row>
    <row r="530658" spans="14:14">
      <c r="N530658" s="10"/>
    </row>
    <row r="530659" spans="14:14">
      <c r="N530659" s="10"/>
    </row>
    <row r="530660" spans="14:14">
      <c r="N530660" s="10"/>
    </row>
    <row r="530661" spans="14:14">
      <c r="N530661" s="10"/>
    </row>
    <row r="530662" spans="14:14">
      <c r="N530662" s="10"/>
    </row>
    <row r="530663" spans="14:14">
      <c r="N530663" s="10"/>
    </row>
    <row r="530664" spans="14:14">
      <c r="N530664" s="10"/>
    </row>
    <row r="530665" spans="14:14">
      <c r="N530665" s="10"/>
    </row>
    <row r="530666" spans="14:14">
      <c r="N530666" s="10"/>
    </row>
    <row r="530667" spans="14:14">
      <c r="N530667" s="10"/>
    </row>
    <row r="530668" spans="14:14">
      <c r="N530668" s="10"/>
    </row>
    <row r="530669" spans="14:14">
      <c r="N530669" s="10"/>
    </row>
    <row r="530670" spans="14:14">
      <c r="N530670" s="10"/>
    </row>
    <row r="530671" spans="14:14">
      <c r="N530671" s="10"/>
    </row>
    <row r="530672" spans="14:14">
      <c r="N530672" s="10"/>
    </row>
    <row r="530673" spans="14:14">
      <c r="N530673" s="10"/>
    </row>
    <row r="530674" spans="14:14">
      <c r="N530674" s="10"/>
    </row>
    <row r="530675" spans="14:14">
      <c r="N530675" s="10"/>
    </row>
    <row r="530676" spans="14:14">
      <c r="N530676" s="10"/>
    </row>
    <row r="530677" spans="14:14">
      <c r="N530677" s="10"/>
    </row>
    <row r="530678" spans="14:14">
      <c r="N530678" s="10"/>
    </row>
    <row r="530679" spans="14:14">
      <c r="N530679" s="10"/>
    </row>
    <row r="530680" spans="14:14">
      <c r="N530680" s="10"/>
    </row>
    <row r="530681" spans="14:14">
      <c r="N530681" s="10"/>
    </row>
    <row r="530682" spans="14:14">
      <c r="N530682" s="10"/>
    </row>
    <row r="530683" spans="14:14">
      <c r="N530683" s="10"/>
    </row>
    <row r="530684" spans="14:14">
      <c r="N530684" s="10"/>
    </row>
    <row r="530685" spans="14:14">
      <c r="N530685" s="10"/>
    </row>
    <row r="530686" spans="14:14">
      <c r="N530686" s="10"/>
    </row>
    <row r="530687" spans="14:14">
      <c r="N530687" s="10"/>
    </row>
    <row r="530688" spans="14:14">
      <c r="N530688" s="10"/>
    </row>
    <row r="530689" spans="14:14">
      <c r="N530689" s="10"/>
    </row>
    <row r="530690" spans="14:14">
      <c r="N530690" s="10"/>
    </row>
    <row r="530691" spans="14:14">
      <c r="N530691" s="10"/>
    </row>
    <row r="530692" spans="14:14">
      <c r="N530692" s="10"/>
    </row>
    <row r="530693" spans="14:14">
      <c r="N530693" s="10"/>
    </row>
    <row r="530694" spans="14:14">
      <c r="N530694" s="10"/>
    </row>
    <row r="530695" spans="14:14">
      <c r="N530695" s="10"/>
    </row>
    <row r="530696" spans="14:14">
      <c r="N530696" s="10"/>
    </row>
    <row r="530697" spans="14:14">
      <c r="N530697" s="10"/>
    </row>
    <row r="530698" spans="14:14">
      <c r="N530698" s="10"/>
    </row>
    <row r="530699" spans="14:14">
      <c r="N530699" s="10"/>
    </row>
    <row r="530700" spans="14:14">
      <c r="N530700" s="10"/>
    </row>
    <row r="530701" spans="14:14">
      <c r="N530701" s="10"/>
    </row>
    <row r="530702" spans="14:14">
      <c r="N530702" s="10"/>
    </row>
    <row r="530703" spans="14:14">
      <c r="N530703" s="10"/>
    </row>
    <row r="530704" spans="14:14">
      <c r="N530704" s="10"/>
    </row>
    <row r="530705" spans="14:14">
      <c r="N530705" s="10"/>
    </row>
    <row r="530706" spans="14:14">
      <c r="N530706" s="10"/>
    </row>
    <row r="530707" spans="14:14">
      <c r="N530707" s="10"/>
    </row>
    <row r="530708" spans="14:14">
      <c r="N530708" s="10"/>
    </row>
    <row r="530709" spans="14:14">
      <c r="N530709" s="10"/>
    </row>
    <row r="530710" spans="14:14">
      <c r="N530710" s="10"/>
    </row>
    <row r="530711" spans="14:14">
      <c r="N530711" s="10"/>
    </row>
    <row r="530712" spans="14:14">
      <c r="N530712" s="10"/>
    </row>
    <row r="530713" spans="14:14">
      <c r="N530713" s="10"/>
    </row>
    <row r="530714" spans="14:14">
      <c r="N530714" s="10"/>
    </row>
    <row r="530715" spans="14:14">
      <c r="N530715" s="10"/>
    </row>
    <row r="530716" spans="14:14">
      <c r="N530716" s="10"/>
    </row>
    <row r="530717" spans="14:14">
      <c r="N530717" s="10"/>
    </row>
    <row r="530718" spans="14:14">
      <c r="N530718" s="10"/>
    </row>
    <row r="530719" spans="14:14">
      <c r="N530719" s="10"/>
    </row>
    <row r="530720" spans="14:14">
      <c r="N530720" s="10"/>
    </row>
    <row r="530721" spans="14:14">
      <c r="N530721" s="10"/>
    </row>
    <row r="530722" spans="14:14">
      <c r="N530722" s="10"/>
    </row>
    <row r="530723" spans="14:14">
      <c r="N530723" s="10"/>
    </row>
    <row r="530724" spans="14:14">
      <c r="N530724" s="10"/>
    </row>
    <row r="530725" spans="14:14">
      <c r="N530725" s="10"/>
    </row>
    <row r="530726" spans="14:14">
      <c r="N530726" s="10"/>
    </row>
    <row r="530727" spans="14:14">
      <c r="N530727" s="10"/>
    </row>
    <row r="530728" spans="14:14">
      <c r="N530728" s="10"/>
    </row>
    <row r="530729" spans="14:14">
      <c r="N530729" s="10"/>
    </row>
    <row r="530730" spans="14:14">
      <c r="N530730" s="10"/>
    </row>
    <row r="530731" spans="14:14">
      <c r="N530731" s="10"/>
    </row>
    <row r="530732" spans="14:14">
      <c r="N530732" s="10"/>
    </row>
    <row r="530733" spans="14:14">
      <c r="N530733" s="10"/>
    </row>
    <row r="530734" spans="14:14">
      <c r="N530734" s="10"/>
    </row>
    <row r="530735" spans="14:14">
      <c r="N530735" s="10"/>
    </row>
    <row r="530736" spans="14:14">
      <c r="N530736" s="10"/>
    </row>
    <row r="530737" spans="14:14">
      <c r="N530737" s="10"/>
    </row>
    <row r="530738" spans="14:14">
      <c r="N530738" s="10"/>
    </row>
    <row r="530739" spans="14:14">
      <c r="N530739" s="10"/>
    </row>
    <row r="530740" spans="14:14">
      <c r="N530740" s="10"/>
    </row>
    <row r="530741" spans="14:14">
      <c r="N530741" s="10"/>
    </row>
    <row r="530742" spans="14:14">
      <c r="N530742" s="10"/>
    </row>
    <row r="530743" spans="14:14">
      <c r="N530743" s="10"/>
    </row>
    <row r="530744" spans="14:14">
      <c r="N530744" s="10"/>
    </row>
    <row r="530745" spans="14:14">
      <c r="N530745" s="10"/>
    </row>
    <row r="530746" spans="14:14">
      <c r="N530746" s="10"/>
    </row>
    <row r="530747" spans="14:14">
      <c r="N530747" s="10"/>
    </row>
    <row r="530748" spans="14:14">
      <c r="N530748" s="10"/>
    </row>
    <row r="530749" spans="14:14">
      <c r="N530749" s="10"/>
    </row>
    <row r="530750" spans="14:14">
      <c r="N530750" s="10"/>
    </row>
    <row r="530751" spans="14:14">
      <c r="N530751" s="10"/>
    </row>
    <row r="530752" spans="14:14">
      <c r="N530752" s="10"/>
    </row>
    <row r="530753" spans="14:14">
      <c r="N530753" s="10"/>
    </row>
    <row r="530754" spans="14:14">
      <c r="N530754" s="10"/>
    </row>
    <row r="530755" spans="14:14">
      <c r="N530755" s="10"/>
    </row>
    <row r="530756" spans="14:14">
      <c r="N530756" s="10"/>
    </row>
    <row r="530757" spans="14:14">
      <c r="N530757" s="10"/>
    </row>
    <row r="530758" spans="14:14">
      <c r="N530758" s="10"/>
    </row>
    <row r="530759" spans="14:14">
      <c r="N530759" s="10"/>
    </row>
    <row r="530760" spans="14:14">
      <c r="N530760" s="10"/>
    </row>
    <row r="530761" spans="14:14">
      <c r="N530761" s="10"/>
    </row>
    <row r="530762" spans="14:14">
      <c r="N530762" s="10"/>
    </row>
    <row r="530763" spans="14:14">
      <c r="N530763" s="10"/>
    </row>
    <row r="530764" spans="14:14">
      <c r="N530764" s="10"/>
    </row>
    <row r="530765" spans="14:14">
      <c r="N530765" s="10"/>
    </row>
    <row r="530766" spans="14:14">
      <c r="N530766" s="10"/>
    </row>
    <row r="530767" spans="14:14">
      <c r="N530767" s="10"/>
    </row>
    <row r="530768" spans="14:14">
      <c r="N530768" s="10"/>
    </row>
    <row r="530769" spans="14:14">
      <c r="N530769" s="10"/>
    </row>
    <row r="530770" spans="14:14">
      <c r="N530770" s="10"/>
    </row>
    <row r="530771" spans="14:14">
      <c r="N530771" s="10"/>
    </row>
    <row r="530772" spans="14:14">
      <c r="N530772" s="10"/>
    </row>
    <row r="530773" spans="14:14">
      <c r="N530773" s="10"/>
    </row>
    <row r="530774" spans="14:14">
      <c r="N530774" s="10"/>
    </row>
    <row r="530775" spans="14:14">
      <c r="N530775" s="10"/>
    </row>
    <row r="530776" spans="14:14">
      <c r="N530776" s="10"/>
    </row>
    <row r="530777" spans="14:14">
      <c r="N530777" s="10"/>
    </row>
    <row r="530778" spans="14:14">
      <c r="N530778" s="10"/>
    </row>
    <row r="530779" spans="14:14">
      <c r="N530779" s="10"/>
    </row>
    <row r="530780" spans="14:14">
      <c r="N530780" s="10"/>
    </row>
    <row r="530781" spans="14:14">
      <c r="N530781" s="10"/>
    </row>
    <row r="530782" spans="14:14">
      <c r="N530782" s="10"/>
    </row>
    <row r="530783" spans="14:14">
      <c r="N530783" s="10"/>
    </row>
    <row r="530784" spans="14:14">
      <c r="N530784" s="10"/>
    </row>
    <row r="530785" spans="14:14">
      <c r="N530785" s="10"/>
    </row>
    <row r="530786" spans="14:14">
      <c r="N530786" s="10"/>
    </row>
    <row r="530787" spans="14:14">
      <c r="N530787" s="10"/>
    </row>
    <row r="530788" spans="14:14">
      <c r="N530788" s="10"/>
    </row>
    <row r="530789" spans="14:14">
      <c r="N530789" s="10"/>
    </row>
    <row r="530790" spans="14:14">
      <c r="N530790" s="10"/>
    </row>
    <row r="530791" spans="14:14">
      <c r="N530791" s="10"/>
    </row>
    <row r="530792" spans="14:14">
      <c r="N530792" s="10"/>
    </row>
    <row r="530793" spans="14:14">
      <c r="N530793" s="10"/>
    </row>
    <row r="530794" spans="14:14">
      <c r="N530794" s="10"/>
    </row>
    <row r="530795" spans="14:14">
      <c r="N530795" s="10"/>
    </row>
    <row r="530796" spans="14:14">
      <c r="N530796" s="10"/>
    </row>
    <row r="530797" spans="14:14">
      <c r="N530797" s="10"/>
    </row>
    <row r="530798" spans="14:14">
      <c r="N530798" s="10"/>
    </row>
    <row r="530799" spans="14:14">
      <c r="N530799" s="10"/>
    </row>
    <row r="530800" spans="14:14">
      <c r="N530800" s="10"/>
    </row>
    <row r="530801" spans="14:14">
      <c r="N530801" s="10"/>
    </row>
    <row r="530802" spans="14:14">
      <c r="N530802" s="10"/>
    </row>
    <row r="530803" spans="14:14">
      <c r="N530803" s="10"/>
    </row>
    <row r="530804" spans="14:14">
      <c r="N530804" s="10"/>
    </row>
    <row r="530805" spans="14:14">
      <c r="N530805" s="10"/>
    </row>
    <row r="530806" spans="14:14">
      <c r="N530806" s="10"/>
    </row>
    <row r="530807" spans="14:14">
      <c r="N530807" s="10"/>
    </row>
    <row r="530808" spans="14:14">
      <c r="N530808" s="10"/>
    </row>
    <row r="530809" spans="14:14">
      <c r="N530809" s="10"/>
    </row>
    <row r="530810" spans="14:14">
      <c r="N530810" s="10"/>
    </row>
    <row r="530811" spans="14:14">
      <c r="N530811" s="10"/>
    </row>
    <row r="530812" spans="14:14">
      <c r="N530812" s="10"/>
    </row>
    <row r="530813" spans="14:14">
      <c r="N530813" s="10"/>
    </row>
    <row r="530814" spans="14:14">
      <c r="N530814" s="10"/>
    </row>
    <row r="530815" spans="14:14">
      <c r="N530815" s="10"/>
    </row>
    <row r="530816" spans="14:14">
      <c r="N530816" s="10"/>
    </row>
    <row r="530817" spans="14:14">
      <c r="N530817" s="10"/>
    </row>
    <row r="530818" spans="14:14">
      <c r="N530818" s="10"/>
    </row>
    <row r="530819" spans="14:14">
      <c r="N530819" s="10"/>
    </row>
    <row r="530820" spans="14:14">
      <c r="N530820" s="10"/>
    </row>
    <row r="530821" spans="14:14">
      <c r="N530821" s="10"/>
    </row>
    <row r="530822" spans="14:14">
      <c r="N530822" s="10"/>
    </row>
    <row r="530823" spans="14:14">
      <c r="N530823" s="10"/>
    </row>
    <row r="530824" spans="14:14">
      <c r="N530824" s="10"/>
    </row>
    <row r="530825" spans="14:14">
      <c r="N530825" s="10"/>
    </row>
    <row r="530826" spans="14:14">
      <c r="N530826" s="10"/>
    </row>
    <row r="530827" spans="14:14">
      <c r="N530827" s="10"/>
    </row>
    <row r="530828" spans="14:14">
      <c r="N530828" s="10"/>
    </row>
    <row r="530829" spans="14:14">
      <c r="N530829" s="10"/>
    </row>
    <row r="530830" spans="14:14">
      <c r="N530830" s="10"/>
    </row>
    <row r="530831" spans="14:14">
      <c r="N530831" s="10"/>
    </row>
    <row r="530832" spans="14:14">
      <c r="N530832" s="10"/>
    </row>
    <row r="530833" spans="14:14">
      <c r="N530833" s="10"/>
    </row>
    <row r="530834" spans="14:14">
      <c r="N530834" s="10"/>
    </row>
    <row r="530835" spans="14:14">
      <c r="N530835" s="10"/>
    </row>
    <row r="530836" spans="14:14">
      <c r="N530836" s="10"/>
    </row>
    <row r="530837" spans="14:14">
      <c r="N530837" s="10"/>
    </row>
    <row r="530838" spans="14:14">
      <c r="N530838" s="10"/>
    </row>
    <row r="530839" spans="14:14">
      <c r="N530839" s="10"/>
    </row>
    <row r="530840" spans="14:14">
      <c r="N530840" s="10"/>
    </row>
    <row r="530841" spans="14:14">
      <c r="N530841" s="10"/>
    </row>
    <row r="530842" spans="14:14">
      <c r="N530842" s="10"/>
    </row>
    <row r="530843" spans="14:14">
      <c r="N530843" s="10"/>
    </row>
    <row r="530844" spans="14:14">
      <c r="N530844" s="10"/>
    </row>
    <row r="530845" spans="14:14">
      <c r="N530845" s="10"/>
    </row>
    <row r="530846" spans="14:14">
      <c r="N530846" s="10"/>
    </row>
    <row r="530847" spans="14:14">
      <c r="N530847" s="10"/>
    </row>
    <row r="530848" spans="14:14">
      <c r="N530848" s="10"/>
    </row>
    <row r="530849" spans="14:14">
      <c r="N530849" s="10"/>
    </row>
    <row r="530850" spans="14:14">
      <c r="N530850" s="10"/>
    </row>
    <row r="530851" spans="14:14">
      <c r="N530851" s="10"/>
    </row>
    <row r="530852" spans="14:14">
      <c r="N530852" s="10"/>
    </row>
    <row r="530853" spans="14:14">
      <c r="N530853" s="10"/>
    </row>
    <row r="530854" spans="14:14">
      <c r="N530854" s="10"/>
    </row>
    <row r="530855" spans="14:14">
      <c r="N530855" s="10"/>
    </row>
    <row r="530856" spans="14:14">
      <c r="N530856" s="10"/>
    </row>
    <row r="530857" spans="14:14">
      <c r="N530857" s="10"/>
    </row>
    <row r="530858" spans="14:14">
      <c r="N530858" s="10"/>
    </row>
    <row r="530859" spans="14:14">
      <c r="N530859" s="10"/>
    </row>
    <row r="530860" spans="14:14">
      <c r="N530860" s="10"/>
    </row>
    <row r="530861" spans="14:14">
      <c r="N530861" s="10"/>
    </row>
    <row r="530862" spans="14:14">
      <c r="N530862" s="10"/>
    </row>
    <row r="530863" spans="14:14">
      <c r="N530863" s="10"/>
    </row>
    <row r="530864" spans="14:14">
      <c r="N530864" s="10"/>
    </row>
    <row r="530865" spans="14:14">
      <c r="N530865" s="10"/>
    </row>
    <row r="530866" spans="14:14">
      <c r="N530866" s="10"/>
    </row>
    <row r="530867" spans="14:14">
      <c r="N530867" s="10"/>
    </row>
    <row r="530868" spans="14:14">
      <c r="N530868" s="10"/>
    </row>
    <row r="530869" spans="14:14">
      <c r="N530869" s="10"/>
    </row>
    <row r="530870" spans="14:14">
      <c r="N530870" s="10"/>
    </row>
    <row r="530871" spans="14:14">
      <c r="N530871" s="10"/>
    </row>
    <row r="530872" spans="14:14">
      <c r="N530872" s="10"/>
    </row>
    <row r="530873" spans="14:14">
      <c r="N530873" s="10"/>
    </row>
    <row r="530874" spans="14:14">
      <c r="N530874" s="10"/>
    </row>
    <row r="530875" spans="14:14">
      <c r="N530875" s="10"/>
    </row>
    <row r="530876" spans="14:14">
      <c r="N530876" s="10"/>
    </row>
    <row r="530877" spans="14:14">
      <c r="N530877" s="10"/>
    </row>
    <row r="530878" spans="14:14">
      <c r="N530878" s="10"/>
    </row>
    <row r="530879" spans="14:14">
      <c r="N530879" s="10"/>
    </row>
    <row r="530880" spans="14:14">
      <c r="N530880" s="10"/>
    </row>
    <row r="530881" spans="14:14">
      <c r="N530881" s="10"/>
    </row>
    <row r="530882" spans="14:14">
      <c r="N530882" s="10"/>
    </row>
    <row r="530883" spans="14:14">
      <c r="N530883" s="10"/>
    </row>
    <row r="530884" spans="14:14">
      <c r="N530884" s="10"/>
    </row>
    <row r="530885" spans="14:14">
      <c r="N530885" s="10"/>
    </row>
    <row r="530886" spans="14:14">
      <c r="N530886" s="10"/>
    </row>
    <row r="530887" spans="14:14">
      <c r="N530887" s="10"/>
    </row>
    <row r="530888" spans="14:14">
      <c r="N530888" s="10"/>
    </row>
    <row r="530889" spans="14:14">
      <c r="N530889" s="10"/>
    </row>
    <row r="530890" spans="14:14">
      <c r="N530890" s="10"/>
    </row>
    <row r="530891" spans="14:14">
      <c r="N530891" s="10"/>
    </row>
    <row r="530892" spans="14:14">
      <c r="N530892" s="10"/>
    </row>
    <row r="530893" spans="14:14">
      <c r="N530893" s="10"/>
    </row>
    <row r="530894" spans="14:14">
      <c r="N530894" s="10"/>
    </row>
    <row r="530895" spans="14:14">
      <c r="N530895" s="10"/>
    </row>
    <row r="530896" spans="14:14">
      <c r="N530896" s="10"/>
    </row>
    <row r="530897" spans="14:14">
      <c r="N530897" s="10"/>
    </row>
    <row r="530898" spans="14:14">
      <c r="N530898" s="10"/>
    </row>
    <row r="530899" spans="14:14">
      <c r="N530899" s="10"/>
    </row>
    <row r="530900" spans="14:14">
      <c r="N530900" s="10"/>
    </row>
    <row r="530901" spans="14:14">
      <c r="N530901" s="10"/>
    </row>
    <row r="530902" spans="14:14">
      <c r="N530902" s="10"/>
    </row>
    <row r="530903" spans="14:14">
      <c r="N530903" s="10"/>
    </row>
    <row r="530904" spans="14:14">
      <c r="N530904" s="10"/>
    </row>
    <row r="530905" spans="14:14">
      <c r="N530905" s="10"/>
    </row>
    <row r="530906" spans="14:14">
      <c r="N530906" s="10"/>
    </row>
    <row r="530907" spans="14:14">
      <c r="N530907" s="10"/>
    </row>
    <row r="530908" spans="14:14">
      <c r="N530908" s="10"/>
    </row>
    <row r="530909" spans="14:14">
      <c r="N530909" s="10"/>
    </row>
    <row r="530910" spans="14:14">
      <c r="N530910" s="10"/>
    </row>
    <row r="530911" spans="14:14">
      <c r="N530911" s="10"/>
    </row>
    <row r="530912" spans="14:14">
      <c r="N530912" s="10"/>
    </row>
    <row r="530913" spans="14:14">
      <c r="N530913" s="10"/>
    </row>
    <row r="530914" spans="14:14">
      <c r="N530914" s="10"/>
    </row>
    <row r="530915" spans="14:14">
      <c r="N530915" s="10"/>
    </row>
    <row r="530916" spans="14:14">
      <c r="N530916" s="10"/>
    </row>
    <row r="530917" spans="14:14">
      <c r="N530917" s="10"/>
    </row>
    <row r="530918" spans="14:14">
      <c r="N530918" s="10"/>
    </row>
    <row r="530919" spans="14:14">
      <c r="N530919" s="10"/>
    </row>
    <row r="530920" spans="14:14">
      <c r="N530920" s="10"/>
    </row>
    <row r="530921" spans="14:14">
      <c r="N530921" s="10"/>
    </row>
    <row r="530922" spans="14:14">
      <c r="N530922" s="10"/>
    </row>
    <row r="530923" spans="14:14">
      <c r="N530923" s="10"/>
    </row>
    <row r="530924" spans="14:14">
      <c r="N530924" s="10"/>
    </row>
    <row r="530925" spans="14:14">
      <c r="N530925" s="10"/>
    </row>
    <row r="530926" spans="14:14">
      <c r="N530926" s="10"/>
    </row>
    <row r="530927" spans="14:14">
      <c r="N530927" s="10"/>
    </row>
    <row r="530928" spans="14:14">
      <c r="N530928" s="10"/>
    </row>
    <row r="530929" spans="14:14">
      <c r="N530929" s="10"/>
    </row>
    <row r="530930" spans="14:14">
      <c r="N530930" s="10"/>
    </row>
    <row r="530931" spans="14:14">
      <c r="N530931" s="10"/>
    </row>
    <row r="530932" spans="14:14">
      <c r="N530932" s="10"/>
    </row>
    <row r="530933" spans="14:14">
      <c r="N530933" s="10"/>
    </row>
    <row r="530934" spans="14:14">
      <c r="N530934" s="10"/>
    </row>
    <row r="530935" spans="14:14">
      <c r="N530935" s="10"/>
    </row>
    <row r="530936" spans="14:14">
      <c r="N530936" s="10"/>
    </row>
    <row r="530937" spans="14:14">
      <c r="N530937" s="10"/>
    </row>
    <row r="530938" spans="14:14">
      <c r="N530938" s="10"/>
    </row>
    <row r="530939" spans="14:14">
      <c r="N530939" s="10"/>
    </row>
    <row r="530940" spans="14:14">
      <c r="N530940" s="10"/>
    </row>
    <row r="530941" spans="14:14">
      <c r="N530941" s="10"/>
    </row>
    <row r="530942" spans="14:14">
      <c r="N530942" s="10"/>
    </row>
    <row r="530943" spans="14:14">
      <c r="N530943" s="10"/>
    </row>
    <row r="530944" spans="14:14">
      <c r="N530944" s="10"/>
    </row>
    <row r="530945" spans="14:14">
      <c r="N530945" s="10"/>
    </row>
    <row r="530946" spans="14:14">
      <c r="N530946" s="10"/>
    </row>
    <row r="530947" spans="14:14">
      <c r="N530947" s="10"/>
    </row>
    <row r="530948" spans="14:14">
      <c r="N530948" s="10"/>
    </row>
    <row r="530949" spans="14:14">
      <c r="N530949" s="10"/>
    </row>
    <row r="530950" spans="14:14">
      <c r="N530950" s="10"/>
    </row>
    <row r="530951" spans="14:14">
      <c r="N530951" s="10"/>
    </row>
    <row r="530952" spans="14:14">
      <c r="N530952" s="10"/>
    </row>
    <row r="530953" spans="14:14">
      <c r="N530953" s="10"/>
    </row>
    <row r="530954" spans="14:14">
      <c r="N530954" s="10"/>
    </row>
    <row r="530955" spans="14:14">
      <c r="N530955" s="10"/>
    </row>
    <row r="530956" spans="14:14">
      <c r="N530956" s="10"/>
    </row>
    <row r="530957" spans="14:14">
      <c r="N530957" s="10"/>
    </row>
    <row r="530958" spans="14:14">
      <c r="N530958" s="10"/>
    </row>
    <row r="530959" spans="14:14">
      <c r="N530959" s="10"/>
    </row>
    <row r="530960" spans="14:14">
      <c r="N530960" s="10"/>
    </row>
    <row r="530961" spans="14:14">
      <c r="N530961" s="10"/>
    </row>
    <row r="530962" spans="14:14">
      <c r="N530962" s="10"/>
    </row>
    <row r="530963" spans="14:14">
      <c r="N530963" s="10"/>
    </row>
    <row r="530964" spans="14:14">
      <c r="N530964" s="10"/>
    </row>
    <row r="530965" spans="14:14">
      <c r="N530965" s="10"/>
    </row>
    <row r="530966" spans="14:14">
      <c r="N530966" s="10"/>
    </row>
    <row r="530967" spans="14:14">
      <c r="N530967" s="10"/>
    </row>
    <row r="530968" spans="14:14">
      <c r="N530968" s="10"/>
    </row>
    <row r="530969" spans="14:14">
      <c r="N530969" s="10"/>
    </row>
    <row r="530970" spans="14:14">
      <c r="N530970" s="10"/>
    </row>
    <row r="530971" spans="14:14">
      <c r="N530971" s="10"/>
    </row>
    <row r="530972" spans="14:14">
      <c r="N530972" s="10"/>
    </row>
    <row r="530973" spans="14:14">
      <c r="N530973" s="10"/>
    </row>
    <row r="530974" spans="14:14">
      <c r="N530974" s="10"/>
    </row>
    <row r="530975" spans="14:14">
      <c r="N530975" s="10"/>
    </row>
    <row r="530976" spans="14:14">
      <c r="N530976" s="10"/>
    </row>
    <row r="530977" spans="14:14">
      <c r="N530977" s="10"/>
    </row>
    <row r="530978" spans="14:14">
      <c r="N530978" s="10"/>
    </row>
    <row r="530979" spans="14:14">
      <c r="N530979" s="10"/>
    </row>
    <row r="530980" spans="14:14">
      <c r="N530980" s="10"/>
    </row>
    <row r="530981" spans="14:14">
      <c r="N530981" s="10"/>
    </row>
    <row r="530982" spans="14:14">
      <c r="N530982" s="10"/>
    </row>
    <row r="530983" spans="14:14">
      <c r="N530983" s="10"/>
    </row>
    <row r="530984" spans="14:14">
      <c r="N530984" s="10"/>
    </row>
    <row r="530985" spans="14:14">
      <c r="N530985" s="10"/>
    </row>
    <row r="530986" spans="14:14">
      <c r="N530986" s="10"/>
    </row>
    <row r="530987" spans="14:14">
      <c r="N530987" s="10"/>
    </row>
    <row r="530988" spans="14:14">
      <c r="N530988" s="10"/>
    </row>
    <row r="530989" spans="14:14">
      <c r="N530989" s="10"/>
    </row>
    <row r="530990" spans="14:14">
      <c r="N530990" s="10"/>
    </row>
    <row r="530991" spans="14:14">
      <c r="N530991" s="10"/>
    </row>
    <row r="530992" spans="14:14">
      <c r="N530992" s="10"/>
    </row>
    <row r="530993" spans="14:14">
      <c r="N530993" s="10"/>
    </row>
    <row r="530994" spans="14:14">
      <c r="N530994" s="10"/>
    </row>
    <row r="530995" spans="14:14">
      <c r="N530995" s="10"/>
    </row>
    <row r="530996" spans="14:14">
      <c r="N530996" s="10"/>
    </row>
    <row r="530997" spans="14:14">
      <c r="N530997" s="10"/>
    </row>
    <row r="530998" spans="14:14">
      <c r="N530998" s="10"/>
    </row>
    <row r="530999" spans="14:14">
      <c r="N530999" s="10"/>
    </row>
    <row r="531000" spans="14:14">
      <c r="N531000" s="10"/>
    </row>
    <row r="531001" spans="14:14">
      <c r="N531001" s="10"/>
    </row>
    <row r="531002" spans="14:14">
      <c r="N531002" s="10"/>
    </row>
    <row r="531003" spans="14:14">
      <c r="N531003" s="10"/>
    </row>
    <row r="531004" spans="14:14">
      <c r="N531004" s="10"/>
    </row>
    <row r="531005" spans="14:14">
      <c r="N531005" s="10"/>
    </row>
    <row r="531006" spans="14:14">
      <c r="N531006" s="10"/>
    </row>
    <row r="531007" spans="14:14">
      <c r="N531007" s="10"/>
    </row>
    <row r="531008" spans="14:14">
      <c r="N531008" s="10"/>
    </row>
    <row r="531009" spans="14:14">
      <c r="N531009" s="10"/>
    </row>
    <row r="531010" spans="14:14">
      <c r="N531010" s="10"/>
    </row>
    <row r="531011" spans="14:14">
      <c r="N531011" s="10"/>
    </row>
    <row r="531012" spans="14:14">
      <c r="N531012" s="10"/>
    </row>
    <row r="531013" spans="14:14">
      <c r="N531013" s="10"/>
    </row>
    <row r="531014" spans="14:14">
      <c r="N531014" s="10"/>
    </row>
    <row r="531015" spans="14:14">
      <c r="N531015" s="10"/>
    </row>
    <row r="531016" spans="14:14">
      <c r="N531016" s="10"/>
    </row>
    <row r="531017" spans="14:14">
      <c r="N531017" s="10"/>
    </row>
    <row r="531018" spans="14:14">
      <c r="N531018" s="10"/>
    </row>
    <row r="531019" spans="14:14">
      <c r="N531019" s="10"/>
    </row>
    <row r="531020" spans="14:14">
      <c r="N531020" s="10"/>
    </row>
    <row r="531021" spans="14:14">
      <c r="N531021" s="10"/>
    </row>
    <row r="531022" spans="14:14">
      <c r="N531022" s="10"/>
    </row>
    <row r="531023" spans="14:14">
      <c r="N531023" s="10"/>
    </row>
    <row r="531024" spans="14:14">
      <c r="N531024" s="10"/>
    </row>
    <row r="531025" spans="14:14">
      <c r="N531025" s="10"/>
    </row>
    <row r="531026" spans="14:14">
      <c r="N531026" s="10"/>
    </row>
    <row r="531027" spans="14:14">
      <c r="N531027" s="10"/>
    </row>
    <row r="531028" spans="14:14">
      <c r="N531028" s="10"/>
    </row>
    <row r="531029" spans="14:14">
      <c r="N531029" s="10"/>
    </row>
    <row r="531030" spans="14:14">
      <c r="N531030" s="10"/>
    </row>
    <row r="531031" spans="14:14">
      <c r="N531031" s="10"/>
    </row>
    <row r="531032" spans="14:14">
      <c r="N531032" s="10"/>
    </row>
    <row r="531033" spans="14:14">
      <c r="N531033" s="10"/>
    </row>
    <row r="531034" spans="14:14">
      <c r="N531034" s="10"/>
    </row>
    <row r="531035" spans="14:14">
      <c r="N531035" s="10"/>
    </row>
    <row r="531036" spans="14:14">
      <c r="N531036" s="10"/>
    </row>
    <row r="531037" spans="14:14">
      <c r="N531037" s="10"/>
    </row>
    <row r="531038" spans="14:14">
      <c r="N531038" s="10"/>
    </row>
    <row r="531039" spans="14:14">
      <c r="N531039" s="10"/>
    </row>
    <row r="531040" spans="14:14">
      <c r="N531040" s="10"/>
    </row>
    <row r="531041" spans="14:14">
      <c r="N531041" s="10"/>
    </row>
    <row r="531042" spans="14:14">
      <c r="N531042" s="10"/>
    </row>
    <row r="531043" spans="14:14">
      <c r="N531043" s="10"/>
    </row>
    <row r="531044" spans="14:14">
      <c r="N531044" s="10"/>
    </row>
    <row r="531045" spans="14:14">
      <c r="N531045" s="10"/>
    </row>
    <row r="531046" spans="14:14">
      <c r="N531046" s="10"/>
    </row>
    <row r="531047" spans="14:14">
      <c r="N531047" s="10"/>
    </row>
    <row r="531048" spans="14:14">
      <c r="N531048" s="10"/>
    </row>
    <row r="531049" spans="14:14">
      <c r="N531049" s="10"/>
    </row>
    <row r="531050" spans="14:14">
      <c r="N531050" s="10"/>
    </row>
    <row r="531051" spans="14:14">
      <c r="N531051" s="10"/>
    </row>
    <row r="531052" spans="14:14">
      <c r="N531052" s="10"/>
    </row>
    <row r="531053" spans="14:14">
      <c r="N531053" s="10"/>
    </row>
    <row r="531054" spans="14:14">
      <c r="N531054" s="10"/>
    </row>
    <row r="531055" spans="14:14">
      <c r="N531055" s="10"/>
    </row>
    <row r="531056" spans="14:14">
      <c r="N531056" s="10"/>
    </row>
    <row r="531057" spans="14:14">
      <c r="N531057" s="10"/>
    </row>
    <row r="531058" spans="14:14">
      <c r="N531058" s="10"/>
    </row>
    <row r="531059" spans="14:14">
      <c r="N531059" s="10"/>
    </row>
    <row r="531060" spans="14:14">
      <c r="N531060" s="10"/>
    </row>
    <row r="531061" spans="14:14">
      <c r="N531061" s="10"/>
    </row>
    <row r="531062" spans="14:14">
      <c r="N531062" s="10"/>
    </row>
    <row r="531063" spans="14:14">
      <c r="N531063" s="10"/>
    </row>
    <row r="531064" spans="14:14">
      <c r="N531064" s="10"/>
    </row>
    <row r="531065" spans="14:14">
      <c r="N531065" s="10"/>
    </row>
    <row r="531066" spans="14:14">
      <c r="N531066" s="10"/>
    </row>
    <row r="531067" spans="14:14">
      <c r="N531067" s="10"/>
    </row>
    <row r="531068" spans="14:14">
      <c r="N531068" s="10"/>
    </row>
    <row r="531069" spans="14:14">
      <c r="N531069" s="10"/>
    </row>
    <row r="531070" spans="14:14">
      <c r="N531070" s="10"/>
    </row>
    <row r="531071" spans="14:14">
      <c r="N531071" s="10"/>
    </row>
    <row r="531072" spans="14:14">
      <c r="N531072" s="10"/>
    </row>
    <row r="531073" spans="14:14">
      <c r="N531073" s="10"/>
    </row>
    <row r="531074" spans="14:14">
      <c r="N531074" s="10"/>
    </row>
    <row r="531075" spans="14:14">
      <c r="N531075" s="10"/>
    </row>
    <row r="531076" spans="14:14">
      <c r="N531076" s="10"/>
    </row>
    <row r="531077" spans="14:14">
      <c r="N531077" s="10"/>
    </row>
    <row r="531078" spans="14:14">
      <c r="N531078" s="10"/>
    </row>
    <row r="531079" spans="14:14">
      <c r="N531079" s="10"/>
    </row>
    <row r="531080" spans="14:14">
      <c r="N531080" s="10"/>
    </row>
    <row r="531081" spans="14:14">
      <c r="N531081" s="10"/>
    </row>
    <row r="531082" spans="14:14">
      <c r="N531082" s="10"/>
    </row>
    <row r="531083" spans="14:14">
      <c r="N531083" s="10"/>
    </row>
    <row r="531084" spans="14:14">
      <c r="N531084" s="10"/>
    </row>
    <row r="531085" spans="14:14">
      <c r="N531085" s="10"/>
    </row>
    <row r="531086" spans="14:14">
      <c r="N531086" s="10"/>
    </row>
    <row r="531087" spans="14:14">
      <c r="N531087" s="10"/>
    </row>
    <row r="531088" spans="14:14">
      <c r="N531088" s="10"/>
    </row>
    <row r="531089" spans="14:14">
      <c r="N531089" s="10"/>
    </row>
    <row r="531090" spans="14:14">
      <c r="N531090" s="10"/>
    </row>
    <row r="531091" spans="14:14">
      <c r="N531091" s="10"/>
    </row>
    <row r="531092" spans="14:14">
      <c r="N531092" s="10"/>
    </row>
    <row r="531093" spans="14:14">
      <c r="N531093" s="10"/>
    </row>
    <row r="531094" spans="14:14">
      <c r="N531094" s="10"/>
    </row>
    <row r="531095" spans="14:14">
      <c r="N531095" s="10"/>
    </row>
    <row r="531096" spans="14:14">
      <c r="N531096" s="10"/>
    </row>
    <row r="531097" spans="14:14">
      <c r="N531097" s="10"/>
    </row>
    <row r="531098" spans="14:14">
      <c r="N531098" s="10"/>
    </row>
    <row r="531099" spans="14:14">
      <c r="N531099" s="10"/>
    </row>
    <row r="531100" spans="14:14">
      <c r="N531100" s="10"/>
    </row>
    <row r="531101" spans="14:14">
      <c r="N531101" s="10"/>
    </row>
    <row r="531102" spans="14:14">
      <c r="N531102" s="10"/>
    </row>
    <row r="531103" spans="14:14">
      <c r="N531103" s="10"/>
    </row>
    <row r="531104" spans="14:14">
      <c r="N531104" s="10"/>
    </row>
    <row r="531105" spans="14:14">
      <c r="N531105" s="10"/>
    </row>
    <row r="531106" spans="14:14">
      <c r="N531106" s="10"/>
    </row>
    <row r="531107" spans="14:14">
      <c r="N531107" s="10"/>
    </row>
    <row r="531108" spans="14:14">
      <c r="N531108" s="10"/>
    </row>
    <row r="531109" spans="14:14">
      <c r="N531109" s="10"/>
    </row>
    <row r="531110" spans="14:14">
      <c r="N531110" s="10"/>
    </row>
    <row r="531111" spans="14:14">
      <c r="N531111" s="10"/>
    </row>
    <row r="531112" spans="14:14">
      <c r="N531112" s="10"/>
    </row>
    <row r="531113" spans="14:14">
      <c r="N531113" s="10"/>
    </row>
    <row r="531114" spans="14:14">
      <c r="N531114" s="10"/>
    </row>
    <row r="531115" spans="14:14">
      <c r="N531115" s="10"/>
    </row>
    <row r="531116" spans="14:14">
      <c r="N531116" s="10"/>
    </row>
    <row r="531117" spans="14:14">
      <c r="N531117" s="10"/>
    </row>
    <row r="531118" spans="14:14">
      <c r="N531118" s="10"/>
    </row>
    <row r="531119" spans="14:14">
      <c r="N531119" s="10"/>
    </row>
    <row r="531120" spans="14:14">
      <c r="N531120" s="10"/>
    </row>
    <row r="531121" spans="14:14">
      <c r="N531121" s="10"/>
    </row>
    <row r="531122" spans="14:14">
      <c r="N531122" s="10"/>
    </row>
    <row r="531123" spans="14:14">
      <c r="N531123" s="10"/>
    </row>
    <row r="531124" spans="14:14">
      <c r="N531124" s="10"/>
    </row>
    <row r="531125" spans="14:14">
      <c r="N531125" s="10"/>
    </row>
    <row r="531126" spans="14:14">
      <c r="N531126" s="10"/>
    </row>
    <row r="531127" spans="14:14">
      <c r="N531127" s="10"/>
    </row>
    <row r="531128" spans="14:14">
      <c r="N531128" s="10"/>
    </row>
    <row r="531129" spans="14:14">
      <c r="N531129" s="10"/>
    </row>
    <row r="531130" spans="14:14">
      <c r="N531130" s="10"/>
    </row>
    <row r="531131" spans="14:14">
      <c r="N531131" s="10"/>
    </row>
    <row r="531132" spans="14:14">
      <c r="N531132" s="10"/>
    </row>
    <row r="531133" spans="14:14">
      <c r="N531133" s="10"/>
    </row>
    <row r="531134" spans="14:14">
      <c r="N531134" s="10"/>
    </row>
    <row r="531135" spans="14:14">
      <c r="N531135" s="10"/>
    </row>
    <row r="531136" spans="14:14">
      <c r="N531136" s="10"/>
    </row>
    <row r="531137" spans="14:14">
      <c r="N531137" s="10"/>
    </row>
    <row r="531138" spans="14:14">
      <c r="N531138" s="10"/>
    </row>
    <row r="531139" spans="14:14">
      <c r="N531139" s="10"/>
    </row>
    <row r="531140" spans="14:14">
      <c r="N531140" s="10"/>
    </row>
    <row r="531141" spans="14:14">
      <c r="N531141" s="10"/>
    </row>
    <row r="531142" spans="14:14">
      <c r="N531142" s="10"/>
    </row>
    <row r="531143" spans="14:14">
      <c r="N531143" s="10"/>
    </row>
    <row r="531144" spans="14:14">
      <c r="N531144" s="10"/>
    </row>
    <row r="531145" spans="14:14">
      <c r="N531145" s="10"/>
    </row>
    <row r="531146" spans="14:14">
      <c r="N531146" s="10"/>
    </row>
    <row r="531147" spans="14:14">
      <c r="N531147" s="10"/>
    </row>
    <row r="531148" spans="14:14">
      <c r="N531148" s="10"/>
    </row>
    <row r="531149" spans="14:14">
      <c r="N531149" s="10"/>
    </row>
    <row r="531150" spans="14:14">
      <c r="N531150" s="10"/>
    </row>
    <row r="531151" spans="14:14">
      <c r="N531151" s="10"/>
    </row>
    <row r="531152" spans="14:14">
      <c r="N531152" s="10"/>
    </row>
    <row r="531153" spans="14:14">
      <c r="N531153" s="10"/>
    </row>
    <row r="531154" spans="14:14">
      <c r="N531154" s="10"/>
    </row>
    <row r="531155" spans="14:14">
      <c r="N531155" s="10"/>
    </row>
    <row r="531156" spans="14:14">
      <c r="N531156" s="10"/>
    </row>
    <row r="531157" spans="14:14">
      <c r="N531157" s="10"/>
    </row>
    <row r="531158" spans="14:14">
      <c r="N531158" s="10"/>
    </row>
    <row r="531159" spans="14:14">
      <c r="N531159" s="10"/>
    </row>
    <row r="531160" spans="14:14">
      <c r="N531160" s="10"/>
    </row>
    <row r="531161" spans="14:14">
      <c r="N531161" s="10"/>
    </row>
    <row r="531162" spans="14:14">
      <c r="N531162" s="10"/>
    </row>
    <row r="531163" spans="14:14">
      <c r="N531163" s="10"/>
    </row>
    <row r="531164" spans="14:14">
      <c r="N531164" s="10"/>
    </row>
    <row r="531165" spans="14:14">
      <c r="N531165" s="10"/>
    </row>
    <row r="531166" spans="14:14">
      <c r="N531166" s="10"/>
    </row>
    <row r="531167" spans="14:14">
      <c r="N531167" s="10"/>
    </row>
    <row r="531168" spans="14:14">
      <c r="N531168" s="10"/>
    </row>
    <row r="531169" spans="14:14">
      <c r="N531169" s="10"/>
    </row>
    <row r="531170" spans="14:14">
      <c r="N531170" s="10"/>
    </row>
    <row r="531171" spans="14:14">
      <c r="N531171" s="10"/>
    </row>
    <row r="531172" spans="14:14">
      <c r="N531172" s="10"/>
    </row>
    <row r="531173" spans="14:14">
      <c r="N531173" s="10"/>
    </row>
    <row r="531174" spans="14:14">
      <c r="N531174" s="10"/>
    </row>
    <row r="531175" spans="14:14">
      <c r="N531175" s="10"/>
    </row>
    <row r="531176" spans="14:14">
      <c r="N531176" s="10"/>
    </row>
    <row r="531177" spans="14:14">
      <c r="N531177" s="10"/>
    </row>
    <row r="531178" spans="14:14">
      <c r="N531178" s="10"/>
    </row>
    <row r="531179" spans="14:14">
      <c r="N531179" s="10"/>
    </row>
    <row r="531180" spans="14:14">
      <c r="N531180" s="10"/>
    </row>
    <row r="531181" spans="14:14">
      <c r="N531181" s="10"/>
    </row>
    <row r="531182" spans="14:14">
      <c r="N531182" s="10"/>
    </row>
    <row r="531183" spans="14:14">
      <c r="N531183" s="10"/>
    </row>
    <row r="531184" spans="14:14">
      <c r="N531184" s="10"/>
    </row>
    <row r="531185" spans="14:14">
      <c r="N531185" s="10"/>
    </row>
    <row r="531186" spans="14:14">
      <c r="N531186" s="10"/>
    </row>
    <row r="531187" spans="14:14">
      <c r="N531187" s="10"/>
    </row>
    <row r="531188" spans="14:14">
      <c r="N531188" s="10"/>
    </row>
    <row r="531189" spans="14:14">
      <c r="N531189" s="10"/>
    </row>
    <row r="531190" spans="14:14">
      <c r="N531190" s="10"/>
    </row>
    <row r="531191" spans="14:14">
      <c r="N531191" s="10"/>
    </row>
    <row r="531192" spans="14:14">
      <c r="N531192" s="10"/>
    </row>
    <row r="531193" spans="14:14">
      <c r="N531193" s="10"/>
    </row>
    <row r="531194" spans="14:14">
      <c r="N531194" s="10"/>
    </row>
    <row r="531195" spans="14:14">
      <c r="N531195" s="10"/>
    </row>
    <row r="531196" spans="14:14">
      <c r="N531196" s="10"/>
    </row>
    <row r="531197" spans="14:14">
      <c r="N531197" s="10"/>
    </row>
    <row r="531198" spans="14:14">
      <c r="N531198" s="10"/>
    </row>
    <row r="531199" spans="14:14">
      <c r="N531199" s="10"/>
    </row>
    <row r="531200" spans="14:14">
      <c r="N531200" s="10"/>
    </row>
    <row r="531201" spans="14:14">
      <c r="N531201" s="10"/>
    </row>
    <row r="531202" spans="14:14">
      <c r="N531202" s="10"/>
    </row>
    <row r="531203" spans="14:14">
      <c r="N531203" s="10"/>
    </row>
    <row r="531204" spans="14:14">
      <c r="N531204" s="10"/>
    </row>
    <row r="531205" spans="14:14">
      <c r="N531205" s="10"/>
    </row>
    <row r="531206" spans="14:14">
      <c r="N531206" s="10"/>
    </row>
    <row r="531207" spans="14:14">
      <c r="N531207" s="10"/>
    </row>
    <row r="531208" spans="14:14">
      <c r="N531208" s="10"/>
    </row>
    <row r="531209" spans="14:14">
      <c r="N531209" s="10"/>
    </row>
    <row r="531210" spans="14:14">
      <c r="N531210" s="10"/>
    </row>
    <row r="531211" spans="14:14">
      <c r="N531211" s="10"/>
    </row>
    <row r="531212" spans="14:14">
      <c r="N531212" s="10"/>
    </row>
    <row r="531213" spans="14:14">
      <c r="N531213" s="10"/>
    </row>
    <row r="531214" spans="14:14">
      <c r="N531214" s="10"/>
    </row>
    <row r="531215" spans="14:14">
      <c r="N531215" s="10"/>
    </row>
    <row r="531216" spans="14:14">
      <c r="N531216" s="10"/>
    </row>
    <row r="531217" spans="14:14">
      <c r="N531217" s="10"/>
    </row>
    <row r="531218" spans="14:14">
      <c r="N531218" s="10"/>
    </row>
    <row r="531219" spans="14:14">
      <c r="N531219" s="10"/>
    </row>
    <row r="531220" spans="14:14">
      <c r="N531220" s="10"/>
    </row>
    <row r="531221" spans="14:14">
      <c r="N531221" s="10"/>
    </row>
    <row r="531222" spans="14:14">
      <c r="N531222" s="10"/>
    </row>
    <row r="531223" spans="14:14">
      <c r="N531223" s="10"/>
    </row>
    <row r="531224" spans="14:14">
      <c r="N531224" s="10"/>
    </row>
    <row r="531225" spans="14:14">
      <c r="N531225" s="10"/>
    </row>
    <row r="531226" spans="14:14">
      <c r="N531226" s="10"/>
    </row>
    <row r="531227" spans="14:14">
      <c r="N531227" s="10"/>
    </row>
    <row r="531228" spans="14:14">
      <c r="N531228" s="10"/>
    </row>
    <row r="531229" spans="14:14">
      <c r="N531229" s="10"/>
    </row>
    <row r="531230" spans="14:14">
      <c r="N531230" s="10"/>
    </row>
    <row r="531231" spans="14:14">
      <c r="N531231" s="10"/>
    </row>
    <row r="531232" spans="14:14">
      <c r="N531232" s="10"/>
    </row>
    <row r="531233" spans="14:14">
      <c r="N531233" s="10"/>
    </row>
    <row r="531234" spans="14:14">
      <c r="N531234" s="10"/>
    </row>
    <row r="531235" spans="14:14">
      <c r="N531235" s="10"/>
    </row>
    <row r="531236" spans="14:14">
      <c r="N531236" s="10"/>
    </row>
    <row r="531237" spans="14:14">
      <c r="N531237" s="10"/>
    </row>
    <row r="531238" spans="14:14">
      <c r="N531238" s="10"/>
    </row>
    <row r="531239" spans="14:14">
      <c r="N531239" s="10"/>
    </row>
    <row r="531240" spans="14:14">
      <c r="N531240" s="10"/>
    </row>
    <row r="531241" spans="14:14">
      <c r="N531241" s="10"/>
    </row>
    <row r="531242" spans="14:14">
      <c r="N531242" s="10"/>
    </row>
    <row r="531243" spans="14:14">
      <c r="N531243" s="10"/>
    </row>
    <row r="531244" spans="14:14">
      <c r="N531244" s="10"/>
    </row>
    <row r="531245" spans="14:14">
      <c r="N531245" s="10"/>
    </row>
    <row r="531246" spans="14:14">
      <c r="N531246" s="10"/>
    </row>
    <row r="531247" spans="14:14">
      <c r="N531247" s="10"/>
    </row>
    <row r="531248" spans="14:14">
      <c r="N531248" s="10"/>
    </row>
    <row r="531249" spans="14:14">
      <c r="N531249" s="10"/>
    </row>
    <row r="531250" spans="14:14">
      <c r="N531250" s="10"/>
    </row>
    <row r="531251" spans="14:14">
      <c r="N531251" s="10"/>
    </row>
    <row r="531252" spans="14:14">
      <c r="N531252" s="10"/>
    </row>
    <row r="531253" spans="14:14">
      <c r="N531253" s="10"/>
    </row>
    <row r="531254" spans="14:14">
      <c r="N531254" s="10"/>
    </row>
    <row r="531255" spans="14:14">
      <c r="N531255" s="10"/>
    </row>
    <row r="531256" spans="14:14">
      <c r="N531256" s="10"/>
    </row>
    <row r="531257" spans="14:14">
      <c r="N531257" s="10"/>
    </row>
    <row r="531258" spans="14:14">
      <c r="N531258" s="10"/>
    </row>
    <row r="531259" spans="14:14">
      <c r="N531259" s="10"/>
    </row>
    <row r="531260" spans="14:14">
      <c r="N531260" s="10"/>
    </row>
    <row r="531261" spans="14:14">
      <c r="N531261" s="10"/>
    </row>
    <row r="531262" spans="14:14">
      <c r="N531262" s="10"/>
    </row>
    <row r="531263" spans="14:14">
      <c r="N531263" s="10"/>
    </row>
    <row r="531264" spans="14:14">
      <c r="N531264" s="10"/>
    </row>
    <row r="531265" spans="14:14">
      <c r="N531265" s="10"/>
    </row>
    <row r="531266" spans="14:14">
      <c r="N531266" s="10"/>
    </row>
    <row r="531267" spans="14:14">
      <c r="N531267" s="10"/>
    </row>
    <row r="531268" spans="14:14">
      <c r="N531268" s="10"/>
    </row>
    <row r="531269" spans="14:14">
      <c r="N531269" s="10"/>
    </row>
    <row r="531270" spans="14:14">
      <c r="N531270" s="10"/>
    </row>
    <row r="531271" spans="14:14">
      <c r="N531271" s="10"/>
    </row>
    <row r="531272" spans="14:14">
      <c r="N531272" s="10"/>
    </row>
    <row r="531273" spans="14:14">
      <c r="N531273" s="10"/>
    </row>
    <row r="531274" spans="14:14">
      <c r="N531274" s="10"/>
    </row>
    <row r="531275" spans="14:14">
      <c r="N531275" s="10"/>
    </row>
    <row r="531276" spans="14:14">
      <c r="N531276" s="10"/>
    </row>
    <row r="531277" spans="14:14">
      <c r="N531277" s="10"/>
    </row>
    <row r="531278" spans="14:14">
      <c r="N531278" s="10"/>
    </row>
    <row r="531279" spans="14:14">
      <c r="N531279" s="10"/>
    </row>
    <row r="531280" spans="14:14">
      <c r="N531280" s="10"/>
    </row>
    <row r="531281" spans="14:14">
      <c r="N531281" s="10"/>
    </row>
    <row r="531282" spans="14:14">
      <c r="N531282" s="10"/>
    </row>
    <row r="531283" spans="14:14">
      <c r="N531283" s="10"/>
    </row>
    <row r="531284" spans="14:14">
      <c r="N531284" s="10"/>
    </row>
    <row r="531285" spans="14:14">
      <c r="N531285" s="10"/>
    </row>
    <row r="531286" spans="14:14">
      <c r="N531286" s="10"/>
    </row>
    <row r="531287" spans="14:14">
      <c r="N531287" s="10"/>
    </row>
    <row r="531288" spans="14:14">
      <c r="N531288" s="10"/>
    </row>
    <row r="531289" spans="14:14">
      <c r="N531289" s="10"/>
    </row>
    <row r="531290" spans="14:14">
      <c r="N531290" s="10"/>
    </row>
    <row r="531291" spans="14:14">
      <c r="N531291" s="10"/>
    </row>
    <row r="531292" spans="14:14">
      <c r="N531292" s="10"/>
    </row>
    <row r="531293" spans="14:14">
      <c r="N531293" s="10"/>
    </row>
    <row r="531294" spans="14:14">
      <c r="N531294" s="10"/>
    </row>
    <row r="531295" spans="14:14">
      <c r="N531295" s="10"/>
    </row>
    <row r="531296" spans="14:14">
      <c r="N531296" s="10"/>
    </row>
    <row r="531297" spans="14:14">
      <c r="N531297" s="10"/>
    </row>
    <row r="531298" spans="14:14">
      <c r="N531298" s="10"/>
    </row>
    <row r="531299" spans="14:14">
      <c r="N531299" s="10"/>
    </row>
    <row r="531300" spans="14:14">
      <c r="N531300" s="10"/>
    </row>
    <row r="531301" spans="14:14">
      <c r="N531301" s="10"/>
    </row>
    <row r="531302" spans="14:14">
      <c r="N531302" s="10"/>
    </row>
    <row r="531303" spans="14:14">
      <c r="N531303" s="10"/>
    </row>
    <row r="531304" spans="14:14">
      <c r="N531304" s="10"/>
    </row>
    <row r="531305" spans="14:14">
      <c r="N531305" s="10"/>
    </row>
    <row r="531306" spans="14:14">
      <c r="N531306" s="10"/>
    </row>
    <row r="531307" spans="14:14">
      <c r="N531307" s="10"/>
    </row>
    <row r="531308" spans="14:14">
      <c r="N531308" s="10"/>
    </row>
    <row r="531309" spans="14:14">
      <c r="N531309" s="10"/>
    </row>
    <row r="531310" spans="14:14">
      <c r="N531310" s="10"/>
    </row>
    <row r="531311" spans="14:14">
      <c r="N531311" s="10"/>
    </row>
    <row r="531312" spans="14:14">
      <c r="N531312" s="10"/>
    </row>
    <row r="531313" spans="14:14">
      <c r="N531313" s="10"/>
    </row>
    <row r="531314" spans="14:14">
      <c r="N531314" s="10"/>
    </row>
    <row r="531315" spans="14:14">
      <c r="N531315" s="10"/>
    </row>
    <row r="531316" spans="14:14">
      <c r="N531316" s="10"/>
    </row>
    <row r="531317" spans="14:14">
      <c r="N531317" s="10"/>
    </row>
    <row r="531318" spans="14:14">
      <c r="N531318" s="10"/>
    </row>
    <row r="531319" spans="14:14">
      <c r="N531319" s="10"/>
    </row>
    <row r="531320" spans="14:14">
      <c r="N531320" s="10"/>
    </row>
    <row r="531321" spans="14:14">
      <c r="N531321" s="10"/>
    </row>
    <row r="531322" spans="14:14">
      <c r="N531322" s="10"/>
    </row>
    <row r="531323" spans="14:14">
      <c r="N531323" s="10"/>
    </row>
    <row r="531324" spans="14:14">
      <c r="N531324" s="10"/>
    </row>
    <row r="531325" spans="14:14">
      <c r="N531325" s="10"/>
    </row>
    <row r="531326" spans="14:14">
      <c r="N531326" s="10"/>
    </row>
    <row r="531327" spans="14:14">
      <c r="N531327" s="10"/>
    </row>
    <row r="531328" spans="14:14">
      <c r="N531328" s="10"/>
    </row>
    <row r="531329" spans="14:14">
      <c r="N531329" s="10"/>
    </row>
    <row r="531330" spans="14:14">
      <c r="N531330" s="10"/>
    </row>
    <row r="531331" spans="14:14">
      <c r="N531331" s="10"/>
    </row>
    <row r="531332" spans="14:14">
      <c r="N531332" s="10"/>
    </row>
    <row r="531333" spans="14:14">
      <c r="N531333" s="10"/>
    </row>
    <row r="531334" spans="14:14">
      <c r="N531334" s="10"/>
    </row>
    <row r="531335" spans="14:14">
      <c r="N531335" s="10"/>
    </row>
    <row r="531336" spans="14:14">
      <c r="N531336" s="10"/>
    </row>
    <row r="531337" spans="14:14">
      <c r="N531337" s="10"/>
    </row>
    <row r="531338" spans="14:14">
      <c r="N531338" s="10"/>
    </row>
    <row r="531339" spans="14:14">
      <c r="N531339" s="10"/>
    </row>
    <row r="531340" spans="14:14">
      <c r="N531340" s="10"/>
    </row>
    <row r="531341" spans="14:14">
      <c r="N531341" s="10"/>
    </row>
    <row r="531342" spans="14:14">
      <c r="N531342" s="10"/>
    </row>
    <row r="531343" spans="14:14">
      <c r="N531343" s="10"/>
    </row>
    <row r="531344" spans="14:14">
      <c r="N531344" s="10"/>
    </row>
    <row r="531345" spans="14:14">
      <c r="N531345" s="10"/>
    </row>
    <row r="531346" spans="14:14">
      <c r="N531346" s="10"/>
    </row>
    <row r="531347" spans="14:14">
      <c r="N531347" s="10"/>
    </row>
    <row r="531348" spans="14:14">
      <c r="N531348" s="10"/>
    </row>
    <row r="531349" spans="14:14">
      <c r="N531349" s="10"/>
    </row>
    <row r="531350" spans="14:14">
      <c r="N531350" s="10"/>
    </row>
    <row r="531351" spans="14:14">
      <c r="N531351" s="10"/>
    </row>
    <row r="531352" spans="14:14">
      <c r="N531352" s="10"/>
    </row>
    <row r="531353" spans="14:14">
      <c r="N531353" s="10"/>
    </row>
    <row r="531354" spans="14:14">
      <c r="N531354" s="10"/>
    </row>
    <row r="531355" spans="14:14">
      <c r="N531355" s="10"/>
    </row>
    <row r="531356" spans="14:14">
      <c r="N531356" s="10"/>
    </row>
    <row r="531357" spans="14:14">
      <c r="N531357" s="10"/>
    </row>
    <row r="531358" spans="14:14">
      <c r="N531358" s="10"/>
    </row>
    <row r="531359" spans="14:14">
      <c r="N531359" s="10"/>
    </row>
    <row r="531360" spans="14:14">
      <c r="N531360" s="10"/>
    </row>
    <row r="531361" spans="14:14">
      <c r="N531361" s="10"/>
    </row>
    <row r="531362" spans="14:14">
      <c r="N531362" s="10"/>
    </row>
    <row r="531363" spans="14:14">
      <c r="N531363" s="10"/>
    </row>
    <row r="531364" spans="14:14">
      <c r="N531364" s="10"/>
    </row>
    <row r="531365" spans="14:14">
      <c r="N531365" s="10"/>
    </row>
    <row r="531366" spans="14:14">
      <c r="N531366" s="10"/>
    </row>
    <row r="531367" spans="14:14">
      <c r="N531367" s="10"/>
    </row>
    <row r="531368" spans="14:14">
      <c r="N531368" s="10"/>
    </row>
    <row r="531369" spans="14:14">
      <c r="N531369" s="10"/>
    </row>
    <row r="531370" spans="14:14">
      <c r="N531370" s="10"/>
    </row>
    <row r="531371" spans="14:14">
      <c r="N531371" s="10"/>
    </row>
    <row r="531372" spans="14:14">
      <c r="N531372" s="10"/>
    </row>
    <row r="531373" spans="14:14">
      <c r="N531373" s="10"/>
    </row>
    <row r="531374" spans="14:14">
      <c r="N531374" s="10"/>
    </row>
    <row r="531375" spans="14:14">
      <c r="N531375" s="10"/>
    </row>
    <row r="531376" spans="14:14">
      <c r="N531376" s="10"/>
    </row>
    <row r="531377" spans="14:14">
      <c r="N531377" s="10"/>
    </row>
    <row r="531378" spans="14:14">
      <c r="N531378" s="10"/>
    </row>
    <row r="531379" spans="14:14">
      <c r="N531379" s="10"/>
    </row>
    <row r="531380" spans="14:14">
      <c r="N531380" s="10"/>
    </row>
    <row r="531381" spans="14:14">
      <c r="N531381" s="10"/>
    </row>
    <row r="531382" spans="14:14">
      <c r="N531382" s="10"/>
    </row>
    <row r="531383" spans="14:14">
      <c r="N531383" s="10"/>
    </row>
    <row r="531384" spans="14:14">
      <c r="N531384" s="10"/>
    </row>
    <row r="531385" spans="14:14">
      <c r="N531385" s="10"/>
    </row>
    <row r="531386" spans="14:14">
      <c r="N531386" s="10"/>
    </row>
    <row r="531387" spans="14:14">
      <c r="N531387" s="10"/>
    </row>
    <row r="531388" spans="14:14">
      <c r="N531388" s="10"/>
    </row>
    <row r="531389" spans="14:14">
      <c r="N531389" s="10"/>
    </row>
    <row r="531390" spans="14:14">
      <c r="N531390" s="10"/>
    </row>
    <row r="531391" spans="14:14">
      <c r="N531391" s="10"/>
    </row>
    <row r="531392" spans="14:14">
      <c r="N531392" s="10"/>
    </row>
    <row r="531393" spans="14:14">
      <c r="N531393" s="10"/>
    </row>
    <row r="531394" spans="14:14">
      <c r="N531394" s="10"/>
    </row>
    <row r="531395" spans="14:14">
      <c r="N531395" s="10"/>
    </row>
    <row r="531396" spans="14:14">
      <c r="N531396" s="10"/>
    </row>
    <row r="531397" spans="14:14">
      <c r="N531397" s="10"/>
    </row>
    <row r="531398" spans="14:14">
      <c r="N531398" s="10"/>
    </row>
    <row r="531399" spans="14:14">
      <c r="N531399" s="10"/>
    </row>
    <row r="531400" spans="14:14">
      <c r="N531400" s="10"/>
    </row>
    <row r="531401" spans="14:14">
      <c r="N531401" s="10"/>
    </row>
    <row r="531402" spans="14:14">
      <c r="N531402" s="10"/>
    </row>
    <row r="531403" spans="14:14">
      <c r="N531403" s="10"/>
    </row>
    <row r="531404" spans="14:14">
      <c r="N531404" s="10"/>
    </row>
    <row r="531405" spans="14:14">
      <c r="N531405" s="10"/>
    </row>
    <row r="531406" spans="14:14">
      <c r="N531406" s="10"/>
    </row>
    <row r="531407" spans="14:14">
      <c r="N531407" s="10"/>
    </row>
    <row r="531408" spans="14:14">
      <c r="N531408" s="10"/>
    </row>
    <row r="531409" spans="14:14">
      <c r="N531409" s="10"/>
    </row>
    <row r="531410" spans="14:14">
      <c r="N531410" s="10"/>
    </row>
    <row r="531411" spans="14:14">
      <c r="N531411" s="10"/>
    </row>
    <row r="531412" spans="14:14">
      <c r="N531412" s="10"/>
    </row>
    <row r="531413" spans="14:14">
      <c r="N531413" s="10"/>
    </row>
    <row r="531414" spans="14:14">
      <c r="N531414" s="10"/>
    </row>
    <row r="531415" spans="14:14">
      <c r="N531415" s="10"/>
    </row>
    <row r="531416" spans="14:14">
      <c r="N531416" s="10"/>
    </row>
    <row r="531417" spans="14:14">
      <c r="N531417" s="10"/>
    </row>
    <row r="531418" spans="14:14">
      <c r="N531418" s="10"/>
    </row>
    <row r="531419" spans="14:14">
      <c r="N531419" s="10"/>
    </row>
    <row r="531420" spans="14:14">
      <c r="N531420" s="10"/>
    </row>
    <row r="531421" spans="14:14">
      <c r="N531421" s="10"/>
    </row>
    <row r="531422" spans="14:14">
      <c r="N531422" s="10"/>
    </row>
    <row r="531423" spans="14:14">
      <c r="N531423" s="10"/>
    </row>
    <row r="531424" spans="14:14">
      <c r="N531424" s="10"/>
    </row>
    <row r="531425" spans="14:14">
      <c r="N531425" s="10"/>
    </row>
    <row r="531426" spans="14:14">
      <c r="N531426" s="10"/>
    </row>
    <row r="531427" spans="14:14">
      <c r="N531427" s="10"/>
    </row>
    <row r="531428" spans="14:14">
      <c r="N531428" s="10"/>
    </row>
    <row r="531429" spans="14:14">
      <c r="N531429" s="10"/>
    </row>
    <row r="531430" spans="14:14">
      <c r="N531430" s="10"/>
    </row>
    <row r="531431" spans="14:14">
      <c r="N531431" s="10"/>
    </row>
    <row r="531432" spans="14:14">
      <c r="N531432" s="10"/>
    </row>
    <row r="531433" spans="14:14">
      <c r="N531433" s="10"/>
    </row>
    <row r="531434" spans="14:14">
      <c r="N531434" s="10"/>
    </row>
    <row r="531435" spans="14:14">
      <c r="N531435" s="10"/>
    </row>
    <row r="531436" spans="14:14">
      <c r="N531436" s="10"/>
    </row>
    <row r="531437" spans="14:14">
      <c r="N531437" s="10"/>
    </row>
    <row r="531438" spans="14:14">
      <c r="N531438" s="10"/>
    </row>
    <row r="531439" spans="14:14">
      <c r="N531439" s="10"/>
    </row>
    <row r="531440" spans="14:14">
      <c r="N531440" s="10"/>
    </row>
    <row r="531441" spans="14:14">
      <c r="N531441" s="10"/>
    </row>
    <row r="531442" spans="14:14">
      <c r="N531442" s="10"/>
    </row>
    <row r="531443" spans="14:14">
      <c r="N531443" s="10"/>
    </row>
    <row r="531444" spans="14:14">
      <c r="N531444" s="10"/>
    </row>
    <row r="531445" spans="14:14">
      <c r="N531445" s="10"/>
    </row>
    <row r="531446" spans="14:14">
      <c r="N531446" s="10"/>
    </row>
    <row r="531447" spans="14:14">
      <c r="N531447" s="10"/>
    </row>
    <row r="531448" spans="14:14">
      <c r="N531448" s="10"/>
    </row>
    <row r="531449" spans="14:14">
      <c r="N531449" s="10"/>
    </row>
    <row r="531450" spans="14:14">
      <c r="N531450" s="10"/>
    </row>
    <row r="531451" spans="14:14">
      <c r="N531451" s="10"/>
    </row>
    <row r="531452" spans="14:14">
      <c r="N531452" s="10"/>
    </row>
    <row r="531453" spans="14:14">
      <c r="N531453" s="10"/>
    </row>
    <row r="531454" spans="14:14">
      <c r="N531454" s="10"/>
    </row>
    <row r="531455" spans="14:14">
      <c r="N531455" s="10"/>
    </row>
    <row r="531456" spans="14:14">
      <c r="N531456" s="10"/>
    </row>
    <row r="531457" spans="14:14">
      <c r="N531457" s="10"/>
    </row>
    <row r="531458" spans="14:14">
      <c r="N531458" s="10"/>
    </row>
    <row r="531459" spans="14:14">
      <c r="N531459" s="10"/>
    </row>
    <row r="531460" spans="14:14">
      <c r="N531460" s="10"/>
    </row>
    <row r="531461" spans="14:14">
      <c r="N531461" s="10"/>
    </row>
    <row r="531462" spans="14:14">
      <c r="N531462" s="10"/>
    </row>
    <row r="531463" spans="14:14">
      <c r="N531463" s="10"/>
    </row>
    <row r="531464" spans="14:14">
      <c r="N531464" s="10"/>
    </row>
    <row r="531465" spans="14:14">
      <c r="N531465" s="10"/>
    </row>
    <row r="531466" spans="14:14">
      <c r="N531466" s="10"/>
    </row>
    <row r="531467" spans="14:14">
      <c r="N531467" s="10"/>
    </row>
    <row r="531468" spans="14:14">
      <c r="N531468" s="10"/>
    </row>
    <row r="531469" spans="14:14">
      <c r="N531469" s="10"/>
    </row>
    <row r="531470" spans="14:14">
      <c r="N531470" s="10"/>
    </row>
    <row r="531471" spans="14:14">
      <c r="N531471" s="10"/>
    </row>
    <row r="531472" spans="14:14">
      <c r="N531472" s="10"/>
    </row>
    <row r="531473" spans="14:14">
      <c r="N531473" s="10"/>
    </row>
    <row r="531474" spans="14:14">
      <c r="N531474" s="10"/>
    </row>
    <row r="531475" spans="14:14">
      <c r="N531475" s="10"/>
    </row>
    <row r="531476" spans="14:14">
      <c r="N531476" s="10"/>
    </row>
    <row r="531477" spans="14:14">
      <c r="N531477" s="10"/>
    </row>
    <row r="531478" spans="14:14">
      <c r="N531478" s="10"/>
    </row>
    <row r="531479" spans="14:14">
      <c r="N531479" s="10"/>
    </row>
    <row r="531480" spans="14:14">
      <c r="N531480" s="10"/>
    </row>
    <row r="531481" spans="14:14">
      <c r="N531481" s="10"/>
    </row>
    <row r="531482" spans="14:14">
      <c r="N531482" s="10"/>
    </row>
    <row r="531483" spans="14:14">
      <c r="N531483" s="10"/>
    </row>
    <row r="531484" spans="14:14">
      <c r="N531484" s="10"/>
    </row>
    <row r="531485" spans="14:14">
      <c r="N531485" s="10"/>
    </row>
    <row r="531486" spans="14:14">
      <c r="N531486" s="10"/>
    </row>
    <row r="531487" spans="14:14">
      <c r="N531487" s="10"/>
    </row>
    <row r="531488" spans="14:14">
      <c r="N531488" s="10"/>
    </row>
    <row r="531489" spans="14:14">
      <c r="N531489" s="10"/>
    </row>
    <row r="531490" spans="14:14">
      <c r="N531490" s="10"/>
    </row>
    <row r="531491" spans="14:14">
      <c r="N531491" s="10"/>
    </row>
    <row r="531492" spans="14:14">
      <c r="N531492" s="10"/>
    </row>
    <row r="531493" spans="14:14">
      <c r="N531493" s="10"/>
    </row>
    <row r="531494" spans="14:14">
      <c r="N531494" s="10"/>
    </row>
    <row r="531495" spans="14:14">
      <c r="N531495" s="10"/>
    </row>
    <row r="531496" spans="14:14">
      <c r="N531496" s="10"/>
    </row>
    <row r="531497" spans="14:14">
      <c r="N531497" s="10"/>
    </row>
    <row r="531498" spans="14:14">
      <c r="N531498" s="10"/>
    </row>
    <row r="531499" spans="14:14">
      <c r="N531499" s="10"/>
    </row>
    <row r="531500" spans="14:14">
      <c r="N531500" s="10"/>
    </row>
    <row r="531501" spans="14:14">
      <c r="N531501" s="10"/>
    </row>
    <row r="531502" spans="14:14">
      <c r="N531502" s="10"/>
    </row>
    <row r="531503" spans="14:14">
      <c r="N531503" s="10"/>
    </row>
    <row r="531504" spans="14:14">
      <c r="N531504" s="10"/>
    </row>
    <row r="531505" spans="14:14">
      <c r="N531505" s="10"/>
    </row>
    <row r="531506" spans="14:14">
      <c r="N531506" s="10"/>
    </row>
    <row r="531507" spans="14:14">
      <c r="N531507" s="10"/>
    </row>
    <row r="531508" spans="14:14">
      <c r="N531508" s="10"/>
    </row>
    <row r="531509" spans="14:14">
      <c r="N531509" s="10"/>
    </row>
    <row r="531510" spans="14:14">
      <c r="N531510" s="10"/>
    </row>
    <row r="531511" spans="14:14">
      <c r="N531511" s="10"/>
    </row>
    <row r="531512" spans="14:14">
      <c r="N531512" s="10"/>
    </row>
    <row r="531513" spans="14:14">
      <c r="N531513" s="10"/>
    </row>
    <row r="531514" spans="14:14">
      <c r="N531514" s="10"/>
    </row>
    <row r="531515" spans="14:14">
      <c r="N531515" s="10"/>
    </row>
    <row r="531516" spans="14:14">
      <c r="N531516" s="10"/>
    </row>
    <row r="531517" spans="14:14">
      <c r="N531517" s="10"/>
    </row>
    <row r="531518" spans="14:14">
      <c r="N531518" s="10"/>
    </row>
    <row r="531519" spans="14:14">
      <c r="N531519" s="10"/>
    </row>
    <row r="531520" spans="14:14">
      <c r="N531520" s="10"/>
    </row>
    <row r="531521" spans="14:14">
      <c r="N531521" s="10"/>
    </row>
    <row r="531522" spans="14:14">
      <c r="N531522" s="10"/>
    </row>
    <row r="531523" spans="14:14">
      <c r="N531523" s="10"/>
    </row>
    <row r="531524" spans="14:14">
      <c r="N531524" s="10"/>
    </row>
    <row r="531525" spans="14:14">
      <c r="N531525" s="10"/>
    </row>
    <row r="531526" spans="14:14">
      <c r="N531526" s="10"/>
    </row>
    <row r="531527" spans="14:14">
      <c r="N531527" s="10"/>
    </row>
    <row r="531528" spans="14:14">
      <c r="N531528" s="10"/>
    </row>
    <row r="531529" spans="14:14">
      <c r="N531529" s="10"/>
    </row>
    <row r="531530" spans="14:14">
      <c r="N531530" s="10"/>
    </row>
    <row r="531531" spans="14:14">
      <c r="N531531" s="10"/>
    </row>
    <row r="531532" spans="14:14">
      <c r="N531532" s="10"/>
    </row>
    <row r="531533" spans="14:14">
      <c r="N531533" s="10"/>
    </row>
    <row r="531534" spans="14:14">
      <c r="N531534" s="10"/>
    </row>
    <row r="531535" spans="14:14">
      <c r="N531535" s="10"/>
    </row>
    <row r="531536" spans="14:14">
      <c r="N531536" s="10"/>
    </row>
    <row r="531537" spans="14:14">
      <c r="N531537" s="10"/>
    </row>
    <row r="531538" spans="14:14">
      <c r="N531538" s="10"/>
    </row>
    <row r="531539" spans="14:14">
      <c r="N531539" s="10"/>
    </row>
    <row r="531540" spans="14:14">
      <c r="N531540" s="10"/>
    </row>
    <row r="531541" spans="14:14">
      <c r="N531541" s="10"/>
    </row>
    <row r="531542" spans="14:14">
      <c r="N531542" s="10"/>
    </row>
    <row r="531543" spans="14:14">
      <c r="N531543" s="10"/>
    </row>
    <row r="531544" spans="14:14">
      <c r="N531544" s="10"/>
    </row>
    <row r="531545" spans="14:14">
      <c r="N531545" s="10"/>
    </row>
    <row r="531546" spans="14:14">
      <c r="N531546" s="10"/>
    </row>
    <row r="531547" spans="14:14">
      <c r="N531547" s="10"/>
    </row>
    <row r="531548" spans="14:14">
      <c r="N531548" s="10"/>
    </row>
    <row r="531549" spans="14:14">
      <c r="N531549" s="10"/>
    </row>
    <row r="531550" spans="14:14">
      <c r="N531550" s="10"/>
    </row>
    <row r="531551" spans="14:14">
      <c r="N531551" s="10"/>
    </row>
    <row r="531552" spans="14:14">
      <c r="N531552" s="10"/>
    </row>
    <row r="531553" spans="14:14">
      <c r="N531553" s="10"/>
    </row>
    <row r="531554" spans="14:14">
      <c r="N531554" s="10"/>
    </row>
    <row r="531555" spans="14:14">
      <c r="N531555" s="10"/>
    </row>
    <row r="531556" spans="14:14">
      <c r="N531556" s="10"/>
    </row>
    <row r="531557" spans="14:14">
      <c r="N531557" s="10"/>
    </row>
    <row r="531558" spans="14:14">
      <c r="N531558" s="10"/>
    </row>
    <row r="531559" spans="14:14">
      <c r="N531559" s="10"/>
    </row>
    <row r="531560" spans="14:14">
      <c r="N531560" s="10"/>
    </row>
    <row r="531561" spans="14:14">
      <c r="N531561" s="10"/>
    </row>
    <row r="531562" spans="14:14">
      <c r="N531562" s="10"/>
    </row>
    <row r="531563" spans="14:14">
      <c r="N531563" s="10"/>
    </row>
    <row r="531564" spans="14:14">
      <c r="N531564" s="10"/>
    </row>
    <row r="531565" spans="14:14">
      <c r="N531565" s="10"/>
    </row>
    <row r="531566" spans="14:14">
      <c r="N531566" s="10"/>
    </row>
    <row r="531567" spans="14:14">
      <c r="N531567" s="10"/>
    </row>
    <row r="531568" spans="14:14">
      <c r="N531568" s="10"/>
    </row>
    <row r="531569" spans="14:14">
      <c r="N531569" s="10"/>
    </row>
    <row r="531570" spans="14:14">
      <c r="N531570" s="10"/>
    </row>
    <row r="531571" spans="14:14">
      <c r="N531571" s="10"/>
    </row>
    <row r="531572" spans="14:14">
      <c r="N531572" s="10"/>
    </row>
    <row r="531573" spans="14:14">
      <c r="N531573" s="10"/>
    </row>
    <row r="531574" spans="14:14">
      <c r="N531574" s="10"/>
    </row>
    <row r="531575" spans="14:14">
      <c r="N531575" s="10"/>
    </row>
    <row r="531576" spans="14:14">
      <c r="N531576" s="10"/>
    </row>
    <row r="531577" spans="14:14">
      <c r="N531577" s="10"/>
    </row>
    <row r="531578" spans="14:14">
      <c r="N531578" s="10"/>
    </row>
    <row r="531579" spans="14:14">
      <c r="N531579" s="10"/>
    </row>
    <row r="531580" spans="14:14">
      <c r="N531580" s="10"/>
    </row>
    <row r="531581" spans="14:14">
      <c r="N531581" s="10"/>
    </row>
    <row r="531582" spans="14:14">
      <c r="N531582" s="10"/>
    </row>
    <row r="531583" spans="14:14">
      <c r="N531583" s="10"/>
    </row>
    <row r="531584" spans="14:14">
      <c r="N531584" s="10"/>
    </row>
    <row r="531585" spans="14:14">
      <c r="N531585" s="10"/>
    </row>
    <row r="531586" spans="14:14">
      <c r="N531586" s="10"/>
    </row>
    <row r="531587" spans="14:14">
      <c r="N531587" s="10"/>
    </row>
    <row r="531588" spans="14:14">
      <c r="N531588" s="10"/>
    </row>
    <row r="531589" spans="14:14">
      <c r="N531589" s="10"/>
    </row>
    <row r="531590" spans="14:14">
      <c r="N531590" s="10"/>
    </row>
    <row r="531591" spans="14:14">
      <c r="N531591" s="10"/>
    </row>
    <row r="531592" spans="14:14">
      <c r="N531592" s="10"/>
    </row>
    <row r="531593" spans="14:14">
      <c r="N531593" s="10"/>
    </row>
    <row r="531594" spans="14:14">
      <c r="N531594" s="10"/>
    </row>
    <row r="531595" spans="14:14">
      <c r="N531595" s="10"/>
    </row>
    <row r="531596" spans="14:14">
      <c r="N531596" s="10"/>
    </row>
    <row r="531597" spans="14:14">
      <c r="N531597" s="10"/>
    </row>
    <row r="531598" spans="14:14">
      <c r="N531598" s="10"/>
    </row>
    <row r="531599" spans="14:14">
      <c r="N531599" s="10"/>
    </row>
    <row r="531600" spans="14:14">
      <c r="N531600" s="10"/>
    </row>
    <row r="531601" spans="14:14">
      <c r="N531601" s="10"/>
    </row>
    <row r="531602" spans="14:14">
      <c r="N531602" s="10"/>
    </row>
    <row r="531603" spans="14:14">
      <c r="N531603" s="10"/>
    </row>
    <row r="531604" spans="14:14">
      <c r="N531604" s="10"/>
    </row>
    <row r="531605" spans="14:14">
      <c r="N531605" s="10"/>
    </row>
    <row r="531606" spans="14:14">
      <c r="N531606" s="10"/>
    </row>
    <row r="531607" spans="14:14">
      <c r="N531607" s="10"/>
    </row>
    <row r="531608" spans="14:14">
      <c r="N531608" s="10"/>
    </row>
    <row r="531609" spans="14:14">
      <c r="N531609" s="10"/>
    </row>
    <row r="531610" spans="14:14">
      <c r="N531610" s="10"/>
    </row>
    <row r="531611" spans="14:14">
      <c r="N531611" s="10"/>
    </row>
    <row r="531612" spans="14:14">
      <c r="N531612" s="10"/>
    </row>
    <row r="531613" spans="14:14">
      <c r="N531613" s="10"/>
    </row>
    <row r="531614" spans="14:14">
      <c r="N531614" s="10"/>
    </row>
    <row r="531615" spans="14:14">
      <c r="N531615" s="10"/>
    </row>
    <row r="531616" spans="14:14">
      <c r="N531616" s="10"/>
    </row>
    <row r="531617" spans="14:14">
      <c r="N531617" s="10"/>
    </row>
    <row r="531618" spans="14:14">
      <c r="N531618" s="10"/>
    </row>
    <row r="531619" spans="14:14">
      <c r="N531619" s="10"/>
    </row>
    <row r="531620" spans="14:14">
      <c r="N531620" s="10"/>
    </row>
    <row r="531621" spans="14:14">
      <c r="N531621" s="10"/>
    </row>
    <row r="531622" spans="14:14">
      <c r="N531622" s="10"/>
    </row>
    <row r="531623" spans="14:14">
      <c r="N531623" s="10"/>
    </row>
    <row r="531624" spans="14:14">
      <c r="N531624" s="10"/>
    </row>
    <row r="531625" spans="14:14">
      <c r="N531625" s="10"/>
    </row>
    <row r="531626" spans="14:14">
      <c r="N531626" s="10"/>
    </row>
    <row r="531627" spans="14:14">
      <c r="N531627" s="10"/>
    </row>
    <row r="531628" spans="14:14">
      <c r="N531628" s="10"/>
    </row>
    <row r="531629" spans="14:14">
      <c r="N531629" s="10"/>
    </row>
    <row r="531630" spans="14:14">
      <c r="N531630" s="10"/>
    </row>
    <row r="531631" spans="14:14">
      <c r="N531631" s="10"/>
    </row>
    <row r="531632" spans="14:14">
      <c r="N531632" s="10"/>
    </row>
    <row r="531633" spans="14:14">
      <c r="N531633" s="10"/>
    </row>
    <row r="531634" spans="14:14">
      <c r="N531634" s="10"/>
    </row>
    <row r="531635" spans="14:14">
      <c r="N531635" s="10"/>
    </row>
    <row r="531636" spans="14:14">
      <c r="N531636" s="10"/>
    </row>
    <row r="531637" spans="14:14">
      <c r="N531637" s="10"/>
    </row>
    <row r="531638" spans="14:14">
      <c r="N531638" s="10"/>
    </row>
    <row r="531639" spans="14:14">
      <c r="N531639" s="10"/>
    </row>
    <row r="531640" spans="14:14">
      <c r="N531640" s="10"/>
    </row>
    <row r="531641" spans="14:14">
      <c r="N531641" s="10"/>
    </row>
    <row r="531642" spans="14:14">
      <c r="N531642" s="10"/>
    </row>
    <row r="531643" spans="14:14">
      <c r="N531643" s="10"/>
    </row>
    <row r="531644" spans="14:14">
      <c r="N531644" s="10"/>
    </row>
    <row r="531645" spans="14:14">
      <c r="N531645" s="10"/>
    </row>
    <row r="531646" spans="14:14">
      <c r="N531646" s="10"/>
    </row>
    <row r="531647" spans="14:14">
      <c r="N531647" s="10"/>
    </row>
    <row r="531648" spans="14:14">
      <c r="N531648" s="10"/>
    </row>
    <row r="531649" spans="14:14">
      <c r="N531649" s="10"/>
    </row>
    <row r="531650" spans="14:14">
      <c r="N531650" s="10"/>
    </row>
    <row r="531651" spans="14:14">
      <c r="N531651" s="10"/>
    </row>
    <row r="531652" spans="14:14">
      <c r="N531652" s="10"/>
    </row>
    <row r="531653" spans="14:14">
      <c r="N531653" s="10"/>
    </row>
    <row r="531654" spans="14:14">
      <c r="N531654" s="10"/>
    </row>
    <row r="531655" spans="14:14">
      <c r="N531655" s="10"/>
    </row>
    <row r="531656" spans="14:14">
      <c r="N531656" s="10"/>
    </row>
    <row r="531657" spans="14:14">
      <c r="N531657" s="10"/>
    </row>
    <row r="531658" spans="14:14">
      <c r="N531658" s="10"/>
    </row>
    <row r="531659" spans="14:14">
      <c r="N531659" s="10"/>
    </row>
    <row r="531660" spans="14:14">
      <c r="N531660" s="10"/>
    </row>
    <row r="531661" spans="14:14">
      <c r="N531661" s="10"/>
    </row>
    <row r="531662" spans="14:14">
      <c r="N531662" s="10"/>
    </row>
    <row r="531663" spans="14:14">
      <c r="N531663" s="10"/>
    </row>
    <row r="531664" spans="14:14">
      <c r="N531664" s="10"/>
    </row>
    <row r="531665" spans="14:14">
      <c r="N531665" s="10"/>
    </row>
    <row r="531666" spans="14:14">
      <c r="N531666" s="10"/>
    </row>
    <row r="531667" spans="14:14">
      <c r="N531667" s="10"/>
    </row>
    <row r="531668" spans="14:14">
      <c r="N531668" s="10"/>
    </row>
    <row r="531669" spans="14:14">
      <c r="N531669" s="10"/>
    </row>
    <row r="531670" spans="14:14">
      <c r="N531670" s="10"/>
    </row>
    <row r="531671" spans="14:14">
      <c r="N531671" s="10"/>
    </row>
    <row r="531672" spans="14:14">
      <c r="N531672" s="10"/>
    </row>
    <row r="531673" spans="14:14">
      <c r="N531673" s="10"/>
    </row>
    <row r="531674" spans="14:14">
      <c r="N531674" s="10"/>
    </row>
    <row r="531675" spans="14:14">
      <c r="N531675" s="10"/>
    </row>
    <row r="531676" spans="14:14">
      <c r="N531676" s="10"/>
    </row>
    <row r="531677" spans="14:14">
      <c r="N531677" s="10"/>
    </row>
    <row r="531678" spans="14:14">
      <c r="N531678" s="10"/>
    </row>
    <row r="531679" spans="14:14">
      <c r="N531679" s="10"/>
    </row>
    <row r="531680" spans="14:14">
      <c r="N531680" s="10"/>
    </row>
    <row r="531681" spans="14:14">
      <c r="N531681" s="10"/>
    </row>
    <row r="531682" spans="14:14">
      <c r="N531682" s="10"/>
    </row>
    <row r="531683" spans="14:14">
      <c r="N531683" s="10"/>
    </row>
    <row r="531684" spans="14:14">
      <c r="N531684" s="10"/>
    </row>
    <row r="531685" spans="14:14">
      <c r="N531685" s="10"/>
    </row>
    <row r="531686" spans="14:14">
      <c r="N531686" s="10"/>
    </row>
    <row r="531687" spans="14:14">
      <c r="N531687" s="10"/>
    </row>
    <row r="531688" spans="14:14">
      <c r="N531688" s="10"/>
    </row>
    <row r="531689" spans="14:14">
      <c r="N531689" s="10"/>
    </row>
    <row r="531690" spans="14:14">
      <c r="N531690" s="10"/>
    </row>
    <row r="531691" spans="14:14">
      <c r="N531691" s="10"/>
    </row>
    <row r="531692" spans="14:14">
      <c r="N531692" s="10"/>
    </row>
    <row r="531693" spans="14:14">
      <c r="N531693" s="10"/>
    </row>
    <row r="531694" spans="14:14">
      <c r="N531694" s="10"/>
    </row>
    <row r="531695" spans="14:14">
      <c r="N531695" s="10"/>
    </row>
    <row r="531696" spans="14:14">
      <c r="N531696" s="10"/>
    </row>
    <row r="531697" spans="14:14">
      <c r="N531697" s="10"/>
    </row>
    <row r="531698" spans="14:14">
      <c r="N531698" s="10"/>
    </row>
    <row r="531699" spans="14:14">
      <c r="N531699" s="10"/>
    </row>
    <row r="531700" spans="14:14">
      <c r="N531700" s="10"/>
    </row>
    <row r="531701" spans="14:14">
      <c r="N531701" s="10"/>
    </row>
    <row r="531702" spans="14:14">
      <c r="N531702" s="10"/>
    </row>
    <row r="531703" spans="14:14">
      <c r="N531703" s="10"/>
    </row>
    <row r="531704" spans="14:14">
      <c r="N531704" s="10"/>
    </row>
    <row r="531705" spans="14:14">
      <c r="N531705" s="10"/>
    </row>
    <row r="531706" spans="14:14">
      <c r="N531706" s="10"/>
    </row>
    <row r="531707" spans="14:14">
      <c r="N531707" s="10"/>
    </row>
    <row r="531708" spans="14:14">
      <c r="N531708" s="10"/>
    </row>
    <row r="531709" spans="14:14">
      <c r="N531709" s="10"/>
    </row>
    <row r="531710" spans="14:14">
      <c r="N531710" s="10"/>
    </row>
    <row r="531711" spans="14:14">
      <c r="N531711" s="10"/>
    </row>
    <row r="531712" spans="14:14">
      <c r="N531712" s="10"/>
    </row>
    <row r="531713" spans="14:14">
      <c r="N531713" s="10"/>
    </row>
    <row r="531714" spans="14:14">
      <c r="N531714" s="10"/>
    </row>
    <row r="531715" spans="14:14">
      <c r="N531715" s="10"/>
    </row>
    <row r="531716" spans="14:14">
      <c r="N531716" s="10"/>
    </row>
    <row r="531717" spans="14:14">
      <c r="N531717" s="10"/>
    </row>
    <row r="531718" spans="14:14">
      <c r="N531718" s="10"/>
    </row>
    <row r="531719" spans="14:14">
      <c r="N531719" s="10"/>
    </row>
    <row r="531720" spans="14:14">
      <c r="N531720" s="10"/>
    </row>
    <row r="531721" spans="14:14">
      <c r="N531721" s="10"/>
    </row>
    <row r="531722" spans="14:14">
      <c r="N531722" s="10"/>
    </row>
    <row r="531723" spans="14:14">
      <c r="N531723" s="10"/>
    </row>
    <row r="531724" spans="14:14">
      <c r="N531724" s="10"/>
    </row>
    <row r="531725" spans="14:14">
      <c r="N531725" s="10"/>
    </row>
    <row r="531726" spans="14:14">
      <c r="N531726" s="10"/>
    </row>
    <row r="531727" spans="14:14">
      <c r="N531727" s="10"/>
    </row>
    <row r="531728" spans="14:14">
      <c r="N531728" s="10"/>
    </row>
    <row r="531729" spans="14:14">
      <c r="N531729" s="10"/>
    </row>
    <row r="531730" spans="14:14">
      <c r="N531730" s="10"/>
    </row>
    <row r="531731" spans="14:14">
      <c r="N531731" s="10"/>
    </row>
    <row r="531732" spans="14:14">
      <c r="N531732" s="10"/>
    </row>
    <row r="531733" spans="14:14">
      <c r="N531733" s="10"/>
    </row>
    <row r="531734" spans="14:14">
      <c r="N531734" s="10"/>
    </row>
    <row r="531735" spans="14:14">
      <c r="N531735" s="10"/>
    </row>
    <row r="531736" spans="14:14">
      <c r="N531736" s="10"/>
    </row>
    <row r="531737" spans="14:14">
      <c r="N531737" s="10"/>
    </row>
    <row r="531738" spans="14:14">
      <c r="N531738" s="10"/>
    </row>
    <row r="531739" spans="14:14">
      <c r="N531739" s="10"/>
    </row>
    <row r="531740" spans="14:14">
      <c r="N531740" s="10"/>
    </row>
    <row r="531741" spans="14:14">
      <c r="N531741" s="10"/>
    </row>
    <row r="531742" spans="14:14">
      <c r="N531742" s="10"/>
    </row>
    <row r="531743" spans="14:14">
      <c r="N531743" s="10"/>
    </row>
    <row r="531744" spans="14:14">
      <c r="N531744" s="10"/>
    </row>
    <row r="531745" spans="14:14">
      <c r="N531745" s="10"/>
    </row>
    <row r="531746" spans="14:14">
      <c r="N531746" s="10"/>
    </row>
    <row r="531747" spans="14:14">
      <c r="N531747" s="10"/>
    </row>
    <row r="531748" spans="14:14">
      <c r="N531748" s="10"/>
    </row>
    <row r="531749" spans="14:14">
      <c r="N531749" s="10"/>
    </row>
    <row r="531750" spans="14:14">
      <c r="N531750" s="10"/>
    </row>
    <row r="531751" spans="14:14">
      <c r="N531751" s="10"/>
    </row>
    <row r="531752" spans="14:14">
      <c r="N531752" s="10"/>
    </row>
    <row r="531753" spans="14:14">
      <c r="N531753" s="10"/>
    </row>
    <row r="531754" spans="14:14">
      <c r="N531754" s="10"/>
    </row>
    <row r="531755" spans="14:14">
      <c r="N531755" s="10"/>
    </row>
    <row r="531756" spans="14:14">
      <c r="N531756" s="10"/>
    </row>
    <row r="531757" spans="14:14">
      <c r="N531757" s="10"/>
    </row>
    <row r="531758" spans="14:14">
      <c r="N531758" s="10"/>
    </row>
    <row r="531759" spans="14:14">
      <c r="N531759" s="10"/>
    </row>
    <row r="531760" spans="14:14">
      <c r="N531760" s="10"/>
    </row>
    <row r="531761" spans="14:14">
      <c r="N531761" s="10"/>
    </row>
    <row r="531762" spans="14:14">
      <c r="N531762" s="10"/>
    </row>
    <row r="531763" spans="14:14">
      <c r="N531763" s="10"/>
    </row>
    <row r="531764" spans="14:14">
      <c r="N531764" s="10"/>
    </row>
    <row r="531765" spans="14:14">
      <c r="N531765" s="10"/>
    </row>
    <row r="531766" spans="14:14">
      <c r="N531766" s="10"/>
    </row>
    <row r="531767" spans="14:14">
      <c r="N531767" s="10"/>
    </row>
    <row r="531768" spans="14:14">
      <c r="N531768" s="10"/>
    </row>
    <row r="531769" spans="14:14">
      <c r="N531769" s="10"/>
    </row>
    <row r="531770" spans="14:14">
      <c r="N531770" s="10"/>
    </row>
    <row r="531771" spans="14:14">
      <c r="N531771" s="10"/>
    </row>
    <row r="531772" spans="14:14">
      <c r="N531772" s="10"/>
    </row>
    <row r="531773" spans="14:14">
      <c r="N531773" s="10"/>
    </row>
    <row r="531774" spans="14:14">
      <c r="N531774" s="10"/>
    </row>
    <row r="531775" spans="14:14">
      <c r="N531775" s="10"/>
    </row>
    <row r="531776" spans="14:14">
      <c r="N531776" s="10"/>
    </row>
    <row r="531777" spans="14:14">
      <c r="N531777" s="10"/>
    </row>
    <row r="531778" spans="14:14">
      <c r="N531778" s="10"/>
    </row>
    <row r="531779" spans="14:14">
      <c r="N531779" s="10"/>
    </row>
    <row r="531780" spans="14:14">
      <c r="N531780" s="10"/>
    </row>
    <row r="531781" spans="14:14">
      <c r="N531781" s="10"/>
    </row>
    <row r="531782" spans="14:14">
      <c r="N531782" s="10"/>
    </row>
    <row r="531783" spans="14:14">
      <c r="N531783" s="10"/>
    </row>
    <row r="531784" spans="14:14">
      <c r="N531784" s="10"/>
    </row>
    <row r="531785" spans="14:14">
      <c r="N531785" s="10"/>
    </row>
    <row r="531786" spans="14:14">
      <c r="N531786" s="10"/>
    </row>
    <row r="531787" spans="14:14">
      <c r="N531787" s="10"/>
    </row>
    <row r="531788" spans="14:14">
      <c r="N531788" s="10"/>
    </row>
    <row r="531789" spans="14:14">
      <c r="N531789" s="10"/>
    </row>
    <row r="531790" spans="14:14">
      <c r="N531790" s="10"/>
    </row>
    <row r="531791" spans="14:14">
      <c r="N531791" s="10"/>
    </row>
    <row r="531792" spans="14:14">
      <c r="N531792" s="10"/>
    </row>
    <row r="531793" spans="14:14">
      <c r="N531793" s="10"/>
    </row>
    <row r="531794" spans="14:14">
      <c r="N531794" s="10"/>
    </row>
    <row r="531795" spans="14:14">
      <c r="N531795" s="10"/>
    </row>
    <row r="531796" spans="14:14">
      <c r="N531796" s="10"/>
    </row>
    <row r="531797" spans="14:14">
      <c r="N531797" s="10"/>
    </row>
    <row r="531798" spans="14:14">
      <c r="N531798" s="10"/>
    </row>
    <row r="531799" spans="14:14">
      <c r="N531799" s="10"/>
    </row>
    <row r="531800" spans="14:14">
      <c r="N531800" s="10"/>
    </row>
    <row r="531801" spans="14:14">
      <c r="N531801" s="10"/>
    </row>
    <row r="531802" spans="14:14">
      <c r="N531802" s="10"/>
    </row>
    <row r="531803" spans="14:14">
      <c r="N531803" s="10"/>
    </row>
    <row r="531804" spans="14:14">
      <c r="N531804" s="10"/>
    </row>
    <row r="531805" spans="14:14">
      <c r="N531805" s="10"/>
    </row>
    <row r="531806" spans="14:14">
      <c r="N531806" s="10"/>
    </row>
    <row r="531807" spans="14:14">
      <c r="N531807" s="10"/>
    </row>
    <row r="531808" spans="14:14">
      <c r="N531808" s="10"/>
    </row>
    <row r="531809" spans="14:14">
      <c r="N531809" s="10"/>
    </row>
    <row r="531810" spans="14:14">
      <c r="N531810" s="10"/>
    </row>
    <row r="531811" spans="14:14">
      <c r="N531811" s="10"/>
    </row>
    <row r="531812" spans="14:14">
      <c r="N531812" s="10"/>
    </row>
    <row r="531813" spans="14:14">
      <c r="N531813" s="10"/>
    </row>
    <row r="531814" spans="14:14">
      <c r="N531814" s="10"/>
    </row>
    <row r="531815" spans="14:14">
      <c r="N531815" s="10"/>
    </row>
    <row r="531816" spans="14:14">
      <c r="N531816" s="10"/>
    </row>
    <row r="531817" spans="14:14">
      <c r="N531817" s="10"/>
    </row>
    <row r="531818" spans="14:14">
      <c r="N531818" s="10"/>
    </row>
    <row r="531819" spans="14:14">
      <c r="N531819" s="10"/>
    </row>
    <row r="531820" spans="14:14">
      <c r="N531820" s="10"/>
    </row>
    <row r="531821" spans="14:14">
      <c r="N531821" s="10"/>
    </row>
    <row r="531822" spans="14:14">
      <c r="N531822" s="10"/>
    </row>
    <row r="531823" spans="14:14">
      <c r="N531823" s="10"/>
    </row>
    <row r="531824" spans="14:14">
      <c r="N531824" s="10"/>
    </row>
    <row r="531825" spans="14:14">
      <c r="N531825" s="10"/>
    </row>
    <row r="531826" spans="14:14">
      <c r="N531826" s="10"/>
    </row>
    <row r="531827" spans="14:14">
      <c r="N531827" s="10"/>
    </row>
    <row r="531828" spans="14:14">
      <c r="N531828" s="10"/>
    </row>
    <row r="531829" spans="14:14">
      <c r="N531829" s="10"/>
    </row>
    <row r="531830" spans="14:14">
      <c r="N531830" s="10"/>
    </row>
    <row r="531831" spans="14:14">
      <c r="N531831" s="10"/>
    </row>
    <row r="531832" spans="14:14">
      <c r="N531832" s="10"/>
    </row>
    <row r="531833" spans="14:14">
      <c r="N531833" s="10"/>
    </row>
    <row r="531834" spans="14:14">
      <c r="N531834" s="10"/>
    </row>
    <row r="531835" spans="14:14">
      <c r="N531835" s="10"/>
    </row>
    <row r="531836" spans="14:14">
      <c r="N531836" s="10"/>
    </row>
    <row r="531837" spans="14:14">
      <c r="N531837" s="10"/>
    </row>
    <row r="531838" spans="14:14">
      <c r="N531838" s="10"/>
    </row>
    <row r="531839" spans="14:14">
      <c r="N531839" s="10"/>
    </row>
    <row r="531840" spans="14:14">
      <c r="N531840" s="10"/>
    </row>
    <row r="531841" spans="14:14">
      <c r="N531841" s="10"/>
    </row>
    <row r="531842" spans="14:14">
      <c r="N531842" s="10"/>
    </row>
    <row r="531843" spans="14:14">
      <c r="N531843" s="10"/>
    </row>
    <row r="531844" spans="14:14">
      <c r="N531844" s="10"/>
    </row>
    <row r="531845" spans="14:14">
      <c r="N531845" s="10"/>
    </row>
    <row r="531846" spans="14:14">
      <c r="N531846" s="10"/>
    </row>
    <row r="531847" spans="14:14">
      <c r="N531847" s="10"/>
    </row>
    <row r="531848" spans="14:14">
      <c r="N531848" s="10"/>
    </row>
    <row r="531849" spans="14:14">
      <c r="N531849" s="10"/>
    </row>
    <row r="531850" spans="14:14">
      <c r="N531850" s="10"/>
    </row>
    <row r="531851" spans="14:14">
      <c r="N531851" s="10"/>
    </row>
    <row r="531852" spans="14:14">
      <c r="N531852" s="10"/>
    </row>
    <row r="531853" spans="14:14">
      <c r="N531853" s="10"/>
    </row>
    <row r="531854" spans="14:14">
      <c r="N531854" s="10"/>
    </row>
    <row r="531855" spans="14:14">
      <c r="N531855" s="10"/>
    </row>
    <row r="531856" spans="14:14">
      <c r="N531856" s="10"/>
    </row>
    <row r="531857" spans="14:14">
      <c r="N531857" s="10"/>
    </row>
    <row r="531858" spans="14:14">
      <c r="N531858" s="10"/>
    </row>
    <row r="531859" spans="14:14">
      <c r="N531859" s="10"/>
    </row>
    <row r="531860" spans="14:14">
      <c r="N531860" s="10"/>
    </row>
    <row r="531861" spans="14:14">
      <c r="N531861" s="10"/>
    </row>
    <row r="531862" spans="14:14">
      <c r="N531862" s="10"/>
    </row>
    <row r="531863" spans="14:14">
      <c r="N531863" s="10"/>
    </row>
    <row r="531864" spans="14:14">
      <c r="N531864" s="10"/>
    </row>
    <row r="531865" spans="14:14">
      <c r="N531865" s="10"/>
    </row>
    <row r="531866" spans="14:14">
      <c r="N531866" s="10"/>
    </row>
    <row r="531867" spans="14:14">
      <c r="N531867" s="10"/>
    </row>
    <row r="531868" spans="14:14">
      <c r="N531868" s="10"/>
    </row>
    <row r="531869" spans="14:14">
      <c r="N531869" s="10"/>
    </row>
    <row r="531870" spans="14:14">
      <c r="N531870" s="10"/>
    </row>
    <row r="531871" spans="14:14">
      <c r="N531871" s="10"/>
    </row>
    <row r="531872" spans="14:14">
      <c r="N531872" s="10"/>
    </row>
    <row r="531873" spans="14:14">
      <c r="N531873" s="10"/>
    </row>
    <row r="531874" spans="14:14">
      <c r="N531874" s="10"/>
    </row>
    <row r="531875" spans="14:14">
      <c r="N531875" s="10"/>
    </row>
    <row r="531876" spans="14:14">
      <c r="N531876" s="10"/>
    </row>
    <row r="531877" spans="14:14">
      <c r="N531877" s="10"/>
    </row>
    <row r="531878" spans="14:14">
      <c r="N531878" s="10"/>
    </row>
    <row r="531879" spans="14:14">
      <c r="N531879" s="10"/>
    </row>
    <row r="531880" spans="14:14">
      <c r="N531880" s="10"/>
    </row>
    <row r="531881" spans="14:14">
      <c r="N531881" s="10"/>
    </row>
    <row r="531882" spans="14:14">
      <c r="N531882" s="10"/>
    </row>
    <row r="531883" spans="14:14">
      <c r="N531883" s="10"/>
    </row>
    <row r="531884" spans="14:14">
      <c r="N531884" s="10"/>
    </row>
    <row r="531885" spans="14:14">
      <c r="N531885" s="10"/>
    </row>
    <row r="531886" spans="14:14">
      <c r="N531886" s="10"/>
    </row>
    <row r="531887" spans="14:14">
      <c r="N531887" s="10"/>
    </row>
    <row r="531888" spans="14:14">
      <c r="N531888" s="10"/>
    </row>
    <row r="531889" spans="14:14">
      <c r="N531889" s="10"/>
    </row>
    <row r="531890" spans="14:14">
      <c r="N531890" s="10"/>
    </row>
    <row r="531891" spans="14:14">
      <c r="N531891" s="10"/>
    </row>
    <row r="531892" spans="14:14">
      <c r="N531892" s="10"/>
    </row>
    <row r="531893" spans="14:14">
      <c r="N531893" s="10"/>
    </row>
    <row r="531894" spans="14:14">
      <c r="N531894" s="10"/>
    </row>
    <row r="531895" spans="14:14">
      <c r="N531895" s="10"/>
    </row>
    <row r="531896" spans="14:14">
      <c r="N531896" s="10"/>
    </row>
    <row r="531897" spans="14:14">
      <c r="N531897" s="10"/>
    </row>
    <row r="531898" spans="14:14">
      <c r="N531898" s="10"/>
    </row>
    <row r="531899" spans="14:14">
      <c r="N531899" s="10"/>
    </row>
    <row r="531900" spans="14:14">
      <c r="N531900" s="10"/>
    </row>
    <row r="531901" spans="14:14">
      <c r="N531901" s="10"/>
    </row>
    <row r="531902" spans="14:14">
      <c r="N531902" s="10"/>
    </row>
    <row r="531903" spans="14:14">
      <c r="N531903" s="10"/>
    </row>
    <row r="531904" spans="14:14">
      <c r="N531904" s="10"/>
    </row>
    <row r="531905" spans="14:14">
      <c r="N531905" s="10"/>
    </row>
    <row r="531906" spans="14:14">
      <c r="N531906" s="10"/>
    </row>
    <row r="531907" spans="14:14">
      <c r="N531907" s="10"/>
    </row>
    <row r="531908" spans="14:14">
      <c r="N531908" s="10"/>
    </row>
    <row r="531909" spans="14:14">
      <c r="N531909" s="10"/>
    </row>
    <row r="531910" spans="14:14">
      <c r="N531910" s="10"/>
    </row>
    <row r="531911" spans="14:14">
      <c r="N531911" s="10"/>
    </row>
    <row r="531912" spans="14:14">
      <c r="N531912" s="10"/>
    </row>
    <row r="531913" spans="14:14">
      <c r="N531913" s="10"/>
    </row>
    <row r="531914" spans="14:14">
      <c r="N531914" s="10"/>
    </row>
    <row r="531915" spans="14:14">
      <c r="N531915" s="10"/>
    </row>
    <row r="531916" spans="14:14">
      <c r="N531916" s="10"/>
    </row>
    <row r="531917" spans="14:14">
      <c r="N531917" s="10"/>
    </row>
    <row r="531918" spans="14:14">
      <c r="N531918" s="10"/>
    </row>
    <row r="531919" spans="14:14">
      <c r="N531919" s="10"/>
    </row>
    <row r="531920" spans="14:14">
      <c r="N531920" s="10"/>
    </row>
    <row r="531921" spans="14:14">
      <c r="N531921" s="10"/>
    </row>
    <row r="531922" spans="14:14">
      <c r="N531922" s="10"/>
    </row>
    <row r="531923" spans="14:14">
      <c r="N531923" s="10"/>
    </row>
    <row r="531924" spans="14:14">
      <c r="N531924" s="10"/>
    </row>
    <row r="531925" spans="14:14">
      <c r="N531925" s="10"/>
    </row>
    <row r="531926" spans="14:14">
      <c r="N531926" s="10"/>
    </row>
    <row r="531927" spans="14:14">
      <c r="N531927" s="10"/>
    </row>
    <row r="531928" spans="14:14">
      <c r="N531928" s="10"/>
    </row>
    <row r="531929" spans="14:14">
      <c r="N531929" s="10"/>
    </row>
    <row r="531930" spans="14:14">
      <c r="N531930" s="10"/>
    </row>
    <row r="531931" spans="14:14">
      <c r="N531931" s="10"/>
    </row>
    <row r="531932" spans="14:14">
      <c r="N531932" s="10"/>
    </row>
    <row r="531933" spans="14:14">
      <c r="N531933" s="10"/>
    </row>
    <row r="531934" spans="14:14">
      <c r="N531934" s="10"/>
    </row>
    <row r="531935" spans="14:14">
      <c r="N531935" s="10"/>
    </row>
    <row r="531936" spans="14:14">
      <c r="N531936" s="10"/>
    </row>
    <row r="531937" spans="14:14">
      <c r="N531937" s="10"/>
    </row>
    <row r="531938" spans="14:14">
      <c r="N531938" s="10"/>
    </row>
    <row r="531939" spans="14:14">
      <c r="N531939" s="10"/>
    </row>
    <row r="531940" spans="14:14">
      <c r="N531940" s="10"/>
    </row>
    <row r="531941" spans="14:14">
      <c r="N531941" s="10"/>
    </row>
    <row r="531942" spans="14:14">
      <c r="N531942" s="10"/>
    </row>
    <row r="531943" spans="14:14">
      <c r="N531943" s="10"/>
    </row>
    <row r="531944" spans="14:14">
      <c r="N531944" s="10"/>
    </row>
    <row r="531945" spans="14:14">
      <c r="N531945" s="10"/>
    </row>
    <row r="531946" spans="14:14">
      <c r="N531946" s="10"/>
    </row>
    <row r="531947" spans="14:14">
      <c r="N531947" s="10"/>
    </row>
    <row r="531948" spans="14:14">
      <c r="N531948" s="10"/>
    </row>
    <row r="531949" spans="14:14">
      <c r="N531949" s="10"/>
    </row>
    <row r="531950" spans="14:14">
      <c r="N531950" s="10"/>
    </row>
    <row r="531951" spans="14:14">
      <c r="N531951" s="10"/>
    </row>
    <row r="531952" spans="14:14">
      <c r="N531952" s="10"/>
    </row>
    <row r="531953" spans="14:14">
      <c r="N531953" s="10"/>
    </row>
    <row r="531954" spans="14:14">
      <c r="N531954" s="10"/>
    </row>
    <row r="531955" spans="14:14">
      <c r="N531955" s="10"/>
    </row>
    <row r="531956" spans="14:14">
      <c r="N531956" s="10"/>
    </row>
    <row r="531957" spans="14:14">
      <c r="N531957" s="10"/>
    </row>
    <row r="531958" spans="14:14">
      <c r="N531958" s="10"/>
    </row>
    <row r="531959" spans="14:14">
      <c r="N531959" s="10"/>
    </row>
    <row r="531960" spans="14:14">
      <c r="N531960" s="10"/>
    </row>
    <row r="531961" spans="14:14">
      <c r="N531961" s="10"/>
    </row>
    <row r="531962" spans="14:14">
      <c r="N531962" s="10"/>
    </row>
    <row r="531963" spans="14:14">
      <c r="N531963" s="10"/>
    </row>
    <row r="531964" spans="14:14">
      <c r="N531964" s="10"/>
    </row>
    <row r="531965" spans="14:14">
      <c r="N531965" s="10"/>
    </row>
    <row r="531966" spans="14:14">
      <c r="N531966" s="10"/>
    </row>
    <row r="531967" spans="14:14">
      <c r="N531967" s="10"/>
    </row>
    <row r="531968" spans="14:14">
      <c r="N531968" s="10"/>
    </row>
    <row r="531969" spans="14:14">
      <c r="N531969" s="10"/>
    </row>
    <row r="531970" spans="14:14">
      <c r="N531970" s="10"/>
    </row>
    <row r="531971" spans="14:14">
      <c r="N531971" s="10"/>
    </row>
    <row r="531972" spans="14:14">
      <c r="N531972" s="10"/>
    </row>
    <row r="531973" spans="14:14">
      <c r="N531973" s="10"/>
    </row>
    <row r="531974" spans="14:14">
      <c r="N531974" s="10"/>
    </row>
    <row r="531975" spans="14:14">
      <c r="N531975" s="10"/>
    </row>
    <row r="531976" spans="14:14">
      <c r="N531976" s="10"/>
    </row>
    <row r="531977" spans="14:14">
      <c r="N531977" s="10"/>
    </row>
    <row r="531978" spans="14:14">
      <c r="N531978" s="10"/>
    </row>
    <row r="531979" spans="14:14">
      <c r="N531979" s="10"/>
    </row>
    <row r="531980" spans="14:14">
      <c r="N531980" s="10"/>
    </row>
    <row r="531981" spans="14:14">
      <c r="N531981" s="10"/>
    </row>
    <row r="531982" spans="14:14">
      <c r="N531982" s="10"/>
    </row>
    <row r="531983" spans="14:14">
      <c r="N531983" s="10"/>
    </row>
    <row r="531984" spans="14:14">
      <c r="N531984" s="10"/>
    </row>
    <row r="531985" spans="14:14">
      <c r="N531985" s="10"/>
    </row>
    <row r="531986" spans="14:14">
      <c r="N531986" s="10"/>
    </row>
    <row r="531987" spans="14:14">
      <c r="N531987" s="10"/>
    </row>
    <row r="531988" spans="14:14">
      <c r="N531988" s="10"/>
    </row>
    <row r="531989" spans="14:14">
      <c r="N531989" s="10"/>
    </row>
    <row r="531990" spans="14:14">
      <c r="N531990" s="10"/>
    </row>
    <row r="531991" spans="14:14">
      <c r="N531991" s="10"/>
    </row>
    <row r="531992" spans="14:14">
      <c r="N531992" s="10"/>
    </row>
    <row r="531993" spans="14:14">
      <c r="N531993" s="10"/>
    </row>
    <row r="531994" spans="14:14">
      <c r="N531994" s="10"/>
    </row>
    <row r="531995" spans="14:14">
      <c r="N531995" s="10"/>
    </row>
    <row r="531996" spans="14:14">
      <c r="N531996" s="10"/>
    </row>
    <row r="531997" spans="14:14">
      <c r="N531997" s="10"/>
    </row>
    <row r="531998" spans="14:14">
      <c r="N531998" s="10"/>
    </row>
    <row r="531999" spans="14:14">
      <c r="N531999" s="10"/>
    </row>
    <row r="532000" spans="14:14">
      <c r="N532000" s="10"/>
    </row>
    <row r="532001" spans="14:14">
      <c r="N532001" s="10"/>
    </row>
    <row r="532002" spans="14:14">
      <c r="N532002" s="10"/>
    </row>
    <row r="532003" spans="14:14">
      <c r="N532003" s="10"/>
    </row>
    <row r="532004" spans="14:14">
      <c r="N532004" s="10"/>
    </row>
    <row r="532005" spans="14:14">
      <c r="N532005" s="10"/>
    </row>
    <row r="532006" spans="14:14">
      <c r="N532006" s="10"/>
    </row>
    <row r="532007" spans="14:14">
      <c r="N532007" s="10"/>
    </row>
    <row r="532008" spans="14:14">
      <c r="N532008" s="10"/>
    </row>
    <row r="532009" spans="14:14">
      <c r="N532009" s="10"/>
    </row>
    <row r="532010" spans="14:14">
      <c r="N532010" s="10"/>
    </row>
    <row r="532011" spans="14:14">
      <c r="N532011" s="10"/>
    </row>
    <row r="532012" spans="14:14">
      <c r="N532012" s="10"/>
    </row>
    <row r="532013" spans="14:14">
      <c r="N532013" s="10"/>
    </row>
    <row r="532014" spans="14:14">
      <c r="N532014" s="10"/>
    </row>
    <row r="532015" spans="14:14">
      <c r="N532015" s="10"/>
    </row>
    <row r="532016" spans="14:14">
      <c r="N532016" s="10"/>
    </row>
    <row r="532017" spans="14:14">
      <c r="N532017" s="10"/>
    </row>
    <row r="532018" spans="14:14">
      <c r="N532018" s="10"/>
    </row>
    <row r="532019" spans="14:14">
      <c r="N532019" s="10"/>
    </row>
    <row r="532020" spans="14:14">
      <c r="N532020" s="10"/>
    </row>
    <row r="532021" spans="14:14">
      <c r="N532021" s="10"/>
    </row>
    <row r="532022" spans="14:14">
      <c r="N532022" s="10"/>
    </row>
    <row r="532023" spans="14:14">
      <c r="N532023" s="10"/>
    </row>
    <row r="532024" spans="14:14">
      <c r="N532024" s="10"/>
    </row>
    <row r="532025" spans="14:14">
      <c r="N532025" s="10"/>
    </row>
    <row r="532026" spans="14:14">
      <c r="N532026" s="10"/>
    </row>
    <row r="532027" spans="14:14">
      <c r="N532027" s="10"/>
    </row>
    <row r="532028" spans="14:14">
      <c r="N532028" s="10"/>
    </row>
    <row r="532029" spans="14:14">
      <c r="N532029" s="10"/>
    </row>
    <row r="532030" spans="14:14">
      <c r="N532030" s="10"/>
    </row>
    <row r="532031" spans="14:14">
      <c r="N532031" s="10"/>
    </row>
    <row r="532032" spans="14:14">
      <c r="N532032" s="10"/>
    </row>
    <row r="532033" spans="14:14">
      <c r="N532033" s="10"/>
    </row>
    <row r="532034" spans="14:14">
      <c r="N532034" s="10"/>
    </row>
    <row r="532035" spans="14:14">
      <c r="N532035" s="10"/>
    </row>
    <row r="532036" spans="14:14">
      <c r="N532036" s="10"/>
    </row>
    <row r="532037" spans="14:14">
      <c r="N532037" s="10"/>
    </row>
    <row r="532038" spans="14:14">
      <c r="N532038" s="10"/>
    </row>
    <row r="532039" spans="14:14">
      <c r="N532039" s="10"/>
    </row>
    <row r="532040" spans="14:14">
      <c r="N532040" s="10"/>
    </row>
    <row r="532041" spans="14:14">
      <c r="N532041" s="10"/>
    </row>
    <row r="532042" spans="14:14">
      <c r="N532042" s="10"/>
    </row>
    <row r="532043" spans="14:14">
      <c r="N532043" s="10"/>
    </row>
    <row r="532044" spans="14:14">
      <c r="N532044" s="10"/>
    </row>
    <row r="532045" spans="14:14">
      <c r="N532045" s="10"/>
    </row>
    <row r="532046" spans="14:14">
      <c r="N532046" s="10"/>
    </row>
    <row r="532047" spans="14:14">
      <c r="N532047" s="10"/>
    </row>
    <row r="532048" spans="14:14">
      <c r="N532048" s="10"/>
    </row>
    <row r="532049" spans="14:14">
      <c r="N532049" s="10"/>
    </row>
    <row r="532050" spans="14:14">
      <c r="N532050" s="10"/>
    </row>
    <row r="532051" spans="14:14">
      <c r="N532051" s="10"/>
    </row>
    <row r="532052" spans="14:14">
      <c r="N532052" s="10"/>
    </row>
    <row r="532053" spans="14:14">
      <c r="N532053" s="10"/>
    </row>
    <row r="532054" spans="14:14">
      <c r="N532054" s="10"/>
    </row>
    <row r="532055" spans="14:14">
      <c r="N532055" s="10"/>
    </row>
    <row r="532056" spans="14:14">
      <c r="N532056" s="10"/>
    </row>
    <row r="532057" spans="14:14">
      <c r="N532057" s="10"/>
    </row>
    <row r="532058" spans="14:14">
      <c r="N532058" s="10"/>
    </row>
    <row r="532059" spans="14:14">
      <c r="N532059" s="10"/>
    </row>
    <row r="532060" spans="14:14">
      <c r="N532060" s="10"/>
    </row>
    <row r="532061" spans="14:14">
      <c r="N532061" s="10"/>
    </row>
    <row r="532062" spans="14:14">
      <c r="N532062" s="10"/>
    </row>
    <row r="532063" spans="14:14">
      <c r="N532063" s="10"/>
    </row>
    <row r="532064" spans="14:14">
      <c r="N532064" s="10"/>
    </row>
    <row r="532065" spans="14:14">
      <c r="N532065" s="10"/>
    </row>
    <row r="532066" spans="14:14">
      <c r="N532066" s="10"/>
    </row>
    <row r="532067" spans="14:14">
      <c r="N532067" s="10"/>
    </row>
    <row r="532068" spans="14:14">
      <c r="N532068" s="10"/>
    </row>
    <row r="532069" spans="14:14">
      <c r="N532069" s="10"/>
    </row>
    <row r="532070" spans="14:14">
      <c r="N532070" s="10"/>
    </row>
    <row r="532071" spans="14:14">
      <c r="N532071" s="10"/>
    </row>
    <row r="532072" spans="14:14">
      <c r="N532072" s="10"/>
    </row>
    <row r="532073" spans="14:14">
      <c r="N532073" s="10"/>
    </row>
    <row r="532074" spans="14:14">
      <c r="N532074" s="10"/>
    </row>
    <row r="532075" spans="14:14">
      <c r="N532075" s="10"/>
    </row>
    <row r="532076" spans="14:14">
      <c r="N532076" s="10"/>
    </row>
    <row r="532077" spans="14:14">
      <c r="N532077" s="10"/>
    </row>
    <row r="532078" spans="14:14">
      <c r="N532078" s="10"/>
    </row>
    <row r="532079" spans="14:14">
      <c r="N532079" s="10"/>
    </row>
    <row r="532080" spans="14:14">
      <c r="N532080" s="10"/>
    </row>
    <row r="532081" spans="14:14">
      <c r="N532081" s="10"/>
    </row>
    <row r="532082" spans="14:14">
      <c r="N532082" s="10"/>
    </row>
    <row r="532083" spans="14:14">
      <c r="N532083" s="10"/>
    </row>
    <row r="532084" spans="14:14">
      <c r="N532084" s="10"/>
    </row>
    <row r="532085" spans="14:14">
      <c r="N532085" s="10"/>
    </row>
    <row r="532086" spans="14:14">
      <c r="N532086" s="10"/>
    </row>
    <row r="532087" spans="14:14">
      <c r="N532087" s="10"/>
    </row>
    <row r="532088" spans="14:14">
      <c r="N532088" s="10"/>
    </row>
    <row r="532089" spans="14:14">
      <c r="N532089" s="10"/>
    </row>
    <row r="532090" spans="14:14">
      <c r="N532090" s="10"/>
    </row>
    <row r="532091" spans="14:14">
      <c r="N532091" s="10"/>
    </row>
    <row r="532092" spans="14:14">
      <c r="N532092" s="10"/>
    </row>
    <row r="532093" spans="14:14">
      <c r="N532093" s="10"/>
    </row>
    <row r="532094" spans="14:14">
      <c r="N532094" s="10"/>
    </row>
    <row r="532095" spans="14:14">
      <c r="N532095" s="10"/>
    </row>
    <row r="532096" spans="14:14">
      <c r="N532096" s="10"/>
    </row>
    <row r="532097" spans="14:14">
      <c r="N532097" s="10"/>
    </row>
    <row r="532098" spans="14:14">
      <c r="N532098" s="10"/>
    </row>
    <row r="532099" spans="14:14">
      <c r="N532099" s="10"/>
    </row>
    <row r="532100" spans="14:14">
      <c r="N532100" s="10"/>
    </row>
    <row r="532101" spans="14:14">
      <c r="N532101" s="10"/>
    </row>
    <row r="532102" spans="14:14">
      <c r="N532102" s="10"/>
    </row>
    <row r="532103" spans="14:14">
      <c r="N532103" s="10"/>
    </row>
    <row r="532104" spans="14:14">
      <c r="N532104" s="10"/>
    </row>
    <row r="532105" spans="14:14">
      <c r="N532105" s="10"/>
    </row>
    <row r="532106" spans="14:14">
      <c r="N532106" s="10"/>
    </row>
    <row r="532107" spans="14:14">
      <c r="N532107" s="10"/>
    </row>
    <row r="532108" spans="14:14">
      <c r="N532108" s="10"/>
    </row>
    <row r="532109" spans="14:14">
      <c r="N532109" s="10"/>
    </row>
    <row r="532110" spans="14:14">
      <c r="N532110" s="10"/>
    </row>
    <row r="532111" spans="14:14">
      <c r="N532111" s="10"/>
    </row>
    <row r="532112" spans="14:14">
      <c r="N532112" s="10"/>
    </row>
    <row r="532113" spans="14:14">
      <c r="N532113" s="10"/>
    </row>
    <row r="532114" spans="14:14">
      <c r="N532114" s="10"/>
    </row>
    <row r="532115" spans="14:14">
      <c r="N532115" s="10"/>
    </row>
    <row r="532116" spans="14:14">
      <c r="N532116" s="10"/>
    </row>
    <row r="532117" spans="14:14">
      <c r="N532117" s="10"/>
    </row>
    <row r="532118" spans="14:14">
      <c r="N532118" s="10"/>
    </row>
    <row r="532119" spans="14:14">
      <c r="N532119" s="10"/>
    </row>
    <row r="532120" spans="14:14">
      <c r="N532120" s="10"/>
    </row>
    <row r="532121" spans="14:14">
      <c r="N532121" s="10"/>
    </row>
    <row r="532122" spans="14:14">
      <c r="N532122" s="10"/>
    </row>
    <row r="532123" spans="14:14">
      <c r="N532123" s="10"/>
    </row>
    <row r="532124" spans="14:14">
      <c r="N532124" s="10"/>
    </row>
    <row r="532125" spans="14:14">
      <c r="N532125" s="10"/>
    </row>
    <row r="532126" spans="14:14">
      <c r="N532126" s="10"/>
    </row>
    <row r="532127" spans="14:14">
      <c r="N532127" s="10"/>
    </row>
    <row r="532128" spans="14:14">
      <c r="N532128" s="10"/>
    </row>
    <row r="532129" spans="14:14">
      <c r="N532129" s="10"/>
    </row>
    <row r="532130" spans="14:14">
      <c r="N532130" s="10"/>
    </row>
    <row r="532131" spans="14:14">
      <c r="N532131" s="10"/>
    </row>
    <row r="532132" spans="14:14">
      <c r="N532132" s="10"/>
    </row>
    <row r="532133" spans="14:14">
      <c r="N532133" s="10"/>
    </row>
    <row r="532134" spans="14:14">
      <c r="N532134" s="10"/>
    </row>
    <row r="532135" spans="14:14">
      <c r="N532135" s="10"/>
    </row>
    <row r="532136" spans="14:14">
      <c r="N532136" s="10"/>
    </row>
    <row r="532137" spans="14:14">
      <c r="N532137" s="10"/>
    </row>
    <row r="532138" spans="14:14">
      <c r="N532138" s="10"/>
    </row>
    <row r="532139" spans="14:14">
      <c r="N532139" s="10"/>
    </row>
    <row r="532140" spans="14:14">
      <c r="N532140" s="10"/>
    </row>
    <row r="532141" spans="14:14">
      <c r="N532141" s="10"/>
    </row>
    <row r="532142" spans="14:14">
      <c r="N532142" s="10"/>
    </row>
    <row r="532143" spans="14:14">
      <c r="N532143" s="10"/>
    </row>
    <row r="532144" spans="14:14">
      <c r="N532144" s="10"/>
    </row>
    <row r="532145" spans="14:14">
      <c r="N532145" s="10"/>
    </row>
    <row r="532146" spans="14:14">
      <c r="N532146" s="10"/>
    </row>
    <row r="532147" spans="14:14">
      <c r="N532147" s="10"/>
    </row>
    <row r="532148" spans="14:14">
      <c r="N532148" s="10"/>
    </row>
    <row r="532149" spans="14:14">
      <c r="N532149" s="10"/>
    </row>
    <row r="532150" spans="14:14">
      <c r="N532150" s="10"/>
    </row>
    <row r="532151" spans="14:14">
      <c r="N532151" s="10"/>
    </row>
    <row r="532152" spans="14:14">
      <c r="N532152" s="10"/>
    </row>
    <row r="532153" spans="14:14">
      <c r="N532153" s="10"/>
    </row>
    <row r="532154" spans="14:14">
      <c r="N532154" s="10"/>
    </row>
    <row r="532155" spans="14:14">
      <c r="N532155" s="10"/>
    </row>
    <row r="532156" spans="14:14">
      <c r="N532156" s="10"/>
    </row>
    <row r="532157" spans="14:14">
      <c r="N532157" s="10"/>
    </row>
    <row r="532158" spans="14:14">
      <c r="N532158" s="10"/>
    </row>
    <row r="532159" spans="14:14">
      <c r="N532159" s="10"/>
    </row>
    <row r="532160" spans="14:14">
      <c r="N532160" s="10"/>
    </row>
    <row r="532161" spans="14:14">
      <c r="N532161" s="10"/>
    </row>
    <row r="532162" spans="14:14">
      <c r="N532162" s="10"/>
    </row>
    <row r="532163" spans="14:14">
      <c r="N532163" s="10"/>
    </row>
    <row r="532164" spans="14:14">
      <c r="N532164" s="10"/>
    </row>
    <row r="532165" spans="14:14">
      <c r="N532165" s="10"/>
    </row>
    <row r="532166" spans="14:14">
      <c r="N532166" s="10"/>
    </row>
    <row r="532167" spans="14:14">
      <c r="N532167" s="10"/>
    </row>
    <row r="532168" spans="14:14">
      <c r="N532168" s="10"/>
    </row>
    <row r="532169" spans="14:14">
      <c r="N532169" s="10"/>
    </row>
    <row r="532170" spans="14:14">
      <c r="N532170" s="10"/>
    </row>
    <row r="532171" spans="14:14">
      <c r="N532171" s="10"/>
    </row>
    <row r="532172" spans="14:14">
      <c r="N532172" s="10"/>
    </row>
    <row r="532173" spans="14:14">
      <c r="N532173" s="10"/>
    </row>
    <row r="532174" spans="14:14">
      <c r="N532174" s="10"/>
    </row>
    <row r="532175" spans="14:14">
      <c r="N532175" s="10"/>
    </row>
    <row r="532176" spans="14:14">
      <c r="N532176" s="10"/>
    </row>
    <row r="532177" spans="14:14">
      <c r="N532177" s="10"/>
    </row>
    <row r="532178" spans="14:14">
      <c r="N532178" s="10"/>
    </row>
    <row r="532179" spans="14:14">
      <c r="N532179" s="10"/>
    </row>
    <row r="532180" spans="14:14">
      <c r="N532180" s="10"/>
    </row>
    <row r="532181" spans="14:14">
      <c r="N532181" s="10"/>
    </row>
    <row r="532182" spans="14:14">
      <c r="N532182" s="10"/>
    </row>
    <row r="532183" spans="14:14">
      <c r="N532183" s="10"/>
    </row>
    <row r="532184" spans="14:14">
      <c r="N532184" s="10"/>
    </row>
    <row r="532185" spans="14:14">
      <c r="N532185" s="10"/>
    </row>
    <row r="532186" spans="14:14">
      <c r="N532186" s="10"/>
    </row>
    <row r="532187" spans="14:14">
      <c r="N532187" s="10"/>
    </row>
    <row r="532188" spans="14:14">
      <c r="N532188" s="10"/>
    </row>
    <row r="532189" spans="14:14">
      <c r="N532189" s="10"/>
    </row>
    <row r="532190" spans="14:14">
      <c r="N532190" s="10"/>
    </row>
    <row r="532191" spans="14:14">
      <c r="N532191" s="10"/>
    </row>
    <row r="532192" spans="14:14">
      <c r="N532192" s="10"/>
    </row>
    <row r="532193" spans="14:14">
      <c r="N532193" s="10"/>
    </row>
    <row r="532194" spans="14:14">
      <c r="N532194" s="10"/>
    </row>
    <row r="532195" spans="14:14">
      <c r="N532195" s="10"/>
    </row>
    <row r="532196" spans="14:14">
      <c r="N532196" s="10"/>
    </row>
    <row r="532197" spans="14:14">
      <c r="N532197" s="10"/>
    </row>
    <row r="532198" spans="14:14">
      <c r="N532198" s="10"/>
    </row>
    <row r="532199" spans="14:14">
      <c r="N532199" s="10"/>
    </row>
    <row r="532200" spans="14:14">
      <c r="N532200" s="10"/>
    </row>
    <row r="532201" spans="14:14">
      <c r="N532201" s="10"/>
    </row>
    <row r="532202" spans="14:14">
      <c r="N532202" s="10"/>
    </row>
    <row r="532203" spans="14:14">
      <c r="N532203" s="10"/>
    </row>
    <row r="532204" spans="14:14">
      <c r="N532204" s="10"/>
    </row>
    <row r="532205" spans="14:14">
      <c r="N532205" s="10"/>
    </row>
    <row r="532206" spans="14:14">
      <c r="N532206" s="10"/>
    </row>
    <row r="532207" spans="14:14">
      <c r="N532207" s="10"/>
    </row>
    <row r="532208" spans="14:14">
      <c r="N532208" s="10"/>
    </row>
    <row r="532209" spans="14:14">
      <c r="N532209" s="10"/>
    </row>
    <row r="532210" spans="14:14">
      <c r="N532210" s="10"/>
    </row>
    <row r="532211" spans="14:14">
      <c r="N532211" s="10"/>
    </row>
    <row r="532212" spans="14:14">
      <c r="N532212" s="10"/>
    </row>
    <row r="532213" spans="14:14">
      <c r="N532213" s="10"/>
    </row>
    <row r="532214" spans="14:14">
      <c r="N532214" s="10"/>
    </row>
    <row r="532215" spans="14:14">
      <c r="N532215" s="10"/>
    </row>
    <row r="532216" spans="14:14">
      <c r="N532216" s="10"/>
    </row>
    <row r="532217" spans="14:14">
      <c r="N532217" s="10"/>
    </row>
    <row r="532218" spans="14:14">
      <c r="N532218" s="10"/>
    </row>
    <row r="532219" spans="14:14">
      <c r="N532219" s="10"/>
    </row>
    <row r="532220" spans="14:14">
      <c r="N532220" s="10"/>
    </row>
    <row r="532221" spans="14:14">
      <c r="N532221" s="10"/>
    </row>
    <row r="532222" spans="14:14">
      <c r="N532222" s="10"/>
    </row>
    <row r="532223" spans="14:14">
      <c r="N532223" s="10"/>
    </row>
    <row r="532224" spans="14:14">
      <c r="N532224" s="10"/>
    </row>
    <row r="532225" spans="14:14">
      <c r="N532225" s="10"/>
    </row>
    <row r="532226" spans="14:14">
      <c r="N532226" s="10"/>
    </row>
    <row r="532227" spans="14:14">
      <c r="N532227" s="10"/>
    </row>
    <row r="532228" spans="14:14">
      <c r="N532228" s="10"/>
    </row>
    <row r="532229" spans="14:14">
      <c r="N532229" s="10"/>
    </row>
    <row r="532230" spans="14:14">
      <c r="N532230" s="10"/>
    </row>
    <row r="532231" spans="14:14">
      <c r="N532231" s="10"/>
    </row>
    <row r="532232" spans="14:14">
      <c r="N532232" s="10"/>
    </row>
    <row r="532233" spans="14:14">
      <c r="N532233" s="10"/>
    </row>
    <row r="532234" spans="14:14">
      <c r="N532234" s="10"/>
    </row>
    <row r="532235" spans="14:14">
      <c r="N532235" s="10"/>
    </row>
    <row r="532236" spans="14:14">
      <c r="N532236" s="10"/>
    </row>
    <row r="532237" spans="14:14">
      <c r="N532237" s="10"/>
    </row>
    <row r="532238" spans="14:14">
      <c r="N532238" s="10"/>
    </row>
    <row r="532239" spans="14:14">
      <c r="N532239" s="10"/>
    </row>
    <row r="532240" spans="14:14">
      <c r="N532240" s="10"/>
    </row>
    <row r="532241" spans="14:14">
      <c r="N532241" s="10"/>
    </row>
    <row r="532242" spans="14:14">
      <c r="N532242" s="10"/>
    </row>
    <row r="532243" spans="14:14">
      <c r="N532243" s="10"/>
    </row>
    <row r="532244" spans="14:14">
      <c r="N532244" s="10"/>
    </row>
    <row r="532245" spans="14:14">
      <c r="N532245" s="10"/>
    </row>
    <row r="532246" spans="14:14">
      <c r="N532246" s="10"/>
    </row>
    <row r="532247" spans="14:14">
      <c r="N532247" s="10"/>
    </row>
    <row r="532248" spans="14:14">
      <c r="N532248" s="10"/>
    </row>
    <row r="532249" spans="14:14">
      <c r="N532249" s="10"/>
    </row>
    <row r="532250" spans="14:14">
      <c r="N532250" s="10"/>
    </row>
    <row r="532251" spans="14:14">
      <c r="N532251" s="10"/>
    </row>
    <row r="532252" spans="14:14">
      <c r="N532252" s="10"/>
    </row>
    <row r="532253" spans="14:14">
      <c r="N532253" s="10"/>
    </row>
    <row r="532254" spans="14:14">
      <c r="N532254" s="10"/>
    </row>
    <row r="532255" spans="14:14">
      <c r="N532255" s="10"/>
    </row>
    <row r="532256" spans="14:14">
      <c r="N532256" s="10"/>
    </row>
    <row r="532257" spans="14:14">
      <c r="N532257" s="10"/>
    </row>
    <row r="532258" spans="14:14">
      <c r="N532258" s="10"/>
    </row>
    <row r="532259" spans="14:14">
      <c r="N532259" s="10"/>
    </row>
    <row r="532260" spans="14:14">
      <c r="N532260" s="10"/>
    </row>
    <row r="532261" spans="14:14">
      <c r="N532261" s="10"/>
    </row>
    <row r="532262" spans="14:14">
      <c r="N532262" s="10"/>
    </row>
    <row r="532263" spans="14:14">
      <c r="N532263" s="10"/>
    </row>
    <row r="532264" spans="14:14">
      <c r="N532264" s="10"/>
    </row>
    <row r="532265" spans="14:14">
      <c r="N532265" s="10"/>
    </row>
    <row r="532266" spans="14:14">
      <c r="N532266" s="10"/>
    </row>
    <row r="532267" spans="14:14">
      <c r="N532267" s="10"/>
    </row>
    <row r="532268" spans="14:14">
      <c r="N532268" s="10"/>
    </row>
    <row r="532269" spans="14:14">
      <c r="N532269" s="10"/>
    </row>
    <row r="532270" spans="14:14">
      <c r="N532270" s="10"/>
    </row>
    <row r="532271" spans="14:14">
      <c r="N532271" s="10"/>
    </row>
    <row r="532272" spans="14:14">
      <c r="N532272" s="10"/>
    </row>
    <row r="532273" spans="14:14">
      <c r="N532273" s="10"/>
    </row>
    <row r="532274" spans="14:14">
      <c r="N532274" s="10"/>
    </row>
    <row r="532275" spans="14:14">
      <c r="N532275" s="10"/>
    </row>
    <row r="532276" spans="14:14">
      <c r="N532276" s="10"/>
    </row>
    <row r="532277" spans="14:14">
      <c r="N532277" s="10"/>
    </row>
    <row r="532278" spans="14:14">
      <c r="N532278" s="10"/>
    </row>
    <row r="532279" spans="14:14">
      <c r="N532279" s="10"/>
    </row>
    <row r="532280" spans="14:14">
      <c r="N532280" s="10"/>
    </row>
    <row r="532281" spans="14:14">
      <c r="N532281" s="10"/>
    </row>
    <row r="532282" spans="14:14">
      <c r="N532282" s="10"/>
    </row>
    <row r="532283" spans="14:14">
      <c r="N532283" s="10"/>
    </row>
    <row r="532284" spans="14:14">
      <c r="N532284" s="10"/>
    </row>
    <row r="532285" spans="14:14">
      <c r="N532285" s="10"/>
    </row>
    <row r="532286" spans="14:14">
      <c r="N532286" s="10"/>
    </row>
    <row r="532287" spans="14:14">
      <c r="N532287" s="10"/>
    </row>
    <row r="532288" spans="14:14">
      <c r="N532288" s="10"/>
    </row>
    <row r="532289" spans="14:14">
      <c r="N532289" s="10"/>
    </row>
    <row r="532290" spans="14:14">
      <c r="N532290" s="10"/>
    </row>
    <row r="532291" spans="14:14">
      <c r="N532291" s="10"/>
    </row>
    <row r="532292" spans="14:14">
      <c r="N532292" s="10"/>
    </row>
    <row r="532293" spans="14:14">
      <c r="N532293" s="10"/>
    </row>
    <row r="532294" spans="14:14">
      <c r="N532294" s="10"/>
    </row>
    <row r="532295" spans="14:14">
      <c r="N532295" s="10"/>
    </row>
    <row r="532296" spans="14:14">
      <c r="N532296" s="10"/>
    </row>
    <row r="532297" spans="14:14">
      <c r="N532297" s="10"/>
    </row>
    <row r="532298" spans="14:14">
      <c r="N532298" s="10"/>
    </row>
    <row r="532299" spans="14:14">
      <c r="N532299" s="10"/>
    </row>
    <row r="532300" spans="14:14">
      <c r="N532300" s="10"/>
    </row>
    <row r="532301" spans="14:14">
      <c r="N532301" s="10"/>
    </row>
    <row r="532302" spans="14:14">
      <c r="N532302" s="10"/>
    </row>
    <row r="532303" spans="14:14">
      <c r="N532303" s="10"/>
    </row>
    <row r="532304" spans="14:14">
      <c r="N532304" s="10"/>
    </row>
    <row r="532305" spans="14:14">
      <c r="N532305" s="10"/>
    </row>
    <row r="532306" spans="14:14">
      <c r="N532306" s="10"/>
    </row>
    <row r="532307" spans="14:14">
      <c r="N532307" s="10"/>
    </row>
    <row r="532308" spans="14:14">
      <c r="N532308" s="10"/>
    </row>
    <row r="532309" spans="14:14">
      <c r="N532309" s="10"/>
    </row>
    <row r="532310" spans="14:14">
      <c r="N532310" s="10"/>
    </row>
    <row r="532311" spans="14:14">
      <c r="N532311" s="10"/>
    </row>
    <row r="532312" spans="14:14">
      <c r="N532312" s="10"/>
    </row>
    <row r="532313" spans="14:14">
      <c r="N532313" s="10"/>
    </row>
    <row r="532314" spans="14:14">
      <c r="N532314" s="10"/>
    </row>
    <row r="532315" spans="14:14">
      <c r="N532315" s="10"/>
    </row>
    <row r="532316" spans="14:14">
      <c r="N532316" s="10"/>
    </row>
    <row r="532317" spans="14:14">
      <c r="N532317" s="10"/>
    </row>
    <row r="532318" spans="14:14">
      <c r="N532318" s="10"/>
    </row>
    <row r="532319" spans="14:14">
      <c r="N532319" s="10"/>
    </row>
    <row r="532320" spans="14:14">
      <c r="N532320" s="10"/>
    </row>
    <row r="532321" spans="14:14">
      <c r="N532321" s="10"/>
    </row>
    <row r="532322" spans="14:14">
      <c r="N532322" s="10"/>
    </row>
    <row r="532323" spans="14:14">
      <c r="N532323" s="10"/>
    </row>
    <row r="532324" spans="14:14">
      <c r="N532324" s="10"/>
    </row>
    <row r="532325" spans="14:14">
      <c r="N532325" s="10"/>
    </row>
    <row r="532326" spans="14:14">
      <c r="N532326" s="10"/>
    </row>
    <row r="532327" spans="14:14">
      <c r="N532327" s="10"/>
    </row>
    <row r="532328" spans="14:14">
      <c r="N532328" s="10"/>
    </row>
    <row r="532329" spans="14:14">
      <c r="N532329" s="10"/>
    </row>
    <row r="532330" spans="14:14">
      <c r="N532330" s="10"/>
    </row>
    <row r="532331" spans="14:14">
      <c r="N532331" s="10"/>
    </row>
    <row r="532332" spans="14:14">
      <c r="N532332" s="10"/>
    </row>
    <row r="532333" spans="14:14">
      <c r="N532333" s="10"/>
    </row>
    <row r="532334" spans="14:14">
      <c r="N532334" s="10"/>
    </row>
    <row r="532335" spans="14:14">
      <c r="N532335" s="10"/>
    </row>
    <row r="532336" spans="14:14">
      <c r="N532336" s="10"/>
    </row>
    <row r="532337" spans="14:14">
      <c r="N532337" s="10"/>
    </row>
    <row r="532338" spans="14:14">
      <c r="N532338" s="10"/>
    </row>
    <row r="532339" spans="14:14">
      <c r="N532339" s="10"/>
    </row>
    <row r="532340" spans="14:14">
      <c r="N532340" s="10"/>
    </row>
    <row r="532341" spans="14:14">
      <c r="N532341" s="10"/>
    </row>
    <row r="532342" spans="14:14">
      <c r="N532342" s="10"/>
    </row>
    <row r="532343" spans="14:14">
      <c r="N532343" s="10"/>
    </row>
    <row r="532344" spans="14:14">
      <c r="N532344" s="10"/>
    </row>
    <row r="532345" spans="14:14">
      <c r="N532345" s="10"/>
    </row>
    <row r="532346" spans="14:14">
      <c r="N532346" s="10"/>
    </row>
    <row r="532347" spans="14:14">
      <c r="N532347" s="10"/>
    </row>
    <row r="532348" spans="14:14">
      <c r="N532348" s="10"/>
    </row>
    <row r="532349" spans="14:14">
      <c r="N532349" s="10"/>
    </row>
    <row r="532350" spans="14:14">
      <c r="N532350" s="10"/>
    </row>
    <row r="532351" spans="14:14">
      <c r="N532351" s="10"/>
    </row>
    <row r="532352" spans="14:14">
      <c r="N532352" s="10"/>
    </row>
    <row r="532353" spans="14:14">
      <c r="N532353" s="10"/>
    </row>
    <row r="532354" spans="14:14">
      <c r="N532354" s="10"/>
    </row>
    <row r="532355" spans="14:14">
      <c r="N532355" s="10"/>
    </row>
    <row r="532356" spans="14:14">
      <c r="N532356" s="10"/>
    </row>
    <row r="532357" spans="14:14">
      <c r="N532357" s="10"/>
    </row>
    <row r="532358" spans="14:14">
      <c r="N532358" s="10"/>
    </row>
    <row r="532359" spans="14:14">
      <c r="N532359" s="10"/>
    </row>
    <row r="532360" spans="14:14">
      <c r="N532360" s="10"/>
    </row>
    <row r="532361" spans="14:14">
      <c r="N532361" s="10"/>
    </row>
    <row r="532362" spans="14:14">
      <c r="N532362" s="10"/>
    </row>
    <row r="532363" spans="14:14">
      <c r="N532363" s="10"/>
    </row>
    <row r="532364" spans="14:14">
      <c r="N532364" s="10"/>
    </row>
    <row r="532365" spans="14:14">
      <c r="N532365" s="10"/>
    </row>
    <row r="532366" spans="14:14">
      <c r="N532366" s="10"/>
    </row>
    <row r="532367" spans="14:14">
      <c r="N532367" s="10"/>
    </row>
    <row r="532368" spans="14:14">
      <c r="N532368" s="10"/>
    </row>
    <row r="532369" spans="14:14">
      <c r="N532369" s="10"/>
    </row>
    <row r="532370" spans="14:14">
      <c r="N532370" s="10"/>
    </row>
    <row r="532371" spans="14:14">
      <c r="N532371" s="10"/>
    </row>
    <row r="532372" spans="14:14">
      <c r="N532372" s="10"/>
    </row>
    <row r="532373" spans="14:14">
      <c r="N532373" s="10"/>
    </row>
    <row r="532374" spans="14:14">
      <c r="N532374" s="10"/>
    </row>
    <row r="532375" spans="14:14">
      <c r="N532375" s="10"/>
    </row>
    <row r="532376" spans="14:14">
      <c r="N532376" s="10"/>
    </row>
    <row r="532377" spans="14:14">
      <c r="N532377" s="10"/>
    </row>
    <row r="532378" spans="14:14">
      <c r="N532378" s="10"/>
    </row>
    <row r="532379" spans="14:14">
      <c r="N532379" s="10"/>
    </row>
    <row r="532380" spans="14:14">
      <c r="N532380" s="10"/>
    </row>
    <row r="532381" spans="14:14">
      <c r="N532381" s="10"/>
    </row>
    <row r="532382" spans="14:14">
      <c r="N532382" s="10"/>
    </row>
    <row r="532383" spans="14:14">
      <c r="N532383" s="10"/>
    </row>
    <row r="532384" spans="14:14">
      <c r="N532384" s="10"/>
    </row>
    <row r="532385" spans="14:14">
      <c r="N532385" s="10"/>
    </row>
    <row r="532386" spans="14:14">
      <c r="N532386" s="10"/>
    </row>
    <row r="532387" spans="14:14">
      <c r="N532387" s="10"/>
    </row>
    <row r="532388" spans="14:14">
      <c r="N532388" s="10"/>
    </row>
    <row r="532389" spans="14:14">
      <c r="N532389" s="10"/>
    </row>
    <row r="532390" spans="14:14">
      <c r="N532390" s="10"/>
    </row>
    <row r="532391" spans="14:14">
      <c r="N532391" s="10"/>
    </row>
    <row r="532392" spans="14:14">
      <c r="N532392" s="10"/>
    </row>
    <row r="532393" spans="14:14">
      <c r="N532393" s="10"/>
    </row>
    <row r="532394" spans="14:14">
      <c r="N532394" s="10"/>
    </row>
    <row r="532395" spans="14:14">
      <c r="N532395" s="10"/>
    </row>
    <row r="532396" spans="14:14">
      <c r="N532396" s="10"/>
    </row>
    <row r="532397" spans="14:14">
      <c r="N532397" s="10"/>
    </row>
    <row r="532398" spans="14:14">
      <c r="N532398" s="10"/>
    </row>
    <row r="532399" spans="14:14">
      <c r="N532399" s="10"/>
    </row>
    <row r="532400" spans="14:14">
      <c r="N532400" s="10"/>
    </row>
    <row r="532401" spans="14:14">
      <c r="N532401" s="10"/>
    </row>
    <row r="532402" spans="14:14">
      <c r="N532402" s="10"/>
    </row>
    <row r="532403" spans="14:14">
      <c r="N532403" s="10"/>
    </row>
    <row r="532404" spans="14:14">
      <c r="N532404" s="10"/>
    </row>
    <row r="532405" spans="14:14">
      <c r="N532405" s="10"/>
    </row>
    <row r="532406" spans="14:14">
      <c r="N532406" s="10"/>
    </row>
    <row r="532407" spans="14:14">
      <c r="N532407" s="10"/>
    </row>
    <row r="532408" spans="14:14">
      <c r="N532408" s="10"/>
    </row>
    <row r="532409" spans="14:14">
      <c r="N532409" s="10"/>
    </row>
    <row r="532410" spans="14:14">
      <c r="N532410" s="10"/>
    </row>
    <row r="532411" spans="14:14">
      <c r="N532411" s="10"/>
    </row>
    <row r="532412" spans="14:14">
      <c r="N532412" s="10"/>
    </row>
    <row r="532413" spans="14:14">
      <c r="N532413" s="10"/>
    </row>
    <row r="532414" spans="14:14">
      <c r="N532414" s="10"/>
    </row>
    <row r="532415" spans="14:14">
      <c r="N532415" s="10"/>
    </row>
    <row r="532416" spans="14:14">
      <c r="N532416" s="10"/>
    </row>
    <row r="532417" spans="14:14">
      <c r="N532417" s="10"/>
    </row>
    <row r="532418" spans="14:14">
      <c r="N532418" s="10"/>
    </row>
    <row r="532419" spans="14:14">
      <c r="N532419" s="10"/>
    </row>
    <row r="532420" spans="14:14">
      <c r="N532420" s="10"/>
    </row>
    <row r="532421" spans="14:14">
      <c r="N532421" s="10"/>
    </row>
    <row r="532422" spans="14:14">
      <c r="N532422" s="10"/>
    </row>
    <row r="532423" spans="14:14">
      <c r="N532423" s="10"/>
    </row>
    <row r="532424" spans="14:14">
      <c r="N532424" s="10"/>
    </row>
    <row r="532425" spans="14:14">
      <c r="N532425" s="10"/>
    </row>
    <row r="532426" spans="14:14">
      <c r="N532426" s="10"/>
    </row>
    <row r="532427" spans="14:14">
      <c r="N532427" s="10"/>
    </row>
    <row r="532428" spans="14:14">
      <c r="N532428" s="10"/>
    </row>
    <row r="532429" spans="14:14">
      <c r="N532429" s="10"/>
    </row>
    <row r="532430" spans="14:14">
      <c r="N532430" s="10"/>
    </row>
    <row r="532431" spans="14:14">
      <c r="N532431" s="10"/>
    </row>
    <row r="532432" spans="14:14">
      <c r="N532432" s="10"/>
    </row>
    <row r="532433" spans="14:14">
      <c r="N532433" s="10"/>
    </row>
    <row r="532434" spans="14:14">
      <c r="N532434" s="10"/>
    </row>
    <row r="532435" spans="14:14">
      <c r="N532435" s="10"/>
    </row>
    <row r="532436" spans="14:14">
      <c r="N532436" s="10"/>
    </row>
    <row r="532437" spans="14:14">
      <c r="N532437" s="10"/>
    </row>
    <row r="532438" spans="14:14">
      <c r="N532438" s="10"/>
    </row>
    <row r="532439" spans="14:14">
      <c r="N532439" s="10"/>
    </row>
    <row r="532440" spans="14:14">
      <c r="N532440" s="10"/>
    </row>
    <row r="532441" spans="14:14">
      <c r="N532441" s="10"/>
    </row>
    <row r="532442" spans="14:14">
      <c r="N532442" s="10"/>
    </row>
    <row r="532443" spans="14:14">
      <c r="N532443" s="10"/>
    </row>
    <row r="532444" spans="14:14">
      <c r="N532444" s="10"/>
    </row>
    <row r="532445" spans="14:14">
      <c r="N532445" s="10"/>
    </row>
    <row r="532446" spans="14:14">
      <c r="N532446" s="10"/>
    </row>
    <row r="532447" spans="14:14">
      <c r="N532447" s="10"/>
    </row>
    <row r="532448" spans="14:14">
      <c r="N532448" s="10"/>
    </row>
    <row r="532449" spans="14:14">
      <c r="N532449" s="10"/>
    </row>
    <row r="532450" spans="14:14">
      <c r="N532450" s="10"/>
    </row>
    <row r="532451" spans="14:14">
      <c r="N532451" s="10"/>
    </row>
    <row r="532452" spans="14:14">
      <c r="N532452" s="10"/>
    </row>
    <row r="532453" spans="14:14">
      <c r="N532453" s="10"/>
    </row>
    <row r="532454" spans="14:14">
      <c r="N532454" s="10"/>
    </row>
    <row r="532455" spans="14:14">
      <c r="N532455" s="10"/>
    </row>
    <row r="532456" spans="14:14">
      <c r="N532456" s="10"/>
    </row>
    <row r="532457" spans="14:14">
      <c r="N532457" s="10"/>
    </row>
    <row r="532458" spans="14:14">
      <c r="N532458" s="10"/>
    </row>
    <row r="532459" spans="14:14">
      <c r="N532459" s="10"/>
    </row>
    <row r="532460" spans="14:14">
      <c r="N532460" s="10"/>
    </row>
    <row r="532461" spans="14:14">
      <c r="N532461" s="10"/>
    </row>
    <row r="532462" spans="14:14">
      <c r="N532462" s="10"/>
    </row>
    <row r="532463" spans="14:14">
      <c r="N532463" s="10"/>
    </row>
    <row r="532464" spans="14:14">
      <c r="N532464" s="10"/>
    </row>
    <row r="532465" spans="14:14">
      <c r="N532465" s="10"/>
    </row>
    <row r="532466" spans="14:14">
      <c r="N532466" s="10"/>
    </row>
    <row r="532467" spans="14:14">
      <c r="N532467" s="10"/>
    </row>
    <row r="532468" spans="14:14">
      <c r="N532468" s="10"/>
    </row>
    <row r="532469" spans="14:14">
      <c r="N532469" s="10"/>
    </row>
    <row r="532470" spans="14:14">
      <c r="N532470" s="10"/>
    </row>
    <row r="532471" spans="14:14">
      <c r="N532471" s="10"/>
    </row>
    <row r="532472" spans="14:14">
      <c r="N532472" s="10"/>
    </row>
    <row r="532473" spans="14:14">
      <c r="N532473" s="10"/>
    </row>
    <row r="532474" spans="14:14">
      <c r="N532474" s="10"/>
    </row>
    <row r="532475" spans="14:14">
      <c r="N532475" s="10"/>
    </row>
    <row r="532476" spans="14:14">
      <c r="N532476" s="10"/>
    </row>
    <row r="532477" spans="14:14">
      <c r="N532477" s="10"/>
    </row>
    <row r="532478" spans="14:14">
      <c r="N532478" s="10"/>
    </row>
    <row r="532479" spans="14:14">
      <c r="N532479" s="10"/>
    </row>
    <row r="532480" spans="14:14">
      <c r="N532480" s="10"/>
    </row>
    <row r="532481" spans="14:14">
      <c r="N532481" s="10"/>
    </row>
    <row r="532482" spans="14:14">
      <c r="N532482" s="10"/>
    </row>
    <row r="532483" spans="14:14">
      <c r="N532483" s="10"/>
    </row>
    <row r="532484" spans="14:14">
      <c r="N532484" s="10"/>
    </row>
    <row r="532485" spans="14:14">
      <c r="N532485" s="10"/>
    </row>
    <row r="532486" spans="14:14">
      <c r="N532486" s="10"/>
    </row>
    <row r="532487" spans="14:14">
      <c r="N532487" s="10"/>
    </row>
    <row r="532488" spans="14:14">
      <c r="N532488" s="10"/>
    </row>
    <row r="532489" spans="14:14">
      <c r="N532489" s="10"/>
    </row>
    <row r="532490" spans="14:14">
      <c r="N532490" s="10"/>
    </row>
    <row r="532491" spans="14:14">
      <c r="N532491" s="10"/>
    </row>
    <row r="532492" spans="14:14">
      <c r="N532492" s="10"/>
    </row>
    <row r="532493" spans="14:14">
      <c r="N532493" s="10"/>
    </row>
    <row r="532494" spans="14:14">
      <c r="N532494" s="10"/>
    </row>
    <row r="532495" spans="14:14">
      <c r="N532495" s="10"/>
    </row>
    <row r="532496" spans="14:14">
      <c r="N532496" s="10"/>
    </row>
    <row r="532497" spans="14:14">
      <c r="N532497" s="10"/>
    </row>
    <row r="532498" spans="14:14">
      <c r="N532498" s="10"/>
    </row>
    <row r="532499" spans="14:14">
      <c r="N532499" s="10"/>
    </row>
    <row r="532500" spans="14:14">
      <c r="N532500" s="10"/>
    </row>
    <row r="532501" spans="14:14">
      <c r="N532501" s="10"/>
    </row>
    <row r="532502" spans="14:14">
      <c r="N532502" s="10"/>
    </row>
    <row r="532503" spans="14:14">
      <c r="N532503" s="10"/>
    </row>
    <row r="532504" spans="14:14">
      <c r="N532504" s="10"/>
    </row>
    <row r="532505" spans="14:14">
      <c r="N532505" s="10"/>
    </row>
    <row r="532506" spans="14:14">
      <c r="N532506" s="10"/>
    </row>
    <row r="532507" spans="14:14">
      <c r="N532507" s="10"/>
    </row>
    <row r="532508" spans="14:14">
      <c r="N532508" s="10"/>
    </row>
    <row r="532509" spans="14:14">
      <c r="N532509" s="10"/>
    </row>
    <row r="532510" spans="14:14">
      <c r="N532510" s="10"/>
    </row>
    <row r="532511" spans="14:14">
      <c r="N532511" s="10"/>
    </row>
    <row r="532512" spans="14:14">
      <c r="N532512" s="10"/>
    </row>
    <row r="532513" spans="14:14">
      <c r="N532513" s="10"/>
    </row>
    <row r="532514" spans="14:14">
      <c r="N532514" s="10"/>
    </row>
    <row r="532515" spans="14:14">
      <c r="N532515" s="10"/>
    </row>
    <row r="532516" spans="14:14">
      <c r="N532516" s="10"/>
    </row>
    <row r="532517" spans="14:14">
      <c r="N532517" s="10"/>
    </row>
    <row r="532518" spans="14:14">
      <c r="N532518" s="10"/>
    </row>
    <row r="532519" spans="14:14">
      <c r="N532519" s="10"/>
    </row>
    <row r="532520" spans="14:14">
      <c r="N532520" s="10"/>
    </row>
    <row r="532521" spans="14:14">
      <c r="N532521" s="10"/>
    </row>
    <row r="532522" spans="14:14">
      <c r="N532522" s="10"/>
    </row>
    <row r="532523" spans="14:14">
      <c r="N532523" s="10"/>
    </row>
    <row r="532524" spans="14:14">
      <c r="N532524" s="10"/>
    </row>
    <row r="532525" spans="14:14">
      <c r="N532525" s="10"/>
    </row>
    <row r="532526" spans="14:14">
      <c r="N532526" s="10"/>
    </row>
    <row r="532527" spans="14:14">
      <c r="N532527" s="10"/>
    </row>
    <row r="532528" spans="14:14">
      <c r="N532528" s="10"/>
    </row>
    <row r="532529" spans="14:14">
      <c r="N532529" s="10"/>
    </row>
    <row r="532530" spans="14:14">
      <c r="N532530" s="10"/>
    </row>
    <row r="532531" spans="14:14">
      <c r="N532531" s="10"/>
    </row>
    <row r="532532" spans="14:14">
      <c r="N532532" s="10"/>
    </row>
    <row r="532533" spans="14:14">
      <c r="N532533" s="10"/>
    </row>
    <row r="532534" spans="14:14">
      <c r="N532534" s="10"/>
    </row>
    <row r="532535" spans="14:14">
      <c r="N532535" s="10"/>
    </row>
    <row r="532536" spans="14:14">
      <c r="N532536" s="10"/>
    </row>
    <row r="532537" spans="14:14">
      <c r="N532537" s="10"/>
    </row>
    <row r="532538" spans="14:14">
      <c r="N532538" s="10"/>
    </row>
    <row r="532539" spans="14:14">
      <c r="N532539" s="10"/>
    </row>
    <row r="532540" spans="14:14">
      <c r="N532540" s="10"/>
    </row>
    <row r="532541" spans="14:14">
      <c r="N532541" s="10"/>
    </row>
    <row r="532542" spans="14:14">
      <c r="N532542" s="10"/>
    </row>
    <row r="532543" spans="14:14">
      <c r="N532543" s="10"/>
    </row>
    <row r="532544" spans="14:14">
      <c r="N532544" s="10"/>
    </row>
    <row r="532545" spans="14:14">
      <c r="N532545" s="10"/>
    </row>
    <row r="532546" spans="14:14">
      <c r="N532546" s="10"/>
    </row>
    <row r="532547" spans="14:14">
      <c r="N532547" s="10"/>
    </row>
    <row r="532548" spans="14:14">
      <c r="N532548" s="10"/>
    </row>
    <row r="532549" spans="14:14">
      <c r="N532549" s="10"/>
    </row>
    <row r="532550" spans="14:14">
      <c r="N532550" s="10"/>
    </row>
    <row r="532551" spans="14:14">
      <c r="N532551" s="10"/>
    </row>
    <row r="532552" spans="14:14">
      <c r="N532552" s="10"/>
    </row>
    <row r="532553" spans="14:14">
      <c r="N532553" s="10"/>
    </row>
    <row r="532554" spans="14:14">
      <c r="N532554" s="10"/>
    </row>
    <row r="532555" spans="14:14">
      <c r="N532555" s="10"/>
    </row>
    <row r="532556" spans="14:14">
      <c r="N532556" s="10"/>
    </row>
    <row r="532557" spans="14:14">
      <c r="N532557" s="10"/>
    </row>
    <row r="532558" spans="14:14">
      <c r="N532558" s="10"/>
    </row>
    <row r="532559" spans="14:14">
      <c r="N532559" s="10"/>
    </row>
    <row r="532560" spans="14:14">
      <c r="N532560" s="10"/>
    </row>
    <row r="532561" spans="14:14">
      <c r="N532561" s="10"/>
    </row>
    <row r="532562" spans="14:14">
      <c r="N532562" s="10"/>
    </row>
    <row r="532563" spans="14:14">
      <c r="N532563" s="10"/>
    </row>
    <row r="532564" spans="14:14">
      <c r="N532564" s="10"/>
    </row>
    <row r="532565" spans="14:14">
      <c r="N532565" s="10"/>
    </row>
    <row r="532566" spans="14:14">
      <c r="N532566" s="10"/>
    </row>
    <row r="532567" spans="14:14">
      <c r="N532567" s="10"/>
    </row>
    <row r="532568" spans="14:14">
      <c r="N532568" s="10"/>
    </row>
    <row r="532569" spans="14:14">
      <c r="N532569" s="10"/>
    </row>
    <row r="532570" spans="14:14">
      <c r="N532570" s="10"/>
    </row>
    <row r="532571" spans="14:14">
      <c r="N532571" s="10"/>
    </row>
    <row r="532572" spans="14:14">
      <c r="N532572" s="10"/>
    </row>
    <row r="532573" spans="14:14">
      <c r="N532573" s="10"/>
    </row>
    <row r="532574" spans="14:14">
      <c r="N532574" s="10"/>
    </row>
    <row r="532575" spans="14:14">
      <c r="N532575" s="10"/>
    </row>
    <row r="532576" spans="14:14">
      <c r="N532576" s="10"/>
    </row>
    <row r="532577" spans="14:14">
      <c r="N532577" s="10"/>
    </row>
    <row r="532578" spans="14:14">
      <c r="N532578" s="10"/>
    </row>
    <row r="532579" spans="14:14">
      <c r="N532579" s="10"/>
    </row>
    <row r="532580" spans="14:14">
      <c r="N532580" s="10"/>
    </row>
    <row r="532581" spans="14:14">
      <c r="N532581" s="10"/>
    </row>
    <row r="532582" spans="14:14">
      <c r="N532582" s="10"/>
    </row>
    <row r="532583" spans="14:14">
      <c r="N532583" s="10"/>
    </row>
    <row r="532584" spans="14:14">
      <c r="N532584" s="10"/>
    </row>
    <row r="532585" spans="14:14">
      <c r="N532585" s="10"/>
    </row>
    <row r="532586" spans="14:14">
      <c r="N532586" s="10"/>
    </row>
    <row r="532587" spans="14:14">
      <c r="N532587" s="10"/>
    </row>
    <row r="532588" spans="14:14">
      <c r="N532588" s="10"/>
    </row>
    <row r="532589" spans="14:14">
      <c r="N532589" s="10"/>
    </row>
    <row r="532590" spans="14:14">
      <c r="N532590" s="10"/>
    </row>
    <row r="532591" spans="14:14">
      <c r="N532591" s="10"/>
    </row>
    <row r="532592" spans="14:14">
      <c r="N532592" s="10"/>
    </row>
    <row r="532593" spans="14:14">
      <c r="N532593" s="10"/>
    </row>
    <row r="532594" spans="14:14">
      <c r="N532594" s="10"/>
    </row>
    <row r="532595" spans="14:14">
      <c r="N532595" s="10"/>
    </row>
    <row r="532596" spans="14:14">
      <c r="N532596" s="10"/>
    </row>
    <row r="532597" spans="14:14">
      <c r="N532597" s="10"/>
    </row>
    <row r="532598" spans="14:14">
      <c r="N532598" s="10"/>
    </row>
    <row r="532599" spans="14:14">
      <c r="N532599" s="10"/>
    </row>
    <row r="532600" spans="14:14">
      <c r="N532600" s="10"/>
    </row>
    <row r="532601" spans="14:14">
      <c r="N532601" s="10"/>
    </row>
    <row r="532602" spans="14:14">
      <c r="N532602" s="10"/>
    </row>
    <row r="532603" spans="14:14">
      <c r="N532603" s="10"/>
    </row>
    <row r="532604" spans="14:14">
      <c r="N532604" s="10"/>
    </row>
    <row r="532605" spans="14:14">
      <c r="N532605" s="10"/>
    </row>
    <row r="532606" spans="14:14">
      <c r="N532606" s="10"/>
    </row>
    <row r="532607" spans="14:14">
      <c r="N532607" s="10"/>
    </row>
    <row r="532608" spans="14:14">
      <c r="N532608" s="10"/>
    </row>
    <row r="532609" spans="14:14">
      <c r="N532609" s="10"/>
    </row>
    <row r="532610" spans="14:14">
      <c r="N532610" s="10"/>
    </row>
    <row r="532611" spans="14:14">
      <c r="N532611" s="10"/>
    </row>
    <row r="532612" spans="14:14">
      <c r="N532612" s="10"/>
    </row>
    <row r="532613" spans="14:14">
      <c r="N532613" s="10"/>
    </row>
    <row r="532614" spans="14:14">
      <c r="N532614" s="10"/>
    </row>
    <row r="532615" spans="14:14">
      <c r="N532615" s="10"/>
    </row>
    <row r="532616" spans="14:14">
      <c r="N532616" s="10"/>
    </row>
    <row r="532617" spans="14:14">
      <c r="N532617" s="10"/>
    </row>
    <row r="532618" spans="14:14">
      <c r="N532618" s="10"/>
    </row>
    <row r="532619" spans="14:14">
      <c r="N532619" s="10"/>
    </row>
    <row r="532620" spans="14:14">
      <c r="N532620" s="10"/>
    </row>
    <row r="532621" spans="14:14">
      <c r="N532621" s="10"/>
    </row>
    <row r="532622" spans="14:14">
      <c r="N532622" s="10"/>
    </row>
    <row r="532623" spans="14:14">
      <c r="N532623" s="10"/>
    </row>
    <row r="532624" spans="14:14">
      <c r="N532624" s="10"/>
    </row>
    <row r="532625" spans="14:14">
      <c r="N532625" s="10"/>
    </row>
    <row r="532626" spans="14:14">
      <c r="N532626" s="10"/>
    </row>
    <row r="532627" spans="14:14">
      <c r="N532627" s="10"/>
    </row>
    <row r="532628" spans="14:14">
      <c r="N532628" s="10"/>
    </row>
    <row r="532629" spans="14:14">
      <c r="N532629" s="10"/>
    </row>
    <row r="532630" spans="14:14">
      <c r="N532630" s="10"/>
    </row>
    <row r="532631" spans="14:14">
      <c r="N532631" s="10"/>
    </row>
    <row r="532632" spans="14:14">
      <c r="N532632" s="10"/>
    </row>
    <row r="532633" spans="14:14">
      <c r="N532633" s="10"/>
    </row>
    <row r="532634" spans="14:14">
      <c r="N532634" s="10"/>
    </row>
    <row r="532635" spans="14:14">
      <c r="N532635" s="10"/>
    </row>
    <row r="532636" spans="14:14">
      <c r="N532636" s="10"/>
    </row>
    <row r="532637" spans="14:14">
      <c r="N532637" s="10"/>
    </row>
    <row r="532638" spans="14:14">
      <c r="N532638" s="10"/>
    </row>
    <row r="532639" spans="14:14">
      <c r="N532639" s="10"/>
    </row>
    <row r="532640" spans="14:14">
      <c r="N532640" s="10"/>
    </row>
    <row r="532641" spans="14:14">
      <c r="N532641" s="10"/>
    </row>
    <row r="532642" spans="14:14">
      <c r="N532642" s="10"/>
    </row>
    <row r="532643" spans="14:14">
      <c r="N532643" s="10"/>
    </row>
    <row r="532644" spans="14:14">
      <c r="N532644" s="10"/>
    </row>
    <row r="532645" spans="14:14">
      <c r="N532645" s="10"/>
    </row>
    <row r="532646" spans="14:14">
      <c r="N532646" s="10"/>
    </row>
    <row r="532647" spans="14:14">
      <c r="N532647" s="10"/>
    </row>
    <row r="532648" spans="14:14">
      <c r="N532648" s="10"/>
    </row>
    <row r="532649" spans="14:14">
      <c r="N532649" s="10"/>
    </row>
    <row r="532650" spans="14:14">
      <c r="N532650" s="10"/>
    </row>
    <row r="532651" spans="14:14">
      <c r="N532651" s="10"/>
    </row>
    <row r="532652" spans="14:14">
      <c r="N532652" s="10"/>
    </row>
    <row r="532653" spans="14:14">
      <c r="N532653" s="10"/>
    </row>
    <row r="532654" spans="14:14">
      <c r="N532654" s="10"/>
    </row>
    <row r="532655" spans="14:14">
      <c r="N532655" s="10"/>
    </row>
    <row r="532656" spans="14:14">
      <c r="N532656" s="10"/>
    </row>
    <row r="532657" spans="14:14">
      <c r="N532657" s="10"/>
    </row>
    <row r="532658" spans="14:14">
      <c r="N532658" s="10"/>
    </row>
    <row r="532659" spans="14:14">
      <c r="N532659" s="10"/>
    </row>
    <row r="532660" spans="14:14">
      <c r="N532660" s="10"/>
    </row>
    <row r="532661" spans="14:14">
      <c r="N532661" s="10"/>
    </row>
    <row r="532662" spans="14:14">
      <c r="N532662" s="10"/>
    </row>
    <row r="532663" spans="14:14">
      <c r="N532663" s="10"/>
    </row>
    <row r="532664" spans="14:14">
      <c r="N532664" s="10"/>
    </row>
    <row r="532665" spans="14:14">
      <c r="N532665" s="10"/>
    </row>
    <row r="532666" spans="14:14">
      <c r="N532666" s="10"/>
    </row>
    <row r="532667" spans="14:14">
      <c r="N532667" s="10"/>
    </row>
    <row r="532668" spans="14:14">
      <c r="N532668" s="10"/>
    </row>
    <row r="532669" spans="14:14">
      <c r="N532669" s="10"/>
    </row>
    <row r="532670" spans="14:14">
      <c r="N532670" s="10"/>
    </row>
    <row r="532671" spans="14:14">
      <c r="N532671" s="10"/>
    </row>
    <row r="532672" spans="14:14">
      <c r="N532672" s="10"/>
    </row>
    <row r="532673" spans="14:14">
      <c r="N532673" s="10"/>
    </row>
    <row r="532674" spans="14:14">
      <c r="N532674" s="10"/>
    </row>
    <row r="532675" spans="14:14">
      <c r="N532675" s="10"/>
    </row>
    <row r="532676" spans="14:14">
      <c r="N532676" s="10"/>
    </row>
    <row r="532677" spans="14:14">
      <c r="N532677" s="10"/>
    </row>
    <row r="532678" spans="14:14">
      <c r="N532678" s="10"/>
    </row>
    <row r="532679" spans="14:14">
      <c r="N532679" s="10"/>
    </row>
    <row r="532680" spans="14:14">
      <c r="N532680" s="10"/>
    </row>
    <row r="532681" spans="14:14">
      <c r="N532681" s="10"/>
    </row>
    <row r="532682" spans="14:14">
      <c r="N532682" s="10"/>
    </row>
    <row r="532683" spans="14:14">
      <c r="N532683" s="10"/>
    </row>
    <row r="532684" spans="14:14">
      <c r="N532684" s="10"/>
    </row>
    <row r="532685" spans="14:14">
      <c r="N532685" s="10"/>
    </row>
    <row r="532686" spans="14:14">
      <c r="N532686" s="10"/>
    </row>
    <row r="532687" spans="14:14">
      <c r="N532687" s="10"/>
    </row>
    <row r="532688" spans="14:14">
      <c r="N532688" s="10"/>
    </row>
    <row r="532689" spans="14:14">
      <c r="N532689" s="10"/>
    </row>
    <row r="532690" spans="14:14">
      <c r="N532690" s="10"/>
    </row>
    <row r="532691" spans="14:14">
      <c r="N532691" s="10"/>
    </row>
    <row r="532692" spans="14:14">
      <c r="N532692" s="10"/>
    </row>
    <row r="532693" spans="14:14">
      <c r="N532693" s="10"/>
    </row>
    <row r="532694" spans="14:14">
      <c r="N532694" s="10"/>
    </row>
    <row r="532695" spans="14:14">
      <c r="N532695" s="10"/>
    </row>
    <row r="532696" spans="14:14">
      <c r="N532696" s="10"/>
    </row>
    <row r="532697" spans="14:14">
      <c r="N532697" s="10"/>
    </row>
    <row r="532698" spans="14:14">
      <c r="N532698" s="10"/>
    </row>
    <row r="532699" spans="14:14">
      <c r="N532699" s="10"/>
    </row>
    <row r="532700" spans="14:14">
      <c r="N532700" s="10"/>
    </row>
    <row r="532701" spans="14:14">
      <c r="N532701" s="10"/>
    </row>
    <row r="532702" spans="14:14">
      <c r="N532702" s="10"/>
    </row>
    <row r="532703" spans="14:14">
      <c r="N532703" s="10"/>
    </row>
    <row r="532704" spans="14:14">
      <c r="N532704" s="10"/>
    </row>
    <row r="532705" spans="14:14">
      <c r="N532705" s="10"/>
    </row>
    <row r="532706" spans="14:14">
      <c r="N532706" s="10"/>
    </row>
    <row r="532707" spans="14:14">
      <c r="N532707" s="10"/>
    </row>
    <row r="532708" spans="14:14">
      <c r="N532708" s="10"/>
    </row>
    <row r="532709" spans="14:14">
      <c r="N532709" s="10"/>
    </row>
    <row r="532710" spans="14:14">
      <c r="N532710" s="10"/>
    </row>
    <row r="532711" spans="14:14">
      <c r="N532711" s="10"/>
    </row>
    <row r="532712" spans="14:14">
      <c r="N532712" s="10"/>
    </row>
    <row r="532713" spans="14:14">
      <c r="N532713" s="10"/>
    </row>
    <row r="532714" spans="14:14">
      <c r="N532714" s="10"/>
    </row>
    <row r="532715" spans="14:14">
      <c r="N532715" s="10"/>
    </row>
    <row r="532716" spans="14:14">
      <c r="N532716" s="10"/>
    </row>
    <row r="532717" spans="14:14">
      <c r="N532717" s="10"/>
    </row>
    <row r="532718" spans="14:14">
      <c r="N532718" s="10"/>
    </row>
    <row r="532719" spans="14:14">
      <c r="N532719" s="10"/>
    </row>
    <row r="532720" spans="14:14">
      <c r="N532720" s="10"/>
    </row>
    <row r="532721" spans="14:14">
      <c r="N532721" s="10"/>
    </row>
    <row r="532722" spans="14:14">
      <c r="N532722" s="10"/>
    </row>
    <row r="532723" spans="14:14">
      <c r="N532723" s="10"/>
    </row>
    <row r="532724" spans="14:14">
      <c r="N532724" s="10"/>
    </row>
    <row r="532725" spans="14:14">
      <c r="N532725" s="10"/>
    </row>
    <row r="532726" spans="14:14">
      <c r="N532726" s="10"/>
    </row>
    <row r="532727" spans="14:14">
      <c r="N532727" s="10"/>
    </row>
    <row r="532728" spans="14:14">
      <c r="N532728" s="10"/>
    </row>
    <row r="532729" spans="14:14">
      <c r="N532729" s="10"/>
    </row>
    <row r="532730" spans="14:14">
      <c r="N532730" s="10"/>
    </row>
    <row r="532731" spans="14:14">
      <c r="N532731" s="10"/>
    </row>
    <row r="532732" spans="14:14">
      <c r="N532732" s="10"/>
    </row>
    <row r="532733" spans="14:14">
      <c r="N532733" s="10"/>
    </row>
    <row r="532734" spans="14:14">
      <c r="N532734" s="10"/>
    </row>
    <row r="532735" spans="14:14">
      <c r="N532735" s="10"/>
    </row>
    <row r="532736" spans="14:14">
      <c r="N532736" s="10"/>
    </row>
    <row r="532737" spans="14:14">
      <c r="N532737" s="10"/>
    </row>
    <row r="532738" spans="14:14">
      <c r="N532738" s="10"/>
    </row>
    <row r="532739" spans="14:14">
      <c r="N532739" s="10"/>
    </row>
    <row r="532740" spans="14:14">
      <c r="N532740" s="10"/>
    </row>
    <row r="532741" spans="14:14">
      <c r="N532741" s="10"/>
    </row>
    <row r="532742" spans="14:14">
      <c r="N532742" s="10"/>
    </row>
    <row r="532743" spans="14:14">
      <c r="N532743" s="10"/>
    </row>
    <row r="532744" spans="14:14">
      <c r="N532744" s="10"/>
    </row>
    <row r="532745" spans="14:14">
      <c r="N532745" s="10"/>
    </row>
    <row r="532746" spans="14:14">
      <c r="N532746" s="10"/>
    </row>
    <row r="532747" spans="14:14">
      <c r="N532747" s="10"/>
    </row>
    <row r="532748" spans="14:14">
      <c r="N532748" s="10"/>
    </row>
    <row r="532749" spans="14:14">
      <c r="N532749" s="10"/>
    </row>
    <row r="532750" spans="14:14">
      <c r="N532750" s="10"/>
    </row>
    <row r="532751" spans="14:14">
      <c r="N532751" s="10"/>
    </row>
    <row r="532752" spans="14:14">
      <c r="N532752" s="10"/>
    </row>
    <row r="532753" spans="14:14">
      <c r="N532753" s="10"/>
    </row>
    <row r="532754" spans="14:14">
      <c r="N532754" s="10"/>
    </row>
    <row r="532755" spans="14:14">
      <c r="N532755" s="10"/>
    </row>
    <row r="532756" spans="14:14">
      <c r="N532756" s="10"/>
    </row>
    <row r="532757" spans="14:14">
      <c r="N532757" s="10"/>
    </row>
    <row r="532758" spans="14:14">
      <c r="N532758" s="10"/>
    </row>
    <row r="532759" spans="14:14">
      <c r="N532759" s="10"/>
    </row>
    <row r="532760" spans="14:14">
      <c r="N532760" s="10"/>
    </row>
    <row r="532761" spans="14:14">
      <c r="N532761" s="10"/>
    </row>
    <row r="532762" spans="14:14">
      <c r="N532762" s="10"/>
    </row>
    <row r="532763" spans="14:14">
      <c r="N532763" s="10"/>
    </row>
    <row r="532764" spans="14:14">
      <c r="N532764" s="10"/>
    </row>
    <row r="532765" spans="14:14">
      <c r="N532765" s="10"/>
    </row>
    <row r="532766" spans="14:14">
      <c r="N532766" s="10"/>
    </row>
    <row r="532767" spans="14:14">
      <c r="N532767" s="10"/>
    </row>
    <row r="532768" spans="14:14">
      <c r="N532768" s="10"/>
    </row>
    <row r="532769" spans="14:14">
      <c r="N532769" s="10"/>
    </row>
    <row r="532770" spans="14:14">
      <c r="N532770" s="10"/>
    </row>
    <row r="532771" spans="14:14">
      <c r="N532771" s="10"/>
    </row>
    <row r="532772" spans="14:14">
      <c r="N532772" s="10"/>
    </row>
    <row r="532773" spans="14:14">
      <c r="N532773" s="10"/>
    </row>
    <row r="532774" spans="14:14">
      <c r="N532774" s="10"/>
    </row>
    <row r="532775" spans="14:14">
      <c r="N532775" s="10"/>
    </row>
    <row r="532776" spans="14:14">
      <c r="N532776" s="10"/>
    </row>
    <row r="532777" spans="14:14">
      <c r="N532777" s="10"/>
    </row>
    <row r="532778" spans="14:14">
      <c r="N532778" s="10"/>
    </row>
    <row r="532779" spans="14:14">
      <c r="N532779" s="10"/>
    </row>
    <row r="532780" spans="14:14">
      <c r="N532780" s="10"/>
    </row>
    <row r="532781" spans="14:14">
      <c r="N532781" s="10"/>
    </row>
    <row r="532782" spans="14:14">
      <c r="N532782" s="10"/>
    </row>
    <row r="532783" spans="14:14">
      <c r="N532783" s="10"/>
    </row>
    <row r="532784" spans="14:14">
      <c r="N532784" s="10"/>
    </row>
    <row r="532785" spans="14:14">
      <c r="N532785" s="10"/>
    </row>
    <row r="532786" spans="14:14">
      <c r="N532786" s="10"/>
    </row>
    <row r="532787" spans="14:14">
      <c r="N532787" s="10"/>
    </row>
    <row r="532788" spans="14:14">
      <c r="N532788" s="10"/>
    </row>
    <row r="532789" spans="14:14">
      <c r="N532789" s="10"/>
    </row>
    <row r="532790" spans="14:14">
      <c r="N532790" s="10"/>
    </row>
    <row r="532791" spans="14:14">
      <c r="N532791" s="10"/>
    </row>
    <row r="532792" spans="14:14">
      <c r="N532792" s="10"/>
    </row>
    <row r="532793" spans="14:14">
      <c r="N532793" s="10"/>
    </row>
    <row r="532794" spans="14:14">
      <c r="N532794" s="10"/>
    </row>
    <row r="532795" spans="14:14">
      <c r="N532795" s="10"/>
    </row>
    <row r="532796" spans="14:14">
      <c r="N532796" s="10"/>
    </row>
    <row r="532797" spans="14:14">
      <c r="N532797" s="10"/>
    </row>
    <row r="532798" spans="14:14">
      <c r="N532798" s="10"/>
    </row>
    <row r="532799" spans="14:14">
      <c r="N532799" s="10"/>
    </row>
    <row r="532800" spans="14:14">
      <c r="N532800" s="10"/>
    </row>
    <row r="532801" spans="14:14">
      <c r="N532801" s="10"/>
    </row>
    <row r="532802" spans="14:14">
      <c r="N532802" s="10"/>
    </row>
    <row r="532803" spans="14:14">
      <c r="N532803" s="10"/>
    </row>
    <row r="532804" spans="14:14">
      <c r="N532804" s="10"/>
    </row>
    <row r="532805" spans="14:14">
      <c r="N532805" s="10"/>
    </row>
    <row r="532806" spans="14:14">
      <c r="N532806" s="10"/>
    </row>
    <row r="532807" spans="14:14">
      <c r="N532807" s="10"/>
    </row>
    <row r="532808" spans="14:14">
      <c r="N532808" s="10"/>
    </row>
    <row r="532809" spans="14:14">
      <c r="N532809" s="10"/>
    </row>
    <row r="532810" spans="14:14">
      <c r="N532810" s="10"/>
    </row>
    <row r="532811" spans="14:14">
      <c r="N532811" s="10"/>
    </row>
    <row r="532812" spans="14:14">
      <c r="N532812" s="10"/>
    </row>
    <row r="532813" spans="14:14">
      <c r="N532813" s="10"/>
    </row>
    <row r="532814" spans="14:14">
      <c r="N532814" s="10"/>
    </row>
    <row r="532815" spans="14:14">
      <c r="N532815" s="10"/>
    </row>
    <row r="532816" spans="14:14">
      <c r="N532816" s="10"/>
    </row>
    <row r="532817" spans="14:14">
      <c r="N532817" s="10"/>
    </row>
    <row r="532818" spans="14:14">
      <c r="N532818" s="10"/>
    </row>
    <row r="532819" spans="14:14">
      <c r="N532819" s="10"/>
    </row>
    <row r="532820" spans="14:14">
      <c r="N532820" s="10"/>
    </row>
    <row r="532821" spans="14:14">
      <c r="N532821" s="10"/>
    </row>
    <row r="532822" spans="14:14">
      <c r="N532822" s="10"/>
    </row>
    <row r="532823" spans="14:14">
      <c r="N532823" s="10"/>
    </row>
    <row r="532824" spans="14:14">
      <c r="N532824" s="10"/>
    </row>
    <row r="532825" spans="14:14">
      <c r="N532825" s="10"/>
    </row>
    <row r="532826" spans="14:14">
      <c r="N532826" s="10"/>
    </row>
    <row r="532827" spans="14:14">
      <c r="N532827" s="10"/>
    </row>
    <row r="532828" spans="14:14">
      <c r="N532828" s="10"/>
    </row>
    <row r="532829" spans="14:14">
      <c r="N532829" s="10"/>
    </row>
    <row r="532830" spans="14:14">
      <c r="N532830" s="10"/>
    </row>
    <row r="532831" spans="14:14">
      <c r="N532831" s="10"/>
    </row>
    <row r="532832" spans="14:14">
      <c r="N532832" s="10"/>
    </row>
    <row r="532833" spans="14:14">
      <c r="N532833" s="10"/>
    </row>
    <row r="532834" spans="14:14">
      <c r="N532834" s="10"/>
    </row>
    <row r="532835" spans="14:14">
      <c r="N532835" s="10"/>
    </row>
    <row r="532836" spans="14:14">
      <c r="N532836" s="10"/>
    </row>
    <row r="532837" spans="14:14">
      <c r="N532837" s="10"/>
    </row>
    <row r="532838" spans="14:14">
      <c r="N532838" s="10"/>
    </row>
    <row r="532839" spans="14:14">
      <c r="N532839" s="10"/>
    </row>
    <row r="532840" spans="14:14">
      <c r="N532840" s="10"/>
    </row>
    <row r="532841" spans="14:14">
      <c r="N532841" s="10"/>
    </row>
    <row r="532842" spans="14:14">
      <c r="N532842" s="10"/>
    </row>
    <row r="532843" spans="14:14">
      <c r="N532843" s="10"/>
    </row>
    <row r="532844" spans="14:14">
      <c r="N532844" s="10"/>
    </row>
    <row r="532845" spans="14:14">
      <c r="N532845" s="10"/>
    </row>
    <row r="532846" spans="14:14">
      <c r="N532846" s="10"/>
    </row>
    <row r="532847" spans="14:14">
      <c r="N532847" s="10"/>
    </row>
    <row r="532848" spans="14:14">
      <c r="N532848" s="10"/>
    </row>
    <row r="532849" spans="14:14">
      <c r="N532849" s="10"/>
    </row>
    <row r="532850" spans="14:14">
      <c r="N532850" s="10"/>
    </row>
    <row r="532851" spans="14:14">
      <c r="N532851" s="10"/>
    </row>
    <row r="532852" spans="14:14">
      <c r="N532852" s="10"/>
    </row>
    <row r="532853" spans="14:14">
      <c r="N532853" s="10"/>
    </row>
    <row r="532854" spans="14:14">
      <c r="N532854" s="10"/>
    </row>
    <row r="532855" spans="14:14">
      <c r="N532855" s="10"/>
    </row>
    <row r="532856" spans="14:14">
      <c r="N532856" s="10"/>
    </row>
    <row r="532857" spans="14:14">
      <c r="N532857" s="10"/>
    </row>
    <row r="532858" spans="14:14">
      <c r="N532858" s="10"/>
    </row>
    <row r="532859" spans="14:14">
      <c r="N532859" s="10"/>
    </row>
    <row r="532860" spans="14:14">
      <c r="N532860" s="10"/>
    </row>
    <row r="532861" spans="14:14">
      <c r="N532861" s="10"/>
    </row>
    <row r="532862" spans="14:14">
      <c r="N532862" s="10"/>
    </row>
    <row r="532863" spans="14:14">
      <c r="N532863" s="10"/>
    </row>
    <row r="532864" spans="14:14">
      <c r="N532864" s="10"/>
    </row>
    <row r="532865" spans="14:14">
      <c r="N532865" s="10"/>
    </row>
    <row r="532866" spans="14:14">
      <c r="N532866" s="10"/>
    </row>
    <row r="532867" spans="14:14">
      <c r="N532867" s="10"/>
    </row>
    <row r="532868" spans="14:14">
      <c r="N532868" s="10"/>
    </row>
    <row r="532869" spans="14:14">
      <c r="N532869" s="10"/>
    </row>
    <row r="532870" spans="14:14">
      <c r="N532870" s="10"/>
    </row>
    <row r="532871" spans="14:14">
      <c r="N532871" s="10"/>
    </row>
    <row r="532872" spans="14:14">
      <c r="N532872" s="10"/>
    </row>
    <row r="532873" spans="14:14">
      <c r="N532873" s="10"/>
    </row>
    <row r="532874" spans="14:14">
      <c r="N532874" s="10"/>
    </row>
    <row r="532875" spans="14:14">
      <c r="N532875" s="10"/>
    </row>
    <row r="532876" spans="14:14">
      <c r="N532876" s="10"/>
    </row>
    <row r="532877" spans="14:14">
      <c r="N532877" s="10"/>
    </row>
    <row r="532878" spans="14:14">
      <c r="N532878" s="10"/>
    </row>
    <row r="532879" spans="14:14">
      <c r="N532879" s="10"/>
    </row>
    <row r="532880" spans="14:14">
      <c r="N532880" s="10"/>
    </row>
    <row r="532881" spans="14:14">
      <c r="N532881" s="10"/>
    </row>
    <row r="532882" spans="14:14">
      <c r="N532882" s="10"/>
    </row>
    <row r="532883" spans="14:14">
      <c r="N532883" s="10"/>
    </row>
    <row r="532884" spans="14:14">
      <c r="N532884" s="10"/>
    </row>
    <row r="532885" spans="14:14">
      <c r="N532885" s="10"/>
    </row>
    <row r="532886" spans="14:14">
      <c r="N532886" s="10"/>
    </row>
    <row r="532887" spans="14:14">
      <c r="N532887" s="10"/>
    </row>
    <row r="532888" spans="14:14">
      <c r="N532888" s="10"/>
    </row>
    <row r="532889" spans="14:14">
      <c r="N532889" s="10"/>
    </row>
    <row r="532890" spans="14:14">
      <c r="N532890" s="10"/>
    </row>
    <row r="532891" spans="14:14">
      <c r="N532891" s="10"/>
    </row>
    <row r="532892" spans="14:14">
      <c r="N532892" s="10"/>
    </row>
    <row r="532893" spans="14:14">
      <c r="N532893" s="10"/>
    </row>
    <row r="532894" spans="14:14">
      <c r="N532894" s="10"/>
    </row>
    <row r="532895" spans="14:14">
      <c r="N532895" s="10"/>
    </row>
    <row r="532896" spans="14:14">
      <c r="N532896" s="10"/>
    </row>
    <row r="532897" spans="14:14">
      <c r="N532897" s="10"/>
    </row>
    <row r="532898" spans="14:14">
      <c r="N532898" s="10"/>
    </row>
    <row r="532899" spans="14:14">
      <c r="N532899" s="10"/>
    </row>
    <row r="532900" spans="14:14">
      <c r="N532900" s="10"/>
    </row>
    <row r="532901" spans="14:14">
      <c r="N532901" s="10"/>
    </row>
    <row r="532902" spans="14:14">
      <c r="N532902" s="10"/>
    </row>
    <row r="532903" spans="14:14">
      <c r="N532903" s="10"/>
    </row>
    <row r="532904" spans="14:14">
      <c r="N532904" s="10"/>
    </row>
    <row r="532905" spans="14:14">
      <c r="N532905" s="10"/>
    </row>
    <row r="532906" spans="14:14">
      <c r="N532906" s="10"/>
    </row>
    <row r="532907" spans="14:14">
      <c r="N532907" s="10"/>
    </row>
    <row r="532908" spans="14:14">
      <c r="N532908" s="10"/>
    </row>
    <row r="532909" spans="14:14">
      <c r="N532909" s="10"/>
    </row>
    <row r="532910" spans="14:14">
      <c r="N532910" s="10"/>
    </row>
    <row r="532911" spans="14:14">
      <c r="N532911" s="10"/>
    </row>
    <row r="532912" spans="14:14">
      <c r="N532912" s="10"/>
    </row>
    <row r="532913" spans="14:14">
      <c r="N532913" s="10"/>
    </row>
    <row r="532914" spans="14:14">
      <c r="N532914" s="10"/>
    </row>
    <row r="532915" spans="14:14">
      <c r="N532915" s="10"/>
    </row>
    <row r="532916" spans="14:14">
      <c r="N532916" s="10"/>
    </row>
    <row r="532917" spans="14:14">
      <c r="N532917" s="10"/>
    </row>
    <row r="532918" spans="14:14">
      <c r="N532918" s="10"/>
    </row>
    <row r="532919" spans="14:14">
      <c r="N532919" s="10"/>
    </row>
    <row r="532920" spans="14:14">
      <c r="N532920" s="10"/>
    </row>
    <row r="532921" spans="14:14">
      <c r="N532921" s="10"/>
    </row>
    <row r="532922" spans="14:14">
      <c r="N532922" s="10"/>
    </row>
    <row r="532923" spans="14:14">
      <c r="N532923" s="10"/>
    </row>
    <row r="532924" spans="14:14">
      <c r="N532924" s="10"/>
    </row>
    <row r="532925" spans="14:14">
      <c r="N532925" s="10"/>
    </row>
    <row r="532926" spans="14:14">
      <c r="N532926" s="10"/>
    </row>
    <row r="532927" spans="14:14">
      <c r="N532927" s="10"/>
    </row>
    <row r="532928" spans="14:14">
      <c r="N532928" s="10"/>
    </row>
    <row r="532929" spans="14:14">
      <c r="N532929" s="10"/>
    </row>
    <row r="532930" spans="14:14">
      <c r="N532930" s="10"/>
    </row>
    <row r="532931" spans="14:14">
      <c r="N532931" s="10"/>
    </row>
    <row r="532932" spans="14:14">
      <c r="N532932" s="10"/>
    </row>
    <row r="532933" spans="14:14">
      <c r="N532933" s="10"/>
    </row>
    <row r="532934" spans="14:14">
      <c r="N532934" s="10"/>
    </row>
    <row r="532935" spans="14:14">
      <c r="N532935" s="10"/>
    </row>
    <row r="532936" spans="14:14">
      <c r="N532936" s="10"/>
    </row>
    <row r="532937" spans="14:14">
      <c r="N532937" s="10"/>
    </row>
    <row r="532938" spans="14:14">
      <c r="N532938" s="10"/>
    </row>
    <row r="532939" spans="14:14">
      <c r="N532939" s="10"/>
    </row>
    <row r="532940" spans="14:14">
      <c r="N532940" s="10"/>
    </row>
    <row r="532941" spans="14:14">
      <c r="N532941" s="10"/>
    </row>
    <row r="532942" spans="14:14">
      <c r="N532942" s="10"/>
    </row>
    <row r="532943" spans="14:14">
      <c r="N532943" s="10"/>
    </row>
    <row r="532944" spans="14:14">
      <c r="N532944" s="10"/>
    </row>
    <row r="532945" spans="14:14">
      <c r="N532945" s="10"/>
    </row>
    <row r="532946" spans="14:14">
      <c r="N532946" s="10"/>
    </row>
    <row r="532947" spans="14:14">
      <c r="N532947" s="10"/>
    </row>
    <row r="532948" spans="14:14">
      <c r="N532948" s="10"/>
    </row>
    <row r="532949" spans="14:14">
      <c r="N532949" s="10"/>
    </row>
    <row r="532950" spans="14:14">
      <c r="N532950" s="10"/>
    </row>
    <row r="532951" spans="14:14">
      <c r="N532951" s="10"/>
    </row>
    <row r="532952" spans="14:14">
      <c r="N532952" s="10"/>
    </row>
    <row r="532953" spans="14:14">
      <c r="N532953" s="10"/>
    </row>
    <row r="532954" spans="14:14">
      <c r="N532954" s="10"/>
    </row>
    <row r="532955" spans="14:14">
      <c r="N532955" s="10"/>
    </row>
    <row r="532956" spans="14:14">
      <c r="N532956" s="10"/>
    </row>
    <row r="532957" spans="14:14">
      <c r="N532957" s="10"/>
    </row>
    <row r="532958" spans="14:14">
      <c r="N532958" s="10"/>
    </row>
    <row r="532959" spans="14:14">
      <c r="N532959" s="10"/>
    </row>
    <row r="532960" spans="14:14">
      <c r="N532960" s="10"/>
    </row>
    <row r="532961" spans="14:14">
      <c r="N532961" s="10"/>
    </row>
    <row r="532962" spans="14:14">
      <c r="N532962" s="10"/>
    </row>
    <row r="532963" spans="14:14">
      <c r="N532963" s="10"/>
    </row>
    <row r="532964" spans="14:14">
      <c r="N532964" s="10"/>
    </row>
    <row r="532965" spans="14:14">
      <c r="N532965" s="10"/>
    </row>
    <row r="532966" spans="14:14">
      <c r="N532966" s="10"/>
    </row>
    <row r="532967" spans="14:14">
      <c r="N532967" s="10"/>
    </row>
    <row r="532968" spans="14:14">
      <c r="N532968" s="10"/>
    </row>
    <row r="532969" spans="14:14">
      <c r="N532969" s="10"/>
    </row>
    <row r="532970" spans="14:14">
      <c r="N532970" s="10"/>
    </row>
    <row r="532971" spans="14:14">
      <c r="N532971" s="10"/>
    </row>
    <row r="532972" spans="14:14">
      <c r="N532972" s="10"/>
    </row>
    <row r="532973" spans="14:14">
      <c r="N532973" s="10"/>
    </row>
    <row r="532974" spans="14:14">
      <c r="N532974" s="10"/>
    </row>
    <row r="532975" spans="14:14">
      <c r="N532975" s="10"/>
    </row>
    <row r="532976" spans="14:14">
      <c r="N532976" s="10"/>
    </row>
    <row r="532977" spans="14:14">
      <c r="N532977" s="10"/>
    </row>
    <row r="532978" spans="14:14">
      <c r="N532978" s="10"/>
    </row>
    <row r="532979" spans="14:14">
      <c r="N532979" s="10"/>
    </row>
    <row r="532980" spans="14:14">
      <c r="N532980" s="10"/>
    </row>
    <row r="532981" spans="14:14">
      <c r="N532981" s="10"/>
    </row>
    <row r="532982" spans="14:14">
      <c r="N532982" s="10"/>
    </row>
    <row r="532983" spans="14:14">
      <c r="N532983" s="10"/>
    </row>
    <row r="532984" spans="14:14">
      <c r="N532984" s="10"/>
    </row>
    <row r="532985" spans="14:14">
      <c r="N532985" s="10"/>
    </row>
    <row r="532986" spans="14:14">
      <c r="N532986" s="10"/>
    </row>
    <row r="532987" spans="14:14">
      <c r="N532987" s="10"/>
    </row>
    <row r="532988" spans="14:14">
      <c r="N532988" s="10"/>
    </row>
    <row r="532989" spans="14:14">
      <c r="N532989" s="10"/>
    </row>
    <row r="532990" spans="14:14">
      <c r="N532990" s="10"/>
    </row>
    <row r="532991" spans="14:14">
      <c r="N532991" s="10"/>
    </row>
    <row r="532992" spans="14:14">
      <c r="N532992" s="10"/>
    </row>
    <row r="532993" spans="14:14">
      <c r="N532993" s="10"/>
    </row>
    <row r="532994" spans="14:14">
      <c r="N532994" s="10"/>
    </row>
    <row r="532995" spans="14:14">
      <c r="N532995" s="10"/>
    </row>
    <row r="532996" spans="14:14">
      <c r="N532996" s="10"/>
    </row>
    <row r="532997" spans="14:14">
      <c r="N532997" s="10"/>
    </row>
    <row r="532998" spans="14:14">
      <c r="N532998" s="10"/>
    </row>
    <row r="532999" spans="14:14">
      <c r="N532999" s="10"/>
    </row>
    <row r="533000" spans="14:14">
      <c r="N533000" s="10"/>
    </row>
    <row r="533001" spans="14:14">
      <c r="N533001" s="10"/>
    </row>
    <row r="533002" spans="14:14">
      <c r="N533002" s="10"/>
    </row>
    <row r="533003" spans="14:14">
      <c r="N533003" s="10"/>
    </row>
    <row r="533004" spans="14:14">
      <c r="N533004" s="10"/>
    </row>
    <row r="533005" spans="14:14">
      <c r="N533005" s="10"/>
    </row>
    <row r="533006" spans="14:14">
      <c r="N533006" s="10"/>
    </row>
    <row r="533007" spans="14:14">
      <c r="N533007" s="10"/>
    </row>
    <row r="533008" spans="14:14">
      <c r="N533008" s="10"/>
    </row>
    <row r="533009" spans="14:14">
      <c r="N533009" s="10"/>
    </row>
    <row r="533010" spans="14:14">
      <c r="N533010" s="10"/>
    </row>
    <row r="533011" spans="14:14">
      <c r="N533011" s="10"/>
    </row>
    <row r="533012" spans="14:14">
      <c r="N533012" s="10"/>
    </row>
    <row r="533013" spans="14:14">
      <c r="N533013" s="10"/>
    </row>
    <row r="533014" spans="14:14">
      <c r="N533014" s="10"/>
    </row>
    <row r="533015" spans="14:14">
      <c r="N533015" s="10"/>
    </row>
    <row r="533016" spans="14:14">
      <c r="N533016" s="10"/>
    </row>
    <row r="533017" spans="14:14">
      <c r="N533017" s="10"/>
    </row>
    <row r="533018" spans="14:14">
      <c r="N533018" s="10"/>
    </row>
    <row r="533019" spans="14:14">
      <c r="N533019" s="10"/>
    </row>
    <row r="533020" spans="14:14">
      <c r="N533020" s="10"/>
    </row>
    <row r="533021" spans="14:14">
      <c r="N533021" s="10"/>
    </row>
    <row r="533022" spans="14:14">
      <c r="N533022" s="10"/>
    </row>
    <row r="533023" spans="14:14">
      <c r="N533023" s="10"/>
    </row>
    <row r="533024" spans="14:14">
      <c r="N533024" s="10"/>
    </row>
    <row r="533025" spans="14:14">
      <c r="N533025" s="10"/>
    </row>
    <row r="533026" spans="14:14">
      <c r="N533026" s="10"/>
    </row>
    <row r="533027" spans="14:14">
      <c r="N533027" s="10"/>
    </row>
    <row r="533028" spans="14:14">
      <c r="N533028" s="10"/>
    </row>
    <row r="533029" spans="14:14">
      <c r="N533029" s="10"/>
    </row>
    <row r="533030" spans="14:14">
      <c r="N533030" s="10"/>
    </row>
    <row r="533031" spans="14:14">
      <c r="N533031" s="10"/>
    </row>
    <row r="533032" spans="14:14">
      <c r="N533032" s="10"/>
    </row>
    <row r="533033" spans="14:14">
      <c r="N533033" s="10"/>
    </row>
    <row r="533034" spans="14:14">
      <c r="N533034" s="10"/>
    </row>
    <row r="533035" spans="14:14">
      <c r="N533035" s="10"/>
    </row>
    <row r="533036" spans="14:14">
      <c r="N533036" s="10"/>
    </row>
    <row r="533037" spans="14:14">
      <c r="N533037" s="10"/>
    </row>
    <row r="533038" spans="14:14">
      <c r="N533038" s="10"/>
    </row>
    <row r="533039" spans="14:14">
      <c r="N533039" s="10"/>
    </row>
    <row r="533040" spans="14:14">
      <c r="N533040" s="10"/>
    </row>
    <row r="533041" spans="14:14">
      <c r="N533041" s="10"/>
    </row>
    <row r="533042" spans="14:14">
      <c r="N533042" s="10"/>
    </row>
    <row r="533043" spans="14:14">
      <c r="N533043" s="10"/>
    </row>
    <row r="533044" spans="14:14">
      <c r="N533044" s="10"/>
    </row>
    <row r="533045" spans="14:14">
      <c r="N533045" s="10"/>
    </row>
    <row r="533046" spans="14:14">
      <c r="N533046" s="10"/>
    </row>
    <row r="533047" spans="14:14">
      <c r="N533047" s="10"/>
    </row>
    <row r="533048" spans="14:14">
      <c r="N533048" s="10"/>
    </row>
    <row r="533049" spans="14:14">
      <c r="N533049" s="10"/>
    </row>
    <row r="533050" spans="14:14">
      <c r="N533050" s="10"/>
    </row>
    <row r="533051" spans="14:14">
      <c r="N533051" s="10"/>
    </row>
    <row r="533052" spans="14:14">
      <c r="N533052" s="10"/>
    </row>
    <row r="533053" spans="14:14">
      <c r="N533053" s="10"/>
    </row>
    <row r="533054" spans="14:14">
      <c r="N533054" s="10"/>
    </row>
    <row r="533055" spans="14:14">
      <c r="N533055" s="10"/>
    </row>
    <row r="533056" spans="14:14">
      <c r="N533056" s="10"/>
    </row>
    <row r="533057" spans="14:14">
      <c r="N533057" s="10"/>
    </row>
    <row r="533058" spans="14:14">
      <c r="N533058" s="10"/>
    </row>
    <row r="533059" spans="14:14">
      <c r="N533059" s="10"/>
    </row>
    <row r="533060" spans="14:14">
      <c r="N533060" s="10"/>
    </row>
    <row r="533061" spans="14:14">
      <c r="N533061" s="10"/>
    </row>
    <row r="533062" spans="14:14">
      <c r="N533062" s="10"/>
    </row>
    <row r="533063" spans="14:14">
      <c r="N533063" s="10"/>
    </row>
    <row r="533064" spans="14:14">
      <c r="N533064" s="10"/>
    </row>
    <row r="533065" spans="14:14">
      <c r="N533065" s="10"/>
    </row>
    <row r="533066" spans="14:14">
      <c r="N533066" s="10"/>
    </row>
    <row r="533067" spans="14:14">
      <c r="N533067" s="10"/>
    </row>
    <row r="533068" spans="14:14">
      <c r="N533068" s="10"/>
    </row>
    <row r="533069" spans="14:14">
      <c r="N533069" s="10"/>
    </row>
    <row r="533070" spans="14:14">
      <c r="N533070" s="10"/>
    </row>
    <row r="533071" spans="14:14">
      <c r="N533071" s="10"/>
    </row>
    <row r="533072" spans="14:14">
      <c r="N533072" s="10"/>
    </row>
    <row r="533073" spans="14:14">
      <c r="N533073" s="10"/>
    </row>
    <row r="533074" spans="14:14">
      <c r="N533074" s="10"/>
    </row>
    <row r="533075" spans="14:14">
      <c r="N533075" s="10"/>
    </row>
    <row r="533076" spans="14:14">
      <c r="N533076" s="10"/>
    </row>
    <row r="533077" spans="14:14">
      <c r="N533077" s="10"/>
    </row>
    <row r="533078" spans="14:14">
      <c r="N533078" s="10"/>
    </row>
    <row r="533079" spans="14:14">
      <c r="N533079" s="10"/>
    </row>
    <row r="533080" spans="14:14">
      <c r="N533080" s="10"/>
    </row>
    <row r="533081" spans="14:14">
      <c r="N533081" s="10"/>
    </row>
    <row r="533082" spans="14:14">
      <c r="N533082" s="10"/>
    </row>
    <row r="533083" spans="14:14">
      <c r="N533083" s="10"/>
    </row>
    <row r="533084" spans="14:14">
      <c r="N533084" s="10"/>
    </row>
    <row r="533085" spans="14:14">
      <c r="N533085" s="10"/>
    </row>
    <row r="533086" spans="14:14">
      <c r="N533086" s="10"/>
    </row>
    <row r="533087" spans="14:14">
      <c r="N533087" s="10"/>
    </row>
    <row r="533088" spans="14:14">
      <c r="N533088" s="10"/>
    </row>
    <row r="533089" spans="14:14">
      <c r="N533089" s="10"/>
    </row>
    <row r="533090" spans="14:14">
      <c r="N533090" s="10"/>
    </row>
    <row r="533091" spans="14:14">
      <c r="N533091" s="10"/>
    </row>
    <row r="533092" spans="14:14">
      <c r="N533092" s="10"/>
    </row>
    <row r="533093" spans="14:14">
      <c r="N533093" s="10"/>
    </row>
    <row r="533094" spans="14:14">
      <c r="N533094" s="10"/>
    </row>
    <row r="533095" spans="14:14">
      <c r="N533095" s="10"/>
    </row>
    <row r="533096" spans="14:14">
      <c r="N533096" s="10"/>
    </row>
    <row r="533097" spans="14:14">
      <c r="N533097" s="10"/>
    </row>
    <row r="533098" spans="14:14">
      <c r="N533098" s="10"/>
    </row>
    <row r="533099" spans="14:14">
      <c r="N533099" s="10"/>
    </row>
    <row r="533100" spans="14:14">
      <c r="N533100" s="10"/>
    </row>
    <row r="533101" spans="14:14">
      <c r="N533101" s="10"/>
    </row>
    <row r="533102" spans="14:14">
      <c r="N533102" s="10"/>
    </row>
    <row r="533103" spans="14:14">
      <c r="N533103" s="10"/>
    </row>
    <row r="533104" spans="14:14">
      <c r="N533104" s="10"/>
    </row>
    <row r="533105" spans="14:14">
      <c r="N533105" s="10"/>
    </row>
    <row r="533106" spans="14:14">
      <c r="N533106" s="10"/>
    </row>
    <row r="533107" spans="14:14">
      <c r="N533107" s="10"/>
    </row>
    <row r="533108" spans="14:14">
      <c r="N533108" s="10"/>
    </row>
    <row r="533109" spans="14:14">
      <c r="N533109" s="10"/>
    </row>
    <row r="533110" spans="14:14">
      <c r="N533110" s="10"/>
    </row>
    <row r="533111" spans="14:14">
      <c r="N533111" s="10"/>
    </row>
    <row r="533112" spans="14:14">
      <c r="N533112" s="10"/>
    </row>
    <row r="533113" spans="14:14">
      <c r="N533113" s="10"/>
    </row>
    <row r="533114" spans="14:14">
      <c r="N533114" s="10"/>
    </row>
    <row r="533115" spans="14:14">
      <c r="N533115" s="10"/>
    </row>
    <row r="533116" spans="14:14">
      <c r="N533116" s="10"/>
    </row>
    <row r="533117" spans="14:14">
      <c r="N533117" s="10"/>
    </row>
    <row r="533118" spans="14:14">
      <c r="N533118" s="10"/>
    </row>
    <row r="533119" spans="14:14">
      <c r="N533119" s="10"/>
    </row>
    <row r="533120" spans="14:14">
      <c r="N533120" s="10"/>
    </row>
    <row r="533121" spans="14:14">
      <c r="N533121" s="10"/>
    </row>
    <row r="533122" spans="14:14">
      <c r="N533122" s="10"/>
    </row>
    <row r="533123" spans="14:14">
      <c r="N533123" s="10"/>
    </row>
    <row r="533124" spans="14:14">
      <c r="N533124" s="10"/>
    </row>
    <row r="533125" spans="14:14">
      <c r="N533125" s="10"/>
    </row>
    <row r="533126" spans="14:14">
      <c r="N533126" s="10"/>
    </row>
    <row r="533127" spans="14:14">
      <c r="N533127" s="10"/>
    </row>
    <row r="533128" spans="14:14">
      <c r="N533128" s="10"/>
    </row>
    <row r="533129" spans="14:14">
      <c r="N533129" s="10"/>
    </row>
    <row r="533130" spans="14:14">
      <c r="N533130" s="10"/>
    </row>
    <row r="533131" spans="14:14">
      <c r="N533131" s="10"/>
    </row>
    <row r="533132" spans="14:14">
      <c r="N533132" s="10"/>
    </row>
    <row r="533133" spans="14:14">
      <c r="N533133" s="10"/>
    </row>
    <row r="533134" spans="14:14">
      <c r="N533134" s="10"/>
    </row>
    <row r="533135" spans="14:14">
      <c r="N533135" s="10"/>
    </row>
    <row r="533136" spans="14:14">
      <c r="N533136" s="10"/>
    </row>
    <row r="533137" spans="14:14">
      <c r="N533137" s="10"/>
    </row>
    <row r="533138" spans="14:14">
      <c r="N533138" s="10"/>
    </row>
    <row r="533139" spans="14:14">
      <c r="N533139" s="10"/>
    </row>
    <row r="533140" spans="14:14">
      <c r="N533140" s="10"/>
    </row>
    <row r="533141" spans="14:14">
      <c r="N533141" s="10"/>
    </row>
    <row r="533142" spans="14:14">
      <c r="N533142" s="10"/>
    </row>
    <row r="533143" spans="14:14">
      <c r="N533143" s="10"/>
    </row>
    <row r="533144" spans="14:14">
      <c r="N533144" s="10"/>
    </row>
    <row r="533145" spans="14:14">
      <c r="N533145" s="10"/>
    </row>
    <row r="533146" spans="14:14">
      <c r="N533146" s="10"/>
    </row>
    <row r="533147" spans="14:14">
      <c r="N533147" s="10"/>
    </row>
    <row r="533148" spans="14:14">
      <c r="N533148" s="10"/>
    </row>
    <row r="533149" spans="14:14">
      <c r="N533149" s="10"/>
    </row>
    <row r="533150" spans="14:14">
      <c r="N533150" s="10"/>
    </row>
    <row r="533151" spans="14:14">
      <c r="N533151" s="10"/>
    </row>
    <row r="533152" spans="14:14">
      <c r="N533152" s="10"/>
    </row>
    <row r="533153" spans="14:14">
      <c r="N533153" s="10"/>
    </row>
    <row r="533154" spans="14:14">
      <c r="N533154" s="10"/>
    </row>
    <row r="533155" spans="14:14">
      <c r="N533155" s="10"/>
    </row>
    <row r="533156" spans="14:14">
      <c r="N533156" s="10"/>
    </row>
    <row r="533157" spans="14:14">
      <c r="N533157" s="10"/>
    </row>
    <row r="533158" spans="14:14">
      <c r="N533158" s="10"/>
    </row>
    <row r="533159" spans="14:14">
      <c r="N533159" s="10"/>
    </row>
    <row r="533160" spans="14:14">
      <c r="N533160" s="10"/>
    </row>
    <row r="533161" spans="14:14">
      <c r="N533161" s="10"/>
    </row>
    <row r="533162" spans="14:14">
      <c r="N533162" s="10"/>
    </row>
    <row r="533163" spans="14:14">
      <c r="N533163" s="10"/>
    </row>
    <row r="533164" spans="14:14">
      <c r="N533164" s="10"/>
    </row>
    <row r="533165" spans="14:14">
      <c r="N533165" s="10"/>
    </row>
    <row r="533166" spans="14:14">
      <c r="N533166" s="10"/>
    </row>
    <row r="533167" spans="14:14">
      <c r="N533167" s="10"/>
    </row>
    <row r="533168" spans="14:14">
      <c r="N533168" s="10"/>
    </row>
    <row r="533169" spans="14:14">
      <c r="N533169" s="10"/>
    </row>
    <row r="533170" spans="14:14">
      <c r="N533170" s="10"/>
    </row>
    <row r="533171" spans="14:14">
      <c r="N533171" s="10"/>
    </row>
    <row r="533172" spans="14:14">
      <c r="N533172" s="10"/>
    </row>
    <row r="533173" spans="14:14">
      <c r="N533173" s="10"/>
    </row>
    <row r="533174" spans="14:14">
      <c r="N533174" s="10"/>
    </row>
    <row r="533175" spans="14:14">
      <c r="N533175" s="10"/>
    </row>
    <row r="533176" spans="14:14">
      <c r="N533176" s="10"/>
    </row>
    <row r="533177" spans="14:14">
      <c r="N533177" s="10"/>
    </row>
    <row r="533178" spans="14:14">
      <c r="N533178" s="10"/>
    </row>
    <row r="533179" spans="14:14">
      <c r="N533179" s="10"/>
    </row>
    <row r="533180" spans="14:14">
      <c r="N533180" s="10"/>
    </row>
    <row r="533181" spans="14:14">
      <c r="N533181" s="10"/>
    </row>
    <row r="533182" spans="14:14">
      <c r="N533182" s="10"/>
    </row>
    <row r="533183" spans="14:14">
      <c r="N533183" s="10"/>
    </row>
    <row r="533184" spans="14:14">
      <c r="N533184" s="10"/>
    </row>
    <row r="533185" spans="14:14">
      <c r="N533185" s="10"/>
    </row>
    <row r="533186" spans="14:14">
      <c r="N533186" s="10"/>
    </row>
    <row r="533187" spans="14:14">
      <c r="N533187" s="10"/>
    </row>
    <row r="533188" spans="14:14">
      <c r="N533188" s="10"/>
    </row>
    <row r="533189" spans="14:14">
      <c r="N533189" s="10"/>
    </row>
    <row r="533190" spans="14:14">
      <c r="N533190" s="10"/>
    </row>
    <row r="533191" spans="14:14">
      <c r="N533191" s="10"/>
    </row>
    <row r="533192" spans="14:14">
      <c r="N533192" s="10"/>
    </row>
    <row r="533193" spans="14:14">
      <c r="N533193" s="10"/>
    </row>
    <row r="533194" spans="14:14">
      <c r="N533194" s="10"/>
    </row>
    <row r="533195" spans="14:14">
      <c r="N533195" s="10"/>
    </row>
    <row r="533196" spans="14:14">
      <c r="N533196" s="10"/>
    </row>
    <row r="533197" spans="14:14">
      <c r="N533197" s="10"/>
    </row>
    <row r="533198" spans="14:14">
      <c r="N533198" s="10"/>
    </row>
    <row r="533199" spans="14:14">
      <c r="N533199" s="10"/>
    </row>
    <row r="533200" spans="14:14">
      <c r="N533200" s="10"/>
    </row>
    <row r="533201" spans="14:14">
      <c r="N533201" s="10"/>
    </row>
    <row r="533202" spans="14:14">
      <c r="N533202" s="10"/>
    </row>
    <row r="533203" spans="14:14">
      <c r="N533203" s="10"/>
    </row>
    <row r="533204" spans="14:14">
      <c r="N533204" s="10"/>
    </row>
    <row r="533205" spans="14:14">
      <c r="N533205" s="10"/>
    </row>
    <row r="533206" spans="14:14">
      <c r="N533206" s="10"/>
    </row>
    <row r="533207" spans="14:14">
      <c r="N533207" s="10"/>
    </row>
    <row r="533208" spans="14:14">
      <c r="N533208" s="10"/>
    </row>
    <row r="533209" spans="14:14">
      <c r="N533209" s="10"/>
    </row>
    <row r="533210" spans="14:14">
      <c r="N533210" s="10"/>
    </row>
    <row r="533211" spans="14:14">
      <c r="N533211" s="10"/>
    </row>
    <row r="533212" spans="14:14">
      <c r="N533212" s="10"/>
    </row>
    <row r="533213" spans="14:14">
      <c r="N533213" s="10"/>
    </row>
    <row r="533214" spans="14:14">
      <c r="N533214" s="10"/>
    </row>
    <row r="533215" spans="14:14">
      <c r="N533215" s="10"/>
    </row>
    <row r="533216" spans="14:14">
      <c r="N533216" s="10"/>
    </row>
    <row r="533217" spans="14:14">
      <c r="N533217" s="10"/>
    </row>
    <row r="533218" spans="14:14">
      <c r="N533218" s="10"/>
    </row>
    <row r="533219" spans="14:14">
      <c r="N533219" s="10"/>
    </row>
    <row r="533220" spans="14:14">
      <c r="N533220" s="10"/>
    </row>
    <row r="533221" spans="14:14">
      <c r="N533221" s="10"/>
    </row>
    <row r="533222" spans="14:14">
      <c r="N533222" s="10"/>
    </row>
    <row r="533223" spans="14:14">
      <c r="N533223" s="10"/>
    </row>
    <row r="533224" spans="14:14">
      <c r="N533224" s="10"/>
    </row>
    <row r="533225" spans="14:14">
      <c r="N533225" s="10"/>
    </row>
    <row r="533226" spans="14:14">
      <c r="N533226" s="10"/>
    </row>
    <row r="533227" spans="14:14">
      <c r="N533227" s="10"/>
    </row>
    <row r="533228" spans="14:14">
      <c r="N533228" s="10"/>
    </row>
    <row r="533229" spans="14:14">
      <c r="N533229" s="10"/>
    </row>
    <row r="533230" spans="14:14">
      <c r="N533230" s="10"/>
    </row>
    <row r="533231" spans="14:14">
      <c r="N533231" s="10"/>
    </row>
    <row r="533232" spans="14:14">
      <c r="N533232" s="10"/>
    </row>
    <row r="533233" spans="14:14">
      <c r="N533233" s="10"/>
    </row>
    <row r="533234" spans="14:14">
      <c r="N533234" s="10"/>
    </row>
    <row r="533235" spans="14:14">
      <c r="N533235" s="10"/>
    </row>
    <row r="533236" spans="14:14">
      <c r="N533236" s="10"/>
    </row>
    <row r="533237" spans="14:14">
      <c r="N533237" s="10"/>
    </row>
    <row r="533238" spans="14:14">
      <c r="N533238" s="10"/>
    </row>
    <row r="533239" spans="14:14">
      <c r="N533239" s="10"/>
    </row>
    <row r="533240" spans="14:14">
      <c r="N533240" s="10"/>
    </row>
    <row r="533241" spans="14:14">
      <c r="N533241" s="10"/>
    </row>
    <row r="533242" spans="14:14">
      <c r="N533242" s="10"/>
    </row>
    <row r="533243" spans="14:14">
      <c r="N533243" s="10"/>
    </row>
    <row r="533244" spans="14:14">
      <c r="N533244" s="10"/>
    </row>
    <row r="533245" spans="14:14">
      <c r="N533245" s="10"/>
    </row>
    <row r="533246" spans="14:14">
      <c r="N533246" s="10"/>
    </row>
    <row r="533247" spans="14:14">
      <c r="N533247" s="10"/>
    </row>
    <row r="533248" spans="14:14">
      <c r="N533248" s="10"/>
    </row>
    <row r="533249" spans="14:14">
      <c r="N533249" s="10"/>
    </row>
    <row r="533250" spans="14:14">
      <c r="N533250" s="10"/>
    </row>
    <row r="533251" spans="14:14">
      <c r="N533251" s="10"/>
    </row>
    <row r="533252" spans="14:14">
      <c r="N533252" s="10"/>
    </row>
    <row r="533253" spans="14:14">
      <c r="N533253" s="10"/>
    </row>
    <row r="533254" spans="14:14">
      <c r="N533254" s="10"/>
    </row>
    <row r="533255" spans="14:14">
      <c r="N533255" s="10"/>
    </row>
    <row r="533256" spans="14:14">
      <c r="N533256" s="10"/>
    </row>
    <row r="533257" spans="14:14">
      <c r="N533257" s="10"/>
    </row>
    <row r="533258" spans="14:14">
      <c r="N533258" s="10"/>
    </row>
    <row r="533259" spans="14:14">
      <c r="N533259" s="10"/>
    </row>
    <row r="533260" spans="14:14">
      <c r="N533260" s="10"/>
    </row>
    <row r="533261" spans="14:14">
      <c r="N533261" s="10"/>
    </row>
    <row r="533262" spans="14:14">
      <c r="N533262" s="10"/>
    </row>
    <row r="533263" spans="14:14">
      <c r="N533263" s="10"/>
    </row>
    <row r="533264" spans="14:14">
      <c r="N533264" s="10"/>
    </row>
    <row r="533265" spans="14:14">
      <c r="N533265" s="10"/>
    </row>
    <row r="533266" spans="14:14">
      <c r="N533266" s="10"/>
    </row>
    <row r="533267" spans="14:14">
      <c r="N533267" s="10"/>
    </row>
    <row r="533268" spans="14:14">
      <c r="N533268" s="10"/>
    </row>
    <row r="533269" spans="14:14">
      <c r="N533269" s="10"/>
    </row>
    <row r="533270" spans="14:14">
      <c r="N533270" s="10"/>
    </row>
    <row r="533271" spans="14:14">
      <c r="N533271" s="10"/>
    </row>
    <row r="533272" spans="14:14">
      <c r="N533272" s="10"/>
    </row>
    <row r="533273" spans="14:14">
      <c r="N533273" s="10"/>
    </row>
    <row r="533274" spans="14:14">
      <c r="N533274" s="10"/>
    </row>
    <row r="533275" spans="14:14">
      <c r="N533275" s="10"/>
    </row>
    <row r="533276" spans="14:14">
      <c r="N533276" s="10"/>
    </row>
    <row r="533277" spans="14:14">
      <c r="N533277" s="10"/>
    </row>
    <row r="533278" spans="14:14">
      <c r="N533278" s="10"/>
    </row>
    <row r="533279" spans="14:14">
      <c r="N533279" s="10"/>
    </row>
    <row r="533280" spans="14:14">
      <c r="N533280" s="10"/>
    </row>
    <row r="533281" spans="14:14">
      <c r="N533281" s="10"/>
    </row>
    <row r="533282" spans="14:14">
      <c r="N533282" s="10"/>
    </row>
    <row r="533283" spans="14:14">
      <c r="N533283" s="10"/>
    </row>
    <row r="533284" spans="14:14">
      <c r="N533284" s="10"/>
    </row>
    <row r="533285" spans="14:14">
      <c r="N533285" s="10"/>
    </row>
    <row r="533286" spans="14:14">
      <c r="N533286" s="10"/>
    </row>
    <row r="533287" spans="14:14">
      <c r="N533287" s="10"/>
    </row>
    <row r="533288" spans="14:14">
      <c r="N533288" s="10"/>
    </row>
    <row r="533289" spans="14:14">
      <c r="N533289" s="10"/>
    </row>
    <row r="533290" spans="14:14">
      <c r="N533290" s="10"/>
    </row>
    <row r="533291" spans="14:14">
      <c r="N533291" s="10"/>
    </row>
    <row r="533292" spans="14:14">
      <c r="N533292" s="10"/>
    </row>
    <row r="533293" spans="14:14">
      <c r="N533293" s="10"/>
    </row>
    <row r="533294" spans="14:14">
      <c r="N533294" s="10"/>
    </row>
    <row r="533295" spans="14:14">
      <c r="N533295" s="10"/>
    </row>
    <row r="533296" spans="14:14">
      <c r="N533296" s="10"/>
    </row>
    <row r="533297" spans="14:14">
      <c r="N533297" s="10"/>
    </row>
    <row r="533298" spans="14:14">
      <c r="N533298" s="10"/>
    </row>
    <row r="533299" spans="14:14">
      <c r="N533299" s="10"/>
    </row>
    <row r="533300" spans="14:14">
      <c r="N533300" s="10"/>
    </row>
    <row r="533301" spans="14:14">
      <c r="N533301" s="10"/>
    </row>
    <row r="533302" spans="14:14">
      <c r="N533302" s="10"/>
    </row>
    <row r="533303" spans="14:14">
      <c r="N533303" s="10"/>
    </row>
    <row r="533304" spans="14:14">
      <c r="N533304" s="10"/>
    </row>
    <row r="533305" spans="14:14">
      <c r="N533305" s="10"/>
    </row>
    <row r="533306" spans="14:14">
      <c r="N533306" s="10"/>
    </row>
    <row r="533307" spans="14:14">
      <c r="N533307" s="10"/>
    </row>
    <row r="533308" spans="14:14">
      <c r="N533308" s="10"/>
    </row>
    <row r="533309" spans="14:14">
      <c r="N533309" s="10"/>
    </row>
    <row r="533310" spans="14:14">
      <c r="N533310" s="10"/>
    </row>
    <row r="533311" spans="14:14">
      <c r="N533311" s="10"/>
    </row>
    <row r="533312" spans="14:14">
      <c r="N533312" s="10"/>
    </row>
    <row r="533313" spans="14:14">
      <c r="N533313" s="10"/>
    </row>
    <row r="533314" spans="14:14">
      <c r="N533314" s="10"/>
    </row>
    <row r="533315" spans="14:14">
      <c r="N533315" s="10"/>
    </row>
    <row r="533316" spans="14:14">
      <c r="N533316" s="10"/>
    </row>
    <row r="533317" spans="14:14">
      <c r="N533317" s="10"/>
    </row>
    <row r="533318" spans="14:14">
      <c r="N533318" s="10"/>
    </row>
    <row r="533319" spans="14:14">
      <c r="N533319" s="10"/>
    </row>
    <row r="533320" spans="14:14">
      <c r="N533320" s="10"/>
    </row>
    <row r="533321" spans="14:14">
      <c r="N533321" s="10"/>
    </row>
    <row r="533322" spans="14:14">
      <c r="N533322" s="10"/>
    </row>
    <row r="533323" spans="14:14">
      <c r="N533323" s="10"/>
    </row>
    <row r="533324" spans="14:14">
      <c r="N533324" s="10"/>
    </row>
    <row r="533325" spans="14:14">
      <c r="N533325" s="10"/>
    </row>
    <row r="533326" spans="14:14">
      <c r="N533326" s="10"/>
    </row>
    <row r="533327" spans="14:14">
      <c r="N533327" s="10"/>
    </row>
    <row r="533328" spans="14:14">
      <c r="N533328" s="10"/>
    </row>
    <row r="533329" spans="14:14">
      <c r="N533329" s="10"/>
    </row>
    <row r="533330" spans="14:14">
      <c r="N533330" s="10"/>
    </row>
    <row r="533331" spans="14:14">
      <c r="N533331" s="10"/>
    </row>
    <row r="533332" spans="14:14">
      <c r="N533332" s="10"/>
    </row>
    <row r="533333" spans="14:14">
      <c r="N533333" s="10"/>
    </row>
    <row r="533334" spans="14:14">
      <c r="N533334" s="10"/>
    </row>
    <row r="533335" spans="14:14">
      <c r="N533335" s="10"/>
    </row>
    <row r="533336" spans="14:14">
      <c r="N533336" s="10"/>
    </row>
    <row r="533337" spans="14:14">
      <c r="N533337" s="10"/>
    </row>
    <row r="533338" spans="14:14">
      <c r="N533338" s="10"/>
    </row>
    <row r="533339" spans="14:14">
      <c r="N533339" s="10"/>
    </row>
    <row r="533340" spans="14:14">
      <c r="N533340" s="10"/>
    </row>
    <row r="533341" spans="14:14">
      <c r="N533341" s="10"/>
    </row>
    <row r="533342" spans="14:14">
      <c r="N533342" s="10"/>
    </row>
    <row r="533343" spans="14:14">
      <c r="N533343" s="10"/>
    </row>
    <row r="533344" spans="14:14">
      <c r="N533344" s="10"/>
    </row>
    <row r="533345" spans="14:14">
      <c r="N533345" s="10"/>
    </row>
    <row r="533346" spans="14:14">
      <c r="N533346" s="10"/>
    </row>
    <row r="533347" spans="14:14">
      <c r="N533347" s="10"/>
    </row>
    <row r="533348" spans="14:14">
      <c r="N533348" s="10"/>
    </row>
    <row r="533349" spans="14:14">
      <c r="N533349" s="10"/>
    </row>
    <row r="533350" spans="14:14">
      <c r="N533350" s="10"/>
    </row>
    <row r="533351" spans="14:14">
      <c r="N533351" s="10"/>
    </row>
    <row r="533352" spans="14:14">
      <c r="N533352" s="10"/>
    </row>
    <row r="533353" spans="14:14">
      <c r="N533353" s="10"/>
    </row>
    <row r="533354" spans="14:14">
      <c r="N533354" s="10"/>
    </row>
    <row r="533355" spans="14:14">
      <c r="N533355" s="10"/>
    </row>
    <row r="533356" spans="14:14">
      <c r="N533356" s="10"/>
    </row>
    <row r="533357" spans="14:14">
      <c r="N533357" s="10"/>
    </row>
    <row r="533358" spans="14:14">
      <c r="N533358" s="10"/>
    </row>
    <row r="533359" spans="14:14">
      <c r="N533359" s="10"/>
    </row>
    <row r="533360" spans="14:14">
      <c r="N533360" s="10"/>
    </row>
    <row r="533361" spans="14:14">
      <c r="N533361" s="10"/>
    </row>
    <row r="533362" spans="14:14">
      <c r="N533362" s="10"/>
    </row>
    <row r="533363" spans="14:14">
      <c r="N533363" s="10"/>
    </row>
    <row r="533364" spans="14:14">
      <c r="N533364" s="10"/>
    </row>
    <row r="533365" spans="14:14">
      <c r="N533365" s="10"/>
    </row>
    <row r="533366" spans="14:14">
      <c r="N533366" s="10"/>
    </row>
    <row r="533367" spans="14:14">
      <c r="N533367" s="10"/>
    </row>
    <row r="533368" spans="14:14">
      <c r="N533368" s="10"/>
    </row>
    <row r="533369" spans="14:14">
      <c r="N533369" s="10"/>
    </row>
    <row r="533370" spans="14:14">
      <c r="N533370" s="10"/>
    </row>
    <row r="533371" spans="14:14">
      <c r="N533371" s="10"/>
    </row>
    <row r="533372" spans="14:14">
      <c r="N533372" s="10"/>
    </row>
    <row r="533373" spans="14:14">
      <c r="N533373" s="10"/>
    </row>
    <row r="533374" spans="14:14">
      <c r="N533374" s="10"/>
    </row>
    <row r="533375" spans="14:14">
      <c r="N533375" s="10"/>
    </row>
    <row r="533376" spans="14:14">
      <c r="N533376" s="10"/>
    </row>
    <row r="533377" spans="14:14">
      <c r="N533377" s="10"/>
    </row>
    <row r="533378" spans="14:14">
      <c r="N533378" s="10"/>
    </row>
    <row r="533379" spans="14:14">
      <c r="N533379" s="10"/>
    </row>
    <row r="533380" spans="14:14">
      <c r="N533380" s="10"/>
    </row>
    <row r="533381" spans="14:14">
      <c r="N533381" s="10"/>
    </row>
    <row r="533382" spans="14:14">
      <c r="N533382" s="10"/>
    </row>
    <row r="533383" spans="14:14">
      <c r="N533383" s="10"/>
    </row>
    <row r="533384" spans="14:14">
      <c r="N533384" s="10"/>
    </row>
    <row r="533385" spans="14:14">
      <c r="N533385" s="10"/>
    </row>
    <row r="533386" spans="14:14">
      <c r="N533386" s="10"/>
    </row>
    <row r="533387" spans="14:14">
      <c r="N533387" s="10"/>
    </row>
    <row r="533388" spans="14:14">
      <c r="N533388" s="10"/>
    </row>
    <row r="533389" spans="14:14">
      <c r="N533389" s="10"/>
    </row>
    <row r="533390" spans="14:14">
      <c r="N533390" s="10"/>
    </row>
    <row r="533391" spans="14:14">
      <c r="N533391" s="10"/>
    </row>
    <row r="533392" spans="14:14">
      <c r="N533392" s="10"/>
    </row>
    <row r="533393" spans="14:14">
      <c r="N533393" s="10"/>
    </row>
    <row r="533394" spans="14:14">
      <c r="N533394" s="10"/>
    </row>
    <row r="533395" spans="14:14">
      <c r="N533395" s="10"/>
    </row>
    <row r="533396" spans="14:14">
      <c r="N533396" s="10"/>
    </row>
    <row r="533397" spans="14:14">
      <c r="N533397" s="10"/>
    </row>
    <row r="533398" spans="14:14">
      <c r="N533398" s="10"/>
    </row>
    <row r="533399" spans="14:14">
      <c r="N533399" s="10"/>
    </row>
    <row r="533400" spans="14:14">
      <c r="N533400" s="10"/>
    </row>
    <row r="533401" spans="14:14">
      <c r="N533401" s="10"/>
    </row>
    <row r="533402" spans="14:14">
      <c r="N533402" s="10"/>
    </row>
    <row r="533403" spans="14:14">
      <c r="N533403" s="10"/>
    </row>
    <row r="533404" spans="14:14">
      <c r="N533404" s="10"/>
    </row>
    <row r="533405" spans="14:14">
      <c r="N533405" s="10"/>
    </row>
    <row r="533406" spans="14:14">
      <c r="N533406" s="10"/>
    </row>
    <row r="533407" spans="14:14">
      <c r="N533407" s="10"/>
    </row>
    <row r="533408" spans="14:14">
      <c r="N533408" s="10"/>
    </row>
    <row r="533409" spans="14:14">
      <c r="N533409" s="10"/>
    </row>
    <row r="533410" spans="14:14">
      <c r="N533410" s="10"/>
    </row>
    <row r="533411" spans="14:14">
      <c r="N533411" s="10"/>
    </row>
    <row r="533412" spans="14:14">
      <c r="N533412" s="10"/>
    </row>
    <row r="533413" spans="14:14">
      <c r="N533413" s="10"/>
    </row>
    <row r="533414" spans="14:14">
      <c r="N533414" s="10"/>
    </row>
    <row r="533415" spans="14:14">
      <c r="N533415" s="10"/>
    </row>
    <row r="533416" spans="14:14">
      <c r="N533416" s="10"/>
    </row>
    <row r="533417" spans="14:14">
      <c r="N533417" s="10"/>
    </row>
    <row r="533418" spans="14:14">
      <c r="N533418" s="10"/>
    </row>
    <row r="533419" spans="14:14">
      <c r="N533419" s="10"/>
    </row>
    <row r="533420" spans="14:14">
      <c r="N533420" s="10"/>
    </row>
    <row r="533421" spans="14:14">
      <c r="N533421" s="10"/>
    </row>
    <row r="533422" spans="14:14">
      <c r="N533422" s="10"/>
    </row>
    <row r="533423" spans="14:14">
      <c r="N533423" s="10"/>
    </row>
    <row r="533424" spans="14:14">
      <c r="N533424" s="10"/>
    </row>
    <row r="533425" spans="14:14">
      <c r="N533425" s="10"/>
    </row>
    <row r="533426" spans="14:14">
      <c r="N533426" s="10"/>
    </row>
    <row r="533427" spans="14:14">
      <c r="N533427" s="10"/>
    </row>
    <row r="533428" spans="14:14">
      <c r="N533428" s="10"/>
    </row>
    <row r="533429" spans="14:14">
      <c r="N533429" s="10"/>
    </row>
    <row r="533430" spans="14:14">
      <c r="N533430" s="10"/>
    </row>
    <row r="533431" spans="14:14">
      <c r="N533431" s="10"/>
    </row>
    <row r="533432" spans="14:14">
      <c r="N533432" s="10"/>
    </row>
    <row r="533433" spans="14:14">
      <c r="N533433" s="10"/>
    </row>
    <row r="533434" spans="14:14">
      <c r="N533434" s="10"/>
    </row>
    <row r="533435" spans="14:14">
      <c r="N533435" s="10"/>
    </row>
    <row r="533436" spans="14:14">
      <c r="N533436" s="10"/>
    </row>
    <row r="533437" spans="14:14">
      <c r="N533437" s="10"/>
    </row>
    <row r="533438" spans="14:14">
      <c r="N533438" s="10"/>
    </row>
    <row r="533439" spans="14:14">
      <c r="N533439" s="10"/>
    </row>
    <row r="533440" spans="14:14">
      <c r="N533440" s="10"/>
    </row>
    <row r="533441" spans="14:14">
      <c r="N533441" s="10"/>
    </row>
    <row r="533442" spans="14:14">
      <c r="N533442" s="10"/>
    </row>
    <row r="533443" spans="14:14">
      <c r="N533443" s="10"/>
    </row>
    <row r="533444" spans="14:14">
      <c r="N533444" s="10"/>
    </row>
    <row r="533445" spans="14:14">
      <c r="N533445" s="10"/>
    </row>
    <row r="533446" spans="14:14">
      <c r="N533446" s="10"/>
    </row>
    <row r="533447" spans="14:14">
      <c r="N533447" s="10"/>
    </row>
    <row r="533448" spans="14:14">
      <c r="N533448" s="10"/>
    </row>
    <row r="533449" spans="14:14">
      <c r="N533449" s="10"/>
    </row>
    <row r="533450" spans="14:14">
      <c r="N533450" s="10"/>
    </row>
    <row r="533451" spans="14:14">
      <c r="N533451" s="10"/>
    </row>
    <row r="533452" spans="14:14">
      <c r="N533452" s="10"/>
    </row>
    <row r="533453" spans="14:14">
      <c r="N533453" s="10"/>
    </row>
    <row r="533454" spans="14:14">
      <c r="N533454" s="10"/>
    </row>
    <row r="533455" spans="14:14">
      <c r="N533455" s="10"/>
    </row>
    <row r="533456" spans="14:14">
      <c r="N533456" s="10"/>
    </row>
    <row r="533457" spans="14:14">
      <c r="N533457" s="10"/>
    </row>
    <row r="533458" spans="14:14">
      <c r="N533458" s="10"/>
    </row>
    <row r="533459" spans="14:14">
      <c r="N533459" s="10"/>
    </row>
    <row r="533460" spans="14:14">
      <c r="N533460" s="10"/>
    </row>
    <row r="533461" spans="14:14">
      <c r="N533461" s="10"/>
    </row>
    <row r="533462" spans="14:14">
      <c r="N533462" s="10"/>
    </row>
    <row r="533463" spans="14:14">
      <c r="N533463" s="10"/>
    </row>
    <row r="533464" spans="14:14">
      <c r="N533464" s="10"/>
    </row>
    <row r="533465" spans="14:14">
      <c r="N533465" s="10"/>
    </row>
    <row r="533466" spans="14:14">
      <c r="N533466" s="10"/>
    </row>
    <row r="533467" spans="14:14">
      <c r="N533467" s="10"/>
    </row>
    <row r="533468" spans="14:14">
      <c r="N533468" s="10"/>
    </row>
    <row r="533469" spans="14:14">
      <c r="N533469" s="10"/>
    </row>
    <row r="533470" spans="14:14">
      <c r="N533470" s="10"/>
    </row>
    <row r="533471" spans="14:14">
      <c r="N533471" s="10"/>
    </row>
    <row r="533472" spans="14:14">
      <c r="N533472" s="10"/>
    </row>
    <row r="533473" spans="14:14">
      <c r="N533473" s="10"/>
    </row>
    <row r="533474" spans="14:14">
      <c r="N533474" s="10"/>
    </row>
    <row r="533475" spans="14:14">
      <c r="N533475" s="10"/>
    </row>
    <row r="533476" spans="14:14">
      <c r="N533476" s="10"/>
    </row>
    <row r="533477" spans="14:14">
      <c r="N533477" s="10"/>
    </row>
    <row r="533478" spans="14:14">
      <c r="N533478" s="10"/>
    </row>
    <row r="533479" spans="14:14">
      <c r="N533479" s="10"/>
    </row>
    <row r="533480" spans="14:14">
      <c r="N533480" s="10"/>
    </row>
    <row r="533481" spans="14:14">
      <c r="N533481" s="10"/>
    </row>
    <row r="533482" spans="14:14">
      <c r="N533482" s="10"/>
    </row>
    <row r="533483" spans="14:14">
      <c r="N533483" s="10"/>
    </row>
    <row r="533484" spans="14:14">
      <c r="N533484" s="10"/>
    </row>
    <row r="533485" spans="14:14">
      <c r="N533485" s="10"/>
    </row>
    <row r="533486" spans="14:14">
      <c r="N533486" s="10"/>
    </row>
    <row r="533487" spans="14:14">
      <c r="N533487" s="10"/>
    </row>
    <row r="533488" spans="14:14">
      <c r="N533488" s="10"/>
    </row>
    <row r="533489" spans="14:14">
      <c r="N533489" s="10"/>
    </row>
    <row r="533490" spans="14:14">
      <c r="N533490" s="10"/>
    </row>
    <row r="533491" spans="14:14">
      <c r="N533491" s="10"/>
    </row>
    <row r="533492" spans="14:14">
      <c r="N533492" s="10"/>
    </row>
    <row r="533493" spans="14:14">
      <c r="N533493" s="10"/>
    </row>
    <row r="533494" spans="14:14">
      <c r="N533494" s="10"/>
    </row>
    <row r="533495" spans="14:14">
      <c r="N533495" s="10"/>
    </row>
    <row r="533496" spans="14:14">
      <c r="N533496" s="10"/>
    </row>
    <row r="533497" spans="14:14">
      <c r="N533497" s="10"/>
    </row>
    <row r="533498" spans="14:14">
      <c r="N533498" s="10"/>
    </row>
    <row r="533499" spans="14:14">
      <c r="N533499" s="10"/>
    </row>
    <row r="533500" spans="14:14">
      <c r="N533500" s="10"/>
    </row>
    <row r="533501" spans="14:14">
      <c r="N533501" s="10"/>
    </row>
    <row r="533502" spans="14:14">
      <c r="N533502" s="10"/>
    </row>
    <row r="533503" spans="14:14">
      <c r="N533503" s="10"/>
    </row>
    <row r="533504" spans="14:14">
      <c r="N533504" s="10"/>
    </row>
    <row r="533505" spans="14:14">
      <c r="N533505" s="10"/>
    </row>
    <row r="533506" spans="14:14">
      <c r="N533506" s="10"/>
    </row>
    <row r="533507" spans="14:14">
      <c r="N533507" s="10"/>
    </row>
    <row r="533508" spans="14:14">
      <c r="N533508" s="10"/>
    </row>
    <row r="533509" spans="14:14">
      <c r="N533509" s="10"/>
    </row>
    <row r="533510" spans="14:14">
      <c r="N533510" s="10"/>
    </row>
    <row r="533511" spans="14:14">
      <c r="N533511" s="10"/>
    </row>
    <row r="533512" spans="14:14">
      <c r="N533512" s="10"/>
    </row>
    <row r="533513" spans="14:14">
      <c r="N533513" s="10"/>
    </row>
    <row r="533514" spans="14:14">
      <c r="N533514" s="10"/>
    </row>
    <row r="533515" spans="14:14">
      <c r="N533515" s="10"/>
    </row>
    <row r="533516" spans="14:14">
      <c r="N533516" s="10"/>
    </row>
    <row r="533517" spans="14:14">
      <c r="N533517" s="10"/>
    </row>
    <row r="533518" spans="14:14">
      <c r="N533518" s="10"/>
    </row>
    <row r="533519" spans="14:14">
      <c r="N533519" s="10"/>
    </row>
    <row r="533520" spans="14:14">
      <c r="N533520" s="10"/>
    </row>
    <row r="533521" spans="14:14">
      <c r="N533521" s="10"/>
    </row>
    <row r="533522" spans="14:14">
      <c r="N533522" s="10"/>
    </row>
    <row r="533523" spans="14:14">
      <c r="N533523" s="10"/>
    </row>
    <row r="533524" spans="14:14">
      <c r="N533524" s="10"/>
    </row>
    <row r="533525" spans="14:14">
      <c r="N533525" s="10"/>
    </row>
    <row r="533526" spans="14:14">
      <c r="N533526" s="10"/>
    </row>
    <row r="533527" spans="14:14">
      <c r="N533527" s="10"/>
    </row>
    <row r="533528" spans="14:14">
      <c r="N533528" s="10"/>
    </row>
    <row r="533529" spans="14:14">
      <c r="N533529" s="10"/>
    </row>
    <row r="533530" spans="14:14">
      <c r="N533530" s="10"/>
    </row>
    <row r="533531" spans="14:14">
      <c r="N533531" s="10"/>
    </row>
    <row r="533532" spans="14:14">
      <c r="N533532" s="10"/>
    </row>
    <row r="533533" spans="14:14">
      <c r="N533533" s="10"/>
    </row>
    <row r="533534" spans="14:14">
      <c r="N533534" s="10"/>
    </row>
    <row r="533535" spans="14:14">
      <c r="N533535" s="10"/>
    </row>
    <row r="533536" spans="14:14">
      <c r="N533536" s="10"/>
    </row>
    <row r="533537" spans="14:14">
      <c r="N533537" s="10"/>
    </row>
    <row r="533538" spans="14:14">
      <c r="N533538" s="10"/>
    </row>
    <row r="533539" spans="14:14">
      <c r="N533539" s="10"/>
    </row>
    <row r="533540" spans="14:14">
      <c r="N533540" s="10"/>
    </row>
    <row r="533541" spans="14:14">
      <c r="N533541" s="10"/>
    </row>
    <row r="533542" spans="14:14">
      <c r="N533542" s="10"/>
    </row>
    <row r="533543" spans="14:14">
      <c r="N533543" s="10"/>
    </row>
    <row r="533544" spans="14:14">
      <c r="N533544" s="10"/>
    </row>
    <row r="533545" spans="14:14">
      <c r="N533545" s="10"/>
    </row>
    <row r="533546" spans="14:14">
      <c r="N533546" s="10"/>
    </row>
    <row r="533547" spans="14:14">
      <c r="N533547" s="10"/>
    </row>
    <row r="533548" spans="14:14">
      <c r="N533548" s="10"/>
    </row>
    <row r="533549" spans="14:14">
      <c r="N533549" s="10"/>
    </row>
    <row r="533550" spans="14:14">
      <c r="N533550" s="10"/>
    </row>
    <row r="533551" spans="14:14">
      <c r="N533551" s="10"/>
    </row>
    <row r="533552" spans="14:14">
      <c r="N533552" s="10"/>
    </row>
    <row r="533553" spans="14:14">
      <c r="N533553" s="10"/>
    </row>
    <row r="533554" spans="14:14">
      <c r="N533554" s="10"/>
    </row>
    <row r="533555" spans="14:14">
      <c r="N533555" s="10"/>
    </row>
    <row r="533556" spans="14:14">
      <c r="N533556" s="10"/>
    </row>
    <row r="533557" spans="14:14">
      <c r="N533557" s="10"/>
    </row>
    <row r="533558" spans="14:14">
      <c r="N533558" s="10"/>
    </row>
    <row r="533559" spans="14:14">
      <c r="N533559" s="10"/>
    </row>
    <row r="533560" spans="14:14">
      <c r="N533560" s="10"/>
    </row>
    <row r="533561" spans="14:14">
      <c r="N533561" s="10"/>
    </row>
    <row r="533562" spans="14:14">
      <c r="N533562" s="10"/>
    </row>
    <row r="533563" spans="14:14">
      <c r="N533563" s="10"/>
    </row>
    <row r="533564" spans="14:14">
      <c r="N533564" s="10"/>
    </row>
    <row r="533565" spans="14:14">
      <c r="N533565" s="10"/>
    </row>
    <row r="533566" spans="14:14">
      <c r="N533566" s="10"/>
    </row>
    <row r="533567" spans="14:14">
      <c r="N533567" s="10"/>
    </row>
    <row r="533568" spans="14:14">
      <c r="N533568" s="10"/>
    </row>
    <row r="533569" spans="14:14">
      <c r="N533569" s="10"/>
    </row>
    <row r="533570" spans="14:14">
      <c r="N533570" s="10"/>
    </row>
    <row r="533571" spans="14:14">
      <c r="N533571" s="10"/>
    </row>
    <row r="533572" spans="14:14">
      <c r="N533572" s="10"/>
    </row>
    <row r="533573" spans="14:14">
      <c r="N533573" s="10"/>
    </row>
    <row r="533574" spans="14:14">
      <c r="N533574" s="10"/>
    </row>
    <row r="533575" spans="14:14">
      <c r="N533575" s="10"/>
    </row>
    <row r="533576" spans="14:14">
      <c r="N533576" s="10"/>
    </row>
    <row r="533577" spans="14:14">
      <c r="N533577" s="10"/>
    </row>
    <row r="533578" spans="14:14">
      <c r="N533578" s="10"/>
    </row>
    <row r="533579" spans="14:14">
      <c r="N533579" s="10"/>
    </row>
    <row r="533580" spans="14:14">
      <c r="N533580" s="10"/>
    </row>
    <row r="533581" spans="14:14">
      <c r="N533581" s="10"/>
    </row>
    <row r="533582" spans="14:14">
      <c r="N533582" s="10"/>
    </row>
    <row r="533583" spans="14:14">
      <c r="N533583" s="10"/>
    </row>
    <row r="533584" spans="14:14">
      <c r="N533584" s="10"/>
    </row>
    <row r="533585" spans="14:14">
      <c r="N533585" s="10"/>
    </row>
    <row r="533586" spans="14:14">
      <c r="N533586" s="10"/>
    </row>
    <row r="533587" spans="14:14">
      <c r="N533587" s="10"/>
    </row>
    <row r="533588" spans="14:14">
      <c r="N533588" s="10"/>
    </row>
    <row r="533589" spans="14:14">
      <c r="N533589" s="10"/>
    </row>
    <row r="533590" spans="14:14">
      <c r="N533590" s="10"/>
    </row>
    <row r="533591" spans="14:14">
      <c r="N533591" s="10"/>
    </row>
    <row r="533592" spans="14:14">
      <c r="N533592" s="10"/>
    </row>
    <row r="533593" spans="14:14">
      <c r="N533593" s="10"/>
    </row>
    <row r="533594" spans="14:14">
      <c r="N533594" s="10"/>
    </row>
    <row r="533595" spans="14:14">
      <c r="N533595" s="10"/>
    </row>
    <row r="533596" spans="14:14">
      <c r="N533596" s="10"/>
    </row>
    <row r="533597" spans="14:14">
      <c r="N533597" s="10"/>
    </row>
    <row r="533598" spans="14:14">
      <c r="N533598" s="10"/>
    </row>
    <row r="533599" spans="14:14">
      <c r="N533599" s="10"/>
    </row>
    <row r="533600" spans="14:14">
      <c r="N533600" s="10"/>
    </row>
    <row r="533601" spans="14:14">
      <c r="N533601" s="10"/>
    </row>
    <row r="533602" spans="14:14">
      <c r="N533602" s="10"/>
    </row>
    <row r="533603" spans="14:14">
      <c r="N533603" s="10"/>
    </row>
    <row r="533604" spans="14:14">
      <c r="N533604" s="10"/>
    </row>
    <row r="533605" spans="14:14">
      <c r="N533605" s="10"/>
    </row>
    <row r="533606" spans="14:14">
      <c r="N533606" s="10"/>
    </row>
    <row r="533607" spans="14:14">
      <c r="N533607" s="10"/>
    </row>
    <row r="533608" spans="14:14">
      <c r="N533608" s="10"/>
    </row>
    <row r="533609" spans="14:14">
      <c r="N533609" s="10"/>
    </row>
    <row r="533610" spans="14:14">
      <c r="N533610" s="10"/>
    </row>
    <row r="533611" spans="14:14">
      <c r="N533611" s="10"/>
    </row>
    <row r="533612" spans="14:14">
      <c r="N533612" s="10"/>
    </row>
    <row r="533613" spans="14:14">
      <c r="N533613" s="10"/>
    </row>
    <row r="533614" spans="14:14">
      <c r="N533614" s="10"/>
    </row>
    <row r="533615" spans="14:14">
      <c r="N533615" s="10"/>
    </row>
    <row r="533616" spans="14:14">
      <c r="N533616" s="10"/>
    </row>
    <row r="533617" spans="14:14">
      <c r="N533617" s="10"/>
    </row>
    <row r="533618" spans="14:14">
      <c r="N533618" s="10"/>
    </row>
    <row r="533619" spans="14:14">
      <c r="N533619" s="10"/>
    </row>
    <row r="533620" spans="14:14">
      <c r="N533620" s="10"/>
    </row>
    <row r="533621" spans="14:14">
      <c r="N533621" s="10"/>
    </row>
    <row r="533622" spans="14:14">
      <c r="N533622" s="10"/>
    </row>
    <row r="533623" spans="14:14">
      <c r="N533623" s="10"/>
    </row>
    <row r="533624" spans="14:14">
      <c r="N533624" s="10"/>
    </row>
    <row r="533625" spans="14:14">
      <c r="N533625" s="10"/>
    </row>
    <row r="533626" spans="14:14">
      <c r="N533626" s="10"/>
    </row>
    <row r="533627" spans="14:14">
      <c r="N533627" s="10"/>
    </row>
    <row r="533628" spans="14:14">
      <c r="N533628" s="10"/>
    </row>
    <row r="533629" spans="14:14">
      <c r="N533629" s="10"/>
    </row>
    <row r="533630" spans="14:14">
      <c r="N533630" s="10"/>
    </row>
    <row r="533631" spans="14:14">
      <c r="N533631" s="10"/>
    </row>
    <row r="533632" spans="14:14">
      <c r="N533632" s="10"/>
    </row>
    <row r="533633" spans="14:14">
      <c r="N533633" s="10"/>
    </row>
    <row r="533634" spans="14:14">
      <c r="N533634" s="10"/>
    </row>
    <row r="533635" spans="14:14">
      <c r="N533635" s="10"/>
    </row>
    <row r="533636" spans="14:14">
      <c r="N533636" s="10"/>
    </row>
    <row r="533637" spans="14:14">
      <c r="N533637" s="10"/>
    </row>
    <row r="533638" spans="14:14">
      <c r="N533638" s="10"/>
    </row>
    <row r="533639" spans="14:14">
      <c r="N533639" s="10"/>
    </row>
    <row r="533640" spans="14:14">
      <c r="N533640" s="10"/>
    </row>
    <row r="533641" spans="14:14">
      <c r="N533641" s="10"/>
    </row>
    <row r="533642" spans="14:14">
      <c r="N533642" s="10"/>
    </row>
    <row r="533643" spans="14:14">
      <c r="N533643" s="10"/>
    </row>
    <row r="533644" spans="14:14">
      <c r="N533644" s="10"/>
    </row>
    <row r="533645" spans="14:14">
      <c r="N533645" s="10"/>
    </row>
    <row r="533646" spans="14:14">
      <c r="N533646" s="10"/>
    </row>
    <row r="533647" spans="14:14">
      <c r="N533647" s="10"/>
    </row>
    <row r="533648" spans="14:14">
      <c r="N533648" s="10"/>
    </row>
    <row r="533649" spans="14:14">
      <c r="N533649" s="10"/>
    </row>
    <row r="533650" spans="14:14">
      <c r="N533650" s="10"/>
    </row>
    <row r="533651" spans="14:14">
      <c r="N533651" s="10"/>
    </row>
    <row r="533652" spans="14:14">
      <c r="N533652" s="10"/>
    </row>
    <row r="533653" spans="14:14">
      <c r="N533653" s="10"/>
    </row>
    <row r="533654" spans="14:14">
      <c r="N533654" s="10"/>
    </row>
    <row r="533655" spans="14:14">
      <c r="N533655" s="10"/>
    </row>
    <row r="533656" spans="14:14">
      <c r="N533656" s="10"/>
    </row>
    <row r="533657" spans="14:14">
      <c r="N533657" s="10"/>
    </row>
    <row r="533658" spans="14:14">
      <c r="N533658" s="10"/>
    </row>
    <row r="533659" spans="14:14">
      <c r="N533659" s="10"/>
    </row>
    <row r="533660" spans="14:14">
      <c r="N533660" s="10"/>
    </row>
    <row r="533661" spans="14:14">
      <c r="N533661" s="10"/>
    </row>
    <row r="533662" spans="14:14">
      <c r="N533662" s="10"/>
    </row>
    <row r="533663" spans="14:14">
      <c r="N533663" s="10"/>
    </row>
    <row r="533664" spans="14:14">
      <c r="N533664" s="10"/>
    </row>
    <row r="533665" spans="14:14">
      <c r="N533665" s="10"/>
    </row>
    <row r="533666" spans="14:14">
      <c r="N533666" s="10"/>
    </row>
    <row r="533667" spans="14:14">
      <c r="N533667" s="10"/>
    </row>
    <row r="533668" spans="14:14">
      <c r="N533668" s="10"/>
    </row>
    <row r="533669" spans="14:14">
      <c r="N533669" s="10"/>
    </row>
    <row r="533670" spans="14:14">
      <c r="N533670" s="10"/>
    </row>
    <row r="533671" spans="14:14">
      <c r="N533671" s="10"/>
    </row>
    <row r="533672" spans="14:14">
      <c r="N533672" s="10"/>
    </row>
    <row r="533673" spans="14:14">
      <c r="N533673" s="10"/>
    </row>
    <row r="533674" spans="14:14">
      <c r="N533674" s="10"/>
    </row>
    <row r="533675" spans="14:14">
      <c r="N533675" s="10"/>
    </row>
    <row r="533676" spans="14:14">
      <c r="N533676" s="10"/>
    </row>
    <row r="533677" spans="14:14">
      <c r="N533677" s="10"/>
    </row>
    <row r="533678" spans="14:14">
      <c r="N533678" s="10"/>
    </row>
    <row r="533679" spans="14:14">
      <c r="N533679" s="10"/>
    </row>
    <row r="533680" spans="14:14">
      <c r="N533680" s="10"/>
    </row>
    <row r="533681" spans="14:14">
      <c r="N533681" s="10"/>
    </row>
    <row r="533682" spans="14:14">
      <c r="N533682" s="10"/>
    </row>
    <row r="533683" spans="14:14">
      <c r="N533683" s="10"/>
    </row>
    <row r="533684" spans="14:14">
      <c r="N533684" s="10"/>
    </row>
    <row r="533685" spans="14:14">
      <c r="N533685" s="10"/>
    </row>
    <row r="533686" spans="14:14">
      <c r="N533686" s="10"/>
    </row>
    <row r="533687" spans="14:14">
      <c r="N533687" s="10"/>
    </row>
    <row r="533688" spans="14:14">
      <c r="N533688" s="10"/>
    </row>
    <row r="533689" spans="14:14">
      <c r="N533689" s="10"/>
    </row>
    <row r="533690" spans="14:14">
      <c r="N533690" s="10"/>
    </row>
    <row r="533691" spans="14:14">
      <c r="N533691" s="10"/>
    </row>
    <row r="533692" spans="14:14">
      <c r="N533692" s="10"/>
    </row>
    <row r="533693" spans="14:14">
      <c r="N533693" s="10"/>
    </row>
    <row r="533694" spans="14:14">
      <c r="N533694" s="10"/>
    </row>
    <row r="533695" spans="14:14">
      <c r="N533695" s="10"/>
    </row>
    <row r="533696" spans="14:14">
      <c r="N533696" s="10"/>
    </row>
    <row r="533697" spans="14:14">
      <c r="N533697" s="10"/>
    </row>
    <row r="533698" spans="14:14">
      <c r="N533698" s="10"/>
    </row>
    <row r="533699" spans="14:14">
      <c r="N533699" s="10"/>
    </row>
    <row r="533700" spans="14:14">
      <c r="N533700" s="10"/>
    </row>
    <row r="533701" spans="14:14">
      <c r="N533701" s="10"/>
    </row>
    <row r="533702" spans="14:14">
      <c r="N533702" s="10"/>
    </row>
    <row r="533703" spans="14:14">
      <c r="N533703" s="10"/>
    </row>
    <row r="533704" spans="14:14">
      <c r="N533704" s="10"/>
    </row>
    <row r="533705" spans="14:14">
      <c r="N533705" s="10"/>
    </row>
    <row r="533706" spans="14:14">
      <c r="N533706" s="10"/>
    </row>
    <row r="533707" spans="14:14">
      <c r="N533707" s="10"/>
    </row>
    <row r="533708" spans="14:14">
      <c r="N533708" s="10"/>
    </row>
    <row r="533709" spans="14:14">
      <c r="N533709" s="10"/>
    </row>
    <row r="533710" spans="14:14">
      <c r="N533710" s="10"/>
    </row>
    <row r="533711" spans="14:14">
      <c r="N533711" s="10"/>
    </row>
    <row r="533712" spans="14:14">
      <c r="N533712" s="10"/>
    </row>
    <row r="533713" spans="14:14">
      <c r="N533713" s="10"/>
    </row>
    <row r="533714" spans="14:14">
      <c r="N533714" s="10"/>
    </row>
    <row r="533715" spans="14:14">
      <c r="N533715" s="10"/>
    </row>
    <row r="533716" spans="14:14">
      <c r="N533716" s="10"/>
    </row>
    <row r="533717" spans="14:14">
      <c r="N533717" s="10"/>
    </row>
    <row r="533718" spans="14:14">
      <c r="N533718" s="10"/>
    </row>
    <row r="533719" spans="14:14">
      <c r="N533719" s="10"/>
    </row>
    <row r="533720" spans="14:14">
      <c r="N533720" s="10"/>
    </row>
    <row r="533721" spans="14:14">
      <c r="N533721" s="10"/>
    </row>
    <row r="533722" spans="14:14">
      <c r="N533722" s="10"/>
    </row>
    <row r="533723" spans="14:14">
      <c r="N533723" s="10"/>
    </row>
    <row r="533724" spans="14:14">
      <c r="N533724" s="10"/>
    </row>
    <row r="533725" spans="14:14">
      <c r="N533725" s="10"/>
    </row>
    <row r="533726" spans="14:14">
      <c r="N533726" s="10"/>
    </row>
    <row r="533727" spans="14:14">
      <c r="N533727" s="10"/>
    </row>
    <row r="533728" spans="14:14">
      <c r="N533728" s="10"/>
    </row>
    <row r="533729" spans="14:14">
      <c r="N533729" s="10"/>
    </row>
    <row r="533730" spans="14:14">
      <c r="N533730" s="10"/>
    </row>
    <row r="533731" spans="14:14">
      <c r="N533731" s="10"/>
    </row>
    <row r="533732" spans="14:14">
      <c r="N533732" s="10"/>
    </row>
    <row r="533733" spans="14:14">
      <c r="N533733" s="10"/>
    </row>
    <row r="533734" spans="14:14">
      <c r="N533734" s="10"/>
    </row>
    <row r="533735" spans="14:14">
      <c r="N533735" s="10"/>
    </row>
    <row r="533736" spans="14:14">
      <c r="N533736" s="10"/>
    </row>
    <row r="533737" spans="14:14">
      <c r="N533737" s="10"/>
    </row>
    <row r="533738" spans="14:14">
      <c r="N533738" s="10"/>
    </row>
    <row r="533739" spans="14:14">
      <c r="N533739" s="10"/>
    </row>
    <row r="533740" spans="14:14">
      <c r="N533740" s="10"/>
    </row>
    <row r="533741" spans="14:14">
      <c r="N533741" s="10"/>
    </row>
    <row r="533742" spans="14:14">
      <c r="N533742" s="10"/>
    </row>
    <row r="533743" spans="14:14">
      <c r="N533743" s="10"/>
    </row>
    <row r="533744" spans="14:14">
      <c r="N533744" s="10"/>
    </row>
    <row r="533745" spans="14:14">
      <c r="N533745" s="10"/>
    </row>
    <row r="533746" spans="14:14">
      <c r="N533746" s="10"/>
    </row>
    <row r="533747" spans="14:14">
      <c r="N533747" s="10"/>
    </row>
    <row r="533748" spans="14:14">
      <c r="N533748" s="10"/>
    </row>
    <row r="533749" spans="14:14">
      <c r="N533749" s="10"/>
    </row>
    <row r="533750" spans="14:14">
      <c r="N533750" s="10"/>
    </row>
    <row r="533751" spans="14:14">
      <c r="N533751" s="10"/>
    </row>
    <row r="533752" spans="14:14">
      <c r="N533752" s="10"/>
    </row>
    <row r="533753" spans="14:14">
      <c r="N533753" s="10"/>
    </row>
    <row r="533754" spans="14:14">
      <c r="N533754" s="10"/>
    </row>
    <row r="533755" spans="14:14">
      <c r="N533755" s="10"/>
    </row>
    <row r="533756" spans="14:14">
      <c r="N533756" s="10"/>
    </row>
    <row r="533757" spans="14:14">
      <c r="N533757" s="10"/>
    </row>
    <row r="533758" spans="14:14">
      <c r="N533758" s="10"/>
    </row>
    <row r="533759" spans="14:14">
      <c r="N533759" s="10"/>
    </row>
    <row r="533760" spans="14:14">
      <c r="N533760" s="10"/>
    </row>
    <row r="533761" spans="14:14">
      <c r="N533761" s="10"/>
    </row>
    <row r="533762" spans="14:14">
      <c r="N533762" s="10"/>
    </row>
    <row r="533763" spans="14:14">
      <c r="N533763" s="10"/>
    </row>
    <row r="533764" spans="14:14">
      <c r="N533764" s="10"/>
    </row>
    <row r="533765" spans="14:14">
      <c r="N533765" s="10"/>
    </row>
    <row r="533766" spans="14:14">
      <c r="N533766" s="10"/>
    </row>
    <row r="533767" spans="14:14">
      <c r="N533767" s="10"/>
    </row>
    <row r="533768" spans="14:14">
      <c r="N533768" s="10"/>
    </row>
    <row r="533769" spans="14:14">
      <c r="N533769" s="10"/>
    </row>
    <row r="533770" spans="14:14">
      <c r="N533770" s="10"/>
    </row>
    <row r="533771" spans="14:14">
      <c r="N533771" s="10"/>
    </row>
    <row r="533772" spans="14:14">
      <c r="N533772" s="10"/>
    </row>
    <row r="533773" spans="14:14">
      <c r="N533773" s="10"/>
    </row>
    <row r="533774" spans="14:14">
      <c r="N533774" s="10"/>
    </row>
    <row r="533775" spans="14:14">
      <c r="N533775" s="10"/>
    </row>
    <row r="533776" spans="14:14">
      <c r="N533776" s="10"/>
    </row>
    <row r="533777" spans="14:14">
      <c r="N533777" s="10"/>
    </row>
    <row r="533778" spans="14:14">
      <c r="N533778" s="10"/>
    </row>
    <row r="533779" spans="14:14">
      <c r="N533779" s="10"/>
    </row>
    <row r="533780" spans="14:14">
      <c r="N533780" s="10"/>
    </row>
    <row r="533781" spans="14:14">
      <c r="N533781" s="10"/>
    </row>
    <row r="533782" spans="14:14">
      <c r="N533782" s="10"/>
    </row>
    <row r="533783" spans="14:14">
      <c r="N533783" s="10"/>
    </row>
    <row r="533784" spans="14:14">
      <c r="N533784" s="10"/>
    </row>
    <row r="533785" spans="14:14">
      <c r="N533785" s="10"/>
    </row>
    <row r="533786" spans="14:14">
      <c r="N533786" s="10"/>
    </row>
    <row r="533787" spans="14:14">
      <c r="N533787" s="10"/>
    </row>
    <row r="533788" spans="14:14">
      <c r="N533788" s="10"/>
    </row>
    <row r="533789" spans="14:14">
      <c r="N533789" s="10"/>
    </row>
    <row r="533790" spans="14:14">
      <c r="N533790" s="10"/>
    </row>
    <row r="533791" spans="14:14">
      <c r="N533791" s="10"/>
    </row>
    <row r="533792" spans="14:14">
      <c r="N533792" s="10"/>
    </row>
    <row r="533793" spans="14:14">
      <c r="N533793" s="10"/>
    </row>
    <row r="533794" spans="14:14">
      <c r="N533794" s="10"/>
    </row>
    <row r="533795" spans="14:14">
      <c r="N533795" s="10"/>
    </row>
    <row r="533796" spans="14:14">
      <c r="N533796" s="10"/>
    </row>
    <row r="533797" spans="14:14">
      <c r="N533797" s="10"/>
    </row>
    <row r="533798" spans="14:14">
      <c r="N533798" s="10"/>
    </row>
    <row r="533799" spans="14:14">
      <c r="N533799" s="10"/>
    </row>
    <row r="533800" spans="14:14">
      <c r="N533800" s="10"/>
    </row>
    <row r="533801" spans="14:14">
      <c r="N533801" s="10"/>
    </row>
    <row r="533802" spans="14:14">
      <c r="N533802" s="10"/>
    </row>
    <row r="533803" spans="14:14">
      <c r="N533803" s="10"/>
    </row>
    <row r="533804" spans="14:14">
      <c r="N533804" s="10"/>
    </row>
    <row r="533805" spans="14:14">
      <c r="N533805" s="10"/>
    </row>
    <row r="533806" spans="14:14">
      <c r="N533806" s="10"/>
    </row>
    <row r="533807" spans="14:14">
      <c r="N533807" s="10"/>
    </row>
    <row r="533808" spans="14:14">
      <c r="N533808" s="10"/>
    </row>
    <row r="533809" spans="14:14">
      <c r="N533809" s="10"/>
    </row>
    <row r="533810" spans="14:14">
      <c r="N533810" s="10"/>
    </row>
    <row r="533811" spans="14:14">
      <c r="N533811" s="10"/>
    </row>
    <row r="533812" spans="14:14">
      <c r="N533812" s="10"/>
    </row>
    <row r="533813" spans="14:14">
      <c r="N533813" s="10"/>
    </row>
    <row r="533814" spans="14:14">
      <c r="N533814" s="10"/>
    </row>
    <row r="533815" spans="14:14">
      <c r="N533815" s="10"/>
    </row>
    <row r="533816" spans="14:14">
      <c r="N533816" s="10"/>
    </row>
    <row r="533817" spans="14:14">
      <c r="N533817" s="10"/>
    </row>
    <row r="533818" spans="14:14">
      <c r="N533818" s="10"/>
    </row>
    <row r="533819" spans="14:14">
      <c r="N533819" s="10"/>
    </row>
    <row r="533820" spans="14:14">
      <c r="N533820" s="10"/>
    </row>
    <row r="533821" spans="14:14">
      <c r="N533821" s="10"/>
    </row>
    <row r="533822" spans="14:14">
      <c r="N533822" s="10"/>
    </row>
    <row r="533823" spans="14:14">
      <c r="N533823" s="10"/>
    </row>
    <row r="533824" spans="14:14">
      <c r="N533824" s="10"/>
    </row>
    <row r="533825" spans="14:14">
      <c r="N533825" s="10"/>
    </row>
    <row r="533826" spans="14:14">
      <c r="N533826" s="10"/>
    </row>
    <row r="533827" spans="14:14">
      <c r="N533827" s="10"/>
    </row>
    <row r="533828" spans="14:14">
      <c r="N533828" s="10"/>
    </row>
    <row r="533829" spans="14:14">
      <c r="N533829" s="10"/>
    </row>
    <row r="533830" spans="14:14">
      <c r="N533830" s="10"/>
    </row>
    <row r="533831" spans="14:14">
      <c r="N533831" s="10"/>
    </row>
    <row r="533832" spans="14:14">
      <c r="N533832" s="10"/>
    </row>
    <row r="533833" spans="14:14">
      <c r="N533833" s="10"/>
    </row>
    <row r="533834" spans="14:14">
      <c r="N533834" s="10"/>
    </row>
    <row r="533835" spans="14:14">
      <c r="N533835" s="10"/>
    </row>
    <row r="533836" spans="14:14">
      <c r="N533836" s="10"/>
    </row>
    <row r="533837" spans="14:14">
      <c r="N533837" s="10"/>
    </row>
    <row r="533838" spans="14:14">
      <c r="N533838" s="10"/>
    </row>
    <row r="533839" spans="14:14">
      <c r="N533839" s="10"/>
    </row>
    <row r="533840" spans="14:14">
      <c r="N533840" s="10"/>
    </row>
    <row r="533841" spans="14:14">
      <c r="N533841" s="10"/>
    </row>
    <row r="533842" spans="14:14">
      <c r="N533842" s="10"/>
    </row>
    <row r="533843" spans="14:14">
      <c r="N533843" s="10"/>
    </row>
    <row r="533844" spans="14:14">
      <c r="N533844" s="10"/>
    </row>
    <row r="533845" spans="14:14">
      <c r="N533845" s="10"/>
    </row>
    <row r="533846" spans="14:14">
      <c r="N533846" s="10"/>
    </row>
    <row r="533847" spans="14:14">
      <c r="N533847" s="10"/>
    </row>
    <row r="533848" spans="14:14">
      <c r="N533848" s="10"/>
    </row>
    <row r="533849" spans="14:14">
      <c r="N533849" s="10"/>
    </row>
    <row r="533850" spans="14:14">
      <c r="N533850" s="10"/>
    </row>
    <row r="533851" spans="14:14">
      <c r="N533851" s="10"/>
    </row>
    <row r="533852" spans="14:14">
      <c r="N533852" s="10"/>
    </row>
    <row r="533853" spans="14:14">
      <c r="N533853" s="10"/>
    </row>
    <row r="533854" spans="14:14">
      <c r="N533854" s="10"/>
    </row>
    <row r="533855" spans="14:14">
      <c r="N533855" s="10"/>
    </row>
    <row r="533856" spans="14:14">
      <c r="N533856" s="10"/>
    </row>
    <row r="533857" spans="14:14">
      <c r="N533857" s="10"/>
    </row>
    <row r="533858" spans="14:14">
      <c r="N533858" s="10"/>
    </row>
    <row r="533859" spans="14:14">
      <c r="N533859" s="10"/>
    </row>
    <row r="533860" spans="14:14">
      <c r="N533860" s="10"/>
    </row>
    <row r="533861" spans="14:14">
      <c r="N533861" s="10"/>
    </row>
    <row r="533862" spans="14:14">
      <c r="N533862" s="10"/>
    </row>
    <row r="533863" spans="14:14">
      <c r="N533863" s="10"/>
    </row>
    <row r="533864" spans="14:14">
      <c r="N533864" s="10"/>
    </row>
    <row r="533865" spans="14:14">
      <c r="N533865" s="10"/>
    </row>
    <row r="533866" spans="14:14">
      <c r="N533866" s="10"/>
    </row>
    <row r="533867" spans="14:14">
      <c r="N533867" s="10"/>
    </row>
    <row r="533868" spans="14:14">
      <c r="N533868" s="10"/>
    </row>
    <row r="533869" spans="14:14">
      <c r="N533869" s="10"/>
    </row>
    <row r="533870" spans="14:14">
      <c r="N533870" s="10"/>
    </row>
    <row r="533871" spans="14:14">
      <c r="N533871" s="10"/>
    </row>
    <row r="533872" spans="14:14">
      <c r="N533872" s="10"/>
    </row>
    <row r="533873" spans="14:14">
      <c r="N533873" s="10"/>
    </row>
    <row r="533874" spans="14:14">
      <c r="N533874" s="10"/>
    </row>
    <row r="533875" spans="14:14">
      <c r="N533875" s="10"/>
    </row>
    <row r="533876" spans="14:14">
      <c r="N533876" s="10"/>
    </row>
    <row r="533877" spans="14:14">
      <c r="N533877" s="10"/>
    </row>
    <row r="533878" spans="14:14">
      <c r="N533878" s="10"/>
    </row>
    <row r="533879" spans="14:14">
      <c r="N533879" s="10"/>
    </row>
    <row r="533880" spans="14:14">
      <c r="N533880" s="10"/>
    </row>
    <row r="533881" spans="14:14">
      <c r="N533881" s="10"/>
    </row>
    <row r="533882" spans="14:14">
      <c r="N533882" s="10"/>
    </row>
    <row r="533883" spans="14:14">
      <c r="N533883" s="10"/>
    </row>
    <row r="533884" spans="14:14">
      <c r="N533884" s="10"/>
    </row>
    <row r="533885" spans="14:14">
      <c r="N533885" s="10"/>
    </row>
    <row r="533886" spans="14:14">
      <c r="N533886" s="10"/>
    </row>
    <row r="533887" spans="14:14">
      <c r="N533887" s="10"/>
    </row>
    <row r="533888" spans="14:14">
      <c r="N533888" s="10"/>
    </row>
    <row r="533889" spans="14:14">
      <c r="N533889" s="10"/>
    </row>
    <row r="533890" spans="14:14">
      <c r="N533890" s="10"/>
    </row>
    <row r="533891" spans="14:14">
      <c r="N533891" s="10"/>
    </row>
    <row r="533892" spans="14:14">
      <c r="N533892" s="10"/>
    </row>
    <row r="533893" spans="14:14">
      <c r="N533893" s="10"/>
    </row>
    <row r="533894" spans="14:14">
      <c r="N533894" s="10"/>
    </row>
    <row r="533895" spans="14:14">
      <c r="N533895" s="10"/>
    </row>
    <row r="533896" spans="14:14">
      <c r="N533896" s="10"/>
    </row>
    <row r="533897" spans="14:14">
      <c r="N533897" s="10"/>
    </row>
    <row r="533898" spans="14:14">
      <c r="N533898" s="10"/>
    </row>
    <row r="533899" spans="14:14">
      <c r="N533899" s="10"/>
    </row>
    <row r="533900" spans="14:14">
      <c r="N533900" s="10"/>
    </row>
    <row r="533901" spans="14:14">
      <c r="N533901" s="10"/>
    </row>
    <row r="533902" spans="14:14">
      <c r="N533902" s="10"/>
    </row>
    <row r="533903" spans="14:14">
      <c r="N533903" s="10"/>
    </row>
    <row r="533904" spans="14:14">
      <c r="N533904" s="10"/>
    </row>
    <row r="533905" spans="14:14">
      <c r="N533905" s="10"/>
    </row>
    <row r="533906" spans="14:14">
      <c r="N533906" s="10"/>
    </row>
    <row r="533907" spans="14:14">
      <c r="N533907" s="10"/>
    </row>
    <row r="533908" spans="14:14">
      <c r="N533908" s="10"/>
    </row>
    <row r="533909" spans="14:14">
      <c r="N533909" s="10"/>
    </row>
    <row r="533910" spans="14:14">
      <c r="N533910" s="10"/>
    </row>
    <row r="533911" spans="14:14">
      <c r="N533911" s="10"/>
    </row>
    <row r="533912" spans="14:14">
      <c r="N533912" s="10"/>
    </row>
    <row r="533913" spans="14:14">
      <c r="N533913" s="10"/>
    </row>
    <row r="533914" spans="14:14">
      <c r="N533914" s="10"/>
    </row>
    <row r="533915" spans="14:14">
      <c r="N533915" s="10"/>
    </row>
    <row r="533916" spans="14:14">
      <c r="N533916" s="10"/>
    </row>
    <row r="533917" spans="14:14">
      <c r="N533917" s="10"/>
    </row>
    <row r="533918" spans="14:14">
      <c r="N533918" s="10"/>
    </row>
    <row r="533919" spans="14:14">
      <c r="N533919" s="10"/>
    </row>
    <row r="533920" spans="14:14">
      <c r="N533920" s="10"/>
    </row>
    <row r="533921" spans="14:14">
      <c r="N533921" s="10"/>
    </row>
    <row r="533922" spans="14:14">
      <c r="N533922" s="10"/>
    </row>
    <row r="533923" spans="14:14">
      <c r="N533923" s="10"/>
    </row>
    <row r="533924" spans="14:14">
      <c r="N533924" s="10"/>
    </row>
    <row r="533925" spans="14:14">
      <c r="N533925" s="10"/>
    </row>
    <row r="533926" spans="14:14">
      <c r="N533926" s="10"/>
    </row>
    <row r="533927" spans="14:14">
      <c r="N533927" s="10"/>
    </row>
    <row r="533928" spans="14:14">
      <c r="N533928" s="10"/>
    </row>
    <row r="533929" spans="14:14">
      <c r="N533929" s="10"/>
    </row>
    <row r="533930" spans="14:14">
      <c r="N533930" s="10"/>
    </row>
    <row r="533931" spans="14:14">
      <c r="N533931" s="10"/>
    </row>
    <row r="533932" spans="14:14">
      <c r="N533932" s="10"/>
    </row>
    <row r="533933" spans="14:14">
      <c r="N533933" s="10"/>
    </row>
    <row r="533934" spans="14:14">
      <c r="N533934" s="10"/>
    </row>
    <row r="533935" spans="14:14">
      <c r="N533935" s="10"/>
    </row>
    <row r="533936" spans="14:14">
      <c r="N533936" s="10"/>
    </row>
    <row r="533937" spans="14:14">
      <c r="N533937" s="10"/>
    </row>
    <row r="533938" spans="14:14">
      <c r="N533938" s="10"/>
    </row>
    <row r="533939" spans="14:14">
      <c r="N533939" s="10"/>
    </row>
    <row r="533940" spans="14:14">
      <c r="N533940" s="10"/>
    </row>
    <row r="533941" spans="14:14">
      <c r="N533941" s="10"/>
    </row>
    <row r="533942" spans="14:14">
      <c r="N533942" s="10"/>
    </row>
    <row r="533943" spans="14:14">
      <c r="N533943" s="10"/>
    </row>
    <row r="533944" spans="14:14">
      <c r="N533944" s="10"/>
    </row>
    <row r="533945" spans="14:14">
      <c r="N533945" s="10"/>
    </row>
    <row r="533946" spans="14:14">
      <c r="N533946" s="10"/>
    </row>
    <row r="533947" spans="14:14">
      <c r="N533947" s="10"/>
    </row>
    <row r="533948" spans="14:14">
      <c r="N533948" s="10"/>
    </row>
    <row r="533949" spans="14:14">
      <c r="N533949" s="10"/>
    </row>
    <row r="533950" spans="14:14">
      <c r="N533950" s="10"/>
    </row>
    <row r="533951" spans="14:14">
      <c r="N533951" s="10"/>
    </row>
    <row r="533952" spans="14:14">
      <c r="N533952" s="10"/>
    </row>
    <row r="533953" spans="14:14">
      <c r="N533953" s="10"/>
    </row>
    <row r="533954" spans="14:14">
      <c r="N533954" s="10"/>
    </row>
    <row r="533955" spans="14:14">
      <c r="N533955" s="10"/>
    </row>
    <row r="533956" spans="14:14">
      <c r="N533956" s="10"/>
    </row>
    <row r="533957" spans="14:14">
      <c r="N533957" s="10"/>
    </row>
    <row r="533958" spans="14:14">
      <c r="N533958" s="10"/>
    </row>
    <row r="533959" spans="14:14">
      <c r="N533959" s="10"/>
    </row>
    <row r="533960" spans="14:14">
      <c r="N533960" s="10"/>
    </row>
    <row r="533961" spans="14:14">
      <c r="N533961" s="10"/>
    </row>
    <row r="533962" spans="14:14">
      <c r="N533962" s="10"/>
    </row>
    <row r="533963" spans="14:14">
      <c r="N533963" s="10"/>
    </row>
    <row r="533964" spans="14:14">
      <c r="N533964" s="10"/>
    </row>
    <row r="533965" spans="14:14">
      <c r="N533965" s="10"/>
    </row>
    <row r="533966" spans="14:14">
      <c r="N533966" s="10"/>
    </row>
    <row r="533967" spans="14:14">
      <c r="N533967" s="10"/>
    </row>
    <row r="533968" spans="14:14">
      <c r="N533968" s="10"/>
    </row>
    <row r="533969" spans="14:14">
      <c r="N533969" s="10"/>
    </row>
    <row r="533970" spans="14:14">
      <c r="N533970" s="10"/>
    </row>
    <row r="533971" spans="14:14">
      <c r="N533971" s="10"/>
    </row>
    <row r="533972" spans="14:14">
      <c r="N533972" s="10"/>
    </row>
    <row r="533973" spans="14:14">
      <c r="N533973" s="10"/>
    </row>
    <row r="533974" spans="14:14">
      <c r="N533974" s="10"/>
    </row>
    <row r="533975" spans="14:14">
      <c r="N533975" s="10"/>
    </row>
    <row r="533976" spans="14:14">
      <c r="N533976" s="10"/>
    </row>
    <row r="533977" spans="14:14">
      <c r="N533977" s="10"/>
    </row>
    <row r="533978" spans="14:14">
      <c r="N533978" s="10"/>
    </row>
    <row r="533979" spans="14:14">
      <c r="N533979" s="10"/>
    </row>
    <row r="533980" spans="14:14">
      <c r="N533980" s="10"/>
    </row>
    <row r="533981" spans="14:14">
      <c r="N533981" s="10"/>
    </row>
    <row r="533982" spans="14:14">
      <c r="N533982" s="10"/>
    </row>
    <row r="533983" spans="14:14">
      <c r="N533983" s="10"/>
    </row>
    <row r="533984" spans="14:14">
      <c r="N533984" s="10"/>
    </row>
    <row r="533985" spans="14:14">
      <c r="N533985" s="10"/>
    </row>
    <row r="533986" spans="14:14">
      <c r="N533986" s="10"/>
    </row>
    <row r="533987" spans="14:14">
      <c r="N533987" s="10"/>
    </row>
    <row r="533988" spans="14:14">
      <c r="N533988" s="10"/>
    </row>
    <row r="533989" spans="14:14">
      <c r="N533989" s="10"/>
    </row>
    <row r="533990" spans="14:14">
      <c r="N533990" s="10"/>
    </row>
    <row r="533991" spans="14:14">
      <c r="N533991" s="10"/>
    </row>
    <row r="533992" spans="14:14">
      <c r="N533992" s="10"/>
    </row>
    <row r="533993" spans="14:14">
      <c r="N533993" s="10"/>
    </row>
    <row r="533994" spans="14:14">
      <c r="N533994" s="10"/>
    </row>
    <row r="533995" spans="14:14">
      <c r="N533995" s="10"/>
    </row>
    <row r="533996" spans="14:14">
      <c r="N533996" s="10"/>
    </row>
    <row r="533997" spans="14:14">
      <c r="N533997" s="10"/>
    </row>
    <row r="533998" spans="14:14">
      <c r="N533998" s="10"/>
    </row>
    <row r="533999" spans="14:14">
      <c r="N533999" s="10"/>
    </row>
    <row r="534000" spans="14:14">
      <c r="N534000" s="10"/>
    </row>
    <row r="534001" spans="14:14">
      <c r="N534001" s="10"/>
    </row>
    <row r="534002" spans="14:14">
      <c r="N534002" s="10"/>
    </row>
    <row r="534003" spans="14:14">
      <c r="N534003" s="10"/>
    </row>
    <row r="534004" spans="14:14">
      <c r="N534004" s="10"/>
    </row>
    <row r="534005" spans="14:14">
      <c r="N534005" s="10"/>
    </row>
    <row r="534006" spans="14:14">
      <c r="N534006" s="10"/>
    </row>
    <row r="534007" spans="14:14">
      <c r="N534007" s="10"/>
    </row>
    <row r="534008" spans="14:14">
      <c r="N534008" s="10"/>
    </row>
    <row r="534009" spans="14:14">
      <c r="N534009" s="10"/>
    </row>
    <row r="534010" spans="14:14">
      <c r="N534010" s="10"/>
    </row>
    <row r="534011" spans="14:14">
      <c r="N534011" s="10"/>
    </row>
    <row r="534012" spans="14:14">
      <c r="N534012" s="10"/>
    </row>
    <row r="534013" spans="14:14">
      <c r="N534013" s="10"/>
    </row>
    <row r="534014" spans="14:14">
      <c r="N534014" s="10"/>
    </row>
    <row r="534015" spans="14:14">
      <c r="N534015" s="10"/>
    </row>
    <row r="534016" spans="14:14">
      <c r="N534016" s="10"/>
    </row>
    <row r="534017" spans="14:14">
      <c r="N534017" s="10"/>
    </row>
    <row r="534018" spans="14:14">
      <c r="N534018" s="10"/>
    </row>
    <row r="534019" spans="14:14">
      <c r="N534019" s="10"/>
    </row>
    <row r="534020" spans="14:14">
      <c r="N534020" s="10"/>
    </row>
    <row r="534021" spans="14:14">
      <c r="N534021" s="10"/>
    </row>
    <row r="534022" spans="14:14">
      <c r="N534022" s="10"/>
    </row>
    <row r="534023" spans="14:14">
      <c r="N534023" s="10"/>
    </row>
    <row r="534024" spans="14:14">
      <c r="N534024" s="10"/>
    </row>
    <row r="534025" spans="14:14">
      <c r="N534025" s="10"/>
    </row>
    <row r="534026" spans="14:14">
      <c r="N534026" s="10"/>
    </row>
    <row r="534027" spans="14:14">
      <c r="N534027" s="10"/>
    </row>
    <row r="534028" spans="14:14">
      <c r="N534028" s="10"/>
    </row>
    <row r="534029" spans="14:14">
      <c r="N534029" s="10"/>
    </row>
    <row r="534030" spans="14:14">
      <c r="N534030" s="10"/>
    </row>
    <row r="534031" spans="14:14">
      <c r="N534031" s="10"/>
    </row>
    <row r="534032" spans="14:14">
      <c r="N534032" s="10"/>
    </row>
    <row r="534033" spans="14:14">
      <c r="N534033" s="10"/>
    </row>
    <row r="534034" spans="14:14">
      <c r="N534034" s="10"/>
    </row>
    <row r="534035" spans="14:14">
      <c r="N534035" s="10"/>
    </row>
    <row r="534036" spans="14:14">
      <c r="N534036" s="10"/>
    </row>
    <row r="534037" spans="14:14">
      <c r="N534037" s="10"/>
    </row>
    <row r="534038" spans="14:14">
      <c r="N534038" s="10"/>
    </row>
    <row r="534039" spans="14:14">
      <c r="N534039" s="10"/>
    </row>
    <row r="534040" spans="14:14">
      <c r="N534040" s="10"/>
    </row>
    <row r="534041" spans="14:14">
      <c r="N534041" s="10"/>
    </row>
    <row r="534042" spans="14:14">
      <c r="N534042" s="10"/>
    </row>
    <row r="534043" spans="14:14">
      <c r="N534043" s="10"/>
    </row>
    <row r="534044" spans="14:14">
      <c r="N534044" s="10"/>
    </row>
    <row r="534045" spans="14:14">
      <c r="N534045" s="10"/>
    </row>
    <row r="534046" spans="14:14">
      <c r="N534046" s="10"/>
    </row>
    <row r="534047" spans="14:14">
      <c r="N534047" s="10"/>
    </row>
    <row r="534048" spans="14:14">
      <c r="N534048" s="10"/>
    </row>
    <row r="534049" spans="14:14">
      <c r="N534049" s="10"/>
    </row>
    <row r="534050" spans="14:14">
      <c r="N534050" s="10"/>
    </row>
    <row r="534051" spans="14:14">
      <c r="N534051" s="10"/>
    </row>
    <row r="534052" spans="14:14">
      <c r="N534052" s="10"/>
    </row>
    <row r="534053" spans="14:14">
      <c r="N534053" s="10"/>
    </row>
    <row r="534054" spans="14:14">
      <c r="N534054" s="10"/>
    </row>
    <row r="534055" spans="14:14">
      <c r="N534055" s="10"/>
    </row>
    <row r="534056" spans="14:14">
      <c r="N534056" s="10"/>
    </row>
    <row r="534057" spans="14:14">
      <c r="N534057" s="10"/>
    </row>
    <row r="534058" spans="14:14">
      <c r="N534058" s="10"/>
    </row>
    <row r="534059" spans="14:14">
      <c r="N534059" s="10"/>
    </row>
    <row r="534060" spans="14:14">
      <c r="N534060" s="10"/>
    </row>
    <row r="534061" spans="14:14">
      <c r="N534061" s="10"/>
    </row>
    <row r="534062" spans="14:14">
      <c r="N534062" s="10"/>
    </row>
    <row r="534063" spans="14:14">
      <c r="N534063" s="10"/>
    </row>
    <row r="534064" spans="14:14">
      <c r="N534064" s="10"/>
    </row>
    <row r="534065" spans="14:14">
      <c r="N534065" s="10"/>
    </row>
    <row r="534066" spans="14:14">
      <c r="N534066" s="10"/>
    </row>
    <row r="534067" spans="14:14">
      <c r="N534067" s="10"/>
    </row>
    <row r="534068" spans="14:14">
      <c r="N534068" s="10"/>
    </row>
    <row r="534069" spans="14:14">
      <c r="N534069" s="10"/>
    </row>
    <row r="534070" spans="14:14">
      <c r="N534070" s="10"/>
    </row>
    <row r="534071" spans="14:14">
      <c r="N534071" s="10"/>
    </row>
    <row r="534072" spans="14:14">
      <c r="N534072" s="10"/>
    </row>
    <row r="534073" spans="14:14">
      <c r="N534073" s="10"/>
    </row>
    <row r="534074" spans="14:14">
      <c r="N534074" s="10"/>
    </row>
    <row r="534075" spans="14:14">
      <c r="N534075" s="10"/>
    </row>
    <row r="534076" spans="14:14">
      <c r="N534076" s="10"/>
    </row>
    <row r="534077" spans="14:14">
      <c r="N534077" s="10"/>
    </row>
    <row r="534078" spans="14:14">
      <c r="N534078" s="10"/>
    </row>
    <row r="534079" spans="14:14">
      <c r="N534079" s="10"/>
    </row>
    <row r="534080" spans="14:14">
      <c r="N534080" s="10"/>
    </row>
    <row r="534081" spans="14:14">
      <c r="N534081" s="10"/>
    </row>
    <row r="534082" spans="14:14">
      <c r="N534082" s="10"/>
    </row>
    <row r="534083" spans="14:14">
      <c r="N534083" s="10"/>
    </row>
    <row r="534084" spans="14:14">
      <c r="N534084" s="10"/>
    </row>
    <row r="534085" spans="14:14">
      <c r="N534085" s="10"/>
    </row>
    <row r="534086" spans="14:14">
      <c r="N534086" s="10"/>
    </row>
    <row r="534087" spans="14:14">
      <c r="N534087" s="10"/>
    </row>
    <row r="534088" spans="14:14">
      <c r="N534088" s="10"/>
    </row>
    <row r="534089" spans="14:14">
      <c r="N534089" s="10"/>
    </row>
    <row r="534090" spans="14:14">
      <c r="N534090" s="10"/>
    </row>
    <row r="534091" spans="14:14">
      <c r="N534091" s="10"/>
    </row>
    <row r="534092" spans="14:14">
      <c r="N534092" s="10"/>
    </row>
    <row r="534093" spans="14:14">
      <c r="N534093" s="10"/>
    </row>
    <row r="534094" spans="14:14">
      <c r="N534094" s="10"/>
    </row>
    <row r="534095" spans="14:14">
      <c r="N534095" s="10"/>
    </row>
    <row r="534096" spans="14:14">
      <c r="N534096" s="10"/>
    </row>
    <row r="534097" spans="14:14">
      <c r="N534097" s="10"/>
    </row>
    <row r="534098" spans="14:14">
      <c r="N534098" s="10"/>
    </row>
    <row r="534099" spans="14:14">
      <c r="N534099" s="10"/>
    </row>
    <row r="534100" spans="14:14">
      <c r="N534100" s="10"/>
    </row>
    <row r="534101" spans="14:14">
      <c r="N534101" s="10"/>
    </row>
    <row r="534102" spans="14:14">
      <c r="N534102" s="10"/>
    </row>
    <row r="534103" spans="14:14">
      <c r="N534103" s="10"/>
    </row>
    <row r="534104" spans="14:14">
      <c r="N534104" s="10"/>
    </row>
    <row r="534105" spans="14:14">
      <c r="N534105" s="10"/>
    </row>
    <row r="534106" spans="14:14">
      <c r="N534106" s="10"/>
    </row>
    <row r="534107" spans="14:14">
      <c r="N534107" s="10"/>
    </row>
    <row r="534108" spans="14:14">
      <c r="N534108" s="10"/>
    </row>
    <row r="534109" spans="14:14">
      <c r="N534109" s="10"/>
    </row>
    <row r="534110" spans="14:14">
      <c r="N534110" s="10"/>
    </row>
    <row r="534111" spans="14:14">
      <c r="N534111" s="10"/>
    </row>
    <row r="534112" spans="14:14">
      <c r="N534112" s="10"/>
    </row>
    <row r="534113" spans="14:14">
      <c r="N534113" s="10"/>
    </row>
    <row r="534114" spans="14:14">
      <c r="N534114" s="10"/>
    </row>
    <row r="534115" spans="14:14">
      <c r="N534115" s="10"/>
    </row>
    <row r="534116" spans="14:14">
      <c r="N534116" s="10"/>
    </row>
    <row r="534117" spans="14:14">
      <c r="N534117" s="10"/>
    </row>
    <row r="534118" spans="14:14">
      <c r="N534118" s="10"/>
    </row>
    <row r="534119" spans="14:14">
      <c r="N534119" s="10"/>
    </row>
    <row r="534120" spans="14:14">
      <c r="N534120" s="10"/>
    </row>
    <row r="534121" spans="14:14">
      <c r="N534121" s="10"/>
    </row>
    <row r="534122" spans="14:14">
      <c r="N534122" s="10"/>
    </row>
    <row r="534123" spans="14:14">
      <c r="N534123" s="10"/>
    </row>
    <row r="534124" spans="14:14">
      <c r="N534124" s="10"/>
    </row>
    <row r="534125" spans="14:14">
      <c r="N534125" s="10"/>
    </row>
    <row r="534126" spans="14:14">
      <c r="N534126" s="10"/>
    </row>
    <row r="534127" spans="14:14">
      <c r="N534127" s="10"/>
    </row>
    <row r="534128" spans="14:14">
      <c r="N534128" s="10"/>
    </row>
    <row r="534129" spans="14:14">
      <c r="N534129" s="10"/>
    </row>
    <row r="534130" spans="14:14">
      <c r="N534130" s="10"/>
    </row>
    <row r="534131" spans="14:14">
      <c r="N534131" s="10"/>
    </row>
    <row r="534132" spans="14:14">
      <c r="N534132" s="10"/>
    </row>
    <row r="534133" spans="14:14">
      <c r="N534133" s="10"/>
    </row>
    <row r="534134" spans="14:14">
      <c r="N534134" s="10"/>
    </row>
    <row r="534135" spans="14:14">
      <c r="N534135" s="10"/>
    </row>
    <row r="534136" spans="14:14">
      <c r="N534136" s="10"/>
    </row>
    <row r="534137" spans="14:14">
      <c r="N534137" s="10"/>
    </row>
    <row r="534138" spans="14:14">
      <c r="N534138" s="10"/>
    </row>
    <row r="534139" spans="14:14">
      <c r="N534139" s="10"/>
    </row>
    <row r="534140" spans="14:14">
      <c r="N534140" s="10"/>
    </row>
    <row r="534141" spans="14:14">
      <c r="N534141" s="10"/>
    </row>
    <row r="534142" spans="14:14">
      <c r="N534142" s="10"/>
    </row>
    <row r="534143" spans="14:14">
      <c r="N534143" s="10"/>
    </row>
    <row r="534144" spans="14:14">
      <c r="N534144" s="10"/>
    </row>
    <row r="534145" spans="14:14">
      <c r="N534145" s="10"/>
    </row>
    <row r="534146" spans="14:14">
      <c r="N534146" s="10"/>
    </row>
    <row r="534147" spans="14:14">
      <c r="N534147" s="10"/>
    </row>
    <row r="534148" spans="14:14">
      <c r="N534148" s="10"/>
    </row>
    <row r="534149" spans="14:14">
      <c r="N534149" s="10"/>
    </row>
    <row r="534150" spans="14:14">
      <c r="N534150" s="10"/>
    </row>
    <row r="534151" spans="14:14">
      <c r="N534151" s="10"/>
    </row>
    <row r="534152" spans="14:14">
      <c r="N534152" s="10"/>
    </row>
    <row r="534153" spans="14:14">
      <c r="N534153" s="10"/>
    </row>
    <row r="534154" spans="14:14">
      <c r="N534154" s="10"/>
    </row>
    <row r="534155" spans="14:14">
      <c r="N534155" s="10"/>
    </row>
    <row r="534156" spans="14:14">
      <c r="N534156" s="10"/>
    </row>
    <row r="534157" spans="14:14">
      <c r="N534157" s="10"/>
    </row>
    <row r="534158" spans="14:14">
      <c r="N534158" s="10"/>
    </row>
    <row r="534159" spans="14:14">
      <c r="N534159" s="10"/>
    </row>
    <row r="534160" spans="14:14">
      <c r="N534160" s="10"/>
    </row>
    <row r="534161" spans="14:14">
      <c r="N534161" s="10"/>
    </row>
    <row r="534162" spans="14:14">
      <c r="N534162" s="10"/>
    </row>
    <row r="534163" spans="14:14">
      <c r="N534163" s="10"/>
    </row>
    <row r="534164" spans="14:14">
      <c r="N534164" s="10"/>
    </row>
    <row r="534165" spans="14:14">
      <c r="N534165" s="10"/>
    </row>
    <row r="534166" spans="14:14">
      <c r="N534166" s="10"/>
    </row>
    <row r="534167" spans="14:14">
      <c r="N534167" s="10"/>
    </row>
    <row r="534168" spans="14:14">
      <c r="N534168" s="10"/>
    </row>
    <row r="534169" spans="14:14">
      <c r="N534169" s="10"/>
    </row>
    <row r="534170" spans="14:14">
      <c r="N534170" s="10"/>
    </row>
    <row r="534171" spans="14:14">
      <c r="N534171" s="10"/>
    </row>
    <row r="534172" spans="14:14">
      <c r="N534172" s="10"/>
    </row>
    <row r="534173" spans="14:14">
      <c r="N534173" s="10"/>
    </row>
    <row r="534174" spans="14:14">
      <c r="N534174" s="10"/>
    </row>
    <row r="534175" spans="14:14">
      <c r="N534175" s="10"/>
    </row>
    <row r="534176" spans="14:14">
      <c r="N534176" s="10"/>
    </row>
    <row r="534177" spans="14:14">
      <c r="N534177" s="10"/>
    </row>
    <row r="534178" spans="14:14">
      <c r="N534178" s="10"/>
    </row>
    <row r="534179" spans="14:14">
      <c r="N534179" s="10"/>
    </row>
    <row r="534180" spans="14:14">
      <c r="N534180" s="10"/>
    </row>
    <row r="534181" spans="14:14">
      <c r="N534181" s="10"/>
    </row>
    <row r="534182" spans="14:14">
      <c r="N534182" s="10"/>
    </row>
    <row r="534183" spans="14:14">
      <c r="N534183" s="10"/>
    </row>
    <row r="534184" spans="14:14">
      <c r="N534184" s="10"/>
    </row>
    <row r="534185" spans="14:14">
      <c r="N534185" s="10"/>
    </row>
    <row r="534186" spans="14:14">
      <c r="N534186" s="10"/>
    </row>
    <row r="534187" spans="14:14">
      <c r="N534187" s="10"/>
    </row>
    <row r="534188" spans="14:14">
      <c r="N534188" s="10"/>
    </row>
    <row r="534189" spans="14:14">
      <c r="N534189" s="10"/>
    </row>
    <row r="534190" spans="14:14">
      <c r="N534190" s="10"/>
    </row>
    <row r="534191" spans="14:14">
      <c r="N534191" s="10"/>
    </row>
    <row r="534192" spans="14:14">
      <c r="N534192" s="10"/>
    </row>
    <row r="534193" spans="14:14">
      <c r="N534193" s="10"/>
    </row>
    <row r="534194" spans="14:14">
      <c r="N534194" s="10"/>
    </row>
    <row r="534195" spans="14:14">
      <c r="N534195" s="10"/>
    </row>
    <row r="534196" spans="14:14">
      <c r="N534196" s="10"/>
    </row>
    <row r="534197" spans="14:14">
      <c r="N534197" s="10"/>
    </row>
    <row r="534198" spans="14:14">
      <c r="N534198" s="10"/>
    </row>
    <row r="534199" spans="14:14">
      <c r="N534199" s="10"/>
    </row>
    <row r="534200" spans="14:14">
      <c r="N534200" s="10"/>
    </row>
    <row r="534201" spans="14:14">
      <c r="N534201" s="10"/>
    </row>
    <row r="534202" spans="14:14">
      <c r="N534202" s="10"/>
    </row>
    <row r="534203" spans="14:14">
      <c r="N534203" s="10"/>
    </row>
    <row r="534204" spans="14:14">
      <c r="N534204" s="10"/>
    </row>
    <row r="534205" spans="14:14">
      <c r="N534205" s="10"/>
    </row>
    <row r="534206" spans="14:14">
      <c r="N534206" s="10"/>
    </row>
    <row r="534207" spans="14:14">
      <c r="N534207" s="10"/>
    </row>
    <row r="534208" spans="14:14">
      <c r="N534208" s="10"/>
    </row>
    <row r="534209" spans="14:14">
      <c r="N534209" s="10"/>
    </row>
    <row r="534210" spans="14:14">
      <c r="N534210" s="10"/>
    </row>
    <row r="534211" spans="14:14">
      <c r="N534211" s="10"/>
    </row>
    <row r="534212" spans="14:14">
      <c r="N534212" s="10"/>
    </row>
    <row r="534213" spans="14:14">
      <c r="N534213" s="10"/>
    </row>
    <row r="534214" spans="14:14">
      <c r="N534214" s="10"/>
    </row>
    <row r="534215" spans="14:14">
      <c r="N534215" s="10"/>
    </row>
    <row r="534216" spans="14:14">
      <c r="N534216" s="10"/>
    </row>
    <row r="534217" spans="14:14">
      <c r="N534217" s="10"/>
    </row>
    <row r="534218" spans="14:14">
      <c r="N534218" s="10"/>
    </row>
    <row r="534219" spans="14:14">
      <c r="N534219" s="10"/>
    </row>
    <row r="534220" spans="14:14">
      <c r="N534220" s="10"/>
    </row>
    <row r="534221" spans="14:14">
      <c r="N534221" s="10"/>
    </row>
    <row r="534222" spans="14:14">
      <c r="N534222" s="10"/>
    </row>
    <row r="534223" spans="14:14">
      <c r="N534223" s="10"/>
    </row>
    <row r="534224" spans="14:14">
      <c r="N534224" s="10"/>
    </row>
    <row r="534225" spans="14:14">
      <c r="N534225" s="10"/>
    </row>
    <row r="534226" spans="14:14">
      <c r="N534226" s="10"/>
    </row>
    <row r="534227" spans="14:14">
      <c r="N534227" s="10"/>
    </row>
    <row r="534228" spans="14:14">
      <c r="N534228" s="10"/>
    </row>
    <row r="534229" spans="14:14">
      <c r="N534229" s="10"/>
    </row>
    <row r="534230" spans="14:14">
      <c r="N534230" s="10"/>
    </row>
    <row r="534231" spans="14:14">
      <c r="N534231" s="10"/>
    </row>
    <row r="534232" spans="14:14">
      <c r="N534232" s="10"/>
    </row>
    <row r="534233" spans="14:14">
      <c r="N534233" s="10"/>
    </row>
    <row r="534234" spans="14:14">
      <c r="N534234" s="10"/>
    </row>
    <row r="534235" spans="14:14">
      <c r="N534235" s="10"/>
    </row>
    <row r="534236" spans="14:14">
      <c r="N534236" s="10"/>
    </row>
    <row r="534237" spans="14:14">
      <c r="N534237" s="10"/>
    </row>
    <row r="534238" spans="14:14">
      <c r="N534238" s="10"/>
    </row>
    <row r="534239" spans="14:14">
      <c r="N534239" s="10"/>
    </row>
    <row r="534240" spans="14:14">
      <c r="N534240" s="10"/>
    </row>
    <row r="534241" spans="14:14">
      <c r="N534241" s="10"/>
    </row>
    <row r="534242" spans="14:14">
      <c r="N534242" s="10"/>
    </row>
    <row r="534243" spans="14:14">
      <c r="N534243" s="10"/>
    </row>
    <row r="534244" spans="14:14">
      <c r="N534244" s="10"/>
    </row>
    <row r="534245" spans="14:14">
      <c r="N534245" s="10"/>
    </row>
    <row r="534246" spans="14:14">
      <c r="N534246" s="10"/>
    </row>
    <row r="534247" spans="14:14">
      <c r="N534247" s="10"/>
    </row>
    <row r="534248" spans="14:14">
      <c r="N534248" s="10"/>
    </row>
    <row r="534249" spans="14:14">
      <c r="N534249" s="10"/>
    </row>
    <row r="534250" spans="14:14">
      <c r="N534250" s="10"/>
    </row>
    <row r="534251" spans="14:14">
      <c r="N534251" s="10"/>
    </row>
    <row r="534252" spans="14:14">
      <c r="N534252" s="10"/>
    </row>
    <row r="534253" spans="14:14">
      <c r="N534253" s="10"/>
    </row>
    <row r="534254" spans="14:14">
      <c r="N534254" s="10"/>
    </row>
    <row r="534255" spans="14:14">
      <c r="N534255" s="10"/>
    </row>
    <row r="534256" spans="14:14">
      <c r="N534256" s="10"/>
    </row>
    <row r="534257" spans="14:14">
      <c r="N534257" s="10"/>
    </row>
    <row r="534258" spans="14:14">
      <c r="N534258" s="10"/>
    </row>
    <row r="534259" spans="14:14">
      <c r="N534259" s="10"/>
    </row>
    <row r="534260" spans="14:14">
      <c r="N534260" s="10"/>
    </row>
    <row r="534261" spans="14:14">
      <c r="N534261" s="10"/>
    </row>
    <row r="534262" spans="14:14">
      <c r="N534262" s="10"/>
    </row>
    <row r="534263" spans="14:14">
      <c r="N534263" s="10"/>
    </row>
    <row r="534264" spans="14:14">
      <c r="N534264" s="10"/>
    </row>
    <row r="534265" spans="14:14">
      <c r="N534265" s="10"/>
    </row>
    <row r="534266" spans="14:14">
      <c r="N534266" s="10"/>
    </row>
    <row r="534267" spans="14:14">
      <c r="N534267" s="10"/>
    </row>
    <row r="534268" spans="14:14">
      <c r="N534268" s="10"/>
    </row>
    <row r="534269" spans="14:14">
      <c r="N534269" s="10"/>
    </row>
    <row r="534270" spans="14:14">
      <c r="N534270" s="10"/>
    </row>
    <row r="534271" spans="14:14">
      <c r="N534271" s="10"/>
    </row>
    <row r="534272" spans="14:14">
      <c r="N534272" s="10"/>
    </row>
    <row r="534273" spans="14:14">
      <c r="N534273" s="10"/>
    </row>
    <row r="534274" spans="14:14">
      <c r="N534274" s="10"/>
    </row>
    <row r="534275" spans="14:14">
      <c r="N534275" s="10"/>
    </row>
    <row r="534276" spans="14:14">
      <c r="N534276" s="10"/>
    </row>
    <row r="534277" spans="14:14">
      <c r="N534277" s="10"/>
    </row>
    <row r="534278" spans="14:14">
      <c r="N534278" s="10"/>
    </row>
    <row r="534279" spans="14:14">
      <c r="N534279" s="10"/>
    </row>
    <row r="534280" spans="14:14">
      <c r="N534280" s="10"/>
    </row>
    <row r="534281" spans="14:14">
      <c r="N534281" s="10"/>
    </row>
    <row r="534282" spans="14:14">
      <c r="N534282" s="10"/>
    </row>
    <row r="534283" spans="14:14">
      <c r="N534283" s="10"/>
    </row>
    <row r="534284" spans="14:14">
      <c r="N534284" s="10"/>
    </row>
    <row r="534285" spans="14:14">
      <c r="N534285" s="10"/>
    </row>
    <row r="534286" spans="14:14">
      <c r="N534286" s="10"/>
    </row>
    <row r="534287" spans="14:14">
      <c r="N534287" s="10"/>
    </row>
    <row r="534288" spans="14:14">
      <c r="N534288" s="10"/>
    </row>
    <row r="534289" spans="14:14">
      <c r="N534289" s="10"/>
    </row>
    <row r="534290" spans="14:14">
      <c r="N534290" s="10"/>
    </row>
    <row r="534291" spans="14:14">
      <c r="N534291" s="10"/>
    </row>
    <row r="534292" spans="14:14">
      <c r="N534292" s="10"/>
    </row>
    <row r="534293" spans="14:14">
      <c r="N534293" s="10"/>
    </row>
    <row r="534294" spans="14:14">
      <c r="N534294" s="10"/>
    </row>
    <row r="534295" spans="14:14">
      <c r="N534295" s="10"/>
    </row>
    <row r="534296" spans="14:14">
      <c r="N534296" s="10"/>
    </row>
    <row r="534297" spans="14:14">
      <c r="N534297" s="10"/>
    </row>
    <row r="534298" spans="14:14">
      <c r="N534298" s="10"/>
    </row>
    <row r="534299" spans="14:14">
      <c r="N534299" s="10"/>
    </row>
    <row r="534300" spans="14:14">
      <c r="N534300" s="10"/>
    </row>
    <row r="534301" spans="14:14">
      <c r="N534301" s="10"/>
    </row>
    <row r="534302" spans="14:14">
      <c r="N534302" s="10"/>
    </row>
    <row r="534303" spans="14:14">
      <c r="N534303" s="10"/>
    </row>
    <row r="534304" spans="14:14">
      <c r="N534304" s="10"/>
    </row>
    <row r="534305" spans="14:14">
      <c r="N534305" s="10"/>
    </row>
    <row r="534306" spans="14:14">
      <c r="N534306" s="10"/>
    </row>
    <row r="534307" spans="14:14">
      <c r="N534307" s="10"/>
    </row>
    <row r="534308" spans="14:14">
      <c r="N534308" s="10"/>
    </row>
    <row r="534309" spans="14:14">
      <c r="N534309" s="10"/>
    </row>
    <row r="534310" spans="14:14">
      <c r="N534310" s="10"/>
    </row>
    <row r="534311" spans="14:14">
      <c r="N534311" s="10"/>
    </row>
    <row r="534312" spans="14:14">
      <c r="N534312" s="10"/>
    </row>
    <row r="534313" spans="14:14">
      <c r="N534313" s="10"/>
    </row>
    <row r="534314" spans="14:14">
      <c r="N534314" s="10"/>
    </row>
    <row r="534315" spans="14:14">
      <c r="N534315" s="10"/>
    </row>
    <row r="534316" spans="14:14">
      <c r="N534316" s="10"/>
    </row>
    <row r="534317" spans="14:14">
      <c r="N534317" s="10"/>
    </row>
    <row r="534318" spans="14:14">
      <c r="N534318" s="10"/>
    </row>
    <row r="534319" spans="14:14">
      <c r="N534319" s="10"/>
    </row>
    <row r="534320" spans="14:14">
      <c r="N534320" s="10"/>
    </row>
    <row r="534321" spans="14:14">
      <c r="N534321" s="10"/>
    </row>
    <row r="534322" spans="14:14">
      <c r="N534322" s="10"/>
    </row>
    <row r="534323" spans="14:14">
      <c r="N534323" s="10"/>
    </row>
    <row r="534324" spans="14:14">
      <c r="N534324" s="10"/>
    </row>
    <row r="534325" spans="14:14">
      <c r="N534325" s="10"/>
    </row>
    <row r="534326" spans="14:14">
      <c r="N534326" s="10"/>
    </row>
    <row r="534327" spans="14:14">
      <c r="N534327" s="10"/>
    </row>
    <row r="534328" spans="14:14">
      <c r="N534328" s="10"/>
    </row>
    <row r="534329" spans="14:14">
      <c r="N534329" s="10"/>
    </row>
    <row r="534330" spans="14:14">
      <c r="N534330" s="10"/>
    </row>
    <row r="534331" spans="14:14">
      <c r="N534331" s="10"/>
    </row>
    <row r="534332" spans="14:14">
      <c r="N534332" s="10"/>
    </row>
    <row r="534333" spans="14:14">
      <c r="N534333" s="10"/>
    </row>
    <row r="534334" spans="14:14">
      <c r="N534334" s="10"/>
    </row>
    <row r="534335" spans="14:14">
      <c r="N534335" s="10"/>
    </row>
    <row r="534336" spans="14:14">
      <c r="N534336" s="10"/>
    </row>
    <row r="534337" spans="14:14">
      <c r="N534337" s="10"/>
    </row>
    <row r="534338" spans="14:14">
      <c r="N534338" s="10"/>
    </row>
    <row r="534339" spans="14:14">
      <c r="N534339" s="10"/>
    </row>
    <row r="534340" spans="14:14">
      <c r="N534340" s="10"/>
    </row>
    <row r="534341" spans="14:14">
      <c r="N534341" s="10"/>
    </row>
    <row r="534342" spans="14:14">
      <c r="N534342" s="10"/>
    </row>
    <row r="534343" spans="14:14">
      <c r="N534343" s="10"/>
    </row>
    <row r="534344" spans="14:14">
      <c r="N534344" s="10"/>
    </row>
    <row r="534345" spans="14:14">
      <c r="N534345" s="10"/>
    </row>
    <row r="534346" spans="14:14">
      <c r="N534346" s="10"/>
    </row>
    <row r="534347" spans="14:14">
      <c r="N534347" s="10"/>
    </row>
    <row r="534348" spans="14:14">
      <c r="N534348" s="10"/>
    </row>
    <row r="534349" spans="14:14">
      <c r="N534349" s="10"/>
    </row>
    <row r="534350" spans="14:14">
      <c r="N534350" s="10"/>
    </row>
    <row r="534351" spans="14:14">
      <c r="N534351" s="10"/>
    </row>
    <row r="534352" spans="14:14">
      <c r="N534352" s="10"/>
    </row>
    <row r="534353" spans="14:14">
      <c r="N534353" s="10"/>
    </row>
    <row r="534354" spans="14:14">
      <c r="N534354" s="10"/>
    </row>
    <row r="534355" spans="14:14">
      <c r="N534355" s="10"/>
    </row>
    <row r="534356" spans="14:14">
      <c r="N534356" s="10"/>
    </row>
    <row r="534357" spans="14:14">
      <c r="N534357" s="10"/>
    </row>
    <row r="534358" spans="14:14">
      <c r="N534358" s="10"/>
    </row>
    <row r="534359" spans="14:14">
      <c r="N534359" s="10"/>
    </row>
    <row r="534360" spans="14:14">
      <c r="N534360" s="10"/>
    </row>
    <row r="534361" spans="14:14">
      <c r="N534361" s="10"/>
    </row>
    <row r="534362" spans="14:14">
      <c r="N534362" s="10"/>
    </row>
    <row r="534363" spans="14:14">
      <c r="N534363" s="10"/>
    </row>
    <row r="534364" spans="14:14">
      <c r="N534364" s="10"/>
    </row>
    <row r="534365" spans="14:14">
      <c r="N534365" s="10"/>
    </row>
    <row r="534366" spans="14:14">
      <c r="N534366" s="10"/>
    </row>
    <row r="534367" spans="14:14">
      <c r="N534367" s="10"/>
    </row>
    <row r="534368" spans="14:14">
      <c r="N534368" s="10"/>
    </row>
    <row r="534369" spans="14:14">
      <c r="N534369" s="10"/>
    </row>
    <row r="534370" spans="14:14">
      <c r="N534370" s="10"/>
    </row>
    <row r="534371" spans="14:14">
      <c r="N534371" s="10"/>
    </row>
    <row r="534372" spans="14:14">
      <c r="N534372" s="10"/>
    </row>
    <row r="534373" spans="14:14">
      <c r="N534373" s="10"/>
    </row>
    <row r="534374" spans="14:14">
      <c r="N534374" s="10"/>
    </row>
    <row r="534375" spans="14:14">
      <c r="N534375" s="10"/>
    </row>
    <row r="534376" spans="14:14">
      <c r="N534376" s="10"/>
    </row>
    <row r="534377" spans="14:14">
      <c r="N534377" s="10"/>
    </row>
    <row r="534378" spans="14:14">
      <c r="N534378" s="10"/>
    </row>
    <row r="534379" spans="14:14">
      <c r="N534379" s="10"/>
    </row>
    <row r="534380" spans="14:14">
      <c r="N534380" s="10"/>
    </row>
    <row r="534381" spans="14:14">
      <c r="N534381" s="10"/>
    </row>
    <row r="534382" spans="14:14">
      <c r="N534382" s="10"/>
    </row>
    <row r="534383" spans="14:14">
      <c r="N534383" s="10"/>
    </row>
    <row r="534384" spans="14:14">
      <c r="N534384" s="10"/>
    </row>
    <row r="534385" spans="14:14">
      <c r="N534385" s="10"/>
    </row>
    <row r="534386" spans="14:14">
      <c r="N534386" s="10"/>
    </row>
    <row r="534387" spans="14:14">
      <c r="N534387" s="10"/>
    </row>
    <row r="534388" spans="14:14">
      <c r="N534388" s="10"/>
    </row>
    <row r="534389" spans="14:14">
      <c r="N534389" s="10"/>
    </row>
    <row r="534390" spans="14:14">
      <c r="N534390" s="10"/>
    </row>
    <row r="534391" spans="14:14">
      <c r="N534391" s="10"/>
    </row>
    <row r="534392" spans="14:14">
      <c r="N534392" s="10"/>
    </row>
    <row r="534393" spans="14:14">
      <c r="N534393" s="10"/>
    </row>
    <row r="534394" spans="14:14">
      <c r="N534394" s="10"/>
    </row>
    <row r="534395" spans="14:14">
      <c r="N534395" s="10"/>
    </row>
    <row r="534396" spans="14:14">
      <c r="N534396" s="10"/>
    </row>
    <row r="534397" spans="14:14">
      <c r="N534397" s="10"/>
    </row>
    <row r="534398" spans="14:14">
      <c r="N534398" s="10"/>
    </row>
    <row r="534399" spans="14:14">
      <c r="N534399" s="10"/>
    </row>
    <row r="534400" spans="14:14">
      <c r="N534400" s="10"/>
    </row>
    <row r="534401" spans="14:14">
      <c r="N534401" s="10"/>
    </row>
    <row r="534402" spans="14:14">
      <c r="N534402" s="10"/>
    </row>
    <row r="534403" spans="14:14">
      <c r="N534403" s="10"/>
    </row>
    <row r="534404" spans="14:14">
      <c r="N534404" s="10"/>
    </row>
    <row r="534405" spans="14:14">
      <c r="N534405" s="10"/>
    </row>
    <row r="534406" spans="14:14">
      <c r="N534406" s="10"/>
    </row>
    <row r="534407" spans="14:14">
      <c r="N534407" s="10"/>
    </row>
    <row r="534408" spans="14:14">
      <c r="N534408" s="10"/>
    </row>
    <row r="534409" spans="14:14">
      <c r="N534409" s="10"/>
    </row>
    <row r="534410" spans="14:14">
      <c r="N534410" s="10"/>
    </row>
    <row r="534411" spans="14:14">
      <c r="N534411" s="10"/>
    </row>
    <row r="534412" spans="14:14">
      <c r="N534412" s="10"/>
    </row>
    <row r="534413" spans="14:14">
      <c r="N534413" s="10"/>
    </row>
    <row r="534414" spans="14:14">
      <c r="N534414" s="10"/>
    </row>
    <row r="534415" spans="14:14">
      <c r="N534415" s="10"/>
    </row>
    <row r="534416" spans="14:14">
      <c r="N534416" s="10"/>
    </row>
    <row r="534417" spans="14:14">
      <c r="N534417" s="10"/>
    </row>
    <row r="534418" spans="14:14">
      <c r="N534418" s="10"/>
    </row>
    <row r="534419" spans="14:14">
      <c r="N534419" s="10"/>
    </row>
    <row r="534420" spans="14:14">
      <c r="N534420" s="10"/>
    </row>
    <row r="534421" spans="14:14">
      <c r="N534421" s="10"/>
    </row>
    <row r="534422" spans="14:14">
      <c r="N534422" s="10"/>
    </row>
    <row r="534423" spans="14:14">
      <c r="N534423" s="10"/>
    </row>
    <row r="534424" spans="14:14">
      <c r="N534424" s="10"/>
    </row>
    <row r="534425" spans="14:14">
      <c r="N534425" s="10"/>
    </row>
    <row r="534426" spans="14:14">
      <c r="N534426" s="10"/>
    </row>
    <row r="534427" spans="14:14">
      <c r="N534427" s="10"/>
    </row>
    <row r="534428" spans="14:14">
      <c r="N534428" s="10"/>
    </row>
    <row r="534429" spans="14:14">
      <c r="N534429" s="10"/>
    </row>
    <row r="534430" spans="14:14">
      <c r="N534430" s="10"/>
    </row>
    <row r="534431" spans="14:14">
      <c r="N534431" s="10"/>
    </row>
    <row r="534432" spans="14:14">
      <c r="N534432" s="10"/>
    </row>
    <row r="534433" spans="14:14">
      <c r="N534433" s="10"/>
    </row>
    <row r="534434" spans="14:14">
      <c r="N534434" s="10"/>
    </row>
    <row r="534435" spans="14:14">
      <c r="N534435" s="10"/>
    </row>
    <row r="534436" spans="14:14">
      <c r="N534436" s="10"/>
    </row>
    <row r="534437" spans="14:14">
      <c r="N534437" s="10"/>
    </row>
    <row r="534438" spans="14:14">
      <c r="N534438" s="10"/>
    </row>
    <row r="534439" spans="14:14">
      <c r="N534439" s="10"/>
    </row>
    <row r="534440" spans="14:14">
      <c r="N534440" s="10"/>
    </row>
    <row r="534441" spans="14:14">
      <c r="N534441" s="10"/>
    </row>
    <row r="534442" spans="14:14">
      <c r="N534442" s="10"/>
    </row>
    <row r="534443" spans="14:14">
      <c r="N534443" s="10"/>
    </row>
    <row r="534444" spans="14:14">
      <c r="N534444" s="10"/>
    </row>
    <row r="534445" spans="14:14">
      <c r="N534445" s="10"/>
    </row>
    <row r="534446" spans="14:14">
      <c r="N534446" s="10"/>
    </row>
    <row r="534447" spans="14:14">
      <c r="N534447" s="10"/>
    </row>
    <row r="534448" spans="14:14">
      <c r="N534448" s="10"/>
    </row>
    <row r="534449" spans="14:14">
      <c r="N534449" s="10"/>
    </row>
    <row r="534450" spans="14:14">
      <c r="N534450" s="10"/>
    </row>
    <row r="534451" spans="14:14">
      <c r="N534451" s="10"/>
    </row>
    <row r="534452" spans="14:14">
      <c r="N534452" s="10"/>
    </row>
    <row r="534453" spans="14:14">
      <c r="N534453" s="10"/>
    </row>
    <row r="534454" spans="14:14">
      <c r="N534454" s="10"/>
    </row>
    <row r="534455" spans="14:14">
      <c r="N534455" s="10"/>
    </row>
    <row r="534456" spans="14:14">
      <c r="N534456" s="10"/>
    </row>
    <row r="534457" spans="14:14">
      <c r="N534457" s="10"/>
    </row>
    <row r="534458" spans="14:14">
      <c r="N534458" s="10"/>
    </row>
    <row r="534459" spans="14:14">
      <c r="N534459" s="10"/>
    </row>
    <row r="534460" spans="14:14">
      <c r="N534460" s="10"/>
    </row>
    <row r="534461" spans="14:14">
      <c r="N534461" s="10"/>
    </row>
    <row r="534462" spans="14:14">
      <c r="N534462" s="10"/>
    </row>
    <row r="534463" spans="14:14">
      <c r="N534463" s="10"/>
    </row>
    <row r="534464" spans="14:14">
      <c r="N534464" s="10"/>
    </row>
    <row r="534465" spans="14:14">
      <c r="N534465" s="10"/>
    </row>
    <row r="534466" spans="14:14">
      <c r="N534466" s="10"/>
    </row>
    <row r="534467" spans="14:14">
      <c r="N534467" s="10"/>
    </row>
    <row r="534468" spans="14:14">
      <c r="N534468" s="10"/>
    </row>
    <row r="534469" spans="14:14">
      <c r="N534469" s="10"/>
    </row>
    <row r="534470" spans="14:14">
      <c r="N534470" s="10"/>
    </row>
    <row r="534471" spans="14:14">
      <c r="N534471" s="10"/>
    </row>
    <row r="534472" spans="14:14">
      <c r="N534472" s="10"/>
    </row>
    <row r="534473" spans="14:14">
      <c r="N534473" s="10"/>
    </row>
    <row r="534474" spans="14:14">
      <c r="N534474" s="10"/>
    </row>
    <row r="534475" spans="14:14">
      <c r="N534475" s="10"/>
    </row>
    <row r="534476" spans="14:14">
      <c r="N534476" s="10"/>
    </row>
    <row r="534477" spans="14:14">
      <c r="N534477" s="10"/>
    </row>
    <row r="534478" spans="14:14">
      <c r="N534478" s="10"/>
    </row>
    <row r="534479" spans="14:14">
      <c r="N534479" s="10"/>
    </row>
    <row r="534480" spans="14:14">
      <c r="N534480" s="10"/>
    </row>
    <row r="534481" spans="14:14">
      <c r="N534481" s="10"/>
    </row>
    <row r="534482" spans="14:14">
      <c r="N534482" s="10"/>
    </row>
    <row r="534483" spans="14:14">
      <c r="N534483" s="10"/>
    </row>
    <row r="534484" spans="14:14">
      <c r="N534484" s="10"/>
    </row>
    <row r="534485" spans="14:14">
      <c r="N534485" s="10"/>
    </row>
    <row r="534486" spans="14:14">
      <c r="N534486" s="10"/>
    </row>
    <row r="534487" spans="14:14">
      <c r="N534487" s="10"/>
    </row>
    <row r="534488" spans="14:14">
      <c r="N534488" s="10"/>
    </row>
    <row r="534489" spans="14:14">
      <c r="N534489" s="10"/>
    </row>
    <row r="534490" spans="14:14">
      <c r="N534490" s="10"/>
    </row>
    <row r="534491" spans="14:14">
      <c r="N534491" s="10"/>
    </row>
    <row r="534492" spans="14:14">
      <c r="N534492" s="10"/>
    </row>
    <row r="534493" spans="14:14">
      <c r="N534493" s="10"/>
    </row>
    <row r="534494" spans="14:14">
      <c r="N534494" s="10"/>
    </row>
    <row r="534495" spans="14:14">
      <c r="N534495" s="10"/>
    </row>
    <row r="534496" spans="14:14">
      <c r="N534496" s="10"/>
    </row>
    <row r="534497" spans="14:14">
      <c r="N534497" s="10"/>
    </row>
    <row r="534498" spans="14:14">
      <c r="N534498" s="10"/>
    </row>
    <row r="534499" spans="14:14">
      <c r="N534499" s="10"/>
    </row>
    <row r="534500" spans="14:14">
      <c r="N534500" s="10"/>
    </row>
    <row r="534501" spans="14:14">
      <c r="N534501" s="10"/>
    </row>
    <row r="534502" spans="14:14">
      <c r="N534502" s="10"/>
    </row>
    <row r="534503" spans="14:14">
      <c r="N534503" s="10"/>
    </row>
    <row r="534504" spans="14:14">
      <c r="N534504" s="10"/>
    </row>
    <row r="534505" spans="14:14">
      <c r="N534505" s="10"/>
    </row>
    <row r="534506" spans="14:14">
      <c r="N534506" s="10"/>
    </row>
    <row r="534507" spans="14:14">
      <c r="N534507" s="10"/>
    </row>
    <row r="534508" spans="14:14">
      <c r="N534508" s="10"/>
    </row>
    <row r="534509" spans="14:14">
      <c r="N534509" s="10"/>
    </row>
    <row r="534510" spans="14:14">
      <c r="N534510" s="10"/>
    </row>
    <row r="534511" spans="14:14">
      <c r="N534511" s="10"/>
    </row>
    <row r="534512" spans="14:14">
      <c r="N534512" s="10"/>
    </row>
    <row r="534513" spans="14:14">
      <c r="N534513" s="10"/>
    </row>
    <row r="534514" spans="14:14">
      <c r="N534514" s="10"/>
    </row>
    <row r="534515" spans="14:14">
      <c r="N534515" s="10"/>
    </row>
    <row r="534516" spans="14:14">
      <c r="N534516" s="10"/>
    </row>
    <row r="534517" spans="14:14">
      <c r="N534517" s="10"/>
    </row>
    <row r="534518" spans="14:14">
      <c r="N534518" s="10"/>
    </row>
    <row r="534519" spans="14:14">
      <c r="N534519" s="10"/>
    </row>
    <row r="534520" spans="14:14">
      <c r="N534520" s="10"/>
    </row>
    <row r="534521" spans="14:14">
      <c r="N534521" s="10"/>
    </row>
    <row r="534522" spans="14:14">
      <c r="N534522" s="10"/>
    </row>
    <row r="534523" spans="14:14">
      <c r="N534523" s="10"/>
    </row>
    <row r="534524" spans="14:14">
      <c r="N534524" s="10"/>
    </row>
    <row r="534525" spans="14:14">
      <c r="N534525" s="10"/>
    </row>
    <row r="534526" spans="14:14">
      <c r="N534526" s="10"/>
    </row>
    <row r="534527" spans="14:14">
      <c r="N534527" s="10"/>
    </row>
    <row r="534528" spans="14:14">
      <c r="N534528" s="10"/>
    </row>
    <row r="534529" spans="14:14">
      <c r="N534529" s="10"/>
    </row>
    <row r="534530" spans="14:14">
      <c r="N534530" s="10"/>
    </row>
    <row r="534531" spans="14:14">
      <c r="N534531" s="10"/>
    </row>
    <row r="534532" spans="14:14">
      <c r="N534532" s="10"/>
    </row>
    <row r="534533" spans="14:14">
      <c r="N534533" s="10"/>
    </row>
    <row r="534534" spans="14:14">
      <c r="N534534" s="10"/>
    </row>
    <row r="534535" spans="14:14">
      <c r="N534535" s="10"/>
    </row>
    <row r="534536" spans="14:14">
      <c r="N534536" s="10"/>
    </row>
    <row r="534537" spans="14:14">
      <c r="N534537" s="10"/>
    </row>
    <row r="534538" spans="14:14">
      <c r="N534538" s="10"/>
    </row>
    <row r="534539" spans="14:14">
      <c r="N534539" s="10"/>
    </row>
    <row r="534540" spans="14:14">
      <c r="N534540" s="10"/>
    </row>
    <row r="534541" spans="14:14">
      <c r="N534541" s="10"/>
    </row>
    <row r="534542" spans="14:14">
      <c r="N534542" s="10"/>
    </row>
    <row r="534543" spans="14:14">
      <c r="N534543" s="10"/>
    </row>
    <row r="534544" spans="14:14">
      <c r="N534544" s="10"/>
    </row>
    <row r="534545" spans="14:14">
      <c r="N534545" s="10"/>
    </row>
    <row r="534546" spans="14:14">
      <c r="N534546" s="10"/>
    </row>
    <row r="534547" spans="14:14">
      <c r="N534547" s="10"/>
    </row>
    <row r="534548" spans="14:14">
      <c r="N534548" s="10"/>
    </row>
    <row r="534549" spans="14:14">
      <c r="N534549" s="10"/>
    </row>
    <row r="534550" spans="14:14">
      <c r="N534550" s="10"/>
    </row>
    <row r="534551" spans="14:14">
      <c r="N534551" s="10"/>
    </row>
    <row r="534552" spans="14:14">
      <c r="N534552" s="10"/>
    </row>
    <row r="534553" spans="14:14">
      <c r="N534553" s="10"/>
    </row>
    <row r="534554" spans="14:14">
      <c r="N534554" s="10"/>
    </row>
    <row r="534555" spans="14:14">
      <c r="N534555" s="10"/>
    </row>
    <row r="534556" spans="14:14">
      <c r="N534556" s="10"/>
    </row>
    <row r="534557" spans="14:14">
      <c r="N534557" s="10"/>
    </row>
    <row r="534558" spans="14:14">
      <c r="N534558" s="10"/>
    </row>
    <row r="534559" spans="14:14">
      <c r="N534559" s="10"/>
    </row>
    <row r="534560" spans="14:14">
      <c r="N534560" s="10"/>
    </row>
    <row r="534561" spans="14:14">
      <c r="N534561" s="10"/>
    </row>
    <row r="534562" spans="14:14">
      <c r="N534562" s="10"/>
    </row>
    <row r="534563" spans="14:14">
      <c r="N534563" s="10"/>
    </row>
    <row r="534564" spans="14:14">
      <c r="N534564" s="10"/>
    </row>
    <row r="534565" spans="14:14">
      <c r="N534565" s="10"/>
    </row>
    <row r="534566" spans="14:14">
      <c r="N534566" s="10"/>
    </row>
    <row r="534567" spans="14:14">
      <c r="N534567" s="10"/>
    </row>
    <row r="534568" spans="14:14">
      <c r="N534568" s="10"/>
    </row>
    <row r="534569" spans="14:14">
      <c r="N534569" s="10"/>
    </row>
    <row r="534570" spans="14:14">
      <c r="N534570" s="10"/>
    </row>
    <row r="534571" spans="14:14">
      <c r="N534571" s="10"/>
    </row>
    <row r="534572" spans="14:14">
      <c r="N534572" s="10"/>
    </row>
    <row r="534573" spans="14:14">
      <c r="N534573" s="10"/>
    </row>
    <row r="534574" spans="14:14">
      <c r="N534574" s="10"/>
    </row>
    <row r="534575" spans="14:14">
      <c r="N534575" s="10"/>
    </row>
    <row r="534576" spans="14:14">
      <c r="N534576" s="10"/>
    </row>
    <row r="534577" spans="14:14">
      <c r="N534577" s="10"/>
    </row>
    <row r="534578" spans="14:14">
      <c r="N534578" s="10"/>
    </row>
    <row r="534579" spans="14:14">
      <c r="N534579" s="10"/>
    </row>
    <row r="534580" spans="14:14">
      <c r="N534580" s="10"/>
    </row>
    <row r="534581" spans="14:14">
      <c r="N534581" s="10"/>
    </row>
    <row r="534582" spans="14:14">
      <c r="N534582" s="10"/>
    </row>
    <row r="534583" spans="14:14">
      <c r="N534583" s="10"/>
    </row>
    <row r="534584" spans="14:14">
      <c r="N534584" s="10"/>
    </row>
    <row r="534585" spans="14:14">
      <c r="N534585" s="10"/>
    </row>
    <row r="534586" spans="14:14">
      <c r="N534586" s="10"/>
    </row>
    <row r="534587" spans="14:14">
      <c r="N534587" s="10"/>
    </row>
    <row r="534588" spans="14:14">
      <c r="N534588" s="10"/>
    </row>
    <row r="534589" spans="14:14">
      <c r="N534589" s="10"/>
    </row>
    <row r="534590" spans="14:14">
      <c r="N534590" s="10"/>
    </row>
    <row r="534591" spans="14:14">
      <c r="N534591" s="10"/>
    </row>
    <row r="534592" spans="14:14">
      <c r="N534592" s="10"/>
    </row>
    <row r="534593" spans="14:14">
      <c r="N534593" s="10"/>
    </row>
    <row r="534594" spans="14:14">
      <c r="N534594" s="10"/>
    </row>
    <row r="534595" spans="14:14">
      <c r="N534595" s="10"/>
    </row>
    <row r="534596" spans="14:14">
      <c r="N534596" s="10"/>
    </row>
    <row r="534597" spans="14:14">
      <c r="N534597" s="10"/>
    </row>
    <row r="534598" spans="14:14">
      <c r="N534598" s="10"/>
    </row>
    <row r="534599" spans="14:14">
      <c r="N534599" s="10"/>
    </row>
    <row r="534600" spans="14:14">
      <c r="N534600" s="10"/>
    </row>
    <row r="534601" spans="14:14">
      <c r="N534601" s="10"/>
    </row>
    <row r="534602" spans="14:14">
      <c r="N534602" s="10"/>
    </row>
    <row r="534603" spans="14:14">
      <c r="N534603" s="10"/>
    </row>
    <row r="534604" spans="14:14">
      <c r="N534604" s="10"/>
    </row>
    <row r="534605" spans="14:14">
      <c r="N534605" s="10"/>
    </row>
    <row r="534606" spans="14:14">
      <c r="N534606" s="10"/>
    </row>
    <row r="534607" spans="14:14">
      <c r="N534607" s="10"/>
    </row>
    <row r="534608" spans="14:14">
      <c r="N534608" s="10"/>
    </row>
    <row r="534609" spans="14:14">
      <c r="N534609" s="10"/>
    </row>
    <row r="534610" spans="14:14">
      <c r="N534610" s="10"/>
    </row>
    <row r="534611" spans="14:14">
      <c r="N534611" s="10"/>
    </row>
    <row r="534612" spans="14:14">
      <c r="N534612" s="10"/>
    </row>
    <row r="534613" spans="14:14">
      <c r="N534613" s="10"/>
    </row>
    <row r="534614" spans="14:14">
      <c r="N534614" s="10"/>
    </row>
    <row r="534615" spans="14:14">
      <c r="N534615" s="10"/>
    </row>
    <row r="534616" spans="14:14">
      <c r="N534616" s="10"/>
    </row>
    <row r="534617" spans="14:14">
      <c r="N534617" s="10"/>
    </row>
    <row r="534618" spans="14:14">
      <c r="N534618" s="10"/>
    </row>
    <row r="534619" spans="14:14">
      <c r="N534619" s="10"/>
    </row>
    <row r="534620" spans="14:14">
      <c r="N534620" s="10"/>
    </row>
    <row r="534621" spans="14:14">
      <c r="N534621" s="10"/>
    </row>
    <row r="534622" spans="14:14">
      <c r="N534622" s="10"/>
    </row>
    <row r="534623" spans="14:14">
      <c r="N534623" s="10"/>
    </row>
    <row r="534624" spans="14:14">
      <c r="N534624" s="10"/>
    </row>
    <row r="534625" spans="14:14">
      <c r="N534625" s="10"/>
    </row>
    <row r="534626" spans="14:14">
      <c r="N534626" s="10"/>
    </row>
    <row r="534627" spans="14:14">
      <c r="N534627" s="10"/>
    </row>
    <row r="534628" spans="14:14">
      <c r="N534628" s="10"/>
    </row>
    <row r="534629" spans="14:14">
      <c r="N534629" s="10"/>
    </row>
    <row r="534630" spans="14:14">
      <c r="N534630" s="10"/>
    </row>
    <row r="534631" spans="14:14">
      <c r="N534631" s="10"/>
    </row>
    <row r="534632" spans="14:14">
      <c r="N534632" s="10"/>
    </row>
    <row r="534633" spans="14:14">
      <c r="N534633" s="10"/>
    </row>
    <row r="534634" spans="14:14">
      <c r="N534634" s="10"/>
    </row>
    <row r="534635" spans="14:14">
      <c r="N534635" s="10"/>
    </row>
    <row r="534636" spans="14:14">
      <c r="N534636" s="10"/>
    </row>
    <row r="534637" spans="14:14">
      <c r="N534637" s="10"/>
    </row>
    <row r="534638" spans="14:14">
      <c r="N534638" s="10"/>
    </row>
    <row r="534639" spans="14:14">
      <c r="N534639" s="10"/>
    </row>
    <row r="534640" spans="14:14">
      <c r="N534640" s="10"/>
    </row>
    <row r="534641" spans="14:14">
      <c r="N534641" s="10"/>
    </row>
    <row r="534642" spans="14:14">
      <c r="N534642" s="10"/>
    </row>
    <row r="534643" spans="14:14">
      <c r="N534643" s="10"/>
    </row>
    <row r="534644" spans="14:14">
      <c r="N534644" s="10"/>
    </row>
    <row r="534645" spans="14:14">
      <c r="N534645" s="10"/>
    </row>
    <row r="534646" spans="14:14">
      <c r="N534646" s="10"/>
    </row>
    <row r="534647" spans="14:14">
      <c r="N534647" s="10"/>
    </row>
    <row r="534648" spans="14:14">
      <c r="N534648" s="10"/>
    </row>
    <row r="534649" spans="14:14">
      <c r="N534649" s="10"/>
    </row>
    <row r="534650" spans="14:14">
      <c r="N534650" s="10"/>
    </row>
    <row r="534651" spans="14:14">
      <c r="N534651" s="10"/>
    </row>
    <row r="534652" spans="14:14">
      <c r="N534652" s="10"/>
    </row>
    <row r="534653" spans="14:14">
      <c r="N534653" s="10"/>
    </row>
    <row r="534654" spans="14:14">
      <c r="N534654" s="10"/>
    </row>
    <row r="534655" spans="14:14">
      <c r="N534655" s="10"/>
    </row>
    <row r="534656" spans="14:14">
      <c r="N534656" s="10"/>
    </row>
    <row r="534657" spans="14:14">
      <c r="N534657" s="10"/>
    </row>
    <row r="534658" spans="14:14">
      <c r="N534658" s="10"/>
    </row>
    <row r="534659" spans="14:14">
      <c r="N534659" s="10"/>
    </row>
    <row r="534660" spans="14:14">
      <c r="N534660" s="10"/>
    </row>
    <row r="534661" spans="14:14">
      <c r="N534661" s="10"/>
    </row>
    <row r="534662" spans="14:14">
      <c r="N534662" s="10"/>
    </row>
    <row r="534663" spans="14:14">
      <c r="N534663" s="10"/>
    </row>
    <row r="534664" spans="14:14">
      <c r="N534664" s="10"/>
    </row>
    <row r="534665" spans="14:14">
      <c r="N534665" s="10"/>
    </row>
    <row r="534666" spans="14:14">
      <c r="N534666" s="10"/>
    </row>
    <row r="534667" spans="14:14">
      <c r="N534667" s="10"/>
    </row>
    <row r="534668" spans="14:14">
      <c r="N534668" s="10"/>
    </row>
    <row r="534669" spans="14:14">
      <c r="N534669" s="10"/>
    </row>
    <row r="534670" spans="14:14">
      <c r="N534670" s="10"/>
    </row>
    <row r="534671" spans="14:14">
      <c r="N534671" s="10"/>
    </row>
    <row r="534672" spans="14:14">
      <c r="N534672" s="10"/>
    </row>
    <row r="534673" spans="14:14">
      <c r="N534673" s="10"/>
    </row>
    <row r="534674" spans="14:14">
      <c r="N534674" s="10"/>
    </row>
    <row r="534675" spans="14:14">
      <c r="N534675" s="10"/>
    </row>
    <row r="534676" spans="14:14">
      <c r="N534676" s="10"/>
    </row>
    <row r="534677" spans="14:14">
      <c r="N534677" s="10"/>
    </row>
    <row r="534678" spans="14:14">
      <c r="N534678" s="10"/>
    </row>
    <row r="534679" spans="14:14">
      <c r="N534679" s="10"/>
    </row>
    <row r="534680" spans="14:14">
      <c r="N534680" s="10"/>
    </row>
    <row r="534681" spans="14:14">
      <c r="N534681" s="10"/>
    </row>
    <row r="534682" spans="14:14">
      <c r="N534682" s="10"/>
    </row>
    <row r="534683" spans="14:14">
      <c r="N534683" s="10"/>
    </row>
    <row r="534684" spans="14:14">
      <c r="N534684" s="10"/>
    </row>
    <row r="534685" spans="14:14">
      <c r="N534685" s="10"/>
    </row>
    <row r="534686" spans="14:14">
      <c r="N534686" s="10"/>
    </row>
    <row r="534687" spans="14:14">
      <c r="N534687" s="10"/>
    </row>
    <row r="534688" spans="14:14">
      <c r="N534688" s="10"/>
    </row>
    <row r="534689" spans="14:14">
      <c r="N534689" s="10"/>
    </row>
    <row r="534690" spans="14:14">
      <c r="N534690" s="10"/>
    </row>
    <row r="534691" spans="14:14">
      <c r="N534691" s="10"/>
    </row>
    <row r="534692" spans="14:14">
      <c r="N534692" s="10"/>
    </row>
    <row r="534693" spans="14:14">
      <c r="N534693" s="10"/>
    </row>
    <row r="534694" spans="14:14">
      <c r="N534694" s="10"/>
    </row>
    <row r="534695" spans="14:14">
      <c r="N534695" s="10"/>
    </row>
    <row r="534696" spans="14:14">
      <c r="N534696" s="10"/>
    </row>
    <row r="534697" spans="14:14">
      <c r="N534697" s="10"/>
    </row>
    <row r="534698" spans="14:14">
      <c r="N534698" s="10"/>
    </row>
    <row r="534699" spans="14:14">
      <c r="N534699" s="10"/>
    </row>
    <row r="534700" spans="14:14">
      <c r="N534700" s="10"/>
    </row>
    <row r="534701" spans="14:14">
      <c r="N534701" s="10"/>
    </row>
    <row r="534702" spans="14:14">
      <c r="N534702" s="10"/>
    </row>
    <row r="534703" spans="14:14">
      <c r="N534703" s="10"/>
    </row>
    <row r="534704" spans="14:14">
      <c r="N534704" s="10"/>
    </row>
    <row r="534705" spans="14:14">
      <c r="N534705" s="10"/>
    </row>
    <row r="534706" spans="14:14">
      <c r="N534706" s="10"/>
    </row>
    <row r="534707" spans="14:14">
      <c r="N534707" s="10"/>
    </row>
    <row r="534708" spans="14:14">
      <c r="N534708" s="10"/>
    </row>
    <row r="534709" spans="14:14">
      <c r="N534709" s="10"/>
    </row>
    <row r="534710" spans="14:14">
      <c r="N534710" s="10"/>
    </row>
    <row r="534711" spans="14:14">
      <c r="N534711" s="10"/>
    </row>
    <row r="534712" spans="14:14">
      <c r="N534712" s="10"/>
    </row>
    <row r="534713" spans="14:14">
      <c r="N534713" s="10"/>
    </row>
    <row r="534714" spans="14:14">
      <c r="N534714" s="10"/>
    </row>
    <row r="534715" spans="14:14">
      <c r="N534715" s="10"/>
    </row>
    <row r="534716" spans="14:14">
      <c r="N534716" s="10"/>
    </row>
    <row r="534717" spans="14:14">
      <c r="N534717" s="10"/>
    </row>
    <row r="534718" spans="14:14">
      <c r="N534718" s="10"/>
    </row>
    <row r="534719" spans="14:14">
      <c r="N534719" s="10"/>
    </row>
    <row r="534720" spans="14:14">
      <c r="N534720" s="10"/>
    </row>
    <row r="534721" spans="14:14">
      <c r="N534721" s="10"/>
    </row>
    <row r="534722" spans="14:14">
      <c r="N534722" s="10"/>
    </row>
    <row r="534723" spans="14:14">
      <c r="N534723" s="10"/>
    </row>
    <row r="534724" spans="14:14">
      <c r="N534724" s="10"/>
    </row>
    <row r="534725" spans="14:14">
      <c r="N534725" s="10"/>
    </row>
    <row r="534726" spans="14:14">
      <c r="N534726" s="10"/>
    </row>
    <row r="534727" spans="14:14">
      <c r="N534727" s="10"/>
    </row>
    <row r="534728" spans="14:14">
      <c r="N534728" s="10"/>
    </row>
    <row r="534729" spans="14:14">
      <c r="N534729" s="10"/>
    </row>
    <row r="534730" spans="14:14">
      <c r="N534730" s="10"/>
    </row>
    <row r="534731" spans="14:14">
      <c r="N534731" s="10"/>
    </row>
    <row r="534732" spans="14:14">
      <c r="N534732" s="10"/>
    </row>
    <row r="534733" spans="14:14">
      <c r="N534733" s="10"/>
    </row>
    <row r="534734" spans="14:14">
      <c r="N534734" s="10"/>
    </row>
    <row r="534735" spans="14:14">
      <c r="N534735" s="10"/>
    </row>
    <row r="534736" spans="14:14">
      <c r="N534736" s="10"/>
    </row>
    <row r="534737" spans="14:14">
      <c r="N534737" s="10"/>
    </row>
    <row r="534738" spans="14:14">
      <c r="N534738" s="10"/>
    </row>
    <row r="534739" spans="14:14">
      <c r="N534739" s="10"/>
    </row>
    <row r="534740" spans="14:14">
      <c r="N534740" s="10"/>
    </row>
    <row r="534741" spans="14:14">
      <c r="N534741" s="10"/>
    </row>
    <row r="534742" spans="14:14">
      <c r="N534742" s="10"/>
    </row>
    <row r="534743" spans="14:14">
      <c r="N534743" s="10"/>
    </row>
    <row r="534744" spans="14:14">
      <c r="N534744" s="10"/>
    </row>
    <row r="534745" spans="14:14">
      <c r="N534745" s="10"/>
    </row>
    <row r="534746" spans="14:14">
      <c r="N534746" s="10"/>
    </row>
    <row r="534747" spans="14:14">
      <c r="N534747" s="10"/>
    </row>
    <row r="534748" spans="14:14">
      <c r="N534748" s="10"/>
    </row>
    <row r="534749" spans="14:14">
      <c r="N534749" s="10"/>
    </row>
    <row r="534750" spans="14:14">
      <c r="N534750" s="10"/>
    </row>
    <row r="534751" spans="14:14">
      <c r="N534751" s="10"/>
    </row>
    <row r="534752" spans="14:14">
      <c r="N534752" s="10"/>
    </row>
    <row r="534753" spans="14:14">
      <c r="N534753" s="10"/>
    </row>
    <row r="534754" spans="14:14">
      <c r="N534754" s="10"/>
    </row>
    <row r="534755" spans="14:14">
      <c r="N534755" s="10"/>
    </row>
    <row r="534756" spans="14:14">
      <c r="N534756" s="10"/>
    </row>
    <row r="534757" spans="14:14">
      <c r="N534757" s="10"/>
    </row>
    <row r="534758" spans="14:14">
      <c r="N534758" s="10"/>
    </row>
    <row r="534759" spans="14:14">
      <c r="N534759" s="10"/>
    </row>
    <row r="534760" spans="14:14">
      <c r="N534760" s="10"/>
    </row>
    <row r="534761" spans="14:14">
      <c r="N534761" s="10"/>
    </row>
    <row r="534762" spans="14:14">
      <c r="N534762" s="10"/>
    </row>
    <row r="534763" spans="14:14">
      <c r="N534763" s="10"/>
    </row>
    <row r="534764" spans="14:14">
      <c r="N534764" s="10"/>
    </row>
    <row r="534765" spans="14:14">
      <c r="N534765" s="10"/>
    </row>
    <row r="534766" spans="14:14">
      <c r="N534766" s="10"/>
    </row>
    <row r="534767" spans="14:14">
      <c r="N534767" s="10"/>
    </row>
    <row r="534768" spans="14:14">
      <c r="N534768" s="10"/>
    </row>
    <row r="534769" spans="14:14">
      <c r="N534769" s="10"/>
    </row>
    <row r="534770" spans="14:14">
      <c r="N534770" s="10"/>
    </row>
    <row r="534771" spans="14:14">
      <c r="N534771" s="10"/>
    </row>
    <row r="534772" spans="14:14">
      <c r="N534772" s="10"/>
    </row>
    <row r="534773" spans="14:14">
      <c r="N534773" s="10"/>
    </row>
    <row r="534774" spans="14:14">
      <c r="N534774" s="10"/>
    </row>
    <row r="534775" spans="14:14">
      <c r="N534775" s="10"/>
    </row>
    <row r="534776" spans="14:14">
      <c r="N534776" s="10"/>
    </row>
    <row r="534777" spans="14:14">
      <c r="N534777" s="10"/>
    </row>
    <row r="534778" spans="14:14">
      <c r="N534778" s="10"/>
    </row>
    <row r="534779" spans="14:14">
      <c r="N534779" s="10"/>
    </row>
    <row r="534780" spans="14:14">
      <c r="N534780" s="10"/>
    </row>
    <row r="534781" spans="14:14">
      <c r="N534781" s="10"/>
    </row>
    <row r="534782" spans="14:14">
      <c r="N534782" s="10"/>
    </row>
    <row r="534783" spans="14:14">
      <c r="N534783" s="10"/>
    </row>
    <row r="534784" spans="14:14">
      <c r="N534784" s="10"/>
    </row>
    <row r="534785" spans="14:14">
      <c r="N534785" s="10"/>
    </row>
    <row r="534786" spans="14:14">
      <c r="N534786" s="10"/>
    </row>
    <row r="534787" spans="14:14">
      <c r="N534787" s="10"/>
    </row>
    <row r="534788" spans="14:14">
      <c r="N534788" s="10"/>
    </row>
    <row r="534789" spans="14:14">
      <c r="N534789" s="10"/>
    </row>
    <row r="534790" spans="14:14">
      <c r="N534790" s="10"/>
    </row>
    <row r="534791" spans="14:14">
      <c r="N534791" s="10"/>
    </row>
    <row r="534792" spans="14:14">
      <c r="N534792" s="10"/>
    </row>
    <row r="534793" spans="14:14">
      <c r="N534793" s="10"/>
    </row>
    <row r="534794" spans="14:14">
      <c r="N534794" s="10"/>
    </row>
    <row r="534795" spans="14:14">
      <c r="N534795" s="10"/>
    </row>
    <row r="534796" spans="14:14">
      <c r="N534796" s="10"/>
    </row>
    <row r="534797" spans="14:14">
      <c r="N534797" s="10"/>
    </row>
    <row r="534798" spans="14:14">
      <c r="N534798" s="10"/>
    </row>
    <row r="534799" spans="14:14">
      <c r="N534799" s="10"/>
    </row>
    <row r="534800" spans="14:14">
      <c r="N534800" s="10"/>
    </row>
    <row r="534801" spans="14:14">
      <c r="N534801" s="10"/>
    </row>
    <row r="534802" spans="14:14">
      <c r="N534802" s="10"/>
    </row>
    <row r="534803" spans="14:14">
      <c r="N534803" s="10"/>
    </row>
    <row r="534804" spans="14:14">
      <c r="N534804" s="10"/>
    </row>
    <row r="534805" spans="14:14">
      <c r="N534805" s="10"/>
    </row>
    <row r="534806" spans="14:14">
      <c r="N534806" s="10"/>
    </row>
    <row r="534807" spans="14:14">
      <c r="N534807" s="10"/>
    </row>
    <row r="534808" spans="14:14">
      <c r="N534808" s="10"/>
    </row>
    <row r="534809" spans="14:14">
      <c r="N534809" s="10"/>
    </row>
    <row r="534810" spans="14:14">
      <c r="N534810" s="10"/>
    </row>
    <row r="534811" spans="14:14">
      <c r="N534811" s="10"/>
    </row>
    <row r="534812" spans="14:14">
      <c r="N534812" s="10"/>
    </row>
    <row r="534813" spans="14:14">
      <c r="N534813" s="10"/>
    </row>
    <row r="534814" spans="14:14">
      <c r="N534814" s="10"/>
    </row>
    <row r="534815" spans="14:14">
      <c r="N534815" s="10"/>
    </row>
    <row r="534816" spans="14:14">
      <c r="N534816" s="10"/>
    </row>
    <row r="534817" spans="14:14">
      <c r="N534817" s="10"/>
    </row>
    <row r="534818" spans="14:14">
      <c r="N534818" s="10"/>
    </row>
    <row r="534819" spans="14:14">
      <c r="N534819" s="10"/>
    </row>
    <row r="534820" spans="14:14">
      <c r="N534820" s="10"/>
    </row>
    <row r="534821" spans="14:14">
      <c r="N534821" s="10"/>
    </row>
    <row r="534822" spans="14:14">
      <c r="N534822" s="10"/>
    </row>
    <row r="534823" spans="14:14">
      <c r="N534823" s="10"/>
    </row>
    <row r="534824" spans="14:14">
      <c r="N534824" s="10"/>
    </row>
    <row r="534825" spans="14:14">
      <c r="N534825" s="10"/>
    </row>
    <row r="534826" spans="14:14">
      <c r="N534826" s="10"/>
    </row>
    <row r="534827" spans="14:14">
      <c r="N534827" s="10"/>
    </row>
    <row r="534828" spans="14:14">
      <c r="N534828" s="10"/>
    </row>
    <row r="534829" spans="14:14">
      <c r="N534829" s="10"/>
    </row>
    <row r="534830" spans="14:14">
      <c r="N534830" s="10"/>
    </row>
    <row r="534831" spans="14:14">
      <c r="N534831" s="10"/>
    </row>
    <row r="534832" spans="14:14">
      <c r="N534832" s="10"/>
    </row>
    <row r="534833" spans="14:14">
      <c r="N534833" s="10"/>
    </row>
    <row r="534834" spans="14:14">
      <c r="N534834" s="10"/>
    </row>
    <row r="534835" spans="14:14">
      <c r="N534835" s="10"/>
    </row>
    <row r="534836" spans="14:14">
      <c r="N534836" s="10"/>
    </row>
    <row r="534837" spans="14:14">
      <c r="N534837" s="10"/>
    </row>
    <row r="534838" spans="14:14">
      <c r="N534838" s="10"/>
    </row>
    <row r="534839" spans="14:14">
      <c r="N534839" s="10"/>
    </row>
    <row r="534840" spans="14:14">
      <c r="N534840" s="10"/>
    </row>
    <row r="534841" spans="14:14">
      <c r="N534841" s="10"/>
    </row>
    <row r="534842" spans="14:14">
      <c r="N534842" s="10"/>
    </row>
    <row r="534843" spans="14:14">
      <c r="N534843" s="10"/>
    </row>
    <row r="534844" spans="14:14">
      <c r="N534844" s="10"/>
    </row>
    <row r="534845" spans="14:14">
      <c r="N534845" s="10"/>
    </row>
    <row r="534846" spans="14:14">
      <c r="N534846" s="10"/>
    </row>
    <row r="534847" spans="14:14">
      <c r="N534847" s="10"/>
    </row>
    <row r="534848" spans="14:14">
      <c r="N534848" s="10"/>
    </row>
    <row r="534849" spans="14:14">
      <c r="N534849" s="10"/>
    </row>
    <row r="534850" spans="14:14">
      <c r="N534850" s="10"/>
    </row>
    <row r="534851" spans="14:14">
      <c r="N534851" s="10"/>
    </row>
    <row r="534852" spans="14:14">
      <c r="N534852" s="10"/>
    </row>
    <row r="534853" spans="14:14">
      <c r="N534853" s="10"/>
    </row>
    <row r="534854" spans="14:14">
      <c r="N534854" s="10"/>
    </row>
    <row r="534855" spans="14:14">
      <c r="N534855" s="10"/>
    </row>
    <row r="534856" spans="14:14">
      <c r="N534856" s="10"/>
    </row>
    <row r="534857" spans="14:14">
      <c r="N534857" s="10"/>
    </row>
    <row r="534858" spans="14:14">
      <c r="N534858" s="10"/>
    </row>
    <row r="534859" spans="14:14">
      <c r="N534859" s="10"/>
    </row>
    <row r="534860" spans="14:14">
      <c r="N534860" s="10"/>
    </row>
    <row r="534861" spans="14:14">
      <c r="N534861" s="10"/>
    </row>
    <row r="534862" spans="14:14">
      <c r="N534862" s="10"/>
    </row>
    <row r="534863" spans="14:14">
      <c r="N534863" s="10"/>
    </row>
    <row r="534864" spans="14:14">
      <c r="N534864" s="10"/>
    </row>
    <row r="534865" spans="14:14">
      <c r="N534865" s="10"/>
    </row>
    <row r="534866" spans="14:14">
      <c r="N534866" s="10"/>
    </row>
    <row r="534867" spans="14:14">
      <c r="N534867" s="10"/>
    </row>
    <row r="534868" spans="14:14">
      <c r="N534868" s="10"/>
    </row>
    <row r="534869" spans="14:14">
      <c r="N534869" s="10"/>
    </row>
    <row r="534870" spans="14:14">
      <c r="N534870" s="10"/>
    </row>
    <row r="534871" spans="14:14">
      <c r="N534871" s="10"/>
    </row>
    <row r="534872" spans="14:14">
      <c r="N534872" s="10"/>
    </row>
    <row r="534873" spans="14:14">
      <c r="N534873" s="10"/>
    </row>
    <row r="534874" spans="14:14">
      <c r="N534874" s="10"/>
    </row>
    <row r="534875" spans="14:14">
      <c r="N534875" s="10"/>
    </row>
    <row r="534876" spans="14:14">
      <c r="N534876" s="10"/>
    </row>
    <row r="534877" spans="14:14">
      <c r="N534877" s="10"/>
    </row>
    <row r="534878" spans="14:14">
      <c r="N534878" s="10"/>
    </row>
    <row r="534879" spans="14:14">
      <c r="N534879" s="10"/>
    </row>
    <row r="534880" spans="14:14">
      <c r="N534880" s="10"/>
    </row>
    <row r="534881" spans="14:14">
      <c r="N534881" s="10"/>
    </row>
    <row r="534882" spans="14:14">
      <c r="N534882" s="10"/>
    </row>
    <row r="534883" spans="14:14">
      <c r="N534883" s="10"/>
    </row>
    <row r="534884" spans="14:14">
      <c r="N534884" s="10"/>
    </row>
    <row r="534885" spans="14:14">
      <c r="N534885" s="10"/>
    </row>
    <row r="534886" spans="14:14">
      <c r="N534886" s="10"/>
    </row>
    <row r="534887" spans="14:14">
      <c r="N534887" s="10"/>
    </row>
    <row r="534888" spans="14:14">
      <c r="N534888" s="10"/>
    </row>
    <row r="534889" spans="14:14">
      <c r="N534889" s="10"/>
    </row>
    <row r="534890" spans="14:14">
      <c r="N534890" s="10"/>
    </row>
    <row r="534891" spans="14:14">
      <c r="N534891" s="10"/>
    </row>
    <row r="534892" spans="14:14">
      <c r="N534892" s="10"/>
    </row>
    <row r="534893" spans="14:14">
      <c r="N534893" s="10"/>
    </row>
    <row r="534894" spans="14:14">
      <c r="N534894" s="10"/>
    </row>
    <row r="534895" spans="14:14">
      <c r="N534895" s="10"/>
    </row>
    <row r="534896" spans="14:14">
      <c r="N534896" s="10"/>
    </row>
    <row r="534897" spans="14:14">
      <c r="N534897" s="10"/>
    </row>
    <row r="534898" spans="14:14">
      <c r="N534898" s="10"/>
    </row>
    <row r="534899" spans="14:14">
      <c r="N534899" s="10"/>
    </row>
    <row r="534900" spans="14:14">
      <c r="N534900" s="10"/>
    </row>
    <row r="534901" spans="14:14">
      <c r="N534901" s="10"/>
    </row>
    <row r="534902" spans="14:14">
      <c r="N534902" s="10"/>
    </row>
    <row r="534903" spans="14:14">
      <c r="N534903" s="10"/>
    </row>
    <row r="534904" spans="14:14">
      <c r="N534904" s="10"/>
    </row>
    <row r="534905" spans="14:14">
      <c r="N534905" s="10"/>
    </row>
    <row r="534906" spans="14:14">
      <c r="N534906" s="10"/>
    </row>
    <row r="534907" spans="14:14">
      <c r="N534907" s="10"/>
    </row>
    <row r="534908" spans="14:14">
      <c r="N534908" s="10"/>
    </row>
    <row r="534909" spans="14:14">
      <c r="N534909" s="10"/>
    </row>
    <row r="534910" spans="14:14">
      <c r="N534910" s="10"/>
    </row>
    <row r="534911" spans="14:14">
      <c r="N534911" s="10"/>
    </row>
    <row r="534912" spans="14:14">
      <c r="N534912" s="10"/>
    </row>
    <row r="534913" spans="14:14">
      <c r="N534913" s="10"/>
    </row>
    <row r="534914" spans="14:14">
      <c r="N534914" s="10"/>
    </row>
    <row r="534915" spans="14:14">
      <c r="N534915" s="10"/>
    </row>
    <row r="534916" spans="14:14">
      <c r="N534916" s="10"/>
    </row>
    <row r="534917" spans="14:14">
      <c r="N534917" s="10"/>
    </row>
    <row r="534918" spans="14:14">
      <c r="N534918" s="10"/>
    </row>
    <row r="534919" spans="14:14">
      <c r="N534919" s="10"/>
    </row>
    <row r="534920" spans="14:14">
      <c r="N534920" s="10"/>
    </row>
    <row r="534921" spans="14:14">
      <c r="N534921" s="10"/>
    </row>
    <row r="534922" spans="14:14">
      <c r="N534922" s="10"/>
    </row>
    <row r="534923" spans="14:14">
      <c r="N534923" s="10"/>
    </row>
    <row r="534924" spans="14:14">
      <c r="N534924" s="10"/>
    </row>
    <row r="534925" spans="14:14">
      <c r="N534925" s="10"/>
    </row>
    <row r="534926" spans="14:14">
      <c r="N534926" s="10"/>
    </row>
    <row r="534927" spans="14:14">
      <c r="N534927" s="10"/>
    </row>
    <row r="534928" spans="14:14">
      <c r="N534928" s="10"/>
    </row>
    <row r="534929" spans="14:14">
      <c r="N534929" s="10"/>
    </row>
    <row r="534930" spans="14:14">
      <c r="N534930" s="10"/>
    </row>
    <row r="534931" spans="14:14">
      <c r="N534931" s="10"/>
    </row>
    <row r="534932" spans="14:14">
      <c r="N534932" s="10"/>
    </row>
    <row r="534933" spans="14:14">
      <c r="N534933" s="10"/>
    </row>
    <row r="534934" spans="14:14">
      <c r="N534934" s="10"/>
    </row>
    <row r="534935" spans="14:14">
      <c r="N534935" s="10"/>
    </row>
    <row r="534936" spans="14:14">
      <c r="N534936" s="10"/>
    </row>
    <row r="534937" spans="14:14">
      <c r="N534937" s="10"/>
    </row>
    <row r="534938" spans="14:14">
      <c r="N534938" s="10"/>
    </row>
    <row r="534939" spans="14:14">
      <c r="N534939" s="10"/>
    </row>
    <row r="534940" spans="14:14">
      <c r="N534940" s="10"/>
    </row>
    <row r="534941" spans="14:14">
      <c r="N534941" s="10"/>
    </row>
    <row r="534942" spans="14:14">
      <c r="N534942" s="10"/>
    </row>
    <row r="534943" spans="14:14">
      <c r="N534943" s="10"/>
    </row>
    <row r="534944" spans="14:14">
      <c r="N534944" s="10"/>
    </row>
    <row r="534945" spans="14:14">
      <c r="N534945" s="10"/>
    </row>
    <row r="534946" spans="14:14">
      <c r="N534946" s="10"/>
    </row>
    <row r="534947" spans="14:14">
      <c r="N534947" s="10"/>
    </row>
    <row r="534948" spans="14:14">
      <c r="N534948" s="10"/>
    </row>
    <row r="534949" spans="14:14">
      <c r="N534949" s="10"/>
    </row>
    <row r="534950" spans="14:14">
      <c r="N534950" s="10"/>
    </row>
    <row r="534951" spans="14:14">
      <c r="N534951" s="10"/>
    </row>
    <row r="534952" spans="14:14">
      <c r="N534952" s="10"/>
    </row>
    <row r="534953" spans="14:14">
      <c r="N534953" s="10"/>
    </row>
    <row r="534954" spans="14:14">
      <c r="N534954" s="10"/>
    </row>
    <row r="534955" spans="14:14">
      <c r="N534955" s="10"/>
    </row>
    <row r="534956" spans="14:14">
      <c r="N534956" s="10"/>
    </row>
    <row r="534957" spans="14:14">
      <c r="N534957" s="10"/>
    </row>
    <row r="534958" spans="14:14">
      <c r="N534958" s="10"/>
    </row>
    <row r="534959" spans="14:14">
      <c r="N534959" s="10"/>
    </row>
    <row r="534960" spans="14:14">
      <c r="N534960" s="10"/>
    </row>
    <row r="534961" spans="14:14">
      <c r="N534961" s="10"/>
    </row>
    <row r="534962" spans="14:14">
      <c r="N534962" s="10"/>
    </row>
    <row r="534963" spans="14:14">
      <c r="N534963" s="10"/>
    </row>
    <row r="534964" spans="14:14">
      <c r="N534964" s="10"/>
    </row>
    <row r="534965" spans="14:14">
      <c r="N534965" s="10"/>
    </row>
    <row r="534966" spans="14:14">
      <c r="N534966" s="10"/>
    </row>
    <row r="534967" spans="14:14">
      <c r="N534967" s="10"/>
    </row>
    <row r="534968" spans="14:14">
      <c r="N534968" s="10"/>
    </row>
    <row r="534969" spans="14:14">
      <c r="N534969" s="10"/>
    </row>
    <row r="534970" spans="14:14">
      <c r="N534970" s="10"/>
    </row>
    <row r="534971" spans="14:14">
      <c r="N534971" s="10"/>
    </row>
    <row r="534972" spans="14:14">
      <c r="N534972" s="10"/>
    </row>
    <row r="534973" spans="14:14">
      <c r="N534973" s="10"/>
    </row>
    <row r="534974" spans="14:14">
      <c r="N534974" s="10"/>
    </row>
    <row r="534975" spans="14:14">
      <c r="N534975" s="10"/>
    </row>
    <row r="534976" spans="14:14">
      <c r="N534976" s="10"/>
    </row>
    <row r="534977" spans="14:14">
      <c r="N534977" s="10"/>
    </row>
    <row r="534978" spans="14:14">
      <c r="N534978" s="10"/>
    </row>
    <row r="534979" spans="14:14">
      <c r="N534979" s="10"/>
    </row>
    <row r="534980" spans="14:14">
      <c r="N534980" s="10"/>
    </row>
    <row r="534981" spans="14:14">
      <c r="N534981" s="10"/>
    </row>
    <row r="534982" spans="14:14">
      <c r="N534982" s="10"/>
    </row>
    <row r="534983" spans="14:14">
      <c r="N534983" s="10"/>
    </row>
    <row r="534984" spans="14:14">
      <c r="N534984" s="10"/>
    </row>
    <row r="534985" spans="14:14">
      <c r="N534985" s="10"/>
    </row>
    <row r="534986" spans="14:14">
      <c r="N534986" s="10"/>
    </row>
    <row r="534987" spans="14:14">
      <c r="N534987" s="10"/>
    </row>
    <row r="534988" spans="14:14">
      <c r="N534988" s="10"/>
    </row>
    <row r="534989" spans="14:14">
      <c r="N534989" s="10"/>
    </row>
    <row r="534990" spans="14:14">
      <c r="N534990" s="10"/>
    </row>
    <row r="534991" spans="14:14">
      <c r="N534991" s="10"/>
    </row>
    <row r="534992" spans="14:14">
      <c r="N534992" s="10"/>
    </row>
    <row r="534993" spans="14:14">
      <c r="N534993" s="10"/>
    </row>
    <row r="534994" spans="14:14">
      <c r="N534994" s="10"/>
    </row>
    <row r="534995" spans="14:14">
      <c r="N534995" s="10"/>
    </row>
    <row r="534996" spans="14:14">
      <c r="N534996" s="10"/>
    </row>
    <row r="534997" spans="14:14">
      <c r="N534997" s="10"/>
    </row>
    <row r="534998" spans="14:14">
      <c r="N534998" s="10"/>
    </row>
    <row r="534999" spans="14:14">
      <c r="N534999" s="10"/>
    </row>
    <row r="535000" spans="14:14">
      <c r="N535000" s="10"/>
    </row>
    <row r="535001" spans="14:14">
      <c r="N535001" s="10"/>
    </row>
    <row r="535002" spans="14:14">
      <c r="N535002" s="10"/>
    </row>
    <row r="535003" spans="14:14">
      <c r="N535003" s="10"/>
    </row>
    <row r="535004" spans="14:14">
      <c r="N535004" s="10"/>
    </row>
    <row r="535005" spans="14:14">
      <c r="N535005" s="10"/>
    </row>
    <row r="535006" spans="14:14">
      <c r="N535006" s="10"/>
    </row>
    <row r="535007" spans="14:14">
      <c r="N535007" s="10"/>
    </row>
    <row r="535008" spans="14:14">
      <c r="N535008" s="10"/>
    </row>
    <row r="535009" spans="14:14">
      <c r="N535009" s="10"/>
    </row>
    <row r="535010" spans="14:14">
      <c r="N535010" s="10"/>
    </row>
    <row r="535011" spans="14:14">
      <c r="N535011" s="10"/>
    </row>
    <row r="535012" spans="14:14">
      <c r="N535012" s="10"/>
    </row>
    <row r="535013" spans="14:14">
      <c r="N535013" s="10"/>
    </row>
    <row r="535014" spans="14:14">
      <c r="N535014" s="10"/>
    </row>
    <row r="535015" spans="14:14">
      <c r="N535015" s="10"/>
    </row>
    <row r="535016" spans="14:14">
      <c r="N535016" s="10"/>
    </row>
    <row r="535017" spans="14:14">
      <c r="N535017" s="10"/>
    </row>
    <row r="535018" spans="14:14">
      <c r="N535018" s="10"/>
    </row>
    <row r="535019" spans="14:14">
      <c r="N535019" s="10"/>
    </row>
    <row r="535020" spans="14:14">
      <c r="N535020" s="10"/>
    </row>
    <row r="535021" spans="14:14">
      <c r="N535021" s="10"/>
    </row>
    <row r="535022" spans="14:14">
      <c r="N535022" s="10"/>
    </row>
    <row r="535023" spans="14:14">
      <c r="N535023" s="10"/>
    </row>
    <row r="535024" spans="14:14">
      <c r="N535024" s="10"/>
    </row>
    <row r="535025" spans="14:14">
      <c r="N535025" s="10"/>
    </row>
    <row r="535026" spans="14:14">
      <c r="N535026" s="10"/>
    </row>
    <row r="535027" spans="14:14">
      <c r="N535027" s="10"/>
    </row>
    <row r="535028" spans="14:14">
      <c r="N535028" s="10"/>
    </row>
    <row r="535029" spans="14:14">
      <c r="N535029" s="10"/>
    </row>
    <row r="535030" spans="14:14">
      <c r="N535030" s="10"/>
    </row>
    <row r="535031" spans="14:14">
      <c r="N535031" s="10"/>
    </row>
    <row r="535032" spans="14:14">
      <c r="N535032" s="10"/>
    </row>
    <row r="535033" spans="14:14">
      <c r="N535033" s="10"/>
    </row>
    <row r="535034" spans="14:14">
      <c r="N535034" s="10"/>
    </row>
    <row r="535035" spans="14:14">
      <c r="N535035" s="10"/>
    </row>
    <row r="535036" spans="14:14">
      <c r="N535036" s="10"/>
    </row>
    <row r="535037" spans="14:14">
      <c r="N535037" s="10"/>
    </row>
    <row r="535038" spans="14:14">
      <c r="N535038" s="10"/>
    </row>
    <row r="535039" spans="14:14">
      <c r="N535039" s="10"/>
    </row>
    <row r="535040" spans="14:14">
      <c r="N535040" s="10"/>
    </row>
    <row r="535041" spans="14:14">
      <c r="N535041" s="10"/>
    </row>
    <row r="535042" spans="14:14">
      <c r="N535042" s="10"/>
    </row>
    <row r="535043" spans="14:14">
      <c r="N535043" s="10"/>
    </row>
    <row r="535044" spans="14:14">
      <c r="N535044" s="10"/>
    </row>
    <row r="535045" spans="14:14">
      <c r="N535045" s="10"/>
    </row>
    <row r="535046" spans="14:14">
      <c r="N535046" s="10"/>
    </row>
    <row r="535047" spans="14:14">
      <c r="N535047" s="10"/>
    </row>
    <row r="535048" spans="14:14">
      <c r="N535048" s="10"/>
    </row>
    <row r="535049" spans="14:14">
      <c r="N535049" s="10"/>
    </row>
    <row r="535050" spans="14:14">
      <c r="N535050" s="10"/>
    </row>
    <row r="535051" spans="14:14">
      <c r="N535051" s="10"/>
    </row>
    <row r="535052" spans="14:14">
      <c r="N535052" s="10"/>
    </row>
    <row r="535053" spans="14:14">
      <c r="N535053" s="10"/>
    </row>
    <row r="535054" spans="14:14">
      <c r="N535054" s="10"/>
    </row>
    <row r="535055" spans="14:14">
      <c r="N535055" s="10"/>
    </row>
    <row r="535056" spans="14:14">
      <c r="N535056" s="10"/>
    </row>
    <row r="535057" spans="14:14">
      <c r="N535057" s="10"/>
    </row>
    <row r="535058" spans="14:14">
      <c r="N535058" s="10"/>
    </row>
    <row r="535059" spans="14:14">
      <c r="N535059" s="10"/>
    </row>
    <row r="535060" spans="14:14">
      <c r="N535060" s="10"/>
    </row>
    <row r="535061" spans="14:14">
      <c r="N535061" s="10"/>
    </row>
    <row r="535062" spans="14:14">
      <c r="N535062" s="10"/>
    </row>
    <row r="535063" spans="14:14">
      <c r="N535063" s="10"/>
    </row>
    <row r="535064" spans="14:14">
      <c r="N535064" s="10"/>
    </row>
    <row r="535065" spans="14:14">
      <c r="N535065" s="10"/>
    </row>
    <row r="535066" spans="14:14">
      <c r="N535066" s="10"/>
    </row>
    <row r="535067" spans="14:14">
      <c r="N535067" s="10"/>
    </row>
    <row r="535068" spans="14:14">
      <c r="N535068" s="10"/>
    </row>
    <row r="535069" spans="14:14">
      <c r="N535069" s="10"/>
    </row>
    <row r="535070" spans="14:14">
      <c r="N535070" s="10"/>
    </row>
    <row r="535071" spans="14:14">
      <c r="N535071" s="10"/>
    </row>
    <row r="535072" spans="14:14">
      <c r="N535072" s="10"/>
    </row>
    <row r="535073" spans="14:14">
      <c r="N535073" s="10"/>
    </row>
    <row r="535074" spans="14:14">
      <c r="N535074" s="10"/>
    </row>
    <row r="535075" spans="14:14">
      <c r="N535075" s="10"/>
    </row>
    <row r="535076" spans="14:14">
      <c r="N535076" s="10"/>
    </row>
    <row r="535077" spans="14:14">
      <c r="N535077" s="10"/>
    </row>
    <row r="535078" spans="14:14">
      <c r="N535078" s="10"/>
    </row>
    <row r="535079" spans="14:14">
      <c r="N535079" s="10"/>
    </row>
    <row r="535080" spans="14:14">
      <c r="N535080" s="10"/>
    </row>
    <row r="535081" spans="14:14">
      <c r="N535081" s="10"/>
    </row>
    <row r="535082" spans="14:14">
      <c r="N535082" s="10"/>
    </row>
    <row r="535083" spans="14:14">
      <c r="N535083" s="10"/>
    </row>
    <row r="535084" spans="14:14">
      <c r="N535084" s="10"/>
    </row>
    <row r="535085" spans="14:14">
      <c r="N535085" s="10"/>
    </row>
    <row r="535086" spans="14:14">
      <c r="N535086" s="10"/>
    </row>
    <row r="535087" spans="14:14">
      <c r="N535087" s="10"/>
    </row>
    <row r="535088" spans="14:14">
      <c r="N535088" s="10"/>
    </row>
    <row r="535089" spans="14:14">
      <c r="N535089" s="10"/>
    </row>
    <row r="535090" spans="14:14">
      <c r="N535090" s="10"/>
    </row>
    <row r="535091" spans="14:14">
      <c r="N535091" s="10"/>
    </row>
    <row r="535092" spans="14:14">
      <c r="N535092" s="10"/>
    </row>
    <row r="535093" spans="14:14">
      <c r="N535093" s="10"/>
    </row>
    <row r="535094" spans="14:14">
      <c r="N535094" s="10"/>
    </row>
    <row r="535095" spans="14:14">
      <c r="N535095" s="10"/>
    </row>
    <row r="535096" spans="14:14">
      <c r="N535096" s="10"/>
    </row>
    <row r="535097" spans="14:14">
      <c r="N535097" s="10"/>
    </row>
    <row r="535098" spans="14:14">
      <c r="N535098" s="10"/>
    </row>
    <row r="535099" spans="14:14">
      <c r="N535099" s="10"/>
    </row>
    <row r="535100" spans="14:14">
      <c r="N535100" s="10"/>
    </row>
    <row r="535101" spans="14:14">
      <c r="N535101" s="10"/>
    </row>
    <row r="535102" spans="14:14">
      <c r="N535102" s="10"/>
    </row>
    <row r="535103" spans="14:14">
      <c r="N535103" s="10"/>
    </row>
    <row r="535104" spans="14:14">
      <c r="N535104" s="10"/>
    </row>
    <row r="535105" spans="14:14">
      <c r="N535105" s="10"/>
    </row>
    <row r="535106" spans="14:14">
      <c r="N535106" s="10"/>
    </row>
    <row r="535107" spans="14:14">
      <c r="N535107" s="10"/>
    </row>
    <row r="535108" spans="14:14">
      <c r="N535108" s="10"/>
    </row>
    <row r="535109" spans="14:14">
      <c r="N535109" s="10"/>
    </row>
    <row r="535110" spans="14:14">
      <c r="N535110" s="10"/>
    </row>
    <row r="535111" spans="14:14">
      <c r="N535111" s="10"/>
    </row>
    <row r="535112" spans="14:14">
      <c r="N535112" s="10"/>
    </row>
    <row r="535113" spans="14:14">
      <c r="N535113" s="10"/>
    </row>
    <row r="535114" spans="14:14">
      <c r="N535114" s="10"/>
    </row>
    <row r="535115" spans="14:14">
      <c r="N535115" s="10"/>
    </row>
    <row r="535116" spans="14:14">
      <c r="N535116" s="10"/>
    </row>
    <row r="535117" spans="14:14">
      <c r="N535117" s="10"/>
    </row>
    <row r="535118" spans="14:14">
      <c r="N535118" s="10"/>
    </row>
    <row r="535119" spans="14:14">
      <c r="N535119" s="10"/>
    </row>
    <row r="535120" spans="14:14">
      <c r="N535120" s="10"/>
    </row>
    <row r="535121" spans="14:14">
      <c r="N535121" s="10"/>
    </row>
    <row r="535122" spans="14:14">
      <c r="N535122" s="10"/>
    </row>
    <row r="535123" spans="14:14">
      <c r="N535123" s="10"/>
    </row>
    <row r="535124" spans="14:14">
      <c r="N535124" s="10"/>
    </row>
    <row r="535125" spans="14:14">
      <c r="N535125" s="10"/>
    </row>
    <row r="535126" spans="14:14">
      <c r="N535126" s="10"/>
    </row>
    <row r="535127" spans="14:14">
      <c r="N535127" s="10"/>
    </row>
    <row r="535128" spans="14:14">
      <c r="N535128" s="10"/>
    </row>
    <row r="535129" spans="14:14">
      <c r="N535129" s="10"/>
    </row>
    <row r="535130" spans="14:14">
      <c r="N535130" s="10"/>
    </row>
    <row r="535131" spans="14:14">
      <c r="N535131" s="10"/>
    </row>
    <row r="535132" spans="14:14">
      <c r="N535132" s="10"/>
    </row>
    <row r="535133" spans="14:14">
      <c r="N535133" s="10"/>
    </row>
    <row r="535134" spans="14:14">
      <c r="N535134" s="10"/>
    </row>
    <row r="535135" spans="14:14">
      <c r="N535135" s="10"/>
    </row>
    <row r="535136" spans="14:14">
      <c r="N535136" s="10"/>
    </row>
    <row r="535137" spans="14:14">
      <c r="N535137" s="10"/>
    </row>
    <row r="535138" spans="14:14">
      <c r="N535138" s="10"/>
    </row>
    <row r="535139" spans="14:14">
      <c r="N535139" s="10"/>
    </row>
    <row r="535140" spans="14:14">
      <c r="N535140" s="10"/>
    </row>
    <row r="535141" spans="14:14">
      <c r="N535141" s="10"/>
    </row>
    <row r="535142" spans="14:14">
      <c r="N535142" s="10"/>
    </row>
    <row r="535143" spans="14:14">
      <c r="N535143" s="10"/>
    </row>
    <row r="535144" spans="14:14">
      <c r="N535144" s="10"/>
    </row>
    <row r="535145" spans="14:14">
      <c r="N535145" s="10"/>
    </row>
    <row r="535146" spans="14:14">
      <c r="N535146" s="10"/>
    </row>
    <row r="535147" spans="14:14">
      <c r="N535147" s="10"/>
    </row>
    <row r="535148" spans="14:14">
      <c r="N535148" s="10"/>
    </row>
    <row r="535149" spans="14:14">
      <c r="N535149" s="10"/>
    </row>
    <row r="535150" spans="14:14">
      <c r="N535150" s="10"/>
    </row>
    <row r="535151" spans="14:14">
      <c r="N535151" s="10"/>
    </row>
    <row r="535152" spans="14:14">
      <c r="N535152" s="10"/>
    </row>
    <row r="535153" spans="14:14">
      <c r="N535153" s="10"/>
    </row>
    <row r="535154" spans="14:14">
      <c r="N535154" s="10"/>
    </row>
    <row r="535155" spans="14:14">
      <c r="N535155" s="10"/>
    </row>
    <row r="535156" spans="14:14">
      <c r="N535156" s="10"/>
    </row>
    <row r="535157" spans="14:14">
      <c r="N535157" s="10"/>
    </row>
    <row r="535158" spans="14:14">
      <c r="N535158" s="10"/>
    </row>
    <row r="535159" spans="14:14">
      <c r="N535159" s="10"/>
    </row>
    <row r="535160" spans="14:14">
      <c r="N535160" s="10"/>
    </row>
    <row r="535161" spans="14:14">
      <c r="N535161" s="10"/>
    </row>
    <row r="535162" spans="14:14">
      <c r="N535162" s="10"/>
    </row>
    <row r="535163" spans="14:14">
      <c r="N535163" s="10"/>
    </row>
    <row r="535164" spans="14:14">
      <c r="N535164" s="10"/>
    </row>
    <row r="535165" spans="14:14">
      <c r="N535165" s="10"/>
    </row>
    <row r="535166" spans="14:14">
      <c r="N535166" s="10"/>
    </row>
    <row r="535167" spans="14:14">
      <c r="N535167" s="10"/>
    </row>
    <row r="535168" spans="14:14">
      <c r="N535168" s="10"/>
    </row>
    <row r="535169" spans="14:14">
      <c r="N535169" s="10"/>
    </row>
    <row r="535170" spans="14:14">
      <c r="N535170" s="10"/>
    </row>
    <row r="535171" spans="14:14">
      <c r="N535171" s="10"/>
    </row>
    <row r="535172" spans="14:14">
      <c r="N535172" s="10"/>
    </row>
    <row r="535173" spans="14:14">
      <c r="N535173" s="10"/>
    </row>
    <row r="535174" spans="14:14">
      <c r="N535174" s="10"/>
    </row>
    <row r="535175" spans="14:14">
      <c r="N535175" s="10"/>
    </row>
    <row r="535176" spans="14:14">
      <c r="N535176" s="10"/>
    </row>
    <row r="535177" spans="14:14">
      <c r="N535177" s="10"/>
    </row>
    <row r="535178" spans="14:14">
      <c r="N535178" s="10"/>
    </row>
    <row r="535179" spans="14:14">
      <c r="N535179" s="10"/>
    </row>
    <row r="535180" spans="14:14">
      <c r="N535180" s="10"/>
    </row>
    <row r="535181" spans="14:14">
      <c r="N535181" s="10"/>
    </row>
    <row r="535182" spans="14:14">
      <c r="N535182" s="10"/>
    </row>
    <row r="535183" spans="14:14">
      <c r="N535183" s="10"/>
    </row>
    <row r="535184" spans="14:14">
      <c r="N535184" s="10"/>
    </row>
    <row r="535185" spans="14:14">
      <c r="N535185" s="10"/>
    </row>
    <row r="535186" spans="14:14">
      <c r="N535186" s="10"/>
    </row>
    <row r="535187" spans="14:14">
      <c r="N535187" s="10"/>
    </row>
    <row r="535188" spans="14:14">
      <c r="N535188" s="10"/>
    </row>
    <row r="535189" spans="14:14">
      <c r="N535189" s="10"/>
    </row>
    <row r="535190" spans="14:14">
      <c r="N535190" s="10"/>
    </row>
    <row r="535191" spans="14:14">
      <c r="N535191" s="10"/>
    </row>
    <row r="535192" spans="14:14">
      <c r="N535192" s="10"/>
    </row>
    <row r="535193" spans="14:14">
      <c r="N535193" s="10"/>
    </row>
    <row r="535194" spans="14:14">
      <c r="N535194" s="10"/>
    </row>
    <row r="535195" spans="14:14">
      <c r="N535195" s="10"/>
    </row>
    <row r="535196" spans="14:14">
      <c r="N535196" s="10"/>
    </row>
    <row r="535197" spans="14:14">
      <c r="N535197" s="10"/>
    </row>
    <row r="535198" spans="14:14">
      <c r="N535198" s="10"/>
    </row>
    <row r="535199" spans="14:14">
      <c r="N535199" s="10"/>
    </row>
    <row r="535200" spans="14:14">
      <c r="N535200" s="10"/>
    </row>
    <row r="535201" spans="14:14">
      <c r="N535201" s="10"/>
    </row>
    <row r="535202" spans="14:14">
      <c r="N535202" s="10"/>
    </row>
    <row r="535203" spans="14:14">
      <c r="N535203" s="10"/>
    </row>
    <row r="535204" spans="14:14">
      <c r="N535204" s="10"/>
    </row>
    <row r="535205" spans="14:14">
      <c r="N535205" s="10"/>
    </row>
    <row r="535206" spans="14:14">
      <c r="N535206" s="10"/>
    </row>
    <row r="535207" spans="14:14">
      <c r="N535207" s="10"/>
    </row>
    <row r="535208" spans="14:14">
      <c r="N535208" s="10"/>
    </row>
    <row r="535209" spans="14:14">
      <c r="N535209" s="10"/>
    </row>
    <row r="535210" spans="14:14">
      <c r="N535210" s="10"/>
    </row>
    <row r="535211" spans="14:14">
      <c r="N535211" s="10"/>
    </row>
    <row r="535212" spans="14:14">
      <c r="N535212" s="10"/>
    </row>
    <row r="535213" spans="14:14">
      <c r="N535213" s="10"/>
    </row>
    <row r="535214" spans="14:14">
      <c r="N535214" s="10"/>
    </row>
    <row r="535215" spans="14:14">
      <c r="N535215" s="10"/>
    </row>
    <row r="535216" spans="14:14">
      <c r="N535216" s="10"/>
    </row>
    <row r="535217" spans="14:14">
      <c r="N535217" s="10"/>
    </row>
    <row r="535218" spans="14:14">
      <c r="N535218" s="10"/>
    </row>
    <row r="535219" spans="14:14">
      <c r="N535219" s="10"/>
    </row>
    <row r="535220" spans="14:14">
      <c r="N535220" s="10"/>
    </row>
    <row r="535221" spans="14:14">
      <c r="N535221" s="10"/>
    </row>
    <row r="535222" spans="14:14">
      <c r="N535222" s="10"/>
    </row>
    <row r="535223" spans="14:14">
      <c r="N535223" s="10"/>
    </row>
    <row r="535224" spans="14:14">
      <c r="N535224" s="10"/>
    </row>
    <row r="535225" spans="14:14">
      <c r="N535225" s="10"/>
    </row>
    <row r="535226" spans="14:14">
      <c r="N535226" s="10"/>
    </row>
    <row r="535227" spans="14:14">
      <c r="N535227" s="10"/>
    </row>
    <row r="535228" spans="14:14">
      <c r="N535228" s="10"/>
    </row>
    <row r="535229" spans="14:14">
      <c r="N535229" s="10"/>
    </row>
    <row r="535230" spans="14:14">
      <c r="N535230" s="10"/>
    </row>
    <row r="535231" spans="14:14">
      <c r="N535231" s="10"/>
    </row>
    <row r="535232" spans="14:14">
      <c r="N535232" s="10"/>
    </row>
    <row r="535233" spans="14:14">
      <c r="N535233" s="10"/>
    </row>
    <row r="535234" spans="14:14">
      <c r="N535234" s="10"/>
    </row>
    <row r="535235" spans="14:14">
      <c r="N535235" s="10"/>
    </row>
    <row r="535236" spans="14:14">
      <c r="N535236" s="10"/>
    </row>
    <row r="535237" spans="14:14">
      <c r="N535237" s="10"/>
    </row>
    <row r="535238" spans="14:14">
      <c r="N535238" s="10"/>
    </row>
    <row r="535239" spans="14:14">
      <c r="N535239" s="10"/>
    </row>
    <row r="535240" spans="14:14">
      <c r="N535240" s="10"/>
    </row>
    <row r="535241" spans="14:14">
      <c r="N535241" s="10"/>
    </row>
    <row r="535242" spans="14:14">
      <c r="N535242" s="10"/>
    </row>
    <row r="535243" spans="14:14">
      <c r="N535243" s="10"/>
    </row>
    <row r="535244" spans="14:14">
      <c r="N535244" s="10"/>
    </row>
    <row r="535245" spans="14:14">
      <c r="N535245" s="10"/>
    </row>
    <row r="535246" spans="14:14">
      <c r="N535246" s="10"/>
    </row>
    <row r="535247" spans="14:14">
      <c r="N535247" s="10"/>
    </row>
    <row r="535248" spans="14:14">
      <c r="N535248" s="10"/>
    </row>
    <row r="535249" spans="14:14">
      <c r="N535249" s="10"/>
    </row>
    <row r="535250" spans="14:14">
      <c r="N535250" s="10"/>
    </row>
    <row r="535251" spans="14:14">
      <c r="N535251" s="10"/>
    </row>
    <row r="535252" spans="14:14">
      <c r="N535252" s="10"/>
    </row>
    <row r="535253" spans="14:14">
      <c r="N535253" s="10"/>
    </row>
    <row r="535254" spans="14:14">
      <c r="N535254" s="10"/>
    </row>
    <row r="535255" spans="14:14">
      <c r="N535255" s="10"/>
    </row>
    <row r="535256" spans="14:14">
      <c r="N535256" s="10"/>
    </row>
    <row r="535257" spans="14:14">
      <c r="N535257" s="10"/>
    </row>
    <row r="535258" spans="14:14">
      <c r="N535258" s="10"/>
    </row>
    <row r="535259" spans="14:14">
      <c r="N535259" s="10"/>
    </row>
    <row r="535260" spans="14:14">
      <c r="N535260" s="10"/>
    </row>
    <row r="535261" spans="14:14">
      <c r="N535261" s="10"/>
    </row>
    <row r="535262" spans="14:14">
      <c r="N535262" s="10"/>
    </row>
    <row r="535263" spans="14:14">
      <c r="N535263" s="10"/>
    </row>
    <row r="535264" spans="14:14">
      <c r="N535264" s="10"/>
    </row>
    <row r="535265" spans="14:14">
      <c r="N535265" s="10"/>
    </row>
    <row r="535266" spans="14:14">
      <c r="N535266" s="10"/>
    </row>
    <row r="535267" spans="14:14">
      <c r="N535267" s="10"/>
    </row>
    <row r="535268" spans="14:14">
      <c r="N535268" s="10"/>
    </row>
    <row r="535269" spans="14:14">
      <c r="N535269" s="10"/>
    </row>
    <row r="535270" spans="14:14">
      <c r="N535270" s="10"/>
    </row>
    <row r="535271" spans="14:14">
      <c r="N535271" s="10"/>
    </row>
    <row r="535272" spans="14:14">
      <c r="N535272" s="10"/>
    </row>
    <row r="535273" spans="14:14">
      <c r="N535273" s="10"/>
    </row>
    <row r="535274" spans="14:14">
      <c r="N535274" s="10"/>
    </row>
    <row r="535275" spans="14:14">
      <c r="N535275" s="10"/>
    </row>
    <row r="535276" spans="14:14">
      <c r="N535276" s="10"/>
    </row>
    <row r="535277" spans="14:14">
      <c r="N535277" s="10"/>
    </row>
    <row r="535278" spans="14:14">
      <c r="N535278" s="10"/>
    </row>
    <row r="535279" spans="14:14">
      <c r="N535279" s="10"/>
    </row>
    <row r="535280" spans="14:14">
      <c r="N535280" s="10"/>
    </row>
    <row r="535281" spans="14:14">
      <c r="N535281" s="10"/>
    </row>
    <row r="535282" spans="14:14">
      <c r="N535282" s="10"/>
    </row>
    <row r="535283" spans="14:14">
      <c r="N535283" s="10"/>
    </row>
    <row r="535284" spans="14:14">
      <c r="N535284" s="10"/>
    </row>
    <row r="535285" spans="14:14">
      <c r="N535285" s="10"/>
    </row>
    <row r="535286" spans="14:14">
      <c r="N535286" s="10"/>
    </row>
    <row r="535287" spans="14:14">
      <c r="N535287" s="10"/>
    </row>
    <row r="535288" spans="14:14">
      <c r="N535288" s="10"/>
    </row>
    <row r="535289" spans="14:14">
      <c r="N535289" s="10"/>
    </row>
    <row r="535290" spans="14:14">
      <c r="N535290" s="10"/>
    </row>
    <row r="535291" spans="14:14">
      <c r="N535291" s="10"/>
    </row>
    <row r="535292" spans="14:14">
      <c r="N535292" s="10"/>
    </row>
    <row r="535293" spans="14:14">
      <c r="N535293" s="10"/>
    </row>
    <row r="535294" spans="14:14">
      <c r="N535294" s="10"/>
    </row>
    <row r="535295" spans="14:14">
      <c r="N535295" s="10"/>
    </row>
    <row r="535296" spans="14:14">
      <c r="N535296" s="10"/>
    </row>
    <row r="535297" spans="14:14">
      <c r="N535297" s="10"/>
    </row>
    <row r="535298" spans="14:14">
      <c r="N535298" s="10"/>
    </row>
    <row r="535299" spans="14:14">
      <c r="N535299" s="10"/>
    </row>
    <row r="535300" spans="14:14">
      <c r="N535300" s="10"/>
    </row>
    <row r="535301" spans="14:14">
      <c r="N535301" s="10"/>
    </row>
    <row r="535302" spans="14:14">
      <c r="N535302" s="10"/>
    </row>
    <row r="535303" spans="14:14">
      <c r="N535303" s="10"/>
    </row>
    <row r="535304" spans="14:14">
      <c r="N535304" s="10"/>
    </row>
    <row r="535305" spans="14:14">
      <c r="N535305" s="10"/>
    </row>
    <row r="535306" spans="14:14">
      <c r="N535306" s="10"/>
    </row>
    <row r="535307" spans="14:14">
      <c r="N535307" s="10"/>
    </row>
    <row r="535308" spans="14:14">
      <c r="N535308" s="10"/>
    </row>
    <row r="535309" spans="14:14">
      <c r="N535309" s="10"/>
    </row>
    <row r="535310" spans="14:14">
      <c r="N535310" s="10"/>
    </row>
    <row r="535311" spans="14:14">
      <c r="N535311" s="10"/>
    </row>
    <row r="535312" spans="14:14">
      <c r="N535312" s="10"/>
    </row>
    <row r="535313" spans="14:14">
      <c r="N535313" s="10"/>
    </row>
    <row r="535314" spans="14:14">
      <c r="N535314" s="10"/>
    </row>
    <row r="535315" spans="14:14">
      <c r="N535315" s="10"/>
    </row>
    <row r="535316" spans="14:14">
      <c r="N535316" s="10"/>
    </row>
    <row r="535317" spans="14:14">
      <c r="N535317" s="10"/>
    </row>
    <row r="535318" spans="14:14">
      <c r="N535318" s="10"/>
    </row>
    <row r="535319" spans="14:14">
      <c r="N535319" s="10"/>
    </row>
    <row r="535320" spans="14:14">
      <c r="N535320" s="10"/>
    </row>
    <row r="535321" spans="14:14">
      <c r="N535321" s="10"/>
    </row>
    <row r="535322" spans="14:14">
      <c r="N535322" s="10"/>
    </row>
    <row r="535323" spans="14:14">
      <c r="N535323" s="10"/>
    </row>
    <row r="535324" spans="14:14">
      <c r="N535324" s="10"/>
    </row>
    <row r="535325" spans="14:14">
      <c r="N535325" s="10"/>
    </row>
    <row r="535326" spans="14:14">
      <c r="N535326" s="10"/>
    </row>
    <row r="535327" spans="14:14">
      <c r="N535327" s="10"/>
    </row>
    <row r="535328" spans="14:14">
      <c r="N535328" s="10"/>
    </row>
    <row r="535329" spans="14:14">
      <c r="N535329" s="10"/>
    </row>
    <row r="535330" spans="14:14">
      <c r="N535330" s="10"/>
    </row>
    <row r="535331" spans="14:14">
      <c r="N535331" s="10"/>
    </row>
    <row r="535332" spans="14:14">
      <c r="N535332" s="10"/>
    </row>
    <row r="535333" spans="14:14">
      <c r="N535333" s="10"/>
    </row>
    <row r="535334" spans="14:14">
      <c r="N535334" s="10"/>
    </row>
    <row r="535335" spans="14:14">
      <c r="N535335" s="10"/>
    </row>
    <row r="535336" spans="14:14">
      <c r="N535336" s="10"/>
    </row>
    <row r="535337" spans="14:14">
      <c r="N535337" s="10"/>
    </row>
    <row r="535338" spans="14:14">
      <c r="N535338" s="10"/>
    </row>
    <row r="535339" spans="14:14">
      <c r="N535339" s="10"/>
    </row>
    <row r="535340" spans="14:14">
      <c r="N535340" s="10"/>
    </row>
    <row r="535341" spans="14:14">
      <c r="N535341" s="10"/>
    </row>
    <row r="535342" spans="14:14">
      <c r="N535342" s="10"/>
    </row>
    <row r="535343" spans="14:14">
      <c r="N535343" s="10"/>
    </row>
    <row r="535344" spans="14:14">
      <c r="N535344" s="10"/>
    </row>
    <row r="535345" spans="14:14">
      <c r="N535345" s="10"/>
    </row>
    <row r="535346" spans="14:14">
      <c r="N535346" s="10"/>
    </row>
    <row r="535347" spans="14:14">
      <c r="N535347" s="10"/>
    </row>
    <row r="535348" spans="14:14">
      <c r="N535348" s="10"/>
    </row>
    <row r="535349" spans="14:14">
      <c r="N535349" s="10"/>
    </row>
    <row r="535350" spans="14:14">
      <c r="N535350" s="10"/>
    </row>
    <row r="535351" spans="14:14">
      <c r="N535351" s="10"/>
    </row>
    <row r="535352" spans="14:14">
      <c r="N535352" s="10"/>
    </row>
    <row r="535353" spans="14:14">
      <c r="N535353" s="10"/>
    </row>
    <row r="535354" spans="14:14">
      <c r="N535354" s="10"/>
    </row>
    <row r="535355" spans="14:14">
      <c r="N535355" s="10"/>
    </row>
    <row r="535356" spans="14:14">
      <c r="N535356" s="10"/>
    </row>
    <row r="535357" spans="14:14">
      <c r="N535357" s="10"/>
    </row>
    <row r="535358" spans="14:14">
      <c r="N535358" s="10"/>
    </row>
    <row r="535359" spans="14:14">
      <c r="N535359" s="10"/>
    </row>
    <row r="535360" spans="14:14">
      <c r="N535360" s="10"/>
    </row>
    <row r="535361" spans="14:14">
      <c r="N535361" s="10"/>
    </row>
    <row r="535362" spans="14:14">
      <c r="N535362" s="10"/>
    </row>
    <row r="535363" spans="14:14">
      <c r="N535363" s="10"/>
    </row>
    <row r="535364" spans="14:14">
      <c r="N535364" s="10"/>
    </row>
    <row r="535365" spans="14:14">
      <c r="N535365" s="10"/>
    </row>
    <row r="535366" spans="14:14">
      <c r="N535366" s="10"/>
    </row>
    <row r="535367" spans="14:14">
      <c r="N535367" s="10"/>
    </row>
    <row r="535368" spans="14:14">
      <c r="N535368" s="10"/>
    </row>
    <row r="535369" spans="14:14">
      <c r="N535369" s="10"/>
    </row>
    <row r="535370" spans="14:14">
      <c r="N535370" s="10"/>
    </row>
    <row r="535371" spans="14:14">
      <c r="N535371" s="10"/>
    </row>
    <row r="535372" spans="14:14">
      <c r="N535372" s="10"/>
    </row>
    <row r="535373" spans="14:14">
      <c r="N535373" s="10"/>
    </row>
    <row r="535374" spans="14:14">
      <c r="N535374" s="10"/>
    </row>
    <row r="535375" spans="14:14">
      <c r="N535375" s="10"/>
    </row>
    <row r="535376" spans="14:14">
      <c r="N535376" s="10"/>
    </row>
    <row r="535377" spans="14:14">
      <c r="N535377" s="10"/>
    </row>
    <row r="535378" spans="14:14">
      <c r="N535378" s="10"/>
    </row>
    <row r="535379" spans="14:14">
      <c r="N535379" s="10"/>
    </row>
    <row r="535380" spans="14:14">
      <c r="N535380" s="10"/>
    </row>
    <row r="535381" spans="14:14">
      <c r="N535381" s="10"/>
    </row>
    <row r="535382" spans="14:14">
      <c r="N535382" s="10"/>
    </row>
    <row r="535383" spans="14:14">
      <c r="N535383" s="10"/>
    </row>
    <row r="535384" spans="14:14">
      <c r="N535384" s="10"/>
    </row>
    <row r="535385" spans="14:14">
      <c r="N535385" s="10"/>
    </row>
    <row r="535386" spans="14:14">
      <c r="N535386" s="10"/>
    </row>
    <row r="535387" spans="14:14">
      <c r="N535387" s="10"/>
    </row>
    <row r="535388" spans="14:14">
      <c r="N535388" s="10"/>
    </row>
    <row r="535389" spans="14:14">
      <c r="N535389" s="10"/>
    </row>
    <row r="535390" spans="14:14">
      <c r="N535390" s="10"/>
    </row>
    <row r="535391" spans="14:14">
      <c r="N535391" s="10"/>
    </row>
    <row r="535392" spans="14:14">
      <c r="N535392" s="10"/>
    </row>
    <row r="535393" spans="14:14">
      <c r="N535393" s="10"/>
    </row>
    <row r="535394" spans="14:14">
      <c r="N535394" s="10"/>
    </row>
    <row r="535395" spans="14:14">
      <c r="N535395" s="10"/>
    </row>
    <row r="535396" spans="14:14">
      <c r="N535396" s="10"/>
    </row>
    <row r="535397" spans="14:14">
      <c r="N535397" s="10"/>
    </row>
    <row r="535398" spans="14:14">
      <c r="N535398" s="10"/>
    </row>
    <row r="535399" spans="14:14">
      <c r="N535399" s="10"/>
    </row>
    <row r="535400" spans="14:14">
      <c r="N535400" s="10"/>
    </row>
    <row r="535401" spans="14:14">
      <c r="N535401" s="10"/>
    </row>
    <row r="535402" spans="14:14">
      <c r="N535402" s="10"/>
    </row>
    <row r="535403" spans="14:14">
      <c r="N535403" s="10"/>
    </row>
    <row r="535404" spans="14:14">
      <c r="N535404" s="10"/>
    </row>
    <row r="535405" spans="14:14">
      <c r="N535405" s="10"/>
    </row>
    <row r="535406" spans="14:14">
      <c r="N535406" s="10"/>
    </row>
    <row r="535407" spans="14:14">
      <c r="N535407" s="10"/>
    </row>
    <row r="535408" spans="14:14">
      <c r="N535408" s="10"/>
    </row>
    <row r="535409" spans="14:14">
      <c r="N535409" s="10"/>
    </row>
    <row r="535410" spans="14:14">
      <c r="N535410" s="10"/>
    </row>
    <row r="535411" spans="14:14">
      <c r="N535411" s="10"/>
    </row>
    <row r="535412" spans="14:14">
      <c r="N535412" s="10"/>
    </row>
    <row r="535413" spans="14:14">
      <c r="N535413" s="10"/>
    </row>
    <row r="535414" spans="14:14">
      <c r="N535414" s="10"/>
    </row>
    <row r="535415" spans="14:14">
      <c r="N535415" s="10"/>
    </row>
    <row r="535416" spans="14:14">
      <c r="N535416" s="10"/>
    </row>
    <row r="535417" spans="14:14">
      <c r="N535417" s="10"/>
    </row>
    <row r="535418" spans="14:14">
      <c r="N535418" s="10"/>
    </row>
    <row r="535419" spans="14:14">
      <c r="N535419" s="10"/>
    </row>
    <row r="535420" spans="14:14">
      <c r="N535420" s="10"/>
    </row>
    <row r="535421" spans="14:14">
      <c r="N535421" s="10"/>
    </row>
    <row r="535422" spans="14:14">
      <c r="N535422" s="10"/>
    </row>
    <row r="535423" spans="14:14">
      <c r="N535423" s="10"/>
    </row>
    <row r="535424" spans="14:14">
      <c r="N535424" s="10"/>
    </row>
    <row r="535425" spans="14:14">
      <c r="N535425" s="10"/>
    </row>
    <row r="535426" spans="14:14">
      <c r="N535426" s="10"/>
    </row>
    <row r="535427" spans="14:14">
      <c r="N535427" s="10"/>
    </row>
    <row r="535428" spans="14:14">
      <c r="N535428" s="10"/>
    </row>
    <row r="535429" spans="14:14">
      <c r="N535429" s="10"/>
    </row>
    <row r="535430" spans="14:14">
      <c r="N535430" s="10"/>
    </row>
    <row r="535431" spans="14:14">
      <c r="N535431" s="10"/>
    </row>
    <row r="535432" spans="14:14">
      <c r="N535432" s="10"/>
    </row>
    <row r="535433" spans="14:14">
      <c r="N535433" s="10"/>
    </row>
    <row r="535434" spans="14:14">
      <c r="N535434" s="10"/>
    </row>
    <row r="535435" spans="14:14">
      <c r="N535435" s="10"/>
    </row>
    <row r="535436" spans="14:14">
      <c r="N535436" s="10"/>
    </row>
    <row r="535437" spans="14:14">
      <c r="N535437" s="10"/>
    </row>
    <row r="535438" spans="14:14">
      <c r="N535438" s="10"/>
    </row>
    <row r="535439" spans="14:14">
      <c r="N535439" s="10"/>
    </row>
    <row r="535440" spans="14:14">
      <c r="N535440" s="10"/>
    </row>
    <row r="535441" spans="14:14">
      <c r="N535441" s="10"/>
    </row>
    <row r="535442" spans="14:14">
      <c r="N535442" s="10"/>
    </row>
    <row r="535443" spans="14:14">
      <c r="N535443" s="10"/>
    </row>
    <row r="535444" spans="14:14">
      <c r="N535444" s="10"/>
    </row>
    <row r="535445" spans="14:14">
      <c r="N535445" s="10"/>
    </row>
    <row r="535446" spans="14:14">
      <c r="N535446" s="10"/>
    </row>
    <row r="535447" spans="14:14">
      <c r="N535447" s="10"/>
    </row>
    <row r="535448" spans="14:14">
      <c r="N535448" s="10"/>
    </row>
    <row r="535449" spans="14:14">
      <c r="N535449" s="10"/>
    </row>
    <row r="535450" spans="14:14">
      <c r="N535450" s="10"/>
    </row>
    <row r="535451" spans="14:14">
      <c r="N535451" s="10"/>
    </row>
    <row r="535452" spans="14:14">
      <c r="N535452" s="10"/>
    </row>
    <row r="535453" spans="14:14">
      <c r="N535453" s="10"/>
    </row>
    <row r="535454" spans="14:14">
      <c r="N535454" s="10"/>
    </row>
    <row r="535455" spans="14:14">
      <c r="N535455" s="10"/>
    </row>
    <row r="535456" spans="14:14">
      <c r="N535456" s="10"/>
    </row>
    <row r="535457" spans="14:14">
      <c r="N535457" s="10"/>
    </row>
    <row r="535458" spans="14:14">
      <c r="N535458" s="10"/>
    </row>
    <row r="535459" spans="14:14">
      <c r="N535459" s="10"/>
    </row>
    <row r="535460" spans="14:14">
      <c r="N535460" s="10"/>
    </row>
    <row r="535461" spans="14:14">
      <c r="N535461" s="10"/>
    </row>
    <row r="535462" spans="14:14">
      <c r="N535462" s="10"/>
    </row>
    <row r="535463" spans="14:14">
      <c r="N535463" s="10"/>
    </row>
    <row r="535464" spans="14:14">
      <c r="N535464" s="10"/>
    </row>
    <row r="535465" spans="14:14">
      <c r="N535465" s="10"/>
    </row>
    <row r="535466" spans="14:14">
      <c r="N535466" s="10"/>
    </row>
    <row r="535467" spans="14:14">
      <c r="N535467" s="10"/>
    </row>
    <row r="535468" spans="14:14">
      <c r="N535468" s="10"/>
    </row>
    <row r="535469" spans="14:14">
      <c r="N535469" s="10"/>
    </row>
    <row r="535470" spans="14:14">
      <c r="N535470" s="10"/>
    </row>
    <row r="535471" spans="14:14">
      <c r="N535471" s="10"/>
    </row>
    <row r="535472" spans="14:14">
      <c r="N535472" s="10"/>
    </row>
    <row r="535473" spans="14:14">
      <c r="N535473" s="10"/>
    </row>
    <row r="535474" spans="14:14">
      <c r="N535474" s="10"/>
    </row>
    <row r="535475" spans="14:14">
      <c r="N535475" s="10"/>
    </row>
    <row r="535476" spans="14:14">
      <c r="N535476" s="10"/>
    </row>
    <row r="535477" spans="14:14">
      <c r="N535477" s="10"/>
    </row>
    <row r="535478" spans="14:14">
      <c r="N535478" s="10"/>
    </row>
    <row r="535479" spans="14:14">
      <c r="N535479" s="10"/>
    </row>
    <row r="535480" spans="14:14">
      <c r="N535480" s="10"/>
    </row>
    <row r="535481" spans="14:14">
      <c r="N535481" s="10"/>
    </row>
    <row r="535482" spans="14:14">
      <c r="N535482" s="10"/>
    </row>
    <row r="535483" spans="14:14">
      <c r="N535483" s="10"/>
    </row>
    <row r="535484" spans="14:14">
      <c r="N535484" s="10"/>
    </row>
    <row r="535485" spans="14:14">
      <c r="N535485" s="10"/>
    </row>
    <row r="535486" spans="14:14">
      <c r="N535486" s="10"/>
    </row>
    <row r="535487" spans="14:14">
      <c r="N535487" s="10"/>
    </row>
    <row r="535488" spans="14:14">
      <c r="N535488" s="10"/>
    </row>
    <row r="535489" spans="14:14">
      <c r="N535489" s="10"/>
    </row>
    <row r="535490" spans="14:14">
      <c r="N535490" s="10"/>
    </row>
    <row r="535491" spans="14:14">
      <c r="N535491" s="10"/>
    </row>
    <row r="535492" spans="14:14">
      <c r="N535492" s="10"/>
    </row>
    <row r="535493" spans="14:14">
      <c r="N535493" s="10"/>
    </row>
    <row r="535494" spans="14:14">
      <c r="N535494" s="10"/>
    </row>
    <row r="535495" spans="14:14">
      <c r="N535495" s="10"/>
    </row>
    <row r="535496" spans="14:14">
      <c r="N535496" s="10"/>
    </row>
    <row r="535497" spans="14:14">
      <c r="N535497" s="10"/>
    </row>
    <row r="535498" spans="14:14">
      <c r="N535498" s="10"/>
    </row>
    <row r="535499" spans="14:14">
      <c r="N535499" s="10"/>
    </row>
    <row r="535500" spans="14:14">
      <c r="N535500" s="10"/>
    </row>
    <row r="535501" spans="14:14">
      <c r="N535501" s="10"/>
    </row>
    <row r="535502" spans="14:14">
      <c r="N535502" s="10"/>
    </row>
    <row r="535503" spans="14:14">
      <c r="N535503" s="10"/>
    </row>
    <row r="535504" spans="14:14">
      <c r="N535504" s="10"/>
    </row>
    <row r="535505" spans="14:14">
      <c r="N535505" s="10"/>
    </row>
    <row r="535506" spans="14:14">
      <c r="N535506" s="10"/>
    </row>
    <row r="535507" spans="14:14">
      <c r="N535507" s="10"/>
    </row>
    <row r="535508" spans="14:14">
      <c r="N535508" s="10"/>
    </row>
    <row r="535509" spans="14:14">
      <c r="N535509" s="10"/>
    </row>
    <row r="535510" spans="14:14">
      <c r="N535510" s="10"/>
    </row>
    <row r="535511" spans="14:14">
      <c r="N535511" s="10"/>
    </row>
    <row r="535512" spans="14:14">
      <c r="N535512" s="10"/>
    </row>
    <row r="535513" spans="14:14">
      <c r="N535513" s="10"/>
    </row>
    <row r="535514" spans="14:14">
      <c r="N535514" s="10"/>
    </row>
    <row r="535515" spans="14:14">
      <c r="N535515" s="10"/>
    </row>
    <row r="535516" spans="14:14">
      <c r="N535516" s="10"/>
    </row>
    <row r="535517" spans="14:14">
      <c r="N535517" s="10"/>
    </row>
    <row r="535518" spans="14:14">
      <c r="N535518" s="10"/>
    </row>
    <row r="535519" spans="14:14">
      <c r="N535519" s="10"/>
    </row>
    <row r="535520" spans="14:14">
      <c r="N535520" s="10"/>
    </row>
    <row r="535521" spans="14:14">
      <c r="N535521" s="10"/>
    </row>
    <row r="535522" spans="14:14">
      <c r="N535522" s="10"/>
    </row>
    <row r="535523" spans="14:14">
      <c r="N535523" s="10"/>
    </row>
    <row r="535524" spans="14:14">
      <c r="N535524" s="10"/>
    </row>
    <row r="535525" spans="14:14">
      <c r="N535525" s="10"/>
    </row>
    <row r="535526" spans="14:14">
      <c r="N535526" s="10"/>
    </row>
    <row r="535527" spans="14:14">
      <c r="N535527" s="10"/>
    </row>
    <row r="535528" spans="14:14">
      <c r="N535528" s="10"/>
    </row>
    <row r="535529" spans="14:14">
      <c r="N535529" s="10"/>
    </row>
    <row r="535530" spans="14:14">
      <c r="N535530" s="10"/>
    </row>
    <row r="535531" spans="14:14">
      <c r="N535531" s="10"/>
    </row>
    <row r="535532" spans="14:14">
      <c r="N535532" s="10"/>
    </row>
    <row r="535533" spans="14:14">
      <c r="N535533" s="10"/>
    </row>
    <row r="535534" spans="14:14">
      <c r="N535534" s="10"/>
    </row>
    <row r="535535" spans="14:14">
      <c r="N535535" s="10"/>
    </row>
    <row r="535536" spans="14:14">
      <c r="N535536" s="10"/>
    </row>
    <row r="535537" spans="14:14">
      <c r="N535537" s="10"/>
    </row>
    <row r="535538" spans="14:14">
      <c r="N535538" s="10"/>
    </row>
    <row r="535539" spans="14:14">
      <c r="N535539" s="10"/>
    </row>
    <row r="535540" spans="14:14">
      <c r="N535540" s="10"/>
    </row>
    <row r="535541" spans="14:14">
      <c r="N535541" s="10"/>
    </row>
    <row r="535542" spans="14:14">
      <c r="N535542" s="10"/>
    </row>
    <row r="535543" spans="14:14">
      <c r="N535543" s="10"/>
    </row>
    <row r="535544" spans="14:14">
      <c r="N535544" s="10"/>
    </row>
    <row r="535545" spans="14:14">
      <c r="N535545" s="10"/>
    </row>
    <row r="535546" spans="14:14">
      <c r="N535546" s="10"/>
    </row>
    <row r="535547" spans="14:14">
      <c r="N535547" s="10"/>
    </row>
    <row r="535548" spans="14:14">
      <c r="N535548" s="10"/>
    </row>
    <row r="535549" spans="14:14">
      <c r="N535549" s="10"/>
    </row>
    <row r="535550" spans="14:14">
      <c r="N535550" s="10"/>
    </row>
    <row r="535551" spans="14:14">
      <c r="N535551" s="10"/>
    </row>
    <row r="535552" spans="14:14">
      <c r="N535552" s="10"/>
    </row>
    <row r="535553" spans="14:14">
      <c r="N535553" s="10"/>
    </row>
    <row r="535554" spans="14:14">
      <c r="N535554" s="10"/>
    </row>
    <row r="535555" spans="14:14">
      <c r="N535555" s="10"/>
    </row>
    <row r="535556" spans="14:14">
      <c r="N535556" s="10"/>
    </row>
    <row r="535557" spans="14:14">
      <c r="N535557" s="10"/>
    </row>
    <row r="535558" spans="14:14">
      <c r="N535558" s="10"/>
    </row>
    <row r="535559" spans="14:14">
      <c r="N535559" s="10"/>
    </row>
    <row r="535560" spans="14:14">
      <c r="N535560" s="10"/>
    </row>
    <row r="535561" spans="14:14">
      <c r="N535561" s="10"/>
    </row>
    <row r="535562" spans="14:14">
      <c r="N535562" s="10"/>
    </row>
    <row r="535563" spans="14:14">
      <c r="N535563" s="10"/>
    </row>
    <row r="535564" spans="14:14">
      <c r="N535564" s="10"/>
    </row>
    <row r="535565" spans="14:14">
      <c r="N535565" s="10"/>
    </row>
    <row r="535566" spans="14:14">
      <c r="N535566" s="10"/>
    </row>
    <row r="535567" spans="14:14">
      <c r="N535567" s="10"/>
    </row>
    <row r="535568" spans="14:14">
      <c r="N535568" s="10"/>
    </row>
    <row r="535569" spans="14:14">
      <c r="N535569" s="10"/>
    </row>
    <row r="535570" spans="14:14">
      <c r="N535570" s="10"/>
    </row>
    <row r="535571" spans="14:14">
      <c r="N535571" s="10"/>
    </row>
    <row r="535572" spans="14:14">
      <c r="N535572" s="10"/>
    </row>
    <row r="535573" spans="14:14">
      <c r="N535573" s="10"/>
    </row>
    <row r="535574" spans="14:14">
      <c r="N535574" s="10"/>
    </row>
    <row r="535575" spans="14:14">
      <c r="N535575" s="10"/>
    </row>
    <row r="535576" spans="14:14">
      <c r="N535576" s="10"/>
    </row>
    <row r="535577" spans="14:14">
      <c r="N535577" s="10"/>
    </row>
    <row r="535578" spans="14:14">
      <c r="N535578" s="10"/>
    </row>
    <row r="535579" spans="14:14">
      <c r="N535579" s="10"/>
    </row>
    <row r="535580" spans="14:14">
      <c r="N535580" s="10"/>
    </row>
    <row r="535581" spans="14:14">
      <c r="N535581" s="10"/>
    </row>
    <row r="535582" spans="14:14">
      <c r="N535582" s="10"/>
    </row>
    <row r="535583" spans="14:14">
      <c r="N535583" s="10"/>
    </row>
    <row r="535584" spans="14:14">
      <c r="N535584" s="10"/>
    </row>
    <row r="535585" spans="14:14">
      <c r="N535585" s="10"/>
    </row>
    <row r="535586" spans="14:14">
      <c r="N535586" s="10"/>
    </row>
    <row r="535587" spans="14:14">
      <c r="N535587" s="10"/>
    </row>
    <row r="535588" spans="14:14">
      <c r="N535588" s="10"/>
    </row>
    <row r="535589" spans="14:14">
      <c r="N535589" s="10"/>
    </row>
    <row r="535590" spans="14:14">
      <c r="N535590" s="10"/>
    </row>
    <row r="535591" spans="14:14">
      <c r="N535591" s="10"/>
    </row>
    <row r="535592" spans="14:14">
      <c r="N535592" s="10"/>
    </row>
    <row r="535593" spans="14:14">
      <c r="N535593" s="10"/>
    </row>
    <row r="535594" spans="14:14">
      <c r="N535594" s="10"/>
    </row>
    <row r="535595" spans="14:14">
      <c r="N535595" s="10"/>
    </row>
    <row r="535596" spans="14:14">
      <c r="N535596" s="10"/>
    </row>
    <row r="535597" spans="14:14">
      <c r="N535597" s="10"/>
    </row>
    <row r="535598" spans="14:14">
      <c r="N535598" s="10"/>
    </row>
    <row r="535599" spans="14:14">
      <c r="N535599" s="10"/>
    </row>
    <row r="535600" spans="14:14">
      <c r="N535600" s="10"/>
    </row>
    <row r="535601" spans="14:14">
      <c r="N535601" s="10"/>
    </row>
    <row r="535602" spans="14:14">
      <c r="N535602" s="10"/>
    </row>
    <row r="535603" spans="14:14">
      <c r="N535603" s="10"/>
    </row>
    <row r="535604" spans="14:14">
      <c r="N535604" s="10"/>
    </row>
    <row r="535605" spans="14:14">
      <c r="N535605" s="10"/>
    </row>
    <row r="535606" spans="14:14">
      <c r="N535606" s="10"/>
    </row>
    <row r="535607" spans="14:14">
      <c r="N535607" s="10"/>
    </row>
    <row r="535608" spans="14:14">
      <c r="N535608" s="10"/>
    </row>
    <row r="535609" spans="14:14">
      <c r="N535609" s="10"/>
    </row>
    <row r="535610" spans="14:14">
      <c r="N535610" s="10"/>
    </row>
    <row r="535611" spans="14:14">
      <c r="N535611" s="10"/>
    </row>
    <row r="535612" spans="14:14">
      <c r="N535612" s="10"/>
    </row>
    <row r="535613" spans="14:14">
      <c r="N535613" s="10"/>
    </row>
    <row r="535614" spans="14:14">
      <c r="N535614" s="10"/>
    </row>
    <row r="535615" spans="14:14">
      <c r="N535615" s="10"/>
    </row>
    <row r="535616" spans="14:14">
      <c r="N535616" s="10"/>
    </row>
    <row r="535617" spans="14:14">
      <c r="N535617" s="10"/>
    </row>
    <row r="535618" spans="14:14">
      <c r="N535618" s="10"/>
    </row>
    <row r="535619" spans="14:14">
      <c r="N535619" s="10"/>
    </row>
    <row r="535620" spans="14:14">
      <c r="N535620" s="10"/>
    </row>
    <row r="535621" spans="14:14">
      <c r="N535621" s="10"/>
    </row>
    <row r="535622" spans="14:14">
      <c r="N535622" s="10"/>
    </row>
    <row r="535623" spans="14:14">
      <c r="N535623" s="10"/>
    </row>
    <row r="535624" spans="14:14">
      <c r="N535624" s="10"/>
    </row>
    <row r="535625" spans="14:14">
      <c r="N535625" s="10"/>
    </row>
    <row r="535626" spans="14:14">
      <c r="N535626" s="10"/>
    </row>
    <row r="535627" spans="14:14">
      <c r="N535627" s="10"/>
    </row>
    <row r="535628" spans="14:14">
      <c r="N535628" s="10"/>
    </row>
    <row r="535629" spans="14:14">
      <c r="N535629" s="10"/>
    </row>
    <row r="535630" spans="14:14">
      <c r="N535630" s="10"/>
    </row>
    <row r="535631" spans="14:14">
      <c r="N535631" s="10"/>
    </row>
    <row r="535632" spans="14:14">
      <c r="N535632" s="10"/>
    </row>
    <row r="535633" spans="14:14">
      <c r="N535633" s="10"/>
    </row>
    <row r="535634" spans="14:14">
      <c r="N535634" s="10"/>
    </row>
    <row r="535635" spans="14:14">
      <c r="N535635" s="10"/>
    </row>
    <row r="535636" spans="14:14">
      <c r="N535636" s="10"/>
    </row>
    <row r="535637" spans="14:14">
      <c r="N535637" s="10"/>
    </row>
    <row r="535638" spans="14:14">
      <c r="N535638" s="10"/>
    </row>
    <row r="535639" spans="14:14">
      <c r="N535639" s="10"/>
    </row>
    <row r="535640" spans="14:14">
      <c r="N535640" s="10"/>
    </row>
    <row r="535641" spans="14:14">
      <c r="N535641" s="10"/>
    </row>
    <row r="535642" spans="14:14">
      <c r="N535642" s="10"/>
    </row>
    <row r="535643" spans="14:14">
      <c r="N535643" s="10"/>
    </row>
    <row r="535644" spans="14:14">
      <c r="N535644" s="10"/>
    </row>
    <row r="535645" spans="14:14">
      <c r="N535645" s="10"/>
    </row>
    <row r="535646" spans="14:14">
      <c r="N535646" s="10"/>
    </row>
    <row r="535647" spans="14:14">
      <c r="N535647" s="10"/>
    </row>
    <row r="535648" spans="14:14">
      <c r="N535648" s="10"/>
    </row>
    <row r="535649" spans="14:14">
      <c r="N535649" s="10"/>
    </row>
    <row r="535650" spans="14:14">
      <c r="N535650" s="10"/>
    </row>
    <row r="535651" spans="14:14">
      <c r="N535651" s="10"/>
    </row>
    <row r="535652" spans="14:14">
      <c r="N535652" s="10"/>
    </row>
    <row r="535653" spans="14:14">
      <c r="N535653" s="10"/>
    </row>
    <row r="535654" spans="14:14">
      <c r="N535654" s="10"/>
    </row>
    <row r="535655" spans="14:14">
      <c r="N535655" s="10"/>
    </row>
    <row r="535656" spans="14:14">
      <c r="N535656" s="10"/>
    </row>
    <row r="535657" spans="14:14">
      <c r="N535657" s="10"/>
    </row>
    <row r="535658" spans="14:14">
      <c r="N535658" s="10"/>
    </row>
    <row r="535659" spans="14:14">
      <c r="N535659" s="10"/>
    </row>
    <row r="535660" spans="14:14">
      <c r="N535660" s="10"/>
    </row>
    <row r="535661" spans="14:14">
      <c r="N535661" s="10"/>
    </row>
    <row r="535662" spans="14:14">
      <c r="N535662" s="10"/>
    </row>
    <row r="535663" spans="14:14">
      <c r="N535663" s="10"/>
    </row>
    <row r="535664" spans="14:14">
      <c r="N535664" s="10"/>
    </row>
    <row r="535665" spans="14:14">
      <c r="N535665" s="10"/>
    </row>
    <row r="535666" spans="14:14">
      <c r="N535666" s="10"/>
    </row>
    <row r="535667" spans="14:14">
      <c r="N535667" s="10"/>
    </row>
    <row r="535668" spans="14:14">
      <c r="N535668" s="10"/>
    </row>
    <row r="535669" spans="14:14">
      <c r="N535669" s="10"/>
    </row>
    <row r="535670" spans="14:14">
      <c r="N535670" s="10"/>
    </row>
    <row r="535671" spans="14:14">
      <c r="N535671" s="10"/>
    </row>
    <row r="535672" spans="14:14">
      <c r="N535672" s="10"/>
    </row>
    <row r="535673" spans="14:14">
      <c r="N535673" s="10"/>
    </row>
    <row r="535674" spans="14:14">
      <c r="N535674" s="10"/>
    </row>
    <row r="535675" spans="14:14">
      <c r="N535675" s="10"/>
    </row>
    <row r="535676" spans="14:14">
      <c r="N535676" s="10"/>
    </row>
    <row r="535677" spans="14:14">
      <c r="N535677" s="10"/>
    </row>
    <row r="535678" spans="14:14">
      <c r="N535678" s="10"/>
    </row>
    <row r="535679" spans="14:14">
      <c r="N535679" s="10"/>
    </row>
    <row r="535680" spans="14:14">
      <c r="N535680" s="10"/>
    </row>
    <row r="535681" spans="14:14">
      <c r="N535681" s="10"/>
    </row>
    <row r="535682" spans="14:14">
      <c r="N535682" s="10"/>
    </row>
    <row r="535683" spans="14:14">
      <c r="N535683" s="10"/>
    </row>
    <row r="535684" spans="14:14">
      <c r="N535684" s="10"/>
    </row>
    <row r="535685" spans="14:14">
      <c r="N535685" s="10"/>
    </row>
    <row r="535686" spans="14:14">
      <c r="N535686" s="10"/>
    </row>
    <row r="535687" spans="14:14">
      <c r="N535687" s="10"/>
    </row>
    <row r="535688" spans="14:14">
      <c r="N535688" s="10"/>
    </row>
    <row r="535689" spans="14:14">
      <c r="N535689" s="10"/>
    </row>
    <row r="535690" spans="14:14">
      <c r="N535690" s="10"/>
    </row>
    <row r="535691" spans="14:14">
      <c r="N535691" s="10"/>
    </row>
    <row r="535692" spans="14:14">
      <c r="N535692" s="10"/>
    </row>
    <row r="535693" spans="14:14">
      <c r="N535693" s="10"/>
    </row>
    <row r="535694" spans="14:14">
      <c r="N535694" s="10"/>
    </row>
    <row r="535695" spans="14:14">
      <c r="N535695" s="10"/>
    </row>
    <row r="535696" spans="14:14">
      <c r="N535696" s="10"/>
    </row>
    <row r="535697" spans="14:14">
      <c r="N535697" s="10"/>
    </row>
    <row r="535698" spans="14:14">
      <c r="N535698" s="10"/>
    </row>
    <row r="535699" spans="14:14">
      <c r="N535699" s="10"/>
    </row>
    <row r="535700" spans="14:14">
      <c r="N535700" s="10"/>
    </row>
    <row r="535701" spans="14:14">
      <c r="N535701" s="10"/>
    </row>
    <row r="535702" spans="14:14">
      <c r="N535702" s="10"/>
    </row>
    <row r="535703" spans="14:14">
      <c r="N535703" s="10"/>
    </row>
    <row r="535704" spans="14:14">
      <c r="N535704" s="10"/>
    </row>
    <row r="535705" spans="14:14">
      <c r="N535705" s="10"/>
    </row>
    <row r="535706" spans="14:14">
      <c r="N535706" s="10"/>
    </row>
    <row r="535707" spans="14:14">
      <c r="N535707" s="10"/>
    </row>
    <row r="535708" spans="14:14">
      <c r="N535708" s="10"/>
    </row>
    <row r="535709" spans="14:14">
      <c r="N535709" s="10"/>
    </row>
    <row r="535710" spans="14:14">
      <c r="N535710" s="10"/>
    </row>
    <row r="535711" spans="14:14">
      <c r="N535711" s="10"/>
    </row>
    <row r="535712" spans="14:14">
      <c r="N535712" s="10"/>
    </row>
    <row r="535713" spans="14:14">
      <c r="N535713" s="10"/>
    </row>
    <row r="535714" spans="14:14">
      <c r="N535714" s="10"/>
    </row>
    <row r="535715" spans="14:14">
      <c r="N535715" s="10"/>
    </row>
    <row r="535716" spans="14:14">
      <c r="N535716" s="10"/>
    </row>
    <row r="535717" spans="14:14">
      <c r="N535717" s="10"/>
    </row>
    <row r="535718" spans="14:14">
      <c r="N535718" s="10"/>
    </row>
    <row r="535719" spans="14:14">
      <c r="N535719" s="10"/>
    </row>
    <row r="535720" spans="14:14">
      <c r="N535720" s="10"/>
    </row>
    <row r="535721" spans="14:14">
      <c r="N535721" s="10"/>
    </row>
    <row r="535722" spans="14:14">
      <c r="N535722" s="10"/>
    </row>
    <row r="535723" spans="14:14">
      <c r="N535723" s="10"/>
    </row>
    <row r="535724" spans="14:14">
      <c r="N535724" s="10"/>
    </row>
    <row r="535725" spans="14:14">
      <c r="N535725" s="10"/>
    </row>
    <row r="535726" spans="14:14">
      <c r="N535726" s="10"/>
    </row>
    <row r="535727" spans="14:14">
      <c r="N535727" s="10"/>
    </row>
    <row r="535728" spans="14:14">
      <c r="N535728" s="10"/>
    </row>
    <row r="535729" spans="14:14">
      <c r="N535729" s="10"/>
    </row>
    <row r="535730" spans="14:14">
      <c r="N535730" s="10"/>
    </row>
    <row r="535731" spans="14:14">
      <c r="N535731" s="10"/>
    </row>
    <row r="535732" spans="14:14">
      <c r="N535732" s="10"/>
    </row>
    <row r="535733" spans="14:14">
      <c r="N535733" s="10"/>
    </row>
    <row r="535734" spans="14:14">
      <c r="N535734" s="10"/>
    </row>
    <row r="535735" spans="14:14">
      <c r="N535735" s="10"/>
    </row>
    <row r="535736" spans="14:14">
      <c r="N535736" s="10"/>
    </row>
    <row r="535737" spans="14:14">
      <c r="N535737" s="10"/>
    </row>
    <row r="535738" spans="14:14">
      <c r="N535738" s="10"/>
    </row>
    <row r="535739" spans="14:14">
      <c r="N535739" s="10"/>
    </row>
    <row r="535740" spans="14:14">
      <c r="N535740" s="10"/>
    </row>
    <row r="535741" spans="14:14">
      <c r="N535741" s="10"/>
    </row>
    <row r="535742" spans="14:14">
      <c r="N535742" s="10"/>
    </row>
    <row r="535743" spans="14:14">
      <c r="N535743" s="10"/>
    </row>
    <row r="535744" spans="14:14">
      <c r="N535744" s="10"/>
    </row>
    <row r="535745" spans="14:14">
      <c r="N535745" s="10"/>
    </row>
    <row r="535746" spans="14:14">
      <c r="N535746" s="10"/>
    </row>
    <row r="535747" spans="14:14">
      <c r="N535747" s="10"/>
    </row>
    <row r="535748" spans="14:14">
      <c r="N535748" s="10"/>
    </row>
    <row r="535749" spans="14:14">
      <c r="N535749" s="10"/>
    </row>
    <row r="535750" spans="14:14">
      <c r="N535750" s="10"/>
    </row>
    <row r="535751" spans="14:14">
      <c r="N535751" s="10"/>
    </row>
    <row r="535752" spans="14:14">
      <c r="N535752" s="10"/>
    </row>
    <row r="535753" spans="14:14">
      <c r="N535753" s="10"/>
    </row>
    <row r="535754" spans="14:14">
      <c r="N535754" s="10"/>
    </row>
    <row r="535755" spans="14:14">
      <c r="N535755" s="10"/>
    </row>
    <row r="535756" spans="14:14">
      <c r="N535756" s="10"/>
    </row>
    <row r="535757" spans="14:14">
      <c r="N535757" s="10"/>
    </row>
    <row r="535758" spans="14:14">
      <c r="N535758" s="10"/>
    </row>
    <row r="535759" spans="14:14">
      <c r="N535759" s="10"/>
    </row>
    <row r="535760" spans="14:14">
      <c r="N535760" s="10"/>
    </row>
    <row r="535761" spans="14:14">
      <c r="N535761" s="10"/>
    </row>
    <row r="535762" spans="14:14">
      <c r="N535762" s="10"/>
    </row>
    <row r="535763" spans="14:14">
      <c r="N535763" s="10"/>
    </row>
    <row r="535764" spans="14:14">
      <c r="N535764" s="10"/>
    </row>
    <row r="535765" spans="14:14">
      <c r="N535765" s="10"/>
    </row>
    <row r="535766" spans="14:14">
      <c r="N535766" s="10"/>
    </row>
    <row r="535767" spans="14:14">
      <c r="N535767" s="10"/>
    </row>
    <row r="535768" spans="14:14">
      <c r="N535768" s="10"/>
    </row>
    <row r="535769" spans="14:14">
      <c r="N535769" s="10"/>
    </row>
    <row r="535770" spans="14:14">
      <c r="N535770" s="10"/>
    </row>
    <row r="535771" spans="14:14">
      <c r="N535771" s="10"/>
    </row>
    <row r="535772" spans="14:14">
      <c r="N535772" s="10"/>
    </row>
    <row r="535773" spans="14:14">
      <c r="N535773" s="10"/>
    </row>
    <row r="535774" spans="14:14">
      <c r="N535774" s="10"/>
    </row>
    <row r="535775" spans="14:14">
      <c r="N535775" s="10"/>
    </row>
    <row r="535776" spans="14:14">
      <c r="N535776" s="10"/>
    </row>
    <row r="535777" spans="14:14">
      <c r="N535777" s="10"/>
    </row>
    <row r="535778" spans="14:14">
      <c r="N535778" s="10"/>
    </row>
    <row r="535779" spans="14:14">
      <c r="N535779" s="10"/>
    </row>
    <row r="535780" spans="14:14">
      <c r="N535780" s="10"/>
    </row>
    <row r="535781" spans="14:14">
      <c r="N535781" s="10"/>
    </row>
    <row r="535782" spans="14:14">
      <c r="N535782" s="10"/>
    </row>
    <row r="535783" spans="14:14">
      <c r="N535783" s="10"/>
    </row>
    <row r="535784" spans="14:14">
      <c r="N535784" s="10"/>
    </row>
    <row r="535785" spans="14:14">
      <c r="N535785" s="10"/>
    </row>
    <row r="535786" spans="14:14">
      <c r="N535786" s="10"/>
    </row>
    <row r="535787" spans="14:14">
      <c r="N535787" s="10"/>
    </row>
    <row r="535788" spans="14:14">
      <c r="N535788" s="10"/>
    </row>
    <row r="535789" spans="14:14">
      <c r="N535789" s="10"/>
    </row>
    <row r="535790" spans="14:14">
      <c r="N535790" s="10"/>
    </row>
    <row r="535791" spans="14:14">
      <c r="N535791" s="10"/>
    </row>
    <row r="535792" spans="14:14">
      <c r="N535792" s="10"/>
    </row>
    <row r="535793" spans="14:14">
      <c r="N535793" s="10"/>
    </row>
    <row r="535794" spans="14:14">
      <c r="N535794" s="10"/>
    </row>
    <row r="535795" spans="14:14">
      <c r="N535795" s="10"/>
    </row>
    <row r="535796" spans="14:14">
      <c r="N535796" s="10"/>
    </row>
    <row r="535797" spans="14:14">
      <c r="N535797" s="10"/>
    </row>
    <row r="535798" spans="14:14">
      <c r="N535798" s="10"/>
    </row>
    <row r="535799" spans="14:14">
      <c r="N535799" s="10"/>
    </row>
    <row r="535800" spans="14:14">
      <c r="N535800" s="10"/>
    </row>
    <row r="535801" spans="14:14">
      <c r="N535801" s="10"/>
    </row>
    <row r="535802" spans="14:14">
      <c r="N535802" s="10"/>
    </row>
    <row r="535803" spans="14:14">
      <c r="N535803" s="10"/>
    </row>
    <row r="535804" spans="14:14">
      <c r="N535804" s="10"/>
    </row>
    <row r="535805" spans="14:14">
      <c r="N535805" s="10"/>
    </row>
    <row r="535806" spans="14:14">
      <c r="N535806" s="10"/>
    </row>
    <row r="535807" spans="14:14">
      <c r="N535807" s="10"/>
    </row>
    <row r="535808" spans="14:14">
      <c r="N535808" s="10"/>
    </row>
    <row r="535809" spans="14:14">
      <c r="N535809" s="10"/>
    </row>
    <row r="535810" spans="14:14">
      <c r="N535810" s="10"/>
    </row>
    <row r="535811" spans="14:14">
      <c r="N535811" s="10"/>
    </row>
    <row r="535812" spans="14:14">
      <c r="N535812" s="10"/>
    </row>
    <row r="535813" spans="14:14">
      <c r="N535813" s="10"/>
    </row>
    <row r="535814" spans="14:14">
      <c r="N535814" s="10"/>
    </row>
    <row r="535815" spans="14:14">
      <c r="N535815" s="10"/>
    </row>
    <row r="535816" spans="14:14">
      <c r="N535816" s="10"/>
    </row>
    <row r="535817" spans="14:14">
      <c r="N535817" s="10"/>
    </row>
    <row r="535818" spans="14:14">
      <c r="N535818" s="10"/>
    </row>
    <row r="535819" spans="14:14">
      <c r="N535819" s="10"/>
    </row>
    <row r="535820" spans="14:14">
      <c r="N535820" s="10"/>
    </row>
    <row r="535821" spans="14:14">
      <c r="N535821" s="10"/>
    </row>
    <row r="535822" spans="14:14">
      <c r="N535822" s="10"/>
    </row>
    <row r="535823" spans="14:14">
      <c r="N535823" s="10"/>
    </row>
    <row r="535824" spans="14:14">
      <c r="N535824" s="10"/>
    </row>
    <row r="535825" spans="14:14">
      <c r="N535825" s="10"/>
    </row>
    <row r="535826" spans="14:14">
      <c r="N535826" s="10"/>
    </row>
    <row r="535827" spans="14:14">
      <c r="N535827" s="10"/>
    </row>
    <row r="535828" spans="14:14">
      <c r="N535828" s="10"/>
    </row>
    <row r="535829" spans="14:14">
      <c r="N535829" s="10"/>
    </row>
    <row r="535830" spans="14:14">
      <c r="N535830" s="10"/>
    </row>
    <row r="535831" spans="14:14">
      <c r="N535831" s="10"/>
    </row>
    <row r="535832" spans="14:14">
      <c r="N535832" s="10"/>
    </row>
    <row r="535833" spans="14:14">
      <c r="N535833" s="10"/>
    </row>
    <row r="535834" spans="14:14">
      <c r="N535834" s="10"/>
    </row>
    <row r="535835" spans="14:14">
      <c r="N535835" s="10"/>
    </row>
    <row r="535836" spans="14:14">
      <c r="N535836" s="10"/>
    </row>
    <row r="535837" spans="14:14">
      <c r="N535837" s="10"/>
    </row>
    <row r="535838" spans="14:14">
      <c r="N535838" s="10"/>
    </row>
    <row r="535839" spans="14:14">
      <c r="N535839" s="10"/>
    </row>
    <row r="535840" spans="14:14">
      <c r="N535840" s="10"/>
    </row>
    <row r="535841" spans="14:14">
      <c r="N535841" s="10"/>
    </row>
    <row r="535842" spans="14:14">
      <c r="N535842" s="10"/>
    </row>
    <row r="535843" spans="14:14">
      <c r="N535843" s="10"/>
    </row>
    <row r="535844" spans="14:14">
      <c r="N535844" s="10"/>
    </row>
    <row r="535845" spans="14:14">
      <c r="N535845" s="10"/>
    </row>
    <row r="535846" spans="14:14">
      <c r="N535846" s="10"/>
    </row>
    <row r="535847" spans="14:14">
      <c r="N535847" s="10"/>
    </row>
    <row r="535848" spans="14:14">
      <c r="N535848" s="10"/>
    </row>
    <row r="535849" spans="14:14">
      <c r="N535849" s="10"/>
    </row>
    <row r="535850" spans="14:14">
      <c r="N535850" s="10"/>
    </row>
    <row r="535851" spans="14:14">
      <c r="N535851" s="10"/>
    </row>
    <row r="535852" spans="14:14">
      <c r="N535852" s="10"/>
    </row>
    <row r="535853" spans="14:14">
      <c r="N535853" s="10"/>
    </row>
    <row r="535854" spans="14:14">
      <c r="N535854" s="10"/>
    </row>
    <row r="535855" spans="14:14">
      <c r="N535855" s="10"/>
    </row>
    <row r="535856" spans="14:14">
      <c r="N535856" s="10"/>
    </row>
    <row r="535857" spans="14:14">
      <c r="N535857" s="10"/>
    </row>
    <row r="535858" spans="14:14">
      <c r="N535858" s="10"/>
    </row>
    <row r="535859" spans="14:14">
      <c r="N535859" s="10"/>
    </row>
    <row r="535860" spans="14:14">
      <c r="N535860" s="10"/>
    </row>
    <row r="535861" spans="14:14">
      <c r="N535861" s="10"/>
    </row>
    <row r="535862" spans="14:14">
      <c r="N535862" s="10"/>
    </row>
    <row r="535863" spans="14:14">
      <c r="N535863" s="10"/>
    </row>
    <row r="535864" spans="14:14">
      <c r="N535864" s="10"/>
    </row>
    <row r="535865" spans="14:14">
      <c r="N535865" s="10"/>
    </row>
    <row r="535866" spans="14:14">
      <c r="N535866" s="10"/>
    </row>
    <row r="535867" spans="14:14">
      <c r="N535867" s="10"/>
    </row>
    <row r="535868" spans="14:14">
      <c r="N535868" s="10"/>
    </row>
    <row r="535869" spans="14:14">
      <c r="N535869" s="10"/>
    </row>
    <row r="535870" spans="14:14">
      <c r="N535870" s="10"/>
    </row>
    <row r="535871" spans="14:14">
      <c r="N535871" s="10"/>
    </row>
    <row r="535872" spans="14:14">
      <c r="N535872" s="10"/>
    </row>
    <row r="535873" spans="14:14">
      <c r="N535873" s="10"/>
    </row>
    <row r="535874" spans="14:14">
      <c r="N535874" s="10"/>
    </row>
    <row r="535875" spans="14:14">
      <c r="N535875" s="10"/>
    </row>
    <row r="535876" spans="14:14">
      <c r="N535876" s="10"/>
    </row>
    <row r="535877" spans="14:14">
      <c r="N535877" s="10"/>
    </row>
    <row r="535878" spans="14:14">
      <c r="N535878" s="10"/>
    </row>
    <row r="535879" spans="14:14">
      <c r="N535879" s="10"/>
    </row>
    <row r="535880" spans="14:14">
      <c r="N535880" s="10"/>
    </row>
    <row r="535881" spans="14:14">
      <c r="N535881" s="10"/>
    </row>
    <row r="535882" spans="14:14">
      <c r="N535882" s="10"/>
    </row>
    <row r="535883" spans="14:14">
      <c r="N535883" s="10"/>
    </row>
    <row r="535884" spans="14:14">
      <c r="N535884" s="10"/>
    </row>
    <row r="535885" spans="14:14">
      <c r="N535885" s="10"/>
    </row>
    <row r="535886" spans="14:14">
      <c r="N535886" s="10"/>
    </row>
    <row r="535887" spans="14:14">
      <c r="N535887" s="10"/>
    </row>
    <row r="535888" spans="14:14">
      <c r="N535888" s="10"/>
    </row>
    <row r="535889" spans="14:14">
      <c r="N535889" s="10"/>
    </row>
    <row r="535890" spans="14:14">
      <c r="N535890" s="10"/>
    </row>
    <row r="535891" spans="14:14">
      <c r="N535891" s="10"/>
    </row>
    <row r="535892" spans="14:14">
      <c r="N535892" s="10"/>
    </row>
    <row r="535893" spans="14:14">
      <c r="N535893" s="10"/>
    </row>
    <row r="535894" spans="14:14">
      <c r="N535894" s="10"/>
    </row>
    <row r="535895" spans="14:14">
      <c r="N535895" s="10"/>
    </row>
    <row r="535896" spans="14:14">
      <c r="N535896" s="10"/>
    </row>
    <row r="535897" spans="14:14">
      <c r="N535897" s="10"/>
    </row>
    <row r="535898" spans="14:14">
      <c r="N535898" s="10"/>
    </row>
    <row r="535899" spans="14:14">
      <c r="N535899" s="10"/>
    </row>
    <row r="535900" spans="14:14">
      <c r="N535900" s="10"/>
    </row>
    <row r="535901" spans="14:14">
      <c r="N535901" s="10"/>
    </row>
    <row r="535902" spans="14:14">
      <c r="N535902" s="10"/>
    </row>
    <row r="535903" spans="14:14">
      <c r="N535903" s="10"/>
    </row>
    <row r="535904" spans="14:14">
      <c r="N535904" s="10"/>
    </row>
    <row r="535905" spans="14:14">
      <c r="N535905" s="10"/>
    </row>
    <row r="535906" spans="14:14">
      <c r="N535906" s="10"/>
    </row>
    <row r="535907" spans="14:14">
      <c r="N535907" s="10"/>
    </row>
    <row r="535908" spans="14:14">
      <c r="N535908" s="10"/>
    </row>
    <row r="535909" spans="14:14">
      <c r="N535909" s="10"/>
    </row>
    <row r="535910" spans="14:14">
      <c r="N535910" s="10"/>
    </row>
    <row r="535911" spans="14:14">
      <c r="N535911" s="10"/>
    </row>
    <row r="535912" spans="14:14">
      <c r="N535912" s="10"/>
    </row>
    <row r="535913" spans="14:14">
      <c r="N535913" s="10"/>
    </row>
    <row r="535914" spans="14:14">
      <c r="N535914" s="10"/>
    </row>
    <row r="535915" spans="14:14">
      <c r="N535915" s="10"/>
    </row>
    <row r="535916" spans="14:14">
      <c r="N535916" s="10"/>
    </row>
    <row r="535917" spans="14:14">
      <c r="N535917" s="10"/>
    </row>
    <row r="535918" spans="14:14">
      <c r="N535918" s="10"/>
    </row>
    <row r="535919" spans="14:14">
      <c r="N535919" s="10"/>
    </row>
    <row r="535920" spans="14:14">
      <c r="N535920" s="10"/>
    </row>
    <row r="535921" spans="14:14">
      <c r="N535921" s="10"/>
    </row>
    <row r="535922" spans="14:14">
      <c r="N535922" s="10"/>
    </row>
    <row r="535923" spans="14:14">
      <c r="N535923" s="10"/>
    </row>
    <row r="535924" spans="14:14">
      <c r="N535924" s="10"/>
    </row>
    <row r="535925" spans="14:14">
      <c r="N535925" s="10"/>
    </row>
    <row r="535926" spans="14:14">
      <c r="N535926" s="10"/>
    </row>
    <row r="535927" spans="14:14">
      <c r="N535927" s="10"/>
    </row>
    <row r="535928" spans="14:14">
      <c r="N535928" s="10"/>
    </row>
    <row r="535929" spans="14:14">
      <c r="N535929" s="10"/>
    </row>
    <row r="535930" spans="14:14">
      <c r="N535930" s="10"/>
    </row>
    <row r="535931" spans="14:14">
      <c r="N535931" s="10"/>
    </row>
    <row r="535932" spans="14:14">
      <c r="N535932" s="10"/>
    </row>
    <row r="535933" spans="14:14">
      <c r="N535933" s="10"/>
    </row>
    <row r="535934" spans="14:14">
      <c r="N535934" s="10"/>
    </row>
    <row r="535935" spans="14:14">
      <c r="N535935" s="10"/>
    </row>
    <row r="535936" spans="14:14">
      <c r="N535936" s="10"/>
    </row>
    <row r="535937" spans="14:14">
      <c r="N535937" s="10"/>
    </row>
    <row r="535938" spans="14:14">
      <c r="N535938" s="10"/>
    </row>
    <row r="535939" spans="14:14">
      <c r="N535939" s="10"/>
    </row>
    <row r="535940" spans="14:14">
      <c r="N535940" s="10"/>
    </row>
    <row r="535941" spans="14:14">
      <c r="N535941" s="10"/>
    </row>
    <row r="535942" spans="14:14">
      <c r="N535942" s="10"/>
    </row>
    <row r="535943" spans="14:14">
      <c r="N535943" s="10"/>
    </row>
    <row r="535944" spans="14:14">
      <c r="N535944" s="10"/>
    </row>
    <row r="535945" spans="14:14">
      <c r="N535945" s="10"/>
    </row>
    <row r="535946" spans="14:14">
      <c r="N535946" s="10"/>
    </row>
    <row r="535947" spans="14:14">
      <c r="N535947" s="10"/>
    </row>
    <row r="535948" spans="14:14">
      <c r="N535948" s="10"/>
    </row>
    <row r="535949" spans="14:14">
      <c r="N535949" s="10"/>
    </row>
    <row r="535950" spans="14:14">
      <c r="N535950" s="10"/>
    </row>
    <row r="535951" spans="14:14">
      <c r="N535951" s="10"/>
    </row>
    <row r="535952" spans="14:14">
      <c r="N535952" s="10"/>
    </row>
    <row r="535953" spans="14:14">
      <c r="N535953" s="10"/>
    </row>
    <row r="535954" spans="14:14">
      <c r="N535954" s="10"/>
    </row>
    <row r="535955" spans="14:14">
      <c r="N535955" s="10"/>
    </row>
    <row r="535956" spans="14:14">
      <c r="N535956" s="10"/>
    </row>
    <row r="535957" spans="14:14">
      <c r="N535957" s="10"/>
    </row>
    <row r="535958" spans="14:14">
      <c r="N535958" s="10"/>
    </row>
    <row r="535959" spans="14:14">
      <c r="N535959" s="10"/>
    </row>
    <row r="535960" spans="14:14">
      <c r="N535960" s="10"/>
    </row>
    <row r="535961" spans="14:14">
      <c r="N535961" s="10"/>
    </row>
    <row r="535962" spans="14:14">
      <c r="N535962" s="10"/>
    </row>
    <row r="535963" spans="14:14">
      <c r="N535963" s="10"/>
    </row>
    <row r="535964" spans="14:14">
      <c r="N535964" s="10"/>
    </row>
    <row r="535965" spans="14:14">
      <c r="N535965" s="10"/>
    </row>
    <row r="535966" spans="14:14">
      <c r="N535966" s="10"/>
    </row>
    <row r="535967" spans="14:14">
      <c r="N535967" s="10"/>
    </row>
    <row r="535968" spans="14:14">
      <c r="N535968" s="10"/>
    </row>
    <row r="535969" spans="14:14">
      <c r="N535969" s="10"/>
    </row>
    <row r="535970" spans="14:14">
      <c r="N535970" s="10"/>
    </row>
    <row r="535971" spans="14:14">
      <c r="N535971" s="10"/>
    </row>
    <row r="535972" spans="14:14">
      <c r="N535972" s="10"/>
    </row>
    <row r="535973" spans="14:14">
      <c r="N535973" s="10"/>
    </row>
    <row r="535974" spans="14:14">
      <c r="N535974" s="10"/>
    </row>
    <row r="535975" spans="14:14">
      <c r="N535975" s="10"/>
    </row>
    <row r="535976" spans="14:14">
      <c r="N535976" s="10"/>
    </row>
    <row r="535977" spans="14:14">
      <c r="N535977" s="10"/>
    </row>
    <row r="535978" spans="14:14">
      <c r="N535978" s="10"/>
    </row>
    <row r="535979" spans="14:14">
      <c r="N535979" s="10"/>
    </row>
    <row r="535980" spans="14:14">
      <c r="N535980" s="10"/>
    </row>
    <row r="535981" spans="14:14">
      <c r="N535981" s="10"/>
    </row>
    <row r="535982" spans="14:14">
      <c r="N535982" s="10"/>
    </row>
    <row r="535983" spans="14:14">
      <c r="N535983" s="10"/>
    </row>
    <row r="535984" spans="14:14">
      <c r="N535984" s="10"/>
    </row>
    <row r="535985" spans="14:14">
      <c r="N535985" s="10"/>
    </row>
    <row r="535986" spans="14:14">
      <c r="N535986" s="10"/>
    </row>
    <row r="535987" spans="14:14">
      <c r="N535987" s="10"/>
    </row>
    <row r="535988" spans="14:14">
      <c r="N535988" s="10"/>
    </row>
    <row r="535989" spans="14:14">
      <c r="N535989" s="10"/>
    </row>
    <row r="535990" spans="14:14">
      <c r="N535990" s="10"/>
    </row>
    <row r="535991" spans="14:14">
      <c r="N535991" s="10"/>
    </row>
    <row r="535992" spans="14:14">
      <c r="N535992" s="10"/>
    </row>
    <row r="535993" spans="14:14">
      <c r="N535993" s="10"/>
    </row>
    <row r="535994" spans="14:14">
      <c r="N535994" s="10"/>
    </row>
    <row r="535995" spans="14:14">
      <c r="N535995" s="10"/>
    </row>
    <row r="535996" spans="14:14">
      <c r="N535996" s="10"/>
    </row>
    <row r="535997" spans="14:14">
      <c r="N535997" s="10"/>
    </row>
    <row r="535998" spans="14:14">
      <c r="N535998" s="10"/>
    </row>
    <row r="535999" spans="14:14">
      <c r="N535999" s="10"/>
    </row>
    <row r="536000" spans="14:14">
      <c r="N536000" s="10"/>
    </row>
    <row r="536001" spans="14:14">
      <c r="N536001" s="10"/>
    </row>
    <row r="536002" spans="14:14">
      <c r="N536002" s="10"/>
    </row>
    <row r="536003" spans="14:14">
      <c r="N536003" s="10"/>
    </row>
    <row r="536004" spans="14:14">
      <c r="N536004" s="10"/>
    </row>
    <row r="536005" spans="14:14">
      <c r="N536005" s="10"/>
    </row>
    <row r="536006" spans="14:14">
      <c r="N536006" s="10"/>
    </row>
    <row r="536007" spans="14:14">
      <c r="N536007" s="10"/>
    </row>
    <row r="536008" spans="14:14">
      <c r="N536008" s="10"/>
    </row>
    <row r="536009" spans="14:14">
      <c r="N536009" s="10"/>
    </row>
    <row r="536010" spans="14:14">
      <c r="N536010" s="10"/>
    </row>
    <row r="536011" spans="14:14">
      <c r="N536011" s="10"/>
    </row>
    <row r="536012" spans="14:14">
      <c r="N536012" s="10"/>
    </row>
    <row r="536013" spans="14:14">
      <c r="N536013" s="10"/>
    </row>
    <row r="536014" spans="14:14">
      <c r="N536014" s="10"/>
    </row>
    <row r="536015" spans="14:14">
      <c r="N536015" s="10"/>
    </row>
    <row r="536016" spans="14:14">
      <c r="N536016" s="10"/>
    </row>
    <row r="536017" spans="14:14">
      <c r="N536017" s="10"/>
    </row>
    <row r="536018" spans="14:14">
      <c r="N536018" s="10"/>
    </row>
    <row r="536019" spans="14:14">
      <c r="N536019" s="10"/>
    </row>
    <row r="536020" spans="14:14">
      <c r="N536020" s="10"/>
    </row>
    <row r="536021" spans="14:14">
      <c r="N536021" s="10"/>
    </row>
    <row r="536022" spans="14:14">
      <c r="N536022" s="10"/>
    </row>
    <row r="536023" spans="14:14">
      <c r="N536023" s="10"/>
    </row>
    <row r="536024" spans="14:14">
      <c r="N536024" s="10"/>
    </row>
    <row r="536025" spans="14:14">
      <c r="N536025" s="10"/>
    </row>
    <row r="536026" spans="14:14">
      <c r="N536026" s="10"/>
    </row>
    <row r="536027" spans="14:14">
      <c r="N536027" s="10"/>
    </row>
    <row r="536028" spans="14:14">
      <c r="N536028" s="10"/>
    </row>
    <row r="536029" spans="14:14">
      <c r="N536029" s="10"/>
    </row>
    <row r="536030" spans="14:14">
      <c r="N536030" s="10"/>
    </row>
    <row r="536031" spans="14:14">
      <c r="N536031" s="10"/>
    </row>
    <row r="536032" spans="14:14">
      <c r="N536032" s="10"/>
    </row>
    <row r="536033" spans="14:14">
      <c r="N536033" s="10"/>
    </row>
    <row r="536034" spans="14:14">
      <c r="N536034" s="10"/>
    </row>
    <row r="536035" spans="14:14">
      <c r="N536035" s="10"/>
    </row>
    <row r="536036" spans="14:14">
      <c r="N536036" s="10"/>
    </row>
    <row r="536037" spans="14:14">
      <c r="N536037" s="10"/>
    </row>
    <row r="536038" spans="14:14">
      <c r="N536038" s="10"/>
    </row>
    <row r="536039" spans="14:14">
      <c r="N536039" s="10"/>
    </row>
    <row r="536040" spans="14:14">
      <c r="N536040" s="10"/>
    </row>
    <row r="536041" spans="14:14">
      <c r="N536041" s="10"/>
    </row>
    <row r="536042" spans="14:14">
      <c r="N536042" s="10"/>
    </row>
    <row r="536043" spans="14:14">
      <c r="N536043" s="10"/>
    </row>
    <row r="536044" spans="14:14">
      <c r="N536044" s="10"/>
    </row>
    <row r="536045" spans="14:14">
      <c r="N536045" s="10"/>
    </row>
    <row r="536046" spans="14:14">
      <c r="N536046" s="10"/>
    </row>
    <row r="536047" spans="14:14">
      <c r="N536047" s="10"/>
    </row>
    <row r="536048" spans="14:14">
      <c r="N536048" s="10"/>
    </row>
    <row r="536049" spans="14:14">
      <c r="N536049" s="10"/>
    </row>
    <row r="536050" spans="14:14">
      <c r="N536050" s="10"/>
    </row>
    <row r="536051" spans="14:14">
      <c r="N536051" s="10"/>
    </row>
    <row r="536052" spans="14:14">
      <c r="N536052" s="10"/>
    </row>
    <row r="536053" spans="14:14">
      <c r="N536053" s="10"/>
    </row>
    <row r="536054" spans="14:14">
      <c r="N536054" s="10"/>
    </row>
    <row r="536055" spans="14:14">
      <c r="N536055" s="10"/>
    </row>
    <row r="536056" spans="14:14">
      <c r="N536056" s="10"/>
    </row>
    <row r="536057" spans="14:14">
      <c r="N536057" s="10"/>
    </row>
    <row r="536058" spans="14:14">
      <c r="N536058" s="10"/>
    </row>
    <row r="536059" spans="14:14">
      <c r="N536059" s="10"/>
    </row>
    <row r="536060" spans="14:14">
      <c r="N536060" s="10"/>
    </row>
    <row r="536061" spans="14:14">
      <c r="N536061" s="10"/>
    </row>
    <row r="536062" spans="14:14">
      <c r="N536062" s="10"/>
    </row>
    <row r="536063" spans="14:14">
      <c r="N536063" s="10"/>
    </row>
    <row r="536064" spans="14:14">
      <c r="N536064" s="10"/>
    </row>
    <row r="536065" spans="14:14">
      <c r="N536065" s="10"/>
    </row>
    <row r="536066" spans="14:14">
      <c r="N536066" s="10"/>
    </row>
    <row r="536067" spans="14:14">
      <c r="N536067" s="10"/>
    </row>
    <row r="536068" spans="14:14">
      <c r="N536068" s="10"/>
    </row>
    <row r="536069" spans="14:14">
      <c r="N536069" s="10"/>
    </row>
    <row r="536070" spans="14:14">
      <c r="N536070" s="10"/>
    </row>
    <row r="536071" spans="14:14">
      <c r="N536071" s="10"/>
    </row>
    <row r="536072" spans="14:14">
      <c r="N536072" s="10"/>
    </row>
    <row r="536073" spans="14:14">
      <c r="N536073" s="10"/>
    </row>
    <row r="536074" spans="14:14">
      <c r="N536074" s="10"/>
    </row>
    <row r="536075" spans="14:14">
      <c r="N536075" s="10"/>
    </row>
    <row r="536076" spans="14:14">
      <c r="N536076" s="10"/>
    </row>
    <row r="536077" spans="14:14">
      <c r="N536077" s="10"/>
    </row>
    <row r="536078" spans="14:14">
      <c r="N536078" s="10"/>
    </row>
    <row r="536079" spans="14:14">
      <c r="N536079" s="10"/>
    </row>
    <row r="536080" spans="14:14">
      <c r="N536080" s="10"/>
    </row>
    <row r="536081" spans="14:14">
      <c r="N536081" s="10"/>
    </row>
    <row r="536082" spans="14:14">
      <c r="N536082" s="10"/>
    </row>
    <row r="536083" spans="14:14">
      <c r="N536083" s="10"/>
    </row>
    <row r="536084" spans="14:14">
      <c r="N536084" s="10"/>
    </row>
    <row r="536085" spans="14:14">
      <c r="N536085" s="10"/>
    </row>
    <row r="536086" spans="14:14">
      <c r="N536086" s="10"/>
    </row>
    <row r="536087" spans="14:14">
      <c r="N536087" s="10"/>
    </row>
    <row r="536088" spans="14:14">
      <c r="N536088" s="10"/>
    </row>
    <row r="536089" spans="14:14">
      <c r="N536089" s="10"/>
    </row>
    <row r="536090" spans="14:14">
      <c r="N536090" s="10"/>
    </row>
    <row r="536091" spans="14:14">
      <c r="N536091" s="10"/>
    </row>
    <row r="536092" spans="14:14">
      <c r="N536092" s="10"/>
    </row>
    <row r="536093" spans="14:14">
      <c r="N536093" s="10"/>
    </row>
    <row r="536094" spans="14:14">
      <c r="N536094" s="10"/>
    </row>
    <row r="536095" spans="14:14">
      <c r="N536095" s="10"/>
    </row>
    <row r="536096" spans="14:14">
      <c r="N536096" s="10"/>
    </row>
    <row r="536097" spans="14:14">
      <c r="N536097" s="10"/>
    </row>
    <row r="536098" spans="14:14">
      <c r="N536098" s="10"/>
    </row>
    <row r="536099" spans="14:14">
      <c r="N536099" s="10"/>
    </row>
    <row r="536100" spans="14:14">
      <c r="N536100" s="10"/>
    </row>
    <row r="536101" spans="14:14">
      <c r="N536101" s="10"/>
    </row>
    <row r="536102" spans="14:14">
      <c r="N536102" s="10"/>
    </row>
    <row r="536103" spans="14:14">
      <c r="N536103" s="10"/>
    </row>
    <row r="536104" spans="14:14">
      <c r="N536104" s="10"/>
    </row>
    <row r="536105" spans="14:14">
      <c r="N536105" s="10"/>
    </row>
    <row r="536106" spans="14:14">
      <c r="N536106" s="10"/>
    </row>
    <row r="536107" spans="14:14">
      <c r="N536107" s="10"/>
    </row>
    <row r="536108" spans="14:14">
      <c r="N536108" s="10"/>
    </row>
    <row r="536109" spans="14:14">
      <c r="N536109" s="10"/>
    </row>
    <row r="536110" spans="14:14">
      <c r="N536110" s="10"/>
    </row>
    <row r="536111" spans="14:14">
      <c r="N536111" s="10"/>
    </row>
    <row r="536112" spans="14:14">
      <c r="N536112" s="10"/>
    </row>
    <row r="536113" spans="14:14">
      <c r="N536113" s="10"/>
    </row>
    <row r="536114" spans="14:14">
      <c r="N536114" s="10"/>
    </row>
    <row r="536115" spans="14:14">
      <c r="N536115" s="10"/>
    </row>
    <row r="536116" spans="14:14">
      <c r="N536116" s="10"/>
    </row>
    <row r="536117" spans="14:14">
      <c r="N536117" s="10"/>
    </row>
    <row r="536118" spans="14:14">
      <c r="N536118" s="10"/>
    </row>
    <row r="536119" spans="14:14">
      <c r="N536119" s="10"/>
    </row>
    <row r="536120" spans="14:14">
      <c r="N536120" s="10"/>
    </row>
    <row r="536121" spans="14:14">
      <c r="N536121" s="10"/>
    </row>
    <row r="536122" spans="14:14">
      <c r="N536122" s="10"/>
    </row>
    <row r="536123" spans="14:14">
      <c r="N536123" s="10"/>
    </row>
    <row r="536124" spans="14:14">
      <c r="N536124" s="10"/>
    </row>
    <row r="536125" spans="14:14">
      <c r="N536125" s="10"/>
    </row>
    <row r="536126" spans="14:14">
      <c r="N536126" s="10"/>
    </row>
    <row r="536127" spans="14:14">
      <c r="N536127" s="10"/>
    </row>
    <row r="536128" spans="14:14">
      <c r="N536128" s="10"/>
    </row>
    <row r="536129" spans="14:14">
      <c r="N536129" s="10"/>
    </row>
    <row r="536130" spans="14:14">
      <c r="N536130" s="10"/>
    </row>
    <row r="536131" spans="14:14">
      <c r="N536131" s="10"/>
    </row>
    <row r="536132" spans="14:14">
      <c r="N536132" s="10"/>
    </row>
    <row r="536133" spans="14:14">
      <c r="N536133" s="10"/>
    </row>
    <row r="536134" spans="14:14">
      <c r="N536134" s="10"/>
    </row>
    <row r="536135" spans="14:14">
      <c r="N536135" s="10"/>
    </row>
    <row r="536136" spans="14:14">
      <c r="N536136" s="10"/>
    </row>
    <row r="536137" spans="14:14">
      <c r="N536137" s="10"/>
    </row>
    <row r="536138" spans="14:14">
      <c r="N536138" s="10"/>
    </row>
    <row r="536139" spans="14:14">
      <c r="N536139" s="10"/>
    </row>
    <row r="536140" spans="14:14">
      <c r="N536140" s="10"/>
    </row>
    <row r="536141" spans="14:14">
      <c r="N536141" s="10"/>
    </row>
    <row r="536142" spans="14:14">
      <c r="N536142" s="10"/>
    </row>
    <row r="536143" spans="14:14">
      <c r="N536143" s="10"/>
    </row>
    <row r="536144" spans="14:14">
      <c r="N536144" s="10"/>
    </row>
    <row r="536145" spans="14:14">
      <c r="N536145" s="10"/>
    </row>
    <row r="536146" spans="14:14">
      <c r="N536146" s="10"/>
    </row>
    <row r="536147" spans="14:14">
      <c r="N536147" s="10"/>
    </row>
    <row r="536148" spans="14:14">
      <c r="N536148" s="10"/>
    </row>
    <row r="536149" spans="14:14">
      <c r="N536149" s="10"/>
    </row>
    <row r="536150" spans="14:14">
      <c r="N536150" s="10"/>
    </row>
    <row r="536151" spans="14:14">
      <c r="N536151" s="10"/>
    </row>
    <row r="536152" spans="14:14">
      <c r="N536152" s="10"/>
    </row>
    <row r="536153" spans="14:14">
      <c r="N536153" s="10"/>
    </row>
    <row r="536154" spans="14:14">
      <c r="N536154" s="10"/>
    </row>
    <row r="536155" spans="14:14">
      <c r="N536155" s="10"/>
    </row>
    <row r="536156" spans="14:14">
      <c r="N536156" s="10"/>
    </row>
    <row r="536157" spans="14:14">
      <c r="N536157" s="10"/>
    </row>
    <row r="536158" spans="14:14">
      <c r="N536158" s="10"/>
    </row>
    <row r="536159" spans="14:14">
      <c r="N536159" s="10"/>
    </row>
    <row r="536160" spans="14:14">
      <c r="N536160" s="10"/>
    </row>
    <row r="536161" spans="14:14">
      <c r="N536161" s="10"/>
    </row>
    <row r="536162" spans="14:14">
      <c r="N536162" s="10"/>
    </row>
    <row r="536163" spans="14:14">
      <c r="N536163" s="10"/>
    </row>
    <row r="536164" spans="14:14">
      <c r="N536164" s="10"/>
    </row>
    <row r="536165" spans="14:14">
      <c r="N536165" s="10"/>
    </row>
    <row r="536166" spans="14:14">
      <c r="N536166" s="10"/>
    </row>
    <row r="536167" spans="14:14">
      <c r="N536167" s="10"/>
    </row>
    <row r="536168" spans="14:14">
      <c r="N536168" s="10"/>
    </row>
    <row r="536169" spans="14:14">
      <c r="N536169" s="10"/>
    </row>
    <row r="536170" spans="14:14">
      <c r="N536170" s="10"/>
    </row>
    <row r="536171" spans="14:14">
      <c r="N536171" s="10"/>
    </row>
    <row r="536172" spans="14:14">
      <c r="N536172" s="10"/>
    </row>
    <row r="536173" spans="14:14">
      <c r="N536173" s="10"/>
    </row>
    <row r="536174" spans="14:14">
      <c r="N536174" s="10"/>
    </row>
    <row r="536175" spans="14:14">
      <c r="N536175" s="10"/>
    </row>
    <row r="536176" spans="14:14">
      <c r="N536176" s="10"/>
    </row>
    <row r="536177" spans="14:14">
      <c r="N536177" s="10"/>
    </row>
    <row r="536178" spans="14:14">
      <c r="N536178" s="10"/>
    </row>
    <row r="536179" spans="14:14">
      <c r="N536179" s="10"/>
    </row>
    <row r="536180" spans="14:14">
      <c r="N536180" s="10"/>
    </row>
    <row r="536181" spans="14:14">
      <c r="N536181" s="10"/>
    </row>
    <row r="536182" spans="14:14">
      <c r="N536182" s="10"/>
    </row>
    <row r="536183" spans="14:14">
      <c r="N536183" s="10"/>
    </row>
    <row r="536184" spans="14:14">
      <c r="N536184" s="10"/>
    </row>
    <row r="536185" spans="14:14">
      <c r="N536185" s="10"/>
    </row>
    <row r="536186" spans="14:14">
      <c r="N536186" s="10"/>
    </row>
    <row r="536187" spans="14:14">
      <c r="N536187" s="10"/>
    </row>
    <row r="536188" spans="14:14">
      <c r="N536188" s="10"/>
    </row>
    <row r="536189" spans="14:14">
      <c r="N536189" s="10"/>
    </row>
    <row r="536190" spans="14:14">
      <c r="N536190" s="10"/>
    </row>
    <row r="536191" spans="14:14">
      <c r="N536191" s="10"/>
    </row>
    <row r="536192" spans="14:14">
      <c r="N536192" s="10"/>
    </row>
    <row r="536193" spans="14:14">
      <c r="N536193" s="10"/>
    </row>
    <row r="536194" spans="14:14">
      <c r="N536194" s="10"/>
    </row>
    <row r="536195" spans="14:14">
      <c r="N536195" s="10"/>
    </row>
    <row r="536196" spans="14:14">
      <c r="N536196" s="10"/>
    </row>
    <row r="536197" spans="14:14">
      <c r="N536197" s="10"/>
    </row>
    <row r="536198" spans="14:14">
      <c r="N536198" s="10"/>
    </row>
    <row r="536199" spans="14:14">
      <c r="N536199" s="10"/>
    </row>
    <row r="536200" spans="14:14">
      <c r="N536200" s="10"/>
    </row>
    <row r="536201" spans="14:14">
      <c r="N536201" s="10"/>
    </row>
    <row r="536202" spans="14:14">
      <c r="N536202" s="10"/>
    </row>
    <row r="536203" spans="14:14">
      <c r="N536203" s="10"/>
    </row>
    <row r="536204" spans="14:14">
      <c r="N536204" s="10"/>
    </row>
    <row r="536205" spans="14:14">
      <c r="N536205" s="10"/>
    </row>
    <row r="536206" spans="14:14">
      <c r="N536206" s="10"/>
    </row>
    <row r="536207" spans="14:14">
      <c r="N536207" s="10"/>
    </row>
    <row r="536208" spans="14:14">
      <c r="N536208" s="10"/>
    </row>
    <row r="536209" spans="14:14">
      <c r="N536209" s="10"/>
    </row>
    <row r="536210" spans="14:14">
      <c r="N536210" s="10"/>
    </row>
    <row r="536211" spans="14:14">
      <c r="N536211" s="10"/>
    </row>
    <row r="536212" spans="14:14">
      <c r="N536212" s="10"/>
    </row>
    <row r="536213" spans="14:14">
      <c r="N536213" s="10"/>
    </row>
    <row r="536214" spans="14:14">
      <c r="N536214" s="10"/>
    </row>
    <row r="536215" spans="14:14">
      <c r="N536215" s="10"/>
    </row>
    <row r="536216" spans="14:14">
      <c r="N536216" s="10"/>
    </row>
    <row r="536217" spans="14:14">
      <c r="N536217" s="10"/>
    </row>
    <row r="536218" spans="14:14">
      <c r="N536218" s="10"/>
    </row>
    <row r="536219" spans="14:14">
      <c r="N536219" s="10"/>
    </row>
    <row r="536220" spans="14:14">
      <c r="N536220" s="10"/>
    </row>
    <row r="536221" spans="14:14">
      <c r="N536221" s="10"/>
    </row>
    <row r="536222" spans="14:14">
      <c r="N536222" s="10"/>
    </row>
    <row r="536223" spans="14:14">
      <c r="N536223" s="10"/>
    </row>
    <row r="536224" spans="14:14">
      <c r="N536224" s="10"/>
    </row>
    <row r="536225" spans="14:14">
      <c r="N536225" s="10"/>
    </row>
    <row r="536226" spans="14:14">
      <c r="N536226" s="10"/>
    </row>
    <row r="536227" spans="14:14">
      <c r="N536227" s="10"/>
    </row>
    <row r="536228" spans="14:14">
      <c r="N536228" s="10"/>
    </row>
    <row r="536229" spans="14:14">
      <c r="N536229" s="10"/>
    </row>
    <row r="536230" spans="14:14">
      <c r="N536230" s="10"/>
    </row>
    <row r="536231" spans="14:14">
      <c r="N536231" s="10"/>
    </row>
    <row r="536232" spans="14:14">
      <c r="N536232" s="10"/>
    </row>
    <row r="536233" spans="14:14">
      <c r="N536233" s="10"/>
    </row>
    <row r="536234" spans="14:14">
      <c r="N536234" s="10"/>
    </row>
    <row r="536235" spans="14:14">
      <c r="N536235" s="10"/>
    </row>
    <row r="536236" spans="14:14">
      <c r="N536236" s="10"/>
    </row>
    <row r="536237" spans="14:14">
      <c r="N536237" s="10"/>
    </row>
    <row r="536238" spans="14:14">
      <c r="N536238" s="10"/>
    </row>
    <row r="536239" spans="14:14">
      <c r="N536239" s="10"/>
    </row>
    <row r="536240" spans="14:14">
      <c r="N536240" s="10"/>
    </row>
    <row r="536241" spans="14:14">
      <c r="N536241" s="10"/>
    </row>
    <row r="536242" spans="14:14">
      <c r="N536242" s="10"/>
    </row>
    <row r="536243" spans="14:14">
      <c r="N536243" s="10"/>
    </row>
    <row r="536244" spans="14:14">
      <c r="N536244" s="10"/>
    </row>
    <row r="536245" spans="14:14">
      <c r="N536245" s="10"/>
    </row>
    <row r="536246" spans="14:14">
      <c r="N536246" s="10"/>
    </row>
    <row r="536247" spans="14:14">
      <c r="N536247" s="10"/>
    </row>
    <row r="536248" spans="14:14">
      <c r="N536248" s="10"/>
    </row>
    <row r="536249" spans="14:14">
      <c r="N536249" s="10"/>
    </row>
    <row r="536250" spans="14:14">
      <c r="N536250" s="10"/>
    </row>
    <row r="536251" spans="14:14">
      <c r="N536251" s="10"/>
    </row>
    <row r="536252" spans="14:14">
      <c r="N536252" s="10"/>
    </row>
    <row r="536253" spans="14:14">
      <c r="N536253" s="10"/>
    </row>
    <row r="536254" spans="14:14">
      <c r="N536254" s="10"/>
    </row>
    <row r="536255" spans="14:14">
      <c r="N536255" s="10"/>
    </row>
    <row r="536256" spans="14:14">
      <c r="N536256" s="10"/>
    </row>
    <row r="536257" spans="14:14">
      <c r="N536257" s="10"/>
    </row>
    <row r="536258" spans="14:14">
      <c r="N536258" s="10"/>
    </row>
    <row r="536259" spans="14:14">
      <c r="N536259" s="10"/>
    </row>
    <row r="536260" spans="14:14">
      <c r="N536260" s="10"/>
    </row>
    <row r="536261" spans="14:14">
      <c r="N536261" s="10"/>
    </row>
    <row r="536262" spans="14:14">
      <c r="N536262" s="10"/>
    </row>
    <row r="536263" spans="14:14">
      <c r="N536263" s="10"/>
    </row>
    <row r="536264" spans="14:14">
      <c r="N536264" s="10"/>
    </row>
    <row r="536265" spans="14:14">
      <c r="N536265" s="10"/>
    </row>
    <row r="536266" spans="14:14">
      <c r="N536266" s="10"/>
    </row>
    <row r="536267" spans="14:14">
      <c r="N536267" s="10"/>
    </row>
    <row r="536268" spans="14:14">
      <c r="N536268" s="10"/>
    </row>
    <row r="536269" spans="14:14">
      <c r="N536269" s="10"/>
    </row>
    <row r="536270" spans="14:14">
      <c r="N536270" s="10"/>
    </row>
    <row r="536271" spans="14:14">
      <c r="N536271" s="10"/>
    </row>
    <row r="536272" spans="14:14">
      <c r="N536272" s="10"/>
    </row>
    <row r="536273" spans="14:14">
      <c r="N536273" s="10"/>
    </row>
    <row r="536274" spans="14:14">
      <c r="N536274" s="10"/>
    </row>
    <row r="536275" spans="14:14">
      <c r="N536275" s="10"/>
    </row>
    <row r="536276" spans="14:14">
      <c r="N536276" s="10"/>
    </row>
    <row r="536277" spans="14:14">
      <c r="N536277" s="10"/>
    </row>
    <row r="536278" spans="14:14">
      <c r="N536278" s="10"/>
    </row>
    <row r="536279" spans="14:14">
      <c r="N536279" s="10"/>
    </row>
    <row r="536280" spans="14:14">
      <c r="N536280" s="10"/>
    </row>
    <row r="536281" spans="14:14">
      <c r="N536281" s="10"/>
    </row>
    <row r="536282" spans="14:14">
      <c r="N536282" s="10"/>
    </row>
    <row r="536283" spans="14:14">
      <c r="N536283" s="10"/>
    </row>
    <row r="536284" spans="14:14">
      <c r="N536284" s="10"/>
    </row>
    <row r="536285" spans="14:14">
      <c r="N536285" s="10"/>
    </row>
    <row r="536286" spans="14:14">
      <c r="N536286" s="10"/>
    </row>
    <row r="536287" spans="14:14">
      <c r="N536287" s="10"/>
    </row>
    <row r="536288" spans="14:14">
      <c r="N536288" s="10"/>
    </row>
    <row r="536289" spans="14:14">
      <c r="N536289" s="10"/>
    </row>
    <row r="536290" spans="14:14">
      <c r="N536290" s="10"/>
    </row>
    <row r="536291" spans="14:14">
      <c r="N536291" s="10"/>
    </row>
    <row r="536292" spans="14:14">
      <c r="N536292" s="10"/>
    </row>
    <row r="536293" spans="14:14">
      <c r="N536293" s="10"/>
    </row>
    <row r="536294" spans="14:14">
      <c r="N536294" s="10"/>
    </row>
    <row r="536295" spans="14:14">
      <c r="N536295" s="10"/>
    </row>
    <row r="536296" spans="14:14">
      <c r="N536296" s="10"/>
    </row>
    <row r="536297" spans="14:14">
      <c r="N536297" s="10"/>
    </row>
    <row r="536298" spans="14:14">
      <c r="N536298" s="10"/>
    </row>
    <row r="536299" spans="14:14">
      <c r="N536299" s="10"/>
    </row>
    <row r="536300" spans="14:14">
      <c r="N536300" s="10"/>
    </row>
    <row r="536301" spans="14:14">
      <c r="N536301" s="10"/>
    </row>
    <row r="536302" spans="14:14">
      <c r="N536302" s="10"/>
    </row>
    <row r="536303" spans="14:14">
      <c r="N536303" s="10"/>
    </row>
    <row r="536304" spans="14:14">
      <c r="N536304" s="10"/>
    </row>
    <row r="536305" spans="14:14">
      <c r="N536305" s="10"/>
    </row>
    <row r="536306" spans="14:14">
      <c r="N536306" s="10"/>
    </row>
    <row r="536307" spans="14:14">
      <c r="N536307" s="10"/>
    </row>
    <row r="536308" spans="14:14">
      <c r="N536308" s="10"/>
    </row>
    <row r="536309" spans="14:14">
      <c r="N536309" s="10"/>
    </row>
    <row r="536310" spans="14:14">
      <c r="N536310" s="10"/>
    </row>
    <row r="536311" spans="14:14">
      <c r="N536311" s="10"/>
    </row>
    <row r="536312" spans="14:14">
      <c r="N536312" s="10"/>
    </row>
    <row r="536313" spans="14:14">
      <c r="N536313" s="10"/>
    </row>
    <row r="536314" spans="14:14">
      <c r="N536314" s="10"/>
    </row>
    <row r="536315" spans="14:14">
      <c r="N536315" s="10"/>
    </row>
    <row r="536316" spans="14:14">
      <c r="N536316" s="10"/>
    </row>
    <row r="536317" spans="14:14">
      <c r="N536317" s="10"/>
    </row>
    <row r="536318" spans="14:14">
      <c r="N536318" s="10"/>
    </row>
    <row r="536319" spans="14:14">
      <c r="N536319" s="10"/>
    </row>
    <row r="536320" spans="14:14">
      <c r="N536320" s="10"/>
    </row>
    <row r="536321" spans="14:14">
      <c r="N536321" s="10"/>
    </row>
    <row r="536322" spans="14:14">
      <c r="N536322" s="10"/>
    </row>
    <row r="536323" spans="14:14">
      <c r="N536323" s="10"/>
    </row>
    <row r="536324" spans="14:14">
      <c r="N536324" s="10"/>
    </row>
    <row r="536325" spans="14:14">
      <c r="N536325" s="10"/>
    </row>
    <row r="536326" spans="14:14">
      <c r="N536326" s="10"/>
    </row>
    <row r="536327" spans="14:14">
      <c r="N536327" s="10"/>
    </row>
    <row r="536328" spans="14:14">
      <c r="N536328" s="10"/>
    </row>
    <row r="536329" spans="14:14">
      <c r="N536329" s="10"/>
    </row>
    <row r="536330" spans="14:14">
      <c r="N536330" s="10"/>
    </row>
    <row r="536331" spans="14:14">
      <c r="N536331" s="10"/>
    </row>
    <row r="536332" spans="14:14">
      <c r="N536332" s="10"/>
    </row>
    <row r="536333" spans="14:14">
      <c r="N536333" s="10"/>
    </row>
    <row r="536334" spans="14:14">
      <c r="N536334" s="10"/>
    </row>
    <row r="536335" spans="14:14">
      <c r="N536335" s="10"/>
    </row>
    <row r="536336" spans="14:14">
      <c r="N536336" s="10"/>
    </row>
    <row r="536337" spans="14:14">
      <c r="N536337" s="10"/>
    </row>
    <row r="536338" spans="14:14">
      <c r="N536338" s="10"/>
    </row>
    <row r="536339" spans="14:14">
      <c r="N536339" s="10"/>
    </row>
    <row r="536340" spans="14:14">
      <c r="N536340" s="10"/>
    </row>
    <row r="536341" spans="14:14">
      <c r="N536341" s="10"/>
    </row>
    <row r="536342" spans="14:14">
      <c r="N536342" s="10"/>
    </row>
    <row r="536343" spans="14:14">
      <c r="N536343" s="10"/>
    </row>
    <row r="536344" spans="14:14">
      <c r="N536344" s="10"/>
    </row>
    <row r="536345" spans="14:14">
      <c r="N536345" s="10"/>
    </row>
    <row r="536346" spans="14:14">
      <c r="N536346" s="10"/>
    </row>
    <row r="536347" spans="14:14">
      <c r="N536347" s="10"/>
    </row>
    <row r="536348" spans="14:14">
      <c r="N536348" s="10"/>
    </row>
    <row r="536349" spans="14:14">
      <c r="N536349" s="10"/>
    </row>
    <row r="536350" spans="14:14">
      <c r="N536350" s="10"/>
    </row>
    <row r="536351" spans="14:14">
      <c r="N536351" s="10"/>
    </row>
    <row r="536352" spans="14:14">
      <c r="N536352" s="10"/>
    </row>
    <row r="536353" spans="14:14">
      <c r="N536353" s="10"/>
    </row>
    <row r="536354" spans="14:14">
      <c r="N536354" s="10"/>
    </row>
    <row r="536355" spans="14:14">
      <c r="N536355" s="10"/>
    </row>
    <row r="536356" spans="14:14">
      <c r="N536356" s="10"/>
    </row>
    <row r="536357" spans="14:14">
      <c r="N536357" s="10"/>
    </row>
    <row r="536358" spans="14:14">
      <c r="N536358" s="10"/>
    </row>
    <row r="536359" spans="14:14">
      <c r="N536359" s="10"/>
    </row>
    <row r="536360" spans="14:14">
      <c r="N536360" s="10"/>
    </row>
    <row r="536361" spans="14:14">
      <c r="N536361" s="10"/>
    </row>
    <row r="536362" spans="14:14">
      <c r="N536362" s="10"/>
    </row>
    <row r="536363" spans="14:14">
      <c r="N536363" s="10"/>
    </row>
    <row r="536364" spans="14:14">
      <c r="N536364" s="10"/>
    </row>
    <row r="536365" spans="14:14">
      <c r="N536365" s="10"/>
    </row>
    <row r="536366" spans="14:14">
      <c r="N536366" s="10"/>
    </row>
    <row r="536367" spans="14:14">
      <c r="N536367" s="10"/>
    </row>
    <row r="536368" spans="14:14">
      <c r="N536368" s="10"/>
    </row>
    <row r="536369" spans="14:14">
      <c r="N536369" s="10"/>
    </row>
    <row r="536370" spans="14:14">
      <c r="N536370" s="10"/>
    </row>
    <row r="536371" spans="14:14">
      <c r="N536371" s="10"/>
    </row>
    <row r="536372" spans="14:14">
      <c r="N536372" s="10"/>
    </row>
    <row r="536373" spans="14:14">
      <c r="N536373" s="10"/>
    </row>
    <row r="536374" spans="14:14">
      <c r="N536374" s="10"/>
    </row>
    <row r="536375" spans="14:14">
      <c r="N536375" s="10"/>
    </row>
    <row r="536376" spans="14:14">
      <c r="N536376" s="10"/>
    </row>
    <row r="536377" spans="14:14">
      <c r="N536377" s="10"/>
    </row>
    <row r="536378" spans="14:14">
      <c r="N536378" s="10"/>
    </row>
    <row r="536379" spans="14:14">
      <c r="N536379" s="10"/>
    </row>
    <row r="536380" spans="14:14">
      <c r="N536380" s="10"/>
    </row>
    <row r="536381" spans="14:14">
      <c r="N536381" s="10"/>
    </row>
    <row r="536382" spans="14:14">
      <c r="N536382" s="10"/>
    </row>
    <row r="536383" spans="14:14">
      <c r="N536383" s="10"/>
    </row>
    <row r="536384" spans="14:14">
      <c r="N536384" s="10"/>
    </row>
    <row r="536385" spans="14:14">
      <c r="N536385" s="10"/>
    </row>
    <row r="536386" spans="14:14">
      <c r="N536386" s="10"/>
    </row>
    <row r="536387" spans="14:14">
      <c r="N536387" s="10"/>
    </row>
    <row r="536388" spans="14:14">
      <c r="N536388" s="10"/>
    </row>
    <row r="536389" spans="14:14">
      <c r="N536389" s="10"/>
    </row>
    <row r="536390" spans="14:14">
      <c r="N536390" s="10"/>
    </row>
    <row r="536391" spans="14:14">
      <c r="N536391" s="10"/>
    </row>
    <row r="536392" spans="14:14">
      <c r="N536392" s="10"/>
    </row>
    <row r="536393" spans="14:14">
      <c r="N536393" s="10"/>
    </row>
    <row r="536394" spans="14:14">
      <c r="N536394" s="10"/>
    </row>
    <row r="536395" spans="14:14">
      <c r="N536395" s="10"/>
    </row>
    <row r="536396" spans="14:14">
      <c r="N536396" s="10"/>
    </row>
    <row r="536397" spans="14:14">
      <c r="N536397" s="10"/>
    </row>
    <row r="536398" spans="14:14">
      <c r="N536398" s="10"/>
    </row>
    <row r="536399" spans="14:14">
      <c r="N536399" s="10"/>
    </row>
    <row r="536400" spans="14:14">
      <c r="N536400" s="10"/>
    </row>
    <row r="536401" spans="14:14">
      <c r="N536401" s="10"/>
    </row>
    <row r="536402" spans="14:14">
      <c r="N536402" s="10"/>
    </row>
    <row r="536403" spans="14:14">
      <c r="N536403" s="10"/>
    </row>
    <row r="536404" spans="14:14">
      <c r="N536404" s="10"/>
    </row>
    <row r="536405" spans="14:14">
      <c r="N536405" s="10"/>
    </row>
    <row r="536406" spans="14:14">
      <c r="N536406" s="10"/>
    </row>
    <row r="536407" spans="14:14">
      <c r="N536407" s="10"/>
    </row>
    <row r="536408" spans="14:14">
      <c r="N536408" s="10"/>
    </row>
    <row r="536409" spans="14:14">
      <c r="N536409" s="10"/>
    </row>
    <row r="536410" spans="14:14">
      <c r="N536410" s="10"/>
    </row>
    <row r="536411" spans="14:14">
      <c r="N536411" s="10"/>
    </row>
    <row r="536412" spans="14:14">
      <c r="N536412" s="10"/>
    </row>
    <row r="536413" spans="14:14">
      <c r="N536413" s="10"/>
    </row>
    <row r="536414" spans="14:14">
      <c r="N536414" s="10"/>
    </row>
    <row r="536415" spans="14:14">
      <c r="N536415" s="10"/>
    </row>
    <row r="536416" spans="14:14">
      <c r="N536416" s="10"/>
    </row>
    <row r="536417" spans="14:14">
      <c r="N536417" s="10"/>
    </row>
    <row r="536418" spans="14:14">
      <c r="N536418" s="10"/>
    </row>
    <row r="536419" spans="14:14">
      <c r="N536419" s="10"/>
    </row>
    <row r="536420" spans="14:14">
      <c r="N536420" s="10"/>
    </row>
    <row r="536421" spans="14:14">
      <c r="N536421" s="10"/>
    </row>
    <row r="536422" spans="14:14">
      <c r="N536422" s="10"/>
    </row>
    <row r="536423" spans="14:14">
      <c r="N536423" s="10"/>
    </row>
    <row r="536424" spans="14:14">
      <c r="N536424" s="10"/>
    </row>
    <row r="536425" spans="14:14">
      <c r="N536425" s="10"/>
    </row>
    <row r="536426" spans="14:14">
      <c r="N536426" s="10"/>
    </row>
    <row r="536427" spans="14:14">
      <c r="N536427" s="10"/>
    </row>
    <row r="536428" spans="14:14">
      <c r="N536428" s="10"/>
    </row>
    <row r="536429" spans="14:14">
      <c r="N536429" s="10"/>
    </row>
    <row r="536430" spans="14:14">
      <c r="N536430" s="10"/>
    </row>
    <row r="536431" spans="14:14">
      <c r="N536431" s="10"/>
    </row>
    <row r="536432" spans="14:14">
      <c r="N536432" s="10"/>
    </row>
    <row r="536433" spans="14:14">
      <c r="N536433" s="10"/>
    </row>
    <row r="536434" spans="14:14">
      <c r="N536434" s="10"/>
    </row>
    <row r="536435" spans="14:14">
      <c r="N536435" s="10"/>
    </row>
    <row r="536436" spans="14:14">
      <c r="N536436" s="10"/>
    </row>
    <row r="536437" spans="14:14">
      <c r="N536437" s="10"/>
    </row>
    <row r="536438" spans="14:14">
      <c r="N536438" s="10"/>
    </row>
    <row r="536439" spans="14:14">
      <c r="N536439" s="10"/>
    </row>
    <row r="536440" spans="14:14">
      <c r="N536440" s="10"/>
    </row>
    <row r="536441" spans="14:14">
      <c r="N536441" s="10"/>
    </row>
    <row r="536442" spans="14:14">
      <c r="N536442" s="10"/>
    </row>
    <row r="536443" spans="14:14">
      <c r="N536443" s="10"/>
    </row>
    <row r="536444" spans="14:14">
      <c r="N536444" s="10"/>
    </row>
    <row r="536445" spans="14:14">
      <c r="N536445" s="10"/>
    </row>
    <row r="536446" spans="14:14">
      <c r="N536446" s="10"/>
    </row>
    <row r="536447" spans="14:14">
      <c r="N536447" s="10"/>
    </row>
    <row r="536448" spans="14:14">
      <c r="N536448" s="10"/>
    </row>
    <row r="536449" spans="14:14">
      <c r="N536449" s="10"/>
    </row>
    <row r="536450" spans="14:14">
      <c r="N536450" s="10"/>
    </row>
    <row r="536451" spans="14:14">
      <c r="N536451" s="10"/>
    </row>
    <row r="536452" spans="14:14">
      <c r="N536452" s="10"/>
    </row>
    <row r="536453" spans="14:14">
      <c r="N536453" s="10"/>
    </row>
    <row r="536454" spans="14:14">
      <c r="N536454" s="10"/>
    </row>
    <row r="536455" spans="14:14">
      <c r="N536455" s="10"/>
    </row>
    <row r="536456" spans="14:14">
      <c r="N536456" s="10"/>
    </row>
    <row r="536457" spans="14:14">
      <c r="N536457" s="10"/>
    </row>
    <row r="536458" spans="14:14">
      <c r="N536458" s="10"/>
    </row>
    <row r="536459" spans="14:14">
      <c r="N536459" s="10"/>
    </row>
    <row r="536460" spans="14:14">
      <c r="N536460" s="10"/>
    </row>
    <row r="536461" spans="14:14">
      <c r="N536461" s="10"/>
    </row>
    <row r="536462" spans="14:14">
      <c r="N536462" s="10"/>
    </row>
    <row r="536463" spans="14:14">
      <c r="N536463" s="10"/>
    </row>
    <row r="536464" spans="14:14">
      <c r="N536464" s="10"/>
    </row>
    <row r="536465" spans="14:14">
      <c r="N536465" s="10"/>
    </row>
    <row r="536466" spans="14:14">
      <c r="N536466" s="10"/>
    </row>
    <row r="536467" spans="14:14">
      <c r="N536467" s="10"/>
    </row>
    <row r="536468" spans="14:14">
      <c r="N536468" s="10"/>
    </row>
    <row r="536469" spans="14:14">
      <c r="N536469" s="10"/>
    </row>
    <row r="536470" spans="14:14">
      <c r="N536470" s="10"/>
    </row>
    <row r="536471" spans="14:14">
      <c r="N536471" s="10"/>
    </row>
    <row r="536472" spans="14:14">
      <c r="N536472" s="10"/>
    </row>
    <row r="536473" spans="14:14">
      <c r="N536473" s="10"/>
    </row>
    <row r="536474" spans="14:14">
      <c r="N536474" s="10"/>
    </row>
    <row r="536475" spans="14:14">
      <c r="N536475" s="10"/>
    </row>
    <row r="536476" spans="14:14">
      <c r="N536476" s="10"/>
    </row>
    <row r="536477" spans="14:14">
      <c r="N536477" s="10"/>
    </row>
    <row r="536478" spans="14:14">
      <c r="N536478" s="10"/>
    </row>
    <row r="536479" spans="14:14">
      <c r="N536479" s="10"/>
    </row>
    <row r="536480" spans="14:14">
      <c r="N536480" s="10"/>
    </row>
    <row r="536481" spans="14:14">
      <c r="N536481" s="10"/>
    </row>
    <row r="536482" spans="14:14">
      <c r="N536482" s="10"/>
    </row>
    <row r="536483" spans="14:14">
      <c r="N536483" s="10"/>
    </row>
    <row r="536484" spans="14:14">
      <c r="N536484" s="10"/>
    </row>
    <row r="536485" spans="14:14">
      <c r="N536485" s="10"/>
    </row>
    <row r="536486" spans="14:14">
      <c r="N536486" s="10"/>
    </row>
    <row r="536487" spans="14:14">
      <c r="N536487" s="10"/>
    </row>
    <row r="536488" spans="14:14">
      <c r="N536488" s="10"/>
    </row>
    <row r="536489" spans="14:14">
      <c r="N536489" s="10"/>
    </row>
    <row r="536490" spans="14:14">
      <c r="N536490" s="10"/>
    </row>
    <row r="536491" spans="14:14">
      <c r="N536491" s="10"/>
    </row>
    <row r="536492" spans="14:14">
      <c r="N536492" s="10"/>
    </row>
    <row r="536493" spans="14:14">
      <c r="N536493" s="10"/>
    </row>
    <row r="536494" spans="14:14">
      <c r="N536494" s="10"/>
    </row>
    <row r="536495" spans="14:14">
      <c r="N536495" s="10"/>
    </row>
    <row r="536496" spans="14:14">
      <c r="N536496" s="10"/>
    </row>
    <row r="536497" spans="14:14">
      <c r="N536497" s="10"/>
    </row>
    <row r="536498" spans="14:14">
      <c r="N536498" s="10"/>
    </row>
    <row r="536499" spans="14:14">
      <c r="N536499" s="10"/>
    </row>
    <row r="536500" spans="14:14">
      <c r="N536500" s="10"/>
    </row>
    <row r="536501" spans="14:14">
      <c r="N536501" s="10"/>
    </row>
    <row r="536502" spans="14:14">
      <c r="N536502" s="10"/>
    </row>
    <row r="536503" spans="14:14">
      <c r="N536503" s="10"/>
    </row>
    <row r="536504" spans="14:14">
      <c r="N536504" s="10"/>
    </row>
    <row r="536505" spans="14:14">
      <c r="N536505" s="10"/>
    </row>
    <row r="536506" spans="14:14">
      <c r="N536506" s="10"/>
    </row>
    <row r="536507" spans="14:14">
      <c r="N536507" s="10"/>
    </row>
    <row r="536508" spans="14:14">
      <c r="N536508" s="10"/>
    </row>
    <row r="536509" spans="14:14">
      <c r="N536509" s="10"/>
    </row>
    <row r="536510" spans="14:14">
      <c r="N536510" s="10"/>
    </row>
    <row r="536511" spans="14:14">
      <c r="N536511" s="10"/>
    </row>
    <row r="536512" spans="14:14">
      <c r="N536512" s="10"/>
    </row>
    <row r="536513" spans="14:14">
      <c r="N536513" s="10"/>
    </row>
    <row r="536514" spans="14:14">
      <c r="N536514" s="10"/>
    </row>
    <row r="536515" spans="14:14">
      <c r="N536515" s="10"/>
    </row>
    <row r="536516" spans="14:14">
      <c r="N536516" s="10"/>
    </row>
    <row r="536517" spans="14:14">
      <c r="N536517" s="10"/>
    </row>
    <row r="536518" spans="14:14">
      <c r="N536518" s="10"/>
    </row>
    <row r="536519" spans="14:14">
      <c r="N536519" s="10"/>
    </row>
    <row r="536520" spans="14:14">
      <c r="N536520" s="10"/>
    </row>
    <row r="536521" spans="14:14">
      <c r="N536521" s="10"/>
    </row>
    <row r="536522" spans="14:14">
      <c r="N536522" s="10"/>
    </row>
    <row r="536523" spans="14:14">
      <c r="N536523" s="10"/>
    </row>
    <row r="536524" spans="14:14">
      <c r="N536524" s="10"/>
    </row>
    <row r="536525" spans="14:14">
      <c r="N536525" s="10"/>
    </row>
    <row r="536526" spans="14:14">
      <c r="N536526" s="10"/>
    </row>
    <row r="536527" spans="14:14">
      <c r="N536527" s="10"/>
    </row>
    <row r="536528" spans="14:14">
      <c r="N536528" s="10"/>
    </row>
    <row r="536529" spans="14:14">
      <c r="N536529" s="10"/>
    </row>
    <row r="536530" spans="14:14">
      <c r="N536530" s="10"/>
    </row>
    <row r="536531" spans="14:14">
      <c r="N536531" s="10"/>
    </row>
    <row r="536532" spans="14:14">
      <c r="N536532" s="10"/>
    </row>
    <row r="536533" spans="14:14">
      <c r="N536533" s="10"/>
    </row>
    <row r="536534" spans="14:14">
      <c r="N536534" s="10"/>
    </row>
    <row r="536535" spans="14:14">
      <c r="N536535" s="10"/>
    </row>
    <row r="536536" spans="14:14">
      <c r="N536536" s="10"/>
    </row>
    <row r="536537" spans="14:14">
      <c r="N536537" s="10"/>
    </row>
    <row r="536538" spans="14:14">
      <c r="N536538" s="10"/>
    </row>
    <row r="536539" spans="14:14">
      <c r="N536539" s="10"/>
    </row>
    <row r="536540" spans="14:14">
      <c r="N536540" s="10"/>
    </row>
    <row r="536541" spans="14:14">
      <c r="N536541" s="10"/>
    </row>
    <row r="536542" spans="14:14">
      <c r="N536542" s="10"/>
    </row>
    <row r="536543" spans="14:14">
      <c r="N536543" s="10"/>
    </row>
    <row r="536544" spans="14:14">
      <c r="N536544" s="10"/>
    </row>
    <row r="536545" spans="14:14">
      <c r="N536545" s="10"/>
    </row>
    <row r="536546" spans="14:14">
      <c r="N536546" s="10"/>
    </row>
    <row r="536547" spans="14:14">
      <c r="N536547" s="10"/>
    </row>
    <row r="536548" spans="14:14">
      <c r="N536548" s="10"/>
    </row>
    <row r="536549" spans="14:14">
      <c r="N536549" s="10"/>
    </row>
    <row r="536550" spans="14:14">
      <c r="N536550" s="10"/>
    </row>
    <row r="536551" spans="14:14">
      <c r="N536551" s="10"/>
    </row>
    <row r="536552" spans="14:14">
      <c r="N536552" s="10"/>
    </row>
    <row r="536553" spans="14:14">
      <c r="N536553" s="10"/>
    </row>
    <row r="536554" spans="14:14">
      <c r="N536554" s="10"/>
    </row>
    <row r="536555" spans="14:14">
      <c r="N536555" s="10"/>
    </row>
    <row r="536556" spans="14:14">
      <c r="N536556" s="10"/>
    </row>
    <row r="536557" spans="14:14">
      <c r="N536557" s="10"/>
    </row>
    <row r="536558" spans="14:14">
      <c r="N536558" s="10"/>
    </row>
    <row r="536559" spans="14:14">
      <c r="N536559" s="10"/>
    </row>
    <row r="536560" spans="14:14">
      <c r="N536560" s="10"/>
    </row>
    <row r="536561" spans="14:14">
      <c r="N536561" s="10"/>
    </row>
    <row r="536562" spans="14:14">
      <c r="N536562" s="10"/>
    </row>
    <row r="536563" spans="14:14">
      <c r="N536563" s="10"/>
    </row>
    <row r="536564" spans="14:14">
      <c r="N536564" s="10"/>
    </row>
    <row r="536565" spans="14:14">
      <c r="N536565" s="10"/>
    </row>
    <row r="536566" spans="14:14">
      <c r="N536566" s="10"/>
    </row>
    <row r="536567" spans="14:14">
      <c r="N536567" s="10"/>
    </row>
    <row r="536568" spans="14:14">
      <c r="N536568" s="10"/>
    </row>
    <row r="536569" spans="14:14">
      <c r="N536569" s="10"/>
    </row>
    <row r="536570" spans="14:14">
      <c r="N536570" s="10"/>
    </row>
    <row r="536571" spans="14:14">
      <c r="N536571" s="10"/>
    </row>
    <row r="536572" spans="14:14">
      <c r="N536572" s="10"/>
    </row>
    <row r="536573" spans="14:14">
      <c r="N536573" s="10"/>
    </row>
    <row r="536574" spans="14:14">
      <c r="N536574" s="10"/>
    </row>
    <row r="536575" spans="14:14">
      <c r="N536575" s="10"/>
    </row>
    <row r="536576" spans="14:14">
      <c r="N536576" s="10"/>
    </row>
    <row r="536577" spans="14:14">
      <c r="N536577" s="10"/>
    </row>
    <row r="536578" spans="14:14">
      <c r="N536578" s="10"/>
    </row>
    <row r="536579" spans="14:14">
      <c r="N536579" s="10"/>
    </row>
    <row r="536580" spans="14:14">
      <c r="N536580" s="10"/>
    </row>
    <row r="536581" spans="14:14">
      <c r="N536581" s="10"/>
    </row>
    <row r="536582" spans="14:14">
      <c r="N536582" s="10"/>
    </row>
    <row r="536583" spans="14:14">
      <c r="N536583" s="10"/>
    </row>
    <row r="536584" spans="14:14">
      <c r="N536584" s="10"/>
    </row>
    <row r="536585" spans="14:14">
      <c r="N536585" s="10"/>
    </row>
    <row r="536586" spans="14:14">
      <c r="N536586" s="10"/>
    </row>
    <row r="536587" spans="14:14">
      <c r="N536587" s="10"/>
    </row>
    <row r="536588" spans="14:14">
      <c r="N536588" s="10"/>
    </row>
    <row r="536589" spans="14:14">
      <c r="N536589" s="10"/>
    </row>
    <row r="536590" spans="14:14">
      <c r="N536590" s="10"/>
    </row>
    <row r="536591" spans="14:14">
      <c r="N536591" s="10"/>
    </row>
    <row r="536592" spans="14:14">
      <c r="N536592" s="10"/>
    </row>
    <row r="536593" spans="14:14">
      <c r="N536593" s="10"/>
    </row>
    <row r="536594" spans="14:14">
      <c r="N536594" s="10"/>
    </row>
    <row r="536595" spans="14:14">
      <c r="N536595" s="10"/>
    </row>
    <row r="536596" spans="14:14">
      <c r="N536596" s="10"/>
    </row>
    <row r="536597" spans="14:14">
      <c r="N536597" s="10"/>
    </row>
    <row r="536598" spans="14:14">
      <c r="N536598" s="10"/>
    </row>
    <row r="536599" spans="14:14">
      <c r="N536599" s="10"/>
    </row>
    <row r="536600" spans="14:14">
      <c r="N536600" s="10"/>
    </row>
    <row r="536601" spans="14:14">
      <c r="N536601" s="10"/>
    </row>
    <row r="536602" spans="14:14">
      <c r="N536602" s="10"/>
    </row>
    <row r="536603" spans="14:14">
      <c r="N536603" s="10"/>
    </row>
    <row r="536604" spans="14:14">
      <c r="N536604" s="10"/>
    </row>
    <row r="536605" spans="14:14">
      <c r="N536605" s="10"/>
    </row>
    <row r="536606" spans="14:14">
      <c r="N536606" s="10"/>
    </row>
    <row r="536607" spans="14:14">
      <c r="N536607" s="10"/>
    </row>
    <row r="536608" spans="14:14">
      <c r="N536608" s="10"/>
    </row>
    <row r="536609" spans="14:14">
      <c r="N536609" s="10"/>
    </row>
    <row r="536610" spans="14:14">
      <c r="N536610" s="10"/>
    </row>
    <row r="536611" spans="14:14">
      <c r="N536611" s="10"/>
    </row>
    <row r="536612" spans="14:14">
      <c r="N536612" s="10"/>
    </row>
    <row r="536613" spans="14:14">
      <c r="N536613" s="10"/>
    </row>
    <row r="536614" spans="14:14">
      <c r="N536614" s="10"/>
    </row>
    <row r="536615" spans="14:14">
      <c r="N536615" s="10"/>
    </row>
    <row r="536616" spans="14:14">
      <c r="N536616" s="10"/>
    </row>
    <row r="536617" spans="14:14">
      <c r="N536617" s="10"/>
    </row>
    <row r="536618" spans="14:14">
      <c r="N536618" s="10"/>
    </row>
    <row r="536619" spans="14:14">
      <c r="N536619" s="10"/>
    </row>
    <row r="536620" spans="14:14">
      <c r="N536620" s="10"/>
    </row>
    <row r="536621" spans="14:14">
      <c r="N536621" s="10"/>
    </row>
    <row r="536622" spans="14:14">
      <c r="N536622" s="10"/>
    </row>
    <row r="536623" spans="14:14">
      <c r="N536623" s="10"/>
    </row>
    <row r="536624" spans="14:14">
      <c r="N536624" s="10"/>
    </row>
    <row r="536625" spans="14:14">
      <c r="N536625" s="10"/>
    </row>
    <row r="536626" spans="14:14">
      <c r="N536626" s="10"/>
    </row>
    <row r="536627" spans="14:14">
      <c r="N536627" s="10"/>
    </row>
    <row r="536628" spans="14:14">
      <c r="N536628" s="10"/>
    </row>
    <row r="536629" spans="14:14">
      <c r="N536629" s="10"/>
    </row>
    <row r="536630" spans="14:14">
      <c r="N536630" s="10"/>
    </row>
    <row r="536631" spans="14:14">
      <c r="N536631" s="10"/>
    </row>
    <row r="536632" spans="14:14">
      <c r="N536632" s="10"/>
    </row>
    <row r="536633" spans="14:14">
      <c r="N536633" s="10"/>
    </row>
    <row r="536634" spans="14:14">
      <c r="N536634" s="10"/>
    </row>
    <row r="536635" spans="14:14">
      <c r="N536635" s="10"/>
    </row>
    <row r="536636" spans="14:14">
      <c r="N536636" s="10"/>
    </row>
    <row r="536637" spans="14:14">
      <c r="N536637" s="10"/>
    </row>
    <row r="536638" spans="14:14">
      <c r="N536638" s="10"/>
    </row>
    <row r="536639" spans="14:14">
      <c r="N536639" s="10"/>
    </row>
    <row r="536640" spans="14:14">
      <c r="N536640" s="10"/>
    </row>
    <row r="536641" spans="14:14">
      <c r="N536641" s="10"/>
    </row>
    <row r="536642" spans="14:14">
      <c r="N536642" s="10"/>
    </row>
    <row r="536643" spans="14:14">
      <c r="N536643" s="10"/>
    </row>
    <row r="536644" spans="14:14">
      <c r="N536644" s="10"/>
    </row>
    <row r="536645" spans="14:14">
      <c r="N536645" s="10"/>
    </row>
    <row r="536646" spans="14:14">
      <c r="N536646" s="10"/>
    </row>
    <row r="536647" spans="14:14">
      <c r="N536647" s="10"/>
    </row>
    <row r="536648" spans="14:14">
      <c r="N536648" s="10"/>
    </row>
    <row r="536649" spans="14:14">
      <c r="N536649" s="10"/>
    </row>
    <row r="536650" spans="14:14">
      <c r="N536650" s="10"/>
    </row>
    <row r="536651" spans="14:14">
      <c r="N536651" s="10"/>
    </row>
    <row r="536652" spans="14:14">
      <c r="N536652" s="10"/>
    </row>
    <row r="536653" spans="14:14">
      <c r="N536653" s="10"/>
    </row>
    <row r="536654" spans="14:14">
      <c r="N536654" s="10"/>
    </row>
    <row r="536655" spans="14:14">
      <c r="N536655" s="10"/>
    </row>
    <row r="536656" spans="14:14">
      <c r="N536656" s="10"/>
    </row>
    <row r="536657" spans="14:14">
      <c r="N536657" s="10"/>
    </row>
    <row r="536658" spans="14:14">
      <c r="N536658" s="10"/>
    </row>
    <row r="536659" spans="14:14">
      <c r="N536659" s="10"/>
    </row>
    <row r="536660" spans="14:14">
      <c r="N536660" s="10"/>
    </row>
    <row r="536661" spans="14:14">
      <c r="N536661" s="10"/>
    </row>
    <row r="536662" spans="14:14">
      <c r="N536662" s="10"/>
    </row>
    <row r="536663" spans="14:14">
      <c r="N536663" s="10"/>
    </row>
    <row r="536664" spans="14:14">
      <c r="N536664" s="10"/>
    </row>
    <row r="536665" spans="14:14">
      <c r="N536665" s="10"/>
    </row>
    <row r="536666" spans="14:14">
      <c r="N536666" s="10"/>
    </row>
    <row r="536667" spans="14:14">
      <c r="N536667" s="10"/>
    </row>
    <row r="536668" spans="14:14">
      <c r="N536668" s="10"/>
    </row>
    <row r="536669" spans="14:14">
      <c r="N536669" s="10"/>
    </row>
    <row r="536670" spans="14:14">
      <c r="N536670" s="10"/>
    </row>
    <row r="536671" spans="14:14">
      <c r="N536671" s="10"/>
    </row>
    <row r="536672" spans="14:14">
      <c r="N536672" s="10"/>
    </row>
    <row r="536673" spans="14:14">
      <c r="N536673" s="10"/>
    </row>
    <row r="536674" spans="14:14">
      <c r="N536674" s="10"/>
    </row>
    <row r="536675" spans="14:14">
      <c r="N536675" s="10"/>
    </row>
    <row r="536676" spans="14:14">
      <c r="N536676" s="10"/>
    </row>
    <row r="536677" spans="14:14">
      <c r="N536677" s="10"/>
    </row>
    <row r="536678" spans="14:14">
      <c r="N536678" s="10"/>
    </row>
    <row r="536679" spans="14:14">
      <c r="N536679" s="10"/>
    </row>
    <row r="536680" spans="14:14">
      <c r="N536680" s="10"/>
    </row>
    <row r="536681" spans="14:14">
      <c r="N536681" s="10"/>
    </row>
    <row r="536682" spans="14:14">
      <c r="N536682" s="10"/>
    </row>
    <row r="536683" spans="14:14">
      <c r="N536683" s="10"/>
    </row>
    <row r="536684" spans="14:14">
      <c r="N536684" s="10"/>
    </row>
    <row r="536685" spans="14:14">
      <c r="N536685" s="10"/>
    </row>
    <row r="536686" spans="14:14">
      <c r="N536686" s="10"/>
    </row>
    <row r="536687" spans="14:14">
      <c r="N536687" s="10"/>
    </row>
    <row r="536688" spans="14:14">
      <c r="N536688" s="10"/>
    </row>
    <row r="536689" spans="14:14">
      <c r="N536689" s="10"/>
    </row>
    <row r="536690" spans="14:14">
      <c r="N536690" s="10"/>
    </row>
    <row r="536691" spans="14:14">
      <c r="N536691" s="10"/>
    </row>
    <row r="536692" spans="14:14">
      <c r="N536692" s="10"/>
    </row>
    <row r="536693" spans="14:14">
      <c r="N536693" s="10"/>
    </row>
    <row r="536694" spans="14:14">
      <c r="N536694" s="10"/>
    </row>
    <row r="536695" spans="14:14">
      <c r="N536695" s="10"/>
    </row>
    <row r="536696" spans="14:14">
      <c r="N536696" s="10"/>
    </row>
    <row r="536697" spans="14:14">
      <c r="N536697" s="10"/>
    </row>
    <row r="536698" spans="14:14">
      <c r="N536698" s="10"/>
    </row>
    <row r="536699" spans="14:14">
      <c r="N536699" s="10"/>
    </row>
    <row r="536700" spans="14:14">
      <c r="N536700" s="10"/>
    </row>
    <row r="536701" spans="14:14">
      <c r="N536701" s="10"/>
    </row>
    <row r="536702" spans="14:14">
      <c r="N536702" s="10"/>
    </row>
    <row r="536703" spans="14:14">
      <c r="N536703" s="10"/>
    </row>
    <row r="536704" spans="14:14">
      <c r="N536704" s="10"/>
    </row>
    <row r="536705" spans="14:14">
      <c r="N536705" s="10"/>
    </row>
    <row r="536706" spans="14:14">
      <c r="N536706" s="10"/>
    </row>
    <row r="536707" spans="14:14">
      <c r="N536707" s="10"/>
    </row>
    <row r="536708" spans="14:14">
      <c r="N536708" s="10"/>
    </row>
    <row r="536709" spans="14:14">
      <c r="N536709" s="10"/>
    </row>
    <row r="536710" spans="14:14">
      <c r="N536710" s="10"/>
    </row>
    <row r="536711" spans="14:14">
      <c r="N536711" s="10"/>
    </row>
    <row r="536712" spans="14:14">
      <c r="N536712" s="10"/>
    </row>
    <row r="536713" spans="14:14">
      <c r="N536713" s="10"/>
    </row>
    <row r="536714" spans="14:14">
      <c r="N536714" s="10"/>
    </row>
    <row r="536715" spans="14:14">
      <c r="N536715" s="10"/>
    </row>
    <row r="536716" spans="14:14">
      <c r="N536716" s="10"/>
    </row>
    <row r="536717" spans="14:14">
      <c r="N536717" s="10"/>
    </row>
    <row r="536718" spans="14:14">
      <c r="N536718" s="10"/>
    </row>
    <row r="536719" spans="14:14">
      <c r="N536719" s="10"/>
    </row>
    <row r="536720" spans="14:14">
      <c r="N536720" s="10"/>
    </row>
    <row r="536721" spans="14:14">
      <c r="N536721" s="10"/>
    </row>
    <row r="536722" spans="14:14">
      <c r="N536722" s="10"/>
    </row>
    <row r="536723" spans="14:14">
      <c r="N536723" s="10"/>
    </row>
    <row r="536724" spans="14:14">
      <c r="N536724" s="10"/>
    </row>
    <row r="536725" spans="14:14">
      <c r="N536725" s="10"/>
    </row>
    <row r="536726" spans="14:14">
      <c r="N536726" s="10"/>
    </row>
    <row r="536727" spans="14:14">
      <c r="N536727" s="10"/>
    </row>
    <row r="536728" spans="14:14">
      <c r="N536728" s="10"/>
    </row>
    <row r="536729" spans="14:14">
      <c r="N536729" s="10"/>
    </row>
    <row r="536730" spans="14:14">
      <c r="N536730" s="10"/>
    </row>
    <row r="536731" spans="14:14">
      <c r="N536731" s="10"/>
    </row>
    <row r="536732" spans="14:14">
      <c r="N536732" s="10"/>
    </row>
    <row r="536733" spans="14:14">
      <c r="N536733" s="10"/>
    </row>
    <row r="536734" spans="14:14">
      <c r="N536734" s="10"/>
    </row>
    <row r="536735" spans="14:14">
      <c r="N536735" s="10"/>
    </row>
    <row r="536736" spans="14:14">
      <c r="N536736" s="10"/>
    </row>
    <row r="536737" spans="14:14">
      <c r="N536737" s="10"/>
    </row>
    <row r="536738" spans="14:14">
      <c r="N536738" s="10"/>
    </row>
    <row r="536739" spans="14:14">
      <c r="N536739" s="10"/>
    </row>
    <row r="536740" spans="14:14">
      <c r="N536740" s="10"/>
    </row>
    <row r="536741" spans="14:14">
      <c r="N536741" s="10"/>
    </row>
    <row r="536742" spans="14:14">
      <c r="N536742" s="10"/>
    </row>
    <row r="536743" spans="14:14">
      <c r="N536743" s="10"/>
    </row>
    <row r="536744" spans="14:14">
      <c r="N536744" s="10"/>
    </row>
    <row r="536745" spans="14:14">
      <c r="N536745" s="10"/>
    </row>
    <row r="536746" spans="14:14">
      <c r="N536746" s="10"/>
    </row>
    <row r="536747" spans="14:14">
      <c r="N536747" s="10"/>
    </row>
    <row r="536748" spans="14:14">
      <c r="N536748" s="10"/>
    </row>
    <row r="536749" spans="14:14">
      <c r="N536749" s="10"/>
    </row>
    <row r="536750" spans="14:14">
      <c r="N536750" s="10"/>
    </row>
    <row r="536751" spans="14:14">
      <c r="N536751" s="10"/>
    </row>
    <row r="536752" spans="14:14">
      <c r="N536752" s="10"/>
    </row>
    <row r="536753" spans="14:14">
      <c r="N536753" s="10"/>
    </row>
    <row r="536754" spans="14:14">
      <c r="N536754" s="10"/>
    </row>
    <row r="536755" spans="14:14">
      <c r="N536755" s="10"/>
    </row>
    <row r="536756" spans="14:14">
      <c r="N536756" s="10"/>
    </row>
    <row r="536757" spans="14:14">
      <c r="N536757" s="10"/>
    </row>
    <row r="536758" spans="14:14">
      <c r="N536758" s="10"/>
    </row>
    <row r="536759" spans="14:14">
      <c r="N536759" s="10"/>
    </row>
    <row r="536760" spans="14:14">
      <c r="N536760" s="10"/>
    </row>
    <row r="536761" spans="14:14">
      <c r="N536761" s="10"/>
    </row>
    <row r="536762" spans="14:14">
      <c r="N536762" s="10"/>
    </row>
    <row r="536763" spans="14:14">
      <c r="N536763" s="10"/>
    </row>
    <row r="536764" spans="14:14">
      <c r="N536764" s="10"/>
    </row>
    <row r="536765" spans="14:14">
      <c r="N536765" s="10"/>
    </row>
    <row r="536766" spans="14:14">
      <c r="N536766" s="10"/>
    </row>
    <row r="536767" spans="14:14">
      <c r="N536767" s="10"/>
    </row>
    <row r="536768" spans="14:14">
      <c r="N536768" s="10"/>
    </row>
    <row r="536769" spans="14:14">
      <c r="N536769" s="10"/>
    </row>
    <row r="536770" spans="14:14">
      <c r="N536770" s="10"/>
    </row>
    <row r="536771" spans="14:14">
      <c r="N536771" s="10"/>
    </row>
    <row r="536772" spans="14:14">
      <c r="N536772" s="10"/>
    </row>
    <row r="536773" spans="14:14">
      <c r="N536773" s="10"/>
    </row>
    <row r="536774" spans="14:14">
      <c r="N536774" s="10"/>
    </row>
    <row r="536775" spans="14:14">
      <c r="N536775" s="10"/>
    </row>
    <row r="536776" spans="14:14">
      <c r="N536776" s="10"/>
    </row>
    <row r="536777" spans="14:14">
      <c r="N536777" s="10"/>
    </row>
    <row r="536778" spans="14:14">
      <c r="N536778" s="10"/>
    </row>
    <row r="536779" spans="14:14">
      <c r="N536779" s="10"/>
    </row>
    <row r="536780" spans="14:14">
      <c r="N536780" s="10"/>
    </row>
    <row r="536781" spans="14:14">
      <c r="N536781" s="10"/>
    </row>
    <row r="536782" spans="14:14">
      <c r="N536782" s="10"/>
    </row>
    <row r="536783" spans="14:14">
      <c r="N536783" s="10"/>
    </row>
    <row r="536784" spans="14:14">
      <c r="N536784" s="10"/>
    </row>
    <row r="536785" spans="14:14">
      <c r="N536785" s="10"/>
    </row>
    <row r="536786" spans="14:14">
      <c r="N536786" s="10"/>
    </row>
    <row r="536787" spans="14:14">
      <c r="N536787" s="10"/>
    </row>
    <row r="536788" spans="14:14">
      <c r="N536788" s="10"/>
    </row>
    <row r="536789" spans="14:14">
      <c r="N536789" s="10"/>
    </row>
    <row r="536790" spans="14:14">
      <c r="N536790" s="10"/>
    </row>
    <row r="536791" spans="14:14">
      <c r="N536791" s="10"/>
    </row>
    <row r="536792" spans="14:14">
      <c r="N536792" s="10"/>
    </row>
    <row r="536793" spans="14:14">
      <c r="N536793" s="10"/>
    </row>
    <row r="536794" spans="14:14">
      <c r="N536794" s="10"/>
    </row>
    <row r="536795" spans="14:14">
      <c r="N536795" s="10"/>
    </row>
    <row r="536796" spans="14:14">
      <c r="N536796" s="10"/>
    </row>
    <row r="536797" spans="14:14">
      <c r="N536797" s="10"/>
    </row>
    <row r="536798" spans="14:14">
      <c r="N536798" s="10"/>
    </row>
    <row r="536799" spans="14:14">
      <c r="N536799" s="10"/>
    </row>
    <row r="536800" spans="14:14">
      <c r="N536800" s="10"/>
    </row>
    <row r="536801" spans="14:14">
      <c r="N536801" s="10"/>
    </row>
    <row r="536802" spans="14:14">
      <c r="N536802" s="10"/>
    </row>
    <row r="536803" spans="14:14">
      <c r="N536803" s="10"/>
    </row>
    <row r="536804" spans="14:14">
      <c r="N536804" s="10"/>
    </row>
    <row r="536805" spans="14:14">
      <c r="N536805" s="10"/>
    </row>
    <row r="536806" spans="14:14">
      <c r="N536806" s="10"/>
    </row>
    <row r="536807" spans="14:14">
      <c r="N536807" s="10"/>
    </row>
    <row r="536808" spans="14:14">
      <c r="N536808" s="10"/>
    </row>
    <row r="536809" spans="14:14">
      <c r="N536809" s="10"/>
    </row>
    <row r="536810" spans="14:14">
      <c r="N536810" s="10"/>
    </row>
    <row r="536811" spans="14:14">
      <c r="N536811" s="10"/>
    </row>
    <row r="536812" spans="14:14">
      <c r="N536812" s="10"/>
    </row>
    <row r="536813" spans="14:14">
      <c r="N536813" s="10"/>
    </row>
    <row r="536814" spans="14:14">
      <c r="N536814" s="10"/>
    </row>
    <row r="536815" spans="14:14">
      <c r="N536815" s="10"/>
    </row>
    <row r="536816" spans="14:14">
      <c r="N536816" s="10"/>
    </row>
    <row r="536817" spans="14:14">
      <c r="N536817" s="10"/>
    </row>
    <row r="536818" spans="14:14">
      <c r="N536818" s="10"/>
    </row>
    <row r="536819" spans="14:14">
      <c r="N536819" s="10"/>
    </row>
    <row r="536820" spans="14:14">
      <c r="N536820" s="10"/>
    </row>
    <row r="536821" spans="14:14">
      <c r="N536821" s="10"/>
    </row>
    <row r="536822" spans="14:14">
      <c r="N536822" s="10"/>
    </row>
    <row r="536823" spans="14:14">
      <c r="N536823" s="10"/>
    </row>
    <row r="536824" spans="14:14">
      <c r="N536824" s="10"/>
    </row>
    <row r="536825" spans="14:14">
      <c r="N536825" s="10"/>
    </row>
    <row r="536826" spans="14:14">
      <c r="N536826" s="10"/>
    </row>
    <row r="536827" spans="14:14">
      <c r="N536827" s="10"/>
    </row>
    <row r="536828" spans="14:14">
      <c r="N536828" s="10"/>
    </row>
    <row r="536829" spans="14:14">
      <c r="N536829" s="10"/>
    </row>
    <row r="536830" spans="14:14">
      <c r="N536830" s="10"/>
    </row>
    <row r="536831" spans="14:14">
      <c r="N536831" s="10"/>
    </row>
    <row r="536832" spans="14:14">
      <c r="N536832" s="10"/>
    </row>
    <row r="536833" spans="14:14">
      <c r="N536833" s="10"/>
    </row>
    <row r="536834" spans="14:14">
      <c r="N536834" s="10"/>
    </row>
    <row r="536835" spans="14:14">
      <c r="N536835" s="10"/>
    </row>
    <row r="536836" spans="14:14">
      <c r="N536836" s="10"/>
    </row>
    <row r="536837" spans="14:14">
      <c r="N536837" s="10"/>
    </row>
    <row r="536838" spans="14:14">
      <c r="N536838" s="10"/>
    </row>
    <row r="536839" spans="14:14">
      <c r="N536839" s="10"/>
    </row>
    <row r="536840" spans="14:14">
      <c r="N536840" s="10"/>
    </row>
    <row r="536841" spans="14:14">
      <c r="N536841" s="10"/>
    </row>
    <row r="536842" spans="14:14">
      <c r="N536842" s="10"/>
    </row>
    <row r="536843" spans="14:14">
      <c r="N536843" s="10"/>
    </row>
    <row r="536844" spans="14:14">
      <c r="N536844" s="10"/>
    </row>
    <row r="536845" spans="14:14">
      <c r="N536845" s="10"/>
    </row>
    <row r="536846" spans="14:14">
      <c r="N536846" s="10"/>
    </row>
    <row r="536847" spans="14:14">
      <c r="N536847" s="10"/>
    </row>
    <row r="536848" spans="14:14">
      <c r="N536848" s="10"/>
    </row>
    <row r="536849" spans="14:14">
      <c r="N536849" s="10"/>
    </row>
    <row r="536850" spans="14:14">
      <c r="N536850" s="10"/>
    </row>
    <row r="536851" spans="14:14">
      <c r="N536851" s="10"/>
    </row>
    <row r="536852" spans="14:14">
      <c r="N536852" s="10"/>
    </row>
    <row r="536853" spans="14:14">
      <c r="N536853" s="10"/>
    </row>
    <row r="536854" spans="14:14">
      <c r="N536854" s="10"/>
    </row>
    <row r="536855" spans="14:14">
      <c r="N536855" s="10"/>
    </row>
    <row r="536856" spans="14:14">
      <c r="N536856" s="10"/>
    </row>
    <row r="536857" spans="14:14">
      <c r="N536857" s="10"/>
    </row>
    <row r="536858" spans="14:14">
      <c r="N536858" s="10"/>
    </row>
    <row r="536859" spans="14:14">
      <c r="N536859" s="10"/>
    </row>
    <row r="536860" spans="14:14">
      <c r="N536860" s="10"/>
    </row>
    <row r="536861" spans="14:14">
      <c r="N536861" s="10"/>
    </row>
    <row r="536862" spans="14:14">
      <c r="N536862" s="10"/>
    </row>
    <row r="536863" spans="14:14">
      <c r="N536863" s="10"/>
    </row>
    <row r="536864" spans="14:14">
      <c r="N536864" s="10"/>
    </row>
    <row r="536865" spans="14:14">
      <c r="N536865" s="10"/>
    </row>
    <row r="536866" spans="14:14">
      <c r="N536866" s="10"/>
    </row>
    <row r="536867" spans="14:14">
      <c r="N536867" s="10"/>
    </row>
    <row r="536868" spans="14:14">
      <c r="N536868" s="10"/>
    </row>
    <row r="536869" spans="14:14">
      <c r="N536869" s="10"/>
    </row>
    <row r="536870" spans="14:14">
      <c r="N536870" s="10"/>
    </row>
    <row r="536871" spans="14:14">
      <c r="N536871" s="10"/>
    </row>
    <row r="536872" spans="14:14">
      <c r="N536872" s="10"/>
    </row>
    <row r="536873" spans="14:14">
      <c r="N536873" s="10"/>
    </row>
    <row r="536874" spans="14:14">
      <c r="N536874" s="10"/>
    </row>
    <row r="536875" spans="14:14">
      <c r="N536875" s="10"/>
    </row>
    <row r="536876" spans="14:14">
      <c r="N536876" s="10"/>
    </row>
    <row r="536877" spans="14:14">
      <c r="N536877" s="10"/>
    </row>
    <row r="536878" spans="14:14">
      <c r="N536878" s="10"/>
    </row>
    <row r="536879" spans="14:14">
      <c r="N536879" s="10"/>
    </row>
    <row r="536880" spans="14:14">
      <c r="N536880" s="10"/>
    </row>
    <row r="536881" spans="14:14">
      <c r="N536881" s="10"/>
    </row>
    <row r="536882" spans="14:14">
      <c r="N536882" s="10"/>
    </row>
    <row r="536883" spans="14:14">
      <c r="N536883" s="10"/>
    </row>
    <row r="536884" spans="14:14">
      <c r="N536884" s="10"/>
    </row>
    <row r="536885" spans="14:14">
      <c r="N536885" s="10"/>
    </row>
    <row r="536886" spans="14:14">
      <c r="N536886" s="10"/>
    </row>
    <row r="536887" spans="14:14">
      <c r="N536887" s="10"/>
    </row>
    <row r="536888" spans="14:14">
      <c r="N536888" s="10"/>
    </row>
    <row r="536889" spans="14:14">
      <c r="N536889" s="10"/>
    </row>
    <row r="536890" spans="14:14">
      <c r="N536890" s="10"/>
    </row>
    <row r="536891" spans="14:14">
      <c r="N536891" s="10"/>
    </row>
    <row r="536892" spans="14:14">
      <c r="N536892" s="10"/>
    </row>
    <row r="536893" spans="14:14">
      <c r="N536893" s="10"/>
    </row>
    <row r="536894" spans="14:14">
      <c r="N536894" s="10"/>
    </row>
    <row r="536895" spans="14:14">
      <c r="N536895" s="10"/>
    </row>
    <row r="536896" spans="14:14">
      <c r="N536896" s="10"/>
    </row>
    <row r="536897" spans="14:14">
      <c r="N536897" s="10"/>
    </row>
    <row r="536898" spans="14:14">
      <c r="N536898" s="10"/>
    </row>
    <row r="536899" spans="14:14">
      <c r="N536899" s="10"/>
    </row>
    <row r="536900" spans="14:14">
      <c r="N536900" s="10"/>
    </row>
    <row r="536901" spans="14:14">
      <c r="N536901" s="10"/>
    </row>
    <row r="536902" spans="14:14">
      <c r="N536902" s="10"/>
    </row>
    <row r="536903" spans="14:14">
      <c r="N536903" s="10"/>
    </row>
    <row r="536904" spans="14:14">
      <c r="N536904" s="10"/>
    </row>
    <row r="536905" spans="14:14">
      <c r="N536905" s="10"/>
    </row>
    <row r="536906" spans="14:14">
      <c r="N536906" s="10"/>
    </row>
    <row r="536907" spans="14:14">
      <c r="N536907" s="10"/>
    </row>
    <row r="536908" spans="14:14">
      <c r="N536908" s="10"/>
    </row>
    <row r="536909" spans="14:14">
      <c r="N536909" s="10"/>
    </row>
    <row r="536910" spans="14:14">
      <c r="N536910" s="10"/>
    </row>
    <row r="536911" spans="14:14">
      <c r="N536911" s="10"/>
    </row>
    <row r="536912" spans="14:14">
      <c r="N536912" s="10"/>
    </row>
    <row r="536913" spans="14:14">
      <c r="N536913" s="10"/>
    </row>
    <row r="536914" spans="14:14">
      <c r="N536914" s="10"/>
    </row>
    <row r="536915" spans="14:14">
      <c r="N536915" s="10"/>
    </row>
    <row r="536916" spans="14:14">
      <c r="N536916" s="10"/>
    </row>
    <row r="536917" spans="14:14">
      <c r="N536917" s="10"/>
    </row>
    <row r="536918" spans="14:14">
      <c r="N536918" s="10"/>
    </row>
    <row r="536919" spans="14:14">
      <c r="N536919" s="10"/>
    </row>
    <row r="536920" spans="14:14">
      <c r="N536920" s="10"/>
    </row>
    <row r="536921" spans="14:14">
      <c r="N536921" s="10"/>
    </row>
    <row r="536922" spans="14:14">
      <c r="N536922" s="10"/>
    </row>
    <row r="536923" spans="14:14">
      <c r="N536923" s="10"/>
    </row>
    <row r="536924" spans="14:14">
      <c r="N536924" s="10"/>
    </row>
    <row r="536925" spans="14:14">
      <c r="N536925" s="10"/>
    </row>
    <row r="536926" spans="14:14">
      <c r="N536926" s="10"/>
    </row>
    <row r="536927" spans="14:14">
      <c r="N536927" s="10"/>
    </row>
    <row r="536928" spans="14:14">
      <c r="N536928" s="10"/>
    </row>
    <row r="536929" spans="14:14">
      <c r="N536929" s="10"/>
    </row>
    <row r="536930" spans="14:14">
      <c r="N536930" s="10"/>
    </row>
    <row r="536931" spans="14:14">
      <c r="N536931" s="10"/>
    </row>
    <row r="536932" spans="14:14">
      <c r="N536932" s="10"/>
    </row>
    <row r="536933" spans="14:14">
      <c r="N536933" s="10"/>
    </row>
    <row r="536934" spans="14:14">
      <c r="N536934" s="10"/>
    </row>
    <row r="536935" spans="14:14">
      <c r="N536935" s="10"/>
    </row>
    <row r="536936" spans="14:14">
      <c r="N536936" s="10"/>
    </row>
    <row r="536937" spans="14:14">
      <c r="N536937" s="10"/>
    </row>
    <row r="536938" spans="14:14">
      <c r="N536938" s="10"/>
    </row>
    <row r="536939" spans="14:14">
      <c r="N536939" s="10"/>
    </row>
    <row r="536940" spans="14:14">
      <c r="N536940" s="10"/>
    </row>
    <row r="536941" spans="14:14">
      <c r="N536941" s="10"/>
    </row>
    <row r="536942" spans="14:14">
      <c r="N536942" s="10"/>
    </row>
    <row r="536943" spans="14:14">
      <c r="N536943" s="10"/>
    </row>
    <row r="536944" spans="14:14">
      <c r="N536944" s="10"/>
    </row>
    <row r="536945" spans="14:14">
      <c r="N536945" s="10"/>
    </row>
    <row r="536946" spans="14:14">
      <c r="N536946" s="10"/>
    </row>
    <row r="536947" spans="14:14">
      <c r="N536947" s="10"/>
    </row>
    <row r="536948" spans="14:14">
      <c r="N536948" s="10"/>
    </row>
    <row r="536949" spans="14:14">
      <c r="N536949" s="10"/>
    </row>
    <row r="536950" spans="14:14">
      <c r="N536950" s="10"/>
    </row>
    <row r="536951" spans="14:14">
      <c r="N536951" s="10"/>
    </row>
    <row r="536952" spans="14:14">
      <c r="N536952" s="10"/>
    </row>
    <row r="536953" spans="14:14">
      <c r="N536953" s="10"/>
    </row>
    <row r="536954" spans="14:14">
      <c r="N536954" s="10"/>
    </row>
    <row r="536955" spans="14:14">
      <c r="N536955" s="10"/>
    </row>
    <row r="536956" spans="14:14">
      <c r="N536956" s="10"/>
    </row>
    <row r="536957" spans="14:14">
      <c r="N536957" s="10"/>
    </row>
    <row r="536958" spans="14:14">
      <c r="N536958" s="10"/>
    </row>
    <row r="536959" spans="14:14">
      <c r="N536959" s="10"/>
    </row>
    <row r="536960" spans="14:14">
      <c r="N536960" s="10"/>
    </row>
    <row r="536961" spans="14:14">
      <c r="N536961" s="10"/>
    </row>
    <row r="536962" spans="14:14">
      <c r="N536962" s="10"/>
    </row>
    <row r="536963" spans="14:14">
      <c r="N536963" s="10"/>
    </row>
    <row r="536964" spans="14:14">
      <c r="N536964" s="10"/>
    </row>
    <row r="536965" spans="14:14">
      <c r="N536965" s="10"/>
    </row>
    <row r="536966" spans="14:14">
      <c r="N536966" s="10"/>
    </row>
    <row r="536967" spans="14:14">
      <c r="N536967" s="10"/>
    </row>
    <row r="536968" spans="14:14">
      <c r="N536968" s="10"/>
    </row>
    <row r="536969" spans="14:14">
      <c r="N536969" s="10"/>
    </row>
    <row r="536970" spans="14:14">
      <c r="N536970" s="10"/>
    </row>
    <row r="536971" spans="14:14">
      <c r="N536971" s="10"/>
    </row>
    <row r="536972" spans="14:14">
      <c r="N536972" s="10"/>
    </row>
    <row r="536973" spans="14:14">
      <c r="N536973" s="10"/>
    </row>
    <row r="536974" spans="14:14">
      <c r="N536974" s="10"/>
    </row>
    <row r="536975" spans="14:14">
      <c r="N536975" s="10"/>
    </row>
    <row r="536976" spans="14:14">
      <c r="N536976" s="10"/>
    </row>
    <row r="536977" spans="14:14">
      <c r="N536977" s="10"/>
    </row>
    <row r="536978" spans="14:14">
      <c r="N536978" s="10"/>
    </row>
    <row r="536979" spans="14:14">
      <c r="N536979" s="10"/>
    </row>
    <row r="536980" spans="14:14">
      <c r="N536980" s="10"/>
    </row>
    <row r="536981" spans="14:14">
      <c r="N536981" s="10"/>
    </row>
    <row r="536982" spans="14:14">
      <c r="N536982" s="10"/>
    </row>
    <row r="536983" spans="14:14">
      <c r="N536983" s="10"/>
    </row>
    <row r="536984" spans="14:14">
      <c r="N536984" s="10"/>
    </row>
    <row r="536985" spans="14:14">
      <c r="N536985" s="10"/>
    </row>
    <row r="536986" spans="14:14">
      <c r="N536986" s="10"/>
    </row>
    <row r="536987" spans="14:14">
      <c r="N536987" s="10"/>
    </row>
    <row r="536988" spans="14:14">
      <c r="N536988" s="10"/>
    </row>
    <row r="536989" spans="14:14">
      <c r="N536989" s="10"/>
    </row>
    <row r="536990" spans="14:14">
      <c r="N536990" s="10"/>
    </row>
    <row r="536991" spans="14:14">
      <c r="N536991" s="10"/>
    </row>
    <row r="536992" spans="14:14">
      <c r="N536992" s="10"/>
    </row>
    <row r="536993" spans="14:14">
      <c r="N536993" s="10"/>
    </row>
    <row r="536994" spans="14:14">
      <c r="N536994" s="10"/>
    </row>
    <row r="536995" spans="14:14">
      <c r="N536995" s="10"/>
    </row>
    <row r="536996" spans="14:14">
      <c r="N536996" s="10"/>
    </row>
    <row r="536997" spans="14:14">
      <c r="N536997" s="10"/>
    </row>
    <row r="536998" spans="14:14">
      <c r="N536998" s="10"/>
    </row>
    <row r="536999" spans="14:14">
      <c r="N536999" s="10"/>
    </row>
    <row r="537000" spans="14:14">
      <c r="N537000" s="10"/>
    </row>
    <row r="537001" spans="14:14">
      <c r="N537001" s="10"/>
    </row>
    <row r="537002" spans="14:14">
      <c r="N537002" s="10"/>
    </row>
    <row r="537003" spans="14:14">
      <c r="N537003" s="10"/>
    </row>
    <row r="537004" spans="14:14">
      <c r="N537004" s="10"/>
    </row>
    <row r="537005" spans="14:14">
      <c r="N537005" s="10"/>
    </row>
    <row r="537006" spans="14:14">
      <c r="N537006" s="10"/>
    </row>
    <row r="537007" spans="14:14">
      <c r="N537007" s="10"/>
    </row>
    <row r="537008" spans="14:14">
      <c r="N537008" s="10"/>
    </row>
    <row r="537009" spans="14:14">
      <c r="N537009" s="10"/>
    </row>
    <row r="537010" spans="14:14">
      <c r="N537010" s="10"/>
    </row>
    <row r="537011" spans="14:14">
      <c r="N537011" s="10"/>
    </row>
    <row r="537012" spans="14:14">
      <c r="N537012" s="10"/>
    </row>
    <row r="537013" spans="14:14">
      <c r="N537013" s="10"/>
    </row>
    <row r="537014" spans="14:14">
      <c r="N537014" s="10"/>
    </row>
    <row r="537015" spans="14:14">
      <c r="N537015" s="10"/>
    </row>
    <row r="537016" spans="14:14">
      <c r="N537016" s="10"/>
    </row>
    <row r="537017" spans="14:14">
      <c r="N537017" s="10"/>
    </row>
    <row r="537018" spans="14:14">
      <c r="N537018" s="10"/>
    </row>
    <row r="537019" spans="14:14">
      <c r="N537019" s="10"/>
    </row>
    <row r="537020" spans="14:14">
      <c r="N537020" s="10"/>
    </row>
    <row r="537021" spans="14:14">
      <c r="N537021" s="10"/>
    </row>
    <row r="537022" spans="14:14">
      <c r="N537022" s="10"/>
    </row>
    <row r="537023" spans="14:14">
      <c r="N537023" s="10"/>
    </row>
    <row r="537024" spans="14:14">
      <c r="N537024" s="10"/>
    </row>
    <row r="537025" spans="14:14">
      <c r="N537025" s="10"/>
    </row>
    <row r="537026" spans="14:14">
      <c r="N537026" s="10"/>
    </row>
    <row r="537027" spans="14:14">
      <c r="N537027" s="10"/>
    </row>
    <row r="537028" spans="14:14">
      <c r="N537028" s="10"/>
    </row>
    <row r="537029" spans="14:14">
      <c r="N537029" s="10"/>
    </row>
    <row r="537030" spans="14:14">
      <c r="N537030" s="10"/>
    </row>
    <row r="537031" spans="14:14">
      <c r="N537031" s="10"/>
    </row>
    <row r="537032" spans="14:14">
      <c r="N537032" s="10"/>
    </row>
    <row r="537033" spans="14:14">
      <c r="N537033" s="10"/>
    </row>
    <row r="537034" spans="14:14">
      <c r="N537034" s="10"/>
    </row>
    <row r="537035" spans="14:14">
      <c r="N537035" s="10"/>
    </row>
    <row r="537036" spans="14:14">
      <c r="N537036" s="10"/>
    </row>
    <row r="537037" spans="14:14">
      <c r="N537037" s="10"/>
    </row>
    <row r="537038" spans="14:14">
      <c r="N537038" s="10"/>
    </row>
    <row r="537039" spans="14:14">
      <c r="N537039" s="10"/>
    </row>
    <row r="537040" spans="14:14">
      <c r="N537040" s="10"/>
    </row>
    <row r="537041" spans="14:14">
      <c r="N537041" s="10"/>
    </row>
    <row r="537042" spans="14:14">
      <c r="N537042" s="10"/>
    </row>
    <row r="537043" spans="14:14">
      <c r="N537043" s="10"/>
    </row>
    <row r="537044" spans="14:14">
      <c r="N537044" s="10"/>
    </row>
    <row r="537045" spans="14:14">
      <c r="N537045" s="10"/>
    </row>
    <row r="537046" spans="14:14">
      <c r="N537046" s="10"/>
    </row>
    <row r="537047" spans="14:14">
      <c r="N537047" s="10"/>
    </row>
    <row r="537048" spans="14:14">
      <c r="N537048" s="10"/>
    </row>
    <row r="537049" spans="14:14">
      <c r="N537049" s="10"/>
    </row>
    <row r="537050" spans="14:14">
      <c r="N537050" s="10"/>
    </row>
    <row r="537051" spans="14:14">
      <c r="N537051" s="10"/>
    </row>
    <row r="537052" spans="14:14">
      <c r="N537052" s="10"/>
    </row>
    <row r="537053" spans="14:14">
      <c r="N537053" s="10"/>
    </row>
    <row r="537054" spans="14:14">
      <c r="N537054" s="10"/>
    </row>
    <row r="537055" spans="14:14">
      <c r="N537055" s="10"/>
    </row>
    <row r="537056" spans="14:14">
      <c r="N537056" s="10"/>
    </row>
    <row r="537057" spans="14:14">
      <c r="N537057" s="10"/>
    </row>
    <row r="537058" spans="14:14">
      <c r="N537058" s="10"/>
    </row>
    <row r="537059" spans="14:14">
      <c r="N537059" s="10"/>
    </row>
    <row r="537060" spans="14:14">
      <c r="N537060" s="10"/>
    </row>
    <row r="537061" spans="14:14">
      <c r="N537061" s="10"/>
    </row>
    <row r="537062" spans="14:14">
      <c r="N537062" s="10"/>
    </row>
    <row r="537063" spans="14:14">
      <c r="N537063" s="10"/>
    </row>
    <row r="537064" spans="14:14">
      <c r="N537064" s="10"/>
    </row>
    <row r="537065" spans="14:14">
      <c r="N537065" s="10"/>
    </row>
    <row r="537066" spans="14:14">
      <c r="N537066" s="10"/>
    </row>
    <row r="537067" spans="14:14">
      <c r="N537067" s="10"/>
    </row>
    <row r="537068" spans="14:14">
      <c r="N537068" s="10"/>
    </row>
    <row r="537069" spans="14:14">
      <c r="N537069" s="10"/>
    </row>
    <row r="537070" spans="14:14">
      <c r="N537070" s="10"/>
    </row>
    <row r="537071" spans="14:14">
      <c r="N537071" s="10"/>
    </row>
    <row r="537072" spans="14:14">
      <c r="N537072" s="10"/>
    </row>
    <row r="537073" spans="14:14">
      <c r="N537073" s="10"/>
    </row>
    <row r="537074" spans="14:14">
      <c r="N537074" s="10"/>
    </row>
    <row r="537075" spans="14:14">
      <c r="N537075" s="10"/>
    </row>
    <row r="537076" spans="14:14">
      <c r="N537076" s="10"/>
    </row>
    <row r="537077" spans="14:14">
      <c r="N537077" s="10"/>
    </row>
    <row r="537078" spans="14:14">
      <c r="N537078" s="10"/>
    </row>
    <row r="537079" spans="14:14">
      <c r="N537079" s="10"/>
    </row>
    <row r="537080" spans="14:14">
      <c r="N537080" s="10"/>
    </row>
    <row r="537081" spans="14:14">
      <c r="N537081" s="10"/>
    </row>
    <row r="537082" spans="14:14">
      <c r="N537082" s="10"/>
    </row>
    <row r="537083" spans="14:14">
      <c r="N537083" s="10"/>
    </row>
    <row r="537084" spans="14:14">
      <c r="N537084" s="10"/>
    </row>
    <row r="537085" spans="14:14">
      <c r="N537085" s="10"/>
    </row>
    <row r="537086" spans="14:14">
      <c r="N537086" s="10"/>
    </row>
    <row r="537087" spans="14:14">
      <c r="N537087" s="10"/>
    </row>
    <row r="537088" spans="14:14">
      <c r="N537088" s="10"/>
    </row>
    <row r="537089" spans="14:14">
      <c r="N537089" s="10"/>
    </row>
    <row r="537090" spans="14:14">
      <c r="N537090" s="10"/>
    </row>
    <row r="537091" spans="14:14">
      <c r="N537091" s="10"/>
    </row>
    <row r="537092" spans="14:14">
      <c r="N537092" s="10"/>
    </row>
    <row r="537093" spans="14:14">
      <c r="N537093" s="10"/>
    </row>
    <row r="537094" spans="14:14">
      <c r="N537094" s="10"/>
    </row>
    <row r="537095" spans="14:14">
      <c r="N537095" s="10"/>
    </row>
    <row r="537096" spans="14:14">
      <c r="N537096" s="10"/>
    </row>
    <row r="537097" spans="14:14">
      <c r="N537097" s="10"/>
    </row>
    <row r="537098" spans="14:14">
      <c r="N537098" s="10"/>
    </row>
    <row r="537099" spans="14:14">
      <c r="N537099" s="10"/>
    </row>
    <row r="537100" spans="14:14">
      <c r="N537100" s="10"/>
    </row>
    <row r="537101" spans="14:14">
      <c r="N537101" s="10"/>
    </row>
    <row r="537102" spans="14:14">
      <c r="N537102" s="10"/>
    </row>
    <row r="537103" spans="14:14">
      <c r="N537103" s="10"/>
    </row>
    <row r="537104" spans="14:14">
      <c r="N537104" s="10"/>
    </row>
    <row r="537105" spans="14:14">
      <c r="N537105" s="10"/>
    </row>
    <row r="537106" spans="14:14">
      <c r="N537106" s="10"/>
    </row>
    <row r="537107" spans="14:14">
      <c r="N537107" s="10"/>
    </row>
    <row r="537108" spans="14:14">
      <c r="N537108" s="10"/>
    </row>
    <row r="537109" spans="14:14">
      <c r="N537109" s="10"/>
    </row>
    <row r="537110" spans="14:14">
      <c r="N537110" s="10"/>
    </row>
    <row r="537111" spans="14:14">
      <c r="N537111" s="10"/>
    </row>
    <row r="537112" spans="14:14">
      <c r="N537112" s="10"/>
    </row>
    <row r="537113" spans="14:14">
      <c r="N537113" s="10"/>
    </row>
    <row r="537114" spans="14:14">
      <c r="N537114" s="10"/>
    </row>
    <row r="537115" spans="14:14">
      <c r="N537115" s="10"/>
    </row>
    <row r="537116" spans="14:14">
      <c r="N537116" s="10"/>
    </row>
    <row r="537117" spans="14:14">
      <c r="N537117" s="10"/>
    </row>
    <row r="537118" spans="14:14">
      <c r="N537118" s="10"/>
    </row>
    <row r="537119" spans="14:14">
      <c r="N537119" s="10"/>
    </row>
    <row r="537120" spans="14:14">
      <c r="N537120" s="10"/>
    </row>
    <row r="537121" spans="14:14">
      <c r="N537121" s="10"/>
    </row>
    <row r="537122" spans="14:14">
      <c r="N537122" s="10"/>
    </row>
    <row r="537123" spans="14:14">
      <c r="N537123" s="10"/>
    </row>
    <row r="537124" spans="14:14">
      <c r="N537124" s="10"/>
    </row>
    <row r="537125" spans="14:14">
      <c r="N537125" s="10"/>
    </row>
    <row r="537126" spans="14:14">
      <c r="N537126" s="10"/>
    </row>
    <row r="537127" spans="14:14">
      <c r="N537127" s="10"/>
    </row>
    <row r="537128" spans="14:14">
      <c r="N537128" s="10"/>
    </row>
    <row r="537129" spans="14:14">
      <c r="N537129" s="10"/>
    </row>
    <row r="537130" spans="14:14">
      <c r="N537130" s="10"/>
    </row>
    <row r="537131" spans="14:14">
      <c r="N537131" s="10"/>
    </row>
    <row r="537132" spans="14:14">
      <c r="N537132" s="10"/>
    </row>
    <row r="537133" spans="14:14">
      <c r="N537133" s="10"/>
    </row>
    <row r="537134" spans="14:14">
      <c r="N537134" s="10"/>
    </row>
    <row r="537135" spans="14:14">
      <c r="N537135" s="10"/>
    </row>
    <row r="537136" spans="14:14">
      <c r="N537136" s="10"/>
    </row>
    <row r="537137" spans="14:14">
      <c r="N537137" s="10"/>
    </row>
    <row r="537138" spans="14:14">
      <c r="N537138" s="10"/>
    </row>
    <row r="537139" spans="14:14">
      <c r="N537139" s="10"/>
    </row>
    <row r="537140" spans="14:14">
      <c r="N537140" s="10"/>
    </row>
    <row r="537141" spans="14:14">
      <c r="N537141" s="10"/>
    </row>
    <row r="537142" spans="14:14">
      <c r="N537142" s="10"/>
    </row>
    <row r="537143" spans="14:14">
      <c r="N537143" s="10"/>
    </row>
    <row r="537144" spans="14:14">
      <c r="N537144" s="10"/>
    </row>
    <row r="537145" spans="14:14">
      <c r="N537145" s="10"/>
    </row>
    <row r="537146" spans="14:14">
      <c r="N537146" s="10"/>
    </row>
    <row r="537147" spans="14:14">
      <c r="N537147" s="10"/>
    </row>
    <row r="537148" spans="14:14">
      <c r="N537148" s="10"/>
    </row>
    <row r="537149" spans="14:14">
      <c r="N537149" s="10"/>
    </row>
    <row r="537150" spans="14:14">
      <c r="N537150" s="10"/>
    </row>
    <row r="537151" spans="14:14">
      <c r="N537151" s="10"/>
    </row>
    <row r="537152" spans="14:14">
      <c r="N537152" s="10"/>
    </row>
    <row r="537153" spans="14:14">
      <c r="N537153" s="10"/>
    </row>
    <row r="537154" spans="14:14">
      <c r="N537154" s="10"/>
    </row>
    <row r="537155" spans="14:14">
      <c r="N537155" s="10"/>
    </row>
    <row r="537156" spans="14:14">
      <c r="N537156" s="10"/>
    </row>
    <row r="537157" spans="14:14">
      <c r="N537157" s="10"/>
    </row>
    <row r="537158" spans="14:14">
      <c r="N537158" s="10"/>
    </row>
    <row r="537159" spans="14:14">
      <c r="N537159" s="10"/>
    </row>
    <row r="537160" spans="14:14">
      <c r="N537160" s="10"/>
    </row>
    <row r="537161" spans="14:14">
      <c r="N537161" s="10"/>
    </row>
    <row r="537162" spans="14:14">
      <c r="N537162" s="10"/>
    </row>
    <row r="537163" spans="14:14">
      <c r="N537163" s="10"/>
    </row>
    <row r="537164" spans="14:14">
      <c r="N537164" s="10"/>
    </row>
    <row r="537165" spans="14:14">
      <c r="N537165" s="10"/>
    </row>
    <row r="537166" spans="14:14">
      <c r="N537166" s="10"/>
    </row>
    <row r="537167" spans="14:14">
      <c r="N537167" s="10"/>
    </row>
    <row r="537168" spans="14:14">
      <c r="N537168" s="10"/>
    </row>
    <row r="537169" spans="14:14">
      <c r="N537169" s="10"/>
    </row>
    <row r="537170" spans="14:14">
      <c r="N537170" s="10"/>
    </row>
    <row r="537171" spans="14:14">
      <c r="N537171" s="10"/>
    </row>
    <row r="537172" spans="14:14">
      <c r="N537172" s="10"/>
    </row>
    <row r="537173" spans="14:14">
      <c r="N537173" s="10"/>
    </row>
    <row r="537174" spans="14:14">
      <c r="N537174" s="10"/>
    </row>
    <row r="537175" spans="14:14">
      <c r="N537175" s="10"/>
    </row>
    <row r="537176" spans="14:14">
      <c r="N537176" s="10"/>
    </row>
    <row r="537177" spans="14:14">
      <c r="N537177" s="10"/>
    </row>
    <row r="537178" spans="14:14">
      <c r="N537178" s="10"/>
    </row>
    <row r="537179" spans="14:14">
      <c r="N537179" s="10"/>
    </row>
    <row r="537180" spans="14:14">
      <c r="N537180" s="10"/>
    </row>
    <row r="537181" spans="14:14">
      <c r="N537181" s="10"/>
    </row>
    <row r="537182" spans="14:14">
      <c r="N537182" s="10"/>
    </row>
    <row r="537183" spans="14:14">
      <c r="N537183" s="10"/>
    </row>
    <row r="537184" spans="14:14">
      <c r="N537184" s="10"/>
    </row>
    <row r="537185" spans="14:14">
      <c r="N537185" s="10"/>
    </row>
    <row r="537186" spans="14:14">
      <c r="N537186" s="10"/>
    </row>
    <row r="537187" spans="14:14">
      <c r="N537187" s="10"/>
    </row>
    <row r="537188" spans="14:14">
      <c r="N537188" s="10"/>
    </row>
    <row r="537189" spans="14:14">
      <c r="N537189" s="10"/>
    </row>
    <row r="537190" spans="14:14">
      <c r="N537190" s="10"/>
    </row>
    <row r="537191" spans="14:14">
      <c r="N537191" s="10"/>
    </row>
    <row r="537192" spans="14:14">
      <c r="N537192" s="10"/>
    </row>
    <row r="537193" spans="14:14">
      <c r="N537193" s="10"/>
    </row>
    <row r="537194" spans="14:14">
      <c r="N537194" s="10"/>
    </row>
    <row r="537195" spans="14:14">
      <c r="N537195" s="10"/>
    </row>
    <row r="537196" spans="14:14">
      <c r="N537196" s="10"/>
    </row>
    <row r="537197" spans="14:14">
      <c r="N537197" s="10"/>
    </row>
    <row r="537198" spans="14:14">
      <c r="N537198" s="10"/>
    </row>
    <row r="537199" spans="14:14">
      <c r="N537199" s="10"/>
    </row>
    <row r="537200" spans="14:14">
      <c r="N537200" s="10"/>
    </row>
    <row r="537201" spans="14:14">
      <c r="N537201" s="10"/>
    </row>
    <row r="537202" spans="14:14">
      <c r="N537202" s="10"/>
    </row>
    <row r="537203" spans="14:14">
      <c r="N537203" s="10"/>
    </row>
    <row r="537204" spans="14:14">
      <c r="N537204" s="10"/>
    </row>
    <row r="537205" spans="14:14">
      <c r="N537205" s="10"/>
    </row>
    <row r="537206" spans="14:14">
      <c r="N537206" s="10"/>
    </row>
    <row r="537207" spans="14:14">
      <c r="N537207" s="10"/>
    </row>
    <row r="537208" spans="14:14">
      <c r="N537208" s="10"/>
    </row>
    <row r="537209" spans="14:14">
      <c r="N537209" s="10"/>
    </row>
    <row r="537210" spans="14:14">
      <c r="N537210" s="10"/>
    </row>
    <row r="537211" spans="14:14">
      <c r="N537211" s="10"/>
    </row>
    <row r="537212" spans="14:14">
      <c r="N537212" s="10"/>
    </row>
    <row r="537213" spans="14:14">
      <c r="N537213" s="10"/>
    </row>
    <row r="537214" spans="14:14">
      <c r="N537214" s="10"/>
    </row>
    <row r="537215" spans="14:14">
      <c r="N537215" s="10"/>
    </row>
    <row r="537216" spans="14:14">
      <c r="N537216" s="10"/>
    </row>
    <row r="537217" spans="14:14">
      <c r="N537217" s="10"/>
    </row>
    <row r="537218" spans="14:14">
      <c r="N537218" s="10"/>
    </row>
    <row r="537219" spans="14:14">
      <c r="N537219" s="10"/>
    </row>
    <row r="537220" spans="14:14">
      <c r="N537220" s="10"/>
    </row>
    <row r="537221" spans="14:14">
      <c r="N537221" s="10"/>
    </row>
    <row r="537222" spans="14:14">
      <c r="N537222" s="10"/>
    </row>
    <row r="537223" spans="14:14">
      <c r="N537223" s="10"/>
    </row>
    <row r="537224" spans="14:14">
      <c r="N537224" s="10"/>
    </row>
    <row r="537225" spans="14:14">
      <c r="N537225" s="10"/>
    </row>
    <row r="537226" spans="14:14">
      <c r="N537226" s="10"/>
    </row>
    <row r="537227" spans="14:14">
      <c r="N537227" s="10"/>
    </row>
    <row r="537228" spans="14:14">
      <c r="N537228" s="10"/>
    </row>
    <row r="537229" spans="14:14">
      <c r="N537229" s="10"/>
    </row>
    <row r="537230" spans="14:14">
      <c r="N537230" s="10"/>
    </row>
    <row r="537231" spans="14:14">
      <c r="N537231" s="10"/>
    </row>
    <row r="537232" spans="14:14">
      <c r="N537232" s="10"/>
    </row>
    <row r="537233" spans="14:14">
      <c r="N537233" s="10"/>
    </row>
    <row r="537234" spans="14:14">
      <c r="N537234" s="10"/>
    </row>
    <row r="537235" spans="14:14">
      <c r="N537235" s="10"/>
    </row>
    <row r="537236" spans="14:14">
      <c r="N537236" s="10"/>
    </row>
    <row r="537237" spans="14:14">
      <c r="N537237" s="10"/>
    </row>
    <row r="537238" spans="14:14">
      <c r="N537238" s="10"/>
    </row>
    <row r="537239" spans="14:14">
      <c r="N537239" s="10"/>
    </row>
    <row r="537240" spans="14:14">
      <c r="N537240" s="10"/>
    </row>
    <row r="537241" spans="14:14">
      <c r="N537241" s="10"/>
    </row>
    <row r="537242" spans="14:14">
      <c r="N537242" s="10"/>
    </row>
    <row r="537243" spans="14:14">
      <c r="N537243" s="10"/>
    </row>
    <row r="537244" spans="14:14">
      <c r="N537244" s="10"/>
    </row>
    <row r="537245" spans="14:14">
      <c r="N537245" s="10"/>
    </row>
    <row r="537246" spans="14:14">
      <c r="N537246" s="10"/>
    </row>
    <row r="537247" spans="14:14">
      <c r="N537247" s="10"/>
    </row>
    <row r="537248" spans="14:14">
      <c r="N537248" s="10"/>
    </row>
    <row r="537249" spans="14:14">
      <c r="N537249" s="10"/>
    </row>
    <row r="537250" spans="14:14">
      <c r="N537250" s="10"/>
    </row>
    <row r="537251" spans="14:14">
      <c r="N537251" s="10"/>
    </row>
    <row r="537252" spans="14:14">
      <c r="N537252" s="10"/>
    </row>
    <row r="537253" spans="14:14">
      <c r="N537253" s="10"/>
    </row>
    <row r="537254" spans="14:14">
      <c r="N537254" s="10"/>
    </row>
    <row r="537255" spans="14:14">
      <c r="N537255" s="10"/>
    </row>
    <row r="537256" spans="14:14">
      <c r="N537256" s="10"/>
    </row>
    <row r="537257" spans="14:14">
      <c r="N537257" s="10"/>
    </row>
    <row r="537258" spans="14:14">
      <c r="N537258" s="10"/>
    </row>
    <row r="537259" spans="14:14">
      <c r="N537259" s="10"/>
    </row>
    <row r="537260" spans="14:14">
      <c r="N537260" s="10"/>
    </row>
    <row r="537261" spans="14:14">
      <c r="N537261" s="10"/>
    </row>
    <row r="537262" spans="14:14">
      <c r="N537262" s="10"/>
    </row>
    <row r="537263" spans="14:14">
      <c r="N537263" s="10"/>
    </row>
    <row r="537264" spans="14:14">
      <c r="N537264" s="10"/>
    </row>
    <row r="537265" spans="14:14">
      <c r="N537265" s="10"/>
    </row>
    <row r="537266" spans="14:14">
      <c r="N537266" s="10"/>
    </row>
    <row r="537267" spans="14:14">
      <c r="N537267" s="10"/>
    </row>
    <row r="537268" spans="14:14">
      <c r="N537268" s="10"/>
    </row>
    <row r="537269" spans="14:14">
      <c r="N537269" s="10"/>
    </row>
    <row r="537270" spans="14:14">
      <c r="N537270" s="10"/>
    </row>
    <row r="537271" spans="14:14">
      <c r="N537271" s="10"/>
    </row>
    <row r="537272" spans="14:14">
      <c r="N537272" s="10"/>
    </row>
    <row r="537273" spans="14:14">
      <c r="N537273" s="10"/>
    </row>
    <row r="537274" spans="14:14">
      <c r="N537274" s="10"/>
    </row>
    <row r="537275" spans="14:14">
      <c r="N537275" s="10"/>
    </row>
    <row r="537276" spans="14:14">
      <c r="N537276" s="10"/>
    </row>
    <row r="537277" spans="14:14">
      <c r="N537277" s="10"/>
    </row>
    <row r="537278" spans="14:14">
      <c r="N537278" s="10"/>
    </row>
    <row r="537279" spans="14:14">
      <c r="N537279" s="10"/>
    </row>
    <row r="537280" spans="14:14">
      <c r="N537280" s="10"/>
    </row>
    <row r="537281" spans="14:14">
      <c r="N537281" s="10"/>
    </row>
    <row r="537282" spans="14:14">
      <c r="N537282" s="10"/>
    </row>
    <row r="537283" spans="14:14">
      <c r="N537283" s="10"/>
    </row>
    <row r="537284" spans="14:14">
      <c r="N537284" s="10"/>
    </row>
    <row r="537285" spans="14:14">
      <c r="N537285" s="10"/>
    </row>
    <row r="537286" spans="14:14">
      <c r="N537286" s="10"/>
    </row>
    <row r="537287" spans="14:14">
      <c r="N537287" s="10"/>
    </row>
    <row r="537288" spans="14:14">
      <c r="N537288" s="10"/>
    </row>
    <row r="537289" spans="14:14">
      <c r="N537289" s="10"/>
    </row>
    <row r="537290" spans="14:14">
      <c r="N537290" s="10"/>
    </row>
    <row r="537291" spans="14:14">
      <c r="N537291" s="10"/>
    </row>
    <row r="537292" spans="14:14">
      <c r="N537292" s="10"/>
    </row>
    <row r="537293" spans="14:14">
      <c r="N537293" s="10"/>
    </row>
    <row r="537294" spans="14:14">
      <c r="N537294" s="10"/>
    </row>
    <row r="537295" spans="14:14">
      <c r="N537295" s="10"/>
    </row>
    <row r="537296" spans="14:14">
      <c r="N537296" s="10"/>
    </row>
    <row r="537297" spans="14:14">
      <c r="N537297" s="10"/>
    </row>
    <row r="537298" spans="14:14">
      <c r="N537298" s="10"/>
    </row>
    <row r="537299" spans="14:14">
      <c r="N537299" s="10"/>
    </row>
    <row r="537300" spans="14:14">
      <c r="N537300" s="10"/>
    </row>
    <row r="537301" spans="14:14">
      <c r="N537301" s="10"/>
    </row>
    <row r="537302" spans="14:14">
      <c r="N537302" s="10"/>
    </row>
    <row r="537303" spans="14:14">
      <c r="N537303" s="10"/>
    </row>
    <row r="537304" spans="14:14">
      <c r="N537304" s="10"/>
    </row>
    <row r="537305" spans="14:14">
      <c r="N537305" s="10"/>
    </row>
    <row r="537306" spans="14:14">
      <c r="N537306" s="10"/>
    </row>
    <row r="537307" spans="14:14">
      <c r="N537307" s="10"/>
    </row>
    <row r="537308" spans="14:14">
      <c r="N537308" s="10"/>
    </row>
    <row r="537309" spans="14:14">
      <c r="N537309" s="10"/>
    </row>
    <row r="537310" spans="14:14">
      <c r="N537310" s="10"/>
    </row>
    <row r="537311" spans="14:14">
      <c r="N537311" s="10"/>
    </row>
    <row r="537312" spans="14:14">
      <c r="N537312" s="10"/>
    </row>
    <row r="537313" spans="14:14">
      <c r="N537313" s="10"/>
    </row>
    <row r="537314" spans="14:14">
      <c r="N537314" s="10"/>
    </row>
    <row r="537315" spans="14:14">
      <c r="N537315" s="10"/>
    </row>
    <row r="537316" spans="14:14">
      <c r="N537316" s="10"/>
    </row>
    <row r="537317" spans="14:14">
      <c r="N537317" s="10"/>
    </row>
    <row r="537318" spans="14:14">
      <c r="N537318" s="10"/>
    </row>
    <row r="537319" spans="14:14">
      <c r="N537319" s="10"/>
    </row>
    <row r="537320" spans="14:14">
      <c r="N537320" s="10"/>
    </row>
    <row r="537321" spans="14:14">
      <c r="N537321" s="10"/>
    </row>
    <row r="537322" spans="14:14">
      <c r="N537322" s="10"/>
    </row>
    <row r="537323" spans="14:14">
      <c r="N537323" s="10"/>
    </row>
    <row r="537324" spans="14:14">
      <c r="N537324" s="10"/>
    </row>
    <row r="537325" spans="14:14">
      <c r="N537325" s="10"/>
    </row>
    <row r="537326" spans="14:14">
      <c r="N537326" s="10"/>
    </row>
    <row r="537327" spans="14:14">
      <c r="N537327" s="10"/>
    </row>
    <row r="537328" spans="14:14">
      <c r="N537328" s="10"/>
    </row>
    <row r="537329" spans="14:14">
      <c r="N537329" s="10"/>
    </row>
    <row r="537330" spans="14:14">
      <c r="N537330" s="10"/>
    </row>
    <row r="537331" spans="14:14">
      <c r="N537331" s="10"/>
    </row>
    <row r="537332" spans="14:14">
      <c r="N537332" s="10"/>
    </row>
    <row r="537333" spans="14:14">
      <c r="N537333" s="10"/>
    </row>
    <row r="537334" spans="14:14">
      <c r="N537334" s="10"/>
    </row>
    <row r="537335" spans="14:14">
      <c r="N537335" s="10"/>
    </row>
    <row r="537336" spans="14:14">
      <c r="N537336" s="10"/>
    </row>
    <row r="537337" spans="14:14">
      <c r="N537337" s="10"/>
    </row>
    <row r="537338" spans="14:14">
      <c r="N537338" s="10"/>
    </row>
    <row r="537339" spans="14:14">
      <c r="N537339" s="10"/>
    </row>
    <row r="537340" spans="14:14">
      <c r="N537340" s="10"/>
    </row>
    <row r="537341" spans="14:14">
      <c r="N537341" s="10"/>
    </row>
    <row r="537342" spans="14:14">
      <c r="N537342" s="10"/>
    </row>
    <row r="537343" spans="14:14">
      <c r="N537343" s="10"/>
    </row>
    <row r="537344" spans="14:14">
      <c r="N537344" s="10"/>
    </row>
    <row r="537345" spans="14:14">
      <c r="N537345" s="10"/>
    </row>
    <row r="537346" spans="14:14">
      <c r="N537346" s="10"/>
    </row>
    <row r="537347" spans="14:14">
      <c r="N537347" s="10"/>
    </row>
    <row r="537348" spans="14:14">
      <c r="N537348" s="10"/>
    </row>
    <row r="537349" spans="14:14">
      <c r="N537349" s="10"/>
    </row>
    <row r="537350" spans="14:14">
      <c r="N537350" s="10"/>
    </row>
    <row r="537351" spans="14:14">
      <c r="N537351" s="10"/>
    </row>
    <row r="537352" spans="14:14">
      <c r="N537352" s="10"/>
    </row>
    <row r="537353" spans="14:14">
      <c r="N537353" s="10"/>
    </row>
    <row r="537354" spans="14:14">
      <c r="N537354" s="10"/>
    </row>
    <row r="537355" spans="14:14">
      <c r="N537355" s="10"/>
    </row>
    <row r="537356" spans="14:14">
      <c r="N537356" s="10"/>
    </row>
    <row r="537357" spans="14:14">
      <c r="N537357" s="10"/>
    </row>
    <row r="537358" spans="14:14">
      <c r="N537358" s="10"/>
    </row>
    <row r="537359" spans="14:14">
      <c r="N537359" s="10"/>
    </row>
    <row r="537360" spans="14:14">
      <c r="N537360" s="10"/>
    </row>
    <row r="537361" spans="14:14">
      <c r="N537361" s="10"/>
    </row>
    <row r="537362" spans="14:14">
      <c r="N537362" s="10"/>
    </row>
    <row r="537363" spans="14:14">
      <c r="N537363" s="10"/>
    </row>
    <row r="537364" spans="14:14">
      <c r="N537364" s="10"/>
    </row>
    <row r="537365" spans="14:14">
      <c r="N537365" s="10"/>
    </row>
    <row r="537366" spans="14:14">
      <c r="N537366" s="10"/>
    </row>
    <row r="537367" spans="14:14">
      <c r="N537367" s="10"/>
    </row>
    <row r="537368" spans="14:14">
      <c r="N537368" s="10"/>
    </row>
    <row r="537369" spans="14:14">
      <c r="N537369" s="10"/>
    </row>
    <row r="537370" spans="14:14">
      <c r="N537370" s="10"/>
    </row>
    <row r="537371" spans="14:14">
      <c r="N537371" s="10"/>
    </row>
    <row r="537372" spans="14:14">
      <c r="N537372" s="10"/>
    </row>
    <row r="537373" spans="14:14">
      <c r="N537373" s="10"/>
    </row>
    <row r="537374" spans="14:14">
      <c r="N537374" s="10"/>
    </row>
    <row r="537375" spans="14:14">
      <c r="N537375" s="10"/>
    </row>
    <row r="537376" spans="14:14">
      <c r="N537376" s="10"/>
    </row>
    <row r="537377" spans="14:14">
      <c r="N537377" s="10"/>
    </row>
    <row r="537378" spans="14:14">
      <c r="N537378" s="10"/>
    </row>
    <row r="537379" spans="14:14">
      <c r="N537379" s="10"/>
    </row>
    <row r="537380" spans="14:14">
      <c r="N537380" s="10"/>
    </row>
    <row r="537381" spans="14:14">
      <c r="N537381" s="10"/>
    </row>
    <row r="537382" spans="14:14">
      <c r="N537382" s="10"/>
    </row>
    <row r="537383" spans="14:14">
      <c r="N537383" s="10"/>
    </row>
    <row r="537384" spans="14:14">
      <c r="N537384" s="10"/>
    </row>
    <row r="537385" spans="14:14">
      <c r="N537385" s="10"/>
    </row>
    <row r="537386" spans="14:14">
      <c r="N537386" s="10"/>
    </row>
    <row r="537387" spans="14:14">
      <c r="N537387" s="10"/>
    </row>
    <row r="537388" spans="14:14">
      <c r="N537388" s="10"/>
    </row>
    <row r="537389" spans="14:14">
      <c r="N537389" s="10"/>
    </row>
    <row r="537390" spans="14:14">
      <c r="N537390" s="10"/>
    </row>
    <row r="537391" spans="14:14">
      <c r="N537391" s="10"/>
    </row>
    <row r="537392" spans="14:14">
      <c r="N537392" s="10"/>
    </row>
    <row r="537393" spans="14:14">
      <c r="N537393" s="10"/>
    </row>
    <row r="537394" spans="14:14">
      <c r="N537394" s="10"/>
    </row>
    <row r="537395" spans="14:14">
      <c r="N537395" s="10"/>
    </row>
    <row r="537396" spans="14:14">
      <c r="N537396" s="10"/>
    </row>
    <row r="537397" spans="14:14">
      <c r="N537397" s="10"/>
    </row>
    <row r="537398" spans="14:14">
      <c r="N537398" s="10"/>
    </row>
    <row r="537399" spans="14:14">
      <c r="N537399" s="10"/>
    </row>
    <row r="537400" spans="14:14">
      <c r="N537400" s="10"/>
    </row>
    <row r="537401" spans="14:14">
      <c r="N537401" s="10"/>
    </row>
    <row r="537402" spans="14:14">
      <c r="N537402" s="10"/>
    </row>
    <row r="537403" spans="14:14">
      <c r="N537403" s="10"/>
    </row>
    <row r="537404" spans="14:14">
      <c r="N537404" s="10"/>
    </row>
    <row r="537405" spans="14:14">
      <c r="N537405" s="10"/>
    </row>
    <row r="537406" spans="14:14">
      <c r="N537406" s="10"/>
    </row>
    <row r="537407" spans="14:14">
      <c r="N537407" s="10"/>
    </row>
    <row r="537408" spans="14:14">
      <c r="N537408" s="10"/>
    </row>
    <row r="537409" spans="14:14">
      <c r="N537409" s="10"/>
    </row>
    <row r="537410" spans="14:14">
      <c r="N537410" s="10"/>
    </row>
    <row r="537411" spans="14:14">
      <c r="N537411" s="10"/>
    </row>
    <row r="537412" spans="14:14">
      <c r="N537412" s="10"/>
    </row>
    <row r="537413" spans="14:14">
      <c r="N537413" s="10"/>
    </row>
    <row r="537414" spans="14:14">
      <c r="N537414" s="10"/>
    </row>
    <row r="537415" spans="14:14">
      <c r="N537415" s="10"/>
    </row>
    <row r="537416" spans="14:14">
      <c r="N537416" s="10"/>
    </row>
    <row r="537417" spans="14:14">
      <c r="N537417" s="10"/>
    </row>
    <row r="537418" spans="14:14">
      <c r="N537418" s="10"/>
    </row>
    <row r="537419" spans="14:14">
      <c r="N537419" s="10"/>
    </row>
    <row r="537420" spans="14:14">
      <c r="N537420" s="10"/>
    </row>
    <row r="537421" spans="14:14">
      <c r="N537421" s="10"/>
    </row>
    <row r="537422" spans="14:14">
      <c r="N537422" s="10"/>
    </row>
    <row r="537423" spans="14:14">
      <c r="N537423" s="10"/>
    </row>
    <row r="537424" spans="14:14">
      <c r="N537424" s="10"/>
    </row>
    <row r="537425" spans="14:14">
      <c r="N537425" s="10"/>
    </row>
    <row r="537426" spans="14:14">
      <c r="N537426" s="10"/>
    </row>
    <row r="537427" spans="14:14">
      <c r="N537427" s="10"/>
    </row>
    <row r="537428" spans="14:14">
      <c r="N537428" s="10"/>
    </row>
    <row r="537429" spans="14:14">
      <c r="N537429" s="10"/>
    </row>
    <row r="537430" spans="14:14">
      <c r="N537430" s="10"/>
    </row>
    <row r="537431" spans="14:14">
      <c r="N537431" s="10"/>
    </row>
    <row r="537432" spans="14:14">
      <c r="N537432" s="10"/>
    </row>
    <row r="537433" spans="14:14">
      <c r="N537433" s="10"/>
    </row>
    <row r="537434" spans="14:14">
      <c r="N537434" s="10"/>
    </row>
    <row r="537435" spans="14:14">
      <c r="N537435" s="10"/>
    </row>
    <row r="537436" spans="14:14">
      <c r="N537436" s="10"/>
    </row>
    <row r="537437" spans="14:14">
      <c r="N537437" s="10"/>
    </row>
    <row r="537438" spans="14:14">
      <c r="N537438" s="10"/>
    </row>
    <row r="537439" spans="14:14">
      <c r="N537439" s="10"/>
    </row>
    <row r="537440" spans="14:14">
      <c r="N537440" s="10"/>
    </row>
    <row r="537441" spans="14:14">
      <c r="N537441" s="10"/>
    </row>
    <row r="537442" spans="14:14">
      <c r="N537442" s="10"/>
    </row>
    <row r="537443" spans="14:14">
      <c r="N537443" s="10"/>
    </row>
    <row r="537444" spans="14:14">
      <c r="N537444" s="10"/>
    </row>
    <row r="537445" spans="14:14">
      <c r="N537445" s="10"/>
    </row>
    <row r="537446" spans="14:14">
      <c r="N537446" s="10"/>
    </row>
    <row r="537447" spans="14:14">
      <c r="N537447" s="10"/>
    </row>
    <row r="537448" spans="14:14">
      <c r="N537448" s="10"/>
    </row>
    <row r="537449" spans="14:14">
      <c r="N537449" s="10"/>
    </row>
    <row r="537450" spans="14:14">
      <c r="N537450" s="10"/>
    </row>
    <row r="537451" spans="14:14">
      <c r="N537451" s="10"/>
    </row>
    <row r="537452" spans="14:14">
      <c r="N537452" s="10"/>
    </row>
    <row r="537453" spans="14:14">
      <c r="N537453" s="10"/>
    </row>
    <row r="537454" spans="14:14">
      <c r="N537454" s="10"/>
    </row>
    <row r="537455" spans="14:14">
      <c r="N537455" s="10"/>
    </row>
    <row r="537456" spans="14:14">
      <c r="N537456" s="10"/>
    </row>
    <row r="537457" spans="14:14">
      <c r="N537457" s="10"/>
    </row>
    <row r="537458" spans="14:14">
      <c r="N537458" s="10"/>
    </row>
    <row r="537459" spans="14:14">
      <c r="N537459" s="10"/>
    </row>
    <row r="537460" spans="14:14">
      <c r="N537460" s="10"/>
    </row>
    <row r="537461" spans="14:14">
      <c r="N537461" s="10"/>
    </row>
    <row r="537462" spans="14:14">
      <c r="N537462" s="10"/>
    </row>
    <row r="537463" spans="14:14">
      <c r="N537463" s="10"/>
    </row>
    <row r="537464" spans="14:14">
      <c r="N537464" s="10"/>
    </row>
    <row r="537465" spans="14:14">
      <c r="N537465" s="10"/>
    </row>
    <row r="537466" spans="14:14">
      <c r="N537466" s="10"/>
    </row>
    <row r="537467" spans="14:14">
      <c r="N537467" s="10"/>
    </row>
    <row r="537468" spans="14:14">
      <c r="N537468" s="10"/>
    </row>
    <row r="537469" spans="14:14">
      <c r="N537469" s="10"/>
    </row>
    <row r="537470" spans="14:14">
      <c r="N537470" s="10"/>
    </row>
    <row r="537471" spans="14:14">
      <c r="N537471" s="10"/>
    </row>
    <row r="537472" spans="14:14">
      <c r="N537472" s="10"/>
    </row>
    <row r="537473" spans="14:14">
      <c r="N537473" s="10"/>
    </row>
    <row r="537474" spans="14:14">
      <c r="N537474" s="10"/>
    </row>
    <row r="537475" spans="14:14">
      <c r="N537475" s="10"/>
    </row>
    <row r="537476" spans="14:14">
      <c r="N537476" s="10"/>
    </row>
    <row r="537477" spans="14:14">
      <c r="N537477" s="10"/>
    </row>
    <row r="537478" spans="14:14">
      <c r="N537478" s="10"/>
    </row>
    <row r="537479" spans="14:14">
      <c r="N537479" s="10"/>
    </row>
    <row r="537480" spans="14:14">
      <c r="N537480" s="10"/>
    </row>
    <row r="537481" spans="14:14">
      <c r="N537481" s="10"/>
    </row>
    <row r="537482" spans="14:14">
      <c r="N537482" s="10"/>
    </row>
    <row r="537483" spans="14:14">
      <c r="N537483" s="10"/>
    </row>
    <row r="537484" spans="14:14">
      <c r="N537484" s="10"/>
    </row>
    <row r="537485" spans="14:14">
      <c r="N537485" s="10"/>
    </row>
    <row r="537486" spans="14:14">
      <c r="N537486" s="10"/>
    </row>
    <row r="537487" spans="14:14">
      <c r="N537487" s="10"/>
    </row>
    <row r="537488" spans="14:14">
      <c r="N537488" s="10"/>
    </row>
    <row r="537489" spans="14:14">
      <c r="N537489" s="10"/>
    </row>
    <row r="537490" spans="14:14">
      <c r="N537490" s="10"/>
    </row>
    <row r="537491" spans="14:14">
      <c r="N537491" s="10"/>
    </row>
    <row r="537492" spans="14:14">
      <c r="N537492" s="10"/>
    </row>
    <row r="537493" spans="14:14">
      <c r="N537493" s="10"/>
    </row>
    <row r="537494" spans="14:14">
      <c r="N537494" s="10"/>
    </row>
    <row r="537495" spans="14:14">
      <c r="N537495" s="10"/>
    </row>
    <row r="537496" spans="14:14">
      <c r="N537496" s="10"/>
    </row>
    <row r="537497" spans="14:14">
      <c r="N537497" s="10"/>
    </row>
    <row r="537498" spans="14:14">
      <c r="N537498" s="10"/>
    </row>
    <row r="537499" spans="14:14">
      <c r="N537499" s="10"/>
    </row>
    <row r="537500" spans="14:14">
      <c r="N537500" s="10"/>
    </row>
    <row r="537501" spans="14:14">
      <c r="N537501" s="10"/>
    </row>
    <row r="537502" spans="14:14">
      <c r="N537502" s="10"/>
    </row>
    <row r="537503" spans="14:14">
      <c r="N537503" s="10"/>
    </row>
    <row r="537504" spans="14:14">
      <c r="N537504" s="10"/>
    </row>
    <row r="537505" spans="14:14">
      <c r="N537505" s="10"/>
    </row>
    <row r="537506" spans="14:14">
      <c r="N537506" s="10"/>
    </row>
    <row r="537507" spans="14:14">
      <c r="N537507" s="10"/>
    </row>
    <row r="537508" spans="14:14">
      <c r="N537508" s="10"/>
    </row>
    <row r="537509" spans="14:14">
      <c r="N537509" s="10"/>
    </row>
    <row r="537510" spans="14:14">
      <c r="N537510" s="10"/>
    </row>
    <row r="537511" spans="14:14">
      <c r="N537511" s="10"/>
    </row>
    <row r="537512" spans="14:14">
      <c r="N537512" s="10"/>
    </row>
    <row r="537513" spans="14:14">
      <c r="N537513" s="10"/>
    </row>
    <row r="537514" spans="14:14">
      <c r="N537514" s="10"/>
    </row>
    <row r="537515" spans="14:14">
      <c r="N537515" s="10"/>
    </row>
    <row r="537516" spans="14:14">
      <c r="N537516" s="10"/>
    </row>
    <row r="537517" spans="14:14">
      <c r="N537517" s="10"/>
    </row>
    <row r="537518" spans="14:14">
      <c r="N537518" s="10"/>
    </row>
    <row r="537519" spans="14:14">
      <c r="N537519" s="10"/>
    </row>
    <row r="537520" spans="14:14">
      <c r="N537520" s="10"/>
    </row>
    <row r="537521" spans="14:14">
      <c r="N537521" s="10"/>
    </row>
    <row r="537522" spans="14:14">
      <c r="N537522" s="10"/>
    </row>
    <row r="537523" spans="14:14">
      <c r="N537523" s="10"/>
    </row>
    <row r="537524" spans="14:14">
      <c r="N537524" s="10"/>
    </row>
    <row r="537525" spans="14:14">
      <c r="N537525" s="10"/>
    </row>
    <row r="537526" spans="14:14">
      <c r="N537526" s="10"/>
    </row>
    <row r="537527" spans="14:14">
      <c r="N537527" s="10"/>
    </row>
    <row r="537528" spans="14:14">
      <c r="N537528" s="10"/>
    </row>
    <row r="537529" spans="14:14">
      <c r="N537529" s="10"/>
    </row>
    <row r="537530" spans="14:14">
      <c r="N537530" s="10"/>
    </row>
    <row r="537531" spans="14:14">
      <c r="N537531" s="10"/>
    </row>
    <row r="537532" spans="14:14">
      <c r="N537532" s="10"/>
    </row>
    <row r="537533" spans="14:14">
      <c r="N537533" s="10"/>
    </row>
    <row r="537534" spans="14:14">
      <c r="N537534" s="10"/>
    </row>
    <row r="537535" spans="14:14">
      <c r="N537535" s="10"/>
    </row>
    <row r="537536" spans="14:14">
      <c r="N537536" s="10"/>
    </row>
    <row r="537537" spans="14:14">
      <c r="N537537" s="10"/>
    </row>
    <row r="537538" spans="14:14">
      <c r="N537538" s="10"/>
    </row>
    <row r="537539" spans="14:14">
      <c r="N537539" s="10"/>
    </row>
    <row r="537540" spans="14:14">
      <c r="N537540" s="10"/>
    </row>
    <row r="537541" spans="14:14">
      <c r="N537541" s="10"/>
    </row>
    <row r="537542" spans="14:14">
      <c r="N537542" s="10"/>
    </row>
    <row r="537543" spans="14:14">
      <c r="N537543" s="10"/>
    </row>
    <row r="537544" spans="14:14">
      <c r="N537544" s="10"/>
    </row>
    <row r="537545" spans="14:14">
      <c r="N537545" s="10"/>
    </row>
    <row r="537546" spans="14:14">
      <c r="N537546" s="10"/>
    </row>
    <row r="537547" spans="14:14">
      <c r="N537547" s="10"/>
    </row>
    <row r="537548" spans="14:14">
      <c r="N537548" s="10"/>
    </row>
    <row r="537549" spans="14:14">
      <c r="N537549" s="10"/>
    </row>
    <row r="537550" spans="14:14">
      <c r="N537550" s="10"/>
    </row>
    <row r="537551" spans="14:14">
      <c r="N537551" s="10"/>
    </row>
    <row r="537552" spans="14:14">
      <c r="N537552" s="10"/>
    </row>
    <row r="537553" spans="14:14">
      <c r="N537553" s="10"/>
    </row>
    <row r="537554" spans="14:14">
      <c r="N537554" s="10"/>
    </row>
    <row r="537555" spans="14:14">
      <c r="N537555" s="10"/>
    </row>
    <row r="537556" spans="14:14">
      <c r="N537556" s="10"/>
    </row>
    <row r="537557" spans="14:14">
      <c r="N537557" s="10"/>
    </row>
    <row r="537558" spans="14:14">
      <c r="N537558" s="10"/>
    </row>
    <row r="537559" spans="14:14">
      <c r="N537559" s="10"/>
    </row>
    <row r="537560" spans="14:14">
      <c r="N537560" s="10"/>
    </row>
    <row r="537561" spans="14:14">
      <c r="N537561" s="10"/>
    </row>
    <row r="537562" spans="14:14">
      <c r="N537562" s="10"/>
    </row>
    <row r="537563" spans="14:14">
      <c r="N537563" s="10"/>
    </row>
    <row r="537564" spans="14:14">
      <c r="N537564" s="10"/>
    </row>
    <row r="537565" spans="14:14">
      <c r="N537565" s="10"/>
    </row>
    <row r="537566" spans="14:14">
      <c r="N537566" s="10"/>
    </row>
    <row r="537567" spans="14:14">
      <c r="N537567" s="10"/>
    </row>
    <row r="537568" spans="14:14">
      <c r="N537568" s="10"/>
    </row>
    <row r="537569" spans="14:14">
      <c r="N537569" s="10"/>
    </row>
    <row r="537570" spans="14:14">
      <c r="N537570" s="10"/>
    </row>
    <row r="537571" spans="14:14">
      <c r="N537571" s="10"/>
    </row>
    <row r="537572" spans="14:14">
      <c r="N537572" s="10"/>
    </row>
    <row r="537573" spans="14:14">
      <c r="N537573" s="10"/>
    </row>
    <row r="537574" spans="14:14">
      <c r="N537574" s="10"/>
    </row>
    <row r="537575" spans="14:14">
      <c r="N537575" s="10"/>
    </row>
    <row r="537576" spans="14:14">
      <c r="N537576" s="10"/>
    </row>
    <row r="537577" spans="14:14">
      <c r="N537577" s="10"/>
    </row>
    <row r="537578" spans="14:14">
      <c r="N537578" s="10"/>
    </row>
    <row r="537579" spans="14:14">
      <c r="N537579" s="10"/>
    </row>
    <row r="537580" spans="14:14">
      <c r="N537580" s="10"/>
    </row>
    <row r="537581" spans="14:14">
      <c r="N537581" s="10"/>
    </row>
    <row r="537582" spans="14:14">
      <c r="N537582" s="10"/>
    </row>
    <row r="537583" spans="14:14">
      <c r="N537583" s="10"/>
    </row>
    <row r="537584" spans="14:14">
      <c r="N537584" s="10"/>
    </row>
    <row r="537585" spans="14:14">
      <c r="N537585" s="10"/>
    </row>
    <row r="537586" spans="14:14">
      <c r="N537586" s="10"/>
    </row>
    <row r="537587" spans="14:14">
      <c r="N537587" s="10"/>
    </row>
    <row r="537588" spans="14:14">
      <c r="N537588" s="10"/>
    </row>
    <row r="537589" spans="14:14">
      <c r="N537589" s="10"/>
    </row>
    <row r="537590" spans="14:14">
      <c r="N537590" s="10"/>
    </row>
    <row r="537591" spans="14:14">
      <c r="N537591" s="10"/>
    </row>
    <row r="537592" spans="14:14">
      <c r="N537592" s="10"/>
    </row>
    <row r="537593" spans="14:14">
      <c r="N537593" s="10"/>
    </row>
    <row r="537594" spans="14:14">
      <c r="N537594" s="10"/>
    </row>
    <row r="537595" spans="14:14">
      <c r="N537595" s="10"/>
    </row>
    <row r="537596" spans="14:14">
      <c r="N537596" s="10"/>
    </row>
    <row r="537597" spans="14:14">
      <c r="N537597" s="10"/>
    </row>
    <row r="537598" spans="14:14">
      <c r="N537598" s="10"/>
    </row>
    <row r="537599" spans="14:14">
      <c r="N537599" s="10"/>
    </row>
    <row r="537600" spans="14:14">
      <c r="N537600" s="10"/>
    </row>
    <row r="537601" spans="14:14">
      <c r="N537601" s="10"/>
    </row>
    <row r="537602" spans="14:14">
      <c r="N537602" s="10"/>
    </row>
    <row r="537603" spans="14:14">
      <c r="N537603" s="10"/>
    </row>
    <row r="537604" spans="14:14">
      <c r="N537604" s="10"/>
    </row>
    <row r="537605" spans="14:14">
      <c r="N537605" s="10"/>
    </row>
    <row r="537606" spans="14:14">
      <c r="N537606" s="10"/>
    </row>
    <row r="537607" spans="14:14">
      <c r="N537607" s="10"/>
    </row>
    <row r="537608" spans="14:14">
      <c r="N537608" s="10"/>
    </row>
    <row r="537609" spans="14:14">
      <c r="N537609" s="10"/>
    </row>
    <row r="537610" spans="14:14">
      <c r="N537610" s="10"/>
    </row>
    <row r="537611" spans="14:14">
      <c r="N537611" s="10"/>
    </row>
    <row r="537612" spans="14:14">
      <c r="N537612" s="10"/>
    </row>
    <row r="537613" spans="14:14">
      <c r="N537613" s="10"/>
    </row>
    <row r="537614" spans="14:14">
      <c r="N537614" s="10"/>
    </row>
    <row r="537615" spans="14:14">
      <c r="N537615" s="10"/>
    </row>
    <row r="537616" spans="14:14">
      <c r="N537616" s="10"/>
    </row>
    <row r="537617" spans="14:14">
      <c r="N537617" s="10"/>
    </row>
    <row r="537618" spans="14:14">
      <c r="N537618" s="10"/>
    </row>
    <row r="537619" spans="14:14">
      <c r="N537619" s="10"/>
    </row>
    <row r="537620" spans="14:14">
      <c r="N537620" s="10"/>
    </row>
    <row r="537621" spans="14:14">
      <c r="N537621" s="10"/>
    </row>
    <row r="537622" spans="14:14">
      <c r="N537622" s="10"/>
    </row>
    <row r="537623" spans="14:14">
      <c r="N537623" s="10"/>
    </row>
    <row r="537624" spans="14:14">
      <c r="N537624" s="10"/>
    </row>
    <row r="537625" spans="14:14">
      <c r="N537625" s="10"/>
    </row>
    <row r="537626" spans="14:14">
      <c r="N537626" s="10"/>
    </row>
    <row r="537627" spans="14:14">
      <c r="N537627" s="10"/>
    </row>
    <row r="537628" spans="14:14">
      <c r="N537628" s="10"/>
    </row>
    <row r="537629" spans="14:14">
      <c r="N537629" s="10"/>
    </row>
    <row r="537630" spans="14:14">
      <c r="N537630" s="10"/>
    </row>
    <row r="537631" spans="14:14">
      <c r="N537631" s="10"/>
    </row>
    <row r="537632" spans="14:14">
      <c r="N537632" s="10"/>
    </row>
    <row r="537633" spans="14:14">
      <c r="N537633" s="10"/>
    </row>
    <row r="537634" spans="14:14">
      <c r="N537634" s="10"/>
    </row>
    <row r="537635" spans="14:14">
      <c r="N537635" s="10"/>
    </row>
    <row r="537636" spans="14:14">
      <c r="N537636" s="10"/>
    </row>
    <row r="537637" spans="14:14">
      <c r="N537637" s="10"/>
    </row>
    <row r="537638" spans="14:14">
      <c r="N537638" s="10"/>
    </row>
    <row r="537639" spans="14:14">
      <c r="N537639" s="10"/>
    </row>
    <row r="537640" spans="14:14">
      <c r="N537640" s="10"/>
    </row>
    <row r="537641" spans="14:14">
      <c r="N537641" s="10"/>
    </row>
    <row r="537642" spans="14:14">
      <c r="N537642" s="10"/>
    </row>
    <row r="537643" spans="14:14">
      <c r="N537643" s="10"/>
    </row>
    <row r="537644" spans="14:14">
      <c r="N537644" s="10"/>
    </row>
    <row r="537645" spans="14:14">
      <c r="N537645" s="10"/>
    </row>
    <row r="537646" spans="14:14">
      <c r="N537646" s="10"/>
    </row>
    <row r="537647" spans="14:14">
      <c r="N537647" s="10"/>
    </row>
    <row r="537648" spans="14:14">
      <c r="N537648" s="10"/>
    </row>
    <row r="537649" spans="14:14">
      <c r="N537649" s="10"/>
    </row>
    <row r="537650" spans="14:14">
      <c r="N537650" s="10"/>
    </row>
    <row r="537651" spans="14:14">
      <c r="N537651" s="10"/>
    </row>
    <row r="537652" spans="14:14">
      <c r="N537652" s="10"/>
    </row>
    <row r="537653" spans="14:14">
      <c r="N537653" s="10"/>
    </row>
    <row r="537654" spans="14:14">
      <c r="N537654" s="10"/>
    </row>
    <row r="537655" spans="14:14">
      <c r="N537655" s="10"/>
    </row>
    <row r="537656" spans="14:14">
      <c r="N537656" s="10"/>
    </row>
    <row r="537657" spans="14:14">
      <c r="N537657" s="10"/>
    </row>
    <row r="537658" spans="14:14">
      <c r="N537658" s="10"/>
    </row>
    <row r="537659" spans="14:14">
      <c r="N537659" s="10"/>
    </row>
    <row r="537660" spans="14:14">
      <c r="N537660" s="10"/>
    </row>
    <row r="537661" spans="14:14">
      <c r="N537661" s="10"/>
    </row>
    <row r="537662" spans="14:14">
      <c r="N537662" s="10"/>
    </row>
    <row r="537663" spans="14:14">
      <c r="N537663" s="10"/>
    </row>
    <row r="537664" spans="14:14">
      <c r="N537664" s="10"/>
    </row>
    <row r="537665" spans="14:14">
      <c r="N537665" s="10"/>
    </row>
    <row r="537666" spans="14:14">
      <c r="N537666" s="10"/>
    </row>
    <row r="537667" spans="14:14">
      <c r="N537667" s="10"/>
    </row>
    <row r="537668" spans="14:14">
      <c r="N537668" s="10"/>
    </row>
    <row r="537669" spans="14:14">
      <c r="N537669" s="10"/>
    </row>
    <row r="537670" spans="14:14">
      <c r="N537670" s="10"/>
    </row>
    <row r="537671" spans="14:14">
      <c r="N537671" s="10"/>
    </row>
    <row r="537672" spans="14:14">
      <c r="N537672" s="10"/>
    </row>
    <row r="537673" spans="14:14">
      <c r="N537673" s="10"/>
    </row>
    <row r="537674" spans="14:14">
      <c r="N537674" s="10"/>
    </row>
    <row r="537675" spans="14:14">
      <c r="N537675" s="10"/>
    </row>
    <row r="537676" spans="14:14">
      <c r="N537676" s="10"/>
    </row>
    <row r="537677" spans="14:14">
      <c r="N537677" s="10"/>
    </row>
    <row r="537678" spans="14:14">
      <c r="N537678" s="10"/>
    </row>
    <row r="537679" spans="14:14">
      <c r="N537679" s="10"/>
    </row>
    <row r="537680" spans="14:14">
      <c r="N537680" s="10"/>
    </row>
    <row r="537681" spans="14:14">
      <c r="N537681" s="10"/>
    </row>
    <row r="537682" spans="14:14">
      <c r="N537682" s="10"/>
    </row>
    <row r="537683" spans="14:14">
      <c r="N537683" s="10"/>
    </row>
    <row r="537684" spans="14:14">
      <c r="N537684" s="10"/>
    </row>
    <row r="537685" spans="14:14">
      <c r="N537685" s="10"/>
    </row>
    <row r="537686" spans="14:14">
      <c r="N537686" s="10"/>
    </row>
    <row r="537687" spans="14:14">
      <c r="N537687" s="10"/>
    </row>
    <row r="537688" spans="14:14">
      <c r="N537688" s="10"/>
    </row>
    <row r="537689" spans="14:14">
      <c r="N537689" s="10"/>
    </row>
    <row r="537690" spans="14:14">
      <c r="N537690" s="10"/>
    </row>
    <row r="537691" spans="14:14">
      <c r="N537691" s="10"/>
    </row>
    <row r="537692" spans="14:14">
      <c r="N537692" s="10"/>
    </row>
    <row r="537693" spans="14:14">
      <c r="N537693" s="10"/>
    </row>
    <row r="537694" spans="14:14">
      <c r="N537694" s="10"/>
    </row>
    <row r="537695" spans="14:14">
      <c r="N537695" s="10"/>
    </row>
    <row r="537696" spans="14:14">
      <c r="N537696" s="10"/>
    </row>
    <row r="537697" spans="14:14">
      <c r="N537697" s="10"/>
    </row>
    <row r="537698" spans="14:14">
      <c r="N537698" s="10"/>
    </row>
    <row r="537699" spans="14:14">
      <c r="N537699" s="10"/>
    </row>
    <row r="537700" spans="14:14">
      <c r="N537700" s="10"/>
    </row>
    <row r="537701" spans="14:14">
      <c r="N537701" s="10"/>
    </row>
    <row r="537702" spans="14:14">
      <c r="N537702" s="10"/>
    </row>
    <row r="537703" spans="14:14">
      <c r="N537703" s="10"/>
    </row>
    <row r="537704" spans="14:14">
      <c r="N537704" s="10"/>
    </row>
    <row r="537705" spans="14:14">
      <c r="N537705" s="10"/>
    </row>
    <row r="537706" spans="14:14">
      <c r="N537706" s="10"/>
    </row>
    <row r="537707" spans="14:14">
      <c r="N537707" s="10"/>
    </row>
    <row r="537708" spans="14:14">
      <c r="N537708" s="10"/>
    </row>
    <row r="537709" spans="14:14">
      <c r="N537709" s="10"/>
    </row>
    <row r="537710" spans="14:14">
      <c r="N537710" s="10"/>
    </row>
    <row r="537711" spans="14:14">
      <c r="N537711" s="10"/>
    </row>
    <row r="537712" spans="14:14">
      <c r="N537712" s="10"/>
    </row>
    <row r="537713" spans="14:14">
      <c r="N537713" s="10"/>
    </row>
    <row r="537714" spans="14:14">
      <c r="N537714" s="10"/>
    </row>
    <row r="537715" spans="14:14">
      <c r="N537715" s="10"/>
    </row>
    <row r="537716" spans="14:14">
      <c r="N537716" s="10"/>
    </row>
    <row r="537717" spans="14:14">
      <c r="N537717" s="10"/>
    </row>
    <row r="537718" spans="14:14">
      <c r="N537718" s="10"/>
    </row>
    <row r="537719" spans="14:14">
      <c r="N537719" s="10"/>
    </row>
    <row r="537720" spans="14:14">
      <c r="N537720" s="10"/>
    </row>
    <row r="537721" spans="14:14">
      <c r="N537721" s="10"/>
    </row>
    <row r="537722" spans="14:14">
      <c r="N537722" s="10"/>
    </row>
    <row r="537723" spans="14:14">
      <c r="N537723" s="10"/>
    </row>
    <row r="537724" spans="14:14">
      <c r="N537724" s="10"/>
    </row>
    <row r="537725" spans="14:14">
      <c r="N537725" s="10"/>
    </row>
    <row r="537726" spans="14:14">
      <c r="N537726" s="10"/>
    </row>
    <row r="537727" spans="14:14">
      <c r="N537727" s="10"/>
    </row>
    <row r="537728" spans="14:14">
      <c r="N537728" s="10"/>
    </row>
    <row r="537729" spans="14:14">
      <c r="N537729" s="10"/>
    </row>
    <row r="537730" spans="14:14">
      <c r="N537730" s="10"/>
    </row>
    <row r="537731" spans="14:14">
      <c r="N537731" s="10"/>
    </row>
    <row r="537732" spans="14:14">
      <c r="N537732" s="10"/>
    </row>
    <row r="537733" spans="14:14">
      <c r="N537733" s="10"/>
    </row>
    <row r="537734" spans="14:14">
      <c r="N537734" s="10"/>
    </row>
    <row r="537735" spans="14:14">
      <c r="N537735" s="10"/>
    </row>
    <row r="537736" spans="14:14">
      <c r="N537736" s="10"/>
    </row>
    <row r="537737" spans="14:14">
      <c r="N537737" s="10"/>
    </row>
    <row r="537738" spans="14:14">
      <c r="N537738" s="10"/>
    </row>
    <row r="537739" spans="14:14">
      <c r="N537739" s="10"/>
    </row>
    <row r="537740" spans="14:14">
      <c r="N537740" s="10"/>
    </row>
    <row r="537741" spans="14:14">
      <c r="N537741" s="10"/>
    </row>
    <row r="537742" spans="14:14">
      <c r="N537742" s="10"/>
    </row>
    <row r="537743" spans="14:14">
      <c r="N537743" s="10"/>
    </row>
    <row r="537744" spans="14:14">
      <c r="N537744" s="10"/>
    </row>
    <row r="537745" spans="14:14">
      <c r="N537745" s="10"/>
    </row>
    <row r="537746" spans="14:14">
      <c r="N537746" s="10"/>
    </row>
    <row r="537747" spans="14:14">
      <c r="N537747" s="10"/>
    </row>
    <row r="537748" spans="14:14">
      <c r="N537748" s="10"/>
    </row>
    <row r="537749" spans="14:14">
      <c r="N537749" s="10"/>
    </row>
    <row r="537750" spans="14:14">
      <c r="N537750" s="10"/>
    </row>
    <row r="537751" spans="14:14">
      <c r="N537751" s="10"/>
    </row>
    <row r="537752" spans="14:14">
      <c r="N537752" s="10"/>
    </row>
    <row r="537753" spans="14:14">
      <c r="N537753" s="10"/>
    </row>
    <row r="537754" spans="14:14">
      <c r="N537754" s="10"/>
    </row>
    <row r="537755" spans="14:14">
      <c r="N537755" s="10"/>
    </row>
    <row r="537756" spans="14:14">
      <c r="N537756" s="10"/>
    </row>
    <row r="537757" spans="14:14">
      <c r="N537757" s="10"/>
    </row>
    <row r="537758" spans="14:14">
      <c r="N537758" s="10"/>
    </row>
    <row r="537759" spans="14:14">
      <c r="N537759" s="10"/>
    </row>
    <row r="537760" spans="14:14">
      <c r="N537760" s="10"/>
    </row>
    <row r="537761" spans="14:14">
      <c r="N537761" s="10"/>
    </row>
    <row r="537762" spans="14:14">
      <c r="N537762" s="10"/>
    </row>
    <row r="537763" spans="14:14">
      <c r="N537763" s="10"/>
    </row>
    <row r="537764" spans="14:14">
      <c r="N537764" s="10"/>
    </row>
    <row r="537765" spans="14:14">
      <c r="N537765" s="10"/>
    </row>
    <row r="537766" spans="14:14">
      <c r="N537766" s="10"/>
    </row>
    <row r="537767" spans="14:14">
      <c r="N537767" s="10"/>
    </row>
    <row r="537768" spans="14:14">
      <c r="N537768" s="10"/>
    </row>
    <row r="537769" spans="14:14">
      <c r="N537769" s="10"/>
    </row>
    <row r="537770" spans="14:14">
      <c r="N537770" s="10"/>
    </row>
    <row r="537771" spans="14:14">
      <c r="N537771" s="10"/>
    </row>
    <row r="537772" spans="14:14">
      <c r="N537772" s="10"/>
    </row>
    <row r="537773" spans="14:14">
      <c r="N537773" s="10"/>
    </row>
    <row r="537774" spans="14:14">
      <c r="N537774" s="10"/>
    </row>
    <row r="537775" spans="14:14">
      <c r="N537775" s="10"/>
    </row>
    <row r="537776" spans="14:14">
      <c r="N537776" s="10"/>
    </row>
    <row r="537777" spans="14:14">
      <c r="N537777" s="10"/>
    </row>
    <row r="537778" spans="14:14">
      <c r="N537778" s="10"/>
    </row>
    <row r="537779" spans="14:14">
      <c r="N537779" s="10"/>
    </row>
    <row r="537780" spans="14:14">
      <c r="N537780" s="10"/>
    </row>
    <row r="537781" spans="14:14">
      <c r="N537781" s="10"/>
    </row>
    <row r="537782" spans="14:14">
      <c r="N537782" s="10"/>
    </row>
    <row r="537783" spans="14:14">
      <c r="N537783" s="10"/>
    </row>
    <row r="537784" spans="14:14">
      <c r="N537784" s="10"/>
    </row>
    <row r="537785" spans="14:14">
      <c r="N537785" s="10"/>
    </row>
    <row r="537786" spans="14:14">
      <c r="N537786" s="10"/>
    </row>
    <row r="537787" spans="14:14">
      <c r="N537787" s="10"/>
    </row>
    <row r="537788" spans="14:14">
      <c r="N537788" s="10"/>
    </row>
    <row r="537789" spans="14:14">
      <c r="N537789" s="10"/>
    </row>
    <row r="537790" spans="14:14">
      <c r="N537790" s="10"/>
    </row>
    <row r="537791" spans="14:14">
      <c r="N537791" s="10"/>
    </row>
    <row r="537792" spans="14:14">
      <c r="N537792" s="10"/>
    </row>
    <row r="537793" spans="14:14">
      <c r="N537793" s="10"/>
    </row>
    <row r="537794" spans="14:14">
      <c r="N537794" s="10"/>
    </row>
    <row r="537795" spans="14:14">
      <c r="N537795" s="10"/>
    </row>
    <row r="537796" spans="14:14">
      <c r="N537796" s="10"/>
    </row>
    <row r="537797" spans="14:14">
      <c r="N537797" s="10"/>
    </row>
    <row r="537798" spans="14:14">
      <c r="N537798" s="10"/>
    </row>
    <row r="537799" spans="14:14">
      <c r="N537799" s="10"/>
    </row>
    <row r="537800" spans="14:14">
      <c r="N537800" s="10"/>
    </row>
    <row r="537801" spans="14:14">
      <c r="N537801" s="10"/>
    </row>
    <row r="537802" spans="14:14">
      <c r="N537802" s="10"/>
    </row>
    <row r="537803" spans="14:14">
      <c r="N537803" s="10"/>
    </row>
    <row r="537804" spans="14:14">
      <c r="N537804" s="10"/>
    </row>
    <row r="537805" spans="14:14">
      <c r="N537805" s="10"/>
    </row>
    <row r="537806" spans="14:14">
      <c r="N537806" s="10"/>
    </row>
    <row r="537807" spans="14:14">
      <c r="N537807" s="10"/>
    </row>
    <row r="537808" spans="14:14">
      <c r="N537808" s="10"/>
    </row>
    <row r="537809" spans="14:14">
      <c r="N537809" s="10"/>
    </row>
    <row r="537810" spans="14:14">
      <c r="N537810" s="10"/>
    </row>
    <row r="537811" spans="14:14">
      <c r="N537811" s="10"/>
    </row>
    <row r="537812" spans="14:14">
      <c r="N537812" s="10"/>
    </row>
    <row r="537813" spans="14:14">
      <c r="N537813" s="10"/>
    </row>
    <row r="537814" spans="14:14">
      <c r="N537814" s="10"/>
    </row>
    <row r="537815" spans="14:14">
      <c r="N537815" s="10"/>
    </row>
    <row r="537816" spans="14:14">
      <c r="N537816" s="10"/>
    </row>
    <row r="537817" spans="14:14">
      <c r="N537817" s="10"/>
    </row>
    <row r="537818" spans="14:14">
      <c r="N537818" s="10"/>
    </row>
    <row r="537819" spans="14:14">
      <c r="N537819" s="10"/>
    </row>
    <row r="537820" spans="14:14">
      <c r="N537820" s="10"/>
    </row>
    <row r="537821" spans="14:14">
      <c r="N537821" s="10"/>
    </row>
    <row r="537822" spans="14:14">
      <c r="N537822" s="10"/>
    </row>
    <row r="537823" spans="14:14">
      <c r="N537823" s="10"/>
    </row>
    <row r="537824" spans="14:14">
      <c r="N537824" s="10"/>
    </row>
    <row r="537825" spans="14:14">
      <c r="N537825" s="10"/>
    </row>
    <row r="537826" spans="14:14">
      <c r="N537826" s="10"/>
    </row>
    <row r="537827" spans="14:14">
      <c r="N537827" s="10"/>
    </row>
    <row r="537828" spans="14:14">
      <c r="N537828" s="10"/>
    </row>
    <row r="537829" spans="14:14">
      <c r="N537829" s="10"/>
    </row>
    <row r="537830" spans="14:14">
      <c r="N537830" s="10"/>
    </row>
    <row r="537831" spans="14:14">
      <c r="N537831" s="10"/>
    </row>
    <row r="537832" spans="14:14">
      <c r="N537832" s="10"/>
    </row>
    <row r="537833" spans="14:14">
      <c r="N537833" s="10"/>
    </row>
    <row r="537834" spans="14:14">
      <c r="N537834" s="10"/>
    </row>
    <row r="537835" spans="14:14">
      <c r="N537835" s="10"/>
    </row>
    <row r="537836" spans="14:14">
      <c r="N537836" s="10"/>
    </row>
    <row r="537837" spans="14:14">
      <c r="N537837" s="10"/>
    </row>
    <row r="537838" spans="14:14">
      <c r="N537838" s="10"/>
    </row>
    <row r="537839" spans="14:14">
      <c r="N537839" s="10"/>
    </row>
    <row r="537840" spans="14:14">
      <c r="N537840" s="10"/>
    </row>
    <row r="537841" spans="14:14">
      <c r="N537841" s="10"/>
    </row>
    <row r="537842" spans="14:14">
      <c r="N537842" s="10"/>
    </row>
    <row r="537843" spans="14:14">
      <c r="N537843" s="10"/>
    </row>
    <row r="537844" spans="14:14">
      <c r="N537844" s="10"/>
    </row>
    <row r="537845" spans="14:14">
      <c r="N537845" s="10"/>
    </row>
    <row r="537846" spans="14:14">
      <c r="N537846" s="10"/>
    </row>
    <row r="537847" spans="14:14">
      <c r="N537847" s="10"/>
    </row>
    <row r="537848" spans="14:14">
      <c r="N537848" s="10"/>
    </row>
    <row r="537849" spans="14:14">
      <c r="N537849" s="10"/>
    </row>
    <row r="537850" spans="14:14">
      <c r="N537850" s="10"/>
    </row>
    <row r="537851" spans="14:14">
      <c r="N537851" s="10"/>
    </row>
    <row r="537852" spans="14:14">
      <c r="N537852" s="10"/>
    </row>
    <row r="537853" spans="14:14">
      <c r="N537853" s="10"/>
    </row>
    <row r="537854" spans="14:14">
      <c r="N537854" s="10"/>
    </row>
    <row r="537855" spans="14:14">
      <c r="N537855" s="10"/>
    </row>
    <row r="537856" spans="14:14">
      <c r="N537856" s="10"/>
    </row>
    <row r="537857" spans="14:14">
      <c r="N537857" s="10"/>
    </row>
    <row r="537858" spans="14:14">
      <c r="N537858" s="10"/>
    </row>
    <row r="537859" spans="14:14">
      <c r="N537859" s="10"/>
    </row>
    <row r="537860" spans="14:14">
      <c r="N537860" s="10"/>
    </row>
    <row r="537861" spans="14:14">
      <c r="N537861" s="10"/>
    </row>
    <row r="537862" spans="14:14">
      <c r="N537862" s="10"/>
    </row>
    <row r="537863" spans="14:14">
      <c r="N537863" s="10"/>
    </row>
    <row r="537864" spans="14:14">
      <c r="N537864" s="10"/>
    </row>
    <row r="537865" spans="14:14">
      <c r="N537865" s="10"/>
    </row>
    <row r="537866" spans="14:14">
      <c r="N537866" s="10"/>
    </row>
    <row r="537867" spans="14:14">
      <c r="N537867" s="10"/>
    </row>
    <row r="537868" spans="14:14">
      <c r="N537868" s="10"/>
    </row>
    <row r="537869" spans="14:14">
      <c r="N537869" s="10"/>
    </row>
    <row r="537870" spans="14:14">
      <c r="N537870" s="10"/>
    </row>
    <row r="537871" spans="14:14">
      <c r="N537871" s="10"/>
    </row>
    <row r="537872" spans="14:14">
      <c r="N537872" s="10"/>
    </row>
    <row r="537873" spans="14:14">
      <c r="N537873" s="10"/>
    </row>
    <row r="537874" spans="14:14">
      <c r="N537874" s="10"/>
    </row>
    <row r="537875" spans="14:14">
      <c r="N537875" s="10"/>
    </row>
    <row r="537876" spans="14:14">
      <c r="N537876" s="10"/>
    </row>
    <row r="537877" spans="14:14">
      <c r="N537877" s="10"/>
    </row>
    <row r="537878" spans="14:14">
      <c r="N537878" s="10"/>
    </row>
    <row r="537879" spans="14:14">
      <c r="N537879" s="10"/>
    </row>
    <row r="537880" spans="14:14">
      <c r="N537880" s="10"/>
    </row>
    <row r="537881" spans="14:14">
      <c r="N537881" s="10"/>
    </row>
    <row r="537882" spans="14:14">
      <c r="N537882" s="10"/>
    </row>
    <row r="537883" spans="14:14">
      <c r="N537883" s="10"/>
    </row>
    <row r="537884" spans="14:14">
      <c r="N537884" s="10"/>
    </row>
    <row r="537885" spans="14:14">
      <c r="N537885" s="10"/>
    </row>
    <row r="537886" spans="14:14">
      <c r="N537886" s="10"/>
    </row>
    <row r="537887" spans="14:14">
      <c r="N537887" s="10"/>
    </row>
    <row r="537888" spans="14:14">
      <c r="N537888" s="10"/>
    </row>
    <row r="537889" spans="14:14">
      <c r="N537889" s="10"/>
    </row>
    <row r="537890" spans="14:14">
      <c r="N537890" s="10"/>
    </row>
    <row r="537891" spans="14:14">
      <c r="N537891" s="10"/>
    </row>
    <row r="537892" spans="14:14">
      <c r="N537892" s="10"/>
    </row>
    <row r="537893" spans="14:14">
      <c r="N537893" s="10"/>
    </row>
    <row r="537894" spans="14:14">
      <c r="N537894" s="10"/>
    </row>
    <row r="537895" spans="14:14">
      <c r="N537895" s="10"/>
    </row>
    <row r="537896" spans="14:14">
      <c r="N537896" s="10"/>
    </row>
    <row r="537897" spans="14:14">
      <c r="N537897" s="10"/>
    </row>
    <row r="537898" spans="14:14">
      <c r="N537898" s="10"/>
    </row>
    <row r="537899" spans="14:14">
      <c r="N537899" s="10"/>
    </row>
    <row r="537900" spans="14:14">
      <c r="N537900" s="10"/>
    </row>
    <row r="537901" spans="14:14">
      <c r="N537901" s="10"/>
    </row>
    <row r="537902" spans="14:14">
      <c r="N537902" s="10"/>
    </row>
    <row r="537903" spans="14:14">
      <c r="N537903" s="10"/>
    </row>
    <row r="537904" spans="14:14">
      <c r="N537904" s="10"/>
    </row>
    <row r="537905" spans="14:14">
      <c r="N537905" s="10"/>
    </row>
    <row r="537906" spans="14:14">
      <c r="N537906" s="10"/>
    </row>
    <row r="537907" spans="14:14">
      <c r="N537907" s="10"/>
    </row>
    <row r="537908" spans="14:14">
      <c r="N537908" s="10"/>
    </row>
    <row r="537909" spans="14:14">
      <c r="N537909" s="10"/>
    </row>
    <row r="537910" spans="14:14">
      <c r="N537910" s="10"/>
    </row>
    <row r="537911" spans="14:14">
      <c r="N537911" s="10"/>
    </row>
    <row r="537912" spans="14:14">
      <c r="N537912" s="10"/>
    </row>
    <row r="537913" spans="14:14">
      <c r="N537913" s="10"/>
    </row>
    <row r="537914" spans="14:14">
      <c r="N537914" s="10"/>
    </row>
    <row r="537915" spans="14:14">
      <c r="N537915" s="10"/>
    </row>
    <row r="537916" spans="14:14">
      <c r="N537916" s="10"/>
    </row>
    <row r="537917" spans="14:14">
      <c r="N537917" s="10"/>
    </row>
    <row r="537918" spans="14:14">
      <c r="N537918" s="10"/>
    </row>
    <row r="537919" spans="14:14">
      <c r="N537919" s="10"/>
    </row>
    <row r="537920" spans="14:14">
      <c r="N537920" s="10"/>
    </row>
    <row r="537921" spans="14:14">
      <c r="N537921" s="10"/>
    </row>
    <row r="537922" spans="14:14">
      <c r="N537922" s="10"/>
    </row>
    <row r="537923" spans="14:14">
      <c r="N537923" s="10"/>
    </row>
    <row r="537924" spans="14:14">
      <c r="N537924" s="10"/>
    </row>
    <row r="537925" spans="14:14">
      <c r="N537925" s="10"/>
    </row>
    <row r="537926" spans="14:14">
      <c r="N537926" s="10"/>
    </row>
    <row r="537927" spans="14:14">
      <c r="N537927" s="10"/>
    </row>
    <row r="537928" spans="14:14">
      <c r="N537928" s="10"/>
    </row>
    <row r="537929" spans="14:14">
      <c r="N537929" s="10"/>
    </row>
    <row r="537930" spans="14:14">
      <c r="N537930" s="10"/>
    </row>
    <row r="537931" spans="14:14">
      <c r="N537931" s="10"/>
    </row>
    <row r="537932" spans="14:14">
      <c r="N537932" s="10"/>
    </row>
    <row r="537933" spans="14:14">
      <c r="N537933" s="10"/>
    </row>
    <row r="537934" spans="14:14">
      <c r="N537934" s="10"/>
    </row>
    <row r="537935" spans="14:14">
      <c r="N537935" s="10"/>
    </row>
    <row r="537936" spans="14:14">
      <c r="N537936" s="10"/>
    </row>
    <row r="537937" spans="14:14">
      <c r="N537937" s="10"/>
    </row>
    <row r="537938" spans="14:14">
      <c r="N537938" s="10"/>
    </row>
    <row r="537939" spans="14:14">
      <c r="N537939" s="10"/>
    </row>
    <row r="537940" spans="14:14">
      <c r="N537940" s="10"/>
    </row>
    <row r="537941" spans="14:14">
      <c r="N537941" s="10"/>
    </row>
    <row r="537942" spans="14:14">
      <c r="N537942" s="10"/>
    </row>
    <row r="537943" spans="14:14">
      <c r="N537943" s="10"/>
    </row>
    <row r="537944" spans="14:14">
      <c r="N537944" s="10"/>
    </row>
    <row r="537945" spans="14:14">
      <c r="N537945" s="10"/>
    </row>
    <row r="537946" spans="14:14">
      <c r="N537946" s="10"/>
    </row>
    <row r="537947" spans="14:14">
      <c r="N537947" s="10"/>
    </row>
    <row r="537948" spans="14:14">
      <c r="N537948" s="10"/>
    </row>
    <row r="537949" spans="14:14">
      <c r="N537949" s="10"/>
    </row>
    <row r="537950" spans="14:14">
      <c r="N537950" s="10"/>
    </row>
    <row r="537951" spans="14:14">
      <c r="N537951" s="10"/>
    </row>
    <row r="537952" spans="14:14">
      <c r="N537952" s="10"/>
    </row>
    <row r="537953" spans="14:14">
      <c r="N537953" s="10"/>
    </row>
    <row r="537954" spans="14:14">
      <c r="N537954" s="10"/>
    </row>
    <row r="537955" spans="14:14">
      <c r="N537955" s="10"/>
    </row>
    <row r="537956" spans="14:14">
      <c r="N537956" s="10"/>
    </row>
    <row r="537957" spans="14:14">
      <c r="N537957" s="10"/>
    </row>
    <row r="537958" spans="14:14">
      <c r="N537958" s="10"/>
    </row>
    <row r="537959" spans="14:14">
      <c r="N537959" s="10"/>
    </row>
    <row r="537960" spans="14:14">
      <c r="N537960" s="10"/>
    </row>
    <row r="537961" spans="14:14">
      <c r="N537961" s="10"/>
    </row>
    <row r="537962" spans="14:14">
      <c r="N537962" s="10"/>
    </row>
    <row r="537963" spans="14:14">
      <c r="N537963" s="10"/>
    </row>
    <row r="537964" spans="14:14">
      <c r="N537964" s="10"/>
    </row>
    <row r="537965" spans="14:14">
      <c r="N537965" s="10"/>
    </row>
    <row r="537966" spans="14:14">
      <c r="N537966" s="10"/>
    </row>
    <row r="537967" spans="14:14">
      <c r="N537967" s="10"/>
    </row>
    <row r="537968" spans="14:14">
      <c r="N537968" s="10"/>
    </row>
    <row r="537969" spans="14:14">
      <c r="N537969" s="10"/>
    </row>
    <row r="537970" spans="14:14">
      <c r="N537970" s="10"/>
    </row>
    <row r="537971" spans="14:14">
      <c r="N537971" s="10"/>
    </row>
    <row r="537972" spans="14:14">
      <c r="N537972" s="10"/>
    </row>
    <row r="537973" spans="14:14">
      <c r="N537973" s="10"/>
    </row>
    <row r="537974" spans="14:14">
      <c r="N537974" s="10"/>
    </row>
    <row r="537975" spans="14:14">
      <c r="N537975" s="10"/>
    </row>
    <row r="537976" spans="14:14">
      <c r="N537976" s="10"/>
    </row>
    <row r="537977" spans="14:14">
      <c r="N537977" s="10"/>
    </row>
    <row r="537978" spans="14:14">
      <c r="N537978" s="10"/>
    </row>
    <row r="537979" spans="14:14">
      <c r="N537979" s="10"/>
    </row>
    <row r="537980" spans="14:14">
      <c r="N537980" s="10"/>
    </row>
    <row r="537981" spans="14:14">
      <c r="N537981" s="10"/>
    </row>
    <row r="537982" spans="14:14">
      <c r="N537982" s="10"/>
    </row>
    <row r="537983" spans="14:14">
      <c r="N537983" s="10"/>
    </row>
    <row r="537984" spans="14:14">
      <c r="N537984" s="10"/>
    </row>
    <row r="537985" spans="14:14">
      <c r="N537985" s="10"/>
    </row>
    <row r="537986" spans="14:14">
      <c r="N537986" s="10"/>
    </row>
    <row r="537987" spans="14:14">
      <c r="N537987" s="10"/>
    </row>
    <row r="537988" spans="14:14">
      <c r="N537988" s="10"/>
    </row>
    <row r="537989" spans="14:14">
      <c r="N537989" s="10"/>
    </row>
    <row r="537990" spans="14:14">
      <c r="N537990" s="10"/>
    </row>
    <row r="537991" spans="14:14">
      <c r="N537991" s="10"/>
    </row>
    <row r="537992" spans="14:14">
      <c r="N537992" s="10"/>
    </row>
    <row r="537993" spans="14:14">
      <c r="N537993" s="10"/>
    </row>
    <row r="537994" spans="14:14">
      <c r="N537994" s="10"/>
    </row>
    <row r="537995" spans="14:14">
      <c r="N537995" s="10"/>
    </row>
    <row r="537996" spans="14:14">
      <c r="N537996" s="10"/>
    </row>
    <row r="537997" spans="14:14">
      <c r="N537997" s="10"/>
    </row>
    <row r="537998" spans="14:14">
      <c r="N537998" s="10"/>
    </row>
    <row r="537999" spans="14:14">
      <c r="N537999" s="10"/>
    </row>
    <row r="538000" spans="14:14">
      <c r="N538000" s="10"/>
    </row>
    <row r="538001" spans="14:14">
      <c r="N538001" s="10"/>
    </row>
    <row r="538002" spans="14:14">
      <c r="N538002" s="10"/>
    </row>
    <row r="538003" spans="14:14">
      <c r="N538003" s="10"/>
    </row>
    <row r="538004" spans="14:14">
      <c r="N538004" s="10"/>
    </row>
    <row r="538005" spans="14:14">
      <c r="N538005" s="10"/>
    </row>
    <row r="538006" spans="14:14">
      <c r="N538006" s="10"/>
    </row>
    <row r="538007" spans="14:14">
      <c r="N538007" s="10"/>
    </row>
    <row r="538008" spans="14:14">
      <c r="N538008" s="10"/>
    </row>
    <row r="538009" spans="14:14">
      <c r="N538009" s="10"/>
    </row>
    <row r="538010" spans="14:14">
      <c r="N538010" s="10"/>
    </row>
    <row r="538011" spans="14:14">
      <c r="N538011" s="10"/>
    </row>
    <row r="538012" spans="14:14">
      <c r="N538012" s="10"/>
    </row>
    <row r="538013" spans="14:14">
      <c r="N538013" s="10"/>
    </row>
    <row r="538014" spans="14:14">
      <c r="N538014" s="10"/>
    </row>
    <row r="538015" spans="14:14">
      <c r="N538015" s="10"/>
    </row>
    <row r="538016" spans="14:14">
      <c r="N538016" s="10"/>
    </row>
    <row r="538017" spans="14:14">
      <c r="N538017" s="10"/>
    </row>
    <row r="538018" spans="14:14">
      <c r="N538018" s="10"/>
    </row>
    <row r="538019" spans="14:14">
      <c r="N538019" s="10"/>
    </row>
    <row r="538020" spans="14:14">
      <c r="N538020" s="10"/>
    </row>
    <row r="538021" spans="14:14">
      <c r="N538021" s="10"/>
    </row>
    <row r="538022" spans="14:14">
      <c r="N538022" s="10"/>
    </row>
    <row r="538023" spans="14:14">
      <c r="N538023" s="10"/>
    </row>
    <row r="538024" spans="14:14">
      <c r="N538024" s="10"/>
    </row>
    <row r="538025" spans="14:14">
      <c r="N538025" s="10"/>
    </row>
    <row r="538026" spans="14:14">
      <c r="N538026" s="10"/>
    </row>
    <row r="538027" spans="14:14">
      <c r="N538027" s="10"/>
    </row>
    <row r="538028" spans="14:14">
      <c r="N538028" s="10"/>
    </row>
    <row r="538029" spans="14:14">
      <c r="N538029" s="10"/>
    </row>
    <row r="538030" spans="14:14">
      <c r="N538030" s="10"/>
    </row>
    <row r="538031" spans="14:14">
      <c r="N538031" s="10"/>
    </row>
    <row r="538032" spans="14:14">
      <c r="N538032" s="10"/>
    </row>
    <row r="538033" spans="14:14">
      <c r="N538033" s="10"/>
    </row>
    <row r="538034" spans="14:14">
      <c r="N538034" s="10"/>
    </row>
    <row r="538035" spans="14:14">
      <c r="N538035" s="10"/>
    </row>
    <row r="538036" spans="14:14">
      <c r="N538036" s="10"/>
    </row>
    <row r="538037" spans="14:14">
      <c r="N538037" s="10"/>
    </row>
    <row r="538038" spans="14:14">
      <c r="N538038" s="10"/>
    </row>
    <row r="538039" spans="14:14">
      <c r="N538039" s="10"/>
    </row>
    <row r="538040" spans="14:14">
      <c r="N538040" s="10"/>
    </row>
    <row r="538041" spans="14:14">
      <c r="N538041" s="10"/>
    </row>
    <row r="538042" spans="14:14">
      <c r="N538042" s="10"/>
    </row>
    <row r="538043" spans="14:14">
      <c r="N538043" s="10"/>
    </row>
    <row r="538044" spans="14:14">
      <c r="N538044" s="10"/>
    </row>
    <row r="538045" spans="14:14">
      <c r="N538045" s="10"/>
    </row>
    <row r="538046" spans="14:14">
      <c r="N538046" s="10"/>
    </row>
    <row r="538047" spans="14:14">
      <c r="N538047" s="10"/>
    </row>
    <row r="538048" spans="14:14">
      <c r="N538048" s="10"/>
    </row>
    <row r="538049" spans="14:14">
      <c r="N538049" s="10"/>
    </row>
    <row r="538050" spans="14:14">
      <c r="N538050" s="10"/>
    </row>
    <row r="538051" spans="14:14">
      <c r="N538051" s="10"/>
    </row>
    <row r="538052" spans="14:14">
      <c r="N538052" s="10"/>
    </row>
    <row r="538053" spans="14:14">
      <c r="N538053" s="10"/>
    </row>
    <row r="538054" spans="14:14">
      <c r="N538054" s="10"/>
    </row>
    <row r="538055" spans="14:14">
      <c r="N538055" s="10"/>
    </row>
    <row r="538056" spans="14:14">
      <c r="N538056" s="10"/>
    </row>
    <row r="538057" spans="14:14">
      <c r="N538057" s="10"/>
    </row>
    <row r="538058" spans="14:14">
      <c r="N538058" s="10"/>
    </row>
    <row r="538059" spans="14:14">
      <c r="N538059" s="10"/>
    </row>
    <row r="538060" spans="14:14">
      <c r="N538060" s="10"/>
    </row>
    <row r="538061" spans="14:14">
      <c r="N538061" s="10"/>
    </row>
    <row r="538062" spans="14:14">
      <c r="N538062" s="10"/>
    </row>
    <row r="538063" spans="14:14">
      <c r="N538063" s="10"/>
    </row>
    <row r="538064" spans="14:14">
      <c r="N538064" s="10"/>
    </row>
    <row r="538065" spans="14:14">
      <c r="N538065" s="10"/>
    </row>
    <row r="538066" spans="14:14">
      <c r="N538066" s="10"/>
    </row>
    <row r="538067" spans="14:14">
      <c r="N538067" s="10"/>
    </row>
    <row r="538068" spans="14:14">
      <c r="N538068" s="10"/>
    </row>
    <row r="538069" spans="14:14">
      <c r="N538069" s="10"/>
    </row>
    <row r="538070" spans="14:14">
      <c r="N538070" s="10"/>
    </row>
    <row r="538071" spans="14:14">
      <c r="N538071" s="10"/>
    </row>
    <row r="538072" spans="14:14">
      <c r="N538072" s="10"/>
    </row>
    <row r="538073" spans="14:14">
      <c r="N538073" s="10"/>
    </row>
    <row r="538074" spans="14:14">
      <c r="N538074" s="10"/>
    </row>
    <row r="538075" spans="14:14">
      <c r="N538075" s="10"/>
    </row>
    <row r="538076" spans="14:14">
      <c r="N538076" s="10"/>
    </row>
    <row r="538077" spans="14:14">
      <c r="N538077" s="10"/>
    </row>
    <row r="538078" spans="14:14">
      <c r="N538078" s="10"/>
    </row>
    <row r="538079" spans="14:14">
      <c r="N538079" s="10"/>
    </row>
    <row r="538080" spans="14:14">
      <c r="N538080" s="10"/>
    </row>
    <row r="538081" spans="14:14">
      <c r="N538081" s="10"/>
    </row>
    <row r="538082" spans="14:14">
      <c r="N538082" s="10"/>
    </row>
    <row r="538083" spans="14:14">
      <c r="N538083" s="10"/>
    </row>
    <row r="538084" spans="14:14">
      <c r="N538084" s="10"/>
    </row>
    <row r="538085" spans="14:14">
      <c r="N538085" s="10"/>
    </row>
    <row r="538086" spans="14:14">
      <c r="N538086" s="10"/>
    </row>
    <row r="538087" spans="14:14">
      <c r="N538087" s="10"/>
    </row>
    <row r="538088" spans="14:14">
      <c r="N538088" s="10"/>
    </row>
    <row r="538089" spans="14:14">
      <c r="N538089" s="10"/>
    </row>
    <row r="538090" spans="14:14">
      <c r="N538090" s="10"/>
    </row>
    <row r="538091" spans="14:14">
      <c r="N538091" s="10"/>
    </row>
    <row r="538092" spans="14:14">
      <c r="N538092" s="10"/>
    </row>
    <row r="538093" spans="14:14">
      <c r="N538093" s="10"/>
    </row>
    <row r="538094" spans="14:14">
      <c r="N538094" s="10"/>
    </row>
    <row r="538095" spans="14:14">
      <c r="N538095" s="10"/>
    </row>
    <row r="538096" spans="14:14">
      <c r="N538096" s="10"/>
    </row>
    <row r="538097" spans="14:14">
      <c r="N538097" s="10"/>
    </row>
    <row r="538098" spans="14:14">
      <c r="N538098" s="10"/>
    </row>
    <row r="538099" spans="14:14">
      <c r="N538099" s="10"/>
    </row>
    <row r="538100" spans="14:14">
      <c r="N538100" s="10"/>
    </row>
    <row r="538101" spans="14:14">
      <c r="N538101" s="10"/>
    </row>
    <row r="538102" spans="14:14">
      <c r="N538102" s="10"/>
    </row>
    <row r="538103" spans="14:14">
      <c r="N538103" s="10"/>
    </row>
    <row r="538104" spans="14:14">
      <c r="N538104" s="10"/>
    </row>
    <row r="538105" spans="14:14">
      <c r="N538105" s="10"/>
    </row>
    <row r="538106" spans="14:14">
      <c r="N538106" s="10"/>
    </row>
    <row r="538107" spans="14:14">
      <c r="N538107" s="10"/>
    </row>
    <row r="538108" spans="14:14">
      <c r="N538108" s="10"/>
    </row>
    <row r="538109" spans="14:14">
      <c r="N538109" s="10"/>
    </row>
    <row r="538110" spans="14:14">
      <c r="N538110" s="10"/>
    </row>
    <row r="538111" spans="14:14">
      <c r="N538111" s="10"/>
    </row>
    <row r="538112" spans="14:14">
      <c r="N538112" s="10"/>
    </row>
    <row r="538113" spans="14:14">
      <c r="N538113" s="10"/>
    </row>
    <row r="538114" spans="14:14">
      <c r="N538114" s="10"/>
    </row>
    <row r="538115" spans="14:14">
      <c r="N538115" s="10"/>
    </row>
    <row r="538116" spans="14:14">
      <c r="N538116" s="10"/>
    </row>
    <row r="538117" spans="14:14">
      <c r="N538117" s="10"/>
    </row>
    <row r="538118" spans="14:14">
      <c r="N538118" s="10"/>
    </row>
    <row r="538119" spans="14:14">
      <c r="N538119" s="10"/>
    </row>
    <row r="538120" spans="14:14">
      <c r="N538120" s="10"/>
    </row>
    <row r="538121" spans="14:14">
      <c r="N538121" s="10"/>
    </row>
    <row r="538122" spans="14:14">
      <c r="N538122" s="10"/>
    </row>
    <row r="538123" spans="14:14">
      <c r="N538123" s="10"/>
    </row>
    <row r="538124" spans="14:14">
      <c r="N538124" s="10"/>
    </row>
    <row r="538125" spans="14:14">
      <c r="N538125" s="10"/>
    </row>
    <row r="538126" spans="14:14">
      <c r="N538126" s="10"/>
    </row>
    <row r="538127" spans="14:14">
      <c r="N538127" s="10"/>
    </row>
    <row r="538128" spans="14:14">
      <c r="N538128" s="10"/>
    </row>
    <row r="538129" spans="14:14">
      <c r="N538129" s="10"/>
    </row>
    <row r="538130" spans="14:14">
      <c r="N538130" s="10"/>
    </row>
    <row r="538131" spans="14:14">
      <c r="N538131" s="10"/>
    </row>
    <row r="538132" spans="14:14">
      <c r="N538132" s="10"/>
    </row>
    <row r="538133" spans="14:14">
      <c r="N538133" s="10"/>
    </row>
    <row r="538134" spans="14:14">
      <c r="N538134" s="10"/>
    </row>
    <row r="538135" spans="14:14">
      <c r="N538135" s="10"/>
    </row>
    <row r="538136" spans="14:14">
      <c r="N538136" s="10"/>
    </row>
    <row r="538137" spans="14:14">
      <c r="N538137" s="10"/>
    </row>
    <row r="538138" spans="14:14">
      <c r="N538138" s="10"/>
    </row>
    <row r="538139" spans="14:14">
      <c r="N538139" s="10"/>
    </row>
    <row r="538140" spans="14:14">
      <c r="N538140" s="10"/>
    </row>
    <row r="538141" spans="14:14">
      <c r="N538141" s="10"/>
    </row>
    <row r="538142" spans="14:14">
      <c r="N538142" s="10"/>
    </row>
    <row r="538143" spans="14:14">
      <c r="N538143" s="10"/>
    </row>
    <row r="538144" spans="14:14">
      <c r="N538144" s="10"/>
    </row>
    <row r="538145" spans="14:14">
      <c r="N538145" s="10"/>
    </row>
    <row r="538146" spans="14:14">
      <c r="N538146" s="10"/>
    </row>
    <row r="538147" spans="14:14">
      <c r="N538147" s="10"/>
    </row>
    <row r="538148" spans="14:14">
      <c r="N538148" s="10"/>
    </row>
    <row r="538149" spans="14:14">
      <c r="N538149" s="10"/>
    </row>
    <row r="538150" spans="14:14">
      <c r="N538150" s="10"/>
    </row>
    <row r="538151" spans="14:14">
      <c r="N538151" s="10"/>
    </row>
    <row r="538152" spans="14:14">
      <c r="N538152" s="10"/>
    </row>
    <row r="538153" spans="14:14">
      <c r="N538153" s="10"/>
    </row>
    <row r="538154" spans="14:14">
      <c r="N538154" s="10"/>
    </row>
    <row r="538155" spans="14:14">
      <c r="N538155" s="10"/>
    </row>
    <row r="538156" spans="14:14">
      <c r="N538156" s="10"/>
    </row>
    <row r="538157" spans="14:14">
      <c r="N538157" s="10"/>
    </row>
    <row r="538158" spans="14:14">
      <c r="N538158" s="10"/>
    </row>
    <row r="538159" spans="14:14">
      <c r="N538159" s="10"/>
    </row>
    <row r="538160" spans="14:14">
      <c r="N538160" s="10"/>
    </row>
    <row r="538161" spans="14:14">
      <c r="N538161" s="10"/>
    </row>
    <row r="538162" spans="14:14">
      <c r="N538162" s="10"/>
    </row>
    <row r="538163" spans="14:14">
      <c r="N538163" s="10"/>
    </row>
    <row r="538164" spans="14:14">
      <c r="N538164" s="10"/>
    </row>
    <row r="538165" spans="14:14">
      <c r="N538165" s="10"/>
    </row>
    <row r="538166" spans="14:14">
      <c r="N538166" s="10"/>
    </row>
    <row r="538167" spans="14:14">
      <c r="N538167" s="10"/>
    </row>
    <row r="538168" spans="14:14">
      <c r="N538168" s="10"/>
    </row>
    <row r="538169" spans="14:14">
      <c r="N538169" s="10"/>
    </row>
    <row r="538170" spans="14:14">
      <c r="N538170" s="10"/>
    </row>
    <row r="538171" spans="14:14">
      <c r="N538171" s="10"/>
    </row>
    <row r="538172" spans="14:14">
      <c r="N538172" s="10"/>
    </row>
    <row r="538173" spans="14:14">
      <c r="N538173" s="10"/>
    </row>
    <row r="538174" spans="14:14">
      <c r="N538174" s="10"/>
    </row>
    <row r="538175" spans="14:14">
      <c r="N538175" s="10"/>
    </row>
    <row r="538176" spans="14:14">
      <c r="N538176" s="10"/>
    </row>
    <row r="538177" spans="14:14">
      <c r="N538177" s="10"/>
    </row>
    <row r="538178" spans="14:14">
      <c r="N538178" s="10"/>
    </row>
    <row r="538179" spans="14:14">
      <c r="N538179" s="10"/>
    </row>
    <row r="538180" spans="14:14">
      <c r="N538180" s="10"/>
    </row>
    <row r="538181" spans="14:14">
      <c r="N538181" s="10"/>
    </row>
    <row r="538182" spans="14:14">
      <c r="N538182" s="10"/>
    </row>
    <row r="538183" spans="14:14">
      <c r="N538183" s="10"/>
    </row>
    <row r="538184" spans="14:14">
      <c r="N538184" s="10"/>
    </row>
    <row r="538185" spans="14:14">
      <c r="N538185" s="10"/>
    </row>
    <row r="538186" spans="14:14">
      <c r="N538186" s="10"/>
    </row>
    <row r="538187" spans="14:14">
      <c r="N538187" s="10"/>
    </row>
    <row r="538188" spans="14:14">
      <c r="N538188" s="10"/>
    </row>
    <row r="538189" spans="14:14">
      <c r="N538189" s="10"/>
    </row>
    <row r="538190" spans="14:14">
      <c r="N538190" s="10"/>
    </row>
    <row r="538191" spans="14:14">
      <c r="N538191" s="10"/>
    </row>
    <row r="538192" spans="14:14">
      <c r="N538192" s="10"/>
    </row>
    <row r="538193" spans="14:14">
      <c r="N538193" s="10"/>
    </row>
    <row r="538194" spans="14:14">
      <c r="N538194" s="10"/>
    </row>
    <row r="538195" spans="14:14">
      <c r="N538195" s="10"/>
    </row>
    <row r="538196" spans="14:14">
      <c r="N538196" s="10"/>
    </row>
    <row r="538197" spans="14:14">
      <c r="N538197" s="10"/>
    </row>
    <row r="538198" spans="14:14">
      <c r="N538198" s="10"/>
    </row>
    <row r="538199" spans="14:14">
      <c r="N538199" s="10"/>
    </row>
    <row r="538200" spans="14:14">
      <c r="N538200" s="10"/>
    </row>
    <row r="538201" spans="14:14">
      <c r="N538201" s="10"/>
    </row>
    <row r="538202" spans="14:14">
      <c r="N538202" s="10"/>
    </row>
    <row r="538203" spans="14:14">
      <c r="N538203" s="10"/>
    </row>
    <row r="538204" spans="14:14">
      <c r="N538204" s="10"/>
    </row>
    <row r="538205" spans="14:14">
      <c r="N538205" s="10"/>
    </row>
    <row r="538206" spans="14:14">
      <c r="N538206" s="10"/>
    </row>
    <row r="538207" spans="14:14">
      <c r="N538207" s="10"/>
    </row>
    <row r="538208" spans="14:14">
      <c r="N538208" s="10"/>
    </row>
    <row r="538209" spans="14:14">
      <c r="N538209" s="10"/>
    </row>
    <row r="538210" spans="14:14">
      <c r="N538210" s="10"/>
    </row>
    <row r="538211" spans="14:14">
      <c r="N538211" s="10"/>
    </row>
    <row r="538212" spans="14:14">
      <c r="N538212" s="10"/>
    </row>
    <row r="538213" spans="14:14">
      <c r="N538213" s="10"/>
    </row>
    <row r="538214" spans="14:14">
      <c r="N538214" s="10"/>
    </row>
    <row r="538215" spans="14:14">
      <c r="N538215" s="10"/>
    </row>
    <row r="538216" spans="14:14">
      <c r="N538216" s="10"/>
    </row>
    <row r="538217" spans="14:14">
      <c r="N538217" s="10"/>
    </row>
    <row r="538218" spans="14:14">
      <c r="N538218" s="10"/>
    </row>
    <row r="538219" spans="14:14">
      <c r="N538219" s="10"/>
    </row>
    <row r="538220" spans="14:14">
      <c r="N538220" s="10"/>
    </row>
    <row r="538221" spans="14:14">
      <c r="N538221" s="10"/>
    </row>
    <row r="538222" spans="14:14">
      <c r="N538222" s="10"/>
    </row>
    <row r="538223" spans="14:14">
      <c r="N538223" s="10"/>
    </row>
    <row r="538224" spans="14:14">
      <c r="N538224" s="10"/>
    </row>
    <row r="538225" spans="14:14">
      <c r="N538225" s="10"/>
    </row>
    <row r="538226" spans="14:14">
      <c r="N538226" s="10"/>
    </row>
    <row r="538227" spans="14:14">
      <c r="N538227" s="10"/>
    </row>
    <row r="538228" spans="14:14">
      <c r="N538228" s="10"/>
    </row>
    <row r="538229" spans="14:14">
      <c r="N538229" s="10"/>
    </row>
    <row r="538230" spans="14:14">
      <c r="N538230" s="10"/>
    </row>
    <row r="538231" spans="14:14">
      <c r="N538231" s="10"/>
    </row>
    <row r="538232" spans="14:14">
      <c r="N538232" s="10"/>
    </row>
    <row r="538233" spans="14:14">
      <c r="N538233" s="10"/>
    </row>
    <row r="538234" spans="14:14">
      <c r="N538234" s="10"/>
    </row>
    <row r="538235" spans="14:14">
      <c r="N538235" s="10"/>
    </row>
    <row r="538236" spans="14:14">
      <c r="N538236" s="10"/>
    </row>
    <row r="538237" spans="14:14">
      <c r="N538237" s="10"/>
    </row>
    <row r="538238" spans="14:14">
      <c r="N538238" s="10"/>
    </row>
    <row r="538239" spans="14:14">
      <c r="N538239" s="10"/>
    </row>
    <row r="538240" spans="14:14">
      <c r="N538240" s="10"/>
    </row>
    <row r="538241" spans="14:14">
      <c r="N538241" s="10"/>
    </row>
    <row r="538242" spans="14:14">
      <c r="N538242" s="10"/>
    </row>
    <row r="538243" spans="14:14">
      <c r="N538243" s="10"/>
    </row>
    <row r="538244" spans="14:14">
      <c r="N538244" s="10"/>
    </row>
    <row r="538245" spans="14:14">
      <c r="N538245" s="10"/>
    </row>
    <row r="538246" spans="14:14">
      <c r="N538246" s="10"/>
    </row>
    <row r="538247" spans="14:14">
      <c r="N538247" s="10"/>
    </row>
    <row r="538248" spans="14:14">
      <c r="N538248" s="10"/>
    </row>
    <row r="538249" spans="14:14">
      <c r="N538249" s="10"/>
    </row>
    <row r="538250" spans="14:14">
      <c r="N538250" s="10"/>
    </row>
    <row r="538251" spans="14:14">
      <c r="N538251" s="10"/>
    </row>
    <row r="538252" spans="14:14">
      <c r="N538252" s="10"/>
    </row>
    <row r="538253" spans="14:14">
      <c r="N538253" s="10"/>
    </row>
    <row r="538254" spans="14:14">
      <c r="N538254" s="10"/>
    </row>
    <row r="538255" spans="14:14">
      <c r="N538255" s="10"/>
    </row>
    <row r="538256" spans="14:14">
      <c r="N538256" s="10"/>
    </row>
    <row r="538257" spans="14:14">
      <c r="N538257" s="10"/>
    </row>
    <row r="538258" spans="14:14">
      <c r="N538258" s="10"/>
    </row>
    <row r="538259" spans="14:14">
      <c r="N538259" s="10"/>
    </row>
    <row r="538260" spans="14:14">
      <c r="N538260" s="10"/>
    </row>
    <row r="538261" spans="14:14">
      <c r="N538261" s="10"/>
    </row>
    <row r="538262" spans="14:14">
      <c r="N538262" s="10"/>
    </row>
    <row r="538263" spans="14:14">
      <c r="N538263" s="10"/>
    </row>
    <row r="538264" spans="14:14">
      <c r="N538264" s="10"/>
    </row>
    <row r="538265" spans="14:14">
      <c r="N538265" s="10"/>
    </row>
    <row r="538266" spans="14:14">
      <c r="N538266" s="10"/>
    </row>
    <row r="538267" spans="14:14">
      <c r="N538267" s="10"/>
    </row>
    <row r="538268" spans="14:14">
      <c r="N538268" s="10"/>
    </row>
    <row r="538269" spans="14:14">
      <c r="N538269" s="10"/>
    </row>
    <row r="538270" spans="14:14">
      <c r="N538270" s="10"/>
    </row>
    <row r="538271" spans="14:14">
      <c r="N538271" s="10"/>
    </row>
    <row r="538272" spans="14:14">
      <c r="N538272" s="10"/>
    </row>
    <row r="538273" spans="14:14">
      <c r="N538273" s="10"/>
    </row>
    <row r="538274" spans="14:14">
      <c r="N538274" s="10"/>
    </row>
    <row r="538275" spans="14:14">
      <c r="N538275" s="10"/>
    </row>
    <row r="538276" spans="14:14">
      <c r="N538276" s="10"/>
    </row>
    <row r="538277" spans="14:14">
      <c r="N538277" s="10"/>
    </row>
    <row r="538278" spans="14:14">
      <c r="N538278" s="10"/>
    </row>
    <row r="538279" spans="14:14">
      <c r="N538279" s="10"/>
    </row>
    <row r="538280" spans="14:14">
      <c r="N538280" s="10"/>
    </row>
    <row r="538281" spans="14:14">
      <c r="N538281" s="10"/>
    </row>
    <row r="538282" spans="14:14">
      <c r="N538282" s="10"/>
    </row>
    <row r="538283" spans="14:14">
      <c r="N538283" s="10"/>
    </row>
    <row r="538284" spans="14:14">
      <c r="N538284" s="10"/>
    </row>
    <row r="538285" spans="14:14">
      <c r="N538285" s="10"/>
    </row>
    <row r="538286" spans="14:14">
      <c r="N538286" s="10"/>
    </row>
    <row r="538287" spans="14:14">
      <c r="N538287" s="10"/>
    </row>
    <row r="538288" spans="14:14">
      <c r="N538288" s="10"/>
    </row>
    <row r="538289" spans="14:14">
      <c r="N538289" s="10"/>
    </row>
    <row r="538290" spans="14:14">
      <c r="N538290" s="10"/>
    </row>
    <row r="538291" spans="14:14">
      <c r="N538291" s="10"/>
    </row>
    <row r="538292" spans="14:14">
      <c r="N538292" s="10"/>
    </row>
    <row r="538293" spans="14:14">
      <c r="N538293" s="10"/>
    </row>
    <row r="538294" spans="14:14">
      <c r="N538294" s="10"/>
    </row>
    <row r="538295" spans="14:14">
      <c r="N538295" s="10"/>
    </row>
    <row r="538296" spans="14:14">
      <c r="N538296" s="10"/>
    </row>
    <row r="538297" spans="14:14">
      <c r="N538297" s="10"/>
    </row>
    <row r="538298" spans="14:14">
      <c r="N538298" s="10"/>
    </row>
    <row r="538299" spans="14:14">
      <c r="N538299" s="10"/>
    </row>
    <row r="538300" spans="14:14">
      <c r="N538300" s="10"/>
    </row>
    <row r="538301" spans="14:14">
      <c r="N538301" s="10"/>
    </row>
    <row r="538302" spans="14:14">
      <c r="N538302" s="10"/>
    </row>
    <row r="538303" spans="14:14">
      <c r="N538303" s="10"/>
    </row>
    <row r="538304" spans="14:14">
      <c r="N538304" s="10"/>
    </row>
    <row r="538305" spans="14:14">
      <c r="N538305" s="10"/>
    </row>
    <row r="538306" spans="14:14">
      <c r="N538306" s="10"/>
    </row>
    <row r="538307" spans="14:14">
      <c r="N538307" s="10"/>
    </row>
    <row r="538308" spans="14:14">
      <c r="N538308" s="10"/>
    </row>
    <row r="538309" spans="14:14">
      <c r="N538309" s="10"/>
    </row>
    <row r="538310" spans="14:14">
      <c r="N538310" s="10"/>
    </row>
    <row r="538311" spans="14:14">
      <c r="N538311" s="10"/>
    </row>
    <row r="538312" spans="14:14">
      <c r="N538312" s="10"/>
    </row>
    <row r="538313" spans="14:14">
      <c r="N538313" s="10"/>
    </row>
    <row r="538314" spans="14:14">
      <c r="N538314" s="10"/>
    </row>
    <row r="538315" spans="14:14">
      <c r="N538315" s="10"/>
    </row>
    <row r="538316" spans="14:14">
      <c r="N538316" s="10"/>
    </row>
    <row r="538317" spans="14:14">
      <c r="N538317" s="10"/>
    </row>
    <row r="538318" spans="14:14">
      <c r="N538318" s="10"/>
    </row>
    <row r="538319" spans="14:14">
      <c r="N538319" s="10"/>
    </row>
    <row r="538320" spans="14:14">
      <c r="N538320" s="10"/>
    </row>
    <row r="538321" spans="14:14">
      <c r="N538321" s="10"/>
    </row>
    <row r="538322" spans="14:14">
      <c r="N538322" s="10"/>
    </row>
    <row r="538323" spans="14:14">
      <c r="N538323" s="10"/>
    </row>
    <row r="538324" spans="14:14">
      <c r="N538324" s="10"/>
    </row>
    <row r="538325" spans="14:14">
      <c r="N538325" s="10"/>
    </row>
    <row r="538326" spans="14:14">
      <c r="N538326" s="10"/>
    </row>
    <row r="538327" spans="14:14">
      <c r="N538327" s="10"/>
    </row>
    <row r="538328" spans="14:14">
      <c r="N538328" s="10"/>
    </row>
    <row r="538329" spans="14:14">
      <c r="N538329" s="10"/>
    </row>
    <row r="538330" spans="14:14">
      <c r="N538330" s="10"/>
    </row>
    <row r="538331" spans="14:14">
      <c r="N538331" s="10"/>
    </row>
    <row r="538332" spans="14:14">
      <c r="N538332" s="10"/>
    </row>
    <row r="538333" spans="14:14">
      <c r="N538333" s="10"/>
    </row>
    <row r="538334" spans="14:14">
      <c r="N538334" s="10"/>
    </row>
    <row r="538335" spans="14:14">
      <c r="N538335" s="10"/>
    </row>
    <row r="538336" spans="14:14">
      <c r="N538336" s="10"/>
    </row>
    <row r="538337" spans="14:14">
      <c r="N538337" s="10"/>
    </row>
    <row r="538338" spans="14:14">
      <c r="N538338" s="10"/>
    </row>
    <row r="538339" spans="14:14">
      <c r="N538339" s="10"/>
    </row>
    <row r="538340" spans="14:14">
      <c r="N538340" s="10"/>
    </row>
    <row r="538341" spans="14:14">
      <c r="N538341" s="10"/>
    </row>
    <row r="538342" spans="14:14">
      <c r="N538342" s="10"/>
    </row>
    <row r="538343" spans="14:14">
      <c r="N538343" s="10"/>
    </row>
    <row r="538344" spans="14:14">
      <c r="N538344" s="10"/>
    </row>
    <row r="538345" spans="14:14">
      <c r="N538345" s="10"/>
    </row>
    <row r="538346" spans="14:14">
      <c r="N538346" s="10"/>
    </row>
    <row r="538347" spans="14:14">
      <c r="N538347" s="10"/>
    </row>
    <row r="538348" spans="14:14">
      <c r="N538348" s="10"/>
    </row>
    <row r="538349" spans="14:14">
      <c r="N538349" s="10"/>
    </row>
    <row r="538350" spans="14:14">
      <c r="N538350" s="10"/>
    </row>
    <row r="538351" spans="14:14">
      <c r="N538351" s="10"/>
    </row>
    <row r="538352" spans="14:14">
      <c r="N538352" s="10"/>
    </row>
    <row r="538353" spans="14:14">
      <c r="N538353" s="10"/>
    </row>
    <row r="538354" spans="14:14">
      <c r="N538354" s="10"/>
    </row>
    <row r="538355" spans="14:14">
      <c r="N538355" s="10"/>
    </row>
    <row r="538356" spans="14:14">
      <c r="N538356" s="10"/>
    </row>
    <row r="538357" spans="14:14">
      <c r="N538357" s="10"/>
    </row>
    <row r="538358" spans="14:14">
      <c r="N538358" s="10"/>
    </row>
    <row r="538359" spans="14:14">
      <c r="N538359" s="10"/>
    </row>
    <row r="538360" spans="14:14">
      <c r="N538360" s="10"/>
    </row>
    <row r="538361" spans="14:14">
      <c r="N538361" s="10"/>
    </row>
    <row r="538362" spans="14:14">
      <c r="N538362" s="10"/>
    </row>
    <row r="538363" spans="14:14">
      <c r="N538363" s="10"/>
    </row>
    <row r="538364" spans="14:14">
      <c r="N538364" s="10"/>
    </row>
    <row r="538365" spans="14:14">
      <c r="N538365" s="10"/>
    </row>
    <row r="538366" spans="14:14">
      <c r="N538366" s="10"/>
    </row>
    <row r="538367" spans="14:14">
      <c r="N538367" s="10"/>
    </row>
    <row r="538368" spans="14:14">
      <c r="N538368" s="10"/>
    </row>
    <row r="538369" spans="14:14">
      <c r="N538369" s="10"/>
    </row>
    <row r="538370" spans="14:14">
      <c r="N538370" s="10"/>
    </row>
    <row r="538371" spans="14:14">
      <c r="N538371" s="10"/>
    </row>
    <row r="538372" spans="14:14">
      <c r="N538372" s="10"/>
    </row>
    <row r="538373" spans="14:14">
      <c r="N538373" s="10"/>
    </row>
    <row r="538374" spans="14:14">
      <c r="N538374" s="10"/>
    </row>
    <row r="538375" spans="14:14">
      <c r="N538375" s="10"/>
    </row>
    <row r="538376" spans="14:14">
      <c r="N538376" s="10"/>
    </row>
    <row r="538377" spans="14:14">
      <c r="N538377" s="10"/>
    </row>
    <row r="538378" spans="14:14">
      <c r="N538378" s="10"/>
    </row>
    <row r="538379" spans="14:14">
      <c r="N538379" s="10"/>
    </row>
    <row r="538380" spans="14:14">
      <c r="N538380" s="10"/>
    </row>
    <row r="538381" spans="14:14">
      <c r="N538381" s="10"/>
    </row>
    <row r="538382" spans="14:14">
      <c r="N538382" s="10"/>
    </row>
    <row r="538383" spans="14:14">
      <c r="N538383" s="10"/>
    </row>
    <row r="538384" spans="14:14">
      <c r="N538384" s="10"/>
    </row>
    <row r="538385" spans="14:14">
      <c r="N538385" s="10"/>
    </row>
    <row r="538386" spans="14:14">
      <c r="N538386" s="10"/>
    </row>
    <row r="538387" spans="14:14">
      <c r="N538387" s="10"/>
    </row>
    <row r="538388" spans="14:14">
      <c r="N538388" s="10"/>
    </row>
    <row r="538389" spans="14:14">
      <c r="N538389" s="10"/>
    </row>
    <row r="538390" spans="14:14">
      <c r="N538390" s="10"/>
    </row>
    <row r="538391" spans="14:14">
      <c r="N538391" s="10"/>
    </row>
    <row r="538392" spans="14:14">
      <c r="N538392" s="10"/>
    </row>
    <row r="538393" spans="14:14">
      <c r="N538393" s="10"/>
    </row>
    <row r="538394" spans="14:14">
      <c r="N538394" s="10"/>
    </row>
    <row r="538395" spans="14:14">
      <c r="N538395" s="10"/>
    </row>
    <row r="538396" spans="14:14">
      <c r="N538396" s="10"/>
    </row>
    <row r="538397" spans="14:14">
      <c r="N538397" s="10"/>
    </row>
    <row r="538398" spans="14:14">
      <c r="N538398" s="10"/>
    </row>
    <row r="538399" spans="14:14">
      <c r="N538399" s="10"/>
    </row>
    <row r="538400" spans="14:14">
      <c r="N538400" s="10"/>
    </row>
    <row r="538401" spans="14:14">
      <c r="N538401" s="10"/>
    </row>
    <row r="538402" spans="14:14">
      <c r="N538402" s="10"/>
    </row>
    <row r="538403" spans="14:14">
      <c r="N538403" s="10"/>
    </row>
    <row r="538404" spans="14:14">
      <c r="N538404" s="10"/>
    </row>
    <row r="538405" spans="14:14">
      <c r="N538405" s="10"/>
    </row>
    <row r="538406" spans="14:14">
      <c r="N538406" s="10"/>
    </row>
    <row r="538407" spans="14:14">
      <c r="N538407" s="10"/>
    </row>
    <row r="538408" spans="14:14">
      <c r="N538408" s="10"/>
    </row>
    <row r="538409" spans="14:14">
      <c r="N538409" s="10"/>
    </row>
    <row r="538410" spans="14:14">
      <c r="N538410" s="10"/>
    </row>
    <row r="538411" spans="14:14">
      <c r="N538411" s="10"/>
    </row>
    <row r="538412" spans="14:14">
      <c r="N538412" s="10"/>
    </row>
    <row r="538413" spans="14:14">
      <c r="N538413" s="10"/>
    </row>
    <row r="538414" spans="14:14">
      <c r="N538414" s="10"/>
    </row>
    <row r="538415" spans="14:14">
      <c r="N538415" s="10"/>
    </row>
    <row r="538416" spans="14:14">
      <c r="N538416" s="10"/>
    </row>
    <row r="538417" spans="14:14">
      <c r="N538417" s="10"/>
    </row>
    <row r="538418" spans="14:14">
      <c r="N538418" s="10"/>
    </row>
    <row r="538419" spans="14:14">
      <c r="N538419" s="10"/>
    </row>
    <row r="538420" spans="14:14">
      <c r="N538420" s="10"/>
    </row>
    <row r="538421" spans="14:14">
      <c r="N538421" s="10"/>
    </row>
    <row r="538422" spans="14:14">
      <c r="N538422" s="10"/>
    </row>
    <row r="538423" spans="14:14">
      <c r="N538423" s="10"/>
    </row>
    <row r="538424" spans="14:14">
      <c r="N538424" s="10"/>
    </row>
    <row r="538425" spans="14:14">
      <c r="N538425" s="10"/>
    </row>
    <row r="538426" spans="14:14">
      <c r="N538426" s="10"/>
    </row>
    <row r="538427" spans="14:14">
      <c r="N538427" s="10"/>
    </row>
    <row r="538428" spans="14:14">
      <c r="N538428" s="10"/>
    </row>
    <row r="538429" spans="14:14">
      <c r="N538429" s="10"/>
    </row>
    <row r="538430" spans="14:14">
      <c r="N538430" s="10"/>
    </row>
    <row r="538431" spans="14:14">
      <c r="N538431" s="10"/>
    </row>
    <row r="538432" spans="14:14">
      <c r="N538432" s="10"/>
    </row>
    <row r="538433" spans="14:14">
      <c r="N538433" s="10"/>
    </row>
    <row r="538434" spans="14:14">
      <c r="N538434" s="10"/>
    </row>
    <row r="538435" spans="14:14">
      <c r="N538435" s="10"/>
    </row>
    <row r="538436" spans="14:14">
      <c r="N538436" s="10"/>
    </row>
    <row r="538437" spans="14:14">
      <c r="N538437" s="10"/>
    </row>
    <row r="538438" spans="14:14">
      <c r="N538438" s="10"/>
    </row>
    <row r="538439" spans="14:14">
      <c r="N538439" s="10"/>
    </row>
    <row r="538440" spans="14:14">
      <c r="N538440" s="10"/>
    </row>
    <row r="538441" spans="14:14">
      <c r="N538441" s="10"/>
    </row>
    <row r="538442" spans="14:14">
      <c r="N538442" s="10"/>
    </row>
    <row r="538443" spans="14:14">
      <c r="N538443" s="10"/>
    </row>
    <row r="538444" spans="14:14">
      <c r="N538444" s="10"/>
    </row>
    <row r="538445" spans="14:14">
      <c r="N538445" s="10"/>
    </row>
    <row r="538446" spans="14:14">
      <c r="N538446" s="10"/>
    </row>
    <row r="538447" spans="14:14">
      <c r="N538447" s="10"/>
    </row>
    <row r="538448" spans="14:14">
      <c r="N538448" s="10"/>
    </row>
    <row r="538449" spans="14:14">
      <c r="N538449" s="10"/>
    </row>
    <row r="538450" spans="14:14">
      <c r="N538450" s="10"/>
    </row>
    <row r="538451" spans="14:14">
      <c r="N538451" s="10"/>
    </row>
    <row r="538452" spans="14:14">
      <c r="N538452" s="10"/>
    </row>
    <row r="538453" spans="14:14">
      <c r="N538453" s="10"/>
    </row>
    <row r="538454" spans="14:14">
      <c r="N538454" s="10"/>
    </row>
    <row r="538455" spans="14:14">
      <c r="N538455" s="10"/>
    </row>
    <row r="538456" spans="14:14">
      <c r="N538456" s="10"/>
    </row>
    <row r="538457" spans="14:14">
      <c r="N538457" s="10"/>
    </row>
    <row r="538458" spans="14:14">
      <c r="N538458" s="10"/>
    </row>
    <row r="538459" spans="14:14">
      <c r="N538459" s="10"/>
    </row>
    <row r="538460" spans="14:14">
      <c r="N538460" s="10"/>
    </row>
    <row r="538461" spans="14:14">
      <c r="N538461" s="10"/>
    </row>
    <row r="538462" spans="14:14">
      <c r="N538462" s="10"/>
    </row>
    <row r="538463" spans="14:14">
      <c r="N538463" s="10"/>
    </row>
    <row r="538464" spans="14:14">
      <c r="N538464" s="10"/>
    </row>
    <row r="538465" spans="14:14">
      <c r="N538465" s="10"/>
    </row>
    <row r="538466" spans="14:14">
      <c r="N538466" s="10"/>
    </row>
    <row r="538467" spans="14:14">
      <c r="N538467" s="10"/>
    </row>
    <row r="538468" spans="14:14">
      <c r="N538468" s="10"/>
    </row>
    <row r="538469" spans="14:14">
      <c r="N538469" s="10"/>
    </row>
    <row r="538470" spans="14:14">
      <c r="N538470" s="10"/>
    </row>
    <row r="538471" spans="14:14">
      <c r="N538471" s="10"/>
    </row>
    <row r="538472" spans="14:14">
      <c r="N538472" s="10"/>
    </row>
    <row r="538473" spans="14:14">
      <c r="N538473" s="10"/>
    </row>
    <row r="538474" spans="14:14">
      <c r="N538474" s="10"/>
    </row>
    <row r="538475" spans="14:14">
      <c r="N538475" s="10"/>
    </row>
    <row r="538476" spans="14:14">
      <c r="N538476" s="10"/>
    </row>
    <row r="538477" spans="14:14">
      <c r="N538477" s="10"/>
    </row>
    <row r="538478" spans="14:14">
      <c r="N538478" s="10"/>
    </row>
    <row r="538479" spans="14:14">
      <c r="N538479" s="10"/>
    </row>
    <row r="538480" spans="14:14">
      <c r="N538480" s="10"/>
    </row>
    <row r="538481" spans="14:14">
      <c r="N538481" s="10"/>
    </row>
    <row r="538482" spans="14:14">
      <c r="N538482" s="10"/>
    </row>
    <row r="538483" spans="14:14">
      <c r="N538483" s="10"/>
    </row>
    <row r="538484" spans="14:14">
      <c r="N538484" s="10"/>
    </row>
    <row r="538485" spans="14:14">
      <c r="N538485" s="10"/>
    </row>
    <row r="538486" spans="14:14">
      <c r="N538486" s="10"/>
    </row>
    <row r="538487" spans="14:14">
      <c r="N538487" s="10"/>
    </row>
    <row r="538488" spans="14:14">
      <c r="N538488" s="10"/>
    </row>
    <row r="538489" spans="14:14">
      <c r="N538489" s="10"/>
    </row>
    <row r="538490" spans="14:14">
      <c r="N538490" s="10"/>
    </row>
    <row r="538491" spans="14:14">
      <c r="N538491" s="10"/>
    </row>
    <row r="538492" spans="14:14">
      <c r="N538492" s="10"/>
    </row>
    <row r="538493" spans="14:14">
      <c r="N538493" s="10"/>
    </row>
    <row r="538494" spans="14:14">
      <c r="N538494" s="10"/>
    </row>
    <row r="538495" spans="14:14">
      <c r="N538495" s="10"/>
    </row>
    <row r="538496" spans="14:14">
      <c r="N538496" s="10"/>
    </row>
    <row r="538497" spans="14:14">
      <c r="N538497" s="10"/>
    </row>
    <row r="538498" spans="14:14">
      <c r="N538498" s="10"/>
    </row>
    <row r="538499" spans="14:14">
      <c r="N538499" s="10"/>
    </row>
    <row r="538500" spans="14:14">
      <c r="N538500" s="10"/>
    </row>
    <row r="538501" spans="14:14">
      <c r="N538501" s="10"/>
    </row>
    <row r="538502" spans="14:14">
      <c r="N538502" s="10"/>
    </row>
    <row r="538503" spans="14:14">
      <c r="N538503" s="10"/>
    </row>
    <row r="538504" spans="14:14">
      <c r="N538504" s="10"/>
    </row>
    <row r="538505" spans="14:14">
      <c r="N538505" s="10"/>
    </row>
    <row r="538506" spans="14:14">
      <c r="N538506" s="10"/>
    </row>
    <row r="538507" spans="14:14">
      <c r="N538507" s="10"/>
    </row>
    <row r="538508" spans="14:14">
      <c r="N538508" s="10"/>
    </row>
    <row r="538509" spans="14:14">
      <c r="N538509" s="10"/>
    </row>
    <row r="538510" spans="14:14">
      <c r="N538510" s="10"/>
    </row>
    <row r="538511" spans="14:14">
      <c r="N538511" s="10"/>
    </row>
    <row r="538512" spans="14:14">
      <c r="N538512" s="10"/>
    </row>
    <row r="538513" spans="14:14">
      <c r="N538513" s="10"/>
    </row>
    <row r="538514" spans="14:14">
      <c r="N538514" s="10"/>
    </row>
    <row r="538515" spans="14:14">
      <c r="N538515" s="10"/>
    </row>
    <row r="538516" spans="14:14">
      <c r="N538516" s="10"/>
    </row>
    <row r="538517" spans="14:14">
      <c r="N538517" s="10"/>
    </row>
    <row r="538518" spans="14:14">
      <c r="N538518" s="10"/>
    </row>
    <row r="538519" spans="14:14">
      <c r="N538519" s="10"/>
    </row>
    <row r="538520" spans="14:14">
      <c r="N538520" s="10"/>
    </row>
    <row r="538521" spans="14:14">
      <c r="N538521" s="10"/>
    </row>
    <row r="538522" spans="14:14">
      <c r="N538522" s="10"/>
    </row>
    <row r="538523" spans="14:14">
      <c r="N538523" s="10"/>
    </row>
    <row r="538524" spans="14:14">
      <c r="N538524" s="10"/>
    </row>
    <row r="538525" spans="14:14">
      <c r="N538525" s="10"/>
    </row>
    <row r="538526" spans="14:14">
      <c r="N538526" s="10"/>
    </row>
    <row r="538527" spans="14:14">
      <c r="N538527" s="10"/>
    </row>
    <row r="538528" spans="14:14">
      <c r="N538528" s="10"/>
    </row>
    <row r="538529" spans="14:14">
      <c r="N538529" s="10"/>
    </row>
    <row r="538530" spans="14:14">
      <c r="N538530" s="10"/>
    </row>
    <row r="538531" spans="14:14">
      <c r="N538531" s="10"/>
    </row>
    <row r="538532" spans="14:14">
      <c r="N538532" s="10"/>
    </row>
    <row r="538533" spans="14:14">
      <c r="N538533" s="10"/>
    </row>
    <row r="538534" spans="14:14">
      <c r="N538534" s="10"/>
    </row>
    <row r="538535" spans="14:14">
      <c r="N538535" s="10"/>
    </row>
    <row r="538536" spans="14:14">
      <c r="N538536" s="10"/>
    </row>
    <row r="538537" spans="14:14">
      <c r="N538537" s="10"/>
    </row>
    <row r="538538" spans="14:14">
      <c r="N538538" s="10"/>
    </row>
    <row r="538539" spans="14:14">
      <c r="N538539" s="10"/>
    </row>
    <row r="538540" spans="14:14">
      <c r="N538540" s="10"/>
    </row>
    <row r="538541" spans="14:14">
      <c r="N538541" s="10"/>
    </row>
    <row r="538542" spans="14:14">
      <c r="N538542" s="10"/>
    </row>
    <row r="538543" spans="14:14">
      <c r="N538543" s="10"/>
    </row>
    <row r="538544" spans="14:14">
      <c r="N538544" s="10"/>
    </row>
    <row r="538545" spans="14:14">
      <c r="N538545" s="10"/>
    </row>
    <row r="538546" spans="14:14">
      <c r="N538546" s="10"/>
    </row>
    <row r="538547" spans="14:14">
      <c r="N538547" s="10"/>
    </row>
    <row r="538548" spans="14:14">
      <c r="N538548" s="10"/>
    </row>
    <row r="538549" spans="14:14">
      <c r="N538549" s="10"/>
    </row>
    <row r="538550" spans="14:14">
      <c r="N538550" s="10"/>
    </row>
    <row r="538551" spans="14:14">
      <c r="N538551" s="10"/>
    </row>
    <row r="538552" spans="14:14">
      <c r="N538552" s="10"/>
    </row>
    <row r="538553" spans="14:14">
      <c r="N538553" s="10"/>
    </row>
    <row r="538554" spans="14:14">
      <c r="N538554" s="10"/>
    </row>
    <row r="538555" spans="14:14">
      <c r="N538555" s="10"/>
    </row>
    <row r="538556" spans="14:14">
      <c r="N538556" s="10"/>
    </row>
    <row r="538557" spans="14:14">
      <c r="N538557" s="10"/>
    </row>
    <row r="538558" spans="14:14">
      <c r="N538558" s="10"/>
    </row>
    <row r="538559" spans="14:14">
      <c r="N538559" s="10"/>
    </row>
    <row r="538560" spans="14:14">
      <c r="N538560" s="10"/>
    </row>
    <row r="538561" spans="14:14">
      <c r="N538561" s="10"/>
    </row>
    <row r="538562" spans="14:14">
      <c r="N538562" s="10"/>
    </row>
    <row r="538563" spans="14:14">
      <c r="N538563" s="10"/>
    </row>
    <row r="538564" spans="14:14">
      <c r="N538564" s="10"/>
    </row>
    <row r="538565" spans="14:14">
      <c r="N538565" s="10"/>
    </row>
    <row r="538566" spans="14:14">
      <c r="N538566" s="10"/>
    </row>
    <row r="538567" spans="14:14">
      <c r="N538567" s="10"/>
    </row>
    <row r="538568" spans="14:14">
      <c r="N538568" s="10"/>
    </row>
    <row r="538569" spans="14:14">
      <c r="N538569" s="10"/>
    </row>
    <row r="538570" spans="14:14">
      <c r="N538570" s="10"/>
    </row>
    <row r="538571" spans="14:14">
      <c r="N538571" s="10"/>
    </row>
    <row r="538572" spans="14:14">
      <c r="N538572" s="10"/>
    </row>
    <row r="538573" spans="14:14">
      <c r="N538573" s="10"/>
    </row>
    <row r="538574" spans="14:14">
      <c r="N538574" s="10"/>
    </row>
    <row r="538575" spans="14:14">
      <c r="N538575" s="10"/>
    </row>
    <row r="538576" spans="14:14">
      <c r="N538576" s="10"/>
    </row>
    <row r="538577" spans="14:14">
      <c r="N538577" s="10"/>
    </row>
    <row r="538578" spans="14:14">
      <c r="N538578" s="10"/>
    </row>
    <row r="538579" spans="14:14">
      <c r="N538579" s="10"/>
    </row>
    <row r="538580" spans="14:14">
      <c r="N538580" s="10"/>
    </row>
    <row r="538581" spans="14:14">
      <c r="N538581" s="10"/>
    </row>
    <row r="538582" spans="14:14">
      <c r="N538582" s="10"/>
    </row>
    <row r="538583" spans="14:14">
      <c r="N538583" s="10"/>
    </row>
    <row r="538584" spans="14:14">
      <c r="N538584" s="10"/>
    </row>
    <row r="538585" spans="14:14">
      <c r="N538585" s="10"/>
    </row>
    <row r="538586" spans="14:14">
      <c r="N538586" s="10"/>
    </row>
    <row r="538587" spans="14:14">
      <c r="N538587" s="10"/>
    </row>
    <row r="538588" spans="14:14">
      <c r="N538588" s="10"/>
    </row>
    <row r="538589" spans="14:14">
      <c r="N538589" s="10"/>
    </row>
    <row r="538590" spans="14:14">
      <c r="N538590" s="10"/>
    </row>
    <row r="538591" spans="14:14">
      <c r="N538591" s="10"/>
    </row>
    <row r="538592" spans="14:14">
      <c r="N538592" s="10"/>
    </row>
    <row r="538593" spans="14:14">
      <c r="N538593" s="10"/>
    </row>
    <row r="538594" spans="14:14">
      <c r="N538594" s="10"/>
    </row>
    <row r="538595" spans="14:14">
      <c r="N538595" s="10"/>
    </row>
    <row r="538596" spans="14:14">
      <c r="N538596" s="10"/>
    </row>
    <row r="538597" spans="14:14">
      <c r="N538597" s="10"/>
    </row>
    <row r="538598" spans="14:14">
      <c r="N538598" s="10"/>
    </row>
    <row r="538599" spans="14:14">
      <c r="N538599" s="10"/>
    </row>
    <row r="538600" spans="14:14">
      <c r="N538600" s="10"/>
    </row>
    <row r="538601" spans="14:14">
      <c r="N538601" s="10"/>
    </row>
    <row r="538602" spans="14:14">
      <c r="N538602" s="10"/>
    </row>
    <row r="538603" spans="14:14">
      <c r="N538603" s="10"/>
    </row>
    <row r="538604" spans="14:14">
      <c r="N538604" s="10"/>
    </row>
    <row r="538605" spans="14:14">
      <c r="N538605" s="10"/>
    </row>
    <row r="538606" spans="14:14">
      <c r="N538606" s="10"/>
    </row>
    <row r="538607" spans="14:14">
      <c r="N538607" s="10"/>
    </row>
    <row r="538608" spans="14:14">
      <c r="N538608" s="10"/>
    </row>
    <row r="538609" spans="14:14">
      <c r="N538609" s="10"/>
    </row>
    <row r="538610" spans="14:14">
      <c r="N538610" s="10"/>
    </row>
    <row r="538611" spans="14:14">
      <c r="N538611" s="10"/>
    </row>
    <row r="538612" spans="14:14">
      <c r="N538612" s="10"/>
    </row>
    <row r="538613" spans="14:14">
      <c r="N538613" s="10"/>
    </row>
    <row r="538614" spans="14:14">
      <c r="N538614" s="10"/>
    </row>
    <row r="538615" spans="14:14">
      <c r="N538615" s="10"/>
    </row>
    <row r="538616" spans="14:14">
      <c r="N538616" s="10"/>
    </row>
    <row r="538617" spans="14:14">
      <c r="N538617" s="10"/>
    </row>
    <row r="538618" spans="14:14">
      <c r="N538618" s="10"/>
    </row>
    <row r="538619" spans="14:14">
      <c r="N538619" s="10"/>
    </row>
    <row r="538620" spans="14:14">
      <c r="N538620" s="10"/>
    </row>
    <row r="538621" spans="14:14">
      <c r="N538621" s="10"/>
    </row>
    <row r="538622" spans="14:14">
      <c r="N538622" s="10"/>
    </row>
    <row r="538623" spans="14:14">
      <c r="N538623" s="10"/>
    </row>
    <row r="538624" spans="14:14">
      <c r="N538624" s="10"/>
    </row>
    <row r="538625" spans="14:14">
      <c r="N538625" s="10"/>
    </row>
    <row r="538626" spans="14:14">
      <c r="N538626" s="10"/>
    </row>
    <row r="538627" spans="14:14">
      <c r="N538627" s="10"/>
    </row>
    <row r="538628" spans="14:14">
      <c r="N538628" s="10"/>
    </row>
    <row r="538629" spans="14:14">
      <c r="N538629" s="10"/>
    </row>
    <row r="538630" spans="14:14">
      <c r="N538630" s="10"/>
    </row>
    <row r="538631" spans="14:14">
      <c r="N538631" s="10"/>
    </row>
    <row r="538632" spans="14:14">
      <c r="N538632" s="10"/>
    </row>
    <row r="538633" spans="14:14">
      <c r="N538633" s="10"/>
    </row>
    <row r="538634" spans="14:14">
      <c r="N538634" s="10"/>
    </row>
    <row r="538635" spans="14:14">
      <c r="N538635" s="10"/>
    </row>
    <row r="538636" spans="14:14">
      <c r="N538636" s="10"/>
    </row>
    <row r="538637" spans="14:14">
      <c r="N538637" s="10"/>
    </row>
    <row r="538638" spans="14:14">
      <c r="N538638" s="10"/>
    </row>
    <row r="538639" spans="14:14">
      <c r="N538639" s="10"/>
    </row>
    <row r="538640" spans="14:14">
      <c r="N538640" s="10"/>
    </row>
    <row r="538641" spans="14:14">
      <c r="N538641" s="10"/>
    </row>
    <row r="538642" spans="14:14">
      <c r="N538642" s="10"/>
    </row>
    <row r="538643" spans="14:14">
      <c r="N538643" s="10"/>
    </row>
    <row r="538644" spans="14:14">
      <c r="N538644" s="10"/>
    </row>
    <row r="538645" spans="14:14">
      <c r="N538645" s="10"/>
    </row>
    <row r="538646" spans="14:14">
      <c r="N538646" s="10"/>
    </row>
    <row r="538647" spans="14:14">
      <c r="N538647" s="10"/>
    </row>
    <row r="538648" spans="14:14">
      <c r="N538648" s="10"/>
    </row>
    <row r="538649" spans="14:14">
      <c r="N538649" s="10"/>
    </row>
    <row r="538650" spans="14:14">
      <c r="N538650" s="10"/>
    </row>
    <row r="538651" spans="14:14">
      <c r="N538651" s="10"/>
    </row>
    <row r="538652" spans="14:14">
      <c r="N538652" s="10"/>
    </row>
    <row r="538653" spans="14:14">
      <c r="N538653" s="10"/>
    </row>
    <row r="538654" spans="14:14">
      <c r="N538654" s="10"/>
    </row>
    <row r="538655" spans="14:14">
      <c r="N538655" s="10"/>
    </row>
    <row r="538656" spans="14:14">
      <c r="N538656" s="10"/>
    </row>
    <row r="538657" spans="14:14">
      <c r="N538657" s="10"/>
    </row>
    <row r="538658" spans="14:14">
      <c r="N538658" s="10"/>
    </row>
    <row r="538659" spans="14:14">
      <c r="N538659" s="10"/>
    </row>
    <row r="538660" spans="14:14">
      <c r="N538660" s="10"/>
    </row>
    <row r="538661" spans="14:14">
      <c r="N538661" s="10"/>
    </row>
    <row r="538662" spans="14:14">
      <c r="N538662" s="10"/>
    </row>
    <row r="538663" spans="14:14">
      <c r="N538663" s="10"/>
    </row>
    <row r="538664" spans="14:14">
      <c r="N538664" s="10"/>
    </row>
    <row r="538665" spans="14:14">
      <c r="N538665" s="10"/>
    </row>
    <row r="538666" spans="14:14">
      <c r="N538666" s="10"/>
    </row>
    <row r="538667" spans="14:14">
      <c r="N538667" s="10"/>
    </row>
    <row r="538668" spans="14:14">
      <c r="N538668" s="10"/>
    </row>
    <row r="538669" spans="14:14">
      <c r="N538669" s="10"/>
    </row>
    <row r="538670" spans="14:14">
      <c r="N538670" s="10"/>
    </row>
    <row r="538671" spans="14:14">
      <c r="N538671" s="10"/>
    </row>
    <row r="538672" spans="14:14">
      <c r="N538672" s="10"/>
    </row>
    <row r="538673" spans="14:14">
      <c r="N538673" s="10"/>
    </row>
    <row r="538674" spans="14:14">
      <c r="N538674" s="10"/>
    </row>
    <row r="538675" spans="14:14">
      <c r="N538675" s="10"/>
    </row>
    <row r="538676" spans="14:14">
      <c r="N538676" s="10"/>
    </row>
    <row r="538677" spans="14:14">
      <c r="N538677" s="10"/>
    </row>
    <row r="538678" spans="14:14">
      <c r="N538678" s="10"/>
    </row>
    <row r="538679" spans="14:14">
      <c r="N538679" s="10"/>
    </row>
    <row r="538680" spans="14:14">
      <c r="N538680" s="10"/>
    </row>
    <row r="538681" spans="14:14">
      <c r="N538681" s="10"/>
    </row>
    <row r="538682" spans="14:14">
      <c r="N538682" s="10"/>
    </row>
    <row r="538683" spans="14:14">
      <c r="N538683" s="10"/>
    </row>
    <row r="538684" spans="14:14">
      <c r="N538684" s="10"/>
    </row>
    <row r="538685" spans="14:14">
      <c r="N538685" s="10"/>
    </row>
    <row r="538686" spans="14:14">
      <c r="N538686" s="10"/>
    </row>
    <row r="538687" spans="14:14">
      <c r="N538687" s="10"/>
    </row>
    <row r="538688" spans="14:14">
      <c r="N538688" s="10"/>
    </row>
    <row r="538689" spans="14:14">
      <c r="N538689" s="10"/>
    </row>
    <row r="538690" spans="14:14">
      <c r="N538690" s="10"/>
    </row>
    <row r="538691" spans="14:14">
      <c r="N538691" s="10"/>
    </row>
    <row r="538692" spans="14:14">
      <c r="N538692" s="10"/>
    </row>
    <row r="538693" spans="14:14">
      <c r="N538693" s="10"/>
    </row>
    <row r="538694" spans="14:14">
      <c r="N538694" s="10"/>
    </row>
    <row r="538695" spans="14:14">
      <c r="N538695" s="10"/>
    </row>
    <row r="538696" spans="14:14">
      <c r="N538696" s="10"/>
    </row>
    <row r="538697" spans="14:14">
      <c r="N538697" s="10"/>
    </row>
    <row r="538698" spans="14:14">
      <c r="N538698" s="10"/>
    </row>
    <row r="538699" spans="14:14">
      <c r="N538699" s="10"/>
    </row>
    <row r="538700" spans="14:14">
      <c r="N538700" s="10"/>
    </row>
    <row r="538701" spans="14:14">
      <c r="N538701" s="10"/>
    </row>
    <row r="538702" spans="14:14">
      <c r="N538702" s="10"/>
    </row>
    <row r="538703" spans="14:14">
      <c r="N538703" s="10"/>
    </row>
    <row r="538704" spans="14:14">
      <c r="N538704" s="10"/>
    </row>
    <row r="538705" spans="14:14">
      <c r="N538705" s="10"/>
    </row>
    <row r="538706" spans="14:14">
      <c r="N538706" s="10"/>
    </row>
    <row r="538707" spans="14:14">
      <c r="N538707" s="10"/>
    </row>
    <row r="538708" spans="14:14">
      <c r="N538708" s="10"/>
    </row>
    <row r="538709" spans="14:14">
      <c r="N538709" s="10"/>
    </row>
    <row r="538710" spans="14:14">
      <c r="N538710" s="10"/>
    </row>
    <row r="538711" spans="14:14">
      <c r="N538711" s="10"/>
    </row>
    <row r="538712" spans="14:14">
      <c r="N538712" s="10"/>
    </row>
    <row r="538713" spans="14:14">
      <c r="N538713" s="10"/>
    </row>
    <row r="538714" spans="14:14">
      <c r="N538714" s="10"/>
    </row>
    <row r="538715" spans="14:14">
      <c r="N538715" s="10"/>
    </row>
    <row r="538716" spans="14:14">
      <c r="N538716" s="10"/>
    </row>
    <row r="538717" spans="14:14">
      <c r="N538717" s="10"/>
    </row>
    <row r="538718" spans="14:14">
      <c r="N538718" s="10"/>
    </row>
    <row r="538719" spans="14:14">
      <c r="N538719" s="10"/>
    </row>
    <row r="538720" spans="14:14">
      <c r="N538720" s="10"/>
    </row>
    <row r="538721" spans="14:14">
      <c r="N538721" s="10"/>
    </row>
    <row r="538722" spans="14:14">
      <c r="N538722" s="10"/>
    </row>
    <row r="538723" spans="14:14">
      <c r="N538723" s="10"/>
    </row>
    <row r="538724" spans="14:14">
      <c r="N538724" s="10"/>
    </row>
    <row r="538725" spans="14:14">
      <c r="N538725" s="10"/>
    </row>
    <row r="538726" spans="14:14">
      <c r="N538726" s="10"/>
    </row>
    <row r="538727" spans="14:14">
      <c r="N538727" s="10"/>
    </row>
    <row r="538728" spans="14:14">
      <c r="N538728" s="10"/>
    </row>
    <row r="538729" spans="14:14">
      <c r="N538729" s="10"/>
    </row>
    <row r="538730" spans="14:14">
      <c r="N538730" s="10"/>
    </row>
    <row r="538731" spans="14:14">
      <c r="N538731" s="10"/>
    </row>
    <row r="538732" spans="14:14">
      <c r="N538732" s="10"/>
    </row>
    <row r="538733" spans="14:14">
      <c r="N538733" s="10"/>
    </row>
    <row r="538734" spans="14:14">
      <c r="N538734" s="10"/>
    </row>
    <row r="538735" spans="14:14">
      <c r="N538735" s="10"/>
    </row>
    <row r="538736" spans="14:14">
      <c r="N538736" s="10"/>
    </row>
    <row r="538737" spans="14:14">
      <c r="N538737" s="10"/>
    </row>
    <row r="538738" spans="14:14">
      <c r="N538738" s="10"/>
    </row>
    <row r="538739" spans="14:14">
      <c r="N538739" s="10"/>
    </row>
    <row r="538740" spans="14:14">
      <c r="N538740" s="10"/>
    </row>
    <row r="538741" spans="14:14">
      <c r="N538741" s="10"/>
    </row>
    <row r="538742" spans="14:14">
      <c r="N538742" s="10"/>
    </row>
    <row r="538743" spans="14:14">
      <c r="N538743" s="10"/>
    </row>
    <row r="538744" spans="14:14">
      <c r="N538744" s="10"/>
    </row>
    <row r="538745" spans="14:14">
      <c r="N538745" s="10"/>
    </row>
    <row r="538746" spans="14:14">
      <c r="N538746" s="10"/>
    </row>
    <row r="538747" spans="14:14">
      <c r="N538747" s="10"/>
    </row>
    <row r="538748" spans="14:14">
      <c r="N538748" s="10"/>
    </row>
    <row r="538749" spans="14:14">
      <c r="N538749" s="10"/>
    </row>
    <row r="538750" spans="14:14">
      <c r="N538750" s="10"/>
    </row>
    <row r="538751" spans="14:14">
      <c r="N538751" s="10"/>
    </row>
    <row r="538752" spans="14:14">
      <c r="N538752" s="10"/>
    </row>
    <row r="538753" spans="14:14">
      <c r="N538753" s="10"/>
    </row>
    <row r="538754" spans="14:14">
      <c r="N538754" s="10"/>
    </row>
    <row r="538755" spans="14:14">
      <c r="N538755" s="10"/>
    </row>
    <row r="538756" spans="14:14">
      <c r="N538756" s="10"/>
    </row>
    <row r="538757" spans="14:14">
      <c r="N538757" s="10"/>
    </row>
    <row r="538758" spans="14:14">
      <c r="N538758" s="10"/>
    </row>
    <row r="538759" spans="14:14">
      <c r="N538759" s="10"/>
    </row>
    <row r="538760" spans="14:14">
      <c r="N538760" s="10"/>
    </row>
    <row r="538761" spans="14:14">
      <c r="N538761" s="10"/>
    </row>
    <row r="538762" spans="14:14">
      <c r="N538762" s="10"/>
    </row>
    <row r="538763" spans="14:14">
      <c r="N538763" s="10"/>
    </row>
    <row r="538764" spans="14:14">
      <c r="N538764" s="10"/>
    </row>
    <row r="538765" spans="14:14">
      <c r="N538765" s="10"/>
    </row>
    <row r="538766" spans="14:14">
      <c r="N538766" s="10"/>
    </row>
    <row r="538767" spans="14:14">
      <c r="N538767" s="10"/>
    </row>
    <row r="538768" spans="14:14">
      <c r="N538768" s="10"/>
    </row>
    <row r="538769" spans="14:14">
      <c r="N538769" s="10"/>
    </row>
    <row r="538770" spans="14:14">
      <c r="N538770" s="10"/>
    </row>
    <row r="538771" spans="14:14">
      <c r="N538771" s="10"/>
    </row>
    <row r="538772" spans="14:14">
      <c r="N538772" s="10"/>
    </row>
    <row r="538773" spans="14:14">
      <c r="N538773" s="10"/>
    </row>
    <row r="538774" spans="14:14">
      <c r="N538774" s="10"/>
    </row>
    <row r="538775" spans="14:14">
      <c r="N538775" s="10"/>
    </row>
    <row r="538776" spans="14:14">
      <c r="N538776" s="10"/>
    </row>
    <row r="538777" spans="14:14">
      <c r="N538777" s="10"/>
    </row>
    <row r="538778" spans="14:14">
      <c r="N538778" s="10"/>
    </row>
    <row r="538779" spans="14:14">
      <c r="N538779" s="10"/>
    </row>
    <row r="538780" spans="14:14">
      <c r="N538780" s="10"/>
    </row>
    <row r="538781" spans="14:14">
      <c r="N538781" s="10"/>
    </row>
    <row r="538782" spans="14:14">
      <c r="N538782" s="10"/>
    </row>
    <row r="538783" spans="14:14">
      <c r="N538783" s="10"/>
    </row>
    <row r="538784" spans="14:14">
      <c r="N538784" s="10"/>
    </row>
    <row r="538785" spans="14:14">
      <c r="N538785" s="10"/>
    </row>
    <row r="538786" spans="14:14">
      <c r="N538786" s="10"/>
    </row>
    <row r="538787" spans="14:14">
      <c r="N538787" s="10"/>
    </row>
    <row r="538788" spans="14:14">
      <c r="N538788" s="10"/>
    </row>
    <row r="538789" spans="14:14">
      <c r="N538789" s="10"/>
    </row>
    <row r="538790" spans="14:14">
      <c r="N538790" s="10"/>
    </row>
    <row r="538791" spans="14:14">
      <c r="N538791" s="10"/>
    </row>
    <row r="538792" spans="14:14">
      <c r="N538792" s="10"/>
    </row>
    <row r="538793" spans="14:14">
      <c r="N538793" s="10"/>
    </row>
    <row r="538794" spans="14:14">
      <c r="N538794" s="10"/>
    </row>
    <row r="538795" spans="14:14">
      <c r="N538795" s="10"/>
    </row>
    <row r="538796" spans="14:14">
      <c r="N538796" s="10"/>
    </row>
    <row r="538797" spans="14:14">
      <c r="N538797" s="10"/>
    </row>
    <row r="538798" spans="14:14">
      <c r="N538798" s="10"/>
    </row>
    <row r="538799" spans="14:14">
      <c r="N538799" s="10"/>
    </row>
    <row r="538800" spans="14:14">
      <c r="N538800" s="10"/>
    </row>
    <row r="538801" spans="14:14">
      <c r="N538801" s="10"/>
    </row>
    <row r="538802" spans="14:14">
      <c r="N538802" s="10"/>
    </row>
    <row r="538803" spans="14:14">
      <c r="N538803" s="10"/>
    </row>
    <row r="538804" spans="14:14">
      <c r="N538804" s="10"/>
    </row>
    <row r="538805" spans="14:14">
      <c r="N538805" s="10"/>
    </row>
    <row r="538806" spans="14:14">
      <c r="N538806" s="10"/>
    </row>
    <row r="538807" spans="14:14">
      <c r="N538807" s="10"/>
    </row>
    <row r="538808" spans="14:14">
      <c r="N538808" s="10"/>
    </row>
    <row r="538809" spans="14:14">
      <c r="N538809" s="10"/>
    </row>
    <row r="538810" spans="14:14">
      <c r="N538810" s="10"/>
    </row>
    <row r="538811" spans="14:14">
      <c r="N538811" s="10"/>
    </row>
    <row r="538812" spans="14:14">
      <c r="N538812" s="10"/>
    </row>
    <row r="538813" spans="14:14">
      <c r="N538813" s="10"/>
    </row>
    <row r="538814" spans="14:14">
      <c r="N538814" s="10"/>
    </row>
    <row r="538815" spans="14:14">
      <c r="N538815" s="10"/>
    </row>
    <row r="538816" spans="14:14">
      <c r="N538816" s="10"/>
    </row>
    <row r="538817" spans="14:14">
      <c r="N538817" s="10"/>
    </row>
    <row r="538818" spans="14:14">
      <c r="N538818" s="10"/>
    </row>
    <row r="538819" spans="14:14">
      <c r="N538819" s="10"/>
    </row>
    <row r="538820" spans="14:14">
      <c r="N538820" s="10"/>
    </row>
    <row r="538821" spans="14:14">
      <c r="N538821" s="10"/>
    </row>
    <row r="538822" spans="14:14">
      <c r="N538822" s="10"/>
    </row>
    <row r="538823" spans="14:14">
      <c r="N538823" s="10"/>
    </row>
    <row r="538824" spans="14:14">
      <c r="N538824" s="10"/>
    </row>
    <row r="538825" spans="14:14">
      <c r="N538825" s="10"/>
    </row>
    <row r="538826" spans="14:14">
      <c r="N538826" s="10"/>
    </row>
    <row r="538827" spans="14:14">
      <c r="N538827" s="10"/>
    </row>
    <row r="538828" spans="14:14">
      <c r="N538828" s="10"/>
    </row>
    <row r="538829" spans="14:14">
      <c r="N538829" s="10"/>
    </row>
    <row r="538830" spans="14:14">
      <c r="N538830" s="10"/>
    </row>
    <row r="538831" spans="14:14">
      <c r="N538831" s="10"/>
    </row>
    <row r="538832" spans="14:14">
      <c r="N538832" s="10"/>
    </row>
    <row r="538833" spans="14:14">
      <c r="N538833" s="10"/>
    </row>
    <row r="538834" spans="14:14">
      <c r="N538834" s="10"/>
    </row>
    <row r="538835" spans="14:14">
      <c r="N538835" s="10"/>
    </row>
    <row r="538836" spans="14:14">
      <c r="N538836" s="10"/>
    </row>
    <row r="538837" spans="14:14">
      <c r="N538837" s="10"/>
    </row>
    <row r="538838" spans="14:14">
      <c r="N538838" s="10"/>
    </row>
    <row r="538839" spans="14:14">
      <c r="N538839" s="10"/>
    </row>
    <row r="538840" spans="14:14">
      <c r="N538840" s="10"/>
    </row>
    <row r="538841" spans="14:14">
      <c r="N538841" s="10"/>
    </row>
    <row r="538842" spans="14:14">
      <c r="N538842" s="10"/>
    </row>
    <row r="538843" spans="14:14">
      <c r="N538843" s="10"/>
    </row>
    <row r="538844" spans="14:14">
      <c r="N538844" s="10"/>
    </row>
    <row r="538845" spans="14:14">
      <c r="N538845" s="10"/>
    </row>
    <row r="538846" spans="14:14">
      <c r="N538846" s="10"/>
    </row>
    <row r="538847" spans="14:14">
      <c r="N538847" s="10"/>
    </row>
    <row r="538848" spans="14:14">
      <c r="N538848" s="10"/>
    </row>
    <row r="538849" spans="14:14">
      <c r="N538849" s="10"/>
    </row>
    <row r="538850" spans="14:14">
      <c r="N538850" s="10"/>
    </row>
    <row r="538851" spans="14:14">
      <c r="N538851" s="10"/>
    </row>
    <row r="538852" spans="14:14">
      <c r="N538852" s="10"/>
    </row>
    <row r="538853" spans="14:14">
      <c r="N538853" s="10"/>
    </row>
    <row r="538854" spans="14:14">
      <c r="N538854" s="10"/>
    </row>
    <row r="538855" spans="14:14">
      <c r="N538855" s="10"/>
    </row>
    <row r="538856" spans="14:14">
      <c r="N538856" s="10"/>
    </row>
    <row r="538857" spans="14:14">
      <c r="N538857" s="10"/>
    </row>
    <row r="538858" spans="14:14">
      <c r="N538858" s="10"/>
    </row>
    <row r="538859" spans="14:14">
      <c r="N538859" s="10"/>
    </row>
    <row r="538860" spans="14:14">
      <c r="N538860" s="10"/>
    </row>
    <row r="538861" spans="14:14">
      <c r="N538861" s="10"/>
    </row>
    <row r="538862" spans="14:14">
      <c r="N538862" s="10"/>
    </row>
    <row r="538863" spans="14:14">
      <c r="N538863" s="10"/>
    </row>
    <row r="538864" spans="14:14">
      <c r="N538864" s="10"/>
    </row>
    <row r="538865" spans="14:14">
      <c r="N538865" s="10"/>
    </row>
    <row r="538866" spans="14:14">
      <c r="N538866" s="10"/>
    </row>
    <row r="538867" spans="14:14">
      <c r="N538867" s="10"/>
    </row>
    <row r="538868" spans="14:14">
      <c r="N538868" s="10"/>
    </row>
    <row r="538869" spans="14:14">
      <c r="N538869" s="10"/>
    </row>
    <row r="538870" spans="14:14">
      <c r="N538870" s="10"/>
    </row>
    <row r="538871" spans="14:14">
      <c r="N538871" s="10"/>
    </row>
    <row r="538872" spans="14:14">
      <c r="N538872" s="10"/>
    </row>
    <row r="538873" spans="14:14">
      <c r="N538873" s="10"/>
    </row>
    <row r="538874" spans="14:14">
      <c r="N538874" s="10"/>
    </row>
    <row r="538875" spans="14:14">
      <c r="N538875" s="10"/>
    </row>
    <row r="538876" spans="14:14">
      <c r="N538876" s="10"/>
    </row>
    <row r="538877" spans="14:14">
      <c r="N538877" s="10"/>
    </row>
    <row r="538878" spans="14:14">
      <c r="N538878" s="10"/>
    </row>
    <row r="538879" spans="14:14">
      <c r="N538879" s="10"/>
    </row>
    <row r="538880" spans="14:14">
      <c r="N538880" s="10"/>
    </row>
    <row r="538881" spans="14:14">
      <c r="N538881" s="10"/>
    </row>
    <row r="538882" spans="14:14">
      <c r="N538882" s="10"/>
    </row>
    <row r="538883" spans="14:14">
      <c r="N538883" s="10"/>
    </row>
    <row r="538884" spans="14:14">
      <c r="N538884" s="10"/>
    </row>
    <row r="538885" spans="14:14">
      <c r="N538885" s="10"/>
    </row>
    <row r="538886" spans="14:14">
      <c r="N538886" s="10"/>
    </row>
    <row r="538887" spans="14:14">
      <c r="N538887" s="10"/>
    </row>
    <row r="538888" spans="14:14">
      <c r="N538888" s="10"/>
    </row>
    <row r="538889" spans="14:14">
      <c r="N538889" s="10"/>
    </row>
    <row r="538890" spans="14:14">
      <c r="N538890" s="10"/>
    </row>
    <row r="538891" spans="14:14">
      <c r="N538891" s="10"/>
    </row>
    <row r="538892" spans="14:14">
      <c r="N538892" s="10"/>
    </row>
    <row r="538893" spans="14:14">
      <c r="N538893" s="10"/>
    </row>
    <row r="538894" spans="14:14">
      <c r="N538894" s="10"/>
    </row>
    <row r="538895" spans="14:14">
      <c r="N538895" s="10"/>
    </row>
    <row r="538896" spans="14:14">
      <c r="N538896" s="10"/>
    </row>
    <row r="538897" spans="14:14">
      <c r="N538897" s="10"/>
    </row>
    <row r="538898" spans="14:14">
      <c r="N538898" s="10"/>
    </row>
    <row r="538899" spans="14:14">
      <c r="N538899" s="10"/>
    </row>
    <row r="538900" spans="14:14">
      <c r="N538900" s="10"/>
    </row>
    <row r="538901" spans="14:14">
      <c r="N538901" s="10"/>
    </row>
    <row r="538902" spans="14:14">
      <c r="N538902" s="10"/>
    </row>
    <row r="538903" spans="14:14">
      <c r="N538903" s="10"/>
    </row>
    <row r="538904" spans="14:14">
      <c r="N538904" s="10"/>
    </row>
    <row r="538905" spans="14:14">
      <c r="N538905" s="10"/>
    </row>
    <row r="538906" spans="14:14">
      <c r="N538906" s="10"/>
    </row>
    <row r="538907" spans="14:14">
      <c r="N538907" s="10"/>
    </row>
    <row r="538908" spans="14:14">
      <c r="N538908" s="10"/>
    </row>
    <row r="538909" spans="14:14">
      <c r="N538909" s="10"/>
    </row>
    <row r="538910" spans="14:14">
      <c r="N538910" s="10"/>
    </row>
    <row r="538911" spans="14:14">
      <c r="N538911" s="10"/>
    </row>
    <row r="538912" spans="14:14">
      <c r="N538912" s="10"/>
    </row>
    <row r="538913" spans="14:14">
      <c r="N538913" s="10"/>
    </row>
    <row r="538914" spans="14:14">
      <c r="N538914" s="10"/>
    </row>
    <row r="538915" spans="14:14">
      <c r="N538915" s="10"/>
    </row>
    <row r="538916" spans="14:14">
      <c r="N538916" s="10"/>
    </row>
    <row r="538917" spans="14:14">
      <c r="N538917" s="10"/>
    </row>
    <row r="538918" spans="14:14">
      <c r="N538918" s="10"/>
    </row>
    <row r="538919" spans="14:14">
      <c r="N538919" s="10"/>
    </row>
    <row r="538920" spans="14:14">
      <c r="N538920" s="10"/>
    </row>
    <row r="538921" spans="14:14">
      <c r="N538921" s="10"/>
    </row>
    <row r="538922" spans="14:14">
      <c r="N538922" s="10"/>
    </row>
    <row r="538923" spans="14:14">
      <c r="N538923" s="10"/>
    </row>
    <row r="538924" spans="14:14">
      <c r="N538924" s="10"/>
    </row>
    <row r="538925" spans="14:14">
      <c r="N538925" s="10"/>
    </row>
    <row r="538926" spans="14:14">
      <c r="N538926" s="10"/>
    </row>
    <row r="538927" spans="14:14">
      <c r="N538927" s="10"/>
    </row>
    <row r="538928" spans="14:14">
      <c r="N538928" s="10"/>
    </row>
    <row r="538929" spans="14:14">
      <c r="N538929" s="10"/>
    </row>
    <row r="538930" spans="14:14">
      <c r="N538930" s="10"/>
    </row>
    <row r="538931" spans="14:14">
      <c r="N538931" s="10"/>
    </row>
    <row r="538932" spans="14:14">
      <c r="N538932" s="10"/>
    </row>
    <row r="538933" spans="14:14">
      <c r="N538933" s="10"/>
    </row>
    <row r="538934" spans="14:14">
      <c r="N538934" s="10"/>
    </row>
    <row r="538935" spans="14:14">
      <c r="N538935" s="10"/>
    </row>
    <row r="538936" spans="14:14">
      <c r="N538936" s="10"/>
    </row>
    <row r="538937" spans="14:14">
      <c r="N538937" s="10"/>
    </row>
    <row r="538938" spans="14:14">
      <c r="N538938" s="10"/>
    </row>
    <row r="538939" spans="14:14">
      <c r="N538939" s="10"/>
    </row>
    <row r="538940" spans="14:14">
      <c r="N538940" s="10"/>
    </row>
    <row r="538941" spans="14:14">
      <c r="N538941" s="10"/>
    </row>
    <row r="538942" spans="14:14">
      <c r="N538942" s="10"/>
    </row>
    <row r="538943" spans="14:14">
      <c r="N538943" s="10"/>
    </row>
    <row r="538944" spans="14:14">
      <c r="N538944" s="10"/>
    </row>
    <row r="538945" spans="14:14">
      <c r="N538945" s="10"/>
    </row>
    <row r="538946" spans="14:14">
      <c r="N538946" s="10"/>
    </row>
    <row r="538947" spans="14:14">
      <c r="N538947" s="10"/>
    </row>
    <row r="538948" spans="14:14">
      <c r="N538948" s="10"/>
    </row>
    <row r="538949" spans="14:14">
      <c r="N538949" s="10"/>
    </row>
    <row r="538950" spans="14:14">
      <c r="N538950" s="10"/>
    </row>
    <row r="538951" spans="14:14">
      <c r="N538951" s="10"/>
    </row>
    <row r="538952" spans="14:14">
      <c r="N538952" s="10"/>
    </row>
    <row r="538953" spans="14:14">
      <c r="N538953" s="10"/>
    </row>
    <row r="538954" spans="14:14">
      <c r="N538954" s="10"/>
    </row>
    <row r="538955" spans="14:14">
      <c r="N538955" s="10"/>
    </row>
    <row r="538956" spans="14:14">
      <c r="N538956" s="10"/>
    </row>
    <row r="538957" spans="14:14">
      <c r="N538957" s="10"/>
    </row>
    <row r="538958" spans="14:14">
      <c r="N538958" s="10"/>
    </row>
    <row r="538959" spans="14:14">
      <c r="N538959" s="10"/>
    </row>
    <row r="538960" spans="14:14">
      <c r="N538960" s="10"/>
    </row>
    <row r="538961" spans="14:14">
      <c r="N538961" s="10"/>
    </row>
    <row r="538962" spans="14:14">
      <c r="N538962" s="10"/>
    </row>
    <row r="538963" spans="14:14">
      <c r="N538963" s="10"/>
    </row>
    <row r="538964" spans="14:14">
      <c r="N538964" s="10"/>
    </row>
    <row r="538965" spans="14:14">
      <c r="N538965" s="10"/>
    </row>
    <row r="538966" spans="14:14">
      <c r="N538966" s="10"/>
    </row>
    <row r="538967" spans="14:14">
      <c r="N538967" s="10"/>
    </row>
    <row r="538968" spans="14:14">
      <c r="N538968" s="10"/>
    </row>
    <row r="538969" spans="14:14">
      <c r="N538969" s="10"/>
    </row>
    <row r="538970" spans="14:14">
      <c r="N538970" s="10"/>
    </row>
    <row r="538971" spans="14:14">
      <c r="N538971" s="10"/>
    </row>
    <row r="538972" spans="14:14">
      <c r="N538972" s="10"/>
    </row>
    <row r="538973" spans="14:14">
      <c r="N538973" s="10"/>
    </row>
    <row r="538974" spans="14:14">
      <c r="N538974" s="10"/>
    </row>
    <row r="538975" spans="14:14">
      <c r="N538975" s="10"/>
    </row>
    <row r="538976" spans="14:14">
      <c r="N538976" s="10"/>
    </row>
    <row r="538977" spans="14:14">
      <c r="N538977" s="10"/>
    </row>
    <row r="538978" spans="14:14">
      <c r="N538978" s="10"/>
    </row>
    <row r="538979" spans="14:14">
      <c r="N538979" s="10"/>
    </row>
    <row r="538980" spans="14:14">
      <c r="N538980" s="10"/>
    </row>
    <row r="538981" spans="14:14">
      <c r="N538981" s="10"/>
    </row>
    <row r="538982" spans="14:14">
      <c r="N538982" s="10"/>
    </row>
    <row r="538983" spans="14:14">
      <c r="N538983" s="10"/>
    </row>
    <row r="538984" spans="14:14">
      <c r="N538984" s="10"/>
    </row>
    <row r="538985" spans="14:14">
      <c r="N538985" s="10"/>
    </row>
    <row r="538986" spans="14:14">
      <c r="N538986" s="10"/>
    </row>
    <row r="538987" spans="14:14">
      <c r="N538987" s="10"/>
    </row>
    <row r="538988" spans="14:14">
      <c r="N538988" s="10"/>
    </row>
    <row r="538989" spans="14:14">
      <c r="N538989" s="10"/>
    </row>
    <row r="538990" spans="14:14">
      <c r="N538990" s="10"/>
    </row>
    <row r="538991" spans="14:14">
      <c r="N538991" s="10"/>
    </row>
    <row r="538992" spans="14:14">
      <c r="N538992" s="10"/>
    </row>
    <row r="538993" spans="14:14">
      <c r="N538993" s="10"/>
    </row>
    <row r="538994" spans="14:14">
      <c r="N538994" s="10"/>
    </row>
    <row r="538995" spans="14:14">
      <c r="N538995" s="10"/>
    </row>
    <row r="538996" spans="14:14">
      <c r="N538996" s="10"/>
    </row>
    <row r="538997" spans="14:14">
      <c r="N538997" s="10"/>
    </row>
    <row r="538998" spans="14:14">
      <c r="N538998" s="10"/>
    </row>
    <row r="538999" spans="14:14">
      <c r="N538999" s="10"/>
    </row>
    <row r="539000" spans="14:14">
      <c r="N539000" s="10"/>
    </row>
    <row r="539001" spans="14:14">
      <c r="N539001" s="10"/>
    </row>
    <row r="539002" spans="14:14">
      <c r="N539002" s="10"/>
    </row>
    <row r="539003" spans="14:14">
      <c r="N539003" s="10"/>
    </row>
    <row r="539004" spans="14:14">
      <c r="N539004" s="10"/>
    </row>
    <row r="539005" spans="14:14">
      <c r="N539005" s="10"/>
    </row>
    <row r="539006" spans="14:14">
      <c r="N539006" s="10"/>
    </row>
    <row r="539007" spans="14:14">
      <c r="N539007" s="10"/>
    </row>
    <row r="539008" spans="14:14">
      <c r="N539008" s="10"/>
    </row>
    <row r="539009" spans="14:14">
      <c r="N539009" s="10"/>
    </row>
    <row r="539010" spans="14:14">
      <c r="N539010" s="10"/>
    </row>
    <row r="539011" spans="14:14">
      <c r="N539011" s="10"/>
    </row>
    <row r="539012" spans="14:14">
      <c r="N539012" s="10"/>
    </row>
    <row r="539013" spans="14:14">
      <c r="N539013" s="10"/>
    </row>
    <row r="539014" spans="14:14">
      <c r="N539014" s="10"/>
    </row>
    <row r="539015" spans="14:14">
      <c r="N539015" s="10"/>
    </row>
    <row r="539016" spans="14:14">
      <c r="N539016" s="10"/>
    </row>
    <row r="539017" spans="14:14">
      <c r="N539017" s="10"/>
    </row>
    <row r="539018" spans="14:14">
      <c r="N539018" s="10"/>
    </row>
    <row r="539019" spans="14:14">
      <c r="N539019" s="10"/>
    </row>
    <row r="539020" spans="14:14">
      <c r="N539020" s="10"/>
    </row>
    <row r="539021" spans="14:14">
      <c r="N539021" s="10"/>
    </row>
    <row r="539022" spans="14:14">
      <c r="N539022" s="10"/>
    </row>
    <row r="539023" spans="14:14">
      <c r="N539023" s="10"/>
    </row>
    <row r="539024" spans="14:14">
      <c r="N539024" s="10"/>
    </row>
    <row r="539025" spans="14:14">
      <c r="N539025" s="10"/>
    </row>
    <row r="539026" spans="14:14">
      <c r="N539026" s="10"/>
    </row>
    <row r="539027" spans="14:14">
      <c r="N539027" s="10"/>
    </row>
    <row r="539028" spans="14:14">
      <c r="N539028" s="10"/>
    </row>
    <row r="539029" spans="14:14">
      <c r="N539029" s="10"/>
    </row>
    <row r="539030" spans="14:14">
      <c r="N539030" s="10"/>
    </row>
    <row r="539031" spans="14:14">
      <c r="N539031" s="10"/>
    </row>
    <row r="539032" spans="14:14">
      <c r="N539032" s="10"/>
    </row>
    <row r="539033" spans="14:14">
      <c r="N539033" s="10"/>
    </row>
    <row r="539034" spans="14:14">
      <c r="N539034" s="10"/>
    </row>
    <row r="539035" spans="14:14">
      <c r="N539035" s="10"/>
    </row>
    <row r="539036" spans="14:14">
      <c r="N539036" s="10"/>
    </row>
    <row r="539037" spans="14:14">
      <c r="N539037" s="10"/>
    </row>
    <row r="539038" spans="14:14">
      <c r="N539038" s="10"/>
    </row>
    <row r="539039" spans="14:14">
      <c r="N539039" s="10"/>
    </row>
    <row r="539040" spans="14:14">
      <c r="N539040" s="10"/>
    </row>
    <row r="539041" spans="14:14">
      <c r="N539041" s="10"/>
    </row>
    <row r="539042" spans="14:14">
      <c r="N539042" s="10"/>
    </row>
    <row r="539043" spans="14:14">
      <c r="N539043" s="10"/>
    </row>
    <row r="539044" spans="14:14">
      <c r="N539044" s="10"/>
    </row>
    <row r="539045" spans="14:14">
      <c r="N539045" s="10"/>
    </row>
    <row r="539046" spans="14:14">
      <c r="N539046" s="10"/>
    </row>
    <row r="539047" spans="14:14">
      <c r="N539047" s="10"/>
    </row>
    <row r="539048" spans="14:14">
      <c r="N539048" s="10"/>
    </row>
    <row r="539049" spans="14:14">
      <c r="N539049" s="10"/>
    </row>
    <row r="539050" spans="14:14">
      <c r="N539050" s="10"/>
    </row>
    <row r="539051" spans="14:14">
      <c r="N539051" s="10"/>
    </row>
    <row r="539052" spans="14:14">
      <c r="N539052" s="10"/>
    </row>
    <row r="539053" spans="14:14">
      <c r="N539053" s="10"/>
    </row>
    <row r="539054" spans="14:14">
      <c r="N539054" s="10"/>
    </row>
    <row r="539055" spans="14:14">
      <c r="N539055" s="10"/>
    </row>
    <row r="539056" spans="14:14">
      <c r="N539056" s="10"/>
    </row>
    <row r="539057" spans="14:14">
      <c r="N539057" s="10"/>
    </row>
    <row r="539058" spans="14:14">
      <c r="N539058" s="10"/>
    </row>
    <row r="539059" spans="14:14">
      <c r="N539059" s="10"/>
    </row>
    <row r="539060" spans="14:14">
      <c r="N539060" s="10"/>
    </row>
    <row r="539061" spans="14:14">
      <c r="N539061" s="10"/>
    </row>
    <row r="539062" spans="14:14">
      <c r="N539062" s="10"/>
    </row>
    <row r="539063" spans="14:14">
      <c r="N539063" s="10"/>
    </row>
    <row r="539064" spans="14:14">
      <c r="N539064" s="10"/>
    </row>
    <row r="539065" spans="14:14">
      <c r="N539065" s="10"/>
    </row>
    <row r="539066" spans="14:14">
      <c r="N539066" s="10"/>
    </row>
    <row r="539067" spans="14:14">
      <c r="N539067" s="10"/>
    </row>
    <row r="539068" spans="14:14">
      <c r="N539068" s="10"/>
    </row>
    <row r="539069" spans="14:14">
      <c r="N539069" s="10"/>
    </row>
    <row r="539070" spans="14:14">
      <c r="N539070" s="10"/>
    </row>
    <row r="539071" spans="14:14">
      <c r="N539071" s="10"/>
    </row>
    <row r="539072" spans="14:14">
      <c r="N539072" s="10"/>
    </row>
    <row r="539073" spans="14:14">
      <c r="N539073" s="10"/>
    </row>
    <row r="539074" spans="14:14">
      <c r="N539074" s="10"/>
    </row>
    <row r="539075" spans="14:14">
      <c r="N539075" s="10"/>
    </row>
    <row r="539076" spans="14:14">
      <c r="N539076" s="10"/>
    </row>
    <row r="539077" spans="14:14">
      <c r="N539077" s="10"/>
    </row>
    <row r="539078" spans="14:14">
      <c r="N539078" s="10"/>
    </row>
    <row r="539079" spans="14:14">
      <c r="N539079" s="10"/>
    </row>
    <row r="539080" spans="14:14">
      <c r="N539080" s="10"/>
    </row>
    <row r="539081" spans="14:14">
      <c r="N539081" s="10"/>
    </row>
    <row r="539082" spans="14:14">
      <c r="N539082" s="10"/>
    </row>
    <row r="539083" spans="14:14">
      <c r="N539083" s="10"/>
    </row>
    <row r="539084" spans="14:14">
      <c r="N539084" s="10"/>
    </row>
    <row r="539085" spans="14:14">
      <c r="N539085" s="10"/>
    </row>
    <row r="539086" spans="14:14">
      <c r="N539086" s="10"/>
    </row>
    <row r="539087" spans="14:14">
      <c r="N539087" s="10"/>
    </row>
    <row r="539088" spans="14:14">
      <c r="N539088" s="10"/>
    </row>
    <row r="539089" spans="14:14">
      <c r="N539089" s="10"/>
    </row>
    <row r="539090" spans="14:14">
      <c r="N539090" s="10"/>
    </row>
    <row r="539091" spans="14:14">
      <c r="N539091" s="10"/>
    </row>
    <row r="539092" spans="14:14">
      <c r="N539092" s="10"/>
    </row>
    <row r="539093" spans="14:14">
      <c r="N539093" s="10"/>
    </row>
    <row r="539094" spans="14:14">
      <c r="N539094" s="10"/>
    </row>
    <row r="539095" spans="14:14">
      <c r="N539095" s="10"/>
    </row>
    <row r="539096" spans="14:14">
      <c r="N539096" s="10"/>
    </row>
    <row r="539097" spans="14:14">
      <c r="N539097" s="10"/>
    </row>
    <row r="539098" spans="14:14">
      <c r="N539098" s="10"/>
    </row>
    <row r="539099" spans="14:14">
      <c r="N539099" s="10"/>
    </row>
    <row r="539100" spans="14:14">
      <c r="N539100" s="10"/>
    </row>
    <row r="539101" spans="14:14">
      <c r="N539101" s="10"/>
    </row>
    <row r="539102" spans="14:14">
      <c r="N539102" s="10"/>
    </row>
    <row r="539103" spans="14:14">
      <c r="N539103" s="10"/>
    </row>
    <row r="539104" spans="14:14">
      <c r="N539104" s="10"/>
    </row>
    <row r="539105" spans="14:14">
      <c r="N539105" s="10"/>
    </row>
    <row r="539106" spans="14:14">
      <c r="N539106" s="10"/>
    </row>
    <row r="539107" spans="14:14">
      <c r="N539107" s="10"/>
    </row>
    <row r="539108" spans="14:14">
      <c r="N539108" s="10"/>
    </row>
    <row r="539109" spans="14:14">
      <c r="N539109" s="10"/>
    </row>
    <row r="539110" spans="14:14">
      <c r="N539110" s="10"/>
    </row>
    <row r="539111" spans="14:14">
      <c r="N539111" s="10"/>
    </row>
    <row r="539112" spans="14:14">
      <c r="N539112" s="10"/>
    </row>
    <row r="539113" spans="14:14">
      <c r="N539113" s="10"/>
    </row>
    <row r="539114" spans="14:14">
      <c r="N539114" s="10"/>
    </row>
    <row r="539115" spans="14:14">
      <c r="N539115" s="10"/>
    </row>
    <row r="539116" spans="14:14">
      <c r="N539116" s="10"/>
    </row>
    <row r="539117" spans="14:14">
      <c r="N539117" s="10"/>
    </row>
    <row r="539118" spans="14:14">
      <c r="N539118" s="10"/>
    </row>
    <row r="539119" spans="14:14">
      <c r="N539119" s="10"/>
    </row>
    <row r="539120" spans="14:14">
      <c r="N539120" s="10"/>
    </row>
    <row r="539121" spans="14:14">
      <c r="N539121" s="10"/>
    </row>
    <row r="539122" spans="14:14">
      <c r="N539122" s="10"/>
    </row>
    <row r="539123" spans="14:14">
      <c r="N539123" s="10"/>
    </row>
    <row r="539124" spans="14:14">
      <c r="N539124" s="10"/>
    </row>
    <row r="539125" spans="14:14">
      <c r="N539125" s="10"/>
    </row>
    <row r="539126" spans="14:14">
      <c r="N539126" s="10"/>
    </row>
    <row r="539127" spans="14:14">
      <c r="N539127" s="10"/>
    </row>
    <row r="539128" spans="14:14">
      <c r="N539128" s="10"/>
    </row>
    <row r="539129" spans="14:14">
      <c r="N539129" s="10"/>
    </row>
    <row r="539130" spans="14:14">
      <c r="N539130" s="10"/>
    </row>
    <row r="539131" spans="14:14">
      <c r="N539131" s="10"/>
    </row>
    <row r="539132" spans="14:14">
      <c r="N539132" s="10"/>
    </row>
    <row r="539133" spans="14:14">
      <c r="N539133" s="10"/>
    </row>
    <row r="539134" spans="14:14">
      <c r="N539134" s="10"/>
    </row>
    <row r="539135" spans="14:14">
      <c r="N539135" s="10"/>
    </row>
    <row r="539136" spans="14:14">
      <c r="N539136" s="10"/>
    </row>
    <row r="539137" spans="14:14">
      <c r="N539137" s="10"/>
    </row>
    <row r="539138" spans="14:14">
      <c r="N539138" s="10"/>
    </row>
    <row r="539139" spans="14:14">
      <c r="N539139" s="10"/>
    </row>
    <row r="539140" spans="14:14">
      <c r="N539140" s="10"/>
    </row>
    <row r="539141" spans="14:14">
      <c r="N539141" s="10"/>
    </row>
    <row r="539142" spans="14:14">
      <c r="N539142" s="10"/>
    </row>
    <row r="539143" spans="14:14">
      <c r="N539143" s="10"/>
    </row>
    <row r="539144" spans="14:14">
      <c r="N539144" s="10"/>
    </row>
    <row r="539145" spans="14:14">
      <c r="N539145" s="10"/>
    </row>
    <row r="539146" spans="14:14">
      <c r="N539146" s="10"/>
    </row>
    <row r="539147" spans="14:14">
      <c r="N539147" s="10"/>
    </row>
    <row r="539148" spans="14:14">
      <c r="N539148" s="10"/>
    </row>
    <row r="539149" spans="14:14">
      <c r="N539149" s="10"/>
    </row>
    <row r="539150" spans="14:14">
      <c r="N539150" s="10"/>
    </row>
    <row r="539151" spans="14:14">
      <c r="N539151" s="10"/>
    </row>
    <row r="539152" spans="14:14">
      <c r="N539152" s="10"/>
    </row>
    <row r="539153" spans="14:14">
      <c r="N539153" s="10"/>
    </row>
    <row r="539154" spans="14:14">
      <c r="N539154" s="10"/>
    </row>
    <row r="539155" spans="14:14">
      <c r="N539155" s="10"/>
    </row>
    <row r="539156" spans="14:14">
      <c r="N539156" s="10"/>
    </row>
    <row r="539157" spans="14:14">
      <c r="N539157" s="10"/>
    </row>
    <row r="539158" spans="14:14">
      <c r="N539158" s="10"/>
    </row>
    <row r="539159" spans="14:14">
      <c r="N539159" s="10"/>
    </row>
    <row r="539160" spans="14:14">
      <c r="N539160" s="10"/>
    </row>
    <row r="539161" spans="14:14">
      <c r="N539161" s="10"/>
    </row>
    <row r="539162" spans="14:14">
      <c r="N539162" s="10"/>
    </row>
    <row r="539163" spans="14:14">
      <c r="N539163" s="10"/>
    </row>
    <row r="539164" spans="14:14">
      <c r="N539164" s="10"/>
    </row>
    <row r="539165" spans="14:14">
      <c r="N539165" s="10"/>
    </row>
    <row r="539166" spans="14:14">
      <c r="N539166" s="10"/>
    </row>
    <row r="539167" spans="14:14">
      <c r="N539167" s="10"/>
    </row>
    <row r="539168" spans="14:14">
      <c r="N539168" s="10"/>
    </row>
    <row r="539169" spans="14:14">
      <c r="N539169" s="10"/>
    </row>
    <row r="539170" spans="14:14">
      <c r="N539170" s="10"/>
    </row>
    <row r="539171" spans="14:14">
      <c r="N539171" s="10"/>
    </row>
    <row r="539172" spans="14:14">
      <c r="N539172" s="10"/>
    </row>
    <row r="539173" spans="14:14">
      <c r="N539173" s="10"/>
    </row>
    <row r="539174" spans="14:14">
      <c r="N539174" s="10"/>
    </row>
    <row r="539175" spans="14:14">
      <c r="N539175" s="10"/>
    </row>
    <row r="539176" spans="14:14">
      <c r="N539176" s="10"/>
    </row>
    <row r="539177" spans="14:14">
      <c r="N539177" s="10"/>
    </row>
    <row r="539178" spans="14:14">
      <c r="N539178" s="10"/>
    </row>
    <row r="539179" spans="14:14">
      <c r="N539179" s="10"/>
    </row>
    <row r="539180" spans="14:14">
      <c r="N539180" s="10"/>
    </row>
    <row r="539181" spans="14:14">
      <c r="N539181" s="10"/>
    </row>
    <row r="539182" spans="14:14">
      <c r="N539182" s="10"/>
    </row>
    <row r="539183" spans="14:14">
      <c r="N539183" s="10"/>
    </row>
    <row r="539184" spans="14:14">
      <c r="N539184" s="10"/>
    </row>
    <row r="539185" spans="14:14">
      <c r="N539185" s="10"/>
    </row>
    <row r="539186" spans="14:14">
      <c r="N539186" s="10"/>
    </row>
    <row r="539187" spans="14:14">
      <c r="N539187" s="10"/>
    </row>
    <row r="539188" spans="14:14">
      <c r="N539188" s="10"/>
    </row>
    <row r="539189" spans="14:14">
      <c r="N539189" s="10"/>
    </row>
    <row r="539190" spans="14:14">
      <c r="N539190" s="10"/>
    </row>
    <row r="539191" spans="14:14">
      <c r="N539191" s="10"/>
    </row>
    <row r="539192" spans="14:14">
      <c r="N539192" s="10"/>
    </row>
    <row r="539193" spans="14:14">
      <c r="N539193" s="10"/>
    </row>
    <row r="539194" spans="14:14">
      <c r="N539194" s="10"/>
    </row>
    <row r="539195" spans="14:14">
      <c r="N539195" s="10"/>
    </row>
    <row r="539196" spans="14:14">
      <c r="N539196" s="10"/>
    </row>
    <row r="539197" spans="14:14">
      <c r="N539197" s="10"/>
    </row>
    <row r="539198" spans="14:14">
      <c r="N539198" s="10"/>
    </row>
    <row r="539199" spans="14:14">
      <c r="N539199" s="10"/>
    </row>
    <row r="539200" spans="14:14">
      <c r="N539200" s="10"/>
    </row>
    <row r="539201" spans="14:14">
      <c r="N539201" s="10"/>
    </row>
    <row r="539202" spans="14:14">
      <c r="N539202" s="10"/>
    </row>
    <row r="539203" spans="14:14">
      <c r="N539203" s="10"/>
    </row>
    <row r="539204" spans="14:14">
      <c r="N539204" s="10"/>
    </row>
    <row r="539205" spans="14:14">
      <c r="N539205" s="10"/>
    </row>
    <row r="539206" spans="14:14">
      <c r="N539206" s="10"/>
    </row>
    <row r="539207" spans="14:14">
      <c r="N539207" s="10"/>
    </row>
    <row r="539208" spans="14:14">
      <c r="N539208" s="10"/>
    </row>
    <row r="539209" spans="14:14">
      <c r="N539209" s="10"/>
    </row>
    <row r="539210" spans="14:14">
      <c r="N539210" s="10"/>
    </row>
    <row r="539211" spans="14:14">
      <c r="N539211" s="10"/>
    </row>
    <row r="539212" spans="14:14">
      <c r="N539212" s="10"/>
    </row>
    <row r="539213" spans="14:14">
      <c r="N539213" s="10"/>
    </row>
    <row r="539214" spans="14:14">
      <c r="N539214" s="10"/>
    </row>
    <row r="539215" spans="14:14">
      <c r="N539215" s="10"/>
    </row>
    <row r="539216" spans="14:14">
      <c r="N539216" s="10"/>
    </row>
    <row r="539217" spans="14:14">
      <c r="N539217" s="10"/>
    </row>
    <row r="539218" spans="14:14">
      <c r="N539218" s="10"/>
    </row>
    <row r="539219" spans="14:14">
      <c r="N539219" s="10"/>
    </row>
    <row r="539220" spans="14:14">
      <c r="N539220" s="10"/>
    </row>
    <row r="539221" spans="14:14">
      <c r="N539221" s="10"/>
    </row>
    <row r="539222" spans="14:14">
      <c r="N539222" s="10"/>
    </row>
    <row r="539223" spans="14:14">
      <c r="N539223" s="10"/>
    </row>
    <row r="539224" spans="14:14">
      <c r="N539224" s="10"/>
    </row>
    <row r="539225" spans="14:14">
      <c r="N539225" s="10"/>
    </row>
    <row r="539226" spans="14:14">
      <c r="N539226" s="10"/>
    </row>
    <row r="539227" spans="14:14">
      <c r="N539227" s="10"/>
    </row>
    <row r="539228" spans="14:14">
      <c r="N539228" s="10"/>
    </row>
    <row r="539229" spans="14:14">
      <c r="N539229" s="10"/>
    </row>
    <row r="539230" spans="14:14">
      <c r="N539230" s="10"/>
    </row>
    <row r="539231" spans="14:14">
      <c r="N539231" s="10"/>
    </row>
    <row r="539232" spans="14:14">
      <c r="N539232" s="10"/>
    </row>
    <row r="539233" spans="14:14">
      <c r="N539233" s="10"/>
    </row>
    <row r="539234" spans="14:14">
      <c r="N539234" s="10"/>
    </row>
    <row r="539235" spans="14:14">
      <c r="N539235" s="10"/>
    </row>
    <row r="539236" spans="14:14">
      <c r="N539236" s="10"/>
    </row>
    <row r="539237" spans="14:14">
      <c r="N539237" s="10"/>
    </row>
    <row r="539238" spans="14:14">
      <c r="N539238" s="10"/>
    </row>
    <row r="539239" spans="14:14">
      <c r="N539239" s="10"/>
    </row>
    <row r="539240" spans="14:14">
      <c r="N539240" s="10"/>
    </row>
    <row r="539241" spans="14:14">
      <c r="N539241" s="10"/>
    </row>
    <row r="539242" spans="14:14">
      <c r="N539242" s="10"/>
    </row>
    <row r="539243" spans="14:14">
      <c r="N539243" s="10"/>
    </row>
    <row r="539244" spans="14:14">
      <c r="N539244" s="10"/>
    </row>
    <row r="539245" spans="14:14">
      <c r="N539245" s="10"/>
    </row>
    <row r="539246" spans="14:14">
      <c r="N539246" s="10"/>
    </row>
    <row r="539247" spans="14:14">
      <c r="N539247" s="10"/>
    </row>
    <row r="539248" spans="14:14">
      <c r="N539248" s="10"/>
    </row>
    <row r="539249" spans="14:14">
      <c r="N539249" s="10"/>
    </row>
    <row r="539250" spans="14:14">
      <c r="N539250" s="10"/>
    </row>
    <row r="539251" spans="14:14">
      <c r="N539251" s="10"/>
    </row>
    <row r="539252" spans="14:14">
      <c r="N539252" s="10"/>
    </row>
    <row r="539253" spans="14:14">
      <c r="N539253" s="10"/>
    </row>
    <row r="539254" spans="14:14">
      <c r="N539254" s="10"/>
    </row>
    <row r="539255" spans="14:14">
      <c r="N539255" s="10"/>
    </row>
    <row r="539256" spans="14:14">
      <c r="N539256" s="10"/>
    </row>
    <row r="539257" spans="14:14">
      <c r="N539257" s="10"/>
    </row>
    <row r="539258" spans="14:14">
      <c r="N539258" s="10"/>
    </row>
    <row r="539259" spans="14:14">
      <c r="N539259" s="10"/>
    </row>
    <row r="539260" spans="14:14">
      <c r="N539260" s="10"/>
    </row>
    <row r="539261" spans="14:14">
      <c r="N539261" s="10"/>
    </row>
    <row r="539262" spans="14:14">
      <c r="N539262" s="10"/>
    </row>
    <row r="539263" spans="14:14">
      <c r="N539263" s="10"/>
    </row>
    <row r="539264" spans="14:14">
      <c r="N539264" s="10"/>
    </row>
    <row r="539265" spans="14:14">
      <c r="N539265" s="10"/>
    </row>
    <row r="539266" spans="14:14">
      <c r="N539266" s="10"/>
    </row>
    <row r="539267" spans="14:14">
      <c r="N539267" s="10"/>
    </row>
    <row r="539268" spans="14:14">
      <c r="N539268" s="10"/>
    </row>
    <row r="539269" spans="14:14">
      <c r="N539269" s="10"/>
    </row>
    <row r="539270" spans="14:14">
      <c r="N539270" s="10"/>
    </row>
    <row r="539271" spans="14:14">
      <c r="N539271" s="10"/>
    </row>
    <row r="539272" spans="14:14">
      <c r="N539272" s="10"/>
    </row>
    <row r="539273" spans="14:14">
      <c r="N539273" s="10"/>
    </row>
    <row r="539274" spans="14:14">
      <c r="N539274" s="10"/>
    </row>
    <row r="539275" spans="14:14">
      <c r="N539275" s="10"/>
    </row>
    <row r="539276" spans="14:14">
      <c r="N539276" s="10"/>
    </row>
    <row r="539277" spans="14:14">
      <c r="N539277" s="10"/>
    </row>
    <row r="539278" spans="14:14">
      <c r="N539278" s="10"/>
    </row>
    <row r="539279" spans="14:14">
      <c r="N539279" s="10"/>
    </row>
    <row r="539280" spans="14:14">
      <c r="N539280" s="10"/>
    </row>
    <row r="539281" spans="14:14">
      <c r="N539281" s="10"/>
    </row>
    <row r="539282" spans="14:14">
      <c r="N539282" s="10"/>
    </row>
    <row r="539283" spans="14:14">
      <c r="N539283" s="10"/>
    </row>
    <row r="539284" spans="14:14">
      <c r="N539284" s="10"/>
    </row>
    <row r="539285" spans="14:14">
      <c r="N539285" s="10"/>
    </row>
    <row r="539286" spans="14:14">
      <c r="N539286" s="10"/>
    </row>
    <row r="539287" spans="14:14">
      <c r="N539287" s="10"/>
    </row>
    <row r="539288" spans="14:14">
      <c r="N539288" s="10"/>
    </row>
    <row r="539289" spans="14:14">
      <c r="N539289" s="10"/>
    </row>
    <row r="539290" spans="14:14">
      <c r="N539290" s="10"/>
    </row>
    <row r="539291" spans="14:14">
      <c r="N539291" s="10"/>
    </row>
    <row r="539292" spans="14:14">
      <c r="N539292" s="10"/>
    </row>
    <row r="539293" spans="14:14">
      <c r="N539293" s="10"/>
    </row>
    <row r="539294" spans="14:14">
      <c r="N539294" s="10"/>
    </row>
    <row r="539295" spans="14:14">
      <c r="N539295" s="10"/>
    </row>
    <row r="539296" spans="14:14">
      <c r="N539296" s="10"/>
    </row>
    <row r="539297" spans="14:14">
      <c r="N539297" s="10"/>
    </row>
    <row r="539298" spans="14:14">
      <c r="N539298" s="10"/>
    </row>
    <row r="539299" spans="14:14">
      <c r="N539299" s="10"/>
    </row>
    <row r="539300" spans="14:14">
      <c r="N539300" s="10"/>
    </row>
    <row r="539301" spans="14:14">
      <c r="N539301" s="10"/>
    </row>
    <row r="539302" spans="14:14">
      <c r="N539302" s="10"/>
    </row>
    <row r="539303" spans="14:14">
      <c r="N539303" s="10"/>
    </row>
    <row r="539304" spans="14:14">
      <c r="N539304" s="10"/>
    </row>
    <row r="539305" spans="14:14">
      <c r="N539305" s="10"/>
    </row>
    <row r="539306" spans="14:14">
      <c r="N539306" s="10"/>
    </row>
    <row r="539307" spans="14:14">
      <c r="N539307" s="10"/>
    </row>
    <row r="539308" spans="14:14">
      <c r="N539308" s="10"/>
    </row>
    <row r="539309" spans="14:14">
      <c r="N539309" s="10"/>
    </row>
    <row r="539310" spans="14:14">
      <c r="N539310" s="10"/>
    </row>
    <row r="539311" spans="14:14">
      <c r="N539311" s="10"/>
    </row>
    <row r="539312" spans="14:14">
      <c r="N539312" s="10"/>
    </row>
    <row r="539313" spans="14:14">
      <c r="N539313" s="10"/>
    </row>
    <row r="539314" spans="14:14">
      <c r="N539314" s="10"/>
    </row>
    <row r="539315" spans="14:14">
      <c r="N539315" s="10"/>
    </row>
    <row r="539316" spans="14:14">
      <c r="N539316" s="10"/>
    </row>
    <row r="539317" spans="14:14">
      <c r="N539317" s="10"/>
    </row>
    <row r="539318" spans="14:14">
      <c r="N539318" s="10"/>
    </row>
    <row r="539319" spans="14:14">
      <c r="N539319" s="10"/>
    </row>
    <row r="539320" spans="14:14">
      <c r="N539320" s="10"/>
    </row>
    <row r="539321" spans="14:14">
      <c r="N539321" s="10"/>
    </row>
    <row r="539322" spans="14:14">
      <c r="N539322" s="10"/>
    </row>
    <row r="539323" spans="14:14">
      <c r="N539323" s="10"/>
    </row>
    <row r="539324" spans="14:14">
      <c r="N539324" s="10"/>
    </row>
    <row r="539325" spans="14:14">
      <c r="N539325" s="10"/>
    </row>
    <row r="539326" spans="14:14">
      <c r="N539326" s="10"/>
    </row>
    <row r="539327" spans="14:14">
      <c r="N539327" s="10"/>
    </row>
    <row r="539328" spans="14:14">
      <c r="N539328" s="10"/>
    </row>
    <row r="539329" spans="14:14">
      <c r="N539329" s="10"/>
    </row>
    <row r="539330" spans="14:14">
      <c r="N539330" s="10"/>
    </row>
    <row r="539331" spans="14:14">
      <c r="N539331" s="10"/>
    </row>
    <row r="539332" spans="14:14">
      <c r="N539332" s="10"/>
    </row>
    <row r="539333" spans="14:14">
      <c r="N539333" s="10"/>
    </row>
    <row r="539334" spans="14:14">
      <c r="N539334" s="10"/>
    </row>
    <row r="539335" spans="14:14">
      <c r="N539335" s="10"/>
    </row>
    <row r="539336" spans="14:14">
      <c r="N539336" s="10"/>
    </row>
    <row r="539337" spans="14:14">
      <c r="N539337" s="10"/>
    </row>
    <row r="539338" spans="14:14">
      <c r="N539338" s="10"/>
    </row>
    <row r="539339" spans="14:14">
      <c r="N539339" s="10"/>
    </row>
    <row r="539340" spans="14:14">
      <c r="N539340" s="10"/>
    </row>
    <row r="539341" spans="14:14">
      <c r="N539341" s="10"/>
    </row>
    <row r="539342" spans="14:14">
      <c r="N539342" s="10"/>
    </row>
    <row r="539343" spans="14:14">
      <c r="N539343" s="10"/>
    </row>
    <row r="539344" spans="14:14">
      <c r="N539344" s="10"/>
    </row>
    <row r="539345" spans="14:14">
      <c r="N539345" s="10"/>
    </row>
    <row r="539346" spans="14:14">
      <c r="N539346" s="10"/>
    </row>
    <row r="539347" spans="14:14">
      <c r="N539347" s="10"/>
    </row>
    <row r="539348" spans="14:14">
      <c r="N539348" s="10"/>
    </row>
    <row r="539349" spans="14:14">
      <c r="N539349" s="10"/>
    </row>
    <row r="539350" spans="14:14">
      <c r="N539350" s="10"/>
    </row>
    <row r="539351" spans="14:14">
      <c r="N539351" s="10"/>
    </row>
    <row r="539352" spans="14:14">
      <c r="N539352" s="10"/>
    </row>
    <row r="539353" spans="14:14">
      <c r="N539353" s="10"/>
    </row>
    <row r="539354" spans="14:14">
      <c r="N539354" s="10"/>
    </row>
    <row r="539355" spans="14:14">
      <c r="N539355" s="10"/>
    </row>
    <row r="539356" spans="14:14">
      <c r="N539356" s="10"/>
    </row>
    <row r="539357" spans="14:14">
      <c r="N539357" s="10"/>
    </row>
    <row r="539358" spans="14:14">
      <c r="N539358" s="10"/>
    </row>
    <row r="539359" spans="14:14">
      <c r="N539359" s="10"/>
    </row>
    <row r="539360" spans="14:14">
      <c r="N539360" s="10"/>
    </row>
    <row r="539361" spans="14:14">
      <c r="N539361" s="10"/>
    </row>
    <row r="539362" spans="14:14">
      <c r="N539362" s="10"/>
    </row>
    <row r="539363" spans="14:14">
      <c r="N539363" s="10"/>
    </row>
    <row r="539364" spans="14:14">
      <c r="N539364" s="10"/>
    </row>
    <row r="539365" spans="14:14">
      <c r="N539365" s="10"/>
    </row>
    <row r="539366" spans="14:14">
      <c r="N539366" s="10"/>
    </row>
    <row r="539367" spans="14:14">
      <c r="N539367" s="10"/>
    </row>
    <row r="539368" spans="14:14">
      <c r="N539368" s="10"/>
    </row>
    <row r="539369" spans="14:14">
      <c r="N539369" s="10"/>
    </row>
    <row r="539370" spans="14:14">
      <c r="N539370" s="10"/>
    </row>
    <row r="539371" spans="14:14">
      <c r="N539371" s="10"/>
    </row>
    <row r="539372" spans="14:14">
      <c r="N539372" s="10"/>
    </row>
    <row r="539373" spans="14:14">
      <c r="N539373" s="10"/>
    </row>
    <row r="539374" spans="14:14">
      <c r="N539374" s="10"/>
    </row>
    <row r="539375" spans="14:14">
      <c r="N539375" s="10"/>
    </row>
    <row r="539376" spans="14:14">
      <c r="N539376" s="10"/>
    </row>
    <row r="539377" spans="14:14">
      <c r="N539377" s="10"/>
    </row>
    <row r="539378" spans="14:14">
      <c r="N539378" s="10"/>
    </row>
    <row r="539379" spans="14:14">
      <c r="N539379" s="10"/>
    </row>
    <row r="539380" spans="14:14">
      <c r="N539380" s="10"/>
    </row>
    <row r="539381" spans="14:14">
      <c r="N539381" s="10"/>
    </row>
    <row r="539382" spans="14:14">
      <c r="N539382" s="10"/>
    </row>
    <row r="539383" spans="14:14">
      <c r="N539383" s="10"/>
    </row>
    <row r="539384" spans="14:14">
      <c r="N539384" s="10"/>
    </row>
    <row r="539385" spans="14:14">
      <c r="N539385" s="10"/>
    </row>
    <row r="539386" spans="14:14">
      <c r="N539386" s="10"/>
    </row>
    <row r="539387" spans="14:14">
      <c r="N539387" s="10"/>
    </row>
    <row r="539388" spans="14:14">
      <c r="N539388" s="10"/>
    </row>
    <row r="539389" spans="14:14">
      <c r="N539389" s="10"/>
    </row>
    <row r="539390" spans="14:14">
      <c r="N539390" s="10"/>
    </row>
    <row r="539391" spans="14:14">
      <c r="N539391" s="10"/>
    </row>
    <row r="539392" spans="14:14">
      <c r="N539392" s="10"/>
    </row>
    <row r="539393" spans="14:14">
      <c r="N539393" s="10"/>
    </row>
    <row r="539394" spans="14:14">
      <c r="N539394" s="10"/>
    </row>
    <row r="539395" spans="14:14">
      <c r="N539395" s="10"/>
    </row>
    <row r="539396" spans="14:14">
      <c r="N539396" s="10"/>
    </row>
    <row r="539397" spans="14:14">
      <c r="N539397" s="10"/>
    </row>
    <row r="539398" spans="14:14">
      <c r="N539398" s="10"/>
    </row>
    <row r="539399" spans="14:14">
      <c r="N539399" s="10"/>
    </row>
    <row r="539400" spans="14:14">
      <c r="N539400" s="10"/>
    </row>
    <row r="539401" spans="14:14">
      <c r="N539401" s="10"/>
    </row>
    <row r="539402" spans="14:14">
      <c r="N539402" s="10"/>
    </row>
    <row r="539403" spans="14:14">
      <c r="N539403" s="10"/>
    </row>
    <row r="539404" spans="14:14">
      <c r="N539404" s="10"/>
    </row>
    <row r="539405" spans="14:14">
      <c r="N539405" s="10"/>
    </row>
    <row r="539406" spans="14:14">
      <c r="N539406" s="10"/>
    </row>
    <row r="539407" spans="14:14">
      <c r="N539407" s="10"/>
    </row>
    <row r="539408" spans="14:14">
      <c r="N539408" s="10"/>
    </row>
    <row r="539409" spans="14:14">
      <c r="N539409" s="10"/>
    </row>
    <row r="539410" spans="14:14">
      <c r="N539410" s="10"/>
    </row>
    <row r="539411" spans="14:14">
      <c r="N539411" s="10"/>
    </row>
    <row r="539412" spans="14:14">
      <c r="N539412" s="10"/>
    </row>
    <row r="539413" spans="14:14">
      <c r="N539413" s="10"/>
    </row>
    <row r="539414" spans="14:14">
      <c r="N539414" s="10"/>
    </row>
    <row r="539415" spans="14:14">
      <c r="N539415" s="10"/>
    </row>
    <row r="539416" spans="14:14">
      <c r="N539416" s="10"/>
    </row>
    <row r="539417" spans="14:14">
      <c r="N539417" s="10"/>
    </row>
    <row r="539418" spans="14:14">
      <c r="N539418" s="10"/>
    </row>
    <row r="539419" spans="14:14">
      <c r="N539419" s="10"/>
    </row>
    <row r="539420" spans="14:14">
      <c r="N539420" s="10"/>
    </row>
    <row r="539421" spans="14:14">
      <c r="N539421" s="10"/>
    </row>
    <row r="539422" spans="14:14">
      <c r="N539422" s="10"/>
    </row>
    <row r="539423" spans="14:14">
      <c r="N539423" s="10"/>
    </row>
    <row r="539424" spans="14:14">
      <c r="N539424" s="10"/>
    </row>
    <row r="539425" spans="14:14">
      <c r="N539425" s="10"/>
    </row>
    <row r="539426" spans="14:14">
      <c r="N539426" s="10"/>
    </row>
    <row r="539427" spans="14:14">
      <c r="N539427" s="10"/>
    </row>
    <row r="539428" spans="14:14">
      <c r="N539428" s="10"/>
    </row>
    <row r="539429" spans="14:14">
      <c r="N539429" s="10"/>
    </row>
    <row r="539430" spans="14:14">
      <c r="N539430" s="10"/>
    </row>
    <row r="539431" spans="14:14">
      <c r="N539431" s="10"/>
    </row>
    <row r="539432" spans="14:14">
      <c r="N539432" s="10"/>
    </row>
    <row r="539433" spans="14:14">
      <c r="N539433" s="10"/>
    </row>
    <row r="539434" spans="14:14">
      <c r="N539434" s="10"/>
    </row>
    <row r="539435" spans="14:14">
      <c r="N539435" s="10"/>
    </row>
    <row r="539436" spans="14:14">
      <c r="N539436" s="10"/>
    </row>
    <row r="539437" spans="14:14">
      <c r="N539437" s="10"/>
    </row>
    <row r="539438" spans="14:14">
      <c r="N539438" s="10"/>
    </row>
    <row r="539439" spans="14:14">
      <c r="N539439" s="10"/>
    </row>
    <row r="539440" spans="14:14">
      <c r="N539440" s="10"/>
    </row>
    <row r="539441" spans="14:14">
      <c r="N539441" s="10"/>
    </row>
    <row r="539442" spans="14:14">
      <c r="N539442" s="10"/>
    </row>
    <row r="539443" spans="14:14">
      <c r="N539443" s="10"/>
    </row>
    <row r="539444" spans="14:14">
      <c r="N539444" s="10"/>
    </row>
    <row r="539445" spans="14:14">
      <c r="N539445" s="10"/>
    </row>
    <row r="539446" spans="14:14">
      <c r="N539446" s="10"/>
    </row>
    <row r="539447" spans="14:14">
      <c r="N539447" s="10"/>
    </row>
    <row r="539448" spans="14:14">
      <c r="N539448" s="10"/>
    </row>
    <row r="539449" spans="14:14">
      <c r="N539449" s="10"/>
    </row>
    <row r="539450" spans="14:14">
      <c r="N539450" s="10"/>
    </row>
    <row r="539451" spans="14:14">
      <c r="N539451" s="10"/>
    </row>
    <row r="539452" spans="14:14">
      <c r="N539452" s="10"/>
    </row>
    <row r="539453" spans="14:14">
      <c r="N539453" s="10"/>
    </row>
    <row r="539454" spans="14:14">
      <c r="N539454" s="10"/>
    </row>
    <row r="539455" spans="14:14">
      <c r="N539455" s="10"/>
    </row>
    <row r="539456" spans="14:14">
      <c r="N539456" s="10"/>
    </row>
    <row r="539457" spans="14:14">
      <c r="N539457" s="10"/>
    </row>
    <row r="539458" spans="14:14">
      <c r="N539458" s="10"/>
    </row>
    <row r="539459" spans="14:14">
      <c r="N539459" s="10"/>
    </row>
    <row r="539460" spans="14:14">
      <c r="N539460" s="10"/>
    </row>
    <row r="539461" spans="14:14">
      <c r="N539461" s="10"/>
    </row>
    <row r="539462" spans="14:14">
      <c r="N539462" s="10"/>
    </row>
    <row r="539463" spans="14:14">
      <c r="N539463" s="10"/>
    </row>
    <row r="539464" spans="14:14">
      <c r="N539464" s="10"/>
    </row>
    <row r="539465" spans="14:14">
      <c r="N539465" s="10"/>
    </row>
    <row r="539466" spans="14:14">
      <c r="N539466" s="10"/>
    </row>
    <row r="539467" spans="14:14">
      <c r="N539467" s="10"/>
    </row>
    <row r="539468" spans="14:14">
      <c r="N539468" s="10"/>
    </row>
    <row r="539469" spans="14:14">
      <c r="N539469" s="10"/>
    </row>
    <row r="539470" spans="14:14">
      <c r="N539470" s="10"/>
    </row>
    <row r="539471" spans="14:14">
      <c r="N539471" s="10"/>
    </row>
    <row r="539472" spans="14:14">
      <c r="N539472" s="10"/>
    </row>
    <row r="539473" spans="14:14">
      <c r="N539473" s="10"/>
    </row>
    <row r="539474" spans="14:14">
      <c r="N539474" s="10"/>
    </row>
    <row r="539475" spans="14:14">
      <c r="N539475" s="10"/>
    </row>
    <row r="539476" spans="14:14">
      <c r="N539476" s="10"/>
    </row>
    <row r="539477" spans="14:14">
      <c r="N539477" s="10"/>
    </row>
    <row r="539478" spans="14:14">
      <c r="N539478" s="10"/>
    </row>
    <row r="539479" spans="14:14">
      <c r="N539479" s="10"/>
    </row>
    <row r="539480" spans="14:14">
      <c r="N539480" s="10"/>
    </row>
    <row r="539481" spans="14:14">
      <c r="N539481" s="10"/>
    </row>
    <row r="539482" spans="14:14">
      <c r="N539482" s="10"/>
    </row>
    <row r="539483" spans="14:14">
      <c r="N539483" s="10"/>
    </row>
    <row r="539484" spans="14:14">
      <c r="N539484" s="10"/>
    </row>
    <row r="539485" spans="14:14">
      <c r="N539485" s="10"/>
    </row>
    <row r="539486" spans="14:14">
      <c r="N539486" s="10"/>
    </row>
    <row r="539487" spans="14:14">
      <c r="N539487" s="10"/>
    </row>
    <row r="539488" spans="14:14">
      <c r="N539488" s="10"/>
    </row>
    <row r="539489" spans="14:14">
      <c r="N539489" s="10"/>
    </row>
    <row r="539490" spans="14:14">
      <c r="N539490" s="10"/>
    </row>
    <row r="539491" spans="14:14">
      <c r="N539491" s="10"/>
    </row>
    <row r="539492" spans="14:14">
      <c r="N539492" s="10"/>
    </row>
    <row r="539493" spans="14:14">
      <c r="N539493" s="10"/>
    </row>
    <row r="539494" spans="14:14">
      <c r="N539494" s="10"/>
    </row>
    <row r="539495" spans="14:14">
      <c r="N539495" s="10"/>
    </row>
    <row r="539496" spans="14:14">
      <c r="N539496" s="10"/>
    </row>
    <row r="539497" spans="14:14">
      <c r="N539497" s="10"/>
    </row>
    <row r="539498" spans="14:14">
      <c r="N539498" s="10"/>
    </row>
    <row r="539499" spans="14:14">
      <c r="N539499" s="10"/>
    </row>
    <row r="539500" spans="14:14">
      <c r="N539500" s="10"/>
    </row>
    <row r="539501" spans="14:14">
      <c r="N539501" s="10"/>
    </row>
    <row r="539502" spans="14:14">
      <c r="N539502" s="10"/>
    </row>
    <row r="539503" spans="14:14">
      <c r="N539503" s="10"/>
    </row>
    <row r="539504" spans="14:14">
      <c r="N539504" s="10"/>
    </row>
    <row r="539505" spans="14:14">
      <c r="N539505" s="10"/>
    </row>
    <row r="539506" spans="14:14">
      <c r="N539506" s="10"/>
    </row>
    <row r="539507" spans="14:14">
      <c r="N539507" s="10"/>
    </row>
    <row r="539508" spans="14:14">
      <c r="N539508" s="10"/>
    </row>
    <row r="539509" spans="14:14">
      <c r="N539509" s="10"/>
    </row>
    <row r="539510" spans="14:14">
      <c r="N539510" s="10"/>
    </row>
    <row r="539511" spans="14:14">
      <c r="N539511" s="10"/>
    </row>
    <row r="539512" spans="14:14">
      <c r="N539512" s="10"/>
    </row>
    <row r="539513" spans="14:14">
      <c r="N539513" s="10"/>
    </row>
    <row r="539514" spans="14:14">
      <c r="N539514" s="10"/>
    </row>
    <row r="539515" spans="14:14">
      <c r="N539515" s="10"/>
    </row>
    <row r="539516" spans="14:14">
      <c r="N539516" s="10"/>
    </row>
    <row r="539517" spans="14:14">
      <c r="N539517" s="10"/>
    </row>
    <row r="539518" spans="14:14">
      <c r="N539518" s="10"/>
    </row>
    <row r="539519" spans="14:14">
      <c r="N539519" s="10"/>
    </row>
    <row r="539520" spans="14:14">
      <c r="N539520" s="10"/>
    </row>
    <row r="539521" spans="14:14">
      <c r="N539521" s="10"/>
    </row>
    <row r="539522" spans="14:14">
      <c r="N539522" s="10"/>
    </row>
    <row r="539523" spans="14:14">
      <c r="N539523" s="10"/>
    </row>
    <row r="539524" spans="14:14">
      <c r="N539524" s="10"/>
    </row>
    <row r="539525" spans="14:14">
      <c r="N539525" s="10"/>
    </row>
    <row r="539526" spans="14:14">
      <c r="N539526" s="10"/>
    </row>
    <row r="539527" spans="14:14">
      <c r="N539527" s="10"/>
    </row>
    <row r="539528" spans="14:14">
      <c r="N539528" s="10"/>
    </row>
    <row r="539529" spans="14:14">
      <c r="N539529" s="10"/>
    </row>
    <row r="539530" spans="14:14">
      <c r="N539530" s="10"/>
    </row>
    <row r="539531" spans="14:14">
      <c r="N539531" s="10"/>
    </row>
    <row r="539532" spans="14:14">
      <c r="N539532" s="10"/>
    </row>
    <row r="539533" spans="14:14">
      <c r="N539533" s="10"/>
    </row>
    <row r="539534" spans="14:14">
      <c r="N539534" s="10"/>
    </row>
    <row r="539535" spans="14:14">
      <c r="N539535" s="10"/>
    </row>
    <row r="539536" spans="14:14">
      <c r="N539536" s="10"/>
    </row>
    <row r="539537" spans="14:14">
      <c r="N539537" s="10"/>
    </row>
    <row r="539538" spans="14:14">
      <c r="N539538" s="10"/>
    </row>
    <row r="539539" spans="14:14">
      <c r="N539539" s="10"/>
    </row>
    <row r="539540" spans="14:14">
      <c r="N539540" s="10"/>
    </row>
    <row r="539541" spans="14:14">
      <c r="N539541" s="10"/>
    </row>
    <row r="539542" spans="14:14">
      <c r="N539542" s="10"/>
    </row>
    <row r="539543" spans="14:14">
      <c r="N539543" s="10"/>
    </row>
    <row r="539544" spans="14:14">
      <c r="N539544" s="10"/>
    </row>
    <row r="539545" spans="14:14">
      <c r="N539545" s="10"/>
    </row>
    <row r="539546" spans="14:14">
      <c r="N539546" s="10"/>
    </row>
    <row r="539547" spans="14:14">
      <c r="N539547" s="10"/>
    </row>
    <row r="539548" spans="14:14">
      <c r="N539548" s="10"/>
    </row>
    <row r="539549" spans="14:14">
      <c r="N539549" s="10"/>
    </row>
    <row r="539550" spans="14:14">
      <c r="N539550" s="10"/>
    </row>
    <row r="539551" spans="14:14">
      <c r="N539551" s="10"/>
    </row>
    <row r="539552" spans="14:14">
      <c r="N539552" s="10"/>
    </row>
    <row r="539553" spans="14:14">
      <c r="N539553" s="10"/>
    </row>
    <row r="539554" spans="14:14">
      <c r="N539554" s="10"/>
    </row>
    <row r="539555" spans="14:14">
      <c r="N539555" s="10"/>
    </row>
    <row r="539556" spans="14:14">
      <c r="N539556" s="10"/>
    </row>
    <row r="539557" spans="14:14">
      <c r="N539557" s="10"/>
    </row>
    <row r="539558" spans="14:14">
      <c r="N539558" s="10"/>
    </row>
    <row r="539559" spans="14:14">
      <c r="N539559" s="10"/>
    </row>
    <row r="539560" spans="14:14">
      <c r="N539560" s="10"/>
    </row>
    <row r="539561" spans="14:14">
      <c r="N539561" s="10"/>
    </row>
    <row r="539562" spans="14:14">
      <c r="N539562" s="10"/>
    </row>
    <row r="539563" spans="14:14">
      <c r="N539563" s="10"/>
    </row>
    <row r="539564" spans="14:14">
      <c r="N539564" s="10"/>
    </row>
    <row r="539565" spans="14:14">
      <c r="N539565" s="10"/>
    </row>
    <row r="539566" spans="14:14">
      <c r="N539566" s="10"/>
    </row>
    <row r="539567" spans="14:14">
      <c r="N539567" s="10"/>
    </row>
    <row r="539568" spans="14:14">
      <c r="N539568" s="10"/>
    </row>
    <row r="539569" spans="14:14">
      <c r="N539569" s="10"/>
    </row>
    <row r="539570" spans="14:14">
      <c r="N539570" s="10"/>
    </row>
    <row r="539571" spans="14:14">
      <c r="N539571" s="10"/>
    </row>
    <row r="539572" spans="14:14">
      <c r="N539572" s="10"/>
    </row>
    <row r="539573" spans="14:14">
      <c r="N539573" s="10"/>
    </row>
    <row r="539574" spans="14:14">
      <c r="N539574" s="10"/>
    </row>
    <row r="539575" spans="14:14">
      <c r="N539575" s="10"/>
    </row>
    <row r="539576" spans="14:14">
      <c r="N539576" s="10"/>
    </row>
    <row r="539577" spans="14:14">
      <c r="N539577" s="10"/>
    </row>
    <row r="539578" spans="14:14">
      <c r="N539578" s="10"/>
    </row>
    <row r="539579" spans="14:14">
      <c r="N539579" s="10"/>
    </row>
    <row r="539580" spans="14:14">
      <c r="N539580" s="10"/>
    </row>
    <row r="539581" spans="14:14">
      <c r="N539581" s="10"/>
    </row>
    <row r="539582" spans="14:14">
      <c r="N539582" s="10"/>
    </row>
    <row r="539583" spans="14:14">
      <c r="N539583" s="10"/>
    </row>
    <row r="539584" spans="14:14">
      <c r="N539584" s="10"/>
    </row>
    <row r="539585" spans="14:14">
      <c r="N539585" s="10"/>
    </row>
    <row r="539586" spans="14:14">
      <c r="N539586" s="10"/>
    </row>
    <row r="539587" spans="14:14">
      <c r="N539587" s="10"/>
    </row>
    <row r="539588" spans="14:14">
      <c r="N539588" s="10"/>
    </row>
    <row r="539589" spans="14:14">
      <c r="N539589" s="10"/>
    </row>
    <row r="539590" spans="14:14">
      <c r="N539590" s="10"/>
    </row>
    <row r="539591" spans="14:14">
      <c r="N539591" s="10"/>
    </row>
    <row r="539592" spans="14:14">
      <c r="N539592" s="10"/>
    </row>
    <row r="539593" spans="14:14">
      <c r="N539593" s="10"/>
    </row>
    <row r="539594" spans="14:14">
      <c r="N539594" s="10"/>
    </row>
    <row r="539595" spans="14:14">
      <c r="N539595" s="10"/>
    </row>
    <row r="539596" spans="14:14">
      <c r="N539596" s="10"/>
    </row>
    <row r="539597" spans="14:14">
      <c r="N539597" s="10"/>
    </row>
    <row r="539598" spans="14:14">
      <c r="N539598" s="10"/>
    </row>
    <row r="539599" spans="14:14">
      <c r="N539599" s="10"/>
    </row>
    <row r="539600" spans="14:14">
      <c r="N539600" s="10"/>
    </row>
    <row r="539601" spans="14:14">
      <c r="N539601" s="10"/>
    </row>
    <row r="539602" spans="14:14">
      <c r="N539602" s="10"/>
    </row>
    <row r="539603" spans="14:14">
      <c r="N539603" s="10"/>
    </row>
    <row r="539604" spans="14:14">
      <c r="N539604" s="10"/>
    </row>
    <row r="539605" spans="14:14">
      <c r="N539605" s="10"/>
    </row>
    <row r="539606" spans="14:14">
      <c r="N539606" s="10"/>
    </row>
    <row r="539607" spans="14:14">
      <c r="N539607" s="10"/>
    </row>
    <row r="539608" spans="14:14">
      <c r="N539608" s="10"/>
    </row>
    <row r="539609" spans="14:14">
      <c r="N539609" s="10"/>
    </row>
    <row r="539610" spans="14:14">
      <c r="N539610" s="10"/>
    </row>
    <row r="539611" spans="14:14">
      <c r="N539611" s="10"/>
    </row>
    <row r="539612" spans="14:14">
      <c r="N539612" s="10"/>
    </row>
    <row r="539613" spans="14:14">
      <c r="N539613" s="10"/>
    </row>
    <row r="539614" spans="14:14">
      <c r="N539614" s="10"/>
    </row>
    <row r="539615" spans="14:14">
      <c r="N539615" s="10"/>
    </row>
    <row r="539616" spans="14:14">
      <c r="N539616" s="10"/>
    </row>
    <row r="539617" spans="14:14">
      <c r="N539617" s="10"/>
    </row>
    <row r="539618" spans="14:14">
      <c r="N539618" s="10"/>
    </row>
    <row r="539619" spans="14:14">
      <c r="N539619" s="10"/>
    </row>
    <row r="539620" spans="14:14">
      <c r="N539620" s="10"/>
    </row>
    <row r="539621" spans="14:14">
      <c r="N539621" s="10"/>
    </row>
    <row r="539622" spans="14:14">
      <c r="N539622" s="10"/>
    </row>
    <row r="539623" spans="14:14">
      <c r="N539623" s="10"/>
    </row>
    <row r="539624" spans="14:14">
      <c r="N539624" s="10"/>
    </row>
    <row r="539625" spans="14:14">
      <c r="N539625" s="10"/>
    </row>
    <row r="539626" spans="14:14">
      <c r="N539626" s="10"/>
    </row>
    <row r="539627" spans="14:14">
      <c r="N539627" s="10"/>
    </row>
    <row r="539628" spans="14:14">
      <c r="N539628" s="10"/>
    </row>
    <row r="539629" spans="14:14">
      <c r="N539629" s="10"/>
    </row>
    <row r="539630" spans="14:14">
      <c r="N539630" s="10"/>
    </row>
    <row r="539631" spans="14:14">
      <c r="N539631" s="10"/>
    </row>
    <row r="539632" spans="14:14">
      <c r="N539632" s="10"/>
    </row>
    <row r="539633" spans="14:14">
      <c r="N539633" s="10"/>
    </row>
    <row r="539634" spans="14:14">
      <c r="N539634" s="10"/>
    </row>
    <row r="539635" spans="14:14">
      <c r="N539635" s="10"/>
    </row>
    <row r="539636" spans="14:14">
      <c r="N539636" s="10"/>
    </row>
    <row r="539637" spans="14:14">
      <c r="N539637" s="10"/>
    </row>
    <row r="539638" spans="14:14">
      <c r="N539638" s="10"/>
    </row>
    <row r="539639" spans="14:14">
      <c r="N539639" s="10"/>
    </row>
    <row r="539640" spans="14:14">
      <c r="N539640" s="10"/>
    </row>
    <row r="539641" spans="14:14">
      <c r="N539641" s="10"/>
    </row>
    <row r="539642" spans="14:14">
      <c r="N539642" s="10"/>
    </row>
    <row r="539643" spans="14:14">
      <c r="N539643" s="10"/>
    </row>
    <row r="539644" spans="14:14">
      <c r="N539644" s="10"/>
    </row>
    <row r="539645" spans="14:14">
      <c r="N539645" s="10"/>
    </row>
    <row r="539646" spans="14:14">
      <c r="N539646" s="10"/>
    </row>
    <row r="539647" spans="14:14">
      <c r="N539647" s="10"/>
    </row>
    <row r="539648" spans="14:14">
      <c r="N539648" s="10"/>
    </row>
    <row r="539649" spans="14:14">
      <c r="N539649" s="10"/>
    </row>
    <row r="539650" spans="14:14">
      <c r="N539650" s="10"/>
    </row>
    <row r="539651" spans="14:14">
      <c r="N539651" s="10"/>
    </row>
    <row r="539652" spans="14:14">
      <c r="N539652" s="10"/>
    </row>
    <row r="539653" spans="14:14">
      <c r="N539653" s="10"/>
    </row>
    <row r="539654" spans="14:14">
      <c r="N539654" s="10"/>
    </row>
    <row r="539655" spans="14:14">
      <c r="N539655" s="10"/>
    </row>
    <row r="539656" spans="14:14">
      <c r="N539656" s="10"/>
    </row>
    <row r="539657" spans="14:14">
      <c r="N539657" s="10"/>
    </row>
    <row r="539658" spans="14:14">
      <c r="N539658" s="10"/>
    </row>
    <row r="539659" spans="14:14">
      <c r="N539659" s="10"/>
    </row>
    <row r="539660" spans="14:14">
      <c r="N539660" s="10"/>
    </row>
    <row r="539661" spans="14:14">
      <c r="N539661" s="10"/>
    </row>
    <row r="539662" spans="14:14">
      <c r="N539662" s="10"/>
    </row>
    <row r="539663" spans="14:14">
      <c r="N539663" s="10"/>
    </row>
    <row r="539664" spans="14:14">
      <c r="N539664" s="10"/>
    </row>
    <row r="539665" spans="14:14">
      <c r="N539665" s="10"/>
    </row>
    <row r="539666" spans="14:14">
      <c r="N539666" s="10"/>
    </row>
    <row r="539667" spans="14:14">
      <c r="N539667" s="10"/>
    </row>
    <row r="539668" spans="14:14">
      <c r="N539668" s="10"/>
    </row>
    <row r="539669" spans="14:14">
      <c r="N539669" s="10"/>
    </row>
    <row r="539670" spans="14:14">
      <c r="N539670" s="10"/>
    </row>
    <row r="539671" spans="14:14">
      <c r="N539671" s="10"/>
    </row>
    <row r="539672" spans="14:14">
      <c r="N539672" s="10"/>
    </row>
    <row r="539673" spans="14:14">
      <c r="N539673" s="10"/>
    </row>
    <row r="539674" spans="14:14">
      <c r="N539674" s="10"/>
    </row>
    <row r="539675" spans="14:14">
      <c r="N539675" s="10"/>
    </row>
    <row r="539676" spans="14:14">
      <c r="N539676" s="10"/>
    </row>
    <row r="539677" spans="14:14">
      <c r="N539677" s="10"/>
    </row>
    <row r="539678" spans="14:14">
      <c r="N539678" s="10"/>
    </row>
    <row r="539679" spans="14:14">
      <c r="N539679" s="10"/>
    </row>
    <row r="539680" spans="14:14">
      <c r="N539680" s="10"/>
    </row>
    <row r="539681" spans="14:14">
      <c r="N539681" s="10"/>
    </row>
    <row r="539682" spans="14:14">
      <c r="N539682" s="10"/>
    </row>
    <row r="539683" spans="14:14">
      <c r="N539683" s="10"/>
    </row>
    <row r="539684" spans="14:14">
      <c r="N539684" s="10"/>
    </row>
    <row r="539685" spans="14:14">
      <c r="N539685" s="10"/>
    </row>
    <row r="539686" spans="14:14">
      <c r="N539686" s="10"/>
    </row>
    <row r="539687" spans="14:14">
      <c r="N539687" s="10"/>
    </row>
    <row r="539688" spans="14:14">
      <c r="N539688" s="10"/>
    </row>
    <row r="539689" spans="14:14">
      <c r="N539689" s="10"/>
    </row>
    <row r="539690" spans="14:14">
      <c r="N539690" s="10"/>
    </row>
    <row r="539691" spans="14:14">
      <c r="N539691" s="10"/>
    </row>
    <row r="539692" spans="14:14">
      <c r="N539692" s="10"/>
    </row>
    <row r="539693" spans="14:14">
      <c r="N539693" s="10"/>
    </row>
    <row r="539694" spans="14:14">
      <c r="N539694" s="10"/>
    </row>
    <row r="539695" spans="14:14">
      <c r="N539695" s="10"/>
    </row>
    <row r="539696" spans="14:14">
      <c r="N539696" s="10"/>
    </row>
    <row r="539697" spans="14:14">
      <c r="N539697" s="10"/>
    </row>
    <row r="539698" spans="14:14">
      <c r="N539698" s="10"/>
    </row>
    <row r="539699" spans="14:14">
      <c r="N539699" s="10"/>
    </row>
    <row r="539700" spans="14:14">
      <c r="N539700" s="10"/>
    </row>
    <row r="539701" spans="14:14">
      <c r="N539701" s="10"/>
    </row>
    <row r="539702" spans="14:14">
      <c r="N539702" s="10"/>
    </row>
    <row r="539703" spans="14:14">
      <c r="N539703" s="10"/>
    </row>
    <row r="539704" spans="14:14">
      <c r="N539704" s="10"/>
    </row>
    <row r="539705" spans="14:14">
      <c r="N539705" s="10"/>
    </row>
    <row r="539706" spans="14:14">
      <c r="N539706" s="10"/>
    </row>
    <row r="539707" spans="14:14">
      <c r="N539707" s="10"/>
    </row>
    <row r="539708" spans="14:14">
      <c r="N539708" s="10"/>
    </row>
    <row r="539709" spans="14:14">
      <c r="N539709" s="10"/>
    </row>
    <row r="539710" spans="14:14">
      <c r="N539710" s="10"/>
    </row>
    <row r="539711" spans="14:14">
      <c r="N539711" s="10"/>
    </row>
    <row r="539712" spans="14:14">
      <c r="N539712" s="10"/>
    </row>
    <row r="539713" spans="14:14">
      <c r="N539713" s="10"/>
    </row>
    <row r="539714" spans="14:14">
      <c r="N539714" s="10"/>
    </row>
    <row r="539715" spans="14:14">
      <c r="N539715" s="10"/>
    </row>
    <row r="539716" spans="14:14">
      <c r="N539716" s="10"/>
    </row>
    <row r="539717" spans="14:14">
      <c r="N539717" s="10"/>
    </row>
    <row r="539718" spans="14:14">
      <c r="N539718" s="10"/>
    </row>
    <row r="539719" spans="14:14">
      <c r="N539719" s="10"/>
    </row>
    <row r="539720" spans="14:14">
      <c r="N539720" s="10"/>
    </row>
    <row r="539721" spans="14:14">
      <c r="N539721" s="10"/>
    </row>
    <row r="539722" spans="14:14">
      <c r="N539722" s="10"/>
    </row>
    <row r="539723" spans="14:14">
      <c r="N539723" s="10"/>
    </row>
    <row r="539724" spans="14:14">
      <c r="N539724" s="10"/>
    </row>
    <row r="539725" spans="14:14">
      <c r="N539725" s="10"/>
    </row>
    <row r="539726" spans="14:14">
      <c r="N539726" s="10"/>
    </row>
    <row r="539727" spans="14:14">
      <c r="N539727" s="10"/>
    </row>
    <row r="539728" spans="14:14">
      <c r="N539728" s="10"/>
    </row>
    <row r="539729" spans="14:14">
      <c r="N539729" s="10"/>
    </row>
    <row r="539730" spans="14:14">
      <c r="N539730" s="10"/>
    </row>
    <row r="539731" spans="14:14">
      <c r="N539731" s="10"/>
    </row>
    <row r="539732" spans="14:14">
      <c r="N539732" s="10"/>
    </row>
    <row r="539733" spans="14:14">
      <c r="N539733" s="10"/>
    </row>
    <row r="539734" spans="14:14">
      <c r="N539734" s="10"/>
    </row>
    <row r="539735" spans="14:14">
      <c r="N539735" s="10"/>
    </row>
    <row r="539736" spans="14:14">
      <c r="N539736" s="10"/>
    </row>
    <row r="539737" spans="14:14">
      <c r="N539737" s="10"/>
    </row>
    <row r="539738" spans="14:14">
      <c r="N539738" s="10"/>
    </row>
    <row r="539739" spans="14:14">
      <c r="N539739" s="10"/>
    </row>
    <row r="539740" spans="14:14">
      <c r="N539740" s="10"/>
    </row>
    <row r="539741" spans="14:14">
      <c r="N539741" s="10"/>
    </row>
    <row r="539742" spans="14:14">
      <c r="N539742" s="10"/>
    </row>
    <row r="539743" spans="14:14">
      <c r="N539743" s="10"/>
    </row>
    <row r="539744" spans="14:14">
      <c r="N539744" s="10"/>
    </row>
    <row r="539745" spans="14:14">
      <c r="N539745" s="10"/>
    </row>
    <row r="539746" spans="14:14">
      <c r="N539746" s="10"/>
    </row>
    <row r="539747" spans="14:14">
      <c r="N539747" s="10"/>
    </row>
    <row r="539748" spans="14:14">
      <c r="N539748" s="10"/>
    </row>
    <row r="539749" spans="14:14">
      <c r="N539749" s="10"/>
    </row>
    <row r="539750" spans="14:14">
      <c r="N539750" s="10"/>
    </row>
    <row r="539751" spans="14:14">
      <c r="N539751" s="10"/>
    </row>
    <row r="539752" spans="14:14">
      <c r="N539752" s="10"/>
    </row>
    <row r="539753" spans="14:14">
      <c r="N539753" s="10"/>
    </row>
    <row r="539754" spans="14:14">
      <c r="N539754" s="10"/>
    </row>
    <row r="539755" spans="14:14">
      <c r="N539755" s="10"/>
    </row>
    <row r="539756" spans="14:14">
      <c r="N539756" s="10"/>
    </row>
    <row r="539757" spans="14:14">
      <c r="N539757" s="10"/>
    </row>
    <row r="539758" spans="14:14">
      <c r="N539758" s="10"/>
    </row>
    <row r="539759" spans="14:14">
      <c r="N539759" s="10"/>
    </row>
    <row r="539760" spans="14:14">
      <c r="N539760" s="10"/>
    </row>
    <row r="539761" spans="14:14">
      <c r="N539761" s="10"/>
    </row>
    <row r="539762" spans="14:14">
      <c r="N539762" s="10"/>
    </row>
    <row r="539763" spans="14:14">
      <c r="N539763" s="10"/>
    </row>
    <row r="539764" spans="14:14">
      <c r="N539764" s="10"/>
    </row>
    <row r="539765" spans="14:14">
      <c r="N539765" s="10"/>
    </row>
    <row r="539766" spans="14:14">
      <c r="N539766" s="10"/>
    </row>
    <row r="539767" spans="14:14">
      <c r="N539767" s="10"/>
    </row>
    <row r="539768" spans="14:14">
      <c r="N539768" s="10"/>
    </row>
    <row r="539769" spans="14:14">
      <c r="N539769" s="10"/>
    </row>
    <row r="539770" spans="14:14">
      <c r="N539770" s="10"/>
    </row>
    <row r="539771" spans="14:14">
      <c r="N539771" s="10"/>
    </row>
    <row r="539772" spans="14:14">
      <c r="N539772" s="10"/>
    </row>
    <row r="539773" spans="14:14">
      <c r="N539773" s="10"/>
    </row>
    <row r="539774" spans="14:14">
      <c r="N539774" s="10"/>
    </row>
    <row r="539775" spans="14:14">
      <c r="N539775" s="10"/>
    </row>
    <row r="539776" spans="14:14">
      <c r="N539776" s="10"/>
    </row>
    <row r="539777" spans="14:14">
      <c r="N539777" s="10"/>
    </row>
    <row r="539778" spans="14:14">
      <c r="N539778" s="10"/>
    </row>
    <row r="539779" spans="14:14">
      <c r="N539779" s="10"/>
    </row>
    <row r="539780" spans="14:14">
      <c r="N539780" s="10"/>
    </row>
    <row r="539781" spans="14:14">
      <c r="N539781" s="10"/>
    </row>
    <row r="539782" spans="14:14">
      <c r="N539782" s="10"/>
    </row>
    <row r="539783" spans="14:14">
      <c r="N539783" s="10"/>
    </row>
    <row r="539784" spans="14:14">
      <c r="N539784" s="10"/>
    </row>
    <row r="539785" spans="14:14">
      <c r="N539785" s="10"/>
    </row>
    <row r="539786" spans="14:14">
      <c r="N539786" s="10"/>
    </row>
    <row r="539787" spans="14:14">
      <c r="N539787" s="10"/>
    </row>
    <row r="539788" spans="14:14">
      <c r="N539788" s="10"/>
    </row>
    <row r="539789" spans="14:14">
      <c r="N539789" s="10"/>
    </row>
    <row r="539790" spans="14:14">
      <c r="N539790" s="10"/>
    </row>
    <row r="539791" spans="14:14">
      <c r="N539791" s="10"/>
    </row>
    <row r="539792" spans="14:14">
      <c r="N539792" s="10"/>
    </row>
    <row r="539793" spans="14:14">
      <c r="N539793" s="10"/>
    </row>
    <row r="539794" spans="14:14">
      <c r="N539794" s="10"/>
    </row>
    <row r="539795" spans="14:14">
      <c r="N539795" s="10"/>
    </row>
    <row r="539796" spans="14:14">
      <c r="N539796" s="10"/>
    </row>
    <row r="539797" spans="14:14">
      <c r="N539797" s="10"/>
    </row>
    <row r="539798" spans="14:14">
      <c r="N539798" s="10"/>
    </row>
    <row r="539799" spans="14:14">
      <c r="N539799" s="10"/>
    </row>
    <row r="539800" spans="14:14">
      <c r="N539800" s="10"/>
    </row>
    <row r="539801" spans="14:14">
      <c r="N539801" s="10"/>
    </row>
    <row r="539802" spans="14:14">
      <c r="N539802" s="10"/>
    </row>
    <row r="539803" spans="14:14">
      <c r="N539803" s="10"/>
    </row>
    <row r="539804" spans="14:14">
      <c r="N539804" s="10"/>
    </row>
    <row r="539805" spans="14:14">
      <c r="N539805" s="10"/>
    </row>
    <row r="539806" spans="14:14">
      <c r="N539806" s="10"/>
    </row>
    <row r="539807" spans="14:14">
      <c r="N539807" s="10"/>
    </row>
    <row r="539808" spans="14:14">
      <c r="N539808" s="10"/>
    </row>
    <row r="539809" spans="14:14">
      <c r="N539809" s="10"/>
    </row>
    <row r="539810" spans="14:14">
      <c r="N539810" s="10"/>
    </row>
    <row r="539811" spans="14:14">
      <c r="N539811" s="10"/>
    </row>
    <row r="539812" spans="14:14">
      <c r="N539812" s="10"/>
    </row>
    <row r="539813" spans="14:14">
      <c r="N539813" s="10"/>
    </row>
    <row r="539814" spans="14:14">
      <c r="N539814" s="10"/>
    </row>
    <row r="539815" spans="14:14">
      <c r="N539815" s="10"/>
    </row>
    <row r="539816" spans="14:14">
      <c r="N539816" s="10"/>
    </row>
    <row r="539817" spans="14:14">
      <c r="N539817" s="10"/>
    </row>
    <row r="539818" spans="14:14">
      <c r="N539818" s="10"/>
    </row>
    <row r="539819" spans="14:14">
      <c r="N539819" s="10"/>
    </row>
    <row r="539820" spans="14:14">
      <c r="N539820" s="10"/>
    </row>
    <row r="539821" spans="14:14">
      <c r="N539821" s="10"/>
    </row>
    <row r="539822" spans="14:14">
      <c r="N539822" s="10"/>
    </row>
    <row r="539823" spans="14:14">
      <c r="N539823" s="10"/>
    </row>
    <row r="539824" spans="14:14">
      <c r="N539824" s="10"/>
    </row>
    <row r="539825" spans="14:14">
      <c r="N539825" s="10"/>
    </row>
    <row r="539826" spans="14:14">
      <c r="N539826" s="10"/>
    </row>
    <row r="539827" spans="14:14">
      <c r="N539827" s="10"/>
    </row>
    <row r="539828" spans="14:14">
      <c r="N539828" s="10"/>
    </row>
    <row r="539829" spans="14:14">
      <c r="N539829" s="10"/>
    </row>
    <row r="539830" spans="14:14">
      <c r="N539830" s="10"/>
    </row>
    <row r="539831" spans="14:14">
      <c r="N539831" s="10"/>
    </row>
    <row r="539832" spans="14:14">
      <c r="N539832" s="10"/>
    </row>
    <row r="539833" spans="14:14">
      <c r="N539833" s="10"/>
    </row>
    <row r="539834" spans="14:14">
      <c r="N539834" s="10"/>
    </row>
    <row r="539835" spans="14:14">
      <c r="N539835" s="10"/>
    </row>
    <row r="539836" spans="14:14">
      <c r="N539836" s="10"/>
    </row>
    <row r="539837" spans="14:14">
      <c r="N539837" s="10"/>
    </row>
    <row r="539838" spans="14:14">
      <c r="N539838" s="10"/>
    </row>
    <row r="539839" spans="14:14">
      <c r="N539839" s="10"/>
    </row>
    <row r="539840" spans="14:14">
      <c r="N539840" s="10"/>
    </row>
    <row r="539841" spans="14:14">
      <c r="N539841" s="10"/>
    </row>
    <row r="539842" spans="14:14">
      <c r="N539842" s="10"/>
    </row>
    <row r="539843" spans="14:14">
      <c r="N539843" s="10"/>
    </row>
    <row r="539844" spans="14:14">
      <c r="N539844" s="10"/>
    </row>
    <row r="539845" spans="14:14">
      <c r="N539845" s="10"/>
    </row>
    <row r="539846" spans="14:14">
      <c r="N539846" s="10"/>
    </row>
    <row r="539847" spans="14:14">
      <c r="N539847" s="10"/>
    </row>
    <row r="539848" spans="14:14">
      <c r="N539848" s="10"/>
    </row>
    <row r="539849" spans="14:14">
      <c r="N539849" s="10"/>
    </row>
    <row r="539850" spans="14:14">
      <c r="N539850" s="10"/>
    </row>
    <row r="539851" spans="14:14">
      <c r="N539851" s="10"/>
    </row>
    <row r="539852" spans="14:14">
      <c r="N539852" s="10"/>
    </row>
    <row r="539853" spans="14:14">
      <c r="N539853" s="10"/>
    </row>
    <row r="539854" spans="14:14">
      <c r="N539854" s="10"/>
    </row>
    <row r="539855" spans="14:14">
      <c r="N539855" s="10"/>
    </row>
    <row r="539856" spans="14:14">
      <c r="N539856" s="10"/>
    </row>
    <row r="539857" spans="14:14">
      <c r="N539857" s="10"/>
    </row>
    <row r="539858" spans="14:14">
      <c r="N539858" s="10"/>
    </row>
    <row r="539859" spans="14:14">
      <c r="N539859" s="10"/>
    </row>
    <row r="539860" spans="14:14">
      <c r="N539860" s="10"/>
    </row>
    <row r="539861" spans="14:14">
      <c r="N539861" s="10"/>
    </row>
    <row r="539862" spans="14:14">
      <c r="N539862" s="10"/>
    </row>
    <row r="539863" spans="14:14">
      <c r="N539863" s="10"/>
    </row>
    <row r="539864" spans="14:14">
      <c r="N539864" s="10"/>
    </row>
    <row r="539865" spans="14:14">
      <c r="N539865" s="10"/>
    </row>
    <row r="539866" spans="14:14">
      <c r="N539866" s="10"/>
    </row>
    <row r="539867" spans="14:14">
      <c r="N539867" s="10"/>
    </row>
    <row r="539868" spans="14:14">
      <c r="N539868" s="10"/>
    </row>
    <row r="539869" spans="14:14">
      <c r="N539869" s="10"/>
    </row>
    <row r="539870" spans="14:14">
      <c r="N539870" s="10"/>
    </row>
    <row r="539871" spans="14:14">
      <c r="N539871" s="10"/>
    </row>
    <row r="539872" spans="14:14">
      <c r="N539872" s="10"/>
    </row>
    <row r="539873" spans="14:14">
      <c r="N539873" s="10"/>
    </row>
    <row r="539874" spans="14:14">
      <c r="N539874" s="10"/>
    </row>
    <row r="539875" spans="14:14">
      <c r="N539875" s="10"/>
    </row>
    <row r="539876" spans="14:14">
      <c r="N539876" s="10"/>
    </row>
    <row r="539877" spans="14:14">
      <c r="N539877" s="10"/>
    </row>
    <row r="539878" spans="14:14">
      <c r="N539878" s="10"/>
    </row>
    <row r="539879" spans="14:14">
      <c r="N539879" s="10"/>
    </row>
    <row r="539880" spans="14:14">
      <c r="N539880" s="10"/>
    </row>
    <row r="539881" spans="14:14">
      <c r="N539881" s="10"/>
    </row>
    <row r="539882" spans="14:14">
      <c r="N539882" s="10"/>
    </row>
    <row r="539883" spans="14:14">
      <c r="N539883" s="10"/>
    </row>
    <row r="539884" spans="14:14">
      <c r="N539884" s="10"/>
    </row>
    <row r="539885" spans="14:14">
      <c r="N539885" s="10"/>
    </row>
    <row r="539886" spans="14:14">
      <c r="N539886" s="10"/>
    </row>
    <row r="539887" spans="14:14">
      <c r="N539887" s="10"/>
    </row>
    <row r="539888" spans="14:14">
      <c r="N539888" s="10"/>
    </row>
    <row r="539889" spans="14:14">
      <c r="N539889" s="10"/>
    </row>
    <row r="539890" spans="14:14">
      <c r="N539890" s="10"/>
    </row>
    <row r="539891" spans="14:14">
      <c r="N539891" s="10"/>
    </row>
    <row r="539892" spans="14:14">
      <c r="N539892" s="10"/>
    </row>
    <row r="539893" spans="14:14">
      <c r="N539893" s="10"/>
    </row>
    <row r="539894" spans="14:14">
      <c r="N539894" s="10"/>
    </row>
    <row r="539895" spans="14:14">
      <c r="N539895" s="10"/>
    </row>
    <row r="539896" spans="14:14">
      <c r="N539896" s="10"/>
    </row>
    <row r="539897" spans="14:14">
      <c r="N539897" s="10"/>
    </row>
    <row r="539898" spans="14:14">
      <c r="N539898" s="10"/>
    </row>
    <row r="539899" spans="14:14">
      <c r="N539899" s="10"/>
    </row>
    <row r="539900" spans="14:14">
      <c r="N539900" s="10"/>
    </row>
    <row r="539901" spans="14:14">
      <c r="N539901" s="10"/>
    </row>
    <row r="539902" spans="14:14">
      <c r="N539902" s="10"/>
    </row>
    <row r="539903" spans="14:14">
      <c r="N539903" s="10"/>
    </row>
    <row r="539904" spans="14:14">
      <c r="N539904" s="10"/>
    </row>
    <row r="539905" spans="14:14">
      <c r="N539905" s="10"/>
    </row>
    <row r="539906" spans="14:14">
      <c r="N539906" s="10"/>
    </row>
    <row r="539907" spans="14:14">
      <c r="N539907" s="10"/>
    </row>
    <row r="539908" spans="14:14">
      <c r="N539908" s="10"/>
    </row>
    <row r="539909" spans="14:14">
      <c r="N539909" s="10"/>
    </row>
    <row r="539910" spans="14:14">
      <c r="N539910" s="10"/>
    </row>
    <row r="539911" spans="14:14">
      <c r="N539911" s="10"/>
    </row>
    <row r="539912" spans="14:14">
      <c r="N539912" s="10"/>
    </row>
    <row r="539913" spans="14:14">
      <c r="N539913" s="10"/>
    </row>
    <row r="539914" spans="14:14">
      <c r="N539914" s="10"/>
    </row>
    <row r="539915" spans="14:14">
      <c r="N539915" s="10"/>
    </row>
    <row r="539916" spans="14:14">
      <c r="N539916" s="10"/>
    </row>
    <row r="539917" spans="14:14">
      <c r="N539917" s="10"/>
    </row>
    <row r="539918" spans="14:14">
      <c r="N539918" s="10"/>
    </row>
    <row r="539919" spans="14:14">
      <c r="N539919" s="10"/>
    </row>
    <row r="539920" spans="14:14">
      <c r="N539920" s="10"/>
    </row>
    <row r="539921" spans="14:14">
      <c r="N539921" s="10"/>
    </row>
    <row r="539922" spans="14:14">
      <c r="N539922" s="10"/>
    </row>
    <row r="539923" spans="14:14">
      <c r="N539923" s="10"/>
    </row>
    <row r="539924" spans="14:14">
      <c r="N539924" s="10"/>
    </row>
    <row r="539925" spans="14:14">
      <c r="N539925" s="10"/>
    </row>
    <row r="539926" spans="14:14">
      <c r="N539926" s="10"/>
    </row>
    <row r="539927" spans="14:14">
      <c r="N539927" s="10"/>
    </row>
    <row r="539928" spans="14:14">
      <c r="N539928" s="10"/>
    </row>
    <row r="539929" spans="14:14">
      <c r="N539929" s="10"/>
    </row>
    <row r="539930" spans="14:14">
      <c r="N539930" s="10"/>
    </row>
    <row r="539931" spans="14:14">
      <c r="N539931" s="10"/>
    </row>
    <row r="539932" spans="14:14">
      <c r="N539932" s="10"/>
    </row>
    <row r="539933" spans="14:14">
      <c r="N539933" s="10"/>
    </row>
    <row r="539934" spans="14:14">
      <c r="N539934" s="10"/>
    </row>
    <row r="539935" spans="14:14">
      <c r="N539935" s="10"/>
    </row>
    <row r="539936" spans="14:14">
      <c r="N539936" s="10"/>
    </row>
    <row r="539937" spans="14:14">
      <c r="N539937" s="10"/>
    </row>
    <row r="539938" spans="14:14">
      <c r="N539938" s="10"/>
    </row>
    <row r="539939" spans="14:14">
      <c r="N539939" s="10"/>
    </row>
    <row r="539940" spans="14:14">
      <c r="N539940" s="10"/>
    </row>
    <row r="539941" spans="14:14">
      <c r="N539941" s="10"/>
    </row>
    <row r="539942" spans="14:14">
      <c r="N539942" s="10"/>
    </row>
    <row r="539943" spans="14:14">
      <c r="N539943" s="10"/>
    </row>
    <row r="539944" spans="14:14">
      <c r="N539944" s="10"/>
    </row>
    <row r="539945" spans="14:14">
      <c r="N539945" s="10"/>
    </row>
    <row r="539946" spans="14:14">
      <c r="N539946" s="10"/>
    </row>
    <row r="539947" spans="14:14">
      <c r="N539947" s="10"/>
    </row>
    <row r="539948" spans="14:14">
      <c r="N539948" s="10"/>
    </row>
    <row r="539949" spans="14:14">
      <c r="N539949" s="10"/>
    </row>
    <row r="539950" spans="14:14">
      <c r="N539950" s="10"/>
    </row>
    <row r="539951" spans="14:14">
      <c r="N539951" s="10"/>
    </row>
    <row r="539952" spans="14:14">
      <c r="N539952" s="10"/>
    </row>
    <row r="539953" spans="14:14">
      <c r="N539953" s="10"/>
    </row>
    <row r="539954" spans="14:14">
      <c r="N539954" s="10"/>
    </row>
    <row r="539955" spans="14:14">
      <c r="N539955" s="10"/>
    </row>
    <row r="539956" spans="14:14">
      <c r="N539956" s="10"/>
    </row>
    <row r="539957" spans="14:14">
      <c r="N539957" s="10"/>
    </row>
    <row r="539958" spans="14:14">
      <c r="N539958" s="10"/>
    </row>
    <row r="539959" spans="14:14">
      <c r="N539959" s="10"/>
    </row>
    <row r="539960" spans="14:14">
      <c r="N539960" s="10"/>
    </row>
    <row r="539961" spans="14:14">
      <c r="N539961" s="10"/>
    </row>
    <row r="539962" spans="14:14">
      <c r="N539962" s="10"/>
    </row>
    <row r="539963" spans="14:14">
      <c r="N539963" s="10"/>
    </row>
    <row r="539964" spans="14:14">
      <c r="N539964" s="10"/>
    </row>
    <row r="539965" spans="14:14">
      <c r="N539965" s="10"/>
    </row>
    <row r="539966" spans="14:14">
      <c r="N539966" s="10"/>
    </row>
    <row r="539967" spans="14:14">
      <c r="N539967" s="10"/>
    </row>
    <row r="539968" spans="14:14">
      <c r="N539968" s="10"/>
    </row>
    <row r="539969" spans="14:14">
      <c r="N539969" s="10"/>
    </row>
    <row r="539970" spans="14:14">
      <c r="N539970" s="10"/>
    </row>
    <row r="539971" spans="14:14">
      <c r="N539971" s="10"/>
    </row>
    <row r="539972" spans="14:14">
      <c r="N539972" s="10"/>
    </row>
    <row r="539973" spans="14:14">
      <c r="N539973" s="10"/>
    </row>
    <row r="539974" spans="14:14">
      <c r="N539974" s="10"/>
    </row>
    <row r="539975" spans="14:14">
      <c r="N539975" s="10"/>
    </row>
    <row r="539976" spans="14:14">
      <c r="N539976" s="10"/>
    </row>
    <row r="539977" spans="14:14">
      <c r="N539977" s="10"/>
    </row>
    <row r="539978" spans="14:14">
      <c r="N539978" s="10"/>
    </row>
    <row r="539979" spans="14:14">
      <c r="N539979" s="10"/>
    </row>
    <row r="539980" spans="14:14">
      <c r="N539980" s="10"/>
    </row>
    <row r="539981" spans="14:14">
      <c r="N539981" s="10"/>
    </row>
    <row r="539982" spans="14:14">
      <c r="N539982" s="10"/>
    </row>
    <row r="539983" spans="14:14">
      <c r="N539983" s="10"/>
    </row>
    <row r="539984" spans="14:14">
      <c r="N539984" s="10"/>
    </row>
    <row r="539985" spans="14:14">
      <c r="N539985" s="10"/>
    </row>
    <row r="539986" spans="14:14">
      <c r="N539986" s="10"/>
    </row>
    <row r="539987" spans="14:14">
      <c r="N539987" s="10"/>
    </row>
    <row r="539988" spans="14:14">
      <c r="N539988" s="10"/>
    </row>
    <row r="539989" spans="14:14">
      <c r="N539989" s="10"/>
    </row>
    <row r="539990" spans="14:14">
      <c r="N539990" s="10"/>
    </row>
    <row r="539991" spans="14:14">
      <c r="N539991" s="10"/>
    </row>
    <row r="539992" spans="14:14">
      <c r="N539992" s="10"/>
    </row>
    <row r="539993" spans="14:14">
      <c r="N539993" s="10"/>
    </row>
    <row r="539994" spans="14:14">
      <c r="N539994" s="10"/>
    </row>
    <row r="539995" spans="14:14">
      <c r="N539995" s="10"/>
    </row>
    <row r="539996" spans="14:14">
      <c r="N539996" s="10"/>
    </row>
    <row r="539997" spans="14:14">
      <c r="N539997" s="10"/>
    </row>
    <row r="539998" spans="14:14">
      <c r="N539998" s="10"/>
    </row>
    <row r="539999" spans="14:14">
      <c r="N539999" s="10"/>
    </row>
    <row r="540000" spans="14:14">
      <c r="N540000" s="10"/>
    </row>
    <row r="540001" spans="14:14">
      <c r="N540001" s="10"/>
    </row>
    <row r="540002" spans="14:14">
      <c r="N540002" s="10"/>
    </row>
    <row r="540003" spans="14:14">
      <c r="N540003" s="10"/>
    </row>
    <row r="540004" spans="14:14">
      <c r="N540004" s="10"/>
    </row>
    <row r="540005" spans="14:14">
      <c r="N540005" s="10"/>
    </row>
    <row r="540006" spans="14:14">
      <c r="N540006" s="10"/>
    </row>
    <row r="540007" spans="14:14">
      <c r="N540007" s="10"/>
    </row>
    <row r="540008" spans="14:14">
      <c r="N540008" s="10"/>
    </row>
    <row r="540009" spans="14:14">
      <c r="N540009" s="10"/>
    </row>
    <row r="540010" spans="14:14">
      <c r="N540010" s="10"/>
    </row>
    <row r="540011" spans="14:14">
      <c r="N540011" s="10"/>
    </row>
    <row r="540012" spans="14:14">
      <c r="N540012" s="10"/>
    </row>
    <row r="540013" spans="14:14">
      <c r="N540013" s="10"/>
    </row>
    <row r="540014" spans="14:14">
      <c r="N540014" s="10"/>
    </row>
    <row r="540015" spans="14:14">
      <c r="N540015" s="10"/>
    </row>
    <row r="540016" spans="14:14">
      <c r="N540016" s="10"/>
    </row>
    <row r="540017" spans="14:14">
      <c r="N540017" s="10"/>
    </row>
    <row r="540018" spans="14:14">
      <c r="N540018" s="10"/>
    </row>
    <row r="540019" spans="14:14">
      <c r="N540019" s="10"/>
    </row>
    <row r="540020" spans="14:14">
      <c r="N540020" s="10"/>
    </row>
    <row r="540021" spans="14:14">
      <c r="N540021" s="10"/>
    </row>
    <row r="540022" spans="14:14">
      <c r="N540022" s="10"/>
    </row>
    <row r="540023" spans="14:14">
      <c r="N540023" s="10"/>
    </row>
    <row r="540024" spans="14:14">
      <c r="N540024" s="10"/>
    </row>
    <row r="540025" spans="14:14">
      <c r="N540025" s="10"/>
    </row>
    <row r="540026" spans="14:14">
      <c r="N540026" s="10"/>
    </row>
    <row r="540027" spans="14:14">
      <c r="N540027" s="10"/>
    </row>
    <row r="540028" spans="14:14">
      <c r="N540028" s="10"/>
    </row>
    <row r="540029" spans="14:14">
      <c r="N540029" s="10"/>
    </row>
    <row r="540030" spans="14:14">
      <c r="N540030" s="10"/>
    </row>
    <row r="540031" spans="14:14">
      <c r="N540031" s="10"/>
    </row>
    <row r="540032" spans="14:14">
      <c r="N540032" s="10"/>
    </row>
    <row r="540033" spans="14:14">
      <c r="N540033" s="10"/>
    </row>
    <row r="540034" spans="14:14">
      <c r="N540034" s="10"/>
    </row>
    <row r="540035" spans="14:14">
      <c r="N540035" s="10"/>
    </row>
    <row r="540036" spans="14:14">
      <c r="N540036" s="10"/>
    </row>
    <row r="540037" spans="14:14">
      <c r="N540037" s="10"/>
    </row>
    <row r="540038" spans="14:14">
      <c r="N540038" s="10"/>
    </row>
    <row r="540039" spans="14:14">
      <c r="N540039" s="10"/>
    </row>
    <row r="540040" spans="14:14">
      <c r="N540040" s="10"/>
    </row>
    <row r="540041" spans="14:14">
      <c r="N540041" s="10"/>
    </row>
    <row r="540042" spans="14:14">
      <c r="N540042" s="10"/>
    </row>
    <row r="540043" spans="14:14">
      <c r="N540043" s="10"/>
    </row>
    <row r="540044" spans="14:14">
      <c r="N540044" s="10"/>
    </row>
    <row r="540045" spans="14:14">
      <c r="N540045" s="10"/>
    </row>
    <row r="540046" spans="14:14">
      <c r="N540046" s="10"/>
    </row>
    <row r="540047" spans="14:14">
      <c r="N540047" s="10"/>
    </row>
    <row r="540048" spans="14:14">
      <c r="N540048" s="10"/>
    </row>
    <row r="540049" spans="14:14">
      <c r="N540049" s="10"/>
    </row>
    <row r="540050" spans="14:14">
      <c r="N540050" s="10"/>
    </row>
    <row r="540051" spans="14:14">
      <c r="N540051" s="10"/>
    </row>
    <row r="540052" spans="14:14">
      <c r="N540052" s="10"/>
    </row>
    <row r="540053" spans="14:14">
      <c r="N540053" s="10"/>
    </row>
    <row r="540054" spans="14:14">
      <c r="N540054" s="10"/>
    </row>
    <row r="540055" spans="14:14">
      <c r="N540055" s="10"/>
    </row>
    <row r="540056" spans="14:14">
      <c r="N540056" s="10"/>
    </row>
    <row r="540057" spans="14:14">
      <c r="N540057" s="10"/>
    </row>
    <row r="540058" spans="14:14">
      <c r="N540058" s="10"/>
    </row>
    <row r="540059" spans="14:14">
      <c r="N540059" s="10"/>
    </row>
    <row r="540060" spans="14:14">
      <c r="N540060" s="10"/>
    </row>
    <row r="540061" spans="14:14">
      <c r="N540061" s="10"/>
    </row>
    <row r="540062" spans="14:14">
      <c r="N540062" s="10"/>
    </row>
    <row r="540063" spans="14:14">
      <c r="N540063" s="10"/>
    </row>
    <row r="540064" spans="14:14">
      <c r="N540064" s="10"/>
    </row>
    <row r="540065" spans="14:14">
      <c r="N540065" s="10"/>
    </row>
    <row r="540066" spans="14:14">
      <c r="N540066" s="10"/>
    </row>
    <row r="540067" spans="14:14">
      <c r="N540067" s="10"/>
    </row>
    <row r="540068" spans="14:14">
      <c r="N540068" s="10"/>
    </row>
    <row r="540069" spans="14:14">
      <c r="N540069" s="10"/>
    </row>
    <row r="540070" spans="14:14">
      <c r="N540070" s="10"/>
    </row>
    <row r="540071" spans="14:14">
      <c r="N540071" s="10"/>
    </row>
    <row r="540072" spans="14:14">
      <c r="N540072" s="10"/>
    </row>
    <row r="540073" spans="14:14">
      <c r="N540073" s="10"/>
    </row>
    <row r="540074" spans="14:14">
      <c r="N540074" s="10"/>
    </row>
    <row r="540075" spans="14:14">
      <c r="N540075" s="10"/>
    </row>
    <row r="540076" spans="14:14">
      <c r="N540076" s="10"/>
    </row>
    <row r="540077" spans="14:14">
      <c r="N540077" s="10"/>
    </row>
    <row r="540078" spans="14:14">
      <c r="N540078" s="10"/>
    </row>
    <row r="540079" spans="14:14">
      <c r="N540079" s="10"/>
    </row>
    <row r="540080" spans="14:14">
      <c r="N540080" s="10"/>
    </row>
    <row r="540081" spans="14:14">
      <c r="N540081" s="10"/>
    </row>
    <row r="540082" spans="14:14">
      <c r="N540082" s="10"/>
    </row>
    <row r="540083" spans="14:14">
      <c r="N540083" s="10"/>
    </row>
    <row r="540084" spans="14:14">
      <c r="N540084" s="10"/>
    </row>
    <row r="540085" spans="14:14">
      <c r="N540085" s="10"/>
    </row>
    <row r="540086" spans="14:14">
      <c r="N540086" s="10"/>
    </row>
    <row r="540087" spans="14:14">
      <c r="N540087" s="10"/>
    </row>
    <row r="540088" spans="14:14">
      <c r="N540088" s="10"/>
    </row>
    <row r="540089" spans="14:14">
      <c r="N540089" s="10"/>
    </row>
    <row r="540090" spans="14:14">
      <c r="N540090" s="10"/>
    </row>
    <row r="540091" spans="14:14">
      <c r="N540091" s="10"/>
    </row>
    <row r="540092" spans="14:14">
      <c r="N540092" s="10"/>
    </row>
    <row r="540093" spans="14:14">
      <c r="N540093" s="10"/>
    </row>
    <row r="540094" spans="14:14">
      <c r="N540094" s="10"/>
    </row>
    <row r="540095" spans="14:14">
      <c r="N540095" s="10"/>
    </row>
    <row r="540096" spans="14:14">
      <c r="N540096" s="10"/>
    </row>
    <row r="540097" spans="14:14">
      <c r="N540097" s="10"/>
    </row>
    <row r="540098" spans="14:14">
      <c r="N540098" s="10"/>
    </row>
    <row r="540099" spans="14:14">
      <c r="N540099" s="10"/>
    </row>
    <row r="540100" spans="14:14">
      <c r="N540100" s="10"/>
    </row>
    <row r="540101" spans="14:14">
      <c r="N540101" s="10"/>
    </row>
    <row r="540102" spans="14:14">
      <c r="N540102" s="10"/>
    </row>
    <row r="540103" spans="14:14">
      <c r="N540103" s="10"/>
    </row>
    <row r="540104" spans="14:14">
      <c r="N540104" s="10"/>
    </row>
    <row r="540105" spans="14:14">
      <c r="N540105" s="10"/>
    </row>
    <row r="540106" spans="14:14">
      <c r="N540106" s="10"/>
    </row>
    <row r="540107" spans="14:14">
      <c r="N540107" s="10"/>
    </row>
    <row r="540108" spans="14:14">
      <c r="N540108" s="10"/>
    </row>
    <row r="540109" spans="14:14">
      <c r="N540109" s="10"/>
    </row>
    <row r="540110" spans="14:14">
      <c r="N540110" s="10"/>
    </row>
    <row r="540111" spans="14:14">
      <c r="N540111" s="10"/>
    </row>
    <row r="540112" spans="14:14">
      <c r="N540112" s="10"/>
    </row>
    <row r="540113" spans="14:14">
      <c r="N540113" s="10"/>
    </row>
    <row r="540114" spans="14:14">
      <c r="N540114" s="10"/>
    </row>
    <row r="540115" spans="14:14">
      <c r="N540115" s="10"/>
    </row>
    <row r="540116" spans="14:14">
      <c r="N540116" s="10"/>
    </row>
    <row r="540117" spans="14:14">
      <c r="N540117" s="10"/>
    </row>
    <row r="540118" spans="14:14">
      <c r="N540118" s="10"/>
    </row>
    <row r="540119" spans="14:14">
      <c r="N540119" s="10"/>
    </row>
    <row r="540120" spans="14:14">
      <c r="N540120" s="10"/>
    </row>
    <row r="540121" spans="14:14">
      <c r="N540121" s="10"/>
    </row>
    <row r="540122" spans="14:14">
      <c r="N540122" s="10"/>
    </row>
    <row r="540123" spans="14:14">
      <c r="N540123" s="10"/>
    </row>
    <row r="540124" spans="14:14">
      <c r="N540124" s="10"/>
    </row>
    <row r="540125" spans="14:14">
      <c r="N540125" s="10"/>
    </row>
    <row r="540126" spans="14:14">
      <c r="N540126" s="10"/>
    </row>
    <row r="540127" spans="14:14">
      <c r="N540127" s="10"/>
    </row>
    <row r="540128" spans="14:14">
      <c r="N540128" s="10"/>
    </row>
    <row r="540129" spans="14:14">
      <c r="N540129" s="10"/>
    </row>
    <row r="540130" spans="14:14">
      <c r="N540130" s="10"/>
    </row>
    <row r="540131" spans="14:14">
      <c r="N540131" s="10"/>
    </row>
    <row r="540132" spans="14:14">
      <c r="N540132" s="10"/>
    </row>
    <row r="540133" spans="14:14">
      <c r="N540133" s="10"/>
    </row>
    <row r="540134" spans="14:14">
      <c r="N540134" s="10"/>
    </row>
    <row r="540135" spans="14:14">
      <c r="N540135" s="10"/>
    </row>
    <row r="540136" spans="14:14">
      <c r="N540136" s="10"/>
    </row>
    <row r="540137" spans="14:14">
      <c r="N540137" s="10"/>
    </row>
    <row r="540138" spans="14:14">
      <c r="N540138" s="10"/>
    </row>
    <row r="540139" spans="14:14">
      <c r="N540139" s="10"/>
    </row>
    <row r="540140" spans="14:14">
      <c r="N540140" s="10"/>
    </row>
    <row r="540141" spans="14:14">
      <c r="N540141" s="10"/>
    </row>
    <row r="540142" spans="14:14">
      <c r="N540142" s="10"/>
    </row>
    <row r="540143" spans="14:14">
      <c r="N540143" s="10"/>
    </row>
    <row r="540144" spans="14:14">
      <c r="N540144" s="10"/>
    </row>
    <row r="540145" spans="14:14">
      <c r="N540145" s="10"/>
    </row>
    <row r="540146" spans="14:14">
      <c r="N540146" s="10"/>
    </row>
    <row r="540147" spans="14:14">
      <c r="N540147" s="10"/>
    </row>
    <row r="540148" spans="14:14">
      <c r="N540148" s="10"/>
    </row>
    <row r="540149" spans="14:14">
      <c r="N540149" s="10"/>
    </row>
    <row r="540150" spans="14:14">
      <c r="N540150" s="10"/>
    </row>
    <row r="540151" spans="14:14">
      <c r="N540151" s="10"/>
    </row>
    <row r="540152" spans="14:14">
      <c r="N540152" s="10"/>
    </row>
    <row r="540153" spans="14:14">
      <c r="N540153" s="10"/>
    </row>
    <row r="540154" spans="14:14">
      <c r="N540154" s="10"/>
    </row>
    <row r="540155" spans="14:14">
      <c r="N540155" s="10"/>
    </row>
    <row r="540156" spans="14:14">
      <c r="N540156" s="10"/>
    </row>
    <row r="540157" spans="14:14">
      <c r="N540157" s="10"/>
    </row>
    <row r="540158" spans="14:14">
      <c r="N540158" s="10"/>
    </row>
    <row r="540159" spans="14:14">
      <c r="N540159" s="10"/>
    </row>
    <row r="540160" spans="14:14">
      <c r="N540160" s="10"/>
    </row>
    <row r="540161" spans="14:14">
      <c r="N540161" s="10"/>
    </row>
    <row r="540162" spans="14:14">
      <c r="N540162" s="10"/>
    </row>
    <row r="540163" spans="14:14">
      <c r="N540163" s="10"/>
    </row>
    <row r="540164" spans="14:14">
      <c r="N540164" s="10"/>
    </row>
    <row r="540165" spans="14:14">
      <c r="N540165" s="10"/>
    </row>
    <row r="540166" spans="14:14">
      <c r="N540166" s="10"/>
    </row>
    <row r="540167" spans="14:14">
      <c r="N540167" s="10"/>
    </row>
    <row r="540168" spans="14:14">
      <c r="N540168" s="10"/>
    </row>
    <row r="540169" spans="14:14">
      <c r="N540169" s="10"/>
    </row>
    <row r="540170" spans="14:14">
      <c r="N540170" s="10"/>
    </row>
    <row r="540171" spans="14:14">
      <c r="N540171" s="10"/>
    </row>
    <row r="540172" spans="14:14">
      <c r="N540172" s="10"/>
    </row>
    <row r="540173" spans="14:14">
      <c r="N540173" s="10"/>
    </row>
    <row r="540174" spans="14:14">
      <c r="N540174" s="10"/>
    </row>
    <row r="540175" spans="14:14">
      <c r="N540175" s="10"/>
    </row>
    <row r="540176" spans="14:14">
      <c r="N540176" s="10"/>
    </row>
    <row r="540177" spans="14:14">
      <c r="N540177" s="10"/>
    </row>
    <row r="540178" spans="14:14">
      <c r="N540178" s="10"/>
    </row>
    <row r="540179" spans="14:14">
      <c r="N540179" s="10"/>
    </row>
    <row r="540180" spans="14:14">
      <c r="N540180" s="10"/>
    </row>
    <row r="540181" spans="14:14">
      <c r="N540181" s="10"/>
    </row>
    <row r="540182" spans="14:14">
      <c r="N540182" s="10"/>
    </row>
    <row r="540183" spans="14:14">
      <c r="N540183" s="10"/>
    </row>
    <row r="540184" spans="14:14">
      <c r="N540184" s="10"/>
    </row>
    <row r="540185" spans="14:14">
      <c r="N540185" s="10"/>
    </row>
    <row r="540186" spans="14:14">
      <c r="N540186" s="10"/>
    </row>
    <row r="540187" spans="14:14">
      <c r="N540187" s="10"/>
    </row>
    <row r="540188" spans="14:14">
      <c r="N540188" s="10"/>
    </row>
    <row r="540189" spans="14:14">
      <c r="N540189" s="10"/>
    </row>
    <row r="540190" spans="14:14">
      <c r="N540190" s="10"/>
    </row>
    <row r="540191" spans="14:14">
      <c r="N540191" s="10"/>
    </row>
    <row r="540192" spans="14:14">
      <c r="N540192" s="10"/>
    </row>
    <row r="540193" spans="14:14">
      <c r="N540193" s="10"/>
    </row>
    <row r="540194" spans="14:14">
      <c r="N540194" s="10"/>
    </row>
    <row r="540195" spans="14:14">
      <c r="N540195" s="10"/>
    </row>
    <row r="540196" spans="14:14">
      <c r="N540196" s="10"/>
    </row>
    <row r="540197" spans="14:14">
      <c r="N540197" s="10"/>
    </row>
    <row r="540198" spans="14:14">
      <c r="N540198" s="10"/>
    </row>
    <row r="540199" spans="14:14">
      <c r="N540199" s="10"/>
    </row>
    <row r="540200" spans="14:14">
      <c r="N540200" s="10"/>
    </row>
    <row r="540201" spans="14:14">
      <c r="N540201" s="10"/>
    </row>
    <row r="540202" spans="14:14">
      <c r="N540202" s="10"/>
    </row>
    <row r="540203" spans="14:14">
      <c r="N540203" s="10"/>
    </row>
    <row r="540204" spans="14:14">
      <c r="N540204" s="10"/>
    </row>
    <row r="540205" spans="14:14">
      <c r="N540205" s="10"/>
    </row>
    <row r="540206" spans="14:14">
      <c r="N540206" s="10"/>
    </row>
    <row r="540207" spans="14:14">
      <c r="N540207" s="10"/>
    </row>
    <row r="540208" spans="14:14">
      <c r="N540208" s="10"/>
    </row>
    <row r="540209" spans="14:14">
      <c r="N540209" s="10"/>
    </row>
    <row r="540210" spans="14:14">
      <c r="N540210" s="10"/>
    </row>
    <row r="540211" spans="14:14">
      <c r="N540211" s="10"/>
    </row>
    <row r="540212" spans="14:14">
      <c r="N540212" s="10"/>
    </row>
    <row r="540213" spans="14:14">
      <c r="N540213" s="10"/>
    </row>
    <row r="540214" spans="14:14">
      <c r="N540214" s="10"/>
    </row>
    <row r="540215" spans="14:14">
      <c r="N540215" s="10"/>
    </row>
    <row r="540216" spans="14:14">
      <c r="N540216" s="10"/>
    </row>
    <row r="540217" spans="14:14">
      <c r="N540217" s="10"/>
    </row>
    <row r="540218" spans="14:14">
      <c r="N540218" s="10"/>
    </row>
    <row r="540219" spans="14:14">
      <c r="N540219" s="10"/>
    </row>
    <row r="540220" spans="14:14">
      <c r="N540220" s="10"/>
    </row>
    <row r="540221" spans="14:14">
      <c r="N540221" s="10"/>
    </row>
    <row r="540222" spans="14:14">
      <c r="N540222" s="10"/>
    </row>
    <row r="540223" spans="14:14">
      <c r="N540223" s="10"/>
    </row>
    <row r="540224" spans="14:14">
      <c r="N540224" s="10"/>
    </row>
    <row r="540225" spans="14:14">
      <c r="N540225" s="10"/>
    </row>
    <row r="540226" spans="14:14">
      <c r="N540226" s="10"/>
    </row>
    <row r="540227" spans="14:14">
      <c r="N540227" s="10"/>
    </row>
    <row r="540228" spans="14:14">
      <c r="N540228" s="10"/>
    </row>
    <row r="540229" spans="14:14">
      <c r="N540229" s="10"/>
    </row>
    <row r="540230" spans="14:14">
      <c r="N540230" s="10"/>
    </row>
    <row r="540231" spans="14:14">
      <c r="N540231" s="10"/>
    </row>
    <row r="540232" spans="14:14">
      <c r="N540232" s="10"/>
    </row>
    <row r="540233" spans="14:14">
      <c r="N540233" s="10"/>
    </row>
    <row r="540234" spans="14:14">
      <c r="N540234" s="10"/>
    </row>
    <row r="540235" spans="14:14">
      <c r="N540235" s="10"/>
    </row>
    <row r="540236" spans="14:14">
      <c r="N540236" s="10"/>
    </row>
    <row r="540237" spans="14:14">
      <c r="N540237" s="10"/>
    </row>
    <row r="540238" spans="14:14">
      <c r="N540238" s="10"/>
    </row>
    <row r="540239" spans="14:14">
      <c r="N540239" s="10"/>
    </row>
    <row r="540240" spans="14:14">
      <c r="N540240" s="10"/>
    </row>
    <row r="540241" spans="14:14">
      <c r="N540241" s="10"/>
    </row>
    <row r="540242" spans="14:14">
      <c r="N540242" s="10"/>
    </row>
    <row r="540243" spans="14:14">
      <c r="N540243" s="10"/>
    </row>
    <row r="540244" spans="14:14">
      <c r="N540244" s="10"/>
    </row>
    <row r="540245" spans="14:14">
      <c r="N540245" s="10"/>
    </row>
    <row r="540246" spans="14:14">
      <c r="N540246" s="10"/>
    </row>
    <row r="540247" spans="14:14">
      <c r="N540247" s="10"/>
    </row>
    <row r="540248" spans="14:14">
      <c r="N540248" s="10"/>
    </row>
    <row r="540249" spans="14:14">
      <c r="N540249" s="10"/>
    </row>
    <row r="540250" spans="14:14">
      <c r="N540250" s="10"/>
    </row>
    <row r="540251" spans="14:14">
      <c r="N540251" s="10"/>
    </row>
    <row r="540252" spans="14:14">
      <c r="N540252" s="10"/>
    </row>
    <row r="540253" spans="14:14">
      <c r="N540253" s="10"/>
    </row>
    <row r="540254" spans="14:14">
      <c r="N540254" s="10"/>
    </row>
    <row r="540255" spans="14:14">
      <c r="N540255" s="10"/>
    </row>
    <row r="540256" spans="14:14">
      <c r="N540256" s="10"/>
    </row>
    <row r="540257" spans="14:14">
      <c r="N540257" s="10"/>
    </row>
    <row r="540258" spans="14:14">
      <c r="N540258" s="10"/>
    </row>
    <row r="540259" spans="14:14">
      <c r="N540259" s="10"/>
    </row>
    <row r="540260" spans="14:14">
      <c r="N540260" s="10"/>
    </row>
    <row r="540261" spans="14:14">
      <c r="N540261" s="10"/>
    </row>
    <row r="540262" spans="14:14">
      <c r="N540262" s="10"/>
    </row>
    <row r="540263" spans="14:14">
      <c r="N540263" s="10"/>
    </row>
    <row r="540264" spans="14:14">
      <c r="N540264" s="10"/>
    </row>
    <row r="540265" spans="14:14">
      <c r="N540265" s="10"/>
    </row>
    <row r="540266" spans="14:14">
      <c r="N540266" s="10"/>
    </row>
    <row r="540267" spans="14:14">
      <c r="N540267" s="10"/>
    </row>
    <row r="540268" spans="14:14">
      <c r="N540268" s="10"/>
    </row>
    <row r="540269" spans="14:14">
      <c r="N540269" s="10"/>
    </row>
    <row r="540270" spans="14:14">
      <c r="N540270" s="10"/>
    </row>
    <row r="540271" spans="14:14">
      <c r="N540271" s="10"/>
    </row>
    <row r="540272" spans="14:14">
      <c r="N540272" s="10"/>
    </row>
    <row r="540273" spans="14:14">
      <c r="N540273" s="10"/>
    </row>
    <row r="540274" spans="14:14">
      <c r="N540274" s="10"/>
    </row>
    <row r="540275" spans="14:14">
      <c r="N540275" s="10"/>
    </row>
    <row r="540276" spans="14:14">
      <c r="N540276" s="10"/>
    </row>
    <row r="540277" spans="14:14">
      <c r="N540277" s="10"/>
    </row>
    <row r="540278" spans="14:14">
      <c r="N540278" s="10"/>
    </row>
    <row r="540279" spans="14:14">
      <c r="N540279" s="10"/>
    </row>
    <row r="540280" spans="14:14">
      <c r="N540280" s="10"/>
    </row>
    <row r="540281" spans="14:14">
      <c r="N540281" s="10"/>
    </row>
    <row r="540282" spans="14:14">
      <c r="N540282" s="10"/>
    </row>
    <row r="540283" spans="14:14">
      <c r="N540283" s="10"/>
    </row>
    <row r="540284" spans="14:14">
      <c r="N540284" s="10"/>
    </row>
    <row r="540285" spans="14:14">
      <c r="N540285" s="10"/>
    </row>
    <row r="540286" spans="14:14">
      <c r="N540286" s="10"/>
    </row>
    <row r="540287" spans="14:14">
      <c r="N540287" s="10"/>
    </row>
    <row r="540288" spans="14:14">
      <c r="N540288" s="10"/>
    </row>
    <row r="540289" spans="14:14">
      <c r="N540289" s="10"/>
    </row>
    <row r="540290" spans="14:14">
      <c r="N540290" s="10"/>
    </row>
    <row r="540291" spans="14:14">
      <c r="N540291" s="10"/>
    </row>
    <row r="540292" spans="14:14">
      <c r="N540292" s="10"/>
    </row>
    <row r="540293" spans="14:14">
      <c r="N540293" s="10"/>
    </row>
    <row r="540294" spans="14:14">
      <c r="N540294" s="10"/>
    </row>
    <row r="540295" spans="14:14">
      <c r="N540295" s="10"/>
    </row>
    <row r="540296" spans="14:14">
      <c r="N540296" s="10"/>
    </row>
    <row r="540297" spans="14:14">
      <c r="N540297" s="10"/>
    </row>
    <row r="540298" spans="14:14">
      <c r="N540298" s="10"/>
    </row>
    <row r="540299" spans="14:14">
      <c r="N540299" s="10"/>
    </row>
    <row r="540300" spans="14:14">
      <c r="N540300" s="10"/>
    </row>
    <row r="540301" spans="14:14">
      <c r="N540301" s="10"/>
    </row>
    <row r="540302" spans="14:14">
      <c r="N540302" s="10"/>
    </row>
    <row r="540303" spans="14:14">
      <c r="N540303" s="10"/>
    </row>
    <row r="540304" spans="14:14">
      <c r="N540304" s="10"/>
    </row>
    <row r="540305" spans="14:14">
      <c r="N540305" s="10"/>
    </row>
    <row r="540306" spans="14:14">
      <c r="N540306" s="10"/>
    </row>
    <row r="540307" spans="14:14">
      <c r="N540307" s="10"/>
    </row>
    <row r="540308" spans="14:14">
      <c r="N540308" s="10"/>
    </row>
    <row r="540309" spans="14:14">
      <c r="N540309" s="10"/>
    </row>
    <row r="540310" spans="14:14">
      <c r="N540310" s="10"/>
    </row>
    <row r="540311" spans="14:14">
      <c r="N540311" s="10"/>
    </row>
    <row r="540312" spans="14:14">
      <c r="N540312" s="10"/>
    </row>
    <row r="540313" spans="14:14">
      <c r="N540313" s="10"/>
    </row>
    <row r="540314" spans="14:14">
      <c r="N540314" s="10"/>
    </row>
    <row r="540315" spans="14:14">
      <c r="N540315" s="10"/>
    </row>
    <row r="540316" spans="14:14">
      <c r="N540316" s="10"/>
    </row>
    <row r="540317" spans="14:14">
      <c r="N540317" s="10"/>
    </row>
    <row r="540318" spans="14:14">
      <c r="N540318" s="10"/>
    </row>
    <row r="540319" spans="14:14">
      <c r="N540319" s="10"/>
    </row>
    <row r="540320" spans="14:14">
      <c r="N540320" s="10"/>
    </row>
    <row r="540321" spans="14:14">
      <c r="N540321" s="10"/>
    </row>
    <row r="540322" spans="14:14">
      <c r="N540322" s="10"/>
    </row>
    <row r="540323" spans="14:14">
      <c r="N540323" s="10"/>
    </row>
    <row r="540324" spans="14:14">
      <c r="N540324" s="10"/>
    </row>
    <row r="540325" spans="14:14">
      <c r="N540325" s="10"/>
    </row>
    <row r="540326" spans="14:14">
      <c r="N540326" s="10"/>
    </row>
    <row r="540327" spans="14:14">
      <c r="N540327" s="10"/>
    </row>
    <row r="540328" spans="14:14">
      <c r="N540328" s="10"/>
    </row>
    <row r="540329" spans="14:14">
      <c r="N540329" s="10"/>
    </row>
    <row r="540330" spans="14:14">
      <c r="N540330" s="10"/>
    </row>
    <row r="540331" spans="14:14">
      <c r="N540331" s="10"/>
    </row>
    <row r="540332" spans="14:14">
      <c r="N540332" s="10"/>
    </row>
    <row r="540333" spans="14:14">
      <c r="N540333" s="10"/>
    </row>
    <row r="540334" spans="14:14">
      <c r="N540334" s="10"/>
    </row>
    <row r="540335" spans="14:14">
      <c r="N540335" s="10"/>
    </row>
    <row r="540336" spans="14:14">
      <c r="N540336" s="10"/>
    </row>
    <row r="540337" spans="14:14">
      <c r="N540337" s="10"/>
    </row>
    <row r="540338" spans="14:14">
      <c r="N540338" s="10"/>
    </row>
    <row r="540339" spans="14:14">
      <c r="N540339" s="10"/>
    </row>
    <row r="540340" spans="14:14">
      <c r="N540340" s="10"/>
    </row>
    <row r="540341" spans="14:14">
      <c r="N540341" s="10"/>
    </row>
    <row r="540342" spans="14:14">
      <c r="N540342" s="10"/>
    </row>
    <row r="540343" spans="14:14">
      <c r="N540343" s="10"/>
    </row>
    <row r="540344" spans="14:14">
      <c r="N540344" s="10"/>
    </row>
    <row r="540345" spans="14:14">
      <c r="N540345" s="10"/>
    </row>
    <row r="540346" spans="14:14">
      <c r="N540346" s="10"/>
    </row>
    <row r="540347" spans="14:14">
      <c r="N540347" s="10"/>
    </row>
    <row r="540348" spans="14:14">
      <c r="N540348" s="10"/>
    </row>
    <row r="540349" spans="14:14">
      <c r="N540349" s="10"/>
    </row>
    <row r="540350" spans="14:14">
      <c r="N540350" s="10"/>
    </row>
    <row r="540351" spans="14:14">
      <c r="N540351" s="10"/>
    </row>
    <row r="540352" spans="14:14">
      <c r="N540352" s="10"/>
    </row>
    <row r="540353" spans="14:14">
      <c r="N540353" s="10"/>
    </row>
    <row r="540354" spans="14:14">
      <c r="N540354" s="10"/>
    </row>
    <row r="540355" spans="14:14">
      <c r="N540355" s="10"/>
    </row>
    <row r="540356" spans="14:14">
      <c r="N540356" s="10"/>
    </row>
    <row r="540357" spans="14:14">
      <c r="N540357" s="10"/>
    </row>
    <row r="540358" spans="14:14">
      <c r="N540358" s="10"/>
    </row>
    <row r="540359" spans="14:14">
      <c r="N540359" s="10"/>
    </row>
    <row r="540360" spans="14:14">
      <c r="N540360" s="10"/>
    </row>
    <row r="540361" spans="14:14">
      <c r="N540361" s="10"/>
    </row>
    <row r="540362" spans="14:14">
      <c r="N540362" s="10"/>
    </row>
    <row r="540363" spans="14:14">
      <c r="N540363" s="10"/>
    </row>
    <row r="540364" spans="14:14">
      <c r="N540364" s="10"/>
    </row>
    <row r="540365" spans="14:14">
      <c r="N540365" s="10"/>
    </row>
    <row r="540366" spans="14:14">
      <c r="N540366" s="10"/>
    </row>
    <row r="540367" spans="14:14">
      <c r="N540367" s="10"/>
    </row>
    <row r="540368" spans="14:14">
      <c r="N540368" s="10"/>
    </row>
    <row r="540369" spans="14:14">
      <c r="N540369" s="10"/>
    </row>
    <row r="540370" spans="14:14">
      <c r="N540370" s="10"/>
    </row>
    <row r="540371" spans="14:14">
      <c r="N540371" s="10"/>
    </row>
    <row r="540372" spans="14:14">
      <c r="N540372" s="10"/>
    </row>
    <row r="540373" spans="14:14">
      <c r="N540373" s="10"/>
    </row>
    <row r="540374" spans="14:14">
      <c r="N540374" s="10"/>
    </row>
    <row r="540375" spans="14:14">
      <c r="N540375" s="10"/>
    </row>
    <row r="540376" spans="14:14">
      <c r="N540376" s="10"/>
    </row>
    <row r="540377" spans="14:14">
      <c r="N540377" s="10"/>
    </row>
    <row r="540378" spans="14:14">
      <c r="N540378" s="10"/>
    </row>
    <row r="540379" spans="14:14">
      <c r="N540379" s="10"/>
    </row>
    <row r="540380" spans="14:14">
      <c r="N540380" s="10"/>
    </row>
    <row r="540381" spans="14:14">
      <c r="N540381" s="10"/>
    </row>
    <row r="540382" spans="14:14">
      <c r="N540382" s="10"/>
    </row>
    <row r="540383" spans="14:14">
      <c r="N540383" s="10"/>
    </row>
    <row r="540384" spans="14:14">
      <c r="N540384" s="10"/>
    </row>
    <row r="540385" spans="14:14">
      <c r="N540385" s="10"/>
    </row>
    <row r="540386" spans="14:14">
      <c r="N540386" s="10"/>
    </row>
    <row r="540387" spans="14:14">
      <c r="N540387" s="10"/>
    </row>
    <row r="540388" spans="14:14">
      <c r="N540388" s="10"/>
    </row>
    <row r="540389" spans="14:14">
      <c r="N540389" s="10"/>
    </row>
    <row r="540390" spans="14:14">
      <c r="N540390" s="10"/>
    </row>
    <row r="540391" spans="14:14">
      <c r="N540391" s="10"/>
    </row>
    <row r="540392" spans="14:14">
      <c r="N540392" s="10"/>
    </row>
    <row r="540393" spans="14:14">
      <c r="N540393" s="10"/>
    </row>
    <row r="540394" spans="14:14">
      <c r="N540394" s="10"/>
    </row>
    <row r="540395" spans="14:14">
      <c r="N540395" s="10"/>
    </row>
    <row r="540396" spans="14:14">
      <c r="N540396" s="10"/>
    </row>
    <row r="540397" spans="14:14">
      <c r="N540397" s="10"/>
    </row>
    <row r="540398" spans="14:14">
      <c r="N540398" s="10"/>
    </row>
    <row r="540399" spans="14:14">
      <c r="N540399" s="10"/>
    </row>
    <row r="540400" spans="14:14">
      <c r="N540400" s="10"/>
    </row>
    <row r="540401" spans="14:14">
      <c r="N540401" s="10"/>
    </row>
    <row r="540402" spans="14:14">
      <c r="N540402" s="10"/>
    </row>
    <row r="540403" spans="14:14">
      <c r="N540403" s="10"/>
    </row>
    <row r="540404" spans="14:14">
      <c r="N540404" s="10"/>
    </row>
    <row r="540405" spans="14:14">
      <c r="N540405" s="10"/>
    </row>
    <row r="540406" spans="14:14">
      <c r="N540406" s="10"/>
    </row>
    <row r="540407" spans="14:14">
      <c r="N540407" s="10"/>
    </row>
    <row r="540408" spans="14:14">
      <c r="N540408" s="10"/>
    </row>
    <row r="540409" spans="14:14">
      <c r="N540409" s="10"/>
    </row>
    <row r="540410" spans="14:14">
      <c r="N540410" s="10"/>
    </row>
    <row r="540411" spans="14:14">
      <c r="N540411" s="10"/>
    </row>
    <row r="540412" spans="14:14">
      <c r="N540412" s="10"/>
    </row>
    <row r="540413" spans="14:14">
      <c r="N540413" s="10"/>
    </row>
    <row r="540414" spans="14:14">
      <c r="N540414" s="10"/>
    </row>
    <row r="540415" spans="14:14">
      <c r="N540415" s="10"/>
    </row>
    <row r="540416" spans="14:14">
      <c r="N540416" s="10"/>
    </row>
    <row r="540417" spans="14:14">
      <c r="N540417" s="10"/>
    </row>
    <row r="540418" spans="14:14">
      <c r="N540418" s="10"/>
    </row>
    <row r="540419" spans="14:14">
      <c r="N540419" s="10"/>
    </row>
    <row r="540420" spans="14:14">
      <c r="N540420" s="10"/>
    </row>
    <row r="540421" spans="14:14">
      <c r="N540421" s="10"/>
    </row>
    <row r="540422" spans="14:14">
      <c r="N540422" s="10"/>
    </row>
    <row r="540423" spans="14:14">
      <c r="N540423" s="10"/>
    </row>
    <row r="540424" spans="14:14">
      <c r="N540424" s="10"/>
    </row>
    <row r="540425" spans="14:14">
      <c r="N540425" s="10"/>
    </row>
    <row r="540426" spans="14:14">
      <c r="N540426" s="10"/>
    </row>
    <row r="540427" spans="14:14">
      <c r="N540427" s="10"/>
    </row>
    <row r="540428" spans="14:14">
      <c r="N540428" s="10"/>
    </row>
    <row r="540429" spans="14:14">
      <c r="N540429" s="10"/>
    </row>
    <row r="540430" spans="14:14">
      <c r="N540430" s="10"/>
    </row>
    <row r="540431" spans="14:14">
      <c r="N540431" s="10"/>
    </row>
    <row r="540432" spans="14:14">
      <c r="N540432" s="10"/>
    </row>
    <row r="540433" spans="14:14">
      <c r="N540433" s="10"/>
    </row>
    <row r="540434" spans="14:14">
      <c r="N540434" s="10"/>
    </row>
    <row r="540435" spans="14:14">
      <c r="N540435" s="10"/>
    </row>
    <row r="540436" spans="14:14">
      <c r="N540436" s="10"/>
    </row>
    <row r="540437" spans="14:14">
      <c r="N540437" s="10"/>
    </row>
    <row r="540438" spans="14:14">
      <c r="N540438" s="10"/>
    </row>
    <row r="540439" spans="14:14">
      <c r="N540439" s="10"/>
    </row>
    <row r="540440" spans="14:14">
      <c r="N540440" s="10"/>
    </row>
    <row r="540441" spans="14:14">
      <c r="N540441" s="10"/>
    </row>
    <row r="540442" spans="14:14">
      <c r="N540442" s="10"/>
    </row>
    <row r="540443" spans="14:14">
      <c r="N540443" s="10"/>
    </row>
    <row r="540444" spans="14:14">
      <c r="N540444" s="10"/>
    </row>
    <row r="540445" spans="14:14">
      <c r="N540445" s="10"/>
    </row>
    <row r="540446" spans="14:14">
      <c r="N540446" s="10"/>
    </row>
    <row r="540447" spans="14:14">
      <c r="N540447" s="10"/>
    </row>
    <row r="540448" spans="14:14">
      <c r="N540448" s="10"/>
    </row>
    <row r="540449" spans="14:14">
      <c r="N540449" s="10"/>
    </row>
    <row r="540450" spans="14:14">
      <c r="N540450" s="10"/>
    </row>
    <row r="540451" spans="14:14">
      <c r="N540451" s="10"/>
    </row>
    <row r="540452" spans="14:14">
      <c r="N540452" s="10"/>
    </row>
    <row r="540453" spans="14:14">
      <c r="N540453" s="10"/>
    </row>
    <row r="540454" spans="14:14">
      <c r="N540454" s="10"/>
    </row>
    <row r="540455" spans="14:14">
      <c r="N540455" s="10"/>
    </row>
    <row r="540456" spans="14:14">
      <c r="N540456" s="10"/>
    </row>
    <row r="540457" spans="14:14">
      <c r="N540457" s="10"/>
    </row>
    <row r="540458" spans="14:14">
      <c r="N540458" s="10"/>
    </row>
    <row r="540459" spans="14:14">
      <c r="N540459" s="10"/>
    </row>
    <row r="540460" spans="14:14">
      <c r="N540460" s="10"/>
    </row>
    <row r="540461" spans="14:14">
      <c r="N540461" s="10"/>
    </row>
    <row r="540462" spans="14:14">
      <c r="N540462" s="10"/>
    </row>
    <row r="540463" spans="14:14">
      <c r="N540463" s="10"/>
    </row>
    <row r="540464" spans="14:14">
      <c r="N540464" s="10"/>
    </row>
    <row r="540465" spans="14:14">
      <c r="N540465" s="10"/>
    </row>
    <row r="540466" spans="14:14">
      <c r="N540466" s="10"/>
    </row>
    <row r="540467" spans="14:14">
      <c r="N540467" s="10"/>
    </row>
    <row r="540468" spans="14:14">
      <c r="N540468" s="10"/>
    </row>
    <row r="540469" spans="14:14">
      <c r="N540469" s="10"/>
    </row>
    <row r="540470" spans="14:14">
      <c r="N540470" s="10"/>
    </row>
    <row r="540471" spans="14:14">
      <c r="N540471" s="10"/>
    </row>
    <row r="540472" spans="14:14">
      <c r="N540472" s="10"/>
    </row>
    <row r="540473" spans="14:14">
      <c r="N540473" s="10"/>
    </row>
    <row r="540474" spans="14:14">
      <c r="N540474" s="10"/>
    </row>
    <row r="540475" spans="14:14">
      <c r="N540475" s="10"/>
    </row>
    <row r="540476" spans="14:14">
      <c r="N540476" s="10"/>
    </row>
    <row r="540477" spans="14:14">
      <c r="N540477" s="10"/>
    </row>
    <row r="540478" spans="14:14">
      <c r="N540478" s="10"/>
    </row>
    <row r="540479" spans="14:14">
      <c r="N540479" s="10"/>
    </row>
    <row r="540480" spans="14:14">
      <c r="N540480" s="10"/>
    </row>
    <row r="540481" spans="14:14">
      <c r="N540481" s="10"/>
    </row>
    <row r="540482" spans="14:14">
      <c r="N540482" s="10"/>
    </row>
    <row r="540483" spans="14:14">
      <c r="N540483" s="10"/>
    </row>
    <row r="540484" spans="14:14">
      <c r="N540484" s="10"/>
    </row>
    <row r="540485" spans="14:14">
      <c r="N540485" s="10"/>
    </row>
    <row r="540486" spans="14:14">
      <c r="N540486" s="10"/>
    </row>
    <row r="540487" spans="14:14">
      <c r="N540487" s="10"/>
    </row>
    <row r="540488" spans="14:14">
      <c r="N540488" s="10"/>
    </row>
    <row r="540489" spans="14:14">
      <c r="N540489" s="10"/>
    </row>
    <row r="540490" spans="14:14">
      <c r="N540490" s="10"/>
    </row>
    <row r="540491" spans="14:14">
      <c r="N540491" s="10"/>
    </row>
    <row r="540492" spans="14:14">
      <c r="N540492" s="10"/>
    </row>
    <row r="540493" spans="14:14">
      <c r="N540493" s="10"/>
    </row>
    <row r="540494" spans="14:14">
      <c r="N540494" s="10"/>
    </row>
    <row r="540495" spans="14:14">
      <c r="N540495" s="10"/>
    </row>
    <row r="540496" spans="14:14">
      <c r="N540496" s="10"/>
    </row>
    <row r="540497" spans="14:14">
      <c r="N540497" s="10"/>
    </row>
    <row r="540498" spans="14:14">
      <c r="N540498" s="10"/>
    </row>
    <row r="540499" spans="14:14">
      <c r="N540499" s="10"/>
    </row>
    <row r="540500" spans="14:14">
      <c r="N540500" s="10"/>
    </row>
    <row r="540501" spans="14:14">
      <c r="N540501" s="10"/>
    </row>
    <row r="540502" spans="14:14">
      <c r="N540502" s="10"/>
    </row>
    <row r="540503" spans="14:14">
      <c r="N540503" s="10"/>
    </row>
    <row r="540504" spans="14:14">
      <c r="N540504" s="10"/>
    </row>
    <row r="540505" spans="14:14">
      <c r="N540505" s="10"/>
    </row>
    <row r="540506" spans="14:14">
      <c r="N540506" s="10"/>
    </row>
    <row r="540507" spans="14:14">
      <c r="N540507" s="10"/>
    </row>
    <row r="540508" spans="14:14">
      <c r="N540508" s="10"/>
    </row>
    <row r="540509" spans="14:14">
      <c r="N540509" s="10"/>
    </row>
    <row r="540510" spans="14:14">
      <c r="N540510" s="10"/>
    </row>
    <row r="540511" spans="14:14">
      <c r="N540511" s="10"/>
    </row>
    <row r="540512" spans="14:14">
      <c r="N540512" s="10"/>
    </row>
    <row r="540513" spans="14:14">
      <c r="N540513" s="10"/>
    </row>
    <row r="540514" spans="14:14">
      <c r="N540514" s="10"/>
    </row>
    <row r="540515" spans="14:14">
      <c r="N540515" s="10"/>
    </row>
    <row r="540516" spans="14:14">
      <c r="N540516" s="10"/>
    </row>
    <row r="540517" spans="14:14">
      <c r="N540517" s="10"/>
    </row>
    <row r="540518" spans="14:14">
      <c r="N540518" s="10"/>
    </row>
    <row r="540519" spans="14:14">
      <c r="N540519" s="10"/>
    </row>
    <row r="540520" spans="14:14">
      <c r="N540520" s="10"/>
    </row>
    <row r="540521" spans="14:14">
      <c r="N540521" s="10"/>
    </row>
    <row r="540522" spans="14:14">
      <c r="N540522" s="10"/>
    </row>
    <row r="540523" spans="14:14">
      <c r="N540523" s="10"/>
    </row>
    <row r="540524" spans="14:14">
      <c r="N540524" s="10"/>
    </row>
    <row r="540525" spans="14:14">
      <c r="N540525" s="10"/>
    </row>
    <row r="540526" spans="14:14">
      <c r="N540526" s="10"/>
    </row>
    <row r="540527" spans="14:14">
      <c r="N540527" s="10"/>
    </row>
    <row r="540528" spans="14:14">
      <c r="N540528" s="10"/>
    </row>
    <row r="540529" spans="14:14">
      <c r="N540529" s="10"/>
    </row>
    <row r="540530" spans="14:14">
      <c r="N540530" s="10"/>
    </row>
    <row r="540531" spans="14:14">
      <c r="N540531" s="10"/>
    </row>
    <row r="540532" spans="14:14">
      <c r="N540532" s="10"/>
    </row>
    <row r="540533" spans="14:14">
      <c r="N540533" s="10"/>
    </row>
    <row r="540534" spans="14:14">
      <c r="N540534" s="10"/>
    </row>
    <row r="540535" spans="14:14">
      <c r="N540535" s="10"/>
    </row>
    <row r="540536" spans="14:14">
      <c r="N540536" s="10"/>
    </row>
    <row r="540537" spans="14:14">
      <c r="N540537" s="10"/>
    </row>
    <row r="540538" spans="14:14">
      <c r="N540538" s="10"/>
    </row>
    <row r="540539" spans="14:14">
      <c r="N540539" s="10"/>
    </row>
    <row r="540540" spans="14:14">
      <c r="N540540" s="10"/>
    </row>
    <row r="540541" spans="14:14">
      <c r="N540541" s="10"/>
    </row>
    <row r="540542" spans="14:14">
      <c r="N540542" s="10"/>
    </row>
    <row r="540543" spans="14:14">
      <c r="N540543" s="10"/>
    </row>
    <row r="540544" spans="14:14">
      <c r="N540544" s="10"/>
    </row>
    <row r="540545" spans="14:14">
      <c r="N540545" s="10"/>
    </row>
    <row r="540546" spans="14:14">
      <c r="N540546" s="10"/>
    </row>
    <row r="540547" spans="14:14">
      <c r="N540547" s="10"/>
    </row>
    <row r="540548" spans="14:14">
      <c r="N540548" s="10"/>
    </row>
    <row r="540549" spans="14:14">
      <c r="N540549" s="10"/>
    </row>
    <row r="540550" spans="14:14">
      <c r="N540550" s="10"/>
    </row>
    <row r="540551" spans="14:14">
      <c r="N540551" s="10"/>
    </row>
    <row r="540552" spans="14:14">
      <c r="N540552" s="10"/>
    </row>
    <row r="540553" spans="14:14">
      <c r="N540553" s="10"/>
    </row>
    <row r="540554" spans="14:14">
      <c r="N540554" s="10"/>
    </row>
    <row r="540555" spans="14:14">
      <c r="N540555" s="10"/>
    </row>
    <row r="540556" spans="14:14">
      <c r="N540556" s="10"/>
    </row>
    <row r="540557" spans="14:14">
      <c r="N540557" s="10"/>
    </row>
    <row r="540558" spans="14:14">
      <c r="N540558" s="10"/>
    </row>
    <row r="540559" spans="14:14">
      <c r="N540559" s="10"/>
    </row>
    <row r="540560" spans="14:14">
      <c r="N540560" s="10"/>
    </row>
    <row r="540561" spans="14:14">
      <c r="N540561" s="10"/>
    </row>
    <row r="540562" spans="14:14">
      <c r="N540562" s="10"/>
    </row>
    <row r="540563" spans="14:14">
      <c r="N540563" s="10"/>
    </row>
    <row r="540564" spans="14:14">
      <c r="N540564" s="10"/>
    </row>
    <row r="540565" spans="14:14">
      <c r="N540565" s="10"/>
    </row>
    <row r="540566" spans="14:14">
      <c r="N540566" s="10"/>
    </row>
    <row r="540567" spans="14:14">
      <c r="N540567" s="10"/>
    </row>
    <row r="540568" spans="14:14">
      <c r="N540568" s="10"/>
    </row>
    <row r="540569" spans="14:14">
      <c r="N540569" s="10"/>
    </row>
    <row r="540570" spans="14:14">
      <c r="N540570" s="10"/>
    </row>
    <row r="540571" spans="14:14">
      <c r="N540571" s="10"/>
    </row>
    <row r="540572" spans="14:14">
      <c r="N540572" s="10"/>
    </row>
    <row r="540573" spans="14:14">
      <c r="N540573" s="10"/>
    </row>
    <row r="540574" spans="14:14">
      <c r="N540574" s="10"/>
    </row>
    <row r="540575" spans="14:14">
      <c r="N540575" s="10"/>
    </row>
    <row r="540576" spans="14:14">
      <c r="N540576" s="10"/>
    </row>
    <row r="540577" spans="14:14">
      <c r="N540577" s="10"/>
    </row>
    <row r="540578" spans="14:14">
      <c r="N540578" s="10"/>
    </row>
    <row r="540579" spans="14:14">
      <c r="N540579" s="10"/>
    </row>
    <row r="540580" spans="14:14">
      <c r="N540580" s="10"/>
    </row>
    <row r="540581" spans="14:14">
      <c r="N540581" s="10"/>
    </row>
    <row r="540582" spans="14:14">
      <c r="N540582" s="10"/>
    </row>
    <row r="540583" spans="14:14">
      <c r="N540583" s="10"/>
    </row>
    <row r="540584" spans="14:14">
      <c r="N540584" s="10"/>
    </row>
    <row r="540585" spans="14:14">
      <c r="N540585" s="10"/>
    </row>
    <row r="540586" spans="14:14">
      <c r="N540586" s="10"/>
    </row>
    <row r="540587" spans="14:14">
      <c r="N540587" s="10"/>
    </row>
    <row r="540588" spans="14:14">
      <c r="N540588" s="10"/>
    </row>
    <row r="540589" spans="14:14">
      <c r="N540589" s="10"/>
    </row>
    <row r="540590" spans="14:14">
      <c r="N540590" s="10"/>
    </row>
    <row r="540591" spans="14:14">
      <c r="N540591" s="10"/>
    </row>
    <row r="540592" spans="14:14">
      <c r="N540592" s="10"/>
    </row>
    <row r="540593" spans="14:14">
      <c r="N540593" s="10"/>
    </row>
    <row r="540594" spans="14:14">
      <c r="N540594" s="10"/>
    </row>
    <row r="540595" spans="14:14">
      <c r="N540595" s="10"/>
    </row>
    <row r="540596" spans="14:14">
      <c r="N540596" s="10"/>
    </row>
    <row r="540597" spans="14:14">
      <c r="N540597" s="10"/>
    </row>
    <row r="540598" spans="14:14">
      <c r="N540598" s="10"/>
    </row>
    <row r="540599" spans="14:14">
      <c r="N540599" s="10"/>
    </row>
    <row r="540600" spans="14:14">
      <c r="N540600" s="10"/>
    </row>
    <row r="540601" spans="14:14">
      <c r="N540601" s="10"/>
    </row>
    <row r="540602" spans="14:14">
      <c r="N540602" s="10"/>
    </row>
    <row r="540603" spans="14:14">
      <c r="N540603" s="10"/>
    </row>
    <row r="540604" spans="14:14">
      <c r="N540604" s="10"/>
    </row>
    <row r="540605" spans="14:14">
      <c r="N540605" s="10"/>
    </row>
    <row r="540606" spans="14:14">
      <c r="N540606" s="10"/>
    </row>
    <row r="540607" spans="14:14">
      <c r="N540607" s="10"/>
    </row>
    <row r="540608" spans="14:14">
      <c r="N540608" s="10"/>
    </row>
    <row r="540609" spans="14:14">
      <c r="N540609" s="10"/>
    </row>
    <row r="540610" spans="14:14">
      <c r="N540610" s="10"/>
    </row>
    <row r="540611" spans="14:14">
      <c r="N540611" s="10"/>
    </row>
    <row r="540612" spans="14:14">
      <c r="N540612" s="10"/>
    </row>
    <row r="540613" spans="14:14">
      <c r="N540613" s="10"/>
    </row>
    <row r="540614" spans="14:14">
      <c r="N540614" s="10"/>
    </row>
    <row r="540615" spans="14:14">
      <c r="N540615" s="10"/>
    </row>
    <row r="540616" spans="14:14">
      <c r="N540616" s="10"/>
    </row>
    <row r="540617" spans="14:14">
      <c r="N540617" s="10"/>
    </row>
    <row r="540618" spans="14:14">
      <c r="N540618" s="10"/>
    </row>
    <row r="540619" spans="14:14">
      <c r="N540619" s="10"/>
    </row>
    <row r="540620" spans="14:14">
      <c r="N540620" s="10"/>
    </row>
    <row r="540621" spans="14:14">
      <c r="N540621" s="10"/>
    </row>
    <row r="540622" spans="14:14">
      <c r="N540622" s="10"/>
    </row>
    <row r="540623" spans="14:14">
      <c r="N540623" s="10"/>
    </row>
    <row r="540624" spans="14:14">
      <c r="N540624" s="10"/>
    </row>
    <row r="540625" spans="14:14">
      <c r="N540625" s="10"/>
    </row>
    <row r="540626" spans="14:14">
      <c r="N540626" s="10"/>
    </row>
    <row r="540627" spans="14:14">
      <c r="N540627" s="10"/>
    </row>
    <row r="540628" spans="14:14">
      <c r="N540628" s="10"/>
    </row>
    <row r="540629" spans="14:14">
      <c r="N540629" s="10"/>
    </row>
    <row r="540630" spans="14:14">
      <c r="N540630" s="10"/>
    </row>
    <row r="540631" spans="14:14">
      <c r="N540631" s="10"/>
    </row>
    <row r="540632" spans="14:14">
      <c r="N540632" s="10"/>
    </row>
    <row r="540633" spans="14:14">
      <c r="N540633" s="10"/>
    </row>
    <row r="540634" spans="14:14">
      <c r="N540634" s="10"/>
    </row>
    <row r="540635" spans="14:14">
      <c r="N540635" s="10"/>
    </row>
    <row r="540636" spans="14:14">
      <c r="N540636" s="10"/>
    </row>
    <row r="540637" spans="14:14">
      <c r="N540637" s="10"/>
    </row>
    <row r="540638" spans="14:14">
      <c r="N540638" s="10"/>
    </row>
    <row r="540639" spans="14:14">
      <c r="N540639" s="10"/>
    </row>
    <row r="540640" spans="14:14">
      <c r="N540640" s="10"/>
    </row>
    <row r="540641" spans="14:14">
      <c r="N540641" s="10"/>
    </row>
    <row r="540642" spans="14:14">
      <c r="N540642" s="10"/>
    </row>
    <row r="540643" spans="14:14">
      <c r="N540643" s="10"/>
    </row>
    <row r="540644" spans="14:14">
      <c r="N540644" s="10"/>
    </row>
    <row r="540645" spans="14:14">
      <c r="N540645" s="10"/>
    </row>
    <row r="540646" spans="14:14">
      <c r="N540646" s="10"/>
    </row>
    <row r="540647" spans="14:14">
      <c r="N540647" s="10"/>
    </row>
    <row r="540648" spans="14:14">
      <c r="N540648" s="10"/>
    </row>
    <row r="540649" spans="14:14">
      <c r="N540649" s="10"/>
    </row>
    <row r="540650" spans="14:14">
      <c r="N540650" s="10"/>
    </row>
    <row r="540651" spans="14:14">
      <c r="N540651" s="10"/>
    </row>
    <row r="540652" spans="14:14">
      <c r="N540652" s="10"/>
    </row>
    <row r="540653" spans="14:14">
      <c r="N540653" s="10"/>
    </row>
    <row r="540654" spans="14:14">
      <c r="N540654" s="10"/>
    </row>
    <row r="540655" spans="14:14">
      <c r="N540655" s="10"/>
    </row>
    <row r="540656" spans="14:14">
      <c r="N540656" s="10"/>
    </row>
    <row r="540657" spans="14:14">
      <c r="N540657" s="10"/>
    </row>
    <row r="540658" spans="14:14">
      <c r="N540658" s="10"/>
    </row>
    <row r="540659" spans="14:14">
      <c r="N540659" s="10"/>
    </row>
    <row r="540660" spans="14:14">
      <c r="N540660" s="10"/>
    </row>
    <row r="540661" spans="14:14">
      <c r="N540661" s="10"/>
    </row>
    <row r="540662" spans="14:14">
      <c r="N540662" s="10"/>
    </row>
    <row r="540663" spans="14:14">
      <c r="N540663" s="10"/>
    </row>
    <row r="540664" spans="14:14">
      <c r="N540664" s="10"/>
    </row>
    <row r="540665" spans="14:14">
      <c r="N540665" s="10"/>
    </row>
    <row r="540666" spans="14:14">
      <c r="N540666" s="10"/>
    </row>
    <row r="540667" spans="14:14">
      <c r="N540667" s="10"/>
    </row>
    <row r="540668" spans="14:14">
      <c r="N540668" s="10"/>
    </row>
    <row r="540669" spans="14:14">
      <c r="N540669" s="10"/>
    </row>
    <row r="540670" spans="14:14">
      <c r="N540670" s="10"/>
    </row>
    <row r="540671" spans="14:14">
      <c r="N540671" s="10"/>
    </row>
    <row r="540672" spans="14:14">
      <c r="N540672" s="10"/>
    </row>
    <row r="540673" spans="14:14">
      <c r="N540673" s="10"/>
    </row>
    <row r="540674" spans="14:14">
      <c r="N540674" s="10"/>
    </row>
    <row r="540675" spans="14:14">
      <c r="N540675" s="10"/>
    </row>
    <row r="540676" spans="14:14">
      <c r="N540676" s="10"/>
    </row>
    <row r="540677" spans="14:14">
      <c r="N540677" s="10"/>
    </row>
    <row r="540678" spans="14:14">
      <c r="N540678" s="10"/>
    </row>
    <row r="540679" spans="14:14">
      <c r="N540679" s="10"/>
    </row>
    <row r="540680" spans="14:14">
      <c r="N540680" s="10"/>
    </row>
    <row r="540681" spans="14:14">
      <c r="N540681" s="10"/>
    </row>
    <row r="540682" spans="14:14">
      <c r="N540682" s="10"/>
    </row>
    <row r="540683" spans="14:14">
      <c r="N540683" s="10"/>
    </row>
    <row r="540684" spans="14:14">
      <c r="N540684" s="10"/>
    </row>
    <row r="540685" spans="14:14">
      <c r="N540685" s="10"/>
    </row>
    <row r="540686" spans="14:14">
      <c r="N540686" s="10"/>
    </row>
    <row r="540687" spans="14:14">
      <c r="N540687" s="10"/>
    </row>
    <row r="540688" spans="14:14">
      <c r="N540688" s="10"/>
    </row>
    <row r="540689" spans="14:14">
      <c r="N540689" s="10"/>
    </row>
    <row r="540690" spans="14:14">
      <c r="N540690" s="10"/>
    </row>
    <row r="540691" spans="14:14">
      <c r="N540691" s="10"/>
    </row>
    <row r="540692" spans="14:14">
      <c r="N540692" s="10"/>
    </row>
    <row r="540693" spans="14:14">
      <c r="N540693" s="10"/>
    </row>
    <row r="540694" spans="14:14">
      <c r="N540694" s="10"/>
    </row>
    <row r="540695" spans="14:14">
      <c r="N540695" s="10"/>
    </row>
    <row r="540696" spans="14:14">
      <c r="N540696" s="10"/>
    </row>
    <row r="540697" spans="14:14">
      <c r="N540697" s="10"/>
    </row>
    <row r="540698" spans="14:14">
      <c r="N540698" s="10"/>
    </row>
    <row r="540699" spans="14:14">
      <c r="N540699" s="10"/>
    </row>
    <row r="540700" spans="14:14">
      <c r="N540700" s="10"/>
    </row>
    <row r="540701" spans="14:14">
      <c r="N540701" s="10"/>
    </row>
    <row r="540702" spans="14:14">
      <c r="N540702" s="10"/>
    </row>
    <row r="540703" spans="14:14">
      <c r="N540703" s="10"/>
    </row>
    <row r="540704" spans="14:14">
      <c r="N540704" s="10"/>
    </row>
    <row r="540705" spans="14:14">
      <c r="N540705" s="10"/>
    </row>
    <row r="540706" spans="14:14">
      <c r="N540706" s="10"/>
    </row>
    <row r="540707" spans="14:14">
      <c r="N540707" s="10"/>
    </row>
    <row r="540708" spans="14:14">
      <c r="N540708" s="10"/>
    </row>
    <row r="540709" spans="14:14">
      <c r="N540709" s="10"/>
    </row>
    <row r="540710" spans="14:14">
      <c r="N540710" s="10"/>
    </row>
    <row r="540711" spans="14:14">
      <c r="N540711" s="10"/>
    </row>
    <row r="540712" spans="14:14">
      <c r="N540712" s="10"/>
    </row>
    <row r="540713" spans="14:14">
      <c r="N540713" s="10"/>
    </row>
    <row r="540714" spans="14:14">
      <c r="N540714" s="10"/>
    </row>
    <row r="540715" spans="14:14">
      <c r="N540715" s="10"/>
    </row>
    <row r="540716" spans="14:14">
      <c r="N540716" s="10"/>
    </row>
    <row r="540717" spans="14:14">
      <c r="N540717" s="10"/>
    </row>
    <row r="540718" spans="14:14">
      <c r="N540718" s="10"/>
    </row>
    <row r="540719" spans="14:14">
      <c r="N540719" s="10"/>
    </row>
    <row r="540720" spans="14:14">
      <c r="N540720" s="10"/>
    </row>
    <row r="540721" spans="14:14">
      <c r="N540721" s="10"/>
    </row>
    <row r="540722" spans="14:14">
      <c r="N540722" s="10"/>
    </row>
    <row r="540723" spans="14:14">
      <c r="N540723" s="10"/>
    </row>
    <row r="540724" spans="14:14">
      <c r="N540724" s="10"/>
    </row>
    <row r="540725" spans="14:14">
      <c r="N540725" s="10"/>
    </row>
    <row r="540726" spans="14:14">
      <c r="N540726" s="10"/>
    </row>
    <row r="540727" spans="14:14">
      <c r="N540727" s="10"/>
    </row>
    <row r="540728" spans="14:14">
      <c r="N540728" s="10"/>
    </row>
    <row r="540729" spans="14:14">
      <c r="N540729" s="10"/>
    </row>
    <row r="540730" spans="14:14">
      <c r="N540730" s="10"/>
    </row>
    <row r="540731" spans="14:14">
      <c r="N540731" s="10"/>
    </row>
    <row r="540732" spans="14:14">
      <c r="N540732" s="10"/>
    </row>
    <row r="540733" spans="14:14">
      <c r="N540733" s="10"/>
    </row>
    <row r="540734" spans="14:14">
      <c r="N540734" s="10"/>
    </row>
    <row r="540735" spans="14:14">
      <c r="N540735" s="10"/>
    </row>
    <row r="540736" spans="14:14">
      <c r="N540736" s="10"/>
    </row>
    <row r="540737" spans="14:14">
      <c r="N540737" s="10"/>
    </row>
    <row r="540738" spans="14:14">
      <c r="N540738" s="10"/>
    </row>
    <row r="540739" spans="14:14">
      <c r="N540739" s="10"/>
    </row>
    <row r="540740" spans="14:14">
      <c r="N540740" s="10"/>
    </row>
    <row r="540741" spans="14:14">
      <c r="N540741" s="10"/>
    </row>
    <row r="540742" spans="14:14">
      <c r="N540742" s="10"/>
    </row>
    <row r="540743" spans="14:14">
      <c r="N540743" s="10"/>
    </row>
    <row r="540744" spans="14:14">
      <c r="N540744" s="10"/>
    </row>
    <row r="540745" spans="14:14">
      <c r="N540745" s="10"/>
    </row>
    <row r="540746" spans="14:14">
      <c r="N540746" s="10"/>
    </row>
    <row r="540747" spans="14:14">
      <c r="N540747" s="10"/>
    </row>
    <row r="540748" spans="14:14">
      <c r="N540748" s="10"/>
    </row>
    <row r="540749" spans="14:14">
      <c r="N540749" s="10"/>
    </row>
    <row r="540750" spans="14:14">
      <c r="N540750" s="10"/>
    </row>
    <row r="540751" spans="14:14">
      <c r="N540751" s="10"/>
    </row>
    <row r="540752" spans="14:14">
      <c r="N540752" s="10"/>
    </row>
    <row r="540753" spans="14:14">
      <c r="N540753" s="10"/>
    </row>
    <row r="540754" spans="14:14">
      <c r="N540754" s="10"/>
    </row>
    <row r="540755" spans="14:14">
      <c r="N540755" s="10"/>
    </row>
    <row r="540756" spans="14:14">
      <c r="N540756" s="10"/>
    </row>
    <row r="540757" spans="14:14">
      <c r="N540757" s="10"/>
    </row>
    <row r="540758" spans="14:14">
      <c r="N540758" s="10"/>
    </row>
    <row r="540759" spans="14:14">
      <c r="N540759" s="10"/>
    </row>
    <row r="540760" spans="14:14">
      <c r="N540760" s="10"/>
    </row>
    <row r="540761" spans="14:14">
      <c r="N540761" s="10"/>
    </row>
    <row r="540762" spans="14:14">
      <c r="N540762" s="10"/>
    </row>
    <row r="540763" spans="14:14">
      <c r="N540763" s="10"/>
    </row>
    <row r="540764" spans="14:14">
      <c r="N540764" s="10"/>
    </row>
    <row r="540765" spans="14:14">
      <c r="N540765" s="10"/>
    </row>
    <row r="540766" spans="14:14">
      <c r="N540766" s="10"/>
    </row>
    <row r="540767" spans="14:14">
      <c r="N540767" s="10"/>
    </row>
    <row r="540768" spans="14:14">
      <c r="N540768" s="10"/>
    </row>
    <row r="540769" spans="14:14">
      <c r="N540769" s="10"/>
    </row>
    <row r="540770" spans="14:14">
      <c r="N540770" s="10"/>
    </row>
    <row r="540771" spans="14:14">
      <c r="N540771" s="10"/>
    </row>
    <row r="540772" spans="14:14">
      <c r="N540772" s="10"/>
    </row>
    <row r="540773" spans="14:14">
      <c r="N540773" s="10"/>
    </row>
    <row r="540774" spans="14:14">
      <c r="N540774" s="10"/>
    </row>
    <row r="540775" spans="14:14">
      <c r="N540775" s="10"/>
    </row>
    <row r="540776" spans="14:14">
      <c r="N540776" s="10"/>
    </row>
    <row r="540777" spans="14:14">
      <c r="N540777" s="10"/>
    </row>
    <row r="540778" spans="14:14">
      <c r="N540778" s="10"/>
    </row>
    <row r="540779" spans="14:14">
      <c r="N540779" s="10"/>
    </row>
    <row r="540780" spans="14:14">
      <c r="N540780" s="10"/>
    </row>
    <row r="540781" spans="14:14">
      <c r="N540781" s="10"/>
    </row>
    <row r="540782" spans="14:14">
      <c r="N540782" s="10"/>
    </row>
    <row r="540783" spans="14:14">
      <c r="N540783" s="10"/>
    </row>
    <row r="540784" spans="14:14">
      <c r="N540784" s="10"/>
    </row>
    <row r="540785" spans="14:14">
      <c r="N540785" s="10"/>
    </row>
    <row r="540786" spans="14:14">
      <c r="N540786" s="10"/>
    </row>
    <row r="540787" spans="14:14">
      <c r="N540787" s="10"/>
    </row>
    <row r="540788" spans="14:14">
      <c r="N540788" s="10"/>
    </row>
    <row r="540789" spans="14:14">
      <c r="N540789" s="10"/>
    </row>
    <row r="540790" spans="14:14">
      <c r="N540790" s="10"/>
    </row>
    <row r="540791" spans="14:14">
      <c r="N540791" s="10"/>
    </row>
    <row r="540792" spans="14:14">
      <c r="N540792" s="10"/>
    </row>
    <row r="540793" spans="14:14">
      <c r="N540793" s="10"/>
    </row>
    <row r="540794" spans="14:14">
      <c r="N540794" s="10"/>
    </row>
    <row r="540795" spans="14:14">
      <c r="N540795" s="10"/>
    </row>
    <row r="540796" spans="14:14">
      <c r="N540796" s="10"/>
    </row>
    <row r="540797" spans="14:14">
      <c r="N540797" s="10"/>
    </row>
    <row r="540798" spans="14:14">
      <c r="N540798" s="10"/>
    </row>
    <row r="540799" spans="14:14">
      <c r="N540799" s="10"/>
    </row>
    <row r="540800" spans="14:14">
      <c r="N540800" s="10"/>
    </row>
    <row r="540801" spans="14:14">
      <c r="N540801" s="10"/>
    </row>
    <row r="540802" spans="14:14">
      <c r="N540802" s="10"/>
    </row>
    <row r="540803" spans="14:14">
      <c r="N540803" s="10"/>
    </row>
    <row r="540804" spans="14:14">
      <c r="N540804" s="10"/>
    </row>
    <row r="540805" spans="14:14">
      <c r="N540805" s="10"/>
    </row>
    <row r="540806" spans="14:14">
      <c r="N540806" s="10"/>
    </row>
    <row r="540807" spans="14:14">
      <c r="N540807" s="10"/>
    </row>
    <row r="540808" spans="14:14">
      <c r="N540808" s="10"/>
    </row>
    <row r="540809" spans="14:14">
      <c r="N540809" s="10"/>
    </row>
    <row r="540810" spans="14:14">
      <c r="N540810" s="10"/>
    </row>
    <row r="540811" spans="14:14">
      <c r="N540811" s="10"/>
    </row>
    <row r="540812" spans="14:14">
      <c r="N540812" s="10"/>
    </row>
    <row r="540813" spans="14:14">
      <c r="N540813" s="10"/>
    </row>
    <row r="540814" spans="14:14">
      <c r="N540814" s="10"/>
    </row>
    <row r="540815" spans="14:14">
      <c r="N540815" s="10"/>
    </row>
    <row r="540816" spans="14:14">
      <c r="N540816" s="10"/>
    </row>
    <row r="540817" spans="14:14">
      <c r="N540817" s="10"/>
    </row>
    <row r="540818" spans="14:14">
      <c r="N540818" s="10"/>
    </row>
    <row r="540819" spans="14:14">
      <c r="N540819" s="10"/>
    </row>
    <row r="540820" spans="14:14">
      <c r="N540820" s="10"/>
    </row>
    <row r="540821" spans="14:14">
      <c r="N540821" s="10"/>
    </row>
    <row r="540822" spans="14:14">
      <c r="N540822" s="10"/>
    </row>
    <row r="540823" spans="14:14">
      <c r="N540823" s="10"/>
    </row>
    <row r="540824" spans="14:14">
      <c r="N540824" s="10"/>
    </row>
    <row r="540825" spans="14:14">
      <c r="N540825" s="10"/>
    </row>
    <row r="540826" spans="14:14">
      <c r="N540826" s="10"/>
    </row>
    <row r="540827" spans="14:14">
      <c r="N540827" s="10"/>
    </row>
    <row r="540828" spans="14:14">
      <c r="N540828" s="10"/>
    </row>
    <row r="540829" spans="14:14">
      <c r="N540829" s="10"/>
    </row>
    <row r="540830" spans="14:14">
      <c r="N540830" s="10"/>
    </row>
    <row r="540831" spans="14:14">
      <c r="N540831" s="10"/>
    </row>
    <row r="540832" spans="14:14">
      <c r="N540832" s="10"/>
    </row>
    <row r="540833" spans="14:14">
      <c r="N540833" s="10"/>
    </row>
    <row r="540834" spans="14:14">
      <c r="N540834" s="10"/>
    </row>
    <row r="540835" spans="14:14">
      <c r="N540835" s="10"/>
    </row>
    <row r="540836" spans="14:14">
      <c r="N540836" s="10"/>
    </row>
    <row r="540837" spans="14:14">
      <c r="N540837" s="10"/>
    </row>
    <row r="540838" spans="14:14">
      <c r="N540838" s="10"/>
    </row>
    <row r="540839" spans="14:14">
      <c r="N540839" s="10"/>
    </row>
    <row r="540840" spans="14:14">
      <c r="N540840" s="10"/>
    </row>
    <row r="540841" spans="14:14">
      <c r="N540841" s="10"/>
    </row>
    <row r="540842" spans="14:14">
      <c r="N540842" s="10"/>
    </row>
    <row r="540843" spans="14:14">
      <c r="N540843" s="10"/>
    </row>
    <row r="540844" spans="14:14">
      <c r="N540844" s="10"/>
    </row>
    <row r="540845" spans="14:14">
      <c r="N540845" s="10"/>
    </row>
    <row r="540846" spans="14:14">
      <c r="N540846" s="10"/>
    </row>
    <row r="540847" spans="14:14">
      <c r="N540847" s="10"/>
    </row>
    <row r="540848" spans="14:14">
      <c r="N540848" s="10"/>
    </row>
    <row r="540849" spans="14:14">
      <c r="N540849" s="10"/>
    </row>
    <row r="540850" spans="14:14">
      <c r="N540850" s="10"/>
    </row>
    <row r="540851" spans="14:14">
      <c r="N540851" s="10"/>
    </row>
    <row r="540852" spans="14:14">
      <c r="N540852" s="10"/>
    </row>
    <row r="540853" spans="14:14">
      <c r="N540853" s="10"/>
    </row>
    <row r="540854" spans="14:14">
      <c r="N540854" s="10"/>
    </row>
    <row r="540855" spans="14:14">
      <c r="N540855" s="10"/>
    </row>
    <row r="540856" spans="14:14">
      <c r="N540856" s="10"/>
    </row>
    <row r="540857" spans="14:14">
      <c r="N540857" s="10"/>
    </row>
    <row r="540858" spans="14:14">
      <c r="N540858" s="10"/>
    </row>
    <row r="540859" spans="14:14">
      <c r="N540859" s="10"/>
    </row>
    <row r="540860" spans="14:14">
      <c r="N540860" s="10"/>
    </row>
    <row r="540861" spans="14:14">
      <c r="N540861" s="10"/>
    </row>
    <row r="540862" spans="14:14">
      <c r="N540862" s="10"/>
    </row>
    <row r="540863" spans="14:14">
      <c r="N540863" s="10"/>
    </row>
    <row r="540864" spans="14:14">
      <c r="N540864" s="10"/>
    </row>
    <row r="540865" spans="14:14">
      <c r="N540865" s="10"/>
    </row>
    <row r="540866" spans="14:14">
      <c r="N540866" s="10"/>
    </row>
    <row r="540867" spans="14:14">
      <c r="N540867" s="10"/>
    </row>
    <row r="540868" spans="14:14">
      <c r="N540868" s="10"/>
    </row>
    <row r="540869" spans="14:14">
      <c r="N540869" s="10"/>
    </row>
    <row r="540870" spans="14:14">
      <c r="N540870" s="10"/>
    </row>
    <row r="540871" spans="14:14">
      <c r="N540871" s="10"/>
    </row>
    <row r="540872" spans="14:14">
      <c r="N540872" s="10"/>
    </row>
    <row r="540873" spans="14:14">
      <c r="N540873" s="10"/>
    </row>
    <row r="540874" spans="14:14">
      <c r="N540874" s="10"/>
    </row>
    <row r="540875" spans="14:14">
      <c r="N540875" s="10"/>
    </row>
    <row r="540876" spans="14:14">
      <c r="N540876" s="10"/>
    </row>
    <row r="540877" spans="14:14">
      <c r="N540877" s="10"/>
    </row>
    <row r="540878" spans="14:14">
      <c r="N540878" s="10"/>
    </row>
    <row r="540879" spans="14:14">
      <c r="N540879" s="10"/>
    </row>
    <row r="540880" spans="14:14">
      <c r="N540880" s="10"/>
    </row>
    <row r="540881" spans="14:14">
      <c r="N540881" s="10"/>
    </row>
    <row r="540882" spans="14:14">
      <c r="N540882" s="10"/>
    </row>
    <row r="540883" spans="14:14">
      <c r="N540883" s="10"/>
    </row>
    <row r="540884" spans="14:14">
      <c r="N540884" s="10"/>
    </row>
    <row r="540885" spans="14:14">
      <c r="N540885" s="10"/>
    </row>
    <row r="540886" spans="14:14">
      <c r="N540886" s="10"/>
    </row>
    <row r="540887" spans="14:14">
      <c r="N540887" s="10"/>
    </row>
    <row r="540888" spans="14:14">
      <c r="N540888" s="10"/>
    </row>
    <row r="540889" spans="14:14">
      <c r="N540889" s="10"/>
    </row>
    <row r="540890" spans="14:14">
      <c r="N540890" s="10"/>
    </row>
    <row r="540891" spans="14:14">
      <c r="N540891" s="10"/>
    </row>
    <row r="540892" spans="14:14">
      <c r="N540892" s="10"/>
    </row>
    <row r="540893" spans="14:14">
      <c r="N540893" s="10"/>
    </row>
    <row r="540894" spans="14:14">
      <c r="N540894" s="10"/>
    </row>
    <row r="540895" spans="14:14">
      <c r="N540895" s="10"/>
    </row>
    <row r="540896" spans="14:14">
      <c r="N540896" s="10"/>
    </row>
    <row r="540897" spans="14:14">
      <c r="N540897" s="10"/>
    </row>
    <row r="540898" spans="14:14">
      <c r="N540898" s="10"/>
    </row>
    <row r="540899" spans="14:14">
      <c r="N540899" s="10"/>
    </row>
    <row r="540900" spans="14:14">
      <c r="N540900" s="10"/>
    </row>
    <row r="540901" spans="14:14">
      <c r="N540901" s="10"/>
    </row>
    <row r="540902" spans="14:14">
      <c r="N540902" s="10"/>
    </row>
    <row r="540903" spans="14:14">
      <c r="N540903" s="10"/>
    </row>
    <row r="540904" spans="14:14">
      <c r="N540904" s="10"/>
    </row>
    <row r="540905" spans="14:14">
      <c r="N540905" s="10"/>
    </row>
    <row r="540906" spans="14:14">
      <c r="N540906" s="10"/>
    </row>
    <row r="540907" spans="14:14">
      <c r="N540907" s="10"/>
    </row>
    <row r="540908" spans="14:14">
      <c r="N540908" s="10"/>
    </row>
    <row r="540909" spans="14:14">
      <c r="N540909" s="10"/>
    </row>
    <row r="540910" spans="14:14">
      <c r="N540910" s="10"/>
    </row>
    <row r="540911" spans="14:14">
      <c r="N540911" s="10"/>
    </row>
    <row r="540912" spans="14:14">
      <c r="N540912" s="10"/>
    </row>
    <row r="540913" spans="14:14">
      <c r="N540913" s="10"/>
    </row>
    <row r="540914" spans="14:14">
      <c r="N540914" s="10"/>
    </row>
    <row r="540915" spans="14:14">
      <c r="N540915" s="10"/>
    </row>
    <row r="540916" spans="14:14">
      <c r="N540916" s="10"/>
    </row>
    <row r="540917" spans="14:14">
      <c r="N540917" s="10"/>
    </row>
    <row r="540918" spans="14:14">
      <c r="N540918" s="10"/>
    </row>
    <row r="540919" spans="14:14">
      <c r="N540919" s="10"/>
    </row>
    <row r="540920" spans="14:14">
      <c r="N540920" s="10"/>
    </row>
    <row r="540921" spans="14:14">
      <c r="N540921" s="10"/>
    </row>
    <row r="540922" spans="14:14">
      <c r="N540922" s="10"/>
    </row>
    <row r="540923" spans="14:14">
      <c r="N540923" s="10"/>
    </row>
    <row r="540924" spans="14:14">
      <c r="N540924" s="10"/>
    </row>
    <row r="540925" spans="14:14">
      <c r="N540925" s="10"/>
    </row>
    <row r="540926" spans="14:14">
      <c r="N540926" s="10"/>
    </row>
    <row r="540927" spans="14:14">
      <c r="N540927" s="10"/>
    </row>
    <row r="540928" spans="14:14">
      <c r="N540928" s="10"/>
    </row>
    <row r="540929" spans="14:14">
      <c r="N540929" s="10"/>
    </row>
    <row r="540930" spans="14:14">
      <c r="N540930" s="10"/>
    </row>
    <row r="540931" spans="14:14">
      <c r="N540931" s="10"/>
    </row>
    <row r="540932" spans="14:14">
      <c r="N540932" s="10"/>
    </row>
    <row r="540933" spans="14:14">
      <c r="N540933" s="10"/>
    </row>
    <row r="540934" spans="14:14">
      <c r="N540934" s="10"/>
    </row>
    <row r="540935" spans="14:14">
      <c r="N540935" s="10"/>
    </row>
    <row r="540936" spans="14:14">
      <c r="N540936" s="10"/>
    </row>
    <row r="540937" spans="14:14">
      <c r="N540937" s="10"/>
    </row>
    <row r="540938" spans="14:14">
      <c r="N540938" s="10"/>
    </row>
    <row r="540939" spans="14:14">
      <c r="N540939" s="10"/>
    </row>
    <row r="540940" spans="14:14">
      <c r="N540940" s="10"/>
    </row>
    <row r="540941" spans="14:14">
      <c r="N540941" s="10"/>
    </row>
    <row r="540942" spans="14:14">
      <c r="N540942" s="10"/>
    </row>
    <row r="540943" spans="14:14">
      <c r="N540943" s="10"/>
    </row>
    <row r="540944" spans="14:14">
      <c r="N540944" s="10"/>
    </row>
    <row r="540945" spans="14:14">
      <c r="N540945" s="10"/>
    </row>
    <row r="540946" spans="14:14">
      <c r="N540946" s="10"/>
    </row>
    <row r="540947" spans="14:14">
      <c r="N540947" s="10"/>
    </row>
    <row r="540948" spans="14:14">
      <c r="N540948" s="10"/>
    </row>
    <row r="540949" spans="14:14">
      <c r="N540949" s="10"/>
    </row>
    <row r="540950" spans="14:14">
      <c r="N540950" s="10"/>
    </row>
    <row r="540951" spans="14:14">
      <c r="N540951" s="10"/>
    </row>
    <row r="540952" spans="14:14">
      <c r="N540952" s="10"/>
    </row>
    <row r="540953" spans="14:14">
      <c r="N540953" s="10"/>
    </row>
    <row r="540954" spans="14:14">
      <c r="N540954" s="10"/>
    </row>
    <row r="540955" spans="14:14">
      <c r="N540955" s="10"/>
    </row>
    <row r="540956" spans="14:14">
      <c r="N540956" s="10"/>
    </row>
    <row r="540957" spans="14:14">
      <c r="N540957" s="10"/>
    </row>
    <row r="540958" spans="14:14">
      <c r="N540958" s="10"/>
    </row>
    <row r="540959" spans="14:14">
      <c r="N540959" s="10"/>
    </row>
    <row r="540960" spans="14:14">
      <c r="N540960" s="10"/>
    </row>
    <row r="540961" spans="14:14">
      <c r="N540961" s="10"/>
    </row>
    <row r="540962" spans="14:14">
      <c r="N540962" s="10"/>
    </row>
    <row r="540963" spans="14:14">
      <c r="N540963" s="10"/>
    </row>
    <row r="540964" spans="14:14">
      <c r="N540964" s="10"/>
    </row>
    <row r="540965" spans="14:14">
      <c r="N540965" s="10"/>
    </row>
    <row r="540966" spans="14:14">
      <c r="N540966" s="10"/>
    </row>
    <row r="540967" spans="14:14">
      <c r="N540967" s="10"/>
    </row>
    <row r="540968" spans="14:14">
      <c r="N540968" s="10"/>
    </row>
    <row r="540969" spans="14:14">
      <c r="N540969" s="10"/>
    </row>
    <row r="540970" spans="14:14">
      <c r="N540970" s="10"/>
    </row>
    <row r="540971" spans="14:14">
      <c r="N540971" s="10"/>
    </row>
    <row r="540972" spans="14:14">
      <c r="N540972" s="10"/>
    </row>
    <row r="540973" spans="14:14">
      <c r="N540973" s="10"/>
    </row>
    <row r="540974" spans="14:14">
      <c r="N540974" s="10"/>
    </row>
    <row r="540975" spans="14:14">
      <c r="N540975" s="10"/>
    </row>
    <row r="540976" spans="14:14">
      <c r="N540976" s="10"/>
    </row>
    <row r="540977" spans="14:14">
      <c r="N540977" s="10"/>
    </row>
    <row r="540978" spans="14:14">
      <c r="N540978" s="10"/>
    </row>
    <row r="540979" spans="14:14">
      <c r="N540979" s="10"/>
    </row>
    <row r="540980" spans="14:14">
      <c r="N540980" s="10"/>
    </row>
    <row r="540981" spans="14:14">
      <c r="N540981" s="10"/>
    </row>
    <row r="540982" spans="14:14">
      <c r="N540982" s="10"/>
    </row>
    <row r="540983" spans="14:14">
      <c r="N540983" s="10"/>
    </row>
    <row r="540984" spans="14:14">
      <c r="N540984" s="10"/>
    </row>
    <row r="540985" spans="14:14">
      <c r="N540985" s="10"/>
    </row>
    <row r="540986" spans="14:14">
      <c r="N540986" s="10"/>
    </row>
    <row r="540987" spans="14:14">
      <c r="N540987" s="10"/>
    </row>
    <row r="540988" spans="14:14">
      <c r="N540988" s="10"/>
    </row>
    <row r="540989" spans="14:14">
      <c r="N540989" s="10"/>
    </row>
    <row r="540990" spans="14:14">
      <c r="N540990" s="10"/>
    </row>
    <row r="540991" spans="14:14">
      <c r="N540991" s="10"/>
    </row>
    <row r="540992" spans="14:14">
      <c r="N540992" s="10"/>
    </row>
    <row r="540993" spans="14:14">
      <c r="N540993" s="10"/>
    </row>
    <row r="540994" spans="14:14">
      <c r="N540994" s="10"/>
    </row>
    <row r="540995" spans="14:14">
      <c r="N540995" s="10"/>
    </row>
    <row r="540996" spans="14:14">
      <c r="N540996" s="10"/>
    </row>
    <row r="540997" spans="14:14">
      <c r="N540997" s="10"/>
    </row>
    <row r="540998" spans="14:14">
      <c r="N540998" s="10"/>
    </row>
    <row r="540999" spans="14:14">
      <c r="N540999" s="10"/>
    </row>
    <row r="541000" spans="14:14">
      <c r="N541000" s="10"/>
    </row>
    <row r="541001" spans="14:14">
      <c r="N541001" s="10"/>
    </row>
    <row r="541002" spans="14:14">
      <c r="N541002" s="10"/>
    </row>
    <row r="541003" spans="14:14">
      <c r="N541003" s="10"/>
    </row>
    <row r="541004" spans="14:14">
      <c r="N541004" s="10"/>
    </row>
    <row r="541005" spans="14:14">
      <c r="N541005" s="10"/>
    </row>
    <row r="541006" spans="14:14">
      <c r="N541006" s="10"/>
    </row>
    <row r="541007" spans="14:14">
      <c r="N541007" s="10"/>
    </row>
    <row r="541008" spans="14:14">
      <c r="N541008" s="10"/>
    </row>
    <row r="541009" spans="14:14">
      <c r="N541009" s="10"/>
    </row>
    <row r="541010" spans="14:14">
      <c r="N541010" s="10"/>
    </row>
    <row r="541011" spans="14:14">
      <c r="N541011" s="10"/>
    </row>
    <row r="541012" spans="14:14">
      <c r="N541012" s="10"/>
    </row>
    <row r="541013" spans="14:14">
      <c r="N541013" s="10"/>
    </row>
    <row r="541014" spans="14:14">
      <c r="N541014" s="10"/>
    </row>
    <row r="541015" spans="14:14">
      <c r="N541015" s="10"/>
    </row>
    <row r="541016" spans="14:14">
      <c r="N541016" s="10"/>
    </row>
    <row r="541017" spans="14:14">
      <c r="N541017" s="10"/>
    </row>
    <row r="541018" spans="14:14">
      <c r="N541018" s="10"/>
    </row>
    <row r="541019" spans="14:14">
      <c r="N541019" s="10"/>
    </row>
    <row r="541020" spans="14:14">
      <c r="N541020" s="10"/>
    </row>
    <row r="541021" spans="14:14">
      <c r="N541021" s="10"/>
    </row>
    <row r="541022" spans="14:14">
      <c r="N541022" s="10"/>
    </row>
    <row r="541023" spans="14:14">
      <c r="N541023" s="10"/>
    </row>
    <row r="541024" spans="14:14">
      <c r="N541024" s="10"/>
    </row>
    <row r="541025" spans="14:14">
      <c r="N541025" s="10"/>
    </row>
    <row r="541026" spans="14:14">
      <c r="N541026" s="10"/>
    </row>
    <row r="541027" spans="14:14">
      <c r="N541027" s="10"/>
    </row>
    <row r="541028" spans="14:14">
      <c r="N541028" s="10"/>
    </row>
    <row r="541029" spans="14:14">
      <c r="N541029" s="10"/>
    </row>
    <row r="541030" spans="14:14">
      <c r="N541030" s="10"/>
    </row>
    <row r="541031" spans="14:14">
      <c r="N541031" s="10"/>
    </row>
    <row r="541032" spans="14:14">
      <c r="N541032" s="10"/>
    </row>
    <row r="541033" spans="14:14">
      <c r="N541033" s="10"/>
    </row>
    <row r="541034" spans="14:14">
      <c r="N541034" s="10"/>
    </row>
    <row r="541035" spans="14:14">
      <c r="N541035" s="10"/>
    </row>
    <row r="541036" spans="14:14">
      <c r="N541036" s="10"/>
    </row>
    <row r="541037" spans="14:14">
      <c r="N541037" s="10"/>
    </row>
    <row r="541038" spans="14:14">
      <c r="N541038" s="10"/>
    </row>
    <row r="541039" spans="14:14">
      <c r="N541039" s="10"/>
    </row>
    <row r="541040" spans="14:14">
      <c r="N541040" s="10"/>
    </row>
    <row r="541041" spans="14:14">
      <c r="N541041" s="10"/>
    </row>
    <row r="541042" spans="14:14">
      <c r="N541042" s="10"/>
    </row>
    <row r="541043" spans="14:14">
      <c r="N541043" s="10"/>
    </row>
    <row r="541044" spans="14:14">
      <c r="N541044" s="10"/>
    </row>
    <row r="541045" spans="14:14">
      <c r="N541045" s="10"/>
    </row>
    <row r="541046" spans="14:14">
      <c r="N541046" s="10"/>
    </row>
    <row r="541047" spans="14:14">
      <c r="N541047" s="10"/>
    </row>
    <row r="541048" spans="14:14">
      <c r="N541048" s="10"/>
    </row>
    <row r="541049" spans="14:14">
      <c r="N541049" s="10"/>
    </row>
    <row r="541050" spans="14:14">
      <c r="N541050" s="10"/>
    </row>
    <row r="541051" spans="14:14">
      <c r="N541051" s="10"/>
    </row>
    <row r="541052" spans="14:14">
      <c r="N541052" s="10"/>
    </row>
    <row r="541053" spans="14:14">
      <c r="N541053" s="10"/>
    </row>
    <row r="541054" spans="14:14">
      <c r="N541054" s="10"/>
    </row>
    <row r="541055" spans="14:14">
      <c r="N541055" s="10"/>
    </row>
    <row r="541056" spans="14:14">
      <c r="N541056" s="10"/>
    </row>
    <row r="541057" spans="14:14">
      <c r="N541057" s="10"/>
    </row>
    <row r="541058" spans="14:14">
      <c r="N541058" s="10"/>
    </row>
    <row r="541059" spans="14:14">
      <c r="N541059" s="10"/>
    </row>
    <row r="541060" spans="14:14">
      <c r="N541060" s="10"/>
    </row>
    <row r="541061" spans="14:14">
      <c r="N541061" s="10"/>
    </row>
    <row r="541062" spans="14:14">
      <c r="N541062" s="10"/>
    </row>
    <row r="541063" spans="14:14">
      <c r="N541063" s="10"/>
    </row>
    <row r="541064" spans="14:14">
      <c r="N541064" s="10"/>
    </row>
    <row r="541065" spans="14:14">
      <c r="N541065" s="10"/>
    </row>
    <row r="541066" spans="14:14">
      <c r="N541066" s="10"/>
    </row>
    <row r="541067" spans="14:14">
      <c r="N541067" s="10"/>
    </row>
    <row r="541068" spans="14:14">
      <c r="N541068" s="10"/>
    </row>
    <row r="541069" spans="14:14">
      <c r="N541069" s="10"/>
    </row>
    <row r="541070" spans="14:14">
      <c r="N541070" s="10"/>
    </row>
    <row r="541071" spans="14:14">
      <c r="N541071" s="10"/>
    </row>
    <row r="541072" spans="14:14">
      <c r="N541072" s="10"/>
    </row>
    <row r="541073" spans="14:14">
      <c r="N541073" s="10"/>
    </row>
    <row r="541074" spans="14:14">
      <c r="N541074" s="10"/>
    </row>
    <row r="541075" spans="14:14">
      <c r="N541075" s="10"/>
    </row>
    <row r="541076" spans="14:14">
      <c r="N541076" s="10"/>
    </row>
    <row r="541077" spans="14:14">
      <c r="N541077" s="10"/>
    </row>
    <row r="541078" spans="14:14">
      <c r="N541078" s="10"/>
    </row>
    <row r="541079" spans="14:14">
      <c r="N541079" s="10"/>
    </row>
    <row r="541080" spans="14:14">
      <c r="N541080" s="10"/>
    </row>
    <row r="541081" spans="14:14">
      <c r="N541081" s="10"/>
    </row>
    <row r="541082" spans="14:14">
      <c r="N541082" s="10"/>
    </row>
    <row r="541083" spans="14:14">
      <c r="N541083" s="10"/>
    </row>
    <row r="541084" spans="14:14">
      <c r="N541084" s="10"/>
    </row>
    <row r="541085" spans="14:14">
      <c r="N541085" s="10"/>
    </row>
    <row r="541086" spans="14:14">
      <c r="N541086" s="10"/>
    </row>
    <row r="541087" spans="14:14">
      <c r="N541087" s="10"/>
    </row>
    <row r="541088" spans="14:14">
      <c r="N541088" s="10"/>
    </row>
    <row r="541089" spans="14:14">
      <c r="N541089" s="10"/>
    </row>
    <row r="541090" spans="14:14">
      <c r="N541090" s="10"/>
    </row>
    <row r="541091" spans="14:14">
      <c r="N541091" s="10"/>
    </row>
    <row r="541092" spans="14:14">
      <c r="N541092" s="10"/>
    </row>
    <row r="541093" spans="14:14">
      <c r="N541093" s="10"/>
    </row>
    <row r="541094" spans="14:14">
      <c r="N541094" s="10"/>
    </row>
    <row r="541095" spans="14:14">
      <c r="N541095" s="10"/>
    </row>
    <row r="541096" spans="14:14">
      <c r="N541096" s="10"/>
    </row>
    <row r="541097" spans="14:14">
      <c r="N541097" s="10"/>
    </row>
    <row r="541098" spans="14:14">
      <c r="N541098" s="10"/>
    </row>
    <row r="541099" spans="14:14">
      <c r="N541099" s="10"/>
    </row>
    <row r="541100" spans="14:14">
      <c r="N541100" s="10"/>
    </row>
    <row r="541101" spans="14:14">
      <c r="N541101" s="10"/>
    </row>
    <row r="541102" spans="14:14">
      <c r="N541102" s="10"/>
    </row>
    <row r="541103" spans="14:14">
      <c r="N541103" s="10"/>
    </row>
    <row r="541104" spans="14:14">
      <c r="N541104" s="10"/>
    </row>
    <row r="541105" spans="14:14">
      <c r="N541105" s="10"/>
    </row>
    <row r="541106" spans="14:14">
      <c r="N541106" s="10"/>
    </row>
    <row r="541107" spans="14:14">
      <c r="N541107" s="10"/>
    </row>
    <row r="541108" spans="14:14">
      <c r="N541108" s="10"/>
    </row>
    <row r="541109" spans="14:14">
      <c r="N541109" s="10"/>
    </row>
    <row r="541110" spans="14:14">
      <c r="N541110" s="10"/>
    </row>
    <row r="541111" spans="14:14">
      <c r="N541111" s="10"/>
    </row>
    <row r="541112" spans="14:14">
      <c r="N541112" s="10"/>
    </row>
    <row r="541113" spans="14:14">
      <c r="N541113" s="10"/>
    </row>
    <row r="541114" spans="14:14">
      <c r="N541114" s="10"/>
    </row>
    <row r="541115" spans="14:14">
      <c r="N541115" s="10"/>
    </row>
    <row r="541116" spans="14:14">
      <c r="N541116" s="10"/>
    </row>
    <row r="541117" spans="14:14">
      <c r="N541117" s="10"/>
    </row>
    <row r="541118" spans="14:14">
      <c r="N541118" s="10"/>
    </row>
    <row r="541119" spans="14:14">
      <c r="N541119" s="10"/>
    </row>
    <row r="541120" spans="14:14">
      <c r="N541120" s="10"/>
    </row>
    <row r="541121" spans="14:14">
      <c r="N541121" s="10"/>
    </row>
    <row r="541122" spans="14:14">
      <c r="N541122" s="10"/>
    </row>
    <row r="541123" spans="14:14">
      <c r="N541123" s="10"/>
    </row>
    <row r="541124" spans="14:14">
      <c r="N541124" s="10"/>
    </row>
    <row r="541125" spans="14:14">
      <c r="N541125" s="10"/>
    </row>
    <row r="541126" spans="14:14">
      <c r="N541126" s="10"/>
    </row>
    <row r="541127" spans="14:14">
      <c r="N541127" s="10"/>
    </row>
    <row r="541128" spans="14:14">
      <c r="N541128" s="10"/>
    </row>
    <row r="541129" spans="14:14">
      <c r="N541129" s="10"/>
    </row>
    <row r="541130" spans="14:14">
      <c r="N541130" s="10"/>
    </row>
    <row r="541131" spans="14:14">
      <c r="N541131" s="10"/>
    </row>
    <row r="541132" spans="14:14">
      <c r="N541132" s="10"/>
    </row>
    <row r="541133" spans="14:14">
      <c r="N541133" s="10"/>
    </row>
    <row r="541134" spans="14:14">
      <c r="N541134" s="10"/>
    </row>
    <row r="541135" spans="14:14">
      <c r="N541135" s="10"/>
    </row>
    <row r="541136" spans="14:14">
      <c r="N541136" s="10"/>
    </row>
    <row r="541137" spans="14:14">
      <c r="N541137" s="10"/>
    </row>
    <row r="541138" spans="14:14">
      <c r="N541138" s="10"/>
    </row>
    <row r="541139" spans="14:14">
      <c r="N541139" s="10"/>
    </row>
    <row r="541140" spans="14:14">
      <c r="N541140" s="10"/>
    </row>
    <row r="541141" spans="14:14">
      <c r="N541141" s="10"/>
    </row>
    <row r="541142" spans="14:14">
      <c r="N541142" s="10"/>
    </row>
    <row r="541143" spans="14:14">
      <c r="N541143" s="10"/>
    </row>
    <row r="541144" spans="14:14">
      <c r="N541144" s="10"/>
    </row>
    <row r="541145" spans="14:14">
      <c r="N541145" s="10"/>
    </row>
    <row r="541146" spans="14:14">
      <c r="N541146" s="10"/>
    </row>
    <row r="541147" spans="14:14">
      <c r="N541147" s="10"/>
    </row>
    <row r="541148" spans="14:14">
      <c r="N541148" s="10"/>
    </row>
    <row r="541149" spans="14:14">
      <c r="N541149" s="10"/>
    </row>
    <row r="541150" spans="14:14">
      <c r="N541150" s="10"/>
    </row>
    <row r="541151" spans="14:14">
      <c r="N541151" s="10"/>
    </row>
    <row r="541152" spans="14:14">
      <c r="N541152" s="10"/>
    </row>
    <row r="541153" spans="14:14">
      <c r="N541153" s="10"/>
    </row>
    <row r="541154" spans="14:14">
      <c r="N541154" s="10"/>
    </row>
    <row r="541155" spans="14:14">
      <c r="N541155" s="10"/>
    </row>
    <row r="541156" spans="14:14">
      <c r="N541156" s="10"/>
    </row>
    <row r="541157" spans="14:14">
      <c r="N541157" s="10"/>
    </row>
    <row r="541158" spans="14:14">
      <c r="N541158" s="10"/>
    </row>
    <row r="541159" spans="14:14">
      <c r="N541159" s="10"/>
    </row>
    <row r="541160" spans="14:14">
      <c r="N541160" s="10"/>
    </row>
    <row r="541161" spans="14:14">
      <c r="N541161" s="10"/>
    </row>
    <row r="541162" spans="14:14">
      <c r="N541162" s="10"/>
    </row>
    <row r="541163" spans="14:14">
      <c r="N541163" s="10"/>
    </row>
    <row r="541164" spans="14:14">
      <c r="N541164" s="10"/>
    </row>
    <row r="541165" spans="14:14">
      <c r="N541165" s="10"/>
    </row>
    <row r="541166" spans="14:14">
      <c r="N541166" s="10"/>
    </row>
    <row r="541167" spans="14:14">
      <c r="N541167" s="10"/>
    </row>
    <row r="541168" spans="14:14">
      <c r="N541168" s="10"/>
    </row>
    <row r="541169" spans="14:14">
      <c r="N541169" s="10"/>
    </row>
    <row r="541170" spans="14:14">
      <c r="N541170" s="10"/>
    </row>
    <row r="541171" spans="14:14">
      <c r="N541171" s="10"/>
    </row>
    <row r="541172" spans="14:14">
      <c r="N541172" s="10"/>
    </row>
    <row r="541173" spans="14:14">
      <c r="N541173" s="10"/>
    </row>
    <row r="541174" spans="14:14">
      <c r="N541174" s="10"/>
    </row>
    <row r="541175" spans="14:14">
      <c r="N541175" s="10"/>
    </row>
    <row r="541176" spans="14:14">
      <c r="N541176" s="10"/>
    </row>
    <row r="541177" spans="14:14">
      <c r="N541177" s="10"/>
    </row>
    <row r="541178" spans="14:14">
      <c r="N541178" s="10"/>
    </row>
    <row r="541179" spans="14:14">
      <c r="N541179" s="10"/>
    </row>
    <row r="541180" spans="14:14">
      <c r="N541180" s="10"/>
    </row>
    <row r="541181" spans="14:14">
      <c r="N541181" s="10"/>
    </row>
    <row r="541182" spans="14:14">
      <c r="N541182" s="10"/>
    </row>
    <row r="541183" spans="14:14">
      <c r="N541183" s="10"/>
    </row>
    <row r="541184" spans="14:14">
      <c r="N541184" s="10"/>
    </row>
    <row r="541185" spans="14:14">
      <c r="N541185" s="10"/>
    </row>
    <row r="541186" spans="14:14">
      <c r="N541186" s="10"/>
    </row>
    <row r="541187" spans="14:14">
      <c r="N541187" s="10"/>
    </row>
    <row r="541188" spans="14:14">
      <c r="N541188" s="10"/>
    </row>
    <row r="541189" spans="14:14">
      <c r="N541189" s="10"/>
    </row>
    <row r="541190" spans="14:14">
      <c r="N541190" s="10"/>
    </row>
    <row r="541191" spans="14:14">
      <c r="N541191" s="10"/>
    </row>
    <row r="541192" spans="14:14">
      <c r="N541192" s="10"/>
    </row>
    <row r="541193" spans="14:14">
      <c r="N541193" s="10"/>
    </row>
    <row r="541194" spans="14:14">
      <c r="N541194" s="10"/>
    </row>
    <row r="541195" spans="14:14">
      <c r="N541195" s="10"/>
    </row>
    <row r="541196" spans="14:14">
      <c r="N541196" s="10"/>
    </row>
    <row r="541197" spans="14:14">
      <c r="N541197" s="10"/>
    </row>
    <row r="541198" spans="14:14">
      <c r="N541198" s="10"/>
    </row>
    <row r="541199" spans="14:14">
      <c r="N541199" s="10"/>
    </row>
    <row r="541200" spans="14:14">
      <c r="N541200" s="10"/>
    </row>
    <row r="541201" spans="14:14">
      <c r="N541201" s="10"/>
    </row>
    <row r="541202" spans="14:14">
      <c r="N541202" s="10"/>
    </row>
    <row r="541203" spans="14:14">
      <c r="N541203" s="10"/>
    </row>
    <row r="541204" spans="14:14">
      <c r="N541204" s="10"/>
    </row>
    <row r="541205" spans="14:14">
      <c r="N541205" s="10"/>
    </row>
    <row r="541206" spans="14:14">
      <c r="N541206" s="10"/>
    </row>
    <row r="541207" spans="14:14">
      <c r="N541207" s="10"/>
    </row>
    <row r="541208" spans="14:14">
      <c r="N541208" s="10"/>
    </row>
    <row r="541209" spans="14:14">
      <c r="N541209" s="10"/>
    </row>
    <row r="541210" spans="14:14">
      <c r="N541210" s="10"/>
    </row>
    <row r="541211" spans="14:14">
      <c r="N541211" s="10"/>
    </row>
    <row r="541212" spans="14:14">
      <c r="N541212" s="10"/>
    </row>
    <row r="541213" spans="14:14">
      <c r="N541213" s="10"/>
    </row>
    <row r="541214" spans="14:14">
      <c r="N541214" s="10"/>
    </row>
    <row r="541215" spans="14:14">
      <c r="N541215" s="10"/>
    </row>
    <row r="541216" spans="14:14">
      <c r="N541216" s="10"/>
    </row>
    <row r="541217" spans="14:14">
      <c r="N541217" s="10"/>
    </row>
    <row r="541218" spans="14:14">
      <c r="N541218" s="10"/>
    </row>
    <row r="541219" spans="14:14">
      <c r="N541219" s="10"/>
    </row>
    <row r="541220" spans="14:14">
      <c r="N541220" s="10"/>
    </row>
    <row r="541221" spans="14:14">
      <c r="N541221" s="10"/>
    </row>
    <row r="541222" spans="14:14">
      <c r="N541222" s="10"/>
    </row>
    <row r="541223" spans="14:14">
      <c r="N541223" s="10"/>
    </row>
    <row r="541224" spans="14:14">
      <c r="N541224" s="10"/>
    </row>
    <row r="541225" spans="14:14">
      <c r="N541225" s="10"/>
    </row>
    <row r="541226" spans="14:14">
      <c r="N541226" s="10"/>
    </row>
    <row r="541227" spans="14:14">
      <c r="N541227" s="10"/>
    </row>
    <row r="541228" spans="14:14">
      <c r="N541228" s="10"/>
    </row>
    <row r="541229" spans="14:14">
      <c r="N541229" s="10"/>
    </row>
    <row r="541230" spans="14:14">
      <c r="N541230" s="10"/>
    </row>
    <row r="541231" spans="14:14">
      <c r="N541231" s="10"/>
    </row>
    <row r="541232" spans="14:14">
      <c r="N541232" s="10"/>
    </row>
    <row r="541233" spans="14:14">
      <c r="N541233" s="10"/>
    </row>
    <row r="541234" spans="14:14">
      <c r="N541234" s="10"/>
    </row>
    <row r="541235" spans="14:14">
      <c r="N541235" s="10"/>
    </row>
    <row r="541236" spans="14:14">
      <c r="N541236" s="10"/>
    </row>
    <row r="541237" spans="14:14">
      <c r="N541237" s="10"/>
    </row>
    <row r="541238" spans="14:14">
      <c r="N541238" s="10"/>
    </row>
    <row r="541239" spans="14:14">
      <c r="N541239" s="10"/>
    </row>
    <row r="541240" spans="14:14">
      <c r="N541240" s="10"/>
    </row>
    <row r="541241" spans="14:14">
      <c r="N541241" s="10"/>
    </row>
    <row r="541242" spans="14:14">
      <c r="N541242" s="10"/>
    </row>
    <row r="541243" spans="14:14">
      <c r="N541243" s="10"/>
    </row>
    <row r="541244" spans="14:14">
      <c r="N541244" s="10"/>
    </row>
    <row r="541245" spans="14:14">
      <c r="N541245" s="10"/>
    </row>
    <row r="541246" spans="14:14">
      <c r="N541246" s="10"/>
    </row>
    <row r="541247" spans="14:14">
      <c r="N541247" s="10"/>
    </row>
    <row r="541248" spans="14:14">
      <c r="N541248" s="10"/>
    </row>
    <row r="541249" spans="14:14">
      <c r="N541249" s="10"/>
    </row>
    <row r="541250" spans="14:14">
      <c r="N541250" s="10"/>
    </row>
    <row r="541251" spans="14:14">
      <c r="N541251" s="10"/>
    </row>
    <row r="541252" spans="14:14">
      <c r="N541252" s="10"/>
    </row>
    <row r="541253" spans="14:14">
      <c r="N541253" s="10"/>
    </row>
    <row r="541254" spans="14:14">
      <c r="N541254" s="10"/>
    </row>
    <row r="541255" spans="14:14">
      <c r="N541255" s="10"/>
    </row>
    <row r="541256" spans="14:14">
      <c r="N541256" s="10"/>
    </row>
    <row r="541257" spans="14:14">
      <c r="N541257" s="10"/>
    </row>
    <row r="541258" spans="14:14">
      <c r="N541258" s="10"/>
    </row>
    <row r="541259" spans="14:14">
      <c r="N541259" s="10"/>
    </row>
    <row r="541260" spans="14:14">
      <c r="N541260" s="10"/>
    </row>
    <row r="541261" spans="14:14">
      <c r="N541261" s="10"/>
    </row>
    <row r="541262" spans="14:14">
      <c r="N541262" s="10"/>
    </row>
    <row r="541263" spans="14:14">
      <c r="N541263" s="10"/>
    </row>
    <row r="541264" spans="14:14">
      <c r="N541264" s="10"/>
    </row>
    <row r="541265" spans="14:14">
      <c r="N541265" s="10"/>
    </row>
    <row r="541266" spans="14:14">
      <c r="N541266" s="10"/>
    </row>
    <row r="541267" spans="14:14">
      <c r="N541267" s="10"/>
    </row>
    <row r="541268" spans="14:14">
      <c r="N541268" s="10"/>
    </row>
    <row r="541269" spans="14:14">
      <c r="N541269" s="10"/>
    </row>
    <row r="541270" spans="14:14">
      <c r="N541270" s="10"/>
    </row>
    <row r="541271" spans="14:14">
      <c r="N541271" s="10"/>
    </row>
    <row r="541272" spans="14:14">
      <c r="N541272" s="10"/>
    </row>
    <row r="541273" spans="14:14">
      <c r="N541273" s="10"/>
    </row>
    <row r="541274" spans="14:14">
      <c r="N541274" s="10"/>
    </row>
    <row r="541275" spans="14:14">
      <c r="N541275" s="10"/>
    </row>
    <row r="541276" spans="14:14">
      <c r="N541276" s="10"/>
    </row>
    <row r="541277" spans="14:14">
      <c r="N541277" s="10"/>
    </row>
    <row r="541278" spans="14:14">
      <c r="N541278" s="10"/>
    </row>
    <row r="541279" spans="14:14">
      <c r="N541279" s="10"/>
    </row>
    <row r="541280" spans="14:14">
      <c r="N541280" s="10"/>
    </row>
    <row r="541281" spans="14:14">
      <c r="N541281" s="10"/>
    </row>
    <row r="541282" spans="14:14">
      <c r="N541282" s="10"/>
    </row>
    <row r="541283" spans="14:14">
      <c r="N541283" s="10"/>
    </row>
    <row r="541284" spans="14:14">
      <c r="N541284" s="10"/>
    </row>
    <row r="541285" spans="14:14">
      <c r="N541285" s="10"/>
    </row>
    <row r="541286" spans="14:14">
      <c r="N541286" s="10"/>
    </row>
    <row r="541287" spans="14:14">
      <c r="N541287" s="10"/>
    </row>
    <row r="541288" spans="14:14">
      <c r="N541288" s="10"/>
    </row>
    <row r="541289" spans="14:14">
      <c r="N541289" s="10"/>
    </row>
    <row r="541290" spans="14:14">
      <c r="N541290" s="10"/>
    </row>
    <row r="541291" spans="14:14">
      <c r="N541291" s="10"/>
    </row>
    <row r="541292" spans="14:14">
      <c r="N541292" s="10"/>
    </row>
    <row r="541293" spans="14:14">
      <c r="N541293" s="10"/>
    </row>
    <row r="541294" spans="14:14">
      <c r="N541294" s="10"/>
    </row>
    <row r="541295" spans="14:14">
      <c r="N541295" s="10"/>
    </row>
    <row r="541296" spans="14:14">
      <c r="N541296" s="10"/>
    </row>
    <row r="541297" spans="14:14">
      <c r="N541297" s="10"/>
    </row>
    <row r="541298" spans="14:14">
      <c r="N541298" s="10"/>
    </row>
    <row r="541299" spans="14:14">
      <c r="N541299" s="10"/>
    </row>
    <row r="541300" spans="14:14">
      <c r="N541300" s="10"/>
    </row>
    <row r="541301" spans="14:14">
      <c r="N541301" s="10"/>
    </row>
    <row r="541302" spans="14:14">
      <c r="N541302" s="10"/>
    </row>
    <row r="541303" spans="14:14">
      <c r="N541303" s="10"/>
    </row>
    <row r="541304" spans="14:14">
      <c r="N541304" s="10"/>
    </row>
    <row r="541305" spans="14:14">
      <c r="N541305" s="10"/>
    </row>
    <row r="541306" spans="14:14">
      <c r="N541306" s="10"/>
    </row>
    <row r="541307" spans="14:14">
      <c r="N541307" s="10"/>
    </row>
    <row r="541308" spans="14:14">
      <c r="N541308" s="10"/>
    </row>
    <row r="541309" spans="14:14">
      <c r="N541309" s="10"/>
    </row>
    <row r="541310" spans="14:14">
      <c r="N541310" s="10"/>
    </row>
    <row r="541311" spans="14:14">
      <c r="N541311" s="10"/>
    </row>
    <row r="541312" spans="14:14">
      <c r="N541312" s="10"/>
    </row>
    <row r="541313" spans="14:14">
      <c r="N541313" s="10"/>
    </row>
    <row r="541314" spans="14:14">
      <c r="N541314" s="10"/>
    </row>
    <row r="541315" spans="14:14">
      <c r="N541315" s="10"/>
    </row>
    <row r="541316" spans="14:14">
      <c r="N541316" s="10"/>
    </row>
    <row r="541317" spans="14:14">
      <c r="N541317" s="10"/>
    </row>
    <row r="541318" spans="14:14">
      <c r="N541318" s="10"/>
    </row>
    <row r="541319" spans="14:14">
      <c r="N541319" s="10"/>
    </row>
    <row r="541320" spans="14:14">
      <c r="N541320" s="10"/>
    </row>
    <row r="541321" spans="14:14">
      <c r="N541321" s="10"/>
    </row>
    <row r="541322" spans="14:14">
      <c r="N541322" s="10"/>
    </row>
    <row r="541323" spans="14:14">
      <c r="N541323" s="10"/>
    </row>
    <row r="541324" spans="14:14">
      <c r="N541324" s="10"/>
    </row>
    <row r="541325" spans="14:14">
      <c r="N541325" s="10"/>
    </row>
    <row r="541326" spans="14:14">
      <c r="N541326" s="10"/>
    </row>
    <row r="541327" spans="14:14">
      <c r="N541327" s="10"/>
    </row>
    <row r="541328" spans="14:14">
      <c r="N541328" s="10"/>
    </row>
    <row r="541329" spans="14:14">
      <c r="N541329" s="10"/>
    </row>
    <row r="541330" spans="14:14">
      <c r="N541330" s="10"/>
    </row>
    <row r="541331" spans="14:14">
      <c r="N541331" s="10"/>
    </row>
    <row r="541332" spans="14:14">
      <c r="N541332" s="10"/>
    </row>
    <row r="541333" spans="14:14">
      <c r="N541333" s="10"/>
    </row>
    <row r="541334" spans="14:14">
      <c r="N541334" s="10"/>
    </row>
    <row r="541335" spans="14:14">
      <c r="N541335" s="10"/>
    </row>
    <row r="541336" spans="14:14">
      <c r="N541336" s="10"/>
    </row>
    <row r="541337" spans="14:14">
      <c r="N541337" s="10"/>
    </row>
    <row r="541338" spans="14:14">
      <c r="N541338" s="10"/>
    </row>
    <row r="541339" spans="14:14">
      <c r="N541339" s="10"/>
    </row>
    <row r="541340" spans="14:14">
      <c r="N541340" s="10"/>
    </row>
    <row r="541341" spans="14:14">
      <c r="N541341" s="10"/>
    </row>
    <row r="541342" spans="14:14">
      <c r="N541342" s="10"/>
    </row>
    <row r="541343" spans="14:14">
      <c r="N541343" s="10"/>
    </row>
    <row r="541344" spans="14:14">
      <c r="N541344" s="10"/>
    </row>
    <row r="541345" spans="14:14">
      <c r="N541345" s="10"/>
    </row>
    <row r="541346" spans="14:14">
      <c r="N541346" s="10"/>
    </row>
    <row r="541347" spans="14:14">
      <c r="N541347" s="10"/>
    </row>
    <row r="541348" spans="14:14">
      <c r="N541348" s="10"/>
    </row>
    <row r="541349" spans="14:14">
      <c r="N541349" s="10"/>
    </row>
    <row r="541350" spans="14:14">
      <c r="N541350" s="10"/>
    </row>
    <row r="541351" spans="14:14">
      <c r="N541351" s="10"/>
    </row>
    <row r="541352" spans="14:14">
      <c r="N541352" s="10"/>
    </row>
    <row r="541353" spans="14:14">
      <c r="N541353" s="10"/>
    </row>
    <row r="541354" spans="14:14">
      <c r="N541354" s="10"/>
    </row>
    <row r="541355" spans="14:14">
      <c r="N541355" s="10"/>
    </row>
    <row r="541356" spans="14:14">
      <c r="N541356" s="10"/>
    </row>
    <row r="541357" spans="14:14">
      <c r="N541357" s="10"/>
    </row>
    <row r="541358" spans="14:14">
      <c r="N541358" s="10"/>
    </row>
    <row r="541359" spans="14:14">
      <c r="N541359" s="10"/>
    </row>
    <row r="541360" spans="14:14">
      <c r="N541360" s="10"/>
    </row>
    <row r="541361" spans="14:14">
      <c r="N541361" s="10"/>
    </row>
    <row r="541362" spans="14:14">
      <c r="N541362" s="10"/>
    </row>
    <row r="541363" spans="14:14">
      <c r="N541363" s="10"/>
    </row>
    <row r="541364" spans="14:14">
      <c r="N541364" s="10"/>
    </row>
    <row r="541365" spans="14:14">
      <c r="N541365" s="10"/>
    </row>
    <row r="541366" spans="14:14">
      <c r="N541366" s="10"/>
    </row>
    <row r="541367" spans="14:14">
      <c r="N541367" s="10"/>
    </row>
    <row r="541368" spans="14:14">
      <c r="N541368" s="10"/>
    </row>
    <row r="541369" spans="14:14">
      <c r="N541369" s="10"/>
    </row>
    <row r="541370" spans="14:14">
      <c r="N541370" s="10"/>
    </row>
    <row r="541371" spans="14:14">
      <c r="N541371" s="10"/>
    </row>
    <row r="541372" spans="14:14">
      <c r="N541372" s="10"/>
    </row>
    <row r="541373" spans="14:14">
      <c r="N541373" s="10"/>
    </row>
    <row r="541374" spans="14:14">
      <c r="N541374" s="10"/>
    </row>
    <row r="541375" spans="14:14">
      <c r="N541375" s="10"/>
    </row>
    <row r="541376" spans="14:14">
      <c r="N541376" s="10"/>
    </row>
    <row r="541377" spans="14:14">
      <c r="N541377" s="10"/>
    </row>
    <row r="541378" spans="14:14">
      <c r="N541378" s="10"/>
    </row>
    <row r="541379" spans="14:14">
      <c r="N541379" s="10"/>
    </row>
    <row r="541380" spans="14:14">
      <c r="N541380" s="10"/>
    </row>
    <row r="541381" spans="14:14">
      <c r="N541381" s="10"/>
    </row>
    <row r="541382" spans="14:14">
      <c r="N541382" s="10"/>
    </row>
    <row r="541383" spans="14:14">
      <c r="N541383" s="10"/>
    </row>
    <row r="541384" spans="14:14">
      <c r="N541384" s="10"/>
    </row>
    <row r="541385" spans="14:14">
      <c r="N541385" s="10"/>
    </row>
    <row r="541386" spans="14:14">
      <c r="N541386" s="10"/>
    </row>
    <row r="541387" spans="14:14">
      <c r="N541387" s="10"/>
    </row>
    <row r="541388" spans="14:14">
      <c r="N541388" s="10"/>
    </row>
    <row r="541389" spans="14:14">
      <c r="N541389" s="10"/>
    </row>
    <row r="541390" spans="14:14">
      <c r="N541390" s="10"/>
    </row>
    <row r="541391" spans="14:14">
      <c r="N541391" s="10"/>
    </row>
    <row r="541392" spans="14:14">
      <c r="N541392" s="10"/>
    </row>
    <row r="541393" spans="14:14">
      <c r="N541393" s="10"/>
    </row>
    <row r="541394" spans="14:14">
      <c r="N541394" s="10"/>
    </row>
    <row r="541395" spans="14:14">
      <c r="N541395" s="10"/>
    </row>
    <row r="541396" spans="14:14">
      <c r="N541396" s="10"/>
    </row>
    <row r="541397" spans="14:14">
      <c r="N541397" s="10"/>
    </row>
    <row r="541398" spans="14:14">
      <c r="N541398" s="10"/>
    </row>
    <row r="541399" spans="14:14">
      <c r="N541399" s="10"/>
    </row>
    <row r="541400" spans="14:14">
      <c r="N541400" s="10"/>
    </row>
    <row r="541401" spans="14:14">
      <c r="N541401" s="10"/>
    </row>
    <row r="541402" spans="14:14">
      <c r="N541402" s="10"/>
    </row>
    <row r="541403" spans="14:14">
      <c r="N541403" s="10"/>
    </row>
    <row r="541404" spans="14:14">
      <c r="N541404" s="10"/>
    </row>
    <row r="541405" spans="14:14">
      <c r="N541405" s="10"/>
    </row>
    <row r="541406" spans="14:14">
      <c r="N541406" s="10"/>
    </row>
    <row r="541407" spans="14:14">
      <c r="N541407" s="10"/>
    </row>
    <row r="541408" spans="14:14">
      <c r="N541408" s="10"/>
    </row>
    <row r="541409" spans="14:14">
      <c r="N541409" s="10"/>
    </row>
    <row r="541410" spans="14:14">
      <c r="N541410" s="10"/>
    </row>
    <row r="541411" spans="14:14">
      <c r="N541411" s="10"/>
    </row>
    <row r="541412" spans="14:14">
      <c r="N541412" s="10"/>
    </row>
    <row r="541413" spans="14:14">
      <c r="N541413" s="10"/>
    </row>
    <row r="541414" spans="14:14">
      <c r="N541414" s="10"/>
    </row>
    <row r="541415" spans="14:14">
      <c r="N541415" s="10"/>
    </row>
    <row r="541416" spans="14:14">
      <c r="N541416" s="10"/>
    </row>
    <row r="541417" spans="14:14">
      <c r="N541417" s="10"/>
    </row>
    <row r="541418" spans="14:14">
      <c r="N541418" s="10"/>
    </row>
    <row r="541419" spans="14:14">
      <c r="N541419" s="10"/>
    </row>
    <row r="541420" spans="14:14">
      <c r="N541420" s="10"/>
    </row>
    <row r="541421" spans="14:14">
      <c r="N541421" s="10"/>
    </row>
    <row r="541422" spans="14:14">
      <c r="N541422" s="10"/>
    </row>
    <row r="541423" spans="14:14">
      <c r="N541423" s="10"/>
    </row>
    <row r="541424" spans="14:14">
      <c r="N541424" s="10"/>
    </row>
    <row r="541425" spans="14:14">
      <c r="N541425" s="10"/>
    </row>
    <row r="541426" spans="14:14">
      <c r="N541426" s="10"/>
    </row>
    <row r="541427" spans="14:14">
      <c r="N541427" s="10"/>
    </row>
    <row r="541428" spans="14:14">
      <c r="N541428" s="10"/>
    </row>
    <row r="541429" spans="14:14">
      <c r="N541429" s="10"/>
    </row>
    <row r="541430" spans="14:14">
      <c r="N541430" s="10"/>
    </row>
    <row r="541431" spans="14:14">
      <c r="N541431" s="10"/>
    </row>
    <row r="541432" spans="14:14">
      <c r="N541432" s="10"/>
    </row>
    <row r="541433" spans="14:14">
      <c r="N541433" s="10"/>
    </row>
    <row r="541434" spans="14:14">
      <c r="N541434" s="10"/>
    </row>
    <row r="541435" spans="14:14">
      <c r="N541435" s="10"/>
    </row>
    <row r="541436" spans="14:14">
      <c r="N541436" s="10"/>
    </row>
    <row r="541437" spans="14:14">
      <c r="N541437" s="10"/>
    </row>
    <row r="541438" spans="14:14">
      <c r="N541438" s="10"/>
    </row>
    <row r="541439" spans="14:14">
      <c r="N541439" s="10"/>
    </row>
    <row r="541440" spans="14:14">
      <c r="N541440" s="10"/>
    </row>
    <row r="541441" spans="14:14">
      <c r="N541441" s="10"/>
    </row>
    <row r="541442" spans="14:14">
      <c r="N541442" s="10"/>
    </row>
    <row r="541443" spans="14:14">
      <c r="N541443" s="10"/>
    </row>
    <row r="541444" spans="14:14">
      <c r="N541444" s="10"/>
    </row>
    <row r="541445" spans="14:14">
      <c r="N541445" s="10"/>
    </row>
    <row r="541446" spans="14:14">
      <c r="N541446" s="10"/>
    </row>
    <row r="541447" spans="14:14">
      <c r="N541447" s="10"/>
    </row>
    <row r="541448" spans="14:14">
      <c r="N541448" s="10"/>
    </row>
    <row r="541449" spans="14:14">
      <c r="N541449" s="10"/>
    </row>
    <row r="541450" spans="14:14">
      <c r="N541450" s="10"/>
    </row>
    <row r="541451" spans="14:14">
      <c r="N541451" s="10"/>
    </row>
    <row r="541452" spans="14:14">
      <c r="N541452" s="10"/>
    </row>
    <row r="541453" spans="14:14">
      <c r="N541453" s="10"/>
    </row>
    <row r="541454" spans="14:14">
      <c r="N541454" s="10"/>
    </row>
    <row r="541455" spans="14:14">
      <c r="N541455" s="10"/>
    </row>
    <row r="541456" spans="14:14">
      <c r="N541456" s="10"/>
    </row>
    <row r="541457" spans="14:14">
      <c r="N541457" s="10"/>
    </row>
    <row r="541458" spans="14:14">
      <c r="N541458" s="10"/>
    </row>
    <row r="541459" spans="14:14">
      <c r="N541459" s="10"/>
    </row>
    <row r="541460" spans="14:14">
      <c r="N541460" s="10"/>
    </row>
    <row r="541461" spans="14:14">
      <c r="N541461" s="10"/>
    </row>
    <row r="541462" spans="14:14">
      <c r="N541462" s="10"/>
    </row>
    <row r="541463" spans="14:14">
      <c r="N541463" s="10"/>
    </row>
    <row r="541464" spans="14:14">
      <c r="N541464" s="10"/>
    </row>
    <row r="541465" spans="14:14">
      <c r="N541465" s="10"/>
    </row>
    <row r="541466" spans="14:14">
      <c r="N541466" s="10"/>
    </row>
    <row r="541467" spans="14:14">
      <c r="N541467" s="10"/>
    </row>
    <row r="541468" spans="14:14">
      <c r="N541468" s="10"/>
    </row>
    <row r="541469" spans="14:14">
      <c r="N541469" s="10"/>
    </row>
    <row r="541470" spans="14:14">
      <c r="N541470" s="10"/>
    </row>
    <row r="541471" spans="14:14">
      <c r="N541471" s="10"/>
    </row>
    <row r="541472" spans="14:14">
      <c r="N541472" s="10"/>
    </row>
    <row r="541473" spans="14:14">
      <c r="N541473" s="10"/>
    </row>
    <row r="541474" spans="14:14">
      <c r="N541474" s="10"/>
    </row>
    <row r="541475" spans="14:14">
      <c r="N541475" s="10"/>
    </row>
    <row r="541476" spans="14:14">
      <c r="N541476" s="10"/>
    </row>
    <row r="541477" spans="14:14">
      <c r="N541477" s="10"/>
    </row>
    <row r="541478" spans="14:14">
      <c r="N541478" s="10"/>
    </row>
    <row r="541479" spans="14:14">
      <c r="N541479" s="10"/>
    </row>
    <row r="541480" spans="14:14">
      <c r="N541480" s="10"/>
    </row>
    <row r="541481" spans="14:14">
      <c r="N541481" s="10"/>
    </row>
    <row r="541482" spans="14:14">
      <c r="N541482" s="10"/>
    </row>
    <row r="541483" spans="14:14">
      <c r="N541483" s="10"/>
    </row>
    <row r="541484" spans="14:14">
      <c r="N541484" s="10"/>
    </row>
    <row r="541485" spans="14:14">
      <c r="N541485" s="10"/>
    </row>
    <row r="541486" spans="14:14">
      <c r="N541486" s="10"/>
    </row>
    <row r="541487" spans="14:14">
      <c r="N541487" s="10"/>
    </row>
    <row r="541488" spans="14:14">
      <c r="N541488" s="10"/>
    </row>
    <row r="541489" spans="14:14">
      <c r="N541489" s="10"/>
    </row>
    <row r="541490" spans="14:14">
      <c r="N541490" s="10"/>
    </row>
    <row r="541491" spans="14:14">
      <c r="N541491" s="10"/>
    </row>
    <row r="541492" spans="14:14">
      <c r="N541492" s="10"/>
    </row>
    <row r="541493" spans="14:14">
      <c r="N541493" s="10"/>
    </row>
    <row r="541494" spans="14:14">
      <c r="N541494" s="10"/>
    </row>
    <row r="541495" spans="14:14">
      <c r="N541495" s="10"/>
    </row>
    <row r="541496" spans="14:14">
      <c r="N541496" s="10"/>
    </row>
    <row r="541497" spans="14:14">
      <c r="N541497" s="10"/>
    </row>
    <row r="541498" spans="14:14">
      <c r="N541498" s="10"/>
    </row>
    <row r="541499" spans="14:14">
      <c r="N541499" s="10"/>
    </row>
    <row r="541500" spans="14:14">
      <c r="N541500" s="10"/>
    </row>
    <row r="541501" spans="14:14">
      <c r="N541501" s="10"/>
    </row>
    <row r="541502" spans="14:14">
      <c r="N541502" s="10"/>
    </row>
    <row r="541503" spans="14:14">
      <c r="N541503" s="10"/>
    </row>
    <row r="541504" spans="14:14">
      <c r="N541504" s="10"/>
    </row>
    <row r="541505" spans="14:14">
      <c r="N541505" s="10"/>
    </row>
    <row r="541506" spans="14:14">
      <c r="N541506" s="10"/>
    </row>
    <row r="541507" spans="14:14">
      <c r="N541507" s="10"/>
    </row>
    <row r="541508" spans="14:14">
      <c r="N541508" s="10"/>
    </row>
    <row r="541509" spans="14:14">
      <c r="N541509" s="10"/>
    </row>
    <row r="541510" spans="14:14">
      <c r="N541510" s="10"/>
    </row>
    <row r="541511" spans="14:14">
      <c r="N541511" s="10"/>
    </row>
    <row r="541512" spans="14:14">
      <c r="N541512" s="10"/>
    </row>
    <row r="541513" spans="14:14">
      <c r="N541513" s="10"/>
    </row>
    <row r="541514" spans="14:14">
      <c r="N541514" s="10"/>
    </row>
    <row r="541515" spans="14:14">
      <c r="N541515" s="10"/>
    </row>
    <row r="541516" spans="14:14">
      <c r="N541516" s="10"/>
    </row>
    <row r="541517" spans="14:14">
      <c r="N541517" s="10"/>
    </row>
    <row r="541518" spans="14:14">
      <c r="N541518" s="10"/>
    </row>
    <row r="541519" spans="14:14">
      <c r="N541519" s="10"/>
    </row>
    <row r="541520" spans="14:14">
      <c r="N541520" s="10"/>
    </row>
    <row r="541521" spans="14:14">
      <c r="N541521" s="10"/>
    </row>
    <row r="541522" spans="14:14">
      <c r="N541522" s="10"/>
    </row>
    <row r="541523" spans="14:14">
      <c r="N541523" s="10"/>
    </row>
    <row r="541524" spans="14:14">
      <c r="N541524" s="10"/>
    </row>
    <row r="541525" spans="14:14">
      <c r="N541525" s="10"/>
    </row>
    <row r="541526" spans="14:14">
      <c r="N541526" s="10"/>
    </row>
    <row r="541527" spans="14:14">
      <c r="N541527" s="10"/>
    </row>
    <row r="541528" spans="14:14">
      <c r="N541528" s="10"/>
    </row>
    <row r="541529" spans="14:14">
      <c r="N541529" s="10"/>
    </row>
    <row r="541530" spans="14:14">
      <c r="N541530" s="10"/>
    </row>
    <row r="541531" spans="14:14">
      <c r="N541531" s="10"/>
    </row>
    <row r="541532" spans="14:14">
      <c r="N541532" s="10"/>
    </row>
    <row r="541533" spans="14:14">
      <c r="N541533" s="10"/>
    </row>
    <row r="541534" spans="14:14">
      <c r="N541534" s="10"/>
    </row>
    <row r="541535" spans="14:14">
      <c r="N541535" s="10"/>
    </row>
    <row r="541536" spans="14:14">
      <c r="N541536" s="10"/>
    </row>
    <row r="541537" spans="14:14">
      <c r="N541537" s="10"/>
    </row>
    <row r="541538" spans="14:14">
      <c r="N541538" s="10"/>
    </row>
    <row r="541539" spans="14:14">
      <c r="N541539" s="10"/>
    </row>
    <row r="541540" spans="14:14">
      <c r="N541540" s="10"/>
    </row>
    <row r="541541" spans="14:14">
      <c r="N541541" s="10"/>
    </row>
    <row r="541542" spans="14:14">
      <c r="N541542" s="10"/>
    </row>
    <row r="541543" spans="14:14">
      <c r="N541543" s="10"/>
    </row>
    <row r="541544" spans="14:14">
      <c r="N541544" s="10"/>
    </row>
    <row r="541545" spans="14:14">
      <c r="N541545" s="10"/>
    </row>
    <row r="541546" spans="14:14">
      <c r="N541546" s="10"/>
    </row>
    <row r="541547" spans="14:14">
      <c r="N541547" s="10"/>
    </row>
    <row r="541548" spans="14:14">
      <c r="N541548" s="10"/>
    </row>
    <row r="541549" spans="14:14">
      <c r="N541549" s="10"/>
    </row>
    <row r="541550" spans="14:14">
      <c r="N541550" s="10"/>
    </row>
    <row r="541551" spans="14:14">
      <c r="N541551" s="10"/>
    </row>
    <row r="541552" spans="14:14">
      <c r="N541552" s="10"/>
    </row>
    <row r="541553" spans="14:14">
      <c r="N541553" s="10"/>
    </row>
    <row r="541554" spans="14:14">
      <c r="N541554" s="10"/>
    </row>
    <row r="541555" spans="14:14">
      <c r="N541555" s="10"/>
    </row>
    <row r="541556" spans="14:14">
      <c r="N541556" s="10"/>
    </row>
    <row r="541557" spans="14:14">
      <c r="N541557" s="10"/>
    </row>
    <row r="541558" spans="14:14">
      <c r="N541558" s="10"/>
    </row>
    <row r="541559" spans="14:14">
      <c r="N541559" s="10"/>
    </row>
    <row r="541560" spans="14:14">
      <c r="N541560" s="10"/>
    </row>
    <row r="541561" spans="14:14">
      <c r="N541561" s="10"/>
    </row>
    <row r="541562" spans="14:14">
      <c r="N541562" s="10"/>
    </row>
    <row r="541563" spans="14:14">
      <c r="N541563" s="10"/>
    </row>
    <row r="541564" spans="14:14">
      <c r="N541564" s="10"/>
    </row>
    <row r="541565" spans="14:14">
      <c r="N541565" s="10"/>
    </row>
    <row r="541566" spans="14:14">
      <c r="N541566" s="10"/>
    </row>
    <row r="541567" spans="14:14">
      <c r="N541567" s="10"/>
    </row>
    <row r="541568" spans="14:14">
      <c r="N541568" s="10"/>
    </row>
    <row r="541569" spans="14:14">
      <c r="N541569" s="10"/>
    </row>
    <row r="541570" spans="14:14">
      <c r="N541570" s="10"/>
    </row>
    <row r="541571" spans="14:14">
      <c r="N541571" s="10"/>
    </row>
    <row r="541572" spans="14:14">
      <c r="N541572" s="10"/>
    </row>
    <row r="541573" spans="14:14">
      <c r="N541573" s="10"/>
    </row>
    <row r="541574" spans="14:14">
      <c r="N541574" s="10"/>
    </row>
    <row r="541575" spans="14:14">
      <c r="N541575" s="10"/>
    </row>
    <row r="541576" spans="14:14">
      <c r="N541576" s="10"/>
    </row>
    <row r="541577" spans="14:14">
      <c r="N541577" s="10"/>
    </row>
    <row r="541578" spans="14:14">
      <c r="N541578" s="10"/>
    </row>
    <row r="541579" spans="14:14">
      <c r="N541579" s="10"/>
    </row>
    <row r="541580" spans="14:14">
      <c r="N541580" s="10"/>
    </row>
    <row r="541581" spans="14:14">
      <c r="N541581" s="10"/>
    </row>
    <row r="541582" spans="14:14">
      <c r="N541582" s="10"/>
    </row>
    <row r="541583" spans="14:14">
      <c r="N541583" s="10"/>
    </row>
    <row r="541584" spans="14:14">
      <c r="N541584" s="10"/>
    </row>
    <row r="541585" spans="14:14">
      <c r="N541585" s="10"/>
    </row>
    <row r="541586" spans="14:14">
      <c r="N541586" s="10"/>
    </row>
    <row r="541587" spans="14:14">
      <c r="N541587" s="10"/>
    </row>
    <row r="541588" spans="14:14">
      <c r="N541588" s="10"/>
    </row>
    <row r="541589" spans="14:14">
      <c r="N541589" s="10"/>
    </row>
    <row r="541590" spans="14:14">
      <c r="N541590" s="10"/>
    </row>
    <row r="541591" spans="14:14">
      <c r="N541591" s="10"/>
    </row>
    <row r="541592" spans="14:14">
      <c r="N541592" s="10"/>
    </row>
    <row r="541593" spans="14:14">
      <c r="N541593" s="10"/>
    </row>
    <row r="541594" spans="14:14">
      <c r="N541594" s="10"/>
    </row>
    <row r="541595" spans="14:14">
      <c r="N541595" s="10"/>
    </row>
    <row r="541596" spans="14:14">
      <c r="N541596" s="10"/>
    </row>
    <row r="541597" spans="14:14">
      <c r="N541597" s="10"/>
    </row>
    <row r="541598" spans="14:14">
      <c r="N541598" s="10"/>
    </row>
    <row r="541599" spans="14:14">
      <c r="N541599" s="10"/>
    </row>
    <row r="541600" spans="14:14">
      <c r="N541600" s="10"/>
    </row>
    <row r="541601" spans="14:14">
      <c r="N541601" s="10"/>
    </row>
    <row r="541602" spans="14:14">
      <c r="N541602" s="10"/>
    </row>
    <row r="541603" spans="14:14">
      <c r="N541603" s="10"/>
    </row>
    <row r="541604" spans="14:14">
      <c r="N541604" s="10"/>
    </row>
    <row r="541605" spans="14:14">
      <c r="N541605" s="10"/>
    </row>
    <row r="541606" spans="14:14">
      <c r="N541606" s="10"/>
    </row>
    <row r="541607" spans="14:14">
      <c r="N541607" s="10"/>
    </row>
    <row r="541608" spans="14:14">
      <c r="N541608" s="10"/>
    </row>
    <row r="541609" spans="14:14">
      <c r="N541609" s="10"/>
    </row>
    <row r="541610" spans="14:14">
      <c r="N541610" s="10"/>
    </row>
    <row r="541611" spans="14:14">
      <c r="N541611" s="10"/>
    </row>
    <row r="541612" spans="14:14">
      <c r="N541612" s="10"/>
    </row>
    <row r="541613" spans="14:14">
      <c r="N541613" s="10"/>
    </row>
    <row r="541614" spans="14:14">
      <c r="N541614" s="10"/>
    </row>
    <row r="541615" spans="14:14">
      <c r="N541615" s="10"/>
    </row>
    <row r="541616" spans="14:14">
      <c r="N541616" s="10"/>
    </row>
    <row r="541617" spans="14:14">
      <c r="N541617" s="10"/>
    </row>
    <row r="541618" spans="14:14">
      <c r="N541618" s="10"/>
    </row>
    <row r="541619" spans="14:14">
      <c r="N541619" s="10"/>
    </row>
    <row r="541620" spans="14:14">
      <c r="N541620" s="10"/>
    </row>
    <row r="541621" spans="14:14">
      <c r="N541621" s="10"/>
    </row>
    <row r="541622" spans="14:14">
      <c r="N541622" s="10"/>
    </row>
    <row r="541623" spans="14:14">
      <c r="N541623" s="10"/>
    </row>
    <row r="541624" spans="14:14">
      <c r="N541624" s="10"/>
    </row>
    <row r="541625" spans="14:14">
      <c r="N541625" s="10"/>
    </row>
    <row r="541626" spans="14:14">
      <c r="N541626" s="10"/>
    </row>
    <row r="541627" spans="14:14">
      <c r="N541627" s="10"/>
    </row>
    <row r="541628" spans="14:14">
      <c r="N541628" s="10"/>
    </row>
    <row r="541629" spans="14:14">
      <c r="N541629" s="10"/>
    </row>
    <row r="541630" spans="14:14">
      <c r="N541630" s="10"/>
    </row>
    <row r="541631" spans="14:14">
      <c r="N541631" s="10"/>
    </row>
    <row r="541632" spans="14:14">
      <c r="N541632" s="10"/>
    </row>
    <row r="541633" spans="14:14">
      <c r="N541633" s="10"/>
    </row>
    <row r="541634" spans="14:14">
      <c r="N541634" s="10"/>
    </row>
    <row r="541635" spans="14:14">
      <c r="N541635" s="10"/>
    </row>
    <row r="541636" spans="14:14">
      <c r="N541636" s="10"/>
    </row>
    <row r="541637" spans="14:14">
      <c r="N541637" s="10"/>
    </row>
    <row r="541638" spans="14:14">
      <c r="N541638" s="10"/>
    </row>
    <row r="541639" spans="14:14">
      <c r="N541639" s="10"/>
    </row>
    <row r="541640" spans="14:14">
      <c r="N541640" s="10"/>
    </row>
    <row r="541641" spans="14:14">
      <c r="N541641" s="10"/>
    </row>
    <row r="541642" spans="14:14">
      <c r="N541642" s="10"/>
    </row>
    <row r="541643" spans="14:14">
      <c r="N541643" s="10"/>
    </row>
    <row r="541644" spans="14:14">
      <c r="N541644" s="10"/>
    </row>
    <row r="541645" spans="14:14">
      <c r="N541645" s="10"/>
    </row>
    <row r="541646" spans="14:14">
      <c r="N541646" s="10"/>
    </row>
    <row r="541647" spans="14:14">
      <c r="N541647" s="10"/>
    </row>
    <row r="541648" spans="14:14">
      <c r="N541648" s="10"/>
    </row>
    <row r="541649" spans="14:14">
      <c r="N541649" s="10"/>
    </row>
    <row r="541650" spans="14:14">
      <c r="N541650" s="10"/>
    </row>
    <row r="541651" spans="14:14">
      <c r="N541651" s="10"/>
    </row>
    <row r="541652" spans="14:14">
      <c r="N541652" s="10"/>
    </row>
    <row r="541653" spans="14:14">
      <c r="N541653" s="10"/>
    </row>
    <row r="541654" spans="14:14">
      <c r="N541654" s="10"/>
    </row>
    <row r="541655" spans="14:14">
      <c r="N541655" s="10"/>
    </row>
    <row r="541656" spans="14:14">
      <c r="N541656" s="10"/>
    </row>
    <row r="541657" spans="14:14">
      <c r="N541657" s="10"/>
    </row>
    <row r="541658" spans="14:14">
      <c r="N541658" s="10"/>
    </row>
    <row r="541659" spans="14:14">
      <c r="N541659" s="10"/>
    </row>
    <row r="541660" spans="14:14">
      <c r="N541660" s="10"/>
    </row>
    <row r="541661" spans="14:14">
      <c r="N541661" s="10"/>
    </row>
    <row r="541662" spans="14:14">
      <c r="N541662" s="10"/>
    </row>
    <row r="541663" spans="14:14">
      <c r="N541663" s="10"/>
    </row>
    <row r="541664" spans="14:14">
      <c r="N541664" s="10"/>
    </row>
    <row r="541665" spans="14:14">
      <c r="N541665" s="10"/>
    </row>
    <row r="541666" spans="14:14">
      <c r="N541666" s="10"/>
    </row>
    <row r="541667" spans="14:14">
      <c r="N541667" s="10"/>
    </row>
    <row r="541668" spans="14:14">
      <c r="N541668" s="10"/>
    </row>
    <row r="541669" spans="14:14">
      <c r="N541669" s="10"/>
    </row>
    <row r="541670" spans="14:14">
      <c r="N541670" s="10"/>
    </row>
    <row r="541671" spans="14:14">
      <c r="N541671" s="10"/>
    </row>
    <row r="541672" spans="14:14">
      <c r="N541672" s="10"/>
    </row>
    <row r="541673" spans="14:14">
      <c r="N541673" s="10"/>
    </row>
    <row r="541674" spans="14:14">
      <c r="N541674" s="10"/>
    </row>
    <row r="541675" spans="14:14">
      <c r="N541675" s="10"/>
    </row>
    <row r="541676" spans="14:14">
      <c r="N541676" s="10"/>
    </row>
    <row r="541677" spans="14:14">
      <c r="N541677" s="10"/>
    </row>
    <row r="541678" spans="14:14">
      <c r="N541678" s="10"/>
    </row>
    <row r="541679" spans="14:14">
      <c r="N541679" s="10"/>
    </row>
    <row r="541680" spans="14:14">
      <c r="N541680" s="10"/>
    </row>
    <row r="541681" spans="14:14">
      <c r="N541681" s="10"/>
    </row>
    <row r="541682" spans="14:14">
      <c r="N541682" s="10"/>
    </row>
    <row r="541683" spans="14:14">
      <c r="N541683" s="10"/>
    </row>
    <row r="541684" spans="14:14">
      <c r="N541684" s="10"/>
    </row>
    <row r="541685" spans="14:14">
      <c r="N541685" s="10"/>
    </row>
    <row r="541686" spans="14:14">
      <c r="N541686" s="10"/>
    </row>
    <row r="541687" spans="14:14">
      <c r="N541687" s="10"/>
    </row>
    <row r="541688" spans="14:14">
      <c r="N541688" s="10"/>
    </row>
    <row r="541689" spans="14:14">
      <c r="N541689" s="10"/>
    </row>
    <row r="541690" spans="14:14">
      <c r="N541690" s="10"/>
    </row>
    <row r="541691" spans="14:14">
      <c r="N541691" s="10"/>
    </row>
    <row r="541692" spans="14:14">
      <c r="N541692" s="10"/>
    </row>
    <row r="541693" spans="14:14">
      <c r="N541693" s="10"/>
    </row>
    <row r="541694" spans="14:14">
      <c r="N541694" s="10"/>
    </row>
    <row r="541695" spans="14:14">
      <c r="N541695" s="10"/>
    </row>
    <row r="541696" spans="14:14">
      <c r="N541696" s="10"/>
    </row>
    <row r="541697" spans="14:14">
      <c r="N541697" s="10"/>
    </row>
    <row r="541698" spans="14:14">
      <c r="N541698" s="10"/>
    </row>
    <row r="541699" spans="14:14">
      <c r="N541699" s="10"/>
    </row>
    <row r="541700" spans="14:14">
      <c r="N541700" s="10"/>
    </row>
    <row r="541701" spans="14:14">
      <c r="N541701" s="10"/>
    </row>
    <row r="541702" spans="14:14">
      <c r="N541702" s="10"/>
    </row>
    <row r="541703" spans="14:14">
      <c r="N541703" s="10"/>
    </row>
    <row r="541704" spans="14:14">
      <c r="N541704" s="10"/>
    </row>
    <row r="541705" spans="14:14">
      <c r="N541705" s="10"/>
    </row>
    <row r="541706" spans="14:14">
      <c r="N541706" s="10"/>
    </row>
    <row r="541707" spans="14:14">
      <c r="N541707" s="10"/>
    </row>
    <row r="541708" spans="14:14">
      <c r="N541708" s="10"/>
    </row>
    <row r="541709" spans="14:14">
      <c r="N541709" s="10"/>
    </row>
    <row r="541710" spans="14:14">
      <c r="N541710" s="10"/>
    </row>
    <row r="541711" spans="14:14">
      <c r="N541711" s="10"/>
    </row>
    <row r="541712" spans="14:14">
      <c r="N541712" s="10"/>
    </row>
    <row r="541713" spans="14:14">
      <c r="N541713" s="10"/>
    </row>
    <row r="541714" spans="14:14">
      <c r="N541714" s="10"/>
    </row>
    <row r="541715" spans="14:14">
      <c r="N541715" s="10"/>
    </row>
    <row r="541716" spans="14:14">
      <c r="N541716" s="10"/>
    </row>
    <row r="541717" spans="14:14">
      <c r="N541717" s="10"/>
    </row>
    <row r="541718" spans="14:14">
      <c r="N541718" s="10"/>
    </row>
    <row r="541719" spans="14:14">
      <c r="N541719" s="10"/>
    </row>
    <row r="541720" spans="14:14">
      <c r="N541720" s="10"/>
    </row>
    <row r="541721" spans="14:14">
      <c r="N541721" s="10"/>
    </row>
    <row r="541722" spans="14:14">
      <c r="N541722" s="10"/>
    </row>
    <row r="541723" spans="14:14">
      <c r="N541723" s="10"/>
    </row>
    <row r="541724" spans="14:14">
      <c r="N541724" s="10"/>
    </row>
    <row r="541725" spans="14:14">
      <c r="N541725" s="10"/>
    </row>
    <row r="541726" spans="14:14">
      <c r="N541726" s="10"/>
    </row>
    <row r="541727" spans="14:14">
      <c r="N541727" s="10"/>
    </row>
    <row r="541728" spans="14:14">
      <c r="N541728" s="10"/>
    </row>
    <row r="541729" spans="14:14">
      <c r="N541729" s="10"/>
    </row>
    <row r="541730" spans="14:14">
      <c r="N541730" s="10"/>
    </row>
    <row r="541731" spans="14:14">
      <c r="N541731" s="10"/>
    </row>
    <row r="541732" spans="14:14">
      <c r="N541732" s="10"/>
    </row>
    <row r="541733" spans="14:14">
      <c r="N541733" s="10"/>
    </row>
    <row r="541734" spans="14:14">
      <c r="N541734" s="10"/>
    </row>
    <row r="541735" spans="14:14">
      <c r="N541735" s="10"/>
    </row>
    <row r="541736" spans="14:14">
      <c r="N541736" s="10"/>
    </row>
    <row r="541737" spans="14:14">
      <c r="N541737" s="10"/>
    </row>
    <row r="541738" spans="14:14">
      <c r="N541738" s="10"/>
    </row>
    <row r="541739" spans="14:14">
      <c r="N541739" s="10"/>
    </row>
    <row r="541740" spans="14:14">
      <c r="N541740" s="10"/>
    </row>
    <row r="541741" spans="14:14">
      <c r="N541741" s="10"/>
    </row>
    <row r="541742" spans="14:14">
      <c r="N541742" s="10"/>
    </row>
    <row r="541743" spans="14:14">
      <c r="N541743" s="10"/>
    </row>
    <row r="541744" spans="14:14">
      <c r="N541744" s="10"/>
    </row>
    <row r="541745" spans="14:14">
      <c r="N541745" s="10"/>
    </row>
    <row r="541746" spans="14:14">
      <c r="N541746" s="10"/>
    </row>
    <row r="541747" spans="14:14">
      <c r="N541747" s="10"/>
    </row>
    <row r="541748" spans="14:14">
      <c r="N541748" s="10"/>
    </row>
    <row r="541749" spans="14:14">
      <c r="N541749" s="10"/>
    </row>
    <row r="541750" spans="14:14">
      <c r="N541750" s="10"/>
    </row>
    <row r="541751" spans="14:14">
      <c r="N541751" s="10"/>
    </row>
    <row r="541752" spans="14:14">
      <c r="N541752" s="10"/>
    </row>
    <row r="541753" spans="14:14">
      <c r="N541753" s="10"/>
    </row>
    <row r="541754" spans="14:14">
      <c r="N541754" s="10"/>
    </row>
    <row r="541755" spans="14:14">
      <c r="N541755" s="10"/>
    </row>
    <row r="541756" spans="14:14">
      <c r="N541756" s="10"/>
    </row>
    <row r="541757" spans="14:14">
      <c r="N541757" s="10"/>
    </row>
    <row r="541758" spans="14:14">
      <c r="N541758" s="10"/>
    </row>
    <row r="541759" spans="14:14">
      <c r="N541759" s="10"/>
    </row>
    <row r="541760" spans="14:14">
      <c r="N541760" s="10"/>
    </row>
    <row r="541761" spans="14:14">
      <c r="N541761" s="10"/>
    </row>
    <row r="541762" spans="14:14">
      <c r="N541762" s="10"/>
    </row>
    <row r="541763" spans="14:14">
      <c r="N541763" s="10"/>
    </row>
    <row r="541764" spans="14:14">
      <c r="N541764" s="10"/>
    </row>
    <row r="541765" spans="14:14">
      <c r="N541765" s="10"/>
    </row>
    <row r="541766" spans="14:14">
      <c r="N541766" s="10"/>
    </row>
    <row r="541767" spans="14:14">
      <c r="N541767" s="10"/>
    </row>
    <row r="541768" spans="14:14">
      <c r="N541768" s="10"/>
    </row>
    <row r="541769" spans="14:14">
      <c r="N541769" s="10"/>
    </row>
    <row r="541770" spans="14:14">
      <c r="N541770" s="10"/>
    </row>
    <row r="541771" spans="14:14">
      <c r="N541771" s="10"/>
    </row>
    <row r="541772" spans="14:14">
      <c r="N541772" s="10"/>
    </row>
    <row r="541773" spans="14:14">
      <c r="N541773" s="10"/>
    </row>
    <row r="541774" spans="14:14">
      <c r="N541774" s="10"/>
    </row>
    <row r="541775" spans="14:14">
      <c r="N541775" s="10"/>
    </row>
    <row r="541776" spans="14:14">
      <c r="N541776" s="10"/>
    </row>
    <row r="541777" spans="14:14">
      <c r="N541777" s="10"/>
    </row>
    <row r="541778" spans="14:14">
      <c r="N541778" s="10"/>
    </row>
    <row r="541779" spans="14:14">
      <c r="N541779" s="10"/>
    </row>
    <row r="541780" spans="14:14">
      <c r="N541780" s="10"/>
    </row>
    <row r="541781" spans="14:14">
      <c r="N541781" s="10"/>
    </row>
    <row r="541782" spans="14:14">
      <c r="N541782" s="10"/>
    </row>
    <row r="541783" spans="14:14">
      <c r="N541783" s="10"/>
    </row>
    <row r="541784" spans="14:14">
      <c r="N541784" s="10"/>
    </row>
    <row r="541785" spans="14:14">
      <c r="N541785" s="10"/>
    </row>
    <row r="541786" spans="14:14">
      <c r="N541786" s="10"/>
    </row>
    <row r="541787" spans="14:14">
      <c r="N541787" s="10"/>
    </row>
    <row r="541788" spans="14:14">
      <c r="N541788" s="10"/>
    </row>
    <row r="541789" spans="14:14">
      <c r="N541789" s="10"/>
    </row>
    <row r="541790" spans="14:14">
      <c r="N541790" s="10"/>
    </row>
    <row r="541791" spans="14:14">
      <c r="N541791" s="10"/>
    </row>
    <row r="541792" spans="14:14">
      <c r="N541792" s="10"/>
    </row>
    <row r="541793" spans="14:14">
      <c r="N541793" s="10"/>
    </row>
    <row r="541794" spans="14:14">
      <c r="N541794" s="10"/>
    </row>
    <row r="541795" spans="14:14">
      <c r="N541795" s="10"/>
    </row>
    <row r="541796" spans="14:14">
      <c r="N541796" s="10"/>
    </row>
    <row r="541797" spans="14:14">
      <c r="N541797" s="10"/>
    </row>
    <row r="541798" spans="14:14">
      <c r="N541798" s="10"/>
    </row>
    <row r="541799" spans="14:14">
      <c r="N541799" s="10"/>
    </row>
    <row r="541800" spans="14:14">
      <c r="N541800" s="10"/>
    </row>
    <row r="541801" spans="14:14">
      <c r="N541801" s="10"/>
    </row>
    <row r="541802" spans="14:14">
      <c r="N541802" s="10"/>
    </row>
    <row r="541803" spans="14:14">
      <c r="N541803" s="10"/>
    </row>
    <row r="541804" spans="14:14">
      <c r="N541804" s="10"/>
    </row>
    <row r="541805" spans="14:14">
      <c r="N541805" s="10"/>
    </row>
    <row r="541806" spans="14:14">
      <c r="N541806" s="10"/>
    </row>
    <row r="541807" spans="14:14">
      <c r="N541807" s="10"/>
    </row>
    <row r="541808" spans="14:14">
      <c r="N541808" s="10"/>
    </row>
    <row r="541809" spans="14:14">
      <c r="N541809" s="10"/>
    </row>
    <row r="541810" spans="14:14">
      <c r="N541810" s="10"/>
    </row>
    <row r="541811" spans="14:14">
      <c r="N541811" s="10"/>
    </row>
    <row r="541812" spans="14:14">
      <c r="N541812" s="10"/>
    </row>
    <row r="541813" spans="14:14">
      <c r="N541813" s="10"/>
    </row>
    <row r="541814" spans="14:14">
      <c r="N541814" s="10"/>
    </row>
    <row r="541815" spans="14:14">
      <c r="N541815" s="10"/>
    </row>
    <row r="541816" spans="14:14">
      <c r="N541816" s="10"/>
    </row>
    <row r="541817" spans="14:14">
      <c r="N541817" s="10"/>
    </row>
    <row r="541818" spans="14:14">
      <c r="N541818" s="10"/>
    </row>
    <row r="541819" spans="14:14">
      <c r="N541819" s="10"/>
    </row>
    <row r="541820" spans="14:14">
      <c r="N541820" s="10"/>
    </row>
    <row r="541821" spans="14:14">
      <c r="N541821" s="10"/>
    </row>
    <row r="541822" spans="14:14">
      <c r="N541822" s="10"/>
    </row>
    <row r="541823" spans="14:14">
      <c r="N541823" s="10"/>
    </row>
    <row r="541824" spans="14:14">
      <c r="N541824" s="10"/>
    </row>
    <row r="541825" spans="14:14">
      <c r="N541825" s="10"/>
    </row>
    <row r="541826" spans="14:14">
      <c r="N541826" s="10"/>
    </row>
    <row r="541827" spans="14:14">
      <c r="N541827" s="10"/>
    </row>
    <row r="541828" spans="14:14">
      <c r="N541828" s="10"/>
    </row>
    <row r="541829" spans="14:14">
      <c r="N541829" s="10"/>
    </row>
    <row r="541830" spans="14:14">
      <c r="N541830" s="10"/>
    </row>
    <row r="541831" spans="14:14">
      <c r="N541831" s="10"/>
    </row>
    <row r="541832" spans="14:14">
      <c r="N541832" s="10"/>
    </row>
    <row r="541833" spans="14:14">
      <c r="N541833" s="10"/>
    </row>
    <row r="541834" spans="14:14">
      <c r="N541834" s="10"/>
    </row>
    <row r="541835" spans="14:14">
      <c r="N541835" s="10"/>
    </row>
    <row r="541836" spans="14:14">
      <c r="N541836" s="10"/>
    </row>
    <row r="541837" spans="14:14">
      <c r="N541837" s="10"/>
    </row>
    <row r="541838" spans="14:14">
      <c r="N541838" s="10"/>
    </row>
    <row r="541839" spans="14:14">
      <c r="N541839" s="10"/>
    </row>
    <row r="541840" spans="14:14">
      <c r="N541840" s="10"/>
    </row>
    <row r="541841" spans="14:14">
      <c r="N541841" s="10"/>
    </row>
    <row r="541842" spans="14:14">
      <c r="N541842" s="10"/>
    </row>
    <row r="541843" spans="14:14">
      <c r="N541843" s="10"/>
    </row>
    <row r="541844" spans="14:14">
      <c r="N541844" s="10"/>
    </row>
    <row r="541845" spans="14:14">
      <c r="N541845" s="10"/>
    </row>
    <row r="541846" spans="14:14">
      <c r="N541846" s="10"/>
    </row>
    <row r="541847" spans="14:14">
      <c r="N541847" s="10"/>
    </row>
    <row r="541848" spans="14:14">
      <c r="N541848" s="10"/>
    </row>
    <row r="541849" spans="14:14">
      <c r="N541849" s="10"/>
    </row>
    <row r="541850" spans="14:14">
      <c r="N541850" s="10"/>
    </row>
    <row r="541851" spans="14:14">
      <c r="N541851" s="10"/>
    </row>
    <row r="541852" spans="14:14">
      <c r="N541852" s="10"/>
    </row>
    <row r="541853" spans="14:14">
      <c r="N541853" s="10"/>
    </row>
    <row r="541854" spans="14:14">
      <c r="N541854" s="10"/>
    </row>
    <row r="541855" spans="14:14">
      <c r="N541855" s="10"/>
    </row>
    <row r="541856" spans="14:14">
      <c r="N541856" s="10"/>
    </row>
    <row r="541857" spans="14:14">
      <c r="N541857" s="10"/>
    </row>
    <row r="541858" spans="14:14">
      <c r="N541858" s="10"/>
    </row>
    <row r="541859" spans="14:14">
      <c r="N541859" s="10"/>
    </row>
    <row r="541860" spans="14:14">
      <c r="N541860" s="10"/>
    </row>
    <row r="541861" spans="14:14">
      <c r="N541861" s="10"/>
    </row>
    <row r="541862" spans="14:14">
      <c r="N541862" s="10"/>
    </row>
    <row r="541863" spans="14:14">
      <c r="N541863" s="10"/>
    </row>
    <row r="541864" spans="14:14">
      <c r="N541864" s="10"/>
    </row>
    <row r="541865" spans="14:14">
      <c r="N541865" s="10"/>
    </row>
    <row r="541866" spans="14:14">
      <c r="N541866" s="10"/>
    </row>
    <row r="541867" spans="14:14">
      <c r="N541867" s="10"/>
    </row>
    <row r="541868" spans="14:14">
      <c r="N541868" s="10"/>
    </row>
    <row r="541869" spans="14:14">
      <c r="N541869" s="10"/>
    </row>
    <row r="541870" spans="14:14">
      <c r="N541870" s="10"/>
    </row>
    <row r="541871" spans="14:14">
      <c r="N541871" s="10"/>
    </row>
    <row r="541872" spans="14:14">
      <c r="N541872" s="10"/>
    </row>
    <row r="541873" spans="14:14">
      <c r="N541873" s="10"/>
    </row>
    <row r="541874" spans="14:14">
      <c r="N541874" s="10"/>
    </row>
    <row r="541875" spans="14:14">
      <c r="N541875" s="10"/>
    </row>
    <row r="541876" spans="14:14">
      <c r="N541876" s="10"/>
    </row>
    <row r="541877" spans="14:14">
      <c r="N541877" s="10"/>
    </row>
    <row r="541878" spans="14:14">
      <c r="N541878" s="10"/>
    </row>
    <row r="541879" spans="14:14">
      <c r="N541879" s="10"/>
    </row>
    <row r="541880" spans="14:14">
      <c r="N541880" s="10"/>
    </row>
    <row r="541881" spans="14:14">
      <c r="N541881" s="10"/>
    </row>
    <row r="541882" spans="14:14">
      <c r="N541882" s="10"/>
    </row>
    <row r="541883" spans="14:14">
      <c r="N541883" s="10"/>
    </row>
    <row r="541884" spans="14:14">
      <c r="N541884" s="10"/>
    </row>
    <row r="541885" spans="14:14">
      <c r="N541885" s="10"/>
    </row>
    <row r="541886" spans="14:14">
      <c r="N541886" s="10"/>
    </row>
    <row r="541887" spans="14:14">
      <c r="N541887" s="10"/>
    </row>
    <row r="541888" spans="14:14">
      <c r="N541888" s="10"/>
    </row>
    <row r="541889" spans="14:14">
      <c r="N541889" s="10"/>
    </row>
    <row r="541890" spans="14:14">
      <c r="N541890" s="10"/>
    </row>
    <row r="541891" spans="14:14">
      <c r="N541891" s="10"/>
    </row>
    <row r="541892" spans="14:14">
      <c r="N541892" s="10"/>
    </row>
    <row r="541893" spans="14:14">
      <c r="N541893" s="10"/>
    </row>
    <row r="541894" spans="14:14">
      <c r="N541894" s="10"/>
    </row>
    <row r="541895" spans="14:14">
      <c r="N541895" s="10"/>
    </row>
    <row r="541896" spans="14:14">
      <c r="N541896" s="10"/>
    </row>
    <row r="541897" spans="14:14">
      <c r="N541897" s="10"/>
    </row>
    <row r="541898" spans="14:14">
      <c r="N541898" s="10"/>
    </row>
    <row r="541899" spans="14:14">
      <c r="N541899" s="10"/>
    </row>
    <row r="541900" spans="14:14">
      <c r="N541900" s="10"/>
    </row>
    <row r="541901" spans="14:14">
      <c r="N541901" s="10"/>
    </row>
    <row r="541902" spans="14:14">
      <c r="N541902" s="10"/>
    </row>
    <row r="541903" spans="14:14">
      <c r="N541903" s="10"/>
    </row>
    <row r="541904" spans="14:14">
      <c r="N541904" s="10"/>
    </row>
    <row r="541905" spans="14:14">
      <c r="N541905" s="10"/>
    </row>
    <row r="541906" spans="14:14">
      <c r="N541906" s="10"/>
    </row>
    <row r="541907" spans="14:14">
      <c r="N541907" s="10"/>
    </row>
    <row r="541908" spans="14:14">
      <c r="N541908" s="10"/>
    </row>
    <row r="541909" spans="14:14">
      <c r="N541909" s="10"/>
    </row>
    <row r="541910" spans="14:14">
      <c r="N541910" s="10"/>
    </row>
    <row r="541911" spans="14:14">
      <c r="N541911" s="10"/>
    </row>
    <row r="541912" spans="14:14">
      <c r="N541912" s="10"/>
    </row>
    <row r="541913" spans="14:14">
      <c r="N541913" s="10"/>
    </row>
    <row r="541914" spans="14:14">
      <c r="N541914" s="10"/>
    </row>
    <row r="541915" spans="14:14">
      <c r="N541915" s="10"/>
    </row>
    <row r="541916" spans="14:14">
      <c r="N541916" s="10"/>
    </row>
    <row r="541917" spans="14:14">
      <c r="N541917" s="10"/>
    </row>
    <row r="541918" spans="14:14">
      <c r="N541918" s="10"/>
    </row>
    <row r="541919" spans="14:14">
      <c r="N541919" s="10"/>
    </row>
    <row r="541920" spans="14:14">
      <c r="N541920" s="10"/>
    </row>
    <row r="541921" spans="14:14">
      <c r="N541921" s="10"/>
    </row>
    <row r="541922" spans="14:14">
      <c r="N541922" s="10"/>
    </row>
    <row r="541923" spans="14:14">
      <c r="N541923" s="10"/>
    </row>
    <row r="541924" spans="14:14">
      <c r="N541924" s="10"/>
    </row>
    <row r="541925" spans="14:14">
      <c r="N541925" s="10"/>
    </row>
    <row r="541926" spans="14:14">
      <c r="N541926" s="10"/>
    </row>
    <row r="541927" spans="14:14">
      <c r="N541927" s="10"/>
    </row>
    <row r="541928" spans="14:14">
      <c r="N541928" s="10"/>
    </row>
    <row r="541929" spans="14:14">
      <c r="N541929" s="10"/>
    </row>
    <row r="541930" spans="14:14">
      <c r="N541930" s="10"/>
    </row>
    <row r="541931" spans="14:14">
      <c r="N541931" s="10"/>
    </row>
    <row r="541932" spans="14:14">
      <c r="N541932" s="10"/>
    </row>
    <row r="541933" spans="14:14">
      <c r="N541933" s="10"/>
    </row>
    <row r="541934" spans="14:14">
      <c r="N541934" s="10"/>
    </row>
    <row r="541935" spans="14:14">
      <c r="N541935" s="10"/>
    </row>
    <row r="541936" spans="14:14">
      <c r="N541936" s="10"/>
    </row>
    <row r="541937" spans="14:14">
      <c r="N541937" s="10"/>
    </row>
    <row r="541938" spans="14:14">
      <c r="N541938" s="10"/>
    </row>
    <row r="541939" spans="14:14">
      <c r="N541939" s="10"/>
    </row>
    <row r="541940" spans="14:14">
      <c r="N541940" s="10"/>
    </row>
    <row r="541941" spans="14:14">
      <c r="N541941" s="10"/>
    </row>
    <row r="541942" spans="14:14">
      <c r="N541942" s="10"/>
    </row>
    <row r="541943" spans="14:14">
      <c r="N541943" s="10"/>
    </row>
    <row r="541944" spans="14:14">
      <c r="N541944" s="10"/>
    </row>
    <row r="541945" spans="14:14">
      <c r="N541945" s="10"/>
    </row>
    <row r="541946" spans="14:14">
      <c r="N541946" s="10"/>
    </row>
    <row r="541947" spans="14:14">
      <c r="N541947" s="10"/>
    </row>
    <row r="541948" spans="14:14">
      <c r="N541948" s="10"/>
    </row>
    <row r="541949" spans="14:14">
      <c r="N541949" s="10"/>
    </row>
    <row r="541950" spans="14:14">
      <c r="N541950" s="10"/>
    </row>
    <row r="541951" spans="14:14">
      <c r="N541951" s="10"/>
    </row>
    <row r="541952" spans="14:14">
      <c r="N541952" s="10"/>
    </row>
    <row r="541953" spans="14:14">
      <c r="N541953" s="10"/>
    </row>
    <row r="541954" spans="14:14">
      <c r="N541954" s="10"/>
    </row>
    <row r="541955" spans="14:14">
      <c r="N541955" s="10"/>
    </row>
    <row r="541956" spans="14:14">
      <c r="N541956" s="10"/>
    </row>
    <row r="541957" spans="14:14">
      <c r="N541957" s="10"/>
    </row>
    <row r="541958" spans="14:14">
      <c r="N541958" s="10"/>
    </row>
    <row r="541959" spans="14:14">
      <c r="N541959" s="10"/>
    </row>
    <row r="541960" spans="14:14">
      <c r="N541960" s="10"/>
    </row>
    <row r="541961" spans="14:14">
      <c r="N541961" s="10"/>
    </row>
    <row r="541962" spans="14:14">
      <c r="N541962" s="10"/>
    </row>
    <row r="541963" spans="14:14">
      <c r="N541963" s="10"/>
    </row>
    <row r="541964" spans="14:14">
      <c r="N541964" s="10"/>
    </row>
    <row r="541965" spans="14:14">
      <c r="N541965" s="10"/>
    </row>
    <row r="541966" spans="14:14">
      <c r="N541966" s="10"/>
    </row>
    <row r="541967" spans="14:14">
      <c r="N541967" s="10"/>
    </row>
    <row r="541968" spans="14:14">
      <c r="N541968" s="10"/>
    </row>
    <row r="541969" spans="14:14">
      <c r="N541969" s="10"/>
    </row>
    <row r="541970" spans="14:14">
      <c r="N541970" s="10"/>
    </row>
    <row r="541971" spans="14:14">
      <c r="N541971" s="10"/>
    </row>
    <row r="541972" spans="14:14">
      <c r="N541972" s="10"/>
    </row>
    <row r="541973" spans="14:14">
      <c r="N541973" s="10"/>
    </row>
    <row r="541974" spans="14:14">
      <c r="N541974" s="10"/>
    </row>
    <row r="541975" spans="14:14">
      <c r="N541975" s="10"/>
    </row>
    <row r="541976" spans="14:14">
      <c r="N541976" s="10"/>
    </row>
    <row r="541977" spans="14:14">
      <c r="N541977" s="10"/>
    </row>
    <row r="541978" spans="14:14">
      <c r="N541978" s="10"/>
    </row>
    <row r="541979" spans="14:14">
      <c r="N541979" s="10"/>
    </row>
    <row r="541980" spans="14:14">
      <c r="N541980" s="10"/>
    </row>
    <row r="541981" spans="14:14">
      <c r="N541981" s="10"/>
    </row>
    <row r="541982" spans="14:14">
      <c r="N541982" s="10"/>
    </row>
    <row r="541983" spans="14:14">
      <c r="N541983" s="10"/>
    </row>
    <row r="541984" spans="14:14">
      <c r="N541984" s="10"/>
    </row>
    <row r="541985" spans="14:14">
      <c r="N541985" s="10"/>
    </row>
    <row r="541986" spans="14:14">
      <c r="N541986" s="10"/>
    </row>
    <row r="541987" spans="14:14">
      <c r="N541987" s="10"/>
    </row>
    <row r="541988" spans="14:14">
      <c r="N541988" s="10"/>
    </row>
    <row r="541989" spans="14:14">
      <c r="N541989" s="10"/>
    </row>
    <row r="541990" spans="14:14">
      <c r="N541990" s="10"/>
    </row>
    <row r="541991" spans="14:14">
      <c r="N541991" s="10"/>
    </row>
    <row r="541992" spans="14:14">
      <c r="N541992" s="10"/>
    </row>
    <row r="541993" spans="14:14">
      <c r="N541993" s="10"/>
    </row>
    <row r="541994" spans="14:14">
      <c r="N541994" s="10"/>
    </row>
    <row r="541995" spans="14:14">
      <c r="N541995" s="10"/>
    </row>
    <row r="541996" spans="14:14">
      <c r="N541996" s="10"/>
    </row>
    <row r="541997" spans="14:14">
      <c r="N541997" s="10"/>
    </row>
    <row r="541998" spans="14:14">
      <c r="N541998" s="10"/>
    </row>
    <row r="541999" spans="14:14">
      <c r="N541999" s="10"/>
    </row>
    <row r="542000" spans="14:14">
      <c r="N542000" s="10"/>
    </row>
    <row r="542001" spans="14:14">
      <c r="N542001" s="10"/>
    </row>
    <row r="542002" spans="14:14">
      <c r="N542002" s="10"/>
    </row>
    <row r="542003" spans="14:14">
      <c r="N542003" s="10"/>
    </row>
    <row r="542004" spans="14:14">
      <c r="N542004" s="10"/>
    </row>
    <row r="542005" spans="14:14">
      <c r="N542005" s="10"/>
    </row>
    <row r="542006" spans="14:14">
      <c r="N542006" s="10"/>
    </row>
    <row r="542007" spans="14:14">
      <c r="N542007" s="10"/>
    </row>
    <row r="542008" spans="14:14">
      <c r="N542008" s="10"/>
    </row>
    <row r="542009" spans="14:14">
      <c r="N542009" s="10"/>
    </row>
    <row r="542010" spans="14:14">
      <c r="N542010" s="10"/>
    </row>
    <row r="542011" spans="14:14">
      <c r="N542011" s="10"/>
    </row>
    <row r="542012" spans="14:14">
      <c r="N542012" s="10"/>
    </row>
    <row r="542013" spans="14:14">
      <c r="N542013" s="10"/>
    </row>
    <row r="542014" spans="14:14">
      <c r="N542014" s="10"/>
    </row>
    <row r="542015" spans="14:14">
      <c r="N542015" s="10"/>
    </row>
    <row r="542016" spans="14:14">
      <c r="N542016" s="10"/>
    </row>
    <row r="542017" spans="14:14">
      <c r="N542017" s="10"/>
    </row>
    <row r="542018" spans="14:14">
      <c r="N542018" s="10"/>
    </row>
    <row r="542019" spans="14:14">
      <c r="N542019" s="10"/>
    </row>
    <row r="542020" spans="14:14">
      <c r="N542020" s="10"/>
    </row>
    <row r="542021" spans="14:14">
      <c r="N542021" s="10"/>
    </row>
    <row r="542022" spans="14:14">
      <c r="N542022" s="10"/>
    </row>
    <row r="542023" spans="14:14">
      <c r="N542023" s="10"/>
    </row>
    <row r="542024" spans="14:14">
      <c r="N542024" s="10"/>
    </row>
    <row r="542025" spans="14:14">
      <c r="N542025" s="10"/>
    </row>
    <row r="542026" spans="14:14">
      <c r="N542026" s="10"/>
    </row>
    <row r="542027" spans="14:14">
      <c r="N542027" s="10"/>
    </row>
    <row r="542028" spans="14:14">
      <c r="N542028" s="10"/>
    </row>
    <row r="542029" spans="14:14">
      <c r="N542029" s="10"/>
    </row>
    <row r="542030" spans="14:14">
      <c r="N542030" s="10"/>
    </row>
    <row r="542031" spans="14:14">
      <c r="N542031" s="10"/>
    </row>
    <row r="542032" spans="14:14">
      <c r="N542032" s="10"/>
    </row>
    <row r="542033" spans="14:14">
      <c r="N542033" s="10"/>
    </row>
    <row r="542034" spans="14:14">
      <c r="N542034" s="10"/>
    </row>
    <row r="542035" spans="14:14">
      <c r="N542035" s="10"/>
    </row>
    <row r="542036" spans="14:14">
      <c r="N542036" s="10"/>
    </row>
    <row r="542037" spans="14:14">
      <c r="N542037" s="10"/>
    </row>
    <row r="542038" spans="14:14">
      <c r="N542038" s="10"/>
    </row>
    <row r="542039" spans="14:14">
      <c r="N542039" s="10"/>
    </row>
    <row r="542040" spans="14:14">
      <c r="N542040" s="10"/>
    </row>
    <row r="542041" spans="14:14">
      <c r="N542041" s="10"/>
    </row>
    <row r="542042" spans="14:14">
      <c r="N542042" s="10"/>
    </row>
    <row r="542043" spans="14:14">
      <c r="N542043" s="10"/>
    </row>
    <row r="542044" spans="14:14">
      <c r="N542044" s="10"/>
    </row>
    <row r="542045" spans="14:14">
      <c r="N542045" s="10"/>
    </row>
    <row r="542046" spans="14:14">
      <c r="N542046" s="10"/>
    </row>
    <row r="542047" spans="14:14">
      <c r="N542047" s="10"/>
    </row>
    <row r="542048" spans="14:14">
      <c r="N542048" s="10"/>
    </row>
    <row r="542049" spans="14:14">
      <c r="N542049" s="10"/>
    </row>
    <row r="542050" spans="14:14">
      <c r="N542050" s="10"/>
    </row>
    <row r="542051" spans="14:14">
      <c r="N542051" s="10"/>
    </row>
    <row r="542052" spans="14:14">
      <c r="N542052" s="10"/>
    </row>
    <row r="542053" spans="14:14">
      <c r="N542053" s="10"/>
    </row>
    <row r="542054" spans="14:14">
      <c r="N542054" s="10"/>
    </row>
    <row r="542055" spans="14:14">
      <c r="N542055" s="10"/>
    </row>
    <row r="542056" spans="14:14">
      <c r="N542056" s="10"/>
    </row>
    <row r="542057" spans="14:14">
      <c r="N542057" s="10"/>
    </row>
    <row r="542058" spans="14:14">
      <c r="N542058" s="10"/>
    </row>
    <row r="542059" spans="14:14">
      <c r="N542059" s="10"/>
    </row>
    <row r="542060" spans="14:14">
      <c r="N542060" s="10"/>
    </row>
    <row r="542061" spans="14:14">
      <c r="N542061" s="10"/>
    </row>
    <row r="542062" spans="14:14">
      <c r="N542062" s="10"/>
    </row>
    <row r="542063" spans="14:14">
      <c r="N542063" s="10"/>
    </row>
    <row r="542064" spans="14:14">
      <c r="N542064" s="10"/>
    </row>
    <row r="542065" spans="14:14">
      <c r="N542065" s="10"/>
    </row>
    <row r="542066" spans="14:14">
      <c r="N542066" s="10"/>
    </row>
    <row r="542067" spans="14:14">
      <c r="N542067" s="10"/>
    </row>
    <row r="542068" spans="14:14">
      <c r="N542068" s="10"/>
    </row>
    <row r="542069" spans="14:14">
      <c r="N542069" s="10"/>
    </row>
    <row r="542070" spans="14:14">
      <c r="N542070" s="10"/>
    </row>
    <row r="542071" spans="14:14">
      <c r="N542071" s="10"/>
    </row>
    <row r="542072" spans="14:14">
      <c r="N542072" s="10"/>
    </row>
    <row r="542073" spans="14:14">
      <c r="N542073" s="10"/>
    </row>
    <row r="542074" spans="14:14">
      <c r="N542074" s="10"/>
    </row>
    <row r="542075" spans="14:14">
      <c r="N542075" s="10"/>
    </row>
    <row r="542076" spans="14:14">
      <c r="N542076" s="10"/>
    </row>
    <row r="542077" spans="14:14">
      <c r="N542077" s="10"/>
    </row>
    <row r="542078" spans="14:14">
      <c r="N542078" s="10"/>
    </row>
    <row r="542079" spans="14:14">
      <c r="N542079" s="10"/>
    </row>
    <row r="542080" spans="14:14">
      <c r="N542080" s="10"/>
    </row>
    <row r="542081" spans="14:14">
      <c r="N542081" s="10"/>
    </row>
    <row r="542082" spans="14:14">
      <c r="N542082" s="10"/>
    </row>
    <row r="542083" spans="14:14">
      <c r="N542083" s="10"/>
    </row>
    <row r="542084" spans="14:14">
      <c r="N542084" s="10"/>
    </row>
    <row r="542085" spans="14:14">
      <c r="N542085" s="10"/>
    </row>
    <row r="542086" spans="14:14">
      <c r="N542086" s="10"/>
    </row>
    <row r="542087" spans="14:14">
      <c r="N542087" s="10"/>
    </row>
    <row r="542088" spans="14:14">
      <c r="N542088" s="10"/>
    </row>
    <row r="542089" spans="14:14">
      <c r="N542089" s="10"/>
    </row>
    <row r="542090" spans="14:14">
      <c r="N542090" s="10"/>
    </row>
    <row r="542091" spans="14:14">
      <c r="N542091" s="10"/>
    </row>
    <row r="542092" spans="14:14">
      <c r="N542092" s="10"/>
    </row>
    <row r="542093" spans="14:14">
      <c r="N542093" s="10"/>
    </row>
    <row r="542094" spans="14:14">
      <c r="N542094" s="10"/>
    </row>
    <row r="542095" spans="14:14">
      <c r="N542095" s="10"/>
    </row>
    <row r="542096" spans="14:14">
      <c r="N542096" s="10"/>
    </row>
    <row r="542097" spans="14:14">
      <c r="N542097" s="10"/>
    </row>
    <row r="542098" spans="14:14">
      <c r="N542098" s="10"/>
    </row>
    <row r="542099" spans="14:14">
      <c r="N542099" s="10"/>
    </row>
    <row r="542100" spans="14:14">
      <c r="N542100" s="10"/>
    </row>
    <row r="542101" spans="14:14">
      <c r="N542101" s="10"/>
    </row>
    <row r="542102" spans="14:14">
      <c r="N542102" s="10"/>
    </row>
    <row r="542103" spans="14:14">
      <c r="N542103" s="10"/>
    </row>
    <row r="542104" spans="14:14">
      <c r="N542104" s="10"/>
    </row>
    <row r="542105" spans="14:14">
      <c r="N542105" s="10"/>
    </row>
    <row r="542106" spans="14:14">
      <c r="N542106" s="10"/>
    </row>
    <row r="542107" spans="14:14">
      <c r="N542107" s="10"/>
    </row>
    <row r="542108" spans="14:14">
      <c r="N542108" s="10"/>
    </row>
    <row r="542109" spans="14:14">
      <c r="N542109" s="10"/>
    </row>
    <row r="542110" spans="14:14">
      <c r="N542110" s="10"/>
    </row>
    <row r="542111" spans="14:14">
      <c r="N542111" s="10"/>
    </row>
    <row r="542112" spans="14:14">
      <c r="N542112" s="10"/>
    </row>
    <row r="542113" spans="14:14">
      <c r="N542113" s="10"/>
    </row>
    <row r="542114" spans="14:14">
      <c r="N542114" s="10"/>
    </row>
    <row r="542115" spans="14:14">
      <c r="N542115" s="10"/>
    </row>
    <row r="542116" spans="14:14">
      <c r="N542116" s="10"/>
    </row>
    <row r="542117" spans="14:14">
      <c r="N542117" s="10"/>
    </row>
    <row r="542118" spans="14:14">
      <c r="N542118" s="10"/>
    </row>
    <row r="542119" spans="14:14">
      <c r="N542119" s="10"/>
    </row>
    <row r="542120" spans="14:14">
      <c r="N542120" s="10"/>
    </row>
    <row r="542121" spans="14:14">
      <c r="N542121" s="10"/>
    </row>
    <row r="542122" spans="14:14">
      <c r="N542122" s="10"/>
    </row>
    <row r="542123" spans="14:14">
      <c r="N542123" s="10"/>
    </row>
    <row r="542124" spans="14:14">
      <c r="N542124" s="10"/>
    </row>
    <row r="542125" spans="14:14">
      <c r="N542125" s="10"/>
    </row>
    <row r="542126" spans="14:14">
      <c r="N542126" s="10"/>
    </row>
    <row r="542127" spans="14:14">
      <c r="N542127" s="10"/>
    </row>
    <row r="542128" spans="14:14">
      <c r="N542128" s="10"/>
    </row>
    <row r="542129" spans="14:14">
      <c r="N542129" s="10"/>
    </row>
    <row r="542130" spans="14:14">
      <c r="N542130" s="10"/>
    </row>
    <row r="542131" spans="14:14">
      <c r="N542131" s="10"/>
    </row>
    <row r="542132" spans="14:14">
      <c r="N542132" s="10"/>
    </row>
    <row r="542133" spans="14:14">
      <c r="N542133" s="10"/>
    </row>
    <row r="542134" spans="14:14">
      <c r="N542134" s="10"/>
    </row>
    <row r="542135" spans="14:14">
      <c r="N542135" s="10"/>
    </row>
    <row r="542136" spans="14:14">
      <c r="N542136" s="10"/>
    </row>
    <row r="542137" spans="14:14">
      <c r="N542137" s="10"/>
    </row>
    <row r="542138" spans="14:14">
      <c r="N542138" s="10"/>
    </row>
    <row r="542139" spans="14:14">
      <c r="N542139" s="10"/>
    </row>
    <row r="542140" spans="14:14">
      <c r="N542140" s="10"/>
    </row>
    <row r="542141" spans="14:14">
      <c r="N542141" s="10"/>
    </row>
    <row r="542142" spans="14:14">
      <c r="N542142" s="10"/>
    </row>
    <row r="542143" spans="14:14">
      <c r="N542143" s="10"/>
    </row>
    <row r="542144" spans="14:14">
      <c r="N542144" s="10"/>
    </row>
    <row r="542145" spans="14:14">
      <c r="N542145" s="10"/>
    </row>
    <row r="542146" spans="14:14">
      <c r="N542146" s="10"/>
    </row>
    <row r="542147" spans="14:14">
      <c r="N542147" s="10"/>
    </row>
    <row r="542148" spans="14:14">
      <c r="N542148" s="10"/>
    </row>
    <row r="542149" spans="14:14">
      <c r="N542149" s="10"/>
    </row>
    <row r="542150" spans="14:14">
      <c r="N542150" s="10"/>
    </row>
    <row r="542151" spans="14:14">
      <c r="N542151" s="10"/>
    </row>
    <row r="542152" spans="14:14">
      <c r="N542152" s="10"/>
    </row>
    <row r="542153" spans="14:14">
      <c r="N542153" s="10"/>
    </row>
    <row r="542154" spans="14:14">
      <c r="N542154" s="10"/>
    </row>
    <row r="542155" spans="14:14">
      <c r="N542155" s="10"/>
    </row>
    <row r="542156" spans="14:14">
      <c r="N542156" s="10"/>
    </row>
    <row r="542157" spans="14:14">
      <c r="N542157" s="10"/>
    </row>
    <row r="542158" spans="14:14">
      <c r="N542158" s="10"/>
    </row>
    <row r="542159" spans="14:14">
      <c r="N542159" s="10"/>
    </row>
    <row r="542160" spans="14:14">
      <c r="N542160" s="10"/>
    </row>
    <row r="542161" spans="14:14">
      <c r="N542161" s="10"/>
    </row>
    <row r="542162" spans="14:14">
      <c r="N542162" s="10"/>
    </row>
    <row r="542163" spans="14:14">
      <c r="N542163" s="10"/>
    </row>
    <row r="542164" spans="14:14">
      <c r="N542164" s="10"/>
    </row>
    <row r="542165" spans="14:14">
      <c r="N542165" s="10"/>
    </row>
    <row r="542166" spans="14:14">
      <c r="N542166" s="10"/>
    </row>
    <row r="542167" spans="14:14">
      <c r="N542167" s="10"/>
    </row>
    <row r="542168" spans="14:14">
      <c r="N542168" s="10"/>
    </row>
    <row r="542169" spans="14:14">
      <c r="N542169" s="10"/>
    </row>
    <row r="542170" spans="14:14">
      <c r="N542170" s="10"/>
    </row>
    <row r="542171" spans="14:14">
      <c r="N542171" s="10"/>
    </row>
    <row r="542172" spans="14:14">
      <c r="N542172" s="10"/>
    </row>
    <row r="542173" spans="14:14">
      <c r="N542173" s="10"/>
    </row>
    <row r="542174" spans="14:14">
      <c r="N542174" s="10"/>
    </row>
    <row r="542175" spans="14:14">
      <c r="N542175" s="10"/>
    </row>
    <row r="542176" spans="14:14">
      <c r="N542176" s="10"/>
    </row>
    <row r="542177" spans="14:14">
      <c r="N542177" s="10"/>
    </row>
    <row r="542178" spans="14:14">
      <c r="N542178" s="10"/>
    </row>
    <row r="542179" spans="14:14">
      <c r="N542179" s="10"/>
    </row>
    <row r="542180" spans="14:14">
      <c r="N542180" s="10"/>
    </row>
    <row r="542181" spans="14:14">
      <c r="N542181" s="10"/>
    </row>
    <row r="542182" spans="14:14">
      <c r="N542182" s="10"/>
    </row>
    <row r="542183" spans="14:14">
      <c r="N542183" s="10"/>
    </row>
    <row r="542184" spans="14:14">
      <c r="N542184" s="10"/>
    </row>
    <row r="542185" spans="14:14">
      <c r="N542185" s="10"/>
    </row>
    <row r="542186" spans="14:14">
      <c r="N542186" s="10"/>
    </row>
    <row r="542187" spans="14:14">
      <c r="N542187" s="10"/>
    </row>
    <row r="542188" spans="14:14">
      <c r="N542188" s="10"/>
    </row>
    <row r="542189" spans="14:14">
      <c r="N542189" s="10"/>
    </row>
    <row r="542190" spans="14:14">
      <c r="N542190" s="10"/>
    </row>
    <row r="542191" spans="14:14">
      <c r="N542191" s="10"/>
    </row>
    <row r="542192" spans="14:14">
      <c r="N542192" s="10"/>
    </row>
    <row r="542193" spans="14:14">
      <c r="N542193" s="10"/>
    </row>
    <row r="542194" spans="14:14">
      <c r="N542194" s="10"/>
    </row>
    <row r="542195" spans="14:14">
      <c r="N542195" s="10"/>
    </row>
    <row r="542196" spans="14:14">
      <c r="N542196" s="10"/>
    </row>
    <row r="542197" spans="14:14">
      <c r="N542197" s="10"/>
    </row>
    <row r="542198" spans="14:14">
      <c r="N542198" s="10"/>
    </row>
    <row r="542199" spans="14:14">
      <c r="N542199" s="10"/>
    </row>
    <row r="542200" spans="14:14">
      <c r="N542200" s="10"/>
    </row>
    <row r="542201" spans="14:14">
      <c r="N542201" s="10"/>
    </row>
    <row r="542202" spans="14:14">
      <c r="N542202" s="10"/>
    </row>
    <row r="542203" spans="14:14">
      <c r="N542203" s="10"/>
    </row>
    <row r="542204" spans="14:14">
      <c r="N542204" s="10"/>
    </row>
    <row r="542205" spans="14:14">
      <c r="N542205" s="10"/>
    </row>
    <row r="542206" spans="14:14">
      <c r="N542206" s="10"/>
    </row>
    <row r="542207" spans="14:14">
      <c r="N542207" s="10"/>
    </row>
    <row r="542208" spans="14:14">
      <c r="N542208" s="10"/>
    </row>
    <row r="542209" spans="14:14">
      <c r="N542209" s="10"/>
    </row>
    <row r="542210" spans="14:14">
      <c r="N542210" s="10"/>
    </row>
    <row r="542211" spans="14:14">
      <c r="N542211" s="10"/>
    </row>
    <row r="542212" spans="14:14">
      <c r="N542212" s="10"/>
    </row>
    <row r="542213" spans="14:14">
      <c r="N542213" s="10"/>
    </row>
    <row r="542214" spans="14:14">
      <c r="N542214" s="10"/>
    </row>
    <row r="542215" spans="14:14">
      <c r="N542215" s="10"/>
    </row>
    <row r="542216" spans="14:14">
      <c r="N542216" s="10"/>
    </row>
    <row r="542217" spans="14:14">
      <c r="N542217" s="10"/>
    </row>
    <row r="542218" spans="14:14">
      <c r="N542218" s="10"/>
    </row>
    <row r="542219" spans="14:14">
      <c r="N542219" s="10"/>
    </row>
    <row r="542220" spans="14:14">
      <c r="N542220" s="10"/>
    </row>
    <row r="542221" spans="14:14">
      <c r="N542221" s="10"/>
    </row>
    <row r="542222" spans="14:14">
      <c r="N542222" s="10"/>
    </row>
    <row r="542223" spans="14:14">
      <c r="N542223" s="10"/>
    </row>
    <row r="542224" spans="14:14">
      <c r="N542224" s="10"/>
    </row>
    <row r="542225" spans="14:14">
      <c r="N542225" s="10"/>
    </row>
    <row r="542226" spans="14:14">
      <c r="N542226" s="10"/>
    </row>
    <row r="542227" spans="14:14">
      <c r="N542227" s="10"/>
    </row>
    <row r="542228" spans="14:14">
      <c r="N542228" s="10"/>
    </row>
    <row r="542229" spans="14:14">
      <c r="N542229" s="10"/>
    </row>
    <row r="542230" spans="14:14">
      <c r="N542230" s="10"/>
    </row>
    <row r="542231" spans="14:14">
      <c r="N542231" s="10"/>
    </row>
    <row r="542232" spans="14:14">
      <c r="N542232" s="10"/>
    </row>
    <row r="542233" spans="14:14">
      <c r="N542233" s="10"/>
    </row>
    <row r="542234" spans="14:14">
      <c r="N542234" s="10"/>
    </row>
    <row r="542235" spans="14:14">
      <c r="N542235" s="10"/>
    </row>
    <row r="542236" spans="14:14">
      <c r="N542236" s="10"/>
    </row>
    <row r="542237" spans="14:14">
      <c r="N542237" s="10"/>
    </row>
    <row r="542238" spans="14:14">
      <c r="N542238" s="10"/>
    </row>
    <row r="542239" spans="14:14">
      <c r="N542239" s="10"/>
    </row>
    <row r="542240" spans="14:14">
      <c r="N542240" s="10"/>
    </row>
    <row r="542241" spans="14:14">
      <c r="N542241" s="10"/>
    </row>
    <row r="542242" spans="14:14">
      <c r="N542242" s="10"/>
    </row>
    <row r="542243" spans="14:14">
      <c r="N542243" s="10"/>
    </row>
    <row r="542244" spans="14:14">
      <c r="N542244" s="10"/>
    </row>
    <row r="542245" spans="14:14">
      <c r="N542245" s="10"/>
    </row>
    <row r="542246" spans="14:14">
      <c r="N542246" s="10"/>
    </row>
    <row r="542247" spans="14:14">
      <c r="N542247" s="10"/>
    </row>
    <row r="542248" spans="14:14">
      <c r="N542248" s="10"/>
    </row>
    <row r="542249" spans="14:14">
      <c r="N542249" s="10"/>
    </row>
    <row r="542250" spans="14:14">
      <c r="N542250" s="10"/>
    </row>
    <row r="542251" spans="14:14">
      <c r="N542251" s="10"/>
    </row>
    <row r="542252" spans="14:14">
      <c r="N542252" s="10"/>
    </row>
    <row r="542253" spans="14:14">
      <c r="N542253" s="10"/>
    </row>
    <row r="542254" spans="14:14">
      <c r="N542254" s="10"/>
    </row>
    <row r="542255" spans="14:14">
      <c r="N542255" s="10"/>
    </row>
    <row r="542256" spans="14:14">
      <c r="N542256" s="10"/>
    </row>
    <row r="542257" spans="14:14">
      <c r="N542257" s="10"/>
    </row>
    <row r="542258" spans="14:14">
      <c r="N542258" s="10"/>
    </row>
    <row r="542259" spans="14:14">
      <c r="N542259" s="10"/>
    </row>
    <row r="542260" spans="14:14">
      <c r="N542260" s="10"/>
    </row>
    <row r="542261" spans="14:14">
      <c r="N542261" s="10"/>
    </row>
    <row r="542262" spans="14:14">
      <c r="N542262" s="10"/>
    </row>
    <row r="542263" spans="14:14">
      <c r="N542263" s="10"/>
    </row>
    <row r="542264" spans="14:14">
      <c r="N542264" s="10"/>
    </row>
    <row r="542265" spans="14:14">
      <c r="N542265" s="10"/>
    </row>
    <row r="542266" spans="14:14">
      <c r="N542266" s="10"/>
    </row>
    <row r="542267" spans="14:14">
      <c r="N542267" s="10"/>
    </row>
    <row r="542268" spans="14:14">
      <c r="N542268" s="10"/>
    </row>
    <row r="542269" spans="14:14">
      <c r="N542269" s="10"/>
    </row>
    <row r="542270" spans="14:14">
      <c r="N542270" s="10"/>
    </row>
    <row r="542271" spans="14:14">
      <c r="N542271" s="10"/>
    </row>
    <row r="542272" spans="14:14">
      <c r="N542272" s="10"/>
    </row>
    <row r="542273" spans="14:14">
      <c r="N542273" s="10"/>
    </row>
    <row r="542274" spans="14:14">
      <c r="N542274" s="10"/>
    </row>
    <row r="542275" spans="14:14">
      <c r="N542275" s="10"/>
    </row>
    <row r="542276" spans="14:14">
      <c r="N542276" s="10"/>
    </row>
    <row r="542277" spans="14:14">
      <c r="N542277" s="10"/>
    </row>
    <row r="542278" spans="14:14">
      <c r="N542278" s="10"/>
    </row>
    <row r="542279" spans="14:14">
      <c r="N542279" s="10"/>
    </row>
    <row r="542280" spans="14:14">
      <c r="N542280" s="10"/>
    </row>
    <row r="542281" spans="14:14">
      <c r="N542281" s="10"/>
    </row>
    <row r="542282" spans="14:14">
      <c r="N542282" s="10"/>
    </row>
    <row r="542283" spans="14:14">
      <c r="N542283" s="10"/>
    </row>
    <row r="542284" spans="14:14">
      <c r="N542284" s="10"/>
    </row>
    <row r="542285" spans="14:14">
      <c r="N542285" s="10"/>
    </row>
    <row r="542286" spans="14:14">
      <c r="N542286" s="10"/>
    </row>
    <row r="542287" spans="14:14">
      <c r="N542287" s="10"/>
    </row>
    <row r="542288" spans="14:14">
      <c r="N542288" s="10"/>
    </row>
    <row r="542289" spans="14:14">
      <c r="N542289" s="10"/>
    </row>
    <row r="542290" spans="14:14">
      <c r="N542290" s="10"/>
    </row>
    <row r="542291" spans="14:14">
      <c r="N542291" s="10"/>
    </row>
    <row r="542292" spans="14:14">
      <c r="N542292" s="10"/>
    </row>
    <row r="542293" spans="14:14">
      <c r="N542293" s="10"/>
    </row>
    <row r="542294" spans="14:14">
      <c r="N542294" s="10"/>
    </row>
    <row r="542295" spans="14:14">
      <c r="N542295" s="10"/>
    </row>
    <row r="542296" spans="14:14">
      <c r="N542296" s="10"/>
    </row>
    <row r="542297" spans="14:14">
      <c r="N542297" s="10"/>
    </row>
    <row r="542298" spans="14:14">
      <c r="N542298" s="10"/>
    </row>
    <row r="542299" spans="14:14">
      <c r="N542299" s="10"/>
    </row>
    <row r="542300" spans="14:14">
      <c r="N542300" s="10"/>
    </row>
    <row r="542301" spans="14:14">
      <c r="N542301" s="10"/>
    </row>
    <row r="542302" spans="14:14">
      <c r="N542302" s="10"/>
    </row>
    <row r="542303" spans="14:14">
      <c r="N542303" s="10"/>
    </row>
    <row r="542304" spans="14:14">
      <c r="N542304" s="10"/>
    </row>
    <row r="542305" spans="14:14">
      <c r="N542305" s="10"/>
    </row>
    <row r="542306" spans="14:14">
      <c r="N542306" s="10"/>
    </row>
    <row r="542307" spans="14:14">
      <c r="N542307" s="10"/>
    </row>
    <row r="542308" spans="14:14">
      <c r="N542308" s="10"/>
    </row>
    <row r="542309" spans="14:14">
      <c r="N542309" s="10"/>
    </row>
    <row r="542310" spans="14:14">
      <c r="N542310" s="10"/>
    </row>
    <row r="542311" spans="14:14">
      <c r="N542311" s="10"/>
    </row>
    <row r="542312" spans="14:14">
      <c r="N542312" s="10"/>
    </row>
    <row r="542313" spans="14:14">
      <c r="N542313" s="10"/>
    </row>
    <row r="542314" spans="14:14">
      <c r="N542314" s="10"/>
    </row>
    <row r="542315" spans="14:14">
      <c r="N542315" s="10"/>
    </row>
    <row r="542316" spans="14:14">
      <c r="N542316" s="10"/>
    </row>
    <row r="542317" spans="14:14">
      <c r="N542317" s="10"/>
    </row>
    <row r="542318" spans="14:14">
      <c r="N542318" s="10"/>
    </row>
    <row r="542319" spans="14:14">
      <c r="N542319" s="10"/>
    </row>
    <row r="542320" spans="14:14">
      <c r="N542320" s="10"/>
    </row>
    <row r="542321" spans="14:14">
      <c r="N542321" s="10"/>
    </row>
    <row r="542322" spans="14:14">
      <c r="N542322" s="10"/>
    </row>
    <row r="542323" spans="14:14">
      <c r="N542323" s="10"/>
    </row>
    <row r="542324" spans="14:14">
      <c r="N542324" s="10"/>
    </row>
    <row r="542325" spans="14:14">
      <c r="N542325" s="10"/>
    </row>
    <row r="542326" spans="14:14">
      <c r="N542326" s="10"/>
    </row>
    <row r="542327" spans="14:14">
      <c r="N542327" s="10"/>
    </row>
    <row r="542328" spans="14:14">
      <c r="N542328" s="10"/>
    </row>
    <row r="542329" spans="14:14">
      <c r="N542329" s="10"/>
    </row>
    <row r="542330" spans="14:14">
      <c r="N542330" s="10"/>
    </row>
    <row r="542331" spans="14:14">
      <c r="N542331" s="10"/>
    </row>
    <row r="542332" spans="14:14">
      <c r="N542332" s="10"/>
    </row>
    <row r="542333" spans="14:14">
      <c r="N542333" s="10"/>
    </row>
    <row r="542334" spans="14:14">
      <c r="N542334" s="10"/>
    </row>
    <row r="542335" spans="14:14">
      <c r="N542335" s="10"/>
    </row>
    <row r="542336" spans="14:14">
      <c r="N542336" s="10"/>
    </row>
    <row r="542337" spans="14:14">
      <c r="N542337" s="10"/>
    </row>
    <row r="542338" spans="14:14">
      <c r="N542338" s="10"/>
    </row>
    <row r="542339" spans="14:14">
      <c r="N542339" s="10"/>
    </row>
    <row r="542340" spans="14:14">
      <c r="N542340" s="10"/>
    </row>
    <row r="542341" spans="14:14">
      <c r="N542341" s="10"/>
    </row>
    <row r="542342" spans="14:14">
      <c r="N542342" s="10"/>
    </row>
    <row r="542343" spans="14:14">
      <c r="N542343" s="10"/>
    </row>
    <row r="542344" spans="14:14">
      <c r="N542344" s="10"/>
    </row>
    <row r="542345" spans="14:14">
      <c r="N542345" s="10"/>
    </row>
    <row r="542346" spans="14:14">
      <c r="N542346" s="10"/>
    </row>
    <row r="542347" spans="14:14">
      <c r="N542347" s="10"/>
    </row>
    <row r="542348" spans="14:14">
      <c r="N542348" s="10"/>
    </row>
    <row r="542349" spans="14:14">
      <c r="N542349" s="10"/>
    </row>
    <row r="542350" spans="14:14">
      <c r="N542350" s="10"/>
    </row>
    <row r="542351" spans="14:14">
      <c r="N542351" s="10"/>
    </row>
    <row r="542352" spans="14:14">
      <c r="N542352" s="10"/>
    </row>
    <row r="542353" spans="14:14">
      <c r="N542353" s="10"/>
    </row>
    <row r="542354" spans="14:14">
      <c r="N542354" s="10"/>
    </row>
    <row r="542355" spans="14:14">
      <c r="N542355" s="10"/>
    </row>
    <row r="542356" spans="14:14">
      <c r="N542356" s="10"/>
    </row>
    <row r="542357" spans="14:14">
      <c r="N542357" s="10"/>
    </row>
    <row r="542358" spans="14:14">
      <c r="N542358" s="10"/>
    </row>
    <row r="542359" spans="14:14">
      <c r="N542359" s="10"/>
    </row>
    <row r="542360" spans="14:14">
      <c r="N542360" s="10"/>
    </row>
    <row r="542361" spans="14:14">
      <c r="N542361" s="10"/>
    </row>
    <row r="542362" spans="14:14">
      <c r="N542362" s="10"/>
    </row>
    <row r="542363" spans="14:14">
      <c r="N542363" s="10"/>
    </row>
    <row r="542364" spans="14:14">
      <c r="N542364" s="10"/>
    </row>
    <row r="542365" spans="14:14">
      <c r="N542365" s="10"/>
    </row>
    <row r="542366" spans="14:14">
      <c r="N542366" s="10"/>
    </row>
    <row r="542367" spans="14:14">
      <c r="N542367" s="10"/>
    </row>
    <row r="542368" spans="14:14">
      <c r="N542368" s="10"/>
    </row>
    <row r="542369" spans="14:14">
      <c r="N542369" s="10"/>
    </row>
    <row r="542370" spans="14:14">
      <c r="N542370" s="10"/>
    </row>
    <row r="542371" spans="14:14">
      <c r="N542371" s="10"/>
    </row>
    <row r="542372" spans="14:14">
      <c r="N542372" s="10"/>
    </row>
    <row r="542373" spans="14:14">
      <c r="N542373" s="10"/>
    </row>
    <row r="542374" spans="14:14">
      <c r="N542374" s="10"/>
    </row>
    <row r="542375" spans="14:14">
      <c r="N542375" s="10"/>
    </row>
    <row r="542376" spans="14:14">
      <c r="N542376" s="10"/>
    </row>
    <row r="542377" spans="14:14">
      <c r="N542377" s="10"/>
    </row>
    <row r="542378" spans="14:14">
      <c r="N542378" s="10"/>
    </row>
    <row r="542379" spans="14:14">
      <c r="N542379" s="10"/>
    </row>
    <row r="542380" spans="14:14">
      <c r="N542380" s="10"/>
    </row>
    <row r="542381" spans="14:14">
      <c r="N542381" s="10"/>
    </row>
    <row r="542382" spans="14:14">
      <c r="N542382" s="10"/>
    </row>
    <row r="542383" spans="14:14">
      <c r="N542383" s="10"/>
    </row>
    <row r="542384" spans="14:14">
      <c r="N542384" s="10"/>
    </row>
    <row r="542385" spans="14:14">
      <c r="N542385" s="10"/>
    </row>
    <row r="542386" spans="14:14">
      <c r="N542386" s="10"/>
    </row>
    <row r="542387" spans="14:14">
      <c r="N542387" s="10"/>
    </row>
    <row r="542388" spans="14:14">
      <c r="N542388" s="10"/>
    </row>
    <row r="542389" spans="14:14">
      <c r="N542389" s="10"/>
    </row>
    <row r="542390" spans="14:14">
      <c r="N542390" s="10"/>
    </row>
    <row r="542391" spans="14:14">
      <c r="N542391" s="10"/>
    </row>
    <row r="542392" spans="14:14">
      <c r="N542392" s="10"/>
    </row>
    <row r="542393" spans="14:14">
      <c r="N542393" s="10"/>
    </row>
    <row r="542394" spans="14:14">
      <c r="N542394" s="10"/>
    </row>
    <row r="542395" spans="14:14">
      <c r="N542395" s="10"/>
    </row>
    <row r="542396" spans="14:14">
      <c r="N542396" s="10"/>
    </row>
    <row r="542397" spans="14:14">
      <c r="N542397" s="10"/>
    </row>
    <row r="542398" spans="14:14">
      <c r="N542398" s="10"/>
    </row>
    <row r="542399" spans="14:14">
      <c r="N542399" s="10"/>
    </row>
    <row r="542400" spans="14:14">
      <c r="N542400" s="10"/>
    </row>
    <row r="542401" spans="14:14">
      <c r="N542401" s="10"/>
    </row>
    <row r="542402" spans="14:14">
      <c r="N542402" s="10"/>
    </row>
    <row r="542403" spans="14:14">
      <c r="N542403" s="10"/>
    </row>
    <row r="542404" spans="14:14">
      <c r="N542404" s="10"/>
    </row>
    <row r="542405" spans="14:14">
      <c r="N542405" s="10"/>
    </row>
    <row r="542406" spans="14:14">
      <c r="N542406" s="10"/>
    </row>
    <row r="542407" spans="14:14">
      <c r="N542407" s="10"/>
    </row>
    <row r="542408" spans="14:14">
      <c r="N542408" s="10"/>
    </row>
    <row r="542409" spans="14:14">
      <c r="N542409" s="10"/>
    </row>
    <row r="542410" spans="14:14">
      <c r="N542410" s="10"/>
    </row>
    <row r="542411" spans="14:14">
      <c r="N542411" s="10"/>
    </row>
    <row r="542412" spans="14:14">
      <c r="N542412" s="10"/>
    </row>
    <row r="542413" spans="14:14">
      <c r="N542413" s="10"/>
    </row>
    <row r="542414" spans="14:14">
      <c r="N542414" s="10"/>
    </row>
    <row r="542415" spans="14:14">
      <c r="N542415" s="10"/>
    </row>
    <row r="542416" spans="14:14">
      <c r="N542416" s="10"/>
    </row>
    <row r="542417" spans="14:14">
      <c r="N542417" s="10"/>
    </row>
    <row r="542418" spans="14:14">
      <c r="N542418" s="10"/>
    </row>
    <row r="542419" spans="14:14">
      <c r="N542419" s="10"/>
    </row>
    <row r="542420" spans="14:14">
      <c r="N542420" s="10"/>
    </row>
    <row r="542421" spans="14:14">
      <c r="N542421" s="10"/>
    </row>
    <row r="542422" spans="14:14">
      <c r="N542422" s="10"/>
    </row>
    <row r="542423" spans="14:14">
      <c r="N542423" s="10"/>
    </row>
    <row r="542424" spans="14:14">
      <c r="N542424" s="10"/>
    </row>
    <row r="542425" spans="14:14">
      <c r="N542425" s="10"/>
    </row>
    <row r="542426" spans="14:14">
      <c r="N542426" s="10"/>
    </row>
    <row r="542427" spans="14:14">
      <c r="N542427" s="10"/>
    </row>
    <row r="542428" spans="14:14">
      <c r="N542428" s="10"/>
    </row>
    <row r="542429" spans="14:14">
      <c r="N542429" s="10"/>
    </row>
    <row r="542430" spans="14:14">
      <c r="N542430" s="10"/>
    </row>
    <row r="542431" spans="14:14">
      <c r="N542431" s="10"/>
    </row>
    <row r="542432" spans="14:14">
      <c r="N542432" s="10"/>
    </row>
    <row r="542433" spans="14:14">
      <c r="N542433" s="10"/>
    </row>
    <row r="542434" spans="14:14">
      <c r="N542434" s="10"/>
    </row>
    <row r="542435" spans="14:14">
      <c r="N542435" s="10"/>
    </row>
    <row r="542436" spans="14:14">
      <c r="N542436" s="10"/>
    </row>
    <row r="542437" spans="14:14">
      <c r="N542437" s="10"/>
    </row>
    <row r="542438" spans="14:14">
      <c r="N542438" s="10"/>
    </row>
    <row r="542439" spans="14:14">
      <c r="N542439" s="10"/>
    </row>
    <row r="542440" spans="14:14">
      <c r="N542440" s="10"/>
    </row>
    <row r="542441" spans="14:14">
      <c r="N542441" s="10"/>
    </row>
    <row r="542442" spans="14:14">
      <c r="N542442" s="10"/>
    </row>
    <row r="542443" spans="14:14">
      <c r="N542443" s="10"/>
    </row>
    <row r="542444" spans="14:14">
      <c r="N542444" s="10"/>
    </row>
    <row r="542445" spans="14:14">
      <c r="N542445" s="10"/>
    </row>
    <row r="542446" spans="14:14">
      <c r="N542446" s="10"/>
    </row>
    <row r="542447" spans="14:14">
      <c r="N542447" s="10"/>
    </row>
    <row r="542448" spans="14:14">
      <c r="N542448" s="10"/>
    </row>
    <row r="542449" spans="14:14">
      <c r="N542449" s="10"/>
    </row>
    <row r="542450" spans="14:14">
      <c r="N542450" s="10"/>
    </row>
    <row r="542451" spans="14:14">
      <c r="N542451" s="10"/>
    </row>
    <row r="542452" spans="14:14">
      <c r="N542452" s="10"/>
    </row>
    <row r="542453" spans="14:14">
      <c r="N542453" s="10"/>
    </row>
    <row r="542454" spans="14:14">
      <c r="N542454" s="10"/>
    </row>
    <row r="542455" spans="14:14">
      <c r="N542455" s="10"/>
    </row>
    <row r="542456" spans="14:14">
      <c r="N542456" s="10"/>
    </row>
    <row r="542457" spans="14:14">
      <c r="N542457" s="10"/>
    </row>
    <row r="542458" spans="14:14">
      <c r="N542458" s="10"/>
    </row>
    <row r="542459" spans="14:14">
      <c r="N542459" s="10"/>
    </row>
    <row r="542460" spans="14:14">
      <c r="N542460" s="10"/>
    </row>
    <row r="542461" spans="14:14">
      <c r="N542461" s="10"/>
    </row>
    <row r="542462" spans="14:14">
      <c r="N542462" s="10"/>
    </row>
    <row r="542463" spans="14:14">
      <c r="N542463" s="10"/>
    </row>
    <row r="542464" spans="14:14">
      <c r="N542464" s="10"/>
    </row>
    <row r="542465" spans="14:14">
      <c r="N542465" s="10"/>
    </row>
    <row r="542466" spans="14:14">
      <c r="N542466" s="10"/>
    </row>
    <row r="542467" spans="14:14">
      <c r="N542467" s="10"/>
    </row>
    <row r="542468" spans="14:14">
      <c r="N542468" s="10"/>
    </row>
    <row r="542469" spans="14:14">
      <c r="N542469" s="10"/>
    </row>
    <row r="542470" spans="14:14">
      <c r="N542470" s="10"/>
    </row>
    <row r="542471" spans="14:14">
      <c r="N542471" s="10"/>
    </row>
    <row r="542472" spans="14:14">
      <c r="N542472" s="10"/>
    </row>
    <row r="542473" spans="14:14">
      <c r="N542473" s="10"/>
    </row>
    <row r="542474" spans="14:14">
      <c r="N542474" s="10"/>
    </row>
    <row r="542475" spans="14:14">
      <c r="N542475" s="10"/>
    </row>
    <row r="542476" spans="14:14">
      <c r="N542476" s="10"/>
    </row>
    <row r="542477" spans="14:14">
      <c r="N542477" s="10"/>
    </row>
    <row r="542478" spans="14:14">
      <c r="N542478" s="10"/>
    </row>
    <row r="542479" spans="14:14">
      <c r="N542479" s="10"/>
    </row>
    <row r="542480" spans="14:14">
      <c r="N542480" s="10"/>
    </row>
    <row r="542481" spans="14:14">
      <c r="N542481" s="10"/>
    </row>
    <row r="542482" spans="14:14">
      <c r="N542482" s="10"/>
    </row>
    <row r="542483" spans="14:14">
      <c r="N542483" s="10"/>
    </row>
    <row r="542484" spans="14:14">
      <c r="N542484" s="10"/>
    </row>
    <row r="542485" spans="14:14">
      <c r="N542485" s="10"/>
    </row>
    <row r="542486" spans="14:14">
      <c r="N542486" s="10"/>
    </row>
    <row r="542487" spans="14:14">
      <c r="N542487" s="10"/>
    </row>
    <row r="542488" spans="14:14">
      <c r="N542488" s="10"/>
    </row>
    <row r="542489" spans="14:14">
      <c r="N542489" s="10"/>
    </row>
    <row r="542490" spans="14:14">
      <c r="N542490" s="10"/>
    </row>
    <row r="542491" spans="14:14">
      <c r="N542491" s="10"/>
    </row>
    <row r="542492" spans="14:14">
      <c r="N542492" s="10"/>
    </row>
    <row r="542493" spans="14:14">
      <c r="N542493" s="10"/>
    </row>
    <row r="542494" spans="14:14">
      <c r="N542494" s="10"/>
    </row>
    <row r="542495" spans="14:14">
      <c r="N542495" s="10"/>
    </row>
    <row r="542496" spans="14:14">
      <c r="N542496" s="10"/>
    </row>
    <row r="542497" spans="14:14">
      <c r="N542497" s="10"/>
    </row>
    <row r="542498" spans="14:14">
      <c r="N542498" s="10"/>
    </row>
    <row r="542499" spans="14:14">
      <c r="N542499" s="10"/>
    </row>
    <row r="542500" spans="14:14">
      <c r="N542500" s="10"/>
    </row>
    <row r="542501" spans="14:14">
      <c r="N542501" s="10"/>
    </row>
    <row r="542502" spans="14:14">
      <c r="N542502" s="10"/>
    </row>
    <row r="542503" spans="14:14">
      <c r="N542503" s="10"/>
    </row>
    <row r="542504" spans="14:14">
      <c r="N542504" s="10"/>
    </row>
    <row r="542505" spans="14:14">
      <c r="N542505" s="10"/>
    </row>
    <row r="542506" spans="14:14">
      <c r="N542506" s="10"/>
    </row>
    <row r="542507" spans="14:14">
      <c r="N542507" s="10"/>
    </row>
    <row r="542508" spans="14:14">
      <c r="N542508" s="10"/>
    </row>
    <row r="542509" spans="14:14">
      <c r="N542509" s="10"/>
    </row>
    <row r="542510" spans="14:14">
      <c r="N542510" s="10"/>
    </row>
    <row r="542511" spans="14:14">
      <c r="N542511" s="10"/>
    </row>
    <row r="542512" spans="14:14">
      <c r="N542512" s="10"/>
    </row>
    <row r="542513" spans="14:14">
      <c r="N542513" s="10"/>
    </row>
    <row r="542514" spans="14:14">
      <c r="N542514" s="10"/>
    </row>
    <row r="542515" spans="14:14">
      <c r="N542515" s="10"/>
    </row>
    <row r="542516" spans="14:14">
      <c r="N542516" s="10"/>
    </row>
    <row r="542517" spans="14:14">
      <c r="N542517" s="10"/>
    </row>
    <row r="542518" spans="14:14">
      <c r="N542518" s="10"/>
    </row>
    <row r="542519" spans="14:14">
      <c r="N542519" s="10"/>
    </row>
    <row r="542520" spans="14:14">
      <c r="N542520" s="10"/>
    </row>
    <row r="542521" spans="14:14">
      <c r="N542521" s="10"/>
    </row>
    <row r="542522" spans="14:14">
      <c r="N542522" s="10"/>
    </row>
    <row r="542523" spans="14:14">
      <c r="N542523" s="10"/>
    </row>
    <row r="542524" spans="14:14">
      <c r="N542524" s="10"/>
    </row>
    <row r="542525" spans="14:14">
      <c r="N542525" s="10"/>
    </row>
    <row r="542526" spans="14:14">
      <c r="N542526" s="10"/>
    </row>
    <row r="542527" spans="14:14">
      <c r="N542527" s="10"/>
    </row>
    <row r="542528" spans="14:14">
      <c r="N542528" s="10"/>
    </row>
    <row r="542529" spans="14:14">
      <c r="N542529" s="10"/>
    </row>
    <row r="542530" spans="14:14">
      <c r="N542530" s="10"/>
    </row>
    <row r="542531" spans="14:14">
      <c r="N542531" s="10"/>
    </row>
    <row r="542532" spans="14:14">
      <c r="N542532" s="10"/>
    </row>
    <row r="542533" spans="14:14">
      <c r="N542533" s="10"/>
    </row>
    <row r="542534" spans="14:14">
      <c r="N542534" s="10"/>
    </row>
    <row r="542535" spans="14:14">
      <c r="N542535" s="10"/>
    </row>
    <row r="542536" spans="14:14">
      <c r="N542536" s="10"/>
    </row>
    <row r="542537" spans="14:14">
      <c r="N542537" s="10"/>
    </row>
    <row r="542538" spans="14:14">
      <c r="N542538" s="10"/>
    </row>
    <row r="542539" spans="14:14">
      <c r="N542539" s="10"/>
    </row>
    <row r="542540" spans="14:14">
      <c r="N542540" s="10"/>
    </row>
    <row r="542541" spans="14:14">
      <c r="N542541" s="10"/>
    </row>
    <row r="542542" spans="14:14">
      <c r="N542542" s="10"/>
    </row>
    <row r="542543" spans="14:14">
      <c r="N542543" s="10"/>
    </row>
    <row r="542544" spans="14:14">
      <c r="N542544" s="10"/>
    </row>
    <row r="542545" spans="14:14">
      <c r="N542545" s="10"/>
    </row>
    <row r="542546" spans="14:14">
      <c r="N542546" s="10"/>
    </row>
    <row r="542547" spans="14:14">
      <c r="N542547" s="10"/>
    </row>
    <row r="542548" spans="14:14">
      <c r="N542548" s="10"/>
    </row>
    <row r="542549" spans="14:14">
      <c r="N542549" s="10"/>
    </row>
    <row r="542550" spans="14:14">
      <c r="N542550" s="10"/>
    </row>
    <row r="542551" spans="14:14">
      <c r="N542551" s="10"/>
    </row>
    <row r="542552" spans="14:14">
      <c r="N542552" s="10"/>
    </row>
    <row r="542553" spans="14:14">
      <c r="N542553" s="10"/>
    </row>
    <row r="542554" spans="14:14">
      <c r="N542554" s="10"/>
    </row>
    <row r="542555" spans="14:14">
      <c r="N542555" s="10"/>
    </row>
    <row r="542556" spans="14:14">
      <c r="N542556" s="10"/>
    </row>
    <row r="542557" spans="14:14">
      <c r="N542557" s="10"/>
    </row>
    <row r="542558" spans="14:14">
      <c r="N542558" s="10"/>
    </row>
    <row r="542559" spans="14:14">
      <c r="N542559" s="10"/>
    </row>
    <row r="542560" spans="14:14">
      <c r="N542560" s="10"/>
    </row>
    <row r="542561" spans="14:14">
      <c r="N542561" s="10"/>
    </row>
    <row r="542562" spans="14:14">
      <c r="N542562" s="10"/>
    </row>
    <row r="542563" spans="14:14">
      <c r="N542563" s="10"/>
    </row>
    <row r="542564" spans="14:14">
      <c r="N542564" s="10"/>
    </row>
    <row r="542565" spans="14:14">
      <c r="N542565" s="10"/>
    </row>
    <row r="542566" spans="14:14">
      <c r="N542566" s="10"/>
    </row>
    <row r="542567" spans="14:14">
      <c r="N542567" s="10"/>
    </row>
    <row r="542568" spans="14:14">
      <c r="N542568" s="10"/>
    </row>
    <row r="542569" spans="14:14">
      <c r="N542569" s="10"/>
    </row>
    <row r="542570" spans="14:14">
      <c r="N542570" s="10"/>
    </row>
    <row r="542571" spans="14:14">
      <c r="N542571" s="10"/>
    </row>
    <row r="542572" spans="14:14">
      <c r="N542572" s="10"/>
    </row>
    <row r="542573" spans="14:14">
      <c r="N542573" s="10"/>
    </row>
    <row r="542574" spans="14:14">
      <c r="N542574" s="10"/>
    </row>
    <row r="542575" spans="14:14">
      <c r="N542575" s="10"/>
    </row>
    <row r="542576" spans="14:14">
      <c r="N542576" s="10"/>
    </row>
    <row r="542577" spans="14:14">
      <c r="N542577" s="10"/>
    </row>
    <row r="542578" spans="14:14">
      <c r="N542578" s="10"/>
    </row>
    <row r="542579" spans="14:14">
      <c r="N542579" s="10"/>
    </row>
    <row r="542580" spans="14:14">
      <c r="N542580" s="10"/>
    </row>
    <row r="542581" spans="14:14">
      <c r="N542581" s="10"/>
    </row>
    <row r="542582" spans="14:14">
      <c r="N542582" s="10"/>
    </row>
    <row r="542583" spans="14:14">
      <c r="N542583" s="10"/>
    </row>
    <row r="542584" spans="14:14">
      <c r="N542584" s="10"/>
    </row>
    <row r="542585" spans="14:14">
      <c r="N542585" s="10"/>
    </row>
    <row r="542586" spans="14:14">
      <c r="N542586" s="10"/>
    </row>
    <row r="542587" spans="14:14">
      <c r="N542587" s="10"/>
    </row>
    <row r="542588" spans="14:14">
      <c r="N542588" s="10"/>
    </row>
    <row r="542589" spans="14:14">
      <c r="N542589" s="10"/>
    </row>
    <row r="542590" spans="14:14">
      <c r="N542590" s="10"/>
    </row>
    <row r="542591" spans="14:14">
      <c r="N542591" s="10"/>
    </row>
    <row r="542592" spans="14:14">
      <c r="N542592" s="10"/>
    </row>
    <row r="542593" spans="14:14">
      <c r="N542593" s="10"/>
    </row>
    <row r="542594" spans="14:14">
      <c r="N542594" s="10"/>
    </row>
    <row r="542595" spans="14:14">
      <c r="N542595" s="10"/>
    </row>
    <row r="542596" spans="14:14">
      <c r="N542596" s="10"/>
    </row>
    <row r="542597" spans="14:14">
      <c r="N542597" s="10"/>
    </row>
    <row r="542598" spans="14:14">
      <c r="N542598" s="10"/>
    </row>
    <row r="542599" spans="14:14">
      <c r="N542599" s="10"/>
    </row>
    <row r="542600" spans="14:14">
      <c r="N542600" s="10"/>
    </row>
    <row r="542601" spans="14:14">
      <c r="N542601" s="10"/>
    </row>
    <row r="542602" spans="14:14">
      <c r="N542602" s="10"/>
    </row>
    <row r="542603" spans="14:14">
      <c r="N542603" s="10"/>
    </row>
    <row r="542604" spans="14:14">
      <c r="N542604" s="10"/>
    </row>
    <row r="542605" spans="14:14">
      <c r="N542605" s="10"/>
    </row>
    <row r="542606" spans="14:14">
      <c r="N542606" s="10"/>
    </row>
    <row r="542607" spans="14:14">
      <c r="N542607" s="10"/>
    </row>
    <row r="542608" spans="14:14">
      <c r="N542608" s="10"/>
    </row>
    <row r="542609" spans="14:14">
      <c r="N542609" s="10"/>
    </row>
    <row r="542610" spans="14:14">
      <c r="N542610" s="10"/>
    </row>
    <row r="542611" spans="14:14">
      <c r="N542611" s="10"/>
    </row>
    <row r="542612" spans="14:14">
      <c r="N542612" s="10"/>
    </row>
    <row r="542613" spans="14:14">
      <c r="N542613" s="10"/>
    </row>
    <row r="542614" spans="14:14">
      <c r="N542614" s="10"/>
    </row>
    <row r="542615" spans="14:14">
      <c r="N542615" s="10"/>
    </row>
    <row r="542616" spans="14:14">
      <c r="N542616" s="10"/>
    </row>
    <row r="542617" spans="14:14">
      <c r="N542617" s="10"/>
    </row>
    <row r="542618" spans="14:14">
      <c r="N542618" s="10"/>
    </row>
    <row r="542619" spans="14:14">
      <c r="N542619" s="10"/>
    </row>
    <row r="542620" spans="14:14">
      <c r="N542620" s="10"/>
    </row>
    <row r="542621" spans="14:14">
      <c r="N542621" s="10"/>
    </row>
    <row r="542622" spans="14:14">
      <c r="N542622" s="10"/>
    </row>
    <row r="542623" spans="14:14">
      <c r="N542623" s="10"/>
    </row>
    <row r="542624" spans="14:14">
      <c r="N542624" s="10"/>
    </row>
    <row r="542625" spans="14:14">
      <c r="N542625" s="10"/>
    </row>
    <row r="542626" spans="14:14">
      <c r="N542626" s="10"/>
    </row>
    <row r="542627" spans="14:14">
      <c r="N542627" s="10"/>
    </row>
    <row r="542628" spans="14:14">
      <c r="N542628" s="10"/>
    </row>
    <row r="542629" spans="14:14">
      <c r="N542629" s="10"/>
    </row>
    <row r="542630" spans="14:14">
      <c r="N542630" s="10"/>
    </row>
    <row r="542631" spans="14:14">
      <c r="N542631" s="10"/>
    </row>
    <row r="542632" spans="14:14">
      <c r="N542632" s="10"/>
    </row>
    <row r="542633" spans="14:14">
      <c r="N542633" s="10"/>
    </row>
    <row r="542634" spans="14:14">
      <c r="N542634" s="10"/>
    </row>
    <row r="542635" spans="14:14">
      <c r="N542635" s="10"/>
    </row>
    <row r="542636" spans="14:14">
      <c r="N542636" s="10"/>
    </row>
    <row r="542637" spans="14:14">
      <c r="N542637" s="10"/>
    </row>
    <row r="542638" spans="14:14">
      <c r="N542638" s="10"/>
    </row>
    <row r="542639" spans="14:14">
      <c r="N542639" s="10"/>
    </row>
    <row r="542640" spans="14:14">
      <c r="N542640" s="10"/>
    </row>
    <row r="542641" spans="14:14">
      <c r="N542641" s="10"/>
    </row>
    <row r="542642" spans="14:14">
      <c r="N542642" s="10"/>
    </row>
    <row r="542643" spans="14:14">
      <c r="N542643" s="10"/>
    </row>
    <row r="542644" spans="14:14">
      <c r="N542644" s="10"/>
    </row>
    <row r="542645" spans="14:14">
      <c r="N542645" s="10"/>
    </row>
    <row r="542646" spans="14:14">
      <c r="N542646" s="10"/>
    </row>
    <row r="542647" spans="14:14">
      <c r="N542647" s="10"/>
    </row>
    <row r="542648" spans="14:14">
      <c r="N542648" s="10"/>
    </row>
    <row r="542649" spans="14:14">
      <c r="N542649" s="10"/>
    </row>
    <row r="542650" spans="14:14">
      <c r="N542650" s="10"/>
    </row>
    <row r="542651" spans="14:14">
      <c r="N542651" s="10"/>
    </row>
    <row r="542652" spans="14:14">
      <c r="N542652" s="10"/>
    </row>
    <row r="542653" spans="14:14">
      <c r="N542653" s="10"/>
    </row>
    <row r="542654" spans="14:14">
      <c r="N542654" s="10"/>
    </row>
    <row r="542655" spans="14:14">
      <c r="N542655" s="10"/>
    </row>
    <row r="542656" spans="14:14">
      <c r="N542656" s="10"/>
    </row>
    <row r="542657" spans="14:14">
      <c r="N542657" s="10"/>
    </row>
    <row r="542658" spans="14:14">
      <c r="N542658" s="10"/>
    </row>
    <row r="542659" spans="14:14">
      <c r="N542659" s="10"/>
    </row>
    <row r="542660" spans="14:14">
      <c r="N542660" s="10"/>
    </row>
    <row r="542661" spans="14:14">
      <c r="N542661" s="10"/>
    </row>
    <row r="542662" spans="14:14">
      <c r="N542662" s="10"/>
    </row>
    <row r="542663" spans="14:14">
      <c r="N542663" s="10"/>
    </row>
    <row r="542664" spans="14:14">
      <c r="N542664" s="10"/>
    </row>
    <row r="542665" spans="14:14">
      <c r="N542665" s="10"/>
    </row>
    <row r="542666" spans="14:14">
      <c r="N542666" s="10"/>
    </row>
    <row r="542667" spans="14:14">
      <c r="N542667" s="10"/>
    </row>
    <row r="542668" spans="14:14">
      <c r="N542668" s="10"/>
    </row>
    <row r="542669" spans="14:14">
      <c r="N542669" s="10"/>
    </row>
    <row r="542670" spans="14:14">
      <c r="N542670" s="10"/>
    </row>
    <row r="542671" spans="14:14">
      <c r="N542671" s="10"/>
    </row>
    <row r="542672" spans="14:14">
      <c r="N542672" s="10"/>
    </row>
    <row r="542673" spans="14:14">
      <c r="N542673" s="10"/>
    </row>
    <row r="542674" spans="14:14">
      <c r="N542674" s="10"/>
    </row>
    <row r="542675" spans="14:14">
      <c r="N542675" s="10"/>
    </row>
    <row r="542676" spans="14:14">
      <c r="N542676" s="10"/>
    </row>
    <row r="542677" spans="14:14">
      <c r="N542677" s="10"/>
    </row>
    <row r="542678" spans="14:14">
      <c r="N542678" s="10"/>
    </row>
    <row r="542679" spans="14:14">
      <c r="N542679" s="10"/>
    </row>
    <row r="542680" spans="14:14">
      <c r="N542680" s="10"/>
    </row>
    <row r="542681" spans="14:14">
      <c r="N542681" s="10"/>
    </row>
    <row r="542682" spans="14:14">
      <c r="N542682" s="10"/>
    </row>
    <row r="542683" spans="14:14">
      <c r="N542683" s="10"/>
    </row>
    <row r="542684" spans="14:14">
      <c r="N542684" s="10"/>
    </row>
    <row r="542685" spans="14:14">
      <c r="N542685" s="10"/>
    </row>
    <row r="542686" spans="14:14">
      <c r="N542686" s="10"/>
    </row>
    <row r="542687" spans="14:14">
      <c r="N542687" s="10"/>
    </row>
    <row r="542688" spans="14:14">
      <c r="N542688" s="10"/>
    </row>
    <row r="542689" spans="14:14">
      <c r="N542689" s="10"/>
    </row>
    <row r="542690" spans="14:14">
      <c r="N542690" s="10"/>
    </row>
    <row r="542691" spans="14:14">
      <c r="N542691" s="10"/>
    </row>
    <row r="542692" spans="14:14">
      <c r="N542692" s="10"/>
    </row>
    <row r="542693" spans="14:14">
      <c r="N542693" s="10"/>
    </row>
    <row r="542694" spans="14:14">
      <c r="N542694" s="10"/>
    </row>
    <row r="542695" spans="14:14">
      <c r="N542695" s="10"/>
    </row>
    <row r="542696" spans="14:14">
      <c r="N542696" s="10"/>
    </row>
    <row r="542697" spans="14:14">
      <c r="N542697" s="10"/>
    </row>
    <row r="542698" spans="14:14">
      <c r="N542698" s="10"/>
    </row>
    <row r="542699" spans="14:14">
      <c r="N542699" s="10"/>
    </row>
    <row r="542700" spans="14:14">
      <c r="N542700" s="10"/>
    </row>
    <row r="542701" spans="14:14">
      <c r="N542701" s="10"/>
    </row>
    <row r="542702" spans="14:14">
      <c r="N542702" s="10"/>
    </row>
    <row r="542703" spans="14:14">
      <c r="N542703" s="10"/>
    </row>
    <row r="542704" spans="14:14">
      <c r="N542704" s="10"/>
    </row>
    <row r="542705" spans="14:14">
      <c r="N542705" s="10"/>
    </row>
    <row r="542706" spans="14:14">
      <c r="N542706" s="10"/>
    </row>
    <row r="542707" spans="14:14">
      <c r="N542707" s="10"/>
    </row>
    <row r="542708" spans="14:14">
      <c r="N542708" s="10"/>
    </row>
    <row r="542709" spans="14:14">
      <c r="N542709" s="10"/>
    </row>
    <row r="542710" spans="14:14">
      <c r="N542710" s="10"/>
    </row>
    <row r="542711" spans="14:14">
      <c r="N542711" s="10"/>
    </row>
    <row r="542712" spans="14:14">
      <c r="N542712" s="10"/>
    </row>
    <row r="542713" spans="14:14">
      <c r="N542713" s="10"/>
    </row>
    <row r="542714" spans="14:14">
      <c r="N542714" s="10"/>
    </row>
    <row r="542715" spans="14:14">
      <c r="N542715" s="10"/>
    </row>
    <row r="542716" spans="14:14">
      <c r="N542716" s="10"/>
    </row>
    <row r="542717" spans="14:14">
      <c r="N542717" s="10"/>
    </row>
    <row r="542718" spans="14:14">
      <c r="N542718" s="10"/>
    </row>
    <row r="542719" spans="14:14">
      <c r="N542719" s="10"/>
    </row>
    <row r="542720" spans="14:14">
      <c r="N542720" s="10"/>
    </row>
    <row r="542721" spans="14:14">
      <c r="N542721" s="10"/>
    </row>
    <row r="542722" spans="14:14">
      <c r="N542722" s="10"/>
    </row>
    <row r="542723" spans="14:14">
      <c r="N542723" s="10"/>
    </row>
    <row r="542724" spans="14:14">
      <c r="N542724" s="10"/>
    </row>
    <row r="542725" spans="14:14">
      <c r="N542725" s="10"/>
    </row>
    <row r="542726" spans="14:14">
      <c r="N542726" s="10"/>
    </row>
    <row r="542727" spans="14:14">
      <c r="N542727" s="10"/>
    </row>
    <row r="542728" spans="14:14">
      <c r="N542728" s="10"/>
    </row>
    <row r="542729" spans="14:14">
      <c r="N542729" s="10"/>
    </row>
    <row r="542730" spans="14:14">
      <c r="N542730" s="10"/>
    </row>
    <row r="542731" spans="14:14">
      <c r="N542731" s="10"/>
    </row>
    <row r="542732" spans="14:14">
      <c r="N542732" s="10"/>
    </row>
    <row r="542733" spans="14:14">
      <c r="N542733" s="10"/>
    </row>
    <row r="542734" spans="14:14">
      <c r="N542734" s="10"/>
    </row>
    <row r="542735" spans="14:14">
      <c r="N542735" s="10"/>
    </row>
    <row r="542736" spans="14:14">
      <c r="N542736" s="10"/>
    </row>
    <row r="542737" spans="14:14">
      <c r="N542737" s="10"/>
    </row>
    <row r="542738" spans="14:14">
      <c r="N542738" s="10"/>
    </row>
    <row r="542739" spans="14:14">
      <c r="N542739" s="10"/>
    </row>
    <row r="542740" spans="14:14">
      <c r="N542740" s="10"/>
    </row>
    <row r="542741" spans="14:14">
      <c r="N542741" s="10"/>
    </row>
    <row r="542742" spans="14:14">
      <c r="N542742" s="10"/>
    </row>
    <row r="542743" spans="14:14">
      <c r="N542743" s="10"/>
    </row>
    <row r="542744" spans="14:14">
      <c r="N542744" s="10"/>
    </row>
    <row r="542745" spans="14:14">
      <c r="N542745" s="10"/>
    </row>
    <row r="542746" spans="14:14">
      <c r="N542746" s="10"/>
    </row>
    <row r="542747" spans="14:14">
      <c r="N542747" s="10"/>
    </row>
    <row r="542748" spans="14:14">
      <c r="N542748" s="10"/>
    </row>
    <row r="542749" spans="14:14">
      <c r="N542749" s="10"/>
    </row>
    <row r="542750" spans="14:14">
      <c r="N542750" s="10"/>
    </row>
    <row r="542751" spans="14:14">
      <c r="N542751" s="10"/>
    </row>
    <row r="542752" spans="14:14">
      <c r="N542752" s="10"/>
    </row>
    <row r="542753" spans="14:14">
      <c r="N542753" s="10"/>
    </row>
    <row r="542754" spans="14:14">
      <c r="N542754" s="10"/>
    </row>
    <row r="542755" spans="14:14">
      <c r="N542755" s="10"/>
    </row>
    <row r="542756" spans="14:14">
      <c r="N542756" s="10"/>
    </row>
    <row r="542757" spans="14:14">
      <c r="N542757" s="10"/>
    </row>
    <row r="542758" spans="14:14">
      <c r="N542758" s="10"/>
    </row>
    <row r="542759" spans="14:14">
      <c r="N542759" s="10"/>
    </row>
    <row r="542760" spans="14:14">
      <c r="N542760" s="10"/>
    </row>
    <row r="542761" spans="14:14">
      <c r="N542761" s="10"/>
    </row>
    <row r="542762" spans="14:14">
      <c r="N542762" s="10"/>
    </row>
    <row r="542763" spans="14:14">
      <c r="N542763" s="10"/>
    </row>
    <row r="542764" spans="14:14">
      <c r="N542764" s="10"/>
    </row>
    <row r="542765" spans="14:14">
      <c r="N542765" s="10"/>
    </row>
    <row r="542766" spans="14:14">
      <c r="N542766" s="10"/>
    </row>
    <row r="542767" spans="14:14">
      <c r="N542767" s="10"/>
    </row>
    <row r="542768" spans="14:14">
      <c r="N542768" s="10"/>
    </row>
    <row r="542769" spans="14:14">
      <c r="N542769" s="10"/>
    </row>
    <row r="542770" spans="14:14">
      <c r="N542770" s="10"/>
    </row>
    <row r="542771" spans="14:14">
      <c r="N542771" s="10"/>
    </row>
    <row r="542772" spans="14:14">
      <c r="N542772" s="10"/>
    </row>
    <row r="542773" spans="14:14">
      <c r="N542773" s="10"/>
    </row>
    <row r="542774" spans="14:14">
      <c r="N542774" s="10"/>
    </row>
    <row r="542775" spans="14:14">
      <c r="N542775" s="10"/>
    </row>
    <row r="542776" spans="14:14">
      <c r="N542776" s="10"/>
    </row>
    <row r="542777" spans="14:14">
      <c r="N542777" s="10"/>
    </row>
    <row r="542778" spans="14:14">
      <c r="N542778" s="10"/>
    </row>
    <row r="542779" spans="14:14">
      <c r="N542779" s="10"/>
    </row>
    <row r="542780" spans="14:14">
      <c r="N542780" s="10"/>
    </row>
    <row r="542781" spans="14:14">
      <c r="N542781" s="10"/>
    </row>
    <row r="542782" spans="14:14">
      <c r="N542782" s="10"/>
    </row>
    <row r="542783" spans="14:14">
      <c r="N542783" s="10"/>
    </row>
    <row r="542784" spans="14:14">
      <c r="N542784" s="10"/>
    </row>
    <row r="542785" spans="14:14">
      <c r="N542785" s="10"/>
    </row>
    <row r="542786" spans="14:14">
      <c r="N542786" s="10"/>
    </row>
    <row r="542787" spans="14:14">
      <c r="N542787" s="10"/>
    </row>
    <row r="542788" spans="14:14">
      <c r="N542788" s="10"/>
    </row>
    <row r="542789" spans="14:14">
      <c r="N542789" s="10"/>
    </row>
    <row r="542790" spans="14:14">
      <c r="N542790" s="10"/>
    </row>
    <row r="542791" spans="14:14">
      <c r="N542791" s="10"/>
    </row>
    <row r="542792" spans="14:14">
      <c r="N542792" s="10"/>
    </row>
    <row r="542793" spans="14:14">
      <c r="N542793" s="10"/>
    </row>
    <row r="542794" spans="14:14">
      <c r="N542794" s="10"/>
    </row>
    <row r="542795" spans="14:14">
      <c r="N542795" s="10"/>
    </row>
    <row r="542796" spans="14:14">
      <c r="N542796" s="10"/>
    </row>
    <row r="542797" spans="14:14">
      <c r="N542797" s="10"/>
    </row>
    <row r="542798" spans="14:14">
      <c r="N542798" s="10"/>
    </row>
    <row r="542799" spans="14:14">
      <c r="N542799" s="10"/>
    </row>
    <row r="542800" spans="14:14">
      <c r="N542800" s="10"/>
    </row>
    <row r="542801" spans="14:14">
      <c r="N542801" s="10"/>
    </row>
    <row r="542802" spans="14:14">
      <c r="N542802" s="10"/>
    </row>
    <row r="542803" spans="14:14">
      <c r="N542803" s="10"/>
    </row>
    <row r="542804" spans="14:14">
      <c r="N542804" s="10"/>
    </row>
    <row r="542805" spans="14:14">
      <c r="N542805" s="10"/>
    </row>
    <row r="542806" spans="14:14">
      <c r="N542806" s="10"/>
    </row>
    <row r="542807" spans="14:14">
      <c r="N542807" s="10"/>
    </row>
    <row r="542808" spans="14:14">
      <c r="N542808" s="10"/>
    </row>
    <row r="542809" spans="14:14">
      <c r="N542809" s="10"/>
    </row>
    <row r="542810" spans="14:14">
      <c r="N542810" s="10"/>
    </row>
    <row r="542811" spans="14:14">
      <c r="N542811" s="10"/>
    </row>
    <row r="542812" spans="14:14">
      <c r="N542812" s="10"/>
    </row>
    <row r="542813" spans="14:14">
      <c r="N542813" s="10"/>
    </row>
    <row r="542814" spans="14:14">
      <c r="N542814" s="10"/>
    </row>
    <row r="542815" spans="14:14">
      <c r="N542815" s="10"/>
    </row>
    <row r="542816" spans="14:14">
      <c r="N542816" s="10"/>
    </row>
    <row r="542817" spans="14:14">
      <c r="N542817" s="10"/>
    </row>
    <row r="542818" spans="14:14">
      <c r="N542818" s="10"/>
    </row>
    <row r="542819" spans="14:14">
      <c r="N542819" s="10"/>
    </row>
    <row r="542820" spans="14:14">
      <c r="N542820" s="10"/>
    </row>
    <row r="542821" spans="14:14">
      <c r="N542821" s="10"/>
    </row>
    <row r="542822" spans="14:14">
      <c r="N542822" s="10"/>
    </row>
    <row r="542823" spans="14:14">
      <c r="N542823" s="10"/>
    </row>
    <row r="542824" spans="14:14">
      <c r="N542824" s="10"/>
    </row>
    <row r="542825" spans="14:14">
      <c r="N542825" s="10"/>
    </row>
    <row r="542826" spans="14:14">
      <c r="N542826" s="10"/>
    </row>
    <row r="542827" spans="14:14">
      <c r="N542827" s="10"/>
    </row>
    <row r="542828" spans="14:14">
      <c r="N542828" s="10"/>
    </row>
    <row r="542829" spans="14:14">
      <c r="N542829" s="10"/>
    </row>
    <row r="542830" spans="14:14">
      <c r="N542830" s="10"/>
    </row>
    <row r="542831" spans="14:14">
      <c r="N542831" s="10"/>
    </row>
    <row r="542832" spans="14:14">
      <c r="N542832" s="10"/>
    </row>
    <row r="542833" spans="14:14">
      <c r="N542833" s="10"/>
    </row>
    <row r="542834" spans="14:14">
      <c r="N542834" s="10"/>
    </row>
    <row r="542835" spans="14:14">
      <c r="N542835" s="10"/>
    </row>
    <row r="542836" spans="14:14">
      <c r="N542836" s="10"/>
    </row>
    <row r="542837" spans="14:14">
      <c r="N542837" s="10"/>
    </row>
    <row r="542838" spans="14:14">
      <c r="N542838" s="10"/>
    </row>
    <row r="542839" spans="14:14">
      <c r="N542839" s="10"/>
    </row>
    <row r="542840" spans="14:14">
      <c r="N542840" s="10"/>
    </row>
    <row r="542841" spans="14:14">
      <c r="N542841" s="10"/>
    </row>
    <row r="542842" spans="14:14">
      <c r="N542842" s="10"/>
    </row>
    <row r="542843" spans="14:14">
      <c r="N542843" s="10"/>
    </row>
    <row r="542844" spans="14:14">
      <c r="N542844" s="10"/>
    </row>
    <row r="542845" spans="14:14">
      <c r="N542845" s="10"/>
    </row>
    <row r="542846" spans="14:14">
      <c r="N542846" s="10"/>
    </row>
    <row r="542847" spans="14:14">
      <c r="N542847" s="10"/>
    </row>
    <row r="542848" spans="14:14">
      <c r="N542848" s="10"/>
    </row>
    <row r="542849" spans="14:14">
      <c r="N542849" s="10"/>
    </row>
    <row r="542850" spans="14:14">
      <c r="N542850" s="10"/>
    </row>
    <row r="542851" spans="14:14">
      <c r="N542851" s="10"/>
    </row>
    <row r="542852" spans="14:14">
      <c r="N542852" s="10"/>
    </row>
    <row r="542853" spans="14:14">
      <c r="N542853" s="10"/>
    </row>
    <row r="542854" spans="14:14">
      <c r="N542854" s="10"/>
    </row>
    <row r="542855" spans="14:14">
      <c r="N542855" s="10"/>
    </row>
    <row r="542856" spans="14:14">
      <c r="N542856" s="10"/>
    </row>
    <row r="542857" spans="14:14">
      <c r="N542857" s="10"/>
    </row>
    <row r="542858" spans="14:14">
      <c r="N542858" s="10"/>
    </row>
    <row r="542859" spans="14:14">
      <c r="N542859" s="10"/>
    </row>
    <row r="542860" spans="14:14">
      <c r="N542860" s="10"/>
    </row>
    <row r="542861" spans="14:14">
      <c r="N542861" s="10"/>
    </row>
    <row r="542862" spans="14:14">
      <c r="N542862" s="10"/>
    </row>
    <row r="542863" spans="14:14">
      <c r="N542863" s="10"/>
    </row>
    <row r="542864" spans="14:14">
      <c r="N542864" s="10"/>
    </row>
    <row r="542865" spans="14:14">
      <c r="N542865" s="10"/>
    </row>
    <row r="542866" spans="14:14">
      <c r="N542866" s="10"/>
    </row>
    <row r="542867" spans="14:14">
      <c r="N542867" s="10"/>
    </row>
    <row r="542868" spans="14:14">
      <c r="N542868" s="10"/>
    </row>
    <row r="542869" spans="14:14">
      <c r="N542869" s="10"/>
    </row>
    <row r="542870" spans="14:14">
      <c r="N542870" s="10"/>
    </row>
    <row r="542871" spans="14:14">
      <c r="N542871" s="10"/>
    </row>
    <row r="542872" spans="14:14">
      <c r="N542872" s="10"/>
    </row>
    <row r="542873" spans="14:14">
      <c r="N542873" s="10"/>
    </row>
    <row r="542874" spans="14:14">
      <c r="N542874" s="10"/>
    </row>
    <row r="542875" spans="14:14">
      <c r="N542875" s="10"/>
    </row>
    <row r="542876" spans="14:14">
      <c r="N542876" s="10"/>
    </row>
    <row r="542877" spans="14:14">
      <c r="N542877" s="10"/>
    </row>
    <row r="542878" spans="14:14">
      <c r="N542878" s="10"/>
    </row>
    <row r="542879" spans="14:14">
      <c r="N542879" s="10"/>
    </row>
    <row r="542880" spans="14:14">
      <c r="N542880" s="10"/>
    </row>
    <row r="542881" spans="14:14">
      <c r="N542881" s="10"/>
    </row>
    <row r="542882" spans="14:14">
      <c r="N542882" s="10"/>
    </row>
    <row r="542883" spans="14:14">
      <c r="N542883" s="10"/>
    </row>
    <row r="542884" spans="14:14">
      <c r="N542884" s="10"/>
    </row>
    <row r="542885" spans="14:14">
      <c r="N542885" s="10"/>
    </row>
    <row r="542886" spans="14:14">
      <c r="N542886" s="10"/>
    </row>
    <row r="542887" spans="14:14">
      <c r="N542887" s="10"/>
    </row>
    <row r="542888" spans="14:14">
      <c r="N542888" s="10"/>
    </row>
    <row r="542889" spans="14:14">
      <c r="N542889" s="10"/>
    </row>
    <row r="542890" spans="14:14">
      <c r="N542890" s="10"/>
    </row>
    <row r="542891" spans="14:14">
      <c r="N542891" s="10"/>
    </row>
    <row r="542892" spans="14:14">
      <c r="N542892" s="10"/>
    </row>
    <row r="542893" spans="14:14">
      <c r="N542893" s="10"/>
    </row>
    <row r="542894" spans="14:14">
      <c r="N542894" s="10"/>
    </row>
    <row r="542895" spans="14:14">
      <c r="N542895" s="10"/>
    </row>
    <row r="542896" spans="14:14">
      <c r="N542896" s="10"/>
    </row>
    <row r="542897" spans="14:14">
      <c r="N542897" s="10"/>
    </row>
    <row r="542898" spans="14:14">
      <c r="N542898" s="10"/>
    </row>
    <row r="542899" spans="14:14">
      <c r="N542899" s="10"/>
    </row>
    <row r="542900" spans="14:14">
      <c r="N542900" s="10"/>
    </row>
    <row r="542901" spans="14:14">
      <c r="N542901" s="10"/>
    </row>
    <row r="542902" spans="14:14">
      <c r="N542902" s="10"/>
    </row>
    <row r="542903" spans="14:14">
      <c r="N542903" s="10"/>
    </row>
    <row r="542904" spans="14:14">
      <c r="N542904" s="10"/>
    </row>
    <row r="542905" spans="14:14">
      <c r="N542905" s="10"/>
    </row>
    <row r="542906" spans="14:14">
      <c r="N542906" s="10"/>
    </row>
    <row r="542907" spans="14:14">
      <c r="N542907" s="10"/>
    </row>
    <row r="542908" spans="14:14">
      <c r="N542908" s="10"/>
    </row>
    <row r="542909" spans="14:14">
      <c r="N542909" s="10"/>
    </row>
    <row r="542910" spans="14:14">
      <c r="N542910" s="10"/>
    </row>
    <row r="542911" spans="14:14">
      <c r="N542911" s="10"/>
    </row>
    <row r="542912" spans="14:14">
      <c r="N542912" s="10"/>
    </row>
    <row r="542913" spans="14:14">
      <c r="N542913" s="10"/>
    </row>
    <row r="542914" spans="14:14">
      <c r="N542914" s="10"/>
    </row>
    <row r="542915" spans="14:14">
      <c r="N542915" s="10"/>
    </row>
    <row r="542916" spans="14:14">
      <c r="N542916" s="10"/>
    </row>
    <row r="542917" spans="14:14">
      <c r="N542917" s="10"/>
    </row>
    <row r="542918" spans="14:14">
      <c r="N542918" s="10"/>
    </row>
    <row r="542919" spans="14:14">
      <c r="N542919" s="10"/>
    </row>
    <row r="542920" spans="14:14">
      <c r="N542920" s="10"/>
    </row>
    <row r="542921" spans="14:14">
      <c r="N542921" s="10"/>
    </row>
    <row r="542922" spans="14:14">
      <c r="N542922" s="10"/>
    </row>
    <row r="542923" spans="14:14">
      <c r="N542923" s="10"/>
    </row>
    <row r="542924" spans="14:14">
      <c r="N542924" s="10"/>
    </row>
    <row r="542925" spans="14:14">
      <c r="N542925" s="10"/>
    </row>
    <row r="542926" spans="14:14">
      <c r="N542926" s="10"/>
    </row>
    <row r="542927" spans="14:14">
      <c r="N542927" s="10"/>
    </row>
    <row r="542928" spans="14:14">
      <c r="N542928" s="10"/>
    </row>
    <row r="542929" spans="14:14">
      <c r="N542929" s="10"/>
    </row>
    <row r="542930" spans="14:14">
      <c r="N542930" s="10"/>
    </row>
    <row r="542931" spans="14:14">
      <c r="N542931" s="10"/>
    </row>
    <row r="542932" spans="14:14">
      <c r="N542932" s="10"/>
    </row>
    <row r="542933" spans="14:14">
      <c r="N542933" s="10"/>
    </row>
    <row r="542934" spans="14:14">
      <c r="N542934" s="10"/>
    </row>
    <row r="542935" spans="14:14">
      <c r="N542935" s="10"/>
    </row>
    <row r="542936" spans="14:14">
      <c r="N542936" s="10"/>
    </row>
    <row r="542937" spans="14:14">
      <c r="N542937" s="10"/>
    </row>
    <row r="542938" spans="14:14">
      <c r="N542938" s="10"/>
    </row>
    <row r="542939" spans="14:14">
      <c r="N542939" s="10"/>
    </row>
    <row r="542940" spans="14:14">
      <c r="N542940" s="10"/>
    </row>
    <row r="542941" spans="14:14">
      <c r="N542941" s="10"/>
    </row>
    <row r="542942" spans="14:14">
      <c r="N542942" s="10"/>
    </row>
    <row r="542943" spans="14:14">
      <c r="N542943" s="10"/>
    </row>
    <row r="542944" spans="14:14">
      <c r="N542944" s="10"/>
    </row>
    <row r="542945" spans="14:14">
      <c r="N542945" s="10"/>
    </row>
    <row r="542946" spans="14:14">
      <c r="N542946" s="10"/>
    </row>
    <row r="542947" spans="14:14">
      <c r="N542947" s="10"/>
    </row>
    <row r="542948" spans="14:14">
      <c r="N542948" s="10"/>
    </row>
    <row r="542949" spans="14:14">
      <c r="N542949" s="10"/>
    </row>
    <row r="542950" spans="14:14">
      <c r="N542950" s="10"/>
    </row>
    <row r="542951" spans="14:14">
      <c r="N542951" s="10"/>
    </row>
    <row r="542952" spans="14:14">
      <c r="N542952" s="10"/>
    </row>
    <row r="542953" spans="14:14">
      <c r="N542953" s="10"/>
    </row>
    <row r="542954" spans="14:14">
      <c r="N542954" s="10"/>
    </row>
    <row r="542955" spans="14:14">
      <c r="N542955" s="10"/>
    </row>
    <row r="542956" spans="14:14">
      <c r="N542956" s="10"/>
    </row>
    <row r="542957" spans="14:14">
      <c r="N542957" s="10"/>
    </row>
    <row r="542958" spans="14:14">
      <c r="N542958" s="10"/>
    </row>
    <row r="542959" spans="14:14">
      <c r="N542959" s="10"/>
    </row>
    <row r="542960" spans="14:14">
      <c r="N542960" s="10"/>
    </row>
    <row r="542961" spans="14:14">
      <c r="N542961" s="10"/>
    </row>
    <row r="542962" spans="14:14">
      <c r="N542962" s="10"/>
    </row>
    <row r="542963" spans="14:14">
      <c r="N542963" s="10"/>
    </row>
    <row r="542964" spans="14:14">
      <c r="N542964" s="10"/>
    </row>
    <row r="542965" spans="14:14">
      <c r="N542965" s="10"/>
    </row>
    <row r="542966" spans="14:14">
      <c r="N542966" s="10"/>
    </row>
    <row r="542967" spans="14:14">
      <c r="N542967" s="10"/>
    </row>
    <row r="542968" spans="14:14">
      <c r="N542968" s="10"/>
    </row>
    <row r="542969" spans="14:14">
      <c r="N542969" s="10"/>
    </row>
    <row r="542970" spans="14:14">
      <c r="N542970" s="10"/>
    </row>
    <row r="542971" spans="14:14">
      <c r="N542971" s="10"/>
    </row>
    <row r="542972" spans="14:14">
      <c r="N542972" s="10"/>
    </row>
    <row r="542973" spans="14:14">
      <c r="N542973" s="10"/>
    </row>
    <row r="542974" spans="14:14">
      <c r="N542974" s="10"/>
    </row>
    <row r="542975" spans="14:14">
      <c r="N542975" s="10"/>
    </row>
    <row r="542976" spans="14:14">
      <c r="N542976" s="10"/>
    </row>
    <row r="542977" spans="14:14">
      <c r="N542977" s="10"/>
    </row>
    <row r="542978" spans="14:14">
      <c r="N542978" s="10"/>
    </row>
    <row r="542979" spans="14:14">
      <c r="N542979" s="10"/>
    </row>
    <row r="542980" spans="14:14">
      <c r="N542980" s="10"/>
    </row>
    <row r="542981" spans="14:14">
      <c r="N542981" s="10"/>
    </row>
    <row r="542982" spans="14:14">
      <c r="N542982" s="10"/>
    </row>
    <row r="542983" spans="14:14">
      <c r="N542983" s="10"/>
    </row>
    <row r="542984" spans="14:14">
      <c r="N542984" s="10"/>
    </row>
    <row r="542985" spans="14:14">
      <c r="N542985" s="10"/>
    </row>
    <row r="542986" spans="14:14">
      <c r="N542986" s="10"/>
    </row>
    <row r="542987" spans="14:14">
      <c r="N542987" s="10"/>
    </row>
    <row r="542988" spans="14:14">
      <c r="N542988" s="10"/>
    </row>
    <row r="542989" spans="14:14">
      <c r="N542989" s="10"/>
    </row>
    <row r="542990" spans="14:14">
      <c r="N542990" s="10"/>
    </row>
    <row r="542991" spans="14:14">
      <c r="N542991" s="10"/>
    </row>
    <row r="542992" spans="14:14">
      <c r="N542992" s="10"/>
    </row>
    <row r="542993" spans="14:14">
      <c r="N542993" s="10"/>
    </row>
    <row r="542994" spans="14:14">
      <c r="N542994" s="10"/>
    </row>
    <row r="542995" spans="14:14">
      <c r="N542995" s="10"/>
    </row>
    <row r="542996" spans="14:14">
      <c r="N542996" s="10"/>
    </row>
    <row r="542997" spans="14:14">
      <c r="N542997" s="10"/>
    </row>
    <row r="542998" spans="14:14">
      <c r="N542998" s="10"/>
    </row>
    <row r="542999" spans="14:14">
      <c r="N542999" s="10"/>
    </row>
    <row r="543000" spans="14:14">
      <c r="N543000" s="10"/>
    </row>
    <row r="543001" spans="14:14">
      <c r="N543001" s="10"/>
    </row>
    <row r="543002" spans="14:14">
      <c r="N543002" s="10"/>
    </row>
    <row r="543003" spans="14:14">
      <c r="N543003" s="10"/>
    </row>
    <row r="543004" spans="14:14">
      <c r="N543004" s="10"/>
    </row>
    <row r="543005" spans="14:14">
      <c r="N543005" s="10"/>
    </row>
    <row r="543006" spans="14:14">
      <c r="N543006" s="10"/>
    </row>
    <row r="543007" spans="14:14">
      <c r="N543007" s="10"/>
    </row>
    <row r="543008" spans="14:14">
      <c r="N543008" s="10"/>
    </row>
    <row r="543009" spans="14:14">
      <c r="N543009" s="10"/>
    </row>
    <row r="543010" spans="14:14">
      <c r="N543010" s="10"/>
    </row>
    <row r="543011" spans="14:14">
      <c r="N543011" s="10"/>
    </row>
    <row r="543012" spans="14:14">
      <c r="N543012" s="10"/>
    </row>
    <row r="543013" spans="14:14">
      <c r="N543013" s="10"/>
    </row>
    <row r="543014" spans="14:14">
      <c r="N543014" s="10"/>
    </row>
    <row r="543015" spans="14:14">
      <c r="N543015" s="10"/>
    </row>
    <row r="543016" spans="14:14">
      <c r="N543016" s="10"/>
    </row>
    <row r="543017" spans="14:14">
      <c r="N543017" s="10"/>
    </row>
    <row r="543018" spans="14:14">
      <c r="N543018" s="10"/>
    </row>
    <row r="543019" spans="14:14">
      <c r="N543019" s="10"/>
    </row>
    <row r="543020" spans="14:14">
      <c r="N543020" s="10"/>
    </row>
    <row r="543021" spans="14:14">
      <c r="N543021" s="10"/>
    </row>
    <row r="543022" spans="14:14">
      <c r="N543022" s="10"/>
    </row>
    <row r="543023" spans="14:14">
      <c r="N543023" s="10"/>
    </row>
    <row r="543024" spans="14:14">
      <c r="N543024" s="10"/>
    </row>
    <row r="543025" spans="14:14">
      <c r="N543025" s="10"/>
    </row>
    <row r="543026" spans="14:14">
      <c r="N543026" s="10"/>
    </row>
    <row r="543027" spans="14:14">
      <c r="N543027" s="10"/>
    </row>
    <row r="543028" spans="14:14">
      <c r="N543028" s="10"/>
    </row>
    <row r="543029" spans="14:14">
      <c r="N543029" s="10"/>
    </row>
    <row r="543030" spans="14:14">
      <c r="N543030" s="10"/>
    </row>
    <row r="543031" spans="14:14">
      <c r="N543031" s="10"/>
    </row>
    <row r="543032" spans="14:14">
      <c r="N543032" s="10"/>
    </row>
    <row r="543033" spans="14:14">
      <c r="N543033" s="10"/>
    </row>
    <row r="543034" spans="14:14">
      <c r="N543034" s="10"/>
    </row>
    <row r="543035" spans="14:14">
      <c r="N543035" s="10"/>
    </row>
    <row r="543036" spans="14:14">
      <c r="N543036" s="10"/>
    </row>
    <row r="543037" spans="14:14">
      <c r="N543037" s="10"/>
    </row>
    <row r="543038" spans="14:14">
      <c r="N543038" s="10"/>
    </row>
    <row r="543039" spans="14:14">
      <c r="N543039" s="10"/>
    </row>
    <row r="543040" spans="14:14">
      <c r="N543040" s="10"/>
    </row>
    <row r="543041" spans="14:14">
      <c r="N543041" s="10"/>
    </row>
    <row r="543042" spans="14:14">
      <c r="N543042" s="10"/>
    </row>
    <row r="543043" spans="14:14">
      <c r="N543043" s="10"/>
    </row>
    <row r="543044" spans="14:14">
      <c r="N543044" s="10"/>
    </row>
    <row r="543045" spans="14:14">
      <c r="N543045" s="10"/>
    </row>
    <row r="543046" spans="14:14">
      <c r="N543046" s="10"/>
    </row>
    <row r="543047" spans="14:14">
      <c r="N543047" s="10"/>
    </row>
    <row r="543048" spans="14:14">
      <c r="N543048" s="10"/>
    </row>
    <row r="543049" spans="14:14">
      <c r="N543049" s="10"/>
    </row>
    <row r="543050" spans="14:14">
      <c r="N543050" s="10"/>
    </row>
    <row r="543051" spans="14:14">
      <c r="N543051" s="10"/>
    </row>
    <row r="543052" spans="14:14">
      <c r="N543052" s="10"/>
    </row>
    <row r="543053" spans="14:14">
      <c r="N543053" s="10"/>
    </row>
    <row r="543054" spans="14:14">
      <c r="N543054" s="10"/>
    </row>
    <row r="543055" spans="14:14">
      <c r="N543055" s="10"/>
    </row>
    <row r="543056" spans="14:14">
      <c r="N543056" s="10"/>
    </row>
    <row r="543057" spans="14:14">
      <c r="N543057" s="10"/>
    </row>
    <row r="543058" spans="14:14">
      <c r="N543058" s="10"/>
    </row>
    <row r="543059" spans="14:14">
      <c r="N543059" s="10"/>
    </row>
    <row r="543060" spans="14:14">
      <c r="N543060" s="10"/>
    </row>
    <row r="543061" spans="14:14">
      <c r="N543061" s="10"/>
    </row>
    <row r="543062" spans="14:14">
      <c r="N543062" s="10"/>
    </row>
    <row r="543063" spans="14:14">
      <c r="N543063" s="10"/>
    </row>
    <row r="543064" spans="14:14">
      <c r="N543064" s="10"/>
    </row>
    <row r="543065" spans="14:14">
      <c r="N543065" s="10"/>
    </row>
    <row r="543066" spans="14:14">
      <c r="N543066" s="10"/>
    </row>
    <row r="543067" spans="14:14">
      <c r="N543067" s="10"/>
    </row>
    <row r="543068" spans="14:14">
      <c r="N543068" s="10"/>
    </row>
    <row r="543069" spans="14:14">
      <c r="N543069" s="10"/>
    </row>
    <row r="543070" spans="14:14">
      <c r="N543070" s="10"/>
    </row>
    <row r="543071" spans="14:14">
      <c r="N543071" s="10"/>
    </row>
    <row r="543072" spans="14:14">
      <c r="N543072" s="10"/>
    </row>
    <row r="543073" spans="14:14">
      <c r="N543073" s="10"/>
    </row>
    <row r="543074" spans="14:14">
      <c r="N543074" s="10"/>
    </row>
    <row r="543075" spans="14:14">
      <c r="N543075" s="10"/>
    </row>
    <row r="543076" spans="14:14">
      <c r="N543076" s="10"/>
    </row>
    <row r="543077" spans="14:14">
      <c r="N543077" s="10"/>
    </row>
    <row r="543078" spans="14:14">
      <c r="N543078" s="10"/>
    </row>
    <row r="543079" spans="14:14">
      <c r="N543079" s="10"/>
    </row>
    <row r="543080" spans="14:14">
      <c r="N543080" s="10"/>
    </row>
    <row r="543081" spans="14:14">
      <c r="N543081" s="10"/>
    </row>
    <row r="543082" spans="14:14">
      <c r="N543082" s="10"/>
    </row>
    <row r="543083" spans="14:14">
      <c r="N543083" s="10"/>
    </row>
    <row r="543084" spans="14:14">
      <c r="N543084" s="10"/>
    </row>
    <row r="543085" spans="14:14">
      <c r="N543085" s="10"/>
    </row>
    <row r="543086" spans="14:14">
      <c r="N543086" s="10"/>
    </row>
    <row r="543087" spans="14:14">
      <c r="N543087" s="10"/>
    </row>
    <row r="543088" spans="14:14">
      <c r="N543088" s="10"/>
    </row>
    <row r="543089" spans="14:14">
      <c r="N543089" s="10"/>
    </row>
    <row r="543090" spans="14:14">
      <c r="N543090" s="10"/>
    </row>
    <row r="543091" spans="14:14">
      <c r="N543091" s="10"/>
    </row>
    <row r="543092" spans="14:14">
      <c r="N543092" s="10"/>
    </row>
    <row r="543093" spans="14:14">
      <c r="N543093" s="10"/>
    </row>
    <row r="543094" spans="14:14">
      <c r="N543094" s="10"/>
    </row>
    <row r="543095" spans="14:14">
      <c r="N543095" s="10"/>
    </row>
    <row r="543096" spans="14:14">
      <c r="N543096" s="10"/>
    </row>
    <row r="543097" spans="14:14">
      <c r="N543097" s="10"/>
    </row>
    <row r="543098" spans="14:14">
      <c r="N543098" s="10"/>
    </row>
    <row r="543099" spans="14:14">
      <c r="N543099" s="10"/>
    </row>
    <row r="543100" spans="14:14">
      <c r="N543100" s="10"/>
    </row>
    <row r="543101" spans="14:14">
      <c r="N543101" s="10"/>
    </row>
    <row r="543102" spans="14:14">
      <c r="N543102" s="10"/>
    </row>
    <row r="543103" spans="14:14">
      <c r="N543103" s="10"/>
    </row>
    <row r="543104" spans="14:14">
      <c r="N543104" s="10"/>
    </row>
    <row r="543105" spans="14:14">
      <c r="N543105" s="10"/>
    </row>
    <row r="543106" spans="14:14">
      <c r="N543106" s="10"/>
    </row>
    <row r="543107" spans="14:14">
      <c r="N543107" s="10"/>
    </row>
    <row r="543108" spans="14:14">
      <c r="N543108" s="10"/>
    </row>
    <row r="543109" spans="14:14">
      <c r="N543109" s="10"/>
    </row>
    <row r="543110" spans="14:14">
      <c r="N543110" s="10"/>
    </row>
    <row r="543111" spans="14:14">
      <c r="N543111" s="10"/>
    </row>
    <row r="543112" spans="14:14">
      <c r="N543112" s="10"/>
    </row>
    <row r="543113" spans="14:14">
      <c r="N543113" s="10"/>
    </row>
    <row r="543114" spans="14:14">
      <c r="N543114" s="10"/>
    </row>
    <row r="543115" spans="14:14">
      <c r="N543115" s="10"/>
    </row>
    <row r="543116" spans="14:14">
      <c r="N543116" s="10"/>
    </row>
    <row r="543117" spans="14:14">
      <c r="N543117" s="10"/>
    </row>
    <row r="543118" spans="14:14">
      <c r="N543118" s="10"/>
    </row>
    <row r="543119" spans="14:14">
      <c r="N543119" s="10"/>
    </row>
    <row r="543120" spans="14:14">
      <c r="N543120" s="10"/>
    </row>
    <row r="543121" spans="14:14">
      <c r="N543121" s="10"/>
    </row>
    <row r="543122" spans="14:14">
      <c r="N543122" s="10"/>
    </row>
    <row r="543123" spans="14:14">
      <c r="N543123" s="10"/>
    </row>
    <row r="543124" spans="14:14">
      <c r="N543124" s="10"/>
    </row>
    <row r="543125" spans="14:14">
      <c r="N543125" s="10"/>
    </row>
    <row r="543126" spans="14:14">
      <c r="N543126" s="10"/>
    </row>
    <row r="543127" spans="14:14">
      <c r="N543127" s="10"/>
    </row>
    <row r="543128" spans="14:14">
      <c r="N543128" s="10"/>
    </row>
    <row r="543129" spans="14:14">
      <c r="N543129" s="10"/>
    </row>
    <row r="543130" spans="14:14">
      <c r="N543130" s="10"/>
    </row>
    <row r="543131" spans="14:14">
      <c r="N543131" s="10"/>
    </row>
    <row r="543132" spans="14:14">
      <c r="N543132" s="10"/>
    </row>
    <row r="543133" spans="14:14">
      <c r="N543133" s="10"/>
    </row>
    <row r="543134" spans="14:14">
      <c r="N543134" s="10"/>
    </row>
    <row r="543135" spans="14:14">
      <c r="N543135" s="10"/>
    </row>
    <row r="543136" spans="14:14">
      <c r="N543136" s="10"/>
    </row>
    <row r="543137" spans="14:14">
      <c r="N543137" s="10"/>
    </row>
    <row r="543138" spans="14:14">
      <c r="N543138" s="10"/>
    </row>
    <row r="543139" spans="14:14">
      <c r="N543139" s="10"/>
    </row>
    <row r="543140" spans="14:14">
      <c r="N543140" s="10"/>
    </row>
    <row r="543141" spans="14:14">
      <c r="N543141" s="10"/>
    </row>
    <row r="543142" spans="14:14">
      <c r="N543142" s="10"/>
    </row>
    <row r="543143" spans="14:14">
      <c r="N543143" s="10"/>
    </row>
    <row r="543144" spans="14:14">
      <c r="N543144" s="10"/>
    </row>
    <row r="543145" spans="14:14">
      <c r="N543145" s="10"/>
    </row>
    <row r="543146" spans="14:14">
      <c r="N543146" s="10"/>
    </row>
    <row r="543147" spans="14:14">
      <c r="N543147" s="10"/>
    </row>
    <row r="543148" spans="14:14">
      <c r="N543148" s="10"/>
    </row>
    <row r="543149" spans="14:14">
      <c r="N543149" s="10"/>
    </row>
    <row r="543150" spans="14:14">
      <c r="N543150" s="10"/>
    </row>
    <row r="543151" spans="14:14">
      <c r="N543151" s="10"/>
    </row>
    <row r="543152" spans="14:14">
      <c r="N543152" s="10"/>
    </row>
    <row r="543153" spans="14:14">
      <c r="N543153" s="10"/>
    </row>
    <row r="543154" spans="14:14">
      <c r="N543154" s="10"/>
    </row>
    <row r="543155" spans="14:14">
      <c r="N543155" s="10"/>
    </row>
    <row r="543156" spans="14:14">
      <c r="N543156" s="10"/>
    </row>
    <row r="543157" spans="14:14">
      <c r="N543157" s="10"/>
    </row>
    <row r="543158" spans="14:14">
      <c r="N543158" s="10"/>
    </row>
    <row r="543159" spans="14:14">
      <c r="N543159" s="10"/>
    </row>
    <row r="543160" spans="14:14">
      <c r="N543160" s="10"/>
    </row>
    <row r="543161" spans="14:14">
      <c r="N543161" s="10"/>
    </row>
    <row r="543162" spans="14:14">
      <c r="N543162" s="10"/>
    </row>
    <row r="543163" spans="14:14">
      <c r="N543163" s="10"/>
    </row>
    <row r="543164" spans="14:14">
      <c r="N543164" s="10"/>
    </row>
    <row r="543165" spans="14:14">
      <c r="N543165" s="10"/>
    </row>
    <row r="543166" spans="14:14">
      <c r="N543166" s="10"/>
    </row>
    <row r="543167" spans="14:14">
      <c r="N543167" s="10"/>
    </row>
    <row r="543168" spans="14:14">
      <c r="N543168" s="10"/>
    </row>
    <row r="543169" spans="14:14">
      <c r="N543169" s="10"/>
    </row>
    <row r="543170" spans="14:14">
      <c r="N543170" s="10"/>
    </row>
    <row r="543171" spans="14:14">
      <c r="N543171" s="10"/>
    </row>
    <row r="543172" spans="14:14">
      <c r="N543172" s="10"/>
    </row>
    <row r="543173" spans="14:14">
      <c r="N543173" s="10"/>
    </row>
    <row r="543174" spans="14:14">
      <c r="N543174" s="10"/>
    </row>
    <row r="543175" spans="14:14">
      <c r="N543175" s="10"/>
    </row>
    <row r="543176" spans="14:14">
      <c r="N543176" s="10"/>
    </row>
    <row r="543177" spans="14:14">
      <c r="N543177" s="10"/>
    </row>
    <row r="543178" spans="14:14">
      <c r="N543178" s="10"/>
    </row>
    <row r="543179" spans="14:14">
      <c r="N543179" s="10"/>
    </row>
    <row r="543180" spans="14:14">
      <c r="N543180" s="10"/>
    </row>
    <row r="543181" spans="14:14">
      <c r="N543181" s="10"/>
    </row>
    <row r="543182" spans="14:14">
      <c r="N543182" s="10"/>
    </row>
    <row r="543183" spans="14:14">
      <c r="N543183" s="10"/>
    </row>
    <row r="543184" spans="14:14">
      <c r="N543184" s="10"/>
    </row>
    <row r="543185" spans="14:14">
      <c r="N543185" s="10"/>
    </row>
    <row r="543186" spans="14:14">
      <c r="N543186" s="10"/>
    </row>
    <row r="543187" spans="14:14">
      <c r="N543187" s="10"/>
    </row>
    <row r="543188" spans="14:14">
      <c r="N543188" s="10"/>
    </row>
    <row r="543189" spans="14:14">
      <c r="N543189" s="10"/>
    </row>
    <row r="543190" spans="14:14">
      <c r="N543190" s="10"/>
    </row>
    <row r="543191" spans="14:14">
      <c r="N543191" s="10"/>
    </row>
    <row r="543192" spans="14:14">
      <c r="N543192" s="10"/>
    </row>
    <row r="543193" spans="14:14">
      <c r="N543193" s="10"/>
    </row>
    <row r="543194" spans="14:14">
      <c r="N543194" s="10"/>
    </row>
    <row r="543195" spans="14:14">
      <c r="N543195" s="10"/>
    </row>
    <row r="543196" spans="14:14">
      <c r="N543196" s="10"/>
    </row>
    <row r="543197" spans="14:14">
      <c r="N543197" s="10"/>
    </row>
    <row r="543198" spans="14:14">
      <c r="N543198" s="10"/>
    </row>
    <row r="543199" spans="14:14">
      <c r="N543199" s="10"/>
    </row>
    <row r="543200" spans="14:14">
      <c r="N543200" s="10"/>
    </row>
    <row r="543201" spans="14:14">
      <c r="N543201" s="10"/>
    </row>
    <row r="543202" spans="14:14">
      <c r="N543202" s="10"/>
    </row>
    <row r="543203" spans="14:14">
      <c r="N543203" s="10"/>
    </row>
    <row r="543204" spans="14:14">
      <c r="N543204" s="10"/>
    </row>
    <row r="543205" spans="14:14">
      <c r="N543205" s="10"/>
    </row>
    <row r="543206" spans="14:14">
      <c r="N543206" s="10"/>
    </row>
    <row r="543207" spans="14:14">
      <c r="N543207" s="10"/>
    </row>
    <row r="543208" spans="14:14">
      <c r="N543208" s="10"/>
    </row>
    <row r="543209" spans="14:14">
      <c r="N543209" s="10"/>
    </row>
    <row r="543210" spans="14:14">
      <c r="N543210" s="10"/>
    </row>
    <row r="543211" spans="14:14">
      <c r="N543211" s="10"/>
    </row>
    <row r="543212" spans="14:14">
      <c r="N543212" s="10"/>
    </row>
    <row r="543213" spans="14:14">
      <c r="N543213" s="10"/>
    </row>
    <row r="543214" spans="14:14">
      <c r="N543214" s="10"/>
    </row>
    <row r="543215" spans="14:14">
      <c r="N543215" s="10"/>
    </row>
    <row r="543216" spans="14:14">
      <c r="N543216" s="10"/>
    </row>
    <row r="543217" spans="14:14">
      <c r="N543217" s="10"/>
    </row>
    <row r="543218" spans="14:14">
      <c r="N543218" s="10"/>
    </row>
    <row r="543219" spans="14:14">
      <c r="N543219" s="10"/>
    </row>
    <row r="543220" spans="14:14">
      <c r="N543220" s="10"/>
    </row>
    <row r="543221" spans="14:14">
      <c r="N543221" s="10"/>
    </row>
    <row r="543222" spans="14:14">
      <c r="N543222" s="10"/>
    </row>
    <row r="543223" spans="14:14">
      <c r="N543223" s="10"/>
    </row>
    <row r="543224" spans="14:14">
      <c r="N543224" s="10"/>
    </row>
    <row r="543225" spans="14:14">
      <c r="N543225" s="10"/>
    </row>
    <row r="543226" spans="14:14">
      <c r="N543226" s="10"/>
    </row>
    <row r="543227" spans="14:14">
      <c r="N543227" s="10"/>
    </row>
    <row r="543228" spans="14:14">
      <c r="N543228" s="10"/>
    </row>
    <row r="543229" spans="14:14">
      <c r="N543229" s="10"/>
    </row>
    <row r="543230" spans="14:14">
      <c r="N543230" s="10"/>
    </row>
    <row r="543231" spans="14:14">
      <c r="N543231" s="10"/>
    </row>
    <row r="543232" spans="14:14">
      <c r="N543232" s="10"/>
    </row>
    <row r="543233" spans="14:14">
      <c r="N543233" s="10"/>
    </row>
    <row r="543234" spans="14:14">
      <c r="N543234" s="10"/>
    </row>
    <row r="543235" spans="14:14">
      <c r="N543235" s="10"/>
    </row>
    <row r="543236" spans="14:14">
      <c r="N543236" s="10"/>
    </row>
    <row r="543237" spans="14:14">
      <c r="N543237" s="10"/>
    </row>
    <row r="543238" spans="14:14">
      <c r="N543238" s="10"/>
    </row>
    <row r="543239" spans="14:14">
      <c r="N543239" s="10"/>
    </row>
    <row r="543240" spans="14:14">
      <c r="N543240" s="10"/>
    </row>
    <row r="543241" spans="14:14">
      <c r="N543241" s="10"/>
    </row>
    <row r="543242" spans="14:14">
      <c r="N543242" s="10"/>
    </row>
    <row r="543243" spans="14:14">
      <c r="N543243" s="10"/>
    </row>
    <row r="543244" spans="14:14">
      <c r="N543244" s="10"/>
    </row>
    <row r="543245" spans="14:14">
      <c r="N543245" s="10"/>
    </row>
    <row r="543246" spans="14:14">
      <c r="N543246" s="10"/>
    </row>
    <row r="543247" spans="14:14">
      <c r="N543247" s="10"/>
    </row>
    <row r="543248" spans="14:14">
      <c r="N543248" s="10"/>
    </row>
    <row r="543249" spans="14:14">
      <c r="N543249" s="10"/>
    </row>
    <row r="543250" spans="14:14">
      <c r="N543250" s="10"/>
    </row>
    <row r="543251" spans="14:14">
      <c r="N543251" s="10"/>
    </row>
    <row r="543252" spans="14:14">
      <c r="N543252" s="10"/>
    </row>
    <row r="543253" spans="14:14">
      <c r="N543253" s="10"/>
    </row>
    <row r="543254" spans="14:14">
      <c r="N543254" s="10"/>
    </row>
    <row r="543255" spans="14:14">
      <c r="N543255" s="10"/>
    </row>
    <row r="543256" spans="14:14">
      <c r="N543256" s="10"/>
    </row>
    <row r="543257" spans="14:14">
      <c r="N543257" s="10"/>
    </row>
    <row r="543258" spans="14:14">
      <c r="N543258" s="10"/>
    </row>
    <row r="543259" spans="14:14">
      <c r="N543259" s="10"/>
    </row>
    <row r="543260" spans="14:14">
      <c r="N543260" s="10"/>
    </row>
    <row r="543261" spans="14:14">
      <c r="N543261" s="10"/>
    </row>
    <row r="543262" spans="14:14">
      <c r="N543262" s="10"/>
    </row>
    <row r="543263" spans="14:14">
      <c r="N543263" s="10"/>
    </row>
    <row r="543264" spans="14:14">
      <c r="N543264" s="10"/>
    </row>
    <row r="543265" spans="14:14">
      <c r="N543265" s="10"/>
    </row>
    <row r="543266" spans="14:14">
      <c r="N543266" s="10"/>
    </row>
    <row r="543267" spans="14:14">
      <c r="N543267" s="10"/>
    </row>
    <row r="543268" spans="14:14">
      <c r="N543268" s="10"/>
    </row>
    <row r="543269" spans="14:14">
      <c r="N543269" s="10"/>
    </row>
    <row r="543270" spans="14:14">
      <c r="N543270" s="10"/>
    </row>
    <row r="543271" spans="14:14">
      <c r="N543271" s="10"/>
    </row>
    <row r="543272" spans="14:14">
      <c r="N543272" s="10"/>
    </row>
    <row r="543273" spans="14:14">
      <c r="N543273" s="10"/>
    </row>
    <row r="543274" spans="14:14">
      <c r="N543274" s="10"/>
    </row>
    <row r="543275" spans="14:14">
      <c r="N543275" s="10"/>
    </row>
    <row r="543276" spans="14:14">
      <c r="N543276" s="10"/>
    </row>
    <row r="543277" spans="14:14">
      <c r="N543277" s="10"/>
    </row>
    <row r="543278" spans="14:14">
      <c r="N543278" s="10"/>
    </row>
    <row r="543279" spans="14:14">
      <c r="N543279" s="10"/>
    </row>
    <row r="543280" spans="14:14">
      <c r="N543280" s="10"/>
    </row>
    <row r="543281" spans="14:14">
      <c r="N543281" s="10"/>
    </row>
    <row r="543282" spans="14:14">
      <c r="N543282" s="10"/>
    </row>
    <row r="543283" spans="14:14">
      <c r="N543283" s="10"/>
    </row>
    <row r="543284" spans="14:14">
      <c r="N543284" s="10"/>
    </row>
    <row r="543285" spans="14:14">
      <c r="N543285" s="10"/>
    </row>
    <row r="543286" spans="14:14">
      <c r="N543286" s="10"/>
    </row>
    <row r="543287" spans="14:14">
      <c r="N543287" s="10"/>
    </row>
    <row r="543288" spans="14:14">
      <c r="N543288" s="10"/>
    </row>
    <row r="543289" spans="14:14">
      <c r="N543289" s="10"/>
    </row>
    <row r="543290" spans="14:14">
      <c r="N543290" s="10"/>
    </row>
    <row r="543291" spans="14:14">
      <c r="N543291" s="10"/>
    </row>
    <row r="543292" spans="14:14">
      <c r="N543292" s="10"/>
    </row>
    <row r="543293" spans="14:14">
      <c r="N543293" s="10"/>
    </row>
    <row r="543294" spans="14:14">
      <c r="N543294" s="10"/>
    </row>
    <row r="543295" spans="14:14">
      <c r="N543295" s="10"/>
    </row>
    <row r="543296" spans="14:14">
      <c r="N543296" s="10"/>
    </row>
    <row r="543297" spans="14:14">
      <c r="N543297" s="10"/>
    </row>
    <row r="543298" spans="14:14">
      <c r="N543298" s="10"/>
    </row>
    <row r="543299" spans="14:14">
      <c r="N543299" s="10"/>
    </row>
    <row r="543300" spans="14:14">
      <c r="N543300" s="10"/>
    </row>
    <row r="543301" spans="14:14">
      <c r="N543301" s="10"/>
    </row>
    <row r="543302" spans="14:14">
      <c r="N543302" s="10"/>
    </row>
    <row r="543303" spans="14:14">
      <c r="N543303" s="10"/>
    </row>
    <row r="543304" spans="14:14">
      <c r="N543304" s="10"/>
    </row>
    <row r="543305" spans="14:14">
      <c r="N543305" s="10"/>
    </row>
    <row r="543306" spans="14:14">
      <c r="N543306" s="10"/>
    </row>
    <row r="543307" spans="14:14">
      <c r="N543307" s="10"/>
    </row>
    <row r="543308" spans="14:14">
      <c r="N543308" s="10"/>
    </row>
    <row r="543309" spans="14:14">
      <c r="N543309" s="10"/>
    </row>
    <row r="543310" spans="14:14">
      <c r="N543310" s="10"/>
    </row>
    <row r="543311" spans="14:14">
      <c r="N543311" s="10"/>
    </row>
    <row r="543312" spans="14:14">
      <c r="N543312" s="10"/>
    </row>
    <row r="543313" spans="14:14">
      <c r="N543313" s="10"/>
    </row>
    <row r="543314" spans="14:14">
      <c r="N543314" s="10"/>
    </row>
    <row r="543315" spans="14:14">
      <c r="N543315" s="10"/>
    </row>
    <row r="543316" spans="14:14">
      <c r="N543316" s="10"/>
    </row>
    <row r="543317" spans="14:14">
      <c r="N543317" s="10"/>
    </row>
    <row r="543318" spans="14:14">
      <c r="N543318" s="10"/>
    </row>
    <row r="543319" spans="14:14">
      <c r="N543319" s="10"/>
    </row>
    <row r="543320" spans="14:14">
      <c r="N543320" s="10"/>
    </row>
    <row r="543321" spans="14:14">
      <c r="N543321" s="10"/>
    </row>
    <row r="543322" spans="14:14">
      <c r="N543322" s="10"/>
    </row>
    <row r="543323" spans="14:14">
      <c r="N543323" s="10"/>
    </row>
    <row r="543324" spans="14:14">
      <c r="N543324" s="10"/>
    </row>
    <row r="543325" spans="14:14">
      <c r="N543325" s="10"/>
    </row>
    <row r="543326" spans="14:14">
      <c r="N543326" s="10"/>
    </row>
    <row r="543327" spans="14:14">
      <c r="N543327" s="10"/>
    </row>
    <row r="543328" spans="14:14">
      <c r="N543328" s="10"/>
    </row>
    <row r="543329" spans="14:14">
      <c r="N543329" s="10"/>
    </row>
    <row r="543330" spans="14:14">
      <c r="N543330" s="10"/>
    </row>
    <row r="543331" spans="14:14">
      <c r="N543331" s="10"/>
    </row>
    <row r="543332" spans="14:14">
      <c r="N543332" s="10"/>
    </row>
    <row r="543333" spans="14:14">
      <c r="N543333" s="10"/>
    </row>
    <row r="543334" spans="14:14">
      <c r="N543334" s="10"/>
    </row>
    <row r="543335" spans="14:14">
      <c r="N543335" s="10"/>
    </row>
    <row r="543336" spans="14:14">
      <c r="N543336" s="10"/>
    </row>
    <row r="543337" spans="14:14">
      <c r="N543337" s="10"/>
    </row>
    <row r="543338" spans="14:14">
      <c r="N543338" s="10"/>
    </row>
    <row r="543339" spans="14:14">
      <c r="N543339" s="10"/>
    </row>
    <row r="543340" spans="14:14">
      <c r="N543340" s="10"/>
    </row>
    <row r="543341" spans="14:14">
      <c r="N543341" s="10"/>
    </row>
    <row r="543342" spans="14:14">
      <c r="N543342" s="10"/>
    </row>
    <row r="543343" spans="14:14">
      <c r="N543343" s="10"/>
    </row>
    <row r="543344" spans="14:14">
      <c r="N543344" s="10"/>
    </row>
    <row r="543345" spans="14:14">
      <c r="N543345" s="10"/>
    </row>
    <row r="543346" spans="14:14">
      <c r="N543346" s="10"/>
    </row>
    <row r="543347" spans="14:14">
      <c r="N543347" s="10"/>
    </row>
    <row r="543348" spans="14:14">
      <c r="N543348" s="10"/>
    </row>
    <row r="543349" spans="14:14">
      <c r="N543349" s="10"/>
    </row>
    <row r="543350" spans="14:14">
      <c r="N543350" s="10"/>
    </row>
    <row r="543351" spans="14:14">
      <c r="N543351" s="10"/>
    </row>
    <row r="543352" spans="14:14">
      <c r="N543352" s="10"/>
    </row>
    <row r="543353" spans="14:14">
      <c r="N543353" s="10"/>
    </row>
    <row r="543354" spans="14:14">
      <c r="N543354" s="10"/>
    </row>
    <row r="543355" spans="14:14">
      <c r="N543355" s="10"/>
    </row>
    <row r="543356" spans="14:14">
      <c r="N543356" s="10"/>
    </row>
    <row r="543357" spans="14:14">
      <c r="N543357" s="10"/>
    </row>
    <row r="543358" spans="14:14">
      <c r="N543358" s="10"/>
    </row>
    <row r="543359" spans="14:14">
      <c r="N543359" s="10"/>
    </row>
    <row r="543360" spans="14:14">
      <c r="N543360" s="10"/>
    </row>
    <row r="543361" spans="14:14">
      <c r="N543361" s="10"/>
    </row>
    <row r="543362" spans="14:14">
      <c r="N543362" s="10"/>
    </row>
    <row r="543363" spans="14:14">
      <c r="N543363" s="10"/>
    </row>
    <row r="543364" spans="14:14">
      <c r="N543364" s="10"/>
    </row>
    <row r="543365" spans="14:14">
      <c r="N543365" s="10"/>
    </row>
    <row r="543366" spans="14:14">
      <c r="N543366" s="10"/>
    </row>
    <row r="543367" spans="14:14">
      <c r="N543367" s="10"/>
    </row>
    <row r="543368" spans="14:14">
      <c r="N543368" s="10"/>
    </row>
    <row r="543369" spans="14:14">
      <c r="N543369" s="10"/>
    </row>
    <row r="543370" spans="14:14">
      <c r="N543370" s="10"/>
    </row>
    <row r="543371" spans="14:14">
      <c r="N543371" s="10"/>
    </row>
    <row r="543372" spans="14:14">
      <c r="N543372" s="10"/>
    </row>
    <row r="543373" spans="14:14">
      <c r="N543373" s="10"/>
    </row>
    <row r="543374" spans="14:14">
      <c r="N543374" s="10"/>
    </row>
    <row r="543375" spans="14:14">
      <c r="N543375" s="10"/>
    </row>
    <row r="543376" spans="14:14">
      <c r="N543376" s="10"/>
    </row>
    <row r="543377" spans="14:14">
      <c r="N543377" s="10"/>
    </row>
    <row r="543378" spans="14:14">
      <c r="N543378" s="10"/>
    </row>
    <row r="543379" spans="14:14">
      <c r="N543379" s="10"/>
    </row>
    <row r="543380" spans="14:14">
      <c r="N543380" s="10"/>
    </row>
    <row r="543381" spans="14:14">
      <c r="N543381" s="10"/>
    </row>
    <row r="543382" spans="14:14">
      <c r="N543382" s="10"/>
    </row>
    <row r="543383" spans="14:14">
      <c r="N543383" s="10"/>
    </row>
    <row r="543384" spans="14:14">
      <c r="N543384" s="10"/>
    </row>
    <row r="543385" spans="14:14">
      <c r="N543385" s="10"/>
    </row>
    <row r="543386" spans="14:14">
      <c r="N543386" s="10"/>
    </row>
    <row r="543387" spans="14:14">
      <c r="N543387" s="10"/>
    </row>
    <row r="543388" spans="14:14">
      <c r="N543388" s="10"/>
    </row>
    <row r="543389" spans="14:14">
      <c r="N543389" s="10"/>
    </row>
    <row r="543390" spans="14:14">
      <c r="N543390" s="10"/>
    </row>
    <row r="543391" spans="14:14">
      <c r="N543391" s="10"/>
    </row>
    <row r="543392" spans="14:14">
      <c r="N543392" s="10"/>
    </row>
    <row r="543393" spans="14:14">
      <c r="N543393" s="10"/>
    </row>
    <row r="543394" spans="14:14">
      <c r="N543394" s="10"/>
    </row>
    <row r="543395" spans="14:14">
      <c r="N543395" s="10"/>
    </row>
    <row r="543396" spans="14:14">
      <c r="N543396" s="10"/>
    </row>
    <row r="543397" spans="14:14">
      <c r="N543397" s="10"/>
    </row>
    <row r="543398" spans="14:14">
      <c r="N543398" s="10"/>
    </row>
    <row r="543399" spans="14:14">
      <c r="N543399" s="10"/>
    </row>
    <row r="543400" spans="14:14">
      <c r="N543400" s="10"/>
    </row>
    <row r="543401" spans="14:14">
      <c r="N543401" s="10"/>
    </row>
    <row r="543402" spans="14:14">
      <c r="N543402" s="10"/>
    </row>
    <row r="543403" spans="14:14">
      <c r="N543403" s="10"/>
    </row>
    <row r="543404" spans="14:14">
      <c r="N543404" s="10"/>
    </row>
    <row r="543405" spans="14:14">
      <c r="N543405" s="10"/>
    </row>
    <row r="543406" spans="14:14">
      <c r="N543406" s="10"/>
    </row>
    <row r="543407" spans="14:14">
      <c r="N543407" s="10"/>
    </row>
    <row r="543408" spans="14:14">
      <c r="N543408" s="10"/>
    </row>
    <row r="543409" spans="14:14">
      <c r="N543409" s="10"/>
    </row>
    <row r="543410" spans="14:14">
      <c r="N543410" s="10"/>
    </row>
    <row r="543411" spans="14:14">
      <c r="N543411" s="10"/>
    </row>
    <row r="543412" spans="14:14">
      <c r="N543412" s="10"/>
    </row>
    <row r="543413" spans="14:14">
      <c r="N543413" s="10"/>
    </row>
    <row r="543414" spans="14:14">
      <c r="N543414" s="10"/>
    </row>
    <row r="543415" spans="14:14">
      <c r="N543415" s="10"/>
    </row>
    <row r="543416" spans="14:14">
      <c r="N543416" s="10"/>
    </row>
    <row r="543417" spans="14:14">
      <c r="N543417" s="10"/>
    </row>
    <row r="543418" spans="14:14">
      <c r="N543418" s="10"/>
    </row>
    <row r="543419" spans="14:14">
      <c r="N543419" s="10"/>
    </row>
    <row r="543420" spans="14:14">
      <c r="N543420" s="10"/>
    </row>
    <row r="543421" spans="14:14">
      <c r="N543421" s="10"/>
    </row>
    <row r="543422" spans="14:14">
      <c r="N543422" s="10"/>
    </row>
    <row r="543423" spans="14:14">
      <c r="N543423" s="10"/>
    </row>
    <row r="543424" spans="14:14">
      <c r="N543424" s="10"/>
    </row>
    <row r="543425" spans="14:14">
      <c r="N543425" s="10"/>
    </row>
    <row r="543426" spans="14:14">
      <c r="N543426" s="10"/>
    </row>
    <row r="543427" spans="14:14">
      <c r="N543427" s="10"/>
    </row>
    <row r="543428" spans="14:14">
      <c r="N543428" s="10"/>
    </row>
    <row r="543429" spans="14:14">
      <c r="N543429" s="10"/>
    </row>
    <row r="543430" spans="14:14">
      <c r="N543430" s="10"/>
    </row>
    <row r="543431" spans="14:14">
      <c r="N543431" s="10"/>
    </row>
    <row r="543432" spans="14:14">
      <c r="N543432" s="10"/>
    </row>
    <row r="543433" spans="14:14">
      <c r="N543433" s="10"/>
    </row>
    <row r="543434" spans="14:14">
      <c r="N543434" s="10"/>
    </row>
    <row r="543435" spans="14:14">
      <c r="N543435" s="10"/>
    </row>
    <row r="543436" spans="14:14">
      <c r="N543436" s="10"/>
    </row>
    <row r="543437" spans="14:14">
      <c r="N543437" s="10"/>
    </row>
    <row r="543438" spans="14:14">
      <c r="N543438" s="10"/>
    </row>
    <row r="543439" spans="14:14">
      <c r="N543439" s="10"/>
    </row>
    <row r="543440" spans="14:14">
      <c r="N543440" s="10"/>
    </row>
    <row r="543441" spans="14:14">
      <c r="N543441" s="10"/>
    </row>
    <row r="543442" spans="14:14">
      <c r="N543442" s="10"/>
    </row>
    <row r="543443" spans="14:14">
      <c r="N543443" s="10"/>
    </row>
    <row r="543444" spans="14:14">
      <c r="N543444" s="10"/>
    </row>
    <row r="543445" spans="14:14">
      <c r="N543445" s="10"/>
    </row>
    <row r="543446" spans="14:14">
      <c r="N543446" s="10"/>
    </row>
    <row r="543447" spans="14:14">
      <c r="N543447" s="10"/>
    </row>
    <row r="543448" spans="14:14">
      <c r="N543448" s="10"/>
    </row>
    <row r="543449" spans="14:14">
      <c r="N543449" s="10"/>
    </row>
    <row r="543450" spans="14:14">
      <c r="N543450" s="10"/>
    </row>
    <row r="543451" spans="14:14">
      <c r="N543451" s="10"/>
    </row>
    <row r="543452" spans="14:14">
      <c r="N543452" s="10"/>
    </row>
    <row r="543453" spans="14:14">
      <c r="N543453" s="10"/>
    </row>
    <row r="543454" spans="14:14">
      <c r="N543454" s="10"/>
    </row>
    <row r="543455" spans="14:14">
      <c r="N543455" s="10"/>
    </row>
    <row r="543456" spans="14:14">
      <c r="N543456" s="10"/>
    </row>
    <row r="543457" spans="14:14">
      <c r="N543457" s="10"/>
    </row>
    <row r="543458" spans="14:14">
      <c r="N543458" s="10"/>
    </row>
    <row r="543459" spans="14:14">
      <c r="N543459" s="10"/>
    </row>
    <row r="543460" spans="14:14">
      <c r="N543460" s="10"/>
    </row>
    <row r="543461" spans="14:14">
      <c r="N543461" s="10"/>
    </row>
    <row r="543462" spans="14:14">
      <c r="N543462" s="10"/>
    </row>
    <row r="543463" spans="14:14">
      <c r="N543463" s="10"/>
    </row>
    <row r="543464" spans="14:14">
      <c r="N543464" s="10"/>
    </row>
    <row r="543465" spans="14:14">
      <c r="N543465" s="10"/>
    </row>
    <row r="543466" spans="14:14">
      <c r="N543466" s="10"/>
    </row>
    <row r="543467" spans="14:14">
      <c r="N543467" s="10"/>
    </row>
    <row r="543468" spans="14:14">
      <c r="N543468" s="10"/>
    </row>
    <row r="543469" spans="14:14">
      <c r="N543469" s="10"/>
    </row>
    <row r="543470" spans="14:14">
      <c r="N543470" s="10"/>
    </row>
    <row r="543471" spans="14:14">
      <c r="N543471" s="10"/>
    </row>
    <row r="543472" spans="14:14">
      <c r="N543472" s="10"/>
    </row>
    <row r="543473" spans="14:14">
      <c r="N543473" s="10"/>
    </row>
    <row r="543474" spans="14:14">
      <c r="N543474" s="10"/>
    </row>
    <row r="543475" spans="14:14">
      <c r="N543475" s="10"/>
    </row>
    <row r="543476" spans="14:14">
      <c r="N543476" s="10"/>
    </row>
    <row r="543477" spans="14:14">
      <c r="N543477" s="10"/>
    </row>
    <row r="543478" spans="14:14">
      <c r="N543478" s="10"/>
    </row>
    <row r="543479" spans="14:14">
      <c r="N543479" s="10"/>
    </row>
    <row r="543480" spans="14:14">
      <c r="N543480" s="10"/>
    </row>
    <row r="543481" spans="14:14">
      <c r="N543481" s="10"/>
    </row>
    <row r="543482" spans="14:14">
      <c r="N543482" s="10"/>
    </row>
    <row r="543483" spans="14:14">
      <c r="N543483" s="10"/>
    </row>
    <row r="543484" spans="14:14">
      <c r="N543484" s="10"/>
    </row>
    <row r="543485" spans="14:14">
      <c r="N543485" s="10"/>
    </row>
    <row r="543486" spans="14:14">
      <c r="N543486" s="10"/>
    </row>
    <row r="543487" spans="14:14">
      <c r="N543487" s="10"/>
    </row>
    <row r="543488" spans="14:14">
      <c r="N543488" s="10"/>
    </row>
    <row r="543489" spans="14:14">
      <c r="N543489" s="10"/>
    </row>
    <row r="543490" spans="14:14">
      <c r="N543490" s="10"/>
    </row>
    <row r="543491" spans="14:14">
      <c r="N543491" s="10"/>
    </row>
    <row r="543492" spans="14:14">
      <c r="N543492" s="10"/>
    </row>
    <row r="543493" spans="14:14">
      <c r="N543493" s="10"/>
    </row>
    <row r="543494" spans="14:14">
      <c r="N543494" s="10"/>
    </row>
    <row r="543495" spans="14:14">
      <c r="N543495" s="10"/>
    </row>
    <row r="543496" spans="14:14">
      <c r="N543496" s="10"/>
    </row>
    <row r="543497" spans="14:14">
      <c r="N543497" s="10"/>
    </row>
    <row r="543498" spans="14:14">
      <c r="N543498" s="10"/>
    </row>
    <row r="543499" spans="14:14">
      <c r="N543499" s="10"/>
    </row>
    <row r="543500" spans="14:14">
      <c r="N543500" s="10"/>
    </row>
    <row r="543501" spans="14:14">
      <c r="N543501" s="10"/>
    </row>
    <row r="543502" spans="14:14">
      <c r="N543502" s="10"/>
    </row>
    <row r="543503" spans="14:14">
      <c r="N543503" s="10"/>
    </row>
    <row r="543504" spans="14:14">
      <c r="N543504" s="10"/>
    </row>
    <row r="543505" spans="14:14">
      <c r="N543505" s="10"/>
    </row>
    <row r="543506" spans="14:14">
      <c r="N543506" s="10"/>
    </row>
    <row r="543507" spans="14:14">
      <c r="N543507" s="10"/>
    </row>
    <row r="543508" spans="14:14">
      <c r="N543508" s="10"/>
    </row>
    <row r="543509" spans="14:14">
      <c r="N543509" s="10"/>
    </row>
    <row r="543510" spans="14:14">
      <c r="N543510" s="10"/>
    </row>
    <row r="543511" spans="14:14">
      <c r="N543511" s="10"/>
    </row>
    <row r="543512" spans="14:14">
      <c r="N543512" s="10"/>
    </row>
    <row r="543513" spans="14:14">
      <c r="N543513" s="10"/>
    </row>
    <row r="543514" spans="14:14">
      <c r="N543514" s="10"/>
    </row>
    <row r="543515" spans="14:14">
      <c r="N543515" s="10"/>
    </row>
    <row r="543516" spans="14:14">
      <c r="N543516" s="10"/>
    </row>
    <row r="543517" spans="14:14">
      <c r="N543517" s="10"/>
    </row>
    <row r="543518" spans="14:14">
      <c r="N543518" s="10"/>
    </row>
    <row r="543519" spans="14:14">
      <c r="N543519" s="10"/>
    </row>
    <row r="543520" spans="14:14">
      <c r="N543520" s="10"/>
    </row>
    <row r="543521" spans="14:14">
      <c r="N543521" s="10"/>
    </row>
    <row r="543522" spans="14:14">
      <c r="N543522" s="10"/>
    </row>
    <row r="543523" spans="14:14">
      <c r="N543523" s="10"/>
    </row>
    <row r="543524" spans="14:14">
      <c r="N543524" s="10"/>
    </row>
    <row r="543525" spans="14:14">
      <c r="N543525" s="10"/>
    </row>
    <row r="543526" spans="14:14">
      <c r="N543526" s="10"/>
    </row>
    <row r="543527" spans="14:14">
      <c r="N543527" s="10"/>
    </row>
    <row r="543528" spans="14:14">
      <c r="N543528" s="10"/>
    </row>
    <row r="543529" spans="14:14">
      <c r="N543529" s="10"/>
    </row>
    <row r="543530" spans="14:14">
      <c r="N543530" s="10"/>
    </row>
    <row r="543531" spans="14:14">
      <c r="N543531" s="10"/>
    </row>
    <row r="543532" spans="14:14">
      <c r="N543532" s="10"/>
    </row>
    <row r="543533" spans="14:14">
      <c r="N543533" s="10"/>
    </row>
    <row r="543534" spans="14:14">
      <c r="N543534" s="10"/>
    </row>
    <row r="543535" spans="14:14">
      <c r="N543535" s="10"/>
    </row>
    <row r="543536" spans="14:14">
      <c r="N543536" s="10"/>
    </row>
    <row r="543537" spans="14:14">
      <c r="N543537" s="10"/>
    </row>
    <row r="543538" spans="14:14">
      <c r="N543538" s="10"/>
    </row>
    <row r="543539" spans="14:14">
      <c r="N543539" s="10"/>
    </row>
    <row r="543540" spans="14:14">
      <c r="N543540" s="10"/>
    </row>
    <row r="543541" spans="14:14">
      <c r="N543541" s="10"/>
    </row>
    <row r="543542" spans="14:14">
      <c r="N543542" s="10"/>
    </row>
    <row r="543543" spans="14:14">
      <c r="N543543" s="10"/>
    </row>
    <row r="543544" spans="14:14">
      <c r="N543544" s="10"/>
    </row>
    <row r="543545" spans="14:14">
      <c r="N543545" s="10"/>
    </row>
    <row r="543546" spans="14:14">
      <c r="N543546" s="10"/>
    </row>
    <row r="543547" spans="14:14">
      <c r="N543547" s="10"/>
    </row>
    <row r="543548" spans="14:14">
      <c r="N543548" s="10"/>
    </row>
    <row r="543549" spans="14:14">
      <c r="N543549" s="10"/>
    </row>
    <row r="543550" spans="14:14">
      <c r="N543550" s="10"/>
    </row>
    <row r="543551" spans="14:14">
      <c r="N543551" s="10"/>
    </row>
    <row r="543552" spans="14:14">
      <c r="N543552" s="10"/>
    </row>
    <row r="543553" spans="14:14">
      <c r="N543553" s="10"/>
    </row>
    <row r="543554" spans="14:14">
      <c r="N543554" s="10"/>
    </row>
    <row r="543555" spans="14:14">
      <c r="N543555" s="10"/>
    </row>
    <row r="543556" spans="14:14">
      <c r="N543556" s="10"/>
    </row>
    <row r="543557" spans="14:14">
      <c r="N543557" s="10"/>
    </row>
    <row r="543558" spans="14:14">
      <c r="N543558" s="10"/>
    </row>
    <row r="543559" spans="14:14">
      <c r="N543559" s="10"/>
    </row>
    <row r="543560" spans="14:14">
      <c r="N543560" s="10"/>
    </row>
    <row r="543561" spans="14:14">
      <c r="N543561" s="10"/>
    </row>
    <row r="543562" spans="14:14">
      <c r="N543562" s="10"/>
    </row>
    <row r="543563" spans="14:14">
      <c r="N543563" s="10"/>
    </row>
    <row r="543564" spans="14:14">
      <c r="N543564" s="10"/>
    </row>
    <row r="543565" spans="14:14">
      <c r="N543565" s="10"/>
    </row>
    <row r="543566" spans="14:14">
      <c r="N543566" s="10"/>
    </row>
    <row r="543567" spans="14:14">
      <c r="N543567" s="10"/>
    </row>
    <row r="543568" spans="14:14">
      <c r="N543568" s="10"/>
    </row>
    <row r="543569" spans="14:14">
      <c r="N543569" s="10"/>
    </row>
    <row r="543570" spans="14:14">
      <c r="N543570" s="10"/>
    </row>
    <row r="543571" spans="14:14">
      <c r="N543571" s="10"/>
    </row>
    <row r="543572" spans="14:14">
      <c r="N543572" s="10"/>
    </row>
    <row r="543573" spans="14:14">
      <c r="N543573" s="10"/>
    </row>
    <row r="543574" spans="14:14">
      <c r="N543574" s="10"/>
    </row>
    <row r="543575" spans="14:14">
      <c r="N543575" s="10"/>
    </row>
    <row r="543576" spans="14:14">
      <c r="N543576" s="10"/>
    </row>
    <row r="543577" spans="14:14">
      <c r="N543577" s="10"/>
    </row>
    <row r="543578" spans="14:14">
      <c r="N543578" s="10"/>
    </row>
    <row r="543579" spans="14:14">
      <c r="N543579" s="10"/>
    </row>
    <row r="543580" spans="14:14">
      <c r="N543580" s="10"/>
    </row>
    <row r="543581" spans="14:14">
      <c r="N543581" s="10"/>
    </row>
    <row r="543582" spans="14:14">
      <c r="N543582" s="10"/>
    </row>
    <row r="543583" spans="14:14">
      <c r="N543583" s="10"/>
    </row>
    <row r="543584" spans="14:14">
      <c r="N543584" s="10"/>
    </row>
    <row r="543585" spans="14:14">
      <c r="N543585" s="10"/>
    </row>
    <row r="543586" spans="14:14">
      <c r="N543586" s="10"/>
    </row>
    <row r="543587" spans="14:14">
      <c r="N543587" s="10"/>
    </row>
    <row r="543588" spans="14:14">
      <c r="N543588" s="10"/>
    </row>
    <row r="543589" spans="14:14">
      <c r="N543589" s="10"/>
    </row>
    <row r="543590" spans="14:14">
      <c r="N543590" s="10"/>
    </row>
    <row r="543591" spans="14:14">
      <c r="N543591" s="10"/>
    </row>
    <row r="543592" spans="14:14">
      <c r="N543592" s="10"/>
    </row>
    <row r="543593" spans="14:14">
      <c r="N543593" s="10"/>
    </row>
    <row r="543594" spans="14:14">
      <c r="N543594" s="10"/>
    </row>
    <row r="543595" spans="14:14">
      <c r="N543595" s="10"/>
    </row>
    <row r="543596" spans="14:14">
      <c r="N543596" s="10"/>
    </row>
    <row r="543597" spans="14:14">
      <c r="N543597" s="10"/>
    </row>
    <row r="543598" spans="14:14">
      <c r="N543598" s="10"/>
    </row>
    <row r="543599" spans="14:14">
      <c r="N543599" s="10"/>
    </row>
    <row r="543600" spans="14:14">
      <c r="N543600" s="10"/>
    </row>
    <row r="543601" spans="14:14">
      <c r="N543601" s="10"/>
    </row>
    <row r="543602" spans="14:14">
      <c r="N543602" s="10"/>
    </row>
    <row r="543603" spans="14:14">
      <c r="N543603" s="10"/>
    </row>
    <row r="543604" spans="14:14">
      <c r="N543604" s="10"/>
    </row>
    <row r="543605" spans="14:14">
      <c r="N543605" s="10"/>
    </row>
    <row r="543606" spans="14:14">
      <c r="N543606" s="10"/>
    </row>
    <row r="543607" spans="14:14">
      <c r="N543607" s="10"/>
    </row>
    <row r="543608" spans="14:14">
      <c r="N543608" s="10"/>
    </row>
    <row r="543609" spans="14:14">
      <c r="N543609" s="10"/>
    </row>
    <row r="543610" spans="14:14">
      <c r="N543610" s="10"/>
    </row>
    <row r="543611" spans="14:14">
      <c r="N543611" s="10"/>
    </row>
    <row r="543612" spans="14:14">
      <c r="N543612" s="10"/>
    </row>
    <row r="543613" spans="14:14">
      <c r="N543613" s="10"/>
    </row>
    <row r="543614" spans="14:14">
      <c r="N543614" s="10"/>
    </row>
    <row r="543615" spans="14:14">
      <c r="N543615" s="10"/>
    </row>
    <row r="543616" spans="14:14">
      <c r="N543616" s="10"/>
    </row>
    <row r="543617" spans="14:14">
      <c r="N543617" s="10"/>
    </row>
    <row r="543618" spans="14:14">
      <c r="N543618" s="10"/>
    </row>
    <row r="543619" spans="14:14">
      <c r="N543619" s="10"/>
    </row>
    <row r="543620" spans="14:14">
      <c r="N543620" s="10"/>
    </row>
    <row r="543621" spans="14:14">
      <c r="N543621" s="10"/>
    </row>
    <row r="543622" spans="14:14">
      <c r="N543622" s="10"/>
    </row>
    <row r="543623" spans="14:14">
      <c r="N543623" s="10"/>
    </row>
    <row r="543624" spans="14:14">
      <c r="N543624" s="10"/>
    </row>
    <row r="543625" spans="14:14">
      <c r="N543625" s="10"/>
    </row>
    <row r="543626" spans="14:14">
      <c r="N543626" s="10"/>
    </row>
    <row r="543627" spans="14:14">
      <c r="N543627" s="10"/>
    </row>
    <row r="543628" spans="14:14">
      <c r="N543628" s="10"/>
    </row>
    <row r="543629" spans="14:14">
      <c r="N543629" s="10"/>
    </row>
    <row r="543630" spans="14:14">
      <c r="N543630" s="10"/>
    </row>
    <row r="543631" spans="14:14">
      <c r="N543631" s="10"/>
    </row>
    <row r="543632" spans="14:14">
      <c r="N543632" s="10"/>
    </row>
    <row r="543633" spans="14:14">
      <c r="N543633" s="10"/>
    </row>
    <row r="543634" spans="14:14">
      <c r="N543634" s="10"/>
    </row>
    <row r="543635" spans="14:14">
      <c r="N543635" s="10"/>
    </row>
    <row r="543636" spans="14:14">
      <c r="N543636" s="10"/>
    </row>
    <row r="543637" spans="14:14">
      <c r="N543637" s="10"/>
    </row>
    <row r="543638" spans="14:14">
      <c r="N543638" s="10"/>
    </row>
    <row r="543639" spans="14:14">
      <c r="N543639" s="10"/>
    </row>
    <row r="543640" spans="14:14">
      <c r="N543640" s="10"/>
    </row>
    <row r="543641" spans="14:14">
      <c r="N543641" s="10"/>
    </row>
    <row r="543642" spans="14:14">
      <c r="N543642" s="10"/>
    </row>
    <row r="543643" spans="14:14">
      <c r="N543643" s="10"/>
    </row>
    <row r="543644" spans="14:14">
      <c r="N543644" s="10"/>
    </row>
    <row r="543645" spans="14:14">
      <c r="N543645" s="10"/>
    </row>
    <row r="543646" spans="14:14">
      <c r="N543646" s="10"/>
    </row>
    <row r="543647" spans="14:14">
      <c r="N543647" s="10"/>
    </row>
    <row r="543648" spans="14:14">
      <c r="N543648" s="10"/>
    </row>
    <row r="543649" spans="14:14">
      <c r="N543649" s="10"/>
    </row>
    <row r="543650" spans="14:14">
      <c r="N543650" s="10"/>
    </row>
    <row r="543651" spans="14:14">
      <c r="N543651" s="10"/>
    </row>
    <row r="543652" spans="14:14">
      <c r="N543652" s="10"/>
    </row>
    <row r="543653" spans="14:14">
      <c r="N543653" s="10"/>
    </row>
    <row r="543654" spans="14:14">
      <c r="N543654" s="10"/>
    </row>
    <row r="543655" spans="14:14">
      <c r="N543655" s="10"/>
    </row>
    <row r="543656" spans="14:14">
      <c r="N543656" s="10"/>
    </row>
    <row r="543657" spans="14:14">
      <c r="N543657" s="10"/>
    </row>
    <row r="543658" spans="14:14">
      <c r="N543658" s="10"/>
    </row>
    <row r="543659" spans="14:14">
      <c r="N543659" s="10"/>
    </row>
    <row r="543660" spans="14:14">
      <c r="N543660" s="10"/>
    </row>
    <row r="543661" spans="14:14">
      <c r="N543661" s="10"/>
    </row>
    <row r="543662" spans="14:14">
      <c r="N543662" s="10"/>
    </row>
    <row r="543663" spans="14:14">
      <c r="N543663" s="10"/>
    </row>
    <row r="543664" spans="14:14">
      <c r="N543664" s="10"/>
    </row>
    <row r="543665" spans="14:14">
      <c r="N543665" s="10"/>
    </row>
    <row r="543666" spans="14:14">
      <c r="N543666" s="10"/>
    </row>
    <row r="543667" spans="14:14">
      <c r="N543667" s="10"/>
    </row>
    <row r="543668" spans="14:14">
      <c r="N543668" s="10"/>
    </row>
    <row r="543669" spans="14:14">
      <c r="N543669" s="10"/>
    </row>
    <row r="543670" spans="14:14">
      <c r="N543670" s="10"/>
    </row>
    <row r="543671" spans="14:14">
      <c r="N543671" s="10"/>
    </row>
    <row r="543672" spans="14:14">
      <c r="N543672" s="10"/>
    </row>
    <row r="543673" spans="14:14">
      <c r="N543673" s="10"/>
    </row>
    <row r="543674" spans="14:14">
      <c r="N543674" s="10"/>
    </row>
    <row r="543675" spans="14:14">
      <c r="N543675" s="10"/>
    </row>
    <row r="543676" spans="14:14">
      <c r="N543676" s="10"/>
    </row>
    <row r="543677" spans="14:14">
      <c r="N543677" s="10"/>
    </row>
    <row r="543678" spans="14:14">
      <c r="N543678" s="10"/>
    </row>
    <row r="543679" spans="14:14">
      <c r="N543679" s="10"/>
    </row>
    <row r="543680" spans="14:14">
      <c r="N543680" s="10"/>
    </row>
    <row r="543681" spans="14:14">
      <c r="N543681" s="10"/>
    </row>
    <row r="543682" spans="14:14">
      <c r="N543682" s="10"/>
    </row>
    <row r="543683" spans="14:14">
      <c r="N543683" s="10"/>
    </row>
    <row r="543684" spans="14:14">
      <c r="N543684" s="10"/>
    </row>
    <row r="543685" spans="14:14">
      <c r="N543685" s="10"/>
    </row>
    <row r="543686" spans="14:14">
      <c r="N543686" s="10"/>
    </row>
    <row r="543687" spans="14:14">
      <c r="N543687" s="10"/>
    </row>
    <row r="543688" spans="14:14">
      <c r="N543688" s="10"/>
    </row>
    <row r="543689" spans="14:14">
      <c r="N543689" s="10"/>
    </row>
    <row r="543690" spans="14:14">
      <c r="N543690" s="10"/>
    </row>
    <row r="543691" spans="14:14">
      <c r="N543691" s="10"/>
    </row>
    <row r="543692" spans="14:14">
      <c r="N543692" s="10"/>
    </row>
    <row r="543693" spans="14:14">
      <c r="N543693" s="10"/>
    </row>
    <row r="543694" spans="14:14">
      <c r="N543694" s="10"/>
    </row>
    <row r="543695" spans="14:14">
      <c r="N543695" s="10"/>
    </row>
    <row r="543696" spans="14:14">
      <c r="N543696" s="10"/>
    </row>
    <row r="543697" spans="14:14">
      <c r="N543697" s="10"/>
    </row>
    <row r="543698" spans="14:14">
      <c r="N543698" s="10"/>
    </row>
    <row r="543699" spans="14:14">
      <c r="N543699" s="10"/>
    </row>
    <row r="543700" spans="14:14">
      <c r="N543700" s="10"/>
    </row>
    <row r="543701" spans="14:14">
      <c r="N543701" s="10"/>
    </row>
    <row r="543702" spans="14:14">
      <c r="N543702" s="10"/>
    </row>
    <row r="543703" spans="14:14">
      <c r="N543703" s="10"/>
    </row>
    <row r="543704" spans="14:14">
      <c r="N543704" s="10"/>
    </row>
    <row r="543705" spans="14:14">
      <c r="N543705" s="10"/>
    </row>
    <row r="543706" spans="14:14">
      <c r="N543706" s="10"/>
    </row>
    <row r="543707" spans="14:14">
      <c r="N543707" s="10"/>
    </row>
    <row r="543708" spans="14:14">
      <c r="N543708" s="10"/>
    </row>
    <row r="543709" spans="14:14">
      <c r="N543709" s="10"/>
    </row>
    <row r="543710" spans="14:14">
      <c r="N543710" s="10"/>
    </row>
    <row r="543711" spans="14:14">
      <c r="N543711" s="10"/>
    </row>
    <row r="543712" spans="14:14">
      <c r="N543712" s="10"/>
    </row>
    <row r="543713" spans="14:14">
      <c r="N543713" s="10"/>
    </row>
    <row r="543714" spans="14:14">
      <c r="N543714" s="10"/>
    </row>
    <row r="543715" spans="14:14">
      <c r="N543715" s="10"/>
    </row>
    <row r="543716" spans="14:14">
      <c r="N543716" s="10"/>
    </row>
    <row r="543717" spans="14:14">
      <c r="N543717" s="10"/>
    </row>
    <row r="543718" spans="14:14">
      <c r="N543718" s="10"/>
    </row>
    <row r="543719" spans="14:14">
      <c r="N543719" s="10"/>
    </row>
    <row r="543720" spans="14:14">
      <c r="N543720" s="10"/>
    </row>
    <row r="543721" spans="14:14">
      <c r="N543721" s="10"/>
    </row>
    <row r="543722" spans="14:14">
      <c r="N543722" s="10"/>
    </row>
    <row r="543723" spans="14:14">
      <c r="N543723" s="10"/>
    </row>
    <row r="543724" spans="14:14">
      <c r="N543724" s="10"/>
    </row>
    <row r="543725" spans="14:14">
      <c r="N543725" s="10"/>
    </row>
    <row r="543726" spans="14:14">
      <c r="N543726" s="10"/>
    </row>
    <row r="543727" spans="14:14">
      <c r="N543727" s="10"/>
    </row>
    <row r="543728" spans="14:14">
      <c r="N543728" s="10"/>
    </row>
    <row r="543729" spans="14:14">
      <c r="N543729" s="10"/>
    </row>
    <row r="543730" spans="14:14">
      <c r="N543730" s="10"/>
    </row>
    <row r="543731" spans="14:14">
      <c r="N543731" s="10"/>
    </row>
    <row r="543732" spans="14:14">
      <c r="N543732" s="10"/>
    </row>
    <row r="543733" spans="14:14">
      <c r="N543733" s="10"/>
    </row>
    <row r="543734" spans="14:14">
      <c r="N543734" s="10"/>
    </row>
    <row r="543735" spans="14:14">
      <c r="N543735" s="10"/>
    </row>
    <row r="543736" spans="14:14">
      <c r="N543736" s="10"/>
    </row>
    <row r="543737" spans="14:14">
      <c r="N543737" s="10"/>
    </row>
    <row r="543738" spans="14:14">
      <c r="N543738" s="10"/>
    </row>
    <row r="543739" spans="14:14">
      <c r="N543739" s="10"/>
    </row>
    <row r="543740" spans="14:14">
      <c r="N543740" s="10"/>
    </row>
    <row r="543741" spans="14:14">
      <c r="N543741" s="10"/>
    </row>
    <row r="543742" spans="14:14">
      <c r="N543742" s="10"/>
    </row>
    <row r="543743" spans="14:14">
      <c r="N543743" s="10"/>
    </row>
    <row r="543744" spans="14:14">
      <c r="N543744" s="10"/>
    </row>
    <row r="543745" spans="14:14">
      <c r="N543745" s="10"/>
    </row>
    <row r="543746" spans="14:14">
      <c r="N543746" s="10"/>
    </row>
    <row r="543747" spans="14:14">
      <c r="N543747" s="10"/>
    </row>
    <row r="543748" spans="14:14">
      <c r="N543748" s="10"/>
    </row>
    <row r="543749" spans="14:14">
      <c r="N543749" s="10"/>
    </row>
    <row r="543750" spans="14:14">
      <c r="N543750" s="10"/>
    </row>
    <row r="543751" spans="14:14">
      <c r="N543751" s="10"/>
    </row>
    <row r="543752" spans="14:14">
      <c r="N543752" s="10"/>
    </row>
    <row r="543753" spans="14:14">
      <c r="N543753" s="10"/>
    </row>
    <row r="543754" spans="14:14">
      <c r="N543754" s="10"/>
    </row>
    <row r="543755" spans="14:14">
      <c r="N543755" s="10"/>
    </row>
    <row r="543756" spans="14:14">
      <c r="N543756" s="10"/>
    </row>
    <row r="543757" spans="14:14">
      <c r="N543757" s="10"/>
    </row>
    <row r="543758" spans="14:14">
      <c r="N543758" s="10"/>
    </row>
    <row r="543759" spans="14:14">
      <c r="N543759" s="10"/>
    </row>
    <row r="543760" spans="14:14">
      <c r="N543760" s="10"/>
    </row>
    <row r="543761" spans="14:14">
      <c r="N543761" s="10"/>
    </row>
    <row r="543762" spans="14:14">
      <c r="N543762" s="10"/>
    </row>
    <row r="543763" spans="14:14">
      <c r="N543763" s="10"/>
    </row>
    <row r="543764" spans="14:14">
      <c r="N543764" s="10"/>
    </row>
    <row r="543765" spans="14:14">
      <c r="N543765" s="10"/>
    </row>
    <row r="543766" spans="14:14">
      <c r="N543766" s="10"/>
    </row>
    <row r="543767" spans="14:14">
      <c r="N543767" s="10"/>
    </row>
    <row r="543768" spans="14:14">
      <c r="N543768" s="10"/>
    </row>
    <row r="543769" spans="14:14">
      <c r="N543769" s="10"/>
    </row>
    <row r="543770" spans="14:14">
      <c r="N543770" s="10"/>
    </row>
    <row r="543771" spans="14:14">
      <c r="N543771" s="10"/>
    </row>
    <row r="543772" spans="14:14">
      <c r="N543772" s="10"/>
    </row>
    <row r="543773" spans="14:14">
      <c r="N543773" s="10"/>
    </row>
    <row r="543774" spans="14:14">
      <c r="N543774" s="10"/>
    </row>
    <row r="543775" spans="14:14">
      <c r="N543775" s="10"/>
    </row>
    <row r="543776" spans="14:14">
      <c r="N543776" s="10"/>
    </row>
    <row r="543777" spans="14:14">
      <c r="N543777" s="10"/>
    </row>
    <row r="543778" spans="14:14">
      <c r="N543778" s="10"/>
    </row>
    <row r="543779" spans="14:14">
      <c r="N543779" s="10"/>
    </row>
    <row r="543780" spans="14:14">
      <c r="N543780" s="10"/>
    </row>
    <row r="543781" spans="14:14">
      <c r="N543781" s="10"/>
    </row>
    <row r="543782" spans="14:14">
      <c r="N543782" s="10"/>
    </row>
    <row r="543783" spans="14:14">
      <c r="N543783" s="10"/>
    </row>
    <row r="543784" spans="14:14">
      <c r="N543784" s="10"/>
    </row>
    <row r="543785" spans="14:14">
      <c r="N543785" s="10"/>
    </row>
    <row r="543786" spans="14:14">
      <c r="N543786" s="10"/>
    </row>
    <row r="543787" spans="14:14">
      <c r="N543787" s="10"/>
    </row>
    <row r="543788" spans="14:14">
      <c r="N543788" s="10"/>
    </row>
    <row r="543789" spans="14:14">
      <c r="N543789" s="10"/>
    </row>
    <row r="543790" spans="14:14">
      <c r="N543790" s="10"/>
    </row>
    <row r="543791" spans="14:14">
      <c r="N543791" s="10"/>
    </row>
    <row r="543792" spans="14:14">
      <c r="N543792" s="10"/>
    </row>
    <row r="543793" spans="14:14">
      <c r="N543793" s="10"/>
    </row>
    <row r="543794" spans="14:14">
      <c r="N543794" s="10"/>
    </row>
    <row r="543795" spans="14:14">
      <c r="N543795" s="10"/>
    </row>
    <row r="543796" spans="14:14">
      <c r="N543796" s="10"/>
    </row>
    <row r="543797" spans="14:14">
      <c r="N543797" s="10"/>
    </row>
    <row r="543798" spans="14:14">
      <c r="N543798" s="10"/>
    </row>
    <row r="543799" spans="14:14">
      <c r="N543799" s="10"/>
    </row>
    <row r="543800" spans="14:14">
      <c r="N543800" s="10"/>
    </row>
    <row r="543801" spans="14:14">
      <c r="N543801" s="10"/>
    </row>
    <row r="543802" spans="14:14">
      <c r="N543802" s="10"/>
    </row>
    <row r="543803" spans="14:14">
      <c r="N543803" s="10"/>
    </row>
    <row r="543804" spans="14:14">
      <c r="N543804" s="10"/>
    </row>
    <row r="543805" spans="14:14">
      <c r="N543805" s="10"/>
    </row>
    <row r="543806" spans="14:14">
      <c r="N543806" s="10"/>
    </row>
    <row r="543807" spans="14:14">
      <c r="N543807" s="10"/>
    </row>
    <row r="543808" spans="14:14">
      <c r="N543808" s="10"/>
    </row>
    <row r="543809" spans="14:14">
      <c r="N543809" s="10"/>
    </row>
    <row r="543810" spans="14:14">
      <c r="N543810" s="10"/>
    </row>
    <row r="543811" spans="14:14">
      <c r="N543811" s="10"/>
    </row>
    <row r="543812" spans="14:14">
      <c r="N543812" s="10"/>
    </row>
    <row r="543813" spans="14:14">
      <c r="N543813" s="10"/>
    </row>
    <row r="543814" spans="14:14">
      <c r="N543814" s="10"/>
    </row>
    <row r="543815" spans="14:14">
      <c r="N543815" s="10"/>
    </row>
    <row r="543816" spans="14:14">
      <c r="N543816" s="10"/>
    </row>
    <row r="543817" spans="14:14">
      <c r="N543817" s="10"/>
    </row>
    <row r="543818" spans="14:14">
      <c r="N543818" s="10"/>
    </row>
    <row r="543819" spans="14:14">
      <c r="N543819" s="10"/>
    </row>
    <row r="543820" spans="14:14">
      <c r="N543820" s="10"/>
    </row>
    <row r="543821" spans="14:14">
      <c r="N543821" s="10"/>
    </row>
    <row r="543822" spans="14:14">
      <c r="N543822" s="10"/>
    </row>
    <row r="543823" spans="14:14">
      <c r="N543823" s="10"/>
    </row>
    <row r="543824" spans="14:14">
      <c r="N543824" s="10"/>
    </row>
    <row r="543825" spans="14:14">
      <c r="N543825" s="10"/>
    </row>
    <row r="543826" spans="14:14">
      <c r="N543826" s="10"/>
    </row>
    <row r="543827" spans="14:14">
      <c r="N543827" s="10"/>
    </row>
    <row r="543828" spans="14:14">
      <c r="N543828" s="10"/>
    </row>
    <row r="543829" spans="14:14">
      <c r="N543829" s="10"/>
    </row>
    <row r="543830" spans="14:14">
      <c r="N543830" s="10"/>
    </row>
    <row r="543831" spans="14:14">
      <c r="N543831" s="10"/>
    </row>
    <row r="543832" spans="14:14">
      <c r="N543832" s="10"/>
    </row>
    <row r="543833" spans="14:14">
      <c r="N543833" s="10"/>
    </row>
    <row r="543834" spans="14:14">
      <c r="N543834" s="10"/>
    </row>
    <row r="543835" spans="14:14">
      <c r="N543835" s="10"/>
    </row>
    <row r="543836" spans="14:14">
      <c r="N543836" s="10"/>
    </row>
    <row r="543837" spans="14:14">
      <c r="N543837" s="10"/>
    </row>
    <row r="543838" spans="14:14">
      <c r="N543838" s="10"/>
    </row>
    <row r="543839" spans="14:14">
      <c r="N543839" s="10"/>
    </row>
    <row r="543840" spans="14:14">
      <c r="N543840" s="10"/>
    </row>
    <row r="543841" spans="14:14">
      <c r="N543841" s="10"/>
    </row>
    <row r="543842" spans="14:14">
      <c r="N543842" s="10"/>
    </row>
    <row r="543843" spans="14:14">
      <c r="N543843" s="10"/>
    </row>
    <row r="543844" spans="14:14">
      <c r="N543844" s="10"/>
    </row>
    <row r="543845" spans="14:14">
      <c r="N543845" s="10"/>
    </row>
    <row r="543846" spans="14:14">
      <c r="N543846" s="10"/>
    </row>
    <row r="543847" spans="14:14">
      <c r="N543847" s="10"/>
    </row>
    <row r="543848" spans="14:14">
      <c r="N543848" s="10"/>
    </row>
    <row r="543849" spans="14:14">
      <c r="N543849" s="10"/>
    </row>
    <row r="543850" spans="14:14">
      <c r="N543850" s="10"/>
    </row>
    <row r="543851" spans="14:14">
      <c r="N543851" s="10"/>
    </row>
    <row r="543852" spans="14:14">
      <c r="N543852" s="10"/>
    </row>
    <row r="543853" spans="14:14">
      <c r="N543853" s="10"/>
    </row>
    <row r="543854" spans="14:14">
      <c r="N543854" s="10"/>
    </row>
    <row r="543855" spans="14:14">
      <c r="N543855" s="10"/>
    </row>
    <row r="543856" spans="14:14">
      <c r="N543856" s="10"/>
    </row>
    <row r="543857" spans="14:14">
      <c r="N543857" s="10"/>
    </row>
    <row r="543858" spans="14:14">
      <c r="N543858" s="10"/>
    </row>
    <row r="543859" spans="14:14">
      <c r="N543859" s="10"/>
    </row>
    <row r="543860" spans="14:14">
      <c r="N543860" s="10"/>
    </row>
    <row r="543861" spans="14:14">
      <c r="N543861" s="10"/>
    </row>
    <row r="543862" spans="14:14">
      <c r="N543862" s="10"/>
    </row>
    <row r="543863" spans="14:14">
      <c r="N543863" s="10"/>
    </row>
    <row r="543864" spans="14:14">
      <c r="N543864" s="10"/>
    </row>
    <row r="543865" spans="14:14">
      <c r="N543865" s="10"/>
    </row>
    <row r="543866" spans="14:14">
      <c r="N543866" s="10"/>
    </row>
    <row r="543867" spans="14:14">
      <c r="N543867" s="10"/>
    </row>
    <row r="543868" spans="14:14">
      <c r="N543868" s="10"/>
    </row>
    <row r="543869" spans="14:14">
      <c r="N543869" s="10"/>
    </row>
    <row r="543870" spans="14:14">
      <c r="N543870" s="10"/>
    </row>
    <row r="543871" spans="14:14">
      <c r="N543871" s="10"/>
    </row>
    <row r="543872" spans="14:14">
      <c r="N543872" s="10"/>
    </row>
    <row r="543873" spans="14:14">
      <c r="N543873" s="10"/>
    </row>
    <row r="543874" spans="14:14">
      <c r="N543874" s="10"/>
    </row>
    <row r="543875" spans="14:14">
      <c r="N543875" s="10"/>
    </row>
    <row r="543876" spans="14:14">
      <c r="N543876" s="10"/>
    </row>
    <row r="543877" spans="14:14">
      <c r="N543877" s="10"/>
    </row>
    <row r="543878" spans="14:14">
      <c r="N543878" s="10"/>
    </row>
    <row r="543879" spans="14:14">
      <c r="N543879" s="10"/>
    </row>
    <row r="543880" spans="14:14">
      <c r="N543880" s="10"/>
    </row>
    <row r="543881" spans="14:14">
      <c r="N543881" s="10"/>
    </row>
    <row r="543882" spans="14:14">
      <c r="N543882" s="10"/>
    </row>
    <row r="543883" spans="14:14">
      <c r="N543883" s="10"/>
    </row>
    <row r="543884" spans="14:14">
      <c r="N543884" s="10"/>
    </row>
    <row r="543885" spans="14:14">
      <c r="N543885" s="10"/>
    </row>
    <row r="543886" spans="14:14">
      <c r="N543886" s="10"/>
    </row>
    <row r="543887" spans="14:14">
      <c r="N543887" s="10"/>
    </row>
    <row r="543888" spans="14:14">
      <c r="N543888" s="10"/>
    </row>
    <row r="543889" spans="14:14">
      <c r="N543889" s="10"/>
    </row>
    <row r="543890" spans="14:14">
      <c r="N543890" s="10"/>
    </row>
    <row r="543891" spans="14:14">
      <c r="N543891" s="10"/>
    </row>
    <row r="543892" spans="14:14">
      <c r="N543892" s="10"/>
    </row>
    <row r="543893" spans="14:14">
      <c r="N543893" s="10"/>
    </row>
    <row r="543894" spans="14:14">
      <c r="N543894" s="10"/>
    </row>
    <row r="543895" spans="14:14">
      <c r="N543895" s="10"/>
    </row>
    <row r="543896" spans="14:14">
      <c r="N543896" s="10"/>
    </row>
    <row r="543897" spans="14:14">
      <c r="N543897" s="10"/>
    </row>
    <row r="543898" spans="14:14">
      <c r="N543898" s="10"/>
    </row>
    <row r="543899" spans="14:14">
      <c r="N543899" s="10"/>
    </row>
    <row r="543900" spans="14:14">
      <c r="N543900" s="10"/>
    </row>
    <row r="543901" spans="14:14">
      <c r="N543901" s="10"/>
    </row>
    <row r="543902" spans="14:14">
      <c r="N543902" s="10"/>
    </row>
    <row r="543903" spans="14:14">
      <c r="N543903" s="10"/>
    </row>
    <row r="543904" spans="14:14">
      <c r="N543904" s="10"/>
    </row>
    <row r="543905" spans="14:14">
      <c r="N543905" s="10"/>
    </row>
    <row r="543906" spans="14:14">
      <c r="N543906" s="10"/>
    </row>
    <row r="543907" spans="14:14">
      <c r="N543907" s="10"/>
    </row>
    <row r="543908" spans="14:14">
      <c r="N543908" s="10"/>
    </row>
    <row r="543909" spans="14:14">
      <c r="N543909" s="10"/>
    </row>
    <row r="543910" spans="14:14">
      <c r="N543910" s="10"/>
    </row>
    <row r="543911" spans="14:14">
      <c r="N543911" s="10"/>
    </row>
    <row r="543912" spans="14:14">
      <c r="N543912" s="10"/>
    </row>
    <row r="543913" spans="14:14">
      <c r="N543913" s="10"/>
    </row>
    <row r="543914" spans="14:14">
      <c r="N543914" s="10"/>
    </row>
    <row r="543915" spans="14:14">
      <c r="N543915" s="10"/>
    </row>
    <row r="543916" spans="14:14">
      <c r="N543916" s="10"/>
    </row>
    <row r="543917" spans="14:14">
      <c r="N543917" s="10"/>
    </row>
    <row r="543918" spans="14:14">
      <c r="N543918" s="10"/>
    </row>
    <row r="543919" spans="14:14">
      <c r="N543919" s="10"/>
    </row>
    <row r="543920" spans="14:14">
      <c r="N543920" s="10"/>
    </row>
    <row r="543921" spans="14:14">
      <c r="N543921" s="10"/>
    </row>
    <row r="543922" spans="14:14">
      <c r="N543922" s="10"/>
    </row>
    <row r="543923" spans="14:14">
      <c r="N543923" s="10"/>
    </row>
    <row r="543924" spans="14:14">
      <c r="N543924" s="10"/>
    </row>
    <row r="543925" spans="14:14">
      <c r="N543925" s="10"/>
    </row>
    <row r="543926" spans="14:14">
      <c r="N543926" s="10"/>
    </row>
    <row r="543927" spans="14:14">
      <c r="N543927" s="10"/>
    </row>
    <row r="543928" spans="14:14">
      <c r="N543928" s="10"/>
    </row>
    <row r="543929" spans="14:14">
      <c r="N543929" s="10"/>
    </row>
    <row r="543930" spans="14:14">
      <c r="N543930" s="10"/>
    </row>
    <row r="543931" spans="14:14">
      <c r="N543931" s="10"/>
    </row>
    <row r="543932" spans="14:14">
      <c r="N543932" s="10"/>
    </row>
    <row r="543933" spans="14:14">
      <c r="N543933" s="10"/>
    </row>
    <row r="543934" spans="14:14">
      <c r="N543934" s="10"/>
    </row>
    <row r="543935" spans="14:14">
      <c r="N543935" s="10"/>
    </row>
    <row r="543936" spans="14:14">
      <c r="N543936" s="10"/>
    </row>
    <row r="543937" spans="14:14">
      <c r="N543937" s="10"/>
    </row>
    <row r="543938" spans="14:14">
      <c r="N543938" s="10"/>
    </row>
    <row r="543939" spans="14:14">
      <c r="N543939" s="10"/>
    </row>
    <row r="543940" spans="14:14">
      <c r="N543940" s="10"/>
    </row>
    <row r="543941" spans="14:14">
      <c r="N543941" s="10"/>
    </row>
    <row r="543942" spans="14:14">
      <c r="N543942" s="10"/>
    </row>
    <row r="543943" spans="14:14">
      <c r="N543943" s="10"/>
    </row>
    <row r="543944" spans="14:14">
      <c r="N543944" s="10"/>
    </row>
    <row r="543945" spans="14:14">
      <c r="N543945" s="10"/>
    </row>
    <row r="543946" spans="14:14">
      <c r="N543946" s="10"/>
    </row>
    <row r="543947" spans="14:14">
      <c r="N543947" s="10"/>
    </row>
    <row r="543948" spans="14:14">
      <c r="N543948" s="10"/>
    </row>
    <row r="543949" spans="14:14">
      <c r="N543949" s="10"/>
    </row>
    <row r="543950" spans="14:14">
      <c r="N543950" s="10"/>
    </row>
    <row r="543951" spans="14:14">
      <c r="N543951" s="10"/>
    </row>
    <row r="543952" spans="14:14">
      <c r="N543952" s="10"/>
    </row>
    <row r="543953" spans="14:14">
      <c r="N543953" s="10"/>
    </row>
    <row r="543954" spans="14:14">
      <c r="N543954" s="10"/>
    </row>
    <row r="543955" spans="14:14">
      <c r="N543955" s="10"/>
    </row>
    <row r="543956" spans="14:14">
      <c r="N543956" s="10"/>
    </row>
    <row r="543957" spans="14:14">
      <c r="N543957" s="10"/>
    </row>
    <row r="543958" spans="14:14">
      <c r="N543958" s="10"/>
    </row>
    <row r="543959" spans="14:14">
      <c r="N543959" s="10"/>
    </row>
    <row r="543960" spans="14:14">
      <c r="N543960" s="10"/>
    </row>
    <row r="543961" spans="14:14">
      <c r="N543961" s="10"/>
    </row>
    <row r="543962" spans="14:14">
      <c r="N543962" s="10"/>
    </row>
    <row r="543963" spans="14:14">
      <c r="N543963" s="10"/>
    </row>
    <row r="543964" spans="14:14">
      <c r="N543964" s="10"/>
    </row>
    <row r="543965" spans="14:14">
      <c r="N543965" s="10"/>
    </row>
    <row r="543966" spans="14:14">
      <c r="N543966" s="10"/>
    </row>
    <row r="543967" spans="14:14">
      <c r="N543967" s="10"/>
    </row>
    <row r="543968" spans="14:14">
      <c r="N543968" s="10"/>
    </row>
    <row r="543969" spans="14:14">
      <c r="N543969" s="10"/>
    </row>
    <row r="543970" spans="14:14">
      <c r="N543970" s="10"/>
    </row>
    <row r="543971" spans="14:14">
      <c r="N543971" s="10"/>
    </row>
    <row r="543972" spans="14:14">
      <c r="N543972" s="10"/>
    </row>
    <row r="543973" spans="14:14">
      <c r="N543973" s="10"/>
    </row>
    <row r="543974" spans="14:14">
      <c r="N543974" s="10"/>
    </row>
    <row r="543975" spans="14:14">
      <c r="N543975" s="10"/>
    </row>
    <row r="543976" spans="14:14">
      <c r="N543976" s="10"/>
    </row>
    <row r="543977" spans="14:14">
      <c r="N543977" s="10"/>
    </row>
    <row r="543978" spans="14:14">
      <c r="N543978" s="10"/>
    </row>
    <row r="543979" spans="14:14">
      <c r="N543979" s="10"/>
    </row>
    <row r="543980" spans="14:14">
      <c r="N543980" s="10"/>
    </row>
    <row r="543981" spans="14:14">
      <c r="N543981" s="10"/>
    </row>
    <row r="543982" spans="14:14">
      <c r="N543982" s="10"/>
    </row>
    <row r="543983" spans="14:14">
      <c r="N543983" s="10"/>
    </row>
    <row r="543984" spans="14:14">
      <c r="N543984" s="10"/>
    </row>
    <row r="543985" spans="14:14">
      <c r="N543985" s="10"/>
    </row>
    <row r="543986" spans="14:14">
      <c r="N543986" s="10"/>
    </row>
    <row r="543987" spans="14:14">
      <c r="N543987" s="10"/>
    </row>
    <row r="543988" spans="14:14">
      <c r="N543988" s="10"/>
    </row>
    <row r="543989" spans="14:14">
      <c r="N543989" s="10"/>
    </row>
    <row r="543990" spans="14:14">
      <c r="N543990" s="10"/>
    </row>
    <row r="543991" spans="14:14">
      <c r="N543991" s="10"/>
    </row>
    <row r="543992" spans="14:14">
      <c r="N543992" s="10"/>
    </row>
    <row r="543993" spans="14:14">
      <c r="N543993" s="10"/>
    </row>
    <row r="543994" spans="14:14">
      <c r="N543994" s="10"/>
    </row>
    <row r="543995" spans="14:14">
      <c r="N543995" s="10"/>
    </row>
    <row r="543996" spans="14:14">
      <c r="N543996" s="10"/>
    </row>
    <row r="543997" spans="14:14">
      <c r="N543997" s="10"/>
    </row>
    <row r="543998" spans="14:14">
      <c r="N543998" s="10"/>
    </row>
    <row r="543999" spans="14:14">
      <c r="N543999" s="10"/>
    </row>
    <row r="544000" spans="14:14">
      <c r="N544000" s="10"/>
    </row>
    <row r="544001" spans="14:14">
      <c r="N544001" s="10"/>
    </row>
    <row r="544002" spans="14:14">
      <c r="N544002" s="10"/>
    </row>
    <row r="544003" spans="14:14">
      <c r="N544003" s="10"/>
    </row>
    <row r="544004" spans="14:14">
      <c r="N544004" s="10"/>
    </row>
    <row r="544005" spans="14:14">
      <c r="N544005" s="10"/>
    </row>
    <row r="544006" spans="14:14">
      <c r="N544006" s="10"/>
    </row>
    <row r="544007" spans="14:14">
      <c r="N544007" s="10"/>
    </row>
    <row r="544008" spans="14:14">
      <c r="N544008" s="10"/>
    </row>
    <row r="544009" spans="14:14">
      <c r="N544009" s="10"/>
    </row>
    <row r="544010" spans="14:14">
      <c r="N544010" s="10"/>
    </row>
    <row r="544011" spans="14:14">
      <c r="N544011" s="10"/>
    </row>
    <row r="544012" spans="14:14">
      <c r="N544012" s="10"/>
    </row>
    <row r="544013" spans="14:14">
      <c r="N544013" s="10"/>
    </row>
    <row r="544014" spans="14:14">
      <c r="N544014" s="10"/>
    </row>
    <row r="544015" spans="14:14">
      <c r="N544015" s="10"/>
    </row>
    <row r="544016" spans="14:14">
      <c r="N544016" s="10"/>
    </row>
    <row r="544017" spans="14:14">
      <c r="N544017" s="10"/>
    </row>
    <row r="544018" spans="14:14">
      <c r="N544018" s="10"/>
    </row>
    <row r="544019" spans="14:14">
      <c r="N544019" s="10"/>
    </row>
    <row r="544020" spans="14:14">
      <c r="N544020" s="10"/>
    </row>
    <row r="544021" spans="14:14">
      <c r="N544021" s="10"/>
    </row>
    <row r="544022" spans="14:14">
      <c r="N544022" s="10"/>
    </row>
    <row r="544023" spans="14:14">
      <c r="N544023" s="10"/>
    </row>
    <row r="544024" spans="14:14">
      <c r="N544024" s="10"/>
    </row>
    <row r="544025" spans="14:14">
      <c r="N544025" s="10"/>
    </row>
    <row r="544026" spans="14:14">
      <c r="N544026" s="10"/>
    </row>
    <row r="544027" spans="14:14">
      <c r="N544027" s="10"/>
    </row>
    <row r="544028" spans="14:14">
      <c r="N544028" s="10"/>
    </row>
    <row r="544029" spans="14:14">
      <c r="N544029" s="10"/>
    </row>
    <row r="544030" spans="14:14">
      <c r="N544030" s="10"/>
    </row>
    <row r="544031" spans="14:14">
      <c r="N544031" s="10"/>
    </row>
    <row r="544032" spans="14:14">
      <c r="N544032" s="10"/>
    </row>
    <row r="544033" spans="14:14">
      <c r="N544033" s="10"/>
    </row>
    <row r="544034" spans="14:14">
      <c r="N544034" s="10"/>
    </row>
    <row r="544035" spans="14:14">
      <c r="N544035" s="10"/>
    </row>
    <row r="544036" spans="14:14">
      <c r="N544036" s="10"/>
    </row>
    <row r="544037" spans="14:14">
      <c r="N544037" s="10"/>
    </row>
    <row r="544038" spans="14:14">
      <c r="N544038" s="10"/>
    </row>
    <row r="544039" spans="14:14">
      <c r="N544039" s="10"/>
    </row>
    <row r="544040" spans="14:14">
      <c r="N544040" s="10"/>
    </row>
    <row r="544041" spans="14:14">
      <c r="N544041" s="10"/>
    </row>
    <row r="544042" spans="14:14">
      <c r="N544042" s="10"/>
    </row>
    <row r="544043" spans="14:14">
      <c r="N544043" s="10"/>
    </row>
    <row r="544044" spans="14:14">
      <c r="N544044" s="10"/>
    </row>
    <row r="544045" spans="14:14">
      <c r="N544045" s="10"/>
    </row>
    <row r="544046" spans="14:14">
      <c r="N544046" s="10"/>
    </row>
    <row r="544047" spans="14:14">
      <c r="N544047" s="10"/>
    </row>
    <row r="544048" spans="14:14">
      <c r="N544048" s="10"/>
    </row>
    <row r="544049" spans="14:14">
      <c r="N544049" s="10"/>
    </row>
    <row r="544050" spans="14:14">
      <c r="N544050" s="10"/>
    </row>
    <row r="544051" spans="14:14">
      <c r="N544051" s="10"/>
    </row>
    <row r="544052" spans="14:14">
      <c r="N544052" s="10"/>
    </row>
    <row r="544053" spans="14:14">
      <c r="N544053" s="10"/>
    </row>
    <row r="544054" spans="14:14">
      <c r="N544054" s="10"/>
    </row>
    <row r="544055" spans="14:14">
      <c r="N544055" s="10"/>
    </row>
    <row r="544056" spans="14:14">
      <c r="N544056" s="10"/>
    </row>
    <row r="544057" spans="14:14">
      <c r="N544057" s="10"/>
    </row>
    <row r="544058" spans="14:14">
      <c r="N544058" s="10"/>
    </row>
    <row r="544059" spans="14:14">
      <c r="N544059" s="10"/>
    </row>
    <row r="544060" spans="14:14">
      <c r="N544060" s="10"/>
    </row>
    <row r="544061" spans="14:14">
      <c r="N544061" s="10"/>
    </row>
    <row r="544062" spans="14:14">
      <c r="N544062" s="10"/>
    </row>
    <row r="544063" spans="14:14">
      <c r="N544063" s="10"/>
    </row>
    <row r="544064" spans="14:14">
      <c r="N544064" s="10"/>
    </row>
    <row r="544065" spans="14:14">
      <c r="N544065" s="10"/>
    </row>
    <row r="544066" spans="14:14">
      <c r="N544066" s="10"/>
    </row>
    <row r="544067" spans="14:14">
      <c r="N544067" s="10"/>
    </row>
    <row r="544068" spans="14:14">
      <c r="N544068" s="10"/>
    </row>
    <row r="544069" spans="14:14">
      <c r="N544069" s="10"/>
    </row>
    <row r="544070" spans="14:14">
      <c r="N544070" s="10"/>
    </row>
    <row r="544071" spans="14:14">
      <c r="N544071" s="10"/>
    </row>
    <row r="544072" spans="14:14">
      <c r="N544072" s="10"/>
    </row>
    <row r="544073" spans="14:14">
      <c r="N544073" s="10"/>
    </row>
    <row r="544074" spans="14:14">
      <c r="N544074" s="10"/>
    </row>
    <row r="544075" spans="14:14">
      <c r="N544075" s="10"/>
    </row>
    <row r="544076" spans="14:14">
      <c r="N544076" s="10"/>
    </row>
    <row r="544077" spans="14:14">
      <c r="N544077" s="10"/>
    </row>
    <row r="544078" spans="14:14">
      <c r="N544078" s="10"/>
    </row>
    <row r="544079" spans="14:14">
      <c r="N544079" s="10"/>
    </row>
    <row r="544080" spans="14:14">
      <c r="N544080" s="10"/>
    </row>
    <row r="544081" spans="14:14">
      <c r="N544081" s="10"/>
    </row>
    <row r="544082" spans="14:14">
      <c r="N544082" s="10"/>
    </row>
    <row r="544083" spans="14:14">
      <c r="N544083" s="10"/>
    </row>
    <row r="544084" spans="14:14">
      <c r="N544084" s="10"/>
    </row>
    <row r="544085" spans="14:14">
      <c r="N544085" s="10"/>
    </row>
    <row r="544086" spans="14:14">
      <c r="N544086" s="10"/>
    </row>
    <row r="544087" spans="14:14">
      <c r="N544087" s="10"/>
    </row>
    <row r="544088" spans="14:14">
      <c r="N544088" s="10"/>
    </row>
    <row r="544089" spans="14:14">
      <c r="N544089" s="10"/>
    </row>
    <row r="544090" spans="14:14">
      <c r="N544090" s="10"/>
    </row>
    <row r="544091" spans="14:14">
      <c r="N544091" s="10"/>
    </row>
    <row r="544092" spans="14:14">
      <c r="N544092" s="10"/>
    </row>
    <row r="544093" spans="14:14">
      <c r="N544093" s="10"/>
    </row>
    <row r="544094" spans="14:14">
      <c r="N544094" s="10"/>
    </row>
    <row r="544095" spans="14:14">
      <c r="N544095" s="10"/>
    </row>
    <row r="544096" spans="14:14">
      <c r="N544096" s="10"/>
    </row>
    <row r="544097" spans="14:14">
      <c r="N544097" s="10"/>
    </row>
    <row r="544098" spans="14:14">
      <c r="N544098" s="10"/>
    </row>
    <row r="544099" spans="14:14">
      <c r="N544099" s="10"/>
    </row>
    <row r="544100" spans="14:14">
      <c r="N544100" s="10"/>
    </row>
    <row r="544101" spans="14:14">
      <c r="N544101" s="10"/>
    </row>
    <row r="544102" spans="14:14">
      <c r="N544102" s="10"/>
    </row>
    <row r="544103" spans="14:14">
      <c r="N544103" s="10"/>
    </row>
    <row r="544104" spans="14:14">
      <c r="N544104" s="10"/>
    </row>
    <row r="544105" spans="14:14">
      <c r="N544105" s="10"/>
    </row>
    <row r="544106" spans="14:14">
      <c r="N544106" s="10"/>
    </row>
    <row r="544107" spans="14:14">
      <c r="N544107" s="10"/>
    </row>
    <row r="544108" spans="14:14">
      <c r="N544108" s="10"/>
    </row>
    <row r="544109" spans="14:14">
      <c r="N544109" s="10"/>
    </row>
    <row r="544110" spans="14:14">
      <c r="N544110" s="10"/>
    </row>
    <row r="544111" spans="14:14">
      <c r="N544111" s="10"/>
    </row>
    <row r="544112" spans="14:14">
      <c r="N544112" s="10"/>
    </row>
    <row r="544113" spans="14:14">
      <c r="N544113" s="10"/>
    </row>
    <row r="544114" spans="14:14">
      <c r="N544114" s="10"/>
    </row>
    <row r="544115" spans="14:14">
      <c r="N544115" s="10"/>
    </row>
    <row r="544116" spans="14:14">
      <c r="N544116" s="10"/>
    </row>
    <row r="544117" spans="14:14">
      <c r="N544117" s="10"/>
    </row>
    <row r="544118" spans="14:14">
      <c r="N544118" s="10"/>
    </row>
    <row r="544119" spans="14:14">
      <c r="N544119" s="10"/>
    </row>
    <row r="544120" spans="14:14">
      <c r="N544120" s="10"/>
    </row>
    <row r="544121" spans="14:14">
      <c r="N544121" s="10"/>
    </row>
    <row r="544122" spans="14:14">
      <c r="N544122" s="10"/>
    </row>
    <row r="544123" spans="14:14">
      <c r="N544123" s="10"/>
    </row>
    <row r="544124" spans="14:14">
      <c r="N544124" s="10"/>
    </row>
    <row r="544125" spans="14:14">
      <c r="N544125" s="10"/>
    </row>
    <row r="544126" spans="14:14">
      <c r="N544126" s="10"/>
    </row>
    <row r="544127" spans="14:14">
      <c r="N544127" s="10"/>
    </row>
    <row r="544128" spans="14:14">
      <c r="N544128" s="10"/>
    </row>
    <row r="544129" spans="14:14">
      <c r="N544129" s="10"/>
    </row>
    <row r="544130" spans="14:14">
      <c r="N544130" s="10"/>
    </row>
    <row r="544131" spans="14:14">
      <c r="N544131" s="10"/>
    </row>
    <row r="544132" spans="14:14">
      <c r="N544132" s="10"/>
    </row>
    <row r="544133" spans="14:14">
      <c r="N544133" s="10"/>
    </row>
    <row r="544134" spans="14:14">
      <c r="N544134" s="10"/>
    </row>
    <row r="544135" spans="14:14">
      <c r="N544135" s="10"/>
    </row>
    <row r="544136" spans="14:14">
      <c r="N544136" s="10"/>
    </row>
    <row r="544137" spans="14:14">
      <c r="N544137" s="10"/>
    </row>
    <row r="544138" spans="14:14">
      <c r="N544138" s="10"/>
    </row>
    <row r="544139" spans="14:14">
      <c r="N544139" s="10"/>
    </row>
    <row r="544140" spans="14:14">
      <c r="N544140" s="10"/>
    </row>
    <row r="544141" spans="14:14">
      <c r="N544141" s="10"/>
    </row>
    <row r="544142" spans="14:14">
      <c r="N544142" s="10"/>
    </row>
    <row r="544143" spans="14:14">
      <c r="N544143" s="10"/>
    </row>
    <row r="544144" spans="14:14">
      <c r="N544144" s="10"/>
    </row>
    <row r="544145" spans="14:14">
      <c r="N544145" s="10"/>
    </row>
    <row r="544146" spans="14:14">
      <c r="N544146" s="10"/>
    </row>
    <row r="544147" spans="14:14">
      <c r="N544147" s="10"/>
    </row>
    <row r="544148" spans="14:14">
      <c r="N544148" s="10"/>
    </row>
    <row r="544149" spans="14:14">
      <c r="N544149" s="10"/>
    </row>
    <row r="544150" spans="14:14">
      <c r="N544150" s="10"/>
    </row>
    <row r="544151" spans="14:14">
      <c r="N544151" s="10"/>
    </row>
    <row r="544152" spans="14:14">
      <c r="N544152" s="10"/>
    </row>
    <row r="544153" spans="14:14">
      <c r="N544153" s="10"/>
    </row>
    <row r="544154" spans="14:14">
      <c r="N544154" s="10"/>
    </row>
    <row r="544155" spans="14:14">
      <c r="N544155" s="10"/>
    </row>
    <row r="544156" spans="14:14">
      <c r="N544156" s="10"/>
    </row>
    <row r="544157" spans="14:14">
      <c r="N544157" s="10"/>
    </row>
    <row r="544158" spans="14:14">
      <c r="N544158" s="10"/>
    </row>
    <row r="544159" spans="14:14">
      <c r="N544159" s="10"/>
    </row>
    <row r="544160" spans="14:14">
      <c r="N544160" s="10"/>
    </row>
    <row r="544161" spans="14:14">
      <c r="N544161" s="10"/>
    </row>
    <row r="544162" spans="14:14">
      <c r="N544162" s="10"/>
    </row>
    <row r="544163" spans="14:14">
      <c r="N544163" s="10"/>
    </row>
    <row r="544164" spans="14:14">
      <c r="N544164" s="10"/>
    </row>
    <row r="544165" spans="14:14">
      <c r="N544165" s="10"/>
    </row>
    <row r="544166" spans="14:14">
      <c r="N544166" s="10"/>
    </row>
    <row r="544167" spans="14:14">
      <c r="N544167" s="10"/>
    </row>
    <row r="544168" spans="14:14">
      <c r="N544168" s="10"/>
    </row>
    <row r="544169" spans="14:14">
      <c r="N544169" s="10"/>
    </row>
    <row r="544170" spans="14:14">
      <c r="N544170" s="10"/>
    </row>
    <row r="544171" spans="14:14">
      <c r="N544171" s="10"/>
    </row>
    <row r="544172" spans="14:14">
      <c r="N544172" s="10"/>
    </row>
    <row r="544173" spans="14:14">
      <c r="N544173" s="10"/>
    </row>
    <row r="544174" spans="14:14">
      <c r="N544174" s="10"/>
    </row>
    <row r="544175" spans="14:14">
      <c r="N544175" s="10"/>
    </row>
    <row r="544176" spans="14:14">
      <c r="N544176" s="10"/>
    </row>
    <row r="544177" spans="14:14">
      <c r="N544177" s="10"/>
    </row>
    <row r="544178" spans="14:14">
      <c r="N544178" s="10"/>
    </row>
    <row r="544179" spans="14:14">
      <c r="N544179" s="10"/>
    </row>
    <row r="544180" spans="14:14">
      <c r="N544180" s="10"/>
    </row>
    <row r="544181" spans="14:14">
      <c r="N544181" s="10"/>
    </row>
    <row r="544182" spans="14:14">
      <c r="N544182" s="10"/>
    </row>
    <row r="544183" spans="14:14">
      <c r="N544183" s="10"/>
    </row>
    <row r="544184" spans="14:14">
      <c r="N544184" s="10"/>
    </row>
    <row r="544185" spans="14:14">
      <c r="N544185" s="10"/>
    </row>
    <row r="544186" spans="14:14">
      <c r="N544186" s="10"/>
    </row>
    <row r="544187" spans="14:14">
      <c r="N544187" s="10"/>
    </row>
    <row r="544188" spans="14:14">
      <c r="N544188" s="10"/>
    </row>
    <row r="544189" spans="14:14">
      <c r="N544189" s="10"/>
    </row>
    <row r="544190" spans="14:14">
      <c r="N544190" s="10"/>
    </row>
    <row r="544191" spans="14:14">
      <c r="N544191" s="10"/>
    </row>
    <row r="544192" spans="14:14">
      <c r="N544192" s="10"/>
    </row>
    <row r="544193" spans="14:14">
      <c r="N544193" s="10"/>
    </row>
    <row r="544194" spans="14:14">
      <c r="N544194" s="10"/>
    </row>
    <row r="544195" spans="14:14">
      <c r="N544195" s="10"/>
    </row>
    <row r="544196" spans="14:14">
      <c r="N544196" s="10"/>
    </row>
    <row r="544197" spans="14:14">
      <c r="N544197" s="10"/>
    </row>
    <row r="544198" spans="14:14">
      <c r="N544198" s="10"/>
    </row>
    <row r="544199" spans="14:14">
      <c r="N544199" s="10"/>
    </row>
    <row r="544200" spans="14:14">
      <c r="N544200" s="10"/>
    </row>
    <row r="544201" spans="14:14">
      <c r="N544201" s="10"/>
    </row>
    <row r="544202" spans="14:14">
      <c r="N544202" s="10"/>
    </row>
    <row r="544203" spans="14:14">
      <c r="N544203" s="10"/>
    </row>
    <row r="544204" spans="14:14">
      <c r="N544204" s="10"/>
    </row>
    <row r="544205" spans="14:14">
      <c r="N544205" s="10"/>
    </row>
    <row r="544206" spans="14:14">
      <c r="N544206" s="10"/>
    </row>
    <row r="544207" spans="14:14">
      <c r="N544207" s="10"/>
    </row>
    <row r="544208" spans="14:14">
      <c r="N544208" s="10"/>
    </row>
    <row r="544209" spans="14:14">
      <c r="N544209" s="10"/>
    </row>
    <row r="544210" spans="14:14">
      <c r="N544210" s="10"/>
    </row>
    <row r="544211" spans="14:14">
      <c r="N544211" s="10"/>
    </row>
    <row r="544212" spans="14:14">
      <c r="N544212" s="10"/>
    </row>
    <row r="544213" spans="14:14">
      <c r="N544213" s="10"/>
    </row>
    <row r="544214" spans="14:14">
      <c r="N544214" s="10"/>
    </row>
    <row r="544215" spans="14:14">
      <c r="N544215" s="10"/>
    </row>
    <row r="544216" spans="14:14">
      <c r="N544216" s="10"/>
    </row>
    <row r="544217" spans="14:14">
      <c r="N544217" s="10"/>
    </row>
    <row r="544218" spans="14:14">
      <c r="N544218" s="10"/>
    </row>
    <row r="544219" spans="14:14">
      <c r="N544219" s="10"/>
    </row>
    <row r="544220" spans="14:14">
      <c r="N544220" s="10"/>
    </row>
    <row r="544221" spans="14:14">
      <c r="N544221" s="10"/>
    </row>
    <row r="544222" spans="14:14">
      <c r="N544222" s="10"/>
    </row>
    <row r="544223" spans="14:14">
      <c r="N544223" s="10"/>
    </row>
    <row r="544224" spans="14:14">
      <c r="N544224" s="10"/>
    </row>
    <row r="544225" spans="14:14">
      <c r="N544225" s="10"/>
    </row>
    <row r="544226" spans="14:14">
      <c r="N544226" s="10"/>
    </row>
    <row r="544227" spans="14:14">
      <c r="N544227" s="10"/>
    </row>
    <row r="544228" spans="14:14">
      <c r="N544228" s="10"/>
    </row>
    <row r="544229" spans="14:14">
      <c r="N544229" s="10"/>
    </row>
    <row r="544230" spans="14:14">
      <c r="N544230" s="10"/>
    </row>
    <row r="544231" spans="14:14">
      <c r="N544231" s="10"/>
    </row>
    <row r="544232" spans="14:14">
      <c r="N544232" s="10"/>
    </row>
    <row r="544233" spans="14:14">
      <c r="N544233" s="10"/>
    </row>
    <row r="544234" spans="14:14">
      <c r="N544234" s="10"/>
    </row>
    <row r="544235" spans="14:14">
      <c r="N544235" s="10"/>
    </row>
    <row r="544236" spans="14:14">
      <c r="N544236" s="10"/>
    </row>
    <row r="544237" spans="14:14">
      <c r="N544237" s="10"/>
    </row>
    <row r="544238" spans="14:14">
      <c r="N544238" s="10"/>
    </row>
    <row r="544239" spans="14:14">
      <c r="N544239" s="10"/>
    </row>
    <row r="544240" spans="14:14">
      <c r="N544240" s="10"/>
    </row>
    <row r="544241" spans="14:14">
      <c r="N544241" s="10"/>
    </row>
    <row r="544242" spans="14:14">
      <c r="N544242" s="10"/>
    </row>
    <row r="544243" spans="14:14">
      <c r="N544243" s="10"/>
    </row>
    <row r="544244" spans="14:14">
      <c r="N544244" s="10"/>
    </row>
    <row r="544245" spans="14:14">
      <c r="N544245" s="10"/>
    </row>
    <row r="544246" spans="14:14">
      <c r="N544246" s="10"/>
    </row>
    <row r="544247" spans="14:14">
      <c r="N544247" s="10"/>
    </row>
    <row r="544248" spans="14:14">
      <c r="N544248" s="10"/>
    </row>
    <row r="544249" spans="14:14">
      <c r="N544249" s="10"/>
    </row>
    <row r="544250" spans="14:14">
      <c r="N544250" s="10"/>
    </row>
    <row r="544251" spans="14:14">
      <c r="N544251" s="10"/>
    </row>
    <row r="544252" spans="14:14">
      <c r="N544252" s="10"/>
    </row>
    <row r="544253" spans="14:14">
      <c r="N544253" s="10"/>
    </row>
    <row r="544254" spans="14:14">
      <c r="N544254" s="10"/>
    </row>
    <row r="544255" spans="14:14">
      <c r="N544255" s="10"/>
    </row>
    <row r="544256" spans="14:14">
      <c r="N544256" s="10"/>
    </row>
    <row r="544257" spans="14:14">
      <c r="N544257" s="10"/>
    </row>
    <row r="544258" spans="14:14">
      <c r="N544258" s="10"/>
    </row>
    <row r="544259" spans="14:14">
      <c r="N544259" s="10"/>
    </row>
    <row r="544260" spans="14:14">
      <c r="N544260" s="10"/>
    </row>
    <row r="544261" spans="14:14">
      <c r="N544261" s="10"/>
    </row>
    <row r="544262" spans="14:14">
      <c r="N544262" s="10"/>
    </row>
    <row r="544263" spans="14:14">
      <c r="N544263" s="10"/>
    </row>
    <row r="544264" spans="14:14">
      <c r="N544264" s="10"/>
    </row>
    <row r="544265" spans="14:14">
      <c r="N544265" s="10"/>
    </row>
    <row r="544266" spans="14:14">
      <c r="N544266" s="10"/>
    </row>
    <row r="544267" spans="14:14">
      <c r="N544267" s="10"/>
    </row>
    <row r="544268" spans="14:14">
      <c r="N544268" s="10"/>
    </row>
    <row r="544269" spans="14:14">
      <c r="N544269" s="10"/>
    </row>
    <row r="544270" spans="14:14">
      <c r="N544270" s="10"/>
    </row>
    <row r="544271" spans="14:14">
      <c r="N544271" s="10"/>
    </row>
    <row r="544272" spans="14:14">
      <c r="N544272" s="10"/>
    </row>
    <row r="544273" spans="14:14">
      <c r="N544273" s="10"/>
    </row>
    <row r="544274" spans="14:14">
      <c r="N544274" s="10"/>
    </row>
    <row r="544275" spans="14:14">
      <c r="N544275" s="10"/>
    </row>
    <row r="544276" spans="14:14">
      <c r="N544276" s="10"/>
    </row>
    <row r="544277" spans="14:14">
      <c r="N544277" s="10"/>
    </row>
    <row r="544278" spans="14:14">
      <c r="N544278" s="10"/>
    </row>
    <row r="544279" spans="14:14">
      <c r="N544279" s="10"/>
    </row>
    <row r="544280" spans="14:14">
      <c r="N544280" s="10"/>
    </row>
    <row r="544281" spans="14:14">
      <c r="N544281" s="10"/>
    </row>
    <row r="544282" spans="14:14">
      <c r="N544282" s="10"/>
    </row>
    <row r="544283" spans="14:14">
      <c r="N544283" s="10"/>
    </row>
    <row r="544284" spans="14:14">
      <c r="N544284" s="10"/>
    </row>
    <row r="544285" spans="14:14">
      <c r="N544285" s="10"/>
    </row>
    <row r="544286" spans="14:14">
      <c r="N544286" s="10"/>
    </row>
    <row r="544287" spans="14:14">
      <c r="N544287" s="10"/>
    </row>
    <row r="544288" spans="14:14">
      <c r="N544288" s="10"/>
    </row>
    <row r="544289" spans="14:14">
      <c r="N544289" s="10"/>
    </row>
    <row r="544290" spans="14:14">
      <c r="N544290" s="10"/>
    </row>
    <row r="544291" spans="14:14">
      <c r="N544291" s="10"/>
    </row>
    <row r="544292" spans="14:14">
      <c r="N544292" s="10"/>
    </row>
    <row r="544293" spans="14:14">
      <c r="N544293" s="10"/>
    </row>
    <row r="544294" spans="14:14">
      <c r="N544294" s="10"/>
    </row>
    <row r="544295" spans="14:14">
      <c r="N544295" s="10"/>
    </row>
    <row r="544296" spans="14:14">
      <c r="N544296" s="10"/>
    </row>
    <row r="544297" spans="14:14">
      <c r="N544297" s="10"/>
    </row>
    <row r="544298" spans="14:14">
      <c r="N544298" s="10"/>
    </row>
    <row r="544299" spans="14:14">
      <c r="N544299" s="10"/>
    </row>
    <row r="544300" spans="14:14">
      <c r="N544300" s="10"/>
    </row>
    <row r="544301" spans="14:14">
      <c r="N544301" s="10"/>
    </row>
    <row r="544302" spans="14:14">
      <c r="N544302" s="10"/>
    </row>
    <row r="544303" spans="14:14">
      <c r="N544303" s="10"/>
    </row>
    <row r="544304" spans="14:14">
      <c r="N544304" s="10"/>
    </row>
    <row r="544305" spans="14:14">
      <c r="N544305" s="10"/>
    </row>
    <row r="544306" spans="14:14">
      <c r="N544306" s="10"/>
    </row>
    <row r="544307" spans="14:14">
      <c r="N544307" s="10"/>
    </row>
    <row r="544308" spans="14:14">
      <c r="N544308" s="10"/>
    </row>
    <row r="544309" spans="14:14">
      <c r="N544309" s="10"/>
    </row>
    <row r="544310" spans="14:14">
      <c r="N544310" s="10"/>
    </row>
    <row r="544311" spans="14:14">
      <c r="N544311" s="10"/>
    </row>
    <row r="544312" spans="14:14">
      <c r="N544312" s="10"/>
    </row>
    <row r="544313" spans="14:14">
      <c r="N544313" s="10"/>
    </row>
    <row r="544314" spans="14:14">
      <c r="N544314" s="10"/>
    </row>
    <row r="544315" spans="14:14">
      <c r="N544315" s="10"/>
    </row>
    <row r="544316" spans="14:14">
      <c r="N544316" s="10"/>
    </row>
    <row r="544317" spans="14:14">
      <c r="N544317" s="10"/>
    </row>
    <row r="544318" spans="14:14">
      <c r="N544318" s="10"/>
    </row>
    <row r="544319" spans="14:14">
      <c r="N544319" s="10"/>
    </row>
    <row r="544320" spans="14:14">
      <c r="N544320" s="10"/>
    </row>
    <row r="544321" spans="14:14">
      <c r="N544321" s="10"/>
    </row>
    <row r="544322" spans="14:14">
      <c r="N544322" s="10"/>
    </row>
    <row r="544323" spans="14:14">
      <c r="N544323" s="10"/>
    </row>
    <row r="544324" spans="14:14">
      <c r="N544324" s="10"/>
    </row>
    <row r="544325" spans="14:14">
      <c r="N544325" s="10"/>
    </row>
    <row r="544326" spans="14:14">
      <c r="N544326" s="10"/>
    </row>
    <row r="544327" spans="14:14">
      <c r="N544327" s="10"/>
    </row>
    <row r="544328" spans="14:14">
      <c r="N544328" s="10"/>
    </row>
    <row r="544329" spans="14:14">
      <c r="N544329" s="10"/>
    </row>
    <row r="544330" spans="14:14">
      <c r="N544330" s="10"/>
    </row>
    <row r="544331" spans="14:14">
      <c r="N544331" s="10"/>
    </row>
    <row r="544332" spans="14:14">
      <c r="N544332" s="10"/>
    </row>
    <row r="544333" spans="14:14">
      <c r="N544333" s="10"/>
    </row>
    <row r="544334" spans="14:14">
      <c r="N544334" s="10"/>
    </row>
    <row r="544335" spans="14:14">
      <c r="N544335" s="10"/>
    </row>
    <row r="544336" spans="14:14">
      <c r="N544336" s="10"/>
    </row>
    <row r="544337" spans="14:14">
      <c r="N544337" s="10"/>
    </row>
    <row r="544338" spans="14:14">
      <c r="N544338" s="10"/>
    </row>
    <row r="544339" spans="14:14">
      <c r="N544339" s="10"/>
    </row>
    <row r="544340" spans="14:14">
      <c r="N544340" s="10"/>
    </row>
    <row r="544341" spans="14:14">
      <c r="N544341" s="10"/>
    </row>
    <row r="544342" spans="14:14">
      <c r="N544342" s="10"/>
    </row>
    <row r="544343" spans="14:14">
      <c r="N544343" s="10"/>
    </row>
    <row r="544344" spans="14:14">
      <c r="N544344" s="10"/>
    </row>
    <row r="544345" spans="14:14">
      <c r="N544345" s="10"/>
    </row>
    <row r="544346" spans="14:14">
      <c r="N544346" s="10"/>
    </row>
    <row r="544347" spans="14:14">
      <c r="N544347" s="10"/>
    </row>
    <row r="544348" spans="14:14">
      <c r="N544348" s="10"/>
    </row>
    <row r="544349" spans="14:14">
      <c r="N544349" s="10"/>
    </row>
    <row r="544350" spans="14:14">
      <c r="N544350" s="10"/>
    </row>
    <row r="544351" spans="14:14">
      <c r="N544351" s="10"/>
    </row>
    <row r="544352" spans="14:14">
      <c r="N544352" s="10"/>
    </row>
    <row r="544353" spans="14:14">
      <c r="N544353" s="10"/>
    </row>
    <row r="544354" spans="14:14">
      <c r="N544354" s="10"/>
    </row>
    <row r="544355" spans="14:14">
      <c r="N544355" s="10"/>
    </row>
    <row r="544356" spans="14:14">
      <c r="N544356" s="10"/>
    </row>
    <row r="544357" spans="14:14">
      <c r="N544357" s="10"/>
    </row>
    <row r="544358" spans="14:14">
      <c r="N544358" s="10"/>
    </row>
    <row r="544359" spans="14:14">
      <c r="N544359" s="10"/>
    </row>
    <row r="544360" spans="14:14">
      <c r="N544360" s="10"/>
    </row>
    <row r="544361" spans="14:14">
      <c r="N544361" s="10"/>
    </row>
    <row r="544362" spans="14:14">
      <c r="N544362" s="10"/>
    </row>
    <row r="544363" spans="14:14">
      <c r="N544363" s="10"/>
    </row>
    <row r="544364" spans="14:14">
      <c r="N544364" s="10"/>
    </row>
    <row r="544365" spans="14:14">
      <c r="N544365" s="10"/>
    </row>
    <row r="544366" spans="14:14">
      <c r="N544366" s="10"/>
    </row>
    <row r="544367" spans="14:14">
      <c r="N544367" s="10"/>
    </row>
    <row r="544368" spans="14:14">
      <c r="N544368" s="10"/>
    </row>
    <row r="544369" spans="14:14">
      <c r="N544369" s="10"/>
    </row>
    <row r="544370" spans="14:14">
      <c r="N544370" s="10"/>
    </row>
    <row r="544371" spans="14:14">
      <c r="N544371" s="10"/>
    </row>
    <row r="544372" spans="14:14">
      <c r="N544372" s="10"/>
    </row>
    <row r="544373" spans="14:14">
      <c r="N544373" s="10"/>
    </row>
    <row r="544374" spans="14:14">
      <c r="N544374" s="10"/>
    </row>
    <row r="544375" spans="14:14">
      <c r="N544375" s="10"/>
    </row>
    <row r="544376" spans="14:14">
      <c r="N544376" s="10"/>
    </row>
    <row r="544377" spans="14:14">
      <c r="N544377" s="10"/>
    </row>
    <row r="544378" spans="14:14">
      <c r="N544378" s="10"/>
    </row>
    <row r="544379" spans="14:14">
      <c r="N544379" s="10"/>
    </row>
    <row r="544380" spans="14:14">
      <c r="N544380" s="10"/>
    </row>
    <row r="544381" spans="14:14">
      <c r="N544381" s="10"/>
    </row>
    <row r="544382" spans="14:14">
      <c r="N544382" s="10"/>
    </row>
    <row r="544383" spans="14:14">
      <c r="N544383" s="10"/>
    </row>
    <row r="544384" spans="14:14">
      <c r="N544384" s="10"/>
    </row>
    <row r="544385" spans="14:14">
      <c r="N544385" s="10"/>
    </row>
    <row r="544386" spans="14:14">
      <c r="N544386" s="10"/>
    </row>
    <row r="544387" spans="14:14">
      <c r="N544387" s="10"/>
    </row>
    <row r="544388" spans="14:14">
      <c r="N544388" s="10"/>
    </row>
    <row r="544389" spans="14:14">
      <c r="N544389" s="10"/>
    </row>
    <row r="544390" spans="14:14">
      <c r="N544390" s="10"/>
    </row>
    <row r="544391" spans="14:14">
      <c r="N544391" s="10"/>
    </row>
    <row r="544392" spans="14:14">
      <c r="N544392" s="10"/>
    </row>
    <row r="544393" spans="14:14">
      <c r="N544393" s="10"/>
    </row>
    <row r="544394" spans="14:14">
      <c r="N544394" s="10"/>
    </row>
    <row r="544395" spans="14:14">
      <c r="N544395" s="10"/>
    </row>
    <row r="544396" spans="14:14">
      <c r="N544396" s="10"/>
    </row>
    <row r="544397" spans="14:14">
      <c r="N544397" s="10"/>
    </row>
    <row r="544398" spans="14:14">
      <c r="N544398" s="10"/>
    </row>
    <row r="544399" spans="14:14">
      <c r="N544399" s="10"/>
    </row>
    <row r="544400" spans="14:14">
      <c r="N544400" s="10"/>
    </row>
    <row r="544401" spans="14:14">
      <c r="N544401" s="10"/>
    </row>
    <row r="544402" spans="14:14">
      <c r="N544402" s="10"/>
    </row>
    <row r="544403" spans="14:14">
      <c r="N544403" s="10"/>
    </row>
    <row r="544404" spans="14:14">
      <c r="N544404" s="10"/>
    </row>
    <row r="544405" spans="14:14">
      <c r="N544405" s="10"/>
    </row>
    <row r="544406" spans="14:14">
      <c r="N544406" s="10"/>
    </row>
    <row r="544407" spans="14:14">
      <c r="N544407" s="10"/>
    </row>
    <row r="544408" spans="14:14">
      <c r="N544408" s="10"/>
    </row>
    <row r="544409" spans="14:14">
      <c r="N544409" s="10"/>
    </row>
    <row r="544410" spans="14:14">
      <c r="N544410" s="10"/>
    </row>
    <row r="544411" spans="14:14">
      <c r="N544411" s="10"/>
    </row>
    <row r="544412" spans="14:14">
      <c r="N544412" s="10"/>
    </row>
    <row r="544413" spans="14:14">
      <c r="N544413" s="10"/>
    </row>
    <row r="544414" spans="14:14">
      <c r="N544414" s="10"/>
    </row>
    <row r="544415" spans="14:14">
      <c r="N544415" s="10"/>
    </row>
    <row r="544416" spans="14:14">
      <c r="N544416" s="10"/>
    </row>
    <row r="544417" spans="14:14">
      <c r="N544417" s="10"/>
    </row>
    <row r="544418" spans="14:14">
      <c r="N544418" s="10"/>
    </row>
    <row r="544419" spans="14:14">
      <c r="N544419" s="10"/>
    </row>
    <row r="544420" spans="14:14">
      <c r="N544420" s="10"/>
    </row>
    <row r="544421" spans="14:14">
      <c r="N544421" s="10"/>
    </row>
    <row r="544422" spans="14:14">
      <c r="N544422" s="10"/>
    </row>
    <row r="544423" spans="14:14">
      <c r="N544423" s="10"/>
    </row>
    <row r="544424" spans="14:14">
      <c r="N544424" s="10"/>
    </row>
    <row r="544425" spans="14:14">
      <c r="N544425" s="10"/>
    </row>
    <row r="544426" spans="14:14">
      <c r="N544426" s="10"/>
    </row>
    <row r="544427" spans="14:14">
      <c r="N544427" s="10"/>
    </row>
    <row r="544428" spans="14:14">
      <c r="N544428" s="10"/>
    </row>
    <row r="544429" spans="14:14">
      <c r="N544429" s="10"/>
    </row>
    <row r="544430" spans="14:14">
      <c r="N544430" s="10"/>
    </row>
    <row r="544431" spans="14:14">
      <c r="N544431" s="10"/>
    </row>
    <row r="544432" spans="14:14">
      <c r="N544432" s="10"/>
    </row>
    <row r="544433" spans="14:14">
      <c r="N544433" s="10"/>
    </row>
    <row r="544434" spans="14:14">
      <c r="N544434" s="10"/>
    </row>
    <row r="544435" spans="14:14">
      <c r="N544435" s="10"/>
    </row>
    <row r="544436" spans="14:14">
      <c r="N544436" s="10"/>
    </row>
    <row r="544437" spans="14:14">
      <c r="N544437" s="10"/>
    </row>
    <row r="544438" spans="14:14">
      <c r="N544438" s="10"/>
    </row>
    <row r="544439" spans="14:14">
      <c r="N544439" s="10"/>
    </row>
    <row r="544440" spans="14:14">
      <c r="N544440" s="10"/>
    </row>
    <row r="544441" spans="14:14">
      <c r="N544441" s="10"/>
    </row>
    <row r="544442" spans="14:14">
      <c r="N544442" s="10"/>
    </row>
    <row r="544443" spans="14:14">
      <c r="N544443" s="10"/>
    </row>
    <row r="544444" spans="14:14">
      <c r="N544444" s="10"/>
    </row>
    <row r="544445" spans="14:14">
      <c r="N544445" s="10"/>
    </row>
    <row r="544446" spans="14:14">
      <c r="N544446" s="10"/>
    </row>
    <row r="544447" spans="14:14">
      <c r="N544447" s="10"/>
    </row>
    <row r="544448" spans="14:14">
      <c r="N544448" s="10"/>
    </row>
    <row r="544449" spans="14:14">
      <c r="N544449" s="10"/>
    </row>
    <row r="544450" spans="14:14">
      <c r="N544450" s="10"/>
    </row>
    <row r="544451" spans="14:14">
      <c r="N544451" s="10"/>
    </row>
    <row r="544452" spans="14:14">
      <c r="N544452" s="10"/>
    </row>
    <row r="544453" spans="14:14">
      <c r="N544453" s="10"/>
    </row>
    <row r="544454" spans="14:14">
      <c r="N544454" s="10"/>
    </row>
    <row r="544455" spans="14:14">
      <c r="N544455" s="10"/>
    </row>
    <row r="544456" spans="14:14">
      <c r="N544456" s="10"/>
    </row>
    <row r="544457" spans="14:14">
      <c r="N544457" s="10"/>
    </row>
    <row r="544458" spans="14:14">
      <c r="N544458" s="10"/>
    </row>
    <row r="544459" spans="14:14">
      <c r="N544459" s="10"/>
    </row>
    <row r="544460" spans="14:14">
      <c r="N544460" s="10"/>
    </row>
    <row r="544461" spans="14:14">
      <c r="N544461" s="10"/>
    </row>
    <row r="544462" spans="14:14">
      <c r="N544462" s="10"/>
    </row>
    <row r="544463" spans="14:14">
      <c r="N544463" s="10"/>
    </row>
    <row r="544464" spans="14:14">
      <c r="N544464" s="10"/>
    </row>
    <row r="544465" spans="14:14">
      <c r="N544465" s="10"/>
    </row>
    <row r="544466" spans="14:14">
      <c r="N544466" s="10"/>
    </row>
    <row r="544467" spans="14:14">
      <c r="N544467" s="10"/>
    </row>
    <row r="544468" spans="14:14">
      <c r="N544468" s="10"/>
    </row>
    <row r="544469" spans="14:14">
      <c r="N544469" s="10"/>
    </row>
    <row r="544470" spans="14:14">
      <c r="N544470" s="10"/>
    </row>
    <row r="544471" spans="14:14">
      <c r="N544471" s="10"/>
    </row>
    <row r="544472" spans="14:14">
      <c r="N544472" s="10"/>
    </row>
    <row r="544473" spans="14:14">
      <c r="N544473" s="10"/>
    </row>
    <row r="544474" spans="14:14">
      <c r="N544474" s="10"/>
    </row>
    <row r="544475" spans="14:14">
      <c r="N544475" s="10"/>
    </row>
    <row r="544476" spans="14:14">
      <c r="N544476" s="10"/>
    </row>
    <row r="544477" spans="14:14">
      <c r="N544477" s="10"/>
    </row>
    <row r="544478" spans="14:14">
      <c r="N544478" s="10"/>
    </row>
    <row r="544479" spans="14:14">
      <c r="N544479" s="10"/>
    </row>
    <row r="544480" spans="14:14">
      <c r="N544480" s="10"/>
    </row>
    <row r="544481" spans="14:14">
      <c r="N544481" s="10"/>
    </row>
    <row r="544482" spans="14:14">
      <c r="N544482" s="10"/>
    </row>
    <row r="544483" spans="14:14">
      <c r="N544483" s="10"/>
    </row>
    <row r="544484" spans="14:14">
      <c r="N544484" s="10"/>
    </row>
    <row r="544485" spans="14:14">
      <c r="N544485" s="10"/>
    </row>
    <row r="544486" spans="14:14">
      <c r="N544486" s="10"/>
    </row>
    <row r="544487" spans="14:14">
      <c r="N544487" s="10"/>
    </row>
    <row r="544488" spans="14:14">
      <c r="N544488" s="10"/>
    </row>
    <row r="544489" spans="14:14">
      <c r="N544489" s="10"/>
    </row>
    <row r="544490" spans="14:14">
      <c r="N544490" s="10"/>
    </row>
    <row r="544491" spans="14:14">
      <c r="N544491" s="10"/>
    </row>
    <row r="544492" spans="14:14">
      <c r="N544492" s="10"/>
    </row>
    <row r="544493" spans="14:14">
      <c r="N544493" s="10"/>
    </row>
    <row r="544494" spans="14:14">
      <c r="N544494" s="10"/>
    </row>
    <row r="544495" spans="14:14">
      <c r="N544495" s="10"/>
    </row>
    <row r="544496" spans="14:14">
      <c r="N544496" s="10"/>
    </row>
    <row r="544497" spans="14:14">
      <c r="N544497" s="10"/>
    </row>
    <row r="544498" spans="14:14">
      <c r="N544498" s="10"/>
    </row>
    <row r="544499" spans="14:14">
      <c r="N544499" s="10"/>
    </row>
    <row r="544500" spans="14:14">
      <c r="N544500" s="10"/>
    </row>
    <row r="544501" spans="14:14">
      <c r="N544501" s="10"/>
    </row>
    <row r="544502" spans="14:14">
      <c r="N544502" s="10"/>
    </row>
    <row r="544503" spans="14:14">
      <c r="N544503" s="10"/>
    </row>
    <row r="544504" spans="14:14">
      <c r="N544504" s="10"/>
    </row>
    <row r="544505" spans="14:14">
      <c r="N544505" s="10"/>
    </row>
    <row r="544506" spans="14:14">
      <c r="N544506" s="10"/>
    </row>
    <row r="544507" spans="14:14">
      <c r="N544507" s="10"/>
    </row>
    <row r="544508" spans="14:14">
      <c r="N544508" s="10"/>
    </row>
    <row r="544509" spans="14:14">
      <c r="N544509" s="10"/>
    </row>
    <row r="544510" spans="14:14">
      <c r="N544510" s="10"/>
    </row>
    <row r="544511" spans="14:14">
      <c r="N544511" s="10"/>
    </row>
    <row r="544512" spans="14:14">
      <c r="N544512" s="10"/>
    </row>
    <row r="544513" spans="14:14">
      <c r="N544513" s="10"/>
    </row>
    <row r="544514" spans="14:14">
      <c r="N544514" s="10"/>
    </row>
    <row r="544515" spans="14:14">
      <c r="N544515" s="10"/>
    </row>
    <row r="544516" spans="14:14">
      <c r="N544516" s="10"/>
    </row>
    <row r="544517" spans="14:14">
      <c r="N544517" s="10"/>
    </row>
    <row r="544518" spans="14:14">
      <c r="N544518" s="10"/>
    </row>
    <row r="544519" spans="14:14">
      <c r="N544519" s="10"/>
    </row>
    <row r="544520" spans="14:14">
      <c r="N544520" s="10"/>
    </row>
    <row r="544521" spans="14:14">
      <c r="N544521" s="10"/>
    </row>
    <row r="544522" spans="14:14">
      <c r="N544522" s="10"/>
    </row>
    <row r="544523" spans="14:14">
      <c r="N544523" s="10"/>
    </row>
    <row r="544524" spans="14:14">
      <c r="N544524" s="10"/>
    </row>
    <row r="544525" spans="14:14">
      <c r="N544525" s="10"/>
    </row>
    <row r="544526" spans="14:14">
      <c r="N544526" s="10"/>
    </row>
    <row r="544527" spans="14:14">
      <c r="N544527" s="10"/>
    </row>
    <row r="544528" spans="14:14">
      <c r="N544528" s="10"/>
    </row>
    <row r="544529" spans="14:14">
      <c r="N544529" s="10"/>
    </row>
    <row r="544530" spans="14:14">
      <c r="N544530" s="10"/>
    </row>
    <row r="544531" spans="14:14">
      <c r="N544531" s="10"/>
    </row>
    <row r="544532" spans="14:14">
      <c r="N544532" s="10"/>
    </row>
    <row r="544533" spans="14:14">
      <c r="N544533" s="10"/>
    </row>
    <row r="544534" spans="14:14">
      <c r="N544534" s="10"/>
    </row>
    <row r="544535" spans="14:14">
      <c r="N544535" s="10"/>
    </row>
    <row r="544536" spans="14:14">
      <c r="N544536" s="10"/>
    </row>
    <row r="544537" spans="14:14">
      <c r="N544537" s="10"/>
    </row>
    <row r="544538" spans="14:14">
      <c r="N544538" s="10"/>
    </row>
    <row r="544539" spans="14:14">
      <c r="N544539" s="10"/>
    </row>
    <row r="544540" spans="14:14">
      <c r="N544540" s="10"/>
    </row>
    <row r="544541" spans="14:14">
      <c r="N544541" s="10"/>
    </row>
    <row r="544542" spans="14:14">
      <c r="N544542" s="10"/>
    </row>
    <row r="544543" spans="14:14">
      <c r="N544543" s="10"/>
    </row>
    <row r="544544" spans="14:14">
      <c r="N544544" s="10"/>
    </row>
    <row r="544545" spans="14:14">
      <c r="N544545" s="10"/>
    </row>
    <row r="544546" spans="14:14">
      <c r="N544546" s="10"/>
    </row>
    <row r="544547" spans="14:14">
      <c r="N544547" s="10"/>
    </row>
    <row r="544548" spans="14:14">
      <c r="N544548" s="10"/>
    </row>
    <row r="544549" spans="14:14">
      <c r="N544549" s="10"/>
    </row>
    <row r="544550" spans="14:14">
      <c r="N544550" s="10"/>
    </row>
    <row r="544551" spans="14:14">
      <c r="N544551" s="10"/>
    </row>
    <row r="544552" spans="14:14">
      <c r="N544552" s="10"/>
    </row>
    <row r="544553" spans="14:14">
      <c r="N544553" s="10"/>
    </row>
    <row r="544554" spans="14:14">
      <c r="N544554" s="10"/>
    </row>
    <row r="544555" spans="14:14">
      <c r="N544555" s="10"/>
    </row>
    <row r="544556" spans="14:14">
      <c r="N544556" s="10"/>
    </row>
    <row r="544557" spans="14:14">
      <c r="N544557" s="10"/>
    </row>
    <row r="544558" spans="14:14">
      <c r="N544558" s="10"/>
    </row>
    <row r="544559" spans="14:14">
      <c r="N544559" s="10"/>
    </row>
    <row r="544560" spans="14:14">
      <c r="N544560" s="10"/>
    </row>
    <row r="544561" spans="14:14">
      <c r="N544561" s="10"/>
    </row>
    <row r="544562" spans="14:14">
      <c r="N544562" s="10"/>
    </row>
    <row r="544563" spans="14:14">
      <c r="N544563" s="10"/>
    </row>
    <row r="544564" spans="14:14">
      <c r="N544564" s="10"/>
    </row>
    <row r="544565" spans="14:14">
      <c r="N544565" s="10"/>
    </row>
    <row r="544566" spans="14:14">
      <c r="N544566" s="10"/>
    </row>
    <row r="544567" spans="14:14">
      <c r="N544567" s="10"/>
    </row>
    <row r="544568" spans="14:14">
      <c r="N544568" s="10"/>
    </row>
    <row r="544569" spans="14:14">
      <c r="N544569" s="10"/>
    </row>
    <row r="544570" spans="14:14">
      <c r="N544570" s="10"/>
    </row>
    <row r="544571" spans="14:14">
      <c r="N544571" s="10"/>
    </row>
    <row r="544572" spans="14:14">
      <c r="N544572" s="10"/>
    </row>
    <row r="544573" spans="14:14">
      <c r="N544573" s="10"/>
    </row>
    <row r="544574" spans="14:14">
      <c r="N544574" s="10"/>
    </row>
    <row r="544575" spans="14:14">
      <c r="N544575" s="10"/>
    </row>
    <row r="544576" spans="14:14">
      <c r="N544576" s="10"/>
    </row>
    <row r="544577" spans="14:14">
      <c r="N544577" s="10"/>
    </row>
    <row r="544578" spans="14:14">
      <c r="N544578" s="10"/>
    </row>
    <row r="544579" spans="14:14">
      <c r="N544579" s="10"/>
    </row>
    <row r="544580" spans="14:14">
      <c r="N544580" s="10"/>
    </row>
    <row r="544581" spans="14:14">
      <c r="N544581" s="10"/>
    </row>
    <row r="544582" spans="14:14">
      <c r="N544582" s="10"/>
    </row>
    <row r="544583" spans="14:14">
      <c r="N544583" s="10"/>
    </row>
    <row r="544584" spans="14:14">
      <c r="N544584" s="10"/>
    </row>
    <row r="544585" spans="14:14">
      <c r="N544585" s="10"/>
    </row>
    <row r="544586" spans="14:14">
      <c r="N544586" s="10"/>
    </row>
    <row r="544587" spans="14:14">
      <c r="N544587" s="10"/>
    </row>
    <row r="544588" spans="14:14">
      <c r="N544588" s="10"/>
    </row>
    <row r="544589" spans="14:14">
      <c r="N544589" s="10"/>
    </row>
    <row r="544590" spans="14:14">
      <c r="N544590" s="10"/>
    </row>
    <row r="544591" spans="14:14">
      <c r="N544591" s="10"/>
    </row>
    <row r="544592" spans="14:14">
      <c r="N544592" s="10"/>
    </row>
    <row r="544593" spans="14:14">
      <c r="N544593" s="10"/>
    </row>
    <row r="544594" spans="14:14">
      <c r="N544594" s="10"/>
    </row>
    <row r="544595" spans="14:14">
      <c r="N544595" s="10"/>
    </row>
    <row r="544596" spans="14:14">
      <c r="N544596" s="10"/>
    </row>
    <row r="544597" spans="14:14">
      <c r="N544597" s="10"/>
    </row>
    <row r="544598" spans="14:14">
      <c r="N544598" s="10"/>
    </row>
    <row r="544599" spans="14:14">
      <c r="N544599" s="10"/>
    </row>
    <row r="544600" spans="14:14">
      <c r="N544600" s="10"/>
    </row>
    <row r="544601" spans="14:14">
      <c r="N544601" s="10"/>
    </row>
    <row r="544602" spans="14:14">
      <c r="N544602" s="10"/>
    </row>
    <row r="544603" spans="14:14">
      <c r="N544603" s="10"/>
    </row>
    <row r="544604" spans="14:14">
      <c r="N544604" s="10"/>
    </row>
    <row r="544605" spans="14:14">
      <c r="N544605" s="10"/>
    </row>
    <row r="544606" spans="14:14">
      <c r="N544606" s="10"/>
    </row>
    <row r="544607" spans="14:14">
      <c r="N544607" s="10"/>
    </row>
    <row r="544608" spans="14:14">
      <c r="N544608" s="10"/>
    </row>
    <row r="544609" spans="14:14">
      <c r="N544609" s="10"/>
    </row>
    <row r="544610" spans="14:14">
      <c r="N544610" s="10"/>
    </row>
    <row r="544611" spans="14:14">
      <c r="N544611" s="10"/>
    </row>
    <row r="544612" spans="14:14">
      <c r="N544612" s="10"/>
    </row>
    <row r="544613" spans="14:14">
      <c r="N544613" s="10"/>
    </row>
    <row r="544614" spans="14:14">
      <c r="N544614" s="10"/>
    </row>
    <row r="544615" spans="14:14">
      <c r="N544615" s="10"/>
    </row>
    <row r="544616" spans="14:14">
      <c r="N544616" s="10"/>
    </row>
    <row r="544617" spans="14:14">
      <c r="N544617" s="10"/>
    </row>
    <row r="544618" spans="14:14">
      <c r="N544618" s="10"/>
    </row>
    <row r="544619" spans="14:14">
      <c r="N544619" s="10"/>
    </row>
    <row r="544620" spans="14:14">
      <c r="N544620" s="10"/>
    </row>
    <row r="544621" spans="14:14">
      <c r="N544621" s="10"/>
    </row>
    <row r="544622" spans="14:14">
      <c r="N544622" s="10"/>
    </row>
    <row r="544623" spans="14:14">
      <c r="N544623" s="10"/>
    </row>
    <row r="544624" spans="14:14">
      <c r="N544624" s="10"/>
    </row>
    <row r="544625" spans="14:14">
      <c r="N544625" s="10"/>
    </row>
    <row r="544626" spans="14:14">
      <c r="N544626" s="10"/>
    </row>
    <row r="544627" spans="14:14">
      <c r="N544627" s="10"/>
    </row>
    <row r="544628" spans="14:14">
      <c r="N544628" s="10"/>
    </row>
    <row r="544629" spans="14:14">
      <c r="N544629" s="10"/>
    </row>
    <row r="544630" spans="14:14">
      <c r="N544630" s="10"/>
    </row>
    <row r="544631" spans="14:14">
      <c r="N544631" s="10"/>
    </row>
    <row r="544632" spans="14:14">
      <c r="N544632" s="10"/>
    </row>
    <row r="544633" spans="14:14">
      <c r="N544633" s="10"/>
    </row>
    <row r="544634" spans="14:14">
      <c r="N544634" s="10"/>
    </row>
    <row r="544635" spans="14:14">
      <c r="N544635" s="10"/>
    </row>
    <row r="544636" spans="14:14">
      <c r="N544636" s="10"/>
    </row>
    <row r="544637" spans="14:14">
      <c r="N544637" s="10"/>
    </row>
    <row r="544638" spans="14:14">
      <c r="N544638" s="10"/>
    </row>
    <row r="544639" spans="14:14">
      <c r="N544639" s="10"/>
    </row>
    <row r="544640" spans="14:14">
      <c r="N544640" s="10"/>
    </row>
    <row r="544641" spans="14:14">
      <c r="N544641" s="10"/>
    </row>
    <row r="544642" spans="14:14">
      <c r="N544642" s="10"/>
    </row>
    <row r="544643" spans="14:14">
      <c r="N544643" s="10"/>
    </row>
    <row r="544644" spans="14:14">
      <c r="N544644" s="10"/>
    </row>
    <row r="544645" spans="14:14">
      <c r="N544645" s="10"/>
    </row>
    <row r="544646" spans="14:14">
      <c r="N544646" s="10"/>
    </row>
    <row r="544647" spans="14:14">
      <c r="N544647" s="10"/>
    </row>
    <row r="544648" spans="14:14">
      <c r="N544648" s="10"/>
    </row>
    <row r="544649" spans="14:14">
      <c r="N544649" s="10"/>
    </row>
    <row r="544650" spans="14:14">
      <c r="N544650" s="10"/>
    </row>
    <row r="544651" spans="14:14">
      <c r="N544651" s="10"/>
    </row>
    <row r="544652" spans="14:14">
      <c r="N544652" s="10"/>
    </row>
    <row r="544653" spans="14:14">
      <c r="N544653" s="10"/>
    </row>
    <row r="544654" spans="14:14">
      <c r="N544654" s="10"/>
    </row>
    <row r="544655" spans="14:14">
      <c r="N544655" s="10"/>
    </row>
    <row r="544656" spans="14:14">
      <c r="N544656" s="10"/>
    </row>
    <row r="544657" spans="14:14">
      <c r="N544657" s="10"/>
    </row>
    <row r="544658" spans="14:14">
      <c r="N544658" s="10"/>
    </row>
    <row r="544659" spans="14:14">
      <c r="N544659" s="10"/>
    </row>
    <row r="544660" spans="14:14">
      <c r="N544660" s="10"/>
    </row>
    <row r="544661" spans="14:14">
      <c r="N544661" s="10"/>
    </row>
    <row r="544662" spans="14:14">
      <c r="N544662" s="10"/>
    </row>
    <row r="544663" spans="14:14">
      <c r="N544663" s="10"/>
    </row>
    <row r="544664" spans="14:14">
      <c r="N544664" s="10"/>
    </row>
    <row r="544665" spans="14:14">
      <c r="N544665" s="10"/>
    </row>
    <row r="544666" spans="14:14">
      <c r="N544666" s="10"/>
    </row>
    <row r="544667" spans="14:14">
      <c r="N544667" s="10"/>
    </row>
    <row r="544668" spans="14:14">
      <c r="N544668" s="10"/>
    </row>
    <row r="544669" spans="14:14">
      <c r="N544669" s="10"/>
    </row>
    <row r="544670" spans="14:14">
      <c r="N544670" s="10"/>
    </row>
    <row r="544671" spans="14:14">
      <c r="N544671" s="10"/>
    </row>
    <row r="544672" spans="14:14">
      <c r="N544672" s="10"/>
    </row>
    <row r="544673" spans="14:14">
      <c r="N544673" s="10"/>
    </row>
    <row r="544674" spans="14:14">
      <c r="N544674" s="10"/>
    </row>
    <row r="544675" spans="14:14">
      <c r="N544675" s="10"/>
    </row>
    <row r="544676" spans="14:14">
      <c r="N544676" s="10"/>
    </row>
    <row r="544677" spans="14:14">
      <c r="N544677" s="10"/>
    </row>
    <row r="544678" spans="14:14">
      <c r="N544678" s="10"/>
    </row>
    <row r="544679" spans="14:14">
      <c r="N544679" s="10"/>
    </row>
    <row r="544680" spans="14:14">
      <c r="N544680" s="10"/>
    </row>
    <row r="544681" spans="14:14">
      <c r="N544681" s="10"/>
    </row>
    <row r="544682" spans="14:14">
      <c r="N544682" s="10"/>
    </row>
    <row r="544683" spans="14:14">
      <c r="N544683" s="10"/>
    </row>
    <row r="544684" spans="14:14">
      <c r="N544684" s="10"/>
    </row>
    <row r="544685" spans="14:14">
      <c r="N544685" s="10"/>
    </row>
    <row r="544686" spans="14:14">
      <c r="N544686" s="10"/>
    </row>
    <row r="544687" spans="14:14">
      <c r="N544687" s="10"/>
    </row>
    <row r="544688" spans="14:14">
      <c r="N544688" s="10"/>
    </row>
    <row r="544689" spans="14:14">
      <c r="N544689" s="10"/>
    </row>
    <row r="544690" spans="14:14">
      <c r="N544690" s="10"/>
    </row>
    <row r="544691" spans="14:14">
      <c r="N544691" s="10"/>
    </row>
    <row r="544692" spans="14:14">
      <c r="N544692" s="10"/>
    </row>
    <row r="544693" spans="14:14">
      <c r="N544693" s="10"/>
    </row>
    <row r="544694" spans="14:14">
      <c r="N544694" s="10"/>
    </row>
    <row r="544695" spans="14:14">
      <c r="N544695" s="10"/>
    </row>
    <row r="544696" spans="14:14">
      <c r="N544696" s="10"/>
    </row>
    <row r="544697" spans="14:14">
      <c r="N544697" s="10"/>
    </row>
    <row r="544698" spans="14:14">
      <c r="N544698" s="10"/>
    </row>
    <row r="544699" spans="14:14">
      <c r="N544699" s="10"/>
    </row>
    <row r="544700" spans="14:14">
      <c r="N544700" s="10"/>
    </row>
    <row r="544701" spans="14:14">
      <c r="N544701" s="10"/>
    </row>
    <row r="544702" spans="14:14">
      <c r="N544702" s="10"/>
    </row>
    <row r="544703" spans="14:14">
      <c r="N544703" s="10"/>
    </row>
    <row r="544704" spans="14:14">
      <c r="N544704" s="10"/>
    </row>
    <row r="544705" spans="14:14">
      <c r="N544705" s="10"/>
    </row>
    <row r="544706" spans="14:14">
      <c r="N544706" s="10"/>
    </row>
    <row r="544707" spans="14:14">
      <c r="N544707" s="10"/>
    </row>
    <row r="544708" spans="14:14">
      <c r="N544708" s="10"/>
    </row>
    <row r="544709" spans="14:14">
      <c r="N544709" s="10"/>
    </row>
    <row r="544710" spans="14:14">
      <c r="N544710" s="10"/>
    </row>
    <row r="544711" spans="14:14">
      <c r="N544711" s="10"/>
    </row>
    <row r="544712" spans="14:14">
      <c r="N544712" s="10"/>
    </row>
    <row r="544713" spans="14:14">
      <c r="N544713" s="10"/>
    </row>
    <row r="544714" spans="14:14">
      <c r="N544714" s="10"/>
    </row>
    <row r="544715" spans="14:14">
      <c r="N544715" s="10"/>
    </row>
    <row r="544716" spans="14:14">
      <c r="N544716" s="10"/>
    </row>
    <row r="544717" spans="14:14">
      <c r="N544717" s="10"/>
    </row>
    <row r="544718" spans="14:14">
      <c r="N544718" s="10"/>
    </row>
    <row r="544719" spans="14:14">
      <c r="N544719" s="10"/>
    </row>
    <row r="544720" spans="14:14">
      <c r="N544720" s="10"/>
    </row>
    <row r="544721" spans="14:14">
      <c r="N544721" s="10"/>
    </row>
    <row r="544722" spans="14:14">
      <c r="N544722" s="10"/>
    </row>
    <row r="544723" spans="14:14">
      <c r="N544723" s="10"/>
    </row>
    <row r="544724" spans="14:14">
      <c r="N544724" s="10"/>
    </row>
    <row r="544725" spans="14:14">
      <c r="N544725" s="10"/>
    </row>
    <row r="544726" spans="14:14">
      <c r="N544726" s="10"/>
    </row>
    <row r="544727" spans="14:14">
      <c r="N544727" s="10"/>
    </row>
    <row r="544728" spans="14:14">
      <c r="N544728" s="10"/>
    </row>
    <row r="544729" spans="14:14">
      <c r="N544729" s="10"/>
    </row>
    <row r="544730" spans="14:14">
      <c r="N544730" s="10"/>
    </row>
    <row r="544731" spans="14:14">
      <c r="N544731" s="10"/>
    </row>
    <row r="544732" spans="14:14">
      <c r="N544732" s="10"/>
    </row>
    <row r="544733" spans="14:14">
      <c r="N544733" s="10"/>
    </row>
    <row r="544734" spans="14:14">
      <c r="N544734" s="10"/>
    </row>
    <row r="544735" spans="14:14">
      <c r="N544735" s="10"/>
    </row>
    <row r="544736" spans="14:14">
      <c r="N544736" s="10"/>
    </row>
    <row r="544737" spans="14:14">
      <c r="N544737" s="10"/>
    </row>
    <row r="544738" spans="14:14">
      <c r="N544738" s="10"/>
    </row>
    <row r="544739" spans="14:14">
      <c r="N544739" s="10"/>
    </row>
    <row r="544740" spans="14:14">
      <c r="N544740" s="10"/>
    </row>
    <row r="544741" spans="14:14">
      <c r="N544741" s="10"/>
    </row>
    <row r="544742" spans="14:14">
      <c r="N544742" s="10"/>
    </row>
    <row r="544743" spans="14:14">
      <c r="N544743" s="10"/>
    </row>
    <row r="544744" spans="14:14">
      <c r="N544744" s="10"/>
    </row>
    <row r="544745" spans="14:14">
      <c r="N544745" s="10"/>
    </row>
    <row r="544746" spans="14:14">
      <c r="N544746" s="10"/>
    </row>
    <row r="544747" spans="14:14">
      <c r="N544747" s="10"/>
    </row>
    <row r="544748" spans="14:14">
      <c r="N544748" s="10"/>
    </row>
    <row r="544749" spans="14:14">
      <c r="N544749" s="10"/>
    </row>
    <row r="544750" spans="14:14">
      <c r="N544750" s="10"/>
    </row>
    <row r="544751" spans="14:14">
      <c r="N544751" s="10"/>
    </row>
    <row r="544752" spans="14:14">
      <c r="N544752" s="10"/>
    </row>
    <row r="544753" spans="14:14">
      <c r="N544753" s="10"/>
    </row>
    <row r="544754" spans="14:14">
      <c r="N544754" s="10"/>
    </row>
    <row r="544755" spans="14:14">
      <c r="N544755" s="10"/>
    </row>
    <row r="544756" spans="14:14">
      <c r="N544756" s="10"/>
    </row>
    <row r="544757" spans="14:14">
      <c r="N544757" s="10"/>
    </row>
    <row r="544758" spans="14:14">
      <c r="N544758" s="10"/>
    </row>
    <row r="544759" spans="14:14">
      <c r="N544759" s="10"/>
    </row>
    <row r="544760" spans="14:14">
      <c r="N544760" s="10"/>
    </row>
    <row r="544761" spans="14:14">
      <c r="N544761" s="10"/>
    </row>
    <row r="544762" spans="14:14">
      <c r="N544762" s="10"/>
    </row>
    <row r="544763" spans="14:14">
      <c r="N544763" s="10"/>
    </row>
    <row r="544764" spans="14:14">
      <c r="N544764" s="10"/>
    </row>
    <row r="544765" spans="14:14">
      <c r="N544765" s="10"/>
    </row>
    <row r="544766" spans="14:14">
      <c r="N544766" s="10"/>
    </row>
    <row r="544767" spans="14:14">
      <c r="N544767" s="10"/>
    </row>
    <row r="544768" spans="14:14">
      <c r="N544768" s="10"/>
    </row>
    <row r="544769" spans="14:14">
      <c r="N544769" s="10"/>
    </row>
    <row r="544770" spans="14:14">
      <c r="N544770" s="10"/>
    </row>
    <row r="544771" spans="14:14">
      <c r="N544771" s="10"/>
    </row>
    <row r="544772" spans="14:14">
      <c r="N544772" s="10"/>
    </row>
    <row r="544773" spans="14:14">
      <c r="N544773" s="10"/>
    </row>
    <row r="544774" spans="14:14">
      <c r="N544774" s="10"/>
    </row>
    <row r="544775" spans="14:14">
      <c r="N544775" s="10"/>
    </row>
    <row r="544776" spans="14:14">
      <c r="N544776" s="10"/>
    </row>
    <row r="544777" spans="14:14">
      <c r="N544777" s="10"/>
    </row>
    <row r="544778" spans="14:14">
      <c r="N544778" s="10"/>
    </row>
    <row r="544779" spans="14:14">
      <c r="N544779" s="10"/>
    </row>
    <row r="544780" spans="14:14">
      <c r="N544780" s="10"/>
    </row>
    <row r="544781" spans="14:14">
      <c r="N544781" s="10"/>
    </row>
    <row r="544782" spans="14:14">
      <c r="N544782" s="10"/>
    </row>
    <row r="544783" spans="14:14">
      <c r="N544783" s="10"/>
    </row>
    <row r="544784" spans="14:14">
      <c r="N544784" s="10"/>
    </row>
    <row r="544785" spans="14:14">
      <c r="N544785" s="10"/>
    </row>
    <row r="544786" spans="14:14">
      <c r="N544786" s="10"/>
    </row>
    <row r="544787" spans="14:14">
      <c r="N544787" s="10"/>
    </row>
    <row r="544788" spans="14:14">
      <c r="N544788" s="10"/>
    </row>
    <row r="544789" spans="14:14">
      <c r="N544789" s="10"/>
    </row>
    <row r="544790" spans="14:14">
      <c r="N544790" s="10"/>
    </row>
    <row r="544791" spans="14:14">
      <c r="N544791" s="10"/>
    </row>
    <row r="544792" spans="14:14">
      <c r="N544792" s="10"/>
    </row>
    <row r="544793" spans="14:14">
      <c r="N544793" s="10"/>
    </row>
    <row r="544794" spans="14:14">
      <c r="N544794" s="10"/>
    </row>
    <row r="544795" spans="14:14">
      <c r="N544795" s="10"/>
    </row>
    <row r="544796" spans="14:14">
      <c r="N544796" s="10"/>
    </row>
    <row r="544797" spans="14:14">
      <c r="N544797" s="10"/>
    </row>
    <row r="544798" spans="14:14">
      <c r="N544798" s="10"/>
    </row>
    <row r="544799" spans="14:14">
      <c r="N544799" s="10"/>
    </row>
    <row r="544800" spans="14:14">
      <c r="N544800" s="10"/>
    </row>
    <row r="544801" spans="14:14">
      <c r="N544801" s="10"/>
    </row>
    <row r="544802" spans="14:14">
      <c r="N544802" s="10"/>
    </row>
    <row r="544803" spans="14:14">
      <c r="N544803" s="10"/>
    </row>
    <row r="544804" spans="14:14">
      <c r="N544804" s="10"/>
    </row>
    <row r="544805" spans="14:14">
      <c r="N544805" s="10"/>
    </row>
    <row r="544806" spans="14:14">
      <c r="N544806" s="10"/>
    </row>
    <row r="544807" spans="14:14">
      <c r="N544807" s="10"/>
    </row>
    <row r="544808" spans="14:14">
      <c r="N544808" s="10"/>
    </row>
    <row r="544809" spans="14:14">
      <c r="N544809" s="10"/>
    </row>
    <row r="544810" spans="14:14">
      <c r="N544810" s="10"/>
    </row>
    <row r="544811" spans="14:14">
      <c r="N544811" s="10"/>
    </row>
    <row r="544812" spans="14:14">
      <c r="N544812" s="10"/>
    </row>
    <row r="544813" spans="14:14">
      <c r="N544813" s="10"/>
    </row>
    <row r="544814" spans="14:14">
      <c r="N544814" s="10"/>
    </row>
    <row r="544815" spans="14:14">
      <c r="N544815" s="10"/>
    </row>
    <row r="544816" spans="14:14">
      <c r="N544816" s="10"/>
    </row>
    <row r="544817" spans="14:14">
      <c r="N544817" s="10"/>
    </row>
    <row r="544818" spans="14:14">
      <c r="N544818" s="10"/>
    </row>
    <row r="544819" spans="14:14">
      <c r="N544819" s="10"/>
    </row>
    <row r="544820" spans="14:14">
      <c r="N544820" s="10"/>
    </row>
    <row r="544821" spans="14:14">
      <c r="N544821" s="10"/>
    </row>
    <row r="544822" spans="14:14">
      <c r="N544822" s="10"/>
    </row>
    <row r="544823" spans="14:14">
      <c r="N544823" s="10"/>
    </row>
    <row r="544824" spans="14:14">
      <c r="N544824" s="10"/>
    </row>
    <row r="544825" spans="14:14">
      <c r="N544825" s="10"/>
    </row>
    <row r="544826" spans="14:14">
      <c r="N544826" s="10"/>
    </row>
    <row r="544827" spans="14:14">
      <c r="N544827" s="10"/>
    </row>
    <row r="544828" spans="14:14">
      <c r="N544828" s="10"/>
    </row>
    <row r="544829" spans="14:14">
      <c r="N544829" s="10"/>
    </row>
    <row r="544830" spans="14:14">
      <c r="N544830" s="10"/>
    </row>
    <row r="544831" spans="14:14">
      <c r="N544831" s="10"/>
    </row>
    <row r="544832" spans="14:14">
      <c r="N544832" s="10"/>
    </row>
    <row r="544833" spans="14:14">
      <c r="N544833" s="10"/>
    </row>
    <row r="544834" spans="14:14">
      <c r="N544834" s="10"/>
    </row>
    <row r="544835" spans="14:14">
      <c r="N544835" s="10"/>
    </row>
    <row r="544836" spans="14:14">
      <c r="N544836" s="10"/>
    </row>
    <row r="544837" spans="14:14">
      <c r="N544837" s="10"/>
    </row>
    <row r="544838" spans="14:14">
      <c r="N544838" s="10"/>
    </row>
    <row r="544839" spans="14:14">
      <c r="N544839" s="10"/>
    </row>
    <row r="544840" spans="14:14">
      <c r="N544840" s="10"/>
    </row>
    <row r="544841" spans="14:14">
      <c r="N544841" s="10"/>
    </row>
    <row r="544842" spans="14:14">
      <c r="N544842" s="10"/>
    </row>
    <row r="544843" spans="14:14">
      <c r="N544843" s="10"/>
    </row>
    <row r="544844" spans="14:14">
      <c r="N544844" s="10"/>
    </row>
    <row r="544845" spans="14:14">
      <c r="N544845" s="10"/>
    </row>
    <row r="544846" spans="14:14">
      <c r="N544846" s="10"/>
    </row>
    <row r="544847" spans="14:14">
      <c r="N544847" s="10"/>
    </row>
    <row r="544848" spans="14:14">
      <c r="N544848" s="10"/>
    </row>
    <row r="544849" spans="14:14">
      <c r="N544849" s="10"/>
    </row>
    <row r="544850" spans="14:14">
      <c r="N544850" s="10"/>
    </row>
    <row r="544851" spans="14:14">
      <c r="N544851" s="10"/>
    </row>
    <row r="544852" spans="14:14">
      <c r="N544852" s="10"/>
    </row>
    <row r="544853" spans="14:14">
      <c r="N544853" s="10"/>
    </row>
    <row r="544854" spans="14:14">
      <c r="N544854" s="10"/>
    </row>
    <row r="544855" spans="14:14">
      <c r="N544855" s="10"/>
    </row>
    <row r="544856" spans="14:14">
      <c r="N544856" s="10"/>
    </row>
    <row r="544857" spans="14:14">
      <c r="N544857" s="10"/>
    </row>
    <row r="544858" spans="14:14">
      <c r="N544858" s="10"/>
    </row>
    <row r="544859" spans="14:14">
      <c r="N544859" s="10"/>
    </row>
    <row r="544860" spans="14:14">
      <c r="N544860" s="10"/>
    </row>
    <row r="544861" spans="14:14">
      <c r="N544861" s="10"/>
    </row>
    <row r="544862" spans="14:14">
      <c r="N544862" s="10"/>
    </row>
    <row r="544863" spans="14:14">
      <c r="N544863" s="10"/>
    </row>
    <row r="544864" spans="14:14">
      <c r="N544864" s="10"/>
    </row>
    <row r="544865" spans="14:14">
      <c r="N544865" s="10"/>
    </row>
    <row r="544866" spans="14:14">
      <c r="N544866" s="10"/>
    </row>
    <row r="544867" spans="14:14">
      <c r="N544867" s="10"/>
    </row>
    <row r="544868" spans="14:14">
      <c r="N544868" s="10"/>
    </row>
    <row r="544869" spans="14:14">
      <c r="N544869" s="10"/>
    </row>
    <row r="544870" spans="14:14">
      <c r="N544870" s="10"/>
    </row>
    <row r="544871" spans="14:14">
      <c r="N544871" s="10"/>
    </row>
    <row r="544872" spans="14:14">
      <c r="N544872" s="10"/>
    </row>
    <row r="544873" spans="14:14">
      <c r="N544873" s="10"/>
    </row>
    <row r="544874" spans="14:14">
      <c r="N544874" s="10"/>
    </row>
    <row r="544875" spans="14:14">
      <c r="N544875" s="10"/>
    </row>
    <row r="544876" spans="14:14">
      <c r="N544876" s="10"/>
    </row>
    <row r="544877" spans="14:14">
      <c r="N544877" s="10"/>
    </row>
    <row r="544878" spans="14:14">
      <c r="N544878" s="10"/>
    </row>
    <row r="544879" spans="14:14">
      <c r="N544879" s="10"/>
    </row>
    <row r="544880" spans="14:14">
      <c r="N544880" s="10"/>
    </row>
    <row r="544881" spans="14:14">
      <c r="N544881" s="10"/>
    </row>
    <row r="544882" spans="14:14">
      <c r="N544882" s="10"/>
    </row>
    <row r="544883" spans="14:14">
      <c r="N544883" s="10"/>
    </row>
    <row r="544884" spans="14:14">
      <c r="N544884" s="10"/>
    </row>
    <row r="544885" spans="14:14">
      <c r="N544885" s="10"/>
    </row>
    <row r="544886" spans="14:14">
      <c r="N544886" s="10"/>
    </row>
    <row r="544887" spans="14:14">
      <c r="N544887" s="10"/>
    </row>
    <row r="544888" spans="14:14">
      <c r="N544888" s="10"/>
    </row>
    <row r="544889" spans="14:14">
      <c r="N544889" s="10"/>
    </row>
    <row r="544890" spans="14:14">
      <c r="N544890" s="10"/>
    </row>
    <row r="544891" spans="14:14">
      <c r="N544891" s="10"/>
    </row>
    <row r="544892" spans="14:14">
      <c r="N544892" s="10"/>
    </row>
    <row r="544893" spans="14:14">
      <c r="N544893" s="10"/>
    </row>
    <row r="544894" spans="14:14">
      <c r="N544894" s="10"/>
    </row>
    <row r="544895" spans="14:14">
      <c r="N544895" s="10"/>
    </row>
    <row r="544896" spans="14:14">
      <c r="N544896" s="10"/>
    </row>
    <row r="544897" spans="14:14">
      <c r="N544897" s="10"/>
    </row>
    <row r="544898" spans="14:14">
      <c r="N544898" s="10"/>
    </row>
    <row r="544899" spans="14:14">
      <c r="N544899" s="10"/>
    </row>
    <row r="544900" spans="14:14">
      <c r="N544900" s="10"/>
    </row>
    <row r="544901" spans="14:14">
      <c r="N544901" s="10"/>
    </row>
    <row r="544902" spans="14:14">
      <c r="N544902" s="10"/>
    </row>
    <row r="544903" spans="14:14">
      <c r="N544903" s="10"/>
    </row>
    <row r="544904" spans="14:14">
      <c r="N544904" s="10"/>
    </row>
    <row r="544905" spans="14:14">
      <c r="N544905" s="10"/>
    </row>
    <row r="544906" spans="14:14">
      <c r="N544906" s="10"/>
    </row>
    <row r="544907" spans="14:14">
      <c r="N544907" s="10"/>
    </row>
    <row r="544908" spans="14:14">
      <c r="N544908" s="10"/>
    </row>
    <row r="544909" spans="14:14">
      <c r="N544909" s="10"/>
    </row>
    <row r="544910" spans="14:14">
      <c r="N544910" s="10"/>
    </row>
    <row r="544911" spans="14:14">
      <c r="N544911" s="10"/>
    </row>
    <row r="544912" spans="14:14">
      <c r="N544912" s="10"/>
    </row>
    <row r="544913" spans="14:14">
      <c r="N544913" s="10"/>
    </row>
    <row r="544914" spans="14:14">
      <c r="N544914" s="10"/>
    </row>
    <row r="544915" spans="14:14">
      <c r="N544915" s="10"/>
    </row>
    <row r="544916" spans="14:14">
      <c r="N544916" s="10"/>
    </row>
    <row r="544917" spans="14:14">
      <c r="N544917" s="10"/>
    </row>
    <row r="544918" spans="14:14">
      <c r="N544918" s="10"/>
    </row>
    <row r="544919" spans="14:14">
      <c r="N544919" s="10"/>
    </row>
    <row r="544920" spans="14:14">
      <c r="N544920" s="10"/>
    </row>
    <row r="544921" spans="14:14">
      <c r="N544921" s="10"/>
    </row>
    <row r="544922" spans="14:14">
      <c r="N544922" s="10"/>
    </row>
    <row r="544923" spans="14:14">
      <c r="N544923" s="10"/>
    </row>
    <row r="544924" spans="14:14">
      <c r="N544924" s="10"/>
    </row>
    <row r="544925" spans="14:14">
      <c r="N544925" s="10"/>
    </row>
    <row r="544926" spans="14:14">
      <c r="N544926" s="10"/>
    </row>
    <row r="544927" spans="14:14">
      <c r="N544927" s="10"/>
    </row>
    <row r="544928" spans="14:14">
      <c r="N544928" s="10"/>
    </row>
    <row r="544929" spans="14:14">
      <c r="N544929" s="10"/>
    </row>
    <row r="544930" spans="14:14">
      <c r="N544930" s="10"/>
    </row>
    <row r="544931" spans="14:14">
      <c r="N544931" s="10"/>
    </row>
    <row r="544932" spans="14:14">
      <c r="N544932" s="10"/>
    </row>
    <row r="544933" spans="14:14">
      <c r="N544933" s="10"/>
    </row>
    <row r="544934" spans="14:14">
      <c r="N544934" s="10"/>
    </row>
    <row r="544935" spans="14:14">
      <c r="N544935" s="10"/>
    </row>
    <row r="544936" spans="14:14">
      <c r="N544936" s="10"/>
    </row>
    <row r="544937" spans="14:14">
      <c r="N544937" s="10"/>
    </row>
    <row r="544938" spans="14:14">
      <c r="N544938" s="10"/>
    </row>
    <row r="544939" spans="14:14">
      <c r="N544939" s="10"/>
    </row>
    <row r="544940" spans="14:14">
      <c r="N544940" s="10"/>
    </row>
    <row r="544941" spans="14:14">
      <c r="N544941" s="10"/>
    </row>
    <row r="544942" spans="14:14">
      <c r="N544942" s="10"/>
    </row>
    <row r="544943" spans="14:14">
      <c r="N544943" s="10"/>
    </row>
    <row r="544944" spans="14:14">
      <c r="N544944" s="10"/>
    </row>
    <row r="544945" spans="14:14">
      <c r="N544945" s="10"/>
    </row>
    <row r="544946" spans="14:14">
      <c r="N544946" s="10"/>
    </row>
    <row r="544947" spans="14:14">
      <c r="N544947" s="10"/>
    </row>
    <row r="544948" spans="14:14">
      <c r="N544948" s="10"/>
    </row>
    <row r="544949" spans="14:14">
      <c r="N544949" s="10"/>
    </row>
    <row r="544950" spans="14:14">
      <c r="N544950" s="10"/>
    </row>
    <row r="544951" spans="14:14">
      <c r="N544951" s="10"/>
    </row>
    <row r="544952" spans="14:14">
      <c r="N544952" s="10"/>
    </row>
    <row r="544953" spans="14:14">
      <c r="N544953" s="10"/>
    </row>
    <row r="544954" spans="14:14">
      <c r="N544954" s="10"/>
    </row>
    <row r="544955" spans="14:14">
      <c r="N544955" s="10"/>
    </row>
    <row r="544956" spans="14:14">
      <c r="N544956" s="10"/>
    </row>
    <row r="544957" spans="14:14">
      <c r="N544957" s="10"/>
    </row>
    <row r="544958" spans="14:14">
      <c r="N544958" s="10"/>
    </row>
    <row r="544959" spans="14:14">
      <c r="N544959" s="10"/>
    </row>
    <row r="544960" spans="14:14">
      <c r="N544960" s="10"/>
    </row>
    <row r="544961" spans="14:14">
      <c r="N544961" s="10"/>
    </row>
    <row r="544962" spans="14:14">
      <c r="N544962" s="10"/>
    </row>
    <row r="544963" spans="14:14">
      <c r="N544963" s="10"/>
    </row>
    <row r="544964" spans="14:14">
      <c r="N544964" s="10"/>
    </row>
    <row r="544965" spans="14:14">
      <c r="N544965" s="10"/>
    </row>
    <row r="544966" spans="14:14">
      <c r="N544966" s="10"/>
    </row>
    <row r="544967" spans="14:14">
      <c r="N544967" s="10"/>
    </row>
    <row r="544968" spans="14:14">
      <c r="N544968" s="10"/>
    </row>
    <row r="544969" spans="14:14">
      <c r="N544969" s="10"/>
    </row>
    <row r="544970" spans="14:14">
      <c r="N544970" s="10"/>
    </row>
    <row r="544971" spans="14:14">
      <c r="N544971" s="10"/>
    </row>
    <row r="544972" spans="14:14">
      <c r="N544972" s="10"/>
    </row>
    <row r="544973" spans="14:14">
      <c r="N544973" s="10"/>
    </row>
    <row r="544974" spans="14:14">
      <c r="N544974" s="10"/>
    </row>
    <row r="544975" spans="14:14">
      <c r="N544975" s="10"/>
    </row>
    <row r="544976" spans="14:14">
      <c r="N544976" s="10"/>
    </row>
    <row r="544977" spans="14:14">
      <c r="N544977" s="10"/>
    </row>
    <row r="544978" spans="14:14">
      <c r="N544978" s="10"/>
    </row>
    <row r="544979" spans="14:14">
      <c r="N544979" s="10"/>
    </row>
    <row r="544980" spans="14:14">
      <c r="N544980" s="10"/>
    </row>
    <row r="544981" spans="14:14">
      <c r="N544981" s="10"/>
    </row>
    <row r="544982" spans="14:14">
      <c r="N544982" s="10"/>
    </row>
    <row r="544983" spans="14:14">
      <c r="N544983" s="10"/>
    </row>
    <row r="544984" spans="14:14">
      <c r="N544984" s="10"/>
    </row>
    <row r="544985" spans="14:14">
      <c r="N544985" s="10"/>
    </row>
    <row r="544986" spans="14:14">
      <c r="N544986" s="10"/>
    </row>
    <row r="544987" spans="14:14">
      <c r="N544987" s="10"/>
    </row>
    <row r="544988" spans="14:14">
      <c r="N544988" s="10"/>
    </row>
    <row r="544989" spans="14:14">
      <c r="N544989" s="10"/>
    </row>
    <row r="544990" spans="14:14">
      <c r="N544990" s="10"/>
    </row>
    <row r="544991" spans="14:14">
      <c r="N544991" s="10"/>
    </row>
    <row r="544992" spans="14:14">
      <c r="N544992" s="10"/>
    </row>
    <row r="544993" spans="14:14">
      <c r="N544993" s="10"/>
    </row>
    <row r="544994" spans="14:14">
      <c r="N544994" s="10"/>
    </row>
    <row r="544995" spans="14:14">
      <c r="N544995" s="10"/>
    </row>
    <row r="544996" spans="14:14">
      <c r="N544996" s="10"/>
    </row>
    <row r="544997" spans="14:14">
      <c r="N544997" s="10"/>
    </row>
    <row r="544998" spans="14:14">
      <c r="N544998" s="10"/>
    </row>
    <row r="544999" spans="14:14">
      <c r="N544999" s="10"/>
    </row>
    <row r="545000" spans="14:14">
      <c r="N545000" s="10"/>
    </row>
    <row r="545001" spans="14:14">
      <c r="N545001" s="10"/>
    </row>
    <row r="545002" spans="14:14">
      <c r="N545002" s="10"/>
    </row>
    <row r="545003" spans="14:14">
      <c r="N545003" s="10"/>
    </row>
    <row r="545004" spans="14:14">
      <c r="N545004" s="10"/>
    </row>
    <row r="545005" spans="14:14">
      <c r="N545005" s="10"/>
    </row>
    <row r="545006" spans="14:14">
      <c r="N545006" s="10"/>
    </row>
    <row r="545007" spans="14:14">
      <c r="N545007" s="10"/>
    </row>
    <row r="545008" spans="14:14">
      <c r="N545008" s="10"/>
    </row>
    <row r="545009" spans="14:14">
      <c r="N545009" s="10"/>
    </row>
    <row r="545010" spans="14:14">
      <c r="N545010" s="10"/>
    </row>
    <row r="545011" spans="14:14">
      <c r="N545011" s="10"/>
    </row>
    <row r="545012" spans="14:14">
      <c r="N545012" s="10"/>
    </row>
    <row r="545013" spans="14:14">
      <c r="N545013" s="10"/>
    </row>
    <row r="545014" spans="14:14">
      <c r="N545014" s="10"/>
    </row>
    <row r="545015" spans="14:14">
      <c r="N545015" s="10"/>
    </row>
    <row r="545016" spans="14:14">
      <c r="N545016" s="10"/>
    </row>
    <row r="545017" spans="14:14">
      <c r="N545017" s="10"/>
    </row>
    <row r="545018" spans="14:14">
      <c r="N545018" s="10"/>
    </row>
    <row r="545019" spans="14:14">
      <c r="N545019" s="10"/>
    </row>
    <row r="545020" spans="14:14">
      <c r="N545020" s="10"/>
    </row>
    <row r="545021" spans="14:14">
      <c r="N545021" s="10"/>
    </row>
    <row r="545022" spans="14:14">
      <c r="N545022" s="10"/>
    </row>
    <row r="545023" spans="14:14">
      <c r="N545023" s="10"/>
    </row>
    <row r="545024" spans="14:14">
      <c r="N545024" s="10"/>
    </row>
    <row r="545025" spans="14:14">
      <c r="N545025" s="10"/>
    </row>
    <row r="545026" spans="14:14">
      <c r="N545026" s="10"/>
    </row>
    <row r="545027" spans="14:14">
      <c r="N545027" s="10"/>
    </row>
    <row r="545028" spans="14:14">
      <c r="N545028" s="10"/>
    </row>
    <row r="545029" spans="14:14">
      <c r="N545029" s="10"/>
    </row>
    <row r="545030" spans="14:14">
      <c r="N545030" s="10"/>
    </row>
    <row r="545031" spans="14:14">
      <c r="N545031" s="10"/>
    </row>
    <row r="545032" spans="14:14">
      <c r="N545032" s="10"/>
    </row>
    <row r="545033" spans="14:14">
      <c r="N545033" s="10"/>
    </row>
    <row r="545034" spans="14:14">
      <c r="N545034" s="10"/>
    </row>
    <row r="545035" spans="14:14">
      <c r="N545035" s="10"/>
    </row>
    <row r="545036" spans="14:14">
      <c r="N545036" s="10"/>
    </row>
    <row r="545037" spans="14:14">
      <c r="N545037" s="10"/>
    </row>
    <row r="545038" spans="14:14">
      <c r="N545038" s="10"/>
    </row>
    <row r="545039" spans="14:14">
      <c r="N545039" s="10"/>
    </row>
    <row r="545040" spans="14:14">
      <c r="N545040" s="10"/>
    </row>
    <row r="545041" spans="14:14">
      <c r="N545041" s="10"/>
    </row>
    <row r="545042" spans="14:14">
      <c r="N545042" s="10"/>
    </row>
    <row r="545043" spans="14:14">
      <c r="N545043" s="10"/>
    </row>
    <row r="545044" spans="14:14">
      <c r="N545044" s="10"/>
    </row>
    <row r="545045" spans="14:14">
      <c r="N545045" s="10"/>
    </row>
    <row r="545046" spans="14:14">
      <c r="N545046" s="10"/>
    </row>
    <row r="545047" spans="14:14">
      <c r="N545047" s="10"/>
    </row>
    <row r="545048" spans="14:14">
      <c r="N545048" s="10"/>
    </row>
    <row r="545049" spans="14:14">
      <c r="N545049" s="10"/>
    </row>
    <row r="545050" spans="14:14">
      <c r="N545050" s="10"/>
    </row>
    <row r="545051" spans="14:14">
      <c r="N545051" s="10"/>
    </row>
    <row r="545052" spans="14:14">
      <c r="N545052" s="10"/>
    </row>
    <row r="545053" spans="14:14">
      <c r="N545053" s="10"/>
    </row>
    <row r="545054" spans="14:14">
      <c r="N545054" s="10"/>
    </row>
    <row r="545055" spans="14:14">
      <c r="N545055" s="10"/>
    </row>
    <row r="545056" spans="14:14">
      <c r="N545056" s="10"/>
    </row>
    <row r="545057" spans="14:14">
      <c r="N545057" s="10"/>
    </row>
    <row r="545058" spans="14:14">
      <c r="N545058" s="10"/>
    </row>
    <row r="545059" spans="14:14">
      <c r="N545059" s="10"/>
    </row>
    <row r="545060" spans="14:14">
      <c r="N545060" s="10"/>
    </row>
    <row r="545061" spans="14:14">
      <c r="N545061" s="10"/>
    </row>
    <row r="545062" spans="14:14">
      <c r="N545062" s="10"/>
    </row>
    <row r="545063" spans="14:14">
      <c r="N545063" s="10"/>
    </row>
    <row r="545064" spans="14:14">
      <c r="N545064" s="10"/>
    </row>
    <row r="545065" spans="14:14">
      <c r="N545065" s="10"/>
    </row>
    <row r="545066" spans="14:14">
      <c r="N545066" s="10"/>
    </row>
    <row r="545067" spans="14:14">
      <c r="N545067" s="10"/>
    </row>
    <row r="545068" spans="14:14">
      <c r="N545068" s="10"/>
    </row>
    <row r="545069" spans="14:14">
      <c r="N545069" s="10"/>
    </row>
    <row r="545070" spans="14:14">
      <c r="N545070" s="10"/>
    </row>
    <row r="545071" spans="14:14">
      <c r="N545071" s="10"/>
    </row>
    <row r="545072" spans="14:14">
      <c r="N545072" s="10"/>
    </row>
    <row r="545073" spans="14:14">
      <c r="N545073" s="10"/>
    </row>
    <row r="545074" spans="14:14">
      <c r="N545074" s="10"/>
    </row>
    <row r="545075" spans="14:14">
      <c r="N545075" s="10"/>
    </row>
    <row r="545076" spans="14:14">
      <c r="N545076" s="10"/>
    </row>
    <row r="545077" spans="14:14">
      <c r="N545077" s="10"/>
    </row>
    <row r="545078" spans="14:14">
      <c r="N545078" s="10"/>
    </row>
    <row r="545079" spans="14:14">
      <c r="N545079" s="10"/>
    </row>
    <row r="545080" spans="14:14">
      <c r="N545080" s="10"/>
    </row>
    <row r="545081" spans="14:14">
      <c r="N545081" s="10"/>
    </row>
    <row r="545082" spans="14:14">
      <c r="N545082" s="10"/>
    </row>
    <row r="545083" spans="14:14">
      <c r="N545083" s="10"/>
    </row>
    <row r="545084" spans="14:14">
      <c r="N545084" s="10"/>
    </row>
    <row r="545085" spans="14:14">
      <c r="N545085" s="10"/>
    </row>
    <row r="545086" spans="14:14">
      <c r="N545086" s="10"/>
    </row>
    <row r="545087" spans="14:14">
      <c r="N545087" s="10"/>
    </row>
    <row r="545088" spans="14:14">
      <c r="N545088" s="10"/>
    </row>
    <row r="545089" spans="14:14">
      <c r="N545089" s="10"/>
    </row>
    <row r="545090" spans="14:14">
      <c r="N545090" s="10"/>
    </row>
    <row r="545091" spans="14:14">
      <c r="N545091" s="10"/>
    </row>
    <row r="545092" spans="14:14">
      <c r="N545092" s="10"/>
    </row>
    <row r="545093" spans="14:14">
      <c r="N545093" s="10"/>
    </row>
    <row r="545094" spans="14:14">
      <c r="N545094" s="10"/>
    </row>
    <row r="545095" spans="14:14">
      <c r="N545095" s="10"/>
    </row>
    <row r="545096" spans="14:14">
      <c r="N545096" s="10"/>
    </row>
    <row r="545097" spans="14:14">
      <c r="N545097" s="10"/>
    </row>
    <row r="545098" spans="14:14">
      <c r="N545098" s="10"/>
    </row>
    <row r="545099" spans="14:14">
      <c r="N545099" s="10"/>
    </row>
    <row r="545100" spans="14:14">
      <c r="N545100" s="10"/>
    </row>
    <row r="545101" spans="14:14">
      <c r="N545101" s="10"/>
    </row>
    <row r="545102" spans="14:14">
      <c r="N545102" s="10"/>
    </row>
    <row r="545103" spans="14:14">
      <c r="N545103" s="10"/>
    </row>
    <row r="545104" spans="14:14">
      <c r="N545104" s="10"/>
    </row>
    <row r="545105" spans="14:14">
      <c r="N545105" s="10"/>
    </row>
    <row r="545106" spans="14:14">
      <c r="N545106" s="10"/>
    </row>
    <row r="545107" spans="14:14">
      <c r="N545107" s="10"/>
    </row>
    <row r="545108" spans="14:14">
      <c r="N545108" s="10"/>
    </row>
    <row r="545109" spans="14:14">
      <c r="N545109" s="10"/>
    </row>
    <row r="545110" spans="14:14">
      <c r="N545110" s="10"/>
    </row>
    <row r="545111" spans="14:14">
      <c r="N545111" s="10"/>
    </row>
    <row r="545112" spans="14:14">
      <c r="N545112" s="10"/>
    </row>
    <row r="545113" spans="14:14">
      <c r="N545113" s="10"/>
    </row>
    <row r="545114" spans="14:14">
      <c r="N545114" s="10"/>
    </row>
    <row r="545115" spans="14:14">
      <c r="N545115" s="10"/>
    </row>
    <row r="545116" spans="14:14">
      <c r="N545116" s="10"/>
    </row>
    <row r="545117" spans="14:14">
      <c r="N545117" s="10"/>
    </row>
    <row r="545118" spans="14:14">
      <c r="N545118" s="10"/>
    </row>
    <row r="545119" spans="14:14">
      <c r="N545119" s="10"/>
    </row>
    <row r="545120" spans="14:14">
      <c r="N545120" s="10"/>
    </row>
    <row r="545121" spans="14:14">
      <c r="N545121" s="10"/>
    </row>
    <row r="545122" spans="14:14">
      <c r="N545122" s="10"/>
    </row>
    <row r="545123" spans="14:14">
      <c r="N545123" s="10"/>
    </row>
    <row r="545124" spans="14:14">
      <c r="N545124" s="10"/>
    </row>
    <row r="545125" spans="14:14">
      <c r="N545125" s="10"/>
    </row>
    <row r="545126" spans="14:14">
      <c r="N545126" s="10"/>
    </row>
    <row r="545127" spans="14:14">
      <c r="N545127" s="10"/>
    </row>
    <row r="545128" spans="14:14">
      <c r="N545128" s="10"/>
    </row>
    <row r="545129" spans="14:14">
      <c r="N545129" s="10"/>
    </row>
    <row r="545130" spans="14:14">
      <c r="N545130" s="10"/>
    </row>
    <row r="545131" spans="14:14">
      <c r="N545131" s="10"/>
    </row>
    <row r="545132" spans="14:14">
      <c r="N545132" s="10"/>
    </row>
    <row r="545133" spans="14:14">
      <c r="N545133" s="10"/>
    </row>
    <row r="545134" spans="14:14">
      <c r="N545134" s="10"/>
    </row>
    <row r="545135" spans="14:14">
      <c r="N545135" s="10"/>
    </row>
    <row r="545136" spans="14:14">
      <c r="N545136" s="10"/>
    </row>
    <row r="545137" spans="14:14">
      <c r="N545137" s="10"/>
    </row>
    <row r="545138" spans="14:14">
      <c r="N545138" s="10"/>
    </row>
    <row r="545139" spans="14:14">
      <c r="N545139" s="10"/>
    </row>
    <row r="545140" spans="14:14">
      <c r="N545140" s="10"/>
    </row>
    <row r="545141" spans="14:14">
      <c r="N545141" s="10"/>
    </row>
    <row r="545142" spans="14:14">
      <c r="N545142" s="10"/>
    </row>
    <row r="545143" spans="14:14">
      <c r="N545143" s="10"/>
    </row>
    <row r="545144" spans="14:14">
      <c r="N545144" s="10"/>
    </row>
    <row r="545145" spans="14:14">
      <c r="N545145" s="10"/>
    </row>
    <row r="545146" spans="14:14">
      <c r="N545146" s="10"/>
    </row>
    <row r="545147" spans="14:14">
      <c r="N545147" s="10"/>
    </row>
    <row r="545148" spans="14:14">
      <c r="N545148" s="10"/>
    </row>
    <row r="545149" spans="14:14">
      <c r="N545149" s="10"/>
    </row>
    <row r="545150" spans="14:14">
      <c r="N545150" s="10"/>
    </row>
    <row r="545151" spans="14:14">
      <c r="N545151" s="10"/>
    </row>
    <row r="545152" spans="14:14">
      <c r="N545152" s="10"/>
    </row>
    <row r="545153" spans="14:14">
      <c r="N545153" s="10"/>
    </row>
    <row r="545154" spans="14:14">
      <c r="N545154" s="10"/>
    </row>
    <row r="545155" spans="14:14">
      <c r="N545155" s="10"/>
    </row>
    <row r="545156" spans="14:14">
      <c r="N545156" s="10"/>
    </row>
    <row r="545157" spans="14:14">
      <c r="N545157" s="10"/>
    </row>
    <row r="545158" spans="14:14">
      <c r="N545158" s="10"/>
    </row>
    <row r="545159" spans="14:14">
      <c r="N545159" s="10"/>
    </row>
    <row r="545160" spans="14:14">
      <c r="N545160" s="10"/>
    </row>
    <row r="545161" spans="14:14">
      <c r="N545161" s="10"/>
    </row>
    <row r="545162" spans="14:14">
      <c r="N545162" s="10"/>
    </row>
    <row r="545163" spans="14:14">
      <c r="N545163" s="10"/>
    </row>
    <row r="545164" spans="14:14">
      <c r="N545164" s="10"/>
    </row>
    <row r="545165" spans="14:14">
      <c r="N545165" s="10"/>
    </row>
    <row r="545166" spans="14:14">
      <c r="N545166" s="10"/>
    </row>
    <row r="545167" spans="14:14">
      <c r="N545167" s="10"/>
    </row>
    <row r="545168" spans="14:14">
      <c r="N545168" s="10"/>
    </row>
    <row r="545169" spans="14:14">
      <c r="N545169" s="10"/>
    </row>
    <row r="545170" spans="14:14">
      <c r="N545170" s="10"/>
    </row>
    <row r="545171" spans="14:14">
      <c r="N545171" s="10"/>
    </row>
    <row r="545172" spans="14:14">
      <c r="N545172" s="10"/>
    </row>
    <row r="545173" spans="14:14">
      <c r="N545173" s="10"/>
    </row>
    <row r="545174" spans="14:14">
      <c r="N545174" s="10"/>
    </row>
    <row r="545175" spans="14:14">
      <c r="N545175" s="10"/>
    </row>
    <row r="545176" spans="14:14">
      <c r="N545176" s="10"/>
    </row>
    <row r="545177" spans="14:14">
      <c r="N545177" s="10"/>
    </row>
    <row r="545178" spans="14:14">
      <c r="N545178" s="10"/>
    </row>
    <row r="545179" spans="14:14">
      <c r="N545179" s="10"/>
    </row>
    <row r="545180" spans="14:14">
      <c r="N545180" s="10"/>
    </row>
    <row r="545181" spans="14:14">
      <c r="N545181" s="10"/>
    </row>
    <row r="545182" spans="14:14">
      <c r="N545182" s="10"/>
    </row>
    <row r="545183" spans="14:14">
      <c r="N545183" s="10"/>
    </row>
    <row r="545184" spans="14:14">
      <c r="N545184" s="10"/>
    </row>
    <row r="545185" spans="14:14">
      <c r="N545185" s="10"/>
    </row>
    <row r="545186" spans="14:14">
      <c r="N545186" s="10"/>
    </row>
    <row r="545187" spans="14:14">
      <c r="N545187" s="10"/>
    </row>
    <row r="545188" spans="14:14">
      <c r="N545188" s="10"/>
    </row>
    <row r="545189" spans="14:14">
      <c r="N545189" s="10"/>
    </row>
    <row r="545190" spans="14:14">
      <c r="N545190" s="10"/>
    </row>
    <row r="545191" spans="14:14">
      <c r="N545191" s="10"/>
    </row>
    <row r="545192" spans="14:14">
      <c r="N545192" s="10"/>
    </row>
    <row r="545193" spans="14:14">
      <c r="N545193" s="10"/>
    </row>
    <row r="545194" spans="14:14">
      <c r="N545194" s="10"/>
    </row>
    <row r="545195" spans="14:14">
      <c r="N545195" s="10"/>
    </row>
    <row r="545196" spans="14:14">
      <c r="N545196" s="10"/>
    </row>
    <row r="545197" spans="14:14">
      <c r="N545197" s="10"/>
    </row>
    <row r="545198" spans="14:14">
      <c r="N545198" s="10"/>
    </row>
    <row r="545199" spans="14:14">
      <c r="N545199" s="10"/>
    </row>
    <row r="545200" spans="14:14">
      <c r="N545200" s="10"/>
    </row>
    <row r="545201" spans="14:14">
      <c r="N545201" s="10"/>
    </row>
    <row r="545202" spans="14:14">
      <c r="N545202" s="10"/>
    </row>
    <row r="545203" spans="14:14">
      <c r="N545203" s="10"/>
    </row>
    <row r="545204" spans="14:14">
      <c r="N545204" s="10"/>
    </row>
    <row r="545205" spans="14:14">
      <c r="N545205" s="10"/>
    </row>
    <row r="545206" spans="14:14">
      <c r="N545206" s="10"/>
    </row>
    <row r="545207" spans="14:14">
      <c r="N545207" s="10"/>
    </row>
    <row r="545208" spans="14:14">
      <c r="N545208" s="10"/>
    </row>
    <row r="545209" spans="14:14">
      <c r="N545209" s="10"/>
    </row>
    <row r="545210" spans="14:14">
      <c r="N545210" s="10"/>
    </row>
    <row r="545211" spans="14:14">
      <c r="N545211" s="10"/>
    </row>
    <row r="545212" spans="14:14">
      <c r="N545212" s="10"/>
    </row>
    <row r="545213" spans="14:14">
      <c r="N545213" s="10"/>
    </row>
    <row r="545214" spans="14:14">
      <c r="N545214" s="10"/>
    </row>
    <row r="545215" spans="14:14">
      <c r="N545215" s="10"/>
    </row>
    <row r="545216" spans="14:14">
      <c r="N545216" s="10"/>
    </row>
    <row r="545217" spans="14:14">
      <c r="N545217" s="10"/>
    </row>
    <row r="545218" spans="14:14">
      <c r="N545218" s="10"/>
    </row>
    <row r="545219" spans="14:14">
      <c r="N545219" s="10"/>
    </row>
    <row r="545220" spans="14:14">
      <c r="N545220" s="10"/>
    </row>
    <row r="545221" spans="14:14">
      <c r="N545221" s="10"/>
    </row>
    <row r="545222" spans="14:14">
      <c r="N545222" s="10"/>
    </row>
    <row r="545223" spans="14:14">
      <c r="N545223" s="10"/>
    </row>
    <row r="545224" spans="14:14">
      <c r="N545224" s="10"/>
    </row>
    <row r="545225" spans="14:14">
      <c r="N545225" s="10"/>
    </row>
    <row r="545226" spans="14:14">
      <c r="N545226" s="10"/>
    </row>
    <row r="545227" spans="14:14">
      <c r="N545227" s="10"/>
    </row>
    <row r="545228" spans="14:14">
      <c r="N545228" s="10"/>
    </row>
    <row r="545229" spans="14:14">
      <c r="N545229" s="10"/>
    </row>
    <row r="545230" spans="14:14">
      <c r="N545230" s="10"/>
    </row>
    <row r="545231" spans="14:14">
      <c r="N545231" s="10"/>
    </row>
    <row r="545232" spans="14:14">
      <c r="N545232" s="10"/>
    </row>
    <row r="545233" spans="14:14">
      <c r="N545233" s="10"/>
    </row>
    <row r="545234" spans="14:14">
      <c r="N545234" s="10"/>
    </row>
    <row r="545235" spans="14:14">
      <c r="N545235" s="10"/>
    </row>
    <row r="545236" spans="14:14">
      <c r="N545236" s="10"/>
    </row>
    <row r="545237" spans="14:14">
      <c r="N545237" s="10"/>
    </row>
    <row r="545238" spans="14:14">
      <c r="N545238" s="10"/>
    </row>
    <row r="545239" spans="14:14">
      <c r="N545239" s="10"/>
    </row>
    <row r="545240" spans="14:14">
      <c r="N545240" s="10"/>
    </row>
    <row r="545241" spans="14:14">
      <c r="N545241" s="10"/>
    </row>
    <row r="545242" spans="14:14">
      <c r="N545242" s="10"/>
    </row>
    <row r="545243" spans="14:14">
      <c r="N545243" s="10"/>
    </row>
    <row r="545244" spans="14:14">
      <c r="N545244" s="10"/>
    </row>
    <row r="545245" spans="14:14">
      <c r="N545245" s="10"/>
    </row>
    <row r="545246" spans="14:14">
      <c r="N545246" s="10"/>
    </row>
    <row r="545247" spans="14:14">
      <c r="N545247" s="10"/>
    </row>
    <row r="545248" spans="14:14">
      <c r="N545248" s="10"/>
    </row>
    <row r="545249" spans="14:14">
      <c r="N545249" s="10"/>
    </row>
    <row r="545250" spans="14:14">
      <c r="N545250" s="10"/>
    </row>
    <row r="545251" spans="14:14">
      <c r="N545251" s="10"/>
    </row>
    <row r="545252" spans="14:14">
      <c r="N545252" s="10"/>
    </row>
    <row r="545253" spans="14:14">
      <c r="N545253" s="10"/>
    </row>
    <row r="545254" spans="14:14">
      <c r="N545254" s="10"/>
    </row>
    <row r="545255" spans="14:14">
      <c r="N545255" s="10"/>
    </row>
    <row r="545256" spans="14:14">
      <c r="N545256" s="10"/>
    </row>
    <row r="545257" spans="14:14">
      <c r="N545257" s="10"/>
    </row>
    <row r="545258" spans="14:14">
      <c r="N545258" s="10"/>
    </row>
    <row r="545259" spans="14:14">
      <c r="N545259" s="10"/>
    </row>
    <row r="545260" spans="14:14">
      <c r="N545260" s="10"/>
    </row>
    <row r="545261" spans="14:14">
      <c r="N545261" s="10"/>
    </row>
    <row r="545262" spans="14:14">
      <c r="N545262" s="10"/>
    </row>
    <row r="545263" spans="14:14">
      <c r="N545263" s="10"/>
    </row>
    <row r="545264" spans="14:14">
      <c r="N545264" s="10"/>
    </row>
    <row r="545265" spans="14:14">
      <c r="N545265" s="10"/>
    </row>
    <row r="545266" spans="14:14">
      <c r="N545266" s="10"/>
    </row>
    <row r="545267" spans="14:14">
      <c r="N545267" s="10"/>
    </row>
    <row r="545268" spans="14:14">
      <c r="N545268" s="10"/>
    </row>
    <row r="545269" spans="14:14">
      <c r="N545269" s="10"/>
    </row>
    <row r="545270" spans="14:14">
      <c r="N545270" s="10"/>
    </row>
    <row r="545271" spans="14:14">
      <c r="N545271" s="10"/>
    </row>
    <row r="545272" spans="14:14">
      <c r="N545272" s="10"/>
    </row>
    <row r="545273" spans="14:14">
      <c r="N545273" s="10"/>
    </row>
    <row r="545274" spans="14:14">
      <c r="N545274" s="10"/>
    </row>
    <row r="545275" spans="14:14">
      <c r="N545275" s="10"/>
    </row>
    <row r="545276" spans="14:14">
      <c r="N545276" s="10"/>
    </row>
    <row r="545277" spans="14:14">
      <c r="N545277" s="10"/>
    </row>
    <row r="545278" spans="14:14">
      <c r="N545278" s="10"/>
    </row>
    <row r="545279" spans="14:14">
      <c r="N545279" s="10"/>
    </row>
    <row r="545280" spans="14:14">
      <c r="N545280" s="10"/>
    </row>
    <row r="545281" spans="14:14">
      <c r="N545281" s="10"/>
    </row>
    <row r="545282" spans="14:14">
      <c r="N545282" s="10"/>
    </row>
    <row r="545283" spans="14:14">
      <c r="N545283" s="10"/>
    </row>
    <row r="545284" spans="14:14">
      <c r="N545284" s="10"/>
    </row>
    <row r="545285" spans="14:14">
      <c r="N545285" s="10"/>
    </row>
    <row r="545286" spans="14:14">
      <c r="N545286" s="10"/>
    </row>
    <row r="545287" spans="14:14">
      <c r="N545287" s="10"/>
    </row>
    <row r="545288" spans="14:14">
      <c r="N545288" s="10"/>
    </row>
    <row r="545289" spans="14:14">
      <c r="N545289" s="10"/>
    </row>
    <row r="545290" spans="14:14">
      <c r="N545290" s="10"/>
    </row>
    <row r="545291" spans="14:14">
      <c r="N545291" s="10"/>
    </row>
    <row r="545292" spans="14:14">
      <c r="N545292" s="10"/>
    </row>
    <row r="545293" spans="14:14">
      <c r="N545293" s="10"/>
    </row>
    <row r="545294" spans="14:14">
      <c r="N545294" s="10"/>
    </row>
    <row r="545295" spans="14:14">
      <c r="N545295" s="10"/>
    </row>
    <row r="545296" spans="14:14">
      <c r="N545296" s="10"/>
    </row>
    <row r="545297" spans="14:14">
      <c r="N545297" s="10"/>
    </row>
    <row r="545298" spans="14:14">
      <c r="N545298" s="10"/>
    </row>
    <row r="545299" spans="14:14">
      <c r="N545299" s="10"/>
    </row>
    <row r="545300" spans="14:14">
      <c r="N545300" s="10"/>
    </row>
    <row r="545301" spans="14:14">
      <c r="N545301" s="10"/>
    </row>
    <row r="545302" spans="14:14">
      <c r="N545302" s="10"/>
    </row>
    <row r="545303" spans="14:14">
      <c r="N545303" s="10"/>
    </row>
    <row r="545304" spans="14:14">
      <c r="N545304" s="10"/>
    </row>
    <row r="545305" spans="14:14">
      <c r="N545305" s="10"/>
    </row>
    <row r="545306" spans="14:14">
      <c r="N545306" s="10"/>
    </row>
    <row r="545307" spans="14:14">
      <c r="N545307" s="10"/>
    </row>
    <row r="545308" spans="14:14">
      <c r="N545308" s="10"/>
    </row>
    <row r="545309" spans="14:14">
      <c r="N545309" s="10"/>
    </row>
    <row r="545310" spans="14:14">
      <c r="N545310" s="10"/>
    </row>
    <row r="545311" spans="14:14">
      <c r="N545311" s="10"/>
    </row>
    <row r="545312" spans="14:14">
      <c r="N545312" s="10"/>
    </row>
    <row r="545313" spans="14:14">
      <c r="N545313" s="10"/>
    </row>
    <row r="545314" spans="14:14">
      <c r="N545314" s="10"/>
    </row>
    <row r="545315" spans="14:14">
      <c r="N545315" s="10"/>
    </row>
    <row r="545316" spans="14:14">
      <c r="N545316" s="10"/>
    </row>
    <row r="545317" spans="14:14">
      <c r="N545317" s="10"/>
    </row>
    <row r="545318" spans="14:14">
      <c r="N545318" s="10"/>
    </row>
    <row r="545319" spans="14:14">
      <c r="N545319" s="10"/>
    </row>
    <row r="545320" spans="14:14">
      <c r="N545320" s="10"/>
    </row>
    <row r="545321" spans="14:14">
      <c r="N545321" s="10"/>
    </row>
    <row r="545322" spans="14:14">
      <c r="N545322" s="10"/>
    </row>
    <row r="545323" spans="14:14">
      <c r="N545323" s="10"/>
    </row>
    <row r="545324" spans="14:14">
      <c r="N545324" s="10"/>
    </row>
    <row r="545325" spans="14:14">
      <c r="N545325" s="10"/>
    </row>
    <row r="545326" spans="14:14">
      <c r="N545326" s="10"/>
    </row>
    <row r="545327" spans="14:14">
      <c r="N545327" s="10"/>
    </row>
    <row r="545328" spans="14:14">
      <c r="N545328" s="10"/>
    </row>
    <row r="545329" spans="14:14">
      <c r="N545329" s="10"/>
    </row>
    <row r="545330" spans="14:14">
      <c r="N545330" s="10"/>
    </row>
    <row r="545331" spans="14:14">
      <c r="N545331" s="10"/>
    </row>
    <row r="545332" spans="14:14">
      <c r="N545332" s="10"/>
    </row>
    <row r="545333" spans="14:14">
      <c r="N545333" s="10"/>
    </row>
    <row r="545334" spans="14:14">
      <c r="N545334" s="10"/>
    </row>
    <row r="545335" spans="14:14">
      <c r="N545335" s="10"/>
    </row>
    <row r="545336" spans="14:14">
      <c r="N545336" s="10"/>
    </row>
    <row r="545337" spans="14:14">
      <c r="N545337" s="10"/>
    </row>
    <row r="545338" spans="14:14">
      <c r="N545338" s="10"/>
    </row>
    <row r="545339" spans="14:14">
      <c r="N545339" s="10"/>
    </row>
    <row r="545340" spans="14:14">
      <c r="N545340" s="10"/>
    </row>
    <row r="545341" spans="14:14">
      <c r="N545341" s="10"/>
    </row>
    <row r="545342" spans="14:14">
      <c r="N545342" s="10"/>
    </row>
    <row r="545343" spans="14:14">
      <c r="N545343" s="10"/>
    </row>
    <row r="545344" spans="14:14">
      <c r="N545344" s="10"/>
    </row>
    <row r="545345" spans="14:14">
      <c r="N545345" s="10"/>
    </row>
    <row r="545346" spans="14:14">
      <c r="N545346" s="10"/>
    </row>
    <row r="545347" spans="14:14">
      <c r="N545347" s="10"/>
    </row>
    <row r="545348" spans="14:14">
      <c r="N545348" s="10"/>
    </row>
    <row r="545349" spans="14:14">
      <c r="N545349" s="10"/>
    </row>
    <row r="545350" spans="14:14">
      <c r="N545350" s="10"/>
    </row>
    <row r="545351" spans="14:14">
      <c r="N545351" s="10"/>
    </row>
    <row r="545352" spans="14:14">
      <c r="N545352" s="10"/>
    </row>
    <row r="545353" spans="14:14">
      <c r="N545353" s="10"/>
    </row>
    <row r="545354" spans="14:14">
      <c r="N545354" s="10"/>
    </row>
    <row r="545355" spans="14:14">
      <c r="N545355" s="10"/>
    </row>
    <row r="545356" spans="14:14">
      <c r="N545356" s="10"/>
    </row>
    <row r="545357" spans="14:14">
      <c r="N545357" s="10"/>
    </row>
    <row r="545358" spans="14:14">
      <c r="N545358" s="10"/>
    </row>
    <row r="545359" spans="14:14">
      <c r="N545359" s="10"/>
    </row>
    <row r="545360" spans="14:14">
      <c r="N545360" s="10"/>
    </row>
    <row r="545361" spans="14:14">
      <c r="N545361" s="10"/>
    </row>
    <row r="545362" spans="14:14">
      <c r="N545362" s="10"/>
    </row>
    <row r="545363" spans="14:14">
      <c r="N545363" s="10"/>
    </row>
    <row r="545364" spans="14:14">
      <c r="N545364" s="10"/>
    </row>
    <row r="545365" spans="14:14">
      <c r="N545365" s="10"/>
    </row>
    <row r="545366" spans="14:14">
      <c r="N545366" s="10"/>
    </row>
    <row r="545367" spans="14:14">
      <c r="N545367" s="10"/>
    </row>
    <row r="545368" spans="14:14">
      <c r="N545368" s="10"/>
    </row>
    <row r="545369" spans="14:14">
      <c r="N545369" s="10"/>
    </row>
    <row r="545370" spans="14:14">
      <c r="N545370" s="10"/>
    </row>
    <row r="545371" spans="14:14">
      <c r="N545371" s="10"/>
    </row>
    <row r="545372" spans="14:14">
      <c r="N545372" s="10"/>
    </row>
    <row r="545373" spans="14:14">
      <c r="N545373" s="10"/>
    </row>
    <row r="545374" spans="14:14">
      <c r="N545374" s="10"/>
    </row>
    <row r="545375" spans="14:14">
      <c r="N545375" s="10"/>
    </row>
    <row r="545376" spans="14:14">
      <c r="N545376" s="10"/>
    </row>
    <row r="545377" spans="14:14">
      <c r="N545377" s="10"/>
    </row>
    <row r="545378" spans="14:14">
      <c r="N545378" s="10"/>
    </row>
    <row r="545379" spans="14:14">
      <c r="N545379" s="10"/>
    </row>
    <row r="545380" spans="14:14">
      <c r="N545380" s="10"/>
    </row>
    <row r="545381" spans="14:14">
      <c r="N545381" s="10"/>
    </row>
    <row r="545382" spans="14:14">
      <c r="N545382" s="10"/>
    </row>
    <row r="545383" spans="14:14">
      <c r="N545383" s="10"/>
    </row>
    <row r="545384" spans="14:14">
      <c r="N545384" s="10"/>
    </row>
    <row r="545385" spans="14:14">
      <c r="N545385" s="10"/>
    </row>
    <row r="545386" spans="14:14">
      <c r="N545386" s="10"/>
    </row>
    <row r="545387" spans="14:14">
      <c r="N545387" s="10"/>
    </row>
    <row r="545388" spans="14:14">
      <c r="N545388" s="10"/>
    </row>
    <row r="545389" spans="14:14">
      <c r="N545389" s="10"/>
    </row>
    <row r="545390" spans="14:14">
      <c r="N545390" s="10"/>
    </row>
    <row r="545391" spans="14:14">
      <c r="N545391" s="10"/>
    </row>
    <row r="545392" spans="14:14">
      <c r="N545392" s="10"/>
    </row>
    <row r="545393" spans="14:14">
      <c r="N545393" s="10"/>
    </row>
    <row r="545394" spans="14:14">
      <c r="N545394" s="10"/>
    </row>
    <row r="545395" spans="14:14">
      <c r="N545395" s="10"/>
    </row>
    <row r="545396" spans="14:14">
      <c r="N545396" s="10"/>
    </row>
    <row r="545397" spans="14:14">
      <c r="N545397" s="10"/>
    </row>
    <row r="545398" spans="14:14">
      <c r="N545398" s="10"/>
    </row>
    <row r="545399" spans="14:14">
      <c r="N545399" s="10"/>
    </row>
    <row r="545400" spans="14:14">
      <c r="N545400" s="10"/>
    </row>
    <row r="545401" spans="14:14">
      <c r="N545401" s="10"/>
    </row>
    <row r="545402" spans="14:14">
      <c r="N545402" s="10"/>
    </row>
    <row r="545403" spans="14:14">
      <c r="N545403" s="10"/>
    </row>
    <row r="545404" spans="14:14">
      <c r="N545404" s="10"/>
    </row>
    <row r="545405" spans="14:14">
      <c r="N545405" s="10"/>
    </row>
    <row r="545406" spans="14:14">
      <c r="N545406" s="10"/>
    </row>
    <row r="545407" spans="14:14">
      <c r="N545407" s="10"/>
    </row>
    <row r="545408" spans="14:14">
      <c r="N545408" s="10"/>
    </row>
    <row r="545409" spans="14:14">
      <c r="N545409" s="10"/>
    </row>
    <row r="545410" spans="14:14">
      <c r="N545410" s="10"/>
    </row>
    <row r="545411" spans="14:14">
      <c r="N545411" s="10"/>
    </row>
    <row r="545412" spans="14:14">
      <c r="N545412" s="10"/>
    </row>
    <row r="545413" spans="14:14">
      <c r="N545413" s="10"/>
    </row>
    <row r="545414" spans="14:14">
      <c r="N545414" s="10"/>
    </row>
    <row r="545415" spans="14:14">
      <c r="N545415" s="10"/>
    </row>
    <row r="545416" spans="14:14">
      <c r="N545416" s="10"/>
    </row>
    <row r="545417" spans="14:14">
      <c r="N545417" s="10"/>
    </row>
    <row r="545418" spans="14:14">
      <c r="N545418" s="10"/>
    </row>
    <row r="545419" spans="14:14">
      <c r="N545419" s="10"/>
    </row>
    <row r="545420" spans="14:14">
      <c r="N545420" s="10"/>
    </row>
    <row r="545421" spans="14:14">
      <c r="N545421" s="10"/>
    </row>
    <row r="545422" spans="14:14">
      <c r="N545422" s="10"/>
    </row>
    <row r="545423" spans="14:14">
      <c r="N545423" s="10"/>
    </row>
    <row r="545424" spans="14:14">
      <c r="N545424" s="10"/>
    </row>
    <row r="545425" spans="14:14">
      <c r="N545425" s="10"/>
    </row>
    <row r="545426" spans="14:14">
      <c r="N545426" s="10"/>
    </row>
    <row r="545427" spans="14:14">
      <c r="N545427" s="10"/>
    </row>
    <row r="545428" spans="14:14">
      <c r="N545428" s="10"/>
    </row>
    <row r="545429" spans="14:14">
      <c r="N545429" s="10"/>
    </row>
    <row r="545430" spans="14:14">
      <c r="N545430" s="10"/>
    </row>
    <row r="545431" spans="14:14">
      <c r="N545431" s="10"/>
    </row>
    <row r="545432" spans="14:14">
      <c r="N545432" s="10"/>
    </row>
    <row r="545433" spans="14:14">
      <c r="N545433" s="10"/>
    </row>
    <row r="545434" spans="14:14">
      <c r="N545434" s="10"/>
    </row>
    <row r="545435" spans="14:14">
      <c r="N545435" s="10"/>
    </row>
    <row r="545436" spans="14:14">
      <c r="N545436" s="10"/>
    </row>
    <row r="545437" spans="14:14">
      <c r="N545437" s="10"/>
    </row>
    <row r="545438" spans="14:14">
      <c r="N545438" s="10"/>
    </row>
    <row r="545439" spans="14:14">
      <c r="N545439" s="10"/>
    </row>
    <row r="545440" spans="14:14">
      <c r="N545440" s="10"/>
    </row>
    <row r="545441" spans="14:14">
      <c r="N545441" s="10"/>
    </row>
    <row r="545442" spans="14:14">
      <c r="N545442" s="10"/>
    </row>
    <row r="545443" spans="14:14">
      <c r="N545443" s="10"/>
    </row>
    <row r="545444" spans="14:14">
      <c r="N545444" s="10"/>
    </row>
    <row r="545445" spans="14:14">
      <c r="N545445" s="10"/>
    </row>
    <row r="545446" spans="14:14">
      <c r="N545446" s="10"/>
    </row>
    <row r="545447" spans="14:14">
      <c r="N545447" s="10"/>
    </row>
    <row r="545448" spans="14:14">
      <c r="N545448" s="10"/>
    </row>
    <row r="545449" spans="14:14">
      <c r="N545449" s="10"/>
    </row>
    <row r="545450" spans="14:14">
      <c r="N545450" s="10"/>
    </row>
    <row r="545451" spans="14:14">
      <c r="N545451" s="10"/>
    </row>
    <row r="545452" spans="14:14">
      <c r="N545452" s="10"/>
    </row>
    <row r="545453" spans="14:14">
      <c r="N545453" s="10"/>
    </row>
    <row r="545454" spans="14:14">
      <c r="N545454" s="10"/>
    </row>
    <row r="545455" spans="14:14">
      <c r="N545455" s="10"/>
    </row>
    <row r="545456" spans="14:14">
      <c r="N545456" s="10"/>
    </row>
    <row r="545457" spans="14:14">
      <c r="N545457" s="10"/>
    </row>
    <row r="545458" spans="14:14">
      <c r="N545458" s="10"/>
    </row>
    <row r="545459" spans="14:14">
      <c r="N545459" s="10"/>
    </row>
    <row r="545460" spans="14:14">
      <c r="N545460" s="10"/>
    </row>
    <row r="545461" spans="14:14">
      <c r="N545461" s="10"/>
    </row>
    <row r="545462" spans="14:14">
      <c r="N545462" s="10"/>
    </row>
    <row r="545463" spans="14:14">
      <c r="N545463" s="10"/>
    </row>
    <row r="545464" spans="14:14">
      <c r="N545464" s="10"/>
    </row>
    <row r="545465" spans="14:14">
      <c r="N545465" s="10"/>
    </row>
    <row r="545466" spans="14:14">
      <c r="N545466" s="10"/>
    </row>
    <row r="545467" spans="14:14">
      <c r="N545467" s="10"/>
    </row>
    <row r="545468" spans="14:14">
      <c r="N545468" s="10"/>
    </row>
    <row r="545469" spans="14:14">
      <c r="N545469" s="10"/>
    </row>
    <row r="545470" spans="14:14">
      <c r="N545470" s="10"/>
    </row>
    <row r="545471" spans="14:14">
      <c r="N545471" s="10"/>
    </row>
    <row r="545472" spans="14:14">
      <c r="N545472" s="10"/>
    </row>
    <row r="545473" spans="14:14">
      <c r="N545473" s="10"/>
    </row>
    <row r="545474" spans="14:14">
      <c r="N545474" s="10"/>
    </row>
    <row r="545475" spans="14:14">
      <c r="N545475" s="10"/>
    </row>
    <row r="545476" spans="14:14">
      <c r="N545476" s="10"/>
    </row>
    <row r="545477" spans="14:14">
      <c r="N545477" s="10"/>
    </row>
    <row r="545478" spans="14:14">
      <c r="N545478" s="10"/>
    </row>
    <row r="545479" spans="14:14">
      <c r="N545479" s="10"/>
    </row>
    <row r="545480" spans="14:14">
      <c r="N545480" s="10"/>
    </row>
    <row r="545481" spans="14:14">
      <c r="N545481" s="10"/>
    </row>
    <row r="545482" spans="14:14">
      <c r="N545482" s="10"/>
    </row>
    <row r="545483" spans="14:14">
      <c r="N545483" s="10"/>
    </row>
    <row r="545484" spans="14:14">
      <c r="N545484" s="10"/>
    </row>
    <row r="545485" spans="14:14">
      <c r="N545485" s="10"/>
    </row>
    <row r="545486" spans="14:14">
      <c r="N545486" s="10"/>
    </row>
    <row r="545487" spans="14:14">
      <c r="N545487" s="10"/>
    </row>
    <row r="545488" spans="14:14">
      <c r="N545488" s="10"/>
    </row>
    <row r="545489" spans="14:14">
      <c r="N545489" s="10"/>
    </row>
    <row r="545490" spans="14:14">
      <c r="N545490" s="10"/>
    </row>
    <row r="545491" spans="14:14">
      <c r="N545491" s="10"/>
    </row>
    <row r="545492" spans="14:14">
      <c r="N545492" s="10"/>
    </row>
    <row r="545493" spans="14:14">
      <c r="N545493" s="10"/>
    </row>
    <row r="545494" spans="14:14">
      <c r="N545494" s="10"/>
    </row>
    <row r="545495" spans="14:14">
      <c r="N545495" s="10"/>
    </row>
    <row r="545496" spans="14:14">
      <c r="N545496" s="10"/>
    </row>
    <row r="545497" spans="14:14">
      <c r="N545497" s="10"/>
    </row>
    <row r="545498" spans="14:14">
      <c r="N545498" s="10"/>
    </row>
    <row r="545499" spans="14:14">
      <c r="N545499" s="10"/>
    </row>
    <row r="545500" spans="14:14">
      <c r="N545500" s="10"/>
    </row>
    <row r="545501" spans="14:14">
      <c r="N545501" s="10"/>
    </row>
    <row r="545502" spans="14:14">
      <c r="N545502" s="10"/>
    </row>
    <row r="545503" spans="14:14">
      <c r="N545503" s="10"/>
    </row>
    <row r="545504" spans="14:14">
      <c r="N545504" s="10"/>
    </row>
    <row r="545505" spans="14:14">
      <c r="N545505" s="10"/>
    </row>
    <row r="545506" spans="14:14">
      <c r="N545506" s="10"/>
    </row>
    <row r="545507" spans="14:14">
      <c r="N545507" s="10"/>
    </row>
    <row r="545508" spans="14:14">
      <c r="N545508" s="10"/>
    </row>
    <row r="545509" spans="14:14">
      <c r="N545509" s="10"/>
    </row>
    <row r="545510" spans="14:14">
      <c r="N545510" s="10"/>
    </row>
    <row r="545511" spans="14:14">
      <c r="N545511" s="10"/>
    </row>
    <row r="545512" spans="14:14">
      <c r="N545512" s="10"/>
    </row>
    <row r="545513" spans="14:14">
      <c r="N545513" s="10"/>
    </row>
    <row r="545514" spans="14:14">
      <c r="N545514" s="10"/>
    </row>
    <row r="545515" spans="14:14">
      <c r="N545515" s="10"/>
    </row>
    <row r="545516" spans="14:14">
      <c r="N545516" s="10"/>
    </row>
    <row r="545517" spans="14:14">
      <c r="N545517" s="10"/>
    </row>
    <row r="545518" spans="14:14">
      <c r="N545518" s="10"/>
    </row>
    <row r="545519" spans="14:14">
      <c r="N545519" s="10"/>
    </row>
    <row r="545520" spans="14:14">
      <c r="N545520" s="10"/>
    </row>
    <row r="545521" spans="14:14">
      <c r="N545521" s="10"/>
    </row>
    <row r="545522" spans="14:14">
      <c r="N545522" s="10"/>
    </row>
    <row r="545523" spans="14:14">
      <c r="N545523" s="10"/>
    </row>
    <row r="545524" spans="14:14">
      <c r="N545524" s="10"/>
    </row>
    <row r="545525" spans="14:14">
      <c r="N545525" s="10"/>
    </row>
    <row r="545526" spans="14:14">
      <c r="N545526" s="10"/>
    </row>
    <row r="545527" spans="14:14">
      <c r="N545527" s="10"/>
    </row>
    <row r="545528" spans="14:14">
      <c r="N545528" s="10"/>
    </row>
    <row r="545529" spans="14:14">
      <c r="N545529" s="10"/>
    </row>
    <row r="545530" spans="14:14">
      <c r="N545530" s="10"/>
    </row>
    <row r="545531" spans="14:14">
      <c r="N545531" s="10"/>
    </row>
    <row r="545532" spans="14:14">
      <c r="N545532" s="10"/>
    </row>
    <row r="545533" spans="14:14">
      <c r="N545533" s="10"/>
    </row>
    <row r="545534" spans="14:14">
      <c r="N545534" s="10"/>
    </row>
    <row r="545535" spans="14:14">
      <c r="N545535" s="10"/>
    </row>
    <row r="545536" spans="14:14">
      <c r="N545536" s="10"/>
    </row>
    <row r="545537" spans="14:14">
      <c r="N545537" s="10"/>
    </row>
    <row r="545538" spans="14:14">
      <c r="N545538" s="10"/>
    </row>
    <row r="545539" spans="14:14">
      <c r="N545539" s="10"/>
    </row>
    <row r="545540" spans="14:14">
      <c r="N545540" s="10"/>
    </row>
    <row r="545541" spans="14:14">
      <c r="N545541" s="10"/>
    </row>
    <row r="545542" spans="14:14">
      <c r="N545542" s="10"/>
    </row>
    <row r="545543" spans="14:14">
      <c r="N545543" s="10"/>
    </row>
    <row r="545544" spans="14:14">
      <c r="N545544" s="10"/>
    </row>
    <row r="545545" spans="14:14">
      <c r="N545545" s="10"/>
    </row>
    <row r="545546" spans="14:14">
      <c r="N545546" s="10"/>
    </row>
    <row r="545547" spans="14:14">
      <c r="N545547" s="10"/>
    </row>
    <row r="545548" spans="14:14">
      <c r="N545548" s="10"/>
    </row>
    <row r="545549" spans="14:14">
      <c r="N545549" s="10"/>
    </row>
    <row r="545550" spans="14:14">
      <c r="N545550" s="10"/>
    </row>
    <row r="545551" spans="14:14">
      <c r="N545551" s="10"/>
    </row>
    <row r="545552" spans="14:14">
      <c r="N545552" s="10"/>
    </row>
    <row r="545553" spans="14:14">
      <c r="N545553" s="10"/>
    </row>
    <row r="545554" spans="14:14">
      <c r="N545554" s="10"/>
    </row>
    <row r="545555" spans="14:14">
      <c r="N545555" s="10"/>
    </row>
    <row r="545556" spans="14:14">
      <c r="N545556" s="10"/>
    </row>
    <row r="545557" spans="14:14">
      <c r="N545557" s="10"/>
    </row>
    <row r="545558" spans="14:14">
      <c r="N545558" s="10"/>
    </row>
    <row r="545559" spans="14:14">
      <c r="N545559" s="10"/>
    </row>
    <row r="545560" spans="14:14">
      <c r="N545560" s="10"/>
    </row>
    <row r="545561" spans="14:14">
      <c r="N545561" s="10"/>
    </row>
    <row r="545562" spans="14:14">
      <c r="N545562" s="10"/>
    </row>
    <row r="545563" spans="14:14">
      <c r="N545563" s="10"/>
    </row>
    <row r="545564" spans="14:14">
      <c r="N545564" s="10"/>
    </row>
    <row r="545565" spans="14:14">
      <c r="N545565" s="10"/>
    </row>
    <row r="545566" spans="14:14">
      <c r="N545566" s="10"/>
    </row>
    <row r="545567" spans="14:14">
      <c r="N545567" s="10"/>
    </row>
    <row r="545568" spans="14:14">
      <c r="N545568" s="10"/>
    </row>
    <row r="545569" spans="14:14">
      <c r="N545569" s="10"/>
    </row>
    <row r="545570" spans="14:14">
      <c r="N545570" s="10"/>
    </row>
    <row r="545571" spans="14:14">
      <c r="N545571" s="10"/>
    </row>
    <row r="545572" spans="14:14">
      <c r="N545572" s="10"/>
    </row>
    <row r="545573" spans="14:14">
      <c r="N545573" s="10"/>
    </row>
    <row r="545574" spans="14:14">
      <c r="N545574" s="10"/>
    </row>
    <row r="545575" spans="14:14">
      <c r="N545575" s="10"/>
    </row>
    <row r="545576" spans="14:14">
      <c r="N545576" s="10"/>
    </row>
    <row r="545577" spans="14:14">
      <c r="N545577" s="10"/>
    </row>
    <row r="545578" spans="14:14">
      <c r="N545578" s="10"/>
    </row>
    <row r="545579" spans="14:14">
      <c r="N545579" s="10"/>
    </row>
    <row r="545580" spans="14:14">
      <c r="N545580" s="10"/>
    </row>
    <row r="545581" spans="14:14">
      <c r="N545581" s="10"/>
    </row>
    <row r="545582" spans="14:14">
      <c r="N545582" s="10"/>
    </row>
    <row r="545583" spans="14:14">
      <c r="N545583" s="10"/>
    </row>
    <row r="545584" spans="14:14">
      <c r="N545584" s="10"/>
    </row>
    <row r="545585" spans="14:14">
      <c r="N545585" s="10"/>
    </row>
    <row r="545586" spans="14:14">
      <c r="N545586" s="10"/>
    </row>
    <row r="545587" spans="14:14">
      <c r="N545587" s="10"/>
    </row>
    <row r="545588" spans="14:14">
      <c r="N545588" s="10"/>
    </row>
    <row r="545589" spans="14:14">
      <c r="N545589" s="10"/>
    </row>
    <row r="545590" spans="14:14">
      <c r="N545590" s="10"/>
    </row>
    <row r="545591" spans="14:14">
      <c r="N545591" s="10"/>
    </row>
    <row r="545592" spans="14:14">
      <c r="N545592" s="10"/>
    </row>
    <row r="545593" spans="14:14">
      <c r="N545593" s="10"/>
    </row>
    <row r="545594" spans="14:14">
      <c r="N545594" s="10"/>
    </row>
    <row r="545595" spans="14:14">
      <c r="N545595" s="10"/>
    </row>
    <row r="545596" spans="14:14">
      <c r="N545596" s="10"/>
    </row>
    <row r="545597" spans="14:14">
      <c r="N545597" s="10"/>
    </row>
    <row r="545598" spans="14:14">
      <c r="N545598" s="10"/>
    </row>
    <row r="545599" spans="14:14">
      <c r="N545599" s="10"/>
    </row>
    <row r="545600" spans="14:14">
      <c r="N545600" s="10"/>
    </row>
    <row r="545601" spans="14:14">
      <c r="N545601" s="10"/>
    </row>
    <row r="545602" spans="14:14">
      <c r="N545602" s="10"/>
    </row>
    <row r="545603" spans="14:14">
      <c r="N545603" s="10"/>
    </row>
    <row r="545604" spans="14:14">
      <c r="N545604" s="10"/>
    </row>
    <row r="545605" spans="14:14">
      <c r="N545605" s="10"/>
    </row>
    <row r="545606" spans="14:14">
      <c r="N545606" s="10"/>
    </row>
    <row r="545607" spans="14:14">
      <c r="N545607" s="10"/>
    </row>
    <row r="545608" spans="14:14">
      <c r="N545608" s="10"/>
    </row>
    <row r="545609" spans="14:14">
      <c r="N545609" s="10"/>
    </row>
    <row r="545610" spans="14:14">
      <c r="N545610" s="10"/>
    </row>
    <row r="545611" spans="14:14">
      <c r="N545611" s="10"/>
    </row>
    <row r="545612" spans="14:14">
      <c r="N545612" s="10"/>
    </row>
    <row r="545613" spans="14:14">
      <c r="N545613" s="10"/>
    </row>
    <row r="545614" spans="14:14">
      <c r="N545614" s="10"/>
    </row>
    <row r="545615" spans="14:14">
      <c r="N545615" s="10"/>
    </row>
    <row r="545616" spans="14:14">
      <c r="N545616" s="10"/>
    </row>
    <row r="545617" spans="14:14">
      <c r="N545617" s="10"/>
    </row>
    <row r="545618" spans="14:14">
      <c r="N545618" s="10"/>
    </row>
    <row r="545619" spans="14:14">
      <c r="N545619" s="10"/>
    </row>
    <row r="545620" spans="14:14">
      <c r="N545620" s="10"/>
    </row>
    <row r="545621" spans="14:14">
      <c r="N545621" s="10"/>
    </row>
    <row r="545622" spans="14:14">
      <c r="N545622" s="10"/>
    </row>
    <row r="545623" spans="14:14">
      <c r="N545623" s="10"/>
    </row>
    <row r="545624" spans="14:14">
      <c r="N545624" s="10"/>
    </row>
    <row r="545625" spans="14:14">
      <c r="N545625" s="10"/>
    </row>
    <row r="545626" spans="14:14">
      <c r="N545626" s="10"/>
    </row>
    <row r="545627" spans="14:14">
      <c r="N545627" s="10"/>
    </row>
    <row r="545628" spans="14:14">
      <c r="N545628" s="10"/>
    </row>
    <row r="545629" spans="14:14">
      <c r="N545629" s="10"/>
    </row>
    <row r="545630" spans="14:14">
      <c r="N545630" s="10"/>
    </row>
    <row r="545631" spans="14:14">
      <c r="N545631" s="10"/>
    </row>
    <row r="545632" spans="14:14">
      <c r="N545632" s="10"/>
    </row>
    <row r="545633" spans="14:14">
      <c r="N545633" s="10"/>
    </row>
    <row r="545634" spans="14:14">
      <c r="N545634" s="10"/>
    </row>
    <row r="545635" spans="14:14">
      <c r="N545635" s="10"/>
    </row>
    <row r="545636" spans="14:14">
      <c r="N545636" s="10"/>
    </row>
    <row r="545637" spans="14:14">
      <c r="N545637" s="10"/>
    </row>
    <row r="545638" spans="14:14">
      <c r="N545638" s="10"/>
    </row>
    <row r="545639" spans="14:14">
      <c r="N545639" s="10"/>
    </row>
    <row r="545640" spans="14:14">
      <c r="N545640" s="10"/>
    </row>
    <row r="545641" spans="14:14">
      <c r="N545641" s="10"/>
    </row>
    <row r="545642" spans="14:14">
      <c r="N545642" s="10"/>
    </row>
    <row r="545643" spans="14:14">
      <c r="N545643" s="10"/>
    </row>
    <row r="545644" spans="14:14">
      <c r="N545644" s="10"/>
    </row>
    <row r="545645" spans="14:14">
      <c r="N545645" s="10"/>
    </row>
    <row r="545646" spans="14:14">
      <c r="N545646" s="10"/>
    </row>
    <row r="545647" spans="14:14">
      <c r="N545647" s="10"/>
    </row>
    <row r="545648" spans="14:14">
      <c r="N545648" s="10"/>
    </row>
    <row r="545649" spans="14:14">
      <c r="N545649" s="10"/>
    </row>
    <row r="545650" spans="14:14">
      <c r="N545650" s="10"/>
    </row>
    <row r="545651" spans="14:14">
      <c r="N545651" s="10"/>
    </row>
    <row r="545652" spans="14:14">
      <c r="N545652" s="10"/>
    </row>
    <row r="545653" spans="14:14">
      <c r="N545653" s="10"/>
    </row>
    <row r="545654" spans="14:14">
      <c r="N545654" s="10"/>
    </row>
    <row r="545655" spans="14:14">
      <c r="N545655" s="10"/>
    </row>
    <row r="545656" spans="14:14">
      <c r="N545656" s="10"/>
    </row>
    <row r="545657" spans="14:14">
      <c r="N545657" s="10"/>
    </row>
    <row r="545658" spans="14:14">
      <c r="N545658" s="10"/>
    </row>
    <row r="545659" spans="14:14">
      <c r="N545659" s="10"/>
    </row>
    <row r="545660" spans="14:14">
      <c r="N545660" s="10"/>
    </row>
    <row r="545661" spans="14:14">
      <c r="N545661" s="10"/>
    </row>
    <row r="545662" spans="14:14">
      <c r="N545662" s="10"/>
    </row>
    <row r="545663" spans="14:14">
      <c r="N545663" s="10"/>
    </row>
    <row r="545664" spans="14:14">
      <c r="N545664" s="10"/>
    </row>
    <row r="545665" spans="14:14">
      <c r="N545665" s="10"/>
    </row>
    <row r="545666" spans="14:14">
      <c r="N545666" s="10"/>
    </row>
    <row r="545667" spans="14:14">
      <c r="N545667" s="10"/>
    </row>
    <row r="545668" spans="14:14">
      <c r="N545668" s="10"/>
    </row>
    <row r="545669" spans="14:14">
      <c r="N545669" s="10"/>
    </row>
    <row r="545670" spans="14:14">
      <c r="N545670" s="10"/>
    </row>
    <row r="545671" spans="14:14">
      <c r="N545671" s="10"/>
    </row>
    <row r="545672" spans="14:14">
      <c r="N545672" s="10"/>
    </row>
    <row r="545673" spans="14:14">
      <c r="N545673" s="10"/>
    </row>
    <row r="545674" spans="14:14">
      <c r="N545674" s="10"/>
    </row>
    <row r="545675" spans="14:14">
      <c r="N545675" s="10"/>
    </row>
    <row r="545676" spans="14:14">
      <c r="N545676" s="10"/>
    </row>
    <row r="545677" spans="14:14">
      <c r="N545677" s="10"/>
    </row>
    <row r="545678" spans="14:14">
      <c r="N545678" s="10"/>
    </row>
    <row r="545679" spans="14:14">
      <c r="N545679" s="10"/>
    </row>
    <row r="545680" spans="14:14">
      <c r="N545680" s="10"/>
    </row>
    <row r="545681" spans="14:14">
      <c r="N545681" s="10"/>
    </row>
    <row r="545682" spans="14:14">
      <c r="N545682" s="10"/>
    </row>
    <row r="545683" spans="14:14">
      <c r="N545683" s="10"/>
    </row>
    <row r="545684" spans="14:14">
      <c r="N545684" s="10"/>
    </row>
    <row r="545685" spans="14:14">
      <c r="N545685" s="10"/>
    </row>
    <row r="545686" spans="14:14">
      <c r="N545686" s="10"/>
    </row>
    <row r="545687" spans="14:14">
      <c r="N545687" s="10"/>
    </row>
    <row r="545688" spans="14:14">
      <c r="N545688" s="10"/>
    </row>
    <row r="545689" spans="14:14">
      <c r="N545689" s="10"/>
    </row>
    <row r="545690" spans="14:14">
      <c r="N545690" s="10"/>
    </row>
    <row r="545691" spans="14:14">
      <c r="N545691" s="10"/>
    </row>
    <row r="545692" spans="14:14">
      <c r="N545692" s="10"/>
    </row>
    <row r="545693" spans="14:14">
      <c r="N545693" s="10"/>
    </row>
    <row r="545694" spans="14:14">
      <c r="N545694" s="10"/>
    </row>
    <row r="545695" spans="14:14">
      <c r="N545695" s="10"/>
    </row>
    <row r="545696" spans="14:14">
      <c r="N545696" s="10"/>
    </row>
    <row r="545697" spans="14:14">
      <c r="N545697" s="10"/>
    </row>
    <row r="545698" spans="14:14">
      <c r="N545698" s="10"/>
    </row>
    <row r="545699" spans="14:14">
      <c r="N545699" s="10"/>
    </row>
    <row r="545700" spans="14:14">
      <c r="N545700" s="10"/>
    </row>
    <row r="545701" spans="14:14">
      <c r="N545701" s="10"/>
    </row>
    <row r="545702" spans="14:14">
      <c r="N545702" s="10"/>
    </row>
    <row r="545703" spans="14:14">
      <c r="N545703" s="10"/>
    </row>
    <row r="545704" spans="14:14">
      <c r="N545704" s="10"/>
    </row>
    <row r="545705" spans="14:14">
      <c r="N545705" s="10"/>
    </row>
    <row r="545706" spans="14:14">
      <c r="N545706" s="10"/>
    </row>
    <row r="545707" spans="14:14">
      <c r="N545707" s="10"/>
    </row>
    <row r="545708" spans="14:14">
      <c r="N545708" s="10"/>
    </row>
    <row r="545709" spans="14:14">
      <c r="N545709" s="10"/>
    </row>
    <row r="545710" spans="14:14">
      <c r="N545710" s="10"/>
    </row>
    <row r="545711" spans="14:14">
      <c r="N545711" s="10"/>
    </row>
    <row r="545712" spans="14:14">
      <c r="N545712" s="10"/>
    </row>
    <row r="545713" spans="14:14">
      <c r="N545713" s="10"/>
    </row>
    <row r="545714" spans="14:14">
      <c r="N545714" s="10"/>
    </row>
    <row r="545715" spans="14:14">
      <c r="N545715" s="10"/>
    </row>
    <row r="545716" spans="14:14">
      <c r="N545716" s="10"/>
    </row>
    <row r="545717" spans="14:14">
      <c r="N545717" s="10"/>
    </row>
    <row r="545718" spans="14:14">
      <c r="N545718" s="10"/>
    </row>
    <row r="545719" spans="14:14">
      <c r="N545719" s="10"/>
    </row>
    <row r="545720" spans="14:14">
      <c r="N545720" s="10"/>
    </row>
    <row r="545721" spans="14:14">
      <c r="N545721" s="10"/>
    </row>
    <row r="545722" spans="14:14">
      <c r="N545722" s="10"/>
    </row>
    <row r="545723" spans="14:14">
      <c r="N545723" s="10"/>
    </row>
    <row r="545724" spans="14:14">
      <c r="N545724" s="10"/>
    </row>
    <row r="545725" spans="14:14">
      <c r="N545725" s="10"/>
    </row>
    <row r="545726" spans="14:14">
      <c r="N545726" s="10"/>
    </row>
    <row r="545727" spans="14:14">
      <c r="N545727" s="10"/>
    </row>
    <row r="545728" spans="14:14">
      <c r="N545728" s="10"/>
    </row>
    <row r="545729" spans="14:14">
      <c r="N545729" s="10"/>
    </row>
    <row r="545730" spans="14:14">
      <c r="N545730" s="10"/>
    </row>
    <row r="545731" spans="14:14">
      <c r="N545731" s="10"/>
    </row>
    <row r="545732" spans="14:14">
      <c r="N545732" s="10"/>
    </row>
    <row r="545733" spans="14:14">
      <c r="N545733" s="10"/>
    </row>
    <row r="545734" spans="14:14">
      <c r="N545734" s="10"/>
    </row>
    <row r="545735" spans="14:14">
      <c r="N545735" s="10"/>
    </row>
    <row r="545736" spans="14:14">
      <c r="N545736" s="10"/>
    </row>
    <row r="545737" spans="14:14">
      <c r="N545737" s="10"/>
    </row>
    <row r="545738" spans="14:14">
      <c r="N545738" s="10"/>
    </row>
    <row r="545739" spans="14:14">
      <c r="N545739" s="10"/>
    </row>
    <row r="545740" spans="14:14">
      <c r="N545740" s="10"/>
    </row>
    <row r="545741" spans="14:14">
      <c r="N545741" s="10"/>
    </row>
    <row r="545742" spans="14:14">
      <c r="N545742" s="10"/>
    </row>
    <row r="545743" spans="14:14">
      <c r="N545743" s="10"/>
    </row>
    <row r="545744" spans="14:14">
      <c r="N545744" s="10"/>
    </row>
    <row r="545745" spans="14:14">
      <c r="N545745" s="10"/>
    </row>
    <row r="545746" spans="14:14">
      <c r="N545746" s="10"/>
    </row>
    <row r="545747" spans="14:14">
      <c r="N545747" s="10"/>
    </row>
    <row r="545748" spans="14:14">
      <c r="N545748" s="10"/>
    </row>
    <row r="545749" spans="14:14">
      <c r="N545749" s="10"/>
    </row>
    <row r="545750" spans="14:14">
      <c r="N545750" s="10"/>
    </row>
    <row r="545751" spans="14:14">
      <c r="N545751" s="10"/>
    </row>
    <row r="545752" spans="14:14">
      <c r="N545752" s="10"/>
    </row>
    <row r="545753" spans="14:14">
      <c r="N545753" s="10"/>
    </row>
    <row r="545754" spans="14:14">
      <c r="N545754" s="10"/>
    </row>
    <row r="545755" spans="14:14">
      <c r="N545755" s="10"/>
    </row>
    <row r="545756" spans="14:14">
      <c r="N545756" s="10"/>
    </row>
    <row r="545757" spans="14:14">
      <c r="N545757" s="10"/>
    </row>
    <row r="545758" spans="14:14">
      <c r="N545758" s="10"/>
    </row>
    <row r="545759" spans="14:14">
      <c r="N545759" s="10"/>
    </row>
    <row r="545760" spans="14:14">
      <c r="N545760" s="10"/>
    </row>
    <row r="545761" spans="14:14">
      <c r="N545761" s="10"/>
    </row>
    <row r="545762" spans="14:14">
      <c r="N545762" s="10"/>
    </row>
    <row r="545763" spans="14:14">
      <c r="N545763" s="10"/>
    </row>
    <row r="545764" spans="14:14">
      <c r="N545764" s="10"/>
    </row>
    <row r="545765" spans="14:14">
      <c r="N545765" s="10"/>
    </row>
    <row r="545766" spans="14:14">
      <c r="N545766" s="10"/>
    </row>
    <row r="545767" spans="14:14">
      <c r="N545767" s="10"/>
    </row>
    <row r="545768" spans="14:14">
      <c r="N545768" s="10"/>
    </row>
    <row r="545769" spans="14:14">
      <c r="N545769" s="10"/>
    </row>
    <row r="545770" spans="14:14">
      <c r="N545770" s="10"/>
    </row>
    <row r="545771" spans="14:14">
      <c r="N545771" s="10"/>
    </row>
    <row r="545772" spans="14:14">
      <c r="N545772" s="10"/>
    </row>
    <row r="545773" spans="14:14">
      <c r="N545773" s="10"/>
    </row>
    <row r="545774" spans="14:14">
      <c r="N545774" s="10"/>
    </row>
    <row r="545775" spans="14:14">
      <c r="N545775" s="10"/>
    </row>
    <row r="545776" spans="14:14">
      <c r="N545776" s="10"/>
    </row>
    <row r="545777" spans="14:14">
      <c r="N545777" s="10"/>
    </row>
    <row r="545778" spans="14:14">
      <c r="N545778" s="10"/>
    </row>
    <row r="545779" spans="14:14">
      <c r="N545779" s="10"/>
    </row>
    <row r="545780" spans="14:14">
      <c r="N545780" s="10"/>
    </row>
    <row r="545781" spans="14:14">
      <c r="N545781" s="10"/>
    </row>
    <row r="545782" spans="14:14">
      <c r="N545782" s="10"/>
    </row>
    <row r="545783" spans="14:14">
      <c r="N545783" s="10"/>
    </row>
    <row r="545784" spans="14:14">
      <c r="N545784" s="10"/>
    </row>
    <row r="545785" spans="14:14">
      <c r="N545785" s="10"/>
    </row>
    <row r="545786" spans="14:14">
      <c r="N545786" s="10"/>
    </row>
    <row r="545787" spans="14:14">
      <c r="N545787" s="10"/>
    </row>
    <row r="545788" spans="14:14">
      <c r="N545788" s="10"/>
    </row>
    <row r="545789" spans="14:14">
      <c r="N545789" s="10"/>
    </row>
    <row r="545790" spans="14:14">
      <c r="N545790" s="10"/>
    </row>
    <row r="545791" spans="14:14">
      <c r="N545791" s="10"/>
    </row>
    <row r="545792" spans="14:14">
      <c r="N545792" s="10"/>
    </row>
    <row r="545793" spans="14:14">
      <c r="N545793" s="10"/>
    </row>
    <row r="545794" spans="14:14">
      <c r="N545794" s="10"/>
    </row>
    <row r="545795" spans="14:14">
      <c r="N545795" s="10"/>
    </row>
    <row r="545796" spans="14:14">
      <c r="N545796" s="10"/>
    </row>
    <row r="545797" spans="14:14">
      <c r="N545797" s="10"/>
    </row>
    <row r="545798" spans="14:14">
      <c r="N545798" s="10"/>
    </row>
    <row r="545799" spans="14:14">
      <c r="N545799" s="10"/>
    </row>
    <row r="545800" spans="14:14">
      <c r="N545800" s="10"/>
    </row>
    <row r="545801" spans="14:14">
      <c r="N545801" s="10"/>
    </row>
    <row r="545802" spans="14:14">
      <c r="N545802" s="10"/>
    </row>
    <row r="545803" spans="14:14">
      <c r="N545803" s="10"/>
    </row>
    <row r="545804" spans="14:14">
      <c r="N545804" s="10"/>
    </row>
    <row r="545805" spans="14:14">
      <c r="N545805" s="10"/>
    </row>
    <row r="545806" spans="14:14">
      <c r="N545806" s="10"/>
    </row>
    <row r="545807" spans="14:14">
      <c r="N545807" s="10"/>
    </row>
    <row r="545808" spans="14:14">
      <c r="N545808" s="10"/>
    </row>
    <row r="545809" spans="14:14">
      <c r="N545809" s="10"/>
    </row>
    <row r="545810" spans="14:14">
      <c r="N545810" s="10"/>
    </row>
    <row r="545811" spans="14:14">
      <c r="N545811" s="10"/>
    </row>
    <row r="545812" spans="14:14">
      <c r="N545812" s="10"/>
    </row>
    <row r="545813" spans="14:14">
      <c r="N545813" s="10"/>
    </row>
    <row r="545814" spans="14:14">
      <c r="N545814" s="10"/>
    </row>
    <row r="545815" spans="14:14">
      <c r="N545815" s="10"/>
    </row>
    <row r="545816" spans="14:14">
      <c r="N545816" s="10"/>
    </row>
    <row r="545817" spans="14:14">
      <c r="N545817" s="10"/>
    </row>
    <row r="545818" spans="14:14">
      <c r="N545818" s="10"/>
    </row>
    <row r="545819" spans="14:14">
      <c r="N545819" s="10"/>
    </row>
    <row r="545820" spans="14:14">
      <c r="N545820" s="10"/>
    </row>
    <row r="545821" spans="14:14">
      <c r="N545821" s="10"/>
    </row>
    <row r="545822" spans="14:14">
      <c r="N545822" s="10"/>
    </row>
    <row r="545823" spans="14:14">
      <c r="N545823" s="10"/>
    </row>
    <row r="545824" spans="14:14">
      <c r="N545824" s="10"/>
    </row>
    <row r="545825" spans="14:14">
      <c r="N545825" s="10"/>
    </row>
    <row r="545826" spans="14:14">
      <c r="N545826" s="10"/>
    </row>
    <row r="545827" spans="14:14">
      <c r="N545827" s="10"/>
    </row>
    <row r="545828" spans="14:14">
      <c r="N545828" s="10"/>
    </row>
    <row r="545829" spans="14:14">
      <c r="N545829" s="10"/>
    </row>
    <row r="545830" spans="14:14">
      <c r="N545830" s="10"/>
    </row>
    <row r="545831" spans="14:14">
      <c r="N545831" s="10"/>
    </row>
    <row r="545832" spans="14:14">
      <c r="N545832" s="10"/>
    </row>
    <row r="545833" spans="14:14">
      <c r="N545833" s="10"/>
    </row>
    <row r="545834" spans="14:14">
      <c r="N545834" s="10"/>
    </row>
    <row r="545835" spans="14:14">
      <c r="N545835" s="10"/>
    </row>
    <row r="545836" spans="14:14">
      <c r="N545836" s="10"/>
    </row>
    <row r="545837" spans="14:14">
      <c r="N545837" s="10"/>
    </row>
    <row r="545838" spans="14:14">
      <c r="N545838" s="10"/>
    </row>
    <row r="545839" spans="14:14">
      <c r="N545839" s="10"/>
    </row>
    <row r="545840" spans="14:14">
      <c r="N545840" s="10"/>
    </row>
    <row r="545841" spans="14:14">
      <c r="N545841" s="10"/>
    </row>
    <row r="545842" spans="14:14">
      <c r="N545842" s="10"/>
    </row>
    <row r="545843" spans="14:14">
      <c r="N545843" s="10"/>
    </row>
    <row r="545844" spans="14:14">
      <c r="N545844" s="10"/>
    </row>
    <row r="545845" spans="14:14">
      <c r="N545845" s="10"/>
    </row>
    <row r="545846" spans="14:14">
      <c r="N545846" s="10"/>
    </row>
    <row r="545847" spans="14:14">
      <c r="N545847" s="10"/>
    </row>
    <row r="545848" spans="14:14">
      <c r="N545848" s="10"/>
    </row>
    <row r="545849" spans="14:14">
      <c r="N545849" s="10"/>
    </row>
    <row r="545850" spans="14:14">
      <c r="N545850" s="10"/>
    </row>
    <row r="545851" spans="14:14">
      <c r="N545851" s="10"/>
    </row>
    <row r="545852" spans="14:14">
      <c r="N545852" s="10"/>
    </row>
    <row r="545853" spans="14:14">
      <c r="N545853" s="10"/>
    </row>
    <row r="545854" spans="14:14">
      <c r="N545854" s="10"/>
    </row>
    <row r="545855" spans="14:14">
      <c r="N545855" s="10"/>
    </row>
    <row r="545856" spans="14:14">
      <c r="N545856" s="10"/>
    </row>
    <row r="545857" spans="14:14">
      <c r="N545857" s="10"/>
    </row>
    <row r="545858" spans="14:14">
      <c r="N545858" s="10"/>
    </row>
    <row r="545859" spans="14:14">
      <c r="N545859" s="10"/>
    </row>
    <row r="545860" spans="14:14">
      <c r="N545860" s="10"/>
    </row>
    <row r="545861" spans="14:14">
      <c r="N545861" s="10"/>
    </row>
    <row r="545862" spans="14:14">
      <c r="N545862" s="10"/>
    </row>
    <row r="545863" spans="14:14">
      <c r="N545863" s="10"/>
    </row>
    <row r="545864" spans="14:14">
      <c r="N545864" s="10"/>
    </row>
    <row r="545865" spans="14:14">
      <c r="N545865" s="10"/>
    </row>
    <row r="545866" spans="14:14">
      <c r="N545866" s="10"/>
    </row>
    <row r="545867" spans="14:14">
      <c r="N545867" s="10"/>
    </row>
    <row r="545868" spans="14:14">
      <c r="N545868" s="10"/>
    </row>
    <row r="545869" spans="14:14">
      <c r="N545869" s="10"/>
    </row>
    <row r="545870" spans="14:14">
      <c r="N545870" s="10"/>
    </row>
    <row r="545871" spans="14:14">
      <c r="N545871" s="10"/>
    </row>
    <row r="545872" spans="14:14">
      <c r="N545872" s="10"/>
    </row>
    <row r="545873" spans="14:14">
      <c r="N545873" s="10"/>
    </row>
    <row r="545874" spans="14:14">
      <c r="N545874" s="10"/>
    </row>
    <row r="545875" spans="14:14">
      <c r="N545875" s="10"/>
    </row>
    <row r="545876" spans="14:14">
      <c r="N545876" s="10"/>
    </row>
    <row r="545877" spans="14:14">
      <c r="N545877" s="10"/>
    </row>
    <row r="545878" spans="14:14">
      <c r="N545878" s="10"/>
    </row>
    <row r="545879" spans="14:14">
      <c r="N545879" s="10"/>
    </row>
    <row r="545880" spans="14:14">
      <c r="N545880" s="10"/>
    </row>
    <row r="545881" spans="14:14">
      <c r="N545881" s="10"/>
    </row>
    <row r="545882" spans="14:14">
      <c r="N545882" s="10"/>
    </row>
    <row r="545883" spans="14:14">
      <c r="N545883" s="10"/>
    </row>
    <row r="545884" spans="14:14">
      <c r="N545884" s="10"/>
    </row>
    <row r="545885" spans="14:14">
      <c r="N545885" s="10"/>
    </row>
    <row r="545886" spans="14:14">
      <c r="N545886" s="10"/>
    </row>
    <row r="545887" spans="14:14">
      <c r="N545887" s="10"/>
    </row>
    <row r="545888" spans="14:14">
      <c r="N545888" s="10"/>
    </row>
    <row r="545889" spans="14:14">
      <c r="N545889" s="10"/>
    </row>
    <row r="545890" spans="14:14">
      <c r="N545890" s="10"/>
    </row>
    <row r="545891" spans="14:14">
      <c r="N545891" s="10"/>
    </row>
    <row r="545892" spans="14:14">
      <c r="N545892" s="10"/>
    </row>
    <row r="545893" spans="14:14">
      <c r="N545893" s="10"/>
    </row>
    <row r="545894" spans="14:14">
      <c r="N545894" s="10"/>
    </row>
    <row r="545895" spans="14:14">
      <c r="N545895" s="10"/>
    </row>
    <row r="545896" spans="14:14">
      <c r="N545896" s="10"/>
    </row>
    <row r="545897" spans="14:14">
      <c r="N545897" s="10"/>
    </row>
    <row r="545898" spans="14:14">
      <c r="N545898" s="10"/>
    </row>
    <row r="545899" spans="14:14">
      <c r="N545899" s="10"/>
    </row>
    <row r="545900" spans="14:14">
      <c r="N545900" s="10"/>
    </row>
    <row r="545901" spans="14:14">
      <c r="N545901" s="10"/>
    </row>
    <row r="545902" spans="14:14">
      <c r="N545902" s="10"/>
    </row>
    <row r="545903" spans="14:14">
      <c r="N545903" s="10"/>
    </row>
    <row r="545904" spans="14:14">
      <c r="N545904" s="10"/>
    </row>
    <row r="545905" spans="14:14">
      <c r="N545905" s="10"/>
    </row>
    <row r="545906" spans="14:14">
      <c r="N545906" s="10"/>
    </row>
    <row r="545907" spans="14:14">
      <c r="N545907" s="10"/>
    </row>
    <row r="545908" spans="14:14">
      <c r="N545908" s="10"/>
    </row>
    <row r="545909" spans="14:14">
      <c r="N545909" s="10"/>
    </row>
    <row r="545910" spans="14:14">
      <c r="N545910" s="10"/>
    </row>
    <row r="545911" spans="14:14">
      <c r="N545911" s="10"/>
    </row>
    <row r="545912" spans="14:14">
      <c r="N545912" s="10"/>
    </row>
    <row r="545913" spans="14:14">
      <c r="N545913" s="10"/>
    </row>
    <row r="545914" spans="14:14">
      <c r="N545914" s="10"/>
    </row>
    <row r="545915" spans="14:14">
      <c r="N545915" s="10"/>
    </row>
    <row r="545916" spans="14:14">
      <c r="N545916" s="10"/>
    </row>
    <row r="545917" spans="14:14">
      <c r="N545917" s="10"/>
    </row>
    <row r="545918" spans="14:14">
      <c r="N545918" s="10"/>
    </row>
    <row r="545919" spans="14:14">
      <c r="N545919" s="10"/>
    </row>
    <row r="545920" spans="14:14">
      <c r="N545920" s="10"/>
    </row>
    <row r="545921" spans="14:14">
      <c r="N545921" s="10"/>
    </row>
    <row r="545922" spans="14:14">
      <c r="N545922" s="10"/>
    </row>
    <row r="545923" spans="14:14">
      <c r="N545923" s="10"/>
    </row>
    <row r="545924" spans="14:14">
      <c r="N545924" s="10"/>
    </row>
    <row r="545925" spans="14:14">
      <c r="N545925" s="10"/>
    </row>
    <row r="545926" spans="14:14">
      <c r="N545926" s="10"/>
    </row>
    <row r="545927" spans="14:14">
      <c r="N545927" s="10"/>
    </row>
    <row r="545928" spans="14:14">
      <c r="N545928" s="10"/>
    </row>
    <row r="545929" spans="14:14">
      <c r="N545929" s="10"/>
    </row>
    <row r="545930" spans="14:14">
      <c r="N545930" s="10"/>
    </row>
    <row r="545931" spans="14:14">
      <c r="N545931" s="10"/>
    </row>
    <row r="545932" spans="14:14">
      <c r="N545932" s="10"/>
    </row>
    <row r="545933" spans="14:14">
      <c r="N545933" s="10"/>
    </row>
    <row r="545934" spans="14:14">
      <c r="N545934" s="10"/>
    </row>
    <row r="545935" spans="14:14">
      <c r="N545935" s="10"/>
    </row>
    <row r="545936" spans="14:14">
      <c r="N545936" s="10"/>
    </row>
    <row r="545937" spans="14:14">
      <c r="N545937" s="10"/>
    </row>
    <row r="545938" spans="14:14">
      <c r="N545938" s="10"/>
    </row>
    <row r="545939" spans="14:14">
      <c r="N545939" s="10"/>
    </row>
    <row r="545940" spans="14:14">
      <c r="N545940" s="10"/>
    </row>
    <row r="545941" spans="14:14">
      <c r="N545941" s="10"/>
    </row>
    <row r="545942" spans="14:14">
      <c r="N545942" s="10"/>
    </row>
    <row r="545943" spans="14:14">
      <c r="N545943" s="10"/>
    </row>
    <row r="545944" spans="14:14">
      <c r="N545944" s="10"/>
    </row>
    <row r="545945" spans="14:14">
      <c r="N545945" s="10"/>
    </row>
    <row r="545946" spans="14:14">
      <c r="N545946" s="10"/>
    </row>
    <row r="545947" spans="14:14">
      <c r="N545947" s="10"/>
    </row>
    <row r="545948" spans="14:14">
      <c r="N545948" s="10"/>
    </row>
    <row r="545949" spans="14:14">
      <c r="N545949" s="10"/>
    </row>
    <row r="545950" spans="14:14">
      <c r="N545950" s="10"/>
    </row>
    <row r="545951" spans="14:14">
      <c r="N545951" s="10"/>
    </row>
    <row r="545952" spans="14:14">
      <c r="N545952" s="10"/>
    </row>
    <row r="545953" spans="14:14">
      <c r="N545953" s="10"/>
    </row>
    <row r="545954" spans="14:14">
      <c r="N545954" s="10"/>
    </row>
    <row r="545955" spans="14:14">
      <c r="N545955" s="10"/>
    </row>
    <row r="545956" spans="14:14">
      <c r="N545956" s="10"/>
    </row>
    <row r="545957" spans="14:14">
      <c r="N545957" s="10"/>
    </row>
    <row r="545958" spans="14:14">
      <c r="N545958" s="10"/>
    </row>
    <row r="545959" spans="14:14">
      <c r="N545959" s="10"/>
    </row>
    <row r="545960" spans="14:14">
      <c r="N545960" s="10"/>
    </row>
    <row r="545961" spans="14:14">
      <c r="N545961" s="10"/>
    </row>
    <row r="545962" spans="14:14">
      <c r="N545962" s="10"/>
    </row>
    <row r="545963" spans="14:14">
      <c r="N545963" s="10"/>
    </row>
    <row r="545964" spans="14:14">
      <c r="N545964" s="10"/>
    </row>
    <row r="545965" spans="14:14">
      <c r="N545965" s="10"/>
    </row>
    <row r="545966" spans="14:14">
      <c r="N545966" s="10"/>
    </row>
    <row r="545967" spans="14:14">
      <c r="N545967" s="10"/>
    </row>
    <row r="545968" spans="14:14">
      <c r="N545968" s="10"/>
    </row>
    <row r="545969" spans="14:14">
      <c r="N545969" s="10"/>
    </row>
    <row r="545970" spans="14:14">
      <c r="N545970" s="10"/>
    </row>
    <row r="545971" spans="14:14">
      <c r="N545971" s="10"/>
    </row>
    <row r="545972" spans="14:14">
      <c r="N545972" s="10"/>
    </row>
    <row r="545973" spans="14:14">
      <c r="N545973" s="10"/>
    </row>
    <row r="545974" spans="14:14">
      <c r="N545974" s="10"/>
    </row>
    <row r="545975" spans="14:14">
      <c r="N545975" s="10"/>
    </row>
    <row r="545976" spans="14:14">
      <c r="N545976" s="10"/>
    </row>
    <row r="545977" spans="14:14">
      <c r="N545977" s="10"/>
    </row>
    <row r="545978" spans="14:14">
      <c r="N545978" s="10"/>
    </row>
    <row r="545979" spans="14:14">
      <c r="N545979" s="10"/>
    </row>
    <row r="545980" spans="14:14">
      <c r="N545980" s="10"/>
    </row>
    <row r="545981" spans="14:14">
      <c r="N545981" s="10"/>
    </row>
    <row r="545982" spans="14:14">
      <c r="N545982" s="10"/>
    </row>
    <row r="545983" spans="14:14">
      <c r="N545983" s="10"/>
    </row>
    <row r="545984" spans="14:14">
      <c r="N545984" s="10"/>
    </row>
    <row r="545985" spans="14:14">
      <c r="N545985" s="10"/>
    </row>
    <row r="545986" spans="14:14">
      <c r="N545986" s="10"/>
    </row>
    <row r="545987" spans="14:14">
      <c r="N545987" s="10"/>
    </row>
    <row r="545988" spans="14:14">
      <c r="N545988" s="10"/>
    </row>
    <row r="545989" spans="14:14">
      <c r="N545989" s="10"/>
    </row>
    <row r="545990" spans="14:14">
      <c r="N545990" s="10"/>
    </row>
    <row r="545991" spans="14:14">
      <c r="N545991" s="10"/>
    </row>
    <row r="545992" spans="14:14">
      <c r="N545992" s="10"/>
    </row>
    <row r="545993" spans="14:14">
      <c r="N545993" s="10"/>
    </row>
    <row r="545994" spans="14:14">
      <c r="N545994" s="10"/>
    </row>
    <row r="545995" spans="14:14">
      <c r="N545995" s="10"/>
    </row>
    <row r="545996" spans="14:14">
      <c r="N545996" s="10"/>
    </row>
    <row r="545997" spans="14:14">
      <c r="N545997" s="10"/>
    </row>
    <row r="545998" spans="14:14">
      <c r="N545998" s="10"/>
    </row>
    <row r="545999" spans="14:14">
      <c r="N545999" s="10"/>
    </row>
    <row r="546000" spans="14:14">
      <c r="N546000" s="10"/>
    </row>
    <row r="546001" spans="14:14">
      <c r="N546001" s="10"/>
    </row>
    <row r="546002" spans="14:14">
      <c r="N546002" s="10"/>
    </row>
    <row r="546003" spans="14:14">
      <c r="N546003" s="10"/>
    </row>
    <row r="546004" spans="14:14">
      <c r="N546004" s="10"/>
    </row>
    <row r="546005" spans="14:14">
      <c r="N546005" s="10"/>
    </row>
    <row r="546006" spans="14:14">
      <c r="N546006" s="10"/>
    </row>
    <row r="546007" spans="14:14">
      <c r="N546007" s="10"/>
    </row>
    <row r="546008" spans="14:14">
      <c r="N546008" s="10"/>
    </row>
    <row r="546009" spans="14:14">
      <c r="N546009" s="10"/>
    </row>
    <row r="546010" spans="14:14">
      <c r="N546010" s="10"/>
    </row>
    <row r="546011" spans="14:14">
      <c r="N546011" s="10"/>
    </row>
    <row r="546012" spans="14:14">
      <c r="N546012" s="10"/>
    </row>
    <row r="546013" spans="14:14">
      <c r="N546013" s="10"/>
    </row>
    <row r="546014" spans="14:14">
      <c r="N546014" s="10"/>
    </row>
    <row r="546015" spans="14:14">
      <c r="N546015" s="10"/>
    </row>
    <row r="546016" spans="14:14">
      <c r="N546016" s="10"/>
    </row>
    <row r="546017" spans="14:14">
      <c r="N546017" s="10"/>
    </row>
    <row r="546018" spans="14:14">
      <c r="N546018" s="10"/>
    </row>
    <row r="546019" spans="14:14">
      <c r="N546019" s="10"/>
    </row>
    <row r="546020" spans="14:14">
      <c r="N546020" s="10"/>
    </row>
    <row r="546021" spans="14:14">
      <c r="N546021" s="10"/>
    </row>
    <row r="546022" spans="14:14">
      <c r="N546022" s="10"/>
    </row>
    <row r="546023" spans="14:14">
      <c r="N546023" s="10"/>
    </row>
    <row r="546024" spans="14:14">
      <c r="N546024" s="10"/>
    </row>
    <row r="546025" spans="14:14">
      <c r="N546025" s="10"/>
    </row>
    <row r="546026" spans="14:14">
      <c r="N546026" s="10"/>
    </row>
    <row r="546027" spans="14:14">
      <c r="N546027" s="10"/>
    </row>
    <row r="546028" spans="14:14">
      <c r="N546028" s="10"/>
    </row>
    <row r="546029" spans="14:14">
      <c r="N546029" s="10"/>
    </row>
    <row r="546030" spans="14:14">
      <c r="N546030" s="10"/>
    </row>
    <row r="546031" spans="14:14">
      <c r="N546031" s="10"/>
    </row>
    <row r="546032" spans="14:14">
      <c r="N546032" s="10"/>
    </row>
    <row r="546033" spans="14:14">
      <c r="N546033" s="10"/>
    </row>
    <row r="546034" spans="14:14">
      <c r="N546034" s="10"/>
    </row>
    <row r="546035" spans="14:14">
      <c r="N546035" s="10"/>
    </row>
    <row r="546036" spans="14:14">
      <c r="N546036" s="10"/>
    </row>
    <row r="546037" spans="14:14">
      <c r="N546037" s="10"/>
    </row>
    <row r="546038" spans="14:14">
      <c r="N546038" s="10"/>
    </row>
    <row r="546039" spans="14:14">
      <c r="N546039" s="10"/>
    </row>
    <row r="546040" spans="14:14">
      <c r="N546040" s="10"/>
    </row>
    <row r="546041" spans="14:14">
      <c r="N546041" s="10"/>
    </row>
    <row r="546042" spans="14:14">
      <c r="N546042" s="10"/>
    </row>
    <row r="546043" spans="14:14">
      <c r="N546043" s="10"/>
    </row>
    <row r="546044" spans="14:14">
      <c r="N546044" s="10"/>
    </row>
    <row r="546045" spans="14:14">
      <c r="N546045" s="10"/>
    </row>
    <row r="546046" spans="14:14">
      <c r="N546046" s="10"/>
    </row>
    <row r="546047" spans="14:14">
      <c r="N546047" s="10"/>
    </row>
    <row r="546048" spans="14:14">
      <c r="N546048" s="10"/>
    </row>
    <row r="546049" spans="14:14">
      <c r="N546049" s="10"/>
    </row>
    <row r="546050" spans="14:14">
      <c r="N546050" s="10"/>
    </row>
    <row r="546051" spans="14:14">
      <c r="N546051" s="10"/>
    </row>
    <row r="546052" spans="14:14">
      <c r="N546052" s="10"/>
    </row>
    <row r="546053" spans="14:14">
      <c r="N546053" s="10"/>
    </row>
    <row r="546054" spans="14:14">
      <c r="N546054" s="10"/>
    </row>
    <row r="546055" spans="14:14">
      <c r="N546055" s="10"/>
    </row>
    <row r="546056" spans="14:14">
      <c r="N546056" s="10"/>
    </row>
    <row r="546057" spans="14:14">
      <c r="N546057" s="10"/>
    </row>
    <row r="546058" spans="14:14">
      <c r="N546058" s="10"/>
    </row>
    <row r="546059" spans="14:14">
      <c r="N546059" s="10"/>
    </row>
    <row r="546060" spans="14:14">
      <c r="N546060" s="10"/>
    </row>
    <row r="546061" spans="14:14">
      <c r="N546061" s="10"/>
    </row>
    <row r="546062" spans="14:14">
      <c r="N546062" s="10"/>
    </row>
    <row r="546063" spans="14:14">
      <c r="N546063" s="10"/>
    </row>
    <row r="546064" spans="14:14">
      <c r="N546064" s="10"/>
    </row>
    <row r="546065" spans="14:14">
      <c r="N546065" s="10"/>
    </row>
    <row r="546066" spans="14:14">
      <c r="N546066" s="10"/>
    </row>
    <row r="546067" spans="14:14">
      <c r="N546067" s="10"/>
    </row>
    <row r="546068" spans="14:14">
      <c r="N546068" s="10"/>
    </row>
    <row r="546069" spans="14:14">
      <c r="N546069" s="10"/>
    </row>
    <row r="546070" spans="14:14">
      <c r="N546070" s="10"/>
    </row>
    <row r="546071" spans="14:14">
      <c r="N546071" s="10"/>
    </row>
    <row r="546072" spans="14:14">
      <c r="N546072" s="10"/>
    </row>
    <row r="546073" spans="14:14">
      <c r="N546073" s="10"/>
    </row>
    <row r="546074" spans="14:14">
      <c r="N546074" s="10"/>
    </row>
    <row r="546075" spans="14:14">
      <c r="N546075" s="10"/>
    </row>
    <row r="546076" spans="14:14">
      <c r="N546076" s="10"/>
    </row>
    <row r="546077" spans="14:14">
      <c r="N546077" s="10"/>
    </row>
    <row r="546078" spans="14:14">
      <c r="N546078" s="10"/>
    </row>
    <row r="546079" spans="14:14">
      <c r="N546079" s="10"/>
    </row>
    <row r="546080" spans="14:14">
      <c r="N546080" s="10"/>
    </row>
    <row r="546081" spans="14:14">
      <c r="N546081" s="10"/>
    </row>
    <row r="546082" spans="14:14">
      <c r="N546082" s="10"/>
    </row>
    <row r="546083" spans="14:14">
      <c r="N546083" s="10"/>
    </row>
    <row r="546084" spans="14:14">
      <c r="N546084" s="10"/>
    </row>
    <row r="546085" spans="14:14">
      <c r="N546085" s="10"/>
    </row>
    <row r="546086" spans="14:14">
      <c r="N546086" s="10"/>
    </row>
    <row r="546087" spans="14:14">
      <c r="N546087" s="10"/>
    </row>
    <row r="546088" spans="14:14">
      <c r="N546088" s="10"/>
    </row>
    <row r="546089" spans="14:14">
      <c r="N546089" s="10"/>
    </row>
    <row r="546090" spans="14:14">
      <c r="N546090" s="10"/>
    </row>
    <row r="546091" spans="14:14">
      <c r="N546091" s="10"/>
    </row>
    <row r="546092" spans="14:14">
      <c r="N546092" s="10"/>
    </row>
    <row r="546093" spans="14:14">
      <c r="N546093" s="10"/>
    </row>
    <row r="546094" spans="14:14">
      <c r="N546094" s="10"/>
    </row>
    <row r="546095" spans="14:14">
      <c r="N546095" s="10"/>
    </row>
    <row r="546096" spans="14:14">
      <c r="N546096" s="10"/>
    </row>
    <row r="546097" spans="14:14">
      <c r="N546097" s="10"/>
    </row>
    <row r="546098" spans="14:14">
      <c r="N546098" s="10"/>
    </row>
    <row r="546099" spans="14:14">
      <c r="N546099" s="10"/>
    </row>
    <row r="546100" spans="14:14">
      <c r="N546100" s="10"/>
    </row>
    <row r="546101" spans="14:14">
      <c r="N546101" s="10"/>
    </row>
    <row r="546102" spans="14:14">
      <c r="N546102" s="10"/>
    </row>
    <row r="546103" spans="14:14">
      <c r="N546103" s="10"/>
    </row>
    <row r="546104" spans="14:14">
      <c r="N546104" s="10"/>
    </row>
    <row r="546105" spans="14:14">
      <c r="N546105" s="10"/>
    </row>
    <row r="546106" spans="14:14">
      <c r="N546106" s="10"/>
    </row>
    <row r="546107" spans="14:14">
      <c r="N546107" s="10"/>
    </row>
    <row r="546108" spans="14:14">
      <c r="N546108" s="10"/>
    </row>
    <row r="546109" spans="14:14">
      <c r="N546109" s="10"/>
    </row>
    <row r="546110" spans="14:14">
      <c r="N546110" s="10"/>
    </row>
    <row r="546111" spans="14:14">
      <c r="N546111" s="10"/>
    </row>
    <row r="546112" spans="14:14">
      <c r="N546112" s="10"/>
    </row>
    <row r="546113" spans="14:14">
      <c r="N546113" s="10"/>
    </row>
    <row r="546114" spans="14:14">
      <c r="N546114" s="10"/>
    </row>
    <row r="546115" spans="14:14">
      <c r="N546115" s="10"/>
    </row>
    <row r="546116" spans="14:14">
      <c r="N546116" s="10"/>
    </row>
    <row r="546117" spans="14:14">
      <c r="N546117" s="10"/>
    </row>
    <row r="546118" spans="14:14">
      <c r="N546118" s="10"/>
    </row>
    <row r="546119" spans="14:14">
      <c r="N546119" s="10"/>
    </row>
    <row r="546120" spans="14:14">
      <c r="N546120" s="10"/>
    </row>
    <row r="546121" spans="14:14">
      <c r="N546121" s="10"/>
    </row>
    <row r="546122" spans="14:14">
      <c r="N546122" s="10"/>
    </row>
    <row r="546123" spans="14:14">
      <c r="N546123" s="10"/>
    </row>
    <row r="546124" spans="14:14">
      <c r="N546124" s="10"/>
    </row>
    <row r="546125" spans="14:14">
      <c r="N546125" s="10"/>
    </row>
    <row r="546126" spans="14:14">
      <c r="N546126" s="10"/>
    </row>
    <row r="546127" spans="14:14">
      <c r="N546127" s="10"/>
    </row>
    <row r="546128" spans="14:14">
      <c r="N546128" s="10"/>
    </row>
    <row r="546129" spans="14:14">
      <c r="N546129" s="10"/>
    </row>
    <row r="546130" spans="14:14">
      <c r="N546130" s="10"/>
    </row>
    <row r="546131" spans="14:14">
      <c r="N546131" s="10"/>
    </row>
    <row r="546132" spans="14:14">
      <c r="N546132" s="10"/>
    </row>
    <row r="546133" spans="14:14">
      <c r="N546133" s="10"/>
    </row>
    <row r="546134" spans="14:14">
      <c r="N546134" s="10"/>
    </row>
    <row r="546135" spans="14:14">
      <c r="N546135" s="10"/>
    </row>
    <row r="546136" spans="14:14">
      <c r="N546136" s="10"/>
    </row>
    <row r="546137" spans="14:14">
      <c r="N546137" s="10"/>
    </row>
    <row r="546138" spans="14:14">
      <c r="N546138" s="10"/>
    </row>
    <row r="546139" spans="14:14">
      <c r="N546139" s="10"/>
    </row>
    <row r="546140" spans="14:14">
      <c r="N546140" s="10"/>
    </row>
    <row r="546141" spans="14:14">
      <c r="N546141" s="10"/>
    </row>
    <row r="546142" spans="14:14">
      <c r="N546142" s="10"/>
    </row>
    <row r="546143" spans="14:14">
      <c r="N546143" s="10"/>
    </row>
    <row r="546144" spans="14:14">
      <c r="N546144" s="10"/>
    </row>
    <row r="546145" spans="14:14">
      <c r="N546145" s="10"/>
    </row>
    <row r="546146" spans="14:14">
      <c r="N546146" s="10"/>
    </row>
    <row r="546147" spans="14:14">
      <c r="N546147" s="10"/>
    </row>
    <row r="546148" spans="14:14">
      <c r="N546148" s="10"/>
    </row>
    <row r="546149" spans="14:14">
      <c r="N546149" s="10"/>
    </row>
    <row r="546150" spans="14:14">
      <c r="N546150" s="10"/>
    </row>
    <row r="546151" spans="14:14">
      <c r="N546151" s="10"/>
    </row>
    <row r="546152" spans="14:14">
      <c r="N546152" s="10"/>
    </row>
    <row r="546153" spans="14:14">
      <c r="N546153" s="10"/>
    </row>
    <row r="546154" spans="14:14">
      <c r="N546154" s="10"/>
    </row>
    <row r="546155" spans="14:14">
      <c r="N546155" s="10"/>
    </row>
    <row r="546156" spans="14:14">
      <c r="N546156" s="10"/>
    </row>
    <row r="546157" spans="14:14">
      <c r="N546157" s="10"/>
    </row>
    <row r="546158" spans="14:14">
      <c r="N546158" s="10"/>
    </row>
    <row r="546159" spans="14:14">
      <c r="N546159" s="10"/>
    </row>
    <row r="546160" spans="14:14">
      <c r="N546160" s="10"/>
    </row>
    <row r="546161" spans="14:14">
      <c r="N546161" s="10"/>
    </row>
    <row r="546162" spans="14:14">
      <c r="N546162" s="10"/>
    </row>
    <row r="546163" spans="14:14">
      <c r="N546163" s="10"/>
    </row>
    <row r="546164" spans="14:14">
      <c r="N546164" s="10"/>
    </row>
    <row r="546165" spans="14:14">
      <c r="N546165" s="10"/>
    </row>
    <row r="546166" spans="14:14">
      <c r="N546166" s="10"/>
    </row>
    <row r="546167" spans="14:14">
      <c r="N546167" s="10"/>
    </row>
    <row r="546168" spans="14:14">
      <c r="N546168" s="10"/>
    </row>
    <row r="546169" spans="14:14">
      <c r="N546169" s="10"/>
    </row>
    <row r="546170" spans="14:14">
      <c r="N546170" s="10"/>
    </row>
    <row r="546171" spans="14:14">
      <c r="N546171" s="10"/>
    </row>
    <row r="546172" spans="14:14">
      <c r="N546172" s="10"/>
    </row>
    <row r="546173" spans="14:14">
      <c r="N546173" s="10"/>
    </row>
    <row r="546174" spans="14:14">
      <c r="N546174" s="10"/>
    </row>
    <row r="546175" spans="14:14">
      <c r="N546175" s="10"/>
    </row>
    <row r="546176" spans="14:14">
      <c r="N546176" s="10"/>
    </row>
    <row r="546177" spans="14:14">
      <c r="N546177" s="10"/>
    </row>
    <row r="546178" spans="14:14">
      <c r="N546178" s="10"/>
    </row>
    <row r="546179" spans="14:14">
      <c r="N546179" s="10"/>
    </row>
    <row r="546180" spans="14:14">
      <c r="N546180" s="10"/>
    </row>
    <row r="546181" spans="14:14">
      <c r="N546181" s="10"/>
    </row>
    <row r="546182" spans="14:14">
      <c r="N546182" s="10"/>
    </row>
    <row r="546183" spans="14:14">
      <c r="N546183" s="10"/>
    </row>
    <row r="546184" spans="14:14">
      <c r="N546184" s="10"/>
    </row>
    <row r="546185" spans="14:14">
      <c r="N546185" s="10"/>
    </row>
    <row r="546186" spans="14:14">
      <c r="N546186" s="10"/>
    </row>
    <row r="546187" spans="14:14">
      <c r="N546187" s="10"/>
    </row>
    <row r="546188" spans="14:14">
      <c r="N546188" s="10"/>
    </row>
    <row r="546189" spans="14:14">
      <c r="N546189" s="10"/>
    </row>
    <row r="546190" spans="14:14">
      <c r="N546190" s="10"/>
    </row>
    <row r="546191" spans="14:14">
      <c r="N546191" s="10"/>
    </row>
    <row r="546192" spans="14:14">
      <c r="N546192" s="10"/>
    </row>
    <row r="546193" spans="14:14">
      <c r="N546193" s="10"/>
    </row>
    <row r="546194" spans="14:14">
      <c r="N546194" s="10"/>
    </row>
    <row r="546195" spans="14:14">
      <c r="N546195" s="10"/>
    </row>
    <row r="546196" spans="14:14">
      <c r="N546196" s="10"/>
    </row>
    <row r="546197" spans="14:14">
      <c r="N546197" s="10"/>
    </row>
    <row r="546198" spans="14:14">
      <c r="N546198" s="10"/>
    </row>
    <row r="546199" spans="14:14">
      <c r="N546199" s="10"/>
    </row>
    <row r="546200" spans="14:14">
      <c r="N546200" s="10"/>
    </row>
    <row r="546201" spans="14:14">
      <c r="N546201" s="10"/>
    </row>
    <row r="546202" spans="14:14">
      <c r="N546202" s="10"/>
    </row>
    <row r="546203" spans="14:14">
      <c r="N546203" s="10"/>
    </row>
    <row r="546204" spans="14:14">
      <c r="N546204" s="10"/>
    </row>
    <row r="546205" spans="14:14">
      <c r="N546205" s="10"/>
    </row>
    <row r="546206" spans="14:14">
      <c r="N546206" s="10"/>
    </row>
    <row r="546207" spans="14:14">
      <c r="N546207" s="10"/>
    </row>
    <row r="546208" spans="14:14">
      <c r="N546208" s="10"/>
    </row>
    <row r="546209" spans="14:14">
      <c r="N546209" s="10"/>
    </row>
    <row r="546210" spans="14:14">
      <c r="N546210" s="10"/>
    </row>
    <row r="546211" spans="14:14">
      <c r="N546211" s="10"/>
    </row>
    <row r="546212" spans="14:14">
      <c r="N546212" s="10"/>
    </row>
    <row r="546213" spans="14:14">
      <c r="N546213" s="10"/>
    </row>
    <row r="546214" spans="14:14">
      <c r="N546214" s="10"/>
    </row>
    <row r="546215" spans="14:14">
      <c r="N546215" s="10"/>
    </row>
    <row r="546216" spans="14:14">
      <c r="N546216" s="10"/>
    </row>
    <row r="546217" spans="14:14">
      <c r="N546217" s="10"/>
    </row>
    <row r="546218" spans="14:14">
      <c r="N546218" s="10"/>
    </row>
    <row r="546219" spans="14:14">
      <c r="N546219" s="10"/>
    </row>
    <row r="546220" spans="14:14">
      <c r="N546220" s="10"/>
    </row>
    <row r="546221" spans="14:14">
      <c r="N546221" s="10"/>
    </row>
    <row r="546222" spans="14:14">
      <c r="N546222" s="10"/>
    </row>
    <row r="546223" spans="14:14">
      <c r="N546223" s="10"/>
    </row>
    <row r="546224" spans="14:14">
      <c r="N546224" s="10"/>
    </row>
    <row r="546225" spans="14:14">
      <c r="N546225" s="10"/>
    </row>
    <row r="546226" spans="14:14">
      <c r="N546226" s="10"/>
    </row>
    <row r="546227" spans="14:14">
      <c r="N546227" s="10"/>
    </row>
    <row r="546228" spans="14:14">
      <c r="N546228" s="10"/>
    </row>
    <row r="546229" spans="14:14">
      <c r="N546229" s="10"/>
    </row>
    <row r="546230" spans="14:14">
      <c r="N546230" s="10"/>
    </row>
    <row r="546231" spans="14:14">
      <c r="N546231" s="10"/>
    </row>
    <row r="546232" spans="14:14">
      <c r="N546232" s="10"/>
    </row>
    <row r="546233" spans="14:14">
      <c r="N546233" s="10"/>
    </row>
    <row r="546234" spans="14:14">
      <c r="N546234" s="10"/>
    </row>
    <row r="546235" spans="14:14">
      <c r="N546235" s="10"/>
    </row>
    <row r="546236" spans="14:14">
      <c r="N546236" s="10"/>
    </row>
    <row r="546237" spans="14:14">
      <c r="N546237" s="10"/>
    </row>
    <row r="546238" spans="14:14">
      <c r="N546238" s="10"/>
    </row>
    <row r="546239" spans="14:14">
      <c r="N546239" s="10"/>
    </row>
    <row r="546240" spans="14:14">
      <c r="N546240" s="10"/>
    </row>
    <row r="546241" spans="14:14">
      <c r="N546241" s="10"/>
    </row>
    <row r="546242" spans="14:14">
      <c r="N546242" s="10"/>
    </row>
    <row r="546243" spans="14:14">
      <c r="N546243" s="10"/>
    </row>
    <row r="546244" spans="14:14">
      <c r="N546244" s="10"/>
    </row>
    <row r="546245" spans="14:14">
      <c r="N546245" s="10"/>
    </row>
    <row r="546246" spans="14:14">
      <c r="N546246" s="10"/>
    </row>
    <row r="546247" spans="14:14">
      <c r="N546247" s="10"/>
    </row>
    <row r="546248" spans="14:14">
      <c r="N546248" s="10"/>
    </row>
    <row r="546249" spans="14:14">
      <c r="N546249" s="10"/>
    </row>
    <row r="546250" spans="14:14">
      <c r="N546250" s="10"/>
    </row>
    <row r="546251" spans="14:14">
      <c r="N546251" s="10"/>
    </row>
    <row r="546252" spans="14:14">
      <c r="N546252" s="10"/>
    </row>
    <row r="546253" spans="14:14">
      <c r="N546253" s="10"/>
    </row>
    <row r="546254" spans="14:14">
      <c r="N546254" s="10"/>
    </row>
    <row r="546255" spans="14:14">
      <c r="N546255" s="10"/>
    </row>
    <row r="546256" spans="14:14">
      <c r="N546256" s="10"/>
    </row>
    <row r="546257" spans="14:14">
      <c r="N546257" s="10"/>
    </row>
    <row r="546258" spans="14:14">
      <c r="N546258" s="10"/>
    </row>
    <row r="546259" spans="14:14">
      <c r="N546259" s="10"/>
    </row>
    <row r="546260" spans="14:14">
      <c r="N546260" s="10"/>
    </row>
    <row r="546261" spans="14:14">
      <c r="N546261" s="10"/>
    </row>
    <row r="546262" spans="14:14">
      <c r="N546262" s="10"/>
    </row>
    <row r="546263" spans="14:14">
      <c r="N546263" s="10"/>
    </row>
    <row r="546264" spans="14:14">
      <c r="N546264" s="10"/>
    </row>
    <row r="546265" spans="14:14">
      <c r="N546265" s="10"/>
    </row>
    <row r="546266" spans="14:14">
      <c r="N546266" s="10"/>
    </row>
    <row r="546267" spans="14:14">
      <c r="N546267" s="10"/>
    </row>
    <row r="546268" spans="14:14">
      <c r="N546268" s="10"/>
    </row>
    <row r="546269" spans="14:14">
      <c r="N546269" s="10"/>
    </row>
    <row r="546270" spans="14:14">
      <c r="N546270" s="10"/>
    </row>
    <row r="546271" spans="14:14">
      <c r="N546271" s="10"/>
    </row>
    <row r="546272" spans="14:14">
      <c r="N546272" s="10"/>
    </row>
    <row r="546273" spans="14:14">
      <c r="N546273" s="10"/>
    </row>
    <row r="546274" spans="14:14">
      <c r="N546274" s="10"/>
    </row>
    <row r="546275" spans="14:14">
      <c r="N546275" s="10"/>
    </row>
    <row r="546276" spans="14:14">
      <c r="N546276" s="10"/>
    </row>
    <row r="546277" spans="14:14">
      <c r="N546277" s="10"/>
    </row>
    <row r="546278" spans="14:14">
      <c r="N546278" s="10"/>
    </row>
    <row r="546279" spans="14:14">
      <c r="N546279" s="10"/>
    </row>
    <row r="546280" spans="14:14">
      <c r="N546280" s="10"/>
    </row>
    <row r="546281" spans="14:14">
      <c r="N546281" s="10"/>
    </row>
    <row r="546282" spans="14:14">
      <c r="N546282" s="10"/>
    </row>
    <row r="546283" spans="14:14">
      <c r="N546283" s="10"/>
    </row>
    <row r="546284" spans="14:14">
      <c r="N546284" s="10"/>
    </row>
    <row r="546285" spans="14:14">
      <c r="N546285" s="10"/>
    </row>
    <row r="546286" spans="14:14">
      <c r="N546286" s="10"/>
    </row>
    <row r="546287" spans="14:14">
      <c r="N546287" s="10"/>
    </row>
    <row r="546288" spans="14:14">
      <c r="N546288" s="10"/>
    </row>
    <row r="546289" spans="14:14">
      <c r="N546289" s="10"/>
    </row>
    <row r="546290" spans="14:14">
      <c r="N546290" s="10"/>
    </row>
    <row r="546291" spans="14:14">
      <c r="N546291" s="10"/>
    </row>
    <row r="546292" spans="14:14">
      <c r="N546292" s="10"/>
    </row>
    <row r="546293" spans="14:14">
      <c r="N546293" s="10"/>
    </row>
    <row r="546294" spans="14:14">
      <c r="N546294" s="10"/>
    </row>
    <row r="546295" spans="14:14">
      <c r="N546295" s="10"/>
    </row>
    <row r="546296" spans="14:14">
      <c r="N546296" s="10"/>
    </row>
    <row r="546297" spans="14:14">
      <c r="N546297" s="10"/>
    </row>
    <row r="546298" spans="14:14">
      <c r="N546298" s="10"/>
    </row>
    <row r="546299" spans="14:14">
      <c r="N546299" s="10"/>
    </row>
    <row r="546300" spans="14:14">
      <c r="N546300" s="10"/>
    </row>
    <row r="546301" spans="14:14">
      <c r="N546301" s="10"/>
    </row>
    <row r="546302" spans="14:14">
      <c r="N546302" s="10"/>
    </row>
    <row r="546303" spans="14:14">
      <c r="N546303" s="10"/>
    </row>
    <row r="546304" spans="14:14">
      <c r="N546304" s="10"/>
    </row>
    <row r="546305" spans="14:14">
      <c r="N546305" s="10"/>
    </row>
    <row r="546306" spans="14:14">
      <c r="N546306" s="10"/>
    </row>
    <row r="546307" spans="14:14">
      <c r="N546307" s="10"/>
    </row>
    <row r="546308" spans="14:14">
      <c r="N546308" s="10"/>
    </row>
    <row r="546309" spans="14:14">
      <c r="N546309" s="10"/>
    </row>
    <row r="546310" spans="14:14">
      <c r="N546310" s="10"/>
    </row>
    <row r="546311" spans="14:14">
      <c r="N546311" s="10"/>
    </row>
    <row r="546312" spans="14:14">
      <c r="N546312" s="10"/>
    </row>
    <row r="546313" spans="14:14">
      <c r="N546313" s="10"/>
    </row>
    <row r="546314" spans="14:14">
      <c r="N546314" s="10"/>
    </row>
    <row r="546315" spans="14:14">
      <c r="N546315" s="10"/>
    </row>
    <row r="546316" spans="14:14">
      <c r="N546316" s="10"/>
    </row>
    <row r="546317" spans="14:14">
      <c r="N546317" s="10"/>
    </row>
    <row r="546318" spans="14:14">
      <c r="N546318" s="10"/>
    </row>
    <row r="546319" spans="14:14">
      <c r="N546319" s="10"/>
    </row>
    <row r="546320" spans="14:14">
      <c r="N546320" s="10"/>
    </row>
    <row r="546321" spans="14:14">
      <c r="N546321" s="10"/>
    </row>
    <row r="546322" spans="14:14">
      <c r="N546322" s="10"/>
    </row>
    <row r="546323" spans="14:14">
      <c r="N546323" s="10"/>
    </row>
    <row r="546324" spans="14:14">
      <c r="N546324" s="10"/>
    </row>
    <row r="546325" spans="14:14">
      <c r="N546325" s="10"/>
    </row>
    <row r="546326" spans="14:14">
      <c r="N546326" s="10"/>
    </row>
    <row r="546327" spans="14:14">
      <c r="N546327" s="10"/>
    </row>
    <row r="546328" spans="14:14">
      <c r="N546328" s="10"/>
    </row>
    <row r="546329" spans="14:14">
      <c r="N546329" s="10"/>
    </row>
    <row r="546330" spans="14:14">
      <c r="N546330" s="10"/>
    </row>
    <row r="546331" spans="14:14">
      <c r="N546331" s="10"/>
    </row>
    <row r="546332" spans="14:14">
      <c r="N546332" s="10"/>
    </row>
    <row r="546333" spans="14:14">
      <c r="N546333" s="10"/>
    </row>
    <row r="546334" spans="14:14">
      <c r="N546334" s="10"/>
    </row>
    <row r="546335" spans="14:14">
      <c r="N546335" s="10"/>
    </row>
    <row r="546336" spans="14:14">
      <c r="N546336" s="10"/>
    </row>
    <row r="546337" spans="14:14">
      <c r="N546337" s="10"/>
    </row>
    <row r="546338" spans="14:14">
      <c r="N546338" s="10"/>
    </row>
    <row r="546339" spans="14:14">
      <c r="N546339" s="10"/>
    </row>
    <row r="546340" spans="14:14">
      <c r="N546340" s="10"/>
    </row>
    <row r="546341" spans="14:14">
      <c r="N546341" s="10"/>
    </row>
    <row r="546342" spans="14:14">
      <c r="N546342" s="10"/>
    </row>
    <row r="546343" spans="14:14">
      <c r="N546343" s="10"/>
    </row>
    <row r="546344" spans="14:14">
      <c r="N546344" s="10"/>
    </row>
    <row r="546345" spans="14:14">
      <c r="N546345" s="10"/>
    </row>
    <row r="546346" spans="14:14">
      <c r="N546346" s="10"/>
    </row>
    <row r="546347" spans="14:14">
      <c r="N546347" s="10"/>
    </row>
    <row r="546348" spans="14:14">
      <c r="N546348" s="10"/>
    </row>
    <row r="546349" spans="14:14">
      <c r="N546349" s="10"/>
    </row>
    <row r="546350" spans="14:14">
      <c r="N546350" s="10"/>
    </row>
    <row r="546351" spans="14:14">
      <c r="N546351" s="10"/>
    </row>
    <row r="546352" spans="14:14">
      <c r="N546352" s="10"/>
    </row>
    <row r="546353" spans="14:14">
      <c r="N546353" s="10"/>
    </row>
    <row r="546354" spans="14:14">
      <c r="N546354" s="10"/>
    </row>
    <row r="546355" spans="14:14">
      <c r="N546355" s="10"/>
    </row>
    <row r="546356" spans="14:14">
      <c r="N546356" s="10"/>
    </row>
    <row r="546357" spans="14:14">
      <c r="N546357" s="10"/>
    </row>
    <row r="546358" spans="14:14">
      <c r="N546358" s="10"/>
    </row>
    <row r="546359" spans="14:14">
      <c r="N546359" s="10"/>
    </row>
    <row r="546360" spans="14:14">
      <c r="N546360" s="10"/>
    </row>
    <row r="546361" spans="14:14">
      <c r="N546361" s="10"/>
    </row>
    <row r="546362" spans="14:14">
      <c r="N546362" s="10"/>
    </row>
    <row r="546363" spans="14:14">
      <c r="N546363" s="10"/>
    </row>
    <row r="546364" spans="14:14">
      <c r="N546364" s="10"/>
    </row>
    <row r="546365" spans="14:14">
      <c r="N546365" s="10"/>
    </row>
    <row r="546366" spans="14:14">
      <c r="N546366" s="10"/>
    </row>
    <row r="546367" spans="14:14">
      <c r="N546367" s="10"/>
    </row>
    <row r="546368" spans="14:14">
      <c r="N546368" s="10"/>
    </row>
    <row r="546369" spans="14:14">
      <c r="N546369" s="10"/>
    </row>
    <row r="546370" spans="14:14">
      <c r="N546370" s="10"/>
    </row>
    <row r="546371" spans="14:14">
      <c r="N546371" s="10"/>
    </row>
    <row r="546372" spans="14:14">
      <c r="N546372" s="10"/>
    </row>
    <row r="546373" spans="14:14">
      <c r="N546373" s="10"/>
    </row>
    <row r="546374" spans="14:14">
      <c r="N546374" s="10"/>
    </row>
    <row r="546375" spans="14:14">
      <c r="N546375" s="10"/>
    </row>
    <row r="546376" spans="14:14">
      <c r="N546376" s="10"/>
    </row>
    <row r="546377" spans="14:14">
      <c r="N546377" s="10"/>
    </row>
    <row r="546378" spans="14:14">
      <c r="N546378" s="10"/>
    </row>
    <row r="546379" spans="14:14">
      <c r="N546379" s="10"/>
    </row>
    <row r="546380" spans="14:14">
      <c r="N546380" s="10"/>
    </row>
    <row r="546381" spans="14:14">
      <c r="N546381" s="10"/>
    </row>
    <row r="546382" spans="14:14">
      <c r="N546382" s="10"/>
    </row>
    <row r="546383" spans="14:14">
      <c r="N546383" s="10"/>
    </row>
    <row r="546384" spans="14:14">
      <c r="N546384" s="10"/>
    </row>
    <row r="546385" spans="14:14">
      <c r="N546385" s="10"/>
    </row>
    <row r="546386" spans="14:14">
      <c r="N546386" s="10"/>
    </row>
    <row r="546387" spans="14:14">
      <c r="N546387" s="10"/>
    </row>
    <row r="546388" spans="14:14">
      <c r="N546388" s="10"/>
    </row>
    <row r="546389" spans="14:14">
      <c r="N546389" s="10"/>
    </row>
    <row r="546390" spans="14:14">
      <c r="N546390" s="10"/>
    </row>
    <row r="546391" spans="14:14">
      <c r="N546391" s="10"/>
    </row>
    <row r="546392" spans="14:14">
      <c r="N546392" s="10"/>
    </row>
    <row r="546393" spans="14:14">
      <c r="N546393" s="10"/>
    </row>
    <row r="546394" spans="14:14">
      <c r="N546394" s="10"/>
    </row>
    <row r="546395" spans="14:14">
      <c r="N546395" s="10"/>
    </row>
    <row r="546396" spans="14:14">
      <c r="N546396" s="10"/>
    </row>
    <row r="546397" spans="14:14">
      <c r="N546397" s="10"/>
    </row>
    <row r="546398" spans="14:14">
      <c r="N546398" s="10"/>
    </row>
    <row r="546399" spans="14:14">
      <c r="N546399" s="10"/>
    </row>
    <row r="546400" spans="14:14">
      <c r="N546400" s="10"/>
    </row>
    <row r="546401" spans="14:14">
      <c r="N546401" s="10"/>
    </row>
    <row r="546402" spans="14:14">
      <c r="N546402" s="10"/>
    </row>
    <row r="546403" spans="14:14">
      <c r="N546403" s="10"/>
    </row>
    <row r="546404" spans="14:14">
      <c r="N546404" s="10"/>
    </row>
    <row r="546405" spans="14:14">
      <c r="N546405" s="10"/>
    </row>
    <row r="546406" spans="14:14">
      <c r="N546406" s="10"/>
    </row>
    <row r="546407" spans="14:14">
      <c r="N546407" s="10"/>
    </row>
    <row r="546408" spans="14:14">
      <c r="N546408" s="10"/>
    </row>
    <row r="546409" spans="14:14">
      <c r="N546409" s="10"/>
    </row>
    <row r="546410" spans="14:14">
      <c r="N546410" s="10"/>
    </row>
    <row r="546411" spans="14:14">
      <c r="N546411" s="10"/>
    </row>
    <row r="546412" spans="14:14">
      <c r="N546412" s="10"/>
    </row>
    <row r="546413" spans="14:14">
      <c r="N546413" s="10"/>
    </row>
    <row r="546414" spans="14:14">
      <c r="N546414" s="10"/>
    </row>
    <row r="546415" spans="14:14">
      <c r="N546415" s="10"/>
    </row>
    <row r="546416" spans="14:14">
      <c r="N546416" s="10"/>
    </row>
    <row r="546417" spans="14:14">
      <c r="N546417" s="10"/>
    </row>
    <row r="546418" spans="14:14">
      <c r="N546418" s="10"/>
    </row>
    <row r="546419" spans="14:14">
      <c r="N546419" s="10"/>
    </row>
    <row r="546420" spans="14:14">
      <c r="N546420" s="10"/>
    </row>
    <row r="546421" spans="14:14">
      <c r="N546421" s="10"/>
    </row>
    <row r="546422" spans="14:14">
      <c r="N546422" s="10"/>
    </row>
    <row r="546423" spans="14:14">
      <c r="N546423" s="10"/>
    </row>
    <row r="546424" spans="14:14">
      <c r="N546424" s="10"/>
    </row>
    <row r="546425" spans="14:14">
      <c r="N546425" s="10"/>
    </row>
    <row r="546426" spans="14:14">
      <c r="N546426" s="10"/>
    </row>
    <row r="546427" spans="14:14">
      <c r="N546427" s="10"/>
    </row>
    <row r="546428" spans="14:14">
      <c r="N546428" s="10"/>
    </row>
    <row r="546429" spans="14:14">
      <c r="N546429" s="10"/>
    </row>
    <row r="546430" spans="14:14">
      <c r="N546430" s="10"/>
    </row>
    <row r="546431" spans="14:14">
      <c r="N546431" s="10"/>
    </row>
    <row r="546432" spans="14:14">
      <c r="N546432" s="10"/>
    </row>
    <row r="546433" spans="14:14">
      <c r="N546433" s="10"/>
    </row>
    <row r="546434" spans="14:14">
      <c r="N546434" s="10"/>
    </row>
    <row r="546435" spans="14:14">
      <c r="N546435" s="10"/>
    </row>
    <row r="546436" spans="14:14">
      <c r="N546436" s="10"/>
    </row>
    <row r="546437" spans="14:14">
      <c r="N546437" s="10"/>
    </row>
    <row r="546438" spans="14:14">
      <c r="N546438" s="10"/>
    </row>
    <row r="546439" spans="14:14">
      <c r="N546439" s="10"/>
    </row>
    <row r="546440" spans="14:14">
      <c r="N546440" s="10"/>
    </row>
    <row r="546441" spans="14:14">
      <c r="N546441" s="10"/>
    </row>
    <row r="546442" spans="14:14">
      <c r="N546442" s="10"/>
    </row>
    <row r="546443" spans="14:14">
      <c r="N546443" s="10"/>
    </row>
    <row r="546444" spans="14:14">
      <c r="N546444" s="10"/>
    </row>
    <row r="546445" spans="14:14">
      <c r="N546445" s="10"/>
    </row>
    <row r="546446" spans="14:14">
      <c r="N546446" s="10"/>
    </row>
    <row r="546447" spans="14:14">
      <c r="N546447" s="10"/>
    </row>
    <row r="546448" spans="14:14">
      <c r="N546448" s="10"/>
    </row>
    <row r="546449" spans="14:14">
      <c r="N546449" s="10"/>
    </row>
    <row r="546450" spans="14:14">
      <c r="N546450" s="10"/>
    </row>
    <row r="546451" spans="14:14">
      <c r="N546451" s="10"/>
    </row>
    <row r="546452" spans="14:14">
      <c r="N546452" s="10"/>
    </row>
    <row r="546453" spans="14:14">
      <c r="N546453" s="10"/>
    </row>
    <row r="546454" spans="14:14">
      <c r="N546454" s="10"/>
    </row>
    <row r="546455" spans="14:14">
      <c r="N546455" s="10"/>
    </row>
    <row r="546456" spans="14:14">
      <c r="N546456" s="10"/>
    </row>
    <row r="546457" spans="14:14">
      <c r="N546457" s="10"/>
    </row>
    <row r="546458" spans="14:14">
      <c r="N546458" s="10"/>
    </row>
    <row r="546459" spans="14:14">
      <c r="N546459" s="10"/>
    </row>
    <row r="546460" spans="14:14">
      <c r="N546460" s="10"/>
    </row>
    <row r="546461" spans="14:14">
      <c r="N546461" s="10"/>
    </row>
    <row r="546462" spans="14:14">
      <c r="N546462" s="10"/>
    </row>
    <row r="546463" spans="14:14">
      <c r="N546463" s="10"/>
    </row>
    <row r="546464" spans="14:14">
      <c r="N546464" s="10"/>
    </row>
    <row r="546465" spans="14:14">
      <c r="N546465" s="10"/>
    </row>
    <row r="546466" spans="14:14">
      <c r="N546466" s="10"/>
    </row>
    <row r="546467" spans="14:14">
      <c r="N546467" s="10"/>
    </row>
    <row r="546468" spans="14:14">
      <c r="N546468" s="10"/>
    </row>
    <row r="546469" spans="14:14">
      <c r="N546469" s="10"/>
    </row>
    <row r="546470" spans="14:14">
      <c r="N546470" s="10"/>
    </row>
    <row r="546471" spans="14:14">
      <c r="N546471" s="10"/>
    </row>
    <row r="546472" spans="14:14">
      <c r="N546472" s="10"/>
    </row>
    <row r="546473" spans="14:14">
      <c r="N546473" s="10"/>
    </row>
    <row r="546474" spans="14:14">
      <c r="N546474" s="10"/>
    </row>
    <row r="546475" spans="14:14">
      <c r="N546475" s="10"/>
    </row>
    <row r="546476" spans="14:14">
      <c r="N546476" s="10"/>
    </row>
    <row r="546477" spans="14:14">
      <c r="N546477" s="10"/>
    </row>
    <row r="546478" spans="14:14">
      <c r="N546478" s="10"/>
    </row>
    <row r="546479" spans="14:14">
      <c r="N546479" s="10"/>
    </row>
    <row r="546480" spans="14:14">
      <c r="N546480" s="10"/>
    </row>
    <row r="546481" spans="14:14">
      <c r="N546481" s="10"/>
    </row>
    <row r="546482" spans="14:14">
      <c r="N546482" s="10"/>
    </row>
    <row r="546483" spans="14:14">
      <c r="N546483" s="10"/>
    </row>
    <row r="546484" spans="14:14">
      <c r="N546484" s="10"/>
    </row>
    <row r="546485" spans="14:14">
      <c r="N546485" s="10"/>
    </row>
    <row r="546486" spans="14:14">
      <c r="N546486" s="10"/>
    </row>
    <row r="546487" spans="14:14">
      <c r="N546487" s="10"/>
    </row>
    <row r="546488" spans="14:14">
      <c r="N546488" s="10"/>
    </row>
    <row r="546489" spans="14:14">
      <c r="N546489" s="10"/>
    </row>
    <row r="546490" spans="14:14">
      <c r="N546490" s="10"/>
    </row>
    <row r="546491" spans="14:14">
      <c r="N546491" s="10"/>
    </row>
    <row r="546492" spans="14:14">
      <c r="N546492" s="10"/>
    </row>
    <row r="546493" spans="14:14">
      <c r="N546493" s="10"/>
    </row>
    <row r="546494" spans="14:14">
      <c r="N546494" s="10"/>
    </row>
    <row r="546495" spans="14:14">
      <c r="N546495" s="10"/>
    </row>
    <row r="546496" spans="14:14">
      <c r="N546496" s="10"/>
    </row>
    <row r="546497" spans="14:14">
      <c r="N546497" s="10"/>
    </row>
    <row r="546498" spans="14:14">
      <c r="N546498" s="10"/>
    </row>
    <row r="546499" spans="14:14">
      <c r="N546499" s="10"/>
    </row>
    <row r="546500" spans="14:14">
      <c r="N546500" s="10"/>
    </row>
    <row r="546501" spans="14:14">
      <c r="N546501" s="10"/>
    </row>
    <row r="546502" spans="14:14">
      <c r="N546502" s="10"/>
    </row>
    <row r="546503" spans="14:14">
      <c r="N546503" s="10"/>
    </row>
    <row r="546504" spans="14:14">
      <c r="N546504" s="10"/>
    </row>
    <row r="546505" spans="14:14">
      <c r="N546505" s="10"/>
    </row>
    <row r="546506" spans="14:14">
      <c r="N546506" s="10"/>
    </row>
    <row r="546507" spans="14:14">
      <c r="N546507" s="10"/>
    </row>
    <row r="546508" spans="14:14">
      <c r="N546508" s="10"/>
    </row>
    <row r="546509" spans="14:14">
      <c r="N546509" s="10"/>
    </row>
    <row r="546510" spans="14:14">
      <c r="N546510" s="10"/>
    </row>
    <row r="546511" spans="14:14">
      <c r="N546511" s="10"/>
    </row>
    <row r="546512" spans="14:14">
      <c r="N546512" s="10"/>
    </row>
    <row r="546513" spans="14:14">
      <c r="N546513" s="10"/>
    </row>
    <row r="546514" spans="14:14">
      <c r="N546514" s="10"/>
    </row>
    <row r="546515" spans="14:14">
      <c r="N546515" s="10"/>
    </row>
    <row r="546516" spans="14:14">
      <c r="N546516" s="10"/>
    </row>
    <row r="546517" spans="14:14">
      <c r="N546517" s="10"/>
    </row>
    <row r="546518" spans="14:14">
      <c r="N546518" s="10"/>
    </row>
    <row r="546519" spans="14:14">
      <c r="N546519" s="10"/>
    </row>
    <row r="546520" spans="14:14">
      <c r="N546520" s="10"/>
    </row>
    <row r="546521" spans="14:14">
      <c r="N546521" s="10"/>
    </row>
    <row r="546522" spans="14:14">
      <c r="N546522" s="10"/>
    </row>
    <row r="546523" spans="14:14">
      <c r="N546523" s="10"/>
    </row>
    <row r="546524" spans="14:14">
      <c r="N546524" s="10"/>
    </row>
    <row r="546525" spans="14:14">
      <c r="N546525" s="10"/>
    </row>
    <row r="546526" spans="14:14">
      <c r="N546526" s="10"/>
    </row>
    <row r="546527" spans="14:14">
      <c r="N546527" s="10"/>
    </row>
    <row r="546528" spans="14:14">
      <c r="N546528" s="10"/>
    </row>
    <row r="546529" spans="14:14">
      <c r="N546529" s="10"/>
    </row>
    <row r="546530" spans="14:14">
      <c r="N546530" s="10"/>
    </row>
    <row r="546531" spans="14:14">
      <c r="N546531" s="10"/>
    </row>
    <row r="546532" spans="14:14">
      <c r="N546532" s="10"/>
    </row>
    <row r="546533" spans="14:14">
      <c r="N546533" s="10"/>
    </row>
    <row r="546534" spans="14:14">
      <c r="N546534" s="10"/>
    </row>
    <row r="546535" spans="14:14">
      <c r="N546535" s="10"/>
    </row>
    <row r="546536" spans="14:14">
      <c r="N546536" s="10"/>
    </row>
    <row r="546537" spans="14:14">
      <c r="N546537" s="10"/>
    </row>
    <row r="546538" spans="14:14">
      <c r="N546538" s="10"/>
    </row>
    <row r="546539" spans="14:14">
      <c r="N546539" s="10"/>
    </row>
    <row r="546540" spans="14:14">
      <c r="N546540" s="10"/>
    </row>
    <row r="546541" spans="14:14">
      <c r="N546541" s="10"/>
    </row>
    <row r="546542" spans="14:14">
      <c r="N546542" s="10"/>
    </row>
    <row r="546543" spans="14:14">
      <c r="N546543" s="10"/>
    </row>
    <row r="546544" spans="14:14">
      <c r="N546544" s="10"/>
    </row>
    <row r="546545" spans="14:14">
      <c r="N546545" s="10"/>
    </row>
    <row r="546546" spans="14:14">
      <c r="N546546" s="10"/>
    </row>
    <row r="546547" spans="14:14">
      <c r="N546547" s="10"/>
    </row>
    <row r="546548" spans="14:14">
      <c r="N546548" s="10"/>
    </row>
    <row r="546549" spans="14:14">
      <c r="N546549" s="10"/>
    </row>
    <row r="546550" spans="14:14">
      <c r="N546550" s="10"/>
    </row>
    <row r="546551" spans="14:14">
      <c r="N546551" s="10"/>
    </row>
    <row r="546552" spans="14:14">
      <c r="N546552" s="10"/>
    </row>
    <row r="546553" spans="14:14">
      <c r="N546553" s="10"/>
    </row>
    <row r="546554" spans="14:14">
      <c r="N546554" s="10"/>
    </row>
    <row r="546555" spans="14:14">
      <c r="N546555" s="10"/>
    </row>
    <row r="546556" spans="14:14">
      <c r="N546556" s="10"/>
    </row>
    <row r="546557" spans="14:14">
      <c r="N546557" s="10"/>
    </row>
    <row r="546558" spans="14:14">
      <c r="N546558" s="10"/>
    </row>
    <row r="546559" spans="14:14">
      <c r="N546559" s="10"/>
    </row>
    <row r="546560" spans="14:14">
      <c r="N546560" s="10"/>
    </row>
    <row r="546561" spans="14:14">
      <c r="N546561" s="10"/>
    </row>
    <row r="546562" spans="14:14">
      <c r="N546562" s="10"/>
    </row>
    <row r="546563" spans="14:14">
      <c r="N546563" s="10"/>
    </row>
    <row r="546564" spans="14:14">
      <c r="N546564" s="10"/>
    </row>
    <row r="546565" spans="14:14">
      <c r="N546565" s="10"/>
    </row>
    <row r="546566" spans="14:14">
      <c r="N546566" s="10"/>
    </row>
    <row r="546567" spans="14:14">
      <c r="N546567" s="10"/>
    </row>
    <row r="546568" spans="14:14">
      <c r="N546568" s="10"/>
    </row>
    <row r="546569" spans="14:14">
      <c r="N546569" s="10"/>
    </row>
    <row r="546570" spans="14:14">
      <c r="N546570" s="10"/>
    </row>
    <row r="546571" spans="14:14">
      <c r="N546571" s="10"/>
    </row>
    <row r="546572" spans="14:14">
      <c r="N546572" s="10"/>
    </row>
    <row r="546573" spans="14:14">
      <c r="N546573" s="10"/>
    </row>
    <row r="546574" spans="14:14">
      <c r="N546574" s="10"/>
    </row>
    <row r="546575" spans="14:14">
      <c r="N546575" s="10"/>
    </row>
    <row r="546576" spans="14:14">
      <c r="N546576" s="10"/>
    </row>
    <row r="546577" spans="14:14">
      <c r="N546577" s="10"/>
    </row>
    <row r="546578" spans="14:14">
      <c r="N546578" s="10"/>
    </row>
    <row r="546579" spans="14:14">
      <c r="N546579" s="10"/>
    </row>
    <row r="546580" spans="14:14">
      <c r="N546580" s="10"/>
    </row>
    <row r="546581" spans="14:14">
      <c r="N546581" s="10"/>
    </row>
    <row r="546582" spans="14:14">
      <c r="N546582" s="10"/>
    </row>
    <row r="546583" spans="14:14">
      <c r="N546583" s="10"/>
    </row>
    <row r="546584" spans="14:14">
      <c r="N546584" s="10"/>
    </row>
    <row r="546585" spans="14:14">
      <c r="N546585" s="10"/>
    </row>
    <row r="546586" spans="14:14">
      <c r="N546586" s="10"/>
    </row>
    <row r="546587" spans="14:14">
      <c r="N546587" s="10"/>
    </row>
    <row r="546588" spans="14:14">
      <c r="N546588" s="10"/>
    </row>
    <row r="546589" spans="14:14">
      <c r="N546589" s="10"/>
    </row>
    <row r="546590" spans="14:14">
      <c r="N546590" s="10"/>
    </row>
    <row r="546591" spans="14:14">
      <c r="N546591" s="10"/>
    </row>
    <row r="546592" spans="14:14">
      <c r="N546592" s="10"/>
    </row>
    <row r="546593" spans="14:14">
      <c r="N546593" s="10"/>
    </row>
    <row r="546594" spans="14:14">
      <c r="N546594" s="10"/>
    </row>
    <row r="546595" spans="14:14">
      <c r="N546595" s="10"/>
    </row>
    <row r="546596" spans="14:14">
      <c r="N546596" s="10"/>
    </row>
    <row r="546597" spans="14:14">
      <c r="N546597" s="10"/>
    </row>
    <row r="546598" spans="14:14">
      <c r="N546598" s="10"/>
    </row>
    <row r="546599" spans="14:14">
      <c r="N546599" s="10"/>
    </row>
    <row r="546600" spans="14:14">
      <c r="N546600" s="10"/>
    </row>
    <row r="546601" spans="14:14">
      <c r="N546601" s="10"/>
    </row>
    <row r="546602" spans="14:14">
      <c r="N546602" s="10"/>
    </row>
    <row r="546603" spans="14:14">
      <c r="N546603" s="10"/>
    </row>
    <row r="546604" spans="14:14">
      <c r="N546604" s="10"/>
    </row>
    <row r="546605" spans="14:14">
      <c r="N546605" s="10"/>
    </row>
    <row r="546606" spans="14:14">
      <c r="N546606" s="10"/>
    </row>
    <row r="546607" spans="14:14">
      <c r="N546607" s="10"/>
    </row>
    <row r="546608" spans="14:14">
      <c r="N546608" s="10"/>
    </row>
    <row r="546609" spans="14:14">
      <c r="N546609" s="10"/>
    </row>
    <row r="546610" spans="14:14">
      <c r="N546610" s="10"/>
    </row>
    <row r="546611" spans="14:14">
      <c r="N546611" s="10"/>
    </row>
    <row r="546612" spans="14:14">
      <c r="N546612" s="10"/>
    </row>
    <row r="546613" spans="14:14">
      <c r="N546613" s="10"/>
    </row>
    <row r="546614" spans="14:14">
      <c r="N546614" s="10"/>
    </row>
    <row r="546615" spans="14:14">
      <c r="N546615" s="10"/>
    </row>
    <row r="546616" spans="14:14">
      <c r="N546616" s="10"/>
    </row>
    <row r="546617" spans="14:14">
      <c r="N546617" s="10"/>
    </row>
    <row r="546618" spans="14:14">
      <c r="N546618" s="10"/>
    </row>
    <row r="546619" spans="14:14">
      <c r="N546619" s="10"/>
    </row>
    <row r="546620" spans="14:14">
      <c r="N546620" s="10"/>
    </row>
    <row r="546621" spans="14:14">
      <c r="N546621" s="10"/>
    </row>
    <row r="546622" spans="14:14">
      <c r="N546622" s="10"/>
    </row>
    <row r="546623" spans="14:14">
      <c r="N546623" s="10"/>
    </row>
    <row r="546624" spans="14:14">
      <c r="N546624" s="10"/>
    </row>
    <row r="546625" spans="14:14">
      <c r="N546625" s="10"/>
    </row>
    <row r="546626" spans="14:14">
      <c r="N546626" s="10"/>
    </row>
    <row r="546627" spans="14:14">
      <c r="N546627" s="10"/>
    </row>
    <row r="546628" spans="14:14">
      <c r="N546628" s="10"/>
    </row>
    <row r="546629" spans="14:14">
      <c r="N546629" s="10"/>
    </row>
    <row r="546630" spans="14:14">
      <c r="N546630" s="10"/>
    </row>
    <row r="546631" spans="14:14">
      <c r="N546631" s="10"/>
    </row>
    <row r="546632" spans="14:14">
      <c r="N546632" s="10"/>
    </row>
    <row r="546633" spans="14:14">
      <c r="N546633" s="10"/>
    </row>
    <row r="546634" spans="14:14">
      <c r="N546634" s="10"/>
    </row>
    <row r="546635" spans="14:14">
      <c r="N546635" s="10"/>
    </row>
    <row r="546636" spans="14:14">
      <c r="N546636" s="10"/>
    </row>
    <row r="546637" spans="14:14">
      <c r="N546637" s="10"/>
    </row>
    <row r="546638" spans="14:14">
      <c r="N546638" s="10"/>
    </row>
    <row r="546639" spans="14:14">
      <c r="N546639" s="10"/>
    </row>
    <row r="546640" spans="14:14">
      <c r="N546640" s="10"/>
    </row>
    <row r="546641" spans="14:14">
      <c r="N546641" s="10"/>
    </row>
    <row r="546642" spans="14:14">
      <c r="N546642" s="10"/>
    </row>
    <row r="546643" spans="14:14">
      <c r="N546643" s="10"/>
    </row>
    <row r="546644" spans="14:14">
      <c r="N546644" s="10"/>
    </row>
    <row r="546645" spans="14:14">
      <c r="N546645" s="10"/>
    </row>
    <row r="546646" spans="14:14">
      <c r="N546646" s="10"/>
    </row>
    <row r="546647" spans="14:14">
      <c r="N546647" s="10"/>
    </row>
    <row r="546648" spans="14:14">
      <c r="N546648" s="10"/>
    </row>
    <row r="546649" spans="14:14">
      <c r="N546649" s="10"/>
    </row>
    <row r="546650" spans="14:14">
      <c r="N546650" s="10"/>
    </row>
    <row r="546651" spans="14:14">
      <c r="N546651" s="10"/>
    </row>
    <row r="546652" spans="14:14">
      <c r="N546652" s="10"/>
    </row>
    <row r="546653" spans="14:14">
      <c r="N546653" s="10"/>
    </row>
    <row r="546654" spans="14:14">
      <c r="N546654" s="10"/>
    </row>
    <row r="546655" spans="14:14">
      <c r="N546655" s="10"/>
    </row>
    <row r="546656" spans="14:14">
      <c r="N546656" s="10"/>
    </row>
    <row r="546657" spans="14:14">
      <c r="N546657" s="10"/>
    </row>
    <row r="546658" spans="14:14">
      <c r="N546658" s="10"/>
    </row>
    <row r="546659" spans="14:14">
      <c r="N546659" s="10"/>
    </row>
    <row r="546660" spans="14:14">
      <c r="N546660" s="10"/>
    </row>
    <row r="546661" spans="14:14">
      <c r="N546661" s="10"/>
    </row>
    <row r="546662" spans="14:14">
      <c r="N546662" s="10"/>
    </row>
    <row r="546663" spans="14:14">
      <c r="N546663" s="10"/>
    </row>
    <row r="546664" spans="14:14">
      <c r="N546664" s="10"/>
    </row>
    <row r="546665" spans="14:14">
      <c r="N546665" s="10"/>
    </row>
    <row r="546666" spans="14:14">
      <c r="N546666" s="10"/>
    </row>
    <row r="546667" spans="14:14">
      <c r="N546667" s="10"/>
    </row>
    <row r="546668" spans="14:14">
      <c r="N546668" s="10"/>
    </row>
    <row r="546669" spans="14:14">
      <c r="N546669" s="10"/>
    </row>
    <row r="546670" spans="14:14">
      <c r="N546670" s="10"/>
    </row>
    <row r="546671" spans="14:14">
      <c r="N546671" s="10"/>
    </row>
    <row r="546672" spans="14:14">
      <c r="N546672" s="10"/>
    </row>
    <row r="546673" spans="14:14">
      <c r="N546673" s="10"/>
    </row>
    <row r="546674" spans="14:14">
      <c r="N546674" s="10"/>
    </row>
    <row r="546675" spans="14:14">
      <c r="N546675" s="10"/>
    </row>
    <row r="546676" spans="14:14">
      <c r="N546676" s="10"/>
    </row>
    <row r="546677" spans="14:14">
      <c r="N546677" s="10"/>
    </row>
    <row r="546678" spans="14:14">
      <c r="N546678" s="10"/>
    </row>
    <row r="546679" spans="14:14">
      <c r="N546679" s="10"/>
    </row>
    <row r="546680" spans="14:14">
      <c r="N546680" s="10"/>
    </row>
    <row r="546681" spans="14:14">
      <c r="N546681" s="10"/>
    </row>
    <row r="546682" spans="14:14">
      <c r="N546682" s="10"/>
    </row>
    <row r="546683" spans="14:14">
      <c r="N546683" s="10"/>
    </row>
    <row r="546684" spans="14:14">
      <c r="N546684" s="10"/>
    </row>
    <row r="546685" spans="14:14">
      <c r="N546685" s="10"/>
    </row>
    <row r="546686" spans="14:14">
      <c r="N546686" s="10"/>
    </row>
    <row r="546687" spans="14:14">
      <c r="N546687" s="10"/>
    </row>
    <row r="546688" spans="14:14">
      <c r="N546688" s="10"/>
    </row>
    <row r="546689" spans="14:14">
      <c r="N546689" s="10"/>
    </row>
    <row r="546690" spans="14:14">
      <c r="N546690" s="10"/>
    </row>
    <row r="546691" spans="14:14">
      <c r="N546691" s="10"/>
    </row>
    <row r="546692" spans="14:14">
      <c r="N546692" s="10"/>
    </row>
    <row r="546693" spans="14:14">
      <c r="N546693" s="10"/>
    </row>
    <row r="546694" spans="14:14">
      <c r="N546694" s="10"/>
    </row>
    <row r="546695" spans="14:14">
      <c r="N546695" s="10"/>
    </row>
    <row r="546696" spans="14:14">
      <c r="N546696" s="10"/>
    </row>
    <row r="546697" spans="14:14">
      <c r="N546697" s="10"/>
    </row>
    <row r="546698" spans="14:14">
      <c r="N546698" s="10"/>
    </row>
    <row r="546699" spans="14:14">
      <c r="N546699" s="10"/>
    </row>
    <row r="546700" spans="14:14">
      <c r="N546700" s="10"/>
    </row>
    <row r="546701" spans="14:14">
      <c r="N546701" s="10"/>
    </row>
    <row r="546702" spans="14:14">
      <c r="N546702" s="10"/>
    </row>
    <row r="546703" spans="14:14">
      <c r="N546703" s="10"/>
    </row>
    <row r="546704" spans="14:14">
      <c r="N546704" s="10"/>
    </row>
    <row r="546705" spans="14:14">
      <c r="N546705" s="10"/>
    </row>
    <row r="546706" spans="14:14">
      <c r="N546706" s="10"/>
    </row>
    <row r="546707" spans="14:14">
      <c r="N546707" s="10"/>
    </row>
    <row r="546708" spans="14:14">
      <c r="N546708" s="10"/>
    </row>
    <row r="546709" spans="14:14">
      <c r="N546709" s="10"/>
    </row>
    <row r="546710" spans="14:14">
      <c r="N546710" s="10"/>
    </row>
    <row r="546711" spans="14:14">
      <c r="N546711" s="10"/>
    </row>
    <row r="546712" spans="14:14">
      <c r="N546712" s="10"/>
    </row>
    <row r="546713" spans="14:14">
      <c r="N546713" s="10"/>
    </row>
    <row r="546714" spans="14:14">
      <c r="N546714" s="10"/>
    </row>
    <row r="546715" spans="14:14">
      <c r="N546715" s="10"/>
    </row>
    <row r="546716" spans="14:14">
      <c r="N546716" s="10"/>
    </row>
    <row r="546717" spans="14:14">
      <c r="N546717" s="10"/>
    </row>
    <row r="546718" spans="14:14">
      <c r="N546718" s="10"/>
    </row>
    <row r="546719" spans="14:14">
      <c r="N546719" s="10"/>
    </row>
    <row r="546720" spans="14:14">
      <c r="N546720" s="10"/>
    </row>
    <row r="546721" spans="14:14">
      <c r="N546721" s="10"/>
    </row>
    <row r="546722" spans="14:14">
      <c r="N546722" s="10"/>
    </row>
    <row r="546723" spans="14:14">
      <c r="N546723" s="10"/>
    </row>
    <row r="546724" spans="14:14">
      <c r="N546724" s="10"/>
    </row>
    <row r="546725" spans="14:14">
      <c r="N546725" s="10"/>
    </row>
    <row r="546726" spans="14:14">
      <c r="N546726" s="10"/>
    </row>
    <row r="546727" spans="14:14">
      <c r="N546727" s="10"/>
    </row>
    <row r="546728" spans="14:14">
      <c r="N546728" s="10"/>
    </row>
    <row r="546729" spans="14:14">
      <c r="N546729" s="10"/>
    </row>
    <row r="546730" spans="14:14">
      <c r="N546730" s="10"/>
    </row>
    <row r="546731" spans="14:14">
      <c r="N546731" s="10"/>
    </row>
    <row r="546732" spans="14:14">
      <c r="N546732" s="10"/>
    </row>
    <row r="546733" spans="14:14">
      <c r="N546733" s="10"/>
    </row>
    <row r="546734" spans="14:14">
      <c r="N546734" s="10"/>
    </row>
    <row r="546735" spans="14:14">
      <c r="N546735" s="10"/>
    </row>
    <row r="546736" spans="14:14">
      <c r="N546736" s="10"/>
    </row>
    <row r="546737" spans="14:14">
      <c r="N546737" s="10"/>
    </row>
    <row r="546738" spans="14:14">
      <c r="N546738" s="10"/>
    </row>
    <row r="546739" spans="14:14">
      <c r="N546739" s="10"/>
    </row>
    <row r="546740" spans="14:14">
      <c r="N546740" s="10"/>
    </row>
    <row r="546741" spans="14:14">
      <c r="N546741" s="10"/>
    </row>
    <row r="546742" spans="14:14">
      <c r="N546742" s="10"/>
    </row>
    <row r="546743" spans="14:14">
      <c r="N546743" s="10"/>
    </row>
    <row r="546744" spans="14:14">
      <c r="N546744" s="10"/>
    </row>
    <row r="546745" spans="14:14">
      <c r="N546745" s="10"/>
    </row>
    <row r="546746" spans="14:14">
      <c r="N546746" s="10"/>
    </row>
    <row r="546747" spans="14:14">
      <c r="N546747" s="10"/>
    </row>
    <row r="546748" spans="14:14">
      <c r="N546748" s="10"/>
    </row>
    <row r="546749" spans="14:14">
      <c r="N546749" s="10"/>
    </row>
    <row r="546750" spans="14:14">
      <c r="N546750" s="10"/>
    </row>
    <row r="546751" spans="14:14">
      <c r="N546751" s="10"/>
    </row>
    <row r="546752" spans="14:14">
      <c r="N546752" s="10"/>
    </row>
    <row r="546753" spans="14:14">
      <c r="N546753" s="10"/>
    </row>
    <row r="546754" spans="14:14">
      <c r="N546754" s="10"/>
    </row>
    <row r="546755" spans="14:14">
      <c r="N546755" s="10"/>
    </row>
    <row r="546756" spans="14:14">
      <c r="N546756" s="10"/>
    </row>
    <row r="546757" spans="14:14">
      <c r="N546757" s="10"/>
    </row>
    <row r="546758" spans="14:14">
      <c r="N546758" s="10"/>
    </row>
    <row r="546759" spans="14:14">
      <c r="N546759" s="10"/>
    </row>
    <row r="546760" spans="14:14">
      <c r="N546760" s="10"/>
    </row>
    <row r="546761" spans="14:14">
      <c r="N546761" s="10"/>
    </row>
    <row r="546762" spans="14:14">
      <c r="N546762" s="10"/>
    </row>
    <row r="546763" spans="14:14">
      <c r="N546763" s="10"/>
    </row>
    <row r="546764" spans="14:14">
      <c r="N546764" s="10"/>
    </row>
    <row r="546765" spans="14:14">
      <c r="N546765" s="10"/>
    </row>
    <row r="546766" spans="14:14">
      <c r="N546766" s="10"/>
    </row>
    <row r="546767" spans="14:14">
      <c r="N546767" s="10"/>
    </row>
    <row r="546768" spans="14:14">
      <c r="N546768" s="10"/>
    </row>
    <row r="546769" spans="14:14">
      <c r="N546769" s="10"/>
    </row>
    <row r="546770" spans="14:14">
      <c r="N546770" s="10"/>
    </row>
    <row r="546771" spans="14:14">
      <c r="N546771" s="10"/>
    </row>
    <row r="546772" spans="14:14">
      <c r="N546772" s="10"/>
    </row>
    <row r="546773" spans="14:14">
      <c r="N546773" s="10"/>
    </row>
    <row r="546774" spans="14:14">
      <c r="N546774" s="10"/>
    </row>
    <row r="546775" spans="14:14">
      <c r="N546775" s="10"/>
    </row>
    <row r="546776" spans="14:14">
      <c r="N546776" s="10"/>
    </row>
    <row r="546777" spans="14:14">
      <c r="N546777" s="10"/>
    </row>
    <row r="546778" spans="14:14">
      <c r="N546778" s="10"/>
    </row>
    <row r="546779" spans="14:14">
      <c r="N546779" s="10"/>
    </row>
    <row r="546780" spans="14:14">
      <c r="N546780" s="10"/>
    </row>
    <row r="546781" spans="14:14">
      <c r="N546781" s="10"/>
    </row>
    <row r="546782" spans="14:14">
      <c r="N546782" s="10"/>
    </row>
    <row r="546783" spans="14:14">
      <c r="N546783" s="10"/>
    </row>
    <row r="546784" spans="14:14">
      <c r="N546784" s="10"/>
    </row>
    <row r="546785" spans="14:14">
      <c r="N546785" s="10"/>
    </row>
    <row r="546786" spans="14:14">
      <c r="N546786" s="10"/>
    </row>
    <row r="546787" spans="14:14">
      <c r="N546787" s="10"/>
    </row>
    <row r="546788" spans="14:14">
      <c r="N546788" s="10"/>
    </row>
    <row r="546789" spans="14:14">
      <c r="N546789" s="10"/>
    </row>
    <row r="546790" spans="14:14">
      <c r="N546790" s="10"/>
    </row>
    <row r="546791" spans="14:14">
      <c r="N546791" s="10"/>
    </row>
    <row r="546792" spans="14:14">
      <c r="N546792" s="10"/>
    </row>
    <row r="546793" spans="14:14">
      <c r="N546793" s="10"/>
    </row>
    <row r="546794" spans="14:14">
      <c r="N546794" s="10"/>
    </row>
    <row r="546795" spans="14:14">
      <c r="N546795" s="10"/>
    </row>
    <row r="546796" spans="14:14">
      <c r="N546796" s="10"/>
    </row>
    <row r="546797" spans="14:14">
      <c r="N546797" s="10"/>
    </row>
    <row r="546798" spans="14:14">
      <c r="N546798" s="10"/>
    </row>
    <row r="546799" spans="14:14">
      <c r="N546799" s="10"/>
    </row>
    <row r="546800" spans="14:14">
      <c r="N546800" s="10"/>
    </row>
    <row r="546801" spans="14:14">
      <c r="N546801" s="10"/>
    </row>
    <row r="546802" spans="14:14">
      <c r="N546802" s="10"/>
    </row>
    <row r="546803" spans="14:14">
      <c r="N546803" s="10"/>
    </row>
    <row r="546804" spans="14:14">
      <c r="N546804" s="10"/>
    </row>
    <row r="546805" spans="14:14">
      <c r="N546805" s="10"/>
    </row>
    <row r="546806" spans="14:14">
      <c r="N546806" s="10"/>
    </row>
    <row r="546807" spans="14:14">
      <c r="N546807" s="10"/>
    </row>
    <row r="546808" spans="14:14">
      <c r="N546808" s="10"/>
    </row>
    <row r="546809" spans="14:14">
      <c r="N546809" s="10"/>
    </row>
    <row r="546810" spans="14:14">
      <c r="N546810" s="10"/>
    </row>
    <row r="546811" spans="14:14">
      <c r="N546811" s="10"/>
    </row>
    <row r="546812" spans="14:14">
      <c r="N546812" s="10"/>
    </row>
    <row r="546813" spans="14:14">
      <c r="N546813" s="10"/>
    </row>
    <row r="546814" spans="14:14">
      <c r="N546814" s="10"/>
    </row>
    <row r="546815" spans="14:14">
      <c r="N546815" s="10"/>
    </row>
    <row r="546816" spans="14:14">
      <c r="N546816" s="10"/>
    </row>
    <row r="546817" spans="14:14">
      <c r="N546817" s="10"/>
    </row>
    <row r="546818" spans="14:14">
      <c r="N546818" s="10"/>
    </row>
    <row r="546819" spans="14:14">
      <c r="N546819" s="10"/>
    </row>
    <row r="546820" spans="14:14">
      <c r="N546820" s="10"/>
    </row>
    <row r="546821" spans="14:14">
      <c r="N546821" s="10"/>
    </row>
    <row r="546822" spans="14:14">
      <c r="N546822" s="10"/>
    </row>
    <row r="546823" spans="14:14">
      <c r="N546823" s="10"/>
    </row>
    <row r="546824" spans="14:14">
      <c r="N546824" s="10"/>
    </row>
    <row r="546825" spans="14:14">
      <c r="N546825" s="10"/>
    </row>
    <row r="546826" spans="14:14">
      <c r="N546826" s="10"/>
    </row>
    <row r="546827" spans="14:14">
      <c r="N546827" s="10"/>
    </row>
    <row r="546828" spans="14:14">
      <c r="N546828" s="10"/>
    </row>
    <row r="546829" spans="14:14">
      <c r="N546829" s="10"/>
    </row>
    <row r="546830" spans="14:14">
      <c r="N546830" s="10"/>
    </row>
    <row r="546831" spans="14:14">
      <c r="N546831" s="10"/>
    </row>
    <row r="546832" spans="14:14">
      <c r="N546832" s="10"/>
    </row>
    <row r="546833" spans="14:14">
      <c r="N546833" s="10"/>
    </row>
    <row r="546834" spans="14:14">
      <c r="N546834" s="10"/>
    </row>
    <row r="546835" spans="14:14">
      <c r="N546835" s="10"/>
    </row>
    <row r="546836" spans="14:14">
      <c r="N546836" s="10"/>
    </row>
    <row r="546837" spans="14:14">
      <c r="N546837" s="10"/>
    </row>
    <row r="546838" spans="14:14">
      <c r="N546838" s="10"/>
    </row>
    <row r="546839" spans="14:14">
      <c r="N546839" s="10"/>
    </row>
    <row r="546840" spans="14:14">
      <c r="N546840" s="10"/>
    </row>
    <row r="546841" spans="14:14">
      <c r="N546841" s="10"/>
    </row>
    <row r="546842" spans="14:14">
      <c r="N546842" s="10"/>
    </row>
    <row r="546843" spans="14:14">
      <c r="N546843" s="10"/>
    </row>
    <row r="546844" spans="14:14">
      <c r="N546844" s="10"/>
    </row>
    <row r="546845" spans="14:14">
      <c r="N546845" s="10"/>
    </row>
    <row r="546846" spans="14:14">
      <c r="N546846" s="10"/>
    </row>
    <row r="546847" spans="14:14">
      <c r="N546847" s="10"/>
    </row>
    <row r="546848" spans="14:14">
      <c r="N546848" s="10"/>
    </row>
    <row r="546849" spans="14:14">
      <c r="N546849" s="10"/>
    </row>
    <row r="546850" spans="14:14">
      <c r="N546850" s="10"/>
    </row>
    <row r="546851" spans="14:14">
      <c r="N546851" s="10"/>
    </row>
    <row r="546852" spans="14:14">
      <c r="N546852" s="10"/>
    </row>
    <row r="546853" spans="14:14">
      <c r="N546853" s="10"/>
    </row>
    <row r="546854" spans="14:14">
      <c r="N546854" s="10"/>
    </row>
    <row r="546855" spans="14:14">
      <c r="N546855" s="10"/>
    </row>
    <row r="546856" spans="14:14">
      <c r="N546856" s="10"/>
    </row>
    <row r="546857" spans="14:14">
      <c r="N546857" s="10"/>
    </row>
    <row r="546858" spans="14:14">
      <c r="N546858" s="10"/>
    </row>
    <row r="546859" spans="14:14">
      <c r="N546859" s="10"/>
    </row>
    <row r="546860" spans="14:14">
      <c r="N546860" s="10"/>
    </row>
    <row r="546861" spans="14:14">
      <c r="N546861" s="10"/>
    </row>
    <row r="546862" spans="14:14">
      <c r="N546862" s="10"/>
    </row>
    <row r="546863" spans="14:14">
      <c r="N546863" s="10"/>
    </row>
    <row r="546864" spans="14:14">
      <c r="N546864" s="10"/>
    </row>
    <row r="546865" spans="14:14">
      <c r="N546865" s="10"/>
    </row>
    <row r="546866" spans="14:14">
      <c r="N546866" s="10"/>
    </row>
    <row r="546867" spans="14:14">
      <c r="N546867" s="10"/>
    </row>
    <row r="546868" spans="14:14">
      <c r="N546868" s="10"/>
    </row>
    <row r="546869" spans="14:14">
      <c r="N546869" s="10"/>
    </row>
    <row r="546870" spans="14:14">
      <c r="N546870" s="10"/>
    </row>
    <row r="546871" spans="14:14">
      <c r="N546871" s="10"/>
    </row>
    <row r="546872" spans="14:14">
      <c r="N546872" s="10"/>
    </row>
    <row r="546873" spans="14:14">
      <c r="N546873" s="10"/>
    </row>
    <row r="546874" spans="14:14">
      <c r="N546874" s="10"/>
    </row>
    <row r="546875" spans="14:14">
      <c r="N546875" s="10"/>
    </row>
    <row r="546876" spans="14:14">
      <c r="N546876" s="10"/>
    </row>
    <row r="546877" spans="14:14">
      <c r="N546877" s="10"/>
    </row>
    <row r="546878" spans="14:14">
      <c r="N546878" s="10"/>
    </row>
    <row r="546879" spans="14:14">
      <c r="N546879" s="10"/>
    </row>
    <row r="546880" spans="14:14">
      <c r="N546880" s="10"/>
    </row>
    <row r="546881" spans="14:14">
      <c r="N546881" s="10"/>
    </row>
    <row r="546882" spans="14:14">
      <c r="N546882" s="10"/>
    </row>
    <row r="546883" spans="14:14">
      <c r="N546883" s="10"/>
    </row>
    <row r="546884" spans="14:14">
      <c r="N546884" s="10"/>
    </row>
    <row r="546885" spans="14:14">
      <c r="N546885" s="10"/>
    </row>
    <row r="546886" spans="14:14">
      <c r="N546886" s="10"/>
    </row>
    <row r="546887" spans="14:14">
      <c r="N546887" s="10"/>
    </row>
    <row r="546888" spans="14:14">
      <c r="N546888" s="10"/>
    </row>
    <row r="546889" spans="14:14">
      <c r="N546889" s="10"/>
    </row>
    <row r="546890" spans="14:14">
      <c r="N546890" s="10"/>
    </row>
    <row r="546891" spans="14:14">
      <c r="N546891" s="10"/>
    </row>
    <row r="546892" spans="14:14">
      <c r="N546892" s="10"/>
    </row>
    <row r="546893" spans="14:14">
      <c r="N546893" s="10"/>
    </row>
    <row r="546894" spans="14:14">
      <c r="N546894" s="10"/>
    </row>
    <row r="546895" spans="14:14">
      <c r="N546895" s="10"/>
    </row>
    <row r="546896" spans="14:14">
      <c r="N546896" s="10"/>
    </row>
    <row r="546897" spans="14:14">
      <c r="N546897" s="10"/>
    </row>
    <row r="546898" spans="14:14">
      <c r="N546898" s="10"/>
    </row>
    <row r="546899" spans="14:14">
      <c r="N546899" s="10"/>
    </row>
    <row r="546900" spans="14:14">
      <c r="N546900" s="10"/>
    </row>
    <row r="546901" spans="14:14">
      <c r="N546901" s="10"/>
    </row>
    <row r="546902" spans="14:14">
      <c r="N546902" s="10"/>
    </row>
    <row r="546903" spans="14:14">
      <c r="N546903" s="10"/>
    </row>
    <row r="546904" spans="14:14">
      <c r="N546904" s="10"/>
    </row>
    <row r="546905" spans="14:14">
      <c r="N546905" s="10"/>
    </row>
    <row r="546906" spans="14:14">
      <c r="N546906" s="10"/>
    </row>
    <row r="546907" spans="14:14">
      <c r="N546907" s="10"/>
    </row>
    <row r="546908" spans="14:14">
      <c r="N546908" s="10"/>
    </row>
    <row r="546909" spans="14:14">
      <c r="N546909" s="10"/>
    </row>
    <row r="546910" spans="14:14">
      <c r="N546910" s="10"/>
    </row>
    <row r="546911" spans="14:14">
      <c r="N546911" s="10"/>
    </row>
    <row r="546912" spans="14:14">
      <c r="N546912" s="10"/>
    </row>
    <row r="546913" spans="14:14">
      <c r="N546913" s="10"/>
    </row>
    <row r="546914" spans="14:14">
      <c r="N546914" s="10"/>
    </row>
    <row r="546915" spans="14:14">
      <c r="N546915" s="10"/>
    </row>
    <row r="546916" spans="14:14">
      <c r="N546916" s="10"/>
    </row>
    <row r="546917" spans="14:14">
      <c r="N546917" s="10"/>
    </row>
    <row r="546918" spans="14:14">
      <c r="N546918" s="10"/>
    </row>
    <row r="546919" spans="14:14">
      <c r="N546919" s="10"/>
    </row>
    <row r="546920" spans="14:14">
      <c r="N546920" s="10"/>
    </row>
    <row r="546921" spans="14:14">
      <c r="N546921" s="10"/>
    </row>
    <row r="546922" spans="14:14">
      <c r="N546922" s="10"/>
    </row>
    <row r="546923" spans="14:14">
      <c r="N546923" s="10"/>
    </row>
    <row r="546924" spans="14:14">
      <c r="N546924" s="10"/>
    </row>
    <row r="546925" spans="14:14">
      <c r="N546925" s="10"/>
    </row>
    <row r="546926" spans="14:14">
      <c r="N546926" s="10"/>
    </row>
    <row r="546927" spans="14:14">
      <c r="N546927" s="10"/>
    </row>
    <row r="546928" spans="14:14">
      <c r="N546928" s="10"/>
    </row>
    <row r="546929" spans="14:14">
      <c r="N546929" s="10"/>
    </row>
    <row r="546930" spans="14:14">
      <c r="N546930" s="10"/>
    </row>
    <row r="546931" spans="14:14">
      <c r="N546931" s="10"/>
    </row>
    <row r="546932" spans="14:14">
      <c r="N546932" s="10"/>
    </row>
    <row r="546933" spans="14:14">
      <c r="N546933" s="10"/>
    </row>
    <row r="546934" spans="14:14">
      <c r="N546934" s="10"/>
    </row>
    <row r="546935" spans="14:14">
      <c r="N546935" s="10"/>
    </row>
    <row r="546936" spans="14:14">
      <c r="N546936" s="10"/>
    </row>
    <row r="546937" spans="14:14">
      <c r="N546937" s="10"/>
    </row>
    <row r="546938" spans="14:14">
      <c r="N546938" s="10"/>
    </row>
    <row r="546939" spans="14:14">
      <c r="N546939" s="10"/>
    </row>
    <row r="546940" spans="14:14">
      <c r="N546940" s="10"/>
    </row>
    <row r="546941" spans="14:14">
      <c r="N546941" s="10"/>
    </row>
    <row r="546942" spans="14:14">
      <c r="N546942" s="10"/>
    </row>
    <row r="546943" spans="14:14">
      <c r="N546943" s="10"/>
    </row>
    <row r="546944" spans="14:14">
      <c r="N546944" s="10"/>
    </row>
    <row r="546945" spans="14:14">
      <c r="N546945" s="10"/>
    </row>
    <row r="546946" spans="14:14">
      <c r="N546946" s="10"/>
    </row>
    <row r="546947" spans="14:14">
      <c r="N546947" s="10"/>
    </row>
    <row r="546948" spans="14:14">
      <c r="N546948" s="10"/>
    </row>
    <row r="546949" spans="14:14">
      <c r="N546949" s="10"/>
    </row>
    <row r="546950" spans="14:14">
      <c r="N546950" s="10"/>
    </row>
    <row r="546951" spans="14:14">
      <c r="N546951" s="10"/>
    </row>
    <row r="546952" spans="14:14">
      <c r="N546952" s="10"/>
    </row>
    <row r="546953" spans="14:14">
      <c r="N546953" s="10"/>
    </row>
    <row r="546954" spans="14:14">
      <c r="N546954" s="10"/>
    </row>
    <row r="546955" spans="14:14">
      <c r="N546955" s="10"/>
    </row>
    <row r="546956" spans="14:14">
      <c r="N546956" s="10"/>
    </row>
    <row r="546957" spans="14:14">
      <c r="N546957" s="10"/>
    </row>
    <row r="546958" spans="14:14">
      <c r="N546958" s="10"/>
    </row>
    <row r="546959" spans="14:14">
      <c r="N546959" s="10"/>
    </row>
    <row r="546960" spans="14:14">
      <c r="N546960" s="10"/>
    </row>
    <row r="546961" spans="14:14">
      <c r="N546961" s="10"/>
    </row>
    <row r="546962" spans="14:14">
      <c r="N546962" s="10"/>
    </row>
    <row r="546963" spans="14:14">
      <c r="N546963" s="10"/>
    </row>
    <row r="546964" spans="14:14">
      <c r="N546964" s="10"/>
    </row>
    <row r="546965" spans="14:14">
      <c r="N546965" s="10"/>
    </row>
    <row r="546966" spans="14:14">
      <c r="N546966" s="10"/>
    </row>
    <row r="546967" spans="14:14">
      <c r="N546967" s="10"/>
    </row>
    <row r="546968" spans="14:14">
      <c r="N546968" s="10"/>
    </row>
    <row r="546969" spans="14:14">
      <c r="N546969" s="10"/>
    </row>
    <row r="546970" spans="14:14">
      <c r="N546970" s="10"/>
    </row>
    <row r="546971" spans="14:14">
      <c r="N546971" s="10"/>
    </row>
    <row r="546972" spans="14:14">
      <c r="N546972" s="10"/>
    </row>
    <row r="546973" spans="14:14">
      <c r="N546973" s="10"/>
    </row>
    <row r="546974" spans="14:14">
      <c r="N546974" s="10"/>
    </row>
    <row r="546975" spans="14:14">
      <c r="N546975" s="10"/>
    </row>
    <row r="546976" spans="14:14">
      <c r="N546976" s="10"/>
    </row>
    <row r="546977" spans="14:14">
      <c r="N546977" s="10"/>
    </row>
    <row r="546978" spans="14:14">
      <c r="N546978" s="10"/>
    </row>
    <row r="546979" spans="14:14">
      <c r="N546979" s="10"/>
    </row>
    <row r="546980" spans="14:14">
      <c r="N546980" s="10"/>
    </row>
    <row r="546981" spans="14:14">
      <c r="N546981" s="10"/>
    </row>
    <row r="546982" spans="14:14">
      <c r="N546982" s="10"/>
    </row>
    <row r="546983" spans="14:14">
      <c r="N546983" s="10"/>
    </row>
    <row r="546984" spans="14:14">
      <c r="N546984" s="10"/>
    </row>
    <row r="546985" spans="14:14">
      <c r="N546985" s="10"/>
    </row>
    <row r="546986" spans="14:14">
      <c r="N546986" s="10"/>
    </row>
    <row r="546987" spans="14:14">
      <c r="N546987" s="10"/>
    </row>
    <row r="546988" spans="14:14">
      <c r="N546988" s="10"/>
    </row>
    <row r="546989" spans="14:14">
      <c r="N546989" s="10"/>
    </row>
    <row r="546990" spans="14:14">
      <c r="N546990" s="10"/>
    </row>
    <row r="546991" spans="14:14">
      <c r="N546991" s="10"/>
    </row>
    <row r="546992" spans="14:14">
      <c r="N546992" s="10"/>
    </row>
    <row r="546993" spans="14:14">
      <c r="N546993" s="10"/>
    </row>
    <row r="546994" spans="14:14">
      <c r="N546994" s="10"/>
    </row>
    <row r="546995" spans="14:14">
      <c r="N546995" s="10"/>
    </row>
    <row r="546996" spans="14:14">
      <c r="N546996" s="10"/>
    </row>
    <row r="546997" spans="14:14">
      <c r="N546997" s="10"/>
    </row>
    <row r="546998" spans="14:14">
      <c r="N546998" s="10"/>
    </row>
    <row r="546999" spans="14:14">
      <c r="N546999" s="10"/>
    </row>
    <row r="547000" spans="14:14">
      <c r="N547000" s="10"/>
    </row>
    <row r="547001" spans="14:14">
      <c r="N547001" s="10"/>
    </row>
    <row r="547002" spans="14:14">
      <c r="N547002" s="10"/>
    </row>
    <row r="547003" spans="14:14">
      <c r="N547003" s="10"/>
    </row>
    <row r="547004" spans="14:14">
      <c r="N547004" s="10"/>
    </row>
    <row r="547005" spans="14:14">
      <c r="N547005" s="10"/>
    </row>
    <row r="547006" spans="14:14">
      <c r="N547006" s="10"/>
    </row>
    <row r="547007" spans="14:14">
      <c r="N547007" s="10"/>
    </row>
    <row r="547008" spans="14:14">
      <c r="N547008" s="10"/>
    </row>
    <row r="547009" spans="14:14">
      <c r="N547009" s="10"/>
    </row>
    <row r="547010" spans="14:14">
      <c r="N547010" s="10"/>
    </row>
    <row r="547011" spans="14:14">
      <c r="N547011" s="10"/>
    </row>
    <row r="547012" spans="14:14">
      <c r="N547012" s="10"/>
    </row>
    <row r="547013" spans="14:14">
      <c r="N547013" s="10"/>
    </row>
    <row r="547014" spans="14:14">
      <c r="N547014" s="10"/>
    </row>
    <row r="547015" spans="14:14">
      <c r="N547015" s="10"/>
    </row>
    <row r="547016" spans="14:14">
      <c r="N547016" s="10"/>
    </row>
    <row r="547017" spans="14:14">
      <c r="N547017" s="10"/>
    </row>
    <row r="547018" spans="14:14">
      <c r="N547018" s="10"/>
    </row>
    <row r="547019" spans="14:14">
      <c r="N547019" s="10"/>
    </row>
    <row r="547020" spans="14:14">
      <c r="N547020" s="10"/>
    </row>
    <row r="547021" spans="14:14">
      <c r="N547021" s="10"/>
    </row>
    <row r="547022" spans="14:14">
      <c r="N547022" s="10"/>
    </row>
    <row r="547023" spans="14:14">
      <c r="N547023" s="10"/>
    </row>
    <row r="547024" spans="14:14">
      <c r="N547024" s="10"/>
    </row>
    <row r="547025" spans="14:14">
      <c r="N547025" s="10"/>
    </row>
    <row r="547026" spans="14:14">
      <c r="N547026" s="10"/>
    </row>
    <row r="547027" spans="14:14">
      <c r="N547027" s="10"/>
    </row>
    <row r="547028" spans="14:14">
      <c r="N547028" s="10"/>
    </row>
    <row r="547029" spans="14:14">
      <c r="N547029" s="10"/>
    </row>
    <row r="547030" spans="14:14">
      <c r="N547030" s="10"/>
    </row>
    <row r="547031" spans="14:14">
      <c r="N547031" s="10"/>
    </row>
    <row r="547032" spans="14:14">
      <c r="N547032" s="10"/>
    </row>
    <row r="547033" spans="14:14">
      <c r="N547033" s="10"/>
    </row>
    <row r="547034" spans="14:14">
      <c r="N547034" s="10"/>
    </row>
    <row r="547035" spans="14:14">
      <c r="N547035" s="10"/>
    </row>
    <row r="547036" spans="14:14">
      <c r="N547036" s="10"/>
    </row>
    <row r="547037" spans="14:14">
      <c r="N547037" s="10"/>
    </row>
    <row r="547038" spans="14:14">
      <c r="N547038" s="10"/>
    </row>
    <row r="547039" spans="14:14">
      <c r="N547039" s="10"/>
    </row>
    <row r="547040" spans="14:14">
      <c r="N547040" s="10"/>
    </row>
    <row r="547041" spans="14:14">
      <c r="N547041" s="10"/>
    </row>
    <row r="547042" spans="14:14">
      <c r="N547042" s="10"/>
    </row>
    <row r="547043" spans="14:14">
      <c r="N547043" s="10"/>
    </row>
    <row r="547044" spans="14:14">
      <c r="N547044" s="10"/>
    </row>
    <row r="547045" spans="14:14">
      <c r="N547045" s="10"/>
    </row>
    <row r="547046" spans="14:14">
      <c r="N547046" s="10"/>
    </row>
    <row r="547047" spans="14:14">
      <c r="N547047" s="10"/>
    </row>
    <row r="547048" spans="14:14">
      <c r="N547048" s="10"/>
    </row>
    <row r="547049" spans="14:14">
      <c r="N547049" s="10"/>
    </row>
    <row r="547050" spans="14:14">
      <c r="N547050" s="10"/>
    </row>
    <row r="547051" spans="14:14">
      <c r="N547051" s="10"/>
    </row>
    <row r="547052" spans="14:14">
      <c r="N547052" s="10"/>
    </row>
    <row r="547053" spans="14:14">
      <c r="N547053" s="10"/>
    </row>
    <row r="547054" spans="14:14">
      <c r="N547054" s="10"/>
    </row>
    <row r="547055" spans="14:14">
      <c r="N547055" s="10"/>
    </row>
    <row r="547056" spans="14:14">
      <c r="N547056" s="10"/>
    </row>
    <row r="547057" spans="14:14">
      <c r="N547057" s="10"/>
    </row>
    <row r="547058" spans="14:14">
      <c r="N547058" s="10"/>
    </row>
    <row r="547059" spans="14:14">
      <c r="N547059" s="10"/>
    </row>
    <row r="547060" spans="14:14">
      <c r="N547060" s="10"/>
    </row>
    <row r="547061" spans="14:14">
      <c r="N547061" s="10"/>
    </row>
    <row r="547062" spans="14:14">
      <c r="N547062" s="10"/>
    </row>
    <row r="547063" spans="14:14">
      <c r="N547063" s="10"/>
    </row>
    <row r="547064" spans="14:14">
      <c r="N547064" s="10"/>
    </row>
    <row r="547065" spans="14:14">
      <c r="N547065" s="10"/>
    </row>
    <row r="547066" spans="14:14">
      <c r="N547066" s="10"/>
    </row>
    <row r="547067" spans="14:14">
      <c r="N547067" s="10"/>
    </row>
    <row r="547068" spans="14:14">
      <c r="N547068" s="10"/>
    </row>
    <row r="547069" spans="14:14">
      <c r="N547069" s="10"/>
    </row>
    <row r="547070" spans="14:14">
      <c r="N547070" s="10"/>
    </row>
    <row r="547071" spans="14:14">
      <c r="N547071" s="10"/>
    </row>
    <row r="547072" spans="14:14">
      <c r="N547072" s="10"/>
    </row>
    <row r="547073" spans="14:14">
      <c r="N547073" s="10"/>
    </row>
    <row r="547074" spans="14:14">
      <c r="N547074" s="10"/>
    </row>
    <row r="547075" spans="14:14">
      <c r="N547075" s="10"/>
    </row>
    <row r="547076" spans="14:14">
      <c r="N547076" s="10"/>
    </row>
    <row r="547077" spans="14:14">
      <c r="N547077" s="10"/>
    </row>
    <row r="547078" spans="14:14">
      <c r="N547078" s="10"/>
    </row>
    <row r="547079" spans="14:14">
      <c r="N547079" s="10"/>
    </row>
    <row r="547080" spans="14:14">
      <c r="N547080" s="10"/>
    </row>
    <row r="547081" spans="14:14">
      <c r="N547081" s="10"/>
    </row>
    <row r="547082" spans="14:14">
      <c r="N547082" s="10"/>
    </row>
    <row r="547083" spans="14:14">
      <c r="N547083" s="10"/>
    </row>
    <row r="547084" spans="14:14">
      <c r="N547084" s="10"/>
    </row>
    <row r="547085" spans="14:14">
      <c r="N547085" s="10"/>
    </row>
    <row r="547086" spans="14:14">
      <c r="N547086" s="10"/>
    </row>
    <row r="547087" spans="14:14">
      <c r="N547087" s="10"/>
    </row>
    <row r="547088" spans="14:14">
      <c r="N547088" s="10"/>
    </row>
    <row r="547089" spans="14:14">
      <c r="N547089" s="10"/>
    </row>
    <row r="547090" spans="14:14">
      <c r="N547090" s="10"/>
    </row>
    <row r="547091" spans="14:14">
      <c r="N547091" s="10"/>
    </row>
    <row r="547092" spans="14:14">
      <c r="N547092" s="10"/>
    </row>
    <row r="547093" spans="14:14">
      <c r="N547093" s="10"/>
    </row>
    <row r="547094" spans="14:14">
      <c r="N547094" s="10"/>
    </row>
    <row r="547095" spans="14:14">
      <c r="N547095" s="10"/>
    </row>
    <row r="547096" spans="14:14">
      <c r="N547096" s="10"/>
    </row>
    <row r="547097" spans="14:14">
      <c r="N547097" s="10"/>
    </row>
    <row r="547098" spans="14:14">
      <c r="N547098" s="10"/>
    </row>
    <row r="547099" spans="14:14">
      <c r="N547099" s="10"/>
    </row>
    <row r="547100" spans="14:14">
      <c r="N547100" s="10"/>
    </row>
    <row r="547101" spans="14:14">
      <c r="N547101" s="10"/>
    </row>
    <row r="547102" spans="14:14">
      <c r="N547102" s="10"/>
    </row>
    <row r="547103" spans="14:14">
      <c r="N547103" s="10"/>
    </row>
    <row r="547104" spans="14:14">
      <c r="N547104" s="10"/>
    </row>
    <row r="547105" spans="14:14">
      <c r="N547105" s="10"/>
    </row>
    <row r="547106" spans="14:14">
      <c r="N547106" s="10"/>
    </row>
    <row r="547107" spans="14:14">
      <c r="N547107" s="10"/>
    </row>
    <row r="547108" spans="14:14">
      <c r="N547108" s="10"/>
    </row>
    <row r="547109" spans="14:14">
      <c r="N547109" s="10"/>
    </row>
    <row r="547110" spans="14:14">
      <c r="N547110" s="10"/>
    </row>
    <row r="547111" spans="14:14">
      <c r="N547111" s="10"/>
    </row>
    <row r="547112" spans="14:14">
      <c r="N547112" s="10"/>
    </row>
    <row r="547113" spans="14:14">
      <c r="N547113" s="10"/>
    </row>
    <row r="547114" spans="14:14">
      <c r="N547114" s="10"/>
    </row>
    <row r="547115" spans="14:14">
      <c r="N547115" s="10"/>
    </row>
    <row r="547116" spans="14:14">
      <c r="N547116" s="10"/>
    </row>
    <row r="547117" spans="14:14">
      <c r="N547117" s="10"/>
    </row>
    <row r="547118" spans="14:14">
      <c r="N547118" s="10"/>
    </row>
    <row r="547119" spans="14:14">
      <c r="N547119" s="10"/>
    </row>
    <row r="547120" spans="14:14">
      <c r="N547120" s="10"/>
    </row>
    <row r="547121" spans="14:14">
      <c r="N547121" s="10"/>
    </row>
    <row r="547122" spans="14:14">
      <c r="N547122" s="10"/>
    </row>
    <row r="547123" spans="14:14">
      <c r="N547123" s="10"/>
    </row>
    <row r="547124" spans="14:14">
      <c r="N547124" s="10"/>
    </row>
    <row r="547125" spans="14:14">
      <c r="N547125" s="10"/>
    </row>
    <row r="547126" spans="14:14">
      <c r="N547126" s="10"/>
    </row>
    <row r="547127" spans="14:14">
      <c r="N547127" s="10"/>
    </row>
    <row r="547128" spans="14:14">
      <c r="N547128" s="10"/>
    </row>
    <row r="547129" spans="14:14">
      <c r="N547129" s="10"/>
    </row>
    <row r="547130" spans="14:14">
      <c r="N547130" s="10"/>
    </row>
    <row r="547131" spans="14:14">
      <c r="N547131" s="10"/>
    </row>
    <row r="547132" spans="14:14">
      <c r="N547132" s="10"/>
    </row>
    <row r="547133" spans="14:14">
      <c r="N547133" s="10"/>
    </row>
    <row r="547134" spans="14:14">
      <c r="N547134" s="10"/>
    </row>
    <row r="547135" spans="14:14">
      <c r="N547135" s="10"/>
    </row>
    <row r="547136" spans="14:14">
      <c r="N547136" s="10"/>
    </row>
    <row r="547137" spans="14:14">
      <c r="N547137" s="10"/>
    </row>
    <row r="547138" spans="14:14">
      <c r="N547138" s="10"/>
    </row>
    <row r="547139" spans="14:14">
      <c r="N547139" s="10"/>
    </row>
    <row r="547140" spans="14:14">
      <c r="N547140" s="10"/>
    </row>
    <row r="547141" spans="14:14">
      <c r="N547141" s="10"/>
    </row>
    <row r="547142" spans="14:14">
      <c r="N547142" s="10"/>
    </row>
    <row r="547143" spans="14:14">
      <c r="N547143" s="10"/>
    </row>
    <row r="547144" spans="14:14">
      <c r="N547144" s="10"/>
    </row>
    <row r="547145" spans="14:14">
      <c r="N547145" s="10"/>
    </row>
    <row r="547146" spans="14:14">
      <c r="N547146" s="10"/>
    </row>
    <row r="547147" spans="14:14">
      <c r="N547147" s="10"/>
    </row>
    <row r="547148" spans="14:14">
      <c r="N547148" s="10"/>
    </row>
    <row r="547149" spans="14:14">
      <c r="N547149" s="10"/>
    </row>
    <row r="547150" spans="14:14">
      <c r="N547150" s="10"/>
    </row>
    <row r="547151" spans="14:14">
      <c r="N547151" s="10"/>
    </row>
    <row r="547152" spans="14:14">
      <c r="N547152" s="10"/>
    </row>
    <row r="547153" spans="14:14">
      <c r="N547153" s="10"/>
    </row>
    <row r="547154" spans="14:14">
      <c r="N547154" s="10"/>
    </row>
    <row r="547155" spans="14:14">
      <c r="N547155" s="10"/>
    </row>
    <row r="547156" spans="14:14">
      <c r="N547156" s="10"/>
    </row>
    <row r="547157" spans="14:14">
      <c r="N547157" s="10"/>
    </row>
    <row r="547158" spans="14:14">
      <c r="N547158" s="10"/>
    </row>
    <row r="547159" spans="14:14">
      <c r="N547159" s="10"/>
    </row>
    <row r="547160" spans="14:14">
      <c r="N547160" s="10"/>
    </row>
    <row r="547161" spans="14:14">
      <c r="N547161" s="10"/>
    </row>
    <row r="547162" spans="14:14">
      <c r="N547162" s="10"/>
    </row>
    <row r="547163" spans="14:14">
      <c r="N547163" s="10"/>
    </row>
    <row r="547164" spans="14:14">
      <c r="N547164" s="10"/>
    </row>
    <row r="547165" spans="14:14">
      <c r="N547165" s="10"/>
    </row>
    <row r="547166" spans="14:14">
      <c r="N547166" s="10"/>
    </row>
    <row r="547167" spans="14:14">
      <c r="N547167" s="10"/>
    </row>
    <row r="547168" spans="14:14">
      <c r="N547168" s="10"/>
    </row>
    <row r="547169" spans="14:14">
      <c r="N547169" s="10"/>
    </row>
    <row r="547170" spans="14:14">
      <c r="N547170" s="10"/>
    </row>
    <row r="547171" spans="14:14">
      <c r="N547171" s="10"/>
    </row>
    <row r="547172" spans="14:14">
      <c r="N547172" s="10"/>
    </row>
    <row r="547173" spans="14:14">
      <c r="N547173" s="10"/>
    </row>
    <row r="547174" spans="14:14">
      <c r="N547174" s="10"/>
    </row>
    <row r="547175" spans="14:14">
      <c r="N547175" s="10"/>
    </row>
    <row r="547176" spans="14:14">
      <c r="N547176" s="10"/>
    </row>
    <row r="547177" spans="14:14">
      <c r="N547177" s="10"/>
    </row>
    <row r="547178" spans="14:14">
      <c r="N547178" s="10"/>
    </row>
    <row r="547179" spans="14:14">
      <c r="N547179" s="10"/>
    </row>
    <row r="547180" spans="14:14">
      <c r="N547180" s="10"/>
    </row>
    <row r="547181" spans="14:14">
      <c r="N547181" s="10"/>
    </row>
    <row r="547182" spans="14:14">
      <c r="N547182" s="10"/>
    </row>
    <row r="547183" spans="14:14">
      <c r="N547183" s="10"/>
    </row>
    <row r="547184" spans="14:14">
      <c r="N547184" s="10"/>
    </row>
    <row r="547185" spans="14:14">
      <c r="N547185" s="10"/>
    </row>
    <row r="547186" spans="14:14">
      <c r="N547186" s="10"/>
    </row>
    <row r="547187" spans="14:14">
      <c r="N547187" s="10"/>
    </row>
    <row r="547188" spans="14:14">
      <c r="N547188" s="10"/>
    </row>
    <row r="547189" spans="14:14">
      <c r="N547189" s="10"/>
    </row>
    <row r="547190" spans="14:14">
      <c r="N547190" s="10"/>
    </row>
    <row r="547191" spans="14:14">
      <c r="N547191" s="10"/>
    </row>
    <row r="547192" spans="14:14">
      <c r="N547192" s="10"/>
    </row>
    <row r="547193" spans="14:14">
      <c r="N547193" s="10"/>
    </row>
    <row r="547194" spans="14:14">
      <c r="N547194" s="10"/>
    </row>
    <row r="547195" spans="14:14">
      <c r="N547195" s="10"/>
    </row>
    <row r="547196" spans="14:14">
      <c r="N547196" s="10"/>
    </row>
    <row r="547197" spans="14:14">
      <c r="N547197" s="10"/>
    </row>
    <row r="547198" spans="14:14">
      <c r="N547198" s="10"/>
    </row>
    <row r="547199" spans="14:14">
      <c r="N547199" s="10"/>
    </row>
    <row r="547200" spans="14:14">
      <c r="N547200" s="10"/>
    </row>
    <row r="547201" spans="14:14">
      <c r="N547201" s="10"/>
    </row>
    <row r="547202" spans="14:14">
      <c r="N547202" s="10"/>
    </row>
    <row r="547203" spans="14:14">
      <c r="N547203" s="10"/>
    </row>
    <row r="547204" spans="14:14">
      <c r="N547204" s="10"/>
    </row>
    <row r="547205" spans="14:14">
      <c r="N547205" s="10"/>
    </row>
    <row r="547206" spans="14:14">
      <c r="N547206" s="10"/>
    </row>
    <row r="547207" spans="14:14">
      <c r="N547207" s="10"/>
    </row>
    <row r="547208" spans="14:14">
      <c r="N547208" s="10"/>
    </row>
    <row r="547209" spans="14:14">
      <c r="N547209" s="10"/>
    </row>
    <row r="547210" spans="14:14">
      <c r="N547210" s="10"/>
    </row>
    <row r="547211" spans="14:14">
      <c r="N547211" s="10"/>
    </row>
    <row r="547212" spans="14:14">
      <c r="N547212" s="10"/>
    </row>
    <row r="547213" spans="14:14">
      <c r="N547213" s="10"/>
    </row>
    <row r="547214" spans="14:14">
      <c r="N547214" s="10"/>
    </row>
    <row r="547215" spans="14:14">
      <c r="N547215" s="10"/>
    </row>
    <row r="547216" spans="14:14">
      <c r="N547216" s="10"/>
    </row>
    <row r="547217" spans="14:14">
      <c r="N547217" s="10"/>
    </row>
    <row r="547218" spans="14:14">
      <c r="N547218" s="10"/>
    </row>
    <row r="547219" spans="14:14">
      <c r="N547219" s="10"/>
    </row>
    <row r="547220" spans="14:14">
      <c r="N547220" s="10"/>
    </row>
    <row r="547221" spans="14:14">
      <c r="N547221" s="10"/>
    </row>
    <row r="547222" spans="14:14">
      <c r="N547222" s="10"/>
    </row>
    <row r="547223" spans="14:14">
      <c r="N547223" s="10"/>
    </row>
    <row r="547224" spans="14:14">
      <c r="N547224" s="10"/>
    </row>
    <row r="547225" spans="14:14">
      <c r="N547225" s="10"/>
    </row>
    <row r="547226" spans="14:14">
      <c r="N547226" s="10"/>
    </row>
    <row r="547227" spans="14:14">
      <c r="N547227" s="10"/>
    </row>
    <row r="547228" spans="14:14">
      <c r="N547228" s="10"/>
    </row>
    <row r="547229" spans="14:14">
      <c r="N547229" s="10"/>
    </row>
    <row r="547230" spans="14:14">
      <c r="N547230" s="10"/>
    </row>
    <row r="547231" spans="14:14">
      <c r="N547231" s="10"/>
    </row>
    <row r="547232" spans="14:14">
      <c r="N547232" s="10"/>
    </row>
    <row r="547233" spans="14:14">
      <c r="N547233" s="10"/>
    </row>
    <row r="547234" spans="14:14">
      <c r="N547234" s="10"/>
    </row>
    <row r="547235" spans="14:14">
      <c r="N547235" s="10"/>
    </row>
    <row r="547236" spans="14:14">
      <c r="N547236" s="10"/>
    </row>
    <row r="547237" spans="14:14">
      <c r="N547237" s="10"/>
    </row>
    <row r="547238" spans="14:14">
      <c r="N547238" s="10"/>
    </row>
    <row r="547239" spans="14:14">
      <c r="N547239" s="10"/>
    </row>
    <row r="547240" spans="14:14">
      <c r="N547240" s="10"/>
    </row>
    <row r="547241" spans="14:14">
      <c r="N547241" s="10"/>
    </row>
    <row r="547242" spans="14:14">
      <c r="N547242" s="10"/>
    </row>
    <row r="547243" spans="14:14">
      <c r="N547243" s="10"/>
    </row>
    <row r="547244" spans="14:14">
      <c r="N547244" s="10"/>
    </row>
    <row r="547245" spans="14:14">
      <c r="N547245" s="10"/>
    </row>
    <row r="547246" spans="14:14">
      <c r="N547246" s="10"/>
    </row>
    <row r="547247" spans="14:14">
      <c r="N547247" s="10"/>
    </row>
    <row r="547248" spans="14:14">
      <c r="N547248" s="10"/>
    </row>
    <row r="547249" spans="14:14">
      <c r="N547249" s="10"/>
    </row>
    <row r="547250" spans="14:14">
      <c r="N547250" s="10"/>
    </row>
    <row r="547251" spans="14:14">
      <c r="N547251" s="10"/>
    </row>
    <row r="547252" spans="14:14">
      <c r="N547252" s="10"/>
    </row>
    <row r="547253" spans="14:14">
      <c r="N547253" s="10"/>
    </row>
    <row r="547254" spans="14:14">
      <c r="N547254" s="10"/>
    </row>
    <row r="547255" spans="14:14">
      <c r="N547255" s="10"/>
    </row>
    <row r="547256" spans="14:14">
      <c r="N547256" s="10"/>
    </row>
    <row r="547257" spans="14:14">
      <c r="N547257" s="10"/>
    </row>
    <row r="547258" spans="14:14">
      <c r="N547258" s="10"/>
    </row>
    <row r="547259" spans="14:14">
      <c r="N547259" s="10"/>
    </row>
    <row r="547260" spans="14:14">
      <c r="N547260" s="10"/>
    </row>
    <row r="547261" spans="14:14">
      <c r="N547261" s="10"/>
    </row>
    <row r="547262" spans="14:14">
      <c r="N547262" s="10"/>
    </row>
    <row r="547263" spans="14:14">
      <c r="N547263" s="10"/>
    </row>
    <row r="547264" spans="14:14">
      <c r="N547264" s="10"/>
    </row>
    <row r="547265" spans="14:14">
      <c r="N547265" s="10"/>
    </row>
    <row r="547266" spans="14:14">
      <c r="N547266" s="10"/>
    </row>
    <row r="547267" spans="14:14">
      <c r="N547267" s="10"/>
    </row>
    <row r="547268" spans="14:14">
      <c r="N547268" s="10"/>
    </row>
    <row r="547269" spans="14:14">
      <c r="N547269" s="10"/>
    </row>
    <row r="547270" spans="14:14">
      <c r="N547270" s="10"/>
    </row>
    <row r="547271" spans="14:14">
      <c r="N547271" s="10"/>
    </row>
    <row r="547272" spans="14:14">
      <c r="N547272" s="10"/>
    </row>
    <row r="547273" spans="14:14">
      <c r="N547273" s="10"/>
    </row>
    <row r="547274" spans="14:14">
      <c r="N547274" s="10"/>
    </row>
    <row r="547275" spans="14:14">
      <c r="N547275" s="10"/>
    </row>
    <row r="547276" spans="14:14">
      <c r="N547276" s="10"/>
    </row>
    <row r="547277" spans="14:14">
      <c r="N547277" s="10"/>
    </row>
    <row r="547278" spans="14:14">
      <c r="N547278" s="10"/>
    </row>
    <row r="547279" spans="14:14">
      <c r="N547279" s="10"/>
    </row>
    <row r="547280" spans="14:14">
      <c r="N547280" s="10"/>
    </row>
    <row r="547281" spans="14:14">
      <c r="N547281" s="10"/>
    </row>
    <row r="547282" spans="14:14">
      <c r="N547282" s="10"/>
    </row>
    <row r="547283" spans="14:14">
      <c r="N547283" s="10"/>
    </row>
    <row r="547284" spans="14:14">
      <c r="N547284" s="10"/>
    </row>
    <row r="547285" spans="14:14">
      <c r="N547285" s="10"/>
    </row>
    <row r="547286" spans="14:14">
      <c r="N547286" s="10"/>
    </row>
    <row r="547287" spans="14:14">
      <c r="N547287" s="10"/>
    </row>
    <row r="547288" spans="14:14">
      <c r="N547288" s="10"/>
    </row>
    <row r="547289" spans="14:14">
      <c r="N547289" s="10"/>
    </row>
    <row r="547290" spans="14:14">
      <c r="N547290" s="10"/>
    </row>
    <row r="547291" spans="14:14">
      <c r="N547291" s="10"/>
    </row>
    <row r="547292" spans="14:14">
      <c r="N547292" s="10"/>
    </row>
    <row r="547293" spans="14:14">
      <c r="N547293" s="10"/>
    </row>
    <row r="547294" spans="14:14">
      <c r="N547294" s="10"/>
    </row>
    <row r="547295" spans="14:14">
      <c r="N547295" s="10"/>
    </row>
    <row r="547296" spans="14:14">
      <c r="N547296" s="10"/>
    </row>
    <row r="547297" spans="14:14">
      <c r="N547297" s="10"/>
    </row>
    <row r="547298" spans="14:14">
      <c r="N547298" s="10"/>
    </row>
    <row r="547299" spans="14:14">
      <c r="N547299" s="10"/>
    </row>
    <row r="547300" spans="14:14">
      <c r="N547300" s="10"/>
    </row>
    <row r="547301" spans="14:14">
      <c r="N547301" s="10"/>
    </row>
    <row r="547302" spans="14:14">
      <c r="N547302" s="10"/>
    </row>
    <row r="547303" spans="14:14">
      <c r="N547303" s="10"/>
    </row>
    <row r="547304" spans="14:14">
      <c r="N547304" s="10"/>
    </row>
    <row r="547305" spans="14:14">
      <c r="N547305" s="10"/>
    </row>
    <row r="547306" spans="14:14">
      <c r="N547306" s="10"/>
    </row>
    <row r="547307" spans="14:14">
      <c r="N547307" s="10"/>
    </row>
    <row r="547308" spans="14:14">
      <c r="N547308" s="10"/>
    </row>
    <row r="547309" spans="14:14">
      <c r="N547309" s="10"/>
    </row>
    <row r="547310" spans="14:14">
      <c r="N547310" s="10"/>
    </row>
    <row r="547311" spans="14:14">
      <c r="N547311" s="10"/>
    </row>
    <row r="547312" spans="14:14">
      <c r="N547312" s="10"/>
    </row>
    <row r="547313" spans="14:14">
      <c r="N547313" s="10"/>
    </row>
    <row r="547314" spans="14:14">
      <c r="N547314" s="10"/>
    </row>
    <row r="547315" spans="14:14">
      <c r="N547315" s="10"/>
    </row>
    <row r="547316" spans="14:14">
      <c r="N547316" s="10"/>
    </row>
    <row r="547317" spans="14:14">
      <c r="N547317" s="10"/>
    </row>
    <row r="547318" spans="14:14">
      <c r="N547318" s="10"/>
    </row>
    <row r="547319" spans="14:14">
      <c r="N547319" s="10"/>
    </row>
    <row r="547320" spans="14:14">
      <c r="N547320" s="10"/>
    </row>
    <row r="547321" spans="14:14">
      <c r="N547321" s="10"/>
    </row>
    <row r="547322" spans="14:14">
      <c r="N547322" s="10"/>
    </row>
    <row r="547323" spans="14:14">
      <c r="N547323" s="10"/>
    </row>
    <row r="547324" spans="14:14">
      <c r="N547324" s="10"/>
    </row>
    <row r="547325" spans="14:14">
      <c r="N547325" s="10"/>
    </row>
    <row r="547326" spans="14:14">
      <c r="N547326" s="10"/>
    </row>
    <row r="547327" spans="14:14">
      <c r="N547327" s="10"/>
    </row>
    <row r="547328" spans="14:14">
      <c r="N547328" s="10"/>
    </row>
    <row r="547329" spans="14:14">
      <c r="N547329" s="10"/>
    </row>
    <row r="547330" spans="14:14">
      <c r="N547330" s="10"/>
    </row>
    <row r="547331" spans="14:14">
      <c r="N547331" s="10"/>
    </row>
    <row r="547332" spans="14:14">
      <c r="N547332" s="10"/>
    </row>
    <row r="547333" spans="14:14">
      <c r="N547333" s="10"/>
    </row>
    <row r="547334" spans="14:14">
      <c r="N547334" s="10"/>
    </row>
    <row r="547335" spans="14:14">
      <c r="N547335" s="10"/>
    </row>
    <row r="547336" spans="14:14">
      <c r="N547336" s="10"/>
    </row>
    <row r="547337" spans="14:14">
      <c r="N547337" s="10"/>
    </row>
    <row r="547338" spans="14:14">
      <c r="N547338" s="10"/>
    </row>
    <row r="547339" spans="14:14">
      <c r="N547339" s="10"/>
    </row>
    <row r="547340" spans="14:14">
      <c r="N547340" s="10"/>
    </row>
    <row r="547341" spans="14:14">
      <c r="N547341" s="10"/>
    </row>
    <row r="547342" spans="14:14">
      <c r="N547342" s="10"/>
    </row>
    <row r="547343" spans="14:14">
      <c r="N547343" s="10"/>
    </row>
    <row r="547344" spans="14:14">
      <c r="N547344" s="10"/>
    </row>
    <row r="547345" spans="14:14">
      <c r="N547345" s="10"/>
    </row>
    <row r="547346" spans="14:14">
      <c r="N547346" s="10"/>
    </row>
    <row r="547347" spans="14:14">
      <c r="N547347" s="10"/>
    </row>
    <row r="547348" spans="14:14">
      <c r="N547348" s="10"/>
    </row>
    <row r="547349" spans="14:14">
      <c r="N547349" s="10"/>
    </row>
    <row r="547350" spans="14:14">
      <c r="N547350" s="10"/>
    </row>
    <row r="547351" spans="14:14">
      <c r="N547351" s="10"/>
    </row>
    <row r="547352" spans="14:14">
      <c r="N547352" s="10"/>
    </row>
    <row r="547353" spans="14:14">
      <c r="N547353" s="10"/>
    </row>
    <row r="547354" spans="14:14">
      <c r="N547354" s="10"/>
    </row>
    <row r="547355" spans="14:14">
      <c r="N547355" s="10"/>
    </row>
    <row r="547356" spans="14:14">
      <c r="N547356" s="10"/>
    </row>
    <row r="547357" spans="14:14">
      <c r="N547357" s="10"/>
    </row>
    <row r="547358" spans="14:14">
      <c r="N547358" s="10"/>
    </row>
    <row r="547359" spans="14:14">
      <c r="N547359" s="10"/>
    </row>
    <row r="547360" spans="14:14">
      <c r="N547360" s="10"/>
    </row>
    <row r="547361" spans="14:14">
      <c r="N547361" s="10"/>
    </row>
    <row r="547362" spans="14:14">
      <c r="N547362" s="10"/>
    </row>
    <row r="547363" spans="14:14">
      <c r="N547363" s="10"/>
    </row>
    <row r="547364" spans="14:14">
      <c r="N547364" s="10"/>
    </row>
    <row r="547365" spans="14:14">
      <c r="N547365" s="10"/>
    </row>
    <row r="547366" spans="14:14">
      <c r="N547366" s="10"/>
    </row>
    <row r="547367" spans="14:14">
      <c r="N547367" s="10"/>
    </row>
    <row r="547368" spans="14:14">
      <c r="N547368" s="10"/>
    </row>
    <row r="547369" spans="14:14">
      <c r="N547369" s="10"/>
    </row>
    <row r="547370" spans="14:14">
      <c r="N547370" s="10"/>
    </row>
    <row r="547371" spans="14:14">
      <c r="N547371" s="10"/>
    </row>
    <row r="547372" spans="14:14">
      <c r="N547372" s="10"/>
    </row>
    <row r="547373" spans="14:14">
      <c r="N547373" s="10"/>
    </row>
    <row r="547374" spans="14:14">
      <c r="N547374" s="10"/>
    </row>
    <row r="547375" spans="14:14">
      <c r="N547375" s="10"/>
    </row>
    <row r="547376" spans="14:14">
      <c r="N547376" s="10"/>
    </row>
    <row r="547377" spans="14:14">
      <c r="N547377" s="10"/>
    </row>
    <row r="547378" spans="14:14">
      <c r="N547378" s="10"/>
    </row>
    <row r="547379" spans="14:14">
      <c r="N547379" s="10"/>
    </row>
    <row r="547380" spans="14:14">
      <c r="N547380" s="10"/>
    </row>
    <row r="547381" spans="14:14">
      <c r="N547381" s="10"/>
    </row>
    <row r="547382" spans="14:14">
      <c r="N547382" s="10"/>
    </row>
    <row r="547383" spans="14:14">
      <c r="N547383" s="10"/>
    </row>
    <row r="547384" spans="14:14">
      <c r="N547384" s="10"/>
    </row>
    <row r="547385" spans="14:14">
      <c r="N547385" s="10"/>
    </row>
    <row r="547386" spans="14:14">
      <c r="N547386" s="10"/>
    </row>
    <row r="547387" spans="14:14">
      <c r="N547387" s="10"/>
    </row>
    <row r="547388" spans="14:14">
      <c r="N547388" s="10"/>
    </row>
    <row r="547389" spans="14:14">
      <c r="N547389" s="10"/>
    </row>
    <row r="547390" spans="14:14">
      <c r="N547390" s="10"/>
    </row>
    <row r="547391" spans="14:14">
      <c r="N547391" s="10"/>
    </row>
    <row r="547392" spans="14:14">
      <c r="N547392" s="10"/>
    </row>
    <row r="547393" spans="14:14">
      <c r="N547393" s="10"/>
    </row>
    <row r="547394" spans="14:14">
      <c r="N547394" s="10"/>
    </row>
    <row r="547395" spans="14:14">
      <c r="N547395" s="10"/>
    </row>
    <row r="547396" spans="14:14">
      <c r="N547396" s="10"/>
    </row>
    <row r="547397" spans="14:14">
      <c r="N547397" s="10"/>
    </row>
    <row r="547398" spans="14:14">
      <c r="N547398" s="10"/>
    </row>
    <row r="547399" spans="14:14">
      <c r="N547399" s="10"/>
    </row>
    <row r="547400" spans="14:14">
      <c r="N547400" s="10"/>
    </row>
    <row r="547401" spans="14:14">
      <c r="N547401" s="10"/>
    </row>
    <row r="547402" spans="14:14">
      <c r="N547402" s="10"/>
    </row>
    <row r="547403" spans="14:14">
      <c r="N547403" s="10"/>
    </row>
    <row r="547404" spans="14:14">
      <c r="N547404" s="10"/>
    </row>
    <row r="547405" spans="14:14">
      <c r="N547405" s="10"/>
    </row>
    <row r="547406" spans="14:14">
      <c r="N547406" s="10"/>
    </row>
    <row r="547407" spans="14:14">
      <c r="N547407" s="10"/>
    </row>
    <row r="547408" spans="14:14">
      <c r="N547408" s="10"/>
    </row>
    <row r="547409" spans="14:14">
      <c r="N547409" s="10"/>
    </row>
    <row r="547410" spans="14:14">
      <c r="N547410" s="10"/>
    </row>
    <row r="547411" spans="14:14">
      <c r="N547411" s="10"/>
    </row>
    <row r="547412" spans="14:14">
      <c r="N547412" s="10"/>
    </row>
    <row r="547413" spans="14:14">
      <c r="N547413" s="10"/>
    </row>
    <row r="547414" spans="14:14">
      <c r="N547414" s="10"/>
    </row>
    <row r="547415" spans="14:14">
      <c r="N547415" s="10"/>
    </row>
    <row r="547416" spans="14:14">
      <c r="N547416" s="10"/>
    </row>
    <row r="547417" spans="14:14">
      <c r="N547417" s="10"/>
    </row>
    <row r="547418" spans="14:14">
      <c r="N547418" s="10"/>
    </row>
    <row r="547419" spans="14:14">
      <c r="N547419" s="10"/>
    </row>
    <row r="547420" spans="14:14">
      <c r="N547420" s="10"/>
    </row>
    <row r="547421" spans="14:14">
      <c r="N547421" s="10"/>
    </row>
    <row r="547422" spans="14:14">
      <c r="N547422" s="10"/>
    </row>
    <row r="547423" spans="14:14">
      <c r="N547423" s="10"/>
    </row>
    <row r="547424" spans="14:14">
      <c r="N547424" s="10"/>
    </row>
    <row r="547425" spans="14:14">
      <c r="N547425" s="10"/>
    </row>
    <row r="547426" spans="14:14">
      <c r="N547426" s="10"/>
    </row>
    <row r="547427" spans="14:14">
      <c r="N547427" s="10"/>
    </row>
    <row r="547428" spans="14:14">
      <c r="N547428" s="10"/>
    </row>
    <row r="547429" spans="14:14">
      <c r="N547429" s="10"/>
    </row>
    <row r="547430" spans="14:14">
      <c r="N547430" s="10"/>
    </row>
    <row r="547431" spans="14:14">
      <c r="N547431" s="10"/>
    </row>
    <row r="547432" spans="14:14">
      <c r="N547432" s="10"/>
    </row>
    <row r="547433" spans="14:14">
      <c r="N547433" s="10"/>
    </row>
    <row r="547434" spans="14:14">
      <c r="N547434" s="10"/>
    </row>
    <row r="547435" spans="14:14">
      <c r="N547435" s="10"/>
    </row>
    <row r="547436" spans="14:14">
      <c r="N547436" s="10"/>
    </row>
    <row r="547437" spans="14:14">
      <c r="N547437" s="10"/>
    </row>
    <row r="547438" spans="14:14">
      <c r="N547438" s="10"/>
    </row>
    <row r="547439" spans="14:14">
      <c r="N547439" s="10"/>
    </row>
    <row r="547440" spans="14:14">
      <c r="N547440" s="10"/>
    </row>
    <row r="547441" spans="14:14">
      <c r="N547441" s="10"/>
    </row>
    <row r="547442" spans="14:14">
      <c r="N547442" s="10"/>
    </row>
    <row r="547443" spans="14:14">
      <c r="N547443" s="10"/>
    </row>
    <row r="547444" spans="14:14">
      <c r="N547444" s="10"/>
    </row>
    <row r="547445" spans="14:14">
      <c r="N547445" s="10"/>
    </row>
    <row r="547446" spans="14:14">
      <c r="N547446" s="10"/>
    </row>
    <row r="547447" spans="14:14">
      <c r="N547447" s="10"/>
    </row>
    <row r="547448" spans="14:14">
      <c r="N547448" s="10"/>
    </row>
    <row r="547449" spans="14:14">
      <c r="N547449" s="10"/>
    </row>
    <row r="547450" spans="14:14">
      <c r="N547450" s="10"/>
    </row>
    <row r="547451" spans="14:14">
      <c r="N547451" s="10"/>
    </row>
    <row r="547452" spans="14:14">
      <c r="N547452" s="10"/>
    </row>
    <row r="547453" spans="14:14">
      <c r="N547453" s="10"/>
    </row>
    <row r="547454" spans="14:14">
      <c r="N547454" s="10"/>
    </row>
    <row r="547455" spans="14:14">
      <c r="N547455" s="10"/>
    </row>
    <row r="547456" spans="14:14">
      <c r="N547456" s="10"/>
    </row>
    <row r="547457" spans="14:14">
      <c r="N547457" s="10"/>
    </row>
    <row r="547458" spans="14:14">
      <c r="N547458" s="10"/>
    </row>
    <row r="547459" spans="14:14">
      <c r="N547459" s="10"/>
    </row>
    <row r="547460" spans="14:14">
      <c r="N547460" s="10"/>
    </row>
    <row r="547461" spans="14:14">
      <c r="N547461" s="10"/>
    </row>
    <row r="547462" spans="14:14">
      <c r="N547462" s="10"/>
    </row>
    <row r="547463" spans="14:14">
      <c r="N547463" s="10"/>
    </row>
    <row r="547464" spans="14:14">
      <c r="N547464" s="10"/>
    </row>
    <row r="547465" spans="14:14">
      <c r="N547465" s="10"/>
    </row>
    <row r="547466" spans="14:14">
      <c r="N547466" s="10"/>
    </row>
    <row r="547467" spans="14:14">
      <c r="N547467" s="10"/>
    </row>
    <row r="547468" spans="14:14">
      <c r="N547468" s="10"/>
    </row>
    <row r="547469" spans="14:14">
      <c r="N547469" s="10"/>
    </row>
    <row r="547470" spans="14:14">
      <c r="N547470" s="10"/>
    </row>
    <row r="547471" spans="14:14">
      <c r="N547471" s="10"/>
    </row>
    <row r="547472" spans="14:14">
      <c r="N547472" s="10"/>
    </row>
    <row r="547473" spans="14:14">
      <c r="N547473" s="10"/>
    </row>
    <row r="547474" spans="14:14">
      <c r="N547474" s="10"/>
    </row>
    <row r="547475" spans="14:14">
      <c r="N547475" s="10"/>
    </row>
    <row r="547476" spans="14:14">
      <c r="N547476" s="10"/>
    </row>
    <row r="547477" spans="14:14">
      <c r="N547477" s="10"/>
    </row>
    <row r="547478" spans="14:14">
      <c r="N547478" s="10"/>
    </row>
    <row r="547479" spans="14:14">
      <c r="N547479" s="10"/>
    </row>
    <row r="547480" spans="14:14">
      <c r="N547480" s="10"/>
    </row>
    <row r="547481" spans="14:14">
      <c r="N547481" s="10"/>
    </row>
    <row r="547482" spans="14:14">
      <c r="N547482" s="10"/>
    </row>
    <row r="547483" spans="14:14">
      <c r="N547483" s="10"/>
    </row>
    <row r="547484" spans="14:14">
      <c r="N547484" s="10"/>
    </row>
    <row r="547485" spans="14:14">
      <c r="N547485" s="10"/>
    </row>
    <row r="547486" spans="14:14">
      <c r="N547486" s="10"/>
    </row>
    <row r="547487" spans="14:14">
      <c r="N547487" s="10"/>
    </row>
    <row r="547488" spans="14:14">
      <c r="N547488" s="10"/>
    </row>
    <row r="547489" spans="14:14">
      <c r="N547489" s="10"/>
    </row>
    <row r="547490" spans="14:14">
      <c r="N547490" s="10"/>
    </row>
    <row r="547491" spans="14:14">
      <c r="N547491" s="10"/>
    </row>
    <row r="547492" spans="14:14">
      <c r="N547492" s="10"/>
    </row>
    <row r="547493" spans="14:14">
      <c r="N547493" s="10"/>
    </row>
    <row r="547494" spans="14:14">
      <c r="N547494" s="10"/>
    </row>
    <row r="547495" spans="14:14">
      <c r="N547495" s="10"/>
    </row>
    <row r="547496" spans="14:14">
      <c r="N547496" s="10"/>
    </row>
    <row r="547497" spans="14:14">
      <c r="N547497" s="10"/>
    </row>
    <row r="547498" spans="14:14">
      <c r="N547498" s="10"/>
    </row>
    <row r="547499" spans="14:14">
      <c r="N547499" s="10"/>
    </row>
    <row r="547500" spans="14:14">
      <c r="N547500" s="10"/>
    </row>
    <row r="547501" spans="14:14">
      <c r="N547501" s="10"/>
    </row>
    <row r="547502" spans="14:14">
      <c r="N547502" s="10"/>
    </row>
    <row r="547503" spans="14:14">
      <c r="N547503" s="10"/>
    </row>
    <row r="547504" spans="14:14">
      <c r="N547504" s="10"/>
    </row>
    <row r="547505" spans="14:14">
      <c r="N547505" s="10"/>
    </row>
    <row r="547506" spans="14:14">
      <c r="N547506" s="10"/>
    </row>
    <row r="547507" spans="14:14">
      <c r="N547507" s="10"/>
    </row>
    <row r="547508" spans="14:14">
      <c r="N547508" s="10"/>
    </row>
    <row r="547509" spans="14:14">
      <c r="N547509" s="10"/>
    </row>
    <row r="547510" spans="14:14">
      <c r="N547510" s="10"/>
    </row>
    <row r="547511" spans="14:14">
      <c r="N547511" s="10"/>
    </row>
    <row r="547512" spans="14:14">
      <c r="N547512" s="10"/>
    </row>
    <row r="547513" spans="14:14">
      <c r="N547513" s="10"/>
    </row>
    <row r="547514" spans="14:14">
      <c r="N547514" s="10"/>
    </row>
    <row r="547515" spans="14:14">
      <c r="N547515" s="10"/>
    </row>
    <row r="547516" spans="14:14">
      <c r="N547516" s="10"/>
    </row>
    <row r="547517" spans="14:14">
      <c r="N547517" s="10"/>
    </row>
    <row r="547518" spans="14:14">
      <c r="N547518" s="10"/>
    </row>
    <row r="547519" spans="14:14">
      <c r="N547519" s="10"/>
    </row>
    <row r="547520" spans="14:14">
      <c r="N547520" s="10"/>
    </row>
    <row r="547521" spans="14:14">
      <c r="N547521" s="10"/>
    </row>
    <row r="547522" spans="14:14">
      <c r="N547522" s="10"/>
    </row>
    <row r="547523" spans="14:14">
      <c r="N547523" s="10"/>
    </row>
    <row r="547524" spans="14:14">
      <c r="N547524" s="10"/>
    </row>
    <row r="547525" spans="14:14">
      <c r="N547525" s="10"/>
    </row>
    <row r="547526" spans="14:14">
      <c r="N547526" s="10"/>
    </row>
    <row r="547527" spans="14:14">
      <c r="N547527" s="10"/>
    </row>
    <row r="547528" spans="14:14">
      <c r="N547528" s="10"/>
    </row>
    <row r="547529" spans="14:14">
      <c r="N547529" s="10"/>
    </row>
    <row r="547530" spans="14:14">
      <c r="N547530" s="10"/>
    </row>
    <row r="547531" spans="14:14">
      <c r="N547531" s="10"/>
    </row>
    <row r="547532" spans="14:14">
      <c r="N547532" s="10"/>
    </row>
    <row r="547533" spans="14:14">
      <c r="N547533" s="10"/>
    </row>
    <row r="547534" spans="14:14">
      <c r="N547534" s="10"/>
    </row>
    <row r="547535" spans="14:14">
      <c r="N547535" s="10"/>
    </row>
    <row r="547536" spans="14:14">
      <c r="N547536" s="10"/>
    </row>
    <row r="547537" spans="14:14">
      <c r="N547537" s="10"/>
    </row>
    <row r="547538" spans="14:14">
      <c r="N547538" s="10"/>
    </row>
    <row r="547539" spans="14:14">
      <c r="N547539" s="10"/>
    </row>
    <row r="547540" spans="14:14">
      <c r="N547540" s="10"/>
    </row>
    <row r="547541" spans="14:14">
      <c r="N547541" s="10"/>
    </row>
    <row r="547542" spans="14:14">
      <c r="N547542" s="10"/>
    </row>
    <row r="547543" spans="14:14">
      <c r="N547543" s="10"/>
    </row>
    <row r="547544" spans="14:14">
      <c r="N547544" s="10"/>
    </row>
    <row r="547545" spans="14:14">
      <c r="N547545" s="10"/>
    </row>
    <row r="547546" spans="14:14">
      <c r="N547546" s="10"/>
    </row>
    <row r="547547" spans="14:14">
      <c r="N547547" s="10"/>
    </row>
    <row r="547548" spans="14:14">
      <c r="N547548" s="10"/>
    </row>
    <row r="547549" spans="14:14">
      <c r="N547549" s="10"/>
    </row>
    <row r="547550" spans="14:14">
      <c r="N547550" s="10"/>
    </row>
    <row r="547551" spans="14:14">
      <c r="N547551" s="10"/>
    </row>
    <row r="547552" spans="14:14">
      <c r="N547552" s="10"/>
    </row>
    <row r="547553" spans="14:14">
      <c r="N547553" s="10"/>
    </row>
    <row r="547554" spans="14:14">
      <c r="N547554" s="10"/>
    </row>
    <row r="547555" spans="14:14">
      <c r="N547555" s="10"/>
    </row>
    <row r="547556" spans="14:14">
      <c r="N547556" s="10"/>
    </row>
    <row r="547557" spans="14:14">
      <c r="N547557" s="10"/>
    </row>
    <row r="547558" spans="14:14">
      <c r="N547558" s="10"/>
    </row>
    <row r="547559" spans="14:14">
      <c r="N547559" s="10"/>
    </row>
    <row r="547560" spans="14:14">
      <c r="N547560" s="10"/>
    </row>
    <row r="547561" spans="14:14">
      <c r="N547561" s="10"/>
    </row>
    <row r="547562" spans="14:14">
      <c r="N547562" s="10"/>
    </row>
    <row r="547563" spans="14:14">
      <c r="N547563" s="10"/>
    </row>
    <row r="547564" spans="14:14">
      <c r="N547564" s="10"/>
    </row>
    <row r="547565" spans="14:14">
      <c r="N547565" s="10"/>
    </row>
    <row r="547566" spans="14:14">
      <c r="N547566" s="10"/>
    </row>
    <row r="547567" spans="14:14">
      <c r="N547567" s="10"/>
    </row>
    <row r="547568" spans="14:14">
      <c r="N547568" s="10"/>
    </row>
    <row r="547569" spans="14:14">
      <c r="N547569" s="10"/>
    </row>
    <row r="547570" spans="14:14">
      <c r="N547570" s="10"/>
    </row>
    <row r="547571" spans="14:14">
      <c r="N547571" s="10"/>
    </row>
    <row r="547572" spans="14:14">
      <c r="N547572" s="10"/>
    </row>
    <row r="547573" spans="14:14">
      <c r="N547573" s="10"/>
    </row>
    <row r="547574" spans="14:14">
      <c r="N547574" s="10"/>
    </row>
    <row r="547575" spans="14:14">
      <c r="N547575" s="10"/>
    </row>
    <row r="547576" spans="14:14">
      <c r="N547576" s="10"/>
    </row>
    <row r="547577" spans="14:14">
      <c r="N547577" s="10"/>
    </row>
    <row r="547578" spans="14:14">
      <c r="N547578" s="10"/>
    </row>
    <row r="547579" spans="14:14">
      <c r="N547579" s="10"/>
    </row>
    <row r="547580" spans="14:14">
      <c r="N547580" s="10"/>
    </row>
    <row r="547581" spans="14:14">
      <c r="N547581" s="10"/>
    </row>
    <row r="547582" spans="14:14">
      <c r="N547582" s="10"/>
    </row>
    <row r="547583" spans="14:14">
      <c r="N547583" s="10"/>
    </row>
    <row r="547584" spans="14:14">
      <c r="N547584" s="10"/>
    </row>
    <row r="547585" spans="14:14">
      <c r="N547585" s="10"/>
    </row>
    <row r="547586" spans="14:14">
      <c r="N547586" s="10"/>
    </row>
    <row r="547587" spans="14:14">
      <c r="N547587" s="10"/>
    </row>
    <row r="547588" spans="14:14">
      <c r="N547588" s="10"/>
    </row>
    <row r="547589" spans="14:14">
      <c r="N547589" s="10"/>
    </row>
    <row r="547590" spans="14:14">
      <c r="N547590" s="10"/>
    </row>
    <row r="547591" spans="14:14">
      <c r="N547591" s="10"/>
    </row>
    <row r="547592" spans="14:14">
      <c r="N547592" s="10"/>
    </row>
    <row r="547593" spans="14:14">
      <c r="N547593" s="10"/>
    </row>
    <row r="547594" spans="14:14">
      <c r="N547594" s="10"/>
    </row>
    <row r="547595" spans="14:14">
      <c r="N547595" s="10"/>
    </row>
    <row r="547596" spans="14:14">
      <c r="N547596" s="10"/>
    </row>
    <row r="547597" spans="14:14">
      <c r="N547597" s="10"/>
    </row>
    <row r="547598" spans="14:14">
      <c r="N547598" s="10"/>
    </row>
    <row r="547599" spans="14:14">
      <c r="N547599" s="10"/>
    </row>
    <row r="547600" spans="14:14">
      <c r="N547600" s="10"/>
    </row>
    <row r="547601" spans="14:14">
      <c r="N547601" s="10"/>
    </row>
    <row r="547602" spans="14:14">
      <c r="N547602" s="10"/>
    </row>
    <row r="547603" spans="14:14">
      <c r="N547603" s="10"/>
    </row>
    <row r="547604" spans="14:14">
      <c r="N547604" s="10"/>
    </row>
    <row r="547605" spans="14:14">
      <c r="N547605" s="10"/>
    </row>
    <row r="547606" spans="14:14">
      <c r="N547606" s="10"/>
    </row>
    <row r="547607" spans="14:14">
      <c r="N547607" s="10"/>
    </row>
    <row r="547608" spans="14:14">
      <c r="N547608" s="10"/>
    </row>
    <row r="547609" spans="14:14">
      <c r="N547609" s="10"/>
    </row>
    <row r="547610" spans="14:14">
      <c r="N547610" s="10"/>
    </row>
    <row r="547611" spans="14:14">
      <c r="N547611" s="10"/>
    </row>
    <row r="547612" spans="14:14">
      <c r="N547612" s="10"/>
    </row>
    <row r="547613" spans="14:14">
      <c r="N547613" s="10"/>
    </row>
    <row r="547614" spans="14:14">
      <c r="N547614" s="10"/>
    </row>
    <row r="547615" spans="14:14">
      <c r="N547615" s="10"/>
    </row>
    <row r="547616" spans="14:14">
      <c r="N547616" s="10"/>
    </row>
    <row r="547617" spans="14:14">
      <c r="N547617" s="10"/>
    </row>
    <row r="547618" spans="14:14">
      <c r="N547618" s="10"/>
    </row>
    <row r="547619" spans="14:14">
      <c r="N547619" s="10"/>
    </row>
    <row r="547620" spans="14:14">
      <c r="N547620" s="10"/>
    </row>
    <row r="547621" spans="14:14">
      <c r="N547621" s="10"/>
    </row>
    <row r="547622" spans="14:14">
      <c r="N547622" s="10"/>
    </row>
    <row r="547623" spans="14:14">
      <c r="N547623" s="10"/>
    </row>
    <row r="547624" spans="14:14">
      <c r="N547624" s="10"/>
    </row>
    <row r="547625" spans="14:14">
      <c r="N547625" s="10"/>
    </row>
    <row r="547626" spans="14:14">
      <c r="N547626" s="10"/>
    </row>
    <row r="547627" spans="14:14">
      <c r="N547627" s="10"/>
    </row>
    <row r="547628" spans="14:14">
      <c r="N547628" s="10"/>
    </row>
    <row r="547629" spans="14:14">
      <c r="N547629" s="10"/>
    </row>
    <row r="547630" spans="14:14">
      <c r="N547630" s="10"/>
    </row>
    <row r="547631" spans="14:14">
      <c r="N547631" s="10"/>
    </row>
    <row r="547632" spans="14:14">
      <c r="N547632" s="10"/>
    </row>
    <row r="547633" spans="14:14">
      <c r="N547633" s="10"/>
    </row>
    <row r="547634" spans="14:14">
      <c r="N547634" s="10"/>
    </row>
    <row r="547635" spans="14:14">
      <c r="N547635" s="10"/>
    </row>
    <row r="547636" spans="14:14">
      <c r="N547636" s="10"/>
    </row>
    <row r="547637" spans="14:14">
      <c r="N547637" s="10"/>
    </row>
    <row r="547638" spans="14:14">
      <c r="N547638" s="10"/>
    </row>
    <row r="547639" spans="14:14">
      <c r="N547639" s="10"/>
    </row>
    <row r="547640" spans="14:14">
      <c r="N547640" s="10"/>
    </row>
    <row r="547641" spans="14:14">
      <c r="N547641" s="10"/>
    </row>
    <row r="547642" spans="14:14">
      <c r="N547642" s="10"/>
    </row>
    <row r="547643" spans="14:14">
      <c r="N547643" s="10"/>
    </row>
    <row r="547644" spans="14:14">
      <c r="N547644" s="10"/>
    </row>
    <row r="547645" spans="14:14">
      <c r="N547645" s="10"/>
    </row>
    <row r="547646" spans="14:14">
      <c r="N547646" s="10"/>
    </row>
    <row r="547647" spans="14:14">
      <c r="N547647" s="10"/>
    </row>
    <row r="547648" spans="14:14">
      <c r="N547648" s="10"/>
    </row>
    <row r="547649" spans="14:14">
      <c r="N547649" s="10"/>
    </row>
    <row r="547650" spans="14:14">
      <c r="N547650" s="10"/>
    </row>
    <row r="547651" spans="14:14">
      <c r="N547651" s="10"/>
    </row>
    <row r="547652" spans="14:14">
      <c r="N547652" s="10"/>
    </row>
    <row r="547653" spans="14:14">
      <c r="N547653" s="10"/>
    </row>
    <row r="547654" spans="14:14">
      <c r="N547654" s="10"/>
    </row>
    <row r="547655" spans="14:14">
      <c r="N547655" s="10"/>
    </row>
    <row r="547656" spans="14:14">
      <c r="N547656" s="10"/>
    </row>
    <row r="547657" spans="14:14">
      <c r="N547657" s="10"/>
    </row>
    <row r="547658" spans="14:14">
      <c r="N547658" s="10"/>
    </row>
    <row r="547659" spans="14:14">
      <c r="N547659" s="10"/>
    </row>
    <row r="547660" spans="14:14">
      <c r="N547660" s="10"/>
    </row>
    <row r="547661" spans="14:14">
      <c r="N547661" s="10"/>
    </row>
    <row r="547662" spans="14:14">
      <c r="N547662" s="10"/>
    </row>
    <row r="547663" spans="14:14">
      <c r="N547663" s="10"/>
    </row>
    <row r="547664" spans="14:14">
      <c r="N547664" s="10"/>
    </row>
    <row r="547665" spans="14:14">
      <c r="N547665" s="10"/>
    </row>
    <row r="547666" spans="14:14">
      <c r="N547666" s="10"/>
    </row>
    <row r="547667" spans="14:14">
      <c r="N547667" s="10"/>
    </row>
    <row r="547668" spans="14:14">
      <c r="N547668" s="10"/>
    </row>
    <row r="547669" spans="14:14">
      <c r="N547669" s="10"/>
    </row>
    <row r="547670" spans="14:14">
      <c r="N547670" s="10"/>
    </row>
    <row r="547671" spans="14:14">
      <c r="N547671" s="10"/>
    </row>
    <row r="547672" spans="14:14">
      <c r="N547672" s="10"/>
    </row>
    <row r="547673" spans="14:14">
      <c r="N547673" s="10"/>
    </row>
    <row r="547674" spans="14:14">
      <c r="N547674" s="10"/>
    </row>
    <row r="547675" spans="14:14">
      <c r="N547675" s="10"/>
    </row>
    <row r="547676" spans="14:14">
      <c r="N547676" s="10"/>
    </row>
    <row r="547677" spans="14:14">
      <c r="N547677" s="10"/>
    </row>
    <row r="547678" spans="14:14">
      <c r="N547678" s="10"/>
    </row>
    <row r="547679" spans="14:14">
      <c r="N547679" s="10"/>
    </row>
    <row r="547680" spans="14:14">
      <c r="N547680" s="10"/>
    </row>
    <row r="547681" spans="14:14">
      <c r="N547681" s="10"/>
    </row>
    <row r="547682" spans="14:14">
      <c r="N547682" s="10"/>
    </row>
    <row r="547683" spans="14:14">
      <c r="N547683" s="10"/>
    </row>
    <row r="547684" spans="14:14">
      <c r="N547684" s="10"/>
    </row>
    <row r="547685" spans="14:14">
      <c r="N547685" s="10"/>
    </row>
    <row r="547686" spans="14:14">
      <c r="N547686" s="10"/>
    </row>
    <row r="547687" spans="14:14">
      <c r="N547687" s="10"/>
    </row>
    <row r="547688" spans="14:14">
      <c r="N547688" s="10"/>
    </row>
    <row r="547689" spans="14:14">
      <c r="N547689" s="10"/>
    </row>
    <row r="547690" spans="14:14">
      <c r="N547690" s="10"/>
    </row>
    <row r="547691" spans="14:14">
      <c r="N547691" s="10"/>
    </row>
    <row r="547692" spans="14:14">
      <c r="N547692" s="10"/>
    </row>
    <row r="547693" spans="14:14">
      <c r="N547693" s="10"/>
    </row>
    <row r="547694" spans="14:14">
      <c r="N547694" s="10"/>
    </row>
    <row r="547695" spans="14:14">
      <c r="N547695" s="10"/>
    </row>
    <row r="547696" spans="14:14">
      <c r="N547696" s="10"/>
    </row>
    <row r="547697" spans="14:14">
      <c r="N547697" s="10"/>
    </row>
    <row r="547698" spans="14:14">
      <c r="N547698" s="10"/>
    </row>
    <row r="547699" spans="14:14">
      <c r="N547699" s="10"/>
    </row>
    <row r="547700" spans="14:14">
      <c r="N547700" s="10"/>
    </row>
    <row r="547701" spans="14:14">
      <c r="N547701" s="10"/>
    </row>
    <row r="547702" spans="14:14">
      <c r="N547702" s="10"/>
    </row>
    <row r="547703" spans="14:14">
      <c r="N547703" s="10"/>
    </row>
    <row r="547704" spans="14:14">
      <c r="N547704" s="10"/>
    </row>
    <row r="547705" spans="14:14">
      <c r="N547705" s="10"/>
    </row>
    <row r="547706" spans="14:14">
      <c r="N547706" s="10"/>
    </row>
    <row r="547707" spans="14:14">
      <c r="N547707" s="10"/>
    </row>
    <row r="547708" spans="14:14">
      <c r="N547708" s="10"/>
    </row>
    <row r="547709" spans="14:14">
      <c r="N547709" s="10"/>
    </row>
    <row r="547710" spans="14:14">
      <c r="N547710" s="10"/>
    </row>
    <row r="547711" spans="14:14">
      <c r="N547711" s="10"/>
    </row>
    <row r="547712" spans="14:14">
      <c r="N547712" s="10"/>
    </row>
    <row r="547713" spans="14:14">
      <c r="N547713" s="10"/>
    </row>
    <row r="547714" spans="14:14">
      <c r="N547714" s="10"/>
    </row>
    <row r="547715" spans="14:14">
      <c r="N547715" s="10"/>
    </row>
    <row r="547716" spans="14:14">
      <c r="N547716" s="10"/>
    </row>
    <row r="547717" spans="14:14">
      <c r="N547717" s="10"/>
    </row>
    <row r="547718" spans="14:14">
      <c r="N547718" s="10"/>
    </row>
    <row r="547719" spans="14:14">
      <c r="N547719" s="10"/>
    </row>
    <row r="547720" spans="14:14">
      <c r="N547720" s="10"/>
    </row>
    <row r="547721" spans="14:14">
      <c r="N547721" s="10"/>
    </row>
    <row r="547722" spans="14:14">
      <c r="N547722" s="10"/>
    </row>
    <row r="547723" spans="14:14">
      <c r="N547723" s="10"/>
    </row>
    <row r="547724" spans="14:14">
      <c r="N547724" s="10"/>
    </row>
    <row r="547725" spans="14:14">
      <c r="N547725" s="10"/>
    </row>
    <row r="547726" spans="14:14">
      <c r="N547726" s="10"/>
    </row>
    <row r="547727" spans="14:14">
      <c r="N547727" s="10"/>
    </row>
    <row r="547728" spans="14:14">
      <c r="N547728" s="10"/>
    </row>
    <row r="547729" spans="14:14">
      <c r="N547729" s="10"/>
    </row>
    <row r="547730" spans="14:14">
      <c r="N547730" s="10"/>
    </row>
    <row r="547731" spans="14:14">
      <c r="N547731" s="10"/>
    </row>
    <row r="547732" spans="14:14">
      <c r="N547732" s="10"/>
    </row>
    <row r="547733" spans="14:14">
      <c r="N547733" s="10"/>
    </row>
    <row r="547734" spans="14:14">
      <c r="N547734" s="10"/>
    </row>
    <row r="547735" spans="14:14">
      <c r="N547735" s="10"/>
    </row>
    <row r="547736" spans="14:14">
      <c r="N547736" s="10"/>
    </row>
    <row r="547737" spans="14:14">
      <c r="N547737" s="10"/>
    </row>
    <row r="547738" spans="14:14">
      <c r="N547738" s="10"/>
    </row>
    <row r="547739" spans="14:14">
      <c r="N547739" s="10"/>
    </row>
    <row r="547740" spans="14:14">
      <c r="N547740" s="10"/>
    </row>
    <row r="547741" spans="14:14">
      <c r="N547741" s="10"/>
    </row>
    <row r="547742" spans="14:14">
      <c r="N547742" s="10"/>
    </row>
    <row r="547743" spans="14:14">
      <c r="N547743" s="10"/>
    </row>
    <row r="547744" spans="14:14">
      <c r="N547744" s="10"/>
    </row>
    <row r="547745" spans="14:14">
      <c r="N547745" s="10"/>
    </row>
    <row r="547746" spans="14:14">
      <c r="N547746" s="10"/>
    </row>
    <row r="547747" spans="14:14">
      <c r="N547747" s="10"/>
    </row>
    <row r="547748" spans="14:14">
      <c r="N547748" s="10"/>
    </row>
    <row r="547749" spans="14:14">
      <c r="N547749" s="10"/>
    </row>
    <row r="547750" spans="14:14">
      <c r="N547750" s="10"/>
    </row>
    <row r="547751" spans="14:14">
      <c r="N547751" s="10"/>
    </row>
    <row r="547752" spans="14:14">
      <c r="N547752" s="10"/>
    </row>
    <row r="547753" spans="14:14">
      <c r="N547753" s="10"/>
    </row>
    <row r="547754" spans="14:14">
      <c r="N547754" s="10"/>
    </row>
    <row r="547755" spans="14:14">
      <c r="N547755" s="10"/>
    </row>
    <row r="547756" spans="14:14">
      <c r="N547756" s="10"/>
    </row>
    <row r="547757" spans="14:14">
      <c r="N547757" s="10"/>
    </row>
    <row r="547758" spans="14:14">
      <c r="N547758" s="10"/>
    </row>
    <row r="547759" spans="14:14">
      <c r="N547759" s="10"/>
    </row>
    <row r="547760" spans="14:14">
      <c r="N547760" s="10"/>
    </row>
    <row r="547761" spans="14:14">
      <c r="N547761" s="10"/>
    </row>
    <row r="547762" spans="14:14">
      <c r="N547762" s="10"/>
    </row>
    <row r="547763" spans="14:14">
      <c r="N547763" s="10"/>
    </row>
    <row r="547764" spans="14:14">
      <c r="N547764" s="10"/>
    </row>
    <row r="547765" spans="14:14">
      <c r="N547765" s="10"/>
    </row>
    <row r="547766" spans="14:14">
      <c r="N547766" s="10"/>
    </row>
    <row r="547767" spans="14:14">
      <c r="N547767" s="10"/>
    </row>
    <row r="547768" spans="14:14">
      <c r="N547768" s="10"/>
    </row>
    <row r="547769" spans="14:14">
      <c r="N547769" s="10"/>
    </row>
    <row r="547770" spans="14:14">
      <c r="N547770" s="10"/>
    </row>
    <row r="547771" spans="14:14">
      <c r="N547771" s="10"/>
    </row>
    <row r="547772" spans="14:14">
      <c r="N547772" s="10"/>
    </row>
    <row r="547773" spans="14:14">
      <c r="N547773" s="10"/>
    </row>
    <row r="547774" spans="14:14">
      <c r="N547774" s="10"/>
    </row>
    <row r="547775" spans="14:14">
      <c r="N547775" s="10"/>
    </row>
    <row r="547776" spans="14:14">
      <c r="N547776" s="10"/>
    </row>
    <row r="547777" spans="14:14">
      <c r="N547777" s="10"/>
    </row>
    <row r="547778" spans="14:14">
      <c r="N547778" s="10"/>
    </row>
    <row r="547779" spans="14:14">
      <c r="N547779" s="10"/>
    </row>
    <row r="547780" spans="14:14">
      <c r="N547780" s="10"/>
    </row>
    <row r="547781" spans="14:14">
      <c r="N547781" s="10"/>
    </row>
    <row r="547782" spans="14:14">
      <c r="N547782" s="10"/>
    </row>
    <row r="547783" spans="14:14">
      <c r="N547783" s="10"/>
    </row>
    <row r="547784" spans="14:14">
      <c r="N547784" s="10"/>
    </row>
    <row r="547785" spans="14:14">
      <c r="N547785" s="10"/>
    </row>
    <row r="547786" spans="14:14">
      <c r="N547786" s="10"/>
    </row>
    <row r="547787" spans="14:14">
      <c r="N547787" s="10"/>
    </row>
    <row r="547788" spans="14:14">
      <c r="N547788" s="10"/>
    </row>
    <row r="547789" spans="14:14">
      <c r="N547789" s="10"/>
    </row>
    <row r="547790" spans="14:14">
      <c r="N547790" s="10"/>
    </row>
    <row r="547791" spans="14:14">
      <c r="N547791" s="10"/>
    </row>
    <row r="547792" spans="14:14">
      <c r="N547792" s="10"/>
    </row>
    <row r="547793" spans="14:14">
      <c r="N547793" s="10"/>
    </row>
    <row r="547794" spans="14:14">
      <c r="N547794" s="10"/>
    </row>
    <row r="547795" spans="14:14">
      <c r="N547795" s="10"/>
    </row>
    <row r="547796" spans="14:14">
      <c r="N547796" s="10"/>
    </row>
    <row r="547797" spans="14:14">
      <c r="N547797" s="10"/>
    </row>
    <row r="547798" spans="14:14">
      <c r="N547798" s="10"/>
    </row>
    <row r="547799" spans="14:14">
      <c r="N547799" s="10"/>
    </row>
    <row r="547800" spans="14:14">
      <c r="N547800" s="10"/>
    </row>
    <row r="547801" spans="14:14">
      <c r="N547801" s="10"/>
    </row>
    <row r="547802" spans="14:14">
      <c r="N547802" s="10"/>
    </row>
    <row r="547803" spans="14:14">
      <c r="N547803" s="10"/>
    </row>
    <row r="547804" spans="14:14">
      <c r="N547804" s="10"/>
    </row>
    <row r="547805" spans="14:14">
      <c r="N547805" s="10"/>
    </row>
    <row r="547806" spans="14:14">
      <c r="N547806" s="10"/>
    </row>
    <row r="547807" spans="14:14">
      <c r="N547807" s="10"/>
    </row>
    <row r="547808" spans="14:14">
      <c r="N547808" s="10"/>
    </row>
    <row r="547809" spans="14:14">
      <c r="N547809" s="10"/>
    </row>
    <row r="547810" spans="14:14">
      <c r="N547810" s="10"/>
    </row>
    <row r="547811" spans="14:14">
      <c r="N547811" s="10"/>
    </row>
    <row r="547812" spans="14:14">
      <c r="N547812" s="10"/>
    </row>
    <row r="547813" spans="14:14">
      <c r="N547813" s="10"/>
    </row>
    <row r="547814" spans="14:14">
      <c r="N547814" s="10"/>
    </row>
    <row r="547815" spans="14:14">
      <c r="N547815" s="10"/>
    </row>
    <row r="547816" spans="14:14">
      <c r="N547816" s="10"/>
    </row>
    <row r="547817" spans="14:14">
      <c r="N547817" s="10"/>
    </row>
    <row r="547818" spans="14:14">
      <c r="N547818" s="10"/>
    </row>
    <row r="547819" spans="14:14">
      <c r="N547819" s="10"/>
    </row>
    <row r="547820" spans="14:14">
      <c r="N547820" s="10"/>
    </row>
    <row r="547821" spans="14:14">
      <c r="N547821" s="10"/>
    </row>
    <row r="547822" spans="14:14">
      <c r="N547822" s="10"/>
    </row>
    <row r="547823" spans="14:14">
      <c r="N547823" s="10"/>
    </row>
    <row r="547824" spans="14:14">
      <c r="N547824" s="10"/>
    </row>
    <row r="547825" spans="14:14">
      <c r="N547825" s="10"/>
    </row>
    <row r="547826" spans="14:14">
      <c r="N547826" s="10"/>
    </row>
    <row r="547827" spans="14:14">
      <c r="N547827" s="10"/>
    </row>
    <row r="547828" spans="14:14">
      <c r="N547828" s="10"/>
    </row>
    <row r="547829" spans="14:14">
      <c r="N547829" s="10"/>
    </row>
    <row r="547830" spans="14:14">
      <c r="N547830" s="10"/>
    </row>
    <row r="547831" spans="14:14">
      <c r="N547831" s="10"/>
    </row>
    <row r="547832" spans="14:14">
      <c r="N547832" s="10"/>
    </row>
    <row r="547833" spans="14:14">
      <c r="N547833" s="10"/>
    </row>
    <row r="547834" spans="14:14">
      <c r="N547834" s="10"/>
    </row>
    <row r="547835" spans="14:14">
      <c r="N547835" s="10"/>
    </row>
    <row r="547836" spans="14:14">
      <c r="N547836" s="10"/>
    </row>
    <row r="547837" spans="14:14">
      <c r="N547837" s="10"/>
    </row>
    <row r="547838" spans="14:14">
      <c r="N547838" s="10"/>
    </row>
    <row r="547839" spans="14:14">
      <c r="N547839" s="10"/>
    </row>
    <row r="547840" spans="14:14">
      <c r="N547840" s="10"/>
    </row>
    <row r="547841" spans="14:14">
      <c r="N547841" s="10"/>
    </row>
    <row r="547842" spans="14:14">
      <c r="N547842" s="10"/>
    </row>
    <row r="547843" spans="14:14">
      <c r="N547843" s="10"/>
    </row>
    <row r="547844" spans="14:14">
      <c r="N547844" s="10"/>
    </row>
    <row r="547845" spans="14:14">
      <c r="N547845" s="10"/>
    </row>
    <row r="547846" spans="14:14">
      <c r="N547846" s="10"/>
    </row>
    <row r="547847" spans="14:14">
      <c r="N547847" s="10"/>
    </row>
    <row r="547848" spans="14:14">
      <c r="N547848" s="10"/>
    </row>
    <row r="547849" spans="14:14">
      <c r="N547849" s="10"/>
    </row>
    <row r="547850" spans="14:14">
      <c r="N547850" s="10"/>
    </row>
    <row r="547851" spans="14:14">
      <c r="N547851" s="10"/>
    </row>
    <row r="547852" spans="14:14">
      <c r="N547852" s="10"/>
    </row>
    <row r="547853" spans="14:14">
      <c r="N547853" s="10"/>
    </row>
    <row r="547854" spans="14:14">
      <c r="N547854" s="10"/>
    </row>
    <row r="547855" spans="14:14">
      <c r="N547855" s="10"/>
    </row>
    <row r="547856" spans="14:14">
      <c r="N547856" s="10"/>
    </row>
    <row r="547857" spans="14:14">
      <c r="N547857" s="10"/>
    </row>
    <row r="547858" spans="14:14">
      <c r="N547858" s="10"/>
    </row>
    <row r="547859" spans="14:14">
      <c r="N547859" s="10"/>
    </row>
    <row r="547860" spans="14:14">
      <c r="N547860" s="10"/>
    </row>
    <row r="547861" spans="14:14">
      <c r="N547861" s="10"/>
    </row>
    <row r="547862" spans="14:14">
      <c r="N547862" s="10"/>
    </row>
    <row r="547863" spans="14:14">
      <c r="N547863" s="10"/>
    </row>
    <row r="547864" spans="14:14">
      <c r="N547864" s="10"/>
    </row>
    <row r="547865" spans="14:14">
      <c r="N547865" s="10"/>
    </row>
    <row r="547866" spans="14:14">
      <c r="N547866" s="10"/>
    </row>
    <row r="547867" spans="14:14">
      <c r="N547867" s="10"/>
    </row>
    <row r="547868" spans="14:14">
      <c r="N547868" s="10"/>
    </row>
    <row r="547869" spans="14:14">
      <c r="N547869" s="10"/>
    </row>
    <row r="547870" spans="14:14">
      <c r="N547870" s="10"/>
    </row>
    <row r="547871" spans="14:14">
      <c r="N547871" s="10"/>
    </row>
    <row r="547872" spans="14:14">
      <c r="N547872" s="10"/>
    </row>
    <row r="547873" spans="14:14">
      <c r="N547873" s="10"/>
    </row>
    <row r="547874" spans="14:14">
      <c r="N547874" s="10"/>
    </row>
    <row r="547875" spans="14:14">
      <c r="N547875" s="10"/>
    </row>
    <row r="547876" spans="14:14">
      <c r="N547876" s="10"/>
    </row>
    <row r="547877" spans="14:14">
      <c r="N547877" s="10"/>
    </row>
    <row r="547878" spans="14:14">
      <c r="N547878" s="10"/>
    </row>
    <row r="547879" spans="14:14">
      <c r="N547879" s="10"/>
    </row>
    <row r="547880" spans="14:14">
      <c r="N547880" s="10"/>
    </row>
    <row r="547881" spans="14:14">
      <c r="N547881" s="10"/>
    </row>
    <row r="547882" spans="14:14">
      <c r="N547882" s="10"/>
    </row>
    <row r="547883" spans="14:14">
      <c r="N547883" s="10"/>
    </row>
    <row r="547884" spans="14:14">
      <c r="N547884" s="10"/>
    </row>
    <row r="547885" spans="14:14">
      <c r="N547885" s="10"/>
    </row>
    <row r="547886" spans="14:14">
      <c r="N547886" s="10"/>
    </row>
    <row r="547887" spans="14:14">
      <c r="N547887" s="10"/>
    </row>
    <row r="547888" spans="14:14">
      <c r="N547888" s="10"/>
    </row>
    <row r="547889" spans="14:14">
      <c r="N547889" s="10"/>
    </row>
    <row r="547890" spans="14:14">
      <c r="N547890" s="10"/>
    </row>
    <row r="547891" spans="14:14">
      <c r="N547891" s="10"/>
    </row>
    <row r="547892" spans="14:14">
      <c r="N547892" s="10"/>
    </row>
    <row r="547893" spans="14:14">
      <c r="N547893" s="10"/>
    </row>
    <row r="547894" spans="14:14">
      <c r="N547894" s="10"/>
    </row>
    <row r="547895" spans="14:14">
      <c r="N547895" s="10"/>
    </row>
    <row r="547896" spans="14:14">
      <c r="N547896" s="10"/>
    </row>
    <row r="547897" spans="14:14">
      <c r="N547897" s="10"/>
    </row>
    <row r="547898" spans="14:14">
      <c r="N547898" s="10"/>
    </row>
    <row r="547899" spans="14:14">
      <c r="N547899" s="10"/>
    </row>
    <row r="547900" spans="14:14">
      <c r="N547900" s="10"/>
    </row>
    <row r="547901" spans="14:14">
      <c r="N547901" s="10"/>
    </row>
    <row r="547902" spans="14:14">
      <c r="N547902" s="10"/>
    </row>
    <row r="547903" spans="14:14">
      <c r="N547903" s="10"/>
    </row>
    <row r="547904" spans="14:14">
      <c r="N547904" s="10"/>
    </row>
    <row r="547905" spans="14:14">
      <c r="N547905" s="10"/>
    </row>
    <row r="547906" spans="14:14">
      <c r="N547906" s="10"/>
    </row>
    <row r="547907" spans="14:14">
      <c r="N547907" s="10"/>
    </row>
    <row r="547908" spans="14:14">
      <c r="N547908" s="10"/>
    </row>
    <row r="547909" spans="14:14">
      <c r="N547909" s="10"/>
    </row>
    <row r="547910" spans="14:14">
      <c r="N547910" s="10"/>
    </row>
    <row r="547911" spans="14:14">
      <c r="N547911" s="10"/>
    </row>
    <row r="547912" spans="14:14">
      <c r="N547912" s="10"/>
    </row>
    <row r="547913" spans="14:14">
      <c r="N547913" s="10"/>
    </row>
    <row r="547914" spans="14:14">
      <c r="N547914" s="10"/>
    </row>
    <row r="547915" spans="14:14">
      <c r="N547915" s="10"/>
    </row>
    <row r="547916" spans="14:14">
      <c r="N547916" s="10"/>
    </row>
    <row r="547917" spans="14:14">
      <c r="N547917" s="10"/>
    </row>
    <row r="547918" spans="14:14">
      <c r="N547918" s="10"/>
    </row>
    <row r="547919" spans="14:14">
      <c r="N547919" s="10"/>
    </row>
    <row r="547920" spans="14:14">
      <c r="N547920" s="10"/>
    </row>
    <row r="547921" spans="14:14">
      <c r="N547921" s="10"/>
    </row>
    <row r="547922" spans="14:14">
      <c r="N547922" s="10"/>
    </row>
    <row r="547923" spans="14:14">
      <c r="N547923" s="10"/>
    </row>
    <row r="547924" spans="14:14">
      <c r="N547924" s="10"/>
    </row>
    <row r="547925" spans="14:14">
      <c r="N547925" s="10"/>
    </row>
    <row r="547926" spans="14:14">
      <c r="N547926" s="10"/>
    </row>
    <row r="547927" spans="14:14">
      <c r="N547927" s="10"/>
    </row>
    <row r="547928" spans="14:14">
      <c r="N547928" s="10"/>
    </row>
    <row r="547929" spans="14:14">
      <c r="N547929" s="10"/>
    </row>
    <row r="547930" spans="14:14">
      <c r="N547930" s="10"/>
    </row>
    <row r="547931" spans="14:14">
      <c r="N547931" s="10"/>
    </row>
    <row r="547932" spans="14:14">
      <c r="N547932" s="10"/>
    </row>
    <row r="547933" spans="14:14">
      <c r="N547933" s="10"/>
    </row>
    <row r="547934" spans="14:14">
      <c r="N547934" s="10"/>
    </row>
    <row r="547935" spans="14:14">
      <c r="N547935" s="10"/>
    </row>
    <row r="547936" spans="14:14">
      <c r="N547936" s="10"/>
    </row>
    <row r="547937" spans="14:14">
      <c r="N547937" s="10"/>
    </row>
    <row r="547938" spans="14:14">
      <c r="N547938" s="10"/>
    </row>
    <row r="547939" spans="14:14">
      <c r="N547939" s="10"/>
    </row>
    <row r="547940" spans="14:14">
      <c r="N547940" s="10"/>
    </row>
    <row r="547941" spans="14:14">
      <c r="N547941" s="10"/>
    </row>
    <row r="547942" spans="14:14">
      <c r="N547942" s="10"/>
    </row>
    <row r="547943" spans="14:14">
      <c r="N547943" s="10"/>
    </row>
    <row r="547944" spans="14:14">
      <c r="N547944" s="10"/>
    </row>
    <row r="547945" spans="14:14">
      <c r="N547945" s="10"/>
    </row>
    <row r="547946" spans="14:14">
      <c r="N547946" s="10"/>
    </row>
    <row r="547947" spans="14:14">
      <c r="N547947" s="10"/>
    </row>
    <row r="547948" spans="14:14">
      <c r="N547948" s="10"/>
    </row>
    <row r="547949" spans="14:14">
      <c r="N547949" s="10"/>
    </row>
    <row r="547950" spans="14:14">
      <c r="N547950" s="10"/>
    </row>
    <row r="547951" spans="14:14">
      <c r="N547951" s="10"/>
    </row>
    <row r="547952" spans="14:14">
      <c r="N547952" s="10"/>
    </row>
    <row r="547953" spans="14:14">
      <c r="N547953" s="10"/>
    </row>
    <row r="547954" spans="14:14">
      <c r="N547954" s="10"/>
    </row>
    <row r="547955" spans="14:14">
      <c r="N547955" s="10"/>
    </row>
    <row r="547956" spans="14:14">
      <c r="N547956" s="10"/>
    </row>
    <row r="547957" spans="14:14">
      <c r="N547957" s="10"/>
    </row>
    <row r="547958" spans="14:14">
      <c r="N547958" s="10"/>
    </row>
    <row r="547959" spans="14:14">
      <c r="N547959" s="10"/>
    </row>
    <row r="547960" spans="14:14">
      <c r="N547960" s="10"/>
    </row>
    <row r="547961" spans="14:14">
      <c r="N547961" s="10"/>
    </row>
    <row r="547962" spans="14:14">
      <c r="N547962" s="10"/>
    </row>
    <row r="547963" spans="14:14">
      <c r="N547963" s="10"/>
    </row>
    <row r="547964" spans="14:14">
      <c r="N547964" s="10"/>
    </row>
    <row r="547965" spans="14:14">
      <c r="N547965" s="10"/>
    </row>
    <row r="547966" spans="14:14">
      <c r="N547966" s="10"/>
    </row>
    <row r="547967" spans="14:14">
      <c r="N547967" s="10"/>
    </row>
    <row r="547968" spans="14:14">
      <c r="N547968" s="10"/>
    </row>
    <row r="547969" spans="14:14">
      <c r="N547969" s="10"/>
    </row>
    <row r="547970" spans="14:14">
      <c r="N547970" s="10"/>
    </row>
    <row r="547971" spans="14:14">
      <c r="N547971" s="10"/>
    </row>
    <row r="547972" spans="14:14">
      <c r="N547972" s="10"/>
    </row>
    <row r="547973" spans="14:14">
      <c r="N547973" s="10"/>
    </row>
    <row r="547974" spans="14:14">
      <c r="N547974" s="10"/>
    </row>
    <row r="547975" spans="14:14">
      <c r="N547975" s="10"/>
    </row>
    <row r="547976" spans="14:14">
      <c r="N547976" s="10"/>
    </row>
    <row r="547977" spans="14:14">
      <c r="N547977" s="10"/>
    </row>
    <row r="547978" spans="14:14">
      <c r="N547978" s="10"/>
    </row>
    <row r="547979" spans="14:14">
      <c r="N547979" s="10"/>
    </row>
    <row r="547980" spans="14:14">
      <c r="N547980" s="10"/>
    </row>
    <row r="547981" spans="14:14">
      <c r="N547981" s="10"/>
    </row>
    <row r="547982" spans="14:14">
      <c r="N547982" s="10"/>
    </row>
    <row r="547983" spans="14:14">
      <c r="N547983" s="10"/>
    </row>
    <row r="547984" spans="14:14">
      <c r="N547984" s="10"/>
    </row>
    <row r="547985" spans="14:14">
      <c r="N547985" s="10"/>
    </row>
    <row r="547986" spans="14:14">
      <c r="N547986" s="10"/>
    </row>
    <row r="547987" spans="14:14">
      <c r="N547987" s="10"/>
    </row>
    <row r="547988" spans="14:14">
      <c r="N547988" s="10"/>
    </row>
    <row r="547989" spans="14:14">
      <c r="N547989" s="10"/>
    </row>
    <row r="547990" spans="14:14">
      <c r="N547990" s="10"/>
    </row>
    <row r="547991" spans="14:14">
      <c r="N547991" s="10"/>
    </row>
    <row r="547992" spans="14:14">
      <c r="N547992" s="10"/>
    </row>
    <row r="547993" spans="14:14">
      <c r="N547993" s="10"/>
    </row>
    <row r="547994" spans="14:14">
      <c r="N547994" s="10"/>
    </row>
    <row r="547995" spans="14:14">
      <c r="N547995" s="10"/>
    </row>
    <row r="547996" spans="14:14">
      <c r="N547996" s="10"/>
    </row>
    <row r="547997" spans="14:14">
      <c r="N547997" s="10"/>
    </row>
    <row r="547998" spans="14:14">
      <c r="N547998" s="10"/>
    </row>
    <row r="547999" spans="14:14">
      <c r="N547999" s="10"/>
    </row>
    <row r="548000" spans="14:14">
      <c r="N548000" s="10"/>
    </row>
    <row r="548001" spans="14:14">
      <c r="N548001" s="10"/>
    </row>
    <row r="548002" spans="14:14">
      <c r="N548002" s="10"/>
    </row>
    <row r="548003" spans="14:14">
      <c r="N548003" s="10"/>
    </row>
    <row r="548004" spans="14:14">
      <c r="N548004" s="10"/>
    </row>
    <row r="548005" spans="14:14">
      <c r="N548005" s="10"/>
    </row>
    <row r="548006" spans="14:14">
      <c r="N548006" s="10"/>
    </row>
    <row r="548007" spans="14:14">
      <c r="N548007" s="10"/>
    </row>
    <row r="548008" spans="14:14">
      <c r="N548008" s="10"/>
    </row>
    <row r="548009" spans="14:14">
      <c r="N548009" s="10"/>
    </row>
    <row r="548010" spans="14:14">
      <c r="N548010" s="10"/>
    </row>
    <row r="548011" spans="14:14">
      <c r="N548011" s="10"/>
    </row>
    <row r="548012" spans="14:14">
      <c r="N548012" s="10"/>
    </row>
    <row r="548013" spans="14:14">
      <c r="N548013" s="10"/>
    </row>
    <row r="548014" spans="14:14">
      <c r="N548014" s="10"/>
    </row>
    <row r="548015" spans="14:14">
      <c r="N548015" s="10"/>
    </row>
    <row r="548016" spans="14:14">
      <c r="N548016" s="10"/>
    </row>
    <row r="548017" spans="14:14">
      <c r="N548017" s="10"/>
    </row>
    <row r="548018" spans="14:14">
      <c r="N548018" s="10"/>
    </row>
    <row r="548019" spans="14:14">
      <c r="N548019" s="10"/>
    </row>
    <row r="548020" spans="14:14">
      <c r="N548020" s="10"/>
    </row>
    <row r="548021" spans="14:14">
      <c r="N548021" s="10"/>
    </row>
    <row r="548022" spans="14:14">
      <c r="N548022" s="10"/>
    </row>
    <row r="548023" spans="14:14">
      <c r="N548023" s="10"/>
    </row>
    <row r="548024" spans="14:14">
      <c r="N548024" s="10"/>
    </row>
    <row r="548025" spans="14:14">
      <c r="N548025" s="10"/>
    </row>
    <row r="548026" spans="14:14">
      <c r="N548026" s="10"/>
    </row>
    <row r="548027" spans="14:14">
      <c r="N548027" s="10"/>
    </row>
    <row r="548028" spans="14:14">
      <c r="N548028" s="10"/>
    </row>
    <row r="548029" spans="14:14">
      <c r="N548029" s="10"/>
    </row>
    <row r="548030" spans="14:14">
      <c r="N548030" s="10"/>
    </row>
    <row r="548031" spans="14:14">
      <c r="N548031" s="10"/>
    </row>
    <row r="548032" spans="14:14">
      <c r="N548032" s="10"/>
    </row>
    <row r="548033" spans="14:14">
      <c r="N548033" s="10"/>
    </row>
    <row r="548034" spans="14:14">
      <c r="N548034" s="10"/>
    </row>
    <row r="548035" spans="14:14">
      <c r="N548035" s="10"/>
    </row>
    <row r="548036" spans="14:14">
      <c r="N548036" s="10"/>
    </row>
    <row r="548037" spans="14:14">
      <c r="N548037" s="10"/>
    </row>
    <row r="548038" spans="14:14">
      <c r="N548038" s="10"/>
    </row>
    <row r="548039" spans="14:14">
      <c r="N548039" s="10"/>
    </row>
    <row r="548040" spans="14:14">
      <c r="N548040" s="10"/>
    </row>
    <row r="548041" spans="14:14">
      <c r="N548041" s="10"/>
    </row>
    <row r="548042" spans="14:14">
      <c r="N548042" s="10"/>
    </row>
    <row r="548043" spans="14:14">
      <c r="N548043" s="10"/>
    </row>
    <row r="548044" spans="14:14">
      <c r="N548044" s="10"/>
    </row>
    <row r="548045" spans="14:14">
      <c r="N548045" s="10"/>
    </row>
    <row r="548046" spans="14:14">
      <c r="N548046" s="10"/>
    </row>
    <row r="548047" spans="14:14">
      <c r="N548047" s="10"/>
    </row>
    <row r="548048" spans="14:14">
      <c r="N548048" s="10"/>
    </row>
    <row r="548049" spans="14:14">
      <c r="N548049" s="10"/>
    </row>
    <row r="548050" spans="14:14">
      <c r="N548050" s="10"/>
    </row>
    <row r="548051" spans="14:14">
      <c r="N548051" s="10"/>
    </row>
    <row r="548052" spans="14:14">
      <c r="N548052" s="10"/>
    </row>
    <row r="548053" spans="14:14">
      <c r="N548053" s="10"/>
    </row>
    <row r="548054" spans="14:14">
      <c r="N548054" s="10"/>
    </row>
    <row r="548055" spans="14:14">
      <c r="N548055" s="10"/>
    </row>
    <row r="548056" spans="14:14">
      <c r="N548056" s="10"/>
    </row>
    <row r="548057" spans="14:14">
      <c r="N548057" s="10"/>
    </row>
    <row r="548058" spans="14:14">
      <c r="N548058" s="10"/>
    </row>
    <row r="548059" spans="14:14">
      <c r="N548059" s="10"/>
    </row>
    <row r="548060" spans="14:14">
      <c r="N548060" s="10"/>
    </row>
    <row r="548061" spans="14:14">
      <c r="N548061" s="10"/>
    </row>
    <row r="548062" spans="14:14">
      <c r="N548062" s="10"/>
    </row>
    <row r="548063" spans="14:14">
      <c r="N548063" s="10"/>
    </row>
    <row r="548064" spans="14:14">
      <c r="N548064" s="10"/>
    </row>
    <row r="548065" spans="14:14">
      <c r="N548065" s="10"/>
    </row>
    <row r="548066" spans="14:14">
      <c r="N548066" s="10"/>
    </row>
    <row r="548067" spans="14:14">
      <c r="N548067" s="10"/>
    </row>
    <row r="548068" spans="14:14">
      <c r="N548068" s="10"/>
    </row>
    <row r="548069" spans="14:14">
      <c r="N548069" s="10"/>
    </row>
    <row r="548070" spans="14:14">
      <c r="N548070" s="10"/>
    </row>
    <row r="548071" spans="14:14">
      <c r="N548071" s="10"/>
    </row>
    <row r="548072" spans="14:14">
      <c r="N548072" s="10"/>
    </row>
    <row r="548073" spans="14:14">
      <c r="N548073" s="10"/>
    </row>
    <row r="548074" spans="14:14">
      <c r="N548074" s="10"/>
    </row>
    <row r="548075" spans="14:14">
      <c r="N548075" s="10"/>
    </row>
    <row r="548076" spans="14:14">
      <c r="N548076" s="10"/>
    </row>
    <row r="548077" spans="14:14">
      <c r="N548077" s="10"/>
    </row>
    <row r="548078" spans="14:14">
      <c r="N548078" s="10"/>
    </row>
    <row r="548079" spans="14:14">
      <c r="N548079" s="10"/>
    </row>
    <row r="548080" spans="14:14">
      <c r="N548080" s="10"/>
    </row>
    <row r="548081" spans="14:14">
      <c r="N548081" s="10"/>
    </row>
    <row r="548082" spans="14:14">
      <c r="N548082" s="10"/>
    </row>
    <row r="548083" spans="14:14">
      <c r="N548083" s="10"/>
    </row>
    <row r="548084" spans="14:14">
      <c r="N548084" s="10"/>
    </row>
    <row r="548085" spans="14:14">
      <c r="N548085" s="10"/>
    </row>
    <row r="548086" spans="14:14">
      <c r="N548086" s="10"/>
    </row>
    <row r="548087" spans="14:14">
      <c r="N548087" s="10"/>
    </row>
    <row r="548088" spans="14:14">
      <c r="N548088" s="10"/>
    </row>
    <row r="548089" spans="14:14">
      <c r="N548089" s="10"/>
    </row>
    <row r="548090" spans="14:14">
      <c r="N548090" s="10"/>
    </row>
    <row r="548091" spans="14:14">
      <c r="N548091" s="10"/>
    </row>
    <row r="548092" spans="14:14">
      <c r="N548092" s="10"/>
    </row>
    <row r="548093" spans="14:14">
      <c r="N548093" s="10"/>
    </row>
    <row r="548094" spans="14:14">
      <c r="N548094" s="10"/>
    </row>
    <row r="548095" spans="14:14">
      <c r="N548095" s="10"/>
    </row>
    <row r="548096" spans="14:14">
      <c r="N548096" s="10"/>
    </row>
    <row r="548097" spans="14:14">
      <c r="N548097" s="10"/>
    </row>
    <row r="548098" spans="14:14">
      <c r="N548098" s="10"/>
    </row>
    <row r="548099" spans="14:14">
      <c r="N548099" s="10"/>
    </row>
    <row r="548100" spans="14:14">
      <c r="N548100" s="10"/>
    </row>
    <row r="548101" spans="14:14">
      <c r="N548101" s="10"/>
    </row>
    <row r="548102" spans="14:14">
      <c r="N548102" s="10"/>
    </row>
    <row r="548103" spans="14:14">
      <c r="N548103" s="10"/>
    </row>
    <row r="548104" spans="14:14">
      <c r="N548104" s="10"/>
    </row>
    <row r="548105" spans="14:14">
      <c r="N548105" s="10"/>
    </row>
    <row r="548106" spans="14:14">
      <c r="N548106" s="10"/>
    </row>
    <row r="548107" spans="14:14">
      <c r="N548107" s="10"/>
    </row>
    <row r="548108" spans="14:14">
      <c r="N548108" s="10"/>
    </row>
    <row r="548109" spans="14:14">
      <c r="N548109" s="10"/>
    </row>
    <row r="548110" spans="14:14">
      <c r="N548110" s="10"/>
    </row>
    <row r="548111" spans="14:14">
      <c r="N548111" s="10"/>
    </row>
    <row r="548112" spans="14:14">
      <c r="N548112" s="10"/>
    </row>
    <row r="548113" spans="14:14">
      <c r="N548113" s="10"/>
    </row>
    <row r="548114" spans="14:14">
      <c r="N548114" s="10"/>
    </row>
    <row r="548115" spans="14:14">
      <c r="N548115" s="10"/>
    </row>
    <row r="548116" spans="14:14">
      <c r="N548116" s="10"/>
    </row>
    <row r="548117" spans="14:14">
      <c r="N548117" s="10"/>
    </row>
    <row r="548118" spans="14:14">
      <c r="N548118" s="10"/>
    </row>
    <row r="548119" spans="14:14">
      <c r="N548119" s="10"/>
    </row>
    <row r="548120" spans="14:14">
      <c r="N548120" s="10"/>
    </row>
    <row r="548121" spans="14:14">
      <c r="N548121" s="10"/>
    </row>
    <row r="548122" spans="14:14">
      <c r="N548122" s="10"/>
    </row>
    <row r="548123" spans="14:14">
      <c r="N548123" s="10"/>
    </row>
    <row r="548124" spans="14:14">
      <c r="N548124" s="10"/>
    </row>
    <row r="548125" spans="14:14">
      <c r="N548125" s="10"/>
    </row>
    <row r="548126" spans="14:14">
      <c r="N548126" s="10"/>
    </row>
    <row r="548127" spans="14:14">
      <c r="N548127" s="10"/>
    </row>
    <row r="548128" spans="14:14">
      <c r="N548128" s="10"/>
    </row>
    <row r="548129" spans="14:14">
      <c r="N548129" s="10"/>
    </row>
    <row r="548130" spans="14:14">
      <c r="N548130" s="10"/>
    </row>
    <row r="548131" spans="14:14">
      <c r="N548131" s="10"/>
    </row>
    <row r="548132" spans="14:14">
      <c r="N548132" s="10"/>
    </row>
    <row r="548133" spans="14:14">
      <c r="N548133" s="10"/>
    </row>
    <row r="548134" spans="14:14">
      <c r="N548134" s="10"/>
    </row>
    <row r="548135" spans="14:14">
      <c r="N548135" s="10"/>
    </row>
    <row r="548136" spans="14:14">
      <c r="N548136" s="10"/>
    </row>
    <row r="548137" spans="14:14">
      <c r="N548137" s="10"/>
    </row>
    <row r="548138" spans="14:14">
      <c r="N548138" s="10"/>
    </row>
    <row r="548139" spans="14:14">
      <c r="N548139" s="10"/>
    </row>
    <row r="548140" spans="14:14">
      <c r="N548140" s="10"/>
    </row>
    <row r="548141" spans="14:14">
      <c r="N548141" s="10"/>
    </row>
    <row r="548142" spans="14:14">
      <c r="N548142" s="10"/>
    </row>
    <row r="548143" spans="14:14">
      <c r="N548143" s="10"/>
    </row>
    <row r="548144" spans="14:14">
      <c r="N548144" s="10"/>
    </row>
    <row r="548145" spans="14:14">
      <c r="N548145" s="10"/>
    </row>
    <row r="548146" spans="14:14">
      <c r="N548146" s="10"/>
    </row>
    <row r="548147" spans="14:14">
      <c r="N548147" s="10"/>
    </row>
    <row r="548148" spans="14:14">
      <c r="N548148" s="10"/>
    </row>
    <row r="548149" spans="14:14">
      <c r="N548149" s="10"/>
    </row>
    <row r="548150" spans="14:14">
      <c r="N548150" s="10"/>
    </row>
    <row r="548151" spans="14:14">
      <c r="N548151" s="10"/>
    </row>
    <row r="548152" spans="14:14">
      <c r="N548152" s="10"/>
    </row>
    <row r="548153" spans="14:14">
      <c r="N548153" s="10"/>
    </row>
    <row r="548154" spans="14:14">
      <c r="N548154" s="10"/>
    </row>
    <row r="548155" spans="14:14">
      <c r="N548155" s="10"/>
    </row>
    <row r="548156" spans="14:14">
      <c r="N548156" s="10"/>
    </row>
    <row r="548157" spans="14:14">
      <c r="N548157" s="10"/>
    </row>
    <row r="548158" spans="14:14">
      <c r="N548158" s="10"/>
    </row>
    <row r="548159" spans="14:14">
      <c r="N548159" s="10"/>
    </row>
    <row r="548160" spans="14:14">
      <c r="N548160" s="10"/>
    </row>
    <row r="548161" spans="14:14">
      <c r="N548161" s="10"/>
    </row>
    <row r="548162" spans="14:14">
      <c r="N548162" s="10"/>
    </row>
    <row r="548163" spans="14:14">
      <c r="N548163" s="10"/>
    </row>
    <row r="548164" spans="14:14">
      <c r="N548164" s="10"/>
    </row>
    <row r="548165" spans="14:14">
      <c r="N548165" s="10"/>
    </row>
    <row r="548166" spans="14:14">
      <c r="N548166" s="10"/>
    </row>
    <row r="548167" spans="14:14">
      <c r="N548167" s="10"/>
    </row>
    <row r="548168" spans="14:14">
      <c r="N548168" s="10"/>
    </row>
    <row r="548169" spans="14:14">
      <c r="N548169" s="10"/>
    </row>
    <row r="548170" spans="14:14">
      <c r="N548170" s="10"/>
    </row>
    <row r="548171" spans="14:14">
      <c r="N548171" s="10"/>
    </row>
    <row r="548172" spans="14:14">
      <c r="N548172" s="10"/>
    </row>
    <row r="548173" spans="14:14">
      <c r="N548173" s="10"/>
    </row>
    <row r="548174" spans="14:14">
      <c r="N548174" s="10"/>
    </row>
    <row r="548175" spans="14:14">
      <c r="N548175" s="10"/>
    </row>
    <row r="548176" spans="14:14">
      <c r="N548176" s="10"/>
    </row>
    <row r="548177" spans="14:14">
      <c r="N548177" s="10"/>
    </row>
    <row r="548178" spans="14:14">
      <c r="N548178" s="10"/>
    </row>
    <row r="548179" spans="14:14">
      <c r="N548179" s="10"/>
    </row>
    <row r="548180" spans="14:14">
      <c r="N548180" s="10"/>
    </row>
    <row r="548181" spans="14:14">
      <c r="N548181" s="10"/>
    </row>
    <row r="548182" spans="14:14">
      <c r="N548182" s="10"/>
    </row>
    <row r="548183" spans="14:14">
      <c r="N548183" s="10"/>
    </row>
    <row r="548184" spans="14:14">
      <c r="N548184" s="10"/>
    </row>
    <row r="548185" spans="14:14">
      <c r="N548185" s="10"/>
    </row>
    <row r="548186" spans="14:14">
      <c r="N548186" s="10"/>
    </row>
    <row r="548187" spans="14:14">
      <c r="N548187" s="10"/>
    </row>
    <row r="548188" spans="14:14">
      <c r="N548188" s="10"/>
    </row>
    <row r="548189" spans="14:14">
      <c r="N548189" s="10"/>
    </row>
    <row r="548190" spans="14:14">
      <c r="N548190" s="10"/>
    </row>
    <row r="548191" spans="14:14">
      <c r="N548191" s="10"/>
    </row>
    <row r="548192" spans="14:14">
      <c r="N548192" s="10"/>
    </row>
    <row r="548193" spans="14:14">
      <c r="N548193" s="10"/>
    </row>
    <row r="548194" spans="14:14">
      <c r="N548194" s="10"/>
    </row>
    <row r="548195" spans="14:14">
      <c r="N548195" s="10"/>
    </row>
    <row r="548196" spans="14:14">
      <c r="N548196" s="10"/>
    </row>
    <row r="548197" spans="14:14">
      <c r="N548197" s="10"/>
    </row>
    <row r="548198" spans="14:14">
      <c r="N548198" s="10"/>
    </row>
    <row r="548199" spans="14:14">
      <c r="N548199" s="10"/>
    </row>
    <row r="548200" spans="14:14">
      <c r="N548200" s="10"/>
    </row>
    <row r="548201" spans="14:14">
      <c r="N548201" s="10"/>
    </row>
    <row r="548202" spans="14:14">
      <c r="N548202" s="10"/>
    </row>
    <row r="548203" spans="14:14">
      <c r="N548203" s="10"/>
    </row>
    <row r="548204" spans="14:14">
      <c r="N548204" s="10"/>
    </row>
    <row r="548205" spans="14:14">
      <c r="N548205" s="10"/>
    </row>
    <row r="548206" spans="14:14">
      <c r="N548206" s="10"/>
    </row>
    <row r="548207" spans="14:14">
      <c r="N548207" s="10"/>
    </row>
    <row r="548208" spans="14:14">
      <c r="N548208" s="10"/>
    </row>
    <row r="548209" spans="14:14">
      <c r="N548209" s="10"/>
    </row>
    <row r="548210" spans="14:14">
      <c r="N548210" s="10"/>
    </row>
    <row r="548211" spans="14:14">
      <c r="N548211" s="10"/>
    </row>
    <row r="548212" spans="14:14">
      <c r="N548212" s="10"/>
    </row>
    <row r="548213" spans="14:14">
      <c r="N548213" s="10"/>
    </row>
    <row r="548214" spans="14:14">
      <c r="N548214" s="10"/>
    </row>
    <row r="548215" spans="14:14">
      <c r="N548215" s="10"/>
    </row>
    <row r="548216" spans="14:14">
      <c r="N548216" s="10"/>
    </row>
    <row r="548217" spans="14:14">
      <c r="N548217" s="10"/>
    </row>
    <row r="548218" spans="14:14">
      <c r="N548218" s="10"/>
    </row>
    <row r="548219" spans="14:14">
      <c r="N548219" s="10"/>
    </row>
    <row r="548220" spans="14:14">
      <c r="N548220" s="10"/>
    </row>
    <row r="548221" spans="14:14">
      <c r="N548221" s="10"/>
    </row>
    <row r="548222" spans="14:14">
      <c r="N548222" s="10"/>
    </row>
    <row r="548223" spans="14:14">
      <c r="N548223" s="10"/>
    </row>
    <row r="548224" spans="14:14">
      <c r="N548224" s="10"/>
    </row>
    <row r="548225" spans="14:14">
      <c r="N548225" s="10"/>
    </row>
    <row r="548226" spans="14:14">
      <c r="N548226" s="10"/>
    </row>
    <row r="548227" spans="14:14">
      <c r="N548227" s="10"/>
    </row>
    <row r="548228" spans="14:14">
      <c r="N548228" s="10"/>
    </row>
    <row r="548229" spans="14:14">
      <c r="N548229" s="10"/>
    </row>
    <row r="548230" spans="14:14">
      <c r="N548230" s="10"/>
    </row>
    <row r="548231" spans="14:14">
      <c r="N548231" s="10"/>
    </row>
    <row r="548232" spans="14:14">
      <c r="N548232" s="10"/>
    </row>
    <row r="548233" spans="14:14">
      <c r="N548233" s="10"/>
    </row>
    <row r="548234" spans="14:14">
      <c r="N548234" s="10"/>
    </row>
    <row r="548235" spans="14:14">
      <c r="N548235" s="10"/>
    </row>
    <row r="548236" spans="14:14">
      <c r="N548236" s="10"/>
    </row>
    <row r="548237" spans="14:14">
      <c r="N548237" s="10"/>
    </row>
    <row r="548238" spans="14:14">
      <c r="N548238" s="10"/>
    </row>
    <row r="548239" spans="14:14">
      <c r="N548239" s="10"/>
    </row>
    <row r="548240" spans="14:14">
      <c r="N548240" s="10"/>
    </row>
    <row r="548241" spans="14:14">
      <c r="N548241" s="10"/>
    </row>
    <row r="548242" spans="14:14">
      <c r="N548242" s="10"/>
    </row>
    <row r="548243" spans="14:14">
      <c r="N548243" s="10"/>
    </row>
    <row r="548244" spans="14:14">
      <c r="N548244" s="10"/>
    </row>
    <row r="548245" spans="14:14">
      <c r="N548245" s="10"/>
    </row>
    <row r="548246" spans="14:14">
      <c r="N548246" s="10"/>
    </row>
    <row r="548247" spans="14:14">
      <c r="N548247" s="10"/>
    </row>
    <row r="548248" spans="14:14">
      <c r="N548248" s="10"/>
    </row>
    <row r="548249" spans="14:14">
      <c r="N548249" s="10"/>
    </row>
    <row r="548250" spans="14:14">
      <c r="N548250" s="10"/>
    </row>
    <row r="548251" spans="14:14">
      <c r="N548251" s="10"/>
    </row>
    <row r="548252" spans="14:14">
      <c r="N548252" s="10"/>
    </row>
    <row r="548253" spans="14:14">
      <c r="N548253" s="10"/>
    </row>
    <row r="548254" spans="14:14">
      <c r="N548254" s="10"/>
    </row>
    <row r="548255" spans="14:14">
      <c r="N548255" s="10"/>
    </row>
    <row r="548256" spans="14:14">
      <c r="N548256" s="10"/>
    </row>
    <row r="548257" spans="14:14">
      <c r="N548257" s="10"/>
    </row>
    <row r="548258" spans="14:14">
      <c r="N548258" s="10"/>
    </row>
    <row r="548259" spans="14:14">
      <c r="N548259" s="10"/>
    </row>
    <row r="548260" spans="14:14">
      <c r="N548260" s="10"/>
    </row>
    <row r="548261" spans="14:14">
      <c r="N548261" s="10"/>
    </row>
    <row r="548262" spans="14:14">
      <c r="N548262" s="10"/>
    </row>
    <row r="548263" spans="14:14">
      <c r="N548263" s="10"/>
    </row>
    <row r="548264" spans="14:14">
      <c r="N548264" s="10"/>
    </row>
    <row r="548265" spans="14:14">
      <c r="N548265" s="10"/>
    </row>
    <row r="548266" spans="14:14">
      <c r="N548266" s="10"/>
    </row>
    <row r="548267" spans="14:14">
      <c r="N548267" s="10"/>
    </row>
    <row r="548268" spans="14:14">
      <c r="N548268" s="10"/>
    </row>
    <row r="548269" spans="14:14">
      <c r="N548269" s="10"/>
    </row>
    <row r="548270" spans="14:14">
      <c r="N548270" s="10"/>
    </row>
    <row r="548271" spans="14:14">
      <c r="N548271" s="10"/>
    </row>
    <row r="548272" spans="14:14">
      <c r="N548272" s="10"/>
    </row>
    <row r="548273" spans="14:14">
      <c r="N548273" s="10"/>
    </row>
    <row r="548274" spans="14:14">
      <c r="N548274" s="10"/>
    </row>
    <row r="548275" spans="14:14">
      <c r="N548275" s="10"/>
    </row>
    <row r="548276" spans="14:14">
      <c r="N548276" s="10"/>
    </row>
    <row r="548277" spans="14:14">
      <c r="N548277" s="10"/>
    </row>
    <row r="548278" spans="14:14">
      <c r="N548278" s="10"/>
    </row>
    <row r="548279" spans="14:14">
      <c r="N548279" s="10"/>
    </row>
    <row r="548280" spans="14:14">
      <c r="N548280" s="10"/>
    </row>
    <row r="548281" spans="14:14">
      <c r="N548281" s="10"/>
    </row>
    <row r="548282" spans="14:14">
      <c r="N548282" s="10"/>
    </row>
    <row r="548283" spans="14:14">
      <c r="N548283" s="10"/>
    </row>
    <row r="548284" spans="14:14">
      <c r="N548284" s="10"/>
    </row>
    <row r="548285" spans="14:14">
      <c r="N548285" s="10"/>
    </row>
    <row r="548286" spans="14:14">
      <c r="N548286" s="10"/>
    </row>
    <row r="548287" spans="14:14">
      <c r="N548287" s="10"/>
    </row>
    <row r="548288" spans="14:14">
      <c r="N548288" s="10"/>
    </row>
    <row r="548289" spans="14:14">
      <c r="N548289" s="10"/>
    </row>
    <row r="548290" spans="14:14">
      <c r="N548290" s="10"/>
    </row>
    <row r="548291" spans="14:14">
      <c r="N548291" s="10"/>
    </row>
    <row r="548292" spans="14:14">
      <c r="N548292" s="10"/>
    </row>
    <row r="548293" spans="14:14">
      <c r="N548293" s="10"/>
    </row>
    <row r="548294" spans="14:14">
      <c r="N548294" s="10"/>
    </row>
    <row r="548295" spans="14:14">
      <c r="N548295" s="10"/>
    </row>
    <row r="548296" spans="14:14">
      <c r="N548296" s="10"/>
    </row>
    <row r="548297" spans="14:14">
      <c r="N548297" s="10"/>
    </row>
    <row r="548298" spans="14:14">
      <c r="N548298" s="10"/>
    </row>
    <row r="548299" spans="14:14">
      <c r="N548299" s="10"/>
    </row>
    <row r="548300" spans="14:14">
      <c r="N548300" s="10"/>
    </row>
    <row r="548301" spans="14:14">
      <c r="N548301" s="10"/>
    </row>
    <row r="548302" spans="14:14">
      <c r="N548302" s="10"/>
    </row>
    <row r="548303" spans="14:14">
      <c r="N548303" s="10"/>
    </row>
    <row r="548304" spans="14:14">
      <c r="N548304" s="10"/>
    </row>
    <row r="548305" spans="14:14">
      <c r="N548305" s="10"/>
    </row>
    <row r="548306" spans="14:14">
      <c r="N548306" s="10"/>
    </row>
    <row r="548307" spans="14:14">
      <c r="N548307" s="10"/>
    </row>
    <row r="548308" spans="14:14">
      <c r="N548308" s="10"/>
    </row>
    <row r="548309" spans="14:14">
      <c r="N548309" s="10"/>
    </row>
    <row r="548310" spans="14:14">
      <c r="N548310" s="10"/>
    </row>
    <row r="548311" spans="14:14">
      <c r="N548311" s="10"/>
    </row>
    <row r="548312" spans="14:14">
      <c r="N548312" s="10"/>
    </row>
    <row r="548313" spans="14:14">
      <c r="N548313" s="10"/>
    </row>
    <row r="548314" spans="14:14">
      <c r="N548314" s="10"/>
    </row>
    <row r="548315" spans="14:14">
      <c r="N548315" s="10"/>
    </row>
    <row r="548316" spans="14:14">
      <c r="N548316" s="10"/>
    </row>
    <row r="548317" spans="14:14">
      <c r="N548317" s="10"/>
    </row>
    <row r="548318" spans="14:14">
      <c r="N548318" s="10"/>
    </row>
    <row r="548319" spans="14:14">
      <c r="N548319" s="10"/>
    </row>
    <row r="548320" spans="14:14">
      <c r="N548320" s="10"/>
    </row>
    <row r="548321" spans="14:14">
      <c r="N548321" s="10"/>
    </row>
    <row r="548322" spans="14:14">
      <c r="N548322" s="10"/>
    </row>
    <row r="548323" spans="14:14">
      <c r="N548323" s="10"/>
    </row>
    <row r="548324" spans="14:14">
      <c r="N548324" s="10"/>
    </row>
    <row r="548325" spans="14:14">
      <c r="N548325" s="10"/>
    </row>
    <row r="548326" spans="14:14">
      <c r="N548326" s="10"/>
    </row>
    <row r="548327" spans="14:14">
      <c r="N548327" s="10"/>
    </row>
    <row r="548328" spans="14:14">
      <c r="N548328" s="10"/>
    </row>
    <row r="548329" spans="14:14">
      <c r="N548329" s="10"/>
    </row>
    <row r="548330" spans="14:14">
      <c r="N548330" s="10"/>
    </row>
    <row r="548331" spans="14:14">
      <c r="N548331" s="10"/>
    </row>
    <row r="548332" spans="14:14">
      <c r="N548332" s="10"/>
    </row>
    <row r="548333" spans="14:14">
      <c r="N548333" s="10"/>
    </row>
    <row r="548334" spans="14:14">
      <c r="N548334" s="10"/>
    </row>
    <row r="548335" spans="14:14">
      <c r="N548335" s="10"/>
    </row>
    <row r="548336" spans="14:14">
      <c r="N548336" s="10"/>
    </row>
    <row r="548337" spans="14:14">
      <c r="N548337" s="10"/>
    </row>
    <row r="548338" spans="14:14">
      <c r="N548338" s="10"/>
    </row>
    <row r="548339" spans="14:14">
      <c r="N548339" s="10"/>
    </row>
    <row r="548340" spans="14:14">
      <c r="N548340" s="10"/>
    </row>
    <row r="548341" spans="14:14">
      <c r="N548341" s="10"/>
    </row>
    <row r="548342" spans="14:14">
      <c r="N548342" s="10"/>
    </row>
    <row r="548343" spans="14:14">
      <c r="N548343" s="10"/>
    </row>
    <row r="548344" spans="14:14">
      <c r="N548344" s="10"/>
    </row>
    <row r="548345" spans="14:14">
      <c r="N548345" s="10"/>
    </row>
    <row r="548346" spans="14:14">
      <c r="N548346" s="10"/>
    </row>
    <row r="548347" spans="14:14">
      <c r="N548347" s="10"/>
    </row>
    <row r="548348" spans="14:14">
      <c r="N548348" s="10"/>
    </row>
    <row r="548349" spans="14:14">
      <c r="N548349" s="10"/>
    </row>
    <row r="548350" spans="14:14">
      <c r="N548350" s="10"/>
    </row>
    <row r="548351" spans="14:14">
      <c r="N548351" s="10"/>
    </row>
    <row r="548352" spans="14:14">
      <c r="N548352" s="10"/>
    </row>
    <row r="548353" spans="14:14">
      <c r="N548353" s="10"/>
    </row>
    <row r="548354" spans="14:14">
      <c r="N548354" s="10"/>
    </row>
    <row r="548355" spans="14:14">
      <c r="N548355" s="10"/>
    </row>
    <row r="548356" spans="14:14">
      <c r="N548356" s="10"/>
    </row>
    <row r="548357" spans="14:14">
      <c r="N548357" s="10"/>
    </row>
    <row r="548358" spans="14:14">
      <c r="N548358" s="10"/>
    </row>
    <row r="548359" spans="14:14">
      <c r="N548359" s="10"/>
    </row>
    <row r="548360" spans="14:14">
      <c r="N548360" s="10"/>
    </row>
    <row r="548361" spans="14:14">
      <c r="N548361" s="10"/>
    </row>
    <row r="548362" spans="14:14">
      <c r="N548362" s="10"/>
    </row>
    <row r="548363" spans="14:14">
      <c r="N548363" s="10"/>
    </row>
    <row r="548364" spans="14:14">
      <c r="N548364" s="10"/>
    </row>
    <row r="548365" spans="14:14">
      <c r="N548365" s="10"/>
    </row>
    <row r="548366" spans="14:14">
      <c r="N548366" s="10"/>
    </row>
    <row r="548367" spans="14:14">
      <c r="N548367" s="10"/>
    </row>
    <row r="548368" spans="14:14">
      <c r="N548368" s="10"/>
    </row>
    <row r="548369" spans="14:14">
      <c r="N548369" s="10"/>
    </row>
    <row r="548370" spans="14:14">
      <c r="N548370" s="10"/>
    </row>
    <row r="548371" spans="14:14">
      <c r="N548371" s="10"/>
    </row>
    <row r="548372" spans="14:14">
      <c r="N548372" s="10"/>
    </row>
    <row r="548373" spans="14:14">
      <c r="N548373" s="10"/>
    </row>
    <row r="548374" spans="14:14">
      <c r="N548374" s="10"/>
    </row>
    <row r="548375" spans="14:14">
      <c r="N548375" s="10"/>
    </row>
    <row r="548376" spans="14:14">
      <c r="N548376" s="10"/>
    </row>
    <row r="548377" spans="14:14">
      <c r="N548377" s="10"/>
    </row>
    <row r="548378" spans="14:14">
      <c r="N548378" s="10"/>
    </row>
    <row r="548379" spans="14:14">
      <c r="N548379" s="10"/>
    </row>
    <row r="548380" spans="14:14">
      <c r="N548380" s="10"/>
    </row>
    <row r="548381" spans="14:14">
      <c r="N548381" s="10"/>
    </row>
    <row r="548382" spans="14:14">
      <c r="N548382" s="10"/>
    </row>
    <row r="548383" spans="14:14">
      <c r="N548383" s="10"/>
    </row>
    <row r="548384" spans="14:14">
      <c r="N548384" s="10"/>
    </row>
    <row r="548385" spans="14:14">
      <c r="N548385" s="10"/>
    </row>
    <row r="548386" spans="14:14">
      <c r="N548386" s="10"/>
    </row>
    <row r="548387" spans="14:14">
      <c r="N548387" s="10"/>
    </row>
    <row r="548388" spans="14:14">
      <c r="N548388" s="10"/>
    </row>
    <row r="548389" spans="14:14">
      <c r="N548389" s="10"/>
    </row>
    <row r="548390" spans="14:14">
      <c r="N548390" s="10"/>
    </row>
    <row r="548391" spans="14:14">
      <c r="N548391" s="10"/>
    </row>
    <row r="548392" spans="14:14">
      <c r="N548392" s="10"/>
    </row>
    <row r="548393" spans="14:14">
      <c r="N548393" s="10"/>
    </row>
    <row r="548394" spans="14:14">
      <c r="N548394" s="10"/>
    </row>
    <row r="548395" spans="14:14">
      <c r="N548395" s="10"/>
    </row>
    <row r="548396" spans="14:14">
      <c r="N548396" s="10"/>
    </row>
    <row r="548397" spans="14:14">
      <c r="N548397" s="10"/>
    </row>
    <row r="548398" spans="14:14">
      <c r="N548398" s="10"/>
    </row>
    <row r="548399" spans="14:14">
      <c r="N548399" s="10"/>
    </row>
    <row r="548400" spans="14:14">
      <c r="N548400" s="10"/>
    </row>
    <row r="548401" spans="14:14">
      <c r="N548401" s="10"/>
    </row>
    <row r="548402" spans="14:14">
      <c r="N548402" s="10"/>
    </row>
    <row r="548403" spans="14:14">
      <c r="N548403" s="10"/>
    </row>
    <row r="548404" spans="14:14">
      <c r="N548404" s="10"/>
    </row>
    <row r="548405" spans="14:14">
      <c r="N548405" s="10"/>
    </row>
    <row r="548406" spans="14:14">
      <c r="N548406" s="10"/>
    </row>
    <row r="548407" spans="14:14">
      <c r="N548407" s="10"/>
    </row>
    <row r="548408" spans="14:14">
      <c r="N548408" s="10"/>
    </row>
    <row r="548409" spans="14:14">
      <c r="N548409" s="10"/>
    </row>
    <row r="548410" spans="14:14">
      <c r="N548410" s="10"/>
    </row>
    <row r="548411" spans="14:14">
      <c r="N548411" s="10"/>
    </row>
    <row r="548412" spans="14:14">
      <c r="N548412" s="10"/>
    </row>
    <row r="548413" spans="14:14">
      <c r="N548413" s="10"/>
    </row>
    <row r="548414" spans="14:14">
      <c r="N548414" s="10"/>
    </row>
    <row r="548415" spans="14:14">
      <c r="N548415" s="10"/>
    </row>
    <row r="548416" spans="14:14">
      <c r="N548416" s="10"/>
    </row>
    <row r="548417" spans="14:14">
      <c r="N548417" s="10"/>
    </row>
    <row r="548418" spans="14:14">
      <c r="N548418" s="10"/>
    </row>
    <row r="548419" spans="14:14">
      <c r="N548419" s="10"/>
    </row>
    <row r="548420" spans="14:14">
      <c r="N548420" s="10"/>
    </row>
    <row r="548421" spans="14:14">
      <c r="N548421" s="10"/>
    </row>
    <row r="548422" spans="14:14">
      <c r="N548422" s="10"/>
    </row>
    <row r="548423" spans="14:14">
      <c r="N548423" s="10"/>
    </row>
    <row r="548424" spans="14:14">
      <c r="N548424" s="10"/>
    </row>
    <row r="548425" spans="14:14">
      <c r="N548425" s="10"/>
    </row>
    <row r="548426" spans="14:14">
      <c r="N548426" s="10"/>
    </row>
    <row r="548427" spans="14:14">
      <c r="N548427" s="10"/>
    </row>
    <row r="548428" spans="14:14">
      <c r="N548428" s="10"/>
    </row>
    <row r="548429" spans="14:14">
      <c r="N548429" s="10"/>
    </row>
    <row r="548430" spans="14:14">
      <c r="N548430" s="10"/>
    </row>
    <row r="548431" spans="14:14">
      <c r="N548431" s="10"/>
    </row>
    <row r="548432" spans="14:14">
      <c r="N548432" s="10"/>
    </row>
    <row r="548433" spans="14:14">
      <c r="N548433" s="10"/>
    </row>
    <row r="548434" spans="14:14">
      <c r="N548434" s="10"/>
    </row>
    <row r="548435" spans="14:14">
      <c r="N548435" s="10"/>
    </row>
    <row r="548436" spans="14:14">
      <c r="N548436" s="10"/>
    </row>
    <row r="548437" spans="14:14">
      <c r="N548437" s="10"/>
    </row>
    <row r="548438" spans="14:14">
      <c r="N548438" s="10"/>
    </row>
    <row r="548439" spans="14:14">
      <c r="N548439" s="10"/>
    </row>
    <row r="548440" spans="14:14">
      <c r="N548440" s="10"/>
    </row>
    <row r="548441" spans="14:14">
      <c r="N548441" s="10"/>
    </row>
    <row r="548442" spans="14:14">
      <c r="N548442" s="10"/>
    </row>
    <row r="548443" spans="14:14">
      <c r="N548443" s="10"/>
    </row>
    <row r="548444" spans="14:14">
      <c r="N548444" s="10"/>
    </row>
    <row r="548445" spans="14:14">
      <c r="N548445" s="10"/>
    </row>
    <row r="548446" spans="14:14">
      <c r="N548446" s="10"/>
    </row>
    <row r="548447" spans="14:14">
      <c r="N548447" s="10"/>
    </row>
    <row r="548448" spans="14:14">
      <c r="N548448" s="10"/>
    </row>
    <row r="548449" spans="14:14">
      <c r="N548449" s="10"/>
    </row>
    <row r="548450" spans="14:14">
      <c r="N548450" s="10"/>
    </row>
    <row r="548451" spans="14:14">
      <c r="N548451" s="10"/>
    </row>
    <row r="548452" spans="14:14">
      <c r="N548452" s="10"/>
    </row>
    <row r="548453" spans="14:14">
      <c r="N548453" s="10"/>
    </row>
    <row r="548454" spans="14:14">
      <c r="N548454" s="10"/>
    </row>
    <row r="548455" spans="14:14">
      <c r="N548455" s="10"/>
    </row>
    <row r="548456" spans="14:14">
      <c r="N548456" s="10"/>
    </row>
    <row r="548457" spans="14:14">
      <c r="N548457" s="10"/>
    </row>
    <row r="548458" spans="14:14">
      <c r="N548458" s="10"/>
    </row>
    <row r="548459" spans="14:14">
      <c r="N548459" s="10"/>
    </row>
    <row r="548460" spans="14:14">
      <c r="N548460" s="10"/>
    </row>
    <row r="548461" spans="14:14">
      <c r="N548461" s="10"/>
    </row>
    <row r="548462" spans="14:14">
      <c r="N548462" s="10"/>
    </row>
    <row r="548463" spans="14:14">
      <c r="N548463" s="10"/>
    </row>
    <row r="548464" spans="14:14">
      <c r="N548464" s="10"/>
    </row>
    <row r="548465" spans="14:14">
      <c r="N548465" s="10"/>
    </row>
    <row r="548466" spans="14:14">
      <c r="N548466" s="10"/>
    </row>
    <row r="548467" spans="14:14">
      <c r="N548467" s="10"/>
    </row>
    <row r="548468" spans="14:14">
      <c r="N548468" s="10"/>
    </row>
    <row r="548469" spans="14:14">
      <c r="N548469" s="10"/>
    </row>
    <row r="548470" spans="14:14">
      <c r="N548470" s="10"/>
    </row>
    <row r="548471" spans="14:14">
      <c r="N548471" s="10"/>
    </row>
    <row r="548472" spans="14:14">
      <c r="N548472" s="10"/>
    </row>
    <row r="548473" spans="14:14">
      <c r="N548473" s="10"/>
    </row>
    <row r="548474" spans="14:14">
      <c r="N548474" s="10"/>
    </row>
    <row r="548475" spans="14:14">
      <c r="N548475" s="10"/>
    </row>
    <row r="548476" spans="14:14">
      <c r="N548476" s="10"/>
    </row>
    <row r="548477" spans="14:14">
      <c r="N548477" s="10"/>
    </row>
    <row r="548478" spans="14:14">
      <c r="N548478" s="10"/>
    </row>
    <row r="548479" spans="14:14">
      <c r="N548479" s="10"/>
    </row>
    <row r="548480" spans="14:14">
      <c r="N548480" s="10"/>
    </row>
    <row r="548481" spans="14:14">
      <c r="N548481" s="10"/>
    </row>
    <row r="548482" spans="14:14">
      <c r="N548482" s="10"/>
    </row>
    <row r="548483" spans="14:14">
      <c r="N548483" s="10"/>
    </row>
    <row r="548484" spans="14:14">
      <c r="N548484" s="10"/>
    </row>
    <row r="548485" spans="14:14">
      <c r="N548485" s="10"/>
    </row>
    <row r="548486" spans="14:14">
      <c r="N548486" s="10"/>
    </row>
    <row r="548487" spans="14:14">
      <c r="N548487" s="10"/>
    </row>
    <row r="548488" spans="14:14">
      <c r="N548488" s="10"/>
    </row>
    <row r="548489" spans="14:14">
      <c r="N548489" s="10"/>
    </row>
    <row r="548490" spans="14:14">
      <c r="N548490" s="10"/>
    </row>
    <row r="548491" spans="14:14">
      <c r="N548491" s="10"/>
    </row>
    <row r="548492" spans="14:14">
      <c r="N548492" s="10"/>
    </row>
    <row r="548493" spans="14:14">
      <c r="N548493" s="10"/>
    </row>
    <row r="548494" spans="14:14">
      <c r="N548494" s="10"/>
    </row>
    <row r="548495" spans="14:14">
      <c r="N548495" s="10"/>
    </row>
    <row r="548496" spans="14:14">
      <c r="N548496" s="10"/>
    </row>
    <row r="548497" spans="14:14">
      <c r="N548497" s="10"/>
    </row>
    <row r="548498" spans="14:14">
      <c r="N548498" s="10"/>
    </row>
    <row r="548499" spans="14:14">
      <c r="N548499" s="10"/>
    </row>
    <row r="548500" spans="14:14">
      <c r="N548500" s="10"/>
    </row>
    <row r="548501" spans="14:14">
      <c r="N548501" s="10"/>
    </row>
    <row r="548502" spans="14:14">
      <c r="N548502" s="10"/>
    </row>
    <row r="548503" spans="14:14">
      <c r="N548503" s="10"/>
    </row>
    <row r="548504" spans="14:14">
      <c r="N548504" s="10"/>
    </row>
    <row r="548505" spans="14:14">
      <c r="N548505" s="10"/>
    </row>
    <row r="548506" spans="14:14">
      <c r="N548506" s="10"/>
    </row>
    <row r="548507" spans="14:14">
      <c r="N548507" s="10"/>
    </row>
    <row r="548508" spans="14:14">
      <c r="N548508" s="10"/>
    </row>
    <row r="548509" spans="14:14">
      <c r="N548509" s="10"/>
    </row>
    <row r="548510" spans="14:14">
      <c r="N548510" s="10"/>
    </row>
    <row r="548511" spans="14:14">
      <c r="N548511" s="10"/>
    </row>
    <row r="548512" spans="14:14">
      <c r="N548512" s="10"/>
    </row>
    <row r="548513" spans="14:14">
      <c r="N548513" s="10"/>
    </row>
    <row r="548514" spans="14:14">
      <c r="N548514" s="10"/>
    </row>
    <row r="548515" spans="14:14">
      <c r="N548515" s="10"/>
    </row>
    <row r="548516" spans="14:14">
      <c r="N548516" s="10"/>
    </row>
    <row r="548517" spans="14:14">
      <c r="N548517" s="10"/>
    </row>
    <row r="548518" spans="14:14">
      <c r="N548518" s="10"/>
    </row>
    <row r="548519" spans="14:14">
      <c r="N548519" s="10"/>
    </row>
    <row r="548520" spans="14:14">
      <c r="N548520" s="10"/>
    </row>
    <row r="548521" spans="14:14">
      <c r="N548521" s="10"/>
    </row>
    <row r="548522" spans="14:14">
      <c r="N548522" s="10"/>
    </row>
    <row r="548523" spans="14:14">
      <c r="N548523" s="10"/>
    </row>
    <row r="548524" spans="14:14">
      <c r="N548524" s="10"/>
    </row>
    <row r="548525" spans="14:14">
      <c r="N548525" s="10"/>
    </row>
    <row r="548526" spans="14:14">
      <c r="N548526" s="10"/>
    </row>
    <row r="548527" spans="14:14">
      <c r="N548527" s="10"/>
    </row>
    <row r="548528" spans="14:14">
      <c r="N548528" s="10"/>
    </row>
    <row r="548529" spans="14:14">
      <c r="N548529" s="10"/>
    </row>
    <row r="548530" spans="14:14">
      <c r="N548530" s="10"/>
    </row>
    <row r="548531" spans="14:14">
      <c r="N548531" s="10"/>
    </row>
    <row r="548532" spans="14:14">
      <c r="N548532" s="10"/>
    </row>
    <row r="548533" spans="14:14">
      <c r="N548533" s="10"/>
    </row>
    <row r="548534" spans="14:14">
      <c r="N548534" s="10"/>
    </row>
    <row r="548535" spans="14:14">
      <c r="N548535" s="10"/>
    </row>
    <row r="548536" spans="14:14">
      <c r="N548536" s="10"/>
    </row>
    <row r="548537" spans="14:14">
      <c r="N548537" s="10"/>
    </row>
    <row r="548538" spans="14:14">
      <c r="N548538" s="10"/>
    </row>
    <row r="548539" spans="14:14">
      <c r="N548539" s="10"/>
    </row>
    <row r="548540" spans="14:14">
      <c r="N548540" s="10"/>
    </row>
    <row r="548541" spans="14:14">
      <c r="N548541" s="10"/>
    </row>
    <row r="548542" spans="14:14">
      <c r="N548542" s="10"/>
    </row>
    <row r="548543" spans="14:14">
      <c r="N548543" s="10"/>
    </row>
    <row r="548544" spans="14:14">
      <c r="N548544" s="10"/>
    </row>
    <row r="548545" spans="14:14">
      <c r="N548545" s="10"/>
    </row>
    <row r="548546" spans="14:14">
      <c r="N548546" s="10"/>
    </row>
    <row r="548547" spans="14:14">
      <c r="N548547" s="10"/>
    </row>
    <row r="548548" spans="14:14">
      <c r="N548548" s="10"/>
    </row>
    <row r="548549" spans="14:14">
      <c r="N548549" s="10"/>
    </row>
    <row r="548550" spans="14:14">
      <c r="N548550" s="10"/>
    </row>
    <row r="548551" spans="14:14">
      <c r="N548551" s="10"/>
    </row>
    <row r="548552" spans="14:14">
      <c r="N548552" s="10"/>
    </row>
    <row r="548553" spans="14:14">
      <c r="N548553" s="10"/>
    </row>
    <row r="548554" spans="14:14">
      <c r="N548554" s="10"/>
    </row>
    <row r="548555" spans="14:14">
      <c r="N548555" s="10"/>
    </row>
    <row r="548556" spans="14:14">
      <c r="N548556" s="10"/>
    </row>
    <row r="548557" spans="14:14">
      <c r="N548557" s="10"/>
    </row>
    <row r="548558" spans="14:14">
      <c r="N548558" s="10"/>
    </row>
    <row r="548559" spans="14:14">
      <c r="N548559" s="10"/>
    </row>
    <row r="548560" spans="14:14">
      <c r="N548560" s="10"/>
    </row>
    <row r="548561" spans="14:14">
      <c r="N548561" s="10"/>
    </row>
    <row r="548562" spans="14:14">
      <c r="N548562" s="10"/>
    </row>
    <row r="548563" spans="14:14">
      <c r="N548563" s="10"/>
    </row>
    <row r="548564" spans="14:14">
      <c r="N548564" s="10"/>
    </row>
    <row r="548565" spans="14:14">
      <c r="N548565" s="10"/>
    </row>
    <row r="548566" spans="14:14">
      <c r="N548566" s="10"/>
    </row>
    <row r="548567" spans="14:14">
      <c r="N548567" s="10"/>
    </row>
    <row r="548568" spans="14:14">
      <c r="N548568" s="10"/>
    </row>
    <row r="548569" spans="14:14">
      <c r="N548569" s="10"/>
    </row>
    <row r="548570" spans="14:14">
      <c r="N548570" s="10"/>
    </row>
    <row r="548571" spans="14:14">
      <c r="N548571" s="10"/>
    </row>
    <row r="548572" spans="14:14">
      <c r="N548572" s="10"/>
    </row>
    <row r="548573" spans="14:14">
      <c r="N548573" s="10"/>
    </row>
    <row r="548574" spans="14:14">
      <c r="N548574" s="10"/>
    </row>
    <row r="548575" spans="14:14">
      <c r="N548575" s="10"/>
    </row>
    <row r="548576" spans="14:14">
      <c r="N548576" s="10"/>
    </row>
    <row r="548577" spans="14:14">
      <c r="N548577" s="10"/>
    </row>
    <row r="548578" spans="14:14">
      <c r="N548578" s="10"/>
    </row>
    <row r="548579" spans="14:14">
      <c r="N548579" s="10"/>
    </row>
    <row r="548580" spans="14:14">
      <c r="N548580" s="10"/>
    </row>
    <row r="548581" spans="14:14">
      <c r="N548581" s="10"/>
    </row>
    <row r="548582" spans="14:14">
      <c r="N548582" s="10"/>
    </row>
    <row r="548583" spans="14:14">
      <c r="N548583" s="10"/>
    </row>
    <row r="548584" spans="14:14">
      <c r="N548584" s="10"/>
    </row>
    <row r="548585" spans="14:14">
      <c r="N548585" s="10"/>
    </row>
    <row r="548586" spans="14:14">
      <c r="N548586" s="10"/>
    </row>
    <row r="548587" spans="14:14">
      <c r="N548587" s="10"/>
    </row>
    <row r="548588" spans="14:14">
      <c r="N548588" s="10"/>
    </row>
    <row r="548589" spans="14:14">
      <c r="N548589" s="10"/>
    </row>
    <row r="548590" spans="14:14">
      <c r="N548590" s="10"/>
    </row>
    <row r="548591" spans="14:14">
      <c r="N548591" s="10"/>
    </row>
    <row r="548592" spans="14:14">
      <c r="N548592" s="10"/>
    </row>
    <row r="548593" spans="14:14">
      <c r="N548593" s="10"/>
    </row>
    <row r="548594" spans="14:14">
      <c r="N548594" s="10"/>
    </row>
    <row r="548595" spans="14:14">
      <c r="N548595" s="10"/>
    </row>
    <row r="548596" spans="14:14">
      <c r="N548596" s="10"/>
    </row>
    <row r="548597" spans="14:14">
      <c r="N548597" s="10"/>
    </row>
    <row r="548598" spans="14:14">
      <c r="N548598" s="10"/>
    </row>
    <row r="548599" spans="14:14">
      <c r="N548599" s="10"/>
    </row>
    <row r="548600" spans="14:14">
      <c r="N548600" s="10"/>
    </row>
    <row r="548601" spans="14:14">
      <c r="N548601" s="10"/>
    </row>
    <row r="548602" spans="14:14">
      <c r="N548602" s="10"/>
    </row>
    <row r="548603" spans="14:14">
      <c r="N548603" s="10"/>
    </row>
    <row r="548604" spans="14:14">
      <c r="N548604" s="10"/>
    </row>
    <row r="548605" spans="14:14">
      <c r="N548605" s="10"/>
    </row>
    <row r="548606" spans="14:14">
      <c r="N548606" s="10"/>
    </row>
    <row r="548607" spans="14:14">
      <c r="N548607" s="10"/>
    </row>
    <row r="548608" spans="14:14">
      <c r="N548608" s="10"/>
    </row>
    <row r="548609" spans="14:14">
      <c r="N548609" s="10"/>
    </row>
    <row r="548610" spans="14:14">
      <c r="N548610" s="10"/>
    </row>
    <row r="548611" spans="14:14">
      <c r="N548611" s="10"/>
    </row>
    <row r="548612" spans="14:14">
      <c r="N548612" s="10"/>
    </row>
    <row r="548613" spans="14:14">
      <c r="N548613" s="10"/>
    </row>
    <row r="548614" spans="14:14">
      <c r="N548614" s="10"/>
    </row>
    <row r="548615" spans="14:14">
      <c r="N548615" s="10"/>
    </row>
    <row r="548616" spans="14:14">
      <c r="N548616" s="10"/>
    </row>
    <row r="548617" spans="14:14">
      <c r="N548617" s="10"/>
    </row>
    <row r="548618" spans="14:14">
      <c r="N548618" s="10"/>
    </row>
    <row r="548619" spans="14:14">
      <c r="N548619" s="10"/>
    </row>
    <row r="548620" spans="14:14">
      <c r="N548620" s="10"/>
    </row>
    <row r="548621" spans="14:14">
      <c r="N548621" s="10"/>
    </row>
    <row r="548622" spans="14:14">
      <c r="N548622" s="10"/>
    </row>
    <row r="548623" spans="14:14">
      <c r="N548623" s="10"/>
    </row>
    <row r="548624" spans="14:14">
      <c r="N548624" s="10"/>
    </row>
    <row r="548625" spans="14:14">
      <c r="N548625" s="10"/>
    </row>
    <row r="548626" spans="14:14">
      <c r="N548626" s="10"/>
    </row>
    <row r="548627" spans="14:14">
      <c r="N548627" s="10"/>
    </row>
    <row r="548628" spans="14:14">
      <c r="N548628" s="10"/>
    </row>
    <row r="548629" spans="14:14">
      <c r="N548629" s="10"/>
    </row>
    <row r="548630" spans="14:14">
      <c r="N548630" s="10"/>
    </row>
    <row r="548631" spans="14:14">
      <c r="N548631" s="10"/>
    </row>
    <row r="548632" spans="14:14">
      <c r="N548632" s="10"/>
    </row>
    <row r="548633" spans="14:14">
      <c r="N548633" s="10"/>
    </row>
    <row r="548634" spans="14:14">
      <c r="N548634" s="10"/>
    </row>
    <row r="548635" spans="14:14">
      <c r="N548635" s="10"/>
    </row>
    <row r="548636" spans="14:14">
      <c r="N548636" s="10"/>
    </row>
    <row r="548637" spans="14:14">
      <c r="N548637" s="10"/>
    </row>
    <row r="548638" spans="14:14">
      <c r="N548638" s="10"/>
    </row>
    <row r="548639" spans="14:14">
      <c r="N548639" s="10"/>
    </row>
    <row r="548640" spans="14:14">
      <c r="N548640" s="10"/>
    </row>
    <row r="548641" spans="14:14">
      <c r="N548641" s="10"/>
    </row>
    <row r="548642" spans="14:14">
      <c r="N548642" s="10"/>
    </row>
    <row r="548643" spans="14:14">
      <c r="N548643" s="10"/>
    </row>
    <row r="548644" spans="14:14">
      <c r="N548644" s="10"/>
    </row>
    <row r="548645" spans="14:14">
      <c r="N548645" s="10"/>
    </row>
    <row r="548646" spans="14:14">
      <c r="N548646" s="10"/>
    </row>
    <row r="548647" spans="14:14">
      <c r="N548647" s="10"/>
    </row>
    <row r="548648" spans="14:14">
      <c r="N548648" s="10"/>
    </row>
    <row r="548649" spans="14:14">
      <c r="N548649" s="10"/>
    </row>
    <row r="548650" spans="14:14">
      <c r="N548650" s="10"/>
    </row>
    <row r="548651" spans="14:14">
      <c r="N548651" s="10"/>
    </row>
    <row r="548652" spans="14:14">
      <c r="N548652" s="10"/>
    </row>
    <row r="548653" spans="14:14">
      <c r="N548653" s="10"/>
    </row>
    <row r="548654" spans="14:14">
      <c r="N548654" s="10"/>
    </row>
    <row r="548655" spans="14:14">
      <c r="N548655" s="10"/>
    </row>
    <row r="548656" spans="14:14">
      <c r="N548656" s="10"/>
    </row>
    <row r="548657" spans="14:14">
      <c r="N548657" s="10"/>
    </row>
    <row r="548658" spans="14:14">
      <c r="N548658" s="10"/>
    </row>
    <row r="548659" spans="14:14">
      <c r="N548659" s="10"/>
    </row>
    <row r="548660" spans="14:14">
      <c r="N548660" s="10"/>
    </row>
    <row r="548661" spans="14:14">
      <c r="N548661" s="10"/>
    </row>
    <row r="548662" spans="14:14">
      <c r="N548662" s="10"/>
    </row>
    <row r="548663" spans="14:14">
      <c r="N548663" s="10"/>
    </row>
    <row r="548664" spans="14:14">
      <c r="N548664" s="10"/>
    </row>
    <row r="548665" spans="14:14">
      <c r="N548665" s="10"/>
    </row>
    <row r="548666" spans="14:14">
      <c r="N548666" s="10"/>
    </row>
    <row r="548667" spans="14:14">
      <c r="N548667" s="10"/>
    </row>
    <row r="548668" spans="14:14">
      <c r="N548668" s="10"/>
    </row>
    <row r="548669" spans="14:14">
      <c r="N548669" s="10"/>
    </row>
    <row r="548670" spans="14:14">
      <c r="N548670" s="10"/>
    </row>
    <row r="548671" spans="14:14">
      <c r="N548671" s="10"/>
    </row>
    <row r="548672" spans="14:14">
      <c r="N548672" s="10"/>
    </row>
    <row r="548673" spans="14:14">
      <c r="N548673" s="10"/>
    </row>
    <row r="548674" spans="14:14">
      <c r="N548674" s="10"/>
    </row>
    <row r="548675" spans="14:14">
      <c r="N548675" s="10"/>
    </row>
    <row r="548676" spans="14:14">
      <c r="N548676" s="10"/>
    </row>
    <row r="548677" spans="14:14">
      <c r="N548677" s="10"/>
    </row>
    <row r="548678" spans="14:14">
      <c r="N548678" s="10"/>
    </row>
    <row r="548679" spans="14:14">
      <c r="N548679" s="10"/>
    </row>
    <row r="548680" spans="14:14">
      <c r="N548680" s="10"/>
    </row>
    <row r="548681" spans="14:14">
      <c r="N548681" s="10"/>
    </row>
    <row r="548682" spans="14:14">
      <c r="N548682" s="10"/>
    </row>
    <row r="548683" spans="14:14">
      <c r="N548683" s="10"/>
    </row>
    <row r="548684" spans="14:14">
      <c r="N548684" s="10"/>
    </row>
    <row r="548685" spans="14:14">
      <c r="N548685" s="10"/>
    </row>
    <row r="548686" spans="14:14">
      <c r="N548686" s="10"/>
    </row>
    <row r="548687" spans="14:14">
      <c r="N548687" s="10"/>
    </row>
    <row r="548688" spans="14:14">
      <c r="N548688" s="10"/>
    </row>
    <row r="548689" spans="14:14">
      <c r="N548689" s="10"/>
    </row>
    <row r="548690" spans="14:14">
      <c r="N548690" s="10"/>
    </row>
    <row r="548691" spans="14:14">
      <c r="N548691" s="10"/>
    </row>
    <row r="548692" spans="14:14">
      <c r="N548692" s="10"/>
    </row>
    <row r="548693" spans="14:14">
      <c r="N548693" s="10"/>
    </row>
    <row r="548694" spans="14:14">
      <c r="N548694" s="10"/>
    </row>
    <row r="548695" spans="14:14">
      <c r="N548695" s="10"/>
    </row>
    <row r="548696" spans="14:14">
      <c r="N548696" s="10"/>
    </row>
    <row r="548697" spans="14:14">
      <c r="N548697" s="10"/>
    </row>
    <row r="548698" spans="14:14">
      <c r="N548698" s="10"/>
    </row>
    <row r="548699" spans="14:14">
      <c r="N548699" s="10"/>
    </row>
    <row r="548700" spans="14:14">
      <c r="N548700" s="10"/>
    </row>
    <row r="548701" spans="14:14">
      <c r="N548701" s="10"/>
    </row>
    <row r="548702" spans="14:14">
      <c r="N548702" s="10"/>
    </row>
    <row r="548703" spans="14:14">
      <c r="N548703" s="10"/>
    </row>
    <row r="548704" spans="14:14">
      <c r="N548704" s="10"/>
    </row>
    <row r="548705" spans="14:14">
      <c r="N548705" s="10"/>
    </row>
    <row r="548706" spans="14:14">
      <c r="N548706" s="10"/>
    </row>
    <row r="548707" spans="14:14">
      <c r="N548707" s="10"/>
    </row>
    <row r="548708" spans="14:14">
      <c r="N548708" s="10"/>
    </row>
    <row r="548709" spans="14:14">
      <c r="N548709" s="10"/>
    </row>
    <row r="548710" spans="14:14">
      <c r="N548710" s="10"/>
    </row>
    <row r="548711" spans="14:14">
      <c r="N548711" s="10"/>
    </row>
    <row r="548712" spans="14:14">
      <c r="N548712" s="10"/>
    </row>
    <row r="548713" spans="14:14">
      <c r="N548713" s="10"/>
    </row>
    <row r="548714" spans="14:14">
      <c r="N548714" s="10"/>
    </row>
    <row r="548715" spans="14:14">
      <c r="N548715" s="10"/>
    </row>
    <row r="548716" spans="14:14">
      <c r="N548716" s="10"/>
    </row>
    <row r="548717" spans="14:14">
      <c r="N548717" s="10"/>
    </row>
    <row r="548718" spans="14:14">
      <c r="N548718" s="10"/>
    </row>
    <row r="548719" spans="14:14">
      <c r="N548719" s="10"/>
    </row>
    <row r="548720" spans="14:14">
      <c r="N548720" s="10"/>
    </row>
    <row r="548721" spans="14:14">
      <c r="N548721" s="10"/>
    </row>
    <row r="548722" spans="14:14">
      <c r="N548722" s="10"/>
    </row>
    <row r="548723" spans="14:14">
      <c r="N548723" s="10"/>
    </row>
    <row r="548724" spans="14:14">
      <c r="N548724" s="10"/>
    </row>
    <row r="548725" spans="14:14">
      <c r="N548725" s="10"/>
    </row>
    <row r="548726" spans="14:14">
      <c r="N548726" s="10"/>
    </row>
    <row r="548727" spans="14:14">
      <c r="N548727" s="10"/>
    </row>
    <row r="548728" spans="14:14">
      <c r="N548728" s="10"/>
    </row>
    <row r="548729" spans="14:14">
      <c r="N548729" s="10"/>
    </row>
    <row r="548730" spans="14:14">
      <c r="N548730" s="10"/>
    </row>
    <row r="548731" spans="14:14">
      <c r="N548731" s="10"/>
    </row>
    <row r="548732" spans="14:14">
      <c r="N548732" s="10"/>
    </row>
    <row r="548733" spans="14:14">
      <c r="N548733" s="10"/>
    </row>
    <row r="548734" spans="14:14">
      <c r="N548734" s="10"/>
    </row>
    <row r="548735" spans="14:14">
      <c r="N548735" s="10"/>
    </row>
    <row r="548736" spans="14:14">
      <c r="N548736" s="10"/>
    </row>
    <row r="548737" spans="14:14">
      <c r="N548737" s="10"/>
    </row>
    <row r="548738" spans="14:14">
      <c r="N548738" s="10"/>
    </row>
    <row r="548739" spans="14:14">
      <c r="N548739" s="10"/>
    </row>
    <row r="548740" spans="14:14">
      <c r="N548740" s="10"/>
    </row>
    <row r="548741" spans="14:14">
      <c r="N548741" s="10"/>
    </row>
    <row r="548742" spans="14:14">
      <c r="N548742" s="10"/>
    </row>
    <row r="548743" spans="14:14">
      <c r="N548743" s="10"/>
    </row>
    <row r="548744" spans="14:14">
      <c r="N548744" s="10"/>
    </row>
    <row r="548745" spans="14:14">
      <c r="N548745" s="10"/>
    </row>
    <row r="548746" spans="14:14">
      <c r="N548746" s="10"/>
    </row>
    <row r="548747" spans="14:14">
      <c r="N548747" s="10"/>
    </row>
    <row r="548748" spans="14:14">
      <c r="N548748" s="10"/>
    </row>
    <row r="548749" spans="14:14">
      <c r="N548749" s="10"/>
    </row>
    <row r="548750" spans="14:14">
      <c r="N548750" s="10"/>
    </row>
    <row r="548751" spans="14:14">
      <c r="N548751" s="10"/>
    </row>
    <row r="548752" spans="14:14">
      <c r="N548752" s="10"/>
    </row>
    <row r="548753" spans="14:14">
      <c r="N548753" s="10"/>
    </row>
    <row r="548754" spans="14:14">
      <c r="N548754" s="10"/>
    </row>
    <row r="548755" spans="14:14">
      <c r="N548755" s="10"/>
    </row>
    <row r="548756" spans="14:14">
      <c r="N548756" s="10"/>
    </row>
    <row r="548757" spans="14:14">
      <c r="N548757" s="10"/>
    </row>
    <row r="548758" spans="14:14">
      <c r="N548758" s="10"/>
    </row>
    <row r="548759" spans="14:14">
      <c r="N548759" s="10"/>
    </row>
    <row r="548760" spans="14:14">
      <c r="N548760" s="10"/>
    </row>
    <row r="548761" spans="14:14">
      <c r="N548761" s="10"/>
    </row>
    <row r="548762" spans="14:14">
      <c r="N548762" s="10"/>
    </row>
    <row r="548763" spans="14:14">
      <c r="N548763" s="10"/>
    </row>
    <row r="548764" spans="14:14">
      <c r="N548764" s="10"/>
    </row>
    <row r="548765" spans="14:14">
      <c r="N548765" s="10"/>
    </row>
    <row r="548766" spans="14:14">
      <c r="N548766" s="10"/>
    </row>
    <row r="548767" spans="14:14">
      <c r="N548767" s="10"/>
    </row>
    <row r="548768" spans="14:14">
      <c r="N548768" s="10"/>
    </row>
    <row r="548769" spans="14:14">
      <c r="N548769" s="10"/>
    </row>
    <row r="548770" spans="14:14">
      <c r="N548770" s="10"/>
    </row>
    <row r="548771" spans="14:14">
      <c r="N548771" s="10"/>
    </row>
    <row r="548772" spans="14:14">
      <c r="N548772" s="10"/>
    </row>
    <row r="548773" spans="14:14">
      <c r="N548773" s="10"/>
    </row>
    <row r="548774" spans="14:14">
      <c r="N548774" s="10"/>
    </row>
    <row r="548775" spans="14:14">
      <c r="N548775" s="10"/>
    </row>
    <row r="548776" spans="14:14">
      <c r="N548776" s="10"/>
    </row>
    <row r="548777" spans="14:14">
      <c r="N548777" s="10"/>
    </row>
    <row r="548778" spans="14:14">
      <c r="N548778" s="10"/>
    </row>
    <row r="548779" spans="14:14">
      <c r="N548779" s="10"/>
    </row>
    <row r="548780" spans="14:14">
      <c r="N548780" s="10"/>
    </row>
    <row r="548781" spans="14:14">
      <c r="N548781" s="10"/>
    </row>
    <row r="548782" spans="14:14">
      <c r="N548782" s="10"/>
    </row>
    <row r="548783" spans="14:14">
      <c r="N548783" s="10"/>
    </row>
    <row r="548784" spans="14:14">
      <c r="N548784" s="10"/>
    </row>
    <row r="548785" spans="14:14">
      <c r="N548785" s="10"/>
    </row>
    <row r="548786" spans="14:14">
      <c r="N548786" s="10"/>
    </row>
    <row r="548787" spans="14:14">
      <c r="N548787" s="10"/>
    </row>
    <row r="548788" spans="14:14">
      <c r="N548788" s="10"/>
    </row>
    <row r="548789" spans="14:14">
      <c r="N548789" s="10"/>
    </row>
    <row r="548790" spans="14:14">
      <c r="N548790" s="10"/>
    </row>
    <row r="548791" spans="14:14">
      <c r="N548791" s="10"/>
    </row>
    <row r="548792" spans="14:14">
      <c r="N548792" s="10"/>
    </row>
    <row r="548793" spans="14:14">
      <c r="N548793" s="10"/>
    </row>
    <row r="548794" spans="14:14">
      <c r="N548794" s="10"/>
    </row>
    <row r="548795" spans="14:14">
      <c r="N548795" s="10"/>
    </row>
    <row r="548796" spans="14:14">
      <c r="N548796" s="10"/>
    </row>
    <row r="548797" spans="14:14">
      <c r="N548797" s="10"/>
    </row>
    <row r="548798" spans="14:14">
      <c r="N548798" s="10"/>
    </row>
    <row r="548799" spans="14:14">
      <c r="N548799" s="10"/>
    </row>
    <row r="548800" spans="14:14">
      <c r="N548800" s="10"/>
    </row>
    <row r="548801" spans="14:14">
      <c r="N548801" s="10"/>
    </row>
    <row r="548802" spans="14:14">
      <c r="N548802" s="10"/>
    </row>
    <row r="548803" spans="14:14">
      <c r="N548803" s="10"/>
    </row>
    <row r="548804" spans="14:14">
      <c r="N548804" s="10"/>
    </row>
    <row r="548805" spans="14:14">
      <c r="N548805" s="10"/>
    </row>
    <row r="548806" spans="14:14">
      <c r="N548806" s="10"/>
    </row>
    <row r="548807" spans="14:14">
      <c r="N548807" s="10"/>
    </row>
    <row r="548808" spans="14:14">
      <c r="N548808" s="10"/>
    </row>
    <row r="548809" spans="14:14">
      <c r="N548809" s="10"/>
    </row>
    <row r="548810" spans="14:14">
      <c r="N548810" s="10"/>
    </row>
    <row r="548811" spans="14:14">
      <c r="N548811" s="10"/>
    </row>
    <row r="548812" spans="14:14">
      <c r="N548812" s="10"/>
    </row>
    <row r="548813" spans="14:14">
      <c r="N548813" s="10"/>
    </row>
    <row r="548814" spans="14:14">
      <c r="N548814" s="10"/>
    </row>
    <row r="548815" spans="14:14">
      <c r="N548815" s="10"/>
    </row>
    <row r="548816" spans="14:14">
      <c r="N548816" s="10"/>
    </row>
    <row r="548817" spans="14:14">
      <c r="N548817" s="10"/>
    </row>
    <row r="548818" spans="14:14">
      <c r="N548818" s="10"/>
    </row>
    <row r="548819" spans="14:14">
      <c r="N548819" s="10"/>
    </row>
    <row r="548820" spans="14:14">
      <c r="N548820" s="10"/>
    </row>
    <row r="548821" spans="14:14">
      <c r="N548821" s="10"/>
    </row>
    <row r="548822" spans="14:14">
      <c r="N548822" s="10"/>
    </row>
    <row r="548823" spans="14:14">
      <c r="N548823" s="10"/>
    </row>
    <row r="548824" spans="14:14">
      <c r="N548824" s="10"/>
    </row>
    <row r="548825" spans="14:14">
      <c r="N548825" s="10"/>
    </row>
    <row r="548826" spans="14:14">
      <c r="N548826" s="10"/>
    </row>
    <row r="548827" spans="14:14">
      <c r="N548827" s="10"/>
    </row>
    <row r="548828" spans="14:14">
      <c r="N548828" s="10"/>
    </row>
    <row r="548829" spans="14:14">
      <c r="N548829" s="10"/>
    </row>
    <row r="548830" spans="14:14">
      <c r="N548830" s="10"/>
    </row>
    <row r="548831" spans="14:14">
      <c r="N548831" s="10"/>
    </row>
    <row r="548832" spans="14:14">
      <c r="N548832" s="10"/>
    </row>
    <row r="548833" spans="14:14">
      <c r="N548833" s="10"/>
    </row>
    <row r="548834" spans="14:14">
      <c r="N548834" s="10"/>
    </row>
    <row r="548835" spans="14:14">
      <c r="N548835" s="10"/>
    </row>
    <row r="548836" spans="14:14">
      <c r="N548836" s="10"/>
    </row>
    <row r="548837" spans="14:14">
      <c r="N548837" s="10"/>
    </row>
    <row r="548838" spans="14:14">
      <c r="N548838" s="10"/>
    </row>
    <row r="548839" spans="14:14">
      <c r="N548839" s="10"/>
    </row>
    <row r="548840" spans="14:14">
      <c r="N548840" s="10"/>
    </row>
    <row r="548841" spans="14:14">
      <c r="N548841" s="10"/>
    </row>
    <row r="548842" spans="14:14">
      <c r="N548842" s="10"/>
    </row>
    <row r="548843" spans="14:14">
      <c r="N548843" s="10"/>
    </row>
    <row r="548844" spans="14:14">
      <c r="N548844" s="10"/>
    </row>
    <row r="548845" spans="14:14">
      <c r="N548845" s="10"/>
    </row>
    <row r="548846" spans="14:14">
      <c r="N548846" s="10"/>
    </row>
    <row r="548847" spans="14:14">
      <c r="N548847" s="10"/>
    </row>
    <row r="548848" spans="14:14">
      <c r="N548848" s="10"/>
    </row>
    <row r="548849" spans="14:14">
      <c r="N548849" s="10"/>
    </row>
    <row r="548850" spans="14:14">
      <c r="N548850" s="10"/>
    </row>
    <row r="548851" spans="14:14">
      <c r="N548851" s="10"/>
    </row>
    <row r="548852" spans="14:14">
      <c r="N548852" s="10"/>
    </row>
    <row r="548853" spans="14:14">
      <c r="N548853" s="10"/>
    </row>
    <row r="548854" spans="14:14">
      <c r="N548854" s="10"/>
    </row>
    <row r="548855" spans="14:14">
      <c r="N548855" s="10"/>
    </row>
    <row r="548856" spans="14:14">
      <c r="N548856" s="10"/>
    </row>
    <row r="548857" spans="14:14">
      <c r="N548857" s="10"/>
    </row>
    <row r="548858" spans="14:14">
      <c r="N548858" s="10"/>
    </row>
    <row r="548859" spans="14:14">
      <c r="N548859" s="10"/>
    </row>
    <row r="548860" spans="14:14">
      <c r="N548860" s="10"/>
    </row>
    <row r="548861" spans="14:14">
      <c r="N548861" s="10"/>
    </row>
    <row r="548862" spans="14:14">
      <c r="N548862" s="10"/>
    </row>
    <row r="548863" spans="14:14">
      <c r="N548863" s="10"/>
    </row>
    <row r="548864" spans="14:14">
      <c r="N548864" s="10"/>
    </row>
    <row r="548865" spans="14:14">
      <c r="N548865" s="10"/>
    </row>
    <row r="548866" spans="14:14">
      <c r="N548866" s="10"/>
    </row>
    <row r="548867" spans="14:14">
      <c r="N548867" s="10"/>
    </row>
    <row r="548868" spans="14:14">
      <c r="N548868" s="10"/>
    </row>
    <row r="548869" spans="14:14">
      <c r="N548869" s="10"/>
    </row>
    <row r="548870" spans="14:14">
      <c r="N548870" s="10"/>
    </row>
    <row r="548871" spans="14:14">
      <c r="N548871" s="10"/>
    </row>
    <row r="548872" spans="14:14">
      <c r="N548872" s="10"/>
    </row>
    <row r="548873" spans="14:14">
      <c r="N548873" s="10"/>
    </row>
    <row r="548874" spans="14:14">
      <c r="N548874" s="10"/>
    </row>
    <row r="548875" spans="14:14">
      <c r="N548875" s="10"/>
    </row>
    <row r="548876" spans="14:14">
      <c r="N548876" s="10"/>
    </row>
    <row r="548877" spans="14:14">
      <c r="N548877" s="10"/>
    </row>
    <row r="548878" spans="14:14">
      <c r="N548878" s="10"/>
    </row>
    <row r="548879" spans="14:14">
      <c r="N548879" s="10"/>
    </row>
    <row r="548880" spans="14:14">
      <c r="N548880" s="10"/>
    </row>
    <row r="548881" spans="14:14">
      <c r="N548881" s="10"/>
    </row>
    <row r="548882" spans="14:14">
      <c r="N548882" s="10"/>
    </row>
    <row r="548883" spans="14:14">
      <c r="N548883" s="10"/>
    </row>
    <row r="548884" spans="14:14">
      <c r="N548884" s="10"/>
    </row>
    <row r="548885" spans="14:14">
      <c r="N548885" s="10"/>
    </row>
    <row r="548886" spans="14:14">
      <c r="N548886" s="10"/>
    </row>
    <row r="548887" spans="14:14">
      <c r="N548887" s="10"/>
    </row>
    <row r="548888" spans="14:14">
      <c r="N548888" s="10"/>
    </row>
    <row r="548889" spans="14:14">
      <c r="N548889" s="10"/>
    </row>
    <row r="548890" spans="14:14">
      <c r="N548890" s="10"/>
    </row>
    <row r="548891" spans="14:14">
      <c r="N548891" s="10"/>
    </row>
    <row r="548892" spans="14:14">
      <c r="N548892" s="10"/>
    </row>
    <row r="548893" spans="14:14">
      <c r="N548893" s="10"/>
    </row>
    <row r="548894" spans="14:14">
      <c r="N548894" s="10"/>
    </row>
    <row r="548895" spans="14:14">
      <c r="N548895" s="10"/>
    </row>
    <row r="548896" spans="14:14">
      <c r="N548896" s="10"/>
    </row>
    <row r="548897" spans="14:14">
      <c r="N548897" s="10"/>
    </row>
    <row r="548898" spans="14:14">
      <c r="N548898" s="10"/>
    </row>
    <row r="548899" spans="14:14">
      <c r="N548899" s="10"/>
    </row>
    <row r="548900" spans="14:14">
      <c r="N548900" s="10"/>
    </row>
    <row r="548901" spans="14:14">
      <c r="N548901" s="10"/>
    </row>
    <row r="548902" spans="14:14">
      <c r="N548902" s="10"/>
    </row>
    <row r="548903" spans="14:14">
      <c r="N548903" s="10"/>
    </row>
    <row r="548904" spans="14:14">
      <c r="N548904" s="10"/>
    </row>
    <row r="548905" spans="14:14">
      <c r="N548905" s="10"/>
    </row>
    <row r="548906" spans="14:14">
      <c r="N548906" s="10"/>
    </row>
    <row r="548907" spans="14:14">
      <c r="N548907" s="10"/>
    </row>
    <row r="548908" spans="14:14">
      <c r="N548908" s="10"/>
    </row>
    <row r="548909" spans="14:14">
      <c r="N548909" s="10"/>
    </row>
    <row r="548910" spans="14:14">
      <c r="N548910" s="10"/>
    </row>
    <row r="548911" spans="14:14">
      <c r="N548911" s="10"/>
    </row>
    <row r="548912" spans="14:14">
      <c r="N548912" s="10"/>
    </row>
    <row r="548913" spans="14:14">
      <c r="N548913" s="10"/>
    </row>
    <row r="548914" spans="14:14">
      <c r="N548914" s="10"/>
    </row>
    <row r="548915" spans="14:14">
      <c r="N548915" s="10"/>
    </row>
    <row r="548916" spans="14:14">
      <c r="N548916" s="10"/>
    </row>
    <row r="548917" spans="14:14">
      <c r="N548917" s="10"/>
    </row>
    <row r="548918" spans="14:14">
      <c r="N548918" s="10"/>
    </row>
    <row r="548919" spans="14:14">
      <c r="N548919" s="10"/>
    </row>
    <row r="548920" spans="14:14">
      <c r="N548920" s="10"/>
    </row>
    <row r="548921" spans="14:14">
      <c r="N548921" s="10"/>
    </row>
    <row r="548922" spans="14:14">
      <c r="N548922" s="10"/>
    </row>
    <row r="548923" spans="14:14">
      <c r="N548923" s="10"/>
    </row>
    <row r="548924" spans="14:14">
      <c r="N548924" s="10"/>
    </row>
    <row r="548925" spans="14:14">
      <c r="N548925" s="10"/>
    </row>
    <row r="548926" spans="14:14">
      <c r="N548926" s="10"/>
    </row>
    <row r="548927" spans="14:14">
      <c r="N548927" s="10"/>
    </row>
    <row r="548928" spans="14:14">
      <c r="N548928" s="10"/>
    </row>
    <row r="548929" spans="14:14">
      <c r="N548929" s="10"/>
    </row>
    <row r="548930" spans="14:14">
      <c r="N548930" s="10"/>
    </row>
    <row r="548931" spans="14:14">
      <c r="N548931" s="10"/>
    </row>
    <row r="548932" spans="14:14">
      <c r="N548932" s="10"/>
    </row>
    <row r="548933" spans="14:14">
      <c r="N548933" s="10"/>
    </row>
    <row r="548934" spans="14:14">
      <c r="N548934" s="10"/>
    </row>
    <row r="548935" spans="14:14">
      <c r="N548935" s="10"/>
    </row>
    <row r="548936" spans="14:14">
      <c r="N548936" s="10"/>
    </row>
    <row r="548937" spans="14:14">
      <c r="N548937" s="10"/>
    </row>
    <row r="548938" spans="14:14">
      <c r="N548938" s="10"/>
    </row>
    <row r="548939" spans="14:14">
      <c r="N548939" s="10"/>
    </row>
    <row r="548940" spans="14:14">
      <c r="N548940" s="10"/>
    </row>
    <row r="548941" spans="14:14">
      <c r="N548941" s="10"/>
    </row>
    <row r="548942" spans="14:14">
      <c r="N548942" s="10"/>
    </row>
    <row r="548943" spans="14:14">
      <c r="N548943" s="10"/>
    </row>
    <row r="548944" spans="14:14">
      <c r="N548944" s="10"/>
    </row>
    <row r="548945" spans="14:14">
      <c r="N548945" s="10"/>
    </row>
    <row r="548946" spans="14:14">
      <c r="N548946" s="10"/>
    </row>
    <row r="548947" spans="14:14">
      <c r="N548947" s="10"/>
    </row>
    <row r="548948" spans="14:14">
      <c r="N548948" s="10"/>
    </row>
    <row r="548949" spans="14:14">
      <c r="N548949" s="10"/>
    </row>
    <row r="548950" spans="14:14">
      <c r="N548950" s="10"/>
    </row>
    <row r="548951" spans="14:14">
      <c r="N548951" s="10"/>
    </row>
    <row r="548952" spans="14:14">
      <c r="N548952" s="10"/>
    </row>
    <row r="548953" spans="14:14">
      <c r="N548953" s="10"/>
    </row>
    <row r="548954" spans="14:14">
      <c r="N548954" s="10"/>
    </row>
    <row r="548955" spans="14:14">
      <c r="N548955" s="10"/>
    </row>
    <row r="548956" spans="14:14">
      <c r="N548956" s="10"/>
    </row>
    <row r="548957" spans="14:14">
      <c r="N548957" s="10"/>
    </row>
    <row r="548958" spans="14:14">
      <c r="N548958" s="10"/>
    </row>
    <row r="548959" spans="14:14">
      <c r="N548959" s="10"/>
    </row>
    <row r="548960" spans="14:14">
      <c r="N548960" s="10"/>
    </row>
    <row r="548961" spans="14:14">
      <c r="N548961" s="10"/>
    </row>
    <row r="548962" spans="14:14">
      <c r="N548962" s="10"/>
    </row>
    <row r="548963" spans="14:14">
      <c r="N548963" s="10"/>
    </row>
    <row r="548964" spans="14:14">
      <c r="N548964" s="10"/>
    </row>
    <row r="548965" spans="14:14">
      <c r="N548965" s="10"/>
    </row>
    <row r="548966" spans="14:14">
      <c r="N548966" s="10"/>
    </row>
    <row r="548967" spans="14:14">
      <c r="N548967" s="10"/>
    </row>
    <row r="548968" spans="14:14">
      <c r="N548968" s="10"/>
    </row>
    <row r="548969" spans="14:14">
      <c r="N548969" s="10"/>
    </row>
    <row r="548970" spans="14:14">
      <c r="N548970" s="10"/>
    </row>
    <row r="548971" spans="14:14">
      <c r="N548971" s="10"/>
    </row>
    <row r="548972" spans="14:14">
      <c r="N548972" s="10"/>
    </row>
    <row r="548973" spans="14:14">
      <c r="N548973" s="10"/>
    </row>
    <row r="548974" spans="14:14">
      <c r="N548974" s="10"/>
    </row>
    <row r="548975" spans="14:14">
      <c r="N548975" s="10"/>
    </row>
    <row r="548976" spans="14:14">
      <c r="N548976" s="10"/>
    </row>
    <row r="548977" spans="14:14">
      <c r="N548977" s="10"/>
    </row>
    <row r="548978" spans="14:14">
      <c r="N548978" s="10"/>
    </row>
    <row r="548979" spans="14:14">
      <c r="N548979" s="10"/>
    </row>
    <row r="548980" spans="14:14">
      <c r="N548980" s="10"/>
    </row>
    <row r="548981" spans="14:14">
      <c r="N548981" s="10"/>
    </row>
    <row r="548982" spans="14:14">
      <c r="N548982" s="10"/>
    </row>
    <row r="548983" spans="14:14">
      <c r="N548983" s="10"/>
    </row>
    <row r="548984" spans="14:14">
      <c r="N548984" s="10"/>
    </row>
    <row r="548985" spans="14:14">
      <c r="N548985" s="10"/>
    </row>
    <row r="548986" spans="14:14">
      <c r="N548986" s="10"/>
    </row>
    <row r="548987" spans="14:14">
      <c r="N548987" s="10"/>
    </row>
    <row r="548988" spans="14:14">
      <c r="N548988" s="10"/>
    </row>
    <row r="548989" spans="14:14">
      <c r="N548989" s="10"/>
    </row>
    <row r="548990" spans="14:14">
      <c r="N548990" s="10"/>
    </row>
    <row r="548991" spans="14:14">
      <c r="N548991" s="10"/>
    </row>
    <row r="548992" spans="14:14">
      <c r="N548992" s="10"/>
    </row>
    <row r="548993" spans="14:14">
      <c r="N548993" s="10"/>
    </row>
    <row r="548994" spans="14:14">
      <c r="N548994" s="10"/>
    </row>
    <row r="548995" spans="14:14">
      <c r="N548995" s="10"/>
    </row>
    <row r="548996" spans="14:14">
      <c r="N548996" s="10"/>
    </row>
    <row r="548997" spans="14:14">
      <c r="N548997" s="10"/>
    </row>
    <row r="548998" spans="14:14">
      <c r="N548998" s="10"/>
    </row>
    <row r="548999" spans="14:14">
      <c r="N548999" s="10"/>
    </row>
    <row r="549000" spans="14:14">
      <c r="N549000" s="10"/>
    </row>
    <row r="549001" spans="14:14">
      <c r="N549001" s="10"/>
    </row>
    <row r="549002" spans="14:14">
      <c r="N549002" s="10"/>
    </row>
    <row r="549003" spans="14:14">
      <c r="N549003" s="10"/>
    </row>
    <row r="549004" spans="14:14">
      <c r="N549004" s="10"/>
    </row>
    <row r="549005" spans="14:14">
      <c r="N549005" s="10"/>
    </row>
    <row r="549006" spans="14:14">
      <c r="N549006" s="10"/>
    </row>
    <row r="549007" spans="14:14">
      <c r="N549007" s="10"/>
    </row>
    <row r="549008" spans="14:14">
      <c r="N549008" s="10"/>
    </row>
    <row r="549009" spans="14:14">
      <c r="N549009" s="10"/>
    </row>
    <row r="549010" spans="14:14">
      <c r="N549010" s="10"/>
    </row>
    <row r="549011" spans="14:14">
      <c r="N549011" s="10"/>
    </row>
    <row r="549012" spans="14:14">
      <c r="N549012" s="10"/>
    </row>
    <row r="549013" spans="14:14">
      <c r="N549013" s="10"/>
    </row>
    <row r="549014" spans="14:14">
      <c r="N549014" s="10"/>
    </row>
    <row r="549015" spans="14:14">
      <c r="N549015" s="10"/>
    </row>
    <row r="549016" spans="14:14">
      <c r="N549016" s="10"/>
    </row>
    <row r="549017" spans="14:14">
      <c r="N549017" s="10"/>
    </row>
    <row r="549018" spans="14:14">
      <c r="N549018" s="10"/>
    </row>
    <row r="549019" spans="14:14">
      <c r="N549019" s="10"/>
    </row>
    <row r="549020" spans="14:14">
      <c r="N549020" s="10"/>
    </row>
    <row r="549021" spans="14:14">
      <c r="N549021" s="10"/>
    </row>
    <row r="549022" spans="14:14">
      <c r="N549022" s="10"/>
    </row>
    <row r="549023" spans="14:14">
      <c r="N549023" s="10"/>
    </row>
    <row r="549024" spans="14:14">
      <c r="N549024" s="10"/>
    </row>
    <row r="549025" spans="14:14">
      <c r="N549025" s="10"/>
    </row>
    <row r="549026" spans="14:14">
      <c r="N549026" s="10"/>
    </row>
    <row r="549027" spans="14:14">
      <c r="N549027" s="10"/>
    </row>
    <row r="549028" spans="14:14">
      <c r="N549028" s="10"/>
    </row>
    <row r="549029" spans="14:14">
      <c r="N549029" s="10"/>
    </row>
    <row r="549030" spans="14:14">
      <c r="N549030" s="10"/>
    </row>
    <row r="549031" spans="14:14">
      <c r="N549031" s="10"/>
    </row>
    <row r="549032" spans="14:14">
      <c r="N549032" s="10"/>
    </row>
    <row r="549033" spans="14:14">
      <c r="N549033" s="10"/>
    </row>
    <row r="549034" spans="14:14">
      <c r="N549034" s="10"/>
    </row>
    <row r="549035" spans="14:14">
      <c r="N549035" s="10"/>
    </row>
    <row r="549036" spans="14:14">
      <c r="N549036" s="10"/>
    </row>
    <row r="549037" spans="14:14">
      <c r="N549037" s="10"/>
    </row>
    <row r="549038" spans="14:14">
      <c r="N549038" s="10"/>
    </row>
    <row r="549039" spans="14:14">
      <c r="N549039" s="10"/>
    </row>
    <row r="549040" spans="14:14">
      <c r="N549040" s="10"/>
    </row>
    <row r="549041" spans="14:14">
      <c r="N549041" s="10"/>
    </row>
    <row r="549042" spans="14:14">
      <c r="N549042" s="10"/>
    </row>
    <row r="549043" spans="14:14">
      <c r="N549043" s="10"/>
    </row>
    <row r="549044" spans="14:14">
      <c r="N549044" s="10"/>
    </row>
    <row r="549045" spans="14:14">
      <c r="N549045" s="10"/>
    </row>
    <row r="549046" spans="14:14">
      <c r="N549046" s="10"/>
    </row>
    <row r="549047" spans="14:14">
      <c r="N549047" s="10"/>
    </row>
    <row r="549048" spans="14:14">
      <c r="N549048" s="10"/>
    </row>
    <row r="549049" spans="14:14">
      <c r="N549049" s="10"/>
    </row>
    <row r="549050" spans="14:14">
      <c r="N549050" s="10"/>
    </row>
    <row r="549051" spans="14:14">
      <c r="N549051" s="10"/>
    </row>
    <row r="549052" spans="14:14">
      <c r="N549052" s="10"/>
    </row>
    <row r="549053" spans="14:14">
      <c r="N549053" s="10"/>
    </row>
    <row r="549054" spans="14:14">
      <c r="N549054" s="10"/>
    </row>
    <row r="549055" spans="14:14">
      <c r="N549055" s="10"/>
    </row>
    <row r="549056" spans="14:14">
      <c r="N549056" s="10"/>
    </row>
    <row r="549057" spans="14:14">
      <c r="N549057" s="10"/>
    </row>
    <row r="549058" spans="14:14">
      <c r="N549058" s="10"/>
    </row>
    <row r="549059" spans="14:14">
      <c r="N549059" s="10"/>
    </row>
    <row r="549060" spans="14:14">
      <c r="N549060" s="10"/>
    </row>
    <row r="549061" spans="14:14">
      <c r="N549061" s="10"/>
    </row>
    <row r="549062" spans="14:14">
      <c r="N549062" s="10"/>
    </row>
    <row r="549063" spans="14:14">
      <c r="N549063" s="10"/>
    </row>
    <row r="549064" spans="14:14">
      <c r="N549064" s="10"/>
    </row>
    <row r="549065" spans="14:14">
      <c r="N549065" s="10"/>
    </row>
    <row r="549066" spans="14:14">
      <c r="N549066" s="10"/>
    </row>
    <row r="549067" spans="14:14">
      <c r="N549067" s="10"/>
    </row>
    <row r="549068" spans="14:14">
      <c r="N549068" s="10"/>
    </row>
    <row r="549069" spans="14:14">
      <c r="N549069" s="10"/>
    </row>
    <row r="549070" spans="14:14">
      <c r="N549070" s="10"/>
    </row>
    <row r="549071" spans="14:14">
      <c r="N549071" s="10"/>
    </row>
    <row r="549072" spans="14:14">
      <c r="N549072" s="10"/>
    </row>
    <row r="549073" spans="14:14">
      <c r="N549073" s="10"/>
    </row>
    <row r="549074" spans="14:14">
      <c r="N549074" s="10"/>
    </row>
    <row r="549075" spans="14:14">
      <c r="N549075" s="10"/>
    </row>
    <row r="549076" spans="14:14">
      <c r="N549076" s="10"/>
    </row>
    <row r="549077" spans="14:14">
      <c r="N549077" s="10"/>
    </row>
    <row r="549078" spans="14:14">
      <c r="N549078" s="10"/>
    </row>
    <row r="549079" spans="14:14">
      <c r="N549079" s="10"/>
    </row>
    <row r="549080" spans="14:14">
      <c r="N549080" s="10"/>
    </row>
    <row r="549081" spans="14:14">
      <c r="N549081" s="10"/>
    </row>
    <row r="549082" spans="14:14">
      <c r="N549082" s="10"/>
    </row>
    <row r="549083" spans="14:14">
      <c r="N549083" s="10"/>
    </row>
    <row r="549084" spans="14:14">
      <c r="N549084" s="10"/>
    </row>
    <row r="549085" spans="14:14">
      <c r="N549085" s="10"/>
    </row>
    <row r="549086" spans="14:14">
      <c r="N549086" s="10"/>
    </row>
    <row r="549087" spans="14:14">
      <c r="N549087" s="10"/>
    </row>
    <row r="549088" spans="14:14">
      <c r="N549088" s="10"/>
    </row>
    <row r="549089" spans="14:14">
      <c r="N549089" s="10"/>
    </row>
    <row r="549090" spans="14:14">
      <c r="N549090" s="10"/>
    </row>
    <row r="549091" spans="14:14">
      <c r="N549091" s="10"/>
    </row>
    <row r="549092" spans="14:14">
      <c r="N549092" s="10"/>
    </row>
    <row r="549093" spans="14:14">
      <c r="N549093" s="10"/>
    </row>
    <row r="549094" spans="14:14">
      <c r="N549094" s="10"/>
    </row>
    <row r="549095" spans="14:14">
      <c r="N549095" s="10"/>
    </row>
    <row r="549096" spans="14:14">
      <c r="N549096" s="10"/>
    </row>
    <row r="549097" spans="14:14">
      <c r="N549097" s="10"/>
    </row>
    <row r="549098" spans="14:14">
      <c r="N549098" s="10"/>
    </row>
    <row r="549099" spans="14:14">
      <c r="N549099" s="10"/>
    </row>
    <row r="549100" spans="14:14">
      <c r="N549100" s="10"/>
    </row>
    <row r="549101" spans="14:14">
      <c r="N549101" s="10"/>
    </row>
    <row r="549102" spans="14:14">
      <c r="N549102" s="10"/>
    </row>
    <row r="549103" spans="14:14">
      <c r="N549103" s="10"/>
    </row>
    <row r="549104" spans="14:14">
      <c r="N549104" s="10"/>
    </row>
    <row r="549105" spans="14:14">
      <c r="N549105" s="10"/>
    </row>
    <row r="549106" spans="14:14">
      <c r="N549106" s="10"/>
    </row>
    <row r="549107" spans="14:14">
      <c r="N549107" s="10"/>
    </row>
    <row r="549108" spans="14:14">
      <c r="N549108" s="10"/>
    </row>
    <row r="549109" spans="14:14">
      <c r="N549109" s="10"/>
    </row>
    <row r="549110" spans="14:14">
      <c r="N549110" s="10"/>
    </row>
    <row r="549111" spans="14:14">
      <c r="N549111" s="10"/>
    </row>
    <row r="549112" spans="14:14">
      <c r="N549112" s="10"/>
    </row>
    <row r="549113" spans="14:14">
      <c r="N549113" s="10"/>
    </row>
    <row r="549114" spans="14:14">
      <c r="N549114" s="10"/>
    </row>
    <row r="549115" spans="14:14">
      <c r="N549115" s="10"/>
    </row>
    <row r="549116" spans="14:14">
      <c r="N549116" s="10"/>
    </row>
    <row r="549117" spans="14:14">
      <c r="N549117" s="10"/>
    </row>
    <row r="549118" spans="14:14">
      <c r="N549118" s="10"/>
    </row>
    <row r="549119" spans="14:14">
      <c r="N549119" s="10"/>
    </row>
    <row r="549120" spans="14:14">
      <c r="N549120" s="10"/>
    </row>
    <row r="549121" spans="14:14">
      <c r="N549121" s="10"/>
    </row>
    <row r="549122" spans="14:14">
      <c r="N549122" s="10"/>
    </row>
    <row r="549123" spans="14:14">
      <c r="N549123" s="10"/>
    </row>
    <row r="549124" spans="14:14">
      <c r="N549124" s="10"/>
    </row>
    <row r="549125" spans="14:14">
      <c r="N549125" s="10"/>
    </row>
    <row r="549126" spans="14:14">
      <c r="N549126" s="10"/>
    </row>
    <row r="549127" spans="14:14">
      <c r="N549127" s="10"/>
    </row>
    <row r="549128" spans="14:14">
      <c r="N549128" s="10"/>
    </row>
    <row r="549129" spans="14:14">
      <c r="N549129" s="10"/>
    </row>
    <row r="549130" spans="14:14">
      <c r="N549130" s="10"/>
    </row>
    <row r="549131" spans="14:14">
      <c r="N549131" s="10"/>
    </row>
    <row r="549132" spans="14:14">
      <c r="N549132" s="10"/>
    </row>
    <row r="549133" spans="14:14">
      <c r="N549133" s="10"/>
    </row>
    <row r="549134" spans="14:14">
      <c r="N549134" s="10"/>
    </row>
    <row r="549135" spans="14:14">
      <c r="N549135" s="10"/>
    </row>
    <row r="549136" spans="14:14">
      <c r="N549136" s="10"/>
    </row>
    <row r="549137" spans="14:14">
      <c r="N549137" s="10"/>
    </row>
    <row r="549138" spans="14:14">
      <c r="N549138" s="10"/>
    </row>
    <row r="549139" spans="14:14">
      <c r="N549139" s="10"/>
    </row>
    <row r="549140" spans="14:14">
      <c r="N549140" s="10"/>
    </row>
    <row r="549141" spans="14:14">
      <c r="N549141" s="10"/>
    </row>
    <row r="549142" spans="14:14">
      <c r="N549142" s="10"/>
    </row>
    <row r="549143" spans="14:14">
      <c r="N549143" s="10"/>
    </row>
    <row r="549144" spans="14:14">
      <c r="N549144" s="10"/>
    </row>
    <row r="549145" spans="14:14">
      <c r="N549145" s="10"/>
    </row>
    <row r="549146" spans="14:14">
      <c r="N549146" s="10"/>
    </row>
    <row r="549147" spans="14:14">
      <c r="N549147" s="10"/>
    </row>
    <row r="549148" spans="14:14">
      <c r="N549148" s="10"/>
    </row>
    <row r="549149" spans="14:14">
      <c r="N549149" s="10"/>
    </row>
    <row r="549150" spans="14:14">
      <c r="N549150" s="10"/>
    </row>
    <row r="549151" spans="14:14">
      <c r="N549151" s="10"/>
    </row>
    <row r="549152" spans="14:14">
      <c r="N549152" s="10"/>
    </row>
    <row r="549153" spans="14:14">
      <c r="N549153" s="10"/>
    </row>
    <row r="549154" spans="14:14">
      <c r="N549154" s="10"/>
    </row>
    <row r="549155" spans="14:14">
      <c r="N549155" s="10"/>
    </row>
    <row r="549156" spans="14:14">
      <c r="N549156" s="10"/>
    </row>
    <row r="549157" spans="14:14">
      <c r="N549157" s="10"/>
    </row>
    <row r="549158" spans="14:14">
      <c r="N549158" s="10"/>
    </row>
    <row r="549159" spans="14:14">
      <c r="N549159" s="10"/>
    </row>
    <row r="549160" spans="14:14">
      <c r="N549160" s="10"/>
    </row>
    <row r="549161" spans="14:14">
      <c r="N549161" s="10"/>
    </row>
    <row r="549162" spans="14:14">
      <c r="N549162" s="10"/>
    </row>
    <row r="549163" spans="14:14">
      <c r="N549163" s="10"/>
    </row>
    <row r="549164" spans="14:14">
      <c r="N549164" s="10"/>
    </row>
    <row r="549165" spans="14:14">
      <c r="N549165" s="10"/>
    </row>
    <row r="549166" spans="14:14">
      <c r="N549166" s="10"/>
    </row>
    <row r="549167" spans="14:14">
      <c r="N549167" s="10"/>
    </row>
    <row r="549168" spans="14:14">
      <c r="N549168" s="10"/>
    </row>
    <row r="549169" spans="14:14">
      <c r="N549169" s="10"/>
    </row>
    <row r="549170" spans="14:14">
      <c r="N549170" s="10"/>
    </row>
    <row r="549171" spans="14:14">
      <c r="N549171" s="10"/>
    </row>
    <row r="549172" spans="14:14">
      <c r="N549172" s="10"/>
    </row>
    <row r="549173" spans="14:14">
      <c r="N549173" s="10"/>
    </row>
    <row r="549174" spans="14:14">
      <c r="N549174" s="10"/>
    </row>
    <row r="549175" spans="14:14">
      <c r="N549175" s="10"/>
    </row>
    <row r="549176" spans="14:14">
      <c r="N549176" s="10"/>
    </row>
    <row r="549177" spans="14:14">
      <c r="N549177" s="10"/>
    </row>
    <row r="549178" spans="14:14">
      <c r="N549178" s="10"/>
    </row>
    <row r="549179" spans="14:14">
      <c r="N549179" s="10"/>
    </row>
    <row r="549180" spans="14:14">
      <c r="N549180" s="10"/>
    </row>
    <row r="549181" spans="14:14">
      <c r="N549181" s="10"/>
    </row>
    <row r="549182" spans="14:14">
      <c r="N549182" s="10"/>
    </row>
    <row r="549183" spans="14:14">
      <c r="N549183" s="10"/>
    </row>
    <row r="549184" spans="14:14">
      <c r="N549184" s="10"/>
    </row>
    <row r="549185" spans="14:14">
      <c r="N549185" s="10"/>
    </row>
    <row r="549186" spans="14:14">
      <c r="N549186" s="10"/>
    </row>
    <row r="549187" spans="14:14">
      <c r="N549187" s="10"/>
    </row>
    <row r="549188" spans="14:14">
      <c r="N549188" s="10"/>
    </row>
    <row r="549189" spans="14:14">
      <c r="N549189" s="10"/>
    </row>
    <row r="549190" spans="14:14">
      <c r="N549190" s="10"/>
    </row>
    <row r="549191" spans="14:14">
      <c r="N549191" s="10"/>
    </row>
    <row r="549192" spans="14:14">
      <c r="N549192" s="10"/>
    </row>
    <row r="549193" spans="14:14">
      <c r="N549193" s="10"/>
    </row>
    <row r="549194" spans="14:14">
      <c r="N549194" s="10"/>
    </row>
    <row r="549195" spans="14:14">
      <c r="N549195" s="10"/>
    </row>
    <row r="549196" spans="14:14">
      <c r="N549196" s="10"/>
    </row>
    <row r="549197" spans="14:14">
      <c r="N549197" s="10"/>
    </row>
    <row r="549198" spans="14:14">
      <c r="N549198" s="10"/>
    </row>
    <row r="549199" spans="14:14">
      <c r="N549199" s="10"/>
    </row>
    <row r="549200" spans="14:14">
      <c r="N549200" s="10"/>
    </row>
    <row r="549201" spans="14:14">
      <c r="N549201" s="10"/>
    </row>
    <row r="549202" spans="14:14">
      <c r="N549202" s="10"/>
    </row>
    <row r="549203" spans="14:14">
      <c r="N549203" s="10"/>
    </row>
    <row r="549204" spans="14:14">
      <c r="N549204" s="10"/>
    </row>
    <row r="549205" spans="14:14">
      <c r="N549205" s="10"/>
    </row>
    <row r="549206" spans="14:14">
      <c r="N549206" s="10"/>
    </row>
    <row r="549207" spans="14:14">
      <c r="N549207" s="10"/>
    </row>
    <row r="549208" spans="14:14">
      <c r="N549208" s="10"/>
    </row>
    <row r="549209" spans="14:14">
      <c r="N549209" s="10"/>
    </row>
    <row r="549210" spans="14:14">
      <c r="N549210" s="10"/>
    </row>
    <row r="549211" spans="14:14">
      <c r="N549211" s="10"/>
    </row>
    <row r="549212" spans="14:14">
      <c r="N549212" s="10"/>
    </row>
    <row r="549213" spans="14:14">
      <c r="N549213" s="10"/>
    </row>
    <row r="549214" spans="14:14">
      <c r="N549214" s="10"/>
    </row>
    <row r="549215" spans="14:14">
      <c r="N549215" s="10"/>
    </row>
    <row r="549216" spans="14:14">
      <c r="N549216" s="10"/>
    </row>
    <row r="549217" spans="14:14">
      <c r="N549217" s="10"/>
    </row>
    <row r="549218" spans="14:14">
      <c r="N549218" s="10"/>
    </row>
    <row r="549219" spans="14:14">
      <c r="N549219" s="10"/>
    </row>
    <row r="549220" spans="14:14">
      <c r="N549220" s="10"/>
    </row>
    <row r="549221" spans="14:14">
      <c r="N549221" s="10"/>
    </row>
    <row r="549222" spans="14:14">
      <c r="N549222" s="10"/>
    </row>
    <row r="549223" spans="14:14">
      <c r="N549223" s="10"/>
    </row>
    <row r="549224" spans="14:14">
      <c r="N549224" s="10"/>
    </row>
    <row r="549225" spans="14:14">
      <c r="N549225" s="10"/>
    </row>
    <row r="549226" spans="14:14">
      <c r="N549226" s="10"/>
    </row>
    <row r="549227" spans="14:14">
      <c r="N549227" s="10"/>
    </row>
    <row r="549228" spans="14:14">
      <c r="N549228" s="10"/>
    </row>
    <row r="549229" spans="14:14">
      <c r="N549229" s="10"/>
    </row>
    <row r="549230" spans="14:14">
      <c r="N549230" s="10"/>
    </row>
    <row r="549231" spans="14:14">
      <c r="N549231" s="10"/>
    </row>
    <row r="549232" spans="14:14">
      <c r="N549232" s="10"/>
    </row>
    <row r="549233" spans="14:14">
      <c r="N549233" s="10"/>
    </row>
    <row r="549234" spans="14:14">
      <c r="N549234" s="10"/>
    </row>
    <row r="549235" spans="14:14">
      <c r="N549235" s="10"/>
    </row>
    <row r="549236" spans="14:14">
      <c r="N549236" s="10"/>
    </row>
    <row r="549237" spans="14:14">
      <c r="N549237" s="10"/>
    </row>
    <row r="549238" spans="14:14">
      <c r="N549238" s="10"/>
    </row>
    <row r="549239" spans="14:14">
      <c r="N549239" s="10"/>
    </row>
    <row r="549240" spans="14:14">
      <c r="N549240" s="10"/>
    </row>
    <row r="549241" spans="14:14">
      <c r="N549241" s="10"/>
    </row>
    <row r="549242" spans="14:14">
      <c r="N549242" s="10"/>
    </row>
    <row r="549243" spans="14:14">
      <c r="N549243" s="10"/>
    </row>
    <row r="549244" spans="14:14">
      <c r="N549244" s="10"/>
    </row>
    <row r="549245" spans="14:14">
      <c r="N549245" s="10"/>
    </row>
    <row r="549246" spans="14:14">
      <c r="N549246" s="10"/>
    </row>
    <row r="549247" spans="14:14">
      <c r="N549247" s="10"/>
    </row>
    <row r="549248" spans="14:14">
      <c r="N549248" s="10"/>
    </row>
    <row r="549249" spans="14:14">
      <c r="N549249" s="10"/>
    </row>
    <row r="549250" spans="14:14">
      <c r="N549250" s="10"/>
    </row>
    <row r="549251" spans="14:14">
      <c r="N549251" s="10"/>
    </row>
    <row r="549252" spans="14:14">
      <c r="N549252" s="10"/>
    </row>
    <row r="549253" spans="14:14">
      <c r="N549253" s="10"/>
    </row>
    <row r="549254" spans="14:14">
      <c r="N549254" s="10"/>
    </row>
    <row r="549255" spans="14:14">
      <c r="N549255" s="10"/>
    </row>
    <row r="549256" spans="14:14">
      <c r="N549256" s="10"/>
    </row>
    <row r="549257" spans="14:14">
      <c r="N549257" s="10"/>
    </row>
    <row r="549258" spans="14:14">
      <c r="N549258" s="10"/>
    </row>
    <row r="549259" spans="14:14">
      <c r="N549259" s="10"/>
    </row>
    <row r="549260" spans="14:14">
      <c r="N549260" s="10"/>
    </row>
    <row r="549261" spans="14:14">
      <c r="N549261" s="10"/>
    </row>
    <row r="549262" spans="14:14">
      <c r="N549262" s="10"/>
    </row>
    <row r="549263" spans="14:14">
      <c r="N549263" s="10"/>
    </row>
    <row r="549264" spans="14:14">
      <c r="N549264" s="10"/>
    </row>
    <row r="549265" spans="14:14">
      <c r="N549265" s="10"/>
    </row>
    <row r="549266" spans="14:14">
      <c r="N549266" s="10"/>
    </row>
    <row r="549267" spans="14:14">
      <c r="N549267" s="10"/>
    </row>
    <row r="549268" spans="14:14">
      <c r="N549268" s="10"/>
    </row>
    <row r="549269" spans="14:14">
      <c r="N549269" s="10"/>
    </row>
    <row r="549270" spans="14:14">
      <c r="N549270" s="10"/>
    </row>
    <row r="549271" spans="14:14">
      <c r="N549271" s="10"/>
    </row>
    <row r="549272" spans="14:14">
      <c r="N549272" s="10"/>
    </row>
    <row r="549273" spans="14:14">
      <c r="N549273" s="10"/>
    </row>
    <row r="549274" spans="14:14">
      <c r="N549274" s="10"/>
    </row>
    <row r="549275" spans="14:14">
      <c r="N549275" s="10"/>
    </row>
    <row r="549276" spans="14:14">
      <c r="N549276" s="10"/>
    </row>
    <row r="549277" spans="14:14">
      <c r="N549277" s="10"/>
    </row>
    <row r="549278" spans="14:14">
      <c r="N549278" s="10"/>
    </row>
    <row r="549279" spans="14:14">
      <c r="N549279" s="10"/>
    </row>
    <row r="549280" spans="14:14">
      <c r="N549280" s="10"/>
    </row>
    <row r="549281" spans="14:14">
      <c r="N549281" s="10"/>
    </row>
    <row r="549282" spans="14:14">
      <c r="N549282" s="10"/>
    </row>
    <row r="549283" spans="14:14">
      <c r="N549283" s="10"/>
    </row>
    <row r="549284" spans="14:14">
      <c r="N549284" s="10"/>
    </row>
    <row r="549285" spans="14:14">
      <c r="N549285" s="10"/>
    </row>
    <row r="549286" spans="14:14">
      <c r="N549286" s="10"/>
    </row>
    <row r="549287" spans="14:14">
      <c r="N549287" s="10"/>
    </row>
    <row r="549288" spans="14:14">
      <c r="N549288" s="10"/>
    </row>
    <row r="549289" spans="14:14">
      <c r="N549289" s="10"/>
    </row>
    <row r="549290" spans="14:14">
      <c r="N549290" s="10"/>
    </row>
    <row r="549291" spans="14:14">
      <c r="N549291" s="10"/>
    </row>
    <row r="549292" spans="14:14">
      <c r="N549292" s="10"/>
    </row>
    <row r="549293" spans="14:14">
      <c r="N549293" s="10"/>
    </row>
    <row r="549294" spans="14:14">
      <c r="N549294" s="10"/>
    </row>
    <row r="549295" spans="14:14">
      <c r="N549295" s="10"/>
    </row>
    <row r="549296" spans="14:14">
      <c r="N549296" s="10"/>
    </row>
    <row r="549297" spans="14:14">
      <c r="N549297" s="10"/>
    </row>
    <row r="549298" spans="14:14">
      <c r="N549298" s="10"/>
    </row>
    <row r="549299" spans="14:14">
      <c r="N549299" s="10"/>
    </row>
    <row r="549300" spans="14:14">
      <c r="N549300" s="10"/>
    </row>
    <row r="549301" spans="14:14">
      <c r="N549301" s="10"/>
    </row>
    <row r="549302" spans="14:14">
      <c r="N549302" s="10"/>
    </row>
    <row r="549303" spans="14:14">
      <c r="N549303" s="10"/>
    </row>
    <row r="549304" spans="14:14">
      <c r="N549304" s="10"/>
    </row>
    <row r="549305" spans="14:14">
      <c r="N549305" s="10"/>
    </row>
    <row r="549306" spans="14:14">
      <c r="N549306" s="10"/>
    </row>
    <row r="549307" spans="14:14">
      <c r="N549307" s="10"/>
    </row>
    <row r="549308" spans="14:14">
      <c r="N549308" s="10"/>
    </row>
    <row r="549309" spans="14:14">
      <c r="N549309" s="10"/>
    </row>
    <row r="549310" spans="14:14">
      <c r="N549310" s="10"/>
    </row>
    <row r="549311" spans="14:14">
      <c r="N549311" s="10"/>
    </row>
    <row r="549312" spans="14:14">
      <c r="N549312" s="10"/>
    </row>
    <row r="549313" spans="14:14">
      <c r="N549313" s="10"/>
    </row>
    <row r="549314" spans="14:14">
      <c r="N549314" s="10"/>
    </row>
    <row r="549315" spans="14:14">
      <c r="N549315" s="10"/>
    </row>
    <row r="549316" spans="14:14">
      <c r="N549316" s="10"/>
    </row>
    <row r="549317" spans="14:14">
      <c r="N549317" s="10"/>
    </row>
    <row r="549318" spans="14:14">
      <c r="N549318" s="10"/>
    </row>
    <row r="549319" spans="14:14">
      <c r="N549319" s="10"/>
    </row>
    <row r="549320" spans="14:14">
      <c r="N549320" s="10"/>
    </row>
    <row r="549321" spans="14:14">
      <c r="N549321" s="10"/>
    </row>
    <row r="549322" spans="14:14">
      <c r="N549322" s="10"/>
    </row>
    <row r="549323" spans="14:14">
      <c r="N549323" s="10"/>
    </row>
    <row r="549324" spans="14:14">
      <c r="N549324" s="10"/>
    </row>
    <row r="549325" spans="14:14">
      <c r="N549325" s="10"/>
    </row>
    <row r="549326" spans="14:14">
      <c r="N549326" s="10"/>
    </row>
    <row r="549327" spans="14:14">
      <c r="N549327" s="10"/>
    </row>
    <row r="549328" spans="14:14">
      <c r="N549328" s="10"/>
    </row>
    <row r="549329" spans="14:14">
      <c r="N549329" s="10"/>
    </row>
    <row r="549330" spans="14:14">
      <c r="N549330" s="10"/>
    </row>
    <row r="549331" spans="14:14">
      <c r="N549331" s="10"/>
    </row>
    <row r="549332" spans="14:14">
      <c r="N549332" s="10"/>
    </row>
    <row r="549333" spans="14:14">
      <c r="N549333" s="10"/>
    </row>
    <row r="549334" spans="14:14">
      <c r="N549334" s="10"/>
    </row>
    <row r="549335" spans="14:14">
      <c r="N549335" s="10"/>
    </row>
    <row r="549336" spans="14:14">
      <c r="N549336" s="10"/>
    </row>
    <row r="549337" spans="14:14">
      <c r="N549337" s="10"/>
    </row>
    <row r="549338" spans="14:14">
      <c r="N549338" s="10"/>
    </row>
    <row r="549339" spans="14:14">
      <c r="N549339" s="10"/>
    </row>
    <row r="549340" spans="14:14">
      <c r="N549340" s="10"/>
    </row>
    <row r="549341" spans="14:14">
      <c r="N549341" s="10"/>
    </row>
    <row r="549342" spans="14:14">
      <c r="N549342" s="10"/>
    </row>
    <row r="549343" spans="14:14">
      <c r="N549343" s="10"/>
    </row>
    <row r="549344" spans="14:14">
      <c r="N549344" s="10"/>
    </row>
    <row r="549345" spans="14:14">
      <c r="N549345" s="10"/>
    </row>
    <row r="549346" spans="14:14">
      <c r="N549346" s="10"/>
    </row>
    <row r="549347" spans="14:14">
      <c r="N549347" s="10"/>
    </row>
    <row r="549348" spans="14:14">
      <c r="N549348" s="10"/>
    </row>
    <row r="549349" spans="14:14">
      <c r="N549349" s="10"/>
    </row>
    <row r="549350" spans="14:14">
      <c r="N549350" s="10"/>
    </row>
    <row r="549351" spans="14:14">
      <c r="N549351" s="10"/>
    </row>
    <row r="549352" spans="14:14">
      <c r="N549352" s="10"/>
    </row>
    <row r="549353" spans="14:14">
      <c r="N549353" s="10"/>
    </row>
    <row r="549354" spans="14:14">
      <c r="N549354" s="10"/>
    </row>
    <row r="549355" spans="14:14">
      <c r="N549355" s="10"/>
    </row>
    <row r="549356" spans="14:14">
      <c r="N549356" s="10"/>
    </row>
    <row r="549357" spans="14:14">
      <c r="N549357" s="10"/>
    </row>
    <row r="549358" spans="14:14">
      <c r="N549358" s="10"/>
    </row>
    <row r="549359" spans="14:14">
      <c r="N549359" s="10"/>
    </row>
    <row r="549360" spans="14:14">
      <c r="N549360" s="10"/>
    </row>
    <row r="549361" spans="14:14">
      <c r="N549361" s="10"/>
    </row>
    <row r="549362" spans="14:14">
      <c r="N549362" s="10"/>
    </row>
    <row r="549363" spans="14:14">
      <c r="N549363" s="10"/>
    </row>
    <row r="549364" spans="14:14">
      <c r="N549364" s="10"/>
    </row>
    <row r="549365" spans="14:14">
      <c r="N549365" s="10"/>
    </row>
    <row r="549366" spans="14:14">
      <c r="N549366" s="10"/>
    </row>
    <row r="549367" spans="14:14">
      <c r="N549367" s="10"/>
    </row>
    <row r="549368" spans="14:14">
      <c r="N549368" s="10"/>
    </row>
    <row r="549369" spans="14:14">
      <c r="N549369" s="10"/>
    </row>
    <row r="549370" spans="14:14">
      <c r="N549370" s="10"/>
    </row>
    <row r="549371" spans="14:14">
      <c r="N549371" s="10"/>
    </row>
    <row r="549372" spans="14:14">
      <c r="N549372" s="10"/>
    </row>
    <row r="549373" spans="14:14">
      <c r="N549373" s="10"/>
    </row>
    <row r="549374" spans="14:14">
      <c r="N549374" s="10"/>
    </row>
    <row r="549375" spans="14:14">
      <c r="N549375" s="10"/>
    </row>
    <row r="549376" spans="14:14">
      <c r="N549376" s="10"/>
    </row>
    <row r="549377" spans="14:14">
      <c r="N549377" s="10"/>
    </row>
    <row r="549378" spans="14:14">
      <c r="N549378" s="10"/>
    </row>
    <row r="549379" spans="14:14">
      <c r="N549379" s="10"/>
    </row>
    <row r="549380" spans="14:14">
      <c r="N549380" s="10"/>
    </row>
    <row r="549381" spans="14:14">
      <c r="N549381" s="10"/>
    </row>
    <row r="549382" spans="14:14">
      <c r="N549382" s="10"/>
    </row>
    <row r="549383" spans="14:14">
      <c r="N549383" s="10"/>
    </row>
    <row r="549384" spans="14:14">
      <c r="N549384" s="10"/>
    </row>
    <row r="549385" spans="14:14">
      <c r="N549385" s="10"/>
    </row>
    <row r="549386" spans="14:14">
      <c r="N549386" s="10"/>
    </row>
    <row r="549387" spans="14:14">
      <c r="N549387" s="10"/>
    </row>
    <row r="549388" spans="14:14">
      <c r="N549388" s="10"/>
    </row>
    <row r="549389" spans="14:14">
      <c r="N549389" s="10"/>
    </row>
    <row r="549390" spans="14:14">
      <c r="N549390" s="10"/>
    </row>
    <row r="549391" spans="14:14">
      <c r="N549391" s="10"/>
    </row>
    <row r="549392" spans="14:14">
      <c r="N549392" s="10"/>
    </row>
    <row r="549393" spans="14:14">
      <c r="N549393" s="10"/>
    </row>
    <row r="549394" spans="14:14">
      <c r="N549394" s="10"/>
    </row>
    <row r="549395" spans="14:14">
      <c r="N549395" s="10"/>
    </row>
    <row r="549396" spans="14:14">
      <c r="N549396" s="10"/>
    </row>
    <row r="549397" spans="14:14">
      <c r="N549397" s="10"/>
    </row>
    <row r="549398" spans="14:14">
      <c r="N549398" s="10"/>
    </row>
    <row r="549399" spans="14:14">
      <c r="N549399" s="10"/>
    </row>
    <row r="549400" spans="14:14">
      <c r="N549400" s="10"/>
    </row>
    <row r="549401" spans="14:14">
      <c r="N549401" s="10"/>
    </row>
    <row r="549402" spans="14:14">
      <c r="N549402" s="10"/>
    </row>
    <row r="549403" spans="14:14">
      <c r="N549403" s="10"/>
    </row>
    <row r="549404" spans="14:14">
      <c r="N549404" s="10"/>
    </row>
    <row r="549405" spans="14:14">
      <c r="N549405" s="10"/>
    </row>
    <row r="549406" spans="14:14">
      <c r="N549406" s="10"/>
    </row>
    <row r="549407" spans="14:14">
      <c r="N549407" s="10"/>
    </row>
    <row r="549408" spans="14:14">
      <c r="N549408" s="10"/>
    </row>
    <row r="549409" spans="14:14">
      <c r="N549409" s="10"/>
    </row>
    <row r="549410" spans="14:14">
      <c r="N549410" s="10"/>
    </row>
    <row r="549411" spans="14:14">
      <c r="N549411" s="10"/>
    </row>
    <row r="549412" spans="14:14">
      <c r="N549412" s="10"/>
    </row>
    <row r="549413" spans="14:14">
      <c r="N549413" s="10"/>
    </row>
    <row r="549414" spans="14:14">
      <c r="N549414" s="10"/>
    </row>
    <row r="549415" spans="14:14">
      <c r="N549415" s="10"/>
    </row>
    <row r="549416" spans="14:14">
      <c r="N549416" s="10"/>
    </row>
    <row r="549417" spans="14:14">
      <c r="N549417" s="10"/>
    </row>
    <row r="549418" spans="14:14">
      <c r="N549418" s="10"/>
    </row>
    <row r="549419" spans="14:14">
      <c r="N549419" s="10"/>
    </row>
    <row r="549420" spans="14:14">
      <c r="N549420" s="10"/>
    </row>
    <row r="549421" spans="14:14">
      <c r="N549421" s="10"/>
    </row>
    <row r="549422" spans="14:14">
      <c r="N549422" s="10"/>
    </row>
    <row r="549423" spans="14:14">
      <c r="N549423" s="10"/>
    </row>
    <row r="549424" spans="14:14">
      <c r="N549424" s="10"/>
    </row>
    <row r="549425" spans="14:14">
      <c r="N549425" s="10"/>
    </row>
    <row r="549426" spans="14:14">
      <c r="N549426" s="10"/>
    </row>
    <row r="549427" spans="14:14">
      <c r="N549427" s="10"/>
    </row>
    <row r="549428" spans="14:14">
      <c r="N549428" s="10"/>
    </row>
    <row r="549429" spans="14:14">
      <c r="N549429" s="10"/>
    </row>
    <row r="549430" spans="14:14">
      <c r="N549430" s="10"/>
    </row>
    <row r="549431" spans="14:14">
      <c r="N549431" s="10"/>
    </row>
    <row r="549432" spans="14:14">
      <c r="N549432" s="10"/>
    </row>
    <row r="549433" spans="14:14">
      <c r="N549433" s="10"/>
    </row>
    <row r="549434" spans="14:14">
      <c r="N549434" s="10"/>
    </row>
    <row r="549435" spans="14:14">
      <c r="N549435" s="10"/>
    </row>
    <row r="549436" spans="14:14">
      <c r="N549436" s="10"/>
    </row>
    <row r="549437" spans="14:14">
      <c r="N549437" s="10"/>
    </row>
    <row r="549438" spans="14:14">
      <c r="N549438" s="10"/>
    </row>
    <row r="549439" spans="14:14">
      <c r="N549439" s="10"/>
    </row>
    <row r="549440" spans="14:14">
      <c r="N549440" s="10"/>
    </row>
    <row r="549441" spans="14:14">
      <c r="N549441" s="10"/>
    </row>
    <row r="549442" spans="14:14">
      <c r="N549442" s="10"/>
    </row>
    <row r="549443" spans="14:14">
      <c r="N549443" s="10"/>
    </row>
    <row r="549444" spans="14:14">
      <c r="N549444" s="10"/>
    </row>
    <row r="549445" spans="14:14">
      <c r="N549445" s="10"/>
    </row>
    <row r="549446" spans="14:14">
      <c r="N549446" s="10"/>
    </row>
    <row r="549447" spans="14:14">
      <c r="N549447" s="10"/>
    </row>
    <row r="549448" spans="14:14">
      <c r="N549448" s="10"/>
    </row>
    <row r="549449" spans="14:14">
      <c r="N549449" s="10"/>
    </row>
    <row r="549450" spans="14:14">
      <c r="N549450" s="10"/>
    </row>
    <row r="549451" spans="14:14">
      <c r="N549451" s="10"/>
    </row>
    <row r="549452" spans="14:14">
      <c r="N549452" s="10"/>
    </row>
    <row r="549453" spans="14:14">
      <c r="N549453" s="10"/>
    </row>
    <row r="549454" spans="14:14">
      <c r="N549454" s="10"/>
    </row>
    <row r="549455" spans="14:14">
      <c r="N549455" s="10"/>
    </row>
    <row r="549456" spans="14:14">
      <c r="N549456" s="10"/>
    </row>
    <row r="549457" spans="14:14">
      <c r="N549457" s="10"/>
    </row>
    <row r="549458" spans="14:14">
      <c r="N549458" s="10"/>
    </row>
    <row r="549459" spans="14:14">
      <c r="N549459" s="10"/>
    </row>
    <row r="549460" spans="14:14">
      <c r="N549460" s="10"/>
    </row>
    <row r="549461" spans="14:14">
      <c r="N549461" s="10"/>
    </row>
    <row r="549462" spans="14:14">
      <c r="N549462" s="10"/>
    </row>
    <row r="549463" spans="14:14">
      <c r="N549463" s="10"/>
    </row>
    <row r="549464" spans="14:14">
      <c r="N549464" s="10"/>
    </row>
    <row r="549465" spans="14:14">
      <c r="N549465" s="10"/>
    </row>
    <row r="549466" spans="14:14">
      <c r="N549466" s="10"/>
    </row>
    <row r="549467" spans="14:14">
      <c r="N549467" s="10"/>
    </row>
    <row r="549468" spans="14:14">
      <c r="N549468" s="10"/>
    </row>
    <row r="549469" spans="14:14">
      <c r="N549469" s="10"/>
    </row>
    <row r="549470" spans="14:14">
      <c r="N549470" s="10"/>
    </row>
    <row r="549471" spans="14:14">
      <c r="N549471" s="10"/>
    </row>
    <row r="549472" spans="14:14">
      <c r="N549472" s="10"/>
    </row>
    <row r="549473" spans="14:14">
      <c r="N549473" s="10"/>
    </row>
    <row r="549474" spans="14:14">
      <c r="N549474" s="10"/>
    </row>
    <row r="549475" spans="14:14">
      <c r="N549475" s="10"/>
    </row>
    <row r="549476" spans="14:14">
      <c r="N549476" s="10"/>
    </row>
    <row r="549477" spans="14:14">
      <c r="N549477" s="10"/>
    </row>
    <row r="549478" spans="14:14">
      <c r="N549478" s="10"/>
    </row>
    <row r="549479" spans="14:14">
      <c r="N549479" s="10"/>
    </row>
    <row r="549480" spans="14:14">
      <c r="N549480" s="10"/>
    </row>
    <row r="549481" spans="14:14">
      <c r="N549481" s="10"/>
    </row>
    <row r="549482" spans="14:14">
      <c r="N549482" s="10"/>
    </row>
    <row r="549483" spans="14:14">
      <c r="N549483" s="10"/>
    </row>
    <row r="549484" spans="14:14">
      <c r="N549484" s="10"/>
    </row>
    <row r="549485" spans="14:14">
      <c r="N549485" s="10"/>
    </row>
    <row r="549486" spans="14:14">
      <c r="N549486" s="10"/>
    </row>
    <row r="549487" spans="14:14">
      <c r="N549487" s="10"/>
    </row>
    <row r="549488" spans="14:14">
      <c r="N549488" s="10"/>
    </row>
    <row r="549489" spans="14:14">
      <c r="N549489" s="10"/>
    </row>
    <row r="549490" spans="14:14">
      <c r="N549490" s="10"/>
    </row>
    <row r="549491" spans="14:14">
      <c r="N549491" s="10"/>
    </row>
    <row r="549492" spans="14:14">
      <c r="N549492" s="10"/>
    </row>
    <row r="549493" spans="14:14">
      <c r="N549493" s="10"/>
    </row>
    <row r="549494" spans="14:14">
      <c r="N549494" s="10"/>
    </row>
    <row r="549495" spans="14:14">
      <c r="N549495" s="10"/>
    </row>
    <row r="549496" spans="14:14">
      <c r="N549496" s="10"/>
    </row>
    <row r="549497" spans="14:14">
      <c r="N549497" s="10"/>
    </row>
    <row r="549498" spans="14:14">
      <c r="N549498" s="10"/>
    </row>
    <row r="549499" spans="14:14">
      <c r="N549499" s="10"/>
    </row>
    <row r="549500" spans="14:14">
      <c r="N549500" s="10"/>
    </row>
    <row r="549501" spans="14:14">
      <c r="N549501" s="10"/>
    </row>
    <row r="549502" spans="14:14">
      <c r="N549502" s="10"/>
    </row>
    <row r="549503" spans="14:14">
      <c r="N549503" s="10"/>
    </row>
    <row r="549504" spans="14:14">
      <c r="N549504" s="10"/>
    </row>
    <row r="549505" spans="14:14">
      <c r="N549505" s="10"/>
    </row>
    <row r="549506" spans="14:14">
      <c r="N549506" s="10"/>
    </row>
    <row r="549507" spans="14:14">
      <c r="N549507" s="10"/>
    </row>
    <row r="549508" spans="14:14">
      <c r="N549508" s="10"/>
    </row>
    <row r="549509" spans="14:14">
      <c r="N549509" s="10"/>
    </row>
    <row r="549510" spans="14:14">
      <c r="N549510" s="10"/>
    </row>
    <row r="549511" spans="14:14">
      <c r="N549511" s="10"/>
    </row>
    <row r="549512" spans="14:14">
      <c r="N549512" s="10"/>
    </row>
    <row r="549513" spans="14:14">
      <c r="N549513" s="10"/>
    </row>
    <row r="549514" spans="14:14">
      <c r="N549514" s="10"/>
    </row>
    <row r="549515" spans="14:14">
      <c r="N549515" s="10"/>
    </row>
    <row r="549516" spans="14:14">
      <c r="N549516" s="10"/>
    </row>
    <row r="549517" spans="14:14">
      <c r="N549517" s="10"/>
    </row>
    <row r="549518" spans="14:14">
      <c r="N549518" s="10"/>
    </row>
    <row r="549519" spans="14:14">
      <c r="N549519" s="10"/>
    </row>
    <row r="549520" spans="14:14">
      <c r="N549520" s="10"/>
    </row>
    <row r="549521" spans="14:14">
      <c r="N549521" s="10"/>
    </row>
    <row r="549522" spans="14:14">
      <c r="N549522" s="10"/>
    </row>
    <row r="549523" spans="14:14">
      <c r="N549523" s="10"/>
    </row>
    <row r="549524" spans="14:14">
      <c r="N549524" s="10"/>
    </row>
    <row r="549525" spans="14:14">
      <c r="N549525" s="10"/>
    </row>
    <row r="549526" spans="14:14">
      <c r="N549526" s="10"/>
    </row>
    <row r="549527" spans="14:14">
      <c r="N549527" s="10"/>
    </row>
    <row r="549528" spans="14:14">
      <c r="N549528" s="10"/>
    </row>
    <row r="549529" spans="14:14">
      <c r="N549529" s="10"/>
    </row>
    <row r="549530" spans="14:14">
      <c r="N549530" s="10"/>
    </row>
    <row r="549531" spans="14:14">
      <c r="N549531" s="10"/>
    </row>
    <row r="549532" spans="14:14">
      <c r="N549532" s="10"/>
    </row>
    <row r="549533" spans="14:14">
      <c r="N549533" s="10"/>
    </row>
    <row r="549534" spans="14:14">
      <c r="N549534" s="10"/>
    </row>
    <row r="549535" spans="14:14">
      <c r="N549535" s="10"/>
    </row>
    <row r="549536" spans="14:14">
      <c r="N549536" s="10"/>
    </row>
    <row r="549537" spans="14:14">
      <c r="N549537" s="10"/>
    </row>
    <row r="549538" spans="14:14">
      <c r="N549538" s="10"/>
    </row>
    <row r="549539" spans="14:14">
      <c r="N549539" s="10"/>
    </row>
    <row r="549540" spans="14:14">
      <c r="N549540" s="10"/>
    </row>
    <row r="549541" spans="14:14">
      <c r="N549541" s="10"/>
    </row>
    <row r="549542" spans="14:14">
      <c r="N549542" s="10"/>
    </row>
    <row r="549543" spans="14:14">
      <c r="N549543" s="10"/>
    </row>
    <row r="549544" spans="14:14">
      <c r="N549544" s="10"/>
    </row>
    <row r="549545" spans="14:14">
      <c r="N549545" s="10"/>
    </row>
    <row r="549546" spans="14:14">
      <c r="N549546" s="10"/>
    </row>
    <row r="549547" spans="14:14">
      <c r="N549547" s="10"/>
    </row>
    <row r="549548" spans="14:14">
      <c r="N549548" s="10"/>
    </row>
    <row r="549549" spans="14:14">
      <c r="N549549" s="10"/>
    </row>
    <row r="549550" spans="14:14">
      <c r="N549550" s="10"/>
    </row>
    <row r="549551" spans="14:14">
      <c r="N549551" s="10"/>
    </row>
    <row r="549552" spans="14:14">
      <c r="N549552" s="10"/>
    </row>
    <row r="549553" spans="14:14">
      <c r="N549553" s="10"/>
    </row>
    <row r="549554" spans="14:14">
      <c r="N549554" s="10"/>
    </row>
    <row r="549555" spans="14:14">
      <c r="N549555" s="10"/>
    </row>
    <row r="549556" spans="14:14">
      <c r="N549556" s="10"/>
    </row>
    <row r="549557" spans="14:14">
      <c r="N549557" s="10"/>
    </row>
    <row r="549558" spans="14:14">
      <c r="N549558" s="10"/>
    </row>
    <row r="549559" spans="14:14">
      <c r="N549559" s="10"/>
    </row>
    <row r="549560" spans="14:14">
      <c r="N549560" s="10"/>
    </row>
    <row r="549561" spans="14:14">
      <c r="N549561" s="10"/>
    </row>
    <row r="549562" spans="14:14">
      <c r="N549562" s="10"/>
    </row>
    <row r="549563" spans="14:14">
      <c r="N549563" s="10"/>
    </row>
    <row r="549564" spans="14:14">
      <c r="N549564" s="10"/>
    </row>
    <row r="549565" spans="14:14">
      <c r="N549565" s="10"/>
    </row>
    <row r="549566" spans="14:14">
      <c r="N549566" s="10"/>
    </row>
    <row r="549567" spans="14:14">
      <c r="N549567" s="10"/>
    </row>
    <row r="549568" spans="14:14">
      <c r="N549568" s="10"/>
    </row>
    <row r="549569" spans="14:14">
      <c r="N549569" s="10"/>
    </row>
    <row r="549570" spans="14:14">
      <c r="N549570" s="10"/>
    </row>
    <row r="549571" spans="14:14">
      <c r="N549571" s="10"/>
    </row>
    <row r="549572" spans="14:14">
      <c r="N549572" s="10"/>
    </row>
    <row r="549573" spans="14:14">
      <c r="N549573" s="10"/>
    </row>
    <row r="549574" spans="14:14">
      <c r="N549574" s="10"/>
    </row>
    <row r="549575" spans="14:14">
      <c r="N549575" s="10"/>
    </row>
    <row r="549576" spans="14:14">
      <c r="N549576" s="10"/>
    </row>
    <row r="549577" spans="14:14">
      <c r="N549577" s="10"/>
    </row>
    <row r="549578" spans="14:14">
      <c r="N549578" s="10"/>
    </row>
    <row r="549579" spans="14:14">
      <c r="N549579" s="10"/>
    </row>
    <row r="549580" spans="14:14">
      <c r="N549580" s="10"/>
    </row>
    <row r="549581" spans="14:14">
      <c r="N549581" s="10"/>
    </row>
    <row r="549582" spans="14:14">
      <c r="N549582" s="10"/>
    </row>
    <row r="549583" spans="14:14">
      <c r="N549583" s="10"/>
    </row>
    <row r="549584" spans="14:14">
      <c r="N549584" s="10"/>
    </row>
    <row r="549585" spans="14:14">
      <c r="N549585" s="10"/>
    </row>
    <row r="549586" spans="14:14">
      <c r="N549586" s="10"/>
    </row>
    <row r="549587" spans="14:14">
      <c r="N549587" s="10"/>
    </row>
    <row r="549588" spans="14:14">
      <c r="N549588" s="10"/>
    </row>
    <row r="549589" spans="14:14">
      <c r="N549589" s="10"/>
    </row>
    <row r="549590" spans="14:14">
      <c r="N549590" s="10"/>
    </row>
    <row r="549591" spans="14:14">
      <c r="N549591" s="10"/>
    </row>
    <row r="549592" spans="14:14">
      <c r="N549592" s="10"/>
    </row>
    <row r="549593" spans="14:14">
      <c r="N549593" s="10"/>
    </row>
    <row r="549594" spans="14:14">
      <c r="N549594" s="10"/>
    </row>
    <row r="549595" spans="14:14">
      <c r="N549595" s="10"/>
    </row>
    <row r="549596" spans="14:14">
      <c r="N549596" s="10"/>
    </row>
    <row r="549597" spans="14:14">
      <c r="N549597" s="10"/>
    </row>
    <row r="549598" spans="14:14">
      <c r="N549598" s="10"/>
    </row>
    <row r="549599" spans="14:14">
      <c r="N549599" s="10"/>
    </row>
    <row r="549600" spans="14:14">
      <c r="N549600" s="10"/>
    </row>
    <row r="549601" spans="14:14">
      <c r="N549601" s="10"/>
    </row>
    <row r="549602" spans="14:14">
      <c r="N549602" s="10"/>
    </row>
    <row r="549603" spans="14:14">
      <c r="N549603" s="10"/>
    </row>
    <row r="549604" spans="14:14">
      <c r="N549604" s="10"/>
    </row>
    <row r="549605" spans="14:14">
      <c r="N549605" s="10"/>
    </row>
    <row r="549606" spans="14:14">
      <c r="N549606" s="10"/>
    </row>
    <row r="549607" spans="14:14">
      <c r="N549607" s="10"/>
    </row>
    <row r="549608" spans="14:14">
      <c r="N549608" s="10"/>
    </row>
    <row r="549609" spans="14:14">
      <c r="N549609" s="10"/>
    </row>
    <row r="549610" spans="14:14">
      <c r="N549610" s="10"/>
    </row>
    <row r="549611" spans="14:14">
      <c r="N549611" s="10"/>
    </row>
    <row r="549612" spans="14:14">
      <c r="N549612" s="10"/>
    </row>
    <row r="549613" spans="14:14">
      <c r="N549613" s="10"/>
    </row>
    <row r="549614" spans="14:14">
      <c r="N549614" s="10"/>
    </row>
    <row r="549615" spans="14:14">
      <c r="N549615" s="10"/>
    </row>
    <row r="549616" spans="14:14">
      <c r="N549616" s="10"/>
    </row>
    <row r="549617" spans="14:14">
      <c r="N549617" s="10"/>
    </row>
    <row r="549618" spans="14:14">
      <c r="N549618" s="10"/>
    </row>
    <row r="549619" spans="14:14">
      <c r="N549619" s="10"/>
    </row>
    <row r="549620" spans="14:14">
      <c r="N549620" s="10"/>
    </row>
    <row r="549621" spans="14:14">
      <c r="N549621" s="10"/>
    </row>
    <row r="549622" spans="14:14">
      <c r="N549622" s="10"/>
    </row>
    <row r="549623" spans="14:14">
      <c r="N549623" s="10"/>
    </row>
    <row r="549624" spans="14:14">
      <c r="N549624" s="10"/>
    </row>
    <row r="549625" spans="14:14">
      <c r="N549625" s="10"/>
    </row>
    <row r="549626" spans="14:14">
      <c r="N549626" s="10"/>
    </row>
    <row r="549627" spans="14:14">
      <c r="N549627" s="10"/>
    </row>
    <row r="549628" spans="14:14">
      <c r="N549628" s="10"/>
    </row>
    <row r="549629" spans="14:14">
      <c r="N549629" s="10"/>
    </row>
    <row r="549630" spans="14:14">
      <c r="N549630" s="10"/>
    </row>
    <row r="549631" spans="14:14">
      <c r="N549631" s="10"/>
    </row>
    <row r="549632" spans="14:14">
      <c r="N549632" s="10"/>
    </row>
    <row r="549633" spans="14:14">
      <c r="N549633" s="10"/>
    </row>
    <row r="549634" spans="14:14">
      <c r="N549634" s="10"/>
    </row>
    <row r="549635" spans="14:14">
      <c r="N549635" s="10"/>
    </row>
    <row r="549636" spans="14:14">
      <c r="N549636" s="10"/>
    </row>
    <row r="549637" spans="14:14">
      <c r="N549637" s="10"/>
    </row>
    <row r="549638" spans="14:14">
      <c r="N549638" s="10"/>
    </row>
    <row r="549639" spans="14:14">
      <c r="N549639" s="10"/>
    </row>
    <row r="549640" spans="14:14">
      <c r="N549640" s="10"/>
    </row>
    <row r="549641" spans="14:14">
      <c r="N549641" s="10"/>
    </row>
    <row r="549642" spans="14:14">
      <c r="N549642" s="10"/>
    </row>
    <row r="549643" spans="14:14">
      <c r="N549643" s="10"/>
    </row>
    <row r="549644" spans="14:14">
      <c r="N549644" s="10"/>
    </row>
    <row r="549645" spans="14:14">
      <c r="N549645" s="10"/>
    </row>
    <row r="549646" spans="14:14">
      <c r="N549646" s="10"/>
    </row>
    <row r="549647" spans="14:14">
      <c r="N549647" s="10"/>
    </row>
    <row r="549648" spans="14:14">
      <c r="N549648" s="10"/>
    </row>
    <row r="549649" spans="14:14">
      <c r="N549649" s="10"/>
    </row>
    <row r="549650" spans="14:14">
      <c r="N549650" s="10"/>
    </row>
    <row r="549651" spans="14:14">
      <c r="N549651" s="10"/>
    </row>
    <row r="549652" spans="14:14">
      <c r="N549652" s="10"/>
    </row>
    <row r="549653" spans="14:14">
      <c r="N549653" s="10"/>
    </row>
    <row r="549654" spans="14:14">
      <c r="N549654" s="10"/>
    </row>
    <row r="549655" spans="14:14">
      <c r="N549655" s="10"/>
    </row>
    <row r="549656" spans="14:14">
      <c r="N549656" s="10"/>
    </row>
    <row r="549657" spans="14:14">
      <c r="N549657" s="10"/>
    </row>
    <row r="549658" spans="14:14">
      <c r="N549658" s="10"/>
    </row>
    <row r="549659" spans="14:14">
      <c r="N549659" s="10"/>
    </row>
    <row r="549660" spans="14:14">
      <c r="N549660" s="10"/>
    </row>
    <row r="549661" spans="14:14">
      <c r="N549661" s="10"/>
    </row>
    <row r="549662" spans="14:14">
      <c r="N549662" s="10"/>
    </row>
    <row r="549663" spans="14:14">
      <c r="N549663" s="10"/>
    </row>
    <row r="549664" spans="14:14">
      <c r="N549664" s="10"/>
    </row>
    <row r="549665" spans="14:14">
      <c r="N549665" s="10"/>
    </row>
    <row r="549666" spans="14:14">
      <c r="N549666" s="10"/>
    </row>
    <row r="549667" spans="14:14">
      <c r="N549667" s="10"/>
    </row>
    <row r="549668" spans="14:14">
      <c r="N549668" s="10"/>
    </row>
    <row r="549669" spans="14:14">
      <c r="N549669" s="10"/>
    </row>
    <row r="549670" spans="14:14">
      <c r="N549670" s="10"/>
    </row>
    <row r="549671" spans="14:14">
      <c r="N549671" s="10"/>
    </row>
    <row r="549672" spans="14:14">
      <c r="N549672" s="10"/>
    </row>
    <row r="549673" spans="14:14">
      <c r="N549673" s="10"/>
    </row>
    <row r="549674" spans="14:14">
      <c r="N549674" s="10"/>
    </row>
    <row r="549675" spans="14:14">
      <c r="N549675" s="10"/>
    </row>
    <row r="549676" spans="14:14">
      <c r="N549676" s="10"/>
    </row>
    <row r="549677" spans="14:14">
      <c r="N549677" s="10"/>
    </row>
    <row r="549678" spans="14:14">
      <c r="N549678" s="10"/>
    </row>
    <row r="549679" spans="14:14">
      <c r="N549679" s="10"/>
    </row>
    <row r="549680" spans="14:14">
      <c r="N549680" s="10"/>
    </row>
    <row r="549681" spans="14:14">
      <c r="N549681" s="10"/>
    </row>
    <row r="549682" spans="14:14">
      <c r="N549682" s="10"/>
    </row>
    <row r="549683" spans="14:14">
      <c r="N549683" s="10"/>
    </row>
    <row r="549684" spans="14:14">
      <c r="N549684" s="10"/>
    </row>
    <row r="549685" spans="14:14">
      <c r="N549685" s="10"/>
    </row>
    <row r="549686" spans="14:14">
      <c r="N549686" s="10"/>
    </row>
    <row r="549687" spans="14:14">
      <c r="N549687" s="10"/>
    </row>
    <row r="549688" spans="14:14">
      <c r="N549688" s="10"/>
    </row>
    <row r="549689" spans="14:14">
      <c r="N549689" s="10"/>
    </row>
    <row r="549690" spans="14:14">
      <c r="N549690" s="10"/>
    </row>
    <row r="549691" spans="14:14">
      <c r="N549691" s="10"/>
    </row>
    <row r="549692" spans="14:14">
      <c r="N549692" s="10"/>
    </row>
    <row r="549693" spans="14:14">
      <c r="N549693" s="10"/>
    </row>
    <row r="549694" spans="14:14">
      <c r="N549694" s="10"/>
    </row>
    <row r="549695" spans="14:14">
      <c r="N549695" s="10"/>
    </row>
    <row r="549696" spans="14:14">
      <c r="N549696" s="10"/>
    </row>
    <row r="549697" spans="14:14">
      <c r="N549697" s="10"/>
    </row>
    <row r="549698" spans="14:14">
      <c r="N549698" s="10"/>
    </row>
    <row r="549699" spans="14:14">
      <c r="N549699" s="10"/>
    </row>
    <row r="549700" spans="14:14">
      <c r="N549700" s="10"/>
    </row>
    <row r="549701" spans="14:14">
      <c r="N549701" s="10"/>
    </row>
    <row r="549702" spans="14:14">
      <c r="N549702" s="10"/>
    </row>
    <row r="549703" spans="14:14">
      <c r="N549703" s="10"/>
    </row>
    <row r="549704" spans="14:14">
      <c r="N549704" s="10"/>
    </row>
    <row r="549705" spans="14:14">
      <c r="N549705" s="10"/>
    </row>
    <row r="549706" spans="14:14">
      <c r="N549706" s="10"/>
    </row>
    <row r="549707" spans="14:14">
      <c r="N549707" s="10"/>
    </row>
    <row r="549708" spans="14:14">
      <c r="N549708" s="10"/>
    </row>
    <row r="549709" spans="14:14">
      <c r="N549709" s="10"/>
    </row>
    <row r="549710" spans="14:14">
      <c r="N549710" s="10"/>
    </row>
    <row r="549711" spans="14:14">
      <c r="N549711" s="10"/>
    </row>
    <row r="549712" spans="14:14">
      <c r="N549712" s="10"/>
    </row>
    <row r="549713" spans="14:14">
      <c r="N549713" s="10"/>
    </row>
    <row r="549714" spans="14:14">
      <c r="N549714" s="10"/>
    </row>
    <row r="549715" spans="14:14">
      <c r="N549715" s="10"/>
    </row>
    <row r="549716" spans="14:14">
      <c r="N549716" s="10"/>
    </row>
    <row r="549717" spans="14:14">
      <c r="N549717" s="10"/>
    </row>
    <row r="549718" spans="14:14">
      <c r="N549718" s="10"/>
    </row>
    <row r="549719" spans="14:14">
      <c r="N549719" s="10"/>
    </row>
    <row r="549720" spans="14:14">
      <c r="N549720" s="10"/>
    </row>
    <row r="549721" spans="14:14">
      <c r="N549721" s="10"/>
    </row>
    <row r="549722" spans="14:14">
      <c r="N549722" s="10"/>
    </row>
    <row r="549723" spans="14:14">
      <c r="N549723" s="10"/>
    </row>
    <row r="549724" spans="14:14">
      <c r="N549724" s="10"/>
    </row>
    <row r="549725" spans="14:14">
      <c r="N549725" s="10"/>
    </row>
    <row r="549726" spans="14:14">
      <c r="N549726" s="10"/>
    </row>
    <row r="549727" spans="14:14">
      <c r="N549727" s="10"/>
    </row>
    <row r="549728" spans="14:14">
      <c r="N549728" s="10"/>
    </row>
    <row r="549729" spans="14:14">
      <c r="N549729" s="10"/>
    </row>
    <row r="549730" spans="14:14">
      <c r="N549730" s="10"/>
    </row>
    <row r="549731" spans="14:14">
      <c r="N549731" s="10"/>
    </row>
    <row r="549732" spans="14:14">
      <c r="N549732" s="10"/>
    </row>
    <row r="549733" spans="14:14">
      <c r="N549733" s="10"/>
    </row>
    <row r="549734" spans="14:14">
      <c r="N549734" s="10"/>
    </row>
    <row r="549735" spans="14:14">
      <c r="N549735" s="10"/>
    </row>
    <row r="549736" spans="14:14">
      <c r="N549736" s="10"/>
    </row>
    <row r="549737" spans="14:14">
      <c r="N549737" s="10"/>
    </row>
    <row r="549738" spans="14:14">
      <c r="N549738" s="10"/>
    </row>
    <row r="549739" spans="14:14">
      <c r="N549739" s="10"/>
    </row>
    <row r="549740" spans="14:14">
      <c r="N549740" s="10"/>
    </row>
    <row r="549741" spans="14:14">
      <c r="N549741" s="10"/>
    </row>
    <row r="549742" spans="14:14">
      <c r="N549742" s="10"/>
    </row>
    <row r="549743" spans="14:14">
      <c r="N549743" s="10"/>
    </row>
    <row r="549744" spans="14:14">
      <c r="N549744" s="10"/>
    </row>
    <row r="549745" spans="14:14">
      <c r="N549745" s="10"/>
    </row>
    <row r="549746" spans="14:14">
      <c r="N549746" s="10"/>
    </row>
    <row r="549747" spans="14:14">
      <c r="N549747" s="10"/>
    </row>
    <row r="549748" spans="14:14">
      <c r="N549748" s="10"/>
    </row>
    <row r="549749" spans="14:14">
      <c r="N549749" s="10"/>
    </row>
    <row r="549750" spans="14:14">
      <c r="N549750" s="10"/>
    </row>
    <row r="549751" spans="14:14">
      <c r="N549751" s="10"/>
    </row>
    <row r="549752" spans="14:14">
      <c r="N549752" s="10"/>
    </row>
    <row r="549753" spans="14:14">
      <c r="N549753" s="10"/>
    </row>
    <row r="549754" spans="14:14">
      <c r="N549754" s="10"/>
    </row>
    <row r="549755" spans="14:14">
      <c r="N549755" s="10"/>
    </row>
    <row r="549756" spans="14:14">
      <c r="N549756" s="10"/>
    </row>
    <row r="549757" spans="14:14">
      <c r="N549757" s="10"/>
    </row>
    <row r="549758" spans="14:14">
      <c r="N549758" s="10"/>
    </row>
    <row r="549759" spans="14:14">
      <c r="N549759" s="10"/>
    </row>
    <row r="549760" spans="14:14">
      <c r="N549760" s="10"/>
    </row>
    <row r="549761" spans="14:14">
      <c r="N549761" s="10"/>
    </row>
    <row r="549762" spans="14:14">
      <c r="N549762" s="10"/>
    </row>
    <row r="549763" spans="14:14">
      <c r="N549763" s="10"/>
    </row>
    <row r="549764" spans="14:14">
      <c r="N549764" s="10"/>
    </row>
    <row r="549765" spans="14:14">
      <c r="N549765" s="10"/>
    </row>
    <row r="549766" spans="14:14">
      <c r="N549766" s="10"/>
    </row>
    <row r="549767" spans="14:14">
      <c r="N549767" s="10"/>
    </row>
    <row r="549768" spans="14:14">
      <c r="N549768" s="10"/>
    </row>
    <row r="549769" spans="14:14">
      <c r="N549769" s="10"/>
    </row>
    <row r="549770" spans="14:14">
      <c r="N549770" s="10"/>
    </row>
    <row r="549771" spans="14:14">
      <c r="N549771" s="10"/>
    </row>
    <row r="549772" spans="14:14">
      <c r="N549772" s="10"/>
    </row>
    <row r="549773" spans="14:14">
      <c r="N549773" s="10"/>
    </row>
    <row r="549774" spans="14:14">
      <c r="N549774" s="10"/>
    </row>
    <row r="549775" spans="14:14">
      <c r="N549775" s="10"/>
    </row>
    <row r="549776" spans="14:14">
      <c r="N549776" s="10"/>
    </row>
    <row r="549777" spans="14:14">
      <c r="N549777" s="10"/>
    </row>
    <row r="549778" spans="14:14">
      <c r="N549778" s="10"/>
    </row>
    <row r="549779" spans="14:14">
      <c r="N549779" s="10"/>
    </row>
    <row r="549780" spans="14:14">
      <c r="N549780" s="10"/>
    </row>
    <row r="549781" spans="14:14">
      <c r="N549781" s="10"/>
    </row>
    <row r="549782" spans="14:14">
      <c r="N549782" s="10"/>
    </row>
    <row r="549783" spans="14:14">
      <c r="N549783" s="10"/>
    </row>
    <row r="549784" spans="14:14">
      <c r="N549784" s="10"/>
    </row>
    <row r="549785" spans="14:14">
      <c r="N549785" s="10"/>
    </row>
    <row r="549786" spans="14:14">
      <c r="N549786" s="10"/>
    </row>
    <row r="549787" spans="14:14">
      <c r="N549787" s="10"/>
    </row>
    <row r="549788" spans="14:14">
      <c r="N549788" s="10"/>
    </row>
    <row r="549789" spans="14:14">
      <c r="N549789" s="10"/>
    </row>
    <row r="549790" spans="14:14">
      <c r="N549790" s="10"/>
    </row>
    <row r="549791" spans="14:14">
      <c r="N549791" s="10"/>
    </row>
    <row r="549792" spans="14:14">
      <c r="N549792" s="10"/>
    </row>
    <row r="549793" spans="14:14">
      <c r="N549793" s="10"/>
    </row>
    <row r="549794" spans="14:14">
      <c r="N549794" s="10"/>
    </row>
    <row r="549795" spans="14:14">
      <c r="N549795" s="10"/>
    </row>
    <row r="549796" spans="14:14">
      <c r="N549796" s="10"/>
    </row>
    <row r="549797" spans="14:14">
      <c r="N549797" s="10"/>
    </row>
    <row r="549798" spans="14:14">
      <c r="N549798" s="10"/>
    </row>
    <row r="549799" spans="14:14">
      <c r="N549799" s="10"/>
    </row>
    <row r="549800" spans="14:14">
      <c r="N549800" s="10"/>
    </row>
    <row r="549801" spans="14:14">
      <c r="N549801" s="10"/>
    </row>
    <row r="549802" spans="14:14">
      <c r="N549802" s="10"/>
    </row>
    <row r="549803" spans="14:14">
      <c r="N549803" s="10"/>
    </row>
    <row r="549804" spans="14:14">
      <c r="N549804" s="10"/>
    </row>
    <row r="549805" spans="14:14">
      <c r="N549805" s="10"/>
    </row>
    <row r="549806" spans="14:14">
      <c r="N549806" s="10"/>
    </row>
    <row r="549807" spans="14:14">
      <c r="N549807" s="10"/>
    </row>
    <row r="549808" spans="14:14">
      <c r="N549808" s="10"/>
    </row>
    <row r="549809" spans="14:14">
      <c r="N549809" s="10"/>
    </row>
    <row r="549810" spans="14:14">
      <c r="N549810" s="10"/>
    </row>
    <row r="549811" spans="14:14">
      <c r="N549811" s="10"/>
    </row>
    <row r="549812" spans="14:14">
      <c r="N549812" s="10"/>
    </row>
    <row r="549813" spans="14:14">
      <c r="N549813" s="10"/>
    </row>
    <row r="549814" spans="14:14">
      <c r="N549814" s="10"/>
    </row>
    <row r="549815" spans="14:14">
      <c r="N549815" s="10"/>
    </row>
    <row r="549816" spans="14:14">
      <c r="N549816" s="10"/>
    </row>
    <row r="549817" spans="14:14">
      <c r="N549817" s="10"/>
    </row>
    <row r="549818" spans="14:14">
      <c r="N549818" s="10"/>
    </row>
    <row r="549819" spans="14:14">
      <c r="N549819" s="10"/>
    </row>
    <row r="549820" spans="14:14">
      <c r="N549820" s="10"/>
    </row>
    <row r="549821" spans="14:14">
      <c r="N549821" s="10"/>
    </row>
    <row r="549822" spans="14:14">
      <c r="N549822" s="10"/>
    </row>
    <row r="549823" spans="14:14">
      <c r="N549823" s="10"/>
    </row>
    <row r="549824" spans="14:14">
      <c r="N549824" s="10"/>
    </row>
    <row r="549825" spans="14:14">
      <c r="N549825" s="10"/>
    </row>
    <row r="549826" spans="14:14">
      <c r="N549826" s="10"/>
    </row>
    <row r="549827" spans="14:14">
      <c r="N549827" s="10"/>
    </row>
    <row r="549828" spans="14:14">
      <c r="N549828" s="10"/>
    </row>
    <row r="549829" spans="14:14">
      <c r="N549829" s="10"/>
    </row>
    <row r="549830" spans="14:14">
      <c r="N549830" s="10"/>
    </row>
    <row r="549831" spans="14:14">
      <c r="N549831" s="10"/>
    </row>
    <row r="549832" spans="14:14">
      <c r="N549832" s="10"/>
    </row>
    <row r="549833" spans="14:14">
      <c r="N549833" s="10"/>
    </row>
    <row r="549834" spans="14:14">
      <c r="N549834" s="10"/>
    </row>
    <row r="549835" spans="14:14">
      <c r="N549835" s="10"/>
    </row>
    <row r="549836" spans="14:14">
      <c r="N549836" s="10"/>
    </row>
    <row r="549837" spans="14:14">
      <c r="N549837" s="10"/>
    </row>
    <row r="549838" spans="14:14">
      <c r="N549838" s="10"/>
    </row>
    <row r="549839" spans="14:14">
      <c r="N549839" s="10"/>
    </row>
    <row r="549840" spans="14:14">
      <c r="N549840" s="10"/>
    </row>
    <row r="549841" spans="14:14">
      <c r="N549841" s="10"/>
    </row>
    <row r="549842" spans="14:14">
      <c r="N549842" s="10"/>
    </row>
    <row r="549843" spans="14:14">
      <c r="N549843" s="10"/>
    </row>
    <row r="549844" spans="14:14">
      <c r="N549844" s="10"/>
    </row>
    <row r="549845" spans="14:14">
      <c r="N549845" s="10"/>
    </row>
    <row r="549846" spans="14:14">
      <c r="N549846" s="10"/>
    </row>
    <row r="549847" spans="14:14">
      <c r="N549847" s="10"/>
    </row>
    <row r="549848" spans="14:14">
      <c r="N549848" s="10"/>
    </row>
    <row r="549849" spans="14:14">
      <c r="N549849" s="10"/>
    </row>
    <row r="549850" spans="14:14">
      <c r="N549850" s="10"/>
    </row>
    <row r="549851" spans="14:14">
      <c r="N549851" s="10"/>
    </row>
    <row r="549852" spans="14:14">
      <c r="N549852" s="10"/>
    </row>
    <row r="549853" spans="14:14">
      <c r="N549853" s="10"/>
    </row>
    <row r="549854" spans="14:14">
      <c r="N549854" s="10"/>
    </row>
    <row r="549855" spans="14:14">
      <c r="N549855" s="10"/>
    </row>
    <row r="549856" spans="14:14">
      <c r="N549856" s="10"/>
    </row>
    <row r="549857" spans="14:14">
      <c r="N549857" s="10"/>
    </row>
    <row r="549858" spans="14:14">
      <c r="N549858" s="10"/>
    </row>
    <row r="549859" spans="14:14">
      <c r="N549859" s="10"/>
    </row>
    <row r="549860" spans="14:14">
      <c r="N549860" s="10"/>
    </row>
    <row r="549861" spans="14:14">
      <c r="N549861" s="10"/>
    </row>
    <row r="549862" spans="14:14">
      <c r="N549862" s="10"/>
    </row>
    <row r="549863" spans="14:14">
      <c r="N549863" s="10"/>
    </row>
    <row r="549864" spans="14:14">
      <c r="N549864" s="10"/>
    </row>
    <row r="549865" spans="14:14">
      <c r="N549865" s="10"/>
    </row>
    <row r="549866" spans="14:14">
      <c r="N549866" s="10"/>
    </row>
    <row r="549867" spans="14:14">
      <c r="N549867" s="10"/>
    </row>
    <row r="549868" spans="14:14">
      <c r="N549868" s="10"/>
    </row>
    <row r="549869" spans="14:14">
      <c r="N549869" s="10"/>
    </row>
    <row r="549870" spans="14:14">
      <c r="N549870" s="10"/>
    </row>
    <row r="549871" spans="14:14">
      <c r="N549871" s="10"/>
    </row>
    <row r="549872" spans="14:14">
      <c r="N549872" s="10"/>
    </row>
    <row r="549873" spans="14:14">
      <c r="N549873" s="10"/>
    </row>
    <row r="549874" spans="14:14">
      <c r="N549874" s="10"/>
    </row>
    <row r="549875" spans="14:14">
      <c r="N549875" s="10"/>
    </row>
    <row r="549876" spans="14:14">
      <c r="N549876" s="10"/>
    </row>
    <row r="549877" spans="14:14">
      <c r="N549877" s="10"/>
    </row>
    <row r="549878" spans="14:14">
      <c r="N549878" s="10"/>
    </row>
    <row r="549879" spans="14:14">
      <c r="N549879" s="10"/>
    </row>
    <row r="549880" spans="14:14">
      <c r="N549880" s="10"/>
    </row>
    <row r="549881" spans="14:14">
      <c r="N549881" s="10"/>
    </row>
    <row r="549882" spans="14:14">
      <c r="N549882" s="10"/>
    </row>
    <row r="549883" spans="14:14">
      <c r="N549883" s="10"/>
    </row>
    <row r="549884" spans="14:14">
      <c r="N549884" s="10"/>
    </row>
    <row r="549885" spans="14:14">
      <c r="N549885" s="10"/>
    </row>
    <row r="549886" spans="14:14">
      <c r="N549886" s="10"/>
    </row>
    <row r="549887" spans="14:14">
      <c r="N549887" s="10"/>
    </row>
    <row r="549888" spans="14:14">
      <c r="N549888" s="10"/>
    </row>
    <row r="549889" spans="14:14">
      <c r="N549889" s="10"/>
    </row>
    <row r="549890" spans="14:14">
      <c r="N549890" s="10"/>
    </row>
    <row r="549891" spans="14:14">
      <c r="N549891" s="10"/>
    </row>
    <row r="549892" spans="14:14">
      <c r="N549892" s="10"/>
    </row>
    <row r="549893" spans="14:14">
      <c r="N549893" s="10"/>
    </row>
    <row r="549894" spans="14:14">
      <c r="N549894" s="10"/>
    </row>
    <row r="549895" spans="14:14">
      <c r="N549895" s="10"/>
    </row>
    <row r="549896" spans="14:14">
      <c r="N549896" s="10"/>
    </row>
    <row r="549897" spans="14:14">
      <c r="N549897" s="10"/>
    </row>
    <row r="549898" spans="14:14">
      <c r="N549898" s="10"/>
    </row>
    <row r="549899" spans="14:14">
      <c r="N549899" s="10"/>
    </row>
    <row r="549900" spans="14:14">
      <c r="N549900" s="10"/>
    </row>
    <row r="549901" spans="14:14">
      <c r="N549901" s="10"/>
    </row>
    <row r="549902" spans="14:14">
      <c r="N549902" s="10"/>
    </row>
    <row r="549903" spans="14:14">
      <c r="N549903" s="10"/>
    </row>
    <row r="549904" spans="14:14">
      <c r="N549904" s="10"/>
    </row>
    <row r="549905" spans="14:14">
      <c r="N549905" s="10"/>
    </row>
    <row r="549906" spans="14:14">
      <c r="N549906" s="10"/>
    </row>
    <row r="549907" spans="14:14">
      <c r="N549907" s="10"/>
    </row>
    <row r="549908" spans="14:14">
      <c r="N549908" s="10"/>
    </row>
    <row r="549909" spans="14:14">
      <c r="N549909" s="10"/>
    </row>
    <row r="549910" spans="14:14">
      <c r="N549910" s="10"/>
    </row>
    <row r="549911" spans="14:14">
      <c r="N549911" s="10"/>
    </row>
    <row r="549912" spans="14:14">
      <c r="N549912" s="10"/>
    </row>
    <row r="549913" spans="14:14">
      <c r="N549913" s="10"/>
    </row>
    <row r="549914" spans="14:14">
      <c r="N549914" s="10"/>
    </row>
    <row r="549915" spans="14:14">
      <c r="N549915" s="10"/>
    </row>
    <row r="549916" spans="14:14">
      <c r="N549916" s="10"/>
    </row>
    <row r="549917" spans="14:14">
      <c r="N549917" s="10"/>
    </row>
    <row r="549918" spans="14:14">
      <c r="N549918" s="10"/>
    </row>
    <row r="549919" spans="14:14">
      <c r="N549919" s="10"/>
    </row>
    <row r="549920" spans="14:14">
      <c r="N549920" s="10"/>
    </row>
    <row r="549921" spans="14:14">
      <c r="N549921" s="10"/>
    </row>
    <row r="549922" spans="14:14">
      <c r="N549922" s="10"/>
    </row>
    <row r="549923" spans="14:14">
      <c r="N549923" s="10"/>
    </row>
    <row r="549924" spans="14:14">
      <c r="N549924" s="10"/>
    </row>
    <row r="549925" spans="14:14">
      <c r="N549925" s="10"/>
    </row>
    <row r="549926" spans="14:14">
      <c r="N549926" s="10"/>
    </row>
    <row r="549927" spans="14:14">
      <c r="N549927" s="10"/>
    </row>
    <row r="549928" spans="14:14">
      <c r="N549928" s="10"/>
    </row>
    <row r="549929" spans="14:14">
      <c r="N549929" s="10"/>
    </row>
    <row r="549930" spans="14:14">
      <c r="N549930" s="10"/>
    </row>
    <row r="549931" spans="14:14">
      <c r="N549931" s="10"/>
    </row>
    <row r="549932" spans="14:14">
      <c r="N549932" s="10"/>
    </row>
    <row r="549933" spans="14:14">
      <c r="N549933" s="10"/>
    </row>
    <row r="549934" spans="14:14">
      <c r="N549934" s="10"/>
    </row>
    <row r="549935" spans="14:14">
      <c r="N549935" s="10"/>
    </row>
    <row r="549936" spans="14:14">
      <c r="N549936" s="10"/>
    </row>
    <row r="549937" spans="14:14">
      <c r="N549937" s="10"/>
    </row>
    <row r="549938" spans="14:14">
      <c r="N549938" s="10"/>
    </row>
    <row r="549939" spans="14:14">
      <c r="N549939" s="10"/>
    </row>
    <row r="549940" spans="14:14">
      <c r="N549940" s="10"/>
    </row>
    <row r="549941" spans="14:14">
      <c r="N549941" s="10"/>
    </row>
    <row r="549942" spans="14:14">
      <c r="N549942" s="10"/>
    </row>
    <row r="549943" spans="14:14">
      <c r="N549943" s="10"/>
    </row>
    <row r="549944" spans="14:14">
      <c r="N549944" s="10"/>
    </row>
    <row r="549945" spans="14:14">
      <c r="N549945" s="10"/>
    </row>
    <row r="549946" spans="14:14">
      <c r="N549946" s="10"/>
    </row>
    <row r="549947" spans="14:14">
      <c r="N549947" s="10"/>
    </row>
    <row r="549948" spans="14:14">
      <c r="N549948" s="10"/>
    </row>
    <row r="549949" spans="14:14">
      <c r="N549949" s="10"/>
    </row>
    <row r="549950" spans="14:14">
      <c r="N549950" s="10"/>
    </row>
    <row r="549951" spans="14:14">
      <c r="N549951" s="10"/>
    </row>
    <row r="549952" spans="14:14">
      <c r="N549952" s="10"/>
    </row>
    <row r="549953" spans="14:14">
      <c r="N549953" s="10"/>
    </row>
    <row r="549954" spans="14:14">
      <c r="N549954" s="10"/>
    </row>
    <row r="549955" spans="14:14">
      <c r="N549955" s="10"/>
    </row>
    <row r="549956" spans="14:14">
      <c r="N549956" s="10"/>
    </row>
    <row r="549957" spans="14:14">
      <c r="N549957" s="10"/>
    </row>
    <row r="549958" spans="14:14">
      <c r="N549958" s="10"/>
    </row>
    <row r="549959" spans="14:14">
      <c r="N549959" s="10"/>
    </row>
    <row r="549960" spans="14:14">
      <c r="N549960" s="10"/>
    </row>
    <row r="549961" spans="14:14">
      <c r="N549961" s="10"/>
    </row>
    <row r="549962" spans="14:14">
      <c r="N549962" s="10"/>
    </row>
    <row r="549963" spans="14:14">
      <c r="N549963" s="10"/>
    </row>
    <row r="549964" spans="14:14">
      <c r="N549964" s="10"/>
    </row>
    <row r="549965" spans="14:14">
      <c r="N549965" s="10"/>
    </row>
    <row r="549966" spans="14:14">
      <c r="N549966" s="10"/>
    </row>
    <row r="549967" spans="14:14">
      <c r="N549967" s="10"/>
    </row>
    <row r="549968" spans="14:14">
      <c r="N549968" s="10"/>
    </row>
    <row r="549969" spans="14:14">
      <c r="N549969" s="10"/>
    </row>
    <row r="549970" spans="14:14">
      <c r="N549970" s="10"/>
    </row>
    <row r="549971" spans="14:14">
      <c r="N549971" s="10"/>
    </row>
    <row r="549972" spans="14:14">
      <c r="N549972" s="10"/>
    </row>
    <row r="549973" spans="14:14">
      <c r="N549973" s="10"/>
    </row>
    <row r="549974" spans="14:14">
      <c r="N549974" s="10"/>
    </row>
    <row r="549975" spans="14:14">
      <c r="N549975" s="10"/>
    </row>
    <row r="549976" spans="14:14">
      <c r="N549976" s="10"/>
    </row>
    <row r="549977" spans="14:14">
      <c r="N549977" s="10"/>
    </row>
    <row r="549978" spans="14:14">
      <c r="N549978" s="10"/>
    </row>
    <row r="549979" spans="14:14">
      <c r="N549979" s="10"/>
    </row>
    <row r="549980" spans="14:14">
      <c r="N549980" s="10"/>
    </row>
    <row r="549981" spans="14:14">
      <c r="N549981" s="10"/>
    </row>
    <row r="549982" spans="14:14">
      <c r="N549982" s="10"/>
    </row>
    <row r="549983" spans="14:14">
      <c r="N549983" s="10"/>
    </row>
    <row r="549984" spans="14:14">
      <c r="N549984" s="10"/>
    </row>
    <row r="549985" spans="14:14">
      <c r="N549985" s="10"/>
    </row>
    <row r="549986" spans="14:14">
      <c r="N549986" s="10"/>
    </row>
    <row r="549987" spans="14:14">
      <c r="N549987" s="10"/>
    </row>
    <row r="549988" spans="14:14">
      <c r="N549988" s="10"/>
    </row>
    <row r="549989" spans="14:14">
      <c r="N549989" s="10"/>
    </row>
    <row r="549990" spans="14:14">
      <c r="N549990" s="10"/>
    </row>
    <row r="549991" spans="14:14">
      <c r="N549991" s="10"/>
    </row>
    <row r="549992" spans="14:14">
      <c r="N549992" s="10"/>
    </row>
    <row r="549993" spans="14:14">
      <c r="N549993" s="10"/>
    </row>
    <row r="549994" spans="14:14">
      <c r="N549994" s="10"/>
    </row>
    <row r="549995" spans="14:14">
      <c r="N549995" s="10"/>
    </row>
    <row r="549996" spans="14:14">
      <c r="N549996" s="10"/>
    </row>
    <row r="549997" spans="14:14">
      <c r="N549997" s="10"/>
    </row>
    <row r="549998" spans="14:14">
      <c r="N549998" s="10"/>
    </row>
    <row r="549999" spans="14:14">
      <c r="N549999" s="10"/>
    </row>
    <row r="550000" spans="14:14">
      <c r="N550000" s="10"/>
    </row>
    <row r="550001" spans="14:14">
      <c r="N550001" s="10"/>
    </row>
    <row r="550002" spans="14:14">
      <c r="N550002" s="10"/>
    </row>
    <row r="550003" spans="14:14">
      <c r="N550003" s="10"/>
    </row>
    <row r="550004" spans="14:14">
      <c r="N550004" s="10"/>
    </row>
    <row r="550005" spans="14:14">
      <c r="N550005" s="10"/>
    </row>
    <row r="550006" spans="14:14">
      <c r="N550006" s="10"/>
    </row>
    <row r="550007" spans="14:14">
      <c r="N550007" s="10"/>
    </row>
    <row r="550008" spans="14:14">
      <c r="N550008" s="10"/>
    </row>
    <row r="550009" spans="14:14">
      <c r="N550009" s="10"/>
    </row>
    <row r="550010" spans="14:14">
      <c r="N550010" s="10"/>
    </row>
    <row r="550011" spans="14:14">
      <c r="N550011" s="10"/>
    </row>
    <row r="550012" spans="14:14">
      <c r="N550012" s="10"/>
    </row>
    <row r="550013" spans="14:14">
      <c r="N550013" s="10"/>
    </row>
    <row r="550014" spans="14:14">
      <c r="N550014" s="10"/>
    </row>
    <row r="550015" spans="14:14">
      <c r="N550015" s="10"/>
    </row>
    <row r="550016" spans="14:14">
      <c r="N550016" s="10"/>
    </row>
    <row r="550017" spans="14:14">
      <c r="N550017" s="10"/>
    </row>
    <row r="550018" spans="14:14">
      <c r="N550018" s="10"/>
    </row>
    <row r="550019" spans="14:14">
      <c r="N550019" s="10"/>
    </row>
    <row r="550020" spans="14:14">
      <c r="N550020" s="10"/>
    </row>
    <row r="550021" spans="14:14">
      <c r="N550021" s="10"/>
    </row>
    <row r="550022" spans="14:14">
      <c r="N550022" s="10"/>
    </row>
    <row r="550023" spans="14:14">
      <c r="N550023" s="10"/>
    </row>
    <row r="550024" spans="14:14">
      <c r="N550024" s="10"/>
    </row>
    <row r="550025" spans="14:14">
      <c r="N550025" s="10"/>
    </row>
    <row r="550026" spans="14:14">
      <c r="N550026" s="10"/>
    </row>
    <row r="550027" spans="14:14">
      <c r="N550027" s="10"/>
    </row>
    <row r="550028" spans="14:14">
      <c r="N550028" s="10"/>
    </row>
    <row r="550029" spans="14:14">
      <c r="N550029" s="10"/>
    </row>
    <row r="550030" spans="14:14">
      <c r="N550030" s="10"/>
    </row>
    <row r="550031" spans="14:14">
      <c r="N550031" s="10"/>
    </row>
    <row r="550032" spans="14:14">
      <c r="N550032" s="10"/>
    </row>
    <row r="550033" spans="14:14">
      <c r="N550033" s="10"/>
    </row>
    <row r="550034" spans="14:14">
      <c r="N550034" s="10"/>
    </row>
    <row r="550035" spans="14:14">
      <c r="N550035" s="10"/>
    </row>
    <row r="550036" spans="14:14">
      <c r="N550036" s="10"/>
    </row>
    <row r="550037" spans="14:14">
      <c r="N550037" s="10"/>
    </row>
    <row r="550038" spans="14:14">
      <c r="N550038" s="10"/>
    </row>
    <row r="550039" spans="14:14">
      <c r="N550039" s="10"/>
    </row>
    <row r="550040" spans="14:14">
      <c r="N550040" s="10"/>
    </row>
    <row r="550041" spans="14:14">
      <c r="N550041" s="10"/>
    </row>
    <row r="550042" spans="14:14">
      <c r="N550042" s="10"/>
    </row>
    <row r="550043" spans="14:14">
      <c r="N550043" s="10"/>
    </row>
    <row r="550044" spans="14:14">
      <c r="N550044" s="10"/>
    </row>
    <row r="550045" spans="14:14">
      <c r="N550045" s="10"/>
    </row>
    <row r="550046" spans="14:14">
      <c r="N550046" s="10"/>
    </row>
    <row r="550047" spans="14:14">
      <c r="N550047" s="10"/>
    </row>
    <row r="550048" spans="14:14">
      <c r="N550048" s="10"/>
    </row>
    <row r="550049" spans="14:14">
      <c r="N550049" s="10"/>
    </row>
    <row r="550050" spans="14:14">
      <c r="N550050" s="10"/>
    </row>
    <row r="550051" spans="14:14">
      <c r="N550051" s="10"/>
    </row>
    <row r="550052" spans="14:14">
      <c r="N550052" s="10"/>
    </row>
    <row r="550053" spans="14:14">
      <c r="N550053" s="10"/>
    </row>
    <row r="550054" spans="14:14">
      <c r="N550054" s="10"/>
    </row>
    <row r="550055" spans="14:14">
      <c r="N550055" s="10"/>
    </row>
    <row r="550056" spans="14:14">
      <c r="N550056" s="10"/>
    </row>
    <row r="550057" spans="14:14">
      <c r="N550057" s="10"/>
    </row>
    <row r="550058" spans="14:14">
      <c r="N550058" s="10"/>
    </row>
    <row r="550059" spans="14:14">
      <c r="N550059" s="10"/>
    </row>
    <row r="550060" spans="14:14">
      <c r="N550060" s="10"/>
    </row>
    <row r="550061" spans="14:14">
      <c r="N550061" s="10"/>
    </row>
    <row r="550062" spans="14:14">
      <c r="N550062" s="10"/>
    </row>
    <row r="550063" spans="14:14">
      <c r="N550063" s="10"/>
    </row>
    <row r="550064" spans="14:14">
      <c r="N550064" s="10"/>
    </row>
    <row r="550065" spans="14:14">
      <c r="N550065" s="10"/>
    </row>
    <row r="550066" spans="14:14">
      <c r="N550066" s="10"/>
    </row>
    <row r="550067" spans="14:14">
      <c r="N550067" s="10"/>
    </row>
    <row r="550068" spans="14:14">
      <c r="N550068" s="10"/>
    </row>
    <row r="550069" spans="14:14">
      <c r="N550069" s="10"/>
    </row>
    <row r="550070" spans="14:14">
      <c r="N550070" s="10"/>
    </row>
    <row r="550071" spans="14:14">
      <c r="N550071" s="10"/>
    </row>
    <row r="550072" spans="14:14">
      <c r="N550072" s="10"/>
    </row>
    <row r="550073" spans="14:14">
      <c r="N550073" s="10"/>
    </row>
    <row r="550074" spans="14:14">
      <c r="N550074" s="10"/>
    </row>
    <row r="550075" spans="14:14">
      <c r="N550075" s="10"/>
    </row>
    <row r="550076" spans="14:14">
      <c r="N550076" s="10"/>
    </row>
    <row r="550077" spans="14:14">
      <c r="N550077" s="10"/>
    </row>
    <row r="550078" spans="14:14">
      <c r="N550078" s="10"/>
    </row>
    <row r="550079" spans="14:14">
      <c r="N550079" s="10"/>
    </row>
    <row r="550080" spans="14:14">
      <c r="N550080" s="10"/>
    </row>
    <row r="550081" spans="14:14">
      <c r="N550081" s="10"/>
    </row>
    <row r="550082" spans="14:14">
      <c r="N550082" s="10"/>
    </row>
    <row r="550083" spans="14:14">
      <c r="N550083" s="10"/>
    </row>
    <row r="550084" spans="14:14">
      <c r="N550084" s="10"/>
    </row>
    <row r="550085" spans="14:14">
      <c r="N550085" s="10"/>
    </row>
    <row r="550086" spans="14:14">
      <c r="N550086" s="10"/>
    </row>
    <row r="550087" spans="14:14">
      <c r="N550087" s="10"/>
    </row>
    <row r="550088" spans="14:14">
      <c r="N550088" s="10"/>
    </row>
    <row r="550089" spans="14:14">
      <c r="N550089" s="10"/>
    </row>
    <row r="550090" spans="14:14">
      <c r="N550090" s="10"/>
    </row>
    <row r="550091" spans="14:14">
      <c r="N550091" s="10"/>
    </row>
    <row r="550092" spans="14:14">
      <c r="N550092" s="10"/>
    </row>
    <row r="550093" spans="14:14">
      <c r="N550093" s="10"/>
    </row>
    <row r="550094" spans="14:14">
      <c r="N550094" s="10"/>
    </row>
    <row r="550095" spans="14:14">
      <c r="N550095" s="10"/>
    </row>
    <row r="550096" spans="14:14">
      <c r="N550096" s="10"/>
    </row>
    <row r="550097" spans="14:14">
      <c r="N550097" s="10"/>
    </row>
    <row r="550098" spans="14:14">
      <c r="N550098" s="10"/>
    </row>
    <row r="550099" spans="14:14">
      <c r="N550099" s="10"/>
    </row>
    <row r="550100" spans="14:14">
      <c r="N550100" s="10"/>
    </row>
    <row r="550101" spans="14:14">
      <c r="N550101" s="10"/>
    </row>
    <row r="550102" spans="14:14">
      <c r="N550102" s="10"/>
    </row>
    <row r="550103" spans="14:14">
      <c r="N550103" s="10"/>
    </row>
    <row r="550104" spans="14:14">
      <c r="N550104" s="10"/>
    </row>
    <row r="550105" spans="14:14">
      <c r="N550105" s="10"/>
    </row>
    <row r="550106" spans="14:14">
      <c r="N550106" s="10"/>
    </row>
    <row r="550107" spans="14:14">
      <c r="N550107" s="10"/>
    </row>
    <row r="550108" spans="14:14">
      <c r="N550108" s="10"/>
    </row>
    <row r="550109" spans="14:14">
      <c r="N550109" s="10"/>
    </row>
    <row r="550110" spans="14:14">
      <c r="N550110" s="10"/>
    </row>
    <row r="550111" spans="14:14">
      <c r="N550111" s="10"/>
    </row>
    <row r="550112" spans="14:14">
      <c r="N550112" s="10"/>
    </row>
    <row r="550113" spans="14:14">
      <c r="N550113" s="10"/>
    </row>
    <row r="550114" spans="14:14">
      <c r="N550114" s="10"/>
    </row>
    <row r="550115" spans="14:14">
      <c r="N550115" s="10"/>
    </row>
    <row r="550116" spans="14:14">
      <c r="N550116" s="10"/>
    </row>
    <row r="550117" spans="14:14">
      <c r="N550117" s="10"/>
    </row>
    <row r="550118" spans="14:14">
      <c r="N550118" s="10"/>
    </row>
    <row r="550119" spans="14:14">
      <c r="N550119" s="10"/>
    </row>
    <row r="550120" spans="14:14">
      <c r="N550120" s="10"/>
    </row>
    <row r="550121" spans="14:14">
      <c r="N550121" s="10"/>
    </row>
    <row r="550122" spans="14:14">
      <c r="N550122" s="10"/>
    </row>
    <row r="550123" spans="14:14">
      <c r="N550123" s="10"/>
    </row>
    <row r="550124" spans="14:14">
      <c r="N550124" s="10"/>
    </row>
    <row r="550125" spans="14:14">
      <c r="N550125" s="10"/>
    </row>
    <row r="550126" spans="14:14">
      <c r="N550126" s="10"/>
    </row>
    <row r="550127" spans="14:14">
      <c r="N550127" s="10"/>
    </row>
    <row r="550128" spans="14:14">
      <c r="N550128" s="10"/>
    </row>
    <row r="550129" spans="14:14">
      <c r="N550129" s="10"/>
    </row>
    <row r="550130" spans="14:14">
      <c r="N550130" s="10"/>
    </row>
    <row r="550131" spans="14:14">
      <c r="N550131" s="10"/>
    </row>
    <row r="550132" spans="14:14">
      <c r="N550132" s="10"/>
    </row>
    <row r="550133" spans="14:14">
      <c r="N550133" s="10"/>
    </row>
    <row r="550134" spans="14:14">
      <c r="N550134" s="10"/>
    </row>
    <row r="550135" spans="14:14">
      <c r="N550135" s="10"/>
    </row>
    <row r="550136" spans="14:14">
      <c r="N550136" s="10"/>
    </row>
    <row r="550137" spans="14:14">
      <c r="N550137" s="10"/>
    </row>
    <row r="550138" spans="14:14">
      <c r="N550138" s="10"/>
    </row>
    <row r="550139" spans="14:14">
      <c r="N550139" s="10"/>
    </row>
    <row r="550140" spans="14:14">
      <c r="N550140" s="10"/>
    </row>
    <row r="550141" spans="14:14">
      <c r="N550141" s="10"/>
    </row>
    <row r="550142" spans="14:14">
      <c r="N550142" s="10"/>
    </row>
    <row r="550143" spans="14:14">
      <c r="N550143" s="10"/>
    </row>
    <row r="550144" spans="14:14">
      <c r="N550144" s="10"/>
    </row>
    <row r="550145" spans="14:14">
      <c r="N550145" s="10"/>
    </row>
    <row r="550146" spans="14:14">
      <c r="N550146" s="10"/>
    </row>
    <row r="550147" spans="14:14">
      <c r="N550147" s="10"/>
    </row>
    <row r="550148" spans="14:14">
      <c r="N550148" s="10"/>
    </row>
    <row r="550149" spans="14:14">
      <c r="N550149" s="10"/>
    </row>
    <row r="550150" spans="14:14">
      <c r="N550150" s="10"/>
    </row>
    <row r="550151" spans="14:14">
      <c r="N550151" s="10"/>
    </row>
    <row r="550152" spans="14:14">
      <c r="N550152" s="10"/>
    </row>
    <row r="550153" spans="14:14">
      <c r="N550153" s="10"/>
    </row>
    <row r="550154" spans="14:14">
      <c r="N550154" s="10"/>
    </row>
    <row r="550155" spans="14:14">
      <c r="N550155" s="10"/>
    </row>
    <row r="550156" spans="14:14">
      <c r="N550156" s="10"/>
    </row>
    <row r="550157" spans="14:14">
      <c r="N550157" s="10"/>
    </row>
    <row r="550158" spans="14:14">
      <c r="N550158" s="10"/>
    </row>
    <row r="550159" spans="14:14">
      <c r="N550159" s="10"/>
    </row>
    <row r="550160" spans="14:14">
      <c r="N550160" s="10"/>
    </row>
    <row r="550161" spans="14:14">
      <c r="N550161" s="10"/>
    </row>
    <row r="550162" spans="14:14">
      <c r="N550162" s="10"/>
    </row>
    <row r="550163" spans="14:14">
      <c r="N550163" s="10"/>
    </row>
    <row r="550164" spans="14:14">
      <c r="N550164" s="10"/>
    </row>
    <row r="550165" spans="14:14">
      <c r="N550165" s="10"/>
    </row>
    <row r="550166" spans="14:14">
      <c r="N550166" s="10"/>
    </row>
    <row r="550167" spans="14:14">
      <c r="N550167" s="10"/>
    </row>
    <row r="550168" spans="14:14">
      <c r="N550168" s="10"/>
    </row>
    <row r="550169" spans="14:14">
      <c r="N550169" s="10"/>
    </row>
    <row r="550170" spans="14:14">
      <c r="N550170" s="10"/>
    </row>
    <row r="550171" spans="14:14">
      <c r="N550171" s="10"/>
    </row>
    <row r="550172" spans="14:14">
      <c r="N550172" s="10"/>
    </row>
    <row r="550173" spans="14:14">
      <c r="N550173" s="10"/>
    </row>
    <row r="550174" spans="14:14">
      <c r="N550174" s="10"/>
    </row>
    <row r="550175" spans="14:14">
      <c r="N550175" s="10"/>
    </row>
    <row r="550176" spans="14:14">
      <c r="N550176" s="10"/>
    </row>
    <row r="550177" spans="14:14">
      <c r="N550177" s="10"/>
    </row>
    <row r="550178" spans="14:14">
      <c r="N550178" s="10"/>
    </row>
    <row r="550179" spans="14:14">
      <c r="N550179" s="10"/>
    </row>
    <row r="550180" spans="14:14">
      <c r="N550180" s="10"/>
    </row>
    <row r="550181" spans="14:14">
      <c r="N550181" s="10"/>
    </row>
    <row r="550182" spans="14:14">
      <c r="N550182" s="10"/>
    </row>
    <row r="550183" spans="14:14">
      <c r="N550183" s="10"/>
    </row>
    <row r="550184" spans="14:14">
      <c r="N550184" s="10"/>
    </row>
    <row r="550185" spans="14:14">
      <c r="N550185" s="10"/>
    </row>
    <row r="550186" spans="14:14">
      <c r="N550186" s="10"/>
    </row>
    <row r="550187" spans="14:14">
      <c r="N550187" s="10"/>
    </row>
    <row r="550188" spans="14:14">
      <c r="N550188" s="10"/>
    </row>
    <row r="550189" spans="14:14">
      <c r="N550189" s="10"/>
    </row>
    <row r="550190" spans="14:14">
      <c r="N550190" s="10"/>
    </row>
    <row r="550191" spans="14:14">
      <c r="N550191" s="10"/>
    </row>
    <row r="550192" spans="14:14">
      <c r="N550192" s="10"/>
    </row>
    <row r="550193" spans="14:14">
      <c r="N550193" s="10"/>
    </row>
    <row r="550194" spans="14:14">
      <c r="N550194" s="10"/>
    </row>
    <row r="550195" spans="14:14">
      <c r="N550195" s="10"/>
    </row>
    <row r="550196" spans="14:14">
      <c r="N550196" s="10"/>
    </row>
    <row r="550197" spans="14:14">
      <c r="N550197" s="10"/>
    </row>
    <row r="550198" spans="14:14">
      <c r="N550198" s="10"/>
    </row>
    <row r="550199" spans="14:14">
      <c r="N550199" s="10"/>
    </row>
    <row r="550200" spans="14:14">
      <c r="N550200" s="10"/>
    </row>
    <row r="550201" spans="14:14">
      <c r="N550201" s="10"/>
    </row>
    <row r="550202" spans="14:14">
      <c r="N550202" s="10"/>
    </row>
    <row r="550203" spans="14:14">
      <c r="N550203" s="10"/>
    </row>
    <row r="550204" spans="14:14">
      <c r="N550204" s="10"/>
    </row>
    <row r="550205" spans="14:14">
      <c r="N550205" s="10"/>
    </row>
    <row r="550206" spans="14:14">
      <c r="N550206" s="10"/>
    </row>
    <row r="550207" spans="14:14">
      <c r="N550207" s="10"/>
    </row>
    <row r="550208" spans="14:14">
      <c r="N550208" s="10"/>
    </row>
    <row r="550209" spans="14:14">
      <c r="N550209" s="10"/>
    </row>
    <row r="550210" spans="14:14">
      <c r="N550210" s="10"/>
    </row>
    <row r="550211" spans="14:14">
      <c r="N550211" s="10"/>
    </row>
    <row r="550212" spans="14:14">
      <c r="N550212" s="10"/>
    </row>
    <row r="550213" spans="14:14">
      <c r="N550213" s="10"/>
    </row>
    <row r="550214" spans="14:14">
      <c r="N550214" s="10"/>
    </row>
    <row r="550215" spans="14:14">
      <c r="N550215" s="10"/>
    </row>
    <row r="550216" spans="14:14">
      <c r="N550216" s="10"/>
    </row>
    <row r="550217" spans="14:14">
      <c r="N550217" s="10"/>
    </row>
    <row r="550218" spans="14:14">
      <c r="N550218" s="10"/>
    </row>
    <row r="550219" spans="14:14">
      <c r="N550219" s="10"/>
    </row>
    <row r="550220" spans="14:14">
      <c r="N550220" s="10"/>
    </row>
    <row r="550221" spans="14:14">
      <c r="N550221" s="10"/>
    </row>
    <row r="550222" spans="14:14">
      <c r="N550222" s="10"/>
    </row>
    <row r="550223" spans="14:14">
      <c r="N550223" s="10"/>
    </row>
    <row r="550224" spans="14:14">
      <c r="N550224" s="10"/>
    </row>
    <row r="550225" spans="14:14">
      <c r="N550225" s="10"/>
    </row>
    <row r="550226" spans="14:14">
      <c r="N550226" s="10"/>
    </row>
    <row r="550227" spans="14:14">
      <c r="N550227" s="10"/>
    </row>
    <row r="550228" spans="14:14">
      <c r="N550228" s="10"/>
    </row>
    <row r="550229" spans="14:14">
      <c r="N550229" s="10"/>
    </row>
    <row r="550230" spans="14:14">
      <c r="N550230" s="10"/>
    </row>
    <row r="550231" spans="14:14">
      <c r="N550231" s="10"/>
    </row>
    <row r="550232" spans="14:14">
      <c r="N550232" s="10"/>
    </row>
    <row r="550233" spans="14:14">
      <c r="N550233" s="10"/>
    </row>
    <row r="550234" spans="14:14">
      <c r="N550234" s="10"/>
    </row>
    <row r="550235" spans="14:14">
      <c r="N550235" s="10"/>
    </row>
    <row r="550236" spans="14:14">
      <c r="N550236" s="10"/>
    </row>
    <row r="550237" spans="14:14">
      <c r="N550237" s="10"/>
    </row>
    <row r="550238" spans="14:14">
      <c r="N550238" s="10"/>
    </row>
    <row r="550239" spans="14:14">
      <c r="N550239" s="10"/>
    </row>
    <row r="550240" spans="14:14">
      <c r="N550240" s="10"/>
    </row>
    <row r="550241" spans="14:14">
      <c r="N550241" s="10"/>
    </row>
    <row r="550242" spans="14:14">
      <c r="N550242" s="10"/>
    </row>
    <row r="550243" spans="14:14">
      <c r="N550243" s="10"/>
    </row>
    <row r="550244" spans="14:14">
      <c r="N550244" s="10"/>
    </row>
    <row r="550245" spans="14:14">
      <c r="N550245" s="10"/>
    </row>
    <row r="550246" spans="14:14">
      <c r="N550246" s="10"/>
    </row>
    <row r="550247" spans="14:14">
      <c r="N550247" s="10"/>
    </row>
    <row r="550248" spans="14:14">
      <c r="N550248" s="10"/>
    </row>
    <row r="550249" spans="14:14">
      <c r="N550249" s="10"/>
    </row>
    <row r="550250" spans="14:14">
      <c r="N550250" s="10"/>
    </row>
    <row r="550251" spans="14:14">
      <c r="N550251" s="10"/>
    </row>
    <row r="550252" spans="14:14">
      <c r="N550252" s="10"/>
    </row>
    <row r="550253" spans="14:14">
      <c r="N550253" s="10"/>
    </row>
    <row r="550254" spans="14:14">
      <c r="N550254" s="10"/>
    </row>
    <row r="550255" spans="14:14">
      <c r="N550255" s="10"/>
    </row>
    <row r="550256" spans="14:14">
      <c r="N550256" s="10"/>
    </row>
    <row r="550257" spans="14:14">
      <c r="N550257" s="10"/>
    </row>
    <row r="550258" spans="14:14">
      <c r="N550258" s="10"/>
    </row>
    <row r="550259" spans="14:14">
      <c r="N550259" s="10"/>
    </row>
    <row r="550260" spans="14:14">
      <c r="N550260" s="10"/>
    </row>
    <row r="550261" spans="14:14">
      <c r="N550261" s="10"/>
    </row>
    <row r="550262" spans="14:14">
      <c r="N550262" s="10"/>
    </row>
    <row r="550263" spans="14:14">
      <c r="N550263" s="10"/>
    </row>
    <row r="550264" spans="14:14">
      <c r="N550264" s="10"/>
    </row>
    <row r="550265" spans="14:14">
      <c r="N550265" s="10"/>
    </row>
    <row r="550266" spans="14:14">
      <c r="N550266" s="10"/>
    </row>
    <row r="550267" spans="14:14">
      <c r="N550267" s="10"/>
    </row>
    <row r="550268" spans="14:14">
      <c r="N550268" s="10"/>
    </row>
    <row r="550269" spans="14:14">
      <c r="N550269" s="10"/>
    </row>
    <row r="550270" spans="14:14">
      <c r="N550270" s="10"/>
    </row>
    <row r="550271" spans="14:14">
      <c r="N550271" s="10"/>
    </row>
    <row r="550272" spans="14:14">
      <c r="N550272" s="10"/>
    </row>
    <row r="550273" spans="14:14">
      <c r="N550273" s="10"/>
    </row>
    <row r="550274" spans="14:14">
      <c r="N550274" s="10"/>
    </row>
    <row r="550275" spans="14:14">
      <c r="N550275" s="10"/>
    </row>
    <row r="550276" spans="14:14">
      <c r="N550276" s="10"/>
    </row>
    <row r="550277" spans="14:14">
      <c r="N550277" s="10"/>
    </row>
    <row r="550278" spans="14:14">
      <c r="N550278" s="10"/>
    </row>
    <row r="550279" spans="14:14">
      <c r="N550279" s="10"/>
    </row>
    <row r="550280" spans="14:14">
      <c r="N550280" s="10"/>
    </row>
    <row r="550281" spans="14:14">
      <c r="N550281" s="10"/>
    </row>
    <row r="550282" spans="14:14">
      <c r="N550282" s="10"/>
    </row>
    <row r="550283" spans="14:14">
      <c r="N550283" s="10"/>
    </row>
    <row r="550284" spans="14:14">
      <c r="N550284" s="10"/>
    </row>
    <row r="550285" spans="14:14">
      <c r="N550285" s="10"/>
    </row>
    <row r="550286" spans="14:14">
      <c r="N550286" s="10"/>
    </row>
    <row r="550287" spans="14:14">
      <c r="N550287" s="10"/>
    </row>
    <row r="550288" spans="14:14">
      <c r="N550288" s="10"/>
    </row>
    <row r="550289" spans="14:14">
      <c r="N550289" s="10"/>
    </row>
    <row r="550290" spans="14:14">
      <c r="N550290" s="10"/>
    </row>
    <row r="550291" spans="14:14">
      <c r="N550291" s="10"/>
    </row>
    <row r="550292" spans="14:14">
      <c r="N550292" s="10"/>
    </row>
    <row r="550293" spans="14:14">
      <c r="N550293" s="10"/>
    </row>
    <row r="550294" spans="14:14">
      <c r="N550294" s="10"/>
    </row>
    <row r="550295" spans="14:14">
      <c r="N550295" s="10"/>
    </row>
    <row r="550296" spans="14:14">
      <c r="N550296" s="10"/>
    </row>
    <row r="550297" spans="14:14">
      <c r="N550297" s="10"/>
    </row>
    <row r="550298" spans="14:14">
      <c r="N550298" s="10"/>
    </row>
    <row r="550299" spans="14:14">
      <c r="N550299" s="10"/>
    </row>
    <row r="550300" spans="14:14">
      <c r="N550300" s="10"/>
    </row>
    <row r="550301" spans="14:14">
      <c r="N550301" s="10"/>
    </row>
    <row r="550302" spans="14:14">
      <c r="N550302" s="10"/>
    </row>
    <row r="550303" spans="14:14">
      <c r="N550303" s="10"/>
    </row>
    <row r="550304" spans="14:14">
      <c r="N550304" s="10"/>
    </row>
    <row r="550305" spans="14:14">
      <c r="N550305" s="10"/>
    </row>
    <row r="550306" spans="14:14">
      <c r="N550306" s="10"/>
    </row>
    <row r="550307" spans="14:14">
      <c r="N550307" s="10"/>
    </row>
    <row r="550308" spans="14:14">
      <c r="N550308" s="10"/>
    </row>
    <row r="550309" spans="14:14">
      <c r="N550309" s="10"/>
    </row>
    <row r="550310" spans="14:14">
      <c r="N550310" s="10"/>
    </row>
    <row r="550311" spans="14:14">
      <c r="N550311" s="10"/>
    </row>
    <row r="550312" spans="14:14">
      <c r="N550312" s="10"/>
    </row>
    <row r="550313" spans="14:14">
      <c r="N550313" s="10"/>
    </row>
    <row r="550314" spans="14:14">
      <c r="N550314" s="10"/>
    </row>
    <row r="550315" spans="14:14">
      <c r="N550315" s="10"/>
    </row>
    <row r="550316" spans="14:14">
      <c r="N550316" s="10"/>
    </row>
    <row r="550317" spans="14:14">
      <c r="N550317" s="10"/>
    </row>
    <row r="550318" spans="14:14">
      <c r="N550318" s="10"/>
    </row>
    <row r="550319" spans="14:14">
      <c r="N550319" s="10"/>
    </row>
    <row r="550320" spans="14:14">
      <c r="N550320" s="10"/>
    </row>
    <row r="550321" spans="14:14">
      <c r="N550321" s="10"/>
    </row>
    <row r="550322" spans="14:14">
      <c r="N550322" s="10"/>
    </row>
    <row r="550323" spans="14:14">
      <c r="N550323" s="10"/>
    </row>
    <row r="550324" spans="14:14">
      <c r="N550324" s="10"/>
    </row>
    <row r="550325" spans="14:14">
      <c r="N550325" s="10"/>
    </row>
    <row r="550326" spans="14:14">
      <c r="N550326" s="10"/>
    </row>
    <row r="550327" spans="14:14">
      <c r="N550327" s="10"/>
    </row>
    <row r="550328" spans="14:14">
      <c r="N550328" s="10"/>
    </row>
    <row r="550329" spans="14:14">
      <c r="N550329" s="10"/>
    </row>
    <row r="550330" spans="14:14">
      <c r="N550330" s="10"/>
    </row>
    <row r="550331" spans="14:14">
      <c r="N550331" s="10"/>
    </row>
    <row r="550332" spans="14:14">
      <c r="N550332" s="10"/>
    </row>
    <row r="550333" spans="14:14">
      <c r="N550333" s="10"/>
    </row>
    <row r="550334" spans="14:14">
      <c r="N550334" s="10"/>
    </row>
    <row r="550335" spans="14:14">
      <c r="N550335" s="10"/>
    </row>
    <row r="550336" spans="14:14">
      <c r="N550336" s="10"/>
    </row>
    <row r="550337" spans="14:14">
      <c r="N550337" s="10"/>
    </row>
    <row r="550338" spans="14:14">
      <c r="N550338" s="10"/>
    </row>
    <row r="550339" spans="14:14">
      <c r="N550339" s="10"/>
    </row>
    <row r="550340" spans="14:14">
      <c r="N550340" s="10"/>
    </row>
    <row r="550341" spans="14:14">
      <c r="N550341" s="10"/>
    </row>
    <row r="550342" spans="14:14">
      <c r="N550342" s="10"/>
    </row>
    <row r="550343" spans="14:14">
      <c r="N550343" s="10"/>
    </row>
    <row r="550344" spans="14:14">
      <c r="N550344" s="10"/>
    </row>
    <row r="550345" spans="14:14">
      <c r="N550345" s="10"/>
    </row>
    <row r="550346" spans="14:14">
      <c r="N550346" s="10"/>
    </row>
    <row r="550347" spans="14:14">
      <c r="N550347" s="10"/>
    </row>
    <row r="550348" spans="14:14">
      <c r="N550348" s="10"/>
    </row>
    <row r="550349" spans="14:14">
      <c r="N550349" s="10"/>
    </row>
    <row r="550350" spans="14:14">
      <c r="N550350" s="10"/>
    </row>
    <row r="550351" spans="14:14">
      <c r="N550351" s="10"/>
    </row>
    <row r="550352" spans="14:14">
      <c r="N550352" s="10"/>
    </row>
    <row r="550353" spans="14:14">
      <c r="N550353" s="10"/>
    </row>
    <row r="550354" spans="14:14">
      <c r="N550354" s="10"/>
    </row>
    <row r="550355" spans="14:14">
      <c r="N550355" s="10"/>
    </row>
    <row r="550356" spans="14:14">
      <c r="N550356" s="10"/>
    </row>
    <row r="550357" spans="14:14">
      <c r="N550357" s="10"/>
    </row>
    <row r="550358" spans="14:14">
      <c r="N550358" s="10"/>
    </row>
    <row r="550359" spans="14:14">
      <c r="N550359" s="10"/>
    </row>
    <row r="550360" spans="14:14">
      <c r="N550360" s="10"/>
    </row>
    <row r="550361" spans="14:14">
      <c r="N550361" s="10"/>
    </row>
    <row r="550362" spans="14:14">
      <c r="N550362" s="10"/>
    </row>
    <row r="550363" spans="14:14">
      <c r="N550363" s="10"/>
    </row>
    <row r="550364" spans="14:14">
      <c r="N550364" s="10"/>
    </row>
    <row r="550365" spans="14:14">
      <c r="N550365" s="10"/>
    </row>
    <row r="550366" spans="14:14">
      <c r="N550366" s="10"/>
    </row>
    <row r="550367" spans="14:14">
      <c r="N550367" s="10"/>
    </row>
    <row r="550368" spans="14:14">
      <c r="N550368" s="10"/>
    </row>
    <row r="550369" spans="14:14">
      <c r="N550369" s="10"/>
    </row>
    <row r="550370" spans="14:14">
      <c r="N550370" s="10"/>
    </row>
    <row r="550371" spans="14:14">
      <c r="N550371" s="10"/>
    </row>
    <row r="550372" spans="14:14">
      <c r="N550372" s="10"/>
    </row>
    <row r="550373" spans="14:14">
      <c r="N550373" s="10"/>
    </row>
    <row r="550374" spans="14:14">
      <c r="N550374" s="10"/>
    </row>
    <row r="550375" spans="14:14">
      <c r="N550375" s="10"/>
    </row>
    <row r="550376" spans="14:14">
      <c r="N550376" s="10"/>
    </row>
    <row r="550377" spans="14:14">
      <c r="N550377" s="10"/>
    </row>
    <row r="550378" spans="14:14">
      <c r="N550378" s="10"/>
    </row>
    <row r="550379" spans="14:14">
      <c r="N550379" s="10"/>
    </row>
    <row r="550380" spans="14:14">
      <c r="N550380" s="10"/>
    </row>
    <row r="550381" spans="14:14">
      <c r="N550381" s="10"/>
    </row>
    <row r="550382" spans="14:14">
      <c r="N550382" s="10"/>
    </row>
    <row r="550383" spans="14:14">
      <c r="N550383" s="10"/>
    </row>
    <row r="550384" spans="14:14">
      <c r="N550384" s="10"/>
    </row>
    <row r="550385" spans="14:14">
      <c r="N550385" s="10"/>
    </row>
    <row r="550386" spans="14:14">
      <c r="N550386" s="10"/>
    </row>
    <row r="550387" spans="14:14">
      <c r="N550387" s="10"/>
    </row>
    <row r="550388" spans="14:14">
      <c r="N550388" s="10"/>
    </row>
    <row r="550389" spans="14:14">
      <c r="N550389" s="10"/>
    </row>
    <row r="550390" spans="14:14">
      <c r="N550390" s="10"/>
    </row>
    <row r="550391" spans="14:14">
      <c r="N550391" s="10"/>
    </row>
    <row r="550392" spans="14:14">
      <c r="N550392" s="10"/>
    </row>
    <row r="550393" spans="14:14">
      <c r="N550393" s="10"/>
    </row>
    <row r="550394" spans="14:14">
      <c r="N550394" s="10"/>
    </row>
    <row r="550395" spans="14:14">
      <c r="N550395" s="10"/>
    </row>
    <row r="550396" spans="14:14">
      <c r="N550396" s="10"/>
    </row>
    <row r="550397" spans="14:14">
      <c r="N550397" s="10"/>
    </row>
    <row r="550398" spans="14:14">
      <c r="N550398" s="10"/>
    </row>
    <row r="550399" spans="14:14">
      <c r="N550399" s="10"/>
    </row>
    <row r="550400" spans="14:14">
      <c r="N550400" s="10"/>
    </row>
    <row r="550401" spans="14:14">
      <c r="N550401" s="10"/>
    </row>
    <row r="550402" spans="14:14">
      <c r="N550402" s="10"/>
    </row>
    <row r="550403" spans="14:14">
      <c r="N550403" s="10"/>
    </row>
    <row r="550404" spans="14:14">
      <c r="N550404" s="10"/>
    </row>
    <row r="550405" spans="14:14">
      <c r="N550405" s="10"/>
    </row>
    <row r="550406" spans="14:14">
      <c r="N550406" s="10"/>
    </row>
    <row r="550407" spans="14:14">
      <c r="N550407" s="10"/>
    </row>
    <row r="550408" spans="14:14">
      <c r="N550408" s="10"/>
    </row>
    <row r="550409" spans="14:14">
      <c r="N550409" s="10"/>
    </row>
    <row r="550410" spans="14:14">
      <c r="N550410" s="10"/>
    </row>
    <row r="550411" spans="14:14">
      <c r="N550411" s="10"/>
    </row>
    <row r="550412" spans="14:14">
      <c r="N550412" s="10"/>
    </row>
    <row r="550413" spans="14:14">
      <c r="N550413" s="10"/>
    </row>
    <row r="550414" spans="14:14">
      <c r="N550414" s="10"/>
    </row>
    <row r="550415" spans="14:14">
      <c r="N550415" s="10"/>
    </row>
    <row r="550416" spans="14:14">
      <c r="N550416" s="10"/>
    </row>
    <row r="550417" spans="14:14">
      <c r="N550417" s="10"/>
    </row>
    <row r="550418" spans="14:14">
      <c r="N550418" s="10"/>
    </row>
    <row r="550419" spans="14:14">
      <c r="N550419" s="10"/>
    </row>
    <row r="550420" spans="14:14">
      <c r="N550420" s="10"/>
    </row>
    <row r="550421" spans="14:14">
      <c r="N550421" s="10"/>
    </row>
    <row r="550422" spans="14:14">
      <c r="N550422" s="10"/>
    </row>
    <row r="550423" spans="14:14">
      <c r="N550423" s="10"/>
    </row>
    <row r="550424" spans="14:14">
      <c r="N550424" s="10"/>
    </row>
    <row r="550425" spans="14:14">
      <c r="N550425" s="10"/>
    </row>
    <row r="550426" spans="14:14">
      <c r="N550426" s="10"/>
    </row>
    <row r="550427" spans="14:14">
      <c r="N550427" s="10"/>
    </row>
    <row r="550428" spans="14:14">
      <c r="N550428" s="10"/>
    </row>
    <row r="550429" spans="14:14">
      <c r="N550429" s="10"/>
    </row>
    <row r="550430" spans="14:14">
      <c r="N550430" s="10"/>
    </row>
    <row r="550431" spans="14:14">
      <c r="N550431" s="10"/>
    </row>
    <row r="550432" spans="14:14">
      <c r="N550432" s="10"/>
    </row>
    <row r="550433" spans="14:14">
      <c r="N550433" s="10"/>
    </row>
    <row r="550434" spans="14:14">
      <c r="N550434" s="10"/>
    </row>
    <row r="550435" spans="14:14">
      <c r="N550435" s="10"/>
    </row>
    <row r="550436" spans="14:14">
      <c r="N550436" s="10"/>
    </row>
    <row r="550437" spans="14:14">
      <c r="N550437" s="10"/>
    </row>
    <row r="550438" spans="14:14">
      <c r="N550438" s="10"/>
    </row>
    <row r="550439" spans="14:14">
      <c r="N550439" s="10"/>
    </row>
    <row r="550440" spans="14:14">
      <c r="N550440" s="10"/>
    </row>
    <row r="550441" spans="14:14">
      <c r="N550441" s="10"/>
    </row>
    <row r="550442" spans="14:14">
      <c r="N550442" s="10"/>
    </row>
    <row r="550443" spans="14:14">
      <c r="N550443" s="10"/>
    </row>
    <row r="550444" spans="14:14">
      <c r="N550444" s="10"/>
    </row>
    <row r="550445" spans="14:14">
      <c r="N550445" s="10"/>
    </row>
    <row r="550446" spans="14:14">
      <c r="N550446" s="10"/>
    </row>
    <row r="550447" spans="14:14">
      <c r="N550447" s="10"/>
    </row>
    <row r="550448" spans="14:14">
      <c r="N550448" s="10"/>
    </row>
    <row r="550449" spans="14:14">
      <c r="N550449" s="10"/>
    </row>
    <row r="550450" spans="14:14">
      <c r="N550450" s="10"/>
    </row>
    <row r="550451" spans="14:14">
      <c r="N550451" s="10"/>
    </row>
    <row r="550452" spans="14:14">
      <c r="N550452" s="10"/>
    </row>
    <row r="550453" spans="14:14">
      <c r="N550453" s="10"/>
    </row>
    <row r="550454" spans="14:14">
      <c r="N550454" s="10"/>
    </row>
    <row r="550455" spans="14:14">
      <c r="N550455" s="10"/>
    </row>
    <row r="550456" spans="14:14">
      <c r="N550456" s="10"/>
    </row>
    <row r="550457" spans="14:14">
      <c r="N550457" s="10"/>
    </row>
    <row r="550458" spans="14:14">
      <c r="N550458" s="10"/>
    </row>
    <row r="550459" spans="14:14">
      <c r="N550459" s="10"/>
    </row>
    <row r="550460" spans="14:14">
      <c r="N550460" s="10"/>
    </row>
    <row r="550461" spans="14:14">
      <c r="N550461" s="10"/>
    </row>
    <row r="550462" spans="14:14">
      <c r="N550462" s="10"/>
    </row>
    <row r="550463" spans="14:14">
      <c r="N550463" s="10"/>
    </row>
    <row r="550464" spans="14:14">
      <c r="N550464" s="10"/>
    </row>
    <row r="550465" spans="14:14">
      <c r="N550465" s="10"/>
    </row>
    <row r="550466" spans="14:14">
      <c r="N550466" s="10"/>
    </row>
    <row r="550467" spans="14:14">
      <c r="N550467" s="10"/>
    </row>
    <row r="550468" spans="14:14">
      <c r="N550468" s="10"/>
    </row>
    <row r="550469" spans="14:14">
      <c r="N550469" s="10"/>
    </row>
    <row r="550470" spans="14:14">
      <c r="N550470" s="10"/>
    </row>
    <row r="550471" spans="14:14">
      <c r="N550471" s="10"/>
    </row>
    <row r="550472" spans="14:14">
      <c r="N550472" s="10"/>
    </row>
    <row r="550473" spans="14:14">
      <c r="N550473" s="10"/>
    </row>
    <row r="550474" spans="14:14">
      <c r="N550474" s="10"/>
    </row>
    <row r="550475" spans="14:14">
      <c r="N550475" s="10"/>
    </row>
    <row r="550476" spans="14:14">
      <c r="N550476" s="10"/>
    </row>
    <row r="550477" spans="14:14">
      <c r="N550477" s="10"/>
    </row>
    <row r="550478" spans="14:14">
      <c r="N550478" s="10"/>
    </row>
    <row r="550479" spans="14:14">
      <c r="N550479" s="10"/>
    </row>
    <row r="550480" spans="14:14">
      <c r="N550480" s="10"/>
    </row>
    <row r="550481" spans="14:14">
      <c r="N550481" s="10"/>
    </row>
    <row r="550482" spans="14:14">
      <c r="N550482" s="10"/>
    </row>
    <row r="550483" spans="14:14">
      <c r="N550483" s="10"/>
    </row>
    <row r="550484" spans="14:14">
      <c r="N550484" s="10"/>
    </row>
    <row r="550485" spans="14:14">
      <c r="N550485" s="10"/>
    </row>
    <row r="550486" spans="14:14">
      <c r="N550486" s="10"/>
    </row>
    <row r="550487" spans="14:14">
      <c r="N550487" s="10"/>
    </row>
    <row r="550488" spans="14:14">
      <c r="N550488" s="10"/>
    </row>
    <row r="550489" spans="14:14">
      <c r="N550489" s="10"/>
    </row>
    <row r="550490" spans="14:14">
      <c r="N550490" s="10"/>
    </row>
    <row r="550491" spans="14:14">
      <c r="N550491" s="10"/>
    </row>
    <row r="550492" spans="14:14">
      <c r="N550492" s="10"/>
    </row>
    <row r="550493" spans="14:14">
      <c r="N550493" s="10"/>
    </row>
    <row r="550494" spans="14:14">
      <c r="N550494" s="10"/>
    </row>
    <row r="550495" spans="14:14">
      <c r="N550495" s="10"/>
    </row>
    <row r="550496" spans="14:14">
      <c r="N550496" s="10"/>
    </row>
    <row r="550497" spans="14:14">
      <c r="N550497" s="10"/>
    </row>
    <row r="550498" spans="14:14">
      <c r="N550498" s="10"/>
    </row>
    <row r="550499" spans="14:14">
      <c r="N550499" s="10"/>
    </row>
    <row r="550500" spans="14:14">
      <c r="N550500" s="10"/>
    </row>
    <row r="550501" spans="14:14">
      <c r="N550501" s="10"/>
    </row>
    <row r="550502" spans="14:14">
      <c r="N550502" s="10"/>
    </row>
    <row r="550503" spans="14:14">
      <c r="N550503" s="10"/>
    </row>
    <row r="550504" spans="14:14">
      <c r="N550504" s="10"/>
    </row>
    <row r="550505" spans="14:14">
      <c r="N550505" s="10"/>
    </row>
    <row r="550506" spans="14:14">
      <c r="N550506" s="10"/>
    </row>
    <row r="550507" spans="14:14">
      <c r="N550507" s="10"/>
    </row>
    <row r="550508" spans="14:14">
      <c r="N550508" s="10"/>
    </row>
    <row r="550509" spans="14:14">
      <c r="N550509" s="10"/>
    </row>
    <row r="550510" spans="14:14">
      <c r="N550510" s="10"/>
    </row>
    <row r="550511" spans="14:14">
      <c r="N550511" s="10"/>
    </row>
    <row r="550512" spans="14:14">
      <c r="N550512" s="10"/>
    </row>
    <row r="550513" spans="14:14">
      <c r="N550513" s="10"/>
    </row>
    <row r="550514" spans="14:14">
      <c r="N550514" s="10"/>
    </row>
    <row r="550515" spans="14:14">
      <c r="N550515" s="10"/>
    </row>
    <row r="550516" spans="14:14">
      <c r="N550516" s="10"/>
    </row>
    <row r="550517" spans="14:14">
      <c r="N550517" s="10"/>
    </row>
    <row r="550518" spans="14:14">
      <c r="N550518" s="10"/>
    </row>
    <row r="550519" spans="14:14">
      <c r="N550519" s="10"/>
    </row>
    <row r="550520" spans="14:14">
      <c r="N550520" s="10"/>
    </row>
    <row r="550521" spans="14:14">
      <c r="N550521" s="10"/>
    </row>
    <row r="550522" spans="14:14">
      <c r="N550522" s="10"/>
    </row>
    <row r="550523" spans="14:14">
      <c r="N550523" s="10"/>
    </row>
    <row r="550524" spans="14:14">
      <c r="N550524" s="10"/>
    </row>
    <row r="550525" spans="14:14">
      <c r="N550525" s="10"/>
    </row>
    <row r="550526" spans="14:14">
      <c r="N550526" s="10"/>
    </row>
    <row r="550527" spans="14:14">
      <c r="N550527" s="10"/>
    </row>
    <row r="550528" spans="14:14">
      <c r="N550528" s="10"/>
    </row>
    <row r="550529" spans="14:14">
      <c r="N550529" s="10"/>
    </row>
    <row r="550530" spans="14:14">
      <c r="N550530" s="10"/>
    </row>
    <row r="550531" spans="14:14">
      <c r="N550531" s="10"/>
    </row>
    <row r="550532" spans="14:14">
      <c r="N550532" s="10"/>
    </row>
    <row r="550533" spans="14:14">
      <c r="N550533" s="10"/>
    </row>
    <row r="550534" spans="14:14">
      <c r="N550534" s="10"/>
    </row>
    <row r="550535" spans="14:14">
      <c r="N550535" s="10"/>
    </row>
    <row r="550536" spans="14:14">
      <c r="N550536" s="10"/>
    </row>
    <row r="550537" spans="14:14">
      <c r="N550537" s="10"/>
    </row>
    <row r="550538" spans="14:14">
      <c r="N550538" s="10"/>
    </row>
    <row r="550539" spans="14:14">
      <c r="N550539" s="10"/>
    </row>
    <row r="550540" spans="14:14">
      <c r="N550540" s="10"/>
    </row>
    <row r="550541" spans="14:14">
      <c r="N550541" s="10"/>
    </row>
    <row r="550542" spans="14:14">
      <c r="N550542" s="10"/>
    </row>
    <row r="550543" spans="14:14">
      <c r="N550543" s="10"/>
    </row>
    <row r="550544" spans="14:14">
      <c r="N550544" s="10"/>
    </row>
    <row r="550545" spans="14:14">
      <c r="N550545" s="10"/>
    </row>
    <row r="550546" spans="14:14">
      <c r="N550546" s="10"/>
    </row>
    <row r="550547" spans="14:14">
      <c r="N550547" s="10"/>
    </row>
    <row r="550548" spans="14:14">
      <c r="N550548" s="10"/>
    </row>
    <row r="550549" spans="14:14">
      <c r="N550549" s="10"/>
    </row>
    <row r="550550" spans="14:14">
      <c r="N550550" s="10"/>
    </row>
    <row r="550551" spans="14:14">
      <c r="N550551" s="10"/>
    </row>
    <row r="550552" spans="14:14">
      <c r="N550552" s="10"/>
    </row>
    <row r="550553" spans="14:14">
      <c r="N550553" s="10"/>
    </row>
    <row r="550554" spans="14:14">
      <c r="N550554" s="10"/>
    </row>
    <row r="550555" spans="14:14">
      <c r="N550555" s="10"/>
    </row>
    <row r="550556" spans="14:14">
      <c r="N550556" s="10"/>
    </row>
    <row r="550557" spans="14:14">
      <c r="N550557" s="10"/>
    </row>
    <row r="550558" spans="14:14">
      <c r="N550558" s="10"/>
    </row>
    <row r="550559" spans="14:14">
      <c r="N550559" s="10"/>
    </row>
    <row r="550560" spans="14:14">
      <c r="N550560" s="10"/>
    </row>
    <row r="550561" spans="14:14">
      <c r="N550561" s="10"/>
    </row>
    <row r="550562" spans="14:14">
      <c r="N550562" s="10"/>
    </row>
    <row r="550563" spans="14:14">
      <c r="N550563" s="10"/>
    </row>
    <row r="550564" spans="14:14">
      <c r="N550564" s="10"/>
    </row>
    <row r="550565" spans="14:14">
      <c r="N550565" s="10"/>
    </row>
    <row r="550566" spans="14:14">
      <c r="N550566" s="10"/>
    </row>
    <row r="550567" spans="14:14">
      <c r="N550567" s="10"/>
    </row>
    <row r="550568" spans="14:14">
      <c r="N550568" s="10"/>
    </row>
    <row r="550569" spans="14:14">
      <c r="N550569" s="10"/>
    </row>
    <row r="550570" spans="14:14">
      <c r="N550570" s="10"/>
    </row>
    <row r="550571" spans="14:14">
      <c r="N550571" s="10"/>
    </row>
    <row r="550572" spans="14:14">
      <c r="N550572" s="10"/>
    </row>
    <row r="550573" spans="14:14">
      <c r="N550573" s="10"/>
    </row>
    <row r="550574" spans="14:14">
      <c r="N550574" s="10"/>
    </row>
    <row r="550575" spans="14:14">
      <c r="N550575" s="10"/>
    </row>
    <row r="550576" spans="14:14">
      <c r="N550576" s="10"/>
    </row>
    <row r="550577" spans="14:14">
      <c r="N550577" s="10"/>
    </row>
    <row r="550578" spans="14:14">
      <c r="N550578" s="10"/>
    </row>
    <row r="550579" spans="14:14">
      <c r="N550579" s="10"/>
    </row>
    <row r="550580" spans="14:14">
      <c r="N550580" s="10"/>
    </row>
    <row r="550581" spans="14:14">
      <c r="N550581" s="10"/>
    </row>
    <row r="550582" spans="14:14">
      <c r="N550582" s="10"/>
    </row>
    <row r="550583" spans="14:14">
      <c r="N550583" s="10"/>
    </row>
    <row r="550584" spans="14:14">
      <c r="N550584" s="10"/>
    </row>
    <row r="550585" spans="14:14">
      <c r="N550585" s="10"/>
    </row>
    <row r="550586" spans="14:14">
      <c r="N550586" s="10"/>
    </row>
    <row r="550587" spans="14:14">
      <c r="N550587" s="10"/>
    </row>
    <row r="550588" spans="14:14">
      <c r="N550588" s="10"/>
    </row>
    <row r="550589" spans="14:14">
      <c r="N550589" s="10"/>
    </row>
    <row r="550590" spans="14:14">
      <c r="N550590" s="10"/>
    </row>
    <row r="550591" spans="14:14">
      <c r="N550591" s="10"/>
    </row>
    <row r="550592" spans="14:14">
      <c r="N550592" s="10"/>
    </row>
    <row r="550593" spans="14:14">
      <c r="N550593" s="10"/>
    </row>
    <row r="550594" spans="14:14">
      <c r="N550594" s="10"/>
    </row>
    <row r="550595" spans="14:14">
      <c r="N550595" s="10"/>
    </row>
    <row r="550596" spans="14:14">
      <c r="N550596" s="10"/>
    </row>
    <row r="550597" spans="14:14">
      <c r="N550597" s="10"/>
    </row>
    <row r="550598" spans="14:14">
      <c r="N550598" s="10"/>
    </row>
    <row r="550599" spans="14:14">
      <c r="N550599" s="10"/>
    </row>
    <row r="550600" spans="14:14">
      <c r="N550600" s="10"/>
    </row>
    <row r="550601" spans="14:14">
      <c r="N550601" s="10"/>
    </row>
    <row r="550602" spans="14:14">
      <c r="N550602" s="10"/>
    </row>
    <row r="550603" spans="14:14">
      <c r="N550603" s="10"/>
    </row>
    <row r="550604" spans="14:14">
      <c r="N550604" s="10"/>
    </row>
    <row r="550605" spans="14:14">
      <c r="N550605" s="10"/>
    </row>
    <row r="550606" spans="14:14">
      <c r="N550606" s="10"/>
    </row>
    <row r="550607" spans="14:14">
      <c r="N550607" s="10"/>
    </row>
    <row r="550608" spans="14:14">
      <c r="N550608" s="10"/>
    </row>
    <row r="550609" spans="14:14">
      <c r="N550609" s="10"/>
    </row>
    <row r="550610" spans="14:14">
      <c r="N550610" s="10"/>
    </row>
    <row r="550611" spans="14:14">
      <c r="N550611" s="10"/>
    </row>
    <row r="550612" spans="14:14">
      <c r="N550612" s="10"/>
    </row>
    <row r="550613" spans="14:14">
      <c r="N550613" s="10"/>
    </row>
    <row r="550614" spans="14:14">
      <c r="N550614" s="10"/>
    </row>
    <row r="550615" spans="14:14">
      <c r="N550615" s="10"/>
    </row>
    <row r="550616" spans="14:14">
      <c r="N550616" s="10"/>
    </row>
    <row r="550617" spans="14:14">
      <c r="N550617" s="10"/>
    </row>
    <row r="550618" spans="14:14">
      <c r="N550618" s="10"/>
    </row>
    <row r="550619" spans="14:14">
      <c r="N550619" s="10"/>
    </row>
    <row r="550620" spans="14:14">
      <c r="N550620" s="10"/>
    </row>
    <row r="550621" spans="14:14">
      <c r="N550621" s="10"/>
    </row>
    <row r="550622" spans="14:14">
      <c r="N550622" s="10"/>
    </row>
    <row r="550623" spans="14:14">
      <c r="N550623" s="10"/>
    </row>
    <row r="550624" spans="14:14">
      <c r="N550624" s="10"/>
    </row>
    <row r="550625" spans="14:14">
      <c r="N550625" s="10"/>
    </row>
    <row r="550626" spans="14:14">
      <c r="N550626" s="10"/>
    </row>
    <row r="550627" spans="14:14">
      <c r="N550627" s="10"/>
    </row>
    <row r="550628" spans="14:14">
      <c r="N550628" s="10"/>
    </row>
    <row r="550629" spans="14:14">
      <c r="N550629" s="10"/>
    </row>
    <row r="550630" spans="14:14">
      <c r="N550630" s="10"/>
    </row>
    <row r="550631" spans="14:14">
      <c r="N550631" s="10"/>
    </row>
    <row r="550632" spans="14:14">
      <c r="N550632" s="10"/>
    </row>
    <row r="550633" spans="14:14">
      <c r="N550633" s="10"/>
    </row>
    <row r="550634" spans="14:14">
      <c r="N550634" s="10"/>
    </row>
    <row r="550635" spans="14:14">
      <c r="N550635" s="10"/>
    </row>
    <row r="550636" spans="14:14">
      <c r="N550636" s="10"/>
    </row>
    <row r="550637" spans="14:14">
      <c r="N550637" s="10"/>
    </row>
    <row r="550638" spans="14:14">
      <c r="N550638" s="10"/>
    </row>
    <row r="550639" spans="14:14">
      <c r="N550639" s="10"/>
    </row>
    <row r="550640" spans="14:14">
      <c r="N550640" s="10"/>
    </row>
    <row r="550641" spans="14:14">
      <c r="N550641" s="10"/>
    </row>
    <row r="550642" spans="14:14">
      <c r="N550642" s="10"/>
    </row>
    <row r="550643" spans="14:14">
      <c r="N550643" s="10"/>
    </row>
    <row r="550644" spans="14:14">
      <c r="N550644" s="10"/>
    </row>
    <row r="550645" spans="14:14">
      <c r="N550645" s="10"/>
    </row>
    <row r="550646" spans="14:14">
      <c r="N550646" s="10"/>
    </row>
    <row r="550647" spans="14:14">
      <c r="N550647" s="10"/>
    </row>
    <row r="550648" spans="14:14">
      <c r="N550648" s="10"/>
    </row>
    <row r="550649" spans="14:14">
      <c r="N550649" s="10"/>
    </row>
    <row r="550650" spans="14:14">
      <c r="N550650" s="10"/>
    </row>
    <row r="550651" spans="14:14">
      <c r="N550651" s="10"/>
    </row>
    <row r="550652" spans="14:14">
      <c r="N550652" s="10"/>
    </row>
    <row r="550653" spans="14:14">
      <c r="N550653" s="10"/>
    </row>
    <row r="550654" spans="14:14">
      <c r="N550654" s="10"/>
    </row>
    <row r="550655" spans="14:14">
      <c r="N550655" s="10"/>
    </row>
    <row r="550656" spans="14:14">
      <c r="N550656" s="10"/>
    </row>
    <row r="550657" spans="14:14">
      <c r="N550657" s="10"/>
    </row>
    <row r="550658" spans="14:14">
      <c r="N550658" s="10"/>
    </row>
    <row r="550659" spans="14:14">
      <c r="N550659" s="10"/>
    </row>
    <row r="550660" spans="14:14">
      <c r="N550660" s="10"/>
    </row>
    <row r="550661" spans="14:14">
      <c r="N550661" s="10"/>
    </row>
    <row r="550662" spans="14:14">
      <c r="N550662" s="10"/>
    </row>
    <row r="550663" spans="14:14">
      <c r="N550663" s="10"/>
    </row>
    <row r="550664" spans="14:14">
      <c r="N550664" s="10"/>
    </row>
    <row r="550665" spans="14:14">
      <c r="N550665" s="10"/>
    </row>
    <row r="550666" spans="14:14">
      <c r="N550666" s="10"/>
    </row>
    <row r="550667" spans="14:14">
      <c r="N550667" s="10"/>
    </row>
    <row r="550668" spans="14:14">
      <c r="N550668" s="10"/>
    </row>
    <row r="550669" spans="14:14">
      <c r="N550669" s="10"/>
    </row>
    <row r="550670" spans="14:14">
      <c r="N550670" s="10"/>
    </row>
    <row r="550671" spans="14:14">
      <c r="N550671" s="10"/>
    </row>
    <row r="550672" spans="14:14">
      <c r="N550672" s="10"/>
    </row>
    <row r="550673" spans="14:14">
      <c r="N550673" s="10"/>
    </row>
    <row r="550674" spans="14:14">
      <c r="N550674" s="10"/>
    </row>
    <row r="550675" spans="14:14">
      <c r="N550675" s="10"/>
    </row>
    <row r="550676" spans="14:14">
      <c r="N550676" s="10"/>
    </row>
    <row r="550677" spans="14:14">
      <c r="N550677" s="10"/>
    </row>
    <row r="550678" spans="14:14">
      <c r="N550678" s="10"/>
    </row>
    <row r="550679" spans="14:14">
      <c r="N550679" s="10"/>
    </row>
    <row r="550680" spans="14:14">
      <c r="N550680" s="10"/>
    </row>
    <row r="550681" spans="14:14">
      <c r="N550681" s="10"/>
    </row>
    <row r="550682" spans="14:14">
      <c r="N550682" s="10"/>
    </row>
    <row r="550683" spans="14:14">
      <c r="N550683" s="10"/>
    </row>
    <row r="550684" spans="14:14">
      <c r="N550684" s="10"/>
    </row>
    <row r="550685" spans="14:14">
      <c r="N550685" s="10"/>
    </row>
    <row r="550686" spans="14:14">
      <c r="N550686" s="10"/>
    </row>
    <row r="550687" spans="14:14">
      <c r="N550687" s="10"/>
    </row>
    <row r="550688" spans="14:14">
      <c r="N550688" s="10"/>
    </row>
    <row r="550689" spans="14:14">
      <c r="N550689" s="10"/>
    </row>
    <row r="550690" spans="14:14">
      <c r="N550690" s="10"/>
    </row>
    <row r="550691" spans="14:14">
      <c r="N550691" s="10"/>
    </row>
    <row r="550692" spans="14:14">
      <c r="N550692" s="10"/>
    </row>
    <row r="550693" spans="14:14">
      <c r="N550693" s="10"/>
    </row>
    <row r="550694" spans="14:14">
      <c r="N550694" s="10"/>
    </row>
    <row r="550695" spans="14:14">
      <c r="N550695" s="10"/>
    </row>
    <row r="550696" spans="14:14">
      <c r="N550696" s="10"/>
    </row>
    <row r="550697" spans="14:14">
      <c r="N550697" s="10"/>
    </row>
    <row r="550698" spans="14:14">
      <c r="N550698" s="10"/>
    </row>
    <row r="550699" spans="14:14">
      <c r="N550699" s="10"/>
    </row>
    <row r="550700" spans="14:14">
      <c r="N550700" s="10"/>
    </row>
    <row r="550701" spans="14:14">
      <c r="N550701" s="10"/>
    </row>
    <row r="550702" spans="14:14">
      <c r="N550702" s="10"/>
    </row>
    <row r="550703" spans="14:14">
      <c r="N550703" s="10"/>
    </row>
    <row r="550704" spans="14:14">
      <c r="N550704" s="10"/>
    </row>
    <row r="550705" spans="14:14">
      <c r="N550705" s="10"/>
    </row>
    <row r="550706" spans="14:14">
      <c r="N550706" s="10"/>
    </row>
    <row r="550707" spans="14:14">
      <c r="N550707" s="10"/>
    </row>
    <row r="550708" spans="14:14">
      <c r="N550708" s="10"/>
    </row>
    <row r="550709" spans="14:14">
      <c r="N550709" s="10"/>
    </row>
    <row r="550710" spans="14:14">
      <c r="N550710" s="10"/>
    </row>
    <row r="550711" spans="14:14">
      <c r="N550711" s="10"/>
    </row>
    <row r="550712" spans="14:14">
      <c r="N550712" s="10"/>
    </row>
    <row r="550713" spans="14:14">
      <c r="N550713" s="10"/>
    </row>
    <row r="550714" spans="14:14">
      <c r="N550714" s="10"/>
    </row>
    <row r="550715" spans="14:14">
      <c r="N550715" s="10"/>
    </row>
    <row r="550716" spans="14:14">
      <c r="N550716" s="10"/>
    </row>
    <row r="550717" spans="14:14">
      <c r="N550717" s="10"/>
    </row>
    <row r="550718" spans="14:14">
      <c r="N550718" s="10"/>
    </row>
    <row r="550719" spans="14:14">
      <c r="N550719" s="10"/>
    </row>
    <row r="550720" spans="14:14">
      <c r="N550720" s="10"/>
    </row>
    <row r="550721" spans="14:14">
      <c r="N550721" s="10"/>
    </row>
    <row r="550722" spans="14:14">
      <c r="N550722" s="10"/>
    </row>
    <row r="550723" spans="14:14">
      <c r="N550723" s="10"/>
    </row>
    <row r="550724" spans="14:14">
      <c r="N550724" s="10"/>
    </row>
    <row r="550725" spans="14:14">
      <c r="N550725" s="10"/>
    </row>
    <row r="550726" spans="14:14">
      <c r="N550726" s="10"/>
    </row>
    <row r="550727" spans="14:14">
      <c r="N550727" s="10"/>
    </row>
    <row r="550728" spans="14:14">
      <c r="N550728" s="10"/>
    </row>
    <row r="550729" spans="14:14">
      <c r="N550729" s="10"/>
    </row>
    <row r="550730" spans="14:14">
      <c r="N550730" s="10"/>
    </row>
    <row r="550731" spans="14:14">
      <c r="N550731" s="10"/>
    </row>
    <row r="550732" spans="14:14">
      <c r="N550732" s="10"/>
    </row>
    <row r="550733" spans="14:14">
      <c r="N550733" s="10"/>
    </row>
    <row r="550734" spans="14:14">
      <c r="N550734" s="10"/>
    </row>
    <row r="550735" spans="14:14">
      <c r="N550735" s="10"/>
    </row>
    <row r="550736" spans="14:14">
      <c r="N550736" s="10"/>
    </row>
    <row r="550737" spans="14:14">
      <c r="N550737" s="10"/>
    </row>
    <row r="550738" spans="14:14">
      <c r="N550738" s="10"/>
    </row>
    <row r="550739" spans="14:14">
      <c r="N550739" s="10"/>
    </row>
    <row r="550740" spans="14:14">
      <c r="N550740" s="10"/>
    </row>
    <row r="550741" spans="14:14">
      <c r="N550741" s="10"/>
    </row>
    <row r="550742" spans="14:14">
      <c r="N550742" s="10"/>
    </row>
    <row r="550743" spans="14:14">
      <c r="N550743" s="10"/>
    </row>
    <row r="550744" spans="14:14">
      <c r="N550744" s="10"/>
    </row>
    <row r="550745" spans="14:14">
      <c r="N550745" s="10"/>
    </row>
    <row r="550746" spans="14:14">
      <c r="N550746" s="10"/>
    </row>
    <row r="550747" spans="14:14">
      <c r="N550747" s="10"/>
    </row>
    <row r="550748" spans="14:14">
      <c r="N550748" s="10"/>
    </row>
    <row r="550749" spans="14:14">
      <c r="N550749" s="10"/>
    </row>
    <row r="550750" spans="14:14">
      <c r="N550750" s="10"/>
    </row>
    <row r="550751" spans="14:14">
      <c r="N550751" s="10"/>
    </row>
    <row r="550752" spans="14:14">
      <c r="N550752" s="10"/>
    </row>
    <row r="550753" spans="14:14">
      <c r="N550753" s="10"/>
    </row>
    <row r="550754" spans="14:14">
      <c r="N550754" s="10"/>
    </row>
    <row r="550755" spans="14:14">
      <c r="N550755" s="10"/>
    </row>
    <row r="550756" spans="14:14">
      <c r="N550756" s="10"/>
    </row>
    <row r="550757" spans="14:14">
      <c r="N550757" s="10"/>
    </row>
    <row r="550758" spans="14:14">
      <c r="N550758" s="10"/>
    </row>
    <row r="550759" spans="14:14">
      <c r="N550759" s="10"/>
    </row>
    <row r="550760" spans="14:14">
      <c r="N550760" s="10"/>
    </row>
    <row r="550761" spans="14:14">
      <c r="N550761" s="10"/>
    </row>
    <row r="550762" spans="14:14">
      <c r="N550762" s="10"/>
    </row>
    <row r="550763" spans="14:14">
      <c r="N550763" s="10"/>
    </row>
    <row r="550764" spans="14:14">
      <c r="N550764" s="10"/>
    </row>
    <row r="550765" spans="14:14">
      <c r="N550765" s="10"/>
    </row>
    <row r="550766" spans="14:14">
      <c r="N550766" s="10"/>
    </row>
    <row r="550767" spans="14:14">
      <c r="N550767" s="10"/>
    </row>
    <row r="550768" spans="14:14">
      <c r="N550768" s="10"/>
    </row>
    <row r="550769" spans="14:14">
      <c r="N550769" s="10"/>
    </row>
    <row r="550770" spans="14:14">
      <c r="N550770" s="10"/>
    </row>
    <row r="550771" spans="14:14">
      <c r="N550771" s="10"/>
    </row>
    <row r="550772" spans="14:14">
      <c r="N550772" s="10"/>
    </row>
    <row r="550773" spans="14:14">
      <c r="N550773" s="10"/>
    </row>
    <row r="550774" spans="14:14">
      <c r="N550774" s="10"/>
    </row>
    <row r="550775" spans="14:14">
      <c r="N550775" s="10"/>
    </row>
    <row r="550776" spans="14:14">
      <c r="N550776" s="10"/>
    </row>
    <row r="550777" spans="14:14">
      <c r="N550777" s="10"/>
    </row>
    <row r="550778" spans="14:14">
      <c r="N550778" s="10"/>
    </row>
    <row r="550779" spans="14:14">
      <c r="N550779" s="10"/>
    </row>
    <row r="550780" spans="14:14">
      <c r="N550780" s="10"/>
    </row>
    <row r="550781" spans="14:14">
      <c r="N550781" s="10"/>
    </row>
    <row r="550782" spans="14:14">
      <c r="N550782" s="10"/>
    </row>
    <row r="550783" spans="14:14">
      <c r="N550783" s="10"/>
    </row>
    <row r="550784" spans="14:14">
      <c r="N550784" s="10"/>
    </row>
    <row r="550785" spans="14:14">
      <c r="N550785" s="10"/>
    </row>
    <row r="550786" spans="14:14">
      <c r="N550786" s="10"/>
    </row>
    <row r="550787" spans="14:14">
      <c r="N550787" s="10"/>
    </row>
    <row r="550788" spans="14:14">
      <c r="N550788" s="10"/>
    </row>
    <row r="550789" spans="14:14">
      <c r="N550789" s="10"/>
    </row>
    <row r="550790" spans="14:14">
      <c r="N550790" s="10"/>
    </row>
    <row r="550791" spans="14:14">
      <c r="N550791" s="10"/>
    </row>
    <row r="550792" spans="14:14">
      <c r="N550792" s="10"/>
    </row>
    <row r="550793" spans="14:14">
      <c r="N550793" s="10"/>
    </row>
    <row r="550794" spans="14:14">
      <c r="N550794" s="10"/>
    </row>
    <row r="550795" spans="14:14">
      <c r="N550795" s="10"/>
    </row>
    <row r="550796" spans="14:14">
      <c r="N550796" s="10"/>
    </row>
    <row r="550797" spans="14:14">
      <c r="N550797" s="10"/>
    </row>
    <row r="550798" spans="14:14">
      <c r="N550798" s="10"/>
    </row>
    <row r="550799" spans="14:14">
      <c r="N550799" s="10"/>
    </row>
    <row r="550800" spans="14:14">
      <c r="N550800" s="10"/>
    </row>
    <row r="550801" spans="14:14">
      <c r="N550801" s="10"/>
    </row>
    <row r="550802" spans="14:14">
      <c r="N550802" s="10"/>
    </row>
    <row r="550803" spans="14:14">
      <c r="N550803" s="10"/>
    </row>
    <row r="550804" spans="14:14">
      <c r="N550804" s="10"/>
    </row>
    <row r="550805" spans="14:14">
      <c r="N550805" s="10"/>
    </row>
    <row r="550806" spans="14:14">
      <c r="N550806" s="10"/>
    </row>
    <row r="550807" spans="14:14">
      <c r="N550807" s="10"/>
    </row>
    <row r="550808" spans="14:14">
      <c r="N550808" s="10"/>
    </row>
    <row r="550809" spans="14:14">
      <c r="N550809" s="10"/>
    </row>
    <row r="550810" spans="14:14">
      <c r="N550810" s="10"/>
    </row>
    <row r="550811" spans="14:14">
      <c r="N550811" s="10"/>
    </row>
    <row r="550812" spans="14:14">
      <c r="N550812" s="10"/>
    </row>
    <row r="550813" spans="14:14">
      <c r="N550813" s="10"/>
    </row>
    <row r="550814" spans="14:14">
      <c r="N550814" s="10"/>
    </row>
    <row r="550815" spans="14:14">
      <c r="N550815" s="10"/>
    </row>
    <row r="550816" spans="14:14">
      <c r="N550816" s="10"/>
    </row>
    <row r="550817" spans="14:14">
      <c r="N550817" s="10"/>
    </row>
    <row r="550818" spans="14:14">
      <c r="N550818" s="10"/>
    </row>
    <row r="550819" spans="14:14">
      <c r="N550819" s="10"/>
    </row>
    <row r="550820" spans="14:14">
      <c r="N550820" s="10"/>
    </row>
    <row r="550821" spans="14:14">
      <c r="N550821" s="10"/>
    </row>
    <row r="550822" spans="14:14">
      <c r="N550822" s="10"/>
    </row>
    <row r="550823" spans="14:14">
      <c r="N550823" s="10"/>
    </row>
    <row r="550824" spans="14:14">
      <c r="N550824" s="10"/>
    </row>
    <row r="550825" spans="14:14">
      <c r="N550825" s="10"/>
    </row>
    <row r="550826" spans="14:14">
      <c r="N550826" s="10"/>
    </row>
    <row r="550827" spans="14:14">
      <c r="N550827" s="10"/>
    </row>
    <row r="550828" spans="14:14">
      <c r="N550828" s="10"/>
    </row>
    <row r="550829" spans="14:14">
      <c r="N550829" s="10"/>
    </row>
    <row r="550830" spans="14:14">
      <c r="N550830" s="10"/>
    </row>
    <row r="550831" spans="14:14">
      <c r="N550831" s="10"/>
    </row>
    <row r="550832" spans="14:14">
      <c r="N550832" s="10"/>
    </row>
    <row r="550833" spans="14:14">
      <c r="N550833" s="10"/>
    </row>
    <row r="550834" spans="14:14">
      <c r="N550834" s="10"/>
    </row>
    <row r="550835" spans="14:14">
      <c r="N550835" s="10"/>
    </row>
    <row r="550836" spans="14:14">
      <c r="N550836" s="10"/>
    </row>
    <row r="550837" spans="14:14">
      <c r="N550837" s="10"/>
    </row>
    <row r="550838" spans="14:14">
      <c r="N550838" s="10"/>
    </row>
    <row r="550839" spans="14:14">
      <c r="N550839" s="10"/>
    </row>
    <row r="550840" spans="14:14">
      <c r="N550840" s="10"/>
    </row>
    <row r="550841" spans="14:14">
      <c r="N550841" s="10"/>
    </row>
    <row r="550842" spans="14:14">
      <c r="N550842" s="10"/>
    </row>
    <row r="550843" spans="14:14">
      <c r="N550843" s="10"/>
    </row>
    <row r="550844" spans="14:14">
      <c r="N550844" s="10"/>
    </row>
    <row r="550845" spans="14:14">
      <c r="N550845" s="10"/>
    </row>
    <row r="550846" spans="14:14">
      <c r="N550846" s="10"/>
    </row>
    <row r="550847" spans="14:14">
      <c r="N550847" s="10"/>
    </row>
    <row r="550848" spans="14:14">
      <c r="N550848" s="10"/>
    </row>
    <row r="550849" spans="14:14">
      <c r="N550849" s="10"/>
    </row>
    <row r="550850" spans="14:14">
      <c r="N550850" s="10"/>
    </row>
    <row r="550851" spans="14:14">
      <c r="N550851" s="10"/>
    </row>
    <row r="550852" spans="14:14">
      <c r="N550852" s="10"/>
    </row>
    <row r="550853" spans="14:14">
      <c r="N550853" s="10"/>
    </row>
    <row r="550854" spans="14:14">
      <c r="N550854" s="10"/>
    </row>
    <row r="550855" spans="14:14">
      <c r="N550855" s="10"/>
    </row>
    <row r="550856" spans="14:14">
      <c r="N550856" s="10"/>
    </row>
    <row r="550857" spans="14:14">
      <c r="N550857" s="10"/>
    </row>
    <row r="550858" spans="14:14">
      <c r="N550858" s="10"/>
    </row>
    <row r="550859" spans="14:14">
      <c r="N550859" s="10"/>
    </row>
    <row r="550860" spans="14:14">
      <c r="N550860" s="10"/>
    </row>
    <row r="550861" spans="14:14">
      <c r="N550861" s="10"/>
    </row>
    <row r="550862" spans="14:14">
      <c r="N550862" s="10"/>
    </row>
    <row r="550863" spans="14:14">
      <c r="N550863" s="10"/>
    </row>
    <row r="550864" spans="14:14">
      <c r="N550864" s="10"/>
    </row>
    <row r="550865" spans="14:14">
      <c r="N550865" s="10"/>
    </row>
    <row r="550866" spans="14:14">
      <c r="N550866" s="10"/>
    </row>
    <row r="550867" spans="14:14">
      <c r="N550867" s="10"/>
    </row>
    <row r="550868" spans="14:14">
      <c r="N550868" s="10"/>
    </row>
    <row r="550869" spans="14:14">
      <c r="N550869" s="10"/>
    </row>
    <row r="550870" spans="14:14">
      <c r="N550870" s="10"/>
    </row>
    <row r="550871" spans="14:14">
      <c r="N550871" s="10"/>
    </row>
    <row r="550872" spans="14:14">
      <c r="N550872" s="10"/>
    </row>
    <row r="550873" spans="14:14">
      <c r="N550873" s="10"/>
    </row>
    <row r="550874" spans="14:14">
      <c r="N550874" s="10"/>
    </row>
    <row r="550875" spans="14:14">
      <c r="N550875" s="10"/>
    </row>
    <row r="550876" spans="14:14">
      <c r="N550876" s="10"/>
    </row>
    <row r="550877" spans="14:14">
      <c r="N550877" s="10"/>
    </row>
    <row r="550878" spans="14:14">
      <c r="N550878" s="10"/>
    </row>
    <row r="550879" spans="14:14">
      <c r="N550879" s="10"/>
    </row>
    <row r="550880" spans="14:14">
      <c r="N550880" s="10"/>
    </row>
    <row r="550881" spans="14:14">
      <c r="N550881" s="10"/>
    </row>
    <row r="550882" spans="14:14">
      <c r="N550882" s="10"/>
    </row>
    <row r="550883" spans="14:14">
      <c r="N550883" s="10"/>
    </row>
    <row r="550884" spans="14:14">
      <c r="N550884" s="10"/>
    </row>
    <row r="550885" spans="14:14">
      <c r="N550885" s="10"/>
    </row>
    <row r="550886" spans="14:14">
      <c r="N550886" s="10"/>
    </row>
    <row r="550887" spans="14:14">
      <c r="N550887" s="10"/>
    </row>
    <row r="550888" spans="14:14">
      <c r="N550888" s="10"/>
    </row>
    <row r="550889" spans="14:14">
      <c r="N550889" s="10"/>
    </row>
    <row r="550890" spans="14:14">
      <c r="N550890" s="10"/>
    </row>
    <row r="550891" spans="14:14">
      <c r="N550891" s="10"/>
    </row>
    <row r="550892" spans="14:14">
      <c r="N550892" s="10"/>
    </row>
    <row r="550893" spans="14:14">
      <c r="N550893" s="10"/>
    </row>
    <row r="550894" spans="14:14">
      <c r="N550894" s="10"/>
    </row>
    <row r="550895" spans="14:14">
      <c r="N550895" s="10"/>
    </row>
    <row r="550896" spans="14:14">
      <c r="N550896" s="10"/>
    </row>
    <row r="550897" spans="14:14">
      <c r="N550897" s="10"/>
    </row>
    <row r="550898" spans="14:14">
      <c r="N550898" s="10"/>
    </row>
    <row r="550899" spans="14:14">
      <c r="N550899" s="10"/>
    </row>
    <row r="550900" spans="14:14">
      <c r="N550900" s="10"/>
    </row>
    <row r="550901" spans="14:14">
      <c r="N550901" s="10"/>
    </row>
    <row r="550902" spans="14:14">
      <c r="N550902" s="10"/>
    </row>
    <row r="550903" spans="14:14">
      <c r="N550903" s="10"/>
    </row>
    <row r="550904" spans="14:14">
      <c r="N550904" s="10"/>
    </row>
    <row r="550905" spans="14:14">
      <c r="N550905" s="10"/>
    </row>
    <row r="550906" spans="14:14">
      <c r="N550906" s="10"/>
    </row>
    <row r="550907" spans="14:14">
      <c r="N550907" s="10"/>
    </row>
    <row r="550908" spans="14:14">
      <c r="N550908" s="10"/>
    </row>
    <row r="550909" spans="14:14">
      <c r="N550909" s="10"/>
    </row>
    <row r="550910" spans="14:14">
      <c r="N550910" s="10"/>
    </row>
    <row r="550911" spans="14:14">
      <c r="N550911" s="10"/>
    </row>
    <row r="550912" spans="14:14">
      <c r="N550912" s="10"/>
    </row>
    <row r="550913" spans="14:14">
      <c r="N550913" s="10"/>
    </row>
    <row r="550914" spans="14:14">
      <c r="N550914" s="10"/>
    </row>
    <row r="550915" spans="14:14">
      <c r="N550915" s="10"/>
    </row>
    <row r="550916" spans="14:14">
      <c r="N550916" s="10"/>
    </row>
    <row r="550917" spans="14:14">
      <c r="N550917" s="10"/>
    </row>
    <row r="550918" spans="14:14">
      <c r="N550918" s="10"/>
    </row>
    <row r="550919" spans="14:14">
      <c r="N550919" s="10"/>
    </row>
    <row r="550920" spans="14:14">
      <c r="N550920" s="10"/>
    </row>
    <row r="550921" spans="14:14">
      <c r="N550921" s="10"/>
    </row>
    <row r="550922" spans="14:14">
      <c r="N550922" s="10"/>
    </row>
    <row r="550923" spans="14:14">
      <c r="N550923" s="10"/>
    </row>
    <row r="550924" spans="14:14">
      <c r="N550924" s="10"/>
    </row>
    <row r="550925" spans="14:14">
      <c r="N550925" s="10"/>
    </row>
    <row r="550926" spans="14:14">
      <c r="N550926" s="10"/>
    </row>
    <row r="550927" spans="14:14">
      <c r="N550927" s="10"/>
    </row>
    <row r="550928" spans="14:14">
      <c r="N550928" s="10"/>
    </row>
    <row r="550929" spans="14:14">
      <c r="N550929" s="10"/>
    </row>
    <row r="550930" spans="14:14">
      <c r="N550930" s="10"/>
    </row>
    <row r="550931" spans="14:14">
      <c r="N550931" s="10"/>
    </row>
    <row r="550932" spans="14:14">
      <c r="N550932" s="10"/>
    </row>
    <row r="550933" spans="14:14">
      <c r="N550933" s="10"/>
    </row>
    <row r="550934" spans="14:14">
      <c r="N550934" s="10"/>
    </row>
    <row r="550935" spans="14:14">
      <c r="N550935" s="10"/>
    </row>
    <row r="550936" spans="14:14">
      <c r="N550936" s="10"/>
    </row>
    <row r="550937" spans="14:14">
      <c r="N550937" s="10"/>
    </row>
    <row r="550938" spans="14:14">
      <c r="N550938" s="10"/>
    </row>
    <row r="550939" spans="14:14">
      <c r="N550939" s="10"/>
    </row>
    <row r="550940" spans="14:14">
      <c r="N550940" s="10"/>
    </row>
    <row r="550941" spans="14:14">
      <c r="N550941" s="10"/>
    </row>
    <row r="550942" spans="14:14">
      <c r="N550942" s="10"/>
    </row>
    <row r="550943" spans="14:14">
      <c r="N550943" s="10"/>
    </row>
    <row r="550944" spans="14:14">
      <c r="N550944" s="10"/>
    </row>
    <row r="550945" spans="14:14">
      <c r="N550945" s="10"/>
    </row>
    <row r="550946" spans="14:14">
      <c r="N550946" s="10"/>
    </row>
    <row r="550947" spans="14:14">
      <c r="N550947" s="10"/>
    </row>
    <row r="550948" spans="14:14">
      <c r="N550948" s="10"/>
    </row>
    <row r="550949" spans="14:14">
      <c r="N550949" s="10"/>
    </row>
    <row r="550950" spans="14:14">
      <c r="N550950" s="10"/>
    </row>
    <row r="550951" spans="14:14">
      <c r="N550951" s="10"/>
    </row>
    <row r="550952" spans="14:14">
      <c r="N550952" s="10"/>
    </row>
    <row r="550953" spans="14:14">
      <c r="N550953" s="10"/>
    </row>
    <row r="550954" spans="14:14">
      <c r="N550954" s="10"/>
    </row>
    <row r="550955" spans="14:14">
      <c r="N550955" s="10"/>
    </row>
    <row r="550956" spans="14:14">
      <c r="N550956" s="10"/>
    </row>
    <row r="550957" spans="14:14">
      <c r="N550957" s="10"/>
    </row>
    <row r="550958" spans="14:14">
      <c r="N550958" s="10"/>
    </row>
    <row r="550959" spans="14:14">
      <c r="N550959" s="10"/>
    </row>
    <row r="550960" spans="14:14">
      <c r="N550960" s="10"/>
    </row>
    <row r="550961" spans="14:14">
      <c r="N550961" s="10"/>
    </row>
    <row r="550962" spans="14:14">
      <c r="N550962" s="10"/>
    </row>
    <row r="550963" spans="14:14">
      <c r="N550963" s="10"/>
    </row>
    <row r="550964" spans="14:14">
      <c r="N550964" s="10"/>
    </row>
    <row r="550965" spans="14:14">
      <c r="N550965" s="10"/>
    </row>
    <row r="550966" spans="14:14">
      <c r="N550966" s="10"/>
    </row>
    <row r="550967" spans="14:14">
      <c r="N550967" s="10"/>
    </row>
    <row r="550968" spans="14:14">
      <c r="N550968" s="10"/>
    </row>
    <row r="550969" spans="14:14">
      <c r="N550969" s="10"/>
    </row>
    <row r="550970" spans="14:14">
      <c r="N550970" s="10"/>
    </row>
    <row r="550971" spans="14:14">
      <c r="N550971" s="10"/>
    </row>
    <row r="550972" spans="14:14">
      <c r="N550972" s="10"/>
    </row>
    <row r="550973" spans="14:14">
      <c r="N550973" s="10"/>
    </row>
    <row r="550974" spans="14:14">
      <c r="N550974" s="10"/>
    </row>
    <row r="550975" spans="14:14">
      <c r="N550975" s="10"/>
    </row>
    <row r="550976" spans="14:14">
      <c r="N550976" s="10"/>
    </row>
    <row r="550977" spans="14:14">
      <c r="N550977" s="10"/>
    </row>
    <row r="550978" spans="14:14">
      <c r="N550978" s="10"/>
    </row>
    <row r="550979" spans="14:14">
      <c r="N550979" s="10"/>
    </row>
    <row r="550980" spans="14:14">
      <c r="N550980" s="10"/>
    </row>
    <row r="550981" spans="14:14">
      <c r="N550981" s="10"/>
    </row>
    <row r="550982" spans="14:14">
      <c r="N550982" s="10"/>
    </row>
    <row r="550983" spans="14:14">
      <c r="N550983" s="10"/>
    </row>
    <row r="550984" spans="14:14">
      <c r="N550984" s="10"/>
    </row>
    <row r="550985" spans="14:14">
      <c r="N550985" s="10"/>
    </row>
    <row r="550986" spans="14:14">
      <c r="N550986" s="10"/>
    </row>
    <row r="550987" spans="14:14">
      <c r="N550987" s="10"/>
    </row>
    <row r="550988" spans="14:14">
      <c r="N550988" s="10"/>
    </row>
    <row r="550989" spans="14:14">
      <c r="N550989" s="10"/>
    </row>
    <row r="550990" spans="14:14">
      <c r="N550990" s="10"/>
    </row>
    <row r="550991" spans="14:14">
      <c r="N550991" s="10"/>
    </row>
    <row r="550992" spans="14:14">
      <c r="N550992" s="10"/>
    </row>
    <row r="550993" spans="14:14">
      <c r="N550993" s="10"/>
    </row>
    <row r="550994" spans="14:14">
      <c r="N550994" s="10"/>
    </row>
    <row r="550995" spans="14:14">
      <c r="N550995" s="10"/>
    </row>
    <row r="550996" spans="14:14">
      <c r="N550996" s="10"/>
    </row>
    <row r="550997" spans="14:14">
      <c r="N550997" s="10"/>
    </row>
    <row r="550998" spans="14:14">
      <c r="N550998" s="10"/>
    </row>
    <row r="550999" spans="14:14">
      <c r="N550999" s="10"/>
    </row>
    <row r="551000" spans="14:14">
      <c r="N551000" s="10"/>
    </row>
    <row r="551001" spans="14:14">
      <c r="N551001" s="10"/>
    </row>
    <row r="551002" spans="14:14">
      <c r="N551002" s="10"/>
    </row>
    <row r="551003" spans="14:14">
      <c r="N551003" s="10"/>
    </row>
    <row r="551004" spans="14:14">
      <c r="N551004" s="10"/>
    </row>
    <row r="551005" spans="14:14">
      <c r="N551005" s="10"/>
    </row>
    <row r="551006" spans="14:14">
      <c r="N551006" s="10"/>
    </row>
    <row r="551007" spans="14:14">
      <c r="N551007" s="10"/>
    </row>
    <row r="551008" spans="14:14">
      <c r="N551008" s="10"/>
    </row>
    <row r="551009" spans="14:14">
      <c r="N551009" s="10"/>
    </row>
    <row r="551010" spans="14:14">
      <c r="N551010" s="10"/>
    </row>
    <row r="551011" spans="14:14">
      <c r="N551011" s="10"/>
    </row>
    <row r="551012" spans="14:14">
      <c r="N551012" s="10"/>
    </row>
    <row r="551013" spans="14:14">
      <c r="N551013" s="10"/>
    </row>
    <row r="551014" spans="14:14">
      <c r="N551014" s="10"/>
    </row>
    <row r="551015" spans="14:14">
      <c r="N551015" s="10"/>
    </row>
    <row r="551016" spans="14:14">
      <c r="N551016" s="10"/>
    </row>
    <row r="551017" spans="14:14">
      <c r="N551017" s="10"/>
    </row>
    <row r="551018" spans="14:14">
      <c r="N551018" s="10"/>
    </row>
    <row r="551019" spans="14:14">
      <c r="N551019" s="10"/>
    </row>
    <row r="551020" spans="14:14">
      <c r="N551020" s="10"/>
    </row>
    <row r="551021" spans="14:14">
      <c r="N551021" s="10"/>
    </row>
    <row r="551022" spans="14:14">
      <c r="N551022" s="10"/>
    </row>
    <row r="551023" spans="14:14">
      <c r="N551023" s="10"/>
    </row>
    <row r="551024" spans="14:14">
      <c r="N551024" s="10"/>
    </row>
    <row r="551025" spans="14:14">
      <c r="N551025" s="10"/>
    </row>
    <row r="551026" spans="14:14">
      <c r="N551026" s="10"/>
    </row>
    <row r="551027" spans="14:14">
      <c r="N551027" s="10"/>
    </row>
    <row r="551028" spans="14:14">
      <c r="N551028" s="10"/>
    </row>
    <row r="551029" spans="14:14">
      <c r="N551029" s="10"/>
    </row>
    <row r="551030" spans="14:14">
      <c r="N551030" s="10"/>
    </row>
    <row r="551031" spans="14:14">
      <c r="N551031" s="10"/>
    </row>
    <row r="551032" spans="14:14">
      <c r="N551032" s="10"/>
    </row>
    <row r="551033" spans="14:14">
      <c r="N551033" s="10"/>
    </row>
    <row r="551034" spans="14:14">
      <c r="N551034" s="10"/>
    </row>
    <row r="551035" spans="14:14">
      <c r="N551035" s="10"/>
    </row>
    <row r="551036" spans="14:14">
      <c r="N551036" s="10"/>
    </row>
    <row r="551037" spans="14:14">
      <c r="N551037" s="10"/>
    </row>
    <row r="551038" spans="14:14">
      <c r="N551038" s="10"/>
    </row>
    <row r="551039" spans="14:14">
      <c r="N551039" s="10"/>
    </row>
    <row r="551040" spans="14:14">
      <c r="N551040" s="10"/>
    </row>
    <row r="551041" spans="14:14">
      <c r="N551041" s="10"/>
    </row>
    <row r="551042" spans="14:14">
      <c r="N551042" s="10"/>
    </row>
    <row r="551043" spans="14:14">
      <c r="N551043" s="10"/>
    </row>
    <row r="551044" spans="14:14">
      <c r="N551044" s="10"/>
    </row>
    <row r="551045" spans="14:14">
      <c r="N551045" s="10"/>
    </row>
    <row r="551046" spans="14:14">
      <c r="N551046" s="10"/>
    </row>
    <row r="551047" spans="14:14">
      <c r="N551047" s="10"/>
    </row>
    <row r="551048" spans="14:14">
      <c r="N551048" s="10"/>
    </row>
    <row r="551049" spans="14:14">
      <c r="N551049" s="10"/>
    </row>
    <row r="551050" spans="14:14">
      <c r="N551050" s="10"/>
    </row>
    <row r="551051" spans="14:14">
      <c r="N551051" s="10"/>
    </row>
    <row r="551052" spans="14:14">
      <c r="N551052" s="10"/>
    </row>
    <row r="551053" spans="14:14">
      <c r="N551053" s="10"/>
    </row>
    <row r="551054" spans="14:14">
      <c r="N551054" s="10"/>
    </row>
    <row r="551055" spans="14:14">
      <c r="N551055" s="10"/>
    </row>
    <row r="551056" spans="14:14">
      <c r="N551056" s="10"/>
    </row>
    <row r="551057" spans="14:14">
      <c r="N551057" s="10"/>
    </row>
    <row r="551058" spans="14:14">
      <c r="N551058" s="10"/>
    </row>
    <row r="551059" spans="14:14">
      <c r="N551059" s="10"/>
    </row>
    <row r="551060" spans="14:14">
      <c r="N551060" s="10"/>
    </row>
    <row r="551061" spans="14:14">
      <c r="N551061" s="10"/>
    </row>
    <row r="551062" spans="14:14">
      <c r="N551062" s="10"/>
    </row>
    <row r="551063" spans="14:14">
      <c r="N551063" s="10"/>
    </row>
    <row r="551064" spans="14:14">
      <c r="N551064" s="10"/>
    </row>
    <row r="551065" spans="14:14">
      <c r="N551065" s="10"/>
    </row>
    <row r="551066" spans="14:14">
      <c r="N551066" s="10"/>
    </row>
    <row r="551067" spans="14:14">
      <c r="N551067" s="10"/>
    </row>
    <row r="551068" spans="14:14">
      <c r="N551068" s="10"/>
    </row>
    <row r="551069" spans="14:14">
      <c r="N551069" s="10"/>
    </row>
    <row r="551070" spans="14:14">
      <c r="N551070" s="10"/>
    </row>
    <row r="551071" spans="14:14">
      <c r="N551071" s="10"/>
    </row>
    <row r="551072" spans="14:14">
      <c r="N551072" s="10"/>
    </row>
    <row r="551073" spans="14:14">
      <c r="N551073" s="10"/>
    </row>
    <row r="551074" spans="14:14">
      <c r="N551074" s="10"/>
    </row>
    <row r="551075" spans="14:14">
      <c r="N551075" s="10"/>
    </row>
    <row r="551076" spans="14:14">
      <c r="N551076" s="10"/>
    </row>
    <row r="551077" spans="14:14">
      <c r="N551077" s="10"/>
    </row>
    <row r="551078" spans="14:14">
      <c r="N551078" s="10"/>
    </row>
    <row r="551079" spans="14:14">
      <c r="N551079" s="10"/>
    </row>
    <row r="551080" spans="14:14">
      <c r="N551080" s="10"/>
    </row>
    <row r="551081" spans="14:14">
      <c r="N551081" s="10"/>
    </row>
    <row r="551082" spans="14:14">
      <c r="N551082" s="10"/>
    </row>
    <row r="551083" spans="14:14">
      <c r="N551083" s="10"/>
    </row>
    <row r="551084" spans="14:14">
      <c r="N551084" s="10"/>
    </row>
    <row r="551085" spans="14:14">
      <c r="N551085" s="10"/>
    </row>
    <row r="551086" spans="14:14">
      <c r="N551086" s="10"/>
    </row>
    <row r="551087" spans="14:14">
      <c r="N551087" s="10"/>
    </row>
    <row r="551088" spans="14:14">
      <c r="N551088" s="10"/>
    </row>
    <row r="551089" spans="14:14">
      <c r="N551089" s="10"/>
    </row>
    <row r="551090" spans="14:14">
      <c r="N551090" s="10"/>
    </row>
    <row r="551091" spans="14:14">
      <c r="N551091" s="10"/>
    </row>
    <row r="551092" spans="14:14">
      <c r="N551092" s="10"/>
    </row>
    <row r="551093" spans="14:14">
      <c r="N551093" s="10"/>
    </row>
    <row r="551094" spans="14:14">
      <c r="N551094" s="10"/>
    </row>
    <row r="551095" spans="14:14">
      <c r="N551095" s="10"/>
    </row>
    <row r="551096" spans="14:14">
      <c r="N551096" s="10"/>
    </row>
    <row r="551097" spans="14:14">
      <c r="N551097" s="10"/>
    </row>
    <row r="551098" spans="14:14">
      <c r="N551098" s="10"/>
    </row>
    <row r="551099" spans="14:14">
      <c r="N551099" s="10"/>
    </row>
    <row r="551100" spans="14:14">
      <c r="N551100" s="10"/>
    </row>
    <row r="551101" spans="14:14">
      <c r="N551101" s="10"/>
    </row>
    <row r="551102" spans="14:14">
      <c r="N551102" s="10"/>
    </row>
    <row r="551103" spans="14:14">
      <c r="N551103" s="10"/>
    </row>
    <row r="551104" spans="14:14">
      <c r="N551104" s="10"/>
    </row>
    <row r="551105" spans="14:14">
      <c r="N551105" s="10"/>
    </row>
    <row r="551106" spans="14:14">
      <c r="N551106" s="10"/>
    </row>
    <row r="551107" spans="14:14">
      <c r="N551107" s="10"/>
    </row>
    <row r="551108" spans="14:14">
      <c r="N551108" s="10"/>
    </row>
    <row r="551109" spans="14:14">
      <c r="N551109" s="10"/>
    </row>
    <row r="551110" spans="14:14">
      <c r="N551110" s="10"/>
    </row>
    <row r="551111" spans="14:14">
      <c r="N551111" s="10"/>
    </row>
    <row r="551112" spans="14:14">
      <c r="N551112" s="10"/>
    </row>
    <row r="551113" spans="14:14">
      <c r="N551113" s="10"/>
    </row>
    <row r="551114" spans="14:14">
      <c r="N551114" s="10"/>
    </row>
    <row r="551115" spans="14:14">
      <c r="N551115" s="10"/>
    </row>
    <row r="551116" spans="14:14">
      <c r="N551116" s="10"/>
    </row>
    <row r="551117" spans="14:14">
      <c r="N551117" s="10"/>
    </row>
    <row r="551118" spans="14:14">
      <c r="N551118" s="10"/>
    </row>
    <row r="551119" spans="14:14">
      <c r="N551119" s="10"/>
    </row>
    <row r="551120" spans="14:14">
      <c r="N551120" s="10"/>
    </row>
    <row r="551121" spans="14:14">
      <c r="N551121" s="10"/>
    </row>
    <row r="551122" spans="14:14">
      <c r="N551122" s="10"/>
    </row>
    <row r="551123" spans="14:14">
      <c r="N551123" s="10"/>
    </row>
    <row r="551124" spans="14:14">
      <c r="N551124" s="10"/>
    </row>
    <row r="551125" spans="14:14">
      <c r="N551125" s="10"/>
    </row>
    <row r="551126" spans="14:14">
      <c r="N551126" s="10"/>
    </row>
    <row r="551127" spans="14:14">
      <c r="N551127" s="10"/>
    </row>
    <row r="551128" spans="14:14">
      <c r="N551128" s="10"/>
    </row>
    <row r="551129" spans="14:14">
      <c r="N551129" s="10"/>
    </row>
    <row r="551130" spans="14:14">
      <c r="N551130" s="10"/>
    </row>
    <row r="551131" spans="14:14">
      <c r="N551131" s="10"/>
    </row>
    <row r="551132" spans="14:14">
      <c r="N551132" s="10"/>
    </row>
    <row r="551133" spans="14:14">
      <c r="N551133" s="10"/>
    </row>
    <row r="551134" spans="14:14">
      <c r="N551134" s="10"/>
    </row>
    <row r="551135" spans="14:14">
      <c r="N551135" s="10"/>
    </row>
    <row r="551136" spans="14:14">
      <c r="N551136" s="10"/>
    </row>
    <row r="551137" spans="14:14">
      <c r="N551137" s="10"/>
    </row>
    <row r="551138" spans="14:14">
      <c r="N551138" s="10"/>
    </row>
    <row r="551139" spans="14:14">
      <c r="N551139" s="10"/>
    </row>
    <row r="551140" spans="14:14">
      <c r="N551140" s="10"/>
    </row>
    <row r="551141" spans="14:14">
      <c r="N551141" s="10"/>
    </row>
    <row r="551142" spans="14:14">
      <c r="N551142" s="10"/>
    </row>
    <row r="551143" spans="14:14">
      <c r="N551143" s="10"/>
    </row>
    <row r="551144" spans="14:14">
      <c r="N551144" s="10"/>
    </row>
    <row r="551145" spans="14:14">
      <c r="N551145" s="10"/>
    </row>
    <row r="551146" spans="14:14">
      <c r="N551146" s="10"/>
    </row>
    <row r="551147" spans="14:14">
      <c r="N551147" s="10"/>
    </row>
    <row r="551148" spans="14:14">
      <c r="N551148" s="10"/>
    </row>
    <row r="551149" spans="14:14">
      <c r="N551149" s="10"/>
    </row>
    <row r="551150" spans="14:14">
      <c r="N551150" s="10"/>
    </row>
    <row r="551151" spans="14:14">
      <c r="N551151" s="10"/>
    </row>
    <row r="551152" spans="14:14">
      <c r="N551152" s="10"/>
    </row>
    <row r="551153" spans="14:14">
      <c r="N551153" s="10"/>
    </row>
    <row r="551154" spans="14:14">
      <c r="N551154" s="10"/>
    </row>
    <row r="551155" spans="14:14">
      <c r="N551155" s="10"/>
    </row>
    <row r="551156" spans="14:14">
      <c r="N551156" s="10"/>
    </row>
    <row r="551157" spans="14:14">
      <c r="N551157" s="10"/>
    </row>
    <row r="551158" spans="14:14">
      <c r="N551158" s="10"/>
    </row>
    <row r="551159" spans="14:14">
      <c r="N551159" s="10"/>
    </row>
    <row r="551160" spans="14:14">
      <c r="N551160" s="10"/>
    </row>
    <row r="551161" spans="14:14">
      <c r="N551161" s="10"/>
    </row>
    <row r="551162" spans="14:14">
      <c r="N551162" s="10"/>
    </row>
    <row r="551163" spans="14:14">
      <c r="N551163" s="10"/>
    </row>
    <row r="551164" spans="14:14">
      <c r="N551164" s="10"/>
    </row>
    <row r="551165" spans="14:14">
      <c r="N551165" s="10"/>
    </row>
    <row r="551166" spans="14:14">
      <c r="N551166" s="10"/>
    </row>
    <row r="551167" spans="14:14">
      <c r="N551167" s="10"/>
    </row>
    <row r="551168" spans="14:14">
      <c r="N551168" s="10"/>
    </row>
    <row r="551169" spans="14:14">
      <c r="N551169" s="10"/>
    </row>
    <row r="551170" spans="14:14">
      <c r="N551170" s="10"/>
    </row>
    <row r="551171" spans="14:14">
      <c r="N551171" s="10"/>
    </row>
    <row r="551172" spans="14:14">
      <c r="N551172" s="10"/>
    </row>
    <row r="551173" spans="14:14">
      <c r="N551173" s="10"/>
    </row>
    <row r="551174" spans="14:14">
      <c r="N551174" s="10"/>
    </row>
    <row r="551175" spans="14:14">
      <c r="N551175" s="10"/>
    </row>
    <row r="551176" spans="14:14">
      <c r="N551176" s="10"/>
    </row>
    <row r="551177" spans="14:14">
      <c r="N551177" s="10"/>
    </row>
    <row r="551178" spans="14:14">
      <c r="N551178" s="10"/>
    </row>
    <row r="551179" spans="14:14">
      <c r="N551179" s="10"/>
    </row>
    <row r="551180" spans="14:14">
      <c r="N551180" s="10"/>
    </row>
    <row r="551181" spans="14:14">
      <c r="N551181" s="10"/>
    </row>
    <row r="551182" spans="14:14">
      <c r="N551182" s="10"/>
    </row>
    <row r="551183" spans="14:14">
      <c r="N551183" s="10"/>
    </row>
    <row r="551184" spans="14:14">
      <c r="N551184" s="10"/>
    </row>
    <row r="551185" spans="14:14">
      <c r="N551185" s="10"/>
    </row>
    <row r="551186" spans="14:14">
      <c r="N551186" s="10"/>
    </row>
    <row r="551187" spans="14:14">
      <c r="N551187" s="10"/>
    </row>
    <row r="551188" spans="14:14">
      <c r="N551188" s="10"/>
    </row>
    <row r="551189" spans="14:14">
      <c r="N551189" s="10"/>
    </row>
    <row r="551190" spans="14:14">
      <c r="N551190" s="10"/>
    </row>
    <row r="551191" spans="14:14">
      <c r="N551191" s="10"/>
    </row>
    <row r="551192" spans="14:14">
      <c r="N551192" s="10"/>
    </row>
    <row r="551193" spans="14:14">
      <c r="N551193" s="10"/>
    </row>
    <row r="551194" spans="14:14">
      <c r="N551194" s="10"/>
    </row>
    <row r="551195" spans="14:14">
      <c r="N551195" s="10"/>
    </row>
    <row r="551196" spans="14:14">
      <c r="N551196" s="10"/>
    </row>
    <row r="551197" spans="14:14">
      <c r="N551197" s="10"/>
    </row>
    <row r="551198" spans="14:14">
      <c r="N551198" s="10"/>
    </row>
    <row r="551199" spans="14:14">
      <c r="N551199" s="10"/>
    </row>
    <row r="551200" spans="14:14">
      <c r="N551200" s="10"/>
    </row>
    <row r="551201" spans="14:14">
      <c r="N551201" s="10"/>
    </row>
    <row r="551202" spans="14:14">
      <c r="N551202" s="10"/>
    </row>
    <row r="551203" spans="14:14">
      <c r="N551203" s="10"/>
    </row>
    <row r="551204" spans="14:14">
      <c r="N551204" s="10"/>
    </row>
    <row r="551205" spans="14:14">
      <c r="N551205" s="10"/>
    </row>
    <row r="551206" spans="14:14">
      <c r="N551206" s="10"/>
    </row>
    <row r="551207" spans="14:14">
      <c r="N551207" s="10"/>
    </row>
    <row r="551208" spans="14:14">
      <c r="N551208" s="10"/>
    </row>
    <row r="551209" spans="14:14">
      <c r="N551209" s="10"/>
    </row>
    <row r="551210" spans="14:14">
      <c r="N551210" s="10"/>
    </row>
    <row r="551211" spans="14:14">
      <c r="N551211" s="10"/>
    </row>
    <row r="551212" spans="14:14">
      <c r="N551212" s="10"/>
    </row>
    <row r="551213" spans="14:14">
      <c r="N551213" s="10"/>
    </row>
    <row r="551214" spans="14:14">
      <c r="N551214" s="10"/>
    </row>
    <row r="551215" spans="14:14">
      <c r="N551215" s="10"/>
    </row>
    <row r="551216" spans="14:14">
      <c r="N551216" s="10"/>
    </row>
    <row r="551217" spans="14:14">
      <c r="N551217" s="10"/>
    </row>
    <row r="551218" spans="14:14">
      <c r="N551218" s="10"/>
    </row>
    <row r="551219" spans="14:14">
      <c r="N551219" s="10"/>
    </row>
    <row r="551220" spans="14:14">
      <c r="N551220" s="10"/>
    </row>
    <row r="551221" spans="14:14">
      <c r="N551221" s="10"/>
    </row>
    <row r="551222" spans="14:14">
      <c r="N551222" s="10"/>
    </row>
    <row r="551223" spans="14:14">
      <c r="N551223" s="10"/>
    </row>
    <row r="551224" spans="14:14">
      <c r="N551224" s="10"/>
    </row>
    <row r="551225" spans="14:14">
      <c r="N551225" s="10"/>
    </row>
    <row r="551226" spans="14:14">
      <c r="N551226" s="10"/>
    </row>
    <row r="551227" spans="14:14">
      <c r="N551227" s="10"/>
    </row>
    <row r="551228" spans="14:14">
      <c r="N551228" s="10"/>
    </row>
    <row r="551229" spans="14:14">
      <c r="N551229" s="10"/>
    </row>
    <row r="551230" spans="14:14">
      <c r="N551230" s="10"/>
    </row>
    <row r="551231" spans="14:14">
      <c r="N551231" s="10"/>
    </row>
    <row r="551232" spans="14:14">
      <c r="N551232" s="10"/>
    </row>
    <row r="551233" spans="14:14">
      <c r="N551233" s="10"/>
    </row>
    <row r="551234" spans="14:14">
      <c r="N551234" s="10"/>
    </row>
    <row r="551235" spans="14:14">
      <c r="N551235" s="10"/>
    </row>
    <row r="551236" spans="14:14">
      <c r="N551236" s="10"/>
    </row>
    <row r="551237" spans="14:14">
      <c r="N551237" s="10"/>
    </row>
    <row r="551238" spans="14:14">
      <c r="N551238" s="10"/>
    </row>
    <row r="551239" spans="14:14">
      <c r="N551239" s="10"/>
    </row>
    <row r="551240" spans="14:14">
      <c r="N551240" s="10"/>
    </row>
    <row r="551241" spans="14:14">
      <c r="N551241" s="10"/>
    </row>
    <row r="551242" spans="14:14">
      <c r="N551242" s="10"/>
    </row>
    <row r="551243" spans="14:14">
      <c r="N551243" s="10"/>
    </row>
    <row r="551244" spans="14:14">
      <c r="N551244" s="10"/>
    </row>
    <row r="551245" spans="14:14">
      <c r="N551245" s="10"/>
    </row>
    <row r="551246" spans="14:14">
      <c r="N551246" s="10"/>
    </row>
    <row r="551247" spans="14:14">
      <c r="N551247" s="10"/>
    </row>
    <row r="551248" spans="14:14">
      <c r="N551248" s="10"/>
    </row>
    <row r="551249" spans="14:14">
      <c r="N551249" s="10"/>
    </row>
    <row r="551250" spans="14:14">
      <c r="N551250" s="10"/>
    </row>
    <row r="551251" spans="14:14">
      <c r="N551251" s="10"/>
    </row>
    <row r="551252" spans="14:14">
      <c r="N551252" s="10"/>
    </row>
    <row r="551253" spans="14:14">
      <c r="N551253" s="10"/>
    </row>
    <row r="551254" spans="14:14">
      <c r="N551254" s="10"/>
    </row>
    <row r="551255" spans="14:14">
      <c r="N551255" s="10"/>
    </row>
    <row r="551256" spans="14:14">
      <c r="N551256" s="10"/>
    </row>
    <row r="551257" spans="14:14">
      <c r="N551257" s="10"/>
    </row>
    <row r="551258" spans="14:14">
      <c r="N551258" s="10"/>
    </row>
    <row r="551259" spans="14:14">
      <c r="N551259" s="10"/>
    </row>
    <row r="551260" spans="14:14">
      <c r="N551260" s="10"/>
    </row>
    <row r="551261" spans="14:14">
      <c r="N551261" s="10"/>
    </row>
    <row r="551262" spans="14:14">
      <c r="N551262" s="10"/>
    </row>
    <row r="551263" spans="14:14">
      <c r="N551263" s="10"/>
    </row>
    <row r="551264" spans="14:14">
      <c r="N551264" s="10"/>
    </row>
    <row r="551265" spans="14:14">
      <c r="N551265" s="10"/>
    </row>
    <row r="551266" spans="14:14">
      <c r="N551266" s="10"/>
    </row>
    <row r="551267" spans="14:14">
      <c r="N551267" s="10"/>
    </row>
    <row r="551268" spans="14:14">
      <c r="N551268" s="10"/>
    </row>
    <row r="551269" spans="14:14">
      <c r="N551269" s="10"/>
    </row>
    <row r="551270" spans="14:14">
      <c r="N551270" s="10"/>
    </row>
    <row r="551271" spans="14:14">
      <c r="N551271" s="10"/>
    </row>
    <row r="551272" spans="14:14">
      <c r="N551272" s="10"/>
    </row>
    <row r="551273" spans="14:14">
      <c r="N551273" s="10"/>
    </row>
    <row r="551274" spans="14:14">
      <c r="N551274" s="10"/>
    </row>
    <row r="551275" spans="14:14">
      <c r="N551275" s="10"/>
    </row>
    <row r="551276" spans="14:14">
      <c r="N551276" s="10"/>
    </row>
    <row r="551277" spans="14:14">
      <c r="N551277" s="10"/>
    </row>
    <row r="551278" spans="14:14">
      <c r="N551278" s="10"/>
    </row>
    <row r="551279" spans="14:14">
      <c r="N551279" s="10"/>
    </row>
    <row r="551280" spans="14:14">
      <c r="N551280" s="10"/>
    </row>
    <row r="551281" spans="14:14">
      <c r="N551281" s="10"/>
    </row>
    <row r="551282" spans="14:14">
      <c r="N551282" s="10"/>
    </row>
    <row r="551283" spans="14:14">
      <c r="N551283" s="10"/>
    </row>
    <row r="551284" spans="14:14">
      <c r="N551284" s="10"/>
    </row>
    <row r="551285" spans="14:14">
      <c r="N551285" s="10"/>
    </row>
    <row r="551286" spans="14:14">
      <c r="N551286" s="10"/>
    </row>
    <row r="551287" spans="14:14">
      <c r="N551287" s="10"/>
    </row>
    <row r="551288" spans="14:14">
      <c r="N551288" s="10"/>
    </row>
    <row r="551289" spans="14:14">
      <c r="N551289" s="10"/>
    </row>
    <row r="551290" spans="14:14">
      <c r="N551290" s="10"/>
    </row>
    <row r="551291" spans="14:14">
      <c r="N551291" s="10"/>
    </row>
    <row r="551292" spans="14:14">
      <c r="N551292" s="10"/>
    </row>
    <row r="551293" spans="14:14">
      <c r="N551293" s="10"/>
    </row>
    <row r="551294" spans="14:14">
      <c r="N551294" s="10"/>
    </row>
    <row r="551295" spans="14:14">
      <c r="N551295" s="10"/>
    </row>
    <row r="551296" spans="14:14">
      <c r="N551296" s="10"/>
    </row>
    <row r="551297" spans="14:14">
      <c r="N551297" s="10"/>
    </row>
    <row r="551298" spans="14:14">
      <c r="N551298" s="10"/>
    </row>
    <row r="551299" spans="14:14">
      <c r="N551299" s="10"/>
    </row>
    <row r="551300" spans="14:14">
      <c r="N551300" s="10"/>
    </row>
    <row r="551301" spans="14:14">
      <c r="N551301" s="10"/>
    </row>
    <row r="551302" spans="14:14">
      <c r="N551302" s="10"/>
    </row>
    <row r="551303" spans="14:14">
      <c r="N551303" s="10"/>
    </row>
    <row r="551304" spans="14:14">
      <c r="N551304" s="10"/>
    </row>
    <row r="551305" spans="14:14">
      <c r="N551305" s="10"/>
    </row>
    <row r="551306" spans="14:14">
      <c r="N551306" s="10"/>
    </row>
    <row r="551307" spans="14:14">
      <c r="N551307" s="10"/>
    </row>
    <row r="551308" spans="14:14">
      <c r="N551308" s="10"/>
    </row>
    <row r="551309" spans="14:14">
      <c r="N551309" s="10"/>
    </row>
    <row r="551310" spans="14:14">
      <c r="N551310" s="10"/>
    </row>
    <row r="551311" spans="14:14">
      <c r="N551311" s="10"/>
    </row>
    <row r="551312" spans="14:14">
      <c r="N551312" s="10"/>
    </row>
    <row r="551313" spans="14:14">
      <c r="N551313" s="10"/>
    </row>
    <row r="551314" spans="14:14">
      <c r="N551314" s="10"/>
    </row>
    <row r="551315" spans="14:14">
      <c r="N551315" s="10"/>
    </row>
    <row r="551316" spans="14:14">
      <c r="N551316" s="10"/>
    </row>
    <row r="551317" spans="14:14">
      <c r="N551317" s="10"/>
    </row>
    <row r="551318" spans="14:14">
      <c r="N551318" s="10"/>
    </row>
    <row r="551319" spans="14:14">
      <c r="N551319" s="10"/>
    </row>
    <row r="551320" spans="14:14">
      <c r="N551320" s="10"/>
    </row>
    <row r="551321" spans="14:14">
      <c r="N551321" s="10"/>
    </row>
    <row r="551322" spans="14:14">
      <c r="N551322" s="10"/>
    </row>
    <row r="551323" spans="14:14">
      <c r="N551323" s="10"/>
    </row>
    <row r="551324" spans="14:14">
      <c r="N551324" s="10"/>
    </row>
    <row r="551325" spans="14:14">
      <c r="N551325" s="10"/>
    </row>
    <row r="551326" spans="14:14">
      <c r="N551326" s="10"/>
    </row>
    <row r="551327" spans="14:14">
      <c r="N551327" s="10"/>
    </row>
    <row r="551328" spans="14:14">
      <c r="N551328" s="10"/>
    </row>
    <row r="551329" spans="14:14">
      <c r="N551329" s="10"/>
    </row>
    <row r="551330" spans="14:14">
      <c r="N551330" s="10"/>
    </row>
    <row r="551331" spans="14:14">
      <c r="N551331" s="10"/>
    </row>
    <row r="551332" spans="14:14">
      <c r="N551332" s="10"/>
    </row>
    <row r="551333" spans="14:14">
      <c r="N551333" s="10"/>
    </row>
    <row r="551334" spans="14:14">
      <c r="N551334" s="10"/>
    </row>
    <row r="551335" spans="14:14">
      <c r="N551335" s="10"/>
    </row>
    <row r="551336" spans="14:14">
      <c r="N551336" s="10"/>
    </row>
    <row r="551337" spans="14:14">
      <c r="N551337" s="10"/>
    </row>
    <row r="551338" spans="14:14">
      <c r="N551338" s="10"/>
    </row>
    <row r="551339" spans="14:14">
      <c r="N551339" s="10"/>
    </row>
    <row r="551340" spans="14:14">
      <c r="N551340" s="10"/>
    </row>
    <row r="551341" spans="14:14">
      <c r="N551341" s="10"/>
    </row>
    <row r="551342" spans="14:14">
      <c r="N551342" s="10"/>
    </row>
    <row r="551343" spans="14:14">
      <c r="N551343" s="10"/>
    </row>
    <row r="551344" spans="14:14">
      <c r="N551344" s="10"/>
    </row>
    <row r="551345" spans="14:14">
      <c r="N551345" s="10"/>
    </row>
    <row r="551346" spans="14:14">
      <c r="N551346" s="10"/>
    </row>
    <row r="551347" spans="14:14">
      <c r="N551347" s="10"/>
    </row>
    <row r="551348" spans="14:14">
      <c r="N551348" s="10"/>
    </row>
    <row r="551349" spans="14:14">
      <c r="N551349" s="10"/>
    </row>
    <row r="551350" spans="14:14">
      <c r="N551350" s="10"/>
    </row>
    <row r="551351" spans="14:14">
      <c r="N551351" s="10"/>
    </row>
    <row r="551352" spans="14:14">
      <c r="N551352" s="10"/>
    </row>
    <row r="551353" spans="14:14">
      <c r="N551353" s="10"/>
    </row>
    <row r="551354" spans="14:14">
      <c r="N551354" s="10"/>
    </row>
    <row r="551355" spans="14:14">
      <c r="N551355" s="10"/>
    </row>
    <row r="551356" spans="14:14">
      <c r="N551356" s="10"/>
    </row>
    <row r="551357" spans="14:14">
      <c r="N551357" s="10"/>
    </row>
    <row r="551358" spans="14:14">
      <c r="N551358" s="10"/>
    </row>
    <row r="551359" spans="14:14">
      <c r="N551359" s="10"/>
    </row>
    <row r="551360" spans="14:14">
      <c r="N551360" s="10"/>
    </row>
    <row r="551361" spans="14:14">
      <c r="N551361" s="10"/>
    </row>
    <row r="551362" spans="14:14">
      <c r="N551362" s="10"/>
    </row>
    <row r="551363" spans="14:14">
      <c r="N551363" s="10"/>
    </row>
    <row r="551364" spans="14:14">
      <c r="N551364" s="10"/>
    </row>
    <row r="551365" spans="14:14">
      <c r="N551365" s="10"/>
    </row>
    <row r="551366" spans="14:14">
      <c r="N551366" s="10"/>
    </row>
    <row r="551367" spans="14:14">
      <c r="N551367" s="10"/>
    </row>
    <row r="551368" spans="14:14">
      <c r="N551368" s="10"/>
    </row>
    <row r="551369" spans="14:14">
      <c r="N551369" s="10"/>
    </row>
    <row r="551370" spans="14:14">
      <c r="N551370" s="10"/>
    </row>
    <row r="551371" spans="14:14">
      <c r="N551371" s="10"/>
    </row>
    <row r="551372" spans="14:14">
      <c r="N551372" s="10"/>
    </row>
    <row r="551373" spans="14:14">
      <c r="N551373" s="10"/>
    </row>
    <row r="551374" spans="14:14">
      <c r="N551374" s="10"/>
    </row>
    <row r="551375" spans="14:14">
      <c r="N551375" s="10"/>
    </row>
    <row r="551376" spans="14:14">
      <c r="N551376" s="10"/>
    </row>
    <row r="551377" spans="14:14">
      <c r="N551377" s="10"/>
    </row>
    <row r="551378" spans="14:14">
      <c r="N551378" s="10"/>
    </row>
    <row r="551379" spans="14:14">
      <c r="N551379" s="10"/>
    </row>
    <row r="551380" spans="14:14">
      <c r="N551380" s="10"/>
    </row>
    <row r="551381" spans="14:14">
      <c r="N551381" s="10"/>
    </row>
    <row r="551382" spans="14:14">
      <c r="N551382" s="10"/>
    </row>
    <row r="551383" spans="14:14">
      <c r="N551383" s="10"/>
    </row>
    <row r="551384" spans="14:14">
      <c r="N551384" s="10"/>
    </row>
    <row r="551385" spans="14:14">
      <c r="N551385" s="10"/>
    </row>
    <row r="551386" spans="14:14">
      <c r="N551386" s="10"/>
    </row>
    <row r="551387" spans="14:14">
      <c r="N551387" s="10"/>
    </row>
    <row r="551388" spans="14:14">
      <c r="N551388" s="10"/>
    </row>
    <row r="551389" spans="14:14">
      <c r="N551389" s="10"/>
    </row>
    <row r="551390" spans="14:14">
      <c r="N551390" s="10"/>
    </row>
    <row r="551391" spans="14:14">
      <c r="N551391" s="10"/>
    </row>
    <row r="551392" spans="14:14">
      <c r="N551392" s="10"/>
    </row>
    <row r="551393" spans="14:14">
      <c r="N551393" s="10"/>
    </row>
    <row r="551394" spans="14:14">
      <c r="N551394" s="10"/>
    </row>
    <row r="551395" spans="14:14">
      <c r="N551395" s="10"/>
    </row>
    <row r="551396" spans="14:14">
      <c r="N551396" s="10"/>
    </row>
    <row r="551397" spans="14:14">
      <c r="N551397" s="10"/>
    </row>
    <row r="551398" spans="14:14">
      <c r="N551398" s="10"/>
    </row>
    <row r="551399" spans="14:14">
      <c r="N551399" s="10"/>
    </row>
    <row r="551400" spans="14:14">
      <c r="N551400" s="10"/>
    </row>
    <row r="551401" spans="14:14">
      <c r="N551401" s="10"/>
    </row>
    <row r="551402" spans="14:14">
      <c r="N551402" s="10"/>
    </row>
    <row r="551403" spans="14:14">
      <c r="N551403" s="10"/>
    </row>
    <row r="551404" spans="14:14">
      <c r="N551404" s="10"/>
    </row>
    <row r="551405" spans="14:14">
      <c r="N551405" s="10"/>
    </row>
    <row r="551406" spans="14:14">
      <c r="N551406" s="10"/>
    </row>
    <row r="551407" spans="14:14">
      <c r="N551407" s="10"/>
    </row>
    <row r="551408" spans="14:14">
      <c r="N551408" s="10"/>
    </row>
    <row r="551409" spans="14:14">
      <c r="N551409" s="10"/>
    </row>
    <row r="551410" spans="14:14">
      <c r="N551410" s="10"/>
    </row>
    <row r="551411" spans="14:14">
      <c r="N551411" s="10"/>
    </row>
    <row r="551412" spans="14:14">
      <c r="N551412" s="10"/>
    </row>
    <row r="551413" spans="14:14">
      <c r="N551413" s="10"/>
    </row>
    <row r="551414" spans="14:14">
      <c r="N551414" s="10"/>
    </row>
    <row r="551415" spans="14:14">
      <c r="N551415" s="10"/>
    </row>
    <row r="551416" spans="14:14">
      <c r="N551416" s="10"/>
    </row>
    <row r="551417" spans="14:14">
      <c r="N551417" s="10"/>
    </row>
    <row r="551418" spans="14:14">
      <c r="N551418" s="10"/>
    </row>
    <row r="551419" spans="14:14">
      <c r="N551419" s="10"/>
    </row>
    <row r="551420" spans="14:14">
      <c r="N551420" s="10"/>
    </row>
    <row r="551421" spans="14:14">
      <c r="N551421" s="10"/>
    </row>
    <row r="551422" spans="14:14">
      <c r="N551422" s="10"/>
    </row>
    <row r="551423" spans="14:14">
      <c r="N551423" s="10"/>
    </row>
    <row r="551424" spans="14:14">
      <c r="N551424" s="10"/>
    </row>
    <row r="551425" spans="14:14">
      <c r="N551425" s="10"/>
    </row>
    <row r="551426" spans="14:14">
      <c r="N551426" s="10"/>
    </row>
    <row r="551427" spans="14:14">
      <c r="N551427" s="10"/>
    </row>
    <row r="551428" spans="14:14">
      <c r="N551428" s="10"/>
    </row>
    <row r="551429" spans="14:14">
      <c r="N551429" s="10"/>
    </row>
    <row r="551430" spans="14:14">
      <c r="N551430" s="10"/>
    </row>
    <row r="551431" spans="14:14">
      <c r="N551431" s="10"/>
    </row>
    <row r="551432" spans="14:14">
      <c r="N551432" s="10"/>
    </row>
    <row r="551433" spans="14:14">
      <c r="N551433" s="10"/>
    </row>
    <row r="551434" spans="14:14">
      <c r="N551434" s="10"/>
    </row>
    <row r="551435" spans="14:14">
      <c r="N551435" s="10"/>
    </row>
    <row r="551436" spans="14:14">
      <c r="N551436" s="10"/>
    </row>
    <row r="551437" spans="14:14">
      <c r="N551437" s="10"/>
    </row>
    <row r="551438" spans="14:14">
      <c r="N551438" s="10"/>
    </row>
    <row r="551439" spans="14:14">
      <c r="N551439" s="10"/>
    </row>
    <row r="551440" spans="14:14">
      <c r="N551440" s="10"/>
    </row>
    <row r="551441" spans="14:14">
      <c r="N551441" s="10"/>
    </row>
    <row r="551442" spans="14:14">
      <c r="N551442" s="10"/>
    </row>
    <row r="551443" spans="14:14">
      <c r="N551443" s="10"/>
    </row>
    <row r="551444" spans="14:14">
      <c r="N551444" s="10"/>
    </row>
    <row r="551445" spans="14:14">
      <c r="N551445" s="10"/>
    </row>
    <row r="551446" spans="14:14">
      <c r="N551446" s="10"/>
    </row>
    <row r="551447" spans="14:14">
      <c r="N551447" s="10"/>
    </row>
    <row r="551448" spans="14:14">
      <c r="N551448" s="10"/>
    </row>
    <row r="551449" spans="14:14">
      <c r="N551449" s="10"/>
    </row>
    <row r="551450" spans="14:14">
      <c r="N551450" s="10"/>
    </row>
    <row r="551451" spans="14:14">
      <c r="N551451" s="10"/>
    </row>
    <row r="551452" spans="14:14">
      <c r="N551452" s="10"/>
    </row>
    <row r="551453" spans="14:14">
      <c r="N551453" s="10"/>
    </row>
    <row r="551454" spans="14:14">
      <c r="N551454" s="10"/>
    </row>
    <row r="551455" spans="14:14">
      <c r="N551455" s="10"/>
    </row>
    <row r="551456" spans="14:14">
      <c r="N551456" s="10"/>
    </row>
    <row r="551457" spans="14:14">
      <c r="N551457" s="10"/>
    </row>
    <row r="551458" spans="14:14">
      <c r="N551458" s="10"/>
    </row>
    <row r="551459" spans="14:14">
      <c r="N551459" s="10"/>
    </row>
    <row r="551460" spans="14:14">
      <c r="N551460" s="10"/>
    </row>
    <row r="551461" spans="14:14">
      <c r="N551461" s="10"/>
    </row>
    <row r="551462" spans="14:14">
      <c r="N551462" s="10"/>
    </row>
    <row r="551463" spans="14:14">
      <c r="N551463" s="10"/>
    </row>
    <row r="551464" spans="14:14">
      <c r="N551464" s="10"/>
    </row>
    <row r="551465" spans="14:14">
      <c r="N551465" s="10"/>
    </row>
    <row r="551466" spans="14:14">
      <c r="N551466" s="10"/>
    </row>
    <row r="551467" spans="14:14">
      <c r="N551467" s="10"/>
    </row>
    <row r="551468" spans="14:14">
      <c r="N551468" s="10"/>
    </row>
    <row r="551469" spans="14:14">
      <c r="N551469" s="10"/>
    </row>
    <row r="551470" spans="14:14">
      <c r="N551470" s="10"/>
    </row>
    <row r="551471" spans="14:14">
      <c r="N551471" s="10"/>
    </row>
    <row r="551472" spans="14:14">
      <c r="N551472" s="10"/>
    </row>
    <row r="551473" spans="14:14">
      <c r="N551473" s="10"/>
    </row>
    <row r="551474" spans="14:14">
      <c r="N551474" s="10"/>
    </row>
    <row r="551475" spans="14:14">
      <c r="N551475" s="10"/>
    </row>
    <row r="551476" spans="14:14">
      <c r="N551476" s="10"/>
    </row>
    <row r="551477" spans="14:14">
      <c r="N551477" s="10"/>
    </row>
    <row r="551478" spans="14:14">
      <c r="N551478" s="10"/>
    </row>
    <row r="551479" spans="14:14">
      <c r="N551479" s="10"/>
    </row>
    <row r="551480" spans="14:14">
      <c r="N551480" s="10"/>
    </row>
    <row r="551481" spans="14:14">
      <c r="N551481" s="10"/>
    </row>
    <row r="551482" spans="14:14">
      <c r="N551482" s="10"/>
    </row>
    <row r="551483" spans="14:14">
      <c r="N551483" s="10"/>
    </row>
    <row r="551484" spans="14:14">
      <c r="N551484" s="10"/>
    </row>
    <row r="551485" spans="14:14">
      <c r="N551485" s="10"/>
    </row>
    <row r="551486" spans="14:14">
      <c r="N551486" s="10"/>
    </row>
    <row r="551487" spans="14:14">
      <c r="N551487" s="10"/>
    </row>
    <row r="551488" spans="14:14">
      <c r="N551488" s="10"/>
    </row>
    <row r="551489" spans="14:14">
      <c r="N551489" s="10"/>
    </row>
    <row r="551490" spans="14:14">
      <c r="N551490" s="10"/>
    </row>
    <row r="551491" spans="14:14">
      <c r="N551491" s="10"/>
    </row>
    <row r="551492" spans="14:14">
      <c r="N551492" s="10"/>
    </row>
    <row r="551493" spans="14:14">
      <c r="N551493" s="10"/>
    </row>
    <row r="551494" spans="14:14">
      <c r="N551494" s="10"/>
    </row>
    <row r="551495" spans="14:14">
      <c r="N551495" s="10"/>
    </row>
    <row r="551496" spans="14:14">
      <c r="N551496" s="10"/>
    </row>
    <row r="551497" spans="14:14">
      <c r="N551497" s="10"/>
    </row>
    <row r="551498" spans="14:14">
      <c r="N551498" s="10"/>
    </row>
    <row r="551499" spans="14:14">
      <c r="N551499" s="10"/>
    </row>
    <row r="551500" spans="14:14">
      <c r="N551500" s="10"/>
    </row>
    <row r="551501" spans="14:14">
      <c r="N551501" s="10"/>
    </row>
    <row r="551502" spans="14:14">
      <c r="N551502" s="10"/>
    </row>
    <row r="551503" spans="14:14">
      <c r="N551503" s="10"/>
    </row>
    <row r="551504" spans="14:14">
      <c r="N551504" s="10"/>
    </row>
    <row r="551505" spans="14:14">
      <c r="N551505" s="10"/>
    </row>
    <row r="551506" spans="14:14">
      <c r="N551506" s="10"/>
    </row>
    <row r="551507" spans="14:14">
      <c r="N551507" s="10"/>
    </row>
    <row r="551508" spans="14:14">
      <c r="N551508" s="10"/>
    </row>
    <row r="551509" spans="14:14">
      <c r="N551509" s="10"/>
    </row>
    <row r="551510" spans="14:14">
      <c r="N551510" s="10"/>
    </row>
    <row r="551511" spans="14:14">
      <c r="N551511" s="10"/>
    </row>
    <row r="551512" spans="14:14">
      <c r="N551512" s="10"/>
    </row>
    <row r="551513" spans="14:14">
      <c r="N551513" s="10"/>
    </row>
    <row r="551514" spans="14:14">
      <c r="N551514" s="10"/>
    </row>
    <row r="551515" spans="14:14">
      <c r="N551515" s="10"/>
    </row>
    <row r="551516" spans="14:14">
      <c r="N551516" s="10"/>
    </row>
    <row r="551517" spans="14:14">
      <c r="N551517" s="10"/>
    </row>
    <row r="551518" spans="14:14">
      <c r="N551518" s="10"/>
    </row>
    <row r="551519" spans="14:14">
      <c r="N551519" s="10"/>
    </row>
    <row r="551520" spans="14:14">
      <c r="N551520" s="10"/>
    </row>
    <row r="551521" spans="14:14">
      <c r="N551521" s="10"/>
    </row>
    <row r="551522" spans="14:14">
      <c r="N551522" s="10"/>
    </row>
    <row r="551523" spans="14:14">
      <c r="N551523" s="10"/>
    </row>
    <row r="551524" spans="14:14">
      <c r="N551524" s="10"/>
    </row>
    <row r="551525" spans="14:14">
      <c r="N551525" s="10"/>
    </row>
    <row r="551526" spans="14:14">
      <c r="N551526" s="10"/>
    </row>
    <row r="551527" spans="14:14">
      <c r="N551527" s="10"/>
    </row>
    <row r="551528" spans="14:14">
      <c r="N551528" s="10"/>
    </row>
    <row r="551529" spans="14:14">
      <c r="N551529" s="10"/>
    </row>
    <row r="551530" spans="14:14">
      <c r="N551530" s="10"/>
    </row>
    <row r="551531" spans="14:14">
      <c r="N551531" s="10"/>
    </row>
    <row r="551532" spans="14:14">
      <c r="N551532" s="10"/>
    </row>
    <row r="551533" spans="14:14">
      <c r="N551533" s="10"/>
    </row>
    <row r="551534" spans="14:14">
      <c r="N551534" s="10"/>
    </row>
    <row r="551535" spans="14:14">
      <c r="N551535" s="10"/>
    </row>
    <row r="551536" spans="14:14">
      <c r="N551536" s="10"/>
    </row>
    <row r="551537" spans="14:14">
      <c r="N551537" s="10"/>
    </row>
    <row r="551538" spans="14:14">
      <c r="N551538" s="10"/>
    </row>
    <row r="551539" spans="14:14">
      <c r="N551539" s="10"/>
    </row>
    <row r="551540" spans="14:14">
      <c r="N551540" s="10"/>
    </row>
    <row r="551541" spans="14:14">
      <c r="N551541" s="10"/>
    </row>
    <row r="551542" spans="14:14">
      <c r="N551542" s="10"/>
    </row>
    <row r="551543" spans="14:14">
      <c r="N551543" s="10"/>
    </row>
    <row r="551544" spans="14:14">
      <c r="N551544" s="10"/>
    </row>
    <row r="551545" spans="14:14">
      <c r="N551545" s="10"/>
    </row>
    <row r="551546" spans="14:14">
      <c r="N551546" s="10"/>
    </row>
    <row r="551547" spans="14:14">
      <c r="N551547" s="10"/>
    </row>
    <row r="551548" spans="14:14">
      <c r="N551548" s="10"/>
    </row>
    <row r="551549" spans="14:14">
      <c r="N551549" s="10"/>
    </row>
    <row r="551550" spans="14:14">
      <c r="N551550" s="10"/>
    </row>
    <row r="551551" spans="14:14">
      <c r="N551551" s="10"/>
    </row>
    <row r="551552" spans="14:14">
      <c r="N551552" s="10"/>
    </row>
    <row r="551553" spans="14:14">
      <c r="N551553" s="10"/>
    </row>
    <row r="551554" spans="14:14">
      <c r="N551554" s="10"/>
    </row>
    <row r="551555" spans="14:14">
      <c r="N551555" s="10"/>
    </row>
    <row r="551556" spans="14:14">
      <c r="N551556" s="10"/>
    </row>
    <row r="551557" spans="14:14">
      <c r="N551557" s="10"/>
    </row>
    <row r="551558" spans="14:14">
      <c r="N551558" s="10"/>
    </row>
    <row r="551559" spans="14:14">
      <c r="N551559" s="10"/>
    </row>
    <row r="551560" spans="14:14">
      <c r="N551560" s="10"/>
    </row>
    <row r="551561" spans="14:14">
      <c r="N551561" s="10"/>
    </row>
    <row r="551562" spans="14:14">
      <c r="N551562" s="10"/>
    </row>
    <row r="551563" spans="14:14">
      <c r="N551563" s="10"/>
    </row>
    <row r="551564" spans="14:14">
      <c r="N551564" s="10"/>
    </row>
    <row r="551565" spans="14:14">
      <c r="N551565" s="10"/>
    </row>
    <row r="551566" spans="14:14">
      <c r="N551566" s="10"/>
    </row>
    <row r="551567" spans="14:14">
      <c r="N551567" s="10"/>
    </row>
    <row r="551568" spans="14:14">
      <c r="N551568" s="10"/>
    </row>
    <row r="551569" spans="14:14">
      <c r="N551569" s="10"/>
    </row>
    <row r="551570" spans="14:14">
      <c r="N551570" s="10"/>
    </row>
    <row r="551571" spans="14:14">
      <c r="N551571" s="10"/>
    </row>
    <row r="551572" spans="14:14">
      <c r="N551572" s="10"/>
    </row>
    <row r="551573" spans="14:14">
      <c r="N551573" s="10"/>
    </row>
    <row r="551574" spans="14:14">
      <c r="N551574" s="10"/>
    </row>
    <row r="551575" spans="14:14">
      <c r="N551575" s="10"/>
    </row>
    <row r="551576" spans="14:14">
      <c r="N551576" s="10"/>
    </row>
    <row r="551577" spans="14:14">
      <c r="N551577" s="10"/>
    </row>
    <row r="551578" spans="14:14">
      <c r="N551578" s="10"/>
    </row>
    <row r="551579" spans="14:14">
      <c r="N551579" s="10"/>
    </row>
    <row r="551580" spans="14:14">
      <c r="N551580" s="10"/>
    </row>
    <row r="551581" spans="14:14">
      <c r="N551581" s="10"/>
    </row>
    <row r="551582" spans="14:14">
      <c r="N551582" s="10"/>
    </row>
    <row r="551583" spans="14:14">
      <c r="N551583" s="10"/>
    </row>
    <row r="551584" spans="14:14">
      <c r="N551584" s="10"/>
    </row>
    <row r="551585" spans="14:14">
      <c r="N551585" s="10"/>
    </row>
    <row r="551586" spans="14:14">
      <c r="N551586" s="10"/>
    </row>
    <row r="551587" spans="14:14">
      <c r="N551587" s="10"/>
    </row>
    <row r="551588" spans="14:14">
      <c r="N551588" s="10"/>
    </row>
    <row r="551589" spans="14:14">
      <c r="N551589" s="10"/>
    </row>
    <row r="551590" spans="14:14">
      <c r="N551590" s="10"/>
    </row>
    <row r="551591" spans="14:14">
      <c r="N551591" s="10"/>
    </row>
    <row r="551592" spans="14:14">
      <c r="N551592" s="10"/>
    </row>
    <row r="551593" spans="14:14">
      <c r="N551593" s="10"/>
    </row>
    <row r="551594" spans="14:14">
      <c r="N551594" s="10"/>
    </row>
    <row r="551595" spans="14:14">
      <c r="N551595" s="10"/>
    </row>
    <row r="551596" spans="14:14">
      <c r="N551596" s="10"/>
    </row>
    <row r="551597" spans="14:14">
      <c r="N551597" s="10"/>
    </row>
    <row r="551598" spans="14:14">
      <c r="N551598" s="10"/>
    </row>
    <row r="551599" spans="14:14">
      <c r="N551599" s="10"/>
    </row>
    <row r="551600" spans="14:14">
      <c r="N551600" s="10"/>
    </row>
    <row r="551601" spans="14:14">
      <c r="N551601" s="10"/>
    </row>
    <row r="551602" spans="14:14">
      <c r="N551602" s="10"/>
    </row>
    <row r="551603" spans="14:14">
      <c r="N551603" s="10"/>
    </row>
    <row r="551604" spans="14:14">
      <c r="N551604" s="10"/>
    </row>
    <row r="551605" spans="14:14">
      <c r="N551605" s="10"/>
    </row>
    <row r="551606" spans="14:14">
      <c r="N551606" s="10"/>
    </row>
    <row r="551607" spans="14:14">
      <c r="N551607" s="10"/>
    </row>
    <row r="551608" spans="14:14">
      <c r="N551608" s="10"/>
    </row>
    <row r="551609" spans="14:14">
      <c r="N551609" s="10"/>
    </row>
    <row r="551610" spans="14:14">
      <c r="N551610" s="10"/>
    </row>
    <row r="551611" spans="14:14">
      <c r="N551611" s="10"/>
    </row>
    <row r="551612" spans="14:14">
      <c r="N551612" s="10"/>
    </row>
    <row r="551613" spans="14:14">
      <c r="N551613" s="10"/>
    </row>
    <row r="551614" spans="14:14">
      <c r="N551614" s="10"/>
    </row>
    <row r="551615" spans="14:14">
      <c r="N551615" s="10"/>
    </row>
    <row r="551616" spans="14:14">
      <c r="N551616" s="10"/>
    </row>
    <row r="551617" spans="14:14">
      <c r="N551617" s="10"/>
    </row>
    <row r="551618" spans="14:14">
      <c r="N551618" s="10"/>
    </row>
    <row r="551619" spans="14:14">
      <c r="N551619" s="10"/>
    </row>
    <row r="551620" spans="14:14">
      <c r="N551620" s="10"/>
    </row>
    <row r="551621" spans="14:14">
      <c r="N551621" s="10"/>
    </row>
    <row r="551622" spans="14:14">
      <c r="N551622" s="10"/>
    </row>
    <row r="551623" spans="14:14">
      <c r="N551623" s="10"/>
    </row>
    <row r="551624" spans="14:14">
      <c r="N551624" s="10"/>
    </row>
    <row r="551625" spans="14:14">
      <c r="N551625" s="10"/>
    </row>
    <row r="551626" spans="14:14">
      <c r="N551626" s="10"/>
    </row>
    <row r="551627" spans="14:14">
      <c r="N551627" s="10"/>
    </row>
    <row r="551628" spans="14:14">
      <c r="N551628" s="10"/>
    </row>
    <row r="551629" spans="14:14">
      <c r="N551629" s="10"/>
    </row>
    <row r="551630" spans="14:14">
      <c r="N551630" s="10"/>
    </row>
    <row r="551631" spans="14:14">
      <c r="N551631" s="10"/>
    </row>
    <row r="551632" spans="14:14">
      <c r="N551632" s="10"/>
    </row>
    <row r="551633" spans="14:14">
      <c r="N551633" s="10"/>
    </row>
    <row r="551634" spans="14:14">
      <c r="N551634" s="10"/>
    </row>
    <row r="551635" spans="14:14">
      <c r="N551635" s="10"/>
    </row>
    <row r="551636" spans="14:14">
      <c r="N551636" s="10"/>
    </row>
    <row r="551637" spans="14:14">
      <c r="N551637" s="10"/>
    </row>
    <row r="551638" spans="14:14">
      <c r="N551638" s="10"/>
    </row>
    <row r="551639" spans="14:14">
      <c r="N551639" s="10"/>
    </row>
    <row r="551640" spans="14:14">
      <c r="N551640" s="10"/>
    </row>
    <row r="551641" spans="14:14">
      <c r="N551641" s="10"/>
    </row>
    <row r="551642" spans="14:14">
      <c r="N551642" s="10"/>
    </row>
    <row r="551643" spans="14:14">
      <c r="N551643" s="10"/>
    </row>
    <row r="551644" spans="14:14">
      <c r="N551644" s="10"/>
    </row>
    <row r="551645" spans="14:14">
      <c r="N551645" s="10"/>
    </row>
    <row r="551646" spans="14:14">
      <c r="N551646" s="10"/>
    </row>
    <row r="551647" spans="14:14">
      <c r="N551647" s="10"/>
    </row>
    <row r="551648" spans="14:14">
      <c r="N551648" s="10"/>
    </row>
    <row r="551649" spans="14:14">
      <c r="N551649" s="10"/>
    </row>
    <row r="551650" spans="14:14">
      <c r="N551650" s="10"/>
    </row>
    <row r="551651" spans="14:14">
      <c r="N551651" s="10"/>
    </row>
    <row r="551652" spans="14:14">
      <c r="N551652" s="10"/>
    </row>
    <row r="551653" spans="14:14">
      <c r="N551653" s="10"/>
    </row>
    <row r="551654" spans="14:14">
      <c r="N551654" s="10"/>
    </row>
    <row r="551655" spans="14:14">
      <c r="N551655" s="10"/>
    </row>
    <row r="551656" spans="14:14">
      <c r="N551656" s="10"/>
    </row>
    <row r="551657" spans="14:14">
      <c r="N551657" s="10"/>
    </row>
    <row r="551658" spans="14:14">
      <c r="N551658" s="10"/>
    </row>
    <row r="551659" spans="14:14">
      <c r="N551659" s="10"/>
    </row>
    <row r="551660" spans="14:14">
      <c r="N551660" s="10"/>
    </row>
    <row r="551661" spans="14:14">
      <c r="N551661" s="10"/>
    </row>
    <row r="551662" spans="14:14">
      <c r="N551662" s="10"/>
    </row>
    <row r="551663" spans="14:14">
      <c r="N551663" s="10"/>
    </row>
    <row r="551664" spans="14:14">
      <c r="N551664" s="10"/>
    </row>
    <row r="551665" spans="14:14">
      <c r="N551665" s="10"/>
    </row>
    <row r="551666" spans="14:14">
      <c r="N551666" s="10"/>
    </row>
    <row r="551667" spans="14:14">
      <c r="N551667" s="10"/>
    </row>
    <row r="551668" spans="14:14">
      <c r="N551668" s="10"/>
    </row>
    <row r="551669" spans="14:14">
      <c r="N551669" s="10"/>
    </row>
    <row r="551670" spans="14:14">
      <c r="N551670" s="10"/>
    </row>
    <row r="551671" spans="14:14">
      <c r="N551671" s="10"/>
    </row>
    <row r="551672" spans="14:14">
      <c r="N551672" s="10"/>
    </row>
    <row r="551673" spans="14:14">
      <c r="N551673" s="10"/>
    </row>
    <row r="551674" spans="14:14">
      <c r="N551674" s="10"/>
    </row>
    <row r="551675" spans="14:14">
      <c r="N551675" s="10"/>
    </row>
    <row r="551676" spans="14:14">
      <c r="N551676" s="10"/>
    </row>
    <row r="551677" spans="14:14">
      <c r="N551677" s="10"/>
    </row>
    <row r="551678" spans="14:14">
      <c r="N551678" s="10"/>
    </row>
    <row r="551679" spans="14:14">
      <c r="N551679" s="10"/>
    </row>
    <row r="551680" spans="14:14">
      <c r="N551680" s="10"/>
    </row>
    <row r="551681" spans="14:14">
      <c r="N551681" s="10"/>
    </row>
    <row r="551682" spans="14:14">
      <c r="N551682" s="10"/>
    </row>
    <row r="551683" spans="14:14">
      <c r="N551683" s="10"/>
    </row>
    <row r="551684" spans="14:14">
      <c r="N551684" s="10"/>
    </row>
    <row r="551685" spans="14:14">
      <c r="N551685" s="10"/>
    </row>
    <row r="551686" spans="14:14">
      <c r="N551686" s="10"/>
    </row>
    <row r="551687" spans="14:14">
      <c r="N551687" s="10"/>
    </row>
    <row r="551688" spans="14:14">
      <c r="N551688" s="10"/>
    </row>
    <row r="551689" spans="14:14">
      <c r="N551689" s="10"/>
    </row>
    <row r="551690" spans="14:14">
      <c r="N551690" s="10"/>
    </row>
    <row r="551691" spans="14:14">
      <c r="N551691" s="10"/>
    </row>
    <row r="551692" spans="14:14">
      <c r="N551692" s="10"/>
    </row>
    <row r="551693" spans="14:14">
      <c r="N551693" s="10"/>
    </row>
    <row r="551694" spans="14:14">
      <c r="N551694" s="10"/>
    </row>
    <row r="551695" spans="14:14">
      <c r="N551695" s="10"/>
    </row>
    <row r="551696" spans="14:14">
      <c r="N551696" s="10"/>
    </row>
    <row r="551697" spans="14:14">
      <c r="N551697" s="10"/>
    </row>
    <row r="551698" spans="14:14">
      <c r="N551698" s="10"/>
    </row>
    <row r="551699" spans="14:14">
      <c r="N551699" s="10"/>
    </row>
    <row r="551700" spans="14:14">
      <c r="N551700" s="10"/>
    </row>
    <row r="551701" spans="14:14">
      <c r="N551701" s="10"/>
    </row>
    <row r="551702" spans="14:14">
      <c r="N551702" s="10"/>
    </row>
    <row r="551703" spans="14:14">
      <c r="N551703" s="10"/>
    </row>
    <row r="551704" spans="14:14">
      <c r="N551704" s="10"/>
    </row>
    <row r="551705" spans="14:14">
      <c r="N551705" s="10"/>
    </row>
    <row r="551706" spans="14:14">
      <c r="N551706" s="10"/>
    </row>
    <row r="551707" spans="14:14">
      <c r="N551707" s="10"/>
    </row>
    <row r="551708" spans="14:14">
      <c r="N551708" s="10"/>
    </row>
    <row r="551709" spans="14:14">
      <c r="N551709" s="10"/>
    </row>
    <row r="551710" spans="14:14">
      <c r="N551710" s="10"/>
    </row>
    <row r="551711" spans="14:14">
      <c r="N551711" s="10"/>
    </row>
    <row r="551712" spans="14:14">
      <c r="N551712" s="10"/>
    </row>
    <row r="551713" spans="14:14">
      <c r="N551713" s="10"/>
    </row>
    <row r="551714" spans="14:14">
      <c r="N551714" s="10"/>
    </row>
    <row r="551715" spans="14:14">
      <c r="N551715" s="10"/>
    </row>
    <row r="551716" spans="14:14">
      <c r="N551716" s="10"/>
    </row>
    <row r="551717" spans="14:14">
      <c r="N551717" s="10"/>
    </row>
    <row r="551718" spans="14:14">
      <c r="N551718" s="10"/>
    </row>
    <row r="551719" spans="14:14">
      <c r="N551719" s="10"/>
    </row>
    <row r="551720" spans="14:14">
      <c r="N551720" s="10"/>
    </row>
    <row r="551721" spans="14:14">
      <c r="N551721" s="10"/>
    </row>
    <row r="551722" spans="14:14">
      <c r="N551722" s="10"/>
    </row>
    <row r="551723" spans="14:14">
      <c r="N551723" s="10"/>
    </row>
    <row r="551724" spans="14:14">
      <c r="N551724" s="10"/>
    </row>
    <row r="551725" spans="14:14">
      <c r="N551725" s="10"/>
    </row>
    <row r="551726" spans="14:14">
      <c r="N551726" s="10"/>
    </row>
    <row r="551727" spans="14:14">
      <c r="N551727" s="10"/>
    </row>
    <row r="551728" spans="14:14">
      <c r="N551728" s="10"/>
    </row>
    <row r="551729" spans="14:14">
      <c r="N551729" s="10"/>
    </row>
    <row r="551730" spans="14:14">
      <c r="N551730" s="10"/>
    </row>
    <row r="551731" spans="14:14">
      <c r="N551731" s="10"/>
    </row>
    <row r="551732" spans="14:14">
      <c r="N551732" s="10"/>
    </row>
    <row r="551733" spans="14:14">
      <c r="N551733" s="10"/>
    </row>
    <row r="551734" spans="14:14">
      <c r="N551734" s="10"/>
    </row>
    <row r="551735" spans="14:14">
      <c r="N551735" s="10"/>
    </row>
    <row r="551736" spans="14:14">
      <c r="N551736" s="10"/>
    </row>
    <row r="551737" spans="14:14">
      <c r="N551737" s="10"/>
    </row>
    <row r="551738" spans="14:14">
      <c r="N551738" s="10"/>
    </row>
    <row r="551739" spans="14:14">
      <c r="N551739" s="10"/>
    </row>
    <row r="551740" spans="14:14">
      <c r="N551740" s="10"/>
    </row>
    <row r="551741" spans="14:14">
      <c r="N551741" s="10"/>
    </row>
    <row r="551742" spans="14:14">
      <c r="N551742" s="10"/>
    </row>
    <row r="551743" spans="14:14">
      <c r="N551743" s="10"/>
    </row>
    <row r="551744" spans="14:14">
      <c r="N551744" s="10"/>
    </row>
    <row r="551745" spans="14:14">
      <c r="N551745" s="10"/>
    </row>
    <row r="551746" spans="14:14">
      <c r="N551746" s="10"/>
    </row>
    <row r="551747" spans="14:14">
      <c r="N551747" s="10"/>
    </row>
    <row r="551748" spans="14:14">
      <c r="N551748" s="10"/>
    </row>
    <row r="551749" spans="14:14">
      <c r="N551749" s="10"/>
    </row>
    <row r="551750" spans="14:14">
      <c r="N551750" s="10"/>
    </row>
    <row r="551751" spans="14:14">
      <c r="N551751" s="10"/>
    </row>
    <row r="551752" spans="14:14">
      <c r="N551752" s="10"/>
    </row>
    <row r="551753" spans="14:14">
      <c r="N551753" s="10"/>
    </row>
    <row r="551754" spans="14:14">
      <c r="N551754" s="10"/>
    </row>
    <row r="551755" spans="14:14">
      <c r="N551755" s="10"/>
    </row>
    <row r="551756" spans="14:14">
      <c r="N551756" s="10"/>
    </row>
    <row r="551757" spans="14:14">
      <c r="N551757" s="10"/>
    </row>
    <row r="551758" spans="14:14">
      <c r="N551758" s="10"/>
    </row>
    <row r="551759" spans="14:14">
      <c r="N551759" s="10"/>
    </row>
    <row r="551760" spans="14:14">
      <c r="N551760" s="10"/>
    </row>
    <row r="551761" spans="14:14">
      <c r="N551761" s="10"/>
    </row>
    <row r="551762" spans="14:14">
      <c r="N551762" s="10"/>
    </row>
    <row r="551763" spans="14:14">
      <c r="N551763" s="10"/>
    </row>
    <row r="551764" spans="14:14">
      <c r="N551764" s="10"/>
    </row>
    <row r="551765" spans="14:14">
      <c r="N551765" s="10"/>
    </row>
    <row r="551766" spans="14:14">
      <c r="N551766" s="10"/>
    </row>
    <row r="551767" spans="14:14">
      <c r="N551767" s="10"/>
    </row>
    <row r="551768" spans="14:14">
      <c r="N551768" s="10"/>
    </row>
    <row r="551769" spans="14:14">
      <c r="N551769" s="10"/>
    </row>
    <row r="551770" spans="14:14">
      <c r="N551770" s="10"/>
    </row>
    <row r="551771" spans="14:14">
      <c r="N551771" s="10"/>
    </row>
    <row r="551772" spans="14:14">
      <c r="N551772" s="10"/>
    </row>
    <row r="551773" spans="14:14">
      <c r="N551773" s="10"/>
    </row>
    <row r="551774" spans="14:14">
      <c r="N551774" s="10"/>
    </row>
    <row r="551775" spans="14:14">
      <c r="N551775" s="10"/>
    </row>
    <row r="551776" spans="14:14">
      <c r="N551776" s="10"/>
    </row>
    <row r="551777" spans="14:14">
      <c r="N551777" s="10"/>
    </row>
    <row r="551778" spans="14:14">
      <c r="N551778" s="10"/>
    </row>
    <row r="551779" spans="14:14">
      <c r="N551779" s="10"/>
    </row>
    <row r="551780" spans="14:14">
      <c r="N551780" s="10"/>
    </row>
    <row r="551781" spans="14:14">
      <c r="N551781" s="10"/>
    </row>
    <row r="551782" spans="14:14">
      <c r="N551782" s="10"/>
    </row>
    <row r="551783" spans="14:14">
      <c r="N551783" s="10"/>
    </row>
    <row r="551784" spans="14:14">
      <c r="N551784" s="10"/>
    </row>
    <row r="551785" spans="14:14">
      <c r="N551785" s="10"/>
    </row>
    <row r="551786" spans="14:14">
      <c r="N551786" s="10"/>
    </row>
    <row r="551787" spans="14:14">
      <c r="N551787" s="10"/>
    </row>
    <row r="551788" spans="14:14">
      <c r="N551788" s="10"/>
    </row>
    <row r="551789" spans="14:14">
      <c r="N551789" s="10"/>
    </row>
    <row r="551790" spans="14:14">
      <c r="N551790" s="10"/>
    </row>
    <row r="551791" spans="14:14">
      <c r="N551791" s="10"/>
    </row>
    <row r="551792" spans="14:14">
      <c r="N551792" s="10"/>
    </row>
    <row r="551793" spans="14:14">
      <c r="N551793" s="10"/>
    </row>
    <row r="551794" spans="14:14">
      <c r="N551794" s="10"/>
    </row>
    <row r="551795" spans="14:14">
      <c r="N551795" s="10"/>
    </row>
    <row r="551796" spans="14:14">
      <c r="N551796" s="10"/>
    </row>
    <row r="551797" spans="14:14">
      <c r="N551797" s="10"/>
    </row>
    <row r="551798" spans="14:14">
      <c r="N551798" s="10"/>
    </row>
    <row r="551799" spans="14:14">
      <c r="N551799" s="10"/>
    </row>
    <row r="551800" spans="14:14">
      <c r="N551800" s="10"/>
    </row>
    <row r="551801" spans="14:14">
      <c r="N551801" s="10"/>
    </row>
    <row r="551802" spans="14:14">
      <c r="N551802" s="10"/>
    </row>
    <row r="551803" spans="14:14">
      <c r="N551803" s="10"/>
    </row>
    <row r="551804" spans="14:14">
      <c r="N551804" s="10"/>
    </row>
    <row r="551805" spans="14:14">
      <c r="N551805" s="10"/>
    </row>
    <row r="551806" spans="14:14">
      <c r="N551806" s="10"/>
    </row>
    <row r="551807" spans="14:14">
      <c r="N551807" s="10"/>
    </row>
    <row r="551808" spans="14:14">
      <c r="N551808" s="10"/>
    </row>
    <row r="551809" spans="14:14">
      <c r="N551809" s="10"/>
    </row>
    <row r="551810" spans="14:14">
      <c r="N551810" s="10"/>
    </row>
    <row r="551811" spans="14:14">
      <c r="N551811" s="10"/>
    </row>
    <row r="551812" spans="14:14">
      <c r="N551812" s="10"/>
    </row>
    <row r="551813" spans="14:14">
      <c r="N551813" s="10"/>
    </row>
    <row r="551814" spans="14:14">
      <c r="N551814" s="10"/>
    </row>
    <row r="551815" spans="14:14">
      <c r="N551815" s="10"/>
    </row>
    <row r="551816" spans="14:14">
      <c r="N551816" s="10"/>
    </row>
    <row r="551817" spans="14:14">
      <c r="N551817" s="10"/>
    </row>
    <row r="551818" spans="14:14">
      <c r="N551818" s="10"/>
    </row>
    <row r="551819" spans="14:14">
      <c r="N551819" s="10"/>
    </row>
    <row r="551820" spans="14:14">
      <c r="N551820" s="10"/>
    </row>
    <row r="551821" spans="14:14">
      <c r="N551821" s="10"/>
    </row>
    <row r="551822" spans="14:14">
      <c r="N551822" s="10"/>
    </row>
    <row r="551823" spans="14:14">
      <c r="N551823" s="10"/>
    </row>
    <row r="551824" spans="14:14">
      <c r="N551824" s="10"/>
    </row>
    <row r="551825" spans="14:14">
      <c r="N551825" s="10"/>
    </row>
    <row r="551826" spans="14:14">
      <c r="N551826" s="10"/>
    </row>
    <row r="551827" spans="14:14">
      <c r="N551827" s="10"/>
    </row>
    <row r="551828" spans="14:14">
      <c r="N551828" s="10"/>
    </row>
    <row r="551829" spans="14:14">
      <c r="N551829" s="10"/>
    </row>
    <row r="551830" spans="14:14">
      <c r="N551830" s="10"/>
    </row>
    <row r="551831" spans="14:14">
      <c r="N551831" s="10"/>
    </row>
    <row r="551832" spans="14:14">
      <c r="N551832" s="10"/>
    </row>
    <row r="551833" spans="14:14">
      <c r="N551833" s="10"/>
    </row>
    <row r="551834" spans="14:14">
      <c r="N551834" s="10"/>
    </row>
    <row r="551835" spans="14:14">
      <c r="N551835" s="10"/>
    </row>
    <row r="551836" spans="14:14">
      <c r="N551836" s="10"/>
    </row>
    <row r="551837" spans="14:14">
      <c r="N551837" s="10"/>
    </row>
    <row r="551838" spans="14:14">
      <c r="N551838" s="10"/>
    </row>
    <row r="551839" spans="14:14">
      <c r="N551839" s="10"/>
    </row>
    <row r="551840" spans="14:14">
      <c r="N551840" s="10"/>
    </row>
    <row r="551841" spans="14:14">
      <c r="N551841" s="10"/>
    </row>
    <row r="551842" spans="14:14">
      <c r="N551842" s="10"/>
    </row>
    <row r="551843" spans="14:14">
      <c r="N551843" s="10"/>
    </row>
    <row r="551844" spans="14:14">
      <c r="N551844" s="10"/>
    </row>
    <row r="551845" spans="14:14">
      <c r="N551845" s="10"/>
    </row>
    <row r="551846" spans="14:14">
      <c r="N551846" s="10"/>
    </row>
    <row r="551847" spans="14:14">
      <c r="N551847" s="10"/>
    </row>
    <row r="551848" spans="14:14">
      <c r="N551848" s="10"/>
    </row>
    <row r="551849" spans="14:14">
      <c r="N551849" s="10"/>
    </row>
    <row r="551850" spans="14:14">
      <c r="N551850" s="10"/>
    </row>
    <row r="551851" spans="14:14">
      <c r="N551851" s="10"/>
    </row>
    <row r="551852" spans="14:14">
      <c r="N551852" s="10"/>
    </row>
    <row r="551853" spans="14:14">
      <c r="N551853" s="10"/>
    </row>
    <row r="551854" spans="14:14">
      <c r="N551854" s="10"/>
    </row>
    <row r="551855" spans="14:14">
      <c r="N551855" s="10"/>
    </row>
    <row r="551856" spans="14:14">
      <c r="N551856" s="10"/>
    </row>
    <row r="551857" spans="14:14">
      <c r="N551857" s="10"/>
    </row>
    <row r="551858" spans="14:14">
      <c r="N551858" s="10"/>
    </row>
    <row r="551859" spans="14:14">
      <c r="N551859" s="10"/>
    </row>
    <row r="551860" spans="14:14">
      <c r="N551860" s="10"/>
    </row>
    <row r="551861" spans="14:14">
      <c r="N551861" s="10"/>
    </row>
    <row r="551862" spans="14:14">
      <c r="N551862" s="10"/>
    </row>
    <row r="551863" spans="14:14">
      <c r="N551863" s="10"/>
    </row>
    <row r="551864" spans="14:14">
      <c r="N551864" s="10"/>
    </row>
    <row r="551865" spans="14:14">
      <c r="N551865" s="10"/>
    </row>
    <row r="551866" spans="14:14">
      <c r="N551866" s="10"/>
    </row>
    <row r="551867" spans="14:14">
      <c r="N551867" s="10"/>
    </row>
    <row r="551868" spans="14:14">
      <c r="N551868" s="10"/>
    </row>
    <row r="551869" spans="14:14">
      <c r="N551869" s="10"/>
    </row>
    <row r="551870" spans="14:14">
      <c r="N551870" s="10"/>
    </row>
    <row r="551871" spans="14:14">
      <c r="N551871" s="10"/>
    </row>
    <row r="551872" spans="14:14">
      <c r="N551872" s="10"/>
    </row>
    <row r="551873" spans="14:14">
      <c r="N551873" s="10"/>
    </row>
    <row r="551874" spans="14:14">
      <c r="N551874" s="10"/>
    </row>
    <row r="551875" spans="14:14">
      <c r="N551875" s="10"/>
    </row>
    <row r="551876" spans="14:14">
      <c r="N551876" s="10"/>
    </row>
    <row r="551877" spans="14:14">
      <c r="N551877" s="10"/>
    </row>
    <row r="551878" spans="14:14">
      <c r="N551878" s="10"/>
    </row>
    <row r="551879" spans="14:14">
      <c r="N551879" s="10"/>
    </row>
    <row r="551880" spans="14:14">
      <c r="N551880" s="10"/>
    </row>
    <row r="551881" spans="14:14">
      <c r="N551881" s="10"/>
    </row>
    <row r="551882" spans="14:14">
      <c r="N551882" s="10"/>
    </row>
    <row r="551883" spans="14:14">
      <c r="N551883" s="10"/>
    </row>
    <row r="551884" spans="14:14">
      <c r="N551884" s="10"/>
    </row>
    <row r="551885" spans="14:14">
      <c r="N551885" s="10"/>
    </row>
    <row r="551886" spans="14:14">
      <c r="N551886" s="10"/>
    </row>
    <row r="551887" spans="14:14">
      <c r="N551887" s="10"/>
    </row>
    <row r="551888" spans="14:14">
      <c r="N551888" s="10"/>
    </row>
    <row r="551889" spans="14:14">
      <c r="N551889" s="10"/>
    </row>
    <row r="551890" spans="14:14">
      <c r="N551890" s="10"/>
    </row>
    <row r="551891" spans="14:14">
      <c r="N551891" s="10"/>
    </row>
    <row r="551892" spans="14:14">
      <c r="N551892" s="10"/>
    </row>
    <row r="551893" spans="14:14">
      <c r="N551893" s="10"/>
    </row>
    <row r="551894" spans="14:14">
      <c r="N551894" s="10"/>
    </row>
    <row r="551895" spans="14:14">
      <c r="N551895" s="10"/>
    </row>
    <row r="551896" spans="14:14">
      <c r="N551896" s="10"/>
    </row>
    <row r="551897" spans="14:14">
      <c r="N551897" s="10"/>
    </row>
    <row r="551898" spans="14:14">
      <c r="N551898" s="10"/>
    </row>
    <row r="551899" spans="14:14">
      <c r="N551899" s="10"/>
    </row>
    <row r="551900" spans="14:14">
      <c r="N551900" s="10"/>
    </row>
    <row r="551901" spans="14:14">
      <c r="N551901" s="10"/>
    </row>
    <row r="551902" spans="14:14">
      <c r="N551902" s="10"/>
    </row>
    <row r="551903" spans="14:14">
      <c r="N551903" s="10"/>
    </row>
    <row r="551904" spans="14:14">
      <c r="N551904" s="10"/>
    </row>
    <row r="551905" spans="14:14">
      <c r="N551905" s="10"/>
    </row>
    <row r="551906" spans="14:14">
      <c r="N551906" s="10"/>
    </row>
    <row r="551907" spans="14:14">
      <c r="N551907" s="10"/>
    </row>
    <row r="551908" spans="14:14">
      <c r="N551908" s="10"/>
    </row>
    <row r="551909" spans="14:14">
      <c r="N551909" s="10"/>
    </row>
    <row r="551910" spans="14:14">
      <c r="N551910" s="10"/>
    </row>
    <row r="551911" spans="14:14">
      <c r="N551911" s="10"/>
    </row>
    <row r="551912" spans="14:14">
      <c r="N551912" s="10"/>
    </row>
    <row r="551913" spans="14:14">
      <c r="N551913" s="10"/>
    </row>
    <row r="551914" spans="14:14">
      <c r="N551914" s="10"/>
    </row>
    <row r="551915" spans="14:14">
      <c r="N551915" s="10"/>
    </row>
    <row r="551916" spans="14:14">
      <c r="N551916" s="10"/>
    </row>
    <row r="551917" spans="14:14">
      <c r="N551917" s="10"/>
    </row>
    <row r="551918" spans="14:14">
      <c r="N551918" s="10"/>
    </row>
    <row r="551919" spans="14:14">
      <c r="N551919" s="10"/>
    </row>
    <row r="551920" spans="14:14">
      <c r="N551920" s="10"/>
    </row>
    <row r="551921" spans="14:14">
      <c r="N551921" s="10"/>
    </row>
    <row r="551922" spans="14:14">
      <c r="N551922" s="10"/>
    </row>
    <row r="551923" spans="14:14">
      <c r="N551923" s="10"/>
    </row>
    <row r="551924" spans="14:14">
      <c r="N551924" s="10"/>
    </row>
    <row r="551925" spans="14:14">
      <c r="N551925" s="10"/>
    </row>
    <row r="551926" spans="14:14">
      <c r="N551926" s="10"/>
    </row>
    <row r="551927" spans="14:14">
      <c r="N551927" s="10"/>
    </row>
    <row r="551928" spans="14:14">
      <c r="N551928" s="10"/>
    </row>
    <row r="551929" spans="14:14">
      <c r="N551929" s="10"/>
    </row>
    <row r="551930" spans="14:14">
      <c r="N551930" s="10"/>
    </row>
    <row r="551931" spans="14:14">
      <c r="N551931" s="10"/>
    </row>
    <row r="551932" spans="14:14">
      <c r="N551932" s="10"/>
    </row>
    <row r="551933" spans="14:14">
      <c r="N551933" s="10"/>
    </row>
    <row r="551934" spans="14:14">
      <c r="N551934" s="10"/>
    </row>
    <row r="551935" spans="14:14">
      <c r="N551935" s="10"/>
    </row>
    <row r="551936" spans="14:14">
      <c r="N551936" s="10"/>
    </row>
    <row r="551937" spans="14:14">
      <c r="N551937" s="10"/>
    </row>
    <row r="551938" spans="14:14">
      <c r="N551938" s="10"/>
    </row>
    <row r="551939" spans="14:14">
      <c r="N551939" s="10"/>
    </row>
    <row r="551940" spans="14:14">
      <c r="N551940" s="10"/>
    </row>
    <row r="551941" spans="14:14">
      <c r="N551941" s="10"/>
    </row>
    <row r="551942" spans="14:14">
      <c r="N551942" s="10"/>
    </row>
    <row r="551943" spans="14:14">
      <c r="N551943" s="10"/>
    </row>
    <row r="551944" spans="14:14">
      <c r="N551944" s="10"/>
    </row>
    <row r="551945" spans="14:14">
      <c r="N551945" s="10"/>
    </row>
    <row r="551946" spans="14:14">
      <c r="N551946" s="10"/>
    </row>
    <row r="551947" spans="14:14">
      <c r="N551947" s="10"/>
    </row>
    <row r="551948" spans="14:14">
      <c r="N551948" s="10"/>
    </row>
    <row r="551949" spans="14:14">
      <c r="N551949" s="10"/>
    </row>
    <row r="551950" spans="14:14">
      <c r="N551950" s="10"/>
    </row>
    <row r="551951" spans="14:14">
      <c r="N551951" s="10"/>
    </row>
    <row r="551952" spans="14:14">
      <c r="N551952" s="10"/>
    </row>
    <row r="551953" spans="14:14">
      <c r="N551953" s="10"/>
    </row>
    <row r="551954" spans="14:14">
      <c r="N551954" s="10"/>
    </row>
    <row r="551955" spans="14:14">
      <c r="N551955" s="10"/>
    </row>
    <row r="551956" spans="14:14">
      <c r="N551956" s="10"/>
    </row>
    <row r="551957" spans="14:14">
      <c r="N551957" s="10"/>
    </row>
    <row r="551958" spans="14:14">
      <c r="N551958" s="10"/>
    </row>
    <row r="551959" spans="14:14">
      <c r="N551959" s="10"/>
    </row>
    <row r="551960" spans="14:14">
      <c r="N551960" s="10"/>
    </row>
    <row r="551961" spans="14:14">
      <c r="N551961" s="10"/>
    </row>
    <row r="551962" spans="14:14">
      <c r="N551962" s="10"/>
    </row>
    <row r="551963" spans="14:14">
      <c r="N551963" s="10"/>
    </row>
    <row r="551964" spans="14:14">
      <c r="N551964" s="10"/>
    </row>
    <row r="551965" spans="14:14">
      <c r="N551965" s="10"/>
    </row>
    <row r="551966" spans="14:14">
      <c r="N551966" s="10"/>
    </row>
    <row r="551967" spans="14:14">
      <c r="N551967" s="10"/>
    </row>
    <row r="551968" spans="14:14">
      <c r="N551968" s="10"/>
    </row>
    <row r="551969" spans="14:14">
      <c r="N551969" s="10"/>
    </row>
    <row r="551970" spans="14:14">
      <c r="N551970" s="10"/>
    </row>
    <row r="551971" spans="14:14">
      <c r="N551971" s="10"/>
    </row>
    <row r="551972" spans="14:14">
      <c r="N551972" s="10"/>
    </row>
    <row r="551973" spans="14:14">
      <c r="N551973" s="10"/>
    </row>
    <row r="551974" spans="14:14">
      <c r="N551974" s="10"/>
    </row>
    <row r="551975" spans="14:14">
      <c r="N551975" s="10"/>
    </row>
    <row r="551976" spans="14:14">
      <c r="N551976" s="10"/>
    </row>
    <row r="551977" spans="14:14">
      <c r="N551977" s="10"/>
    </row>
    <row r="551978" spans="14:14">
      <c r="N551978" s="10"/>
    </row>
    <row r="551979" spans="14:14">
      <c r="N551979" s="10"/>
    </row>
    <row r="551980" spans="14:14">
      <c r="N551980" s="10"/>
    </row>
    <row r="551981" spans="14:14">
      <c r="N551981" s="10"/>
    </row>
    <row r="551982" spans="14:14">
      <c r="N551982" s="10"/>
    </row>
    <row r="551983" spans="14:14">
      <c r="N551983" s="10"/>
    </row>
    <row r="551984" spans="14:14">
      <c r="N551984" s="10"/>
    </row>
    <row r="551985" spans="14:14">
      <c r="N551985" s="10"/>
    </row>
    <row r="551986" spans="14:14">
      <c r="N551986" s="10"/>
    </row>
    <row r="551987" spans="14:14">
      <c r="N551987" s="10"/>
    </row>
    <row r="551988" spans="14:14">
      <c r="N551988" s="10"/>
    </row>
    <row r="551989" spans="14:14">
      <c r="N551989" s="10"/>
    </row>
    <row r="551990" spans="14:14">
      <c r="N551990" s="10"/>
    </row>
    <row r="551991" spans="14:14">
      <c r="N551991" s="10"/>
    </row>
    <row r="551992" spans="14:14">
      <c r="N551992" s="10"/>
    </row>
    <row r="551993" spans="14:14">
      <c r="N551993" s="10"/>
    </row>
    <row r="551994" spans="14:14">
      <c r="N551994" s="10"/>
    </row>
    <row r="551995" spans="14:14">
      <c r="N551995" s="10"/>
    </row>
    <row r="551996" spans="14:14">
      <c r="N551996" s="10"/>
    </row>
    <row r="551997" spans="14:14">
      <c r="N551997" s="10"/>
    </row>
    <row r="551998" spans="14:14">
      <c r="N551998" s="10"/>
    </row>
    <row r="551999" spans="14:14">
      <c r="N551999" s="10"/>
    </row>
    <row r="552000" spans="14:14">
      <c r="N552000" s="10"/>
    </row>
    <row r="552001" spans="14:14">
      <c r="N552001" s="10"/>
    </row>
    <row r="552002" spans="14:14">
      <c r="N552002" s="10"/>
    </row>
    <row r="552003" spans="14:14">
      <c r="N552003" s="10"/>
    </row>
    <row r="552004" spans="14:14">
      <c r="N552004" s="10"/>
    </row>
    <row r="552005" spans="14:14">
      <c r="N552005" s="10"/>
    </row>
    <row r="552006" spans="14:14">
      <c r="N552006" s="10"/>
    </row>
    <row r="552007" spans="14:14">
      <c r="N552007" s="10"/>
    </row>
    <row r="552008" spans="14:14">
      <c r="N552008" s="10"/>
    </row>
    <row r="552009" spans="14:14">
      <c r="N552009" s="10"/>
    </row>
    <row r="552010" spans="14:14">
      <c r="N552010" s="10"/>
    </row>
    <row r="552011" spans="14:14">
      <c r="N552011" s="10"/>
    </row>
    <row r="552012" spans="14:14">
      <c r="N552012" s="10"/>
    </row>
    <row r="552013" spans="14:14">
      <c r="N552013" s="10"/>
    </row>
    <row r="552014" spans="14:14">
      <c r="N552014" s="10"/>
    </row>
    <row r="552015" spans="14:14">
      <c r="N552015" s="10"/>
    </row>
    <row r="552016" spans="14:14">
      <c r="N552016" s="10"/>
    </row>
    <row r="552017" spans="14:14">
      <c r="N552017" s="10"/>
    </row>
    <row r="552018" spans="14:14">
      <c r="N552018" s="10"/>
    </row>
    <row r="552019" spans="14:14">
      <c r="N552019" s="10"/>
    </row>
    <row r="552020" spans="14:14">
      <c r="N552020" s="10"/>
    </row>
    <row r="552021" spans="14:14">
      <c r="N552021" s="10"/>
    </row>
    <row r="552022" spans="14:14">
      <c r="N552022" s="10"/>
    </row>
    <row r="552023" spans="14:14">
      <c r="N552023" s="10"/>
    </row>
    <row r="552024" spans="14:14">
      <c r="N552024" s="10"/>
    </row>
    <row r="552025" spans="14:14">
      <c r="N552025" s="10"/>
    </row>
    <row r="552026" spans="14:14">
      <c r="N552026" s="10"/>
    </row>
    <row r="552027" spans="14:14">
      <c r="N552027" s="10"/>
    </row>
    <row r="552028" spans="14:14">
      <c r="N552028" s="10"/>
    </row>
    <row r="552029" spans="14:14">
      <c r="N552029" s="10"/>
    </row>
    <row r="552030" spans="14:14">
      <c r="N552030" s="10"/>
    </row>
    <row r="552031" spans="14:14">
      <c r="N552031" s="10"/>
    </row>
    <row r="552032" spans="14:14">
      <c r="N552032" s="10"/>
    </row>
    <row r="552033" spans="14:14">
      <c r="N552033" s="10"/>
    </row>
    <row r="552034" spans="14:14">
      <c r="N552034" s="10"/>
    </row>
    <row r="552035" spans="14:14">
      <c r="N552035" s="10"/>
    </row>
    <row r="552036" spans="14:14">
      <c r="N552036" s="10"/>
    </row>
    <row r="552037" spans="14:14">
      <c r="N552037" s="10"/>
    </row>
    <row r="552038" spans="14:14">
      <c r="N552038" s="10"/>
    </row>
    <row r="552039" spans="14:14">
      <c r="N552039" s="10"/>
    </row>
    <row r="552040" spans="14:14">
      <c r="N552040" s="10"/>
    </row>
    <row r="552041" spans="14:14">
      <c r="N552041" s="10"/>
    </row>
    <row r="552042" spans="14:14">
      <c r="N552042" s="10"/>
    </row>
    <row r="552043" spans="14:14">
      <c r="N552043" s="10"/>
    </row>
    <row r="552044" spans="14:14">
      <c r="N552044" s="10"/>
    </row>
    <row r="552045" spans="14:14">
      <c r="N552045" s="10"/>
    </row>
    <row r="552046" spans="14:14">
      <c r="N552046" s="10"/>
    </row>
    <row r="552047" spans="14:14">
      <c r="N552047" s="10"/>
    </row>
    <row r="552048" spans="14:14">
      <c r="N552048" s="10"/>
    </row>
    <row r="552049" spans="14:14">
      <c r="N552049" s="10"/>
    </row>
    <row r="552050" spans="14:14">
      <c r="N552050" s="10"/>
    </row>
    <row r="552051" spans="14:14">
      <c r="N552051" s="10"/>
    </row>
    <row r="552052" spans="14:14">
      <c r="N552052" s="10"/>
    </row>
    <row r="552053" spans="14:14">
      <c r="N552053" s="10"/>
    </row>
    <row r="552054" spans="14:14">
      <c r="N552054" s="10"/>
    </row>
    <row r="552055" spans="14:14">
      <c r="N552055" s="10"/>
    </row>
    <row r="552056" spans="14:14">
      <c r="N552056" s="10"/>
    </row>
    <row r="552057" spans="14:14">
      <c r="N552057" s="10"/>
    </row>
    <row r="552058" spans="14:14">
      <c r="N552058" s="10"/>
    </row>
    <row r="552059" spans="14:14">
      <c r="N552059" s="10"/>
    </row>
    <row r="552060" spans="14:14">
      <c r="N552060" s="10"/>
    </row>
    <row r="552061" spans="14:14">
      <c r="N552061" s="10"/>
    </row>
    <row r="552062" spans="14:14">
      <c r="N552062" s="10"/>
    </row>
    <row r="552063" spans="14:14">
      <c r="N552063" s="10"/>
    </row>
    <row r="552064" spans="14:14">
      <c r="N552064" s="10"/>
    </row>
    <row r="552065" spans="14:14">
      <c r="N552065" s="10"/>
    </row>
    <row r="552066" spans="14:14">
      <c r="N552066" s="10"/>
    </row>
    <row r="552067" spans="14:14">
      <c r="N552067" s="10"/>
    </row>
    <row r="552068" spans="14:14">
      <c r="N552068" s="10"/>
    </row>
    <row r="552069" spans="14:14">
      <c r="N552069" s="10"/>
    </row>
    <row r="552070" spans="14:14">
      <c r="N552070" s="10"/>
    </row>
    <row r="552071" spans="14:14">
      <c r="N552071" s="10"/>
    </row>
    <row r="552072" spans="14:14">
      <c r="N552072" s="10"/>
    </row>
    <row r="552073" spans="14:14">
      <c r="N552073" s="10"/>
    </row>
    <row r="552074" spans="14:14">
      <c r="N552074" s="10"/>
    </row>
    <row r="552075" spans="14:14">
      <c r="N552075" s="10"/>
    </row>
    <row r="552076" spans="14:14">
      <c r="N552076" s="10"/>
    </row>
    <row r="552077" spans="14:14">
      <c r="N552077" s="10"/>
    </row>
    <row r="552078" spans="14:14">
      <c r="N552078" s="10"/>
    </row>
    <row r="552079" spans="14:14">
      <c r="N552079" s="10"/>
    </row>
    <row r="552080" spans="14:14">
      <c r="N552080" s="10"/>
    </row>
    <row r="552081" spans="14:14">
      <c r="N552081" s="10"/>
    </row>
    <row r="552082" spans="14:14">
      <c r="N552082" s="10"/>
    </row>
    <row r="552083" spans="14:14">
      <c r="N552083" s="10"/>
    </row>
    <row r="552084" spans="14:14">
      <c r="N552084" s="10"/>
    </row>
    <row r="552085" spans="14:14">
      <c r="N552085" s="10"/>
    </row>
    <row r="552086" spans="14:14">
      <c r="N552086" s="10"/>
    </row>
    <row r="552087" spans="14:14">
      <c r="N552087" s="10"/>
    </row>
    <row r="552088" spans="14:14">
      <c r="N552088" s="10"/>
    </row>
    <row r="552089" spans="14:14">
      <c r="N552089" s="10"/>
    </row>
    <row r="552090" spans="14:14">
      <c r="N552090" s="10"/>
    </row>
    <row r="552091" spans="14:14">
      <c r="N552091" s="10"/>
    </row>
    <row r="552092" spans="14:14">
      <c r="N552092" s="10"/>
    </row>
    <row r="552093" spans="14:14">
      <c r="N552093" s="10"/>
    </row>
    <row r="552094" spans="14:14">
      <c r="N552094" s="10"/>
    </row>
    <row r="552095" spans="14:14">
      <c r="N552095" s="10"/>
    </row>
    <row r="552096" spans="14:14">
      <c r="N552096" s="10"/>
    </row>
    <row r="552097" spans="14:14">
      <c r="N552097" s="10"/>
    </row>
    <row r="552098" spans="14:14">
      <c r="N552098" s="10"/>
    </row>
    <row r="552099" spans="14:14">
      <c r="N552099" s="10"/>
    </row>
    <row r="552100" spans="14:14">
      <c r="N552100" s="10"/>
    </row>
    <row r="552101" spans="14:14">
      <c r="N552101" s="10"/>
    </row>
    <row r="552102" spans="14:14">
      <c r="N552102" s="10"/>
    </row>
    <row r="552103" spans="14:14">
      <c r="N552103" s="10"/>
    </row>
    <row r="552104" spans="14:14">
      <c r="N552104" s="10"/>
    </row>
    <row r="552105" spans="14:14">
      <c r="N552105" s="10"/>
    </row>
    <row r="552106" spans="14:14">
      <c r="N552106" s="10"/>
    </row>
    <row r="552107" spans="14:14">
      <c r="N552107" s="10"/>
    </row>
    <row r="552108" spans="14:14">
      <c r="N552108" s="10"/>
    </row>
    <row r="552109" spans="14:14">
      <c r="N552109" s="10"/>
    </row>
    <row r="552110" spans="14:14">
      <c r="N552110" s="10"/>
    </row>
    <row r="552111" spans="14:14">
      <c r="N552111" s="10"/>
    </row>
    <row r="552112" spans="14:14">
      <c r="N552112" s="10"/>
    </row>
    <row r="552113" spans="14:14">
      <c r="N552113" s="10"/>
    </row>
    <row r="552114" spans="14:14">
      <c r="N552114" s="10"/>
    </row>
    <row r="552115" spans="14:14">
      <c r="N552115" s="10"/>
    </row>
    <row r="552116" spans="14:14">
      <c r="N552116" s="10"/>
    </row>
    <row r="552117" spans="14:14">
      <c r="N552117" s="10"/>
    </row>
    <row r="552118" spans="14:14">
      <c r="N552118" s="10"/>
    </row>
    <row r="552119" spans="14:14">
      <c r="N552119" s="10"/>
    </row>
    <row r="552120" spans="14:14">
      <c r="N552120" s="10"/>
    </row>
    <row r="552121" spans="14:14">
      <c r="N552121" s="10"/>
    </row>
    <row r="552122" spans="14:14">
      <c r="N552122" s="10"/>
    </row>
    <row r="552123" spans="14:14">
      <c r="N552123" s="10"/>
    </row>
    <row r="552124" spans="14:14">
      <c r="N552124" s="10"/>
    </row>
    <row r="552125" spans="14:14">
      <c r="N552125" s="10"/>
    </row>
    <row r="552126" spans="14:14">
      <c r="N552126" s="10"/>
    </row>
    <row r="552127" spans="14:14">
      <c r="N552127" s="10"/>
    </row>
    <row r="552128" spans="14:14">
      <c r="N552128" s="10"/>
    </row>
    <row r="552129" spans="14:14">
      <c r="N552129" s="10"/>
    </row>
    <row r="552130" spans="14:14">
      <c r="N552130" s="10"/>
    </row>
    <row r="552131" spans="14:14">
      <c r="N552131" s="10"/>
    </row>
    <row r="552132" spans="14:14">
      <c r="N552132" s="10"/>
    </row>
    <row r="552133" spans="14:14">
      <c r="N552133" s="10"/>
    </row>
    <row r="552134" spans="14:14">
      <c r="N552134" s="10"/>
    </row>
    <row r="552135" spans="14:14">
      <c r="N552135" s="10"/>
    </row>
    <row r="552136" spans="14:14">
      <c r="N552136" s="10"/>
    </row>
    <row r="552137" spans="14:14">
      <c r="N552137" s="10"/>
    </row>
    <row r="552138" spans="14:14">
      <c r="N552138" s="10"/>
    </row>
    <row r="552139" spans="14:14">
      <c r="N552139" s="10"/>
    </row>
    <row r="552140" spans="14:14">
      <c r="N552140" s="10"/>
    </row>
    <row r="552141" spans="14:14">
      <c r="N552141" s="10"/>
    </row>
    <row r="552142" spans="14:14">
      <c r="N552142" s="10"/>
    </row>
    <row r="552143" spans="14:14">
      <c r="N552143" s="10"/>
    </row>
    <row r="552144" spans="14:14">
      <c r="N552144" s="10"/>
    </row>
    <row r="552145" spans="14:14">
      <c r="N552145" s="10"/>
    </row>
    <row r="552146" spans="14:14">
      <c r="N552146" s="10"/>
    </row>
    <row r="552147" spans="14:14">
      <c r="N552147" s="10"/>
    </row>
    <row r="552148" spans="14:14">
      <c r="N552148" s="10"/>
    </row>
    <row r="552149" spans="14:14">
      <c r="N552149" s="10"/>
    </row>
    <row r="552150" spans="14:14">
      <c r="N552150" s="10"/>
    </row>
    <row r="552151" spans="14:14">
      <c r="N552151" s="10"/>
    </row>
    <row r="552152" spans="14:14">
      <c r="N552152" s="10"/>
    </row>
    <row r="552153" spans="14:14">
      <c r="N552153" s="10"/>
    </row>
    <row r="552154" spans="14:14">
      <c r="N552154" s="10"/>
    </row>
    <row r="552155" spans="14:14">
      <c r="N552155" s="10"/>
    </row>
    <row r="552156" spans="14:14">
      <c r="N552156" s="10"/>
    </row>
    <row r="552157" spans="14:14">
      <c r="N552157" s="10"/>
    </row>
    <row r="552158" spans="14:14">
      <c r="N552158" s="10"/>
    </row>
    <row r="552159" spans="14:14">
      <c r="N552159" s="10"/>
    </row>
    <row r="552160" spans="14:14">
      <c r="N552160" s="10"/>
    </row>
    <row r="552161" spans="14:14">
      <c r="N552161" s="10"/>
    </row>
    <row r="552162" spans="14:14">
      <c r="N552162" s="10"/>
    </row>
    <row r="552163" spans="14:14">
      <c r="N552163" s="10"/>
    </row>
    <row r="552164" spans="14:14">
      <c r="N552164" s="10"/>
    </row>
    <row r="552165" spans="14:14">
      <c r="N552165" s="10"/>
    </row>
    <row r="552166" spans="14:14">
      <c r="N552166" s="10"/>
    </row>
    <row r="552167" spans="14:14">
      <c r="N552167" s="10"/>
    </row>
    <row r="552168" spans="14:14">
      <c r="N552168" s="10"/>
    </row>
    <row r="552169" spans="14:14">
      <c r="N552169" s="10"/>
    </row>
    <row r="552170" spans="14:14">
      <c r="N552170" s="10"/>
    </row>
    <row r="552171" spans="14:14">
      <c r="N552171" s="10"/>
    </row>
    <row r="552172" spans="14:14">
      <c r="N552172" s="10"/>
    </row>
    <row r="552173" spans="14:14">
      <c r="N552173" s="10"/>
    </row>
    <row r="552174" spans="14:14">
      <c r="N552174" s="10"/>
    </row>
    <row r="552175" spans="14:14">
      <c r="N552175" s="10"/>
    </row>
    <row r="552176" spans="14:14">
      <c r="N552176" s="10"/>
    </row>
    <row r="552177" spans="14:14">
      <c r="N552177" s="10"/>
    </row>
    <row r="552178" spans="14:14">
      <c r="N552178" s="10"/>
    </row>
    <row r="552179" spans="14:14">
      <c r="N552179" s="10"/>
    </row>
    <row r="552180" spans="14:14">
      <c r="N552180" s="10"/>
    </row>
    <row r="552181" spans="14:14">
      <c r="N552181" s="10"/>
    </row>
    <row r="552182" spans="14:14">
      <c r="N552182" s="10"/>
    </row>
    <row r="552183" spans="14:14">
      <c r="N552183" s="10"/>
    </row>
    <row r="552184" spans="14:14">
      <c r="N552184" s="10"/>
    </row>
    <row r="552185" spans="14:14">
      <c r="N552185" s="10"/>
    </row>
    <row r="552186" spans="14:14">
      <c r="N552186" s="10"/>
    </row>
    <row r="552187" spans="14:14">
      <c r="N552187" s="10"/>
    </row>
    <row r="552188" spans="14:14">
      <c r="N552188" s="10"/>
    </row>
    <row r="552189" spans="14:14">
      <c r="N552189" s="10"/>
    </row>
    <row r="552190" spans="14:14">
      <c r="N552190" s="10"/>
    </row>
    <row r="552191" spans="14:14">
      <c r="N552191" s="10"/>
    </row>
    <row r="552192" spans="14:14">
      <c r="N552192" s="10"/>
    </row>
    <row r="552193" spans="14:14">
      <c r="N552193" s="10"/>
    </row>
    <row r="552194" spans="14:14">
      <c r="N552194" s="10"/>
    </row>
    <row r="552195" spans="14:14">
      <c r="N552195" s="10"/>
    </row>
    <row r="552196" spans="14:14">
      <c r="N552196" s="10"/>
    </row>
    <row r="552197" spans="14:14">
      <c r="N552197" s="10"/>
    </row>
    <row r="552198" spans="14:14">
      <c r="N552198" s="10"/>
    </row>
    <row r="552199" spans="14:14">
      <c r="N552199" s="10"/>
    </row>
    <row r="552200" spans="14:14">
      <c r="N552200" s="10"/>
    </row>
    <row r="552201" spans="14:14">
      <c r="N552201" s="10"/>
    </row>
    <row r="552202" spans="14:14">
      <c r="N552202" s="10"/>
    </row>
    <row r="552203" spans="14:14">
      <c r="N552203" s="10"/>
    </row>
    <row r="552204" spans="14:14">
      <c r="N552204" s="10"/>
    </row>
    <row r="552205" spans="14:14">
      <c r="N552205" s="10"/>
    </row>
    <row r="552206" spans="14:14">
      <c r="N552206" s="10"/>
    </row>
    <row r="552207" spans="14:14">
      <c r="N552207" s="10"/>
    </row>
    <row r="552208" spans="14:14">
      <c r="N552208" s="10"/>
    </row>
    <row r="552209" spans="14:14">
      <c r="N552209" s="10"/>
    </row>
    <row r="552210" spans="14:14">
      <c r="N552210" s="10"/>
    </row>
    <row r="552211" spans="14:14">
      <c r="N552211" s="10"/>
    </row>
    <row r="552212" spans="14:14">
      <c r="N552212" s="10"/>
    </row>
    <row r="552213" spans="14:14">
      <c r="N552213" s="10"/>
    </row>
    <row r="552214" spans="14:14">
      <c r="N552214" s="10"/>
    </row>
    <row r="552215" spans="14:14">
      <c r="N552215" s="10"/>
    </row>
    <row r="552216" spans="14:14">
      <c r="N552216" s="10"/>
    </row>
    <row r="552217" spans="14:14">
      <c r="N552217" s="10"/>
    </row>
    <row r="552218" spans="14:14">
      <c r="N552218" s="10"/>
    </row>
    <row r="552219" spans="14:14">
      <c r="N552219" s="10"/>
    </row>
    <row r="552220" spans="14:14">
      <c r="N552220" s="10"/>
    </row>
    <row r="552221" spans="14:14">
      <c r="N552221" s="10"/>
    </row>
    <row r="552222" spans="14:14">
      <c r="N552222" s="10"/>
    </row>
    <row r="552223" spans="14:14">
      <c r="N552223" s="10"/>
    </row>
    <row r="552224" spans="14:14">
      <c r="N552224" s="10"/>
    </row>
    <row r="552225" spans="14:14">
      <c r="N552225" s="10"/>
    </row>
    <row r="552226" spans="14:14">
      <c r="N552226" s="10"/>
    </row>
    <row r="552227" spans="14:14">
      <c r="N552227" s="10"/>
    </row>
    <row r="552228" spans="14:14">
      <c r="N552228" s="10"/>
    </row>
    <row r="552229" spans="14:14">
      <c r="N552229" s="10"/>
    </row>
    <row r="552230" spans="14:14">
      <c r="N552230" s="10"/>
    </row>
    <row r="552231" spans="14:14">
      <c r="N552231" s="10"/>
    </row>
    <row r="552232" spans="14:14">
      <c r="N552232" s="10"/>
    </row>
    <row r="552233" spans="14:14">
      <c r="N552233" s="10"/>
    </row>
    <row r="552234" spans="14:14">
      <c r="N552234" s="10"/>
    </row>
    <row r="552235" spans="14:14">
      <c r="N552235" s="10"/>
    </row>
    <row r="552236" spans="14:14">
      <c r="N552236" s="10"/>
    </row>
    <row r="552237" spans="14:14">
      <c r="N552237" s="10"/>
    </row>
    <row r="552238" spans="14:14">
      <c r="N552238" s="10"/>
    </row>
    <row r="552239" spans="14:14">
      <c r="N552239" s="10"/>
    </row>
    <row r="552240" spans="14:14">
      <c r="N552240" s="10"/>
    </row>
    <row r="552241" spans="14:14">
      <c r="N552241" s="10"/>
    </row>
    <row r="552242" spans="14:14">
      <c r="N552242" s="10"/>
    </row>
    <row r="552243" spans="14:14">
      <c r="N552243" s="10"/>
    </row>
    <row r="552244" spans="14:14">
      <c r="N552244" s="10"/>
    </row>
    <row r="552245" spans="14:14">
      <c r="N552245" s="10"/>
    </row>
    <row r="552246" spans="14:14">
      <c r="N552246" s="10"/>
    </row>
    <row r="552247" spans="14:14">
      <c r="N552247" s="10"/>
    </row>
    <row r="552248" spans="14:14">
      <c r="N552248" s="10"/>
    </row>
    <row r="552249" spans="14:14">
      <c r="N552249" s="10"/>
    </row>
    <row r="552250" spans="14:14">
      <c r="N552250" s="10"/>
    </row>
    <row r="552251" spans="14:14">
      <c r="N552251" s="10"/>
    </row>
    <row r="552252" spans="14:14">
      <c r="N552252" s="10"/>
    </row>
    <row r="552253" spans="14:14">
      <c r="N552253" s="10"/>
    </row>
    <row r="552254" spans="14:14">
      <c r="N552254" s="10"/>
    </row>
    <row r="552255" spans="14:14">
      <c r="N552255" s="10"/>
    </row>
    <row r="552256" spans="14:14">
      <c r="N552256" s="10"/>
    </row>
    <row r="552257" spans="14:14">
      <c r="N552257" s="10"/>
    </row>
    <row r="552258" spans="14:14">
      <c r="N552258" s="10"/>
    </row>
    <row r="552259" spans="14:14">
      <c r="N552259" s="10"/>
    </row>
    <row r="552260" spans="14:14">
      <c r="N552260" s="10"/>
    </row>
    <row r="552261" spans="14:14">
      <c r="N552261" s="10"/>
    </row>
    <row r="552262" spans="14:14">
      <c r="N552262" s="10"/>
    </row>
    <row r="552263" spans="14:14">
      <c r="N552263" s="10"/>
    </row>
    <row r="552264" spans="14:14">
      <c r="N552264" s="10"/>
    </row>
    <row r="552265" spans="14:14">
      <c r="N552265" s="10"/>
    </row>
    <row r="552266" spans="14:14">
      <c r="N552266" s="10"/>
    </row>
    <row r="552267" spans="14:14">
      <c r="N552267" s="10"/>
    </row>
    <row r="552268" spans="14:14">
      <c r="N552268" s="10"/>
    </row>
    <row r="552269" spans="14:14">
      <c r="N552269" s="10"/>
    </row>
    <row r="552270" spans="14:14">
      <c r="N552270" s="10"/>
    </row>
    <row r="552271" spans="14:14">
      <c r="N552271" s="10"/>
    </row>
    <row r="552272" spans="14:14">
      <c r="N552272" s="10"/>
    </row>
    <row r="552273" spans="14:14">
      <c r="N552273" s="10"/>
    </row>
    <row r="552274" spans="14:14">
      <c r="N552274" s="10"/>
    </row>
    <row r="552275" spans="14:14">
      <c r="N552275" s="10"/>
    </row>
    <row r="552276" spans="14:14">
      <c r="N552276" s="10"/>
    </row>
    <row r="552277" spans="14:14">
      <c r="N552277" s="10"/>
    </row>
    <row r="552278" spans="14:14">
      <c r="N552278" s="10"/>
    </row>
    <row r="552279" spans="14:14">
      <c r="N552279" s="10"/>
    </row>
    <row r="552280" spans="14:14">
      <c r="N552280" s="10"/>
    </row>
    <row r="552281" spans="14:14">
      <c r="N552281" s="10"/>
    </row>
    <row r="552282" spans="14:14">
      <c r="N552282" s="10"/>
    </row>
    <row r="552283" spans="14:14">
      <c r="N552283" s="10"/>
    </row>
    <row r="552284" spans="14:14">
      <c r="N552284" s="10"/>
    </row>
    <row r="552285" spans="14:14">
      <c r="N552285" s="10"/>
    </row>
    <row r="552286" spans="14:14">
      <c r="N552286" s="10"/>
    </row>
    <row r="552287" spans="14:14">
      <c r="N552287" s="10"/>
    </row>
    <row r="552288" spans="14:14">
      <c r="N552288" s="10"/>
    </row>
    <row r="552289" spans="14:14">
      <c r="N552289" s="10"/>
    </row>
    <row r="552290" spans="14:14">
      <c r="N552290" s="10"/>
    </row>
    <row r="552291" spans="14:14">
      <c r="N552291" s="10"/>
    </row>
    <row r="552292" spans="14:14">
      <c r="N552292" s="10"/>
    </row>
    <row r="552293" spans="14:14">
      <c r="N552293" s="10"/>
    </row>
    <row r="552294" spans="14:14">
      <c r="N552294" s="10"/>
    </row>
    <row r="552295" spans="14:14">
      <c r="N552295" s="10"/>
    </row>
    <row r="552296" spans="14:14">
      <c r="N552296" s="10"/>
    </row>
    <row r="552297" spans="14:14">
      <c r="N552297" s="10"/>
    </row>
    <row r="552298" spans="14:14">
      <c r="N552298" s="10"/>
    </row>
    <row r="552299" spans="14:14">
      <c r="N552299" s="10"/>
    </row>
    <row r="552300" spans="14:14">
      <c r="N552300" s="10"/>
    </row>
    <row r="552301" spans="14:14">
      <c r="N552301" s="10"/>
    </row>
    <row r="552302" spans="14:14">
      <c r="N552302" s="10"/>
    </row>
    <row r="552303" spans="14:14">
      <c r="N552303" s="10"/>
    </row>
    <row r="552304" spans="14:14">
      <c r="N552304" s="10"/>
    </row>
    <row r="552305" spans="14:14">
      <c r="N552305" s="10"/>
    </row>
    <row r="552306" spans="14:14">
      <c r="N552306" s="10"/>
    </row>
    <row r="552307" spans="14:14">
      <c r="N552307" s="10"/>
    </row>
    <row r="552308" spans="14:14">
      <c r="N552308" s="10"/>
    </row>
    <row r="552309" spans="14:14">
      <c r="N552309" s="10"/>
    </row>
    <row r="552310" spans="14:14">
      <c r="N552310" s="10"/>
    </row>
    <row r="552311" spans="14:14">
      <c r="N552311" s="10"/>
    </row>
    <row r="552312" spans="14:14">
      <c r="N552312" s="10"/>
    </row>
    <row r="552313" spans="14:14">
      <c r="N552313" s="10"/>
    </row>
    <row r="552314" spans="14:14">
      <c r="N552314" s="10"/>
    </row>
    <row r="552315" spans="14:14">
      <c r="N552315" s="10"/>
    </row>
    <row r="552316" spans="14:14">
      <c r="N552316" s="10"/>
    </row>
    <row r="552317" spans="14:14">
      <c r="N552317" s="10"/>
    </row>
    <row r="552318" spans="14:14">
      <c r="N552318" s="10"/>
    </row>
    <row r="552319" spans="14:14">
      <c r="N552319" s="10"/>
    </row>
    <row r="552320" spans="14:14">
      <c r="N552320" s="10"/>
    </row>
    <row r="552321" spans="14:14">
      <c r="N552321" s="10"/>
    </row>
    <row r="552322" spans="14:14">
      <c r="N552322" s="10"/>
    </row>
    <row r="552323" spans="14:14">
      <c r="N552323" s="10"/>
    </row>
    <row r="552324" spans="14:14">
      <c r="N552324" s="10"/>
    </row>
    <row r="552325" spans="14:14">
      <c r="N552325" s="10"/>
    </row>
    <row r="552326" spans="14:14">
      <c r="N552326" s="10"/>
    </row>
    <row r="552327" spans="14:14">
      <c r="N552327" s="10"/>
    </row>
    <row r="552328" spans="14:14">
      <c r="N552328" s="10"/>
    </row>
    <row r="552329" spans="14:14">
      <c r="N552329" s="10"/>
    </row>
    <row r="552330" spans="14:14">
      <c r="N552330" s="10"/>
    </row>
    <row r="552331" spans="14:14">
      <c r="N552331" s="10"/>
    </row>
    <row r="552332" spans="14:14">
      <c r="N552332" s="10"/>
    </row>
    <row r="552333" spans="14:14">
      <c r="N552333" s="10"/>
    </row>
    <row r="552334" spans="14:14">
      <c r="N552334" s="10"/>
    </row>
    <row r="552335" spans="14:14">
      <c r="N552335" s="10"/>
    </row>
    <row r="552336" spans="14:14">
      <c r="N552336" s="10"/>
    </row>
    <row r="552337" spans="14:14">
      <c r="N552337" s="10"/>
    </row>
    <row r="552338" spans="14:14">
      <c r="N552338" s="10"/>
    </row>
    <row r="552339" spans="14:14">
      <c r="N552339" s="10"/>
    </row>
    <row r="552340" spans="14:14">
      <c r="N552340" s="10"/>
    </row>
    <row r="552341" spans="14:14">
      <c r="N552341" s="10"/>
    </row>
    <row r="552342" spans="14:14">
      <c r="N552342" s="10"/>
    </row>
    <row r="552343" spans="14:14">
      <c r="N552343" s="10"/>
    </row>
    <row r="552344" spans="14:14">
      <c r="N552344" s="10"/>
    </row>
    <row r="552345" spans="14:14">
      <c r="N552345" s="10"/>
    </row>
    <row r="552346" spans="14:14">
      <c r="N552346" s="10"/>
    </row>
    <row r="552347" spans="14:14">
      <c r="N552347" s="10"/>
    </row>
    <row r="552348" spans="14:14">
      <c r="N552348" s="10"/>
    </row>
    <row r="552349" spans="14:14">
      <c r="N552349" s="10"/>
    </row>
    <row r="552350" spans="14:14">
      <c r="N552350" s="10"/>
    </row>
    <row r="552351" spans="14:14">
      <c r="N552351" s="10"/>
    </row>
    <row r="552352" spans="14:14">
      <c r="N552352" s="10"/>
    </row>
    <row r="552353" spans="14:14">
      <c r="N552353" s="10"/>
    </row>
    <row r="552354" spans="14:14">
      <c r="N552354" s="10"/>
    </row>
    <row r="552355" spans="14:14">
      <c r="N552355" s="10"/>
    </row>
    <row r="552356" spans="14:14">
      <c r="N552356" s="10"/>
    </row>
    <row r="552357" spans="14:14">
      <c r="N552357" s="10"/>
    </row>
    <row r="552358" spans="14:14">
      <c r="N552358" s="10"/>
    </row>
    <row r="552359" spans="14:14">
      <c r="N552359" s="10"/>
    </row>
    <row r="552360" spans="14:14">
      <c r="N552360" s="10"/>
    </row>
    <row r="552361" spans="14:14">
      <c r="N552361" s="10"/>
    </row>
    <row r="552362" spans="14:14">
      <c r="N552362" s="10"/>
    </row>
    <row r="552363" spans="14:14">
      <c r="N552363" s="10"/>
    </row>
    <row r="552364" spans="14:14">
      <c r="N552364" s="10"/>
    </row>
    <row r="552365" spans="14:14">
      <c r="N552365" s="10"/>
    </row>
    <row r="552366" spans="14:14">
      <c r="N552366" s="10"/>
    </row>
    <row r="552367" spans="14:14">
      <c r="N552367" s="10"/>
    </row>
    <row r="552368" spans="14:14">
      <c r="N552368" s="10"/>
    </row>
    <row r="552369" spans="14:14">
      <c r="N552369" s="10"/>
    </row>
    <row r="552370" spans="14:14">
      <c r="N552370" s="10"/>
    </row>
    <row r="552371" spans="14:14">
      <c r="N552371" s="10"/>
    </row>
    <row r="552372" spans="14:14">
      <c r="N552372" s="10"/>
    </row>
    <row r="552373" spans="14:14">
      <c r="N552373" s="10"/>
    </row>
    <row r="552374" spans="14:14">
      <c r="N552374" s="10"/>
    </row>
    <row r="552375" spans="14:14">
      <c r="N552375" s="10"/>
    </row>
    <row r="552376" spans="14:14">
      <c r="N552376" s="10"/>
    </row>
    <row r="552377" spans="14:14">
      <c r="N552377" s="10"/>
    </row>
    <row r="552378" spans="14:14">
      <c r="N552378" s="10"/>
    </row>
    <row r="552379" spans="14:14">
      <c r="N552379" s="10"/>
    </row>
    <row r="552380" spans="14:14">
      <c r="N552380" s="10"/>
    </row>
    <row r="552381" spans="14:14">
      <c r="N552381" s="10"/>
    </row>
    <row r="552382" spans="14:14">
      <c r="N552382" s="10"/>
    </row>
    <row r="552383" spans="14:14">
      <c r="N552383" s="10"/>
    </row>
    <row r="552384" spans="14:14">
      <c r="N552384" s="10"/>
    </row>
    <row r="552385" spans="14:14">
      <c r="N552385" s="10"/>
    </row>
    <row r="552386" spans="14:14">
      <c r="N552386" s="10"/>
    </row>
    <row r="552387" spans="14:14">
      <c r="N552387" s="10"/>
    </row>
    <row r="552388" spans="14:14">
      <c r="N552388" s="10"/>
    </row>
    <row r="552389" spans="14:14">
      <c r="N552389" s="10"/>
    </row>
    <row r="552390" spans="14:14">
      <c r="N552390" s="10"/>
    </row>
    <row r="552391" spans="14:14">
      <c r="N552391" s="10"/>
    </row>
    <row r="552392" spans="14:14">
      <c r="N552392" s="10"/>
    </row>
    <row r="552393" spans="14:14">
      <c r="N552393" s="10"/>
    </row>
    <row r="552394" spans="14:14">
      <c r="N552394" s="10"/>
    </row>
    <row r="552395" spans="14:14">
      <c r="N552395" s="10"/>
    </row>
    <row r="552396" spans="14:14">
      <c r="N552396" s="10"/>
    </row>
    <row r="552397" spans="14:14">
      <c r="N552397" s="10"/>
    </row>
    <row r="552398" spans="14:14">
      <c r="N552398" s="10"/>
    </row>
    <row r="552399" spans="14:14">
      <c r="N552399" s="10"/>
    </row>
    <row r="552400" spans="14:14">
      <c r="N552400" s="10"/>
    </row>
    <row r="552401" spans="14:14">
      <c r="N552401" s="10"/>
    </row>
    <row r="552402" spans="14:14">
      <c r="N552402" s="10"/>
    </row>
    <row r="552403" spans="14:14">
      <c r="N552403" s="10"/>
    </row>
    <row r="552404" spans="14:14">
      <c r="N552404" s="10"/>
    </row>
    <row r="552405" spans="14:14">
      <c r="N552405" s="10"/>
    </row>
    <row r="552406" spans="14:14">
      <c r="N552406" s="10"/>
    </row>
    <row r="552407" spans="14:14">
      <c r="N552407" s="10"/>
    </row>
    <row r="552408" spans="14:14">
      <c r="N552408" s="10"/>
    </row>
    <row r="552409" spans="14:14">
      <c r="N552409" s="10"/>
    </row>
    <row r="552410" spans="14:14">
      <c r="N552410" s="10"/>
    </row>
    <row r="552411" spans="14:14">
      <c r="N552411" s="10"/>
    </row>
    <row r="552412" spans="14:14">
      <c r="N552412" s="10"/>
    </row>
    <row r="552413" spans="14:14">
      <c r="N552413" s="10"/>
    </row>
    <row r="552414" spans="14:14">
      <c r="N552414" s="10"/>
    </row>
    <row r="552415" spans="14:14">
      <c r="N552415" s="10"/>
    </row>
    <row r="552416" spans="14:14">
      <c r="N552416" s="10"/>
    </row>
    <row r="552417" spans="14:14">
      <c r="N552417" s="10"/>
    </row>
    <row r="552418" spans="14:14">
      <c r="N552418" s="10"/>
    </row>
    <row r="552419" spans="14:14">
      <c r="N552419" s="10"/>
    </row>
    <row r="552420" spans="14:14">
      <c r="N552420" s="10"/>
    </row>
    <row r="552421" spans="14:14">
      <c r="N552421" s="10"/>
    </row>
    <row r="552422" spans="14:14">
      <c r="N552422" s="10"/>
    </row>
    <row r="552423" spans="14:14">
      <c r="N552423" s="10"/>
    </row>
    <row r="552424" spans="14:14">
      <c r="N552424" s="10"/>
    </row>
    <row r="552425" spans="14:14">
      <c r="N552425" s="10"/>
    </row>
    <row r="552426" spans="14:14">
      <c r="N552426" s="10"/>
    </row>
    <row r="552427" spans="14:14">
      <c r="N552427" s="10"/>
    </row>
    <row r="552428" spans="14:14">
      <c r="N552428" s="10"/>
    </row>
    <row r="552429" spans="14:14">
      <c r="N552429" s="10"/>
    </row>
    <row r="552430" spans="14:14">
      <c r="N552430" s="10"/>
    </row>
    <row r="552431" spans="14:14">
      <c r="N552431" s="10"/>
    </row>
    <row r="552432" spans="14:14">
      <c r="N552432" s="10"/>
    </row>
    <row r="552433" spans="14:14">
      <c r="N552433" s="10"/>
    </row>
    <row r="552434" spans="14:14">
      <c r="N552434" s="10"/>
    </row>
    <row r="552435" spans="14:14">
      <c r="N552435" s="10"/>
    </row>
    <row r="552436" spans="14:14">
      <c r="N552436" s="10"/>
    </row>
    <row r="552437" spans="14:14">
      <c r="N552437" s="10"/>
    </row>
    <row r="552438" spans="14:14">
      <c r="N552438" s="10"/>
    </row>
    <row r="552439" spans="14:14">
      <c r="N552439" s="10"/>
    </row>
    <row r="552440" spans="14:14">
      <c r="N552440" s="10"/>
    </row>
    <row r="552441" spans="14:14">
      <c r="N552441" s="10"/>
    </row>
    <row r="552442" spans="14:14">
      <c r="N552442" s="10"/>
    </row>
    <row r="552443" spans="14:14">
      <c r="N552443" s="10"/>
    </row>
    <row r="552444" spans="14:14">
      <c r="N552444" s="10"/>
    </row>
    <row r="552445" spans="14:14">
      <c r="N552445" s="10"/>
    </row>
    <row r="552446" spans="14:14">
      <c r="N552446" s="10"/>
    </row>
    <row r="552447" spans="14:14">
      <c r="N552447" s="10"/>
    </row>
    <row r="552448" spans="14:14">
      <c r="N552448" s="10"/>
    </row>
    <row r="552449" spans="14:14">
      <c r="N552449" s="10"/>
    </row>
    <row r="552450" spans="14:14">
      <c r="N552450" s="10"/>
    </row>
    <row r="552451" spans="14:14">
      <c r="N552451" s="10"/>
    </row>
    <row r="552452" spans="14:14">
      <c r="N552452" s="10"/>
    </row>
    <row r="552453" spans="14:14">
      <c r="N552453" s="10"/>
    </row>
    <row r="552454" spans="14:14">
      <c r="N552454" s="10"/>
    </row>
    <row r="552455" spans="14:14">
      <c r="N552455" s="10"/>
    </row>
    <row r="552456" spans="14:14">
      <c r="N552456" s="10"/>
    </row>
    <row r="552457" spans="14:14">
      <c r="N552457" s="10"/>
    </row>
    <row r="552458" spans="14:14">
      <c r="N552458" s="10"/>
    </row>
    <row r="552459" spans="14:14">
      <c r="N552459" s="10"/>
    </row>
    <row r="552460" spans="14:14">
      <c r="N552460" s="10"/>
    </row>
    <row r="552461" spans="14:14">
      <c r="N552461" s="10"/>
    </row>
    <row r="552462" spans="14:14">
      <c r="N552462" s="10"/>
    </row>
    <row r="552463" spans="14:14">
      <c r="N552463" s="10"/>
    </row>
    <row r="552464" spans="14:14">
      <c r="N552464" s="10"/>
    </row>
    <row r="552465" spans="14:14">
      <c r="N552465" s="10"/>
    </row>
    <row r="552466" spans="14:14">
      <c r="N552466" s="10"/>
    </row>
    <row r="552467" spans="14:14">
      <c r="N552467" s="10"/>
    </row>
    <row r="552468" spans="14:14">
      <c r="N552468" s="10"/>
    </row>
    <row r="552469" spans="14:14">
      <c r="N552469" s="10"/>
    </row>
    <row r="552470" spans="14:14">
      <c r="N552470" s="10"/>
    </row>
    <row r="552471" spans="14:14">
      <c r="N552471" s="10"/>
    </row>
    <row r="552472" spans="14:14">
      <c r="N552472" s="10"/>
    </row>
    <row r="552473" spans="14:14">
      <c r="N552473" s="10"/>
    </row>
    <row r="552474" spans="14:14">
      <c r="N552474" s="10"/>
    </row>
    <row r="552475" spans="14:14">
      <c r="N552475" s="10"/>
    </row>
    <row r="552476" spans="14:14">
      <c r="N552476" s="10"/>
    </row>
    <row r="552477" spans="14:14">
      <c r="N552477" s="10"/>
    </row>
    <row r="552478" spans="14:14">
      <c r="N552478" s="10"/>
    </row>
    <row r="552479" spans="14:14">
      <c r="N552479" s="10"/>
    </row>
    <row r="552480" spans="14:14">
      <c r="N552480" s="10"/>
    </row>
    <row r="552481" spans="14:14">
      <c r="N552481" s="10"/>
    </row>
    <row r="552482" spans="14:14">
      <c r="N552482" s="10"/>
    </row>
    <row r="552483" spans="14:14">
      <c r="N552483" s="10"/>
    </row>
    <row r="552484" spans="14:14">
      <c r="N552484" s="10"/>
    </row>
    <row r="552485" spans="14:14">
      <c r="N552485" s="10"/>
    </row>
    <row r="552486" spans="14:14">
      <c r="N552486" s="10"/>
    </row>
    <row r="552487" spans="14:14">
      <c r="N552487" s="10"/>
    </row>
    <row r="552488" spans="14:14">
      <c r="N552488" s="10"/>
    </row>
    <row r="552489" spans="14:14">
      <c r="N552489" s="10"/>
    </row>
    <row r="552490" spans="14:14">
      <c r="N552490" s="10"/>
    </row>
    <row r="552491" spans="14:14">
      <c r="N552491" s="10"/>
    </row>
    <row r="552492" spans="14:14">
      <c r="N552492" s="10"/>
    </row>
    <row r="552493" spans="14:14">
      <c r="N552493" s="10"/>
    </row>
    <row r="552494" spans="14:14">
      <c r="N552494" s="10"/>
    </row>
    <row r="552495" spans="14:14">
      <c r="N552495" s="10"/>
    </row>
    <row r="552496" spans="14:14">
      <c r="N552496" s="10"/>
    </row>
    <row r="552497" spans="14:14">
      <c r="N552497" s="10"/>
    </row>
    <row r="552498" spans="14:14">
      <c r="N552498" s="10"/>
    </row>
    <row r="552499" spans="14:14">
      <c r="N552499" s="10"/>
    </row>
    <row r="552500" spans="14:14">
      <c r="N552500" s="10"/>
    </row>
    <row r="552501" spans="14:14">
      <c r="N552501" s="10"/>
    </row>
    <row r="552502" spans="14:14">
      <c r="N552502" s="10"/>
    </row>
    <row r="552503" spans="14:14">
      <c r="N552503" s="10"/>
    </row>
    <row r="552504" spans="14:14">
      <c r="N552504" s="10"/>
    </row>
    <row r="552505" spans="14:14">
      <c r="N552505" s="10"/>
    </row>
    <row r="552506" spans="14:14">
      <c r="N552506" s="10"/>
    </row>
    <row r="552507" spans="14:14">
      <c r="N552507" s="10"/>
    </row>
    <row r="552508" spans="14:14">
      <c r="N552508" s="10"/>
    </row>
    <row r="552509" spans="14:14">
      <c r="N552509" s="10"/>
    </row>
    <row r="552510" spans="14:14">
      <c r="N552510" s="10"/>
    </row>
    <row r="552511" spans="14:14">
      <c r="N552511" s="10"/>
    </row>
    <row r="552512" spans="14:14">
      <c r="N552512" s="10"/>
    </row>
    <row r="552513" spans="14:14">
      <c r="N552513" s="10"/>
    </row>
    <row r="552514" spans="14:14">
      <c r="N552514" s="10"/>
    </row>
    <row r="552515" spans="14:14">
      <c r="N552515" s="10"/>
    </row>
    <row r="552516" spans="14:14">
      <c r="N552516" s="10"/>
    </row>
    <row r="552517" spans="14:14">
      <c r="N552517" s="10"/>
    </row>
    <row r="552518" spans="14:14">
      <c r="N552518" s="10"/>
    </row>
    <row r="552519" spans="14:14">
      <c r="N552519" s="10"/>
    </row>
    <row r="552520" spans="14:14">
      <c r="N552520" s="10"/>
    </row>
    <row r="552521" spans="14:14">
      <c r="N552521" s="10"/>
    </row>
    <row r="552522" spans="14:14">
      <c r="N552522" s="10"/>
    </row>
    <row r="552523" spans="14:14">
      <c r="N552523" s="10"/>
    </row>
    <row r="552524" spans="14:14">
      <c r="N552524" s="10"/>
    </row>
    <row r="552525" spans="14:14">
      <c r="N552525" s="10"/>
    </row>
    <row r="552526" spans="14:14">
      <c r="N552526" s="10"/>
    </row>
    <row r="552527" spans="14:14">
      <c r="N552527" s="10"/>
    </row>
    <row r="552528" spans="14:14">
      <c r="N552528" s="10"/>
    </row>
    <row r="552529" spans="14:14">
      <c r="N552529" s="10"/>
    </row>
    <row r="552530" spans="14:14">
      <c r="N552530" s="10"/>
    </row>
    <row r="552531" spans="14:14">
      <c r="N552531" s="10"/>
    </row>
    <row r="552532" spans="14:14">
      <c r="N552532" s="10"/>
    </row>
    <row r="552533" spans="14:14">
      <c r="N552533" s="10"/>
    </row>
    <row r="552534" spans="14:14">
      <c r="N552534" s="10"/>
    </row>
    <row r="552535" spans="14:14">
      <c r="N552535" s="10"/>
    </row>
    <row r="552536" spans="14:14">
      <c r="N552536" s="10"/>
    </row>
    <row r="552537" spans="14:14">
      <c r="N552537" s="10"/>
    </row>
    <row r="552538" spans="14:14">
      <c r="N552538" s="10"/>
    </row>
    <row r="552539" spans="14:14">
      <c r="N552539" s="10"/>
    </row>
    <row r="552540" spans="14:14">
      <c r="N552540" s="10"/>
    </row>
    <row r="552541" spans="14:14">
      <c r="N552541" s="10"/>
    </row>
    <row r="552542" spans="14:14">
      <c r="N552542" s="10"/>
    </row>
    <row r="552543" spans="14:14">
      <c r="N552543" s="10"/>
    </row>
    <row r="552544" spans="14:14">
      <c r="N552544" s="10"/>
    </row>
    <row r="552545" spans="14:14">
      <c r="N552545" s="10"/>
    </row>
    <row r="552546" spans="14:14">
      <c r="N552546" s="10"/>
    </row>
    <row r="552547" spans="14:14">
      <c r="N552547" s="10"/>
    </row>
    <row r="552548" spans="14:14">
      <c r="N552548" s="10"/>
    </row>
    <row r="552549" spans="14:14">
      <c r="N552549" s="10"/>
    </row>
    <row r="552550" spans="14:14">
      <c r="N552550" s="10"/>
    </row>
    <row r="552551" spans="14:14">
      <c r="N552551" s="10"/>
    </row>
    <row r="552552" spans="14:14">
      <c r="N552552" s="10"/>
    </row>
    <row r="552553" spans="14:14">
      <c r="N552553" s="10"/>
    </row>
    <row r="552554" spans="14:14">
      <c r="N552554" s="10"/>
    </row>
    <row r="552555" spans="14:14">
      <c r="N552555" s="10"/>
    </row>
    <row r="552556" spans="14:14">
      <c r="N552556" s="10"/>
    </row>
    <row r="552557" spans="14:14">
      <c r="N552557" s="10"/>
    </row>
    <row r="552558" spans="14:14">
      <c r="N552558" s="10"/>
    </row>
    <row r="552559" spans="14:14">
      <c r="N552559" s="10"/>
    </row>
    <row r="552560" spans="14:14">
      <c r="N552560" s="10"/>
    </row>
    <row r="552561" spans="14:14">
      <c r="N552561" s="10"/>
    </row>
    <row r="552562" spans="14:14">
      <c r="N552562" s="10"/>
    </row>
    <row r="552563" spans="14:14">
      <c r="N552563" s="10"/>
    </row>
    <row r="552564" spans="14:14">
      <c r="N552564" s="10"/>
    </row>
    <row r="552565" spans="14:14">
      <c r="N552565" s="10"/>
    </row>
    <row r="552566" spans="14:14">
      <c r="N552566" s="10"/>
    </row>
    <row r="552567" spans="14:14">
      <c r="N552567" s="10"/>
    </row>
    <row r="552568" spans="14:14">
      <c r="N552568" s="10"/>
    </row>
    <row r="552569" spans="14:14">
      <c r="N552569" s="10"/>
    </row>
    <row r="552570" spans="14:14">
      <c r="N552570" s="10"/>
    </row>
    <row r="552571" spans="14:14">
      <c r="N552571" s="10"/>
    </row>
    <row r="552572" spans="14:14">
      <c r="N552572" s="10"/>
    </row>
    <row r="552573" spans="14:14">
      <c r="N552573" s="10"/>
    </row>
    <row r="552574" spans="14:14">
      <c r="N552574" s="10"/>
    </row>
    <row r="552575" spans="14:14">
      <c r="N552575" s="10"/>
    </row>
    <row r="552576" spans="14:14">
      <c r="N552576" s="10"/>
    </row>
    <row r="552577" spans="14:14">
      <c r="N552577" s="10"/>
    </row>
    <row r="552578" spans="14:14">
      <c r="N552578" s="10"/>
    </row>
    <row r="552579" spans="14:14">
      <c r="N552579" s="10"/>
    </row>
    <row r="552580" spans="14:14">
      <c r="N552580" s="10"/>
    </row>
    <row r="552581" spans="14:14">
      <c r="N552581" s="10"/>
    </row>
    <row r="552582" spans="14:14">
      <c r="N552582" s="10"/>
    </row>
    <row r="552583" spans="14:14">
      <c r="N552583" s="10"/>
    </row>
    <row r="552584" spans="14:14">
      <c r="N552584" s="10"/>
    </row>
    <row r="552585" spans="14:14">
      <c r="N552585" s="10"/>
    </row>
    <row r="552586" spans="14:14">
      <c r="N552586" s="10"/>
    </row>
    <row r="552587" spans="14:14">
      <c r="N552587" s="10"/>
    </row>
    <row r="552588" spans="14:14">
      <c r="N552588" s="10"/>
    </row>
    <row r="552589" spans="14:14">
      <c r="N552589" s="10"/>
    </row>
    <row r="552590" spans="14:14">
      <c r="N552590" s="10"/>
    </row>
    <row r="552591" spans="14:14">
      <c r="N552591" s="10"/>
    </row>
    <row r="552592" spans="14:14">
      <c r="N552592" s="10"/>
    </row>
    <row r="552593" spans="14:14">
      <c r="N552593" s="10"/>
    </row>
    <row r="552594" spans="14:14">
      <c r="N552594" s="10"/>
    </row>
    <row r="552595" spans="14:14">
      <c r="N552595" s="10"/>
    </row>
    <row r="552596" spans="14:14">
      <c r="N552596" s="10"/>
    </row>
    <row r="552597" spans="14:14">
      <c r="N552597" s="10"/>
    </row>
    <row r="552598" spans="14:14">
      <c r="N552598" s="10"/>
    </row>
    <row r="552599" spans="14:14">
      <c r="N552599" s="10"/>
    </row>
    <row r="552600" spans="14:14">
      <c r="N552600" s="10"/>
    </row>
    <row r="552601" spans="14:14">
      <c r="N552601" s="10"/>
    </row>
    <row r="552602" spans="14:14">
      <c r="N552602" s="10"/>
    </row>
    <row r="552603" spans="14:14">
      <c r="N552603" s="10"/>
    </row>
    <row r="552604" spans="14:14">
      <c r="N552604" s="10"/>
    </row>
    <row r="552605" spans="14:14">
      <c r="N552605" s="10"/>
    </row>
    <row r="552606" spans="14:14">
      <c r="N552606" s="10"/>
    </row>
    <row r="552607" spans="14:14">
      <c r="N552607" s="10"/>
    </row>
    <row r="552608" spans="14:14">
      <c r="N552608" s="10"/>
    </row>
    <row r="552609" spans="14:14">
      <c r="N552609" s="10"/>
    </row>
    <row r="552610" spans="14:14">
      <c r="N552610" s="10"/>
    </row>
    <row r="552611" spans="14:14">
      <c r="N552611" s="10"/>
    </row>
    <row r="552612" spans="14:14">
      <c r="N552612" s="10"/>
    </row>
    <row r="552613" spans="14:14">
      <c r="N552613" s="10"/>
    </row>
    <row r="552614" spans="14:14">
      <c r="N552614" s="10"/>
    </row>
    <row r="552615" spans="14:14">
      <c r="N552615" s="10"/>
    </row>
    <row r="552616" spans="14:14">
      <c r="N552616" s="10"/>
    </row>
    <row r="552617" spans="14:14">
      <c r="N552617" s="10"/>
    </row>
    <row r="552618" spans="14:14">
      <c r="N552618" s="10"/>
    </row>
    <row r="552619" spans="14:14">
      <c r="N552619" s="10"/>
    </row>
    <row r="552620" spans="14:14">
      <c r="N552620" s="10"/>
    </row>
    <row r="552621" spans="14:14">
      <c r="N552621" s="10"/>
    </row>
    <row r="552622" spans="14:14">
      <c r="N552622" s="10"/>
    </row>
    <row r="552623" spans="14:14">
      <c r="N552623" s="10"/>
    </row>
    <row r="552624" spans="14:14">
      <c r="N552624" s="10"/>
    </row>
    <row r="552625" spans="14:14">
      <c r="N552625" s="10"/>
    </row>
    <row r="552626" spans="14:14">
      <c r="N552626" s="10"/>
    </row>
    <row r="552627" spans="14:14">
      <c r="N552627" s="10"/>
    </row>
    <row r="552628" spans="14:14">
      <c r="N552628" s="10"/>
    </row>
    <row r="552629" spans="14:14">
      <c r="N552629" s="10"/>
    </row>
    <row r="552630" spans="14:14">
      <c r="N552630" s="10"/>
    </row>
    <row r="552631" spans="14:14">
      <c r="N552631" s="10"/>
    </row>
    <row r="552632" spans="14:14">
      <c r="N552632" s="10"/>
    </row>
    <row r="552633" spans="14:14">
      <c r="N552633" s="10"/>
    </row>
    <row r="552634" spans="14:14">
      <c r="N552634" s="10"/>
    </row>
    <row r="552635" spans="14:14">
      <c r="N552635" s="10"/>
    </row>
    <row r="552636" spans="14:14">
      <c r="N552636" s="10"/>
    </row>
    <row r="552637" spans="14:14">
      <c r="N552637" s="10"/>
    </row>
    <row r="552638" spans="14:14">
      <c r="N552638" s="10"/>
    </row>
    <row r="552639" spans="14:14">
      <c r="N552639" s="10"/>
    </row>
    <row r="552640" spans="14:14">
      <c r="N552640" s="10"/>
    </row>
    <row r="552641" spans="14:14">
      <c r="N552641" s="10"/>
    </row>
    <row r="552642" spans="14:14">
      <c r="N552642" s="10"/>
    </row>
    <row r="552643" spans="14:14">
      <c r="N552643" s="10"/>
    </row>
    <row r="552644" spans="14:14">
      <c r="N552644" s="10"/>
    </row>
    <row r="552645" spans="14:14">
      <c r="N552645" s="10"/>
    </row>
    <row r="552646" spans="14:14">
      <c r="N552646" s="10"/>
    </row>
    <row r="552647" spans="14:14">
      <c r="N552647" s="10"/>
    </row>
    <row r="552648" spans="14:14">
      <c r="N552648" s="10"/>
    </row>
    <row r="552649" spans="14:14">
      <c r="N552649" s="10"/>
    </row>
    <row r="552650" spans="14:14">
      <c r="N552650" s="10"/>
    </row>
    <row r="552651" spans="14:14">
      <c r="N552651" s="10"/>
    </row>
    <row r="552652" spans="14:14">
      <c r="N552652" s="10"/>
    </row>
    <row r="552653" spans="14:14">
      <c r="N552653" s="10"/>
    </row>
    <row r="552654" spans="14:14">
      <c r="N552654" s="10"/>
    </row>
    <row r="552655" spans="14:14">
      <c r="N552655" s="10"/>
    </row>
    <row r="552656" spans="14:14">
      <c r="N552656" s="10"/>
    </row>
    <row r="552657" spans="14:14">
      <c r="N552657" s="10"/>
    </row>
    <row r="552658" spans="14:14">
      <c r="N552658" s="10"/>
    </row>
    <row r="552659" spans="14:14">
      <c r="N552659" s="10"/>
    </row>
    <row r="552660" spans="14:14">
      <c r="N552660" s="10"/>
    </row>
    <row r="552661" spans="14:14">
      <c r="N552661" s="10"/>
    </row>
    <row r="552662" spans="14:14">
      <c r="N552662" s="10"/>
    </row>
    <row r="552663" spans="14:14">
      <c r="N552663" s="10"/>
    </row>
    <row r="552664" spans="14:14">
      <c r="N552664" s="10"/>
    </row>
    <row r="552665" spans="14:14">
      <c r="N552665" s="10"/>
    </row>
    <row r="552666" spans="14:14">
      <c r="N552666" s="10"/>
    </row>
    <row r="552667" spans="14:14">
      <c r="N552667" s="10"/>
    </row>
    <row r="552668" spans="14:14">
      <c r="N552668" s="10"/>
    </row>
    <row r="552669" spans="14:14">
      <c r="N552669" s="10"/>
    </row>
    <row r="552670" spans="14:14">
      <c r="N552670" s="10"/>
    </row>
    <row r="552671" spans="14:14">
      <c r="N552671" s="10"/>
    </row>
    <row r="552672" spans="14:14">
      <c r="N552672" s="10"/>
    </row>
    <row r="552673" spans="14:14">
      <c r="N552673" s="10"/>
    </row>
    <row r="552674" spans="14:14">
      <c r="N552674" s="10"/>
    </row>
    <row r="552675" spans="14:14">
      <c r="N552675" s="10"/>
    </row>
    <row r="552676" spans="14:14">
      <c r="N552676" s="10"/>
    </row>
    <row r="552677" spans="14:14">
      <c r="N552677" s="10"/>
    </row>
    <row r="552678" spans="14:14">
      <c r="N552678" s="10"/>
    </row>
    <row r="552679" spans="14:14">
      <c r="N552679" s="10"/>
    </row>
    <row r="552680" spans="14:14">
      <c r="N552680" s="10"/>
    </row>
    <row r="552681" spans="14:14">
      <c r="N552681" s="10"/>
    </row>
    <row r="552682" spans="14:14">
      <c r="N552682" s="10"/>
    </row>
    <row r="552683" spans="14:14">
      <c r="N552683" s="10"/>
    </row>
    <row r="552684" spans="14:14">
      <c r="N552684" s="10"/>
    </row>
    <row r="552685" spans="14:14">
      <c r="N552685" s="10"/>
    </row>
    <row r="552686" spans="14:14">
      <c r="N552686" s="10"/>
    </row>
    <row r="552687" spans="14:14">
      <c r="N552687" s="10"/>
    </row>
    <row r="552688" spans="14:14">
      <c r="N552688" s="10"/>
    </row>
    <row r="552689" spans="14:14">
      <c r="N552689" s="10"/>
    </row>
    <row r="552690" spans="14:14">
      <c r="N552690" s="10"/>
    </row>
    <row r="552691" spans="14:14">
      <c r="N552691" s="10"/>
    </row>
    <row r="552692" spans="14:14">
      <c r="N552692" s="10"/>
    </row>
    <row r="552693" spans="14:14">
      <c r="N552693" s="10"/>
    </row>
    <row r="552694" spans="14:14">
      <c r="N552694" s="10"/>
    </row>
    <row r="552695" spans="14:14">
      <c r="N552695" s="10"/>
    </row>
    <row r="552696" spans="14:14">
      <c r="N552696" s="10"/>
    </row>
    <row r="552697" spans="14:14">
      <c r="N552697" s="10"/>
    </row>
    <row r="552698" spans="14:14">
      <c r="N552698" s="10"/>
    </row>
    <row r="552699" spans="14:14">
      <c r="N552699" s="10"/>
    </row>
    <row r="552700" spans="14:14">
      <c r="N552700" s="10"/>
    </row>
    <row r="552701" spans="14:14">
      <c r="N552701" s="10"/>
    </row>
    <row r="552702" spans="14:14">
      <c r="N552702" s="10"/>
    </row>
    <row r="552703" spans="14:14">
      <c r="N552703" s="10"/>
    </row>
    <row r="552704" spans="14:14">
      <c r="N552704" s="10"/>
    </row>
    <row r="552705" spans="14:14">
      <c r="N552705" s="10"/>
    </row>
    <row r="552706" spans="14:14">
      <c r="N552706" s="10"/>
    </row>
    <row r="552707" spans="14:14">
      <c r="N552707" s="10"/>
    </row>
    <row r="552708" spans="14:14">
      <c r="N552708" s="10"/>
    </row>
    <row r="552709" spans="14:14">
      <c r="N552709" s="10"/>
    </row>
    <row r="552710" spans="14:14">
      <c r="N552710" s="10"/>
    </row>
    <row r="552711" spans="14:14">
      <c r="N552711" s="10"/>
    </row>
    <row r="552712" spans="14:14">
      <c r="N552712" s="10"/>
    </row>
    <row r="552713" spans="14:14">
      <c r="N552713" s="10"/>
    </row>
    <row r="552714" spans="14:14">
      <c r="N552714" s="10"/>
    </row>
    <row r="552715" spans="14:14">
      <c r="N552715" s="10"/>
    </row>
    <row r="552716" spans="14:14">
      <c r="N552716" s="10"/>
    </row>
    <row r="552717" spans="14:14">
      <c r="N552717" s="10"/>
    </row>
    <row r="552718" spans="14:14">
      <c r="N552718" s="10"/>
    </row>
    <row r="552719" spans="14:14">
      <c r="N552719" s="10"/>
    </row>
    <row r="552720" spans="14:14">
      <c r="N552720" s="10"/>
    </row>
    <row r="552721" spans="14:14">
      <c r="N552721" s="10"/>
    </row>
    <row r="552722" spans="14:14">
      <c r="N552722" s="10"/>
    </row>
    <row r="552723" spans="14:14">
      <c r="N552723" s="10"/>
    </row>
    <row r="552724" spans="14:14">
      <c r="N552724" s="10"/>
    </row>
    <row r="552725" spans="14:14">
      <c r="N552725" s="10"/>
    </row>
    <row r="552726" spans="14:14">
      <c r="N552726" s="10"/>
    </row>
    <row r="552727" spans="14:14">
      <c r="N552727" s="10"/>
    </row>
    <row r="552728" spans="14:14">
      <c r="N552728" s="10"/>
    </row>
    <row r="552729" spans="14:14">
      <c r="N552729" s="10"/>
    </row>
    <row r="552730" spans="14:14">
      <c r="N552730" s="10"/>
    </row>
    <row r="552731" spans="14:14">
      <c r="N552731" s="10"/>
    </row>
    <row r="552732" spans="14:14">
      <c r="N552732" s="10"/>
    </row>
    <row r="552733" spans="14:14">
      <c r="N552733" s="10"/>
    </row>
    <row r="552734" spans="14:14">
      <c r="N552734" s="10"/>
    </row>
    <row r="552735" spans="14:14">
      <c r="N552735" s="10"/>
    </row>
    <row r="552736" spans="14:14">
      <c r="N552736" s="10"/>
    </row>
    <row r="552737" spans="14:14">
      <c r="N552737" s="10"/>
    </row>
    <row r="552738" spans="14:14">
      <c r="N552738" s="10"/>
    </row>
    <row r="552739" spans="14:14">
      <c r="N552739" s="10"/>
    </row>
    <row r="552740" spans="14:14">
      <c r="N552740" s="10"/>
    </row>
    <row r="552741" spans="14:14">
      <c r="N552741" s="10"/>
    </row>
    <row r="552742" spans="14:14">
      <c r="N552742" s="10"/>
    </row>
    <row r="552743" spans="14:14">
      <c r="N552743" s="10"/>
    </row>
    <row r="552744" spans="14:14">
      <c r="N552744" s="10"/>
    </row>
    <row r="552745" spans="14:14">
      <c r="N552745" s="10"/>
    </row>
    <row r="552746" spans="14:14">
      <c r="N552746" s="10"/>
    </row>
    <row r="552747" spans="14:14">
      <c r="N552747" s="10"/>
    </row>
    <row r="552748" spans="14:14">
      <c r="N552748" s="10"/>
    </row>
    <row r="552749" spans="14:14">
      <c r="N552749" s="10"/>
    </row>
    <row r="552750" spans="14:14">
      <c r="N552750" s="10"/>
    </row>
    <row r="552751" spans="14:14">
      <c r="N552751" s="10"/>
    </row>
    <row r="552752" spans="14:14">
      <c r="N552752" s="10"/>
    </row>
    <row r="552753" spans="14:14">
      <c r="N552753" s="10"/>
    </row>
    <row r="552754" spans="14:14">
      <c r="N552754" s="10"/>
    </row>
    <row r="552755" spans="14:14">
      <c r="N552755" s="10"/>
    </row>
    <row r="552756" spans="14:14">
      <c r="N552756" s="10"/>
    </row>
    <row r="552757" spans="14:14">
      <c r="N552757" s="10"/>
    </row>
    <row r="552758" spans="14:14">
      <c r="N552758" s="10"/>
    </row>
    <row r="552759" spans="14:14">
      <c r="N552759" s="10"/>
    </row>
    <row r="552760" spans="14:14">
      <c r="N552760" s="10"/>
    </row>
    <row r="552761" spans="14:14">
      <c r="N552761" s="10"/>
    </row>
    <row r="552762" spans="14:14">
      <c r="N552762" s="10"/>
    </row>
    <row r="552763" spans="14:14">
      <c r="N552763" s="10"/>
    </row>
    <row r="552764" spans="14:14">
      <c r="N552764" s="10"/>
    </row>
    <row r="552765" spans="14:14">
      <c r="N552765" s="10"/>
    </row>
    <row r="552766" spans="14:14">
      <c r="N552766" s="10"/>
    </row>
    <row r="552767" spans="14:14">
      <c r="N552767" s="10"/>
    </row>
    <row r="552768" spans="14:14">
      <c r="N552768" s="10"/>
    </row>
    <row r="552769" spans="14:14">
      <c r="N552769" s="10"/>
    </row>
    <row r="552770" spans="14:14">
      <c r="N552770" s="10"/>
    </row>
    <row r="552771" spans="14:14">
      <c r="N552771" s="10"/>
    </row>
    <row r="552772" spans="14:14">
      <c r="N552772" s="10"/>
    </row>
    <row r="552773" spans="14:14">
      <c r="N552773" s="10"/>
    </row>
    <row r="552774" spans="14:14">
      <c r="N552774" s="10"/>
    </row>
    <row r="552775" spans="14:14">
      <c r="N552775" s="10"/>
    </row>
    <row r="552776" spans="14:14">
      <c r="N552776" s="10"/>
    </row>
    <row r="552777" spans="14:14">
      <c r="N552777" s="10"/>
    </row>
    <row r="552778" spans="14:14">
      <c r="N552778" s="10"/>
    </row>
    <row r="552779" spans="14:14">
      <c r="N552779" s="10"/>
    </row>
    <row r="552780" spans="14:14">
      <c r="N552780" s="10"/>
    </row>
    <row r="552781" spans="14:14">
      <c r="N552781" s="10"/>
    </row>
    <row r="552782" spans="14:14">
      <c r="N552782" s="10"/>
    </row>
    <row r="552783" spans="14:14">
      <c r="N552783" s="10"/>
    </row>
    <row r="552784" spans="14:14">
      <c r="N552784" s="10"/>
    </row>
    <row r="552785" spans="14:14">
      <c r="N552785" s="10"/>
    </row>
    <row r="552786" spans="14:14">
      <c r="N552786" s="10"/>
    </row>
    <row r="552787" spans="14:14">
      <c r="N552787" s="10"/>
    </row>
    <row r="552788" spans="14:14">
      <c r="N552788" s="10"/>
    </row>
    <row r="552789" spans="14:14">
      <c r="N552789" s="10"/>
    </row>
    <row r="552790" spans="14:14">
      <c r="N552790" s="10"/>
    </row>
    <row r="552791" spans="14:14">
      <c r="N552791" s="10"/>
    </row>
    <row r="552792" spans="14:14">
      <c r="N552792" s="10"/>
    </row>
    <row r="552793" spans="14:14">
      <c r="N552793" s="10"/>
    </row>
    <row r="552794" spans="14:14">
      <c r="N552794" s="10"/>
    </row>
    <row r="552795" spans="14:14">
      <c r="N552795" s="10"/>
    </row>
    <row r="552796" spans="14:14">
      <c r="N552796" s="10"/>
    </row>
    <row r="552797" spans="14:14">
      <c r="N552797" s="10"/>
    </row>
    <row r="552798" spans="14:14">
      <c r="N552798" s="10"/>
    </row>
    <row r="552799" spans="14:14">
      <c r="N552799" s="10"/>
    </row>
    <row r="552800" spans="14:14">
      <c r="N552800" s="10"/>
    </row>
    <row r="552801" spans="14:14">
      <c r="N552801" s="10"/>
    </row>
    <row r="552802" spans="14:14">
      <c r="N552802" s="10"/>
    </row>
    <row r="552803" spans="14:14">
      <c r="N552803" s="10"/>
    </row>
    <row r="552804" spans="14:14">
      <c r="N552804" s="10"/>
    </row>
    <row r="552805" spans="14:14">
      <c r="N552805" s="10"/>
    </row>
    <row r="552806" spans="14:14">
      <c r="N552806" s="10"/>
    </row>
    <row r="552807" spans="14:14">
      <c r="N552807" s="10"/>
    </row>
    <row r="552808" spans="14:14">
      <c r="N552808" s="10"/>
    </row>
    <row r="552809" spans="14:14">
      <c r="N552809" s="10"/>
    </row>
    <row r="552810" spans="14:14">
      <c r="N552810" s="10"/>
    </row>
    <row r="552811" spans="14:14">
      <c r="N552811" s="10"/>
    </row>
    <row r="552812" spans="14:14">
      <c r="N552812" s="10"/>
    </row>
    <row r="552813" spans="14:14">
      <c r="N552813" s="10"/>
    </row>
    <row r="552814" spans="14:14">
      <c r="N552814" s="10"/>
    </row>
    <row r="552815" spans="14:14">
      <c r="N552815" s="10"/>
    </row>
    <row r="552816" spans="14:14">
      <c r="N552816" s="10"/>
    </row>
    <row r="552817" spans="14:14">
      <c r="N552817" s="10"/>
    </row>
    <row r="552818" spans="14:14">
      <c r="N552818" s="10"/>
    </row>
    <row r="552819" spans="14:14">
      <c r="N552819" s="10"/>
    </row>
    <row r="552820" spans="14:14">
      <c r="N552820" s="10"/>
    </row>
    <row r="552821" spans="14:14">
      <c r="N552821" s="10"/>
    </row>
    <row r="552822" spans="14:14">
      <c r="N552822" s="10"/>
    </row>
    <row r="552823" spans="14:14">
      <c r="N552823" s="10"/>
    </row>
    <row r="552824" spans="14:14">
      <c r="N552824" s="10"/>
    </row>
    <row r="552825" spans="14:14">
      <c r="N552825" s="10"/>
    </row>
    <row r="552826" spans="14:14">
      <c r="N552826" s="10"/>
    </row>
    <row r="552827" spans="14:14">
      <c r="N552827" s="10"/>
    </row>
    <row r="552828" spans="14:14">
      <c r="N552828" s="10"/>
    </row>
    <row r="552829" spans="14:14">
      <c r="N552829" s="10"/>
    </row>
    <row r="552830" spans="14:14">
      <c r="N552830" s="10"/>
    </row>
    <row r="552831" spans="14:14">
      <c r="N552831" s="10"/>
    </row>
    <row r="552832" spans="14:14">
      <c r="N552832" s="10"/>
    </row>
    <row r="552833" spans="14:14">
      <c r="N552833" s="10"/>
    </row>
    <row r="552834" spans="14:14">
      <c r="N552834" s="10"/>
    </row>
    <row r="552835" spans="14:14">
      <c r="N552835" s="10"/>
    </row>
    <row r="552836" spans="14:14">
      <c r="N552836" s="10"/>
    </row>
    <row r="552837" spans="14:14">
      <c r="N552837" s="10"/>
    </row>
    <row r="552838" spans="14:14">
      <c r="N552838" s="10"/>
    </row>
    <row r="552839" spans="14:14">
      <c r="N552839" s="10"/>
    </row>
    <row r="552840" spans="14:14">
      <c r="N552840" s="10"/>
    </row>
    <row r="552841" spans="14:14">
      <c r="N552841" s="10"/>
    </row>
    <row r="552842" spans="14:14">
      <c r="N552842" s="10"/>
    </row>
    <row r="552843" spans="14:14">
      <c r="N552843" s="10"/>
    </row>
    <row r="552844" spans="14:14">
      <c r="N552844" s="10"/>
    </row>
    <row r="552845" spans="14:14">
      <c r="N552845" s="10"/>
    </row>
    <row r="552846" spans="14:14">
      <c r="N552846" s="10"/>
    </row>
    <row r="552847" spans="14:14">
      <c r="N552847" s="10"/>
    </row>
    <row r="552848" spans="14:14">
      <c r="N552848" s="10"/>
    </row>
    <row r="552849" spans="14:14">
      <c r="N552849" s="10"/>
    </row>
    <row r="552850" spans="14:14">
      <c r="N552850" s="10"/>
    </row>
    <row r="552851" spans="14:14">
      <c r="N552851" s="10"/>
    </row>
    <row r="552852" spans="14:14">
      <c r="N552852" s="10"/>
    </row>
    <row r="552853" spans="14:14">
      <c r="N552853" s="10"/>
    </row>
    <row r="552854" spans="14:14">
      <c r="N552854" s="10"/>
    </row>
    <row r="552855" spans="14:14">
      <c r="N552855" s="10"/>
    </row>
    <row r="552856" spans="14:14">
      <c r="N552856" s="10"/>
    </row>
    <row r="552857" spans="14:14">
      <c r="N552857" s="10"/>
    </row>
    <row r="552858" spans="14:14">
      <c r="N552858" s="10"/>
    </row>
    <row r="552859" spans="14:14">
      <c r="N552859" s="10"/>
    </row>
    <row r="552860" spans="14:14">
      <c r="N552860" s="10"/>
    </row>
    <row r="552861" spans="14:14">
      <c r="N552861" s="10"/>
    </row>
    <row r="552862" spans="14:14">
      <c r="N552862" s="10"/>
    </row>
    <row r="552863" spans="14:14">
      <c r="N552863" s="10"/>
    </row>
    <row r="552864" spans="14:14">
      <c r="N552864" s="10"/>
    </row>
    <row r="552865" spans="14:14">
      <c r="N552865" s="10"/>
    </row>
    <row r="552866" spans="14:14">
      <c r="N552866" s="10"/>
    </row>
    <row r="552867" spans="14:14">
      <c r="N552867" s="10"/>
    </row>
    <row r="552868" spans="14:14">
      <c r="N552868" s="10"/>
    </row>
    <row r="552869" spans="14:14">
      <c r="N552869" s="10"/>
    </row>
    <row r="552870" spans="14:14">
      <c r="N552870" s="10"/>
    </row>
    <row r="552871" spans="14:14">
      <c r="N552871" s="10"/>
    </row>
    <row r="552872" spans="14:14">
      <c r="N552872" s="10"/>
    </row>
    <row r="552873" spans="14:14">
      <c r="N552873" s="10"/>
    </row>
    <row r="552874" spans="14:14">
      <c r="N552874" s="10"/>
    </row>
    <row r="552875" spans="14:14">
      <c r="N552875" s="10"/>
    </row>
    <row r="552876" spans="14:14">
      <c r="N552876" s="10"/>
    </row>
    <row r="552877" spans="14:14">
      <c r="N552877" s="10"/>
    </row>
    <row r="552878" spans="14:14">
      <c r="N552878" s="10"/>
    </row>
    <row r="552879" spans="14:14">
      <c r="N552879" s="10"/>
    </row>
    <row r="552880" spans="14:14">
      <c r="N552880" s="10"/>
    </row>
    <row r="552881" spans="14:14">
      <c r="N552881" s="10"/>
    </row>
    <row r="552882" spans="14:14">
      <c r="N552882" s="10"/>
    </row>
    <row r="552883" spans="14:14">
      <c r="N552883" s="10"/>
    </row>
    <row r="552884" spans="14:14">
      <c r="N552884" s="10"/>
    </row>
    <row r="552885" spans="14:14">
      <c r="N552885" s="10"/>
    </row>
    <row r="552886" spans="14:14">
      <c r="N552886" s="10"/>
    </row>
    <row r="552887" spans="14:14">
      <c r="N552887" s="10"/>
    </row>
    <row r="552888" spans="14:14">
      <c r="N552888" s="10"/>
    </row>
    <row r="552889" spans="14:14">
      <c r="N552889" s="10"/>
    </row>
    <row r="552890" spans="14:14">
      <c r="N552890" s="10"/>
    </row>
    <row r="552891" spans="14:14">
      <c r="N552891" s="10"/>
    </row>
    <row r="552892" spans="14:14">
      <c r="N552892" s="10"/>
    </row>
    <row r="552893" spans="14:14">
      <c r="N552893" s="10"/>
    </row>
    <row r="552894" spans="14:14">
      <c r="N552894" s="10"/>
    </row>
    <row r="552895" spans="14:14">
      <c r="N552895" s="10"/>
    </row>
    <row r="552896" spans="14:14">
      <c r="N552896" s="10"/>
    </row>
    <row r="552897" spans="14:14">
      <c r="N552897" s="10"/>
    </row>
    <row r="552898" spans="14:14">
      <c r="N552898" s="10"/>
    </row>
    <row r="552899" spans="14:14">
      <c r="N552899" s="10"/>
    </row>
    <row r="552900" spans="14:14">
      <c r="N552900" s="10"/>
    </row>
    <row r="552901" spans="14:14">
      <c r="N552901" s="10"/>
    </row>
    <row r="552902" spans="14:14">
      <c r="N552902" s="10"/>
    </row>
    <row r="552903" spans="14:14">
      <c r="N552903" s="10"/>
    </row>
    <row r="552904" spans="14:14">
      <c r="N552904" s="10"/>
    </row>
    <row r="552905" spans="14:14">
      <c r="N552905" s="10"/>
    </row>
    <row r="552906" spans="14:14">
      <c r="N552906" s="10"/>
    </row>
    <row r="552907" spans="14:14">
      <c r="N552907" s="10"/>
    </row>
    <row r="552908" spans="14:14">
      <c r="N552908" s="10"/>
    </row>
    <row r="552909" spans="14:14">
      <c r="N552909" s="10"/>
    </row>
    <row r="552910" spans="14:14">
      <c r="N552910" s="10"/>
    </row>
    <row r="552911" spans="14:14">
      <c r="N552911" s="10"/>
    </row>
    <row r="552912" spans="14:14">
      <c r="N552912" s="10"/>
    </row>
    <row r="552913" spans="14:14">
      <c r="N552913" s="10"/>
    </row>
    <row r="552914" spans="14:14">
      <c r="N552914" s="10"/>
    </row>
    <row r="552915" spans="14:14">
      <c r="N552915" s="10"/>
    </row>
    <row r="552916" spans="14:14">
      <c r="N552916" s="10"/>
    </row>
    <row r="552917" spans="14:14">
      <c r="N552917" s="10"/>
    </row>
    <row r="552918" spans="14:14">
      <c r="N552918" s="10"/>
    </row>
    <row r="552919" spans="14:14">
      <c r="N552919" s="10"/>
    </row>
    <row r="552920" spans="14:14">
      <c r="N552920" s="10"/>
    </row>
    <row r="552921" spans="14:14">
      <c r="N552921" s="10"/>
    </row>
    <row r="552922" spans="14:14">
      <c r="N552922" s="10"/>
    </row>
    <row r="552923" spans="14:14">
      <c r="N552923" s="10"/>
    </row>
    <row r="552924" spans="14:14">
      <c r="N552924" s="10"/>
    </row>
    <row r="552925" spans="14:14">
      <c r="N552925" s="10"/>
    </row>
    <row r="552926" spans="14:14">
      <c r="N552926" s="10"/>
    </row>
    <row r="552927" spans="14:14">
      <c r="N552927" s="10"/>
    </row>
    <row r="552928" spans="14:14">
      <c r="N552928" s="10"/>
    </row>
    <row r="552929" spans="14:14">
      <c r="N552929" s="10"/>
    </row>
    <row r="552930" spans="14:14">
      <c r="N552930" s="10"/>
    </row>
    <row r="552931" spans="14:14">
      <c r="N552931" s="10"/>
    </row>
    <row r="552932" spans="14:14">
      <c r="N552932" s="10"/>
    </row>
    <row r="552933" spans="14:14">
      <c r="N552933" s="10"/>
    </row>
    <row r="552934" spans="14:14">
      <c r="N552934" s="10"/>
    </row>
    <row r="552935" spans="14:14">
      <c r="N552935" s="10"/>
    </row>
    <row r="552936" spans="14:14">
      <c r="N552936" s="10"/>
    </row>
    <row r="552937" spans="14:14">
      <c r="N552937" s="10"/>
    </row>
    <row r="552938" spans="14:14">
      <c r="N552938" s="10"/>
    </row>
    <row r="552939" spans="14:14">
      <c r="N552939" s="10"/>
    </row>
    <row r="552940" spans="14:14">
      <c r="N552940" s="10"/>
    </row>
    <row r="552941" spans="14:14">
      <c r="N552941" s="10"/>
    </row>
    <row r="552942" spans="14:14">
      <c r="N552942" s="10"/>
    </row>
    <row r="552943" spans="14:14">
      <c r="N552943" s="10"/>
    </row>
    <row r="552944" spans="14:14">
      <c r="N552944" s="10"/>
    </row>
    <row r="552945" spans="14:14">
      <c r="N552945" s="10"/>
    </row>
    <row r="552946" spans="14:14">
      <c r="N552946" s="10"/>
    </row>
    <row r="552947" spans="14:14">
      <c r="N552947" s="10"/>
    </row>
    <row r="552948" spans="14:14">
      <c r="N552948" s="10"/>
    </row>
    <row r="552949" spans="14:14">
      <c r="N552949" s="10"/>
    </row>
    <row r="552950" spans="14:14">
      <c r="N552950" s="10"/>
    </row>
    <row r="552951" spans="14:14">
      <c r="N552951" s="10"/>
    </row>
    <row r="552952" spans="14:14">
      <c r="N552952" s="10"/>
    </row>
    <row r="552953" spans="14:14">
      <c r="N552953" s="10"/>
    </row>
    <row r="552954" spans="14:14">
      <c r="N552954" s="10"/>
    </row>
    <row r="552955" spans="14:14">
      <c r="N552955" s="10"/>
    </row>
    <row r="552956" spans="14:14">
      <c r="N552956" s="10"/>
    </row>
    <row r="552957" spans="14:14">
      <c r="N552957" s="10"/>
    </row>
    <row r="552958" spans="14:14">
      <c r="N552958" s="10"/>
    </row>
    <row r="552959" spans="14:14">
      <c r="N552959" s="10"/>
    </row>
    <row r="552960" spans="14:14">
      <c r="N552960" s="10"/>
    </row>
    <row r="552961" spans="14:14">
      <c r="N552961" s="10"/>
    </row>
    <row r="552962" spans="14:14">
      <c r="N552962" s="10"/>
    </row>
    <row r="552963" spans="14:14">
      <c r="N552963" s="10"/>
    </row>
    <row r="552964" spans="14:14">
      <c r="N552964" s="10"/>
    </row>
    <row r="552965" spans="14:14">
      <c r="N552965" s="10"/>
    </row>
    <row r="552966" spans="14:14">
      <c r="N552966" s="10"/>
    </row>
    <row r="552967" spans="14:14">
      <c r="N552967" s="10"/>
    </row>
    <row r="552968" spans="14:14">
      <c r="N552968" s="10"/>
    </row>
    <row r="552969" spans="14:14">
      <c r="N552969" s="10"/>
    </row>
    <row r="552970" spans="14:14">
      <c r="N552970" s="10"/>
    </row>
    <row r="552971" spans="14:14">
      <c r="N552971" s="10"/>
    </row>
    <row r="552972" spans="14:14">
      <c r="N552972" s="10"/>
    </row>
    <row r="552973" spans="14:14">
      <c r="N552973" s="10"/>
    </row>
    <row r="552974" spans="14:14">
      <c r="N552974" s="10"/>
    </row>
    <row r="552975" spans="14:14">
      <c r="N552975" s="10"/>
    </row>
    <row r="552976" spans="14:14">
      <c r="N552976" s="10"/>
    </row>
    <row r="552977" spans="14:14">
      <c r="N552977" s="10"/>
    </row>
    <row r="552978" spans="14:14">
      <c r="N552978" s="10"/>
    </row>
    <row r="552979" spans="14:14">
      <c r="N552979" s="10"/>
    </row>
    <row r="552980" spans="14:14">
      <c r="N552980" s="10"/>
    </row>
    <row r="552981" spans="14:14">
      <c r="N552981" s="10"/>
    </row>
    <row r="552982" spans="14:14">
      <c r="N552982" s="10"/>
    </row>
    <row r="552983" spans="14:14">
      <c r="N552983" s="10"/>
    </row>
    <row r="552984" spans="14:14">
      <c r="N552984" s="10"/>
    </row>
    <row r="552985" spans="14:14">
      <c r="N552985" s="10"/>
    </row>
    <row r="552986" spans="14:14">
      <c r="N552986" s="10"/>
    </row>
    <row r="552987" spans="14:14">
      <c r="N552987" s="10"/>
    </row>
    <row r="552988" spans="14:14">
      <c r="N552988" s="10"/>
    </row>
    <row r="552989" spans="14:14">
      <c r="N552989" s="10"/>
    </row>
    <row r="552990" spans="14:14">
      <c r="N552990" s="10"/>
    </row>
    <row r="552991" spans="14:14">
      <c r="N552991" s="10"/>
    </row>
    <row r="552992" spans="14:14">
      <c r="N552992" s="10"/>
    </row>
    <row r="552993" spans="14:14">
      <c r="N552993" s="10"/>
    </row>
    <row r="552994" spans="14:14">
      <c r="N552994" s="10"/>
    </row>
    <row r="552995" spans="14:14">
      <c r="N552995" s="10"/>
    </row>
    <row r="552996" spans="14:14">
      <c r="N552996" s="10"/>
    </row>
    <row r="552997" spans="14:14">
      <c r="N552997" s="10"/>
    </row>
    <row r="552998" spans="14:14">
      <c r="N552998" s="10"/>
    </row>
    <row r="552999" spans="14:14">
      <c r="N552999" s="10"/>
    </row>
    <row r="553000" spans="14:14">
      <c r="N553000" s="10"/>
    </row>
    <row r="553001" spans="14:14">
      <c r="N553001" s="10"/>
    </row>
    <row r="553002" spans="14:14">
      <c r="N553002" s="10"/>
    </row>
    <row r="553003" spans="14:14">
      <c r="N553003" s="10"/>
    </row>
    <row r="553004" spans="14:14">
      <c r="N553004" s="10"/>
    </row>
    <row r="553005" spans="14:14">
      <c r="N553005" s="10"/>
    </row>
    <row r="553006" spans="14:14">
      <c r="N553006" s="10"/>
    </row>
    <row r="553007" spans="14:14">
      <c r="N553007" s="10"/>
    </row>
    <row r="553008" spans="14:14">
      <c r="N553008" s="10"/>
    </row>
    <row r="553009" spans="14:14">
      <c r="N553009" s="10"/>
    </row>
    <row r="553010" spans="14:14">
      <c r="N553010" s="10"/>
    </row>
    <row r="553011" spans="14:14">
      <c r="N553011" s="10"/>
    </row>
    <row r="553012" spans="14:14">
      <c r="N553012" s="10"/>
    </row>
    <row r="553013" spans="14:14">
      <c r="N553013" s="10"/>
    </row>
    <row r="553014" spans="14:14">
      <c r="N553014" s="10"/>
    </row>
    <row r="553015" spans="14:14">
      <c r="N553015" s="10"/>
    </row>
    <row r="553016" spans="14:14">
      <c r="N553016" s="10"/>
    </row>
    <row r="553017" spans="14:14">
      <c r="N553017" s="10"/>
    </row>
    <row r="553018" spans="14:14">
      <c r="N553018" s="10"/>
    </row>
    <row r="553019" spans="14:14">
      <c r="N553019" s="10"/>
    </row>
    <row r="553020" spans="14:14">
      <c r="N553020" s="10"/>
    </row>
    <row r="553021" spans="14:14">
      <c r="N553021" s="10"/>
    </row>
    <row r="553022" spans="14:14">
      <c r="N553022" s="10"/>
    </row>
    <row r="553023" spans="14:14">
      <c r="N553023" s="10"/>
    </row>
    <row r="553024" spans="14:14">
      <c r="N553024" s="10"/>
    </row>
    <row r="553025" spans="14:14">
      <c r="N553025" s="10"/>
    </row>
    <row r="553026" spans="14:14">
      <c r="N553026" s="10"/>
    </row>
    <row r="553027" spans="14:14">
      <c r="N553027" s="10"/>
    </row>
    <row r="553028" spans="14:14">
      <c r="N553028" s="10"/>
    </row>
    <row r="553029" spans="14:14">
      <c r="N553029" s="10"/>
    </row>
    <row r="553030" spans="14:14">
      <c r="N553030" s="10"/>
    </row>
    <row r="553031" spans="14:14">
      <c r="N553031" s="10"/>
    </row>
    <row r="553032" spans="14:14">
      <c r="N553032" s="10"/>
    </row>
    <row r="553033" spans="14:14">
      <c r="N553033" s="10"/>
    </row>
    <row r="553034" spans="14:14">
      <c r="N553034" s="10"/>
    </row>
    <row r="553035" spans="14:14">
      <c r="N553035" s="10"/>
    </row>
    <row r="553036" spans="14:14">
      <c r="N553036" s="10"/>
    </row>
    <row r="553037" spans="14:14">
      <c r="N553037" s="10"/>
    </row>
    <row r="553038" spans="14:14">
      <c r="N553038" s="10"/>
    </row>
    <row r="553039" spans="14:14">
      <c r="N553039" s="10"/>
    </row>
    <row r="553040" spans="14:14">
      <c r="N553040" s="10"/>
    </row>
    <row r="553041" spans="14:14">
      <c r="N553041" s="10"/>
    </row>
    <row r="553042" spans="14:14">
      <c r="N553042" s="10"/>
    </row>
    <row r="553043" spans="14:14">
      <c r="N553043" s="10"/>
    </row>
    <row r="553044" spans="14:14">
      <c r="N553044" s="10"/>
    </row>
    <row r="553045" spans="14:14">
      <c r="N553045" s="10"/>
    </row>
    <row r="553046" spans="14:14">
      <c r="N553046" s="10"/>
    </row>
    <row r="553047" spans="14:14">
      <c r="N553047" s="10"/>
    </row>
    <row r="553048" spans="14:14">
      <c r="N553048" s="10"/>
    </row>
    <row r="553049" spans="14:14">
      <c r="N553049" s="10"/>
    </row>
    <row r="553050" spans="14:14">
      <c r="N553050" s="10"/>
    </row>
    <row r="553051" spans="14:14">
      <c r="N553051" s="10"/>
    </row>
    <row r="553052" spans="14:14">
      <c r="N553052" s="10"/>
    </row>
    <row r="553053" spans="14:14">
      <c r="N553053" s="10"/>
    </row>
    <row r="553054" spans="14:14">
      <c r="N553054" s="10"/>
    </row>
    <row r="553055" spans="14:14">
      <c r="N553055" s="10"/>
    </row>
    <row r="553056" spans="14:14">
      <c r="N553056" s="10"/>
    </row>
    <row r="553057" spans="14:14">
      <c r="N553057" s="10"/>
    </row>
    <row r="553058" spans="14:14">
      <c r="N553058" s="10"/>
    </row>
    <row r="553059" spans="14:14">
      <c r="N553059" s="10"/>
    </row>
    <row r="553060" spans="14:14">
      <c r="N553060" s="10"/>
    </row>
    <row r="553061" spans="14:14">
      <c r="N553061" s="10"/>
    </row>
    <row r="553062" spans="14:14">
      <c r="N553062" s="10"/>
    </row>
    <row r="553063" spans="14:14">
      <c r="N553063" s="10"/>
    </row>
    <row r="553064" spans="14:14">
      <c r="N553064" s="10"/>
    </row>
    <row r="553065" spans="14:14">
      <c r="N553065" s="10"/>
    </row>
    <row r="553066" spans="14:14">
      <c r="N553066" s="10"/>
    </row>
    <row r="553067" spans="14:14">
      <c r="N553067" s="10"/>
    </row>
    <row r="553068" spans="14:14">
      <c r="N553068" s="10"/>
    </row>
    <row r="553069" spans="14:14">
      <c r="N553069" s="10"/>
    </row>
    <row r="553070" spans="14:14">
      <c r="N553070" s="10"/>
    </row>
    <row r="553071" spans="14:14">
      <c r="N553071" s="10"/>
    </row>
    <row r="553072" spans="14:14">
      <c r="N553072" s="10"/>
    </row>
    <row r="553073" spans="14:14">
      <c r="N553073" s="10"/>
    </row>
    <row r="553074" spans="14:14">
      <c r="N553074" s="10"/>
    </row>
    <row r="553075" spans="14:14">
      <c r="N553075" s="10"/>
    </row>
    <row r="553076" spans="14:14">
      <c r="N553076" s="10"/>
    </row>
    <row r="553077" spans="14:14">
      <c r="N553077" s="10"/>
    </row>
    <row r="553078" spans="14:14">
      <c r="N553078" s="10"/>
    </row>
    <row r="553079" spans="14:14">
      <c r="N553079" s="10"/>
    </row>
    <row r="553080" spans="14:14">
      <c r="N553080" s="10"/>
    </row>
    <row r="553081" spans="14:14">
      <c r="N553081" s="10"/>
    </row>
    <row r="553082" spans="14:14">
      <c r="N553082" s="10"/>
    </row>
    <row r="553083" spans="14:14">
      <c r="N553083" s="10"/>
    </row>
    <row r="553084" spans="14:14">
      <c r="N553084" s="10"/>
    </row>
    <row r="553085" spans="14:14">
      <c r="N553085" s="10"/>
    </row>
    <row r="553086" spans="14:14">
      <c r="N553086" s="10"/>
    </row>
    <row r="553087" spans="14:14">
      <c r="N553087" s="10"/>
    </row>
    <row r="553088" spans="14:14">
      <c r="N553088" s="10"/>
    </row>
    <row r="553089" spans="14:14">
      <c r="N553089" s="10"/>
    </row>
    <row r="553090" spans="14:14">
      <c r="N553090" s="10"/>
    </row>
    <row r="553091" spans="14:14">
      <c r="N553091" s="10"/>
    </row>
    <row r="553092" spans="14:14">
      <c r="N553092" s="10"/>
    </row>
    <row r="553093" spans="14:14">
      <c r="N553093" s="10"/>
    </row>
    <row r="553094" spans="14:14">
      <c r="N553094" s="10"/>
    </row>
    <row r="553095" spans="14:14">
      <c r="N553095" s="10"/>
    </row>
    <row r="553096" spans="14:14">
      <c r="N553096" s="10"/>
    </row>
    <row r="553097" spans="14:14">
      <c r="N553097" s="10"/>
    </row>
    <row r="553098" spans="14:14">
      <c r="N553098" s="10"/>
    </row>
    <row r="553099" spans="14:14">
      <c r="N553099" s="10"/>
    </row>
    <row r="553100" spans="14:14">
      <c r="N553100" s="10"/>
    </row>
    <row r="553101" spans="14:14">
      <c r="N553101" s="10"/>
    </row>
    <row r="553102" spans="14:14">
      <c r="N553102" s="10"/>
    </row>
    <row r="553103" spans="14:14">
      <c r="N553103" s="10"/>
    </row>
    <row r="553104" spans="14:14">
      <c r="N553104" s="10"/>
    </row>
    <row r="553105" spans="14:14">
      <c r="N553105" s="10"/>
    </row>
    <row r="553106" spans="14:14">
      <c r="N553106" s="10"/>
    </row>
    <row r="553107" spans="14:14">
      <c r="N553107" s="10"/>
    </row>
    <row r="553108" spans="14:14">
      <c r="N553108" s="10"/>
    </row>
    <row r="553109" spans="14:14">
      <c r="N553109" s="10"/>
    </row>
    <row r="553110" spans="14:14">
      <c r="N553110" s="10"/>
    </row>
    <row r="553111" spans="14:14">
      <c r="N553111" s="10"/>
    </row>
    <row r="553112" spans="14:14">
      <c r="N553112" s="10"/>
    </row>
    <row r="553113" spans="14:14">
      <c r="N553113" s="10"/>
    </row>
    <row r="553114" spans="14:14">
      <c r="N553114" s="10"/>
    </row>
    <row r="553115" spans="14:14">
      <c r="N553115" s="10"/>
    </row>
    <row r="553116" spans="14:14">
      <c r="N553116" s="10"/>
    </row>
    <row r="553117" spans="14:14">
      <c r="N553117" s="10"/>
    </row>
    <row r="553118" spans="14:14">
      <c r="N553118" s="10"/>
    </row>
    <row r="553119" spans="14:14">
      <c r="N553119" s="10"/>
    </row>
    <row r="553120" spans="14:14">
      <c r="N553120" s="10"/>
    </row>
    <row r="553121" spans="14:14">
      <c r="N553121" s="10"/>
    </row>
    <row r="553122" spans="14:14">
      <c r="N553122" s="10"/>
    </row>
    <row r="553123" spans="14:14">
      <c r="N553123" s="10"/>
    </row>
    <row r="553124" spans="14:14">
      <c r="N553124" s="10"/>
    </row>
    <row r="553125" spans="14:14">
      <c r="N553125" s="10"/>
    </row>
    <row r="553126" spans="14:14">
      <c r="N553126" s="10"/>
    </row>
    <row r="553127" spans="14:14">
      <c r="N553127" s="10"/>
    </row>
    <row r="553128" spans="14:14">
      <c r="N553128" s="10"/>
    </row>
    <row r="553129" spans="14:14">
      <c r="N553129" s="10"/>
    </row>
    <row r="553130" spans="14:14">
      <c r="N553130" s="10"/>
    </row>
    <row r="553131" spans="14:14">
      <c r="N553131" s="10"/>
    </row>
    <row r="553132" spans="14:14">
      <c r="N553132" s="10"/>
    </row>
    <row r="553133" spans="14:14">
      <c r="N553133" s="10"/>
    </row>
    <row r="553134" spans="14:14">
      <c r="N553134" s="10"/>
    </row>
    <row r="553135" spans="14:14">
      <c r="N553135" s="10"/>
    </row>
    <row r="553136" spans="14:14">
      <c r="N553136" s="10"/>
    </row>
    <row r="553137" spans="14:14">
      <c r="N553137" s="10"/>
    </row>
    <row r="553138" spans="14:14">
      <c r="N553138" s="10"/>
    </row>
    <row r="553139" spans="14:14">
      <c r="N553139" s="10"/>
    </row>
    <row r="553140" spans="14:14">
      <c r="N553140" s="10"/>
    </row>
    <row r="553141" spans="14:14">
      <c r="N553141" s="10"/>
    </row>
    <row r="553142" spans="14:14">
      <c r="N553142" s="10"/>
    </row>
    <row r="553143" spans="14:14">
      <c r="N553143" s="10"/>
    </row>
    <row r="553144" spans="14:14">
      <c r="N553144" s="10"/>
    </row>
    <row r="553145" spans="14:14">
      <c r="N553145" s="10"/>
    </row>
    <row r="553146" spans="14:14">
      <c r="N553146" s="10"/>
    </row>
    <row r="553147" spans="14:14">
      <c r="N553147" s="10"/>
    </row>
    <row r="553148" spans="14:14">
      <c r="N553148" s="10"/>
    </row>
    <row r="553149" spans="14:14">
      <c r="N553149" s="10"/>
    </row>
    <row r="553150" spans="14:14">
      <c r="N553150" s="10"/>
    </row>
    <row r="553151" spans="14:14">
      <c r="N553151" s="10"/>
    </row>
    <row r="553152" spans="14:14">
      <c r="N553152" s="10"/>
    </row>
    <row r="553153" spans="14:14">
      <c r="N553153" s="10"/>
    </row>
    <row r="553154" spans="14:14">
      <c r="N553154" s="10"/>
    </row>
    <row r="553155" spans="14:14">
      <c r="N553155" s="10"/>
    </row>
    <row r="553156" spans="14:14">
      <c r="N553156" s="10"/>
    </row>
    <row r="553157" spans="14:14">
      <c r="N553157" s="10"/>
    </row>
    <row r="553158" spans="14:14">
      <c r="N553158" s="10"/>
    </row>
    <row r="553159" spans="14:14">
      <c r="N553159" s="10"/>
    </row>
    <row r="553160" spans="14:14">
      <c r="N553160" s="10"/>
    </row>
    <row r="553161" spans="14:14">
      <c r="N553161" s="10"/>
    </row>
    <row r="553162" spans="14:14">
      <c r="N553162" s="10"/>
    </row>
    <row r="553163" spans="14:14">
      <c r="N553163" s="10"/>
    </row>
    <row r="553164" spans="14:14">
      <c r="N553164" s="10"/>
    </row>
    <row r="553165" spans="14:14">
      <c r="N553165" s="10"/>
    </row>
    <row r="553166" spans="14:14">
      <c r="N553166" s="10"/>
    </row>
    <row r="553167" spans="14:14">
      <c r="N553167" s="10"/>
    </row>
    <row r="553168" spans="14:14">
      <c r="N553168" s="10"/>
    </row>
    <row r="553169" spans="14:14">
      <c r="N553169" s="10"/>
    </row>
    <row r="553170" spans="14:14">
      <c r="N553170" s="10"/>
    </row>
    <row r="553171" spans="14:14">
      <c r="N553171" s="10"/>
    </row>
    <row r="553172" spans="14:14">
      <c r="N553172" s="10"/>
    </row>
    <row r="553173" spans="14:14">
      <c r="N553173" s="10"/>
    </row>
    <row r="553174" spans="14:14">
      <c r="N553174" s="10"/>
    </row>
    <row r="553175" spans="14:14">
      <c r="N553175" s="10"/>
    </row>
    <row r="553176" spans="14:14">
      <c r="N553176" s="10"/>
    </row>
    <row r="553177" spans="14:14">
      <c r="N553177" s="10"/>
    </row>
    <row r="553178" spans="14:14">
      <c r="N553178" s="10"/>
    </row>
    <row r="553179" spans="14:14">
      <c r="N553179" s="10"/>
    </row>
    <row r="553180" spans="14:14">
      <c r="N553180" s="10"/>
    </row>
    <row r="553181" spans="14:14">
      <c r="N553181" s="10"/>
    </row>
    <row r="553182" spans="14:14">
      <c r="N553182" s="10"/>
    </row>
    <row r="553183" spans="14:14">
      <c r="N553183" s="10"/>
    </row>
    <row r="553184" spans="14:14">
      <c r="N553184" s="10"/>
    </row>
    <row r="553185" spans="14:14">
      <c r="N553185" s="10"/>
    </row>
    <row r="553186" spans="14:14">
      <c r="N553186" s="10"/>
    </row>
    <row r="553187" spans="14:14">
      <c r="N553187" s="10"/>
    </row>
    <row r="553188" spans="14:14">
      <c r="N553188" s="10"/>
    </row>
    <row r="553189" spans="14:14">
      <c r="N553189" s="10"/>
    </row>
    <row r="553190" spans="14:14">
      <c r="N553190" s="10"/>
    </row>
    <row r="553191" spans="14:14">
      <c r="N553191" s="10"/>
    </row>
    <row r="553192" spans="14:14">
      <c r="N553192" s="10"/>
    </row>
    <row r="553193" spans="14:14">
      <c r="N553193" s="10"/>
    </row>
    <row r="553194" spans="14:14">
      <c r="N553194" s="10"/>
    </row>
    <row r="553195" spans="14:14">
      <c r="N553195" s="10"/>
    </row>
    <row r="553196" spans="14:14">
      <c r="N553196" s="10"/>
    </row>
    <row r="553197" spans="14:14">
      <c r="N553197" s="10"/>
    </row>
    <row r="553198" spans="14:14">
      <c r="N553198" s="10"/>
    </row>
    <row r="553199" spans="14:14">
      <c r="N553199" s="10"/>
    </row>
    <row r="553200" spans="14:14">
      <c r="N553200" s="10"/>
    </row>
    <row r="553201" spans="14:14">
      <c r="N553201" s="10"/>
    </row>
    <row r="553202" spans="14:14">
      <c r="N553202" s="10"/>
    </row>
    <row r="553203" spans="14:14">
      <c r="N553203" s="10"/>
    </row>
    <row r="553204" spans="14:14">
      <c r="N553204" s="10"/>
    </row>
    <row r="553205" spans="14:14">
      <c r="N553205" s="10"/>
    </row>
    <row r="553206" spans="14:14">
      <c r="N553206" s="10"/>
    </row>
    <row r="553207" spans="14:14">
      <c r="N553207" s="10"/>
    </row>
    <row r="553208" spans="14:14">
      <c r="N553208" s="10"/>
    </row>
    <row r="553209" spans="14:14">
      <c r="N553209" s="10"/>
    </row>
    <row r="553210" spans="14:14">
      <c r="N553210" s="10"/>
    </row>
    <row r="553211" spans="14:14">
      <c r="N553211" s="10"/>
    </row>
    <row r="553212" spans="14:14">
      <c r="N553212" s="10"/>
    </row>
    <row r="553213" spans="14:14">
      <c r="N553213" s="10"/>
    </row>
    <row r="553214" spans="14:14">
      <c r="N553214" s="10"/>
    </row>
    <row r="553215" spans="14:14">
      <c r="N553215" s="10"/>
    </row>
    <row r="553216" spans="14:14">
      <c r="N553216" s="10"/>
    </row>
    <row r="553217" spans="14:14">
      <c r="N553217" s="10"/>
    </row>
    <row r="553218" spans="14:14">
      <c r="N553218" s="10"/>
    </row>
    <row r="553219" spans="14:14">
      <c r="N553219" s="10"/>
    </row>
    <row r="553220" spans="14:14">
      <c r="N553220" s="10"/>
    </row>
    <row r="553221" spans="14:14">
      <c r="N553221" s="10"/>
    </row>
    <row r="553222" spans="14:14">
      <c r="N553222" s="10"/>
    </row>
    <row r="553223" spans="14:14">
      <c r="N553223" s="10"/>
    </row>
    <row r="553224" spans="14:14">
      <c r="N553224" s="10"/>
    </row>
    <row r="553225" spans="14:14">
      <c r="N553225" s="10"/>
    </row>
    <row r="553226" spans="14:14">
      <c r="N553226" s="10"/>
    </row>
    <row r="553227" spans="14:14">
      <c r="N553227" s="10"/>
    </row>
    <row r="553228" spans="14:14">
      <c r="N553228" s="10"/>
    </row>
    <row r="553229" spans="14:14">
      <c r="N553229" s="10"/>
    </row>
    <row r="553230" spans="14:14">
      <c r="N553230" s="10"/>
    </row>
    <row r="553231" spans="14:14">
      <c r="N553231" s="10"/>
    </row>
    <row r="553232" spans="14:14">
      <c r="N553232" s="10"/>
    </row>
    <row r="553233" spans="14:14">
      <c r="N553233" s="10"/>
    </row>
    <row r="553234" spans="14:14">
      <c r="N553234" s="10"/>
    </row>
    <row r="553235" spans="14:14">
      <c r="N553235" s="10"/>
    </row>
    <row r="553236" spans="14:14">
      <c r="N553236" s="10"/>
    </row>
    <row r="553237" spans="14:14">
      <c r="N553237" s="10"/>
    </row>
    <row r="553238" spans="14:14">
      <c r="N553238" s="10"/>
    </row>
    <row r="553239" spans="14:14">
      <c r="N553239" s="10"/>
    </row>
    <row r="553240" spans="14:14">
      <c r="N553240" s="10"/>
    </row>
    <row r="553241" spans="14:14">
      <c r="N553241" s="10"/>
    </row>
    <row r="553242" spans="14:14">
      <c r="N553242" s="10"/>
    </row>
    <row r="553243" spans="14:14">
      <c r="N553243" s="10"/>
    </row>
    <row r="553244" spans="14:14">
      <c r="N553244" s="10"/>
    </row>
    <row r="553245" spans="14:14">
      <c r="N553245" s="10"/>
    </row>
    <row r="553246" spans="14:14">
      <c r="N553246" s="10"/>
    </row>
    <row r="553247" spans="14:14">
      <c r="N553247" s="10"/>
    </row>
    <row r="553248" spans="14:14">
      <c r="N553248" s="10"/>
    </row>
    <row r="553249" spans="14:14">
      <c r="N553249" s="10"/>
    </row>
    <row r="553250" spans="14:14">
      <c r="N553250" s="10"/>
    </row>
    <row r="553251" spans="14:14">
      <c r="N553251" s="10"/>
    </row>
    <row r="553252" spans="14:14">
      <c r="N553252" s="10"/>
    </row>
    <row r="553253" spans="14:14">
      <c r="N553253" s="10"/>
    </row>
    <row r="553254" spans="14:14">
      <c r="N553254" s="10"/>
    </row>
    <row r="553255" spans="14:14">
      <c r="N553255" s="10"/>
    </row>
    <row r="553256" spans="14:14">
      <c r="N553256" s="10"/>
    </row>
    <row r="553257" spans="14:14">
      <c r="N553257" s="10"/>
    </row>
    <row r="553258" spans="14:14">
      <c r="N553258" s="10"/>
    </row>
    <row r="553259" spans="14:14">
      <c r="N553259" s="10"/>
    </row>
    <row r="553260" spans="14:14">
      <c r="N553260" s="10"/>
    </row>
    <row r="553261" spans="14:14">
      <c r="N553261" s="10"/>
    </row>
    <row r="553262" spans="14:14">
      <c r="N553262" s="10"/>
    </row>
    <row r="553263" spans="14:14">
      <c r="N553263" s="10"/>
    </row>
    <row r="553264" spans="14:14">
      <c r="N553264" s="10"/>
    </row>
    <row r="553265" spans="14:14">
      <c r="N553265" s="10"/>
    </row>
    <row r="553266" spans="14:14">
      <c r="N553266" s="10"/>
    </row>
    <row r="553267" spans="14:14">
      <c r="N553267" s="10"/>
    </row>
    <row r="553268" spans="14:14">
      <c r="N553268" s="10"/>
    </row>
    <row r="553269" spans="14:14">
      <c r="N553269" s="10"/>
    </row>
    <row r="553270" spans="14:14">
      <c r="N553270" s="10"/>
    </row>
    <row r="553271" spans="14:14">
      <c r="N553271" s="10"/>
    </row>
    <row r="553272" spans="14:14">
      <c r="N553272" s="10"/>
    </row>
    <row r="553273" spans="14:14">
      <c r="N553273" s="10"/>
    </row>
    <row r="553274" spans="14:14">
      <c r="N553274" s="10"/>
    </row>
    <row r="553275" spans="14:14">
      <c r="N553275" s="10"/>
    </row>
    <row r="553276" spans="14:14">
      <c r="N553276" s="10"/>
    </row>
    <row r="553277" spans="14:14">
      <c r="N553277" s="10"/>
    </row>
    <row r="553278" spans="14:14">
      <c r="N553278" s="10"/>
    </row>
    <row r="553279" spans="14:14">
      <c r="N553279" s="10"/>
    </row>
    <row r="553280" spans="14:14">
      <c r="N553280" s="10"/>
    </row>
    <row r="553281" spans="14:14">
      <c r="N553281" s="10"/>
    </row>
    <row r="553282" spans="14:14">
      <c r="N553282" s="10"/>
    </row>
    <row r="553283" spans="14:14">
      <c r="N553283" s="10"/>
    </row>
    <row r="553284" spans="14:14">
      <c r="N553284" s="10"/>
    </row>
    <row r="553285" spans="14:14">
      <c r="N553285" s="10"/>
    </row>
    <row r="553286" spans="14:14">
      <c r="N553286" s="10"/>
    </row>
    <row r="553287" spans="14:14">
      <c r="N553287" s="10"/>
    </row>
    <row r="553288" spans="14:14">
      <c r="N553288" s="10"/>
    </row>
    <row r="553289" spans="14:14">
      <c r="N553289" s="10"/>
    </row>
    <row r="553290" spans="14:14">
      <c r="N553290" s="10"/>
    </row>
    <row r="553291" spans="14:14">
      <c r="N553291" s="10"/>
    </row>
    <row r="553292" spans="14:14">
      <c r="N553292" s="10"/>
    </row>
    <row r="553293" spans="14:14">
      <c r="N553293" s="10"/>
    </row>
    <row r="553294" spans="14:14">
      <c r="N553294" s="10"/>
    </row>
    <row r="553295" spans="14:14">
      <c r="N553295" s="10"/>
    </row>
    <row r="553296" spans="14:14">
      <c r="N553296" s="10"/>
    </row>
    <row r="553297" spans="14:14">
      <c r="N553297" s="10"/>
    </row>
    <row r="553298" spans="14:14">
      <c r="N553298" s="10"/>
    </row>
    <row r="553299" spans="14:14">
      <c r="N553299" s="10"/>
    </row>
    <row r="553300" spans="14:14">
      <c r="N553300" s="10"/>
    </row>
    <row r="553301" spans="14:14">
      <c r="N553301" s="10"/>
    </row>
    <row r="553302" spans="14:14">
      <c r="N553302" s="10"/>
    </row>
    <row r="553303" spans="14:14">
      <c r="N553303" s="10"/>
    </row>
    <row r="553304" spans="14:14">
      <c r="N553304" s="10"/>
    </row>
    <row r="553305" spans="14:14">
      <c r="N553305" s="10"/>
    </row>
    <row r="553306" spans="14:14">
      <c r="N553306" s="10"/>
    </row>
    <row r="553307" spans="14:14">
      <c r="N553307" s="10"/>
    </row>
    <row r="553308" spans="14:14">
      <c r="N553308" s="10"/>
    </row>
    <row r="553309" spans="14:14">
      <c r="N553309" s="10"/>
    </row>
    <row r="553310" spans="14:14">
      <c r="N553310" s="10"/>
    </row>
    <row r="553311" spans="14:14">
      <c r="N553311" s="10"/>
    </row>
    <row r="553312" spans="14:14">
      <c r="N553312" s="10"/>
    </row>
    <row r="553313" spans="14:14">
      <c r="N553313" s="10"/>
    </row>
    <row r="553314" spans="14:14">
      <c r="N553314" s="10"/>
    </row>
    <row r="553315" spans="14:14">
      <c r="N553315" s="10"/>
    </row>
    <row r="553316" spans="14:14">
      <c r="N553316" s="10"/>
    </row>
    <row r="553317" spans="14:14">
      <c r="N553317" s="10"/>
    </row>
    <row r="553318" spans="14:14">
      <c r="N553318" s="10"/>
    </row>
    <row r="553319" spans="14:14">
      <c r="N553319" s="10"/>
    </row>
    <row r="553320" spans="14:14">
      <c r="N553320" s="10"/>
    </row>
    <row r="553321" spans="14:14">
      <c r="N553321" s="10"/>
    </row>
    <row r="553322" spans="14:14">
      <c r="N553322" s="10"/>
    </row>
    <row r="553323" spans="14:14">
      <c r="N553323" s="10"/>
    </row>
    <row r="553324" spans="14:14">
      <c r="N553324" s="10"/>
    </row>
    <row r="553325" spans="14:14">
      <c r="N553325" s="10"/>
    </row>
    <row r="553326" spans="14:14">
      <c r="N553326" s="10"/>
    </row>
    <row r="553327" spans="14:14">
      <c r="N553327" s="10"/>
    </row>
    <row r="553328" spans="14:14">
      <c r="N553328" s="10"/>
    </row>
    <row r="553329" spans="14:14">
      <c r="N553329" s="10"/>
    </row>
    <row r="553330" spans="14:14">
      <c r="N553330" s="10"/>
    </row>
    <row r="553331" spans="14:14">
      <c r="N553331" s="10"/>
    </row>
    <row r="553332" spans="14:14">
      <c r="N553332" s="10"/>
    </row>
    <row r="553333" spans="14:14">
      <c r="N553333" s="10"/>
    </row>
    <row r="553334" spans="14:14">
      <c r="N553334" s="10"/>
    </row>
    <row r="553335" spans="14:14">
      <c r="N553335" s="10"/>
    </row>
    <row r="553336" spans="14:14">
      <c r="N553336" s="10"/>
    </row>
    <row r="553337" spans="14:14">
      <c r="N553337" s="10"/>
    </row>
    <row r="553338" spans="14:14">
      <c r="N553338" s="10"/>
    </row>
    <row r="553339" spans="14:14">
      <c r="N553339" s="10"/>
    </row>
    <row r="553340" spans="14:14">
      <c r="N553340" s="10"/>
    </row>
    <row r="553341" spans="14:14">
      <c r="N553341" s="10"/>
    </row>
    <row r="553342" spans="14:14">
      <c r="N553342" s="10"/>
    </row>
    <row r="553343" spans="14:14">
      <c r="N553343" s="10"/>
    </row>
    <row r="553344" spans="14:14">
      <c r="N553344" s="10"/>
    </row>
    <row r="553345" spans="14:14">
      <c r="N553345" s="10"/>
    </row>
    <row r="553346" spans="14:14">
      <c r="N553346" s="10"/>
    </row>
    <row r="553347" spans="14:14">
      <c r="N553347" s="10"/>
    </row>
    <row r="553348" spans="14:14">
      <c r="N553348" s="10"/>
    </row>
    <row r="553349" spans="14:14">
      <c r="N553349" s="10"/>
    </row>
    <row r="553350" spans="14:14">
      <c r="N553350" s="10"/>
    </row>
    <row r="553351" spans="14:14">
      <c r="N553351" s="10"/>
    </row>
    <row r="553352" spans="14:14">
      <c r="N553352" s="10"/>
    </row>
    <row r="553353" spans="14:14">
      <c r="N553353" s="10"/>
    </row>
    <row r="553354" spans="14:14">
      <c r="N553354" s="10"/>
    </row>
    <row r="553355" spans="14:14">
      <c r="N553355" s="10"/>
    </row>
    <row r="553356" spans="14:14">
      <c r="N553356" s="10"/>
    </row>
    <row r="553357" spans="14:14">
      <c r="N553357" s="10"/>
    </row>
    <row r="553358" spans="14:14">
      <c r="N553358" s="10"/>
    </row>
    <row r="553359" spans="14:14">
      <c r="N553359" s="10"/>
    </row>
    <row r="553360" spans="14:14">
      <c r="N553360" s="10"/>
    </row>
    <row r="553361" spans="14:14">
      <c r="N553361" s="10"/>
    </row>
    <row r="553362" spans="14:14">
      <c r="N553362" s="10"/>
    </row>
    <row r="553363" spans="14:14">
      <c r="N553363" s="10"/>
    </row>
    <row r="553364" spans="14:14">
      <c r="N553364" s="10"/>
    </row>
    <row r="553365" spans="14:14">
      <c r="N553365" s="10"/>
    </row>
    <row r="553366" spans="14:14">
      <c r="N553366" s="10"/>
    </row>
    <row r="553367" spans="14:14">
      <c r="N553367" s="10"/>
    </row>
    <row r="553368" spans="14:14">
      <c r="N553368" s="10"/>
    </row>
    <row r="553369" spans="14:14">
      <c r="N553369" s="10"/>
    </row>
    <row r="553370" spans="14:14">
      <c r="N553370" s="10"/>
    </row>
    <row r="553371" spans="14:14">
      <c r="N553371" s="10"/>
    </row>
    <row r="553372" spans="14:14">
      <c r="N553372" s="10"/>
    </row>
    <row r="553373" spans="14:14">
      <c r="N553373" s="10"/>
    </row>
    <row r="553374" spans="14:14">
      <c r="N553374" s="10"/>
    </row>
    <row r="553375" spans="14:14">
      <c r="N553375" s="10"/>
    </row>
    <row r="553376" spans="14:14">
      <c r="N553376" s="10"/>
    </row>
    <row r="553377" spans="14:14">
      <c r="N553377" s="10"/>
    </row>
    <row r="553378" spans="14:14">
      <c r="N553378" s="10"/>
    </row>
    <row r="553379" spans="14:14">
      <c r="N553379" s="10"/>
    </row>
    <row r="553380" spans="14:14">
      <c r="N553380" s="10"/>
    </row>
    <row r="553381" spans="14:14">
      <c r="N553381" s="10"/>
    </row>
    <row r="553382" spans="14:14">
      <c r="N553382" s="10"/>
    </row>
    <row r="553383" spans="14:14">
      <c r="N553383" s="10"/>
    </row>
    <row r="553384" spans="14:14">
      <c r="N553384" s="10"/>
    </row>
    <row r="553385" spans="14:14">
      <c r="N553385" s="10"/>
    </row>
    <row r="553386" spans="14:14">
      <c r="N553386" s="10"/>
    </row>
    <row r="553387" spans="14:14">
      <c r="N553387" s="10"/>
    </row>
    <row r="553388" spans="14:14">
      <c r="N553388" s="10"/>
    </row>
    <row r="553389" spans="14:14">
      <c r="N553389" s="10"/>
    </row>
    <row r="553390" spans="14:14">
      <c r="N553390" s="10"/>
    </row>
    <row r="553391" spans="14:14">
      <c r="N553391" s="10"/>
    </row>
    <row r="553392" spans="14:14">
      <c r="N553392" s="10"/>
    </row>
    <row r="553393" spans="14:14">
      <c r="N553393" s="10"/>
    </row>
    <row r="553394" spans="14:14">
      <c r="N553394" s="10"/>
    </row>
    <row r="553395" spans="14:14">
      <c r="N553395" s="10"/>
    </row>
    <row r="553396" spans="14:14">
      <c r="N553396" s="10"/>
    </row>
    <row r="553397" spans="14:14">
      <c r="N553397" s="10"/>
    </row>
    <row r="553398" spans="14:14">
      <c r="N553398" s="10"/>
    </row>
    <row r="553399" spans="14:14">
      <c r="N553399" s="10"/>
    </row>
    <row r="553400" spans="14:14">
      <c r="N553400" s="10"/>
    </row>
    <row r="553401" spans="14:14">
      <c r="N553401" s="10"/>
    </row>
    <row r="553402" spans="14:14">
      <c r="N553402" s="10"/>
    </row>
    <row r="553403" spans="14:14">
      <c r="N553403" s="10"/>
    </row>
    <row r="553404" spans="14:14">
      <c r="N553404" s="10"/>
    </row>
    <row r="553405" spans="14:14">
      <c r="N553405" s="10"/>
    </row>
    <row r="553406" spans="14:14">
      <c r="N553406" s="10"/>
    </row>
    <row r="553407" spans="14:14">
      <c r="N553407" s="10"/>
    </row>
    <row r="553408" spans="14:14">
      <c r="N553408" s="10"/>
    </row>
    <row r="553409" spans="14:14">
      <c r="N553409" s="10"/>
    </row>
    <row r="553410" spans="14:14">
      <c r="N553410" s="10"/>
    </row>
    <row r="553411" spans="14:14">
      <c r="N553411" s="10"/>
    </row>
    <row r="553412" spans="14:14">
      <c r="N553412" s="10"/>
    </row>
    <row r="553413" spans="14:14">
      <c r="N553413" s="10"/>
    </row>
    <row r="553414" spans="14:14">
      <c r="N553414" s="10"/>
    </row>
    <row r="553415" spans="14:14">
      <c r="N553415" s="10"/>
    </row>
    <row r="553416" spans="14:14">
      <c r="N553416" s="10"/>
    </row>
    <row r="553417" spans="14:14">
      <c r="N553417" s="10"/>
    </row>
    <row r="553418" spans="14:14">
      <c r="N553418" s="10"/>
    </row>
    <row r="553419" spans="14:14">
      <c r="N553419" s="10"/>
    </row>
    <row r="553420" spans="14:14">
      <c r="N553420" s="10"/>
    </row>
    <row r="553421" spans="14:14">
      <c r="N553421" s="10"/>
    </row>
    <row r="553422" spans="14:14">
      <c r="N553422" s="10"/>
    </row>
    <row r="553423" spans="14:14">
      <c r="N553423" s="10"/>
    </row>
    <row r="553424" spans="14:14">
      <c r="N553424" s="10"/>
    </row>
    <row r="553425" spans="14:14">
      <c r="N553425" s="10"/>
    </row>
    <row r="553426" spans="14:14">
      <c r="N553426" s="10"/>
    </row>
    <row r="553427" spans="14:14">
      <c r="N553427" s="10"/>
    </row>
    <row r="553428" spans="14:14">
      <c r="N553428" s="10"/>
    </row>
    <row r="553429" spans="14:14">
      <c r="N553429" s="10"/>
    </row>
    <row r="553430" spans="14:14">
      <c r="N553430" s="10"/>
    </row>
    <row r="553431" spans="14:14">
      <c r="N553431" s="10"/>
    </row>
    <row r="553432" spans="14:14">
      <c r="N553432" s="10"/>
    </row>
    <row r="553433" spans="14:14">
      <c r="N553433" s="10"/>
    </row>
    <row r="553434" spans="14:14">
      <c r="N553434" s="10"/>
    </row>
    <row r="553435" spans="14:14">
      <c r="N553435" s="10"/>
    </row>
    <row r="553436" spans="14:14">
      <c r="N553436" s="10"/>
    </row>
    <row r="553437" spans="14:14">
      <c r="N553437" s="10"/>
    </row>
    <row r="553438" spans="14:14">
      <c r="N553438" s="10"/>
    </row>
    <row r="553439" spans="14:14">
      <c r="N553439" s="10"/>
    </row>
    <row r="553440" spans="14:14">
      <c r="N553440" s="10"/>
    </row>
    <row r="553441" spans="14:14">
      <c r="N553441" s="10"/>
    </row>
    <row r="553442" spans="14:14">
      <c r="N553442" s="10"/>
    </row>
    <row r="553443" spans="14:14">
      <c r="N553443" s="10"/>
    </row>
    <row r="553444" spans="14:14">
      <c r="N553444" s="10"/>
    </row>
    <row r="553445" spans="14:14">
      <c r="N553445" s="10"/>
    </row>
    <row r="553446" spans="14:14">
      <c r="N553446" s="10"/>
    </row>
    <row r="553447" spans="14:14">
      <c r="N553447" s="10"/>
    </row>
    <row r="553448" spans="14:14">
      <c r="N553448" s="10"/>
    </row>
    <row r="553449" spans="14:14">
      <c r="N553449" s="10"/>
    </row>
    <row r="553450" spans="14:14">
      <c r="N553450" s="10"/>
    </row>
    <row r="553451" spans="14:14">
      <c r="N553451" s="10"/>
    </row>
    <row r="553452" spans="14:14">
      <c r="N553452" s="10"/>
    </row>
    <row r="553453" spans="14:14">
      <c r="N553453" s="10"/>
    </row>
    <row r="553454" spans="14:14">
      <c r="N553454" s="10"/>
    </row>
    <row r="553455" spans="14:14">
      <c r="N553455" s="10"/>
    </row>
    <row r="553456" spans="14:14">
      <c r="N553456" s="10"/>
    </row>
    <row r="553457" spans="14:14">
      <c r="N553457" s="10"/>
    </row>
    <row r="553458" spans="14:14">
      <c r="N553458" s="10"/>
    </row>
    <row r="553459" spans="14:14">
      <c r="N553459" s="10"/>
    </row>
    <row r="553460" spans="14:14">
      <c r="N553460" s="10"/>
    </row>
    <row r="553461" spans="14:14">
      <c r="N553461" s="10"/>
    </row>
    <row r="553462" spans="14:14">
      <c r="N553462" s="10"/>
    </row>
    <row r="553463" spans="14:14">
      <c r="N553463" s="10"/>
    </row>
    <row r="553464" spans="14:14">
      <c r="N553464" s="10"/>
    </row>
    <row r="553465" spans="14:14">
      <c r="N553465" s="10"/>
    </row>
    <row r="553466" spans="14:14">
      <c r="N553466" s="10"/>
    </row>
    <row r="553467" spans="14:14">
      <c r="N553467" s="10"/>
    </row>
    <row r="553468" spans="14:14">
      <c r="N553468" s="10"/>
    </row>
    <row r="553469" spans="14:14">
      <c r="N553469" s="10"/>
    </row>
    <row r="553470" spans="14:14">
      <c r="N553470" s="10"/>
    </row>
    <row r="553471" spans="14:14">
      <c r="N553471" s="10"/>
    </row>
    <row r="553472" spans="14:14">
      <c r="N553472" s="10"/>
    </row>
    <row r="553473" spans="14:14">
      <c r="N553473" s="10"/>
    </row>
    <row r="553474" spans="14:14">
      <c r="N553474" s="10"/>
    </row>
    <row r="553475" spans="14:14">
      <c r="N553475" s="10"/>
    </row>
    <row r="553476" spans="14:14">
      <c r="N553476" s="10"/>
    </row>
    <row r="553477" spans="14:14">
      <c r="N553477" s="10"/>
    </row>
    <row r="553478" spans="14:14">
      <c r="N553478" s="10"/>
    </row>
    <row r="553479" spans="14:14">
      <c r="N553479" s="10"/>
    </row>
    <row r="553480" spans="14:14">
      <c r="N553480" s="10"/>
    </row>
    <row r="553481" spans="14:14">
      <c r="N553481" s="10"/>
    </row>
    <row r="553482" spans="14:14">
      <c r="N553482" s="10"/>
    </row>
    <row r="553483" spans="14:14">
      <c r="N553483" s="10"/>
    </row>
    <row r="553484" spans="14:14">
      <c r="N553484" s="10"/>
    </row>
    <row r="553485" spans="14:14">
      <c r="N553485" s="10"/>
    </row>
    <row r="553486" spans="14:14">
      <c r="N553486" s="10"/>
    </row>
    <row r="553487" spans="14:14">
      <c r="N553487" s="10"/>
    </row>
    <row r="553488" spans="14:14">
      <c r="N553488" s="10"/>
    </row>
    <row r="553489" spans="14:14">
      <c r="N553489" s="10"/>
    </row>
    <row r="553490" spans="14:14">
      <c r="N553490" s="10"/>
    </row>
    <row r="553491" spans="14:14">
      <c r="N553491" s="10"/>
    </row>
    <row r="553492" spans="14:14">
      <c r="N553492" s="10"/>
    </row>
    <row r="553493" spans="14:14">
      <c r="N553493" s="10"/>
    </row>
    <row r="553494" spans="14:14">
      <c r="N553494" s="10"/>
    </row>
    <row r="553495" spans="14:14">
      <c r="N553495" s="10"/>
    </row>
    <row r="553496" spans="14:14">
      <c r="N553496" s="10"/>
    </row>
    <row r="553497" spans="14:14">
      <c r="N553497" s="10"/>
    </row>
    <row r="553498" spans="14:14">
      <c r="N553498" s="10"/>
    </row>
    <row r="553499" spans="14:14">
      <c r="N553499" s="10"/>
    </row>
    <row r="553500" spans="14:14">
      <c r="N553500" s="10"/>
    </row>
    <row r="553501" spans="14:14">
      <c r="N553501" s="10"/>
    </row>
    <row r="553502" spans="14:14">
      <c r="N553502" s="10"/>
    </row>
    <row r="553503" spans="14:14">
      <c r="N553503" s="10"/>
    </row>
    <row r="553504" spans="14:14">
      <c r="N553504" s="10"/>
    </row>
    <row r="553505" spans="14:14">
      <c r="N553505" s="10"/>
    </row>
    <row r="553506" spans="14:14">
      <c r="N553506" s="10"/>
    </row>
    <row r="553507" spans="14:14">
      <c r="N553507" s="10"/>
    </row>
    <row r="553508" spans="14:14">
      <c r="N553508" s="10"/>
    </row>
    <row r="553509" spans="14:14">
      <c r="N553509" s="10"/>
    </row>
    <row r="553510" spans="14:14">
      <c r="N553510" s="10"/>
    </row>
    <row r="553511" spans="14:14">
      <c r="N553511" s="10"/>
    </row>
    <row r="553512" spans="14:14">
      <c r="N553512" s="10"/>
    </row>
    <row r="553513" spans="14:14">
      <c r="N553513" s="10"/>
    </row>
    <row r="553514" spans="14:14">
      <c r="N553514" s="10"/>
    </row>
    <row r="553515" spans="14:14">
      <c r="N553515" s="10"/>
    </row>
    <row r="553516" spans="14:14">
      <c r="N553516" s="10"/>
    </row>
    <row r="553517" spans="14:14">
      <c r="N553517" s="10"/>
    </row>
    <row r="553518" spans="14:14">
      <c r="N553518" s="10"/>
    </row>
    <row r="553519" spans="14:14">
      <c r="N553519" s="10"/>
    </row>
    <row r="553520" spans="14:14">
      <c r="N553520" s="10"/>
    </row>
    <row r="553521" spans="14:14">
      <c r="N553521" s="10"/>
    </row>
    <row r="553522" spans="14:14">
      <c r="N553522" s="10"/>
    </row>
    <row r="553523" spans="14:14">
      <c r="N553523" s="10"/>
    </row>
    <row r="553524" spans="14:14">
      <c r="N553524" s="10"/>
    </row>
    <row r="553525" spans="14:14">
      <c r="N553525" s="10"/>
    </row>
    <row r="553526" spans="14:14">
      <c r="N553526" s="10"/>
    </row>
    <row r="553527" spans="14:14">
      <c r="N553527" s="10"/>
    </row>
    <row r="553528" spans="14:14">
      <c r="N553528" s="10"/>
    </row>
    <row r="553529" spans="14:14">
      <c r="N553529" s="10"/>
    </row>
    <row r="553530" spans="14:14">
      <c r="N553530" s="10"/>
    </row>
    <row r="553531" spans="14:14">
      <c r="N553531" s="10"/>
    </row>
    <row r="553532" spans="14:14">
      <c r="N553532" s="10"/>
    </row>
    <row r="553533" spans="14:14">
      <c r="N553533" s="10"/>
    </row>
    <row r="553534" spans="14:14">
      <c r="N553534" s="10"/>
    </row>
    <row r="553535" spans="14:14">
      <c r="N553535" s="10"/>
    </row>
    <row r="553536" spans="14:14">
      <c r="N553536" s="10"/>
    </row>
    <row r="553537" spans="14:14">
      <c r="N553537" s="10"/>
    </row>
    <row r="553538" spans="14:14">
      <c r="N553538" s="10"/>
    </row>
    <row r="553539" spans="14:14">
      <c r="N553539" s="10"/>
    </row>
    <row r="553540" spans="14:14">
      <c r="N553540" s="10"/>
    </row>
    <row r="553541" spans="14:14">
      <c r="N553541" s="10"/>
    </row>
    <row r="553542" spans="14:14">
      <c r="N553542" s="10"/>
    </row>
    <row r="553543" spans="14:14">
      <c r="N553543" s="10"/>
    </row>
    <row r="553544" spans="14:14">
      <c r="N553544" s="10"/>
    </row>
    <row r="553545" spans="14:14">
      <c r="N553545" s="10"/>
    </row>
    <row r="553546" spans="14:14">
      <c r="N553546" s="10"/>
    </row>
    <row r="553547" spans="14:14">
      <c r="N553547" s="10"/>
    </row>
    <row r="553548" spans="14:14">
      <c r="N553548" s="10"/>
    </row>
    <row r="553549" spans="14:14">
      <c r="N553549" s="10"/>
    </row>
    <row r="553550" spans="14:14">
      <c r="N553550" s="10"/>
    </row>
    <row r="553551" spans="14:14">
      <c r="N553551" s="10"/>
    </row>
    <row r="553552" spans="14:14">
      <c r="N553552" s="10"/>
    </row>
    <row r="553553" spans="14:14">
      <c r="N553553" s="10"/>
    </row>
    <row r="553554" spans="14:14">
      <c r="N553554" s="10"/>
    </row>
    <row r="553555" spans="14:14">
      <c r="N553555" s="10"/>
    </row>
    <row r="553556" spans="14:14">
      <c r="N553556" s="10"/>
    </row>
    <row r="553557" spans="14:14">
      <c r="N553557" s="10"/>
    </row>
    <row r="553558" spans="14:14">
      <c r="N553558" s="10"/>
    </row>
    <row r="553559" spans="14:14">
      <c r="N553559" s="10"/>
    </row>
    <row r="553560" spans="14:14">
      <c r="N553560" s="10"/>
    </row>
    <row r="553561" spans="14:14">
      <c r="N553561" s="10"/>
    </row>
    <row r="553562" spans="14:14">
      <c r="N553562" s="10"/>
    </row>
    <row r="553563" spans="14:14">
      <c r="N553563" s="10"/>
    </row>
    <row r="553564" spans="14:14">
      <c r="N553564" s="10"/>
    </row>
    <row r="553565" spans="14:14">
      <c r="N553565" s="10"/>
    </row>
    <row r="553566" spans="14:14">
      <c r="N553566" s="10"/>
    </row>
    <row r="553567" spans="14:14">
      <c r="N553567" s="10"/>
    </row>
    <row r="553568" spans="14:14">
      <c r="N553568" s="10"/>
    </row>
    <row r="553569" spans="14:14">
      <c r="N553569" s="10"/>
    </row>
    <row r="553570" spans="14:14">
      <c r="N553570" s="10"/>
    </row>
    <row r="553571" spans="14:14">
      <c r="N553571" s="10"/>
    </row>
    <row r="553572" spans="14:14">
      <c r="N553572" s="10"/>
    </row>
    <row r="553573" spans="14:14">
      <c r="N553573" s="10"/>
    </row>
    <row r="553574" spans="14:14">
      <c r="N553574" s="10"/>
    </row>
    <row r="553575" spans="14:14">
      <c r="N553575" s="10"/>
    </row>
    <row r="553576" spans="14:14">
      <c r="N553576" s="10"/>
    </row>
    <row r="553577" spans="14:14">
      <c r="N553577" s="10"/>
    </row>
    <row r="553578" spans="14:14">
      <c r="N553578" s="10"/>
    </row>
    <row r="553579" spans="14:14">
      <c r="N553579" s="10"/>
    </row>
    <row r="553580" spans="14:14">
      <c r="N553580" s="10"/>
    </row>
    <row r="553581" spans="14:14">
      <c r="N553581" s="10"/>
    </row>
    <row r="553582" spans="14:14">
      <c r="N553582" s="10"/>
    </row>
    <row r="553583" spans="14:14">
      <c r="N553583" s="10"/>
    </row>
    <row r="553584" spans="14:14">
      <c r="N553584" s="10"/>
    </row>
    <row r="553585" spans="14:14">
      <c r="N553585" s="10"/>
    </row>
    <row r="553586" spans="14:14">
      <c r="N553586" s="10"/>
    </row>
    <row r="553587" spans="14:14">
      <c r="N553587" s="10"/>
    </row>
    <row r="553588" spans="14:14">
      <c r="N553588" s="10"/>
    </row>
    <row r="553589" spans="14:14">
      <c r="N553589" s="10"/>
    </row>
    <row r="553590" spans="14:14">
      <c r="N553590" s="10"/>
    </row>
    <row r="553591" spans="14:14">
      <c r="N553591" s="10"/>
    </row>
    <row r="553592" spans="14:14">
      <c r="N553592" s="10"/>
    </row>
    <row r="553593" spans="14:14">
      <c r="N553593" s="10"/>
    </row>
    <row r="553594" spans="14:14">
      <c r="N553594" s="10"/>
    </row>
    <row r="553595" spans="14:14">
      <c r="N553595" s="10"/>
    </row>
    <row r="553596" spans="14:14">
      <c r="N553596" s="10"/>
    </row>
    <row r="553597" spans="14:14">
      <c r="N553597" s="10"/>
    </row>
    <row r="553598" spans="14:14">
      <c r="N553598" s="10"/>
    </row>
    <row r="553599" spans="14:14">
      <c r="N553599" s="10"/>
    </row>
    <row r="553600" spans="14:14">
      <c r="N553600" s="10"/>
    </row>
    <row r="553601" spans="14:14">
      <c r="N553601" s="10"/>
    </row>
    <row r="553602" spans="14:14">
      <c r="N553602" s="10"/>
    </row>
    <row r="553603" spans="14:14">
      <c r="N553603" s="10"/>
    </row>
    <row r="553604" spans="14:14">
      <c r="N553604" s="10"/>
    </row>
    <row r="553605" spans="14:14">
      <c r="N553605" s="10"/>
    </row>
    <row r="553606" spans="14:14">
      <c r="N553606" s="10"/>
    </row>
    <row r="553607" spans="14:14">
      <c r="N553607" s="10"/>
    </row>
    <row r="553608" spans="14:14">
      <c r="N553608" s="10"/>
    </row>
    <row r="553609" spans="14:14">
      <c r="N553609" s="10"/>
    </row>
    <row r="553610" spans="14:14">
      <c r="N553610" s="10"/>
    </row>
    <row r="553611" spans="14:14">
      <c r="N553611" s="10"/>
    </row>
    <row r="553612" spans="14:14">
      <c r="N553612" s="10"/>
    </row>
    <row r="553613" spans="14:14">
      <c r="N553613" s="10"/>
    </row>
    <row r="553614" spans="14:14">
      <c r="N553614" s="10"/>
    </row>
    <row r="553615" spans="14:14">
      <c r="N553615" s="10"/>
    </row>
    <row r="553616" spans="14:14">
      <c r="N553616" s="10"/>
    </row>
    <row r="553617" spans="14:14">
      <c r="N553617" s="10"/>
    </row>
    <row r="553618" spans="14:14">
      <c r="N553618" s="10"/>
    </row>
    <row r="553619" spans="14:14">
      <c r="N553619" s="10"/>
    </row>
    <row r="553620" spans="14:14">
      <c r="N553620" s="10"/>
    </row>
    <row r="553621" spans="14:14">
      <c r="N553621" s="10"/>
    </row>
    <row r="553622" spans="14:14">
      <c r="N553622" s="10"/>
    </row>
    <row r="553623" spans="14:14">
      <c r="N553623" s="10"/>
    </row>
    <row r="553624" spans="14:14">
      <c r="N553624" s="10"/>
    </row>
    <row r="553625" spans="14:14">
      <c r="N553625" s="10"/>
    </row>
    <row r="553626" spans="14:14">
      <c r="N553626" s="10"/>
    </row>
    <row r="553627" spans="14:14">
      <c r="N553627" s="10"/>
    </row>
    <row r="553628" spans="14:14">
      <c r="N553628" s="10"/>
    </row>
    <row r="553629" spans="14:14">
      <c r="N553629" s="10"/>
    </row>
    <row r="553630" spans="14:14">
      <c r="N553630" s="10"/>
    </row>
    <row r="553631" spans="14:14">
      <c r="N553631" s="10"/>
    </row>
    <row r="553632" spans="14:14">
      <c r="N553632" s="10"/>
    </row>
    <row r="553633" spans="14:14">
      <c r="N553633" s="10"/>
    </row>
    <row r="553634" spans="14:14">
      <c r="N553634" s="10"/>
    </row>
    <row r="553635" spans="14:14">
      <c r="N553635" s="10"/>
    </row>
    <row r="553636" spans="14:14">
      <c r="N553636" s="10"/>
    </row>
    <row r="553637" spans="14:14">
      <c r="N553637" s="10"/>
    </row>
    <row r="553638" spans="14:14">
      <c r="N553638" s="10"/>
    </row>
    <row r="553639" spans="14:14">
      <c r="N553639" s="10"/>
    </row>
    <row r="553640" spans="14:14">
      <c r="N553640" s="10"/>
    </row>
    <row r="553641" spans="14:14">
      <c r="N553641" s="10"/>
    </row>
    <row r="553642" spans="14:14">
      <c r="N553642" s="10"/>
    </row>
    <row r="553643" spans="14:14">
      <c r="N553643" s="10"/>
    </row>
    <row r="553644" spans="14:14">
      <c r="N553644" s="10"/>
    </row>
    <row r="553645" spans="14:14">
      <c r="N553645" s="10"/>
    </row>
    <row r="553646" spans="14:14">
      <c r="N553646" s="10"/>
    </row>
    <row r="553647" spans="14:14">
      <c r="N553647" s="10"/>
    </row>
    <row r="553648" spans="14:14">
      <c r="N553648" s="10"/>
    </row>
    <row r="553649" spans="14:14">
      <c r="N553649" s="10"/>
    </row>
    <row r="553650" spans="14:14">
      <c r="N553650" s="10"/>
    </row>
    <row r="553651" spans="14:14">
      <c r="N553651" s="10"/>
    </row>
    <row r="553652" spans="14:14">
      <c r="N553652" s="10"/>
    </row>
    <row r="553653" spans="14:14">
      <c r="N553653" s="10"/>
    </row>
    <row r="553654" spans="14:14">
      <c r="N553654" s="10"/>
    </row>
    <row r="553655" spans="14:14">
      <c r="N553655" s="10"/>
    </row>
    <row r="553656" spans="14:14">
      <c r="N553656" s="10"/>
    </row>
    <row r="553657" spans="14:14">
      <c r="N553657" s="10"/>
    </row>
    <row r="553658" spans="14:14">
      <c r="N553658" s="10"/>
    </row>
    <row r="553659" spans="14:14">
      <c r="N553659" s="10"/>
    </row>
    <row r="553660" spans="14:14">
      <c r="N553660" s="10"/>
    </row>
    <row r="553661" spans="14:14">
      <c r="N553661" s="10"/>
    </row>
    <row r="553662" spans="14:14">
      <c r="N553662" s="10"/>
    </row>
    <row r="553663" spans="14:14">
      <c r="N553663" s="10"/>
    </row>
    <row r="553664" spans="14:14">
      <c r="N553664" s="10"/>
    </row>
    <row r="553665" spans="14:14">
      <c r="N553665" s="10"/>
    </row>
    <row r="553666" spans="14:14">
      <c r="N553666" s="10"/>
    </row>
    <row r="553667" spans="14:14">
      <c r="N553667" s="10"/>
    </row>
    <row r="553668" spans="14:14">
      <c r="N553668" s="10"/>
    </row>
    <row r="553669" spans="14:14">
      <c r="N553669" s="10"/>
    </row>
    <row r="553670" spans="14:14">
      <c r="N553670" s="10"/>
    </row>
    <row r="553671" spans="14:14">
      <c r="N553671" s="10"/>
    </row>
    <row r="553672" spans="14:14">
      <c r="N553672" s="10"/>
    </row>
    <row r="553673" spans="14:14">
      <c r="N553673" s="10"/>
    </row>
    <row r="553674" spans="14:14">
      <c r="N553674" s="10"/>
    </row>
    <row r="553675" spans="14:14">
      <c r="N553675" s="10"/>
    </row>
    <row r="553676" spans="14:14">
      <c r="N553676" s="10"/>
    </row>
    <row r="553677" spans="14:14">
      <c r="N553677" s="10"/>
    </row>
    <row r="553678" spans="14:14">
      <c r="N553678" s="10"/>
    </row>
    <row r="553679" spans="14:14">
      <c r="N553679" s="10"/>
    </row>
    <row r="553680" spans="14:14">
      <c r="N553680" s="10"/>
    </row>
    <row r="553681" spans="14:14">
      <c r="N553681" s="10"/>
    </row>
    <row r="553682" spans="14:14">
      <c r="N553682" s="10"/>
    </row>
    <row r="553683" spans="14:14">
      <c r="N553683" s="10"/>
    </row>
    <row r="553684" spans="14:14">
      <c r="N553684" s="10"/>
    </row>
    <row r="553685" spans="14:14">
      <c r="N553685" s="10"/>
    </row>
    <row r="553686" spans="14:14">
      <c r="N553686" s="10"/>
    </row>
    <row r="553687" spans="14:14">
      <c r="N553687" s="10"/>
    </row>
    <row r="553688" spans="14:14">
      <c r="N553688" s="10"/>
    </row>
    <row r="553689" spans="14:14">
      <c r="N553689" s="10"/>
    </row>
    <row r="553690" spans="14:14">
      <c r="N553690" s="10"/>
    </row>
    <row r="553691" spans="14:14">
      <c r="N553691" s="10"/>
    </row>
    <row r="553692" spans="14:14">
      <c r="N553692" s="10"/>
    </row>
    <row r="553693" spans="14:14">
      <c r="N553693" s="10"/>
    </row>
    <row r="553694" spans="14:14">
      <c r="N553694" s="10"/>
    </row>
    <row r="553695" spans="14:14">
      <c r="N553695" s="10"/>
    </row>
    <row r="553696" spans="14:14">
      <c r="N553696" s="10"/>
    </row>
    <row r="553697" spans="14:14">
      <c r="N553697" s="10"/>
    </row>
    <row r="553698" spans="14:14">
      <c r="N553698" s="10"/>
    </row>
    <row r="553699" spans="14:14">
      <c r="N553699" s="10"/>
    </row>
    <row r="553700" spans="14:14">
      <c r="N553700" s="10"/>
    </row>
    <row r="553701" spans="14:14">
      <c r="N553701" s="10"/>
    </row>
    <row r="553702" spans="14:14">
      <c r="N553702" s="10"/>
    </row>
    <row r="553703" spans="14:14">
      <c r="N553703" s="10"/>
    </row>
    <row r="553704" spans="14:14">
      <c r="N553704" s="10"/>
    </row>
    <row r="553705" spans="14:14">
      <c r="N553705" s="10"/>
    </row>
    <row r="553706" spans="14:14">
      <c r="N553706" s="10"/>
    </row>
    <row r="553707" spans="14:14">
      <c r="N553707" s="10"/>
    </row>
    <row r="553708" spans="14:14">
      <c r="N553708" s="10"/>
    </row>
    <row r="553709" spans="14:14">
      <c r="N553709" s="10"/>
    </row>
    <row r="553710" spans="14:14">
      <c r="N553710" s="10"/>
    </row>
    <row r="553711" spans="14:14">
      <c r="N553711" s="10"/>
    </row>
    <row r="553712" spans="14:14">
      <c r="N553712" s="10"/>
    </row>
    <row r="553713" spans="14:14">
      <c r="N553713" s="10"/>
    </row>
    <row r="553714" spans="14:14">
      <c r="N553714" s="10"/>
    </row>
    <row r="553715" spans="14:14">
      <c r="N553715" s="10"/>
    </row>
    <row r="553716" spans="14:14">
      <c r="N553716" s="10"/>
    </row>
    <row r="553717" spans="14:14">
      <c r="N553717" s="10"/>
    </row>
    <row r="553718" spans="14:14">
      <c r="N553718" s="10"/>
    </row>
    <row r="553719" spans="14:14">
      <c r="N553719" s="10"/>
    </row>
    <row r="553720" spans="14:14">
      <c r="N553720" s="10"/>
    </row>
    <row r="553721" spans="14:14">
      <c r="N553721" s="10"/>
    </row>
    <row r="553722" spans="14:14">
      <c r="N553722" s="10"/>
    </row>
    <row r="553723" spans="14:14">
      <c r="N553723" s="10"/>
    </row>
    <row r="553724" spans="14:14">
      <c r="N553724" s="10"/>
    </row>
    <row r="553725" spans="14:14">
      <c r="N553725" s="10"/>
    </row>
    <row r="553726" spans="14:14">
      <c r="N553726" s="10"/>
    </row>
    <row r="553727" spans="14:14">
      <c r="N553727" s="10"/>
    </row>
    <row r="553728" spans="14:14">
      <c r="N553728" s="10"/>
    </row>
    <row r="553729" spans="14:14">
      <c r="N553729" s="10"/>
    </row>
    <row r="553730" spans="14:14">
      <c r="N553730" s="10"/>
    </row>
    <row r="553731" spans="14:14">
      <c r="N553731" s="10"/>
    </row>
    <row r="553732" spans="14:14">
      <c r="N553732" s="10"/>
    </row>
    <row r="553733" spans="14:14">
      <c r="N553733" s="10"/>
    </row>
    <row r="553734" spans="14:14">
      <c r="N553734" s="10"/>
    </row>
    <row r="553735" spans="14:14">
      <c r="N553735" s="10"/>
    </row>
    <row r="553736" spans="14:14">
      <c r="N553736" s="10"/>
    </row>
    <row r="553737" spans="14:14">
      <c r="N553737" s="10"/>
    </row>
    <row r="553738" spans="14:14">
      <c r="N553738" s="10"/>
    </row>
    <row r="553739" spans="14:14">
      <c r="N553739" s="10"/>
    </row>
    <row r="553740" spans="14:14">
      <c r="N553740" s="10"/>
    </row>
    <row r="553741" spans="14:14">
      <c r="N553741" s="10"/>
    </row>
    <row r="553742" spans="14:14">
      <c r="N553742" s="10"/>
    </row>
    <row r="553743" spans="14:14">
      <c r="N553743" s="10"/>
    </row>
    <row r="553744" spans="14:14">
      <c r="N553744" s="10"/>
    </row>
    <row r="553745" spans="14:14">
      <c r="N553745" s="10"/>
    </row>
    <row r="553746" spans="14:14">
      <c r="N553746" s="10"/>
    </row>
    <row r="553747" spans="14:14">
      <c r="N553747" s="10"/>
    </row>
    <row r="553748" spans="14:14">
      <c r="N553748" s="10"/>
    </row>
    <row r="553749" spans="14:14">
      <c r="N553749" s="10"/>
    </row>
    <row r="553750" spans="14:14">
      <c r="N553750" s="10"/>
    </row>
    <row r="553751" spans="14:14">
      <c r="N553751" s="10"/>
    </row>
    <row r="553752" spans="14:14">
      <c r="N553752" s="10"/>
    </row>
    <row r="553753" spans="14:14">
      <c r="N553753" s="10"/>
    </row>
    <row r="553754" spans="14:14">
      <c r="N553754" s="10"/>
    </row>
    <row r="553755" spans="14:14">
      <c r="N553755" s="10"/>
    </row>
    <row r="553756" spans="14:14">
      <c r="N553756" s="10"/>
    </row>
    <row r="553757" spans="14:14">
      <c r="N553757" s="10"/>
    </row>
    <row r="553758" spans="14:14">
      <c r="N553758" s="10"/>
    </row>
    <row r="553759" spans="14:14">
      <c r="N553759" s="10"/>
    </row>
    <row r="553760" spans="14:14">
      <c r="N553760" s="10"/>
    </row>
    <row r="553761" spans="14:14">
      <c r="N553761" s="10"/>
    </row>
    <row r="553762" spans="14:14">
      <c r="N553762" s="10"/>
    </row>
    <row r="553763" spans="14:14">
      <c r="N553763" s="10"/>
    </row>
    <row r="553764" spans="14:14">
      <c r="N553764" s="10"/>
    </row>
    <row r="553765" spans="14:14">
      <c r="N553765" s="10"/>
    </row>
    <row r="553766" spans="14:14">
      <c r="N553766" s="10"/>
    </row>
    <row r="553767" spans="14:14">
      <c r="N553767" s="10"/>
    </row>
    <row r="553768" spans="14:14">
      <c r="N553768" s="10"/>
    </row>
    <row r="553769" spans="14:14">
      <c r="N553769" s="10"/>
    </row>
    <row r="553770" spans="14:14">
      <c r="N553770" s="10"/>
    </row>
    <row r="553771" spans="14:14">
      <c r="N553771" s="10"/>
    </row>
    <row r="553772" spans="14:14">
      <c r="N553772" s="10"/>
    </row>
    <row r="553773" spans="14:14">
      <c r="N553773" s="10"/>
    </row>
    <row r="553774" spans="14:14">
      <c r="N553774" s="10"/>
    </row>
    <row r="553775" spans="14:14">
      <c r="N553775" s="10"/>
    </row>
    <row r="553776" spans="14:14">
      <c r="N553776" s="10"/>
    </row>
    <row r="553777" spans="14:14">
      <c r="N553777" s="10"/>
    </row>
    <row r="553778" spans="14:14">
      <c r="N553778" s="10"/>
    </row>
    <row r="553779" spans="14:14">
      <c r="N553779" s="10"/>
    </row>
    <row r="553780" spans="14:14">
      <c r="N553780" s="10"/>
    </row>
    <row r="553781" spans="14:14">
      <c r="N553781" s="10"/>
    </row>
    <row r="553782" spans="14:14">
      <c r="N553782" s="10"/>
    </row>
    <row r="553783" spans="14:14">
      <c r="N553783" s="10"/>
    </row>
    <row r="553784" spans="14:14">
      <c r="N553784" s="10"/>
    </row>
    <row r="553785" spans="14:14">
      <c r="N553785" s="10"/>
    </row>
    <row r="553786" spans="14:14">
      <c r="N553786" s="10"/>
    </row>
    <row r="553787" spans="14:14">
      <c r="N553787" s="10"/>
    </row>
    <row r="553788" spans="14:14">
      <c r="N553788" s="10"/>
    </row>
    <row r="553789" spans="14:14">
      <c r="N553789" s="10"/>
    </row>
    <row r="553790" spans="14:14">
      <c r="N553790" s="10"/>
    </row>
    <row r="553791" spans="14:14">
      <c r="N553791" s="10"/>
    </row>
    <row r="553792" spans="14:14">
      <c r="N553792" s="10"/>
    </row>
    <row r="553793" spans="14:14">
      <c r="N553793" s="10"/>
    </row>
    <row r="553794" spans="14:14">
      <c r="N553794" s="10"/>
    </row>
    <row r="553795" spans="14:14">
      <c r="N553795" s="10"/>
    </row>
    <row r="553796" spans="14:14">
      <c r="N553796" s="10"/>
    </row>
    <row r="553797" spans="14:14">
      <c r="N553797" s="10"/>
    </row>
    <row r="553798" spans="14:14">
      <c r="N553798" s="10"/>
    </row>
    <row r="553799" spans="14:14">
      <c r="N553799" s="10"/>
    </row>
    <row r="553800" spans="14:14">
      <c r="N553800" s="10"/>
    </row>
    <row r="553801" spans="14:14">
      <c r="N553801" s="10"/>
    </row>
    <row r="553802" spans="14:14">
      <c r="N553802" s="10"/>
    </row>
    <row r="553803" spans="14:14">
      <c r="N553803" s="10"/>
    </row>
    <row r="553804" spans="14:14">
      <c r="N553804" s="10"/>
    </row>
    <row r="553805" spans="14:14">
      <c r="N553805" s="10"/>
    </row>
    <row r="553806" spans="14:14">
      <c r="N553806" s="10"/>
    </row>
    <row r="553807" spans="14:14">
      <c r="N553807" s="10"/>
    </row>
    <row r="553808" spans="14:14">
      <c r="N553808" s="10"/>
    </row>
    <row r="553809" spans="14:14">
      <c r="N553809" s="10"/>
    </row>
    <row r="553810" spans="14:14">
      <c r="N553810" s="10"/>
    </row>
    <row r="553811" spans="14:14">
      <c r="N553811" s="10"/>
    </row>
    <row r="553812" spans="14:14">
      <c r="N553812" s="10"/>
    </row>
    <row r="553813" spans="14:14">
      <c r="N553813" s="10"/>
    </row>
    <row r="553814" spans="14:14">
      <c r="N553814" s="10"/>
    </row>
    <row r="553815" spans="14:14">
      <c r="N553815" s="10"/>
    </row>
    <row r="553816" spans="14:14">
      <c r="N553816" s="10"/>
    </row>
    <row r="553817" spans="14:14">
      <c r="N553817" s="10"/>
    </row>
    <row r="553818" spans="14:14">
      <c r="N553818" s="10"/>
    </row>
    <row r="553819" spans="14:14">
      <c r="N553819" s="10"/>
    </row>
    <row r="553820" spans="14:14">
      <c r="N553820" s="10"/>
    </row>
    <row r="553821" spans="14:14">
      <c r="N553821" s="10"/>
    </row>
    <row r="553822" spans="14:14">
      <c r="N553822" s="10"/>
    </row>
    <row r="553823" spans="14:14">
      <c r="N553823" s="10"/>
    </row>
    <row r="553824" spans="14:14">
      <c r="N553824" s="10"/>
    </row>
    <row r="553825" spans="14:14">
      <c r="N553825" s="10"/>
    </row>
    <row r="553826" spans="14:14">
      <c r="N553826" s="10"/>
    </row>
    <row r="553827" spans="14:14">
      <c r="N553827" s="10"/>
    </row>
    <row r="553828" spans="14:14">
      <c r="N553828" s="10"/>
    </row>
    <row r="553829" spans="14:14">
      <c r="N553829" s="10"/>
    </row>
    <row r="553830" spans="14:14">
      <c r="N553830" s="10"/>
    </row>
    <row r="553831" spans="14:14">
      <c r="N553831" s="10"/>
    </row>
    <row r="553832" spans="14:14">
      <c r="N553832" s="10"/>
    </row>
    <row r="553833" spans="14:14">
      <c r="N553833" s="10"/>
    </row>
    <row r="553834" spans="14:14">
      <c r="N553834" s="10"/>
    </row>
    <row r="553835" spans="14:14">
      <c r="N553835" s="10"/>
    </row>
    <row r="553836" spans="14:14">
      <c r="N553836" s="10"/>
    </row>
    <row r="553837" spans="14:14">
      <c r="N553837" s="10"/>
    </row>
    <row r="553838" spans="14:14">
      <c r="N553838" s="10"/>
    </row>
    <row r="553839" spans="14:14">
      <c r="N553839" s="10"/>
    </row>
    <row r="553840" spans="14:14">
      <c r="N553840" s="10"/>
    </row>
    <row r="553841" spans="14:14">
      <c r="N553841" s="10"/>
    </row>
    <row r="553842" spans="14:14">
      <c r="N553842" s="10"/>
    </row>
    <row r="553843" spans="14:14">
      <c r="N553843" s="10"/>
    </row>
    <row r="553844" spans="14:14">
      <c r="N553844" s="10"/>
    </row>
    <row r="553845" spans="14:14">
      <c r="N553845" s="10"/>
    </row>
    <row r="553846" spans="14:14">
      <c r="N553846" s="10"/>
    </row>
    <row r="553847" spans="14:14">
      <c r="N553847" s="10"/>
    </row>
    <row r="553848" spans="14:14">
      <c r="N553848" s="10"/>
    </row>
    <row r="553849" spans="14:14">
      <c r="N553849" s="10"/>
    </row>
    <row r="553850" spans="14:14">
      <c r="N553850" s="10"/>
    </row>
    <row r="553851" spans="14:14">
      <c r="N553851" s="10"/>
    </row>
    <row r="553852" spans="14:14">
      <c r="N553852" s="10"/>
    </row>
    <row r="553853" spans="14:14">
      <c r="N553853" s="10"/>
    </row>
    <row r="553854" spans="14:14">
      <c r="N553854" s="10"/>
    </row>
    <row r="553855" spans="14:14">
      <c r="N553855" s="10"/>
    </row>
    <row r="553856" spans="14:14">
      <c r="N553856" s="10"/>
    </row>
    <row r="553857" spans="14:14">
      <c r="N553857" s="10"/>
    </row>
    <row r="553858" spans="14:14">
      <c r="N553858" s="10"/>
    </row>
    <row r="553859" spans="14:14">
      <c r="N553859" s="10"/>
    </row>
    <row r="553860" spans="14:14">
      <c r="N553860" s="10"/>
    </row>
    <row r="553861" spans="14:14">
      <c r="N553861" s="10"/>
    </row>
    <row r="553862" spans="14:14">
      <c r="N553862" s="10"/>
    </row>
    <row r="553863" spans="14:14">
      <c r="N553863" s="10"/>
    </row>
    <row r="553864" spans="14:14">
      <c r="N553864" s="10"/>
    </row>
    <row r="553865" spans="14:14">
      <c r="N553865" s="10"/>
    </row>
    <row r="553866" spans="14:14">
      <c r="N553866" s="10"/>
    </row>
    <row r="553867" spans="14:14">
      <c r="N553867" s="10"/>
    </row>
    <row r="553868" spans="14:14">
      <c r="N553868" s="10"/>
    </row>
    <row r="553869" spans="14:14">
      <c r="N553869" s="10"/>
    </row>
    <row r="553870" spans="14:14">
      <c r="N553870" s="10"/>
    </row>
    <row r="553871" spans="14:14">
      <c r="N553871" s="10"/>
    </row>
    <row r="553872" spans="14:14">
      <c r="N553872" s="10"/>
    </row>
    <row r="553873" spans="14:14">
      <c r="N553873" s="10"/>
    </row>
    <row r="553874" spans="14:14">
      <c r="N553874" s="10"/>
    </row>
    <row r="553875" spans="14:14">
      <c r="N553875" s="10"/>
    </row>
    <row r="553876" spans="14:14">
      <c r="N553876" s="10"/>
    </row>
    <row r="553877" spans="14:14">
      <c r="N553877" s="10"/>
    </row>
    <row r="553878" spans="14:14">
      <c r="N553878" s="10"/>
    </row>
    <row r="553879" spans="14:14">
      <c r="N553879" s="10"/>
    </row>
    <row r="553880" spans="14:14">
      <c r="N553880" s="10"/>
    </row>
    <row r="553881" spans="14:14">
      <c r="N553881" s="10"/>
    </row>
    <row r="553882" spans="14:14">
      <c r="N553882" s="10"/>
    </row>
    <row r="553883" spans="14:14">
      <c r="N553883" s="10"/>
    </row>
    <row r="553884" spans="14:14">
      <c r="N553884" s="10"/>
    </row>
    <row r="553885" spans="14:14">
      <c r="N553885" s="10"/>
    </row>
    <row r="553886" spans="14:14">
      <c r="N553886" s="10"/>
    </row>
    <row r="553887" spans="14:14">
      <c r="N553887" s="10"/>
    </row>
    <row r="553888" spans="14:14">
      <c r="N553888" s="10"/>
    </row>
    <row r="553889" spans="14:14">
      <c r="N553889" s="10"/>
    </row>
    <row r="553890" spans="14:14">
      <c r="N553890" s="10"/>
    </row>
    <row r="553891" spans="14:14">
      <c r="N553891" s="10"/>
    </row>
    <row r="553892" spans="14:14">
      <c r="N553892" s="10"/>
    </row>
    <row r="553893" spans="14:14">
      <c r="N553893" s="10"/>
    </row>
    <row r="553894" spans="14:14">
      <c r="N553894" s="10"/>
    </row>
    <row r="553895" spans="14:14">
      <c r="N553895" s="10"/>
    </row>
    <row r="553896" spans="14:14">
      <c r="N553896" s="10"/>
    </row>
    <row r="553897" spans="14:14">
      <c r="N553897" s="10"/>
    </row>
    <row r="553898" spans="14:14">
      <c r="N553898" s="10"/>
    </row>
    <row r="553899" spans="14:14">
      <c r="N553899" s="10"/>
    </row>
    <row r="553900" spans="14:14">
      <c r="N553900" s="10"/>
    </row>
    <row r="553901" spans="14:14">
      <c r="N553901" s="10"/>
    </row>
    <row r="553902" spans="14:14">
      <c r="N553902" s="10"/>
    </row>
    <row r="553903" spans="14:14">
      <c r="N553903" s="10"/>
    </row>
    <row r="553904" spans="14:14">
      <c r="N553904" s="10"/>
    </row>
    <row r="553905" spans="14:14">
      <c r="N553905" s="10"/>
    </row>
    <row r="553906" spans="14:14">
      <c r="N553906" s="10"/>
    </row>
    <row r="553907" spans="14:14">
      <c r="N553907" s="10"/>
    </row>
    <row r="553908" spans="14:14">
      <c r="N553908" s="10"/>
    </row>
    <row r="553909" spans="14:14">
      <c r="N553909" s="10"/>
    </row>
    <row r="553910" spans="14:14">
      <c r="N553910" s="10"/>
    </row>
    <row r="553911" spans="14:14">
      <c r="N553911" s="10"/>
    </row>
    <row r="553912" spans="14:14">
      <c r="N553912" s="10"/>
    </row>
    <row r="553913" spans="14:14">
      <c r="N553913" s="10"/>
    </row>
    <row r="553914" spans="14:14">
      <c r="N553914" s="10"/>
    </row>
    <row r="553915" spans="14:14">
      <c r="N553915" s="10"/>
    </row>
    <row r="553916" spans="14:14">
      <c r="N553916" s="10"/>
    </row>
    <row r="553917" spans="14:14">
      <c r="N553917" s="10"/>
    </row>
    <row r="553918" spans="14:14">
      <c r="N553918" s="10"/>
    </row>
    <row r="553919" spans="14:14">
      <c r="N553919" s="10"/>
    </row>
    <row r="553920" spans="14:14">
      <c r="N553920" s="10"/>
    </row>
    <row r="553921" spans="14:14">
      <c r="N553921" s="10"/>
    </row>
    <row r="553922" spans="14:14">
      <c r="N553922" s="10"/>
    </row>
    <row r="553923" spans="14:14">
      <c r="N553923" s="10"/>
    </row>
    <row r="553924" spans="14:14">
      <c r="N553924" s="10"/>
    </row>
    <row r="553925" spans="14:14">
      <c r="N553925" s="10"/>
    </row>
    <row r="553926" spans="14:14">
      <c r="N553926" s="10"/>
    </row>
    <row r="553927" spans="14:14">
      <c r="N553927" s="10"/>
    </row>
    <row r="553928" spans="14:14">
      <c r="N553928" s="10"/>
    </row>
    <row r="553929" spans="14:14">
      <c r="N553929" s="10"/>
    </row>
    <row r="553930" spans="14:14">
      <c r="N553930" s="10"/>
    </row>
    <row r="553931" spans="14:14">
      <c r="N553931" s="10"/>
    </row>
    <row r="553932" spans="14:14">
      <c r="N553932" s="10"/>
    </row>
    <row r="553933" spans="14:14">
      <c r="N553933" s="10"/>
    </row>
    <row r="553934" spans="14:14">
      <c r="N553934" s="10"/>
    </row>
    <row r="553935" spans="14:14">
      <c r="N553935" s="10"/>
    </row>
    <row r="553936" spans="14:14">
      <c r="N553936" s="10"/>
    </row>
    <row r="553937" spans="14:14">
      <c r="N553937" s="10"/>
    </row>
    <row r="553938" spans="14:14">
      <c r="N553938" s="10"/>
    </row>
    <row r="553939" spans="14:14">
      <c r="N553939" s="10"/>
    </row>
    <row r="553940" spans="14:14">
      <c r="N553940" s="10"/>
    </row>
    <row r="553941" spans="14:14">
      <c r="N553941" s="10"/>
    </row>
    <row r="553942" spans="14:14">
      <c r="N553942" s="10"/>
    </row>
    <row r="553943" spans="14:14">
      <c r="N553943" s="10"/>
    </row>
    <row r="553944" spans="14:14">
      <c r="N553944" s="10"/>
    </row>
    <row r="553945" spans="14:14">
      <c r="N553945" s="10"/>
    </row>
    <row r="553946" spans="14:14">
      <c r="N553946" s="10"/>
    </row>
    <row r="553947" spans="14:14">
      <c r="N553947" s="10"/>
    </row>
    <row r="553948" spans="14:14">
      <c r="N553948" s="10"/>
    </row>
    <row r="553949" spans="14:14">
      <c r="N553949" s="10"/>
    </row>
    <row r="553950" spans="14:14">
      <c r="N553950" s="10"/>
    </row>
    <row r="553951" spans="14:14">
      <c r="N553951" s="10"/>
    </row>
    <row r="553952" spans="14:14">
      <c r="N553952" s="10"/>
    </row>
    <row r="553953" spans="14:14">
      <c r="N553953" s="10"/>
    </row>
    <row r="553954" spans="14:14">
      <c r="N553954" s="10"/>
    </row>
    <row r="553955" spans="14:14">
      <c r="N553955" s="10"/>
    </row>
    <row r="553956" spans="14:14">
      <c r="N553956" s="10"/>
    </row>
    <row r="553957" spans="14:14">
      <c r="N553957" s="10"/>
    </row>
    <row r="553958" spans="14:14">
      <c r="N553958" s="10"/>
    </row>
    <row r="553959" spans="14:14">
      <c r="N553959" s="10"/>
    </row>
    <row r="553960" spans="14:14">
      <c r="N553960" s="10"/>
    </row>
    <row r="553961" spans="14:14">
      <c r="N553961" s="10"/>
    </row>
    <row r="553962" spans="14:14">
      <c r="N553962" s="10"/>
    </row>
    <row r="553963" spans="14:14">
      <c r="N553963" s="10"/>
    </row>
    <row r="553964" spans="14:14">
      <c r="N553964" s="10"/>
    </row>
    <row r="553965" spans="14:14">
      <c r="N553965" s="10"/>
    </row>
    <row r="553966" spans="14:14">
      <c r="N553966" s="10"/>
    </row>
    <row r="553967" spans="14:14">
      <c r="N553967" s="10"/>
    </row>
    <row r="553968" spans="14:14">
      <c r="N553968" s="10"/>
    </row>
    <row r="553969" spans="14:14">
      <c r="N553969" s="10"/>
    </row>
    <row r="553970" spans="14:14">
      <c r="N553970" s="10"/>
    </row>
    <row r="553971" spans="14:14">
      <c r="N553971" s="10"/>
    </row>
    <row r="553972" spans="14:14">
      <c r="N553972" s="10"/>
    </row>
    <row r="553973" spans="14:14">
      <c r="N553973" s="10"/>
    </row>
    <row r="553974" spans="14:14">
      <c r="N553974" s="10"/>
    </row>
    <row r="553975" spans="14:14">
      <c r="N553975" s="10"/>
    </row>
    <row r="553976" spans="14:14">
      <c r="N553976" s="10"/>
    </row>
    <row r="553977" spans="14:14">
      <c r="N553977" s="10"/>
    </row>
    <row r="553978" spans="14:14">
      <c r="N553978" s="10"/>
    </row>
    <row r="553979" spans="14:14">
      <c r="N553979" s="10"/>
    </row>
    <row r="553980" spans="14:14">
      <c r="N553980" s="10"/>
    </row>
    <row r="553981" spans="14:14">
      <c r="N553981" s="10"/>
    </row>
    <row r="553982" spans="14:14">
      <c r="N553982" s="10"/>
    </row>
    <row r="553983" spans="14:14">
      <c r="N553983" s="10"/>
    </row>
    <row r="553984" spans="14:14">
      <c r="N553984" s="10"/>
    </row>
    <row r="553985" spans="14:14">
      <c r="N553985" s="10"/>
    </row>
    <row r="553986" spans="14:14">
      <c r="N553986" s="10"/>
    </row>
    <row r="553987" spans="14:14">
      <c r="N553987" s="10"/>
    </row>
    <row r="553988" spans="14:14">
      <c r="N553988" s="10"/>
    </row>
    <row r="553989" spans="14:14">
      <c r="N553989" s="10"/>
    </row>
    <row r="553990" spans="14:14">
      <c r="N553990" s="10"/>
    </row>
    <row r="553991" spans="14:14">
      <c r="N553991" s="10"/>
    </row>
    <row r="553992" spans="14:14">
      <c r="N553992" s="10"/>
    </row>
    <row r="553993" spans="14:14">
      <c r="N553993" s="10"/>
    </row>
    <row r="553994" spans="14:14">
      <c r="N553994" s="10"/>
    </row>
    <row r="553995" spans="14:14">
      <c r="N553995" s="10"/>
    </row>
    <row r="553996" spans="14:14">
      <c r="N553996" s="10"/>
    </row>
    <row r="553997" spans="14:14">
      <c r="N553997" s="10"/>
    </row>
    <row r="553998" spans="14:14">
      <c r="N553998" s="10"/>
    </row>
    <row r="553999" spans="14:14">
      <c r="N553999" s="10"/>
    </row>
    <row r="554000" spans="14:14">
      <c r="N554000" s="10"/>
    </row>
    <row r="554001" spans="14:14">
      <c r="N554001" s="10"/>
    </row>
    <row r="554002" spans="14:14">
      <c r="N554002" s="10"/>
    </row>
    <row r="554003" spans="14:14">
      <c r="N554003" s="10"/>
    </row>
    <row r="554004" spans="14:14">
      <c r="N554004" s="10"/>
    </row>
    <row r="554005" spans="14:14">
      <c r="N554005" s="10"/>
    </row>
    <row r="554006" spans="14:14">
      <c r="N554006" s="10"/>
    </row>
    <row r="554007" spans="14:14">
      <c r="N554007" s="10"/>
    </row>
    <row r="554008" spans="14:14">
      <c r="N554008" s="10"/>
    </row>
    <row r="554009" spans="14:14">
      <c r="N554009" s="10"/>
    </row>
    <row r="554010" spans="14:14">
      <c r="N554010" s="10"/>
    </row>
    <row r="554011" spans="14:14">
      <c r="N554011" s="10"/>
    </row>
    <row r="554012" spans="14:14">
      <c r="N554012" s="10"/>
    </row>
    <row r="554013" spans="14:14">
      <c r="N554013" s="10"/>
    </row>
    <row r="554014" spans="14:14">
      <c r="N554014" s="10"/>
    </row>
    <row r="554015" spans="14:14">
      <c r="N554015" s="10"/>
    </row>
    <row r="554016" spans="14:14">
      <c r="N554016" s="10"/>
    </row>
    <row r="554017" spans="14:14">
      <c r="N554017" s="10"/>
    </row>
    <row r="554018" spans="14:14">
      <c r="N554018" s="10"/>
    </row>
    <row r="554019" spans="14:14">
      <c r="N554019" s="10"/>
    </row>
    <row r="554020" spans="14:14">
      <c r="N554020" s="10"/>
    </row>
    <row r="554021" spans="14:14">
      <c r="N554021" s="10"/>
    </row>
    <row r="554022" spans="14:14">
      <c r="N554022" s="10"/>
    </row>
    <row r="554023" spans="14:14">
      <c r="N554023" s="10"/>
    </row>
    <row r="554024" spans="14:14">
      <c r="N554024" s="10"/>
    </row>
    <row r="554025" spans="14:14">
      <c r="N554025" s="10"/>
    </row>
    <row r="554026" spans="14:14">
      <c r="N554026" s="10"/>
    </row>
    <row r="554027" spans="14:14">
      <c r="N554027" s="10"/>
    </row>
    <row r="554028" spans="14:14">
      <c r="N554028" s="10"/>
    </row>
    <row r="554029" spans="14:14">
      <c r="N554029" s="10"/>
    </row>
    <row r="554030" spans="14:14">
      <c r="N554030" s="10"/>
    </row>
    <row r="554031" spans="14:14">
      <c r="N554031" s="10"/>
    </row>
    <row r="554032" spans="14:14">
      <c r="N554032" s="10"/>
    </row>
    <row r="554033" spans="14:14">
      <c r="N554033" s="10"/>
    </row>
    <row r="554034" spans="14:14">
      <c r="N554034" s="10"/>
    </row>
    <row r="554035" spans="14:14">
      <c r="N554035" s="10"/>
    </row>
    <row r="554036" spans="14:14">
      <c r="N554036" s="10"/>
    </row>
    <row r="554037" spans="14:14">
      <c r="N554037" s="10"/>
    </row>
    <row r="554038" spans="14:14">
      <c r="N554038" s="10"/>
    </row>
    <row r="554039" spans="14:14">
      <c r="N554039" s="10"/>
    </row>
    <row r="554040" spans="14:14">
      <c r="N554040" s="10"/>
    </row>
    <row r="554041" spans="14:14">
      <c r="N554041" s="10"/>
    </row>
    <row r="554042" spans="14:14">
      <c r="N554042" s="10"/>
    </row>
    <row r="554043" spans="14:14">
      <c r="N554043" s="10"/>
    </row>
    <row r="554044" spans="14:14">
      <c r="N554044" s="10"/>
    </row>
    <row r="554045" spans="14:14">
      <c r="N554045" s="10"/>
    </row>
    <row r="554046" spans="14:14">
      <c r="N554046" s="10"/>
    </row>
    <row r="554047" spans="14:14">
      <c r="N554047" s="10"/>
    </row>
    <row r="554048" spans="14:14">
      <c r="N554048" s="10"/>
    </row>
    <row r="554049" spans="14:14">
      <c r="N554049" s="10"/>
    </row>
    <row r="554050" spans="14:14">
      <c r="N554050" s="10"/>
    </row>
    <row r="554051" spans="14:14">
      <c r="N554051" s="10"/>
    </row>
    <row r="554052" spans="14:14">
      <c r="N554052" s="10"/>
    </row>
    <row r="554053" spans="14:14">
      <c r="N554053" s="10"/>
    </row>
    <row r="554054" spans="14:14">
      <c r="N554054" s="10"/>
    </row>
    <row r="554055" spans="14:14">
      <c r="N554055" s="10"/>
    </row>
    <row r="554056" spans="14:14">
      <c r="N554056" s="10"/>
    </row>
    <row r="554057" spans="14:14">
      <c r="N554057" s="10"/>
    </row>
    <row r="554058" spans="14:14">
      <c r="N554058" s="10"/>
    </row>
    <row r="554059" spans="14:14">
      <c r="N554059" s="10"/>
    </row>
    <row r="554060" spans="14:14">
      <c r="N554060" s="10"/>
    </row>
    <row r="554061" spans="14:14">
      <c r="N554061" s="10"/>
    </row>
    <row r="554062" spans="14:14">
      <c r="N554062" s="10"/>
    </row>
    <row r="554063" spans="14:14">
      <c r="N554063" s="10"/>
    </row>
    <row r="554064" spans="14:14">
      <c r="N554064" s="10"/>
    </row>
    <row r="554065" spans="14:14">
      <c r="N554065" s="10"/>
    </row>
    <row r="554066" spans="14:14">
      <c r="N554066" s="10"/>
    </row>
    <row r="554067" spans="14:14">
      <c r="N554067" s="10"/>
    </row>
    <row r="554068" spans="14:14">
      <c r="N554068" s="10"/>
    </row>
    <row r="554069" spans="14:14">
      <c r="N554069" s="10"/>
    </row>
    <row r="554070" spans="14:14">
      <c r="N554070" s="10"/>
    </row>
    <row r="554071" spans="14:14">
      <c r="N554071" s="10"/>
    </row>
    <row r="554072" spans="14:14">
      <c r="N554072" s="10"/>
    </row>
    <row r="554073" spans="14:14">
      <c r="N554073" s="10"/>
    </row>
    <row r="554074" spans="14:14">
      <c r="N554074" s="10"/>
    </row>
    <row r="554075" spans="14:14">
      <c r="N554075" s="10"/>
    </row>
    <row r="554076" spans="14:14">
      <c r="N554076" s="10"/>
    </row>
    <row r="554077" spans="14:14">
      <c r="N554077" s="10"/>
    </row>
    <row r="554078" spans="14:14">
      <c r="N554078" s="10"/>
    </row>
    <row r="554079" spans="14:14">
      <c r="N554079" s="10"/>
    </row>
    <row r="554080" spans="14:14">
      <c r="N554080" s="10"/>
    </row>
    <row r="554081" spans="14:14">
      <c r="N554081" s="10"/>
    </row>
    <row r="554082" spans="14:14">
      <c r="N554082" s="10"/>
    </row>
    <row r="554083" spans="14:14">
      <c r="N554083" s="10"/>
    </row>
    <row r="554084" spans="14:14">
      <c r="N554084" s="10"/>
    </row>
    <row r="554085" spans="14:14">
      <c r="N554085" s="10"/>
    </row>
    <row r="554086" spans="14:14">
      <c r="N554086" s="10"/>
    </row>
    <row r="554087" spans="14:14">
      <c r="N554087" s="10"/>
    </row>
    <row r="554088" spans="14:14">
      <c r="N554088" s="10"/>
    </row>
    <row r="554089" spans="14:14">
      <c r="N554089" s="10"/>
    </row>
    <row r="554090" spans="14:14">
      <c r="N554090" s="10"/>
    </row>
    <row r="554091" spans="14:14">
      <c r="N554091" s="10"/>
    </row>
    <row r="554092" spans="14:14">
      <c r="N554092" s="10"/>
    </row>
    <row r="554093" spans="14:14">
      <c r="N554093" s="10"/>
    </row>
    <row r="554094" spans="14:14">
      <c r="N554094" s="10"/>
    </row>
    <row r="554095" spans="14:14">
      <c r="N554095" s="10"/>
    </row>
    <row r="554096" spans="14:14">
      <c r="N554096" s="10"/>
    </row>
    <row r="554097" spans="14:14">
      <c r="N554097" s="10"/>
    </row>
    <row r="554098" spans="14:14">
      <c r="N554098" s="10"/>
    </row>
    <row r="554099" spans="14:14">
      <c r="N554099" s="10"/>
    </row>
    <row r="554100" spans="14:14">
      <c r="N554100" s="10"/>
    </row>
    <row r="554101" spans="14:14">
      <c r="N554101" s="10"/>
    </row>
    <row r="554102" spans="14:14">
      <c r="N554102" s="10"/>
    </row>
    <row r="554103" spans="14:14">
      <c r="N554103" s="10"/>
    </row>
    <row r="554104" spans="14:14">
      <c r="N554104" s="10"/>
    </row>
    <row r="554105" spans="14:14">
      <c r="N554105" s="10"/>
    </row>
    <row r="554106" spans="14:14">
      <c r="N554106" s="10"/>
    </row>
    <row r="554107" spans="14:14">
      <c r="N554107" s="10"/>
    </row>
    <row r="554108" spans="14:14">
      <c r="N554108" s="10"/>
    </row>
    <row r="554109" spans="14:14">
      <c r="N554109" s="10"/>
    </row>
    <row r="554110" spans="14:14">
      <c r="N554110" s="10"/>
    </row>
    <row r="554111" spans="14:14">
      <c r="N554111" s="10"/>
    </row>
    <row r="554112" spans="14:14">
      <c r="N554112" s="10"/>
    </row>
    <row r="554113" spans="14:14">
      <c r="N554113" s="10"/>
    </row>
    <row r="554114" spans="14:14">
      <c r="N554114" s="10"/>
    </row>
    <row r="554115" spans="14:14">
      <c r="N554115" s="10"/>
    </row>
    <row r="554116" spans="14:14">
      <c r="N554116" s="10"/>
    </row>
    <row r="554117" spans="14:14">
      <c r="N554117" s="10"/>
    </row>
    <row r="554118" spans="14:14">
      <c r="N554118" s="10"/>
    </row>
    <row r="554119" spans="14:14">
      <c r="N554119" s="10"/>
    </row>
    <row r="554120" spans="14:14">
      <c r="N554120" s="10"/>
    </row>
    <row r="554121" spans="14:14">
      <c r="N554121" s="10"/>
    </row>
    <row r="554122" spans="14:14">
      <c r="N554122" s="10"/>
    </row>
    <row r="554123" spans="14:14">
      <c r="N554123" s="10"/>
    </row>
    <row r="554124" spans="14:14">
      <c r="N554124" s="10"/>
    </row>
    <row r="554125" spans="14:14">
      <c r="N554125" s="10"/>
    </row>
    <row r="554126" spans="14:14">
      <c r="N554126" s="10"/>
    </row>
    <row r="554127" spans="14:14">
      <c r="N554127" s="10"/>
    </row>
    <row r="554128" spans="14:14">
      <c r="N554128" s="10"/>
    </row>
    <row r="554129" spans="14:14">
      <c r="N554129" s="10"/>
    </row>
    <row r="554130" spans="14:14">
      <c r="N554130" s="10"/>
    </row>
    <row r="554131" spans="14:14">
      <c r="N554131" s="10"/>
    </row>
    <row r="554132" spans="14:14">
      <c r="N554132" s="10"/>
    </row>
    <row r="554133" spans="14:14">
      <c r="N554133" s="10"/>
    </row>
    <row r="554134" spans="14:14">
      <c r="N554134" s="10"/>
    </row>
    <row r="554135" spans="14:14">
      <c r="N554135" s="10"/>
    </row>
    <row r="554136" spans="14:14">
      <c r="N554136" s="10"/>
    </row>
    <row r="554137" spans="14:14">
      <c r="N554137" s="10"/>
    </row>
    <row r="554138" spans="14:14">
      <c r="N554138" s="10"/>
    </row>
    <row r="554139" spans="14:14">
      <c r="N554139" s="10"/>
    </row>
    <row r="554140" spans="14:14">
      <c r="N554140" s="10"/>
    </row>
    <row r="554141" spans="14:14">
      <c r="N554141" s="10"/>
    </row>
    <row r="554142" spans="14:14">
      <c r="N554142" s="10"/>
    </row>
    <row r="554143" spans="14:14">
      <c r="N554143" s="10"/>
    </row>
    <row r="554144" spans="14:14">
      <c r="N554144" s="10"/>
    </row>
    <row r="554145" spans="14:14">
      <c r="N554145" s="10"/>
    </row>
    <row r="554146" spans="14:14">
      <c r="N554146" s="10"/>
    </row>
    <row r="554147" spans="14:14">
      <c r="N554147" s="10"/>
    </row>
    <row r="554148" spans="14:14">
      <c r="N554148" s="10"/>
    </row>
    <row r="554149" spans="14:14">
      <c r="N554149" s="10"/>
    </row>
    <row r="554150" spans="14:14">
      <c r="N554150" s="10"/>
    </row>
    <row r="554151" spans="14:14">
      <c r="N554151" s="10"/>
    </row>
    <row r="554152" spans="14:14">
      <c r="N554152" s="10"/>
    </row>
    <row r="554153" spans="14:14">
      <c r="N554153" s="10"/>
    </row>
    <row r="554154" spans="14:14">
      <c r="N554154" s="10"/>
    </row>
    <row r="554155" spans="14:14">
      <c r="N554155" s="10"/>
    </row>
    <row r="554156" spans="14:14">
      <c r="N554156" s="10"/>
    </row>
    <row r="554157" spans="14:14">
      <c r="N554157" s="10"/>
    </row>
    <row r="554158" spans="14:14">
      <c r="N554158" s="10"/>
    </row>
    <row r="554159" spans="14:14">
      <c r="N554159" s="10"/>
    </row>
    <row r="554160" spans="14:14">
      <c r="N554160" s="10"/>
    </row>
    <row r="554161" spans="14:14">
      <c r="N554161" s="10"/>
    </row>
    <row r="554162" spans="14:14">
      <c r="N554162" s="10"/>
    </row>
    <row r="554163" spans="14:14">
      <c r="N554163" s="10"/>
    </row>
    <row r="554164" spans="14:14">
      <c r="N554164" s="10"/>
    </row>
    <row r="554165" spans="14:14">
      <c r="N554165" s="10"/>
    </row>
    <row r="554166" spans="14:14">
      <c r="N554166" s="10"/>
    </row>
    <row r="554167" spans="14:14">
      <c r="N554167" s="10"/>
    </row>
    <row r="554168" spans="14:14">
      <c r="N554168" s="10"/>
    </row>
    <row r="554169" spans="14:14">
      <c r="N554169" s="10"/>
    </row>
    <row r="554170" spans="14:14">
      <c r="N554170" s="10"/>
    </row>
    <row r="554171" spans="14:14">
      <c r="N554171" s="10"/>
    </row>
    <row r="554172" spans="14:14">
      <c r="N554172" s="10"/>
    </row>
    <row r="554173" spans="14:14">
      <c r="N554173" s="10"/>
    </row>
    <row r="554174" spans="14:14">
      <c r="N554174" s="10"/>
    </row>
    <row r="554175" spans="14:14">
      <c r="N554175" s="10"/>
    </row>
    <row r="554176" spans="14:14">
      <c r="N554176" s="10"/>
    </row>
    <row r="554177" spans="14:14">
      <c r="N554177" s="10"/>
    </row>
    <row r="554178" spans="14:14">
      <c r="N554178" s="10"/>
    </row>
    <row r="554179" spans="14:14">
      <c r="N554179" s="10"/>
    </row>
    <row r="554180" spans="14:14">
      <c r="N554180" s="10"/>
    </row>
    <row r="554181" spans="14:14">
      <c r="N554181" s="10"/>
    </row>
    <row r="554182" spans="14:14">
      <c r="N554182" s="10"/>
    </row>
    <row r="554183" spans="14:14">
      <c r="N554183" s="10"/>
    </row>
    <row r="554184" spans="14:14">
      <c r="N554184" s="10"/>
    </row>
    <row r="554185" spans="14:14">
      <c r="N554185" s="10"/>
    </row>
    <row r="554186" spans="14:14">
      <c r="N554186" s="10"/>
    </row>
    <row r="554187" spans="14:14">
      <c r="N554187" s="10"/>
    </row>
    <row r="554188" spans="14:14">
      <c r="N554188" s="10"/>
    </row>
    <row r="554189" spans="14:14">
      <c r="N554189" s="10"/>
    </row>
    <row r="554190" spans="14:14">
      <c r="N554190" s="10"/>
    </row>
    <row r="554191" spans="14:14">
      <c r="N554191" s="10"/>
    </row>
    <row r="554192" spans="14:14">
      <c r="N554192" s="10"/>
    </row>
    <row r="554193" spans="14:14">
      <c r="N554193" s="10"/>
    </row>
    <row r="554194" spans="14:14">
      <c r="N554194" s="10"/>
    </row>
    <row r="554195" spans="14:14">
      <c r="N554195" s="10"/>
    </row>
    <row r="554196" spans="14:14">
      <c r="N554196" s="10"/>
    </row>
    <row r="554197" spans="14:14">
      <c r="N554197" s="10"/>
    </row>
    <row r="554198" spans="14:14">
      <c r="N554198" s="10"/>
    </row>
    <row r="554199" spans="14:14">
      <c r="N554199" s="10"/>
    </row>
    <row r="554200" spans="14:14">
      <c r="N554200" s="10"/>
    </row>
    <row r="554201" spans="14:14">
      <c r="N554201" s="10"/>
    </row>
    <row r="554202" spans="14:14">
      <c r="N554202" s="10"/>
    </row>
    <row r="554203" spans="14:14">
      <c r="N554203" s="10"/>
    </row>
    <row r="554204" spans="14:14">
      <c r="N554204" s="10"/>
    </row>
    <row r="554205" spans="14:14">
      <c r="N554205" s="10"/>
    </row>
    <row r="554206" spans="14:14">
      <c r="N554206" s="10"/>
    </row>
    <row r="554207" spans="14:14">
      <c r="N554207" s="10"/>
    </row>
    <row r="554208" spans="14:14">
      <c r="N554208" s="10"/>
    </row>
    <row r="554209" spans="14:14">
      <c r="N554209" s="10"/>
    </row>
    <row r="554210" spans="14:14">
      <c r="N554210" s="10"/>
    </row>
    <row r="554211" spans="14:14">
      <c r="N554211" s="10"/>
    </row>
    <row r="554212" spans="14:14">
      <c r="N554212" s="10"/>
    </row>
    <row r="554213" spans="14:14">
      <c r="N554213" s="10"/>
    </row>
    <row r="554214" spans="14:14">
      <c r="N554214" s="10"/>
    </row>
    <row r="554215" spans="14:14">
      <c r="N554215" s="10"/>
    </row>
    <row r="554216" spans="14:14">
      <c r="N554216" s="10"/>
    </row>
    <row r="554217" spans="14:14">
      <c r="N554217" s="10"/>
    </row>
    <row r="554218" spans="14:14">
      <c r="N554218" s="10"/>
    </row>
    <row r="554219" spans="14:14">
      <c r="N554219" s="10"/>
    </row>
    <row r="554220" spans="14:14">
      <c r="N554220" s="10"/>
    </row>
    <row r="554221" spans="14:14">
      <c r="N554221" s="10"/>
    </row>
    <row r="554222" spans="14:14">
      <c r="N554222" s="10"/>
    </row>
    <row r="554223" spans="14:14">
      <c r="N554223" s="10"/>
    </row>
    <row r="554224" spans="14:14">
      <c r="N554224" s="10"/>
    </row>
    <row r="554225" spans="14:14">
      <c r="N554225" s="10"/>
    </row>
    <row r="554226" spans="14:14">
      <c r="N554226" s="10"/>
    </row>
    <row r="554227" spans="14:14">
      <c r="N554227" s="10"/>
    </row>
    <row r="554228" spans="14:14">
      <c r="N554228" s="10"/>
    </row>
    <row r="554229" spans="14:14">
      <c r="N554229" s="10"/>
    </row>
    <row r="554230" spans="14:14">
      <c r="N554230" s="10"/>
    </row>
    <row r="554231" spans="14:14">
      <c r="N554231" s="10"/>
    </row>
    <row r="554232" spans="14:14">
      <c r="N554232" s="10"/>
    </row>
    <row r="554233" spans="14:14">
      <c r="N554233" s="10"/>
    </row>
    <row r="554234" spans="14:14">
      <c r="N554234" s="10"/>
    </row>
    <row r="554235" spans="14:14">
      <c r="N554235" s="10"/>
    </row>
    <row r="554236" spans="14:14">
      <c r="N554236" s="10"/>
    </row>
    <row r="554237" spans="14:14">
      <c r="N554237" s="10"/>
    </row>
    <row r="554238" spans="14:14">
      <c r="N554238" s="10"/>
    </row>
    <row r="554239" spans="14:14">
      <c r="N554239" s="10"/>
    </row>
    <row r="554240" spans="14:14">
      <c r="N554240" s="10"/>
    </row>
    <row r="554241" spans="14:14">
      <c r="N554241" s="10"/>
    </row>
    <row r="554242" spans="14:14">
      <c r="N554242" s="10"/>
    </row>
    <row r="554243" spans="14:14">
      <c r="N554243" s="10"/>
    </row>
    <row r="554244" spans="14:14">
      <c r="N554244" s="10"/>
    </row>
    <row r="554245" spans="14:14">
      <c r="N554245" s="10"/>
    </row>
    <row r="554246" spans="14:14">
      <c r="N554246" s="10"/>
    </row>
    <row r="554247" spans="14:14">
      <c r="N554247" s="10"/>
    </row>
    <row r="554248" spans="14:14">
      <c r="N554248" s="10"/>
    </row>
    <row r="554249" spans="14:14">
      <c r="N554249" s="10"/>
    </row>
    <row r="554250" spans="14:14">
      <c r="N554250" s="10"/>
    </row>
    <row r="554251" spans="14:14">
      <c r="N554251" s="10"/>
    </row>
    <row r="554252" spans="14:14">
      <c r="N554252" s="10"/>
    </row>
    <row r="554253" spans="14:14">
      <c r="N554253" s="10"/>
    </row>
    <row r="554254" spans="14:14">
      <c r="N554254" s="10"/>
    </row>
    <row r="554255" spans="14:14">
      <c r="N554255" s="10"/>
    </row>
    <row r="554256" spans="14:14">
      <c r="N554256" s="10"/>
    </row>
    <row r="554257" spans="14:14">
      <c r="N554257" s="10"/>
    </row>
    <row r="554258" spans="14:14">
      <c r="N554258" s="10"/>
    </row>
    <row r="554259" spans="14:14">
      <c r="N554259" s="10"/>
    </row>
    <row r="554260" spans="14:14">
      <c r="N554260" s="10"/>
    </row>
    <row r="554261" spans="14:14">
      <c r="N554261" s="10"/>
    </row>
    <row r="554262" spans="14:14">
      <c r="N554262" s="10"/>
    </row>
    <row r="554263" spans="14:14">
      <c r="N554263" s="10"/>
    </row>
    <row r="554264" spans="14:14">
      <c r="N554264" s="10"/>
    </row>
    <row r="554265" spans="14:14">
      <c r="N554265" s="10"/>
    </row>
    <row r="554266" spans="14:14">
      <c r="N554266" s="10"/>
    </row>
    <row r="554267" spans="14:14">
      <c r="N554267" s="10"/>
    </row>
    <row r="554268" spans="14:14">
      <c r="N554268" s="10"/>
    </row>
    <row r="554269" spans="14:14">
      <c r="N554269" s="10"/>
    </row>
    <row r="554270" spans="14:14">
      <c r="N554270" s="10"/>
    </row>
    <row r="554271" spans="14:14">
      <c r="N554271" s="10"/>
    </row>
    <row r="554272" spans="14:14">
      <c r="N554272" s="10"/>
    </row>
    <row r="554273" spans="14:14">
      <c r="N554273" s="10"/>
    </row>
    <row r="554274" spans="14:14">
      <c r="N554274" s="10"/>
    </row>
    <row r="554275" spans="14:14">
      <c r="N554275" s="10"/>
    </row>
    <row r="554276" spans="14:14">
      <c r="N554276" s="10"/>
    </row>
    <row r="554277" spans="14:14">
      <c r="N554277" s="10"/>
    </row>
    <row r="554278" spans="14:14">
      <c r="N554278" s="10"/>
    </row>
    <row r="554279" spans="14:14">
      <c r="N554279" s="10"/>
    </row>
    <row r="554280" spans="14:14">
      <c r="N554280" s="10"/>
    </row>
    <row r="554281" spans="14:14">
      <c r="N554281" s="10"/>
    </row>
    <row r="554282" spans="14:14">
      <c r="N554282" s="10"/>
    </row>
    <row r="554283" spans="14:14">
      <c r="N554283" s="10"/>
    </row>
    <row r="554284" spans="14:14">
      <c r="N554284" s="10"/>
    </row>
    <row r="554285" spans="14:14">
      <c r="N554285" s="10"/>
    </row>
    <row r="554286" spans="14:14">
      <c r="N554286" s="10"/>
    </row>
    <row r="554287" spans="14:14">
      <c r="N554287" s="10"/>
    </row>
    <row r="554288" spans="14:14">
      <c r="N554288" s="10"/>
    </row>
    <row r="554289" spans="14:14">
      <c r="N554289" s="10"/>
    </row>
    <row r="554290" spans="14:14">
      <c r="N554290" s="10"/>
    </row>
    <row r="554291" spans="14:14">
      <c r="N554291" s="10"/>
    </row>
    <row r="554292" spans="14:14">
      <c r="N554292" s="10"/>
    </row>
    <row r="554293" spans="14:14">
      <c r="N554293" s="10"/>
    </row>
    <row r="554294" spans="14:14">
      <c r="N554294" s="10"/>
    </row>
    <row r="554295" spans="14:14">
      <c r="N554295" s="10"/>
    </row>
    <row r="554296" spans="14:14">
      <c r="N554296" s="10"/>
    </row>
    <row r="554297" spans="14:14">
      <c r="N554297" s="10"/>
    </row>
    <row r="554298" spans="14:14">
      <c r="N554298" s="10"/>
    </row>
    <row r="554299" spans="14:14">
      <c r="N554299" s="10"/>
    </row>
    <row r="554300" spans="14:14">
      <c r="N554300" s="10"/>
    </row>
    <row r="554301" spans="14:14">
      <c r="N554301" s="10"/>
    </row>
    <row r="554302" spans="14:14">
      <c r="N554302" s="10"/>
    </row>
    <row r="554303" spans="14:14">
      <c r="N554303" s="10"/>
    </row>
    <row r="554304" spans="14:14">
      <c r="N554304" s="10"/>
    </row>
    <row r="554305" spans="14:14">
      <c r="N554305" s="10"/>
    </row>
    <row r="554306" spans="14:14">
      <c r="N554306" s="10"/>
    </row>
    <row r="554307" spans="14:14">
      <c r="N554307" s="10"/>
    </row>
    <row r="554308" spans="14:14">
      <c r="N554308" s="10"/>
    </row>
    <row r="554309" spans="14:14">
      <c r="N554309" s="10"/>
    </row>
    <row r="554310" spans="14:14">
      <c r="N554310" s="10"/>
    </row>
    <row r="554311" spans="14:14">
      <c r="N554311" s="10"/>
    </row>
    <row r="554312" spans="14:14">
      <c r="N554312" s="10"/>
    </row>
    <row r="554313" spans="14:14">
      <c r="N554313" s="10"/>
    </row>
    <row r="554314" spans="14:14">
      <c r="N554314" s="10"/>
    </row>
    <row r="554315" spans="14:14">
      <c r="N554315" s="10"/>
    </row>
    <row r="554316" spans="14:14">
      <c r="N554316" s="10"/>
    </row>
    <row r="554317" spans="14:14">
      <c r="N554317" s="10"/>
    </row>
    <row r="554318" spans="14:14">
      <c r="N554318" s="10"/>
    </row>
    <row r="554319" spans="14:14">
      <c r="N554319" s="10"/>
    </row>
    <row r="554320" spans="14:14">
      <c r="N554320" s="10"/>
    </row>
    <row r="554321" spans="14:14">
      <c r="N554321" s="10"/>
    </row>
    <row r="554322" spans="14:14">
      <c r="N554322" s="10"/>
    </row>
    <row r="554323" spans="14:14">
      <c r="N554323" s="10"/>
    </row>
    <row r="554324" spans="14:14">
      <c r="N554324" s="10"/>
    </row>
    <row r="554325" spans="14:14">
      <c r="N554325" s="10"/>
    </row>
    <row r="554326" spans="14:14">
      <c r="N554326" s="10"/>
    </row>
    <row r="554327" spans="14:14">
      <c r="N554327" s="10"/>
    </row>
    <row r="554328" spans="14:14">
      <c r="N554328" s="10"/>
    </row>
    <row r="554329" spans="14:14">
      <c r="N554329" s="10"/>
    </row>
    <row r="554330" spans="14:14">
      <c r="N554330" s="10"/>
    </row>
    <row r="554331" spans="14:14">
      <c r="N554331" s="10"/>
    </row>
    <row r="554332" spans="14:14">
      <c r="N554332" s="10"/>
    </row>
    <row r="554333" spans="14:14">
      <c r="N554333" s="10"/>
    </row>
    <row r="554334" spans="14:14">
      <c r="N554334" s="10"/>
    </row>
    <row r="554335" spans="14:14">
      <c r="N554335" s="10"/>
    </row>
    <row r="554336" spans="14:14">
      <c r="N554336" s="10"/>
    </row>
    <row r="554337" spans="14:14">
      <c r="N554337" s="10"/>
    </row>
    <row r="554338" spans="14:14">
      <c r="N554338" s="10"/>
    </row>
    <row r="554339" spans="14:14">
      <c r="N554339" s="10"/>
    </row>
    <row r="554340" spans="14:14">
      <c r="N554340" s="10"/>
    </row>
    <row r="554341" spans="14:14">
      <c r="N554341" s="10"/>
    </row>
    <row r="554342" spans="14:14">
      <c r="N554342" s="10"/>
    </row>
    <row r="554343" spans="14:14">
      <c r="N554343" s="10"/>
    </row>
    <row r="554344" spans="14:14">
      <c r="N554344" s="10"/>
    </row>
    <row r="554345" spans="14:14">
      <c r="N554345" s="10"/>
    </row>
    <row r="554346" spans="14:14">
      <c r="N554346" s="10"/>
    </row>
    <row r="554347" spans="14:14">
      <c r="N554347" s="10"/>
    </row>
    <row r="554348" spans="14:14">
      <c r="N554348" s="10"/>
    </row>
    <row r="554349" spans="14:14">
      <c r="N554349" s="10"/>
    </row>
    <row r="554350" spans="14:14">
      <c r="N554350" s="10"/>
    </row>
    <row r="554351" spans="14:14">
      <c r="N554351" s="10"/>
    </row>
    <row r="554352" spans="14:14">
      <c r="N554352" s="10"/>
    </row>
    <row r="554353" spans="14:14">
      <c r="N554353" s="10"/>
    </row>
    <row r="554354" spans="14:14">
      <c r="N554354" s="10"/>
    </row>
    <row r="554355" spans="14:14">
      <c r="N554355" s="10"/>
    </row>
    <row r="554356" spans="14:14">
      <c r="N554356" s="10"/>
    </row>
    <row r="554357" spans="14:14">
      <c r="N554357" s="10"/>
    </row>
    <row r="554358" spans="14:14">
      <c r="N554358" s="10"/>
    </row>
    <row r="554359" spans="14:14">
      <c r="N554359" s="10"/>
    </row>
    <row r="554360" spans="14:14">
      <c r="N554360" s="10"/>
    </row>
    <row r="554361" spans="14:14">
      <c r="N554361" s="10"/>
    </row>
    <row r="554362" spans="14:14">
      <c r="N554362" s="10"/>
    </row>
    <row r="554363" spans="14:14">
      <c r="N554363" s="10"/>
    </row>
    <row r="554364" spans="14:14">
      <c r="N554364" s="10"/>
    </row>
    <row r="554365" spans="14:14">
      <c r="N554365" s="10"/>
    </row>
    <row r="554366" spans="14:14">
      <c r="N554366" s="10"/>
    </row>
    <row r="554367" spans="14:14">
      <c r="N554367" s="10"/>
    </row>
    <row r="554368" spans="14:14">
      <c r="N554368" s="10"/>
    </row>
    <row r="554369" spans="14:14">
      <c r="N554369" s="10"/>
    </row>
    <row r="554370" spans="14:14">
      <c r="N554370" s="10"/>
    </row>
    <row r="554371" spans="14:14">
      <c r="N554371" s="10"/>
    </row>
    <row r="554372" spans="14:14">
      <c r="N554372" s="10"/>
    </row>
    <row r="554373" spans="14:14">
      <c r="N554373" s="10"/>
    </row>
    <row r="554374" spans="14:14">
      <c r="N554374" s="10"/>
    </row>
    <row r="554375" spans="14:14">
      <c r="N554375" s="10"/>
    </row>
    <row r="554376" spans="14:14">
      <c r="N554376" s="10"/>
    </row>
    <row r="554377" spans="14:14">
      <c r="N554377" s="10"/>
    </row>
    <row r="554378" spans="14:14">
      <c r="N554378" s="10"/>
    </row>
    <row r="554379" spans="14:14">
      <c r="N554379" s="10"/>
    </row>
    <row r="554380" spans="14:14">
      <c r="N554380" s="10"/>
    </row>
    <row r="554381" spans="14:14">
      <c r="N554381" s="10"/>
    </row>
    <row r="554382" spans="14:14">
      <c r="N554382" s="10"/>
    </row>
    <row r="554383" spans="14:14">
      <c r="N554383" s="10"/>
    </row>
    <row r="554384" spans="14:14">
      <c r="N554384" s="10"/>
    </row>
    <row r="554385" spans="14:14">
      <c r="N554385" s="10"/>
    </row>
    <row r="554386" spans="14:14">
      <c r="N554386" s="10"/>
    </row>
    <row r="554387" spans="14:14">
      <c r="N554387" s="10"/>
    </row>
    <row r="554388" spans="14:14">
      <c r="N554388" s="10"/>
    </row>
    <row r="554389" spans="14:14">
      <c r="N554389" s="10"/>
    </row>
    <row r="554390" spans="14:14">
      <c r="N554390" s="10"/>
    </row>
    <row r="554391" spans="14:14">
      <c r="N554391" s="10"/>
    </row>
    <row r="554392" spans="14:14">
      <c r="N554392" s="10"/>
    </row>
    <row r="554393" spans="14:14">
      <c r="N554393" s="10"/>
    </row>
    <row r="554394" spans="14:14">
      <c r="N554394" s="10"/>
    </row>
    <row r="554395" spans="14:14">
      <c r="N554395" s="10"/>
    </row>
    <row r="554396" spans="14:14">
      <c r="N554396" s="10"/>
    </row>
    <row r="554397" spans="14:14">
      <c r="N554397" s="10"/>
    </row>
    <row r="554398" spans="14:14">
      <c r="N554398" s="10"/>
    </row>
    <row r="554399" spans="14:14">
      <c r="N554399" s="10"/>
    </row>
    <row r="554400" spans="14:14">
      <c r="N554400" s="10"/>
    </row>
    <row r="554401" spans="14:14">
      <c r="N554401" s="10"/>
    </row>
    <row r="554402" spans="14:14">
      <c r="N554402" s="10"/>
    </row>
    <row r="554403" spans="14:14">
      <c r="N554403" s="10"/>
    </row>
    <row r="554404" spans="14:14">
      <c r="N554404" s="10"/>
    </row>
    <row r="554405" spans="14:14">
      <c r="N554405" s="10"/>
    </row>
    <row r="554406" spans="14:14">
      <c r="N554406" s="10"/>
    </row>
    <row r="554407" spans="14:14">
      <c r="N554407" s="10"/>
    </row>
    <row r="554408" spans="14:14">
      <c r="N554408" s="10"/>
    </row>
    <row r="554409" spans="14:14">
      <c r="N554409" s="10"/>
    </row>
    <row r="554410" spans="14:14">
      <c r="N554410" s="10"/>
    </row>
    <row r="554411" spans="14:14">
      <c r="N554411" s="10"/>
    </row>
    <row r="554412" spans="14:14">
      <c r="N554412" s="10"/>
    </row>
    <row r="554413" spans="14:14">
      <c r="N554413" s="10"/>
    </row>
    <row r="554414" spans="14:14">
      <c r="N554414" s="10"/>
    </row>
    <row r="554415" spans="14:14">
      <c r="N554415" s="10"/>
    </row>
    <row r="554416" spans="14:14">
      <c r="N554416" s="10"/>
    </row>
    <row r="554417" spans="14:14">
      <c r="N554417" s="10"/>
    </row>
    <row r="554418" spans="14:14">
      <c r="N554418" s="10"/>
    </row>
    <row r="554419" spans="14:14">
      <c r="N554419" s="10"/>
    </row>
    <row r="554420" spans="14:14">
      <c r="N554420" s="10"/>
    </row>
    <row r="554421" spans="14:14">
      <c r="N554421" s="10"/>
    </row>
    <row r="554422" spans="14:14">
      <c r="N554422" s="10"/>
    </row>
    <row r="554423" spans="14:14">
      <c r="N554423" s="10"/>
    </row>
    <row r="554424" spans="14:14">
      <c r="N554424" s="10"/>
    </row>
    <row r="554425" spans="14:14">
      <c r="N554425" s="10"/>
    </row>
    <row r="554426" spans="14:14">
      <c r="N554426" s="10"/>
    </row>
    <row r="554427" spans="14:14">
      <c r="N554427" s="10"/>
    </row>
    <row r="554428" spans="14:14">
      <c r="N554428" s="10"/>
    </row>
    <row r="554429" spans="14:14">
      <c r="N554429" s="10"/>
    </row>
    <row r="554430" spans="14:14">
      <c r="N554430" s="10"/>
    </row>
    <row r="554431" spans="14:14">
      <c r="N554431" s="10"/>
    </row>
    <row r="554432" spans="14:14">
      <c r="N554432" s="10"/>
    </row>
    <row r="554433" spans="14:14">
      <c r="N554433" s="10"/>
    </row>
    <row r="554434" spans="14:14">
      <c r="N554434" s="10"/>
    </row>
    <row r="554435" spans="14:14">
      <c r="N554435" s="10"/>
    </row>
    <row r="554436" spans="14:14">
      <c r="N554436" s="10"/>
    </row>
    <row r="554437" spans="14:14">
      <c r="N554437" s="10"/>
    </row>
    <row r="554438" spans="14:14">
      <c r="N554438" s="10"/>
    </row>
    <row r="554439" spans="14:14">
      <c r="N554439" s="10"/>
    </row>
    <row r="554440" spans="14:14">
      <c r="N554440" s="10"/>
    </row>
    <row r="554441" spans="14:14">
      <c r="N554441" s="10"/>
    </row>
    <row r="554442" spans="14:14">
      <c r="N554442" s="10"/>
    </row>
    <row r="554443" spans="14:14">
      <c r="N554443" s="10"/>
    </row>
    <row r="554444" spans="14:14">
      <c r="N554444" s="10"/>
    </row>
    <row r="554445" spans="14:14">
      <c r="N554445" s="10"/>
    </row>
    <row r="554446" spans="14:14">
      <c r="N554446" s="10"/>
    </row>
    <row r="554447" spans="14:14">
      <c r="N554447" s="10"/>
    </row>
    <row r="554448" spans="14:14">
      <c r="N554448" s="10"/>
    </row>
    <row r="554449" spans="14:14">
      <c r="N554449" s="10"/>
    </row>
    <row r="554450" spans="14:14">
      <c r="N554450" s="10"/>
    </row>
    <row r="554451" spans="14:14">
      <c r="N554451" s="10"/>
    </row>
    <row r="554452" spans="14:14">
      <c r="N554452" s="10"/>
    </row>
    <row r="554453" spans="14:14">
      <c r="N554453" s="10"/>
    </row>
    <row r="554454" spans="14:14">
      <c r="N554454" s="10"/>
    </row>
    <row r="554455" spans="14:14">
      <c r="N554455" s="10"/>
    </row>
    <row r="554456" spans="14:14">
      <c r="N554456" s="10"/>
    </row>
    <row r="554457" spans="14:14">
      <c r="N554457" s="10"/>
    </row>
    <row r="554458" spans="14:14">
      <c r="N554458" s="10"/>
    </row>
    <row r="554459" spans="14:14">
      <c r="N554459" s="10"/>
    </row>
    <row r="554460" spans="14:14">
      <c r="N554460" s="10"/>
    </row>
    <row r="554461" spans="14:14">
      <c r="N554461" s="10"/>
    </row>
    <row r="554462" spans="14:14">
      <c r="N554462" s="10"/>
    </row>
    <row r="554463" spans="14:14">
      <c r="N554463" s="10"/>
    </row>
    <row r="554464" spans="14:14">
      <c r="N554464" s="10"/>
    </row>
    <row r="554465" spans="14:14">
      <c r="N554465" s="10"/>
    </row>
    <row r="554466" spans="14:14">
      <c r="N554466" s="10"/>
    </row>
    <row r="554467" spans="14:14">
      <c r="N554467" s="10"/>
    </row>
    <row r="554468" spans="14:14">
      <c r="N554468" s="10"/>
    </row>
    <row r="554469" spans="14:14">
      <c r="N554469" s="10"/>
    </row>
    <row r="554470" spans="14:14">
      <c r="N554470" s="10"/>
    </row>
    <row r="554471" spans="14:14">
      <c r="N554471" s="10"/>
    </row>
    <row r="554472" spans="14:14">
      <c r="N554472" s="10"/>
    </row>
    <row r="554473" spans="14:14">
      <c r="N554473" s="10"/>
    </row>
    <row r="554474" spans="14:14">
      <c r="N554474" s="10"/>
    </row>
    <row r="554475" spans="14:14">
      <c r="N554475" s="10"/>
    </row>
    <row r="554476" spans="14:14">
      <c r="N554476" s="10"/>
    </row>
    <row r="554477" spans="14:14">
      <c r="N554477" s="10"/>
    </row>
    <row r="554478" spans="14:14">
      <c r="N554478" s="10"/>
    </row>
    <row r="554479" spans="14:14">
      <c r="N554479" s="10"/>
    </row>
    <row r="554480" spans="14:14">
      <c r="N554480" s="10"/>
    </row>
    <row r="554481" spans="14:14">
      <c r="N554481" s="10"/>
    </row>
    <row r="554482" spans="14:14">
      <c r="N554482" s="10"/>
    </row>
    <row r="554483" spans="14:14">
      <c r="N554483" s="10"/>
    </row>
    <row r="554484" spans="14:14">
      <c r="N554484" s="10"/>
    </row>
    <row r="554485" spans="14:14">
      <c r="N554485" s="10"/>
    </row>
    <row r="554486" spans="14:14">
      <c r="N554486" s="10"/>
    </row>
    <row r="554487" spans="14:14">
      <c r="N554487" s="10"/>
    </row>
    <row r="554488" spans="14:14">
      <c r="N554488" s="10"/>
    </row>
    <row r="554489" spans="14:14">
      <c r="N554489" s="10"/>
    </row>
    <row r="554490" spans="14:14">
      <c r="N554490" s="10"/>
    </row>
    <row r="554491" spans="14:14">
      <c r="N554491" s="10"/>
    </row>
    <row r="554492" spans="14:14">
      <c r="N554492" s="10"/>
    </row>
    <row r="554493" spans="14:14">
      <c r="N554493" s="10"/>
    </row>
    <row r="554494" spans="14:14">
      <c r="N554494" s="10"/>
    </row>
    <row r="554495" spans="14:14">
      <c r="N554495" s="10"/>
    </row>
    <row r="554496" spans="14:14">
      <c r="N554496" s="10"/>
    </row>
    <row r="554497" spans="14:14">
      <c r="N554497" s="10"/>
    </row>
    <row r="554498" spans="14:14">
      <c r="N554498" s="10"/>
    </row>
    <row r="554499" spans="14:14">
      <c r="N554499" s="10"/>
    </row>
    <row r="554500" spans="14:14">
      <c r="N554500" s="10"/>
    </row>
    <row r="554501" spans="14:14">
      <c r="N554501" s="10"/>
    </row>
    <row r="554502" spans="14:14">
      <c r="N554502" s="10"/>
    </row>
    <row r="554503" spans="14:14">
      <c r="N554503" s="10"/>
    </row>
    <row r="554504" spans="14:14">
      <c r="N554504" s="10"/>
    </row>
    <row r="554505" spans="14:14">
      <c r="N554505" s="10"/>
    </row>
    <row r="554506" spans="14:14">
      <c r="N554506" s="10"/>
    </row>
    <row r="554507" spans="14:14">
      <c r="N554507" s="10"/>
    </row>
    <row r="554508" spans="14:14">
      <c r="N554508" s="10"/>
    </row>
    <row r="554509" spans="14:14">
      <c r="N554509" s="10"/>
    </row>
    <row r="554510" spans="14:14">
      <c r="N554510" s="10"/>
    </row>
    <row r="554511" spans="14:14">
      <c r="N554511" s="10"/>
    </row>
    <row r="554512" spans="14:14">
      <c r="N554512" s="10"/>
    </row>
    <row r="554513" spans="14:14">
      <c r="N554513" s="10"/>
    </row>
    <row r="554514" spans="14:14">
      <c r="N554514" s="10"/>
    </row>
    <row r="554515" spans="14:14">
      <c r="N554515" s="10"/>
    </row>
    <row r="554516" spans="14:14">
      <c r="N554516" s="10"/>
    </row>
    <row r="554517" spans="14:14">
      <c r="N554517" s="10"/>
    </row>
    <row r="554518" spans="14:14">
      <c r="N554518" s="10"/>
    </row>
    <row r="554519" spans="14:14">
      <c r="N554519" s="10"/>
    </row>
    <row r="554520" spans="14:14">
      <c r="N554520" s="10"/>
    </row>
    <row r="554521" spans="14:14">
      <c r="N554521" s="10"/>
    </row>
    <row r="554522" spans="14:14">
      <c r="N554522" s="10"/>
    </row>
    <row r="554523" spans="14:14">
      <c r="N554523" s="10"/>
    </row>
    <row r="554524" spans="14:14">
      <c r="N554524" s="10"/>
    </row>
    <row r="554525" spans="14:14">
      <c r="N554525" s="10"/>
    </row>
    <row r="554526" spans="14:14">
      <c r="N554526" s="10"/>
    </row>
    <row r="554527" spans="14:14">
      <c r="N554527" s="10"/>
    </row>
    <row r="554528" spans="14:14">
      <c r="N554528" s="10"/>
    </row>
    <row r="554529" spans="14:14">
      <c r="N554529" s="10"/>
    </row>
    <row r="554530" spans="14:14">
      <c r="N554530" s="10"/>
    </row>
    <row r="554531" spans="14:14">
      <c r="N554531" s="10"/>
    </row>
    <row r="554532" spans="14:14">
      <c r="N554532" s="10"/>
    </row>
    <row r="554533" spans="14:14">
      <c r="N554533" s="10"/>
    </row>
    <row r="554534" spans="14:14">
      <c r="N554534" s="10"/>
    </row>
    <row r="554535" spans="14:14">
      <c r="N554535" s="10"/>
    </row>
    <row r="554536" spans="14:14">
      <c r="N554536" s="10"/>
    </row>
    <row r="554537" spans="14:14">
      <c r="N554537" s="10"/>
    </row>
    <row r="554538" spans="14:14">
      <c r="N554538" s="10"/>
    </row>
    <row r="554539" spans="14:14">
      <c r="N554539" s="10"/>
    </row>
    <row r="554540" spans="14:14">
      <c r="N554540" s="10"/>
    </row>
    <row r="554541" spans="14:14">
      <c r="N554541" s="10"/>
    </row>
    <row r="554542" spans="14:14">
      <c r="N554542" s="10"/>
    </row>
    <row r="554543" spans="14:14">
      <c r="N554543" s="10"/>
    </row>
    <row r="554544" spans="14:14">
      <c r="N554544" s="10"/>
    </row>
    <row r="554545" spans="14:14">
      <c r="N554545" s="10"/>
    </row>
    <row r="554546" spans="14:14">
      <c r="N554546" s="10"/>
    </row>
    <row r="554547" spans="14:14">
      <c r="N554547" s="10"/>
    </row>
    <row r="554548" spans="14:14">
      <c r="N554548" s="10"/>
    </row>
    <row r="554549" spans="14:14">
      <c r="N554549" s="10"/>
    </row>
    <row r="554550" spans="14:14">
      <c r="N554550" s="10"/>
    </row>
    <row r="554551" spans="14:14">
      <c r="N554551" s="10"/>
    </row>
    <row r="554552" spans="14:14">
      <c r="N554552" s="10"/>
    </row>
    <row r="554553" spans="14:14">
      <c r="N554553" s="10"/>
    </row>
    <row r="554554" spans="14:14">
      <c r="N554554" s="10"/>
    </row>
    <row r="554555" spans="14:14">
      <c r="N554555" s="10"/>
    </row>
    <row r="554556" spans="14:14">
      <c r="N554556" s="10"/>
    </row>
    <row r="554557" spans="14:14">
      <c r="N554557" s="10"/>
    </row>
    <row r="554558" spans="14:14">
      <c r="N554558" s="10"/>
    </row>
    <row r="554559" spans="14:14">
      <c r="N554559" s="10"/>
    </row>
    <row r="554560" spans="14:14">
      <c r="N554560" s="10"/>
    </row>
    <row r="554561" spans="14:14">
      <c r="N554561" s="10"/>
    </row>
    <row r="554562" spans="14:14">
      <c r="N554562" s="10"/>
    </row>
    <row r="554563" spans="14:14">
      <c r="N554563" s="10"/>
    </row>
    <row r="554564" spans="14:14">
      <c r="N554564" s="10"/>
    </row>
    <row r="554565" spans="14:14">
      <c r="N554565" s="10"/>
    </row>
    <row r="554566" spans="14:14">
      <c r="N554566" s="10"/>
    </row>
    <row r="554567" spans="14:14">
      <c r="N554567" s="10"/>
    </row>
    <row r="554568" spans="14:14">
      <c r="N554568" s="10"/>
    </row>
    <row r="554569" spans="14:14">
      <c r="N554569" s="10"/>
    </row>
    <row r="554570" spans="14:14">
      <c r="N554570" s="10"/>
    </row>
    <row r="554571" spans="14:14">
      <c r="N554571" s="10"/>
    </row>
    <row r="554572" spans="14:14">
      <c r="N554572" s="10"/>
    </row>
    <row r="554573" spans="14:14">
      <c r="N554573" s="10"/>
    </row>
    <row r="554574" spans="14:14">
      <c r="N554574" s="10"/>
    </row>
    <row r="554575" spans="14:14">
      <c r="N554575" s="10"/>
    </row>
    <row r="554576" spans="14:14">
      <c r="N554576" s="10"/>
    </row>
    <row r="554577" spans="14:14">
      <c r="N554577" s="10"/>
    </row>
    <row r="554578" spans="14:14">
      <c r="N554578" s="10"/>
    </row>
    <row r="554579" spans="14:14">
      <c r="N554579" s="10"/>
    </row>
    <row r="554580" spans="14:14">
      <c r="N554580" s="10"/>
    </row>
    <row r="554581" spans="14:14">
      <c r="N554581" s="10"/>
    </row>
    <row r="554582" spans="14:14">
      <c r="N554582" s="10"/>
    </row>
    <row r="554583" spans="14:14">
      <c r="N554583" s="10"/>
    </row>
    <row r="554584" spans="14:14">
      <c r="N554584" s="10"/>
    </row>
    <row r="554585" spans="14:14">
      <c r="N554585" s="10"/>
    </row>
    <row r="554586" spans="14:14">
      <c r="N554586" s="10"/>
    </row>
    <row r="554587" spans="14:14">
      <c r="N554587" s="10"/>
    </row>
    <row r="554588" spans="14:14">
      <c r="N554588" s="10"/>
    </row>
    <row r="554589" spans="14:14">
      <c r="N554589" s="10"/>
    </row>
    <row r="554590" spans="14:14">
      <c r="N554590" s="10"/>
    </row>
    <row r="554591" spans="14:14">
      <c r="N554591" s="10"/>
    </row>
    <row r="554592" spans="14:14">
      <c r="N554592" s="10"/>
    </row>
    <row r="554593" spans="14:14">
      <c r="N554593" s="10"/>
    </row>
    <row r="554594" spans="14:14">
      <c r="N554594" s="10"/>
    </row>
    <row r="554595" spans="14:14">
      <c r="N554595" s="10"/>
    </row>
    <row r="554596" spans="14:14">
      <c r="N554596" s="10"/>
    </row>
    <row r="554597" spans="14:14">
      <c r="N554597" s="10"/>
    </row>
    <row r="554598" spans="14:14">
      <c r="N554598" s="10"/>
    </row>
    <row r="554599" spans="14:14">
      <c r="N554599" s="10"/>
    </row>
    <row r="554600" spans="14:14">
      <c r="N554600" s="10"/>
    </row>
    <row r="554601" spans="14:14">
      <c r="N554601" s="10"/>
    </row>
    <row r="554602" spans="14:14">
      <c r="N554602" s="10"/>
    </row>
    <row r="554603" spans="14:14">
      <c r="N554603" s="10"/>
    </row>
    <row r="554604" spans="14:14">
      <c r="N554604" s="10"/>
    </row>
    <row r="554605" spans="14:14">
      <c r="N554605" s="10"/>
    </row>
    <row r="554606" spans="14:14">
      <c r="N554606" s="10"/>
    </row>
    <row r="554607" spans="14:14">
      <c r="N554607" s="10"/>
    </row>
    <row r="554608" spans="14:14">
      <c r="N554608" s="10"/>
    </row>
    <row r="554609" spans="14:14">
      <c r="N554609" s="10"/>
    </row>
    <row r="554610" spans="14:14">
      <c r="N554610" s="10"/>
    </row>
    <row r="554611" spans="14:14">
      <c r="N554611" s="10"/>
    </row>
    <row r="554612" spans="14:14">
      <c r="N554612" s="10"/>
    </row>
    <row r="554613" spans="14:14">
      <c r="N554613" s="10"/>
    </row>
    <row r="554614" spans="14:14">
      <c r="N554614" s="10"/>
    </row>
    <row r="554615" spans="14:14">
      <c r="N554615" s="10"/>
    </row>
    <row r="554616" spans="14:14">
      <c r="N554616" s="10"/>
    </row>
    <row r="554617" spans="14:14">
      <c r="N554617" s="10"/>
    </row>
    <row r="554618" spans="14:14">
      <c r="N554618" s="10"/>
    </row>
    <row r="554619" spans="14:14">
      <c r="N554619" s="10"/>
    </row>
    <row r="554620" spans="14:14">
      <c r="N554620" s="10"/>
    </row>
    <row r="554621" spans="14:14">
      <c r="N554621" s="10"/>
    </row>
    <row r="554622" spans="14:14">
      <c r="N554622" s="10"/>
    </row>
    <row r="554623" spans="14:14">
      <c r="N554623" s="10"/>
    </row>
    <row r="554624" spans="14:14">
      <c r="N554624" s="10"/>
    </row>
    <row r="554625" spans="14:14">
      <c r="N554625" s="10"/>
    </row>
    <row r="554626" spans="14:14">
      <c r="N554626" s="10"/>
    </row>
    <row r="554627" spans="14:14">
      <c r="N554627" s="10"/>
    </row>
    <row r="554628" spans="14:14">
      <c r="N554628" s="10"/>
    </row>
    <row r="554629" spans="14:14">
      <c r="N554629" s="10"/>
    </row>
    <row r="554630" spans="14:14">
      <c r="N554630" s="10"/>
    </row>
    <row r="554631" spans="14:14">
      <c r="N554631" s="10"/>
    </row>
    <row r="554632" spans="14:14">
      <c r="N554632" s="10"/>
    </row>
    <row r="554633" spans="14:14">
      <c r="N554633" s="10"/>
    </row>
    <row r="554634" spans="14:14">
      <c r="N554634" s="10"/>
    </row>
    <row r="554635" spans="14:14">
      <c r="N554635" s="10"/>
    </row>
    <row r="554636" spans="14:14">
      <c r="N554636" s="10"/>
    </row>
    <row r="554637" spans="14:14">
      <c r="N554637" s="10"/>
    </row>
    <row r="554638" spans="14:14">
      <c r="N554638" s="10"/>
    </row>
    <row r="554639" spans="14:14">
      <c r="N554639" s="10"/>
    </row>
    <row r="554640" spans="14:14">
      <c r="N554640" s="10"/>
    </row>
    <row r="554641" spans="14:14">
      <c r="N554641" s="10"/>
    </row>
    <row r="554642" spans="14:14">
      <c r="N554642" s="10"/>
    </row>
    <row r="554643" spans="14:14">
      <c r="N554643" s="10"/>
    </row>
    <row r="554644" spans="14:14">
      <c r="N554644" s="10"/>
    </row>
    <row r="554645" spans="14:14">
      <c r="N554645" s="10"/>
    </row>
    <row r="554646" spans="14:14">
      <c r="N554646" s="10"/>
    </row>
    <row r="554647" spans="14:14">
      <c r="N554647" s="10"/>
    </row>
    <row r="554648" spans="14:14">
      <c r="N554648" s="10"/>
    </row>
    <row r="554649" spans="14:14">
      <c r="N554649" s="10"/>
    </row>
    <row r="554650" spans="14:14">
      <c r="N554650" s="10"/>
    </row>
    <row r="554651" spans="14:14">
      <c r="N554651" s="10"/>
    </row>
    <row r="554652" spans="14:14">
      <c r="N554652" s="10"/>
    </row>
    <row r="554653" spans="14:14">
      <c r="N554653" s="10"/>
    </row>
    <row r="554654" spans="14:14">
      <c r="N554654" s="10"/>
    </row>
    <row r="554655" spans="14:14">
      <c r="N554655" s="10"/>
    </row>
    <row r="554656" spans="14:14">
      <c r="N554656" s="10"/>
    </row>
    <row r="554657" spans="14:14">
      <c r="N554657" s="10"/>
    </row>
    <row r="554658" spans="14:14">
      <c r="N554658" s="10"/>
    </row>
    <row r="554659" spans="14:14">
      <c r="N554659" s="10"/>
    </row>
    <row r="554660" spans="14:14">
      <c r="N554660" s="10"/>
    </row>
    <row r="554661" spans="14:14">
      <c r="N554661" s="10"/>
    </row>
    <row r="554662" spans="14:14">
      <c r="N554662" s="10"/>
    </row>
    <row r="554663" spans="14:14">
      <c r="N554663" s="10"/>
    </row>
    <row r="554664" spans="14:14">
      <c r="N554664" s="10"/>
    </row>
    <row r="554665" spans="14:14">
      <c r="N554665" s="10"/>
    </row>
    <row r="554666" spans="14:14">
      <c r="N554666" s="10"/>
    </row>
    <row r="554667" spans="14:14">
      <c r="N554667" s="10"/>
    </row>
    <row r="554668" spans="14:14">
      <c r="N554668" s="10"/>
    </row>
    <row r="554669" spans="14:14">
      <c r="N554669" s="10"/>
    </row>
    <row r="554670" spans="14:14">
      <c r="N554670" s="10"/>
    </row>
    <row r="554671" spans="14:14">
      <c r="N554671" s="10"/>
    </row>
    <row r="554672" spans="14:14">
      <c r="N554672" s="10"/>
    </row>
    <row r="554673" spans="14:14">
      <c r="N554673" s="10"/>
    </row>
    <row r="554674" spans="14:14">
      <c r="N554674" s="10"/>
    </row>
    <row r="554675" spans="14:14">
      <c r="N554675" s="10"/>
    </row>
    <row r="554676" spans="14:14">
      <c r="N554676" s="10"/>
    </row>
    <row r="554677" spans="14:14">
      <c r="N554677" s="10"/>
    </row>
    <row r="554678" spans="14:14">
      <c r="N554678" s="10"/>
    </row>
    <row r="554679" spans="14:14">
      <c r="N554679" s="10"/>
    </row>
    <row r="554680" spans="14:14">
      <c r="N554680" s="10"/>
    </row>
    <row r="554681" spans="14:14">
      <c r="N554681" s="10"/>
    </row>
    <row r="554682" spans="14:14">
      <c r="N554682" s="10"/>
    </row>
    <row r="554683" spans="14:14">
      <c r="N554683" s="10"/>
    </row>
    <row r="554684" spans="14:14">
      <c r="N554684" s="10"/>
    </row>
    <row r="554685" spans="14:14">
      <c r="N554685" s="10"/>
    </row>
    <row r="554686" spans="14:14">
      <c r="N554686" s="10"/>
    </row>
    <row r="554687" spans="14:14">
      <c r="N554687" s="10"/>
    </row>
    <row r="554688" spans="14:14">
      <c r="N554688" s="10"/>
    </row>
    <row r="554689" spans="14:14">
      <c r="N554689" s="10"/>
    </row>
    <row r="554690" spans="14:14">
      <c r="N554690" s="10"/>
    </row>
    <row r="554691" spans="14:14">
      <c r="N554691" s="10"/>
    </row>
    <row r="554692" spans="14:14">
      <c r="N554692" s="10"/>
    </row>
    <row r="554693" spans="14:14">
      <c r="N554693" s="10"/>
    </row>
    <row r="554694" spans="14:14">
      <c r="N554694" s="10"/>
    </row>
    <row r="554695" spans="14:14">
      <c r="N554695" s="10"/>
    </row>
    <row r="554696" spans="14:14">
      <c r="N554696" s="10"/>
    </row>
    <row r="554697" spans="14:14">
      <c r="N554697" s="10"/>
    </row>
    <row r="554698" spans="14:14">
      <c r="N554698" s="10"/>
    </row>
    <row r="554699" spans="14:14">
      <c r="N554699" s="10"/>
    </row>
    <row r="554700" spans="14:14">
      <c r="N554700" s="10"/>
    </row>
    <row r="554701" spans="14:14">
      <c r="N554701" s="10"/>
    </row>
    <row r="554702" spans="14:14">
      <c r="N554702" s="10"/>
    </row>
    <row r="554703" spans="14:14">
      <c r="N554703" s="10"/>
    </row>
    <row r="554704" spans="14:14">
      <c r="N554704" s="10"/>
    </row>
    <row r="554705" spans="14:14">
      <c r="N554705" s="10"/>
    </row>
    <row r="554706" spans="14:14">
      <c r="N554706" s="10"/>
    </row>
    <row r="554707" spans="14:14">
      <c r="N554707" s="10"/>
    </row>
    <row r="554708" spans="14:14">
      <c r="N554708" s="10"/>
    </row>
    <row r="554709" spans="14:14">
      <c r="N554709" s="10"/>
    </row>
    <row r="554710" spans="14:14">
      <c r="N554710" s="10"/>
    </row>
    <row r="554711" spans="14:14">
      <c r="N554711" s="10"/>
    </row>
    <row r="554712" spans="14:14">
      <c r="N554712" s="10"/>
    </row>
    <row r="554713" spans="14:14">
      <c r="N554713" s="10"/>
    </row>
    <row r="554714" spans="14:14">
      <c r="N554714" s="10"/>
    </row>
    <row r="554715" spans="14:14">
      <c r="N554715" s="10"/>
    </row>
    <row r="554716" spans="14:14">
      <c r="N554716" s="10"/>
    </row>
    <row r="554717" spans="14:14">
      <c r="N554717" s="10"/>
    </row>
    <row r="554718" spans="14:14">
      <c r="N554718" s="10"/>
    </row>
    <row r="554719" spans="14:14">
      <c r="N554719" s="10"/>
    </row>
    <row r="554720" spans="14:14">
      <c r="N554720" s="10"/>
    </row>
    <row r="554721" spans="14:14">
      <c r="N554721" s="10"/>
    </row>
    <row r="554722" spans="14:14">
      <c r="N554722" s="10"/>
    </row>
    <row r="554723" spans="14:14">
      <c r="N554723" s="10"/>
    </row>
    <row r="554724" spans="14:14">
      <c r="N554724" s="10"/>
    </row>
    <row r="554725" spans="14:14">
      <c r="N554725" s="10"/>
    </row>
    <row r="554726" spans="14:14">
      <c r="N554726" s="10"/>
    </row>
    <row r="554727" spans="14:14">
      <c r="N554727" s="10"/>
    </row>
    <row r="554728" spans="14:14">
      <c r="N554728" s="10"/>
    </row>
    <row r="554729" spans="14:14">
      <c r="N554729" s="10"/>
    </row>
    <row r="554730" spans="14:14">
      <c r="N554730" s="10"/>
    </row>
    <row r="554731" spans="14:14">
      <c r="N554731" s="10"/>
    </row>
    <row r="554732" spans="14:14">
      <c r="N554732" s="10"/>
    </row>
    <row r="554733" spans="14:14">
      <c r="N554733" s="10"/>
    </row>
    <row r="554734" spans="14:14">
      <c r="N554734" s="10"/>
    </row>
    <row r="554735" spans="14:14">
      <c r="N554735" s="10"/>
    </row>
    <row r="554736" spans="14:14">
      <c r="N554736" s="10"/>
    </row>
    <row r="554737" spans="14:14">
      <c r="N554737" s="10"/>
    </row>
    <row r="554738" spans="14:14">
      <c r="N554738" s="10"/>
    </row>
    <row r="554739" spans="14:14">
      <c r="N554739" s="10"/>
    </row>
    <row r="554740" spans="14:14">
      <c r="N554740" s="10"/>
    </row>
    <row r="554741" spans="14:14">
      <c r="N554741" s="10"/>
    </row>
    <row r="554742" spans="14:14">
      <c r="N554742" s="10"/>
    </row>
    <row r="554743" spans="14:14">
      <c r="N554743" s="10"/>
    </row>
    <row r="554744" spans="14:14">
      <c r="N554744" s="10"/>
    </row>
    <row r="554745" spans="14:14">
      <c r="N554745" s="10"/>
    </row>
    <row r="554746" spans="14:14">
      <c r="N554746" s="10"/>
    </row>
    <row r="554747" spans="14:14">
      <c r="N554747" s="10"/>
    </row>
    <row r="554748" spans="14:14">
      <c r="N554748" s="10"/>
    </row>
    <row r="554749" spans="14:14">
      <c r="N554749" s="10"/>
    </row>
    <row r="554750" spans="14:14">
      <c r="N554750" s="10"/>
    </row>
    <row r="554751" spans="14:14">
      <c r="N554751" s="10"/>
    </row>
    <row r="554752" spans="14:14">
      <c r="N554752" s="10"/>
    </row>
    <row r="554753" spans="14:14">
      <c r="N554753" s="10"/>
    </row>
    <row r="554754" spans="14:14">
      <c r="N554754" s="10"/>
    </row>
    <row r="554755" spans="14:14">
      <c r="N554755" s="10"/>
    </row>
    <row r="554756" spans="14:14">
      <c r="N554756" s="10"/>
    </row>
    <row r="554757" spans="14:14">
      <c r="N554757" s="10"/>
    </row>
    <row r="554758" spans="14:14">
      <c r="N554758" s="10"/>
    </row>
    <row r="554759" spans="14:14">
      <c r="N554759" s="10"/>
    </row>
    <row r="554760" spans="14:14">
      <c r="N554760" s="10"/>
    </row>
    <row r="554761" spans="14:14">
      <c r="N554761" s="10"/>
    </row>
    <row r="554762" spans="14:14">
      <c r="N554762" s="10"/>
    </row>
    <row r="554763" spans="14:14">
      <c r="N554763" s="10"/>
    </row>
    <row r="554764" spans="14:14">
      <c r="N554764" s="10"/>
    </row>
    <row r="554765" spans="14:14">
      <c r="N554765" s="10"/>
    </row>
    <row r="554766" spans="14:14">
      <c r="N554766" s="10"/>
    </row>
    <row r="554767" spans="14:14">
      <c r="N554767" s="10"/>
    </row>
    <row r="554768" spans="14:14">
      <c r="N554768" s="10"/>
    </row>
    <row r="554769" spans="14:14">
      <c r="N554769" s="10"/>
    </row>
    <row r="554770" spans="14:14">
      <c r="N554770" s="10"/>
    </row>
    <row r="554771" spans="14:14">
      <c r="N554771" s="10"/>
    </row>
    <row r="554772" spans="14:14">
      <c r="N554772" s="10"/>
    </row>
    <row r="554773" spans="14:14">
      <c r="N554773" s="10"/>
    </row>
    <row r="554774" spans="14:14">
      <c r="N554774" s="10"/>
    </row>
    <row r="554775" spans="14:14">
      <c r="N554775" s="10"/>
    </row>
    <row r="554776" spans="14:14">
      <c r="N554776" s="10"/>
    </row>
    <row r="554777" spans="14:14">
      <c r="N554777" s="10"/>
    </row>
    <row r="554778" spans="14:14">
      <c r="N554778" s="10"/>
    </row>
    <row r="554779" spans="14:14">
      <c r="N554779" s="10"/>
    </row>
    <row r="554780" spans="14:14">
      <c r="N554780" s="10"/>
    </row>
    <row r="554781" spans="14:14">
      <c r="N554781" s="10"/>
    </row>
    <row r="554782" spans="14:14">
      <c r="N554782" s="10"/>
    </row>
    <row r="554783" spans="14:14">
      <c r="N554783" s="10"/>
    </row>
    <row r="554784" spans="14:14">
      <c r="N554784" s="10"/>
    </row>
    <row r="554785" spans="14:14">
      <c r="N554785" s="10"/>
    </row>
    <row r="554786" spans="14:14">
      <c r="N554786" s="10"/>
    </row>
    <row r="554787" spans="14:14">
      <c r="N554787" s="10"/>
    </row>
    <row r="554788" spans="14:14">
      <c r="N554788" s="10"/>
    </row>
    <row r="554789" spans="14:14">
      <c r="N554789" s="10"/>
    </row>
    <row r="554790" spans="14:14">
      <c r="N554790" s="10"/>
    </row>
    <row r="554791" spans="14:14">
      <c r="N554791" s="10"/>
    </row>
    <row r="554792" spans="14:14">
      <c r="N554792" s="10"/>
    </row>
    <row r="554793" spans="14:14">
      <c r="N554793" s="10"/>
    </row>
    <row r="554794" spans="14:14">
      <c r="N554794" s="10"/>
    </row>
    <row r="554795" spans="14:14">
      <c r="N554795" s="10"/>
    </row>
    <row r="554796" spans="14:14">
      <c r="N554796" s="10"/>
    </row>
    <row r="554797" spans="14:14">
      <c r="N554797" s="10"/>
    </row>
    <row r="554798" spans="14:14">
      <c r="N554798" s="10"/>
    </row>
    <row r="554799" spans="14:14">
      <c r="N554799" s="10"/>
    </row>
    <row r="554800" spans="14:14">
      <c r="N554800" s="10"/>
    </row>
    <row r="554801" spans="14:14">
      <c r="N554801" s="10"/>
    </row>
    <row r="554802" spans="14:14">
      <c r="N554802" s="10"/>
    </row>
    <row r="554803" spans="14:14">
      <c r="N554803" s="10"/>
    </row>
    <row r="554804" spans="14:14">
      <c r="N554804" s="10"/>
    </row>
    <row r="554805" spans="14:14">
      <c r="N554805" s="10"/>
    </row>
    <row r="554806" spans="14:14">
      <c r="N554806" s="10"/>
    </row>
    <row r="554807" spans="14:14">
      <c r="N554807" s="10"/>
    </row>
    <row r="554808" spans="14:14">
      <c r="N554808" s="10"/>
    </row>
    <row r="554809" spans="14:14">
      <c r="N554809" s="10"/>
    </row>
    <row r="554810" spans="14:14">
      <c r="N554810" s="10"/>
    </row>
    <row r="554811" spans="14:14">
      <c r="N554811" s="10"/>
    </row>
    <row r="554812" spans="14:14">
      <c r="N554812" s="10"/>
    </row>
    <row r="554813" spans="14:14">
      <c r="N554813" s="10"/>
    </row>
    <row r="554814" spans="14:14">
      <c r="N554814" s="10"/>
    </row>
    <row r="554815" spans="14:14">
      <c r="N554815" s="10"/>
    </row>
    <row r="554816" spans="14:14">
      <c r="N554816" s="10"/>
    </row>
    <row r="554817" spans="14:14">
      <c r="N554817" s="10"/>
    </row>
    <row r="554818" spans="14:14">
      <c r="N554818" s="10"/>
    </row>
    <row r="554819" spans="14:14">
      <c r="N554819" s="10"/>
    </row>
    <row r="554820" spans="14:14">
      <c r="N554820" s="10"/>
    </row>
    <row r="554821" spans="14:14">
      <c r="N554821" s="10"/>
    </row>
    <row r="554822" spans="14:14">
      <c r="N554822" s="10"/>
    </row>
    <row r="554823" spans="14:14">
      <c r="N554823" s="10"/>
    </row>
    <row r="554824" spans="14:14">
      <c r="N554824" s="10"/>
    </row>
    <row r="554825" spans="14:14">
      <c r="N554825" s="10"/>
    </row>
    <row r="554826" spans="14:14">
      <c r="N554826" s="10"/>
    </row>
    <row r="554827" spans="14:14">
      <c r="N554827" s="10"/>
    </row>
    <row r="554828" spans="14:14">
      <c r="N554828" s="10"/>
    </row>
    <row r="554829" spans="14:14">
      <c r="N554829" s="10"/>
    </row>
    <row r="554830" spans="14:14">
      <c r="N554830" s="10"/>
    </row>
    <row r="554831" spans="14:14">
      <c r="N554831" s="10"/>
    </row>
    <row r="554832" spans="14:14">
      <c r="N554832" s="10"/>
    </row>
    <row r="554833" spans="14:14">
      <c r="N554833" s="10"/>
    </row>
    <row r="554834" spans="14:14">
      <c r="N554834" s="10"/>
    </row>
    <row r="554835" spans="14:14">
      <c r="N554835" s="10"/>
    </row>
    <row r="554836" spans="14:14">
      <c r="N554836" s="10"/>
    </row>
    <row r="554837" spans="14:14">
      <c r="N554837" s="10"/>
    </row>
    <row r="554838" spans="14:14">
      <c r="N554838" s="10"/>
    </row>
    <row r="554839" spans="14:14">
      <c r="N554839" s="10"/>
    </row>
    <row r="554840" spans="14:14">
      <c r="N554840" s="10"/>
    </row>
    <row r="554841" spans="14:14">
      <c r="N554841" s="10"/>
    </row>
    <row r="554842" spans="14:14">
      <c r="N554842" s="10"/>
    </row>
    <row r="554843" spans="14:14">
      <c r="N554843" s="10"/>
    </row>
    <row r="554844" spans="14:14">
      <c r="N554844" s="10"/>
    </row>
    <row r="554845" spans="14:14">
      <c r="N554845" s="10"/>
    </row>
    <row r="554846" spans="14:14">
      <c r="N554846" s="10"/>
    </row>
    <row r="554847" spans="14:14">
      <c r="N554847" s="10"/>
    </row>
    <row r="554848" spans="14:14">
      <c r="N554848" s="10"/>
    </row>
    <row r="554849" spans="14:14">
      <c r="N554849" s="10"/>
    </row>
    <row r="554850" spans="14:14">
      <c r="N554850" s="10"/>
    </row>
    <row r="554851" spans="14:14">
      <c r="N554851" s="10"/>
    </row>
    <row r="554852" spans="14:14">
      <c r="N554852" s="10"/>
    </row>
    <row r="554853" spans="14:14">
      <c r="N554853" s="10"/>
    </row>
    <row r="554854" spans="14:14">
      <c r="N554854" s="10"/>
    </row>
    <row r="554855" spans="14:14">
      <c r="N554855" s="10"/>
    </row>
    <row r="554856" spans="14:14">
      <c r="N554856" s="10"/>
    </row>
    <row r="554857" spans="14:14">
      <c r="N554857" s="10"/>
    </row>
    <row r="554858" spans="14:14">
      <c r="N554858" s="10"/>
    </row>
    <row r="554859" spans="14:14">
      <c r="N554859" s="10"/>
    </row>
    <row r="554860" spans="14:14">
      <c r="N554860" s="10"/>
    </row>
    <row r="554861" spans="14:14">
      <c r="N554861" s="10"/>
    </row>
    <row r="554862" spans="14:14">
      <c r="N554862" s="10"/>
    </row>
    <row r="554863" spans="14:14">
      <c r="N554863" s="10"/>
    </row>
    <row r="554864" spans="14:14">
      <c r="N554864" s="10"/>
    </row>
    <row r="554865" spans="14:14">
      <c r="N554865" s="10"/>
    </row>
    <row r="554866" spans="14:14">
      <c r="N554866" s="10"/>
    </row>
    <row r="554867" spans="14:14">
      <c r="N554867" s="10"/>
    </row>
    <row r="554868" spans="14:14">
      <c r="N554868" s="10"/>
    </row>
    <row r="554869" spans="14:14">
      <c r="N554869" s="10"/>
    </row>
    <row r="554870" spans="14:14">
      <c r="N554870" s="10"/>
    </row>
    <row r="554871" spans="14:14">
      <c r="N554871" s="10"/>
    </row>
    <row r="554872" spans="14:14">
      <c r="N554872" s="10"/>
    </row>
    <row r="554873" spans="14:14">
      <c r="N554873" s="10"/>
    </row>
    <row r="554874" spans="14:14">
      <c r="N554874" s="10"/>
    </row>
    <row r="554875" spans="14:14">
      <c r="N554875" s="10"/>
    </row>
    <row r="554876" spans="14:14">
      <c r="N554876" s="10"/>
    </row>
    <row r="554877" spans="14:14">
      <c r="N554877" s="10"/>
    </row>
    <row r="554878" spans="14:14">
      <c r="N554878" s="10"/>
    </row>
    <row r="554879" spans="14:14">
      <c r="N554879" s="10"/>
    </row>
    <row r="554880" spans="14:14">
      <c r="N554880" s="10"/>
    </row>
    <row r="554881" spans="14:14">
      <c r="N554881" s="10"/>
    </row>
    <row r="554882" spans="14:14">
      <c r="N554882" s="10"/>
    </row>
    <row r="554883" spans="14:14">
      <c r="N554883" s="10"/>
    </row>
    <row r="554884" spans="14:14">
      <c r="N554884" s="10"/>
    </row>
    <row r="554885" spans="14:14">
      <c r="N554885" s="10"/>
    </row>
    <row r="554886" spans="14:14">
      <c r="N554886" s="10"/>
    </row>
    <row r="554887" spans="14:14">
      <c r="N554887" s="10"/>
    </row>
    <row r="554888" spans="14:14">
      <c r="N554888" s="10"/>
    </row>
    <row r="554889" spans="14:14">
      <c r="N554889" s="10"/>
    </row>
    <row r="554890" spans="14:14">
      <c r="N554890" s="10"/>
    </row>
    <row r="554891" spans="14:14">
      <c r="N554891" s="10"/>
    </row>
    <row r="554892" spans="14:14">
      <c r="N554892" s="10"/>
    </row>
    <row r="554893" spans="14:14">
      <c r="N554893" s="10"/>
    </row>
    <row r="554894" spans="14:14">
      <c r="N554894" s="10"/>
    </row>
    <row r="554895" spans="14:14">
      <c r="N554895" s="10"/>
    </row>
    <row r="554896" spans="14:14">
      <c r="N554896" s="10"/>
    </row>
    <row r="554897" spans="14:14">
      <c r="N554897" s="10"/>
    </row>
    <row r="554898" spans="14:14">
      <c r="N554898" s="10"/>
    </row>
    <row r="554899" spans="14:14">
      <c r="N554899" s="10"/>
    </row>
    <row r="554900" spans="14:14">
      <c r="N554900" s="10"/>
    </row>
    <row r="554901" spans="14:14">
      <c r="N554901" s="10"/>
    </row>
    <row r="554902" spans="14:14">
      <c r="N554902" s="10"/>
    </row>
    <row r="554903" spans="14:14">
      <c r="N554903" s="10"/>
    </row>
    <row r="554904" spans="14:14">
      <c r="N554904" s="10"/>
    </row>
    <row r="554905" spans="14:14">
      <c r="N554905" s="10"/>
    </row>
    <row r="554906" spans="14:14">
      <c r="N554906" s="10"/>
    </row>
    <row r="554907" spans="14:14">
      <c r="N554907" s="10"/>
    </row>
    <row r="554908" spans="14:14">
      <c r="N554908" s="10"/>
    </row>
    <row r="554909" spans="14:14">
      <c r="N554909" s="10"/>
    </row>
    <row r="554910" spans="14:14">
      <c r="N554910" s="10"/>
    </row>
    <row r="554911" spans="14:14">
      <c r="N554911" s="10"/>
    </row>
    <row r="554912" spans="14:14">
      <c r="N554912" s="10"/>
    </row>
    <row r="554913" spans="14:14">
      <c r="N554913" s="10"/>
    </row>
    <row r="554914" spans="14:14">
      <c r="N554914" s="10"/>
    </row>
    <row r="554915" spans="14:14">
      <c r="N554915" s="10"/>
    </row>
    <row r="554916" spans="14:14">
      <c r="N554916" s="10"/>
    </row>
    <row r="554917" spans="14:14">
      <c r="N554917" s="10"/>
    </row>
    <row r="554918" spans="14:14">
      <c r="N554918" s="10"/>
    </row>
    <row r="554919" spans="14:14">
      <c r="N554919" s="10"/>
    </row>
    <row r="554920" spans="14:14">
      <c r="N554920" s="10"/>
    </row>
    <row r="554921" spans="14:14">
      <c r="N554921" s="10"/>
    </row>
    <row r="554922" spans="14:14">
      <c r="N554922" s="10"/>
    </row>
    <row r="554923" spans="14:14">
      <c r="N554923" s="10"/>
    </row>
    <row r="554924" spans="14:14">
      <c r="N554924" s="10"/>
    </row>
    <row r="554925" spans="14:14">
      <c r="N554925" s="10"/>
    </row>
    <row r="554926" spans="14:14">
      <c r="N554926" s="10"/>
    </row>
    <row r="554927" spans="14:14">
      <c r="N554927" s="10"/>
    </row>
    <row r="554928" spans="14:14">
      <c r="N554928" s="10"/>
    </row>
    <row r="554929" spans="14:14">
      <c r="N554929" s="10"/>
    </row>
    <row r="554930" spans="14:14">
      <c r="N554930" s="10"/>
    </row>
    <row r="554931" spans="14:14">
      <c r="N554931" s="10"/>
    </row>
    <row r="554932" spans="14:14">
      <c r="N554932" s="10"/>
    </row>
    <row r="554933" spans="14:14">
      <c r="N554933" s="10"/>
    </row>
    <row r="554934" spans="14:14">
      <c r="N554934" s="10"/>
    </row>
    <row r="554935" spans="14:14">
      <c r="N554935" s="10"/>
    </row>
    <row r="554936" spans="14:14">
      <c r="N554936" s="10"/>
    </row>
    <row r="554937" spans="14:14">
      <c r="N554937" s="10"/>
    </row>
    <row r="554938" spans="14:14">
      <c r="N554938" s="10"/>
    </row>
    <row r="554939" spans="14:14">
      <c r="N554939" s="10"/>
    </row>
    <row r="554940" spans="14:14">
      <c r="N554940" s="10"/>
    </row>
    <row r="554941" spans="14:14">
      <c r="N554941" s="10"/>
    </row>
    <row r="554942" spans="14:14">
      <c r="N554942" s="10"/>
    </row>
    <row r="554943" spans="14:14">
      <c r="N554943" s="10"/>
    </row>
    <row r="554944" spans="14:14">
      <c r="N554944" s="10"/>
    </row>
    <row r="554945" spans="14:14">
      <c r="N554945" s="10"/>
    </row>
    <row r="554946" spans="14:14">
      <c r="N554946" s="10"/>
    </row>
    <row r="554947" spans="14:14">
      <c r="N554947" s="10"/>
    </row>
    <row r="554948" spans="14:14">
      <c r="N554948" s="10"/>
    </row>
    <row r="554949" spans="14:14">
      <c r="N554949" s="10"/>
    </row>
    <row r="554950" spans="14:14">
      <c r="N554950" s="10"/>
    </row>
    <row r="554951" spans="14:14">
      <c r="N554951" s="10"/>
    </row>
    <row r="554952" spans="14:14">
      <c r="N554952" s="10"/>
    </row>
    <row r="554953" spans="14:14">
      <c r="N554953" s="10"/>
    </row>
    <row r="554954" spans="14:14">
      <c r="N554954" s="10"/>
    </row>
    <row r="554955" spans="14:14">
      <c r="N554955" s="10"/>
    </row>
    <row r="554956" spans="14:14">
      <c r="N554956" s="10"/>
    </row>
    <row r="554957" spans="14:14">
      <c r="N554957" s="10"/>
    </row>
    <row r="554958" spans="14:14">
      <c r="N554958" s="10"/>
    </row>
    <row r="554959" spans="14:14">
      <c r="N554959" s="10"/>
    </row>
    <row r="554960" spans="14:14">
      <c r="N554960" s="10"/>
    </row>
    <row r="554961" spans="14:14">
      <c r="N554961" s="10"/>
    </row>
    <row r="554962" spans="14:14">
      <c r="N554962" s="10"/>
    </row>
    <row r="554963" spans="14:14">
      <c r="N554963" s="10"/>
    </row>
    <row r="554964" spans="14:14">
      <c r="N554964" s="10"/>
    </row>
    <row r="554965" spans="14:14">
      <c r="N554965" s="10"/>
    </row>
    <row r="554966" spans="14:14">
      <c r="N554966" s="10"/>
    </row>
    <row r="554967" spans="14:14">
      <c r="N554967" s="10"/>
    </row>
    <row r="554968" spans="14:14">
      <c r="N554968" s="10"/>
    </row>
    <row r="554969" spans="14:14">
      <c r="N554969" s="10"/>
    </row>
    <row r="554970" spans="14:14">
      <c r="N554970" s="10"/>
    </row>
    <row r="554971" spans="14:14">
      <c r="N554971" s="10"/>
    </row>
    <row r="554972" spans="14:14">
      <c r="N554972" s="10"/>
    </row>
    <row r="554973" spans="14:14">
      <c r="N554973" s="10"/>
    </row>
    <row r="554974" spans="14:14">
      <c r="N554974" s="10"/>
    </row>
    <row r="554975" spans="14:14">
      <c r="N554975" s="10"/>
    </row>
    <row r="554976" spans="14:14">
      <c r="N554976" s="10"/>
    </row>
    <row r="554977" spans="14:14">
      <c r="N554977" s="10"/>
    </row>
    <row r="554978" spans="14:14">
      <c r="N554978" s="10"/>
    </row>
    <row r="554979" spans="14:14">
      <c r="N554979" s="10"/>
    </row>
    <row r="554980" spans="14:14">
      <c r="N554980" s="10"/>
    </row>
    <row r="554981" spans="14:14">
      <c r="N554981" s="10"/>
    </row>
    <row r="554982" spans="14:14">
      <c r="N554982" s="10"/>
    </row>
    <row r="554983" spans="14:14">
      <c r="N554983" s="10"/>
    </row>
    <row r="554984" spans="14:14">
      <c r="N554984" s="10"/>
    </row>
    <row r="554985" spans="14:14">
      <c r="N554985" s="10"/>
    </row>
    <row r="554986" spans="14:14">
      <c r="N554986" s="10"/>
    </row>
    <row r="554987" spans="14:14">
      <c r="N554987" s="10"/>
    </row>
    <row r="554988" spans="14:14">
      <c r="N554988" s="10"/>
    </row>
    <row r="554989" spans="14:14">
      <c r="N554989" s="10"/>
    </row>
    <row r="554990" spans="14:14">
      <c r="N554990" s="10"/>
    </row>
    <row r="554991" spans="14:14">
      <c r="N554991" s="10"/>
    </row>
    <row r="554992" spans="14:14">
      <c r="N554992" s="10"/>
    </row>
    <row r="554993" spans="14:14">
      <c r="N554993" s="10"/>
    </row>
    <row r="554994" spans="14:14">
      <c r="N554994" s="10"/>
    </row>
    <row r="554995" spans="14:14">
      <c r="N554995" s="10"/>
    </row>
    <row r="554996" spans="14:14">
      <c r="N554996" s="10"/>
    </row>
    <row r="554997" spans="14:14">
      <c r="N554997" s="10"/>
    </row>
    <row r="554998" spans="14:14">
      <c r="N554998" s="10"/>
    </row>
    <row r="554999" spans="14:14">
      <c r="N554999" s="10"/>
    </row>
    <row r="555000" spans="14:14">
      <c r="N555000" s="10"/>
    </row>
    <row r="555001" spans="14:14">
      <c r="N555001" s="10"/>
    </row>
    <row r="555002" spans="14:14">
      <c r="N555002" s="10"/>
    </row>
    <row r="555003" spans="14:14">
      <c r="N555003" s="10"/>
    </row>
    <row r="555004" spans="14:14">
      <c r="N555004" s="10"/>
    </row>
    <row r="555005" spans="14:14">
      <c r="N555005" s="10"/>
    </row>
    <row r="555006" spans="14:14">
      <c r="N555006" s="10"/>
    </row>
    <row r="555007" spans="14:14">
      <c r="N555007" s="10"/>
    </row>
    <row r="555008" spans="14:14">
      <c r="N555008" s="10"/>
    </row>
    <row r="555009" spans="14:14">
      <c r="N555009" s="10"/>
    </row>
    <row r="555010" spans="14:14">
      <c r="N555010" s="10"/>
    </row>
    <row r="555011" spans="14:14">
      <c r="N555011" s="10"/>
    </row>
    <row r="555012" spans="14:14">
      <c r="N555012" s="10"/>
    </row>
    <row r="555013" spans="14:14">
      <c r="N555013" s="10"/>
    </row>
    <row r="555014" spans="14:14">
      <c r="N555014" s="10"/>
    </row>
    <row r="555015" spans="14:14">
      <c r="N555015" s="10"/>
    </row>
    <row r="555016" spans="14:14">
      <c r="N555016" s="10"/>
    </row>
    <row r="555017" spans="14:14">
      <c r="N555017" s="10"/>
    </row>
    <row r="555018" spans="14:14">
      <c r="N555018" s="10"/>
    </row>
    <row r="555019" spans="14:14">
      <c r="N555019" s="10"/>
    </row>
    <row r="555020" spans="14:14">
      <c r="N555020" s="10"/>
    </row>
    <row r="555021" spans="14:14">
      <c r="N555021" s="10"/>
    </row>
    <row r="555022" spans="14:14">
      <c r="N555022" s="10"/>
    </row>
    <row r="555023" spans="14:14">
      <c r="N555023" s="10"/>
    </row>
    <row r="555024" spans="14:14">
      <c r="N555024" s="10"/>
    </row>
    <row r="555025" spans="14:14">
      <c r="N555025" s="10"/>
    </row>
    <row r="555026" spans="14:14">
      <c r="N555026" s="10"/>
    </row>
    <row r="555027" spans="14:14">
      <c r="N555027" s="10"/>
    </row>
    <row r="555028" spans="14:14">
      <c r="N555028" s="10"/>
    </row>
    <row r="555029" spans="14:14">
      <c r="N555029" s="10"/>
    </row>
    <row r="555030" spans="14:14">
      <c r="N555030" s="10"/>
    </row>
    <row r="555031" spans="14:14">
      <c r="N555031" s="10"/>
    </row>
    <row r="555032" spans="14:14">
      <c r="N555032" s="10"/>
    </row>
    <row r="555033" spans="14:14">
      <c r="N555033" s="10"/>
    </row>
    <row r="555034" spans="14:14">
      <c r="N555034" s="10"/>
    </row>
    <row r="555035" spans="14:14">
      <c r="N555035" s="10"/>
    </row>
    <row r="555036" spans="14:14">
      <c r="N555036" s="10"/>
    </row>
    <row r="555037" spans="14:14">
      <c r="N555037" s="10"/>
    </row>
    <row r="555038" spans="14:14">
      <c r="N555038" s="10"/>
    </row>
    <row r="555039" spans="14:14">
      <c r="N555039" s="10"/>
    </row>
    <row r="555040" spans="14:14">
      <c r="N555040" s="10"/>
    </row>
    <row r="555041" spans="14:14">
      <c r="N555041" s="10"/>
    </row>
    <row r="555042" spans="14:14">
      <c r="N555042" s="10"/>
    </row>
    <row r="555043" spans="14:14">
      <c r="N555043" s="10"/>
    </row>
    <row r="555044" spans="14:14">
      <c r="N555044" s="10"/>
    </row>
    <row r="555045" spans="14:14">
      <c r="N555045" s="10"/>
    </row>
    <row r="555046" spans="14:14">
      <c r="N555046" s="10"/>
    </row>
    <row r="555047" spans="14:14">
      <c r="N555047" s="10"/>
    </row>
    <row r="555048" spans="14:14">
      <c r="N555048" s="10"/>
    </row>
    <row r="555049" spans="14:14">
      <c r="N555049" s="10"/>
    </row>
    <row r="555050" spans="14:14">
      <c r="N555050" s="10"/>
    </row>
    <row r="555051" spans="14:14">
      <c r="N555051" s="10"/>
    </row>
    <row r="555052" spans="14:14">
      <c r="N555052" s="10"/>
    </row>
    <row r="555053" spans="14:14">
      <c r="N555053" s="10"/>
    </row>
    <row r="555054" spans="14:14">
      <c r="N555054" s="10"/>
    </row>
    <row r="555055" spans="14:14">
      <c r="N555055" s="10"/>
    </row>
    <row r="555056" spans="14:14">
      <c r="N555056" s="10"/>
    </row>
    <row r="555057" spans="14:14">
      <c r="N555057" s="10"/>
    </row>
    <row r="555058" spans="14:14">
      <c r="N555058" s="10"/>
    </row>
    <row r="555059" spans="14:14">
      <c r="N555059" s="10"/>
    </row>
    <row r="555060" spans="14:14">
      <c r="N555060" s="10"/>
    </row>
    <row r="555061" spans="14:14">
      <c r="N555061" s="10"/>
    </row>
    <row r="555062" spans="14:14">
      <c r="N555062" s="10"/>
    </row>
    <row r="555063" spans="14:14">
      <c r="N555063" s="10"/>
    </row>
    <row r="555064" spans="14:14">
      <c r="N555064" s="10"/>
    </row>
    <row r="555065" spans="14:14">
      <c r="N555065" s="10"/>
    </row>
    <row r="555066" spans="14:14">
      <c r="N555066" s="10"/>
    </row>
    <row r="555067" spans="14:14">
      <c r="N555067" s="10"/>
    </row>
    <row r="555068" spans="14:14">
      <c r="N555068" s="10"/>
    </row>
    <row r="555069" spans="14:14">
      <c r="N555069" s="10"/>
    </row>
    <row r="555070" spans="14:14">
      <c r="N555070" s="10"/>
    </row>
    <row r="555071" spans="14:14">
      <c r="N555071" s="10"/>
    </row>
    <row r="555072" spans="14:14">
      <c r="N555072" s="10"/>
    </row>
    <row r="555073" spans="14:14">
      <c r="N555073" s="10"/>
    </row>
    <row r="555074" spans="14:14">
      <c r="N555074" s="10"/>
    </row>
    <row r="555075" spans="14:14">
      <c r="N555075" s="10"/>
    </row>
    <row r="555076" spans="14:14">
      <c r="N555076" s="10"/>
    </row>
    <row r="555077" spans="14:14">
      <c r="N555077" s="10"/>
    </row>
    <row r="555078" spans="14:14">
      <c r="N555078" s="10"/>
    </row>
    <row r="555079" spans="14:14">
      <c r="N555079" s="10"/>
    </row>
    <row r="555080" spans="14:14">
      <c r="N555080" s="10"/>
    </row>
    <row r="555081" spans="14:14">
      <c r="N555081" s="10"/>
    </row>
    <row r="555082" spans="14:14">
      <c r="N555082" s="10"/>
    </row>
    <row r="555083" spans="14:14">
      <c r="N555083" s="10"/>
    </row>
    <row r="555084" spans="14:14">
      <c r="N555084" s="10"/>
    </row>
    <row r="555085" spans="14:14">
      <c r="N555085" s="10"/>
    </row>
    <row r="555086" spans="14:14">
      <c r="N555086" s="10"/>
    </row>
    <row r="555087" spans="14:14">
      <c r="N555087" s="10"/>
    </row>
    <row r="555088" spans="14:14">
      <c r="N555088" s="10"/>
    </row>
    <row r="555089" spans="14:14">
      <c r="N555089" s="10"/>
    </row>
    <row r="555090" spans="14:14">
      <c r="N555090" s="10"/>
    </row>
    <row r="555091" spans="14:14">
      <c r="N555091" s="10"/>
    </row>
    <row r="555092" spans="14:14">
      <c r="N555092" s="10"/>
    </row>
    <row r="555093" spans="14:14">
      <c r="N555093" s="10"/>
    </row>
    <row r="555094" spans="14:14">
      <c r="N555094" s="10"/>
    </row>
    <row r="555095" spans="14:14">
      <c r="N555095" s="10"/>
    </row>
    <row r="555096" spans="14:14">
      <c r="N555096" s="10"/>
    </row>
    <row r="555097" spans="14:14">
      <c r="N555097" s="10"/>
    </row>
    <row r="555098" spans="14:14">
      <c r="N555098" s="10"/>
    </row>
    <row r="555099" spans="14:14">
      <c r="N555099" s="10"/>
    </row>
    <row r="555100" spans="14:14">
      <c r="N555100" s="10"/>
    </row>
    <row r="555101" spans="14:14">
      <c r="N555101" s="10"/>
    </row>
    <row r="555102" spans="14:14">
      <c r="N555102" s="10"/>
    </row>
    <row r="555103" spans="14:14">
      <c r="N555103" s="10"/>
    </row>
    <row r="555104" spans="14:14">
      <c r="N555104" s="10"/>
    </row>
    <row r="555105" spans="14:14">
      <c r="N555105" s="10"/>
    </row>
    <row r="555106" spans="14:14">
      <c r="N555106" s="10"/>
    </row>
    <row r="555107" spans="14:14">
      <c r="N555107" s="10"/>
    </row>
    <row r="555108" spans="14:14">
      <c r="N555108" s="10"/>
    </row>
    <row r="555109" spans="14:14">
      <c r="N555109" s="10"/>
    </row>
    <row r="555110" spans="14:14">
      <c r="N555110" s="10"/>
    </row>
    <row r="555111" spans="14:14">
      <c r="N555111" s="10"/>
    </row>
    <row r="555112" spans="14:14">
      <c r="N555112" s="10"/>
    </row>
    <row r="555113" spans="14:14">
      <c r="N555113" s="10"/>
    </row>
    <row r="555114" spans="14:14">
      <c r="N555114" s="10"/>
    </row>
    <row r="555115" spans="14:14">
      <c r="N555115" s="10"/>
    </row>
    <row r="555116" spans="14:14">
      <c r="N555116" s="10"/>
    </row>
    <row r="555117" spans="14:14">
      <c r="N555117" s="10"/>
    </row>
    <row r="555118" spans="14:14">
      <c r="N555118" s="10"/>
    </row>
    <row r="555119" spans="14:14">
      <c r="N555119" s="10"/>
    </row>
    <row r="555120" spans="14:14">
      <c r="N555120" s="10"/>
    </row>
    <row r="555121" spans="14:14">
      <c r="N555121" s="10"/>
    </row>
    <row r="555122" spans="14:14">
      <c r="N555122" s="10"/>
    </row>
    <row r="555123" spans="14:14">
      <c r="N555123" s="10"/>
    </row>
    <row r="555124" spans="14:14">
      <c r="N555124" s="10"/>
    </row>
    <row r="555125" spans="14:14">
      <c r="N555125" s="10"/>
    </row>
    <row r="555126" spans="14:14">
      <c r="N555126" s="10"/>
    </row>
    <row r="555127" spans="14:14">
      <c r="N555127" s="10"/>
    </row>
    <row r="555128" spans="14:14">
      <c r="N555128" s="10"/>
    </row>
    <row r="555129" spans="14:14">
      <c r="N555129" s="10"/>
    </row>
    <row r="555130" spans="14:14">
      <c r="N555130" s="10"/>
    </row>
    <row r="555131" spans="14:14">
      <c r="N555131" s="10"/>
    </row>
    <row r="555132" spans="14:14">
      <c r="N555132" s="10"/>
    </row>
    <row r="555133" spans="14:14">
      <c r="N555133" s="10"/>
    </row>
    <row r="555134" spans="14:14">
      <c r="N555134" s="10"/>
    </row>
    <row r="555135" spans="14:14">
      <c r="N555135" s="10"/>
    </row>
    <row r="555136" spans="14:14">
      <c r="N555136" s="10"/>
    </row>
    <row r="555137" spans="14:14">
      <c r="N555137" s="10"/>
    </row>
    <row r="555138" spans="14:14">
      <c r="N555138" s="10"/>
    </row>
    <row r="555139" spans="14:14">
      <c r="N555139" s="10"/>
    </row>
    <row r="555140" spans="14:14">
      <c r="N555140" s="10"/>
    </row>
    <row r="555141" spans="14:14">
      <c r="N555141" s="10"/>
    </row>
    <row r="555142" spans="14:14">
      <c r="N555142" s="10"/>
    </row>
    <row r="555143" spans="14:14">
      <c r="N555143" s="10"/>
    </row>
    <row r="555144" spans="14:14">
      <c r="N555144" s="10"/>
    </row>
    <row r="555145" spans="14:14">
      <c r="N555145" s="10"/>
    </row>
    <row r="555146" spans="14:14">
      <c r="N555146" s="10"/>
    </row>
    <row r="555147" spans="14:14">
      <c r="N555147" s="10"/>
    </row>
    <row r="555148" spans="14:14">
      <c r="N555148" s="10"/>
    </row>
    <row r="555149" spans="14:14">
      <c r="N555149" s="10"/>
    </row>
    <row r="555150" spans="14:14">
      <c r="N555150" s="10"/>
    </row>
    <row r="555151" spans="14:14">
      <c r="N555151" s="10"/>
    </row>
    <row r="555152" spans="14:14">
      <c r="N555152" s="10"/>
    </row>
    <row r="555153" spans="14:14">
      <c r="N555153" s="10"/>
    </row>
    <row r="555154" spans="14:14">
      <c r="N555154" s="10"/>
    </row>
    <row r="555155" spans="14:14">
      <c r="N555155" s="10"/>
    </row>
    <row r="555156" spans="14:14">
      <c r="N555156" s="10"/>
    </row>
    <row r="555157" spans="14:14">
      <c r="N555157" s="10"/>
    </row>
    <row r="555158" spans="14:14">
      <c r="N555158" s="10"/>
    </row>
    <row r="555159" spans="14:14">
      <c r="N555159" s="10"/>
    </row>
    <row r="555160" spans="14:14">
      <c r="N555160" s="10"/>
    </row>
    <row r="555161" spans="14:14">
      <c r="N555161" s="10"/>
    </row>
    <row r="555162" spans="14:14">
      <c r="N555162" s="10"/>
    </row>
    <row r="555163" spans="14:14">
      <c r="N555163" s="10"/>
    </row>
    <row r="555164" spans="14:14">
      <c r="N555164" s="10"/>
    </row>
    <row r="555165" spans="14:14">
      <c r="N555165" s="10"/>
    </row>
    <row r="555166" spans="14:14">
      <c r="N555166" s="10"/>
    </row>
    <row r="555167" spans="14:14">
      <c r="N555167" s="10"/>
    </row>
    <row r="555168" spans="14:14">
      <c r="N555168" s="10"/>
    </row>
    <row r="555169" spans="14:14">
      <c r="N555169" s="10"/>
    </row>
    <row r="555170" spans="14:14">
      <c r="N555170" s="10"/>
    </row>
    <row r="555171" spans="14:14">
      <c r="N555171" s="10"/>
    </row>
    <row r="555172" spans="14:14">
      <c r="N555172" s="10"/>
    </row>
    <row r="555173" spans="14:14">
      <c r="N555173" s="10"/>
    </row>
    <row r="555174" spans="14:14">
      <c r="N555174" s="10"/>
    </row>
    <row r="555175" spans="14:14">
      <c r="N555175" s="10"/>
    </row>
    <row r="555176" spans="14:14">
      <c r="N555176" s="10"/>
    </row>
    <row r="555177" spans="14:14">
      <c r="N555177" s="10"/>
    </row>
    <row r="555178" spans="14:14">
      <c r="N555178" s="10"/>
    </row>
    <row r="555179" spans="14:14">
      <c r="N555179" s="10"/>
    </row>
    <row r="555180" spans="14:14">
      <c r="N555180" s="10"/>
    </row>
    <row r="555181" spans="14:14">
      <c r="N555181" s="10"/>
    </row>
    <row r="555182" spans="14:14">
      <c r="N555182" s="10"/>
    </row>
    <row r="555183" spans="14:14">
      <c r="N555183" s="10"/>
    </row>
    <row r="555184" spans="14:14">
      <c r="N555184" s="10"/>
    </row>
    <row r="555185" spans="14:14">
      <c r="N555185" s="10"/>
    </row>
    <row r="555186" spans="14:14">
      <c r="N555186" s="10"/>
    </row>
    <row r="555187" spans="14:14">
      <c r="N555187" s="10"/>
    </row>
    <row r="555188" spans="14:14">
      <c r="N555188" s="10"/>
    </row>
    <row r="555189" spans="14:14">
      <c r="N555189" s="10"/>
    </row>
    <row r="555190" spans="14:14">
      <c r="N555190" s="10"/>
    </row>
    <row r="555191" spans="14:14">
      <c r="N555191" s="10"/>
    </row>
    <row r="555192" spans="14:14">
      <c r="N555192" s="10"/>
    </row>
    <row r="555193" spans="14:14">
      <c r="N555193" s="10"/>
    </row>
    <row r="555194" spans="14:14">
      <c r="N555194" s="10"/>
    </row>
    <row r="555195" spans="14:14">
      <c r="N555195" s="10"/>
    </row>
    <row r="555196" spans="14:14">
      <c r="N555196" s="10"/>
    </row>
    <row r="555197" spans="14:14">
      <c r="N555197" s="10"/>
    </row>
    <row r="555198" spans="14:14">
      <c r="N555198" s="10"/>
    </row>
    <row r="555199" spans="14:14">
      <c r="N555199" s="10"/>
    </row>
    <row r="555200" spans="14:14">
      <c r="N555200" s="10"/>
    </row>
    <row r="555201" spans="14:14">
      <c r="N555201" s="10"/>
    </row>
    <row r="555202" spans="14:14">
      <c r="N555202" s="10"/>
    </row>
    <row r="555203" spans="14:14">
      <c r="N555203" s="10"/>
    </row>
    <row r="555204" spans="14:14">
      <c r="N555204" s="10"/>
    </row>
    <row r="555205" spans="14:14">
      <c r="N555205" s="10"/>
    </row>
    <row r="555206" spans="14:14">
      <c r="N555206" s="10"/>
    </row>
    <row r="555207" spans="14:14">
      <c r="N555207" s="10"/>
    </row>
    <row r="555208" spans="14:14">
      <c r="N555208" s="10"/>
    </row>
    <row r="555209" spans="14:14">
      <c r="N555209" s="10"/>
    </row>
    <row r="555210" spans="14:14">
      <c r="N555210" s="10"/>
    </row>
    <row r="555211" spans="14:14">
      <c r="N555211" s="10"/>
    </row>
    <row r="555212" spans="14:14">
      <c r="N555212" s="10"/>
    </row>
    <row r="555213" spans="14:14">
      <c r="N555213" s="10"/>
    </row>
    <row r="555214" spans="14:14">
      <c r="N555214" s="10"/>
    </row>
    <row r="555215" spans="14:14">
      <c r="N555215" s="10"/>
    </row>
    <row r="555216" spans="14:14">
      <c r="N555216" s="10"/>
    </row>
    <row r="555217" spans="14:14">
      <c r="N555217" s="10"/>
    </row>
    <row r="555218" spans="14:14">
      <c r="N555218" s="10"/>
    </row>
    <row r="555219" spans="14:14">
      <c r="N555219" s="10"/>
    </row>
    <row r="555220" spans="14:14">
      <c r="N555220" s="10"/>
    </row>
    <row r="555221" spans="14:14">
      <c r="N555221" s="10"/>
    </row>
    <row r="555222" spans="14:14">
      <c r="N555222" s="10"/>
    </row>
    <row r="555223" spans="14:14">
      <c r="N555223" s="10"/>
    </row>
    <row r="555224" spans="14:14">
      <c r="N555224" s="10"/>
    </row>
    <row r="555225" spans="14:14">
      <c r="N555225" s="10"/>
    </row>
    <row r="555226" spans="14:14">
      <c r="N555226" s="10"/>
    </row>
    <row r="555227" spans="14:14">
      <c r="N555227" s="10"/>
    </row>
    <row r="555228" spans="14:14">
      <c r="N555228" s="10"/>
    </row>
    <row r="555229" spans="14:14">
      <c r="N555229" s="10"/>
    </row>
    <row r="555230" spans="14:14">
      <c r="N555230" s="10"/>
    </row>
    <row r="555231" spans="14:14">
      <c r="N555231" s="10"/>
    </row>
    <row r="555232" spans="14:14">
      <c r="N555232" s="10"/>
    </row>
    <row r="555233" spans="14:14">
      <c r="N555233" s="10"/>
    </row>
    <row r="555234" spans="14:14">
      <c r="N555234" s="10"/>
    </row>
    <row r="555235" spans="14:14">
      <c r="N555235" s="10"/>
    </row>
    <row r="555236" spans="14:14">
      <c r="N555236" s="10"/>
    </row>
    <row r="555237" spans="14:14">
      <c r="N555237" s="10"/>
    </row>
    <row r="555238" spans="14:14">
      <c r="N555238" s="10"/>
    </row>
    <row r="555239" spans="14:14">
      <c r="N555239" s="10"/>
    </row>
    <row r="555240" spans="14:14">
      <c r="N555240" s="10"/>
    </row>
    <row r="555241" spans="14:14">
      <c r="N555241" s="10"/>
    </row>
    <row r="555242" spans="14:14">
      <c r="N555242" s="10"/>
    </row>
    <row r="555243" spans="14:14">
      <c r="N555243" s="10"/>
    </row>
    <row r="555244" spans="14:14">
      <c r="N555244" s="10"/>
    </row>
    <row r="555245" spans="14:14">
      <c r="N555245" s="10"/>
    </row>
    <row r="555246" spans="14:14">
      <c r="N555246" s="10"/>
    </row>
    <row r="555247" spans="14:14">
      <c r="N555247" s="10"/>
    </row>
    <row r="555248" spans="14:14">
      <c r="N555248" s="10"/>
    </row>
    <row r="555249" spans="14:14">
      <c r="N555249" s="10"/>
    </row>
    <row r="555250" spans="14:14">
      <c r="N555250" s="10"/>
    </row>
    <row r="555251" spans="14:14">
      <c r="N555251" s="10"/>
    </row>
    <row r="555252" spans="14:14">
      <c r="N555252" s="10"/>
    </row>
    <row r="555253" spans="14:14">
      <c r="N555253" s="10"/>
    </row>
    <row r="555254" spans="14:14">
      <c r="N555254" s="10"/>
    </row>
    <row r="555255" spans="14:14">
      <c r="N555255" s="10"/>
    </row>
    <row r="555256" spans="14:14">
      <c r="N555256" s="10"/>
    </row>
    <row r="555257" spans="14:14">
      <c r="N555257" s="10"/>
    </row>
    <row r="555258" spans="14:14">
      <c r="N555258" s="10"/>
    </row>
    <row r="555259" spans="14:14">
      <c r="N555259" s="10"/>
    </row>
    <row r="555260" spans="14:14">
      <c r="N555260" s="10"/>
    </row>
    <row r="555261" spans="14:14">
      <c r="N555261" s="10"/>
    </row>
    <row r="555262" spans="14:14">
      <c r="N555262" s="10"/>
    </row>
    <row r="555263" spans="14:14">
      <c r="N555263" s="10"/>
    </row>
    <row r="555264" spans="14:14">
      <c r="N555264" s="10"/>
    </row>
    <row r="555265" spans="14:14">
      <c r="N555265" s="10"/>
    </row>
    <row r="555266" spans="14:14">
      <c r="N555266" s="10"/>
    </row>
    <row r="555267" spans="14:14">
      <c r="N555267" s="10"/>
    </row>
    <row r="555268" spans="14:14">
      <c r="N555268" s="10"/>
    </row>
    <row r="555269" spans="14:14">
      <c r="N555269" s="10"/>
    </row>
    <row r="555270" spans="14:14">
      <c r="N555270" s="10"/>
    </row>
    <row r="555271" spans="14:14">
      <c r="N555271" s="10"/>
    </row>
    <row r="555272" spans="14:14">
      <c r="N555272" s="10"/>
    </row>
    <row r="555273" spans="14:14">
      <c r="N555273" s="10"/>
    </row>
    <row r="555274" spans="14:14">
      <c r="N555274" s="10"/>
    </row>
    <row r="555275" spans="14:14">
      <c r="N555275" s="10"/>
    </row>
    <row r="555276" spans="14:14">
      <c r="N555276" s="10"/>
    </row>
    <row r="555277" spans="14:14">
      <c r="N555277" s="10"/>
    </row>
    <row r="555278" spans="14:14">
      <c r="N555278" s="10"/>
    </row>
    <row r="555279" spans="14:14">
      <c r="N555279" s="10"/>
    </row>
    <row r="555280" spans="14:14">
      <c r="N555280" s="10"/>
    </row>
    <row r="555281" spans="14:14">
      <c r="N555281" s="10"/>
    </row>
    <row r="555282" spans="14:14">
      <c r="N555282" s="10"/>
    </row>
    <row r="555283" spans="14:14">
      <c r="N555283" s="10"/>
    </row>
    <row r="555284" spans="14:14">
      <c r="N555284" s="10"/>
    </row>
    <row r="555285" spans="14:14">
      <c r="N555285" s="10"/>
    </row>
    <row r="555286" spans="14:14">
      <c r="N555286" s="10"/>
    </row>
    <row r="555287" spans="14:14">
      <c r="N555287" s="10"/>
    </row>
    <row r="555288" spans="14:14">
      <c r="N555288" s="10"/>
    </row>
    <row r="555289" spans="14:14">
      <c r="N555289" s="10"/>
    </row>
    <row r="555290" spans="14:14">
      <c r="N555290" s="10"/>
    </row>
    <row r="555291" spans="14:14">
      <c r="N555291" s="10"/>
    </row>
    <row r="555292" spans="14:14">
      <c r="N555292" s="10"/>
    </row>
    <row r="555293" spans="14:14">
      <c r="N555293" s="10"/>
    </row>
    <row r="555294" spans="14:14">
      <c r="N555294" s="10"/>
    </row>
    <row r="555295" spans="14:14">
      <c r="N555295" s="10"/>
    </row>
    <row r="555296" spans="14:14">
      <c r="N555296" s="10"/>
    </row>
    <row r="555297" spans="14:14">
      <c r="N555297" s="10"/>
    </row>
    <row r="555298" spans="14:14">
      <c r="N555298" s="10"/>
    </row>
    <row r="555299" spans="14:14">
      <c r="N555299" s="10"/>
    </row>
    <row r="555300" spans="14:14">
      <c r="N555300" s="10"/>
    </row>
    <row r="555301" spans="14:14">
      <c r="N555301" s="10"/>
    </row>
    <row r="555302" spans="14:14">
      <c r="N555302" s="10"/>
    </row>
    <row r="555303" spans="14:14">
      <c r="N555303" s="10"/>
    </row>
    <row r="555304" spans="14:14">
      <c r="N555304" s="10"/>
    </row>
    <row r="555305" spans="14:14">
      <c r="N555305" s="10"/>
    </row>
    <row r="555306" spans="14:14">
      <c r="N555306" s="10"/>
    </row>
    <row r="555307" spans="14:14">
      <c r="N555307" s="10"/>
    </row>
    <row r="555308" spans="14:14">
      <c r="N555308" s="10"/>
    </row>
    <row r="555309" spans="14:14">
      <c r="N555309" s="10"/>
    </row>
    <row r="555310" spans="14:14">
      <c r="N555310" s="10"/>
    </row>
    <row r="555311" spans="14:14">
      <c r="N555311" s="10"/>
    </row>
    <row r="555312" spans="14:14">
      <c r="N555312" s="10"/>
    </row>
    <row r="555313" spans="14:14">
      <c r="N555313" s="10"/>
    </row>
    <row r="555314" spans="14:14">
      <c r="N555314" s="10"/>
    </row>
    <row r="555315" spans="14:14">
      <c r="N555315" s="10"/>
    </row>
    <row r="555316" spans="14:14">
      <c r="N555316" s="10"/>
    </row>
    <row r="555317" spans="14:14">
      <c r="N555317" s="10"/>
    </row>
    <row r="555318" spans="14:14">
      <c r="N555318" s="10"/>
    </row>
    <row r="555319" spans="14:14">
      <c r="N555319" s="10"/>
    </row>
    <row r="555320" spans="14:14">
      <c r="N555320" s="10"/>
    </row>
    <row r="555321" spans="14:14">
      <c r="N555321" s="10"/>
    </row>
    <row r="555322" spans="14:14">
      <c r="N555322" s="10"/>
    </row>
    <row r="555323" spans="14:14">
      <c r="N555323" s="10"/>
    </row>
    <row r="555324" spans="14:14">
      <c r="N555324" s="10"/>
    </row>
    <row r="555325" spans="14:14">
      <c r="N555325" s="10"/>
    </row>
    <row r="555326" spans="14:14">
      <c r="N555326" s="10"/>
    </row>
    <row r="555327" spans="14:14">
      <c r="N555327" s="10"/>
    </row>
    <row r="555328" spans="14:14">
      <c r="N555328" s="10"/>
    </row>
    <row r="555329" spans="14:14">
      <c r="N555329" s="10"/>
    </row>
    <row r="555330" spans="14:14">
      <c r="N555330" s="10"/>
    </row>
    <row r="555331" spans="14:14">
      <c r="N555331" s="10"/>
    </row>
    <row r="555332" spans="14:14">
      <c r="N555332" s="10"/>
    </row>
    <row r="555333" spans="14:14">
      <c r="N555333" s="10"/>
    </row>
    <row r="555334" spans="14:14">
      <c r="N555334" s="10"/>
    </row>
    <row r="555335" spans="14:14">
      <c r="N555335" s="10"/>
    </row>
    <row r="555336" spans="14:14">
      <c r="N555336" s="10"/>
    </row>
    <row r="555337" spans="14:14">
      <c r="N555337" s="10"/>
    </row>
    <row r="555338" spans="14:14">
      <c r="N555338" s="10"/>
    </row>
    <row r="555339" spans="14:14">
      <c r="N555339" s="10"/>
    </row>
    <row r="555340" spans="14:14">
      <c r="N555340" s="10"/>
    </row>
    <row r="555341" spans="14:14">
      <c r="N555341" s="10"/>
    </row>
    <row r="555342" spans="14:14">
      <c r="N555342" s="10"/>
    </row>
    <row r="555343" spans="14:14">
      <c r="N555343" s="10"/>
    </row>
    <row r="555344" spans="14:14">
      <c r="N555344" s="10"/>
    </row>
    <row r="555345" spans="14:14">
      <c r="N555345" s="10"/>
    </row>
    <row r="555346" spans="14:14">
      <c r="N555346" s="10"/>
    </row>
    <row r="555347" spans="14:14">
      <c r="N555347" s="10"/>
    </row>
    <row r="555348" spans="14:14">
      <c r="N555348" s="10"/>
    </row>
    <row r="555349" spans="14:14">
      <c r="N555349" s="10"/>
    </row>
    <row r="555350" spans="14:14">
      <c r="N555350" s="10"/>
    </row>
    <row r="555351" spans="14:14">
      <c r="N555351" s="10"/>
    </row>
    <row r="555352" spans="14:14">
      <c r="N555352" s="10"/>
    </row>
    <row r="555353" spans="14:14">
      <c r="N555353" s="10"/>
    </row>
    <row r="555354" spans="14:14">
      <c r="N555354" s="10"/>
    </row>
    <row r="555355" spans="14:14">
      <c r="N555355" s="10"/>
    </row>
    <row r="555356" spans="14:14">
      <c r="N555356" s="10"/>
    </row>
    <row r="555357" spans="14:14">
      <c r="N555357" s="10"/>
    </row>
    <row r="555358" spans="14:14">
      <c r="N555358" s="10"/>
    </row>
    <row r="555359" spans="14:14">
      <c r="N555359" s="10"/>
    </row>
    <row r="555360" spans="14:14">
      <c r="N555360" s="10"/>
    </row>
    <row r="555361" spans="14:14">
      <c r="N555361" s="10"/>
    </row>
    <row r="555362" spans="14:14">
      <c r="N555362" s="10"/>
    </row>
    <row r="555363" spans="14:14">
      <c r="N555363" s="10"/>
    </row>
    <row r="555364" spans="14:14">
      <c r="N555364" s="10"/>
    </row>
    <row r="555365" spans="14:14">
      <c r="N555365" s="10"/>
    </row>
    <row r="555366" spans="14:14">
      <c r="N555366" s="10"/>
    </row>
    <row r="555367" spans="14:14">
      <c r="N555367" s="10"/>
    </row>
    <row r="555368" spans="14:14">
      <c r="N555368" s="10"/>
    </row>
    <row r="555369" spans="14:14">
      <c r="N555369" s="10"/>
    </row>
    <row r="555370" spans="14:14">
      <c r="N555370" s="10"/>
    </row>
    <row r="555371" spans="14:14">
      <c r="N555371" s="10"/>
    </row>
    <row r="555372" spans="14:14">
      <c r="N555372" s="10"/>
    </row>
    <row r="555373" spans="14:14">
      <c r="N555373" s="10"/>
    </row>
    <row r="555374" spans="14:14">
      <c r="N555374" s="10"/>
    </row>
    <row r="555375" spans="14:14">
      <c r="N555375" s="10"/>
    </row>
    <row r="555376" spans="14:14">
      <c r="N555376" s="10"/>
    </row>
    <row r="555377" spans="14:14">
      <c r="N555377" s="10"/>
    </row>
    <row r="555378" spans="14:14">
      <c r="N555378" s="10"/>
    </row>
    <row r="555379" spans="14:14">
      <c r="N555379" s="10"/>
    </row>
    <row r="555380" spans="14:14">
      <c r="N555380" s="10"/>
    </row>
    <row r="555381" spans="14:14">
      <c r="N555381" s="10"/>
    </row>
    <row r="555382" spans="14:14">
      <c r="N555382" s="10"/>
    </row>
    <row r="555383" spans="14:14">
      <c r="N555383" s="10"/>
    </row>
    <row r="555384" spans="14:14">
      <c r="N555384" s="10"/>
    </row>
    <row r="555385" spans="14:14">
      <c r="N555385" s="10"/>
    </row>
    <row r="555386" spans="14:14">
      <c r="N555386" s="10"/>
    </row>
    <row r="555387" spans="14:14">
      <c r="N555387" s="10"/>
    </row>
    <row r="555388" spans="14:14">
      <c r="N555388" s="10"/>
    </row>
    <row r="555389" spans="14:14">
      <c r="N555389" s="10"/>
    </row>
    <row r="555390" spans="14:14">
      <c r="N555390" s="10"/>
    </row>
    <row r="555391" spans="14:14">
      <c r="N555391" s="10"/>
    </row>
    <row r="555392" spans="14:14">
      <c r="N555392" s="10"/>
    </row>
    <row r="555393" spans="14:14">
      <c r="N555393" s="10"/>
    </row>
    <row r="555394" spans="14:14">
      <c r="N555394" s="10"/>
    </row>
    <row r="555395" spans="14:14">
      <c r="N555395" s="10"/>
    </row>
    <row r="555396" spans="14:14">
      <c r="N555396" s="10"/>
    </row>
    <row r="555397" spans="14:14">
      <c r="N555397" s="10"/>
    </row>
    <row r="555398" spans="14:14">
      <c r="N555398" s="10"/>
    </row>
    <row r="555399" spans="14:14">
      <c r="N555399" s="10"/>
    </row>
    <row r="555400" spans="14:14">
      <c r="N555400" s="10"/>
    </row>
    <row r="555401" spans="14:14">
      <c r="N555401" s="10"/>
    </row>
    <row r="555402" spans="14:14">
      <c r="N555402" s="10"/>
    </row>
    <row r="555403" spans="14:14">
      <c r="N555403" s="10"/>
    </row>
    <row r="555404" spans="14:14">
      <c r="N555404" s="10"/>
    </row>
    <row r="555405" spans="14:14">
      <c r="N555405" s="10"/>
    </row>
    <row r="555406" spans="14:14">
      <c r="N555406" s="10"/>
    </row>
    <row r="555407" spans="14:14">
      <c r="N555407" s="10"/>
    </row>
    <row r="555408" spans="14:14">
      <c r="N555408" s="10"/>
    </row>
    <row r="555409" spans="14:14">
      <c r="N555409" s="10"/>
    </row>
    <row r="555410" spans="14:14">
      <c r="N555410" s="10"/>
    </row>
    <row r="555411" spans="14:14">
      <c r="N555411" s="10"/>
    </row>
    <row r="555412" spans="14:14">
      <c r="N555412" s="10"/>
    </row>
    <row r="555413" spans="14:14">
      <c r="N555413" s="10"/>
    </row>
    <row r="555414" spans="14:14">
      <c r="N555414" s="10"/>
    </row>
    <row r="555415" spans="14:14">
      <c r="N555415" s="10"/>
    </row>
    <row r="555416" spans="14:14">
      <c r="N555416" s="10"/>
    </row>
    <row r="555417" spans="14:14">
      <c r="N555417" s="10"/>
    </row>
    <row r="555418" spans="14:14">
      <c r="N555418" s="10"/>
    </row>
    <row r="555419" spans="14:14">
      <c r="N555419" s="10"/>
    </row>
    <row r="555420" spans="14:14">
      <c r="N555420" s="10"/>
    </row>
    <row r="555421" spans="14:14">
      <c r="N555421" s="10"/>
    </row>
    <row r="555422" spans="14:14">
      <c r="N555422" s="10"/>
    </row>
    <row r="555423" spans="14:14">
      <c r="N555423" s="10"/>
    </row>
    <row r="555424" spans="14:14">
      <c r="N555424" s="10"/>
    </row>
    <row r="555425" spans="14:14">
      <c r="N555425" s="10"/>
    </row>
    <row r="555426" spans="14:14">
      <c r="N555426" s="10"/>
    </row>
    <row r="555427" spans="14:14">
      <c r="N555427" s="10"/>
    </row>
    <row r="555428" spans="14:14">
      <c r="N555428" s="10"/>
    </row>
    <row r="555429" spans="14:14">
      <c r="N555429" s="10"/>
    </row>
    <row r="555430" spans="14:14">
      <c r="N555430" s="10"/>
    </row>
    <row r="555431" spans="14:14">
      <c r="N555431" s="10"/>
    </row>
    <row r="555432" spans="14:14">
      <c r="N555432" s="10"/>
    </row>
    <row r="555433" spans="14:14">
      <c r="N555433" s="10"/>
    </row>
    <row r="555434" spans="14:14">
      <c r="N555434" s="10"/>
    </row>
    <row r="555435" spans="14:14">
      <c r="N555435" s="10"/>
    </row>
    <row r="555436" spans="14:14">
      <c r="N555436" s="10"/>
    </row>
    <row r="555437" spans="14:14">
      <c r="N555437" s="10"/>
    </row>
    <row r="555438" spans="14:14">
      <c r="N555438" s="10"/>
    </row>
    <row r="555439" spans="14:14">
      <c r="N555439" s="10"/>
    </row>
    <row r="555440" spans="14:14">
      <c r="N555440" s="10"/>
    </row>
    <row r="555441" spans="14:14">
      <c r="N555441" s="10"/>
    </row>
    <row r="555442" spans="14:14">
      <c r="N555442" s="10"/>
    </row>
    <row r="555443" spans="14:14">
      <c r="N555443" s="10"/>
    </row>
    <row r="555444" spans="14:14">
      <c r="N555444" s="10"/>
    </row>
    <row r="555445" spans="14:14">
      <c r="N555445" s="10"/>
    </row>
    <row r="555446" spans="14:14">
      <c r="N555446" s="10"/>
    </row>
    <row r="555447" spans="14:14">
      <c r="N555447" s="10"/>
    </row>
    <row r="555448" spans="14:14">
      <c r="N555448" s="10"/>
    </row>
    <row r="555449" spans="14:14">
      <c r="N555449" s="10"/>
    </row>
    <row r="555450" spans="14:14">
      <c r="N555450" s="10"/>
    </row>
    <row r="555451" spans="14:14">
      <c r="N555451" s="10"/>
    </row>
    <row r="555452" spans="14:14">
      <c r="N555452" s="10"/>
    </row>
    <row r="555453" spans="14:14">
      <c r="N555453" s="10"/>
    </row>
    <row r="555454" spans="14:14">
      <c r="N555454" s="10"/>
    </row>
    <row r="555455" spans="14:14">
      <c r="N555455" s="10"/>
    </row>
    <row r="555456" spans="14:14">
      <c r="N555456" s="10"/>
    </row>
    <row r="555457" spans="14:14">
      <c r="N555457" s="10"/>
    </row>
    <row r="555458" spans="14:14">
      <c r="N555458" s="10"/>
    </row>
    <row r="555459" spans="14:14">
      <c r="N555459" s="10"/>
    </row>
    <row r="555460" spans="14:14">
      <c r="N555460" s="10"/>
    </row>
    <row r="555461" spans="14:14">
      <c r="N555461" s="10"/>
    </row>
    <row r="555462" spans="14:14">
      <c r="N555462" s="10"/>
    </row>
    <row r="555463" spans="14:14">
      <c r="N555463" s="10"/>
    </row>
    <row r="555464" spans="14:14">
      <c r="N555464" s="10"/>
    </row>
    <row r="555465" spans="14:14">
      <c r="N555465" s="10"/>
    </row>
    <row r="555466" spans="14:14">
      <c r="N555466" s="10"/>
    </row>
    <row r="555467" spans="14:14">
      <c r="N555467" s="10"/>
    </row>
    <row r="555468" spans="14:14">
      <c r="N555468" s="10"/>
    </row>
    <row r="555469" spans="14:14">
      <c r="N555469" s="10"/>
    </row>
    <row r="555470" spans="14:14">
      <c r="N555470" s="10"/>
    </row>
    <row r="555471" spans="14:14">
      <c r="N555471" s="10"/>
    </row>
    <row r="555472" spans="14:14">
      <c r="N555472" s="10"/>
    </row>
    <row r="555473" spans="14:14">
      <c r="N555473" s="10"/>
    </row>
    <row r="555474" spans="14:14">
      <c r="N555474" s="10"/>
    </row>
    <row r="555475" spans="14:14">
      <c r="N555475" s="10"/>
    </row>
    <row r="555476" spans="14:14">
      <c r="N555476" s="10"/>
    </row>
    <row r="555477" spans="14:14">
      <c r="N555477" s="10"/>
    </row>
    <row r="555478" spans="14:14">
      <c r="N555478" s="10"/>
    </row>
    <row r="555479" spans="14:14">
      <c r="N555479" s="10"/>
    </row>
    <row r="555480" spans="14:14">
      <c r="N555480" s="10"/>
    </row>
    <row r="555481" spans="14:14">
      <c r="N555481" s="10"/>
    </row>
    <row r="555482" spans="14:14">
      <c r="N555482" s="10"/>
    </row>
    <row r="555483" spans="14:14">
      <c r="N555483" s="10"/>
    </row>
    <row r="555484" spans="14:14">
      <c r="N555484" s="10"/>
    </row>
    <row r="555485" spans="14:14">
      <c r="N555485" s="10"/>
    </row>
    <row r="555486" spans="14:14">
      <c r="N555486" s="10"/>
    </row>
    <row r="555487" spans="14:14">
      <c r="N555487" s="10"/>
    </row>
    <row r="555488" spans="14:14">
      <c r="N555488" s="10"/>
    </row>
    <row r="555489" spans="14:14">
      <c r="N555489" s="10"/>
    </row>
    <row r="555490" spans="14:14">
      <c r="N555490" s="10"/>
    </row>
    <row r="555491" spans="14:14">
      <c r="N555491" s="10"/>
    </row>
    <row r="555492" spans="14:14">
      <c r="N555492" s="10"/>
    </row>
    <row r="555493" spans="14:14">
      <c r="N555493" s="10"/>
    </row>
    <row r="555494" spans="14:14">
      <c r="N555494" s="10"/>
    </row>
    <row r="555495" spans="14:14">
      <c r="N555495" s="10"/>
    </row>
    <row r="555496" spans="14:14">
      <c r="N555496" s="10"/>
    </row>
    <row r="555497" spans="14:14">
      <c r="N555497" s="10"/>
    </row>
    <row r="555498" spans="14:14">
      <c r="N555498" s="10"/>
    </row>
    <row r="555499" spans="14:14">
      <c r="N555499" s="10"/>
    </row>
    <row r="555500" spans="14:14">
      <c r="N555500" s="10"/>
    </row>
    <row r="555501" spans="14:14">
      <c r="N555501" s="10"/>
    </row>
    <row r="555502" spans="14:14">
      <c r="N555502" s="10"/>
    </row>
    <row r="555503" spans="14:14">
      <c r="N555503" s="10"/>
    </row>
    <row r="555504" spans="14:14">
      <c r="N555504" s="10"/>
    </row>
    <row r="555505" spans="14:14">
      <c r="N555505" s="10"/>
    </row>
    <row r="555506" spans="14:14">
      <c r="N555506" s="10"/>
    </row>
    <row r="555507" spans="14:14">
      <c r="N555507" s="10"/>
    </row>
    <row r="555508" spans="14:14">
      <c r="N555508" s="10"/>
    </row>
    <row r="555509" spans="14:14">
      <c r="N555509" s="10"/>
    </row>
    <row r="555510" spans="14:14">
      <c r="N555510" s="10"/>
    </row>
    <row r="555511" spans="14:14">
      <c r="N555511" s="10"/>
    </row>
    <row r="555512" spans="14:14">
      <c r="N555512" s="10"/>
    </row>
    <row r="555513" spans="14:14">
      <c r="N555513" s="10"/>
    </row>
    <row r="555514" spans="14:14">
      <c r="N555514" s="10"/>
    </row>
    <row r="555515" spans="14:14">
      <c r="N555515" s="10"/>
    </row>
    <row r="555516" spans="14:14">
      <c r="N555516" s="10"/>
    </row>
    <row r="555517" spans="14:14">
      <c r="N555517" s="10"/>
    </row>
    <row r="555518" spans="14:14">
      <c r="N555518" s="10"/>
    </row>
    <row r="555519" spans="14:14">
      <c r="N555519" s="10"/>
    </row>
    <row r="555520" spans="14:14">
      <c r="N555520" s="10"/>
    </row>
    <row r="555521" spans="14:14">
      <c r="N555521" s="10"/>
    </row>
    <row r="555522" spans="14:14">
      <c r="N555522" s="10"/>
    </row>
    <row r="555523" spans="14:14">
      <c r="N555523" s="10"/>
    </row>
    <row r="555524" spans="14:14">
      <c r="N555524" s="10"/>
    </row>
    <row r="555525" spans="14:14">
      <c r="N555525" s="10"/>
    </row>
    <row r="555526" spans="14:14">
      <c r="N555526" s="10"/>
    </row>
    <row r="555527" spans="14:14">
      <c r="N555527" s="10"/>
    </row>
    <row r="555528" spans="14:14">
      <c r="N555528" s="10"/>
    </row>
    <row r="555529" spans="14:14">
      <c r="N555529" s="10"/>
    </row>
    <row r="555530" spans="14:14">
      <c r="N555530" s="10"/>
    </row>
    <row r="555531" spans="14:14">
      <c r="N555531" s="10"/>
    </row>
    <row r="555532" spans="14:14">
      <c r="N555532" s="10"/>
    </row>
    <row r="555533" spans="14:14">
      <c r="N555533" s="10"/>
    </row>
    <row r="555534" spans="14:14">
      <c r="N555534" s="10"/>
    </row>
    <row r="555535" spans="14:14">
      <c r="N555535" s="10"/>
    </row>
    <row r="555536" spans="14:14">
      <c r="N555536" s="10"/>
    </row>
    <row r="555537" spans="14:14">
      <c r="N555537" s="10"/>
    </row>
    <row r="555538" spans="14:14">
      <c r="N555538" s="10"/>
    </row>
    <row r="555539" spans="14:14">
      <c r="N555539" s="10"/>
    </row>
    <row r="555540" spans="14:14">
      <c r="N555540" s="10"/>
    </row>
    <row r="555541" spans="14:14">
      <c r="N555541" s="10"/>
    </row>
    <row r="555542" spans="14:14">
      <c r="N555542" s="10"/>
    </row>
    <row r="555543" spans="14:14">
      <c r="N555543" s="10"/>
    </row>
    <row r="555544" spans="14:14">
      <c r="N555544" s="10"/>
    </row>
    <row r="555545" spans="14:14">
      <c r="N555545" s="10"/>
    </row>
    <row r="555546" spans="14:14">
      <c r="N555546" s="10"/>
    </row>
    <row r="555547" spans="14:14">
      <c r="N555547" s="10"/>
    </row>
    <row r="555548" spans="14:14">
      <c r="N555548" s="10"/>
    </row>
    <row r="555549" spans="14:14">
      <c r="N555549" s="10"/>
    </row>
    <row r="555550" spans="14:14">
      <c r="N555550" s="10"/>
    </row>
    <row r="555551" spans="14:14">
      <c r="N555551" s="10"/>
    </row>
    <row r="555552" spans="14:14">
      <c r="N555552" s="10"/>
    </row>
    <row r="555553" spans="14:14">
      <c r="N555553" s="10"/>
    </row>
    <row r="555554" spans="14:14">
      <c r="N555554" s="10"/>
    </row>
    <row r="555555" spans="14:14">
      <c r="N555555" s="10"/>
    </row>
    <row r="555556" spans="14:14">
      <c r="N555556" s="10"/>
    </row>
    <row r="555557" spans="14:14">
      <c r="N555557" s="10"/>
    </row>
    <row r="555558" spans="14:14">
      <c r="N555558" s="10"/>
    </row>
    <row r="555559" spans="14:14">
      <c r="N555559" s="10"/>
    </row>
    <row r="555560" spans="14:14">
      <c r="N555560" s="10"/>
    </row>
    <row r="555561" spans="14:14">
      <c r="N555561" s="10"/>
    </row>
    <row r="555562" spans="14:14">
      <c r="N555562" s="10"/>
    </row>
    <row r="555563" spans="14:14">
      <c r="N555563" s="10"/>
    </row>
    <row r="555564" spans="14:14">
      <c r="N555564" s="10"/>
    </row>
    <row r="555565" spans="14:14">
      <c r="N555565" s="10"/>
    </row>
    <row r="555566" spans="14:14">
      <c r="N555566" s="10"/>
    </row>
    <row r="555567" spans="14:14">
      <c r="N555567" s="10"/>
    </row>
    <row r="555568" spans="14:14">
      <c r="N555568" s="10"/>
    </row>
    <row r="555569" spans="14:14">
      <c r="N555569" s="10"/>
    </row>
    <row r="555570" spans="14:14">
      <c r="N555570" s="10"/>
    </row>
    <row r="555571" spans="14:14">
      <c r="N555571" s="10"/>
    </row>
    <row r="555572" spans="14:14">
      <c r="N555572" s="10"/>
    </row>
    <row r="555573" spans="14:14">
      <c r="N555573" s="10"/>
    </row>
    <row r="555574" spans="14:14">
      <c r="N555574" s="10"/>
    </row>
    <row r="555575" spans="14:14">
      <c r="N555575" s="10"/>
    </row>
    <row r="555576" spans="14:14">
      <c r="N555576" s="10"/>
    </row>
    <row r="555577" spans="14:14">
      <c r="N555577" s="10"/>
    </row>
    <row r="555578" spans="14:14">
      <c r="N555578" s="10"/>
    </row>
    <row r="555579" spans="14:14">
      <c r="N555579" s="10"/>
    </row>
    <row r="555580" spans="14:14">
      <c r="N555580" s="10"/>
    </row>
    <row r="555581" spans="14:14">
      <c r="N555581" s="10"/>
    </row>
    <row r="555582" spans="14:14">
      <c r="N555582" s="10"/>
    </row>
    <row r="555583" spans="14:14">
      <c r="N555583" s="10"/>
    </row>
    <row r="555584" spans="14:14">
      <c r="N555584" s="10"/>
    </row>
    <row r="555585" spans="14:14">
      <c r="N555585" s="10"/>
    </row>
    <row r="555586" spans="14:14">
      <c r="N555586" s="10"/>
    </row>
    <row r="555587" spans="14:14">
      <c r="N555587" s="10"/>
    </row>
    <row r="555588" spans="14:14">
      <c r="N555588" s="10"/>
    </row>
    <row r="555589" spans="14:14">
      <c r="N555589" s="10"/>
    </row>
    <row r="555590" spans="14:14">
      <c r="N555590" s="10"/>
    </row>
    <row r="555591" spans="14:14">
      <c r="N555591" s="10"/>
    </row>
    <row r="555592" spans="14:14">
      <c r="N555592" s="10"/>
    </row>
    <row r="555593" spans="14:14">
      <c r="N555593" s="10"/>
    </row>
    <row r="555594" spans="14:14">
      <c r="N555594" s="10"/>
    </row>
    <row r="555595" spans="14:14">
      <c r="N555595" s="10"/>
    </row>
    <row r="555596" spans="14:14">
      <c r="N555596" s="10"/>
    </row>
    <row r="555597" spans="14:14">
      <c r="N555597" s="10"/>
    </row>
    <row r="555598" spans="14:14">
      <c r="N555598" s="10"/>
    </row>
    <row r="555599" spans="14:14">
      <c r="N555599" s="10"/>
    </row>
    <row r="555600" spans="14:14">
      <c r="N555600" s="10"/>
    </row>
    <row r="555601" spans="14:14">
      <c r="N555601" s="10"/>
    </row>
    <row r="555602" spans="14:14">
      <c r="N555602" s="10"/>
    </row>
    <row r="555603" spans="14:14">
      <c r="N555603" s="10"/>
    </row>
    <row r="555604" spans="14:14">
      <c r="N555604" s="10"/>
    </row>
    <row r="555605" spans="14:14">
      <c r="N555605" s="10"/>
    </row>
    <row r="555606" spans="14:14">
      <c r="N555606" s="10"/>
    </row>
    <row r="555607" spans="14:14">
      <c r="N555607" s="10"/>
    </row>
    <row r="555608" spans="14:14">
      <c r="N555608" s="10"/>
    </row>
    <row r="555609" spans="14:14">
      <c r="N555609" s="10"/>
    </row>
    <row r="555610" spans="14:14">
      <c r="N555610" s="10"/>
    </row>
    <row r="555611" spans="14:14">
      <c r="N555611" s="10"/>
    </row>
    <row r="555612" spans="14:14">
      <c r="N555612" s="10"/>
    </row>
    <row r="555613" spans="14:14">
      <c r="N555613" s="10"/>
    </row>
    <row r="555614" spans="14:14">
      <c r="N555614" s="10"/>
    </row>
    <row r="555615" spans="14:14">
      <c r="N555615" s="10"/>
    </row>
    <row r="555616" spans="14:14">
      <c r="N555616" s="10"/>
    </row>
    <row r="555617" spans="14:14">
      <c r="N555617" s="10"/>
    </row>
    <row r="555618" spans="14:14">
      <c r="N555618" s="10"/>
    </row>
    <row r="555619" spans="14:14">
      <c r="N555619" s="10"/>
    </row>
    <row r="555620" spans="14:14">
      <c r="N555620" s="10"/>
    </row>
    <row r="555621" spans="14:14">
      <c r="N555621" s="10"/>
    </row>
    <row r="555622" spans="14:14">
      <c r="N555622" s="10"/>
    </row>
    <row r="555623" spans="14:14">
      <c r="N555623" s="10"/>
    </row>
    <row r="555624" spans="14:14">
      <c r="N555624" s="10"/>
    </row>
    <row r="555625" spans="14:14">
      <c r="N555625" s="10"/>
    </row>
    <row r="555626" spans="14:14">
      <c r="N555626" s="10"/>
    </row>
    <row r="555627" spans="14:14">
      <c r="N555627" s="10"/>
    </row>
    <row r="555628" spans="14:14">
      <c r="N555628" s="10"/>
    </row>
    <row r="555629" spans="14:14">
      <c r="N555629" s="10"/>
    </row>
    <row r="555630" spans="14:14">
      <c r="N555630" s="10"/>
    </row>
    <row r="555631" spans="14:14">
      <c r="N555631" s="10"/>
    </row>
    <row r="555632" spans="14:14">
      <c r="N555632" s="10"/>
    </row>
    <row r="555633" spans="14:14">
      <c r="N555633" s="10"/>
    </row>
    <row r="555634" spans="14:14">
      <c r="N555634" s="10"/>
    </row>
    <row r="555635" spans="14:14">
      <c r="N555635" s="10"/>
    </row>
    <row r="555636" spans="14:14">
      <c r="N555636" s="10"/>
    </row>
    <row r="555637" spans="14:14">
      <c r="N555637" s="10"/>
    </row>
    <row r="555638" spans="14:14">
      <c r="N555638" s="10"/>
    </row>
    <row r="555639" spans="14:14">
      <c r="N555639" s="10"/>
    </row>
    <row r="555640" spans="14:14">
      <c r="N555640" s="10"/>
    </row>
    <row r="555641" spans="14:14">
      <c r="N555641" s="10"/>
    </row>
    <row r="555642" spans="14:14">
      <c r="N555642" s="10"/>
    </row>
    <row r="555643" spans="14:14">
      <c r="N555643" s="10"/>
    </row>
    <row r="555644" spans="14:14">
      <c r="N555644" s="10"/>
    </row>
    <row r="555645" spans="14:14">
      <c r="N555645" s="10"/>
    </row>
    <row r="555646" spans="14:14">
      <c r="N555646" s="10"/>
    </row>
    <row r="555647" spans="14:14">
      <c r="N555647" s="10"/>
    </row>
    <row r="555648" spans="14:14">
      <c r="N555648" s="10"/>
    </row>
    <row r="555649" spans="14:14">
      <c r="N555649" s="10"/>
    </row>
    <row r="555650" spans="14:14">
      <c r="N555650" s="10"/>
    </row>
    <row r="555651" spans="14:14">
      <c r="N555651" s="10"/>
    </row>
    <row r="555652" spans="14:14">
      <c r="N555652" s="10"/>
    </row>
    <row r="555653" spans="14:14">
      <c r="N555653" s="10"/>
    </row>
    <row r="555654" spans="14:14">
      <c r="N555654" s="10"/>
    </row>
    <row r="555655" spans="14:14">
      <c r="N555655" s="10"/>
    </row>
    <row r="555656" spans="14:14">
      <c r="N555656" s="10"/>
    </row>
    <row r="555657" spans="14:14">
      <c r="N555657" s="10"/>
    </row>
    <row r="555658" spans="14:14">
      <c r="N555658" s="10"/>
    </row>
    <row r="555659" spans="14:14">
      <c r="N555659" s="10"/>
    </row>
    <row r="555660" spans="14:14">
      <c r="N555660" s="10"/>
    </row>
    <row r="555661" spans="14:14">
      <c r="N555661" s="10"/>
    </row>
    <row r="555662" spans="14:14">
      <c r="N555662" s="10"/>
    </row>
    <row r="555663" spans="14:14">
      <c r="N555663" s="10"/>
    </row>
    <row r="555664" spans="14:14">
      <c r="N555664" s="10"/>
    </row>
    <row r="555665" spans="14:14">
      <c r="N555665" s="10"/>
    </row>
    <row r="555666" spans="14:14">
      <c r="N555666" s="10"/>
    </row>
    <row r="555667" spans="14:14">
      <c r="N555667" s="10"/>
    </row>
    <row r="555668" spans="14:14">
      <c r="N555668" s="10"/>
    </row>
    <row r="555669" spans="14:14">
      <c r="N555669" s="10"/>
    </row>
    <row r="555670" spans="14:14">
      <c r="N555670" s="10"/>
    </row>
    <row r="555671" spans="14:14">
      <c r="N555671" s="10"/>
    </row>
    <row r="555672" spans="14:14">
      <c r="N555672" s="10"/>
    </row>
    <row r="555673" spans="14:14">
      <c r="N555673" s="10"/>
    </row>
    <row r="555674" spans="14:14">
      <c r="N555674" s="10"/>
    </row>
    <row r="555675" spans="14:14">
      <c r="N555675" s="10"/>
    </row>
    <row r="555676" spans="14:14">
      <c r="N555676" s="10"/>
    </row>
    <row r="555677" spans="14:14">
      <c r="N555677" s="10"/>
    </row>
    <row r="555678" spans="14:14">
      <c r="N555678" s="10"/>
    </row>
    <row r="555679" spans="14:14">
      <c r="N555679" s="10"/>
    </row>
    <row r="555680" spans="14:14">
      <c r="N555680" s="10"/>
    </row>
    <row r="555681" spans="14:14">
      <c r="N555681" s="10"/>
    </row>
    <row r="555682" spans="14:14">
      <c r="N555682" s="10"/>
    </row>
    <row r="555683" spans="14:14">
      <c r="N555683" s="10"/>
    </row>
    <row r="555684" spans="14:14">
      <c r="N555684" s="10"/>
    </row>
    <row r="555685" spans="14:14">
      <c r="N555685" s="10"/>
    </row>
    <row r="555686" spans="14:14">
      <c r="N555686" s="10"/>
    </row>
    <row r="555687" spans="14:14">
      <c r="N555687" s="10"/>
    </row>
    <row r="555688" spans="14:14">
      <c r="N555688" s="10"/>
    </row>
    <row r="555689" spans="14:14">
      <c r="N555689" s="10"/>
    </row>
    <row r="555690" spans="14:14">
      <c r="N555690" s="10"/>
    </row>
    <row r="555691" spans="14:14">
      <c r="N555691" s="10"/>
    </row>
    <row r="555692" spans="14:14">
      <c r="N555692" s="10"/>
    </row>
    <row r="555693" spans="14:14">
      <c r="N555693" s="10"/>
    </row>
    <row r="555694" spans="14:14">
      <c r="N555694" s="10"/>
    </row>
    <row r="555695" spans="14:14">
      <c r="N555695" s="10"/>
    </row>
    <row r="555696" spans="14:14">
      <c r="N555696" s="10"/>
    </row>
    <row r="555697" spans="14:14">
      <c r="N555697" s="10"/>
    </row>
    <row r="555698" spans="14:14">
      <c r="N555698" s="10"/>
    </row>
    <row r="555699" spans="14:14">
      <c r="N555699" s="10"/>
    </row>
    <row r="555700" spans="14:14">
      <c r="N555700" s="10"/>
    </row>
    <row r="555701" spans="14:14">
      <c r="N555701" s="10"/>
    </row>
    <row r="555702" spans="14:14">
      <c r="N555702" s="10"/>
    </row>
    <row r="555703" spans="14:14">
      <c r="N555703" s="10"/>
    </row>
    <row r="555704" spans="14:14">
      <c r="N555704" s="10"/>
    </row>
    <row r="555705" spans="14:14">
      <c r="N555705" s="10"/>
    </row>
    <row r="555706" spans="14:14">
      <c r="N555706" s="10"/>
    </row>
    <row r="555707" spans="14:14">
      <c r="N555707" s="10"/>
    </row>
    <row r="555708" spans="14:14">
      <c r="N555708" s="10"/>
    </row>
    <row r="555709" spans="14:14">
      <c r="N555709" s="10"/>
    </row>
    <row r="555710" spans="14:14">
      <c r="N555710" s="10"/>
    </row>
    <row r="555711" spans="14:14">
      <c r="N555711" s="10"/>
    </row>
    <row r="555712" spans="14:14">
      <c r="N555712" s="10"/>
    </row>
    <row r="555713" spans="14:14">
      <c r="N555713" s="10"/>
    </row>
    <row r="555714" spans="14:14">
      <c r="N555714" s="10"/>
    </row>
    <row r="555715" spans="14:14">
      <c r="N555715" s="10"/>
    </row>
    <row r="555716" spans="14:14">
      <c r="N555716" s="10"/>
    </row>
    <row r="555717" spans="14:14">
      <c r="N555717" s="10"/>
    </row>
    <row r="555718" spans="14:14">
      <c r="N555718" s="10"/>
    </row>
    <row r="555719" spans="14:14">
      <c r="N555719" s="10"/>
    </row>
    <row r="555720" spans="14:14">
      <c r="N555720" s="10"/>
    </row>
    <row r="555721" spans="14:14">
      <c r="N555721" s="10"/>
    </row>
    <row r="555722" spans="14:14">
      <c r="N555722" s="10"/>
    </row>
    <row r="555723" spans="14:14">
      <c r="N555723" s="10"/>
    </row>
    <row r="555724" spans="14:14">
      <c r="N555724" s="10"/>
    </row>
    <row r="555725" spans="14:14">
      <c r="N555725" s="10"/>
    </row>
    <row r="555726" spans="14:14">
      <c r="N555726" s="10"/>
    </row>
    <row r="555727" spans="14:14">
      <c r="N555727" s="10"/>
    </row>
    <row r="555728" spans="14:14">
      <c r="N555728" s="10"/>
    </row>
    <row r="555729" spans="14:14">
      <c r="N555729" s="10"/>
    </row>
    <row r="555730" spans="14:14">
      <c r="N555730" s="10"/>
    </row>
    <row r="555731" spans="14:14">
      <c r="N555731" s="10"/>
    </row>
    <row r="555732" spans="14:14">
      <c r="N555732" s="10"/>
    </row>
    <row r="555733" spans="14:14">
      <c r="N555733" s="10"/>
    </row>
    <row r="555734" spans="14:14">
      <c r="N555734" s="10"/>
    </row>
    <row r="555735" spans="14:14">
      <c r="N555735" s="10"/>
    </row>
    <row r="555736" spans="14:14">
      <c r="N555736" s="10"/>
    </row>
    <row r="555737" spans="14:14">
      <c r="N555737" s="10"/>
    </row>
    <row r="555738" spans="14:14">
      <c r="N555738" s="10"/>
    </row>
    <row r="555739" spans="14:14">
      <c r="N555739" s="10"/>
    </row>
    <row r="555740" spans="14:14">
      <c r="N555740" s="10"/>
    </row>
    <row r="555741" spans="14:14">
      <c r="N555741" s="10"/>
    </row>
    <row r="555742" spans="14:14">
      <c r="N555742" s="10"/>
    </row>
    <row r="555743" spans="14:14">
      <c r="N555743" s="10"/>
    </row>
    <row r="555744" spans="14:14">
      <c r="N555744" s="10"/>
    </row>
    <row r="555745" spans="14:14">
      <c r="N555745" s="10"/>
    </row>
    <row r="555746" spans="14:14">
      <c r="N555746" s="10"/>
    </row>
    <row r="555747" spans="14:14">
      <c r="N555747" s="10"/>
    </row>
    <row r="555748" spans="14:14">
      <c r="N555748" s="10"/>
    </row>
    <row r="555749" spans="14:14">
      <c r="N555749" s="10"/>
    </row>
    <row r="555750" spans="14:14">
      <c r="N555750" s="10"/>
    </row>
    <row r="555751" spans="14:14">
      <c r="N555751" s="10"/>
    </row>
    <row r="555752" spans="14:14">
      <c r="N555752" s="10"/>
    </row>
    <row r="555753" spans="14:14">
      <c r="N555753" s="10"/>
    </row>
    <row r="555754" spans="14:14">
      <c r="N555754" s="10"/>
    </row>
    <row r="555755" spans="14:14">
      <c r="N555755" s="10"/>
    </row>
    <row r="555756" spans="14:14">
      <c r="N555756" s="10"/>
    </row>
    <row r="555757" spans="14:14">
      <c r="N555757" s="10"/>
    </row>
    <row r="555758" spans="14:14">
      <c r="N555758" s="10"/>
    </row>
    <row r="555759" spans="14:14">
      <c r="N555759" s="10"/>
    </row>
    <row r="555760" spans="14:14">
      <c r="N555760" s="10"/>
    </row>
    <row r="555761" spans="14:14">
      <c r="N555761" s="10"/>
    </row>
    <row r="555762" spans="14:14">
      <c r="N555762" s="10"/>
    </row>
    <row r="555763" spans="14:14">
      <c r="N555763" s="10"/>
    </row>
    <row r="555764" spans="14:14">
      <c r="N555764" s="10"/>
    </row>
    <row r="555765" spans="14:14">
      <c r="N555765" s="10"/>
    </row>
    <row r="555766" spans="14:14">
      <c r="N555766" s="10"/>
    </row>
    <row r="555767" spans="14:14">
      <c r="N555767" s="10"/>
    </row>
    <row r="555768" spans="14:14">
      <c r="N555768" s="10"/>
    </row>
    <row r="555769" spans="14:14">
      <c r="N555769" s="10"/>
    </row>
    <row r="555770" spans="14:14">
      <c r="N555770" s="10"/>
    </row>
    <row r="555771" spans="14:14">
      <c r="N555771" s="10"/>
    </row>
    <row r="555772" spans="14:14">
      <c r="N555772" s="10"/>
    </row>
    <row r="555773" spans="14:14">
      <c r="N555773" s="10"/>
    </row>
    <row r="555774" spans="14:14">
      <c r="N555774" s="10"/>
    </row>
    <row r="555775" spans="14:14">
      <c r="N555775" s="10"/>
    </row>
    <row r="555776" spans="14:14">
      <c r="N555776" s="10"/>
    </row>
    <row r="555777" spans="14:14">
      <c r="N555777" s="10"/>
    </row>
    <row r="555778" spans="14:14">
      <c r="N555778" s="10"/>
    </row>
    <row r="555779" spans="14:14">
      <c r="N555779" s="10"/>
    </row>
    <row r="555780" spans="14:14">
      <c r="N555780" s="10"/>
    </row>
    <row r="555781" spans="14:14">
      <c r="N555781" s="10"/>
    </row>
    <row r="555782" spans="14:14">
      <c r="N555782" s="10"/>
    </row>
    <row r="555783" spans="14:14">
      <c r="N555783" s="10"/>
    </row>
    <row r="555784" spans="14:14">
      <c r="N555784" s="10"/>
    </row>
    <row r="555785" spans="14:14">
      <c r="N555785" s="10"/>
    </row>
    <row r="555786" spans="14:14">
      <c r="N555786" s="10"/>
    </row>
    <row r="555787" spans="14:14">
      <c r="N555787" s="10"/>
    </row>
    <row r="555788" spans="14:14">
      <c r="N555788" s="10"/>
    </row>
    <row r="555789" spans="14:14">
      <c r="N555789" s="10"/>
    </row>
    <row r="555790" spans="14:14">
      <c r="N555790" s="10"/>
    </row>
    <row r="555791" spans="14:14">
      <c r="N555791" s="10"/>
    </row>
    <row r="555792" spans="14:14">
      <c r="N555792" s="10"/>
    </row>
    <row r="555793" spans="14:14">
      <c r="N555793" s="10"/>
    </row>
    <row r="555794" spans="14:14">
      <c r="N555794" s="10"/>
    </row>
    <row r="555795" spans="14:14">
      <c r="N555795" s="10"/>
    </row>
    <row r="555796" spans="14:14">
      <c r="N555796" s="10"/>
    </row>
    <row r="555797" spans="14:14">
      <c r="N555797" s="10"/>
    </row>
    <row r="555798" spans="14:14">
      <c r="N555798" s="10"/>
    </row>
    <row r="555799" spans="14:14">
      <c r="N555799" s="10"/>
    </row>
    <row r="555800" spans="14:14">
      <c r="N555800" s="10"/>
    </row>
    <row r="555801" spans="14:14">
      <c r="N555801" s="10"/>
    </row>
    <row r="555802" spans="14:14">
      <c r="N555802" s="10"/>
    </row>
    <row r="555803" spans="14:14">
      <c r="N555803" s="10"/>
    </row>
    <row r="555804" spans="14:14">
      <c r="N555804" s="10"/>
    </row>
    <row r="555805" spans="14:14">
      <c r="N555805" s="10"/>
    </row>
    <row r="555806" spans="14:14">
      <c r="N555806" s="10"/>
    </row>
    <row r="555807" spans="14:14">
      <c r="N555807" s="10"/>
    </row>
    <row r="555808" spans="14:14">
      <c r="N555808" s="10"/>
    </row>
    <row r="555809" spans="14:14">
      <c r="N555809" s="10"/>
    </row>
    <row r="555810" spans="14:14">
      <c r="N555810" s="10"/>
    </row>
    <row r="555811" spans="14:14">
      <c r="N555811" s="10"/>
    </row>
    <row r="555812" spans="14:14">
      <c r="N555812" s="10"/>
    </row>
    <row r="555813" spans="14:14">
      <c r="N555813" s="10"/>
    </row>
    <row r="555814" spans="14:14">
      <c r="N555814" s="10"/>
    </row>
    <row r="555815" spans="14:14">
      <c r="N555815" s="10"/>
    </row>
    <row r="555816" spans="14:14">
      <c r="N555816" s="10"/>
    </row>
    <row r="555817" spans="14:14">
      <c r="N555817" s="10"/>
    </row>
    <row r="555818" spans="14:14">
      <c r="N555818" s="10"/>
    </row>
    <row r="555819" spans="14:14">
      <c r="N555819" s="10"/>
    </row>
    <row r="555820" spans="14:14">
      <c r="N555820" s="10"/>
    </row>
    <row r="555821" spans="14:14">
      <c r="N555821" s="10"/>
    </row>
    <row r="555822" spans="14:14">
      <c r="N555822" s="10"/>
    </row>
    <row r="555823" spans="14:14">
      <c r="N555823" s="10"/>
    </row>
    <row r="555824" spans="14:14">
      <c r="N555824" s="10"/>
    </row>
    <row r="555825" spans="14:14">
      <c r="N555825" s="10"/>
    </row>
    <row r="555826" spans="14:14">
      <c r="N555826" s="10"/>
    </row>
    <row r="555827" spans="14:14">
      <c r="N555827" s="10"/>
    </row>
    <row r="555828" spans="14:14">
      <c r="N555828" s="10"/>
    </row>
    <row r="555829" spans="14:14">
      <c r="N555829" s="10"/>
    </row>
    <row r="555830" spans="14:14">
      <c r="N555830" s="10"/>
    </row>
    <row r="555831" spans="14:14">
      <c r="N555831" s="10"/>
    </row>
    <row r="555832" spans="14:14">
      <c r="N555832" s="10"/>
    </row>
    <row r="555833" spans="14:14">
      <c r="N555833" s="10"/>
    </row>
    <row r="555834" spans="14:14">
      <c r="N555834" s="10"/>
    </row>
    <row r="555835" spans="14:14">
      <c r="N555835" s="10"/>
    </row>
    <row r="555836" spans="14:14">
      <c r="N555836" s="10"/>
    </row>
    <row r="555837" spans="14:14">
      <c r="N555837" s="10"/>
    </row>
    <row r="555838" spans="14:14">
      <c r="N555838" s="10"/>
    </row>
    <row r="555839" spans="14:14">
      <c r="N555839" s="10"/>
    </row>
    <row r="555840" spans="14:14">
      <c r="N555840" s="10"/>
    </row>
    <row r="555841" spans="14:14">
      <c r="N555841" s="10"/>
    </row>
    <row r="555842" spans="14:14">
      <c r="N555842" s="10"/>
    </row>
    <row r="555843" spans="14:14">
      <c r="N555843" s="10"/>
    </row>
    <row r="555844" spans="14:14">
      <c r="N555844" s="10"/>
    </row>
    <row r="555845" spans="14:14">
      <c r="N555845" s="10"/>
    </row>
    <row r="555846" spans="14:14">
      <c r="N555846" s="10"/>
    </row>
    <row r="555847" spans="14:14">
      <c r="N555847" s="10"/>
    </row>
    <row r="555848" spans="14:14">
      <c r="N555848" s="10"/>
    </row>
    <row r="555849" spans="14:14">
      <c r="N555849" s="10"/>
    </row>
    <row r="555850" spans="14:14">
      <c r="N555850" s="10"/>
    </row>
    <row r="555851" spans="14:14">
      <c r="N555851" s="10"/>
    </row>
    <row r="555852" spans="14:14">
      <c r="N555852" s="10"/>
    </row>
    <row r="555853" spans="14:14">
      <c r="N555853" s="10"/>
    </row>
    <row r="555854" spans="14:14">
      <c r="N555854" s="10"/>
    </row>
    <row r="555855" spans="14:14">
      <c r="N555855" s="10"/>
    </row>
    <row r="555856" spans="14:14">
      <c r="N555856" s="10"/>
    </row>
    <row r="555857" spans="14:14">
      <c r="N555857" s="10"/>
    </row>
    <row r="555858" spans="14:14">
      <c r="N555858" s="10"/>
    </row>
    <row r="555859" spans="14:14">
      <c r="N555859" s="10"/>
    </row>
    <row r="555860" spans="14:14">
      <c r="N555860" s="10"/>
    </row>
    <row r="555861" spans="14:14">
      <c r="N555861" s="10"/>
    </row>
    <row r="555862" spans="14:14">
      <c r="N555862" s="10"/>
    </row>
    <row r="555863" spans="14:14">
      <c r="N555863" s="10"/>
    </row>
    <row r="555864" spans="14:14">
      <c r="N555864" s="10"/>
    </row>
    <row r="555865" spans="14:14">
      <c r="N555865" s="10"/>
    </row>
    <row r="555866" spans="14:14">
      <c r="N555866" s="10"/>
    </row>
    <row r="555867" spans="14:14">
      <c r="N555867" s="10"/>
    </row>
    <row r="555868" spans="14:14">
      <c r="N555868" s="10"/>
    </row>
    <row r="555869" spans="14:14">
      <c r="N555869" s="10"/>
    </row>
    <row r="555870" spans="14:14">
      <c r="N555870" s="10"/>
    </row>
    <row r="555871" spans="14:14">
      <c r="N555871" s="10"/>
    </row>
    <row r="555872" spans="14:14">
      <c r="N555872" s="10"/>
    </row>
    <row r="555873" spans="14:14">
      <c r="N555873" s="10"/>
    </row>
    <row r="555874" spans="14:14">
      <c r="N555874" s="10"/>
    </row>
    <row r="555875" spans="14:14">
      <c r="N555875" s="10"/>
    </row>
    <row r="555876" spans="14:14">
      <c r="N555876" s="10"/>
    </row>
    <row r="555877" spans="14:14">
      <c r="N555877" s="10"/>
    </row>
    <row r="555878" spans="14:14">
      <c r="N555878" s="10"/>
    </row>
    <row r="555879" spans="14:14">
      <c r="N555879" s="10"/>
    </row>
    <row r="555880" spans="14:14">
      <c r="N555880" s="10"/>
    </row>
    <row r="555881" spans="14:14">
      <c r="N555881" s="10"/>
    </row>
    <row r="555882" spans="14:14">
      <c r="N555882" s="10"/>
    </row>
    <row r="555883" spans="14:14">
      <c r="N555883" s="10"/>
    </row>
    <row r="555884" spans="14:14">
      <c r="N555884" s="10"/>
    </row>
    <row r="555885" spans="14:14">
      <c r="N555885" s="10"/>
    </row>
    <row r="555886" spans="14:14">
      <c r="N555886" s="10"/>
    </row>
    <row r="555887" spans="14:14">
      <c r="N555887" s="10"/>
    </row>
    <row r="555888" spans="14:14">
      <c r="N555888" s="10"/>
    </row>
    <row r="555889" spans="14:14">
      <c r="N555889" s="10"/>
    </row>
    <row r="555890" spans="14:14">
      <c r="N555890" s="10"/>
    </row>
    <row r="555891" spans="14:14">
      <c r="N555891" s="10"/>
    </row>
    <row r="555892" spans="14:14">
      <c r="N555892" s="10"/>
    </row>
    <row r="555893" spans="14:14">
      <c r="N555893" s="10"/>
    </row>
    <row r="555894" spans="14:14">
      <c r="N555894" s="10"/>
    </row>
    <row r="555895" spans="14:14">
      <c r="N555895" s="10"/>
    </row>
    <row r="555896" spans="14:14">
      <c r="N555896" s="10"/>
    </row>
    <row r="555897" spans="14:14">
      <c r="N555897" s="10"/>
    </row>
    <row r="555898" spans="14:14">
      <c r="N555898" s="10"/>
    </row>
    <row r="555899" spans="14:14">
      <c r="N555899" s="10"/>
    </row>
    <row r="555900" spans="14:14">
      <c r="N555900" s="10"/>
    </row>
    <row r="555901" spans="14:14">
      <c r="N555901" s="10"/>
    </row>
    <row r="555902" spans="14:14">
      <c r="N555902" s="10"/>
    </row>
    <row r="555903" spans="14:14">
      <c r="N555903" s="10"/>
    </row>
    <row r="555904" spans="14:14">
      <c r="N555904" s="10"/>
    </row>
    <row r="555905" spans="14:14">
      <c r="N555905" s="10"/>
    </row>
    <row r="555906" spans="14:14">
      <c r="N555906" s="10"/>
    </row>
    <row r="555907" spans="14:14">
      <c r="N555907" s="10"/>
    </row>
    <row r="555908" spans="14:14">
      <c r="N555908" s="10"/>
    </row>
    <row r="555909" spans="14:14">
      <c r="N555909" s="10"/>
    </row>
    <row r="555910" spans="14:14">
      <c r="N555910" s="10"/>
    </row>
    <row r="555911" spans="14:14">
      <c r="N555911" s="10"/>
    </row>
    <row r="555912" spans="14:14">
      <c r="N555912" s="10"/>
    </row>
    <row r="555913" spans="14:14">
      <c r="N555913" s="10"/>
    </row>
    <row r="555914" spans="14:14">
      <c r="N555914" s="10"/>
    </row>
    <row r="555915" spans="14:14">
      <c r="N555915" s="10"/>
    </row>
    <row r="555916" spans="14:14">
      <c r="N555916" s="10"/>
    </row>
    <row r="555917" spans="14:14">
      <c r="N555917" s="10"/>
    </row>
    <row r="555918" spans="14:14">
      <c r="N555918" s="10"/>
    </row>
    <row r="555919" spans="14:14">
      <c r="N555919" s="10"/>
    </row>
    <row r="555920" spans="14:14">
      <c r="N555920" s="10"/>
    </row>
    <row r="555921" spans="14:14">
      <c r="N555921" s="10"/>
    </row>
    <row r="555922" spans="14:14">
      <c r="N555922" s="10"/>
    </row>
    <row r="555923" spans="14:14">
      <c r="N555923" s="10"/>
    </row>
    <row r="555924" spans="14:14">
      <c r="N555924" s="10"/>
    </row>
    <row r="555925" spans="14:14">
      <c r="N555925" s="10"/>
    </row>
    <row r="555926" spans="14:14">
      <c r="N555926" s="10"/>
    </row>
    <row r="555927" spans="14:14">
      <c r="N555927" s="10"/>
    </row>
    <row r="555928" spans="14:14">
      <c r="N555928" s="10"/>
    </row>
    <row r="555929" spans="14:14">
      <c r="N555929" s="10"/>
    </row>
    <row r="555930" spans="14:14">
      <c r="N555930" s="10"/>
    </row>
    <row r="555931" spans="14:14">
      <c r="N555931" s="10"/>
    </row>
    <row r="555932" spans="14:14">
      <c r="N555932" s="10"/>
    </row>
    <row r="555933" spans="14:14">
      <c r="N555933" s="10"/>
    </row>
    <row r="555934" spans="14:14">
      <c r="N555934" s="10"/>
    </row>
    <row r="555935" spans="14:14">
      <c r="N555935" s="10"/>
    </row>
    <row r="555936" spans="14:14">
      <c r="N555936" s="10"/>
    </row>
    <row r="555937" spans="14:14">
      <c r="N555937" s="10"/>
    </row>
    <row r="555938" spans="14:14">
      <c r="N555938" s="10"/>
    </row>
    <row r="555939" spans="14:14">
      <c r="N555939" s="10"/>
    </row>
    <row r="555940" spans="14:14">
      <c r="N555940" s="10"/>
    </row>
    <row r="555941" spans="14:14">
      <c r="N555941" s="10"/>
    </row>
    <row r="555942" spans="14:14">
      <c r="N555942" s="10"/>
    </row>
    <row r="555943" spans="14:14">
      <c r="N555943" s="10"/>
    </row>
    <row r="555944" spans="14:14">
      <c r="N555944" s="10"/>
    </row>
    <row r="555945" spans="14:14">
      <c r="N555945" s="10"/>
    </row>
    <row r="555946" spans="14:14">
      <c r="N555946" s="10"/>
    </row>
    <row r="555947" spans="14:14">
      <c r="N555947" s="10"/>
    </row>
    <row r="555948" spans="14:14">
      <c r="N555948" s="10"/>
    </row>
    <row r="555949" spans="14:14">
      <c r="N555949" s="10"/>
    </row>
    <row r="555950" spans="14:14">
      <c r="N555950" s="10"/>
    </row>
    <row r="555951" spans="14:14">
      <c r="N555951" s="10"/>
    </row>
    <row r="555952" spans="14:14">
      <c r="N555952" s="10"/>
    </row>
    <row r="555953" spans="14:14">
      <c r="N555953" s="10"/>
    </row>
    <row r="555954" spans="14:14">
      <c r="N555954" s="10"/>
    </row>
    <row r="555955" spans="14:14">
      <c r="N555955" s="10"/>
    </row>
    <row r="555956" spans="14:14">
      <c r="N555956" s="10"/>
    </row>
    <row r="555957" spans="14:14">
      <c r="N555957" s="10"/>
    </row>
    <row r="555958" spans="14:14">
      <c r="N555958" s="10"/>
    </row>
    <row r="555959" spans="14:14">
      <c r="N555959" s="10"/>
    </row>
    <row r="555960" spans="14:14">
      <c r="N555960" s="10"/>
    </row>
    <row r="555961" spans="14:14">
      <c r="N555961" s="10"/>
    </row>
    <row r="555962" spans="14:14">
      <c r="N555962" s="10"/>
    </row>
    <row r="555963" spans="14:14">
      <c r="N555963" s="10"/>
    </row>
    <row r="555964" spans="14:14">
      <c r="N555964" s="10"/>
    </row>
    <row r="555965" spans="14:14">
      <c r="N555965" s="10"/>
    </row>
    <row r="555966" spans="14:14">
      <c r="N555966" s="10"/>
    </row>
    <row r="555967" spans="14:14">
      <c r="N555967" s="10"/>
    </row>
    <row r="555968" spans="14:14">
      <c r="N555968" s="10"/>
    </row>
    <row r="555969" spans="14:14">
      <c r="N555969" s="10"/>
    </row>
    <row r="555970" spans="14:14">
      <c r="N555970" s="10"/>
    </row>
    <row r="555971" spans="14:14">
      <c r="N555971" s="10"/>
    </row>
    <row r="555972" spans="14:14">
      <c r="N555972" s="10"/>
    </row>
    <row r="555973" spans="14:14">
      <c r="N555973" s="10"/>
    </row>
    <row r="555974" spans="14:14">
      <c r="N555974" s="10"/>
    </row>
    <row r="555975" spans="14:14">
      <c r="N555975" s="10"/>
    </row>
    <row r="555976" spans="14:14">
      <c r="N555976" s="10"/>
    </row>
    <row r="555977" spans="14:14">
      <c r="N555977" s="10"/>
    </row>
    <row r="555978" spans="14:14">
      <c r="N555978" s="10"/>
    </row>
    <row r="555979" spans="14:14">
      <c r="N555979" s="10"/>
    </row>
    <row r="555980" spans="14:14">
      <c r="N555980" s="10"/>
    </row>
    <row r="555981" spans="14:14">
      <c r="N555981" s="10"/>
    </row>
    <row r="555982" spans="14:14">
      <c r="N555982" s="10"/>
    </row>
    <row r="555983" spans="14:14">
      <c r="N555983" s="10"/>
    </row>
    <row r="555984" spans="14:14">
      <c r="N555984" s="10"/>
    </row>
    <row r="555985" spans="14:14">
      <c r="N555985" s="10"/>
    </row>
    <row r="555986" spans="14:14">
      <c r="N555986" s="10"/>
    </row>
    <row r="555987" spans="14:14">
      <c r="N555987" s="10"/>
    </row>
    <row r="555988" spans="14:14">
      <c r="N555988" s="10"/>
    </row>
    <row r="555989" spans="14:14">
      <c r="N555989" s="10"/>
    </row>
    <row r="555990" spans="14:14">
      <c r="N555990" s="10"/>
    </row>
    <row r="555991" spans="14:14">
      <c r="N555991" s="10"/>
    </row>
    <row r="555992" spans="14:14">
      <c r="N555992" s="10"/>
    </row>
    <row r="555993" spans="14:14">
      <c r="N555993" s="10"/>
    </row>
    <row r="555994" spans="14:14">
      <c r="N555994" s="10"/>
    </row>
    <row r="555995" spans="14:14">
      <c r="N555995" s="10"/>
    </row>
    <row r="555996" spans="14:14">
      <c r="N555996" s="10"/>
    </row>
    <row r="555997" spans="14:14">
      <c r="N555997" s="10"/>
    </row>
    <row r="555998" spans="14:14">
      <c r="N555998" s="10"/>
    </row>
    <row r="555999" spans="14:14">
      <c r="N555999" s="10"/>
    </row>
    <row r="556000" spans="14:14">
      <c r="N556000" s="10"/>
    </row>
    <row r="556001" spans="14:14">
      <c r="N556001" s="10"/>
    </row>
    <row r="556002" spans="14:14">
      <c r="N556002" s="10"/>
    </row>
    <row r="556003" spans="14:14">
      <c r="N556003" s="10"/>
    </row>
    <row r="556004" spans="14:14">
      <c r="N556004" s="10"/>
    </row>
    <row r="556005" spans="14:14">
      <c r="N556005" s="10"/>
    </row>
    <row r="556006" spans="14:14">
      <c r="N556006" s="10"/>
    </row>
    <row r="556007" spans="14:14">
      <c r="N556007" s="10"/>
    </row>
    <row r="556008" spans="14:14">
      <c r="N556008" s="10"/>
    </row>
    <row r="556009" spans="14:14">
      <c r="N556009" s="10"/>
    </row>
    <row r="556010" spans="14:14">
      <c r="N556010" s="10"/>
    </row>
    <row r="556011" spans="14:14">
      <c r="N556011" s="10"/>
    </row>
    <row r="556012" spans="14:14">
      <c r="N556012" s="10"/>
    </row>
    <row r="556013" spans="14:14">
      <c r="N556013" s="10"/>
    </row>
    <row r="556014" spans="14:14">
      <c r="N556014" s="10"/>
    </row>
    <row r="556015" spans="14:14">
      <c r="N556015" s="10"/>
    </row>
    <row r="556016" spans="14:14">
      <c r="N556016" s="10"/>
    </row>
    <row r="556017" spans="14:14">
      <c r="N556017" s="10"/>
    </row>
    <row r="556018" spans="14:14">
      <c r="N556018" s="10"/>
    </row>
    <row r="556019" spans="14:14">
      <c r="N556019" s="10"/>
    </row>
    <row r="556020" spans="14:14">
      <c r="N556020" s="10"/>
    </row>
    <row r="556021" spans="14:14">
      <c r="N556021" s="10"/>
    </row>
    <row r="556022" spans="14:14">
      <c r="N556022" s="10"/>
    </row>
    <row r="556023" spans="14:14">
      <c r="N556023" s="10"/>
    </row>
    <row r="556024" spans="14:14">
      <c r="N556024" s="10"/>
    </row>
    <row r="556025" spans="14:14">
      <c r="N556025" s="10"/>
    </row>
    <row r="556026" spans="14:14">
      <c r="N556026" s="10"/>
    </row>
    <row r="556027" spans="14:14">
      <c r="N556027" s="10"/>
    </row>
    <row r="556028" spans="14:14">
      <c r="N556028" s="10"/>
    </row>
    <row r="556029" spans="14:14">
      <c r="N556029" s="10"/>
    </row>
    <row r="556030" spans="14:14">
      <c r="N556030" s="10"/>
    </row>
    <row r="556031" spans="14:14">
      <c r="N556031" s="10"/>
    </row>
    <row r="556032" spans="14:14">
      <c r="N556032" s="10"/>
    </row>
    <row r="556033" spans="14:14">
      <c r="N556033" s="10"/>
    </row>
    <row r="556034" spans="14:14">
      <c r="N556034" s="10"/>
    </row>
    <row r="556035" spans="14:14">
      <c r="N556035" s="10"/>
    </row>
    <row r="556036" spans="14:14">
      <c r="N556036" s="10"/>
    </row>
    <row r="556037" spans="14:14">
      <c r="N556037" s="10"/>
    </row>
    <row r="556038" spans="14:14">
      <c r="N556038" s="10"/>
    </row>
    <row r="556039" spans="14:14">
      <c r="N556039" s="10"/>
    </row>
    <row r="556040" spans="14:14">
      <c r="N556040" s="10"/>
    </row>
    <row r="556041" spans="14:14">
      <c r="N556041" s="10"/>
    </row>
    <row r="556042" spans="14:14">
      <c r="N556042" s="10"/>
    </row>
    <row r="556043" spans="14:14">
      <c r="N556043" s="10"/>
    </row>
    <row r="556044" spans="14:14">
      <c r="N556044" s="10"/>
    </row>
    <row r="556045" spans="14:14">
      <c r="N556045" s="10"/>
    </row>
    <row r="556046" spans="14:14">
      <c r="N556046" s="10"/>
    </row>
    <row r="556047" spans="14:14">
      <c r="N556047" s="10"/>
    </row>
    <row r="556048" spans="14:14">
      <c r="N556048" s="10"/>
    </row>
    <row r="556049" spans="14:14">
      <c r="N556049" s="10"/>
    </row>
    <row r="556050" spans="14:14">
      <c r="N556050" s="10"/>
    </row>
    <row r="556051" spans="14:14">
      <c r="N556051" s="10"/>
    </row>
    <row r="556052" spans="14:14">
      <c r="N556052" s="10"/>
    </row>
    <row r="556053" spans="14:14">
      <c r="N556053" s="10"/>
    </row>
    <row r="556054" spans="14:14">
      <c r="N556054" s="10"/>
    </row>
    <row r="556055" spans="14:14">
      <c r="N556055" s="10"/>
    </row>
    <row r="556056" spans="14:14">
      <c r="N556056" s="10"/>
    </row>
    <row r="556057" spans="14:14">
      <c r="N556057" s="10"/>
    </row>
    <row r="556058" spans="14:14">
      <c r="N556058" s="10"/>
    </row>
    <row r="556059" spans="14:14">
      <c r="N556059" s="10"/>
    </row>
    <row r="556060" spans="14:14">
      <c r="N556060" s="10"/>
    </row>
    <row r="556061" spans="14:14">
      <c r="N556061" s="10"/>
    </row>
    <row r="556062" spans="14:14">
      <c r="N556062" s="10"/>
    </row>
    <row r="556063" spans="14:14">
      <c r="N556063" s="10"/>
    </row>
    <row r="556064" spans="14:14">
      <c r="N556064" s="10"/>
    </row>
    <row r="556065" spans="14:14">
      <c r="N556065" s="10"/>
    </row>
    <row r="556066" spans="14:14">
      <c r="N556066" s="10"/>
    </row>
    <row r="556067" spans="14:14">
      <c r="N556067" s="10"/>
    </row>
    <row r="556068" spans="14:14">
      <c r="N556068" s="10"/>
    </row>
    <row r="556069" spans="14:14">
      <c r="N556069" s="10"/>
    </row>
    <row r="556070" spans="14:14">
      <c r="N556070" s="10"/>
    </row>
    <row r="556071" spans="14:14">
      <c r="N556071" s="10"/>
    </row>
    <row r="556072" spans="14:14">
      <c r="N556072" s="10"/>
    </row>
    <row r="556073" spans="14:14">
      <c r="N556073" s="10"/>
    </row>
    <row r="556074" spans="14:14">
      <c r="N556074" s="10"/>
    </row>
    <row r="556075" spans="14:14">
      <c r="N556075" s="10"/>
    </row>
    <row r="556076" spans="14:14">
      <c r="N556076" s="10"/>
    </row>
    <row r="556077" spans="14:14">
      <c r="N556077" s="10"/>
    </row>
    <row r="556078" spans="14:14">
      <c r="N556078" s="10"/>
    </row>
    <row r="556079" spans="14:14">
      <c r="N556079" s="10"/>
    </row>
    <row r="556080" spans="14:14">
      <c r="N556080" s="10"/>
    </row>
    <row r="556081" spans="14:14">
      <c r="N556081" s="10"/>
    </row>
    <row r="556082" spans="14:14">
      <c r="N556082" s="10"/>
    </row>
    <row r="556083" spans="14:14">
      <c r="N556083" s="10"/>
    </row>
    <row r="556084" spans="14:14">
      <c r="N556084" s="10"/>
    </row>
    <row r="556085" spans="14:14">
      <c r="N556085" s="10"/>
    </row>
    <row r="556086" spans="14:14">
      <c r="N556086" s="10"/>
    </row>
    <row r="556087" spans="14:14">
      <c r="N556087" s="10"/>
    </row>
    <row r="556088" spans="14:14">
      <c r="N556088" s="10"/>
    </row>
    <row r="556089" spans="14:14">
      <c r="N556089" s="10"/>
    </row>
    <row r="556090" spans="14:14">
      <c r="N556090" s="10"/>
    </row>
    <row r="556091" spans="14:14">
      <c r="N556091" s="10"/>
    </row>
    <row r="556092" spans="14:14">
      <c r="N556092" s="10"/>
    </row>
    <row r="556093" spans="14:14">
      <c r="N556093" s="10"/>
    </row>
    <row r="556094" spans="14:14">
      <c r="N556094" s="10"/>
    </row>
    <row r="556095" spans="14:14">
      <c r="N556095" s="10"/>
    </row>
    <row r="556096" spans="14:14">
      <c r="N556096" s="10"/>
    </row>
    <row r="556097" spans="14:14">
      <c r="N556097" s="10"/>
    </row>
    <row r="556098" spans="14:14">
      <c r="N556098" s="10"/>
    </row>
    <row r="556099" spans="14:14">
      <c r="N556099" s="10"/>
    </row>
    <row r="556100" spans="14:14">
      <c r="N556100" s="10"/>
    </row>
    <row r="556101" spans="14:14">
      <c r="N556101" s="10"/>
    </row>
    <row r="556102" spans="14:14">
      <c r="N556102" s="10"/>
    </row>
    <row r="556103" spans="14:14">
      <c r="N556103" s="10"/>
    </row>
    <row r="556104" spans="14:14">
      <c r="N556104" s="10"/>
    </row>
    <row r="556105" spans="14:14">
      <c r="N556105" s="10"/>
    </row>
    <row r="556106" spans="14:14">
      <c r="N556106" s="10"/>
    </row>
    <row r="556107" spans="14:14">
      <c r="N556107" s="10"/>
    </row>
    <row r="556108" spans="14:14">
      <c r="N556108" s="10"/>
    </row>
    <row r="556109" spans="14:14">
      <c r="N556109" s="10"/>
    </row>
    <row r="556110" spans="14:14">
      <c r="N556110" s="10"/>
    </row>
    <row r="556111" spans="14:14">
      <c r="N556111" s="10"/>
    </row>
    <row r="556112" spans="14:14">
      <c r="N556112" s="10"/>
    </row>
    <row r="556113" spans="14:14">
      <c r="N556113" s="10"/>
    </row>
    <row r="556114" spans="14:14">
      <c r="N556114" s="10"/>
    </row>
    <row r="556115" spans="14:14">
      <c r="N556115" s="10"/>
    </row>
    <row r="556116" spans="14:14">
      <c r="N556116" s="10"/>
    </row>
    <row r="556117" spans="14:14">
      <c r="N556117" s="10"/>
    </row>
    <row r="556118" spans="14:14">
      <c r="N556118" s="10"/>
    </row>
    <row r="556119" spans="14:14">
      <c r="N556119" s="10"/>
    </row>
    <row r="556120" spans="14:14">
      <c r="N556120" s="10"/>
    </row>
    <row r="556121" spans="14:14">
      <c r="N556121" s="10"/>
    </row>
    <row r="556122" spans="14:14">
      <c r="N556122" s="10"/>
    </row>
    <row r="556123" spans="14:14">
      <c r="N556123" s="10"/>
    </row>
    <row r="556124" spans="14:14">
      <c r="N556124" s="10"/>
    </row>
    <row r="556125" spans="14:14">
      <c r="N556125" s="10"/>
    </row>
    <row r="556126" spans="14:14">
      <c r="N556126" s="10"/>
    </row>
    <row r="556127" spans="14:14">
      <c r="N556127" s="10"/>
    </row>
    <row r="556128" spans="14:14">
      <c r="N556128" s="10"/>
    </row>
    <row r="556129" spans="14:14">
      <c r="N556129" s="10"/>
    </row>
    <row r="556130" spans="14:14">
      <c r="N556130" s="10"/>
    </row>
    <row r="556131" spans="14:14">
      <c r="N556131" s="10"/>
    </row>
    <row r="556132" spans="14:14">
      <c r="N556132" s="10"/>
    </row>
    <row r="556133" spans="14:14">
      <c r="N556133" s="10"/>
    </row>
    <row r="556134" spans="14:14">
      <c r="N556134" s="10"/>
    </row>
    <row r="556135" spans="14:14">
      <c r="N556135" s="10"/>
    </row>
    <row r="556136" spans="14:14">
      <c r="N556136" s="10"/>
    </row>
    <row r="556137" spans="14:14">
      <c r="N556137" s="10"/>
    </row>
    <row r="556138" spans="14:14">
      <c r="N556138" s="10"/>
    </row>
    <row r="556139" spans="14:14">
      <c r="N556139" s="10"/>
    </row>
    <row r="556140" spans="14:14">
      <c r="N556140" s="10"/>
    </row>
    <row r="556141" spans="14:14">
      <c r="N556141" s="10"/>
    </row>
    <row r="556142" spans="14:14">
      <c r="N556142" s="10"/>
    </row>
    <row r="556143" spans="14:14">
      <c r="N556143" s="10"/>
    </row>
    <row r="556144" spans="14:14">
      <c r="N556144" s="10"/>
    </row>
    <row r="556145" spans="14:14">
      <c r="N556145" s="10"/>
    </row>
    <row r="556146" spans="14:14">
      <c r="N556146" s="10"/>
    </row>
    <row r="556147" spans="14:14">
      <c r="N556147" s="10"/>
    </row>
    <row r="556148" spans="14:14">
      <c r="N556148" s="10"/>
    </row>
    <row r="556149" spans="14:14">
      <c r="N556149" s="10"/>
    </row>
    <row r="556150" spans="14:14">
      <c r="N556150" s="10"/>
    </row>
    <row r="556151" spans="14:14">
      <c r="N556151" s="10"/>
    </row>
    <row r="556152" spans="14:14">
      <c r="N556152" s="10"/>
    </row>
    <row r="556153" spans="14:14">
      <c r="N556153" s="10"/>
    </row>
    <row r="556154" spans="14:14">
      <c r="N556154" s="10"/>
    </row>
    <row r="556155" spans="14:14">
      <c r="N556155" s="10"/>
    </row>
    <row r="556156" spans="14:14">
      <c r="N556156" s="10"/>
    </row>
    <row r="556157" spans="14:14">
      <c r="N556157" s="10"/>
    </row>
    <row r="556158" spans="14:14">
      <c r="N556158" s="10"/>
    </row>
    <row r="556159" spans="14:14">
      <c r="N556159" s="10"/>
    </row>
    <row r="556160" spans="14:14">
      <c r="N556160" s="10"/>
    </row>
    <row r="556161" spans="14:14">
      <c r="N556161" s="10"/>
    </row>
    <row r="556162" spans="14:14">
      <c r="N556162" s="10"/>
    </row>
    <row r="556163" spans="14:14">
      <c r="N556163" s="10"/>
    </row>
    <row r="556164" spans="14:14">
      <c r="N556164" s="10"/>
    </row>
    <row r="556165" spans="14:14">
      <c r="N556165" s="10"/>
    </row>
    <row r="556166" spans="14:14">
      <c r="N556166" s="10"/>
    </row>
    <row r="556167" spans="14:14">
      <c r="N556167" s="10"/>
    </row>
    <row r="556168" spans="14:14">
      <c r="N556168" s="10"/>
    </row>
    <row r="556169" spans="14:14">
      <c r="N556169" s="10"/>
    </row>
    <row r="556170" spans="14:14">
      <c r="N556170" s="10"/>
    </row>
    <row r="556171" spans="14:14">
      <c r="N556171" s="10"/>
    </row>
    <row r="556172" spans="14:14">
      <c r="N556172" s="10"/>
    </row>
    <row r="556173" spans="14:14">
      <c r="N556173" s="10"/>
    </row>
    <row r="556174" spans="14:14">
      <c r="N556174" s="10"/>
    </row>
    <row r="556175" spans="14:14">
      <c r="N556175" s="10"/>
    </row>
    <row r="556176" spans="14:14">
      <c r="N556176" s="10"/>
    </row>
    <row r="556177" spans="14:14">
      <c r="N556177" s="10"/>
    </row>
    <row r="556178" spans="14:14">
      <c r="N556178" s="10"/>
    </row>
    <row r="556179" spans="14:14">
      <c r="N556179" s="10"/>
    </row>
    <row r="556180" spans="14:14">
      <c r="N556180" s="10"/>
    </row>
    <row r="556181" spans="14:14">
      <c r="N556181" s="10"/>
    </row>
    <row r="556182" spans="14:14">
      <c r="N556182" s="10"/>
    </row>
    <row r="556183" spans="14:14">
      <c r="N556183" s="10"/>
    </row>
    <row r="556184" spans="14:14">
      <c r="N556184" s="10"/>
    </row>
    <row r="556185" spans="14:14">
      <c r="N556185" s="10"/>
    </row>
    <row r="556186" spans="14:14">
      <c r="N556186" s="10"/>
    </row>
    <row r="556187" spans="14:14">
      <c r="N556187" s="10"/>
    </row>
    <row r="556188" spans="14:14">
      <c r="N556188" s="10"/>
    </row>
    <row r="556189" spans="14:14">
      <c r="N556189" s="10"/>
    </row>
    <row r="556190" spans="14:14">
      <c r="N556190" s="10"/>
    </row>
    <row r="556191" spans="14:14">
      <c r="N556191" s="10"/>
    </row>
    <row r="556192" spans="14:14">
      <c r="N556192" s="10"/>
    </row>
    <row r="556193" spans="14:14">
      <c r="N556193" s="10"/>
    </row>
    <row r="556194" spans="14:14">
      <c r="N556194" s="10"/>
    </row>
    <row r="556195" spans="14:14">
      <c r="N556195" s="10"/>
    </row>
    <row r="556196" spans="14:14">
      <c r="N556196" s="10"/>
    </row>
    <row r="556197" spans="14:14">
      <c r="N556197" s="10"/>
    </row>
    <row r="556198" spans="14:14">
      <c r="N556198" s="10"/>
    </row>
    <row r="556199" spans="14:14">
      <c r="N556199" s="10"/>
    </row>
    <row r="556200" spans="14:14">
      <c r="N556200" s="10"/>
    </row>
    <row r="556201" spans="14:14">
      <c r="N556201" s="10"/>
    </row>
    <row r="556202" spans="14:14">
      <c r="N556202" s="10"/>
    </row>
    <row r="556203" spans="14:14">
      <c r="N556203" s="10"/>
    </row>
    <row r="556204" spans="14:14">
      <c r="N556204" s="10"/>
    </row>
    <row r="556205" spans="14:14">
      <c r="N556205" s="10"/>
    </row>
    <row r="556206" spans="14:14">
      <c r="N556206" s="10"/>
    </row>
    <row r="556207" spans="14:14">
      <c r="N556207" s="10"/>
    </row>
    <row r="556208" spans="14:14">
      <c r="N556208" s="10"/>
    </row>
    <row r="556209" spans="14:14">
      <c r="N556209" s="10"/>
    </row>
    <row r="556210" spans="14:14">
      <c r="N556210" s="10"/>
    </row>
    <row r="556211" spans="14:14">
      <c r="N556211" s="10"/>
    </row>
    <row r="556212" spans="14:14">
      <c r="N556212" s="10"/>
    </row>
    <row r="556213" spans="14:14">
      <c r="N556213" s="10"/>
    </row>
    <row r="556214" spans="14:14">
      <c r="N556214" s="10"/>
    </row>
    <row r="556215" spans="14:14">
      <c r="N556215" s="10"/>
    </row>
    <row r="556216" spans="14:14">
      <c r="N556216" s="10"/>
    </row>
    <row r="556217" spans="14:14">
      <c r="N556217" s="10"/>
    </row>
    <row r="556218" spans="14:14">
      <c r="N556218" s="10"/>
    </row>
    <row r="556219" spans="14:14">
      <c r="N556219" s="10"/>
    </row>
    <row r="556220" spans="14:14">
      <c r="N556220" s="10"/>
    </row>
    <row r="556221" spans="14:14">
      <c r="N556221" s="10"/>
    </row>
    <row r="556222" spans="14:14">
      <c r="N556222" s="10"/>
    </row>
    <row r="556223" spans="14:14">
      <c r="N556223" s="10"/>
    </row>
    <row r="556224" spans="14:14">
      <c r="N556224" s="10"/>
    </row>
    <row r="556225" spans="14:14">
      <c r="N556225" s="10"/>
    </row>
    <row r="556226" spans="14:14">
      <c r="N556226" s="10"/>
    </row>
    <row r="556227" spans="14:14">
      <c r="N556227" s="10"/>
    </row>
    <row r="556228" spans="14:14">
      <c r="N556228" s="10"/>
    </row>
    <row r="556229" spans="14:14">
      <c r="N556229" s="10"/>
    </row>
    <row r="556230" spans="14:14">
      <c r="N556230" s="10"/>
    </row>
    <row r="556231" spans="14:14">
      <c r="N556231" s="10"/>
    </row>
    <row r="556232" spans="14:14">
      <c r="N556232" s="10"/>
    </row>
    <row r="556233" spans="14:14">
      <c r="N556233" s="10"/>
    </row>
    <row r="556234" spans="14:14">
      <c r="N556234" s="10"/>
    </row>
    <row r="556235" spans="14:14">
      <c r="N556235" s="10"/>
    </row>
    <row r="556236" spans="14:14">
      <c r="N556236" s="10"/>
    </row>
    <row r="556237" spans="14:14">
      <c r="N556237" s="10"/>
    </row>
    <row r="556238" spans="14:14">
      <c r="N556238" s="10"/>
    </row>
    <row r="556239" spans="14:14">
      <c r="N556239" s="10"/>
    </row>
    <row r="556240" spans="14:14">
      <c r="N556240" s="10"/>
    </row>
    <row r="556241" spans="14:14">
      <c r="N556241" s="10"/>
    </row>
    <row r="556242" spans="14:14">
      <c r="N556242" s="10"/>
    </row>
    <row r="556243" spans="14:14">
      <c r="N556243" s="10"/>
    </row>
    <row r="556244" spans="14:14">
      <c r="N556244" s="10"/>
    </row>
    <row r="556245" spans="14:14">
      <c r="N556245" s="10"/>
    </row>
    <row r="556246" spans="14:14">
      <c r="N556246" s="10"/>
    </row>
    <row r="556247" spans="14:14">
      <c r="N556247" s="10"/>
    </row>
    <row r="556248" spans="14:14">
      <c r="N556248" s="10"/>
    </row>
    <row r="556249" spans="14:14">
      <c r="N556249" s="10"/>
    </row>
    <row r="556250" spans="14:14">
      <c r="N556250" s="10"/>
    </row>
    <row r="556251" spans="14:14">
      <c r="N556251" s="10"/>
    </row>
    <row r="556252" spans="14:14">
      <c r="N556252" s="10"/>
    </row>
    <row r="556253" spans="14:14">
      <c r="N556253" s="10"/>
    </row>
    <row r="556254" spans="14:14">
      <c r="N556254" s="10"/>
    </row>
    <row r="556255" spans="14:14">
      <c r="N556255" s="10"/>
    </row>
    <row r="556256" spans="14:14">
      <c r="N556256" s="10"/>
    </row>
    <row r="556257" spans="14:14">
      <c r="N556257" s="10"/>
    </row>
    <row r="556258" spans="14:14">
      <c r="N556258" s="10"/>
    </row>
    <row r="556259" spans="14:14">
      <c r="N556259" s="10"/>
    </row>
    <row r="556260" spans="14:14">
      <c r="N556260" s="10"/>
    </row>
    <row r="556261" spans="14:14">
      <c r="N556261" s="10"/>
    </row>
    <row r="556262" spans="14:14">
      <c r="N556262" s="10"/>
    </row>
    <row r="556263" spans="14:14">
      <c r="N556263" s="10"/>
    </row>
    <row r="556264" spans="14:14">
      <c r="N556264" s="10"/>
    </row>
    <row r="556265" spans="14:14">
      <c r="N556265" s="10"/>
    </row>
    <row r="556266" spans="14:14">
      <c r="N556266" s="10"/>
    </row>
    <row r="556267" spans="14:14">
      <c r="N556267" s="10"/>
    </row>
    <row r="556268" spans="14:14">
      <c r="N556268" s="10"/>
    </row>
    <row r="556269" spans="14:14">
      <c r="N556269" s="10"/>
    </row>
    <row r="556270" spans="14:14">
      <c r="N556270" s="10"/>
    </row>
    <row r="556271" spans="14:14">
      <c r="N556271" s="10"/>
    </row>
    <row r="556272" spans="14:14">
      <c r="N556272" s="10"/>
    </row>
    <row r="556273" spans="14:14">
      <c r="N556273" s="10"/>
    </row>
    <row r="556274" spans="14:14">
      <c r="N556274" s="10"/>
    </row>
    <row r="556275" spans="14:14">
      <c r="N556275" s="10"/>
    </row>
    <row r="556276" spans="14:14">
      <c r="N556276" s="10"/>
    </row>
    <row r="556277" spans="14:14">
      <c r="N556277" s="10"/>
    </row>
    <row r="556278" spans="14:14">
      <c r="N556278" s="10"/>
    </row>
    <row r="556279" spans="14:14">
      <c r="N556279" s="10"/>
    </row>
    <row r="556280" spans="14:14">
      <c r="N556280" s="10"/>
    </row>
    <row r="556281" spans="14:14">
      <c r="N556281" s="10"/>
    </row>
    <row r="556282" spans="14:14">
      <c r="N556282" s="10"/>
    </row>
    <row r="556283" spans="14:14">
      <c r="N556283" s="10"/>
    </row>
    <row r="556284" spans="14:14">
      <c r="N556284" s="10"/>
    </row>
    <row r="556285" spans="14:14">
      <c r="N556285" s="10"/>
    </row>
    <row r="556286" spans="14:14">
      <c r="N556286" s="10"/>
    </row>
    <row r="556287" spans="14:14">
      <c r="N556287" s="10"/>
    </row>
    <row r="556288" spans="14:14">
      <c r="N556288" s="10"/>
    </row>
    <row r="556289" spans="14:14">
      <c r="N556289" s="10"/>
    </row>
    <row r="556290" spans="14:14">
      <c r="N556290" s="10"/>
    </row>
    <row r="556291" spans="14:14">
      <c r="N556291" s="10"/>
    </row>
    <row r="556292" spans="14:14">
      <c r="N556292" s="10"/>
    </row>
    <row r="556293" spans="14:14">
      <c r="N556293" s="10"/>
    </row>
    <row r="556294" spans="14:14">
      <c r="N556294" s="10"/>
    </row>
    <row r="556295" spans="14:14">
      <c r="N556295" s="10"/>
    </row>
    <row r="556296" spans="14:14">
      <c r="N556296" s="10"/>
    </row>
    <row r="556297" spans="14:14">
      <c r="N556297" s="10"/>
    </row>
    <row r="556298" spans="14:14">
      <c r="N556298" s="10"/>
    </row>
    <row r="556299" spans="14:14">
      <c r="N556299" s="10"/>
    </row>
    <row r="556300" spans="14:14">
      <c r="N556300" s="10"/>
    </row>
    <row r="556301" spans="14:14">
      <c r="N556301" s="10"/>
    </row>
    <row r="556302" spans="14:14">
      <c r="N556302" s="10"/>
    </row>
    <row r="556303" spans="14:14">
      <c r="N556303" s="10"/>
    </row>
    <row r="556304" spans="14:14">
      <c r="N556304" s="10"/>
    </row>
    <row r="556305" spans="14:14">
      <c r="N556305" s="10"/>
    </row>
    <row r="556306" spans="14:14">
      <c r="N556306" s="10"/>
    </row>
    <row r="556307" spans="14:14">
      <c r="N556307" s="10"/>
    </row>
    <row r="556308" spans="14:14">
      <c r="N556308" s="10"/>
    </row>
    <row r="556309" spans="14:14">
      <c r="N556309" s="10"/>
    </row>
    <row r="556310" spans="14:14">
      <c r="N556310" s="10"/>
    </row>
    <row r="556311" spans="14:14">
      <c r="N556311" s="10"/>
    </row>
    <row r="556312" spans="14:14">
      <c r="N556312" s="10"/>
    </row>
    <row r="556313" spans="14:14">
      <c r="N556313" s="10"/>
    </row>
    <row r="556314" spans="14:14">
      <c r="N556314" s="10"/>
    </row>
    <row r="556315" spans="14:14">
      <c r="N556315" s="10"/>
    </row>
    <row r="556316" spans="14:14">
      <c r="N556316" s="10"/>
    </row>
    <row r="556317" spans="14:14">
      <c r="N556317" s="10"/>
    </row>
    <row r="556318" spans="14:14">
      <c r="N556318" s="10"/>
    </row>
    <row r="556319" spans="14:14">
      <c r="N556319" s="10"/>
    </row>
    <row r="556320" spans="14:14">
      <c r="N556320" s="10"/>
    </row>
    <row r="556321" spans="14:14">
      <c r="N556321" s="10"/>
    </row>
    <row r="556322" spans="14:14">
      <c r="N556322" s="10"/>
    </row>
    <row r="556323" spans="14:14">
      <c r="N556323" s="10"/>
    </row>
    <row r="556324" spans="14:14">
      <c r="N556324" s="10"/>
    </row>
    <row r="556325" spans="14:14">
      <c r="N556325" s="10"/>
    </row>
    <row r="556326" spans="14:14">
      <c r="N556326" s="10"/>
    </row>
    <row r="556327" spans="14:14">
      <c r="N556327" s="10"/>
    </row>
    <row r="556328" spans="14:14">
      <c r="N556328" s="10"/>
    </row>
    <row r="556329" spans="14:14">
      <c r="N556329" s="10"/>
    </row>
    <row r="556330" spans="14:14">
      <c r="N556330" s="10"/>
    </row>
    <row r="556331" spans="14:14">
      <c r="N556331" s="10"/>
    </row>
    <row r="556332" spans="14:14">
      <c r="N556332" s="10"/>
    </row>
    <row r="556333" spans="14:14">
      <c r="N556333" s="10"/>
    </row>
    <row r="556334" spans="14:14">
      <c r="N556334" s="10"/>
    </row>
    <row r="556335" spans="14:14">
      <c r="N556335" s="10"/>
    </row>
    <row r="556336" spans="14:14">
      <c r="N556336" s="10"/>
    </row>
    <row r="556337" spans="14:14">
      <c r="N556337" s="10"/>
    </row>
    <row r="556338" spans="14:14">
      <c r="N556338" s="10"/>
    </row>
    <row r="556339" spans="14:14">
      <c r="N556339" s="10"/>
    </row>
    <row r="556340" spans="14:14">
      <c r="N556340" s="10"/>
    </row>
    <row r="556341" spans="14:14">
      <c r="N556341" s="10"/>
    </row>
    <row r="556342" spans="14:14">
      <c r="N556342" s="10"/>
    </row>
    <row r="556343" spans="14:14">
      <c r="N556343" s="10"/>
    </row>
    <row r="556344" spans="14:14">
      <c r="N556344" s="10"/>
    </row>
    <row r="556345" spans="14:14">
      <c r="N556345" s="10"/>
    </row>
    <row r="556346" spans="14:14">
      <c r="N556346" s="10"/>
    </row>
    <row r="556347" spans="14:14">
      <c r="N556347" s="10"/>
    </row>
    <row r="556348" spans="14:14">
      <c r="N556348" s="10"/>
    </row>
    <row r="556349" spans="14:14">
      <c r="N556349" s="10"/>
    </row>
    <row r="556350" spans="14:14">
      <c r="N556350" s="10"/>
    </row>
    <row r="556351" spans="14:14">
      <c r="N556351" s="10"/>
    </row>
    <row r="556352" spans="14:14">
      <c r="N556352" s="10"/>
    </row>
    <row r="556353" spans="14:14">
      <c r="N556353" s="10"/>
    </row>
    <row r="556354" spans="14:14">
      <c r="N556354" s="10"/>
    </row>
    <row r="556355" spans="14:14">
      <c r="N556355" s="10"/>
    </row>
    <row r="556356" spans="14:14">
      <c r="N556356" s="10"/>
    </row>
    <row r="556357" spans="14:14">
      <c r="N556357" s="10"/>
    </row>
    <row r="556358" spans="14:14">
      <c r="N556358" s="10"/>
    </row>
    <row r="556359" spans="14:14">
      <c r="N556359" s="10"/>
    </row>
    <row r="556360" spans="14:14">
      <c r="N556360" s="10"/>
    </row>
    <row r="556361" spans="14:14">
      <c r="N556361" s="10"/>
    </row>
    <row r="556362" spans="14:14">
      <c r="N556362" s="10"/>
    </row>
    <row r="556363" spans="14:14">
      <c r="N556363" s="10"/>
    </row>
    <row r="556364" spans="14:14">
      <c r="N556364" s="10"/>
    </row>
    <row r="556365" spans="14:14">
      <c r="N556365" s="10"/>
    </row>
    <row r="556366" spans="14:14">
      <c r="N556366" s="10"/>
    </row>
    <row r="556367" spans="14:14">
      <c r="N556367" s="10"/>
    </row>
    <row r="556368" spans="14:14">
      <c r="N556368" s="10"/>
    </row>
    <row r="556369" spans="14:14">
      <c r="N556369" s="10"/>
    </row>
    <row r="556370" spans="14:14">
      <c r="N556370" s="10"/>
    </row>
    <row r="556371" spans="14:14">
      <c r="N556371" s="10"/>
    </row>
    <row r="556372" spans="14:14">
      <c r="N556372" s="10"/>
    </row>
    <row r="556373" spans="14:14">
      <c r="N556373" s="10"/>
    </row>
    <row r="556374" spans="14:14">
      <c r="N556374" s="10"/>
    </row>
    <row r="556375" spans="14:14">
      <c r="N556375" s="10"/>
    </row>
    <row r="556376" spans="14:14">
      <c r="N556376" s="10"/>
    </row>
    <row r="556377" spans="14:14">
      <c r="N556377" s="10"/>
    </row>
    <row r="556378" spans="14:14">
      <c r="N556378" s="10"/>
    </row>
    <row r="556379" spans="14:14">
      <c r="N556379" s="10"/>
    </row>
    <row r="556380" spans="14:14">
      <c r="N556380" s="10"/>
    </row>
    <row r="556381" spans="14:14">
      <c r="N556381" s="10"/>
    </row>
    <row r="556382" spans="14:14">
      <c r="N556382" s="10"/>
    </row>
    <row r="556383" spans="14:14">
      <c r="N556383" s="10"/>
    </row>
    <row r="556384" spans="14:14">
      <c r="N556384" s="10"/>
    </row>
    <row r="556385" spans="14:14">
      <c r="N556385" s="10"/>
    </row>
    <row r="556386" spans="14:14">
      <c r="N556386" s="10"/>
    </row>
    <row r="556387" spans="14:14">
      <c r="N556387" s="10"/>
    </row>
    <row r="556388" spans="14:14">
      <c r="N556388" s="10"/>
    </row>
    <row r="556389" spans="14:14">
      <c r="N556389" s="10"/>
    </row>
    <row r="556390" spans="14:14">
      <c r="N556390" s="10"/>
    </row>
    <row r="556391" spans="14:14">
      <c r="N556391" s="10"/>
    </row>
    <row r="556392" spans="14:14">
      <c r="N556392" s="10"/>
    </row>
    <row r="556393" spans="14:14">
      <c r="N556393" s="10"/>
    </row>
    <row r="556394" spans="14:14">
      <c r="N556394" s="10"/>
    </row>
    <row r="556395" spans="14:14">
      <c r="N556395" s="10"/>
    </row>
    <row r="556396" spans="14:14">
      <c r="N556396" s="10"/>
    </row>
    <row r="556397" spans="14:14">
      <c r="N556397" s="10"/>
    </row>
    <row r="556398" spans="14:14">
      <c r="N556398" s="10"/>
    </row>
    <row r="556399" spans="14:14">
      <c r="N556399" s="10"/>
    </row>
    <row r="556400" spans="14:14">
      <c r="N556400" s="10"/>
    </row>
    <row r="556401" spans="14:14">
      <c r="N556401" s="10"/>
    </row>
    <row r="556402" spans="14:14">
      <c r="N556402" s="10"/>
    </row>
    <row r="556403" spans="14:14">
      <c r="N556403" s="10"/>
    </row>
    <row r="556404" spans="14:14">
      <c r="N556404" s="10"/>
    </row>
    <row r="556405" spans="14:14">
      <c r="N556405" s="10"/>
    </row>
    <row r="556406" spans="14:14">
      <c r="N556406" s="10"/>
    </row>
    <row r="556407" spans="14:14">
      <c r="N556407" s="10"/>
    </row>
    <row r="556408" spans="14:14">
      <c r="N556408" s="10"/>
    </row>
    <row r="556409" spans="14:14">
      <c r="N556409" s="10"/>
    </row>
    <row r="556410" spans="14:14">
      <c r="N556410" s="10"/>
    </row>
    <row r="556411" spans="14:14">
      <c r="N556411" s="10"/>
    </row>
    <row r="556412" spans="14:14">
      <c r="N556412" s="10"/>
    </row>
    <row r="556413" spans="14:14">
      <c r="N556413" s="10"/>
    </row>
    <row r="556414" spans="14:14">
      <c r="N556414" s="10"/>
    </row>
    <row r="556415" spans="14:14">
      <c r="N556415" s="10"/>
    </row>
    <row r="556416" spans="14:14">
      <c r="N556416" s="10"/>
    </row>
    <row r="556417" spans="14:14">
      <c r="N556417" s="10"/>
    </row>
    <row r="556418" spans="14:14">
      <c r="N556418" s="10"/>
    </row>
    <row r="556419" spans="14:14">
      <c r="N556419" s="10"/>
    </row>
    <row r="556420" spans="14:14">
      <c r="N556420" s="10"/>
    </row>
    <row r="556421" spans="14:14">
      <c r="N556421" s="10"/>
    </row>
    <row r="556422" spans="14:14">
      <c r="N556422" s="10"/>
    </row>
    <row r="556423" spans="14:14">
      <c r="N556423" s="10"/>
    </row>
    <row r="556424" spans="14:14">
      <c r="N556424" s="10"/>
    </row>
    <row r="556425" spans="14:14">
      <c r="N556425" s="10"/>
    </row>
    <row r="556426" spans="14:14">
      <c r="N556426" s="10"/>
    </row>
    <row r="556427" spans="14:14">
      <c r="N556427" s="10"/>
    </row>
    <row r="556428" spans="14:14">
      <c r="N556428" s="10"/>
    </row>
    <row r="556429" spans="14:14">
      <c r="N556429" s="10"/>
    </row>
    <row r="556430" spans="14:14">
      <c r="N556430" s="10"/>
    </row>
    <row r="556431" spans="14:14">
      <c r="N556431" s="10"/>
    </row>
    <row r="556432" spans="14:14">
      <c r="N556432" s="10"/>
    </row>
    <row r="556433" spans="14:14">
      <c r="N556433" s="10"/>
    </row>
    <row r="556434" spans="14:14">
      <c r="N556434" s="10"/>
    </row>
    <row r="556435" spans="14:14">
      <c r="N556435" s="10"/>
    </row>
    <row r="556436" spans="14:14">
      <c r="N556436" s="10"/>
    </row>
    <row r="556437" spans="14:14">
      <c r="N556437" s="10"/>
    </row>
    <row r="556438" spans="14:14">
      <c r="N556438" s="10"/>
    </row>
    <row r="556439" spans="14:14">
      <c r="N556439" s="10"/>
    </row>
    <row r="556440" spans="14:14">
      <c r="N556440" s="10"/>
    </row>
    <row r="556441" spans="14:14">
      <c r="N556441" s="10"/>
    </row>
    <row r="556442" spans="14:14">
      <c r="N556442" s="10"/>
    </row>
    <row r="556443" spans="14:14">
      <c r="N556443" s="10"/>
    </row>
    <row r="556444" spans="14:14">
      <c r="N556444" s="10"/>
    </row>
    <row r="556445" spans="14:14">
      <c r="N556445" s="10"/>
    </row>
    <row r="556446" spans="14:14">
      <c r="N556446" s="10"/>
    </row>
    <row r="556447" spans="14:14">
      <c r="N556447" s="10"/>
    </row>
    <row r="556448" spans="14:14">
      <c r="N556448" s="10"/>
    </row>
    <row r="556449" spans="14:14">
      <c r="N556449" s="10"/>
    </row>
    <row r="556450" spans="14:14">
      <c r="N556450" s="10"/>
    </row>
    <row r="556451" spans="14:14">
      <c r="N556451" s="10"/>
    </row>
    <row r="556452" spans="14:14">
      <c r="N556452" s="10"/>
    </row>
    <row r="556453" spans="14:14">
      <c r="N556453" s="10"/>
    </row>
    <row r="556454" spans="14:14">
      <c r="N556454" s="10"/>
    </row>
    <row r="556455" spans="14:14">
      <c r="N556455" s="10"/>
    </row>
    <row r="556456" spans="14:14">
      <c r="N556456" s="10"/>
    </row>
    <row r="556457" spans="14:14">
      <c r="N556457" s="10"/>
    </row>
    <row r="556458" spans="14:14">
      <c r="N556458" s="10"/>
    </row>
    <row r="556459" spans="14:14">
      <c r="N556459" s="10"/>
    </row>
    <row r="556460" spans="14:14">
      <c r="N556460" s="10"/>
    </row>
    <row r="556461" spans="14:14">
      <c r="N556461" s="10"/>
    </row>
    <row r="556462" spans="14:14">
      <c r="N556462" s="10"/>
    </row>
    <row r="556463" spans="14:14">
      <c r="N556463" s="10"/>
    </row>
    <row r="556464" spans="14:14">
      <c r="N556464" s="10"/>
    </row>
    <row r="556465" spans="14:14">
      <c r="N556465" s="10"/>
    </row>
    <row r="556466" spans="14:14">
      <c r="N556466" s="10"/>
    </row>
    <row r="556467" spans="14:14">
      <c r="N556467" s="10"/>
    </row>
    <row r="556468" spans="14:14">
      <c r="N556468" s="10"/>
    </row>
    <row r="556469" spans="14:14">
      <c r="N556469" s="10"/>
    </row>
    <row r="556470" spans="14:14">
      <c r="N556470" s="10"/>
    </row>
    <row r="556471" spans="14:14">
      <c r="N556471" s="10"/>
    </row>
    <row r="556472" spans="14:14">
      <c r="N556472" s="10"/>
    </row>
    <row r="556473" spans="14:14">
      <c r="N556473" s="10"/>
    </row>
    <row r="556474" spans="14:14">
      <c r="N556474" s="10"/>
    </row>
    <row r="556475" spans="14:14">
      <c r="N556475" s="10"/>
    </row>
    <row r="556476" spans="14:14">
      <c r="N556476" s="10"/>
    </row>
    <row r="556477" spans="14:14">
      <c r="N556477" s="10"/>
    </row>
    <row r="556478" spans="14:14">
      <c r="N556478" s="10"/>
    </row>
    <row r="556479" spans="14:14">
      <c r="N556479" s="10"/>
    </row>
    <row r="556480" spans="14:14">
      <c r="N556480" s="10"/>
    </row>
    <row r="556481" spans="14:14">
      <c r="N556481" s="10"/>
    </row>
    <row r="556482" spans="14:14">
      <c r="N556482" s="10"/>
    </row>
    <row r="556483" spans="14:14">
      <c r="N556483" s="10"/>
    </row>
    <row r="556484" spans="14:14">
      <c r="N556484" s="10"/>
    </row>
    <row r="556485" spans="14:14">
      <c r="N556485" s="10"/>
    </row>
    <row r="556486" spans="14:14">
      <c r="N556486" s="10"/>
    </row>
    <row r="556487" spans="14:14">
      <c r="N556487" s="10"/>
    </row>
    <row r="556488" spans="14:14">
      <c r="N556488" s="10"/>
    </row>
    <row r="556489" spans="14:14">
      <c r="N556489" s="10"/>
    </row>
    <row r="556490" spans="14:14">
      <c r="N556490" s="10"/>
    </row>
    <row r="556491" spans="14:14">
      <c r="N556491" s="10"/>
    </row>
    <row r="556492" spans="14:14">
      <c r="N556492" s="10"/>
    </row>
    <row r="556493" spans="14:14">
      <c r="N556493" s="10"/>
    </row>
    <row r="556494" spans="14:14">
      <c r="N556494" s="10"/>
    </row>
    <row r="556495" spans="14:14">
      <c r="N556495" s="10"/>
    </row>
    <row r="556496" spans="14:14">
      <c r="N556496" s="10"/>
    </row>
    <row r="556497" spans="14:14">
      <c r="N556497" s="10"/>
    </row>
    <row r="556498" spans="14:14">
      <c r="N556498" s="10"/>
    </row>
    <row r="556499" spans="14:14">
      <c r="N556499" s="10"/>
    </row>
    <row r="556500" spans="14:14">
      <c r="N556500" s="10"/>
    </row>
    <row r="556501" spans="14:14">
      <c r="N556501" s="10"/>
    </row>
    <row r="556502" spans="14:14">
      <c r="N556502" s="10"/>
    </row>
    <row r="556503" spans="14:14">
      <c r="N556503" s="10"/>
    </row>
    <row r="556504" spans="14:14">
      <c r="N556504" s="10"/>
    </row>
    <row r="556505" spans="14:14">
      <c r="N556505" s="10"/>
    </row>
    <row r="556506" spans="14:14">
      <c r="N556506" s="10"/>
    </row>
    <row r="556507" spans="14:14">
      <c r="N556507" s="10"/>
    </row>
    <row r="556508" spans="14:14">
      <c r="N556508" s="10"/>
    </row>
    <row r="556509" spans="14:14">
      <c r="N556509" s="10"/>
    </row>
    <row r="556510" spans="14:14">
      <c r="N556510" s="10"/>
    </row>
    <row r="556511" spans="14:14">
      <c r="N556511" s="10"/>
    </row>
    <row r="556512" spans="14:14">
      <c r="N556512" s="10"/>
    </row>
    <row r="556513" spans="14:14">
      <c r="N556513" s="10"/>
    </row>
    <row r="556514" spans="14:14">
      <c r="N556514" s="10"/>
    </row>
    <row r="556515" spans="14:14">
      <c r="N556515" s="10"/>
    </row>
    <row r="556516" spans="14:14">
      <c r="N556516" s="10"/>
    </row>
    <row r="556517" spans="14:14">
      <c r="N556517" s="10"/>
    </row>
    <row r="556518" spans="14:14">
      <c r="N556518" s="10"/>
    </row>
    <row r="556519" spans="14:14">
      <c r="N556519" s="10"/>
    </row>
    <row r="556520" spans="14:14">
      <c r="N556520" s="10"/>
    </row>
    <row r="556521" spans="14:14">
      <c r="N556521" s="10"/>
    </row>
    <row r="556522" spans="14:14">
      <c r="N556522" s="10"/>
    </row>
    <row r="556523" spans="14:14">
      <c r="N556523" s="10"/>
    </row>
    <row r="556524" spans="14:14">
      <c r="N556524" s="10"/>
    </row>
    <row r="556525" spans="14:14">
      <c r="N556525" s="10"/>
    </row>
    <row r="556526" spans="14:14">
      <c r="N556526" s="10"/>
    </row>
    <row r="556527" spans="14:14">
      <c r="N556527" s="10"/>
    </row>
    <row r="556528" spans="14:14">
      <c r="N556528" s="10"/>
    </row>
    <row r="556529" spans="14:14">
      <c r="N556529" s="10"/>
    </row>
    <row r="556530" spans="14:14">
      <c r="N556530" s="10"/>
    </row>
    <row r="556531" spans="14:14">
      <c r="N556531" s="10"/>
    </row>
    <row r="556532" spans="14:14">
      <c r="N556532" s="10"/>
    </row>
    <row r="556533" spans="14:14">
      <c r="N556533" s="10"/>
    </row>
    <row r="556534" spans="14:14">
      <c r="N556534" s="10"/>
    </row>
    <row r="556535" spans="14:14">
      <c r="N556535" s="10"/>
    </row>
    <row r="556536" spans="14:14">
      <c r="N556536" s="10"/>
    </row>
    <row r="556537" spans="14:14">
      <c r="N556537" s="10"/>
    </row>
    <row r="556538" spans="14:14">
      <c r="N556538" s="10"/>
    </row>
    <row r="556539" spans="14:14">
      <c r="N556539" s="10"/>
    </row>
    <row r="556540" spans="14:14">
      <c r="N556540" s="10"/>
    </row>
    <row r="556541" spans="14:14">
      <c r="N556541" s="10"/>
    </row>
    <row r="556542" spans="14:14">
      <c r="N556542" s="10"/>
    </row>
    <row r="556543" spans="14:14">
      <c r="N556543" s="10"/>
    </row>
    <row r="556544" spans="14:14">
      <c r="N556544" s="10"/>
    </row>
    <row r="556545" spans="14:14">
      <c r="N556545" s="10"/>
    </row>
    <row r="556546" spans="14:14">
      <c r="N556546" s="10"/>
    </row>
    <row r="556547" spans="14:14">
      <c r="N556547" s="10"/>
    </row>
    <row r="556548" spans="14:14">
      <c r="N556548" s="10"/>
    </row>
    <row r="556549" spans="14:14">
      <c r="N556549" s="10"/>
    </row>
    <row r="556550" spans="14:14">
      <c r="N556550" s="10"/>
    </row>
    <row r="556551" spans="14:14">
      <c r="N556551" s="10"/>
    </row>
    <row r="556552" spans="14:14">
      <c r="N556552" s="10"/>
    </row>
    <row r="556553" spans="14:14">
      <c r="N556553" s="10"/>
    </row>
    <row r="556554" spans="14:14">
      <c r="N556554" s="10"/>
    </row>
    <row r="556555" spans="14:14">
      <c r="N556555" s="10"/>
    </row>
    <row r="556556" spans="14:14">
      <c r="N556556" s="10"/>
    </row>
    <row r="556557" spans="14:14">
      <c r="N556557" s="10"/>
    </row>
    <row r="556558" spans="14:14">
      <c r="N556558" s="10"/>
    </row>
    <row r="556559" spans="14:14">
      <c r="N556559" s="10"/>
    </row>
    <row r="556560" spans="14:14">
      <c r="N556560" s="10"/>
    </row>
    <row r="556561" spans="14:14">
      <c r="N556561" s="10"/>
    </row>
    <row r="556562" spans="14:14">
      <c r="N556562" s="10"/>
    </row>
    <row r="556563" spans="14:14">
      <c r="N556563" s="10"/>
    </row>
    <row r="556564" spans="14:14">
      <c r="N556564" s="10"/>
    </row>
    <row r="556565" spans="14:14">
      <c r="N556565" s="10"/>
    </row>
    <row r="556566" spans="14:14">
      <c r="N556566" s="10"/>
    </row>
    <row r="556567" spans="14:14">
      <c r="N556567" s="10"/>
    </row>
    <row r="556568" spans="14:14">
      <c r="N556568" s="10"/>
    </row>
    <row r="556569" spans="14:14">
      <c r="N556569" s="10"/>
    </row>
    <row r="556570" spans="14:14">
      <c r="N556570" s="10"/>
    </row>
    <row r="556571" spans="14:14">
      <c r="N556571" s="10"/>
    </row>
    <row r="556572" spans="14:14">
      <c r="N556572" s="10"/>
    </row>
    <row r="556573" spans="14:14">
      <c r="N556573" s="10"/>
    </row>
    <row r="556574" spans="14:14">
      <c r="N556574" s="10"/>
    </row>
    <row r="556575" spans="14:14">
      <c r="N556575" s="10"/>
    </row>
    <row r="556576" spans="14:14">
      <c r="N556576" s="10"/>
    </row>
    <row r="556577" spans="14:14">
      <c r="N556577" s="10"/>
    </row>
    <row r="556578" spans="14:14">
      <c r="N556578" s="10"/>
    </row>
    <row r="556579" spans="14:14">
      <c r="N556579" s="10"/>
    </row>
    <row r="556580" spans="14:14">
      <c r="N556580" s="10"/>
    </row>
    <row r="556581" spans="14:14">
      <c r="N556581" s="10"/>
    </row>
    <row r="556582" spans="14:14">
      <c r="N556582" s="10"/>
    </row>
    <row r="556583" spans="14:14">
      <c r="N556583" s="10"/>
    </row>
    <row r="556584" spans="14:14">
      <c r="N556584" s="10"/>
    </row>
    <row r="556585" spans="14:14">
      <c r="N556585" s="10"/>
    </row>
    <row r="556586" spans="14:14">
      <c r="N556586" s="10"/>
    </row>
    <row r="556587" spans="14:14">
      <c r="N556587" s="10"/>
    </row>
    <row r="556588" spans="14:14">
      <c r="N556588" s="10"/>
    </row>
    <row r="556589" spans="14:14">
      <c r="N556589" s="10"/>
    </row>
    <row r="556590" spans="14:14">
      <c r="N556590" s="10"/>
    </row>
    <row r="556591" spans="14:14">
      <c r="N556591" s="10"/>
    </row>
    <row r="556592" spans="14:14">
      <c r="N556592" s="10"/>
    </row>
    <row r="556593" spans="14:14">
      <c r="N556593" s="10"/>
    </row>
    <row r="556594" spans="14:14">
      <c r="N556594" s="10"/>
    </row>
    <row r="556595" spans="14:14">
      <c r="N556595" s="10"/>
    </row>
    <row r="556596" spans="14:14">
      <c r="N556596" s="10"/>
    </row>
    <row r="556597" spans="14:14">
      <c r="N556597" s="10"/>
    </row>
    <row r="556598" spans="14:14">
      <c r="N556598" s="10"/>
    </row>
    <row r="556599" spans="14:14">
      <c r="N556599" s="10"/>
    </row>
    <row r="556600" spans="14:14">
      <c r="N556600" s="10"/>
    </row>
    <row r="556601" spans="14:14">
      <c r="N556601" s="10"/>
    </row>
    <row r="556602" spans="14:14">
      <c r="N556602" s="10"/>
    </row>
    <row r="556603" spans="14:14">
      <c r="N556603" s="10"/>
    </row>
    <row r="556604" spans="14:14">
      <c r="N556604" s="10"/>
    </row>
    <row r="556605" spans="14:14">
      <c r="N556605" s="10"/>
    </row>
    <row r="556606" spans="14:14">
      <c r="N556606" s="10"/>
    </row>
    <row r="556607" spans="14:14">
      <c r="N556607" s="10"/>
    </row>
    <row r="556608" spans="14:14">
      <c r="N556608" s="10"/>
    </row>
    <row r="556609" spans="14:14">
      <c r="N556609" s="10"/>
    </row>
    <row r="556610" spans="14:14">
      <c r="N556610" s="10"/>
    </row>
    <row r="556611" spans="14:14">
      <c r="N556611" s="10"/>
    </row>
    <row r="556612" spans="14:14">
      <c r="N556612" s="10"/>
    </row>
    <row r="556613" spans="14:14">
      <c r="N556613" s="10"/>
    </row>
    <row r="556614" spans="14:14">
      <c r="N556614" s="10"/>
    </row>
    <row r="556615" spans="14:14">
      <c r="N556615" s="10"/>
    </row>
    <row r="556616" spans="14:14">
      <c r="N556616" s="10"/>
    </row>
    <row r="556617" spans="14:14">
      <c r="N556617" s="10"/>
    </row>
    <row r="556618" spans="14:14">
      <c r="N556618" s="10"/>
    </row>
    <row r="556619" spans="14:14">
      <c r="N556619" s="10"/>
    </row>
    <row r="556620" spans="14:14">
      <c r="N556620" s="10"/>
    </row>
    <row r="556621" spans="14:14">
      <c r="N556621" s="10"/>
    </row>
    <row r="556622" spans="14:14">
      <c r="N556622" s="10"/>
    </row>
    <row r="556623" spans="14:14">
      <c r="N556623" s="10"/>
    </row>
    <row r="556624" spans="14:14">
      <c r="N556624" s="10"/>
    </row>
    <row r="556625" spans="14:14">
      <c r="N556625" s="10"/>
    </row>
    <row r="556626" spans="14:14">
      <c r="N556626" s="10"/>
    </row>
    <row r="556627" spans="14:14">
      <c r="N556627" s="10"/>
    </row>
    <row r="556628" spans="14:14">
      <c r="N556628" s="10"/>
    </row>
    <row r="556629" spans="14:14">
      <c r="N556629" s="10"/>
    </row>
    <row r="556630" spans="14:14">
      <c r="N556630" s="10"/>
    </row>
    <row r="556631" spans="14:14">
      <c r="N556631" s="10"/>
    </row>
    <row r="556632" spans="14:14">
      <c r="N556632" s="10"/>
    </row>
    <row r="556633" spans="14:14">
      <c r="N556633" s="10"/>
    </row>
    <row r="556634" spans="14:14">
      <c r="N556634" s="10"/>
    </row>
    <row r="556635" spans="14:14">
      <c r="N556635" s="10"/>
    </row>
    <row r="556636" spans="14:14">
      <c r="N556636" s="10"/>
    </row>
    <row r="556637" spans="14:14">
      <c r="N556637" s="10"/>
    </row>
    <row r="556638" spans="14:14">
      <c r="N556638" s="10"/>
    </row>
    <row r="556639" spans="14:14">
      <c r="N556639" s="10"/>
    </row>
    <row r="556640" spans="14:14">
      <c r="N556640" s="10"/>
    </row>
    <row r="556641" spans="14:14">
      <c r="N556641" s="10"/>
    </row>
    <row r="556642" spans="14:14">
      <c r="N556642" s="10"/>
    </row>
    <row r="556643" spans="14:14">
      <c r="N556643" s="10"/>
    </row>
    <row r="556644" spans="14:14">
      <c r="N556644" s="10"/>
    </row>
    <row r="556645" spans="14:14">
      <c r="N556645" s="10"/>
    </row>
    <row r="556646" spans="14:14">
      <c r="N556646" s="10"/>
    </row>
    <row r="556647" spans="14:14">
      <c r="N556647" s="10"/>
    </row>
    <row r="556648" spans="14:14">
      <c r="N556648" s="10"/>
    </row>
    <row r="556649" spans="14:14">
      <c r="N556649" s="10"/>
    </row>
    <row r="556650" spans="14:14">
      <c r="N556650" s="10"/>
    </row>
    <row r="556651" spans="14:14">
      <c r="N556651" s="10"/>
    </row>
    <row r="556652" spans="14:14">
      <c r="N556652" s="10"/>
    </row>
    <row r="556653" spans="14:14">
      <c r="N556653" s="10"/>
    </row>
    <row r="556654" spans="14:14">
      <c r="N556654" s="10"/>
    </row>
    <row r="556655" spans="14:14">
      <c r="N556655" s="10"/>
    </row>
    <row r="556656" spans="14:14">
      <c r="N556656" s="10"/>
    </row>
    <row r="556657" spans="14:14">
      <c r="N556657" s="10"/>
    </row>
    <row r="556658" spans="14:14">
      <c r="N556658" s="10"/>
    </row>
    <row r="556659" spans="14:14">
      <c r="N556659" s="10"/>
    </row>
    <row r="556660" spans="14:14">
      <c r="N556660" s="10"/>
    </row>
    <row r="556661" spans="14:14">
      <c r="N556661" s="10"/>
    </row>
    <row r="556662" spans="14:14">
      <c r="N556662" s="10"/>
    </row>
    <row r="556663" spans="14:14">
      <c r="N556663" s="10"/>
    </row>
    <row r="556664" spans="14:14">
      <c r="N556664" s="10"/>
    </row>
    <row r="556665" spans="14:14">
      <c r="N556665" s="10"/>
    </row>
    <row r="556666" spans="14:14">
      <c r="N556666" s="10"/>
    </row>
    <row r="556667" spans="14:14">
      <c r="N556667" s="10"/>
    </row>
    <row r="556668" spans="14:14">
      <c r="N556668" s="10"/>
    </row>
    <row r="556669" spans="14:14">
      <c r="N556669" s="10"/>
    </row>
    <row r="556670" spans="14:14">
      <c r="N556670" s="10"/>
    </row>
    <row r="556671" spans="14:14">
      <c r="N556671" s="10"/>
    </row>
    <row r="556672" spans="14:14">
      <c r="N556672" s="10"/>
    </row>
    <row r="556673" spans="14:14">
      <c r="N556673" s="10"/>
    </row>
    <row r="556674" spans="14:14">
      <c r="N556674" s="10"/>
    </row>
    <row r="556675" spans="14:14">
      <c r="N556675" s="10"/>
    </row>
    <row r="556676" spans="14:14">
      <c r="N556676" s="10"/>
    </row>
    <row r="556677" spans="14:14">
      <c r="N556677" s="10"/>
    </row>
    <row r="556678" spans="14:14">
      <c r="N556678" s="10"/>
    </row>
    <row r="556679" spans="14:14">
      <c r="N556679" s="10"/>
    </row>
    <row r="556680" spans="14:14">
      <c r="N556680" s="10"/>
    </row>
    <row r="556681" spans="14:14">
      <c r="N556681" s="10"/>
    </row>
    <row r="556682" spans="14:14">
      <c r="N556682" s="10"/>
    </row>
    <row r="556683" spans="14:14">
      <c r="N556683" s="10"/>
    </row>
    <row r="556684" spans="14:14">
      <c r="N556684" s="10"/>
    </row>
    <row r="556685" spans="14:14">
      <c r="N556685" s="10"/>
    </row>
    <row r="556686" spans="14:14">
      <c r="N556686" s="10"/>
    </row>
    <row r="556687" spans="14:14">
      <c r="N556687" s="10"/>
    </row>
    <row r="556688" spans="14:14">
      <c r="N556688" s="10"/>
    </row>
    <row r="556689" spans="14:14">
      <c r="N556689" s="10"/>
    </row>
    <row r="556690" spans="14:14">
      <c r="N556690" s="10"/>
    </row>
    <row r="556691" spans="14:14">
      <c r="N556691" s="10"/>
    </row>
    <row r="556692" spans="14:14">
      <c r="N556692" s="10"/>
    </row>
    <row r="556693" spans="14:14">
      <c r="N556693" s="10"/>
    </row>
    <row r="556694" spans="14:14">
      <c r="N556694" s="10"/>
    </row>
    <row r="556695" spans="14:14">
      <c r="N556695" s="10"/>
    </row>
    <row r="556696" spans="14:14">
      <c r="N556696" s="10"/>
    </row>
    <row r="556697" spans="14:14">
      <c r="N556697" s="10"/>
    </row>
    <row r="556698" spans="14:14">
      <c r="N556698" s="10"/>
    </row>
    <row r="556699" spans="14:14">
      <c r="N556699" s="10"/>
    </row>
    <row r="556700" spans="14:14">
      <c r="N556700" s="10"/>
    </row>
    <row r="556701" spans="14:14">
      <c r="N556701" s="10"/>
    </row>
    <row r="556702" spans="14:14">
      <c r="N556702" s="10"/>
    </row>
    <row r="556703" spans="14:14">
      <c r="N556703" s="10"/>
    </row>
    <row r="556704" spans="14:14">
      <c r="N556704" s="10"/>
    </row>
    <row r="556705" spans="14:14">
      <c r="N556705" s="10"/>
    </row>
    <row r="556706" spans="14:14">
      <c r="N556706" s="10"/>
    </row>
    <row r="556707" spans="14:14">
      <c r="N556707" s="10"/>
    </row>
    <row r="556708" spans="14:14">
      <c r="N556708" s="10"/>
    </row>
    <row r="556709" spans="14:14">
      <c r="N556709" s="10"/>
    </row>
    <row r="556710" spans="14:14">
      <c r="N556710" s="10"/>
    </row>
    <row r="556711" spans="14:14">
      <c r="N556711" s="10"/>
    </row>
    <row r="556712" spans="14:14">
      <c r="N556712" s="10"/>
    </row>
    <row r="556713" spans="14:14">
      <c r="N556713" s="10"/>
    </row>
    <row r="556714" spans="14:14">
      <c r="N556714" s="10"/>
    </row>
    <row r="556715" spans="14:14">
      <c r="N556715" s="10"/>
    </row>
    <row r="556716" spans="14:14">
      <c r="N556716" s="10"/>
    </row>
    <row r="556717" spans="14:14">
      <c r="N556717" s="10"/>
    </row>
    <row r="556718" spans="14:14">
      <c r="N556718" s="10"/>
    </row>
    <row r="556719" spans="14:14">
      <c r="N556719" s="10"/>
    </row>
    <row r="556720" spans="14:14">
      <c r="N556720" s="10"/>
    </row>
    <row r="556721" spans="14:14">
      <c r="N556721" s="10"/>
    </row>
    <row r="556722" spans="14:14">
      <c r="N556722" s="10"/>
    </row>
    <row r="556723" spans="14:14">
      <c r="N556723" s="10"/>
    </row>
    <row r="556724" spans="14:14">
      <c r="N556724" s="10"/>
    </row>
    <row r="556725" spans="14:14">
      <c r="N556725" s="10"/>
    </row>
    <row r="556726" spans="14:14">
      <c r="N556726" s="10"/>
    </row>
    <row r="556727" spans="14:14">
      <c r="N556727" s="10"/>
    </row>
    <row r="556728" spans="14:14">
      <c r="N556728" s="10"/>
    </row>
    <row r="556729" spans="14:14">
      <c r="N556729" s="10"/>
    </row>
    <row r="556730" spans="14:14">
      <c r="N556730" s="10"/>
    </row>
    <row r="556731" spans="14:14">
      <c r="N556731" s="10"/>
    </row>
    <row r="556732" spans="14:14">
      <c r="N556732" s="10"/>
    </row>
    <row r="556733" spans="14:14">
      <c r="N556733" s="10"/>
    </row>
    <row r="556734" spans="14:14">
      <c r="N556734" s="10"/>
    </row>
    <row r="556735" spans="14:14">
      <c r="N556735" s="10"/>
    </row>
    <row r="556736" spans="14:14">
      <c r="N556736" s="10"/>
    </row>
    <row r="556737" spans="14:14">
      <c r="N556737" s="10"/>
    </row>
    <row r="556738" spans="14:14">
      <c r="N556738" s="10"/>
    </row>
    <row r="556739" spans="14:14">
      <c r="N556739" s="10"/>
    </row>
    <row r="556740" spans="14:14">
      <c r="N556740" s="10"/>
    </row>
    <row r="556741" spans="14:14">
      <c r="N556741" s="10"/>
    </row>
    <row r="556742" spans="14:14">
      <c r="N556742" s="10"/>
    </row>
    <row r="556743" spans="14:14">
      <c r="N556743" s="10"/>
    </row>
    <row r="556744" spans="14:14">
      <c r="N556744" s="10"/>
    </row>
    <row r="556745" spans="14:14">
      <c r="N556745" s="10"/>
    </row>
    <row r="556746" spans="14:14">
      <c r="N556746" s="10"/>
    </row>
    <row r="556747" spans="14:14">
      <c r="N556747" s="10"/>
    </row>
    <row r="556748" spans="14:14">
      <c r="N556748" s="10"/>
    </row>
    <row r="556749" spans="14:14">
      <c r="N556749" s="10"/>
    </row>
    <row r="556750" spans="14:14">
      <c r="N556750" s="10"/>
    </row>
    <row r="556751" spans="14:14">
      <c r="N556751" s="10"/>
    </row>
    <row r="556752" spans="14:14">
      <c r="N556752" s="10"/>
    </row>
    <row r="556753" spans="14:14">
      <c r="N556753" s="10"/>
    </row>
    <row r="556754" spans="14:14">
      <c r="N556754" s="10"/>
    </row>
    <row r="556755" spans="14:14">
      <c r="N556755" s="10"/>
    </row>
    <row r="556756" spans="14:14">
      <c r="N556756" s="10"/>
    </row>
    <row r="556757" spans="14:14">
      <c r="N556757" s="10"/>
    </row>
    <row r="556758" spans="14:14">
      <c r="N556758" s="10"/>
    </row>
    <row r="556759" spans="14:14">
      <c r="N556759" s="10"/>
    </row>
    <row r="556760" spans="14:14">
      <c r="N556760" s="10"/>
    </row>
    <row r="556761" spans="14:14">
      <c r="N556761" s="10"/>
    </row>
    <row r="556762" spans="14:14">
      <c r="N556762" s="10"/>
    </row>
    <row r="556763" spans="14:14">
      <c r="N556763" s="10"/>
    </row>
    <row r="556764" spans="14:14">
      <c r="N556764" s="10"/>
    </row>
    <row r="556765" spans="14:14">
      <c r="N556765" s="10"/>
    </row>
    <row r="556766" spans="14:14">
      <c r="N556766" s="10"/>
    </row>
    <row r="556767" spans="14:14">
      <c r="N556767" s="10"/>
    </row>
    <row r="556768" spans="14:14">
      <c r="N556768" s="10"/>
    </row>
    <row r="556769" spans="14:14">
      <c r="N556769" s="10"/>
    </row>
    <row r="556770" spans="14:14">
      <c r="N556770" s="10"/>
    </row>
    <row r="556771" spans="14:14">
      <c r="N556771" s="10"/>
    </row>
    <row r="556772" spans="14:14">
      <c r="N556772" s="10"/>
    </row>
    <row r="556773" spans="14:14">
      <c r="N556773" s="10"/>
    </row>
    <row r="556774" spans="14:14">
      <c r="N556774" s="10"/>
    </row>
    <row r="556775" spans="14:14">
      <c r="N556775" s="10"/>
    </row>
    <row r="556776" spans="14:14">
      <c r="N556776" s="10"/>
    </row>
    <row r="556777" spans="14:14">
      <c r="N556777" s="10"/>
    </row>
    <row r="556778" spans="14:14">
      <c r="N556778" s="10"/>
    </row>
    <row r="556779" spans="14:14">
      <c r="N556779" s="10"/>
    </row>
    <row r="556780" spans="14:14">
      <c r="N556780" s="10"/>
    </row>
    <row r="556781" spans="14:14">
      <c r="N556781" s="10"/>
    </row>
    <row r="556782" spans="14:14">
      <c r="N556782" s="10"/>
    </row>
    <row r="556783" spans="14:14">
      <c r="N556783" s="10"/>
    </row>
    <row r="556784" spans="14:14">
      <c r="N556784" s="10"/>
    </row>
    <row r="556785" spans="14:14">
      <c r="N556785" s="10"/>
    </row>
    <row r="556786" spans="14:14">
      <c r="N556786" s="10"/>
    </row>
    <row r="556787" spans="14:14">
      <c r="N556787" s="10"/>
    </row>
    <row r="556788" spans="14:14">
      <c r="N556788" s="10"/>
    </row>
    <row r="556789" spans="14:14">
      <c r="N556789" s="10"/>
    </row>
    <row r="556790" spans="14:14">
      <c r="N556790" s="10"/>
    </row>
    <row r="556791" spans="14:14">
      <c r="N556791" s="10"/>
    </row>
    <row r="556792" spans="14:14">
      <c r="N556792" s="10"/>
    </row>
    <row r="556793" spans="14:14">
      <c r="N556793" s="10"/>
    </row>
    <row r="556794" spans="14:14">
      <c r="N556794" s="10"/>
    </row>
    <row r="556795" spans="14:14">
      <c r="N556795" s="10"/>
    </row>
    <row r="556796" spans="14:14">
      <c r="N556796" s="10"/>
    </row>
    <row r="556797" spans="14:14">
      <c r="N556797" s="10"/>
    </row>
    <row r="556798" spans="14:14">
      <c r="N556798" s="10"/>
    </row>
    <row r="556799" spans="14:14">
      <c r="N556799" s="10"/>
    </row>
    <row r="556800" spans="14:14">
      <c r="N556800" s="10"/>
    </row>
    <row r="556801" spans="14:14">
      <c r="N556801" s="10"/>
    </row>
    <row r="556802" spans="14:14">
      <c r="N556802" s="10"/>
    </row>
    <row r="556803" spans="14:14">
      <c r="N556803" s="10"/>
    </row>
    <row r="556804" spans="14:14">
      <c r="N556804" s="10"/>
    </row>
    <row r="556805" spans="14:14">
      <c r="N556805" s="10"/>
    </row>
    <row r="556806" spans="14:14">
      <c r="N556806" s="10"/>
    </row>
    <row r="556807" spans="14:14">
      <c r="N556807" s="10"/>
    </row>
    <row r="556808" spans="14:14">
      <c r="N556808" s="10"/>
    </row>
    <row r="556809" spans="14:14">
      <c r="N556809" s="10"/>
    </row>
    <row r="556810" spans="14:14">
      <c r="N556810" s="10"/>
    </row>
    <row r="556811" spans="14:14">
      <c r="N556811" s="10"/>
    </row>
    <row r="556812" spans="14:14">
      <c r="N556812" s="10"/>
    </row>
    <row r="556813" spans="14:14">
      <c r="N556813" s="10"/>
    </row>
    <row r="556814" spans="14:14">
      <c r="N556814" s="10"/>
    </row>
    <row r="556815" spans="14:14">
      <c r="N556815" s="10"/>
    </row>
    <row r="556816" spans="14:14">
      <c r="N556816" s="10"/>
    </row>
    <row r="556817" spans="14:14">
      <c r="N556817" s="10"/>
    </row>
    <row r="556818" spans="14:14">
      <c r="N556818" s="10"/>
    </row>
    <row r="556819" spans="14:14">
      <c r="N556819" s="10"/>
    </row>
    <row r="556820" spans="14:14">
      <c r="N556820" s="10"/>
    </row>
    <row r="556821" spans="14:14">
      <c r="N556821" s="10"/>
    </row>
    <row r="556822" spans="14:14">
      <c r="N556822" s="10"/>
    </row>
    <row r="556823" spans="14:14">
      <c r="N556823" s="10"/>
    </row>
    <row r="556824" spans="14:14">
      <c r="N556824" s="10"/>
    </row>
    <row r="556825" spans="14:14">
      <c r="N556825" s="10"/>
    </row>
    <row r="556826" spans="14:14">
      <c r="N556826" s="10"/>
    </row>
    <row r="556827" spans="14:14">
      <c r="N556827" s="10"/>
    </row>
    <row r="556828" spans="14:14">
      <c r="N556828" s="10"/>
    </row>
    <row r="556829" spans="14:14">
      <c r="N556829" s="10"/>
    </row>
    <row r="556830" spans="14:14">
      <c r="N556830" s="10"/>
    </row>
    <row r="556831" spans="14:14">
      <c r="N556831" s="10"/>
    </row>
    <row r="556832" spans="14:14">
      <c r="N556832" s="10"/>
    </row>
    <row r="556833" spans="14:14">
      <c r="N556833" s="10"/>
    </row>
    <row r="556834" spans="14:14">
      <c r="N556834" s="10"/>
    </row>
    <row r="556835" spans="14:14">
      <c r="N556835" s="10"/>
    </row>
    <row r="556836" spans="14:14">
      <c r="N556836" s="10"/>
    </row>
    <row r="556837" spans="14:14">
      <c r="N556837" s="10"/>
    </row>
    <row r="556838" spans="14:14">
      <c r="N556838" s="10"/>
    </row>
    <row r="556839" spans="14:14">
      <c r="N556839" s="10"/>
    </row>
    <row r="556840" spans="14:14">
      <c r="N556840" s="10"/>
    </row>
    <row r="556841" spans="14:14">
      <c r="N556841" s="10"/>
    </row>
    <row r="556842" spans="14:14">
      <c r="N556842" s="10"/>
    </row>
    <row r="556843" spans="14:14">
      <c r="N556843" s="10"/>
    </row>
    <row r="556844" spans="14:14">
      <c r="N556844" s="10"/>
    </row>
    <row r="556845" spans="14:14">
      <c r="N556845" s="10"/>
    </row>
    <row r="556846" spans="14:14">
      <c r="N556846" s="10"/>
    </row>
    <row r="556847" spans="14:14">
      <c r="N556847" s="10"/>
    </row>
    <row r="556848" spans="14:14">
      <c r="N556848" s="10"/>
    </row>
    <row r="556849" spans="14:14">
      <c r="N556849" s="10"/>
    </row>
    <row r="556850" spans="14:14">
      <c r="N556850" s="10"/>
    </row>
    <row r="556851" spans="14:14">
      <c r="N556851" s="10"/>
    </row>
    <row r="556852" spans="14:14">
      <c r="N556852" s="10"/>
    </row>
    <row r="556853" spans="14:14">
      <c r="N556853" s="10"/>
    </row>
    <row r="556854" spans="14:14">
      <c r="N556854" s="10"/>
    </row>
    <row r="556855" spans="14:14">
      <c r="N556855" s="10"/>
    </row>
    <row r="556856" spans="14:14">
      <c r="N556856" s="10"/>
    </row>
    <row r="556857" spans="14:14">
      <c r="N556857" s="10"/>
    </row>
    <row r="556858" spans="14:14">
      <c r="N556858" s="10"/>
    </row>
    <row r="556859" spans="14:14">
      <c r="N556859" s="10"/>
    </row>
    <row r="556860" spans="14:14">
      <c r="N556860" s="10"/>
    </row>
    <row r="556861" spans="14:14">
      <c r="N556861" s="10"/>
    </row>
    <row r="556862" spans="14:14">
      <c r="N556862" s="10"/>
    </row>
    <row r="556863" spans="14:14">
      <c r="N556863" s="10"/>
    </row>
    <row r="556864" spans="14:14">
      <c r="N556864" s="10"/>
    </row>
    <row r="556865" spans="14:14">
      <c r="N556865" s="10"/>
    </row>
    <row r="556866" spans="14:14">
      <c r="N556866" s="10"/>
    </row>
    <row r="556867" spans="14:14">
      <c r="N556867" s="10"/>
    </row>
    <row r="556868" spans="14:14">
      <c r="N556868" s="10"/>
    </row>
    <row r="556869" spans="14:14">
      <c r="N556869" s="10"/>
    </row>
    <row r="556870" spans="14:14">
      <c r="N556870" s="10"/>
    </row>
    <row r="556871" spans="14:14">
      <c r="N556871" s="10"/>
    </row>
    <row r="556872" spans="14:14">
      <c r="N556872" s="10"/>
    </row>
    <row r="556873" spans="14:14">
      <c r="N556873" s="10"/>
    </row>
    <row r="556874" spans="14:14">
      <c r="N556874" s="10"/>
    </row>
    <row r="556875" spans="14:14">
      <c r="N556875" s="10"/>
    </row>
    <row r="556876" spans="14:14">
      <c r="N556876" s="10"/>
    </row>
    <row r="556877" spans="14:14">
      <c r="N556877" s="10"/>
    </row>
    <row r="556878" spans="14:14">
      <c r="N556878" s="10"/>
    </row>
    <row r="556879" spans="14:14">
      <c r="N556879" s="10"/>
    </row>
    <row r="556880" spans="14:14">
      <c r="N556880" s="10"/>
    </row>
    <row r="556881" spans="14:14">
      <c r="N556881" s="10"/>
    </row>
    <row r="556882" spans="14:14">
      <c r="N556882" s="10"/>
    </row>
    <row r="556883" spans="14:14">
      <c r="N556883" s="10"/>
    </row>
    <row r="556884" spans="14:14">
      <c r="N556884" s="10"/>
    </row>
    <row r="556885" spans="14:14">
      <c r="N556885" s="10"/>
    </row>
    <row r="556886" spans="14:14">
      <c r="N556886" s="10"/>
    </row>
    <row r="556887" spans="14:14">
      <c r="N556887" s="10"/>
    </row>
    <row r="556888" spans="14:14">
      <c r="N556888" s="10"/>
    </row>
    <row r="556889" spans="14:14">
      <c r="N556889" s="10"/>
    </row>
    <row r="556890" spans="14:14">
      <c r="N556890" s="10"/>
    </row>
    <row r="556891" spans="14:14">
      <c r="N556891" s="10"/>
    </row>
    <row r="556892" spans="14:14">
      <c r="N556892" s="10"/>
    </row>
    <row r="556893" spans="14:14">
      <c r="N556893" s="10"/>
    </row>
    <row r="556894" spans="14:14">
      <c r="N556894" s="10"/>
    </row>
    <row r="556895" spans="14:14">
      <c r="N556895" s="10"/>
    </row>
    <row r="556896" spans="14:14">
      <c r="N556896" s="10"/>
    </row>
    <row r="556897" spans="14:14">
      <c r="N556897" s="10"/>
    </row>
    <row r="556898" spans="14:14">
      <c r="N556898" s="10"/>
    </row>
    <row r="556899" spans="14:14">
      <c r="N556899" s="10"/>
    </row>
    <row r="556900" spans="14:14">
      <c r="N556900" s="10"/>
    </row>
    <row r="556901" spans="14:14">
      <c r="N556901" s="10"/>
    </row>
    <row r="556902" spans="14:14">
      <c r="N556902" s="10"/>
    </row>
    <row r="556903" spans="14:14">
      <c r="N556903" s="10"/>
    </row>
    <row r="556904" spans="14:14">
      <c r="N556904" s="10"/>
    </row>
    <row r="556905" spans="14:14">
      <c r="N556905" s="10"/>
    </row>
    <row r="556906" spans="14:14">
      <c r="N556906" s="10"/>
    </row>
    <row r="556907" spans="14:14">
      <c r="N556907" s="10"/>
    </row>
    <row r="556908" spans="14:14">
      <c r="N556908" s="10"/>
    </row>
    <row r="556909" spans="14:14">
      <c r="N556909" s="10"/>
    </row>
    <row r="556910" spans="14:14">
      <c r="N556910" s="10"/>
    </row>
    <row r="556911" spans="14:14">
      <c r="N556911" s="10"/>
    </row>
    <row r="556912" spans="14:14">
      <c r="N556912" s="10"/>
    </row>
    <row r="556913" spans="14:14">
      <c r="N556913" s="10"/>
    </row>
    <row r="556914" spans="14:14">
      <c r="N556914" s="10"/>
    </row>
    <row r="556915" spans="14:14">
      <c r="N556915" s="10"/>
    </row>
    <row r="556916" spans="14:14">
      <c r="N556916" s="10"/>
    </row>
    <row r="556917" spans="14:14">
      <c r="N556917" s="10"/>
    </row>
    <row r="556918" spans="14:14">
      <c r="N556918" s="10"/>
    </row>
    <row r="556919" spans="14:14">
      <c r="N556919" s="10"/>
    </row>
    <row r="556920" spans="14:14">
      <c r="N556920" s="10"/>
    </row>
    <row r="556921" spans="14:14">
      <c r="N556921" s="10"/>
    </row>
    <row r="556922" spans="14:14">
      <c r="N556922" s="10"/>
    </row>
    <row r="556923" spans="14:14">
      <c r="N556923" s="10"/>
    </row>
    <row r="556924" spans="14:14">
      <c r="N556924" s="10"/>
    </row>
    <row r="556925" spans="14:14">
      <c r="N556925" s="10"/>
    </row>
    <row r="556926" spans="14:14">
      <c r="N556926" s="10"/>
    </row>
    <row r="556927" spans="14:14">
      <c r="N556927" s="10"/>
    </row>
    <row r="556928" spans="14:14">
      <c r="N556928" s="10"/>
    </row>
    <row r="556929" spans="14:14">
      <c r="N556929" s="10"/>
    </row>
    <row r="556930" spans="14:14">
      <c r="N556930" s="10"/>
    </row>
    <row r="556931" spans="14:14">
      <c r="N556931" s="10"/>
    </row>
    <row r="556932" spans="14:14">
      <c r="N556932" s="10"/>
    </row>
    <row r="556933" spans="14:14">
      <c r="N556933" s="10"/>
    </row>
    <row r="556934" spans="14:14">
      <c r="N556934" s="10"/>
    </row>
    <row r="556935" spans="14:14">
      <c r="N556935" s="10"/>
    </row>
    <row r="556936" spans="14:14">
      <c r="N556936" s="10"/>
    </row>
    <row r="556937" spans="14:14">
      <c r="N556937" s="10"/>
    </row>
    <row r="556938" spans="14:14">
      <c r="N556938" s="10"/>
    </row>
    <row r="556939" spans="14:14">
      <c r="N556939" s="10"/>
    </row>
    <row r="556940" spans="14:14">
      <c r="N556940" s="10"/>
    </row>
    <row r="556941" spans="14:14">
      <c r="N556941" s="10"/>
    </row>
    <row r="556942" spans="14:14">
      <c r="N556942" s="10"/>
    </row>
    <row r="556943" spans="14:14">
      <c r="N556943" s="10"/>
    </row>
    <row r="556944" spans="14:14">
      <c r="N556944" s="10"/>
    </row>
    <row r="556945" spans="14:14">
      <c r="N556945" s="10"/>
    </row>
    <row r="556946" spans="14:14">
      <c r="N556946" s="10"/>
    </row>
    <row r="556947" spans="14:14">
      <c r="N556947" s="10"/>
    </row>
    <row r="556948" spans="14:14">
      <c r="N556948" s="10"/>
    </row>
    <row r="556949" spans="14:14">
      <c r="N556949" s="10"/>
    </row>
    <row r="556950" spans="14:14">
      <c r="N556950" s="10"/>
    </row>
    <row r="556951" spans="14:14">
      <c r="N556951" s="10"/>
    </row>
    <row r="556952" spans="14:14">
      <c r="N556952" s="10"/>
    </row>
    <row r="556953" spans="14:14">
      <c r="N556953" s="10"/>
    </row>
    <row r="556954" spans="14:14">
      <c r="N556954" s="10"/>
    </row>
    <row r="556955" spans="14:14">
      <c r="N556955" s="10"/>
    </row>
    <row r="556956" spans="14:14">
      <c r="N556956" s="10"/>
    </row>
    <row r="556957" spans="14:14">
      <c r="N556957" s="10"/>
    </row>
    <row r="556958" spans="14:14">
      <c r="N556958" s="10"/>
    </row>
    <row r="556959" spans="14:14">
      <c r="N556959" s="10"/>
    </row>
    <row r="556960" spans="14:14">
      <c r="N556960" s="10"/>
    </row>
    <row r="556961" spans="14:14">
      <c r="N556961" s="10"/>
    </row>
    <row r="556962" spans="14:14">
      <c r="N556962" s="10"/>
    </row>
    <row r="556963" spans="14:14">
      <c r="N556963" s="10"/>
    </row>
    <row r="556964" spans="14:14">
      <c r="N556964" s="10"/>
    </row>
    <row r="556965" spans="14:14">
      <c r="N556965" s="10"/>
    </row>
    <row r="556966" spans="14:14">
      <c r="N556966" s="10"/>
    </row>
    <row r="556967" spans="14:14">
      <c r="N556967" s="10"/>
    </row>
    <row r="556968" spans="14:14">
      <c r="N556968" s="10"/>
    </row>
    <row r="556969" spans="14:14">
      <c r="N556969" s="10"/>
    </row>
    <row r="556970" spans="14:14">
      <c r="N556970" s="10"/>
    </row>
    <row r="556971" spans="14:14">
      <c r="N556971" s="10"/>
    </row>
    <row r="556972" spans="14:14">
      <c r="N556972" s="10"/>
    </row>
    <row r="556973" spans="14:14">
      <c r="N556973" s="10"/>
    </row>
    <row r="556974" spans="14:14">
      <c r="N556974" s="10"/>
    </row>
    <row r="556975" spans="14:14">
      <c r="N556975" s="10"/>
    </row>
    <row r="556976" spans="14:14">
      <c r="N556976" s="10"/>
    </row>
    <row r="556977" spans="14:14">
      <c r="N556977" s="10"/>
    </row>
    <row r="556978" spans="14:14">
      <c r="N556978" s="10"/>
    </row>
    <row r="556979" spans="14:14">
      <c r="N556979" s="10"/>
    </row>
    <row r="556980" spans="14:14">
      <c r="N556980" s="10"/>
    </row>
    <row r="556981" spans="14:14">
      <c r="N556981" s="10"/>
    </row>
    <row r="556982" spans="14:14">
      <c r="N556982" s="10"/>
    </row>
    <row r="556983" spans="14:14">
      <c r="N556983" s="10"/>
    </row>
    <row r="556984" spans="14:14">
      <c r="N556984" s="10"/>
    </row>
    <row r="556985" spans="14:14">
      <c r="N556985" s="10"/>
    </row>
    <row r="556986" spans="14:14">
      <c r="N556986" s="10"/>
    </row>
    <row r="556987" spans="14:14">
      <c r="N556987" s="10"/>
    </row>
    <row r="556988" spans="14:14">
      <c r="N556988" s="10"/>
    </row>
    <row r="556989" spans="14:14">
      <c r="N556989" s="10"/>
    </row>
    <row r="556990" spans="14:14">
      <c r="N556990" s="10"/>
    </row>
    <row r="556991" spans="14:14">
      <c r="N556991" s="10"/>
    </row>
    <row r="556992" spans="14:14">
      <c r="N556992" s="10"/>
    </row>
    <row r="556993" spans="14:14">
      <c r="N556993" s="10"/>
    </row>
    <row r="556994" spans="14:14">
      <c r="N556994" s="10"/>
    </row>
    <row r="556995" spans="14:14">
      <c r="N556995" s="10"/>
    </row>
    <row r="556996" spans="14:14">
      <c r="N556996" s="10"/>
    </row>
    <row r="556997" spans="14:14">
      <c r="N556997" s="10"/>
    </row>
    <row r="556998" spans="14:14">
      <c r="N556998" s="10"/>
    </row>
    <row r="556999" spans="14:14">
      <c r="N556999" s="10"/>
    </row>
    <row r="557000" spans="14:14">
      <c r="N557000" s="10"/>
    </row>
    <row r="557001" spans="14:14">
      <c r="N557001" s="10"/>
    </row>
    <row r="557002" spans="14:14">
      <c r="N557002" s="10"/>
    </row>
    <row r="557003" spans="14:14">
      <c r="N557003" s="10"/>
    </row>
    <row r="557004" spans="14:14">
      <c r="N557004" s="10"/>
    </row>
    <row r="557005" spans="14:14">
      <c r="N557005" s="10"/>
    </row>
    <row r="557006" spans="14:14">
      <c r="N557006" s="10"/>
    </row>
    <row r="557007" spans="14:14">
      <c r="N557007" s="10"/>
    </row>
    <row r="557008" spans="14:14">
      <c r="N557008" s="10"/>
    </row>
    <row r="557009" spans="14:14">
      <c r="N557009" s="10"/>
    </row>
    <row r="557010" spans="14:14">
      <c r="N557010" s="10"/>
    </row>
    <row r="557011" spans="14:14">
      <c r="N557011" s="10"/>
    </row>
    <row r="557012" spans="14:14">
      <c r="N557012" s="10"/>
    </row>
    <row r="557013" spans="14:14">
      <c r="N557013" s="10"/>
    </row>
    <row r="557014" spans="14:14">
      <c r="N557014" s="10"/>
    </row>
    <row r="557015" spans="14:14">
      <c r="N557015" s="10"/>
    </row>
    <row r="557016" spans="14:14">
      <c r="N557016" s="10"/>
    </row>
    <row r="557017" spans="14:14">
      <c r="N557017" s="10"/>
    </row>
    <row r="557018" spans="14:14">
      <c r="N557018" s="10"/>
    </row>
    <row r="557019" spans="14:14">
      <c r="N557019" s="10"/>
    </row>
    <row r="557020" spans="14:14">
      <c r="N557020" s="10"/>
    </row>
    <row r="557021" spans="14:14">
      <c r="N557021" s="10"/>
    </row>
    <row r="557022" spans="14:14">
      <c r="N557022" s="10"/>
    </row>
    <row r="557023" spans="14:14">
      <c r="N557023" s="10"/>
    </row>
    <row r="557024" spans="14:14">
      <c r="N557024" s="10"/>
    </row>
    <row r="557025" spans="14:14">
      <c r="N557025" s="10"/>
    </row>
    <row r="557026" spans="14:14">
      <c r="N557026" s="10"/>
    </row>
    <row r="557027" spans="14:14">
      <c r="N557027" s="10"/>
    </row>
    <row r="557028" spans="14:14">
      <c r="N557028" s="10"/>
    </row>
    <row r="557029" spans="14:14">
      <c r="N557029" s="10"/>
    </row>
    <row r="557030" spans="14:14">
      <c r="N557030" s="10"/>
    </row>
    <row r="557031" spans="14:14">
      <c r="N557031" s="10"/>
    </row>
    <row r="557032" spans="14:14">
      <c r="N557032" s="10"/>
    </row>
    <row r="557033" spans="14:14">
      <c r="N557033" s="10"/>
    </row>
    <row r="557034" spans="14:14">
      <c r="N557034" s="10"/>
    </row>
    <row r="557035" spans="14:14">
      <c r="N557035" s="10"/>
    </row>
    <row r="557036" spans="14:14">
      <c r="N557036" s="10"/>
    </row>
    <row r="557037" spans="14:14">
      <c r="N557037" s="10"/>
    </row>
    <row r="557038" spans="14:14">
      <c r="N557038" s="10"/>
    </row>
    <row r="557039" spans="14:14">
      <c r="N557039" s="10"/>
    </row>
    <row r="557040" spans="14:14">
      <c r="N557040" s="10"/>
    </row>
    <row r="557041" spans="14:14">
      <c r="N557041" s="10"/>
    </row>
    <row r="557042" spans="14:14">
      <c r="N557042" s="10"/>
    </row>
    <row r="557043" spans="14:14">
      <c r="N557043" s="10"/>
    </row>
    <row r="557044" spans="14:14">
      <c r="N557044" s="10"/>
    </row>
    <row r="557045" spans="14:14">
      <c r="N557045" s="10"/>
    </row>
    <row r="557046" spans="14:14">
      <c r="N557046" s="10"/>
    </row>
    <row r="557047" spans="14:14">
      <c r="N557047" s="10"/>
    </row>
    <row r="557048" spans="14:14">
      <c r="N557048" s="10"/>
    </row>
    <row r="557049" spans="14:14">
      <c r="N557049" s="10"/>
    </row>
    <row r="557050" spans="14:14">
      <c r="N557050" s="10"/>
    </row>
    <row r="557051" spans="14:14">
      <c r="N557051" s="10"/>
    </row>
    <row r="557052" spans="14:14">
      <c r="N557052" s="10"/>
    </row>
    <row r="557053" spans="14:14">
      <c r="N557053" s="10"/>
    </row>
    <row r="557054" spans="14:14">
      <c r="N557054" s="10"/>
    </row>
    <row r="557055" spans="14:14">
      <c r="N557055" s="10"/>
    </row>
    <row r="557056" spans="14:14">
      <c r="N557056" s="10"/>
    </row>
    <row r="557057" spans="14:14">
      <c r="N557057" s="10"/>
    </row>
    <row r="557058" spans="14:14">
      <c r="N557058" s="10"/>
    </row>
    <row r="557059" spans="14:14">
      <c r="N557059" s="10"/>
    </row>
    <row r="557060" spans="14:14">
      <c r="N557060" s="10"/>
    </row>
    <row r="557061" spans="14:14">
      <c r="N557061" s="10"/>
    </row>
    <row r="557062" spans="14:14">
      <c r="N557062" s="10"/>
    </row>
    <row r="557063" spans="14:14">
      <c r="N557063" s="10"/>
    </row>
    <row r="557064" spans="14:14">
      <c r="N557064" s="10"/>
    </row>
    <row r="557065" spans="14:14">
      <c r="N557065" s="10"/>
    </row>
    <row r="557066" spans="14:14">
      <c r="N557066" s="10"/>
    </row>
    <row r="557067" spans="14:14">
      <c r="N557067" s="10"/>
    </row>
    <row r="557068" spans="14:14">
      <c r="N557068" s="10"/>
    </row>
    <row r="557069" spans="14:14">
      <c r="N557069" s="10"/>
    </row>
    <row r="557070" spans="14:14">
      <c r="N557070" s="10"/>
    </row>
    <row r="557071" spans="14:14">
      <c r="N557071" s="10"/>
    </row>
    <row r="557072" spans="14:14">
      <c r="N557072" s="10"/>
    </row>
    <row r="557073" spans="14:14">
      <c r="N557073" s="10"/>
    </row>
    <row r="557074" spans="14:14">
      <c r="N557074" s="10"/>
    </row>
    <row r="557075" spans="14:14">
      <c r="N557075" s="10"/>
    </row>
    <row r="557076" spans="14:14">
      <c r="N557076" s="10"/>
    </row>
    <row r="557077" spans="14:14">
      <c r="N557077" s="10"/>
    </row>
    <row r="557078" spans="14:14">
      <c r="N557078" s="10"/>
    </row>
    <row r="557079" spans="14:14">
      <c r="N557079" s="10"/>
    </row>
    <row r="557080" spans="14:14">
      <c r="N557080" s="10"/>
    </row>
    <row r="557081" spans="14:14">
      <c r="N557081" s="10"/>
    </row>
    <row r="557082" spans="14:14">
      <c r="N557082" s="10"/>
    </row>
    <row r="557083" spans="14:14">
      <c r="N557083" s="10"/>
    </row>
    <row r="557084" spans="14:14">
      <c r="N557084" s="10"/>
    </row>
    <row r="557085" spans="14:14">
      <c r="N557085" s="10"/>
    </row>
    <row r="557086" spans="14:14">
      <c r="N557086" s="10"/>
    </row>
    <row r="557087" spans="14:14">
      <c r="N557087" s="10"/>
    </row>
    <row r="557088" spans="14:14">
      <c r="N557088" s="10"/>
    </row>
    <row r="557089" spans="14:14">
      <c r="N557089" s="10"/>
    </row>
    <row r="557090" spans="14:14">
      <c r="N557090" s="10"/>
    </row>
    <row r="557091" spans="14:14">
      <c r="N557091" s="10"/>
    </row>
    <row r="557092" spans="14:14">
      <c r="N557092" s="10"/>
    </row>
    <row r="557093" spans="14:14">
      <c r="N557093" s="10"/>
    </row>
    <row r="557094" spans="14:14">
      <c r="N557094" s="10"/>
    </row>
    <row r="557095" spans="14:14">
      <c r="N557095" s="10"/>
    </row>
    <row r="557096" spans="14:14">
      <c r="N557096" s="10"/>
    </row>
    <row r="557097" spans="14:14">
      <c r="N557097" s="10"/>
    </row>
    <row r="557098" spans="14:14">
      <c r="N557098" s="10"/>
    </row>
    <row r="557099" spans="14:14">
      <c r="N557099" s="10"/>
    </row>
    <row r="557100" spans="14:14">
      <c r="N557100" s="10"/>
    </row>
    <row r="557101" spans="14:14">
      <c r="N557101" s="10"/>
    </row>
    <row r="557102" spans="14:14">
      <c r="N557102" s="10"/>
    </row>
    <row r="557103" spans="14:14">
      <c r="N557103" s="10"/>
    </row>
    <row r="557104" spans="14:14">
      <c r="N557104" s="10"/>
    </row>
    <row r="557105" spans="14:14">
      <c r="N557105" s="10"/>
    </row>
    <row r="557106" spans="14:14">
      <c r="N557106" s="10"/>
    </row>
    <row r="557107" spans="14:14">
      <c r="N557107" s="10"/>
    </row>
    <row r="557108" spans="14:14">
      <c r="N557108" s="10"/>
    </row>
    <row r="557109" spans="14:14">
      <c r="N557109" s="10"/>
    </row>
    <row r="557110" spans="14:14">
      <c r="N557110" s="10"/>
    </row>
    <row r="557111" spans="14:14">
      <c r="N557111" s="10"/>
    </row>
    <row r="557112" spans="14:14">
      <c r="N557112" s="10"/>
    </row>
    <row r="557113" spans="14:14">
      <c r="N557113" s="10"/>
    </row>
    <row r="557114" spans="14:14">
      <c r="N557114" s="10"/>
    </row>
    <row r="557115" spans="14:14">
      <c r="N557115" s="10"/>
    </row>
    <row r="557116" spans="14:14">
      <c r="N557116" s="10"/>
    </row>
    <row r="557117" spans="14:14">
      <c r="N557117" s="10"/>
    </row>
    <row r="557118" spans="14:14">
      <c r="N557118" s="10"/>
    </row>
    <row r="557119" spans="14:14">
      <c r="N557119" s="10"/>
    </row>
    <row r="557120" spans="14:14">
      <c r="N557120" s="10"/>
    </row>
    <row r="557121" spans="14:14">
      <c r="N557121" s="10"/>
    </row>
    <row r="557122" spans="14:14">
      <c r="N557122" s="10"/>
    </row>
    <row r="557123" spans="14:14">
      <c r="N557123" s="10"/>
    </row>
    <row r="557124" spans="14:14">
      <c r="N557124" s="10"/>
    </row>
    <row r="557125" spans="14:14">
      <c r="N557125" s="10"/>
    </row>
    <row r="557126" spans="14:14">
      <c r="N557126" s="10"/>
    </row>
    <row r="557127" spans="14:14">
      <c r="N557127" s="10"/>
    </row>
    <row r="557128" spans="14:14">
      <c r="N557128" s="10"/>
    </row>
    <row r="557129" spans="14:14">
      <c r="N557129" s="10"/>
    </row>
    <row r="557130" spans="14:14">
      <c r="N557130" s="10"/>
    </row>
    <row r="557131" spans="14:14">
      <c r="N557131" s="10"/>
    </row>
    <row r="557132" spans="14:14">
      <c r="N557132" s="10"/>
    </row>
    <row r="557133" spans="14:14">
      <c r="N557133" s="10"/>
    </row>
    <row r="557134" spans="14:14">
      <c r="N557134" s="10"/>
    </row>
    <row r="557135" spans="14:14">
      <c r="N557135" s="10"/>
    </row>
    <row r="557136" spans="14:14">
      <c r="N557136" s="10"/>
    </row>
    <row r="557137" spans="14:14">
      <c r="N557137" s="10"/>
    </row>
    <row r="557138" spans="14:14">
      <c r="N557138" s="10"/>
    </row>
    <row r="557139" spans="14:14">
      <c r="N557139" s="10"/>
    </row>
    <row r="557140" spans="14:14">
      <c r="N557140" s="10"/>
    </row>
    <row r="557141" spans="14:14">
      <c r="N557141" s="10"/>
    </row>
    <row r="557142" spans="14:14">
      <c r="N557142" s="10"/>
    </row>
    <row r="557143" spans="14:14">
      <c r="N557143" s="10"/>
    </row>
    <row r="557144" spans="14:14">
      <c r="N557144" s="10"/>
    </row>
    <row r="557145" spans="14:14">
      <c r="N557145" s="10"/>
    </row>
    <row r="557146" spans="14:14">
      <c r="N557146" s="10"/>
    </row>
    <row r="557147" spans="14:14">
      <c r="N557147" s="10"/>
    </row>
    <row r="557148" spans="14:14">
      <c r="N557148" s="10"/>
    </row>
    <row r="557149" spans="14:14">
      <c r="N557149" s="10"/>
    </row>
    <row r="557150" spans="14:14">
      <c r="N557150" s="10"/>
    </row>
    <row r="557151" spans="14:14">
      <c r="N557151" s="10"/>
    </row>
    <row r="557152" spans="14:14">
      <c r="N557152" s="10"/>
    </row>
    <row r="557153" spans="14:14">
      <c r="N557153" s="10"/>
    </row>
    <row r="557154" spans="14:14">
      <c r="N557154" s="10"/>
    </row>
    <row r="557155" spans="14:14">
      <c r="N557155" s="10"/>
    </row>
    <row r="557156" spans="14:14">
      <c r="N557156" s="10"/>
    </row>
    <row r="557157" spans="14:14">
      <c r="N557157" s="10"/>
    </row>
    <row r="557158" spans="14:14">
      <c r="N557158" s="10"/>
    </row>
    <row r="557159" spans="14:14">
      <c r="N557159" s="10"/>
    </row>
    <row r="557160" spans="14:14">
      <c r="N557160" s="10"/>
    </row>
    <row r="557161" spans="14:14">
      <c r="N557161" s="10"/>
    </row>
    <row r="557162" spans="14:14">
      <c r="N557162" s="10"/>
    </row>
    <row r="557163" spans="14:14">
      <c r="N557163" s="10"/>
    </row>
    <row r="557164" spans="14:14">
      <c r="N557164" s="10"/>
    </row>
    <row r="557165" spans="14:14">
      <c r="N557165" s="10"/>
    </row>
    <row r="557166" spans="14:14">
      <c r="N557166" s="10"/>
    </row>
    <row r="557167" spans="14:14">
      <c r="N557167" s="10"/>
    </row>
    <row r="557168" spans="14:14">
      <c r="N557168" s="10"/>
    </row>
    <row r="557169" spans="14:14">
      <c r="N557169" s="10"/>
    </row>
    <row r="557170" spans="14:14">
      <c r="N557170" s="10"/>
    </row>
    <row r="557171" spans="14:14">
      <c r="N557171" s="10"/>
    </row>
    <row r="557172" spans="14:14">
      <c r="N557172" s="10"/>
    </row>
    <row r="557173" spans="14:14">
      <c r="N557173" s="10"/>
    </row>
    <row r="557174" spans="14:14">
      <c r="N557174" s="10"/>
    </row>
    <row r="557175" spans="14:14">
      <c r="N557175" s="10"/>
    </row>
    <row r="557176" spans="14:14">
      <c r="N557176" s="10"/>
    </row>
    <row r="557177" spans="14:14">
      <c r="N557177" s="10"/>
    </row>
    <row r="557178" spans="14:14">
      <c r="N557178" s="10"/>
    </row>
    <row r="557179" spans="14:14">
      <c r="N557179" s="10"/>
    </row>
    <row r="557180" spans="14:14">
      <c r="N557180" s="10"/>
    </row>
    <row r="557181" spans="14:14">
      <c r="N557181" s="10"/>
    </row>
    <row r="557182" spans="14:14">
      <c r="N557182" s="10"/>
    </row>
    <row r="557183" spans="14:14">
      <c r="N557183" s="10"/>
    </row>
    <row r="557184" spans="14:14">
      <c r="N557184" s="10"/>
    </row>
    <row r="557185" spans="14:14">
      <c r="N557185" s="10"/>
    </row>
    <row r="557186" spans="14:14">
      <c r="N557186" s="10"/>
    </row>
    <row r="557187" spans="14:14">
      <c r="N557187" s="10"/>
    </row>
    <row r="557188" spans="14:14">
      <c r="N557188" s="10"/>
    </row>
    <row r="557189" spans="14:14">
      <c r="N557189" s="10"/>
    </row>
    <row r="557190" spans="14:14">
      <c r="N557190" s="10"/>
    </row>
    <row r="557191" spans="14:14">
      <c r="N557191" s="10"/>
    </row>
    <row r="557192" spans="14:14">
      <c r="N557192" s="10"/>
    </row>
    <row r="557193" spans="14:14">
      <c r="N557193" s="10"/>
    </row>
    <row r="557194" spans="14:14">
      <c r="N557194" s="10"/>
    </row>
    <row r="557195" spans="14:14">
      <c r="N557195" s="10"/>
    </row>
    <row r="557196" spans="14:14">
      <c r="N557196" s="10"/>
    </row>
    <row r="557197" spans="14:14">
      <c r="N557197" s="10"/>
    </row>
    <row r="557198" spans="14:14">
      <c r="N557198" s="10"/>
    </row>
    <row r="557199" spans="14:14">
      <c r="N557199" s="10"/>
    </row>
    <row r="557200" spans="14:14">
      <c r="N557200" s="10"/>
    </row>
    <row r="557201" spans="14:14">
      <c r="N557201" s="10"/>
    </row>
    <row r="557202" spans="14:14">
      <c r="N557202" s="10"/>
    </row>
    <row r="557203" spans="14:14">
      <c r="N557203" s="10"/>
    </row>
    <row r="557204" spans="14:14">
      <c r="N557204" s="10"/>
    </row>
    <row r="557205" spans="14:14">
      <c r="N557205" s="10"/>
    </row>
    <row r="557206" spans="14:14">
      <c r="N557206" s="10"/>
    </row>
    <row r="557207" spans="14:14">
      <c r="N557207" s="10"/>
    </row>
    <row r="557208" spans="14:14">
      <c r="N557208" s="10"/>
    </row>
    <row r="557209" spans="14:14">
      <c r="N557209" s="10"/>
    </row>
    <row r="557210" spans="14:14">
      <c r="N557210" s="10"/>
    </row>
    <row r="557211" spans="14:14">
      <c r="N557211" s="10"/>
    </row>
    <row r="557212" spans="14:14">
      <c r="N557212" s="10"/>
    </row>
    <row r="557213" spans="14:14">
      <c r="N557213" s="10"/>
    </row>
    <row r="557214" spans="14:14">
      <c r="N557214" s="10"/>
    </row>
    <row r="557215" spans="14:14">
      <c r="N557215" s="10"/>
    </row>
    <row r="557216" spans="14:14">
      <c r="N557216" s="10"/>
    </row>
    <row r="557217" spans="14:14">
      <c r="N557217" s="10"/>
    </row>
    <row r="557218" spans="14:14">
      <c r="N557218" s="10"/>
    </row>
    <row r="557219" spans="14:14">
      <c r="N557219" s="10"/>
    </row>
    <row r="557220" spans="14:14">
      <c r="N557220" s="10"/>
    </row>
    <row r="557221" spans="14:14">
      <c r="N557221" s="10"/>
    </row>
    <row r="557222" spans="14:14">
      <c r="N557222" s="10"/>
    </row>
    <row r="557223" spans="14:14">
      <c r="N557223" s="10"/>
    </row>
    <row r="557224" spans="14:14">
      <c r="N557224" s="10"/>
    </row>
    <row r="557225" spans="14:14">
      <c r="N557225" s="10"/>
    </row>
    <row r="557226" spans="14:14">
      <c r="N557226" s="10"/>
    </row>
    <row r="557227" spans="14:14">
      <c r="N557227" s="10"/>
    </row>
    <row r="557228" spans="14:14">
      <c r="N557228" s="10"/>
    </row>
    <row r="557229" spans="14:14">
      <c r="N557229" s="10"/>
    </row>
    <row r="557230" spans="14:14">
      <c r="N557230" s="10"/>
    </row>
    <row r="557231" spans="14:14">
      <c r="N557231" s="10"/>
    </row>
    <row r="557232" spans="14:14">
      <c r="N557232" s="10"/>
    </row>
    <row r="557233" spans="14:14">
      <c r="N557233" s="10"/>
    </row>
    <row r="557234" spans="14:14">
      <c r="N557234" s="10"/>
    </row>
    <row r="557235" spans="14:14">
      <c r="N557235" s="10"/>
    </row>
    <row r="557236" spans="14:14">
      <c r="N557236" s="10"/>
    </row>
    <row r="557237" spans="14:14">
      <c r="N557237" s="10"/>
    </row>
    <row r="557238" spans="14:14">
      <c r="N557238" s="10"/>
    </row>
    <row r="557239" spans="14:14">
      <c r="N557239" s="10"/>
    </row>
    <row r="557240" spans="14:14">
      <c r="N557240" s="10"/>
    </row>
    <row r="557241" spans="14:14">
      <c r="N557241" s="10"/>
    </row>
    <row r="557242" spans="14:14">
      <c r="N557242" s="10"/>
    </row>
    <row r="557243" spans="14:14">
      <c r="N557243" s="10"/>
    </row>
    <row r="557244" spans="14:14">
      <c r="N557244" s="10"/>
    </row>
    <row r="557245" spans="14:14">
      <c r="N557245" s="10"/>
    </row>
    <row r="557246" spans="14:14">
      <c r="N557246" s="10"/>
    </row>
    <row r="557247" spans="14:14">
      <c r="N557247" s="10"/>
    </row>
    <row r="557248" spans="14:14">
      <c r="N557248" s="10"/>
    </row>
    <row r="557249" spans="14:14">
      <c r="N557249" s="10"/>
    </row>
    <row r="557250" spans="14:14">
      <c r="N557250" s="10"/>
    </row>
    <row r="557251" spans="14:14">
      <c r="N557251" s="10"/>
    </row>
    <row r="557252" spans="14:14">
      <c r="N557252" s="10"/>
    </row>
    <row r="557253" spans="14:14">
      <c r="N557253" s="10"/>
    </row>
    <row r="557254" spans="14:14">
      <c r="N557254" s="10"/>
    </row>
    <row r="557255" spans="14:14">
      <c r="N557255" s="10"/>
    </row>
    <row r="557256" spans="14:14">
      <c r="N557256" s="10"/>
    </row>
    <row r="557257" spans="14:14">
      <c r="N557257" s="10"/>
    </row>
    <row r="557258" spans="14:14">
      <c r="N557258" s="10"/>
    </row>
    <row r="557259" spans="14:14">
      <c r="N557259" s="10"/>
    </row>
    <row r="557260" spans="14:14">
      <c r="N557260" s="10"/>
    </row>
    <row r="557261" spans="14:14">
      <c r="N557261" s="10"/>
    </row>
    <row r="557262" spans="14:14">
      <c r="N557262" s="10"/>
    </row>
    <row r="557263" spans="14:14">
      <c r="N557263" s="10"/>
    </row>
    <row r="557264" spans="14:14">
      <c r="N557264" s="10"/>
    </row>
    <row r="557265" spans="14:14">
      <c r="N557265" s="10"/>
    </row>
    <row r="557266" spans="14:14">
      <c r="N557266" s="10"/>
    </row>
    <row r="557267" spans="14:14">
      <c r="N557267" s="10"/>
    </row>
    <row r="557268" spans="14:14">
      <c r="N557268" s="10"/>
    </row>
    <row r="557269" spans="14:14">
      <c r="N557269" s="10"/>
    </row>
    <row r="557270" spans="14:14">
      <c r="N557270" s="10"/>
    </row>
    <row r="557271" spans="14:14">
      <c r="N557271" s="10"/>
    </row>
    <row r="557272" spans="14:14">
      <c r="N557272" s="10"/>
    </row>
    <row r="557273" spans="14:14">
      <c r="N557273" s="10"/>
    </row>
    <row r="557274" spans="14:14">
      <c r="N557274" s="10"/>
    </row>
    <row r="557275" spans="14:14">
      <c r="N557275" s="10"/>
    </row>
    <row r="557276" spans="14:14">
      <c r="N557276" s="10"/>
    </row>
    <row r="557277" spans="14:14">
      <c r="N557277" s="10"/>
    </row>
    <row r="557278" spans="14:14">
      <c r="N557278" s="10"/>
    </row>
    <row r="557279" spans="14:14">
      <c r="N557279" s="10"/>
    </row>
    <row r="557280" spans="14:14">
      <c r="N557280" s="10"/>
    </row>
    <row r="557281" spans="14:14">
      <c r="N557281" s="10"/>
    </row>
    <row r="557282" spans="14:14">
      <c r="N557282" s="10"/>
    </row>
    <row r="557283" spans="14:14">
      <c r="N557283" s="10"/>
    </row>
    <row r="557284" spans="14:14">
      <c r="N557284" s="10"/>
    </row>
    <row r="557285" spans="14:14">
      <c r="N557285" s="10"/>
    </row>
    <row r="557286" spans="14:14">
      <c r="N557286" s="10"/>
    </row>
    <row r="557287" spans="14:14">
      <c r="N557287" s="10"/>
    </row>
    <row r="557288" spans="14:14">
      <c r="N557288" s="10"/>
    </row>
    <row r="557289" spans="14:14">
      <c r="N557289" s="10"/>
    </row>
    <row r="557290" spans="14:14">
      <c r="N557290" s="10"/>
    </row>
    <row r="557291" spans="14:14">
      <c r="N557291" s="10"/>
    </row>
    <row r="557292" spans="14:14">
      <c r="N557292" s="10"/>
    </row>
    <row r="557293" spans="14:14">
      <c r="N557293" s="10"/>
    </row>
    <row r="557294" spans="14:14">
      <c r="N557294" s="10"/>
    </row>
    <row r="557295" spans="14:14">
      <c r="N557295" s="10"/>
    </row>
    <row r="557296" spans="14:14">
      <c r="N557296" s="10"/>
    </row>
    <row r="557297" spans="14:14">
      <c r="N557297" s="10"/>
    </row>
    <row r="557298" spans="14:14">
      <c r="N557298" s="10"/>
    </row>
    <row r="557299" spans="14:14">
      <c r="N557299" s="10"/>
    </row>
    <row r="557300" spans="14:14">
      <c r="N557300" s="10"/>
    </row>
    <row r="557301" spans="14:14">
      <c r="N557301" s="10"/>
    </row>
    <row r="557302" spans="14:14">
      <c r="N557302" s="10"/>
    </row>
    <row r="557303" spans="14:14">
      <c r="N557303" s="10"/>
    </row>
    <row r="557304" spans="14:14">
      <c r="N557304" s="10"/>
    </row>
    <row r="557305" spans="14:14">
      <c r="N557305" s="10"/>
    </row>
    <row r="557306" spans="14:14">
      <c r="N557306" s="10"/>
    </row>
    <row r="557307" spans="14:14">
      <c r="N557307" s="10"/>
    </row>
    <row r="557308" spans="14:14">
      <c r="N557308" s="10"/>
    </row>
    <row r="557309" spans="14:14">
      <c r="N557309" s="10"/>
    </row>
    <row r="557310" spans="14:14">
      <c r="N557310" s="10"/>
    </row>
    <row r="557311" spans="14:14">
      <c r="N557311" s="10"/>
    </row>
    <row r="557312" spans="14:14">
      <c r="N557312" s="10"/>
    </row>
    <row r="557313" spans="14:14">
      <c r="N557313" s="10"/>
    </row>
    <row r="557314" spans="14:14">
      <c r="N557314" s="10"/>
    </row>
    <row r="557315" spans="14:14">
      <c r="N557315" s="10"/>
    </row>
    <row r="557316" spans="14:14">
      <c r="N557316" s="10"/>
    </row>
    <row r="557317" spans="14:14">
      <c r="N557317" s="10"/>
    </row>
    <row r="557318" spans="14:14">
      <c r="N557318" s="10"/>
    </row>
    <row r="557319" spans="14:14">
      <c r="N557319" s="10"/>
    </row>
    <row r="557320" spans="14:14">
      <c r="N557320" s="10"/>
    </row>
    <row r="557321" spans="14:14">
      <c r="N557321" s="10"/>
    </row>
    <row r="557322" spans="14:14">
      <c r="N557322" s="10"/>
    </row>
    <row r="557323" spans="14:14">
      <c r="N557323" s="10"/>
    </row>
    <row r="557324" spans="14:14">
      <c r="N557324" s="10"/>
    </row>
    <row r="557325" spans="14:14">
      <c r="N557325" s="10"/>
    </row>
    <row r="557326" spans="14:14">
      <c r="N557326" s="10"/>
    </row>
    <row r="557327" spans="14:14">
      <c r="N557327" s="10"/>
    </row>
    <row r="557328" spans="14:14">
      <c r="N557328" s="10"/>
    </row>
    <row r="557329" spans="14:14">
      <c r="N557329" s="10"/>
    </row>
    <row r="557330" spans="14:14">
      <c r="N557330" s="10"/>
    </row>
    <row r="557331" spans="14:14">
      <c r="N557331" s="10"/>
    </row>
    <row r="557332" spans="14:14">
      <c r="N557332" s="10"/>
    </row>
    <row r="557333" spans="14:14">
      <c r="N557333" s="10"/>
    </row>
    <row r="557334" spans="14:14">
      <c r="N557334" s="10"/>
    </row>
    <row r="557335" spans="14:14">
      <c r="N557335" s="10"/>
    </row>
    <row r="557336" spans="14:14">
      <c r="N557336" s="10"/>
    </row>
    <row r="557337" spans="14:14">
      <c r="N557337" s="10"/>
    </row>
    <row r="557338" spans="14:14">
      <c r="N557338" s="10"/>
    </row>
    <row r="557339" spans="14:14">
      <c r="N557339" s="10"/>
    </row>
    <row r="557340" spans="14:14">
      <c r="N557340" s="10"/>
    </row>
    <row r="557341" spans="14:14">
      <c r="N557341" s="10"/>
    </row>
    <row r="557342" spans="14:14">
      <c r="N557342" s="10"/>
    </row>
    <row r="557343" spans="14:14">
      <c r="N557343" s="10"/>
    </row>
    <row r="557344" spans="14:14">
      <c r="N557344" s="10"/>
    </row>
    <row r="557345" spans="14:14">
      <c r="N557345" s="10"/>
    </row>
    <row r="557346" spans="14:14">
      <c r="N557346" s="10"/>
    </row>
    <row r="557347" spans="14:14">
      <c r="N557347" s="10"/>
    </row>
    <row r="557348" spans="14:14">
      <c r="N557348" s="10"/>
    </row>
    <row r="557349" spans="14:14">
      <c r="N557349" s="10"/>
    </row>
    <row r="557350" spans="14:14">
      <c r="N557350" s="10"/>
    </row>
    <row r="557351" spans="14:14">
      <c r="N557351" s="10"/>
    </row>
    <row r="557352" spans="14:14">
      <c r="N557352" s="10"/>
    </row>
    <row r="557353" spans="14:14">
      <c r="N557353" s="10"/>
    </row>
    <row r="557354" spans="14:14">
      <c r="N557354" s="10"/>
    </row>
    <row r="557355" spans="14:14">
      <c r="N557355" s="10"/>
    </row>
    <row r="557356" spans="14:14">
      <c r="N557356" s="10"/>
    </row>
    <row r="557357" spans="14:14">
      <c r="N557357" s="10"/>
    </row>
    <row r="557358" spans="14:14">
      <c r="N557358" s="10"/>
    </row>
    <row r="557359" spans="14:14">
      <c r="N557359" s="10"/>
    </row>
    <row r="557360" spans="14:14">
      <c r="N557360" s="10"/>
    </row>
    <row r="557361" spans="14:14">
      <c r="N557361" s="10"/>
    </row>
    <row r="557362" spans="14:14">
      <c r="N557362" s="10"/>
    </row>
    <row r="557363" spans="14:14">
      <c r="N557363" s="10"/>
    </row>
    <row r="557364" spans="14:14">
      <c r="N557364" s="10"/>
    </row>
    <row r="557365" spans="14:14">
      <c r="N557365" s="10"/>
    </row>
    <row r="557366" spans="14:14">
      <c r="N557366" s="10"/>
    </row>
    <row r="557367" spans="14:14">
      <c r="N557367" s="10"/>
    </row>
    <row r="557368" spans="14:14">
      <c r="N557368" s="10"/>
    </row>
    <row r="557369" spans="14:14">
      <c r="N557369" s="10"/>
    </row>
    <row r="557370" spans="14:14">
      <c r="N557370" s="10"/>
    </row>
    <row r="557371" spans="14:14">
      <c r="N557371" s="10"/>
    </row>
    <row r="557372" spans="14:14">
      <c r="N557372" s="10"/>
    </row>
    <row r="557373" spans="14:14">
      <c r="N557373" s="10"/>
    </row>
    <row r="557374" spans="14:14">
      <c r="N557374" s="10"/>
    </row>
    <row r="557375" spans="14:14">
      <c r="N557375" s="10"/>
    </row>
    <row r="557376" spans="14:14">
      <c r="N557376" s="10"/>
    </row>
    <row r="557377" spans="14:14">
      <c r="N557377" s="10"/>
    </row>
    <row r="557378" spans="14:14">
      <c r="N557378" s="10"/>
    </row>
    <row r="557379" spans="14:14">
      <c r="N557379" s="10"/>
    </row>
    <row r="557380" spans="14:14">
      <c r="N557380" s="10"/>
    </row>
    <row r="557381" spans="14:14">
      <c r="N557381" s="10"/>
    </row>
    <row r="557382" spans="14:14">
      <c r="N557382" s="10"/>
    </row>
    <row r="557383" spans="14:14">
      <c r="N557383" s="10"/>
    </row>
    <row r="557384" spans="14:14">
      <c r="N557384" s="10"/>
    </row>
    <row r="557385" spans="14:14">
      <c r="N557385" s="10"/>
    </row>
    <row r="557386" spans="14:14">
      <c r="N557386" s="10"/>
    </row>
    <row r="557387" spans="14:14">
      <c r="N557387" s="10"/>
    </row>
    <row r="557388" spans="14:14">
      <c r="N557388" s="10"/>
    </row>
    <row r="557389" spans="14:14">
      <c r="N557389" s="10"/>
    </row>
    <row r="557390" spans="14:14">
      <c r="N557390" s="10"/>
    </row>
    <row r="557391" spans="14:14">
      <c r="N557391" s="10"/>
    </row>
    <row r="557392" spans="14:14">
      <c r="N557392" s="10"/>
    </row>
    <row r="557393" spans="14:14">
      <c r="N557393" s="10"/>
    </row>
    <row r="557394" spans="14:14">
      <c r="N557394" s="10"/>
    </row>
    <row r="557395" spans="14:14">
      <c r="N557395" s="10"/>
    </row>
    <row r="557396" spans="14:14">
      <c r="N557396" s="10"/>
    </row>
    <row r="557397" spans="14:14">
      <c r="N557397" s="10"/>
    </row>
    <row r="557398" spans="14:14">
      <c r="N557398" s="10"/>
    </row>
    <row r="557399" spans="14:14">
      <c r="N557399" s="10"/>
    </row>
    <row r="557400" spans="14:14">
      <c r="N557400" s="10"/>
    </row>
    <row r="557401" spans="14:14">
      <c r="N557401" s="10"/>
    </row>
    <row r="557402" spans="14:14">
      <c r="N557402" s="10"/>
    </row>
    <row r="557403" spans="14:14">
      <c r="N557403" s="10"/>
    </row>
    <row r="557404" spans="14:14">
      <c r="N557404" s="10"/>
    </row>
    <row r="557405" spans="14:14">
      <c r="N557405" s="10"/>
    </row>
    <row r="557406" spans="14:14">
      <c r="N557406" s="10"/>
    </row>
    <row r="557407" spans="14:14">
      <c r="N557407" s="10"/>
    </row>
    <row r="557408" spans="14:14">
      <c r="N557408" s="10"/>
    </row>
    <row r="557409" spans="14:14">
      <c r="N557409" s="10"/>
    </row>
    <row r="557410" spans="14:14">
      <c r="N557410" s="10"/>
    </row>
    <row r="557411" spans="14:14">
      <c r="N557411" s="10"/>
    </row>
    <row r="557412" spans="14:14">
      <c r="N557412" s="10"/>
    </row>
    <row r="557413" spans="14:14">
      <c r="N557413" s="10"/>
    </row>
    <row r="557414" spans="14:14">
      <c r="N557414" s="10"/>
    </row>
    <row r="557415" spans="14:14">
      <c r="N557415" s="10"/>
    </row>
    <row r="557416" spans="14:14">
      <c r="N557416" s="10"/>
    </row>
    <row r="557417" spans="14:14">
      <c r="N557417" s="10"/>
    </row>
    <row r="557418" spans="14:14">
      <c r="N557418" s="10"/>
    </row>
    <row r="557419" spans="14:14">
      <c r="N557419" s="10"/>
    </row>
    <row r="557420" spans="14:14">
      <c r="N557420" s="10"/>
    </row>
    <row r="557421" spans="14:14">
      <c r="N557421" s="10"/>
    </row>
    <row r="557422" spans="14:14">
      <c r="N557422" s="10"/>
    </row>
    <row r="557423" spans="14:14">
      <c r="N557423" s="10"/>
    </row>
    <row r="557424" spans="14:14">
      <c r="N557424" s="10"/>
    </row>
    <row r="557425" spans="14:14">
      <c r="N557425" s="10"/>
    </row>
    <row r="557426" spans="14:14">
      <c r="N557426" s="10"/>
    </row>
    <row r="557427" spans="14:14">
      <c r="N557427" s="10"/>
    </row>
    <row r="557428" spans="14:14">
      <c r="N557428" s="10"/>
    </row>
    <row r="557429" spans="14:14">
      <c r="N557429" s="10"/>
    </row>
    <row r="557430" spans="14:14">
      <c r="N557430" s="10"/>
    </row>
    <row r="557431" spans="14:14">
      <c r="N557431" s="10"/>
    </row>
    <row r="557432" spans="14:14">
      <c r="N557432" s="10"/>
    </row>
    <row r="557433" spans="14:14">
      <c r="N557433" s="10"/>
    </row>
    <row r="557434" spans="14:14">
      <c r="N557434" s="10"/>
    </row>
    <row r="557435" spans="14:14">
      <c r="N557435" s="10"/>
    </row>
    <row r="557436" spans="14:14">
      <c r="N557436" s="10"/>
    </row>
    <row r="557437" spans="14:14">
      <c r="N557437" s="10"/>
    </row>
    <row r="557438" spans="14:14">
      <c r="N557438" s="10"/>
    </row>
    <row r="557439" spans="14:14">
      <c r="N557439" s="10"/>
    </row>
    <row r="557440" spans="14:14">
      <c r="N557440" s="10"/>
    </row>
    <row r="557441" spans="14:14">
      <c r="N557441" s="10"/>
    </row>
    <row r="557442" spans="14:14">
      <c r="N557442" s="10"/>
    </row>
    <row r="557443" spans="14:14">
      <c r="N557443" s="10"/>
    </row>
    <row r="557444" spans="14:14">
      <c r="N557444" s="10"/>
    </row>
    <row r="557445" spans="14:14">
      <c r="N557445" s="10"/>
    </row>
    <row r="557446" spans="14:14">
      <c r="N557446" s="10"/>
    </row>
    <row r="557447" spans="14:14">
      <c r="N557447" s="10"/>
    </row>
    <row r="557448" spans="14:14">
      <c r="N557448" s="10"/>
    </row>
    <row r="557449" spans="14:14">
      <c r="N557449" s="10"/>
    </row>
    <row r="557450" spans="14:14">
      <c r="N557450" s="10"/>
    </row>
    <row r="557451" spans="14:14">
      <c r="N557451" s="10"/>
    </row>
    <row r="557452" spans="14:14">
      <c r="N557452" s="10"/>
    </row>
    <row r="557453" spans="14:14">
      <c r="N557453" s="10"/>
    </row>
    <row r="557454" spans="14:14">
      <c r="N557454" s="10"/>
    </row>
    <row r="557455" spans="14:14">
      <c r="N557455" s="10"/>
    </row>
    <row r="557456" spans="14:14">
      <c r="N557456" s="10"/>
    </row>
    <row r="557457" spans="14:14">
      <c r="N557457" s="10"/>
    </row>
    <row r="557458" spans="14:14">
      <c r="N557458" s="10"/>
    </row>
    <row r="557459" spans="14:14">
      <c r="N557459" s="10"/>
    </row>
    <row r="557460" spans="14:14">
      <c r="N557460" s="10"/>
    </row>
    <row r="557461" spans="14:14">
      <c r="N557461" s="10"/>
    </row>
    <row r="557462" spans="14:14">
      <c r="N557462" s="10"/>
    </row>
    <row r="557463" spans="14:14">
      <c r="N557463" s="10"/>
    </row>
    <row r="557464" spans="14:14">
      <c r="N557464" s="10"/>
    </row>
    <row r="557465" spans="14:14">
      <c r="N557465" s="10"/>
    </row>
    <row r="557466" spans="14:14">
      <c r="N557466" s="10"/>
    </row>
    <row r="557467" spans="14:14">
      <c r="N557467" s="10"/>
    </row>
    <row r="557468" spans="14:14">
      <c r="N557468" s="10"/>
    </row>
    <row r="557469" spans="14:14">
      <c r="N557469" s="10"/>
    </row>
    <row r="557470" spans="14:14">
      <c r="N557470" s="10"/>
    </row>
    <row r="557471" spans="14:14">
      <c r="N557471" s="10"/>
    </row>
    <row r="557472" spans="14:14">
      <c r="N557472" s="10"/>
    </row>
    <row r="557473" spans="14:14">
      <c r="N557473" s="10"/>
    </row>
    <row r="557474" spans="14:14">
      <c r="N557474" s="10"/>
    </row>
    <row r="557475" spans="14:14">
      <c r="N557475" s="10"/>
    </row>
    <row r="557476" spans="14:14">
      <c r="N557476" s="10"/>
    </row>
    <row r="557477" spans="14:14">
      <c r="N557477" s="10"/>
    </row>
    <row r="557478" spans="14:14">
      <c r="N557478" s="10"/>
    </row>
    <row r="557479" spans="14:14">
      <c r="N557479" s="10"/>
    </row>
    <row r="557480" spans="14:14">
      <c r="N557480" s="10"/>
    </row>
    <row r="557481" spans="14:14">
      <c r="N557481" s="10"/>
    </row>
    <row r="557482" spans="14:14">
      <c r="N557482" s="10"/>
    </row>
    <row r="557483" spans="14:14">
      <c r="N557483" s="10"/>
    </row>
    <row r="557484" spans="14:14">
      <c r="N557484" s="10"/>
    </row>
    <row r="557485" spans="14:14">
      <c r="N557485" s="10"/>
    </row>
    <row r="557486" spans="14:14">
      <c r="N557486" s="10"/>
    </row>
    <row r="557487" spans="14:14">
      <c r="N557487" s="10"/>
    </row>
    <row r="557488" spans="14:14">
      <c r="N557488" s="10"/>
    </row>
    <row r="557489" spans="14:14">
      <c r="N557489" s="10"/>
    </row>
    <row r="557490" spans="14:14">
      <c r="N557490" s="10"/>
    </row>
    <row r="557491" spans="14:14">
      <c r="N557491" s="10"/>
    </row>
    <row r="557492" spans="14:14">
      <c r="N557492" s="10"/>
    </row>
    <row r="557493" spans="14:14">
      <c r="N557493" s="10"/>
    </row>
    <row r="557494" spans="14:14">
      <c r="N557494" s="10"/>
    </row>
    <row r="557495" spans="14:14">
      <c r="N557495" s="10"/>
    </row>
    <row r="557496" spans="14:14">
      <c r="N557496" s="10"/>
    </row>
    <row r="557497" spans="14:14">
      <c r="N557497" s="10"/>
    </row>
    <row r="557498" spans="14:14">
      <c r="N557498" s="10"/>
    </row>
    <row r="557499" spans="14:14">
      <c r="N557499" s="10"/>
    </row>
    <row r="557500" spans="14:14">
      <c r="N557500" s="10"/>
    </row>
    <row r="557501" spans="14:14">
      <c r="N557501" s="10"/>
    </row>
    <row r="557502" spans="14:14">
      <c r="N557502" s="10"/>
    </row>
    <row r="557503" spans="14:14">
      <c r="N557503" s="10"/>
    </row>
    <row r="557504" spans="14:14">
      <c r="N557504" s="10"/>
    </row>
    <row r="557505" spans="14:14">
      <c r="N557505" s="10"/>
    </row>
    <row r="557506" spans="14:14">
      <c r="N557506" s="10"/>
    </row>
    <row r="557507" spans="14:14">
      <c r="N557507" s="10"/>
    </row>
    <row r="557508" spans="14:14">
      <c r="N557508" s="10"/>
    </row>
    <row r="557509" spans="14:14">
      <c r="N557509" s="10"/>
    </row>
    <row r="557510" spans="14:14">
      <c r="N557510" s="10"/>
    </row>
    <row r="557511" spans="14:14">
      <c r="N557511" s="10"/>
    </row>
    <row r="557512" spans="14:14">
      <c r="N557512" s="10"/>
    </row>
    <row r="557513" spans="14:14">
      <c r="N557513" s="10"/>
    </row>
    <row r="557514" spans="14:14">
      <c r="N557514" s="10"/>
    </row>
    <row r="557515" spans="14:14">
      <c r="N557515" s="10"/>
    </row>
    <row r="557516" spans="14:14">
      <c r="N557516" s="10"/>
    </row>
    <row r="557517" spans="14:14">
      <c r="N557517" s="10"/>
    </row>
    <row r="557518" spans="14:14">
      <c r="N557518" s="10"/>
    </row>
    <row r="557519" spans="14:14">
      <c r="N557519" s="10"/>
    </row>
    <row r="557520" spans="14:14">
      <c r="N557520" s="10"/>
    </row>
    <row r="557521" spans="14:14">
      <c r="N557521" s="10"/>
    </row>
    <row r="557522" spans="14:14">
      <c r="N557522" s="10"/>
    </row>
    <row r="557523" spans="14:14">
      <c r="N557523" s="10"/>
    </row>
    <row r="557524" spans="14:14">
      <c r="N557524" s="10"/>
    </row>
    <row r="557525" spans="14:14">
      <c r="N557525" s="10"/>
    </row>
    <row r="557526" spans="14:14">
      <c r="N557526" s="10"/>
    </row>
    <row r="557527" spans="14:14">
      <c r="N557527" s="10"/>
    </row>
    <row r="557528" spans="14:14">
      <c r="N557528" s="10"/>
    </row>
    <row r="557529" spans="14:14">
      <c r="N557529" s="10"/>
    </row>
    <row r="557530" spans="14:14">
      <c r="N557530" s="10"/>
    </row>
    <row r="557531" spans="14:14">
      <c r="N557531" s="10"/>
    </row>
    <row r="557532" spans="14:14">
      <c r="N557532" s="10"/>
    </row>
    <row r="557533" spans="14:14">
      <c r="N557533" s="10"/>
    </row>
    <row r="557534" spans="14:14">
      <c r="N557534" s="10"/>
    </row>
    <row r="557535" spans="14:14">
      <c r="N557535" s="10"/>
    </row>
    <row r="557536" spans="14:14">
      <c r="N557536" s="10"/>
    </row>
    <row r="557537" spans="14:14">
      <c r="N557537" s="10"/>
    </row>
    <row r="557538" spans="14:14">
      <c r="N557538" s="10"/>
    </row>
    <row r="557539" spans="14:14">
      <c r="N557539" s="10"/>
    </row>
    <row r="557540" spans="14:14">
      <c r="N557540" s="10"/>
    </row>
    <row r="557541" spans="14:14">
      <c r="N557541" s="10"/>
    </row>
    <row r="557542" spans="14:14">
      <c r="N557542" s="10"/>
    </row>
    <row r="557543" spans="14:14">
      <c r="N557543" s="10"/>
    </row>
    <row r="557544" spans="14:14">
      <c r="N557544" s="10"/>
    </row>
    <row r="557545" spans="14:14">
      <c r="N557545" s="10"/>
    </row>
    <row r="557546" spans="14:14">
      <c r="N557546" s="10"/>
    </row>
    <row r="557547" spans="14:14">
      <c r="N557547" s="10"/>
    </row>
    <row r="557548" spans="14:14">
      <c r="N557548" s="10"/>
    </row>
    <row r="557549" spans="14:14">
      <c r="N557549" s="10"/>
    </row>
    <row r="557550" spans="14:14">
      <c r="N557550" s="10"/>
    </row>
    <row r="557551" spans="14:14">
      <c r="N557551" s="10"/>
    </row>
    <row r="557552" spans="14:14">
      <c r="N557552" s="10"/>
    </row>
    <row r="557553" spans="14:14">
      <c r="N557553" s="10"/>
    </row>
    <row r="557554" spans="14:14">
      <c r="N557554" s="10"/>
    </row>
    <row r="557555" spans="14:14">
      <c r="N557555" s="10"/>
    </row>
    <row r="557556" spans="14:14">
      <c r="N557556" s="10"/>
    </row>
    <row r="557557" spans="14:14">
      <c r="N557557" s="10"/>
    </row>
    <row r="557558" spans="14:14">
      <c r="N557558" s="10"/>
    </row>
    <row r="557559" spans="14:14">
      <c r="N557559" s="10"/>
    </row>
    <row r="557560" spans="14:14">
      <c r="N557560" s="10"/>
    </row>
    <row r="557561" spans="14:14">
      <c r="N557561" s="10"/>
    </row>
    <row r="557562" spans="14:14">
      <c r="N557562" s="10"/>
    </row>
    <row r="557563" spans="14:14">
      <c r="N557563" s="10"/>
    </row>
    <row r="557564" spans="14:14">
      <c r="N557564" s="10"/>
    </row>
    <row r="557565" spans="14:14">
      <c r="N557565" s="10"/>
    </row>
    <row r="557566" spans="14:14">
      <c r="N557566" s="10"/>
    </row>
    <row r="557567" spans="14:14">
      <c r="N557567" s="10"/>
    </row>
    <row r="557568" spans="14:14">
      <c r="N557568" s="10"/>
    </row>
    <row r="557569" spans="14:14">
      <c r="N557569" s="10"/>
    </row>
    <row r="557570" spans="14:14">
      <c r="N557570" s="10"/>
    </row>
    <row r="557571" spans="14:14">
      <c r="N557571" s="10"/>
    </row>
    <row r="557572" spans="14:14">
      <c r="N557572" s="10"/>
    </row>
    <row r="557573" spans="14:14">
      <c r="N557573" s="10"/>
    </row>
    <row r="557574" spans="14:14">
      <c r="N557574" s="10"/>
    </row>
    <row r="557575" spans="14:14">
      <c r="N557575" s="10"/>
    </row>
    <row r="557576" spans="14:14">
      <c r="N557576" s="10"/>
    </row>
    <row r="557577" spans="14:14">
      <c r="N557577" s="10"/>
    </row>
    <row r="557578" spans="14:14">
      <c r="N557578" s="10"/>
    </row>
    <row r="557579" spans="14:14">
      <c r="N557579" s="10"/>
    </row>
    <row r="557580" spans="14:14">
      <c r="N557580" s="10"/>
    </row>
    <row r="557581" spans="14:14">
      <c r="N557581" s="10"/>
    </row>
    <row r="557582" spans="14:14">
      <c r="N557582" s="10"/>
    </row>
    <row r="557583" spans="14:14">
      <c r="N557583" s="10"/>
    </row>
    <row r="557584" spans="14:14">
      <c r="N557584" s="10"/>
    </row>
    <row r="557585" spans="14:14">
      <c r="N557585" s="10"/>
    </row>
    <row r="557586" spans="14:14">
      <c r="N557586" s="10"/>
    </row>
    <row r="557587" spans="14:14">
      <c r="N557587" s="10"/>
    </row>
    <row r="557588" spans="14:14">
      <c r="N557588" s="10"/>
    </row>
    <row r="557589" spans="14:14">
      <c r="N557589" s="10"/>
    </row>
    <row r="557590" spans="14:14">
      <c r="N557590" s="10"/>
    </row>
    <row r="557591" spans="14:14">
      <c r="N557591" s="10"/>
    </row>
    <row r="557592" spans="14:14">
      <c r="N557592" s="10"/>
    </row>
    <row r="557593" spans="14:14">
      <c r="N557593" s="10"/>
    </row>
    <row r="557594" spans="14:14">
      <c r="N557594" s="10"/>
    </row>
    <row r="557595" spans="14:14">
      <c r="N557595" s="10"/>
    </row>
    <row r="557596" spans="14:14">
      <c r="N557596" s="10"/>
    </row>
    <row r="557597" spans="14:14">
      <c r="N557597" s="10"/>
    </row>
    <row r="557598" spans="14:14">
      <c r="N557598" s="10"/>
    </row>
    <row r="557599" spans="14:14">
      <c r="N557599" s="10"/>
    </row>
    <row r="557600" spans="14:14">
      <c r="N557600" s="10"/>
    </row>
    <row r="557601" spans="14:14">
      <c r="N557601" s="10"/>
    </row>
    <row r="557602" spans="14:14">
      <c r="N557602" s="10"/>
    </row>
    <row r="557603" spans="14:14">
      <c r="N557603" s="10"/>
    </row>
    <row r="557604" spans="14:14">
      <c r="N557604" s="10"/>
    </row>
    <row r="557605" spans="14:14">
      <c r="N557605" s="10"/>
    </row>
    <row r="557606" spans="14:14">
      <c r="N557606" s="10"/>
    </row>
    <row r="557607" spans="14:14">
      <c r="N557607" s="10"/>
    </row>
    <row r="557608" spans="14:14">
      <c r="N557608" s="10"/>
    </row>
    <row r="557609" spans="14:14">
      <c r="N557609" s="10"/>
    </row>
    <row r="557610" spans="14:14">
      <c r="N557610" s="10"/>
    </row>
    <row r="557611" spans="14:14">
      <c r="N557611" s="10"/>
    </row>
    <row r="557612" spans="14:14">
      <c r="N557612" s="10"/>
    </row>
    <row r="557613" spans="14:14">
      <c r="N557613" s="10"/>
    </row>
    <row r="557614" spans="14:14">
      <c r="N557614" s="10"/>
    </row>
    <row r="557615" spans="14:14">
      <c r="N557615" s="10"/>
    </row>
    <row r="557616" spans="14:14">
      <c r="N557616" s="10"/>
    </row>
    <row r="557617" spans="14:14">
      <c r="N557617" s="10"/>
    </row>
    <row r="557618" spans="14:14">
      <c r="N557618" s="10"/>
    </row>
    <row r="557619" spans="14:14">
      <c r="N557619" s="10"/>
    </row>
    <row r="557620" spans="14:14">
      <c r="N557620" s="10"/>
    </row>
    <row r="557621" spans="14:14">
      <c r="N557621" s="10"/>
    </row>
    <row r="557622" spans="14:14">
      <c r="N557622" s="10"/>
    </row>
    <row r="557623" spans="14:14">
      <c r="N557623" s="10"/>
    </row>
    <row r="557624" spans="14:14">
      <c r="N557624" s="10"/>
    </row>
    <row r="557625" spans="14:14">
      <c r="N557625" s="10"/>
    </row>
    <row r="557626" spans="14:14">
      <c r="N557626" s="10"/>
    </row>
    <row r="557627" spans="14:14">
      <c r="N557627" s="10"/>
    </row>
    <row r="557628" spans="14:14">
      <c r="N557628" s="10"/>
    </row>
    <row r="557629" spans="14:14">
      <c r="N557629" s="10"/>
    </row>
    <row r="557630" spans="14:14">
      <c r="N557630" s="10"/>
    </row>
    <row r="557631" spans="14:14">
      <c r="N557631" s="10"/>
    </row>
    <row r="557632" spans="14:14">
      <c r="N557632" s="10"/>
    </row>
    <row r="557633" spans="14:14">
      <c r="N557633" s="10"/>
    </row>
    <row r="557634" spans="14:14">
      <c r="N557634" s="10"/>
    </row>
    <row r="557635" spans="14:14">
      <c r="N557635" s="10"/>
    </row>
    <row r="557636" spans="14:14">
      <c r="N557636" s="10"/>
    </row>
    <row r="557637" spans="14:14">
      <c r="N557637" s="10"/>
    </row>
    <row r="557638" spans="14:14">
      <c r="N557638" s="10"/>
    </row>
    <row r="557639" spans="14:14">
      <c r="N557639" s="10"/>
    </row>
    <row r="557640" spans="14:14">
      <c r="N557640" s="10"/>
    </row>
    <row r="557641" spans="14:14">
      <c r="N557641" s="10"/>
    </row>
    <row r="557642" spans="14:14">
      <c r="N557642" s="10"/>
    </row>
    <row r="557643" spans="14:14">
      <c r="N557643" s="10"/>
    </row>
    <row r="557644" spans="14:14">
      <c r="N557644" s="10"/>
    </row>
    <row r="557645" spans="14:14">
      <c r="N557645" s="10"/>
    </row>
    <row r="557646" spans="14:14">
      <c r="N557646" s="10"/>
    </row>
    <row r="557647" spans="14:14">
      <c r="N557647" s="10"/>
    </row>
    <row r="557648" spans="14:14">
      <c r="N557648" s="10"/>
    </row>
    <row r="557649" spans="14:14">
      <c r="N557649" s="10"/>
    </row>
    <row r="557650" spans="14:14">
      <c r="N557650" s="10"/>
    </row>
    <row r="557651" spans="14:14">
      <c r="N557651" s="10"/>
    </row>
    <row r="557652" spans="14:14">
      <c r="N557652" s="10"/>
    </row>
    <row r="557653" spans="14:14">
      <c r="N557653" s="10"/>
    </row>
    <row r="557654" spans="14:14">
      <c r="N557654" s="10"/>
    </row>
    <row r="557655" spans="14:14">
      <c r="N557655" s="10"/>
    </row>
    <row r="557656" spans="14:14">
      <c r="N557656" s="10"/>
    </row>
    <row r="557657" spans="14:14">
      <c r="N557657" s="10"/>
    </row>
    <row r="557658" spans="14:14">
      <c r="N557658" s="10"/>
    </row>
    <row r="557659" spans="14:14">
      <c r="N557659" s="10"/>
    </row>
    <row r="557660" spans="14:14">
      <c r="N557660" s="10"/>
    </row>
    <row r="557661" spans="14:14">
      <c r="N557661" s="10"/>
    </row>
    <row r="557662" spans="14:14">
      <c r="N557662" s="10"/>
    </row>
    <row r="557663" spans="14:14">
      <c r="N557663" s="10"/>
    </row>
    <row r="557664" spans="14:14">
      <c r="N557664" s="10"/>
    </row>
    <row r="557665" spans="14:14">
      <c r="N557665" s="10"/>
    </row>
    <row r="557666" spans="14:14">
      <c r="N557666" s="10"/>
    </row>
    <row r="557667" spans="14:14">
      <c r="N557667" s="10"/>
    </row>
    <row r="557668" spans="14:14">
      <c r="N557668" s="10"/>
    </row>
    <row r="557669" spans="14:14">
      <c r="N557669" s="10"/>
    </row>
    <row r="557670" spans="14:14">
      <c r="N557670" s="10"/>
    </row>
    <row r="557671" spans="14:14">
      <c r="N557671" s="10"/>
    </row>
    <row r="557672" spans="14:14">
      <c r="N557672" s="10"/>
    </row>
    <row r="557673" spans="14:14">
      <c r="N557673" s="10"/>
    </row>
    <row r="557674" spans="14:14">
      <c r="N557674" s="10"/>
    </row>
    <row r="557675" spans="14:14">
      <c r="N557675" s="10"/>
    </row>
    <row r="557676" spans="14:14">
      <c r="N557676" s="10"/>
    </row>
    <row r="557677" spans="14:14">
      <c r="N557677" s="10"/>
    </row>
    <row r="557678" spans="14:14">
      <c r="N557678" s="10"/>
    </row>
    <row r="557679" spans="14:14">
      <c r="N557679" s="10"/>
    </row>
    <row r="557680" spans="14:14">
      <c r="N557680" s="10"/>
    </row>
    <row r="557681" spans="14:14">
      <c r="N557681" s="10"/>
    </row>
    <row r="557682" spans="14:14">
      <c r="N557682" s="10"/>
    </row>
    <row r="557683" spans="14:14">
      <c r="N557683" s="10"/>
    </row>
    <row r="557684" spans="14:14">
      <c r="N557684" s="10"/>
    </row>
    <row r="557685" spans="14:14">
      <c r="N557685" s="10"/>
    </row>
    <row r="557686" spans="14:14">
      <c r="N557686" s="10"/>
    </row>
    <row r="557687" spans="14:14">
      <c r="N557687" s="10"/>
    </row>
    <row r="557688" spans="14:14">
      <c r="N557688" s="10"/>
    </row>
    <row r="557689" spans="14:14">
      <c r="N557689" s="10"/>
    </row>
    <row r="557690" spans="14:14">
      <c r="N557690" s="10"/>
    </row>
    <row r="557691" spans="14:14">
      <c r="N557691" s="10"/>
    </row>
    <row r="557692" spans="14:14">
      <c r="N557692" s="10"/>
    </row>
    <row r="557693" spans="14:14">
      <c r="N557693" s="10"/>
    </row>
    <row r="557694" spans="14:14">
      <c r="N557694" s="10"/>
    </row>
    <row r="557695" spans="14:14">
      <c r="N557695" s="10"/>
    </row>
    <row r="557696" spans="14:14">
      <c r="N557696" s="10"/>
    </row>
    <row r="557697" spans="14:14">
      <c r="N557697" s="10"/>
    </row>
    <row r="557698" spans="14:14">
      <c r="N557698" s="10"/>
    </row>
    <row r="557699" spans="14:14">
      <c r="N557699" s="10"/>
    </row>
    <row r="557700" spans="14:14">
      <c r="N557700" s="10"/>
    </row>
    <row r="557701" spans="14:14">
      <c r="N557701" s="10"/>
    </row>
    <row r="557702" spans="14:14">
      <c r="N557702" s="10"/>
    </row>
    <row r="557703" spans="14:14">
      <c r="N557703" s="10"/>
    </row>
    <row r="557704" spans="14:14">
      <c r="N557704" s="10"/>
    </row>
    <row r="557705" spans="14:14">
      <c r="N557705" s="10"/>
    </row>
    <row r="557706" spans="14:14">
      <c r="N557706" s="10"/>
    </row>
    <row r="557707" spans="14:14">
      <c r="N557707" s="10"/>
    </row>
    <row r="557708" spans="14:14">
      <c r="N557708" s="10"/>
    </row>
    <row r="557709" spans="14:14">
      <c r="N557709" s="10"/>
    </row>
    <row r="557710" spans="14:14">
      <c r="N557710" s="10"/>
    </row>
    <row r="557711" spans="14:14">
      <c r="N557711" s="10"/>
    </row>
    <row r="557712" spans="14:14">
      <c r="N557712" s="10"/>
    </row>
    <row r="557713" spans="14:14">
      <c r="N557713" s="10"/>
    </row>
    <row r="557714" spans="14:14">
      <c r="N557714" s="10"/>
    </row>
    <row r="557715" spans="14:14">
      <c r="N557715" s="10"/>
    </row>
    <row r="557716" spans="14:14">
      <c r="N557716" s="10"/>
    </row>
    <row r="557717" spans="14:14">
      <c r="N557717" s="10"/>
    </row>
    <row r="557718" spans="14:14">
      <c r="N557718" s="10"/>
    </row>
    <row r="557719" spans="14:14">
      <c r="N557719" s="10"/>
    </row>
    <row r="557720" spans="14:14">
      <c r="N557720" s="10"/>
    </row>
    <row r="557721" spans="14:14">
      <c r="N557721" s="10"/>
    </row>
    <row r="557722" spans="14:14">
      <c r="N557722" s="10"/>
    </row>
    <row r="557723" spans="14:14">
      <c r="N557723" s="10"/>
    </row>
    <row r="557724" spans="14:14">
      <c r="N557724" s="10"/>
    </row>
    <row r="557725" spans="14:14">
      <c r="N557725" s="10"/>
    </row>
    <row r="557726" spans="14:14">
      <c r="N557726" s="10"/>
    </row>
    <row r="557727" spans="14:14">
      <c r="N557727" s="10"/>
    </row>
    <row r="557728" spans="14:14">
      <c r="N557728" s="10"/>
    </row>
    <row r="557729" spans="14:14">
      <c r="N557729" s="10"/>
    </row>
    <row r="557730" spans="14:14">
      <c r="N557730" s="10"/>
    </row>
    <row r="557731" spans="14:14">
      <c r="N557731" s="10"/>
    </row>
    <row r="557732" spans="14:14">
      <c r="N557732" s="10"/>
    </row>
    <row r="557733" spans="14:14">
      <c r="N557733" s="10"/>
    </row>
    <row r="557734" spans="14:14">
      <c r="N557734" s="10"/>
    </row>
    <row r="557735" spans="14:14">
      <c r="N557735" s="10"/>
    </row>
    <row r="557736" spans="14:14">
      <c r="N557736" s="10"/>
    </row>
    <row r="557737" spans="14:14">
      <c r="N557737" s="10"/>
    </row>
    <row r="557738" spans="14:14">
      <c r="N557738" s="10"/>
    </row>
    <row r="557739" spans="14:14">
      <c r="N557739" s="10"/>
    </row>
    <row r="557740" spans="14:14">
      <c r="N557740" s="10"/>
    </row>
    <row r="557741" spans="14:14">
      <c r="N557741" s="10"/>
    </row>
    <row r="557742" spans="14:14">
      <c r="N557742" s="10"/>
    </row>
    <row r="557743" spans="14:14">
      <c r="N557743" s="10"/>
    </row>
    <row r="557744" spans="14:14">
      <c r="N557744" s="10"/>
    </row>
    <row r="557745" spans="14:14">
      <c r="N557745" s="10"/>
    </row>
    <row r="557746" spans="14:14">
      <c r="N557746" s="10"/>
    </row>
    <row r="557747" spans="14:14">
      <c r="N557747" s="10"/>
    </row>
    <row r="557748" spans="14:14">
      <c r="N557748" s="10"/>
    </row>
    <row r="557749" spans="14:14">
      <c r="N557749" s="10"/>
    </row>
    <row r="557750" spans="14:14">
      <c r="N557750" s="10"/>
    </row>
    <row r="557751" spans="14:14">
      <c r="N557751" s="10"/>
    </row>
    <row r="557752" spans="14:14">
      <c r="N557752" s="10"/>
    </row>
    <row r="557753" spans="14:14">
      <c r="N557753" s="10"/>
    </row>
    <row r="557754" spans="14:14">
      <c r="N557754" s="10"/>
    </row>
    <row r="557755" spans="14:14">
      <c r="N557755" s="10"/>
    </row>
    <row r="557756" spans="14:14">
      <c r="N557756" s="10"/>
    </row>
    <row r="557757" spans="14:14">
      <c r="N557757" s="10"/>
    </row>
    <row r="557758" spans="14:14">
      <c r="N557758" s="10"/>
    </row>
    <row r="557759" spans="14:14">
      <c r="N557759" s="10"/>
    </row>
    <row r="557760" spans="14:14">
      <c r="N557760" s="10"/>
    </row>
    <row r="557761" spans="14:14">
      <c r="N557761" s="10"/>
    </row>
    <row r="557762" spans="14:14">
      <c r="N557762" s="10"/>
    </row>
    <row r="557763" spans="14:14">
      <c r="N557763" s="10"/>
    </row>
    <row r="557764" spans="14:14">
      <c r="N557764" s="10"/>
    </row>
    <row r="557765" spans="14:14">
      <c r="N557765" s="10"/>
    </row>
    <row r="557766" spans="14:14">
      <c r="N557766" s="10"/>
    </row>
    <row r="557767" spans="14:14">
      <c r="N557767" s="10"/>
    </row>
    <row r="557768" spans="14:14">
      <c r="N557768" s="10"/>
    </row>
    <row r="557769" spans="14:14">
      <c r="N557769" s="10"/>
    </row>
    <row r="557770" spans="14:14">
      <c r="N557770" s="10"/>
    </row>
    <row r="557771" spans="14:14">
      <c r="N557771" s="10"/>
    </row>
    <row r="557772" spans="14:14">
      <c r="N557772" s="10"/>
    </row>
    <row r="557773" spans="14:14">
      <c r="N557773" s="10"/>
    </row>
    <row r="557774" spans="14:14">
      <c r="N557774" s="10"/>
    </row>
    <row r="557775" spans="14:14">
      <c r="N557775" s="10"/>
    </row>
    <row r="557776" spans="14:14">
      <c r="N557776" s="10"/>
    </row>
    <row r="557777" spans="14:14">
      <c r="N557777" s="10"/>
    </row>
    <row r="557778" spans="14:14">
      <c r="N557778" s="10"/>
    </row>
    <row r="557779" spans="14:14">
      <c r="N557779" s="10"/>
    </row>
    <row r="557780" spans="14:14">
      <c r="N557780" s="10"/>
    </row>
    <row r="557781" spans="14:14">
      <c r="N557781" s="10"/>
    </row>
    <row r="557782" spans="14:14">
      <c r="N557782" s="10"/>
    </row>
    <row r="557783" spans="14:14">
      <c r="N557783" s="10"/>
    </row>
    <row r="557784" spans="14:14">
      <c r="N557784" s="10"/>
    </row>
    <row r="557785" spans="14:14">
      <c r="N557785" s="10"/>
    </row>
    <row r="557786" spans="14:14">
      <c r="N557786" s="10"/>
    </row>
    <row r="557787" spans="14:14">
      <c r="N557787" s="10"/>
    </row>
    <row r="557788" spans="14:14">
      <c r="N557788" s="10"/>
    </row>
    <row r="557789" spans="14:14">
      <c r="N557789" s="10"/>
    </row>
    <row r="557790" spans="14:14">
      <c r="N557790" s="10"/>
    </row>
    <row r="557791" spans="14:14">
      <c r="N557791" s="10"/>
    </row>
    <row r="557792" spans="14:14">
      <c r="N557792" s="10"/>
    </row>
    <row r="557793" spans="14:14">
      <c r="N557793" s="10"/>
    </row>
    <row r="557794" spans="14:14">
      <c r="N557794" s="10"/>
    </row>
    <row r="557795" spans="14:14">
      <c r="N557795" s="10"/>
    </row>
    <row r="557796" spans="14:14">
      <c r="N557796" s="10"/>
    </row>
    <row r="557797" spans="14:14">
      <c r="N557797" s="10"/>
    </row>
    <row r="557798" spans="14:14">
      <c r="N557798" s="10"/>
    </row>
    <row r="557799" spans="14:14">
      <c r="N557799" s="10"/>
    </row>
    <row r="557800" spans="14:14">
      <c r="N557800" s="10"/>
    </row>
    <row r="557801" spans="14:14">
      <c r="N557801" s="10"/>
    </row>
    <row r="557802" spans="14:14">
      <c r="N557802" s="10"/>
    </row>
    <row r="557803" spans="14:14">
      <c r="N557803" s="10"/>
    </row>
    <row r="557804" spans="14:14">
      <c r="N557804" s="10"/>
    </row>
    <row r="557805" spans="14:14">
      <c r="N557805" s="10"/>
    </row>
    <row r="557806" spans="14:14">
      <c r="N557806" s="10"/>
    </row>
    <row r="557807" spans="14:14">
      <c r="N557807" s="10"/>
    </row>
    <row r="557808" spans="14:14">
      <c r="N557808" s="10"/>
    </row>
    <row r="557809" spans="14:14">
      <c r="N557809" s="10"/>
    </row>
    <row r="557810" spans="14:14">
      <c r="N557810" s="10"/>
    </row>
    <row r="557811" spans="14:14">
      <c r="N557811" s="10"/>
    </row>
    <row r="557812" spans="14:14">
      <c r="N557812" s="10"/>
    </row>
    <row r="557813" spans="14:14">
      <c r="N557813" s="10"/>
    </row>
    <row r="557814" spans="14:14">
      <c r="N557814" s="10"/>
    </row>
    <row r="557815" spans="14:14">
      <c r="N557815" s="10"/>
    </row>
    <row r="557816" spans="14:14">
      <c r="N557816" s="10"/>
    </row>
    <row r="557817" spans="14:14">
      <c r="N557817" s="10"/>
    </row>
    <row r="557818" spans="14:14">
      <c r="N557818" s="10"/>
    </row>
    <row r="557819" spans="14:14">
      <c r="N557819" s="10"/>
    </row>
    <row r="557820" spans="14:14">
      <c r="N557820" s="10"/>
    </row>
    <row r="557821" spans="14:14">
      <c r="N557821" s="10"/>
    </row>
    <row r="557822" spans="14:14">
      <c r="N557822" s="10"/>
    </row>
    <row r="557823" spans="14:14">
      <c r="N557823" s="10"/>
    </row>
    <row r="557824" spans="14:14">
      <c r="N557824" s="10"/>
    </row>
    <row r="557825" spans="14:14">
      <c r="N557825" s="10"/>
    </row>
    <row r="557826" spans="14:14">
      <c r="N557826" s="10"/>
    </row>
    <row r="557827" spans="14:14">
      <c r="N557827" s="10"/>
    </row>
    <row r="557828" spans="14:14">
      <c r="N557828" s="10"/>
    </row>
    <row r="557829" spans="14:14">
      <c r="N557829" s="10"/>
    </row>
    <row r="557830" spans="14:14">
      <c r="N557830" s="10"/>
    </row>
    <row r="557831" spans="14:14">
      <c r="N557831" s="10"/>
    </row>
    <row r="557832" spans="14:14">
      <c r="N557832" s="10"/>
    </row>
    <row r="557833" spans="14:14">
      <c r="N557833" s="10"/>
    </row>
    <row r="557834" spans="14:14">
      <c r="N557834" s="10"/>
    </row>
    <row r="557835" spans="14:14">
      <c r="N557835" s="10"/>
    </row>
    <row r="557836" spans="14:14">
      <c r="N557836" s="10"/>
    </row>
    <row r="557837" spans="14:14">
      <c r="N557837" s="10"/>
    </row>
    <row r="557838" spans="14:14">
      <c r="N557838" s="10"/>
    </row>
    <row r="557839" spans="14:14">
      <c r="N557839" s="10"/>
    </row>
    <row r="557840" spans="14:14">
      <c r="N557840" s="10"/>
    </row>
    <row r="557841" spans="14:14">
      <c r="N557841" s="10"/>
    </row>
    <row r="557842" spans="14:14">
      <c r="N557842" s="10"/>
    </row>
    <row r="557843" spans="14:14">
      <c r="N557843" s="10"/>
    </row>
    <row r="557844" spans="14:14">
      <c r="N557844" s="10"/>
    </row>
    <row r="557845" spans="14:14">
      <c r="N557845" s="10"/>
    </row>
    <row r="557846" spans="14:14">
      <c r="N557846" s="10"/>
    </row>
    <row r="557847" spans="14:14">
      <c r="N557847" s="10"/>
    </row>
    <row r="557848" spans="14:14">
      <c r="N557848" s="10"/>
    </row>
    <row r="557849" spans="14:14">
      <c r="N557849" s="10"/>
    </row>
    <row r="557850" spans="14:14">
      <c r="N557850" s="10"/>
    </row>
    <row r="557851" spans="14:14">
      <c r="N557851" s="10"/>
    </row>
    <row r="557852" spans="14:14">
      <c r="N557852" s="10"/>
    </row>
    <row r="557853" spans="14:14">
      <c r="N557853" s="10"/>
    </row>
    <row r="557854" spans="14:14">
      <c r="N557854" s="10"/>
    </row>
    <row r="557855" spans="14:14">
      <c r="N557855" s="10"/>
    </row>
    <row r="557856" spans="14:14">
      <c r="N557856" s="10"/>
    </row>
    <row r="557857" spans="14:14">
      <c r="N557857" s="10"/>
    </row>
    <row r="557858" spans="14:14">
      <c r="N557858" s="10"/>
    </row>
    <row r="557859" spans="14:14">
      <c r="N557859" s="10"/>
    </row>
    <row r="557860" spans="14:14">
      <c r="N557860" s="10"/>
    </row>
    <row r="557861" spans="14:14">
      <c r="N557861" s="10"/>
    </row>
    <row r="557862" spans="14:14">
      <c r="N557862" s="10"/>
    </row>
    <row r="557863" spans="14:14">
      <c r="N557863" s="10"/>
    </row>
    <row r="557864" spans="14:14">
      <c r="N557864" s="10"/>
    </row>
    <row r="557865" spans="14:14">
      <c r="N557865" s="10"/>
    </row>
    <row r="557866" spans="14:14">
      <c r="N557866" s="10"/>
    </row>
    <row r="557867" spans="14:14">
      <c r="N557867" s="10"/>
    </row>
    <row r="557868" spans="14:14">
      <c r="N557868" s="10"/>
    </row>
    <row r="557869" spans="14:14">
      <c r="N557869" s="10"/>
    </row>
    <row r="557870" spans="14:14">
      <c r="N557870" s="10"/>
    </row>
    <row r="557871" spans="14:14">
      <c r="N557871" s="10"/>
    </row>
    <row r="557872" spans="14:14">
      <c r="N557872" s="10"/>
    </row>
    <row r="557873" spans="14:14">
      <c r="N557873" s="10"/>
    </row>
    <row r="557874" spans="14:14">
      <c r="N557874" s="10"/>
    </row>
    <row r="557875" spans="14:14">
      <c r="N557875" s="10"/>
    </row>
    <row r="557876" spans="14:14">
      <c r="N557876" s="10"/>
    </row>
    <row r="557877" spans="14:14">
      <c r="N557877" s="10"/>
    </row>
    <row r="557878" spans="14:14">
      <c r="N557878" s="10"/>
    </row>
    <row r="557879" spans="14:14">
      <c r="N557879" s="10"/>
    </row>
    <row r="557880" spans="14:14">
      <c r="N557880" s="10"/>
    </row>
    <row r="557881" spans="14:14">
      <c r="N557881" s="10"/>
    </row>
    <row r="557882" spans="14:14">
      <c r="N557882" s="10"/>
    </row>
    <row r="557883" spans="14:14">
      <c r="N557883" s="10"/>
    </row>
    <row r="557884" spans="14:14">
      <c r="N557884" s="10"/>
    </row>
    <row r="557885" spans="14:14">
      <c r="N557885" s="10"/>
    </row>
    <row r="557886" spans="14:14">
      <c r="N557886" s="10"/>
    </row>
    <row r="557887" spans="14:14">
      <c r="N557887" s="10"/>
    </row>
    <row r="557888" spans="14:14">
      <c r="N557888" s="10"/>
    </row>
    <row r="557889" spans="14:14">
      <c r="N557889" s="10"/>
    </row>
    <row r="557890" spans="14:14">
      <c r="N557890" s="10"/>
    </row>
    <row r="557891" spans="14:14">
      <c r="N557891" s="10"/>
    </row>
    <row r="557892" spans="14:14">
      <c r="N557892" s="10"/>
    </row>
    <row r="557893" spans="14:14">
      <c r="N557893" s="10"/>
    </row>
    <row r="557894" spans="14:14">
      <c r="N557894" s="10"/>
    </row>
    <row r="557895" spans="14:14">
      <c r="N557895" s="10"/>
    </row>
    <row r="557896" spans="14:14">
      <c r="N557896" s="10"/>
    </row>
    <row r="557897" spans="14:14">
      <c r="N557897" s="10"/>
    </row>
    <row r="557898" spans="14:14">
      <c r="N557898" s="10"/>
    </row>
    <row r="557899" spans="14:14">
      <c r="N557899" s="10"/>
    </row>
    <row r="557900" spans="14:14">
      <c r="N557900" s="10"/>
    </row>
    <row r="557901" spans="14:14">
      <c r="N557901" s="10"/>
    </row>
    <row r="557902" spans="14:14">
      <c r="N557902" s="10"/>
    </row>
    <row r="557903" spans="14:14">
      <c r="N557903" s="10"/>
    </row>
    <row r="557904" spans="14:14">
      <c r="N557904" s="10"/>
    </row>
    <row r="557905" spans="14:14">
      <c r="N557905" s="10"/>
    </row>
    <row r="557906" spans="14:14">
      <c r="N557906" s="10"/>
    </row>
    <row r="557907" spans="14:14">
      <c r="N557907" s="10"/>
    </row>
    <row r="557908" spans="14:14">
      <c r="N557908" s="10"/>
    </row>
    <row r="557909" spans="14:14">
      <c r="N557909" s="10"/>
    </row>
    <row r="557910" spans="14:14">
      <c r="N557910" s="10"/>
    </row>
    <row r="557911" spans="14:14">
      <c r="N557911" s="10"/>
    </row>
    <row r="557912" spans="14:14">
      <c r="N557912" s="10"/>
    </row>
    <row r="557913" spans="14:14">
      <c r="N557913" s="10"/>
    </row>
    <row r="557914" spans="14:14">
      <c r="N557914" s="10"/>
    </row>
    <row r="557915" spans="14:14">
      <c r="N557915" s="10"/>
    </row>
    <row r="557916" spans="14:14">
      <c r="N557916" s="10"/>
    </row>
    <row r="557917" spans="14:14">
      <c r="N557917" s="10"/>
    </row>
    <row r="557918" spans="14:14">
      <c r="N557918" s="10"/>
    </row>
    <row r="557919" spans="14:14">
      <c r="N557919" s="10"/>
    </row>
    <row r="557920" spans="14:14">
      <c r="N557920" s="10"/>
    </row>
    <row r="557921" spans="14:14">
      <c r="N557921" s="10"/>
    </row>
    <row r="557922" spans="14:14">
      <c r="N557922" s="10"/>
    </row>
    <row r="557923" spans="14:14">
      <c r="N557923" s="10"/>
    </row>
    <row r="557924" spans="14:14">
      <c r="N557924" s="10"/>
    </row>
    <row r="557925" spans="14:14">
      <c r="N557925" s="10"/>
    </row>
    <row r="557926" spans="14:14">
      <c r="N557926" s="10"/>
    </row>
    <row r="557927" spans="14:14">
      <c r="N557927" s="10"/>
    </row>
    <row r="557928" spans="14:14">
      <c r="N557928" s="10"/>
    </row>
    <row r="557929" spans="14:14">
      <c r="N557929" s="10"/>
    </row>
    <row r="557930" spans="14:14">
      <c r="N557930" s="10"/>
    </row>
    <row r="557931" spans="14:14">
      <c r="N557931" s="10"/>
    </row>
    <row r="557932" spans="14:14">
      <c r="N557932" s="10"/>
    </row>
    <row r="557933" spans="14:14">
      <c r="N557933" s="10"/>
    </row>
    <row r="557934" spans="14:14">
      <c r="N557934" s="10"/>
    </row>
    <row r="557935" spans="14:14">
      <c r="N557935" s="10"/>
    </row>
    <row r="557936" spans="14:14">
      <c r="N557936" s="10"/>
    </row>
    <row r="557937" spans="14:14">
      <c r="N557937" s="10"/>
    </row>
    <row r="557938" spans="14:14">
      <c r="N557938" s="10"/>
    </row>
    <row r="557939" spans="14:14">
      <c r="N557939" s="10"/>
    </row>
    <row r="557940" spans="14:14">
      <c r="N557940" s="10"/>
    </row>
    <row r="557941" spans="14:14">
      <c r="N557941" s="10"/>
    </row>
    <row r="557942" spans="14:14">
      <c r="N557942" s="10"/>
    </row>
    <row r="557943" spans="14:14">
      <c r="N557943" s="10"/>
    </row>
    <row r="557944" spans="14:14">
      <c r="N557944" s="10"/>
    </row>
    <row r="557945" spans="14:14">
      <c r="N557945" s="10"/>
    </row>
    <row r="557946" spans="14:14">
      <c r="N557946" s="10"/>
    </row>
    <row r="557947" spans="14:14">
      <c r="N557947" s="10"/>
    </row>
    <row r="557948" spans="14:14">
      <c r="N557948" s="10"/>
    </row>
    <row r="557949" spans="14:14">
      <c r="N557949" s="10"/>
    </row>
    <row r="557950" spans="14:14">
      <c r="N557950" s="10"/>
    </row>
    <row r="557951" spans="14:14">
      <c r="N557951" s="10"/>
    </row>
    <row r="557952" spans="14:14">
      <c r="N557952" s="10"/>
    </row>
    <row r="557953" spans="14:14">
      <c r="N557953" s="10"/>
    </row>
    <row r="557954" spans="14:14">
      <c r="N557954" s="10"/>
    </row>
    <row r="557955" spans="14:14">
      <c r="N557955" s="10"/>
    </row>
    <row r="557956" spans="14:14">
      <c r="N557956" s="10"/>
    </row>
    <row r="557957" spans="14:14">
      <c r="N557957" s="10"/>
    </row>
    <row r="557958" spans="14:14">
      <c r="N557958" s="10"/>
    </row>
    <row r="557959" spans="14:14">
      <c r="N557959" s="10"/>
    </row>
    <row r="557960" spans="14:14">
      <c r="N557960" s="10"/>
    </row>
    <row r="557961" spans="14:14">
      <c r="N557961" s="10"/>
    </row>
    <row r="557962" spans="14:14">
      <c r="N557962" s="10"/>
    </row>
    <row r="557963" spans="14:14">
      <c r="N557963" s="10"/>
    </row>
    <row r="557964" spans="14:14">
      <c r="N557964" s="10"/>
    </row>
    <row r="557965" spans="14:14">
      <c r="N557965" s="10"/>
    </row>
    <row r="557966" spans="14:14">
      <c r="N557966" s="10"/>
    </row>
    <row r="557967" spans="14:14">
      <c r="N557967" s="10"/>
    </row>
    <row r="557968" spans="14:14">
      <c r="N557968" s="10"/>
    </row>
    <row r="557969" spans="14:14">
      <c r="N557969" s="10"/>
    </row>
    <row r="557970" spans="14:14">
      <c r="N557970" s="10"/>
    </row>
    <row r="557971" spans="14:14">
      <c r="N557971" s="10"/>
    </row>
    <row r="557972" spans="14:14">
      <c r="N557972" s="10"/>
    </row>
    <row r="557973" spans="14:14">
      <c r="N557973" s="10"/>
    </row>
    <row r="557974" spans="14:14">
      <c r="N557974" s="10"/>
    </row>
    <row r="557975" spans="14:14">
      <c r="N557975" s="10"/>
    </row>
    <row r="557976" spans="14:14">
      <c r="N557976" s="10"/>
    </row>
    <row r="557977" spans="14:14">
      <c r="N557977" s="10"/>
    </row>
    <row r="557978" spans="14:14">
      <c r="N557978" s="10"/>
    </row>
    <row r="557979" spans="14:14">
      <c r="N557979" s="10"/>
    </row>
    <row r="557980" spans="14:14">
      <c r="N557980" s="10"/>
    </row>
    <row r="557981" spans="14:14">
      <c r="N557981" s="10"/>
    </row>
    <row r="557982" spans="14:14">
      <c r="N557982" s="10"/>
    </row>
    <row r="557983" spans="14:14">
      <c r="N557983" s="10"/>
    </row>
    <row r="557984" spans="14:14">
      <c r="N557984" s="10"/>
    </row>
    <row r="557985" spans="14:14">
      <c r="N557985" s="10"/>
    </row>
    <row r="557986" spans="14:14">
      <c r="N557986" s="10"/>
    </row>
    <row r="557987" spans="14:14">
      <c r="N557987" s="10"/>
    </row>
    <row r="557988" spans="14:14">
      <c r="N557988" s="10"/>
    </row>
    <row r="557989" spans="14:14">
      <c r="N557989" s="10"/>
    </row>
    <row r="557990" spans="14:14">
      <c r="N557990" s="10"/>
    </row>
    <row r="557991" spans="14:14">
      <c r="N557991" s="10"/>
    </row>
    <row r="557992" spans="14:14">
      <c r="N557992" s="10"/>
    </row>
    <row r="557993" spans="14:14">
      <c r="N557993" s="10"/>
    </row>
    <row r="557994" spans="14:14">
      <c r="N557994" s="10"/>
    </row>
    <row r="557995" spans="14:14">
      <c r="N557995" s="10"/>
    </row>
    <row r="557996" spans="14:14">
      <c r="N557996" s="10"/>
    </row>
    <row r="557997" spans="14:14">
      <c r="N557997" s="10"/>
    </row>
    <row r="557998" spans="14:14">
      <c r="N557998" s="10"/>
    </row>
    <row r="557999" spans="14:14">
      <c r="N557999" s="10"/>
    </row>
    <row r="558000" spans="14:14">
      <c r="N558000" s="10"/>
    </row>
    <row r="558001" spans="14:14">
      <c r="N558001" s="10"/>
    </row>
    <row r="558002" spans="14:14">
      <c r="N558002" s="10"/>
    </row>
    <row r="558003" spans="14:14">
      <c r="N558003" s="10"/>
    </row>
    <row r="558004" spans="14:14">
      <c r="N558004" s="10"/>
    </row>
    <row r="558005" spans="14:14">
      <c r="N558005" s="10"/>
    </row>
    <row r="558006" spans="14:14">
      <c r="N558006" s="10"/>
    </row>
    <row r="558007" spans="14:14">
      <c r="N558007" s="10"/>
    </row>
    <row r="558008" spans="14:14">
      <c r="N558008" s="10"/>
    </row>
    <row r="558009" spans="14:14">
      <c r="N558009" s="10"/>
    </row>
    <row r="558010" spans="14:14">
      <c r="N558010" s="10"/>
    </row>
    <row r="558011" spans="14:14">
      <c r="N558011" s="10"/>
    </row>
    <row r="558012" spans="14:14">
      <c r="N558012" s="10"/>
    </row>
    <row r="558013" spans="14:14">
      <c r="N558013" s="10"/>
    </row>
    <row r="558014" spans="14:14">
      <c r="N558014" s="10"/>
    </row>
    <row r="558015" spans="14:14">
      <c r="N558015" s="10"/>
    </row>
    <row r="558016" spans="14:14">
      <c r="N558016" s="10"/>
    </row>
    <row r="558017" spans="14:14">
      <c r="N558017" s="10"/>
    </row>
    <row r="558018" spans="14:14">
      <c r="N558018" s="10"/>
    </row>
    <row r="558019" spans="14:14">
      <c r="N558019" s="10"/>
    </row>
    <row r="558020" spans="14:14">
      <c r="N558020" s="10"/>
    </row>
    <row r="558021" spans="14:14">
      <c r="N558021" s="10"/>
    </row>
    <row r="558022" spans="14:14">
      <c r="N558022" s="10"/>
    </row>
    <row r="558023" spans="14:14">
      <c r="N558023" s="10"/>
    </row>
    <row r="558024" spans="14:14">
      <c r="N558024" s="10"/>
    </row>
    <row r="558025" spans="14:14">
      <c r="N558025" s="10"/>
    </row>
    <row r="558026" spans="14:14">
      <c r="N558026" s="10"/>
    </row>
    <row r="558027" spans="14:14">
      <c r="N558027" s="10"/>
    </row>
    <row r="558028" spans="14:14">
      <c r="N558028" s="10"/>
    </row>
    <row r="558029" spans="14:14">
      <c r="N558029" s="10"/>
    </row>
    <row r="558030" spans="14:14">
      <c r="N558030" s="10"/>
    </row>
    <row r="558031" spans="14:14">
      <c r="N558031" s="10"/>
    </row>
    <row r="558032" spans="14:14">
      <c r="N558032" s="10"/>
    </row>
    <row r="558033" spans="14:14">
      <c r="N558033" s="10"/>
    </row>
    <row r="558034" spans="14:14">
      <c r="N558034" s="10"/>
    </row>
    <row r="558035" spans="14:14">
      <c r="N558035" s="10"/>
    </row>
    <row r="558036" spans="14:14">
      <c r="N558036" s="10"/>
    </row>
    <row r="558037" spans="14:14">
      <c r="N558037" s="10"/>
    </row>
    <row r="558038" spans="14:14">
      <c r="N558038" s="10"/>
    </row>
    <row r="558039" spans="14:14">
      <c r="N558039" s="10"/>
    </row>
    <row r="558040" spans="14:14">
      <c r="N558040" s="10"/>
    </row>
    <row r="558041" spans="14:14">
      <c r="N558041" s="10"/>
    </row>
    <row r="558042" spans="14:14">
      <c r="N558042" s="10"/>
    </row>
    <row r="558043" spans="14:14">
      <c r="N558043" s="10"/>
    </row>
    <row r="558044" spans="14:14">
      <c r="N558044" s="10"/>
    </row>
    <row r="558045" spans="14:14">
      <c r="N558045" s="10"/>
    </row>
    <row r="558046" spans="14:14">
      <c r="N558046" s="10"/>
    </row>
    <row r="558047" spans="14:14">
      <c r="N558047" s="10"/>
    </row>
    <row r="558048" spans="14:14">
      <c r="N558048" s="10"/>
    </row>
    <row r="558049" spans="14:14">
      <c r="N558049" s="10"/>
    </row>
    <row r="558050" spans="14:14">
      <c r="N558050" s="10"/>
    </row>
    <row r="558051" spans="14:14">
      <c r="N558051" s="10"/>
    </row>
    <row r="558052" spans="14:14">
      <c r="N558052" s="10"/>
    </row>
    <row r="558053" spans="14:14">
      <c r="N558053" s="10"/>
    </row>
    <row r="558054" spans="14:14">
      <c r="N558054" s="10"/>
    </row>
    <row r="558055" spans="14:14">
      <c r="N558055" s="10"/>
    </row>
    <row r="558056" spans="14:14">
      <c r="N558056" s="10"/>
    </row>
    <row r="558057" spans="14:14">
      <c r="N558057" s="10"/>
    </row>
    <row r="558058" spans="14:14">
      <c r="N558058" s="10"/>
    </row>
    <row r="558059" spans="14:14">
      <c r="N558059" s="10"/>
    </row>
    <row r="558060" spans="14:14">
      <c r="N558060" s="10"/>
    </row>
    <row r="558061" spans="14:14">
      <c r="N558061" s="10"/>
    </row>
    <row r="558062" spans="14:14">
      <c r="N558062" s="10"/>
    </row>
    <row r="558063" spans="14:14">
      <c r="N558063" s="10"/>
    </row>
    <row r="558064" spans="14:14">
      <c r="N558064" s="10"/>
    </row>
    <row r="558065" spans="14:14">
      <c r="N558065" s="10"/>
    </row>
    <row r="558066" spans="14:14">
      <c r="N558066" s="10"/>
    </row>
    <row r="558067" spans="14:14">
      <c r="N558067" s="10"/>
    </row>
    <row r="558068" spans="14:14">
      <c r="N558068" s="10"/>
    </row>
    <row r="558069" spans="14:14">
      <c r="N558069" s="10"/>
    </row>
    <row r="558070" spans="14:14">
      <c r="N558070" s="10"/>
    </row>
    <row r="558071" spans="14:14">
      <c r="N558071" s="10"/>
    </row>
    <row r="558072" spans="14:14">
      <c r="N558072" s="10"/>
    </row>
    <row r="558073" spans="14:14">
      <c r="N558073" s="10"/>
    </row>
    <row r="558074" spans="14:14">
      <c r="N558074" s="10"/>
    </row>
    <row r="558075" spans="14:14">
      <c r="N558075" s="10"/>
    </row>
    <row r="558076" spans="14:14">
      <c r="N558076" s="10"/>
    </row>
    <row r="558077" spans="14:14">
      <c r="N558077" s="10"/>
    </row>
    <row r="558078" spans="14:14">
      <c r="N558078" s="10"/>
    </row>
    <row r="558079" spans="14:14">
      <c r="N558079" s="10"/>
    </row>
    <row r="558080" spans="14:14">
      <c r="N558080" s="10"/>
    </row>
    <row r="558081" spans="14:14">
      <c r="N558081" s="10"/>
    </row>
    <row r="558082" spans="14:14">
      <c r="N558082" s="10"/>
    </row>
    <row r="558083" spans="14:14">
      <c r="N558083" s="10"/>
    </row>
    <row r="558084" spans="14:14">
      <c r="N558084" s="10"/>
    </row>
    <row r="558085" spans="14:14">
      <c r="N558085" s="10"/>
    </row>
    <row r="558086" spans="14:14">
      <c r="N558086" s="10"/>
    </row>
    <row r="558087" spans="14:14">
      <c r="N558087" s="10"/>
    </row>
    <row r="558088" spans="14:14">
      <c r="N558088" s="10"/>
    </row>
    <row r="558089" spans="14:14">
      <c r="N558089" s="10"/>
    </row>
    <row r="558090" spans="14:14">
      <c r="N558090" s="10"/>
    </row>
    <row r="558091" spans="14:14">
      <c r="N558091" s="10"/>
    </row>
    <row r="558092" spans="14:14">
      <c r="N558092" s="10"/>
    </row>
    <row r="558093" spans="14:14">
      <c r="N558093" s="10"/>
    </row>
    <row r="558094" spans="14:14">
      <c r="N558094" s="10"/>
    </row>
    <row r="558095" spans="14:14">
      <c r="N558095" s="10"/>
    </row>
    <row r="558096" spans="14:14">
      <c r="N558096" s="10"/>
    </row>
    <row r="558097" spans="14:14">
      <c r="N558097" s="10"/>
    </row>
    <row r="558098" spans="14:14">
      <c r="N558098" s="10"/>
    </row>
    <row r="558099" spans="14:14">
      <c r="N558099" s="10"/>
    </row>
    <row r="558100" spans="14:14">
      <c r="N558100" s="10"/>
    </row>
    <row r="558101" spans="14:14">
      <c r="N558101" s="10"/>
    </row>
    <row r="558102" spans="14:14">
      <c r="N558102" s="10"/>
    </row>
    <row r="558103" spans="14:14">
      <c r="N558103" s="10"/>
    </row>
    <row r="558104" spans="14:14">
      <c r="N558104" s="10"/>
    </row>
    <row r="558105" spans="14:14">
      <c r="N558105" s="10"/>
    </row>
    <row r="558106" spans="14:14">
      <c r="N558106" s="10"/>
    </row>
    <row r="558107" spans="14:14">
      <c r="N558107" s="10"/>
    </row>
    <row r="558108" spans="14:14">
      <c r="N558108" s="10"/>
    </row>
    <row r="558109" spans="14:14">
      <c r="N558109" s="10"/>
    </row>
    <row r="558110" spans="14:14">
      <c r="N558110" s="10"/>
    </row>
    <row r="558111" spans="14:14">
      <c r="N558111" s="10"/>
    </row>
    <row r="558112" spans="14:14">
      <c r="N558112" s="10"/>
    </row>
    <row r="558113" spans="14:14">
      <c r="N558113" s="10"/>
    </row>
    <row r="558114" spans="14:14">
      <c r="N558114" s="10"/>
    </row>
    <row r="558115" spans="14:14">
      <c r="N558115" s="10"/>
    </row>
    <row r="558116" spans="14:14">
      <c r="N558116" s="10"/>
    </row>
    <row r="558117" spans="14:14">
      <c r="N558117" s="10"/>
    </row>
    <row r="558118" spans="14:14">
      <c r="N558118" s="10"/>
    </row>
    <row r="558119" spans="14:14">
      <c r="N558119" s="10"/>
    </row>
    <row r="558120" spans="14:14">
      <c r="N558120" s="10"/>
    </row>
    <row r="558121" spans="14:14">
      <c r="N558121" s="10"/>
    </row>
    <row r="558122" spans="14:14">
      <c r="N558122" s="10"/>
    </row>
    <row r="558123" spans="14:14">
      <c r="N558123" s="10"/>
    </row>
    <row r="558124" spans="14:14">
      <c r="N558124" s="10"/>
    </row>
    <row r="558125" spans="14:14">
      <c r="N558125" s="10"/>
    </row>
    <row r="558126" spans="14:14">
      <c r="N558126" s="10"/>
    </row>
    <row r="558127" spans="14:14">
      <c r="N558127" s="10"/>
    </row>
    <row r="558128" spans="14:14">
      <c r="N558128" s="10"/>
    </row>
    <row r="558129" spans="14:14">
      <c r="N558129" s="10"/>
    </row>
    <row r="558130" spans="14:14">
      <c r="N558130" s="10"/>
    </row>
    <row r="558131" spans="14:14">
      <c r="N558131" s="10"/>
    </row>
    <row r="558132" spans="14:14">
      <c r="N558132" s="10"/>
    </row>
    <row r="558133" spans="14:14">
      <c r="N558133" s="10"/>
    </row>
    <row r="558134" spans="14:14">
      <c r="N558134" s="10"/>
    </row>
    <row r="558135" spans="14:14">
      <c r="N558135" s="10"/>
    </row>
    <row r="558136" spans="14:14">
      <c r="N558136" s="10"/>
    </row>
    <row r="558137" spans="14:14">
      <c r="N558137" s="10"/>
    </row>
    <row r="558138" spans="14:14">
      <c r="N558138" s="10"/>
    </row>
    <row r="558139" spans="14:14">
      <c r="N558139" s="10"/>
    </row>
    <row r="558140" spans="14:14">
      <c r="N558140" s="10"/>
    </row>
    <row r="558141" spans="14:14">
      <c r="N558141" s="10"/>
    </row>
    <row r="558142" spans="14:14">
      <c r="N558142" s="10"/>
    </row>
    <row r="558143" spans="14:14">
      <c r="N558143" s="10"/>
    </row>
    <row r="558144" spans="14:14">
      <c r="N558144" s="10"/>
    </row>
    <row r="558145" spans="14:14">
      <c r="N558145" s="10"/>
    </row>
    <row r="558146" spans="14:14">
      <c r="N558146" s="10"/>
    </row>
    <row r="558147" spans="14:14">
      <c r="N558147" s="10"/>
    </row>
    <row r="558148" spans="14:14">
      <c r="N558148" s="10"/>
    </row>
    <row r="558149" spans="14:14">
      <c r="N558149" s="10"/>
    </row>
    <row r="558150" spans="14:14">
      <c r="N558150" s="10"/>
    </row>
    <row r="558151" spans="14:14">
      <c r="N558151" s="10"/>
    </row>
    <row r="558152" spans="14:14">
      <c r="N558152" s="10"/>
    </row>
    <row r="558153" spans="14:14">
      <c r="N558153" s="10"/>
    </row>
    <row r="558154" spans="14:14">
      <c r="N558154" s="10"/>
    </row>
    <row r="558155" spans="14:14">
      <c r="N558155" s="10"/>
    </row>
    <row r="558156" spans="14:14">
      <c r="N558156" s="10"/>
    </row>
    <row r="558157" spans="14:14">
      <c r="N558157" s="10"/>
    </row>
    <row r="558158" spans="14:14">
      <c r="N558158" s="10"/>
    </row>
    <row r="558159" spans="14:14">
      <c r="N558159" s="10"/>
    </row>
    <row r="558160" spans="14:14">
      <c r="N558160" s="10"/>
    </row>
    <row r="558161" spans="14:14">
      <c r="N558161" s="10"/>
    </row>
    <row r="558162" spans="14:14">
      <c r="N558162" s="10"/>
    </row>
    <row r="558163" spans="14:14">
      <c r="N558163" s="10"/>
    </row>
    <row r="558164" spans="14:14">
      <c r="N558164" s="10"/>
    </row>
    <row r="558165" spans="14:14">
      <c r="N558165" s="10"/>
    </row>
    <row r="558166" spans="14:14">
      <c r="N558166" s="10"/>
    </row>
    <row r="558167" spans="14:14">
      <c r="N558167" s="10"/>
    </row>
    <row r="558168" spans="14:14">
      <c r="N558168" s="10"/>
    </row>
    <row r="558169" spans="14:14">
      <c r="N558169" s="10"/>
    </row>
    <row r="558170" spans="14:14">
      <c r="N558170" s="10"/>
    </row>
    <row r="558171" spans="14:14">
      <c r="N558171" s="10"/>
    </row>
    <row r="558172" spans="14:14">
      <c r="N558172" s="10"/>
    </row>
    <row r="558173" spans="14:14">
      <c r="N558173" s="10"/>
    </row>
    <row r="558174" spans="14:14">
      <c r="N558174" s="10"/>
    </row>
    <row r="558175" spans="14:14">
      <c r="N558175" s="10"/>
    </row>
    <row r="558176" spans="14:14">
      <c r="N558176" s="10"/>
    </row>
    <row r="558177" spans="14:14">
      <c r="N558177" s="10"/>
    </row>
    <row r="558178" spans="14:14">
      <c r="N558178" s="10"/>
    </row>
    <row r="558179" spans="14:14">
      <c r="N558179" s="10"/>
    </row>
    <row r="558180" spans="14:14">
      <c r="N558180" s="10"/>
    </row>
    <row r="558181" spans="14:14">
      <c r="N558181" s="10"/>
    </row>
    <row r="558182" spans="14:14">
      <c r="N558182" s="10"/>
    </row>
    <row r="558183" spans="14:14">
      <c r="N558183" s="10"/>
    </row>
    <row r="558184" spans="14:14">
      <c r="N558184" s="10"/>
    </row>
    <row r="558185" spans="14:14">
      <c r="N558185" s="10"/>
    </row>
    <row r="558186" spans="14:14">
      <c r="N558186" s="10"/>
    </row>
    <row r="558187" spans="14:14">
      <c r="N558187" s="10"/>
    </row>
    <row r="558188" spans="14:14">
      <c r="N558188" s="10"/>
    </row>
    <row r="558189" spans="14:14">
      <c r="N558189" s="10"/>
    </row>
    <row r="558190" spans="14:14">
      <c r="N558190" s="10"/>
    </row>
    <row r="558191" spans="14:14">
      <c r="N558191" s="10"/>
    </row>
    <row r="558192" spans="14:14">
      <c r="N558192" s="10"/>
    </row>
    <row r="558193" spans="14:14">
      <c r="N558193" s="10"/>
    </row>
    <row r="558194" spans="14:14">
      <c r="N558194" s="10"/>
    </row>
    <row r="558195" spans="14:14">
      <c r="N558195" s="10"/>
    </row>
    <row r="558196" spans="14:14">
      <c r="N558196" s="10"/>
    </row>
    <row r="558197" spans="14:14">
      <c r="N558197" s="10"/>
    </row>
    <row r="558198" spans="14:14">
      <c r="N558198" s="10"/>
    </row>
    <row r="558199" spans="14:14">
      <c r="N558199" s="10"/>
    </row>
    <row r="558200" spans="14:14">
      <c r="N558200" s="10"/>
    </row>
    <row r="558201" spans="14:14">
      <c r="N558201" s="10"/>
    </row>
    <row r="558202" spans="14:14">
      <c r="N558202" s="10"/>
    </row>
    <row r="558203" spans="14:14">
      <c r="N558203" s="10"/>
    </row>
    <row r="558204" spans="14:14">
      <c r="N558204" s="10"/>
    </row>
    <row r="558205" spans="14:14">
      <c r="N558205" s="10"/>
    </row>
    <row r="558206" spans="14:14">
      <c r="N558206" s="10"/>
    </row>
    <row r="558207" spans="14:14">
      <c r="N558207" s="10"/>
    </row>
    <row r="558208" spans="14:14">
      <c r="N558208" s="10"/>
    </row>
    <row r="558209" spans="14:14">
      <c r="N558209" s="10"/>
    </row>
    <row r="558210" spans="14:14">
      <c r="N558210" s="10"/>
    </row>
    <row r="558211" spans="14:14">
      <c r="N558211" s="10"/>
    </row>
    <row r="558212" spans="14:14">
      <c r="N558212" s="10"/>
    </row>
    <row r="558213" spans="14:14">
      <c r="N558213" s="10"/>
    </row>
    <row r="558214" spans="14:14">
      <c r="N558214" s="10"/>
    </row>
    <row r="558215" spans="14:14">
      <c r="N558215" s="10"/>
    </row>
    <row r="558216" spans="14:14">
      <c r="N558216" s="10"/>
    </row>
    <row r="558217" spans="14:14">
      <c r="N558217" s="10"/>
    </row>
    <row r="558218" spans="14:14">
      <c r="N558218" s="10"/>
    </row>
    <row r="558219" spans="14:14">
      <c r="N558219" s="10"/>
    </row>
    <row r="558220" spans="14:14">
      <c r="N558220" s="10"/>
    </row>
    <row r="558221" spans="14:14">
      <c r="N558221" s="10"/>
    </row>
    <row r="558222" spans="14:14">
      <c r="N558222" s="10"/>
    </row>
    <row r="558223" spans="14:14">
      <c r="N558223" s="10"/>
    </row>
    <row r="558224" spans="14:14">
      <c r="N558224" s="10"/>
    </row>
    <row r="558225" spans="14:14">
      <c r="N558225" s="10"/>
    </row>
    <row r="558226" spans="14:14">
      <c r="N558226" s="10"/>
    </row>
    <row r="558227" spans="14:14">
      <c r="N558227" s="10"/>
    </row>
    <row r="558228" spans="14:14">
      <c r="N558228" s="10"/>
    </row>
    <row r="558229" spans="14:14">
      <c r="N558229" s="10"/>
    </row>
    <row r="558230" spans="14:14">
      <c r="N558230" s="10"/>
    </row>
    <row r="558231" spans="14:14">
      <c r="N558231" s="10"/>
    </row>
    <row r="558232" spans="14:14">
      <c r="N558232" s="10"/>
    </row>
    <row r="558233" spans="14:14">
      <c r="N558233" s="10"/>
    </row>
    <row r="558234" spans="14:14">
      <c r="N558234" s="10"/>
    </row>
    <row r="558235" spans="14:14">
      <c r="N558235" s="10"/>
    </row>
    <row r="558236" spans="14:14">
      <c r="N558236" s="10"/>
    </row>
    <row r="558237" spans="14:14">
      <c r="N558237" s="10"/>
    </row>
    <row r="558238" spans="14:14">
      <c r="N558238" s="10"/>
    </row>
    <row r="558239" spans="14:14">
      <c r="N558239" s="10"/>
    </row>
    <row r="558240" spans="14:14">
      <c r="N558240" s="10"/>
    </row>
    <row r="558241" spans="14:14">
      <c r="N558241" s="10"/>
    </row>
    <row r="558242" spans="14:14">
      <c r="N558242" s="10"/>
    </row>
    <row r="558243" spans="14:14">
      <c r="N558243" s="10"/>
    </row>
    <row r="558244" spans="14:14">
      <c r="N558244" s="10"/>
    </row>
    <row r="558245" spans="14:14">
      <c r="N558245" s="10"/>
    </row>
    <row r="558246" spans="14:14">
      <c r="N558246" s="10"/>
    </row>
    <row r="558247" spans="14:14">
      <c r="N558247" s="10"/>
    </row>
    <row r="558248" spans="14:14">
      <c r="N558248" s="10"/>
    </row>
    <row r="558249" spans="14:14">
      <c r="N558249" s="10"/>
    </row>
    <row r="558250" spans="14:14">
      <c r="N558250" s="10"/>
    </row>
    <row r="558251" spans="14:14">
      <c r="N558251" s="10"/>
    </row>
    <row r="558252" spans="14:14">
      <c r="N558252" s="10"/>
    </row>
    <row r="558253" spans="14:14">
      <c r="N558253" s="10"/>
    </row>
    <row r="558254" spans="14:14">
      <c r="N558254" s="10"/>
    </row>
    <row r="558255" spans="14:14">
      <c r="N558255" s="10"/>
    </row>
    <row r="558256" spans="14:14">
      <c r="N558256" s="10"/>
    </row>
    <row r="558257" spans="14:14">
      <c r="N558257" s="10"/>
    </row>
    <row r="558258" spans="14:14">
      <c r="N558258" s="10"/>
    </row>
    <row r="558259" spans="14:14">
      <c r="N558259" s="10"/>
    </row>
    <row r="558260" spans="14:14">
      <c r="N558260" s="10"/>
    </row>
    <row r="558261" spans="14:14">
      <c r="N558261" s="10"/>
    </row>
    <row r="558262" spans="14:14">
      <c r="N558262" s="10"/>
    </row>
    <row r="558263" spans="14:14">
      <c r="N558263" s="10"/>
    </row>
    <row r="558264" spans="14:14">
      <c r="N558264" s="10"/>
    </row>
    <row r="558265" spans="14:14">
      <c r="N558265" s="10"/>
    </row>
    <row r="558266" spans="14:14">
      <c r="N558266" s="10"/>
    </row>
    <row r="558267" spans="14:14">
      <c r="N558267" s="10"/>
    </row>
    <row r="558268" spans="14:14">
      <c r="N558268" s="10"/>
    </row>
    <row r="558269" spans="14:14">
      <c r="N558269" s="10"/>
    </row>
    <row r="558270" spans="14:14">
      <c r="N558270" s="10"/>
    </row>
    <row r="558271" spans="14:14">
      <c r="N558271" s="10"/>
    </row>
    <row r="558272" spans="14:14">
      <c r="N558272" s="10"/>
    </row>
    <row r="558273" spans="14:14">
      <c r="N558273" s="10"/>
    </row>
    <row r="558274" spans="14:14">
      <c r="N558274" s="10"/>
    </row>
    <row r="558275" spans="14:14">
      <c r="N558275" s="10"/>
    </row>
    <row r="558276" spans="14:14">
      <c r="N558276" s="10"/>
    </row>
    <row r="558277" spans="14:14">
      <c r="N558277" s="10"/>
    </row>
    <row r="558278" spans="14:14">
      <c r="N558278" s="10"/>
    </row>
    <row r="558279" spans="14:14">
      <c r="N558279" s="10"/>
    </row>
    <row r="558280" spans="14:14">
      <c r="N558280" s="10"/>
    </row>
    <row r="558281" spans="14:14">
      <c r="N558281" s="10"/>
    </row>
    <row r="558282" spans="14:14">
      <c r="N558282" s="10"/>
    </row>
    <row r="558283" spans="14:14">
      <c r="N558283" s="10"/>
    </row>
    <row r="558284" spans="14:14">
      <c r="N558284" s="10"/>
    </row>
    <row r="558285" spans="14:14">
      <c r="N558285" s="10"/>
    </row>
    <row r="558286" spans="14:14">
      <c r="N558286" s="10"/>
    </row>
    <row r="558287" spans="14:14">
      <c r="N558287" s="10"/>
    </row>
    <row r="558288" spans="14:14">
      <c r="N558288" s="10"/>
    </row>
    <row r="558289" spans="14:14">
      <c r="N558289" s="10"/>
    </row>
    <row r="558290" spans="14:14">
      <c r="N558290" s="10"/>
    </row>
    <row r="558291" spans="14:14">
      <c r="N558291" s="10"/>
    </row>
    <row r="558292" spans="14:14">
      <c r="N558292" s="10"/>
    </row>
    <row r="558293" spans="14:14">
      <c r="N558293" s="10"/>
    </row>
    <row r="558294" spans="14:14">
      <c r="N558294" s="10"/>
    </row>
    <row r="558295" spans="14:14">
      <c r="N558295" s="10"/>
    </row>
    <row r="558296" spans="14:14">
      <c r="N558296" s="10"/>
    </row>
    <row r="558297" spans="14:14">
      <c r="N558297" s="10"/>
    </row>
    <row r="558298" spans="14:14">
      <c r="N558298" s="10"/>
    </row>
    <row r="558299" spans="14:14">
      <c r="N558299" s="10"/>
    </row>
    <row r="558300" spans="14:14">
      <c r="N558300" s="10"/>
    </row>
    <row r="558301" spans="14:14">
      <c r="N558301" s="10"/>
    </row>
    <row r="558302" spans="14:14">
      <c r="N558302" s="10"/>
    </row>
    <row r="558303" spans="14:14">
      <c r="N558303" s="10"/>
    </row>
    <row r="558304" spans="14:14">
      <c r="N558304" s="10"/>
    </row>
    <row r="558305" spans="14:14">
      <c r="N558305" s="10"/>
    </row>
    <row r="558306" spans="14:14">
      <c r="N558306" s="10"/>
    </row>
    <row r="558307" spans="14:14">
      <c r="N558307" s="10"/>
    </row>
    <row r="558308" spans="14:14">
      <c r="N558308" s="10"/>
    </row>
    <row r="558309" spans="14:14">
      <c r="N558309" s="10"/>
    </row>
    <row r="558310" spans="14:14">
      <c r="N558310" s="10"/>
    </row>
    <row r="558311" spans="14:14">
      <c r="N558311" s="10"/>
    </row>
    <row r="558312" spans="14:14">
      <c r="N558312" s="10"/>
    </row>
    <row r="558313" spans="14:14">
      <c r="N558313" s="10"/>
    </row>
    <row r="558314" spans="14:14">
      <c r="N558314" s="10"/>
    </row>
    <row r="558315" spans="14:14">
      <c r="N558315" s="10"/>
    </row>
    <row r="558316" spans="14:14">
      <c r="N558316" s="10"/>
    </row>
    <row r="558317" spans="14:14">
      <c r="N558317" s="10"/>
    </row>
    <row r="558318" spans="14:14">
      <c r="N558318" s="10"/>
    </row>
    <row r="558319" spans="14:14">
      <c r="N558319" s="10"/>
    </row>
    <row r="558320" spans="14:14">
      <c r="N558320" s="10"/>
    </row>
    <row r="558321" spans="14:14">
      <c r="N558321" s="10"/>
    </row>
    <row r="558322" spans="14:14">
      <c r="N558322" s="10"/>
    </row>
    <row r="558323" spans="14:14">
      <c r="N558323" s="10"/>
    </row>
    <row r="558324" spans="14:14">
      <c r="N558324" s="10"/>
    </row>
    <row r="558325" spans="14:14">
      <c r="N558325" s="10"/>
    </row>
    <row r="558326" spans="14:14">
      <c r="N558326" s="10"/>
    </row>
    <row r="558327" spans="14:14">
      <c r="N558327" s="10"/>
    </row>
    <row r="558328" spans="14:14">
      <c r="N558328" s="10"/>
    </row>
    <row r="558329" spans="14:14">
      <c r="N558329" s="10"/>
    </row>
    <row r="558330" spans="14:14">
      <c r="N558330" s="10"/>
    </row>
    <row r="558331" spans="14:14">
      <c r="N558331" s="10"/>
    </row>
    <row r="558332" spans="14:14">
      <c r="N558332" s="10"/>
    </row>
    <row r="558333" spans="14:14">
      <c r="N558333" s="10"/>
    </row>
    <row r="558334" spans="14:14">
      <c r="N558334" s="10"/>
    </row>
    <row r="558335" spans="14:14">
      <c r="N558335" s="10"/>
    </row>
    <row r="558336" spans="14:14">
      <c r="N558336" s="10"/>
    </row>
    <row r="558337" spans="14:14">
      <c r="N558337" s="10"/>
    </row>
    <row r="558338" spans="14:14">
      <c r="N558338" s="10"/>
    </row>
    <row r="558339" spans="14:14">
      <c r="N558339" s="10"/>
    </row>
    <row r="558340" spans="14:14">
      <c r="N558340" s="10"/>
    </row>
    <row r="558341" spans="14:14">
      <c r="N558341" s="10"/>
    </row>
    <row r="558342" spans="14:14">
      <c r="N558342" s="10"/>
    </row>
    <row r="558343" spans="14:14">
      <c r="N558343" s="10"/>
    </row>
    <row r="558344" spans="14:14">
      <c r="N558344" s="10"/>
    </row>
    <row r="558345" spans="14:14">
      <c r="N558345" s="10"/>
    </row>
    <row r="558346" spans="14:14">
      <c r="N558346" s="10"/>
    </row>
    <row r="558347" spans="14:14">
      <c r="N558347" s="10"/>
    </row>
    <row r="558348" spans="14:14">
      <c r="N558348" s="10"/>
    </row>
    <row r="558349" spans="14:14">
      <c r="N558349" s="10"/>
    </row>
    <row r="558350" spans="14:14">
      <c r="N558350" s="10"/>
    </row>
    <row r="558351" spans="14:14">
      <c r="N558351" s="10"/>
    </row>
    <row r="558352" spans="14:14">
      <c r="N558352" s="10"/>
    </row>
    <row r="558353" spans="14:14">
      <c r="N558353" s="10"/>
    </row>
    <row r="558354" spans="14:14">
      <c r="N558354" s="10"/>
    </row>
    <row r="558355" spans="14:14">
      <c r="N558355" s="10"/>
    </row>
    <row r="558356" spans="14:14">
      <c r="N558356" s="10"/>
    </row>
    <row r="558357" spans="14:14">
      <c r="N558357" s="10"/>
    </row>
    <row r="558358" spans="14:14">
      <c r="N558358" s="10"/>
    </row>
    <row r="558359" spans="14:14">
      <c r="N558359" s="10"/>
    </row>
    <row r="558360" spans="14:14">
      <c r="N558360" s="10"/>
    </row>
    <row r="558361" spans="14:14">
      <c r="N558361" s="10"/>
    </row>
    <row r="558362" spans="14:14">
      <c r="N558362" s="10"/>
    </row>
    <row r="558363" spans="14:14">
      <c r="N558363" s="10"/>
    </row>
    <row r="558364" spans="14:14">
      <c r="N558364" s="10"/>
    </row>
    <row r="558365" spans="14:14">
      <c r="N558365" s="10"/>
    </row>
    <row r="558366" spans="14:14">
      <c r="N558366" s="10"/>
    </row>
    <row r="558367" spans="14:14">
      <c r="N558367" s="10"/>
    </row>
    <row r="558368" spans="14:14">
      <c r="N558368" s="10"/>
    </row>
    <row r="558369" spans="14:14">
      <c r="N558369" s="10"/>
    </row>
    <row r="558370" spans="14:14">
      <c r="N558370" s="10"/>
    </row>
    <row r="558371" spans="14:14">
      <c r="N558371" s="10"/>
    </row>
    <row r="558372" spans="14:14">
      <c r="N558372" s="10"/>
    </row>
    <row r="558373" spans="14:14">
      <c r="N558373" s="10"/>
    </row>
    <row r="558374" spans="14:14">
      <c r="N558374" s="10"/>
    </row>
    <row r="558375" spans="14:14">
      <c r="N558375" s="10"/>
    </row>
    <row r="558376" spans="14:14">
      <c r="N558376" s="10"/>
    </row>
    <row r="558377" spans="14:14">
      <c r="N558377" s="10"/>
    </row>
    <row r="558378" spans="14:14">
      <c r="N558378" s="10"/>
    </row>
    <row r="558379" spans="14:14">
      <c r="N558379" s="10"/>
    </row>
    <row r="558380" spans="14:14">
      <c r="N558380" s="10"/>
    </row>
    <row r="558381" spans="14:14">
      <c r="N558381" s="10"/>
    </row>
    <row r="558382" spans="14:14">
      <c r="N558382" s="10"/>
    </row>
    <row r="558383" spans="14:14">
      <c r="N558383" s="10"/>
    </row>
    <row r="558384" spans="14:14">
      <c r="N558384" s="10"/>
    </row>
    <row r="558385" spans="14:14">
      <c r="N558385" s="10"/>
    </row>
    <row r="558386" spans="14:14">
      <c r="N558386" s="10"/>
    </row>
    <row r="558387" spans="14:14">
      <c r="N558387" s="10"/>
    </row>
    <row r="558388" spans="14:14">
      <c r="N558388" s="10"/>
    </row>
    <row r="558389" spans="14:14">
      <c r="N558389" s="10"/>
    </row>
    <row r="558390" spans="14:14">
      <c r="N558390" s="10"/>
    </row>
    <row r="558391" spans="14:14">
      <c r="N558391" s="10"/>
    </row>
    <row r="558392" spans="14:14">
      <c r="N558392" s="10"/>
    </row>
    <row r="558393" spans="14:14">
      <c r="N558393" s="10"/>
    </row>
    <row r="558394" spans="14:14">
      <c r="N558394" s="10"/>
    </row>
    <row r="558395" spans="14:14">
      <c r="N558395" s="10"/>
    </row>
    <row r="558396" spans="14:14">
      <c r="N558396" s="10"/>
    </row>
    <row r="558397" spans="14:14">
      <c r="N558397" s="10"/>
    </row>
    <row r="558398" spans="14:14">
      <c r="N558398" s="10"/>
    </row>
    <row r="558399" spans="14:14">
      <c r="N558399" s="10"/>
    </row>
    <row r="558400" spans="14:14">
      <c r="N558400" s="10"/>
    </row>
    <row r="558401" spans="14:14">
      <c r="N558401" s="10"/>
    </row>
    <row r="558402" spans="14:14">
      <c r="N558402" s="10"/>
    </row>
    <row r="558403" spans="14:14">
      <c r="N558403" s="10"/>
    </row>
    <row r="558404" spans="14:14">
      <c r="N558404" s="10"/>
    </row>
    <row r="558405" spans="14:14">
      <c r="N558405" s="10"/>
    </row>
    <row r="558406" spans="14:14">
      <c r="N558406" s="10"/>
    </row>
    <row r="558407" spans="14:14">
      <c r="N558407" s="10"/>
    </row>
    <row r="558408" spans="14:14">
      <c r="N558408" s="10"/>
    </row>
    <row r="558409" spans="14:14">
      <c r="N558409" s="10"/>
    </row>
    <row r="558410" spans="14:14">
      <c r="N558410" s="10"/>
    </row>
    <row r="558411" spans="14:14">
      <c r="N558411" s="10"/>
    </row>
    <row r="558412" spans="14:14">
      <c r="N558412" s="10"/>
    </row>
    <row r="558413" spans="14:14">
      <c r="N558413" s="10"/>
    </row>
    <row r="558414" spans="14:14">
      <c r="N558414" s="10"/>
    </row>
    <row r="558415" spans="14:14">
      <c r="N558415" s="10"/>
    </row>
    <row r="558416" spans="14:14">
      <c r="N558416" s="10"/>
    </row>
    <row r="558417" spans="14:14">
      <c r="N558417" s="10"/>
    </row>
    <row r="558418" spans="14:14">
      <c r="N558418" s="10"/>
    </row>
    <row r="558419" spans="14:14">
      <c r="N558419" s="10"/>
    </row>
    <row r="558420" spans="14:14">
      <c r="N558420" s="10"/>
    </row>
    <row r="558421" spans="14:14">
      <c r="N558421" s="10"/>
    </row>
    <row r="558422" spans="14:14">
      <c r="N558422" s="10"/>
    </row>
    <row r="558423" spans="14:14">
      <c r="N558423" s="10"/>
    </row>
    <row r="558424" spans="14:14">
      <c r="N558424" s="10"/>
    </row>
    <row r="558425" spans="14:14">
      <c r="N558425" s="10"/>
    </row>
    <row r="558426" spans="14:14">
      <c r="N558426" s="10"/>
    </row>
    <row r="558427" spans="14:14">
      <c r="N558427" s="10"/>
    </row>
    <row r="558428" spans="14:14">
      <c r="N558428" s="10"/>
    </row>
    <row r="558429" spans="14:14">
      <c r="N558429" s="10"/>
    </row>
    <row r="558430" spans="14:14">
      <c r="N558430" s="10"/>
    </row>
    <row r="558431" spans="14:14">
      <c r="N558431" s="10"/>
    </row>
    <row r="558432" spans="14:14">
      <c r="N558432" s="10"/>
    </row>
    <row r="558433" spans="14:14">
      <c r="N558433" s="10"/>
    </row>
    <row r="558434" spans="14:14">
      <c r="N558434" s="10"/>
    </row>
    <row r="558435" spans="14:14">
      <c r="N558435" s="10"/>
    </row>
    <row r="558436" spans="14:14">
      <c r="N558436" s="10"/>
    </row>
    <row r="558437" spans="14:14">
      <c r="N558437" s="10"/>
    </row>
    <row r="558438" spans="14:14">
      <c r="N558438" s="10"/>
    </row>
    <row r="558439" spans="14:14">
      <c r="N558439" s="10"/>
    </row>
    <row r="558440" spans="14:14">
      <c r="N558440" s="10"/>
    </row>
    <row r="558441" spans="14:14">
      <c r="N558441" s="10"/>
    </row>
    <row r="558442" spans="14:14">
      <c r="N558442" s="10"/>
    </row>
    <row r="558443" spans="14:14">
      <c r="N558443" s="10"/>
    </row>
    <row r="558444" spans="14:14">
      <c r="N558444" s="10"/>
    </row>
    <row r="558445" spans="14:14">
      <c r="N558445" s="10"/>
    </row>
    <row r="558446" spans="14:14">
      <c r="N558446" s="10"/>
    </row>
    <row r="558447" spans="14:14">
      <c r="N558447" s="10"/>
    </row>
    <row r="558448" spans="14:14">
      <c r="N558448" s="10"/>
    </row>
    <row r="558449" spans="14:14">
      <c r="N558449" s="10"/>
    </row>
    <row r="558450" spans="14:14">
      <c r="N558450" s="10"/>
    </row>
    <row r="558451" spans="14:14">
      <c r="N558451" s="10"/>
    </row>
    <row r="558452" spans="14:14">
      <c r="N558452" s="10"/>
    </row>
    <row r="558453" spans="14:14">
      <c r="N558453" s="10"/>
    </row>
    <row r="558454" spans="14:14">
      <c r="N558454" s="10"/>
    </row>
    <row r="558455" spans="14:14">
      <c r="N558455" s="10"/>
    </row>
    <row r="558456" spans="14:14">
      <c r="N558456" s="10"/>
    </row>
    <row r="558457" spans="14:14">
      <c r="N558457" s="10"/>
    </row>
    <row r="558458" spans="14:14">
      <c r="N558458" s="10"/>
    </row>
    <row r="558459" spans="14:14">
      <c r="N558459" s="10"/>
    </row>
    <row r="558460" spans="14:14">
      <c r="N558460" s="10"/>
    </row>
    <row r="558461" spans="14:14">
      <c r="N558461" s="10"/>
    </row>
    <row r="558462" spans="14:14">
      <c r="N558462" s="10"/>
    </row>
    <row r="558463" spans="14:14">
      <c r="N558463" s="10"/>
    </row>
    <row r="558464" spans="14:14">
      <c r="N558464" s="10"/>
    </row>
    <row r="558465" spans="14:14">
      <c r="N558465" s="10"/>
    </row>
    <row r="558466" spans="14:14">
      <c r="N558466" s="10"/>
    </row>
    <row r="558467" spans="14:14">
      <c r="N558467" s="10"/>
    </row>
    <row r="558468" spans="14:14">
      <c r="N558468" s="10"/>
    </row>
    <row r="558469" spans="14:14">
      <c r="N558469" s="10"/>
    </row>
    <row r="558470" spans="14:14">
      <c r="N558470" s="10"/>
    </row>
    <row r="558471" spans="14:14">
      <c r="N558471" s="10"/>
    </row>
    <row r="558472" spans="14:14">
      <c r="N558472" s="10"/>
    </row>
    <row r="558473" spans="14:14">
      <c r="N558473" s="10"/>
    </row>
    <row r="558474" spans="14:14">
      <c r="N558474" s="10"/>
    </row>
    <row r="558475" spans="14:14">
      <c r="N558475" s="10"/>
    </row>
    <row r="558476" spans="14:14">
      <c r="N558476" s="10"/>
    </row>
    <row r="558477" spans="14:14">
      <c r="N558477" s="10"/>
    </row>
    <row r="558478" spans="14:14">
      <c r="N558478" s="10"/>
    </row>
    <row r="558479" spans="14:14">
      <c r="N558479" s="10"/>
    </row>
    <row r="558480" spans="14:14">
      <c r="N558480" s="10"/>
    </row>
    <row r="558481" spans="14:14">
      <c r="N558481" s="10"/>
    </row>
    <row r="558482" spans="14:14">
      <c r="N558482" s="10"/>
    </row>
    <row r="558483" spans="14:14">
      <c r="N558483" s="10"/>
    </row>
    <row r="558484" spans="14:14">
      <c r="N558484" s="10"/>
    </row>
    <row r="558485" spans="14:14">
      <c r="N558485" s="10"/>
    </row>
    <row r="558486" spans="14:14">
      <c r="N558486" s="10"/>
    </row>
    <row r="558487" spans="14:14">
      <c r="N558487" s="10"/>
    </row>
    <row r="558488" spans="14:14">
      <c r="N558488" s="10"/>
    </row>
    <row r="558489" spans="14:14">
      <c r="N558489" s="10"/>
    </row>
    <row r="558490" spans="14:14">
      <c r="N558490" s="10"/>
    </row>
    <row r="558491" spans="14:14">
      <c r="N558491" s="10"/>
    </row>
    <row r="558492" spans="14:14">
      <c r="N558492" s="10"/>
    </row>
    <row r="558493" spans="14:14">
      <c r="N558493" s="10"/>
    </row>
    <row r="558494" spans="14:14">
      <c r="N558494" s="10"/>
    </row>
    <row r="558495" spans="14:14">
      <c r="N558495" s="10"/>
    </row>
    <row r="558496" spans="14:14">
      <c r="N558496" s="10"/>
    </row>
    <row r="558497" spans="14:14">
      <c r="N558497" s="10"/>
    </row>
    <row r="558498" spans="14:14">
      <c r="N558498" s="10"/>
    </row>
    <row r="558499" spans="14:14">
      <c r="N558499" s="10"/>
    </row>
    <row r="558500" spans="14:14">
      <c r="N558500" s="10"/>
    </row>
    <row r="558501" spans="14:14">
      <c r="N558501" s="10"/>
    </row>
    <row r="558502" spans="14:14">
      <c r="N558502" s="10"/>
    </row>
    <row r="558503" spans="14:14">
      <c r="N558503" s="10"/>
    </row>
    <row r="558504" spans="14:14">
      <c r="N558504" s="10"/>
    </row>
    <row r="558505" spans="14:14">
      <c r="N558505" s="10"/>
    </row>
    <row r="558506" spans="14:14">
      <c r="N558506" s="10"/>
    </row>
    <row r="558507" spans="14:14">
      <c r="N558507" s="10"/>
    </row>
    <row r="558508" spans="14:14">
      <c r="N558508" s="10"/>
    </row>
    <row r="558509" spans="14:14">
      <c r="N558509" s="10"/>
    </row>
    <row r="558510" spans="14:14">
      <c r="N558510" s="10"/>
    </row>
    <row r="558511" spans="14:14">
      <c r="N558511" s="10"/>
    </row>
    <row r="558512" spans="14:14">
      <c r="N558512" s="10"/>
    </row>
    <row r="558513" spans="14:14">
      <c r="N558513" s="10"/>
    </row>
    <row r="558514" spans="14:14">
      <c r="N558514" s="10"/>
    </row>
    <row r="558515" spans="14:14">
      <c r="N558515" s="10"/>
    </row>
    <row r="558516" spans="14:14">
      <c r="N558516" s="10"/>
    </row>
    <row r="558517" spans="14:14">
      <c r="N558517" s="10"/>
    </row>
    <row r="558518" spans="14:14">
      <c r="N558518" s="10"/>
    </row>
    <row r="558519" spans="14:14">
      <c r="N558519" s="10"/>
    </row>
    <row r="558520" spans="14:14">
      <c r="N558520" s="10"/>
    </row>
    <row r="558521" spans="14:14">
      <c r="N558521" s="10"/>
    </row>
    <row r="558522" spans="14:14">
      <c r="N558522" s="10"/>
    </row>
    <row r="558523" spans="14:14">
      <c r="N558523" s="10"/>
    </row>
    <row r="558524" spans="14:14">
      <c r="N558524" s="10"/>
    </row>
    <row r="558525" spans="14:14">
      <c r="N558525" s="10"/>
    </row>
    <row r="558526" spans="14:14">
      <c r="N558526" s="10"/>
    </row>
    <row r="558527" spans="14:14">
      <c r="N558527" s="10"/>
    </row>
    <row r="558528" spans="14:14">
      <c r="N558528" s="10"/>
    </row>
    <row r="558529" spans="14:14">
      <c r="N558529" s="10"/>
    </row>
    <row r="558530" spans="14:14">
      <c r="N558530" s="10"/>
    </row>
    <row r="558531" spans="14:14">
      <c r="N558531" s="10"/>
    </row>
    <row r="558532" spans="14:14">
      <c r="N558532" s="10"/>
    </row>
    <row r="558533" spans="14:14">
      <c r="N558533" s="10"/>
    </row>
    <row r="558534" spans="14:14">
      <c r="N558534" s="10"/>
    </row>
    <row r="558535" spans="14:14">
      <c r="N558535" s="10"/>
    </row>
    <row r="558536" spans="14:14">
      <c r="N558536" s="10"/>
    </row>
    <row r="558537" spans="14:14">
      <c r="N558537" s="10"/>
    </row>
    <row r="558538" spans="14:14">
      <c r="N558538" s="10"/>
    </row>
    <row r="558539" spans="14:14">
      <c r="N558539" s="10"/>
    </row>
    <row r="558540" spans="14:14">
      <c r="N558540" s="10"/>
    </row>
    <row r="558541" spans="14:14">
      <c r="N558541" s="10"/>
    </row>
    <row r="558542" spans="14:14">
      <c r="N558542" s="10"/>
    </row>
    <row r="558543" spans="14:14">
      <c r="N558543" s="10"/>
    </row>
    <row r="558544" spans="14:14">
      <c r="N558544" s="10"/>
    </row>
    <row r="558545" spans="14:14">
      <c r="N558545" s="10"/>
    </row>
    <row r="558546" spans="14:14">
      <c r="N558546" s="10"/>
    </row>
    <row r="558547" spans="14:14">
      <c r="N558547" s="10"/>
    </row>
    <row r="558548" spans="14:14">
      <c r="N558548" s="10"/>
    </row>
    <row r="558549" spans="14:14">
      <c r="N558549" s="10"/>
    </row>
    <row r="558550" spans="14:14">
      <c r="N558550" s="10"/>
    </row>
    <row r="558551" spans="14:14">
      <c r="N558551" s="10"/>
    </row>
    <row r="558552" spans="14:14">
      <c r="N558552" s="10"/>
    </row>
    <row r="558553" spans="14:14">
      <c r="N558553" s="10"/>
    </row>
    <row r="558554" spans="14:14">
      <c r="N558554" s="10"/>
    </row>
    <row r="558555" spans="14:14">
      <c r="N558555" s="10"/>
    </row>
    <row r="558556" spans="14:14">
      <c r="N558556" s="10"/>
    </row>
    <row r="558557" spans="14:14">
      <c r="N558557" s="10"/>
    </row>
    <row r="558558" spans="14:14">
      <c r="N558558" s="10"/>
    </row>
    <row r="558559" spans="14:14">
      <c r="N558559" s="10"/>
    </row>
    <row r="558560" spans="14:14">
      <c r="N558560" s="10"/>
    </row>
    <row r="558561" spans="14:14">
      <c r="N558561" s="10"/>
    </row>
    <row r="558562" spans="14:14">
      <c r="N558562" s="10"/>
    </row>
    <row r="558563" spans="14:14">
      <c r="N558563" s="10"/>
    </row>
    <row r="558564" spans="14:14">
      <c r="N558564" s="10"/>
    </row>
    <row r="558565" spans="14:14">
      <c r="N558565" s="10"/>
    </row>
    <row r="558566" spans="14:14">
      <c r="N558566" s="10"/>
    </row>
    <row r="558567" spans="14:14">
      <c r="N558567" s="10"/>
    </row>
    <row r="558568" spans="14:14">
      <c r="N558568" s="10"/>
    </row>
    <row r="558569" spans="14:14">
      <c r="N558569" s="10"/>
    </row>
    <row r="558570" spans="14:14">
      <c r="N558570" s="10"/>
    </row>
    <row r="558571" spans="14:14">
      <c r="N558571" s="10"/>
    </row>
    <row r="558572" spans="14:14">
      <c r="N558572" s="10"/>
    </row>
    <row r="558573" spans="14:14">
      <c r="N558573" s="10"/>
    </row>
    <row r="558574" spans="14:14">
      <c r="N558574" s="10"/>
    </row>
    <row r="558575" spans="14:14">
      <c r="N558575" s="10"/>
    </row>
    <row r="558576" spans="14:14">
      <c r="N558576" s="10"/>
    </row>
    <row r="558577" spans="14:14">
      <c r="N558577" s="10"/>
    </row>
    <row r="558578" spans="14:14">
      <c r="N558578" s="10"/>
    </row>
    <row r="558579" spans="14:14">
      <c r="N558579" s="10"/>
    </row>
    <row r="558580" spans="14:14">
      <c r="N558580" s="10"/>
    </row>
    <row r="558581" spans="14:14">
      <c r="N558581" s="10"/>
    </row>
    <row r="558582" spans="14:14">
      <c r="N558582" s="10"/>
    </row>
    <row r="558583" spans="14:14">
      <c r="N558583" s="10"/>
    </row>
    <row r="558584" spans="14:14">
      <c r="N558584" s="10"/>
    </row>
    <row r="558585" spans="14:14">
      <c r="N558585" s="10"/>
    </row>
    <row r="558586" spans="14:14">
      <c r="N558586" s="10"/>
    </row>
    <row r="558587" spans="14:14">
      <c r="N558587" s="10"/>
    </row>
    <row r="558588" spans="14:14">
      <c r="N558588" s="10"/>
    </row>
    <row r="558589" spans="14:14">
      <c r="N558589" s="10"/>
    </row>
    <row r="558590" spans="14:14">
      <c r="N558590" s="10"/>
    </row>
    <row r="558591" spans="14:14">
      <c r="N558591" s="10"/>
    </row>
    <row r="558592" spans="14:14">
      <c r="N558592" s="10"/>
    </row>
    <row r="558593" spans="14:14">
      <c r="N558593" s="10"/>
    </row>
    <row r="558594" spans="14:14">
      <c r="N558594" s="10"/>
    </row>
    <row r="558595" spans="14:14">
      <c r="N558595" s="10"/>
    </row>
    <row r="558596" spans="14:14">
      <c r="N558596" s="10"/>
    </row>
    <row r="558597" spans="14:14">
      <c r="N558597" s="10"/>
    </row>
    <row r="558598" spans="14:14">
      <c r="N558598" s="10"/>
    </row>
    <row r="558599" spans="14:14">
      <c r="N558599" s="10"/>
    </row>
    <row r="558600" spans="14:14">
      <c r="N558600" s="10"/>
    </row>
    <row r="558601" spans="14:14">
      <c r="N558601" s="10"/>
    </row>
    <row r="558602" spans="14:14">
      <c r="N558602" s="10"/>
    </row>
    <row r="558603" spans="14:14">
      <c r="N558603" s="10"/>
    </row>
    <row r="558604" spans="14:14">
      <c r="N558604" s="10"/>
    </row>
    <row r="558605" spans="14:14">
      <c r="N558605" s="10"/>
    </row>
    <row r="558606" spans="14:14">
      <c r="N558606" s="10"/>
    </row>
    <row r="558607" spans="14:14">
      <c r="N558607" s="10"/>
    </row>
    <row r="558608" spans="14:14">
      <c r="N558608" s="10"/>
    </row>
    <row r="558609" spans="14:14">
      <c r="N558609" s="10"/>
    </row>
    <row r="558610" spans="14:14">
      <c r="N558610" s="10"/>
    </row>
    <row r="558611" spans="14:14">
      <c r="N558611" s="10"/>
    </row>
    <row r="558612" spans="14:14">
      <c r="N558612" s="10"/>
    </row>
    <row r="558613" spans="14:14">
      <c r="N558613" s="10"/>
    </row>
    <row r="558614" spans="14:14">
      <c r="N558614" s="10"/>
    </row>
    <row r="558615" spans="14:14">
      <c r="N558615" s="10"/>
    </row>
    <row r="558616" spans="14:14">
      <c r="N558616" s="10"/>
    </row>
    <row r="558617" spans="14:14">
      <c r="N558617" s="10"/>
    </row>
    <row r="558618" spans="14:14">
      <c r="N558618" s="10"/>
    </row>
    <row r="558619" spans="14:14">
      <c r="N558619" s="10"/>
    </row>
    <row r="558620" spans="14:14">
      <c r="N558620" s="10"/>
    </row>
    <row r="558621" spans="14:14">
      <c r="N558621" s="10"/>
    </row>
    <row r="558622" spans="14:14">
      <c r="N558622" s="10"/>
    </row>
    <row r="558623" spans="14:14">
      <c r="N558623" s="10"/>
    </row>
    <row r="558624" spans="14:14">
      <c r="N558624" s="10"/>
    </row>
    <row r="558625" spans="14:14">
      <c r="N558625" s="10"/>
    </row>
    <row r="558626" spans="14:14">
      <c r="N558626" s="10"/>
    </row>
    <row r="558627" spans="14:14">
      <c r="N558627" s="10"/>
    </row>
    <row r="558628" spans="14:14">
      <c r="N558628" s="10"/>
    </row>
    <row r="558629" spans="14:14">
      <c r="N558629" s="10"/>
    </row>
    <row r="558630" spans="14:14">
      <c r="N558630" s="10"/>
    </row>
    <row r="558631" spans="14:14">
      <c r="N558631" s="10"/>
    </row>
    <row r="558632" spans="14:14">
      <c r="N558632" s="10"/>
    </row>
    <row r="558633" spans="14:14">
      <c r="N558633" s="10"/>
    </row>
    <row r="558634" spans="14:14">
      <c r="N558634" s="10"/>
    </row>
    <row r="558635" spans="14:14">
      <c r="N558635" s="10"/>
    </row>
    <row r="558636" spans="14:14">
      <c r="N558636" s="10"/>
    </row>
    <row r="558637" spans="14:14">
      <c r="N558637" s="10"/>
    </row>
    <row r="558638" spans="14:14">
      <c r="N558638" s="10"/>
    </row>
    <row r="558639" spans="14:14">
      <c r="N558639" s="10"/>
    </row>
    <row r="558640" spans="14:14">
      <c r="N558640" s="10"/>
    </row>
    <row r="558641" spans="14:14">
      <c r="N558641" s="10"/>
    </row>
    <row r="558642" spans="14:14">
      <c r="N558642" s="10"/>
    </row>
    <row r="558643" spans="14:14">
      <c r="N558643" s="10"/>
    </row>
    <row r="558644" spans="14:14">
      <c r="N558644" s="10"/>
    </row>
    <row r="558645" spans="14:14">
      <c r="N558645" s="10"/>
    </row>
    <row r="558646" spans="14:14">
      <c r="N558646" s="10"/>
    </row>
    <row r="558647" spans="14:14">
      <c r="N558647" s="10"/>
    </row>
    <row r="558648" spans="14:14">
      <c r="N558648" s="10"/>
    </row>
    <row r="558649" spans="14:14">
      <c r="N558649" s="10"/>
    </row>
    <row r="558650" spans="14:14">
      <c r="N558650" s="10"/>
    </row>
    <row r="558651" spans="14:14">
      <c r="N558651" s="10"/>
    </row>
    <row r="558652" spans="14:14">
      <c r="N558652" s="10"/>
    </row>
    <row r="558653" spans="14:14">
      <c r="N558653" s="10"/>
    </row>
    <row r="558654" spans="14:14">
      <c r="N558654" s="10"/>
    </row>
    <row r="558655" spans="14:14">
      <c r="N558655" s="10"/>
    </row>
    <row r="558656" spans="14:14">
      <c r="N558656" s="10"/>
    </row>
    <row r="558657" spans="14:14">
      <c r="N558657" s="10"/>
    </row>
    <row r="558658" spans="14:14">
      <c r="N558658" s="10"/>
    </row>
    <row r="558659" spans="14:14">
      <c r="N558659" s="10"/>
    </row>
    <row r="558660" spans="14:14">
      <c r="N558660" s="10"/>
    </row>
    <row r="558661" spans="14:14">
      <c r="N558661" s="10"/>
    </row>
    <row r="558662" spans="14:14">
      <c r="N558662" s="10"/>
    </row>
    <row r="558663" spans="14:14">
      <c r="N558663" s="10"/>
    </row>
    <row r="558664" spans="14:14">
      <c r="N558664" s="10"/>
    </row>
    <row r="558665" spans="14:14">
      <c r="N558665" s="10"/>
    </row>
    <row r="558666" spans="14:14">
      <c r="N558666" s="10"/>
    </row>
    <row r="558667" spans="14:14">
      <c r="N558667" s="10"/>
    </row>
    <row r="558668" spans="14:14">
      <c r="N558668" s="10"/>
    </row>
    <row r="558669" spans="14:14">
      <c r="N558669" s="10"/>
    </row>
    <row r="558670" spans="14:14">
      <c r="N558670" s="10"/>
    </row>
    <row r="558671" spans="14:14">
      <c r="N558671" s="10"/>
    </row>
    <row r="558672" spans="14:14">
      <c r="N558672" s="10"/>
    </row>
    <row r="558673" spans="14:14">
      <c r="N558673" s="10"/>
    </row>
    <row r="558674" spans="14:14">
      <c r="N558674" s="10"/>
    </row>
    <row r="558675" spans="14:14">
      <c r="N558675" s="10"/>
    </row>
    <row r="558676" spans="14:14">
      <c r="N558676" s="10"/>
    </row>
    <row r="558677" spans="14:14">
      <c r="N558677" s="10"/>
    </row>
    <row r="558678" spans="14:14">
      <c r="N558678" s="10"/>
    </row>
    <row r="558679" spans="14:14">
      <c r="N558679" s="10"/>
    </row>
    <row r="558680" spans="14:14">
      <c r="N558680" s="10"/>
    </row>
    <row r="558681" spans="14:14">
      <c r="N558681" s="10"/>
    </row>
    <row r="558682" spans="14:14">
      <c r="N558682" s="10"/>
    </row>
    <row r="558683" spans="14:14">
      <c r="N558683" s="10"/>
    </row>
    <row r="558684" spans="14:14">
      <c r="N558684" s="10"/>
    </row>
    <row r="558685" spans="14:14">
      <c r="N558685" s="10"/>
    </row>
    <row r="558686" spans="14:14">
      <c r="N558686" s="10"/>
    </row>
    <row r="558687" spans="14:14">
      <c r="N558687" s="10"/>
    </row>
    <row r="558688" spans="14:14">
      <c r="N558688" s="10"/>
    </row>
    <row r="558689" spans="14:14">
      <c r="N558689" s="10"/>
    </row>
    <row r="558690" spans="14:14">
      <c r="N558690" s="10"/>
    </row>
    <row r="558691" spans="14:14">
      <c r="N558691" s="10"/>
    </row>
    <row r="558692" spans="14:14">
      <c r="N558692" s="10"/>
    </row>
    <row r="558693" spans="14:14">
      <c r="N558693" s="10"/>
    </row>
    <row r="558694" spans="14:14">
      <c r="N558694" s="10"/>
    </row>
    <row r="558695" spans="14:14">
      <c r="N558695" s="10"/>
    </row>
    <row r="558696" spans="14:14">
      <c r="N558696" s="10"/>
    </row>
    <row r="558697" spans="14:14">
      <c r="N558697" s="10"/>
    </row>
    <row r="558698" spans="14:14">
      <c r="N558698" s="10"/>
    </row>
    <row r="558699" spans="14:14">
      <c r="N558699" s="10"/>
    </row>
    <row r="558700" spans="14:14">
      <c r="N558700" s="10"/>
    </row>
    <row r="558701" spans="14:14">
      <c r="N558701" s="10"/>
    </row>
    <row r="558702" spans="14:14">
      <c r="N558702" s="10"/>
    </row>
    <row r="558703" spans="14:14">
      <c r="N558703" s="10"/>
    </row>
    <row r="558704" spans="14:14">
      <c r="N558704" s="10"/>
    </row>
    <row r="558705" spans="14:14">
      <c r="N558705" s="10"/>
    </row>
    <row r="558706" spans="14:14">
      <c r="N558706" s="10"/>
    </row>
    <row r="558707" spans="14:14">
      <c r="N558707" s="10"/>
    </row>
    <row r="558708" spans="14:14">
      <c r="N558708" s="10"/>
    </row>
    <row r="558709" spans="14:14">
      <c r="N558709" s="10"/>
    </row>
    <row r="558710" spans="14:14">
      <c r="N558710" s="10"/>
    </row>
    <row r="558711" spans="14:14">
      <c r="N558711" s="10"/>
    </row>
    <row r="558712" spans="14:14">
      <c r="N558712" s="10"/>
    </row>
    <row r="558713" spans="14:14">
      <c r="N558713" s="10"/>
    </row>
    <row r="558714" spans="14:14">
      <c r="N558714" s="10"/>
    </row>
    <row r="558715" spans="14:14">
      <c r="N558715" s="10"/>
    </row>
    <row r="558716" spans="14:14">
      <c r="N558716" s="10"/>
    </row>
    <row r="558717" spans="14:14">
      <c r="N558717" s="10"/>
    </row>
    <row r="558718" spans="14:14">
      <c r="N558718" s="10"/>
    </row>
    <row r="558719" spans="14:14">
      <c r="N558719" s="10"/>
    </row>
    <row r="558720" spans="14:14">
      <c r="N558720" s="10"/>
    </row>
    <row r="558721" spans="14:14">
      <c r="N558721" s="10"/>
    </row>
    <row r="558722" spans="14:14">
      <c r="N558722" s="10"/>
    </row>
    <row r="558723" spans="14:14">
      <c r="N558723" s="10"/>
    </row>
    <row r="558724" spans="14:14">
      <c r="N558724" s="10"/>
    </row>
    <row r="558725" spans="14:14">
      <c r="N558725" s="10"/>
    </row>
    <row r="558726" spans="14:14">
      <c r="N558726" s="10"/>
    </row>
    <row r="558727" spans="14:14">
      <c r="N558727" s="10"/>
    </row>
    <row r="558728" spans="14:14">
      <c r="N558728" s="10"/>
    </row>
    <row r="558729" spans="14:14">
      <c r="N558729" s="10"/>
    </row>
    <row r="558730" spans="14:14">
      <c r="N558730" s="10"/>
    </row>
    <row r="558731" spans="14:14">
      <c r="N558731" s="10"/>
    </row>
    <row r="558732" spans="14:14">
      <c r="N558732" s="10"/>
    </row>
    <row r="558733" spans="14:14">
      <c r="N558733" s="10"/>
    </row>
    <row r="558734" spans="14:14">
      <c r="N558734" s="10"/>
    </row>
    <row r="558735" spans="14:14">
      <c r="N558735" s="10"/>
    </row>
    <row r="558736" spans="14:14">
      <c r="N558736" s="10"/>
    </row>
    <row r="558737" spans="14:14">
      <c r="N558737" s="10"/>
    </row>
    <row r="558738" spans="14:14">
      <c r="N558738" s="10"/>
    </row>
    <row r="558739" spans="14:14">
      <c r="N558739" s="10"/>
    </row>
    <row r="558740" spans="14:14">
      <c r="N558740" s="10"/>
    </row>
    <row r="558741" spans="14:14">
      <c r="N558741" s="10"/>
    </row>
    <row r="558742" spans="14:14">
      <c r="N558742" s="10"/>
    </row>
    <row r="558743" spans="14:14">
      <c r="N558743" s="10"/>
    </row>
    <row r="558744" spans="14:14">
      <c r="N558744" s="10"/>
    </row>
    <row r="558745" spans="14:14">
      <c r="N558745" s="10"/>
    </row>
    <row r="558746" spans="14:14">
      <c r="N558746" s="10"/>
    </row>
    <row r="558747" spans="14:14">
      <c r="N558747" s="10"/>
    </row>
    <row r="558748" spans="14:14">
      <c r="N558748" s="10"/>
    </row>
    <row r="558749" spans="14:14">
      <c r="N558749" s="10"/>
    </row>
    <row r="558750" spans="14:14">
      <c r="N558750" s="10"/>
    </row>
    <row r="558751" spans="14:14">
      <c r="N558751" s="10"/>
    </row>
    <row r="558752" spans="14:14">
      <c r="N558752" s="10"/>
    </row>
    <row r="558753" spans="14:14">
      <c r="N558753" s="10"/>
    </row>
    <row r="558754" spans="14:14">
      <c r="N558754" s="10"/>
    </row>
    <row r="558755" spans="14:14">
      <c r="N558755" s="10"/>
    </row>
    <row r="558756" spans="14:14">
      <c r="N558756" s="10"/>
    </row>
    <row r="558757" spans="14:14">
      <c r="N558757" s="10"/>
    </row>
    <row r="558758" spans="14:14">
      <c r="N558758" s="10"/>
    </row>
    <row r="558759" spans="14:14">
      <c r="N558759" s="10"/>
    </row>
    <row r="558760" spans="14:14">
      <c r="N558760" s="10"/>
    </row>
    <row r="558761" spans="14:14">
      <c r="N558761" s="10"/>
    </row>
    <row r="558762" spans="14:14">
      <c r="N558762" s="10"/>
    </row>
    <row r="558763" spans="14:14">
      <c r="N558763" s="10"/>
    </row>
    <row r="558764" spans="14:14">
      <c r="N558764" s="10"/>
    </row>
    <row r="558765" spans="14:14">
      <c r="N558765" s="10"/>
    </row>
    <row r="558766" spans="14:14">
      <c r="N558766" s="10"/>
    </row>
    <row r="558767" spans="14:14">
      <c r="N558767" s="10"/>
    </row>
    <row r="558768" spans="14:14">
      <c r="N558768" s="10"/>
    </row>
    <row r="558769" spans="14:14">
      <c r="N558769" s="10"/>
    </row>
    <row r="558770" spans="14:14">
      <c r="N558770" s="10"/>
    </row>
    <row r="558771" spans="14:14">
      <c r="N558771" s="10"/>
    </row>
    <row r="558772" spans="14:14">
      <c r="N558772" s="10"/>
    </row>
    <row r="558773" spans="14:14">
      <c r="N558773" s="10"/>
    </row>
    <row r="558774" spans="14:14">
      <c r="N558774" s="10"/>
    </row>
    <row r="558775" spans="14:14">
      <c r="N558775" s="10"/>
    </row>
    <row r="558776" spans="14:14">
      <c r="N558776" s="10"/>
    </row>
    <row r="558777" spans="14:14">
      <c r="N558777" s="10"/>
    </row>
    <row r="558778" spans="14:14">
      <c r="N558778" s="10"/>
    </row>
    <row r="558779" spans="14:14">
      <c r="N558779" s="10"/>
    </row>
    <row r="558780" spans="14:14">
      <c r="N558780" s="10"/>
    </row>
    <row r="558781" spans="14:14">
      <c r="N558781" s="10"/>
    </row>
    <row r="558782" spans="14:14">
      <c r="N558782" s="10"/>
    </row>
    <row r="558783" spans="14:14">
      <c r="N558783" s="10"/>
    </row>
    <row r="558784" spans="14:14">
      <c r="N558784" s="10"/>
    </row>
    <row r="558785" spans="14:14">
      <c r="N558785" s="10"/>
    </row>
    <row r="558786" spans="14:14">
      <c r="N558786" s="10"/>
    </row>
    <row r="558787" spans="14:14">
      <c r="N558787" s="10"/>
    </row>
    <row r="558788" spans="14:14">
      <c r="N558788" s="10"/>
    </row>
    <row r="558789" spans="14:14">
      <c r="N558789" s="10"/>
    </row>
    <row r="558790" spans="14:14">
      <c r="N558790" s="10"/>
    </row>
    <row r="558791" spans="14:14">
      <c r="N558791" s="10"/>
    </row>
    <row r="558792" spans="14:14">
      <c r="N558792" s="10"/>
    </row>
    <row r="558793" spans="14:14">
      <c r="N558793" s="10"/>
    </row>
    <row r="558794" spans="14:14">
      <c r="N558794" s="10"/>
    </row>
    <row r="558795" spans="14:14">
      <c r="N558795" s="10"/>
    </row>
    <row r="558796" spans="14:14">
      <c r="N558796" s="10"/>
    </row>
    <row r="558797" spans="14:14">
      <c r="N558797" s="10"/>
    </row>
    <row r="558798" spans="14:14">
      <c r="N558798" s="10"/>
    </row>
    <row r="558799" spans="14:14">
      <c r="N558799" s="10"/>
    </row>
    <row r="558800" spans="14:14">
      <c r="N558800" s="10"/>
    </row>
    <row r="558801" spans="14:14">
      <c r="N558801" s="10"/>
    </row>
    <row r="558802" spans="14:14">
      <c r="N558802" s="10"/>
    </row>
    <row r="558803" spans="14:14">
      <c r="N558803" s="10"/>
    </row>
    <row r="558804" spans="14:14">
      <c r="N558804" s="10"/>
    </row>
    <row r="558805" spans="14:14">
      <c r="N558805" s="10"/>
    </row>
    <row r="558806" spans="14:14">
      <c r="N558806" s="10"/>
    </row>
    <row r="558807" spans="14:14">
      <c r="N558807" s="10"/>
    </row>
    <row r="558808" spans="14:14">
      <c r="N558808" s="10"/>
    </row>
    <row r="558809" spans="14:14">
      <c r="N558809" s="10"/>
    </row>
    <row r="558810" spans="14:14">
      <c r="N558810" s="10"/>
    </row>
    <row r="558811" spans="14:14">
      <c r="N558811" s="10"/>
    </row>
    <row r="558812" spans="14:14">
      <c r="N558812" s="10"/>
    </row>
    <row r="558813" spans="14:14">
      <c r="N558813" s="10"/>
    </row>
    <row r="558814" spans="14:14">
      <c r="N558814" s="10"/>
    </row>
    <row r="558815" spans="14:14">
      <c r="N558815" s="10"/>
    </row>
    <row r="558816" spans="14:14">
      <c r="N558816" s="10"/>
    </row>
    <row r="558817" spans="14:14">
      <c r="N558817" s="10"/>
    </row>
    <row r="558818" spans="14:14">
      <c r="N558818" s="10"/>
    </row>
    <row r="558819" spans="14:14">
      <c r="N558819" s="10"/>
    </row>
    <row r="558820" spans="14:14">
      <c r="N558820" s="10"/>
    </row>
    <row r="558821" spans="14:14">
      <c r="N558821" s="10"/>
    </row>
    <row r="558822" spans="14:14">
      <c r="N558822" s="10"/>
    </row>
    <row r="558823" spans="14:14">
      <c r="N558823" s="10"/>
    </row>
    <row r="558824" spans="14:14">
      <c r="N558824" s="10"/>
    </row>
    <row r="558825" spans="14:14">
      <c r="N558825" s="10"/>
    </row>
    <row r="558826" spans="14:14">
      <c r="N558826" s="10"/>
    </row>
    <row r="558827" spans="14:14">
      <c r="N558827" s="10"/>
    </row>
    <row r="558828" spans="14:14">
      <c r="N558828" s="10"/>
    </row>
    <row r="558829" spans="14:14">
      <c r="N558829" s="10"/>
    </row>
    <row r="558830" spans="14:14">
      <c r="N558830" s="10"/>
    </row>
    <row r="558831" spans="14:14">
      <c r="N558831" s="10"/>
    </row>
    <row r="558832" spans="14:14">
      <c r="N558832" s="10"/>
    </row>
    <row r="558833" spans="14:14">
      <c r="N558833" s="10"/>
    </row>
    <row r="558834" spans="14:14">
      <c r="N558834" s="10"/>
    </row>
    <row r="558835" spans="14:14">
      <c r="N558835" s="10"/>
    </row>
    <row r="558836" spans="14:14">
      <c r="N558836" s="10"/>
    </row>
    <row r="558837" spans="14:14">
      <c r="N558837" s="10"/>
    </row>
    <row r="558838" spans="14:14">
      <c r="N558838" s="10"/>
    </row>
    <row r="558839" spans="14:14">
      <c r="N558839" s="10"/>
    </row>
    <row r="558840" spans="14:14">
      <c r="N558840" s="10"/>
    </row>
    <row r="558841" spans="14:14">
      <c r="N558841" s="10"/>
    </row>
    <row r="558842" spans="14:14">
      <c r="N558842" s="10"/>
    </row>
    <row r="558843" spans="14:14">
      <c r="N558843" s="10"/>
    </row>
    <row r="558844" spans="14:14">
      <c r="N558844" s="10"/>
    </row>
    <row r="558845" spans="14:14">
      <c r="N558845" s="10"/>
    </row>
    <row r="558846" spans="14:14">
      <c r="N558846" s="10"/>
    </row>
    <row r="558847" spans="14:14">
      <c r="N558847" s="10"/>
    </row>
    <row r="558848" spans="14:14">
      <c r="N558848" s="10"/>
    </row>
    <row r="558849" spans="14:14">
      <c r="N558849" s="10"/>
    </row>
    <row r="558850" spans="14:14">
      <c r="N558850" s="10"/>
    </row>
    <row r="558851" spans="14:14">
      <c r="N558851" s="10"/>
    </row>
    <row r="558852" spans="14:14">
      <c r="N558852" s="10"/>
    </row>
    <row r="558853" spans="14:14">
      <c r="N558853" s="10"/>
    </row>
    <row r="558854" spans="14:14">
      <c r="N558854" s="10"/>
    </row>
    <row r="558855" spans="14:14">
      <c r="N558855" s="10"/>
    </row>
    <row r="558856" spans="14:14">
      <c r="N558856" s="10"/>
    </row>
    <row r="558857" spans="14:14">
      <c r="N558857" s="10"/>
    </row>
    <row r="558858" spans="14:14">
      <c r="N558858" s="10"/>
    </row>
    <row r="558859" spans="14:14">
      <c r="N558859" s="10"/>
    </row>
    <row r="558860" spans="14:14">
      <c r="N558860" s="10"/>
    </row>
    <row r="558861" spans="14:14">
      <c r="N558861" s="10"/>
    </row>
    <row r="558862" spans="14:14">
      <c r="N558862" s="10"/>
    </row>
    <row r="558863" spans="14:14">
      <c r="N558863" s="10"/>
    </row>
    <row r="558864" spans="14:14">
      <c r="N558864" s="10"/>
    </row>
    <row r="558865" spans="14:14">
      <c r="N558865" s="10"/>
    </row>
    <row r="558866" spans="14:14">
      <c r="N558866" s="10"/>
    </row>
    <row r="558867" spans="14:14">
      <c r="N558867" s="10"/>
    </row>
    <row r="558868" spans="14:14">
      <c r="N558868" s="10"/>
    </row>
    <row r="558869" spans="14:14">
      <c r="N558869" s="10"/>
    </row>
    <row r="558870" spans="14:14">
      <c r="N558870" s="10"/>
    </row>
    <row r="558871" spans="14:14">
      <c r="N558871" s="10"/>
    </row>
    <row r="558872" spans="14:14">
      <c r="N558872" s="10"/>
    </row>
    <row r="558873" spans="14:14">
      <c r="N558873" s="10"/>
    </row>
    <row r="558874" spans="14:14">
      <c r="N558874" s="10"/>
    </row>
    <row r="558875" spans="14:14">
      <c r="N558875" s="10"/>
    </row>
    <row r="558876" spans="14:14">
      <c r="N558876" s="10"/>
    </row>
    <row r="558877" spans="14:14">
      <c r="N558877" s="10"/>
    </row>
    <row r="558878" spans="14:14">
      <c r="N558878" s="10"/>
    </row>
    <row r="558879" spans="14:14">
      <c r="N558879" s="10"/>
    </row>
    <row r="558880" spans="14:14">
      <c r="N558880" s="10"/>
    </row>
    <row r="558881" spans="14:14">
      <c r="N558881" s="10"/>
    </row>
    <row r="558882" spans="14:14">
      <c r="N558882" s="10"/>
    </row>
    <row r="558883" spans="14:14">
      <c r="N558883" s="10"/>
    </row>
    <row r="558884" spans="14:14">
      <c r="N558884" s="10"/>
    </row>
    <row r="558885" spans="14:14">
      <c r="N558885" s="10"/>
    </row>
    <row r="558886" spans="14:14">
      <c r="N558886" s="10"/>
    </row>
    <row r="558887" spans="14:14">
      <c r="N558887" s="10"/>
    </row>
    <row r="558888" spans="14:14">
      <c r="N558888" s="10"/>
    </row>
    <row r="558889" spans="14:14">
      <c r="N558889" s="10"/>
    </row>
    <row r="558890" spans="14:14">
      <c r="N558890" s="10"/>
    </row>
    <row r="558891" spans="14:14">
      <c r="N558891" s="10"/>
    </row>
    <row r="558892" spans="14:14">
      <c r="N558892" s="10"/>
    </row>
    <row r="558893" spans="14:14">
      <c r="N558893" s="10"/>
    </row>
    <row r="558894" spans="14:14">
      <c r="N558894" s="10"/>
    </row>
    <row r="558895" spans="14:14">
      <c r="N558895" s="10"/>
    </row>
    <row r="558896" spans="14:14">
      <c r="N558896" s="10"/>
    </row>
    <row r="558897" spans="14:14">
      <c r="N558897" s="10"/>
    </row>
    <row r="558898" spans="14:14">
      <c r="N558898" s="10"/>
    </row>
    <row r="558899" spans="14:14">
      <c r="N558899" s="10"/>
    </row>
    <row r="558900" spans="14:14">
      <c r="N558900" s="10"/>
    </row>
    <row r="558901" spans="14:14">
      <c r="N558901" s="10"/>
    </row>
    <row r="558902" spans="14:14">
      <c r="N558902" s="10"/>
    </row>
    <row r="558903" spans="14:14">
      <c r="N558903" s="10"/>
    </row>
    <row r="558904" spans="14:14">
      <c r="N558904" s="10"/>
    </row>
    <row r="558905" spans="14:14">
      <c r="N558905" s="10"/>
    </row>
    <row r="558906" spans="14:14">
      <c r="N558906" s="10"/>
    </row>
    <row r="558907" spans="14:14">
      <c r="N558907" s="10"/>
    </row>
    <row r="558908" spans="14:14">
      <c r="N558908" s="10"/>
    </row>
    <row r="558909" spans="14:14">
      <c r="N558909" s="10"/>
    </row>
    <row r="558910" spans="14:14">
      <c r="N558910" s="10"/>
    </row>
    <row r="558911" spans="14:14">
      <c r="N558911" s="10"/>
    </row>
    <row r="558912" spans="14:14">
      <c r="N558912" s="10"/>
    </row>
    <row r="558913" spans="14:14">
      <c r="N558913" s="10"/>
    </row>
    <row r="558914" spans="14:14">
      <c r="N558914" s="10"/>
    </row>
    <row r="558915" spans="14:14">
      <c r="N558915" s="10"/>
    </row>
    <row r="558916" spans="14:14">
      <c r="N558916" s="10"/>
    </row>
    <row r="558917" spans="14:14">
      <c r="N558917" s="10"/>
    </row>
    <row r="558918" spans="14:14">
      <c r="N558918" s="10"/>
    </row>
    <row r="558919" spans="14:14">
      <c r="N558919" s="10"/>
    </row>
    <row r="558920" spans="14:14">
      <c r="N558920" s="10"/>
    </row>
    <row r="558921" spans="14:14">
      <c r="N558921" s="10"/>
    </row>
    <row r="558922" spans="14:14">
      <c r="N558922" s="10"/>
    </row>
    <row r="558923" spans="14:14">
      <c r="N558923" s="10"/>
    </row>
    <row r="558924" spans="14:14">
      <c r="N558924" s="10"/>
    </row>
    <row r="558925" spans="14:14">
      <c r="N558925" s="10"/>
    </row>
    <row r="558926" spans="14:14">
      <c r="N558926" s="10"/>
    </row>
    <row r="558927" spans="14:14">
      <c r="N558927" s="10"/>
    </row>
    <row r="558928" spans="14:14">
      <c r="N558928" s="10"/>
    </row>
    <row r="558929" spans="14:14">
      <c r="N558929" s="10"/>
    </row>
    <row r="558930" spans="14:14">
      <c r="N558930" s="10"/>
    </row>
    <row r="558931" spans="14:14">
      <c r="N558931" s="10"/>
    </row>
    <row r="558932" spans="14:14">
      <c r="N558932" s="10"/>
    </row>
    <row r="558933" spans="14:14">
      <c r="N558933" s="10"/>
    </row>
    <row r="558934" spans="14:14">
      <c r="N558934" s="10"/>
    </row>
    <row r="558935" spans="14:14">
      <c r="N558935" s="10"/>
    </row>
    <row r="558936" spans="14:14">
      <c r="N558936" s="10"/>
    </row>
    <row r="558937" spans="14:14">
      <c r="N558937" s="10"/>
    </row>
    <row r="558938" spans="14:14">
      <c r="N558938" s="10"/>
    </row>
    <row r="558939" spans="14:14">
      <c r="N558939" s="10"/>
    </row>
    <row r="558940" spans="14:14">
      <c r="N558940" s="10"/>
    </row>
    <row r="558941" spans="14:14">
      <c r="N558941" s="10"/>
    </row>
    <row r="558942" spans="14:14">
      <c r="N558942" s="10"/>
    </row>
    <row r="558943" spans="14:14">
      <c r="N558943" s="10"/>
    </row>
    <row r="558944" spans="14:14">
      <c r="N558944" s="10"/>
    </row>
    <row r="558945" spans="14:14">
      <c r="N558945" s="10"/>
    </row>
    <row r="558946" spans="14:14">
      <c r="N558946" s="10"/>
    </row>
    <row r="558947" spans="14:14">
      <c r="N558947" s="10"/>
    </row>
    <row r="558948" spans="14:14">
      <c r="N558948" s="10"/>
    </row>
    <row r="558949" spans="14:14">
      <c r="N558949" s="10"/>
    </row>
    <row r="558950" spans="14:14">
      <c r="N558950" s="10"/>
    </row>
    <row r="558951" spans="14:14">
      <c r="N558951" s="10"/>
    </row>
    <row r="558952" spans="14:14">
      <c r="N558952" s="10"/>
    </row>
    <row r="558953" spans="14:14">
      <c r="N558953" s="10"/>
    </row>
    <row r="558954" spans="14:14">
      <c r="N558954" s="10"/>
    </row>
    <row r="558955" spans="14:14">
      <c r="N558955" s="10"/>
    </row>
    <row r="558956" spans="14:14">
      <c r="N558956" s="10"/>
    </row>
    <row r="558957" spans="14:14">
      <c r="N558957" s="10"/>
    </row>
    <row r="558958" spans="14:14">
      <c r="N558958" s="10"/>
    </row>
    <row r="558959" spans="14:14">
      <c r="N558959" s="10"/>
    </row>
    <row r="558960" spans="14:14">
      <c r="N558960" s="10"/>
    </row>
    <row r="558961" spans="14:14">
      <c r="N558961" s="10"/>
    </row>
    <row r="558962" spans="14:14">
      <c r="N558962" s="10"/>
    </row>
    <row r="558963" spans="14:14">
      <c r="N558963" s="10"/>
    </row>
    <row r="558964" spans="14:14">
      <c r="N558964" s="10"/>
    </row>
    <row r="558965" spans="14:14">
      <c r="N558965" s="10"/>
    </row>
    <row r="558966" spans="14:14">
      <c r="N558966" s="10"/>
    </row>
    <row r="558967" spans="14:14">
      <c r="N558967" s="10"/>
    </row>
    <row r="558968" spans="14:14">
      <c r="N558968" s="10"/>
    </row>
    <row r="558969" spans="14:14">
      <c r="N558969" s="10"/>
    </row>
    <row r="558970" spans="14:14">
      <c r="N558970" s="10"/>
    </row>
    <row r="558971" spans="14:14">
      <c r="N558971" s="10"/>
    </row>
    <row r="558972" spans="14:14">
      <c r="N558972" s="10"/>
    </row>
    <row r="558973" spans="14:14">
      <c r="N558973" s="10"/>
    </row>
    <row r="558974" spans="14:14">
      <c r="N558974" s="10"/>
    </row>
    <row r="558975" spans="14:14">
      <c r="N558975" s="10"/>
    </row>
    <row r="558976" spans="14:14">
      <c r="N558976" s="10"/>
    </row>
    <row r="558977" spans="14:14">
      <c r="N558977" s="10"/>
    </row>
    <row r="558978" spans="14:14">
      <c r="N558978" s="10"/>
    </row>
    <row r="558979" spans="14:14">
      <c r="N558979" s="10"/>
    </row>
    <row r="558980" spans="14:14">
      <c r="N558980" s="10"/>
    </row>
    <row r="558981" spans="14:14">
      <c r="N558981" s="10"/>
    </row>
    <row r="558982" spans="14:14">
      <c r="N558982" s="10"/>
    </row>
    <row r="558983" spans="14:14">
      <c r="N558983" s="10"/>
    </row>
    <row r="558984" spans="14:14">
      <c r="N558984" s="10"/>
    </row>
    <row r="558985" spans="14:14">
      <c r="N558985" s="10"/>
    </row>
    <row r="558986" spans="14:14">
      <c r="N558986" s="10"/>
    </row>
    <row r="558987" spans="14:14">
      <c r="N558987" s="10"/>
    </row>
    <row r="558988" spans="14:14">
      <c r="N558988" s="10"/>
    </row>
    <row r="558989" spans="14:14">
      <c r="N558989" s="10"/>
    </row>
    <row r="558990" spans="14:14">
      <c r="N558990" s="10"/>
    </row>
    <row r="558991" spans="14:14">
      <c r="N558991" s="10"/>
    </row>
    <row r="558992" spans="14:14">
      <c r="N558992" s="10"/>
    </row>
    <row r="558993" spans="14:14">
      <c r="N558993" s="10"/>
    </row>
    <row r="558994" spans="14:14">
      <c r="N558994" s="10"/>
    </row>
    <row r="558995" spans="14:14">
      <c r="N558995" s="10"/>
    </row>
    <row r="558996" spans="14:14">
      <c r="N558996" s="10"/>
    </row>
    <row r="558997" spans="14:14">
      <c r="N558997" s="10"/>
    </row>
    <row r="558998" spans="14:14">
      <c r="N558998" s="10"/>
    </row>
    <row r="558999" spans="14:14">
      <c r="N558999" s="10"/>
    </row>
    <row r="559000" spans="14:14">
      <c r="N559000" s="10"/>
    </row>
    <row r="559001" spans="14:14">
      <c r="N559001" s="10"/>
    </row>
    <row r="559002" spans="14:14">
      <c r="N559002" s="10"/>
    </row>
    <row r="559003" spans="14:14">
      <c r="N559003" s="10"/>
    </row>
    <row r="559004" spans="14:14">
      <c r="N559004" s="10"/>
    </row>
    <row r="559005" spans="14:14">
      <c r="N559005" s="10"/>
    </row>
    <row r="559006" spans="14:14">
      <c r="N559006" s="10"/>
    </row>
    <row r="559007" spans="14:14">
      <c r="N559007" s="10"/>
    </row>
    <row r="559008" spans="14:14">
      <c r="N559008" s="10"/>
    </row>
    <row r="559009" spans="14:14">
      <c r="N559009" s="10"/>
    </row>
    <row r="559010" spans="14:14">
      <c r="N559010" s="10"/>
    </row>
    <row r="559011" spans="14:14">
      <c r="N559011" s="10"/>
    </row>
    <row r="559012" spans="14:14">
      <c r="N559012" s="10"/>
    </row>
    <row r="559013" spans="14:14">
      <c r="N559013" s="10"/>
    </row>
    <row r="559014" spans="14:14">
      <c r="N559014" s="10"/>
    </row>
    <row r="559015" spans="14:14">
      <c r="N559015" s="10"/>
    </row>
    <row r="559016" spans="14:14">
      <c r="N559016" s="10"/>
    </row>
    <row r="559017" spans="14:14">
      <c r="N559017" s="10"/>
    </row>
    <row r="559018" spans="14:14">
      <c r="N559018" s="10"/>
    </row>
    <row r="559019" spans="14:14">
      <c r="N559019" s="10"/>
    </row>
    <row r="559020" spans="14:14">
      <c r="N559020" s="10"/>
    </row>
    <row r="559021" spans="14:14">
      <c r="N559021" s="10"/>
    </row>
    <row r="559022" spans="14:14">
      <c r="N559022" s="10"/>
    </row>
    <row r="559023" spans="14:14">
      <c r="N559023" s="10"/>
    </row>
    <row r="559024" spans="14:14">
      <c r="N559024" s="10"/>
    </row>
    <row r="559025" spans="14:14">
      <c r="N559025" s="10"/>
    </row>
    <row r="559026" spans="14:14">
      <c r="N559026" s="10"/>
    </row>
    <row r="559027" spans="14:14">
      <c r="N559027" s="10"/>
    </row>
    <row r="559028" spans="14:14">
      <c r="N559028" s="10"/>
    </row>
    <row r="559029" spans="14:14">
      <c r="N559029" s="10"/>
    </row>
    <row r="559030" spans="14:14">
      <c r="N559030" s="10"/>
    </row>
    <row r="559031" spans="14:14">
      <c r="N559031" s="10"/>
    </row>
    <row r="559032" spans="14:14">
      <c r="N559032" s="10"/>
    </row>
    <row r="559033" spans="14:14">
      <c r="N559033" s="10"/>
    </row>
    <row r="559034" spans="14:14">
      <c r="N559034" s="10"/>
    </row>
    <row r="559035" spans="14:14">
      <c r="N559035" s="10"/>
    </row>
    <row r="559036" spans="14:14">
      <c r="N559036" s="10"/>
    </row>
    <row r="559037" spans="14:14">
      <c r="N559037" s="10"/>
    </row>
    <row r="559038" spans="14:14">
      <c r="N559038" s="10"/>
    </row>
    <row r="559039" spans="14:14">
      <c r="N559039" s="10"/>
    </row>
    <row r="559040" spans="14:14">
      <c r="N559040" s="10"/>
    </row>
    <row r="559041" spans="14:14">
      <c r="N559041" s="10"/>
    </row>
    <row r="559042" spans="14:14">
      <c r="N559042" s="10"/>
    </row>
    <row r="559043" spans="14:14">
      <c r="N559043" s="10"/>
    </row>
    <row r="559044" spans="14:14">
      <c r="N559044" s="10"/>
    </row>
    <row r="559045" spans="14:14">
      <c r="N559045" s="10"/>
    </row>
    <row r="559046" spans="14:14">
      <c r="N559046" s="10"/>
    </row>
    <row r="559047" spans="14:14">
      <c r="N559047" s="10"/>
    </row>
    <row r="559048" spans="14:14">
      <c r="N559048" s="10"/>
    </row>
    <row r="559049" spans="14:14">
      <c r="N559049" s="10"/>
    </row>
    <row r="559050" spans="14:14">
      <c r="N559050" s="10"/>
    </row>
    <row r="559051" spans="14:14">
      <c r="N559051" s="10"/>
    </row>
    <row r="559052" spans="14:14">
      <c r="N559052" s="10"/>
    </row>
    <row r="559053" spans="14:14">
      <c r="N559053" s="10"/>
    </row>
    <row r="559054" spans="14:14">
      <c r="N559054" s="10"/>
    </row>
    <row r="559055" spans="14:14">
      <c r="N559055" s="10"/>
    </row>
    <row r="559056" spans="14:14">
      <c r="N559056" s="10"/>
    </row>
    <row r="559057" spans="14:14">
      <c r="N559057" s="10"/>
    </row>
    <row r="559058" spans="14:14">
      <c r="N559058" s="10"/>
    </row>
    <row r="559059" spans="14:14">
      <c r="N559059" s="10"/>
    </row>
    <row r="559060" spans="14:14">
      <c r="N559060" s="10"/>
    </row>
    <row r="559061" spans="14:14">
      <c r="N559061" s="10"/>
    </row>
    <row r="559062" spans="14:14">
      <c r="N559062" s="10"/>
    </row>
    <row r="559063" spans="14:14">
      <c r="N559063" s="10"/>
    </row>
    <row r="559064" spans="14:14">
      <c r="N559064" s="10"/>
    </row>
    <row r="559065" spans="14:14">
      <c r="N559065" s="10"/>
    </row>
    <row r="559066" spans="14:14">
      <c r="N559066" s="10"/>
    </row>
    <row r="559067" spans="14:14">
      <c r="N559067" s="10"/>
    </row>
    <row r="559068" spans="14:14">
      <c r="N559068" s="10"/>
    </row>
    <row r="559069" spans="14:14">
      <c r="N559069" s="10"/>
    </row>
    <row r="559070" spans="14:14">
      <c r="N559070" s="10"/>
    </row>
    <row r="559071" spans="14:14">
      <c r="N559071" s="10"/>
    </row>
    <row r="559072" spans="14:14">
      <c r="N559072" s="10"/>
    </row>
    <row r="559073" spans="14:14">
      <c r="N559073" s="10"/>
    </row>
    <row r="559074" spans="14:14">
      <c r="N559074" s="10"/>
    </row>
    <row r="559075" spans="14:14">
      <c r="N559075" s="10"/>
    </row>
    <row r="559076" spans="14:14">
      <c r="N559076" s="10"/>
    </row>
    <row r="559077" spans="14:14">
      <c r="N559077" s="10"/>
    </row>
    <row r="559078" spans="14:14">
      <c r="N559078" s="10"/>
    </row>
    <row r="559079" spans="14:14">
      <c r="N559079" s="10"/>
    </row>
    <row r="559080" spans="14:14">
      <c r="N559080" s="10"/>
    </row>
    <row r="559081" spans="14:14">
      <c r="N559081" s="10"/>
    </row>
    <row r="559082" spans="14:14">
      <c r="N559082" s="10"/>
    </row>
    <row r="559083" spans="14:14">
      <c r="N559083" s="10"/>
    </row>
    <row r="559084" spans="14:14">
      <c r="N559084" s="10"/>
    </row>
    <row r="559085" spans="14:14">
      <c r="N559085" s="10"/>
    </row>
    <row r="559086" spans="14:14">
      <c r="N559086" s="10"/>
    </row>
    <row r="559087" spans="14:14">
      <c r="N559087" s="10"/>
    </row>
    <row r="559088" spans="14:14">
      <c r="N559088" s="10"/>
    </row>
    <row r="559089" spans="14:14">
      <c r="N559089" s="10"/>
    </row>
    <row r="559090" spans="14:14">
      <c r="N559090" s="10"/>
    </row>
    <row r="559091" spans="14:14">
      <c r="N559091" s="10"/>
    </row>
    <row r="559092" spans="14:14">
      <c r="N559092" s="10"/>
    </row>
    <row r="559093" spans="14:14">
      <c r="N559093" s="10"/>
    </row>
    <row r="559094" spans="14:14">
      <c r="N559094" s="10"/>
    </row>
    <row r="559095" spans="14:14">
      <c r="N559095" s="10"/>
    </row>
    <row r="559096" spans="14:14">
      <c r="N559096" s="10"/>
    </row>
    <row r="559097" spans="14:14">
      <c r="N559097" s="10"/>
    </row>
    <row r="559098" spans="14:14">
      <c r="N559098" s="10"/>
    </row>
    <row r="559099" spans="14:14">
      <c r="N559099" s="10"/>
    </row>
    <row r="559100" spans="14:14">
      <c r="N559100" s="10"/>
    </row>
    <row r="559101" spans="14:14">
      <c r="N559101" s="10"/>
    </row>
    <row r="559102" spans="14:14">
      <c r="N559102" s="10"/>
    </row>
    <row r="559103" spans="14:14">
      <c r="N559103" s="10"/>
    </row>
    <row r="559104" spans="14:14">
      <c r="N559104" s="10"/>
    </row>
    <row r="559105" spans="14:14">
      <c r="N559105" s="10"/>
    </row>
    <row r="559106" spans="14:14">
      <c r="N559106" s="10"/>
    </row>
    <row r="559107" spans="14:14">
      <c r="N559107" s="10"/>
    </row>
    <row r="559108" spans="14:14">
      <c r="N559108" s="10"/>
    </row>
    <row r="559109" spans="14:14">
      <c r="N559109" s="10"/>
    </row>
    <row r="559110" spans="14:14">
      <c r="N559110" s="10"/>
    </row>
    <row r="559111" spans="14:14">
      <c r="N559111" s="10"/>
    </row>
    <row r="559112" spans="14:14">
      <c r="N559112" s="10"/>
    </row>
    <row r="559113" spans="14:14">
      <c r="N559113" s="10"/>
    </row>
    <row r="559114" spans="14:14">
      <c r="N559114" s="10"/>
    </row>
    <row r="559115" spans="14:14">
      <c r="N559115" s="10"/>
    </row>
    <row r="559116" spans="14:14">
      <c r="N559116" s="10"/>
    </row>
    <row r="559117" spans="14:14">
      <c r="N559117" s="10"/>
    </row>
    <row r="559118" spans="14:14">
      <c r="N559118" s="10"/>
    </row>
    <row r="559119" spans="14:14">
      <c r="N559119" s="10"/>
    </row>
    <row r="559120" spans="14:14">
      <c r="N559120" s="10"/>
    </row>
    <row r="559121" spans="14:14">
      <c r="N559121" s="10"/>
    </row>
    <row r="559122" spans="14:14">
      <c r="N559122" s="10"/>
    </row>
    <row r="559123" spans="14:14">
      <c r="N559123" s="10"/>
    </row>
    <row r="559124" spans="14:14">
      <c r="N559124" s="10"/>
    </row>
    <row r="559125" spans="14:14">
      <c r="N559125" s="10"/>
    </row>
    <row r="559126" spans="14:14">
      <c r="N559126" s="10"/>
    </row>
    <row r="559127" spans="14:14">
      <c r="N559127" s="10"/>
    </row>
    <row r="559128" spans="14:14">
      <c r="N559128" s="10"/>
    </row>
    <row r="559129" spans="14:14">
      <c r="N559129" s="10"/>
    </row>
    <row r="559130" spans="14:14">
      <c r="N559130" s="10"/>
    </row>
    <row r="559131" spans="14:14">
      <c r="N559131" s="10"/>
    </row>
    <row r="559132" spans="14:14">
      <c r="N559132" s="10"/>
    </row>
    <row r="559133" spans="14:14">
      <c r="N559133" s="10"/>
    </row>
    <row r="559134" spans="14:14">
      <c r="N559134" s="10"/>
    </row>
    <row r="559135" spans="14:14">
      <c r="N559135" s="10"/>
    </row>
    <row r="559136" spans="14:14">
      <c r="N559136" s="10"/>
    </row>
    <row r="559137" spans="14:14">
      <c r="N559137" s="10"/>
    </row>
    <row r="559138" spans="14:14">
      <c r="N559138" s="10"/>
    </row>
    <row r="559139" spans="14:14">
      <c r="N559139" s="10"/>
    </row>
    <row r="559140" spans="14:14">
      <c r="N559140" s="10"/>
    </row>
    <row r="559141" spans="14:14">
      <c r="N559141" s="10"/>
    </row>
    <row r="559142" spans="14:14">
      <c r="N559142" s="10"/>
    </row>
    <row r="559143" spans="14:14">
      <c r="N559143" s="10"/>
    </row>
    <row r="559144" spans="14:14">
      <c r="N559144" s="10"/>
    </row>
    <row r="559145" spans="14:14">
      <c r="N559145" s="10"/>
    </row>
    <row r="559146" spans="14:14">
      <c r="N559146" s="10"/>
    </row>
    <row r="559147" spans="14:14">
      <c r="N559147" s="10"/>
    </row>
    <row r="559148" spans="14:14">
      <c r="N559148" s="10"/>
    </row>
    <row r="559149" spans="14:14">
      <c r="N559149" s="10"/>
    </row>
    <row r="559150" spans="14:14">
      <c r="N559150" s="10"/>
    </row>
    <row r="559151" spans="14:14">
      <c r="N559151" s="10"/>
    </row>
    <row r="559152" spans="14:14">
      <c r="N559152" s="10"/>
    </row>
    <row r="559153" spans="14:14">
      <c r="N559153" s="10"/>
    </row>
    <row r="559154" spans="14:14">
      <c r="N559154" s="10"/>
    </row>
    <row r="559155" spans="14:14">
      <c r="N559155" s="10"/>
    </row>
    <row r="559156" spans="14:14">
      <c r="N559156" s="10"/>
    </row>
    <row r="559157" spans="14:14">
      <c r="N559157" s="10"/>
    </row>
    <row r="559158" spans="14:14">
      <c r="N559158" s="10"/>
    </row>
    <row r="559159" spans="14:14">
      <c r="N559159" s="10"/>
    </row>
    <row r="559160" spans="14:14">
      <c r="N559160" s="10"/>
    </row>
    <row r="559161" spans="14:14">
      <c r="N559161" s="10"/>
    </row>
    <row r="559162" spans="14:14">
      <c r="N559162" s="10"/>
    </row>
    <row r="559163" spans="14:14">
      <c r="N559163" s="10"/>
    </row>
    <row r="559164" spans="14:14">
      <c r="N559164" s="10"/>
    </row>
    <row r="559165" spans="14:14">
      <c r="N559165" s="10"/>
    </row>
    <row r="559166" spans="14:14">
      <c r="N559166" s="10"/>
    </row>
    <row r="559167" spans="14:14">
      <c r="N559167" s="10"/>
    </row>
    <row r="559168" spans="14:14">
      <c r="N559168" s="10"/>
    </row>
    <row r="559169" spans="14:14">
      <c r="N559169" s="10"/>
    </row>
    <row r="559170" spans="14:14">
      <c r="N559170" s="10"/>
    </row>
    <row r="559171" spans="14:14">
      <c r="N559171" s="10"/>
    </row>
    <row r="559172" spans="14:14">
      <c r="N559172" s="10"/>
    </row>
    <row r="559173" spans="14:14">
      <c r="N559173" s="10"/>
    </row>
    <row r="559174" spans="14:14">
      <c r="N559174" s="10"/>
    </row>
    <row r="559175" spans="14:14">
      <c r="N559175" s="10"/>
    </row>
    <row r="559176" spans="14:14">
      <c r="N559176" s="10"/>
    </row>
    <row r="559177" spans="14:14">
      <c r="N559177" s="10"/>
    </row>
    <row r="559178" spans="14:14">
      <c r="N559178" s="10"/>
    </row>
    <row r="559179" spans="14:14">
      <c r="N559179" s="10"/>
    </row>
    <row r="559180" spans="14:14">
      <c r="N559180" s="10"/>
    </row>
    <row r="559181" spans="14:14">
      <c r="N559181" s="10"/>
    </row>
    <row r="559182" spans="14:14">
      <c r="N559182" s="10"/>
    </row>
    <row r="559183" spans="14:14">
      <c r="N559183" s="10"/>
    </row>
    <row r="559184" spans="14:14">
      <c r="N559184" s="10"/>
    </row>
    <row r="559185" spans="14:14">
      <c r="N559185" s="10"/>
    </row>
    <row r="559186" spans="14:14">
      <c r="N559186" s="10"/>
    </row>
    <row r="559187" spans="14:14">
      <c r="N559187" s="10"/>
    </row>
    <row r="559188" spans="14:14">
      <c r="N559188" s="10"/>
    </row>
    <row r="559189" spans="14:14">
      <c r="N559189" s="10"/>
    </row>
    <row r="559190" spans="14:14">
      <c r="N559190" s="10"/>
    </row>
    <row r="559191" spans="14:14">
      <c r="N559191" s="10"/>
    </row>
    <row r="559192" spans="14:14">
      <c r="N559192" s="10"/>
    </row>
    <row r="559193" spans="14:14">
      <c r="N559193" s="10"/>
    </row>
    <row r="559194" spans="14:14">
      <c r="N559194" s="10"/>
    </row>
    <row r="559195" spans="14:14">
      <c r="N559195" s="10"/>
    </row>
    <row r="559196" spans="14:14">
      <c r="N559196" s="10"/>
    </row>
    <row r="559197" spans="14:14">
      <c r="N559197" s="10"/>
    </row>
    <row r="559198" spans="14:14">
      <c r="N559198" s="10"/>
    </row>
    <row r="559199" spans="14:14">
      <c r="N559199" s="10"/>
    </row>
    <row r="559200" spans="14:14">
      <c r="N559200" s="10"/>
    </row>
    <row r="559201" spans="14:14">
      <c r="N559201" s="10"/>
    </row>
    <row r="559202" spans="14:14">
      <c r="N559202" s="10"/>
    </row>
    <row r="559203" spans="14:14">
      <c r="N559203" s="10"/>
    </row>
    <row r="559204" spans="14:14">
      <c r="N559204" s="10"/>
    </row>
    <row r="559205" spans="14:14">
      <c r="N559205" s="10"/>
    </row>
    <row r="559206" spans="14:14">
      <c r="N559206" s="10"/>
    </row>
    <row r="559207" spans="14:14">
      <c r="N559207" s="10"/>
    </row>
    <row r="559208" spans="14:14">
      <c r="N559208" s="10"/>
    </row>
    <row r="559209" spans="14:14">
      <c r="N559209" s="10"/>
    </row>
    <row r="559210" spans="14:14">
      <c r="N559210" s="10"/>
    </row>
    <row r="559211" spans="14:14">
      <c r="N559211" s="10"/>
    </row>
    <row r="559212" spans="14:14">
      <c r="N559212" s="10"/>
    </row>
    <row r="559213" spans="14:14">
      <c r="N559213" s="10"/>
    </row>
    <row r="559214" spans="14:14">
      <c r="N559214" s="10"/>
    </row>
    <row r="559215" spans="14:14">
      <c r="N559215" s="10"/>
    </row>
    <row r="559216" spans="14:14">
      <c r="N559216" s="10"/>
    </row>
    <row r="559217" spans="14:14">
      <c r="N559217" s="10"/>
    </row>
    <row r="559218" spans="14:14">
      <c r="N559218" s="10"/>
    </row>
    <row r="559219" spans="14:14">
      <c r="N559219" s="10"/>
    </row>
    <row r="559220" spans="14:14">
      <c r="N559220" s="10"/>
    </row>
    <row r="559221" spans="14:14">
      <c r="N559221" s="10"/>
    </row>
    <row r="559222" spans="14:14">
      <c r="N559222" s="10"/>
    </row>
    <row r="559223" spans="14:14">
      <c r="N559223" s="10"/>
    </row>
    <row r="559224" spans="14:14">
      <c r="N559224" s="10"/>
    </row>
    <row r="559225" spans="14:14">
      <c r="N559225" s="10"/>
    </row>
    <row r="559226" spans="14:14">
      <c r="N559226" s="10"/>
    </row>
    <row r="559227" spans="14:14">
      <c r="N559227" s="10"/>
    </row>
    <row r="559228" spans="14:14">
      <c r="N559228" s="10"/>
    </row>
    <row r="559229" spans="14:14">
      <c r="N559229" s="10"/>
    </row>
    <row r="559230" spans="14:14">
      <c r="N559230" s="10"/>
    </row>
    <row r="559231" spans="14:14">
      <c r="N559231" s="10"/>
    </row>
    <row r="559232" spans="14:14">
      <c r="N559232" s="10"/>
    </row>
    <row r="559233" spans="14:14">
      <c r="N559233" s="10"/>
    </row>
    <row r="559234" spans="14:14">
      <c r="N559234" s="10"/>
    </row>
    <row r="559235" spans="14:14">
      <c r="N559235" s="10"/>
    </row>
    <row r="559236" spans="14:14">
      <c r="N559236" s="10"/>
    </row>
    <row r="559237" spans="14:14">
      <c r="N559237" s="10"/>
    </row>
    <row r="559238" spans="14:14">
      <c r="N559238" s="10"/>
    </row>
    <row r="559239" spans="14:14">
      <c r="N559239" s="10"/>
    </row>
    <row r="559240" spans="14:14">
      <c r="N559240" s="10"/>
    </row>
    <row r="559241" spans="14:14">
      <c r="N559241" s="10"/>
    </row>
    <row r="559242" spans="14:14">
      <c r="N559242" s="10"/>
    </row>
    <row r="559243" spans="14:14">
      <c r="N559243" s="10"/>
    </row>
    <row r="559244" spans="14:14">
      <c r="N559244" s="10"/>
    </row>
    <row r="559245" spans="14:14">
      <c r="N559245" s="10"/>
    </row>
    <row r="559246" spans="14:14">
      <c r="N559246" s="10"/>
    </row>
    <row r="559247" spans="14:14">
      <c r="N559247" s="10"/>
    </row>
    <row r="559248" spans="14:14">
      <c r="N559248" s="10"/>
    </row>
    <row r="559249" spans="14:14">
      <c r="N559249" s="10"/>
    </row>
    <row r="559250" spans="14:14">
      <c r="N559250" s="10"/>
    </row>
    <row r="559251" spans="14:14">
      <c r="N559251" s="10"/>
    </row>
    <row r="559252" spans="14:14">
      <c r="N559252" s="10"/>
    </row>
    <row r="559253" spans="14:14">
      <c r="N559253" s="10"/>
    </row>
    <row r="559254" spans="14:14">
      <c r="N559254" s="10"/>
    </row>
    <row r="559255" spans="14:14">
      <c r="N559255" s="10"/>
    </row>
    <row r="559256" spans="14:14">
      <c r="N559256" s="10"/>
    </row>
    <row r="559257" spans="14:14">
      <c r="N559257" s="10"/>
    </row>
    <row r="559258" spans="14:14">
      <c r="N559258" s="10"/>
    </row>
    <row r="559259" spans="14:14">
      <c r="N559259" s="10"/>
    </row>
    <row r="559260" spans="14:14">
      <c r="N559260" s="10"/>
    </row>
    <row r="559261" spans="14:14">
      <c r="N559261" s="10"/>
    </row>
    <row r="559262" spans="14:14">
      <c r="N559262" s="10"/>
    </row>
    <row r="559263" spans="14:14">
      <c r="N559263" s="10"/>
    </row>
    <row r="559264" spans="14:14">
      <c r="N559264" s="10"/>
    </row>
    <row r="559265" spans="14:14">
      <c r="N559265" s="10"/>
    </row>
    <row r="559266" spans="14:14">
      <c r="N559266" s="10"/>
    </row>
    <row r="559267" spans="14:14">
      <c r="N559267" s="10"/>
    </row>
    <row r="559268" spans="14:14">
      <c r="N559268" s="10"/>
    </row>
    <row r="559269" spans="14:14">
      <c r="N559269" s="10"/>
    </row>
    <row r="559270" spans="14:14">
      <c r="N559270" s="10"/>
    </row>
    <row r="559271" spans="14:14">
      <c r="N559271" s="10"/>
    </row>
    <row r="559272" spans="14:14">
      <c r="N559272" s="10"/>
    </row>
    <row r="559273" spans="14:14">
      <c r="N559273" s="10"/>
    </row>
    <row r="559274" spans="14:14">
      <c r="N559274" s="10"/>
    </row>
    <row r="559275" spans="14:14">
      <c r="N559275" s="10"/>
    </row>
    <row r="559276" spans="14:14">
      <c r="N559276" s="10"/>
    </row>
    <row r="559277" spans="14:14">
      <c r="N559277" s="10"/>
    </row>
    <row r="559278" spans="14:14">
      <c r="N559278" s="10"/>
    </row>
    <row r="559279" spans="14:14">
      <c r="N559279" s="10"/>
    </row>
    <row r="559280" spans="14:14">
      <c r="N559280" s="10"/>
    </row>
    <row r="559281" spans="14:14">
      <c r="N559281" s="10"/>
    </row>
    <row r="559282" spans="14:14">
      <c r="N559282" s="10"/>
    </row>
    <row r="559283" spans="14:14">
      <c r="N559283" s="10"/>
    </row>
    <row r="559284" spans="14:14">
      <c r="N559284" s="10"/>
    </row>
    <row r="559285" spans="14:14">
      <c r="N559285" s="10"/>
    </row>
    <row r="559286" spans="14:14">
      <c r="N559286" s="10"/>
    </row>
    <row r="559287" spans="14:14">
      <c r="N559287" s="10"/>
    </row>
    <row r="559288" spans="14:14">
      <c r="N559288" s="10"/>
    </row>
    <row r="559289" spans="14:14">
      <c r="N559289" s="10"/>
    </row>
    <row r="559290" spans="14:14">
      <c r="N559290" s="10"/>
    </row>
    <row r="559291" spans="14:14">
      <c r="N559291" s="10"/>
    </row>
    <row r="559292" spans="14:14">
      <c r="N559292" s="10"/>
    </row>
    <row r="559293" spans="14:14">
      <c r="N559293" s="10"/>
    </row>
    <row r="559294" spans="14:14">
      <c r="N559294" s="10"/>
    </row>
    <row r="559295" spans="14:14">
      <c r="N559295" s="10"/>
    </row>
    <row r="559296" spans="14:14">
      <c r="N559296" s="10"/>
    </row>
    <row r="559297" spans="14:14">
      <c r="N559297" s="10"/>
    </row>
    <row r="559298" spans="14:14">
      <c r="N559298" s="10"/>
    </row>
    <row r="559299" spans="14:14">
      <c r="N559299" s="10"/>
    </row>
    <row r="559300" spans="14:14">
      <c r="N559300" s="10"/>
    </row>
    <row r="559301" spans="14:14">
      <c r="N559301" s="10"/>
    </row>
    <row r="559302" spans="14:14">
      <c r="N559302" s="10"/>
    </row>
    <row r="559303" spans="14:14">
      <c r="N559303" s="10"/>
    </row>
    <row r="559304" spans="14:14">
      <c r="N559304" s="10"/>
    </row>
    <row r="559305" spans="14:14">
      <c r="N559305" s="10"/>
    </row>
    <row r="559306" spans="14:14">
      <c r="N559306" s="10"/>
    </row>
    <row r="559307" spans="14:14">
      <c r="N559307" s="10"/>
    </row>
    <row r="559308" spans="14:14">
      <c r="N559308" s="10"/>
    </row>
    <row r="559309" spans="14:14">
      <c r="N559309" s="10"/>
    </row>
    <row r="559310" spans="14:14">
      <c r="N559310" s="10"/>
    </row>
    <row r="559311" spans="14:14">
      <c r="N559311" s="10"/>
    </row>
    <row r="559312" spans="14:14">
      <c r="N559312" s="10"/>
    </row>
    <row r="559313" spans="14:14">
      <c r="N559313" s="10"/>
    </row>
    <row r="559314" spans="14:14">
      <c r="N559314" s="10"/>
    </row>
    <row r="559315" spans="14:14">
      <c r="N559315" s="10"/>
    </row>
    <row r="559316" spans="14:14">
      <c r="N559316" s="10"/>
    </row>
    <row r="559317" spans="14:14">
      <c r="N559317" s="10"/>
    </row>
    <row r="559318" spans="14:14">
      <c r="N559318" s="10"/>
    </row>
    <row r="559319" spans="14:14">
      <c r="N559319" s="10"/>
    </row>
    <row r="559320" spans="14:14">
      <c r="N559320" s="10"/>
    </row>
    <row r="559321" spans="14:14">
      <c r="N559321" s="10"/>
    </row>
    <row r="559322" spans="14:14">
      <c r="N559322" s="10"/>
    </row>
    <row r="559323" spans="14:14">
      <c r="N559323" s="10"/>
    </row>
    <row r="559324" spans="14:14">
      <c r="N559324" s="10"/>
    </row>
    <row r="559325" spans="14:14">
      <c r="N559325" s="10"/>
    </row>
    <row r="559326" spans="14:14">
      <c r="N559326" s="10"/>
    </row>
    <row r="559327" spans="14:14">
      <c r="N559327" s="10"/>
    </row>
    <row r="559328" spans="14:14">
      <c r="N559328" s="10"/>
    </row>
    <row r="559329" spans="14:14">
      <c r="N559329" s="10"/>
    </row>
    <row r="559330" spans="14:14">
      <c r="N559330" s="10"/>
    </row>
    <row r="559331" spans="14:14">
      <c r="N559331" s="10"/>
    </row>
    <row r="559332" spans="14:14">
      <c r="N559332" s="10"/>
    </row>
    <row r="559333" spans="14:14">
      <c r="N559333" s="10"/>
    </row>
    <row r="559334" spans="14:14">
      <c r="N559334" s="10"/>
    </row>
    <row r="559335" spans="14:14">
      <c r="N559335" s="10"/>
    </row>
    <row r="559336" spans="14:14">
      <c r="N559336" s="10"/>
    </row>
    <row r="559337" spans="14:14">
      <c r="N559337" s="10"/>
    </row>
    <row r="559338" spans="14:14">
      <c r="N559338" s="10"/>
    </row>
    <row r="559339" spans="14:14">
      <c r="N559339" s="10"/>
    </row>
    <row r="559340" spans="14:14">
      <c r="N559340" s="10"/>
    </row>
    <row r="559341" spans="14:14">
      <c r="N559341" s="10"/>
    </row>
    <row r="559342" spans="14:14">
      <c r="N559342" s="10"/>
    </row>
    <row r="559343" spans="14:14">
      <c r="N559343" s="10"/>
    </row>
    <row r="559344" spans="14:14">
      <c r="N559344" s="10"/>
    </row>
    <row r="559345" spans="14:14">
      <c r="N559345" s="10"/>
    </row>
    <row r="559346" spans="14:14">
      <c r="N559346" s="10"/>
    </row>
    <row r="559347" spans="14:14">
      <c r="N559347" s="10"/>
    </row>
    <row r="559348" spans="14:14">
      <c r="N559348" s="10"/>
    </row>
    <row r="559349" spans="14:14">
      <c r="N559349" s="10"/>
    </row>
    <row r="559350" spans="14:14">
      <c r="N559350" s="10"/>
    </row>
    <row r="559351" spans="14:14">
      <c r="N559351" s="10"/>
    </row>
    <row r="559352" spans="14:14">
      <c r="N559352" s="10"/>
    </row>
    <row r="559353" spans="14:14">
      <c r="N559353" s="10"/>
    </row>
    <row r="559354" spans="14:14">
      <c r="N559354" s="10"/>
    </row>
    <row r="559355" spans="14:14">
      <c r="N559355" s="10"/>
    </row>
    <row r="559356" spans="14:14">
      <c r="N559356" s="10"/>
    </row>
    <row r="559357" spans="14:14">
      <c r="N559357" s="10"/>
    </row>
    <row r="559358" spans="14:14">
      <c r="N559358" s="10"/>
    </row>
    <row r="559359" spans="14:14">
      <c r="N559359" s="10"/>
    </row>
    <row r="559360" spans="14:14">
      <c r="N559360" s="10"/>
    </row>
    <row r="559361" spans="14:14">
      <c r="N559361" s="10"/>
    </row>
    <row r="559362" spans="14:14">
      <c r="N559362" s="10"/>
    </row>
    <row r="559363" spans="14:14">
      <c r="N559363" s="10"/>
    </row>
    <row r="559364" spans="14:14">
      <c r="N559364" s="10"/>
    </row>
    <row r="559365" spans="14:14">
      <c r="N559365" s="10"/>
    </row>
    <row r="559366" spans="14:14">
      <c r="N559366" s="10"/>
    </row>
    <row r="559367" spans="14:14">
      <c r="N559367" s="10"/>
    </row>
    <row r="559368" spans="14:14">
      <c r="N559368" s="10"/>
    </row>
    <row r="559369" spans="14:14">
      <c r="N559369" s="10"/>
    </row>
    <row r="559370" spans="14:14">
      <c r="N559370" s="10"/>
    </row>
    <row r="559371" spans="14:14">
      <c r="N559371" s="10"/>
    </row>
    <row r="559372" spans="14:14">
      <c r="N559372" s="10"/>
    </row>
    <row r="559373" spans="14:14">
      <c r="N559373" s="10"/>
    </row>
    <row r="559374" spans="14:14">
      <c r="N559374" s="10"/>
    </row>
    <row r="559375" spans="14:14">
      <c r="N559375" s="10"/>
    </row>
    <row r="559376" spans="14:14">
      <c r="N559376" s="10"/>
    </row>
    <row r="559377" spans="14:14">
      <c r="N559377" s="10"/>
    </row>
    <row r="559378" spans="14:14">
      <c r="N559378" s="10"/>
    </row>
    <row r="559379" spans="14:14">
      <c r="N559379" s="10"/>
    </row>
    <row r="559380" spans="14:14">
      <c r="N559380" s="10"/>
    </row>
    <row r="559381" spans="14:14">
      <c r="N559381" s="10"/>
    </row>
    <row r="559382" spans="14:14">
      <c r="N559382" s="10"/>
    </row>
    <row r="559383" spans="14:14">
      <c r="N559383" s="10"/>
    </row>
    <row r="559384" spans="14:14">
      <c r="N559384" s="10"/>
    </row>
    <row r="559385" spans="14:14">
      <c r="N559385" s="10"/>
    </row>
    <row r="559386" spans="14:14">
      <c r="N559386" s="10"/>
    </row>
    <row r="559387" spans="14:14">
      <c r="N559387" s="10"/>
    </row>
    <row r="559388" spans="14:14">
      <c r="N559388" s="10"/>
    </row>
    <row r="559389" spans="14:14">
      <c r="N559389" s="10"/>
    </row>
    <row r="559390" spans="14:14">
      <c r="N559390" s="10"/>
    </row>
    <row r="559391" spans="14:14">
      <c r="N559391" s="10"/>
    </row>
    <row r="559392" spans="14:14">
      <c r="N559392" s="10"/>
    </row>
    <row r="559393" spans="14:14">
      <c r="N559393" s="10"/>
    </row>
    <row r="559394" spans="14:14">
      <c r="N559394" s="10"/>
    </row>
    <row r="559395" spans="14:14">
      <c r="N559395" s="10"/>
    </row>
    <row r="559396" spans="14:14">
      <c r="N559396" s="10"/>
    </row>
    <row r="559397" spans="14:14">
      <c r="N559397" s="10"/>
    </row>
    <row r="559398" spans="14:14">
      <c r="N559398" s="10"/>
    </row>
    <row r="559399" spans="14:14">
      <c r="N559399" s="10"/>
    </row>
    <row r="559400" spans="14:14">
      <c r="N559400" s="10"/>
    </row>
    <row r="559401" spans="14:14">
      <c r="N559401" s="10"/>
    </row>
    <row r="559402" spans="14:14">
      <c r="N559402" s="10"/>
    </row>
    <row r="559403" spans="14:14">
      <c r="N559403" s="10"/>
    </row>
    <row r="559404" spans="14:14">
      <c r="N559404" s="10"/>
    </row>
    <row r="559405" spans="14:14">
      <c r="N559405" s="10"/>
    </row>
    <row r="559406" spans="14:14">
      <c r="N559406" s="10"/>
    </row>
    <row r="559407" spans="14:14">
      <c r="N559407" s="10"/>
    </row>
    <row r="559408" spans="14:14">
      <c r="N559408" s="10"/>
    </row>
    <row r="559409" spans="14:14">
      <c r="N559409" s="10"/>
    </row>
    <row r="559410" spans="14:14">
      <c r="N559410" s="10"/>
    </row>
    <row r="559411" spans="14:14">
      <c r="N559411" s="10"/>
    </row>
    <row r="559412" spans="14:14">
      <c r="N559412" s="10"/>
    </row>
    <row r="559413" spans="14:14">
      <c r="N559413" s="10"/>
    </row>
    <row r="559414" spans="14:14">
      <c r="N559414" s="10"/>
    </row>
    <row r="559415" spans="14:14">
      <c r="N559415" s="10"/>
    </row>
    <row r="559416" spans="14:14">
      <c r="N559416" s="10"/>
    </row>
    <row r="559417" spans="14:14">
      <c r="N559417" s="10"/>
    </row>
    <row r="559418" spans="14:14">
      <c r="N559418" s="10"/>
    </row>
    <row r="559419" spans="14:14">
      <c r="N559419" s="10"/>
    </row>
    <row r="559420" spans="14:14">
      <c r="N559420" s="10"/>
    </row>
    <row r="559421" spans="14:14">
      <c r="N559421" s="10"/>
    </row>
    <row r="559422" spans="14:14">
      <c r="N559422" s="10"/>
    </row>
    <row r="559423" spans="14:14">
      <c r="N559423" s="10"/>
    </row>
    <row r="559424" spans="14:14">
      <c r="N559424" s="10"/>
    </row>
    <row r="559425" spans="14:14">
      <c r="N559425" s="10"/>
    </row>
    <row r="559426" spans="14:14">
      <c r="N559426" s="10"/>
    </row>
    <row r="559427" spans="14:14">
      <c r="N559427" s="10"/>
    </row>
    <row r="559428" spans="14:14">
      <c r="N559428" s="10"/>
    </row>
    <row r="559429" spans="14:14">
      <c r="N559429" s="10"/>
    </row>
    <row r="559430" spans="14:14">
      <c r="N559430" s="10"/>
    </row>
    <row r="559431" spans="14:14">
      <c r="N559431" s="10"/>
    </row>
    <row r="559432" spans="14:14">
      <c r="N559432" s="10"/>
    </row>
    <row r="559433" spans="14:14">
      <c r="N559433" s="10"/>
    </row>
    <row r="559434" spans="14:14">
      <c r="N559434" s="10"/>
    </row>
    <row r="559435" spans="14:14">
      <c r="N559435" s="10"/>
    </row>
    <row r="559436" spans="14:14">
      <c r="N559436" s="10"/>
    </row>
    <row r="559437" spans="14:14">
      <c r="N559437" s="10"/>
    </row>
    <row r="559438" spans="14:14">
      <c r="N559438" s="10"/>
    </row>
    <row r="559439" spans="14:14">
      <c r="N559439" s="10"/>
    </row>
    <row r="559440" spans="14:14">
      <c r="N559440" s="10"/>
    </row>
    <row r="559441" spans="14:14">
      <c r="N559441" s="10"/>
    </row>
    <row r="559442" spans="14:14">
      <c r="N559442" s="10"/>
    </row>
    <row r="559443" spans="14:14">
      <c r="N559443" s="10"/>
    </row>
    <row r="559444" spans="14:14">
      <c r="N559444" s="10"/>
    </row>
    <row r="559445" spans="14:14">
      <c r="N559445" s="10"/>
    </row>
    <row r="559446" spans="14:14">
      <c r="N559446" s="10"/>
    </row>
    <row r="559447" spans="14:14">
      <c r="N559447" s="10"/>
    </row>
    <row r="559448" spans="14:14">
      <c r="N559448" s="10"/>
    </row>
    <row r="559449" spans="14:14">
      <c r="N559449" s="10"/>
    </row>
    <row r="559450" spans="14:14">
      <c r="N559450" s="10"/>
    </row>
    <row r="559451" spans="14:14">
      <c r="N559451" s="10"/>
    </row>
    <row r="559452" spans="14:14">
      <c r="N559452" s="10"/>
    </row>
    <row r="559453" spans="14:14">
      <c r="N559453" s="10"/>
    </row>
    <row r="559454" spans="14:14">
      <c r="N559454" s="10"/>
    </row>
    <row r="559455" spans="14:14">
      <c r="N559455" s="10"/>
    </row>
    <row r="559456" spans="14:14">
      <c r="N559456" s="10"/>
    </row>
    <row r="559457" spans="14:14">
      <c r="N559457" s="10"/>
    </row>
    <row r="559458" spans="14:14">
      <c r="N559458" s="10"/>
    </row>
    <row r="559459" spans="14:14">
      <c r="N559459" s="10"/>
    </row>
    <row r="559460" spans="14:14">
      <c r="N559460" s="10"/>
    </row>
    <row r="559461" spans="14:14">
      <c r="N559461" s="10"/>
    </row>
    <row r="559462" spans="14:14">
      <c r="N559462" s="10"/>
    </row>
    <row r="559463" spans="14:14">
      <c r="N559463" s="10"/>
    </row>
    <row r="559464" spans="14:14">
      <c r="N559464" s="10"/>
    </row>
    <row r="559465" spans="14:14">
      <c r="N559465" s="10"/>
    </row>
    <row r="559466" spans="14:14">
      <c r="N559466" s="10"/>
    </row>
    <row r="559467" spans="14:14">
      <c r="N559467" s="10"/>
    </row>
    <row r="559468" spans="14:14">
      <c r="N559468" s="10"/>
    </row>
    <row r="559469" spans="14:14">
      <c r="N559469" s="10"/>
    </row>
    <row r="559470" spans="14:14">
      <c r="N559470" s="10"/>
    </row>
    <row r="559471" spans="14:14">
      <c r="N559471" s="10"/>
    </row>
    <row r="559472" spans="14:14">
      <c r="N559472" s="10"/>
    </row>
    <row r="559473" spans="14:14">
      <c r="N559473" s="10"/>
    </row>
    <row r="559474" spans="14:14">
      <c r="N559474" s="10"/>
    </row>
    <row r="559475" spans="14:14">
      <c r="N559475" s="10"/>
    </row>
    <row r="559476" spans="14:14">
      <c r="N559476" s="10"/>
    </row>
    <row r="559477" spans="14:14">
      <c r="N559477" s="10"/>
    </row>
    <row r="559478" spans="14:14">
      <c r="N559478" s="10"/>
    </row>
    <row r="559479" spans="14:14">
      <c r="N559479" s="10"/>
    </row>
    <row r="559480" spans="14:14">
      <c r="N559480" s="10"/>
    </row>
    <row r="559481" spans="14:14">
      <c r="N559481" s="10"/>
    </row>
    <row r="559482" spans="14:14">
      <c r="N559482" s="10"/>
    </row>
    <row r="559483" spans="14:14">
      <c r="N559483" s="10"/>
    </row>
    <row r="559484" spans="14:14">
      <c r="N559484" s="10"/>
    </row>
    <row r="559485" spans="14:14">
      <c r="N559485" s="10"/>
    </row>
    <row r="559486" spans="14:14">
      <c r="N559486" s="10"/>
    </row>
    <row r="559487" spans="14:14">
      <c r="N559487" s="10"/>
    </row>
    <row r="559488" spans="14:14">
      <c r="N559488" s="10"/>
    </row>
    <row r="559489" spans="14:14">
      <c r="N559489" s="10"/>
    </row>
    <row r="559490" spans="14:14">
      <c r="N559490" s="10"/>
    </row>
    <row r="559491" spans="14:14">
      <c r="N559491" s="10"/>
    </row>
    <row r="559492" spans="14:14">
      <c r="N559492" s="10"/>
    </row>
    <row r="559493" spans="14:14">
      <c r="N559493" s="10"/>
    </row>
    <row r="559494" spans="14:14">
      <c r="N559494" s="10"/>
    </row>
    <row r="559495" spans="14:14">
      <c r="N559495" s="10"/>
    </row>
    <row r="559496" spans="14:14">
      <c r="N559496" s="10"/>
    </row>
    <row r="559497" spans="14:14">
      <c r="N559497" s="10"/>
    </row>
    <row r="559498" spans="14:14">
      <c r="N559498" s="10"/>
    </row>
    <row r="559499" spans="14:14">
      <c r="N559499" s="10"/>
    </row>
    <row r="559500" spans="14:14">
      <c r="N559500" s="10"/>
    </row>
    <row r="559501" spans="14:14">
      <c r="N559501" s="10"/>
    </row>
    <row r="559502" spans="14:14">
      <c r="N559502" s="10"/>
    </row>
    <row r="559503" spans="14:14">
      <c r="N559503" s="10"/>
    </row>
    <row r="559504" spans="14:14">
      <c r="N559504" s="10"/>
    </row>
    <row r="559505" spans="14:14">
      <c r="N559505" s="10"/>
    </row>
    <row r="559506" spans="14:14">
      <c r="N559506" s="10"/>
    </row>
    <row r="559507" spans="14:14">
      <c r="N559507" s="10"/>
    </row>
    <row r="559508" spans="14:14">
      <c r="N559508" s="10"/>
    </row>
    <row r="559509" spans="14:14">
      <c r="N559509" s="10"/>
    </row>
    <row r="559510" spans="14:14">
      <c r="N559510" s="10"/>
    </row>
    <row r="559511" spans="14:14">
      <c r="N559511" s="10"/>
    </row>
    <row r="559512" spans="14:14">
      <c r="N559512" s="10"/>
    </row>
    <row r="559513" spans="14:14">
      <c r="N559513" s="10"/>
    </row>
    <row r="559514" spans="14:14">
      <c r="N559514" s="10"/>
    </row>
    <row r="559515" spans="14:14">
      <c r="N559515" s="10"/>
    </row>
    <row r="559516" spans="14:14">
      <c r="N559516" s="10"/>
    </row>
    <row r="559517" spans="14:14">
      <c r="N559517" s="10"/>
    </row>
    <row r="559518" spans="14:14">
      <c r="N559518" s="10"/>
    </row>
    <row r="559519" spans="14:14">
      <c r="N559519" s="10"/>
    </row>
    <row r="559520" spans="14:14">
      <c r="N559520" s="10"/>
    </row>
    <row r="559521" spans="14:14">
      <c r="N559521" s="10"/>
    </row>
    <row r="559522" spans="14:14">
      <c r="N559522" s="10"/>
    </row>
    <row r="559523" spans="14:14">
      <c r="N559523" s="10"/>
    </row>
    <row r="559524" spans="14:14">
      <c r="N559524" s="10"/>
    </row>
    <row r="559525" spans="14:14">
      <c r="N559525" s="10"/>
    </row>
    <row r="559526" spans="14:14">
      <c r="N559526" s="10"/>
    </row>
    <row r="559527" spans="14:14">
      <c r="N559527" s="10"/>
    </row>
    <row r="559528" spans="14:14">
      <c r="N559528" s="10"/>
    </row>
    <row r="559529" spans="14:14">
      <c r="N559529" s="10"/>
    </row>
    <row r="559530" spans="14:14">
      <c r="N559530" s="10"/>
    </row>
    <row r="559531" spans="14:14">
      <c r="N559531" s="10"/>
    </row>
    <row r="559532" spans="14:14">
      <c r="N559532" s="10"/>
    </row>
    <row r="559533" spans="14:14">
      <c r="N559533" s="10"/>
    </row>
    <row r="559534" spans="14:14">
      <c r="N559534" s="10"/>
    </row>
    <row r="559535" spans="14:14">
      <c r="N559535" s="10"/>
    </row>
    <row r="559536" spans="14:14">
      <c r="N559536" s="10"/>
    </row>
    <row r="559537" spans="14:14">
      <c r="N559537" s="10"/>
    </row>
    <row r="559538" spans="14:14">
      <c r="N559538" s="10"/>
    </row>
    <row r="559539" spans="14:14">
      <c r="N559539" s="10"/>
    </row>
    <row r="559540" spans="14:14">
      <c r="N559540" s="10"/>
    </row>
    <row r="559541" spans="14:14">
      <c r="N559541" s="10"/>
    </row>
    <row r="559542" spans="14:14">
      <c r="N559542" s="10"/>
    </row>
    <row r="559543" spans="14:14">
      <c r="N559543" s="10"/>
    </row>
    <row r="559544" spans="14:14">
      <c r="N559544" s="10"/>
    </row>
    <row r="559545" spans="14:14">
      <c r="N559545" s="10"/>
    </row>
    <row r="559546" spans="14:14">
      <c r="N559546" s="10"/>
    </row>
    <row r="559547" spans="14:14">
      <c r="N559547" s="10"/>
    </row>
    <row r="559548" spans="14:14">
      <c r="N559548" s="10"/>
    </row>
    <row r="559549" spans="14:14">
      <c r="N559549" s="10"/>
    </row>
    <row r="559550" spans="14:14">
      <c r="N559550" s="10"/>
    </row>
    <row r="559551" spans="14:14">
      <c r="N559551" s="10"/>
    </row>
    <row r="559552" spans="14:14">
      <c r="N559552" s="10"/>
    </row>
    <row r="559553" spans="14:14">
      <c r="N559553" s="10"/>
    </row>
    <row r="559554" spans="14:14">
      <c r="N559554" s="10"/>
    </row>
    <row r="559555" spans="14:14">
      <c r="N559555" s="10"/>
    </row>
    <row r="559556" spans="14:14">
      <c r="N559556" s="10"/>
    </row>
    <row r="559557" spans="14:14">
      <c r="N559557" s="10"/>
    </row>
    <row r="559558" spans="14:14">
      <c r="N559558" s="10"/>
    </row>
    <row r="559559" spans="14:14">
      <c r="N559559" s="10"/>
    </row>
    <row r="559560" spans="14:14">
      <c r="N559560" s="10"/>
    </row>
    <row r="559561" spans="14:14">
      <c r="N559561" s="10"/>
    </row>
    <row r="559562" spans="14:14">
      <c r="N559562" s="10"/>
    </row>
    <row r="559563" spans="14:14">
      <c r="N559563" s="10"/>
    </row>
    <row r="559564" spans="14:14">
      <c r="N559564" s="10"/>
    </row>
    <row r="559565" spans="14:14">
      <c r="N559565" s="10"/>
    </row>
    <row r="559566" spans="14:14">
      <c r="N559566" s="10"/>
    </row>
    <row r="559567" spans="14:14">
      <c r="N559567" s="10"/>
    </row>
    <row r="559568" spans="14:14">
      <c r="N559568" s="10"/>
    </row>
    <row r="559569" spans="14:14">
      <c r="N559569" s="10"/>
    </row>
    <row r="559570" spans="14:14">
      <c r="N559570" s="10"/>
    </row>
    <row r="559571" spans="14:14">
      <c r="N559571" s="10"/>
    </row>
    <row r="559572" spans="14:14">
      <c r="N559572" s="10"/>
    </row>
    <row r="559573" spans="14:14">
      <c r="N559573" s="10"/>
    </row>
    <row r="559574" spans="14:14">
      <c r="N559574" s="10"/>
    </row>
    <row r="559575" spans="14:14">
      <c r="N559575" s="10"/>
    </row>
    <row r="559576" spans="14:14">
      <c r="N559576" s="10"/>
    </row>
    <row r="559577" spans="14:14">
      <c r="N559577" s="10"/>
    </row>
    <row r="559578" spans="14:14">
      <c r="N559578" s="10"/>
    </row>
    <row r="559579" spans="14:14">
      <c r="N559579" s="10"/>
    </row>
    <row r="559580" spans="14:14">
      <c r="N559580" s="10"/>
    </row>
    <row r="559581" spans="14:14">
      <c r="N559581" s="10"/>
    </row>
    <row r="559582" spans="14:14">
      <c r="N559582" s="10"/>
    </row>
    <row r="559583" spans="14:14">
      <c r="N559583" s="10"/>
    </row>
    <row r="559584" spans="14:14">
      <c r="N559584" s="10"/>
    </row>
    <row r="559585" spans="14:14">
      <c r="N559585" s="10"/>
    </row>
    <row r="559586" spans="14:14">
      <c r="N559586" s="10"/>
    </row>
    <row r="559587" spans="14:14">
      <c r="N559587" s="10"/>
    </row>
    <row r="559588" spans="14:14">
      <c r="N559588" s="10"/>
    </row>
    <row r="559589" spans="14:14">
      <c r="N559589" s="10"/>
    </row>
    <row r="559590" spans="14:14">
      <c r="N559590" s="10"/>
    </row>
    <row r="559591" spans="14:14">
      <c r="N559591" s="10"/>
    </row>
    <row r="559592" spans="14:14">
      <c r="N559592" s="10"/>
    </row>
    <row r="559593" spans="14:14">
      <c r="N559593" s="10"/>
    </row>
    <row r="559594" spans="14:14">
      <c r="N559594" s="10"/>
    </row>
    <row r="559595" spans="14:14">
      <c r="N559595" s="10"/>
    </row>
    <row r="559596" spans="14:14">
      <c r="N559596" s="10"/>
    </row>
    <row r="559597" spans="14:14">
      <c r="N559597" s="10"/>
    </row>
    <row r="559598" spans="14:14">
      <c r="N559598" s="10"/>
    </row>
    <row r="559599" spans="14:14">
      <c r="N559599" s="10"/>
    </row>
    <row r="559600" spans="14:14">
      <c r="N559600" s="10"/>
    </row>
    <row r="559601" spans="14:14">
      <c r="N559601" s="10"/>
    </row>
    <row r="559602" spans="14:14">
      <c r="N559602" s="10"/>
    </row>
    <row r="559603" spans="14:14">
      <c r="N559603" s="10"/>
    </row>
    <row r="559604" spans="14:14">
      <c r="N559604" s="10"/>
    </row>
    <row r="559605" spans="14:14">
      <c r="N559605" s="10"/>
    </row>
    <row r="559606" spans="14:14">
      <c r="N559606" s="10"/>
    </row>
    <row r="559607" spans="14:14">
      <c r="N559607" s="10"/>
    </row>
    <row r="559608" spans="14:14">
      <c r="N559608" s="10"/>
    </row>
    <row r="559609" spans="14:14">
      <c r="N559609" s="10"/>
    </row>
    <row r="559610" spans="14:14">
      <c r="N559610" s="10"/>
    </row>
    <row r="559611" spans="14:14">
      <c r="N559611" s="10"/>
    </row>
    <row r="559612" spans="14:14">
      <c r="N559612" s="10"/>
    </row>
    <row r="559613" spans="14:14">
      <c r="N559613" s="10"/>
    </row>
    <row r="559614" spans="14:14">
      <c r="N559614" s="10"/>
    </row>
    <row r="559615" spans="14:14">
      <c r="N559615" s="10"/>
    </row>
    <row r="559616" spans="14:14">
      <c r="N559616" s="10"/>
    </row>
    <row r="559617" spans="14:14">
      <c r="N559617" s="10"/>
    </row>
    <row r="559618" spans="14:14">
      <c r="N559618" s="10"/>
    </row>
    <row r="559619" spans="14:14">
      <c r="N559619" s="10"/>
    </row>
    <row r="559620" spans="14:14">
      <c r="N559620" s="10"/>
    </row>
    <row r="559621" spans="14:14">
      <c r="N559621" s="10"/>
    </row>
    <row r="559622" spans="14:14">
      <c r="N559622" s="10"/>
    </row>
    <row r="559623" spans="14:14">
      <c r="N559623" s="10"/>
    </row>
    <row r="559624" spans="14:14">
      <c r="N559624" s="10"/>
    </row>
    <row r="559625" spans="14:14">
      <c r="N559625" s="10"/>
    </row>
    <row r="559626" spans="14:14">
      <c r="N559626" s="10"/>
    </row>
    <row r="559627" spans="14:14">
      <c r="N559627" s="10"/>
    </row>
    <row r="559628" spans="14:14">
      <c r="N559628" s="10"/>
    </row>
    <row r="559629" spans="14:14">
      <c r="N559629" s="10"/>
    </row>
    <row r="559630" spans="14:14">
      <c r="N559630" s="10"/>
    </row>
    <row r="559631" spans="14:14">
      <c r="N559631" s="10"/>
    </row>
    <row r="559632" spans="14:14">
      <c r="N559632" s="10"/>
    </row>
    <row r="559633" spans="14:14">
      <c r="N559633" s="10"/>
    </row>
    <row r="559634" spans="14:14">
      <c r="N559634" s="10"/>
    </row>
    <row r="559635" spans="14:14">
      <c r="N559635" s="10"/>
    </row>
    <row r="559636" spans="14:14">
      <c r="N559636" s="10"/>
    </row>
    <row r="559637" spans="14:14">
      <c r="N559637" s="10"/>
    </row>
    <row r="559638" spans="14:14">
      <c r="N559638" s="10"/>
    </row>
    <row r="559639" spans="14:14">
      <c r="N559639" s="10"/>
    </row>
    <row r="559640" spans="14:14">
      <c r="N559640" s="10"/>
    </row>
    <row r="559641" spans="14:14">
      <c r="N559641" s="10"/>
    </row>
    <row r="559642" spans="14:14">
      <c r="N559642" s="10"/>
    </row>
    <row r="559643" spans="14:14">
      <c r="N559643" s="10"/>
    </row>
    <row r="559644" spans="14:14">
      <c r="N559644" s="10"/>
    </row>
    <row r="559645" spans="14:14">
      <c r="N559645" s="10"/>
    </row>
    <row r="559646" spans="14:14">
      <c r="N559646" s="10"/>
    </row>
    <row r="559647" spans="14:14">
      <c r="N559647" s="10"/>
    </row>
    <row r="559648" spans="14:14">
      <c r="N559648" s="10"/>
    </row>
    <row r="559649" spans="14:14">
      <c r="N559649" s="10"/>
    </row>
    <row r="559650" spans="14:14">
      <c r="N559650" s="10"/>
    </row>
    <row r="559651" spans="14:14">
      <c r="N559651" s="10"/>
    </row>
    <row r="559652" spans="14:14">
      <c r="N559652" s="10"/>
    </row>
    <row r="559653" spans="14:14">
      <c r="N559653" s="10"/>
    </row>
    <row r="559654" spans="14:14">
      <c r="N559654" s="10"/>
    </row>
    <row r="559655" spans="14:14">
      <c r="N559655" s="10"/>
    </row>
    <row r="559656" spans="14:14">
      <c r="N559656" s="10"/>
    </row>
    <row r="559657" spans="14:14">
      <c r="N559657" s="10"/>
    </row>
    <row r="559658" spans="14:14">
      <c r="N559658" s="10"/>
    </row>
    <row r="559659" spans="14:14">
      <c r="N559659" s="10"/>
    </row>
    <row r="559660" spans="14:14">
      <c r="N559660" s="10"/>
    </row>
    <row r="559661" spans="14:14">
      <c r="N559661" s="10"/>
    </row>
    <row r="559662" spans="14:14">
      <c r="N559662" s="10"/>
    </row>
    <row r="559663" spans="14:14">
      <c r="N559663" s="10"/>
    </row>
    <row r="559664" spans="14:14">
      <c r="N559664" s="10"/>
    </row>
    <row r="559665" spans="14:14">
      <c r="N559665" s="10"/>
    </row>
    <row r="559666" spans="14:14">
      <c r="N559666" s="10"/>
    </row>
    <row r="559667" spans="14:14">
      <c r="N559667" s="10"/>
    </row>
    <row r="559668" spans="14:14">
      <c r="N559668" s="10"/>
    </row>
    <row r="559669" spans="14:14">
      <c r="N559669" s="10"/>
    </row>
    <row r="559670" spans="14:14">
      <c r="N559670" s="10"/>
    </row>
    <row r="559671" spans="14:14">
      <c r="N559671" s="10"/>
    </row>
    <row r="559672" spans="14:14">
      <c r="N559672" s="10"/>
    </row>
    <row r="559673" spans="14:14">
      <c r="N559673" s="10"/>
    </row>
    <row r="559674" spans="14:14">
      <c r="N559674" s="10"/>
    </row>
    <row r="559675" spans="14:14">
      <c r="N559675" s="10"/>
    </row>
    <row r="559676" spans="14:14">
      <c r="N559676" s="10"/>
    </row>
    <row r="559677" spans="14:14">
      <c r="N559677" s="10"/>
    </row>
    <row r="559678" spans="14:14">
      <c r="N559678" s="10"/>
    </row>
    <row r="559679" spans="14:14">
      <c r="N559679" s="10"/>
    </row>
    <row r="559680" spans="14:14">
      <c r="N559680" s="10"/>
    </row>
    <row r="559681" spans="14:14">
      <c r="N559681" s="10"/>
    </row>
    <row r="559682" spans="14:14">
      <c r="N559682" s="10"/>
    </row>
    <row r="559683" spans="14:14">
      <c r="N559683" s="10"/>
    </row>
    <row r="559684" spans="14:14">
      <c r="N559684" s="10"/>
    </row>
    <row r="559685" spans="14:14">
      <c r="N559685" s="10"/>
    </row>
    <row r="559686" spans="14:14">
      <c r="N559686" s="10"/>
    </row>
    <row r="559687" spans="14:14">
      <c r="N559687" s="10"/>
    </row>
    <row r="559688" spans="14:14">
      <c r="N559688" s="10"/>
    </row>
    <row r="559689" spans="14:14">
      <c r="N559689" s="10"/>
    </row>
    <row r="559690" spans="14:14">
      <c r="N559690" s="10"/>
    </row>
    <row r="559691" spans="14:14">
      <c r="N559691" s="10"/>
    </row>
    <row r="559692" spans="14:14">
      <c r="N559692" s="10"/>
    </row>
    <row r="559693" spans="14:14">
      <c r="N559693" s="10"/>
    </row>
    <row r="559694" spans="14:14">
      <c r="N559694" s="10"/>
    </row>
    <row r="559695" spans="14:14">
      <c r="N559695" s="10"/>
    </row>
    <row r="559696" spans="14:14">
      <c r="N559696" s="10"/>
    </row>
    <row r="559697" spans="14:14">
      <c r="N559697" s="10"/>
    </row>
    <row r="559698" spans="14:14">
      <c r="N559698" s="10"/>
    </row>
    <row r="559699" spans="14:14">
      <c r="N559699" s="10"/>
    </row>
    <row r="559700" spans="14:14">
      <c r="N559700" s="10"/>
    </row>
    <row r="559701" spans="14:14">
      <c r="N559701" s="10"/>
    </row>
    <row r="559702" spans="14:14">
      <c r="N559702" s="10"/>
    </row>
    <row r="559703" spans="14:14">
      <c r="N559703" s="10"/>
    </row>
    <row r="559704" spans="14:14">
      <c r="N559704" s="10"/>
    </row>
    <row r="559705" spans="14:14">
      <c r="N559705" s="10"/>
    </row>
    <row r="559706" spans="14:14">
      <c r="N559706" s="10"/>
    </row>
    <row r="559707" spans="14:14">
      <c r="N559707" s="10"/>
    </row>
    <row r="559708" spans="14:14">
      <c r="N559708" s="10"/>
    </row>
    <row r="559709" spans="14:14">
      <c r="N559709" s="10"/>
    </row>
    <row r="559710" spans="14:14">
      <c r="N559710" s="10"/>
    </row>
    <row r="559711" spans="14:14">
      <c r="N559711" s="10"/>
    </row>
    <row r="559712" spans="14:14">
      <c r="N559712" s="10"/>
    </row>
    <row r="559713" spans="14:14">
      <c r="N559713" s="10"/>
    </row>
    <row r="559714" spans="14:14">
      <c r="N559714" s="10"/>
    </row>
    <row r="559715" spans="14:14">
      <c r="N559715" s="10"/>
    </row>
    <row r="559716" spans="14:14">
      <c r="N559716" s="10"/>
    </row>
    <row r="559717" spans="14:14">
      <c r="N559717" s="10"/>
    </row>
    <row r="559718" spans="14:14">
      <c r="N559718" s="10"/>
    </row>
    <row r="559719" spans="14:14">
      <c r="N559719" s="10"/>
    </row>
    <row r="559720" spans="14:14">
      <c r="N559720" s="10"/>
    </row>
    <row r="559721" spans="14:14">
      <c r="N559721" s="10"/>
    </row>
    <row r="559722" spans="14:14">
      <c r="N559722" s="10"/>
    </row>
    <row r="559723" spans="14:14">
      <c r="N559723" s="10"/>
    </row>
    <row r="559724" spans="14:14">
      <c r="N559724" s="10"/>
    </row>
    <row r="559725" spans="14:14">
      <c r="N559725" s="10"/>
    </row>
    <row r="559726" spans="14:14">
      <c r="N559726" s="10"/>
    </row>
    <row r="559727" spans="14:14">
      <c r="N559727" s="10"/>
    </row>
    <row r="559728" spans="14:14">
      <c r="N559728" s="10"/>
    </row>
    <row r="559729" spans="14:14">
      <c r="N559729" s="10"/>
    </row>
    <row r="559730" spans="14:14">
      <c r="N559730" s="10"/>
    </row>
    <row r="559731" spans="14:14">
      <c r="N559731" s="10"/>
    </row>
    <row r="559732" spans="14:14">
      <c r="N559732" s="10"/>
    </row>
    <row r="559733" spans="14:14">
      <c r="N559733" s="10"/>
    </row>
    <row r="559734" spans="14:14">
      <c r="N559734" s="10"/>
    </row>
    <row r="559735" spans="14:14">
      <c r="N559735" s="10"/>
    </row>
    <row r="559736" spans="14:14">
      <c r="N559736" s="10"/>
    </row>
    <row r="559737" spans="14:14">
      <c r="N559737" s="10"/>
    </row>
    <row r="559738" spans="14:14">
      <c r="N559738" s="10"/>
    </row>
    <row r="559739" spans="14:14">
      <c r="N559739" s="10"/>
    </row>
    <row r="559740" spans="14:14">
      <c r="N559740" s="10"/>
    </row>
    <row r="559741" spans="14:14">
      <c r="N559741" s="10"/>
    </row>
    <row r="559742" spans="14:14">
      <c r="N559742" s="10"/>
    </row>
    <row r="559743" spans="14:14">
      <c r="N559743" s="10"/>
    </row>
    <row r="559744" spans="14:14">
      <c r="N559744" s="10"/>
    </row>
    <row r="559745" spans="14:14">
      <c r="N559745" s="10"/>
    </row>
    <row r="559746" spans="14:14">
      <c r="N559746" s="10"/>
    </row>
    <row r="559747" spans="14:14">
      <c r="N559747" s="10"/>
    </row>
    <row r="559748" spans="14:14">
      <c r="N559748" s="10"/>
    </row>
    <row r="559749" spans="14:14">
      <c r="N559749" s="10"/>
    </row>
    <row r="559750" spans="14:14">
      <c r="N559750" s="10"/>
    </row>
    <row r="559751" spans="14:14">
      <c r="N559751" s="10"/>
    </row>
    <row r="559752" spans="14:14">
      <c r="N559752" s="10"/>
    </row>
    <row r="559753" spans="14:14">
      <c r="N559753" s="10"/>
    </row>
    <row r="559754" spans="14:14">
      <c r="N559754" s="10"/>
    </row>
    <row r="559755" spans="14:14">
      <c r="N559755" s="10"/>
    </row>
    <row r="559756" spans="14:14">
      <c r="N559756" s="10"/>
    </row>
    <row r="559757" spans="14:14">
      <c r="N559757" s="10"/>
    </row>
    <row r="559758" spans="14:14">
      <c r="N559758" s="10"/>
    </row>
    <row r="559759" spans="14:14">
      <c r="N559759" s="10"/>
    </row>
    <row r="559760" spans="14:14">
      <c r="N559760" s="10"/>
    </row>
    <row r="559761" spans="14:14">
      <c r="N559761" s="10"/>
    </row>
    <row r="559762" spans="14:14">
      <c r="N559762" s="10"/>
    </row>
    <row r="559763" spans="14:14">
      <c r="N559763" s="10"/>
    </row>
    <row r="559764" spans="14:14">
      <c r="N559764" s="10"/>
    </row>
    <row r="559765" spans="14:14">
      <c r="N559765" s="10"/>
    </row>
    <row r="559766" spans="14:14">
      <c r="N559766" s="10"/>
    </row>
    <row r="559767" spans="14:14">
      <c r="N559767" s="10"/>
    </row>
    <row r="559768" spans="14:14">
      <c r="N559768" s="10"/>
    </row>
    <row r="559769" spans="14:14">
      <c r="N559769" s="10"/>
    </row>
    <row r="559770" spans="14:14">
      <c r="N559770" s="10"/>
    </row>
    <row r="559771" spans="14:14">
      <c r="N559771" s="10"/>
    </row>
    <row r="559772" spans="14:14">
      <c r="N559772" s="10"/>
    </row>
    <row r="559773" spans="14:14">
      <c r="N559773" s="10"/>
    </row>
    <row r="559774" spans="14:14">
      <c r="N559774" s="10"/>
    </row>
    <row r="559775" spans="14:14">
      <c r="N559775" s="10"/>
    </row>
    <row r="559776" spans="14:14">
      <c r="N559776" s="10"/>
    </row>
    <row r="559777" spans="14:14">
      <c r="N559777" s="10"/>
    </row>
    <row r="559778" spans="14:14">
      <c r="N559778" s="10"/>
    </row>
    <row r="559779" spans="14:14">
      <c r="N559779" s="10"/>
    </row>
    <row r="559780" spans="14:14">
      <c r="N559780" s="10"/>
    </row>
    <row r="559781" spans="14:14">
      <c r="N559781" s="10"/>
    </row>
    <row r="559782" spans="14:14">
      <c r="N559782" s="10"/>
    </row>
    <row r="559783" spans="14:14">
      <c r="N559783" s="10"/>
    </row>
    <row r="559784" spans="14:14">
      <c r="N559784" s="10"/>
    </row>
    <row r="559785" spans="14:14">
      <c r="N559785" s="10"/>
    </row>
    <row r="559786" spans="14:14">
      <c r="N559786" s="10"/>
    </row>
    <row r="559787" spans="14:14">
      <c r="N559787" s="10"/>
    </row>
    <row r="559788" spans="14:14">
      <c r="N559788" s="10"/>
    </row>
    <row r="559789" spans="14:14">
      <c r="N559789" s="10"/>
    </row>
    <row r="559790" spans="14:14">
      <c r="N559790" s="10"/>
    </row>
    <row r="559791" spans="14:14">
      <c r="N559791" s="10"/>
    </row>
    <row r="559792" spans="14:14">
      <c r="N559792" s="10"/>
    </row>
    <row r="559793" spans="14:14">
      <c r="N559793" s="10"/>
    </row>
    <row r="559794" spans="14:14">
      <c r="N559794" s="10"/>
    </row>
    <row r="559795" spans="14:14">
      <c r="N559795" s="10"/>
    </row>
    <row r="559796" spans="14:14">
      <c r="N559796" s="10"/>
    </row>
    <row r="559797" spans="14:14">
      <c r="N559797" s="10"/>
    </row>
    <row r="559798" spans="14:14">
      <c r="N559798" s="10"/>
    </row>
    <row r="559799" spans="14:14">
      <c r="N559799" s="10"/>
    </row>
    <row r="559800" spans="14:14">
      <c r="N559800" s="10"/>
    </row>
    <row r="559801" spans="14:14">
      <c r="N559801" s="10"/>
    </row>
    <row r="559802" spans="14:14">
      <c r="N559802" s="10"/>
    </row>
    <row r="559803" spans="14:14">
      <c r="N559803" s="10"/>
    </row>
    <row r="559804" spans="14:14">
      <c r="N559804" s="10"/>
    </row>
    <row r="559805" spans="14:14">
      <c r="N559805" s="10"/>
    </row>
    <row r="559806" spans="14:14">
      <c r="N559806" s="10"/>
    </row>
    <row r="559807" spans="14:14">
      <c r="N559807" s="10"/>
    </row>
    <row r="559808" spans="14:14">
      <c r="N559808" s="10"/>
    </row>
    <row r="559809" spans="14:14">
      <c r="N559809" s="10"/>
    </row>
    <row r="559810" spans="14:14">
      <c r="N559810" s="10"/>
    </row>
    <row r="559811" spans="14:14">
      <c r="N559811" s="10"/>
    </row>
    <row r="559812" spans="14:14">
      <c r="N559812" s="10"/>
    </row>
    <row r="559813" spans="14:14">
      <c r="N559813" s="10"/>
    </row>
    <row r="559814" spans="14:14">
      <c r="N559814" s="10"/>
    </row>
    <row r="559815" spans="14:14">
      <c r="N559815" s="10"/>
    </row>
    <row r="559816" spans="14:14">
      <c r="N559816" s="10"/>
    </row>
    <row r="559817" spans="14:14">
      <c r="N559817" s="10"/>
    </row>
    <row r="559818" spans="14:14">
      <c r="N559818" s="10"/>
    </row>
    <row r="559819" spans="14:14">
      <c r="N559819" s="10"/>
    </row>
    <row r="559820" spans="14:14">
      <c r="N559820" s="10"/>
    </row>
    <row r="559821" spans="14:14">
      <c r="N559821" s="10"/>
    </row>
    <row r="559822" spans="14:14">
      <c r="N559822" s="10"/>
    </row>
    <row r="559823" spans="14:14">
      <c r="N559823" s="10"/>
    </row>
    <row r="559824" spans="14:14">
      <c r="N559824" s="10"/>
    </row>
    <row r="559825" spans="14:14">
      <c r="N559825" s="10"/>
    </row>
    <row r="559826" spans="14:14">
      <c r="N559826" s="10"/>
    </row>
    <row r="559827" spans="14:14">
      <c r="N559827" s="10"/>
    </row>
    <row r="559828" spans="14:14">
      <c r="N559828" s="10"/>
    </row>
    <row r="559829" spans="14:14">
      <c r="N559829" s="10"/>
    </row>
    <row r="559830" spans="14:14">
      <c r="N559830" s="10"/>
    </row>
    <row r="559831" spans="14:14">
      <c r="N559831" s="10"/>
    </row>
    <row r="559832" spans="14:14">
      <c r="N559832" s="10"/>
    </row>
    <row r="559833" spans="14:14">
      <c r="N559833" s="10"/>
    </row>
    <row r="559834" spans="14:14">
      <c r="N559834" s="10"/>
    </row>
    <row r="559835" spans="14:14">
      <c r="N559835" s="10"/>
    </row>
    <row r="559836" spans="14:14">
      <c r="N559836" s="10"/>
    </row>
    <row r="559837" spans="14:14">
      <c r="N559837" s="10"/>
    </row>
    <row r="559838" spans="14:14">
      <c r="N559838" s="10"/>
    </row>
    <row r="559839" spans="14:14">
      <c r="N559839" s="10"/>
    </row>
    <row r="559840" spans="14:14">
      <c r="N559840" s="10"/>
    </row>
    <row r="559841" spans="14:14">
      <c r="N559841" s="10"/>
    </row>
    <row r="559842" spans="14:14">
      <c r="N559842" s="10"/>
    </row>
    <row r="559843" spans="14:14">
      <c r="N559843" s="10"/>
    </row>
    <row r="559844" spans="14:14">
      <c r="N559844" s="10"/>
    </row>
    <row r="559845" spans="14:14">
      <c r="N559845" s="10"/>
    </row>
    <row r="559846" spans="14:14">
      <c r="N559846" s="10"/>
    </row>
    <row r="559847" spans="14:14">
      <c r="N559847" s="10"/>
    </row>
    <row r="559848" spans="14:14">
      <c r="N559848" s="10"/>
    </row>
    <row r="559849" spans="14:14">
      <c r="N559849" s="10"/>
    </row>
    <row r="559850" spans="14:14">
      <c r="N559850" s="10"/>
    </row>
    <row r="559851" spans="14:14">
      <c r="N559851" s="10"/>
    </row>
    <row r="559852" spans="14:14">
      <c r="N559852" s="10"/>
    </row>
    <row r="559853" spans="14:14">
      <c r="N559853" s="10"/>
    </row>
    <row r="559854" spans="14:14">
      <c r="N559854" s="10"/>
    </row>
    <row r="559855" spans="14:14">
      <c r="N559855" s="10"/>
    </row>
    <row r="559856" spans="14:14">
      <c r="N559856" s="10"/>
    </row>
    <row r="559857" spans="14:14">
      <c r="N559857" s="10"/>
    </row>
    <row r="559858" spans="14:14">
      <c r="N559858" s="10"/>
    </row>
    <row r="559859" spans="14:14">
      <c r="N559859" s="10"/>
    </row>
    <row r="559860" spans="14:14">
      <c r="N559860" s="10"/>
    </row>
    <row r="559861" spans="14:14">
      <c r="N559861" s="10"/>
    </row>
    <row r="559862" spans="14:14">
      <c r="N559862" s="10"/>
    </row>
    <row r="559863" spans="14:14">
      <c r="N559863" s="10"/>
    </row>
    <row r="559864" spans="14:14">
      <c r="N559864" s="10"/>
    </row>
    <row r="559865" spans="14:14">
      <c r="N559865" s="10"/>
    </row>
    <row r="559866" spans="14:14">
      <c r="N559866" s="10"/>
    </row>
    <row r="559867" spans="14:14">
      <c r="N559867" s="10"/>
    </row>
    <row r="559868" spans="14:14">
      <c r="N559868" s="10"/>
    </row>
    <row r="559869" spans="14:14">
      <c r="N559869" s="10"/>
    </row>
    <row r="559870" spans="14:14">
      <c r="N559870" s="10"/>
    </row>
    <row r="559871" spans="14:14">
      <c r="N559871" s="10"/>
    </row>
    <row r="559872" spans="14:14">
      <c r="N559872" s="10"/>
    </row>
    <row r="559873" spans="14:14">
      <c r="N559873" s="10"/>
    </row>
    <row r="559874" spans="14:14">
      <c r="N559874" s="10"/>
    </row>
    <row r="559875" spans="14:14">
      <c r="N559875" s="10"/>
    </row>
    <row r="559876" spans="14:14">
      <c r="N559876" s="10"/>
    </row>
    <row r="559877" spans="14:14">
      <c r="N559877" s="10"/>
    </row>
    <row r="559878" spans="14:14">
      <c r="N559878" s="10"/>
    </row>
    <row r="559879" spans="14:14">
      <c r="N559879" s="10"/>
    </row>
    <row r="559880" spans="14:14">
      <c r="N559880" s="10"/>
    </row>
    <row r="559881" spans="14:14">
      <c r="N559881" s="10"/>
    </row>
    <row r="559882" spans="14:14">
      <c r="N559882" s="10"/>
    </row>
    <row r="559883" spans="14:14">
      <c r="N559883" s="10"/>
    </row>
    <row r="559884" spans="14:14">
      <c r="N559884" s="10"/>
    </row>
    <row r="559885" spans="14:14">
      <c r="N559885" s="10"/>
    </row>
    <row r="559886" spans="14:14">
      <c r="N559886" s="10"/>
    </row>
    <row r="559887" spans="14:14">
      <c r="N559887" s="10"/>
    </row>
    <row r="559888" spans="14:14">
      <c r="N559888" s="10"/>
    </row>
    <row r="559889" spans="14:14">
      <c r="N559889" s="10"/>
    </row>
    <row r="559890" spans="14:14">
      <c r="N559890" s="10"/>
    </row>
    <row r="559891" spans="14:14">
      <c r="N559891" s="10"/>
    </row>
    <row r="559892" spans="14:14">
      <c r="N559892" s="10"/>
    </row>
    <row r="559893" spans="14:14">
      <c r="N559893" s="10"/>
    </row>
    <row r="559894" spans="14:14">
      <c r="N559894" s="10"/>
    </row>
    <row r="559895" spans="14:14">
      <c r="N559895" s="10"/>
    </row>
    <row r="559896" spans="14:14">
      <c r="N559896" s="10"/>
    </row>
    <row r="559897" spans="14:14">
      <c r="N559897" s="10"/>
    </row>
    <row r="559898" spans="14:14">
      <c r="N559898" s="10"/>
    </row>
    <row r="559899" spans="14:14">
      <c r="N559899" s="10"/>
    </row>
    <row r="559900" spans="14:14">
      <c r="N559900" s="10"/>
    </row>
    <row r="559901" spans="14:14">
      <c r="N559901" s="10"/>
    </row>
    <row r="559902" spans="14:14">
      <c r="N559902" s="10"/>
    </row>
    <row r="559903" spans="14:14">
      <c r="N559903" s="10"/>
    </row>
    <row r="559904" spans="14:14">
      <c r="N559904" s="10"/>
    </row>
    <row r="559905" spans="14:14">
      <c r="N559905" s="10"/>
    </row>
    <row r="559906" spans="14:14">
      <c r="N559906" s="10"/>
    </row>
    <row r="559907" spans="14:14">
      <c r="N559907" s="10"/>
    </row>
    <row r="559908" spans="14:14">
      <c r="N559908" s="10"/>
    </row>
    <row r="559909" spans="14:14">
      <c r="N559909" s="10"/>
    </row>
    <row r="559910" spans="14:14">
      <c r="N559910" s="10"/>
    </row>
    <row r="559911" spans="14:14">
      <c r="N559911" s="10"/>
    </row>
    <row r="559912" spans="14:14">
      <c r="N559912" s="10"/>
    </row>
    <row r="559913" spans="14:14">
      <c r="N559913" s="10"/>
    </row>
    <row r="559914" spans="14:14">
      <c r="N559914" s="10"/>
    </row>
    <row r="559915" spans="14:14">
      <c r="N559915" s="10"/>
    </row>
    <row r="559916" spans="14:14">
      <c r="N559916" s="10"/>
    </row>
    <row r="559917" spans="14:14">
      <c r="N559917" s="10"/>
    </row>
    <row r="559918" spans="14:14">
      <c r="N559918" s="10"/>
    </row>
    <row r="559919" spans="14:14">
      <c r="N559919" s="10"/>
    </row>
    <row r="559920" spans="14:14">
      <c r="N559920" s="10"/>
    </row>
    <row r="559921" spans="14:14">
      <c r="N559921" s="10"/>
    </row>
    <row r="559922" spans="14:14">
      <c r="N559922" s="10"/>
    </row>
    <row r="559923" spans="14:14">
      <c r="N559923" s="10"/>
    </row>
    <row r="559924" spans="14:14">
      <c r="N559924" s="10"/>
    </row>
    <row r="559925" spans="14:14">
      <c r="N559925" s="10"/>
    </row>
    <row r="559926" spans="14:14">
      <c r="N559926" s="10"/>
    </row>
    <row r="559927" spans="14:14">
      <c r="N559927" s="10"/>
    </row>
    <row r="559928" spans="14:14">
      <c r="N559928" s="10"/>
    </row>
    <row r="559929" spans="14:14">
      <c r="N559929" s="10"/>
    </row>
    <row r="559930" spans="14:14">
      <c r="N559930" s="10"/>
    </row>
    <row r="559931" spans="14:14">
      <c r="N559931" s="10"/>
    </row>
    <row r="559932" spans="14:14">
      <c r="N559932" s="10"/>
    </row>
    <row r="559933" spans="14:14">
      <c r="N559933" s="10"/>
    </row>
    <row r="559934" spans="14:14">
      <c r="N559934" s="10"/>
    </row>
    <row r="559935" spans="14:14">
      <c r="N559935" s="10"/>
    </row>
    <row r="559936" spans="14:14">
      <c r="N559936" s="10"/>
    </row>
    <row r="559937" spans="14:14">
      <c r="N559937" s="10"/>
    </row>
    <row r="559938" spans="14:14">
      <c r="N559938" s="10"/>
    </row>
    <row r="559939" spans="14:14">
      <c r="N559939" s="10"/>
    </row>
    <row r="559940" spans="14:14">
      <c r="N559940" s="10"/>
    </row>
    <row r="559941" spans="14:14">
      <c r="N559941" s="10"/>
    </row>
    <row r="559942" spans="14:14">
      <c r="N559942" s="10"/>
    </row>
    <row r="559943" spans="14:14">
      <c r="N559943" s="10"/>
    </row>
    <row r="559944" spans="14:14">
      <c r="N559944" s="10"/>
    </row>
    <row r="559945" spans="14:14">
      <c r="N559945" s="10"/>
    </row>
    <row r="559946" spans="14:14">
      <c r="N559946" s="10"/>
    </row>
    <row r="559947" spans="14:14">
      <c r="N559947" s="10"/>
    </row>
    <row r="559948" spans="14:14">
      <c r="N559948" s="10"/>
    </row>
    <row r="559949" spans="14:14">
      <c r="N559949" s="10"/>
    </row>
    <row r="559950" spans="14:14">
      <c r="N559950" s="10"/>
    </row>
    <row r="559951" spans="14:14">
      <c r="N559951" s="10"/>
    </row>
    <row r="559952" spans="14:14">
      <c r="N559952" s="10"/>
    </row>
    <row r="559953" spans="14:14">
      <c r="N559953" s="10"/>
    </row>
    <row r="559954" spans="14:14">
      <c r="N559954" s="10"/>
    </row>
    <row r="559955" spans="14:14">
      <c r="N559955" s="10"/>
    </row>
    <row r="559956" spans="14:14">
      <c r="N559956" s="10"/>
    </row>
    <row r="559957" spans="14:14">
      <c r="N559957" s="10"/>
    </row>
    <row r="559958" spans="14:14">
      <c r="N559958" s="10"/>
    </row>
    <row r="559959" spans="14:14">
      <c r="N559959" s="10"/>
    </row>
    <row r="559960" spans="14:14">
      <c r="N559960" s="10"/>
    </row>
    <row r="559961" spans="14:14">
      <c r="N559961" s="10"/>
    </row>
    <row r="559962" spans="14:14">
      <c r="N559962" s="10"/>
    </row>
    <row r="559963" spans="14:14">
      <c r="N559963" s="10"/>
    </row>
    <row r="559964" spans="14:14">
      <c r="N559964" s="10"/>
    </row>
    <row r="559965" spans="14:14">
      <c r="N559965" s="10"/>
    </row>
    <row r="559966" spans="14:14">
      <c r="N559966" s="10"/>
    </row>
    <row r="559967" spans="14:14">
      <c r="N559967" s="10"/>
    </row>
    <row r="559968" spans="14:14">
      <c r="N559968" s="10"/>
    </row>
    <row r="559969" spans="14:14">
      <c r="N559969" s="10"/>
    </row>
    <row r="559970" spans="14:14">
      <c r="N559970" s="10"/>
    </row>
    <row r="559971" spans="14:14">
      <c r="N559971" s="10"/>
    </row>
    <row r="559972" spans="14:14">
      <c r="N559972" s="10"/>
    </row>
    <row r="559973" spans="14:14">
      <c r="N559973" s="10"/>
    </row>
    <row r="559974" spans="14:14">
      <c r="N559974" s="10"/>
    </row>
    <row r="559975" spans="14:14">
      <c r="N559975" s="10"/>
    </row>
    <row r="559976" spans="14:14">
      <c r="N559976" s="10"/>
    </row>
    <row r="559977" spans="14:14">
      <c r="N559977" s="10"/>
    </row>
    <row r="559978" spans="14:14">
      <c r="N559978" s="10"/>
    </row>
    <row r="559979" spans="14:14">
      <c r="N559979" s="10"/>
    </row>
    <row r="559980" spans="14:14">
      <c r="N559980" s="10"/>
    </row>
    <row r="559981" spans="14:14">
      <c r="N559981" s="10"/>
    </row>
    <row r="559982" spans="14:14">
      <c r="N559982" s="10"/>
    </row>
    <row r="559983" spans="14:14">
      <c r="N559983" s="10"/>
    </row>
    <row r="559984" spans="14:14">
      <c r="N559984" s="10"/>
    </row>
    <row r="559985" spans="14:14">
      <c r="N559985" s="10"/>
    </row>
    <row r="559986" spans="14:14">
      <c r="N559986" s="10"/>
    </row>
    <row r="559987" spans="14:14">
      <c r="N559987" s="10"/>
    </row>
    <row r="559988" spans="14:14">
      <c r="N559988" s="10"/>
    </row>
    <row r="559989" spans="14:14">
      <c r="N559989" s="10"/>
    </row>
    <row r="559990" spans="14:14">
      <c r="N559990" s="10"/>
    </row>
    <row r="559991" spans="14:14">
      <c r="N559991" s="10"/>
    </row>
    <row r="559992" spans="14:14">
      <c r="N559992" s="10"/>
    </row>
    <row r="559993" spans="14:14">
      <c r="N559993" s="10"/>
    </row>
    <row r="559994" spans="14:14">
      <c r="N559994" s="10"/>
    </row>
    <row r="559995" spans="14:14">
      <c r="N559995" s="10"/>
    </row>
    <row r="559996" spans="14:14">
      <c r="N559996" s="10"/>
    </row>
    <row r="559997" spans="14:14">
      <c r="N559997" s="10"/>
    </row>
    <row r="559998" spans="14:14">
      <c r="N559998" s="10"/>
    </row>
    <row r="559999" spans="14:14">
      <c r="N559999" s="10"/>
    </row>
    <row r="560000" spans="14:14">
      <c r="N560000" s="10"/>
    </row>
    <row r="560001" spans="14:14">
      <c r="N560001" s="10"/>
    </row>
    <row r="560002" spans="14:14">
      <c r="N560002" s="10"/>
    </row>
    <row r="560003" spans="14:14">
      <c r="N560003" s="10"/>
    </row>
    <row r="560004" spans="14:14">
      <c r="N560004" s="10"/>
    </row>
    <row r="560005" spans="14:14">
      <c r="N560005" s="10"/>
    </row>
    <row r="560006" spans="14:14">
      <c r="N560006" s="10"/>
    </row>
    <row r="560007" spans="14:14">
      <c r="N560007" s="10"/>
    </row>
    <row r="560008" spans="14:14">
      <c r="N560008" s="10"/>
    </row>
    <row r="560009" spans="14:14">
      <c r="N560009" s="10"/>
    </row>
    <row r="560010" spans="14:14">
      <c r="N560010" s="10"/>
    </row>
    <row r="560011" spans="14:14">
      <c r="N560011" s="10"/>
    </row>
    <row r="560012" spans="14:14">
      <c r="N560012" s="10"/>
    </row>
    <row r="560013" spans="14:14">
      <c r="N560013" s="10"/>
    </row>
    <row r="560014" spans="14:14">
      <c r="N560014" s="10"/>
    </row>
    <row r="560015" spans="14:14">
      <c r="N560015" s="10"/>
    </row>
    <row r="560016" spans="14:14">
      <c r="N560016" s="10"/>
    </row>
    <row r="560017" spans="14:14">
      <c r="N560017" s="10"/>
    </row>
    <row r="560018" spans="14:14">
      <c r="N560018" s="10"/>
    </row>
    <row r="560019" spans="14:14">
      <c r="N560019" s="10"/>
    </row>
    <row r="560020" spans="14:14">
      <c r="N560020" s="10"/>
    </row>
    <row r="560021" spans="14:14">
      <c r="N560021" s="10"/>
    </row>
    <row r="560022" spans="14:14">
      <c r="N560022" s="10"/>
    </row>
    <row r="560023" spans="14:14">
      <c r="N560023" s="10"/>
    </row>
    <row r="560024" spans="14:14">
      <c r="N560024" s="10"/>
    </row>
    <row r="560025" spans="14:14">
      <c r="N560025" s="10"/>
    </row>
    <row r="560026" spans="14:14">
      <c r="N560026" s="10"/>
    </row>
    <row r="560027" spans="14:14">
      <c r="N560027" s="10"/>
    </row>
    <row r="560028" spans="14:14">
      <c r="N560028" s="10"/>
    </row>
    <row r="560029" spans="14:14">
      <c r="N560029" s="10"/>
    </row>
    <row r="560030" spans="14:14">
      <c r="N560030" s="10"/>
    </row>
    <row r="560031" spans="14:14">
      <c r="N560031" s="10"/>
    </row>
    <row r="560032" spans="14:14">
      <c r="N560032" s="10"/>
    </row>
    <row r="560033" spans="14:14">
      <c r="N560033" s="10"/>
    </row>
    <row r="560034" spans="14:14">
      <c r="N560034" s="10"/>
    </row>
    <row r="560035" spans="14:14">
      <c r="N560035" s="10"/>
    </row>
    <row r="560036" spans="14:14">
      <c r="N560036" s="10"/>
    </row>
    <row r="560037" spans="14:14">
      <c r="N560037" s="10"/>
    </row>
    <row r="560038" spans="14:14">
      <c r="N560038" s="10"/>
    </row>
    <row r="560039" spans="14:14">
      <c r="N560039" s="10"/>
    </row>
    <row r="560040" spans="14:14">
      <c r="N560040" s="10"/>
    </row>
    <row r="560041" spans="14:14">
      <c r="N560041" s="10"/>
    </row>
    <row r="560042" spans="14:14">
      <c r="N560042" s="10"/>
    </row>
    <row r="560043" spans="14:14">
      <c r="N560043" s="10"/>
    </row>
    <row r="560044" spans="14:14">
      <c r="N560044" s="10"/>
    </row>
    <row r="560045" spans="14:14">
      <c r="N560045" s="10"/>
    </row>
    <row r="560046" spans="14:14">
      <c r="N560046" s="10"/>
    </row>
    <row r="560047" spans="14:14">
      <c r="N560047" s="10"/>
    </row>
    <row r="560048" spans="14:14">
      <c r="N560048" s="10"/>
    </row>
    <row r="560049" spans="14:14">
      <c r="N560049" s="10"/>
    </row>
    <row r="560050" spans="14:14">
      <c r="N560050" s="10"/>
    </row>
    <row r="560051" spans="14:14">
      <c r="N560051" s="10"/>
    </row>
    <row r="560052" spans="14:14">
      <c r="N560052" s="10"/>
    </row>
    <row r="560053" spans="14:14">
      <c r="N560053" s="10"/>
    </row>
    <row r="560054" spans="14:14">
      <c r="N560054" s="10"/>
    </row>
    <row r="560055" spans="14:14">
      <c r="N560055" s="10"/>
    </row>
    <row r="560056" spans="14:14">
      <c r="N560056" s="10"/>
    </row>
    <row r="560057" spans="14:14">
      <c r="N560057" s="10"/>
    </row>
    <row r="560058" spans="14:14">
      <c r="N560058" s="10"/>
    </row>
    <row r="560059" spans="14:14">
      <c r="N560059" s="10"/>
    </row>
    <row r="560060" spans="14:14">
      <c r="N560060" s="10"/>
    </row>
    <row r="560061" spans="14:14">
      <c r="N560061" s="10"/>
    </row>
    <row r="560062" spans="14:14">
      <c r="N560062" s="10"/>
    </row>
    <row r="560063" spans="14:14">
      <c r="N560063" s="10"/>
    </row>
    <row r="560064" spans="14:14">
      <c r="N560064" s="10"/>
    </row>
    <row r="560065" spans="14:14">
      <c r="N560065" s="10"/>
    </row>
    <row r="560066" spans="14:14">
      <c r="N560066" s="10"/>
    </row>
    <row r="560067" spans="14:14">
      <c r="N560067" s="10"/>
    </row>
    <row r="560068" spans="14:14">
      <c r="N560068" s="10"/>
    </row>
    <row r="560069" spans="14:14">
      <c r="N560069" s="10"/>
    </row>
    <row r="560070" spans="14:14">
      <c r="N560070" s="10"/>
    </row>
    <row r="560071" spans="14:14">
      <c r="N560071" s="10"/>
    </row>
    <row r="560072" spans="14:14">
      <c r="N560072" s="10"/>
    </row>
    <row r="560073" spans="14:14">
      <c r="N560073" s="10"/>
    </row>
    <row r="560074" spans="14:14">
      <c r="N560074" s="10"/>
    </row>
    <row r="560075" spans="14:14">
      <c r="N560075" s="10"/>
    </row>
    <row r="560076" spans="14:14">
      <c r="N560076" s="10"/>
    </row>
    <row r="560077" spans="14:14">
      <c r="N560077" s="10"/>
    </row>
    <row r="560078" spans="14:14">
      <c r="N560078" s="10"/>
    </row>
    <row r="560079" spans="14:14">
      <c r="N560079" s="10"/>
    </row>
    <row r="560080" spans="14:14">
      <c r="N560080" s="10"/>
    </row>
    <row r="560081" spans="14:14">
      <c r="N560081" s="10"/>
    </row>
    <row r="560082" spans="14:14">
      <c r="N560082" s="10"/>
    </row>
    <row r="560083" spans="14:14">
      <c r="N560083" s="10"/>
    </row>
    <row r="560084" spans="14:14">
      <c r="N560084" s="10"/>
    </row>
    <row r="560085" spans="14:14">
      <c r="N560085" s="10"/>
    </row>
    <row r="560086" spans="14:14">
      <c r="N560086" s="10"/>
    </row>
    <row r="560087" spans="14:14">
      <c r="N560087" s="10"/>
    </row>
    <row r="560088" spans="14:14">
      <c r="N560088" s="10"/>
    </row>
    <row r="560089" spans="14:14">
      <c r="N560089" s="10"/>
    </row>
    <row r="560090" spans="14:14">
      <c r="N560090" s="10"/>
    </row>
    <row r="560091" spans="14:14">
      <c r="N560091" s="10"/>
    </row>
    <row r="560092" spans="14:14">
      <c r="N560092" s="10"/>
    </row>
    <row r="560093" spans="14:14">
      <c r="N560093" s="10"/>
    </row>
    <row r="560094" spans="14:14">
      <c r="N560094" s="10"/>
    </row>
    <row r="560095" spans="14:14">
      <c r="N560095" s="10"/>
    </row>
    <row r="560096" spans="14:14">
      <c r="N560096" s="10"/>
    </row>
    <row r="560097" spans="14:14">
      <c r="N560097" s="10"/>
    </row>
    <row r="560098" spans="14:14">
      <c r="N560098" s="10"/>
    </row>
    <row r="560099" spans="14:14">
      <c r="N560099" s="10"/>
    </row>
    <row r="560100" spans="14:14">
      <c r="N560100" s="10"/>
    </row>
    <row r="560101" spans="14:14">
      <c r="N560101" s="10"/>
    </row>
    <row r="560102" spans="14:14">
      <c r="N560102" s="10"/>
    </row>
    <row r="560103" spans="14:14">
      <c r="N560103" s="10"/>
    </row>
    <row r="560104" spans="14:14">
      <c r="N560104" s="10"/>
    </row>
    <row r="560105" spans="14:14">
      <c r="N560105" s="10"/>
    </row>
    <row r="560106" spans="14:14">
      <c r="N560106" s="10"/>
    </row>
    <row r="560107" spans="14:14">
      <c r="N560107" s="10"/>
    </row>
    <row r="560108" spans="14:14">
      <c r="N560108" s="10"/>
    </row>
    <row r="560109" spans="14:14">
      <c r="N560109" s="10"/>
    </row>
    <row r="560110" spans="14:14">
      <c r="N560110" s="10"/>
    </row>
    <row r="560111" spans="14:14">
      <c r="N560111" s="10"/>
    </row>
    <row r="560112" spans="14:14">
      <c r="N560112" s="10"/>
    </row>
    <row r="560113" spans="14:14">
      <c r="N560113" s="10"/>
    </row>
    <row r="560114" spans="14:14">
      <c r="N560114" s="10"/>
    </row>
    <row r="560115" spans="14:14">
      <c r="N560115" s="10"/>
    </row>
    <row r="560116" spans="14:14">
      <c r="N560116" s="10"/>
    </row>
    <row r="560117" spans="14:14">
      <c r="N560117" s="10"/>
    </row>
    <row r="560118" spans="14:14">
      <c r="N560118" s="10"/>
    </row>
    <row r="560119" spans="14:14">
      <c r="N560119" s="10"/>
    </row>
    <row r="560120" spans="14:14">
      <c r="N560120" s="10"/>
    </row>
    <row r="560121" spans="14:14">
      <c r="N560121" s="10"/>
    </row>
    <row r="560122" spans="14:14">
      <c r="N560122" s="10"/>
    </row>
    <row r="560123" spans="14:14">
      <c r="N560123" s="10"/>
    </row>
    <row r="560124" spans="14:14">
      <c r="N560124" s="10"/>
    </row>
    <row r="560125" spans="14:14">
      <c r="N560125" s="10"/>
    </row>
    <row r="560126" spans="14:14">
      <c r="N560126" s="10"/>
    </row>
    <row r="560127" spans="14:14">
      <c r="N560127" s="10"/>
    </row>
    <row r="560128" spans="14:14">
      <c r="N560128" s="10"/>
    </row>
    <row r="560129" spans="14:14">
      <c r="N560129" s="10"/>
    </row>
    <row r="560130" spans="14:14">
      <c r="N560130" s="10"/>
    </row>
    <row r="560131" spans="14:14">
      <c r="N560131" s="10"/>
    </row>
    <row r="560132" spans="14:14">
      <c r="N560132" s="10"/>
    </row>
    <row r="560133" spans="14:14">
      <c r="N560133" s="10"/>
    </row>
    <row r="560134" spans="14:14">
      <c r="N560134" s="10"/>
    </row>
    <row r="560135" spans="14:14">
      <c r="N560135" s="10"/>
    </row>
    <row r="560136" spans="14:14">
      <c r="N560136" s="10"/>
    </row>
    <row r="560137" spans="14:14">
      <c r="N560137" s="10"/>
    </row>
    <row r="560138" spans="14:14">
      <c r="N560138" s="10"/>
    </row>
    <row r="560139" spans="14:14">
      <c r="N560139" s="10"/>
    </row>
    <row r="560140" spans="14:14">
      <c r="N560140" s="10"/>
    </row>
    <row r="560141" spans="14:14">
      <c r="N560141" s="10"/>
    </row>
    <row r="560142" spans="14:14">
      <c r="N560142" s="10"/>
    </row>
    <row r="560143" spans="14:14">
      <c r="N560143" s="10"/>
    </row>
    <row r="560144" spans="14:14">
      <c r="N560144" s="10"/>
    </row>
    <row r="560145" spans="14:14">
      <c r="N560145" s="10"/>
    </row>
    <row r="560146" spans="14:14">
      <c r="N560146" s="10"/>
    </row>
    <row r="560147" spans="14:14">
      <c r="N560147" s="10"/>
    </row>
    <row r="560148" spans="14:14">
      <c r="N560148" s="10"/>
    </row>
    <row r="560149" spans="14:14">
      <c r="N560149" s="10"/>
    </row>
    <row r="560150" spans="14:14">
      <c r="N560150" s="10"/>
    </row>
    <row r="560151" spans="14:14">
      <c r="N560151" s="10"/>
    </row>
    <row r="560152" spans="14:14">
      <c r="N560152" s="10"/>
    </row>
    <row r="560153" spans="14:14">
      <c r="N560153" s="10"/>
    </row>
    <row r="560154" spans="14:14">
      <c r="N560154" s="10"/>
    </row>
    <row r="560155" spans="14:14">
      <c r="N560155" s="10"/>
    </row>
    <row r="560156" spans="14:14">
      <c r="N560156" s="10"/>
    </row>
    <row r="560157" spans="14:14">
      <c r="N560157" s="10"/>
    </row>
    <row r="560158" spans="14:14">
      <c r="N560158" s="10"/>
    </row>
    <row r="560159" spans="14:14">
      <c r="N560159" s="10"/>
    </row>
    <row r="560160" spans="14:14">
      <c r="N560160" s="10"/>
    </row>
    <row r="560161" spans="14:14">
      <c r="N560161" s="10"/>
    </row>
    <row r="560162" spans="14:14">
      <c r="N560162" s="10"/>
    </row>
    <row r="560163" spans="14:14">
      <c r="N560163" s="10"/>
    </row>
    <row r="560164" spans="14:14">
      <c r="N560164" s="10"/>
    </row>
    <row r="560165" spans="14:14">
      <c r="N560165" s="10"/>
    </row>
    <row r="560166" spans="14:14">
      <c r="N560166" s="10"/>
    </row>
    <row r="560167" spans="14:14">
      <c r="N560167" s="10"/>
    </row>
    <row r="560168" spans="14:14">
      <c r="N560168" s="10"/>
    </row>
    <row r="560169" spans="14:14">
      <c r="N560169" s="10"/>
    </row>
    <row r="560170" spans="14:14">
      <c r="N560170" s="10"/>
    </row>
    <row r="560171" spans="14:14">
      <c r="N560171" s="10"/>
    </row>
    <row r="560172" spans="14:14">
      <c r="N560172" s="10"/>
    </row>
    <row r="560173" spans="14:14">
      <c r="N560173" s="10"/>
    </row>
    <row r="560174" spans="14:14">
      <c r="N560174" s="10"/>
    </row>
    <row r="560175" spans="14:14">
      <c r="N560175" s="10"/>
    </row>
    <row r="560176" spans="14:14">
      <c r="N560176" s="10"/>
    </row>
    <row r="560177" spans="14:14">
      <c r="N560177" s="10"/>
    </row>
    <row r="560178" spans="14:14">
      <c r="N560178" s="10"/>
    </row>
    <row r="560179" spans="14:14">
      <c r="N560179" s="10"/>
    </row>
    <row r="560180" spans="14:14">
      <c r="N560180" s="10"/>
    </row>
    <row r="560181" spans="14:14">
      <c r="N560181" s="10"/>
    </row>
    <row r="560182" spans="14:14">
      <c r="N560182" s="10"/>
    </row>
    <row r="560183" spans="14:14">
      <c r="N560183" s="10"/>
    </row>
    <row r="560184" spans="14:14">
      <c r="N560184" s="10"/>
    </row>
    <row r="560185" spans="14:14">
      <c r="N560185" s="10"/>
    </row>
    <row r="560186" spans="14:14">
      <c r="N560186" s="10"/>
    </row>
    <row r="560187" spans="14:14">
      <c r="N560187" s="10"/>
    </row>
    <row r="560188" spans="14:14">
      <c r="N560188" s="10"/>
    </row>
    <row r="560189" spans="14:14">
      <c r="N560189" s="10"/>
    </row>
    <row r="560190" spans="14:14">
      <c r="N560190" s="10"/>
    </row>
    <row r="560191" spans="14:14">
      <c r="N560191" s="10"/>
    </row>
    <row r="560192" spans="14:14">
      <c r="N560192" s="10"/>
    </row>
    <row r="560193" spans="14:14">
      <c r="N560193" s="10"/>
    </row>
    <row r="560194" spans="14:14">
      <c r="N560194" s="10"/>
    </row>
    <row r="560195" spans="14:14">
      <c r="N560195" s="10"/>
    </row>
    <row r="560196" spans="14:14">
      <c r="N560196" s="10"/>
    </row>
    <row r="560197" spans="14:14">
      <c r="N560197" s="10"/>
    </row>
    <row r="560198" spans="14:14">
      <c r="N560198" s="10"/>
    </row>
    <row r="560199" spans="14:14">
      <c r="N560199" s="10"/>
    </row>
    <row r="560200" spans="14:14">
      <c r="N560200" s="10"/>
    </row>
    <row r="560201" spans="14:14">
      <c r="N560201" s="10"/>
    </row>
    <row r="560202" spans="14:14">
      <c r="N560202" s="10"/>
    </row>
    <row r="560203" spans="14:14">
      <c r="N560203" s="10"/>
    </row>
    <row r="560204" spans="14:14">
      <c r="N560204" s="10"/>
    </row>
    <row r="560205" spans="14:14">
      <c r="N560205" s="10"/>
    </row>
    <row r="560206" spans="14:14">
      <c r="N560206" s="10"/>
    </row>
    <row r="560207" spans="14:14">
      <c r="N560207" s="10"/>
    </row>
    <row r="560208" spans="14:14">
      <c r="N560208" s="10"/>
    </row>
    <row r="560209" spans="14:14">
      <c r="N560209" s="10"/>
    </row>
    <row r="560210" spans="14:14">
      <c r="N560210" s="10"/>
    </row>
    <row r="560211" spans="14:14">
      <c r="N560211" s="10"/>
    </row>
    <row r="560212" spans="14:14">
      <c r="N560212" s="10"/>
    </row>
    <row r="560213" spans="14:14">
      <c r="N560213" s="10"/>
    </row>
    <row r="560214" spans="14:14">
      <c r="N560214" s="10"/>
    </row>
    <row r="560215" spans="14:14">
      <c r="N560215" s="10"/>
    </row>
    <row r="560216" spans="14:14">
      <c r="N560216" s="10"/>
    </row>
    <row r="560217" spans="14:14">
      <c r="N560217" s="10"/>
    </row>
    <row r="560218" spans="14:14">
      <c r="N560218" s="10"/>
    </row>
    <row r="560219" spans="14:14">
      <c r="N560219" s="10"/>
    </row>
    <row r="560220" spans="14:14">
      <c r="N560220" s="10"/>
    </row>
    <row r="560221" spans="14:14">
      <c r="N560221" s="10"/>
    </row>
    <row r="560222" spans="14:14">
      <c r="N560222" s="10"/>
    </row>
    <row r="560223" spans="14:14">
      <c r="N560223" s="10"/>
    </row>
    <row r="560224" spans="14:14">
      <c r="N560224" s="10"/>
    </row>
    <row r="560225" spans="14:14">
      <c r="N560225" s="10"/>
    </row>
    <row r="560226" spans="14:14">
      <c r="N560226" s="10"/>
    </row>
    <row r="560227" spans="14:14">
      <c r="N560227" s="10"/>
    </row>
    <row r="560228" spans="14:14">
      <c r="N560228" s="10"/>
    </row>
    <row r="560229" spans="14:14">
      <c r="N560229" s="10"/>
    </row>
    <row r="560230" spans="14:14">
      <c r="N560230" s="10"/>
    </row>
    <row r="560231" spans="14:14">
      <c r="N560231" s="10"/>
    </row>
    <row r="560232" spans="14:14">
      <c r="N560232" s="10"/>
    </row>
    <row r="560233" spans="14:14">
      <c r="N560233" s="10"/>
    </row>
    <row r="560234" spans="14:14">
      <c r="N560234" s="10"/>
    </row>
    <row r="560235" spans="14:14">
      <c r="N560235" s="10"/>
    </row>
    <row r="560236" spans="14:14">
      <c r="N560236" s="10"/>
    </row>
    <row r="560237" spans="14:14">
      <c r="N560237" s="10"/>
    </row>
    <row r="560238" spans="14:14">
      <c r="N560238" s="10"/>
    </row>
    <row r="560239" spans="14:14">
      <c r="N560239" s="10"/>
    </row>
    <row r="560240" spans="14:14">
      <c r="N560240" s="10"/>
    </row>
    <row r="560241" spans="14:14">
      <c r="N560241" s="10"/>
    </row>
    <row r="560242" spans="14:14">
      <c r="N560242" s="10"/>
    </row>
    <row r="560243" spans="14:14">
      <c r="N560243" s="10"/>
    </row>
    <row r="560244" spans="14:14">
      <c r="N560244" s="10"/>
    </row>
    <row r="560245" spans="14:14">
      <c r="N560245" s="10"/>
    </row>
    <row r="560246" spans="14:14">
      <c r="N560246" s="10"/>
    </row>
    <row r="560247" spans="14:14">
      <c r="N560247" s="10"/>
    </row>
    <row r="560248" spans="14:14">
      <c r="N560248" s="10"/>
    </row>
    <row r="560249" spans="14:14">
      <c r="N560249" s="10"/>
    </row>
    <row r="560250" spans="14:14">
      <c r="N560250" s="10"/>
    </row>
    <row r="560251" spans="14:14">
      <c r="N560251" s="10"/>
    </row>
    <row r="560252" spans="14:14">
      <c r="N560252" s="10"/>
    </row>
    <row r="560253" spans="14:14">
      <c r="N560253" s="10"/>
    </row>
    <row r="560254" spans="14:14">
      <c r="N560254" s="10"/>
    </row>
    <row r="560255" spans="14:14">
      <c r="N560255" s="10"/>
    </row>
    <row r="560256" spans="14:14">
      <c r="N560256" s="10"/>
    </row>
    <row r="560257" spans="14:14">
      <c r="N560257" s="10"/>
    </row>
    <row r="560258" spans="14:14">
      <c r="N560258" s="10"/>
    </row>
    <row r="560259" spans="14:14">
      <c r="N560259" s="10"/>
    </row>
    <row r="560260" spans="14:14">
      <c r="N560260" s="10"/>
    </row>
    <row r="560261" spans="14:14">
      <c r="N560261" s="10"/>
    </row>
    <row r="560262" spans="14:14">
      <c r="N560262" s="10"/>
    </row>
    <row r="560263" spans="14:14">
      <c r="N560263" s="10"/>
    </row>
    <row r="560264" spans="14:14">
      <c r="N560264" s="10"/>
    </row>
    <row r="560265" spans="14:14">
      <c r="N560265" s="10"/>
    </row>
    <row r="560266" spans="14:14">
      <c r="N560266" s="10"/>
    </row>
    <row r="560267" spans="14:14">
      <c r="N560267" s="10"/>
    </row>
    <row r="560268" spans="14:14">
      <c r="N560268" s="10"/>
    </row>
    <row r="560269" spans="14:14">
      <c r="N560269" s="10"/>
    </row>
    <row r="560270" spans="14:14">
      <c r="N560270" s="10"/>
    </row>
    <row r="560271" spans="14:14">
      <c r="N560271" s="10"/>
    </row>
    <row r="560272" spans="14:14">
      <c r="N560272" s="10"/>
    </row>
    <row r="560273" spans="14:14">
      <c r="N560273" s="10"/>
    </row>
    <row r="560274" spans="14:14">
      <c r="N560274" s="10"/>
    </row>
    <row r="560275" spans="14:14">
      <c r="N560275" s="10"/>
    </row>
    <row r="560276" spans="14:14">
      <c r="N560276" s="10"/>
    </row>
    <row r="560277" spans="14:14">
      <c r="N560277" s="10"/>
    </row>
    <row r="560278" spans="14:14">
      <c r="N560278" s="10"/>
    </row>
    <row r="560279" spans="14:14">
      <c r="N560279" s="10"/>
    </row>
    <row r="560280" spans="14:14">
      <c r="N560280" s="10"/>
    </row>
    <row r="560281" spans="14:14">
      <c r="N560281" s="10"/>
    </row>
    <row r="560282" spans="14:14">
      <c r="N560282" s="10"/>
    </row>
    <row r="560283" spans="14:14">
      <c r="N560283" s="10"/>
    </row>
    <row r="560284" spans="14:14">
      <c r="N560284" s="10"/>
    </row>
    <row r="560285" spans="14:14">
      <c r="N560285" s="10"/>
    </row>
    <row r="560286" spans="14:14">
      <c r="N560286" s="10"/>
    </row>
    <row r="560287" spans="14:14">
      <c r="N560287" s="10"/>
    </row>
    <row r="560288" spans="14:14">
      <c r="N560288" s="10"/>
    </row>
    <row r="560289" spans="14:14">
      <c r="N560289" s="10"/>
    </row>
    <row r="560290" spans="14:14">
      <c r="N560290" s="10"/>
    </row>
    <row r="560291" spans="14:14">
      <c r="N560291" s="10"/>
    </row>
    <row r="560292" spans="14:14">
      <c r="N560292" s="10"/>
    </row>
    <row r="560293" spans="14:14">
      <c r="N560293" s="10"/>
    </row>
    <row r="560294" spans="14:14">
      <c r="N560294" s="10"/>
    </row>
    <row r="560295" spans="14:14">
      <c r="N560295" s="10"/>
    </row>
    <row r="560296" spans="14:14">
      <c r="N560296" s="10"/>
    </row>
    <row r="560297" spans="14:14">
      <c r="N560297" s="10"/>
    </row>
    <row r="560298" spans="14:14">
      <c r="N560298" s="10"/>
    </row>
    <row r="560299" spans="14:14">
      <c r="N560299" s="10"/>
    </row>
    <row r="560300" spans="14:14">
      <c r="N560300" s="10"/>
    </row>
    <row r="560301" spans="14:14">
      <c r="N560301" s="10"/>
    </row>
    <row r="560302" spans="14:14">
      <c r="N560302" s="10"/>
    </row>
    <row r="560303" spans="14:14">
      <c r="N560303" s="10"/>
    </row>
    <row r="560304" spans="14:14">
      <c r="N560304" s="10"/>
    </row>
    <row r="560305" spans="14:14">
      <c r="N560305" s="10"/>
    </row>
    <row r="560306" spans="14:14">
      <c r="N560306" s="10"/>
    </row>
    <row r="560307" spans="14:14">
      <c r="N560307" s="10"/>
    </row>
    <row r="560308" spans="14:14">
      <c r="N560308" s="10"/>
    </row>
    <row r="560309" spans="14:14">
      <c r="N560309" s="10"/>
    </row>
    <row r="560310" spans="14:14">
      <c r="N560310" s="10"/>
    </row>
    <row r="560311" spans="14:14">
      <c r="N560311" s="10"/>
    </row>
    <row r="560312" spans="14:14">
      <c r="N560312" s="10"/>
    </row>
    <row r="560313" spans="14:14">
      <c r="N560313" s="10"/>
    </row>
    <row r="560314" spans="14:14">
      <c r="N560314" s="10"/>
    </row>
    <row r="560315" spans="14:14">
      <c r="N560315" s="10"/>
    </row>
    <row r="560316" spans="14:14">
      <c r="N560316" s="10"/>
    </row>
    <row r="560317" spans="14:14">
      <c r="N560317" s="10"/>
    </row>
    <row r="560318" spans="14:14">
      <c r="N560318" s="10"/>
    </row>
    <row r="560319" spans="14:14">
      <c r="N560319" s="10"/>
    </row>
    <row r="560320" spans="14:14">
      <c r="N560320" s="10"/>
    </row>
    <row r="560321" spans="14:14">
      <c r="N560321" s="10"/>
    </row>
    <row r="560322" spans="14:14">
      <c r="N560322" s="10"/>
    </row>
    <row r="560323" spans="14:14">
      <c r="N560323" s="10"/>
    </row>
    <row r="560324" spans="14:14">
      <c r="N560324" s="10"/>
    </row>
    <row r="560325" spans="14:14">
      <c r="N560325" s="10"/>
    </row>
    <row r="560326" spans="14:14">
      <c r="N560326" s="10"/>
    </row>
    <row r="560327" spans="14:14">
      <c r="N560327" s="10"/>
    </row>
    <row r="560328" spans="14:14">
      <c r="N560328" s="10"/>
    </row>
    <row r="560329" spans="14:14">
      <c r="N560329" s="10"/>
    </row>
    <row r="560330" spans="14:14">
      <c r="N560330" s="10"/>
    </row>
    <row r="560331" spans="14:14">
      <c r="N560331" s="10"/>
    </row>
    <row r="560332" spans="14:14">
      <c r="N560332" s="10"/>
    </row>
    <row r="560333" spans="14:14">
      <c r="N560333" s="10"/>
    </row>
    <row r="560334" spans="14:14">
      <c r="N560334" s="10"/>
    </row>
    <row r="560335" spans="14:14">
      <c r="N560335" s="10"/>
    </row>
    <row r="560336" spans="14:14">
      <c r="N560336" s="10"/>
    </row>
    <row r="560337" spans="14:14">
      <c r="N560337" s="10"/>
    </row>
    <row r="560338" spans="14:14">
      <c r="N560338" s="10"/>
    </row>
    <row r="560339" spans="14:14">
      <c r="N560339" s="10"/>
    </row>
    <row r="560340" spans="14:14">
      <c r="N560340" s="10"/>
    </row>
    <row r="560341" spans="14:14">
      <c r="N560341" s="10"/>
    </row>
    <row r="560342" spans="14:14">
      <c r="N560342" s="10"/>
    </row>
    <row r="560343" spans="14:14">
      <c r="N560343" s="10"/>
    </row>
    <row r="560344" spans="14:14">
      <c r="N560344" s="10"/>
    </row>
    <row r="560345" spans="14:14">
      <c r="N560345" s="10"/>
    </row>
    <row r="560346" spans="14:14">
      <c r="N560346" s="10"/>
    </row>
    <row r="560347" spans="14:14">
      <c r="N560347" s="10"/>
    </row>
    <row r="560348" spans="14:14">
      <c r="N560348" s="10"/>
    </row>
    <row r="560349" spans="14:14">
      <c r="N560349" s="10"/>
    </row>
    <row r="560350" spans="14:14">
      <c r="N560350" s="10"/>
    </row>
    <row r="560351" spans="14:14">
      <c r="N560351" s="10"/>
    </row>
    <row r="560352" spans="14:14">
      <c r="N560352" s="10"/>
    </row>
    <row r="560353" spans="14:14">
      <c r="N560353" s="10"/>
    </row>
    <row r="560354" spans="14:14">
      <c r="N560354" s="10"/>
    </row>
    <row r="560355" spans="14:14">
      <c r="N560355" s="10"/>
    </row>
    <row r="560356" spans="14:14">
      <c r="N560356" s="10"/>
    </row>
    <row r="560357" spans="14:14">
      <c r="N560357" s="10"/>
    </row>
    <row r="560358" spans="14:14">
      <c r="N560358" s="10"/>
    </row>
    <row r="560359" spans="14:14">
      <c r="N560359" s="10"/>
    </row>
    <row r="560360" spans="14:14">
      <c r="N560360" s="10"/>
    </row>
    <row r="560361" spans="14:14">
      <c r="N560361" s="10"/>
    </row>
    <row r="560362" spans="14:14">
      <c r="N560362" s="10"/>
    </row>
    <row r="560363" spans="14:14">
      <c r="N560363" s="10"/>
    </row>
    <row r="560364" spans="14:14">
      <c r="N560364" s="10"/>
    </row>
    <row r="560365" spans="14:14">
      <c r="N560365" s="10"/>
    </row>
    <row r="560366" spans="14:14">
      <c r="N560366" s="10"/>
    </row>
    <row r="560367" spans="14:14">
      <c r="N560367" s="10"/>
    </row>
    <row r="560368" spans="14:14">
      <c r="N560368" s="10"/>
    </row>
    <row r="560369" spans="14:14">
      <c r="N560369" s="10"/>
    </row>
    <row r="560370" spans="14:14">
      <c r="N560370" s="10"/>
    </row>
    <row r="560371" spans="14:14">
      <c r="N560371" s="10"/>
    </row>
    <row r="560372" spans="14:14">
      <c r="N560372" s="10"/>
    </row>
    <row r="560373" spans="14:14">
      <c r="N560373" s="10"/>
    </row>
    <row r="560374" spans="14:14">
      <c r="N560374" s="10"/>
    </row>
    <row r="560375" spans="14:14">
      <c r="N560375" s="10"/>
    </row>
    <row r="560376" spans="14:14">
      <c r="N560376" s="10"/>
    </row>
    <row r="560377" spans="14:14">
      <c r="N560377" s="10"/>
    </row>
    <row r="560378" spans="14:14">
      <c r="N560378" s="10"/>
    </row>
    <row r="560379" spans="14:14">
      <c r="N560379" s="10"/>
    </row>
    <row r="560380" spans="14:14">
      <c r="N560380" s="10"/>
    </row>
    <row r="560381" spans="14:14">
      <c r="N560381" s="10"/>
    </row>
    <row r="560382" spans="14:14">
      <c r="N560382" s="10"/>
    </row>
    <row r="560383" spans="14:14">
      <c r="N560383" s="10"/>
    </row>
    <row r="560384" spans="14:14">
      <c r="N560384" s="10"/>
    </row>
    <row r="560385" spans="14:14">
      <c r="N560385" s="10"/>
    </row>
    <row r="560386" spans="14:14">
      <c r="N560386" s="10"/>
    </row>
    <row r="560387" spans="14:14">
      <c r="N560387" s="10"/>
    </row>
    <row r="560388" spans="14:14">
      <c r="N560388" s="10"/>
    </row>
    <row r="560389" spans="14:14">
      <c r="N560389" s="10"/>
    </row>
    <row r="560390" spans="14:14">
      <c r="N560390" s="10"/>
    </row>
    <row r="560391" spans="14:14">
      <c r="N560391" s="10"/>
    </row>
    <row r="560392" spans="14:14">
      <c r="N560392" s="10"/>
    </row>
    <row r="560393" spans="14:14">
      <c r="N560393" s="10"/>
    </row>
    <row r="560394" spans="14:14">
      <c r="N560394" s="10"/>
    </row>
    <row r="560395" spans="14:14">
      <c r="N560395" s="10"/>
    </row>
    <row r="560396" spans="14:14">
      <c r="N560396" s="10"/>
    </row>
    <row r="560397" spans="14:14">
      <c r="N560397" s="10"/>
    </row>
    <row r="560398" spans="14:14">
      <c r="N560398" s="10"/>
    </row>
    <row r="560399" spans="14:14">
      <c r="N560399" s="10"/>
    </row>
    <row r="560400" spans="14:14">
      <c r="N560400" s="10"/>
    </row>
    <row r="560401" spans="14:14">
      <c r="N560401" s="10"/>
    </row>
    <row r="560402" spans="14:14">
      <c r="N560402" s="10"/>
    </row>
    <row r="560403" spans="14:14">
      <c r="N560403" s="10"/>
    </row>
    <row r="560404" spans="14:14">
      <c r="N560404" s="10"/>
    </row>
    <row r="560405" spans="14:14">
      <c r="N560405" s="10"/>
    </row>
    <row r="560406" spans="14:14">
      <c r="N560406" s="10"/>
    </row>
    <row r="560407" spans="14:14">
      <c r="N560407" s="10"/>
    </row>
    <row r="560408" spans="14:14">
      <c r="N560408" s="10"/>
    </row>
    <row r="560409" spans="14:14">
      <c r="N560409" s="10"/>
    </row>
    <row r="560410" spans="14:14">
      <c r="N560410" s="10"/>
    </row>
    <row r="560411" spans="14:14">
      <c r="N560411" s="10"/>
    </row>
    <row r="560412" spans="14:14">
      <c r="N560412" s="10"/>
    </row>
    <row r="560413" spans="14:14">
      <c r="N560413" s="10"/>
    </row>
    <row r="560414" spans="14:14">
      <c r="N560414" s="10"/>
    </row>
    <row r="560415" spans="14:14">
      <c r="N560415" s="10"/>
    </row>
    <row r="560416" spans="14:14">
      <c r="N560416" s="10"/>
    </row>
    <row r="560417" spans="14:14">
      <c r="N560417" s="10"/>
    </row>
    <row r="560418" spans="14:14">
      <c r="N560418" s="10"/>
    </row>
    <row r="560419" spans="14:14">
      <c r="N560419" s="10"/>
    </row>
    <row r="560420" spans="14:14">
      <c r="N560420" s="10"/>
    </row>
    <row r="560421" spans="14:14">
      <c r="N560421" s="10"/>
    </row>
    <row r="560422" spans="14:14">
      <c r="N560422" s="10"/>
    </row>
    <row r="560423" spans="14:14">
      <c r="N560423" s="10"/>
    </row>
    <row r="560424" spans="14:14">
      <c r="N560424" s="10"/>
    </row>
    <row r="560425" spans="14:14">
      <c r="N560425" s="10"/>
    </row>
    <row r="560426" spans="14:14">
      <c r="N560426" s="10"/>
    </row>
    <row r="560427" spans="14:14">
      <c r="N560427" s="10"/>
    </row>
    <row r="560428" spans="14:14">
      <c r="N560428" s="10"/>
    </row>
    <row r="560429" spans="14:14">
      <c r="N560429" s="10"/>
    </row>
    <row r="560430" spans="14:14">
      <c r="N560430" s="10"/>
    </row>
    <row r="560431" spans="14:14">
      <c r="N560431" s="10"/>
    </row>
    <row r="560432" spans="14:14">
      <c r="N560432" s="10"/>
    </row>
    <row r="560433" spans="14:14">
      <c r="N560433" s="10"/>
    </row>
    <row r="560434" spans="14:14">
      <c r="N560434" s="10"/>
    </row>
    <row r="560435" spans="14:14">
      <c r="N560435" s="10"/>
    </row>
    <row r="560436" spans="14:14">
      <c r="N560436" s="10"/>
    </row>
    <row r="560437" spans="14:14">
      <c r="N560437" s="10"/>
    </row>
    <row r="560438" spans="14:14">
      <c r="N560438" s="10"/>
    </row>
    <row r="560439" spans="14:14">
      <c r="N560439" s="10"/>
    </row>
    <row r="560440" spans="14:14">
      <c r="N560440" s="10"/>
    </row>
    <row r="560441" spans="14:14">
      <c r="N560441" s="10"/>
    </row>
    <row r="560442" spans="14:14">
      <c r="N560442" s="10"/>
    </row>
    <row r="560443" spans="14:14">
      <c r="N560443" s="10"/>
    </row>
    <row r="560444" spans="14:14">
      <c r="N560444" s="10"/>
    </row>
    <row r="560445" spans="14:14">
      <c r="N560445" s="10"/>
    </row>
    <row r="560446" spans="14:14">
      <c r="N560446" s="10"/>
    </row>
    <row r="560447" spans="14:14">
      <c r="N560447" s="10"/>
    </row>
    <row r="560448" spans="14:14">
      <c r="N560448" s="10"/>
    </row>
    <row r="560449" spans="14:14">
      <c r="N560449" s="10"/>
    </row>
    <row r="560450" spans="14:14">
      <c r="N560450" s="10"/>
    </row>
    <row r="560451" spans="14:14">
      <c r="N560451" s="10"/>
    </row>
    <row r="560452" spans="14:14">
      <c r="N560452" s="10"/>
    </row>
    <row r="560453" spans="14:14">
      <c r="N560453" s="10"/>
    </row>
    <row r="560454" spans="14:14">
      <c r="N560454" s="10"/>
    </row>
    <row r="560455" spans="14:14">
      <c r="N560455" s="10"/>
    </row>
    <row r="560456" spans="14:14">
      <c r="N560456" s="10"/>
    </row>
    <row r="560457" spans="14:14">
      <c r="N560457" s="10"/>
    </row>
    <row r="560458" spans="14:14">
      <c r="N560458" s="10"/>
    </row>
    <row r="560459" spans="14:14">
      <c r="N560459" s="10"/>
    </row>
    <row r="560460" spans="14:14">
      <c r="N560460" s="10"/>
    </row>
    <row r="560461" spans="14:14">
      <c r="N560461" s="10"/>
    </row>
    <row r="560462" spans="14:14">
      <c r="N560462" s="10"/>
    </row>
    <row r="560463" spans="14:14">
      <c r="N560463" s="10"/>
    </row>
    <row r="560464" spans="14:14">
      <c r="N560464" s="10"/>
    </row>
    <row r="560465" spans="14:14">
      <c r="N560465" s="10"/>
    </row>
    <row r="560466" spans="14:14">
      <c r="N560466" s="10"/>
    </row>
    <row r="560467" spans="14:14">
      <c r="N560467" s="10"/>
    </row>
    <row r="560468" spans="14:14">
      <c r="N560468" s="10"/>
    </row>
    <row r="560469" spans="14:14">
      <c r="N560469" s="10"/>
    </row>
    <row r="560470" spans="14:14">
      <c r="N560470" s="10"/>
    </row>
    <row r="560471" spans="14:14">
      <c r="N560471" s="10"/>
    </row>
    <row r="560472" spans="14:14">
      <c r="N560472" s="10"/>
    </row>
    <row r="560473" spans="14:14">
      <c r="N560473" s="10"/>
    </row>
    <row r="560474" spans="14:14">
      <c r="N560474" s="10"/>
    </row>
    <row r="560475" spans="14:14">
      <c r="N560475" s="10"/>
    </row>
    <row r="560476" spans="14:14">
      <c r="N560476" s="10"/>
    </row>
    <row r="560477" spans="14:14">
      <c r="N560477" s="10"/>
    </row>
    <row r="560478" spans="14:14">
      <c r="N560478" s="10"/>
    </row>
    <row r="560479" spans="14:14">
      <c r="N560479" s="10"/>
    </row>
    <row r="560480" spans="14:14">
      <c r="N560480" s="10"/>
    </row>
    <row r="560481" spans="14:14">
      <c r="N560481" s="10"/>
    </row>
    <row r="560482" spans="14:14">
      <c r="N560482" s="10"/>
    </row>
    <row r="560483" spans="14:14">
      <c r="N560483" s="10"/>
    </row>
    <row r="560484" spans="14:14">
      <c r="N560484" s="10"/>
    </row>
    <row r="560485" spans="14:14">
      <c r="N560485" s="10"/>
    </row>
    <row r="560486" spans="14:14">
      <c r="N560486" s="10"/>
    </row>
    <row r="560487" spans="14:14">
      <c r="N560487" s="10"/>
    </row>
    <row r="560488" spans="14:14">
      <c r="N560488" s="10"/>
    </row>
    <row r="560489" spans="14:14">
      <c r="N560489" s="10"/>
    </row>
    <row r="560490" spans="14:14">
      <c r="N560490" s="10"/>
    </row>
    <row r="560491" spans="14:14">
      <c r="N560491" s="10"/>
    </row>
    <row r="560492" spans="14:14">
      <c r="N560492" s="10"/>
    </row>
    <row r="560493" spans="14:14">
      <c r="N560493" s="10"/>
    </row>
    <row r="560494" spans="14:14">
      <c r="N560494" s="10"/>
    </row>
    <row r="560495" spans="14:14">
      <c r="N560495" s="10"/>
    </row>
    <row r="560496" spans="14:14">
      <c r="N560496" s="10"/>
    </row>
    <row r="560497" spans="14:14">
      <c r="N560497" s="10"/>
    </row>
    <row r="560498" spans="14:14">
      <c r="N560498" s="10"/>
    </row>
    <row r="560499" spans="14:14">
      <c r="N560499" s="10"/>
    </row>
    <row r="560500" spans="14:14">
      <c r="N560500" s="10"/>
    </row>
    <row r="560501" spans="14:14">
      <c r="N560501" s="10"/>
    </row>
    <row r="560502" spans="14:14">
      <c r="N560502" s="10"/>
    </row>
    <row r="560503" spans="14:14">
      <c r="N560503" s="10"/>
    </row>
    <row r="560504" spans="14:14">
      <c r="N560504" s="10"/>
    </row>
    <row r="560505" spans="14:14">
      <c r="N560505" s="10"/>
    </row>
    <row r="560506" spans="14:14">
      <c r="N560506" s="10"/>
    </row>
    <row r="560507" spans="14:14">
      <c r="N560507" s="10"/>
    </row>
    <row r="560508" spans="14:14">
      <c r="N560508" s="10"/>
    </row>
    <row r="560509" spans="14:14">
      <c r="N560509" s="10"/>
    </row>
    <row r="560510" spans="14:14">
      <c r="N560510" s="10"/>
    </row>
    <row r="560511" spans="14:14">
      <c r="N560511" s="10"/>
    </row>
    <row r="560512" spans="14:14">
      <c r="N560512" s="10"/>
    </row>
    <row r="560513" spans="14:14">
      <c r="N560513" s="10"/>
    </row>
    <row r="560514" spans="14:14">
      <c r="N560514" s="10"/>
    </row>
    <row r="560515" spans="14:14">
      <c r="N560515" s="10"/>
    </row>
    <row r="560516" spans="14:14">
      <c r="N560516" s="10"/>
    </row>
    <row r="560517" spans="14:14">
      <c r="N560517" s="10"/>
    </row>
    <row r="560518" spans="14:14">
      <c r="N560518" s="10"/>
    </row>
    <row r="560519" spans="14:14">
      <c r="N560519" s="10"/>
    </row>
    <row r="560520" spans="14:14">
      <c r="N560520" s="10"/>
    </row>
    <row r="560521" spans="14:14">
      <c r="N560521" s="10"/>
    </row>
    <row r="560522" spans="14:14">
      <c r="N560522" s="10"/>
    </row>
    <row r="560523" spans="14:14">
      <c r="N560523" s="10"/>
    </row>
    <row r="560524" spans="14:14">
      <c r="N560524" s="10"/>
    </row>
    <row r="560525" spans="14:14">
      <c r="N560525" s="10"/>
    </row>
    <row r="560526" spans="14:14">
      <c r="N560526" s="10"/>
    </row>
    <row r="560527" spans="14:14">
      <c r="N560527" s="10"/>
    </row>
    <row r="560528" spans="14:14">
      <c r="N560528" s="10"/>
    </row>
    <row r="560529" spans="14:14">
      <c r="N560529" s="10"/>
    </row>
    <row r="560530" spans="14:14">
      <c r="N560530" s="10"/>
    </row>
    <row r="560531" spans="14:14">
      <c r="N560531" s="10"/>
    </row>
    <row r="560532" spans="14:14">
      <c r="N560532" s="10"/>
    </row>
    <row r="560533" spans="14:14">
      <c r="N560533" s="10"/>
    </row>
    <row r="560534" spans="14:14">
      <c r="N560534" s="10"/>
    </row>
    <row r="560535" spans="14:14">
      <c r="N560535" s="10"/>
    </row>
    <row r="560536" spans="14:14">
      <c r="N560536" s="10"/>
    </row>
    <row r="560537" spans="14:14">
      <c r="N560537" s="10"/>
    </row>
    <row r="560538" spans="14:14">
      <c r="N560538" s="10"/>
    </row>
    <row r="560539" spans="14:14">
      <c r="N560539" s="10"/>
    </row>
    <row r="560540" spans="14:14">
      <c r="N560540" s="10"/>
    </row>
    <row r="560541" spans="14:14">
      <c r="N560541" s="10"/>
    </row>
    <row r="560542" spans="14:14">
      <c r="N560542" s="10"/>
    </row>
    <row r="560543" spans="14:14">
      <c r="N560543" s="10"/>
    </row>
    <row r="560544" spans="14:14">
      <c r="N560544" s="10"/>
    </row>
    <row r="560545" spans="14:14">
      <c r="N560545" s="10"/>
    </row>
    <row r="560546" spans="14:14">
      <c r="N560546" s="10"/>
    </row>
    <row r="560547" spans="14:14">
      <c r="N560547" s="10"/>
    </row>
    <row r="560548" spans="14:14">
      <c r="N560548" s="10"/>
    </row>
    <row r="560549" spans="14:14">
      <c r="N560549" s="10"/>
    </row>
    <row r="560550" spans="14:14">
      <c r="N560550" s="10"/>
    </row>
    <row r="560551" spans="14:14">
      <c r="N560551" s="10"/>
    </row>
    <row r="560552" spans="14:14">
      <c r="N560552" s="10"/>
    </row>
    <row r="560553" spans="14:14">
      <c r="N560553" s="10"/>
    </row>
    <row r="560554" spans="14:14">
      <c r="N560554" s="10"/>
    </row>
    <row r="560555" spans="14:14">
      <c r="N560555" s="10"/>
    </row>
    <row r="560556" spans="14:14">
      <c r="N560556" s="10"/>
    </row>
    <row r="560557" spans="14:14">
      <c r="N560557" s="10"/>
    </row>
    <row r="560558" spans="14:14">
      <c r="N560558" s="10"/>
    </row>
    <row r="560559" spans="14:14">
      <c r="N560559" s="10"/>
    </row>
    <row r="560560" spans="14:14">
      <c r="N560560" s="10"/>
    </row>
    <row r="560561" spans="14:14">
      <c r="N560561" s="10"/>
    </row>
    <row r="560562" spans="14:14">
      <c r="N560562" s="10"/>
    </row>
    <row r="560563" spans="14:14">
      <c r="N560563" s="10"/>
    </row>
    <row r="560564" spans="14:14">
      <c r="N560564" s="10"/>
    </row>
    <row r="560565" spans="14:14">
      <c r="N560565" s="10"/>
    </row>
    <row r="560566" spans="14:14">
      <c r="N560566" s="10"/>
    </row>
    <row r="560567" spans="14:14">
      <c r="N560567" s="10"/>
    </row>
    <row r="560568" spans="14:14">
      <c r="N560568" s="10"/>
    </row>
    <row r="560569" spans="14:14">
      <c r="N560569" s="10"/>
    </row>
    <row r="560570" spans="14:14">
      <c r="N560570" s="10"/>
    </row>
    <row r="560571" spans="14:14">
      <c r="N560571" s="10"/>
    </row>
    <row r="560572" spans="14:14">
      <c r="N560572" s="10"/>
    </row>
    <row r="560573" spans="14:14">
      <c r="N560573" s="10"/>
    </row>
    <row r="560574" spans="14:14">
      <c r="N560574" s="10"/>
    </row>
    <row r="560575" spans="14:14">
      <c r="N560575" s="10"/>
    </row>
    <row r="560576" spans="14:14">
      <c r="N560576" s="10"/>
    </row>
    <row r="560577" spans="14:14">
      <c r="N560577" s="10"/>
    </row>
    <row r="560578" spans="14:14">
      <c r="N560578" s="10"/>
    </row>
    <row r="560579" spans="14:14">
      <c r="N560579" s="10"/>
    </row>
    <row r="560580" spans="14:14">
      <c r="N560580" s="10"/>
    </row>
    <row r="560581" spans="14:14">
      <c r="N560581" s="10"/>
    </row>
    <row r="560582" spans="14:14">
      <c r="N560582" s="10"/>
    </row>
    <row r="560583" spans="14:14">
      <c r="N560583" s="10"/>
    </row>
    <row r="560584" spans="14:14">
      <c r="N560584" s="10"/>
    </row>
    <row r="560585" spans="14:14">
      <c r="N560585" s="10"/>
    </row>
    <row r="560586" spans="14:14">
      <c r="N560586" s="10"/>
    </row>
    <row r="560587" spans="14:14">
      <c r="N560587" s="10"/>
    </row>
    <row r="560588" spans="14:14">
      <c r="N560588" s="10"/>
    </row>
    <row r="560589" spans="14:14">
      <c r="N560589" s="10"/>
    </row>
    <row r="560590" spans="14:14">
      <c r="N560590" s="10"/>
    </row>
    <row r="560591" spans="14:14">
      <c r="N560591" s="10"/>
    </row>
    <row r="560592" spans="14:14">
      <c r="N560592" s="10"/>
    </row>
    <row r="560593" spans="14:14">
      <c r="N560593" s="10"/>
    </row>
    <row r="560594" spans="14:14">
      <c r="N560594" s="10"/>
    </row>
    <row r="560595" spans="14:14">
      <c r="N560595" s="10"/>
    </row>
    <row r="560596" spans="14:14">
      <c r="N560596" s="10"/>
    </row>
    <row r="560597" spans="14:14">
      <c r="N560597" s="10"/>
    </row>
    <row r="560598" spans="14:14">
      <c r="N560598" s="10"/>
    </row>
    <row r="560599" spans="14:14">
      <c r="N560599" s="10"/>
    </row>
    <row r="560600" spans="14:14">
      <c r="N560600" s="10"/>
    </row>
    <row r="560601" spans="14:14">
      <c r="N560601" s="10"/>
    </row>
    <row r="560602" spans="14:14">
      <c r="N560602" s="10"/>
    </row>
    <row r="560603" spans="14:14">
      <c r="N560603" s="10"/>
    </row>
    <row r="560604" spans="14:14">
      <c r="N560604" s="10"/>
    </row>
    <row r="560605" spans="14:14">
      <c r="N560605" s="10"/>
    </row>
    <row r="560606" spans="14:14">
      <c r="N560606" s="10"/>
    </row>
    <row r="560607" spans="14:14">
      <c r="N560607" s="10"/>
    </row>
    <row r="560608" spans="14:14">
      <c r="N560608" s="10"/>
    </row>
    <row r="560609" spans="14:14">
      <c r="N560609" s="10"/>
    </row>
    <row r="560610" spans="14:14">
      <c r="N560610" s="10"/>
    </row>
    <row r="560611" spans="14:14">
      <c r="N560611" s="10"/>
    </row>
    <row r="560612" spans="14:14">
      <c r="N560612" s="10"/>
    </row>
    <row r="560613" spans="14:14">
      <c r="N560613" s="10"/>
    </row>
    <row r="560614" spans="14:14">
      <c r="N560614" s="10"/>
    </row>
    <row r="560615" spans="14:14">
      <c r="N560615" s="10"/>
    </row>
    <row r="560616" spans="14:14">
      <c r="N560616" s="10"/>
    </row>
    <row r="560617" spans="14:14">
      <c r="N560617" s="10"/>
    </row>
    <row r="560618" spans="14:14">
      <c r="N560618" s="10"/>
    </row>
    <row r="560619" spans="14:14">
      <c r="N560619" s="10"/>
    </row>
    <row r="560620" spans="14:14">
      <c r="N560620" s="10"/>
    </row>
    <row r="560621" spans="14:14">
      <c r="N560621" s="10"/>
    </row>
    <row r="560622" spans="14:14">
      <c r="N560622" s="10"/>
    </row>
    <row r="560623" spans="14:14">
      <c r="N560623" s="10"/>
    </row>
    <row r="560624" spans="14:14">
      <c r="N560624" s="10"/>
    </row>
    <row r="560625" spans="14:14">
      <c r="N560625" s="10"/>
    </row>
    <row r="560626" spans="14:14">
      <c r="N560626" s="10"/>
    </row>
    <row r="560627" spans="14:14">
      <c r="N560627" s="10"/>
    </row>
    <row r="560628" spans="14:14">
      <c r="N560628" s="10"/>
    </row>
    <row r="560629" spans="14:14">
      <c r="N560629" s="10"/>
    </row>
    <row r="560630" spans="14:14">
      <c r="N560630" s="10"/>
    </row>
    <row r="560631" spans="14:14">
      <c r="N560631" s="10"/>
    </row>
    <row r="560632" spans="14:14">
      <c r="N560632" s="10"/>
    </row>
    <row r="560633" spans="14:14">
      <c r="N560633" s="10"/>
    </row>
    <row r="560634" spans="14:14">
      <c r="N560634" s="10"/>
    </row>
    <row r="560635" spans="14:14">
      <c r="N560635" s="10"/>
    </row>
    <row r="560636" spans="14:14">
      <c r="N560636" s="10"/>
    </row>
    <row r="560637" spans="14:14">
      <c r="N560637" s="10"/>
    </row>
    <row r="560638" spans="14:14">
      <c r="N560638" s="10"/>
    </row>
    <row r="560639" spans="14:14">
      <c r="N560639" s="10"/>
    </row>
    <row r="560640" spans="14:14">
      <c r="N560640" s="10"/>
    </row>
    <row r="560641" spans="14:14">
      <c r="N560641" s="10"/>
    </row>
    <row r="560642" spans="14:14">
      <c r="N560642" s="10"/>
    </row>
    <row r="560643" spans="14:14">
      <c r="N560643" s="10"/>
    </row>
    <row r="560644" spans="14:14">
      <c r="N560644" s="10"/>
    </row>
    <row r="560645" spans="14:14">
      <c r="N560645" s="10"/>
    </row>
    <row r="560646" spans="14:14">
      <c r="N560646" s="10"/>
    </row>
    <row r="560647" spans="14:14">
      <c r="N560647" s="10"/>
    </row>
    <row r="560648" spans="14:14">
      <c r="N560648" s="10"/>
    </row>
    <row r="560649" spans="14:14">
      <c r="N560649" s="10"/>
    </row>
    <row r="560650" spans="14:14">
      <c r="N560650" s="10"/>
    </row>
    <row r="560651" spans="14:14">
      <c r="N560651" s="10"/>
    </row>
    <row r="560652" spans="14:14">
      <c r="N560652" s="10"/>
    </row>
    <row r="560653" spans="14:14">
      <c r="N560653" s="10"/>
    </row>
    <row r="560654" spans="14:14">
      <c r="N560654" s="10"/>
    </row>
    <row r="560655" spans="14:14">
      <c r="N560655" s="10"/>
    </row>
    <row r="560656" spans="14:14">
      <c r="N560656" s="10"/>
    </row>
    <row r="560657" spans="14:14">
      <c r="N560657" s="10"/>
    </row>
    <row r="560658" spans="14:14">
      <c r="N560658" s="10"/>
    </row>
    <row r="560659" spans="14:14">
      <c r="N560659" s="10"/>
    </row>
    <row r="560660" spans="14:14">
      <c r="N560660" s="10"/>
    </row>
    <row r="560661" spans="14:14">
      <c r="N560661" s="10"/>
    </row>
    <row r="560662" spans="14:14">
      <c r="N560662" s="10"/>
    </row>
    <row r="560663" spans="14:14">
      <c r="N560663" s="10"/>
    </row>
    <row r="560664" spans="14:14">
      <c r="N560664" s="10"/>
    </row>
    <row r="560665" spans="14:14">
      <c r="N560665" s="10"/>
    </row>
    <row r="560666" spans="14:14">
      <c r="N560666" s="10"/>
    </row>
    <row r="560667" spans="14:14">
      <c r="N560667" s="10"/>
    </row>
    <row r="560668" spans="14:14">
      <c r="N560668" s="10"/>
    </row>
    <row r="560669" spans="14:14">
      <c r="N560669" s="10"/>
    </row>
    <row r="560670" spans="14:14">
      <c r="N560670" s="10"/>
    </row>
    <row r="560671" spans="14:14">
      <c r="N560671" s="10"/>
    </row>
    <row r="560672" spans="14:14">
      <c r="N560672" s="10"/>
    </row>
    <row r="560673" spans="14:14">
      <c r="N560673" s="10"/>
    </row>
    <row r="560674" spans="14:14">
      <c r="N560674" s="10"/>
    </row>
    <row r="560675" spans="14:14">
      <c r="N560675" s="10"/>
    </row>
    <row r="560676" spans="14:14">
      <c r="N560676" s="10"/>
    </row>
    <row r="560677" spans="14:14">
      <c r="N560677" s="10"/>
    </row>
    <row r="560678" spans="14:14">
      <c r="N560678" s="10"/>
    </row>
    <row r="560679" spans="14:14">
      <c r="N560679" s="10"/>
    </row>
    <row r="560680" spans="14:14">
      <c r="N560680" s="10"/>
    </row>
    <row r="560681" spans="14:14">
      <c r="N560681" s="10"/>
    </row>
    <row r="560682" spans="14:14">
      <c r="N560682" s="10"/>
    </row>
    <row r="560683" spans="14:14">
      <c r="N560683" s="10"/>
    </row>
    <row r="560684" spans="14:14">
      <c r="N560684" s="10"/>
    </row>
    <row r="560685" spans="14:14">
      <c r="N560685" s="10"/>
    </row>
    <row r="560686" spans="14:14">
      <c r="N560686" s="10"/>
    </row>
    <row r="560687" spans="14:14">
      <c r="N560687" s="10"/>
    </row>
    <row r="560688" spans="14:14">
      <c r="N560688" s="10"/>
    </row>
    <row r="560689" spans="14:14">
      <c r="N560689" s="10"/>
    </row>
    <row r="560690" spans="14:14">
      <c r="N560690" s="10"/>
    </row>
    <row r="560691" spans="14:14">
      <c r="N560691" s="10"/>
    </row>
    <row r="560692" spans="14:14">
      <c r="N560692" s="10"/>
    </row>
    <row r="560693" spans="14:14">
      <c r="N560693" s="10"/>
    </row>
    <row r="560694" spans="14:14">
      <c r="N560694" s="10"/>
    </row>
    <row r="560695" spans="14:14">
      <c r="N560695" s="10"/>
    </row>
    <row r="560696" spans="14:14">
      <c r="N560696" s="10"/>
    </row>
    <row r="560697" spans="14:14">
      <c r="N560697" s="10"/>
    </row>
    <row r="560698" spans="14:14">
      <c r="N560698" s="10"/>
    </row>
    <row r="560699" spans="14:14">
      <c r="N560699" s="10"/>
    </row>
    <row r="560700" spans="14:14">
      <c r="N560700" s="10"/>
    </row>
    <row r="560701" spans="14:14">
      <c r="N560701" s="10"/>
    </row>
    <row r="560702" spans="14:14">
      <c r="N560702" s="10"/>
    </row>
    <row r="560703" spans="14:14">
      <c r="N560703" s="10"/>
    </row>
    <row r="560704" spans="14:14">
      <c r="N560704" s="10"/>
    </row>
    <row r="560705" spans="14:14">
      <c r="N560705" s="10"/>
    </row>
    <row r="560706" spans="14:14">
      <c r="N560706" s="10"/>
    </row>
    <row r="560707" spans="14:14">
      <c r="N560707" s="10"/>
    </row>
    <row r="560708" spans="14:14">
      <c r="N560708" s="10"/>
    </row>
    <row r="560709" spans="14:14">
      <c r="N560709" s="10"/>
    </row>
    <row r="560710" spans="14:14">
      <c r="N560710" s="10"/>
    </row>
    <row r="560711" spans="14:14">
      <c r="N560711" s="10"/>
    </row>
    <row r="560712" spans="14:14">
      <c r="N560712" s="10"/>
    </row>
    <row r="560713" spans="14:14">
      <c r="N560713" s="10"/>
    </row>
    <row r="560714" spans="14:14">
      <c r="N560714" s="10"/>
    </row>
    <row r="560715" spans="14:14">
      <c r="N560715" s="10"/>
    </row>
    <row r="560716" spans="14:14">
      <c r="N560716" s="10"/>
    </row>
    <row r="560717" spans="14:14">
      <c r="N560717" s="10"/>
    </row>
    <row r="560718" spans="14:14">
      <c r="N560718" s="10"/>
    </row>
    <row r="560719" spans="14:14">
      <c r="N560719" s="10"/>
    </row>
    <row r="560720" spans="14:14">
      <c r="N560720" s="10"/>
    </row>
    <row r="560721" spans="14:14">
      <c r="N560721" s="10"/>
    </row>
    <row r="560722" spans="14:14">
      <c r="N560722" s="10"/>
    </row>
    <row r="560723" spans="14:14">
      <c r="N560723" s="10"/>
    </row>
    <row r="560724" spans="14:14">
      <c r="N560724" s="10"/>
    </row>
    <row r="560725" spans="14:14">
      <c r="N560725" s="10"/>
    </row>
    <row r="560726" spans="14:14">
      <c r="N560726" s="10"/>
    </row>
    <row r="560727" spans="14:14">
      <c r="N560727" s="10"/>
    </row>
    <row r="560728" spans="14:14">
      <c r="N560728" s="10"/>
    </row>
    <row r="560729" spans="14:14">
      <c r="N560729" s="10"/>
    </row>
    <row r="560730" spans="14:14">
      <c r="N560730" s="10"/>
    </row>
    <row r="560731" spans="14:14">
      <c r="N560731" s="10"/>
    </row>
    <row r="560732" spans="14:14">
      <c r="N560732" s="10"/>
    </row>
    <row r="560733" spans="14:14">
      <c r="N560733" s="10"/>
    </row>
    <row r="560734" spans="14:14">
      <c r="N560734" s="10"/>
    </row>
    <row r="560735" spans="14:14">
      <c r="N560735" s="10"/>
    </row>
    <row r="560736" spans="14:14">
      <c r="N560736" s="10"/>
    </row>
    <row r="560737" spans="14:14">
      <c r="N560737" s="10"/>
    </row>
    <row r="560738" spans="14:14">
      <c r="N560738" s="10"/>
    </row>
    <row r="560739" spans="14:14">
      <c r="N560739" s="10"/>
    </row>
    <row r="560740" spans="14:14">
      <c r="N560740" s="10"/>
    </row>
    <row r="560741" spans="14:14">
      <c r="N560741" s="10"/>
    </row>
    <row r="560742" spans="14:14">
      <c r="N560742" s="10"/>
    </row>
    <row r="560743" spans="14:14">
      <c r="N560743" s="10"/>
    </row>
    <row r="560744" spans="14:14">
      <c r="N560744" s="10"/>
    </row>
    <row r="560745" spans="14:14">
      <c r="N560745" s="10"/>
    </row>
    <row r="560746" spans="14:14">
      <c r="N560746" s="10"/>
    </row>
    <row r="560747" spans="14:14">
      <c r="N560747" s="10"/>
    </row>
    <row r="560748" spans="14:14">
      <c r="N560748" s="10"/>
    </row>
    <row r="560749" spans="14:14">
      <c r="N560749" s="10"/>
    </row>
    <row r="560750" spans="14:14">
      <c r="N560750" s="10"/>
    </row>
    <row r="560751" spans="14:14">
      <c r="N560751" s="10"/>
    </row>
    <row r="560752" spans="14:14">
      <c r="N560752" s="10"/>
    </row>
    <row r="560753" spans="14:14">
      <c r="N560753" s="10"/>
    </row>
    <row r="560754" spans="14:14">
      <c r="N560754" s="10"/>
    </row>
    <row r="560755" spans="14:14">
      <c r="N560755" s="10"/>
    </row>
    <row r="560756" spans="14:14">
      <c r="N560756" s="10"/>
    </row>
    <row r="560757" spans="14:14">
      <c r="N560757" s="10"/>
    </row>
    <row r="560758" spans="14:14">
      <c r="N560758" s="10"/>
    </row>
    <row r="560759" spans="14:14">
      <c r="N560759" s="10"/>
    </row>
    <row r="560760" spans="14:14">
      <c r="N560760" s="10"/>
    </row>
    <row r="560761" spans="14:14">
      <c r="N560761" s="10"/>
    </row>
    <row r="560762" spans="14:14">
      <c r="N560762" s="10"/>
    </row>
    <row r="560763" spans="14:14">
      <c r="N560763" s="10"/>
    </row>
    <row r="560764" spans="14:14">
      <c r="N560764" s="10"/>
    </row>
    <row r="560765" spans="14:14">
      <c r="N560765" s="10"/>
    </row>
    <row r="560766" spans="14:14">
      <c r="N560766" s="10"/>
    </row>
    <row r="560767" spans="14:14">
      <c r="N560767" s="10"/>
    </row>
    <row r="560768" spans="14:14">
      <c r="N560768" s="10"/>
    </row>
    <row r="560769" spans="14:14">
      <c r="N560769" s="10"/>
    </row>
    <row r="560770" spans="14:14">
      <c r="N560770" s="10"/>
    </row>
    <row r="560771" spans="14:14">
      <c r="N560771" s="10"/>
    </row>
    <row r="560772" spans="14:14">
      <c r="N560772" s="10"/>
    </row>
    <row r="560773" spans="14:14">
      <c r="N560773" s="10"/>
    </row>
    <row r="560774" spans="14:14">
      <c r="N560774" s="10"/>
    </row>
    <row r="560775" spans="14:14">
      <c r="N560775" s="10"/>
    </row>
    <row r="560776" spans="14:14">
      <c r="N560776" s="10"/>
    </row>
    <row r="560777" spans="14:14">
      <c r="N560777" s="10"/>
    </row>
    <row r="560778" spans="14:14">
      <c r="N560778" s="10"/>
    </row>
    <row r="560779" spans="14:14">
      <c r="N560779" s="10"/>
    </row>
    <row r="560780" spans="14:14">
      <c r="N560780" s="10"/>
    </row>
    <row r="560781" spans="14:14">
      <c r="N560781" s="10"/>
    </row>
    <row r="560782" spans="14:14">
      <c r="N560782" s="10"/>
    </row>
    <row r="560783" spans="14:14">
      <c r="N560783" s="10"/>
    </row>
    <row r="560784" spans="14:14">
      <c r="N560784" s="10"/>
    </row>
    <row r="560785" spans="14:14">
      <c r="N560785" s="10"/>
    </row>
    <row r="560786" spans="14:14">
      <c r="N560786" s="10"/>
    </row>
    <row r="560787" spans="14:14">
      <c r="N560787" s="10"/>
    </row>
    <row r="560788" spans="14:14">
      <c r="N560788" s="10"/>
    </row>
    <row r="560789" spans="14:14">
      <c r="N560789" s="10"/>
    </row>
    <row r="560790" spans="14:14">
      <c r="N560790" s="10"/>
    </row>
    <row r="560791" spans="14:14">
      <c r="N560791" s="10"/>
    </row>
    <row r="560792" spans="14:14">
      <c r="N560792" s="10"/>
    </row>
    <row r="560793" spans="14:14">
      <c r="N560793" s="10"/>
    </row>
    <row r="560794" spans="14:14">
      <c r="N560794" s="10"/>
    </row>
    <row r="560795" spans="14:14">
      <c r="N560795" s="10"/>
    </row>
    <row r="560796" spans="14:14">
      <c r="N560796" s="10"/>
    </row>
    <row r="560797" spans="14:14">
      <c r="N560797" s="10"/>
    </row>
    <row r="560798" spans="14:14">
      <c r="N560798" s="10"/>
    </row>
    <row r="560799" spans="14:14">
      <c r="N560799" s="10"/>
    </row>
    <row r="560800" spans="14:14">
      <c r="N560800" s="10"/>
    </row>
    <row r="560801" spans="14:14">
      <c r="N560801" s="10"/>
    </row>
    <row r="560802" spans="14:14">
      <c r="N560802" s="10"/>
    </row>
    <row r="560803" spans="14:14">
      <c r="N560803" s="10"/>
    </row>
    <row r="560804" spans="14:14">
      <c r="N560804" s="10"/>
    </row>
    <row r="560805" spans="14:14">
      <c r="N560805" s="10"/>
    </row>
    <row r="560806" spans="14:14">
      <c r="N560806" s="10"/>
    </row>
    <row r="560807" spans="14:14">
      <c r="N560807" s="10"/>
    </row>
    <row r="560808" spans="14:14">
      <c r="N560808" s="10"/>
    </row>
    <row r="560809" spans="14:14">
      <c r="N560809" s="10"/>
    </row>
    <row r="560810" spans="14:14">
      <c r="N560810" s="10"/>
    </row>
    <row r="560811" spans="14:14">
      <c r="N560811" s="10"/>
    </row>
    <row r="560812" spans="14:14">
      <c r="N560812" s="10"/>
    </row>
    <row r="560813" spans="14:14">
      <c r="N560813" s="10"/>
    </row>
    <row r="560814" spans="14:14">
      <c r="N560814" s="10"/>
    </row>
    <row r="560815" spans="14:14">
      <c r="N560815" s="10"/>
    </row>
    <row r="560816" spans="14:14">
      <c r="N560816" s="10"/>
    </row>
    <row r="560817" spans="14:14">
      <c r="N560817" s="10"/>
    </row>
    <row r="560818" spans="14:14">
      <c r="N560818" s="10"/>
    </row>
    <row r="560819" spans="14:14">
      <c r="N560819" s="10"/>
    </row>
    <row r="560820" spans="14:14">
      <c r="N560820" s="10"/>
    </row>
    <row r="560821" spans="14:14">
      <c r="N560821" s="10"/>
    </row>
    <row r="560822" spans="14:14">
      <c r="N560822" s="10"/>
    </row>
    <row r="560823" spans="14:14">
      <c r="N560823" s="10"/>
    </row>
    <row r="560824" spans="14:14">
      <c r="N560824" s="10"/>
    </row>
    <row r="560825" spans="14:14">
      <c r="N560825" s="10"/>
    </row>
    <row r="560826" spans="14:14">
      <c r="N560826" s="10"/>
    </row>
    <row r="560827" spans="14:14">
      <c r="N560827" s="10"/>
    </row>
    <row r="560828" spans="14:14">
      <c r="N560828" s="10"/>
    </row>
    <row r="560829" spans="14:14">
      <c r="N560829" s="10"/>
    </row>
    <row r="560830" spans="14:14">
      <c r="N560830" s="10"/>
    </row>
    <row r="560831" spans="14:14">
      <c r="N560831" s="10"/>
    </row>
    <row r="560832" spans="14:14">
      <c r="N560832" s="10"/>
    </row>
    <row r="560833" spans="14:14">
      <c r="N560833" s="10"/>
    </row>
    <row r="560834" spans="14:14">
      <c r="N560834" s="10"/>
    </row>
    <row r="560835" spans="14:14">
      <c r="N560835" s="10"/>
    </row>
    <row r="560836" spans="14:14">
      <c r="N560836" s="10"/>
    </row>
    <row r="560837" spans="14:14">
      <c r="N560837" s="10"/>
    </row>
    <row r="560838" spans="14:14">
      <c r="N560838" s="10"/>
    </row>
    <row r="560839" spans="14:14">
      <c r="N560839" s="10"/>
    </row>
    <row r="560840" spans="14:14">
      <c r="N560840" s="10"/>
    </row>
    <row r="560841" spans="14:14">
      <c r="N560841" s="10"/>
    </row>
    <row r="560842" spans="14:14">
      <c r="N560842" s="10"/>
    </row>
    <row r="560843" spans="14:14">
      <c r="N560843" s="10"/>
    </row>
    <row r="560844" spans="14:14">
      <c r="N560844" s="10"/>
    </row>
    <row r="560845" spans="14:14">
      <c r="N560845" s="10"/>
    </row>
    <row r="560846" spans="14:14">
      <c r="N560846" s="10"/>
    </row>
    <row r="560847" spans="14:14">
      <c r="N560847" s="10"/>
    </row>
    <row r="560848" spans="14:14">
      <c r="N560848" s="10"/>
    </row>
    <row r="560849" spans="14:14">
      <c r="N560849" s="10"/>
    </row>
    <row r="560850" spans="14:14">
      <c r="N560850" s="10"/>
    </row>
    <row r="560851" spans="14:14">
      <c r="N560851" s="10"/>
    </row>
    <row r="560852" spans="14:14">
      <c r="N560852" s="10"/>
    </row>
    <row r="560853" spans="14:14">
      <c r="N560853" s="10"/>
    </row>
    <row r="560854" spans="14:14">
      <c r="N560854" s="10"/>
    </row>
    <row r="560855" spans="14:14">
      <c r="N560855" s="10"/>
    </row>
    <row r="560856" spans="14:14">
      <c r="N560856" s="10"/>
    </row>
    <row r="560857" spans="14:14">
      <c r="N560857" s="10"/>
    </row>
    <row r="560858" spans="14:14">
      <c r="N560858" s="10"/>
    </row>
    <row r="560859" spans="14:14">
      <c r="N560859" s="10"/>
    </row>
    <row r="560860" spans="14:14">
      <c r="N560860" s="10"/>
    </row>
    <row r="560861" spans="14:14">
      <c r="N560861" s="10"/>
    </row>
    <row r="560862" spans="14:14">
      <c r="N560862" s="10"/>
    </row>
    <row r="560863" spans="14:14">
      <c r="N560863" s="10"/>
    </row>
    <row r="560864" spans="14:14">
      <c r="N560864" s="10"/>
    </row>
    <row r="560865" spans="14:14">
      <c r="N560865" s="10"/>
    </row>
    <row r="560866" spans="14:14">
      <c r="N560866" s="10"/>
    </row>
    <row r="560867" spans="14:14">
      <c r="N560867" s="10"/>
    </row>
    <row r="560868" spans="14:14">
      <c r="N560868" s="10"/>
    </row>
    <row r="560869" spans="14:14">
      <c r="N560869" s="10"/>
    </row>
    <row r="560870" spans="14:14">
      <c r="N560870" s="10"/>
    </row>
    <row r="560871" spans="14:14">
      <c r="N560871" s="10"/>
    </row>
    <row r="560872" spans="14:14">
      <c r="N560872" s="10"/>
    </row>
    <row r="560873" spans="14:14">
      <c r="N560873" s="10"/>
    </row>
    <row r="560874" spans="14:14">
      <c r="N560874" s="10"/>
    </row>
    <row r="560875" spans="14:14">
      <c r="N560875" s="10"/>
    </row>
    <row r="560876" spans="14:14">
      <c r="N560876" s="10"/>
    </row>
    <row r="560877" spans="14:14">
      <c r="N560877" s="10"/>
    </row>
    <row r="560878" spans="14:14">
      <c r="N560878" s="10"/>
    </row>
    <row r="560879" spans="14:14">
      <c r="N560879" s="10"/>
    </row>
    <row r="560880" spans="14:14">
      <c r="N560880" s="10"/>
    </row>
    <row r="560881" spans="14:14">
      <c r="N560881" s="10"/>
    </row>
    <row r="560882" spans="14:14">
      <c r="N560882" s="10"/>
    </row>
    <row r="560883" spans="14:14">
      <c r="N560883" s="10"/>
    </row>
    <row r="560884" spans="14:14">
      <c r="N560884" s="10"/>
    </row>
    <row r="560885" spans="14:14">
      <c r="N560885" s="10"/>
    </row>
    <row r="560886" spans="14:14">
      <c r="N560886" s="10"/>
    </row>
    <row r="560887" spans="14:14">
      <c r="N560887" s="10"/>
    </row>
    <row r="560888" spans="14:14">
      <c r="N560888" s="10"/>
    </row>
    <row r="560889" spans="14:14">
      <c r="N560889" s="10"/>
    </row>
    <row r="560890" spans="14:14">
      <c r="N560890" s="10"/>
    </row>
    <row r="560891" spans="14:14">
      <c r="N560891" s="10"/>
    </row>
    <row r="560892" spans="14:14">
      <c r="N560892" s="10"/>
    </row>
    <row r="560893" spans="14:14">
      <c r="N560893" s="10"/>
    </row>
    <row r="560894" spans="14:14">
      <c r="N560894" s="10"/>
    </row>
    <row r="560895" spans="14:14">
      <c r="N560895" s="10"/>
    </row>
    <row r="560896" spans="14:14">
      <c r="N560896" s="10"/>
    </row>
    <row r="560897" spans="14:14">
      <c r="N560897" s="10"/>
    </row>
    <row r="560898" spans="14:14">
      <c r="N560898" s="10"/>
    </row>
    <row r="560899" spans="14:14">
      <c r="N560899" s="10"/>
    </row>
    <row r="560900" spans="14:14">
      <c r="N560900" s="10"/>
    </row>
    <row r="560901" spans="14:14">
      <c r="N560901" s="10"/>
    </row>
    <row r="560902" spans="14:14">
      <c r="N560902" s="10"/>
    </row>
    <row r="560903" spans="14:14">
      <c r="N560903" s="10"/>
    </row>
    <row r="560904" spans="14:14">
      <c r="N560904" s="10"/>
    </row>
    <row r="560905" spans="14:14">
      <c r="N560905" s="10"/>
    </row>
    <row r="560906" spans="14:14">
      <c r="N560906" s="10"/>
    </row>
    <row r="560907" spans="14:14">
      <c r="N560907" s="10"/>
    </row>
    <row r="560908" spans="14:14">
      <c r="N560908" s="10"/>
    </row>
    <row r="560909" spans="14:14">
      <c r="N560909" s="10"/>
    </row>
    <row r="560910" spans="14:14">
      <c r="N560910" s="10"/>
    </row>
    <row r="560911" spans="14:14">
      <c r="N560911" s="10"/>
    </row>
    <row r="560912" spans="14:14">
      <c r="N560912" s="10"/>
    </row>
    <row r="560913" spans="14:14">
      <c r="N560913" s="10"/>
    </row>
    <row r="560914" spans="14:14">
      <c r="N560914" s="10"/>
    </row>
    <row r="560915" spans="14:14">
      <c r="N560915" s="10"/>
    </row>
    <row r="560916" spans="14:14">
      <c r="N560916" s="10"/>
    </row>
    <row r="560917" spans="14:14">
      <c r="N560917" s="10"/>
    </row>
    <row r="560918" spans="14:14">
      <c r="N560918" s="10"/>
    </row>
    <row r="560919" spans="14:14">
      <c r="N560919" s="10"/>
    </row>
    <row r="560920" spans="14:14">
      <c r="N560920" s="10"/>
    </row>
    <row r="560921" spans="14:14">
      <c r="N560921" s="10"/>
    </row>
    <row r="560922" spans="14:14">
      <c r="N560922" s="10"/>
    </row>
    <row r="560923" spans="14:14">
      <c r="N560923" s="10"/>
    </row>
    <row r="560924" spans="14:14">
      <c r="N560924" s="10"/>
    </row>
    <row r="560925" spans="14:14">
      <c r="N560925" s="10"/>
    </row>
    <row r="560926" spans="14:14">
      <c r="N560926" s="10"/>
    </row>
    <row r="560927" spans="14:14">
      <c r="N560927" s="10"/>
    </row>
    <row r="560928" spans="14:14">
      <c r="N560928" s="10"/>
    </row>
    <row r="560929" spans="14:14">
      <c r="N560929" s="10"/>
    </row>
    <row r="560930" spans="14:14">
      <c r="N560930" s="10"/>
    </row>
    <row r="560931" spans="14:14">
      <c r="N560931" s="10"/>
    </row>
    <row r="560932" spans="14:14">
      <c r="N560932" s="10"/>
    </row>
    <row r="560933" spans="14:14">
      <c r="N560933" s="10"/>
    </row>
    <row r="560934" spans="14:14">
      <c r="N560934" s="10"/>
    </row>
    <row r="560935" spans="14:14">
      <c r="N560935" s="10"/>
    </row>
    <row r="560936" spans="14:14">
      <c r="N560936" s="10"/>
    </row>
    <row r="560937" spans="14:14">
      <c r="N560937" s="10"/>
    </row>
    <row r="560938" spans="14:14">
      <c r="N560938" s="10"/>
    </row>
    <row r="560939" spans="14:14">
      <c r="N560939" s="10"/>
    </row>
    <row r="560940" spans="14:14">
      <c r="N560940" s="10"/>
    </row>
    <row r="560941" spans="14:14">
      <c r="N560941" s="10"/>
    </row>
    <row r="560942" spans="14:14">
      <c r="N560942" s="10"/>
    </row>
    <row r="560943" spans="14:14">
      <c r="N560943" s="10"/>
    </row>
    <row r="560944" spans="14:14">
      <c r="N560944" s="10"/>
    </row>
    <row r="560945" spans="14:14">
      <c r="N560945" s="10"/>
    </row>
    <row r="560946" spans="14:14">
      <c r="N560946" s="10"/>
    </row>
    <row r="560947" spans="14:14">
      <c r="N560947" s="10"/>
    </row>
    <row r="560948" spans="14:14">
      <c r="N560948" s="10"/>
    </row>
    <row r="560949" spans="14:14">
      <c r="N560949" s="10"/>
    </row>
    <row r="560950" spans="14:14">
      <c r="N560950" s="10"/>
    </row>
    <row r="560951" spans="14:14">
      <c r="N560951" s="10"/>
    </row>
    <row r="560952" spans="14:14">
      <c r="N560952" s="10"/>
    </row>
    <row r="560953" spans="14:14">
      <c r="N560953" s="10"/>
    </row>
    <row r="560954" spans="14:14">
      <c r="N560954" s="10"/>
    </row>
    <row r="560955" spans="14:14">
      <c r="N560955" s="10"/>
    </row>
    <row r="560956" spans="14:14">
      <c r="N560956" s="10"/>
    </row>
    <row r="560957" spans="14:14">
      <c r="N560957" s="10"/>
    </row>
    <row r="560958" spans="14:14">
      <c r="N560958" s="10"/>
    </row>
    <row r="560959" spans="14:14">
      <c r="N560959" s="10"/>
    </row>
    <row r="560960" spans="14:14">
      <c r="N560960" s="10"/>
    </row>
    <row r="560961" spans="14:14">
      <c r="N560961" s="10"/>
    </row>
    <row r="560962" spans="14:14">
      <c r="N560962" s="10"/>
    </row>
    <row r="560963" spans="14:14">
      <c r="N560963" s="10"/>
    </row>
    <row r="560964" spans="14:14">
      <c r="N560964" s="10"/>
    </row>
    <row r="560965" spans="14:14">
      <c r="N560965" s="10"/>
    </row>
    <row r="560966" spans="14:14">
      <c r="N560966" s="10"/>
    </row>
    <row r="560967" spans="14:14">
      <c r="N560967" s="10"/>
    </row>
    <row r="560968" spans="14:14">
      <c r="N560968" s="10"/>
    </row>
    <row r="560969" spans="14:14">
      <c r="N560969" s="10"/>
    </row>
    <row r="560970" spans="14:14">
      <c r="N560970" s="10"/>
    </row>
    <row r="560971" spans="14:14">
      <c r="N560971" s="10"/>
    </row>
    <row r="560972" spans="14:14">
      <c r="N560972" s="10"/>
    </row>
    <row r="560973" spans="14:14">
      <c r="N560973" s="10"/>
    </row>
    <row r="560974" spans="14:14">
      <c r="N560974" s="10"/>
    </row>
    <row r="560975" spans="14:14">
      <c r="N560975" s="10"/>
    </row>
    <row r="560976" spans="14:14">
      <c r="N560976" s="10"/>
    </row>
    <row r="560977" spans="14:14">
      <c r="N560977" s="10"/>
    </row>
    <row r="560978" spans="14:14">
      <c r="N560978" s="10"/>
    </row>
    <row r="560979" spans="14:14">
      <c r="N560979" s="10"/>
    </row>
    <row r="560980" spans="14:14">
      <c r="N560980" s="10"/>
    </row>
    <row r="560981" spans="14:14">
      <c r="N560981" s="10"/>
    </row>
    <row r="560982" spans="14:14">
      <c r="N560982" s="10"/>
    </row>
    <row r="560983" spans="14:14">
      <c r="N560983" s="10"/>
    </row>
    <row r="560984" spans="14:14">
      <c r="N560984" s="10"/>
    </row>
    <row r="560985" spans="14:14">
      <c r="N560985" s="10"/>
    </row>
    <row r="560986" spans="14:14">
      <c r="N560986" s="10"/>
    </row>
    <row r="560987" spans="14:14">
      <c r="N560987" s="10"/>
    </row>
    <row r="560988" spans="14:14">
      <c r="N560988" s="10"/>
    </row>
    <row r="560989" spans="14:14">
      <c r="N560989" s="10"/>
    </row>
    <row r="560990" spans="14:14">
      <c r="N560990" s="10"/>
    </row>
    <row r="560991" spans="14:14">
      <c r="N560991" s="10"/>
    </row>
    <row r="560992" spans="14:14">
      <c r="N560992" s="10"/>
    </row>
    <row r="560993" spans="14:14">
      <c r="N560993" s="10"/>
    </row>
    <row r="560994" spans="14:14">
      <c r="N560994" s="10"/>
    </row>
    <row r="560995" spans="14:14">
      <c r="N560995" s="10"/>
    </row>
    <row r="560996" spans="14:14">
      <c r="N560996" s="10"/>
    </row>
    <row r="560997" spans="14:14">
      <c r="N560997" s="10"/>
    </row>
    <row r="560998" spans="14:14">
      <c r="N560998" s="10"/>
    </row>
    <row r="560999" spans="14:14">
      <c r="N560999" s="10"/>
    </row>
    <row r="561000" spans="14:14">
      <c r="N561000" s="10"/>
    </row>
    <row r="561001" spans="14:14">
      <c r="N561001" s="10"/>
    </row>
    <row r="561002" spans="14:14">
      <c r="N561002" s="10"/>
    </row>
    <row r="561003" spans="14:14">
      <c r="N561003" s="10"/>
    </row>
    <row r="561004" spans="14:14">
      <c r="N561004" s="10"/>
    </row>
    <row r="561005" spans="14:14">
      <c r="N561005" s="10"/>
    </row>
    <row r="561006" spans="14:14">
      <c r="N561006" s="10"/>
    </row>
    <row r="561007" spans="14:14">
      <c r="N561007" s="10"/>
    </row>
    <row r="561008" spans="14:14">
      <c r="N561008" s="10"/>
    </row>
    <row r="561009" spans="14:14">
      <c r="N561009" s="10"/>
    </row>
    <row r="561010" spans="14:14">
      <c r="N561010" s="10"/>
    </row>
    <row r="561011" spans="14:14">
      <c r="N561011" s="10"/>
    </row>
    <row r="561012" spans="14:14">
      <c r="N561012" s="10"/>
    </row>
    <row r="561013" spans="14:14">
      <c r="N561013" s="10"/>
    </row>
    <row r="561014" spans="14:14">
      <c r="N561014" s="10"/>
    </row>
    <row r="561015" spans="14:14">
      <c r="N561015" s="10"/>
    </row>
    <row r="561016" spans="14:14">
      <c r="N561016" s="10"/>
    </row>
    <row r="561017" spans="14:14">
      <c r="N561017" s="10"/>
    </row>
    <row r="561018" spans="14:14">
      <c r="N561018" s="10"/>
    </row>
    <row r="561019" spans="14:14">
      <c r="N561019" s="10"/>
    </row>
    <row r="561020" spans="14:14">
      <c r="N561020" s="10"/>
    </row>
    <row r="561021" spans="14:14">
      <c r="N561021" s="10"/>
    </row>
    <row r="561022" spans="14:14">
      <c r="N561022" s="10"/>
    </row>
    <row r="561023" spans="14:14">
      <c r="N561023" s="10"/>
    </row>
    <row r="561024" spans="14:14">
      <c r="N561024" s="10"/>
    </row>
    <row r="561025" spans="14:14">
      <c r="N561025" s="10"/>
    </row>
    <row r="561026" spans="14:14">
      <c r="N561026" s="10"/>
    </row>
    <row r="561027" spans="14:14">
      <c r="N561027" s="10"/>
    </row>
    <row r="561028" spans="14:14">
      <c r="N561028" s="10"/>
    </row>
    <row r="561029" spans="14:14">
      <c r="N561029" s="10"/>
    </row>
    <row r="561030" spans="14:14">
      <c r="N561030" s="10"/>
    </row>
    <row r="561031" spans="14:14">
      <c r="N561031" s="10"/>
    </row>
    <row r="561032" spans="14:14">
      <c r="N561032" s="10"/>
    </row>
    <row r="561033" spans="14:14">
      <c r="N561033" s="10"/>
    </row>
    <row r="561034" spans="14:14">
      <c r="N561034" s="10"/>
    </row>
    <row r="561035" spans="14:14">
      <c r="N561035" s="10"/>
    </row>
    <row r="561036" spans="14:14">
      <c r="N561036" s="10"/>
    </row>
    <row r="561037" spans="14:14">
      <c r="N561037" s="10"/>
    </row>
    <row r="561038" spans="14:14">
      <c r="N561038" s="10"/>
    </row>
    <row r="561039" spans="14:14">
      <c r="N561039" s="10"/>
    </row>
    <row r="561040" spans="14:14">
      <c r="N561040" s="10"/>
    </row>
    <row r="561041" spans="14:14">
      <c r="N561041" s="10"/>
    </row>
    <row r="561042" spans="14:14">
      <c r="N561042" s="10"/>
    </row>
    <row r="561043" spans="14:14">
      <c r="N561043" s="10"/>
    </row>
    <row r="561044" spans="14:14">
      <c r="N561044" s="10"/>
    </row>
    <row r="561045" spans="14:14">
      <c r="N561045" s="10"/>
    </row>
    <row r="561046" spans="14:14">
      <c r="N561046" s="10"/>
    </row>
    <row r="561047" spans="14:14">
      <c r="N561047" s="10"/>
    </row>
    <row r="561048" spans="14:14">
      <c r="N561048" s="10"/>
    </row>
    <row r="561049" spans="14:14">
      <c r="N561049" s="10"/>
    </row>
    <row r="561050" spans="14:14">
      <c r="N561050" s="10"/>
    </row>
    <row r="561051" spans="14:14">
      <c r="N561051" s="10"/>
    </row>
    <row r="561052" spans="14:14">
      <c r="N561052" s="10"/>
    </row>
    <row r="561053" spans="14:14">
      <c r="N561053" s="10"/>
    </row>
    <row r="561054" spans="14:14">
      <c r="N561054" s="10"/>
    </row>
    <row r="561055" spans="14:14">
      <c r="N561055" s="10"/>
    </row>
    <row r="561056" spans="14:14">
      <c r="N561056" s="10"/>
    </row>
    <row r="561057" spans="14:14">
      <c r="N561057" s="10"/>
    </row>
    <row r="561058" spans="14:14">
      <c r="N561058" s="10"/>
    </row>
    <row r="561059" spans="14:14">
      <c r="N561059" s="10"/>
    </row>
    <row r="561060" spans="14:14">
      <c r="N561060" s="10"/>
    </row>
    <row r="561061" spans="14:14">
      <c r="N561061" s="10"/>
    </row>
    <row r="561062" spans="14:14">
      <c r="N561062" s="10"/>
    </row>
    <row r="561063" spans="14:14">
      <c r="N561063" s="10"/>
    </row>
    <row r="561064" spans="14:14">
      <c r="N561064" s="10"/>
    </row>
    <row r="561065" spans="14:14">
      <c r="N561065" s="10"/>
    </row>
    <row r="561066" spans="14:14">
      <c r="N561066" s="10"/>
    </row>
    <row r="561067" spans="14:14">
      <c r="N561067" s="10"/>
    </row>
    <row r="561068" spans="14:14">
      <c r="N561068" s="10"/>
    </row>
    <row r="561069" spans="14:14">
      <c r="N561069" s="10"/>
    </row>
    <row r="561070" spans="14:14">
      <c r="N561070" s="10"/>
    </row>
    <row r="561071" spans="14:14">
      <c r="N561071" s="10"/>
    </row>
    <row r="561072" spans="14:14">
      <c r="N561072" s="10"/>
    </row>
    <row r="561073" spans="14:14">
      <c r="N561073" s="10"/>
    </row>
    <row r="561074" spans="14:14">
      <c r="N561074" s="10"/>
    </row>
    <row r="561075" spans="14:14">
      <c r="N561075" s="10"/>
    </row>
    <row r="561076" spans="14:14">
      <c r="N561076" s="10"/>
    </row>
    <row r="561077" spans="14:14">
      <c r="N561077" s="10"/>
    </row>
    <row r="561078" spans="14:14">
      <c r="N561078" s="10"/>
    </row>
    <row r="561079" spans="14:14">
      <c r="N561079" s="10"/>
    </row>
    <row r="561080" spans="14:14">
      <c r="N561080" s="10"/>
    </row>
    <row r="561081" spans="14:14">
      <c r="N561081" s="10"/>
    </row>
    <row r="561082" spans="14:14">
      <c r="N561082" s="10"/>
    </row>
    <row r="561083" spans="14:14">
      <c r="N561083" s="10"/>
    </row>
    <row r="561084" spans="14:14">
      <c r="N561084" s="10"/>
    </row>
    <row r="561085" spans="14:14">
      <c r="N561085" s="10"/>
    </row>
    <row r="561086" spans="14:14">
      <c r="N561086" s="10"/>
    </row>
    <row r="561087" spans="14:14">
      <c r="N561087" s="10"/>
    </row>
    <row r="561088" spans="14:14">
      <c r="N561088" s="10"/>
    </row>
    <row r="561089" spans="14:14">
      <c r="N561089" s="10"/>
    </row>
    <row r="561090" spans="14:14">
      <c r="N561090" s="10"/>
    </row>
    <row r="561091" spans="14:14">
      <c r="N561091" s="10"/>
    </row>
    <row r="561092" spans="14:14">
      <c r="N561092" s="10"/>
    </row>
    <row r="561093" spans="14:14">
      <c r="N561093" s="10"/>
    </row>
    <row r="561094" spans="14:14">
      <c r="N561094" s="10"/>
    </row>
    <row r="561095" spans="14:14">
      <c r="N561095" s="10"/>
    </row>
    <row r="561096" spans="14:14">
      <c r="N561096" s="10"/>
    </row>
    <row r="561097" spans="14:14">
      <c r="N561097" s="10"/>
    </row>
    <row r="561098" spans="14:14">
      <c r="N561098" s="10"/>
    </row>
    <row r="561099" spans="14:14">
      <c r="N561099" s="10"/>
    </row>
    <row r="561100" spans="14:14">
      <c r="N561100" s="10"/>
    </row>
    <row r="561101" spans="14:14">
      <c r="N561101" s="10"/>
    </row>
    <row r="561102" spans="14:14">
      <c r="N561102" s="10"/>
    </row>
    <row r="561103" spans="14:14">
      <c r="N561103" s="10"/>
    </row>
    <row r="561104" spans="14:14">
      <c r="N561104" s="10"/>
    </row>
    <row r="561105" spans="14:14">
      <c r="N561105" s="10"/>
    </row>
    <row r="561106" spans="14:14">
      <c r="N561106" s="10"/>
    </row>
    <row r="561107" spans="14:14">
      <c r="N561107" s="10"/>
    </row>
    <row r="561108" spans="14:14">
      <c r="N561108" s="10"/>
    </row>
    <row r="561109" spans="14:14">
      <c r="N561109" s="10"/>
    </row>
    <row r="561110" spans="14:14">
      <c r="N561110" s="10"/>
    </row>
    <row r="561111" spans="14:14">
      <c r="N561111" s="10"/>
    </row>
    <row r="561112" spans="14:14">
      <c r="N561112" s="10"/>
    </row>
    <row r="561113" spans="14:14">
      <c r="N561113" s="10"/>
    </row>
    <row r="561114" spans="14:14">
      <c r="N561114" s="10"/>
    </row>
    <row r="561115" spans="14:14">
      <c r="N561115" s="10"/>
    </row>
    <row r="561116" spans="14:14">
      <c r="N561116" s="10"/>
    </row>
    <row r="561117" spans="14:14">
      <c r="N561117" s="10"/>
    </row>
    <row r="561118" spans="14:14">
      <c r="N561118" s="10"/>
    </row>
    <row r="561119" spans="14:14">
      <c r="N561119" s="10"/>
    </row>
    <row r="561120" spans="14:14">
      <c r="N561120" s="10"/>
    </row>
    <row r="561121" spans="14:14">
      <c r="N561121" s="10"/>
    </row>
    <row r="561122" spans="14:14">
      <c r="N561122" s="10"/>
    </row>
    <row r="561123" spans="14:14">
      <c r="N561123" s="10"/>
    </row>
    <row r="561124" spans="14:14">
      <c r="N561124" s="10"/>
    </row>
    <row r="561125" spans="14:14">
      <c r="N561125" s="10"/>
    </row>
    <row r="561126" spans="14:14">
      <c r="N561126" s="10"/>
    </row>
    <row r="561127" spans="14:14">
      <c r="N561127" s="10"/>
    </row>
    <row r="561128" spans="14:14">
      <c r="N561128" s="10"/>
    </row>
    <row r="561129" spans="14:14">
      <c r="N561129" s="10"/>
    </row>
    <row r="561130" spans="14:14">
      <c r="N561130" s="10"/>
    </row>
    <row r="561131" spans="14:14">
      <c r="N561131" s="10"/>
    </row>
    <row r="561132" spans="14:14">
      <c r="N561132" s="10"/>
    </row>
    <row r="561133" spans="14:14">
      <c r="N561133" s="10"/>
    </row>
    <row r="561134" spans="14:14">
      <c r="N561134" s="10"/>
    </row>
    <row r="561135" spans="14:14">
      <c r="N561135" s="10"/>
    </row>
    <row r="561136" spans="14:14">
      <c r="N561136" s="10"/>
    </row>
    <row r="561137" spans="14:14">
      <c r="N561137" s="10"/>
    </row>
    <row r="561138" spans="14:14">
      <c r="N561138" s="10"/>
    </row>
    <row r="561139" spans="14:14">
      <c r="N561139" s="10"/>
    </row>
    <row r="561140" spans="14:14">
      <c r="N561140" s="10"/>
    </row>
    <row r="561141" spans="14:14">
      <c r="N561141" s="10"/>
    </row>
    <row r="561142" spans="14:14">
      <c r="N561142" s="10"/>
    </row>
    <row r="561143" spans="14:14">
      <c r="N561143" s="10"/>
    </row>
    <row r="561144" spans="14:14">
      <c r="N561144" s="10"/>
    </row>
    <row r="561145" spans="14:14">
      <c r="N561145" s="10"/>
    </row>
    <row r="561146" spans="14:14">
      <c r="N561146" s="10"/>
    </row>
    <row r="561147" spans="14:14">
      <c r="N561147" s="10"/>
    </row>
    <row r="561148" spans="14:14">
      <c r="N561148" s="10"/>
    </row>
    <row r="561149" spans="14:14">
      <c r="N561149" s="10"/>
    </row>
    <row r="561150" spans="14:14">
      <c r="N561150" s="10"/>
    </row>
    <row r="561151" spans="14:14">
      <c r="N561151" s="10"/>
    </row>
    <row r="561152" spans="14:14">
      <c r="N561152" s="10"/>
    </row>
    <row r="561153" spans="14:14">
      <c r="N561153" s="10"/>
    </row>
    <row r="561154" spans="14:14">
      <c r="N561154" s="10"/>
    </row>
    <row r="561155" spans="14:14">
      <c r="N561155" s="10"/>
    </row>
    <row r="561156" spans="14:14">
      <c r="N561156" s="10"/>
    </row>
    <row r="561157" spans="14:14">
      <c r="N561157" s="10"/>
    </row>
    <row r="561158" spans="14:14">
      <c r="N561158" s="10"/>
    </row>
    <row r="561159" spans="14:14">
      <c r="N561159" s="10"/>
    </row>
    <row r="561160" spans="14:14">
      <c r="N561160" s="10"/>
    </row>
    <row r="561161" spans="14:14">
      <c r="N561161" s="10"/>
    </row>
    <row r="561162" spans="14:14">
      <c r="N561162" s="10"/>
    </row>
    <row r="561163" spans="14:14">
      <c r="N561163" s="10"/>
    </row>
    <row r="561164" spans="14:14">
      <c r="N561164" s="10"/>
    </row>
    <row r="561165" spans="14:14">
      <c r="N561165" s="10"/>
    </row>
    <row r="561166" spans="14:14">
      <c r="N561166" s="10"/>
    </row>
    <row r="561167" spans="14:14">
      <c r="N561167" s="10"/>
    </row>
    <row r="561168" spans="14:14">
      <c r="N561168" s="10"/>
    </row>
    <row r="561169" spans="14:14">
      <c r="N561169" s="10"/>
    </row>
    <row r="561170" spans="14:14">
      <c r="N561170" s="10"/>
    </row>
    <row r="561171" spans="14:14">
      <c r="N561171" s="10"/>
    </row>
    <row r="561172" spans="14:14">
      <c r="N561172" s="10"/>
    </row>
    <row r="561173" spans="14:14">
      <c r="N561173" s="10"/>
    </row>
    <row r="561174" spans="14:14">
      <c r="N561174" s="10"/>
    </row>
    <row r="561175" spans="14:14">
      <c r="N561175" s="10"/>
    </row>
    <row r="561176" spans="14:14">
      <c r="N561176" s="10"/>
    </row>
    <row r="561177" spans="14:14">
      <c r="N561177" s="10"/>
    </row>
    <row r="561178" spans="14:14">
      <c r="N561178" s="10"/>
    </row>
    <row r="561179" spans="14:14">
      <c r="N561179" s="10"/>
    </row>
    <row r="561180" spans="14:14">
      <c r="N561180" s="10"/>
    </row>
    <row r="561181" spans="14:14">
      <c r="N561181" s="10"/>
    </row>
    <row r="561182" spans="14:14">
      <c r="N561182" s="10"/>
    </row>
    <row r="561183" spans="14:14">
      <c r="N561183" s="10"/>
    </row>
    <row r="561184" spans="14:14">
      <c r="N561184" s="10"/>
    </row>
    <row r="561185" spans="14:14">
      <c r="N561185" s="10"/>
    </row>
    <row r="561186" spans="14:14">
      <c r="N561186" s="10"/>
    </row>
    <row r="561187" spans="14:14">
      <c r="N561187" s="10"/>
    </row>
    <row r="561188" spans="14:14">
      <c r="N561188" s="10"/>
    </row>
    <row r="561189" spans="14:14">
      <c r="N561189" s="10"/>
    </row>
    <row r="561190" spans="14:14">
      <c r="N561190" s="10"/>
    </row>
    <row r="561191" spans="14:14">
      <c r="N561191" s="10"/>
    </row>
    <row r="561192" spans="14:14">
      <c r="N561192" s="10"/>
    </row>
    <row r="561193" spans="14:14">
      <c r="N561193" s="10"/>
    </row>
    <row r="561194" spans="14:14">
      <c r="N561194" s="10"/>
    </row>
    <row r="561195" spans="14:14">
      <c r="N561195" s="10"/>
    </row>
    <row r="561196" spans="14:14">
      <c r="N561196" s="10"/>
    </row>
    <row r="561197" spans="14:14">
      <c r="N561197" s="10"/>
    </row>
    <row r="561198" spans="14:14">
      <c r="N561198" s="10"/>
    </row>
    <row r="561199" spans="14:14">
      <c r="N561199" s="10"/>
    </row>
    <row r="561200" spans="14:14">
      <c r="N561200" s="10"/>
    </row>
    <row r="561201" spans="14:14">
      <c r="N561201" s="10"/>
    </row>
    <row r="561202" spans="14:14">
      <c r="N561202" s="10"/>
    </row>
    <row r="561203" spans="14:14">
      <c r="N561203" s="10"/>
    </row>
    <row r="561204" spans="14:14">
      <c r="N561204" s="10"/>
    </row>
    <row r="561205" spans="14:14">
      <c r="N561205" s="10"/>
    </row>
    <row r="561206" spans="14:14">
      <c r="N561206" s="10"/>
    </row>
    <row r="561207" spans="14:14">
      <c r="N561207" s="10"/>
    </row>
    <row r="561208" spans="14:14">
      <c r="N561208" s="10"/>
    </row>
    <row r="561209" spans="14:14">
      <c r="N561209" s="10"/>
    </row>
    <row r="561210" spans="14:14">
      <c r="N561210" s="10"/>
    </row>
    <row r="561211" spans="14:14">
      <c r="N561211" s="10"/>
    </row>
    <row r="561212" spans="14:14">
      <c r="N561212" s="10"/>
    </row>
    <row r="561213" spans="14:14">
      <c r="N561213" s="10"/>
    </row>
    <row r="561214" spans="14:14">
      <c r="N561214" s="10"/>
    </row>
    <row r="561215" spans="14:14">
      <c r="N561215" s="10"/>
    </row>
    <row r="561216" spans="14:14">
      <c r="N561216" s="10"/>
    </row>
    <row r="561217" spans="14:14">
      <c r="N561217" s="10"/>
    </row>
    <row r="561218" spans="14:14">
      <c r="N561218" s="10"/>
    </row>
    <row r="561219" spans="14:14">
      <c r="N561219" s="10"/>
    </row>
    <row r="561220" spans="14:14">
      <c r="N561220" s="10"/>
    </row>
    <row r="561221" spans="14:14">
      <c r="N561221" s="10"/>
    </row>
    <row r="561222" spans="14:14">
      <c r="N561222" s="10"/>
    </row>
    <row r="561223" spans="14:14">
      <c r="N561223" s="10"/>
    </row>
    <row r="561224" spans="14:14">
      <c r="N561224" s="10"/>
    </row>
    <row r="561225" spans="14:14">
      <c r="N561225" s="10"/>
    </row>
    <row r="561226" spans="14:14">
      <c r="N561226" s="10"/>
    </row>
    <row r="561227" spans="14:14">
      <c r="N561227" s="10"/>
    </row>
    <row r="561228" spans="14:14">
      <c r="N561228" s="10"/>
    </row>
    <row r="561229" spans="14:14">
      <c r="N561229" s="10"/>
    </row>
    <row r="561230" spans="14:14">
      <c r="N561230" s="10"/>
    </row>
    <row r="561231" spans="14:14">
      <c r="N561231" s="10"/>
    </row>
    <row r="561232" spans="14:14">
      <c r="N561232" s="10"/>
    </row>
    <row r="561233" spans="14:14">
      <c r="N561233" s="10"/>
    </row>
    <row r="561234" spans="14:14">
      <c r="N561234" s="10"/>
    </row>
    <row r="561235" spans="14:14">
      <c r="N561235" s="10"/>
    </row>
    <row r="561236" spans="14:14">
      <c r="N561236" s="10"/>
    </row>
    <row r="561237" spans="14:14">
      <c r="N561237" s="10"/>
    </row>
    <row r="561238" spans="14:14">
      <c r="N561238" s="10"/>
    </row>
    <row r="561239" spans="14:14">
      <c r="N561239" s="10"/>
    </row>
    <row r="561240" spans="14:14">
      <c r="N561240" s="10"/>
    </row>
    <row r="561241" spans="14:14">
      <c r="N561241" s="10"/>
    </row>
    <row r="561242" spans="14:14">
      <c r="N561242" s="10"/>
    </row>
    <row r="561243" spans="14:14">
      <c r="N561243" s="10"/>
    </row>
    <row r="561244" spans="14:14">
      <c r="N561244" s="10"/>
    </row>
    <row r="561245" spans="14:14">
      <c r="N561245" s="10"/>
    </row>
    <row r="561246" spans="14:14">
      <c r="N561246" s="10"/>
    </row>
    <row r="561247" spans="14:14">
      <c r="N561247" s="10"/>
    </row>
    <row r="561248" spans="14:14">
      <c r="N561248" s="10"/>
    </row>
    <row r="561249" spans="14:14">
      <c r="N561249" s="10"/>
    </row>
    <row r="561250" spans="14:14">
      <c r="N561250" s="10"/>
    </row>
    <row r="561251" spans="14:14">
      <c r="N561251" s="10"/>
    </row>
    <row r="561252" spans="14:14">
      <c r="N561252" s="10"/>
    </row>
    <row r="561253" spans="14:14">
      <c r="N561253" s="10"/>
    </row>
    <row r="561254" spans="14:14">
      <c r="N561254" s="10"/>
    </row>
    <row r="561255" spans="14:14">
      <c r="N561255" s="10"/>
    </row>
    <row r="561256" spans="14:14">
      <c r="N561256" s="10"/>
    </row>
    <row r="561257" spans="14:14">
      <c r="N561257" s="10"/>
    </row>
    <row r="561258" spans="14:14">
      <c r="N561258" s="10"/>
    </row>
    <row r="561259" spans="14:14">
      <c r="N561259" s="10"/>
    </row>
    <row r="561260" spans="14:14">
      <c r="N561260" s="10"/>
    </row>
    <row r="561261" spans="14:14">
      <c r="N561261" s="10"/>
    </row>
    <row r="561262" spans="14:14">
      <c r="N561262" s="10"/>
    </row>
    <row r="561263" spans="14:14">
      <c r="N561263" s="10"/>
    </row>
    <row r="561264" spans="14:14">
      <c r="N561264" s="10"/>
    </row>
    <row r="561265" spans="14:14">
      <c r="N561265" s="10"/>
    </row>
    <row r="561266" spans="14:14">
      <c r="N561266" s="10"/>
    </row>
    <row r="561267" spans="14:14">
      <c r="N561267" s="10"/>
    </row>
    <row r="561268" spans="14:14">
      <c r="N561268" s="10"/>
    </row>
    <row r="561269" spans="14:14">
      <c r="N561269" s="10"/>
    </row>
    <row r="561270" spans="14:14">
      <c r="N561270" s="10"/>
    </row>
    <row r="561271" spans="14:14">
      <c r="N561271" s="10"/>
    </row>
    <row r="561272" spans="14:14">
      <c r="N561272" s="10"/>
    </row>
    <row r="561273" spans="14:14">
      <c r="N561273" s="10"/>
    </row>
    <row r="561274" spans="14:14">
      <c r="N561274" s="10"/>
    </row>
    <row r="561275" spans="14:14">
      <c r="N561275" s="10"/>
    </row>
    <row r="561276" spans="14:14">
      <c r="N561276" s="10"/>
    </row>
    <row r="561277" spans="14:14">
      <c r="N561277" s="10"/>
    </row>
    <row r="561278" spans="14:14">
      <c r="N561278" s="10"/>
    </row>
    <row r="561279" spans="14:14">
      <c r="N561279" s="10"/>
    </row>
    <row r="561280" spans="14:14">
      <c r="N561280" s="10"/>
    </row>
    <row r="561281" spans="14:14">
      <c r="N561281" s="10"/>
    </row>
    <row r="561282" spans="14:14">
      <c r="N561282" s="10"/>
    </row>
    <row r="561283" spans="14:14">
      <c r="N561283" s="10"/>
    </row>
    <row r="561284" spans="14:14">
      <c r="N561284" s="10"/>
    </row>
    <row r="561285" spans="14:14">
      <c r="N561285" s="10"/>
    </row>
    <row r="561286" spans="14:14">
      <c r="N561286" s="10"/>
    </row>
    <row r="561287" spans="14:14">
      <c r="N561287" s="10"/>
    </row>
    <row r="561288" spans="14:14">
      <c r="N561288" s="10"/>
    </row>
    <row r="561289" spans="14:14">
      <c r="N561289" s="10"/>
    </row>
    <row r="561290" spans="14:14">
      <c r="N561290" s="10"/>
    </row>
    <row r="561291" spans="14:14">
      <c r="N561291" s="10"/>
    </row>
    <row r="561292" spans="14:14">
      <c r="N561292" s="10"/>
    </row>
    <row r="561293" spans="14:14">
      <c r="N561293" s="10"/>
    </row>
    <row r="561294" spans="14:14">
      <c r="N561294" s="10"/>
    </row>
    <row r="561295" spans="14:14">
      <c r="N561295" s="10"/>
    </row>
    <row r="561296" spans="14:14">
      <c r="N561296" s="10"/>
    </row>
    <row r="561297" spans="14:14">
      <c r="N561297" s="10"/>
    </row>
    <row r="561298" spans="14:14">
      <c r="N561298" s="10"/>
    </row>
    <row r="561299" spans="14:14">
      <c r="N561299" s="10"/>
    </row>
    <row r="561300" spans="14:14">
      <c r="N561300" s="10"/>
    </row>
    <row r="561301" spans="14:14">
      <c r="N561301" s="10"/>
    </row>
    <row r="561302" spans="14:14">
      <c r="N561302" s="10"/>
    </row>
    <row r="561303" spans="14:14">
      <c r="N561303" s="10"/>
    </row>
    <row r="561304" spans="14:14">
      <c r="N561304" s="10"/>
    </row>
    <row r="561305" spans="14:14">
      <c r="N561305" s="10"/>
    </row>
    <row r="561306" spans="14:14">
      <c r="N561306" s="10"/>
    </row>
    <row r="561307" spans="14:14">
      <c r="N561307" s="10"/>
    </row>
    <row r="561308" spans="14:14">
      <c r="N561308" s="10"/>
    </row>
    <row r="561309" spans="14:14">
      <c r="N561309" s="10"/>
    </row>
    <row r="561310" spans="14:14">
      <c r="N561310" s="10"/>
    </row>
    <row r="561311" spans="14:14">
      <c r="N561311" s="10"/>
    </row>
    <row r="561312" spans="14:14">
      <c r="N561312" s="10"/>
    </row>
    <row r="561313" spans="14:14">
      <c r="N561313" s="10"/>
    </row>
    <row r="561314" spans="14:14">
      <c r="N561314" s="10"/>
    </row>
    <row r="561315" spans="14:14">
      <c r="N561315" s="10"/>
    </row>
    <row r="561316" spans="14:14">
      <c r="N561316" s="10"/>
    </row>
    <row r="561317" spans="14:14">
      <c r="N561317" s="10"/>
    </row>
    <row r="561318" spans="14:14">
      <c r="N561318" s="10"/>
    </row>
    <row r="561319" spans="14:14">
      <c r="N561319" s="10"/>
    </row>
    <row r="561320" spans="14:14">
      <c r="N561320" s="10"/>
    </row>
    <row r="561321" spans="14:14">
      <c r="N561321" s="10"/>
    </row>
    <row r="561322" spans="14:14">
      <c r="N561322" s="10"/>
    </row>
    <row r="561323" spans="14:14">
      <c r="N561323" s="10"/>
    </row>
    <row r="561324" spans="14:14">
      <c r="N561324" s="10"/>
    </row>
    <row r="561325" spans="14:14">
      <c r="N561325" s="10"/>
    </row>
    <row r="561326" spans="14:14">
      <c r="N561326" s="10"/>
    </row>
    <row r="561327" spans="14:14">
      <c r="N561327" s="10"/>
    </row>
    <row r="561328" spans="14:14">
      <c r="N561328" s="10"/>
    </row>
    <row r="561329" spans="14:14">
      <c r="N561329" s="10"/>
    </row>
    <row r="561330" spans="14:14">
      <c r="N561330" s="10"/>
    </row>
    <row r="561331" spans="14:14">
      <c r="N561331" s="10"/>
    </row>
    <row r="561332" spans="14:14">
      <c r="N561332" s="10"/>
    </row>
    <row r="561333" spans="14:14">
      <c r="N561333" s="10"/>
    </row>
    <row r="561334" spans="14:14">
      <c r="N561334" s="10"/>
    </row>
    <row r="561335" spans="14:14">
      <c r="N561335" s="10"/>
    </row>
    <row r="561336" spans="14:14">
      <c r="N561336" s="10"/>
    </row>
    <row r="561337" spans="14:14">
      <c r="N561337" s="10"/>
    </row>
    <row r="561338" spans="14:14">
      <c r="N561338" s="10"/>
    </row>
    <row r="561339" spans="14:14">
      <c r="N561339" s="10"/>
    </row>
    <row r="561340" spans="14:14">
      <c r="N561340" s="10"/>
    </row>
    <row r="561341" spans="14:14">
      <c r="N561341" s="10"/>
    </row>
    <row r="561342" spans="14:14">
      <c r="N561342" s="10"/>
    </row>
    <row r="561343" spans="14:14">
      <c r="N561343" s="10"/>
    </row>
    <row r="561344" spans="14:14">
      <c r="N561344" s="10"/>
    </row>
    <row r="561345" spans="14:14">
      <c r="N561345" s="10"/>
    </row>
    <row r="561346" spans="14:14">
      <c r="N561346" s="10"/>
    </row>
    <row r="561347" spans="14:14">
      <c r="N561347" s="10"/>
    </row>
    <row r="561348" spans="14:14">
      <c r="N561348" s="10"/>
    </row>
    <row r="561349" spans="14:14">
      <c r="N561349" s="10"/>
    </row>
    <row r="561350" spans="14:14">
      <c r="N561350" s="10"/>
    </row>
    <row r="561351" spans="14:14">
      <c r="N561351" s="10"/>
    </row>
    <row r="561352" spans="14:14">
      <c r="N561352" s="10"/>
    </row>
    <row r="561353" spans="14:14">
      <c r="N561353" s="10"/>
    </row>
    <row r="561354" spans="14:14">
      <c r="N561354" s="10"/>
    </row>
    <row r="561355" spans="14:14">
      <c r="N561355" s="10"/>
    </row>
    <row r="561356" spans="14:14">
      <c r="N561356" s="10"/>
    </row>
    <row r="561357" spans="14:14">
      <c r="N561357" s="10"/>
    </row>
    <row r="561358" spans="14:14">
      <c r="N561358" s="10"/>
    </row>
    <row r="561359" spans="14:14">
      <c r="N561359" s="10"/>
    </row>
    <row r="561360" spans="14:14">
      <c r="N561360" s="10"/>
    </row>
    <row r="561361" spans="14:14">
      <c r="N561361" s="10"/>
    </row>
    <row r="561362" spans="14:14">
      <c r="N561362" s="10"/>
    </row>
    <row r="561363" spans="14:14">
      <c r="N561363" s="10"/>
    </row>
    <row r="561364" spans="14:14">
      <c r="N561364" s="10"/>
    </row>
    <row r="561365" spans="14:14">
      <c r="N561365" s="10"/>
    </row>
    <row r="561366" spans="14:14">
      <c r="N561366" s="10"/>
    </row>
    <row r="561367" spans="14:14">
      <c r="N561367" s="10"/>
    </row>
    <row r="561368" spans="14:14">
      <c r="N561368" s="10"/>
    </row>
    <row r="561369" spans="14:14">
      <c r="N561369" s="10"/>
    </row>
    <row r="561370" spans="14:14">
      <c r="N561370" s="10"/>
    </row>
    <row r="561371" spans="14:14">
      <c r="N561371" s="10"/>
    </row>
    <row r="561372" spans="14:14">
      <c r="N561372" s="10"/>
    </row>
    <row r="561373" spans="14:14">
      <c r="N561373" s="10"/>
    </row>
    <row r="561374" spans="14:14">
      <c r="N561374" s="10"/>
    </row>
    <row r="561375" spans="14:14">
      <c r="N561375" s="10"/>
    </row>
    <row r="561376" spans="14:14">
      <c r="N561376" s="10"/>
    </row>
    <row r="561377" spans="14:14">
      <c r="N561377" s="10"/>
    </row>
    <row r="561378" spans="14:14">
      <c r="N561378" s="10"/>
    </row>
    <row r="561379" spans="14:14">
      <c r="N561379" s="10"/>
    </row>
    <row r="561380" spans="14:14">
      <c r="N561380" s="10"/>
    </row>
    <row r="561381" spans="14:14">
      <c r="N561381" s="10"/>
    </row>
    <row r="561382" spans="14:14">
      <c r="N561382" s="10"/>
    </row>
    <row r="561383" spans="14:14">
      <c r="N561383" s="10"/>
    </row>
    <row r="561384" spans="14:14">
      <c r="N561384" s="10"/>
    </row>
    <row r="561385" spans="14:14">
      <c r="N561385" s="10"/>
    </row>
    <row r="561386" spans="14:14">
      <c r="N561386" s="10"/>
    </row>
    <row r="561387" spans="14:14">
      <c r="N561387" s="10"/>
    </row>
    <row r="561388" spans="14:14">
      <c r="N561388" s="10"/>
    </row>
    <row r="561389" spans="14:14">
      <c r="N561389" s="10"/>
    </row>
    <row r="561390" spans="14:14">
      <c r="N561390" s="10"/>
    </row>
    <row r="561391" spans="14:14">
      <c r="N561391" s="10"/>
    </row>
    <row r="561392" spans="14:14">
      <c r="N561392" s="10"/>
    </row>
    <row r="561393" spans="14:14">
      <c r="N561393" s="10"/>
    </row>
    <row r="561394" spans="14:14">
      <c r="N561394" s="10"/>
    </row>
    <row r="561395" spans="14:14">
      <c r="N561395" s="10"/>
    </row>
    <row r="561396" spans="14:14">
      <c r="N561396" s="10"/>
    </row>
    <row r="561397" spans="14:14">
      <c r="N561397" s="10"/>
    </row>
    <row r="561398" spans="14:14">
      <c r="N561398" s="10"/>
    </row>
    <row r="561399" spans="14:14">
      <c r="N561399" s="10"/>
    </row>
    <row r="561400" spans="14:14">
      <c r="N561400" s="10"/>
    </row>
    <row r="561401" spans="14:14">
      <c r="N561401" s="10"/>
    </row>
    <row r="561402" spans="14:14">
      <c r="N561402" s="10"/>
    </row>
    <row r="561403" spans="14:14">
      <c r="N561403" s="10"/>
    </row>
    <row r="561404" spans="14:14">
      <c r="N561404" s="10"/>
    </row>
    <row r="561405" spans="14:14">
      <c r="N561405" s="10"/>
    </row>
    <row r="561406" spans="14:14">
      <c r="N561406" s="10"/>
    </row>
    <row r="561407" spans="14:14">
      <c r="N561407" s="10"/>
    </row>
    <row r="561408" spans="14:14">
      <c r="N561408" s="10"/>
    </row>
    <row r="561409" spans="14:14">
      <c r="N561409" s="10"/>
    </row>
    <row r="561410" spans="14:14">
      <c r="N561410" s="10"/>
    </row>
    <row r="561411" spans="14:14">
      <c r="N561411" s="10"/>
    </row>
    <row r="561412" spans="14:14">
      <c r="N561412" s="10"/>
    </row>
    <row r="561413" spans="14:14">
      <c r="N561413" s="10"/>
    </row>
    <row r="561414" spans="14:14">
      <c r="N561414" s="10"/>
    </row>
    <row r="561415" spans="14:14">
      <c r="N561415" s="10"/>
    </row>
    <row r="561416" spans="14:14">
      <c r="N561416" s="10"/>
    </row>
    <row r="561417" spans="14:14">
      <c r="N561417" s="10"/>
    </row>
    <row r="561418" spans="14:14">
      <c r="N561418" s="10"/>
    </row>
    <row r="561419" spans="14:14">
      <c r="N561419" s="10"/>
    </row>
    <row r="561420" spans="14:14">
      <c r="N561420" s="10"/>
    </row>
    <row r="561421" spans="14:14">
      <c r="N561421" s="10"/>
    </row>
    <row r="561422" spans="14:14">
      <c r="N561422" s="10"/>
    </row>
    <row r="561423" spans="14:14">
      <c r="N561423" s="10"/>
    </row>
    <row r="561424" spans="14:14">
      <c r="N561424" s="10"/>
    </row>
    <row r="561425" spans="14:14">
      <c r="N561425" s="10"/>
    </row>
    <row r="561426" spans="14:14">
      <c r="N561426" s="10"/>
    </row>
    <row r="561427" spans="14:14">
      <c r="N561427" s="10"/>
    </row>
    <row r="561428" spans="14:14">
      <c r="N561428" s="10"/>
    </row>
    <row r="561429" spans="14:14">
      <c r="N561429" s="10"/>
    </row>
    <row r="561430" spans="14:14">
      <c r="N561430" s="10"/>
    </row>
    <row r="561431" spans="14:14">
      <c r="N561431" s="10"/>
    </row>
    <row r="561432" spans="14:14">
      <c r="N561432" s="10"/>
    </row>
    <row r="561433" spans="14:14">
      <c r="N561433" s="10"/>
    </row>
    <row r="561434" spans="14:14">
      <c r="N561434" s="10"/>
    </row>
    <row r="561435" spans="14:14">
      <c r="N561435" s="10"/>
    </row>
    <row r="561436" spans="14:14">
      <c r="N561436" s="10"/>
    </row>
    <row r="561437" spans="14:14">
      <c r="N561437" s="10"/>
    </row>
    <row r="561438" spans="14:14">
      <c r="N561438" s="10"/>
    </row>
    <row r="561439" spans="14:14">
      <c r="N561439" s="10"/>
    </row>
    <row r="561440" spans="14:14">
      <c r="N561440" s="10"/>
    </row>
    <row r="561441" spans="14:14">
      <c r="N561441" s="10"/>
    </row>
    <row r="561442" spans="14:14">
      <c r="N561442" s="10"/>
    </row>
    <row r="561443" spans="14:14">
      <c r="N561443" s="10"/>
    </row>
    <row r="561444" spans="14:14">
      <c r="N561444" s="10"/>
    </row>
    <row r="561445" spans="14:14">
      <c r="N561445" s="10"/>
    </row>
    <row r="561446" spans="14:14">
      <c r="N561446" s="10"/>
    </row>
    <row r="561447" spans="14:14">
      <c r="N561447" s="10"/>
    </row>
    <row r="561448" spans="14:14">
      <c r="N561448" s="10"/>
    </row>
    <row r="561449" spans="14:14">
      <c r="N561449" s="10"/>
    </row>
    <row r="561450" spans="14:14">
      <c r="N561450" s="10"/>
    </row>
    <row r="561451" spans="14:14">
      <c r="N561451" s="10"/>
    </row>
    <row r="561452" spans="14:14">
      <c r="N561452" s="10"/>
    </row>
    <row r="561453" spans="14:14">
      <c r="N561453" s="10"/>
    </row>
    <row r="561454" spans="14:14">
      <c r="N561454" s="10"/>
    </row>
    <row r="561455" spans="14:14">
      <c r="N561455" s="10"/>
    </row>
    <row r="561456" spans="14:14">
      <c r="N561456" s="10"/>
    </row>
    <row r="561457" spans="14:14">
      <c r="N561457" s="10"/>
    </row>
    <row r="561458" spans="14:14">
      <c r="N561458" s="10"/>
    </row>
    <row r="561459" spans="14:14">
      <c r="N561459" s="10"/>
    </row>
    <row r="561460" spans="14:14">
      <c r="N561460" s="10"/>
    </row>
    <row r="561461" spans="14:14">
      <c r="N561461" s="10"/>
    </row>
    <row r="561462" spans="14:14">
      <c r="N561462" s="10"/>
    </row>
    <row r="561463" spans="14:14">
      <c r="N561463" s="10"/>
    </row>
    <row r="561464" spans="14:14">
      <c r="N561464" s="10"/>
    </row>
    <row r="561465" spans="14:14">
      <c r="N561465" s="10"/>
    </row>
    <row r="561466" spans="14:14">
      <c r="N561466" s="10"/>
    </row>
    <row r="561467" spans="14:14">
      <c r="N561467" s="10"/>
    </row>
    <row r="561468" spans="14:14">
      <c r="N561468" s="10"/>
    </row>
    <row r="561469" spans="14:14">
      <c r="N561469" s="10"/>
    </row>
    <row r="561470" spans="14:14">
      <c r="N561470" s="10"/>
    </row>
    <row r="561471" spans="14:14">
      <c r="N561471" s="10"/>
    </row>
    <row r="561472" spans="14:14">
      <c r="N561472" s="10"/>
    </row>
    <row r="561473" spans="14:14">
      <c r="N561473" s="10"/>
    </row>
    <row r="561474" spans="14:14">
      <c r="N561474" s="10"/>
    </row>
    <row r="561475" spans="14:14">
      <c r="N561475" s="10"/>
    </row>
    <row r="561476" spans="14:14">
      <c r="N561476" s="10"/>
    </row>
    <row r="561477" spans="14:14">
      <c r="N561477" s="10"/>
    </row>
    <row r="561478" spans="14:14">
      <c r="N561478" s="10"/>
    </row>
    <row r="561479" spans="14:14">
      <c r="N561479" s="10"/>
    </row>
    <row r="561480" spans="14:14">
      <c r="N561480" s="10"/>
    </row>
    <row r="561481" spans="14:14">
      <c r="N561481" s="10"/>
    </row>
    <row r="561482" spans="14:14">
      <c r="N561482" s="10"/>
    </row>
    <row r="561483" spans="14:14">
      <c r="N561483" s="10"/>
    </row>
    <row r="561484" spans="14:14">
      <c r="N561484" s="10"/>
    </row>
    <row r="561485" spans="14:14">
      <c r="N561485" s="10"/>
    </row>
    <row r="561486" spans="14:14">
      <c r="N561486" s="10"/>
    </row>
    <row r="561487" spans="14:14">
      <c r="N561487" s="10"/>
    </row>
    <row r="561488" spans="14:14">
      <c r="N561488" s="10"/>
    </row>
    <row r="561489" spans="14:14">
      <c r="N561489" s="10"/>
    </row>
    <row r="561490" spans="14:14">
      <c r="N561490" s="10"/>
    </row>
    <row r="561491" spans="14:14">
      <c r="N561491" s="10"/>
    </row>
    <row r="561492" spans="14:14">
      <c r="N561492" s="10"/>
    </row>
    <row r="561493" spans="14:14">
      <c r="N561493" s="10"/>
    </row>
    <row r="561494" spans="14:14">
      <c r="N561494" s="10"/>
    </row>
    <row r="561495" spans="14:14">
      <c r="N561495" s="10"/>
    </row>
    <row r="561496" spans="14:14">
      <c r="N561496" s="10"/>
    </row>
    <row r="561497" spans="14:14">
      <c r="N561497" s="10"/>
    </row>
    <row r="561498" spans="14:14">
      <c r="N561498" s="10"/>
    </row>
    <row r="561499" spans="14:14">
      <c r="N561499" s="10"/>
    </row>
    <row r="561500" spans="14:14">
      <c r="N561500" s="10"/>
    </row>
    <row r="561501" spans="14:14">
      <c r="N561501" s="10"/>
    </row>
    <row r="561502" spans="14:14">
      <c r="N561502" s="10"/>
    </row>
    <row r="561503" spans="14:14">
      <c r="N561503" s="10"/>
    </row>
    <row r="561504" spans="14:14">
      <c r="N561504" s="10"/>
    </row>
    <row r="561505" spans="14:14">
      <c r="N561505" s="10"/>
    </row>
    <row r="561506" spans="14:14">
      <c r="N561506" s="10"/>
    </row>
    <row r="561507" spans="14:14">
      <c r="N561507" s="10"/>
    </row>
    <row r="561508" spans="14:14">
      <c r="N561508" s="10"/>
    </row>
    <row r="561509" spans="14:14">
      <c r="N561509" s="10"/>
    </row>
    <row r="561510" spans="14:14">
      <c r="N561510" s="10"/>
    </row>
    <row r="561511" spans="14:14">
      <c r="N561511" s="10"/>
    </row>
    <row r="561512" spans="14:14">
      <c r="N561512" s="10"/>
    </row>
    <row r="561513" spans="14:14">
      <c r="N561513" s="10"/>
    </row>
    <row r="561514" spans="14:14">
      <c r="N561514" s="10"/>
    </row>
    <row r="561515" spans="14:14">
      <c r="N561515" s="10"/>
    </row>
    <row r="561516" spans="14:14">
      <c r="N561516" s="10"/>
    </row>
    <row r="561517" spans="14:14">
      <c r="N561517" s="10"/>
    </row>
    <row r="561518" spans="14:14">
      <c r="N561518" s="10"/>
    </row>
    <row r="561519" spans="14:14">
      <c r="N561519" s="10"/>
    </row>
    <row r="561520" spans="14:14">
      <c r="N561520" s="10"/>
    </row>
    <row r="561521" spans="14:14">
      <c r="N561521" s="10"/>
    </row>
    <row r="561522" spans="14:14">
      <c r="N561522" s="10"/>
    </row>
    <row r="561523" spans="14:14">
      <c r="N561523" s="10"/>
    </row>
    <row r="561524" spans="14:14">
      <c r="N561524" s="10"/>
    </row>
    <row r="561525" spans="14:14">
      <c r="N561525" s="10"/>
    </row>
    <row r="561526" spans="14:14">
      <c r="N561526" s="10"/>
    </row>
    <row r="561527" spans="14:14">
      <c r="N561527" s="10"/>
    </row>
    <row r="561528" spans="14:14">
      <c r="N561528" s="10"/>
    </row>
    <row r="561529" spans="14:14">
      <c r="N561529" s="10"/>
    </row>
    <row r="561530" spans="14:14">
      <c r="N561530" s="10"/>
    </row>
    <row r="561531" spans="14:14">
      <c r="N561531" s="10"/>
    </row>
    <row r="561532" spans="14:14">
      <c r="N561532" s="10"/>
    </row>
    <row r="561533" spans="14:14">
      <c r="N561533" s="10"/>
    </row>
    <row r="561534" spans="14:14">
      <c r="N561534" s="10"/>
    </row>
    <row r="561535" spans="14:14">
      <c r="N561535" s="10"/>
    </row>
    <row r="561536" spans="14:14">
      <c r="N561536" s="10"/>
    </row>
    <row r="561537" spans="14:14">
      <c r="N561537" s="10"/>
    </row>
    <row r="561538" spans="14:14">
      <c r="N561538" s="10"/>
    </row>
    <row r="561539" spans="14:14">
      <c r="N561539" s="10"/>
    </row>
    <row r="561540" spans="14:14">
      <c r="N561540" s="10"/>
    </row>
    <row r="561541" spans="14:14">
      <c r="N561541" s="10"/>
    </row>
    <row r="561542" spans="14:14">
      <c r="N561542" s="10"/>
    </row>
    <row r="561543" spans="14:14">
      <c r="N561543" s="10"/>
    </row>
    <row r="561544" spans="14:14">
      <c r="N561544" s="10"/>
    </row>
    <row r="561545" spans="14:14">
      <c r="N561545" s="10"/>
    </row>
    <row r="561546" spans="14:14">
      <c r="N561546" s="10"/>
    </row>
    <row r="561547" spans="14:14">
      <c r="N561547" s="10"/>
    </row>
    <row r="561548" spans="14:14">
      <c r="N561548" s="10"/>
    </row>
    <row r="561549" spans="14:14">
      <c r="N561549" s="10"/>
    </row>
    <row r="561550" spans="14:14">
      <c r="N561550" s="10"/>
    </row>
    <row r="561551" spans="14:14">
      <c r="N561551" s="10"/>
    </row>
    <row r="561552" spans="14:14">
      <c r="N561552" s="10"/>
    </row>
    <row r="561553" spans="14:14">
      <c r="N561553" s="10"/>
    </row>
    <row r="561554" spans="14:14">
      <c r="N561554" s="10"/>
    </row>
    <row r="561555" spans="14:14">
      <c r="N561555" s="10"/>
    </row>
    <row r="561556" spans="14:14">
      <c r="N561556" s="10"/>
    </row>
    <row r="561557" spans="14:14">
      <c r="N561557" s="10"/>
    </row>
    <row r="561558" spans="14:14">
      <c r="N561558" s="10"/>
    </row>
    <row r="561559" spans="14:14">
      <c r="N561559" s="10"/>
    </row>
    <row r="561560" spans="14:14">
      <c r="N561560" s="10"/>
    </row>
    <row r="561561" spans="14:14">
      <c r="N561561" s="10"/>
    </row>
    <row r="561562" spans="14:14">
      <c r="N561562" s="10"/>
    </row>
    <row r="561563" spans="14:14">
      <c r="N561563" s="10"/>
    </row>
    <row r="561564" spans="14:14">
      <c r="N561564" s="10"/>
    </row>
    <row r="561565" spans="14:14">
      <c r="N561565" s="10"/>
    </row>
    <row r="561566" spans="14:14">
      <c r="N561566" s="10"/>
    </row>
    <row r="561567" spans="14:14">
      <c r="N561567" s="10"/>
    </row>
    <row r="561568" spans="14:14">
      <c r="N561568" s="10"/>
    </row>
    <row r="561569" spans="14:14">
      <c r="N561569" s="10"/>
    </row>
    <row r="561570" spans="14:14">
      <c r="N561570" s="10"/>
    </row>
    <row r="561571" spans="14:14">
      <c r="N561571" s="10"/>
    </row>
    <row r="561572" spans="14:14">
      <c r="N561572" s="10"/>
    </row>
    <row r="561573" spans="14:14">
      <c r="N561573" s="10"/>
    </row>
    <row r="561574" spans="14:14">
      <c r="N561574" s="10"/>
    </row>
    <row r="561575" spans="14:14">
      <c r="N561575" s="10"/>
    </row>
    <row r="561576" spans="14:14">
      <c r="N561576" s="10"/>
    </row>
    <row r="561577" spans="14:14">
      <c r="N561577" s="10"/>
    </row>
    <row r="561578" spans="14:14">
      <c r="N561578" s="10"/>
    </row>
    <row r="561579" spans="14:14">
      <c r="N561579" s="10"/>
    </row>
    <row r="561580" spans="14:14">
      <c r="N561580" s="10"/>
    </row>
    <row r="561581" spans="14:14">
      <c r="N561581" s="10"/>
    </row>
    <row r="561582" spans="14:14">
      <c r="N561582" s="10"/>
    </row>
    <row r="561583" spans="14:14">
      <c r="N561583" s="10"/>
    </row>
    <row r="561584" spans="14:14">
      <c r="N561584" s="10"/>
    </row>
    <row r="561585" spans="14:14">
      <c r="N561585" s="10"/>
    </row>
    <row r="561586" spans="14:14">
      <c r="N561586" s="10"/>
    </row>
    <row r="561587" spans="14:14">
      <c r="N561587" s="10"/>
    </row>
    <row r="561588" spans="14:14">
      <c r="N561588" s="10"/>
    </row>
    <row r="561589" spans="14:14">
      <c r="N561589" s="10"/>
    </row>
    <row r="561590" spans="14:14">
      <c r="N561590" s="10"/>
    </row>
    <row r="561591" spans="14:14">
      <c r="N561591" s="10"/>
    </row>
    <row r="561592" spans="14:14">
      <c r="N561592" s="10"/>
    </row>
    <row r="561593" spans="14:14">
      <c r="N561593" s="10"/>
    </row>
    <row r="561594" spans="14:14">
      <c r="N561594" s="10"/>
    </row>
    <row r="561595" spans="14:14">
      <c r="N561595" s="10"/>
    </row>
    <row r="561596" spans="14:14">
      <c r="N561596" s="10"/>
    </row>
    <row r="561597" spans="14:14">
      <c r="N561597" s="10"/>
    </row>
    <row r="561598" spans="14:14">
      <c r="N561598" s="10"/>
    </row>
    <row r="561599" spans="14:14">
      <c r="N561599" s="10"/>
    </row>
    <row r="561600" spans="14:14">
      <c r="N561600" s="10"/>
    </row>
    <row r="561601" spans="14:14">
      <c r="N561601" s="10"/>
    </row>
    <row r="561602" spans="14:14">
      <c r="N561602" s="10"/>
    </row>
    <row r="561603" spans="14:14">
      <c r="N561603" s="10"/>
    </row>
    <row r="561604" spans="14:14">
      <c r="N561604" s="10"/>
    </row>
    <row r="561605" spans="14:14">
      <c r="N561605" s="10"/>
    </row>
    <row r="561606" spans="14:14">
      <c r="N561606" s="10"/>
    </row>
    <row r="561607" spans="14:14">
      <c r="N561607" s="10"/>
    </row>
    <row r="561608" spans="14:14">
      <c r="N561608" s="10"/>
    </row>
    <row r="561609" spans="14:14">
      <c r="N561609" s="10"/>
    </row>
    <row r="561610" spans="14:14">
      <c r="N561610" s="10"/>
    </row>
    <row r="561611" spans="14:14">
      <c r="N561611" s="10"/>
    </row>
    <row r="561612" spans="14:14">
      <c r="N561612" s="10"/>
    </row>
    <row r="561613" spans="14:14">
      <c r="N561613" s="10"/>
    </row>
    <row r="561614" spans="14:14">
      <c r="N561614" s="10"/>
    </row>
    <row r="561615" spans="14:14">
      <c r="N561615" s="10"/>
    </row>
    <row r="561616" spans="14:14">
      <c r="N561616" s="10"/>
    </row>
    <row r="561617" spans="14:14">
      <c r="N561617" s="10"/>
    </row>
    <row r="561618" spans="14:14">
      <c r="N561618" s="10"/>
    </row>
    <row r="561619" spans="14:14">
      <c r="N561619" s="10"/>
    </row>
    <row r="561620" spans="14:14">
      <c r="N561620" s="10"/>
    </row>
    <row r="561621" spans="14:14">
      <c r="N561621" s="10"/>
    </row>
    <row r="561622" spans="14:14">
      <c r="N561622" s="10"/>
    </row>
    <row r="561623" spans="14:14">
      <c r="N561623" s="10"/>
    </row>
    <row r="561624" spans="14:14">
      <c r="N561624" s="10"/>
    </row>
    <row r="561625" spans="14:14">
      <c r="N561625" s="10"/>
    </row>
    <row r="561626" spans="14:14">
      <c r="N561626" s="10"/>
    </row>
    <row r="561627" spans="14:14">
      <c r="N561627" s="10"/>
    </row>
    <row r="561628" spans="14:14">
      <c r="N561628" s="10"/>
    </row>
    <row r="561629" spans="14:14">
      <c r="N561629" s="10"/>
    </row>
    <row r="561630" spans="14:14">
      <c r="N561630" s="10"/>
    </row>
    <row r="561631" spans="14:14">
      <c r="N561631" s="10"/>
    </row>
    <row r="561632" spans="14:14">
      <c r="N561632" s="10"/>
    </row>
    <row r="561633" spans="14:14">
      <c r="N561633" s="10"/>
    </row>
    <row r="561634" spans="14:14">
      <c r="N561634" s="10"/>
    </row>
    <row r="561635" spans="14:14">
      <c r="N561635" s="10"/>
    </row>
    <row r="561636" spans="14:14">
      <c r="N561636" s="10"/>
    </row>
    <row r="561637" spans="14:14">
      <c r="N561637" s="10"/>
    </row>
    <row r="561638" spans="14:14">
      <c r="N561638" s="10"/>
    </row>
    <row r="561639" spans="14:14">
      <c r="N561639" s="10"/>
    </row>
    <row r="561640" spans="14:14">
      <c r="N561640" s="10"/>
    </row>
    <row r="561641" spans="14:14">
      <c r="N561641" s="10"/>
    </row>
    <row r="561642" spans="14:14">
      <c r="N561642" s="10"/>
    </row>
    <row r="561643" spans="14:14">
      <c r="N561643" s="10"/>
    </row>
    <row r="561644" spans="14:14">
      <c r="N561644" s="10"/>
    </row>
    <row r="561645" spans="14:14">
      <c r="N561645" s="10"/>
    </row>
    <row r="561646" spans="14:14">
      <c r="N561646" s="10"/>
    </row>
    <row r="561647" spans="14:14">
      <c r="N561647" s="10"/>
    </row>
    <row r="561648" spans="14:14">
      <c r="N561648" s="10"/>
    </row>
    <row r="561649" spans="14:14">
      <c r="N561649" s="10"/>
    </row>
    <row r="561650" spans="14:14">
      <c r="N561650" s="10"/>
    </row>
    <row r="561651" spans="14:14">
      <c r="N561651" s="10"/>
    </row>
    <row r="561652" spans="14:14">
      <c r="N561652" s="10"/>
    </row>
    <row r="561653" spans="14:14">
      <c r="N561653" s="10"/>
    </row>
    <row r="561654" spans="14:14">
      <c r="N561654" s="10"/>
    </row>
    <row r="561655" spans="14:14">
      <c r="N561655" s="10"/>
    </row>
    <row r="561656" spans="14:14">
      <c r="N561656" s="10"/>
    </row>
    <row r="561657" spans="14:14">
      <c r="N561657" s="10"/>
    </row>
    <row r="561658" spans="14:14">
      <c r="N561658" s="10"/>
    </row>
    <row r="561659" spans="14:14">
      <c r="N561659" s="10"/>
    </row>
    <row r="561660" spans="14:14">
      <c r="N561660" s="10"/>
    </row>
    <row r="561661" spans="14:14">
      <c r="N561661" s="10"/>
    </row>
    <row r="561662" spans="14:14">
      <c r="N561662" s="10"/>
    </row>
    <row r="561663" spans="14:14">
      <c r="N561663" s="10"/>
    </row>
    <row r="561664" spans="14:14">
      <c r="N561664" s="10"/>
    </row>
    <row r="561665" spans="14:14">
      <c r="N561665" s="10"/>
    </row>
    <row r="561666" spans="14:14">
      <c r="N561666" s="10"/>
    </row>
    <row r="561667" spans="14:14">
      <c r="N561667" s="10"/>
    </row>
    <row r="561668" spans="14:14">
      <c r="N561668" s="10"/>
    </row>
    <row r="561669" spans="14:14">
      <c r="N561669" s="10"/>
    </row>
    <row r="561670" spans="14:14">
      <c r="N561670" s="10"/>
    </row>
    <row r="561671" spans="14:14">
      <c r="N561671" s="10"/>
    </row>
    <row r="561672" spans="14:14">
      <c r="N561672" s="10"/>
    </row>
    <row r="561673" spans="14:14">
      <c r="N561673" s="10"/>
    </row>
    <row r="561674" spans="14:14">
      <c r="N561674" s="10"/>
    </row>
    <row r="561675" spans="14:14">
      <c r="N561675" s="10"/>
    </row>
    <row r="561676" spans="14:14">
      <c r="N561676" s="10"/>
    </row>
    <row r="561677" spans="14:14">
      <c r="N561677" s="10"/>
    </row>
    <row r="561678" spans="14:14">
      <c r="N561678" s="10"/>
    </row>
    <row r="561679" spans="14:14">
      <c r="N561679" s="10"/>
    </row>
    <row r="561680" spans="14:14">
      <c r="N561680" s="10"/>
    </row>
    <row r="561681" spans="14:14">
      <c r="N561681" s="10"/>
    </row>
    <row r="561682" spans="14:14">
      <c r="N561682" s="10"/>
    </row>
    <row r="561683" spans="14:14">
      <c r="N561683" s="10"/>
    </row>
    <row r="561684" spans="14:14">
      <c r="N561684" s="10"/>
    </row>
    <row r="561685" spans="14:14">
      <c r="N561685" s="10"/>
    </row>
    <row r="561686" spans="14:14">
      <c r="N561686" s="10"/>
    </row>
    <row r="561687" spans="14:14">
      <c r="N561687" s="10"/>
    </row>
    <row r="561688" spans="14:14">
      <c r="N561688" s="10"/>
    </row>
    <row r="561689" spans="14:14">
      <c r="N561689" s="10"/>
    </row>
    <row r="561690" spans="14:14">
      <c r="N561690" s="10"/>
    </row>
    <row r="561691" spans="14:14">
      <c r="N561691" s="10"/>
    </row>
    <row r="561692" spans="14:14">
      <c r="N561692" s="10"/>
    </row>
    <row r="561693" spans="14:14">
      <c r="N561693" s="10"/>
    </row>
    <row r="561694" spans="14:14">
      <c r="N561694" s="10"/>
    </row>
    <row r="561695" spans="14:14">
      <c r="N561695" s="10"/>
    </row>
    <row r="561696" spans="14:14">
      <c r="N561696" s="10"/>
    </row>
    <row r="561697" spans="14:14">
      <c r="N561697" s="10"/>
    </row>
    <row r="561698" spans="14:14">
      <c r="N561698" s="10"/>
    </row>
    <row r="561699" spans="14:14">
      <c r="N561699" s="10"/>
    </row>
    <row r="561700" spans="14:14">
      <c r="N561700" s="10"/>
    </row>
    <row r="561701" spans="14:14">
      <c r="N561701" s="10"/>
    </row>
    <row r="561702" spans="14:14">
      <c r="N561702" s="10"/>
    </row>
    <row r="561703" spans="14:14">
      <c r="N561703" s="10"/>
    </row>
    <row r="561704" spans="14:14">
      <c r="N561704" s="10"/>
    </row>
    <row r="561705" spans="14:14">
      <c r="N561705" s="10"/>
    </row>
    <row r="561706" spans="14:14">
      <c r="N561706" s="10"/>
    </row>
    <row r="561707" spans="14:14">
      <c r="N561707" s="10"/>
    </row>
    <row r="561708" spans="14:14">
      <c r="N561708" s="10"/>
    </row>
    <row r="561709" spans="14:14">
      <c r="N561709" s="10"/>
    </row>
    <row r="561710" spans="14:14">
      <c r="N561710" s="10"/>
    </row>
    <row r="561711" spans="14:14">
      <c r="N561711" s="10"/>
    </row>
    <row r="561712" spans="14:14">
      <c r="N561712" s="10"/>
    </row>
    <row r="561713" spans="14:14">
      <c r="N561713" s="10"/>
    </row>
    <row r="561714" spans="14:14">
      <c r="N561714" s="10"/>
    </row>
    <row r="561715" spans="14:14">
      <c r="N561715" s="10"/>
    </row>
    <row r="561716" spans="14:14">
      <c r="N561716" s="10"/>
    </row>
    <row r="561717" spans="14:14">
      <c r="N561717" s="10"/>
    </row>
    <row r="561718" spans="14:14">
      <c r="N561718" s="10"/>
    </row>
    <row r="561719" spans="14:14">
      <c r="N561719" s="10"/>
    </row>
    <row r="561720" spans="14:14">
      <c r="N561720" s="10"/>
    </row>
    <row r="561721" spans="14:14">
      <c r="N561721" s="10"/>
    </row>
    <row r="561722" spans="14:14">
      <c r="N561722" s="10"/>
    </row>
    <row r="561723" spans="14:14">
      <c r="N561723" s="10"/>
    </row>
    <row r="561724" spans="14:14">
      <c r="N561724" s="10"/>
    </row>
    <row r="561725" spans="14:14">
      <c r="N561725" s="10"/>
    </row>
    <row r="561726" spans="14:14">
      <c r="N561726" s="10"/>
    </row>
    <row r="561727" spans="14:14">
      <c r="N561727" s="10"/>
    </row>
    <row r="561728" spans="14:14">
      <c r="N561728" s="10"/>
    </row>
    <row r="561729" spans="14:14">
      <c r="N561729" s="10"/>
    </row>
    <row r="561730" spans="14:14">
      <c r="N561730" s="10"/>
    </row>
    <row r="561731" spans="14:14">
      <c r="N561731" s="10"/>
    </row>
    <row r="561732" spans="14:14">
      <c r="N561732" s="10"/>
    </row>
    <row r="561733" spans="14:14">
      <c r="N561733" s="10"/>
    </row>
    <row r="561734" spans="14:14">
      <c r="N561734" s="10"/>
    </row>
    <row r="561735" spans="14:14">
      <c r="N561735" s="10"/>
    </row>
    <row r="561736" spans="14:14">
      <c r="N561736" s="10"/>
    </row>
    <row r="561737" spans="14:14">
      <c r="N561737" s="10"/>
    </row>
    <row r="561738" spans="14:14">
      <c r="N561738" s="10"/>
    </row>
    <row r="561739" spans="14:14">
      <c r="N561739" s="10"/>
    </row>
    <row r="561740" spans="14:14">
      <c r="N561740" s="10"/>
    </row>
    <row r="561741" spans="14:14">
      <c r="N561741" s="10"/>
    </row>
    <row r="561742" spans="14:14">
      <c r="N561742" s="10"/>
    </row>
    <row r="561743" spans="14:14">
      <c r="N561743" s="10"/>
    </row>
    <row r="561744" spans="14:14">
      <c r="N561744" s="10"/>
    </row>
    <row r="561745" spans="14:14">
      <c r="N561745" s="10"/>
    </row>
    <row r="561746" spans="14:14">
      <c r="N561746" s="10"/>
    </row>
    <row r="561747" spans="14:14">
      <c r="N561747" s="10"/>
    </row>
    <row r="561748" spans="14:14">
      <c r="N561748" s="10"/>
    </row>
    <row r="561749" spans="14:14">
      <c r="N561749" s="10"/>
    </row>
    <row r="561750" spans="14:14">
      <c r="N561750" s="10"/>
    </row>
    <row r="561751" spans="14:14">
      <c r="N561751" s="10"/>
    </row>
    <row r="561752" spans="14:14">
      <c r="N561752" s="10"/>
    </row>
    <row r="561753" spans="14:14">
      <c r="N561753" s="10"/>
    </row>
    <row r="561754" spans="14:14">
      <c r="N561754" s="10"/>
    </row>
    <row r="561755" spans="14:14">
      <c r="N561755" s="10"/>
    </row>
    <row r="561756" spans="14:14">
      <c r="N561756" s="10"/>
    </row>
    <row r="561757" spans="14:14">
      <c r="N561757" s="10"/>
    </row>
    <row r="561758" spans="14:14">
      <c r="N561758" s="10"/>
    </row>
    <row r="561759" spans="14:14">
      <c r="N561759" s="10"/>
    </row>
    <row r="561760" spans="14:14">
      <c r="N561760" s="10"/>
    </row>
    <row r="561761" spans="14:14">
      <c r="N561761" s="10"/>
    </row>
    <row r="561762" spans="14:14">
      <c r="N561762" s="10"/>
    </row>
    <row r="561763" spans="14:14">
      <c r="N561763" s="10"/>
    </row>
    <row r="561764" spans="14:14">
      <c r="N561764" s="10"/>
    </row>
    <row r="561765" spans="14:14">
      <c r="N561765" s="10"/>
    </row>
    <row r="561766" spans="14:14">
      <c r="N561766" s="10"/>
    </row>
    <row r="561767" spans="14:14">
      <c r="N561767" s="10"/>
    </row>
    <row r="561768" spans="14:14">
      <c r="N561768" s="10"/>
    </row>
    <row r="561769" spans="14:14">
      <c r="N561769" s="10"/>
    </row>
    <row r="561770" spans="14:14">
      <c r="N561770" s="10"/>
    </row>
    <row r="561771" spans="14:14">
      <c r="N561771" s="10"/>
    </row>
    <row r="561772" spans="14:14">
      <c r="N561772" s="10"/>
    </row>
    <row r="561773" spans="14:14">
      <c r="N561773" s="10"/>
    </row>
    <row r="561774" spans="14:14">
      <c r="N561774" s="10"/>
    </row>
    <row r="561775" spans="14:14">
      <c r="N561775" s="10"/>
    </row>
    <row r="561776" spans="14:14">
      <c r="N561776" s="10"/>
    </row>
    <row r="561777" spans="14:14">
      <c r="N561777" s="10"/>
    </row>
    <row r="561778" spans="14:14">
      <c r="N561778" s="10"/>
    </row>
    <row r="561779" spans="14:14">
      <c r="N561779" s="10"/>
    </row>
    <row r="561780" spans="14:14">
      <c r="N561780" s="10"/>
    </row>
    <row r="561781" spans="14:14">
      <c r="N561781" s="10"/>
    </row>
    <row r="561782" spans="14:14">
      <c r="N561782" s="10"/>
    </row>
    <row r="561783" spans="14:14">
      <c r="N561783" s="10"/>
    </row>
    <row r="561784" spans="14:14">
      <c r="N561784" s="10"/>
    </row>
    <row r="561785" spans="14:14">
      <c r="N561785" s="10"/>
    </row>
    <row r="561786" spans="14:14">
      <c r="N561786" s="10"/>
    </row>
    <row r="561787" spans="14:14">
      <c r="N561787" s="10"/>
    </row>
    <row r="561788" spans="14:14">
      <c r="N561788" s="10"/>
    </row>
    <row r="561789" spans="14:14">
      <c r="N561789" s="10"/>
    </row>
    <row r="561790" spans="14:14">
      <c r="N561790" s="10"/>
    </row>
    <row r="561791" spans="14:14">
      <c r="N561791" s="10"/>
    </row>
    <row r="561792" spans="14:14">
      <c r="N561792" s="10"/>
    </row>
    <row r="561793" spans="14:14">
      <c r="N561793" s="10"/>
    </row>
    <row r="561794" spans="14:14">
      <c r="N561794" s="10"/>
    </row>
    <row r="561795" spans="14:14">
      <c r="N561795" s="10"/>
    </row>
    <row r="561796" spans="14:14">
      <c r="N561796" s="10"/>
    </row>
    <row r="561797" spans="14:14">
      <c r="N561797" s="10"/>
    </row>
    <row r="561798" spans="14:14">
      <c r="N561798" s="10"/>
    </row>
    <row r="561799" spans="14:14">
      <c r="N561799" s="10"/>
    </row>
    <row r="561800" spans="14:14">
      <c r="N561800" s="10"/>
    </row>
    <row r="561801" spans="14:14">
      <c r="N561801" s="10"/>
    </row>
    <row r="561802" spans="14:14">
      <c r="N561802" s="10"/>
    </row>
    <row r="561803" spans="14:14">
      <c r="N561803" s="10"/>
    </row>
    <row r="561804" spans="14:14">
      <c r="N561804" s="10"/>
    </row>
    <row r="561805" spans="14:14">
      <c r="N561805" s="10"/>
    </row>
    <row r="561806" spans="14:14">
      <c r="N561806" s="10"/>
    </row>
    <row r="561807" spans="14:14">
      <c r="N561807" s="10"/>
    </row>
    <row r="561808" spans="14:14">
      <c r="N561808" s="10"/>
    </row>
    <row r="561809" spans="14:14">
      <c r="N561809" s="10"/>
    </row>
    <row r="561810" spans="14:14">
      <c r="N561810" s="10"/>
    </row>
    <row r="561811" spans="14:14">
      <c r="N561811" s="10"/>
    </row>
    <row r="561812" spans="14:14">
      <c r="N561812" s="10"/>
    </row>
    <row r="561813" spans="14:14">
      <c r="N561813" s="10"/>
    </row>
    <row r="561814" spans="14:14">
      <c r="N561814" s="10"/>
    </row>
    <row r="561815" spans="14:14">
      <c r="N561815" s="10"/>
    </row>
    <row r="561816" spans="14:14">
      <c r="N561816" s="10"/>
    </row>
    <row r="561817" spans="14:14">
      <c r="N561817" s="10"/>
    </row>
    <row r="561818" spans="14:14">
      <c r="N561818" s="10"/>
    </row>
    <row r="561819" spans="14:14">
      <c r="N561819" s="10"/>
    </row>
    <row r="561820" spans="14:14">
      <c r="N561820" s="10"/>
    </row>
    <row r="561821" spans="14:14">
      <c r="N561821" s="10"/>
    </row>
    <row r="561822" spans="14:14">
      <c r="N561822" s="10"/>
    </row>
    <row r="561823" spans="14:14">
      <c r="N561823" s="10"/>
    </row>
    <row r="561824" spans="14:14">
      <c r="N561824" s="10"/>
    </row>
    <row r="561825" spans="14:14">
      <c r="N561825" s="10"/>
    </row>
    <row r="561826" spans="14:14">
      <c r="N561826" s="10"/>
    </row>
    <row r="561827" spans="14:14">
      <c r="N561827" s="10"/>
    </row>
    <row r="561828" spans="14:14">
      <c r="N561828" s="10"/>
    </row>
    <row r="561829" spans="14:14">
      <c r="N561829" s="10"/>
    </row>
    <row r="561830" spans="14:14">
      <c r="N561830" s="10"/>
    </row>
    <row r="561831" spans="14:14">
      <c r="N561831" s="10"/>
    </row>
    <row r="561832" spans="14:14">
      <c r="N561832" s="10"/>
    </row>
    <row r="561833" spans="14:14">
      <c r="N561833" s="10"/>
    </row>
    <row r="561834" spans="14:14">
      <c r="N561834" s="10"/>
    </row>
    <row r="561835" spans="14:14">
      <c r="N561835" s="10"/>
    </row>
    <row r="561836" spans="14:14">
      <c r="N561836" s="10"/>
    </row>
    <row r="561837" spans="14:14">
      <c r="N561837" s="10"/>
    </row>
    <row r="561838" spans="14:14">
      <c r="N561838" s="10"/>
    </row>
    <row r="561839" spans="14:14">
      <c r="N561839" s="10"/>
    </row>
    <row r="561840" spans="14:14">
      <c r="N561840" s="10"/>
    </row>
    <row r="561841" spans="14:14">
      <c r="N561841" s="10"/>
    </row>
    <row r="561842" spans="14:14">
      <c r="N561842" s="10"/>
    </row>
    <row r="561843" spans="14:14">
      <c r="N561843" s="10"/>
    </row>
    <row r="561844" spans="14:14">
      <c r="N561844" s="10"/>
    </row>
    <row r="561845" spans="14:14">
      <c r="N561845" s="10"/>
    </row>
    <row r="561846" spans="14:14">
      <c r="N561846" s="10"/>
    </row>
    <row r="561847" spans="14:14">
      <c r="N561847" s="10"/>
    </row>
    <row r="561848" spans="14:14">
      <c r="N561848" s="10"/>
    </row>
    <row r="561849" spans="14:14">
      <c r="N561849" s="10"/>
    </row>
    <row r="561850" spans="14:14">
      <c r="N561850" s="10"/>
    </row>
    <row r="561851" spans="14:14">
      <c r="N561851" s="10"/>
    </row>
    <row r="561852" spans="14:14">
      <c r="N561852" s="10"/>
    </row>
    <row r="561853" spans="14:14">
      <c r="N561853" s="10"/>
    </row>
    <row r="561854" spans="14:14">
      <c r="N561854" s="10"/>
    </row>
    <row r="561855" spans="14:14">
      <c r="N561855" s="10"/>
    </row>
    <row r="561856" spans="14:14">
      <c r="N561856" s="10"/>
    </row>
    <row r="561857" spans="14:14">
      <c r="N561857" s="10"/>
    </row>
    <row r="561858" spans="14:14">
      <c r="N561858" s="10"/>
    </row>
    <row r="561859" spans="14:14">
      <c r="N561859" s="10"/>
    </row>
    <row r="561860" spans="14:14">
      <c r="N561860" s="10"/>
    </row>
    <row r="561861" spans="14:14">
      <c r="N561861" s="10"/>
    </row>
    <row r="561862" spans="14:14">
      <c r="N561862" s="10"/>
    </row>
    <row r="561863" spans="14:14">
      <c r="N561863" s="10"/>
    </row>
    <row r="561864" spans="14:14">
      <c r="N561864" s="10"/>
    </row>
    <row r="561865" spans="14:14">
      <c r="N561865" s="10"/>
    </row>
    <row r="561866" spans="14:14">
      <c r="N561866" s="10"/>
    </row>
    <row r="561867" spans="14:14">
      <c r="N561867" s="10"/>
    </row>
    <row r="561868" spans="14:14">
      <c r="N561868" s="10"/>
    </row>
    <row r="561869" spans="14:14">
      <c r="N561869" s="10"/>
    </row>
    <row r="561870" spans="14:14">
      <c r="N561870" s="10"/>
    </row>
    <row r="561871" spans="14:14">
      <c r="N561871" s="10"/>
    </row>
    <row r="561872" spans="14:14">
      <c r="N561872" s="10"/>
    </row>
    <row r="561873" spans="14:14">
      <c r="N561873" s="10"/>
    </row>
    <row r="561874" spans="14:14">
      <c r="N561874" s="10"/>
    </row>
    <row r="561875" spans="14:14">
      <c r="N561875" s="10"/>
    </row>
    <row r="561876" spans="14:14">
      <c r="N561876" s="10"/>
    </row>
    <row r="561877" spans="14:14">
      <c r="N561877" s="10"/>
    </row>
    <row r="561878" spans="14:14">
      <c r="N561878" s="10"/>
    </row>
    <row r="561879" spans="14:14">
      <c r="N561879" s="10"/>
    </row>
    <row r="561880" spans="14:14">
      <c r="N561880" s="10"/>
    </row>
    <row r="561881" spans="14:14">
      <c r="N561881" s="10"/>
    </row>
    <row r="561882" spans="14:14">
      <c r="N561882" s="10"/>
    </row>
    <row r="561883" spans="14:14">
      <c r="N561883" s="10"/>
    </row>
    <row r="561884" spans="14:14">
      <c r="N561884" s="10"/>
    </row>
    <row r="561885" spans="14:14">
      <c r="N561885" s="10"/>
    </row>
    <row r="561886" spans="14:14">
      <c r="N561886" s="10"/>
    </row>
    <row r="561887" spans="14:14">
      <c r="N561887" s="10"/>
    </row>
    <row r="561888" spans="14:14">
      <c r="N561888" s="10"/>
    </row>
    <row r="561889" spans="14:14">
      <c r="N561889" s="10"/>
    </row>
    <row r="561890" spans="14:14">
      <c r="N561890" s="10"/>
    </row>
    <row r="561891" spans="14:14">
      <c r="N561891" s="10"/>
    </row>
    <row r="561892" spans="14:14">
      <c r="N561892" s="10"/>
    </row>
    <row r="561893" spans="14:14">
      <c r="N561893" s="10"/>
    </row>
    <row r="561894" spans="14:14">
      <c r="N561894" s="10"/>
    </row>
    <row r="561895" spans="14:14">
      <c r="N561895" s="10"/>
    </row>
    <row r="561896" spans="14:14">
      <c r="N561896" s="10"/>
    </row>
    <row r="561897" spans="14:14">
      <c r="N561897" s="10"/>
    </row>
    <row r="561898" spans="14:14">
      <c r="N561898" s="10"/>
    </row>
    <row r="561899" spans="14:14">
      <c r="N561899" s="10"/>
    </row>
    <row r="561900" spans="14:14">
      <c r="N561900" s="10"/>
    </row>
    <row r="561901" spans="14:14">
      <c r="N561901" s="10"/>
    </row>
    <row r="561902" spans="14:14">
      <c r="N561902" s="10"/>
    </row>
    <row r="561903" spans="14:14">
      <c r="N561903" s="10"/>
    </row>
    <row r="561904" spans="14:14">
      <c r="N561904" s="10"/>
    </row>
    <row r="561905" spans="14:14">
      <c r="N561905" s="10"/>
    </row>
    <row r="561906" spans="14:14">
      <c r="N561906" s="10"/>
    </row>
    <row r="561907" spans="14:14">
      <c r="N561907" s="10"/>
    </row>
    <row r="561908" spans="14:14">
      <c r="N561908" s="10"/>
    </row>
    <row r="561909" spans="14:14">
      <c r="N561909" s="10"/>
    </row>
    <row r="561910" spans="14:14">
      <c r="N561910" s="10"/>
    </row>
    <row r="561911" spans="14:14">
      <c r="N561911" s="10"/>
    </row>
    <row r="561912" spans="14:14">
      <c r="N561912" s="10"/>
    </row>
    <row r="561913" spans="14:14">
      <c r="N561913" s="10"/>
    </row>
    <row r="561914" spans="14:14">
      <c r="N561914" s="10"/>
    </row>
    <row r="561915" spans="14:14">
      <c r="N561915" s="10"/>
    </row>
    <row r="561916" spans="14:14">
      <c r="N561916" s="10"/>
    </row>
    <row r="561917" spans="14:14">
      <c r="N561917" s="10"/>
    </row>
    <row r="561918" spans="14:14">
      <c r="N561918" s="10"/>
    </row>
    <row r="561919" spans="14:14">
      <c r="N561919" s="10"/>
    </row>
    <row r="561920" spans="14:14">
      <c r="N561920" s="10"/>
    </row>
    <row r="561921" spans="14:14">
      <c r="N561921" s="10"/>
    </row>
    <row r="561922" spans="14:14">
      <c r="N561922" s="10"/>
    </row>
    <row r="561923" spans="14:14">
      <c r="N561923" s="10"/>
    </row>
    <row r="561924" spans="14:14">
      <c r="N561924" s="10"/>
    </row>
    <row r="561925" spans="14:14">
      <c r="N561925" s="10"/>
    </row>
    <row r="561926" spans="14:14">
      <c r="N561926" s="10"/>
    </row>
    <row r="561927" spans="14:14">
      <c r="N561927" s="10"/>
    </row>
    <row r="561928" spans="14:14">
      <c r="N561928" s="10"/>
    </row>
    <row r="561929" spans="14:14">
      <c r="N561929" s="10"/>
    </row>
    <row r="561930" spans="14:14">
      <c r="N561930" s="10"/>
    </row>
    <row r="561931" spans="14:14">
      <c r="N561931" s="10"/>
    </row>
    <row r="561932" spans="14:14">
      <c r="N561932" s="10"/>
    </row>
    <row r="561933" spans="14:14">
      <c r="N561933" s="10"/>
    </row>
    <row r="561934" spans="14:14">
      <c r="N561934" s="10"/>
    </row>
    <row r="561935" spans="14:14">
      <c r="N561935" s="10"/>
    </row>
    <row r="561936" spans="14:14">
      <c r="N561936" s="10"/>
    </row>
    <row r="561937" spans="14:14">
      <c r="N561937" s="10"/>
    </row>
    <row r="561938" spans="14:14">
      <c r="N561938" s="10"/>
    </row>
    <row r="561939" spans="14:14">
      <c r="N561939" s="10"/>
    </row>
    <row r="561940" spans="14:14">
      <c r="N561940" s="10"/>
    </row>
    <row r="561941" spans="14:14">
      <c r="N561941" s="10"/>
    </row>
    <row r="561942" spans="14:14">
      <c r="N561942" s="10"/>
    </row>
    <row r="561943" spans="14:14">
      <c r="N561943" s="10"/>
    </row>
    <row r="561944" spans="14:14">
      <c r="N561944" s="10"/>
    </row>
    <row r="561945" spans="14:14">
      <c r="N561945" s="10"/>
    </row>
    <row r="561946" spans="14:14">
      <c r="N561946" s="10"/>
    </row>
    <row r="561947" spans="14:14">
      <c r="N561947" s="10"/>
    </row>
    <row r="561948" spans="14:14">
      <c r="N561948" s="10"/>
    </row>
    <row r="561949" spans="14:14">
      <c r="N561949" s="10"/>
    </row>
    <row r="561950" spans="14:14">
      <c r="N561950" s="10"/>
    </row>
    <row r="561951" spans="14:14">
      <c r="N561951" s="10"/>
    </row>
    <row r="561952" spans="14:14">
      <c r="N561952" s="10"/>
    </row>
    <row r="561953" spans="14:14">
      <c r="N561953" s="10"/>
    </row>
    <row r="561954" spans="14:14">
      <c r="N561954" s="10"/>
    </row>
    <row r="561955" spans="14:14">
      <c r="N561955" s="10"/>
    </row>
    <row r="561956" spans="14:14">
      <c r="N561956" s="10"/>
    </row>
    <row r="561957" spans="14:14">
      <c r="N561957" s="10"/>
    </row>
    <row r="561958" spans="14:14">
      <c r="N561958" s="10"/>
    </row>
    <row r="561959" spans="14:14">
      <c r="N561959" s="10"/>
    </row>
    <row r="561960" spans="14:14">
      <c r="N561960" s="10"/>
    </row>
    <row r="561961" spans="14:14">
      <c r="N561961" s="10"/>
    </row>
    <row r="561962" spans="14:14">
      <c r="N561962" s="10"/>
    </row>
    <row r="561963" spans="14:14">
      <c r="N561963" s="10"/>
    </row>
    <row r="561964" spans="14:14">
      <c r="N561964" s="10"/>
    </row>
    <row r="561965" spans="14:14">
      <c r="N561965" s="10"/>
    </row>
    <row r="561966" spans="14:14">
      <c r="N561966" s="10"/>
    </row>
    <row r="561967" spans="14:14">
      <c r="N561967" s="10"/>
    </row>
    <row r="561968" spans="14:14">
      <c r="N561968" s="10"/>
    </row>
    <row r="561969" spans="14:14">
      <c r="N561969" s="10"/>
    </row>
    <row r="561970" spans="14:14">
      <c r="N561970" s="10"/>
    </row>
    <row r="561971" spans="14:14">
      <c r="N561971" s="10"/>
    </row>
    <row r="561972" spans="14:14">
      <c r="N561972" s="10"/>
    </row>
    <row r="561973" spans="14:14">
      <c r="N561973" s="10"/>
    </row>
    <row r="561974" spans="14:14">
      <c r="N561974" s="10"/>
    </row>
    <row r="561975" spans="14:14">
      <c r="N561975" s="10"/>
    </row>
    <row r="561976" spans="14:14">
      <c r="N561976" s="10"/>
    </row>
    <row r="561977" spans="14:14">
      <c r="N561977" s="10"/>
    </row>
    <row r="561978" spans="14:14">
      <c r="N561978" s="10"/>
    </row>
    <row r="561979" spans="14:14">
      <c r="N561979" s="10"/>
    </row>
    <row r="561980" spans="14:14">
      <c r="N561980" s="10"/>
    </row>
    <row r="561981" spans="14:14">
      <c r="N561981" s="10"/>
    </row>
    <row r="561982" spans="14:14">
      <c r="N561982" s="10"/>
    </row>
    <row r="561983" spans="14:14">
      <c r="N561983" s="10"/>
    </row>
    <row r="561984" spans="14:14">
      <c r="N561984" s="10"/>
    </row>
    <row r="561985" spans="14:14">
      <c r="N561985" s="10"/>
    </row>
    <row r="561986" spans="14:14">
      <c r="N561986" s="10"/>
    </row>
    <row r="561987" spans="14:14">
      <c r="N561987" s="10"/>
    </row>
    <row r="561988" spans="14:14">
      <c r="N561988" s="10"/>
    </row>
    <row r="561989" spans="14:14">
      <c r="N561989" s="10"/>
    </row>
    <row r="561990" spans="14:14">
      <c r="N561990" s="10"/>
    </row>
    <row r="561991" spans="14:14">
      <c r="N561991" s="10"/>
    </row>
    <row r="561992" spans="14:14">
      <c r="N561992" s="10"/>
    </row>
    <row r="561993" spans="14:14">
      <c r="N561993" s="10"/>
    </row>
    <row r="561994" spans="14:14">
      <c r="N561994" s="10"/>
    </row>
    <row r="561995" spans="14:14">
      <c r="N561995" s="10"/>
    </row>
    <row r="561996" spans="14:14">
      <c r="N561996" s="10"/>
    </row>
    <row r="561997" spans="14:14">
      <c r="N561997" s="10"/>
    </row>
    <row r="561998" spans="14:14">
      <c r="N561998" s="10"/>
    </row>
    <row r="561999" spans="14:14">
      <c r="N561999" s="10"/>
    </row>
    <row r="562000" spans="14:14">
      <c r="N562000" s="10"/>
    </row>
    <row r="562001" spans="14:14">
      <c r="N562001" s="10"/>
    </row>
    <row r="562002" spans="14:14">
      <c r="N562002" s="10"/>
    </row>
    <row r="562003" spans="14:14">
      <c r="N562003" s="10"/>
    </row>
    <row r="562004" spans="14:14">
      <c r="N562004" s="10"/>
    </row>
    <row r="562005" spans="14:14">
      <c r="N562005" s="10"/>
    </row>
    <row r="562006" spans="14:14">
      <c r="N562006" s="10"/>
    </row>
    <row r="562007" spans="14:14">
      <c r="N562007" s="10"/>
    </row>
    <row r="562008" spans="14:14">
      <c r="N562008" s="10"/>
    </row>
    <row r="562009" spans="14:14">
      <c r="N562009" s="10"/>
    </row>
    <row r="562010" spans="14:14">
      <c r="N562010" s="10"/>
    </row>
    <row r="562011" spans="14:14">
      <c r="N562011" s="10"/>
    </row>
    <row r="562012" spans="14:14">
      <c r="N562012" s="10"/>
    </row>
    <row r="562013" spans="14:14">
      <c r="N562013" s="10"/>
    </row>
    <row r="562014" spans="14:14">
      <c r="N562014" s="10"/>
    </row>
    <row r="562015" spans="14:14">
      <c r="N562015" s="10"/>
    </row>
    <row r="562016" spans="14:14">
      <c r="N562016" s="10"/>
    </row>
    <row r="562017" spans="14:14">
      <c r="N562017" s="10"/>
    </row>
    <row r="562018" spans="14:14">
      <c r="N562018" s="10"/>
    </row>
    <row r="562019" spans="14:14">
      <c r="N562019" s="10"/>
    </row>
    <row r="562020" spans="14:14">
      <c r="N562020" s="10"/>
    </row>
    <row r="562021" spans="14:14">
      <c r="N562021" s="10"/>
    </row>
    <row r="562022" spans="14:14">
      <c r="N562022" s="10"/>
    </row>
    <row r="562023" spans="14:14">
      <c r="N562023" s="10"/>
    </row>
    <row r="562024" spans="14:14">
      <c r="N562024" s="10"/>
    </row>
    <row r="562025" spans="14:14">
      <c r="N562025" s="10"/>
    </row>
    <row r="562026" spans="14:14">
      <c r="N562026" s="10"/>
    </row>
    <row r="562027" spans="14:14">
      <c r="N562027" s="10"/>
    </row>
    <row r="562028" spans="14:14">
      <c r="N562028" s="10"/>
    </row>
    <row r="562029" spans="14:14">
      <c r="N562029" s="10"/>
    </row>
    <row r="562030" spans="14:14">
      <c r="N562030" s="10"/>
    </row>
    <row r="562031" spans="14:14">
      <c r="N562031" s="10"/>
    </row>
    <row r="562032" spans="14:14">
      <c r="N562032" s="10"/>
    </row>
    <row r="562033" spans="14:14">
      <c r="N562033" s="10"/>
    </row>
    <row r="562034" spans="14:14">
      <c r="N562034" s="10"/>
    </row>
    <row r="562035" spans="14:14">
      <c r="N562035" s="10"/>
    </row>
    <row r="562036" spans="14:14">
      <c r="N562036" s="10"/>
    </row>
    <row r="562037" spans="14:14">
      <c r="N562037" s="10"/>
    </row>
    <row r="562038" spans="14:14">
      <c r="N562038" s="10"/>
    </row>
    <row r="562039" spans="14:14">
      <c r="N562039" s="10"/>
    </row>
    <row r="562040" spans="14:14">
      <c r="N562040" s="10"/>
    </row>
    <row r="562041" spans="14:14">
      <c r="N562041" s="10"/>
    </row>
    <row r="562042" spans="14:14">
      <c r="N562042" s="10"/>
    </row>
    <row r="562043" spans="14:14">
      <c r="N562043" s="10"/>
    </row>
    <row r="562044" spans="14:14">
      <c r="N562044" s="10"/>
    </row>
    <row r="562045" spans="14:14">
      <c r="N562045" s="10"/>
    </row>
    <row r="562046" spans="14:14">
      <c r="N562046" s="10"/>
    </row>
    <row r="562047" spans="14:14">
      <c r="N562047" s="10"/>
    </row>
    <row r="562048" spans="14:14">
      <c r="N562048" s="10"/>
    </row>
    <row r="562049" spans="14:14">
      <c r="N562049" s="10"/>
    </row>
    <row r="562050" spans="14:14">
      <c r="N562050" s="10"/>
    </row>
    <row r="562051" spans="14:14">
      <c r="N562051" s="10"/>
    </row>
    <row r="562052" spans="14:14">
      <c r="N562052" s="10"/>
    </row>
    <row r="562053" spans="14:14">
      <c r="N562053" s="10"/>
    </row>
    <row r="562054" spans="14:14">
      <c r="N562054" s="10"/>
    </row>
    <row r="562055" spans="14:14">
      <c r="N562055" s="10"/>
    </row>
    <row r="562056" spans="14:14">
      <c r="N562056" s="10"/>
    </row>
    <row r="562057" spans="14:14">
      <c r="N562057" s="10"/>
    </row>
    <row r="562058" spans="14:14">
      <c r="N562058" s="10"/>
    </row>
    <row r="562059" spans="14:14">
      <c r="N562059" s="10"/>
    </row>
    <row r="562060" spans="14:14">
      <c r="N562060" s="10"/>
    </row>
    <row r="562061" spans="14:14">
      <c r="N562061" s="10"/>
    </row>
    <row r="562062" spans="14:14">
      <c r="N562062" s="10"/>
    </row>
    <row r="562063" spans="14:14">
      <c r="N562063" s="10"/>
    </row>
    <row r="562064" spans="14:14">
      <c r="N562064" s="10"/>
    </row>
    <row r="562065" spans="14:14">
      <c r="N562065" s="10"/>
    </row>
    <row r="562066" spans="14:14">
      <c r="N562066" s="10"/>
    </row>
    <row r="562067" spans="14:14">
      <c r="N562067" s="10"/>
    </row>
    <row r="562068" spans="14:14">
      <c r="N562068" s="10"/>
    </row>
    <row r="562069" spans="14:14">
      <c r="N562069" s="10"/>
    </row>
    <row r="562070" spans="14:14">
      <c r="N562070" s="10"/>
    </row>
    <row r="562071" spans="14:14">
      <c r="N562071" s="10"/>
    </row>
    <row r="562072" spans="14:14">
      <c r="N562072" s="10"/>
    </row>
    <row r="562073" spans="14:14">
      <c r="N562073" s="10"/>
    </row>
    <row r="562074" spans="14:14">
      <c r="N562074" s="10"/>
    </row>
    <row r="562075" spans="14:14">
      <c r="N562075" s="10"/>
    </row>
    <row r="562076" spans="14:14">
      <c r="N562076" s="10"/>
    </row>
    <row r="562077" spans="14:14">
      <c r="N562077" s="10"/>
    </row>
    <row r="562078" spans="14:14">
      <c r="N562078" s="10"/>
    </row>
    <row r="562079" spans="14:14">
      <c r="N562079" s="10"/>
    </row>
    <row r="562080" spans="14:14">
      <c r="N562080" s="10"/>
    </row>
    <row r="562081" spans="14:14">
      <c r="N562081" s="10"/>
    </row>
    <row r="562082" spans="14:14">
      <c r="N562082" s="10"/>
    </row>
    <row r="562083" spans="14:14">
      <c r="N562083" s="10"/>
    </row>
    <row r="562084" spans="14:14">
      <c r="N562084" s="10"/>
    </row>
    <row r="562085" spans="14:14">
      <c r="N562085" s="10"/>
    </row>
    <row r="562086" spans="14:14">
      <c r="N562086" s="10"/>
    </row>
    <row r="562087" spans="14:14">
      <c r="N562087" s="10"/>
    </row>
    <row r="562088" spans="14:14">
      <c r="N562088" s="10"/>
    </row>
    <row r="562089" spans="14:14">
      <c r="N562089" s="10"/>
    </row>
    <row r="562090" spans="14:14">
      <c r="N562090" s="10"/>
    </row>
    <row r="562091" spans="14:14">
      <c r="N562091" s="10"/>
    </row>
    <row r="562092" spans="14:14">
      <c r="N562092" s="10"/>
    </row>
    <row r="562093" spans="14:14">
      <c r="N562093" s="10"/>
    </row>
    <row r="562094" spans="14:14">
      <c r="N562094" s="10"/>
    </row>
    <row r="562095" spans="14:14">
      <c r="N562095" s="10"/>
    </row>
    <row r="562096" spans="14:14">
      <c r="N562096" s="10"/>
    </row>
    <row r="562097" spans="14:14">
      <c r="N562097" s="10"/>
    </row>
    <row r="562098" spans="14:14">
      <c r="N562098" s="10"/>
    </row>
    <row r="562099" spans="14:14">
      <c r="N562099" s="10"/>
    </row>
    <row r="562100" spans="14:14">
      <c r="N562100" s="10"/>
    </row>
    <row r="562101" spans="14:14">
      <c r="N562101" s="10"/>
    </row>
    <row r="562102" spans="14:14">
      <c r="N562102" s="10"/>
    </row>
    <row r="562103" spans="14:14">
      <c r="N562103" s="10"/>
    </row>
    <row r="562104" spans="14:14">
      <c r="N562104" s="10"/>
    </row>
    <row r="562105" spans="14:14">
      <c r="N562105" s="10"/>
    </row>
    <row r="562106" spans="14:14">
      <c r="N562106" s="10"/>
    </row>
    <row r="562107" spans="14:14">
      <c r="N562107" s="10"/>
    </row>
    <row r="562108" spans="14:14">
      <c r="N562108" s="10"/>
    </row>
    <row r="562109" spans="14:14">
      <c r="N562109" s="10"/>
    </row>
    <row r="562110" spans="14:14">
      <c r="N562110" s="10"/>
    </row>
    <row r="562111" spans="14:14">
      <c r="N562111" s="10"/>
    </row>
    <row r="562112" spans="14:14">
      <c r="N562112" s="10"/>
    </row>
    <row r="562113" spans="14:14">
      <c r="N562113" s="10"/>
    </row>
    <row r="562114" spans="14:14">
      <c r="N562114" s="10"/>
    </row>
    <row r="562115" spans="14:14">
      <c r="N562115" s="10"/>
    </row>
    <row r="562116" spans="14:14">
      <c r="N562116" s="10"/>
    </row>
    <row r="562117" spans="14:14">
      <c r="N562117" s="10"/>
    </row>
    <row r="562118" spans="14:14">
      <c r="N562118" s="10"/>
    </row>
    <row r="562119" spans="14:14">
      <c r="N562119" s="10"/>
    </row>
    <row r="562120" spans="14:14">
      <c r="N562120" s="10"/>
    </row>
    <row r="562121" spans="14:14">
      <c r="N562121" s="10"/>
    </row>
    <row r="562122" spans="14:14">
      <c r="N562122" s="10"/>
    </row>
    <row r="562123" spans="14:14">
      <c r="N562123" s="10"/>
    </row>
    <row r="562124" spans="14:14">
      <c r="N562124" s="10"/>
    </row>
    <row r="562125" spans="14:14">
      <c r="N562125" s="10"/>
    </row>
    <row r="562126" spans="14:14">
      <c r="N562126" s="10"/>
    </row>
    <row r="562127" spans="14:14">
      <c r="N562127" s="10"/>
    </row>
    <row r="562128" spans="14:14">
      <c r="N562128" s="10"/>
    </row>
    <row r="562129" spans="14:14">
      <c r="N562129" s="10"/>
    </row>
    <row r="562130" spans="14:14">
      <c r="N562130" s="10"/>
    </row>
    <row r="562131" spans="14:14">
      <c r="N562131" s="10"/>
    </row>
    <row r="562132" spans="14:14">
      <c r="N562132" s="10"/>
    </row>
    <row r="562133" spans="14:14">
      <c r="N562133" s="10"/>
    </row>
    <row r="562134" spans="14:14">
      <c r="N562134" s="10"/>
    </row>
    <row r="562135" spans="14:14">
      <c r="N562135" s="10"/>
    </row>
    <row r="562136" spans="14:14">
      <c r="N562136" s="10"/>
    </row>
    <row r="562137" spans="14:14">
      <c r="N562137" s="10"/>
    </row>
    <row r="562138" spans="14:14">
      <c r="N562138" s="10"/>
    </row>
    <row r="562139" spans="14:14">
      <c r="N562139" s="10"/>
    </row>
    <row r="562140" spans="14:14">
      <c r="N562140" s="10"/>
    </row>
    <row r="562141" spans="14:14">
      <c r="N562141" s="10"/>
    </row>
    <row r="562142" spans="14:14">
      <c r="N562142" s="10"/>
    </row>
    <row r="562143" spans="14:14">
      <c r="N562143" s="10"/>
    </row>
    <row r="562144" spans="14:14">
      <c r="N562144" s="10"/>
    </row>
    <row r="562145" spans="14:14">
      <c r="N562145" s="10"/>
    </row>
    <row r="562146" spans="14:14">
      <c r="N562146" s="10"/>
    </row>
    <row r="562147" spans="14:14">
      <c r="N562147" s="10"/>
    </row>
    <row r="562148" spans="14:14">
      <c r="N562148" s="10"/>
    </row>
    <row r="562149" spans="14:14">
      <c r="N562149" s="10"/>
    </row>
    <row r="562150" spans="14:14">
      <c r="N562150" s="10"/>
    </row>
    <row r="562151" spans="14:14">
      <c r="N562151" s="10"/>
    </row>
    <row r="562152" spans="14:14">
      <c r="N562152" s="10"/>
    </row>
    <row r="562153" spans="14:14">
      <c r="N562153" s="10"/>
    </row>
    <row r="562154" spans="14:14">
      <c r="N562154" s="10"/>
    </row>
    <row r="562155" spans="14:14">
      <c r="N562155" s="10"/>
    </row>
    <row r="562156" spans="14:14">
      <c r="N562156" s="10"/>
    </row>
    <row r="562157" spans="14:14">
      <c r="N562157" s="10"/>
    </row>
    <row r="562158" spans="14:14">
      <c r="N562158" s="10"/>
    </row>
    <row r="562159" spans="14:14">
      <c r="N562159" s="10"/>
    </row>
    <row r="562160" spans="14:14">
      <c r="N562160" s="10"/>
    </row>
    <row r="562161" spans="14:14">
      <c r="N562161" s="10"/>
    </row>
    <row r="562162" spans="14:14">
      <c r="N562162" s="10"/>
    </row>
    <row r="562163" spans="14:14">
      <c r="N562163" s="10"/>
    </row>
    <row r="562164" spans="14:14">
      <c r="N562164" s="10"/>
    </row>
    <row r="562165" spans="14:14">
      <c r="N562165" s="10"/>
    </row>
    <row r="562166" spans="14:14">
      <c r="N562166" s="10"/>
    </row>
    <row r="562167" spans="14:14">
      <c r="N562167" s="10"/>
    </row>
    <row r="562168" spans="14:14">
      <c r="N562168" s="10"/>
    </row>
    <row r="562169" spans="14:14">
      <c r="N562169" s="10"/>
    </row>
    <row r="562170" spans="14:14">
      <c r="N562170" s="10"/>
    </row>
    <row r="562171" spans="14:14">
      <c r="N562171" s="10"/>
    </row>
    <row r="562172" spans="14:14">
      <c r="N562172" s="10"/>
    </row>
    <row r="562173" spans="14:14">
      <c r="N562173" s="10"/>
    </row>
    <row r="562174" spans="14:14">
      <c r="N562174" s="10"/>
    </row>
    <row r="562175" spans="14:14">
      <c r="N562175" s="10"/>
    </row>
    <row r="562176" spans="14:14">
      <c r="N562176" s="10"/>
    </row>
    <row r="562177" spans="14:14">
      <c r="N562177" s="10"/>
    </row>
    <row r="562178" spans="14:14">
      <c r="N562178" s="10"/>
    </row>
    <row r="562179" spans="14:14">
      <c r="N562179" s="10"/>
    </row>
    <row r="562180" spans="14:14">
      <c r="N562180" s="10"/>
    </row>
    <row r="562181" spans="14:14">
      <c r="N562181" s="10"/>
    </row>
    <row r="562182" spans="14:14">
      <c r="N562182" s="10"/>
    </row>
    <row r="562183" spans="14:14">
      <c r="N562183" s="10"/>
    </row>
    <row r="562184" spans="14:14">
      <c r="N562184" s="10"/>
    </row>
    <row r="562185" spans="14:14">
      <c r="N562185" s="10"/>
    </row>
    <row r="562186" spans="14:14">
      <c r="N562186" s="10"/>
    </row>
    <row r="562187" spans="14:14">
      <c r="N562187" s="10"/>
    </row>
    <row r="562188" spans="14:14">
      <c r="N562188" s="10"/>
    </row>
    <row r="562189" spans="14:14">
      <c r="N562189" s="10"/>
    </row>
    <row r="562190" spans="14:14">
      <c r="N562190" s="10"/>
    </row>
    <row r="562191" spans="14:14">
      <c r="N562191" s="10"/>
    </row>
    <row r="562192" spans="14:14">
      <c r="N562192" s="10"/>
    </row>
    <row r="562193" spans="14:14">
      <c r="N562193" s="10"/>
    </row>
    <row r="562194" spans="14:14">
      <c r="N562194" s="10"/>
    </row>
    <row r="562195" spans="14:14">
      <c r="N562195" s="10"/>
    </row>
    <row r="562196" spans="14:14">
      <c r="N562196" s="10"/>
    </row>
    <row r="562197" spans="14:14">
      <c r="N562197" s="10"/>
    </row>
    <row r="562198" spans="14:14">
      <c r="N562198" s="10"/>
    </row>
    <row r="562199" spans="14:14">
      <c r="N562199" s="10"/>
    </row>
    <row r="562200" spans="14:14">
      <c r="N562200" s="10"/>
    </row>
    <row r="562201" spans="14:14">
      <c r="N562201" s="10"/>
    </row>
    <row r="562202" spans="14:14">
      <c r="N562202" s="10"/>
    </row>
    <row r="562203" spans="14:14">
      <c r="N562203" s="10"/>
    </row>
    <row r="562204" spans="14:14">
      <c r="N562204" s="10"/>
    </row>
    <row r="562205" spans="14:14">
      <c r="N562205" s="10"/>
    </row>
    <row r="562206" spans="14:14">
      <c r="N562206" s="10"/>
    </row>
    <row r="562207" spans="14:14">
      <c r="N562207" s="10"/>
    </row>
    <row r="562208" spans="14:14">
      <c r="N562208" s="10"/>
    </row>
    <row r="562209" spans="14:14">
      <c r="N562209" s="10"/>
    </row>
    <row r="562210" spans="14:14">
      <c r="N562210" s="10"/>
    </row>
    <row r="562211" spans="14:14">
      <c r="N562211" s="10"/>
    </row>
    <row r="562212" spans="14:14">
      <c r="N562212" s="10"/>
    </row>
    <row r="562213" spans="14:14">
      <c r="N562213" s="10"/>
    </row>
    <row r="562214" spans="14:14">
      <c r="N562214" s="10"/>
    </row>
    <row r="562215" spans="14:14">
      <c r="N562215" s="10"/>
    </row>
    <row r="562216" spans="14:14">
      <c r="N562216" s="10"/>
    </row>
    <row r="562217" spans="14:14">
      <c r="N562217" s="10"/>
    </row>
    <row r="562218" spans="14:14">
      <c r="N562218" s="10"/>
    </row>
    <row r="562219" spans="14:14">
      <c r="N562219" s="10"/>
    </row>
    <row r="562220" spans="14:14">
      <c r="N562220" s="10"/>
    </row>
    <row r="562221" spans="14:14">
      <c r="N562221" s="10"/>
    </row>
    <row r="562222" spans="14:14">
      <c r="N562222" s="10"/>
    </row>
    <row r="562223" spans="14:14">
      <c r="N562223" s="10"/>
    </row>
    <row r="562224" spans="14:14">
      <c r="N562224" s="10"/>
    </row>
    <row r="562225" spans="14:14">
      <c r="N562225" s="10"/>
    </row>
    <row r="562226" spans="14:14">
      <c r="N562226" s="10"/>
    </row>
    <row r="562227" spans="14:14">
      <c r="N562227" s="10"/>
    </row>
    <row r="562228" spans="14:14">
      <c r="N562228" s="10"/>
    </row>
    <row r="562229" spans="14:14">
      <c r="N562229" s="10"/>
    </row>
    <row r="562230" spans="14:14">
      <c r="N562230" s="10"/>
    </row>
    <row r="562231" spans="14:14">
      <c r="N562231" s="10"/>
    </row>
    <row r="562232" spans="14:14">
      <c r="N562232" s="10"/>
    </row>
    <row r="562233" spans="14:14">
      <c r="N562233" s="10"/>
    </row>
    <row r="562234" spans="14:14">
      <c r="N562234" s="10"/>
    </row>
    <row r="562235" spans="14:14">
      <c r="N562235" s="10"/>
    </row>
    <row r="562236" spans="14:14">
      <c r="N562236" s="10"/>
    </row>
    <row r="562237" spans="14:14">
      <c r="N562237" s="10"/>
    </row>
    <row r="562238" spans="14:14">
      <c r="N562238" s="10"/>
    </row>
    <row r="562239" spans="14:14">
      <c r="N562239" s="10"/>
    </row>
    <row r="562240" spans="14:14">
      <c r="N562240" s="10"/>
    </row>
    <row r="562241" spans="14:14">
      <c r="N562241" s="10"/>
    </row>
    <row r="562242" spans="14:14">
      <c r="N562242" s="10"/>
    </row>
    <row r="562243" spans="14:14">
      <c r="N562243" s="10"/>
    </row>
    <row r="562244" spans="14:14">
      <c r="N562244" s="10"/>
    </row>
    <row r="562245" spans="14:14">
      <c r="N562245" s="10"/>
    </row>
    <row r="562246" spans="14:14">
      <c r="N562246" s="10"/>
    </row>
    <row r="562247" spans="14:14">
      <c r="N562247" s="10"/>
    </row>
    <row r="562248" spans="14:14">
      <c r="N562248" s="10"/>
    </row>
    <row r="562249" spans="14:14">
      <c r="N562249" s="10"/>
    </row>
    <row r="562250" spans="14:14">
      <c r="N562250" s="10"/>
    </row>
    <row r="562251" spans="14:14">
      <c r="N562251" s="10"/>
    </row>
    <row r="562252" spans="14:14">
      <c r="N562252" s="10"/>
    </row>
    <row r="562253" spans="14:14">
      <c r="N562253" s="10"/>
    </row>
    <row r="562254" spans="14:14">
      <c r="N562254" s="10"/>
    </row>
    <row r="562255" spans="14:14">
      <c r="N562255" s="10"/>
    </row>
    <row r="562256" spans="14:14">
      <c r="N562256" s="10"/>
    </row>
    <row r="562257" spans="14:14">
      <c r="N562257" s="10"/>
    </row>
    <row r="562258" spans="14:14">
      <c r="N562258" s="10"/>
    </row>
    <row r="562259" spans="14:14">
      <c r="N562259" s="10"/>
    </row>
    <row r="562260" spans="14:14">
      <c r="N562260" s="10"/>
    </row>
    <row r="562261" spans="14:14">
      <c r="N562261" s="10"/>
    </row>
    <row r="562262" spans="14:14">
      <c r="N562262" s="10"/>
    </row>
    <row r="562263" spans="14:14">
      <c r="N562263" s="10"/>
    </row>
    <row r="562264" spans="14:14">
      <c r="N562264" s="10"/>
    </row>
    <row r="562265" spans="14:14">
      <c r="N562265" s="10"/>
    </row>
    <row r="562266" spans="14:14">
      <c r="N562266" s="10"/>
    </row>
    <row r="562267" spans="14:14">
      <c r="N562267" s="10"/>
    </row>
    <row r="562268" spans="14:14">
      <c r="N562268" s="10"/>
    </row>
    <row r="562269" spans="14:14">
      <c r="N562269" s="10"/>
    </row>
    <row r="562270" spans="14:14">
      <c r="N562270" s="10"/>
    </row>
    <row r="562271" spans="14:14">
      <c r="N562271" s="10"/>
    </row>
    <row r="562272" spans="14:14">
      <c r="N562272" s="10"/>
    </row>
    <row r="562273" spans="14:14">
      <c r="N562273" s="10"/>
    </row>
    <row r="562274" spans="14:14">
      <c r="N562274" s="10"/>
    </row>
    <row r="562275" spans="14:14">
      <c r="N562275" s="10"/>
    </row>
    <row r="562276" spans="14:14">
      <c r="N562276" s="10"/>
    </row>
    <row r="562277" spans="14:14">
      <c r="N562277" s="10"/>
    </row>
    <row r="562278" spans="14:14">
      <c r="N562278" s="10"/>
    </row>
    <row r="562279" spans="14:14">
      <c r="N562279" s="10"/>
    </row>
    <row r="562280" spans="14:14">
      <c r="N562280" s="10"/>
    </row>
    <row r="562281" spans="14:14">
      <c r="N562281" s="10"/>
    </row>
    <row r="562282" spans="14:14">
      <c r="N562282" s="10"/>
    </row>
    <row r="562283" spans="14:14">
      <c r="N562283" s="10"/>
    </row>
    <row r="562284" spans="14:14">
      <c r="N562284" s="10"/>
    </row>
    <row r="562285" spans="14:14">
      <c r="N562285" s="10"/>
    </row>
    <row r="562286" spans="14:14">
      <c r="N562286" s="10"/>
    </row>
    <row r="562287" spans="14:14">
      <c r="N562287" s="10"/>
    </row>
    <row r="562288" spans="14:14">
      <c r="N562288" s="10"/>
    </row>
    <row r="562289" spans="14:14">
      <c r="N562289" s="10"/>
    </row>
    <row r="562290" spans="14:14">
      <c r="N562290" s="10"/>
    </row>
    <row r="562291" spans="14:14">
      <c r="N562291" s="10"/>
    </row>
    <row r="562292" spans="14:14">
      <c r="N562292" s="10"/>
    </row>
    <row r="562293" spans="14:14">
      <c r="N562293" s="10"/>
    </row>
    <row r="562294" spans="14:14">
      <c r="N562294" s="10"/>
    </row>
    <row r="562295" spans="14:14">
      <c r="N562295" s="10"/>
    </row>
    <row r="562296" spans="14:14">
      <c r="N562296" s="10"/>
    </row>
    <row r="562297" spans="14:14">
      <c r="N562297" s="10"/>
    </row>
    <row r="562298" spans="14:14">
      <c r="N562298" s="10"/>
    </row>
    <row r="562299" spans="14:14">
      <c r="N562299" s="10"/>
    </row>
    <row r="562300" spans="14:14">
      <c r="N562300" s="10"/>
    </row>
    <row r="562301" spans="14:14">
      <c r="N562301" s="10"/>
    </row>
    <row r="562302" spans="14:14">
      <c r="N562302" s="10"/>
    </row>
    <row r="562303" spans="14:14">
      <c r="N562303" s="10"/>
    </row>
    <row r="562304" spans="14:14">
      <c r="N562304" s="10"/>
    </row>
    <row r="562305" spans="14:14">
      <c r="N562305" s="10"/>
    </row>
    <row r="562306" spans="14:14">
      <c r="N562306" s="10"/>
    </row>
    <row r="562307" spans="14:14">
      <c r="N562307" s="10"/>
    </row>
    <row r="562308" spans="14:14">
      <c r="N562308" s="10"/>
    </row>
    <row r="562309" spans="14:14">
      <c r="N562309" s="10"/>
    </row>
    <row r="562310" spans="14:14">
      <c r="N562310" s="10"/>
    </row>
    <row r="562311" spans="14:14">
      <c r="N562311" s="10"/>
    </row>
    <row r="562312" spans="14:14">
      <c r="N562312" s="10"/>
    </row>
    <row r="562313" spans="14:14">
      <c r="N562313" s="10"/>
    </row>
    <row r="562314" spans="14:14">
      <c r="N562314" s="10"/>
    </row>
    <row r="562315" spans="14:14">
      <c r="N562315" s="10"/>
    </row>
    <row r="562316" spans="14:14">
      <c r="N562316" s="10"/>
    </row>
    <row r="562317" spans="14:14">
      <c r="N562317" s="10"/>
    </row>
    <row r="562318" spans="14:14">
      <c r="N562318" s="10"/>
    </row>
    <row r="562319" spans="14:14">
      <c r="N562319" s="10"/>
    </row>
    <row r="562320" spans="14:14">
      <c r="N562320" s="10"/>
    </row>
    <row r="562321" spans="14:14">
      <c r="N562321" s="10"/>
    </row>
    <row r="562322" spans="14:14">
      <c r="N562322" s="10"/>
    </row>
    <row r="562323" spans="14:14">
      <c r="N562323" s="10"/>
    </row>
    <row r="562324" spans="14:14">
      <c r="N562324" s="10"/>
    </row>
    <row r="562325" spans="14:14">
      <c r="N562325" s="10"/>
    </row>
    <row r="562326" spans="14:14">
      <c r="N562326" s="10"/>
    </row>
    <row r="562327" spans="14:14">
      <c r="N562327" s="10"/>
    </row>
    <row r="562328" spans="14:14">
      <c r="N562328" s="10"/>
    </row>
    <row r="562329" spans="14:14">
      <c r="N562329" s="10"/>
    </row>
    <row r="562330" spans="14:14">
      <c r="N562330" s="10"/>
    </row>
    <row r="562331" spans="14:14">
      <c r="N562331" s="10"/>
    </row>
    <row r="562332" spans="14:14">
      <c r="N562332" s="10"/>
    </row>
    <row r="562333" spans="14:14">
      <c r="N562333" s="10"/>
    </row>
    <row r="562334" spans="14:14">
      <c r="N562334" s="10"/>
    </row>
    <row r="562335" spans="14:14">
      <c r="N562335" s="10"/>
    </row>
    <row r="562336" spans="14:14">
      <c r="N562336" s="10"/>
    </row>
    <row r="562337" spans="14:14">
      <c r="N562337" s="10"/>
    </row>
    <row r="562338" spans="14:14">
      <c r="N562338" s="10"/>
    </row>
    <row r="562339" spans="14:14">
      <c r="N562339" s="10"/>
    </row>
    <row r="562340" spans="14:14">
      <c r="N562340" s="10"/>
    </row>
    <row r="562341" spans="14:14">
      <c r="N562341" s="10"/>
    </row>
    <row r="562342" spans="14:14">
      <c r="N562342" s="10"/>
    </row>
    <row r="562343" spans="14:14">
      <c r="N562343" s="10"/>
    </row>
    <row r="562344" spans="14:14">
      <c r="N562344" s="10"/>
    </row>
    <row r="562345" spans="14:14">
      <c r="N562345" s="10"/>
    </row>
    <row r="562346" spans="14:14">
      <c r="N562346" s="10"/>
    </row>
    <row r="562347" spans="14:14">
      <c r="N562347" s="10"/>
    </row>
    <row r="562348" spans="14:14">
      <c r="N562348" s="10"/>
    </row>
    <row r="562349" spans="14:14">
      <c r="N562349" s="10"/>
    </row>
    <row r="562350" spans="14:14">
      <c r="N562350" s="10"/>
    </row>
    <row r="562351" spans="14:14">
      <c r="N562351" s="10"/>
    </row>
    <row r="562352" spans="14:14">
      <c r="N562352" s="10"/>
    </row>
    <row r="562353" spans="14:14">
      <c r="N562353" s="10"/>
    </row>
    <row r="562354" spans="14:14">
      <c r="N562354" s="10"/>
    </row>
    <row r="562355" spans="14:14">
      <c r="N562355" s="10"/>
    </row>
    <row r="562356" spans="14:14">
      <c r="N562356" s="10"/>
    </row>
    <row r="562357" spans="14:14">
      <c r="N562357" s="10"/>
    </row>
    <row r="562358" spans="14:14">
      <c r="N562358" s="10"/>
    </row>
    <row r="562359" spans="14:14">
      <c r="N562359" s="10"/>
    </row>
    <row r="562360" spans="14:14">
      <c r="N562360" s="10"/>
    </row>
    <row r="562361" spans="14:14">
      <c r="N562361" s="10"/>
    </row>
    <row r="562362" spans="14:14">
      <c r="N562362" s="10"/>
    </row>
    <row r="562363" spans="14:14">
      <c r="N562363" s="10"/>
    </row>
    <row r="562364" spans="14:14">
      <c r="N562364" s="10"/>
    </row>
    <row r="562365" spans="14:14">
      <c r="N562365" s="10"/>
    </row>
    <row r="562366" spans="14:14">
      <c r="N562366" s="10"/>
    </row>
    <row r="562367" spans="14:14">
      <c r="N562367" s="10"/>
    </row>
    <row r="562368" spans="14:14">
      <c r="N562368" s="10"/>
    </row>
    <row r="562369" spans="14:14">
      <c r="N562369" s="10"/>
    </row>
    <row r="562370" spans="14:14">
      <c r="N562370" s="10"/>
    </row>
    <row r="562371" spans="14:14">
      <c r="N562371" s="10"/>
    </row>
    <row r="562372" spans="14:14">
      <c r="N562372" s="10"/>
    </row>
    <row r="562373" spans="14:14">
      <c r="N562373" s="10"/>
    </row>
    <row r="562374" spans="14:14">
      <c r="N562374" s="10"/>
    </row>
    <row r="562375" spans="14:14">
      <c r="N562375" s="10"/>
    </row>
    <row r="562376" spans="14:14">
      <c r="N562376" s="10"/>
    </row>
    <row r="562377" spans="14:14">
      <c r="N562377" s="10"/>
    </row>
    <row r="562378" spans="14:14">
      <c r="N562378" s="10"/>
    </row>
    <row r="562379" spans="14:14">
      <c r="N562379" s="10"/>
    </row>
    <row r="562380" spans="14:14">
      <c r="N562380" s="10"/>
    </row>
    <row r="562381" spans="14:14">
      <c r="N562381" s="10"/>
    </row>
    <row r="562382" spans="14:14">
      <c r="N562382" s="10"/>
    </row>
    <row r="562383" spans="14:14">
      <c r="N562383" s="10"/>
    </row>
    <row r="562384" spans="14:14">
      <c r="N562384" s="10"/>
    </row>
    <row r="562385" spans="14:14">
      <c r="N562385" s="10"/>
    </row>
    <row r="562386" spans="14:14">
      <c r="N562386" s="10"/>
    </row>
    <row r="562387" spans="14:14">
      <c r="N562387" s="10"/>
    </row>
    <row r="562388" spans="14:14">
      <c r="N562388" s="10"/>
    </row>
    <row r="562389" spans="14:14">
      <c r="N562389" s="10"/>
    </row>
    <row r="562390" spans="14:14">
      <c r="N562390" s="10"/>
    </row>
    <row r="562391" spans="14:14">
      <c r="N562391" s="10"/>
    </row>
    <row r="562392" spans="14:14">
      <c r="N562392" s="10"/>
    </row>
    <row r="562393" spans="14:14">
      <c r="N562393" s="10"/>
    </row>
    <row r="562394" spans="14:14">
      <c r="N562394" s="10"/>
    </row>
    <row r="562395" spans="14:14">
      <c r="N562395" s="10"/>
    </row>
    <row r="562396" spans="14:14">
      <c r="N562396" s="10"/>
    </row>
    <row r="562397" spans="14:14">
      <c r="N562397" s="10"/>
    </row>
    <row r="562398" spans="14:14">
      <c r="N562398" s="10"/>
    </row>
    <row r="562399" spans="14:14">
      <c r="N562399" s="10"/>
    </row>
    <row r="562400" spans="14:14">
      <c r="N562400" s="10"/>
    </row>
    <row r="562401" spans="14:14">
      <c r="N562401" s="10"/>
    </row>
    <row r="562402" spans="14:14">
      <c r="N562402" s="10"/>
    </row>
    <row r="562403" spans="14:14">
      <c r="N562403" s="10"/>
    </row>
    <row r="562404" spans="14:14">
      <c r="N562404" s="10"/>
    </row>
    <row r="562405" spans="14:14">
      <c r="N562405" s="10"/>
    </row>
    <row r="562406" spans="14:14">
      <c r="N562406" s="10"/>
    </row>
    <row r="562407" spans="14:14">
      <c r="N562407" s="10"/>
    </row>
    <row r="562408" spans="14:14">
      <c r="N562408" s="10"/>
    </row>
    <row r="562409" spans="14:14">
      <c r="N562409" s="10"/>
    </row>
    <row r="562410" spans="14:14">
      <c r="N562410" s="10"/>
    </row>
    <row r="562411" spans="14:14">
      <c r="N562411" s="10"/>
    </row>
    <row r="562412" spans="14:14">
      <c r="N562412" s="10"/>
    </row>
    <row r="562413" spans="14:14">
      <c r="N562413" s="10"/>
    </row>
    <row r="562414" spans="14:14">
      <c r="N562414" s="10"/>
    </row>
    <row r="562415" spans="14:14">
      <c r="N562415" s="10"/>
    </row>
    <row r="562416" spans="14:14">
      <c r="N562416" s="10"/>
    </row>
    <row r="562417" spans="14:14">
      <c r="N562417" s="10"/>
    </row>
    <row r="562418" spans="14:14">
      <c r="N562418" s="10"/>
    </row>
    <row r="562419" spans="14:14">
      <c r="N562419" s="10"/>
    </row>
    <row r="562420" spans="14:14">
      <c r="N562420" s="10"/>
    </row>
    <row r="562421" spans="14:14">
      <c r="N562421" s="10"/>
    </row>
    <row r="562422" spans="14:14">
      <c r="N562422" s="10"/>
    </row>
    <row r="562423" spans="14:14">
      <c r="N562423" s="10"/>
    </row>
    <row r="562424" spans="14:14">
      <c r="N562424" s="10"/>
    </row>
    <row r="562425" spans="14:14">
      <c r="N562425" s="10"/>
    </row>
    <row r="562426" spans="14:14">
      <c r="N562426" s="10"/>
    </row>
    <row r="562427" spans="14:14">
      <c r="N562427" s="10"/>
    </row>
    <row r="562428" spans="14:14">
      <c r="N562428" s="10"/>
    </row>
    <row r="562429" spans="14:14">
      <c r="N562429" s="10"/>
    </row>
    <row r="562430" spans="14:14">
      <c r="N562430" s="10"/>
    </row>
    <row r="562431" spans="14:14">
      <c r="N562431" s="10"/>
    </row>
    <row r="562432" spans="14:14">
      <c r="N562432" s="10"/>
    </row>
    <row r="562433" spans="14:14">
      <c r="N562433" s="10"/>
    </row>
    <row r="562434" spans="14:14">
      <c r="N562434" s="10"/>
    </row>
    <row r="562435" spans="14:14">
      <c r="N562435" s="10"/>
    </row>
    <row r="562436" spans="14:14">
      <c r="N562436" s="10"/>
    </row>
    <row r="562437" spans="14:14">
      <c r="N562437" s="10"/>
    </row>
    <row r="562438" spans="14:14">
      <c r="N562438" s="10"/>
    </row>
    <row r="562439" spans="14:14">
      <c r="N562439" s="10"/>
    </row>
    <row r="562440" spans="14:14">
      <c r="N562440" s="10"/>
    </row>
    <row r="562441" spans="14:14">
      <c r="N562441" s="10"/>
    </row>
    <row r="562442" spans="14:14">
      <c r="N562442" s="10"/>
    </row>
    <row r="562443" spans="14:14">
      <c r="N562443" s="10"/>
    </row>
    <row r="562444" spans="14:14">
      <c r="N562444" s="10"/>
    </row>
    <row r="562445" spans="14:14">
      <c r="N562445" s="10"/>
    </row>
    <row r="562446" spans="14:14">
      <c r="N562446" s="10"/>
    </row>
    <row r="562447" spans="14:14">
      <c r="N562447" s="10"/>
    </row>
    <row r="562448" spans="14:14">
      <c r="N562448" s="10"/>
    </row>
    <row r="562449" spans="14:14">
      <c r="N562449" s="10"/>
    </row>
    <row r="562450" spans="14:14">
      <c r="N562450" s="10"/>
    </row>
    <row r="562451" spans="14:14">
      <c r="N562451" s="10"/>
    </row>
    <row r="562452" spans="14:14">
      <c r="N562452" s="10"/>
    </row>
    <row r="562453" spans="14:14">
      <c r="N562453" s="10"/>
    </row>
    <row r="562454" spans="14:14">
      <c r="N562454" s="10"/>
    </row>
    <row r="562455" spans="14:14">
      <c r="N562455" s="10"/>
    </row>
    <row r="562456" spans="14:14">
      <c r="N562456" s="10"/>
    </row>
    <row r="562457" spans="14:14">
      <c r="N562457" s="10"/>
    </row>
    <row r="562458" spans="14:14">
      <c r="N562458" s="10"/>
    </row>
    <row r="562459" spans="14:14">
      <c r="N562459" s="10"/>
    </row>
    <row r="562460" spans="14:14">
      <c r="N562460" s="10"/>
    </row>
    <row r="562461" spans="14:14">
      <c r="N562461" s="10"/>
    </row>
    <row r="562462" spans="14:14">
      <c r="N562462" s="10"/>
    </row>
    <row r="562463" spans="14:14">
      <c r="N562463" s="10"/>
    </row>
    <row r="562464" spans="14:14">
      <c r="N562464" s="10"/>
    </row>
    <row r="562465" spans="14:14">
      <c r="N562465" s="10"/>
    </row>
    <row r="562466" spans="14:14">
      <c r="N562466" s="10"/>
    </row>
    <row r="562467" spans="14:14">
      <c r="N562467" s="10"/>
    </row>
    <row r="562468" spans="14:14">
      <c r="N562468" s="10"/>
    </row>
    <row r="562469" spans="14:14">
      <c r="N562469" s="10"/>
    </row>
    <row r="562470" spans="14:14">
      <c r="N562470" s="10"/>
    </row>
    <row r="562471" spans="14:14">
      <c r="N562471" s="10"/>
    </row>
    <row r="562472" spans="14:14">
      <c r="N562472" s="10"/>
    </row>
    <row r="562473" spans="14:14">
      <c r="N562473" s="10"/>
    </row>
    <row r="562474" spans="14:14">
      <c r="N562474" s="10"/>
    </row>
    <row r="562475" spans="14:14">
      <c r="N562475" s="10"/>
    </row>
    <row r="562476" spans="14:14">
      <c r="N562476" s="10"/>
    </row>
    <row r="562477" spans="14:14">
      <c r="N562477" s="10"/>
    </row>
    <row r="562478" spans="14:14">
      <c r="N562478" s="10"/>
    </row>
    <row r="562479" spans="14:14">
      <c r="N562479" s="10"/>
    </row>
    <row r="562480" spans="14:14">
      <c r="N562480" s="10"/>
    </row>
    <row r="562481" spans="14:14">
      <c r="N562481" s="10"/>
    </row>
    <row r="562482" spans="14:14">
      <c r="N562482" s="10"/>
    </row>
    <row r="562483" spans="14:14">
      <c r="N562483" s="10"/>
    </row>
    <row r="562484" spans="14:14">
      <c r="N562484" s="10"/>
    </row>
    <row r="562485" spans="14:14">
      <c r="N562485" s="10"/>
    </row>
    <row r="562486" spans="14:14">
      <c r="N562486" s="10"/>
    </row>
    <row r="562487" spans="14:14">
      <c r="N562487" s="10"/>
    </row>
    <row r="562488" spans="14:14">
      <c r="N562488" s="10"/>
    </row>
    <row r="562489" spans="14:14">
      <c r="N562489" s="10"/>
    </row>
    <row r="562490" spans="14:14">
      <c r="N562490" s="10"/>
    </row>
    <row r="562491" spans="14:14">
      <c r="N562491" s="10"/>
    </row>
    <row r="562492" spans="14:14">
      <c r="N562492" s="10"/>
    </row>
    <row r="562493" spans="14:14">
      <c r="N562493" s="10"/>
    </row>
    <row r="562494" spans="14:14">
      <c r="N562494" s="10"/>
    </row>
    <row r="562495" spans="14:14">
      <c r="N562495" s="10"/>
    </row>
    <row r="562496" spans="14:14">
      <c r="N562496" s="10"/>
    </row>
    <row r="562497" spans="14:14">
      <c r="N562497" s="10"/>
    </row>
    <row r="562498" spans="14:14">
      <c r="N562498" s="10"/>
    </row>
    <row r="562499" spans="14:14">
      <c r="N562499" s="10"/>
    </row>
    <row r="562500" spans="14:14">
      <c r="N562500" s="10"/>
    </row>
    <row r="562501" spans="14:14">
      <c r="N562501" s="10"/>
    </row>
    <row r="562502" spans="14:14">
      <c r="N562502" s="10"/>
    </row>
    <row r="562503" spans="14:14">
      <c r="N562503" s="10"/>
    </row>
    <row r="562504" spans="14:14">
      <c r="N562504" s="10"/>
    </row>
    <row r="562505" spans="14:14">
      <c r="N562505" s="10"/>
    </row>
    <row r="562506" spans="14:14">
      <c r="N562506" s="10"/>
    </row>
    <row r="562507" spans="14:14">
      <c r="N562507" s="10"/>
    </row>
    <row r="562508" spans="14:14">
      <c r="N562508" s="10"/>
    </row>
    <row r="562509" spans="14:14">
      <c r="N562509" s="10"/>
    </row>
    <row r="562510" spans="14:14">
      <c r="N562510" s="10"/>
    </row>
    <row r="562511" spans="14:14">
      <c r="N562511" s="10"/>
    </row>
    <row r="562512" spans="14:14">
      <c r="N562512" s="10"/>
    </row>
    <row r="562513" spans="14:14">
      <c r="N562513" s="10"/>
    </row>
    <row r="562514" spans="14:14">
      <c r="N562514" s="10"/>
    </row>
    <row r="562515" spans="14:14">
      <c r="N562515" s="10"/>
    </row>
    <row r="562516" spans="14:14">
      <c r="N562516" s="10"/>
    </row>
    <row r="562517" spans="14:14">
      <c r="N562517" s="10"/>
    </row>
    <row r="562518" spans="14:14">
      <c r="N562518" s="10"/>
    </row>
    <row r="562519" spans="14:14">
      <c r="N562519" s="10"/>
    </row>
    <row r="562520" spans="14:14">
      <c r="N562520" s="10"/>
    </row>
    <row r="562521" spans="14:14">
      <c r="N562521" s="10"/>
    </row>
    <row r="562522" spans="14:14">
      <c r="N562522" s="10"/>
    </row>
    <row r="562523" spans="14:14">
      <c r="N562523" s="10"/>
    </row>
    <row r="562524" spans="14:14">
      <c r="N562524" s="10"/>
    </row>
    <row r="562525" spans="14:14">
      <c r="N562525" s="10"/>
    </row>
    <row r="562526" spans="14:14">
      <c r="N562526" s="10"/>
    </row>
    <row r="562527" spans="14:14">
      <c r="N562527" s="10"/>
    </row>
    <row r="562528" spans="14:14">
      <c r="N562528" s="10"/>
    </row>
    <row r="562529" spans="14:14">
      <c r="N562529" s="10"/>
    </row>
    <row r="562530" spans="14:14">
      <c r="N562530" s="10"/>
    </row>
    <row r="562531" spans="14:14">
      <c r="N562531" s="10"/>
    </row>
    <row r="562532" spans="14:14">
      <c r="N562532" s="10"/>
    </row>
    <row r="562533" spans="14:14">
      <c r="N562533" s="10"/>
    </row>
    <row r="562534" spans="14:14">
      <c r="N562534" s="10"/>
    </row>
    <row r="562535" spans="14:14">
      <c r="N562535" s="10"/>
    </row>
    <row r="562536" spans="14:14">
      <c r="N562536" s="10"/>
    </row>
    <row r="562537" spans="14:14">
      <c r="N562537" s="10"/>
    </row>
    <row r="562538" spans="14:14">
      <c r="N562538" s="10"/>
    </row>
    <row r="562539" spans="14:14">
      <c r="N562539" s="10"/>
    </row>
    <row r="562540" spans="14:14">
      <c r="N562540" s="10"/>
    </row>
    <row r="562541" spans="14:14">
      <c r="N562541" s="10"/>
    </row>
    <row r="562542" spans="14:14">
      <c r="N562542" s="10"/>
    </row>
    <row r="562543" spans="14:14">
      <c r="N562543" s="10"/>
    </row>
    <row r="562544" spans="14:14">
      <c r="N562544" s="10"/>
    </row>
    <row r="562545" spans="14:14">
      <c r="N562545" s="10"/>
    </row>
    <row r="562546" spans="14:14">
      <c r="N562546" s="10"/>
    </row>
    <row r="562547" spans="14:14">
      <c r="N562547" s="10"/>
    </row>
    <row r="562548" spans="14:14">
      <c r="N562548" s="10"/>
    </row>
    <row r="562549" spans="14:14">
      <c r="N562549" s="10"/>
    </row>
    <row r="562550" spans="14:14">
      <c r="N562550" s="10"/>
    </row>
    <row r="562551" spans="14:14">
      <c r="N562551" s="10"/>
    </row>
    <row r="562552" spans="14:14">
      <c r="N562552" s="10"/>
    </row>
    <row r="562553" spans="14:14">
      <c r="N562553" s="10"/>
    </row>
    <row r="562554" spans="14:14">
      <c r="N562554" s="10"/>
    </row>
    <row r="562555" spans="14:14">
      <c r="N562555" s="10"/>
    </row>
    <row r="562556" spans="14:14">
      <c r="N562556" s="10"/>
    </row>
    <row r="562557" spans="14:14">
      <c r="N562557" s="10"/>
    </row>
    <row r="562558" spans="14:14">
      <c r="N562558" s="10"/>
    </row>
    <row r="562559" spans="14:14">
      <c r="N562559" s="10"/>
    </row>
    <row r="562560" spans="14:14">
      <c r="N562560" s="10"/>
    </row>
    <row r="562561" spans="14:14">
      <c r="N562561" s="10"/>
    </row>
    <row r="562562" spans="14:14">
      <c r="N562562" s="10"/>
    </row>
    <row r="562563" spans="14:14">
      <c r="N562563" s="10"/>
    </row>
    <row r="562564" spans="14:14">
      <c r="N562564" s="10"/>
    </row>
    <row r="562565" spans="14:14">
      <c r="N562565" s="10"/>
    </row>
    <row r="562566" spans="14:14">
      <c r="N562566" s="10"/>
    </row>
    <row r="562567" spans="14:14">
      <c r="N562567" s="10"/>
    </row>
    <row r="562568" spans="14:14">
      <c r="N562568" s="10"/>
    </row>
    <row r="562569" spans="14:14">
      <c r="N562569" s="10"/>
    </row>
    <row r="562570" spans="14:14">
      <c r="N562570" s="10"/>
    </row>
    <row r="562571" spans="14:14">
      <c r="N562571" s="10"/>
    </row>
    <row r="562572" spans="14:14">
      <c r="N562572" s="10"/>
    </row>
    <row r="562573" spans="14:14">
      <c r="N562573" s="10"/>
    </row>
    <row r="562574" spans="14:14">
      <c r="N562574" s="10"/>
    </row>
    <row r="562575" spans="14:14">
      <c r="N562575" s="10"/>
    </row>
    <row r="562576" spans="14:14">
      <c r="N562576" s="10"/>
    </row>
    <row r="562577" spans="14:14">
      <c r="N562577" s="10"/>
    </row>
    <row r="562578" spans="14:14">
      <c r="N562578" s="10"/>
    </row>
    <row r="562579" spans="14:14">
      <c r="N562579" s="10"/>
    </row>
    <row r="562580" spans="14:14">
      <c r="N562580" s="10"/>
    </row>
    <row r="562581" spans="14:14">
      <c r="N562581" s="10"/>
    </row>
    <row r="562582" spans="14:14">
      <c r="N562582" s="10"/>
    </row>
    <row r="562583" spans="14:14">
      <c r="N562583" s="10"/>
    </row>
    <row r="562584" spans="14:14">
      <c r="N562584" s="10"/>
    </row>
    <row r="562585" spans="14:14">
      <c r="N562585" s="10"/>
    </row>
    <row r="562586" spans="14:14">
      <c r="N562586" s="10"/>
    </row>
    <row r="562587" spans="14:14">
      <c r="N562587" s="10"/>
    </row>
    <row r="562588" spans="14:14">
      <c r="N562588" s="10"/>
    </row>
    <row r="562589" spans="14:14">
      <c r="N562589" s="10"/>
    </row>
    <row r="562590" spans="14:14">
      <c r="N562590" s="10"/>
    </row>
    <row r="562591" spans="14:14">
      <c r="N562591" s="10"/>
    </row>
    <row r="562592" spans="14:14">
      <c r="N562592" s="10"/>
    </row>
    <row r="562593" spans="14:14">
      <c r="N562593" s="10"/>
    </row>
    <row r="562594" spans="14:14">
      <c r="N562594" s="10"/>
    </row>
    <row r="562595" spans="14:14">
      <c r="N562595" s="10"/>
    </row>
    <row r="562596" spans="14:14">
      <c r="N562596" s="10"/>
    </row>
    <row r="562597" spans="14:14">
      <c r="N562597" s="10"/>
    </row>
    <row r="562598" spans="14:14">
      <c r="N562598" s="10"/>
    </row>
    <row r="562599" spans="14:14">
      <c r="N562599" s="10"/>
    </row>
    <row r="562600" spans="14:14">
      <c r="N562600" s="10"/>
    </row>
    <row r="562601" spans="14:14">
      <c r="N562601" s="10"/>
    </row>
    <row r="562602" spans="14:14">
      <c r="N562602" s="10"/>
    </row>
    <row r="562603" spans="14:14">
      <c r="N562603" s="10"/>
    </row>
    <row r="562604" spans="14:14">
      <c r="N562604" s="10"/>
    </row>
    <row r="562605" spans="14:14">
      <c r="N562605" s="10"/>
    </row>
    <row r="562606" spans="14:14">
      <c r="N562606" s="10"/>
    </row>
    <row r="562607" spans="14:14">
      <c r="N562607" s="10"/>
    </row>
    <row r="562608" spans="14:14">
      <c r="N562608" s="10"/>
    </row>
    <row r="562609" spans="14:14">
      <c r="N562609" s="10"/>
    </row>
    <row r="562610" spans="14:14">
      <c r="N562610" s="10"/>
    </row>
    <row r="562611" spans="14:14">
      <c r="N562611" s="10"/>
    </row>
    <row r="562612" spans="14:14">
      <c r="N562612" s="10"/>
    </row>
    <row r="562613" spans="14:14">
      <c r="N562613" s="10"/>
    </row>
    <row r="562614" spans="14:14">
      <c r="N562614" s="10"/>
    </row>
    <row r="562615" spans="14:14">
      <c r="N562615" s="10"/>
    </row>
    <row r="562616" spans="14:14">
      <c r="N562616" s="10"/>
    </row>
    <row r="562617" spans="14:14">
      <c r="N562617" s="10"/>
    </row>
    <row r="562618" spans="14:14">
      <c r="N562618" s="10"/>
    </row>
    <row r="562619" spans="14:14">
      <c r="N562619" s="10"/>
    </row>
    <row r="562620" spans="14:14">
      <c r="N562620" s="10"/>
    </row>
    <row r="562621" spans="14:14">
      <c r="N562621" s="10"/>
    </row>
    <row r="562622" spans="14:14">
      <c r="N562622" s="10"/>
    </row>
    <row r="562623" spans="14:14">
      <c r="N562623" s="10"/>
    </row>
    <row r="562624" spans="14:14">
      <c r="N562624" s="10"/>
    </row>
    <row r="562625" spans="14:14">
      <c r="N562625" s="10"/>
    </row>
    <row r="562626" spans="14:14">
      <c r="N562626" s="10"/>
    </row>
    <row r="562627" spans="14:14">
      <c r="N562627" s="10"/>
    </row>
    <row r="562628" spans="14:14">
      <c r="N562628" s="10"/>
    </row>
    <row r="562629" spans="14:14">
      <c r="N562629" s="10"/>
    </row>
    <row r="562630" spans="14:14">
      <c r="N562630" s="10"/>
    </row>
    <row r="562631" spans="14:14">
      <c r="N562631" s="10"/>
    </row>
    <row r="562632" spans="14:14">
      <c r="N562632" s="10"/>
    </row>
    <row r="562633" spans="14:14">
      <c r="N562633" s="10"/>
    </row>
    <row r="562634" spans="14:14">
      <c r="N562634" s="10"/>
    </row>
    <row r="562635" spans="14:14">
      <c r="N562635" s="10"/>
    </row>
    <row r="562636" spans="14:14">
      <c r="N562636" s="10"/>
    </row>
    <row r="562637" spans="14:14">
      <c r="N562637" s="10"/>
    </row>
    <row r="562638" spans="14:14">
      <c r="N562638" s="10"/>
    </row>
    <row r="562639" spans="14:14">
      <c r="N562639" s="10"/>
    </row>
    <row r="562640" spans="14:14">
      <c r="N562640" s="10"/>
    </row>
    <row r="562641" spans="14:14">
      <c r="N562641" s="10"/>
    </row>
    <row r="562642" spans="14:14">
      <c r="N562642" s="10"/>
    </row>
    <row r="562643" spans="14:14">
      <c r="N562643" s="10"/>
    </row>
    <row r="562644" spans="14:14">
      <c r="N562644" s="10"/>
    </row>
    <row r="562645" spans="14:14">
      <c r="N562645" s="10"/>
    </row>
    <row r="562646" spans="14:14">
      <c r="N562646" s="10"/>
    </row>
    <row r="562647" spans="14:14">
      <c r="N562647" s="10"/>
    </row>
    <row r="562648" spans="14:14">
      <c r="N562648" s="10"/>
    </row>
    <row r="562649" spans="14:14">
      <c r="N562649" s="10"/>
    </row>
    <row r="562650" spans="14:14">
      <c r="N562650" s="10"/>
    </row>
    <row r="562651" spans="14:14">
      <c r="N562651" s="10"/>
    </row>
    <row r="562652" spans="14:14">
      <c r="N562652" s="10"/>
    </row>
    <row r="562653" spans="14:14">
      <c r="N562653" s="10"/>
    </row>
    <row r="562654" spans="14:14">
      <c r="N562654" s="10"/>
    </row>
    <row r="562655" spans="14:14">
      <c r="N562655" s="10"/>
    </row>
    <row r="562656" spans="14:14">
      <c r="N562656" s="10"/>
    </row>
    <row r="562657" spans="14:14">
      <c r="N562657" s="10"/>
    </row>
    <row r="562658" spans="14:14">
      <c r="N562658" s="10"/>
    </row>
    <row r="562659" spans="14:14">
      <c r="N562659" s="10"/>
    </row>
    <row r="562660" spans="14:14">
      <c r="N562660" s="10"/>
    </row>
    <row r="562661" spans="14:14">
      <c r="N562661" s="10"/>
    </row>
    <row r="562662" spans="14:14">
      <c r="N562662" s="10"/>
    </row>
    <row r="562663" spans="14:14">
      <c r="N562663" s="10"/>
    </row>
    <row r="562664" spans="14:14">
      <c r="N562664" s="10"/>
    </row>
    <row r="562665" spans="14:14">
      <c r="N562665" s="10"/>
    </row>
    <row r="562666" spans="14:14">
      <c r="N562666" s="10"/>
    </row>
    <row r="562667" spans="14:14">
      <c r="N562667" s="10"/>
    </row>
    <row r="562668" spans="14:14">
      <c r="N562668" s="10"/>
    </row>
    <row r="562669" spans="14:14">
      <c r="N562669" s="10"/>
    </row>
    <row r="562670" spans="14:14">
      <c r="N562670" s="10"/>
    </row>
    <row r="562671" spans="14:14">
      <c r="N562671" s="10"/>
    </row>
    <row r="562672" spans="14:14">
      <c r="N562672" s="10"/>
    </row>
    <row r="562673" spans="14:14">
      <c r="N562673" s="10"/>
    </row>
    <row r="562674" spans="14:14">
      <c r="N562674" s="10"/>
    </row>
    <row r="562675" spans="14:14">
      <c r="N562675" s="10"/>
    </row>
    <row r="562676" spans="14:14">
      <c r="N562676" s="10"/>
    </row>
    <row r="562677" spans="14:14">
      <c r="N562677" s="10"/>
    </row>
    <row r="562678" spans="14:14">
      <c r="N562678" s="10"/>
    </row>
    <row r="562679" spans="14:14">
      <c r="N562679" s="10"/>
    </row>
    <row r="562680" spans="14:14">
      <c r="N562680" s="10"/>
    </row>
    <row r="562681" spans="14:14">
      <c r="N562681" s="10"/>
    </row>
    <row r="562682" spans="14:14">
      <c r="N562682" s="10"/>
    </row>
    <row r="562683" spans="14:14">
      <c r="N562683" s="10"/>
    </row>
    <row r="562684" spans="14:14">
      <c r="N562684" s="10"/>
    </row>
    <row r="562685" spans="14:14">
      <c r="N562685" s="10"/>
    </row>
    <row r="562686" spans="14:14">
      <c r="N562686" s="10"/>
    </row>
    <row r="562687" spans="14:14">
      <c r="N562687" s="10"/>
    </row>
    <row r="562688" spans="14:14">
      <c r="N562688" s="10"/>
    </row>
    <row r="562689" spans="14:14">
      <c r="N562689" s="10"/>
    </row>
    <row r="562690" spans="14:14">
      <c r="N562690" s="10"/>
    </row>
    <row r="562691" spans="14:14">
      <c r="N562691" s="10"/>
    </row>
    <row r="562692" spans="14:14">
      <c r="N562692" s="10"/>
    </row>
    <row r="562693" spans="14:14">
      <c r="N562693" s="10"/>
    </row>
    <row r="562694" spans="14:14">
      <c r="N562694" s="10"/>
    </row>
    <row r="562695" spans="14:14">
      <c r="N562695" s="10"/>
    </row>
    <row r="562696" spans="14:14">
      <c r="N562696" s="10"/>
    </row>
    <row r="562697" spans="14:14">
      <c r="N562697" s="10"/>
    </row>
    <row r="562698" spans="14:14">
      <c r="N562698" s="10"/>
    </row>
    <row r="562699" spans="14:14">
      <c r="N562699" s="10"/>
    </row>
    <row r="562700" spans="14:14">
      <c r="N562700" s="10"/>
    </row>
    <row r="562701" spans="14:14">
      <c r="N562701" s="10"/>
    </row>
    <row r="562702" spans="14:14">
      <c r="N562702" s="10"/>
    </row>
    <row r="562703" spans="14:14">
      <c r="N562703" s="10"/>
    </row>
    <row r="562704" spans="14:14">
      <c r="N562704" s="10"/>
    </row>
    <row r="562705" spans="14:14">
      <c r="N562705" s="10"/>
    </row>
    <row r="562706" spans="14:14">
      <c r="N562706" s="10"/>
    </row>
    <row r="562707" spans="14:14">
      <c r="N562707" s="10"/>
    </row>
    <row r="562708" spans="14:14">
      <c r="N562708" s="10"/>
    </row>
    <row r="562709" spans="14:14">
      <c r="N562709" s="10"/>
    </row>
    <row r="562710" spans="14:14">
      <c r="N562710" s="10"/>
    </row>
    <row r="562711" spans="14:14">
      <c r="N562711" s="10"/>
    </row>
    <row r="562712" spans="14:14">
      <c r="N562712" s="10"/>
    </row>
    <row r="562713" spans="14:14">
      <c r="N562713" s="10"/>
    </row>
    <row r="562714" spans="14:14">
      <c r="N562714" s="10"/>
    </row>
    <row r="562715" spans="14:14">
      <c r="N562715" s="10"/>
    </row>
    <row r="562716" spans="14:14">
      <c r="N562716" s="10"/>
    </row>
    <row r="562717" spans="14:14">
      <c r="N562717" s="10"/>
    </row>
    <row r="562718" spans="14:14">
      <c r="N562718" s="10"/>
    </row>
    <row r="562719" spans="14:14">
      <c r="N562719" s="10"/>
    </row>
    <row r="562720" spans="14:14">
      <c r="N562720" s="10"/>
    </row>
    <row r="562721" spans="14:14">
      <c r="N562721" s="10"/>
    </row>
    <row r="562722" spans="14:14">
      <c r="N562722" s="10"/>
    </row>
    <row r="562723" spans="14:14">
      <c r="N562723" s="10"/>
    </row>
    <row r="562724" spans="14:14">
      <c r="N562724" s="10"/>
    </row>
    <row r="562725" spans="14:14">
      <c r="N562725" s="10"/>
    </row>
    <row r="562726" spans="14:14">
      <c r="N562726" s="10"/>
    </row>
    <row r="562727" spans="14:14">
      <c r="N562727" s="10"/>
    </row>
    <row r="562728" spans="14:14">
      <c r="N562728" s="10"/>
    </row>
    <row r="562729" spans="14:14">
      <c r="N562729" s="10"/>
    </row>
    <row r="562730" spans="14:14">
      <c r="N562730" s="10"/>
    </row>
    <row r="562731" spans="14:14">
      <c r="N562731" s="10"/>
    </row>
    <row r="562732" spans="14:14">
      <c r="N562732" s="10"/>
    </row>
    <row r="562733" spans="14:14">
      <c r="N562733" s="10"/>
    </row>
    <row r="562734" spans="14:14">
      <c r="N562734" s="10"/>
    </row>
    <row r="562735" spans="14:14">
      <c r="N562735" s="10"/>
    </row>
    <row r="562736" spans="14:14">
      <c r="N562736" s="10"/>
    </row>
    <row r="562737" spans="14:14">
      <c r="N562737" s="10"/>
    </row>
    <row r="562738" spans="14:14">
      <c r="N562738" s="10"/>
    </row>
    <row r="562739" spans="14:14">
      <c r="N562739" s="10"/>
    </row>
    <row r="562740" spans="14:14">
      <c r="N562740" s="10"/>
    </row>
    <row r="562741" spans="14:14">
      <c r="N562741" s="10"/>
    </row>
    <row r="562742" spans="14:14">
      <c r="N562742" s="10"/>
    </row>
    <row r="562743" spans="14:14">
      <c r="N562743" s="10"/>
    </row>
    <row r="562744" spans="14:14">
      <c r="N562744" s="10"/>
    </row>
    <row r="562745" spans="14:14">
      <c r="N562745" s="10"/>
    </row>
    <row r="562746" spans="14:14">
      <c r="N562746" s="10"/>
    </row>
    <row r="562747" spans="14:14">
      <c r="N562747" s="10"/>
    </row>
    <row r="562748" spans="14:14">
      <c r="N562748" s="10"/>
    </row>
    <row r="562749" spans="14:14">
      <c r="N562749" s="10"/>
    </row>
    <row r="562750" spans="14:14">
      <c r="N562750" s="10"/>
    </row>
    <row r="562751" spans="14:14">
      <c r="N562751" s="10"/>
    </row>
    <row r="562752" spans="14:14">
      <c r="N562752" s="10"/>
    </row>
    <row r="562753" spans="14:14">
      <c r="N562753" s="10"/>
    </row>
    <row r="562754" spans="14:14">
      <c r="N562754" s="10"/>
    </row>
    <row r="562755" spans="14:14">
      <c r="N562755" s="10"/>
    </row>
    <row r="562756" spans="14:14">
      <c r="N562756" s="10"/>
    </row>
    <row r="562757" spans="14:14">
      <c r="N562757" s="10"/>
    </row>
    <row r="562758" spans="14:14">
      <c r="N562758" s="10"/>
    </row>
    <row r="562759" spans="14:14">
      <c r="N562759" s="10"/>
    </row>
    <row r="562760" spans="14:14">
      <c r="N562760" s="10"/>
    </row>
    <row r="562761" spans="14:14">
      <c r="N562761" s="10"/>
    </row>
    <row r="562762" spans="14:14">
      <c r="N562762" s="10"/>
    </row>
    <row r="562763" spans="14:14">
      <c r="N562763" s="10"/>
    </row>
    <row r="562764" spans="14:14">
      <c r="N562764" s="10"/>
    </row>
    <row r="562765" spans="14:14">
      <c r="N562765" s="10"/>
    </row>
    <row r="562766" spans="14:14">
      <c r="N562766" s="10"/>
    </row>
    <row r="562767" spans="14:14">
      <c r="N562767" s="10"/>
    </row>
    <row r="562768" spans="14:14">
      <c r="N562768" s="10"/>
    </row>
    <row r="562769" spans="14:14">
      <c r="N562769" s="10"/>
    </row>
    <row r="562770" spans="14:14">
      <c r="N562770" s="10"/>
    </row>
    <row r="562771" spans="14:14">
      <c r="N562771" s="10"/>
    </row>
    <row r="562772" spans="14:14">
      <c r="N562772" s="10"/>
    </row>
    <row r="562773" spans="14:14">
      <c r="N562773" s="10"/>
    </row>
    <row r="562774" spans="14:14">
      <c r="N562774" s="10"/>
    </row>
    <row r="562775" spans="14:14">
      <c r="N562775" s="10"/>
    </row>
    <row r="562776" spans="14:14">
      <c r="N562776" s="10"/>
    </row>
    <row r="562777" spans="14:14">
      <c r="N562777" s="10"/>
    </row>
    <row r="562778" spans="14:14">
      <c r="N562778" s="10"/>
    </row>
    <row r="562779" spans="14:14">
      <c r="N562779" s="10"/>
    </row>
    <row r="562780" spans="14:14">
      <c r="N562780" s="10"/>
    </row>
    <row r="562781" spans="14:14">
      <c r="N562781" s="10"/>
    </row>
    <row r="562782" spans="14:14">
      <c r="N562782" s="10"/>
    </row>
    <row r="562783" spans="14:14">
      <c r="N562783" s="10"/>
    </row>
    <row r="562784" spans="14:14">
      <c r="N562784" s="10"/>
    </row>
    <row r="562785" spans="14:14">
      <c r="N562785" s="10"/>
    </row>
    <row r="562786" spans="14:14">
      <c r="N562786" s="10"/>
    </row>
    <row r="562787" spans="14:14">
      <c r="N562787" s="10"/>
    </row>
    <row r="562788" spans="14:14">
      <c r="N562788" s="10"/>
    </row>
    <row r="562789" spans="14:14">
      <c r="N562789" s="10"/>
    </row>
    <row r="562790" spans="14:14">
      <c r="N562790" s="10"/>
    </row>
    <row r="562791" spans="14:14">
      <c r="N562791" s="10"/>
    </row>
    <row r="562792" spans="14:14">
      <c r="N562792" s="10"/>
    </row>
    <row r="562793" spans="14:14">
      <c r="N562793" s="10"/>
    </row>
    <row r="562794" spans="14:14">
      <c r="N562794" s="10"/>
    </row>
    <row r="562795" spans="14:14">
      <c r="N562795" s="10"/>
    </row>
    <row r="562796" spans="14:14">
      <c r="N562796" s="10"/>
    </row>
    <row r="562797" spans="14:14">
      <c r="N562797" s="10"/>
    </row>
    <row r="562798" spans="14:14">
      <c r="N562798" s="10"/>
    </row>
    <row r="562799" spans="14:14">
      <c r="N562799" s="10"/>
    </row>
    <row r="562800" spans="14:14">
      <c r="N562800" s="10"/>
    </row>
    <row r="562801" spans="14:14">
      <c r="N562801" s="10"/>
    </row>
    <row r="562802" spans="14:14">
      <c r="N562802" s="10"/>
    </row>
    <row r="562803" spans="14:14">
      <c r="N562803" s="10"/>
    </row>
    <row r="562804" spans="14:14">
      <c r="N562804" s="10"/>
    </row>
    <row r="562805" spans="14:14">
      <c r="N562805" s="10"/>
    </row>
    <row r="562806" spans="14:14">
      <c r="N562806" s="10"/>
    </row>
    <row r="562807" spans="14:14">
      <c r="N562807" s="10"/>
    </row>
    <row r="562808" spans="14:14">
      <c r="N562808" s="10"/>
    </row>
    <row r="562809" spans="14:14">
      <c r="N562809" s="10"/>
    </row>
    <row r="562810" spans="14:14">
      <c r="N562810" s="10"/>
    </row>
    <row r="562811" spans="14:14">
      <c r="N562811" s="10"/>
    </row>
    <row r="562812" spans="14:14">
      <c r="N562812" s="10"/>
    </row>
    <row r="562813" spans="14:14">
      <c r="N562813" s="10"/>
    </row>
    <row r="562814" spans="14:14">
      <c r="N562814" s="10"/>
    </row>
    <row r="562815" spans="14:14">
      <c r="N562815" s="10"/>
    </row>
    <row r="562816" spans="14:14">
      <c r="N562816" s="10"/>
    </row>
    <row r="562817" spans="14:14">
      <c r="N562817" s="10"/>
    </row>
    <row r="562818" spans="14:14">
      <c r="N562818" s="10"/>
    </row>
    <row r="562819" spans="14:14">
      <c r="N562819" s="10"/>
    </row>
    <row r="562820" spans="14:14">
      <c r="N562820" s="10"/>
    </row>
    <row r="562821" spans="14:14">
      <c r="N562821" s="10"/>
    </row>
    <row r="562822" spans="14:14">
      <c r="N562822" s="10"/>
    </row>
    <row r="562823" spans="14:14">
      <c r="N562823" s="10"/>
    </row>
    <row r="562824" spans="14:14">
      <c r="N562824" s="10"/>
    </row>
    <row r="562825" spans="14:14">
      <c r="N562825" s="10"/>
    </row>
    <row r="562826" spans="14:14">
      <c r="N562826" s="10"/>
    </row>
    <row r="562827" spans="14:14">
      <c r="N562827" s="10"/>
    </row>
    <row r="562828" spans="14:14">
      <c r="N562828" s="10"/>
    </row>
    <row r="562829" spans="14:14">
      <c r="N562829" s="10"/>
    </row>
    <row r="562830" spans="14:14">
      <c r="N562830" s="10"/>
    </row>
    <row r="562831" spans="14:14">
      <c r="N562831" s="10"/>
    </row>
    <row r="562832" spans="14:14">
      <c r="N562832" s="10"/>
    </row>
    <row r="562833" spans="14:14">
      <c r="N562833" s="10"/>
    </row>
    <row r="562834" spans="14:14">
      <c r="N562834" s="10"/>
    </row>
    <row r="562835" spans="14:14">
      <c r="N562835" s="10"/>
    </row>
    <row r="562836" spans="14:14">
      <c r="N562836" s="10"/>
    </row>
    <row r="562837" spans="14:14">
      <c r="N562837" s="10"/>
    </row>
    <row r="562838" spans="14:14">
      <c r="N562838" s="10"/>
    </row>
    <row r="562839" spans="14:14">
      <c r="N562839" s="10"/>
    </row>
    <row r="562840" spans="14:14">
      <c r="N562840" s="10"/>
    </row>
    <row r="562841" spans="14:14">
      <c r="N562841" s="10"/>
    </row>
    <row r="562842" spans="14:14">
      <c r="N562842" s="10"/>
    </row>
    <row r="562843" spans="14:14">
      <c r="N562843" s="10"/>
    </row>
    <row r="562844" spans="14:14">
      <c r="N562844" s="10"/>
    </row>
    <row r="562845" spans="14:14">
      <c r="N562845" s="10"/>
    </row>
    <row r="562846" spans="14:14">
      <c r="N562846" s="10"/>
    </row>
    <row r="562847" spans="14:14">
      <c r="N562847" s="10"/>
    </row>
    <row r="562848" spans="14:14">
      <c r="N562848" s="10"/>
    </row>
    <row r="562849" spans="14:14">
      <c r="N562849" s="10"/>
    </row>
    <row r="562850" spans="14:14">
      <c r="N562850" s="10"/>
    </row>
    <row r="562851" spans="14:14">
      <c r="N562851" s="10"/>
    </row>
    <row r="562852" spans="14:14">
      <c r="N562852" s="10"/>
    </row>
    <row r="562853" spans="14:14">
      <c r="N562853" s="10"/>
    </row>
    <row r="562854" spans="14:14">
      <c r="N562854" s="10"/>
    </row>
    <row r="562855" spans="14:14">
      <c r="N562855" s="10"/>
    </row>
    <row r="562856" spans="14:14">
      <c r="N562856" s="10"/>
    </row>
    <row r="562857" spans="14:14">
      <c r="N562857" s="10"/>
    </row>
    <row r="562858" spans="14:14">
      <c r="N562858" s="10"/>
    </row>
    <row r="562859" spans="14:14">
      <c r="N562859" s="10"/>
    </row>
    <row r="562860" spans="14:14">
      <c r="N562860" s="10"/>
    </row>
    <row r="562861" spans="14:14">
      <c r="N562861" s="10"/>
    </row>
    <row r="562862" spans="14:14">
      <c r="N562862" s="10"/>
    </row>
    <row r="562863" spans="14:14">
      <c r="N562863" s="10"/>
    </row>
    <row r="562864" spans="14:14">
      <c r="N562864" s="10"/>
    </row>
    <row r="562865" spans="14:14">
      <c r="N562865" s="10"/>
    </row>
    <row r="562866" spans="14:14">
      <c r="N562866" s="10"/>
    </row>
    <row r="562867" spans="14:14">
      <c r="N562867" s="10"/>
    </row>
    <row r="562868" spans="14:14">
      <c r="N562868" s="10"/>
    </row>
    <row r="562869" spans="14:14">
      <c r="N562869" s="10"/>
    </row>
    <row r="562870" spans="14:14">
      <c r="N562870" s="10"/>
    </row>
    <row r="562871" spans="14:14">
      <c r="N562871" s="10"/>
    </row>
    <row r="562872" spans="14:14">
      <c r="N562872" s="10"/>
    </row>
    <row r="562873" spans="14:14">
      <c r="N562873" s="10"/>
    </row>
    <row r="562874" spans="14:14">
      <c r="N562874" s="10"/>
    </row>
    <row r="562875" spans="14:14">
      <c r="N562875" s="10"/>
    </row>
    <row r="562876" spans="14:14">
      <c r="N562876" s="10"/>
    </row>
    <row r="562877" spans="14:14">
      <c r="N562877" s="10"/>
    </row>
    <row r="562878" spans="14:14">
      <c r="N562878" s="10"/>
    </row>
    <row r="562879" spans="14:14">
      <c r="N562879" s="10"/>
    </row>
    <row r="562880" spans="14:14">
      <c r="N562880" s="10"/>
    </row>
    <row r="562881" spans="14:14">
      <c r="N562881" s="10"/>
    </row>
    <row r="562882" spans="14:14">
      <c r="N562882" s="10"/>
    </row>
    <row r="562883" spans="14:14">
      <c r="N562883" s="10"/>
    </row>
    <row r="562884" spans="14:14">
      <c r="N562884" s="10"/>
    </row>
    <row r="562885" spans="14:14">
      <c r="N562885" s="10"/>
    </row>
    <row r="562886" spans="14:14">
      <c r="N562886" s="10"/>
    </row>
    <row r="562887" spans="14:14">
      <c r="N562887" s="10"/>
    </row>
    <row r="562888" spans="14:14">
      <c r="N562888" s="10"/>
    </row>
    <row r="562889" spans="14:14">
      <c r="N562889" s="10"/>
    </row>
    <row r="562890" spans="14:14">
      <c r="N562890" s="10"/>
    </row>
    <row r="562891" spans="14:14">
      <c r="N562891" s="10"/>
    </row>
    <row r="562892" spans="14:14">
      <c r="N562892" s="10"/>
    </row>
    <row r="562893" spans="14:14">
      <c r="N562893" s="10"/>
    </row>
    <row r="562894" spans="14:14">
      <c r="N562894" s="10"/>
    </row>
    <row r="562895" spans="14:14">
      <c r="N562895" s="10"/>
    </row>
    <row r="562896" spans="14:14">
      <c r="N562896" s="10"/>
    </row>
    <row r="562897" spans="14:14">
      <c r="N562897" s="10"/>
    </row>
    <row r="562898" spans="14:14">
      <c r="N562898" s="10"/>
    </row>
    <row r="562899" spans="14:14">
      <c r="N562899" s="10"/>
    </row>
    <row r="562900" spans="14:14">
      <c r="N562900" s="10"/>
    </row>
    <row r="562901" spans="14:14">
      <c r="N562901" s="10"/>
    </row>
    <row r="562902" spans="14:14">
      <c r="N562902" s="10"/>
    </row>
    <row r="562903" spans="14:14">
      <c r="N562903" s="10"/>
    </row>
    <row r="562904" spans="14:14">
      <c r="N562904" s="10"/>
    </row>
    <row r="562905" spans="14:14">
      <c r="N562905" s="10"/>
    </row>
    <row r="562906" spans="14:14">
      <c r="N562906" s="10"/>
    </row>
    <row r="562907" spans="14:14">
      <c r="N562907" s="10"/>
    </row>
    <row r="562908" spans="14:14">
      <c r="N562908" s="10"/>
    </row>
    <row r="562909" spans="14:14">
      <c r="N562909" s="10"/>
    </row>
    <row r="562910" spans="14:14">
      <c r="N562910" s="10"/>
    </row>
    <row r="562911" spans="14:14">
      <c r="N562911" s="10"/>
    </row>
    <row r="562912" spans="14:14">
      <c r="N562912" s="10"/>
    </row>
    <row r="562913" spans="14:14">
      <c r="N562913" s="10"/>
    </row>
    <row r="562914" spans="14:14">
      <c r="N562914" s="10"/>
    </row>
    <row r="562915" spans="14:14">
      <c r="N562915" s="10"/>
    </row>
    <row r="562916" spans="14:14">
      <c r="N562916" s="10"/>
    </row>
    <row r="562917" spans="14:14">
      <c r="N562917" s="10"/>
    </row>
    <row r="562918" spans="14:14">
      <c r="N562918" s="10"/>
    </row>
    <row r="562919" spans="14:14">
      <c r="N562919" s="10"/>
    </row>
    <row r="562920" spans="14:14">
      <c r="N562920" s="10"/>
    </row>
    <row r="562921" spans="14:14">
      <c r="N562921" s="10"/>
    </row>
    <row r="562922" spans="14:14">
      <c r="N562922" s="10"/>
    </row>
    <row r="562923" spans="14:14">
      <c r="N562923" s="10"/>
    </row>
    <row r="562924" spans="14:14">
      <c r="N562924" s="10"/>
    </row>
    <row r="562925" spans="14:14">
      <c r="N562925" s="10"/>
    </row>
    <row r="562926" spans="14:14">
      <c r="N562926" s="10"/>
    </row>
    <row r="562927" spans="14:14">
      <c r="N562927" s="10"/>
    </row>
    <row r="562928" spans="14:14">
      <c r="N562928" s="10"/>
    </row>
    <row r="562929" spans="14:14">
      <c r="N562929" s="10"/>
    </row>
    <row r="562930" spans="14:14">
      <c r="N562930" s="10"/>
    </row>
    <row r="562931" spans="14:14">
      <c r="N562931" s="10"/>
    </row>
    <row r="562932" spans="14:14">
      <c r="N562932" s="10"/>
    </row>
    <row r="562933" spans="14:14">
      <c r="N562933" s="10"/>
    </row>
    <row r="562934" spans="14:14">
      <c r="N562934" s="10"/>
    </row>
    <row r="562935" spans="14:14">
      <c r="N562935" s="10"/>
    </row>
    <row r="562936" spans="14:14">
      <c r="N562936" s="10"/>
    </row>
    <row r="562937" spans="14:14">
      <c r="N562937" s="10"/>
    </row>
    <row r="562938" spans="14:14">
      <c r="N562938" s="10"/>
    </row>
    <row r="562939" spans="14:14">
      <c r="N562939" s="10"/>
    </row>
    <row r="562940" spans="14:14">
      <c r="N562940" s="10"/>
    </row>
    <row r="562941" spans="14:14">
      <c r="N562941" s="10"/>
    </row>
    <row r="562942" spans="14:14">
      <c r="N562942" s="10"/>
    </row>
    <row r="562943" spans="14:14">
      <c r="N562943" s="10"/>
    </row>
    <row r="562944" spans="14:14">
      <c r="N562944" s="10"/>
    </row>
    <row r="562945" spans="14:14">
      <c r="N562945" s="10"/>
    </row>
    <row r="562946" spans="14:14">
      <c r="N562946" s="10"/>
    </row>
    <row r="562947" spans="14:14">
      <c r="N562947" s="10"/>
    </row>
    <row r="562948" spans="14:14">
      <c r="N562948" s="10"/>
    </row>
    <row r="562949" spans="14:14">
      <c r="N562949" s="10"/>
    </row>
    <row r="562950" spans="14:14">
      <c r="N562950" s="10"/>
    </row>
    <row r="562951" spans="14:14">
      <c r="N562951" s="10"/>
    </row>
    <row r="562952" spans="14:14">
      <c r="N562952" s="10"/>
    </row>
    <row r="562953" spans="14:14">
      <c r="N562953" s="10"/>
    </row>
    <row r="562954" spans="14:14">
      <c r="N562954" s="10"/>
    </row>
    <row r="562955" spans="14:14">
      <c r="N562955" s="10"/>
    </row>
    <row r="562956" spans="14:14">
      <c r="N562956" s="10"/>
    </row>
    <row r="562957" spans="14:14">
      <c r="N562957" s="10"/>
    </row>
    <row r="562958" spans="14:14">
      <c r="N562958" s="10"/>
    </row>
    <row r="562959" spans="14:14">
      <c r="N562959" s="10"/>
    </row>
    <row r="562960" spans="14:14">
      <c r="N562960" s="10"/>
    </row>
    <row r="562961" spans="14:14">
      <c r="N562961" s="10"/>
    </row>
    <row r="562962" spans="14:14">
      <c r="N562962" s="10"/>
    </row>
    <row r="562963" spans="14:14">
      <c r="N562963" s="10"/>
    </row>
    <row r="562964" spans="14:14">
      <c r="N562964" s="10"/>
    </row>
    <row r="562965" spans="14:14">
      <c r="N562965" s="10"/>
    </row>
    <row r="562966" spans="14:14">
      <c r="N562966" s="10"/>
    </row>
    <row r="562967" spans="14:14">
      <c r="N562967" s="10"/>
    </row>
    <row r="562968" spans="14:14">
      <c r="N562968" s="10"/>
    </row>
    <row r="562969" spans="14:14">
      <c r="N562969" s="10"/>
    </row>
    <row r="562970" spans="14:14">
      <c r="N562970" s="10"/>
    </row>
    <row r="562971" spans="14:14">
      <c r="N562971" s="10"/>
    </row>
    <row r="562972" spans="14:14">
      <c r="N562972" s="10"/>
    </row>
    <row r="562973" spans="14:14">
      <c r="N562973" s="10"/>
    </row>
    <row r="562974" spans="14:14">
      <c r="N562974" s="10"/>
    </row>
    <row r="562975" spans="14:14">
      <c r="N562975" s="10"/>
    </row>
    <row r="562976" spans="14:14">
      <c r="N562976" s="10"/>
    </row>
    <row r="562977" spans="14:14">
      <c r="N562977" s="10"/>
    </row>
    <row r="562978" spans="14:14">
      <c r="N562978" s="10"/>
    </row>
    <row r="562979" spans="14:14">
      <c r="N562979" s="10"/>
    </row>
    <row r="562980" spans="14:14">
      <c r="N562980" s="10"/>
    </row>
    <row r="562981" spans="14:14">
      <c r="N562981" s="10"/>
    </row>
    <row r="562982" spans="14:14">
      <c r="N562982" s="10"/>
    </row>
    <row r="562983" spans="14:14">
      <c r="N562983" s="10"/>
    </row>
    <row r="562984" spans="14:14">
      <c r="N562984" s="10"/>
    </row>
    <row r="562985" spans="14:14">
      <c r="N562985" s="10"/>
    </row>
    <row r="562986" spans="14:14">
      <c r="N562986" s="10"/>
    </row>
    <row r="562987" spans="14:14">
      <c r="N562987" s="10"/>
    </row>
    <row r="562988" spans="14:14">
      <c r="N562988" s="10"/>
    </row>
    <row r="562989" spans="14:14">
      <c r="N562989" s="10"/>
    </row>
    <row r="562990" spans="14:14">
      <c r="N562990" s="10"/>
    </row>
    <row r="562991" spans="14:14">
      <c r="N562991" s="10"/>
    </row>
    <row r="562992" spans="14:14">
      <c r="N562992" s="10"/>
    </row>
    <row r="562993" spans="14:14">
      <c r="N562993" s="10"/>
    </row>
    <row r="562994" spans="14:14">
      <c r="N562994" s="10"/>
    </row>
    <row r="562995" spans="14:14">
      <c r="N562995" s="10"/>
    </row>
    <row r="562996" spans="14:14">
      <c r="N562996" s="10"/>
    </row>
    <row r="562997" spans="14:14">
      <c r="N562997" s="10"/>
    </row>
    <row r="562998" spans="14:14">
      <c r="N562998" s="10"/>
    </row>
    <row r="562999" spans="14:14">
      <c r="N562999" s="10"/>
    </row>
    <row r="563000" spans="14:14">
      <c r="N563000" s="10"/>
    </row>
    <row r="563001" spans="14:14">
      <c r="N563001" s="10"/>
    </row>
    <row r="563002" spans="14:14">
      <c r="N563002" s="10"/>
    </row>
    <row r="563003" spans="14:14">
      <c r="N563003" s="10"/>
    </row>
    <row r="563004" spans="14:14">
      <c r="N563004" s="10"/>
    </row>
    <row r="563005" spans="14:14">
      <c r="N563005" s="10"/>
    </row>
    <row r="563006" spans="14:14">
      <c r="N563006" s="10"/>
    </row>
    <row r="563007" spans="14:14">
      <c r="N563007" s="10"/>
    </row>
    <row r="563008" spans="14:14">
      <c r="N563008" s="10"/>
    </row>
    <row r="563009" spans="14:14">
      <c r="N563009" s="10"/>
    </row>
    <row r="563010" spans="14:14">
      <c r="N563010" s="10"/>
    </row>
    <row r="563011" spans="14:14">
      <c r="N563011" s="10"/>
    </row>
    <row r="563012" spans="14:14">
      <c r="N563012" s="10"/>
    </row>
    <row r="563013" spans="14:14">
      <c r="N563013" s="10"/>
    </row>
    <row r="563014" spans="14:14">
      <c r="N563014" s="10"/>
    </row>
    <row r="563015" spans="14:14">
      <c r="N563015" s="10"/>
    </row>
    <row r="563016" spans="14:14">
      <c r="N563016" s="10"/>
    </row>
    <row r="563017" spans="14:14">
      <c r="N563017" s="10"/>
    </row>
    <row r="563018" spans="14:14">
      <c r="N563018" s="10"/>
    </row>
    <row r="563019" spans="14:14">
      <c r="N563019" s="10"/>
    </row>
    <row r="563020" spans="14:14">
      <c r="N563020" s="10"/>
    </row>
    <row r="563021" spans="14:14">
      <c r="N563021" s="10"/>
    </row>
    <row r="563022" spans="14:14">
      <c r="N563022" s="10"/>
    </row>
    <row r="563023" spans="14:14">
      <c r="N563023" s="10"/>
    </row>
    <row r="563024" spans="14:14">
      <c r="N563024" s="10"/>
    </row>
    <row r="563025" spans="14:14">
      <c r="N563025" s="10"/>
    </row>
    <row r="563026" spans="14:14">
      <c r="N563026" s="10"/>
    </row>
    <row r="563027" spans="14:14">
      <c r="N563027" s="10"/>
    </row>
    <row r="563028" spans="14:14">
      <c r="N563028" s="10"/>
    </row>
    <row r="563029" spans="14:14">
      <c r="N563029" s="10"/>
    </row>
    <row r="563030" spans="14:14">
      <c r="N563030" s="10"/>
    </row>
    <row r="563031" spans="14:14">
      <c r="N563031" s="10"/>
    </row>
    <row r="563032" spans="14:14">
      <c r="N563032" s="10"/>
    </row>
    <row r="563033" spans="14:14">
      <c r="N563033" s="10"/>
    </row>
    <row r="563034" spans="14:14">
      <c r="N563034" s="10"/>
    </row>
    <row r="563035" spans="14:14">
      <c r="N563035" s="10"/>
    </row>
    <row r="563036" spans="14:14">
      <c r="N563036" s="10"/>
    </row>
    <row r="563037" spans="14:14">
      <c r="N563037" s="10"/>
    </row>
    <row r="563038" spans="14:14">
      <c r="N563038" s="10"/>
    </row>
    <row r="563039" spans="14:14">
      <c r="N563039" s="10"/>
    </row>
    <row r="563040" spans="14:14">
      <c r="N563040" s="10"/>
    </row>
    <row r="563041" spans="14:14">
      <c r="N563041" s="10"/>
    </row>
    <row r="563042" spans="14:14">
      <c r="N563042" s="10"/>
    </row>
    <row r="563043" spans="14:14">
      <c r="N563043" s="10"/>
    </row>
    <row r="563044" spans="14:14">
      <c r="N563044" s="10"/>
    </row>
    <row r="563045" spans="14:14">
      <c r="N563045" s="10"/>
    </row>
    <row r="563046" spans="14:14">
      <c r="N563046" s="10"/>
    </row>
    <row r="563047" spans="14:14">
      <c r="N563047" s="10"/>
    </row>
    <row r="563048" spans="14:14">
      <c r="N563048" s="10"/>
    </row>
    <row r="563049" spans="14:14">
      <c r="N563049" s="10"/>
    </row>
    <row r="563050" spans="14:14">
      <c r="N563050" s="10"/>
    </row>
    <row r="563051" spans="14:14">
      <c r="N563051" s="10"/>
    </row>
    <row r="563052" spans="14:14">
      <c r="N563052" s="10"/>
    </row>
    <row r="563053" spans="14:14">
      <c r="N563053" s="10"/>
    </row>
    <row r="563054" spans="14:14">
      <c r="N563054" s="10"/>
    </row>
    <row r="563055" spans="14:14">
      <c r="N563055" s="10"/>
    </row>
    <row r="563056" spans="14:14">
      <c r="N563056" s="10"/>
    </row>
    <row r="563057" spans="14:14">
      <c r="N563057" s="10"/>
    </row>
    <row r="563058" spans="14:14">
      <c r="N563058" s="10"/>
    </row>
    <row r="563059" spans="14:14">
      <c r="N563059" s="10"/>
    </row>
    <row r="563060" spans="14:14">
      <c r="N563060" s="10"/>
    </row>
    <row r="563061" spans="14:14">
      <c r="N563061" s="10"/>
    </row>
    <row r="563062" spans="14:14">
      <c r="N563062" s="10"/>
    </row>
    <row r="563063" spans="14:14">
      <c r="N563063" s="10"/>
    </row>
    <row r="563064" spans="14:14">
      <c r="N563064" s="10"/>
    </row>
    <row r="563065" spans="14:14">
      <c r="N563065" s="10"/>
    </row>
    <row r="563066" spans="14:14">
      <c r="N563066" s="10"/>
    </row>
    <row r="563067" spans="14:14">
      <c r="N563067" s="10"/>
    </row>
    <row r="563068" spans="14:14">
      <c r="N563068" s="10"/>
    </row>
    <row r="563069" spans="14:14">
      <c r="N563069" s="10"/>
    </row>
    <row r="563070" spans="14:14">
      <c r="N563070" s="10"/>
    </row>
    <row r="563071" spans="14:14">
      <c r="N563071" s="10"/>
    </row>
    <row r="563072" spans="14:14">
      <c r="N563072" s="10"/>
    </row>
    <row r="563073" spans="14:14">
      <c r="N563073" s="10"/>
    </row>
    <row r="563074" spans="14:14">
      <c r="N563074" s="10"/>
    </row>
    <row r="563075" spans="14:14">
      <c r="N563075" s="10"/>
    </row>
    <row r="563076" spans="14:14">
      <c r="N563076" s="10"/>
    </row>
    <row r="563077" spans="14:14">
      <c r="N563077" s="10"/>
    </row>
    <row r="563078" spans="14:14">
      <c r="N563078" s="10"/>
    </row>
    <row r="563079" spans="14:14">
      <c r="N563079" s="10"/>
    </row>
    <row r="563080" spans="14:14">
      <c r="N563080" s="10"/>
    </row>
    <row r="563081" spans="14:14">
      <c r="N563081" s="10"/>
    </row>
    <row r="563082" spans="14:14">
      <c r="N563082" s="10"/>
    </row>
    <row r="563083" spans="14:14">
      <c r="N563083" s="10"/>
    </row>
    <row r="563084" spans="14:14">
      <c r="N563084" s="10"/>
    </row>
    <row r="563085" spans="14:14">
      <c r="N563085" s="10"/>
    </row>
    <row r="563086" spans="14:14">
      <c r="N563086" s="10"/>
    </row>
    <row r="563087" spans="14:14">
      <c r="N563087" s="10"/>
    </row>
    <row r="563088" spans="14:14">
      <c r="N563088" s="10"/>
    </row>
    <row r="563089" spans="14:14">
      <c r="N563089" s="10"/>
    </row>
    <row r="563090" spans="14:14">
      <c r="N563090" s="10"/>
    </row>
    <row r="563091" spans="14:14">
      <c r="N563091" s="10"/>
    </row>
    <row r="563092" spans="14:14">
      <c r="N563092" s="10"/>
    </row>
    <row r="563093" spans="14:14">
      <c r="N563093" s="10"/>
    </row>
    <row r="563094" spans="14:14">
      <c r="N563094" s="10"/>
    </row>
    <row r="563095" spans="14:14">
      <c r="N563095" s="10"/>
    </row>
    <row r="563096" spans="14:14">
      <c r="N563096" s="10"/>
    </row>
    <row r="563097" spans="14:14">
      <c r="N563097" s="10"/>
    </row>
    <row r="563098" spans="14:14">
      <c r="N563098" s="10"/>
    </row>
    <row r="563099" spans="14:14">
      <c r="N563099" s="10"/>
    </row>
    <row r="563100" spans="14:14">
      <c r="N563100" s="10"/>
    </row>
    <row r="563101" spans="14:14">
      <c r="N563101" s="10"/>
    </row>
    <row r="563102" spans="14:14">
      <c r="N563102" s="10"/>
    </row>
    <row r="563103" spans="14:14">
      <c r="N563103" s="10"/>
    </row>
    <row r="563104" spans="14:14">
      <c r="N563104" s="10"/>
    </row>
    <row r="563105" spans="14:14">
      <c r="N563105" s="10"/>
    </row>
    <row r="563106" spans="14:14">
      <c r="N563106" s="10"/>
    </row>
    <row r="563107" spans="14:14">
      <c r="N563107" s="10"/>
    </row>
    <row r="563108" spans="14:14">
      <c r="N563108" s="10"/>
    </row>
    <row r="563109" spans="14:14">
      <c r="N563109" s="10"/>
    </row>
    <row r="563110" spans="14:14">
      <c r="N563110" s="10"/>
    </row>
    <row r="563111" spans="14:14">
      <c r="N563111" s="10"/>
    </row>
    <row r="563112" spans="14:14">
      <c r="N563112" s="10"/>
    </row>
    <row r="563113" spans="14:14">
      <c r="N563113" s="10"/>
    </row>
    <row r="563114" spans="14:14">
      <c r="N563114" s="10"/>
    </row>
    <row r="563115" spans="14:14">
      <c r="N563115" s="10"/>
    </row>
    <row r="563116" spans="14:14">
      <c r="N563116" s="10"/>
    </row>
    <row r="563117" spans="14:14">
      <c r="N563117" s="10"/>
    </row>
    <row r="563118" spans="14:14">
      <c r="N563118" s="10"/>
    </row>
    <row r="563119" spans="14:14">
      <c r="N563119" s="10"/>
    </row>
    <row r="563120" spans="14:14">
      <c r="N563120" s="10"/>
    </row>
    <row r="563121" spans="14:14">
      <c r="N563121" s="10"/>
    </row>
    <row r="563122" spans="14:14">
      <c r="N563122" s="10"/>
    </row>
    <row r="563123" spans="14:14">
      <c r="N563123" s="10"/>
    </row>
    <row r="563124" spans="14:14">
      <c r="N563124" s="10"/>
    </row>
    <row r="563125" spans="14:14">
      <c r="N563125" s="10"/>
    </row>
    <row r="563126" spans="14:14">
      <c r="N563126" s="10"/>
    </row>
    <row r="563127" spans="14:14">
      <c r="N563127" s="10"/>
    </row>
    <row r="563128" spans="14:14">
      <c r="N563128" s="10"/>
    </row>
    <row r="563129" spans="14:14">
      <c r="N563129" s="10"/>
    </row>
    <row r="563130" spans="14:14">
      <c r="N563130" s="10"/>
    </row>
    <row r="563131" spans="14:14">
      <c r="N563131" s="10"/>
    </row>
    <row r="563132" spans="14:14">
      <c r="N563132" s="10"/>
    </row>
    <row r="563133" spans="14:14">
      <c r="N563133" s="10"/>
    </row>
    <row r="563134" spans="14:14">
      <c r="N563134" s="10"/>
    </row>
    <row r="563135" spans="14:14">
      <c r="N563135" s="10"/>
    </row>
    <row r="563136" spans="14:14">
      <c r="N563136" s="10"/>
    </row>
    <row r="563137" spans="14:14">
      <c r="N563137" s="10"/>
    </row>
    <row r="563138" spans="14:14">
      <c r="N563138" s="10"/>
    </row>
    <row r="563139" spans="14:14">
      <c r="N563139" s="10"/>
    </row>
    <row r="563140" spans="14:14">
      <c r="N563140" s="10"/>
    </row>
    <row r="563141" spans="14:14">
      <c r="N563141" s="10"/>
    </row>
    <row r="563142" spans="14:14">
      <c r="N563142" s="10"/>
    </row>
    <row r="563143" spans="14:14">
      <c r="N563143" s="10"/>
    </row>
    <row r="563144" spans="14:14">
      <c r="N563144" s="10"/>
    </row>
    <row r="563145" spans="14:14">
      <c r="N563145" s="10"/>
    </row>
    <row r="563146" spans="14:14">
      <c r="N563146" s="10"/>
    </row>
    <row r="563147" spans="14:14">
      <c r="N563147" s="10"/>
    </row>
    <row r="563148" spans="14:14">
      <c r="N563148" s="10"/>
    </row>
    <row r="563149" spans="14:14">
      <c r="N563149" s="10"/>
    </row>
    <row r="563150" spans="14:14">
      <c r="N563150" s="10"/>
    </row>
    <row r="563151" spans="14:14">
      <c r="N563151" s="10"/>
    </row>
    <row r="563152" spans="14:14">
      <c r="N563152" s="10"/>
    </row>
    <row r="563153" spans="14:14">
      <c r="N563153" s="10"/>
    </row>
    <row r="563154" spans="14:14">
      <c r="N563154" s="10"/>
    </row>
    <row r="563155" spans="14:14">
      <c r="N563155" s="10"/>
    </row>
    <row r="563156" spans="14:14">
      <c r="N563156" s="10"/>
    </row>
    <row r="563157" spans="14:14">
      <c r="N563157" s="10"/>
    </row>
    <row r="563158" spans="14:14">
      <c r="N563158" s="10"/>
    </row>
    <row r="563159" spans="14:14">
      <c r="N563159" s="10"/>
    </row>
    <row r="563160" spans="14:14">
      <c r="N563160" s="10"/>
    </row>
    <row r="563161" spans="14:14">
      <c r="N563161" s="10"/>
    </row>
    <row r="563162" spans="14:14">
      <c r="N563162" s="10"/>
    </row>
    <row r="563163" spans="14:14">
      <c r="N563163" s="10"/>
    </row>
    <row r="563164" spans="14:14">
      <c r="N563164" s="10"/>
    </row>
    <row r="563165" spans="14:14">
      <c r="N563165" s="10"/>
    </row>
    <row r="563166" spans="14:14">
      <c r="N563166" s="10"/>
    </row>
    <row r="563167" spans="14:14">
      <c r="N563167" s="10"/>
    </row>
    <row r="563168" spans="14:14">
      <c r="N563168" s="10"/>
    </row>
    <row r="563169" spans="14:14">
      <c r="N563169" s="10"/>
    </row>
    <row r="563170" spans="14:14">
      <c r="N563170" s="10"/>
    </row>
    <row r="563171" spans="14:14">
      <c r="N563171" s="10"/>
    </row>
    <row r="563172" spans="14:14">
      <c r="N563172" s="10"/>
    </row>
    <row r="563173" spans="14:14">
      <c r="N563173" s="10"/>
    </row>
    <row r="563174" spans="14:14">
      <c r="N563174" s="10"/>
    </row>
    <row r="563175" spans="14:14">
      <c r="N563175" s="10"/>
    </row>
    <row r="563176" spans="14:14">
      <c r="N563176" s="10"/>
    </row>
    <row r="563177" spans="14:14">
      <c r="N563177" s="10"/>
    </row>
    <row r="563178" spans="14:14">
      <c r="N563178" s="10"/>
    </row>
    <row r="563179" spans="14:14">
      <c r="N563179" s="10"/>
    </row>
    <row r="563180" spans="14:14">
      <c r="N563180" s="10"/>
    </row>
    <row r="563181" spans="14:14">
      <c r="N563181" s="10"/>
    </row>
    <row r="563182" spans="14:14">
      <c r="N563182" s="10"/>
    </row>
    <row r="563183" spans="14:14">
      <c r="N563183" s="10"/>
    </row>
    <row r="563184" spans="14:14">
      <c r="N563184" s="10"/>
    </row>
    <row r="563185" spans="14:14">
      <c r="N563185" s="10"/>
    </row>
    <row r="563186" spans="14:14">
      <c r="N563186" s="10"/>
    </row>
    <row r="563187" spans="14:14">
      <c r="N563187" s="10"/>
    </row>
    <row r="563188" spans="14:14">
      <c r="N563188" s="10"/>
    </row>
    <row r="563189" spans="14:14">
      <c r="N563189" s="10"/>
    </row>
    <row r="563190" spans="14:14">
      <c r="N563190" s="10"/>
    </row>
    <row r="563191" spans="14:14">
      <c r="N563191" s="10"/>
    </row>
    <row r="563192" spans="14:14">
      <c r="N563192" s="10"/>
    </row>
    <row r="563193" spans="14:14">
      <c r="N563193" s="10"/>
    </row>
    <row r="563194" spans="14:14">
      <c r="N563194" s="10"/>
    </row>
    <row r="563195" spans="14:14">
      <c r="N563195" s="10"/>
    </row>
    <row r="563196" spans="14:14">
      <c r="N563196" s="10"/>
    </row>
    <row r="563197" spans="14:14">
      <c r="N563197" s="10"/>
    </row>
    <row r="563198" spans="14:14">
      <c r="N563198" s="10"/>
    </row>
    <row r="563199" spans="14:14">
      <c r="N563199" s="10"/>
    </row>
    <row r="563200" spans="14:14">
      <c r="N563200" s="10"/>
    </row>
    <row r="563201" spans="14:14">
      <c r="N563201" s="10"/>
    </row>
    <row r="563202" spans="14:14">
      <c r="N563202" s="10"/>
    </row>
    <row r="563203" spans="14:14">
      <c r="N563203" s="10"/>
    </row>
    <row r="563204" spans="14:14">
      <c r="N563204" s="10"/>
    </row>
    <row r="563205" spans="14:14">
      <c r="N563205" s="10"/>
    </row>
    <row r="563206" spans="14:14">
      <c r="N563206" s="10"/>
    </row>
    <row r="563207" spans="14:14">
      <c r="N563207" s="10"/>
    </row>
    <row r="563208" spans="14:14">
      <c r="N563208" s="10"/>
    </row>
    <row r="563209" spans="14:14">
      <c r="N563209" s="10"/>
    </row>
    <row r="563210" spans="14:14">
      <c r="N563210" s="10"/>
    </row>
    <row r="563211" spans="14:14">
      <c r="N563211" s="10"/>
    </row>
    <row r="563212" spans="14:14">
      <c r="N563212" s="10"/>
    </row>
    <row r="563213" spans="14:14">
      <c r="N563213" s="10"/>
    </row>
    <row r="563214" spans="14:14">
      <c r="N563214" s="10"/>
    </row>
    <row r="563215" spans="14:14">
      <c r="N563215" s="10"/>
    </row>
    <row r="563216" spans="14:14">
      <c r="N563216" s="10"/>
    </row>
    <row r="563217" spans="14:14">
      <c r="N563217" s="10"/>
    </row>
    <row r="563218" spans="14:14">
      <c r="N563218" s="10"/>
    </row>
    <row r="563219" spans="14:14">
      <c r="N563219" s="10"/>
    </row>
    <row r="563220" spans="14:14">
      <c r="N563220" s="10"/>
    </row>
    <row r="563221" spans="14:14">
      <c r="N563221" s="10"/>
    </row>
    <row r="563222" spans="14:14">
      <c r="N563222" s="10"/>
    </row>
    <row r="563223" spans="14:14">
      <c r="N563223" s="10"/>
    </row>
    <row r="563224" spans="14:14">
      <c r="N563224" s="10"/>
    </row>
    <row r="563225" spans="14:14">
      <c r="N563225" s="10"/>
    </row>
    <row r="563226" spans="14:14">
      <c r="N563226" s="10"/>
    </row>
    <row r="563227" spans="14:14">
      <c r="N563227" s="10"/>
    </row>
    <row r="563228" spans="14:14">
      <c r="N563228" s="10"/>
    </row>
    <row r="563229" spans="14:14">
      <c r="N563229" s="10"/>
    </row>
    <row r="563230" spans="14:14">
      <c r="N563230" s="10"/>
    </row>
    <row r="563231" spans="14:14">
      <c r="N563231" s="10"/>
    </row>
    <row r="563232" spans="14:14">
      <c r="N563232" s="10"/>
    </row>
    <row r="563233" spans="14:14">
      <c r="N563233" s="10"/>
    </row>
    <row r="563234" spans="14:14">
      <c r="N563234" s="10"/>
    </row>
    <row r="563235" spans="14:14">
      <c r="N563235" s="10"/>
    </row>
    <row r="563236" spans="14:14">
      <c r="N563236" s="10"/>
    </row>
    <row r="563237" spans="14:14">
      <c r="N563237" s="10"/>
    </row>
    <row r="563238" spans="14:14">
      <c r="N563238" s="10"/>
    </row>
    <row r="563239" spans="14:14">
      <c r="N563239" s="10"/>
    </row>
    <row r="563240" spans="14:14">
      <c r="N563240" s="10"/>
    </row>
    <row r="563241" spans="14:14">
      <c r="N563241" s="10"/>
    </row>
    <row r="563242" spans="14:14">
      <c r="N563242" s="10"/>
    </row>
    <row r="563243" spans="14:14">
      <c r="N563243" s="10"/>
    </row>
    <row r="563244" spans="14:14">
      <c r="N563244" s="10"/>
    </row>
    <row r="563245" spans="14:14">
      <c r="N563245" s="10"/>
    </row>
    <row r="563246" spans="14:14">
      <c r="N563246" s="10"/>
    </row>
    <row r="563247" spans="14:14">
      <c r="N563247" s="10"/>
    </row>
    <row r="563248" spans="14:14">
      <c r="N563248" s="10"/>
    </row>
    <row r="563249" spans="14:14">
      <c r="N563249" s="10"/>
    </row>
    <row r="563250" spans="14:14">
      <c r="N563250" s="10"/>
    </row>
    <row r="563251" spans="14:14">
      <c r="N563251" s="10"/>
    </row>
    <row r="563252" spans="14:14">
      <c r="N563252" s="10"/>
    </row>
    <row r="563253" spans="14:14">
      <c r="N563253" s="10"/>
    </row>
    <row r="563254" spans="14:14">
      <c r="N563254" s="10"/>
    </row>
    <row r="563255" spans="14:14">
      <c r="N563255" s="10"/>
    </row>
    <row r="563256" spans="14:14">
      <c r="N563256" s="10"/>
    </row>
    <row r="563257" spans="14:14">
      <c r="N563257" s="10"/>
    </row>
    <row r="563258" spans="14:14">
      <c r="N563258" s="10"/>
    </row>
    <row r="563259" spans="14:14">
      <c r="N563259" s="10"/>
    </row>
    <row r="563260" spans="14:14">
      <c r="N563260" s="10"/>
    </row>
    <row r="563261" spans="14:14">
      <c r="N563261" s="10"/>
    </row>
    <row r="563262" spans="14:14">
      <c r="N563262" s="10"/>
    </row>
    <row r="563263" spans="14:14">
      <c r="N563263" s="10"/>
    </row>
    <row r="563264" spans="14:14">
      <c r="N563264" s="10"/>
    </row>
    <row r="563265" spans="14:14">
      <c r="N563265" s="10"/>
    </row>
    <row r="563266" spans="14:14">
      <c r="N563266" s="10"/>
    </row>
    <row r="563267" spans="14:14">
      <c r="N563267" s="10"/>
    </row>
    <row r="563268" spans="14:14">
      <c r="N563268" s="10"/>
    </row>
    <row r="563269" spans="14:14">
      <c r="N563269" s="10"/>
    </row>
    <row r="563270" spans="14:14">
      <c r="N563270" s="10"/>
    </row>
    <row r="563271" spans="14:14">
      <c r="N563271" s="10"/>
    </row>
    <row r="563272" spans="14:14">
      <c r="N563272" s="10"/>
    </row>
    <row r="563273" spans="14:14">
      <c r="N563273" s="10"/>
    </row>
    <row r="563274" spans="14:14">
      <c r="N563274" s="10"/>
    </row>
    <row r="563275" spans="14:14">
      <c r="N563275" s="10"/>
    </row>
    <row r="563276" spans="14:14">
      <c r="N563276" s="10"/>
    </row>
    <row r="563277" spans="14:14">
      <c r="N563277" s="10"/>
    </row>
    <row r="563278" spans="14:14">
      <c r="N563278" s="10"/>
    </row>
    <row r="563279" spans="14:14">
      <c r="N563279" s="10"/>
    </row>
    <row r="563280" spans="14:14">
      <c r="N563280" s="10"/>
    </row>
    <row r="563281" spans="14:14">
      <c r="N563281" s="10"/>
    </row>
    <row r="563282" spans="14:14">
      <c r="N563282" s="10"/>
    </row>
    <row r="563283" spans="14:14">
      <c r="N563283" s="10"/>
    </row>
    <row r="563284" spans="14:14">
      <c r="N563284" s="10"/>
    </row>
    <row r="563285" spans="14:14">
      <c r="N563285" s="10"/>
    </row>
    <row r="563286" spans="14:14">
      <c r="N563286" s="10"/>
    </row>
    <row r="563287" spans="14:14">
      <c r="N563287" s="10"/>
    </row>
    <row r="563288" spans="14:14">
      <c r="N563288" s="10"/>
    </row>
    <row r="563289" spans="14:14">
      <c r="N563289" s="10"/>
    </row>
    <row r="563290" spans="14:14">
      <c r="N563290" s="10"/>
    </row>
    <row r="563291" spans="14:14">
      <c r="N563291" s="10"/>
    </row>
    <row r="563292" spans="14:14">
      <c r="N563292" s="10"/>
    </row>
    <row r="563293" spans="14:14">
      <c r="N563293" s="10"/>
    </row>
    <row r="563294" spans="14:14">
      <c r="N563294" s="10"/>
    </row>
    <row r="563295" spans="14:14">
      <c r="N563295" s="10"/>
    </row>
    <row r="563296" spans="14:14">
      <c r="N563296" s="10"/>
    </row>
    <row r="563297" spans="14:14">
      <c r="N563297" s="10"/>
    </row>
    <row r="563298" spans="14:14">
      <c r="N563298" s="10"/>
    </row>
    <row r="563299" spans="14:14">
      <c r="N563299" s="10"/>
    </row>
    <row r="563300" spans="14:14">
      <c r="N563300" s="10"/>
    </row>
    <row r="563301" spans="14:14">
      <c r="N563301" s="10"/>
    </row>
    <row r="563302" spans="14:14">
      <c r="N563302" s="10"/>
    </row>
    <row r="563303" spans="14:14">
      <c r="N563303" s="10"/>
    </row>
    <row r="563304" spans="14:14">
      <c r="N563304" s="10"/>
    </row>
    <row r="563305" spans="14:14">
      <c r="N563305" s="10"/>
    </row>
    <row r="563306" spans="14:14">
      <c r="N563306" s="10"/>
    </row>
    <row r="563307" spans="14:14">
      <c r="N563307" s="10"/>
    </row>
    <row r="563308" spans="14:14">
      <c r="N563308" s="10"/>
    </row>
    <row r="563309" spans="14:14">
      <c r="N563309" s="10"/>
    </row>
    <row r="563310" spans="14:14">
      <c r="N563310" s="10"/>
    </row>
    <row r="563311" spans="14:14">
      <c r="N563311" s="10"/>
    </row>
    <row r="563312" spans="14:14">
      <c r="N563312" s="10"/>
    </row>
    <row r="563313" spans="14:14">
      <c r="N563313" s="10"/>
    </row>
    <row r="563314" spans="14:14">
      <c r="N563314" s="10"/>
    </row>
    <row r="563315" spans="14:14">
      <c r="N563315" s="10"/>
    </row>
    <row r="563316" spans="14:14">
      <c r="N563316" s="10"/>
    </row>
    <row r="563317" spans="14:14">
      <c r="N563317" s="10"/>
    </row>
    <row r="563318" spans="14:14">
      <c r="N563318" s="10"/>
    </row>
    <row r="563319" spans="14:14">
      <c r="N563319" s="10"/>
    </row>
    <row r="563320" spans="14:14">
      <c r="N563320" s="10"/>
    </row>
    <row r="563321" spans="14:14">
      <c r="N563321" s="10"/>
    </row>
    <row r="563322" spans="14:14">
      <c r="N563322" s="10"/>
    </row>
    <row r="563323" spans="14:14">
      <c r="N563323" s="10"/>
    </row>
    <row r="563324" spans="14:14">
      <c r="N563324" s="10"/>
    </row>
    <row r="563325" spans="14:14">
      <c r="N563325" s="10"/>
    </row>
    <row r="563326" spans="14:14">
      <c r="N563326" s="10"/>
    </row>
    <row r="563327" spans="14:14">
      <c r="N563327" s="10"/>
    </row>
    <row r="563328" spans="14:14">
      <c r="N563328" s="10"/>
    </row>
    <row r="563329" spans="14:14">
      <c r="N563329" s="10"/>
    </row>
    <row r="563330" spans="14:14">
      <c r="N563330" s="10"/>
    </row>
    <row r="563331" spans="14:14">
      <c r="N563331" s="10"/>
    </row>
    <row r="563332" spans="14:14">
      <c r="N563332" s="10"/>
    </row>
    <row r="563333" spans="14:14">
      <c r="N563333" s="10"/>
    </row>
    <row r="563334" spans="14:14">
      <c r="N563334" s="10"/>
    </row>
    <row r="563335" spans="14:14">
      <c r="N563335" s="10"/>
    </row>
    <row r="563336" spans="14:14">
      <c r="N563336" s="10"/>
    </row>
    <row r="563337" spans="14:14">
      <c r="N563337" s="10"/>
    </row>
    <row r="563338" spans="14:14">
      <c r="N563338" s="10"/>
    </row>
    <row r="563339" spans="14:14">
      <c r="N563339" s="10"/>
    </row>
    <row r="563340" spans="14:14">
      <c r="N563340" s="10"/>
    </row>
    <row r="563341" spans="14:14">
      <c r="N563341" s="10"/>
    </row>
    <row r="563342" spans="14:14">
      <c r="N563342" s="10"/>
    </row>
    <row r="563343" spans="14:14">
      <c r="N563343" s="10"/>
    </row>
    <row r="563344" spans="14:14">
      <c r="N563344" s="10"/>
    </row>
    <row r="563345" spans="14:14">
      <c r="N563345" s="10"/>
    </row>
    <row r="563346" spans="14:14">
      <c r="N563346" s="10"/>
    </row>
    <row r="563347" spans="14:14">
      <c r="N563347" s="10"/>
    </row>
    <row r="563348" spans="14:14">
      <c r="N563348" s="10"/>
    </row>
    <row r="563349" spans="14:14">
      <c r="N563349" s="10"/>
    </row>
    <row r="563350" spans="14:14">
      <c r="N563350" s="10"/>
    </row>
    <row r="563351" spans="14:14">
      <c r="N563351" s="10"/>
    </row>
    <row r="563352" spans="14:14">
      <c r="N563352" s="10"/>
    </row>
    <row r="563353" spans="14:14">
      <c r="N563353" s="10"/>
    </row>
    <row r="563354" spans="14:14">
      <c r="N563354" s="10"/>
    </row>
    <row r="563355" spans="14:14">
      <c r="N563355" s="10"/>
    </row>
    <row r="563356" spans="14:14">
      <c r="N563356" s="10"/>
    </row>
    <row r="563357" spans="14:14">
      <c r="N563357" s="10"/>
    </row>
    <row r="563358" spans="14:14">
      <c r="N563358" s="10"/>
    </row>
    <row r="563359" spans="14:14">
      <c r="N563359" s="10"/>
    </row>
    <row r="563360" spans="14:14">
      <c r="N563360" s="10"/>
    </row>
    <row r="563361" spans="14:14">
      <c r="N563361" s="10"/>
    </row>
    <row r="563362" spans="14:14">
      <c r="N563362" s="10"/>
    </row>
    <row r="563363" spans="14:14">
      <c r="N563363" s="10"/>
    </row>
    <row r="563364" spans="14:14">
      <c r="N563364" s="10"/>
    </row>
    <row r="563365" spans="14:14">
      <c r="N563365" s="10"/>
    </row>
    <row r="563366" spans="14:14">
      <c r="N563366" s="10"/>
    </row>
    <row r="563367" spans="14:14">
      <c r="N563367" s="10"/>
    </row>
    <row r="563368" spans="14:14">
      <c r="N563368" s="10"/>
    </row>
    <row r="563369" spans="14:14">
      <c r="N563369" s="10"/>
    </row>
    <row r="563370" spans="14:14">
      <c r="N563370" s="10"/>
    </row>
    <row r="563371" spans="14:14">
      <c r="N563371" s="10"/>
    </row>
    <row r="563372" spans="14:14">
      <c r="N563372" s="10"/>
    </row>
    <row r="563373" spans="14:14">
      <c r="N563373" s="10"/>
    </row>
    <row r="563374" spans="14:14">
      <c r="N563374" s="10"/>
    </row>
    <row r="563375" spans="14:14">
      <c r="N563375" s="10"/>
    </row>
    <row r="563376" spans="14:14">
      <c r="N563376" s="10"/>
    </row>
    <row r="563377" spans="14:14">
      <c r="N563377" s="10"/>
    </row>
    <row r="563378" spans="14:14">
      <c r="N563378" s="10"/>
    </row>
    <row r="563379" spans="14:14">
      <c r="N563379" s="10"/>
    </row>
    <row r="563380" spans="14:14">
      <c r="N563380" s="10"/>
    </row>
    <row r="563381" spans="14:14">
      <c r="N563381" s="10"/>
    </row>
    <row r="563382" spans="14:14">
      <c r="N563382" s="10"/>
    </row>
    <row r="563383" spans="14:14">
      <c r="N563383" s="10"/>
    </row>
    <row r="563384" spans="14:14">
      <c r="N563384" s="10"/>
    </row>
    <row r="563385" spans="14:14">
      <c r="N563385" s="10"/>
    </row>
    <row r="563386" spans="14:14">
      <c r="N563386" s="10"/>
    </row>
    <row r="563387" spans="14:14">
      <c r="N563387" s="10"/>
    </row>
    <row r="563388" spans="14:14">
      <c r="N563388" s="10"/>
    </row>
    <row r="563389" spans="14:14">
      <c r="N563389" s="10"/>
    </row>
    <row r="563390" spans="14:14">
      <c r="N563390" s="10"/>
    </row>
    <row r="563391" spans="14:14">
      <c r="N563391" s="10"/>
    </row>
    <row r="563392" spans="14:14">
      <c r="N563392" s="10"/>
    </row>
    <row r="563393" spans="14:14">
      <c r="N563393" s="10"/>
    </row>
    <row r="563394" spans="14:14">
      <c r="N563394" s="10"/>
    </row>
    <row r="563395" spans="14:14">
      <c r="N563395" s="10"/>
    </row>
    <row r="563396" spans="14:14">
      <c r="N563396" s="10"/>
    </row>
    <row r="563397" spans="14:14">
      <c r="N563397" s="10"/>
    </row>
    <row r="563398" spans="14:14">
      <c r="N563398" s="10"/>
    </row>
    <row r="563399" spans="14:14">
      <c r="N563399" s="10"/>
    </row>
    <row r="563400" spans="14:14">
      <c r="N563400" s="10"/>
    </row>
    <row r="563401" spans="14:14">
      <c r="N563401" s="10"/>
    </row>
    <row r="563402" spans="14:14">
      <c r="N563402" s="10"/>
    </row>
    <row r="563403" spans="14:14">
      <c r="N563403" s="10"/>
    </row>
    <row r="563404" spans="14:14">
      <c r="N563404" s="10"/>
    </row>
    <row r="563405" spans="14:14">
      <c r="N563405" s="10"/>
    </row>
    <row r="563406" spans="14:14">
      <c r="N563406" s="10"/>
    </row>
    <row r="563407" spans="14:14">
      <c r="N563407" s="10"/>
    </row>
    <row r="563408" spans="14:14">
      <c r="N563408" s="10"/>
    </row>
    <row r="563409" spans="14:14">
      <c r="N563409" s="10"/>
    </row>
    <row r="563410" spans="14:14">
      <c r="N563410" s="10"/>
    </row>
    <row r="563411" spans="14:14">
      <c r="N563411" s="10"/>
    </row>
    <row r="563412" spans="14:14">
      <c r="N563412" s="10"/>
    </row>
    <row r="563413" spans="14:14">
      <c r="N563413" s="10"/>
    </row>
    <row r="563414" spans="14:14">
      <c r="N563414" s="10"/>
    </row>
    <row r="563415" spans="14:14">
      <c r="N563415" s="10"/>
    </row>
    <row r="563416" spans="14:14">
      <c r="N563416" s="10"/>
    </row>
    <row r="563417" spans="14:14">
      <c r="N563417" s="10"/>
    </row>
    <row r="563418" spans="14:14">
      <c r="N563418" s="10"/>
    </row>
    <row r="563419" spans="14:14">
      <c r="N563419" s="10"/>
    </row>
    <row r="563420" spans="14:14">
      <c r="N563420" s="10"/>
    </row>
    <row r="563421" spans="14:14">
      <c r="N563421" s="10"/>
    </row>
    <row r="563422" spans="14:14">
      <c r="N563422" s="10"/>
    </row>
    <row r="563423" spans="14:14">
      <c r="N563423" s="10"/>
    </row>
    <row r="563424" spans="14:14">
      <c r="N563424" s="10"/>
    </row>
    <row r="563425" spans="14:14">
      <c r="N563425" s="10"/>
    </row>
    <row r="563426" spans="14:14">
      <c r="N563426" s="10"/>
    </row>
    <row r="563427" spans="14:14">
      <c r="N563427" s="10"/>
    </row>
    <row r="563428" spans="14:14">
      <c r="N563428" s="10"/>
    </row>
    <row r="563429" spans="14:14">
      <c r="N563429" s="10"/>
    </row>
    <row r="563430" spans="14:14">
      <c r="N563430" s="10"/>
    </row>
    <row r="563431" spans="14:14">
      <c r="N563431" s="10"/>
    </row>
    <row r="563432" spans="14:14">
      <c r="N563432" s="10"/>
    </row>
    <row r="563433" spans="14:14">
      <c r="N563433" s="10"/>
    </row>
    <row r="563434" spans="14:14">
      <c r="N563434" s="10"/>
    </row>
    <row r="563435" spans="14:14">
      <c r="N563435" s="10"/>
    </row>
    <row r="563436" spans="14:14">
      <c r="N563436" s="10"/>
    </row>
    <row r="563437" spans="14:14">
      <c r="N563437" s="10"/>
    </row>
    <row r="563438" spans="14:14">
      <c r="N563438" s="10"/>
    </row>
    <row r="563439" spans="14:14">
      <c r="N563439" s="10"/>
    </row>
    <row r="563440" spans="14:14">
      <c r="N563440" s="10"/>
    </row>
    <row r="563441" spans="14:14">
      <c r="N563441" s="10"/>
    </row>
    <row r="563442" spans="14:14">
      <c r="N563442" s="10"/>
    </row>
    <row r="563443" spans="14:14">
      <c r="N563443" s="10"/>
    </row>
    <row r="563444" spans="14:14">
      <c r="N563444" s="10"/>
    </row>
    <row r="563445" spans="14:14">
      <c r="N563445" s="10"/>
    </row>
    <row r="563446" spans="14:14">
      <c r="N563446" s="10"/>
    </row>
    <row r="563447" spans="14:14">
      <c r="N563447" s="10"/>
    </row>
    <row r="563448" spans="14:14">
      <c r="N563448" s="10"/>
    </row>
    <row r="563449" spans="14:14">
      <c r="N563449" s="10"/>
    </row>
    <row r="563450" spans="14:14">
      <c r="N563450" s="10"/>
    </row>
    <row r="563451" spans="14:14">
      <c r="N563451" s="10"/>
    </row>
    <row r="563452" spans="14:14">
      <c r="N563452" s="10"/>
    </row>
    <row r="563453" spans="14:14">
      <c r="N563453" s="10"/>
    </row>
    <row r="563454" spans="14:14">
      <c r="N563454" s="10"/>
    </row>
    <row r="563455" spans="14:14">
      <c r="N563455" s="10"/>
    </row>
    <row r="563456" spans="14:14">
      <c r="N563456" s="10"/>
    </row>
    <row r="563457" spans="14:14">
      <c r="N563457" s="10"/>
    </row>
    <row r="563458" spans="14:14">
      <c r="N563458" s="10"/>
    </row>
    <row r="563459" spans="14:14">
      <c r="N563459" s="10"/>
    </row>
    <row r="563460" spans="14:14">
      <c r="N563460" s="10"/>
    </row>
    <row r="563461" spans="14:14">
      <c r="N563461" s="10"/>
    </row>
    <row r="563462" spans="14:14">
      <c r="N563462" s="10"/>
    </row>
    <row r="563463" spans="14:14">
      <c r="N563463" s="10"/>
    </row>
    <row r="563464" spans="14:14">
      <c r="N563464" s="10"/>
    </row>
    <row r="563465" spans="14:14">
      <c r="N563465" s="10"/>
    </row>
    <row r="563466" spans="14:14">
      <c r="N563466" s="10"/>
    </row>
    <row r="563467" spans="14:14">
      <c r="N563467" s="10"/>
    </row>
    <row r="563468" spans="14:14">
      <c r="N563468" s="10"/>
    </row>
    <row r="563469" spans="14:14">
      <c r="N563469" s="10"/>
    </row>
    <row r="563470" spans="14:14">
      <c r="N563470" s="10"/>
    </row>
    <row r="563471" spans="14:14">
      <c r="N563471" s="10"/>
    </row>
    <row r="563472" spans="14:14">
      <c r="N563472" s="10"/>
    </row>
    <row r="563473" spans="14:14">
      <c r="N563473" s="10"/>
    </row>
    <row r="563474" spans="14:14">
      <c r="N563474" s="10"/>
    </row>
    <row r="563475" spans="14:14">
      <c r="N563475" s="10"/>
    </row>
    <row r="563476" spans="14:14">
      <c r="N563476" s="10"/>
    </row>
    <row r="563477" spans="14:14">
      <c r="N563477" s="10"/>
    </row>
    <row r="563478" spans="14:14">
      <c r="N563478" s="10"/>
    </row>
    <row r="563479" spans="14:14">
      <c r="N563479" s="10"/>
    </row>
    <row r="563480" spans="14:14">
      <c r="N563480" s="10"/>
    </row>
    <row r="563481" spans="14:14">
      <c r="N563481" s="10"/>
    </row>
    <row r="563482" spans="14:14">
      <c r="N563482" s="10"/>
    </row>
    <row r="563483" spans="14:14">
      <c r="N563483" s="10"/>
    </row>
    <row r="563484" spans="14:14">
      <c r="N563484" s="10"/>
    </row>
    <row r="563485" spans="14:14">
      <c r="N563485" s="10"/>
    </row>
    <row r="563486" spans="14:14">
      <c r="N563486" s="10"/>
    </row>
    <row r="563487" spans="14:14">
      <c r="N563487" s="10"/>
    </row>
    <row r="563488" spans="14:14">
      <c r="N563488" s="10"/>
    </row>
    <row r="563489" spans="14:14">
      <c r="N563489" s="10"/>
    </row>
    <row r="563490" spans="14:14">
      <c r="N563490" s="10"/>
    </row>
    <row r="563491" spans="14:14">
      <c r="N563491" s="10"/>
    </row>
    <row r="563492" spans="14:14">
      <c r="N563492" s="10"/>
    </row>
    <row r="563493" spans="14:14">
      <c r="N563493" s="10"/>
    </row>
    <row r="563494" spans="14:14">
      <c r="N563494" s="10"/>
    </row>
    <row r="563495" spans="14:14">
      <c r="N563495" s="10"/>
    </row>
    <row r="563496" spans="14:14">
      <c r="N563496" s="10"/>
    </row>
    <row r="563497" spans="14:14">
      <c r="N563497" s="10"/>
    </row>
    <row r="563498" spans="14:14">
      <c r="N563498" s="10"/>
    </row>
    <row r="563499" spans="14:14">
      <c r="N563499" s="10"/>
    </row>
    <row r="563500" spans="14:14">
      <c r="N563500" s="10"/>
    </row>
    <row r="563501" spans="14:14">
      <c r="N563501" s="10"/>
    </row>
    <row r="563502" spans="14:14">
      <c r="N563502" s="10"/>
    </row>
    <row r="563503" spans="14:14">
      <c r="N563503" s="10"/>
    </row>
    <row r="563504" spans="14:14">
      <c r="N563504" s="10"/>
    </row>
    <row r="563505" spans="14:14">
      <c r="N563505" s="10"/>
    </row>
    <row r="563506" spans="14:14">
      <c r="N563506" s="10"/>
    </row>
    <row r="563507" spans="14:14">
      <c r="N563507" s="10"/>
    </row>
    <row r="563508" spans="14:14">
      <c r="N563508" s="10"/>
    </row>
    <row r="563509" spans="14:14">
      <c r="N563509" s="10"/>
    </row>
    <row r="563510" spans="14:14">
      <c r="N563510" s="10"/>
    </row>
    <row r="563511" spans="14:14">
      <c r="N563511" s="10"/>
    </row>
    <row r="563512" spans="14:14">
      <c r="N563512" s="10"/>
    </row>
    <row r="563513" spans="14:14">
      <c r="N563513" s="10"/>
    </row>
    <row r="563514" spans="14:14">
      <c r="N563514" s="10"/>
    </row>
    <row r="563515" spans="14:14">
      <c r="N563515" s="10"/>
    </row>
    <row r="563516" spans="14:14">
      <c r="N563516" s="10"/>
    </row>
    <row r="563517" spans="14:14">
      <c r="N563517" s="10"/>
    </row>
    <row r="563518" spans="14:14">
      <c r="N563518" s="10"/>
    </row>
    <row r="563519" spans="14:14">
      <c r="N563519" s="10"/>
    </row>
    <row r="563520" spans="14:14">
      <c r="N563520" s="10"/>
    </row>
    <row r="563521" spans="14:14">
      <c r="N563521" s="10"/>
    </row>
    <row r="563522" spans="14:14">
      <c r="N563522" s="10"/>
    </row>
    <row r="563523" spans="14:14">
      <c r="N563523" s="10"/>
    </row>
    <row r="563524" spans="14:14">
      <c r="N563524" s="10"/>
    </row>
    <row r="563525" spans="14:14">
      <c r="N563525" s="10"/>
    </row>
    <row r="563526" spans="14:14">
      <c r="N563526" s="10"/>
    </row>
    <row r="563527" spans="14:14">
      <c r="N563527" s="10"/>
    </row>
    <row r="563528" spans="14:14">
      <c r="N563528" s="10"/>
    </row>
    <row r="563529" spans="14:14">
      <c r="N563529" s="10"/>
    </row>
    <row r="563530" spans="14:14">
      <c r="N563530" s="10"/>
    </row>
    <row r="563531" spans="14:14">
      <c r="N563531" s="10"/>
    </row>
    <row r="563532" spans="14:14">
      <c r="N563532" s="10"/>
    </row>
    <row r="563533" spans="14:14">
      <c r="N563533" s="10"/>
    </row>
    <row r="563534" spans="14:14">
      <c r="N563534" s="10"/>
    </row>
    <row r="563535" spans="14:14">
      <c r="N563535" s="10"/>
    </row>
    <row r="563536" spans="14:14">
      <c r="N563536" s="10"/>
    </row>
    <row r="563537" spans="14:14">
      <c r="N563537" s="10"/>
    </row>
    <row r="563538" spans="14:14">
      <c r="N563538" s="10"/>
    </row>
    <row r="563539" spans="14:14">
      <c r="N563539" s="10"/>
    </row>
    <row r="563540" spans="14:14">
      <c r="N563540" s="10"/>
    </row>
    <row r="563541" spans="14:14">
      <c r="N563541" s="10"/>
    </row>
    <row r="563542" spans="14:14">
      <c r="N563542" s="10"/>
    </row>
    <row r="563543" spans="14:14">
      <c r="N563543" s="10"/>
    </row>
    <row r="563544" spans="14:14">
      <c r="N563544" s="10"/>
    </row>
    <row r="563545" spans="14:14">
      <c r="N563545" s="10"/>
    </row>
    <row r="563546" spans="14:14">
      <c r="N563546" s="10"/>
    </row>
    <row r="563547" spans="14:14">
      <c r="N563547" s="10"/>
    </row>
    <row r="563548" spans="14:14">
      <c r="N563548" s="10"/>
    </row>
    <row r="563549" spans="14:14">
      <c r="N563549" s="10"/>
    </row>
    <row r="563550" spans="14:14">
      <c r="N563550" s="10"/>
    </row>
    <row r="563551" spans="14:14">
      <c r="N563551" s="10"/>
    </row>
    <row r="563552" spans="14:14">
      <c r="N563552" s="10"/>
    </row>
    <row r="563553" spans="14:14">
      <c r="N563553" s="10"/>
    </row>
    <row r="563554" spans="14:14">
      <c r="N563554" s="10"/>
    </row>
    <row r="563555" spans="14:14">
      <c r="N563555" s="10"/>
    </row>
    <row r="563556" spans="14:14">
      <c r="N563556" s="10"/>
    </row>
    <row r="563557" spans="14:14">
      <c r="N563557" s="10"/>
    </row>
    <row r="563558" spans="14:14">
      <c r="N563558" s="10"/>
    </row>
    <row r="563559" spans="14:14">
      <c r="N563559" s="10"/>
    </row>
    <row r="563560" spans="14:14">
      <c r="N563560" s="10"/>
    </row>
    <row r="563561" spans="14:14">
      <c r="N563561" s="10"/>
    </row>
    <row r="563562" spans="14:14">
      <c r="N563562" s="10"/>
    </row>
    <row r="563563" spans="14:14">
      <c r="N563563" s="10"/>
    </row>
    <row r="563564" spans="14:14">
      <c r="N563564" s="10"/>
    </row>
    <row r="563565" spans="14:14">
      <c r="N563565" s="10"/>
    </row>
    <row r="563566" spans="14:14">
      <c r="N563566" s="10"/>
    </row>
    <row r="563567" spans="14:14">
      <c r="N563567" s="10"/>
    </row>
    <row r="563568" spans="14:14">
      <c r="N563568" s="10"/>
    </row>
    <row r="563569" spans="14:14">
      <c r="N563569" s="10"/>
    </row>
    <row r="563570" spans="14:14">
      <c r="N563570" s="10"/>
    </row>
    <row r="563571" spans="14:14">
      <c r="N563571" s="10"/>
    </row>
    <row r="563572" spans="14:14">
      <c r="N563572" s="10"/>
    </row>
    <row r="563573" spans="14:14">
      <c r="N563573" s="10"/>
    </row>
    <row r="563574" spans="14:14">
      <c r="N563574" s="10"/>
    </row>
    <row r="563575" spans="14:14">
      <c r="N563575" s="10"/>
    </row>
    <row r="563576" spans="14:14">
      <c r="N563576" s="10"/>
    </row>
    <row r="563577" spans="14:14">
      <c r="N563577" s="10"/>
    </row>
    <row r="563578" spans="14:14">
      <c r="N563578" s="10"/>
    </row>
    <row r="563579" spans="14:14">
      <c r="N563579" s="10"/>
    </row>
    <row r="563580" spans="14:14">
      <c r="N563580" s="10"/>
    </row>
    <row r="563581" spans="14:14">
      <c r="N563581" s="10"/>
    </row>
    <row r="563582" spans="14:14">
      <c r="N563582" s="10"/>
    </row>
    <row r="563583" spans="14:14">
      <c r="N563583" s="10"/>
    </row>
    <row r="563584" spans="14:14">
      <c r="N563584" s="10"/>
    </row>
    <row r="563585" spans="14:14">
      <c r="N563585" s="10"/>
    </row>
    <row r="563586" spans="14:14">
      <c r="N563586" s="10"/>
    </row>
    <row r="563587" spans="14:14">
      <c r="N563587" s="10"/>
    </row>
    <row r="563588" spans="14:14">
      <c r="N563588" s="10"/>
    </row>
    <row r="563589" spans="14:14">
      <c r="N563589" s="10"/>
    </row>
    <row r="563590" spans="14:14">
      <c r="N563590" s="10"/>
    </row>
    <row r="563591" spans="14:14">
      <c r="N563591" s="10"/>
    </row>
    <row r="563592" spans="14:14">
      <c r="N563592" s="10"/>
    </row>
    <row r="563593" spans="14:14">
      <c r="N563593" s="10"/>
    </row>
    <row r="563594" spans="14:14">
      <c r="N563594" s="10"/>
    </row>
    <row r="563595" spans="14:14">
      <c r="N563595" s="10"/>
    </row>
    <row r="563596" spans="14:14">
      <c r="N563596" s="10"/>
    </row>
    <row r="563597" spans="14:14">
      <c r="N563597" s="10"/>
    </row>
    <row r="563598" spans="14:14">
      <c r="N563598" s="10"/>
    </row>
    <row r="563599" spans="14:14">
      <c r="N563599" s="10"/>
    </row>
    <row r="563600" spans="14:14">
      <c r="N563600" s="10"/>
    </row>
    <row r="563601" spans="14:14">
      <c r="N563601" s="10"/>
    </row>
    <row r="563602" spans="14:14">
      <c r="N563602" s="10"/>
    </row>
    <row r="563603" spans="14:14">
      <c r="N563603" s="10"/>
    </row>
    <row r="563604" spans="14:14">
      <c r="N563604" s="10"/>
    </row>
    <row r="563605" spans="14:14">
      <c r="N563605" s="10"/>
    </row>
    <row r="563606" spans="14:14">
      <c r="N563606" s="10"/>
    </row>
    <row r="563607" spans="14:14">
      <c r="N563607" s="10"/>
    </row>
    <row r="563608" spans="14:14">
      <c r="N563608" s="10"/>
    </row>
    <row r="563609" spans="14:14">
      <c r="N563609" s="10"/>
    </row>
    <row r="563610" spans="14:14">
      <c r="N563610" s="10"/>
    </row>
    <row r="563611" spans="14:14">
      <c r="N563611" s="10"/>
    </row>
    <row r="563612" spans="14:14">
      <c r="N563612" s="10"/>
    </row>
    <row r="563613" spans="14:14">
      <c r="N563613" s="10"/>
    </row>
    <row r="563614" spans="14:14">
      <c r="N563614" s="10"/>
    </row>
    <row r="563615" spans="14:14">
      <c r="N563615" s="10"/>
    </row>
    <row r="563616" spans="14:14">
      <c r="N563616" s="10"/>
    </row>
    <row r="563617" spans="14:14">
      <c r="N563617" s="10"/>
    </row>
    <row r="563618" spans="14:14">
      <c r="N563618" s="10"/>
    </row>
    <row r="563619" spans="14:14">
      <c r="N563619" s="10"/>
    </row>
    <row r="563620" spans="14:14">
      <c r="N563620" s="10"/>
    </row>
    <row r="563621" spans="14:14">
      <c r="N563621" s="10"/>
    </row>
    <row r="563622" spans="14:14">
      <c r="N563622" s="10"/>
    </row>
    <row r="563623" spans="14:14">
      <c r="N563623" s="10"/>
    </row>
    <row r="563624" spans="14:14">
      <c r="N563624" s="10"/>
    </row>
    <row r="563625" spans="14:14">
      <c r="N563625" s="10"/>
    </row>
    <row r="563626" spans="14:14">
      <c r="N563626" s="10"/>
    </row>
    <row r="563627" spans="14:14">
      <c r="N563627" s="10"/>
    </row>
    <row r="563628" spans="14:14">
      <c r="N563628" s="10"/>
    </row>
    <row r="563629" spans="14:14">
      <c r="N563629" s="10"/>
    </row>
    <row r="563630" spans="14:14">
      <c r="N563630" s="10"/>
    </row>
    <row r="563631" spans="14:14">
      <c r="N563631" s="10"/>
    </row>
    <row r="563632" spans="14:14">
      <c r="N563632" s="10"/>
    </row>
    <row r="563633" spans="14:14">
      <c r="N563633" s="10"/>
    </row>
    <row r="563634" spans="14:14">
      <c r="N563634" s="10"/>
    </row>
    <row r="563635" spans="14:14">
      <c r="N563635" s="10"/>
    </row>
    <row r="563636" spans="14:14">
      <c r="N563636" s="10"/>
    </row>
    <row r="563637" spans="14:14">
      <c r="N563637" s="10"/>
    </row>
    <row r="563638" spans="14:14">
      <c r="N563638" s="10"/>
    </row>
    <row r="563639" spans="14:14">
      <c r="N563639" s="10"/>
    </row>
    <row r="563640" spans="14:14">
      <c r="N563640" s="10"/>
    </row>
    <row r="563641" spans="14:14">
      <c r="N563641" s="10"/>
    </row>
    <row r="563642" spans="14:14">
      <c r="N563642" s="10"/>
    </row>
    <row r="563643" spans="14:14">
      <c r="N563643" s="10"/>
    </row>
    <row r="563644" spans="14:14">
      <c r="N563644" s="10"/>
    </row>
    <row r="563645" spans="14:14">
      <c r="N563645" s="10"/>
    </row>
    <row r="563646" spans="14:14">
      <c r="N563646" s="10"/>
    </row>
    <row r="563647" spans="14:14">
      <c r="N563647" s="10"/>
    </row>
    <row r="563648" spans="14:14">
      <c r="N563648" s="10"/>
    </row>
    <row r="563649" spans="14:14">
      <c r="N563649" s="10"/>
    </row>
    <row r="563650" spans="14:14">
      <c r="N563650" s="10"/>
    </row>
    <row r="563651" spans="14:14">
      <c r="N563651" s="10"/>
    </row>
    <row r="563652" spans="14:14">
      <c r="N563652" s="10"/>
    </row>
    <row r="563653" spans="14:14">
      <c r="N563653" s="10"/>
    </row>
    <row r="563654" spans="14:14">
      <c r="N563654" s="10"/>
    </row>
    <row r="563655" spans="14:14">
      <c r="N563655" s="10"/>
    </row>
    <row r="563656" spans="14:14">
      <c r="N563656" s="10"/>
    </row>
    <row r="563657" spans="14:14">
      <c r="N563657" s="10"/>
    </row>
    <row r="563658" spans="14:14">
      <c r="N563658" s="10"/>
    </row>
    <row r="563659" spans="14:14">
      <c r="N563659" s="10"/>
    </row>
    <row r="563660" spans="14:14">
      <c r="N563660" s="10"/>
    </row>
    <row r="563661" spans="14:14">
      <c r="N563661" s="10"/>
    </row>
    <row r="563662" spans="14:14">
      <c r="N563662" s="10"/>
    </row>
    <row r="563663" spans="14:14">
      <c r="N563663" s="10"/>
    </row>
    <row r="563664" spans="14:14">
      <c r="N563664" s="10"/>
    </row>
    <row r="563665" spans="14:14">
      <c r="N563665" s="10"/>
    </row>
    <row r="563666" spans="14:14">
      <c r="N563666" s="10"/>
    </row>
    <row r="563667" spans="14:14">
      <c r="N563667" s="10"/>
    </row>
    <row r="563668" spans="14:14">
      <c r="N563668" s="10"/>
    </row>
    <row r="563669" spans="14:14">
      <c r="N563669" s="10"/>
    </row>
    <row r="563670" spans="14:14">
      <c r="N563670" s="10"/>
    </row>
    <row r="563671" spans="14:14">
      <c r="N563671" s="10"/>
    </row>
    <row r="563672" spans="14:14">
      <c r="N563672" s="10"/>
    </row>
    <row r="563673" spans="14:14">
      <c r="N563673" s="10"/>
    </row>
    <row r="563674" spans="14:14">
      <c r="N563674" s="10"/>
    </row>
    <row r="563675" spans="14:14">
      <c r="N563675" s="10"/>
    </row>
    <row r="563676" spans="14:14">
      <c r="N563676" s="10"/>
    </row>
    <row r="563677" spans="14:14">
      <c r="N563677" s="10"/>
    </row>
    <row r="563678" spans="14:14">
      <c r="N563678" s="10"/>
    </row>
    <row r="563679" spans="14:14">
      <c r="N563679" s="10"/>
    </row>
    <row r="563680" spans="14:14">
      <c r="N563680" s="10"/>
    </row>
    <row r="563681" spans="14:14">
      <c r="N563681" s="10"/>
    </row>
    <row r="563682" spans="14:14">
      <c r="N563682" s="10"/>
    </row>
    <row r="563683" spans="14:14">
      <c r="N563683" s="10"/>
    </row>
    <row r="563684" spans="14:14">
      <c r="N563684" s="10"/>
    </row>
    <row r="563685" spans="14:14">
      <c r="N563685" s="10"/>
    </row>
    <row r="563686" spans="14:14">
      <c r="N563686" s="10"/>
    </row>
    <row r="563687" spans="14:14">
      <c r="N563687" s="10"/>
    </row>
    <row r="563688" spans="14:14">
      <c r="N563688" s="10"/>
    </row>
    <row r="563689" spans="14:14">
      <c r="N563689" s="10"/>
    </row>
    <row r="563690" spans="14:14">
      <c r="N563690" s="10"/>
    </row>
    <row r="563691" spans="14:14">
      <c r="N563691" s="10"/>
    </row>
    <row r="563692" spans="14:14">
      <c r="N563692" s="10"/>
    </row>
    <row r="563693" spans="14:14">
      <c r="N563693" s="10"/>
    </row>
    <row r="563694" spans="14:14">
      <c r="N563694" s="10"/>
    </row>
    <row r="563695" spans="14:14">
      <c r="N563695" s="10"/>
    </row>
    <row r="563696" spans="14:14">
      <c r="N563696" s="10"/>
    </row>
    <row r="563697" spans="14:14">
      <c r="N563697" s="10"/>
    </row>
    <row r="563698" spans="14:14">
      <c r="N563698" s="10"/>
    </row>
    <row r="563699" spans="14:14">
      <c r="N563699" s="10"/>
    </row>
    <row r="563700" spans="14:14">
      <c r="N563700" s="10"/>
    </row>
    <row r="563701" spans="14:14">
      <c r="N563701" s="10"/>
    </row>
    <row r="563702" spans="14:14">
      <c r="N563702" s="10"/>
    </row>
    <row r="563703" spans="14:14">
      <c r="N563703" s="10"/>
    </row>
    <row r="563704" spans="14:14">
      <c r="N563704" s="10"/>
    </row>
    <row r="563705" spans="14:14">
      <c r="N563705" s="10"/>
    </row>
    <row r="563706" spans="14:14">
      <c r="N563706" s="10"/>
    </row>
    <row r="563707" spans="14:14">
      <c r="N563707" s="10"/>
    </row>
    <row r="563708" spans="14:14">
      <c r="N563708" s="10"/>
    </row>
    <row r="563709" spans="14:14">
      <c r="N563709" s="10"/>
    </row>
    <row r="563710" spans="14:14">
      <c r="N563710" s="10"/>
    </row>
    <row r="563711" spans="14:14">
      <c r="N563711" s="10"/>
    </row>
    <row r="563712" spans="14:14">
      <c r="N563712" s="10"/>
    </row>
    <row r="563713" spans="14:14">
      <c r="N563713" s="10"/>
    </row>
    <row r="563714" spans="14:14">
      <c r="N563714" s="10"/>
    </row>
    <row r="563715" spans="14:14">
      <c r="N563715" s="10"/>
    </row>
    <row r="563716" spans="14:14">
      <c r="N563716" s="10"/>
    </row>
    <row r="563717" spans="14:14">
      <c r="N563717" s="10"/>
    </row>
    <row r="563718" spans="14:14">
      <c r="N563718" s="10"/>
    </row>
    <row r="563719" spans="14:14">
      <c r="N563719" s="10"/>
    </row>
    <row r="563720" spans="14:14">
      <c r="N563720" s="10"/>
    </row>
    <row r="563721" spans="14:14">
      <c r="N563721" s="10"/>
    </row>
    <row r="563722" spans="14:14">
      <c r="N563722" s="10"/>
    </row>
    <row r="563723" spans="14:14">
      <c r="N563723" s="10"/>
    </row>
    <row r="563724" spans="14:14">
      <c r="N563724" s="10"/>
    </row>
    <row r="563725" spans="14:14">
      <c r="N563725" s="10"/>
    </row>
    <row r="563726" spans="14:14">
      <c r="N563726" s="10"/>
    </row>
    <row r="563727" spans="14:14">
      <c r="N563727" s="10"/>
    </row>
    <row r="563728" spans="14:14">
      <c r="N563728" s="10"/>
    </row>
    <row r="563729" spans="14:14">
      <c r="N563729" s="10"/>
    </row>
    <row r="563730" spans="14:14">
      <c r="N563730" s="10"/>
    </row>
    <row r="563731" spans="14:14">
      <c r="N563731" s="10"/>
    </row>
    <row r="563732" spans="14:14">
      <c r="N563732" s="10"/>
    </row>
    <row r="563733" spans="14:14">
      <c r="N563733" s="10"/>
    </row>
    <row r="563734" spans="14:14">
      <c r="N563734" s="10"/>
    </row>
    <row r="563735" spans="14:14">
      <c r="N563735" s="10"/>
    </row>
    <row r="563736" spans="14:14">
      <c r="N563736" s="10"/>
    </row>
    <row r="563737" spans="14:14">
      <c r="N563737" s="10"/>
    </row>
    <row r="563738" spans="14:14">
      <c r="N563738" s="10"/>
    </row>
    <row r="563739" spans="14:14">
      <c r="N563739" s="10"/>
    </row>
    <row r="563740" spans="14:14">
      <c r="N563740" s="10"/>
    </row>
    <row r="563741" spans="14:14">
      <c r="N563741" s="10"/>
    </row>
    <row r="563742" spans="14:14">
      <c r="N563742" s="10"/>
    </row>
    <row r="563743" spans="14:14">
      <c r="N563743" s="10"/>
    </row>
    <row r="563744" spans="14:14">
      <c r="N563744" s="10"/>
    </row>
    <row r="563745" spans="14:14">
      <c r="N563745" s="10"/>
    </row>
    <row r="563746" spans="14:14">
      <c r="N563746" s="10"/>
    </row>
    <row r="563747" spans="14:14">
      <c r="N563747" s="10"/>
    </row>
    <row r="563748" spans="14:14">
      <c r="N563748" s="10"/>
    </row>
    <row r="563749" spans="14:14">
      <c r="N563749" s="10"/>
    </row>
    <row r="563750" spans="14:14">
      <c r="N563750" s="10"/>
    </row>
    <row r="563751" spans="14:14">
      <c r="N563751" s="10"/>
    </row>
    <row r="563752" spans="14:14">
      <c r="N563752" s="10"/>
    </row>
    <row r="563753" spans="14:14">
      <c r="N563753" s="10"/>
    </row>
    <row r="563754" spans="14:14">
      <c r="N563754" s="10"/>
    </row>
    <row r="563755" spans="14:14">
      <c r="N563755" s="10"/>
    </row>
    <row r="563756" spans="14:14">
      <c r="N563756" s="10"/>
    </row>
    <row r="563757" spans="14:14">
      <c r="N563757" s="10"/>
    </row>
    <row r="563758" spans="14:14">
      <c r="N563758" s="10"/>
    </row>
    <row r="563759" spans="14:14">
      <c r="N563759" s="10"/>
    </row>
    <row r="563760" spans="14:14">
      <c r="N563760" s="10"/>
    </row>
    <row r="563761" spans="14:14">
      <c r="N563761" s="10"/>
    </row>
    <row r="563762" spans="14:14">
      <c r="N563762" s="10"/>
    </row>
    <row r="563763" spans="14:14">
      <c r="N563763" s="10"/>
    </row>
    <row r="563764" spans="14:14">
      <c r="N563764" s="10"/>
    </row>
    <row r="563765" spans="14:14">
      <c r="N563765" s="10"/>
    </row>
    <row r="563766" spans="14:14">
      <c r="N563766" s="10"/>
    </row>
    <row r="563767" spans="14:14">
      <c r="N563767" s="10"/>
    </row>
    <row r="563768" spans="14:14">
      <c r="N563768" s="10"/>
    </row>
    <row r="563769" spans="14:14">
      <c r="N563769" s="10"/>
    </row>
    <row r="563770" spans="14:14">
      <c r="N563770" s="10"/>
    </row>
    <row r="563771" spans="14:14">
      <c r="N563771" s="10"/>
    </row>
    <row r="563772" spans="14:14">
      <c r="N563772" s="10"/>
    </row>
    <row r="563773" spans="14:14">
      <c r="N563773" s="10"/>
    </row>
    <row r="563774" spans="14:14">
      <c r="N563774" s="10"/>
    </row>
    <row r="563775" spans="14:14">
      <c r="N563775" s="10"/>
    </row>
    <row r="563776" spans="14:14">
      <c r="N563776" s="10"/>
    </row>
    <row r="563777" spans="14:14">
      <c r="N563777" s="10"/>
    </row>
    <row r="563778" spans="14:14">
      <c r="N563778" s="10"/>
    </row>
    <row r="563779" spans="14:14">
      <c r="N563779" s="10"/>
    </row>
    <row r="563780" spans="14:14">
      <c r="N563780" s="10"/>
    </row>
    <row r="563781" spans="14:14">
      <c r="N563781" s="10"/>
    </row>
    <row r="563782" spans="14:14">
      <c r="N563782" s="10"/>
    </row>
    <row r="563783" spans="14:14">
      <c r="N563783" s="10"/>
    </row>
    <row r="563784" spans="14:14">
      <c r="N563784" s="10"/>
    </row>
    <row r="563785" spans="14:14">
      <c r="N563785" s="10"/>
    </row>
    <row r="563786" spans="14:14">
      <c r="N563786" s="10"/>
    </row>
    <row r="563787" spans="14:14">
      <c r="N563787" s="10"/>
    </row>
    <row r="563788" spans="14:14">
      <c r="N563788" s="10"/>
    </row>
    <row r="563789" spans="14:14">
      <c r="N563789" s="10"/>
    </row>
    <row r="563790" spans="14:14">
      <c r="N563790" s="10"/>
    </row>
    <row r="563791" spans="14:14">
      <c r="N563791" s="10"/>
    </row>
    <row r="563792" spans="14:14">
      <c r="N563792" s="10"/>
    </row>
    <row r="563793" spans="14:14">
      <c r="N563793" s="10"/>
    </row>
    <row r="563794" spans="14:14">
      <c r="N563794" s="10"/>
    </row>
    <row r="563795" spans="14:14">
      <c r="N563795" s="10"/>
    </row>
    <row r="563796" spans="14:14">
      <c r="N563796" s="10"/>
    </row>
    <row r="563797" spans="14:14">
      <c r="N563797" s="10"/>
    </row>
    <row r="563798" spans="14:14">
      <c r="N563798" s="10"/>
    </row>
    <row r="563799" spans="14:14">
      <c r="N563799" s="10"/>
    </row>
    <row r="563800" spans="14:14">
      <c r="N563800" s="10"/>
    </row>
    <row r="563801" spans="14:14">
      <c r="N563801" s="10"/>
    </row>
    <row r="563802" spans="14:14">
      <c r="N563802" s="10"/>
    </row>
    <row r="563803" spans="14:14">
      <c r="N563803" s="10"/>
    </row>
    <row r="563804" spans="14:14">
      <c r="N563804" s="10"/>
    </row>
    <row r="563805" spans="14:14">
      <c r="N563805" s="10"/>
    </row>
    <row r="563806" spans="14:14">
      <c r="N563806" s="10"/>
    </row>
    <row r="563807" spans="14:14">
      <c r="N563807" s="10"/>
    </row>
    <row r="563808" spans="14:14">
      <c r="N563808" s="10"/>
    </row>
    <row r="563809" spans="14:14">
      <c r="N563809" s="10"/>
    </row>
    <row r="563810" spans="14:14">
      <c r="N563810" s="10"/>
    </row>
    <row r="563811" spans="14:14">
      <c r="N563811" s="10"/>
    </row>
    <row r="563812" spans="14:14">
      <c r="N563812" s="10"/>
    </row>
    <row r="563813" spans="14:14">
      <c r="N563813" s="10"/>
    </row>
    <row r="563814" spans="14:14">
      <c r="N563814" s="10"/>
    </row>
    <row r="563815" spans="14:14">
      <c r="N563815" s="10"/>
    </row>
    <row r="563816" spans="14:14">
      <c r="N563816" s="10"/>
    </row>
    <row r="563817" spans="14:14">
      <c r="N563817" s="10"/>
    </row>
    <row r="563818" spans="14:14">
      <c r="N563818" s="10"/>
    </row>
    <row r="563819" spans="14:14">
      <c r="N563819" s="10"/>
    </row>
    <row r="563820" spans="14:14">
      <c r="N563820" s="10"/>
    </row>
    <row r="563821" spans="14:14">
      <c r="N563821" s="10"/>
    </row>
    <row r="563822" spans="14:14">
      <c r="N563822" s="10"/>
    </row>
    <row r="563823" spans="14:14">
      <c r="N563823" s="10"/>
    </row>
    <row r="563824" spans="14:14">
      <c r="N563824" s="10"/>
    </row>
    <row r="563825" spans="14:14">
      <c r="N563825" s="10"/>
    </row>
    <row r="563826" spans="14:14">
      <c r="N563826" s="10"/>
    </row>
    <row r="563827" spans="14:14">
      <c r="N563827" s="10"/>
    </row>
    <row r="563828" spans="14:14">
      <c r="N563828" s="10"/>
    </row>
    <row r="563829" spans="14:14">
      <c r="N563829" s="10"/>
    </row>
    <row r="563830" spans="14:14">
      <c r="N563830" s="10"/>
    </row>
    <row r="563831" spans="14:14">
      <c r="N563831" s="10"/>
    </row>
    <row r="563832" spans="14:14">
      <c r="N563832" s="10"/>
    </row>
    <row r="563833" spans="14:14">
      <c r="N563833" s="10"/>
    </row>
    <row r="563834" spans="14:14">
      <c r="N563834" s="10"/>
    </row>
    <row r="563835" spans="14:14">
      <c r="N563835" s="10"/>
    </row>
    <row r="563836" spans="14:14">
      <c r="N563836" s="10"/>
    </row>
    <row r="563837" spans="14:14">
      <c r="N563837" s="10"/>
    </row>
    <row r="563838" spans="14:14">
      <c r="N563838" s="10"/>
    </row>
    <row r="563839" spans="14:14">
      <c r="N563839" s="10"/>
    </row>
    <row r="563840" spans="14:14">
      <c r="N563840" s="10"/>
    </row>
    <row r="563841" spans="14:14">
      <c r="N563841" s="10"/>
    </row>
    <row r="563842" spans="14:14">
      <c r="N563842" s="10"/>
    </row>
    <row r="563843" spans="14:14">
      <c r="N563843" s="10"/>
    </row>
    <row r="563844" spans="14:14">
      <c r="N563844" s="10"/>
    </row>
    <row r="563845" spans="14:14">
      <c r="N563845" s="10"/>
    </row>
    <row r="563846" spans="14:14">
      <c r="N563846" s="10"/>
    </row>
    <row r="563847" spans="14:14">
      <c r="N563847" s="10"/>
    </row>
    <row r="563848" spans="14:14">
      <c r="N563848" s="10"/>
    </row>
    <row r="563849" spans="14:14">
      <c r="N563849" s="10"/>
    </row>
    <row r="563850" spans="14:14">
      <c r="N563850" s="10"/>
    </row>
    <row r="563851" spans="14:14">
      <c r="N563851" s="10"/>
    </row>
    <row r="563852" spans="14:14">
      <c r="N563852" s="10"/>
    </row>
    <row r="563853" spans="14:14">
      <c r="N563853" s="10"/>
    </row>
    <row r="563854" spans="14:14">
      <c r="N563854" s="10"/>
    </row>
    <row r="563855" spans="14:14">
      <c r="N563855" s="10"/>
    </row>
    <row r="563856" spans="14:14">
      <c r="N563856" s="10"/>
    </row>
    <row r="563857" spans="14:14">
      <c r="N563857" s="10"/>
    </row>
    <row r="563858" spans="14:14">
      <c r="N563858" s="10"/>
    </row>
    <row r="563859" spans="14:14">
      <c r="N563859" s="10"/>
    </row>
    <row r="563860" spans="14:14">
      <c r="N563860" s="10"/>
    </row>
    <row r="563861" spans="14:14">
      <c r="N563861" s="10"/>
    </row>
    <row r="563862" spans="14:14">
      <c r="N563862" s="10"/>
    </row>
    <row r="563863" spans="14:14">
      <c r="N563863" s="10"/>
    </row>
    <row r="563864" spans="14:14">
      <c r="N563864" s="10"/>
    </row>
    <row r="563865" spans="14:14">
      <c r="N563865" s="10"/>
    </row>
    <row r="563866" spans="14:14">
      <c r="N563866" s="10"/>
    </row>
    <row r="563867" spans="14:14">
      <c r="N563867" s="10"/>
    </row>
    <row r="563868" spans="14:14">
      <c r="N563868" s="10"/>
    </row>
    <row r="563869" spans="14:14">
      <c r="N563869" s="10"/>
    </row>
    <row r="563870" spans="14:14">
      <c r="N563870" s="10"/>
    </row>
    <row r="563871" spans="14:14">
      <c r="N563871" s="10"/>
    </row>
    <row r="563872" spans="14:14">
      <c r="N563872" s="10"/>
    </row>
    <row r="563873" spans="14:14">
      <c r="N563873" s="10"/>
    </row>
    <row r="563874" spans="14:14">
      <c r="N563874" s="10"/>
    </row>
    <row r="563875" spans="14:14">
      <c r="N563875" s="10"/>
    </row>
    <row r="563876" spans="14:14">
      <c r="N563876" s="10"/>
    </row>
    <row r="563877" spans="14:14">
      <c r="N563877" s="10"/>
    </row>
    <row r="563878" spans="14:14">
      <c r="N563878" s="10"/>
    </row>
    <row r="563879" spans="14:14">
      <c r="N563879" s="10"/>
    </row>
    <row r="563880" spans="14:14">
      <c r="N563880" s="10"/>
    </row>
    <row r="563881" spans="14:14">
      <c r="N563881" s="10"/>
    </row>
    <row r="563882" spans="14:14">
      <c r="N563882" s="10"/>
    </row>
    <row r="563883" spans="14:14">
      <c r="N563883" s="10"/>
    </row>
    <row r="563884" spans="14:14">
      <c r="N563884" s="10"/>
    </row>
    <row r="563885" spans="14:14">
      <c r="N563885" s="10"/>
    </row>
    <row r="563886" spans="14:14">
      <c r="N563886" s="10"/>
    </row>
    <row r="563887" spans="14:14">
      <c r="N563887" s="10"/>
    </row>
    <row r="563888" spans="14:14">
      <c r="N563888" s="10"/>
    </row>
    <row r="563889" spans="14:14">
      <c r="N563889" s="10"/>
    </row>
    <row r="563890" spans="14:14">
      <c r="N563890" s="10"/>
    </row>
    <row r="563891" spans="14:14">
      <c r="N563891" s="10"/>
    </row>
    <row r="563892" spans="14:14">
      <c r="N563892" s="10"/>
    </row>
    <row r="563893" spans="14:14">
      <c r="N563893" s="10"/>
    </row>
    <row r="563894" spans="14:14">
      <c r="N563894" s="10"/>
    </row>
    <row r="563895" spans="14:14">
      <c r="N563895" s="10"/>
    </row>
    <row r="563896" spans="14:14">
      <c r="N563896" s="10"/>
    </row>
    <row r="563897" spans="14:14">
      <c r="N563897" s="10"/>
    </row>
    <row r="563898" spans="14:14">
      <c r="N563898" s="10"/>
    </row>
    <row r="563899" spans="14:14">
      <c r="N563899" s="10"/>
    </row>
    <row r="563900" spans="14:14">
      <c r="N563900" s="10"/>
    </row>
    <row r="563901" spans="14:14">
      <c r="N563901" s="10"/>
    </row>
    <row r="563902" spans="14:14">
      <c r="N563902" s="10"/>
    </row>
    <row r="563903" spans="14:14">
      <c r="N563903" s="10"/>
    </row>
    <row r="563904" spans="14:14">
      <c r="N563904" s="10"/>
    </row>
    <row r="563905" spans="14:14">
      <c r="N563905" s="10"/>
    </row>
    <row r="563906" spans="14:14">
      <c r="N563906" s="10"/>
    </row>
    <row r="563907" spans="14:14">
      <c r="N563907" s="10"/>
    </row>
    <row r="563908" spans="14:14">
      <c r="N563908" s="10"/>
    </row>
    <row r="563909" spans="14:14">
      <c r="N563909" s="10"/>
    </row>
    <row r="563910" spans="14:14">
      <c r="N563910" s="10"/>
    </row>
    <row r="563911" spans="14:14">
      <c r="N563911" s="10"/>
    </row>
    <row r="563912" spans="14:14">
      <c r="N563912" s="10"/>
    </row>
    <row r="563913" spans="14:14">
      <c r="N563913" s="10"/>
    </row>
    <row r="563914" spans="14:14">
      <c r="N563914" s="10"/>
    </row>
    <row r="563915" spans="14:14">
      <c r="N563915" s="10"/>
    </row>
    <row r="563916" spans="14:14">
      <c r="N563916" s="10"/>
    </row>
    <row r="563917" spans="14:14">
      <c r="N563917" s="10"/>
    </row>
    <row r="563918" spans="14:14">
      <c r="N563918" s="10"/>
    </row>
    <row r="563919" spans="14:14">
      <c r="N563919" s="10"/>
    </row>
    <row r="563920" spans="14:14">
      <c r="N563920" s="10"/>
    </row>
    <row r="563921" spans="14:14">
      <c r="N563921" s="10"/>
    </row>
    <row r="563922" spans="14:14">
      <c r="N563922" s="10"/>
    </row>
    <row r="563923" spans="14:14">
      <c r="N563923" s="10"/>
    </row>
    <row r="563924" spans="14:14">
      <c r="N563924" s="10"/>
    </row>
    <row r="563925" spans="14:14">
      <c r="N563925" s="10"/>
    </row>
    <row r="563926" spans="14:14">
      <c r="N563926" s="10"/>
    </row>
    <row r="563927" spans="14:14">
      <c r="N563927" s="10"/>
    </row>
    <row r="563928" spans="14:14">
      <c r="N563928" s="10"/>
    </row>
    <row r="563929" spans="14:14">
      <c r="N563929" s="10"/>
    </row>
    <row r="563930" spans="14:14">
      <c r="N563930" s="10"/>
    </row>
    <row r="563931" spans="14:14">
      <c r="N563931" s="10"/>
    </row>
    <row r="563932" spans="14:14">
      <c r="N563932" s="10"/>
    </row>
    <row r="563933" spans="14:14">
      <c r="N563933" s="10"/>
    </row>
    <row r="563934" spans="14:14">
      <c r="N563934" s="10"/>
    </row>
    <row r="563935" spans="14:14">
      <c r="N563935" s="10"/>
    </row>
    <row r="563936" spans="14:14">
      <c r="N563936" s="10"/>
    </row>
    <row r="563937" spans="14:14">
      <c r="N563937" s="10"/>
    </row>
    <row r="563938" spans="14:14">
      <c r="N563938" s="10"/>
    </row>
    <row r="563939" spans="14:14">
      <c r="N563939" s="10"/>
    </row>
    <row r="563940" spans="14:14">
      <c r="N563940" s="10"/>
    </row>
    <row r="563941" spans="14:14">
      <c r="N563941" s="10"/>
    </row>
    <row r="563942" spans="14:14">
      <c r="N563942" s="10"/>
    </row>
    <row r="563943" spans="14:14">
      <c r="N563943" s="10"/>
    </row>
    <row r="563944" spans="14:14">
      <c r="N563944" s="10"/>
    </row>
    <row r="563945" spans="14:14">
      <c r="N563945" s="10"/>
    </row>
    <row r="563946" spans="14:14">
      <c r="N563946" s="10"/>
    </row>
    <row r="563947" spans="14:14">
      <c r="N563947" s="10"/>
    </row>
    <row r="563948" spans="14:14">
      <c r="N563948" s="10"/>
    </row>
    <row r="563949" spans="14:14">
      <c r="N563949" s="10"/>
    </row>
    <row r="563950" spans="14:14">
      <c r="N563950" s="10"/>
    </row>
    <row r="563951" spans="14:14">
      <c r="N563951" s="10"/>
    </row>
    <row r="563952" spans="14:14">
      <c r="N563952" s="10"/>
    </row>
    <row r="563953" spans="14:14">
      <c r="N563953" s="10"/>
    </row>
    <row r="563954" spans="14:14">
      <c r="N563954" s="10"/>
    </row>
    <row r="563955" spans="14:14">
      <c r="N563955" s="10"/>
    </row>
    <row r="563956" spans="14:14">
      <c r="N563956" s="10"/>
    </row>
    <row r="563957" spans="14:14">
      <c r="N563957" s="10"/>
    </row>
    <row r="563958" spans="14:14">
      <c r="N563958" s="10"/>
    </row>
    <row r="563959" spans="14:14">
      <c r="N563959" s="10"/>
    </row>
    <row r="563960" spans="14:14">
      <c r="N563960" s="10"/>
    </row>
    <row r="563961" spans="14:14">
      <c r="N563961" s="10"/>
    </row>
    <row r="563962" spans="14:14">
      <c r="N563962" s="10"/>
    </row>
    <row r="563963" spans="14:14">
      <c r="N563963" s="10"/>
    </row>
    <row r="563964" spans="14:14">
      <c r="N563964" s="10"/>
    </row>
    <row r="563965" spans="14:14">
      <c r="N563965" s="10"/>
    </row>
    <row r="563966" spans="14:14">
      <c r="N563966" s="10"/>
    </row>
    <row r="563967" spans="14:14">
      <c r="N563967" s="10"/>
    </row>
    <row r="563968" spans="14:14">
      <c r="N563968" s="10"/>
    </row>
    <row r="563969" spans="14:14">
      <c r="N563969" s="10"/>
    </row>
    <row r="563970" spans="14:14">
      <c r="N563970" s="10"/>
    </row>
    <row r="563971" spans="14:14">
      <c r="N563971" s="10"/>
    </row>
    <row r="563972" spans="14:14">
      <c r="N563972" s="10"/>
    </row>
    <row r="563973" spans="14:14">
      <c r="N563973" s="10"/>
    </row>
    <row r="563974" spans="14:14">
      <c r="N563974" s="10"/>
    </row>
    <row r="563975" spans="14:14">
      <c r="N563975" s="10"/>
    </row>
    <row r="563976" spans="14:14">
      <c r="N563976" s="10"/>
    </row>
    <row r="563977" spans="14:14">
      <c r="N563977" s="10"/>
    </row>
    <row r="563978" spans="14:14">
      <c r="N563978" s="10"/>
    </row>
    <row r="563979" spans="14:14">
      <c r="N563979" s="10"/>
    </row>
    <row r="563980" spans="14:14">
      <c r="N563980" s="10"/>
    </row>
    <row r="563981" spans="14:14">
      <c r="N563981" s="10"/>
    </row>
    <row r="563982" spans="14:14">
      <c r="N563982" s="10"/>
    </row>
    <row r="563983" spans="14:14">
      <c r="N563983" s="10"/>
    </row>
    <row r="563984" spans="14:14">
      <c r="N563984" s="10"/>
    </row>
    <row r="563985" spans="14:14">
      <c r="N563985" s="10"/>
    </row>
    <row r="563986" spans="14:14">
      <c r="N563986" s="10"/>
    </row>
    <row r="563987" spans="14:14">
      <c r="N563987" s="10"/>
    </row>
    <row r="563988" spans="14:14">
      <c r="N563988" s="10"/>
    </row>
    <row r="563989" spans="14:14">
      <c r="N563989" s="10"/>
    </row>
    <row r="563990" spans="14:14">
      <c r="N563990" s="10"/>
    </row>
    <row r="563991" spans="14:14">
      <c r="N563991" s="10"/>
    </row>
    <row r="563992" spans="14:14">
      <c r="N563992" s="10"/>
    </row>
    <row r="563993" spans="14:14">
      <c r="N563993" s="10"/>
    </row>
    <row r="563994" spans="14:14">
      <c r="N563994" s="10"/>
    </row>
    <row r="563995" spans="14:14">
      <c r="N563995" s="10"/>
    </row>
    <row r="563996" spans="14:14">
      <c r="N563996" s="10"/>
    </row>
    <row r="563997" spans="14:14">
      <c r="N563997" s="10"/>
    </row>
    <row r="563998" spans="14:14">
      <c r="N563998" s="10"/>
    </row>
    <row r="563999" spans="14:14">
      <c r="N563999" s="10"/>
    </row>
    <row r="564000" spans="14:14">
      <c r="N564000" s="10"/>
    </row>
    <row r="564001" spans="14:14">
      <c r="N564001" s="10"/>
    </row>
    <row r="564002" spans="14:14">
      <c r="N564002" s="10"/>
    </row>
    <row r="564003" spans="14:14">
      <c r="N564003" s="10"/>
    </row>
    <row r="564004" spans="14:14">
      <c r="N564004" s="10"/>
    </row>
    <row r="564005" spans="14:14">
      <c r="N564005" s="10"/>
    </row>
    <row r="564006" spans="14:14">
      <c r="N564006" s="10"/>
    </row>
    <row r="564007" spans="14:14">
      <c r="N564007" s="10"/>
    </row>
    <row r="564008" spans="14:14">
      <c r="N564008" s="10"/>
    </row>
    <row r="564009" spans="14:14">
      <c r="N564009" s="10"/>
    </row>
    <row r="564010" spans="14:14">
      <c r="N564010" s="10"/>
    </row>
    <row r="564011" spans="14:14">
      <c r="N564011" s="10"/>
    </row>
    <row r="564012" spans="14:14">
      <c r="N564012" s="10"/>
    </row>
    <row r="564013" spans="14:14">
      <c r="N564013" s="10"/>
    </row>
    <row r="564014" spans="14:14">
      <c r="N564014" s="10"/>
    </row>
    <row r="564015" spans="14:14">
      <c r="N564015" s="10"/>
    </row>
    <row r="564016" spans="14:14">
      <c r="N564016" s="10"/>
    </row>
    <row r="564017" spans="14:14">
      <c r="N564017" s="10"/>
    </row>
    <row r="564018" spans="14:14">
      <c r="N564018" s="10"/>
    </row>
    <row r="564019" spans="14:14">
      <c r="N564019" s="10"/>
    </row>
    <row r="564020" spans="14:14">
      <c r="N564020" s="10"/>
    </row>
    <row r="564021" spans="14:14">
      <c r="N564021" s="10"/>
    </row>
    <row r="564022" spans="14:14">
      <c r="N564022" s="10"/>
    </row>
    <row r="564023" spans="14:14">
      <c r="N564023" s="10"/>
    </row>
    <row r="564024" spans="14:14">
      <c r="N564024" s="10"/>
    </row>
    <row r="564025" spans="14:14">
      <c r="N564025" s="10"/>
    </row>
    <row r="564026" spans="14:14">
      <c r="N564026" s="10"/>
    </row>
    <row r="564027" spans="14:14">
      <c r="N564027" s="10"/>
    </row>
    <row r="564028" spans="14:14">
      <c r="N564028" s="10"/>
    </row>
    <row r="564029" spans="14:14">
      <c r="N564029" s="10"/>
    </row>
    <row r="564030" spans="14:14">
      <c r="N564030" s="10"/>
    </row>
    <row r="564031" spans="14:14">
      <c r="N564031" s="10"/>
    </row>
    <row r="564032" spans="14:14">
      <c r="N564032" s="10"/>
    </row>
    <row r="564033" spans="14:14">
      <c r="N564033" s="10"/>
    </row>
    <row r="564034" spans="14:14">
      <c r="N564034" s="10"/>
    </row>
    <row r="564035" spans="14:14">
      <c r="N564035" s="10"/>
    </row>
    <row r="564036" spans="14:14">
      <c r="N564036" s="10"/>
    </row>
    <row r="564037" spans="14:14">
      <c r="N564037" s="10"/>
    </row>
    <row r="564038" spans="14:14">
      <c r="N564038" s="10"/>
    </row>
    <row r="564039" spans="14:14">
      <c r="N564039" s="10"/>
    </row>
    <row r="564040" spans="14:14">
      <c r="N564040" s="10"/>
    </row>
    <row r="564041" spans="14:14">
      <c r="N564041" s="10"/>
    </row>
    <row r="564042" spans="14:14">
      <c r="N564042" s="10"/>
    </row>
    <row r="564043" spans="14:14">
      <c r="N564043" s="10"/>
    </row>
    <row r="564044" spans="14:14">
      <c r="N564044" s="10"/>
    </row>
    <row r="564045" spans="14:14">
      <c r="N564045" s="10"/>
    </row>
    <row r="564046" spans="14:14">
      <c r="N564046" s="10"/>
    </row>
    <row r="564047" spans="14:14">
      <c r="N564047" s="10"/>
    </row>
    <row r="564048" spans="14:14">
      <c r="N564048" s="10"/>
    </row>
    <row r="564049" spans="14:14">
      <c r="N564049" s="10"/>
    </row>
    <row r="564050" spans="14:14">
      <c r="N564050" s="10"/>
    </row>
    <row r="564051" spans="14:14">
      <c r="N564051" s="10"/>
    </row>
    <row r="564052" spans="14:14">
      <c r="N564052" s="10"/>
    </row>
    <row r="564053" spans="14:14">
      <c r="N564053" s="10"/>
    </row>
    <row r="564054" spans="14:14">
      <c r="N564054" s="10"/>
    </row>
    <row r="564055" spans="14:14">
      <c r="N564055" s="10"/>
    </row>
    <row r="564056" spans="14:14">
      <c r="N564056" s="10"/>
    </row>
    <row r="564057" spans="14:14">
      <c r="N564057" s="10"/>
    </row>
    <row r="564058" spans="14:14">
      <c r="N564058" s="10"/>
    </row>
    <row r="564059" spans="14:14">
      <c r="N564059" s="10"/>
    </row>
    <row r="564060" spans="14:14">
      <c r="N564060" s="10"/>
    </row>
    <row r="564061" spans="14:14">
      <c r="N564061" s="10"/>
    </row>
    <row r="564062" spans="14:14">
      <c r="N564062" s="10"/>
    </row>
    <row r="564063" spans="14:14">
      <c r="N564063" s="10"/>
    </row>
    <row r="564064" spans="14:14">
      <c r="N564064" s="10"/>
    </row>
    <row r="564065" spans="14:14">
      <c r="N564065" s="10"/>
    </row>
    <row r="564066" spans="14:14">
      <c r="N564066" s="10"/>
    </row>
    <row r="564067" spans="14:14">
      <c r="N564067" s="10"/>
    </row>
    <row r="564068" spans="14:14">
      <c r="N564068" s="10"/>
    </row>
    <row r="564069" spans="14:14">
      <c r="N564069" s="10"/>
    </row>
    <row r="564070" spans="14:14">
      <c r="N564070" s="10"/>
    </row>
    <row r="564071" spans="14:14">
      <c r="N564071" s="10"/>
    </row>
    <row r="564072" spans="14:14">
      <c r="N564072" s="10"/>
    </row>
    <row r="564073" spans="14:14">
      <c r="N564073" s="10"/>
    </row>
    <row r="564074" spans="14:14">
      <c r="N564074" s="10"/>
    </row>
    <row r="564075" spans="14:14">
      <c r="N564075" s="10"/>
    </row>
    <row r="564076" spans="14:14">
      <c r="N564076" s="10"/>
    </row>
    <row r="564077" spans="14:14">
      <c r="N564077" s="10"/>
    </row>
    <row r="564078" spans="14:14">
      <c r="N564078" s="10"/>
    </row>
    <row r="564079" spans="14:14">
      <c r="N564079" s="10"/>
    </row>
    <row r="564080" spans="14:14">
      <c r="N564080" s="10"/>
    </row>
    <row r="564081" spans="14:14">
      <c r="N564081" s="10"/>
    </row>
    <row r="564082" spans="14:14">
      <c r="N564082" s="10"/>
    </row>
    <row r="564083" spans="14:14">
      <c r="N564083" s="10"/>
    </row>
    <row r="564084" spans="14:14">
      <c r="N564084" s="10"/>
    </row>
    <row r="564085" spans="14:14">
      <c r="N564085" s="10"/>
    </row>
    <row r="564086" spans="14:14">
      <c r="N564086" s="10"/>
    </row>
    <row r="564087" spans="14:14">
      <c r="N564087" s="10"/>
    </row>
    <row r="564088" spans="14:14">
      <c r="N564088" s="10"/>
    </row>
    <row r="564089" spans="14:14">
      <c r="N564089" s="10"/>
    </row>
    <row r="564090" spans="14:14">
      <c r="N564090" s="10"/>
    </row>
    <row r="564091" spans="14:14">
      <c r="N564091" s="10"/>
    </row>
    <row r="564092" spans="14:14">
      <c r="N564092" s="10"/>
    </row>
    <row r="564093" spans="14:14">
      <c r="N564093" s="10"/>
    </row>
    <row r="564094" spans="14:14">
      <c r="N564094" s="10"/>
    </row>
    <row r="564095" spans="14:14">
      <c r="N564095" s="10"/>
    </row>
    <row r="564096" spans="14:14">
      <c r="N564096" s="10"/>
    </row>
    <row r="564097" spans="14:14">
      <c r="N564097" s="10"/>
    </row>
    <row r="564098" spans="14:14">
      <c r="N564098" s="10"/>
    </row>
    <row r="564099" spans="14:14">
      <c r="N564099" s="10"/>
    </row>
    <row r="564100" spans="14:14">
      <c r="N564100" s="10"/>
    </row>
    <row r="564101" spans="14:14">
      <c r="N564101" s="10"/>
    </row>
    <row r="564102" spans="14:14">
      <c r="N564102" s="10"/>
    </row>
    <row r="564103" spans="14:14">
      <c r="N564103" s="10"/>
    </row>
    <row r="564104" spans="14:14">
      <c r="N564104" s="10"/>
    </row>
    <row r="564105" spans="14:14">
      <c r="N564105" s="10"/>
    </row>
    <row r="564106" spans="14:14">
      <c r="N564106" s="10"/>
    </row>
    <row r="564107" spans="14:14">
      <c r="N564107" s="10"/>
    </row>
    <row r="564108" spans="14:14">
      <c r="N564108" s="10"/>
    </row>
    <row r="564109" spans="14:14">
      <c r="N564109" s="10"/>
    </row>
    <row r="564110" spans="14:14">
      <c r="N564110" s="10"/>
    </row>
    <row r="564111" spans="14:14">
      <c r="N564111" s="10"/>
    </row>
    <row r="564112" spans="14:14">
      <c r="N564112" s="10"/>
    </row>
    <row r="564113" spans="14:14">
      <c r="N564113" s="10"/>
    </row>
    <row r="564114" spans="14:14">
      <c r="N564114" s="10"/>
    </row>
    <row r="564115" spans="14:14">
      <c r="N564115" s="10"/>
    </row>
    <row r="564116" spans="14:14">
      <c r="N564116" s="10"/>
    </row>
    <row r="564117" spans="14:14">
      <c r="N564117" s="10"/>
    </row>
    <row r="564118" spans="14:14">
      <c r="N564118" s="10"/>
    </row>
    <row r="564119" spans="14:14">
      <c r="N564119" s="10"/>
    </row>
    <row r="564120" spans="14:14">
      <c r="N564120" s="10"/>
    </row>
    <row r="564121" spans="14:14">
      <c r="N564121" s="10"/>
    </row>
    <row r="564122" spans="14:14">
      <c r="N564122" s="10"/>
    </row>
    <row r="564123" spans="14:14">
      <c r="N564123" s="10"/>
    </row>
    <row r="564124" spans="14:14">
      <c r="N564124" s="10"/>
    </row>
    <row r="564125" spans="14:14">
      <c r="N564125" s="10"/>
    </row>
    <row r="564126" spans="14:14">
      <c r="N564126" s="10"/>
    </row>
    <row r="564127" spans="14:14">
      <c r="N564127" s="10"/>
    </row>
    <row r="564128" spans="14:14">
      <c r="N564128" s="10"/>
    </row>
    <row r="564129" spans="14:14">
      <c r="N564129" s="10"/>
    </row>
    <row r="564130" spans="14:14">
      <c r="N564130" s="10"/>
    </row>
    <row r="564131" spans="14:14">
      <c r="N564131" s="10"/>
    </row>
    <row r="564132" spans="14:14">
      <c r="N564132" s="10"/>
    </row>
    <row r="564133" spans="14:14">
      <c r="N564133" s="10"/>
    </row>
    <row r="564134" spans="14:14">
      <c r="N564134" s="10"/>
    </row>
    <row r="564135" spans="14:14">
      <c r="N564135" s="10"/>
    </row>
    <row r="564136" spans="14:14">
      <c r="N564136" s="10"/>
    </row>
    <row r="564137" spans="14:14">
      <c r="N564137" s="10"/>
    </row>
    <row r="564138" spans="14:14">
      <c r="N564138" s="10"/>
    </row>
    <row r="564139" spans="14:14">
      <c r="N564139" s="10"/>
    </row>
    <row r="564140" spans="14:14">
      <c r="N564140" s="10"/>
    </row>
    <row r="564141" spans="14:14">
      <c r="N564141" s="10"/>
    </row>
    <row r="564142" spans="14:14">
      <c r="N564142" s="10"/>
    </row>
    <row r="564143" spans="14:14">
      <c r="N564143" s="10"/>
    </row>
    <row r="564144" spans="14:14">
      <c r="N564144" s="10"/>
    </row>
    <row r="564145" spans="14:14">
      <c r="N564145" s="10"/>
    </row>
    <row r="564146" spans="14:14">
      <c r="N564146" s="10"/>
    </row>
    <row r="564147" spans="14:14">
      <c r="N564147" s="10"/>
    </row>
    <row r="564148" spans="14:14">
      <c r="N564148" s="10"/>
    </row>
    <row r="564149" spans="14:14">
      <c r="N564149" s="10"/>
    </row>
    <row r="564150" spans="14:14">
      <c r="N564150" s="10"/>
    </row>
    <row r="564151" spans="14:14">
      <c r="N564151" s="10"/>
    </row>
    <row r="564152" spans="14:14">
      <c r="N564152" s="10"/>
    </row>
    <row r="564153" spans="14:14">
      <c r="N564153" s="10"/>
    </row>
    <row r="564154" spans="14:14">
      <c r="N564154" s="10"/>
    </row>
    <row r="564155" spans="14:14">
      <c r="N564155" s="10"/>
    </row>
    <row r="564156" spans="14:14">
      <c r="N564156" s="10"/>
    </row>
    <row r="564157" spans="14:14">
      <c r="N564157" s="10"/>
    </row>
    <row r="564158" spans="14:14">
      <c r="N564158" s="10"/>
    </row>
    <row r="564159" spans="14:14">
      <c r="N564159" s="10"/>
    </row>
    <row r="564160" spans="14:14">
      <c r="N564160" s="10"/>
    </row>
    <row r="564161" spans="14:14">
      <c r="N564161" s="10"/>
    </row>
    <row r="564162" spans="14:14">
      <c r="N564162" s="10"/>
    </row>
    <row r="564163" spans="14:14">
      <c r="N564163" s="10"/>
    </row>
    <row r="564164" spans="14:14">
      <c r="N564164" s="10"/>
    </row>
    <row r="564165" spans="14:14">
      <c r="N564165" s="10"/>
    </row>
    <row r="564166" spans="14:14">
      <c r="N564166" s="10"/>
    </row>
    <row r="564167" spans="14:14">
      <c r="N564167" s="10"/>
    </row>
    <row r="564168" spans="14:14">
      <c r="N564168" s="10"/>
    </row>
    <row r="564169" spans="14:14">
      <c r="N564169" s="10"/>
    </row>
    <row r="564170" spans="14:14">
      <c r="N564170" s="10"/>
    </row>
    <row r="564171" spans="14:14">
      <c r="N564171" s="10"/>
    </row>
    <row r="564172" spans="14:14">
      <c r="N564172" s="10"/>
    </row>
    <row r="564173" spans="14:14">
      <c r="N564173" s="10"/>
    </row>
    <row r="564174" spans="14:14">
      <c r="N564174" s="10"/>
    </row>
    <row r="564175" spans="14:14">
      <c r="N564175" s="10"/>
    </row>
    <row r="564176" spans="14:14">
      <c r="N564176" s="10"/>
    </row>
    <row r="564177" spans="14:14">
      <c r="N564177" s="10"/>
    </row>
    <row r="564178" spans="14:14">
      <c r="N564178" s="10"/>
    </row>
    <row r="564179" spans="14:14">
      <c r="N564179" s="10"/>
    </row>
    <row r="564180" spans="14:14">
      <c r="N564180" s="10"/>
    </row>
    <row r="564181" spans="14:14">
      <c r="N564181" s="10"/>
    </row>
    <row r="564182" spans="14:14">
      <c r="N564182" s="10"/>
    </row>
    <row r="564183" spans="14:14">
      <c r="N564183" s="10"/>
    </row>
    <row r="564184" spans="14:14">
      <c r="N564184" s="10"/>
    </row>
    <row r="564185" spans="14:14">
      <c r="N564185" s="10"/>
    </row>
    <row r="564186" spans="14:14">
      <c r="N564186" s="10"/>
    </row>
    <row r="564187" spans="14:14">
      <c r="N564187" s="10"/>
    </row>
    <row r="564188" spans="14:14">
      <c r="N564188" s="10"/>
    </row>
    <row r="564189" spans="14:14">
      <c r="N564189" s="10"/>
    </row>
    <row r="564190" spans="14:14">
      <c r="N564190" s="10"/>
    </row>
    <row r="564191" spans="14:14">
      <c r="N564191" s="10"/>
    </row>
    <row r="564192" spans="14:14">
      <c r="N564192" s="10"/>
    </row>
    <row r="564193" spans="14:14">
      <c r="N564193" s="10"/>
    </row>
    <row r="564194" spans="14:14">
      <c r="N564194" s="10"/>
    </row>
    <row r="564195" spans="14:14">
      <c r="N564195" s="10"/>
    </row>
    <row r="564196" spans="14:14">
      <c r="N564196" s="10"/>
    </row>
    <row r="564197" spans="14:14">
      <c r="N564197" s="10"/>
    </row>
    <row r="564198" spans="14:14">
      <c r="N564198" s="10"/>
    </row>
    <row r="564199" spans="14:14">
      <c r="N564199" s="10"/>
    </row>
    <row r="564200" spans="14:14">
      <c r="N564200" s="10"/>
    </row>
    <row r="564201" spans="14:14">
      <c r="N564201" s="10"/>
    </row>
    <row r="564202" spans="14:14">
      <c r="N564202" s="10"/>
    </row>
    <row r="564203" spans="14:14">
      <c r="N564203" s="10"/>
    </row>
    <row r="564204" spans="14:14">
      <c r="N564204" s="10"/>
    </row>
    <row r="564205" spans="14:14">
      <c r="N564205" s="10"/>
    </row>
    <row r="564206" spans="14:14">
      <c r="N564206" s="10"/>
    </row>
    <row r="564207" spans="14:14">
      <c r="N564207" s="10"/>
    </row>
    <row r="564208" spans="14:14">
      <c r="N564208" s="10"/>
    </row>
    <row r="564209" spans="14:14">
      <c r="N564209" s="10"/>
    </row>
    <row r="564210" spans="14:14">
      <c r="N564210" s="10"/>
    </row>
    <row r="564211" spans="14:14">
      <c r="N564211" s="10"/>
    </row>
    <row r="564212" spans="14:14">
      <c r="N564212" s="10"/>
    </row>
    <row r="564213" spans="14:14">
      <c r="N564213" s="10"/>
    </row>
    <row r="564214" spans="14:14">
      <c r="N564214" s="10"/>
    </row>
    <row r="564215" spans="14:14">
      <c r="N564215" s="10"/>
    </row>
    <row r="564216" spans="14:14">
      <c r="N564216" s="10"/>
    </row>
    <row r="564217" spans="14:14">
      <c r="N564217" s="10"/>
    </row>
    <row r="564218" spans="14:14">
      <c r="N564218" s="10"/>
    </row>
    <row r="564219" spans="14:14">
      <c r="N564219" s="10"/>
    </row>
    <row r="564220" spans="14:14">
      <c r="N564220" s="10"/>
    </row>
    <row r="564221" spans="14:14">
      <c r="N564221" s="10"/>
    </row>
    <row r="564222" spans="14:14">
      <c r="N564222" s="10"/>
    </row>
    <row r="564223" spans="14:14">
      <c r="N564223" s="10"/>
    </row>
    <row r="564224" spans="14:14">
      <c r="N564224" s="10"/>
    </row>
    <row r="564225" spans="14:14">
      <c r="N564225" s="10"/>
    </row>
    <row r="564226" spans="14:14">
      <c r="N564226" s="10"/>
    </row>
    <row r="564227" spans="14:14">
      <c r="N564227" s="10"/>
    </row>
    <row r="564228" spans="14:14">
      <c r="N564228" s="10"/>
    </row>
    <row r="564229" spans="14:14">
      <c r="N564229" s="10"/>
    </row>
    <row r="564230" spans="14:14">
      <c r="N564230" s="10"/>
    </row>
    <row r="564231" spans="14:14">
      <c r="N564231" s="10"/>
    </row>
    <row r="564232" spans="14:14">
      <c r="N564232" s="10"/>
    </row>
    <row r="564233" spans="14:14">
      <c r="N564233" s="10"/>
    </row>
    <row r="564234" spans="14:14">
      <c r="N564234" s="10"/>
    </row>
    <row r="564235" spans="14:14">
      <c r="N564235" s="10"/>
    </row>
    <row r="564236" spans="14:14">
      <c r="N564236" s="10"/>
    </row>
    <row r="564237" spans="14:14">
      <c r="N564237" s="10"/>
    </row>
    <row r="564238" spans="14:14">
      <c r="N564238" s="10"/>
    </row>
    <row r="564239" spans="14:14">
      <c r="N564239" s="10"/>
    </row>
    <row r="564240" spans="14:14">
      <c r="N564240" s="10"/>
    </row>
    <row r="564241" spans="14:14">
      <c r="N564241" s="10"/>
    </row>
    <row r="564242" spans="14:14">
      <c r="N564242" s="10"/>
    </row>
    <row r="564243" spans="14:14">
      <c r="N564243" s="10"/>
    </row>
    <row r="564244" spans="14:14">
      <c r="N564244" s="10"/>
    </row>
    <row r="564245" spans="14:14">
      <c r="N564245" s="10"/>
    </row>
    <row r="564246" spans="14:14">
      <c r="N564246" s="10"/>
    </row>
    <row r="564247" spans="14:14">
      <c r="N564247" s="10"/>
    </row>
    <row r="564248" spans="14:14">
      <c r="N564248" s="10"/>
    </row>
    <row r="564249" spans="14:14">
      <c r="N564249" s="10"/>
    </row>
    <row r="564250" spans="14:14">
      <c r="N564250" s="10"/>
    </row>
    <row r="564251" spans="14:14">
      <c r="N564251" s="10"/>
    </row>
    <row r="564252" spans="14:14">
      <c r="N564252" s="10"/>
    </row>
    <row r="564253" spans="14:14">
      <c r="N564253" s="10"/>
    </row>
    <row r="564254" spans="14:14">
      <c r="N564254" s="10"/>
    </row>
    <row r="564255" spans="14:14">
      <c r="N564255" s="10"/>
    </row>
    <row r="564256" spans="14:14">
      <c r="N564256" s="10"/>
    </row>
    <row r="564257" spans="14:14">
      <c r="N564257" s="10"/>
    </row>
    <row r="564258" spans="14:14">
      <c r="N564258" s="10"/>
    </row>
    <row r="564259" spans="14:14">
      <c r="N564259" s="10"/>
    </row>
    <row r="564260" spans="14:14">
      <c r="N564260" s="10"/>
    </row>
    <row r="564261" spans="14:14">
      <c r="N564261" s="10"/>
    </row>
    <row r="564262" spans="14:14">
      <c r="N564262" s="10"/>
    </row>
    <row r="564263" spans="14:14">
      <c r="N564263" s="10"/>
    </row>
    <row r="564264" spans="14:14">
      <c r="N564264" s="10"/>
    </row>
    <row r="564265" spans="14:14">
      <c r="N564265" s="10"/>
    </row>
    <row r="564266" spans="14:14">
      <c r="N564266" s="10"/>
    </row>
    <row r="564267" spans="14:14">
      <c r="N564267" s="10"/>
    </row>
    <row r="564268" spans="14:14">
      <c r="N564268" s="10"/>
    </row>
    <row r="564269" spans="14:14">
      <c r="N564269" s="10"/>
    </row>
    <row r="564270" spans="14:14">
      <c r="N564270" s="10"/>
    </row>
    <row r="564271" spans="14:14">
      <c r="N564271" s="10"/>
    </row>
    <row r="564272" spans="14:14">
      <c r="N564272" s="10"/>
    </row>
    <row r="564273" spans="14:14">
      <c r="N564273" s="10"/>
    </row>
    <row r="564274" spans="14:14">
      <c r="N564274" s="10"/>
    </row>
    <row r="564275" spans="14:14">
      <c r="N564275" s="10"/>
    </row>
    <row r="564276" spans="14:14">
      <c r="N564276" s="10"/>
    </row>
    <row r="564277" spans="14:14">
      <c r="N564277" s="10"/>
    </row>
    <row r="564278" spans="14:14">
      <c r="N564278" s="10"/>
    </row>
    <row r="564279" spans="14:14">
      <c r="N564279" s="10"/>
    </row>
    <row r="564280" spans="14:14">
      <c r="N564280" s="10"/>
    </row>
    <row r="564281" spans="14:14">
      <c r="N564281" s="10"/>
    </row>
    <row r="564282" spans="14:14">
      <c r="N564282" s="10"/>
    </row>
    <row r="564283" spans="14:14">
      <c r="N564283" s="10"/>
    </row>
    <row r="564284" spans="14:14">
      <c r="N564284" s="10"/>
    </row>
    <row r="564285" spans="14:14">
      <c r="N564285" s="10"/>
    </row>
    <row r="564286" spans="14:14">
      <c r="N564286" s="10"/>
    </row>
    <row r="564287" spans="14:14">
      <c r="N564287" s="10"/>
    </row>
    <row r="564288" spans="14:14">
      <c r="N564288" s="10"/>
    </row>
    <row r="564289" spans="14:14">
      <c r="N564289" s="10"/>
    </row>
    <row r="564290" spans="14:14">
      <c r="N564290" s="10"/>
    </row>
    <row r="564291" spans="14:14">
      <c r="N564291" s="10"/>
    </row>
    <row r="564292" spans="14:14">
      <c r="N564292" s="10"/>
    </row>
    <row r="564293" spans="14:14">
      <c r="N564293" s="10"/>
    </row>
    <row r="564294" spans="14:14">
      <c r="N564294" s="10"/>
    </row>
    <row r="564295" spans="14:14">
      <c r="N564295" s="10"/>
    </row>
    <row r="564296" spans="14:14">
      <c r="N564296" s="10"/>
    </row>
    <row r="564297" spans="14:14">
      <c r="N564297" s="10"/>
    </row>
    <row r="564298" spans="14:14">
      <c r="N564298" s="10"/>
    </row>
    <row r="564299" spans="14:14">
      <c r="N564299" s="10"/>
    </row>
    <row r="564300" spans="14:14">
      <c r="N564300" s="10"/>
    </row>
    <row r="564301" spans="14:14">
      <c r="N564301" s="10"/>
    </row>
    <row r="564302" spans="14:14">
      <c r="N564302" s="10"/>
    </row>
    <row r="564303" spans="14:14">
      <c r="N564303" s="10"/>
    </row>
    <row r="564304" spans="14:14">
      <c r="N564304" s="10"/>
    </row>
    <row r="564305" spans="14:14">
      <c r="N564305" s="10"/>
    </row>
    <row r="564306" spans="14:14">
      <c r="N564306" s="10"/>
    </row>
    <row r="564307" spans="14:14">
      <c r="N564307" s="10"/>
    </row>
    <row r="564308" spans="14:14">
      <c r="N564308" s="10"/>
    </row>
    <row r="564309" spans="14:14">
      <c r="N564309" s="10"/>
    </row>
    <row r="564310" spans="14:14">
      <c r="N564310" s="10"/>
    </row>
    <row r="564311" spans="14:14">
      <c r="N564311" s="10"/>
    </row>
    <row r="564312" spans="14:14">
      <c r="N564312" s="10"/>
    </row>
    <row r="564313" spans="14:14">
      <c r="N564313" s="10"/>
    </row>
    <row r="564314" spans="14:14">
      <c r="N564314" s="10"/>
    </row>
    <row r="564315" spans="14:14">
      <c r="N564315" s="10"/>
    </row>
    <row r="564316" spans="14:14">
      <c r="N564316" s="10"/>
    </row>
    <row r="564317" spans="14:14">
      <c r="N564317" s="10"/>
    </row>
    <row r="564318" spans="14:14">
      <c r="N564318" s="10"/>
    </row>
    <row r="564319" spans="14:14">
      <c r="N564319" s="10"/>
    </row>
    <row r="564320" spans="14:14">
      <c r="N564320" s="10"/>
    </row>
    <row r="564321" spans="14:14">
      <c r="N564321" s="10"/>
    </row>
    <row r="564322" spans="14:14">
      <c r="N564322" s="10"/>
    </row>
    <row r="564323" spans="14:14">
      <c r="N564323" s="10"/>
    </row>
    <row r="564324" spans="14:14">
      <c r="N564324" s="10"/>
    </row>
    <row r="564325" spans="14:14">
      <c r="N564325" s="10"/>
    </row>
    <row r="564326" spans="14:14">
      <c r="N564326" s="10"/>
    </row>
    <row r="564327" spans="14:14">
      <c r="N564327" s="10"/>
    </row>
    <row r="564328" spans="14:14">
      <c r="N564328" s="10"/>
    </row>
    <row r="564329" spans="14:14">
      <c r="N564329" s="10"/>
    </row>
    <row r="564330" spans="14:14">
      <c r="N564330" s="10"/>
    </row>
    <row r="564331" spans="14:14">
      <c r="N564331" s="10"/>
    </row>
    <row r="564332" spans="14:14">
      <c r="N564332" s="10"/>
    </row>
    <row r="564333" spans="14:14">
      <c r="N564333" s="10"/>
    </row>
    <row r="564334" spans="14:14">
      <c r="N564334" s="10"/>
    </row>
    <row r="564335" spans="14:14">
      <c r="N564335" s="10"/>
    </row>
    <row r="564336" spans="14:14">
      <c r="N564336" s="10"/>
    </row>
    <row r="564337" spans="14:14">
      <c r="N564337" s="10"/>
    </row>
    <row r="564338" spans="14:14">
      <c r="N564338" s="10"/>
    </row>
    <row r="564339" spans="14:14">
      <c r="N564339" s="10"/>
    </row>
    <row r="564340" spans="14:14">
      <c r="N564340" s="10"/>
    </row>
    <row r="564341" spans="14:14">
      <c r="N564341" s="10"/>
    </row>
    <row r="564342" spans="14:14">
      <c r="N564342" s="10"/>
    </row>
    <row r="564343" spans="14:14">
      <c r="N564343" s="10"/>
    </row>
    <row r="564344" spans="14:14">
      <c r="N564344" s="10"/>
    </row>
    <row r="564345" spans="14:14">
      <c r="N564345" s="10"/>
    </row>
    <row r="564346" spans="14:14">
      <c r="N564346" s="10"/>
    </row>
    <row r="564347" spans="14:14">
      <c r="N564347" s="10"/>
    </row>
    <row r="564348" spans="14:14">
      <c r="N564348" s="10"/>
    </row>
    <row r="564349" spans="14:14">
      <c r="N564349" s="10"/>
    </row>
    <row r="564350" spans="14:14">
      <c r="N564350" s="10"/>
    </row>
    <row r="564351" spans="14:14">
      <c r="N564351" s="10"/>
    </row>
    <row r="564352" spans="14:14">
      <c r="N564352" s="10"/>
    </row>
    <row r="564353" spans="14:14">
      <c r="N564353" s="10"/>
    </row>
    <row r="564354" spans="14:14">
      <c r="N564354" s="10"/>
    </row>
    <row r="564355" spans="14:14">
      <c r="N564355" s="10"/>
    </row>
    <row r="564356" spans="14:14">
      <c r="N564356" s="10"/>
    </row>
    <row r="564357" spans="14:14">
      <c r="N564357" s="10"/>
    </row>
    <row r="564358" spans="14:14">
      <c r="N564358" s="10"/>
    </row>
    <row r="564359" spans="14:14">
      <c r="N564359" s="10"/>
    </row>
    <row r="564360" spans="14:14">
      <c r="N564360" s="10"/>
    </row>
    <row r="564361" spans="14:14">
      <c r="N564361" s="10"/>
    </row>
    <row r="564362" spans="14:14">
      <c r="N564362" s="10"/>
    </row>
    <row r="564363" spans="14:14">
      <c r="N564363" s="10"/>
    </row>
    <row r="564364" spans="14:14">
      <c r="N564364" s="10"/>
    </row>
    <row r="564365" spans="14:14">
      <c r="N564365" s="10"/>
    </row>
    <row r="564366" spans="14:14">
      <c r="N564366" s="10"/>
    </row>
    <row r="564367" spans="14:14">
      <c r="N564367" s="10"/>
    </row>
    <row r="564368" spans="14:14">
      <c r="N564368" s="10"/>
    </row>
    <row r="564369" spans="14:14">
      <c r="N564369" s="10"/>
    </row>
    <row r="564370" spans="14:14">
      <c r="N564370" s="10"/>
    </row>
    <row r="564371" spans="14:14">
      <c r="N564371" s="10"/>
    </row>
    <row r="564372" spans="14:14">
      <c r="N564372" s="10"/>
    </row>
    <row r="564373" spans="14:14">
      <c r="N564373" s="10"/>
    </row>
    <row r="564374" spans="14:14">
      <c r="N564374" s="10"/>
    </row>
    <row r="564375" spans="14:14">
      <c r="N564375" s="10"/>
    </row>
    <row r="564376" spans="14:14">
      <c r="N564376" s="10"/>
    </row>
    <row r="564377" spans="14:14">
      <c r="N564377" s="10"/>
    </row>
    <row r="564378" spans="14:14">
      <c r="N564378" s="10"/>
    </row>
    <row r="564379" spans="14:14">
      <c r="N564379" s="10"/>
    </row>
    <row r="564380" spans="14:14">
      <c r="N564380" s="10"/>
    </row>
    <row r="564381" spans="14:14">
      <c r="N564381" s="10"/>
    </row>
    <row r="564382" spans="14:14">
      <c r="N564382" s="10"/>
    </row>
    <row r="564383" spans="14:14">
      <c r="N564383" s="10"/>
    </row>
    <row r="564384" spans="14:14">
      <c r="N564384" s="10"/>
    </row>
    <row r="564385" spans="14:14">
      <c r="N564385" s="10"/>
    </row>
    <row r="564386" spans="14:14">
      <c r="N564386" s="10"/>
    </row>
    <row r="564387" spans="14:14">
      <c r="N564387" s="10"/>
    </row>
    <row r="564388" spans="14:14">
      <c r="N564388" s="10"/>
    </row>
    <row r="564389" spans="14:14">
      <c r="N564389" s="10"/>
    </row>
    <row r="564390" spans="14:14">
      <c r="N564390" s="10"/>
    </row>
    <row r="564391" spans="14:14">
      <c r="N564391" s="10"/>
    </row>
    <row r="564392" spans="14:14">
      <c r="N564392" s="10"/>
    </row>
    <row r="564393" spans="14:14">
      <c r="N564393" s="10"/>
    </row>
    <row r="564394" spans="14:14">
      <c r="N564394" s="10"/>
    </row>
    <row r="564395" spans="14:14">
      <c r="N564395" s="10"/>
    </row>
    <row r="564396" spans="14:14">
      <c r="N564396" s="10"/>
    </row>
    <row r="564397" spans="14:14">
      <c r="N564397" s="10"/>
    </row>
    <row r="564398" spans="14:14">
      <c r="N564398" s="10"/>
    </row>
    <row r="564399" spans="14:14">
      <c r="N564399" s="10"/>
    </row>
    <row r="564400" spans="14:14">
      <c r="N564400" s="10"/>
    </row>
    <row r="564401" spans="14:14">
      <c r="N564401" s="10"/>
    </row>
    <row r="564402" spans="14:14">
      <c r="N564402" s="10"/>
    </row>
    <row r="564403" spans="14:14">
      <c r="N564403" s="10"/>
    </row>
    <row r="564404" spans="14:14">
      <c r="N564404" s="10"/>
    </row>
    <row r="564405" spans="14:14">
      <c r="N564405" s="10"/>
    </row>
    <row r="564406" spans="14:14">
      <c r="N564406" s="10"/>
    </row>
    <row r="564407" spans="14:14">
      <c r="N564407" s="10"/>
    </row>
    <row r="564408" spans="14:14">
      <c r="N564408" s="10"/>
    </row>
    <row r="564409" spans="14:14">
      <c r="N564409" s="10"/>
    </row>
    <row r="564410" spans="14:14">
      <c r="N564410" s="10"/>
    </row>
    <row r="564411" spans="14:14">
      <c r="N564411" s="10"/>
    </row>
    <row r="564412" spans="14:14">
      <c r="N564412" s="10"/>
    </row>
    <row r="564413" spans="14:14">
      <c r="N564413" s="10"/>
    </row>
    <row r="564414" spans="14:14">
      <c r="N564414" s="10"/>
    </row>
    <row r="564415" spans="14:14">
      <c r="N564415" s="10"/>
    </row>
    <row r="564416" spans="14:14">
      <c r="N564416" s="10"/>
    </row>
    <row r="564417" spans="14:14">
      <c r="N564417" s="10"/>
    </row>
    <row r="564418" spans="14:14">
      <c r="N564418" s="10"/>
    </row>
    <row r="564419" spans="14:14">
      <c r="N564419" s="10"/>
    </row>
    <row r="564420" spans="14:14">
      <c r="N564420" s="10"/>
    </row>
    <row r="564421" spans="14:14">
      <c r="N564421" s="10"/>
    </row>
    <row r="564422" spans="14:14">
      <c r="N564422" s="10"/>
    </row>
    <row r="564423" spans="14:14">
      <c r="N564423" s="10"/>
    </row>
    <row r="564424" spans="14:14">
      <c r="N564424" s="10"/>
    </row>
    <row r="564425" spans="14:14">
      <c r="N564425" s="10"/>
    </row>
    <row r="564426" spans="14:14">
      <c r="N564426" s="10"/>
    </row>
    <row r="564427" spans="14:14">
      <c r="N564427" s="10"/>
    </row>
    <row r="564428" spans="14:14">
      <c r="N564428" s="10"/>
    </row>
    <row r="564429" spans="14:14">
      <c r="N564429" s="10"/>
    </row>
    <row r="564430" spans="14:14">
      <c r="N564430" s="10"/>
    </row>
    <row r="564431" spans="14:14">
      <c r="N564431" s="10"/>
    </row>
    <row r="564432" spans="14:14">
      <c r="N564432" s="10"/>
    </row>
    <row r="564433" spans="14:14">
      <c r="N564433" s="10"/>
    </row>
    <row r="564434" spans="14:14">
      <c r="N564434" s="10"/>
    </row>
    <row r="564435" spans="14:14">
      <c r="N564435" s="10"/>
    </row>
    <row r="564436" spans="14:14">
      <c r="N564436" s="10"/>
    </row>
    <row r="564437" spans="14:14">
      <c r="N564437" s="10"/>
    </row>
    <row r="564438" spans="14:14">
      <c r="N564438" s="10"/>
    </row>
    <row r="564439" spans="14:14">
      <c r="N564439" s="10"/>
    </row>
    <row r="564440" spans="14:14">
      <c r="N564440" s="10"/>
    </row>
    <row r="564441" spans="14:14">
      <c r="N564441" s="10"/>
    </row>
    <row r="564442" spans="14:14">
      <c r="N564442" s="10"/>
    </row>
    <row r="564443" spans="14:14">
      <c r="N564443" s="10"/>
    </row>
    <row r="564444" spans="14:14">
      <c r="N564444" s="10"/>
    </row>
    <row r="564445" spans="14:14">
      <c r="N564445" s="10"/>
    </row>
    <row r="564446" spans="14:14">
      <c r="N564446" s="10"/>
    </row>
    <row r="564447" spans="14:14">
      <c r="N564447" s="10"/>
    </row>
    <row r="564448" spans="14:14">
      <c r="N564448" s="10"/>
    </row>
    <row r="564449" spans="14:14">
      <c r="N564449" s="10"/>
    </row>
    <row r="564450" spans="14:14">
      <c r="N564450" s="10"/>
    </row>
    <row r="564451" spans="14:14">
      <c r="N564451" s="10"/>
    </row>
    <row r="564452" spans="14:14">
      <c r="N564452" s="10"/>
    </row>
    <row r="564453" spans="14:14">
      <c r="N564453" s="10"/>
    </row>
    <row r="564454" spans="14:14">
      <c r="N564454" s="10"/>
    </row>
    <row r="564455" spans="14:14">
      <c r="N564455" s="10"/>
    </row>
    <row r="564456" spans="14:14">
      <c r="N564456" s="10"/>
    </row>
    <row r="564457" spans="14:14">
      <c r="N564457" s="10"/>
    </row>
    <row r="564458" spans="14:14">
      <c r="N564458" s="10"/>
    </row>
    <row r="564459" spans="14:14">
      <c r="N564459" s="10"/>
    </row>
    <row r="564460" spans="14:14">
      <c r="N564460" s="10"/>
    </row>
    <row r="564461" spans="14:14">
      <c r="N564461" s="10"/>
    </row>
    <row r="564462" spans="14:14">
      <c r="N564462" s="10"/>
    </row>
    <row r="564463" spans="14:14">
      <c r="N564463" s="10"/>
    </row>
    <row r="564464" spans="14:14">
      <c r="N564464" s="10"/>
    </row>
    <row r="564465" spans="14:14">
      <c r="N564465" s="10"/>
    </row>
    <row r="564466" spans="14:14">
      <c r="N564466" s="10"/>
    </row>
    <row r="564467" spans="14:14">
      <c r="N564467" s="10"/>
    </row>
    <row r="564468" spans="14:14">
      <c r="N564468" s="10"/>
    </row>
    <row r="564469" spans="14:14">
      <c r="N564469" s="10"/>
    </row>
    <row r="564470" spans="14:14">
      <c r="N564470" s="10"/>
    </row>
    <row r="564471" spans="14:14">
      <c r="N564471" s="10"/>
    </row>
    <row r="564472" spans="14:14">
      <c r="N564472" s="10"/>
    </row>
    <row r="564473" spans="14:14">
      <c r="N564473" s="10"/>
    </row>
    <row r="564474" spans="14:14">
      <c r="N564474" s="10"/>
    </row>
    <row r="564475" spans="14:14">
      <c r="N564475" s="10"/>
    </row>
    <row r="564476" spans="14:14">
      <c r="N564476" s="10"/>
    </row>
    <row r="564477" spans="14:14">
      <c r="N564477" s="10"/>
    </row>
    <row r="564478" spans="14:14">
      <c r="N564478" s="10"/>
    </row>
    <row r="564479" spans="14:14">
      <c r="N564479" s="10"/>
    </row>
    <row r="564480" spans="14:14">
      <c r="N564480" s="10"/>
    </row>
    <row r="564481" spans="14:14">
      <c r="N564481" s="10"/>
    </row>
    <row r="564482" spans="14:14">
      <c r="N564482" s="10"/>
    </row>
    <row r="564483" spans="14:14">
      <c r="N564483" s="10"/>
    </row>
    <row r="564484" spans="14:14">
      <c r="N564484" s="10"/>
    </row>
    <row r="564485" spans="14:14">
      <c r="N564485" s="10"/>
    </row>
    <row r="564486" spans="14:14">
      <c r="N564486" s="10"/>
    </row>
    <row r="564487" spans="14:14">
      <c r="N564487" s="10"/>
    </row>
    <row r="564488" spans="14:14">
      <c r="N564488" s="10"/>
    </row>
    <row r="564489" spans="14:14">
      <c r="N564489" s="10"/>
    </row>
    <row r="564490" spans="14:14">
      <c r="N564490" s="10"/>
    </row>
    <row r="564491" spans="14:14">
      <c r="N564491" s="10"/>
    </row>
    <row r="564492" spans="14:14">
      <c r="N564492" s="10"/>
    </row>
    <row r="564493" spans="14:14">
      <c r="N564493" s="10"/>
    </row>
    <row r="564494" spans="14:14">
      <c r="N564494" s="10"/>
    </row>
    <row r="564495" spans="14:14">
      <c r="N564495" s="10"/>
    </row>
    <row r="564496" spans="14:14">
      <c r="N564496" s="10"/>
    </row>
    <row r="564497" spans="14:14">
      <c r="N564497" s="10"/>
    </row>
    <row r="564498" spans="14:14">
      <c r="N564498" s="10"/>
    </row>
    <row r="564499" spans="14:14">
      <c r="N564499" s="10"/>
    </row>
    <row r="564500" spans="14:14">
      <c r="N564500" s="10"/>
    </row>
    <row r="564501" spans="14:14">
      <c r="N564501" s="10"/>
    </row>
    <row r="564502" spans="14:14">
      <c r="N564502" s="10"/>
    </row>
    <row r="564503" spans="14:14">
      <c r="N564503" s="10"/>
    </row>
    <row r="564504" spans="14:14">
      <c r="N564504" s="10"/>
    </row>
    <row r="564505" spans="14:14">
      <c r="N564505" s="10"/>
    </row>
    <row r="564506" spans="14:14">
      <c r="N564506" s="10"/>
    </row>
    <row r="564507" spans="14:14">
      <c r="N564507" s="10"/>
    </row>
    <row r="564508" spans="14:14">
      <c r="N564508" s="10"/>
    </row>
    <row r="564509" spans="14:14">
      <c r="N564509" s="10"/>
    </row>
    <row r="564510" spans="14:14">
      <c r="N564510" s="10"/>
    </row>
    <row r="564511" spans="14:14">
      <c r="N564511" s="10"/>
    </row>
    <row r="564512" spans="14:14">
      <c r="N564512" s="10"/>
    </row>
    <row r="564513" spans="14:14">
      <c r="N564513" s="10"/>
    </row>
    <row r="564514" spans="14:14">
      <c r="N564514" s="10"/>
    </row>
    <row r="564515" spans="14:14">
      <c r="N564515" s="10"/>
    </row>
    <row r="564516" spans="14:14">
      <c r="N564516" s="10"/>
    </row>
    <row r="564517" spans="14:14">
      <c r="N564517" s="10"/>
    </row>
    <row r="564518" spans="14:14">
      <c r="N564518" s="10"/>
    </row>
    <row r="564519" spans="14:14">
      <c r="N564519" s="10"/>
    </row>
    <row r="564520" spans="14:14">
      <c r="N564520" s="10"/>
    </row>
    <row r="564521" spans="14:14">
      <c r="N564521" s="10"/>
    </row>
    <row r="564522" spans="14:14">
      <c r="N564522" s="10"/>
    </row>
    <row r="564523" spans="14:14">
      <c r="N564523" s="10"/>
    </row>
    <row r="564524" spans="14:14">
      <c r="N564524" s="10"/>
    </row>
    <row r="564525" spans="14:14">
      <c r="N564525" s="10"/>
    </row>
    <row r="564526" spans="14:14">
      <c r="N564526" s="10"/>
    </row>
    <row r="564527" spans="14:14">
      <c r="N564527" s="10"/>
    </row>
    <row r="564528" spans="14:14">
      <c r="N564528" s="10"/>
    </row>
    <row r="564529" spans="14:14">
      <c r="N564529" s="10"/>
    </row>
    <row r="564530" spans="14:14">
      <c r="N564530" s="10"/>
    </row>
    <row r="564531" spans="14:14">
      <c r="N564531" s="10"/>
    </row>
    <row r="564532" spans="14:14">
      <c r="N564532" s="10"/>
    </row>
    <row r="564533" spans="14:14">
      <c r="N564533" s="10"/>
    </row>
    <row r="564534" spans="14:14">
      <c r="N564534" s="10"/>
    </row>
    <row r="564535" spans="14:14">
      <c r="N564535" s="10"/>
    </row>
    <row r="564536" spans="14:14">
      <c r="N564536" s="10"/>
    </row>
    <row r="564537" spans="14:14">
      <c r="N564537" s="10"/>
    </row>
    <row r="564538" spans="14:14">
      <c r="N564538" s="10"/>
    </row>
    <row r="564539" spans="14:14">
      <c r="N564539" s="10"/>
    </row>
    <row r="564540" spans="14:14">
      <c r="N564540" s="10"/>
    </row>
    <row r="564541" spans="14:14">
      <c r="N564541" s="10"/>
    </row>
    <row r="564542" spans="14:14">
      <c r="N564542" s="10"/>
    </row>
    <row r="564543" spans="14:14">
      <c r="N564543" s="10"/>
    </row>
    <row r="564544" spans="14:14">
      <c r="N564544" s="10"/>
    </row>
    <row r="564545" spans="14:14">
      <c r="N564545" s="10"/>
    </row>
    <row r="564546" spans="14:14">
      <c r="N564546" s="10"/>
    </row>
    <row r="564547" spans="14:14">
      <c r="N564547" s="10"/>
    </row>
    <row r="564548" spans="14:14">
      <c r="N564548" s="10"/>
    </row>
    <row r="564549" spans="14:14">
      <c r="N564549" s="10"/>
    </row>
    <row r="564550" spans="14:14">
      <c r="N564550" s="10"/>
    </row>
    <row r="564551" spans="14:14">
      <c r="N564551" s="10"/>
    </row>
    <row r="564552" spans="14:14">
      <c r="N564552" s="10"/>
    </row>
    <row r="564553" spans="14:14">
      <c r="N564553" s="10"/>
    </row>
    <row r="564554" spans="14:14">
      <c r="N564554" s="10"/>
    </row>
    <row r="564555" spans="14:14">
      <c r="N564555" s="10"/>
    </row>
    <row r="564556" spans="14:14">
      <c r="N564556" s="10"/>
    </row>
    <row r="564557" spans="14:14">
      <c r="N564557" s="10"/>
    </row>
    <row r="564558" spans="14:14">
      <c r="N564558" s="10"/>
    </row>
    <row r="564559" spans="14:14">
      <c r="N564559" s="10"/>
    </row>
    <row r="564560" spans="14:14">
      <c r="N564560" s="10"/>
    </row>
    <row r="564561" spans="14:14">
      <c r="N564561" s="10"/>
    </row>
    <row r="564562" spans="14:14">
      <c r="N564562" s="10"/>
    </row>
    <row r="564563" spans="14:14">
      <c r="N564563" s="10"/>
    </row>
    <row r="564564" spans="14:14">
      <c r="N564564" s="10"/>
    </row>
    <row r="564565" spans="14:14">
      <c r="N564565" s="10"/>
    </row>
    <row r="564566" spans="14:14">
      <c r="N564566" s="10"/>
    </row>
    <row r="564567" spans="14:14">
      <c r="N564567" s="10"/>
    </row>
    <row r="564568" spans="14:14">
      <c r="N564568" s="10"/>
    </row>
    <row r="564569" spans="14:14">
      <c r="N564569" s="10"/>
    </row>
    <row r="564570" spans="14:14">
      <c r="N564570" s="10"/>
    </row>
    <row r="564571" spans="14:14">
      <c r="N564571" s="10"/>
    </row>
    <row r="564572" spans="14:14">
      <c r="N564572" s="10"/>
    </row>
    <row r="564573" spans="14:14">
      <c r="N564573" s="10"/>
    </row>
    <row r="564574" spans="14:14">
      <c r="N564574" s="10"/>
    </row>
    <row r="564575" spans="14:14">
      <c r="N564575" s="10"/>
    </row>
    <row r="564576" spans="14:14">
      <c r="N564576" s="10"/>
    </row>
    <row r="564577" spans="14:14">
      <c r="N564577" s="10"/>
    </row>
    <row r="564578" spans="14:14">
      <c r="N564578" s="10"/>
    </row>
    <row r="564579" spans="14:14">
      <c r="N564579" s="10"/>
    </row>
    <row r="564580" spans="14:14">
      <c r="N564580" s="10"/>
    </row>
    <row r="564581" spans="14:14">
      <c r="N564581" s="10"/>
    </row>
    <row r="564582" spans="14:14">
      <c r="N564582" s="10"/>
    </row>
    <row r="564583" spans="14:14">
      <c r="N564583" s="10"/>
    </row>
    <row r="564584" spans="14:14">
      <c r="N564584" s="10"/>
    </row>
    <row r="564585" spans="14:14">
      <c r="N564585" s="10"/>
    </row>
    <row r="564586" spans="14:14">
      <c r="N564586" s="10"/>
    </row>
    <row r="564587" spans="14:14">
      <c r="N564587" s="10"/>
    </row>
    <row r="564588" spans="14:14">
      <c r="N564588" s="10"/>
    </row>
    <row r="564589" spans="14:14">
      <c r="N564589" s="10"/>
    </row>
    <row r="564590" spans="14:14">
      <c r="N564590" s="10"/>
    </row>
    <row r="564591" spans="14:14">
      <c r="N564591" s="10"/>
    </row>
    <row r="564592" spans="14:14">
      <c r="N564592" s="10"/>
    </row>
    <row r="564593" spans="14:14">
      <c r="N564593" s="10"/>
    </row>
    <row r="564594" spans="14:14">
      <c r="N564594" s="10"/>
    </row>
    <row r="564595" spans="14:14">
      <c r="N564595" s="10"/>
    </row>
    <row r="564596" spans="14:14">
      <c r="N564596" s="10"/>
    </row>
    <row r="564597" spans="14:14">
      <c r="N564597" s="10"/>
    </row>
    <row r="564598" spans="14:14">
      <c r="N564598" s="10"/>
    </row>
    <row r="564599" spans="14:14">
      <c r="N564599" s="10"/>
    </row>
    <row r="564600" spans="14:14">
      <c r="N564600" s="10"/>
    </row>
    <row r="564601" spans="14:14">
      <c r="N564601" s="10"/>
    </row>
    <row r="564602" spans="14:14">
      <c r="N564602" s="10"/>
    </row>
    <row r="564603" spans="14:14">
      <c r="N564603" s="10"/>
    </row>
    <row r="564604" spans="14:14">
      <c r="N564604" s="10"/>
    </row>
    <row r="564605" spans="14:14">
      <c r="N564605" s="10"/>
    </row>
    <row r="564606" spans="14:14">
      <c r="N564606" s="10"/>
    </row>
    <row r="564607" spans="14:14">
      <c r="N564607" s="10"/>
    </row>
    <row r="564608" spans="14:14">
      <c r="N564608" s="10"/>
    </row>
    <row r="564609" spans="14:14">
      <c r="N564609" s="10"/>
    </row>
    <row r="564610" spans="14:14">
      <c r="N564610" s="10"/>
    </row>
    <row r="564611" spans="14:14">
      <c r="N564611" s="10"/>
    </row>
    <row r="564612" spans="14:14">
      <c r="N564612" s="10"/>
    </row>
    <row r="564613" spans="14:14">
      <c r="N564613" s="10"/>
    </row>
    <row r="564614" spans="14:14">
      <c r="N564614" s="10"/>
    </row>
    <row r="564615" spans="14:14">
      <c r="N564615" s="10"/>
    </row>
    <row r="564616" spans="14:14">
      <c r="N564616" s="10"/>
    </row>
    <row r="564617" spans="14:14">
      <c r="N564617" s="10"/>
    </row>
    <row r="564618" spans="14:14">
      <c r="N564618" s="10"/>
    </row>
    <row r="564619" spans="14:14">
      <c r="N564619" s="10"/>
    </row>
    <row r="564620" spans="14:14">
      <c r="N564620" s="10"/>
    </row>
    <row r="564621" spans="14:14">
      <c r="N564621" s="10"/>
    </row>
    <row r="564622" spans="14:14">
      <c r="N564622" s="10"/>
    </row>
    <row r="564623" spans="14:14">
      <c r="N564623" s="10"/>
    </row>
    <row r="564624" spans="14:14">
      <c r="N564624" s="10"/>
    </row>
    <row r="564625" spans="14:14">
      <c r="N564625" s="10"/>
    </row>
    <row r="564626" spans="14:14">
      <c r="N564626" s="10"/>
    </row>
    <row r="564627" spans="14:14">
      <c r="N564627" s="10"/>
    </row>
    <row r="564628" spans="14:14">
      <c r="N564628" s="10"/>
    </row>
    <row r="564629" spans="14:14">
      <c r="N564629" s="10"/>
    </row>
    <row r="564630" spans="14:14">
      <c r="N564630" s="10"/>
    </row>
    <row r="564631" spans="14:14">
      <c r="N564631" s="10"/>
    </row>
    <row r="564632" spans="14:14">
      <c r="N564632" s="10"/>
    </row>
    <row r="564633" spans="14:14">
      <c r="N564633" s="10"/>
    </row>
    <row r="564634" spans="14:14">
      <c r="N564634" s="10"/>
    </row>
    <row r="564635" spans="14:14">
      <c r="N564635" s="10"/>
    </row>
    <row r="564636" spans="14:14">
      <c r="N564636" s="10"/>
    </row>
    <row r="564637" spans="14:14">
      <c r="N564637" s="10"/>
    </row>
    <row r="564638" spans="14:14">
      <c r="N564638" s="10"/>
    </row>
    <row r="564639" spans="14:14">
      <c r="N564639" s="10"/>
    </row>
    <row r="564640" spans="14:14">
      <c r="N564640" s="10"/>
    </row>
    <row r="564641" spans="14:14">
      <c r="N564641" s="10"/>
    </row>
    <row r="564642" spans="14:14">
      <c r="N564642" s="10"/>
    </row>
    <row r="564643" spans="14:14">
      <c r="N564643" s="10"/>
    </row>
    <row r="564644" spans="14:14">
      <c r="N564644" s="10"/>
    </row>
    <row r="564645" spans="14:14">
      <c r="N564645" s="10"/>
    </row>
    <row r="564646" spans="14:14">
      <c r="N564646" s="10"/>
    </row>
    <row r="564647" spans="14:14">
      <c r="N564647" s="10"/>
    </row>
    <row r="564648" spans="14:14">
      <c r="N564648" s="10"/>
    </row>
    <row r="564649" spans="14:14">
      <c r="N564649" s="10"/>
    </row>
    <row r="564650" spans="14:14">
      <c r="N564650" s="10"/>
    </row>
    <row r="564651" spans="14:14">
      <c r="N564651" s="10"/>
    </row>
    <row r="564652" spans="14:14">
      <c r="N564652" s="10"/>
    </row>
    <row r="564653" spans="14:14">
      <c r="N564653" s="10"/>
    </row>
    <row r="564654" spans="14:14">
      <c r="N564654" s="10"/>
    </row>
    <row r="564655" spans="14:14">
      <c r="N564655" s="10"/>
    </row>
    <row r="564656" spans="14:14">
      <c r="N564656" s="10"/>
    </row>
    <row r="564657" spans="14:14">
      <c r="N564657" s="10"/>
    </row>
    <row r="564658" spans="14:14">
      <c r="N564658" s="10"/>
    </row>
    <row r="564659" spans="14:14">
      <c r="N564659" s="10"/>
    </row>
    <row r="564660" spans="14:14">
      <c r="N564660" s="10"/>
    </row>
    <row r="564661" spans="14:14">
      <c r="N564661" s="10"/>
    </row>
    <row r="564662" spans="14:14">
      <c r="N564662" s="10"/>
    </row>
    <row r="564663" spans="14:14">
      <c r="N564663" s="10"/>
    </row>
    <row r="564664" spans="14:14">
      <c r="N564664" s="10"/>
    </row>
    <row r="564665" spans="14:14">
      <c r="N564665" s="10"/>
    </row>
    <row r="564666" spans="14:14">
      <c r="N564666" s="10"/>
    </row>
    <row r="564667" spans="14:14">
      <c r="N564667" s="10"/>
    </row>
    <row r="564668" spans="14:14">
      <c r="N564668" s="10"/>
    </row>
    <row r="564669" spans="14:14">
      <c r="N564669" s="10"/>
    </row>
    <row r="564670" spans="14:14">
      <c r="N564670" s="10"/>
    </row>
    <row r="564671" spans="14:14">
      <c r="N564671" s="10"/>
    </row>
    <row r="564672" spans="14:14">
      <c r="N564672" s="10"/>
    </row>
    <row r="564673" spans="14:14">
      <c r="N564673" s="10"/>
    </row>
    <row r="564674" spans="14:14">
      <c r="N564674" s="10"/>
    </row>
    <row r="564675" spans="14:14">
      <c r="N564675" s="10"/>
    </row>
    <row r="564676" spans="14:14">
      <c r="N564676" s="10"/>
    </row>
    <row r="564677" spans="14:14">
      <c r="N564677" s="10"/>
    </row>
    <row r="564678" spans="14:14">
      <c r="N564678" s="10"/>
    </row>
    <row r="564679" spans="14:14">
      <c r="N564679" s="10"/>
    </row>
    <row r="564680" spans="14:14">
      <c r="N564680" s="10"/>
    </row>
    <row r="564681" spans="14:14">
      <c r="N564681" s="10"/>
    </row>
    <row r="564682" spans="14:14">
      <c r="N564682" s="10"/>
    </row>
    <row r="564683" spans="14:14">
      <c r="N564683" s="10"/>
    </row>
    <row r="564684" spans="14:14">
      <c r="N564684" s="10"/>
    </row>
    <row r="564685" spans="14:14">
      <c r="N564685" s="10"/>
    </row>
    <row r="564686" spans="14:14">
      <c r="N564686" s="10"/>
    </row>
    <row r="564687" spans="14:14">
      <c r="N564687" s="10"/>
    </row>
    <row r="564688" spans="14:14">
      <c r="N564688" s="10"/>
    </row>
    <row r="564689" spans="14:14">
      <c r="N564689" s="10"/>
    </row>
    <row r="564690" spans="14:14">
      <c r="N564690" s="10"/>
    </row>
    <row r="564691" spans="14:14">
      <c r="N564691" s="10"/>
    </row>
    <row r="564692" spans="14:14">
      <c r="N564692" s="10"/>
    </row>
    <row r="564693" spans="14:14">
      <c r="N564693" s="10"/>
    </row>
    <row r="564694" spans="14:14">
      <c r="N564694" s="10"/>
    </row>
    <row r="564695" spans="14:14">
      <c r="N564695" s="10"/>
    </row>
    <row r="564696" spans="14:14">
      <c r="N564696" s="10"/>
    </row>
    <row r="564697" spans="14:14">
      <c r="N564697" s="10"/>
    </row>
    <row r="564698" spans="14:14">
      <c r="N564698" s="10"/>
    </row>
    <row r="564699" spans="14:14">
      <c r="N564699" s="10"/>
    </row>
    <row r="564700" spans="14:14">
      <c r="N564700" s="10"/>
    </row>
    <row r="564701" spans="14:14">
      <c r="N564701" s="10"/>
    </row>
    <row r="564702" spans="14:14">
      <c r="N564702" s="10"/>
    </row>
    <row r="564703" spans="14:14">
      <c r="N564703" s="10"/>
    </row>
    <row r="564704" spans="14:14">
      <c r="N564704" s="10"/>
    </row>
    <row r="564705" spans="14:14">
      <c r="N564705" s="10"/>
    </row>
    <row r="564706" spans="14:14">
      <c r="N564706" s="10"/>
    </row>
    <row r="564707" spans="14:14">
      <c r="N564707" s="10"/>
    </row>
    <row r="564708" spans="14:14">
      <c r="N564708" s="10"/>
    </row>
    <row r="564709" spans="14:14">
      <c r="N564709" s="10"/>
    </row>
    <row r="564710" spans="14:14">
      <c r="N564710" s="10"/>
    </row>
    <row r="564711" spans="14:14">
      <c r="N564711" s="10"/>
    </row>
    <row r="564712" spans="14:14">
      <c r="N564712" s="10"/>
    </row>
    <row r="564713" spans="14:14">
      <c r="N564713" s="10"/>
    </row>
    <row r="564714" spans="14:14">
      <c r="N564714" s="10"/>
    </row>
    <row r="564715" spans="14:14">
      <c r="N564715" s="10"/>
    </row>
    <row r="564716" spans="14:14">
      <c r="N564716" s="10"/>
    </row>
    <row r="564717" spans="14:14">
      <c r="N564717" s="10"/>
    </row>
    <row r="564718" spans="14:14">
      <c r="N564718" s="10"/>
    </row>
    <row r="564719" spans="14:14">
      <c r="N564719" s="10"/>
    </row>
    <row r="564720" spans="14:14">
      <c r="N564720" s="10"/>
    </row>
    <row r="564721" spans="14:14">
      <c r="N564721" s="10"/>
    </row>
    <row r="564722" spans="14:14">
      <c r="N564722" s="10"/>
    </row>
    <row r="564723" spans="14:14">
      <c r="N564723" s="10"/>
    </row>
    <row r="564724" spans="14:14">
      <c r="N564724" s="10"/>
    </row>
    <row r="564725" spans="14:14">
      <c r="N564725" s="10"/>
    </row>
    <row r="564726" spans="14:14">
      <c r="N564726" s="10"/>
    </row>
    <row r="564727" spans="14:14">
      <c r="N564727" s="10"/>
    </row>
    <row r="564728" spans="14:14">
      <c r="N564728" s="10"/>
    </row>
    <row r="564729" spans="14:14">
      <c r="N564729" s="10"/>
    </row>
    <row r="564730" spans="14:14">
      <c r="N564730" s="10"/>
    </row>
    <row r="564731" spans="14:14">
      <c r="N564731" s="10"/>
    </row>
    <row r="564732" spans="14:14">
      <c r="N564732" s="10"/>
    </row>
    <row r="564733" spans="14:14">
      <c r="N564733" s="10"/>
    </row>
    <row r="564734" spans="14:14">
      <c r="N564734" s="10"/>
    </row>
    <row r="564735" spans="14:14">
      <c r="N564735" s="10"/>
    </row>
    <row r="564736" spans="14:14">
      <c r="N564736" s="10"/>
    </row>
    <row r="564737" spans="14:14">
      <c r="N564737" s="10"/>
    </row>
    <row r="564738" spans="14:14">
      <c r="N564738" s="10"/>
    </row>
    <row r="564739" spans="14:14">
      <c r="N564739" s="10"/>
    </row>
    <row r="564740" spans="14:14">
      <c r="N564740" s="10"/>
    </row>
    <row r="564741" spans="14:14">
      <c r="N564741" s="10"/>
    </row>
    <row r="564742" spans="14:14">
      <c r="N564742" s="10"/>
    </row>
    <row r="564743" spans="14:14">
      <c r="N564743" s="10"/>
    </row>
    <row r="564744" spans="14:14">
      <c r="N564744" s="10"/>
    </row>
    <row r="564745" spans="14:14">
      <c r="N564745" s="10"/>
    </row>
    <row r="564746" spans="14:14">
      <c r="N564746" s="10"/>
    </row>
    <row r="564747" spans="14:14">
      <c r="N564747" s="10"/>
    </row>
    <row r="564748" spans="14:14">
      <c r="N564748" s="10"/>
    </row>
    <row r="564749" spans="14:14">
      <c r="N564749" s="10"/>
    </row>
    <row r="564750" spans="14:14">
      <c r="N564750" s="10"/>
    </row>
    <row r="564751" spans="14:14">
      <c r="N564751" s="10"/>
    </row>
    <row r="564752" spans="14:14">
      <c r="N564752" s="10"/>
    </row>
    <row r="564753" spans="14:14">
      <c r="N564753" s="10"/>
    </row>
    <row r="564754" spans="14:14">
      <c r="N564754" s="10"/>
    </row>
    <row r="564755" spans="14:14">
      <c r="N564755" s="10"/>
    </row>
    <row r="564756" spans="14:14">
      <c r="N564756" s="10"/>
    </row>
    <row r="564757" spans="14:14">
      <c r="N564757" s="10"/>
    </row>
    <row r="564758" spans="14:14">
      <c r="N564758" s="10"/>
    </row>
    <row r="564759" spans="14:14">
      <c r="N564759" s="10"/>
    </row>
    <row r="564760" spans="14:14">
      <c r="N564760" s="10"/>
    </row>
    <row r="564761" spans="14:14">
      <c r="N564761" s="10"/>
    </row>
    <row r="564762" spans="14:14">
      <c r="N564762" s="10"/>
    </row>
    <row r="564763" spans="14:14">
      <c r="N564763" s="10"/>
    </row>
    <row r="564764" spans="14:14">
      <c r="N564764" s="10"/>
    </row>
    <row r="564765" spans="14:14">
      <c r="N564765" s="10"/>
    </row>
    <row r="564766" spans="14:14">
      <c r="N564766" s="10"/>
    </row>
    <row r="564767" spans="14:14">
      <c r="N564767" s="10"/>
    </row>
    <row r="564768" spans="14:14">
      <c r="N564768" s="10"/>
    </row>
    <row r="564769" spans="14:14">
      <c r="N564769" s="10"/>
    </row>
    <row r="564770" spans="14:14">
      <c r="N564770" s="10"/>
    </row>
    <row r="564771" spans="14:14">
      <c r="N564771" s="10"/>
    </row>
    <row r="564772" spans="14:14">
      <c r="N564772" s="10"/>
    </row>
    <row r="564773" spans="14:14">
      <c r="N564773" s="10"/>
    </row>
    <row r="564774" spans="14:14">
      <c r="N564774" s="10"/>
    </row>
    <row r="564775" spans="14:14">
      <c r="N564775" s="10"/>
    </row>
    <row r="564776" spans="14:14">
      <c r="N564776" s="10"/>
    </row>
    <row r="564777" spans="14:14">
      <c r="N564777" s="10"/>
    </row>
    <row r="564778" spans="14:14">
      <c r="N564778" s="10"/>
    </row>
    <row r="564779" spans="14:14">
      <c r="N564779" s="10"/>
    </row>
    <row r="564780" spans="14:14">
      <c r="N564780" s="10"/>
    </row>
    <row r="564781" spans="14:14">
      <c r="N564781" s="10"/>
    </row>
    <row r="564782" spans="14:14">
      <c r="N564782" s="10"/>
    </row>
    <row r="564783" spans="14:14">
      <c r="N564783" s="10"/>
    </row>
    <row r="564784" spans="14:14">
      <c r="N564784" s="10"/>
    </row>
    <row r="564785" spans="14:14">
      <c r="N564785" s="10"/>
    </row>
    <row r="564786" spans="14:14">
      <c r="N564786" s="10"/>
    </row>
    <row r="564787" spans="14:14">
      <c r="N564787" s="10"/>
    </row>
    <row r="564788" spans="14:14">
      <c r="N564788" s="10"/>
    </row>
    <row r="564789" spans="14:14">
      <c r="N564789" s="10"/>
    </row>
    <row r="564790" spans="14:14">
      <c r="N564790" s="10"/>
    </row>
    <row r="564791" spans="14:14">
      <c r="N564791" s="10"/>
    </row>
    <row r="564792" spans="14:14">
      <c r="N564792" s="10"/>
    </row>
    <row r="564793" spans="14:14">
      <c r="N564793" s="10"/>
    </row>
    <row r="564794" spans="14:14">
      <c r="N564794" s="10"/>
    </row>
    <row r="564795" spans="14:14">
      <c r="N564795" s="10"/>
    </row>
    <row r="564796" spans="14:14">
      <c r="N564796" s="10"/>
    </row>
    <row r="564797" spans="14:14">
      <c r="N564797" s="10"/>
    </row>
    <row r="564798" spans="14:14">
      <c r="N564798" s="10"/>
    </row>
    <row r="564799" spans="14:14">
      <c r="N564799" s="10"/>
    </row>
    <row r="564800" spans="14:14">
      <c r="N564800" s="10"/>
    </row>
    <row r="564801" spans="14:14">
      <c r="N564801" s="10"/>
    </row>
    <row r="564802" spans="14:14">
      <c r="N564802" s="10"/>
    </row>
    <row r="564803" spans="14:14">
      <c r="N564803" s="10"/>
    </row>
    <row r="564804" spans="14:14">
      <c r="N564804" s="10"/>
    </row>
    <row r="564805" spans="14:14">
      <c r="N564805" s="10"/>
    </row>
    <row r="564806" spans="14:14">
      <c r="N564806" s="10"/>
    </row>
    <row r="564807" spans="14:14">
      <c r="N564807" s="10"/>
    </row>
    <row r="564808" spans="14:14">
      <c r="N564808" s="10"/>
    </row>
    <row r="564809" spans="14:14">
      <c r="N564809" s="10"/>
    </row>
    <row r="564810" spans="14:14">
      <c r="N564810" s="10"/>
    </row>
    <row r="564811" spans="14:14">
      <c r="N564811" s="10"/>
    </row>
    <row r="564812" spans="14:14">
      <c r="N564812" s="10"/>
    </row>
    <row r="564813" spans="14:14">
      <c r="N564813" s="10"/>
    </row>
    <row r="564814" spans="14:14">
      <c r="N564814" s="10"/>
    </row>
    <row r="564815" spans="14:14">
      <c r="N564815" s="10"/>
    </row>
    <row r="564816" spans="14:14">
      <c r="N564816" s="10"/>
    </row>
    <row r="564817" spans="14:14">
      <c r="N564817" s="10"/>
    </row>
    <row r="564818" spans="14:14">
      <c r="N564818" s="10"/>
    </row>
    <row r="564819" spans="14:14">
      <c r="N564819" s="10"/>
    </row>
    <row r="564820" spans="14:14">
      <c r="N564820" s="10"/>
    </row>
    <row r="564821" spans="14:14">
      <c r="N564821" s="10"/>
    </row>
    <row r="564822" spans="14:14">
      <c r="N564822" s="10"/>
    </row>
    <row r="564823" spans="14:14">
      <c r="N564823" s="10"/>
    </row>
    <row r="564824" spans="14:14">
      <c r="N564824" s="10"/>
    </row>
    <row r="564825" spans="14:14">
      <c r="N564825" s="10"/>
    </row>
    <row r="564826" spans="14:14">
      <c r="N564826" s="10"/>
    </row>
    <row r="564827" spans="14:14">
      <c r="N564827" s="10"/>
    </row>
    <row r="564828" spans="14:14">
      <c r="N564828" s="10"/>
    </row>
    <row r="564829" spans="14:14">
      <c r="N564829" s="10"/>
    </row>
    <row r="564830" spans="14:14">
      <c r="N564830" s="10"/>
    </row>
    <row r="564831" spans="14:14">
      <c r="N564831" s="10"/>
    </row>
    <row r="564832" spans="14:14">
      <c r="N564832" s="10"/>
    </row>
    <row r="564833" spans="14:14">
      <c r="N564833" s="10"/>
    </row>
    <row r="564834" spans="14:14">
      <c r="N564834" s="10"/>
    </row>
    <row r="564835" spans="14:14">
      <c r="N564835" s="10"/>
    </row>
    <row r="564836" spans="14:14">
      <c r="N564836" s="10"/>
    </row>
    <row r="564837" spans="14:14">
      <c r="N564837" s="10"/>
    </row>
    <row r="564838" spans="14:14">
      <c r="N564838" s="10"/>
    </row>
    <row r="564839" spans="14:14">
      <c r="N564839" s="10"/>
    </row>
    <row r="564840" spans="14:14">
      <c r="N564840" s="10"/>
    </row>
    <row r="564841" spans="14:14">
      <c r="N564841" s="10"/>
    </row>
    <row r="564842" spans="14:14">
      <c r="N564842" s="10"/>
    </row>
    <row r="564843" spans="14:14">
      <c r="N564843" s="10"/>
    </row>
    <row r="564844" spans="14:14">
      <c r="N564844" s="10"/>
    </row>
    <row r="564845" spans="14:14">
      <c r="N564845" s="10"/>
    </row>
    <row r="564846" spans="14:14">
      <c r="N564846" s="10"/>
    </row>
    <row r="564847" spans="14:14">
      <c r="N564847" s="10"/>
    </row>
    <row r="564848" spans="14:14">
      <c r="N564848" s="10"/>
    </row>
    <row r="564849" spans="14:14">
      <c r="N564849" s="10"/>
    </row>
    <row r="564850" spans="14:14">
      <c r="N564850" s="10"/>
    </row>
    <row r="564851" spans="14:14">
      <c r="N564851" s="10"/>
    </row>
    <row r="564852" spans="14:14">
      <c r="N564852" s="10"/>
    </row>
    <row r="564853" spans="14:14">
      <c r="N564853" s="10"/>
    </row>
    <row r="564854" spans="14:14">
      <c r="N564854" s="10"/>
    </row>
    <row r="564855" spans="14:14">
      <c r="N564855" s="10"/>
    </row>
    <row r="564856" spans="14:14">
      <c r="N564856" s="10"/>
    </row>
    <row r="564857" spans="14:14">
      <c r="N564857" s="10"/>
    </row>
    <row r="564858" spans="14:14">
      <c r="N564858" s="10"/>
    </row>
    <row r="564859" spans="14:14">
      <c r="N564859" s="10"/>
    </row>
    <row r="564860" spans="14:14">
      <c r="N564860" s="10"/>
    </row>
    <row r="564861" spans="14:14">
      <c r="N564861" s="10"/>
    </row>
    <row r="564862" spans="14:14">
      <c r="N564862" s="10"/>
    </row>
    <row r="564863" spans="14:14">
      <c r="N564863" s="10"/>
    </row>
    <row r="564864" spans="14:14">
      <c r="N564864" s="10"/>
    </row>
    <row r="564865" spans="14:14">
      <c r="N564865" s="10"/>
    </row>
    <row r="564866" spans="14:14">
      <c r="N564866" s="10"/>
    </row>
    <row r="564867" spans="14:14">
      <c r="N564867" s="10"/>
    </row>
    <row r="564868" spans="14:14">
      <c r="N564868" s="10"/>
    </row>
    <row r="564869" spans="14:14">
      <c r="N564869" s="10"/>
    </row>
    <row r="564870" spans="14:14">
      <c r="N564870" s="10"/>
    </row>
    <row r="564871" spans="14:14">
      <c r="N564871" s="10"/>
    </row>
    <row r="564872" spans="14:14">
      <c r="N564872" s="10"/>
    </row>
    <row r="564873" spans="14:14">
      <c r="N564873" s="10"/>
    </row>
    <row r="564874" spans="14:14">
      <c r="N564874" s="10"/>
    </row>
    <row r="564875" spans="14:14">
      <c r="N564875" s="10"/>
    </row>
    <row r="564876" spans="14:14">
      <c r="N564876" s="10"/>
    </row>
    <row r="564877" spans="14:14">
      <c r="N564877" s="10"/>
    </row>
    <row r="564878" spans="14:14">
      <c r="N564878" s="10"/>
    </row>
    <row r="564879" spans="14:14">
      <c r="N564879" s="10"/>
    </row>
    <row r="564880" spans="14:14">
      <c r="N564880" s="10"/>
    </row>
    <row r="564881" spans="14:14">
      <c r="N564881" s="10"/>
    </row>
    <row r="564882" spans="14:14">
      <c r="N564882" s="10"/>
    </row>
    <row r="564883" spans="14:14">
      <c r="N564883" s="10"/>
    </row>
    <row r="564884" spans="14:14">
      <c r="N564884" s="10"/>
    </row>
    <row r="564885" spans="14:14">
      <c r="N564885" s="10"/>
    </row>
    <row r="564886" spans="14:14">
      <c r="N564886" s="10"/>
    </row>
    <row r="564887" spans="14:14">
      <c r="N564887" s="10"/>
    </row>
    <row r="564888" spans="14:14">
      <c r="N564888" s="10"/>
    </row>
    <row r="564889" spans="14:14">
      <c r="N564889" s="10"/>
    </row>
    <row r="564890" spans="14:14">
      <c r="N564890" s="10"/>
    </row>
    <row r="564891" spans="14:14">
      <c r="N564891" s="10"/>
    </row>
    <row r="564892" spans="14:14">
      <c r="N564892" s="10"/>
    </row>
    <row r="564893" spans="14:14">
      <c r="N564893" s="10"/>
    </row>
    <row r="564894" spans="14:14">
      <c r="N564894" s="10"/>
    </row>
    <row r="564895" spans="14:14">
      <c r="N564895" s="10"/>
    </row>
    <row r="564896" spans="14:14">
      <c r="N564896" s="10"/>
    </row>
    <row r="564897" spans="14:14">
      <c r="N564897" s="10"/>
    </row>
    <row r="564898" spans="14:14">
      <c r="N564898" s="10"/>
    </row>
    <row r="564899" spans="14:14">
      <c r="N564899" s="10"/>
    </row>
    <row r="564900" spans="14:14">
      <c r="N564900" s="10"/>
    </row>
    <row r="564901" spans="14:14">
      <c r="N564901" s="10"/>
    </row>
    <row r="564902" spans="14:14">
      <c r="N564902" s="10"/>
    </row>
    <row r="564903" spans="14:14">
      <c r="N564903" s="10"/>
    </row>
    <row r="564904" spans="14:14">
      <c r="N564904" s="10"/>
    </row>
    <row r="564905" spans="14:14">
      <c r="N564905" s="10"/>
    </row>
    <row r="564906" spans="14:14">
      <c r="N564906" s="10"/>
    </row>
    <row r="564907" spans="14:14">
      <c r="N564907" s="10"/>
    </row>
    <row r="564908" spans="14:14">
      <c r="N564908" s="10"/>
    </row>
    <row r="564909" spans="14:14">
      <c r="N564909" s="10"/>
    </row>
    <row r="564910" spans="14:14">
      <c r="N564910" s="10"/>
    </row>
    <row r="564911" spans="14:14">
      <c r="N564911" s="10"/>
    </row>
    <row r="564912" spans="14:14">
      <c r="N564912" s="10"/>
    </row>
    <row r="564913" spans="14:14">
      <c r="N564913" s="10"/>
    </row>
    <row r="564914" spans="14:14">
      <c r="N564914" s="10"/>
    </row>
    <row r="564915" spans="14:14">
      <c r="N564915" s="10"/>
    </row>
    <row r="564916" spans="14:14">
      <c r="N564916" s="10"/>
    </row>
    <row r="564917" spans="14:14">
      <c r="N564917" s="10"/>
    </row>
    <row r="564918" spans="14:14">
      <c r="N564918" s="10"/>
    </row>
    <row r="564919" spans="14:14">
      <c r="N564919" s="10"/>
    </row>
    <row r="564920" spans="14:14">
      <c r="N564920" s="10"/>
    </row>
    <row r="564921" spans="14:14">
      <c r="N564921" s="10"/>
    </row>
    <row r="564922" spans="14:14">
      <c r="N564922" s="10"/>
    </row>
    <row r="564923" spans="14:14">
      <c r="N564923" s="10"/>
    </row>
    <row r="564924" spans="14:14">
      <c r="N564924" s="10"/>
    </row>
    <row r="564925" spans="14:14">
      <c r="N564925" s="10"/>
    </row>
    <row r="564926" spans="14:14">
      <c r="N564926" s="10"/>
    </row>
    <row r="564927" spans="14:14">
      <c r="N564927" s="10"/>
    </row>
    <row r="564928" spans="14:14">
      <c r="N564928" s="10"/>
    </row>
    <row r="564929" spans="14:14">
      <c r="N564929" s="10"/>
    </row>
    <row r="564930" spans="14:14">
      <c r="N564930" s="10"/>
    </row>
    <row r="564931" spans="14:14">
      <c r="N564931" s="10"/>
    </row>
    <row r="564932" spans="14:14">
      <c r="N564932" s="10"/>
    </row>
    <row r="564933" spans="14:14">
      <c r="N564933" s="10"/>
    </row>
    <row r="564934" spans="14:14">
      <c r="N564934" s="10"/>
    </row>
    <row r="564935" spans="14:14">
      <c r="N564935" s="10"/>
    </row>
    <row r="564936" spans="14:14">
      <c r="N564936" s="10"/>
    </row>
    <row r="564937" spans="14:14">
      <c r="N564937" s="10"/>
    </row>
    <row r="564938" spans="14:14">
      <c r="N564938" s="10"/>
    </row>
    <row r="564939" spans="14:14">
      <c r="N564939" s="10"/>
    </row>
    <row r="564940" spans="14:14">
      <c r="N564940" s="10"/>
    </row>
    <row r="564941" spans="14:14">
      <c r="N564941" s="10"/>
    </row>
    <row r="564942" spans="14:14">
      <c r="N564942" s="10"/>
    </row>
    <row r="564943" spans="14:14">
      <c r="N564943" s="10"/>
    </row>
    <row r="564944" spans="14:14">
      <c r="N564944" s="10"/>
    </row>
    <row r="564945" spans="14:14">
      <c r="N564945" s="10"/>
    </row>
    <row r="564946" spans="14:14">
      <c r="N564946" s="10"/>
    </row>
    <row r="564947" spans="14:14">
      <c r="N564947" s="10"/>
    </row>
    <row r="564948" spans="14:14">
      <c r="N564948" s="10"/>
    </row>
    <row r="564949" spans="14:14">
      <c r="N564949" s="10"/>
    </row>
    <row r="564950" spans="14:14">
      <c r="N564950" s="10"/>
    </row>
    <row r="564951" spans="14:14">
      <c r="N564951" s="10"/>
    </row>
    <row r="564952" spans="14:14">
      <c r="N564952" s="10"/>
    </row>
    <row r="564953" spans="14:14">
      <c r="N564953" s="10"/>
    </row>
    <row r="564954" spans="14:14">
      <c r="N564954" s="10"/>
    </row>
    <row r="564955" spans="14:14">
      <c r="N564955" s="10"/>
    </row>
    <row r="564956" spans="14:14">
      <c r="N564956" s="10"/>
    </row>
    <row r="564957" spans="14:14">
      <c r="N564957" s="10"/>
    </row>
    <row r="564958" spans="14:14">
      <c r="N564958" s="10"/>
    </row>
    <row r="564959" spans="14:14">
      <c r="N564959" s="10"/>
    </row>
    <row r="564960" spans="14:14">
      <c r="N564960" s="10"/>
    </row>
    <row r="564961" spans="14:14">
      <c r="N564961" s="10"/>
    </row>
    <row r="564962" spans="14:14">
      <c r="N564962" s="10"/>
    </row>
    <row r="564963" spans="14:14">
      <c r="N564963" s="10"/>
    </row>
    <row r="564964" spans="14:14">
      <c r="N564964" s="10"/>
    </row>
    <row r="564965" spans="14:14">
      <c r="N564965" s="10"/>
    </row>
    <row r="564966" spans="14:14">
      <c r="N564966" s="10"/>
    </row>
    <row r="564967" spans="14:14">
      <c r="N564967" s="10"/>
    </row>
    <row r="564968" spans="14:14">
      <c r="N564968" s="10"/>
    </row>
    <row r="564969" spans="14:14">
      <c r="N564969" s="10"/>
    </row>
    <row r="564970" spans="14:14">
      <c r="N564970" s="10"/>
    </row>
    <row r="564971" spans="14:14">
      <c r="N564971" s="10"/>
    </row>
    <row r="564972" spans="14:14">
      <c r="N564972" s="10"/>
    </row>
    <row r="564973" spans="14:14">
      <c r="N564973" s="10"/>
    </row>
    <row r="564974" spans="14:14">
      <c r="N564974" s="10"/>
    </row>
    <row r="564975" spans="14:14">
      <c r="N564975" s="10"/>
    </row>
    <row r="564976" spans="14:14">
      <c r="N564976" s="10"/>
    </row>
    <row r="564977" spans="14:14">
      <c r="N564977" s="10"/>
    </row>
    <row r="564978" spans="14:14">
      <c r="N564978" s="10"/>
    </row>
    <row r="564979" spans="14:14">
      <c r="N564979" s="10"/>
    </row>
    <row r="564980" spans="14:14">
      <c r="N564980" s="10"/>
    </row>
    <row r="564981" spans="14:14">
      <c r="N564981" s="10"/>
    </row>
    <row r="564982" spans="14:14">
      <c r="N564982" s="10"/>
    </row>
    <row r="564983" spans="14:14">
      <c r="N564983" s="10"/>
    </row>
    <row r="564984" spans="14:14">
      <c r="N564984" s="10"/>
    </row>
    <row r="564985" spans="14:14">
      <c r="N564985" s="10"/>
    </row>
    <row r="564986" spans="14:14">
      <c r="N564986" s="10"/>
    </row>
    <row r="564987" spans="14:14">
      <c r="N564987" s="10"/>
    </row>
    <row r="564988" spans="14:14">
      <c r="N564988" s="10"/>
    </row>
    <row r="564989" spans="14:14">
      <c r="N564989" s="10"/>
    </row>
    <row r="564990" spans="14:14">
      <c r="N564990" s="10"/>
    </row>
    <row r="564991" spans="14:14">
      <c r="N564991" s="10"/>
    </row>
    <row r="564992" spans="14:14">
      <c r="N564992" s="10"/>
    </row>
    <row r="564993" spans="14:14">
      <c r="N564993" s="10"/>
    </row>
    <row r="564994" spans="14:14">
      <c r="N564994" s="10"/>
    </row>
    <row r="564995" spans="14:14">
      <c r="N564995" s="10"/>
    </row>
    <row r="564996" spans="14:14">
      <c r="N564996" s="10"/>
    </row>
    <row r="564997" spans="14:14">
      <c r="N564997" s="10"/>
    </row>
    <row r="564998" spans="14:14">
      <c r="N564998" s="10"/>
    </row>
    <row r="564999" spans="14:14">
      <c r="N564999" s="10"/>
    </row>
    <row r="565000" spans="14:14">
      <c r="N565000" s="10"/>
    </row>
    <row r="565001" spans="14:14">
      <c r="N565001" s="10"/>
    </row>
    <row r="565002" spans="14:14">
      <c r="N565002" s="10"/>
    </row>
    <row r="565003" spans="14:14">
      <c r="N565003" s="10"/>
    </row>
    <row r="565004" spans="14:14">
      <c r="N565004" s="10"/>
    </row>
    <row r="565005" spans="14:14">
      <c r="N565005" s="10"/>
    </row>
    <row r="565006" spans="14:14">
      <c r="N565006" s="10"/>
    </row>
    <row r="565007" spans="14:14">
      <c r="N565007" s="10"/>
    </row>
    <row r="565008" spans="14:14">
      <c r="N565008" s="10"/>
    </row>
    <row r="565009" spans="14:14">
      <c r="N565009" s="10"/>
    </row>
    <row r="565010" spans="14:14">
      <c r="N565010" s="10"/>
    </row>
    <row r="565011" spans="14:14">
      <c r="N565011" s="10"/>
    </row>
    <row r="565012" spans="14:14">
      <c r="N565012" s="10"/>
    </row>
    <row r="565013" spans="14:14">
      <c r="N565013" s="10"/>
    </row>
    <row r="565014" spans="14:14">
      <c r="N565014" s="10"/>
    </row>
    <row r="565015" spans="14:14">
      <c r="N565015" s="10"/>
    </row>
    <row r="565016" spans="14:14">
      <c r="N565016" s="10"/>
    </row>
    <row r="565017" spans="14:14">
      <c r="N565017" s="10"/>
    </row>
    <row r="565018" spans="14:14">
      <c r="N565018" s="10"/>
    </row>
    <row r="565019" spans="14:14">
      <c r="N565019" s="10"/>
    </row>
    <row r="565020" spans="14:14">
      <c r="N565020" s="10"/>
    </row>
    <row r="565021" spans="14:14">
      <c r="N565021" s="10"/>
    </row>
    <row r="565022" spans="14:14">
      <c r="N565022" s="10"/>
    </row>
    <row r="565023" spans="14:14">
      <c r="N565023" s="10"/>
    </row>
    <row r="565024" spans="14:14">
      <c r="N565024" s="10"/>
    </row>
    <row r="565025" spans="14:14">
      <c r="N565025" s="10"/>
    </row>
    <row r="565026" spans="14:14">
      <c r="N565026" s="10"/>
    </row>
    <row r="565027" spans="14:14">
      <c r="N565027" s="10"/>
    </row>
    <row r="565028" spans="14:14">
      <c r="N565028" s="10"/>
    </row>
    <row r="565029" spans="14:14">
      <c r="N565029" s="10"/>
    </row>
    <row r="565030" spans="14:14">
      <c r="N565030" s="10"/>
    </row>
    <row r="565031" spans="14:14">
      <c r="N565031" s="10"/>
    </row>
    <row r="565032" spans="14:14">
      <c r="N565032" s="10"/>
    </row>
    <row r="565033" spans="14:14">
      <c r="N565033" s="10"/>
    </row>
    <row r="565034" spans="14:14">
      <c r="N565034" s="10"/>
    </row>
    <row r="565035" spans="14:14">
      <c r="N565035" s="10"/>
    </row>
    <row r="565036" spans="14:14">
      <c r="N565036" s="10"/>
    </row>
    <row r="565037" spans="14:14">
      <c r="N565037" s="10"/>
    </row>
    <row r="565038" spans="14:14">
      <c r="N565038" s="10"/>
    </row>
    <row r="565039" spans="14:14">
      <c r="N565039" s="10"/>
    </row>
    <row r="565040" spans="14:14">
      <c r="N565040" s="10"/>
    </row>
    <row r="565041" spans="14:14">
      <c r="N565041" s="10"/>
    </row>
    <row r="565042" spans="14:14">
      <c r="N565042" s="10"/>
    </row>
    <row r="565043" spans="14:14">
      <c r="N565043" s="10"/>
    </row>
    <row r="565044" spans="14:14">
      <c r="N565044" s="10"/>
    </row>
    <row r="565045" spans="14:14">
      <c r="N565045" s="10"/>
    </row>
    <row r="565046" spans="14:14">
      <c r="N565046" s="10"/>
    </row>
    <row r="565047" spans="14:14">
      <c r="N565047" s="10"/>
    </row>
    <row r="565048" spans="14:14">
      <c r="N565048" s="10"/>
    </row>
    <row r="565049" spans="14:14">
      <c r="N565049" s="10"/>
    </row>
    <row r="565050" spans="14:14">
      <c r="N565050" s="10"/>
    </row>
    <row r="565051" spans="14:14">
      <c r="N565051" s="10"/>
    </row>
    <row r="565052" spans="14:14">
      <c r="N565052" s="10"/>
    </row>
    <row r="565053" spans="14:14">
      <c r="N565053" s="10"/>
    </row>
    <row r="565054" spans="14:14">
      <c r="N565054" s="10"/>
    </row>
    <row r="565055" spans="14:14">
      <c r="N565055" s="10"/>
    </row>
    <row r="565056" spans="14:14">
      <c r="N565056" s="10"/>
    </row>
    <row r="565057" spans="14:14">
      <c r="N565057" s="10"/>
    </row>
    <row r="565058" spans="14:14">
      <c r="N565058" s="10"/>
    </row>
    <row r="565059" spans="14:14">
      <c r="N565059" s="10"/>
    </row>
    <row r="565060" spans="14:14">
      <c r="N565060" s="10"/>
    </row>
    <row r="565061" spans="14:14">
      <c r="N565061" s="10"/>
    </row>
    <row r="565062" spans="14:14">
      <c r="N565062" s="10"/>
    </row>
    <row r="565063" spans="14:14">
      <c r="N565063" s="10"/>
    </row>
    <row r="565064" spans="14:14">
      <c r="N565064" s="10"/>
    </row>
    <row r="565065" spans="14:14">
      <c r="N565065" s="10"/>
    </row>
    <row r="565066" spans="14:14">
      <c r="N565066" s="10"/>
    </row>
    <row r="565067" spans="14:14">
      <c r="N565067" s="10"/>
    </row>
    <row r="565068" spans="14:14">
      <c r="N565068" s="10"/>
    </row>
    <row r="565069" spans="14:14">
      <c r="N565069" s="10"/>
    </row>
    <row r="565070" spans="14:14">
      <c r="N565070" s="10"/>
    </row>
    <row r="565071" spans="14:14">
      <c r="N565071" s="10"/>
    </row>
    <row r="565072" spans="14:14">
      <c r="N565072" s="10"/>
    </row>
    <row r="565073" spans="14:14">
      <c r="N565073" s="10"/>
    </row>
    <row r="565074" spans="14:14">
      <c r="N565074" s="10"/>
    </row>
    <row r="565075" spans="14:14">
      <c r="N565075" s="10"/>
    </row>
    <row r="565076" spans="14:14">
      <c r="N565076" s="10"/>
    </row>
    <row r="565077" spans="14:14">
      <c r="N565077" s="10"/>
    </row>
    <row r="565078" spans="14:14">
      <c r="N565078" s="10"/>
    </row>
    <row r="565079" spans="14:14">
      <c r="N565079" s="10"/>
    </row>
    <row r="565080" spans="14:14">
      <c r="N565080" s="10"/>
    </row>
    <row r="565081" spans="14:14">
      <c r="N565081" s="10"/>
    </row>
    <row r="565082" spans="14:14">
      <c r="N565082" s="10"/>
    </row>
    <row r="565083" spans="14:14">
      <c r="N565083" s="10"/>
    </row>
    <row r="565084" spans="14:14">
      <c r="N565084" s="10"/>
    </row>
    <row r="565085" spans="14:14">
      <c r="N565085" s="10"/>
    </row>
    <row r="565086" spans="14:14">
      <c r="N565086" s="10"/>
    </row>
    <row r="565087" spans="14:14">
      <c r="N565087" s="10"/>
    </row>
    <row r="565088" spans="14:14">
      <c r="N565088" s="10"/>
    </row>
    <row r="565089" spans="14:14">
      <c r="N565089" s="10"/>
    </row>
    <row r="565090" spans="14:14">
      <c r="N565090" s="10"/>
    </row>
    <row r="565091" spans="14:14">
      <c r="N565091" s="10"/>
    </row>
    <row r="565092" spans="14:14">
      <c r="N565092" s="10"/>
    </row>
    <row r="565093" spans="14:14">
      <c r="N565093" s="10"/>
    </row>
    <row r="565094" spans="14:14">
      <c r="N565094" s="10"/>
    </row>
    <row r="565095" spans="14:14">
      <c r="N565095" s="10"/>
    </row>
    <row r="565096" spans="14:14">
      <c r="N565096" s="10"/>
    </row>
    <row r="565097" spans="14:14">
      <c r="N565097" s="10"/>
    </row>
    <row r="565098" spans="14:14">
      <c r="N565098" s="10"/>
    </row>
    <row r="565099" spans="14:14">
      <c r="N565099" s="10"/>
    </row>
    <row r="565100" spans="14:14">
      <c r="N565100" s="10"/>
    </row>
    <row r="565101" spans="14:14">
      <c r="N565101" s="10"/>
    </row>
    <row r="565102" spans="14:14">
      <c r="N565102" s="10"/>
    </row>
    <row r="565103" spans="14:14">
      <c r="N565103" s="10"/>
    </row>
    <row r="565104" spans="14:14">
      <c r="N565104" s="10"/>
    </row>
    <row r="565105" spans="14:14">
      <c r="N565105" s="10"/>
    </row>
    <row r="565106" spans="14:14">
      <c r="N565106" s="10"/>
    </row>
    <row r="565107" spans="14:14">
      <c r="N565107" s="10"/>
    </row>
    <row r="565108" spans="14:14">
      <c r="N565108" s="10"/>
    </row>
    <row r="565109" spans="14:14">
      <c r="N565109" s="10"/>
    </row>
    <row r="565110" spans="14:14">
      <c r="N565110" s="10"/>
    </row>
    <row r="565111" spans="14:14">
      <c r="N565111" s="10"/>
    </row>
    <row r="565112" spans="14:14">
      <c r="N565112" s="10"/>
    </row>
    <row r="565113" spans="14:14">
      <c r="N565113" s="10"/>
    </row>
    <row r="565114" spans="14:14">
      <c r="N565114" s="10"/>
    </row>
    <row r="565115" spans="14:14">
      <c r="N565115" s="10"/>
    </row>
    <row r="565116" spans="14:14">
      <c r="N565116" s="10"/>
    </row>
    <row r="565117" spans="14:14">
      <c r="N565117" s="10"/>
    </row>
    <row r="565118" spans="14:14">
      <c r="N565118" s="10"/>
    </row>
    <row r="565119" spans="14:14">
      <c r="N565119" s="10"/>
    </row>
    <row r="565120" spans="14:14">
      <c r="N565120" s="10"/>
    </row>
    <row r="565121" spans="14:14">
      <c r="N565121" s="10"/>
    </row>
    <row r="565122" spans="14:14">
      <c r="N565122" s="10"/>
    </row>
    <row r="565123" spans="14:14">
      <c r="N565123" s="10"/>
    </row>
    <row r="565124" spans="14:14">
      <c r="N565124" s="10"/>
    </row>
    <row r="565125" spans="14:14">
      <c r="N565125" s="10"/>
    </row>
    <row r="565126" spans="14:14">
      <c r="N565126" s="10"/>
    </row>
    <row r="565127" spans="14:14">
      <c r="N565127" s="10"/>
    </row>
    <row r="565128" spans="14:14">
      <c r="N565128" s="10"/>
    </row>
    <row r="565129" spans="14:14">
      <c r="N565129" s="10"/>
    </row>
    <row r="565130" spans="14:14">
      <c r="N565130" s="10"/>
    </row>
    <row r="565131" spans="14:14">
      <c r="N565131" s="10"/>
    </row>
    <row r="565132" spans="14:14">
      <c r="N565132" s="10"/>
    </row>
    <row r="565133" spans="14:14">
      <c r="N565133" s="10"/>
    </row>
    <row r="565134" spans="14:14">
      <c r="N565134" s="10"/>
    </row>
    <row r="565135" spans="14:14">
      <c r="N565135" s="10"/>
    </row>
    <row r="565136" spans="14:14">
      <c r="N565136" s="10"/>
    </row>
    <row r="565137" spans="14:14">
      <c r="N565137" s="10"/>
    </row>
    <row r="565138" spans="14:14">
      <c r="N565138" s="10"/>
    </row>
    <row r="565139" spans="14:14">
      <c r="N565139" s="10"/>
    </row>
    <row r="565140" spans="14:14">
      <c r="N565140" s="10"/>
    </row>
    <row r="565141" spans="14:14">
      <c r="N565141" s="10"/>
    </row>
    <row r="565142" spans="14:14">
      <c r="N565142" s="10"/>
    </row>
    <row r="565143" spans="14:14">
      <c r="N565143" s="10"/>
    </row>
    <row r="565144" spans="14:14">
      <c r="N565144" s="10"/>
    </row>
    <row r="565145" spans="14:14">
      <c r="N565145" s="10"/>
    </row>
    <row r="565146" spans="14:14">
      <c r="N565146" s="10"/>
    </row>
    <row r="565147" spans="14:14">
      <c r="N565147" s="10"/>
    </row>
    <row r="565148" spans="14:14">
      <c r="N565148" s="10"/>
    </row>
    <row r="565149" spans="14:14">
      <c r="N565149" s="10"/>
    </row>
    <row r="565150" spans="14:14">
      <c r="N565150" s="10"/>
    </row>
    <row r="565151" spans="14:14">
      <c r="N565151" s="10"/>
    </row>
    <row r="565152" spans="14:14">
      <c r="N565152" s="10"/>
    </row>
    <row r="565153" spans="14:14">
      <c r="N565153" s="10"/>
    </row>
    <row r="565154" spans="14:14">
      <c r="N565154" s="10"/>
    </row>
    <row r="565155" spans="14:14">
      <c r="N565155" s="10"/>
    </row>
    <row r="565156" spans="14:14">
      <c r="N565156" s="10"/>
    </row>
    <row r="565157" spans="14:14">
      <c r="N565157" s="10"/>
    </row>
    <row r="565158" spans="14:14">
      <c r="N565158" s="10"/>
    </row>
    <row r="565159" spans="14:14">
      <c r="N565159" s="10"/>
    </row>
    <row r="565160" spans="14:14">
      <c r="N565160" s="10"/>
    </row>
    <row r="565161" spans="14:14">
      <c r="N565161" s="10"/>
    </row>
    <row r="565162" spans="14:14">
      <c r="N565162" s="10"/>
    </row>
    <row r="565163" spans="14:14">
      <c r="N565163" s="10"/>
    </row>
    <row r="565164" spans="14:14">
      <c r="N565164" s="10"/>
    </row>
    <row r="565165" spans="14:14">
      <c r="N565165" s="10"/>
    </row>
    <row r="565166" spans="14:14">
      <c r="N565166" s="10"/>
    </row>
    <row r="565167" spans="14:14">
      <c r="N565167" s="10"/>
    </row>
    <row r="565168" spans="14:14">
      <c r="N565168" s="10"/>
    </row>
    <row r="565169" spans="14:14">
      <c r="N565169" s="10"/>
    </row>
    <row r="565170" spans="14:14">
      <c r="N565170" s="10"/>
    </row>
    <row r="565171" spans="14:14">
      <c r="N565171" s="10"/>
    </row>
    <row r="565172" spans="14:14">
      <c r="N565172" s="10"/>
    </row>
    <row r="565173" spans="14:14">
      <c r="N565173" s="10"/>
    </row>
    <row r="565174" spans="14:14">
      <c r="N565174" s="10"/>
    </row>
    <row r="565175" spans="14:14">
      <c r="N565175" s="10"/>
    </row>
    <row r="565176" spans="14:14">
      <c r="N565176" s="10"/>
    </row>
    <row r="565177" spans="14:14">
      <c r="N565177" s="10"/>
    </row>
    <row r="565178" spans="14:14">
      <c r="N565178" s="10"/>
    </row>
    <row r="565179" spans="14:14">
      <c r="N565179" s="10"/>
    </row>
    <row r="565180" spans="14:14">
      <c r="N565180" s="10"/>
    </row>
    <row r="565181" spans="14:14">
      <c r="N565181" s="10"/>
    </row>
    <row r="565182" spans="14:14">
      <c r="N565182" s="10"/>
    </row>
    <row r="565183" spans="14:14">
      <c r="N565183" s="10"/>
    </row>
    <row r="565184" spans="14:14">
      <c r="N565184" s="10"/>
    </row>
    <row r="565185" spans="14:14">
      <c r="N565185" s="10"/>
    </row>
    <row r="565186" spans="14:14">
      <c r="N565186" s="10"/>
    </row>
    <row r="565187" spans="14:14">
      <c r="N565187" s="10"/>
    </row>
    <row r="565188" spans="14:14">
      <c r="N565188" s="10"/>
    </row>
    <row r="565189" spans="14:14">
      <c r="N565189" s="10"/>
    </row>
    <row r="565190" spans="14:14">
      <c r="N565190" s="10"/>
    </row>
    <row r="565191" spans="14:14">
      <c r="N565191" s="10"/>
    </row>
    <row r="565192" spans="14:14">
      <c r="N565192" s="10"/>
    </row>
    <row r="565193" spans="14:14">
      <c r="N565193" s="10"/>
    </row>
    <row r="565194" spans="14:14">
      <c r="N565194" s="10"/>
    </row>
    <row r="565195" spans="14:14">
      <c r="N565195" s="10"/>
    </row>
    <row r="565196" spans="14:14">
      <c r="N565196" s="10"/>
    </row>
    <row r="565197" spans="14:14">
      <c r="N565197" s="10"/>
    </row>
    <row r="565198" spans="14:14">
      <c r="N565198" s="10"/>
    </row>
    <row r="565199" spans="14:14">
      <c r="N565199" s="10"/>
    </row>
    <row r="565200" spans="14:14">
      <c r="N565200" s="10"/>
    </row>
    <row r="565201" spans="14:14">
      <c r="N565201" s="10"/>
    </row>
    <row r="565202" spans="14:14">
      <c r="N565202" s="10"/>
    </row>
    <row r="565203" spans="14:14">
      <c r="N565203" s="10"/>
    </row>
    <row r="565204" spans="14:14">
      <c r="N565204" s="10"/>
    </row>
    <row r="565205" spans="14:14">
      <c r="N565205" s="10"/>
    </row>
    <row r="565206" spans="14:14">
      <c r="N565206" s="10"/>
    </row>
    <row r="565207" spans="14:14">
      <c r="N565207" s="10"/>
    </row>
    <row r="565208" spans="14:14">
      <c r="N565208" s="10"/>
    </row>
    <row r="565209" spans="14:14">
      <c r="N565209" s="10"/>
    </row>
    <row r="565210" spans="14:14">
      <c r="N565210" s="10"/>
    </row>
    <row r="565211" spans="14:14">
      <c r="N565211" s="10"/>
    </row>
    <row r="565212" spans="14:14">
      <c r="N565212" s="10"/>
    </row>
    <row r="565213" spans="14:14">
      <c r="N565213" s="10"/>
    </row>
    <row r="565214" spans="14:14">
      <c r="N565214" s="10"/>
    </row>
    <row r="565215" spans="14:14">
      <c r="N565215" s="10"/>
    </row>
    <row r="565216" spans="14:14">
      <c r="N565216" s="10"/>
    </row>
    <row r="565217" spans="14:14">
      <c r="N565217" s="10"/>
    </row>
    <row r="565218" spans="14:14">
      <c r="N565218" s="10"/>
    </row>
    <row r="565219" spans="14:14">
      <c r="N565219" s="10"/>
    </row>
    <row r="565220" spans="14:14">
      <c r="N565220" s="10"/>
    </row>
    <row r="565221" spans="14:14">
      <c r="N565221" s="10"/>
    </row>
    <row r="565222" spans="14:14">
      <c r="N565222" s="10"/>
    </row>
    <row r="565223" spans="14:14">
      <c r="N565223" s="10"/>
    </row>
    <row r="565224" spans="14:14">
      <c r="N565224" s="10"/>
    </row>
    <row r="565225" spans="14:14">
      <c r="N565225" s="10"/>
    </row>
    <row r="565226" spans="14:14">
      <c r="N565226" s="10"/>
    </row>
    <row r="565227" spans="14:14">
      <c r="N565227" s="10"/>
    </row>
    <row r="565228" spans="14:14">
      <c r="N565228" s="10"/>
    </row>
    <row r="565229" spans="14:14">
      <c r="N565229" s="10"/>
    </row>
    <row r="565230" spans="14:14">
      <c r="N565230" s="10"/>
    </row>
    <row r="565231" spans="14:14">
      <c r="N565231" s="10"/>
    </row>
    <row r="565232" spans="14:14">
      <c r="N565232" s="10"/>
    </row>
    <row r="565233" spans="14:14">
      <c r="N565233" s="10"/>
    </row>
    <row r="565234" spans="14:14">
      <c r="N565234" s="10"/>
    </row>
    <row r="565235" spans="14:14">
      <c r="N565235" s="10"/>
    </row>
    <row r="565236" spans="14:14">
      <c r="N565236" s="10"/>
    </row>
    <row r="565237" spans="14:14">
      <c r="N565237" s="10"/>
    </row>
    <row r="565238" spans="14:14">
      <c r="N565238" s="10"/>
    </row>
    <row r="565239" spans="14:14">
      <c r="N565239" s="10"/>
    </row>
    <row r="565240" spans="14:14">
      <c r="N565240" s="10"/>
    </row>
    <row r="565241" spans="14:14">
      <c r="N565241" s="10"/>
    </row>
    <row r="565242" spans="14:14">
      <c r="N565242" s="10"/>
    </row>
    <row r="565243" spans="14:14">
      <c r="N565243" s="10"/>
    </row>
    <row r="565244" spans="14:14">
      <c r="N565244" s="10"/>
    </row>
    <row r="565245" spans="14:14">
      <c r="N565245" s="10"/>
    </row>
    <row r="565246" spans="14:14">
      <c r="N565246" s="10"/>
    </row>
    <row r="565247" spans="14:14">
      <c r="N565247" s="10"/>
    </row>
    <row r="565248" spans="14:14">
      <c r="N565248" s="10"/>
    </row>
    <row r="565249" spans="14:14">
      <c r="N565249" s="10"/>
    </row>
    <row r="565250" spans="14:14">
      <c r="N565250" s="10"/>
    </row>
    <row r="565251" spans="14:14">
      <c r="N565251" s="10"/>
    </row>
    <row r="565252" spans="14:14">
      <c r="N565252" s="10"/>
    </row>
    <row r="565253" spans="14:14">
      <c r="N565253" s="10"/>
    </row>
    <row r="565254" spans="14:14">
      <c r="N565254" s="10"/>
    </row>
    <row r="565255" spans="14:14">
      <c r="N565255" s="10"/>
    </row>
    <row r="565256" spans="14:14">
      <c r="N565256" s="10"/>
    </row>
    <row r="565257" spans="14:14">
      <c r="N565257" s="10"/>
    </row>
    <row r="565258" spans="14:14">
      <c r="N565258" s="10"/>
    </row>
    <row r="565259" spans="14:14">
      <c r="N565259" s="10"/>
    </row>
    <row r="565260" spans="14:14">
      <c r="N565260" s="10"/>
    </row>
    <row r="565261" spans="14:14">
      <c r="N565261" s="10"/>
    </row>
    <row r="565262" spans="14:14">
      <c r="N565262" s="10"/>
    </row>
    <row r="565263" spans="14:14">
      <c r="N565263" s="10"/>
    </row>
    <row r="565264" spans="14:14">
      <c r="N565264" s="10"/>
    </row>
    <row r="565265" spans="14:14">
      <c r="N565265" s="10"/>
    </row>
    <row r="565266" spans="14:14">
      <c r="N565266" s="10"/>
    </row>
    <row r="565267" spans="14:14">
      <c r="N565267" s="10"/>
    </row>
    <row r="565268" spans="14:14">
      <c r="N565268" s="10"/>
    </row>
    <row r="565269" spans="14:14">
      <c r="N565269" s="10"/>
    </row>
    <row r="565270" spans="14:14">
      <c r="N565270" s="10"/>
    </row>
    <row r="565271" spans="14:14">
      <c r="N565271" s="10"/>
    </row>
    <row r="565272" spans="14:14">
      <c r="N565272" s="10"/>
    </row>
    <row r="565273" spans="14:14">
      <c r="N565273" s="10"/>
    </row>
    <row r="565274" spans="14:14">
      <c r="N565274" s="10"/>
    </row>
    <row r="565275" spans="14:14">
      <c r="N565275" s="10"/>
    </row>
    <row r="565276" spans="14:14">
      <c r="N565276" s="10"/>
    </row>
    <row r="565277" spans="14:14">
      <c r="N565277" s="10"/>
    </row>
    <row r="565278" spans="14:14">
      <c r="N565278" s="10"/>
    </row>
    <row r="565279" spans="14:14">
      <c r="N565279" s="10"/>
    </row>
    <row r="565280" spans="14:14">
      <c r="N565280" s="10"/>
    </row>
    <row r="565281" spans="14:14">
      <c r="N565281" s="10"/>
    </row>
    <row r="565282" spans="14:14">
      <c r="N565282" s="10"/>
    </row>
    <row r="565283" spans="14:14">
      <c r="N565283" s="10"/>
    </row>
    <row r="565284" spans="14:14">
      <c r="N565284" s="10"/>
    </row>
    <row r="565285" spans="14:14">
      <c r="N565285" s="10"/>
    </row>
    <row r="565286" spans="14:14">
      <c r="N565286" s="10"/>
    </row>
    <row r="565287" spans="14:14">
      <c r="N565287" s="10"/>
    </row>
    <row r="565288" spans="14:14">
      <c r="N565288" s="10"/>
    </row>
    <row r="565289" spans="14:14">
      <c r="N565289" s="10"/>
    </row>
    <row r="565290" spans="14:14">
      <c r="N565290" s="10"/>
    </row>
    <row r="565291" spans="14:14">
      <c r="N565291" s="10"/>
    </row>
    <row r="565292" spans="14:14">
      <c r="N565292" s="10"/>
    </row>
    <row r="565293" spans="14:14">
      <c r="N565293" s="10"/>
    </row>
    <row r="565294" spans="14:14">
      <c r="N565294" s="10"/>
    </row>
    <row r="565295" spans="14:14">
      <c r="N565295" s="10"/>
    </row>
    <row r="565296" spans="14:14">
      <c r="N565296" s="10"/>
    </row>
    <row r="565297" spans="14:14">
      <c r="N565297" s="10"/>
    </row>
    <row r="565298" spans="14:14">
      <c r="N565298" s="10"/>
    </row>
    <row r="565299" spans="14:14">
      <c r="N565299" s="10"/>
    </row>
    <row r="565300" spans="14:14">
      <c r="N565300" s="10"/>
    </row>
    <row r="565301" spans="14:14">
      <c r="N565301" s="10"/>
    </row>
    <row r="565302" spans="14:14">
      <c r="N565302" s="10"/>
    </row>
    <row r="565303" spans="14:14">
      <c r="N565303" s="10"/>
    </row>
    <row r="565304" spans="14:14">
      <c r="N565304" s="10"/>
    </row>
    <row r="565305" spans="14:14">
      <c r="N565305" s="10"/>
    </row>
    <row r="565306" spans="14:14">
      <c r="N565306" s="10"/>
    </row>
    <row r="565307" spans="14:14">
      <c r="N565307" s="10"/>
    </row>
    <row r="565308" spans="14:14">
      <c r="N565308" s="10"/>
    </row>
    <row r="565309" spans="14:14">
      <c r="N565309" s="10"/>
    </row>
    <row r="565310" spans="14:14">
      <c r="N565310" s="10"/>
    </row>
    <row r="565311" spans="14:14">
      <c r="N565311" s="10"/>
    </row>
    <row r="565312" spans="14:14">
      <c r="N565312" s="10"/>
    </row>
    <row r="565313" spans="14:14">
      <c r="N565313" s="10"/>
    </row>
    <row r="565314" spans="14:14">
      <c r="N565314" s="10"/>
    </row>
    <row r="565315" spans="14:14">
      <c r="N565315" s="10"/>
    </row>
    <row r="565316" spans="14:14">
      <c r="N565316" s="10"/>
    </row>
    <row r="565317" spans="14:14">
      <c r="N565317" s="10"/>
    </row>
    <row r="565318" spans="14:14">
      <c r="N565318" s="10"/>
    </row>
    <row r="565319" spans="14:14">
      <c r="N565319" s="10"/>
    </row>
    <row r="565320" spans="14:14">
      <c r="N565320" s="10"/>
    </row>
    <row r="565321" spans="14:14">
      <c r="N565321" s="10"/>
    </row>
    <row r="565322" spans="14:14">
      <c r="N565322" s="10"/>
    </row>
    <row r="565323" spans="14:14">
      <c r="N565323" s="10"/>
    </row>
    <row r="565324" spans="14:14">
      <c r="N565324" s="10"/>
    </row>
    <row r="565325" spans="14:14">
      <c r="N565325" s="10"/>
    </row>
    <row r="565326" spans="14:14">
      <c r="N565326" s="10"/>
    </row>
    <row r="565327" spans="14:14">
      <c r="N565327" s="10"/>
    </row>
    <row r="565328" spans="14:14">
      <c r="N565328" s="10"/>
    </row>
    <row r="565329" spans="14:14">
      <c r="N565329" s="10"/>
    </row>
    <row r="565330" spans="14:14">
      <c r="N565330" s="10"/>
    </row>
    <row r="565331" spans="14:14">
      <c r="N565331" s="10"/>
    </row>
    <row r="565332" spans="14:14">
      <c r="N565332" s="10"/>
    </row>
    <row r="565333" spans="14:14">
      <c r="N565333" s="10"/>
    </row>
    <row r="565334" spans="14:14">
      <c r="N565334" s="10"/>
    </row>
    <row r="565335" spans="14:14">
      <c r="N565335" s="10"/>
    </row>
    <row r="565336" spans="14:14">
      <c r="N565336" s="10"/>
    </row>
    <row r="565337" spans="14:14">
      <c r="N565337" s="10"/>
    </row>
    <row r="565338" spans="14:14">
      <c r="N565338" s="10"/>
    </row>
    <row r="565339" spans="14:14">
      <c r="N565339" s="10"/>
    </row>
    <row r="565340" spans="14:14">
      <c r="N565340" s="10"/>
    </row>
    <row r="565341" spans="14:14">
      <c r="N565341" s="10"/>
    </row>
    <row r="565342" spans="14:14">
      <c r="N565342" s="10"/>
    </row>
    <row r="565343" spans="14:14">
      <c r="N565343" s="10"/>
    </row>
    <row r="565344" spans="14:14">
      <c r="N565344" s="10"/>
    </row>
    <row r="565345" spans="14:14">
      <c r="N565345" s="10"/>
    </row>
    <row r="565346" spans="14:14">
      <c r="N565346" s="10"/>
    </row>
    <row r="565347" spans="14:14">
      <c r="N565347" s="10"/>
    </row>
    <row r="565348" spans="14:14">
      <c r="N565348" s="10"/>
    </row>
    <row r="565349" spans="14:14">
      <c r="N565349" s="10"/>
    </row>
    <row r="565350" spans="14:14">
      <c r="N565350" s="10"/>
    </row>
    <row r="565351" spans="14:14">
      <c r="N565351" s="10"/>
    </row>
    <row r="565352" spans="14:14">
      <c r="N565352" s="10"/>
    </row>
    <row r="565353" spans="14:14">
      <c r="N565353" s="10"/>
    </row>
    <row r="565354" spans="14:14">
      <c r="N565354" s="10"/>
    </row>
    <row r="565355" spans="14:14">
      <c r="N565355" s="10"/>
    </row>
    <row r="565356" spans="14:14">
      <c r="N565356" s="10"/>
    </row>
    <row r="565357" spans="14:14">
      <c r="N565357" s="10"/>
    </row>
    <row r="565358" spans="14:14">
      <c r="N565358" s="10"/>
    </row>
    <row r="565359" spans="14:14">
      <c r="N565359" s="10"/>
    </row>
    <row r="565360" spans="14:14">
      <c r="N565360" s="10"/>
    </row>
    <row r="565361" spans="14:14">
      <c r="N565361" s="10"/>
    </row>
    <row r="565362" spans="14:14">
      <c r="N565362" s="10"/>
    </row>
    <row r="565363" spans="14:14">
      <c r="N565363" s="10"/>
    </row>
    <row r="565364" spans="14:14">
      <c r="N565364" s="10"/>
    </row>
    <row r="565365" spans="14:14">
      <c r="N565365" s="10"/>
    </row>
    <row r="565366" spans="14:14">
      <c r="N565366" s="10"/>
    </row>
    <row r="565367" spans="14:14">
      <c r="N565367" s="10"/>
    </row>
    <row r="565368" spans="14:14">
      <c r="N565368" s="10"/>
    </row>
    <row r="565369" spans="14:14">
      <c r="N565369" s="10"/>
    </row>
    <row r="565370" spans="14:14">
      <c r="N565370" s="10"/>
    </row>
    <row r="565371" spans="14:14">
      <c r="N565371" s="10"/>
    </row>
    <row r="565372" spans="14:14">
      <c r="N565372" s="10"/>
    </row>
    <row r="565373" spans="14:14">
      <c r="N565373" s="10"/>
    </row>
    <row r="565374" spans="14:14">
      <c r="N565374" s="10"/>
    </row>
    <row r="565375" spans="14:14">
      <c r="N565375" s="10"/>
    </row>
    <row r="565376" spans="14:14">
      <c r="N565376" s="10"/>
    </row>
    <row r="565377" spans="14:14">
      <c r="N565377" s="10"/>
    </row>
    <row r="565378" spans="14:14">
      <c r="N565378" s="10"/>
    </row>
    <row r="565379" spans="14:14">
      <c r="N565379" s="10"/>
    </row>
    <row r="565380" spans="14:14">
      <c r="N565380" s="10"/>
    </row>
    <row r="565381" spans="14:14">
      <c r="N565381" s="10"/>
    </row>
    <row r="565382" spans="14:14">
      <c r="N565382" s="10"/>
    </row>
    <row r="565383" spans="14:14">
      <c r="N565383" s="10"/>
    </row>
    <row r="565384" spans="14:14">
      <c r="N565384" s="10"/>
    </row>
    <row r="565385" spans="14:14">
      <c r="N565385" s="10"/>
    </row>
    <row r="565386" spans="14:14">
      <c r="N565386" s="10"/>
    </row>
    <row r="565387" spans="14:14">
      <c r="N565387" s="10"/>
    </row>
    <row r="565388" spans="14:14">
      <c r="N565388" s="10"/>
    </row>
    <row r="565389" spans="14:14">
      <c r="N565389" s="10"/>
    </row>
    <row r="565390" spans="14:14">
      <c r="N565390" s="10"/>
    </row>
    <row r="565391" spans="14:14">
      <c r="N565391" s="10"/>
    </row>
    <row r="565392" spans="14:14">
      <c r="N565392" s="10"/>
    </row>
    <row r="565393" spans="14:14">
      <c r="N565393" s="10"/>
    </row>
    <row r="565394" spans="14:14">
      <c r="N565394" s="10"/>
    </row>
    <row r="565395" spans="14:14">
      <c r="N565395" s="10"/>
    </row>
    <row r="565396" spans="14:14">
      <c r="N565396" s="10"/>
    </row>
    <row r="565397" spans="14:14">
      <c r="N565397" s="10"/>
    </row>
    <row r="565398" spans="14:14">
      <c r="N565398" s="10"/>
    </row>
    <row r="565399" spans="14:14">
      <c r="N565399" s="10"/>
    </row>
    <row r="565400" spans="14:14">
      <c r="N565400" s="10"/>
    </row>
    <row r="565401" spans="14:14">
      <c r="N565401" s="10"/>
    </row>
    <row r="565402" spans="14:14">
      <c r="N565402" s="10"/>
    </row>
    <row r="565403" spans="14:14">
      <c r="N565403" s="10"/>
    </row>
    <row r="565404" spans="14:14">
      <c r="N565404" s="10"/>
    </row>
    <row r="565405" spans="14:14">
      <c r="N565405" s="10"/>
    </row>
    <row r="565406" spans="14:14">
      <c r="N565406" s="10"/>
    </row>
    <row r="565407" spans="14:14">
      <c r="N565407" s="10"/>
    </row>
    <row r="565408" spans="14:14">
      <c r="N565408" s="10"/>
    </row>
    <row r="565409" spans="14:14">
      <c r="N565409" s="10"/>
    </row>
    <row r="565410" spans="14:14">
      <c r="N565410" s="10"/>
    </row>
    <row r="565411" spans="14:14">
      <c r="N565411" s="10"/>
    </row>
    <row r="565412" spans="14:14">
      <c r="N565412" s="10"/>
    </row>
    <row r="565413" spans="14:14">
      <c r="N565413" s="10"/>
    </row>
    <row r="565414" spans="14:14">
      <c r="N565414" s="10"/>
    </row>
    <row r="565415" spans="14:14">
      <c r="N565415" s="10"/>
    </row>
    <row r="565416" spans="14:14">
      <c r="N565416" s="10"/>
    </row>
    <row r="565417" spans="14:14">
      <c r="N565417" s="10"/>
    </row>
    <row r="565418" spans="14:14">
      <c r="N565418" s="10"/>
    </row>
    <row r="565419" spans="14:14">
      <c r="N565419" s="10"/>
    </row>
    <row r="565420" spans="14:14">
      <c r="N565420" s="10"/>
    </row>
    <row r="565421" spans="14:14">
      <c r="N565421" s="10"/>
    </row>
    <row r="565422" spans="14:14">
      <c r="N565422" s="10"/>
    </row>
    <row r="565423" spans="14:14">
      <c r="N565423" s="10"/>
    </row>
    <row r="565424" spans="14:14">
      <c r="N565424" s="10"/>
    </row>
    <row r="565425" spans="14:14">
      <c r="N565425" s="10"/>
    </row>
    <row r="565426" spans="14:14">
      <c r="N565426" s="10"/>
    </row>
    <row r="565427" spans="14:14">
      <c r="N565427" s="10"/>
    </row>
    <row r="565428" spans="14:14">
      <c r="N565428" s="10"/>
    </row>
    <row r="565429" spans="14:14">
      <c r="N565429" s="10"/>
    </row>
    <row r="565430" spans="14:14">
      <c r="N565430" s="10"/>
    </row>
    <row r="565431" spans="14:14">
      <c r="N565431" s="10"/>
    </row>
    <row r="565432" spans="14:14">
      <c r="N565432" s="10"/>
    </row>
    <row r="565433" spans="14:14">
      <c r="N565433" s="10"/>
    </row>
    <row r="565434" spans="14:14">
      <c r="N565434" s="10"/>
    </row>
    <row r="565435" spans="14:14">
      <c r="N565435" s="10"/>
    </row>
    <row r="565436" spans="14:14">
      <c r="N565436" s="10"/>
    </row>
    <row r="565437" spans="14:14">
      <c r="N565437" s="10"/>
    </row>
    <row r="565438" spans="14:14">
      <c r="N565438" s="10"/>
    </row>
    <row r="565439" spans="14:14">
      <c r="N565439" s="10"/>
    </row>
    <row r="565440" spans="14:14">
      <c r="N565440" s="10"/>
    </row>
    <row r="565441" spans="14:14">
      <c r="N565441" s="10"/>
    </row>
    <row r="565442" spans="14:14">
      <c r="N565442" s="10"/>
    </row>
    <row r="565443" spans="14:14">
      <c r="N565443" s="10"/>
    </row>
    <row r="565444" spans="14:14">
      <c r="N565444" s="10"/>
    </row>
    <row r="565445" spans="14:14">
      <c r="N565445" s="10"/>
    </row>
    <row r="565446" spans="14:14">
      <c r="N565446" s="10"/>
    </row>
    <row r="565447" spans="14:14">
      <c r="N565447" s="10"/>
    </row>
    <row r="565448" spans="14:14">
      <c r="N565448" s="10"/>
    </row>
    <row r="565449" spans="14:14">
      <c r="N565449" s="10"/>
    </row>
    <row r="565450" spans="14:14">
      <c r="N565450" s="10"/>
    </row>
    <row r="565451" spans="14:14">
      <c r="N565451" s="10"/>
    </row>
    <row r="565452" spans="14:14">
      <c r="N565452" s="10"/>
    </row>
    <row r="565453" spans="14:14">
      <c r="N565453" s="10"/>
    </row>
    <row r="565454" spans="14:14">
      <c r="N565454" s="10"/>
    </row>
    <row r="565455" spans="14:14">
      <c r="N565455" s="10"/>
    </row>
    <row r="565456" spans="14:14">
      <c r="N565456" s="10"/>
    </row>
    <row r="565457" spans="14:14">
      <c r="N565457" s="10"/>
    </row>
    <row r="565458" spans="14:14">
      <c r="N565458" s="10"/>
    </row>
    <row r="565459" spans="14:14">
      <c r="N565459" s="10"/>
    </row>
    <row r="565460" spans="14:14">
      <c r="N565460" s="10"/>
    </row>
    <row r="565461" spans="14:14">
      <c r="N565461" s="10"/>
    </row>
    <row r="565462" spans="14:14">
      <c r="N565462" s="10"/>
    </row>
    <row r="565463" spans="14:14">
      <c r="N565463" s="10"/>
    </row>
    <row r="565464" spans="14:14">
      <c r="N565464" s="10"/>
    </row>
    <row r="565465" spans="14:14">
      <c r="N565465" s="10"/>
    </row>
    <row r="565466" spans="14:14">
      <c r="N565466" s="10"/>
    </row>
    <row r="565467" spans="14:14">
      <c r="N565467" s="10"/>
    </row>
    <row r="565468" spans="14:14">
      <c r="N565468" s="10"/>
    </row>
    <row r="565469" spans="14:14">
      <c r="N565469" s="10"/>
    </row>
    <row r="565470" spans="14:14">
      <c r="N565470" s="10"/>
    </row>
    <row r="565471" spans="14:14">
      <c r="N565471" s="10"/>
    </row>
    <row r="565472" spans="14:14">
      <c r="N565472" s="10"/>
    </row>
    <row r="565473" spans="14:14">
      <c r="N565473" s="10"/>
    </row>
    <row r="565474" spans="14:14">
      <c r="N565474" s="10"/>
    </row>
    <row r="565475" spans="14:14">
      <c r="N565475" s="10"/>
    </row>
    <row r="565476" spans="14:14">
      <c r="N565476" s="10"/>
    </row>
    <row r="565477" spans="14:14">
      <c r="N565477" s="10"/>
    </row>
    <row r="565478" spans="14:14">
      <c r="N565478" s="10"/>
    </row>
    <row r="565479" spans="14:14">
      <c r="N565479" s="10"/>
    </row>
    <row r="565480" spans="14:14">
      <c r="N565480" s="10"/>
    </row>
    <row r="565481" spans="14:14">
      <c r="N565481" s="10"/>
    </row>
    <row r="565482" spans="14:14">
      <c r="N565482" s="10"/>
    </row>
    <row r="565483" spans="14:14">
      <c r="N565483" s="10"/>
    </row>
    <row r="565484" spans="14:14">
      <c r="N565484" s="10"/>
    </row>
    <row r="565485" spans="14:14">
      <c r="N565485" s="10"/>
    </row>
    <row r="565486" spans="14:14">
      <c r="N565486" s="10"/>
    </row>
    <row r="565487" spans="14:14">
      <c r="N565487" s="10"/>
    </row>
    <row r="565488" spans="14:14">
      <c r="N565488" s="10"/>
    </row>
    <row r="565489" spans="14:14">
      <c r="N565489" s="10"/>
    </row>
    <row r="565490" spans="14:14">
      <c r="N565490" s="10"/>
    </row>
    <row r="565491" spans="14:14">
      <c r="N565491" s="10"/>
    </row>
    <row r="565492" spans="14:14">
      <c r="N565492" s="10"/>
    </row>
    <row r="565493" spans="14:14">
      <c r="N565493" s="10"/>
    </row>
    <row r="565494" spans="14:14">
      <c r="N565494" s="10"/>
    </row>
    <row r="565495" spans="14:14">
      <c r="N565495" s="10"/>
    </row>
    <row r="565496" spans="14:14">
      <c r="N565496" s="10"/>
    </row>
    <row r="565497" spans="14:14">
      <c r="N565497" s="10"/>
    </row>
    <row r="565498" spans="14:14">
      <c r="N565498" s="10"/>
    </row>
    <row r="565499" spans="14:14">
      <c r="N565499" s="10"/>
    </row>
    <row r="565500" spans="14:14">
      <c r="N565500" s="10"/>
    </row>
    <row r="565501" spans="14:14">
      <c r="N565501" s="10"/>
    </row>
    <row r="565502" spans="14:14">
      <c r="N565502" s="10"/>
    </row>
    <row r="565503" spans="14:14">
      <c r="N565503" s="10"/>
    </row>
    <row r="565504" spans="14:14">
      <c r="N565504" s="10"/>
    </row>
    <row r="565505" spans="14:14">
      <c r="N565505" s="10"/>
    </row>
    <row r="565506" spans="14:14">
      <c r="N565506" s="10"/>
    </row>
    <row r="565507" spans="14:14">
      <c r="N565507" s="10"/>
    </row>
    <row r="565508" spans="14:14">
      <c r="N565508" s="10"/>
    </row>
    <row r="565509" spans="14:14">
      <c r="N565509" s="10"/>
    </row>
    <row r="565510" spans="14:14">
      <c r="N565510" s="10"/>
    </row>
    <row r="565511" spans="14:14">
      <c r="N565511" s="10"/>
    </row>
    <row r="565512" spans="14:14">
      <c r="N565512" s="10"/>
    </row>
    <row r="565513" spans="14:14">
      <c r="N565513" s="10"/>
    </row>
    <row r="565514" spans="14:14">
      <c r="N565514" s="10"/>
    </row>
    <row r="565515" spans="14:14">
      <c r="N565515" s="10"/>
    </row>
    <row r="565516" spans="14:14">
      <c r="N565516" s="10"/>
    </row>
    <row r="565517" spans="14:14">
      <c r="N565517" s="10"/>
    </row>
    <row r="565518" spans="14:14">
      <c r="N565518" s="10"/>
    </row>
    <row r="565519" spans="14:14">
      <c r="N565519" s="10"/>
    </row>
    <row r="565520" spans="14:14">
      <c r="N565520" s="10"/>
    </row>
    <row r="565521" spans="14:14">
      <c r="N565521" s="10"/>
    </row>
    <row r="565522" spans="14:14">
      <c r="N565522" s="10"/>
    </row>
    <row r="565523" spans="14:14">
      <c r="N565523" s="10"/>
    </row>
    <row r="565524" spans="14:14">
      <c r="N565524" s="10"/>
    </row>
    <row r="565525" spans="14:14">
      <c r="N565525" s="10"/>
    </row>
    <row r="565526" spans="14:14">
      <c r="N565526" s="10"/>
    </row>
    <row r="565527" spans="14:14">
      <c r="N565527" s="10"/>
    </row>
    <row r="565528" spans="14:14">
      <c r="N565528" s="10"/>
    </row>
    <row r="565529" spans="14:14">
      <c r="N565529" s="10"/>
    </row>
    <row r="565530" spans="14:14">
      <c r="N565530" s="10"/>
    </row>
    <row r="565531" spans="14:14">
      <c r="N565531" s="10"/>
    </row>
    <row r="565532" spans="14:14">
      <c r="N565532" s="10"/>
    </row>
    <row r="565533" spans="14:14">
      <c r="N565533" s="10"/>
    </row>
    <row r="565534" spans="14:14">
      <c r="N565534" s="10"/>
    </row>
    <row r="565535" spans="14:14">
      <c r="N565535" s="10"/>
    </row>
    <row r="565536" spans="14:14">
      <c r="N565536" s="10"/>
    </row>
    <row r="565537" spans="14:14">
      <c r="N565537" s="10"/>
    </row>
    <row r="565538" spans="14:14">
      <c r="N565538" s="10"/>
    </row>
    <row r="565539" spans="14:14">
      <c r="N565539" s="10"/>
    </row>
    <row r="565540" spans="14:14">
      <c r="N565540" s="10"/>
    </row>
    <row r="565541" spans="14:14">
      <c r="N565541" s="10"/>
    </row>
    <row r="565542" spans="14:14">
      <c r="N565542" s="10"/>
    </row>
    <row r="565543" spans="14:14">
      <c r="N565543" s="10"/>
    </row>
    <row r="565544" spans="14:14">
      <c r="N565544" s="10"/>
    </row>
    <row r="565545" spans="14:14">
      <c r="N565545" s="10"/>
    </row>
    <row r="565546" spans="14:14">
      <c r="N565546" s="10"/>
    </row>
    <row r="565547" spans="14:14">
      <c r="N565547" s="10"/>
    </row>
    <row r="565548" spans="14:14">
      <c r="N565548" s="10"/>
    </row>
    <row r="565549" spans="14:14">
      <c r="N565549" s="10"/>
    </row>
    <row r="565550" spans="14:14">
      <c r="N565550" s="10"/>
    </row>
    <row r="565551" spans="14:14">
      <c r="N565551" s="10"/>
    </row>
    <row r="565552" spans="14:14">
      <c r="N565552" s="10"/>
    </row>
    <row r="565553" spans="14:14">
      <c r="N565553" s="10"/>
    </row>
    <row r="565554" spans="14:14">
      <c r="N565554" s="10"/>
    </row>
    <row r="565555" spans="14:14">
      <c r="N565555" s="10"/>
    </row>
    <row r="565556" spans="14:14">
      <c r="N565556" s="10"/>
    </row>
    <row r="565557" spans="14:14">
      <c r="N565557" s="10"/>
    </row>
    <row r="565558" spans="14:14">
      <c r="N565558" s="10"/>
    </row>
    <row r="565559" spans="14:14">
      <c r="N565559" s="10"/>
    </row>
    <row r="565560" spans="14:14">
      <c r="N565560" s="10"/>
    </row>
    <row r="565561" spans="14:14">
      <c r="N565561" s="10"/>
    </row>
    <row r="565562" spans="14:14">
      <c r="N565562" s="10"/>
    </row>
    <row r="565563" spans="14:14">
      <c r="N565563" s="10"/>
    </row>
    <row r="565564" spans="14:14">
      <c r="N565564" s="10"/>
    </row>
    <row r="565565" spans="14:14">
      <c r="N565565" s="10"/>
    </row>
    <row r="565566" spans="14:14">
      <c r="N565566" s="10"/>
    </row>
    <row r="565567" spans="14:14">
      <c r="N565567" s="10"/>
    </row>
    <row r="565568" spans="14:14">
      <c r="N565568" s="10"/>
    </row>
    <row r="565569" spans="14:14">
      <c r="N565569" s="10"/>
    </row>
    <row r="565570" spans="14:14">
      <c r="N565570" s="10"/>
    </row>
    <row r="565571" spans="14:14">
      <c r="N565571" s="10"/>
    </row>
    <row r="565572" spans="14:14">
      <c r="N565572" s="10"/>
    </row>
    <row r="565573" spans="14:14">
      <c r="N565573" s="10"/>
    </row>
    <row r="565574" spans="14:14">
      <c r="N565574" s="10"/>
    </row>
    <row r="565575" spans="14:14">
      <c r="N565575" s="10"/>
    </row>
    <row r="565576" spans="14:14">
      <c r="N565576" s="10"/>
    </row>
    <row r="565577" spans="14:14">
      <c r="N565577" s="10"/>
    </row>
    <row r="565578" spans="14:14">
      <c r="N565578" s="10"/>
    </row>
    <row r="565579" spans="14:14">
      <c r="N565579" s="10"/>
    </row>
    <row r="565580" spans="14:14">
      <c r="N565580" s="10"/>
    </row>
    <row r="565581" spans="14:14">
      <c r="N565581" s="10"/>
    </row>
    <row r="565582" spans="14:14">
      <c r="N565582" s="10"/>
    </row>
    <row r="565583" spans="14:14">
      <c r="N565583" s="10"/>
    </row>
    <row r="565584" spans="14:14">
      <c r="N565584" s="10"/>
    </row>
    <row r="565585" spans="14:14">
      <c r="N565585" s="10"/>
    </row>
    <row r="565586" spans="14:14">
      <c r="N565586" s="10"/>
    </row>
    <row r="565587" spans="14:14">
      <c r="N565587" s="10"/>
    </row>
    <row r="565588" spans="14:14">
      <c r="N565588" s="10"/>
    </row>
    <row r="565589" spans="14:14">
      <c r="N565589" s="10"/>
    </row>
    <row r="565590" spans="14:14">
      <c r="N565590" s="10"/>
    </row>
    <row r="565591" spans="14:14">
      <c r="N565591" s="10"/>
    </row>
    <row r="565592" spans="14:14">
      <c r="N565592" s="10"/>
    </row>
    <row r="565593" spans="14:14">
      <c r="N565593" s="10"/>
    </row>
    <row r="565594" spans="14:14">
      <c r="N565594" s="10"/>
    </row>
    <row r="565595" spans="14:14">
      <c r="N565595" s="10"/>
    </row>
    <row r="565596" spans="14:14">
      <c r="N565596" s="10"/>
    </row>
    <row r="565597" spans="14:14">
      <c r="N565597" s="10"/>
    </row>
    <row r="565598" spans="14:14">
      <c r="N565598" s="10"/>
    </row>
    <row r="565599" spans="14:14">
      <c r="N565599" s="10"/>
    </row>
    <row r="565600" spans="14:14">
      <c r="N565600" s="10"/>
    </row>
    <row r="565601" spans="14:14">
      <c r="N565601" s="10"/>
    </row>
    <row r="565602" spans="14:14">
      <c r="N565602" s="10"/>
    </row>
    <row r="565603" spans="14:14">
      <c r="N565603" s="10"/>
    </row>
    <row r="565604" spans="14:14">
      <c r="N565604" s="10"/>
    </row>
    <row r="565605" spans="14:14">
      <c r="N565605" s="10"/>
    </row>
    <row r="565606" spans="14:14">
      <c r="N565606" s="10"/>
    </row>
    <row r="565607" spans="14:14">
      <c r="N565607" s="10"/>
    </row>
    <row r="565608" spans="14:14">
      <c r="N565608" s="10"/>
    </row>
    <row r="565609" spans="14:14">
      <c r="N565609" s="10"/>
    </row>
    <row r="565610" spans="14:14">
      <c r="N565610" s="10"/>
    </row>
    <row r="565611" spans="14:14">
      <c r="N565611" s="10"/>
    </row>
    <row r="565612" spans="14:14">
      <c r="N565612" s="10"/>
    </row>
    <row r="565613" spans="14:14">
      <c r="N565613" s="10"/>
    </row>
    <row r="565614" spans="14:14">
      <c r="N565614" s="10"/>
    </row>
    <row r="565615" spans="14:14">
      <c r="N565615" s="10"/>
    </row>
    <row r="565616" spans="14:14">
      <c r="N565616" s="10"/>
    </row>
    <row r="565617" spans="14:14">
      <c r="N565617" s="10"/>
    </row>
    <row r="565618" spans="14:14">
      <c r="N565618" s="10"/>
    </row>
    <row r="565619" spans="14:14">
      <c r="N565619" s="10"/>
    </row>
    <row r="565620" spans="14:14">
      <c r="N565620" s="10"/>
    </row>
    <row r="565621" spans="14:14">
      <c r="N565621" s="10"/>
    </row>
    <row r="565622" spans="14:14">
      <c r="N565622" s="10"/>
    </row>
    <row r="565623" spans="14:14">
      <c r="N565623" s="10"/>
    </row>
    <row r="565624" spans="14:14">
      <c r="N565624" s="10"/>
    </row>
    <row r="565625" spans="14:14">
      <c r="N565625" s="10"/>
    </row>
    <row r="565626" spans="14:14">
      <c r="N565626" s="10"/>
    </row>
    <row r="565627" spans="14:14">
      <c r="N565627" s="10"/>
    </row>
    <row r="565628" spans="14:14">
      <c r="N565628" s="10"/>
    </row>
    <row r="565629" spans="14:14">
      <c r="N565629" s="10"/>
    </row>
    <row r="565630" spans="14:14">
      <c r="N565630" s="10"/>
    </row>
    <row r="565631" spans="14:14">
      <c r="N565631" s="10"/>
    </row>
    <row r="565632" spans="14:14">
      <c r="N565632" s="10"/>
    </row>
    <row r="565633" spans="14:14">
      <c r="N565633" s="10"/>
    </row>
    <row r="565634" spans="14:14">
      <c r="N565634" s="10"/>
    </row>
    <row r="565635" spans="14:14">
      <c r="N565635" s="10"/>
    </row>
    <row r="565636" spans="14:14">
      <c r="N565636" s="10"/>
    </row>
    <row r="565637" spans="14:14">
      <c r="N565637" s="10"/>
    </row>
    <row r="565638" spans="14:14">
      <c r="N565638" s="10"/>
    </row>
    <row r="565639" spans="14:14">
      <c r="N565639" s="10"/>
    </row>
    <row r="565640" spans="14:14">
      <c r="N565640" s="10"/>
    </row>
    <row r="565641" spans="14:14">
      <c r="N565641" s="10"/>
    </row>
    <row r="565642" spans="14:14">
      <c r="N565642" s="10"/>
    </row>
    <row r="565643" spans="14:14">
      <c r="N565643" s="10"/>
    </row>
    <row r="565644" spans="14:14">
      <c r="N565644" s="10"/>
    </row>
    <row r="565645" spans="14:14">
      <c r="N565645" s="10"/>
    </row>
    <row r="565646" spans="14:14">
      <c r="N565646" s="10"/>
    </row>
    <row r="565647" spans="14:14">
      <c r="N565647" s="10"/>
    </row>
    <row r="565648" spans="14:14">
      <c r="N565648" s="10"/>
    </row>
    <row r="565649" spans="14:14">
      <c r="N565649" s="10"/>
    </row>
    <row r="565650" spans="14:14">
      <c r="N565650" s="10"/>
    </row>
    <row r="565651" spans="14:14">
      <c r="N565651" s="10"/>
    </row>
    <row r="565652" spans="14:14">
      <c r="N565652" s="10"/>
    </row>
    <row r="565653" spans="14:14">
      <c r="N565653" s="10"/>
    </row>
    <row r="565654" spans="14:14">
      <c r="N565654" s="10"/>
    </row>
    <row r="565655" spans="14:14">
      <c r="N565655" s="10"/>
    </row>
    <row r="565656" spans="14:14">
      <c r="N565656" s="10"/>
    </row>
    <row r="565657" spans="14:14">
      <c r="N565657" s="10"/>
    </row>
    <row r="565658" spans="14:14">
      <c r="N565658" s="10"/>
    </row>
    <row r="565659" spans="14:14">
      <c r="N565659" s="10"/>
    </row>
    <row r="565660" spans="14:14">
      <c r="N565660" s="10"/>
    </row>
    <row r="565661" spans="14:14">
      <c r="N565661" s="10"/>
    </row>
    <row r="565662" spans="14:14">
      <c r="N565662" s="10"/>
    </row>
    <row r="565663" spans="14:14">
      <c r="N565663" s="10"/>
    </row>
    <row r="565664" spans="14:14">
      <c r="N565664" s="10"/>
    </row>
    <row r="565665" spans="14:14">
      <c r="N565665" s="10"/>
    </row>
    <row r="565666" spans="14:14">
      <c r="N565666" s="10"/>
    </row>
    <row r="565667" spans="14:14">
      <c r="N565667" s="10"/>
    </row>
    <row r="565668" spans="14:14">
      <c r="N565668" s="10"/>
    </row>
    <row r="565669" spans="14:14">
      <c r="N565669" s="10"/>
    </row>
    <row r="565670" spans="14:14">
      <c r="N565670" s="10"/>
    </row>
    <row r="565671" spans="14:14">
      <c r="N565671" s="10"/>
    </row>
    <row r="565672" spans="14:14">
      <c r="N565672" s="10"/>
    </row>
    <row r="565673" spans="14:14">
      <c r="N565673" s="10"/>
    </row>
    <row r="565674" spans="14:14">
      <c r="N565674" s="10"/>
    </row>
    <row r="565675" spans="14:14">
      <c r="N565675" s="10"/>
    </row>
    <row r="565676" spans="14:14">
      <c r="N565676" s="10"/>
    </row>
    <row r="565677" spans="14:14">
      <c r="N565677" s="10"/>
    </row>
    <row r="565678" spans="14:14">
      <c r="N565678" s="10"/>
    </row>
    <row r="565679" spans="14:14">
      <c r="N565679" s="10"/>
    </row>
    <row r="565680" spans="14:14">
      <c r="N565680" s="10"/>
    </row>
    <row r="565681" spans="14:14">
      <c r="N565681" s="10"/>
    </row>
    <row r="565682" spans="14:14">
      <c r="N565682" s="10"/>
    </row>
    <row r="565683" spans="14:14">
      <c r="N565683" s="10"/>
    </row>
    <row r="565684" spans="14:14">
      <c r="N565684" s="10"/>
    </row>
    <row r="565685" spans="14:14">
      <c r="N565685" s="10"/>
    </row>
    <row r="565686" spans="14:14">
      <c r="N565686" s="10"/>
    </row>
    <row r="565687" spans="14:14">
      <c r="N565687" s="10"/>
    </row>
    <row r="565688" spans="14:14">
      <c r="N565688" s="10"/>
    </row>
    <row r="565689" spans="14:14">
      <c r="N565689" s="10"/>
    </row>
    <row r="565690" spans="14:14">
      <c r="N565690" s="10"/>
    </row>
    <row r="565691" spans="14:14">
      <c r="N565691" s="10"/>
    </row>
    <row r="565692" spans="14:14">
      <c r="N565692" s="10"/>
    </row>
    <row r="565693" spans="14:14">
      <c r="N565693" s="10"/>
    </row>
    <row r="565694" spans="14:14">
      <c r="N565694" s="10"/>
    </row>
    <row r="565695" spans="14:14">
      <c r="N565695" s="10"/>
    </row>
    <row r="565696" spans="14:14">
      <c r="N565696" s="10"/>
    </row>
    <row r="565697" spans="14:14">
      <c r="N565697" s="10"/>
    </row>
    <row r="565698" spans="14:14">
      <c r="N565698" s="10"/>
    </row>
    <row r="565699" spans="14:14">
      <c r="N565699" s="10"/>
    </row>
    <row r="565700" spans="14:14">
      <c r="N565700" s="10"/>
    </row>
    <row r="565701" spans="14:14">
      <c r="N565701" s="10"/>
    </row>
    <row r="565702" spans="14:14">
      <c r="N565702" s="10"/>
    </row>
    <row r="565703" spans="14:14">
      <c r="N565703" s="10"/>
    </row>
    <row r="565704" spans="14:14">
      <c r="N565704" s="10"/>
    </row>
    <row r="565705" spans="14:14">
      <c r="N565705" s="10"/>
    </row>
    <row r="565706" spans="14:14">
      <c r="N565706" s="10"/>
    </row>
    <row r="565707" spans="14:14">
      <c r="N565707" s="10"/>
    </row>
    <row r="565708" spans="14:14">
      <c r="N565708" s="10"/>
    </row>
    <row r="565709" spans="14:14">
      <c r="N565709" s="10"/>
    </row>
    <row r="565710" spans="14:14">
      <c r="N565710" s="10"/>
    </row>
    <row r="565711" spans="14:14">
      <c r="N565711" s="10"/>
    </row>
    <row r="565712" spans="14:14">
      <c r="N565712" s="10"/>
    </row>
    <row r="565713" spans="14:14">
      <c r="N565713" s="10"/>
    </row>
    <row r="565714" spans="14:14">
      <c r="N565714" s="10"/>
    </row>
    <row r="565715" spans="14:14">
      <c r="N565715" s="10"/>
    </row>
    <row r="565716" spans="14:14">
      <c r="N565716" s="10"/>
    </row>
    <row r="565717" spans="14:14">
      <c r="N565717" s="10"/>
    </row>
    <row r="565718" spans="14:14">
      <c r="N565718" s="10"/>
    </row>
    <row r="565719" spans="14:14">
      <c r="N565719" s="10"/>
    </row>
    <row r="565720" spans="14:14">
      <c r="N565720" s="10"/>
    </row>
    <row r="565721" spans="14:14">
      <c r="N565721" s="10"/>
    </row>
    <row r="565722" spans="14:14">
      <c r="N565722" s="10"/>
    </row>
    <row r="565723" spans="14:14">
      <c r="N565723" s="10"/>
    </row>
    <row r="565724" spans="14:14">
      <c r="N565724" s="10"/>
    </row>
    <row r="565725" spans="14:14">
      <c r="N565725" s="10"/>
    </row>
    <row r="565726" spans="14:14">
      <c r="N565726" s="10"/>
    </row>
    <row r="565727" spans="14:14">
      <c r="N565727" s="10"/>
    </row>
    <row r="565728" spans="14:14">
      <c r="N565728" s="10"/>
    </row>
    <row r="565729" spans="14:14">
      <c r="N565729" s="10"/>
    </row>
    <row r="565730" spans="14:14">
      <c r="N565730" s="10"/>
    </row>
    <row r="565731" spans="14:14">
      <c r="N565731" s="10"/>
    </row>
    <row r="565732" spans="14:14">
      <c r="N565732" s="10"/>
    </row>
    <row r="565733" spans="14:14">
      <c r="N565733" s="10"/>
    </row>
    <row r="565734" spans="14:14">
      <c r="N565734" s="10"/>
    </row>
    <row r="565735" spans="14:14">
      <c r="N565735" s="10"/>
    </row>
    <row r="565736" spans="14:14">
      <c r="N565736" s="10"/>
    </row>
    <row r="565737" spans="14:14">
      <c r="N565737" s="10"/>
    </row>
    <row r="565738" spans="14:14">
      <c r="N565738" s="10"/>
    </row>
    <row r="565739" spans="14:14">
      <c r="N565739" s="10"/>
    </row>
    <row r="565740" spans="14:14">
      <c r="N565740" s="10"/>
    </row>
    <row r="565741" spans="14:14">
      <c r="N565741" s="10"/>
    </row>
    <row r="565742" spans="14:14">
      <c r="N565742" s="10"/>
    </row>
    <row r="565743" spans="14:14">
      <c r="N565743" s="10"/>
    </row>
    <row r="565744" spans="14:14">
      <c r="N565744" s="10"/>
    </row>
    <row r="565745" spans="14:14">
      <c r="N565745" s="10"/>
    </row>
    <row r="565746" spans="14:14">
      <c r="N565746" s="10"/>
    </row>
    <row r="565747" spans="14:14">
      <c r="N565747" s="10"/>
    </row>
    <row r="565748" spans="14:14">
      <c r="N565748" s="10"/>
    </row>
    <row r="565749" spans="14:14">
      <c r="N565749" s="10"/>
    </row>
    <row r="565750" spans="14:14">
      <c r="N565750" s="10"/>
    </row>
    <row r="565751" spans="14:14">
      <c r="N565751" s="10"/>
    </row>
    <row r="565752" spans="14:14">
      <c r="N565752" s="10"/>
    </row>
    <row r="565753" spans="14:14">
      <c r="N565753" s="10"/>
    </row>
    <row r="565754" spans="14:14">
      <c r="N565754" s="10"/>
    </row>
    <row r="565755" spans="14:14">
      <c r="N565755" s="10"/>
    </row>
    <row r="565756" spans="14:14">
      <c r="N565756" s="10"/>
    </row>
    <row r="565757" spans="14:14">
      <c r="N565757" s="10"/>
    </row>
    <row r="565758" spans="14:14">
      <c r="N565758" s="10"/>
    </row>
    <row r="565759" spans="14:14">
      <c r="N565759" s="10"/>
    </row>
    <row r="565760" spans="14:14">
      <c r="N565760" s="10"/>
    </row>
    <row r="565761" spans="14:14">
      <c r="N565761" s="10"/>
    </row>
    <row r="565762" spans="14:14">
      <c r="N565762" s="10"/>
    </row>
    <row r="565763" spans="14:14">
      <c r="N565763" s="10"/>
    </row>
    <row r="565764" spans="14:14">
      <c r="N565764" s="10"/>
    </row>
    <row r="565765" spans="14:14">
      <c r="N565765" s="10"/>
    </row>
    <row r="565766" spans="14:14">
      <c r="N565766" s="10"/>
    </row>
    <row r="565767" spans="14:14">
      <c r="N565767" s="10"/>
    </row>
    <row r="565768" spans="14:14">
      <c r="N565768" s="10"/>
    </row>
    <row r="565769" spans="14:14">
      <c r="N565769" s="10"/>
    </row>
    <row r="565770" spans="14:14">
      <c r="N565770" s="10"/>
    </row>
    <row r="565771" spans="14:14">
      <c r="N565771" s="10"/>
    </row>
    <row r="565772" spans="14:14">
      <c r="N565772" s="10"/>
    </row>
    <row r="565773" spans="14:14">
      <c r="N565773" s="10"/>
    </row>
    <row r="565774" spans="14:14">
      <c r="N565774" s="10"/>
    </row>
    <row r="565775" spans="14:14">
      <c r="N565775" s="10"/>
    </row>
    <row r="565776" spans="14:14">
      <c r="N565776" s="10"/>
    </row>
    <row r="565777" spans="14:14">
      <c r="N565777" s="10"/>
    </row>
    <row r="565778" spans="14:14">
      <c r="N565778" s="10"/>
    </row>
    <row r="565779" spans="14:14">
      <c r="N565779" s="10"/>
    </row>
    <row r="565780" spans="14:14">
      <c r="N565780" s="10"/>
    </row>
    <row r="565781" spans="14:14">
      <c r="N565781" s="10"/>
    </row>
    <row r="565782" spans="14:14">
      <c r="N565782" s="10"/>
    </row>
    <row r="565783" spans="14:14">
      <c r="N565783" s="10"/>
    </row>
    <row r="565784" spans="14:14">
      <c r="N565784" s="10"/>
    </row>
    <row r="565785" spans="14:14">
      <c r="N565785" s="10"/>
    </row>
    <row r="565786" spans="14:14">
      <c r="N565786" s="10"/>
    </row>
    <row r="565787" spans="14:14">
      <c r="N565787" s="10"/>
    </row>
    <row r="565788" spans="14:14">
      <c r="N565788" s="10"/>
    </row>
    <row r="565789" spans="14:14">
      <c r="N565789" s="10"/>
    </row>
    <row r="565790" spans="14:14">
      <c r="N565790" s="10"/>
    </row>
    <row r="565791" spans="14:14">
      <c r="N565791" s="10"/>
    </row>
    <row r="565792" spans="14:14">
      <c r="N565792" s="10"/>
    </row>
    <row r="565793" spans="14:14">
      <c r="N565793" s="10"/>
    </row>
    <row r="565794" spans="14:14">
      <c r="N565794" s="10"/>
    </row>
    <row r="565795" spans="14:14">
      <c r="N565795" s="10"/>
    </row>
    <row r="565796" spans="14:14">
      <c r="N565796" s="10"/>
    </row>
    <row r="565797" spans="14:14">
      <c r="N565797" s="10"/>
    </row>
    <row r="565798" spans="14:14">
      <c r="N565798" s="10"/>
    </row>
    <row r="565799" spans="14:14">
      <c r="N565799" s="10"/>
    </row>
    <row r="565800" spans="14:14">
      <c r="N565800" s="10"/>
    </row>
    <row r="565801" spans="14:14">
      <c r="N565801" s="10"/>
    </row>
    <row r="565802" spans="14:14">
      <c r="N565802" s="10"/>
    </row>
    <row r="565803" spans="14:14">
      <c r="N565803" s="10"/>
    </row>
    <row r="565804" spans="14:14">
      <c r="N565804" s="10"/>
    </row>
    <row r="565805" spans="14:14">
      <c r="N565805" s="10"/>
    </row>
    <row r="565806" spans="14:14">
      <c r="N565806" s="10"/>
    </row>
    <row r="565807" spans="14:14">
      <c r="N565807" s="10"/>
    </row>
    <row r="565808" spans="14:14">
      <c r="N565808" s="10"/>
    </row>
    <row r="565809" spans="14:14">
      <c r="N565809" s="10"/>
    </row>
    <row r="565810" spans="14:14">
      <c r="N565810" s="10"/>
    </row>
    <row r="565811" spans="14:14">
      <c r="N565811" s="10"/>
    </row>
    <row r="565812" spans="14:14">
      <c r="N565812" s="10"/>
    </row>
    <row r="565813" spans="14:14">
      <c r="N565813" s="10"/>
    </row>
    <row r="565814" spans="14:14">
      <c r="N565814" s="10"/>
    </row>
    <row r="565815" spans="14:14">
      <c r="N565815" s="10"/>
    </row>
    <row r="565816" spans="14:14">
      <c r="N565816" s="10"/>
    </row>
    <row r="565817" spans="14:14">
      <c r="N565817" s="10"/>
    </row>
    <row r="565818" spans="14:14">
      <c r="N565818" s="10"/>
    </row>
    <row r="565819" spans="14:14">
      <c r="N565819" s="10"/>
    </row>
    <row r="565820" spans="14:14">
      <c r="N565820" s="10"/>
    </row>
    <row r="565821" spans="14:14">
      <c r="N565821" s="10"/>
    </row>
    <row r="565822" spans="14:14">
      <c r="N565822" s="10"/>
    </row>
    <row r="565823" spans="14:14">
      <c r="N565823" s="10"/>
    </row>
    <row r="565824" spans="14:14">
      <c r="N565824" s="10"/>
    </row>
    <row r="565825" spans="14:14">
      <c r="N565825" s="10"/>
    </row>
    <row r="565826" spans="14:14">
      <c r="N565826" s="10"/>
    </row>
    <row r="565827" spans="14:14">
      <c r="N565827" s="10"/>
    </row>
    <row r="565828" spans="14:14">
      <c r="N565828" s="10"/>
    </row>
    <row r="565829" spans="14:14">
      <c r="N565829" s="10"/>
    </row>
    <row r="565830" spans="14:14">
      <c r="N565830" s="10"/>
    </row>
    <row r="565831" spans="14:14">
      <c r="N565831" s="10"/>
    </row>
    <row r="565832" spans="14:14">
      <c r="N565832" s="10"/>
    </row>
    <row r="565833" spans="14:14">
      <c r="N565833" s="10"/>
    </row>
    <row r="565834" spans="14:14">
      <c r="N565834" s="10"/>
    </row>
    <row r="565835" spans="14:14">
      <c r="N565835" s="10"/>
    </row>
    <row r="565836" spans="14:14">
      <c r="N565836" s="10"/>
    </row>
    <row r="565837" spans="14:14">
      <c r="N565837" s="10"/>
    </row>
    <row r="565838" spans="14:14">
      <c r="N565838" s="10"/>
    </row>
    <row r="565839" spans="14:14">
      <c r="N565839" s="10"/>
    </row>
    <row r="565840" spans="14:14">
      <c r="N565840" s="10"/>
    </row>
    <row r="565841" spans="14:14">
      <c r="N565841" s="10"/>
    </row>
    <row r="565842" spans="14:14">
      <c r="N565842" s="10"/>
    </row>
    <row r="565843" spans="14:14">
      <c r="N565843" s="10"/>
    </row>
    <row r="565844" spans="14:14">
      <c r="N565844" s="10"/>
    </row>
    <row r="565845" spans="14:14">
      <c r="N565845" s="10"/>
    </row>
    <row r="565846" spans="14:14">
      <c r="N565846" s="10"/>
    </row>
    <row r="565847" spans="14:14">
      <c r="N565847" s="10"/>
    </row>
    <row r="565848" spans="14:14">
      <c r="N565848" s="10"/>
    </row>
    <row r="565849" spans="14:14">
      <c r="N565849" s="10"/>
    </row>
    <row r="565850" spans="14:14">
      <c r="N565850" s="10"/>
    </row>
    <row r="565851" spans="14:14">
      <c r="N565851" s="10"/>
    </row>
    <row r="565852" spans="14:14">
      <c r="N565852" s="10"/>
    </row>
    <row r="565853" spans="14:14">
      <c r="N565853" s="10"/>
    </row>
    <row r="565854" spans="14:14">
      <c r="N565854" s="10"/>
    </row>
    <row r="565855" spans="14:14">
      <c r="N565855" s="10"/>
    </row>
    <row r="565856" spans="14:14">
      <c r="N565856" s="10"/>
    </row>
    <row r="565857" spans="14:14">
      <c r="N565857" s="10"/>
    </row>
    <row r="565858" spans="14:14">
      <c r="N565858" s="10"/>
    </row>
    <row r="565859" spans="14:14">
      <c r="N565859" s="10"/>
    </row>
    <row r="565860" spans="14:14">
      <c r="N565860" s="10"/>
    </row>
    <row r="565861" spans="14:14">
      <c r="N565861" s="10"/>
    </row>
    <row r="565862" spans="14:14">
      <c r="N565862" s="10"/>
    </row>
    <row r="565863" spans="14:14">
      <c r="N565863" s="10"/>
    </row>
    <row r="565864" spans="14:14">
      <c r="N565864" s="10"/>
    </row>
    <row r="565865" spans="14:14">
      <c r="N565865" s="10"/>
    </row>
    <row r="565866" spans="14:14">
      <c r="N565866" s="10"/>
    </row>
    <row r="565867" spans="14:14">
      <c r="N565867" s="10"/>
    </row>
    <row r="565868" spans="14:14">
      <c r="N565868" s="10"/>
    </row>
    <row r="565869" spans="14:14">
      <c r="N565869" s="10"/>
    </row>
    <row r="565870" spans="14:14">
      <c r="N565870" s="10"/>
    </row>
    <row r="565871" spans="14:14">
      <c r="N565871" s="10"/>
    </row>
    <row r="565872" spans="14:14">
      <c r="N565872" s="10"/>
    </row>
    <row r="565873" spans="14:14">
      <c r="N565873" s="10"/>
    </row>
    <row r="565874" spans="14:14">
      <c r="N565874" s="10"/>
    </row>
    <row r="565875" spans="14:14">
      <c r="N565875" s="10"/>
    </row>
    <row r="565876" spans="14:14">
      <c r="N565876" s="10"/>
    </row>
    <row r="565877" spans="14:14">
      <c r="N565877" s="10"/>
    </row>
    <row r="565878" spans="14:14">
      <c r="N565878" s="10"/>
    </row>
    <row r="565879" spans="14:14">
      <c r="N565879" s="10"/>
    </row>
    <row r="565880" spans="14:14">
      <c r="N565880" s="10"/>
    </row>
    <row r="565881" spans="14:14">
      <c r="N565881" s="10"/>
    </row>
    <row r="565882" spans="14:14">
      <c r="N565882" s="10"/>
    </row>
    <row r="565883" spans="14:14">
      <c r="N565883" s="10"/>
    </row>
    <row r="565884" spans="14:14">
      <c r="N565884" s="10"/>
    </row>
    <row r="565885" spans="14:14">
      <c r="N565885" s="10"/>
    </row>
    <row r="565886" spans="14:14">
      <c r="N565886" s="10"/>
    </row>
    <row r="565887" spans="14:14">
      <c r="N565887" s="10"/>
    </row>
    <row r="565888" spans="14:14">
      <c r="N565888" s="10"/>
    </row>
    <row r="565889" spans="14:14">
      <c r="N565889" s="10"/>
    </row>
    <row r="565890" spans="14:14">
      <c r="N565890" s="10"/>
    </row>
    <row r="565891" spans="14:14">
      <c r="N565891" s="10"/>
    </row>
    <row r="565892" spans="14:14">
      <c r="N565892" s="10"/>
    </row>
    <row r="565893" spans="14:14">
      <c r="N565893" s="10"/>
    </row>
    <row r="565894" spans="14:14">
      <c r="N565894" s="10"/>
    </row>
    <row r="565895" spans="14:14">
      <c r="N565895" s="10"/>
    </row>
    <row r="565896" spans="14:14">
      <c r="N565896" s="10"/>
    </row>
    <row r="565897" spans="14:14">
      <c r="N565897" s="10"/>
    </row>
    <row r="565898" spans="14:14">
      <c r="N565898" s="10"/>
    </row>
    <row r="565899" spans="14:14">
      <c r="N565899" s="10"/>
    </row>
    <row r="565900" spans="14:14">
      <c r="N565900" s="10"/>
    </row>
    <row r="565901" spans="14:14">
      <c r="N565901" s="10"/>
    </row>
    <row r="565902" spans="14:14">
      <c r="N565902" s="10"/>
    </row>
    <row r="565903" spans="14:14">
      <c r="N565903" s="10"/>
    </row>
    <row r="565904" spans="14:14">
      <c r="N565904" s="10"/>
    </row>
    <row r="565905" spans="14:14">
      <c r="N565905" s="10"/>
    </row>
    <row r="565906" spans="14:14">
      <c r="N565906" s="10"/>
    </row>
    <row r="565907" spans="14:14">
      <c r="N565907" s="10"/>
    </row>
    <row r="565908" spans="14:14">
      <c r="N565908" s="10"/>
    </row>
    <row r="565909" spans="14:14">
      <c r="N565909" s="10"/>
    </row>
    <row r="565910" spans="14:14">
      <c r="N565910" s="10"/>
    </row>
    <row r="565911" spans="14:14">
      <c r="N565911" s="10"/>
    </row>
    <row r="565912" spans="14:14">
      <c r="N565912" s="10"/>
    </row>
    <row r="565913" spans="14:14">
      <c r="N565913" s="10"/>
    </row>
    <row r="565914" spans="14:14">
      <c r="N565914" s="10"/>
    </row>
    <row r="565915" spans="14:14">
      <c r="N565915" s="10"/>
    </row>
    <row r="565916" spans="14:14">
      <c r="N565916" s="10"/>
    </row>
    <row r="565917" spans="14:14">
      <c r="N565917" s="10"/>
    </row>
    <row r="565918" spans="14:14">
      <c r="N565918" s="10"/>
    </row>
    <row r="565919" spans="14:14">
      <c r="N565919" s="10"/>
    </row>
    <row r="565920" spans="14:14">
      <c r="N565920" s="10"/>
    </row>
    <row r="565921" spans="14:14">
      <c r="N565921" s="10"/>
    </row>
    <row r="565922" spans="14:14">
      <c r="N565922" s="10"/>
    </row>
    <row r="565923" spans="14:14">
      <c r="N565923" s="10"/>
    </row>
    <row r="565924" spans="14:14">
      <c r="N565924" s="10"/>
    </row>
    <row r="565925" spans="14:14">
      <c r="N565925" s="10"/>
    </row>
    <row r="565926" spans="14:14">
      <c r="N565926" s="10"/>
    </row>
    <row r="565927" spans="14:14">
      <c r="N565927" s="10"/>
    </row>
    <row r="565928" spans="14:14">
      <c r="N565928" s="10"/>
    </row>
    <row r="565929" spans="14:14">
      <c r="N565929" s="10"/>
    </row>
    <row r="565930" spans="14:14">
      <c r="N565930" s="10"/>
    </row>
    <row r="565931" spans="14:14">
      <c r="N565931" s="10"/>
    </row>
    <row r="565932" spans="14:14">
      <c r="N565932" s="10"/>
    </row>
    <row r="565933" spans="14:14">
      <c r="N565933" s="10"/>
    </row>
    <row r="565934" spans="14:14">
      <c r="N565934" s="10"/>
    </row>
    <row r="565935" spans="14:14">
      <c r="N565935" s="10"/>
    </row>
    <row r="565936" spans="14:14">
      <c r="N565936" s="10"/>
    </row>
    <row r="565937" spans="14:14">
      <c r="N565937" s="10"/>
    </row>
    <row r="565938" spans="14:14">
      <c r="N565938" s="10"/>
    </row>
    <row r="565939" spans="14:14">
      <c r="N565939" s="10"/>
    </row>
    <row r="565940" spans="14:14">
      <c r="N565940" s="10"/>
    </row>
    <row r="565941" spans="14:14">
      <c r="N565941" s="10"/>
    </row>
    <row r="565942" spans="14:14">
      <c r="N565942" s="10"/>
    </row>
    <row r="565943" spans="14:14">
      <c r="N565943" s="10"/>
    </row>
    <row r="565944" spans="14:14">
      <c r="N565944" s="10"/>
    </row>
    <row r="565945" spans="14:14">
      <c r="N565945" s="10"/>
    </row>
    <row r="565946" spans="14:14">
      <c r="N565946" s="10"/>
    </row>
    <row r="565947" spans="14:14">
      <c r="N565947" s="10"/>
    </row>
    <row r="565948" spans="14:14">
      <c r="N565948" s="10"/>
    </row>
    <row r="565949" spans="14:14">
      <c r="N565949" s="10"/>
    </row>
    <row r="565950" spans="14:14">
      <c r="N565950" s="10"/>
    </row>
    <row r="565951" spans="14:14">
      <c r="N565951" s="10"/>
    </row>
    <row r="565952" spans="14:14">
      <c r="N565952" s="10"/>
    </row>
    <row r="565953" spans="14:14">
      <c r="N565953" s="10"/>
    </row>
    <row r="565954" spans="14:14">
      <c r="N565954" s="10"/>
    </row>
    <row r="565955" spans="14:14">
      <c r="N565955" s="10"/>
    </row>
    <row r="565956" spans="14:14">
      <c r="N565956" s="10"/>
    </row>
    <row r="565957" spans="14:14">
      <c r="N565957" s="10"/>
    </row>
    <row r="565958" spans="14:14">
      <c r="N565958" s="10"/>
    </row>
    <row r="565959" spans="14:14">
      <c r="N565959" s="10"/>
    </row>
    <row r="565960" spans="14:14">
      <c r="N565960" s="10"/>
    </row>
    <row r="565961" spans="14:14">
      <c r="N565961" s="10"/>
    </row>
    <row r="565962" spans="14:14">
      <c r="N565962" s="10"/>
    </row>
    <row r="565963" spans="14:14">
      <c r="N565963" s="10"/>
    </row>
    <row r="565964" spans="14:14">
      <c r="N565964" s="10"/>
    </row>
    <row r="565965" spans="14:14">
      <c r="N565965" s="10"/>
    </row>
    <row r="565966" spans="14:14">
      <c r="N565966" s="10"/>
    </row>
    <row r="565967" spans="14:14">
      <c r="N565967" s="10"/>
    </row>
    <row r="565968" spans="14:14">
      <c r="N565968" s="10"/>
    </row>
    <row r="565969" spans="14:14">
      <c r="N565969" s="10"/>
    </row>
    <row r="565970" spans="14:14">
      <c r="N565970" s="10"/>
    </row>
    <row r="565971" spans="14:14">
      <c r="N565971" s="10"/>
    </row>
    <row r="565972" spans="14:14">
      <c r="N565972" s="10"/>
    </row>
    <row r="565973" spans="14:14">
      <c r="N565973" s="10"/>
    </row>
    <row r="565974" spans="14:14">
      <c r="N565974" s="10"/>
    </row>
    <row r="565975" spans="14:14">
      <c r="N565975" s="10"/>
    </row>
    <row r="565976" spans="14:14">
      <c r="N565976" s="10"/>
    </row>
    <row r="565977" spans="14:14">
      <c r="N565977" s="10"/>
    </row>
    <row r="565978" spans="14:14">
      <c r="N565978" s="10"/>
    </row>
    <row r="565979" spans="14:14">
      <c r="N565979" s="10"/>
    </row>
    <row r="565980" spans="14:14">
      <c r="N565980" s="10"/>
    </row>
    <row r="565981" spans="14:14">
      <c r="N565981" s="10"/>
    </row>
    <row r="565982" spans="14:14">
      <c r="N565982" s="10"/>
    </row>
    <row r="565983" spans="14:14">
      <c r="N565983" s="10"/>
    </row>
    <row r="565984" spans="14:14">
      <c r="N565984" s="10"/>
    </row>
    <row r="565985" spans="14:14">
      <c r="N565985" s="10"/>
    </row>
    <row r="565986" spans="14:14">
      <c r="N565986" s="10"/>
    </row>
    <row r="565987" spans="14:14">
      <c r="N565987" s="10"/>
    </row>
    <row r="565988" spans="14:14">
      <c r="N565988" s="10"/>
    </row>
    <row r="565989" spans="14:14">
      <c r="N565989" s="10"/>
    </row>
    <row r="565990" spans="14:14">
      <c r="N565990" s="10"/>
    </row>
    <row r="565991" spans="14:14">
      <c r="N565991" s="10"/>
    </row>
    <row r="565992" spans="14:14">
      <c r="N565992" s="10"/>
    </row>
    <row r="565993" spans="14:14">
      <c r="N565993" s="10"/>
    </row>
    <row r="565994" spans="14:14">
      <c r="N565994" s="10"/>
    </row>
    <row r="565995" spans="14:14">
      <c r="N565995" s="10"/>
    </row>
    <row r="565996" spans="14:14">
      <c r="N565996" s="10"/>
    </row>
    <row r="565997" spans="14:14">
      <c r="N565997" s="10"/>
    </row>
    <row r="565998" spans="14:14">
      <c r="N565998" s="10"/>
    </row>
    <row r="565999" spans="14:14">
      <c r="N565999" s="10"/>
    </row>
    <row r="566000" spans="14:14">
      <c r="N566000" s="10"/>
    </row>
    <row r="566001" spans="14:14">
      <c r="N566001" s="10"/>
    </row>
    <row r="566002" spans="14:14">
      <c r="N566002" s="10"/>
    </row>
    <row r="566003" spans="14:14">
      <c r="N566003" s="10"/>
    </row>
    <row r="566004" spans="14:14">
      <c r="N566004" s="10"/>
    </row>
    <row r="566005" spans="14:14">
      <c r="N566005" s="10"/>
    </row>
    <row r="566006" spans="14:14">
      <c r="N566006" s="10"/>
    </row>
    <row r="566007" spans="14:14">
      <c r="N566007" s="10"/>
    </row>
    <row r="566008" spans="14:14">
      <c r="N566008" s="10"/>
    </row>
    <row r="566009" spans="14:14">
      <c r="N566009" s="10"/>
    </row>
    <row r="566010" spans="14:14">
      <c r="N566010" s="10"/>
    </row>
    <row r="566011" spans="14:14">
      <c r="N566011" s="10"/>
    </row>
    <row r="566012" spans="14:14">
      <c r="N566012" s="10"/>
    </row>
    <row r="566013" spans="14:14">
      <c r="N566013" s="10"/>
    </row>
    <row r="566014" spans="14:14">
      <c r="N566014" s="10"/>
    </row>
    <row r="566015" spans="14:14">
      <c r="N566015" s="10"/>
    </row>
    <row r="566016" spans="14:14">
      <c r="N566016" s="10"/>
    </row>
    <row r="566017" spans="14:14">
      <c r="N566017" s="10"/>
    </row>
    <row r="566018" spans="14:14">
      <c r="N566018" s="10"/>
    </row>
    <row r="566019" spans="14:14">
      <c r="N566019" s="10"/>
    </row>
    <row r="566020" spans="14:14">
      <c r="N566020" s="10"/>
    </row>
    <row r="566021" spans="14:14">
      <c r="N566021" s="10"/>
    </row>
    <row r="566022" spans="14:14">
      <c r="N566022" s="10"/>
    </row>
    <row r="566023" spans="14:14">
      <c r="N566023" s="10"/>
    </row>
    <row r="566024" spans="14:14">
      <c r="N566024" s="10"/>
    </row>
    <row r="566025" spans="14:14">
      <c r="N566025" s="10"/>
    </row>
    <row r="566026" spans="14:14">
      <c r="N566026" s="10"/>
    </row>
    <row r="566027" spans="14:14">
      <c r="N566027" s="10"/>
    </row>
    <row r="566028" spans="14:14">
      <c r="N566028" s="10"/>
    </row>
    <row r="566029" spans="14:14">
      <c r="N566029" s="10"/>
    </row>
    <row r="566030" spans="14:14">
      <c r="N566030" s="10"/>
    </row>
    <row r="566031" spans="14:14">
      <c r="N566031" s="10"/>
    </row>
    <row r="566032" spans="14:14">
      <c r="N566032" s="10"/>
    </row>
    <row r="566033" spans="14:14">
      <c r="N566033" s="10"/>
    </row>
    <row r="566034" spans="14:14">
      <c r="N566034" s="10"/>
    </row>
    <row r="566035" spans="14:14">
      <c r="N566035" s="10"/>
    </row>
    <row r="566036" spans="14:14">
      <c r="N566036" s="10"/>
    </row>
    <row r="566037" spans="14:14">
      <c r="N566037" s="10"/>
    </row>
    <row r="566038" spans="14:14">
      <c r="N566038" s="10"/>
    </row>
    <row r="566039" spans="14:14">
      <c r="N566039" s="10"/>
    </row>
    <row r="566040" spans="14:14">
      <c r="N566040" s="10"/>
    </row>
    <row r="566041" spans="14:14">
      <c r="N566041" s="10"/>
    </row>
    <row r="566042" spans="14:14">
      <c r="N566042" s="10"/>
    </row>
    <row r="566043" spans="14:14">
      <c r="N566043" s="10"/>
    </row>
    <row r="566044" spans="14:14">
      <c r="N566044" s="10"/>
    </row>
    <row r="566045" spans="14:14">
      <c r="N566045" s="10"/>
    </row>
    <row r="566046" spans="14:14">
      <c r="N566046" s="10"/>
    </row>
    <row r="566047" spans="14:14">
      <c r="N566047" s="10"/>
    </row>
    <row r="566048" spans="14:14">
      <c r="N566048" s="10"/>
    </row>
    <row r="566049" spans="14:14">
      <c r="N566049" s="10"/>
    </row>
    <row r="566050" spans="14:14">
      <c r="N566050" s="10"/>
    </row>
    <row r="566051" spans="14:14">
      <c r="N566051" s="10"/>
    </row>
    <row r="566052" spans="14:14">
      <c r="N566052" s="10"/>
    </row>
    <row r="566053" spans="14:14">
      <c r="N566053" s="10"/>
    </row>
    <row r="566054" spans="14:14">
      <c r="N566054" s="10"/>
    </row>
    <row r="566055" spans="14:14">
      <c r="N566055" s="10"/>
    </row>
    <row r="566056" spans="14:14">
      <c r="N566056" s="10"/>
    </row>
    <row r="566057" spans="14:14">
      <c r="N566057" s="10"/>
    </row>
    <row r="566058" spans="14:14">
      <c r="N566058" s="10"/>
    </row>
    <row r="566059" spans="14:14">
      <c r="N566059" s="10"/>
    </row>
    <row r="566060" spans="14:14">
      <c r="N566060" s="10"/>
    </row>
    <row r="566061" spans="14:14">
      <c r="N566061" s="10"/>
    </row>
    <row r="566062" spans="14:14">
      <c r="N566062" s="10"/>
    </row>
    <row r="566063" spans="14:14">
      <c r="N566063" s="10"/>
    </row>
    <row r="566064" spans="14:14">
      <c r="N566064" s="10"/>
    </row>
    <row r="566065" spans="14:14">
      <c r="N566065" s="10"/>
    </row>
    <row r="566066" spans="14:14">
      <c r="N566066" s="10"/>
    </row>
    <row r="566067" spans="14:14">
      <c r="N566067" s="10"/>
    </row>
    <row r="566068" spans="14:14">
      <c r="N566068" s="10"/>
    </row>
    <row r="566069" spans="14:14">
      <c r="N566069" s="10"/>
    </row>
    <row r="566070" spans="14:14">
      <c r="N566070" s="10"/>
    </row>
    <row r="566071" spans="14:14">
      <c r="N566071" s="10"/>
    </row>
    <row r="566072" spans="14:14">
      <c r="N566072" s="10"/>
    </row>
    <row r="566073" spans="14:14">
      <c r="N566073" s="10"/>
    </row>
    <row r="566074" spans="14:14">
      <c r="N566074" s="10"/>
    </row>
    <row r="566075" spans="14:14">
      <c r="N566075" s="10"/>
    </row>
    <row r="566076" spans="14:14">
      <c r="N566076" s="10"/>
    </row>
    <row r="566077" spans="14:14">
      <c r="N566077" s="10"/>
    </row>
    <row r="566078" spans="14:14">
      <c r="N566078" s="10"/>
    </row>
    <row r="566079" spans="14:14">
      <c r="N566079" s="10"/>
    </row>
    <row r="566080" spans="14:14">
      <c r="N566080" s="10"/>
    </row>
    <row r="566081" spans="14:14">
      <c r="N566081" s="10"/>
    </row>
    <row r="566082" spans="14:14">
      <c r="N566082" s="10"/>
    </row>
    <row r="566083" spans="14:14">
      <c r="N566083" s="10"/>
    </row>
    <row r="566084" spans="14:14">
      <c r="N566084" s="10"/>
    </row>
    <row r="566085" spans="14:14">
      <c r="N566085" s="10"/>
    </row>
    <row r="566086" spans="14:14">
      <c r="N566086" s="10"/>
    </row>
    <row r="566087" spans="14:14">
      <c r="N566087" s="10"/>
    </row>
    <row r="566088" spans="14:14">
      <c r="N566088" s="10"/>
    </row>
    <row r="566089" spans="14:14">
      <c r="N566089" s="10"/>
    </row>
    <row r="566090" spans="14:14">
      <c r="N566090" s="10"/>
    </row>
    <row r="566091" spans="14:14">
      <c r="N566091" s="10"/>
    </row>
    <row r="566092" spans="14:14">
      <c r="N566092" s="10"/>
    </row>
    <row r="566093" spans="14:14">
      <c r="N566093" s="10"/>
    </row>
    <row r="566094" spans="14:14">
      <c r="N566094" s="10"/>
    </row>
    <row r="566095" spans="14:14">
      <c r="N566095" s="10"/>
    </row>
    <row r="566096" spans="14:14">
      <c r="N566096" s="10"/>
    </row>
    <row r="566097" spans="14:14">
      <c r="N566097" s="10"/>
    </row>
    <row r="566098" spans="14:14">
      <c r="N566098" s="10"/>
    </row>
    <row r="566099" spans="14:14">
      <c r="N566099" s="10"/>
    </row>
    <row r="566100" spans="14:14">
      <c r="N566100" s="10"/>
    </row>
    <row r="566101" spans="14:14">
      <c r="N566101" s="10"/>
    </row>
    <row r="566102" spans="14:14">
      <c r="N566102" s="10"/>
    </row>
    <row r="566103" spans="14:14">
      <c r="N566103" s="10"/>
    </row>
    <row r="566104" spans="14:14">
      <c r="N566104" s="10"/>
    </row>
    <row r="566105" spans="14:14">
      <c r="N566105" s="10"/>
    </row>
    <row r="566106" spans="14:14">
      <c r="N566106" s="10"/>
    </row>
    <row r="566107" spans="14:14">
      <c r="N566107" s="10"/>
    </row>
    <row r="566108" spans="14:14">
      <c r="N566108" s="10"/>
    </row>
    <row r="566109" spans="14:14">
      <c r="N566109" s="10"/>
    </row>
    <row r="566110" spans="14:14">
      <c r="N566110" s="10"/>
    </row>
    <row r="566111" spans="14:14">
      <c r="N566111" s="10"/>
    </row>
    <row r="566112" spans="14:14">
      <c r="N566112" s="10"/>
    </row>
    <row r="566113" spans="14:14">
      <c r="N566113" s="10"/>
    </row>
    <row r="566114" spans="14:14">
      <c r="N566114" s="10"/>
    </row>
    <row r="566115" spans="14:14">
      <c r="N566115" s="10"/>
    </row>
    <row r="566116" spans="14:14">
      <c r="N566116" s="10"/>
    </row>
    <row r="566117" spans="14:14">
      <c r="N566117" s="10"/>
    </row>
    <row r="566118" spans="14:14">
      <c r="N566118" s="10"/>
    </row>
    <row r="566119" spans="14:14">
      <c r="N566119" s="10"/>
    </row>
    <row r="566120" spans="14:14">
      <c r="N566120" s="10"/>
    </row>
    <row r="566121" spans="14:14">
      <c r="N566121" s="10"/>
    </row>
    <row r="566122" spans="14:14">
      <c r="N566122" s="10"/>
    </row>
    <row r="566123" spans="14:14">
      <c r="N566123" s="10"/>
    </row>
    <row r="566124" spans="14:14">
      <c r="N566124" s="10"/>
    </row>
    <row r="566125" spans="14:14">
      <c r="N566125" s="10"/>
    </row>
    <row r="566126" spans="14:14">
      <c r="N566126" s="10"/>
    </row>
    <row r="566127" spans="14:14">
      <c r="N566127" s="10"/>
    </row>
    <row r="566128" spans="14:14">
      <c r="N566128" s="10"/>
    </row>
    <row r="566129" spans="14:14">
      <c r="N566129" s="10"/>
    </row>
    <row r="566130" spans="14:14">
      <c r="N566130" s="10"/>
    </row>
    <row r="566131" spans="14:14">
      <c r="N566131" s="10"/>
    </row>
    <row r="566132" spans="14:14">
      <c r="N566132" s="10"/>
    </row>
    <row r="566133" spans="14:14">
      <c r="N566133" s="10"/>
    </row>
    <row r="566134" spans="14:14">
      <c r="N566134" s="10"/>
    </row>
    <row r="566135" spans="14:14">
      <c r="N566135" s="10"/>
    </row>
    <row r="566136" spans="14:14">
      <c r="N566136" s="10"/>
    </row>
    <row r="566137" spans="14:14">
      <c r="N566137" s="10"/>
    </row>
    <row r="566138" spans="14:14">
      <c r="N566138" s="10"/>
    </row>
    <row r="566139" spans="14:14">
      <c r="N566139" s="10"/>
    </row>
    <row r="566140" spans="14:14">
      <c r="N566140" s="10"/>
    </row>
    <row r="566141" spans="14:14">
      <c r="N566141" s="10"/>
    </row>
    <row r="566142" spans="14:14">
      <c r="N566142" s="10"/>
    </row>
    <row r="566143" spans="14:14">
      <c r="N566143" s="10"/>
    </row>
    <row r="566144" spans="14:14">
      <c r="N566144" s="10"/>
    </row>
    <row r="566145" spans="14:14">
      <c r="N566145" s="10"/>
    </row>
    <row r="566146" spans="14:14">
      <c r="N566146" s="10"/>
    </row>
    <row r="566147" spans="14:14">
      <c r="N566147" s="10"/>
    </row>
    <row r="566148" spans="14:14">
      <c r="N566148" s="10"/>
    </row>
    <row r="566149" spans="14:14">
      <c r="N566149" s="10"/>
    </row>
    <row r="566150" spans="14:14">
      <c r="N566150" s="10"/>
    </row>
    <row r="566151" spans="14:14">
      <c r="N566151" s="10"/>
    </row>
    <row r="566152" spans="14:14">
      <c r="N566152" s="10"/>
    </row>
    <row r="566153" spans="14:14">
      <c r="N566153" s="10"/>
    </row>
    <row r="566154" spans="14:14">
      <c r="N566154" s="10"/>
    </row>
    <row r="566155" spans="14:14">
      <c r="N566155" s="10"/>
    </row>
    <row r="566156" spans="14:14">
      <c r="N566156" s="10"/>
    </row>
    <row r="566157" spans="14:14">
      <c r="N566157" s="10"/>
    </row>
    <row r="566158" spans="14:14">
      <c r="N566158" s="10"/>
    </row>
    <row r="566159" spans="14:14">
      <c r="N566159" s="10"/>
    </row>
    <row r="566160" spans="14:14">
      <c r="N566160" s="10"/>
    </row>
    <row r="566161" spans="14:14">
      <c r="N566161" s="10"/>
    </row>
    <row r="566162" spans="14:14">
      <c r="N566162" s="10"/>
    </row>
    <row r="566163" spans="14:14">
      <c r="N566163" s="10"/>
    </row>
    <row r="566164" spans="14:14">
      <c r="N566164" s="10"/>
    </row>
    <row r="566165" spans="14:14">
      <c r="N566165" s="10"/>
    </row>
    <row r="566166" spans="14:14">
      <c r="N566166" s="10"/>
    </row>
    <row r="566167" spans="14:14">
      <c r="N566167" s="10"/>
    </row>
    <row r="566168" spans="14:14">
      <c r="N566168" s="10"/>
    </row>
    <row r="566169" spans="14:14">
      <c r="N566169" s="10"/>
    </row>
    <row r="566170" spans="14:14">
      <c r="N566170" s="10"/>
    </row>
    <row r="566171" spans="14:14">
      <c r="N566171" s="10"/>
    </row>
    <row r="566172" spans="14:14">
      <c r="N566172" s="10"/>
    </row>
    <row r="566173" spans="14:14">
      <c r="N566173" s="10"/>
    </row>
    <row r="566174" spans="14:14">
      <c r="N566174" s="10"/>
    </row>
    <row r="566175" spans="14:14">
      <c r="N566175" s="10"/>
    </row>
    <row r="566176" spans="14:14">
      <c r="N566176" s="10"/>
    </row>
    <row r="566177" spans="14:14">
      <c r="N566177" s="10"/>
    </row>
    <row r="566178" spans="14:14">
      <c r="N566178" s="10"/>
    </row>
    <row r="566179" spans="14:14">
      <c r="N566179" s="10"/>
    </row>
    <row r="566180" spans="14:14">
      <c r="N566180" s="10"/>
    </row>
    <row r="566181" spans="14:14">
      <c r="N566181" s="10"/>
    </row>
    <row r="566182" spans="14:14">
      <c r="N566182" s="10"/>
    </row>
    <row r="566183" spans="14:14">
      <c r="N566183" s="10"/>
    </row>
    <row r="566184" spans="14:14">
      <c r="N566184" s="10"/>
    </row>
    <row r="566185" spans="14:14">
      <c r="N566185" s="10"/>
    </row>
    <row r="566186" spans="14:14">
      <c r="N566186" s="10"/>
    </row>
    <row r="566187" spans="14:14">
      <c r="N566187" s="10"/>
    </row>
    <row r="566188" spans="14:14">
      <c r="N566188" s="10"/>
    </row>
    <row r="566189" spans="14:14">
      <c r="N566189" s="10"/>
    </row>
    <row r="566190" spans="14:14">
      <c r="N566190" s="10"/>
    </row>
    <row r="566191" spans="14:14">
      <c r="N566191" s="10"/>
    </row>
    <row r="566192" spans="14:14">
      <c r="N566192" s="10"/>
    </row>
    <row r="566193" spans="14:14">
      <c r="N566193" s="10"/>
    </row>
    <row r="566194" spans="14:14">
      <c r="N566194" s="10"/>
    </row>
    <row r="566195" spans="14:14">
      <c r="N566195" s="10"/>
    </row>
    <row r="566196" spans="14:14">
      <c r="N566196" s="10"/>
    </row>
    <row r="566197" spans="14:14">
      <c r="N566197" s="10"/>
    </row>
    <row r="566198" spans="14:14">
      <c r="N566198" s="10"/>
    </row>
    <row r="566199" spans="14:14">
      <c r="N566199" s="10"/>
    </row>
    <row r="566200" spans="14:14">
      <c r="N566200" s="10"/>
    </row>
    <row r="566201" spans="14:14">
      <c r="N566201" s="10"/>
    </row>
    <row r="566202" spans="14:14">
      <c r="N566202" s="10"/>
    </row>
    <row r="566203" spans="14:14">
      <c r="N566203" s="10"/>
    </row>
    <row r="566204" spans="14:14">
      <c r="N566204" s="10"/>
    </row>
    <row r="566205" spans="14:14">
      <c r="N566205" s="10"/>
    </row>
    <row r="566206" spans="14:14">
      <c r="N566206" s="10"/>
    </row>
    <row r="566207" spans="14:14">
      <c r="N566207" s="10"/>
    </row>
    <row r="566208" spans="14:14">
      <c r="N566208" s="10"/>
    </row>
    <row r="566209" spans="14:14">
      <c r="N566209" s="10"/>
    </row>
    <row r="566210" spans="14:14">
      <c r="N566210" s="10"/>
    </row>
    <row r="566211" spans="14:14">
      <c r="N566211" s="10"/>
    </row>
    <row r="566212" spans="14:14">
      <c r="N566212" s="10"/>
    </row>
    <row r="566213" spans="14:14">
      <c r="N566213" s="10"/>
    </row>
    <row r="566214" spans="14:14">
      <c r="N566214" s="10"/>
    </row>
    <row r="566215" spans="14:14">
      <c r="N566215" s="10"/>
    </row>
    <row r="566216" spans="14:14">
      <c r="N566216" s="10"/>
    </row>
    <row r="566217" spans="14:14">
      <c r="N566217" s="10"/>
    </row>
    <row r="566218" spans="14:14">
      <c r="N566218" s="10"/>
    </row>
    <row r="566219" spans="14:14">
      <c r="N566219" s="10"/>
    </row>
    <row r="566220" spans="14:14">
      <c r="N566220" s="10"/>
    </row>
    <row r="566221" spans="14:14">
      <c r="N566221" s="10"/>
    </row>
    <row r="566222" spans="14:14">
      <c r="N566222" s="10"/>
    </row>
    <row r="566223" spans="14:14">
      <c r="N566223" s="10"/>
    </row>
    <row r="566224" spans="14:14">
      <c r="N566224" s="10"/>
    </row>
    <row r="566225" spans="14:14">
      <c r="N566225" s="10"/>
    </row>
    <row r="566226" spans="14:14">
      <c r="N566226" s="10"/>
    </row>
    <row r="566227" spans="14:14">
      <c r="N566227" s="10"/>
    </row>
    <row r="566228" spans="14:14">
      <c r="N566228" s="10"/>
    </row>
    <row r="566229" spans="14:14">
      <c r="N566229" s="10"/>
    </row>
    <row r="566230" spans="14:14">
      <c r="N566230" s="10"/>
    </row>
    <row r="566231" spans="14:14">
      <c r="N566231" s="10"/>
    </row>
    <row r="566232" spans="14:14">
      <c r="N566232" s="10"/>
    </row>
    <row r="566233" spans="14:14">
      <c r="N566233" s="10"/>
    </row>
    <row r="566234" spans="14:14">
      <c r="N566234" s="10"/>
    </row>
    <row r="566235" spans="14:14">
      <c r="N566235" s="10"/>
    </row>
    <row r="566236" spans="14:14">
      <c r="N566236" s="10"/>
    </row>
    <row r="566237" spans="14:14">
      <c r="N566237" s="10"/>
    </row>
    <row r="566238" spans="14:14">
      <c r="N566238" s="10"/>
    </row>
    <row r="566239" spans="14:14">
      <c r="N566239" s="10"/>
    </row>
    <row r="566240" spans="14:14">
      <c r="N566240" s="10"/>
    </row>
    <row r="566241" spans="14:14">
      <c r="N566241" s="10"/>
    </row>
    <row r="566242" spans="14:14">
      <c r="N566242" s="10"/>
    </row>
    <row r="566243" spans="14:14">
      <c r="N566243" s="10"/>
    </row>
    <row r="566244" spans="14:14">
      <c r="N566244" s="10"/>
    </row>
    <row r="566245" spans="14:14">
      <c r="N566245" s="10"/>
    </row>
    <row r="566246" spans="14:14">
      <c r="N566246" s="10"/>
    </row>
    <row r="566247" spans="14:14">
      <c r="N566247" s="10"/>
    </row>
    <row r="566248" spans="14:14">
      <c r="N566248" s="10"/>
    </row>
    <row r="566249" spans="14:14">
      <c r="N566249" s="10"/>
    </row>
    <row r="566250" spans="14:14">
      <c r="N566250" s="10"/>
    </row>
    <row r="566251" spans="14:14">
      <c r="N566251" s="10"/>
    </row>
    <row r="566252" spans="14:14">
      <c r="N566252" s="10"/>
    </row>
    <row r="566253" spans="14:14">
      <c r="N566253" s="10"/>
    </row>
    <row r="566254" spans="14:14">
      <c r="N566254" s="10"/>
    </row>
    <row r="566255" spans="14:14">
      <c r="N566255" s="10"/>
    </row>
    <row r="566256" spans="14:14">
      <c r="N566256" s="10"/>
    </row>
    <row r="566257" spans="14:14">
      <c r="N566257" s="10"/>
    </row>
    <row r="566258" spans="14:14">
      <c r="N566258" s="10"/>
    </row>
    <row r="566259" spans="14:14">
      <c r="N566259" s="10"/>
    </row>
    <row r="566260" spans="14:14">
      <c r="N566260" s="10"/>
    </row>
    <row r="566261" spans="14:14">
      <c r="N566261" s="10"/>
    </row>
    <row r="566262" spans="14:14">
      <c r="N566262" s="10"/>
    </row>
    <row r="566263" spans="14:14">
      <c r="N566263" s="10"/>
    </row>
    <row r="566264" spans="14:14">
      <c r="N566264" s="10"/>
    </row>
    <row r="566265" spans="14:14">
      <c r="N566265" s="10"/>
    </row>
    <row r="566266" spans="14:14">
      <c r="N566266" s="10"/>
    </row>
    <row r="566267" spans="14:14">
      <c r="N566267" s="10"/>
    </row>
    <row r="566268" spans="14:14">
      <c r="N566268" s="10"/>
    </row>
    <row r="566269" spans="14:14">
      <c r="N566269" s="10"/>
    </row>
    <row r="566270" spans="14:14">
      <c r="N566270" s="10"/>
    </row>
    <row r="566271" spans="14:14">
      <c r="N566271" s="10"/>
    </row>
    <row r="566272" spans="14:14">
      <c r="N566272" s="10"/>
    </row>
    <row r="566273" spans="14:14">
      <c r="N566273" s="10"/>
    </row>
    <row r="566274" spans="14:14">
      <c r="N566274" s="10"/>
    </row>
    <row r="566275" spans="14:14">
      <c r="N566275" s="10"/>
    </row>
    <row r="566276" spans="14:14">
      <c r="N566276" s="10"/>
    </row>
    <row r="566277" spans="14:14">
      <c r="N566277" s="10"/>
    </row>
    <row r="566278" spans="14:14">
      <c r="N566278" s="10"/>
    </row>
    <row r="566279" spans="14:14">
      <c r="N566279" s="10"/>
    </row>
    <row r="566280" spans="14:14">
      <c r="N566280" s="10"/>
    </row>
    <row r="566281" spans="14:14">
      <c r="N566281" s="10"/>
    </row>
    <row r="566282" spans="14:14">
      <c r="N566282" s="10"/>
    </row>
    <row r="566283" spans="14:14">
      <c r="N566283" s="10"/>
    </row>
    <row r="566284" spans="14:14">
      <c r="N566284" s="10"/>
    </row>
    <row r="566285" spans="14:14">
      <c r="N566285" s="10"/>
    </row>
    <row r="566286" spans="14:14">
      <c r="N566286" s="10"/>
    </row>
    <row r="566287" spans="14:14">
      <c r="N566287" s="10"/>
    </row>
    <row r="566288" spans="14:14">
      <c r="N566288" s="10"/>
    </row>
    <row r="566289" spans="14:14">
      <c r="N566289" s="10"/>
    </row>
    <row r="566290" spans="14:14">
      <c r="N566290" s="10"/>
    </row>
    <row r="566291" spans="14:14">
      <c r="N566291" s="10"/>
    </row>
    <row r="566292" spans="14:14">
      <c r="N566292" s="10"/>
    </row>
    <row r="566293" spans="14:14">
      <c r="N566293" s="10"/>
    </row>
    <row r="566294" spans="14:14">
      <c r="N566294" s="10"/>
    </row>
    <row r="566295" spans="14:14">
      <c r="N566295" s="10"/>
    </row>
    <row r="566296" spans="14:14">
      <c r="N566296" s="10"/>
    </row>
    <row r="566297" spans="14:14">
      <c r="N566297" s="10"/>
    </row>
    <row r="566298" spans="14:14">
      <c r="N566298" s="10"/>
    </row>
    <row r="566299" spans="14:14">
      <c r="N566299" s="10"/>
    </row>
    <row r="566300" spans="14:14">
      <c r="N566300" s="10"/>
    </row>
    <row r="566301" spans="14:14">
      <c r="N566301" s="10"/>
    </row>
    <row r="566302" spans="14:14">
      <c r="N566302" s="10"/>
    </row>
    <row r="566303" spans="14:14">
      <c r="N566303" s="10"/>
    </row>
    <row r="566304" spans="14:14">
      <c r="N566304" s="10"/>
    </row>
    <row r="566305" spans="14:14">
      <c r="N566305" s="10"/>
    </row>
    <row r="566306" spans="14:14">
      <c r="N566306" s="10"/>
    </row>
    <row r="566307" spans="14:14">
      <c r="N566307" s="10"/>
    </row>
    <row r="566308" spans="14:14">
      <c r="N566308" s="10"/>
    </row>
    <row r="566309" spans="14:14">
      <c r="N566309" s="10"/>
    </row>
    <row r="566310" spans="14:14">
      <c r="N566310" s="10"/>
    </row>
    <row r="566311" spans="14:14">
      <c r="N566311" s="10"/>
    </row>
    <row r="566312" spans="14:14">
      <c r="N566312" s="10"/>
    </row>
    <row r="566313" spans="14:14">
      <c r="N566313" s="10"/>
    </row>
    <row r="566314" spans="14:14">
      <c r="N566314" s="10"/>
    </row>
    <row r="566315" spans="14:14">
      <c r="N566315" s="10"/>
    </row>
    <row r="566316" spans="14:14">
      <c r="N566316" s="10"/>
    </row>
    <row r="566317" spans="14:14">
      <c r="N566317" s="10"/>
    </row>
    <row r="566318" spans="14:14">
      <c r="N566318" s="10"/>
    </row>
    <row r="566319" spans="14:14">
      <c r="N566319" s="10"/>
    </row>
    <row r="566320" spans="14:14">
      <c r="N566320" s="10"/>
    </row>
    <row r="566321" spans="14:14">
      <c r="N566321" s="10"/>
    </row>
    <row r="566322" spans="14:14">
      <c r="N566322" s="10"/>
    </row>
    <row r="566323" spans="14:14">
      <c r="N566323" s="10"/>
    </row>
    <row r="566324" spans="14:14">
      <c r="N566324" s="10"/>
    </row>
    <row r="566325" spans="14:14">
      <c r="N566325" s="10"/>
    </row>
    <row r="566326" spans="14:14">
      <c r="N566326" s="10"/>
    </row>
    <row r="566327" spans="14:14">
      <c r="N566327" s="10"/>
    </row>
    <row r="566328" spans="14:14">
      <c r="N566328" s="10"/>
    </row>
    <row r="566329" spans="14:14">
      <c r="N566329" s="10"/>
    </row>
    <row r="566330" spans="14:14">
      <c r="N566330" s="10"/>
    </row>
    <row r="566331" spans="14:14">
      <c r="N566331" s="10"/>
    </row>
    <row r="566332" spans="14:14">
      <c r="N566332" s="10"/>
    </row>
    <row r="566333" spans="14:14">
      <c r="N566333" s="10"/>
    </row>
    <row r="566334" spans="14:14">
      <c r="N566334" s="10"/>
    </row>
    <row r="566335" spans="14:14">
      <c r="N566335" s="10"/>
    </row>
    <row r="566336" spans="14:14">
      <c r="N566336" s="10"/>
    </row>
    <row r="566337" spans="14:14">
      <c r="N566337" s="10"/>
    </row>
    <row r="566338" spans="14:14">
      <c r="N566338" s="10"/>
    </row>
    <row r="566339" spans="14:14">
      <c r="N566339" s="10"/>
    </row>
    <row r="566340" spans="14:14">
      <c r="N566340" s="10"/>
    </row>
    <row r="566341" spans="14:14">
      <c r="N566341" s="10"/>
    </row>
    <row r="566342" spans="14:14">
      <c r="N566342" s="10"/>
    </row>
    <row r="566343" spans="14:14">
      <c r="N566343" s="10"/>
    </row>
    <row r="566344" spans="14:14">
      <c r="N566344" s="10"/>
    </row>
    <row r="566345" spans="14:14">
      <c r="N566345" s="10"/>
    </row>
    <row r="566346" spans="14:14">
      <c r="N566346" s="10"/>
    </row>
    <row r="566347" spans="14:14">
      <c r="N566347" s="10"/>
    </row>
    <row r="566348" spans="14:14">
      <c r="N566348" s="10"/>
    </row>
    <row r="566349" spans="14:14">
      <c r="N566349" s="10"/>
    </row>
    <row r="566350" spans="14:14">
      <c r="N566350" s="10"/>
    </row>
    <row r="566351" spans="14:14">
      <c r="N566351" s="10"/>
    </row>
    <row r="566352" spans="14:14">
      <c r="N566352" s="10"/>
    </row>
    <row r="566353" spans="14:14">
      <c r="N566353" s="10"/>
    </row>
    <row r="566354" spans="14:14">
      <c r="N566354" s="10"/>
    </row>
    <row r="566355" spans="14:14">
      <c r="N566355" s="10"/>
    </row>
    <row r="566356" spans="14:14">
      <c r="N566356" s="10"/>
    </row>
    <row r="566357" spans="14:14">
      <c r="N566357" s="10"/>
    </row>
    <row r="566358" spans="14:14">
      <c r="N566358" s="10"/>
    </row>
    <row r="566359" spans="14:14">
      <c r="N566359" s="10"/>
    </row>
    <row r="566360" spans="14:14">
      <c r="N566360" s="10"/>
    </row>
    <row r="566361" spans="14:14">
      <c r="N566361" s="10"/>
    </row>
    <row r="566362" spans="14:14">
      <c r="N566362" s="10"/>
    </row>
    <row r="566363" spans="14:14">
      <c r="N566363" s="10"/>
    </row>
    <row r="566364" spans="14:14">
      <c r="N566364" s="10"/>
    </row>
    <row r="566365" spans="14:14">
      <c r="N566365" s="10"/>
    </row>
    <row r="566366" spans="14:14">
      <c r="N566366" s="10"/>
    </row>
    <row r="566367" spans="14:14">
      <c r="N566367" s="10"/>
    </row>
    <row r="566368" spans="14:14">
      <c r="N566368" s="10"/>
    </row>
    <row r="566369" spans="14:14">
      <c r="N566369" s="10"/>
    </row>
    <row r="566370" spans="14:14">
      <c r="N566370" s="10"/>
    </row>
    <row r="566371" spans="14:14">
      <c r="N566371" s="10"/>
    </row>
    <row r="566372" spans="14:14">
      <c r="N566372" s="10"/>
    </row>
    <row r="566373" spans="14:14">
      <c r="N566373" s="10"/>
    </row>
    <row r="566374" spans="14:14">
      <c r="N566374" s="10"/>
    </row>
    <row r="566375" spans="14:14">
      <c r="N566375" s="10"/>
    </row>
    <row r="566376" spans="14:14">
      <c r="N566376" s="10"/>
    </row>
    <row r="566377" spans="14:14">
      <c r="N566377" s="10"/>
    </row>
    <row r="566378" spans="14:14">
      <c r="N566378" s="10"/>
    </row>
    <row r="566379" spans="14:14">
      <c r="N566379" s="10"/>
    </row>
    <row r="566380" spans="14:14">
      <c r="N566380" s="10"/>
    </row>
    <row r="566381" spans="14:14">
      <c r="N566381" s="10"/>
    </row>
    <row r="566382" spans="14:14">
      <c r="N566382" s="10"/>
    </row>
    <row r="566383" spans="14:14">
      <c r="N566383" s="10"/>
    </row>
    <row r="566384" spans="14:14">
      <c r="N566384" s="10"/>
    </row>
    <row r="566385" spans="14:14">
      <c r="N566385" s="10"/>
    </row>
    <row r="566386" spans="14:14">
      <c r="N566386" s="10"/>
    </row>
    <row r="566387" spans="14:14">
      <c r="N566387" s="10"/>
    </row>
    <row r="566388" spans="14:14">
      <c r="N566388" s="10"/>
    </row>
    <row r="566389" spans="14:14">
      <c r="N566389" s="10"/>
    </row>
    <row r="566390" spans="14:14">
      <c r="N566390" s="10"/>
    </row>
    <row r="566391" spans="14:14">
      <c r="N566391" s="10"/>
    </row>
    <row r="566392" spans="14:14">
      <c r="N566392" s="10"/>
    </row>
    <row r="566393" spans="14:14">
      <c r="N566393" s="10"/>
    </row>
    <row r="566394" spans="14:14">
      <c r="N566394" s="10"/>
    </row>
    <row r="566395" spans="14:14">
      <c r="N566395" s="10"/>
    </row>
    <row r="566396" spans="14:14">
      <c r="N566396" s="10"/>
    </row>
    <row r="566397" spans="14:14">
      <c r="N566397" s="10"/>
    </row>
    <row r="566398" spans="14:14">
      <c r="N566398" s="10"/>
    </row>
    <row r="566399" spans="14:14">
      <c r="N566399" s="10"/>
    </row>
    <row r="566400" spans="14:14">
      <c r="N566400" s="10"/>
    </row>
    <row r="566401" spans="14:14">
      <c r="N566401" s="10"/>
    </row>
    <row r="566402" spans="14:14">
      <c r="N566402" s="10"/>
    </row>
    <row r="566403" spans="14:14">
      <c r="N566403" s="10"/>
    </row>
    <row r="566404" spans="14:14">
      <c r="N566404" s="10"/>
    </row>
    <row r="566405" spans="14:14">
      <c r="N566405" s="10"/>
    </row>
    <row r="566406" spans="14:14">
      <c r="N566406" s="10"/>
    </row>
    <row r="566407" spans="14:14">
      <c r="N566407" s="10"/>
    </row>
    <row r="566408" spans="14:14">
      <c r="N566408" s="10"/>
    </row>
    <row r="566409" spans="14:14">
      <c r="N566409" s="10"/>
    </row>
    <row r="566410" spans="14:14">
      <c r="N566410" s="10"/>
    </row>
    <row r="566411" spans="14:14">
      <c r="N566411" s="10"/>
    </row>
    <row r="566412" spans="14:14">
      <c r="N566412" s="10"/>
    </row>
    <row r="566413" spans="14:14">
      <c r="N566413" s="10"/>
    </row>
    <row r="566414" spans="14:14">
      <c r="N566414" s="10"/>
    </row>
    <row r="566415" spans="14:14">
      <c r="N566415" s="10"/>
    </row>
    <row r="566416" spans="14:14">
      <c r="N566416" s="10"/>
    </row>
    <row r="566417" spans="14:14">
      <c r="N566417" s="10"/>
    </row>
    <row r="566418" spans="14:14">
      <c r="N566418" s="10"/>
    </row>
    <row r="566419" spans="14:14">
      <c r="N566419" s="10"/>
    </row>
    <row r="566420" spans="14:14">
      <c r="N566420" s="10"/>
    </row>
    <row r="566421" spans="14:14">
      <c r="N566421" s="10"/>
    </row>
    <row r="566422" spans="14:14">
      <c r="N566422" s="10"/>
    </row>
    <row r="566423" spans="14:14">
      <c r="N566423" s="10"/>
    </row>
    <row r="566424" spans="14:14">
      <c r="N566424" s="10"/>
    </row>
    <row r="566425" spans="14:14">
      <c r="N566425" s="10"/>
    </row>
    <row r="566426" spans="14:14">
      <c r="N566426" s="10"/>
    </row>
    <row r="566427" spans="14:14">
      <c r="N566427" s="10"/>
    </row>
    <row r="566428" spans="14:14">
      <c r="N566428" s="10"/>
    </row>
    <row r="566429" spans="14:14">
      <c r="N566429" s="10"/>
    </row>
    <row r="566430" spans="14:14">
      <c r="N566430" s="10"/>
    </row>
    <row r="566431" spans="14:14">
      <c r="N566431" s="10"/>
    </row>
    <row r="566432" spans="14:14">
      <c r="N566432" s="10"/>
    </row>
    <row r="566433" spans="14:14">
      <c r="N566433" s="10"/>
    </row>
    <row r="566434" spans="14:14">
      <c r="N566434" s="10"/>
    </row>
    <row r="566435" spans="14:14">
      <c r="N566435" s="10"/>
    </row>
    <row r="566436" spans="14:14">
      <c r="N566436" s="10"/>
    </row>
    <row r="566437" spans="14:14">
      <c r="N566437" s="10"/>
    </row>
    <row r="566438" spans="14:14">
      <c r="N566438" s="10"/>
    </row>
    <row r="566439" spans="14:14">
      <c r="N566439" s="10"/>
    </row>
    <row r="566440" spans="14:14">
      <c r="N566440" s="10"/>
    </row>
    <row r="566441" spans="14:14">
      <c r="N566441" s="10"/>
    </row>
    <row r="566442" spans="14:14">
      <c r="N566442" s="10"/>
    </row>
    <row r="566443" spans="14:14">
      <c r="N566443" s="10"/>
    </row>
    <row r="566444" spans="14:14">
      <c r="N566444" s="10"/>
    </row>
    <row r="566445" spans="14:14">
      <c r="N566445" s="10"/>
    </row>
    <row r="566446" spans="14:14">
      <c r="N566446" s="10"/>
    </row>
    <row r="566447" spans="14:14">
      <c r="N566447" s="10"/>
    </row>
    <row r="566448" spans="14:14">
      <c r="N566448" s="10"/>
    </row>
    <row r="566449" spans="14:14">
      <c r="N566449" s="10"/>
    </row>
    <row r="566450" spans="14:14">
      <c r="N566450" s="10"/>
    </row>
    <row r="566451" spans="14:14">
      <c r="N566451" s="10"/>
    </row>
    <row r="566452" spans="14:14">
      <c r="N566452" s="10"/>
    </row>
    <row r="566453" spans="14:14">
      <c r="N566453" s="10"/>
    </row>
    <row r="566454" spans="14:14">
      <c r="N566454" s="10"/>
    </row>
    <row r="566455" spans="14:14">
      <c r="N566455" s="10"/>
    </row>
    <row r="566456" spans="14:14">
      <c r="N566456" s="10"/>
    </row>
    <row r="566457" spans="14:14">
      <c r="N566457" s="10"/>
    </row>
    <row r="566458" spans="14:14">
      <c r="N566458" s="10"/>
    </row>
    <row r="566459" spans="14:14">
      <c r="N566459" s="10"/>
    </row>
    <row r="566460" spans="14:14">
      <c r="N566460" s="10"/>
    </row>
    <row r="566461" spans="14:14">
      <c r="N566461" s="10"/>
    </row>
    <row r="566462" spans="14:14">
      <c r="N566462" s="10"/>
    </row>
    <row r="566463" spans="14:14">
      <c r="N566463" s="10"/>
    </row>
    <row r="566464" spans="14:14">
      <c r="N566464" s="10"/>
    </row>
    <row r="566465" spans="14:14">
      <c r="N566465" s="10"/>
    </row>
    <row r="566466" spans="14:14">
      <c r="N566466" s="10"/>
    </row>
    <row r="566467" spans="14:14">
      <c r="N566467" s="10"/>
    </row>
    <row r="566468" spans="14:14">
      <c r="N566468" s="10"/>
    </row>
    <row r="566469" spans="14:14">
      <c r="N566469" s="10"/>
    </row>
    <row r="566470" spans="14:14">
      <c r="N566470" s="10"/>
    </row>
    <row r="566471" spans="14:14">
      <c r="N566471" s="10"/>
    </row>
    <row r="566472" spans="14:14">
      <c r="N566472" s="10"/>
    </row>
    <row r="566473" spans="14:14">
      <c r="N566473" s="10"/>
    </row>
    <row r="566474" spans="14:14">
      <c r="N566474" s="10"/>
    </row>
    <row r="566475" spans="14:14">
      <c r="N566475" s="10"/>
    </row>
    <row r="566476" spans="14:14">
      <c r="N566476" s="10"/>
    </row>
    <row r="566477" spans="14:14">
      <c r="N566477" s="10"/>
    </row>
    <row r="566478" spans="14:14">
      <c r="N566478" s="10"/>
    </row>
    <row r="566479" spans="14:14">
      <c r="N566479" s="10"/>
    </row>
    <row r="566480" spans="14:14">
      <c r="N566480" s="10"/>
    </row>
    <row r="566481" spans="14:14">
      <c r="N566481" s="10"/>
    </row>
    <row r="566482" spans="14:14">
      <c r="N566482" s="10"/>
    </row>
    <row r="566483" spans="14:14">
      <c r="N566483" s="10"/>
    </row>
    <row r="566484" spans="14:14">
      <c r="N566484" s="10"/>
    </row>
    <row r="566485" spans="14:14">
      <c r="N566485" s="10"/>
    </row>
    <row r="566486" spans="14:14">
      <c r="N566486" s="10"/>
    </row>
    <row r="566487" spans="14:14">
      <c r="N566487" s="10"/>
    </row>
    <row r="566488" spans="14:14">
      <c r="N566488" s="10"/>
    </row>
    <row r="566489" spans="14:14">
      <c r="N566489" s="10"/>
    </row>
    <row r="566490" spans="14:14">
      <c r="N566490" s="10"/>
    </row>
    <row r="566491" spans="14:14">
      <c r="N566491" s="10"/>
    </row>
    <row r="566492" spans="14:14">
      <c r="N566492" s="10"/>
    </row>
    <row r="566493" spans="14:14">
      <c r="N566493" s="10"/>
    </row>
    <row r="566494" spans="14:14">
      <c r="N566494" s="10"/>
    </row>
    <row r="566495" spans="14:14">
      <c r="N566495" s="10"/>
    </row>
    <row r="566496" spans="14:14">
      <c r="N566496" s="10"/>
    </row>
    <row r="566497" spans="14:14">
      <c r="N566497" s="10"/>
    </row>
    <row r="566498" spans="14:14">
      <c r="N566498" s="10"/>
    </row>
    <row r="566499" spans="14:14">
      <c r="N566499" s="10"/>
    </row>
    <row r="566500" spans="14:14">
      <c r="N566500" s="10"/>
    </row>
    <row r="566501" spans="14:14">
      <c r="N566501" s="10"/>
    </row>
    <row r="566502" spans="14:14">
      <c r="N566502" s="10"/>
    </row>
    <row r="566503" spans="14:14">
      <c r="N566503" s="10"/>
    </row>
    <row r="566504" spans="14:14">
      <c r="N566504" s="10"/>
    </row>
    <row r="566505" spans="14:14">
      <c r="N566505" s="10"/>
    </row>
    <row r="566506" spans="14:14">
      <c r="N566506" s="10"/>
    </row>
    <row r="566507" spans="14:14">
      <c r="N566507" s="10"/>
    </row>
    <row r="566508" spans="14:14">
      <c r="N566508" s="10"/>
    </row>
    <row r="566509" spans="14:14">
      <c r="N566509" s="10"/>
    </row>
    <row r="566510" spans="14:14">
      <c r="N566510" s="10"/>
    </row>
    <row r="566511" spans="14:14">
      <c r="N566511" s="10"/>
    </row>
    <row r="566512" spans="14:14">
      <c r="N566512" s="10"/>
    </row>
    <row r="566513" spans="14:14">
      <c r="N566513" s="10"/>
    </row>
    <row r="566514" spans="14:14">
      <c r="N566514" s="10"/>
    </row>
    <row r="566515" spans="14:14">
      <c r="N566515" s="10"/>
    </row>
    <row r="566516" spans="14:14">
      <c r="N566516" s="10"/>
    </row>
    <row r="566517" spans="14:14">
      <c r="N566517" s="10"/>
    </row>
    <row r="566518" spans="14:14">
      <c r="N566518" s="10"/>
    </row>
    <row r="566519" spans="14:14">
      <c r="N566519" s="10"/>
    </row>
    <row r="566520" spans="14:14">
      <c r="N566520" s="10"/>
    </row>
    <row r="566521" spans="14:14">
      <c r="N566521" s="10"/>
    </row>
    <row r="566522" spans="14:14">
      <c r="N566522" s="10"/>
    </row>
    <row r="566523" spans="14:14">
      <c r="N566523" s="10"/>
    </row>
    <row r="566524" spans="14:14">
      <c r="N566524" s="10"/>
    </row>
    <row r="566525" spans="14:14">
      <c r="N566525" s="10"/>
    </row>
    <row r="566526" spans="14:14">
      <c r="N566526" s="10"/>
    </row>
    <row r="566527" spans="14:14">
      <c r="N566527" s="10"/>
    </row>
    <row r="566528" spans="14:14">
      <c r="N566528" s="10"/>
    </row>
    <row r="566529" spans="14:14">
      <c r="N566529" s="10"/>
    </row>
    <row r="566530" spans="14:14">
      <c r="N566530" s="10"/>
    </row>
    <row r="566531" spans="14:14">
      <c r="N566531" s="10"/>
    </row>
    <row r="566532" spans="14:14">
      <c r="N566532" s="10"/>
    </row>
    <row r="566533" spans="14:14">
      <c r="N566533" s="10"/>
    </row>
    <row r="566534" spans="14:14">
      <c r="N566534" s="10"/>
    </row>
    <row r="566535" spans="14:14">
      <c r="N566535" s="10"/>
    </row>
    <row r="566536" spans="14:14">
      <c r="N566536" s="10"/>
    </row>
    <row r="566537" spans="14:14">
      <c r="N566537" s="10"/>
    </row>
    <row r="566538" spans="14:14">
      <c r="N566538" s="10"/>
    </row>
    <row r="566539" spans="14:14">
      <c r="N566539" s="10"/>
    </row>
    <row r="566540" spans="14:14">
      <c r="N566540" s="10"/>
    </row>
    <row r="566541" spans="14:14">
      <c r="N566541" s="10"/>
    </row>
    <row r="566542" spans="14:14">
      <c r="N566542" s="10"/>
    </row>
    <row r="566543" spans="14:14">
      <c r="N566543" s="10"/>
    </row>
    <row r="566544" spans="14:14">
      <c r="N566544" s="10"/>
    </row>
    <row r="566545" spans="14:14">
      <c r="N566545" s="10"/>
    </row>
    <row r="566546" spans="14:14">
      <c r="N566546" s="10"/>
    </row>
    <row r="566547" spans="14:14">
      <c r="N566547" s="10"/>
    </row>
    <row r="566548" spans="14:14">
      <c r="N566548" s="10"/>
    </row>
    <row r="566549" spans="14:14">
      <c r="N566549" s="10"/>
    </row>
    <row r="566550" spans="14:14">
      <c r="N566550" s="10"/>
    </row>
    <row r="566551" spans="14:14">
      <c r="N566551" s="10"/>
    </row>
    <row r="566552" spans="14:14">
      <c r="N566552" s="10"/>
    </row>
    <row r="566553" spans="14:14">
      <c r="N566553" s="10"/>
    </row>
    <row r="566554" spans="14:14">
      <c r="N566554" s="10"/>
    </row>
    <row r="566555" spans="14:14">
      <c r="N566555" s="10"/>
    </row>
    <row r="566556" spans="14:14">
      <c r="N566556" s="10"/>
    </row>
    <row r="566557" spans="14:14">
      <c r="N566557" s="10"/>
    </row>
    <row r="566558" spans="14:14">
      <c r="N566558" s="10"/>
    </row>
    <row r="566559" spans="14:14">
      <c r="N566559" s="10"/>
    </row>
    <row r="566560" spans="14:14">
      <c r="N566560" s="10"/>
    </row>
    <row r="566561" spans="14:14">
      <c r="N566561" s="10"/>
    </row>
    <row r="566562" spans="14:14">
      <c r="N566562" s="10"/>
    </row>
    <row r="566563" spans="14:14">
      <c r="N566563" s="10"/>
    </row>
    <row r="566564" spans="14:14">
      <c r="N566564" s="10"/>
    </row>
    <row r="566565" spans="14:14">
      <c r="N566565" s="10"/>
    </row>
    <row r="566566" spans="14:14">
      <c r="N566566" s="10"/>
    </row>
    <row r="566567" spans="14:14">
      <c r="N566567" s="10"/>
    </row>
    <row r="566568" spans="14:14">
      <c r="N566568" s="10"/>
    </row>
    <row r="566569" spans="14:14">
      <c r="N566569" s="10"/>
    </row>
    <row r="566570" spans="14:14">
      <c r="N566570" s="10"/>
    </row>
    <row r="566571" spans="14:14">
      <c r="N566571" s="10"/>
    </row>
    <row r="566572" spans="14:14">
      <c r="N566572" s="10"/>
    </row>
    <row r="566573" spans="14:14">
      <c r="N566573" s="10"/>
    </row>
    <row r="566574" spans="14:14">
      <c r="N566574" s="10"/>
    </row>
    <row r="566575" spans="14:14">
      <c r="N566575" s="10"/>
    </row>
    <row r="566576" spans="14:14">
      <c r="N566576" s="10"/>
    </row>
    <row r="566577" spans="14:14">
      <c r="N566577" s="10"/>
    </row>
    <row r="566578" spans="14:14">
      <c r="N566578" s="10"/>
    </row>
    <row r="566579" spans="14:14">
      <c r="N566579" s="10"/>
    </row>
    <row r="566580" spans="14:14">
      <c r="N566580" s="10"/>
    </row>
    <row r="566581" spans="14:14">
      <c r="N566581" s="10"/>
    </row>
    <row r="566582" spans="14:14">
      <c r="N566582" s="10"/>
    </row>
    <row r="566583" spans="14:14">
      <c r="N566583" s="10"/>
    </row>
    <row r="566584" spans="14:14">
      <c r="N566584" s="10"/>
    </row>
    <row r="566585" spans="14:14">
      <c r="N566585" s="10"/>
    </row>
    <row r="566586" spans="14:14">
      <c r="N566586" s="10"/>
    </row>
    <row r="566587" spans="14:14">
      <c r="N566587" s="10"/>
    </row>
    <row r="566588" spans="14:14">
      <c r="N566588" s="10"/>
    </row>
    <row r="566589" spans="14:14">
      <c r="N566589" s="10"/>
    </row>
    <row r="566590" spans="14:14">
      <c r="N566590" s="10"/>
    </row>
    <row r="566591" spans="14:14">
      <c r="N566591" s="10"/>
    </row>
    <row r="566592" spans="14:14">
      <c r="N566592" s="10"/>
    </row>
    <row r="566593" spans="14:14">
      <c r="N566593" s="10"/>
    </row>
    <row r="566594" spans="14:14">
      <c r="N566594" s="10"/>
    </row>
    <row r="566595" spans="14:14">
      <c r="N566595" s="10"/>
    </row>
    <row r="566596" spans="14:14">
      <c r="N566596" s="10"/>
    </row>
    <row r="566597" spans="14:14">
      <c r="N566597" s="10"/>
    </row>
    <row r="566598" spans="14:14">
      <c r="N566598" s="10"/>
    </row>
    <row r="566599" spans="14:14">
      <c r="N566599" s="10"/>
    </row>
    <row r="566600" spans="14:14">
      <c r="N566600" s="10"/>
    </row>
    <row r="566601" spans="14:14">
      <c r="N566601" s="10"/>
    </row>
    <row r="566602" spans="14:14">
      <c r="N566602" s="10"/>
    </row>
    <row r="566603" spans="14:14">
      <c r="N566603" s="10"/>
    </row>
    <row r="566604" spans="14:14">
      <c r="N566604" s="10"/>
    </row>
    <row r="566605" spans="14:14">
      <c r="N566605" s="10"/>
    </row>
    <row r="566606" spans="14:14">
      <c r="N566606" s="10"/>
    </row>
    <row r="566607" spans="14:14">
      <c r="N566607" s="10"/>
    </row>
    <row r="566608" spans="14:14">
      <c r="N566608" s="10"/>
    </row>
    <row r="566609" spans="14:14">
      <c r="N566609" s="10"/>
    </row>
    <row r="566610" spans="14:14">
      <c r="N566610" s="10"/>
    </row>
    <row r="566611" spans="14:14">
      <c r="N566611" s="10"/>
    </row>
    <row r="566612" spans="14:14">
      <c r="N566612" s="10"/>
    </row>
    <row r="566613" spans="14:14">
      <c r="N566613" s="10"/>
    </row>
    <row r="566614" spans="14:14">
      <c r="N566614" s="10"/>
    </row>
    <row r="566615" spans="14:14">
      <c r="N566615" s="10"/>
    </row>
    <row r="566616" spans="14:14">
      <c r="N566616" s="10"/>
    </row>
    <row r="566617" spans="14:14">
      <c r="N566617" s="10"/>
    </row>
    <row r="566618" spans="14:14">
      <c r="N566618" s="10"/>
    </row>
    <row r="566619" spans="14:14">
      <c r="N566619" s="10"/>
    </row>
    <row r="566620" spans="14:14">
      <c r="N566620" s="10"/>
    </row>
    <row r="566621" spans="14:14">
      <c r="N566621" s="10"/>
    </row>
    <row r="566622" spans="14:14">
      <c r="N566622" s="10"/>
    </row>
    <row r="566623" spans="14:14">
      <c r="N566623" s="10"/>
    </row>
    <row r="566624" spans="14:14">
      <c r="N566624" s="10"/>
    </row>
    <row r="566625" spans="14:14">
      <c r="N566625" s="10"/>
    </row>
    <row r="566626" spans="14:14">
      <c r="N566626" s="10"/>
    </row>
    <row r="566627" spans="14:14">
      <c r="N566627" s="10"/>
    </row>
    <row r="566628" spans="14:14">
      <c r="N566628" s="10"/>
    </row>
    <row r="566629" spans="14:14">
      <c r="N566629" s="10"/>
    </row>
    <row r="566630" spans="14:14">
      <c r="N566630" s="10"/>
    </row>
    <row r="566631" spans="14:14">
      <c r="N566631" s="10"/>
    </row>
    <row r="566632" spans="14:14">
      <c r="N566632" s="10"/>
    </row>
    <row r="566633" spans="14:14">
      <c r="N566633" s="10"/>
    </row>
    <row r="566634" spans="14:14">
      <c r="N566634" s="10"/>
    </row>
    <row r="566635" spans="14:14">
      <c r="N566635" s="10"/>
    </row>
    <row r="566636" spans="14:14">
      <c r="N566636" s="10"/>
    </row>
    <row r="566637" spans="14:14">
      <c r="N566637" s="10"/>
    </row>
    <row r="566638" spans="14:14">
      <c r="N566638" s="10"/>
    </row>
    <row r="566639" spans="14:14">
      <c r="N566639" s="10"/>
    </row>
    <row r="566640" spans="14:14">
      <c r="N566640" s="10"/>
    </row>
    <row r="566641" spans="14:14">
      <c r="N566641" s="10"/>
    </row>
    <row r="566642" spans="14:14">
      <c r="N566642" s="10"/>
    </row>
    <row r="566643" spans="14:14">
      <c r="N566643" s="10"/>
    </row>
    <row r="566644" spans="14:14">
      <c r="N566644" s="10"/>
    </row>
    <row r="566645" spans="14:14">
      <c r="N566645" s="10"/>
    </row>
    <row r="566646" spans="14:14">
      <c r="N566646" s="10"/>
    </row>
    <row r="566647" spans="14:14">
      <c r="N566647" s="10"/>
    </row>
    <row r="566648" spans="14:14">
      <c r="N566648" s="10"/>
    </row>
    <row r="566649" spans="14:14">
      <c r="N566649" s="10"/>
    </row>
    <row r="566650" spans="14:14">
      <c r="N566650" s="10"/>
    </row>
    <row r="566651" spans="14:14">
      <c r="N566651" s="10"/>
    </row>
    <row r="566652" spans="14:14">
      <c r="N566652" s="10"/>
    </row>
    <row r="566653" spans="14:14">
      <c r="N566653" s="10"/>
    </row>
    <row r="566654" spans="14:14">
      <c r="N566654" s="10"/>
    </row>
    <row r="566655" spans="14:14">
      <c r="N566655" s="10"/>
    </row>
    <row r="566656" spans="14:14">
      <c r="N566656" s="10"/>
    </row>
    <row r="566657" spans="14:14">
      <c r="N566657" s="10"/>
    </row>
    <row r="566658" spans="14:14">
      <c r="N566658" s="10"/>
    </row>
    <row r="566659" spans="14:14">
      <c r="N566659" s="10"/>
    </row>
    <row r="566660" spans="14:14">
      <c r="N566660" s="10"/>
    </row>
    <row r="566661" spans="14:14">
      <c r="N566661" s="10"/>
    </row>
    <row r="566662" spans="14:14">
      <c r="N566662" s="10"/>
    </row>
    <row r="566663" spans="14:14">
      <c r="N566663" s="10"/>
    </row>
    <row r="566664" spans="14:14">
      <c r="N566664" s="10"/>
    </row>
    <row r="566665" spans="14:14">
      <c r="N566665" s="10"/>
    </row>
    <row r="566666" spans="14:14">
      <c r="N566666" s="10"/>
    </row>
    <row r="566667" spans="14:14">
      <c r="N566667" s="10"/>
    </row>
    <row r="566668" spans="14:14">
      <c r="N566668" s="10"/>
    </row>
    <row r="566669" spans="14:14">
      <c r="N566669" s="10"/>
    </row>
    <row r="566670" spans="14:14">
      <c r="N566670" s="10"/>
    </row>
    <row r="566671" spans="14:14">
      <c r="N566671" s="10"/>
    </row>
    <row r="566672" spans="14:14">
      <c r="N566672" s="10"/>
    </row>
    <row r="566673" spans="14:14">
      <c r="N566673" s="10"/>
    </row>
    <row r="566674" spans="14:14">
      <c r="N566674" s="10"/>
    </row>
    <row r="566675" spans="14:14">
      <c r="N566675" s="10"/>
    </row>
    <row r="566676" spans="14:14">
      <c r="N566676" s="10"/>
    </row>
    <row r="566677" spans="14:14">
      <c r="N566677" s="10"/>
    </row>
    <row r="566678" spans="14:14">
      <c r="N566678" s="10"/>
    </row>
    <row r="566679" spans="14:14">
      <c r="N566679" s="10"/>
    </row>
    <row r="566680" spans="14:14">
      <c r="N566680" s="10"/>
    </row>
    <row r="566681" spans="14:14">
      <c r="N566681" s="10"/>
    </row>
    <row r="566682" spans="14:14">
      <c r="N566682" s="10"/>
    </row>
    <row r="566683" spans="14:14">
      <c r="N566683" s="10"/>
    </row>
    <row r="566684" spans="14:14">
      <c r="N566684" s="10"/>
    </row>
    <row r="566685" spans="14:14">
      <c r="N566685" s="10"/>
    </row>
    <row r="566686" spans="14:14">
      <c r="N566686" s="10"/>
    </row>
    <row r="566687" spans="14:14">
      <c r="N566687" s="10"/>
    </row>
    <row r="566688" spans="14:14">
      <c r="N566688" s="10"/>
    </row>
    <row r="566689" spans="14:14">
      <c r="N566689" s="10"/>
    </row>
    <row r="566690" spans="14:14">
      <c r="N566690" s="10"/>
    </row>
    <row r="566691" spans="14:14">
      <c r="N566691" s="10"/>
    </row>
    <row r="566692" spans="14:14">
      <c r="N566692" s="10"/>
    </row>
    <row r="566693" spans="14:14">
      <c r="N566693" s="10"/>
    </row>
    <row r="566694" spans="14:14">
      <c r="N566694" s="10"/>
    </row>
    <row r="566695" spans="14:14">
      <c r="N566695" s="10"/>
    </row>
    <row r="566696" spans="14:14">
      <c r="N566696" s="10"/>
    </row>
    <row r="566697" spans="14:14">
      <c r="N566697" s="10"/>
    </row>
    <row r="566698" spans="14:14">
      <c r="N566698" s="10"/>
    </row>
    <row r="566699" spans="14:14">
      <c r="N566699" s="10"/>
    </row>
    <row r="566700" spans="14:14">
      <c r="N566700" s="10"/>
    </row>
    <row r="566701" spans="14:14">
      <c r="N566701" s="10"/>
    </row>
    <row r="566702" spans="14:14">
      <c r="N566702" s="10"/>
    </row>
    <row r="566703" spans="14:14">
      <c r="N566703" s="10"/>
    </row>
    <row r="566704" spans="14:14">
      <c r="N566704" s="10"/>
    </row>
    <row r="566705" spans="14:14">
      <c r="N566705" s="10"/>
    </row>
    <row r="566706" spans="14:14">
      <c r="N566706" s="10"/>
    </row>
    <row r="566707" spans="14:14">
      <c r="N566707" s="10"/>
    </row>
    <row r="566708" spans="14:14">
      <c r="N566708" s="10"/>
    </row>
    <row r="566709" spans="14:14">
      <c r="N566709" s="10"/>
    </row>
    <row r="566710" spans="14:14">
      <c r="N566710" s="10"/>
    </row>
    <row r="566711" spans="14:14">
      <c r="N566711" s="10"/>
    </row>
    <row r="566712" spans="14:14">
      <c r="N566712" s="10"/>
    </row>
    <row r="566713" spans="14:14">
      <c r="N566713" s="10"/>
    </row>
    <row r="566714" spans="14:14">
      <c r="N566714" s="10"/>
    </row>
    <row r="566715" spans="14:14">
      <c r="N566715" s="10"/>
    </row>
    <row r="566716" spans="14:14">
      <c r="N566716" s="10"/>
    </row>
    <row r="566717" spans="14:14">
      <c r="N566717" s="10"/>
    </row>
    <row r="566718" spans="14:14">
      <c r="N566718" s="10"/>
    </row>
    <row r="566719" spans="14:14">
      <c r="N566719" s="10"/>
    </row>
    <row r="566720" spans="14:14">
      <c r="N566720" s="10"/>
    </row>
    <row r="566721" spans="14:14">
      <c r="N566721" s="10"/>
    </row>
    <row r="566722" spans="14:14">
      <c r="N566722" s="10"/>
    </row>
    <row r="566723" spans="14:14">
      <c r="N566723" s="10"/>
    </row>
    <row r="566724" spans="14:14">
      <c r="N566724" s="10"/>
    </row>
    <row r="566725" spans="14:14">
      <c r="N566725" s="10"/>
    </row>
    <row r="566726" spans="14:14">
      <c r="N566726" s="10"/>
    </row>
    <row r="566727" spans="14:14">
      <c r="N566727" s="10"/>
    </row>
    <row r="566728" spans="14:14">
      <c r="N566728" s="10"/>
    </row>
    <row r="566729" spans="14:14">
      <c r="N566729" s="10"/>
    </row>
    <row r="566730" spans="14:14">
      <c r="N566730" s="10"/>
    </row>
    <row r="566731" spans="14:14">
      <c r="N566731" s="10"/>
    </row>
    <row r="566732" spans="14:14">
      <c r="N566732" s="10"/>
    </row>
    <row r="566733" spans="14:14">
      <c r="N566733" s="10"/>
    </row>
    <row r="566734" spans="14:14">
      <c r="N566734" s="10"/>
    </row>
    <row r="566735" spans="14:14">
      <c r="N566735" s="10"/>
    </row>
    <row r="566736" spans="14:14">
      <c r="N566736" s="10"/>
    </row>
    <row r="566737" spans="14:14">
      <c r="N566737" s="10"/>
    </row>
    <row r="566738" spans="14:14">
      <c r="N566738" s="10"/>
    </row>
    <row r="566739" spans="14:14">
      <c r="N566739" s="10"/>
    </row>
    <row r="566740" spans="14:14">
      <c r="N566740" s="10"/>
    </row>
    <row r="566741" spans="14:14">
      <c r="N566741" s="10"/>
    </row>
    <row r="566742" spans="14:14">
      <c r="N566742" s="10"/>
    </row>
    <row r="566743" spans="14:14">
      <c r="N566743" s="10"/>
    </row>
    <row r="566744" spans="14:14">
      <c r="N566744" s="10"/>
    </row>
    <row r="566745" spans="14:14">
      <c r="N566745" s="10"/>
    </row>
    <row r="566746" spans="14:14">
      <c r="N566746" s="10"/>
    </row>
    <row r="566747" spans="14:14">
      <c r="N566747" s="10"/>
    </row>
    <row r="566748" spans="14:14">
      <c r="N566748" s="10"/>
    </row>
    <row r="566749" spans="14:14">
      <c r="N566749" s="10"/>
    </row>
    <row r="566750" spans="14:14">
      <c r="N566750" s="10"/>
    </row>
    <row r="566751" spans="14:14">
      <c r="N566751" s="10"/>
    </row>
    <row r="566752" spans="14:14">
      <c r="N566752" s="10"/>
    </row>
    <row r="566753" spans="14:14">
      <c r="N566753" s="10"/>
    </row>
    <row r="566754" spans="14:14">
      <c r="N566754" s="10"/>
    </row>
    <row r="566755" spans="14:14">
      <c r="N566755" s="10"/>
    </row>
    <row r="566756" spans="14:14">
      <c r="N566756" s="10"/>
    </row>
    <row r="566757" spans="14:14">
      <c r="N566757" s="10"/>
    </row>
    <row r="566758" spans="14:14">
      <c r="N566758" s="10"/>
    </row>
    <row r="566759" spans="14:14">
      <c r="N566759" s="10"/>
    </row>
    <row r="566760" spans="14:14">
      <c r="N566760" s="10"/>
    </row>
    <row r="566761" spans="14:14">
      <c r="N566761" s="10"/>
    </row>
    <row r="566762" spans="14:14">
      <c r="N566762" s="10"/>
    </row>
    <row r="566763" spans="14:14">
      <c r="N566763" s="10"/>
    </row>
    <row r="566764" spans="14:14">
      <c r="N566764" s="10"/>
    </row>
    <row r="566765" spans="14:14">
      <c r="N566765" s="10"/>
    </row>
    <row r="566766" spans="14:14">
      <c r="N566766" s="10"/>
    </row>
    <row r="566767" spans="14:14">
      <c r="N566767" s="10"/>
    </row>
    <row r="566768" spans="14:14">
      <c r="N566768" s="10"/>
    </row>
    <row r="566769" spans="14:14">
      <c r="N566769" s="10"/>
    </row>
    <row r="566770" spans="14:14">
      <c r="N566770" s="10"/>
    </row>
    <row r="566771" spans="14:14">
      <c r="N566771" s="10"/>
    </row>
    <row r="566772" spans="14:14">
      <c r="N566772" s="10"/>
    </row>
    <row r="566773" spans="14:14">
      <c r="N566773" s="10"/>
    </row>
    <row r="566774" spans="14:14">
      <c r="N566774" s="10"/>
    </row>
    <row r="566775" spans="14:14">
      <c r="N566775" s="10"/>
    </row>
    <row r="566776" spans="14:14">
      <c r="N566776" s="10"/>
    </row>
    <row r="566777" spans="14:14">
      <c r="N566777" s="10"/>
    </row>
    <row r="566778" spans="14:14">
      <c r="N566778" s="10"/>
    </row>
    <row r="566779" spans="14:14">
      <c r="N566779" s="10"/>
    </row>
    <row r="566780" spans="14:14">
      <c r="N566780" s="10"/>
    </row>
    <row r="566781" spans="14:14">
      <c r="N566781" s="10"/>
    </row>
    <row r="566782" spans="14:14">
      <c r="N566782" s="10"/>
    </row>
    <row r="566783" spans="14:14">
      <c r="N566783" s="10"/>
    </row>
    <row r="566784" spans="14:14">
      <c r="N566784" s="10"/>
    </row>
    <row r="566785" spans="14:14">
      <c r="N566785" s="10"/>
    </row>
    <row r="566786" spans="14:14">
      <c r="N566786" s="10"/>
    </row>
    <row r="566787" spans="14:14">
      <c r="N566787" s="10"/>
    </row>
    <row r="566788" spans="14:14">
      <c r="N566788" s="10"/>
    </row>
    <row r="566789" spans="14:14">
      <c r="N566789" s="10"/>
    </row>
    <row r="566790" spans="14:14">
      <c r="N566790" s="10"/>
    </row>
    <row r="566791" spans="14:14">
      <c r="N566791" s="10"/>
    </row>
    <row r="566792" spans="14:14">
      <c r="N566792" s="10"/>
    </row>
    <row r="566793" spans="14:14">
      <c r="N566793" s="10"/>
    </row>
    <row r="566794" spans="14:14">
      <c r="N566794" s="10"/>
    </row>
    <row r="566795" spans="14:14">
      <c r="N566795" s="10"/>
    </row>
    <row r="566796" spans="14:14">
      <c r="N566796" s="10"/>
    </row>
    <row r="566797" spans="14:14">
      <c r="N566797" s="10"/>
    </row>
    <row r="566798" spans="14:14">
      <c r="N566798" s="10"/>
    </row>
    <row r="566799" spans="14:14">
      <c r="N566799" s="10"/>
    </row>
    <row r="566800" spans="14:14">
      <c r="N566800" s="10"/>
    </row>
    <row r="566801" spans="14:14">
      <c r="N566801" s="10"/>
    </row>
    <row r="566802" spans="14:14">
      <c r="N566802" s="10"/>
    </row>
    <row r="566803" spans="14:14">
      <c r="N566803" s="10"/>
    </row>
    <row r="566804" spans="14:14">
      <c r="N566804" s="10"/>
    </row>
    <row r="566805" spans="14:14">
      <c r="N566805" s="10"/>
    </row>
    <row r="566806" spans="14:14">
      <c r="N566806" s="10"/>
    </row>
    <row r="566807" spans="14:14">
      <c r="N566807" s="10"/>
    </row>
    <row r="566808" spans="14:14">
      <c r="N566808" s="10"/>
    </row>
    <row r="566809" spans="14:14">
      <c r="N566809" s="10"/>
    </row>
    <row r="566810" spans="14:14">
      <c r="N566810" s="10"/>
    </row>
    <row r="566811" spans="14:14">
      <c r="N566811" s="10"/>
    </row>
    <row r="566812" spans="14:14">
      <c r="N566812" s="10"/>
    </row>
    <row r="566813" spans="14:14">
      <c r="N566813" s="10"/>
    </row>
    <row r="566814" spans="14:14">
      <c r="N566814" s="10"/>
    </row>
    <row r="566815" spans="14:14">
      <c r="N566815" s="10"/>
    </row>
    <row r="566816" spans="14:14">
      <c r="N566816" s="10"/>
    </row>
    <row r="566817" spans="14:14">
      <c r="N566817" s="10"/>
    </row>
    <row r="566818" spans="14:14">
      <c r="N566818" s="10"/>
    </row>
    <row r="566819" spans="14:14">
      <c r="N566819" s="10"/>
    </row>
    <row r="566820" spans="14:14">
      <c r="N566820" s="10"/>
    </row>
    <row r="566821" spans="14:14">
      <c r="N566821" s="10"/>
    </row>
    <row r="566822" spans="14:14">
      <c r="N566822" s="10"/>
    </row>
    <row r="566823" spans="14:14">
      <c r="N566823" s="10"/>
    </row>
    <row r="566824" spans="14:14">
      <c r="N566824" s="10"/>
    </row>
    <row r="566825" spans="14:14">
      <c r="N566825" s="10"/>
    </row>
    <row r="566826" spans="14:14">
      <c r="N566826" s="10"/>
    </row>
    <row r="566827" spans="14:14">
      <c r="N566827" s="10"/>
    </row>
    <row r="566828" spans="14:14">
      <c r="N566828" s="10"/>
    </row>
    <row r="566829" spans="14:14">
      <c r="N566829" s="10"/>
    </row>
    <row r="566830" spans="14:14">
      <c r="N566830" s="10"/>
    </row>
    <row r="566831" spans="14:14">
      <c r="N566831" s="10"/>
    </row>
    <row r="566832" spans="14:14">
      <c r="N566832" s="10"/>
    </row>
    <row r="566833" spans="14:14">
      <c r="N566833" s="10"/>
    </row>
    <row r="566834" spans="14:14">
      <c r="N566834" s="10"/>
    </row>
    <row r="566835" spans="14:14">
      <c r="N566835" s="10"/>
    </row>
    <row r="566836" spans="14:14">
      <c r="N566836" s="10"/>
    </row>
    <row r="566837" spans="14:14">
      <c r="N566837" s="10"/>
    </row>
    <row r="566838" spans="14:14">
      <c r="N566838" s="10"/>
    </row>
    <row r="566839" spans="14:14">
      <c r="N566839" s="10"/>
    </row>
    <row r="566840" spans="14:14">
      <c r="N566840" s="10"/>
    </row>
    <row r="566841" spans="14:14">
      <c r="N566841" s="10"/>
    </row>
    <row r="566842" spans="14:14">
      <c r="N566842" s="10"/>
    </row>
    <row r="566843" spans="14:14">
      <c r="N566843" s="10"/>
    </row>
    <row r="566844" spans="14:14">
      <c r="N566844" s="10"/>
    </row>
    <row r="566845" spans="14:14">
      <c r="N566845" s="10"/>
    </row>
    <row r="566846" spans="14:14">
      <c r="N566846" s="10"/>
    </row>
    <row r="566847" spans="14:14">
      <c r="N566847" s="10"/>
    </row>
    <row r="566848" spans="14:14">
      <c r="N566848" s="10"/>
    </row>
    <row r="566849" spans="14:14">
      <c r="N566849" s="10"/>
    </row>
    <row r="566850" spans="14:14">
      <c r="N566850" s="10"/>
    </row>
    <row r="566851" spans="14:14">
      <c r="N566851" s="10"/>
    </row>
    <row r="566852" spans="14:14">
      <c r="N566852" s="10"/>
    </row>
    <row r="566853" spans="14:14">
      <c r="N566853" s="10"/>
    </row>
    <row r="566854" spans="14:14">
      <c r="N566854" s="10"/>
    </row>
    <row r="566855" spans="14:14">
      <c r="N566855" s="10"/>
    </row>
    <row r="566856" spans="14:14">
      <c r="N566856" s="10"/>
    </row>
    <row r="566857" spans="14:14">
      <c r="N566857" s="10"/>
    </row>
    <row r="566858" spans="14:14">
      <c r="N566858" s="10"/>
    </row>
    <row r="566859" spans="14:14">
      <c r="N566859" s="10"/>
    </row>
    <row r="566860" spans="14:14">
      <c r="N566860" s="10"/>
    </row>
    <row r="566861" spans="14:14">
      <c r="N566861" s="10"/>
    </row>
    <row r="566862" spans="14:14">
      <c r="N566862" s="10"/>
    </row>
    <row r="566863" spans="14:14">
      <c r="N566863" s="10"/>
    </row>
    <row r="566864" spans="14:14">
      <c r="N566864" s="10"/>
    </row>
    <row r="566865" spans="14:14">
      <c r="N566865" s="10"/>
    </row>
    <row r="566866" spans="14:14">
      <c r="N566866" s="10"/>
    </row>
    <row r="566867" spans="14:14">
      <c r="N566867" s="10"/>
    </row>
    <row r="566868" spans="14:14">
      <c r="N566868" s="10"/>
    </row>
    <row r="566869" spans="14:14">
      <c r="N566869" s="10"/>
    </row>
    <row r="566870" spans="14:14">
      <c r="N566870" s="10"/>
    </row>
    <row r="566871" spans="14:14">
      <c r="N566871" s="10"/>
    </row>
    <row r="566872" spans="14:14">
      <c r="N566872" s="10"/>
    </row>
    <row r="566873" spans="14:14">
      <c r="N566873" s="10"/>
    </row>
    <row r="566874" spans="14:14">
      <c r="N566874" s="10"/>
    </row>
    <row r="566875" spans="14:14">
      <c r="N566875" s="10"/>
    </row>
    <row r="566876" spans="14:14">
      <c r="N566876" s="10"/>
    </row>
    <row r="566877" spans="14:14">
      <c r="N566877" s="10"/>
    </row>
    <row r="566878" spans="14:14">
      <c r="N566878" s="10"/>
    </row>
    <row r="566879" spans="14:14">
      <c r="N566879" s="10"/>
    </row>
    <row r="566880" spans="14:14">
      <c r="N566880" s="10"/>
    </row>
    <row r="566881" spans="14:14">
      <c r="N566881" s="10"/>
    </row>
    <row r="566882" spans="14:14">
      <c r="N566882" s="10"/>
    </row>
    <row r="566883" spans="14:14">
      <c r="N566883" s="10"/>
    </row>
    <row r="566884" spans="14:14">
      <c r="N566884" s="10"/>
    </row>
    <row r="566885" spans="14:14">
      <c r="N566885" s="10"/>
    </row>
    <row r="566886" spans="14:14">
      <c r="N566886" s="10"/>
    </row>
    <row r="566887" spans="14:14">
      <c r="N566887" s="10"/>
    </row>
    <row r="566888" spans="14:14">
      <c r="N566888" s="10"/>
    </row>
    <row r="566889" spans="14:14">
      <c r="N566889" s="10"/>
    </row>
    <row r="566890" spans="14:14">
      <c r="N566890" s="10"/>
    </row>
    <row r="566891" spans="14:14">
      <c r="N566891" s="10"/>
    </row>
    <row r="566892" spans="14:14">
      <c r="N566892" s="10"/>
    </row>
    <row r="566893" spans="14:14">
      <c r="N566893" s="10"/>
    </row>
    <row r="566894" spans="14:14">
      <c r="N566894" s="10"/>
    </row>
    <row r="566895" spans="14:14">
      <c r="N566895" s="10"/>
    </row>
    <row r="566896" spans="14:14">
      <c r="N566896" s="10"/>
    </row>
    <row r="566897" spans="14:14">
      <c r="N566897" s="10"/>
    </row>
    <row r="566898" spans="14:14">
      <c r="N566898" s="10"/>
    </row>
    <row r="566899" spans="14:14">
      <c r="N566899" s="10"/>
    </row>
    <row r="566900" spans="14:14">
      <c r="N566900" s="10"/>
    </row>
    <row r="566901" spans="14:14">
      <c r="N566901" s="10"/>
    </row>
    <row r="566902" spans="14:14">
      <c r="N566902" s="10"/>
    </row>
    <row r="566903" spans="14:14">
      <c r="N566903" s="10"/>
    </row>
    <row r="566904" spans="14:14">
      <c r="N566904" s="10"/>
    </row>
    <row r="566905" spans="14:14">
      <c r="N566905" s="10"/>
    </row>
    <row r="566906" spans="14:14">
      <c r="N566906" s="10"/>
    </row>
    <row r="566907" spans="14:14">
      <c r="N566907" s="10"/>
    </row>
    <row r="566908" spans="14:14">
      <c r="N566908" s="10"/>
    </row>
    <row r="566909" spans="14:14">
      <c r="N566909" s="10"/>
    </row>
    <row r="566910" spans="14:14">
      <c r="N566910" s="10"/>
    </row>
    <row r="566911" spans="14:14">
      <c r="N566911" s="10"/>
    </row>
    <row r="566912" spans="14:14">
      <c r="N566912" s="10"/>
    </row>
    <row r="566913" spans="14:14">
      <c r="N566913" s="10"/>
    </row>
    <row r="566914" spans="14:14">
      <c r="N566914" s="10"/>
    </row>
    <row r="566915" spans="14:14">
      <c r="N566915" s="10"/>
    </row>
    <row r="566916" spans="14:14">
      <c r="N566916" s="10"/>
    </row>
    <row r="566917" spans="14:14">
      <c r="N566917" s="10"/>
    </row>
    <row r="566918" spans="14:14">
      <c r="N566918" s="10"/>
    </row>
    <row r="566919" spans="14:14">
      <c r="N566919" s="10"/>
    </row>
    <row r="566920" spans="14:14">
      <c r="N566920" s="10"/>
    </row>
    <row r="566921" spans="14:14">
      <c r="N566921" s="10"/>
    </row>
    <row r="566922" spans="14:14">
      <c r="N566922" s="10"/>
    </row>
    <row r="566923" spans="14:14">
      <c r="N566923" s="10"/>
    </row>
    <row r="566924" spans="14:14">
      <c r="N566924" s="10"/>
    </row>
    <row r="566925" spans="14:14">
      <c r="N566925" s="10"/>
    </row>
    <row r="566926" spans="14:14">
      <c r="N566926" s="10"/>
    </row>
    <row r="566927" spans="14:14">
      <c r="N566927" s="10"/>
    </row>
    <row r="566928" spans="14:14">
      <c r="N566928" s="10"/>
    </row>
    <row r="566929" spans="14:14">
      <c r="N566929" s="10"/>
    </row>
    <row r="566930" spans="14:14">
      <c r="N566930" s="10"/>
    </row>
    <row r="566931" spans="14:14">
      <c r="N566931" s="10"/>
    </row>
    <row r="566932" spans="14:14">
      <c r="N566932" s="10"/>
    </row>
    <row r="566933" spans="14:14">
      <c r="N566933" s="10"/>
    </row>
    <row r="566934" spans="14:14">
      <c r="N566934" s="10"/>
    </row>
    <row r="566935" spans="14:14">
      <c r="N566935" s="10"/>
    </row>
    <row r="566936" spans="14:14">
      <c r="N566936" s="10"/>
    </row>
    <row r="566937" spans="14:14">
      <c r="N566937" s="10"/>
    </row>
    <row r="566938" spans="14:14">
      <c r="N566938" s="10"/>
    </row>
    <row r="566939" spans="14:14">
      <c r="N566939" s="10"/>
    </row>
    <row r="566940" spans="14:14">
      <c r="N566940" s="10"/>
    </row>
    <row r="566941" spans="14:14">
      <c r="N566941" s="10"/>
    </row>
    <row r="566942" spans="14:14">
      <c r="N566942" s="10"/>
    </row>
    <row r="566943" spans="14:14">
      <c r="N566943" s="10"/>
    </row>
    <row r="566944" spans="14:14">
      <c r="N566944" s="10"/>
    </row>
    <row r="566945" spans="14:14">
      <c r="N566945" s="10"/>
    </row>
    <row r="566946" spans="14:14">
      <c r="N566946" s="10"/>
    </row>
    <row r="566947" spans="14:14">
      <c r="N566947" s="10"/>
    </row>
    <row r="566948" spans="14:14">
      <c r="N566948" s="10"/>
    </row>
    <row r="566949" spans="14:14">
      <c r="N566949" s="10"/>
    </row>
    <row r="566950" spans="14:14">
      <c r="N566950" s="10"/>
    </row>
    <row r="566951" spans="14:14">
      <c r="N566951" s="10"/>
    </row>
    <row r="566952" spans="14:14">
      <c r="N566952" s="10"/>
    </row>
    <row r="566953" spans="14:14">
      <c r="N566953" s="10"/>
    </row>
    <row r="566954" spans="14:14">
      <c r="N566954" s="10"/>
    </row>
    <row r="566955" spans="14:14">
      <c r="N566955" s="10"/>
    </row>
    <row r="566956" spans="14:14">
      <c r="N566956" s="10"/>
    </row>
    <row r="566957" spans="14:14">
      <c r="N566957" s="10"/>
    </row>
    <row r="566958" spans="14:14">
      <c r="N566958" s="10"/>
    </row>
    <row r="566959" spans="14:14">
      <c r="N566959" s="10"/>
    </row>
    <row r="566960" spans="14:14">
      <c r="N566960" s="10"/>
    </row>
    <row r="566961" spans="14:14">
      <c r="N566961" s="10"/>
    </row>
    <row r="566962" spans="14:14">
      <c r="N566962" s="10"/>
    </row>
    <row r="566963" spans="14:14">
      <c r="N566963" s="10"/>
    </row>
    <row r="566964" spans="14:14">
      <c r="N566964" s="10"/>
    </row>
    <row r="566965" spans="14:14">
      <c r="N566965" s="10"/>
    </row>
    <row r="566966" spans="14:14">
      <c r="N566966" s="10"/>
    </row>
    <row r="566967" spans="14:14">
      <c r="N566967" s="10"/>
    </row>
    <row r="566968" spans="14:14">
      <c r="N566968" s="10"/>
    </row>
    <row r="566969" spans="14:14">
      <c r="N566969" s="10"/>
    </row>
    <row r="566970" spans="14:14">
      <c r="N566970" s="10"/>
    </row>
    <row r="566971" spans="14:14">
      <c r="N566971" s="10"/>
    </row>
    <row r="566972" spans="14:14">
      <c r="N566972" s="10"/>
    </row>
    <row r="566973" spans="14:14">
      <c r="N566973" s="10"/>
    </row>
    <row r="566974" spans="14:14">
      <c r="N566974" s="10"/>
    </row>
    <row r="566975" spans="14:14">
      <c r="N566975" s="10"/>
    </row>
    <row r="566976" spans="14:14">
      <c r="N566976" s="10"/>
    </row>
    <row r="566977" spans="14:14">
      <c r="N566977" s="10"/>
    </row>
    <row r="566978" spans="14:14">
      <c r="N566978" s="10"/>
    </row>
    <row r="566979" spans="14:14">
      <c r="N566979" s="10"/>
    </row>
    <row r="566980" spans="14:14">
      <c r="N566980" s="10"/>
    </row>
    <row r="566981" spans="14:14">
      <c r="N566981" s="10"/>
    </row>
    <row r="566982" spans="14:14">
      <c r="N566982" s="10"/>
    </row>
    <row r="566983" spans="14:14">
      <c r="N566983" s="10"/>
    </row>
    <row r="566984" spans="14:14">
      <c r="N566984" s="10"/>
    </row>
    <row r="566985" spans="14:14">
      <c r="N566985" s="10"/>
    </row>
    <row r="566986" spans="14:14">
      <c r="N566986" s="10"/>
    </row>
    <row r="566987" spans="14:14">
      <c r="N566987" s="10"/>
    </row>
    <row r="566988" spans="14:14">
      <c r="N566988" s="10"/>
    </row>
    <row r="566989" spans="14:14">
      <c r="N566989" s="10"/>
    </row>
    <row r="566990" spans="14:14">
      <c r="N566990" s="10"/>
    </row>
    <row r="566991" spans="14:14">
      <c r="N566991" s="10"/>
    </row>
    <row r="566992" spans="14:14">
      <c r="N566992" s="10"/>
    </row>
    <row r="566993" spans="14:14">
      <c r="N566993" s="10"/>
    </row>
    <row r="566994" spans="14:14">
      <c r="N566994" s="10"/>
    </row>
    <row r="566995" spans="14:14">
      <c r="N566995" s="10"/>
    </row>
    <row r="566996" spans="14:14">
      <c r="N566996" s="10"/>
    </row>
    <row r="566997" spans="14:14">
      <c r="N566997" s="10"/>
    </row>
    <row r="566998" spans="14:14">
      <c r="N566998" s="10"/>
    </row>
    <row r="566999" spans="14:14">
      <c r="N566999" s="10"/>
    </row>
    <row r="567000" spans="14:14">
      <c r="N567000" s="10"/>
    </row>
    <row r="567001" spans="14:14">
      <c r="N567001" s="10"/>
    </row>
    <row r="567002" spans="14:14">
      <c r="N567002" s="10"/>
    </row>
    <row r="567003" spans="14:14">
      <c r="N567003" s="10"/>
    </row>
    <row r="567004" spans="14:14">
      <c r="N567004" s="10"/>
    </row>
    <row r="567005" spans="14:14">
      <c r="N567005" s="10"/>
    </row>
    <row r="567006" spans="14:14">
      <c r="N567006" s="10"/>
    </row>
    <row r="567007" spans="14:14">
      <c r="N567007" s="10"/>
    </row>
    <row r="567008" spans="14:14">
      <c r="N567008" s="10"/>
    </row>
    <row r="567009" spans="14:14">
      <c r="N567009" s="10"/>
    </row>
    <row r="567010" spans="14:14">
      <c r="N567010" s="10"/>
    </row>
    <row r="567011" spans="14:14">
      <c r="N567011" s="10"/>
    </row>
    <row r="567012" spans="14:14">
      <c r="N567012" s="10"/>
    </row>
    <row r="567013" spans="14:14">
      <c r="N567013" s="10"/>
    </row>
    <row r="567014" spans="14:14">
      <c r="N567014" s="10"/>
    </row>
    <row r="567015" spans="14:14">
      <c r="N567015" s="10"/>
    </row>
    <row r="567016" spans="14:14">
      <c r="N567016" s="10"/>
    </row>
    <row r="567017" spans="14:14">
      <c r="N567017" s="10"/>
    </row>
    <row r="567018" spans="14:14">
      <c r="N567018" s="10"/>
    </row>
    <row r="567019" spans="14:14">
      <c r="N567019" s="10"/>
    </row>
    <row r="567020" spans="14:14">
      <c r="N567020" s="10"/>
    </row>
    <row r="567021" spans="14:14">
      <c r="N567021" s="10"/>
    </row>
    <row r="567022" spans="14:14">
      <c r="N567022" s="10"/>
    </row>
    <row r="567023" spans="14:14">
      <c r="N567023" s="10"/>
    </row>
    <row r="567024" spans="14:14">
      <c r="N567024" s="10"/>
    </row>
    <row r="567025" spans="14:14">
      <c r="N567025" s="10"/>
    </row>
    <row r="567026" spans="14:14">
      <c r="N567026" s="10"/>
    </row>
    <row r="567027" spans="14:14">
      <c r="N567027" s="10"/>
    </row>
    <row r="567028" spans="14:14">
      <c r="N567028" s="10"/>
    </row>
    <row r="567029" spans="14:14">
      <c r="N567029" s="10"/>
    </row>
    <row r="567030" spans="14:14">
      <c r="N567030" s="10"/>
    </row>
    <row r="567031" spans="14:14">
      <c r="N567031" s="10"/>
    </row>
    <row r="567032" spans="14:14">
      <c r="N567032" s="10"/>
    </row>
    <row r="567033" spans="14:14">
      <c r="N567033" s="10"/>
    </row>
    <row r="567034" spans="14:14">
      <c r="N567034" s="10"/>
    </row>
    <row r="567035" spans="14:14">
      <c r="N567035" s="10"/>
    </row>
    <row r="567036" spans="14:14">
      <c r="N567036" s="10"/>
    </row>
    <row r="567037" spans="14:14">
      <c r="N567037" s="10"/>
    </row>
    <row r="567038" spans="14:14">
      <c r="N567038" s="10"/>
    </row>
    <row r="567039" spans="14:14">
      <c r="N567039" s="10"/>
    </row>
    <row r="567040" spans="14:14">
      <c r="N567040" s="10"/>
    </row>
    <row r="567041" spans="14:14">
      <c r="N567041" s="10"/>
    </row>
    <row r="567042" spans="14:14">
      <c r="N567042" s="10"/>
    </row>
    <row r="567043" spans="14:14">
      <c r="N567043" s="10"/>
    </row>
    <row r="567044" spans="14:14">
      <c r="N567044" s="10"/>
    </row>
    <row r="567045" spans="14:14">
      <c r="N567045" s="10"/>
    </row>
    <row r="567046" spans="14:14">
      <c r="N567046" s="10"/>
    </row>
    <row r="567047" spans="14:14">
      <c r="N567047" s="10"/>
    </row>
    <row r="567048" spans="14:14">
      <c r="N567048" s="10"/>
    </row>
    <row r="567049" spans="14:14">
      <c r="N567049" s="10"/>
    </row>
    <row r="567050" spans="14:14">
      <c r="N567050" s="10"/>
    </row>
    <row r="567051" spans="14:14">
      <c r="N567051" s="10"/>
    </row>
    <row r="567052" spans="14:14">
      <c r="N567052" s="10"/>
    </row>
    <row r="567053" spans="14:14">
      <c r="N567053" s="10"/>
    </row>
    <row r="567054" spans="14:14">
      <c r="N567054" s="10"/>
    </row>
    <row r="567055" spans="14:14">
      <c r="N567055" s="10"/>
    </row>
    <row r="567056" spans="14:14">
      <c r="N567056" s="10"/>
    </row>
    <row r="567057" spans="14:14">
      <c r="N567057" s="10"/>
    </row>
    <row r="567058" spans="14:14">
      <c r="N567058" s="10"/>
    </row>
    <row r="567059" spans="14:14">
      <c r="N567059" s="10"/>
    </row>
    <row r="567060" spans="14:14">
      <c r="N567060" s="10"/>
    </row>
    <row r="567061" spans="14:14">
      <c r="N567061" s="10"/>
    </row>
    <row r="567062" spans="14:14">
      <c r="N567062" s="10"/>
    </row>
    <row r="567063" spans="14:14">
      <c r="N567063" s="10"/>
    </row>
    <row r="567064" spans="14:14">
      <c r="N567064" s="10"/>
    </row>
    <row r="567065" spans="14:14">
      <c r="N567065" s="10"/>
    </row>
    <row r="567066" spans="14:14">
      <c r="N567066" s="10"/>
    </row>
    <row r="567067" spans="14:14">
      <c r="N567067" s="10"/>
    </row>
    <row r="567068" spans="14:14">
      <c r="N567068" s="10"/>
    </row>
    <row r="567069" spans="14:14">
      <c r="N567069" s="10"/>
    </row>
    <row r="567070" spans="14:14">
      <c r="N567070" s="10"/>
    </row>
    <row r="567071" spans="14:14">
      <c r="N567071" s="10"/>
    </row>
    <row r="567072" spans="14:14">
      <c r="N567072" s="10"/>
    </row>
    <row r="567073" spans="14:14">
      <c r="N567073" s="10"/>
    </row>
    <row r="567074" spans="14:14">
      <c r="N567074" s="10"/>
    </row>
    <row r="567075" spans="14:14">
      <c r="N567075" s="10"/>
    </row>
    <row r="567076" spans="14:14">
      <c r="N567076" s="10"/>
    </row>
    <row r="567077" spans="14:14">
      <c r="N567077" s="10"/>
    </row>
    <row r="567078" spans="14:14">
      <c r="N567078" s="10"/>
    </row>
    <row r="567079" spans="14:14">
      <c r="N567079" s="10"/>
    </row>
    <row r="567080" spans="14:14">
      <c r="N567080" s="10"/>
    </row>
    <row r="567081" spans="14:14">
      <c r="N567081" s="10"/>
    </row>
    <row r="567082" spans="14:14">
      <c r="N567082" s="10"/>
    </row>
    <row r="567083" spans="14:14">
      <c r="N567083" s="10"/>
    </row>
    <row r="567084" spans="14:14">
      <c r="N567084" s="10"/>
    </row>
    <row r="567085" spans="14:14">
      <c r="N567085" s="10"/>
    </row>
    <row r="567086" spans="14:14">
      <c r="N567086" s="10"/>
    </row>
    <row r="567087" spans="14:14">
      <c r="N567087" s="10"/>
    </row>
    <row r="567088" spans="14:14">
      <c r="N567088" s="10"/>
    </row>
    <row r="567089" spans="14:14">
      <c r="N567089" s="10"/>
    </row>
    <row r="567090" spans="14:14">
      <c r="N567090" s="10"/>
    </row>
    <row r="567091" spans="14:14">
      <c r="N567091" s="10"/>
    </row>
    <row r="567092" spans="14:14">
      <c r="N567092" s="10"/>
    </row>
    <row r="567093" spans="14:14">
      <c r="N567093" s="10"/>
    </row>
    <row r="567094" spans="14:14">
      <c r="N567094" s="10"/>
    </row>
    <row r="567095" spans="14:14">
      <c r="N567095" s="10"/>
    </row>
    <row r="567096" spans="14:14">
      <c r="N567096" s="10"/>
    </row>
    <row r="567097" spans="14:14">
      <c r="N567097" s="10"/>
    </row>
    <row r="567098" spans="14:14">
      <c r="N567098" s="10"/>
    </row>
    <row r="567099" spans="14:14">
      <c r="N567099" s="10"/>
    </row>
    <row r="567100" spans="14:14">
      <c r="N567100" s="10"/>
    </row>
    <row r="567101" spans="14:14">
      <c r="N567101" s="10"/>
    </row>
    <row r="567102" spans="14:14">
      <c r="N567102" s="10"/>
    </row>
    <row r="567103" spans="14:14">
      <c r="N567103" s="10"/>
    </row>
    <row r="567104" spans="14:14">
      <c r="N567104" s="10"/>
    </row>
    <row r="567105" spans="14:14">
      <c r="N567105" s="10"/>
    </row>
    <row r="567106" spans="14:14">
      <c r="N567106" s="10"/>
    </row>
    <row r="567107" spans="14:14">
      <c r="N567107" s="10"/>
    </row>
    <row r="567108" spans="14:14">
      <c r="N567108" s="10"/>
    </row>
    <row r="567109" spans="14:14">
      <c r="N567109" s="10"/>
    </row>
    <row r="567110" spans="14:14">
      <c r="N567110" s="10"/>
    </row>
    <row r="567111" spans="14:14">
      <c r="N567111" s="10"/>
    </row>
    <row r="567112" spans="14:14">
      <c r="N567112" s="10"/>
    </row>
    <row r="567113" spans="14:14">
      <c r="N567113" s="10"/>
    </row>
    <row r="567114" spans="14:14">
      <c r="N567114" s="10"/>
    </row>
    <row r="567115" spans="14:14">
      <c r="N567115" s="10"/>
    </row>
    <row r="567116" spans="14:14">
      <c r="N567116" s="10"/>
    </row>
    <row r="567117" spans="14:14">
      <c r="N567117" s="10"/>
    </row>
    <row r="567118" spans="14:14">
      <c r="N567118" s="10"/>
    </row>
    <row r="567119" spans="14:14">
      <c r="N567119" s="10"/>
    </row>
    <row r="567120" spans="14:14">
      <c r="N567120" s="10"/>
    </row>
    <row r="567121" spans="14:14">
      <c r="N567121" s="10"/>
    </row>
    <row r="567122" spans="14:14">
      <c r="N567122" s="10"/>
    </row>
    <row r="567123" spans="14:14">
      <c r="N567123" s="10"/>
    </row>
    <row r="567124" spans="14:14">
      <c r="N567124" s="10"/>
    </row>
    <row r="567125" spans="14:14">
      <c r="N567125" s="10"/>
    </row>
    <row r="567126" spans="14:14">
      <c r="N567126" s="10"/>
    </row>
    <row r="567127" spans="14:14">
      <c r="N567127" s="10"/>
    </row>
    <row r="567128" spans="14:14">
      <c r="N567128" s="10"/>
    </row>
    <row r="567129" spans="14:14">
      <c r="N567129" s="10"/>
    </row>
    <row r="567130" spans="14:14">
      <c r="N567130" s="10"/>
    </row>
    <row r="567131" spans="14:14">
      <c r="N567131" s="10"/>
    </row>
    <row r="567132" spans="14:14">
      <c r="N567132" s="10"/>
    </row>
    <row r="567133" spans="14:14">
      <c r="N567133" s="10"/>
    </row>
    <row r="567134" spans="14:14">
      <c r="N567134" s="10"/>
    </row>
    <row r="567135" spans="14:14">
      <c r="N567135" s="10"/>
    </row>
    <row r="567136" spans="14:14">
      <c r="N567136" s="10"/>
    </row>
    <row r="567137" spans="14:14">
      <c r="N567137" s="10"/>
    </row>
    <row r="567138" spans="14:14">
      <c r="N567138" s="10"/>
    </row>
    <row r="567139" spans="14:14">
      <c r="N567139" s="10"/>
    </row>
    <row r="567140" spans="14:14">
      <c r="N567140" s="10"/>
    </row>
    <row r="567141" spans="14:14">
      <c r="N567141" s="10"/>
    </row>
    <row r="567142" spans="14:14">
      <c r="N567142" s="10"/>
    </row>
    <row r="567143" spans="14:14">
      <c r="N567143" s="10"/>
    </row>
    <row r="567144" spans="14:14">
      <c r="N567144" s="10"/>
    </row>
    <row r="567145" spans="14:14">
      <c r="N567145" s="10"/>
    </row>
    <row r="567146" spans="14:14">
      <c r="N567146" s="10"/>
    </row>
    <row r="567147" spans="14:14">
      <c r="N567147" s="10"/>
    </row>
    <row r="567148" spans="14:14">
      <c r="N567148" s="10"/>
    </row>
    <row r="567149" spans="14:14">
      <c r="N567149" s="10"/>
    </row>
    <row r="567150" spans="14:14">
      <c r="N567150" s="10"/>
    </row>
    <row r="567151" spans="14:14">
      <c r="N567151" s="10"/>
    </row>
    <row r="567152" spans="14:14">
      <c r="N567152" s="10"/>
    </row>
    <row r="567153" spans="14:14">
      <c r="N567153" s="10"/>
    </row>
    <row r="567154" spans="14:14">
      <c r="N567154" s="10"/>
    </row>
    <row r="567155" spans="14:14">
      <c r="N567155" s="10"/>
    </row>
    <row r="567156" spans="14:14">
      <c r="N567156" s="10"/>
    </row>
    <row r="567157" spans="14:14">
      <c r="N567157" s="10"/>
    </row>
    <row r="567158" spans="14:14">
      <c r="N567158" s="10"/>
    </row>
    <row r="567159" spans="14:14">
      <c r="N567159" s="10"/>
    </row>
    <row r="567160" spans="14:14">
      <c r="N567160" s="10"/>
    </row>
    <row r="567161" spans="14:14">
      <c r="N567161" s="10"/>
    </row>
    <row r="567162" spans="14:14">
      <c r="N567162" s="10"/>
    </row>
    <row r="567163" spans="14:14">
      <c r="N567163" s="10"/>
    </row>
    <row r="567164" spans="14:14">
      <c r="N567164" s="10"/>
    </row>
    <row r="567165" spans="14:14">
      <c r="N567165" s="10"/>
    </row>
    <row r="567166" spans="14:14">
      <c r="N567166" s="10"/>
    </row>
    <row r="567167" spans="14:14">
      <c r="N567167" s="10"/>
    </row>
    <row r="567168" spans="14:14">
      <c r="N567168" s="10"/>
    </row>
    <row r="567169" spans="14:14">
      <c r="N567169" s="10"/>
    </row>
    <row r="567170" spans="14:14">
      <c r="N567170" s="10"/>
    </row>
    <row r="567171" spans="14:14">
      <c r="N567171" s="10"/>
    </row>
    <row r="567172" spans="14:14">
      <c r="N567172" s="10"/>
    </row>
    <row r="567173" spans="14:14">
      <c r="N567173" s="10"/>
    </row>
    <row r="567174" spans="14:14">
      <c r="N567174" s="10"/>
    </row>
    <row r="567175" spans="14:14">
      <c r="N567175" s="10"/>
    </row>
    <row r="567176" spans="14:14">
      <c r="N567176" s="10"/>
    </row>
    <row r="567177" spans="14:14">
      <c r="N567177" s="10"/>
    </row>
    <row r="567178" spans="14:14">
      <c r="N567178" s="10"/>
    </row>
    <row r="567179" spans="14:14">
      <c r="N567179" s="10"/>
    </row>
    <row r="567180" spans="14:14">
      <c r="N567180" s="10"/>
    </row>
    <row r="567181" spans="14:14">
      <c r="N567181" s="10"/>
    </row>
    <row r="567182" spans="14:14">
      <c r="N567182" s="10"/>
    </row>
    <row r="567183" spans="14:14">
      <c r="N567183" s="10"/>
    </row>
    <row r="567184" spans="14:14">
      <c r="N567184" s="10"/>
    </row>
    <row r="567185" spans="14:14">
      <c r="N567185" s="10"/>
    </row>
    <row r="567186" spans="14:14">
      <c r="N567186" s="10"/>
    </row>
    <row r="567187" spans="14:14">
      <c r="N567187" s="10"/>
    </row>
    <row r="567188" spans="14:14">
      <c r="N567188" s="10"/>
    </row>
    <row r="567189" spans="14:14">
      <c r="N567189" s="10"/>
    </row>
    <row r="567190" spans="14:14">
      <c r="N567190" s="10"/>
    </row>
    <row r="567191" spans="14:14">
      <c r="N567191" s="10"/>
    </row>
    <row r="567192" spans="14:14">
      <c r="N567192" s="10"/>
    </row>
    <row r="567193" spans="14:14">
      <c r="N567193" s="10"/>
    </row>
    <row r="567194" spans="14:14">
      <c r="N567194" s="10"/>
    </row>
    <row r="567195" spans="14:14">
      <c r="N567195" s="10"/>
    </row>
    <row r="567196" spans="14:14">
      <c r="N567196" s="10"/>
    </row>
    <row r="567197" spans="14:14">
      <c r="N567197" s="10"/>
    </row>
    <row r="567198" spans="14:14">
      <c r="N567198" s="10"/>
    </row>
    <row r="567199" spans="14:14">
      <c r="N567199" s="10"/>
    </row>
    <row r="567200" spans="14:14">
      <c r="N567200" s="10"/>
    </row>
    <row r="567201" spans="14:14">
      <c r="N567201" s="10"/>
    </row>
    <row r="567202" spans="14:14">
      <c r="N567202" s="10"/>
    </row>
    <row r="567203" spans="14:14">
      <c r="N567203" s="10"/>
    </row>
    <row r="567204" spans="14:14">
      <c r="N567204" s="10"/>
    </row>
    <row r="567205" spans="14:14">
      <c r="N567205" s="10"/>
    </row>
    <row r="567206" spans="14:14">
      <c r="N567206" s="10"/>
    </row>
    <row r="567207" spans="14:14">
      <c r="N567207" s="10"/>
    </row>
    <row r="567208" spans="14:14">
      <c r="N567208" s="10"/>
    </row>
    <row r="567209" spans="14:14">
      <c r="N567209" s="10"/>
    </row>
    <row r="567210" spans="14:14">
      <c r="N567210" s="10"/>
    </row>
    <row r="567211" spans="14:14">
      <c r="N567211" s="10"/>
    </row>
    <row r="567212" spans="14:14">
      <c r="N567212" s="10"/>
    </row>
    <row r="567213" spans="14:14">
      <c r="N567213" s="10"/>
    </row>
    <row r="567214" spans="14:14">
      <c r="N567214" s="10"/>
    </row>
    <row r="567215" spans="14:14">
      <c r="N567215" s="10"/>
    </row>
    <row r="567216" spans="14:14">
      <c r="N567216" s="10"/>
    </row>
    <row r="567217" spans="14:14">
      <c r="N567217" s="10"/>
    </row>
    <row r="567218" spans="14:14">
      <c r="N567218" s="10"/>
    </row>
    <row r="567219" spans="14:14">
      <c r="N567219" s="10"/>
    </row>
    <row r="567220" spans="14:14">
      <c r="N567220" s="10"/>
    </row>
    <row r="567221" spans="14:14">
      <c r="N567221" s="10"/>
    </row>
    <row r="567222" spans="14:14">
      <c r="N567222" s="10"/>
    </row>
    <row r="567223" spans="14:14">
      <c r="N567223" s="10"/>
    </row>
    <row r="567224" spans="14:14">
      <c r="N567224" s="10"/>
    </row>
    <row r="567225" spans="14:14">
      <c r="N567225" s="10"/>
    </row>
    <row r="567226" spans="14:14">
      <c r="N567226" s="10"/>
    </row>
    <row r="567227" spans="14:14">
      <c r="N567227" s="10"/>
    </row>
    <row r="567228" spans="14:14">
      <c r="N567228" s="10"/>
    </row>
    <row r="567229" spans="14:14">
      <c r="N567229" s="10"/>
    </row>
    <row r="567230" spans="14:14">
      <c r="N567230" s="10"/>
    </row>
    <row r="567231" spans="14:14">
      <c r="N567231" s="10"/>
    </row>
    <row r="567232" spans="14:14">
      <c r="N567232" s="10"/>
    </row>
    <row r="567233" spans="14:14">
      <c r="N567233" s="10"/>
    </row>
    <row r="567234" spans="14:14">
      <c r="N567234" s="10"/>
    </row>
    <row r="567235" spans="14:14">
      <c r="N567235" s="10"/>
    </row>
    <row r="567236" spans="14:14">
      <c r="N567236" s="10"/>
    </row>
    <row r="567237" spans="14:14">
      <c r="N567237" s="10"/>
    </row>
    <row r="567238" spans="14:14">
      <c r="N567238" s="10"/>
    </row>
    <row r="567239" spans="14:14">
      <c r="N567239" s="10"/>
    </row>
    <row r="567240" spans="14:14">
      <c r="N567240" s="10"/>
    </row>
    <row r="567241" spans="14:14">
      <c r="N567241" s="10"/>
    </row>
    <row r="567242" spans="14:14">
      <c r="N567242" s="10"/>
    </row>
    <row r="567243" spans="14:14">
      <c r="N567243" s="10"/>
    </row>
    <row r="567244" spans="14:14">
      <c r="N567244" s="10"/>
    </row>
    <row r="567245" spans="14:14">
      <c r="N567245" s="10"/>
    </row>
    <row r="567246" spans="14:14">
      <c r="N567246" s="10"/>
    </row>
    <row r="567247" spans="14:14">
      <c r="N567247" s="10"/>
    </row>
    <row r="567248" spans="14:14">
      <c r="N567248" s="10"/>
    </row>
    <row r="567249" spans="14:14">
      <c r="N567249" s="10"/>
    </row>
    <row r="567250" spans="14:14">
      <c r="N567250" s="10"/>
    </row>
    <row r="567251" spans="14:14">
      <c r="N567251" s="10"/>
    </row>
    <row r="567252" spans="14:14">
      <c r="N567252" s="10"/>
    </row>
    <row r="567253" spans="14:14">
      <c r="N567253" s="10"/>
    </row>
    <row r="567254" spans="14:14">
      <c r="N567254" s="10"/>
    </row>
    <row r="567255" spans="14:14">
      <c r="N567255" s="10"/>
    </row>
    <row r="567256" spans="14:14">
      <c r="N567256" s="10"/>
    </row>
    <row r="567257" spans="14:14">
      <c r="N567257" s="10"/>
    </row>
    <row r="567258" spans="14:14">
      <c r="N567258" s="10"/>
    </row>
    <row r="567259" spans="14:14">
      <c r="N567259" s="10"/>
    </row>
    <row r="567260" spans="14:14">
      <c r="N567260" s="10"/>
    </row>
    <row r="567261" spans="14:14">
      <c r="N567261" s="10"/>
    </row>
    <row r="567262" spans="14:14">
      <c r="N567262" s="10"/>
    </row>
    <row r="567263" spans="14:14">
      <c r="N567263" s="10"/>
    </row>
    <row r="567264" spans="14:14">
      <c r="N567264" s="10"/>
    </row>
    <row r="567265" spans="14:14">
      <c r="N567265" s="10"/>
    </row>
    <row r="567266" spans="14:14">
      <c r="N567266" s="10"/>
    </row>
    <row r="567267" spans="14:14">
      <c r="N567267" s="10"/>
    </row>
    <row r="567268" spans="14:14">
      <c r="N567268" s="10"/>
    </row>
    <row r="567269" spans="14:14">
      <c r="N567269" s="10"/>
    </row>
    <row r="567270" spans="14:14">
      <c r="N567270" s="10"/>
    </row>
    <row r="567271" spans="14:14">
      <c r="N567271" s="10"/>
    </row>
    <row r="567272" spans="14:14">
      <c r="N567272" s="10"/>
    </row>
    <row r="567273" spans="14:14">
      <c r="N567273" s="10"/>
    </row>
    <row r="567274" spans="14:14">
      <c r="N567274" s="10"/>
    </row>
    <row r="567275" spans="14:14">
      <c r="N567275" s="10"/>
    </row>
    <row r="567276" spans="14:14">
      <c r="N567276" s="10"/>
    </row>
    <row r="567277" spans="14:14">
      <c r="N567277" s="10"/>
    </row>
    <row r="567278" spans="14:14">
      <c r="N567278" s="10"/>
    </row>
    <row r="567279" spans="14:14">
      <c r="N567279" s="10"/>
    </row>
    <row r="567280" spans="14:14">
      <c r="N567280" s="10"/>
    </row>
    <row r="567281" spans="14:14">
      <c r="N567281" s="10"/>
    </row>
    <row r="567282" spans="14:14">
      <c r="N567282" s="10"/>
    </row>
    <row r="567283" spans="14:14">
      <c r="N567283" s="10"/>
    </row>
    <row r="567284" spans="14:14">
      <c r="N567284" s="10"/>
    </row>
    <row r="567285" spans="14:14">
      <c r="N567285" s="10"/>
    </row>
    <row r="567286" spans="14:14">
      <c r="N567286" s="10"/>
    </row>
    <row r="567287" spans="14:14">
      <c r="N567287" s="10"/>
    </row>
    <row r="567288" spans="14:14">
      <c r="N567288" s="10"/>
    </row>
    <row r="567289" spans="14:14">
      <c r="N567289" s="10"/>
    </row>
    <row r="567290" spans="14:14">
      <c r="N567290" s="10"/>
    </row>
    <row r="567291" spans="14:14">
      <c r="N567291" s="10"/>
    </row>
    <row r="567292" spans="14:14">
      <c r="N567292" s="10"/>
    </row>
    <row r="567293" spans="14:14">
      <c r="N567293" s="10"/>
    </row>
    <row r="567294" spans="14:14">
      <c r="N567294" s="10"/>
    </row>
    <row r="567295" spans="14:14">
      <c r="N567295" s="10"/>
    </row>
    <row r="567296" spans="14:14">
      <c r="N567296" s="10"/>
    </row>
    <row r="567297" spans="14:14">
      <c r="N567297" s="10"/>
    </row>
    <row r="567298" spans="14:14">
      <c r="N567298" s="10"/>
    </row>
    <row r="567299" spans="14:14">
      <c r="N567299" s="10"/>
    </row>
    <row r="567300" spans="14:14">
      <c r="N567300" s="10"/>
    </row>
    <row r="567301" spans="14:14">
      <c r="N567301" s="10"/>
    </row>
    <row r="567302" spans="14:14">
      <c r="N567302" s="10"/>
    </row>
    <row r="567303" spans="14:14">
      <c r="N567303" s="10"/>
    </row>
    <row r="567304" spans="14:14">
      <c r="N567304" s="10"/>
    </row>
    <row r="567305" spans="14:14">
      <c r="N567305" s="10"/>
    </row>
    <row r="567306" spans="14:14">
      <c r="N567306" s="10"/>
    </row>
    <row r="567307" spans="14:14">
      <c r="N567307" s="10"/>
    </row>
    <row r="567308" spans="14:14">
      <c r="N567308" s="10"/>
    </row>
    <row r="567309" spans="14:14">
      <c r="N567309" s="10"/>
    </row>
    <row r="567310" spans="14:14">
      <c r="N567310" s="10"/>
    </row>
    <row r="567311" spans="14:14">
      <c r="N567311" s="10"/>
    </row>
    <row r="567312" spans="14:14">
      <c r="N567312" s="10"/>
    </row>
    <row r="567313" spans="14:14">
      <c r="N567313" s="10"/>
    </row>
    <row r="567314" spans="14:14">
      <c r="N567314" s="10"/>
    </row>
    <row r="567315" spans="14:14">
      <c r="N567315" s="10"/>
    </row>
    <row r="567316" spans="14:14">
      <c r="N567316" s="10"/>
    </row>
    <row r="567317" spans="14:14">
      <c r="N567317" s="10"/>
    </row>
    <row r="567318" spans="14:14">
      <c r="N567318" s="10"/>
    </row>
    <row r="567319" spans="14:14">
      <c r="N567319" s="10"/>
    </row>
    <row r="567320" spans="14:14">
      <c r="N567320" s="10"/>
    </row>
    <row r="567321" spans="14:14">
      <c r="N567321" s="10"/>
    </row>
    <row r="567322" spans="14:14">
      <c r="N567322" s="10"/>
    </row>
    <row r="567323" spans="14:14">
      <c r="N567323" s="10"/>
    </row>
    <row r="567324" spans="14:14">
      <c r="N567324" s="10"/>
    </row>
    <row r="567325" spans="14:14">
      <c r="N567325" s="10"/>
    </row>
    <row r="567326" spans="14:14">
      <c r="N567326" s="10"/>
    </row>
    <row r="567327" spans="14:14">
      <c r="N567327" s="10"/>
    </row>
    <row r="567328" spans="14:14">
      <c r="N567328" s="10"/>
    </row>
    <row r="567329" spans="14:14">
      <c r="N567329" s="10"/>
    </row>
    <row r="567330" spans="14:14">
      <c r="N567330" s="10"/>
    </row>
    <row r="567331" spans="14:14">
      <c r="N567331" s="10"/>
    </row>
    <row r="567332" spans="14:14">
      <c r="N567332" s="10"/>
    </row>
    <row r="567333" spans="14:14">
      <c r="N567333" s="10"/>
    </row>
    <row r="567334" spans="14:14">
      <c r="N567334" s="10"/>
    </row>
    <row r="567335" spans="14:14">
      <c r="N567335" s="10"/>
    </row>
    <row r="567336" spans="14:14">
      <c r="N567336" s="10"/>
    </row>
    <row r="567337" spans="14:14">
      <c r="N567337" s="10"/>
    </row>
    <row r="567338" spans="14:14">
      <c r="N567338" s="10"/>
    </row>
    <row r="567339" spans="14:14">
      <c r="N567339" s="10"/>
    </row>
    <row r="567340" spans="14:14">
      <c r="N567340" s="10"/>
    </row>
    <row r="567341" spans="14:14">
      <c r="N567341" s="10"/>
    </row>
    <row r="567342" spans="14:14">
      <c r="N567342" s="10"/>
    </row>
    <row r="567343" spans="14:14">
      <c r="N567343" s="10"/>
    </row>
    <row r="567344" spans="14:14">
      <c r="N567344" s="10"/>
    </row>
    <row r="567345" spans="14:14">
      <c r="N567345" s="10"/>
    </row>
    <row r="567346" spans="14:14">
      <c r="N567346" s="10"/>
    </row>
    <row r="567347" spans="14:14">
      <c r="N567347" s="10"/>
    </row>
    <row r="567348" spans="14:14">
      <c r="N567348" s="10"/>
    </row>
    <row r="567349" spans="14:14">
      <c r="N567349" s="10"/>
    </row>
    <row r="567350" spans="14:14">
      <c r="N567350" s="10"/>
    </row>
    <row r="567351" spans="14:14">
      <c r="N567351" s="10"/>
    </row>
    <row r="567352" spans="14:14">
      <c r="N567352" s="10"/>
    </row>
    <row r="567353" spans="14:14">
      <c r="N567353" s="10"/>
    </row>
    <row r="567354" spans="14:14">
      <c r="N567354" s="10"/>
    </row>
    <row r="567355" spans="14:14">
      <c r="N567355" s="10"/>
    </row>
    <row r="567356" spans="14:14">
      <c r="N567356" s="10"/>
    </row>
    <row r="567357" spans="14:14">
      <c r="N567357" s="10"/>
    </row>
    <row r="567358" spans="14:14">
      <c r="N567358" s="10"/>
    </row>
    <row r="567359" spans="14:14">
      <c r="N567359" s="10"/>
    </row>
    <row r="567360" spans="14:14">
      <c r="N567360" s="10"/>
    </row>
    <row r="567361" spans="14:14">
      <c r="N567361" s="10"/>
    </row>
    <row r="567362" spans="14:14">
      <c r="N567362" s="10"/>
    </row>
    <row r="567363" spans="14:14">
      <c r="N567363" s="10"/>
    </row>
    <row r="567364" spans="14:14">
      <c r="N567364" s="10"/>
    </row>
    <row r="567365" spans="14:14">
      <c r="N567365" s="10"/>
    </row>
    <row r="567366" spans="14:14">
      <c r="N567366" s="10"/>
    </row>
    <row r="567367" spans="14:14">
      <c r="N567367" s="10"/>
    </row>
    <row r="567368" spans="14:14">
      <c r="N567368" s="10"/>
    </row>
    <row r="567369" spans="14:14">
      <c r="N567369" s="10"/>
    </row>
    <row r="567370" spans="14:14">
      <c r="N567370" s="10"/>
    </row>
    <row r="567371" spans="14:14">
      <c r="N567371" s="10"/>
    </row>
    <row r="567372" spans="14:14">
      <c r="N567372" s="10"/>
    </row>
    <row r="567373" spans="14:14">
      <c r="N567373" s="10"/>
    </row>
    <row r="567374" spans="14:14">
      <c r="N567374" s="10"/>
    </row>
    <row r="567375" spans="14:14">
      <c r="N567375" s="10"/>
    </row>
    <row r="567376" spans="14:14">
      <c r="N567376" s="10"/>
    </row>
    <row r="567377" spans="14:14">
      <c r="N567377" s="10"/>
    </row>
    <row r="567378" spans="14:14">
      <c r="N567378" s="10"/>
    </row>
    <row r="567379" spans="14:14">
      <c r="N567379" s="10"/>
    </row>
    <row r="567380" spans="14:14">
      <c r="N567380" s="10"/>
    </row>
    <row r="567381" spans="14:14">
      <c r="N567381" s="10"/>
    </row>
    <row r="567382" spans="14:14">
      <c r="N567382" s="10"/>
    </row>
    <row r="567383" spans="14:14">
      <c r="N567383" s="10"/>
    </row>
    <row r="567384" spans="14:14">
      <c r="N567384" s="10"/>
    </row>
    <row r="567385" spans="14:14">
      <c r="N567385" s="10"/>
    </row>
    <row r="567386" spans="14:14">
      <c r="N567386" s="10"/>
    </row>
    <row r="567387" spans="14:14">
      <c r="N567387" s="10"/>
    </row>
    <row r="567388" spans="14:14">
      <c r="N567388" s="10"/>
    </row>
    <row r="567389" spans="14:14">
      <c r="N567389" s="10"/>
    </row>
    <row r="567390" spans="14:14">
      <c r="N567390" s="10"/>
    </row>
    <row r="567391" spans="14:14">
      <c r="N567391" s="10"/>
    </row>
    <row r="567392" spans="14:14">
      <c r="N567392" s="10"/>
    </row>
    <row r="567393" spans="14:14">
      <c r="N567393" s="10"/>
    </row>
    <row r="567394" spans="14:14">
      <c r="N567394" s="10"/>
    </row>
    <row r="567395" spans="14:14">
      <c r="N567395" s="10"/>
    </row>
    <row r="567396" spans="14:14">
      <c r="N567396" s="10"/>
    </row>
    <row r="567397" spans="14:14">
      <c r="N567397" s="10"/>
    </row>
    <row r="567398" spans="14:14">
      <c r="N567398" s="10"/>
    </row>
    <row r="567399" spans="14:14">
      <c r="N567399" s="10"/>
    </row>
    <row r="567400" spans="14:14">
      <c r="N567400" s="10"/>
    </row>
    <row r="567401" spans="14:14">
      <c r="N567401" s="10"/>
    </row>
    <row r="567402" spans="14:14">
      <c r="N567402" s="10"/>
    </row>
    <row r="567403" spans="14:14">
      <c r="N567403" s="10"/>
    </row>
    <row r="567404" spans="14:14">
      <c r="N567404" s="10"/>
    </row>
    <row r="567405" spans="14:14">
      <c r="N567405" s="10"/>
    </row>
    <row r="567406" spans="14:14">
      <c r="N567406" s="10"/>
    </row>
    <row r="567407" spans="14:14">
      <c r="N567407" s="10"/>
    </row>
    <row r="567408" spans="14:14">
      <c r="N567408" s="10"/>
    </row>
    <row r="567409" spans="14:14">
      <c r="N567409" s="10"/>
    </row>
    <row r="567410" spans="14:14">
      <c r="N567410" s="10"/>
    </row>
    <row r="567411" spans="14:14">
      <c r="N567411" s="10"/>
    </row>
    <row r="567412" spans="14:14">
      <c r="N567412" s="10"/>
    </row>
    <row r="567413" spans="14:14">
      <c r="N567413" s="10"/>
    </row>
    <row r="567414" spans="14:14">
      <c r="N567414" s="10"/>
    </row>
    <row r="567415" spans="14:14">
      <c r="N567415" s="10"/>
    </row>
    <row r="567416" spans="14:14">
      <c r="N567416" s="10"/>
    </row>
    <row r="567417" spans="14:14">
      <c r="N567417" s="10"/>
    </row>
    <row r="567418" spans="14:14">
      <c r="N567418" s="10"/>
    </row>
    <row r="567419" spans="14:14">
      <c r="N567419" s="10"/>
    </row>
    <row r="567420" spans="14:14">
      <c r="N567420" s="10"/>
    </row>
    <row r="567421" spans="14:14">
      <c r="N567421" s="10"/>
    </row>
    <row r="567422" spans="14:14">
      <c r="N567422" s="10"/>
    </row>
    <row r="567423" spans="14:14">
      <c r="N567423" s="10"/>
    </row>
    <row r="567424" spans="14:14">
      <c r="N567424" s="10"/>
    </row>
    <row r="567425" spans="14:14">
      <c r="N567425" s="10"/>
    </row>
    <row r="567426" spans="14:14">
      <c r="N567426" s="10"/>
    </row>
    <row r="567427" spans="14:14">
      <c r="N567427" s="10"/>
    </row>
    <row r="567428" spans="14:14">
      <c r="N567428" s="10"/>
    </row>
    <row r="567429" spans="14:14">
      <c r="N567429" s="10"/>
    </row>
    <row r="567430" spans="14:14">
      <c r="N567430" s="10"/>
    </row>
    <row r="567431" spans="14:14">
      <c r="N567431" s="10"/>
    </row>
    <row r="567432" spans="14:14">
      <c r="N567432" s="10"/>
    </row>
    <row r="567433" spans="14:14">
      <c r="N567433" s="10"/>
    </row>
    <row r="567434" spans="14:14">
      <c r="N567434" s="10"/>
    </row>
    <row r="567435" spans="14:14">
      <c r="N567435" s="10"/>
    </row>
    <row r="567436" spans="14:14">
      <c r="N567436" s="10"/>
    </row>
    <row r="567437" spans="14:14">
      <c r="N567437" s="10"/>
    </row>
    <row r="567438" spans="14:14">
      <c r="N567438" s="10"/>
    </row>
    <row r="567439" spans="14:14">
      <c r="N567439" s="10"/>
    </row>
    <row r="567440" spans="14:14">
      <c r="N567440" s="10"/>
    </row>
    <row r="567441" spans="14:14">
      <c r="N567441" s="10"/>
    </row>
    <row r="567442" spans="14:14">
      <c r="N567442" s="10"/>
    </row>
    <row r="567443" spans="14:14">
      <c r="N567443" s="10"/>
    </row>
    <row r="567444" spans="14:14">
      <c r="N567444" s="10"/>
    </row>
    <row r="567445" spans="14:14">
      <c r="N567445" s="10"/>
    </row>
    <row r="567446" spans="14:14">
      <c r="N567446" s="10"/>
    </row>
    <row r="567447" spans="14:14">
      <c r="N567447" s="10"/>
    </row>
    <row r="567448" spans="14:14">
      <c r="N567448" s="10"/>
    </row>
    <row r="567449" spans="14:14">
      <c r="N567449" s="10"/>
    </row>
    <row r="567450" spans="14:14">
      <c r="N567450" s="10"/>
    </row>
    <row r="567451" spans="14:14">
      <c r="N567451" s="10"/>
    </row>
    <row r="567452" spans="14:14">
      <c r="N567452" s="10"/>
    </row>
    <row r="567453" spans="14:14">
      <c r="N567453" s="10"/>
    </row>
    <row r="567454" spans="14:14">
      <c r="N567454" s="10"/>
    </row>
    <row r="567455" spans="14:14">
      <c r="N567455" s="10"/>
    </row>
    <row r="567456" spans="14:14">
      <c r="N567456" s="10"/>
    </row>
    <row r="567457" spans="14:14">
      <c r="N567457" s="10"/>
    </row>
    <row r="567458" spans="14:14">
      <c r="N567458" s="10"/>
    </row>
    <row r="567459" spans="14:14">
      <c r="N567459" s="10"/>
    </row>
    <row r="567460" spans="14:14">
      <c r="N567460" s="10"/>
    </row>
    <row r="567461" spans="14:14">
      <c r="N567461" s="10"/>
    </row>
    <row r="567462" spans="14:14">
      <c r="N567462" s="10"/>
    </row>
    <row r="567463" spans="14:14">
      <c r="N567463" s="10"/>
    </row>
    <row r="567464" spans="14:14">
      <c r="N567464" s="10"/>
    </row>
    <row r="567465" spans="14:14">
      <c r="N567465" s="10"/>
    </row>
    <row r="567466" spans="14:14">
      <c r="N567466" s="10"/>
    </row>
    <row r="567467" spans="14:14">
      <c r="N567467" s="10"/>
    </row>
    <row r="567468" spans="14:14">
      <c r="N567468" s="10"/>
    </row>
    <row r="567469" spans="14:14">
      <c r="N567469" s="10"/>
    </row>
    <row r="567470" spans="14:14">
      <c r="N567470" s="10"/>
    </row>
    <row r="567471" spans="14:14">
      <c r="N567471" s="10"/>
    </row>
    <row r="567472" spans="14:14">
      <c r="N567472" s="10"/>
    </row>
    <row r="567473" spans="14:14">
      <c r="N567473" s="10"/>
    </row>
    <row r="567474" spans="14:14">
      <c r="N567474" s="10"/>
    </row>
    <row r="567475" spans="14:14">
      <c r="N567475" s="10"/>
    </row>
    <row r="567476" spans="14:14">
      <c r="N567476" s="10"/>
    </row>
    <row r="567477" spans="14:14">
      <c r="N567477" s="10"/>
    </row>
    <row r="567478" spans="14:14">
      <c r="N567478" s="10"/>
    </row>
    <row r="567479" spans="14:14">
      <c r="N567479" s="10"/>
    </row>
    <row r="567480" spans="14:14">
      <c r="N567480" s="10"/>
    </row>
    <row r="567481" spans="14:14">
      <c r="N567481" s="10"/>
    </row>
    <row r="567482" spans="14:14">
      <c r="N567482" s="10"/>
    </row>
    <row r="567483" spans="14:14">
      <c r="N567483" s="10"/>
    </row>
    <row r="567484" spans="14:14">
      <c r="N567484" s="10"/>
    </row>
    <row r="567485" spans="14:14">
      <c r="N567485" s="10"/>
    </row>
    <row r="567486" spans="14:14">
      <c r="N567486" s="10"/>
    </row>
    <row r="567487" spans="14:14">
      <c r="N567487" s="10"/>
    </row>
    <row r="567488" spans="14:14">
      <c r="N567488" s="10"/>
    </row>
    <row r="567489" spans="14:14">
      <c r="N567489" s="10"/>
    </row>
    <row r="567490" spans="14:14">
      <c r="N567490" s="10"/>
    </row>
    <row r="567491" spans="14:14">
      <c r="N567491" s="10"/>
    </row>
    <row r="567492" spans="14:14">
      <c r="N567492" s="10"/>
    </row>
    <row r="567493" spans="14:14">
      <c r="N567493" s="10"/>
    </row>
    <row r="567494" spans="14:14">
      <c r="N567494" s="10"/>
    </row>
    <row r="567495" spans="14:14">
      <c r="N567495" s="10"/>
    </row>
    <row r="567496" spans="14:14">
      <c r="N567496" s="10"/>
    </row>
    <row r="567497" spans="14:14">
      <c r="N567497" s="10"/>
    </row>
    <row r="567498" spans="14:14">
      <c r="N567498" s="10"/>
    </row>
    <row r="567499" spans="14:14">
      <c r="N567499" s="10"/>
    </row>
    <row r="567500" spans="14:14">
      <c r="N567500" s="10"/>
    </row>
    <row r="567501" spans="14:14">
      <c r="N567501" s="10"/>
    </row>
    <row r="567502" spans="14:14">
      <c r="N567502" s="10"/>
    </row>
    <row r="567503" spans="14:14">
      <c r="N567503" s="10"/>
    </row>
    <row r="567504" spans="14:14">
      <c r="N567504" s="10"/>
    </row>
    <row r="567505" spans="14:14">
      <c r="N567505" s="10"/>
    </row>
    <row r="567506" spans="14:14">
      <c r="N567506" s="10"/>
    </row>
    <row r="567507" spans="14:14">
      <c r="N567507" s="10"/>
    </row>
    <row r="567508" spans="14:14">
      <c r="N567508" s="10"/>
    </row>
    <row r="567509" spans="14:14">
      <c r="N567509" s="10"/>
    </row>
    <row r="567510" spans="14:14">
      <c r="N567510" s="10"/>
    </row>
    <row r="567511" spans="14:14">
      <c r="N567511" s="10"/>
    </row>
    <row r="567512" spans="14:14">
      <c r="N567512" s="10"/>
    </row>
    <row r="567513" spans="14:14">
      <c r="N567513" s="10"/>
    </row>
    <row r="567514" spans="14:14">
      <c r="N567514" s="10"/>
    </row>
    <row r="567515" spans="14:14">
      <c r="N567515" s="10"/>
    </row>
    <row r="567516" spans="14:14">
      <c r="N567516" s="10"/>
    </row>
    <row r="567517" spans="14:14">
      <c r="N567517" s="10"/>
    </row>
    <row r="567518" spans="14:14">
      <c r="N567518" s="10"/>
    </row>
    <row r="567519" spans="14:14">
      <c r="N567519" s="10"/>
    </row>
    <row r="567520" spans="14:14">
      <c r="N567520" s="10"/>
    </row>
    <row r="567521" spans="14:14">
      <c r="N567521" s="10"/>
    </row>
    <row r="567522" spans="14:14">
      <c r="N567522" s="10"/>
    </row>
    <row r="567523" spans="14:14">
      <c r="N567523" s="10"/>
    </row>
    <row r="567524" spans="14:14">
      <c r="N567524" s="10"/>
    </row>
    <row r="567525" spans="14:14">
      <c r="N567525" s="10"/>
    </row>
    <row r="567526" spans="14:14">
      <c r="N567526" s="10"/>
    </row>
    <row r="567527" spans="14:14">
      <c r="N567527" s="10"/>
    </row>
    <row r="567528" spans="14:14">
      <c r="N567528" s="10"/>
    </row>
    <row r="567529" spans="14:14">
      <c r="N567529" s="10"/>
    </row>
    <row r="567530" spans="14:14">
      <c r="N567530" s="10"/>
    </row>
    <row r="567531" spans="14:14">
      <c r="N567531" s="10"/>
    </row>
    <row r="567532" spans="14:14">
      <c r="N567532" s="10"/>
    </row>
    <row r="567533" spans="14:14">
      <c r="N567533" s="10"/>
    </row>
    <row r="567534" spans="14:14">
      <c r="N567534" s="10"/>
    </row>
    <row r="567535" spans="14:14">
      <c r="N567535" s="10"/>
    </row>
    <row r="567536" spans="14:14">
      <c r="N567536" s="10"/>
    </row>
    <row r="567537" spans="14:14">
      <c r="N567537" s="10"/>
    </row>
    <row r="567538" spans="14:14">
      <c r="N567538" s="10"/>
    </row>
    <row r="567539" spans="14:14">
      <c r="N567539" s="10"/>
    </row>
    <row r="567540" spans="14:14">
      <c r="N567540" s="10"/>
    </row>
    <row r="567541" spans="14:14">
      <c r="N567541" s="10"/>
    </row>
    <row r="567542" spans="14:14">
      <c r="N567542" s="10"/>
    </row>
    <row r="567543" spans="14:14">
      <c r="N567543" s="10"/>
    </row>
    <row r="567544" spans="14:14">
      <c r="N567544" s="10"/>
    </row>
    <row r="567545" spans="14:14">
      <c r="N567545" s="10"/>
    </row>
    <row r="567546" spans="14:14">
      <c r="N567546" s="10"/>
    </row>
    <row r="567547" spans="14:14">
      <c r="N567547" s="10"/>
    </row>
    <row r="567548" spans="14:14">
      <c r="N567548" s="10"/>
    </row>
    <row r="567549" spans="14:14">
      <c r="N567549" s="10"/>
    </row>
    <row r="567550" spans="14:14">
      <c r="N567550" s="10"/>
    </row>
    <row r="567551" spans="14:14">
      <c r="N567551" s="10"/>
    </row>
    <row r="567552" spans="14:14">
      <c r="N567552" s="10"/>
    </row>
    <row r="567553" spans="14:14">
      <c r="N567553" s="10"/>
    </row>
    <row r="567554" spans="14:14">
      <c r="N567554" s="10"/>
    </row>
    <row r="567555" spans="14:14">
      <c r="N567555" s="10"/>
    </row>
    <row r="567556" spans="14:14">
      <c r="N567556" s="10"/>
    </row>
    <row r="567557" spans="14:14">
      <c r="N567557" s="10"/>
    </row>
    <row r="567558" spans="14:14">
      <c r="N567558" s="10"/>
    </row>
    <row r="567559" spans="14:14">
      <c r="N567559" s="10"/>
    </row>
    <row r="567560" spans="14:14">
      <c r="N567560" s="10"/>
    </row>
    <row r="567561" spans="14:14">
      <c r="N567561" s="10"/>
    </row>
    <row r="567562" spans="14:14">
      <c r="N567562" s="10"/>
    </row>
    <row r="567563" spans="14:14">
      <c r="N567563" s="10"/>
    </row>
    <row r="567564" spans="14:14">
      <c r="N567564" s="10"/>
    </row>
    <row r="567565" spans="14:14">
      <c r="N567565" s="10"/>
    </row>
    <row r="567566" spans="14:14">
      <c r="N567566" s="10"/>
    </row>
    <row r="567567" spans="14:14">
      <c r="N567567" s="10"/>
    </row>
    <row r="567568" spans="14:14">
      <c r="N567568" s="10"/>
    </row>
    <row r="567569" spans="14:14">
      <c r="N567569" s="10"/>
    </row>
    <row r="567570" spans="14:14">
      <c r="N567570" s="10"/>
    </row>
    <row r="567571" spans="14:14">
      <c r="N567571" s="10"/>
    </row>
    <row r="567572" spans="14:14">
      <c r="N567572" s="10"/>
    </row>
    <row r="567573" spans="14:14">
      <c r="N567573" s="10"/>
    </row>
    <row r="567574" spans="14:14">
      <c r="N567574" s="10"/>
    </row>
    <row r="567575" spans="14:14">
      <c r="N567575" s="10"/>
    </row>
    <row r="567576" spans="14:14">
      <c r="N567576" s="10"/>
    </row>
    <row r="567577" spans="14:14">
      <c r="N567577" s="10"/>
    </row>
    <row r="567578" spans="14:14">
      <c r="N567578" s="10"/>
    </row>
    <row r="567579" spans="14:14">
      <c r="N567579" s="10"/>
    </row>
    <row r="567580" spans="14:14">
      <c r="N567580" s="10"/>
    </row>
    <row r="567581" spans="14:14">
      <c r="N567581" s="10"/>
    </row>
    <row r="567582" spans="14:14">
      <c r="N567582" s="10"/>
    </row>
    <row r="567583" spans="14:14">
      <c r="N567583" s="10"/>
    </row>
    <row r="567584" spans="14:14">
      <c r="N567584" s="10"/>
    </row>
    <row r="567585" spans="14:14">
      <c r="N567585" s="10"/>
    </row>
    <row r="567586" spans="14:14">
      <c r="N567586" s="10"/>
    </row>
    <row r="567587" spans="14:14">
      <c r="N567587" s="10"/>
    </row>
    <row r="567588" spans="14:14">
      <c r="N567588" s="10"/>
    </row>
    <row r="567589" spans="14:14">
      <c r="N567589" s="10"/>
    </row>
    <row r="567590" spans="14:14">
      <c r="N567590" s="10"/>
    </row>
    <row r="567591" spans="14:14">
      <c r="N567591" s="10"/>
    </row>
    <row r="567592" spans="14:14">
      <c r="N567592" s="10"/>
    </row>
    <row r="567593" spans="14:14">
      <c r="N567593" s="10"/>
    </row>
    <row r="567594" spans="14:14">
      <c r="N567594" s="10"/>
    </row>
    <row r="567595" spans="14:14">
      <c r="N567595" s="10"/>
    </row>
    <row r="567596" spans="14:14">
      <c r="N567596" s="10"/>
    </row>
    <row r="567597" spans="14:14">
      <c r="N567597" s="10"/>
    </row>
    <row r="567598" spans="14:14">
      <c r="N567598" s="10"/>
    </row>
    <row r="567599" spans="14:14">
      <c r="N567599" s="10"/>
    </row>
    <row r="567600" spans="14:14">
      <c r="N567600" s="10"/>
    </row>
    <row r="567601" spans="14:14">
      <c r="N567601" s="10"/>
    </row>
    <row r="567602" spans="14:14">
      <c r="N567602" s="10"/>
    </row>
    <row r="567603" spans="14:14">
      <c r="N567603" s="10"/>
    </row>
    <row r="567604" spans="14:14">
      <c r="N567604" s="10"/>
    </row>
    <row r="567605" spans="14:14">
      <c r="N567605" s="10"/>
    </row>
    <row r="567606" spans="14:14">
      <c r="N567606" s="10"/>
    </row>
    <row r="567607" spans="14:14">
      <c r="N567607" s="10"/>
    </row>
    <row r="567608" spans="14:14">
      <c r="N567608" s="10"/>
    </row>
    <row r="567609" spans="14:14">
      <c r="N567609" s="10"/>
    </row>
    <row r="567610" spans="14:14">
      <c r="N567610" s="10"/>
    </row>
    <row r="567611" spans="14:14">
      <c r="N567611" s="10"/>
    </row>
    <row r="567612" spans="14:14">
      <c r="N567612" s="10"/>
    </row>
    <row r="567613" spans="14:14">
      <c r="N567613" s="10"/>
    </row>
    <row r="567614" spans="14:14">
      <c r="N567614" s="10"/>
    </row>
    <row r="567615" spans="14:14">
      <c r="N567615" s="10"/>
    </row>
    <row r="567616" spans="14:14">
      <c r="N567616" s="10"/>
    </row>
    <row r="567617" spans="14:14">
      <c r="N567617" s="10"/>
    </row>
    <row r="567618" spans="14:14">
      <c r="N567618" s="10"/>
    </row>
    <row r="567619" spans="14:14">
      <c r="N567619" s="10"/>
    </row>
    <row r="567620" spans="14:14">
      <c r="N567620" s="10"/>
    </row>
    <row r="567621" spans="14:14">
      <c r="N567621" s="10"/>
    </row>
    <row r="567622" spans="14:14">
      <c r="N567622" s="10"/>
    </row>
    <row r="567623" spans="14:14">
      <c r="N567623" s="10"/>
    </row>
    <row r="567624" spans="14:14">
      <c r="N567624" s="10"/>
    </row>
    <row r="567625" spans="14:14">
      <c r="N567625" s="10"/>
    </row>
    <row r="567626" spans="14:14">
      <c r="N567626" s="10"/>
    </row>
    <row r="567627" spans="14:14">
      <c r="N567627" s="10"/>
    </row>
    <row r="567628" spans="14:14">
      <c r="N567628" s="10"/>
    </row>
    <row r="567629" spans="14:14">
      <c r="N567629" s="10"/>
    </row>
    <row r="567630" spans="14:14">
      <c r="N567630" s="10"/>
    </row>
    <row r="567631" spans="14:14">
      <c r="N567631" s="10"/>
    </row>
    <row r="567632" spans="14:14">
      <c r="N567632" s="10"/>
    </row>
    <row r="567633" spans="14:14">
      <c r="N567633" s="10"/>
    </row>
    <row r="567634" spans="14:14">
      <c r="N567634" s="10"/>
    </row>
    <row r="567635" spans="14:14">
      <c r="N567635" s="10"/>
    </row>
    <row r="567636" spans="14:14">
      <c r="N567636" s="10"/>
    </row>
    <row r="567637" spans="14:14">
      <c r="N567637" s="10"/>
    </row>
    <row r="567638" spans="14:14">
      <c r="N567638" s="10"/>
    </row>
    <row r="567639" spans="14:14">
      <c r="N567639" s="10"/>
    </row>
    <row r="567640" spans="14:14">
      <c r="N567640" s="10"/>
    </row>
    <row r="567641" spans="14:14">
      <c r="N567641" s="10"/>
    </row>
    <row r="567642" spans="14:14">
      <c r="N567642" s="10"/>
    </row>
    <row r="567643" spans="14:14">
      <c r="N567643" s="10"/>
    </row>
    <row r="567644" spans="14:14">
      <c r="N567644" s="10"/>
    </row>
    <row r="567645" spans="14:14">
      <c r="N567645" s="10"/>
    </row>
    <row r="567646" spans="14:14">
      <c r="N567646" s="10"/>
    </row>
    <row r="567647" spans="14:14">
      <c r="N567647" s="10"/>
    </row>
    <row r="567648" spans="14:14">
      <c r="N567648" s="10"/>
    </row>
    <row r="567649" spans="14:14">
      <c r="N567649" s="10"/>
    </row>
    <row r="567650" spans="14:14">
      <c r="N567650" s="10"/>
    </row>
    <row r="567651" spans="14:14">
      <c r="N567651" s="10"/>
    </row>
    <row r="567652" spans="14:14">
      <c r="N567652" s="10"/>
    </row>
    <row r="567653" spans="14:14">
      <c r="N567653" s="10"/>
    </row>
    <row r="567654" spans="14:14">
      <c r="N567654" s="10"/>
    </row>
    <row r="567655" spans="14:14">
      <c r="N567655" s="10"/>
    </row>
    <row r="567656" spans="14:14">
      <c r="N567656" s="10"/>
    </row>
    <row r="567657" spans="14:14">
      <c r="N567657" s="10"/>
    </row>
    <row r="567658" spans="14:14">
      <c r="N567658" s="10"/>
    </row>
    <row r="567659" spans="14:14">
      <c r="N567659" s="10"/>
    </row>
    <row r="567660" spans="14:14">
      <c r="N567660" s="10"/>
    </row>
    <row r="567661" spans="14:14">
      <c r="N567661" s="10"/>
    </row>
    <row r="567662" spans="14:14">
      <c r="N567662" s="10"/>
    </row>
    <row r="567663" spans="14:14">
      <c r="N567663" s="10"/>
    </row>
    <row r="567664" spans="14:14">
      <c r="N567664" s="10"/>
    </row>
    <row r="567665" spans="14:14">
      <c r="N567665" s="10"/>
    </row>
    <row r="567666" spans="14:14">
      <c r="N567666" s="10"/>
    </row>
    <row r="567667" spans="14:14">
      <c r="N567667" s="10"/>
    </row>
    <row r="567668" spans="14:14">
      <c r="N567668" s="10"/>
    </row>
    <row r="567669" spans="14:14">
      <c r="N567669" s="10"/>
    </row>
    <row r="567670" spans="14:14">
      <c r="N567670" s="10"/>
    </row>
    <row r="567671" spans="14:14">
      <c r="N567671" s="10"/>
    </row>
    <row r="567672" spans="14:14">
      <c r="N567672" s="10"/>
    </row>
    <row r="567673" spans="14:14">
      <c r="N567673" s="10"/>
    </row>
    <row r="567674" spans="14:14">
      <c r="N567674" s="10"/>
    </row>
    <row r="567675" spans="14:14">
      <c r="N567675" s="10"/>
    </row>
    <row r="567676" spans="14:14">
      <c r="N567676" s="10"/>
    </row>
    <row r="567677" spans="14:14">
      <c r="N567677" s="10"/>
    </row>
    <row r="567678" spans="14:14">
      <c r="N567678" s="10"/>
    </row>
    <row r="567679" spans="14:14">
      <c r="N567679" s="10"/>
    </row>
    <row r="567680" spans="14:14">
      <c r="N567680" s="10"/>
    </row>
    <row r="567681" spans="14:14">
      <c r="N567681" s="10"/>
    </row>
    <row r="567682" spans="14:14">
      <c r="N567682" s="10"/>
    </row>
    <row r="567683" spans="14:14">
      <c r="N567683" s="10"/>
    </row>
    <row r="567684" spans="14:14">
      <c r="N567684" s="10"/>
    </row>
    <row r="567685" spans="14:14">
      <c r="N567685" s="10"/>
    </row>
    <row r="567686" spans="14:14">
      <c r="N567686" s="10"/>
    </row>
    <row r="567687" spans="14:14">
      <c r="N567687" s="10"/>
    </row>
    <row r="567688" spans="14:14">
      <c r="N567688" s="10"/>
    </row>
    <row r="567689" spans="14:14">
      <c r="N567689" s="10"/>
    </row>
    <row r="567690" spans="14:14">
      <c r="N567690" s="10"/>
    </row>
    <row r="567691" spans="14:14">
      <c r="N567691" s="10"/>
    </row>
    <row r="567692" spans="14:14">
      <c r="N567692" s="10"/>
    </row>
    <row r="567693" spans="14:14">
      <c r="N567693" s="10"/>
    </row>
    <row r="567694" spans="14:14">
      <c r="N567694" s="10"/>
    </row>
    <row r="567695" spans="14:14">
      <c r="N567695" s="10"/>
    </row>
    <row r="567696" spans="14:14">
      <c r="N567696" s="10"/>
    </row>
    <row r="567697" spans="14:14">
      <c r="N567697" s="10"/>
    </row>
    <row r="567698" spans="14:14">
      <c r="N567698" s="10"/>
    </row>
    <row r="567699" spans="14:14">
      <c r="N567699" s="10"/>
    </row>
    <row r="567700" spans="14:14">
      <c r="N567700" s="10"/>
    </row>
    <row r="567701" spans="14:14">
      <c r="N567701" s="10"/>
    </row>
    <row r="567702" spans="14:14">
      <c r="N567702" s="10"/>
    </row>
    <row r="567703" spans="14:14">
      <c r="N567703" s="10"/>
    </row>
    <row r="567704" spans="14:14">
      <c r="N567704" s="10"/>
    </row>
    <row r="567705" spans="14:14">
      <c r="N567705" s="10"/>
    </row>
    <row r="567706" spans="14:14">
      <c r="N567706" s="10"/>
    </row>
    <row r="567707" spans="14:14">
      <c r="N567707" s="10"/>
    </row>
    <row r="567708" spans="14:14">
      <c r="N567708" s="10"/>
    </row>
    <row r="567709" spans="14:14">
      <c r="N567709" s="10"/>
    </row>
    <row r="567710" spans="14:14">
      <c r="N567710" s="10"/>
    </row>
    <row r="567711" spans="14:14">
      <c r="N567711" s="10"/>
    </row>
    <row r="567712" spans="14:14">
      <c r="N567712" s="10"/>
    </row>
    <row r="567713" spans="14:14">
      <c r="N567713" s="10"/>
    </row>
    <row r="567714" spans="14:14">
      <c r="N567714" s="10"/>
    </row>
    <row r="567715" spans="14:14">
      <c r="N567715" s="10"/>
    </row>
    <row r="567716" spans="14:14">
      <c r="N567716" s="10"/>
    </row>
    <row r="567717" spans="14:14">
      <c r="N567717" s="10"/>
    </row>
    <row r="567718" spans="14:14">
      <c r="N567718" s="10"/>
    </row>
    <row r="567719" spans="14:14">
      <c r="N567719" s="10"/>
    </row>
    <row r="567720" spans="14:14">
      <c r="N567720" s="10"/>
    </row>
    <row r="567721" spans="14:14">
      <c r="N567721" s="10"/>
    </row>
    <row r="567722" spans="14:14">
      <c r="N567722" s="10"/>
    </row>
    <row r="567723" spans="14:14">
      <c r="N567723" s="10"/>
    </row>
    <row r="567724" spans="14:14">
      <c r="N567724" s="10"/>
    </row>
    <row r="567725" spans="14:14">
      <c r="N567725" s="10"/>
    </row>
    <row r="567726" spans="14:14">
      <c r="N567726" s="10"/>
    </row>
    <row r="567727" spans="14:14">
      <c r="N567727" s="10"/>
    </row>
    <row r="567728" spans="14:14">
      <c r="N567728" s="10"/>
    </row>
    <row r="567729" spans="14:14">
      <c r="N567729" s="10"/>
    </row>
    <row r="567730" spans="14:14">
      <c r="N567730" s="10"/>
    </row>
    <row r="567731" spans="14:14">
      <c r="N567731" s="10"/>
    </row>
    <row r="567732" spans="14:14">
      <c r="N567732" s="10"/>
    </row>
    <row r="567733" spans="14:14">
      <c r="N567733" s="10"/>
    </row>
    <row r="567734" spans="14:14">
      <c r="N567734" s="10"/>
    </row>
    <row r="567735" spans="14:14">
      <c r="N567735" s="10"/>
    </row>
    <row r="567736" spans="14:14">
      <c r="N567736" s="10"/>
    </row>
    <row r="567737" spans="14:14">
      <c r="N567737" s="10"/>
    </row>
    <row r="567738" spans="14:14">
      <c r="N567738" s="10"/>
    </row>
    <row r="567739" spans="14:14">
      <c r="N567739" s="10"/>
    </row>
    <row r="567740" spans="14:14">
      <c r="N567740" s="10"/>
    </row>
    <row r="567741" spans="14:14">
      <c r="N567741" s="10"/>
    </row>
    <row r="567742" spans="14:14">
      <c r="N567742" s="10"/>
    </row>
    <row r="567743" spans="14:14">
      <c r="N567743" s="10"/>
    </row>
    <row r="567744" spans="14:14">
      <c r="N567744" s="10"/>
    </row>
    <row r="567745" spans="14:14">
      <c r="N567745" s="10"/>
    </row>
    <row r="567746" spans="14:14">
      <c r="N567746" s="10"/>
    </row>
    <row r="567747" spans="14:14">
      <c r="N567747" s="10"/>
    </row>
    <row r="567748" spans="14:14">
      <c r="N567748" s="10"/>
    </row>
    <row r="567749" spans="14:14">
      <c r="N567749" s="10"/>
    </row>
    <row r="567750" spans="14:14">
      <c r="N567750" s="10"/>
    </row>
    <row r="567751" spans="14:14">
      <c r="N567751" s="10"/>
    </row>
    <row r="567752" spans="14:14">
      <c r="N567752" s="10"/>
    </row>
    <row r="567753" spans="14:14">
      <c r="N567753" s="10"/>
    </row>
    <row r="567754" spans="14:14">
      <c r="N567754" s="10"/>
    </row>
    <row r="567755" spans="14:14">
      <c r="N567755" s="10"/>
    </row>
    <row r="567756" spans="14:14">
      <c r="N567756" s="10"/>
    </row>
    <row r="567757" spans="14:14">
      <c r="N567757" s="10"/>
    </row>
    <row r="567758" spans="14:14">
      <c r="N567758" s="10"/>
    </row>
    <row r="567759" spans="14:14">
      <c r="N567759" s="10"/>
    </row>
    <row r="567760" spans="14:14">
      <c r="N567760" s="10"/>
    </row>
    <row r="567761" spans="14:14">
      <c r="N567761" s="10"/>
    </row>
    <row r="567762" spans="14:14">
      <c r="N567762" s="10"/>
    </row>
    <row r="567763" spans="14:14">
      <c r="N567763" s="10"/>
    </row>
    <row r="567764" spans="14:14">
      <c r="N567764" s="10"/>
    </row>
    <row r="567765" spans="14:14">
      <c r="N567765" s="10"/>
    </row>
    <row r="567766" spans="14:14">
      <c r="N567766" s="10"/>
    </row>
    <row r="567767" spans="14:14">
      <c r="N567767" s="10"/>
    </row>
    <row r="567768" spans="14:14">
      <c r="N567768" s="10"/>
    </row>
    <row r="567769" spans="14:14">
      <c r="N567769" s="10"/>
    </row>
    <row r="567770" spans="14:14">
      <c r="N567770" s="10"/>
    </row>
    <row r="567771" spans="14:14">
      <c r="N567771" s="10"/>
    </row>
    <row r="567772" spans="14:14">
      <c r="N567772" s="10"/>
    </row>
    <row r="567773" spans="14:14">
      <c r="N567773" s="10"/>
    </row>
    <row r="567774" spans="14:14">
      <c r="N567774" s="10"/>
    </row>
    <row r="567775" spans="14:14">
      <c r="N567775" s="10"/>
    </row>
    <row r="567776" spans="14:14">
      <c r="N567776" s="10"/>
    </row>
    <row r="567777" spans="14:14">
      <c r="N567777" s="10"/>
    </row>
    <row r="567778" spans="14:14">
      <c r="N567778" s="10"/>
    </row>
    <row r="567779" spans="14:14">
      <c r="N567779" s="10"/>
    </row>
    <row r="567780" spans="14:14">
      <c r="N567780" s="10"/>
    </row>
    <row r="567781" spans="14:14">
      <c r="N567781" s="10"/>
    </row>
    <row r="567782" spans="14:14">
      <c r="N567782" s="10"/>
    </row>
    <row r="567783" spans="14:14">
      <c r="N567783" s="10"/>
    </row>
    <row r="567784" spans="14:14">
      <c r="N567784" s="10"/>
    </row>
    <row r="567785" spans="14:14">
      <c r="N567785" s="10"/>
    </row>
    <row r="567786" spans="14:14">
      <c r="N567786" s="10"/>
    </row>
    <row r="567787" spans="14:14">
      <c r="N567787" s="10"/>
    </row>
    <row r="567788" spans="14:14">
      <c r="N567788" s="10"/>
    </row>
    <row r="567789" spans="14:14">
      <c r="N567789" s="10"/>
    </row>
    <row r="567790" spans="14:14">
      <c r="N567790" s="10"/>
    </row>
    <row r="567791" spans="14:14">
      <c r="N567791" s="10"/>
    </row>
    <row r="567792" spans="14:14">
      <c r="N567792" s="10"/>
    </row>
    <row r="567793" spans="14:14">
      <c r="N567793" s="10"/>
    </row>
    <row r="567794" spans="14:14">
      <c r="N567794" s="10"/>
    </row>
    <row r="567795" spans="14:14">
      <c r="N567795" s="10"/>
    </row>
    <row r="567796" spans="14:14">
      <c r="N567796" s="10"/>
    </row>
    <row r="567797" spans="14:14">
      <c r="N567797" s="10"/>
    </row>
    <row r="567798" spans="14:14">
      <c r="N567798" s="10"/>
    </row>
    <row r="567799" spans="14:14">
      <c r="N567799" s="10"/>
    </row>
    <row r="567800" spans="14:14">
      <c r="N567800" s="10"/>
    </row>
    <row r="567801" spans="14:14">
      <c r="N567801" s="10"/>
    </row>
    <row r="567802" spans="14:14">
      <c r="N567802" s="10"/>
    </row>
    <row r="567803" spans="14:14">
      <c r="N567803" s="10"/>
    </row>
    <row r="567804" spans="14:14">
      <c r="N567804" s="10"/>
    </row>
    <row r="567805" spans="14:14">
      <c r="N567805" s="10"/>
    </row>
    <row r="567806" spans="14:14">
      <c r="N567806" s="10"/>
    </row>
    <row r="567807" spans="14:14">
      <c r="N567807" s="10"/>
    </row>
    <row r="567808" spans="14:14">
      <c r="N567808" s="10"/>
    </row>
    <row r="567809" spans="14:14">
      <c r="N567809" s="10"/>
    </row>
    <row r="567810" spans="14:14">
      <c r="N567810" s="10"/>
    </row>
    <row r="567811" spans="14:14">
      <c r="N567811" s="10"/>
    </row>
    <row r="567812" spans="14:14">
      <c r="N567812" s="10"/>
    </row>
    <row r="567813" spans="14:14">
      <c r="N567813" s="10"/>
    </row>
    <row r="567814" spans="14:14">
      <c r="N567814" s="10"/>
    </row>
    <row r="567815" spans="14:14">
      <c r="N567815" s="10"/>
    </row>
    <row r="567816" spans="14:14">
      <c r="N567816" s="10"/>
    </row>
    <row r="567817" spans="14:14">
      <c r="N567817" s="10"/>
    </row>
    <row r="567818" spans="14:14">
      <c r="N567818" s="10"/>
    </row>
    <row r="567819" spans="14:14">
      <c r="N567819" s="10"/>
    </row>
    <row r="567820" spans="14:14">
      <c r="N567820" s="10"/>
    </row>
    <row r="567821" spans="14:14">
      <c r="N567821" s="10"/>
    </row>
    <row r="567822" spans="14:14">
      <c r="N567822" s="10"/>
    </row>
    <row r="567823" spans="14:14">
      <c r="N567823" s="10"/>
    </row>
    <row r="567824" spans="14:14">
      <c r="N567824" s="10"/>
    </row>
    <row r="567825" spans="14:14">
      <c r="N567825" s="10"/>
    </row>
    <row r="567826" spans="14:14">
      <c r="N567826" s="10"/>
    </row>
    <row r="567827" spans="14:14">
      <c r="N567827" s="10"/>
    </row>
    <row r="567828" spans="14:14">
      <c r="N567828" s="10"/>
    </row>
    <row r="567829" spans="14:14">
      <c r="N567829" s="10"/>
    </row>
    <row r="567830" spans="14:14">
      <c r="N567830" s="10"/>
    </row>
    <row r="567831" spans="14:14">
      <c r="N567831" s="10"/>
    </row>
    <row r="567832" spans="14:14">
      <c r="N567832" s="10"/>
    </row>
    <row r="567833" spans="14:14">
      <c r="N567833" s="10"/>
    </row>
    <row r="567834" spans="14:14">
      <c r="N567834" s="10"/>
    </row>
    <row r="567835" spans="14:14">
      <c r="N567835" s="10"/>
    </row>
    <row r="567836" spans="14:14">
      <c r="N567836" s="10"/>
    </row>
    <row r="567837" spans="14:14">
      <c r="N567837" s="10"/>
    </row>
    <row r="567838" spans="14:14">
      <c r="N567838" s="10"/>
    </row>
    <row r="567839" spans="14:14">
      <c r="N567839" s="10"/>
    </row>
    <row r="567840" spans="14:14">
      <c r="N567840" s="10"/>
    </row>
    <row r="567841" spans="14:14">
      <c r="N567841" s="10"/>
    </row>
    <row r="567842" spans="14:14">
      <c r="N567842" s="10"/>
    </row>
    <row r="567843" spans="14:14">
      <c r="N567843" s="10"/>
    </row>
    <row r="567844" spans="14:14">
      <c r="N567844" s="10"/>
    </row>
    <row r="567845" spans="14:14">
      <c r="N567845" s="10"/>
    </row>
    <row r="567846" spans="14:14">
      <c r="N567846" s="10"/>
    </row>
    <row r="567847" spans="14:14">
      <c r="N567847" s="10"/>
    </row>
    <row r="567848" spans="14:14">
      <c r="N567848" s="10"/>
    </row>
    <row r="567849" spans="14:14">
      <c r="N567849" s="10"/>
    </row>
    <row r="567850" spans="14:14">
      <c r="N567850" s="10"/>
    </row>
    <row r="567851" spans="14:14">
      <c r="N567851" s="10"/>
    </row>
    <row r="567852" spans="14:14">
      <c r="N567852" s="10"/>
    </row>
    <row r="567853" spans="14:14">
      <c r="N567853" s="10"/>
    </row>
    <row r="567854" spans="14:14">
      <c r="N567854" s="10"/>
    </row>
    <row r="567855" spans="14:14">
      <c r="N567855" s="10"/>
    </row>
    <row r="567856" spans="14:14">
      <c r="N567856" s="10"/>
    </row>
    <row r="567857" spans="14:14">
      <c r="N567857" s="10"/>
    </row>
    <row r="567858" spans="14:14">
      <c r="N567858" s="10"/>
    </row>
    <row r="567859" spans="14:14">
      <c r="N567859" s="10"/>
    </row>
    <row r="567860" spans="14:14">
      <c r="N567860" s="10"/>
    </row>
    <row r="567861" spans="14:14">
      <c r="N567861" s="10"/>
    </row>
    <row r="567862" spans="14:14">
      <c r="N567862" s="10"/>
    </row>
    <row r="567863" spans="14:14">
      <c r="N567863" s="10"/>
    </row>
    <row r="567864" spans="14:14">
      <c r="N567864" s="10"/>
    </row>
    <row r="567865" spans="14:14">
      <c r="N567865" s="10"/>
    </row>
    <row r="567866" spans="14:14">
      <c r="N567866" s="10"/>
    </row>
    <row r="567867" spans="14:14">
      <c r="N567867" s="10"/>
    </row>
    <row r="567868" spans="14:14">
      <c r="N567868" s="10"/>
    </row>
    <row r="567869" spans="14:14">
      <c r="N567869" s="10"/>
    </row>
    <row r="567870" spans="14:14">
      <c r="N567870" s="10"/>
    </row>
    <row r="567871" spans="14:14">
      <c r="N567871" s="10"/>
    </row>
    <row r="567872" spans="14:14">
      <c r="N567872" s="10"/>
    </row>
    <row r="567873" spans="14:14">
      <c r="N567873" s="10"/>
    </row>
    <row r="567874" spans="14:14">
      <c r="N567874" s="10"/>
    </row>
    <row r="567875" spans="14:14">
      <c r="N567875" s="10"/>
    </row>
    <row r="567876" spans="14:14">
      <c r="N567876" s="10"/>
    </row>
    <row r="567877" spans="14:14">
      <c r="N567877" s="10"/>
    </row>
    <row r="567878" spans="14:14">
      <c r="N567878" s="10"/>
    </row>
    <row r="567879" spans="14:14">
      <c r="N567879" s="10"/>
    </row>
    <row r="567880" spans="14:14">
      <c r="N567880" s="10"/>
    </row>
    <row r="567881" spans="14:14">
      <c r="N567881" s="10"/>
    </row>
    <row r="567882" spans="14:14">
      <c r="N567882" s="10"/>
    </row>
    <row r="567883" spans="14:14">
      <c r="N567883" s="10"/>
    </row>
    <row r="567884" spans="14:14">
      <c r="N567884" s="10"/>
    </row>
    <row r="567885" spans="14:14">
      <c r="N567885" s="10"/>
    </row>
    <row r="567886" spans="14:14">
      <c r="N567886" s="10"/>
    </row>
    <row r="567887" spans="14:14">
      <c r="N567887" s="10"/>
    </row>
    <row r="567888" spans="14:14">
      <c r="N567888" s="10"/>
    </row>
    <row r="567889" spans="14:14">
      <c r="N567889" s="10"/>
    </row>
    <row r="567890" spans="14:14">
      <c r="N567890" s="10"/>
    </row>
    <row r="567891" spans="14:14">
      <c r="N567891" s="10"/>
    </row>
    <row r="567892" spans="14:14">
      <c r="N567892" s="10"/>
    </row>
    <row r="567893" spans="14:14">
      <c r="N567893" s="10"/>
    </row>
    <row r="567894" spans="14:14">
      <c r="N567894" s="10"/>
    </row>
    <row r="567895" spans="14:14">
      <c r="N567895" s="10"/>
    </row>
    <row r="567896" spans="14:14">
      <c r="N567896" s="10"/>
    </row>
    <row r="567897" spans="14:14">
      <c r="N567897" s="10"/>
    </row>
    <row r="567898" spans="14:14">
      <c r="N567898" s="10"/>
    </row>
    <row r="567899" spans="14:14">
      <c r="N567899" s="10"/>
    </row>
    <row r="567900" spans="14:14">
      <c r="N567900" s="10"/>
    </row>
    <row r="567901" spans="14:14">
      <c r="N567901" s="10"/>
    </row>
    <row r="567902" spans="14:14">
      <c r="N567902" s="10"/>
    </row>
    <row r="567903" spans="14:14">
      <c r="N567903" s="10"/>
    </row>
    <row r="567904" spans="14:14">
      <c r="N567904" s="10"/>
    </row>
    <row r="567905" spans="14:14">
      <c r="N567905" s="10"/>
    </row>
    <row r="567906" spans="14:14">
      <c r="N567906" s="10"/>
    </row>
    <row r="567907" spans="14:14">
      <c r="N567907" s="10"/>
    </row>
    <row r="567908" spans="14:14">
      <c r="N567908" s="10"/>
    </row>
    <row r="567909" spans="14:14">
      <c r="N567909" s="10"/>
    </row>
    <row r="567910" spans="14:14">
      <c r="N567910" s="10"/>
    </row>
    <row r="567911" spans="14:14">
      <c r="N567911" s="10"/>
    </row>
    <row r="567912" spans="14:14">
      <c r="N567912" s="10"/>
    </row>
    <row r="567913" spans="14:14">
      <c r="N567913" s="10"/>
    </row>
    <row r="567914" spans="14:14">
      <c r="N567914" s="10"/>
    </row>
    <row r="567915" spans="14:14">
      <c r="N567915" s="10"/>
    </row>
    <row r="567916" spans="14:14">
      <c r="N567916" s="10"/>
    </row>
    <row r="567917" spans="14:14">
      <c r="N567917" s="10"/>
    </row>
    <row r="567918" spans="14:14">
      <c r="N567918" s="10"/>
    </row>
    <row r="567919" spans="14:14">
      <c r="N567919" s="10"/>
    </row>
    <row r="567920" spans="14:14">
      <c r="N567920" s="10"/>
    </row>
    <row r="567921" spans="14:14">
      <c r="N567921" s="10"/>
    </row>
    <row r="567922" spans="14:14">
      <c r="N567922" s="10"/>
    </row>
    <row r="567923" spans="14:14">
      <c r="N567923" s="10"/>
    </row>
    <row r="567924" spans="14:14">
      <c r="N567924" s="10"/>
    </row>
    <row r="567925" spans="14:14">
      <c r="N567925" s="10"/>
    </row>
    <row r="567926" spans="14:14">
      <c r="N567926" s="10"/>
    </row>
    <row r="567927" spans="14:14">
      <c r="N567927" s="10"/>
    </row>
    <row r="567928" spans="14:14">
      <c r="N567928" s="10"/>
    </row>
    <row r="567929" spans="14:14">
      <c r="N567929" s="10"/>
    </row>
    <row r="567930" spans="14:14">
      <c r="N567930" s="10"/>
    </row>
    <row r="567931" spans="14:14">
      <c r="N567931" s="10"/>
    </row>
    <row r="567932" spans="14:14">
      <c r="N567932" s="10"/>
    </row>
    <row r="567933" spans="14:14">
      <c r="N567933" s="10"/>
    </row>
    <row r="567934" spans="14:14">
      <c r="N567934" s="10"/>
    </row>
    <row r="567935" spans="14:14">
      <c r="N567935" s="10"/>
    </row>
    <row r="567936" spans="14:14">
      <c r="N567936" s="10"/>
    </row>
    <row r="567937" spans="14:14">
      <c r="N567937" s="10"/>
    </row>
    <row r="567938" spans="14:14">
      <c r="N567938" s="10"/>
    </row>
    <row r="567939" spans="14:14">
      <c r="N567939" s="10"/>
    </row>
    <row r="567940" spans="14:14">
      <c r="N567940" s="10"/>
    </row>
    <row r="567941" spans="14:14">
      <c r="N567941" s="10"/>
    </row>
    <row r="567942" spans="14:14">
      <c r="N567942" s="10"/>
    </row>
    <row r="567943" spans="14:14">
      <c r="N567943" s="10"/>
    </row>
    <row r="567944" spans="14:14">
      <c r="N567944" s="10"/>
    </row>
    <row r="567945" spans="14:14">
      <c r="N567945" s="10"/>
    </row>
    <row r="567946" spans="14:14">
      <c r="N567946" s="10"/>
    </row>
    <row r="567947" spans="14:14">
      <c r="N567947" s="10"/>
    </row>
    <row r="567948" spans="14:14">
      <c r="N567948" s="10"/>
    </row>
    <row r="567949" spans="14:14">
      <c r="N567949" s="10"/>
    </row>
    <row r="567950" spans="14:14">
      <c r="N567950" s="10"/>
    </row>
    <row r="567951" spans="14:14">
      <c r="N567951" s="10"/>
    </row>
    <row r="567952" spans="14:14">
      <c r="N567952" s="10"/>
    </row>
    <row r="567953" spans="14:14">
      <c r="N567953" s="10"/>
    </row>
    <row r="567954" spans="14:14">
      <c r="N567954" s="10"/>
    </row>
    <row r="567955" spans="14:14">
      <c r="N567955" s="10"/>
    </row>
    <row r="567956" spans="14:14">
      <c r="N567956" s="10"/>
    </row>
    <row r="567957" spans="14:14">
      <c r="N567957" s="10"/>
    </row>
    <row r="567958" spans="14:14">
      <c r="N567958" s="10"/>
    </row>
    <row r="567959" spans="14:14">
      <c r="N567959" s="10"/>
    </row>
    <row r="567960" spans="14:14">
      <c r="N567960" s="10"/>
    </row>
    <row r="567961" spans="14:14">
      <c r="N567961" s="10"/>
    </row>
    <row r="567962" spans="14:14">
      <c r="N567962" s="10"/>
    </row>
    <row r="567963" spans="14:14">
      <c r="N567963" s="10"/>
    </row>
    <row r="567964" spans="14:14">
      <c r="N567964" s="10"/>
    </row>
    <row r="567965" spans="14:14">
      <c r="N567965" s="10"/>
    </row>
    <row r="567966" spans="14:14">
      <c r="N567966" s="10"/>
    </row>
    <row r="567967" spans="14:14">
      <c r="N567967" s="10"/>
    </row>
    <row r="567968" spans="14:14">
      <c r="N567968" s="10"/>
    </row>
    <row r="567969" spans="14:14">
      <c r="N567969" s="10"/>
    </row>
    <row r="567970" spans="14:14">
      <c r="N567970" s="10"/>
    </row>
    <row r="567971" spans="14:14">
      <c r="N567971" s="10"/>
    </row>
    <row r="567972" spans="14:14">
      <c r="N567972" s="10"/>
    </row>
    <row r="567973" spans="14:14">
      <c r="N567973" s="10"/>
    </row>
    <row r="567974" spans="14:14">
      <c r="N567974" s="10"/>
    </row>
    <row r="567975" spans="14:14">
      <c r="N567975" s="10"/>
    </row>
    <row r="567976" spans="14:14">
      <c r="N567976" s="10"/>
    </row>
    <row r="567977" spans="14:14">
      <c r="N567977" s="10"/>
    </row>
    <row r="567978" spans="14:14">
      <c r="N567978" s="10"/>
    </row>
    <row r="567979" spans="14:14">
      <c r="N567979" s="10"/>
    </row>
    <row r="567980" spans="14:14">
      <c r="N567980" s="10"/>
    </row>
    <row r="567981" spans="14:14">
      <c r="N567981" s="10"/>
    </row>
    <row r="567982" spans="14:14">
      <c r="N567982" s="10"/>
    </row>
    <row r="567983" spans="14:14">
      <c r="N567983" s="10"/>
    </row>
    <row r="567984" spans="14:14">
      <c r="N567984" s="10"/>
    </row>
    <row r="567985" spans="14:14">
      <c r="N567985" s="10"/>
    </row>
    <row r="567986" spans="14:14">
      <c r="N567986" s="10"/>
    </row>
    <row r="567987" spans="14:14">
      <c r="N567987" s="10"/>
    </row>
    <row r="567988" spans="14:14">
      <c r="N567988" s="10"/>
    </row>
    <row r="567989" spans="14:14">
      <c r="N567989" s="10"/>
    </row>
    <row r="567990" spans="14:14">
      <c r="N567990" s="10"/>
    </row>
    <row r="567991" spans="14:14">
      <c r="N567991" s="10"/>
    </row>
    <row r="567992" spans="14:14">
      <c r="N567992" s="10"/>
    </row>
    <row r="567993" spans="14:14">
      <c r="N567993" s="10"/>
    </row>
    <row r="567994" spans="14:14">
      <c r="N567994" s="10"/>
    </row>
    <row r="567995" spans="14:14">
      <c r="N567995" s="10"/>
    </row>
    <row r="567996" spans="14:14">
      <c r="N567996" s="10"/>
    </row>
    <row r="567997" spans="14:14">
      <c r="N567997" s="10"/>
    </row>
    <row r="567998" spans="14:14">
      <c r="N567998" s="10"/>
    </row>
    <row r="567999" spans="14:14">
      <c r="N567999" s="10"/>
    </row>
    <row r="568000" spans="14:14">
      <c r="N568000" s="10"/>
    </row>
    <row r="568001" spans="14:14">
      <c r="N568001" s="10"/>
    </row>
    <row r="568002" spans="14:14">
      <c r="N568002" s="10"/>
    </row>
    <row r="568003" spans="14:14">
      <c r="N568003" s="10"/>
    </row>
    <row r="568004" spans="14:14">
      <c r="N568004" s="10"/>
    </row>
    <row r="568005" spans="14:14">
      <c r="N568005" s="10"/>
    </row>
    <row r="568006" spans="14:14">
      <c r="N568006" s="10"/>
    </row>
    <row r="568007" spans="14:14">
      <c r="N568007" s="10"/>
    </row>
    <row r="568008" spans="14:14">
      <c r="N568008" s="10"/>
    </row>
    <row r="568009" spans="14:14">
      <c r="N568009" s="10"/>
    </row>
    <row r="568010" spans="14:14">
      <c r="N568010" s="10"/>
    </row>
    <row r="568011" spans="14:14">
      <c r="N568011" s="10"/>
    </row>
    <row r="568012" spans="14:14">
      <c r="N568012" s="10"/>
    </row>
    <row r="568013" spans="14:14">
      <c r="N568013" s="10"/>
    </row>
    <row r="568014" spans="14:14">
      <c r="N568014" s="10"/>
    </row>
    <row r="568015" spans="14:14">
      <c r="N568015" s="10"/>
    </row>
    <row r="568016" spans="14:14">
      <c r="N568016" s="10"/>
    </row>
    <row r="568017" spans="14:14">
      <c r="N568017" s="10"/>
    </row>
    <row r="568018" spans="14:14">
      <c r="N568018" s="10"/>
    </row>
    <row r="568019" spans="14:14">
      <c r="N568019" s="10"/>
    </row>
    <row r="568020" spans="14:14">
      <c r="N568020" s="10"/>
    </row>
    <row r="568021" spans="14:14">
      <c r="N568021" s="10"/>
    </row>
    <row r="568022" spans="14:14">
      <c r="N568022" s="10"/>
    </row>
    <row r="568023" spans="14:14">
      <c r="N568023" s="10"/>
    </row>
    <row r="568024" spans="14:14">
      <c r="N568024" s="10"/>
    </row>
    <row r="568025" spans="14:14">
      <c r="N568025" s="10"/>
    </row>
    <row r="568026" spans="14:14">
      <c r="N568026" s="10"/>
    </row>
    <row r="568027" spans="14:14">
      <c r="N568027" s="10"/>
    </row>
    <row r="568028" spans="14:14">
      <c r="N568028" s="10"/>
    </row>
    <row r="568029" spans="14:14">
      <c r="N568029" s="10"/>
    </row>
    <row r="568030" spans="14:14">
      <c r="N568030" s="10"/>
    </row>
    <row r="568031" spans="14:14">
      <c r="N568031" s="10"/>
    </row>
    <row r="568032" spans="14:14">
      <c r="N568032" s="10"/>
    </row>
    <row r="568033" spans="14:14">
      <c r="N568033" s="10"/>
    </row>
    <row r="568034" spans="14:14">
      <c r="N568034" s="10"/>
    </row>
    <row r="568035" spans="14:14">
      <c r="N568035" s="10"/>
    </row>
    <row r="568036" spans="14:14">
      <c r="N568036" s="10"/>
    </row>
    <row r="568037" spans="14:14">
      <c r="N568037" s="10"/>
    </row>
    <row r="568038" spans="14:14">
      <c r="N568038" s="10"/>
    </row>
    <row r="568039" spans="14:14">
      <c r="N568039" s="10"/>
    </row>
    <row r="568040" spans="14:14">
      <c r="N568040" s="10"/>
    </row>
    <row r="568041" spans="14:14">
      <c r="N568041" s="10"/>
    </row>
    <row r="568042" spans="14:14">
      <c r="N568042" s="10"/>
    </row>
    <row r="568043" spans="14:14">
      <c r="N568043" s="10"/>
    </row>
    <row r="568044" spans="14:14">
      <c r="N568044" s="10"/>
    </row>
    <row r="568045" spans="14:14">
      <c r="N568045" s="10"/>
    </row>
    <row r="568046" spans="14:14">
      <c r="N568046" s="10"/>
    </row>
    <row r="568047" spans="14:14">
      <c r="N568047" s="10"/>
    </row>
    <row r="568048" spans="14:14">
      <c r="N568048" s="10"/>
    </row>
    <row r="568049" spans="14:14">
      <c r="N568049" s="10"/>
    </row>
    <row r="568050" spans="14:14">
      <c r="N568050" s="10"/>
    </row>
    <row r="568051" spans="14:14">
      <c r="N568051" s="10"/>
    </row>
    <row r="568052" spans="14:14">
      <c r="N568052" s="10"/>
    </row>
    <row r="568053" spans="14:14">
      <c r="N568053" s="10"/>
    </row>
    <row r="568054" spans="14:14">
      <c r="N568054" s="10"/>
    </row>
    <row r="568055" spans="14:14">
      <c r="N568055" s="10"/>
    </row>
    <row r="568056" spans="14:14">
      <c r="N568056" s="10"/>
    </row>
    <row r="568057" spans="14:14">
      <c r="N568057" s="10"/>
    </row>
    <row r="568058" spans="14:14">
      <c r="N568058" s="10"/>
    </row>
    <row r="568059" spans="14:14">
      <c r="N568059" s="10"/>
    </row>
    <row r="568060" spans="14:14">
      <c r="N568060" s="10"/>
    </row>
    <row r="568061" spans="14:14">
      <c r="N568061" s="10"/>
    </row>
    <row r="568062" spans="14:14">
      <c r="N568062" s="10"/>
    </row>
    <row r="568063" spans="14:14">
      <c r="N568063" s="10"/>
    </row>
    <row r="568064" spans="14:14">
      <c r="N568064" s="10"/>
    </row>
    <row r="568065" spans="14:14">
      <c r="N568065" s="10"/>
    </row>
    <row r="568066" spans="14:14">
      <c r="N568066" s="10"/>
    </row>
    <row r="568067" spans="14:14">
      <c r="N568067" s="10"/>
    </row>
    <row r="568068" spans="14:14">
      <c r="N568068" s="10"/>
    </row>
    <row r="568069" spans="14:14">
      <c r="N568069" s="10"/>
    </row>
    <row r="568070" spans="14:14">
      <c r="N568070" s="10"/>
    </row>
    <row r="568071" spans="14:14">
      <c r="N568071" s="10"/>
    </row>
    <row r="568072" spans="14:14">
      <c r="N568072" s="10"/>
    </row>
    <row r="568073" spans="14:14">
      <c r="N568073" s="10"/>
    </row>
    <row r="568074" spans="14:14">
      <c r="N568074" s="10"/>
    </row>
    <row r="568075" spans="14:14">
      <c r="N568075" s="10"/>
    </row>
    <row r="568076" spans="14:14">
      <c r="N568076" s="10"/>
    </row>
    <row r="568077" spans="14:14">
      <c r="N568077" s="10"/>
    </row>
    <row r="568078" spans="14:14">
      <c r="N568078" s="10"/>
    </row>
    <row r="568079" spans="14:14">
      <c r="N568079" s="10"/>
    </row>
    <row r="568080" spans="14:14">
      <c r="N568080" s="10"/>
    </row>
    <row r="568081" spans="14:14">
      <c r="N568081" s="10"/>
    </row>
    <row r="568082" spans="14:14">
      <c r="N568082" s="10"/>
    </row>
    <row r="568083" spans="14:14">
      <c r="N568083" s="10"/>
    </row>
    <row r="568084" spans="14:14">
      <c r="N568084" s="10"/>
    </row>
    <row r="568085" spans="14:14">
      <c r="N568085" s="10"/>
    </row>
    <row r="568086" spans="14:14">
      <c r="N568086" s="10"/>
    </row>
    <row r="568087" spans="14:14">
      <c r="N568087" s="10"/>
    </row>
    <row r="568088" spans="14:14">
      <c r="N568088" s="10"/>
    </row>
    <row r="568089" spans="14:14">
      <c r="N568089" s="10"/>
    </row>
    <row r="568090" spans="14:14">
      <c r="N568090" s="10"/>
    </row>
    <row r="568091" spans="14:14">
      <c r="N568091" s="10"/>
    </row>
    <row r="568092" spans="14:14">
      <c r="N568092" s="10"/>
    </row>
    <row r="568093" spans="14:14">
      <c r="N568093" s="10"/>
    </row>
    <row r="568094" spans="14:14">
      <c r="N568094" s="10"/>
    </row>
    <row r="568095" spans="14:14">
      <c r="N568095" s="10"/>
    </row>
    <row r="568096" spans="14:14">
      <c r="N568096" s="10"/>
    </row>
    <row r="568097" spans="14:14">
      <c r="N568097" s="10"/>
    </row>
    <row r="568098" spans="14:14">
      <c r="N568098" s="10"/>
    </row>
    <row r="568099" spans="14:14">
      <c r="N568099" s="10"/>
    </row>
    <row r="568100" spans="14:14">
      <c r="N568100" s="10"/>
    </row>
    <row r="568101" spans="14:14">
      <c r="N568101" s="10"/>
    </row>
    <row r="568102" spans="14:14">
      <c r="N568102" s="10"/>
    </row>
    <row r="568103" spans="14:14">
      <c r="N568103" s="10"/>
    </row>
    <row r="568104" spans="14:14">
      <c r="N568104" s="10"/>
    </row>
    <row r="568105" spans="14:14">
      <c r="N568105" s="10"/>
    </row>
    <row r="568106" spans="14:14">
      <c r="N568106" s="10"/>
    </row>
    <row r="568107" spans="14:14">
      <c r="N568107" s="10"/>
    </row>
    <row r="568108" spans="14:14">
      <c r="N568108" s="10"/>
    </row>
    <row r="568109" spans="14:14">
      <c r="N568109" s="10"/>
    </row>
    <row r="568110" spans="14:14">
      <c r="N568110" s="10"/>
    </row>
    <row r="568111" spans="14:14">
      <c r="N568111" s="10"/>
    </row>
    <row r="568112" spans="14:14">
      <c r="N568112" s="10"/>
    </row>
    <row r="568113" spans="14:14">
      <c r="N568113" s="10"/>
    </row>
    <row r="568114" spans="14:14">
      <c r="N568114" s="10"/>
    </row>
    <row r="568115" spans="14:14">
      <c r="N568115" s="10"/>
    </row>
    <row r="568116" spans="14:14">
      <c r="N568116" s="10"/>
    </row>
    <row r="568117" spans="14:14">
      <c r="N568117" s="10"/>
    </row>
    <row r="568118" spans="14:14">
      <c r="N568118" s="10"/>
    </row>
    <row r="568119" spans="14:14">
      <c r="N568119" s="10"/>
    </row>
    <row r="568120" spans="14:14">
      <c r="N568120" s="10"/>
    </row>
    <row r="568121" spans="14:14">
      <c r="N568121" s="10"/>
    </row>
    <row r="568122" spans="14:14">
      <c r="N568122" s="10"/>
    </row>
    <row r="568123" spans="14:14">
      <c r="N568123" s="10"/>
    </row>
    <row r="568124" spans="14:14">
      <c r="N568124" s="10"/>
    </row>
    <row r="568125" spans="14:14">
      <c r="N568125" s="10"/>
    </row>
    <row r="568126" spans="14:14">
      <c r="N568126" s="10"/>
    </row>
    <row r="568127" spans="14:14">
      <c r="N568127" s="10"/>
    </row>
    <row r="568128" spans="14:14">
      <c r="N568128" s="10"/>
    </row>
    <row r="568129" spans="14:14">
      <c r="N568129" s="10"/>
    </row>
    <row r="568130" spans="14:14">
      <c r="N568130" s="10"/>
    </row>
    <row r="568131" spans="14:14">
      <c r="N568131" s="10"/>
    </row>
    <row r="568132" spans="14:14">
      <c r="N568132" s="10"/>
    </row>
    <row r="568133" spans="14:14">
      <c r="N568133" s="10"/>
    </row>
    <row r="568134" spans="14:14">
      <c r="N568134" s="10"/>
    </row>
    <row r="568135" spans="14:14">
      <c r="N568135" s="10"/>
    </row>
    <row r="568136" spans="14:14">
      <c r="N568136" s="10"/>
    </row>
    <row r="568137" spans="14:14">
      <c r="N568137" s="10"/>
    </row>
    <row r="568138" spans="14:14">
      <c r="N568138" s="10"/>
    </row>
    <row r="568139" spans="14:14">
      <c r="N568139" s="10"/>
    </row>
    <row r="568140" spans="14:14">
      <c r="N568140" s="10"/>
    </row>
    <row r="568141" spans="14:14">
      <c r="N568141" s="10"/>
    </row>
    <row r="568142" spans="14:14">
      <c r="N568142" s="10"/>
    </row>
    <row r="568143" spans="14:14">
      <c r="N568143" s="10"/>
    </row>
    <row r="568144" spans="14:14">
      <c r="N568144" s="10"/>
    </row>
    <row r="568145" spans="14:14">
      <c r="N568145" s="10"/>
    </row>
    <row r="568146" spans="14:14">
      <c r="N568146" s="10"/>
    </row>
    <row r="568147" spans="14:14">
      <c r="N568147" s="10"/>
    </row>
    <row r="568148" spans="14:14">
      <c r="N568148" s="10"/>
    </row>
    <row r="568149" spans="14:14">
      <c r="N568149" s="10"/>
    </row>
    <row r="568150" spans="14:14">
      <c r="N568150" s="10"/>
    </row>
    <row r="568151" spans="14:14">
      <c r="N568151" s="10"/>
    </row>
    <row r="568152" spans="14:14">
      <c r="N568152" s="10"/>
    </row>
    <row r="568153" spans="14:14">
      <c r="N568153" s="10"/>
    </row>
    <row r="568154" spans="14:14">
      <c r="N568154" s="10"/>
    </row>
    <row r="568155" spans="14:14">
      <c r="N568155" s="10"/>
    </row>
    <row r="568156" spans="14:14">
      <c r="N568156" s="10"/>
    </row>
    <row r="568157" spans="14:14">
      <c r="N568157" s="10"/>
    </row>
    <row r="568158" spans="14:14">
      <c r="N568158" s="10"/>
    </row>
    <row r="568159" spans="14:14">
      <c r="N568159" s="10"/>
    </row>
    <row r="568160" spans="14:14">
      <c r="N568160" s="10"/>
    </row>
    <row r="568161" spans="14:14">
      <c r="N568161" s="10"/>
    </row>
    <row r="568162" spans="14:14">
      <c r="N568162" s="10"/>
    </row>
    <row r="568163" spans="14:14">
      <c r="N568163" s="10"/>
    </row>
    <row r="568164" spans="14:14">
      <c r="N568164" s="10"/>
    </row>
    <row r="568165" spans="14:14">
      <c r="N568165" s="10"/>
    </row>
    <row r="568166" spans="14:14">
      <c r="N568166" s="10"/>
    </row>
    <row r="568167" spans="14:14">
      <c r="N568167" s="10"/>
    </row>
    <row r="568168" spans="14:14">
      <c r="N568168" s="10"/>
    </row>
    <row r="568169" spans="14:14">
      <c r="N568169" s="10"/>
    </row>
    <row r="568170" spans="14:14">
      <c r="N568170" s="10"/>
    </row>
    <row r="568171" spans="14:14">
      <c r="N568171" s="10"/>
    </row>
    <row r="568172" spans="14:14">
      <c r="N568172" s="10"/>
    </row>
    <row r="568173" spans="14:14">
      <c r="N568173" s="10"/>
    </row>
    <row r="568174" spans="14:14">
      <c r="N568174" s="10"/>
    </row>
    <row r="568175" spans="14:14">
      <c r="N568175" s="10"/>
    </row>
    <row r="568176" spans="14:14">
      <c r="N568176" s="10"/>
    </row>
    <row r="568177" spans="14:14">
      <c r="N568177" s="10"/>
    </row>
    <row r="568178" spans="14:14">
      <c r="N568178" s="10"/>
    </row>
    <row r="568179" spans="14:14">
      <c r="N568179" s="10"/>
    </row>
    <row r="568180" spans="14:14">
      <c r="N568180" s="10"/>
    </row>
    <row r="568181" spans="14:14">
      <c r="N568181" s="10"/>
    </row>
    <row r="568182" spans="14:14">
      <c r="N568182" s="10"/>
    </row>
    <row r="568183" spans="14:14">
      <c r="N568183" s="10"/>
    </row>
    <row r="568184" spans="14:14">
      <c r="N568184" s="10"/>
    </row>
    <row r="568185" spans="14:14">
      <c r="N568185" s="10"/>
    </row>
    <row r="568186" spans="14:14">
      <c r="N568186" s="10"/>
    </row>
    <row r="568187" spans="14:14">
      <c r="N568187" s="10"/>
    </row>
    <row r="568188" spans="14:14">
      <c r="N568188" s="10"/>
    </row>
    <row r="568189" spans="14:14">
      <c r="N568189" s="10"/>
    </row>
    <row r="568190" spans="14:14">
      <c r="N568190" s="10"/>
    </row>
    <row r="568191" spans="14:14">
      <c r="N568191" s="10"/>
    </row>
    <row r="568192" spans="14:14">
      <c r="N568192" s="10"/>
    </row>
    <row r="568193" spans="14:14">
      <c r="N568193" s="10"/>
    </row>
    <row r="568194" spans="14:14">
      <c r="N568194" s="10"/>
    </row>
    <row r="568195" spans="14:14">
      <c r="N568195" s="10"/>
    </row>
    <row r="568196" spans="14:14">
      <c r="N568196" s="10"/>
    </row>
    <row r="568197" spans="14:14">
      <c r="N568197" s="10"/>
    </row>
    <row r="568198" spans="14:14">
      <c r="N568198" s="10"/>
    </row>
    <row r="568199" spans="14:14">
      <c r="N568199" s="10"/>
    </row>
    <row r="568200" spans="14:14">
      <c r="N568200" s="10"/>
    </row>
    <row r="568201" spans="14:14">
      <c r="N568201" s="10"/>
    </row>
    <row r="568202" spans="14:14">
      <c r="N568202" s="10"/>
    </row>
    <row r="568203" spans="14:14">
      <c r="N568203" s="10"/>
    </row>
    <row r="568204" spans="14:14">
      <c r="N568204" s="10"/>
    </row>
    <row r="568205" spans="14:14">
      <c r="N568205" s="10"/>
    </row>
    <row r="568206" spans="14:14">
      <c r="N568206" s="10"/>
    </row>
    <row r="568207" spans="14:14">
      <c r="N568207" s="10"/>
    </row>
    <row r="568208" spans="14:14">
      <c r="N568208" s="10"/>
    </row>
    <row r="568209" spans="14:14">
      <c r="N568209" s="10"/>
    </row>
    <row r="568210" spans="14:14">
      <c r="N568210" s="10"/>
    </row>
    <row r="568211" spans="14:14">
      <c r="N568211" s="10"/>
    </row>
    <row r="568212" spans="14:14">
      <c r="N568212" s="10"/>
    </row>
    <row r="568213" spans="14:14">
      <c r="N568213" s="10"/>
    </row>
    <row r="568214" spans="14:14">
      <c r="N568214" s="10"/>
    </row>
    <row r="568215" spans="14:14">
      <c r="N568215" s="10"/>
    </row>
    <row r="568216" spans="14:14">
      <c r="N568216" s="10"/>
    </row>
    <row r="568217" spans="14:14">
      <c r="N568217" s="10"/>
    </row>
    <row r="568218" spans="14:14">
      <c r="N568218" s="10"/>
    </row>
    <row r="568219" spans="14:14">
      <c r="N568219" s="10"/>
    </row>
    <row r="568220" spans="14:14">
      <c r="N568220" s="10"/>
    </row>
    <row r="568221" spans="14:14">
      <c r="N568221" s="10"/>
    </row>
    <row r="568222" spans="14:14">
      <c r="N568222" s="10"/>
    </row>
    <row r="568223" spans="14:14">
      <c r="N568223" s="10"/>
    </row>
    <row r="568224" spans="14:14">
      <c r="N568224" s="10"/>
    </row>
    <row r="568225" spans="14:14">
      <c r="N568225" s="10"/>
    </row>
    <row r="568226" spans="14:14">
      <c r="N568226" s="10"/>
    </row>
    <row r="568227" spans="14:14">
      <c r="N568227" s="10"/>
    </row>
    <row r="568228" spans="14:14">
      <c r="N568228" s="10"/>
    </row>
    <row r="568229" spans="14:14">
      <c r="N568229" s="10"/>
    </row>
    <row r="568230" spans="14:14">
      <c r="N568230" s="10"/>
    </row>
    <row r="568231" spans="14:14">
      <c r="N568231" s="10"/>
    </row>
    <row r="568232" spans="14:14">
      <c r="N568232" s="10"/>
    </row>
    <row r="568233" spans="14:14">
      <c r="N568233" s="10"/>
    </row>
    <row r="568234" spans="14:14">
      <c r="N568234" s="10"/>
    </row>
    <row r="568235" spans="14:14">
      <c r="N568235" s="10"/>
    </row>
    <row r="568236" spans="14:14">
      <c r="N568236" s="10"/>
    </row>
    <row r="568237" spans="14:14">
      <c r="N568237" s="10"/>
    </row>
    <row r="568238" spans="14:14">
      <c r="N568238" s="10"/>
    </row>
    <row r="568239" spans="14:14">
      <c r="N568239" s="10"/>
    </row>
    <row r="568240" spans="14:14">
      <c r="N568240" s="10"/>
    </row>
    <row r="568241" spans="14:14">
      <c r="N568241" s="10"/>
    </row>
    <row r="568242" spans="14:14">
      <c r="N568242" s="10"/>
    </row>
    <row r="568243" spans="14:14">
      <c r="N568243" s="10"/>
    </row>
    <row r="568244" spans="14:14">
      <c r="N568244" s="10"/>
    </row>
    <row r="568245" spans="14:14">
      <c r="N568245" s="10"/>
    </row>
    <row r="568246" spans="14:14">
      <c r="N568246" s="10"/>
    </row>
    <row r="568247" spans="14:14">
      <c r="N568247" s="10"/>
    </row>
    <row r="568248" spans="14:14">
      <c r="N568248" s="10"/>
    </row>
    <row r="568249" spans="14:14">
      <c r="N568249" s="10"/>
    </row>
    <row r="568250" spans="14:14">
      <c r="N568250" s="10"/>
    </row>
    <row r="568251" spans="14:14">
      <c r="N568251" s="10"/>
    </row>
    <row r="568252" spans="14:14">
      <c r="N568252" s="10"/>
    </row>
    <row r="568253" spans="14:14">
      <c r="N568253" s="10"/>
    </row>
    <row r="568254" spans="14:14">
      <c r="N568254" s="10"/>
    </row>
    <row r="568255" spans="14:14">
      <c r="N568255" s="10"/>
    </row>
    <row r="568256" spans="14:14">
      <c r="N568256" s="10"/>
    </row>
    <row r="568257" spans="14:14">
      <c r="N568257" s="10"/>
    </row>
    <row r="568258" spans="14:14">
      <c r="N568258" s="10"/>
    </row>
    <row r="568259" spans="14:14">
      <c r="N568259" s="10"/>
    </row>
    <row r="568260" spans="14:14">
      <c r="N568260" s="10"/>
    </row>
    <row r="568261" spans="14:14">
      <c r="N568261" s="10"/>
    </row>
    <row r="568262" spans="14:14">
      <c r="N568262" s="10"/>
    </row>
    <row r="568263" spans="14:14">
      <c r="N568263" s="10"/>
    </row>
    <row r="568264" spans="14:14">
      <c r="N568264" s="10"/>
    </row>
    <row r="568265" spans="14:14">
      <c r="N568265" s="10"/>
    </row>
    <row r="568266" spans="14:14">
      <c r="N568266" s="10"/>
    </row>
    <row r="568267" spans="14:14">
      <c r="N568267" s="10"/>
    </row>
    <row r="568268" spans="14:14">
      <c r="N568268" s="10"/>
    </row>
    <row r="568269" spans="14:14">
      <c r="N568269" s="10"/>
    </row>
    <row r="568270" spans="14:14">
      <c r="N568270" s="10"/>
    </row>
    <row r="568271" spans="14:14">
      <c r="N568271" s="10"/>
    </row>
    <row r="568272" spans="14:14">
      <c r="N568272" s="10"/>
    </row>
    <row r="568273" spans="14:14">
      <c r="N568273" s="10"/>
    </row>
    <row r="568274" spans="14:14">
      <c r="N568274" s="10"/>
    </row>
    <row r="568275" spans="14:14">
      <c r="N568275" s="10"/>
    </row>
    <row r="568276" spans="14:14">
      <c r="N568276" s="10"/>
    </row>
    <row r="568277" spans="14:14">
      <c r="N568277" s="10"/>
    </row>
    <row r="568278" spans="14:14">
      <c r="N568278" s="10"/>
    </row>
    <row r="568279" spans="14:14">
      <c r="N568279" s="10"/>
    </row>
    <row r="568280" spans="14:14">
      <c r="N568280" s="10"/>
    </row>
    <row r="568281" spans="14:14">
      <c r="N568281" s="10"/>
    </row>
    <row r="568282" spans="14:14">
      <c r="N568282" s="10"/>
    </row>
    <row r="568283" spans="14:14">
      <c r="N568283" s="10"/>
    </row>
    <row r="568284" spans="14:14">
      <c r="N568284" s="10"/>
    </row>
    <row r="568285" spans="14:14">
      <c r="N568285" s="10"/>
    </row>
    <row r="568286" spans="14:14">
      <c r="N568286" s="10"/>
    </row>
    <row r="568287" spans="14:14">
      <c r="N568287" s="10"/>
    </row>
    <row r="568288" spans="14:14">
      <c r="N568288" s="10"/>
    </row>
    <row r="568289" spans="14:14">
      <c r="N568289" s="10"/>
    </row>
    <row r="568290" spans="14:14">
      <c r="N568290" s="10"/>
    </row>
    <row r="568291" spans="14:14">
      <c r="N568291" s="10"/>
    </row>
    <row r="568292" spans="14:14">
      <c r="N568292" s="10"/>
    </row>
    <row r="568293" spans="14:14">
      <c r="N568293" s="10"/>
    </row>
    <row r="568294" spans="14:14">
      <c r="N568294" s="10"/>
    </row>
    <row r="568295" spans="14:14">
      <c r="N568295" s="10"/>
    </row>
    <row r="568296" spans="14:14">
      <c r="N568296" s="10"/>
    </row>
    <row r="568297" spans="14:14">
      <c r="N568297" s="10"/>
    </row>
    <row r="568298" spans="14:14">
      <c r="N568298" s="10"/>
    </row>
    <row r="568299" spans="14:14">
      <c r="N568299" s="10"/>
    </row>
    <row r="568300" spans="14:14">
      <c r="N568300" s="10"/>
    </row>
    <row r="568301" spans="14:14">
      <c r="N568301" s="10"/>
    </row>
    <row r="568302" spans="14:14">
      <c r="N568302" s="10"/>
    </row>
    <row r="568303" spans="14:14">
      <c r="N568303" s="10"/>
    </row>
    <row r="568304" spans="14:14">
      <c r="N568304" s="10"/>
    </row>
    <row r="568305" spans="14:14">
      <c r="N568305" s="10"/>
    </row>
    <row r="568306" spans="14:14">
      <c r="N568306" s="10"/>
    </row>
    <row r="568307" spans="14:14">
      <c r="N568307" s="10"/>
    </row>
    <row r="568308" spans="14:14">
      <c r="N568308" s="10"/>
    </row>
    <row r="568309" spans="14:14">
      <c r="N568309" s="10"/>
    </row>
    <row r="568310" spans="14:14">
      <c r="N568310" s="10"/>
    </row>
    <row r="568311" spans="14:14">
      <c r="N568311" s="10"/>
    </row>
    <row r="568312" spans="14:14">
      <c r="N568312" s="10"/>
    </row>
    <row r="568313" spans="14:14">
      <c r="N568313" s="10"/>
    </row>
    <row r="568314" spans="14:14">
      <c r="N568314" s="10"/>
    </row>
    <row r="568315" spans="14:14">
      <c r="N568315" s="10"/>
    </row>
    <row r="568316" spans="14:14">
      <c r="N568316" s="10"/>
    </row>
    <row r="568317" spans="14:14">
      <c r="N568317" s="10"/>
    </row>
    <row r="568318" spans="14:14">
      <c r="N568318" s="10"/>
    </row>
    <row r="568319" spans="14:14">
      <c r="N568319" s="10"/>
    </row>
    <row r="568320" spans="14:14">
      <c r="N568320" s="10"/>
    </row>
    <row r="568321" spans="14:14">
      <c r="N568321" s="10"/>
    </row>
    <row r="568322" spans="14:14">
      <c r="N568322" s="10"/>
    </row>
    <row r="568323" spans="14:14">
      <c r="N568323" s="10"/>
    </row>
    <row r="568324" spans="14:14">
      <c r="N568324" s="10"/>
    </row>
    <row r="568325" spans="14:14">
      <c r="N568325" s="10"/>
    </row>
    <row r="568326" spans="14:14">
      <c r="N568326" s="10"/>
    </row>
    <row r="568327" spans="14:14">
      <c r="N568327" s="10"/>
    </row>
    <row r="568328" spans="14:14">
      <c r="N568328" s="10"/>
    </row>
    <row r="568329" spans="14:14">
      <c r="N568329" s="10"/>
    </row>
    <row r="568330" spans="14:14">
      <c r="N568330" s="10"/>
    </row>
    <row r="568331" spans="14:14">
      <c r="N568331" s="10"/>
    </row>
    <row r="568332" spans="14:14">
      <c r="N568332" s="10"/>
    </row>
    <row r="568333" spans="14:14">
      <c r="N568333" s="10"/>
    </row>
    <row r="568334" spans="14:14">
      <c r="N568334" s="10"/>
    </row>
    <row r="568335" spans="14:14">
      <c r="N568335" s="10"/>
    </row>
    <row r="568336" spans="14:14">
      <c r="N568336" s="10"/>
    </row>
    <row r="568337" spans="14:14">
      <c r="N568337" s="10"/>
    </row>
    <row r="568338" spans="14:14">
      <c r="N568338" s="10"/>
    </row>
    <row r="568339" spans="14:14">
      <c r="N568339" s="10"/>
    </row>
    <row r="568340" spans="14:14">
      <c r="N568340" s="10"/>
    </row>
    <row r="568341" spans="14:14">
      <c r="N568341" s="10"/>
    </row>
    <row r="568342" spans="14:14">
      <c r="N568342" s="10"/>
    </row>
    <row r="568343" spans="14:14">
      <c r="N568343" s="10"/>
    </row>
    <row r="568344" spans="14:14">
      <c r="N568344" s="10"/>
    </row>
    <row r="568345" spans="14:14">
      <c r="N568345" s="10"/>
    </row>
    <row r="568346" spans="14:14">
      <c r="N568346" s="10"/>
    </row>
    <row r="568347" spans="14:14">
      <c r="N568347" s="10"/>
    </row>
    <row r="568348" spans="14:14">
      <c r="N568348" s="10"/>
    </row>
    <row r="568349" spans="14:14">
      <c r="N568349" s="10"/>
    </row>
    <row r="568350" spans="14:14">
      <c r="N568350" s="10"/>
    </row>
    <row r="568351" spans="14:14">
      <c r="N568351" s="10"/>
    </row>
    <row r="568352" spans="14:14">
      <c r="N568352" s="10"/>
    </row>
    <row r="568353" spans="14:14">
      <c r="N568353" s="10"/>
    </row>
    <row r="568354" spans="14:14">
      <c r="N568354" s="10"/>
    </row>
    <row r="568355" spans="14:14">
      <c r="N568355" s="10"/>
    </row>
    <row r="568356" spans="14:14">
      <c r="N568356" s="10"/>
    </row>
    <row r="568357" spans="14:14">
      <c r="N568357" s="10"/>
    </row>
    <row r="568358" spans="14:14">
      <c r="N568358" s="10"/>
    </row>
    <row r="568359" spans="14:14">
      <c r="N568359" s="10"/>
    </row>
    <row r="568360" spans="14:14">
      <c r="N568360" s="10"/>
    </row>
    <row r="568361" spans="14:14">
      <c r="N568361" s="10"/>
    </row>
    <row r="568362" spans="14:14">
      <c r="N568362" s="10"/>
    </row>
    <row r="568363" spans="14:14">
      <c r="N568363" s="10"/>
    </row>
    <row r="568364" spans="14:14">
      <c r="N568364" s="10"/>
    </row>
    <row r="568365" spans="14:14">
      <c r="N568365" s="10"/>
    </row>
    <row r="568366" spans="14:14">
      <c r="N568366" s="10"/>
    </row>
    <row r="568367" spans="14:14">
      <c r="N568367" s="10"/>
    </row>
    <row r="568368" spans="14:14">
      <c r="N568368" s="10"/>
    </row>
    <row r="568369" spans="14:14">
      <c r="N568369" s="10"/>
    </row>
    <row r="568370" spans="14:14">
      <c r="N568370" s="10"/>
    </row>
    <row r="568371" spans="14:14">
      <c r="N568371" s="10"/>
    </row>
    <row r="568372" spans="14:14">
      <c r="N568372" s="10"/>
    </row>
    <row r="568373" spans="14:14">
      <c r="N568373" s="10"/>
    </row>
    <row r="568374" spans="14:14">
      <c r="N568374" s="10"/>
    </row>
    <row r="568375" spans="14:14">
      <c r="N568375" s="10"/>
    </row>
    <row r="568376" spans="14:14">
      <c r="N568376" s="10"/>
    </row>
    <row r="568377" spans="14:14">
      <c r="N568377" s="10"/>
    </row>
    <row r="568378" spans="14:14">
      <c r="N568378" s="10"/>
    </row>
    <row r="568379" spans="14:14">
      <c r="N568379" s="10"/>
    </row>
    <row r="568380" spans="14:14">
      <c r="N568380" s="10"/>
    </row>
    <row r="568381" spans="14:14">
      <c r="N568381" s="10"/>
    </row>
    <row r="568382" spans="14:14">
      <c r="N568382" s="10"/>
    </row>
    <row r="568383" spans="14:14">
      <c r="N568383" s="10"/>
    </row>
    <row r="568384" spans="14:14">
      <c r="N568384" s="10"/>
    </row>
    <row r="568385" spans="14:14">
      <c r="N568385" s="10"/>
    </row>
    <row r="568386" spans="14:14">
      <c r="N568386" s="10"/>
    </row>
    <row r="568387" spans="14:14">
      <c r="N568387" s="10"/>
    </row>
    <row r="568388" spans="14:14">
      <c r="N568388" s="10"/>
    </row>
    <row r="568389" spans="14:14">
      <c r="N568389" s="10"/>
    </row>
    <row r="568390" spans="14:14">
      <c r="N568390" s="10"/>
    </row>
    <row r="568391" spans="14:14">
      <c r="N568391" s="10"/>
    </row>
    <row r="568392" spans="14:14">
      <c r="N568392" s="10"/>
    </row>
    <row r="568393" spans="14:14">
      <c r="N568393" s="10"/>
    </row>
    <row r="568394" spans="14:14">
      <c r="N568394" s="10"/>
    </row>
    <row r="568395" spans="14:14">
      <c r="N568395" s="10"/>
    </row>
    <row r="568396" spans="14:14">
      <c r="N568396" s="10"/>
    </row>
    <row r="568397" spans="14:14">
      <c r="N568397" s="10"/>
    </row>
    <row r="568398" spans="14:14">
      <c r="N568398" s="10"/>
    </row>
    <row r="568399" spans="14:14">
      <c r="N568399" s="10"/>
    </row>
    <row r="568400" spans="14:14">
      <c r="N568400" s="10"/>
    </row>
    <row r="568401" spans="14:14">
      <c r="N568401" s="10"/>
    </row>
    <row r="568402" spans="14:14">
      <c r="N568402" s="10"/>
    </row>
    <row r="568403" spans="14:14">
      <c r="N568403" s="10"/>
    </row>
    <row r="568404" spans="14:14">
      <c r="N568404" s="10"/>
    </row>
    <row r="568405" spans="14:14">
      <c r="N568405" s="10"/>
    </row>
    <row r="568406" spans="14:14">
      <c r="N568406" s="10"/>
    </row>
    <row r="568407" spans="14:14">
      <c r="N568407" s="10"/>
    </row>
    <row r="568408" spans="14:14">
      <c r="N568408" s="10"/>
    </row>
    <row r="568409" spans="14:14">
      <c r="N568409" s="10"/>
    </row>
    <row r="568410" spans="14:14">
      <c r="N568410" s="10"/>
    </row>
    <row r="568411" spans="14:14">
      <c r="N568411" s="10"/>
    </row>
    <row r="568412" spans="14:14">
      <c r="N568412" s="10"/>
    </row>
    <row r="568413" spans="14:14">
      <c r="N568413" s="10"/>
    </row>
    <row r="568414" spans="14:14">
      <c r="N568414" s="10"/>
    </row>
    <row r="568415" spans="14:14">
      <c r="N568415" s="10"/>
    </row>
    <row r="568416" spans="14:14">
      <c r="N568416" s="10"/>
    </row>
    <row r="568417" spans="14:14">
      <c r="N568417" s="10"/>
    </row>
    <row r="568418" spans="14:14">
      <c r="N568418" s="10"/>
    </row>
    <row r="568419" spans="14:14">
      <c r="N568419" s="10"/>
    </row>
    <row r="568420" spans="14:14">
      <c r="N568420" s="10"/>
    </row>
    <row r="568421" spans="14:14">
      <c r="N568421" s="10"/>
    </row>
    <row r="568422" spans="14:14">
      <c r="N568422" s="10"/>
    </row>
    <row r="568423" spans="14:14">
      <c r="N568423" s="10"/>
    </row>
    <row r="568424" spans="14:14">
      <c r="N568424" s="10"/>
    </row>
    <row r="568425" spans="14:14">
      <c r="N568425" s="10"/>
    </row>
    <row r="568426" spans="14:14">
      <c r="N568426" s="10"/>
    </row>
    <row r="568427" spans="14:14">
      <c r="N568427" s="10"/>
    </row>
    <row r="568428" spans="14:14">
      <c r="N568428" s="10"/>
    </row>
    <row r="568429" spans="14:14">
      <c r="N568429" s="10"/>
    </row>
    <row r="568430" spans="14:14">
      <c r="N568430" s="10"/>
    </row>
    <row r="568431" spans="14:14">
      <c r="N568431" s="10"/>
    </row>
    <row r="568432" spans="14:14">
      <c r="N568432" s="10"/>
    </row>
    <row r="568433" spans="14:14">
      <c r="N568433" s="10"/>
    </row>
    <row r="568434" spans="14:14">
      <c r="N568434" s="10"/>
    </row>
    <row r="568435" spans="14:14">
      <c r="N568435" s="10"/>
    </row>
    <row r="568436" spans="14:14">
      <c r="N568436" s="10"/>
    </row>
    <row r="568437" spans="14:14">
      <c r="N568437" s="10"/>
    </row>
    <row r="568438" spans="14:14">
      <c r="N568438" s="10"/>
    </row>
    <row r="568439" spans="14:14">
      <c r="N568439" s="10"/>
    </row>
    <row r="568440" spans="14:14">
      <c r="N568440" s="10"/>
    </row>
    <row r="568441" spans="14:14">
      <c r="N568441" s="10"/>
    </row>
    <row r="568442" spans="14:14">
      <c r="N568442" s="10"/>
    </row>
    <row r="568443" spans="14:14">
      <c r="N568443" s="10"/>
    </row>
    <row r="568444" spans="14:14">
      <c r="N568444" s="10"/>
    </row>
    <row r="568445" spans="14:14">
      <c r="N568445" s="10"/>
    </row>
    <row r="568446" spans="14:14">
      <c r="N568446" s="10"/>
    </row>
    <row r="568447" spans="14:14">
      <c r="N568447" s="10"/>
    </row>
    <row r="568448" spans="14:14">
      <c r="N568448" s="10"/>
    </row>
    <row r="568449" spans="14:14">
      <c r="N568449" s="10"/>
    </row>
    <row r="568450" spans="14:14">
      <c r="N568450" s="10"/>
    </row>
    <row r="568451" spans="14:14">
      <c r="N568451" s="10"/>
    </row>
    <row r="568452" spans="14:14">
      <c r="N568452" s="10"/>
    </row>
    <row r="568453" spans="14:14">
      <c r="N568453" s="10"/>
    </row>
    <row r="568454" spans="14:14">
      <c r="N568454" s="10"/>
    </row>
    <row r="568455" spans="14:14">
      <c r="N568455" s="10"/>
    </row>
    <row r="568456" spans="14:14">
      <c r="N568456" s="10"/>
    </row>
    <row r="568457" spans="14:14">
      <c r="N568457" s="10"/>
    </row>
    <row r="568458" spans="14:14">
      <c r="N568458" s="10"/>
    </row>
    <row r="568459" spans="14:14">
      <c r="N568459" s="10"/>
    </row>
    <row r="568460" spans="14:14">
      <c r="N568460" s="10"/>
    </row>
    <row r="568461" spans="14:14">
      <c r="N568461" s="10"/>
    </row>
    <row r="568462" spans="14:14">
      <c r="N568462" s="10"/>
    </row>
    <row r="568463" spans="14:14">
      <c r="N568463" s="10"/>
    </row>
    <row r="568464" spans="14:14">
      <c r="N568464" s="10"/>
    </row>
    <row r="568465" spans="14:14">
      <c r="N568465" s="10"/>
    </row>
    <row r="568466" spans="14:14">
      <c r="N568466" s="10"/>
    </row>
    <row r="568467" spans="14:14">
      <c r="N568467" s="10"/>
    </row>
    <row r="568468" spans="14:14">
      <c r="N568468" s="10"/>
    </row>
    <row r="568469" spans="14:14">
      <c r="N568469" s="10"/>
    </row>
    <row r="568470" spans="14:14">
      <c r="N568470" s="10"/>
    </row>
    <row r="568471" spans="14:14">
      <c r="N568471" s="10"/>
    </row>
    <row r="568472" spans="14:14">
      <c r="N568472" s="10"/>
    </row>
    <row r="568473" spans="14:14">
      <c r="N568473" s="10"/>
    </row>
    <row r="568474" spans="14:14">
      <c r="N568474" s="10"/>
    </row>
    <row r="568475" spans="14:14">
      <c r="N568475" s="10"/>
    </row>
    <row r="568476" spans="14:14">
      <c r="N568476" s="10"/>
    </row>
    <row r="568477" spans="14:14">
      <c r="N568477" s="10"/>
    </row>
    <row r="568478" spans="14:14">
      <c r="N568478" s="10"/>
    </row>
    <row r="568479" spans="14:14">
      <c r="N568479" s="10"/>
    </row>
    <row r="568480" spans="14:14">
      <c r="N568480" s="10"/>
    </row>
    <row r="568481" spans="14:14">
      <c r="N568481" s="10"/>
    </row>
    <row r="568482" spans="14:14">
      <c r="N568482" s="10"/>
    </row>
    <row r="568483" spans="14:14">
      <c r="N568483" s="10"/>
    </row>
    <row r="568484" spans="14:14">
      <c r="N568484" s="10"/>
    </row>
    <row r="568485" spans="14:14">
      <c r="N568485" s="10"/>
    </row>
    <row r="568486" spans="14:14">
      <c r="N568486" s="10"/>
    </row>
    <row r="568487" spans="14:14">
      <c r="N568487" s="10"/>
    </row>
    <row r="568488" spans="14:14">
      <c r="N568488" s="10"/>
    </row>
    <row r="568489" spans="14:14">
      <c r="N568489" s="10"/>
    </row>
    <row r="568490" spans="14:14">
      <c r="N568490" s="10"/>
    </row>
    <row r="568491" spans="14:14">
      <c r="N568491" s="10"/>
    </row>
    <row r="568492" spans="14:14">
      <c r="N568492" s="10"/>
    </row>
    <row r="568493" spans="14:14">
      <c r="N568493" s="10"/>
    </row>
    <row r="568494" spans="14:14">
      <c r="N568494" s="10"/>
    </row>
    <row r="568495" spans="14:14">
      <c r="N568495" s="10"/>
    </row>
    <row r="568496" spans="14:14">
      <c r="N568496" s="10"/>
    </row>
    <row r="568497" spans="14:14">
      <c r="N568497" s="10"/>
    </row>
    <row r="568498" spans="14:14">
      <c r="N568498" s="10"/>
    </row>
    <row r="568499" spans="14:14">
      <c r="N568499" s="10"/>
    </row>
    <row r="568500" spans="14:14">
      <c r="N568500" s="10"/>
    </row>
    <row r="568501" spans="14:14">
      <c r="N568501" s="10"/>
    </row>
    <row r="568502" spans="14:14">
      <c r="N568502" s="10"/>
    </row>
    <row r="568503" spans="14:14">
      <c r="N568503" s="10"/>
    </row>
    <row r="568504" spans="14:14">
      <c r="N568504" s="10"/>
    </row>
    <row r="568505" spans="14:14">
      <c r="N568505" s="10"/>
    </row>
    <row r="568506" spans="14:14">
      <c r="N568506" s="10"/>
    </row>
    <row r="568507" spans="14:14">
      <c r="N568507" s="10"/>
    </row>
    <row r="568508" spans="14:14">
      <c r="N568508" s="10"/>
    </row>
    <row r="568509" spans="14:14">
      <c r="N568509" s="10"/>
    </row>
    <row r="568510" spans="14:14">
      <c r="N568510" s="10"/>
    </row>
    <row r="568511" spans="14:14">
      <c r="N568511" s="10"/>
    </row>
    <row r="568512" spans="14:14">
      <c r="N568512" s="10"/>
    </row>
    <row r="568513" spans="14:14">
      <c r="N568513" s="10"/>
    </row>
    <row r="568514" spans="14:14">
      <c r="N568514" s="10"/>
    </row>
    <row r="568515" spans="14:14">
      <c r="N568515" s="10"/>
    </row>
    <row r="568516" spans="14:14">
      <c r="N568516" s="10"/>
    </row>
    <row r="568517" spans="14:14">
      <c r="N568517" s="10"/>
    </row>
    <row r="568518" spans="14:14">
      <c r="N568518" s="10"/>
    </row>
    <row r="568519" spans="14:14">
      <c r="N568519" s="10"/>
    </row>
    <row r="568520" spans="14:14">
      <c r="N568520" s="10"/>
    </row>
    <row r="568521" spans="14:14">
      <c r="N568521" s="10"/>
    </row>
    <row r="568522" spans="14:14">
      <c r="N568522" s="10"/>
    </row>
    <row r="568523" spans="14:14">
      <c r="N568523" s="10"/>
    </row>
    <row r="568524" spans="14:14">
      <c r="N568524" s="10"/>
    </row>
    <row r="568525" spans="14:14">
      <c r="N568525" s="10"/>
    </row>
    <row r="568526" spans="14:14">
      <c r="N568526" s="10"/>
    </row>
    <row r="568527" spans="14:14">
      <c r="N568527" s="10"/>
    </row>
    <row r="568528" spans="14:14">
      <c r="N568528" s="10"/>
    </row>
    <row r="568529" spans="14:14">
      <c r="N568529" s="10"/>
    </row>
    <row r="568530" spans="14:14">
      <c r="N568530" s="10"/>
    </row>
    <row r="568531" spans="14:14">
      <c r="N568531" s="10"/>
    </row>
    <row r="568532" spans="14:14">
      <c r="N568532" s="10"/>
    </row>
    <row r="568533" spans="14:14">
      <c r="N568533" s="10"/>
    </row>
    <row r="568534" spans="14:14">
      <c r="N568534" s="10"/>
    </row>
    <row r="568535" spans="14:14">
      <c r="N568535" s="10"/>
    </row>
    <row r="568536" spans="14:14">
      <c r="N568536" s="10"/>
    </row>
    <row r="568537" spans="14:14">
      <c r="N568537" s="10"/>
    </row>
    <row r="568538" spans="14:14">
      <c r="N568538" s="10"/>
    </row>
    <row r="568539" spans="14:14">
      <c r="N568539" s="10"/>
    </row>
    <row r="568540" spans="14:14">
      <c r="N568540" s="10"/>
    </row>
    <row r="568541" spans="14:14">
      <c r="N568541" s="10"/>
    </row>
    <row r="568542" spans="14:14">
      <c r="N568542" s="10"/>
    </row>
    <row r="568543" spans="14:14">
      <c r="N568543" s="10"/>
    </row>
    <row r="568544" spans="14:14">
      <c r="N568544" s="10"/>
    </row>
    <row r="568545" spans="14:14">
      <c r="N568545" s="10"/>
    </row>
    <row r="568546" spans="14:14">
      <c r="N568546" s="10"/>
    </row>
    <row r="568547" spans="14:14">
      <c r="N568547" s="10"/>
    </row>
    <row r="568548" spans="14:14">
      <c r="N568548" s="10"/>
    </row>
    <row r="568549" spans="14:14">
      <c r="N568549" s="10"/>
    </row>
    <row r="568550" spans="14:14">
      <c r="N568550" s="10"/>
    </row>
    <row r="568551" spans="14:14">
      <c r="N568551" s="10"/>
    </row>
    <row r="568552" spans="14:14">
      <c r="N568552" s="10"/>
    </row>
    <row r="568553" spans="14:14">
      <c r="N568553" s="10"/>
    </row>
    <row r="568554" spans="14:14">
      <c r="N568554" s="10"/>
    </row>
    <row r="568555" spans="14:14">
      <c r="N568555" s="10"/>
    </row>
    <row r="568556" spans="14:14">
      <c r="N568556" s="10"/>
    </row>
    <row r="568557" spans="14:14">
      <c r="N568557" s="10"/>
    </row>
    <row r="568558" spans="14:14">
      <c r="N568558" s="10"/>
    </row>
    <row r="568559" spans="14:14">
      <c r="N568559" s="10"/>
    </row>
    <row r="568560" spans="14:14">
      <c r="N568560" s="10"/>
    </row>
    <row r="568561" spans="14:14">
      <c r="N568561" s="10"/>
    </row>
    <row r="568562" spans="14:14">
      <c r="N568562" s="10"/>
    </row>
    <row r="568563" spans="14:14">
      <c r="N568563" s="10"/>
    </row>
    <row r="568564" spans="14:14">
      <c r="N568564" s="10"/>
    </row>
    <row r="568565" spans="14:14">
      <c r="N568565" s="10"/>
    </row>
    <row r="568566" spans="14:14">
      <c r="N568566" s="10"/>
    </row>
    <row r="568567" spans="14:14">
      <c r="N568567" s="10"/>
    </row>
    <row r="568568" spans="14:14">
      <c r="N568568" s="10"/>
    </row>
    <row r="568569" spans="14:14">
      <c r="N568569" s="10"/>
    </row>
    <row r="568570" spans="14:14">
      <c r="N568570" s="10"/>
    </row>
    <row r="568571" spans="14:14">
      <c r="N568571" s="10"/>
    </row>
    <row r="568572" spans="14:14">
      <c r="N568572" s="10"/>
    </row>
    <row r="568573" spans="14:14">
      <c r="N568573" s="10"/>
    </row>
    <row r="568574" spans="14:14">
      <c r="N568574" s="10"/>
    </row>
    <row r="568575" spans="14:14">
      <c r="N568575" s="10"/>
    </row>
    <row r="568576" spans="14:14">
      <c r="N568576" s="10"/>
    </row>
    <row r="568577" spans="14:14">
      <c r="N568577" s="10"/>
    </row>
    <row r="568578" spans="14:14">
      <c r="N568578" s="10"/>
    </row>
    <row r="568579" spans="14:14">
      <c r="N568579" s="10"/>
    </row>
    <row r="568580" spans="14:14">
      <c r="N568580" s="10"/>
    </row>
    <row r="568581" spans="14:14">
      <c r="N568581" s="10"/>
    </row>
    <row r="568582" spans="14:14">
      <c r="N568582" s="10"/>
    </row>
    <row r="568583" spans="14:14">
      <c r="N568583" s="10"/>
    </row>
    <row r="568584" spans="14:14">
      <c r="N568584" s="10"/>
    </row>
    <row r="568585" spans="14:14">
      <c r="N568585" s="10"/>
    </row>
    <row r="568586" spans="14:14">
      <c r="N568586" s="10"/>
    </row>
    <row r="568587" spans="14:14">
      <c r="N568587" s="10"/>
    </row>
    <row r="568588" spans="14:14">
      <c r="N568588" s="10"/>
    </row>
    <row r="568589" spans="14:14">
      <c r="N568589" s="10"/>
    </row>
    <row r="568590" spans="14:14">
      <c r="N568590" s="10"/>
    </row>
    <row r="568591" spans="14:14">
      <c r="N568591" s="10"/>
    </row>
    <row r="568592" spans="14:14">
      <c r="N568592" s="10"/>
    </row>
    <row r="568593" spans="14:14">
      <c r="N568593" s="10"/>
    </row>
    <row r="568594" spans="14:14">
      <c r="N568594" s="10"/>
    </row>
    <row r="568595" spans="14:14">
      <c r="N568595" s="10"/>
    </row>
    <row r="568596" spans="14:14">
      <c r="N568596" s="10"/>
    </row>
    <row r="568597" spans="14:14">
      <c r="N568597" s="10"/>
    </row>
    <row r="568598" spans="14:14">
      <c r="N568598" s="10"/>
    </row>
    <row r="568599" spans="14:14">
      <c r="N568599" s="10"/>
    </row>
    <row r="568600" spans="14:14">
      <c r="N568600" s="10"/>
    </row>
    <row r="568601" spans="14:14">
      <c r="N568601" s="10"/>
    </row>
    <row r="568602" spans="14:14">
      <c r="N568602" s="10"/>
    </row>
    <row r="568603" spans="14:14">
      <c r="N568603" s="10"/>
    </row>
    <row r="568604" spans="14:14">
      <c r="N568604" s="10"/>
    </row>
    <row r="568605" spans="14:14">
      <c r="N568605" s="10"/>
    </row>
    <row r="568606" spans="14:14">
      <c r="N568606" s="10"/>
    </row>
    <row r="568607" spans="14:14">
      <c r="N568607" s="10"/>
    </row>
    <row r="568608" spans="14:14">
      <c r="N568608" s="10"/>
    </row>
    <row r="568609" spans="14:14">
      <c r="N568609" s="10"/>
    </row>
    <row r="568610" spans="14:14">
      <c r="N568610" s="10"/>
    </row>
    <row r="568611" spans="14:14">
      <c r="N568611" s="10"/>
    </row>
    <row r="568612" spans="14:14">
      <c r="N568612" s="10"/>
    </row>
    <row r="568613" spans="14:14">
      <c r="N568613" s="10"/>
    </row>
    <row r="568614" spans="14:14">
      <c r="N568614" s="10"/>
    </row>
    <row r="568615" spans="14:14">
      <c r="N568615" s="10"/>
    </row>
    <row r="568616" spans="14:14">
      <c r="N568616" s="10"/>
    </row>
    <row r="568617" spans="14:14">
      <c r="N568617" s="10"/>
    </row>
    <row r="568618" spans="14:14">
      <c r="N568618" s="10"/>
    </row>
    <row r="568619" spans="14:14">
      <c r="N568619" s="10"/>
    </row>
    <row r="568620" spans="14:14">
      <c r="N568620" s="10"/>
    </row>
    <row r="568621" spans="14:14">
      <c r="N568621" s="10"/>
    </row>
    <row r="568622" spans="14:14">
      <c r="N568622" s="10"/>
    </row>
    <row r="568623" spans="14:14">
      <c r="N568623" s="10"/>
    </row>
    <row r="568624" spans="14:14">
      <c r="N568624" s="10"/>
    </row>
    <row r="568625" spans="14:14">
      <c r="N568625" s="10"/>
    </row>
    <row r="568626" spans="14:14">
      <c r="N568626" s="10"/>
    </row>
    <row r="568627" spans="14:14">
      <c r="N568627" s="10"/>
    </row>
    <row r="568628" spans="14:14">
      <c r="N568628" s="10"/>
    </row>
    <row r="568629" spans="14:14">
      <c r="N568629" s="10"/>
    </row>
    <row r="568630" spans="14:14">
      <c r="N568630" s="10"/>
    </row>
    <row r="568631" spans="14:14">
      <c r="N568631" s="10"/>
    </row>
    <row r="568632" spans="14:14">
      <c r="N568632" s="10"/>
    </row>
    <row r="568633" spans="14:14">
      <c r="N568633" s="10"/>
    </row>
    <row r="568634" spans="14:14">
      <c r="N568634" s="10"/>
    </row>
    <row r="568635" spans="14:14">
      <c r="N568635" s="10"/>
    </row>
    <row r="568636" spans="14:14">
      <c r="N568636" s="10"/>
    </row>
    <row r="568637" spans="14:14">
      <c r="N568637" s="10"/>
    </row>
    <row r="568638" spans="14:14">
      <c r="N568638" s="10"/>
    </row>
    <row r="568639" spans="14:14">
      <c r="N568639" s="10"/>
    </row>
    <row r="568640" spans="14:14">
      <c r="N568640" s="10"/>
    </row>
    <row r="568641" spans="14:14">
      <c r="N568641" s="10"/>
    </row>
    <row r="568642" spans="14:14">
      <c r="N568642" s="10"/>
    </row>
    <row r="568643" spans="14:14">
      <c r="N568643" s="10"/>
    </row>
    <row r="568644" spans="14:14">
      <c r="N568644" s="10"/>
    </row>
    <row r="568645" spans="14:14">
      <c r="N568645" s="10"/>
    </row>
    <row r="568646" spans="14:14">
      <c r="N568646" s="10"/>
    </row>
    <row r="568647" spans="14:14">
      <c r="N568647" s="10"/>
    </row>
    <row r="568648" spans="14:14">
      <c r="N568648" s="10"/>
    </row>
    <row r="568649" spans="14:14">
      <c r="N568649" s="10"/>
    </row>
    <row r="568650" spans="14:14">
      <c r="N568650" s="10"/>
    </row>
    <row r="568651" spans="14:14">
      <c r="N568651" s="10"/>
    </row>
    <row r="568652" spans="14:14">
      <c r="N568652" s="10"/>
    </row>
    <row r="568653" spans="14:14">
      <c r="N568653" s="10"/>
    </row>
    <row r="568654" spans="14:14">
      <c r="N568654" s="10"/>
    </row>
    <row r="568655" spans="14:14">
      <c r="N568655" s="10"/>
    </row>
    <row r="568656" spans="14:14">
      <c r="N568656" s="10"/>
    </row>
    <row r="568657" spans="14:14">
      <c r="N568657" s="10"/>
    </row>
    <row r="568658" spans="14:14">
      <c r="N568658" s="10"/>
    </row>
    <row r="568659" spans="14:14">
      <c r="N568659" s="10"/>
    </row>
    <row r="568660" spans="14:14">
      <c r="N568660" s="10"/>
    </row>
    <row r="568661" spans="14:14">
      <c r="N568661" s="10"/>
    </row>
    <row r="568662" spans="14:14">
      <c r="N568662" s="10"/>
    </row>
    <row r="568663" spans="14:14">
      <c r="N568663" s="10"/>
    </row>
    <row r="568664" spans="14:14">
      <c r="N568664" s="10"/>
    </row>
    <row r="568665" spans="14:14">
      <c r="N568665" s="10"/>
    </row>
    <row r="568666" spans="14:14">
      <c r="N568666" s="10"/>
    </row>
    <row r="568667" spans="14:14">
      <c r="N568667" s="10"/>
    </row>
    <row r="568668" spans="14:14">
      <c r="N568668" s="10"/>
    </row>
    <row r="568669" spans="14:14">
      <c r="N568669" s="10"/>
    </row>
    <row r="568670" spans="14:14">
      <c r="N568670" s="10"/>
    </row>
    <row r="568671" spans="14:14">
      <c r="N568671" s="10"/>
    </row>
    <row r="568672" spans="14:14">
      <c r="N568672" s="10"/>
    </row>
    <row r="568673" spans="14:14">
      <c r="N568673" s="10"/>
    </row>
    <row r="568674" spans="14:14">
      <c r="N568674" s="10"/>
    </row>
    <row r="568675" spans="14:14">
      <c r="N568675" s="10"/>
    </row>
    <row r="568676" spans="14:14">
      <c r="N568676" s="10"/>
    </row>
    <row r="568677" spans="14:14">
      <c r="N568677" s="10"/>
    </row>
    <row r="568678" spans="14:14">
      <c r="N568678" s="10"/>
    </row>
    <row r="568679" spans="14:14">
      <c r="N568679" s="10"/>
    </row>
    <row r="568680" spans="14:14">
      <c r="N568680" s="10"/>
    </row>
    <row r="568681" spans="14:14">
      <c r="N568681" s="10"/>
    </row>
    <row r="568682" spans="14:14">
      <c r="N568682" s="10"/>
    </row>
    <row r="568683" spans="14:14">
      <c r="N568683" s="10"/>
    </row>
    <row r="568684" spans="14:14">
      <c r="N568684" s="10"/>
    </row>
    <row r="568685" spans="14:14">
      <c r="N568685" s="10"/>
    </row>
    <row r="568686" spans="14:14">
      <c r="N568686" s="10"/>
    </row>
    <row r="568687" spans="14:14">
      <c r="N568687" s="10"/>
    </row>
    <row r="568688" spans="14:14">
      <c r="N568688" s="10"/>
    </row>
    <row r="568689" spans="14:14">
      <c r="N568689" s="10"/>
    </row>
    <row r="568690" spans="14:14">
      <c r="N568690" s="10"/>
    </row>
    <row r="568691" spans="14:14">
      <c r="N568691" s="10"/>
    </row>
    <row r="568692" spans="14:14">
      <c r="N568692" s="10"/>
    </row>
    <row r="568693" spans="14:14">
      <c r="N568693" s="10"/>
    </row>
    <row r="568694" spans="14:14">
      <c r="N568694" s="10"/>
    </row>
    <row r="568695" spans="14:14">
      <c r="N568695" s="10"/>
    </row>
    <row r="568696" spans="14:14">
      <c r="N568696" s="10"/>
    </row>
    <row r="568697" spans="14:14">
      <c r="N568697" s="10"/>
    </row>
    <row r="568698" spans="14:14">
      <c r="N568698" s="10"/>
    </row>
    <row r="568699" spans="14:14">
      <c r="N568699" s="10"/>
    </row>
    <row r="568700" spans="14:14">
      <c r="N568700" s="10"/>
    </row>
    <row r="568701" spans="14:14">
      <c r="N568701" s="10"/>
    </row>
    <row r="568702" spans="14:14">
      <c r="N568702" s="10"/>
    </row>
    <row r="568703" spans="14:14">
      <c r="N568703" s="10"/>
    </row>
    <row r="568704" spans="14:14">
      <c r="N568704" s="10"/>
    </row>
    <row r="568705" spans="14:14">
      <c r="N568705" s="10"/>
    </row>
    <row r="568706" spans="14:14">
      <c r="N568706" s="10"/>
    </row>
    <row r="568707" spans="14:14">
      <c r="N568707" s="10"/>
    </row>
    <row r="568708" spans="14:14">
      <c r="N568708" s="10"/>
    </row>
    <row r="568709" spans="14:14">
      <c r="N568709" s="10"/>
    </row>
    <row r="568710" spans="14:14">
      <c r="N568710" s="10"/>
    </row>
    <row r="568711" spans="14:14">
      <c r="N568711" s="10"/>
    </row>
    <row r="568712" spans="14:14">
      <c r="N568712" s="10"/>
    </row>
    <row r="568713" spans="14:14">
      <c r="N568713" s="10"/>
    </row>
    <row r="568714" spans="14:14">
      <c r="N568714" s="10"/>
    </row>
    <row r="568715" spans="14:14">
      <c r="N568715" s="10"/>
    </row>
    <row r="568716" spans="14:14">
      <c r="N568716" s="10"/>
    </row>
    <row r="568717" spans="14:14">
      <c r="N568717" s="10"/>
    </row>
    <row r="568718" spans="14:14">
      <c r="N568718" s="10"/>
    </row>
    <row r="568719" spans="14:14">
      <c r="N568719" s="10"/>
    </row>
    <row r="568720" spans="14:14">
      <c r="N568720" s="10"/>
    </row>
    <row r="568721" spans="14:14">
      <c r="N568721" s="10"/>
    </row>
    <row r="568722" spans="14:14">
      <c r="N568722" s="10"/>
    </row>
    <row r="568723" spans="14:14">
      <c r="N568723" s="10"/>
    </row>
    <row r="568724" spans="14:14">
      <c r="N568724" s="10"/>
    </row>
    <row r="568725" spans="14:14">
      <c r="N568725" s="10"/>
    </row>
    <row r="568726" spans="14:14">
      <c r="N568726" s="10"/>
    </row>
    <row r="568727" spans="14:14">
      <c r="N568727" s="10"/>
    </row>
    <row r="568728" spans="14:14">
      <c r="N568728" s="10"/>
    </row>
    <row r="568729" spans="14:14">
      <c r="N568729" s="10"/>
    </row>
    <row r="568730" spans="14:14">
      <c r="N568730" s="10"/>
    </row>
    <row r="568731" spans="14:14">
      <c r="N568731" s="10"/>
    </row>
    <row r="568732" spans="14:14">
      <c r="N568732" s="10"/>
    </row>
    <row r="568733" spans="14:14">
      <c r="N568733" s="10"/>
    </row>
    <row r="568734" spans="14:14">
      <c r="N568734" s="10"/>
    </row>
    <row r="568735" spans="14:14">
      <c r="N568735" s="10"/>
    </row>
    <row r="568736" spans="14:14">
      <c r="N568736" s="10"/>
    </row>
    <row r="568737" spans="14:14">
      <c r="N568737" s="10"/>
    </row>
    <row r="568738" spans="14:14">
      <c r="N568738" s="10"/>
    </row>
    <row r="568739" spans="14:14">
      <c r="N568739" s="10"/>
    </row>
    <row r="568740" spans="14:14">
      <c r="N568740" s="10"/>
    </row>
    <row r="568741" spans="14:14">
      <c r="N568741" s="10"/>
    </row>
    <row r="568742" spans="14:14">
      <c r="N568742" s="10"/>
    </row>
    <row r="568743" spans="14:14">
      <c r="N568743" s="10"/>
    </row>
    <row r="568744" spans="14:14">
      <c r="N568744" s="10"/>
    </row>
    <row r="568745" spans="14:14">
      <c r="N568745" s="10"/>
    </row>
    <row r="568746" spans="14:14">
      <c r="N568746" s="10"/>
    </row>
    <row r="568747" spans="14:14">
      <c r="N568747" s="10"/>
    </row>
    <row r="568748" spans="14:14">
      <c r="N568748" s="10"/>
    </row>
    <row r="568749" spans="14:14">
      <c r="N568749" s="10"/>
    </row>
    <row r="568750" spans="14:14">
      <c r="N568750" s="10"/>
    </row>
    <row r="568751" spans="14:14">
      <c r="N568751" s="10"/>
    </row>
    <row r="568752" spans="14:14">
      <c r="N568752" s="10"/>
    </row>
    <row r="568753" spans="14:14">
      <c r="N568753" s="10"/>
    </row>
    <row r="568754" spans="14:14">
      <c r="N568754" s="10"/>
    </row>
    <row r="568755" spans="14:14">
      <c r="N568755" s="10"/>
    </row>
    <row r="568756" spans="14:14">
      <c r="N568756" s="10"/>
    </row>
    <row r="568757" spans="14:14">
      <c r="N568757" s="10"/>
    </row>
    <row r="568758" spans="14:14">
      <c r="N568758" s="10"/>
    </row>
    <row r="568759" spans="14:14">
      <c r="N568759" s="10"/>
    </row>
    <row r="568760" spans="14:14">
      <c r="N568760" s="10"/>
    </row>
    <row r="568761" spans="14:14">
      <c r="N568761" s="10"/>
    </row>
    <row r="568762" spans="14:14">
      <c r="N568762" s="10"/>
    </row>
    <row r="568763" spans="14:14">
      <c r="N568763" s="10"/>
    </row>
    <row r="568764" spans="14:14">
      <c r="N568764" s="10"/>
    </row>
    <row r="568765" spans="14:14">
      <c r="N568765" s="10"/>
    </row>
    <row r="568766" spans="14:14">
      <c r="N568766" s="10"/>
    </row>
    <row r="568767" spans="14:14">
      <c r="N568767" s="10"/>
    </row>
    <row r="568768" spans="14:14">
      <c r="N568768" s="10"/>
    </row>
    <row r="568769" spans="14:14">
      <c r="N568769" s="10"/>
    </row>
    <row r="568770" spans="14:14">
      <c r="N568770" s="10"/>
    </row>
    <row r="568771" spans="14:14">
      <c r="N568771" s="10"/>
    </row>
    <row r="568772" spans="14:14">
      <c r="N568772" s="10"/>
    </row>
    <row r="568773" spans="14:14">
      <c r="N568773" s="10"/>
    </row>
    <row r="568774" spans="14:14">
      <c r="N568774" s="10"/>
    </row>
    <row r="568775" spans="14:14">
      <c r="N568775" s="10"/>
    </row>
    <row r="568776" spans="14:14">
      <c r="N568776" s="10"/>
    </row>
    <row r="568777" spans="14:14">
      <c r="N568777" s="10"/>
    </row>
    <row r="568778" spans="14:14">
      <c r="N568778" s="10"/>
    </row>
    <row r="568779" spans="14:14">
      <c r="N568779" s="10"/>
    </row>
    <row r="568780" spans="14:14">
      <c r="N568780" s="10"/>
    </row>
    <row r="568781" spans="14:14">
      <c r="N568781" s="10"/>
    </row>
    <row r="568782" spans="14:14">
      <c r="N568782" s="10"/>
    </row>
    <row r="568783" spans="14:14">
      <c r="N568783" s="10"/>
    </row>
    <row r="568784" spans="14:14">
      <c r="N568784" s="10"/>
    </row>
    <row r="568785" spans="14:14">
      <c r="N568785" s="10"/>
    </row>
    <row r="568786" spans="14:14">
      <c r="N568786" s="10"/>
    </row>
    <row r="568787" spans="14:14">
      <c r="N568787" s="10"/>
    </row>
    <row r="568788" spans="14:14">
      <c r="N568788" s="10"/>
    </row>
    <row r="568789" spans="14:14">
      <c r="N568789" s="10"/>
    </row>
    <row r="568790" spans="14:14">
      <c r="N568790" s="10"/>
    </row>
    <row r="568791" spans="14:14">
      <c r="N568791" s="10"/>
    </row>
    <row r="568792" spans="14:14">
      <c r="N568792" s="10"/>
    </row>
    <row r="568793" spans="14:14">
      <c r="N568793" s="10"/>
    </row>
    <row r="568794" spans="14:14">
      <c r="N568794" s="10"/>
    </row>
    <row r="568795" spans="14:14">
      <c r="N568795" s="10"/>
    </row>
    <row r="568796" spans="14:14">
      <c r="N568796" s="10"/>
    </row>
    <row r="568797" spans="14:14">
      <c r="N568797" s="10"/>
    </row>
    <row r="568798" spans="14:14">
      <c r="N568798" s="10"/>
    </row>
    <row r="568799" spans="14:14">
      <c r="N568799" s="10"/>
    </row>
    <row r="568800" spans="14:14">
      <c r="N568800" s="10"/>
    </row>
    <row r="568801" spans="14:14">
      <c r="N568801" s="10"/>
    </row>
    <row r="568802" spans="14:14">
      <c r="N568802" s="10"/>
    </row>
    <row r="568803" spans="14:14">
      <c r="N568803" s="10"/>
    </row>
    <row r="568804" spans="14:14">
      <c r="N568804" s="10"/>
    </row>
    <row r="568805" spans="14:14">
      <c r="N568805" s="10"/>
    </row>
    <row r="568806" spans="14:14">
      <c r="N568806" s="10"/>
    </row>
    <row r="568807" spans="14:14">
      <c r="N568807" s="10"/>
    </row>
    <row r="568808" spans="14:14">
      <c r="N568808" s="10"/>
    </row>
    <row r="568809" spans="14:14">
      <c r="N568809" s="10"/>
    </row>
    <row r="568810" spans="14:14">
      <c r="N568810" s="10"/>
    </row>
    <row r="568811" spans="14:14">
      <c r="N568811" s="10"/>
    </row>
    <row r="568812" spans="14:14">
      <c r="N568812" s="10"/>
    </row>
    <row r="568813" spans="14:14">
      <c r="N568813" s="10"/>
    </row>
    <row r="568814" spans="14:14">
      <c r="N568814" s="10"/>
    </row>
    <row r="568815" spans="14:14">
      <c r="N568815" s="10"/>
    </row>
    <row r="568816" spans="14:14">
      <c r="N568816" s="10"/>
    </row>
    <row r="568817" spans="14:14">
      <c r="N568817" s="10"/>
    </row>
    <row r="568818" spans="14:14">
      <c r="N568818" s="10"/>
    </row>
    <row r="568819" spans="14:14">
      <c r="N568819" s="10"/>
    </row>
    <row r="568820" spans="14:14">
      <c r="N568820" s="10"/>
    </row>
    <row r="568821" spans="14:14">
      <c r="N568821" s="10"/>
    </row>
    <row r="568822" spans="14:14">
      <c r="N568822" s="10"/>
    </row>
    <row r="568823" spans="14:14">
      <c r="N568823" s="10"/>
    </row>
    <row r="568824" spans="14:14">
      <c r="N568824" s="10"/>
    </row>
    <row r="568825" spans="14:14">
      <c r="N568825" s="10"/>
    </row>
    <row r="568826" spans="14:14">
      <c r="N568826" s="10"/>
    </row>
    <row r="568827" spans="14:14">
      <c r="N568827" s="10"/>
    </row>
    <row r="568828" spans="14:14">
      <c r="N568828" s="10"/>
    </row>
    <row r="568829" spans="14:14">
      <c r="N568829" s="10"/>
    </row>
    <row r="568830" spans="14:14">
      <c r="N568830" s="10"/>
    </row>
    <row r="568831" spans="14:14">
      <c r="N568831" s="10"/>
    </row>
    <row r="568832" spans="14:14">
      <c r="N568832" s="10"/>
    </row>
    <row r="568833" spans="14:14">
      <c r="N568833" s="10"/>
    </row>
    <row r="568834" spans="14:14">
      <c r="N568834" s="10"/>
    </row>
    <row r="568835" spans="14:14">
      <c r="N568835" s="10"/>
    </row>
    <row r="568836" spans="14:14">
      <c r="N568836" s="10"/>
    </row>
    <row r="568837" spans="14:14">
      <c r="N568837" s="10"/>
    </row>
    <row r="568838" spans="14:14">
      <c r="N568838" s="10"/>
    </row>
    <row r="568839" spans="14:14">
      <c r="N568839" s="10"/>
    </row>
    <row r="568840" spans="14:14">
      <c r="N568840" s="10"/>
    </row>
    <row r="568841" spans="14:14">
      <c r="N568841" s="10"/>
    </row>
    <row r="568842" spans="14:14">
      <c r="N568842" s="10"/>
    </row>
    <row r="568843" spans="14:14">
      <c r="N568843" s="10"/>
    </row>
    <row r="568844" spans="14:14">
      <c r="N568844" s="10"/>
    </row>
    <row r="568845" spans="14:14">
      <c r="N568845" s="10"/>
    </row>
    <row r="568846" spans="14:14">
      <c r="N568846" s="10"/>
    </row>
    <row r="568847" spans="14:14">
      <c r="N568847" s="10"/>
    </row>
    <row r="568848" spans="14:14">
      <c r="N568848" s="10"/>
    </row>
    <row r="568849" spans="14:14">
      <c r="N568849" s="10"/>
    </row>
    <row r="568850" spans="14:14">
      <c r="N568850" s="10"/>
    </row>
    <row r="568851" spans="14:14">
      <c r="N568851" s="10"/>
    </row>
    <row r="568852" spans="14:14">
      <c r="N568852" s="10"/>
    </row>
    <row r="568853" spans="14:14">
      <c r="N568853" s="10"/>
    </row>
    <row r="568854" spans="14:14">
      <c r="N568854" s="10"/>
    </row>
    <row r="568855" spans="14:14">
      <c r="N568855" s="10"/>
    </row>
    <row r="568856" spans="14:14">
      <c r="N568856" s="10"/>
    </row>
    <row r="568857" spans="14:14">
      <c r="N568857" s="10"/>
    </row>
    <row r="568858" spans="14:14">
      <c r="N568858" s="10"/>
    </row>
    <row r="568859" spans="14:14">
      <c r="N568859" s="10"/>
    </row>
    <row r="568860" spans="14:14">
      <c r="N568860" s="10"/>
    </row>
    <row r="568861" spans="14:14">
      <c r="N568861" s="10"/>
    </row>
    <row r="568862" spans="14:14">
      <c r="N568862" s="10"/>
    </row>
    <row r="568863" spans="14:14">
      <c r="N568863" s="10"/>
    </row>
    <row r="568864" spans="14:14">
      <c r="N568864" s="10"/>
    </row>
    <row r="568865" spans="14:14">
      <c r="N568865" s="10"/>
    </row>
    <row r="568866" spans="14:14">
      <c r="N568866" s="10"/>
    </row>
    <row r="568867" spans="14:14">
      <c r="N568867" s="10"/>
    </row>
    <row r="568868" spans="14:14">
      <c r="N568868" s="10"/>
    </row>
    <row r="568869" spans="14:14">
      <c r="N568869" s="10"/>
    </row>
    <row r="568870" spans="14:14">
      <c r="N568870" s="10"/>
    </row>
    <row r="568871" spans="14:14">
      <c r="N568871" s="10"/>
    </row>
    <row r="568872" spans="14:14">
      <c r="N568872" s="10"/>
    </row>
    <row r="568873" spans="14:14">
      <c r="N568873" s="10"/>
    </row>
    <row r="568874" spans="14:14">
      <c r="N568874" s="10"/>
    </row>
    <row r="568875" spans="14:14">
      <c r="N568875" s="10"/>
    </row>
    <row r="568876" spans="14:14">
      <c r="N568876" s="10"/>
    </row>
    <row r="568877" spans="14:14">
      <c r="N568877" s="10"/>
    </row>
    <row r="568878" spans="14:14">
      <c r="N568878" s="10"/>
    </row>
    <row r="568879" spans="14:14">
      <c r="N568879" s="10"/>
    </row>
    <row r="568880" spans="14:14">
      <c r="N568880" s="10"/>
    </row>
    <row r="568881" spans="14:14">
      <c r="N568881" s="10"/>
    </row>
    <row r="568882" spans="14:14">
      <c r="N568882" s="10"/>
    </row>
    <row r="568883" spans="14:14">
      <c r="N568883" s="10"/>
    </row>
    <row r="568884" spans="14:14">
      <c r="N568884" s="10"/>
    </row>
    <row r="568885" spans="14:14">
      <c r="N568885" s="10"/>
    </row>
    <row r="568886" spans="14:14">
      <c r="N568886" s="10"/>
    </row>
    <row r="568887" spans="14:14">
      <c r="N568887" s="10"/>
    </row>
    <row r="568888" spans="14:14">
      <c r="N568888" s="10"/>
    </row>
    <row r="568889" spans="14:14">
      <c r="N568889" s="10"/>
    </row>
    <row r="568890" spans="14:14">
      <c r="N568890" s="10"/>
    </row>
    <row r="568891" spans="14:14">
      <c r="N568891" s="10"/>
    </row>
    <row r="568892" spans="14:14">
      <c r="N568892" s="10"/>
    </row>
    <row r="568893" spans="14:14">
      <c r="N568893" s="10"/>
    </row>
    <row r="568894" spans="14:14">
      <c r="N568894" s="10"/>
    </row>
    <row r="568895" spans="14:14">
      <c r="N568895" s="10"/>
    </row>
    <row r="568896" spans="14:14">
      <c r="N568896" s="10"/>
    </row>
    <row r="568897" spans="14:14">
      <c r="N568897" s="10"/>
    </row>
    <row r="568898" spans="14:14">
      <c r="N568898" s="10"/>
    </row>
    <row r="568899" spans="14:14">
      <c r="N568899" s="10"/>
    </row>
    <row r="568900" spans="14:14">
      <c r="N568900" s="10"/>
    </row>
    <row r="568901" spans="14:14">
      <c r="N568901" s="10"/>
    </row>
    <row r="568902" spans="14:14">
      <c r="N568902" s="10"/>
    </row>
    <row r="568903" spans="14:14">
      <c r="N568903" s="10"/>
    </row>
    <row r="568904" spans="14:14">
      <c r="N568904" s="10"/>
    </row>
    <row r="568905" spans="14:14">
      <c r="N568905" s="10"/>
    </row>
    <row r="568906" spans="14:14">
      <c r="N568906" s="10"/>
    </row>
    <row r="568907" spans="14:14">
      <c r="N568907" s="10"/>
    </row>
    <row r="568908" spans="14:14">
      <c r="N568908" s="10"/>
    </row>
    <row r="568909" spans="14:14">
      <c r="N568909" s="10"/>
    </row>
    <row r="568910" spans="14:14">
      <c r="N568910" s="10"/>
    </row>
    <row r="568911" spans="14:14">
      <c r="N568911" s="10"/>
    </row>
    <row r="568912" spans="14:14">
      <c r="N568912" s="10"/>
    </row>
    <row r="568913" spans="14:14">
      <c r="N568913" s="10"/>
    </row>
    <row r="568914" spans="14:14">
      <c r="N568914" s="10"/>
    </row>
    <row r="568915" spans="14:14">
      <c r="N568915" s="10"/>
    </row>
    <row r="568916" spans="14:14">
      <c r="N568916" s="10"/>
    </row>
    <row r="568917" spans="14:14">
      <c r="N568917" s="10"/>
    </row>
    <row r="568918" spans="14:14">
      <c r="N568918" s="10"/>
    </row>
    <row r="568919" spans="14:14">
      <c r="N568919" s="10"/>
    </row>
    <row r="568920" spans="14:14">
      <c r="N568920" s="10"/>
    </row>
    <row r="568921" spans="14:14">
      <c r="N568921" s="10"/>
    </row>
    <row r="568922" spans="14:14">
      <c r="N568922" s="10"/>
    </row>
    <row r="568923" spans="14:14">
      <c r="N568923" s="10"/>
    </row>
    <row r="568924" spans="14:14">
      <c r="N568924" s="10"/>
    </row>
    <row r="568925" spans="14:14">
      <c r="N568925" s="10"/>
    </row>
    <row r="568926" spans="14:14">
      <c r="N568926" s="10"/>
    </row>
    <row r="568927" spans="14:14">
      <c r="N568927" s="10"/>
    </row>
    <row r="568928" spans="14:14">
      <c r="N568928" s="10"/>
    </row>
    <row r="568929" spans="14:14">
      <c r="N568929" s="10"/>
    </row>
    <row r="568930" spans="14:14">
      <c r="N568930" s="10"/>
    </row>
    <row r="568931" spans="14:14">
      <c r="N568931" s="10"/>
    </row>
    <row r="568932" spans="14:14">
      <c r="N568932" s="10"/>
    </row>
    <row r="568933" spans="14:14">
      <c r="N568933" s="10"/>
    </row>
    <row r="568934" spans="14:14">
      <c r="N568934" s="10"/>
    </row>
    <row r="568935" spans="14:14">
      <c r="N568935" s="10"/>
    </row>
    <row r="568936" spans="14:14">
      <c r="N568936" s="10"/>
    </row>
    <row r="568937" spans="14:14">
      <c r="N568937" s="10"/>
    </row>
    <row r="568938" spans="14:14">
      <c r="N568938" s="10"/>
    </row>
    <row r="568939" spans="14:14">
      <c r="N568939" s="10"/>
    </row>
    <row r="568940" spans="14:14">
      <c r="N568940" s="10"/>
    </row>
    <row r="568941" spans="14:14">
      <c r="N568941" s="10"/>
    </row>
    <row r="568942" spans="14:14">
      <c r="N568942" s="10"/>
    </row>
    <row r="568943" spans="14:14">
      <c r="N568943" s="10"/>
    </row>
    <row r="568944" spans="14:14">
      <c r="N568944" s="10"/>
    </row>
    <row r="568945" spans="14:14">
      <c r="N568945" s="10"/>
    </row>
    <row r="568946" spans="14:14">
      <c r="N568946" s="10"/>
    </row>
    <row r="568947" spans="14:14">
      <c r="N568947" s="10"/>
    </row>
    <row r="568948" spans="14:14">
      <c r="N568948" s="10"/>
    </row>
    <row r="568949" spans="14:14">
      <c r="N568949" s="10"/>
    </row>
    <row r="568950" spans="14:14">
      <c r="N568950" s="10"/>
    </row>
    <row r="568951" spans="14:14">
      <c r="N568951" s="10"/>
    </row>
    <row r="568952" spans="14:14">
      <c r="N568952" s="10"/>
    </row>
    <row r="568953" spans="14:14">
      <c r="N568953" s="10"/>
    </row>
    <row r="568954" spans="14:14">
      <c r="N568954" s="10"/>
    </row>
    <row r="568955" spans="14:14">
      <c r="N568955" s="10"/>
    </row>
    <row r="568956" spans="14:14">
      <c r="N568956" s="10"/>
    </row>
    <row r="568957" spans="14:14">
      <c r="N568957" s="10"/>
    </row>
    <row r="568958" spans="14:14">
      <c r="N568958" s="10"/>
    </row>
    <row r="568959" spans="14:14">
      <c r="N568959" s="10"/>
    </row>
    <row r="568960" spans="14:14">
      <c r="N568960" s="10"/>
    </row>
    <row r="568961" spans="14:14">
      <c r="N568961" s="10"/>
    </row>
    <row r="568962" spans="14:14">
      <c r="N568962" s="10"/>
    </row>
    <row r="568963" spans="14:14">
      <c r="N568963" s="10"/>
    </row>
    <row r="568964" spans="14:14">
      <c r="N568964" s="10"/>
    </row>
    <row r="568965" spans="14:14">
      <c r="N568965" s="10"/>
    </row>
    <row r="568966" spans="14:14">
      <c r="N568966" s="10"/>
    </row>
    <row r="568967" spans="14:14">
      <c r="N568967" s="10"/>
    </row>
    <row r="568968" spans="14:14">
      <c r="N568968" s="10"/>
    </row>
    <row r="568969" spans="14:14">
      <c r="N568969" s="10"/>
    </row>
    <row r="568970" spans="14:14">
      <c r="N568970" s="10"/>
    </row>
    <row r="568971" spans="14:14">
      <c r="N568971" s="10"/>
    </row>
    <row r="568972" spans="14:14">
      <c r="N568972" s="10"/>
    </row>
    <row r="568973" spans="14:14">
      <c r="N568973" s="10"/>
    </row>
    <row r="568974" spans="14:14">
      <c r="N568974" s="10"/>
    </row>
    <row r="568975" spans="14:14">
      <c r="N568975" s="10"/>
    </row>
    <row r="568976" spans="14:14">
      <c r="N568976" s="10"/>
    </row>
    <row r="568977" spans="14:14">
      <c r="N568977" s="10"/>
    </row>
    <row r="568978" spans="14:14">
      <c r="N568978" s="10"/>
    </row>
    <row r="568979" spans="14:14">
      <c r="N568979" s="10"/>
    </row>
    <row r="568980" spans="14:14">
      <c r="N568980" s="10"/>
    </row>
    <row r="568981" spans="14:14">
      <c r="N568981" s="10"/>
    </row>
    <row r="568982" spans="14:14">
      <c r="N568982" s="10"/>
    </row>
    <row r="568983" spans="14:14">
      <c r="N568983" s="10"/>
    </row>
    <row r="568984" spans="14:14">
      <c r="N568984" s="10"/>
    </row>
    <row r="568985" spans="14:14">
      <c r="N568985" s="10"/>
    </row>
    <row r="568986" spans="14:14">
      <c r="N568986" s="10"/>
    </row>
    <row r="568987" spans="14:14">
      <c r="N568987" s="10"/>
    </row>
    <row r="568988" spans="14:14">
      <c r="N568988" s="10"/>
    </row>
    <row r="568989" spans="14:14">
      <c r="N568989" s="10"/>
    </row>
    <row r="568990" spans="14:14">
      <c r="N568990" s="10"/>
    </row>
    <row r="568991" spans="14:14">
      <c r="N568991" s="10"/>
    </row>
    <row r="568992" spans="14:14">
      <c r="N568992" s="10"/>
    </row>
    <row r="568993" spans="14:14">
      <c r="N568993" s="10"/>
    </row>
    <row r="568994" spans="14:14">
      <c r="N568994" s="10"/>
    </row>
    <row r="568995" spans="14:14">
      <c r="N568995" s="10"/>
    </row>
    <row r="568996" spans="14:14">
      <c r="N568996" s="10"/>
    </row>
    <row r="568997" spans="14:14">
      <c r="N568997" s="10"/>
    </row>
    <row r="568998" spans="14:14">
      <c r="N568998" s="10"/>
    </row>
    <row r="568999" spans="14:14">
      <c r="N568999" s="10"/>
    </row>
    <row r="569000" spans="14:14">
      <c r="N569000" s="10"/>
    </row>
    <row r="569001" spans="14:14">
      <c r="N569001" s="10"/>
    </row>
    <row r="569002" spans="14:14">
      <c r="N569002" s="10"/>
    </row>
    <row r="569003" spans="14:14">
      <c r="N569003" s="10"/>
    </row>
    <row r="569004" spans="14:14">
      <c r="N569004" s="10"/>
    </row>
    <row r="569005" spans="14:14">
      <c r="N569005" s="10"/>
    </row>
    <row r="569006" spans="14:14">
      <c r="N569006" s="10"/>
    </row>
    <row r="569007" spans="14:14">
      <c r="N569007" s="10"/>
    </row>
    <row r="569008" spans="14:14">
      <c r="N569008" s="10"/>
    </row>
    <row r="569009" spans="14:14">
      <c r="N569009" s="10"/>
    </row>
    <row r="569010" spans="14:14">
      <c r="N569010" s="10"/>
    </row>
    <row r="569011" spans="14:14">
      <c r="N569011" s="10"/>
    </row>
    <row r="569012" spans="14:14">
      <c r="N569012" s="10"/>
    </row>
    <row r="569013" spans="14:14">
      <c r="N569013" s="10"/>
    </row>
    <row r="569014" spans="14:14">
      <c r="N569014" s="10"/>
    </row>
    <row r="569015" spans="14:14">
      <c r="N569015" s="10"/>
    </row>
    <row r="569016" spans="14:14">
      <c r="N569016" s="10"/>
    </row>
    <row r="569017" spans="14:14">
      <c r="N569017" s="10"/>
    </row>
    <row r="569018" spans="14:14">
      <c r="N569018" s="10"/>
    </row>
    <row r="569019" spans="14:14">
      <c r="N569019" s="10"/>
    </row>
    <row r="569020" spans="14:14">
      <c r="N569020" s="10"/>
    </row>
    <row r="569021" spans="14:14">
      <c r="N569021" s="10"/>
    </row>
    <row r="569022" spans="14:14">
      <c r="N569022" s="10"/>
    </row>
    <row r="569023" spans="14:14">
      <c r="N569023" s="10"/>
    </row>
    <row r="569024" spans="14:14">
      <c r="N569024" s="10"/>
    </row>
    <row r="569025" spans="14:14">
      <c r="N569025" s="10"/>
    </row>
    <row r="569026" spans="14:14">
      <c r="N569026" s="10"/>
    </row>
    <row r="569027" spans="14:14">
      <c r="N569027" s="10"/>
    </row>
    <row r="569028" spans="14:14">
      <c r="N569028" s="10"/>
    </row>
    <row r="569029" spans="14:14">
      <c r="N569029" s="10"/>
    </row>
    <row r="569030" spans="14:14">
      <c r="N569030" s="10"/>
    </row>
    <row r="569031" spans="14:14">
      <c r="N569031" s="10"/>
    </row>
    <row r="569032" spans="14:14">
      <c r="N569032" s="10"/>
    </row>
    <row r="569033" spans="14:14">
      <c r="N569033" s="10"/>
    </row>
    <row r="569034" spans="14:14">
      <c r="N569034" s="10"/>
    </row>
    <row r="569035" spans="14:14">
      <c r="N569035" s="10"/>
    </row>
    <row r="569036" spans="14:14">
      <c r="N569036" s="10"/>
    </row>
    <row r="569037" spans="14:14">
      <c r="N569037" s="10"/>
    </row>
    <row r="569038" spans="14:14">
      <c r="N569038" s="10"/>
    </row>
    <row r="569039" spans="14:14">
      <c r="N569039" s="10"/>
    </row>
    <row r="569040" spans="14:14">
      <c r="N569040" s="10"/>
    </row>
    <row r="569041" spans="14:14">
      <c r="N569041" s="10"/>
    </row>
    <row r="569042" spans="14:14">
      <c r="N569042" s="10"/>
    </row>
    <row r="569043" spans="14:14">
      <c r="N569043" s="10"/>
    </row>
    <row r="569044" spans="14:14">
      <c r="N569044" s="10"/>
    </row>
    <row r="569045" spans="14:14">
      <c r="N569045" s="10"/>
    </row>
    <row r="569046" spans="14:14">
      <c r="N569046" s="10"/>
    </row>
    <row r="569047" spans="14:14">
      <c r="N569047" s="10"/>
    </row>
    <row r="569048" spans="14:14">
      <c r="N569048" s="10"/>
    </row>
    <row r="569049" spans="14:14">
      <c r="N569049" s="10"/>
    </row>
    <row r="569050" spans="14:14">
      <c r="N569050" s="10"/>
    </row>
    <row r="569051" spans="14:14">
      <c r="N569051" s="10"/>
    </row>
    <row r="569052" spans="14:14">
      <c r="N569052" s="10"/>
    </row>
    <row r="569053" spans="14:14">
      <c r="N569053" s="10"/>
    </row>
    <row r="569054" spans="14:14">
      <c r="N569054" s="10"/>
    </row>
    <row r="569055" spans="14:14">
      <c r="N569055" s="10"/>
    </row>
    <row r="569056" spans="14:14">
      <c r="N569056" s="10"/>
    </row>
    <row r="569057" spans="14:14">
      <c r="N569057" s="10"/>
    </row>
    <row r="569058" spans="14:14">
      <c r="N569058" s="10"/>
    </row>
    <row r="569059" spans="14:14">
      <c r="N569059" s="10"/>
    </row>
    <row r="569060" spans="14:14">
      <c r="N569060" s="10"/>
    </row>
    <row r="569061" spans="14:14">
      <c r="N569061" s="10"/>
    </row>
    <row r="569062" spans="14:14">
      <c r="N569062" s="10"/>
    </row>
    <row r="569063" spans="14:14">
      <c r="N569063" s="10"/>
    </row>
    <row r="569064" spans="14:14">
      <c r="N569064" s="10"/>
    </row>
    <row r="569065" spans="14:14">
      <c r="N569065" s="10"/>
    </row>
    <row r="569066" spans="14:14">
      <c r="N569066" s="10"/>
    </row>
    <row r="569067" spans="14:14">
      <c r="N569067" s="10"/>
    </row>
    <row r="569068" spans="14:14">
      <c r="N569068" s="10"/>
    </row>
    <row r="569069" spans="14:14">
      <c r="N569069" s="10"/>
    </row>
    <row r="569070" spans="14:14">
      <c r="N569070" s="10"/>
    </row>
    <row r="569071" spans="14:14">
      <c r="N569071" s="10"/>
    </row>
    <row r="569072" spans="14:14">
      <c r="N569072" s="10"/>
    </row>
    <row r="569073" spans="14:14">
      <c r="N569073" s="10"/>
    </row>
    <row r="569074" spans="14:14">
      <c r="N569074" s="10"/>
    </row>
    <row r="569075" spans="14:14">
      <c r="N569075" s="10"/>
    </row>
    <row r="569076" spans="14:14">
      <c r="N569076" s="10"/>
    </row>
    <row r="569077" spans="14:14">
      <c r="N569077" s="10"/>
    </row>
    <row r="569078" spans="14:14">
      <c r="N569078" s="10"/>
    </row>
    <row r="569079" spans="14:14">
      <c r="N569079" s="10"/>
    </row>
    <row r="569080" spans="14:14">
      <c r="N569080" s="10"/>
    </row>
    <row r="569081" spans="14:14">
      <c r="N569081" s="10"/>
    </row>
    <row r="569082" spans="14:14">
      <c r="N569082" s="10"/>
    </row>
    <row r="569083" spans="14:14">
      <c r="N569083" s="10"/>
    </row>
    <row r="569084" spans="14:14">
      <c r="N569084" s="10"/>
    </row>
    <row r="569085" spans="14:14">
      <c r="N569085" s="10"/>
    </row>
    <row r="569086" spans="14:14">
      <c r="N569086" s="10"/>
    </row>
    <row r="569087" spans="14:14">
      <c r="N569087" s="10"/>
    </row>
    <row r="569088" spans="14:14">
      <c r="N569088" s="10"/>
    </row>
    <row r="569089" spans="14:14">
      <c r="N569089" s="10"/>
    </row>
    <row r="569090" spans="14:14">
      <c r="N569090" s="10"/>
    </row>
    <row r="569091" spans="14:14">
      <c r="N569091" s="10"/>
    </row>
    <row r="569092" spans="14:14">
      <c r="N569092" s="10"/>
    </row>
    <row r="569093" spans="14:14">
      <c r="N569093" s="10"/>
    </row>
    <row r="569094" spans="14:14">
      <c r="N569094" s="10"/>
    </row>
    <row r="569095" spans="14:14">
      <c r="N569095" s="10"/>
    </row>
    <row r="569096" spans="14:14">
      <c r="N569096" s="10"/>
    </row>
    <row r="569097" spans="14:14">
      <c r="N569097" s="10"/>
    </row>
    <row r="569098" spans="14:14">
      <c r="N569098" s="10"/>
    </row>
    <row r="569099" spans="14:14">
      <c r="N569099" s="10"/>
    </row>
    <row r="569100" spans="14:14">
      <c r="N569100" s="10"/>
    </row>
    <row r="569101" spans="14:14">
      <c r="N569101" s="10"/>
    </row>
    <row r="569102" spans="14:14">
      <c r="N569102" s="10"/>
    </row>
    <row r="569103" spans="14:14">
      <c r="N569103" s="10"/>
    </row>
    <row r="569104" spans="14:14">
      <c r="N569104" s="10"/>
    </row>
    <row r="569105" spans="14:14">
      <c r="N569105" s="10"/>
    </row>
    <row r="569106" spans="14:14">
      <c r="N569106" s="10"/>
    </row>
    <row r="569107" spans="14:14">
      <c r="N569107" s="10"/>
    </row>
    <row r="569108" spans="14:14">
      <c r="N569108" s="10"/>
    </row>
    <row r="569109" spans="14:14">
      <c r="N569109" s="10"/>
    </row>
    <row r="569110" spans="14:14">
      <c r="N569110" s="10"/>
    </row>
    <row r="569111" spans="14:14">
      <c r="N569111" s="10"/>
    </row>
    <row r="569112" spans="14:14">
      <c r="N569112" s="10"/>
    </row>
    <row r="569113" spans="14:14">
      <c r="N569113" s="10"/>
    </row>
    <row r="569114" spans="14:14">
      <c r="N569114" s="10"/>
    </row>
    <row r="569115" spans="14:14">
      <c r="N569115" s="10"/>
    </row>
    <row r="569116" spans="14:14">
      <c r="N569116" s="10"/>
    </row>
    <row r="569117" spans="14:14">
      <c r="N569117" s="10"/>
    </row>
    <row r="569118" spans="14:14">
      <c r="N569118" s="10"/>
    </row>
    <row r="569119" spans="14:14">
      <c r="N569119" s="10"/>
    </row>
    <row r="569120" spans="14:14">
      <c r="N569120" s="10"/>
    </row>
    <row r="569121" spans="14:14">
      <c r="N569121" s="10"/>
    </row>
    <row r="569122" spans="14:14">
      <c r="N569122" s="10"/>
    </row>
    <row r="569123" spans="14:14">
      <c r="N569123" s="10"/>
    </row>
    <row r="569124" spans="14:14">
      <c r="N569124" s="10"/>
    </row>
    <row r="569125" spans="14:14">
      <c r="N569125" s="10"/>
    </row>
    <row r="569126" spans="14:14">
      <c r="N569126" s="10"/>
    </row>
    <row r="569127" spans="14:14">
      <c r="N569127" s="10"/>
    </row>
    <row r="569128" spans="14:14">
      <c r="N569128" s="10"/>
    </row>
    <row r="569129" spans="14:14">
      <c r="N569129" s="10"/>
    </row>
    <row r="569130" spans="14:14">
      <c r="N569130" s="10"/>
    </row>
    <row r="569131" spans="14:14">
      <c r="N569131" s="10"/>
    </row>
    <row r="569132" spans="14:14">
      <c r="N569132" s="10"/>
    </row>
    <row r="569133" spans="14:14">
      <c r="N569133" s="10"/>
    </row>
    <row r="569134" spans="14:14">
      <c r="N569134" s="10"/>
    </row>
    <row r="569135" spans="14:14">
      <c r="N569135" s="10"/>
    </row>
    <row r="569136" spans="14:14">
      <c r="N569136" s="10"/>
    </row>
    <row r="569137" spans="14:14">
      <c r="N569137" s="10"/>
    </row>
    <row r="569138" spans="14:14">
      <c r="N569138" s="10"/>
    </row>
    <row r="569139" spans="14:14">
      <c r="N569139" s="10"/>
    </row>
    <row r="569140" spans="14:14">
      <c r="N569140" s="10"/>
    </row>
    <row r="569141" spans="14:14">
      <c r="N569141" s="10"/>
    </row>
    <row r="569142" spans="14:14">
      <c r="N569142" s="10"/>
    </row>
    <row r="569143" spans="14:14">
      <c r="N569143" s="10"/>
    </row>
    <row r="569144" spans="14:14">
      <c r="N569144" s="10"/>
    </row>
    <row r="569145" spans="14:14">
      <c r="N569145" s="10"/>
    </row>
    <row r="569146" spans="14:14">
      <c r="N569146" s="10"/>
    </row>
    <row r="569147" spans="14:14">
      <c r="N569147" s="10"/>
    </row>
    <row r="569148" spans="14:14">
      <c r="N569148" s="10"/>
    </row>
    <row r="569149" spans="14:14">
      <c r="N569149" s="10"/>
    </row>
    <row r="569150" spans="14:14">
      <c r="N569150" s="10"/>
    </row>
    <row r="569151" spans="14:14">
      <c r="N569151" s="10"/>
    </row>
    <row r="569152" spans="14:14">
      <c r="N569152" s="10"/>
    </row>
    <row r="569153" spans="14:14">
      <c r="N569153" s="10"/>
    </row>
    <row r="569154" spans="14:14">
      <c r="N569154" s="10"/>
    </row>
    <row r="569155" spans="14:14">
      <c r="N569155" s="10"/>
    </row>
    <row r="569156" spans="14:14">
      <c r="N569156" s="10"/>
    </row>
    <row r="569157" spans="14:14">
      <c r="N569157" s="10"/>
    </row>
    <row r="569158" spans="14:14">
      <c r="N569158" s="10"/>
    </row>
    <row r="569159" spans="14:14">
      <c r="N569159" s="10"/>
    </row>
    <row r="569160" spans="14:14">
      <c r="N569160" s="10"/>
    </row>
    <row r="569161" spans="14:14">
      <c r="N569161" s="10"/>
    </row>
    <row r="569162" spans="14:14">
      <c r="N569162" s="10"/>
    </row>
    <row r="569163" spans="14:14">
      <c r="N569163" s="10"/>
    </row>
    <row r="569164" spans="14:14">
      <c r="N569164" s="10"/>
    </row>
    <row r="569165" spans="14:14">
      <c r="N569165" s="10"/>
    </row>
    <row r="569166" spans="14:14">
      <c r="N569166" s="10"/>
    </row>
    <row r="569167" spans="14:14">
      <c r="N569167" s="10"/>
    </row>
    <row r="569168" spans="14:14">
      <c r="N569168" s="10"/>
    </row>
    <row r="569169" spans="14:14">
      <c r="N569169" s="10"/>
    </row>
    <row r="569170" spans="14:14">
      <c r="N569170" s="10"/>
    </row>
    <row r="569171" spans="14:14">
      <c r="N569171" s="10"/>
    </row>
    <row r="569172" spans="14:14">
      <c r="N569172" s="10"/>
    </row>
    <row r="569173" spans="14:14">
      <c r="N569173" s="10"/>
    </row>
    <row r="569174" spans="14:14">
      <c r="N569174" s="10"/>
    </row>
    <row r="569175" spans="14:14">
      <c r="N569175" s="10"/>
    </row>
    <row r="569176" spans="14:14">
      <c r="N569176" s="10"/>
    </row>
    <row r="569177" spans="14:14">
      <c r="N569177" s="10"/>
    </row>
    <row r="569178" spans="14:14">
      <c r="N569178" s="10"/>
    </row>
    <row r="569179" spans="14:14">
      <c r="N569179" s="10"/>
    </row>
    <row r="569180" spans="14:14">
      <c r="N569180" s="10"/>
    </row>
    <row r="569181" spans="14:14">
      <c r="N569181" s="10"/>
    </row>
    <row r="569182" spans="14:14">
      <c r="N569182" s="10"/>
    </row>
    <row r="569183" spans="14:14">
      <c r="N569183" s="10"/>
    </row>
    <row r="569184" spans="14:14">
      <c r="N569184" s="10"/>
    </row>
    <row r="569185" spans="14:14">
      <c r="N569185" s="10"/>
    </row>
    <row r="569186" spans="14:14">
      <c r="N569186" s="10"/>
    </row>
    <row r="569187" spans="14:14">
      <c r="N569187" s="10"/>
    </row>
    <row r="569188" spans="14:14">
      <c r="N569188" s="10"/>
    </row>
    <row r="569189" spans="14:14">
      <c r="N569189" s="10"/>
    </row>
    <row r="569190" spans="14:14">
      <c r="N569190" s="10"/>
    </row>
    <row r="569191" spans="14:14">
      <c r="N569191" s="10"/>
    </row>
    <row r="569192" spans="14:14">
      <c r="N569192" s="10"/>
    </row>
    <row r="569193" spans="14:14">
      <c r="N569193" s="10"/>
    </row>
    <row r="569194" spans="14:14">
      <c r="N569194" s="10"/>
    </row>
    <row r="569195" spans="14:14">
      <c r="N569195" s="10"/>
    </row>
    <row r="569196" spans="14:14">
      <c r="N569196" s="10"/>
    </row>
    <row r="569197" spans="14:14">
      <c r="N569197" s="10"/>
    </row>
    <row r="569198" spans="14:14">
      <c r="N569198" s="10"/>
    </row>
    <row r="569199" spans="14:14">
      <c r="N569199" s="10"/>
    </row>
    <row r="569200" spans="14:14">
      <c r="N569200" s="10"/>
    </row>
    <row r="569201" spans="14:14">
      <c r="N569201" s="10"/>
    </row>
    <row r="569202" spans="14:14">
      <c r="N569202" s="10"/>
    </row>
    <row r="569203" spans="14:14">
      <c r="N569203" s="10"/>
    </row>
    <row r="569204" spans="14:14">
      <c r="N569204" s="10"/>
    </row>
    <row r="569205" spans="14:14">
      <c r="N569205" s="10"/>
    </row>
    <row r="569206" spans="14:14">
      <c r="N569206" s="10"/>
    </row>
    <row r="569207" spans="14:14">
      <c r="N569207" s="10"/>
    </row>
    <row r="569208" spans="14:14">
      <c r="N569208" s="10"/>
    </row>
    <row r="569209" spans="14:14">
      <c r="N569209" s="10"/>
    </row>
    <row r="569210" spans="14:14">
      <c r="N569210" s="10"/>
    </row>
    <row r="569211" spans="14:14">
      <c r="N569211" s="10"/>
    </row>
    <row r="569212" spans="14:14">
      <c r="N569212" s="10"/>
    </row>
    <row r="569213" spans="14:14">
      <c r="N569213" s="10"/>
    </row>
    <row r="569214" spans="14:14">
      <c r="N569214" s="10"/>
    </row>
    <row r="569215" spans="14:14">
      <c r="N569215" s="10"/>
    </row>
    <row r="569216" spans="14:14">
      <c r="N569216" s="10"/>
    </row>
    <row r="569217" spans="14:14">
      <c r="N569217" s="10"/>
    </row>
    <row r="569218" spans="14:14">
      <c r="N569218" s="10"/>
    </row>
    <row r="569219" spans="14:14">
      <c r="N569219" s="10"/>
    </row>
    <row r="569220" spans="14:14">
      <c r="N569220" s="10"/>
    </row>
    <row r="569221" spans="14:14">
      <c r="N569221" s="10"/>
    </row>
    <row r="569222" spans="14:14">
      <c r="N569222" s="10"/>
    </row>
    <row r="569223" spans="14:14">
      <c r="N569223" s="10"/>
    </row>
    <row r="569224" spans="14:14">
      <c r="N569224" s="10"/>
    </row>
    <row r="569225" spans="14:14">
      <c r="N569225" s="10"/>
    </row>
    <row r="569226" spans="14:14">
      <c r="N569226" s="10"/>
    </row>
    <row r="569227" spans="14:14">
      <c r="N569227" s="10"/>
    </row>
    <row r="569228" spans="14:14">
      <c r="N569228" s="10"/>
    </row>
    <row r="569229" spans="14:14">
      <c r="N569229" s="10"/>
    </row>
    <row r="569230" spans="14:14">
      <c r="N569230" s="10"/>
    </row>
    <row r="569231" spans="14:14">
      <c r="N569231" s="10"/>
    </row>
    <row r="569232" spans="14:14">
      <c r="N569232" s="10"/>
    </row>
    <row r="569233" spans="14:14">
      <c r="N569233" s="10"/>
    </row>
    <row r="569234" spans="14:14">
      <c r="N569234" s="10"/>
    </row>
    <row r="569235" spans="14:14">
      <c r="N569235" s="10"/>
    </row>
    <row r="569236" spans="14:14">
      <c r="N569236" s="10"/>
    </row>
    <row r="569237" spans="14:14">
      <c r="N569237" s="10"/>
    </row>
    <row r="569238" spans="14:14">
      <c r="N569238" s="10"/>
    </row>
    <row r="569239" spans="14:14">
      <c r="N569239" s="10"/>
    </row>
    <row r="569240" spans="14:14">
      <c r="N569240" s="10"/>
    </row>
    <row r="569241" spans="14:14">
      <c r="N569241" s="10"/>
    </row>
    <row r="569242" spans="14:14">
      <c r="N569242" s="10"/>
    </row>
    <row r="569243" spans="14:14">
      <c r="N569243" s="10"/>
    </row>
    <row r="569244" spans="14:14">
      <c r="N569244" s="10"/>
    </row>
    <row r="569245" spans="14:14">
      <c r="N569245" s="10"/>
    </row>
    <row r="569246" spans="14:14">
      <c r="N569246" s="10"/>
    </row>
    <row r="569247" spans="14:14">
      <c r="N569247" s="10"/>
    </row>
    <row r="569248" spans="14:14">
      <c r="N569248" s="10"/>
    </row>
    <row r="569249" spans="14:14">
      <c r="N569249" s="10"/>
    </row>
    <row r="569250" spans="14:14">
      <c r="N569250" s="10"/>
    </row>
    <row r="569251" spans="14:14">
      <c r="N569251" s="10"/>
    </row>
    <row r="569252" spans="14:14">
      <c r="N569252" s="10"/>
    </row>
    <row r="569253" spans="14:14">
      <c r="N569253" s="10"/>
    </row>
    <row r="569254" spans="14:14">
      <c r="N569254" s="10"/>
    </row>
    <row r="569255" spans="14:14">
      <c r="N569255" s="10"/>
    </row>
    <row r="569256" spans="14:14">
      <c r="N569256" s="10"/>
    </row>
    <row r="569257" spans="14:14">
      <c r="N569257" s="10"/>
    </row>
    <row r="569258" spans="14:14">
      <c r="N569258" s="10"/>
    </row>
    <row r="569259" spans="14:14">
      <c r="N569259" s="10"/>
    </row>
    <row r="569260" spans="14:14">
      <c r="N569260" s="10"/>
    </row>
    <row r="569261" spans="14:14">
      <c r="N569261" s="10"/>
    </row>
    <row r="569262" spans="14:14">
      <c r="N569262" s="10"/>
    </row>
    <row r="569263" spans="14:14">
      <c r="N569263" s="10"/>
    </row>
    <row r="569264" spans="14:14">
      <c r="N569264" s="10"/>
    </row>
    <row r="569265" spans="14:14">
      <c r="N569265" s="10"/>
    </row>
    <row r="569266" spans="14:14">
      <c r="N569266" s="10"/>
    </row>
    <row r="569267" spans="14:14">
      <c r="N569267" s="10"/>
    </row>
    <row r="569268" spans="14:14">
      <c r="N569268" s="10"/>
    </row>
    <row r="569269" spans="14:14">
      <c r="N569269" s="10"/>
    </row>
    <row r="569270" spans="14:14">
      <c r="N569270" s="10"/>
    </row>
    <row r="569271" spans="14:14">
      <c r="N569271" s="10"/>
    </row>
    <row r="569272" spans="14:14">
      <c r="N569272" s="10"/>
    </row>
    <row r="569273" spans="14:14">
      <c r="N569273" s="10"/>
    </row>
    <row r="569274" spans="14:14">
      <c r="N569274" s="10"/>
    </row>
    <row r="569275" spans="14:14">
      <c r="N569275" s="10"/>
    </row>
    <row r="569276" spans="14:14">
      <c r="N569276" s="10"/>
    </row>
    <row r="569277" spans="14:14">
      <c r="N569277" s="10"/>
    </row>
    <row r="569278" spans="14:14">
      <c r="N569278" s="10"/>
    </row>
    <row r="569279" spans="14:14">
      <c r="N569279" s="10"/>
    </row>
    <row r="569280" spans="14:14">
      <c r="N569280" s="10"/>
    </row>
    <row r="569281" spans="14:14">
      <c r="N569281" s="10"/>
    </row>
    <row r="569282" spans="14:14">
      <c r="N569282" s="10"/>
    </row>
    <row r="569283" spans="14:14">
      <c r="N569283" s="10"/>
    </row>
    <row r="569284" spans="14:14">
      <c r="N569284" s="10"/>
    </row>
    <row r="569285" spans="14:14">
      <c r="N569285" s="10"/>
    </row>
    <row r="569286" spans="14:14">
      <c r="N569286" s="10"/>
    </row>
    <row r="569287" spans="14:14">
      <c r="N569287" s="10"/>
    </row>
    <row r="569288" spans="14:14">
      <c r="N569288" s="10"/>
    </row>
    <row r="569289" spans="14:14">
      <c r="N569289" s="10"/>
    </row>
    <row r="569290" spans="14:14">
      <c r="N569290" s="10"/>
    </row>
    <row r="569291" spans="14:14">
      <c r="N569291" s="10"/>
    </row>
    <row r="569292" spans="14:14">
      <c r="N569292" s="10"/>
    </row>
    <row r="569293" spans="14:14">
      <c r="N569293" s="10"/>
    </row>
    <row r="569294" spans="14:14">
      <c r="N569294" s="10"/>
    </row>
    <row r="569295" spans="14:14">
      <c r="N569295" s="10"/>
    </row>
    <row r="569296" spans="14:14">
      <c r="N569296" s="10"/>
    </row>
    <row r="569297" spans="14:14">
      <c r="N569297" s="10"/>
    </row>
    <row r="569298" spans="14:14">
      <c r="N569298" s="10"/>
    </row>
    <row r="569299" spans="14:14">
      <c r="N569299" s="10"/>
    </row>
    <row r="569300" spans="14:14">
      <c r="N569300" s="10"/>
    </row>
    <row r="569301" spans="14:14">
      <c r="N569301" s="10"/>
    </row>
    <row r="569302" spans="14:14">
      <c r="N569302" s="10"/>
    </row>
    <row r="569303" spans="14:14">
      <c r="N569303" s="10"/>
    </row>
    <row r="569304" spans="14:14">
      <c r="N569304" s="10"/>
    </row>
    <row r="569305" spans="14:14">
      <c r="N569305" s="10"/>
    </row>
    <row r="569306" spans="14:14">
      <c r="N569306" s="10"/>
    </row>
    <row r="569307" spans="14:14">
      <c r="N569307" s="10"/>
    </row>
    <row r="569308" spans="14:14">
      <c r="N569308" s="10"/>
    </row>
    <row r="569309" spans="14:14">
      <c r="N569309" s="10"/>
    </row>
    <row r="569310" spans="14:14">
      <c r="N569310" s="10"/>
    </row>
    <row r="569311" spans="14:14">
      <c r="N569311" s="10"/>
    </row>
    <row r="569312" spans="14:14">
      <c r="N569312" s="10"/>
    </row>
    <row r="569313" spans="14:14">
      <c r="N569313" s="10"/>
    </row>
    <row r="569314" spans="14:14">
      <c r="N569314" s="10"/>
    </row>
    <row r="569315" spans="14:14">
      <c r="N569315" s="10"/>
    </row>
    <row r="569316" spans="14:14">
      <c r="N569316" s="10"/>
    </row>
    <row r="569317" spans="14:14">
      <c r="N569317" s="10"/>
    </row>
    <row r="569318" spans="14:14">
      <c r="N569318" s="10"/>
    </row>
    <row r="569319" spans="14:14">
      <c r="N569319" s="10"/>
    </row>
    <row r="569320" spans="14:14">
      <c r="N569320" s="10"/>
    </row>
    <row r="569321" spans="14:14">
      <c r="N569321" s="10"/>
    </row>
    <row r="569322" spans="14:14">
      <c r="N569322" s="10"/>
    </row>
    <row r="569323" spans="14:14">
      <c r="N569323" s="10"/>
    </row>
    <row r="569324" spans="14:14">
      <c r="N569324" s="10"/>
    </row>
    <row r="569325" spans="14:14">
      <c r="N569325" s="10"/>
    </row>
    <row r="569326" spans="14:14">
      <c r="N569326" s="10"/>
    </row>
    <row r="569327" spans="14:14">
      <c r="N569327" s="10"/>
    </row>
    <row r="569328" spans="14:14">
      <c r="N569328" s="10"/>
    </row>
    <row r="569329" spans="14:14">
      <c r="N569329" s="10"/>
    </row>
    <row r="569330" spans="14:14">
      <c r="N569330" s="10"/>
    </row>
    <row r="569331" spans="14:14">
      <c r="N569331" s="10"/>
    </row>
    <row r="569332" spans="14:14">
      <c r="N569332" s="10"/>
    </row>
    <row r="569333" spans="14:14">
      <c r="N569333" s="10"/>
    </row>
    <row r="569334" spans="14:14">
      <c r="N569334" s="10"/>
    </row>
    <row r="569335" spans="14:14">
      <c r="N569335" s="10"/>
    </row>
    <row r="569336" spans="14:14">
      <c r="N569336" s="10"/>
    </row>
    <row r="569337" spans="14:14">
      <c r="N569337" s="10"/>
    </row>
    <row r="569338" spans="14:14">
      <c r="N569338" s="10"/>
    </row>
    <row r="569339" spans="14:14">
      <c r="N569339" s="10"/>
    </row>
    <row r="569340" spans="14:14">
      <c r="N569340" s="10"/>
    </row>
    <row r="569341" spans="14:14">
      <c r="N569341" s="10"/>
    </row>
    <row r="569342" spans="14:14">
      <c r="N569342" s="10"/>
    </row>
    <row r="569343" spans="14:14">
      <c r="N569343" s="10"/>
    </row>
    <row r="569344" spans="14:14">
      <c r="N569344" s="10"/>
    </row>
    <row r="569345" spans="14:14">
      <c r="N569345" s="10"/>
    </row>
    <row r="569346" spans="14:14">
      <c r="N569346" s="10"/>
    </row>
    <row r="569347" spans="14:14">
      <c r="N569347" s="10"/>
    </row>
    <row r="569348" spans="14:14">
      <c r="N569348" s="10"/>
    </row>
    <row r="569349" spans="14:14">
      <c r="N569349" s="10"/>
    </row>
    <row r="569350" spans="14:14">
      <c r="N569350" s="10"/>
    </row>
    <row r="569351" spans="14:14">
      <c r="N569351" s="10"/>
    </row>
    <row r="569352" spans="14:14">
      <c r="N569352" s="10"/>
    </row>
    <row r="569353" spans="14:14">
      <c r="N569353" s="10"/>
    </row>
    <row r="569354" spans="14:14">
      <c r="N569354" s="10"/>
    </row>
    <row r="569355" spans="14:14">
      <c r="N569355" s="10"/>
    </row>
    <row r="569356" spans="14:14">
      <c r="N569356" s="10"/>
    </row>
    <row r="569357" spans="14:14">
      <c r="N569357" s="10"/>
    </row>
    <row r="569358" spans="14:14">
      <c r="N569358" s="10"/>
    </row>
    <row r="569359" spans="14:14">
      <c r="N569359" s="10"/>
    </row>
    <row r="569360" spans="14:14">
      <c r="N569360" s="10"/>
    </row>
    <row r="569361" spans="14:14">
      <c r="N569361" s="10"/>
    </row>
    <row r="569362" spans="14:14">
      <c r="N569362" s="10"/>
    </row>
    <row r="569363" spans="14:14">
      <c r="N569363" s="10"/>
    </row>
    <row r="569364" spans="14:14">
      <c r="N569364" s="10"/>
    </row>
    <row r="569365" spans="14:14">
      <c r="N569365" s="10"/>
    </row>
    <row r="569366" spans="14:14">
      <c r="N569366" s="10"/>
    </row>
    <row r="569367" spans="14:14">
      <c r="N569367" s="10"/>
    </row>
    <row r="569368" spans="14:14">
      <c r="N569368" s="10"/>
    </row>
    <row r="569369" spans="14:14">
      <c r="N569369" s="10"/>
    </row>
    <row r="569370" spans="14:14">
      <c r="N569370" s="10"/>
    </row>
    <row r="569371" spans="14:14">
      <c r="N569371" s="10"/>
    </row>
    <row r="569372" spans="14:14">
      <c r="N569372" s="10"/>
    </row>
    <row r="569373" spans="14:14">
      <c r="N569373" s="10"/>
    </row>
    <row r="569374" spans="14:14">
      <c r="N569374" s="10"/>
    </row>
    <row r="569375" spans="14:14">
      <c r="N569375" s="10"/>
    </row>
    <row r="569376" spans="14:14">
      <c r="N569376" s="10"/>
    </row>
    <row r="569377" spans="14:14">
      <c r="N569377" s="10"/>
    </row>
    <row r="569378" spans="14:14">
      <c r="N569378" s="10"/>
    </row>
    <row r="569379" spans="14:14">
      <c r="N569379" s="10"/>
    </row>
    <row r="569380" spans="14:14">
      <c r="N569380" s="10"/>
    </row>
    <row r="569381" spans="14:14">
      <c r="N569381" s="10"/>
    </row>
    <row r="569382" spans="14:14">
      <c r="N569382" s="10"/>
    </row>
    <row r="569383" spans="14:14">
      <c r="N569383" s="10"/>
    </row>
    <row r="569384" spans="14:14">
      <c r="N569384" s="10"/>
    </row>
    <row r="569385" spans="14:14">
      <c r="N569385" s="10"/>
    </row>
    <row r="569386" spans="14:14">
      <c r="N569386" s="10"/>
    </row>
    <row r="569387" spans="14:14">
      <c r="N569387" s="10"/>
    </row>
    <row r="569388" spans="14:14">
      <c r="N569388" s="10"/>
    </row>
    <row r="569389" spans="14:14">
      <c r="N569389" s="10"/>
    </row>
    <row r="569390" spans="14:14">
      <c r="N569390" s="10"/>
    </row>
    <row r="569391" spans="14:14">
      <c r="N569391" s="10"/>
    </row>
    <row r="569392" spans="14:14">
      <c r="N569392" s="10"/>
    </row>
    <row r="569393" spans="14:14">
      <c r="N569393" s="10"/>
    </row>
    <row r="569394" spans="14:14">
      <c r="N569394" s="10"/>
    </row>
    <row r="569395" spans="14:14">
      <c r="N569395" s="10"/>
    </row>
    <row r="569396" spans="14:14">
      <c r="N569396" s="10"/>
    </row>
    <row r="569397" spans="14:14">
      <c r="N569397" s="10"/>
    </row>
    <row r="569398" spans="14:14">
      <c r="N569398" s="10"/>
    </row>
    <row r="569399" spans="14:14">
      <c r="N569399" s="10"/>
    </row>
    <row r="569400" spans="14:14">
      <c r="N569400" s="10"/>
    </row>
    <row r="569401" spans="14:14">
      <c r="N569401" s="10"/>
    </row>
    <row r="569402" spans="14:14">
      <c r="N569402" s="10"/>
    </row>
    <row r="569403" spans="14:14">
      <c r="N569403" s="10"/>
    </row>
    <row r="569404" spans="14:14">
      <c r="N569404" s="10"/>
    </row>
    <row r="569405" spans="14:14">
      <c r="N569405" s="10"/>
    </row>
    <row r="569406" spans="14:14">
      <c r="N569406" s="10"/>
    </row>
    <row r="569407" spans="14:14">
      <c r="N569407" s="10"/>
    </row>
    <row r="569408" spans="14:14">
      <c r="N569408" s="10"/>
    </row>
    <row r="569409" spans="14:14">
      <c r="N569409" s="10"/>
    </row>
    <row r="569410" spans="14:14">
      <c r="N569410" s="10"/>
    </row>
    <row r="569411" spans="14:14">
      <c r="N569411" s="10"/>
    </row>
    <row r="569412" spans="14:14">
      <c r="N569412" s="10"/>
    </row>
    <row r="569413" spans="14:14">
      <c r="N569413" s="10"/>
    </row>
    <row r="569414" spans="14:14">
      <c r="N569414" s="10"/>
    </row>
    <row r="569415" spans="14:14">
      <c r="N569415" s="10"/>
    </row>
    <row r="569416" spans="14:14">
      <c r="N569416" s="10"/>
    </row>
    <row r="569417" spans="14:14">
      <c r="N569417" s="10"/>
    </row>
    <row r="569418" spans="14:14">
      <c r="N569418" s="10"/>
    </row>
    <row r="569419" spans="14:14">
      <c r="N569419" s="10"/>
    </row>
    <row r="569420" spans="14:14">
      <c r="N569420" s="10"/>
    </row>
    <row r="569421" spans="14:14">
      <c r="N569421" s="10"/>
    </row>
    <row r="569422" spans="14:14">
      <c r="N569422" s="10"/>
    </row>
    <row r="569423" spans="14:14">
      <c r="N569423" s="10"/>
    </row>
    <row r="569424" spans="14:14">
      <c r="N569424" s="10"/>
    </row>
    <row r="569425" spans="14:14">
      <c r="N569425" s="10"/>
    </row>
    <row r="569426" spans="14:14">
      <c r="N569426" s="10"/>
    </row>
    <row r="569427" spans="14:14">
      <c r="N569427" s="10"/>
    </row>
    <row r="569428" spans="14:14">
      <c r="N569428" s="10"/>
    </row>
    <row r="569429" spans="14:14">
      <c r="N569429" s="10"/>
    </row>
    <row r="569430" spans="14:14">
      <c r="N569430" s="10"/>
    </row>
    <row r="569431" spans="14:14">
      <c r="N569431" s="10"/>
    </row>
    <row r="569432" spans="14:14">
      <c r="N569432" s="10"/>
    </row>
    <row r="569433" spans="14:14">
      <c r="N569433" s="10"/>
    </row>
    <row r="569434" spans="14:14">
      <c r="N569434" s="10"/>
    </row>
    <row r="569435" spans="14:14">
      <c r="N569435" s="10"/>
    </row>
    <row r="569436" spans="14:14">
      <c r="N569436" s="10"/>
    </row>
    <row r="569437" spans="14:14">
      <c r="N569437" s="10"/>
    </row>
    <row r="569438" spans="14:14">
      <c r="N569438" s="10"/>
    </row>
    <row r="569439" spans="14:14">
      <c r="N569439" s="10"/>
    </row>
    <row r="569440" spans="14:14">
      <c r="N569440" s="10"/>
    </row>
    <row r="569441" spans="14:14">
      <c r="N569441" s="10"/>
    </row>
    <row r="569442" spans="14:14">
      <c r="N569442" s="10"/>
    </row>
    <row r="569443" spans="14:14">
      <c r="N569443" s="10"/>
    </row>
    <row r="569444" spans="14:14">
      <c r="N569444" s="10"/>
    </row>
    <row r="569445" spans="14:14">
      <c r="N569445" s="10"/>
    </row>
    <row r="569446" spans="14:14">
      <c r="N569446" s="10"/>
    </row>
    <row r="569447" spans="14:14">
      <c r="N569447" s="10"/>
    </row>
    <row r="569448" spans="14:14">
      <c r="N569448" s="10"/>
    </row>
    <row r="569449" spans="14:14">
      <c r="N569449" s="10"/>
    </row>
    <row r="569450" spans="14:14">
      <c r="N569450" s="10"/>
    </row>
    <row r="569451" spans="14:14">
      <c r="N569451" s="10"/>
    </row>
    <row r="569452" spans="14:14">
      <c r="N569452" s="10"/>
    </row>
    <row r="569453" spans="14:14">
      <c r="N569453" s="10"/>
    </row>
    <row r="569454" spans="14:14">
      <c r="N569454" s="10"/>
    </row>
    <row r="569455" spans="14:14">
      <c r="N569455" s="10"/>
    </row>
    <row r="569456" spans="14:14">
      <c r="N569456" s="10"/>
    </row>
    <row r="569457" spans="14:14">
      <c r="N569457" s="10"/>
    </row>
    <row r="569458" spans="14:14">
      <c r="N569458" s="10"/>
    </row>
    <row r="569459" spans="14:14">
      <c r="N569459" s="10"/>
    </row>
    <row r="569460" spans="14:14">
      <c r="N569460" s="10"/>
    </row>
    <row r="569461" spans="14:14">
      <c r="N569461" s="10"/>
    </row>
    <row r="569462" spans="14:14">
      <c r="N569462" s="10"/>
    </row>
    <row r="569463" spans="14:14">
      <c r="N569463" s="10"/>
    </row>
    <row r="569464" spans="14:14">
      <c r="N569464" s="10"/>
    </row>
    <row r="569465" spans="14:14">
      <c r="N569465" s="10"/>
    </row>
    <row r="569466" spans="14:14">
      <c r="N569466" s="10"/>
    </row>
    <row r="569467" spans="14:14">
      <c r="N569467" s="10"/>
    </row>
    <row r="569468" spans="14:14">
      <c r="N569468" s="10"/>
    </row>
    <row r="569469" spans="14:14">
      <c r="N569469" s="10"/>
    </row>
    <row r="569470" spans="14:14">
      <c r="N569470" s="10"/>
    </row>
    <row r="569471" spans="14:14">
      <c r="N569471" s="10"/>
    </row>
    <row r="569472" spans="14:14">
      <c r="N569472" s="10"/>
    </row>
    <row r="569473" spans="14:14">
      <c r="N569473" s="10"/>
    </row>
    <row r="569474" spans="14:14">
      <c r="N569474" s="10"/>
    </row>
    <row r="569475" spans="14:14">
      <c r="N569475" s="10"/>
    </row>
    <row r="569476" spans="14:14">
      <c r="N569476" s="10"/>
    </row>
    <row r="569477" spans="14:14">
      <c r="N569477" s="10"/>
    </row>
    <row r="569478" spans="14:14">
      <c r="N569478" s="10"/>
    </row>
    <row r="569479" spans="14:14">
      <c r="N569479" s="10"/>
    </row>
    <row r="569480" spans="14:14">
      <c r="N569480" s="10"/>
    </row>
    <row r="569481" spans="14:14">
      <c r="N569481" s="10"/>
    </row>
    <row r="569482" spans="14:14">
      <c r="N569482" s="10"/>
    </row>
    <row r="569483" spans="14:14">
      <c r="N569483" s="10"/>
    </row>
    <row r="569484" spans="14:14">
      <c r="N569484" s="10"/>
    </row>
    <row r="569485" spans="14:14">
      <c r="N569485" s="10"/>
    </row>
    <row r="569486" spans="14:14">
      <c r="N569486" s="10"/>
    </row>
    <row r="569487" spans="14:14">
      <c r="N569487" s="10"/>
    </row>
    <row r="569488" spans="14:14">
      <c r="N569488" s="10"/>
    </row>
    <row r="569489" spans="14:14">
      <c r="N569489" s="10"/>
    </row>
    <row r="569490" spans="14:14">
      <c r="N569490" s="10"/>
    </row>
    <row r="569491" spans="14:14">
      <c r="N569491" s="10"/>
    </row>
    <row r="569492" spans="14:14">
      <c r="N569492" s="10"/>
    </row>
    <row r="569493" spans="14:14">
      <c r="N569493" s="10"/>
    </row>
    <row r="569494" spans="14:14">
      <c r="N569494" s="10"/>
    </row>
    <row r="569495" spans="14:14">
      <c r="N569495" s="10"/>
    </row>
    <row r="569496" spans="14:14">
      <c r="N569496" s="10"/>
    </row>
    <row r="569497" spans="14:14">
      <c r="N569497" s="10"/>
    </row>
    <row r="569498" spans="14:14">
      <c r="N569498" s="10"/>
    </row>
    <row r="569499" spans="14:14">
      <c r="N569499" s="10"/>
    </row>
    <row r="569500" spans="14:14">
      <c r="N569500" s="10"/>
    </row>
    <row r="569501" spans="14:14">
      <c r="N569501" s="10"/>
    </row>
    <row r="569502" spans="14:14">
      <c r="N569502" s="10"/>
    </row>
    <row r="569503" spans="14:14">
      <c r="N569503" s="10"/>
    </row>
    <row r="569504" spans="14:14">
      <c r="N569504" s="10"/>
    </row>
    <row r="569505" spans="14:14">
      <c r="N569505" s="10"/>
    </row>
    <row r="569506" spans="14:14">
      <c r="N569506" s="10"/>
    </row>
    <row r="569507" spans="14:14">
      <c r="N569507" s="10"/>
    </row>
    <row r="569508" spans="14:14">
      <c r="N569508" s="10"/>
    </row>
    <row r="569509" spans="14:14">
      <c r="N569509" s="10"/>
    </row>
    <row r="569510" spans="14:14">
      <c r="N569510" s="10"/>
    </row>
    <row r="569511" spans="14:14">
      <c r="N569511" s="10"/>
    </row>
    <row r="569512" spans="14:14">
      <c r="N569512" s="10"/>
    </row>
    <row r="569513" spans="14:14">
      <c r="N569513" s="10"/>
    </row>
    <row r="569514" spans="14:14">
      <c r="N569514" s="10"/>
    </row>
    <row r="569515" spans="14:14">
      <c r="N569515" s="10"/>
    </row>
    <row r="569516" spans="14:14">
      <c r="N569516" s="10"/>
    </row>
    <row r="569517" spans="14:14">
      <c r="N569517" s="10"/>
    </row>
    <row r="569518" spans="14:14">
      <c r="N569518" s="10"/>
    </row>
    <row r="569519" spans="14:14">
      <c r="N569519" s="10"/>
    </row>
    <row r="569520" spans="14:14">
      <c r="N569520" s="10"/>
    </row>
    <row r="569521" spans="14:14">
      <c r="N569521" s="10"/>
    </row>
    <row r="569522" spans="14:14">
      <c r="N569522" s="10"/>
    </row>
    <row r="569523" spans="14:14">
      <c r="N569523" s="10"/>
    </row>
    <row r="569524" spans="14:14">
      <c r="N569524" s="10"/>
    </row>
    <row r="569525" spans="14:14">
      <c r="N569525" s="10"/>
    </row>
    <row r="569526" spans="14:14">
      <c r="N569526" s="10"/>
    </row>
    <row r="569527" spans="14:14">
      <c r="N569527" s="10"/>
    </row>
    <row r="569528" spans="14:14">
      <c r="N569528" s="10"/>
    </row>
    <row r="569529" spans="14:14">
      <c r="N569529" s="10"/>
    </row>
    <row r="569530" spans="14:14">
      <c r="N569530" s="10"/>
    </row>
    <row r="569531" spans="14:14">
      <c r="N569531" s="10"/>
    </row>
    <row r="569532" spans="14:14">
      <c r="N569532" s="10"/>
    </row>
    <row r="569533" spans="14:14">
      <c r="N569533" s="10"/>
    </row>
    <row r="569534" spans="14:14">
      <c r="N569534" s="10"/>
    </row>
    <row r="569535" spans="14:14">
      <c r="N569535" s="10"/>
    </row>
    <row r="569536" spans="14:14">
      <c r="N569536" s="10"/>
    </row>
    <row r="569537" spans="14:14">
      <c r="N569537" s="10"/>
    </row>
    <row r="569538" spans="14:14">
      <c r="N569538" s="10"/>
    </row>
    <row r="569539" spans="14:14">
      <c r="N569539" s="10"/>
    </row>
    <row r="569540" spans="14:14">
      <c r="N569540" s="10"/>
    </row>
    <row r="569541" spans="14:14">
      <c r="N569541" s="10"/>
    </row>
    <row r="569542" spans="14:14">
      <c r="N569542" s="10"/>
    </row>
    <row r="569543" spans="14:14">
      <c r="N569543" s="10"/>
    </row>
    <row r="569544" spans="14:14">
      <c r="N569544" s="10"/>
    </row>
    <row r="569545" spans="14:14">
      <c r="N569545" s="10"/>
    </row>
    <row r="569546" spans="14:14">
      <c r="N569546" s="10"/>
    </row>
    <row r="569547" spans="14:14">
      <c r="N569547" s="10"/>
    </row>
    <row r="569548" spans="14:14">
      <c r="N569548" s="10"/>
    </row>
    <row r="569549" spans="14:14">
      <c r="N569549" s="10"/>
    </row>
    <row r="569550" spans="14:14">
      <c r="N569550" s="10"/>
    </row>
    <row r="569551" spans="14:14">
      <c r="N569551" s="10"/>
    </row>
    <row r="569552" spans="14:14">
      <c r="N569552" s="10"/>
    </row>
    <row r="569553" spans="14:14">
      <c r="N569553" s="10"/>
    </row>
    <row r="569554" spans="14:14">
      <c r="N569554" s="10"/>
    </row>
    <row r="569555" spans="14:14">
      <c r="N569555" s="10"/>
    </row>
    <row r="569556" spans="14:14">
      <c r="N569556" s="10"/>
    </row>
    <row r="569557" spans="14:14">
      <c r="N569557" s="10"/>
    </row>
    <row r="569558" spans="14:14">
      <c r="N569558" s="10"/>
    </row>
    <row r="569559" spans="14:14">
      <c r="N569559" s="10"/>
    </row>
    <row r="569560" spans="14:14">
      <c r="N569560" s="10"/>
    </row>
    <row r="569561" spans="14:14">
      <c r="N569561" s="10"/>
    </row>
    <row r="569562" spans="14:14">
      <c r="N569562" s="10"/>
    </row>
    <row r="569563" spans="14:14">
      <c r="N569563" s="10"/>
    </row>
    <row r="569564" spans="14:14">
      <c r="N569564" s="10"/>
    </row>
    <row r="569565" spans="14:14">
      <c r="N569565" s="10"/>
    </row>
    <row r="569566" spans="14:14">
      <c r="N569566" s="10"/>
    </row>
    <row r="569567" spans="14:14">
      <c r="N569567" s="10"/>
    </row>
    <row r="569568" spans="14:14">
      <c r="N569568" s="10"/>
    </row>
    <row r="569569" spans="14:14">
      <c r="N569569" s="10"/>
    </row>
    <row r="569570" spans="14:14">
      <c r="N569570" s="10"/>
    </row>
    <row r="569571" spans="14:14">
      <c r="N569571" s="10"/>
    </row>
    <row r="569572" spans="14:14">
      <c r="N569572" s="10"/>
    </row>
    <row r="569573" spans="14:14">
      <c r="N569573" s="10"/>
    </row>
    <row r="569574" spans="14:14">
      <c r="N569574" s="10"/>
    </row>
    <row r="569575" spans="14:14">
      <c r="N569575" s="10"/>
    </row>
    <row r="569576" spans="14:14">
      <c r="N569576" s="10"/>
    </row>
    <row r="569577" spans="14:14">
      <c r="N569577" s="10"/>
    </row>
    <row r="569578" spans="14:14">
      <c r="N569578" s="10"/>
    </row>
    <row r="569579" spans="14:14">
      <c r="N569579" s="10"/>
    </row>
    <row r="569580" spans="14:14">
      <c r="N569580" s="10"/>
    </row>
    <row r="569581" spans="14:14">
      <c r="N569581" s="10"/>
    </row>
    <row r="569582" spans="14:14">
      <c r="N569582" s="10"/>
    </row>
    <row r="569583" spans="14:14">
      <c r="N569583" s="10"/>
    </row>
    <row r="569584" spans="14:14">
      <c r="N569584" s="10"/>
    </row>
    <row r="569585" spans="14:14">
      <c r="N569585" s="10"/>
    </row>
    <row r="569586" spans="14:14">
      <c r="N569586" s="10"/>
    </row>
    <row r="569587" spans="14:14">
      <c r="N569587" s="10"/>
    </row>
    <row r="569588" spans="14:14">
      <c r="N569588" s="10"/>
    </row>
    <row r="569589" spans="14:14">
      <c r="N569589" s="10"/>
    </row>
    <row r="569590" spans="14:14">
      <c r="N569590" s="10"/>
    </row>
    <row r="569591" spans="14:14">
      <c r="N569591" s="10"/>
    </row>
    <row r="569592" spans="14:14">
      <c r="N569592" s="10"/>
    </row>
    <row r="569593" spans="14:14">
      <c r="N569593" s="10"/>
    </row>
    <row r="569594" spans="14:14">
      <c r="N569594" s="10"/>
    </row>
    <row r="569595" spans="14:14">
      <c r="N569595" s="10"/>
    </row>
    <row r="569596" spans="14:14">
      <c r="N569596" s="10"/>
    </row>
    <row r="569597" spans="14:14">
      <c r="N569597" s="10"/>
    </row>
    <row r="569598" spans="14:14">
      <c r="N569598" s="10"/>
    </row>
    <row r="569599" spans="14:14">
      <c r="N569599" s="10"/>
    </row>
    <row r="569600" spans="14:14">
      <c r="N569600" s="10"/>
    </row>
    <row r="569601" spans="14:14">
      <c r="N569601" s="10"/>
    </row>
    <row r="569602" spans="14:14">
      <c r="N569602" s="10"/>
    </row>
    <row r="569603" spans="14:14">
      <c r="N569603" s="10"/>
    </row>
    <row r="569604" spans="14:14">
      <c r="N569604" s="10"/>
    </row>
    <row r="569605" spans="14:14">
      <c r="N569605" s="10"/>
    </row>
    <row r="569606" spans="14:14">
      <c r="N569606" s="10"/>
    </row>
    <row r="569607" spans="14:14">
      <c r="N569607" s="10"/>
    </row>
    <row r="569608" spans="14:14">
      <c r="N569608" s="10"/>
    </row>
    <row r="569609" spans="14:14">
      <c r="N569609" s="10"/>
    </row>
    <row r="569610" spans="14:14">
      <c r="N569610" s="10"/>
    </row>
    <row r="569611" spans="14:14">
      <c r="N569611" s="10"/>
    </row>
    <row r="569612" spans="14:14">
      <c r="N569612" s="10"/>
    </row>
    <row r="569613" spans="14:14">
      <c r="N569613" s="10"/>
    </row>
    <row r="569614" spans="14:14">
      <c r="N569614" s="10"/>
    </row>
    <row r="569615" spans="14:14">
      <c r="N569615" s="10"/>
    </row>
    <row r="569616" spans="14:14">
      <c r="N569616" s="10"/>
    </row>
    <row r="569617" spans="14:14">
      <c r="N569617" s="10"/>
    </row>
    <row r="569618" spans="14:14">
      <c r="N569618" s="10"/>
    </row>
    <row r="569619" spans="14:14">
      <c r="N569619" s="10"/>
    </row>
    <row r="569620" spans="14:14">
      <c r="N569620" s="10"/>
    </row>
    <row r="569621" spans="14:14">
      <c r="N569621" s="10"/>
    </row>
    <row r="569622" spans="14:14">
      <c r="N569622" s="10"/>
    </row>
    <row r="569623" spans="14:14">
      <c r="N569623" s="10"/>
    </row>
    <row r="569624" spans="14:14">
      <c r="N569624" s="10"/>
    </row>
    <row r="569625" spans="14:14">
      <c r="N569625" s="10"/>
    </row>
    <row r="569626" spans="14:14">
      <c r="N569626" s="10"/>
    </row>
    <row r="569627" spans="14:14">
      <c r="N569627" s="10"/>
    </row>
    <row r="569628" spans="14:14">
      <c r="N569628" s="10"/>
    </row>
    <row r="569629" spans="14:14">
      <c r="N569629" s="10"/>
    </row>
    <row r="569630" spans="14:14">
      <c r="N569630" s="10"/>
    </row>
    <row r="569631" spans="14:14">
      <c r="N569631" s="10"/>
    </row>
    <row r="569632" spans="14:14">
      <c r="N569632" s="10"/>
    </row>
    <row r="569633" spans="14:14">
      <c r="N569633" s="10"/>
    </row>
    <row r="569634" spans="14:14">
      <c r="N569634" s="10"/>
    </row>
    <row r="569635" spans="14:14">
      <c r="N569635" s="10"/>
    </row>
    <row r="569636" spans="14:14">
      <c r="N569636" s="10"/>
    </row>
    <row r="569637" spans="14:14">
      <c r="N569637" s="10"/>
    </row>
    <row r="569638" spans="14:14">
      <c r="N569638" s="10"/>
    </row>
    <row r="569639" spans="14:14">
      <c r="N569639" s="10"/>
    </row>
    <row r="569640" spans="14:14">
      <c r="N569640" s="10"/>
    </row>
    <row r="569641" spans="14:14">
      <c r="N569641" s="10"/>
    </row>
    <row r="569642" spans="14:14">
      <c r="N569642" s="10"/>
    </row>
    <row r="569643" spans="14:14">
      <c r="N569643" s="10"/>
    </row>
    <row r="569644" spans="14:14">
      <c r="N569644" s="10"/>
    </row>
    <row r="569645" spans="14:14">
      <c r="N569645" s="10"/>
    </row>
    <row r="569646" spans="14:14">
      <c r="N569646" s="10"/>
    </row>
    <row r="569647" spans="14:14">
      <c r="N569647" s="10"/>
    </row>
    <row r="569648" spans="14:14">
      <c r="N569648" s="10"/>
    </row>
    <row r="569649" spans="14:14">
      <c r="N569649" s="10"/>
    </row>
    <row r="569650" spans="14:14">
      <c r="N569650" s="10"/>
    </row>
    <row r="569651" spans="14:14">
      <c r="N569651" s="10"/>
    </row>
    <row r="569652" spans="14:14">
      <c r="N569652" s="10"/>
    </row>
    <row r="569653" spans="14:14">
      <c r="N569653" s="10"/>
    </row>
    <row r="569654" spans="14:14">
      <c r="N569654" s="10"/>
    </row>
    <row r="569655" spans="14:14">
      <c r="N569655" s="10"/>
    </row>
    <row r="569656" spans="14:14">
      <c r="N569656" s="10"/>
    </row>
    <row r="569657" spans="14:14">
      <c r="N569657" s="10"/>
    </row>
    <row r="569658" spans="14:14">
      <c r="N569658" s="10"/>
    </row>
    <row r="569659" spans="14:14">
      <c r="N569659" s="10"/>
    </row>
    <row r="569660" spans="14:14">
      <c r="N569660" s="10"/>
    </row>
    <row r="569661" spans="14:14">
      <c r="N569661" s="10"/>
    </row>
    <row r="569662" spans="14:14">
      <c r="N569662" s="10"/>
    </row>
    <row r="569663" spans="14:14">
      <c r="N569663" s="10"/>
    </row>
    <row r="569664" spans="14:14">
      <c r="N569664" s="10"/>
    </row>
    <row r="569665" spans="14:14">
      <c r="N569665" s="10"/>
    </row>
    <row r="569666" spans="14:14">
      <c r="N569666" s="10"/>
    </row>
    <row r="569667" spans="14:14">
      <c r="N569667" s="10"/>
    </row>
    <row r="569668" spans="14:14">
      <c r="N569668" s="10"/>
    </row>
    <row r="569669" spans="14:14">
      <c r="N569669" s="10"/>
    </row>
    <row r="569670" spans="14:14">
      <c r="N569670" s="10"/>
    </row>
    <row r="569671" spans="14:14">
      <c r="N569671" s="10"/>
    </row>
    <row r="569672" spans="14:14">
      <c r="N569672" s="10"/>
    </row>
    <row r="569673" spans="14:14">
      <c r="N569673" s="10"/>
    </row>
    <row r="569674" spans="14:14">
      <c r="N569674" s="10"/>
    </row>
    <row r="569675" spans="14:14">
      <c r="N569675" s="10"/>
    </row>
    <row r="569676" spans="14:14">
      <c r="N569676" s="10"/>
    </row>
    <row r="569677" spans="14:14">
      <c r="N569677" s="10"/>
    </row>
    <row r="569678" spans="14:14">
      <c r="N569678" s="10"/>
    </row>
    <row r="569679" spans="14:14">
      <c r="N569679" s="10"/>
    </row>
    <row r="569680" spans="14:14">
      <c r="N569680" s="10"/>
    </row>
    <row r="569681" spans="14:14">
      <c r="N569681" s="10"/>
    </row>
    <row r="569682" spans="14:14">
      <c r="N569682" s="10"/>
    </row>
    <row r="569683" spans="14:14">
      <c r="N569683" s="10"/>
    </row>
    <row r="569684" spans="14:14">
      <c r="N569684" s="10"/>
    </row>
    <row r="569685" spans="14:14">
      <c r="N569685" s="10"/>
    </row>
    <row r="569686" spans="14:14">
      <c r="N569686" s="10"/>
    </row>
    <row r="569687" spans="14:14">
      <c r="N569687" s="10"/>
    </row>
    <row r="569688" spans="14:14">
      <c r="N569688" s="10"/>
    </row>
    <row r="569689" spans="14:14">
      <c r="N569689" s="10"/>
    </row>
    <row r="569690" spans="14:14">
      <c r="N569690" s="10"/>
    </row>
    <row r="569691" spans="14:14">
      <c r="N569691" s="10"/>
    </row>
    <row r="569692" spans="14:14">
      <c r="N569692" s="10"/>
    </row>
    <row r="569693" spans="14:14">
      <c r="N569693" s="10"/>
    </row>
    <row r="569694" spans="14:14">
      <c r="N569694" s="10"/>
    </row>
    <row r="569695" spans="14:14">
      <c r="N569695" s="10"/>
    </row>
    <row r="569696" spans="14:14">
      <c r="N569696" s="10"/>
    </row>
    <row r="569697" spans="14:14">
      <c r="N569697" s="10"/>
    </row>
    <row r="569698" spans="14:14">
      <c r="N569698" s="10"/>
    </row>
    <row r="569699" spans="14:14">
      <c r="N569699" s="10"/>
    </row>
    <row r="569700" spans="14:14">
      <c r="N569700" s="10"/>
    </row>
    <row r="569701" spans="14:14">
      <c r="N569701" s="10"/>
    </row>
    <row r="569702" spans="14:14">
      <c r="N569702" s="10"/>
    </row>
    <row r="569703" spans="14:14">
      <c r="N569703" s="10"/>
    </row>
    <row r="569704" spans="14:14">
      <c r="N569704" s="10"/>
    </row>
    <row r="569705" spans="14:14">
      <c r="N569705" s="10"/>
    </row>
    <row r="569706" spans="14:14">
      <c r="N569706" s="10"/>
    </row>
    <row r="569707" spans="14:14">
      <c r="N569707" s="10"/>
    </row>
    <row r="569708" spans="14:14">
      <c r="N569708" s="10"/>
    </row>
    <row r="569709" spans="14:14">
      <c r="N569709" s="10"/>
    </row>
    <row r="569710" spans="14:14">
      <c r="N569710" s="10"/>
    </row>
    <row r="569711" spans="14:14">
      <c r="N569711" s="10"/>
    </row>
    <row r="569712" spans="14:14">
      <c r="N569712" s="10"/>
    </row>
    <row r="569713" spans="14:14">
      <c r="N569713" s="10"/>
    </row>
    <row r="569714" spans="14:14">
      <c r="N569714" s="10"/>
    </row>
    <row r="569715" spans="14:14">
      <c r="N569715" s="10"/>
    </row>
    <row r="569716" spans="14:14">
      <c r="N569716" s="10"/>
    </row>
    <row r="569717" spans="14:14">
      <c r="N569717" s="10"/>
    </row>
    <row r="569718" spans="14:14">
      <c r="N569718" s="10"/>
    </row>
    <row r="569719" spans="14:14">
      <c r="N569719" s="10"/>
    </row>
    <row r="569720" spans="14:14">
      <c r="N569720" s="10"/>
    </row>
    <row r="569721" spans="14:14">
      <c r="N569721" s="10"/>
    </row>
    <row r="569722" spans="14:14">
      <c r="N569722" s="10"/>
    </row>
    <row r="569723" spans="14:14">
      <c r="N569723" s="10"/>
    </row>
    <row r="569724" spans="14:14">
      <c r="N569724" s="10"/>
    </row>
    <row r="569725" spans="14:14">
      <c r="N569725" s="10"/>
    </row>
    <row r="569726" spans="14:14">
      <c r="N569726" s="10"/>
    </row>
    <row r="569727" spans="14:14">
      <c r="N569727" s="10"/>
    </row>
    <row r="569728" spans="14:14">
      <c r="N569728" s="10"/>
    </row>
    <row r="569729" spans="14:14">
      <c r="N569729" s="10"/>
    </row>
    <row r="569730" spans="14:14">
      <c r="N569730" s="10"/>
    </row>
    <row r="569731" spans="14:14">
      <c r="N569731" s="10"/>
    </row>
    <row r="569732" spans="14:14">
      <c r="N569732" s="10"/>
    </row>
    <row r="569733" spans="14:14">
      <c r="N569733" s="10"/>
    </row>
    <row r="569734" spans="14:14">
      <c r="N569734" s="10"/>
    </row>
    <row r="569735" spans="14:14">
      <c r="N569735" s="10"/>
    </row>
    <row r="569736" spans="14:14">
      <c r="N569736" s="10"/>
    </row>
    <row r="569737" spans="14:14">
      <c r="N569737" s="10"/>
    </row>
    <row r="569738" spans="14:14">
      <c r="N569738" s="10"/>
    </row>
    <row r="569739" spans="14:14">
      <c r="N569739" s="10"/>
    </row>
    <row r="569740" spans="14:14">
      <c r="N569740" s="10"/>
    </row>
    <row r="569741" spans="14:14">
      <c r="N569741" s="10"/>
    </row>
    <row r="569742" spans="14:14">
      <c r="N569742" s="10"/>
    </row>
    <row r="569743" spans="14:14">
      <c r="N569743" s="10"/>
    </row>
    <row r="569744" spans="14:14">
      <c r="N569744" s="10"/>
    </row>
    <row r="569745" spans="14:14">
      <c r="N569745" s="10"/>
    </row>
    <row r="569746" spans="14:14">
      <c r="N569746" s="10"/>
    </row>
    <row r="569747" spans="14:14">
      <c r="N569747" s="10"/>
    </row>
    <row r="569748" spans="14:14">
      <c r="N569748" s="10"/>
    </row>
    <row r="569749" spans="14:14">
      <c r="N569749" s="10"/>
    </row>
    <row r="569750" spans="14:14">
      <c r="N569750" s="10"/>
    </row>
    <row r="569751" spans="14:14">
      <c r="N569751" s="10"/>
    </row>
    <row r="569752" spans="14:14">
      <c r="N569752" s="10"/>
    </row>
    <row r="569753" spans="14:14">
      <c r="N569753" s="10"/>
    </row>
    <row r="569754" spans="14:14">
      <c r="N569754" s="10"/>
    </row>
    <row r="569755" spans="14:14">
      <c r="N569755" s="10"/>
    </row>
    <row r="569756" spans="14:14">
      <c r="N569756" s="10"/>
    </row>
    <row r="569757" spans="14:14">
      <c r="N569757" s="10"/>
    </row>
    <row r="569758" spans="14:14">
      <c r="N569758" s="10"/>
    </row>
    <row r="569759" spans="14:14">
      <c r="N569759" s="10"/>
    </row>
    <row r="569760" spans="14:14">
      <c r="N569760" s="10"/>
    </row>
    <row r="569761" spans="14:14">
      <c r="N569761" s="10"/>
    </row>
    <row r="569762" spans="14:14">
      <c r="N569762" s="10"/>
    </row>
    <row r="569763" spans="14:14">
      <c r="N569763" s="10"/>
    </row>
    <row r="569764" spans="14:14">
      <c r="N569764" s="10"/>
    </row>
    <row r="569765" spans="14:14">
      <c r="N569765" s="10"/>
    </row>
    <row r="569766" spans="14:14">
      <c r="N569766" s="10"/>
    </row>
    <row r="569767" spans="14:14">
      <c r="N569767" s="10"/>
    </row>
    <row r="569768" spans="14:14">
      <c r="N569768" s="10"/>
    </row>
    <row r="569769" spans="14:14">
      <c r="N569769" s="10"/>
    </row>
    <row r="569770" spans="14:14">
      <c r="N569770" s="10"/>
    </row>
    <row r="569771" spans="14:14">
      <c r="N569771" s="10"/>
    </row>
    <row r="569772" spans="14:14">
      <c r="N569772" s="10"/>
    </row>
    <row r="569773" spans="14:14">
      <c r="N569773" s="10"/>
    </row>
    <row r="569774" spans="14:14">
      <c r="N569774" s="10"/>
    </row>
    <row r="569775" spans="14:14">
      <c r="N569775" s="10"/>
    </row>
    <row r="569776" spans="14:14">
      <c r="N569776" s="10"/>
    </row>
    <row r="569777" spans="14:14">
      <c r="N569777" s="10"/>
    </row>
    <row r="569778" spans="14:14">
      <c r="N569778" s="10"/>
    </row>
    <row r="569779" spans="14:14">
      <c r="N569779" s="10"/>
    </row>
    <row r="569780" spans="14:14">
      <c r="N569780" s="10"/>
    </row>
    <row r="569781" spans="14:14">
      <c r="N569781" s="10"/>
    </row>
    <row r="569782" spans="14:14">
      <c r="N569782" s="10"/>
    </row>
    <row r="569783" spans="14:14">
      <c r="N569783" s="10"/>
    </row>
    <row r="569784" spans="14:14">
      <c r="N569784" s="10"/>
    </row>
    <row r="569785" spans="14:14">
      <c r="N569785" s="10"/>
    </row>
    <row r="569786" spans="14:14">
      <c r="N569786" s="10"/>
    </row>
    <row r="569787" spans="14:14">
      <c r="N569787" s="10"/>
    </row>
    <row r="569788" spans="14:14">
      <c r="N569788" s="10"/>
    </row>
    <row r="569789" spans="14:14">
      <c r="N569789" s="10"/>
    </row>
    <row r="569790" spans="14:14">
      <c r="N569790" s="10"/>
    </row>
    <row r="569791" spans="14:14">
      <c r="N569791" s="10"/>
    </row>
    <row r="569792" spans="14:14">
      <c r="N569792" s="10"/>
    </row>
    <row r="569793" spans="14:14">
      <c r="N569793" s="10"/>
    </row>
    <row r="569794" spans="14:14">
      <c r="N569794" s="10"/>
    </row>
    <row r="569795" spans="14:14">
      <c r="N569795" s="10"/>
    </row>
    <row r="569796" spans="14:14">
      <c r="N569796" s="10"/>
    </row>
    <row r="569797" spans="14:14">
      <c r="N569797" s="10"/>
    </row>
    <row r="569798" spans="14:14">
      <c r="N569798" s="10"/>
    </row>
    <row r="569799" spans="14:14">
      <c r="N569799" s="10"/>
    </row>
    <row r="569800" spans="14:14">
      <c r="N569800" s="10"/>
    </row>
    <row r="569801" spans="14:14">
      <c r="N569801" s="10"/>
    </row>
    <row r="569802" spans="14:14">
      <c r="N569802" s="10"/>
    </row>
    <row r="569803" spans="14:14">
      <c r="N569803" s="10"/>
    </row>
    <row r="569804" spans="14:14">
      <c r="N569804" s="10"/>
    </row>
    <row r="569805" spans="14:14">
      <c r="N569805" s="10"/>
    </row>
    <row r="569806" spans="14:14">
      <c r="N569806" s="10"/>
    </row>
    <row r="569807" spans="14:14">
      <c r="N569807" s="10"/>
    </row>
    <row r="569808" spans="14:14">
      <c r="N569808" s="10"/>
    </row>
    <row r="569809" spans="14:14">
      <c r="N569809" s="10"/>
    </row>
    <row r="569810" spans="14:14">
      <c r="N569810" s="10"/>
    </row>
    <row r="569811" spans="14:14">
      <c r="N569811" s="10"/>
    </row>
    <row r="569812" spans="14:14">
      <c r="N569812" s="10"/>
    </row>
    <row r="569813" spans="14:14">
      <c r="N569813" s="10"/>
    </row>
    <row r="569814" spans="14:14">
      <c r="N569814" s="10"/>
    </row>
    <row r="569815" spans="14:14">
      <c r="N569815" s="10"/>
    </row>
    <row r="569816" spans="14:14">
      <c r="N569816" s="10"/>
    </row>
    <row r="569817" spans="14:14">
      <c r="N569817" s="10"/>
    </row>
    <row r="569818" spans="14:14">
      <c r="N569818" s="10"/>
    </row>
    <row r="569819" spans="14:14">
      <c r="N569819" s="10"/>
    </row>
    <row r="569820" spans="14:14">
      <c r="N569820" s="10"/>
    </row>
    <row r="569821" spans="14:14">
      <c r="N569821" s="10"/>
    </row>
    <row r="569822" spans="14:14">
      <c r="N569822" s="10"/>
    </row>
    <row r="569823" spans="14:14">
      <c r="N569823" s="10"/>
    </row>
    <row r="569824" spans="14:14">
      <c r="N569824" s="10"/>
    </row>
    <row r="569825" spans="14:14">
      <c r="N569825" s="10"/>
    </row>
    <row r="569826" spans="14:14">
      <c r="N569826" s="10"/>
    </row>
    <row r="569827" spans="14:14">
      <c r="N569827" s="10"/>
    </row>
    <row r="569828" spans="14:14">
      <c r="N569828" s="10"/>
    </row>
    <row r="569829" spans="14:14">
      <c r="N569829" s="10"/>
    </row>
    <row r="569830" spans="14:14">
      <c r="N569830" s="10"/>
    </row>
    <row r="569831" spans="14:14">
      <c r="N569831" s="10"/>
    </row>
    <row r="569832" spans="14:14">
      <c r="N569832" s="10"/>
    </row>
    <row r="569833" spans="14:14">
      <c r="N569833" s="10"/>
    </row>
    <row r="569834" spans="14:14">
      <c r="N569834" s="10"/>
    </row>
    <row r="569835" spans="14:14">
      <c r="N569835" s="10"/>
    </row>
    <row r="569836" spans="14:14">
      <c r="N569836" s="10"/>
    </row>
    <row r="569837" spans="14:14">
      <c r="N569837" s="10"/>
    </row>
    <row r="569838" spans="14:14">
      <c r="N569838" s="10"/>
    </row>
    <row r="569839" spans="14:14">
      <c r="N569839" s="10"/>
    </row>
    <row r="569840" spans="14:14">
      <c r="N569840" s="10"/>
    </row>
    <row r="569841" spans="14:14">
      <c r="N569841" s="10"/>
    </row>
    <row r="569842" spans="14:14">
      <c r="N569842" s="10"/>
    </row>
    <row r="569843" spans="14:14">
      <c r="N569843" s="10"/>
    </row>
    <row r="569844" spans="14:14">
      <c r="N569844" s="10"/>
    </row>
    <row r="569845" spans="14:14">
      <c r="N569845" s="10"/>
    </row>
    <row r="569846" spans="14:14">
      <c r="N569846" s="10"/>
    </row>
    <row r="569847" spans="14:14">
      <c r="N569847" s="10"/>
    </row>
    <row r="569848" spans="14:14">
      <c r="N569848" s="10"/>
    </row>
    <row r="569849" spans="14:14">
      <c r="N569849" s="10"/>
    </row>
    <row r="569850" spans="14:14">
      <c r="N569850" s="10"/>
    </row>
    <row r="569851" spans="14:14">
      <c r="N569851" s="10"/>
    </row>
    <row r="569852" spans="14:14">
      <c r="N569852" s="10"/>
    </row>
    <row r="569853" spans="14:14">
      <c r="N569853" s="10"/>
    </row>
    <row r="569854" spans="14:14">
      <c r="N569854" s="10"/>
    </row>
    <row r="569855" spans="14:14">
      <c r="N569855" s="10"/>
    </row>
    <row r="569856" spans="14:14">
      <c r="N569856" s="10"/>
    </row>
    <row r="569857" spans="14:14">
      <c r="N569857" s="10"/>
    </row>
    <row r="569858" spans="14:14">
      <c r="N569858" s="10"/>
    </row>
    <row r="569859" spans="14:14">
      <c r="N569859" s="10"/>
    </row>
    <row r="569860" spans="14:14">
      <c r="N569860" s="10"/>
    </row>
    <row r="569861" spans="14:14">
      <c r="N569861" s="10"/>
    </row>
    <row r="569862" spans="14:14">
      <c r="N569862" s="10"/>
    </row>
    <row r="569863" spans="14:14">
      <c r="N569863" s="10"/>
    </row>
    <row r="569864" spans="14:14">
      <c r="N569864" s="10"/>
    </row>
    <row r="569865" spans="14:14">
      <c r="N569865" s="10"/>
    </row>
    <row r="569866" spans="14:14">
      <c r="N569866" s="10"/>
    </row>
    <row r="569867" spans="14:14">
      <c r="N569867" s="10"/>
    </row>
    <row r="569868" spans="14:14">
      <c r="N569868" s="10"/>
    </row>
    <row r="569869" spans="14:14">
      <c r="N569869" s="10"/>
    </row>
    <row r="569870" spans="14:14">
      <c r="N569870" s="10"/>
    </row>
    <row r="569871" spans="14:14">
      <c r="N569871" s="10"/>
    </row>
    <row r="569872" spans="14:14">
      <c r="N569872" s="10"/>
    </row>
    <row r="569873" spans="14:14">
      <c r="N569873" s="10"/>
    </row>
    <row r="569874" spans="14:14">
      <c r="N569874" s="10"/>
    </row>
    <row r="569875" spans="14:14">
      <c r="N569875" s="10"/>
    </row>
    <row r="569876" spans="14:14">
      <c r="N569876" s="10"/>
    </row>
    <row r="569877" spans="14:14">
      <c r="N569877" s="10"/>
    </row>
    <row r="569878" spans="14:14">
      <c r="N569878" s="10"/>
    </row>
    <row r="569879" spans="14:14">
      <c r="N569879" s="10"/>
    </row>
    <row r="569880" spans="14:14">
      <c r="N569880" s="10"/>
    </row>
    <row r="569881" spans="14:14">
      <c r="N569881" s="10"/>
    </row>
    <row r="569882" spans="14:14">
      <c r="N569882" s="10"/>
    </row>
    <row r="569883" spans="14:14">
      <c r="N569883" s="10"/>
    </row>
    <row r="569884" spans="14:14">
      <c r="N569884" s="10"/>
    </row>
    <row r="569885" spans="14:14">
      <c r="N569885" s="10"/>
    </row>
    <row r="569886" spans="14:14">
      <c r="N569886" s="10"/>
    </row>
    <row r="569887" spans="14:14">
      <c r="N569887" s="10"/>
    </row>
    <row r="569888" spans="14:14">
      <c r="N569888" s="10"/>
    </row>
    <row r="569889" spans="14:14">
      <c r="N569889" s="10"/>
    </row>
    <row r="569890" spans="14:14">
      <c r="N569890" s="10"/>
    </row>
    <row r="569891" spans="14:14">
      <c r="N569891" s="10"/>
    </row>
    <row r="569892" spans="14:14">
      <c r="N569892" s="10"/>
    </row>
    <row r="569893" spans="14:14">
      <c r="N569893" s="10"/>
    </row>
    <row r="569894" spans="14:14">
      <c r="N569894" s="10"/>
    </row>
    <row r="569895" spans="14:14">
      <c r="N569895" s="10"/>
    </row>
    <row r="569896" spans="14:14">
      <c r="N569896" s="10"/>
    </row>
    <row r="569897" spans="14:14">
      <c r="N569897" s="10"/>
    </row>
    <row r="569898" spans="14:14">
      <c r="N569898" s="10"/>
    </row>
    <row r="569899" spans="14:14">
      <c r="N569899" s="10"/>
    </row>
    <row r="569900" spans="14:14">
      <c r="N569900" s="10"/>
    </row>
    <row r="569901" spans="14:14">
      <c r="N569901" s="10"/>
    </row>
    <row r="569902" spans="14:14">
      <c r="N569902" s="10"/>
    </row>
    <row r="569903" spans="14:14">
      <c r="N569903" s="10"/>
    </row>
    <row r="569904" spans="14:14">
      <c r="N569904" s="10"/>
    </row>
    <row r="569905" spans="14:14">
      <c r="N569905" s="10"/>
    </row>
    <row r="569906" spans="14:14">
      <c r="N569906" s="10"/>
    </row>
    <row r="569907" spans="14:14">
      <c r="N569907" s="10"/>
    </row>
    <row r="569908" spans="14:14">
      <c r="N569908" s="10"/>
    </row>
    <row r="569909" spans="14:14">
      <c r="N569909" s="10"/>
    </row>
    <row r="569910" spans="14:14">
      <c r="N569910" s="10"/>
    </row>
    <row r="569911" spans="14:14">
      <c r="N569911" s="10"/>
    </row>
    <row r="569912" spans="14:14">
      <c r="N569912" s="10"/>
    </row>
    <row r="569913" spans="14:14">
      <c r="N569913" s="10"/>
    </row>
    <row r="569914" spans="14:14">
      <c r="N569914" s="10"/>
    </row>
    <row r="569915" spans="14:14">
      <c r="N569915" s="10"/>
    </row>
    <row r="569916" spans="14:14">
      <c r="N569916" s="10"/>
    </row>
    <row r="569917" spans="14:14">
      <c r="N569917" s="10"/>
    </row>
    <row r="569918" spans="14:14">
      <c r="N569918" s="10"/>
    </row>
    <row r="569919" spans="14:14">
      <c r="N569919" s="10"/>
    </row>
    <row r="569920" spans="14:14">
      <c r="N569920" s="10"/>
    </row>
    <row r="569921" spans="14:14">
      <c r="N569921" s="10"/>
    </row>
    <row r="569922" spans="14:14">
      <c r="N569922" s="10"/>
    </row>
    <row r="569923" spans="14:14">
      <c r="N569923" s="10"/>
    </row>
    <row r="569924" spans="14:14">
      <c r="N569924" s="10"/>
    </row>
    <row r="569925" spans="14:14">
      <c r="N569925" s="10"/>
    </row>
    <row r="569926" spans="14:14">
      <c r="N569926" s="10"/>
    </row>
    <row r="569927" spans="14:14">
      <c r="N569927" s="10"/>
    </row>
    <row r="569928" spans="14:14">
      <c r="N569928" s="10"/>
    </row>
    <row r="569929" spans="14:14">
      <c r="N569929" s="10"/>
    </row>
    <row r="569930" spans="14:14">
      <c r="N569930" s="10"/>
    </row>
    <row r="569931" spans="14:14">
      <c r="N569931" s="10"/>
    </row>
    <row r="569932" spans="14:14">
      <c r="N569932" s="10"/>
    </row>
    <row r="569933" spans="14:14">
      <c r="N569933" s="10"/>
    </row>
    <row r="569934" spans="14:14">
      <c r="N569934" s="10"/>
    </row>
    <row r="569935" spans="14:14">
      <c r="N569935" s="10"/>
    </row>
    <row r="569936" spans="14:14">
      <c r="N569936" s="10"/>
    </row>
    <row r="569937" spans="14:14">
      <c r="N569937" s="10"/>
    </row>
    <row r="569938" spans="14:14">
      <c r="N569938" s="10"/>
    </row>
    <row r="569939" spans="14:14">
      <c r="N569939" s="10"/>
    </row>
    <row r="569940" spans="14:14">
      <c r="N569940" s="10"/>
    </row>
    <row r="569941" spans="14:14">
      <c r="N569941" s="10"/>
    </row>
    <row r="569942" spans="14:14">
      <c r="N569942" s="10"/>
    </row>
    <row r="569943" spans="14:14">
      <c r="N569943" s="10"/>
    </row>
    <row r="569944" spans="14:14">
      <c r="N569944" s="10"/>
    </row>
    <row r="569945" spans="14:14">
      <c r="N569945" s="10"/>
    </row>
    <row r="569946" spans="14:14">
      <c r="N569946" s="10"/>
    </row>
    <row r="569947" spans="14:14">
      <c r="N569947" s="10"/>
    </row>
    <row r="569948" spans="14:14">
      <c r="N569948" s="10"/>
    </row>
    <row r="569949" spans="14:14">
      <c r="N569949" s="10"/>
    </row>
    <row r="569950" spans="14:14">
      <c r="N569950" s="10"/>
    </row>
    <row r="569951" spans="14:14">
      <c r="N569951" s="10"/>
    </row>
    <row r="569952" spans="14:14">
      <c r="N569952" s="10"/>
    </row>
    <row r="569953" spans="14:14">
      <c r="N569953" s="10"/>
    </row>
    <row r="569954" spans="14:14">
      <c r="N569954" s="10"/>
    </row>
    <row r="569955" spans="14:14">
      <c r="N569955" s="10"/>
    </row>
    <row r="569956" spans="14:14">
      <c r="N569956" s="10"/>
    </row>
    <row r="569957" spans="14:14">
      <c r="N569957" s="10"/>
    </row>
    <row r="569958" spans="14:14">
      <c r="N569958" s="10"/>
    </row>
    <row r="569959" spans="14:14">
      <c r="N569959" s="10"/>
    </row>
    <row r="569960" spans="14:14">
      <c r="N569960" s="10"/>
    </row>
    <row r="569961" spans="14:14">
      <c r="N569961" s="10"/>
    </row>
    <row r="569962" spans="14:14">
      <c r="N569962" s="10"/>
    </row>
    <row r="569963" spans="14:14">
      <c r="N569963" s="10"/>
    </row>
    <row r="569964" spans="14:14">
      <c r="N569964" s="10"/>
    </row>
    <row r="569965" spans="14:14">
      <c r="N569965" s="10"/>
    </row>
    <row r="569966" spans="14:14">
      <c r="N569966" s="10"/>
    </row>
    <row r="569967" spans="14:14">
      <c r="N569967" s="10"/>
    </row>
    <row r="569968" spans="14:14">
      <c r="N569968" s="10"/>
    </row>
    <row r="569969" spans="14:14">
      <c r="N569969" s="10"/>
    </row>
    <row r="569970" spans="14:14">
      <c r="N569970" s="10"/>
    </row>
    <row r="569971" spans="14:14">
      <c r="N569971" s="10"/>
    </row>
    <row r="569972" spans="14:14">
      <c r="N569972" s="10"/>
    </row>
    <row r="569973" spans="14:14">
      <c r="N569973" s="10"/>
    </row>
    <row r="569974" spans="14:14">
      <c r="N569974" s="10"/>
    </row>
    <row r="569975" spans="14:14">
      <c r="N569975" s="10"/>
    </row>
    <row r="569976" spans="14:14">
      <c r="N569976" s="10"/>
    </row>
    <row r="569977" spans="14:14">
      <c r="N569977" s="10"/>
    </row>
    <row r="569978" spans="14:14">
      <c r="N569978" s="10"/>
    </row>
    <row r="569979" spans="14:14">
      <c r="N569979" s="10"/>
    </row>
    <row r="569980" spans="14:14">
      <c r="N569980" s="10"/>
    </row>
    <row r="569981" spans="14:14">
      <c r="N569981" s="10"/>
    </row>
    <row r="569982" spans="14:14">
      <c r="N569982" s="10"/>
    </row>
    <row r="569983" spans="14:14">
      <c r="N569983" s="10"/>
    </row>
    <row r="569984" spans="14:14">
      <c r="N569984" s="10"/>
    </row>
    <row r="569985" spans="14:14">
      <c r="N569985" s="10"/>
    </row>
    <row r="569986" spans="14:14">
      <c r="N569986" s="10"/>
    </row>
    <row r="569987" spans="14:14">
      <c r="N569987" s="10"/>
    </row>
    <row r="569988" spans="14:14">
      <c r="N569988" s="10"/>
    </row>
    <row r="569989" spans="14:14">
      <c r="N569989" s="10"/>
    </row>
    <row r="569990" spans="14:14">
      <c r="N569990" s="10"/>
    </row>
    <row r="569991" spans="14:14">
      <c r="N569991" s="10"/>
    </row>
    <row r="569992" spans="14:14">
      <c r="N569992" s="10"/>
    </row>
    <row r="569993" spans="14:14">
      <c r="N569993" s="10"/>
    </row>
    <row r="569994" spans="14:14">
      <c r="N569994" s="10"/>
    </row>
    <row r="569995" spans="14:14">
      <c r="N569995" s="10"/>
    </row>
    <row r="569996" spans="14:14">
      <c r="N569996" s="10"/>
    </row>
    <row r="569997" spans="14:14">
      <c r="N569997" s="10"/>
    </row>
    <row r="569998" spans="14:14">
      <c r="N569998" s="10"/>
    </row>
    <row r="569999" spans="14:14">
      <c r="N569999" s="10"/>
    </row>
    <row r="570000" spans="14:14">
      <c r="N570000" s="10"/>
    </row>
    <row r="570001" spans="14:14">
      <c r="N570001" s="10"/>
    </row>
    <row r="570002" spans="14:14">
      <c r="N570002" s="10"/>
    </row>
    <row r="570003" spans="14:14">
      <c r="N570003" s="10"/>
    </row>
    <row r="570004" spans="14:14">
      <c r="N570004" s="10"/>
    </row>
    <row r="570005" spans="14:14">
      <c r="N570005" s="10"/>
    </row>
    <row r="570006" spans="14:14">
      <c r="N570006" s="10"/>
    </row>
    <row r="570007" spans="14:14">
      <c r="N570007" s="10"/>
    </row>
    <row r="570008" spans="14:14">
      <c r="N570008" s="10"/>
    </row>
    <row r="570009" spans="14:14">
      <c r="N570009" s="10"/>
    </row>
    <row r="570010" spans="14:14">
      <c r="N570010" s="10"/>
    </row>
    <row r="570011" spans="14:14">
      <c r="N570011" s="10"/>
    </row>
    <row r="570012" spans="14:14">
      <c r="N570012" s="10"/>
    </row>
    <row r="570013" spans="14:14">
      <c r="N570013" s="10"/>
    </row>
    <row r="570014" spans="14:14">
      <c r="N570014" s="10"/>
    </row>
    <row r="570015" spans="14:14">
      <c r="N570015" s="10"/>
    </row>
    <row r="570016" spans="14:14">
      <c r="N570016" s="10"/>
    </row>
    <row r="570017" spans="14:14">
      <c r="N570017" s="10"/>
    </row>
    <row r="570018" spans="14:14">
      <c r="N570018" s="10"/>
    </row>
    <row r="570019" spans="14:14">
      <c r="N570019" s="10"/>
    </row>
    <row r="570020" spans="14:14">
      <c r="N570020" s="10"/>
    </row>
    <row r="570021" spans="14:14">
      <c r="N570021" s="10"/>
    </row>
    <row r="570022" spans="14:14">
      <c r="N570022" s="10"/>
    </row>
    <row r="570023" spans="14:14">
      <c r="N570023" s="10"/>
    </row>
    <row r="570024" spans="14:14">
      <c r="N570024" s="10"/>
    </row>
    <row r="570025" spans="14:14">
      <c r="N570025" s="10"/>
    </row>
    <row r="570026" spans="14:14">
      <c r="N570026" s="10"/>
    </row>
    <row r="570027" spans="14:14">
      <c r="N570027" s="10"/>
    </row>
    <row r="570028" spans="14:14">
      <c r="N570028" s="10"/>
    </row>
    <row r="570029" spans="14:14">
      <c r="N570029" s="10"/>
    </row>
    <row r="570030" spans="14:14">
      <c r="N570030" s="10"/>
    </row>
    <row r="570031" spans="14:14">
      <c r="N570031" s="10"/>
    </row>
    <row r="570032" spans="14:14">
      <c r="N570032" s="10"/>
    </row>
    <row r="570033" spans="14:14">
      <c r="N570033" s="10"/>
    </row>
    <row r="570034" spans="14:14">
      <c r="N570034" s="10"/>
    </row>
    <row r="570035" spans="14:14">
      <c r="N570035" s="10"/>
    </row>
    <row r="570036" spans="14:14">
      <c r="N570036" s="10"/>
    </row>
    <row r="570037" spans="14:14">
      <c r="N570037" s="10"/>
    </row>
    <row r="570038" spans="14:14">
      <c r="N570038" s="10"/>
    </row>
    <row r="570039" spans="14:14">
      <c r="N570039" s="10"/>
    </row>
    <row r="570040" spans="14:14">
      <c r="N570040" s="10"/>
    </row>
    <row r="570041" spans="14:14">
      <c r="N570041" s="10"/>
    </row>
    <row r="570042" spans="14:14">
      <c r="N570042" s="10"/>
    </row>
    <row r="570043" spans="14:14">
      <c r="N570043" s="10"/>
    </row>
    <row r="570044" spans="14:14">
      <c r="N570044" s="10"/>
    </row>
    <row r="570045" spans="14:14">
      <c r="N570045" s="10"/>
    </row>
    <row r="570046" spans="14:14">
      <c r="N570046" s="10"/>
    </row>
    <row r="570047" spans="14:14">
      <c r="N570047" s="10"/>
    </row>
    <row r="570048" spans="14:14">
      <c r="N570048" s="10"/>
    </row>
    <row r="570049" spans="14:14">
      <c r="N570049" s="10"/>
    </row>
    <row r="570050" spans="14:14">
      <c r="N570050" s="10"/>
    </row>
    <row r="570051" spans="14:14">
      <c r="N570051" s="10"/>
    </row>
    <row r="570052" spans="14:14">
      <c r="N570052" s="10"/>
    </row>
    <row r="570053" spans="14:14">
      <c r="N570053" s="10"/>
    </row>
    <row r="570054" spans="14:14">
      <c r="N570054" s="10"/>
    </row>
    <row r="570055" spans="14:14">
      <c r="N570055" s="10"/>
    </row>
    <row r="570056" spans="14:14">
      <c r="N570056" s="10"/>
    </row>
    <row r="570057" spans="14:14">
      <c r="N570057" s="10"/>
    </row>
    <row r="570058" spans="14:14">
      <c r="N570058" s="10"/>
    </row>
    <row r="570059" spans="14:14">
      <c r="N570059" s="10"/>
    </row>
    <row r="570060" spans="14:14">
      <c r="N570060" s="10"/>
    </row>
    <row r="570061" spans="14:14">
      <c r="N570061" s="10"/>
    </row>
    <row r="570062" spans="14:14">
      <c r="N570062" s="10"/>
    </row>
    <row r="570063" spans="14:14">
      <c r="N570063" s="10"/>
    </row>
    <row r="570064" spans="14:14">
      <c r="N570064" s="10"/>
    </row>
    <row r="570065" spans="14:14">
      <c r="N570065" s="10"/>
    </row>
    <row r="570066" spans="14:14">
      <c r="N570066" s="10"/>
    </row>
    <row r="570067" spans="14:14">
      <c r="N570067" s="10"/>
    </row>
    <row r="570068" spans="14:14">
      <c r="N570068" s="10"/>
    </row>
    <row r="570069" spans="14:14">
      <c r="N570069" s="10"/>
    </row>
    <row r="570070" spans="14:14">
      <c r="N570070" s="10"/>
    </row>
    <row r="570071" spans="14:14">
      <c r="N570071" s="10"/>
    </row>
    <row r="570072" spans="14:14">
      <c r="N570072" s="10"/>
    </row>
    <row r="570073" spans="14:14">
      <c r="N570073" s="10"/>
    </row>
    <row r="570074" spans="14:14">
      <c r="N570074" s="10"/>
    </row>
    <row r="570075" spans="14:14">
      <c r="N570075" s="10"/>
    </row>
    <row r="570076" spans="14:14">
      <c r="N570076" s="10"/>
    </row>
    <row r="570077" spans="14:14">
      <c r="N570077" s="10"/>
    </row>
    <row r="570078" spans="14:14">
      <c r="N570078" s="10"/>
    </row>
    <row r="570079" spans="14:14">
      <c r="N570079" s="10"/>
    </row>
    <row r="570080" spans="14:14">
      <c r="N570080" s="10"/>
    </row>
    <row r="570081" spans="14:14">
      <c r="N570081" s="10"/>
    </row>
    <row r="570082" spans="14:14">
      <c r="N570082" s="10"/>
    </row>
    <row r="570083" spans="14:14">
      <c r="N570083" s="10"/>
    </row>
    <row r="570084" spans="14:14">
      <c r="N570084" s="10"/>
    </row>
    <row r="570085" spans="14:14">
      <c r="N570085" s="10"/>
    </row>
    <row r="570086" spans="14:14">
      <c r="N570086" s="10"/>
    </row>
    <row r="570087" spans="14:14">
      <c r="N570087" s="10"/>
    </row>
    <row r="570088" spans="14:14">
      <c r="N570088" s="10"/>
    </row>
    <row r="570089" spans="14:14">
      <c r="N570089" s="10"/>
    </row>
    <row r="570090" spans="14:14">
      <c r="N570090" s="10"/>
    </row>
    <row r="570091" spans="14:14">
      <c r="N570091" s="10"/>
    </row>
    <row r="570092" spans="14:14">
      <c r="N570092" s="10"/>
    </row>
    <row r="570093" spans="14:14">
      <c r="N570093" s="10"/>
    </row>
    <row r="570094" spans="14:14">
      <c r="N570094" s="10"/>
    </row>
    <row r="570095" spans="14:14">
      <c r="N570095" s="10"/>
    </row>
    <row r="570096" spans="14:14">
      <c r="N570096" s="10"/>
    </row>
    <row r="570097" spans="14:14">
      <c r="N570097" s="10"/>
    </row>
    <row r="570098" spans="14:14">
      <c r="N570098" s="10"/>
    </row>
    <row r="570099" spans="14:14">
      <c r="N570099" s="10"/>
    </row>
    <row r="570100" spans="14:14">
      <c r="N570100" s="10"/>
    </row>
    <row r="570101" spans="14:14">
      <c r="N570101" s="10"/>
    </row>
    <row r="570102" spans="14:14">
      <c r="N570102" s="10"/>
    </row>
    <row r="570103" spans="14:14">
      <c r="N570103" s="10"/>
    </row>
    <row r="570104" spans="14:14">
      <c r="N570104" s="10"/>
    </row>
    <row r="570105" spans="14:14">
      <c r="N570105" s="10"/>
    </row>
    <row r="570106" spans="14:14">
      <c r="N570106" s="10"/>
    </row>
    <row r="570107" spans="14:14">
      <c r="N570107" s="10"/>
    </row>
    <row r="570108" spans="14:14">
      <c r="N570108" s="10"/>
    </row>
    <row r="570109" spans="14:14">
      <c r="N570109" s="10"/>
    </row>
    <row r="570110" spans="14:14">
      <c r="N570110" s="10"/>
    </row>
    <row r="570111" spans="14:14">
      <c r="N570111" s="10"/>
    </row>
    <row r="570112" spans="14:14">
      <c r="N570112" s="10"/>
    </row>
    <row r="570113" spans="14:14">
      <c r="N570113" s="10"/>
    </row>
    <row r="570114" spans="14:14">
      <c r="N570114" s="10"/>
    </row>
    <row r="570115" spans="14:14">
      <c r="N570115" s="10"/>
    </row>
    <row r="570116" spans="14:14">
      <c r="N570116" s="10"/>
    </row>
    <row r="570117" spans="14:14">
      <c r="N570117" s="10"/>
    </row>
    <row r="570118" spans="14:14">
      <c r="N570118" s="10"/>
    </row>
    <row r="570119" spans="14:14">
      <c r="N570119" s="10"/>
    </row>
    <row r="570120" spans="14:14">
      <c r="N570120" s="10"/>
    </row>
    <row r="570121" spans="14:14">
      <c r="N570121" s="10"/>
    </row>
    <row r="570122" spans="14:14">
      <c r="N570122" s="10"/>
    </row>
    <row r="570123" spans="14:14">
      <c r="N570123" s="10"/>
    </row>
    <row r="570124" spans="14:14">
      <c r="N570124" s="10"/>
    </row>
    <row r="570125" spans="14:14">
      <c r="N570125" s="10"/>
    </row>
    <row r="570126" spans="14:14">
      <c r="N570126" s="10"/>
    </row>
    <row r="570127" spans="14:14">
      <c r="N570127" s="10"/>
    </row>
    <row r="570128" spans="14:14">
      <c r="N570128" s="10"/>
    </row>
    <row r="570129" spans="14:14">
      <c r="N570129" s="10"/>
    </row>
    <row r="570130" spans="14:14">
      <c r="N570130" s="10"/>
    </row>
    <row r="570131" spans="14:14">
      <c r="N570131" s="10"/>
    </row>
    <row r="570132" spans="14:14">
      <c r="N570132" s="10"/>
    </row>
    <row r="570133" spans="14:14">
      <c r="N570133" s="10"/>
    </row>
    <row r="570134" spans="14:14">
      <c r="N570134" s="10"/>
    </row>
    <row r="570135" spans="14:14">
      <c r="N570135" s="10"/>
    </row>
    <row r="570136" spans="14:14">
      <c r="N570136" s="10"/>
    </row>
    <row r="570137" spans="14:14">
      <c r="N570137" s="10"/>
    </row>
    <row r="570138" spans="14:14">
      <c r="N570138" s="10"/>
    </row>
    <row r="570139" spans="14:14">
      <c r="N570139" s="10"/>
    </row>
    <row r="570140" spans="14:14">
      <c r="N570140" s="10"/>
    </row>
    <row r="570141" spans="14:14">
      <c r="N570141" s="10"/>
    </row>
    <row r="570142" spans="14:14">
      <c r="N570142" s="10"/>
    </row>
    <row r="570143" spans="14:14">
      <c r="N570143" s="10"/>
    </row>
    <row r="570144" spans="14:14">
      <c r="N570144" s="10"/>
    </row>
    <row r="570145" spans="14:14">
      <c r="N570145" s="10"/>
    </row>
    <row r="570146" spans="14:14">
      <c r="N570146" s="10"/>
    </row>
    <row r="570147" spans="14:14">
      <c r="N570147" s="10"/>
    </row>
    <row r="570148" spans="14:14">
      <c r="N570148" s="10"/>
    </row>
    <row r="570149" spans="14:14">
      <c r="N570149" s="10"/>
    </row>
    <row r="570150" spans="14:14">
      <c r="N570150" s="10"/>
    </row>
    <row r="570151" spans="14:14">
      <c r="N570151" s="10"/>
    </row>
    <row r="570152" spans="14:14">
      <c r="N570152" s="10"/>
    </row>
    <row r="570153" spans="14:14">
      <c r="N570153" s="10"/>
    </row>
    <row r="570154" spans="14:14">
      <c r="N570154" s="10"/>
    </row>
    <row r="570155" spans="14:14">
      <c r="N570155" s="10"/>
    </row>
    <row r="570156" spans="14:14">
      <c r="N570156" s="10"/>
    </row>
    <row r="570157" spans="14:14">
      <c r="N570157" s="10"/>
    </row>
    <row r="570158" spans="14:14">
      <c r="N570158" s="10"/>
    </row>
    <row r="570159" spans="14:14">
      <c r="N570159" s="10"/>
    </row>
    <row r="570160" spans="14:14">
      <c r="N570160" s="10"/>
    </row>
    <row r="570161" spans="14:14">
      <c r="N570161" s="10"/>
    </row>
    <row r="570162" spans="14:14">
      <c r="N570162" s="10"/>
    </row>
    <row r="570163" spans="14:14">
      <c r="N570163" s="10"/>
    </row>
    <row r="570164" spans="14:14">
      <c r="N570164" s="10"/>
    </row>
    <row r="570165" spans="14:14">
      <c r="N570165" s="10"/>
    </row>
    <row r="570166" spans="14:14">
      <c r="N570166" s="10"/>
    </row>
    <row r="570167" spans="14:14">
      <c r="N570167" s="10"/>
    </row>
    <row r="570168" spans="14:14">
      <c r="N570168" s="10"/>
    </row>
    <row r="570169" spans="14:14">
      <c r="N570169" s="10"/>
    </row>
    <row r="570170" spans="14:14">
      <c r="N570170" s="10"/>
    </row>
    <row r="570171" spans="14:14">
      <c r="N570171" s="10"/>
    </row>
    <row r="570172" spans="14:14">
      <c r="N570172" s="10"/>
    </row>
    <row r="570173" spans="14:14">
      <c r="N570173" s="10"/>
    </row>
    <row r="570174" spans="14:14">
      <c r="N570174" s="10"/>
    </row>
    <row r="570175" spans="14:14">
      <c r="N570175" s="10"/>
    </row>
    <row r="570176" spans="14:14">
      <c r="N570176" s="10"/>
    </row>
    <row r="570177" spans="14:14">
      <c r="N570177" s="10"/>
    </row>
    <row r="570178" spans="14:14">
      <c r="N570178" s="10"/>
    </row>
    <row r="570179" spans="14:14">
      <c r="N570179" s="10"/>
    </row>
    <row r="570180" spans="14:14">
      <c r="N570180" s="10"/>
    </row>
    <row r="570181" spans="14:14">
      <c r="N570181" s="10"/>
    </row>
    <row r="570182" spans="14:14">
      <c r="N570182" s="10"/>
    </row>
    <row r="570183" spans="14:14">
      <c r="N570183" s="10"/>
    </row>
    <row r="570184" spans="14:14">
      <c r="N570184" s="10"/>
    </row>
    <row r="570185" spans="14:14">
      <c r="N570185" s="10"/>
    </row>
    <row r="570186" spans="14:14">
      <c r="N570186" s="10"/>
    </row>
    <row r="570187" spans="14:14">
      <c r="N570187" s="10"/>
    </row>
    <row r="570188" spans="14:14">
      <c r="N570188" s="10"/>
    </row>
    <row r="570189" spans="14:14">
      <c r="N570189" s="10"/>
    </row>
    <row r="570190" spans="14:14">
      <c r="N570190" s="10"/>
    </row>
    <row r="570191" spans="14:14">
      <c r="N570191" s="10"/>
    </row>
    <row r="570192" spans="14:14">
      <c r="N570192" s="10"/>
    </row>
    <row r="570193" spans="14:14">
      <c r="N570193" s="10"/>
    </row>
    <row r="570194" spans="14:14">
      <c r="N570194" s="10"/>
    </row>
    <row r="570195" spans="14:14">
      <c r="N570195" s="10"/>
    </row>
    <row r="570196" spans="14:14">
      <c r="N570196" s="10"/>
    </row>
    <row r="570197" spans="14:14">
      <c r="N570197" s="10"/>
    </row>
    <row r="570198" spans="14:14">
      <c r="N570198" s="10"/>
    </row>
    <row r="570199" spans="14:14">
      <c r="N570199" s="10"/>
    </row>
    <row r="570200" spans="14:14">
      <c r="N570200" s="10"/>
    </row>
    <row r="570201" spans="14:14">
      <c r="N570201" s="10"/>
    </row>
    <row r="570202" spans="14:14">
      <c r="N570202" s="10"/>
    </row>
    <row r="570203" spans="14:14">
      <c r="N570203" s="10"/>
    </row>
    <row r="570204" spans="14:14">
      <c r="N570204" s="10"/>
    </row>
    <row r="570205" spans="14:14">
      <c r="N570205" s="10"/>
    </row>
    <row r="570206" spans="14:14">
      <c r="N570206" s="10"/>
    </row>
    <row r="570207" spans="14:14">
      <c r="N570207" s="10"/>
    </row>
    <row r="570208" spans="14:14">
      <c r="N570208" s="10"/>
    </row>
    <row r="570209" spans="14:14">
      <c r="N570209" s="10"/>
    </row>
    <row r="570210" spans="14:14">
      <c r="N570210" s="10"/>
    </row>
    <row r="570211" spans="14:14">
      <c r="N570211" s="10"/>
    </row>
    <row r="570212" spans="14:14">
      <c r="N570212" s="10"/>
    </row>
    <row r="570213" spans="14:14">
      <c r="N570213" s="10"/>
    </row>
    <row r="570214" spans="14:14">
      <c r="N570214" s="10"/>
    </row>
    <row r="570215" spans="14:14">
      <c r="N570215" s="10"/>
    </row>
    <row r="570216" spans="14:14">
      <c r="N570216" s="10"/>
    </row>
    <row r="570217" spans="14:14">
      <c r="N570217" s="10"/>
    </row>
    <row r="570218" spans="14:14">
      <c r="N570218" s="10"/>
    </row>
    <row r="570219" spans="14:14">
      <c r="N570219" s="10"/>
    </row>
    <row r="570220" spans="14:14">
      <c r="N570220" s="10"/>
    </row>
    <row r="570221" spans="14:14">
      <c r="N570221" s="10"/>
    </row>
    <row r="570222" spans="14:14">
      <c r="N570222" s="10"/>
    </row>
    <row r="570223" spans="14:14">
      <c r="N570223" s="10"/>
    </row>
    <row r="570224" spans="14:14">
      <c r="N570224" s="10"/>
    </row>
    <row r="570225" spans="14:14">
      <c r="N570225" s="10"/>
    </row>
    <row r="570226" spans="14:14">
      <c r="N570226" s="10"/>
    </row>
    <row r="570227" spans="14:14">
      <c r="N570227" s="10"/>
    </row>
    <row r="570228" spans="14:14">
      <c r="N570228" s="10"/>
    </row>
    <row r="570229" spans="14:14">
      <c r="N570229" s="10"/>
    </row>
    <row r="570230" spans="14:14">
      <c r="N570230" s="10"/>
    </row>
    <row r="570231" spans="14:14">
      <c r="N570231" s="10"/>
    </row>
    <row r="570232" spans="14:14">
      <c r="N570232" s="10"/>
    </row>
    <row r="570233" spans="14:14">
      <c r="N570233" s="10"/>
    </row>
    <row r="570234" spans="14:14">
      <c r="N570234" s="10"/>
    </row>
    <row r="570235" spans="14:14">
      <c r="N570235" s="10"/>
    </row>
    <row r="570236" spans="14:14">
      <c r="N570236" s="10"/>
    </row>
    <row r="570237" spans="14:14">
      <c r="N570237" s="10"/>
    </row>
    <row r="570238" spans="14:14">
      <c r="N570238" s="10"/>
    </row>
    <row r="570239" spans="14:14">
      <c r="N570239" s="10"/>
    </row>
    <row r="570240" spans="14:14">
      <c r="N570240" s="10"/>
    </row>
    <row r="570241" spans="14:14">
      <c r="N570241" s="10"/>
    </row>
    <row r="570242" spans="14:14">
      <c r="N570242" s="10"/>
    </row>
    <row r="570243" spans="14:14">
      <c r="N570243" s="10"/>
    </row>
    <row r="570244" spans="14:14">
      <c r="N570244" s="10"/>
    </row>
    <row r="570245" spans="14:14">
      <c r="N570245" s="10"/>
    </row>
    <row r="570246" spans="14:14">
      <c r="N570246" s="10"/>
    </row>
    <row r="570247" spans="14:14">
      <c r="N570247" s="10"/>
    </row>
    <row r="570248" spans="14:14">
      <c r="N570248" s="10"/>
    </row>
    <row r="570249" spans="14:14">
      <c r="N570249" s="10"/>
    </row>
    <row r="570250" spans="14:14">
      <c r="N570250" s="10"/>
    </row>
    <row r="570251" spans="14:14">
      <c r="N570251" s="10"/>
    </row>
    <row r="570252" spans="14:14">
      <c r="N570252" s="10"/>
    </row>
    <row r="570253" spans="14:14">
      <c r="N570253" s="10"/>
    </row>
    <row r="570254" spans="14:14">
      <c r="N570254" s="10"/>
    </row>
    <row r="570255" spans="14:14">
      <c r="N570255" s="10"/>
    </row>
    <row r="570256" spans="14:14">
      <c r="N570256" s="10"/>
    </row>
    <row r="570257" spans="14:14">
      <c r="N570257" s="10"/>
    </row>
    <row r="570258" spans="14:14">
      <c r="N570258" s="10"/>
    </row>
    <row r="570259" spans="14:14">
      <c r="N570259" s="10"/>
    </row>
    <row r="570260" spans="14:14">
      <c r="N570260" s="10"/>
    </row>
    <row r="570261" spans="14:14">
      <c r="N570261" s="10"/>
    </row>
    <row r="570262" spans="14:14">
      <c r="N570262" s="10"/>
    </row>
    <row r="570263" spans="14:14">
      <c r="N570263" s="10"/>
    </row>
    <row r="570264" spans="14:14">
      <c r="N570264" s="10"/>
    </row>
    <row r="570265" spans="14:14">
      <c r="N570265" s="10"/>
    </row>
    <row r="570266" spans="14:14">
      <c r="N570266" s="10"/>
    </row>
    <row r="570267" spans="14:14">
      <c r="N570267" s="10"/>
    </row>
    <row r="570268" spans="14:14">
      <c r="N570268" s="10"/>
    </row>
    <row r="570269" spans="14:14">
      <c r="N570269" s="10"/>
    </row>
    <row r="570270" spans="14:14">
      <c r="N570270" s="10"/>
    </row>
    <row r="570271" spans="14:14">
      <c r="N570271" s="10"/>
    </row>
    <row r="570272" spans="14:14">
      <c r="N570272" s="10"/>
    </row>
    <row r="570273" spans="14:14">
      <c r="N570273" s="10"/>
    </row>
    <row r="570274" spans="14:14">
      <c r="N570274" s="10"/>
    </row>
    <row r="570275" spans="14:14">
      <c r="N570275" s="10"/>
    </row>
    <row r="570276" spans="14:14">
      <c r="N570276" s="10"/>
    </row>
    <row r="570277" spans="14:14">
      <c r="N570277" s="10"/>
    </row>
    <row r="570278" spans="14:14">
      <c r="N570278" s="10"/>
    </row>
    <row r="570279" spans="14:14">
      <c r="N570279" s="10"/>
    </row>
    <row r="570280" spans="14:14">
      <c r="N570280" s="10"/>
    </row>
    <row r="570281" spans="14:14">
      <c r="N570281" s="10"/>
    </row>
    <row r="570282" spans="14:14">
      <c r="N570282" s="10"/>
    </row>
    <row r="570283" spans="14:14">
      <c r="N570283" s="10"/>
    </row>
    <row r="570284" spans="14:14">
      <c r="N570284" s="10"/>
    </row>
    <row r="570285" spans="14:14">
      <c r="N570285" s="10"/>
    </row>
    <row r="570286" spans="14:14">
      <c r="N570286" s="10"/>
    </row>
    <row r="570287" spans="14:14">
      <c r="N570287" s="10"/>
    </row>
    <row r="570288" spans="14:14">
      <c r="N570288" s="10"/>
    </row>
    <row r="570289" spans="14:14">
      <c r="N570289" s="10"/>
    </row>
    <row r="570290" spans="14:14">
      <c r="N570290" s="10"/>
    </row>
    <row r="570291" spans="14:14">
      <c r="N570291" s="10"/>
    </row>
    <row r="570292" spans="14:14">
      <c r="N570292" s="10"/>
    </row>
    <row r="570293" spans="14:14">
      <c r="N570293" s="10"/>
    </row>
    <row r="570294" spans="14:14">
      <c r="N570294" s="10"/>
    </row>
    <row r="570295" spans="14:14">
      <c r="N570295" s="10"/>
    </row>
    <row r="570296" spans="14:14">
      <c r="N570296" s="10"/>
    </row>
    <row r="570297" spans="14:14">
      <c r="N570297" s="10"/>
    </row>
    <row r="570298" spans="14:14">
      <c r="N570298" s="10"/>
    </row>
    <row r="570299" spans="14:14">
      <c r="N570299" s="10"/>
    </row>
    <row r="570300" spans="14:14">
      <c r="N570300" s="10"/>
    </row>
    <row r="570301" spans="14:14">
      <c r="N570301" s="10"/>
    </row>
    <row r="570302" spans="14:14">
      <c r="N570302" s="10"/>
    </row>
    <row r="570303" spans="14:14">
      <c r="N570303" s="10"/>
    </row>
    <row r="570304" spans="14:14">
      <c r="N570304" s="10"/>
    </row>
    <row r="570305" spans="14:14">
      <c r="N570305" s="10"/>
    </row>
    <row r="570306" spans="14:14">
      <c r="N570306" s="10"/>
    </row>
    <row r="570307" spans="14:14">
      <c r="N570307" s="10"/>
    </row>
    <row r="570308" spans="14:14">
      <c r="N570308" s="10"/>
    </row>
    <row r="570309" spans="14:14">
      <c r="N570309" s="10"/>
    </row>
    <row r="570310" spans="14:14">
      <c r="N570310" s="10"/>
    </row>
    <row r="570311" spans="14:14">
      <c r="N570311" s="10"/>
    </row>
    <row r="570312" spans="14:14">
      <c r="N570312" s="10"/>
    </row>
    <row r="570313" spans="14:14">
      <c r="N570313" s="10"/>
    </row>
    <row r="570314" spans="14:14">
      <c r="N570314" s="10"/>
    </row>
    <row r="570315" spans="14:14">
      <c r="N570315" s="10"/>
    </row>
    <row r="570316" spans="14:14">
      <c r="N570316" s="10"/>
    </row>
    <row r="570317" spans="14:14">
      <c r="N570317" s="10"/>
    </row>
    <row r="570318" spans="14:14">
      <c r="N570318" s="10"/>
    </row>
    <row r="570319" spans="14:14">
      <c r="N570319" s="10"/>
    </row>
    <row r="570320" spans="14:14">
      <c r="N570320" s="10"/>
    </row>
    <row r="570321" spans="14:14">
      <c r="N570321" s="10"/>
    </row>
    <row r="570322" spans="14:14">
      <c r="N570322" s="10"/>
    </row>
    <row r="570323" spans="14:14">
      <c r="N570323" s="10"/>
    </row>
    <row r="570324" spans="14:14">
      <c r="N570324" s="10"/>
    </row>
    <row r="570325" spans="14:14">
      <c r="N570325" s="10"/>
    </row>
    <row r="570326" spans="14:14">
      <c r="N570326" s="10"/>
    </row>
    <row r="570327" spans="14:14">
      <c r="N570327" s="10"/>
    </row>
    <row r="570328" spans="14:14">
      <c r="N570328" s="10"/>
    </row>
    <row r="570329" spans="14:14">
      <c r="N570329" s="10"/>
    </row>
    <row r="570330" spans="14:14">
      <c r="N570330" s="10"/>
    </row>
    <row r="570331" spans="14:14">
      <c r="N570331" s="10"/>
    </row>
    <row r="570332" spans="14:14">
      <c r="N570332" s="10"/>
    </row>
    <row r="570333" spans="14:14">
      <c r="N570333" s="10"/>
    </row>
    <row r="570334" spans="14:14">
      <c r="N570334" s="10"/>
    </row>
    <row r="570335" spans="14:14">
      <c r="N570335" s="10"/>
    </row>
    <row r="570336" spans="14:14">
      <c r="N570336" s="10"/>
    </row>
    <row r="570337" spans="14:14">
      <c r="N570337" s="10"/>
    </row>
    <row r="570338" spans="14:14">
      <c r="N570338" s="10"/>
    </row>
    <row r="570339" spans="14:14">
      <c r="N570339" s="10"/>
    </row>
    <row r="570340" spans="14:14">
      <c r="N570340" s="10"/>
    </row>
    <row r="570341" spans="14:14">
      <c r="N570341" s="10"/>
    </row>
    <row r="570342" spans="14:14">
      <c r="N570342" s="10"/>
    </row>
    <row r="570343" spans="14:14">
      <c r="N570343" s="10"/>
    </row>
    <row r="570344" spans="14:14">
      <c r="N570344" s="10"/>
    </row>
    <row r="570345" spans="14:14">
      <c r="N570345" s="10"/>
    </row>
    <row r="570346" spans="14:14">
      <c r="N570346" s="10"/>
    </row>
    <row r="570347" spans="14:14">
      <c r="N570347" s="10"/>
    </row>
    <row r="570348" spans="14:14">
      <c r="N570348" s="10"/>
    </row>
    <row r="570349" spans="14:14">
      <c r="N570349" s="10"/>
    </row>
    <row r="570350" spans="14:14">
      <c r="N570350" s="10"/>
    </row>
    <row r="570351" spans="14:14">
      <c r="N570351" s="10"/>
    </row>
    <row r="570352" spans="14:14">
      <c r="N570352" s="10"/>
    </row>
    <row r="570353" spans="14:14">
      <c r="N570353" s="10"/>
    </row>
    <row r="570354" spans="14:14">
      <c r="N570354" s="10"/>
    </row>
    <row r="570355" spans="14:14">
      <c r="N570355" s="10"/>
    </row>
    <row r="570356" spans="14:14">
      <c r="N570356" s="10"/>
    </row>
    <row r="570357" spans="14:14">
      <c r="N570357" s="10"/>
    </row>
    <row r="570358" spans="14:14">
      <c r="N570358" s="10"/>
    </row>
    <row r="570359" spans="14:14">
      <c r="N570359" s="10"/>
    </row>
    <row r="570360" spans="14:14">
      <c r="N570360" s="10"/>
    </row>
    <row r="570361" spans="14:14">
      <c r="N570361" s="10"/>
    </row>
    <row r="570362" spans="14:14">
      <c r="N570362" s="10"/>
    </row>
    <row r="570363" spans="14:14">
      <c r="N570363" s="10"/>
    </row>
    <row r="570364" spans="14:14">
      <c r="N570364" s="10"/>
    </row>
    <row r="570365" spans="14:14">
      <c r="N570365" s="10"/>
    </row>
    <row r="570366" spans="14:14">
      <c r="N570366" s="10"/>
    </row>
    <row r="570367" spans="14:14">
      <c r="N570367" s="10"/>
    </row>
    <row r="570368" spans="14:14">
      <c r="N570368" s="10"/>
    </row>
    <row r="570369" spans="14:14">
      <c r="N570369" s="10"/>
    </row>
    <row r="570370" spans="14:14">
      <c r="N570370" s="10"/>
    </row>
    <row r="570371" spans="14:14">
      <c r="N570371" s="10"/>
    </row>
    <row r="570372" spans="14:14">
      <c r="N570372" s="10"/>
    </row>
    <row r="570373" spans="14:14">
      <c r="N570373" s="10"/>
    </row>
    <row r="570374" spans="14:14">
      <c r="N570374" s="10"/>
    </row>
    <row r="570375" spans="14:14">
      <c r="N570375" s="10"/>
    </row>
    <row r="570376" spans="14:14">
      <c r="N570376" s="10"/>
    </row>
    <row r="570377" spans="14:14">
      <c r="N570377" s="10"/>
    </row>
    <row r="570378" spans="14:14">
      <c r="N570378" s="10"/>
    </row>
    <row r="570379" spans="14:14">
      <c r="N570379" s="10"/>
    </row>
    <row r="570380" spans="14:14">
      <c r="N570380" s="10"/>
    </row>
    <row r="570381" spans="14:14">
      <c r="N570381" s="10"/>
    </row>
    <row r="570382" spans="14:14">
      <c r="N570382" s="10"/>
    </row>
    <row r="570383" spans="14:14">
      <c r="N570383" s="10"/>
    </row>
    <row r="570384" spans="14:14">
      <c r="N570384" s="10"/>
    </row>
    <row r="570385" spans="14:14">
      <c r="N570385" s="10"/>
    </row>
    <row r="570386" spans="14:14">
      <c r="N570386" s="10"/>
    </row>
    <row r="570387" spans="14:14">
      <c r="N570387" s="10"/>
    </row>
    <row r="570388" spans="14:14">
      <c r="N570388" s="10"/>
    </row>
    <row r="570389" spans="14:14">
      <c r="N570389" s="10"/>
    </row>
    <row r="570390" spans="14:14">
      <c r="N570390" s="10"/>
    </row>
    <row r="570391" spans="14:14">
      <c r="N570391" s="10"/>
    </row>
    <row r="570392" spans="14:14">
      <c r="N570392" s="10"/>
    </row>
    <row r="570393" spans="14:14">
      <c r="N570393" s="10"/>
    </row>
    <row r="570394" spans="14:14">
      <c r="N570394" s="10"/>
    </row>
    <row r="570395" spans="14:14">
      <c r="N570395" s="10"/>
    </row>
    <row r="570396" spans="14:14">
      <c r="N570396" s="10"/>
    </row>
    <row r="570397" spans="14:14">
      <c r="N570397" s="10"/>
    </row>
    <row r="570398" spans="14:14">
      <c r="N570398" s="10"/>
    </row>
    <row r="570399" spans="14:14">
      <c r="N570399" s="10"/>
    </row>
    <row r="570400" spans="14:14">
      <c r="N570400" s="10"/>
    </row>
    <row r="570401" spans="14:14">
      <c r="N570401" s="10"/>
    </row>
    <row r="570402" spans="14:14">
      <c r="N570402" s="10"/>
    </row>
    <row r="570403" spans="14:14">
      <c r="N570403" s="10"/>
    </row>
    <row r="570404" spans="14:14">
      <c r="N570404" s="10"/>
    </row>
    <row r="570405" spans="14:14">
      <c r="N570405" s="10"/>
    </row>
    <row r="570406" spans="14:14">
      <c r="N570406" s="10"/>
    </row>
    <row r="570407" spans="14:14">
      <c r="N570407" s="10"/>
    </row>
    <row r="570408" spans="14:14">
      <c r="N570408" s="10"/>
    </row>
    <row r="570409" spans="14:14">
      <c r="N570409" s="10"/>
    </row>
    <row r="570410" spans="14:14">
      <c r="N570410" s="10"/>
    </row>
    <row r="570411" spans="14:14">
      <c r="N570411" s="10"/>
    </row>
    <row r="570412" spans="14:14">
      <c r="N570412" s="10"/>
    </row>
    <row r="570413" spans="14:14">
      <c r="N570413" s="10"/>
    </row>
    <row r="570414" spans="14:14">
      <c r="N570414" s="10"/>
    </row>
    <row r="570415" spans="14:14">
      <c r="N570415" s="10"/>
    </row>
    <row r="570416" spans="14:14">
      <c r="N570416" s="10"/>
    </row>
    <row r="570417" spans="14:14">
      <c r="N570417" s="10"/>
    </row>
    <row r="570418" spans="14:14">
      <c r="N570418" s="10"/>
    </row>
    <row r="570419" spans="14:14">
      <c r="N570419" s="10"/>
    </row>
    <row r="570420" spans="14:14">
      <c r="N570420" s="10"/>
    </row>
    <row r="570421" spans="14:14">
      <c r="N570421" s="10"/>
    </row>
    <row r="570422" spans="14:14">
      <c r="N570422" s="10"/>
    </row>
    <row r="570423" spans="14:14">
      <c r="N570423" s="10"/>
    </row>
    <row r="570424" spans="14:14">
      <c r="N570424" s="10"/>
    </row>
    <row r="570425" spans="14:14">
      <c r="N570425" s="10"/>
    </row>
    <row r="570426" spans="14:14">
      <c r="N570426" s="10"/>
    </row>
    <row r="570427" spans="14:14">
      <c r="N570427" s="10"/>
    </row>
    <row r="570428" spans="14:14">
      <c r="N570428" s="10"/>
    </row>
    <row r="570429" spans="14:14">
      <c r="N570429" s="10"/>
    </row>
    <row r="570430" spans="14:14">
      <c r="N570430" s="10"/>
    </row>
    <row r="570431" spans="14:14">
      <c r="N570431" s="10"/>
    </row>
    <row r="570432" spans="14:14">
      <c r="N570432" s="10"/>
    </row>
    <row r="570433" spans="14:14">
      <c r="N570433" s="10"/>
    </row>
    <row r="570434" spans="14:14">
      <c r="N570434" s="10"/>
    </row>
    <row r="570435" spans="14:14">
      <c r="N570435" s="10"/>
    </row>
    <row r="570436" spans="14:14">
      <c r="N570436" s="10"/>
    </row>
    <row r="570437" spans="14:14">
      <c r="N570437" s="10"/>
    </row>
    <row r="570438" spans="14:14">
      <c r="N570438" s="10"/>
    </row>
    <row r="570439" spans="14:14">
      <c r="N570439" s="10"/>
    </row>
    <row r="570440" spans="14:14">
      <c r="N570440" s="10"/>
    </row>
    <row r="570441" spans="14:14">
      <c r="N570441" s="10"/>
    </row>
    <row r="570442" spans="14:14">
      <c r="N570442" s="10"/>
    </row>
    <row r="570443" spans="14:14">
      <c r="N570443" s="10"/>
    </row>
    <row r="570444" spans="14:14">
      <c r="N570444" s="10"/>
    </row>
    <row r="570445" spans="14:14">
      <c r="N570445" s="10"/>
    </row>
    <row r="570446" spans="14:14">
      <c r="N570446" s="10"/>
    </row>
    <row r="570447" spans="14:14">
      <c r="N570447" s="10"/>
    </row>
    <row r="570448" spans="14:14">
      <c r="N570448" s="10"/>
    </row>
    <row r="570449" spans="14:14">
      <c r="N570449" s="10"/>
    </row>
    <row r="570450" spans="14:14">
      <c r="N570450" s="10"/>
    </row>
    <row r="570451" spans="14:14">
      <c r="N570451" s="10"/>
    </row>
    <row r="570452" spans="14:14">
      <c r="N570452" s="10"/>
    </row>
    <row r="570453" spans="14:14">
      <c r="N570453" s="10"/>
    </row>
    <row r="570454" spans="14:14">
      <c r="N570454" s="10"/>
    </row>
    <row r="570455" spans="14:14">
      <c r="N570455" s="10"/>
    </row>
    <row r="570456" spans="14:14">
      <c r="N570456" s="10"/>
    </row>
    <row r="570457" spans="14:14">
      <c r="N570457" s="10"/>
    </row>
    <row r="570458" spans="14:14">
      <c r="N570458" s="10"/>
    </row>
    <row r="570459" spans="14:14">
      <c r="N570459" s="10"/>
    </row>
    <row r="570460" spans="14:14">
      <c r="N570460" s="10"/>
    </row>
    <row r="570461" spans="14:14">
      <c r="N570461" s="10"/>
    </row>
    <row r="570462" spans="14:14">
      <c r="N570462" s="10"/>
    </row>
    <row r="570463" spans="14:14">
      <c r="N570463" s="10"/>
    </row>
    <row r="570464" spans="14:14">
      <c r="N570464" s="10"/>
    </row>
    <row r="570465" spans="14:14">
      <c r="N570465" s="10"/>
    </row>
    <row r="570466" spans="14:14">
      <c r="N570466" s="10"/>
    </row>
    <row r="570467" spans="14:14">
      <c r="N570467" s="10"/>
    </row>
    <row r="570468" spans="14:14">
      <c r="N570468" s="10"/>
    </row>
    <row r="570469" spans="14:14">
      <c r="N570469" s="10"/>
    </row>
    <row r="570470" spans="14:14">
      <c r="N570470" s="10"/>
    </row>
    <row r="570471" spans="14:14">
      <c r="N570471" s="10"/>
    </row>
    <row r="570472" spans="14:14">
      <c r="N570472" s="10"/>
    </row>
    <row r="570473" spans="14:14">
      <c r="N570473" s="10"/>
    </row>
    <row r="570474" spans="14:14">
      <c r="N570474" s="10"/>
    </row>
    <row r="570475" spans="14:14">
      <c r="N570475" s="10"/>
    </row>
    <row r="570476" spans="14:14">
      <c r="N570476" s="10"/>
    </row>
    <row r="570477" spans="14:14">
      <c r="N570477" s="10"/>
    </row>
    <row r="570478" spans="14:14">
      <c r="N570478" s="10"/>
    </row>
    <row r="570479" spans="14:14">
      <c r="N570479" s="10"/>
    </row>
    <row r="570480" spans="14:14">
      <c r="N570480" s="10"/>
    </row>
    <row r="570481" spans="14:14">
      <c r="N570481" s="10"/>
    </row>
    <row r="570482" spans="14:14">
      <c r="N570482" s="10"/>
    </row>
    <row r="570483" spans="14:14">
      <c r="N570483" s="10"/>
    </row>
    <row r="570484" spans="14:14">
      <c r="N570484" s="10"/>
    </row>
    <row r="570485" spans="14:14">
      <c r="N570485" s="10"/>
    </row>
    <row r="570486" spans="14:14">
      <c r="N570486" s="10"/>
    </row>
    <row r="570487" spans="14:14">
      <c r="N570487" s="10"/>
    </row>
    <row r="570488" spans="14:14">
      <c r="N570488" s="10"/>
    </row>
    <row r="570489" spans="14:14">
      <c r="N570489" s="10"/>
    </row>
    <row r="570490" spans="14:14">
      <c r="N570490" s="10"/>
    </row>
    <row r="570491" spans="14:14">
      <c r="N570491" s="10"/>
    </row>
    <row r="570492" spans="14:14">
      <c r="N570492" s="10"/>
    </row>
    <row r="570493" spans="14:14">
      <c r="N570493" s="10"/>
    </row>
    <row r="570494" spans="14:14">
      <c r="N570494" s="10"/>
    </row>
    <row r="570495" spans="14:14">
      <c r="N570495" s="10"/>
    </row>
    <row r="570496" spans="14:14">
      <c r="N570496" s="10"/>
    </row>
    <row r="570497" spans="14:14">
      <c r="N570497" s="10"/>
    </row>
    <row r="570498" spans="14:14">
      <c r="N570498" s="10"/>
    </row>
    <row r="570499" spans="14:14">
      <c r="N570499" s="10"/>
    </row>
    <row r="570500" spans="14:14">
      <c r="N570500" s="10"/>
    </row>
    <row r="570501" spans="14:14">
      <c r="N570501" s="10"/>
    </row>
    <row r="570502" spans="14:14">
      <c r="N570502" s="10"/>
    </row>
    <row r="570503" spans="14:14">
      <c r="N570503" s="10"/>
    </row>
    <row r="570504" spans="14:14">
      <c r="N570504" s="10"/>
    </row>
    <row r="570505" spans="14:14">
      <c r="N570505" s="10"/>
    </row>
    <row r="570506" spans="14:14">
      <c r="N570506" s="10"/>
    </row>
    <row r="570507" spans="14:14">
      <c r="N570507" s="10"/>
    </row>
    <row r="570508" spans="14:14">
      <c r="N570508" s="10"/>
    </row>
    <row r="570509" spans="14:14">
      <c r="N570509" s="10"/>
    </row>
    <row r="570510" spans="14:14">
      <c r="N570510" s="10"/>
    </row>
    <row r="570511" spans="14:14">
      <c r="N570511" s="10"/>
    </row>
    <row r="570512" spans="14:14">
      <c r="N570512" s="10"/>
    </row>
    <row r="570513" spans="14:14">
      <c r="N570513" s="10"/>
    </row>
    <row r="570514" spans="14:14">
      <c r="N570514" s="10"/>
    </row>
    <row r="570515" spans="14:14">
      <c r="N570515" s="10"/>
    </row>
    <row r="570516" spans="14:14">
      <c r="N570516" s="10"/>
    </row>
    <row r="570517" spans="14:14">
      <c r="N570517" s="10"/>
    </row>
    <row r="570518" spans="14:14">
      <c r="N570518" s="10"/>
    </row>
    <row r="570519" spans="14:14">
      <c r="N570519" s="10"/>
    </row>
    <row r="570520" spans="14:14">
      <c r="N570520" s="10"/>
    </row>
    <row r="570521" spans="14:14">
      <c r="N570521" s="10"/>
    </row>
    <row r="570522" spans="14:14">
      <c r="N570522" s="10"/>
    </row>
    <row r="570523" spans="14:14">
      <c r="N570523" s="10"/>
    </row>
    <row r="570524" spans="14:14">
      <c r="N570524" s="10"/>
    </row>
    <row r="570525" spans="14:14">
      <c r="N570525" s="10"/>
    </row>
    <row r="570526" spans="14:14">
      <c r="N570526" s="10"/>
    </row>
    <row r="570527" spans="14:14">
      <c r="N570527" s="10"/>
    </row>
    <row r="570528" spans="14:14">
      <c r="N570528" s="10"/>
    </row>
    <row r="570529" spans="14:14">
      <c r="N570529" s="10"/>
    </row>
    <row r="570530" spans="14:14">
      <c r="N570530" s="10"/>
    </row>
    <row r="570531" spans="14:14">
      <c r="N570531" s="10"/>
    </row>
    <row r="570532" spans="14:14">
      <c r="N570532" s="10"/>
    </row>
    <row r="570533" spans="14:14">
      <c r="N570533" s="10"/>
    </row>
    <row r="570534" spans="14:14">
      <c r="N570534" s="10"/>
    </row>
    <row r="570535" spans="14:14">
      <c r="N570535" s="10"/>
    </row>
    <row r="570536" spans="14:14">
      <c r="N570536" s="10"/>
    </row>
    <row r="570537" spans="14:14">
      <c r="N570537" s="10"/>
    </row>
    <row r="570538" spans="14:14">
      <c r="N570538" s="10"/>
    </row>
    <row r="570539" spans="14:14">
      <c r="N570539" s="10"/>
    </row>
    <row r="570540" spans="14:14">
      <c r="N570540" s="10"/>
    </row>
    <row r="570541" spans="14:14">
      <c r="N570541" s="10"/>
    </row>
    <row r="570542" spans="14:14">
      <c r="N570542" s="10"/>
    </row>
    <row r="570543" spans="14:14">
      <c r="N570543" s="10"/>
    </row>
    <row r="570544" spans="14:14">
      <c r="N570544" s="10"/>
    </row>
    <row r="570545" spans="14:14">
      <c r="N570545" s="10"/>
    </row>
    <row r="570546" spans="14:14">
      <c r="N570546" s="10"/>
    </row>
    <row r="570547" spans="14:14">
      <c r="N570547" s="10"/>
    </row>
    <row r="570548" spans="14:14">
      <c r="N570548" s="10"/>
    </row>
    <row r="570549" spans="14:14">
      <c r="N570549" s="10"/>
    </row>
    <row r="570550" spans="14:14">
      <c r="N570550" s="10"/>
    </row>
    <row r="570551" spans="14:14">
      <c r="N570551" s="10"/>
    </row>
    <row r="570552" spans="14:14">
      <c r="N570552" s="10"/>
    </row>
    <row r="570553" spans="14:14">
      <c r="N570553" s="10"/>
    </row>
    <row r="570554" spans="14:14">
      <c r="N570554" s="10"/>
    </row>
    <row r="570555" spans="14:14">
      <c r="N570555" s="10"/>
    </row>
    <row r="570556" spans="14:14">
      <c r="N570556" s="10"/>
    </row>
    <row r="570557" spans="14:14">
      <c r="N570557" s="10"/>
    </row>
    <row r="570558" spans="14:14">
      <c r="N570558" s="10"/>
    </row>
    <row r="570559" spans="14:14">
      <c r="N570559" s="10"/>
    </row>
    <row r="570560" spans="14:14">
      <c r="N570560" s="10"/>
    </row>
    <row r="570561" spans="14:14">
      <c r="N570561" s="10"/>
    </row>
    <row r="570562" spans="14:14">
      <c r="N570562" s="10"/>
    </row>
    <row r="570563" spans="14:14">
      <c r="N570563" s="10"/>
    </row>
    <row r="570564" spans="14:14">
      <c r="N570564" s="10"/>
    </row>
    <row r="570565" spans="14:14">
      <c r="N570565" s="10"/>
    </row>
    <row r="570566" spans="14:14">
      <c r="N570566" s="10"/>
    </row>
    <row r="570567" spans="14:14">
      <c r="N570567" s="10"/>
    </row>
    <row r="570568" spans="14:14">
      <c r="N570568" s="10"/>
    </row>
    <row r="570569" spans="14:14">
      <c r="N570569" s="10"/>
    </row>
    <row r="570570" spans="14:14">
      <c r="N570570" s="10"/>
    </row>
    <row r="570571" spans="14:14">
      <c r="N570571" s="10"/>
    </row>
    <row r="570572" spans="14:14">
      <c r="N570572" s="10"/>
    </row>
    <row r="570573" spans="14:14">
      <c r="N570573" s="10"/>
    </row>
    <row r="570574" spans="14:14">
      <c r="N570574" s="10"/>
    </row>
    <row r="570575" spans="14:14">
      <c r="N570575" s="10"/>
    </row>
    <row r="570576" spans="14:14">
      <c r="N570576" s="10"/>
    </row>
    <row r="570577" spans="14:14">
      <c r="N570577" s="10"/>
    </row>
    <row r="570578" spans="14:14">
      <c r="N570578" s="10"/>
    </row>
    <row r="570579" spans="14:14">
      <c r="N570579" s="10"/>
    </row>
    <row r="570580" spans="14:14">
      <c r="N570580" s="10"/>
    </row>
    <row r="570581" spans="14:14">
      <c r="N570581" s="10"/>
    </row>
    <row r="570582" spans="14:14">
      <c r="N570582" s="10"/>
    </row>
    <row r="570583" spans="14:14">
      <c r="N570583" s="10"/>
    </row>
    <row r="570584" spans="14:14">
      <c r="N570584" s="10"/>
    </row>
    <row r="570585" spans="14:14">
      <c r="N570585" s="10"/>
    </row>
    <row r="570586" spans="14:14">
      <c r="N570586" s="10"/>
    </row>
    <row r="570587" spans="14:14">
      <c r="N570587" s="10"/>
    </row>
    <row r="570588" spans="14:14">
      <c r="N570588" s="10"/>
    </row>
    <row r="570589" spans="14:14">
      <c r="N570589" s="10"/>
    </row>
    <row r="570590" spans="14:14">
      <c r="N570590" s="10"/>
    </row>
    <row r="570591" spans="14:14">
      <c r="N570591" s="10"/>
    </row>
    <row r="570592" spans="14:14">
      <c r="N570592" s="10"/>
    </row>
    <row r="570593" spans="14:14">
      <c r="N570593" s="10"/>
    </row>
    <row r="570594" spans="14:14">
      <c r="N570594" s="10"/>
    </row>
    <row r="570595" spans="14:14">
      <c r="N570595" s="10"/>
    </row>
    <row r="570596" spans="14:14">
      <c r="N570596" s="10"/>
    </row>
    <row r="570597" spans="14:14">
      <c r="N570597" s="10"/>
    </row>
    <row r="570598" spans="14:14">
      <c r="N570598" s="10"/>
    </row>
    <row r="570599" spans="14:14">
      <c r="N570599" s="10"/>
    </row>
    <row r="570600" spans="14:14">
      <c r="N570600" s="10"/>
    </row>
    <row r="570601" spans="14:14">
      <c r="N570601" s="10"/>
    </row>
    <row r="570602" spans="14:14">
      <c r="N570602" s="10"/>
    </row>
    <row r="570603" spans="14:14">
      <c r="N570603" s="10"/>
    </row>
    <row r="570604" spans="14:14">
      <c r="N570604" s="10"/>
    </row>
    <row r="570605" spans="14:14">
      <c r="N570605" s="10"/>
    </row>
    <row r="570606" spans="14:14">
      <c r="N570606" s="10"/>
    </row>
    <row r="570607" spans="14:14">
      <c r="N570607" s="10"/>
    </row>
    <row r="570608" spans="14:14">
      <c r="N570608" s="10"/>
    </row>
    <row r="570609" spans="14:14">
      <c r="N570609" s="10"/>
    </row>
    <row r="570610" spans="14:14">
      <c r="N570610" s="10"/>
    </row>
    <row r="570611" spans="14:14">
      <c r="N570611" s="10"/>
    </row>
    <row r="570612" spans="14:14">
      <c r="N570612" s="10"/>
    </row>
    <row r="570613" spans="14:14">
      <c r="N570613" s="10"/>
    </row>
    <row r="570614" spans="14:14">
      <c r="N570614" s="10"/>
    </row>
    <row r="570615" spans="14:14">
      <c r="N570615" s="10"/>
    </row>
    <row r="570616" spans="14:14">
      <c r="N570616" s="10"/>
    </row>
    <row r="570617" spans="14:14">
      <c r="N570617" s="10"/>
    </row>
    <row r="570618" spans="14:14">
      <c r="N570618" s="10"/>
    </row>
    <row r="570619" spans="14:14">
      <c r="N570619" s="10"/>
    </row>
    <row r="570620" spans="14:14">
      <c r="N570620" s="10"/>
    </row>
    <row r="570621" spans="14:14">
      <c r="N570621" s="10"/>
    </row>
    <row r="570622" spans="14:14">
      <c r="N570622" s="10"/>
    </row>
    <row r="570623" spans="14:14">
      <c r="N570623" s="10"/>
    </row>
    <row r="570624" spans="14:14">
      <c r="N570624" s="10"/>
    </row>
    <row r="570625" spans="14:14">
      <c r="N570625" s="10"/>
    </row>
    <row r="570626" spans="14:14">
      <c r="N570626" s="10"/>
    </row>
    <row r="570627" spans="14:14">
      <c r="N570627" s="10"/>
    </row>
    <row r="570628" spans="14:14">
      <c r="N570628" s="10"/>
    </row>
    <row r="570629" spans="14:14">
      <c r="N570629" s="10"/>
    </row>
    <row r="570630" spans="14:14">
      <c r="N570630" s="10"/>
    </row>
    <row r="570631" spans="14:14">
      <c r="N570631" s="10"/>
    </row>
    <row r="570632" spans="14:14">
      <c r="N570632" s="10"/>
    </row>
    <row r="570633" spans="14:14">
      <c r="N570633" s="10"/>
    </row>
    <row r="570634" spans="14:14">
      <c r="N570634" s="10"/>
    </row>
    <row r="570635" spans="14:14">
      <c r="N570635" s="10"/>
    </row>
    <row r="570636" spans="14:14">
      <c r="N570636" s="10"/>
    </row>
    <row r="570637" spans="14:14">
      <c r="N570637" s="10"/>
    </row>
    <row r="570638" spans="14:14">
      <c r="N570638" s="10"/>
    </row>
    <row r="570639" spans="14:14">
      <c r="N570639" s="10"/>
    </row>
    <row r="570640" spans="14:14">
      <c r="N570640" s="10"/>
    </row>
    <row r="570641" spans="14:14">
      <c r="N570641" s="10"/>
    </row>
    <row r="570642" spans="14:14">
      <c r="N570642" s="10"/>
    </row>
    <row r="570643" spans="14:14">
      <c r="N570643" s="10"/>
    </row>
    <row r="570644" spans="14:14">
      <c r="N570644" s="10"/>
    </row>
    <row r="570645" spans="14:14">
      <c r="N570645" s="10"/>
    </row>
    <row r="570646" spans="14:14">
      <c r="N570646" s="10"/>
    </row>
    <row r="570647" spans="14:14">
      <c r="N570647" s="10"/>
    </row>
    <row r="570648" spans="14:14">
      <c r="N570648" s="10"/>
    </row>
    <row r="570649" spans="14:14">
      <c r="N570649" s="10"/>
    </row>
    <row r="570650" spans="14:14">
      <c r="N570650" s="10"/>
    </row>
    <row r="570651" spans="14:14">
      <c r="N570651" s="10"/>
    </row>
    <row r="570652" spans="14:14">
      <c r="N570652" s="10"/>
    </row>
    <row r="570653" spans="14:14">
      <c r="N570653" s="10"/>
    </row>
    <row r="570654" spans="14:14">
      <c r="N570654" s="10"/>
    </row>
    <row r="570655" spans="14:14">
      <c r="N570655" s="10"/>
    </row>
    <row r="570656" spans="14:14">
      <c r="N570656" s="10"/>
    </row>
    <row r="570657" spans="14:14">
      <c r="N570657" s="10"/>
    </row>
    <row r="570658" spans="14:14">
      <c r="N570658" s="10"/>
    </row>
    <row r="570659" spans="14:14">
      <c r="N570659" s="10"/>
    </row>
    <row r="570660" spans="14:14">
      <c r="N570660" s="10"/>
    </row>
    <row r="570661" spans="14:14">
      <c r="N570661" s="10"/>
    </row>
    <row r="570662" spans="14:14">
      <c r="N570662" s="10"/>
    </row>
    <row r="570663" spans="14:14">
      <c r="N570663" s="10"/>
    </row>
    <row r="570664" spans="14:14">
      <c r="N570664" s="10"/>
    </row>
    <row r="570665" spans="14:14">
      <c r="N570665" s="10"/>
    </row>
    <row r="570666" spans="14:14">
      <c r="N570666" s="10"/>
    </row>
    <row r="570667" spans="14:14">
      <c r="N570667" s="10"/>
    </row>
    <row r="570668" spans="14:14">
      <c r="N570668" s="10"/>
    </row>
    <row r="570669" spans="14:14">
      <c r="N570669" s="10"/>
    </row>
    <row r="570670" spans="14:14">
      <c r="N570670" s="10"/>
    </row>
    <row r="570671" spans="14:14">
      <c r="N570671" s="10"/>
    </row>
    <row r="570672" spans="14:14">
      <c r="N570672" s="10"/>
    </row>
    <row r="570673" spans="14:14">
      <c r="N570673" s="10"/>
    </row>
    <row r="570674" spans="14:14">
      <c r="N570674" s="10"/>
    </row>
    <row r="570675" spans="14:14">
      <c r="N570675" s="10"/>
    </row>
    <row r="570676" spans="14:14">
      <c r="N570676" s="10"/>
    </row>
    <row r="570677" spans="14:14">
      <c r="N570677" s="10"/>
    </row>
    <row r="570678" spans="14:14">
      <c r="N570678" s="10"/>
    </row>
    <row r="570679" spans="14:14">
      <c r="N570679" s="10"/>
    </row>
    <row r="570680" spans="14:14">
      <c r="N570680" s="10"/>
    </row>
    <row r="570681" spans="14:14">
      <c r="N570681" s="10"/>
    </row>
    <row r="570682" spans="14:14">
      <c r="N570682" s="10"/>
    </row>
    <row r="570683" spans="14:14">
      <c r="N570683" s="10"/>
    </row>
    <row r="570684" spans="14:14">
      <c r="N570684" s="10"/>
    </row>
    <row r="570685" spans="14:14">
      <c r="N570685" s="10"/>
    </row>
    <row r="570686" spans="14:14">
      <c r="N570686" s="10"/>
    </row>
    <row r="570687" spans="14:14">
      <c r="N570687" s="10"/>
    </row>
    <row r="570688" spans="14:14">
      <c r="N570688" s="10"/>
    </row>
    <row r="570689" spans="14:14">
      <c r="N570689" s="10"/>
    </row>
    <row r="570690" spans="14:14">
      <c r="N570690" s="10"/>
    </row>
    <row r="570691" spans="14:14">
      <c r="N570691" s="10"/>
    </row>
    <row r="570692" spans="14:14">
      <c r="N570692" s="10"/>
    </row>
    <row r="570693" spans="14:14">
      <c r="N570693" s="10"/>
    </row>
    <row r="570694" spans="14:14">
      <c r="N570694" s="10"/>
    </row>
    <row r="570695" spans="14:14">
      <c r="N570695" s="10"/>
    </row>
    <row r="570696" spans="14:14">
      <c r="N570696" s="10"/>
    </row>
    <row r="570697" spans="14:14">
      <c r="N570697" s="10"/>
    </row>
    <row r="570698" spans="14:14">
      <c r="N570698" s="10"/>
    </row>
    <row r="570699" spans="14:14">
      <c r="N570699" s="10"/>
    </row>
    <row r="570700" spans="14:14">
      <c r="N570700" s="10"/>
    </row>
    <row r="570701" spans="14:14">
      <c r="N570701" s="10"/>
    </row>
    <row r="570702" spans="14:14">
      <c r="N570702" s="10"/>
    </row>
    <row r="570703" spans="14:14">
      <c r="N570703" s="10"/>
    </row>
    <row r="570704" spans="14:14">
      <c r="N570704" s="10"/>
    </row>
    <row r="570705" spans="14:14">
      <c r="N570705" s="10"/>
    </row>
    <row r="570706" spans="14:14">
      <c r="N570706" s="10"/>
    </row>
    <row r="570707" spans="14:14">
      <c r="N570707" s="10"/>
    </row>
    <row r="570708" spans="14:14">
      <c r="N570708" s="10"/>
    </row>
    <row r="570709" spans="14:14">
      <c r="N570709" s="10"/>
    </row>
    <row r="570710" spans="14:14">
      <c r="N570710" s="10"/>
    </row>
    <row r="570711" spans="14:14">
      <c r="N570711" s="10"/>
    </row>
    <row r="570712" spans="14:14">
      <c r="N570712" s="10"/>
    </row>
    <row r="570713" spans="14:14">
      <c r="N570713" s="10"/>
    </row>
    <row r="570714" spans="14:14">
      <c r="N570714" s="10"/>
    </row>
    <row r="570715" spans="14:14">
      <c r="N570715" s="10"/>
    </row>
    <row r="570716" spans="14:14">
      <c r="N570716" s="10"/>
    </row>
    <row r="570717" spans="14:14">
      <c r="N570717" s="10"/>
    </row>
    <row r="570718" spans="14:14">
      <c r="N570718" s="10"/>
    </row>
    <row r="570719" spans="14:14">
      <c r="N570719" s="10"/>
    </row>
    <row r="570720" spans="14:14">
      <c r="N570720" s="10"/>
    </row>
    <row r="570721" spans="14:14">
      <c r="N570721" s="10"/>
    </row>
    <row r="570722" spans="14:14">
      <c r="N570722" s="10"/>
    </row>
    <row r="570723" spans="14:14">
      <c r="N570723" s="10"/>
    </row>
    <row r="570724" spans="14:14">
      <c r="N570724" s="10"/>
    </row>
    <row r="570725" spans="14:14">
      <c r="N570725" s="10"/>
    </row>
    <row r="570726" spans="14:14">
      <c r="N570726" s="10"/>
    </row>
    <row r="570727" spans="14:14">
      <c r="N570727" s="10"/>
    </row>
    <row r="570728" spans="14:14">
      <c r="N570728" s="10"/>
    </row>
    <row r="570729" spans="14:14">
      <c r="N570729" s="10"/>
    </row>
    <row r="570730" spans="14:14">
      <c r="N570730" s="10"/>
    </row>
    <row r="570731" spans="14:14">
      <c r="N570731" s="10"/>
    </row>
    <row r="570732" spans="14:14">
      <c r="N570732" s="10"/>
    </row>
    <row r="570733" spans="14:14">
      <c r="N570733" s="10"/>
    </row>
    <row r="570734" spans="14:14">
      <c r="N570734" s="10"/>
    </row>
    <row r="570735" spans="14:14">
      <c r="N570735" s="10"/>
    </row>
    <row r="570736" spans="14:14">
      <c r="N570736" s="10"/>
    </row>
    <row r="570737" spans="14:14">
      <c r="N570737" s="10"/>
    </row>
    <row r="570738" spans="14:14">
      <c r="N570738" s="10"/>
    </row>
    <row r="570739" spans="14:14">
      <c r="N570739" s="10"/>
    </row>
    <row r="570740" spans="14:14">
      <c r="N570740" s="10"/>
    </row>
    <row r="570741" spans="14:14">
      <c r="N570741" s="10"/>
    </row>
    <row r="570742" spans="14:14">
      <c r="N570742" s="10"/>
    </row>
    <row r="570743" spans="14:14">
      <c r="N570743" s="10"/>
    </row>
    <row r="570744" spans="14:14">
      <c r="N570744" s="10"/>
    </row>
    <row r="570745" spans="14:14">
      <c r="N570745" s="10"/>
    </row>
    <row r="570746" spans="14:14">
      <c r="N570746" s="10"/>
    </row>
    <row r="570747" spans="14:14">
      <c r="N570747" s="10"/>
    </row>
    <row r="570748" spans="14:14">
      <c r="N570748" s="10"/>
    </row>
    <row r="570749" spans="14:14">
      <c r="N570749" s="10"/>
    </row>
    <row r="570750" spans="14:14">
      <c r="N570750" s="10"/>
    </row>
    <row r="570751" spans="14:14">
      <c r="N570751" s="10"/>
    </row>
    <row r="570752" spans="14:14">
      <c r="N570752" s="10"/>
    </row>
    <row r="570753" spans="14:14">
      <c r="N570753" s="10"/>
    </row>
    <row r="570754" spans="14:14">
      <c r="N570754" s="10"/>
    </row>
    <row r="570755" spans="14:14">
      <c r="N570755" s="10"/>
    </row>
    <row r="570756" spans="14:14">
      <c r="N570756" s="10"/>
    </row>
    <row r="570757" spans="14:14">
      <c r="N570757" s="10"/>
    </row>
    <row r="570758" spans="14:14">
      <c r="N570758" s="10"/>
    </row>
    <row r="570759" spans="14:14">
      <c r="N570759" s="10"/>
    </row>
    <row r="570760" spans="14:14">
      <c r="N570760" s="10"/>
    </row>
    <row r="570761" spans="14:14">
      <c r="N570761" s="10"/>
    </row>
    <row r="570762" spans="14:14">
      <c r="N570762" s="10"/>
    </row>
    <row r="570763" spans="14:14">
      <c r="N570763" s="10"/>
    </row>
    <row r="570764" spans="14:14">
      <c r="N570764" s="10"/>
    </row>
    <row r="570765" spans="14:14">
      <c r="N570765" s="10"/>
    </row>
    <row r="570766" spans="14:14">
      <c r="N570766" s="10"/>
    </row>
    <row r="570767" spans="14:14">
      <c r="N570767" s="10"/>
    </row>
    <row r="570768" spans="14:14">
      <c r="N570768" s="10"/>
    </row>
    <row r="570769" spans="14:14">
      <c r="N570769" s="10"/>
    </row>
    <row r="570770" spans="14:14">
      <c r="N570770" s="10"/>
    </row>
    <row r="570771" spans="14:14">
      <c r="N570771" s="10"/>
    </row>
    <row r="570772" spans="14:14">
      <c r="N570772" s="10"/>
    </row>
    <row r="570773" spans="14:14">
      <c r="N570773" s="10"/>
    </row>
    <row r="570774" spans="14:14">
      <c r="N570774" s="10"/>
    </row>
    <row r="570775" spans="14:14">
      <c r="N570775" s="10"/>
    </row>
    <row r="570776" spans="14:14">
      <c r="N570776" s="10"/>
    </row>
    <row r="570777" spans="14:14">
      <c r="N570777" s="10"/>
    </row>
    <row r="570778" spans="14:14">
      <c r="N570778" s="10"/>
    </row>
    <row r="570779" spans="14:14">
      <c r="N570779" s="10"/>
    </row>
    <row r="570780" spans="14:14">
      <c r="N570780" s="10"/>
    </row>
    <row r="570781" spans="14:14">
      <c r="N570781" s="10"/>
    </row>
    <row r="570782" spans="14:14">
      <c r="N570782" s="10"/>
    </row>
    <row r="570783" spans="14:14">
      <c r="N570783" s="10"/>
    </row>
    <row r="570784" spans="14:14">
      <c r="N570784" s="10"/>
    </row>
    <row r="570785" spans="14:14">
      <c r="N570785" s="10"/>
    </row>
    <row r="570786" spans="14:14">
      <c r="N570786" s="10"/>
    </row>
    <row r="570787" spans="14:14">
      <c r="N570787" s="10"/>
    </row>
    <row r="570788" spans="14:14">
      <c r="N570788" s="10"/>
    </row>
    <row r="570789" spans="14:14">
      <c r="N570789" s="10"/>
    </row>
    <row r="570790" spans="14:14">
      <c r="N570790" s="10"/>
    </row>
    <row r="570791" spans="14:14">
      <c r="N570791" s="10"/>
    </row>
    <row r="570792" spans="14:14">
      <c r="N570792" s="10"/>
    </row>
    <row r="570793" spans="14:14">
      <c r="N570793" s="10"/>
    </row>
    <row r="570794" spans="14:14">
      <c r="N570794" s="10"/>
    </row>
    <row r="570795" spans="14:14">
      <c r="N570795" s="10"/>
    </row>
    <row r="570796" spans="14:14">
      <c r="N570796" s="10"/>
    </row>
    <row r="570797" spans="14:14">
      <c r="N570797" s="10"/>
    </row>
    <row r="570798" spans="14:14">
      <c r="N570798" s="10"/>
    </row>
    <row r="570799" spans="14:14">
      <c r="N570799" s="10"/>
    </row>
    <row r="570800" spans="14:14">
      <c r="N570800" s="10"/>
    </row>
    <row r="570801" spans="14:14">
      <c r="N570801" s="10"/>
    </row>
    <row r="570802" spans="14:14">
      <c r="N570802" s="10"/>
    </row>
    <row r="570803" spans="14:14">
      <c r="N570803" s="10"/>
    </row>
    <row r="570804" spans="14:14">
      <c r="N570804" s="10"/>
    </row>
    <row r="570805" spans="14:14">
      <c r="N570805" s="10"/>
    </row>
    <row r="570806" spans="14:14">
      <c r="N570806" s="10"/>
    </row>
    <row r="570807" spans="14:14">
      <c r="N570807" s="10"/>
    </row>
    <row r="570808" spans="14:14">
      <c r="N570808" s="10"/>
    </row>
    <row r="570809" spans="14:14">
      <c r="N570809" s="10"/>
    </row>
    <row r="570810" spans="14:14">
      <c r="N570810" s="10"/>
    </row>
    <row r="570811" spans="14:14">
      <c r="N570811" s="10"/>
    </row>
    <row r="570812" spans="14:14">
      <c r="N570812" s="10"/>
    </row>
    <row r="570813" spans="14:14">
      <c r="N570813" s="10"/>
    </row>
    <row r="570814" spans="14:14">
      <c r="N570814" s="10"/>
    </row>
    <row r="570815" spans="14:14">
      <c r="N570815" s="10"/>
    </row>
    <row r="570816" spans="14:14">
      <c r="N570816" s="10"/>
    </row>
    <row r="570817" spans="14:14">
      <c r="N570817" s="10"/>
    </row>
    <row r="570818" spans="14:14">
      <c r="N570818" s="10"/>
    </row>
    <row r="570819" spans="14:14">
      <c r="N570819" s="10"/>
    </row>
    <row r="570820" spans="14:14">
      <c r="N570820" s="10"/>
    </row>
    <row r="570821" spans="14:14">
      <c r="N570821" s="10"/>
    </row>
    <row r="570822" spans="14:14">
      <c r="N570822" s="10"/>
    </row>
    <row r="570823" spans="14:14">
      <c r="N570823" s="10"/>
    </row>
    <row r="570824" spans="14:14">
      <c r="N570824" s="10"/>
    </row>
    <row r="570825" spans="14:14">
      <c r="N570825" s="10"/>
    </row>
    <row r="570826" spans="14:14">
      <c r="N570826" s="10"/>
    </row>
    <row r="570827" spans="14:14">
      <c r="N570827" s="10"/>
    </row>
    <row r="570828" spans="14:14">
      <c r="N570828" s="10"/>
    </row>
    <row r="570829" spans="14:14">
      <c r="N570829" s="10"/>
    </row>
    <row r="570830" spans="14:14">
      <c r="N570830" s="10"/>
    </row>
    <row r="570831" spans="14:14">
      <c r="N570831" s="10"/>
    </row>
    <row r="570832" spans="14:14">
      <c r="N570832" s="10"/>
    </row>
    <row r="570833" spans="14:14">
      <c r="N570833" s="10"/>
    </row>
    <row r="570834" spans="14:14">
      <c r="N570834" s="10"/>
    </row>
    <row r="570835" spans="14:14">
      <c r="N570835" s="10"/>
    </row>
    <row r="570836" spans="14:14">
      <c r="N570836" s="10"/>
    </row>
    <row r="570837" spans="14:14">
      <c r="N570837" s="10"/>
    </row>
    <row r="570838" spans="14:14">
      <c r="N570838" s="10"/>
    </row>
    <row r="570839" spans="14:14">
      <c r="N570839" s="10"/>
    </row>
    <row r="570840" spans="14:14">
      <c r="N570840" s="10"/>
    </row>
    <row r="570841" spans="14:14">
      <c r="N570841" s="10"/>
    </row>
    <row r="570842" spans="14:14">
      <c r="N570842" s="10"/>
    </row>
    <row r="570843" spans="14:14">
      <c r="N570843" s="10"/>
    </row>
    <row r="570844" spans="14:14">
      <c r="N570844" s="10"/>
    </row>
    <row r="570845" spans="14:14">
      <c r="N570845" s="10"/>
    </row>
    <row r="570846" spans="14:14">
      <c r="N570846" s="10"/>
    </row>
    <row r="570847" spans="14:14">
      <c r="N570847" s="10"/>
    </row>
    <row r="570848" spans="14:14">
      <c r="N570848" s="10"/>
    </row>
    <row r="570849" spans="14:14">
      <c r="N570849" s="10"/>
    </row>
    <row r="570850" spans="14:14">
      <c r="N570850" s="10"/>
    </row>
    <row r="570851" spans="14:14">
      <c r="N570851" s="10"/>
    </row>
    <row r="570852" spans="14:14">
      <c r="N570852" s="10"/>
    </row>
    <row r="570853" spans="14:14">
      <c r="N570853" s="10"/>
    </row>
    <row r="570854" spans="14:14">
      <c r="N570854" s="10"/>
    </row>
    <row r="570855" spans="14:14">
      <c r="N570855" s="10"/>
    </row>
    <row r="570856" spans="14:14">
      <c r="N570856" s="10"/>
    </row>
    <row r="570857" spans="14:14">
      <c r="N570857" s="10"/>
    </row>
    <row r="570858" spans="14:14">
      <c r="N570858" s="10"/>
    </row>
    <row r="570859" spans="14:14">
      <c r="N570859" s="10"/>
    </row>
    <row r="570860" spans="14:14">
      <c r="N570860" s="10"/>
    </row>
    <row r="570861" spans="14:14">
      <c r="N570861" s="10"/>
    </row>
    <row r="570862" spans="14:14">
      <c r="N570862" s="10"/>
    </row>
    <row r="570863" spans="14:14">
      <c r="N570863" s="10"/>
    </row>
    <row r="570864" spans="14:14">
      <c r="N570864" s="10"/>
    </row>
    <row r="570865" spans="14:14">
      <c r="N570865" s="10"/>
    </row>
    <row r="570866" spans="14:14">
      <c r="N570866" s="10"/>
    </row>
    <row r="570867" spans="14:14">
      <c r="N570867" s="10"/>
    </row>
    <row r="570868" spans="14:14">
      <c r="N570868" s="10"/>
    </row>
    <row r="570869" spans="14:14">
      <c r="N570869" s="10"/>
    </row>
    <row r="570870" spans="14:14">
      <c r="N570870" s="10"/>
    </row>
    <row r="570871" spans="14:14">
      <c r="N570871" s="10"/>
    </row>
    <row r="570872" spans="14:14">
      <c r="N570872" s="10"/>
    </row>
    <row r="570873" spans="14:14">
      <c r="N570873" s="10"/>
    </row>
    <row r="570874" spans="14:14">
      <c r="N570874" s="10"/>
    </row>
    <row r="570875" spans="14:14">
      <c r="N570875" s="10"/>
    </row>
    <row r="570876" spans="14:14">
      <c r="N570876" s="10"/>
    </row>
    <row r="570877" spans="14:14">
      <c r="N570877" s="10"/>
    </row>
    <row r="570878" spans="14:14">
      <c r="N570878" s="10"/>
    </row>
    <row r="570879" spans="14:14">
      <c r="N570879" s="10"/>
    </row>
    <row r="570880" spans="14:14">
      <c r="N570880" s="10"/>
    </row>
    <row r="570881" spans="14:14">
      <c r="N570881" s="10"/>
    </row>
    <row r="570882" spans="14:14">
      <c r="N570882" s="10"/>
    </row>
    <row r="570883" spans="14:14">
      <c r="N570883" s="10"/>
    </row>
    <row r="570884" spans="14:14">
      <c r="N570884" s="10"/>
    </row>
    <row r="570885" spans="14:14">
      <c r="N570885" s="10"/>
    </row>
    <row r="570886" spans="14:14">
      <c r="N570886" s="10"/>
    </row>
    <row r="570887" spans="14:14">
      <c r="N570887" s="10"/>
    </row>
    <row r="570888" spans="14:14">
      <c r="N570888" s="10"/>
    </row>
    <row r="570889" spans="14:14">
      <c r="N570889" s="10"/>
    </row>
    <row r="570890" spans="14:14">
      <c r="N570890" s="10"/>
    </row>
    <row r="570891" spans="14:14">
      <c r="N570891" s="10"/>
    </row>
    <row r="570892" spans="14:14">
      <c r="N570892" s="10"/>
    </row>
    <row r="570893" spans="14:14">
      <c r="N570893" s="10"/>
    </row>
    <row r="570894" spans="14:14">
      <c r="N570894" s="10"/>
    </row>
    <row r="570895" spans="14:14">
      <c r="N570895" s="10"/>
    </row>
    <row r="570896" spans="14:14">
      <c r="N570896" s="10"/>
    </row>
    <row r="570897" spans="14:14">
      <c r="N570897" s="10"/>
    </row>
    <row r="570898" spans="14:14">
      <c r="N570898" s="10"/>
    </row>
    <row r="570899" spans="14:14">
      <c r="N570899" s="10"/>
    </row>
    <row r="570900" spans="14:14">
      <c r="N570900" s="10"/>
    </row>
    <row r="570901" spans="14:14">
      <c r="N570901" s="10"/>
    </row>
    <row r="570902" spans="14:14">
      <c r="N570902" s="10"/>
    </row>
    <row r="570903" spans="14:14">
      <c r="N570903" s="10"/>
    </row>
    <row r="570904" spans="14:14">
      <c r="N570904" s="10"/>
    </row>
    <row r="570905" spans="14:14">
      <c r="N570905" s="10"/>
    </row>
    <row r="570906" spans="14:14">
      <c r="N570906" s="10"/>
    </row>
    <row r="570907" spans="14:14">
      <c r="N570907" s="10"/>
    </row>
    <row r="570908" spans="14:14">
      <c r="N570908" s="10"/>
    </row>
    <row r="570909" spans="14:14">
      <c r="N570909" s="10"/>
    </row>
    <row r="570910" spans="14:14">
      <c r="N570910" s="10"/>
    </row>
    <row r="570911" spans="14:14">
      <c r="N570911" s="10"/>
    </row>
    <row r="570912" spans="14:14">
      <c r="N570912" s="10"/>
    </row>
    <row r="570913" spans="14:14">
      <c r="N570913" s="10"/>
    </row>
    <row r="570914" spans="14:14">
      <c r="N570914" s="10"/>
    </row>
    <row r="570915" spans="14:14">
      <c r="N570915" s="10"/>
    </row>
    <row r="570916" spans="14:14">
      <c r="N570916" s="10"/>
    </row>
    <row r="570917" spans="14:14">
      <c r="N570917" s="10"/>
    </row>
    <row r="570918" spans="14:14">
      <c r="N570918" s="10"/>
    </row>
    <row r="570919" spans="14:14">
      <c r="N570919" s="10"/>
    </row>
    <row r="570920" spans="14:14">
      <c r="N570920" s="10"/>
    </row>
    <row r="570921" spans="14:14">
      <c r="N570921" s="10"/>
    </row>
    <row r="570922" spans="14:14">
      <c r="N570922" s="10"/>
    </row>
    <row r="570923" spans="14:14">
      <c r="N570923" s="10"/>
    </row>
    <row r="570924" spans="14:14">
      <c r="N570924" s="10"/>
    </row>
    <row r="570925" spans="14:14">
      <c r="N570925" s="10"/>
    </row>
    <row r="570926" spans="14:14">
      <c r="N570926" s="10"/>
    </row>
    <row r="570927" spans="14:14">
      <c r="N570927" s="10"/>
    </row>
    <row r="570928" spans="14:14">
      <c r="N570928" s="10"/>
    </row>
    <row r="570929" spans="14:14">
      <c r="N570929" s="10"/>
    </row>
    <row r="570930" spans="14:14">
      <c r="N570930" s="10"/>
    </row>
    <row r="570931" spans="14:14">
      <c r="N570931" s="10"/>
    </row>
    <row r="570932" spans="14:14">
      <c r="N570932" s="10"/>
    </row>
    <row r="570933" spans="14:14">
      <c r="N570933" s="10"/>
    </row>
    <row r="570934" spans="14:14">
      <c r="N570934" s="10"/>
    </row>
    <row r="570935" spans="14:14">
      <c r="N570935" s="10"/>
    </row>
    <row r="570936" spans="14:14">
      <c r="N570936" s="10"/>
    </row>
    <row r="570937" spans="14:14">
      <c r="N570937" s="10"/>
    </row>
    <row r="570938" spans="14:14">
      <c r="N570938" s="10"/>
    </row>
    <row r="570939" spans="14:14">
      <c r="N570939" s="10"/>
    </row>
    <row r="570940" spans="14:14">
      <c r="N570940" s="10"/>
    </row>
    <row r="570941" spans="14:14">
      <c r="N570941" s="10"/>
    </row>
    <row r="570942" spans="14:14">
      <c r="N570942" s="10"/>
    </row>
    <row r="570943" spans="14:14">
      <c r="N570943" s="10"/>
    </row>
    <row r="570944" spans="14:14">
      <c r="N570944" s="10"/>
    </row>
    <row r="570945" spans="14:14">
      <c r="N570945" s="10"/>
    </row>
    <row r="570946" spans="14:14">
      <c r="N570946" s="10"/>
    </row>
    <row r="570947" spans="14:14">
      <c r="N570947" s="10"/>
    </row>
    <row r="570948" spans="14:14">
      <c r="N570948" s="10"/>
    </row>
    <row r="570949" spans="14:14">
      <c r="N570949" s="10"/>
    </row>
    <row r="570950" spans="14:14">
      <c r="N570950" s="10"/>
    </row>
    <row r="570951" spans="14:14">
      <c r="N570951" s="10"/>
    </row>
    <row r="570952" spans="14:14">
      <c r="N570952" s="10"/>
    </row>
    <row r="570953" spans="14:14">
      <c r="N570953" s="10"/>
    </row>
    <row r="570954" spans="14:14">
      <c r="N570954" s="10"/>
    </row>
    <row r="570955" spans="14:14">
      <c r="N570955" s="10"/>
    </row>
    <row r="570956" spans="14:14">
      <c r="N570956" s="10"/>
    </row>
    <row r="570957" spans="14:14">
      <c r="N570957" s="10"/>
    </row>
    <row r="570958" spans="14:14">
      <c r="N570958" s="10"/>
    </row>
    <row r="570959" spans="14:14">
      <c r="N570959" s="10"/>
    </row>
    <row r="570960" spans="14:14">
      <c r="N570960" s="10"/>
    </row>
    <row r="570961" spans="14:14">
      <c r="N570961" s="10"/>
    </row>
    <row r="570962" spans="14:14">
      <c r="N570962" s="10"/>
    </row>
    <row r="570963" spans="14:14">
      <c r="N570963" s="10"/>
    </row>
    <row r="570964" spans="14:14">
      <c r="N570964" s="10"/>
    </row>
    <row r="570965" spans="14:14">
      <c r="N570965" s="10"/>
    </row>
    <row r="570966" spans="14:14">
      <c r="N570966" s="10"/>
    </row>
    <row r="570967" spans="14:14">
      <c r="N570967" s="10"/>
    </row>
    <row r="570968" spans="14:14">
      <c r="N570968" s="10"/>
    </row>
    <row r="570969" spans="14:14">
      <c r="N570969" s="10"/>
    </row>
    <row r="570970" spans="14:14">
      <c r="N570970" s="10"/>
    </row>
    <row r="570971" spans="14:14">
      <c r="N570971" s="10"/>
    </row>
    <row r="570972" spans="14:14">
      <c r="N570972" s="10"/>
    </row>
    <row r="570973" spans="14:14">
      <c r="N570973" s="10"/>
    </row>
    <row r="570974" spans="14:14">
      <c r="N570974" s="10"/>
    </row>
    <row r="570975" spans="14:14">
      <c r="N570975" s="10"/>
    </row>
    <row r="570976" spans="14:14">
      <c r="N570976" s="10"/>
    </row>
    <row r="570977" spans="14:14">
      <c r="N570977" s="10"/>
    </row>
    <row r="570978" spans="14:14">
      <c r="N570978" s="10"/>
    </row>
    <row r="570979" spans="14:14">
      <c r="N570979" s="10"/>
    </row>
    <row r="570980" spans="14:14">
      <c r="N570980" s="10"/>
    </row>
    <row r="570981" spans="14:14">
      <c r="N570981" s="10"/>
    </row>
    <row r="570982" spans="14:14">
      <c r="N570982" s="10"/>
    </row>
    <row r="570983" spans="14:14">
      <c r="N570983" s="10"/>
    </row>
    <row r="570984" spans="14:14">
      <c r="N570984" s="10"/>
    </row>
    <row r="570985" spans="14:14">
      <c r="N570985" s="10"/>
    </row>
    <row r="570986" spans="14:14">
      <c r="N570986" s="10"/>
    </row>
    <row r="570987" spans="14:14">
      <c r="N570987" s="10"/>
    </row>
    <row r="570988" spans="14:14">
      <c r="N570988" s="10"/>
    </row>
    <row r="570989" spans="14:14">
      <c r="N570989" s="10"/>
    </row>
    <row r="570990" spans="14:14">
      <c r="N570990" s="10"/>
    </row>
    <row r="570991" spans="14:14">
      <c r="N570991" s="10"/>
    </row>
    <row r="570992" spans="14:14">
      <c r="N570992" s="10"/>
    </row>
    <row r="570993" spans="14:14">
      <c r="N570993" s="10"/>
    </row>
    <row r="570994" spans="14:14">
      <c r="N570994" s="10"/>
    </row>
    <row r="570995" spans="14:14">
      <c r="N570995" s="10"/>
    </row>
    <row r="570996" spans="14:14">
      <c r="N570996" s="10"/>
    </row>
    <row r="570997" spans="14:14">
      <c r="N570997" s="10"/>
    </row>
    <row r="570998" spans="14:14">
      <c r="N570998" s="10"/>
    </row>
    <row r="570999" spans="14:14">
      <c r="N570999" s="10"/>
    </row>
    <row r="571000" spans="14:14">
      <c r="N571000" s="10"/>
    </row>
    <row r="571001" spans="14:14">
      <c r="N571001" s="10"/>
    </row>
    <row r="571002" spans="14:14">
      <c r="N571002" s="10"/>
    </row>
    <row r="571003" spans="14:14">
      <c r="N571003" s="10"/>
    </row>
    <row r="571004" spans="14:14">
      <c r="N571004" s="10"/>
    </row>
    <row r="571005" spans="14:14">
      <c r="N571005" s="10"/>
    </row>
    <row r="571006" spans="14:14">
      <c r="N571006" s="10"/>
    </row>
    <row r="571007" spans="14:14">
      <c r="N571007" s="10"/>
    </row>
    <row r="571008" spans="14:14">
      <c r="N571008" s="10"/>
    </row>
    <row r="571009" spans="14:14">
      <c r="N571009" s="10"/>
    </row>
    <row r="571010" spans="14:14">
      <c r="N571010" s="10"/>
    </row>
    <row r="571011" spans="14:14">
      <c r="N571011" s="10"/>
    </row>
    <row r="571012" spans="14:14">
      <c r="N571012" s="10"/>
    </row>
    <row r="571013" spans="14:14">
      <c r="N571013" s="10"/>
    </row>
    <row r="571014" spans="14:14">
      <c r="N571014" s="10"/>
    </row>
    <row r="571015" spans="14:14">
      <c r="N571015" s="10"/>
    </row>
    <row r="571016" spans="14:14">
      <c r="N571016" s="10"/>
    </row>
    <row r="571017" spans="14:14">
      <c r="N571017" s="10"/>
    </row>
    <row r="571018" spans="14:14">
      <c r="N571018" s="10"/>
    </row>
    <row r="571019" spans="14:14">
      <c r="N571019" s="10"/>
    </row>
    <row r="571020" spans="14:14">
      <c r="N571020" s="10"/>
    </row>
    <row r="571021" spans="14:14">
      <c r="N571021" s="10"/>
    </row>
    <row r="571022" spans="14:14">
      <c r="N571022" s="10"/>
    </row>
    <row r="571023" spans="14:14">
      <c r="N571023" s="10"/>
    </row>
    <row r="571024" spans="14:14">
      <c r="N571024" s="10"/>
    </row>
    <row r="571025" spans="14:14">
      <c r="N571025" s="10"/>
    </row>
    <row r="571026" spans="14:14">
      <c r="N571026" s="10"/>
    </row>
    <row r="571027" spans="14:14">
      <c r="N571027" s="10"/>
    </row>
    <row r="571028" spans="14:14">
      <c r="N571028" s="10"/>
    </row>
    <row r="571029" spans="14:14">
      <c r="N571029" s="10"/>
    </row>
    <row r="571030" spans="14:14">
      <c r="N571030" s="10"/>
    </row>
    <row r="571031" spans="14:14">
      <c r="N571031" s="10"/>
    </row>
    <row r="571032" spans="14:14">
      <c r="N571032" s="10"/>
    </row>
    <row r="571033" spans="14:14">
      <c r="N571033" s="10"/>
    </row>
    <row r="571034" spans="14:14">
      <c r="N571034" s="10"/>
    </row>
    <row r="571035" spans="14:14">
      <c r="N571035" s="10"/>
    </row>
    <row r="571036" spans="14:14">
      <c r="N571036" s="10"/>
    </row>
    <row r="571037" spans="14:14">
      <c r="N571037" s="10"/>
    </row>
    <row r="571038" spans="14:14">
      <c r="N571038" s="10"/>
    </row>
    <row r="571039" spans="14:14">
      <c r="N571039" s="10"/>
    </row>
    <row r="571040" spans="14:14">
      <c r="N571040" s="10"/>
    </row>
    <row r="571041" spans="14:14">
      <c r="N571041" s="10"/>
    </row>
    <row r="571042" spans="14:14">
      <c r="N571042" s="10"/>
    </row>
    <row r="571043" spans="14:14">
      <c r="N571043" s="10"/>
    </row>
    <row r="571044" spans="14:14">
      <c r="N571044" s="10"/>
    </row>
    <row r="571045" spans="14:14">
      <c r="N571045" s="10"/>
    </row>
    <row r="571046" spans="14:14">
      <c r="N571046" s="10"/>
    </row>
    <row r="571047" spans="14:14">
      <c r="N571047" s="10"/>
    </row>
    <row r="571048" spans="14:14">
      <c r="N571048" s="10"/>
    </row>
    <row r="571049" spans="14:14">
      <c r="N571049" s="10"/>
    </row>
    <row r="571050" spans="14:14">
      <c r="N571050" s="10"/>
    </row>
    <row r="571051" spans="14:14">
      <c r="N571051" s="10"/>
    </row>
    <row r="571052" spans="14:14">
      <c r="N571052" s="10"/>
    </row>
    <row r="571053" spans="14:14">
      <c r="N571053" s="10"/>
    </row>
    <row r="571054" spans="14:14">
      <c r="N571054" s="10"/>
    </row>
    <row r="571055" spans="14:14">
      <c r="N571055" s="10"/>
    </row>
    <row r="571056" spans="14:14">
      <c r="N571056" s="10"/>
    </row>
    <row r="571057" spans="14:14">
      <c r="N571057" s="10"/>
    </row>
    <row r="571058" spans="14:14">
      <c r="N571058" s="10"/>
    </row>
    <row r="571059" spans="14:14">
      <c r="N571059" s="10"/>
    </row>
    <row r="571060" spans="14:14">
      <c r="N571060" s="10"/>
    </row>
    <row r="571061" spans="14:14">
      <c r="N571061" s="10"/>
    </row>
    <row r="571062" spans="14:14">
      <c r="N571062" s="10"/>
    </row>
    <row r="571063" spans="14:14">
      <c r="N571063" s="10"/>
    </row>
    <row r="571064" spans="14:14">
      <c r="N571064" s="10"/>
    </row>
    <row r="571065" spans="14:14">
      <c r="N571065" s="10"/>
    </row>
    <row r="571066" spans="14:14">
      <c r="N571066" s="10"/>
    </row>
    <row r="571067" spans="14:14">
      <c r="N571067" s="10"/>
    </row>
    <row r="571068" spans="14:14">
      <c r="N571068" s="10"/>
    </row>
    <row r="571069" spans="14:14">
      <c r="N571069" s="10"/>
    </row>
    <row r="571070" spans="14:14">
      <c r="N571070" s="10"/>
    </row>
    <row r="571071" spans="14:14">
      <c r="N571071" s="10"/>
    </row>
    <row r="571072" spans="14:14">
      <c r="N571072" s="10"/>
    </row>
    <row r="571073" spans="14:14">
      <c r="N571073" s="10"/>
    </row>
    <row r="571074" spans="14:14">
      <c r="N571074" s="10"/>
    </row>
    <row r="571075" spans="14:14">
      <c r="N571075" s="10"/>
    </row>
    <row r="571076" spans="14:14">
      <c r="N571076" s="10"/>
    </row>
    <row r="571077" spans="14:14">
      <c r="N571077" s="10"/>
    </row>
    <row r="571078" spans="14:14">
      <c r="N571078" s="10"/>
    </row>
    <row r="571079" spans="14:14">
      <c r="N571079" s="10"/>
    </row>
    <row r="571080" spans="14:14">
      <c r="N571080" s="10"/>
    </row>
    <row r="571081" spans="14:14">
      <c r="N571081" s="10"/>
    </row>
    <row r="571082" spans="14:14">
      <c r="N571082" s="10"/>
    </row>
    <row r="571083" spans="14:14">
      <c r="N571083" s="10"/>
    </row>
    <row r="571084" spans="14:14">
      <c r="N571084" s="10"/>
    </row>
    <row r="571085" spans="14:14">
      <c r="N571085" s="10"/>
    </row>
    <row r="571086" spans="14:14">
      <c r="N571086" s="10"/>
    </row>
    <row r="571087" spans="14:14">
      <c r="N571087" s="10"/>
    </row>
    <row r="571088" spans="14:14">
      <c r="N571088" s="10"/>
    </row>
    <row r="571089" spans="14:14">
      <c r="N571089" s="10"/>
    </row>
    <row r="571090" spans="14:14">
      <c r="N571090" s="10"/>
    </row>
    <row r="571091" spans="14:14">
      <c r="N571091" s="10"/>
    </row>
    <row r="571092" spans="14:14">
      <c r="N571092" s="10"/>
    </row>
    <row r="571093" spans="14:14">
      <c r="N571093" s="10"/>
    </row>
    <row r="571094" spans="14:14">
      <c r="N571094" s="10"/>
    </row>
    <row r="571095" spans="14:14">
      <c r="N571095" s="10"/>
    </row>
    <row r="571096" spans="14:14">
      <c r="N571096" s="10"/>
    </row>
    <row r="571097" spans="14:14">
      <c r="N571097" s="10"/>
    </row>
    <row r="571098" spans="14:14">
      <c r="N571098" s="10"/>
    </row>
    <row r="571099" spans="14:14">
      <c r="N571099" s="10"/>
    </row>
    <row r="571100" spans="14:14">
      <c r="N571100" s="10"/>
    </row>
    <row r="571101" spans="14:14">
      <c r="N571101" s="10"/>
    </row>
    <row r="571102" spans="14:14">
      <c r="N571102" s="10"/>
    </row>
    <row r="571103" spans="14:14">
      <c r="N571103" s="10"/>
    </row>
    <row r="571104" spans="14:14">
      <c r="N571104" s="10"/>
    </row>
    <row r="571105" spans="14:14">
      <c r="N571105" s="10"/>
    </row>
    <row r="571106" spans="14:14">
      <c r="N571106" s="10"/>
    </row>
    <row r="571107" spans="14:14">
      <c r="N571107" s="10"/>
    </row>
    <row r="571108" spans="14:14">
      <c r="N571108" s="10"/>
    </row>
    <row r="571109" spans="14:14">
      <c r="N571109" s="10"/>
    </row>
    <row r="571110" spans="14:14">
      <c r="N571110" s="10"/>
    </row>
    <row r="571111" spans="14:14">
      <c r="N571111" s="10"/>
    </row>
    <row r="571112" spans="14:14">
      <c r="N571112" s="10"/>
    </row>
    <row r="571113" spans="14:14">
      <c r="N571113" s="10"/>
    </row>
    <row r="571114" spans="14:14">
      <c r="N571114" s="10"/>
    </row>
    <row r="571115" spans="14:14">
      <c r="N571115" s="10"/>
    </row>
    <row r="571116" spans="14:14">
      <c r="N571116" s="10"/>
    </row>
    <row r="571117" spans="14:14">
      <c r="N571117" s="10"/>
    </row>
    <row r="571118" spans="14:14">
      <c r="N571118" s="10"/>
    </row>
    <row r="571119" spans="14:14">
      <c r="N571119" s="10"/>
    </row>
    <row r="571120" spans="14:14">
      <c r="N571120" s="10"/>
    </row>
    <row r="571121" spans="14:14">
      <c r="N571121" s="10"/>
    </row>
    <row r="571122" spans="14:14">
      <c r="N571122" s="10"/>
    </row>
    <row r="571123" spans="14:14">
      <c r="N571123" s="10"/>
    </row>
    <row r="571124" spans="14:14">
      <c r="N571124" s="10"/>
    </row>
    <row r="571125" spans="14:14">
      <c r="N571125" s="10"/>
    </row>
    <row r="571126" spans="14:14">
      <c r="N571126" s="10"/>
    </row>
    <row r="571127" spans="14:14">
      <c r="N571127" s="10"/>
    </row>
    <row r="571128" spans="14:14">
      <c r="N571128" s="10"/>
    </row>
    <row r="571129" spans="14:14">
      <c r="N571129" s="10"/>
    </row>
    <row r="571130" spans="14:14">
      <c r="N571130" s="10"/>
    </row>
    <row r="571131" spans="14:14">
      <c r="N571131" s="10"/>
    </row>
    <row r="571132" spans="14:14">
      <c r="N571132" s="10"/>
    </row>
    <row r="571133" spans="14:14">
      <c r="N571133" s="10"/>
    </row>
    <row r="571134" spans="14:14">
      <c r="N571134" s="10"/>
    </row>
    <row r="571135" spans="14:14">
      <c r="N571135" s="10"/>
    </row>
    <row r="571136" spans="14:14">
      <c r="N571136" s="10"/>
    </row>
    <row r="571137" spans="14:14">
      <c r="N571137" s="10"/>
    </row>
    <row r="571138" spans="14:14">
      <c r="N571138" s="10"/>
    </row>
    <row r="571139" spans="14:14">
      <c r="N571139" s="10"/>
    </row>
    <row r="571140" spans="14:14">
      <c r="N571140" s="10"/>
    </row>
    <row r="571141" spans="14:14">
      <c r="N571141" s="10"/>
    </row>
    <row r="571142" spans="14:14">
      <c r="N571142" s="10"/>
    </row>
    <row r="571143" spans="14:14">
      <c r="N571143" s="10"/>
    </row>
    <row r="571144" spans="14:14">
      <c r="N571144" s="10"/>
    </row>
    <row r="571145" spans="14:14">
      <c r="N571145" s="10"/>
    </row>
    <row r="571146" spans="14:14">
      <c r="N571146" s="10"/>
    </row>
    <row r="571147" spans="14:14">
      <c r="N571147" s="10"/>
    </row>
    <row r="571148" spans="14:14">
      <c r="N571148" s="10"/>
    </row>
    <row r="571149" spans="14:14">
      <c r="N571149" s="10"/>
    </row>
    <row r="571150" spans="14:14">
      <c r="N571150" s="10"/>
    </row>
    <row r="571151" spans="14:14">
      <c r="N571151" s="10"/>
    </row>
    <row r="571152" spans="14:14">
      <c r="N571152" s="10"/>
    </row>
    <row r="571153" spans="14:14">
      <c r="N571153" s="10"/>
    </row>
    <row r="571154" spans="14:14">
      <c r="N571154" s="10"/>
    </row>
    <row r="571155" spans="14:14">
      <c r="N571155" s="10"/>
    </row>
    <row r="571156" spans="14:14">
      <c r="N571156" s="10"/>
    </row>
    <row r="571157" spans="14:14">
      <c r="N571157" s="10"/>
    </row>
    <row r="571158" spans="14:14">
      <c r="N571158" s="10"/>
    </row>
    <row r="571159" spans="14:14">
      <c r="N571159" s="10"/>
    </row>
    <row r="571160" spans="14:14">
      <c r="N571160" s="10"/>
    </row>
    <row r="571161" spans="14:14">
      <c r="N571161" s="10"/>
    </row>
    <row r="571162" spans="14:14">
      <c r="N571162" s="10"/>
    </row>
    <row r="571163" spans="14:14">
      <c r="N571163" s="10"/>
    </row>
    <row r="571164" spans="14:14">
      <c r="N571164" s="10"/>
    </row>
    <row r="571165" spans="14:14">
      <c r="N571165" s="10"/>
    </row>
    <row r="571166" spans="14:14">
      <c r="N571166" s="10"/>
    </row>
    <row r="571167" spans="14:14">
      <c r="N571167" s="10"/>
    </row>
    <row r="571168" spans="14:14">
      <c r="N571168" s="10"/>
    </row>
    <row r="571169" spans="14:14">
      <c r="N571169" s="10"/>
    </row>
    <row r="571170" spans="14:14">
      <c r="N571170" s="10"/>
    </row>
    <row r="571171" spans="14:14">
      <c r="N571171" s="10"/>
    </row>
    <row r="571172" spans="14:14">
      <c r="N571172" s="10"/>
    </row>
    <row r="571173" spans="14:14">
      <c r="N571173" s="10"/>
    </row>
    <row r="571174" spans="14:14">
      <c r="N571174" s="10"/>
    </row>
    <row r="571175" spans="14:14">
      <c r="N571175" s="10"/>
    </row>
    <row r="571176" spans="14:14">
      <c r="N571176" s="10"/>
    </row>
    <row r="571177" spans="14:14">
      <c r="N571177" s="10"/>
    </row>
    <row r="571178" spans="14:14">
      <c r="N571178" s="10"/>
    </row>
    <row r="571179" spans="14:14">
      <c r="N571179" s="10"/>
    </row>
    <row r="571180" spans="14:14">
      <c r="N571180" s="10"/>
    </row>
    <row r="571181" spans="14:14">
      <c r="N571181" s="10"/>
    </row>
    <row r="571182" spans="14:14">
      <c r="N571182" s="10"/>
    </row>
    <row r="571183" spans="14:14">
      <c r="N571183" s="10"/>
    </row>
    <row r="571184" spans="14:14">
      <c r="N571184" s="10"/>
    </row>
    <row r="571185" spans="14:14">
      <c r="N571185" s="10"/>
    </row>
    <row r="571186" spans="14:14">
      <c r="N571186" s="10"/>
    </row>
    <row r="571187" spans="14:14">
      <c r="N571187" s="10"/>
    </row>
    <row r="571188" spans="14:14">
      <c r="N571188" s="10"/>
    </row>
    <row r="571189" spans="14:14">
      <c r="N571189" s="10"/>
    </row>
    <row r="571190" spans="14:14">
      <c r="N571190" s="10"/>
    </row>
    <row r="571191" spans="14:14">
      <c r="N571191" s="10"/>
    </row>
    <row r="571192" spans="14:14">
      <c r="N571192" s="10"/>
    </row>
    <row r="571193" spans="14:14">
      <c r="N571193" s="10"/>
    </row>
    <row r="571194" spans="14:14">
      <c r="N571194" s="10"/>
    </row>
    <row r="571195" spans="14:14">
      <c r="N571195" s="10"/>
    </row>
    <row r="571196" spans="14:14">
      <c r="N571196" s="10"/>
    </row>
    <row r="571197" spans="14:14">
      <c r="N571197" s="10"/>
    </row>
    <row r="571198" spans="14:14">
      <c r="N571198" s="10"/>
    </row>
    <row r="571199" spans="14:14">
      <c r="N571199" s="10"/>
    </row>
    <row r="571200" spans="14:14">
      <c r="N571200" s="10"/>
    </row>
    <row r="571201" spans="14:14">
      <c r="N571201" s="10"/>
    </row>
    <row r="571202" spans="14:14">
      <c r="N571202" s="10"/>
    </row>
    <row r="571203" spans="14:14">
      <c r="N571203" s="10"/>
    </row>
    <row r="571204" spans="14:14">
      <c r="N571204" s="10"/>
    </row>
    <row r="571205" spans="14:14">
      <c r="N571205" s="10"/>
    </row>
    <row r="571206" spans="14:14">
      <c r="N571206" s="10"/>
    </row>
    <row r="571207" spans="14:14">
      <c r="N571207" s="10"/>
    </row>
    <row r="571208" spans="14:14">
      <c r="N571208" s="10"/>
    </row>
    <row r="571209" spans="14:14">
      <c r="N571209" s="10"/>
    </row>
    <row r="571210" spans="14:14">
      <c r="N571210" s="10"/>
    </row>
    <row r="571211" spans="14:14">
      <c r="N571211" s="10"/>
    </row>
    <row r="571212" spans="14:14">
      <c r="N571212" s="10"/>
    </row>
    <row r="571213" spans="14:14">
      <c r="N571213" s="10"/>
    </row>
    <row r="571214" spans="14:14">
      <c r="N571214" s="10"/>
    </row>
    <row r="571215" spans="14:14">
      <c r="N571215" s="10"/>
    </row>
    <row r="571216" spans="14:14">
      <c r="N571216" s="10"/>
    </row>
    <row r="571217" spans="14:14">
      <c r="N571217" s="10"/>
    </row>
    <row r="571218" spans="14:14">
      <c r="N571218" s="10"/>
    </row>
    <row r="571219" spans="14:14">
      <c r="N571219" s="10"/>
    </row>
    <row r="571220" spans="14:14">
      <c r="N571220" s="10"/>
    </row>
    <row r="571221" spans="14:14">
      <c r="N571221" s="10"/>
    </row>
    <row r="571222" spans="14:14">
      <c r="N571222" s="10"/>
    </row>
    <row r="571223" spans="14:14">
      <c r="N571223" s="10"/>
    </row>
    <row r="571224" spans="14:14">
      <c r="N571224" s="10"/>
    </row>
    <row r="571225" spans="14:14">
      <c r="N571225" s="10"/>
    </row>
    <row r="571226" spans="14:14">
      <c r="N571226" s="10"/>
    </row>
    <row r="571227" spans="14:14">
      <c r="N571227" s="10"/>
    </row>
    <row r="571228" spans="14:14">
      <c r="N571228" s="10"/>
    </row>
    <row r="571229" spans="14:14">
      <c r="N571229" s="10"/>
    </row>
    <row r="571230" spans="14:14">
      <c r="N571230" s="10"/>
    </row>
    <row r="571231" spans="14:14">
      <c r="N571231" s="10"/>
    </row>
    <row r="571232" spans="14:14">
      <c r="N571232" s="10"/>
    </row>
    <row r="571233" spans="14:14">
      <c r="N571233" s="10"/>
    </row>
    <row r="571234" spans="14:14">
      <c r="N571234" s="10"/>
    </row>
    <row r="571235" spans="14:14">
      <c r="N571235" s="10"/>
    </row>
    <row r="571236" spans="14:14">
      <c r="N571236" s="10"/>
    </row>
    <row r="571237" spans="14:14">
      <c r="N571237" s="10"/>
    </row>
    <row r="571238" spans="14:14">
      <c r="N571238" s="10"/>
    </row>
    <row r="571239" spans="14:14">
      <c r="N571239" s="10"/>
    </row>
    <row r="571240" spans="14:14">
      <c r="N571240" s="10"/>
    </row>
    <row r="571241" spans="14:14">
      <c r="N571241" s="10"/>
    </row>
    <row r="571242" spans="14:14">
      <c r="N571242" s="10"/>
    </row>
    <row r="571243" spans="14:14">
      <c r="N571243" s="10"/>
    </row>
    <row r="571244" spans="14:14">
      <c r="N571244" s="10"/>
    </row>
    <row r="571245" spans="14:14">
      <c r="N571245" s="10"/>
    </row>
    <row r="571246" spans="14:14">
      <c r="N571246" s="10"/>
    </row>
    <row r="571247" spans="14:14">
      <c r="N571247" s="10"/>
    </row>
    <row r="571248" spans="14:14">
      <c r="N571248" s="10"/>
    </row>
    <row r="571249" spans="14:14">
      <c r="N571249" s="10"/>
    </row>
    <row r="571250" spans="14:14">
      <c r="N571250" s="10"/>
    </row>
    <row r="571251" spans="14:14">
      <c r="N571251" s="10"/>
    </row>
    <row r="571252" spans="14:14">
      <c r="N571252" s="10"/>
    </row>
    <row r="571253" spans="14:14">
      <c r="N571253" s="10"/>
    </row>
    <row r="571254" spans="14:14">
      <c r="N571254" s="10"/>
    </row>
    <row r="571255" spans="14:14">
      <c r="N571255" s="10"/>
    </row>
    <row r="571256" spans="14:14">
      <c r="N571256" s="10"/>
    </row>
    <row r="571257" spans="14:14">
      <c r="N571257" s="10"/>
    </row>
    <row r="571258" spans="14:14">
      <c r="N571258" s="10"/>
    </row>
    <row r="571259" spans="14:14">
      <c r="N571259" s="10"/>
    </row>
    <row r="571260" spans="14:14">
      <c r="N571260" s="10"/>
    </row>
    <row r="571261" spans="14:14">
      <c r="N571261" s="10"/>
    </row>
    <row r="571262" spans="14:14">
      <c r="N571262" s="10"/>
    </row>
    <row r="571263" spans="14:14">
      <c r="N571263" s="10"/>
    </row>
    <row r="571264" spans="14:14">
      <c r="N571264" s="10"/>
    </row>
    <row r="571265" spans="14:14">
      <c r="N571265" s="10"/>
    </row>
    <row r="571266" spans="14:14">
      <c r="N571266" s="10"/>
    </row>
    <row r="571267" spans="14:14">
      <c r="N571267" s="10"/>
    </row>
    <row r="571268" spans="14:14">
      <c r="N571268" s="10"/>
    </row>
    <row r="571269" spans="14:14">
      <c r="N571269" s="10"/>
    </row>
    <row r="571270" spans="14:14">
      <c r="N571270" s="10"/>
    </row>
    <row r="571271" spans="14:14">
      <c r="N571271" s="10"/>
    </row>
    <row r="571272" spans="14:14">
      <c r="N571272" s="10"/>
    </row>
    <row r="571273" spans="14:14">
      <c r="N571273" s="10"/>
    </row>
    <row r="571274" spans="14:14">
      <c r="N571274" s="10"/>
    </row>
    <row r="571275" spans="14:14">
      <c r="N571275" s="10"/>
    </row>
    <row r="571276" spans="14:14">
      <c r="N571276" s="10"/>
    </row>
    <row r="571277" spans="14:14">
      <c r="N571277" s="10"/>
    </row>
    <row r="571278" spans="14:14">
      <c r="N571278" s="10"/>
    </row>
    <row r="571279" spans="14:14">
      <c r="N571279" s="10"/>
    </row>
    <row r="571280" spans="14:14">
      <c r="N571280" s="10"/>
    </row>
    <row r="571281" spans="14:14">
      <c r="N571281" s="10"/>
    </row>
    <row r="571282" spans="14:14">
      <c r="N571282" s="10"/>
    </row>
    <row r="571283" spans="14:14">
      <c r="N571283" s="10"/>
    </row>
    <row r="571284" spans="14:14">
      <c r="N571284" s="10"/>
    </row>
    <row r="571285" spans="14:14">
      <c r="N571285" s="10"/>
    </row>
    <row r="571286" spans="14:14">
      <c r="N571286" s="10"/>
    </row>
    <row r="571287" spans="14:14">
      <c r="N571287" s="10"/>
    </row>
    <row r="571288" spans="14:14">
      <c r="N571288" s="10"/>
    </row>
    <row r="571289" spans="14:14">
      <c r="N571289" s="10"/>
    </row>
    <row r="571290" spans="14:14">
      <c r="N571290" s="10"/>
    </row>
    <row r="571291" spans="14:14">
      <c r="N571291" s="10"/>
    </row>
    <row r="571292" spans="14:14">
      <c r="N571292" s="10"/>
    </row>
    <row r="571293" spans="14:14">
      <c r="N571293" s="10"/>
    </row>
    <row r="571294" spans="14:14">
      <c r="N571294" s="10"/>
    </row>
    <row r="571295" spans="14:14">
      <c r="N571295" s="10"/>
    </row>
    <row r="571296" spans="14:14">
      <c r="N571296" s="10"/>
    </row>
    <row r="571297" spans="14:14">
      <c r="N571297" s="10"/>
    </row>
    <row r="571298" spans="14:14">
      <c r="N571298" s="10"/>
    </row>
    <row r="571299" spans="14:14">
      <c r="N571299" s="10"/>
    </row>
    <row r="571300" spans="14:14">
      <c r="N571300" s="10"/>
    </row>
    <row r="571301" spans="14:14">
      <c r="N571301" s="10"/>
    </row>
    <row r="571302" spans="14:14">
      <c r="N571302" s="10"/>
    </row>
    <row r="571303" spans="14:14">
      <c r="N571303" s="10"/>
    </row>
    <row r="571304" spans="14:14">
      <c r="N571304" s="10"/>
    </row>
    <row r="571305" spans="14:14">
      <c r="N571305" s="10"/>
    </row>
    <row r="571306" spans="14:14">
      <c r="N571306" s="10"/>
    </row>
    <row r="571307" spans="14:14">
      <c r="N571307" s="10"/>
    </row>
    <row r="571308" spans="14:14">
      <c r="N571308" s="10"/>
    </row>
    <row r="571309" spans="14:14">
      <c r="N571309" s="10"/>
    </row>
    <row r="571310" spans="14:14">
      <c r="N571310" s="10"/>
    </row>
    <row r="571311" spans="14:14">
      <c r="N571311" s="10"/>
    </row>
    <row r="571312" spans="14:14">
      <c r="N571312" s="10"/>
    </row>
    <row r="571313" spans="14:14">
      <c r="N571313" s="10"/>
    </row>
    <row r="571314" spans="14:14">
      <c r="N571314" s="10"/>
    </row>
    <row r="571315" spans="14:14">
      <c r="N571315" s="10"/>
    </row>
    <row r="571316" spans="14:14">
      <c r="N571316" s="10"/>
    </row>
    <row r="571317" spans="14:14">
      <c r="N571317" s="10"/>
    </row>
    <row r="571318" spans="14:14">
      <c r="N571318" s="10"/>
    </row>
    <row r="571319" spans="14:14">
      <c r="N571319" s="10"/>
    </row>
    <row r="571320" spans="14:14">
      <c r="N571320" s="10"/>
    </row>
    <row r="571321" spans="14:14">
      <c r="N571321" s="10"/>
    </row>
    <row r="571322" spans="14:14">
      <c r="N571322" s="10"/>
    </row>
    <row r="571323" spans="14:14">
      <c r="N571323" s="10"/>
    </row>
    <row r="571324" spans="14:14">
      <c r="N571324" s="10"/>
    </row>
    <row r="571325" spans="14:14">
      <c r="N571325" s="10"/>
    </row>
    <row r="571326" spans="14:14">
      <c r="N571326" s="10"/>
    </row>
    <row r="571327" spans="14:14">
      <c r="N571327" s="10"/>
    </row>
    <row r="571328" spans="14:14">
      <c r="N571328" s="10"/>
    </row>
    <row r="571329" spans="14:14">
      <c r="N571329" s="10"/>
    </row>
    <row r="571330" spans="14:14">
      <c r="N571330" s="10"/>
    </row>
    <row r="571331" spans="14:14">
      <c r="N571331" s="10"/>
    </row>
    <row r="571332" spans="14:14">
      <c r="N571332" s="10"/>
    </row>
    <row r="571333" spans="14:14">
      <c r="N571333" s="10"/>
    </row>
    <row r="571334" spans="14:14">
      <c r="N571334" s="10"/>
    </row>
    <row r="571335" spans="14:14">
      <c r="N571335" s="10"/>
    </row>
    <row r="571336" spans="14:14">
      <c r="N571336" s="10"/>
    </row>
    <row r="571337" spans="14:14">
      <c r="N571337" s="10"/>
    </row>
    <row r="571338" spans="14:14">
      <c r="N571338" s="10"/>
    </row>
    <row r="571339" spans="14:14">
      <c r="N571339" s="10"/>
    </row>
    <row r="571340" spans="14:14">
      <c r="N571340" s="10"/>
    </row>
    <row r="571341" spans="14:14">
      <c r="N571341" s="10"/>
    </row>
    <row r="571342" spans="14:14">
      <c r="N571342" s="10"/>
    </row>
    <row r="571343" spans="14:14">
      <c r="N571343" s="10"/>
    </row>
    <row r="571344" spans="14:14">
      <c r="N571344" s="10"/>
    </row>
    <row r="571345" spans="14:14">
      <c r="N571345" s="10"/>
    </row>
    <row r="571346" spans="14:14">
      <c r="N571346" s="10"/>
    </row>
    <row r="571347" spans="14:14">
      <c r="N571347" s="10"/>
    </row>
    <row r="571348" spans="14:14">
      <c r="N571348" s="10"/>
    </row>
    <row r="571349" spans="14:14">
      <c r="N571349" s="10"/>
    </row>
    <row r="571350" spans="14:14">
      <c r="N571350" s="10"/>
    </row>
    <row r="571351" spans="14:14">
      <c r="N571351" s="10"/>
    </row>
    <row r="571352" spans="14:14">
      <c r="N571352" s="10"/>
    </row>
    <row r="571353" spans="14:14">
      <c r="N571353" s="10"/>
    </row>
    <row r="571354" spans="14:14">
      <c r="N571354" s="10"/>
    </row>
    <row r="571355" spans="14:14">
      <c r="N571355" s="10"/>
    </row>
    <row r="571356" spans="14:14">
      <c r="N571356" s="10"/>
    </row>
    <row r="571357" spans="14:14">
      <c r="N571357" s="10"/>
    </row>
    <row r="571358" spans="14:14">
      <c r="N571358" s="10"/>
    </row>
    <row r="571359" spans="14:14">
      <c r="N571359" s="10"/>
    </row>
    <row r="571360" spans="14:14">
      <c r="N571360" s="10"/>
    </row>
    <row r="571361" spans="14:14">
      <c r="N571361" s="10"/>
    </row>
    <row r="571362" spans="14:14">
      <c r="N571362" s="10"/>
    </row>
    <row r="571363" spans="14:14">
      <c r="N571363" s="10"/>
    </row>
    <row r="571364" spans="14:14">
      <c r="N571364" s="10"/>
    </row>
    <row r="571365" spans="14:14">
      <c r="N571365" s="10"/>
    </row>
    <row r="571366" spans="14:14">
      <c r="N571366" s="10"/>
    </row>
    <row r="571367" spans="14:14">
      <c r="N571367" s="10"/>
    </row>
    <row r="571368" spans="14:14">
      <c r="N571368" s="10"/>
    </row>
    <row r="571369" spans="14:14">
      <c r="N571369" s="10"/>
    </row>
    <row r="571370" spans="14:14">
      <c r="N571370" s="10"/>
    </row>
    <row r="571371" spans="14:14">
      <c r="N571371" s="10"/>
    </row>
    <row r="571372" spans="14:14">
      <c r="N571372" s="10"/>
    </row>
    <row r="571373" spans="14:14">
      <c r="N571373" s="10"/>
    </row>
    <row r="571374" spans="14:14">
      <c r="N571374" s="10"/>
    </row>
    <row r="571375" spans="14:14">
      <c r="N571375" s="10"/>
    </row>
    <row r="571376" spans="14:14">
      <c r="N571376" s="10"/>
    </row>
    <row r="571377" spans="14:14">
      <c r="N571377" s="10"/>
    </row>
    <row r="571378" spans="14:14">
      <c r="N571378" s="10"/>
    </row>
    <row r="571379" spans="14:14">
      <c r="N571379" s="10"/>
    </row>
    <row r="571380" spans="14:14">
      <c r="N571380" s="10"/>
    </row>
    <row r="571381" spans="14:14">
      <c r="N571381" s="10"/>
    </row>
    <row r="571382" spans="14:14">
      <c r="N571382" s="10"/>
    </row>
    <row r="571383" spans="14:14">
      <c r="N571383" s="10"/>
    </row>
    <row r="571384" spans="14:14">
      <c r="N571384" s="10"/>
    </row>
    <row r="571385" spans="14:14">
      <c r="N571385" s="10"/>
    </row>
    <row r="571386" spans="14:14">
      <c r="N571386" s="10"/>
    </row>
    <row r="571387" spans="14:14">
      <c r="N571387" s="10"/>
    </row>
    <row r="571388" spans="14:14">
      <c r="N571388" s="10"/>
    </row>
    <row r="571389" spans="14:14">
      <c r="N571389" s="10"/>
    </row>
    <row r="571390" spans="14:14">
      <c r="N571390" s="10"/>
    </row>
    <row r="571391" spans="14:14">
      <c r="N571391" s="10"/>
    </row>
    <row r="571392" spans="14:14">
      <c r="N571392" s="10"/>
    </row>
    <row r="571393" spans="14:14">
      <c r="N571393" s="10"/>
    </row>
    <row r="571394" spans="14:14">
      <c r="N571394" s="10"/>
    </row>
    <row r="571395" spans="14:14">
      <c r="N571395" s="10"/>
    </row>
    <row r="571396" spans="14:14">
      <c r="N571396" s="10"/>
    </row>
    <row r="571397" spans="14:14">
      <c r="N571397" s="10"/>
    </row>
    <row r="571398" spans="14:14">
      <c r="N571398" s="10"/>
    </row>
    <row r="571399" spans="14:14">
      <c r="N571399" s="10"/>
    </row>
    <row r="571400" spans="14:14">
      <c r="N571400" s="10"/>
    </row>
    <row r="571401" spans="14:14">
      <c r="N571401" s="10"/>
    </row>
    <row r="571402" spans="14:14">
      <c r="N571402" s="10"/>
    </row>
    <row r="571403" spans="14:14">
      <c r="N571403" s="10"/>
    </row>
    <row r="571404" spans="14:14">
      <c r="N571404" s="10"/>
    </row>
    <row r="571405" spans="14:14">
      <c r="N571405" s="10"/>
    </row>
    <row r="571406" spans="14:14">
      <c r="N571406" s="10"/>
    </row>
    <row r="571407" spans="14:14">
      <c r="N571407" s="10"/>
    </row>
    <row r="571408" spans="14:14">
      <c r="N571408" s="10"/>
    </row>
    <row r="571409" spans="14:14">
      <c r="N571409" s="10"/>
    </row>
    <row r="571410" spans="14:14">
      <c r="N571410" s="10"/>
    </row>
    <row r="571411" spans="14:14">
      <c r="N571411" s="10"/>
    </row>
    <row r="571412" spans="14:14">
      <c r="N571412" s="10"/>
    </row>
    <row r="571413" spans="14:14">
      <c r="N571413" s="10"/>
    </row>
    <row r="571414" spans="14:14">
      <c r="N571414" s="10"/>
    </row>
    <row r="571415" spans="14:14">
      <c r="N571415" s="10"/>
    </row>
    <row r="571416" spans="14:14">
      <c r="N571416" s="10"/>
    </row>
    <row r="571417" spans="14:14">
      <c r="N571417" s="10"/>
    </row>
    <row r="571418" spans="14:14">
      <c r="N571418" s="10"/>
    </row>
    <row r="571419" spans="14:14">
      <c r="N571419" s="10"/>
    </row>
    <row r="571420" spans="14:14">
      <c r="N571420" s="10"/>
    </row>
    <row r="571421" spans="14:14">
      <c r="N571421" s="10"/>
    </row>
    <row r="571422" spans="14:14">
      <c r="N571422" s="10"/>
    </row>
    <row r="571423" spans="14:14">
      <c r="N571423" s="10"/>
    </row>
    <row r="571424" spans="14:14">
      <c r="N571424" s="10"/>
    </row>
    <row r="571425" spans="14:14">
      <c r="N571425" s="10"/>
    </row>
    <row r="571426" spans="14:14">
      <c r="N571426" s="10"/>
    </row>
    <row r="571427" spans="14:14">
      <c r="N571427" s="10"/>
    </row>
    <row r="571428" spans="14:14">
      <c r="N571428" s="10"/>
    </row>
    <row r="571429" spans="14:14">
      <c r="N571429" s="10"/>
    </row>
    <row r="571430" spans="14:14">
      <c r="N571430" s="10"/>
    </row>
    <row r="571431" spans="14:14">
      <c r="N571431" s="10"/>
    </row>
    <row r="571432" spans="14:14">
      <c r="N571432" s="10"/>
    </row>
    <row r="571433" spans="14:14">
      <c r="N571433" s="10"/>
    </row>
    <row r="571434" spans="14:14">
      <c r="N571434" s="10"/>
    </row>
    <row r="571435" spans="14:14">
      <c r="N571435" s="10"/>
    </row>
    <row r="571436" spans="14:14">
      <c r="N571436" s="10"/>
    </row>
    <row r="571437" spans="14:14">
      <c r="N571437" s="10"/>
    </row>
    <row r="571438" spans="14:14">
      <c r="N571438" s="10"/>
    </row>
    <row r="571439" spans="14:14">
      <c r="N571439" s="10"/>
    </row>
    <row r="571440" spans="14:14">
      <c r="N571440" s="10"/>
    </row>
    <row r="571441" spans="14:14">
      <c r="N571441" s="10"/>
    </row>
    <row r="571442" spans="14:14">
      <c r="N571442" s="10"/>
    </row>
    <row r="571443" spans="14:14">
      <c r="N571443" s="10"/>
    </row>
    <row r="571444" spans="14:14">
      <c r="N571444" s="10"/>
    </row>
    <row r="571445" spans="14:14">
      <c r="N571445" s="10"/>
    </row>
    <row r="571446" spans="14:14">
      <c r="N571446" s="10"/>
    </row>
    <row r="571447" spans="14:14">
      <c r="N571447" s="10"/>
    </row>
    <row r="571448" spans="14:14">
      <c r="N571448" s="10"/>
    </row>
    <row r="571449" spans="14:14">
      <c r="N571449" s="10"/>
    </row>
    <row r="571450" spans="14:14">
      <c r="N571450" s="10"/>
    </row>
    <row r="571451" spans="14:14">
      <c r="N571451" s="10"/>
    </row>
    <row r="571452" spans="14:14">
      <c r="N571452" s="10"/>
    </row>
    <row r="571453" spans="14:14">
      <c r="N571453" s="10"/>
    </row>
    <row r="571454" spans="14:14">
      <c r="N571454" s="10"/>
    </row>
    <row r="571455" spans="14:14">
      <c r="N571455" s="10"/>
    </row>
    <row r="571456" spans="14:14">
      <c r="N571456" s="10"/>
    </row>
    <row r="571457" spans="14:14">
      <c r="N571457" s="10"/>
    </row>
    <row r="571458" spans="14:14">
      <c r="N571458" s="10"/>
    </row>
    <row r="571459" spans="14:14">
      <c r="N571459" s="10"/>
    </row>
    <row r="571460" spans="14:14">
      <c r="N571460" s="10"/>
    </row>
    <row r="571461" spans="14:14">
      <c r="N571461" s="10"/>
    </row>
    <row r="571462" spans="14:14">
      <c r="N571462" s="10"/>
    </row>
    <row r="571463" spans="14:14">
      <c r="N571463" s="10"/>
    </row>
    <row r="571464" spans="14:14">
      <c r="N571464" s="10"/>
    </row>
    <row r="571465" spans="14:14">
      <c r="N571465" s="10"/>
    </row>
    <row r="571466" spans="14:14">
      <c r="N571466" s="10"/>
    </row>
    <row r="571467" spans="14:14">
      <c r="N571467" s="10"/>
    </row>
    <row r="571468" spans="14:14">
      <c r="N571468" s="10"/>
    </row>
    <row r="571469" spans="14:14">
      <c r="N571469" s="10"/>
    </row>
    <row r="571470" spans="14:14">
      <c r="N571470" s="10"/>
    </row>
    <row r="571471" spans="14:14">
      <c r="N571471" s="10"/>
    </row>
    <row r="571472" spans="14:14">
      <c r="N571472" s="10"/>
    </row>
    <row r="571473" spans="14:14">
      <c r="N571473" s="10"/>
    </row>
    <row r="571474" spans="14:14">
      <c r="N571474" s="10"/>
    </row>
    <row r="571475" spans="14:14">
      <c r="N571475" s="10"/>
    </row>
    <row r="571476" spans="14:14">
      <c r="N571476" s="10"/>
    </row>
    <row r="571477" spans="14:14">
      <c r="N571477" s="10"/>
    </row>
    <row r="571478" spans="14:14">
      <c r="N571478" s="10"/>
    </row>
    <row r="571479" spans="14:14">
      <c r="N571479" s="10"/>
    </row>
    <row r="571480" spans="14:14">
      <c r="N571480" s="10"/>
    </row>
    <row r="571481" spans="14:14">
      <c r="N571481" s="10"/>
    </row>
    <row r="571482" spans="14:14">
      <c r="N571482" s="10"/>
    </row>
    <row r="571483" spans="14:14">
      <c r="N571483" s="10"/>
    </row>
    <row r="571484" spans="14:14">
      <c r="N571484" s="10"/>
    </row>
    <row r="571485" spans="14:14">
      <c r="N571485" s="10"/>
    </row>
    <row r="571486" spans="14:14">
      <c r="N571486" s="10"/>
    </row>
    <row r="571487" spans="14:14">
      <c r="N571487" s="10"/>
    </row>
    <row r="571488" spans="14:14">
      <c r="N571488" s="10"/>
    </row>
    <row r="571489" spans="14:14">
      <c r="N571489" s="10"/>
    </row>
    <row r="571490" spans="14:14">
      <c r="N571490" s="10"/>
    </row>
    <row r="571491" spans="14:14">
      <c r="N571491" s="10"/>
    </row>
    <row r="571492" spans="14:14">
      <c r="N571492" s="10"/>
    </row>
    <row r="571493" spans="14:14">
      <c r="N571493" s="10"/>
    </row>
    <row r="571494" spans="14:14">
      <c r="N571494" s="10"/>
    </row>
    <row r="571495" spans="14:14">
      <c r="N571495" s="10"/>
    </row>
    <row r="571496" spans="14:14">
      <c r="N571496" s="10"/>
    </row>
    <row r="571497" spans="14:14">
      <c r="N571497" s="10"/>
    </row>
    <row r="571498" spans="14:14">
      <c r="N571498" s="10"/>
    </row>
    <row r="571499" spans="14:14">
      <c r="N571499" s="10"/>
    </row>
    <row r="571500" spans="14:14">
      <c r="N571500" s="10"/>
    </row>
    <row r="571501" spans="14:14">
      <c r="N571501" s="10"/>
    </row>
    <row r="571502" spans="14:14">
      <c r="N571502" s="10"/>
    </row>
    <row r="571503" spans="14:14">
      <c r="N571503" s="10"/>
    </row>
    <row r="571504" spans="14:14">
      <c r="N571504" s="10"/>
    </row>
    <row r="571505" spans="14:14">
      <c r="N571505" s="10"/>
    </row>
    <row r="571506" spans="14:14">
      <c r="N571506" s="10"/>
    </row>
    <row r="571507" spans="14:14">
      <c r="N571507" s="10"/>
    </row>
    <row r="571508" spans="14:14">
      <c r="N571508" s="10"/>
    </row>
    <row r="571509" spans="14:14">
      <c r="N571509" s="10"/>
    </row>
    <row r="571510" spans="14:14">
      <c r="N571510" s="10"/>
    </row>
    <row r="571511" spans="14:14">
      <c r="N571511" s="10"/>
    </row>
    <row r="571512" spans="14:14">
      <c r="N571512" s="10"/>
    </row>
    <row r="571513" spans="14:14">
      <c r="N571513" s="10"/>
    </row>
    <row r="571514" spans="14:14">
      <c r="N571514" s="10"/>
    </row>
    <row r="571515" spans="14:14">
      <c r="N571515" s="10"/>
    </row>
    <row r="571516" spans="14:14">
      <c r="N571516" s="10"/>
    </row>
    <row r="571517" spans="14:14">
      <c r="N571517" s="10"/>
    </row>
    <row r="571518" spans="14:14">
      <c r="N571518" s="10"/>
    </row>
    <row r="571519" spans="14:14">
      <c r="N571519" s="10"/>
    </row>
    <row r="571520" spans="14:14">
      <c r="N571520" s="10"/>
    </row>
    <row r="571521" spans="14:14">
      <c r="N571521" s="10"/>
    </row>
    <row r="571522" spans="14:14">
      <c r="N571522" s="10"/>
    </row>
    <row r="571523" spans="14:14">
      <c r="N571523" s="10"/>
    </row>
    <row r="571524" spans="14:14">
      <c r="N571524" s="10"/>
    </row>
    <row r="571525" spans="14:14">
      <c r="N571525" s="10"/>
    </row>
    <row r="571526" spans="14:14">
      <c r="N571526" s="10"/>
    </row>
    <row r="571527" spans="14:14">
      <c r="N571527" s="10"/>
    </row>
    <row r="571528" spans="14:14">
      <c r="N571528" s="10"/>
    </row>
    <row r="571529" spans="14:14">
      <c r="N571529" s="10"/>
    </row>
    <row r="571530" spans="14:14">
      <c r="N571530" s="10"/>
    </row>
    <row r="571531" spans="14:14">
      <c r="N571531" s="10"/>
    </row>
    <row r="571532" spans="14:14">
      <c r="N571532" s="10"/>
    </row>
    <row r="571533" spans="14:14">
      <c r="N571533" s="10"/>
    </row>
    <row r="571534" spans="14:14">
      <c r="N571534" s="10"/>
    </row>
    <row r="571535" spans="14:14">
      <c r="N571535" s="10"/>
    </row>
    <row r="571536" spans="14:14">
      <c r="N571536" s="10"/>
    </row>
    <row r="571537" spans="14:14">
      <c r="N571537" s="10"/>
    </row>
    <row r="571538" spans="14:14">
      <c r="N571538" s="10"/>
    </row>
    <row r="571539" spans="14:14">
      <c r="N571539" s="10"/>
    </row>
    <row r="571540" spans="14:14">
      <c r="N571540" s="10"/>
    </row>
    <row r="571541" spans="14:14">
      <c r="N571541" s="10"/>
    </row>
    <row r="571542" spans="14:14">
      <c r="N571542" s="10"/>
    </row>
    <row r="571543" spans="14:14">
      <c r="N571543" s="10"/>
    </row>
    <row r="571544" spans="14:14">
      <c r="N571544" s="10"/>
    </row>
    <row r="571545" spans="14:14">
      <c r="N571545" s="10"/>
    </row>
    <row r="571546" spans="14:14">
      <c r="N571546" s="10"/>
    </row>
    <row r="571547" spans="14:14">
      <c r="N571547" s="10"/>
    </row>
    <row r="571548" spans="14:14">
      <c r="N571548" s="10"/>
    </row>
    <row r="571549" spans="14:14">
      <c r="N571549" s="10"/>
    </row>
    <row r="571550" spans="14:14">
      <c r="N571550" s="10"/>
    </row>
    <row r="571551" spans="14:14">
      <c r="N571551" s="10"/>
    </row>
    <row r="571552" spans="14:14">
      <c r="N571552" s="10"/>
    </row>
    <row r="571553" spans="14:14">
      <c r="N571553" s="10"/>
    </row>
    <row r="571554" spans="14:14">
      <c r="N571554" s="10"/>
    </row>
    <row r="571555" spans="14:14">
      <c r="N571555" s="10"/>
    </row>
    <row r="571556" spans="14:14">
      <c r="N571556" s="10"/>
    </row>
    <row r="571557" spans="14:14">
      <c r="N571557" s="10"/>
    </row>
    <row r="571558" spans="14:14">
      <c r="N571558" s="10"/>
    </row>
    <row r="571559" spans="14:14">
      <c r="N571559" s="10"/>
    </row>
    <row r="571560" spans="14:14">
      <c r="N571560" s="10"/>
    </row>
    <row r="571561" spans="14:14">
      <c r="N571561" s="10"/>
    </row>
    <row r="571562" spans="14:14">
      <c r="N571562" s="10"/>
    </row>
    <row r="571563" spans="14:14">
      <c r="N571563" s="10"/>
    </row>
    <row r="571564" spans="14:14">
      <c r="N571564" s="10"/>
    </row>
    <row r="571565" spans="14:14">
      <c r="N571565" s="10"/>
    </row>
    <row r="571566" spans="14:14">
      <c r="N571566" s="10"/>
    </row>
    <row r="571567" spans="14:14">
      <c r="N571567" s="10"/>
    </row>
    <row r="571568" spans="14:14">
      <c r="N571568" s="10"/>
    </row>
    <row r="571569" spans="14:14">
      <c r="N571569" s="10"/>
    </row>
    <row r="571570" spans="14:14">
      <c r="N571570" s="10"/>
    </row>
    <row r="571571" spans="14:14">
      <c r="N571571" s="10"/>
    </row>
    <row r="571572" spans="14:14">
      <c r="N571572" s="10"/>
    </row>
    <row r="571573" spans="14:14">
      <c r="N571573" s="10"/>
    </row>
    <row r="571574" spans="14:14">
      <c r="N571574" s="10"/>
    </row>
    <row r="571575" spans="14:14">
      <c r="N571575" s="10"/>
    </row>
    <row r="571576" spans="14:14">
      <c r="N571576" s="10"/>
    </row>
    <row r="571577" spans="14:14">
      <c r="N571577" s="10"/>
    </row>
    <row r="571578" spans="14:14">
      <c r="N571578" s="10"/>
    </row>
    <row r="571579" spans="14:14">
      <c r="N571579" s="10"/>
    </row>
    <row r="571580" spans="14:14">
      <c r="N571580" s="10"/>
    </row>
    <row r="571581" spans="14:14">
      <c r="N571581" s="10"/>
    </row>
    <row r="571582" spans="14:14">
      <c r="N571582" s="10"/>
    </row>
    <row r="571583" spans="14:14">
      <c r="N571583" s="10"/>
    </row>
    <row r="571584" spans="14:14">
      <c r="N571584" s="10"/>
    </row>
    <row r="571585" spans="14:14">
      <c r="N571585" s="10"/>
    </row>
    <row r="571586" spans="14:14">
      <c r="N571586" s="10"/>
    </row>
    <row r="571587" spans="14:14">
      <c r="N571587" s="10"/>
    </row>
    <row r="571588" spans="14:14">
      <c r="N571588" s="10"/>
    </row>
    <row r="571589" spans="14:14">
      <c r="N571589" s="10"/>
    </row>
    <row r="571590" spans="14:14">
      <c r="N571590" s="10"/>
    </row>
    <row r="571591" spans="14:14">
      <c r="N571591" s="10"/>
    </row>
    <row r="571592" spans="14:14">
      <c r="N571592" s="10"/>
    </row>
    <row r="571593" spans="14:14">
      <c r="N571593" s="10"/>
    </row>
    <row r="571594" spans="14:14">
      <c r="N571594" s="10"/>
    </row>
    <row r="571595" spans="14:14">
      <c r="N571595" s="10"/>
    </row>
    <row r="571596" spans="14:14">
      <c r="N571596" s="10"/>
    </row>
    <row r="571597" spans="14:14">
      <c r="N571597" s="10"/>
    </row>
    <row r="571598" spans="14:14">
      <c r="N571598" s="10"/>
    </row>
    <row r="571599" spans="14:14">
      <c r="N571599" s="10"/>
    </row>
    <row r="571600" spans="14:14">
      <c r="N571600" s="10"/>
    </row>
    <row r="571601" spans="14:14">
      <c r="N571601" s="10"/>
    </row>
    <row r="571602" spans="14:14">
      <c r="N571602" s="10"/>
    </row>
    <row r="571603" spans="14:14">
      <c r="N571603" s="10"/>
    </row>
    <row r="571604" spans="14:14">
      <c r="N571604" s="10"/>
    </row>
    <row r="571605" spans="14:14">
      <c r="N571605" s="10"/>
    </row>
    <row r="571606" spans="14:14">
      <c r="N571606" s="10"/>
    </row>
    <row r="571607" spans="14:14">
      <c r="N571607" s="10"/>
    </row>
    <row r="571608" spans="14:14">
      <c r="N571608" s="10"/>
    </row>
    <row r="571609" spans="14:14">
      <c r="N571609" s="10"/>
    </row>
    <row r="571610" spans="14:14">
      <c r="N571610" s="10"/>
    </row>
    <row r="571611" spans="14:14">
      <c r="N571611" s="10"/>
    </row>
    <row r="571612" spans="14:14">
      <c r="N571612" s="10"/>
    </row>
    <row r="571613" spans="14:14">
      <c r="N571613" s="10"/>
    </row>
    <row r="571614" spans="14:14">
      <c r="N571614" s="10"/>
    </row>
    <row r="571615" spans="14:14">
      <c r="N571615" s="10"/>
    </row>
    <row r="571616" spans="14:14">
      <c r="N571616" s="10"/>
    </row>
    <row r="571617" spans="14:14">
      <c r="N571617" s="10"/>
    </row>
    <row r="571618" spans="14:14">
      <c r="N571618" s="10"/>
    </row>
    <row r="571619" spans="14:14">
      <c r="N571619" s="10"/>
    </row>
    <row r="571620" spans="14:14">
      <c r="N571620" s="10"/>
    </row>
    <row r="571621" spans="14:14">
      <c r="N571621" s="10"/>
    </row>
    <row r="571622" spans="14:14">
      <c r="N571622" s="10"/>
    </row>
    <row r="571623" spans="14:14">
      <c r="N571623" s="10"/>
    </row>
    <row r="571624" spans="14:14">
      <c r="N571624" s="10"/>
    </row>
    <row r="571625" spans="14:14">
      <c r="N571625" s="10"/>
    </row>
    <row r="571626" spans="14:14">
      <c r="N571626" s="10"/>
    </row>
    <row r="571627" spans="14:14">
      <c r="N571627" s="10"/>
    </row>
    <row r="571628" spans="14:14">
      <c r="N571628" s="10"/>
    </row>
    <row r="571629" spans="14:14">
      <c r="N571629" s="10"/>
    </row>
    <row r="571630" spans="14:14">
      <c r="N571630" s="10"/>
    </row>
    <row r="571631" spans="14:14">
      <c r="N571631" s="10"/>
    </row>
    <row r="571632" spans="14:14">
      <c r="N571632" s="10"/>
    </row>
    <row r="571633" spans="14:14">
      <c r="N571633" s="10"/>
    </row>
    <row r="571634" spans="14:14">
      <c r="N571634" s="10"/>
    </row>
    <row r="571635" spans="14:14">
      <c r="N571635" s="10"/>
    </row>
    <row r="571636" spans="14:14">
      <c r="N571636" s="10"/>
    </row>
    <row r="571637" spans="14:14">
      <c r="N571637" s="10"/>
    </row>
    <row r="571638" spans="14:14">
      <c r="N571638" s="10"/>
    </row>
    <row r="571639" spans="14:14">
      <c r="N571639" s="10"/>
    </row>
    <row r="571640" spans="14:14">
      <c r="N571640" s="10"/>
    </row>
    <row r="571641" spans="14:14">
      <c r="N571641" s="10"/>
    </row>
    <row r="571642" spans="14:14">
      <c r="N571642" s="10"/>
    </row>
    <row r="571643" spans="14:14">
      <c r="N571643" s="10"/>
    </row>
    <row r="571644" spans="14:14">
      <c r="N571644" s="10"/>
    </row>
    <row r="571645" spans="14:14">
      <c r="N571645" s="10"/>
    </row>
    <row r="571646" spans="14:14">
      <c r="N571646" s="10"/>
    </row>
    <row r="571647" spans="14:14">
      <c r="N571647" s="10"/>
    </row>
    <row r="571648" spans="14:14">
      <c r="N571648" s="10"/>
    </row>
    <row r="571649" spans="14:14">
      <c r="N571649" s="10"/>
    </row>
    <row r="571650" spans="14:14">
      <c r="N571650" s="10"/>
    </row>
    <row r="571651" spans="14:14">
      <c r="N571651" s="10"/>
    </row>
    <row r="571652" spans="14:14">
      <c r="N571652" s="10"/>
    </row>
    <row r="571653" spans="14:14">
      <c r="N571653" s="10"/>
    </row>
    <row r="571654" spans="14:14">
      <c r="N571654" s="10"/>
    </row>
    <row r="571655" spans="14:14">
      <c r="N571655" s="10"/>
    </row>
    <row r="571656" spans="14:14">
      <c r="N571656" s="10"/>
    </row>
    <row r="571657" spans="14:14">
      <c r="N571657" s="10"/>
    </row>
    <row r="571658" spans="14:14">
      <c r="N571658" s="10"/>
    </row>
    <row r="571659" spans="14:14">
      <c r="N571659" s="10"/>
    </row>
    <row r="571660" spans="14:14">
      <c r="N571660" s="10"/>
    </row>
    <row r="571661" spans="14:14">
      <c r="N571661" s="10"/>
    </row>
    <row r="571662" spans="14:14">
      <c r="N571662" s="10"/>
    </row>
    <row r="571663" spans="14:14">
      <c r="N571663" s="10"/>
    </row>
    <row r="571664" spans="14:14">
      <c r="N571664" s="10"/>
    </row>
    <row r="571665" spans="14:14">
      <c r="N571665" s="10"/>
    </row>
    <row r="571666" spans="14:14">
      <c r="N571666" s="10"/>
    </row>
    <row r="571667" spans="14:14">
      <c r="N571667" s="10"/>
    </row>
    <row r="571668" spans="14:14">
      <c r="N571668" s="10"/>
    </row>
    <row r="571669" spans="14:14">
      <c r="N571669" s="10"/>
    </row>
    <row r="571670" spans="14:14">
      <c r="N571670" s="10"/>
    </row>
    <row r="571671" spans="14:14">
      <c r="N571671" s="10"/>
    </row>
    <row r="571672" spans="14:14">
      <c r="N571672" s="10"/>
    </row>
    <row r="571673" spans="14:14">
      <c r="N571673" s="10"/>
    </row>
    <row r="571674" spans="14:14">
      <c r="N571674" s="10"/>
    </row>
    <row r="571675" spans="14:14">
      <c r="N571675" s="10"/>
    </row>
    <row r="571676" spans="14:14">
      <c r="N571676" s="10"/>
    </row>
    <row r="571677" spans="14:14">
      <c r="N571677" s="10"/>
    </row>
    <row r="571678" spans="14:14">
      <c r="N571678" s="10"/>
    </row>
    <row r="571679" spans="14:14">
      <c r="N571679" s="10"/>
    </row>
    <row r="571680" spans="14:14">
      <c r="N571680" s="10"/>
    </row>
    <row r="571681" spans="14:14">
      <c r="N571681" s="10"/>
    </row>
    <row r="571682" spans="14:14">
      <c r="N571682" s="10"/>
    </row>
    <row r="571683" spans="14:14">
      <c r="N571683" s="10"/>
    </row>
    <row r="571684" spans="14:14">
      <c r="N571684" s="10"/>
    </row>
    <row r="571685" spans="14:14">
      <c r="N571685" s="10"/>
    </row>
    <row r="571686" spans="14:14">
      <c r="N571686" s="10"/>
    </row>
    <row r="571687" spans="14:14">
      <c r="N571687" s="10"/>
    </row>
    <row r="571688" spans="14:14">
      <c r="N571688" s="10"/>
    </row>
    <row r="571689" spans="14:14">
      <c r="N571689" s="10"/>
    </row>
    <row r="571690" spans="14:14">
      <c r="N571690" s="10"/>
    </row>
    <row r="571691" spans="14:14">
      <c r="N571691" s="10"/>
    </row>
    <row r="571692" spans="14:14">
      <c r="N571692" s="10"/>
    </row>
    <row r="571693" spans="14:14">
      <c r="N571693" s="10"/>
    </row>
    <row r="571694" spans="14:14">
      <c r="N571694" s="10"/>
    </row>
    <row r="571695" spans="14:14">
      <c r="N571695" s="10"/>
    </row>
    <row r="571696" spans="14:14">
      <c r="N571696" s="10"/>
    </row>
    <row r="571697" spans="14:14">
      <c r="N571697" s="10"/>
    </row>
    <row r="571698" spans="14:14">
      <c r="N571698" s="10"/>
    </row>
    <row r="571699" spans="14:14">
      <c r="N571699" s="10"/>
    </row>
    <row r="571700" spans="14:14">
      <c r="N571700" s="10"/>
    </row>
    <row r="571701" spans="14:14">
      <c r="N571701" s="10"/>
    </row>
    <row r="571702" spans="14:14">
      <c r="N571702" s="10"/>
    </row>
    <row r="571703" spans="14:14">
      <c r="N571703" s="10"/>
    </row>
    <row r="571704" spans="14:14">
      <c r="N571704" s="10"/>
    </row>
    <row r="571705" spans="14:14">
      <c r="N571705" s="10"/>
    </row>
    <row r="571706" spans="14:14">
      <c r="N571706" s="10"/>
    </row>
    <row r="571707" spans="14:14">
      <c r="N571707" s="10"/>
    </row>
    <row r="571708" spans="14:14">
      <c r="N571708" s="10"/>
    </row>
    <row r="571709" spans="14:14">
      <c r="N571709" s="10"/>
    </row>
    <row r="571710" spans="14:14">
      <c r="N571710" s="10"/>
    </row>
    <row r="571711" spans="14:14">
      <c r="N571711" s="10"/>
    </row>
    <row r="571712" spans="14:14">
      <c r="N571712" s="10"/>
    </row>
    <row r="571713" spans="14:14">
      <c r="N571713" s="10"/>
    </row>
    <row r="571714" spans="14:14">
      <c r="N571714" s="10"/>
    </row>
    <row r="571715" spans="14:14">
      <c r="N571715" s="10"/>
    </row>
    <row r="571716" spans="14:14">
      <c r="N571716" s="10"/>
    </row>
    <row r="571717" spans="14:14">
      <c r="N571717" s="10"/>
    </row>
    <row r="571718" spans="14:14">
      <c r="N571718" s="10"/>
    </row>
    <row r="571719" spans="14:14">
      <c r="N571719" s="10"/>
    </row>
    <row r="571720" spans="14:14">
      <c r="N571720" s="10"/>
    </row>
    <row r="571721" spans="14:14">
      <c r="N571721" s="10"/>
    </row>
    <row r="571722" spans="14:14">
      <c r="N571722" s="10"/>
    </row>
    <row r="571723" spans="14:14">
      <c r="N571723" s="10"/>
    </row>
    <row r="571724" spans="14:14">
      <c r="N571724" s="10"/>
    </row>
    <row r="571725" spans="14:14">
      <c r="N571725" s="10"/>
    </row>
    <row r="571726" spans="14:14">
      <c r="N571726" s="10"/>
    </row>
    <row r="571727" spans="14:14">
      <c r="N571727" s="10"/>
    </row>
    <row r="571728" spans="14:14">
      <c r="N571728" s="10"/>
    </row>
    <row r="571729" spans="14:14">
      <c r="N571729" s="10"/>
    </row>
    <row r="571730" spans="14:14">
      <c r="N571730" s="10"/>
    </row>
    <row r="571731" spans="14:14">
      <c r="N571731" s="10"/>
    </row>
    <row r="571732" spans="14:14">
      <c r="N571732" s="10"/>
    </row>
    <row r="571733" spans="14:14">
      <c r="N571733" s="10"/>
    </row>
    <row r="571734" spans="14:14">
      <c r="N571734" s="10"/>
    </row>
    <row r="571735" spans="14:14">
      <c r="N571735" s="10"/>
    </row>
    <row r="571736" spans="14:14">
      <c r="N571736" s="10"/>
    </row>
    <row r="571737" spans="14:14">
      <c r="N571737" s="10"/>
    </row>
    <row r="571738" spans="14:14">
      <c r="N571738" s="10"/>
    </row>
    <row r="571739" spans="14:14">
      <c r="N571739" s="10"/>
    </row>
    <row r="571740" spans="14:14">
      <c r="N571740" s="10"/>
    </row>
    <row r="571741" spans="14:14">
      <c r="N571741" s="10"/>
    </row>
    <row r="571742" spans="14:14">
      <c r="N571742" s="10"/>
    </row>
    <row r="571743" spans="14:14">
      <c r="N571743" s="10"/>
    </row>
    <row r="571744" spans="14:14">
      <c r="N571744" s="10"/>
    </row>
    <row r="571745" spans="14:14">
      <c r="N571745" s="10"/>
    </row>
    <row r="571746" spans="14:14">
      <c r="N571746" s="10"/>
    </row>
    <row r="571747" spans="14:14">
      <c r="N571747" s="10"/>
    </row>
    <row r="571748" spans="14:14">
      <c r="N571748" s="10"/>
    </row>
    <row r="571749" spans="14:14">
      <c r="N571749" s="10"/>
    </row>
    <row r="571750" spans="14:14">
      <c r="N571750" s="10"/>
    </row>
    <row r="571751" spans="14:14">
      <c r="N571751" s="10"/>
    </row>
    <row r="571752" spans="14:14">
      <c r="N571752" s="10"/>
    </row>
    <row r="571753" spans="14:14">
      <c r="N571753" s="10"/>
    </row>
    <row r="571754" spans="14:14">
      <c r="N571754" s="10"/>
    </row>
    <row r="571755" spans="14:14">
      <c r="N571755" s="10"/>
    </row>
    <row r="571756" spans="14:14">
      <c r="N571756" s="10"/>
    </row>
    <row r="571757" spans="14:14">
      <c r="N571757" s="10"/>
    </row>
    <row r="571758" spans="14:14">
      <c r="N571758" s="10"/>
    </row>
    <row r="571759" spans="14:14">
      <c r="N571759" s="10"/>
    </row>
    <row r="571760" spans="14:14">
      <c r="N571760" s="10"/>
    </row>
    <row r="571761" spans="14:14">
      <c r="N571761" s="10"/>
    </row>
    <row r="571762" spans="14:14">
      <c r="N571762" s="10"/>
    </row>
    <row r="571763" spans="14:14">
      <c r="N571763" s="10"/>
    </row>
    <row r="571764" spans="14:14">
      <c r="N571764" s="10"/>
    </row>
    <row r="571765" spans="14:14">
      <c r="N571765" s="10"/>
    </row>
    <row r="571766" spans="14:14">
      <c r="N571766" s="10"/>
    </row>
    <row r="571767" spans="14:14">
      <c r="N571767" s="10"/>
    </row>
    <row r="571768" spans="14:14">
      <c r="N571768" s="10"/>
    </row>
    <row r="571769" spans="14:14">
      <c r="N571769" s="10"/>
    </row>
    <row r="571770" spans="14:14">
      <c r="N571770" s="10"/>
    </row>
    <row r="571771" spans="14:14">
      <c r="N571771" s="10"/>
    </row>
    <row r="571772" spans="14:14">
      <c r="N571772" s="10"/>
    </row>
    <row r="571773" spans="14:14">
      <c r="N571773" s="10"/>
    </row>
    <row r="571774" spans="14:14">
      <c r="N571774" s="10"/>
    </row>
    <row r="571775" spans="14:14">
      <c r="N571775" s="10"/>
    </row>
    <row r="571776" spans="14:14">
      <c r="N571776" s="10"/>
    </row>
    <row r="571777" spans="14:14">
      <c r="N571777" s="10"/>
    </row>
    <row r="571778" spans="14:14">
      <c r="N571778" s="10"/>
    </row>
    <row r="571779" spans="14:14">
      <c r="N571779" s="10"/>
    </row>
    <row r="571780" spans="14:14">
      <c r="N571780" s="10"/>
    </row>
    <row r="571781" spans="14:14">
      <c r="N571781" s="10"/>
    </row>
    <row r="571782" spans="14:14">
      <c r="N571782" s="10"/>
    </row>
    <row r="571783" spans="14:14">
      <c r="N571783" s="10"/>
    </row>
    <row r="571784" spans="14:14">
      <c r="N571784" s="10"/>
    </row>
    <row r="571785" spans="14:14">
      <c r="N571785" s="10"/>
    </row>
    <row r="571786" spans="14:14">
      <c r="N571786" s="10"/>
    </row>
    <row r="571787" spans="14:14">
      <c r="N571787" s="10"/>
    </row>
    <row r="571788" spans="14:14">
      <c r="N571788" s="10"/>
    </row>
    <row r="571789" spans="14:14">
      <c r="N571789" s="10"/>
    </row>
    <row r="571790" spans="14:14">
      <c r="N571790" s="10"/>
    </row>
    <row r="571791" spans="14:14">
      <c r="N571791" s="10"/>
    </row>
    <row r="571792" spans="14:14">
      <c r="N571792" s="10"/>
    </row>
    <row r="571793" spans="14:14">
      <c r="N571793" s="10"/>
    </row>
    <row r="571794" spans="14:14">
      <c r="N571794" s="10"/>
    </row>
    <row r="571795" spans="14:14">
      <c r="N571795" s="10"/>
    </row>
    <row r="571796" spans="14:14">
      <c r="N571796" s="10"/>
    </row>
    <row r="571797" spans="14:14">
      <c r="N571797" s="10"/>
    </row>
    <row r="571798" spans="14:14">
      <c r="N571798" s="10"/>
    </row>
    <row r="571799" spans="14:14">
      <c r="N571799" s="10"/>
    </row>
    <row r="571800" spans="14:14">
      <c r="N571800" s="10"/>
    </row>
    <row r="571801" spans="14:14">
      <c r="N571801" s="10"/>
    </row>
    <row r="571802" spans="14:14">
      <c r="N571802" s="10"/>
    </row>
    <row r="571803" spans="14:14">
      <c r="N571803" s="10"/>
    </row>
    <row r="571804" spans="14:14">
      <c r="N571804" s="10"/>
    </row>
    <row r="571805" spans="14:14">
      <c r="N571805" s="10"/>
    </row>
    <row r="571806" spans="14:14">
      <c r="N571806" s="10"/>
    </row>
    <row r="571807" spans="14:14">
      <c r="N571807" s="10"/>
    </row>
    <row r="571808" spans="14:14">
      <c r="N571808" s="10"/>
    </row>
    <row r="571809" spans="14:14">
      <c r="N571809" s="10"/>
    </row>
    <row r="571810" spans="14:14">
      <c r="N571810" s="10"/>
    </row>
    <row r="571811" spans="14:14">
      <c r="N571811" s="10"/>
    </row>
    <row r="571812" spans="14:14">
      <c r="N571812" s="10"/>
    </row>
    <row r="571813" spans="14:14">
      <c r="N571813" s="10"/>
    </row>
    <row r="571814" spans="14:14">
      <c r="N571814" s="10"/>
    </row>
    <row r="571815" spans="14:14">
      <c r="N571815" s="10"/>
    </row>
    <row r="571816" spans="14:14">
      <c r="N571816" s="10"/>
    </row>
    <row r="571817" spans="14:14">
      <c r="N571817" s="10"/>
    </row>
    <row r="571818" spans="14:14">
      <c r="N571818" s="10"/>
    </row>
    <row r="571819" spans="14:14">
      <c r="N571819" s="10"/>
    </row>
    <row r="571820" spans="14:14">
      <c r="N571820" s="10"/>
    </row>
    <row r="571821" spans="14:14">
      <c r="N571821" s="10"/>
    </row>
    <row r="571822" spans="14:14">
      <c r="N571822" s="10"/>
    </row>
    <row r="571823" spans="14:14">
      <c r="N571823" s="10"/>
    </row>
    <row r="571824" spans="14:14">
      <c r="N571824" s="10"/>
    </row>
    <row r="571825" spans="14:14">
      <c r="N571825" s="10"/>
    </row>
    <row r="571826" spans="14:14">
      <c r="N571826" s="10"/>
    </row>
    <row r="571827" spans="14:14">
      <c r="N571827" s="10"/>
    </row>
    <row r="571828" spans="14:14">
      <c r="N571828" s="10"/>
    </row>
    <row r="571829" spans="14:14">
      <c r="N571829" s="10"/>
    </row>
    <row r="571830" spans="14:14">
      <c r="N571830" s="10"/>
    </row>
    <row r="571831" spans="14:14">
      <c r="N571831" s="10"/>
    </row>
    <row r="571832" spans="14:14">
      <c r="N571832" s="10"/>
    </row>
    <row r="571833" spans="14:14">
      <c r="N571833" s="10"/>
    </row>
    <row r="571834" spans="14:14">
      <c r="N571834" s="10"/>
    </row>
    <row r="571835" spans="14:14">
      <c r="N571835" s="10"/>
    </row>
    <row r="571836" spans="14:14">
      <c r="N571836" s="10"/>
    </row>
    <row r="571837" spans="14:14">
      <c r="N571837" s="10"/>
    </row>
    <row r="571838" spans="14:14">
      <c r="N571838" s="10"/>
    </row>
    <row r="571839" spans="14:14">
      <c r="N571839" s="10"/>
    </row>
    <row r="571840" spans="14:14">
      <c r="N571840" s="10"/>
    </row>
    <row r="571841" spans="14:14">
      <c r="N571841" s="10"/>
    </row>
    <row r="571842" spans="14:14">
      <c r="N571842" s="10"/>
    </row>
    <row r="571843" spans="14:14">
      <c r="N571843" s="10"/>
    </row>
    <row r="571844" spans="14:14">
      <c r="N571844" s="10"/>
    </row>
    <row r="571845" spans="14:14">
      <c r="N571845" s="10"/>
    </row>
    <row r="571846" spans="14:14">
      <c r="N571846" s="10"/>
    </row>
    <row r="571847" spans="14:14">
      <c r="N571847" s="10"/>
    </row>
    <row r="571848" spans="14:14">
      <c r="N571848" s="10"/>
    </row>
    <row r="571849" spans="14:14">
      <c r="N571849" s="10"/>
    </row>
    <row r="571850" spans="14:14">
      <c r="N571850" s="10"/>
    </row>
    <row r="571851" spans="14:14">
      <c r="N571851" s="10"/>
    </row>
    <row r="571852" spans="14:14">
      <c r="N571852" s="10"/>
    </row>
    <row r="571853" spans="14:14">
      <c r="N571853" s="10"/>
    </row>
    <row r="571854" spans="14:14">
      <c r="N571854" s="10"/>
    </row>
    <row r="571855" spans="14:14">
      <c r="N571855" s="10"/>
    </row>
    <row r="571856" spans="14:14">
      <c r="N571856" s="10"/>
    </row>
    <row r="571857" spans="14:14">
      <c r="N571857" s="10"/>
    </row>
    <row r="571858" spans="14:14">
      <c r="N571858" s="10"/>
    </row>
    <row r="571859" spans="14:14">
      <c r="N571859" s="10"/>
    </row>
    <row r="571860" spans="14:14">
      <c r="N571860" s="10"/>
    </row>
    <row r="571861" spans="14:14">
      <c r="N571861" s="10"/>
    </row>
    <row r="571862" spans="14:14">
      <c r="N571862" s="10"/>
    </row>
    <row r="571863" spans="14:14">
      <c r="N571863" s="10"/>
    </row>
    <row r="571864" spans="14:14">
      <c r="N571864" s="10"/>
    </row>
    <row r="571865" spans="14:14">
      <c r="N571865" s="10"/>
    </row>
    <row r="571866" spans="14:14">
      <c r="N571866" s="10"/>
    </row>
    <row r="571867" spans="14:14">
      <c r="N571867" s="10"/>
    </row>
    <row r="571868" spans="14:14">
      <c r="N571868" s="10"/>
    </row>
    <row r="571869" spans="14:14">
      <c r="N571869" s="10"/>
    </row>
    <row r="571870" spans="14:14">
      <c r="N571870" s="10"/>
    </row>
    <row r="571871" spans="14:14">
      <c r="N571871" s="10"/>
    </row>
    <row r="571872" spans="14:14">
      <c r="N571872" s="10"/>
    </row>
    <row r="571873" spans="14:14">
      <c r="N571873" s="10"/>
    </row>
    <row r="571874" spans="14:14">
      <c r="N571874" s="10"/>
    </row>
    <row r="571875" spans="14:14">
      <c r="N571875" s="10"/>
    </row>
    <row r="571876" spans="14:14">
      <c r="N571876" s="10"/>
    </row>
    <row r="571877" spans="14:14">
      <c r="N571877" s="10"/>
    </row>
    <row r="571878" spans="14:14">
      <c r="N571878" s="10"/>
    </row>
    <row r="571879" spans="14:14">
      <c r="N571879" s="10"/>
    </row>
    <row r="571880" spans="14:14">
      <c r="N571880" s="10"/>
    </row>
    <row r="571881" spans="14:14">
      <c r="N571881" s="10"/>
    </row>
    <row r="571882" spans="14:14">
      <c r="N571882" s="10"/>
    </row>
    <row r="571883" spans="14:14">
      <c r="N571883" s="10"/>
    </row>
    <row r="571884" spans="14:14">
      <c r="N571884" s="10"/>
    </row>
    <row r="571885" spans="14:14">
      <c r="N571885" s="10"/>
    </row>
    <row r="571886" spans="14:14">
      <c r="N571886" s="10"/>
    </row>
    <row r="571887" spans="14:14">
      <c r="N571887" s="10"/>
    </row>
    <row r="571888" spans="14:14">
      <c r="N571888" s="10"/>
    </row>
    <row r="571889" spans="14:14">
      <c r="N571889" s="10"/>
    </row>
    <row r="571890" spans="14:14">
      <c r="N571890" s="10"/>
    </row>
    <row r="571891" spans="14:14">
      <c r="N571891" s="10"/>
    </row>
    <row r="571892" spans="14:14">
      <c r="N571892" s="10"/>
    </row>
    <row r="571893" spans="14:14">
      <c r="N571893" s="10"/>
    </row>
    <row r="571894" spans="14:14">
      <c r="N571894" s="10"/>
    </row>
    <row r="571895" spans="14:14">
      <c r="N571895" s="10"/>
    </row>
    <row r="571896" spans="14:14">
      <c r="N571896" s="10"/>
    </row>
    <row r="571897" spans="14:14">
      <c r="N571897" s="10"/>
    </row>
    <row r="571898" spans="14:14">
      <c r="N571898" s="10"/>
    </row>
    <row r="571899" spans="14:14">
      <c r="N571899" s="10"/>
    </row>
    <row r="571900" spans="14:14">
      <c r="N571900" s="10"/>
    </row>
    <row r="571901" spans="14:14">
      <c r="N571901" s="10"/>
    </row>
    <row r="571902" spans="14:14">
      <c r="N571902" s="10"/>
    </row>
    <row r="571903" spans="14:14">
      <c r="N571903" s="10"/>
    </row>
    <row r="571904" spans="14:14">
      <c r="N571904" s="10"/>
    </row>
    <row r="571905" spans="14:14">
      <c r="N571905" s="10"/>
    </row>
    <row r="571906" spans="14:14">
      <c r="N571906" s="10"/>
    </row>
    <row r="571907" spans="14:14">
      <c r="N571907" s="10"/>
    </row>
    <row r="571908" spans="14:14">
      <c r="N571908" s="10"/>
    </row>
    <row r="571909" spans="14:14">
      <c r="N571909" s="10"/>
    </row>
    <row r="571910" spans="14:14">
      <c r="N571910" s="10"/>
    </row>
    <row r="571911" spans="14:14">
      <c r="N571911" s="10"/>
    </row>
    <row r="571912" spans="14:14">
      <c r="N571912" s="10"/>
    </row>
    <row r="571913" spans="14:14">
      <c r="N571913" s="10"/>
    </row>
    <row r="571914" spans="14:14">
      <c r="N571914" s="10"/>
    </row>
    <row r="571915" spans="14:14">
      <c r="N571915" s="10"/>
    </row>
    <row r="571916" spans="14:14">
      <c r="N571916" s="10"/>
    </row>
    <row r="571917" spans="14:14">
      <c r="N571917" s="10"/>
    </row>
    <row r="571918" spans="14:14">
      <c r="N571918" s="10"/>
    </row>
    <row r="571919" spans="14:14">
      <c r="N571919" s="10"/>
    </row>
    <row r="571920" spans="14:14">
      <c r="N571920" s="10"/>
    </row>
    <row r="571921" spans="14:14">
      <c r="N571921" s="10"/>
    </row>
    <row r="571922" spans="14:14">
      <c r="N571922" s="10"/>
    </row>
    <row r="571923" spans="14:14">
      <c r="N571923" s="10"/>
    </row>
    <row r="571924" spans="14:14">
      <c r="N571924" s="10"/>
    </row>
    <row r="571925" spans="14:14">
      <c r="N571925" s="10"/>
    </row>
    <row r="571926" spans="14:14">
      <c r="N571926" s="10"/>
    </row>
    <row r="571927" spans="14:14">
      <c r="N571927" s="10"/>
    </row>
    <row r="571928" spans="14:14">
      <c r="N571928" s="10"/>
    </row>
    <row r="571929" spans="14:14">
      <c r="N571929" s="10"/>
    </row>
    <row r="571930" spans="14:14">
      <c r="N571930" s="10"/>
    </row>
    <row r="571931" spans="14:14">
      <c r="N571931" s="10"/>
    </row>
    <row r="571932" spans="14:14">
      <c r="N571932" s="10"/>
    </row>
    <row r="571933" spans="14:14">
      <c r="N571933" s="10"/>
    </row>
    <row r="571934" spans="14:14">
      <c r="N571934" s="10"/>
    </row>
    <row r="571935" spans="14:14">
      <c r="N571935" s="10"/>
    </row>
    <row r="571936" spans="14:14">
      <c r="N571936" s="10"/>
    </row>
    <row r="571937" spans="14:14">
      <c r="N571937" s="10"/>
    </row>
    <row r="571938" spans="14:14">
      <c r="N571938" s="10"/>
    </row>
    <row r="571939" spans="14:14">
      <c r="N571939" s="10"/>
    </row>
    <row r="571940" spans="14:14">
      <c r="N571940" s="10"/>
    </row>
    <row r="571941" spans="14:14">
      <c r="N571941" s="10"/>
    </row>
    <row r="571942" spans="14:14">
      <c r="N571942" s="10"/>
    </row>
    <row r="571943" spans="14:14">
      <c r="N571943" s="10"/>
    </row>
    <row r="571944" spans="14:14">
      <c r="N571944" s="10"/>
    </row>
    <row r="571945" spans="14:14">
      <c r="N571945" s="10"/>
    </row>
    <row r="571946" spans="14:14">
      <c r="N571946" s="10"/>
    </row>
    <row r="571947" spans="14:14">
      <c r="N571947" s="10"/>
    </row>
    <row r="571948" spans="14:14">
      <c r="N571948" s="10"/>
    </row>
    <row r="571949" spans="14:14">
      <c r="N571949" s="10"/>
    </row>
    <row r="571950" spans="14:14">
      <c r="N571950" s="10"/>
    </row>
    <row r="571951" spans="14:14">
      <c r="N571951" s="10"/>
    </row>
    <row r="571952" spans="14:14">
      <c r="N571952" s="10"/>
    </row>
    <row r="571953" spans="14:14">
      <c r="N571953" s="10"/>
    </row>
    <row r="571954" spans="14:14">
      <c r="N571954" s="10"/>
    </row>
    <row r="571955" spans="14:14">
      <c r="N571955" s="10"/>
    </row>
    <row r="571956" spans="14:14">
      <c r="N571956" s="10"/>
    </row>
    <row r="571957" spans="14:14">
      <c r="N571957" s="10"/>
    </row>
    <row r="571958" spans="14:14">
      <c r="N571958" s="10"/>
    </row>
    <row r="571959" spans="14:14">
      <c r="N571959" s="10"/>
    </row>
    <row r="571960" spans="14:14">
      <c r="N571960" s="10"/>
    </row>
    <row r="571961" spans="14:14">
      <c r="N571961" s="10"/>
    </row>
    <row r="571962" spans="14:14">
      <c r="N571962" s="10"/>
    </row>
    <row r="571963" spans="14:14">
      <c r="N571963" s="10"/>
    </row>
    <row r="571964" spans="14:14">
      <c r="N571964" s="10"/>
    </row>
    <row r="571965" spans="14:14">
      <c r="N571965" s="10"/>
    </row>
    <row r="571966" spans="14:14">
      <c r="N571966" s="10"/>
    </row>
    <row r="571967" spans="14:14">
      <c r="N571967" s="10"/>
    </row>
    <row r="571968" spans="14:14">
      <c r="N571968" s="10"/>
    </row>
    <row r="571969" spans="14:14">
      <c r="N571969" s="10"/>
    </row>
    <row r="571970" spans="14:14">
      <c r="N571970" s="10"/>
    </row>
    <row r="571971" spans="14:14">
      <c r="N571971" s="10"/>
    </row>
    <row r="571972" spans="14:14">
      <c r="N571972" s="10"/>
    </row>
    <row r="571973" spans="14:14">
      <c r="N571973" s="10"/>
    </row>
    <row r="571974" spans="14:14">
      <c r="N571974" s="10"/>
    </row>
    <row r="571975" spans="14:14">
      <c r="N571975" s="10"/>
    </row>
    <row r="571976" spans="14:14">
      <c r="N571976" s="10"/>
    </row>
    <row r="571977" spans="14:14">
      <c r="N571977" s="10"/>
    </row>
    <row r="571978" spans="14:14">
      <c r="N571978" s="10"/>
    </row>
    <row r="571979" spans="14:14">
      <c r="N571979" s="10"/>
    </row>
    <row r="571980" spans="14:14">
      <c r="N571980" s="10"/>
    </row>
    <row r="571981" spans="14:14">
      <c r="N571981" s="10"/>
    </row>
    <row r="571982" spans="14:14">
      <c r="N571982" s="10"/>
    </row>
    <row r="571983" spans="14:14">
      <c r="N571983" s="10"/>
    </row>
    <row r="571984" spans="14:14">
      <c r="N571984" s="10"/>
    </row>
    <row r="571985" spans="14:14">
      <c r="N571985" s="10"/>
    </row>
    <row r="571986" spans="14:14">
      <c r="N571986" s="10"/>
    </row>
    <row r="571987" spans="14:14">
      <c r="N571987" s="10"/>
    </row>
    <row r="571988" spans="14:14">
      <c r="N571988" s="10"/>
    </row>
    <row r="571989" spans="14:14">
      <c r="N571989" s="10"/>
    </row>
    <row r="571990" spans="14:14">
      <c r="N571990" s="10"/>
    </row>
    <row r="571991" spans="14:14">
      <c r="N571991" s="10"/>
    </row>
    <row r="571992" spans="14:14">
      <c r="N571992" s="10"/>
    </row>
    <row r="571993" spans="14:14">
      <c r="N571993" s="10"/>
    </row>
    <row r="571994" spans="14:14">
      <c r="N571994" s="10"/>
    </row>
    <row r="571995" spans="14:14">
      <c r="N571995" s="10"/>
    </row>
    <row r="571996" spans="14:14">
      <c r="N571996" s="10"/>
    </row>
    <row r="571997" spans="14:14">
      <c r="N571997" s="10"/>
    </row>
    <row r="571998" spans="14:14">
      <c r="N571998" s="10"/>
    </row>
    <row r="571999" spans="14:14">
      <c r="N571999" s="10"/>
    </row>
    <row r="572000" spans="14:14">
      <c r="N572000" s="10"/>
    </row>
    <row r="572001" spans="14:14">
      <c r="N572001" s="10"/>
    </row>
    <row r="572002" spans="14:14">
      <c r="N572002" s="10"/>
    </row>
    <row r="572003" spans="14:14">
      <c r="N572003" s="10"/>
    </row>
    <row r="572004" spans="14:14">
      <c r="N572004" s="10"/>
    </row>
    <row r="572005" spans="14:14">
      <c r="N572005" s="10"/>
    </row>
    <row r="572006" spans="14:14">
      <c r="N572006" s="10"/>
    </row>
    <row r="572007" spans="14:14">
      <c r="N572007" s="10"/>
    </row>
    <row r="572008" spans="14:14">
      <c r="N572008" s="10"/>
    </row>
    <row r="572009" spans="14:14">
      <c r="N572009" s="10"/>
    </row>
    <row r="572010" spans="14:14">
      <c r="N572010" s="10"/>
    </row>
    <row r="572011" spans="14:14">
      <c r="N572011" s="10"/>
    </row>
    <row r="572012" spans="14:14">
      <c r="N572012" s="10"/>
    </row>
    <row r="572013" spans="14:14">
      <c r="N572013" s="10"/>
    </row>
    <row r="572014" spans="14:14">
      <c r="N572014" s="10"/>
    </row>
    <row r="572015" spans="14:14">
      <c r="N572015" s="10"/>
    </row>
    <row r="572016" spans="14:14">
      <c r="N572016" s="10"/>
    </row>
    <row r="572017" spans="14:14">
      <c r="N572017" s="10"/>
    </row>
    <row r="572018" spans="14:14">
      <c r="N572018" s="10"/>
    </row>
    <row r="572019" spans="14:14">
      <c r="N572019" s="10"/>
    </row>
    <row r="572020" spans="14:14">
      <c r="N572020" s="10"/>
    </row>
    <row r="572021" spans="14:14">
      <c r="N572021" s="10"/>
    </row>
    <row r="572022" spans="14:14">
      <c r="N572022" s="10"/>
    </row>
    <row r="572023" spans="14:14">
      <c r="N572023" s="10"/>
    </row>
    <row r="572024" spans="14:14">
      <c r="N572024" s="10"/>
    </row>
    <row r="572025" spans="14:14">
      <c r="N572025" s="10"/>
    </row>
    <row r="572026" spans="14:14">
      <c r="N572026" s="10"/>
    </row>
    <row r="572027" spans="14:14">
      <c r="N572027" s="10"/>
    </row>
    <row r="572028" spans="14:14">
      <c r="N572028" s="10"/>
    </row>
    <row r="572029" spans="14:14">
      <c r="N572029" s="10"/>
    </row>
    <row r="572030" spans="14:14">
      <c r="N572030" s="10"/>
    </row>
    <row r="572031" spans="14:14">
      <c r="N572031" s="10"/>
    </row>
    <row r="572032" spans="14:14">
      <c r="N572032" s="10"/>
    </row>
    <row r="572033" spans="14:14">
      <c r="N572033" s="10"/>
    </row>
    <row r="572034" spans="14:14">
      <c r="N572034" s="10"/>
    </row>
    <row r="572035" spans="14:14">
      <c r="N572035" s="10"/>
    </row>
    <row r="572036" spans="14:14">
      <c r="N572036" s="10"/>
    </row>
    <row r="572037" spans="14:14">
      <c r="N572037" s="10"/>
    </row>
    <row r="572038" spans="14:14">
      <c r="N572038" s="10"/>
    </row>
    <row r="572039" spans="14:14">
      <c r="N572039" s="10"/>
    </row>
    <row r="572040" spans="14:14">
      <c r="N572040" s="10"/>
    </row>
    <row r="572041" spans="14:14">
      <c r="N572041" s="10"/>
    </row>
    <row r="572042" spans="14:14">
      <c r="N572042" s="10"/>
    </row>
    <row r="572043" spans="14:14">
      <c r="N572043" s="10"/>
    </row>
    <row r="572044" spans="14:14">
      <c r="N572044" s="10"/>
    </row>
    <row r="572045" spans="14:14">
      <c r="N572045" s="10"/>
    </row>
    <row r="572046" spans="14:14">
      <c r="N572046" s="10"/>
    </row>
    <row r="572047" spans="14:14">
      <c r="N572047" s="10"/>
    </row>
    <row r="572048" spans="14:14">
      <c r="N572048" s="10"/>
    </row>
    <row r="572049" spans="14:14">
      <c r="N572049" s="10"/>
    </row>
    <row r="572050" spans="14:14">
      <c r="N572050" s="10"/>
    </row>
    <row r="572051" spans="14:14">
      <c r="N572051" s="10"/>
    </row>
    <row r="572052" spans="14:14">
      <c r="N572052" s="10"/>
    </row>
    <row r="572053" spans="14:14">
      <c r="N572053" s="10"/>
    </row>
    <row r="572054" spans="14:14">
      <c r="N572054" s="10"/>
    </row>
    <row r="572055" spans="14:14">
      <c r="N572055" s="10"/>
    </row>
    <row r="572056" spans="14:14">
      <c r="N572056" s="10"/>
    </row>
    <row r="572057" spans="14:14">
      <c r="N572057" s="10"/>
    </row>
    <row r="572058" spans="14:14">
      <c r="N572058" s="10"/>
    </row>
    <row r="572059" spans="14:14">
      <c r="N572059" s="10"/>
    </row>
    <row r="572060" spans="14:14">
      <c r="N572060" s="10"/>
    </row>
    <row r="572061" spans="14:14">
      <c r="N572061" s="10"/>
    </row>
    <row r="572062" spans="14:14">
      <c r="N572062" s="10"/>
    </row>
    <row r="572063" spans="14:14">
      <c r="N572063" s="10"/>
    </row>
    <row r="572064" spans="14:14">
      <c r="N572064" s="10"/>
    </row>
    <row r="572065" spans="14:14">
      <c r="N572065" s="10"/>
    </row>
    <row r="572066" spans="14:14">
      <c r="N572066" s="10"/>
    </row>
    <row r="572067" spans="14:14">
      <c r="N572067" s="10"/>
    </row>
    <row r="572068" spans="14:14">
      <c r="N572068" s="10"/>
    </row>
    <row r="572069" spans="14:14">
      <c r="N572069" s="10"/>
    </row>
    <row r="572070" spans="14:14">
      <c r="N572070" s="10"/>
    </row>
    <row r="572071" spans="14:14">
      <c r="N572071" s="10"/>
    </row>
    <row r="572072" spans="14:14">
      <c r="N572072" s="10"/>
    </row>
    <row r="572073" spans="14:14">
      <c r="N572073" s="10"/>
    </row>
    <row r="572074" spans="14:14">
      <c r="N572074" s="10"/>
    </row>
    <row r="572075" spans="14:14">
      <c r="N572075" s="10"/>
    </row>
    <row r="572076" spans="14:14">
      <c r="N572076" s="10"/>
    </row>
    <row r="572077" spans="14:14">
      <c r="N572077" s="10"/>
    </row>
    <row r="572078" spans="14:14">
      <c r="N572078" s="10"/>
    </row>
    <row r="572079" spans="14:14">
      <c r="N572079" s="10"/>
    </row>
    <row r="572080" spans="14:14">
      <c r="N572080" s="10"/>
    </row>
    <row r="572081" spans="14:14">
      <c r="N572081" s="10"/>
    </row>
    <row r="572082" spans="14:14">
      <c r="N572082" s="10"/>
    </row>
    <row r="572083" spans="14:14">
      <c r="N572083" s="10"/>
    </row>
    <row r="572084" spans="14:14">
      <c r="N572084" s="10"/>
    </row>
    <row r="572085" spans="14:14">
      <c r="N572085" s="10"/>
    </row>
    <row r="572086" spans="14:14">
      <c r="N572086" s="10"/>
    </row>
    <row r="572087" spans="14:14">
      <c r="N572087" s="10"/>
    </row>
    <row r="572088" spans="14:14">
      <c r="N572088" s="10"/>
    </row>
    <row r="572089" spans="14:14">
      <c r="N572089" s="10"/>
    </row>
    <row r="572090" spans="14:14">
      <c r="N572090" s="10"/>
    </row>
    <row r="572091" spans="14:14">
      <c r="N572091" s="10"/>
    </row>
    <row r="572092" spans="14:14">
      <c r="N572092" s="10"/>
    </row>
    <row r="572093" spans="14:14">
      <c r="N572093" s="10"/>
    </row>
    <row r="572094" spans="14:14">
      <c r="N572094" s="10"/>
    </row>
    <row r="572095" spans="14:14">
      <c r="N572095" s="10"/>
    </row>
    <row r="572096" spans="14:14">
      <c r="N572096" s="10"/>
    </row>
    <row r="572097" spans="14:14">
      <c r="N572097" s="10"/>
    </row>
    <row r="572098" spans="14:14">
      <c r="N572098" s="10"/>
    </row>
    <row r="572099" spans="14:14">
      <c r="N572099" s="10"/>
    </row>
    <row r="572100" spans="14:14">
      <c r="N572100" s="10"/>
    </row>
    <row r="572101" spans="14:14">
      <c r="N572101" s="10"/>
    </row>
    <row r="572102" spans="14:14">
      <c r="N572102" s="10"/>
    </row>
    <row r="572103" spans="14:14">
      <c r="N572103" s="10"/>
    </row>
    <row r="572104" spans="14:14">
      <c r="N572104" s="10"/>
    </row>
    <row r="572105" spans="14:14">
      <c r="N572105" s="10"/>
    </row>
    <row r="572106" spans="14:14">
      <c r="N572106" s="10"/>
    </row>
    <row r="572107" spans="14:14">
      <c r="N572107" s="10"/>
    </row>
    <row r="572108" spans="14:14">
      <c r="N572108" s="10"/>
    </row>
    <row r="572109" spans="14:14">
      <c r="N572109" s="10"/>
    </row>
    <row r="572110" spans="14:14">
      <c r="N572110" s="10"/>
    </row>
    <row r="572111" spans="14:14">
      <c r="N572111" s="10"/>
    </row>
    <row r="572112" spans="14:14">
      <c r="N572112" s="10"/>
    </row>
    <row r="572113" spans="14:14">
      <c r="N572113" s="10"/>
    </row>
    <row r="572114" spans="14:14">
      <c r="N572114" s="10"/>
    </row>
    <row r="572115" spans="14:14">
      <c r="N572115" s="10"/>
    </row>
    <row r="572116" spans="14:14">
      <c r="N572116" s="10"/>
    </row>
    <row r="572117" spans="14:14">
      <c r="N572117" s="10"/>
    </row>
    <row r="572118" spans="14:14">
      <c r="N572118" s="10"/>
    </row>
    <row r="572119" spans="14:14">
      <c r="N572119" s="10"/>
    </row>
    <row r="572120" spans="14:14">
      <c r="N572120" s="10"/>
    </row>
    <row r="572121" spans="14:14">
      <c r="N572121" s="10"/>
    </row>
    <row r="572122" spans="14:14">
      <c r="N572122" s="10"/>
    </row>
    <row r="572123" spans="14:14">
      <c r="N572123" s="10"/>
    </row>
    <row r="572124" spans="14:14">
      <c r="N572124" s="10"/>
    </row>
    <row r="572125" spans="14:14">
      <c r="N572125" s="10"/>
    </row>
    <row r="572126" spans="14:14">
      <c r="N572126" s="10"/>
    </row>
    <row r="572127" spans="14:14">
      <c r="N572127" s="10"/>
    </row>
    <row r="572128" spans="14:14">
      <c r="N572128" s="10"/>
    </row>
    <row r="572129" spans="14:14">
      <c r="N572129" s="10"/>
    </row>
    <row r="572130" spans="14:14">
      <c r="N572130" s="10"/>
    </row>
    <row r="572131" spans="14:14">
      <c r="N572131" s="10"/>
    </row>
    <row r="572132" spans="14:14">
      <c r="N572132" s="10"/>
    </row>
    <row r="572133" spans="14:14">
      <c r="N572133" s="10"/>
    </row>
    <row r="572134" spans="14:14">
      <c r="N572134" s="10"/>
    </row>
    <row r="572135" spans="14:14">
      <c r="N572135" s="10"/>
    </row>
    <row r="572136" spans="14:14">
      <c r="N572136" s="10"/>
    </row>
    <row r="572137" spans="14:14">
      <c r="N572137" s="10"/>
    </row>
    <row r="572138" spans="14:14">
      <c r="N572138" s="10"/>
    </row>
    <row r="572139" spans="14:14">
      <c r="N572139" s="10"/>
    </row>
    <row r="572140" spans="14:14">
      <c r="N572140" s="10"/>
    </row>
    <row r="572141" spans="14:14">
      <c r="N572141" s="10"/>
    </row>
    <row r="572142" spans="14:14">
      <c r="N572142" s="10"/>
    </row>
    <row r="572143" spans="14:14">
      <c r="N572143" s="10"/>
    </row>
    <row r="572144" spans="14:14">
      <c r="N572144" s="10"/>
    </row>
    <row r="572145" spans="14:14">
      <c r="N572145" s="10"/>
    </row>
    <row r="572146" spans="14:14">
      <c r="N572146" s="10"/>
    </row>
    <row r="572147" spans="14:14">
      <c r="N572147" s="10"/>
    </row>
    <row r="572148" spans="14:14">
      <c r="N572148" s="10"/>
    </row>
    <row r="572149" spans="14:14">
      <c r="N572149" s="10"/>
    </row>
    <row r="572150" spans="14:14">
      <c r="N572150" s="10"/>
    </row>
    <row r="572151" spans="14:14">
      <c r="N572151" s="10"/>
    </row>
    <row r="572152" spans="14:14">
      <c r="N572152" s="10"/>
    </row>
    <row r="572153" spans="14:14">
      <c r="N572153" s="10"/>
    </row>
    <row r="572154" spans="14:14">
      <c r="N572154" s="10"/>
    </row>
    <row r="572155" spans="14:14">
      <c r="N572155" s="10"/>
    </row>
    <row r="572156" spans="14:14">
      <c r="N572156" s="10"/>
    </row>
    <row r="572157" spans="14:14">
      <c r="N572157" s="10"/>
    </row>
    <row r="572158" spans="14:14">
      <c r="N572158" s="10"/>
    </row>
    <row r="572159" spans="14:14">
      <c r="N572159" s="10"/>
    </row>
    <row r="572160" spans="14:14">
      <c r="N572160" s="10"/>
    </row>
    <row r="572161" spans="14:14">
      <c r="N572161" s="10"/>
    </row>
    <row r="572162" spans="14:14">
      <c r="N572162" s="10"/>
    </row>
    <row r="572163" spans="14:14">
      <c r="N572163" s="10"/>
    </row>
    <row r="572164" spans="14:14">
      <c r="N572164" s="10"/>
    </row>
    <row r="572165" spans="14:14">
      <c r="N572165" s="10"/>
    </row>
    <row r="572166" spans="14:14">
      <c r="N572166" s="10"/>
    </row>
    <row r="572167" spans="14:14">
      <c r="N572167" s="10"/>
    </row>
    <row r="572168" spans="14:14">
      <c r="N572168" s="10"/>
    </row>
    <row r="572169" spans="14:14">
      <c r="N572169" s="10"/>
    </row>
    <row r="572170" spans="14:14">
      <c r="N572170" s="10"/>
    </row>
    <row r="572171" spans="14:14">
      <c r="N572171" s="10"/>
    </row>
    <row r="572172" spans="14:14">
      <c r="N572172" s="10"/>
    </row>
    <row r="572173" spans="14:14">
      <c r="N572173" s="10"/>
    </row>
    <row r="572174" spans="14:14">
      <c r="N572174" s="10"/>
    </row>
    <row r="572175" spans="14:14">
      <c r="N572175" s="10"/>
    </row>
    <row r="572176" spans="14:14">
      <c r="N572176" s="10"/>
    </row>
    <row r="572177" spans="14:14">
      <c r="N572177" s="10"/>
    </row>
    <row r="572178" spans="14:14">
      <c r="N572178" s="10"/>
    </row>
    <row r="572179" spans="14:14">
      <c r="N572179" s="10"/>
    </row>
    <row r="572180" spans="14:14">
      <c r="N572180" s="10"/>
    </row>
    <row r="572181" spans="14:14">
      <c r="N572181" s="10"/>
    </row>
    <row r="572182" spans="14:14">
      <c r="N572182" s="10"/>
    </row>
    <row r="572183" spans="14:14">
      <c r="N572183" s="10"/>
    </row>
    <row r="572184" spans="14:14">
      <c r="N572184" s="10"/>
    </row>
    <row r="572185" spans="14:14">
      <c r="N572185" s="10"/>
    </row>
    <row r="572186" spans="14:14">
      <c r="N572186" s="10"/>
    </row>
    <row r="572187" spans="14:14">
      <c r="N572187" s="10"/>
    </row>
    <row r="572188" spans="14:14">
      <c r="N572188" s="10"/>
    </row>
    <row r="572189" spans="14:14">
      <c r="N572189" s="10"/>
    </row>
    <row r="572190" spans="14:14">
      <c r="N572190" s="10"/>
    </row>
    <row r="572191" spans="14:14">
      <c r="N572191" s="10"/>
    </row>
    <row r="572192" spans="14:14">
      <c r="N572192" s="10"/>
    </row>
    <row r="572193" spans="14:14">
      <c r="N572193" s="10"/>
    </row>
    <row r="572194" spans="14:14">
      <c r="N572194" s="10"/>
    </row>
    <row r="572195" spans="14:14">
      <c r="N572195" s="10"/>
    </row>
    <row r="572196" spans="14:14">
      <c r="N572196" s="10"/>
    </row>
    <row r="572197" spans="14:14">
      <c r="N572197" s="10"/>
    </row>
    <row r="572198" spans="14:14">
      <c r="N572198" s="10"/>
    </row>
    <row r="572199" spans="14:14">
      <c r="N572199" s="10"/>
    </row>
    <row r="572200" spans="14:14">
      <c r="N572200" s="10"/>
    </row>
    <row r="572201" spans="14:14">
      <c r="N572201" s="10"/>
    </row>
    <row r="572202" spans="14:14">
      <c r="N572202" s="10"/>
    </row>
    <row r="572203" spans="14:14">
      <c r="N572203" s="10"/>
    </row>
    <row r="572204" spans="14:14">
      <c r="N572204" s="10"/>
    </row>
    <row r="572205" spans="14:14">
      <c r="N572205" s="10"/>
    </row>
    <row r="572206" spans="14:14">
      <c r="N572206" s="10"/>
    </row>
    <row r="572207" spans="14:14">
      <c r="N572207" s="10"/>
    </row>
    <row r="572208" spans="14:14">
      <c r="N572208" s="10"/>
    </row>
    <row r="572209" spans="14:14">
      <c r="N572209" s="10"/>
    </row>
    <row r="572210" spans="14:14">
      <c r="N572210" s="10"/>
    </row>
    <row r="572211" spans="14:14">
      <c r="N572211" s="10"/>
    </row>
    <row r="572212" spans="14:14">
      <c r="N572212" s="10"/>
    </row>
    <row r="572213" spans="14:14">
      <c r="N572213" s="10"/>
    </row>
    <row r="572214" spans="14:14">
      <c r="N572214" s="10"/>
    </row>
    <row r="572215" spans="14:14">
      <c r="N572215" s="10"/>
    </row>
    <row r="572216" spans="14:14">
      <c r="N572216" s="10"/>
    </row>
    <row r="572217" spans="14:14">
      <c r="N572217" s="10"/>
    </row>
    <row r="572218" spans="14:14">
      <c r="N572218" s="10"/>
    </row>
    <row r="572219" spans="14:14">
      <c r="N572219" s="10"/>
    </row>
    <row r="572220" spans="14:14">
      <c r="N572220" s="10"/>
    </row>
    <row r="572221" spans="14:14">
      <c r="N572221" s="10"/>
    </row>
    <row r="572222" spans="14:14">
      <c r="N572222" s="10"/>
    </row>
    <row r="572223" spans="14:14">
      <c r="N572223" s="10"/>
    </row>
    <row r="572224" spans="14:14">
      <c r="N572224" s="10"/>
    </row>
    <row r="572225" spans="14:14">
      <c r="N572225" s="10"/>
    </row>
    <row r="572226" spans="14:14">
      <c r="N572226" s="10"/>
    </row>
    <row r="572227" spans="14:14">
      <c r="N572227" s="10"/>
    </row>
    <row r="572228" spans="14:14">
      <c r="N572228" s="10"/>
    </row>
    <row r="572229" spans="14:14">
      <c r="N572229" s="10"/>
    </row>
    <row r="572230" spans="14:14">
      <c r="N572230" s="10"/>
    </row>
    <row r="572231" spans="14:14">
      <c r="N572231" s="10"/>
    </row>
    <row r="572232" spans="14:14">
      <c r="N572232" s="10"/>
    </row>
    <row r="572233" spans="14:14">
      <c r="N572233" s="10"/>
    </row>
    <row r="572234" spans="14:14">
      <c r="N572234" s="10"/>
    </row>
    <row r="572235" spans="14:14">
      <c r="N572235" s="10"/>
    </row>
    <row r="572236" spans="14:14">
      <c r="N572236" s="10"/>
    </row>
    <row r="572237" spans="14:14">
      <c r="N572237" s="10"/>
    </row>
    <row r="572238" spans="14:14">
      <c r="N572238" s="10"/>
    </row>
    <row r="572239" spans="14:14">
      <c r="N572239" s="10"/>
    </row>
    <row r="572240" spans="14:14">
      <c r="N572240" s="10"/>
    </row>
    <row r="572241" spans="14:14">
      <c r="N572241" s="10"/>
    </row>
    <row r="572242" spans="14:14">
      <c r="N572242" s="10"/>
    </row>
    <row r="572243" spans="14:14">
      <c r="N572243" s="10"/>
    </row>
    <row r="572244" spans="14:14">
      <c r="N572244" s="10"/>
    </row>
    <row r="572245" spans="14:14">
      <c r="N572245" s="10"/>
    </row>
    <row r="572246" spans="14:14">
      <c r="N572246" s="10"/>
    </row>
    <row r="572247" spans="14:14">
      <c r="N572247" s="10"/>
    </row>
    <row r="572248" spans="14:14">
      <c r="N572248" s="10"/>
    </row>
    <row r="572249" spans="14:14">
      <c r="N572249" s="10"/>
    </row>
    <row r="572250" spans="14:14">
      <c r="N572250" s="10"/>
    </row>
    <row r="572251" spans="14:14">
      <c r="N572251" s="10"/>
    </row>
    <row r="572252" spans="14:14">
      <c r="N572252" s="10"/>
    </row>
    <row r="572253" spans="14:14">
      <c r="N572253" s="10"/>
    </row>
    <row r="572254" spans="14:14">
      <c r="N572254" s="10"/>
    </row>
    <row r="572255" spans="14:14">
      <c r="N572255" s="10"/>
    </row>
    <row r="572256" spans="14:14">
      <c r="N572256" s="10"/>
    </row>
    <row r="572257" spans="14:14">
      <c r="N572257" s="10"/>
    </row>
    <row r="572258" spans="14:14">
      <c r="N572258" s="10"/>
    </row>
    <row r="572259" spans="14:14">
      <c r="N572259" s="10"/>
    </row>
    <row r="572260" spans="14:14">
      <c r="N572260" s="10"/>
    </row>
    <row r="572261" spans="14:14">
      <c r="N572261" s="10"/>
    </row>
    <row r="572262" spans="14:14">
      <c r="N572262" s="10"/>
    </row>
    <row r="572263" spans="14:14">
      <c r="N572263" s="10"/>
    </row>
    <row r="572264" spans="14:14">
      <c r="N572264" s="10"/>
    </row>
    <row r="572265" spans="14:14">
      <c r="N572265" s="10"/>
    </row>
    <row r="572266" spans="14:14">
      <c r="N572266" s="10"/>
    </row>
    <row r="572267" spans="14:14">
      <c r="N572267" s="10"/>
    </row>
    <row r="572268" spans="14:14">
      <c r="N572268" s="10"/>
    </row>
    <row r="572269" spans="14:14">
      <c r="N572269" s="10"/>
    </row>
    <row r="572270" spans="14:14">
      <c r="N572270" s="10"/>
    </row>
    <row r="572271" spans="14:14">
      <c r="N572271" s="10"/>
    </row>
    <row r="572272" spans="14:14">
      <c r="N572272" s="10"/>
    </row>
    <row r="572273" spans="14:14">
      <c r="N572273" s="10"/>
    </row>
    <row r="572274" spans="14:14">
      <c r="N572274" s="10"/>
    </row>
    <row r="572275" spans="14:14">
      <c r="N572275" s="10"/>
    </row>
    <row r="572276" spans="14:14">
      <c r="N572276" s="10"/>
    </row>
    <row r="572277" spans="14:14">
      <c r="N572277" s="10"/>
    </row>
    <row r="572278" spans="14:14">
      <c r="N572278" s="10"/>
    </row>
    <row r="572279" spans="14:14">
      <c r="N572279" s="10"/>
    </row>
    <row r="572280" spans="14:14">
      <c r="N572280" s="10"/>
    </row>
    <row r="572281" spans="14:14">
      <c r="N572281" s="10"/>
    </row>
    <row r="572282" spans="14:14">
      <c r="N572282" s="10"/>
    </row>
    <row r="572283" spans="14:14">
      <c r="N572283" s="10"/>
    </row>
    <row r="572284" spans="14:14">
      <c r="N572284" s="10"/>
    </row>
    <row r="572285" spans="14:14">
      <c r="N572285" s="10"/>
    </row>
    <row r="572286" spans="14:14">
      <c r="N572286" s="10"/>
    </row>
    <row r="572287" spans="14:14">
      <c r="N572287" s="10"/>
    </row>
    <row r="572288" spans="14:14">
      <c r="N572288" s="10"/>
    </row>
    <row r="572289" spans="14:14">
      <c r="N572289" s="10"/>
    </row>
    <row r="572290" spans="14:14">
      <c r="N572290" s="10"/>
    </row>
    <row r="572291" spans="14:14">
      <c r="N572291" s="10"/>
    </row>
    <row r="572292" spans="14:14">
      <c r="N572292" s="10"/>
    </row>
    <row r="572293" spans="14:14">
      <c r="N572293" s="10"/>
    </row>
    <row r="572294" spans="14:14">
      <c r="N572294" s="10"/>
    </row>
    <row r="572295" spans="14:14">
      <c r="N572295" s="10"/>
    </row>
    <row r="572296" spans="14:14">
      <c r="N572296" s="10"/>
    </row>
    <row r="572297" spans="14:14">
      <c r="N572297" s="10"/>
    </row>
    <row r="572298" spans="14:14">
      <c r="N572298" s="10"/>
    </row>
    <row r="572299" spans="14:14">
      <c r="N572299" s="10"/>
    </row>
    <row r="572300" spans="14:14">
      <c r="N572300" s="10"/>
    </row>
    <row r="572301" spans="14:14">
      <c r="N572301" s="10"/>
    </row>
    <row r="572302" spans="14:14">
      <c r="N572302" s="10"/>
    </row>
    <row r="572303" spans="14:14">
      <c r="N572303" s="10"/>
    </row>
    <row r="572304" spans="14:14">
      <c r="N572304" s="10"/>
    </row>
    <row r="572305" spans="14:14">
      <c r="N572305" s="10"/>
    </row>
    <row r="572306" spans="14:14">
      <c r="N572306" s="10"/>
    </row>
    <row r="572307" spans="14:14">
      <c r="N572307" s="10"/>
    </row>
    <row r="572308" spans="14:14">
      <c r="N572308" s="10"/>
    </row>
    <row r="572309" spans="14:14">
      <c r="N572309" s="10"/>
    </row>
    <row r="572310" spans="14:14">
      <c r="N572310" s="10"/>
    </row>
    <row r="572311" spans="14:14">
      <c r="N572311" s="10"/>
    </row>
    <row r="572312" spans="14:14">
      <c r="N572312" s="10"/>
    </row>
    <row r="572313" spans="14:14">
      <c r="N572313" s="10"/>
    </row>
    <row r="572314" spans="14:14">
      <c r="N572314" s="10"/>
    </row>
    <row r="572315" spans="14:14">
      <c r="N572315" s="10"/>
    </row>
    <row r="572316" spans="14:14">
      <c r="N572316" s="10"/>
    </row>
    <row r="572317" spans="14:14">
      <c r="N572317" s="10"/>
    </row>
    <row r="572318" spans="14:14">
      <c r="N572318" s="10"/>
    </row>
    <row r="572319" spans="14:14">
      <c r="N572319" s="10"/>
    </row>
    <row r="572320" spans="14:14">
      <c r="N572320" s="10"/>
    </row>
    <row r="572321" spans="14:14">
      <c r="N572321" s="10"/>
    </row>
    <row r="572322" spans="14:14">
      <c r="N572322" s="10"/>
    </row>
    <row r="572323" spans="14:14">
      <c r="N572323" s="10"/>
    </row>
    <row r="572324" spans="14:14">
      <c r="N572324" s="10"/>
    </row>
    <row r="572325" spans="14:14">
      <c r="N572325" s="10"/>
    </row>
    <row r="572326" spans="14:14">
      <c r="N572326" s="10"/>
    </row>
    <row r="572327" spans="14:14">
      <c r="N572327" s="10"/>
    </row>
    <row r="572328" spans="14:14">
      <c r="N572328" s="10"/>
    </row>
    <row r="572329" spans="14:14">
      <c r="N572329" s="10"/>
    </row>
    <row r="572330" spans="14:14">
      <c r="N572330" s="10"/>
    </row>
    <row r="572331" spans="14:14">
      <c r="N572331" s="10"/>
    </row>
    <row r="572332" spans="14:14">
      <c r="N572332" s="10"/>
    </row>
    <row r="572333" spans="14:14">
      <c r="N572333" s="10"/>
    </row>
    <row r="572334" spans="14:14">
      <c r="N572334" s="10"/>
    </row>
    <row r="572335" spans="14:14">
      <c r="N572335" s="10"/>
    </row>
    <row r="572336" spans="14:14">
      <c r="N572336" s="10"/>
    </row>
    <row r="572337" spans="14:14">
      <c r="N572337" s="10"/>
    </row>
    <row r="572338" spans="14:14">
      <c r="N572338" s="10"/>
    </row>
    <row r="572339" spans="14:14">
      <c r="N572339" s="10"/>
    </row>
    <row r="572340" spans="14:14">
      <c r="N572340" s="10"/>
    </row>
    <row r="572341" spans="14:14">
      <c r="N572341" s="10"/>
    </row>
    <row r="572342" spans="14:14">
      <c r="N572342" s="10"/>
    </row>
    <row r="572343" spans="14:14">
      <c r="N572343" s="10"/>
    </row>
    <row r="572344" spans="14:14">
      <c r="N572344" s="10"/>
    </row>
    <row r="572345" spans="14:14">
      <c r="N572345" s="10"/>
    </row>
    <row r="572346" spans="14:14">
      <c r="N572346" s="10"/>
    </row>
    <row r="572347" spans="14:14">
      <c r="N572347" s="10"/>
    </row>
    <row r="572348" spans="14:14">
      <c r="N572348" s="10"/>
    </row>
    <row r="572349" spans="14:14">
      <c r="N572349" s="10"/>
    </row>
    <row r="572350" spans="14:14">
      <c r="N572350" s="10"/>
    </row>
    <row r="572351" spans="14:14">
      <c r="N572351" s="10"/>
    </row>
    <row r="572352" spans="14:14">
      <c r="N572352" s="10"/>
    </row>
    <row r="572353" spans="14:14">
      <c r="N572353" s="10"/>
    </row>
    <row r="572354" spans="14:14">
      <c r="N572354" s="10"/>
    </row>
    <row r="572355" spans="14:14">
      <c r="N572355" s="10"/>
    </row>
    <row r="572356" spans="14:14">
      <c r="N572356" s="10"/>
    </row>
    <row r="572357" spans="14:14">
      <c r="N572357" s="10"/>
    </row>
    <row r="572358" spans="14:14">
      <c r="N572358" s="10"/>
    </row>
    <row r="572359" spans="14:14">
      <c r="N572359" s="10"/>
    </row>
    <row r="572360" spans="14:14">
      <c r="N572360" s="10"/>
    </row>
    <row r="572361" spans="14:14">
      <c r="N572361" s="10"/>
    </row>
    <row r="572362" spans="14:14">
      <c r="N572362" s="10"/>
    </row>
    <row r="572363" spans="14:14">
      <c r="N572363" s="10"/>
    </row>
    <row r="572364" spans="14:14">
      <c r="N572364" s="10"/>
    </row>
    <row r="572365" spans="14:14">
      <c r="N572365" s="10"/>
    </row>
    <row r="572366" spans="14:14">
      <c r="N572366" s="10"/>
    </row>
    <row r="572367" spans="14:14">
      <c r="N572367" s="10"/>
    </row>
    <row r="572368" spans="14:14">
      <c r="N572368" s="10"/>
    </row>
    <row r="572369" spans="14:14">
      <c r="N572369" s="10"/>
    </row>
    <row r="572370" spans="14:14">
      <c r="N572370" s="10"/>
    </row>
    <row r="572371" spans="14:14">
      <c r="N572371" s="10"/>
    </row>
    <row r="572372" spans="14:14">
      <c r="N572372" s="10"/>
    </row>
    <row r="572373" spans="14:14">
      <c r="N572373" s="10"/>
    </row>
    <row r="572374" spans="14:14">
      <c r="N572374" s="10"/>
    </row>
    <row r="572375" spans="14:14">
      <c r="N572375" s="10"/>
    </row>
    <row r="572376" spans="14:14">
      <c r="N572376" s="10"/>
    </row>
    <row r="572377" spans="14:14">
      <c r="N572377" s="10"/>
    </row>
    <row r="572378" spans="14:14">
      <c r="N572378" s="10"/>
    </row>
    <row r="572379" spans="14:14">
      <c r="N572379" s="10"/>
    </row>
    <row r="572380" spans="14:14">
      <c r="N572380" s="10"/>
    </row>
    <row r="572381" spans="14:14">
      <c r="N572381" s="10"/>
    </row>
    <row r="572382" spans="14:14">
      <c r="N572382" s="10"/>
    </row>
    <row r="572383" spans="14:14">
      <c r="N572383" s="10"/>
    </row>
    <row r="572384" spans="14:14">
      <c r="N572384" s="10"/>
    </row>
    <row r="572385" spans="14:14">
      <c r="N572385" s="10"/>
    </row>
    <row r="572386" spans="14:14">
      <c r="N572386" s="10"/>
    </row>
    <row r="572387" spans="14:14">
      <c r="N572387" s="10"/>
    </row>
    <row r="572388" spans="14:14">
      <c r="N572388" s="10"/>
    </row>
    <row r="572389" spans="14:14">
      <c r="N572389" s="10"/>
    </row>
    <row r="572390" spans="14:14">
      <c r="N572390" s="10"/>
    </row>
    <row r="572391" spans="14:14">
      <c r="N572391" s="10"/>
    </row>
    <row r="572392" spans="14:14">
      <c r="N572392" s="10"/>
    </row>
    <row r="572393" spans="14:14">
      <c r="N572393" s="10"/>
    </row>
    <row r="572394" spans="14:14">
      <c r="N572394" s="10"/>
    </row>
    <row r="572395" spans="14:14">
      <c r="N572395" s="10"/>
    </row>
    <row r="572396" spans="14:14">
      <c r="N572396" s="10"/>
    </row>
    <row r="572397" spans="14:14">
      <c r="N572397" s="10"/>
    </row>
    <row r="572398" spans="14:14">
      <c r="N572398" s="10"/>
    </row>
    <row r="572399" spans="14:14">
      <c r="N572399" s="10"/>
    </row>
    <row r="572400" spans="14:14">
      <c r="N572400" s="10"/>
    </row>
    <row r="572401" spans="14:14">
      <c r="N572401" s="10"/>
    </row>
    <row r="572402" spans="14:14">
      <c r="N572402" s="10"/>
    </row>
    <row r="572403" spans="14:14">
      <c r="N572403" s="10"/>
    </row>
    <row r="572404" spans="14:14">
      <c r="N572404" s="10"/>
    </row>
    <row r="572405" spans="14:14">
      <c r="N572405" s="10"/>
    </row>
    <row r="572406" spans="14:14">
      <c r="N572406" s="10"/>
    </row>
    <row r="572407" spans="14:14">
      <c r="N572407" s="10"/>
    </row>
    <row r="572408" spans="14:14">
      <c r="N572408" s="10"/>
    </row>
    <row r="572409" spans="14:14">
      <c r="N572409" s="10"/>
    </row>
    <row r="572410" spans="14:14">
      <c r="N572410" s="10"/>
    </row>
    <row r="572411" spans="14:14">
      <c r="N572411" s="10"/>
    </row>
    <row r="572412" spans="14:14">
      <c r="N572412" s="10"/>
    </row>
    <row r="572413" spans="14:14">
      <c r="N572413" s="10"/>
    </row>
    <row r="572414" spans="14:14">
      <c r="N572414" s="10"/>
    </row>
    <row r="572415" spans="14:14">
      <c r="N572415" s="10"/>
    </row>
    <row r="572416" spans="14:14">
      <c r="N572416" s="10"/>
    </row>
    <row r="572417" spans="14:14">
      <c r="N572417" s="10"/>
    </row>
    <row r="572418" spans="14:14">
      <c r="N572418" s="10"/>
    </row>
    <row r="572419" spans="14:14">
      <c r="N572419" s="10"/>
    </row>
    <row r="572420" spans="14:14">
      <c r="N572420" s="10"/>
    </row>
    <row r="572421" spans="14:14">
      <c r="N572421" s="10"/>
    </row>
    <row r="572422" spans="14:14">
      <c r="N572422" s="10"/>
    </row>
    <row r="572423" spans="14:14">
      <c r="N572423" s="10"/>
    </row>
    <row r="572424" spans="14:14">
      <c r="N572424" s="10"/>
    </row>
    <row r="572425" spans="14:14">
      <c r="N572425" s="10"/>
    </row>
    <row r="572426" spans="14:14">
      <c r="N572426" s="10"/>
    </row>
    <row r="572427" spans="14:14">
      <c r="N572427" s="10"/>
    </row>
    <row r="572428" spans="14:14">
      <c r="N572428" s="10"/>
    </row>
    <row r="572429" spans="14:14">
      <c r="N572429" s="10"/>
    </row>
    <row r="572430" spans="14:14">
      <c r="N572430" s="10"/>
    </row>
    <row r="572431" spans="14:14">
      <c r="N572431" s="10"/>
    </row>
    <row r="572432" spans="14:14">
      <c r="N572432" s="10"/>
    </row>
    <row r="572433" spans="14:14">
      <c r="N572433" s="10"/>
    </row>
    <row r="572434" spans="14:14">
      <c r="N572434" s="10"/>
    </row>
    <row r="572435" spans="14:14">
      <c r="N572435" s="10"/>
    </row>
    <row r="572436" spans="14:14">
      <c r="N572436" s="10"/>
    </row>
    <row r="572437" spans="14:14">
      <c r="N572437" s="10"/>
    </row>
    <row r="572438" spans="14:14">
      <c r="N572438" s="10"/>
    </row>
    <row r="572439" spans="14:14">
      <c r="N572439" s="10"/>
    </row>
    <row r="572440" spans="14:14">
      <c r="N572440" s="10"/>
    </row>
    <row r="572441" spans="14:14">
      <c r="N572441" s="10"/>
    </row>
    <row r="572442" spans="14:14">
      <c r="N572442" s="10"/>
    </row>
    <row r="572443" spans="14:14">
      <c r="N572443" s="10"/>
    </row>
    <row r="572444" spans="14:14">
      <c r="N572444" s="10"/>
    </row>
    <row r="572445" spans="14:14">
      <c r="N572445" s="10"/>
    </row>
    <row r="572446" spans="14:14">
      <c r="N572446" s="10"/>
    </row>
    <row r="572447" spans="14:14">
      <c r="N572447" s="10"/>
    </row>
    <row r="572448" spans="14:14">
      <c r="N572448" s="10"/>
    </row>
    <row r="572449" spans="14:14">
      <c r="N572449" s="10"/>
    </row>
    <row r="572450" spans="14:14">
      <c r="N572450" s="10"/>
    </row>
    <row r="572451" spans="14:14">
      <c r="N572451" s="10"/>
    </row>
    <row r="572452" spans="14:14">
      <c r="N572452" s="10"/>
    </row>
    <row r="572453" spans="14:14">
      <c r="N572453" s="10"/>
    </row>
    <row r="572454" spans="14:14">
      <c r="N572454" s="10"/>
    </row>
    <row r="572455" spans="14:14">
      <c r="N572455" s="10"/>
    </row>
    <row r="572456" spans="14:14">
      <c r="N572456" s="10"/>
    </row>
    <row r="572457" spans="14:14">
      <c r="N572457" s="10"/>
    </row>
    <row r="572458" spans="14:14">
      <c r="N572458" s="10"/>
    </row>
    <row r="572459" spans="14:14">
      <c r="N572459" s="10"/>
    </row>
    <row r="572460" spans="14:14">
      <c r="N572460" s="10"/>
    </row>
    <row r="572461" spans="14:14">
      <c r="N572461" s="10"/>
    </row>
    <row r="572462" spans="14:14">
      <c r="N572462" s="10"/>
    </row>
    <row r="572463" spans="14:14">
      <c r="N572463" s="10"/>
    </row>
    <row r="572464" spans="14:14">
      <c r="N572464" s="10"/>
    </row>
    <row r="572465" spans="14:14">
      <c r="N572465" s="10"/>
    </row>
    <row r="572466" spans="14:14">
      <c r="N572466" s="10"/>
    </row>
    <row r="572467" spans="14:14">
      <c r="N572467" s="10"/>
    </row>
    <row r="572468" spans="14:14">
      <c r="N572468" s="10"/>
    </row>
    <row r="572469" spans="14:14">
      <c r="N572469" s="10"/>
    </row>
    <row r="572470" spans="14:14">
      <c r="N572470" s="10"/>
    </row>
    <row r="572471" spans="14:14">
      <c r="N572471" s="10"/>
    </row>
    <row r="572472" spans="14:14">
      <c r="N572472" s="10"/>
    </row>
    <row r="572473" spans="14:14">
      <c r="N572473" s="10"/>
    </row>
    <row r="572474" spans="14:14">
      <c r="N572474" s="10"/>
    </row>
    <row r="572475" spans="14:14">
      <c r="N572475" s="10"/>
    </row>
    <row r="572476" spans="14:14">
      <c r="N572476" s="10"/>
    </row>
    <row r="572477" spans="14:14">
      <c r="N572477" s="10"/>
    </row>
    <row r="572478" spans="14:14">
      <c r="N572478" s="10"/>
    </row>
    <row r="572479" spans="14:14">
      <c r="N572479" s="10"/>
    </row>
    <row r="572480" spans="14:14">
      <c r="N572480" s="10"/>
    </row>
    <row r="572481" spans="14:14">
      <c r="N572481" s="10"/>
    </row>
    <row r="572482" spans="14:14">
      <c r="N572482" s="10"/>
    </row>
    <row r="572483" spans="14:14">
      <c r="N572483" s="10"/>
    </row>
    <row r="572484" spans="14:14">
      <c r="N572484" s="10"/>
    </row>
    <row r="572485" spans="14:14">
      <c r="N572485" s="10"/>
    </row>
    <row r="572486" spans="14:14">
      <c r="N572486" s="10"/>
    </row>
    <row r="572487" spans="14:14">
      <c r="N572487" s="10"/>
    </row>
    <row r="572488" spans="14:14">
      <c r="N572488" s="10"/>
    </row>
    <row r="572489" spans="14:14">
      <c r="N572489" s="10"/>
    </row>
    <row r="572490" spans="14:14">
      <c r="N572490" s="10"/>
    </row>
    <row r="572491" spans="14:14">
      <c r="N572491" s="10"/>
    </row>
    <row r="572492" spans="14:14">
      <c r="N572492" s="10"/>
    </row>
    <row r="572493" spans="14:14">
      <c r="N572493" s="10"/>
    </row>
    <row r="572494" spans="14:14">
      <c r="N572494" s="10"/>
    </row>
    <row r="572495" spans="14:14">
      <c r="N572495" s="10"/>
    </row>
    <row r="572496" spans="14:14">
      <c r="N572496" s="10"/>
    </row>
    <row r="572497" spans="14:14">
      <c r="N572497" s="10"/>
    </row>
    <row r="572498" spans="14:14">
      <c r="N572498" s="10"/>
    </row>
    <row r="572499" spans="14:14">
      <c r="N572499" s="10"/>
    </row>
    <row r="572500" spans="14:14">
      <c r="N572500" s="10"/>
    </row>
    <row r="572501" spans="14:14">
      <c r="N572501" s="10"/>
    </row>
    <row r="572502" spans="14:14">
      <c r="N572502" s="10"/>
    </row>
    <row r="572503" spans="14:14">
      <c r="N572503" s="10"/>
    </row>
    <row r="572504" spans="14:14">
      <c r="N572504" s="10"/>
    </row>
    <row r="572505" spans="14:14">
      <c r="N572505" s="10"/>
    </row>
    <row r="572506" spans="14:14">
      <c r="N572506" s="10"/>
    </row>
    <row r="572507" spans="14:14">
      <c r="N572507" s="10"/>
    </row>
    <row r="572508" spans="14:14">
      <c r="N572508" s="10"/>
    </row>
    <row r="572509" spans="14:14">
      <c r="N572509" s="10"/>
    </row>
    <row r="572510" spans="14:14">
      <c r="N572510" s="10"/>
    </row>
    <row r="572511" spans="14:14">
      <c r="N572511" s="10"/>
    </row>
    <row r="572512" spans="14:14">
      <c r="N572512" s="10"/>
    </row>
    <row r="572513" spans="14:14">
      <c r="N572513" s="10"/>
    </row>
    <row r="572514" spans="14:14">
      <c r="N572514" s="10"/>
    </row>
    <row r="572515" spans="14:14">
      <c r="N572515" s="10"/>
    </row>
    <row r="572516" spans="14:14">
      <c r="N572516" s="10"/>
    </row>
    <row r="572517" spans="14:14">
      <c r="N572517" s="10"/>
    </row>
    <row r="572518" spans="14:14">
      <c r="N572518" s="10"/>
    </row>
    <row r="572519" spans="14:14">
      <c r="N572519" s="10"/>
    </row>
    <row r="572520" spans="14:14">
      <c r="N572520" s="10"/>
    </row>
    <row r="572521" spans="14:14">
      <c r="N572521" s="10"/>
    </row>
    <row r="572522" spans="14:14">
      <c r="N572522" s="10"/>
    </row>
    <row r="572523" spans="14:14">
      <c r="N572523" s="10"/>
    </row>
    <row r="572524" spans="14:14">
      <c r="N572524" s="10"/>
    </row>
    <row r="572525" spans="14:14">
      <c r="N572525" s="10"/>
    </row>
    <row r="572526" spans="14:14">
      <c r="N572526" s="10"/>
    </row>
    <row r="572527" spans="14:14">
      <c r="N572527" s="10"/>
    </row>
    <row r="572528" spans="14:14">
      <c r="N572528" s="10"/>
    </row>
    <row r="572529" spans="14:14">
      <c r="N572529" s="10"/>
    </row>
    <row r="572530" spans="14:14">
      <c r="N572530" s="10"/>
    </row>
    <row r="572531" spans="14:14">
      <c r="N572531" s="10"/>
    </row>
    <row r="572532" spans="14:14">
      <c r="N572532" s="10"/>
    </row>
    <row r="572533" spans="14:14">
      <c r="N572533" s="10"/>
    </row>
    <row r="572534" spans="14:14">
      <c r="N572534" s="10"/>
    </row>
    <row r="572535" spans="14:14">
      <c r="N572535" s="10"/>
    </row>
    <row r="572536" spans="14:14">
      <c r="N572536" s="10"/>
    </row>
    <row r="572537" spans="14:14">
      <c r="N572537" s="10"/>
    </row>
    <row r="572538" spans="14:14">
      <c r="N572538" s="10"/>
    </row>
    <row r="572539" spans="14:14">
      <c r="N572539" s="10"/>
    </row>
    <row r="572540" spans="14:14">
      <c r="N572540" s="10"/>
    </row>
    <row r="572541" spans="14:14">
      <c r="N572541" s="10"/>
    </row>
    <row r="572542" spans="14:14">
      <c r="N572542" s="10"/>
    </row>
    <row r="572543" spans="14:14">
      <c r="N572543" s="10"/>
    </row>
    <row r="572544" spans="14:14">
      <c r="N572544" s="10"/>
    </row>
    <row r="572545" spans="14:14">
      <c r="N572545" s="10"/>
    </row>
    <row r="572546" spans="14:14">
      <c r="N572546" s="10"/>
    </row>
    <row r="572547" spans="14:14">
      <c r="N572547" s="10"/>
    </row>
    <row r="572548" spans="14:14">
      <c r="N572548" s="10"/>
    </row>
    <row r="572549" spans="14:14">
      <c r="N572549" s="10"/>
    </row>
    <row r="572550" spans="14:14">
      <c r="N572550" s="10"/>
    </row>
    <row r="572551" spans="14:14">
      <c r="N572551" s="10"/>
    </row>
    <row r="572552" spans="14:14">
      <c r="N572552" s="10"/>
    </row>
    <row r="572553" spans="14:14">
      <c r="N572553" s="10"/>
    </row>
    <row r="572554" spans="14:14">
      <c r="N572554" s="10"/>
    </row>
    <row r="572555" spans="14:14">
      <c r="N572555" s="10"/>
    </row>
    <row r="572556" spans="14:14">
      <c r="N572556" s="10"/>
    </row>
    <row r="572557" spans="14:14">
      <c r="N572557" s="10"/>
    </row>
    <row r="572558" spans="14:14">
      <c r="N572558" s="10"/>
    </row>
    <row r="572559" spans="14:14">
      <c r="N572559" s="10"/>
    </row>
    <row r="572560" spans="14:14">
      <c r="N572560" s="10"/>
    </row>
    <row r="572561" spans="14:14">
      <c r="N572561" s="10"/>
    </row>
    <row r="572562" spans="14:14">
      <c r="N572562" s="10"/>
    </row>
    <row r="572563" spans="14:14">
      <c r="N572563" s="10"/>
    </row>
    <row r="572564" spans="14:14">
      <c r="N572564" s="10"/>
    </row>
    <row r="572565" spans="14:14">
      <c r="N572565" s="10"/>
    </row>
    <row r="572566" spans="14:14">
      <c r="N572566" s="10"/>
    </row>
    <row r="572567" spans="14:14">
      <c r="N572567" s="10"/>
    </row>
    <row r="572568" spans="14:14">
      <c r="N572568" s="10"/>
    </row>
    <row r="572569" spans="14:14">
      <c r="N572569" s="10"/>
    </row>
    <row r="572570" spans="14:14">
      <c r="N572570" s="10"/>
    </row>
    <row r="572571" spans="14:14">
      <c r="N572571" s="10"/>
    </row>
    <row r="572572" spans="14:14">
      <c r="N572572" s="10"/>
    </row>
    <row r="572573" spans="14:14">
      <c r="N572573" s="10"/>
    </row>
    <row r="572574" spans="14:14">
      <c r="N572574" s="10"/>
    </row>
    <row r="572575" spans="14:14">
      <c r="N572575" s="10"/>
    </row>
    <row r="572576" spans="14:14">
      <c r="N572576" s="10"/>
    </row>
    <row r="572577" spans="14:14">
      <c r="N572577" s="10"/>
    </row>
    <row r="572578" spans="14:14">
      <c r="N572578" s="10"/>
    </row>
    <row r="572579" spans="14:14">
      <c r="N572579" s="10"/>
    </row>
    <row r="572580" spans="14:14">
      <c r="N572580" s="10"/>
    </row>
    <row r="572581" spans="14:14">
      <c r="N572581" s="10"/>
    </row>
    <row r="572582" spans="14:14">
      <c r="N572582" s="10"/>
    </row>
    <row r="572583" spans="14:14">
      <c r="N572583" s="10"/>
    </row>
    <row r="572584" spans="14:14">
      <c r="N572584" s="10"/>
    </row>
    <row r="572585" spans="14:14">
      <c r="N572585" s="10"/>
    </row>
    <row r="572586" spans="14:14">
      <c r="N572586" s="10"/>
    </row>
    <row r="572587" spans="14:14">
      <c r="N572587" s="10"/>
    </row>
    <row r="572588" spans="14:14">
      <c r="N572588" s="10"/>
    </row>
    <row r="572589" spans="14:14">
      <c r="N572589" s="10"/>
    </row>
    <row r="572590" spans="14:14">
      <c r="N572590" s="10"/>
    </row>
    <row r="572591" spans="14:14">
      <c r="N572591" s="10"/>
    </row>
    <row r="572592" spans="14:14">
      <c r="N572592" s="10"/>
    </row>
    <row r="572593" spans="14:14">
      <c r="N572593" s="10"/>
    </row>
    <row r="572594" spans="14:14">
      <c r="N572594" s="10"/>
    </row>
    <row r="572595" spans="14:14">
      <c r="N572595" s="10"/>
    </row>
    <row r="572596" spans="14:14">
      <c r="N572596" s="10"/>
    </row>
    <row r="572597" spans="14:14">
      <c r="N572597" s="10"/>
    </row>
    <row r="572598" spans="14:14">
      <c r="N572598" s="10"/>
    </row>
    <row r="572599" spans="14:14">
      <c r="N572599" s="10"/>
    </row>
    <row r="572600" spans="14:14">
      <c r="N572600" s="10"/>
    </row>
    <row r="572601" spans="14:14">
      <c r="N572601" s="10"/>
    </row>
    <row r="572602" spans="14:14">
      <c r="N572602" s="10"/>
    </row>
    <row r="572603" spans="14:14">
      <c r="N572603" s="10"/>
    </row>
    <row r="572604" spans="14:14">
      <c r="N572604" s="10"/>
    </row>
    <row r="572605" spans="14:14">
      <c r="N572605" s="10"/>
    </row>
    <row r="572606" spans="14:14">
      <c r="N572606" s="10"/>
    </row>
    <row r="572607" spans="14:14">
      <c r="N572607" s="10"/>
    </row>
    <row r="572608" spans="14:14">
      <c r="N572608" s="10"/>
    </row>
    <row r="572609" spans="14:14">
      <c r="N572609" s="10"/>
    </row>
    <row r="572610" spans="14:14">
      <c r="N572610" s="10"/>
    </row>
    <row r="572611" spans="14:14">
      <c r="N572611" s="10"/>
    </row>
    <row r="572612" spans="14:14">
      <c r="N572612" s="10"/>
    </row>
    <row r="572613" spans="14:14">
      <c r="N572613" s="10"/>
    </row>
    <row r="572614" spans="14:14">
      <c r="N572614" s="10"/>
    </row>
    <row r="572615" spans="14:14">
      <c r="N572615" s="10"/>
    </row>
    <row r="572616" spans="14:14">
      <c r="N572616" s="10"/>
    </row>
    <row r="572617" spans="14:14">
      <c r="N572617" s="10"/>
    </row>
    <row r="572618" spans="14:14">
      <c r="N572618" s="10"/>
    </row>
    <row r="572619" spans="14:14">
      <c r="N572619" s="10"/>
    </row>
    <row r="572620" spans="14:14">
      <c r="N572620" s="10"/>
    </row>
    <row r="572621" spans="14:14">
      <c r="N572621" s="10"/>
    </row>
    <row r="572622" spans="14:14">
      <c r="N572622" s="10"/>
    </row>
    <row r="572623" spans="14:14">
      <c r="N572623" s="10"/>
    </row>
    <row r="572624" spans="14:14">
      <c r="N572624" s="10"/>
    </row>
    <row r="572625" spans="14:14">
      <c r="N572625" s="10"/>
    </row>
    <row r="572626" spans="14:14">
      <c r="N572626" s="10"/>
    </row>
    <row r="572627" spans="14:14">
      <c r="N572627" s="10"/>
    </row>
    <row r="572628" spans="14:14">
      <c r="N572628" s="10"/>
    </row>
    <row r="572629" spans="14:14">
      <c r="N572629" s="10"/>
    </row>
    <row r="572630" spans="14:14">
      <c r="N572630" s="10"/>
    </row>
    <row r="572631" spans="14:14">
      <c r="N572631" s="10"/>
    </row>
    <row r="572632" spans="14:14">
      <c r="N572632" s="10"/>
    </row>
    <row r="572633" spans="14:14">
      <c r="N572633" s="10"/>
    </row>
    <row r="572634" spans="14:14">
      <c r="N572634" s="10"/>
    </row>
    <row r="572635" spans="14:14">
      <c r="N572635" s="10"/>
    </row>
    <row r="572636" spans="14:14">
      <c r="N572636" s="10"/>
    </row>
    <row r="572637" spans="14:14">
      <c r="N572637" s="10"/>
    </row>
    <row r="572638" spans="14:14">
      <c r="N572638" s="10"/>
    </row>
    <row r="572639" spans="14:14">
      <c r="N572639" s="10"/>
    </row>
    <row r="572640" spans="14:14">
      <c r="N572640" s="10"/>
    </row>
    <row r="572641" spans="14:14">
      <c r="N572641" s="10"/>
    </row>
    <row r="572642" spans="14:14">
      <c r="N572642" s="10"/>
    </row>
    <row r="572643" spans="14:14">
      <c r="N572643" s="10"/>
    </row>
    <row r="572644" spans="14:14">
      <c r="N572644" s="10"/>
    </row>
    <row r="572645" spans="14:14">
      <c r="N572645" s="10"/>
    </row>
    <row r="572646" spans="14:14">
      <c r="N572646" s="10"/>
    </row>
    <row r="572647" spans="14:14">
      <c r="N572647" s="10"/>
    </row>
    <row r="572648" spans="14:14">
      <c r="N572648" s="10"/>
    </row>
    <row r="572649" spans="14:14">
      <c r="N572649" s="10"/>
    </row>
    <row r="572650" spans="14:14">
      <c r="N572650" s="10"/>
    </row>
    <row r="572651" spans="14:14">
      <c r="N572651" s="10"/>
    </row>
    <row r="572652" spans="14:14">
      <c r="N572652" s="10"/>
    </row>
    <row r="572653" spans="14:14">
      <c r="N572653" s="10"/>
    </row>
    <row r="572654" spans="14:14">
      <c r="N572654" s="10"/>
    </row>
    <row r="572655" spans="14:14">
      <c r="N572655" s="10"/>
    </row>
    <row r="572656" spans="14:14">
      <c r="N572656" s="10"/>
    </row>
    <row r="572657" spans="14:14">
      <c r="N572657" s="10"/>
    </row>
    <row r="572658" spans="14:14">
      <c r="N572658" s="10"/>
    </row>
    <row r="572659" spans="14:14">
      <c r="N572659" s="10"/>
    </row>
    <row r="572660" spans="14:14">
      <c r="N572660" s="10"/>
    </row>
    <row r="572661" spans="14:14">
      <c r="N572661" s="10"/>
    </row>
    <row r="572662" spans="14:14">
      <c r="N572662" s="10"/>
    </row>
    <row r="572663" spans="14:14">
      <c r="N572663" s="10"/>
    </row>
    <row r="572664" spans="14:14">
      <c r="N572664" s="10"/>
    </row>
    <row r="572665" spans="14:14">
      <c r="N572665" s="10"/>
    </row>
    <row r="572666" spans="14:14">
      <c r="N572666" s="10"/>
    </row>
    <row r="572667" spans="14:14">
      <c r="N572667" s="10"/>
    </row>
    <row r="572668" spans="14:14">
      <c r="N572668" s="10"/>
    </row>
    <row r="572669" spans="14:14">
      <c r="N572669" s="10"/>
    </row>
    <row r="572670" spans="14:14">
      <c r="N572670" s="10"/>
    </row>
    <row r="572671" spans="14:14">
      <c r="N572671" s="10"/>
    </row>
    <row r="572672" spans="14:14">
      <c r="N572672" s="10"/>
    </row>
    <row r="572673" spans="14:14">
      <c r="N572673" s="10"/>
    </row>
    <row r="572674" spans="14:14">
      <c r="N572674" s="10"/>
    </row>
    <row r="572675" spans="14:14">
      <c r="N572675" s="10"/>
    </row>
    <row r="572676" spans="14:14">
      <c r="N572676" s="10"/>
    </row>
    <row r="572677" spans="14:14">
      <c r="N572677" s="10"/>
    </row>
    <row r="572678" spans="14:14">
      <c r="N572678" s="10"/>
    </row>
    <row r="572679" spans="14:14">
      <c r="N572679" s="10"/>
    </row>
    <row r="572680" spans="14:14">
      <c r="N572680" s="10"/>
    </row>
    <row r="572681" spans="14:14">
      <c r="N572681" s="10"/>
    </row>
    <row r="572682" spans="14:14">
      <c r="N572682" s="10"/>
    </row>
    <row r="572683" spans="14:14">
      <c r="N572683" s="10"/>
    </row>
    <row r="572684" spans="14:14">
      <c r="N572684" s="10"/>
    </row>
    <row r="572685" spans="14:14">
      <c r="N572685" s="10"/>
    </row>
    <row r="572686" spans="14:14">
      <c r="N572686" s="10"/>
    </row>
    <row r="572687" spans="14:14">
      <c r="N572687" s="10"/>
    </row>
    <row r="572688" spans="14:14">
      <c r="N572688" s="10"/>
    </row>
    <row r="572689" spans="14:14">
      <c r="N572689" s="10"/>
    </row>
    <row r="572690" spans="14:14">
      <c r="N572690" s="10"/>
    </row>
    <row r="572691" spans="14:14">
      <c r="N572691" s="10"/>
    </row>
    <row r="572692" spans="14:14">
      <c r="N572692" s="10"/>
    </row>
    <row r="572693" spans="14:14">
      <c r="N572693" s="10"/>
    </row>
    <row r="572694" spans="14:14">
      <c r="N572694" s="10"/>
    </row>
    <row r="572695" spans="14:14">
      <c r="N572695" s="10"/>
    </row>
    <row r="572696" spans="14:14">
      <c r="N572696" s="10"/>
    </row>
    <row r="572697" spans="14:14">
      <c r="N572697" s="10"/>
    </row>
    <row r="572698" spans="14:14">
      <c r="N572698" s="10"/>
    </row>
    <row r="572699" spans="14:14">
      <c r="N572699" s="10"/>
    </row>
    <row r="572700" spans="14:14">
      <c r="N572700" s="10"/>
    </row>
    <row r="572701" spans="14:14">
      <c r="N572701" s="10"/>
    </row>
    <row r="572702" spans="14:14">
      <c r="N572702" s="10"/>
    </row>
    <row r="572703" spans="14:14">
      <c r="N572703" s="10"/>
    </row>
    <row r="572704" spans="14:14">
      <c r="N572704" s="10"/>
    </row>
    <row r="572705" spans="14:14">
      <c r="N572705" s="10"/>
    </row>
    <row r="572706" spans="14:14">
      <c r="N572706" s="10"/>
    </row>
    <row r="572707" spans="14:14">
      <c r="N572707" s="10"/>
    </row>
    <row r="572708" spans="14:14">
      <c r="N572708" s="10"/>
    </row>
    <row r="572709" spans="14:14">
      <c r="N572709" s="10"/>
    </row>
    <row r="572710" spans="14:14">
      <c r="N572710" s="10"/>
    </row>
    <row r="572711" spans="14:14">
      <c r="N572711" s="10"/>
    </row>
    <row r="572712" spans="14:14">
      <c r="N572712" s="10"/>
    </row>
    <row r="572713" spans="14:14">
      <c r="N572713" s="10"/>
    </row>
    <row r="572714" spans="14:14">
      <c r="N572714" s="10"/>
    </row>
    <row r="572715" spans="14:14">
      <c r="N572715" s="10"/>
    </row>
    <row r="572716" spans="14:14">
      <c r="N572716" s="10"/>
    </row>
    <row r="572717" spans="14:14">
      <c r="N572717" s="10"/>
    </row>
    <row r="572718" spans="14:14">
      <c r="N572718" s="10"/>
    </row>
    <row r="572719" spans="14:14">
      <c r="N572719" s="10"/>
    </row>
    <row r="572720" spans="14:14">
      <c r="N572720" s="10"/>
    </row>
    <row r="572721" spans="14:14">
      <c r="N572721" s="10"/>
    </row>
    <row r="572722" spans="14:14">
      <c r="N572722" s="10"/>
    </row>
    <row r="572723" spans="14:14">
      <c r="N572723" s="10"/>
    </row>
    <row r="572724" spans="14:14">
      <c r="N572724" s="10"/>
    </row>
    <row r="572725" spans="14:14">
      <c r="N572725" s="10"/>
    </row>
    <row r="572726" spans="14:14">
      <c r="N572726" s="10"/>
    </row>
    <row r="572727" spans="14:14">
      <c r="N572727" s="10"/>
    </row>
    <row r="572728" spans="14:14">
      <c r="N572728" s="10"/>
    </row>
    <row r="572729" spans="14:14">
      <c r="N572729" s="10"/>
    </row>
    <row r="572730" spans="14:14">
      <c r="N572730" s="10"/>
    </row>
    <row r="572731" spans="14:14">
      <c r="N572731" s="10"/>
    </row>
    <row r="572732" spans="14:14">
      <c r="N572732" s="10"/>
    </row>
    <row r="572733" spans="14:14">
      <c r="N572733" s="10"/>
    </row>
    <row r="572734" spans="14:14">
      <c r="N572734" s="10"/>
    </row>
    <row r="572735" spans="14:14">
      <c r="N572735" s="10"/>
    </row>
    <row r="572736" spans="14:14">
      <c r="N572736" s="10"/>
    </row>
    <row r="572737" spans="14:14">
      <c r="N572737" s="10"/>
    </row>
    <row r="572738" spans="14:14">
      <c r="N572738" s="10"/>
    </row>
    <row r="572739" spans="14:14">
      <c r="N572739" s="10"/>
    </row>
    <row r="572740" spans="14:14">
      <c r="N572740" s="10"/>
    </row>
    <row r="572741" spans="14:14">
      <c r="N572741" s="10"/>
    </row>
    <row r="572742" spans="14:14">
      <c r="N572742" s="10"/>
    </row>
    <row r="572743" spans="14:14">
      <c r="N572743" s="10"/>
    </row>
    <row r="572744" spans="14:14">
      <c r="N572744" s="10"/>
    </row>
    <row r="572745" spans="14:14">
      <c r="N572745" s="10"/>
    </row>
    <row r="572746" spans="14:14">
      <c r="N572746" s="10"/>
    </row>
    <row r="572747" spans="14:14">
      <c r="N572747" s="10"/>
    </row>
    <row r="572748" spans="14:14">
      <c r="N572748" s="10"/>
    </row>
    <row r="572749" spans="14:14">
      <c r="N572749" s="10"/>
    </row>
    <row r="572750" spans="14:14">
      <c r="N572750" s="10"/>
    </row>
    <row r="572751" spans="14:14">
      <c r="N572751" s="10"/>
    </row>
    <row r="572752" spans="14:14">
      <c r="N572752" s="10"/>
    </row>
    <row r="572753" spans="14:14">
      <c r="N572753" s="10"/>
    </row>
    <row r="572754" spans="14:14">
      <c r="N572754" s="10"/>
    </row>
    <row r="572755" spans="14:14">
      <c r="N572755" s="10"/>
    </row>
    <row r="572756" spans="14:14">
      <c r="N572756" s="10"/>
    </row>
    <row r="572757" spans="14:14">
      <c r="N572757" s="10"/>
    </row>
    <row r="572758" spans="14:14">
      <c r="N572758" s="10"/>
    </row>
    <row r="572759" spans="14:14">
      <c r="N572759" s="10"/>
    </row>
    <row r="572760" spans="14:14">
      <c r="N572760" s="10"/>
    </row>
    <row r="572761" spans="14:14">
      <c r="N572761" s="10"/>
    </row>
    <row r="572762" spans="14:14">
      <c r="N572762" s="10"/>
    </row>
    <row r="572763" spans="14:14">
      <c r="N572763" s="10"/>
    </row>
    <row r="572764" spans="14:14">
      <c r="N572764" s="10"/>
    </row>
    <row r="572765" spans="14:14">
      <c r="N572765" s="10"/>
    </row>
    <row r="572766" spans="14:14">
      <c r="N572766" s="10"/>
    </row>
    <row r="572767" spans="14:14">
      <c r="N572767" s="10"/>
    </row>
    <row r="572768" spans="14:14">
      <c r="N572768" s="10"/>
    </row>
    <row r="572769" spans="14:14">
      <c r="N572769" s="10"/>
    </row>
    <row r="572770" spans="14:14">
      <c r="N572770" s="10"/>
    </row>
    <row r="572771" spans="14:14">
      <c r="N572771" s="10"/>
    </row>
    <row r="572772" spans="14:14">
      <c r="N572772" s="10"/>
    </row>
    <row r="572773" spans="14:14">
      <c r="N572773" s="10"/>
    </row>
    <row r="572774" spans="14:14">
      <c r="N572774" s="10"/>
    </row>
    <row r="572775" spans="14:14">
      <c r="N572775" s="10"/>
    </row>
    <row r="572776" spans="14:14">
      <c r="N572776" s="10"/>
    </row>
    <row r="572777" spans="14:14">
      <c r="N572777" s="10"/>
    </row>
    <row r="572778" spans="14:14">
      <c r="N572778" s="10"/>
    </row>
    <row r="572779" spans="14:14">
      <c r="N572779" s="10"/>
    </row>
    <row r="572780" spans="14:14">
      <c r="N572780" s="10"/>
    </row>
    <row r="572781" spans="14:14">
      <c r="N572781" s="10"/>
    </row>
    <row r="572782" spans="14:14">
      <c r="N572782" s="10"/>
    </row>
    <row r="572783" spans="14:14">
      <c r="N572783" s="10"/>
    </row>
    <row r="572784" spans="14:14">
      <c r="N572784" s="10"/>
    </row>
    <row r="572785" spans="14:14">
      <c r="N572785" s="10"/>
    </row>
    <row r="572786" spans="14:14">
      <c r="N572786" s="10"/>
    </row>
    <row r="572787" spans="14:14">
      <c r="N572787" s="10"/>
    </row>
    <row r="572788" spans="14:14">
      <c r="N572788" s="10"/>
    </row>
    <row r="572789" spans="14:14">
      <c r="N572789" s="10"/>
    </row>
    <row r="572790" spans="14:14">
      <c r="N572790" s="10"/>
    </row>
    <row r="572791" spans="14:14">
      <c r="N572791" s="10"/>
    </row>
    <row r="572792" spans="14:14">
      <c r="N572792" s="10"/>
    </row>
    <row r="572793" spans="14:14">
      <c r="N572793" s="10"/>
    </row>
    <row r="572794" spans="14:14">
      <c r="N572794" s="10"/>
    </row>
    <row r="572795" spans="14:14">
      <c r="N572795" s="10"/>
    </row>
    <row r="572796" spans="14:14">
      <c r="N572796" s="10"/>
    </row>
    <row r="572797" spans="14:14">
      <c r="N572797" s="10"/>
    </row>
    <row r="572798" spans="14:14">
      <c r="N572798" s="10"/>
    </row>
    <row r="572799" spans="14:14">
      <c r="N572799" s="10"/>
    </row>
    <row r="572800" spans="14:14">
      <c r="N572800" s="10"/>
    </row>
    <row r="572801" spans="14:14">
      <c r="N572801" s="10"/>
    </row>
    <row r="572802" spans="14:14">
      <c r="N572802" s="10"/>
    </row>
    <row r="572803" spans="14:14">
      <c r="N572803" s="10"/>
    </row>
    <row r="572804" spans="14:14">
      <c r="N572804" s="10"/>
    </row>
    <row r="572805" spans="14:14">
      <c r="N572805" s="10"/>
    </row>
    <row r="572806" spans="14:14">
      <c r="N572806" s="10"/>
    </row>
    <row r="572807" spans="14:14">
      <c r="N572807" s="10"/>
    </row>
    <row r="572808" spans="14:14">
      <c r="N572808" s="10"/>
    </row>
    <row r="572809" spans="14:14">
      <c r="N572809" s="10"/>
    </row>
    <row r="572810" spans="14:14">
      <c r="N572810" s="10"/>
    </row>
    <row r="572811" spans="14:14">
      <c r="N572811" s="10"/>
    </row>
    <row r="572812" spans="14:14">
      <c r="N572812" s="10"/>
    </row>
    <row r="572813" spans="14:14">
      <c r="N572813" s="10"/>
    </row>
    <row r="572814" spans="14:14">
      <c r="N572814" s="10"/>
    </row>
    <row r="572815" spans="14:14">
      <c r="N572815" s="10"/>
    </row>
    <row r="572816" spans="14:14">
      <c r="N572816" s="10"/>
    </row>
    <row r="572817" spans="14:14">
      <c r="N572817" s="10"/>
    </row>
    <row r="572818" spans="14:14">
      <c r="N572818" s="10"/>
    </row>
    <row r="572819" spans="14:14">
      <c r="N572819" s="10"/>
    </row>
    <row r="572820" spans="14:14">
      <c r="N572820" s="10"/>
    </row>
    <row r="572821" spans="14:14">
      <c r="N572821" s="10"/>
    </row>
    <row r="572822" spans="14:14">
      <c r="N572822" s="10"/>
    </row>
    <row r="572823" spans="14:14">
      <c r="N572823" s="10"/>
    </row>
    <row r="572824" spans="14:14">
      <c r="N572824" s="10"/>
    </row>
    <row r="572825" spans="14:14">
      <c r="N572825" s="10"/>
    </row>
    <row r="572826" spans="14:14">
      <c r="N572826" s="10"/>
    </row>
    <row r="572827" spans="14:14">
      <c r="N572827" s="10"/>
    </row>
    <row r="572828" spans="14:14">
      <c r="N572828" s="10"/>
    </row>
    <row r="572829" spans="14:14">
      <c r="N572829" s="10"/>
    </row>
    <row r="572830" spans="14:14">
      <c r="N572830" s="10"/>
    </row>
    <row r="572831" spans="14:14">
      <c r="N572831" s="10"/>
    </row>
    <row r="572832" spans="14:14">
      <c r="N572832" s="10"/>
    </row>
    <row r="572833" spans="14:14">
      <c r="N572833" s="10"/>
    </row>
    <row r="572834" spans="14:14">
      <c r="N572834" s="10"/>
    </row>
    <row r="572835" spans="14:14">
      <c r="N572835" s="10"/>
    </row>
    <row r="572836" spans="14:14">
      <c r="N572836" s="10"/>
    </row>
    <row r="572837" spans="14:14">
      <c r="N572837" s="10"/>
    </row>
    <row r="572838" spans="14:14">
      <c r="N572838" s="10"/>
    </row>
    <row r="572839" spans="14:14">
      <c r="N572839" s="10"/>
    </row>
    <row r="572840" spans="14:14">
      <c r="N572840" s="10"/>
    </row>
    <row r="572841" spans="14:14">
      <c r="N572841" s="10"/>
    </row>
    <row r="572842" spans="14:14">
      <c r="N572842" s="10"/>
    </row>
    <row r="572843" spans="14:14">
      <c r="N572843" s="10"/>
    </row>
    <row r="572844" spans="14:14">
      <c r="N572844" s="10"/>
    </row>
    <row r="572845" spans="14:14">
      <c r="N572845" s="10"/>
    </row>
    <row r="572846" spans="14:14">
      <c r="N572846" s="10"/>
    </row>
    <row r="572847" spans="14:14">
      <c r="N572847" s="10"/>
    </row>
    <row r="572848" spans="14:14">
      <c r="N572848" s="10"/>
    </row>
    <row r="572849" spans="14:14">
      <c r="N572849" s="10"/>
    </row>
    <row r="572850" spans="14:14">
      <c r="N572850" s="10"/>
    </row>
    <row r="572851" spans="14:14">
      <c r="N572851" s="10"/>
    </row>
    <row r="572852" spans="14:14">
      <c r="N572852" s="10"/>
    </row>
    <row r="572853" spans="14:14">
      <c r="N572853" s="10"/>
    </row>
    <row r="572854" spans="14:14">
      <c r="N572854" s="10"/>
    </row>
    <row r="572855" spans="14:14">
      <c r="N572855" s="10"/>
    </row>
    <row r="572856" spans="14:14">
      <c r="N572856" s="10"/>
    </row>
    <row r="572857" spans="14:14">
      <c r="N572857" s="10"/>
    </row>
    <row r="572858" spans="14:14">
      <c r="N572858" s="10"/>
    </row>
    <row r="572859" spans="14:14">
      <c r="N572859" s="10"/>
    </row>
    <row r="572860" spans="14:14">
      <c r="N572860" s="10"/>
    </row>
    <row r="572861" spans="14:14">
      <c r="N572861" s="10"/>
    </row>
    <row r="572862" spans="14:14">
      <c r="N572862" s="10"/>
    </row>
    <row r="572863" spans="14:14">
      <c r="N572863" s="10"/>
    </row>
    <row r="572864" spans="14:14">
      <c r="N572864" s="10"/>
    </row>
    <row r="572865" spans="14:14">
      <c r="N572865" s="10"/>
    </row>
    <row r="572866" spans="14:14">
      <c r="N572866" s="10"/>
    </row>
    <row r="572867" spans="14:14">
      <c r="N572867" s="10"/>
    </row>
    <row r="572868" spans="14:14">
      <c r="N572868" s="10"/>
    </row>
    <row r="572869" spans="14:14">
      <c r="N572869" s="10"/>
    </row>
    <row r="572870" spans="14:14">
      <c r="N572870" s="10"/>
    </row>
    <row r="572871" spans="14:14">
      <c r="N572871" s="10"/>
    </row>
    <row r="572872" spans="14:14">
      <c r="N572872" s="10"/>
    </row>
    <row r="572873" spans="14:14">
      <c r="N572873" s="10"/>
    </row>
    <row r="572874" spans="14:14">
      <c r="N572874" s="10"/>
    </row>
    <row r="572875" spans="14:14">
      <c r="N572875" s="10"/>
    </row>
    <row r="572876" spans="14:14">
      <c r="N572876" s="10"/>
    </row>
    <row r="572877" spans="14:14">
      <c r="N572877" s="10"/>
    </row>
    <row r="572878" spans="14:14">
      <c r="N572878" s="10"/>
    </row>
    <row r="572879" spans="14:14">
      <c r="N572879" s="10"/>
    </row>
    <row r="572880" spans="14:14">
      <c r="N572880" s="10"/>
    </row>
    <row r="572881" spans="14:14">
      <c r="N572881" s="10"/>
    </row>
    <row r="572882" spans="14:14">
      <c r="N572882" s="10"/>
    </row>
    <row r="572883" spans="14:14">
      <c r="N572883" s="10"/>
    </row>
    <row r="572884" spans="14:14">
      <c r="N572884" s="10"/>
    </row>
    <row r="572885" spans="14:14">
      <c r="N572885" s="10"/>
    </row>
    <row r="572886" spans="14:14">
      <c r="N572886" s="10"/>
    </row>
    <row r="572887" spans="14:14">
      <c r="N572887" s="10"/>
    </row>
    <row r="572888" spans="14:14">
      <c r="N572888" s="10"/>
    </row>
    <row r="572889" spans="14:14">
      <c r="N572889" s="10"/>
    </row>
    <row r="572890" spans="14:14">
      <c r="N572890" s="10"/>
    </row>
    <row r="572891" spans="14:14">
      <c r="N572891" s="10"/>
    </row>
    <row r="572892" spans="14:14">
      <c r="N572892" s="10"/>
    </row>
    <row r="572893" spans="14:14">
      <c r="N572893" s="10"/>
    </row>
    <row r="572894" spans="14:14">
      <c r="N572894" s="10"/>
    </row>
    <row r="572895" spans="14:14">
      <c r="N572895" s="10"/>
    </row>
    <row r="572896" spans="14:14">
      <c r="N572896" s="10"/>
    </row>
    <row r="572897" spans="14:14">
      <c r="N572897" s="10"/>
    </row>
    <row r="572898" spans="14:14">
      <c r="N572898" s="10"/>
    </row>
    <row r="572899" spans="14:14">
      <c r="N572899" s="10"/>
    </row>
    <row r="572900" spans="14:14">
      <c r="N572900" s="10"/>
    </row>
    <row r="572901" spans="14:14">
      <c r="N572901" s="10"/>
    </row>
    <row r="572902" spans="14:14">
      <c r="N572902" s="10"/>
    </row>
    <row r="572903" spans="14:14">
      <c r="N572903" s="10"/>
    </row>
    <row r="572904" spans="14:14">
      <c r="N572904" s="10"/>
    </row>
    <row r="572905" spans="14:14">
      <c r="N572905" s="10"/>
    </row>
    <row r="572906" spans="14:14">
      <c r="N572906" s="10"/>
    </row>
    <row r="572907" spans="14:14">
      <c r="N572907" s="10"/>
    </row>
    <row r="572908" spans="14:14">
      <c r="N572908" s="10"/>
    </row>
    <row r="572909" spans="14:14">
      <c r="N572909" s="10"/>
    </row>
    <row r="572910" spans="14:14">
      <c r="N572910" s="10"/>
    </row>
    <row r="572911" spans="14:14">
      <c r="N572911" s="10"/>
    </row>
    <row r="572912" spans="14:14">
      <c r="N572912" s="10"/>
    </row>
    <row r="572913" spans="14:14">
      <c r="N572913" s="10"/>
    </row>
    <row r="572914" spans="14:14">
      <c r="N572914" s="10"/>
    </row>
    <row r="572915" spans="14:14">
      <c r="N572915" s="10"/>
    </row>
    <row r="572916" spans="14:14">
      <c r="N572916" s="10"/>
    </row>
    <row r="572917" spans="14:14">
      <c r="N572917" s="10"/>
    </row>
    <row r="572918" spans="14:14">
      <c r="N572918" s="10"/>
    </row>
    <row r="572919" spans="14:14">
      <c r="N572919" s="10"/>
    </row>
    <row r="572920" spans="14:14">
      <c r="N572920" s="10"/>
    </row>
    <row r="572921" spans="14:14">
      <c r="N572921" s="10"/>
    </row>
    <row r="572922" spans="14:14">
      <c r="N572922" s="10"/>
    </row>
    <row r="572923" spans="14:14">
      <c r="N572923" s="10"/>
    </row>
    <row r="572924" spans="14:14">
      <c r="N572924" s="10"/>
    </row>
    <row r="572925" spans="14:14">
      <c r="N572925" s="10"/>
    </row>
    <row r="572926" spans="14:14">
      <c r="N572926" s="10"/>
    </row>
    <row r="572927" spans="14:14">
      <c r="N572927" s="10"/>
    </row>
    <row r="572928" spans="14:14">
      <c r="N572928" s="10"/>
    </row>
    <row r="572929" spans="14:14">
      <c r="N572929" s="10"/>
    </row>
    <row r="572930" spans="14:14">
      <c r="N572930" s="10"/>
    </row>
    <row r="572931" spans="14:14">
      <c r="N572931" s="10"/>
    </row>
    <row r="572932" spans="14:14">
      <c r="N572932" s="10"/>
    </row>
    <row r="572933" spans="14:14">
      <c r="N572933" s="10"/>
    </row>
    <row r="572934" spans="14:14">
      <c r="N572934" s="10"/>
    </row>
    <row r="572935" spans="14:14">
      <c r="N572935" s="10"/>
    </row>
    <row r="572936" spans="14:14">
      <c r="N572936" s="10"/>
    </row>
    <row r="572937" spans="14:14">
      <c r="N572937" s="10"/>
    </row>
    <row r="572938" spans="14:14">
      <c r="N572938" s="10"/>
    </row>
    <row r="572939" spans="14:14">
      <c r="N572939" s="10"/>
    </row>
    <row r="572940" spans="14:14">
      <c r="N572940" s="10"/>
    </row>
    <row r="572941" spans="14:14">
      <c r="N572941" s="10"/>
    </row>
    <row r="572942" spans="14:14">
      <c r="N572942" s="10"/>
    </row>
    <row r="572943" spans="14:14">
      <c r="N572943" s="10"/>
    </row>
    <row r="572944" spans="14:14">
      <c r="N572944" s="10"/>
    </row>
    <row r="572945" spans="14:14">
      <c r="N572945" s="10"/>
    </row>
    <row r="572946" spans="14:14">
      <c r="N572946" s="10"/>
    </row>
    <row r="572947" spans="14:14">
      <c r="N572947" s="10"/>
    </row>
    <row r="572948" spans="14:14">
      <c r="N572948" s="10"/>
    </row>
    <row r="572949" spans="14:14">
      <c r="N572949" s="10"/>
    </row>
    <row r="572950" spans="14:14">
      <c r="N572950" s="10"/>
    </row>
    <row r="572951" spans="14:14">
      <c r="N572951" s="10"/>
    </row>
    <row r="572952" spans="14:14">
      <c r="N572952" s="10"/>
    </row>
    <row r="572953" spans="14:14">
      <c r="N572953" s="10"/>
    </row>
    <row r="572954" spans="14:14">
      <c r="N572954" s="10"/>
    </row>
    <row r="572955" spans="14:14">
      <c r="N572955" s="10"/>
    </row>
    <row r="572956" spans="14:14">
      <c r="N572956" s="10"/>
    </row>
    <row r="572957" spans="14:14">
      <c r="N572957" s="10"/>
    </row>
    <row r="572958" spans="14:14">
      <c r="N572958" s="10"/>
    </row>
    <row r="572959" spans="14:14">
      <c r="N572959" s="10"/>
    </row>
    <row r="572960" spans="14:14">
      <c r="N572960" s="10"/>
    </row>
    <row r="572961" spans="14:14">
      <c r="N572961" s="10"/>
    </row>
    <row r="572962" spans="14:14">
      <c r="N572962" s="10"/>
    </row>
    <row r="572963" spans="14:14">
      <c r="N572963" s="10"/>
    </row>
    <row r="572964" spans="14:14">
      <c r="N572964" s="10"/>
    </row>
    <row r="572965" spans="14:14">
      <c r="N572965" s="10"/>
    </row>
    <row r="572966" spans="14:14">
      <c r="N572966" s="10"/>
    </row>
    <row r="572967" spans="14:14">
      <c r="N572967" s="10"/>
    </row>
    <row r="572968" spans="14:14">
      <c r="N572968" s="10"/>
    </row>
    <row r="572969" spans="14:14">
      <c r="N572969" s="10"/>
    </row>
    <row r="572970" spans="14:14">
      <c r="N572970" s="10"/>
    </row>
    <row r="572971" spans="14:14">
      <c r="N572971" s="10"/>
    </row>
    <row r="572972" spans="14:14">
      <c r="N572972" s="10"/>
    </row>
    <row r="572973" spans="14:14">
      <c r="N572973" s="10"/>
    </row>
    <row r="572974" spans="14:14">
      <c r="N572974" s="10"/>
    </row>
    <row r="572975" spans="14:14">
      <c r="N572975" s="10"/>
    </row>
    <row r="572976" spans="14:14">
      <c r="N572976" s="10"/>
    </row>
    <row r="572977" spans="14:14">
      <c r="N572977" s="10"/>
    </row>
    <row r="572978" spans="14:14">
      <c r="N572978" s="10"/>
    </row>
    <row r="572979" spans="14:14">
      <c r="N572979" s="10"/>
    </row>
    <row r="572980" spans="14:14">
      <c r="N572980" s="10"/>
    </row>
    <row r="572981" spans="14:14">
      <c r="N572981" s="10"/>
    </row>
    <row r="572982" spans="14:14">
      <c r="N572982" s="10"/>
    </row>
    <row r="572983" spans="14:14">
      <c r="N572983" s="10"/>
    </row>
    <row r="572984" spans="14:14">
      <c r="N572984" s="10"/>
    </row>
    <row r="572985" spans="14:14">
      <c r="N572985" s="10"/>
    </row>
    <row r="572986" spans="14:14">
      <c r="N572986" s="10"/>
    </row>
    <row r="572987" spans="14:14">
      <c r="N572987" s="10"/>
    </row>
    <row r="572988" spans="14:14">
      <c r="N572988" s="10"/>
    </row>
    <row r="572989" spans="14:14">
      <c r="N572989" s="10"/>
    </row>
    <row r="572990" spans="14:14">
      <c r="N572990" s="10"/>
    </row>
    <row r="572991" spans="14:14">
      <c r="N572991" s="10"/>
    </row>
    <row r="572992" spans="14:14">
      <c r="N572992" s="10"/>
    </row>
    <row r="572993" spans="14:14">
      <c r="N572993" s="10"/>
    </row>
    <row r="572994" spans="14:14">
      <c r="N572994" s="10"/>
    </row>
    <row r="572995" spans="14:14">
      <c r="N572995" s="10"/>
    </row>
    <row r="572996" spans="14:14">
      <c r="N572996" s="10"/>
    </row>
    <row r="572997" spans="14:14">
      <c r="N572997" s="10"/>
    </row>
    <row r="572998" spans="14:14">
      <c r="N572998" s="10"/>
    </row>
    <row r="572999" spans="14:14">
      <c r="N572999" s="10"/>
    </row>
    <row r="573000" spans="14:14">
      <c r="N573000" s="10"/>
    </row>
    <row r="573001" spans="14:14">
      <c r="N573001" s="10"/>
    </row>
    <row r="573002" spans="14:14">
      <c r="N573002" s="10"/>
    </row>
    <row r="573003" spans="14:14">
      <c r="N573003" s="10"/>
    </row>
    <row r="573004" spans="14:14">
      <c r="N573004" s="10"/>
    </row>
    <row r="573005" spans="14:14">
      <c r="N573005" s="10"/>
    </row>
    <row r="573006" spans="14:14">
      <c r="N573006" s="10"/>
    </row>
    <row r="573007" spans="14:14">
      <c r="N573007" s="10"/>
    </row>
    <row r="573008" spans="14:14">
      <c r="N573008" s="10"/>
    </row>
    <row r="573009" spans="14:14">
      <c r="N573009" s="10"/>
    </row>
    <row r="573010" spans="14:14">
      <c r="N573010" s="10"/>
    </row>
    <row r="573011" spans="14:14">
      <c r="N573011" s="10"/>
    </row>
    <row r="573012" spans="14:14">
      <c r="N573012" s="10"/>
    </row>
    <row r="573013" spans="14:14">
      <c r="N573013" s="10"/>
    </row>
    <row r="573014" spans="14:14">
      <c r="N573014" s="10"/>
    </row>
    <row r="573015" spans="14:14">
      <c r="N573015" s="10"/>
    </row>
    <row r="573016" spans="14:14">
      <c r="N573016" s="10"/>
    </row>
    <row r="573017" spans="14:14">
      <c r="N573017" s="10"/>
    </row>
    <row r="573018" spans="14:14">
      <c r="N573018" s="10"/>
    </row>
    <row r="573019" spans="14:14">
      <c r="N573019" s="10"/>
    </row>
    <row r="573020" spans="14:14">
      <c r="N573020" s="10"/>
    </row>
    <row r="573021" spans="14:14">
      <c r="N573021" s="10"/>
    </row>
    <row r="573022" spans="14:14">
      <c r="N573022" s="10"/>
    </row>
    <row r="573023" spans="14:14">
      <c r="N573023" s="10"/>
    </row>
    <row r="573024" spans="14:14">
      <c r="N573024" s="10"/>
    </row>
    <row r="573025" spans="14:14">
      <c r="N573025" s="10"/>
    </row>
    <row r="573026" spans="14:14">
      <c r="N573026" s="10"/>
    </row>
    <row r="573027" spans="14:14">
      <c r="N573027" s="10"/>
    </row>
    <row r="573028" spans="14:14">
      <c r="N573028" s="10"/>
    </row>
    <row r="573029" spans="14:14">
      <c r="N573029" s="10"/>
    </row>
    <row r="573030" spans="14:14">
      <c r="N573030" s="10"/>
    </row>
    <row r="573031" spans="14:14">
      <c r="N573031" s="10"/>
    </row>
    <row r="573032" spans="14:14">
      <c r="N573032" s="10"/>
    </row>
    <row r="573033" spans="14:14">
      <c r="N573033" s="10"/>
    </row>
    <row r="573034" spans="14:14">
      <c r="N573034" s="10"/>
    </row>
    <row r="573035" spans="14:14">
      <c r="N573035" s="10"/>
    </row>
    <row r="573036" spans="14:14">
      <c r="N573036" s="10"/>
    </row>
    <row r="573037" spans="14:14">
      <c r="N573037" s="10"/>
    </row>
    <row r="573038" spans="14:14">
      <c r="N573038" s="10"/>
    </row>
    <row r="573039" spans="14:14">
      <c r="N573039" s="10"/>
    </row>
    <row r="573040" spans="14:14">
      <c r="N573040" s="10"/>
    </row>
    <row r="573041" spans="14:14">
      <c r="N573041" s="10"/>
    </row>
    <row r="573042" spans="14:14">
      <c r="N573042" s="10"/>
    </row>
    <row r="573043" spans="14:14">
      <c r="N573043" s="10"/>
    </row>
    <row r="573044" spans="14:14">
      <c r="N573044" s="10"/>
    </row>
    <row r="573045" spans="14:14">
      <c r="N573045" s="10"/>
    </row>
    <row r="573046" spans="14:14">
      <c r="N573046" s="10"/>
    </row>
    <row r="573047" spans="14:14">
      <c r="N573047" s="10"/>
    </row>
    <row r="573048" spans="14:14">
      <c r="N573048" s="10"/>
    </row>
    <row r="573049" spans="14:14">
      <c r="N573049" s="10"/>
    </row>
    <row r="573050" spans="14:14">
      <c r="N573050" s="10"/>
    </row>
    <row r="573051" spans="14:14">
      <c r="N573051" s="10"/>
    </row>
    <row r="573052" spans="14:14">
      <c r="N573052" s="10"/>
    </row>
    <row r="573053" spans="14:14">
      <c r="N573053" s="10"/>
    </row>
    <row r="573054" spans="14:14">
      <c r="N573054" s="10"/>
    </row>
    <row r="573055" spans="14:14">
      <c r="N573055" s="10"/>
    </row>
    <row r="573056" spans="14:14">
      <c r="N573056" s="10"/>
    </row>
    <row r="573057" spans="14:14">
      <c r="N573057" s="10"/>
    </row>
    <row r="573058" spans="14:14">
      <c r="N573058" s="10"/>
    </row>
    <row r="573059" spans="14:14">
      <c r="N573059" s="10"/>
    </row>
    <row r="573060" spans="14:14">
      <c r="N573060" s="10"/>
    </row>
    <row r="573061" spans="14:14">
      <c r="N573061" s="10"/>
    </row>
    <row r="573062" spans="14:14">
      <c r="N573062" s="10"/>
    </row>
    <row r="573063" spans="14:14">
      <c r="N573063" s="10"/>
    </row>
    <row r="573064" spans="14:14">
      <c r="N573064" s="10"/>
    </row>
    <row r="573065" spans="14:14">
      <c r="N573065" s="10"/>
    </row>
    <row r="573066" spans="14:14">
      <c r="N573066" s="10"/>
    </row>
    <row r="573067" spans="14:14">
      <c r="N573067" s="10"/>
    </row>
    <row r="573068" spans="14:14">
      <c r="N573068" s="10"/>
    </row>
    <row r="573069" spans="14:14">
      <c r="N573069" s="10"/>
    </row>
    <row r="573070" spans="14:14">
      <c r="N573070" s="10"/>
    </row>
    <row r="573071" spans="14:14">
      <c r="N573071" s="10"/>
    </row>
    <row r="573072" spans="14:14">
      <c r="N573072" s="10"/>
    </row>
    <row r="573073" spans="14:14">
      <c r="N573073" s="10"/>
    </row>
    <row r="573074" spans="14:14">
      <c r="N573074" s="10"/>
    </row>
    <row r="573075" spans="14:14">
      <c r="N573075" s="10"/>
    </row>
    <row r="573076" spans="14:14">
      <c r="N573076" s="10"/>
    </row>
    <row r="573077" spans="14:14">
      <c r="N573077" s="10"/>
    </row>
    <row r="573078" spans="14:14">
      <c r="N573078" s="10"/>
    </row>
    <row r="573079" spans="14:14">
      <c r="N573079" s="10"/>
    </row>
    <row r="573080" spans="14:14">
      <c r="N573080" s="10"/>
    </row>
    <row r="573081" spans="14:14">
      <c r="N573081" s="10"/>
    </row>
    <row r="573082" spans="14:14">
      <c r="N573082" s="10"/>
    </row>
    <row r="573083" spans="14:14">
      <c r="N573083" s="10"/>
    </row>
    <row r="573084" spans="14:14">
      <c r="N573084" s="10"/>
    </row>
    <row r="573085" spans="14:14">
      <c r="N573085" s="10"/>
    </row>
    <row r="573086" spans="14:14">
      <c r="N573086" s="10"/>
    </row>
    <row r="573087" spans="14:14">
      <c r="N573087" s="10"/>
    </row>
    <row r="573088" spans="14:14">
      <c r="N573088" s="10"/>
    </row>
    <row r="573089" spans="14:14">
      <c r="N573089" s="10"/>
    </row>
    <row r="573090" spans="14:14">
      <c r="N573090" s="10"/>
    </row>
    <row r="573091" spans="14:14">
      <c r="N573091" s="10"/>
    </row>
    <row r="573092" spans="14:14">
      <c r="N573092" s="10"/>
    </row>
    <row r="573093" spans="14:14">
      <c r="N573093" s="10"/>
    </row>
    <row r="573094" spans="14:14">
      <c r="N573094" s="10"/>
    </row>
    <row r="573095" spans="14:14">
      <c r="N573095" s="10"/>
    </row>
    <row r="573096" spans="14:14">
      <c r="N573096" s="10"/>
    </row>
    <row r="573097" spans="14:14">
      <c r="N573097" s="10"/>
    </row>
    <row r="573098" spans="14:14">
      <c r="N573098" s="10"/>
    </row>
    <row r="573099" spans="14:14">
      <c r="N573099" s="10"/>
    </row>
    <row r="573100" spans="14:14">
      <c r="N573100" s="10"/>
    </row>
    <row r="573101" spans="14:14">
      <c r="N573101" s="10"/>
    </row>
    <row r="573102" spans="14:14">
      <c r="N573102" s="10"/>
    </row>
    <row r="573103" spans="14:14">
      <c r="N573103" s="10"/>
    </row>
    <row r="573104" spans="14:14">
      <c r="N573104" s="10"/>
    </row>
    <row r="573105" spans="14:14">
      <c r="N573105" s="10"/>
    </row>
    <row r="573106" spans="14:14">
      <c r="N573106" s="10"/>
    </row>
    <row r="573107" spans="14:14">
      <c r="N573107" s="10"/>
    </row>
    <row r="573108" spans="14:14">
      <c r="N573108" s="10"/>
    </row>
    <row r="573109" spans="14:14">
      <c r="N573109" s="10"/>
    </row>
    <row r="573110" spans="14:14">
      <c r="N573110" s="10"/>
    </row>
    <row r="573111" spans="14:14">
      <c r="N573111" s="10"/>
    </row>
    <row r="573112" spans="14:14">
      <c r="N573112" s="10"/>
    </row>
    <row r="573113" spans="14:14">
      <c r="N573113" s="10"/>
    </row>
    <row r="573114" spans="14:14">
      <c r="N573114" s="10"/>
    </row>
    <row r="573115" spans="14:14">
      <c r="N573115" s="10"/>
    </row>
    <row r="573116" spans="14:14">
      <c r="N573116" s="10"/>
    </row>
    <row r="573117" spans="14:14">
      <c r="N573117" s="10"/>
    </row>
    <row r="573118" spans="14:14">
      <c r="N573118" s="10"/>
    </row>
    <row r="573119" spans="14:14">
      <c r="N573119" s="10"/>
    </row>
    <row r="573120" spans="14:14">
      <c r="N573120" s="10"/>
    </row>
    <row r="573121" spans="14:14">
      <c r="N573121" s="10"/>
    </row>
    <row r="573122" spans="14:14">
      <c r="N573122" s="10"/>
    </row>
    <row r="573123" spans="14:14">
      <c r="N573123" s="10"/>
    </row>
    <row r="573124" spans="14:14">
      <c r="N573124" s="10"/>
    </row>
    <row r="573125" spans="14:14">
      <c r="N573125" s="10"/>
    </row>
    <row r="573126" spans="14:14">
      <c r="N573126" s="10"/>
    </row>
    <row r="573127" spans="14:14">
      <c r="N573127" s="10"/>
    </row>
    <row r="573128" spans="14:14">
      <c r="N573128" s="10"/>
    </row>
    <row r="573129" spans="14:14">
      <c r="N573129" s="10"/>
    </row>
    <row r="573130" spans="14:14">
      <c r="N573130" s="10"/>
    </row>
    <row r="573131" spans="14:14">
      <c r="N573131" s="10"/>
    </row>
    <row r="573132" spans="14:14">
      <c r="N573132" s="10"/>
    </row>
    <row r="573133" spans="14:14">
      <c r="N573133" s="10"/>
    </row>
    <row r="573134" spans="14:14">
      <c r="N573134" s="10"/>
    </row>
    <row r="573135" spans="14:14">
      <c r="N573135" s="10"/>
    </row>
    <row r="573136" spans="14:14">
      <c r="N573136" s="10"/>
    </row>
    <row r="573137" spans="14:14">
      <c r="N573137" s="10"/>
    </row>
    <row r="573138" spans="14:14">
      <c r="N573138" s="10"/>
    </row>
    <row r="573139" spans="14:14">
      <c r="N573139" s="10"/>
    </row>
    <row r="573140" spans="14:14">
      <c r="N573140" s="10"/>
    </row>
    <row r="573141" spans="14:14">
      <c r="N573141" s="10"/>
    </row>
    <row r="573142" spans="14:14">
      <c r="N573142" s="10"/>
    </row>
    <row r="573143" spans="14:14">
      <c r="N573143" s="10"/>
    </row>
    <row r="573144" spans="14:14">
      <c r="N573144" s="10"/>
    </row>
    <row r="573145" spans="14:14">
      <c r="N573145" s="10"/>
    </row>
    <row r="573146" spans="14:14">
      <c r="N573146" s="10"/>
    </row>
    <row r="573147" spans="14:14">
      <c r="N573147" s="10"/>
    </row>
    <row r="573148" spans="14:14">
      <c r="N573148" s="10"/>
    </row>
    <row r="573149" spans="14:14">
      <c r="N573149" s="10"/>
    </row>
    <row r="573150" spans="14:14">
      <c r="N573150" s="10"/>
    </row>
    <row r="573151" spans="14:14">
      <c r="N573151" s="10"/>
    </row>
    <row r="573152" spans="14:14">
      <c r="N573152" s="10"/>
    </row>
    <row r="573153" spans="14:14">
      <c r="N573153" s="10"/>
    </row>
    <row r="573154" spans="14:14">
      <c r="N573154" s="10"/>
    </row>
    <row r="573155" spans="14:14">
      <c r="N573155" s="10"/>
    </row>
    <row r="573156" spans="14:14">
      <c r="N573156" s="10"/>
    </row>
    <row r="573157" spans="14:14">
      <c r="N573157" s="10"/>
    </row>
    <row r="573158" spans="14:14">
      <c r="N573158" s="10"/>
    </row>
    <row r="573159" spans="14:14">
      <c r="N573159" s="10"/>
    </row>
    <row r="573160" spans="14:14">
      <c r="N573160" s="10"/>
    </row>
    <row r="573161" spans="14:14">
      <c r="N573161" s="10"/>
    </row>
    <row r="573162" spans="14:14">
      <c r="N573162" s="10"/>
    </row>
    <row r="573163" spans="14:14">
      <c r="N573163" s="10"/>
    </row>
    <row r="573164" spans="14:14">
      <c r="N573164" s="10"/>
    </row>
    <row r="573165" spans="14:14">
      <c r="N573165" s="10"/>
    </row>
    <row r="573166" spans="14:14">
      <c r="N573166" s="10"/>
    </row>
    <row r="573167" spans="14:14">
      <c r="N573167" s="10"/>
    </row>
    <row r="573168" spans="14:14">
      <c r="N573168" s="10"/>
    </row>
    <row r="573169" spans="14:14">
      <c r="N573169" s="10"/>
    </row>
    <row r="573170" spans="14:14">
      <c r="N573170" s="10"/>
    </row>
    <row r="573171" spans="14:14">
      <c r="N573171" s="10"/>
    </row>
    <row r="573172" spans="14:14">
      <c r="N573172" s="10"/>
    </row>
    <row r="573173" spans="14:14">
      <c r="N573173" s="10"/>
    </row>
    <row r="573174" spans="14:14">
      <c r="N573174" s="10"/>
    </row>
    <row r="573175" spans="14:14">
      <c r="N573175" s="10"/>
    </row>
    <row r="573176" spans="14:14">
      <c r="N573176" s="10"/>
    </row>
    <row r="573177" spans="14:14">
      <c r="N573177" s="10"/>
    </row>
    <row r="573178" spans="14:14">
      <c r="N573178" s="10"/>
    </row>
    <row r="573179" spans="14:14">
      <c r="N573179" s="10"/>
    </row>
    <row r="573180" spans="14:14">
      <c r="N573180" s="10"/>
    </row>
    <row r="573181" spans="14:14">
      <c r="N573181" s="10"/>
    </row>
    <row r="573182" spans="14:14">
      <c r="N573182" s="10"/>
    </row>
    <row r="573183" spans="14:14">
      <c r="N573183" s="10"/>
    </row>
    <row r="573184" spans="14:14">
      <c r="N573184" s="10"/>
    </row>
    <row r="573185" spans="14:14">
      <c r="N573185" s="10"/>
    </row>
    <row r="573186" spans="14:14">
      <c r="N573186" s="10"/>
    </row>
    <row r="573187" spans="14:14">
      <c r="N573187" s="10"/>
    </row>
    <row r="573188" spans="14:14">
      <c r="N573188" s="10"/>
    </row>
    <row r="573189" spans="14:14">
      <c r="N573189" s="10"/>
    </row>
    <row r="573190" spans="14:14">
      <c r="N573190" s="10"/>
    </row>
    <row r="573191" spans="14:14">
      <c r="N573191" s="10"/>
    </row>
    <row r="573192" spans="14:14">
      <c r="N573192" s="10"/>
    </row>
    <row r="573193" spans="14:14">
      <c r="N573193" s="10"/>
    </row>
    <row r="573194" spans="14:14">
      <c r="N573194" s="10"/>
    </row>
    <row r="573195" spans="14:14">
      <c r="N573195" s="10"/>
    </row>
    <row r="573196" spans="14:14">
      <c r="N573196" s="10"/>
    </row>
    <row r="573197" spans="14:14">
      <c r="N573197" s="10"/>
    </row>
    <row r="573198" spans="14:14">
      <c r="N573198" s="10"/>
    </row>
    <row r="573199" spans="14:14">
      <c r="N573199" s="10"/>
    </row>
    <row r="573200" spans="14:14">
      <c r="N573200" s="10"/>
    </row>
    <row r="573201" spans="14:14">
      <c r="N573201" s="10"/>
    </row>
    <row r="573202" spans="14:14">
      <c r="N573202" s="10"/>
    </row>
    <row r="573203" spans="14:14">
      <c r="N573203" s="10"/>
    </row>
    <row r="573204" spans="14:14">
      <c r="N573204" s="10"/>
    </row>
    <row r="573205" spans="14:14">
      <c r="N573205" s="10"/>
    </row>
    <row r="573206" spans="14:14">
      <c r="N573206" s="10"/>
    </row>
    <row r="573207" spans="14:14">
      <c r="N573207" s="10"/>
    </row>
    <row r="573208" spans="14:14">
      <c r="N573208" s="10"/>
    </row>
    <row r="573209" spans="14:14">
      <c r="N573209" s="10"/>
    </row>
    <row r="573210" spans="14:14">
      <c r="N573210" s="10"/>
    </row>
    <row r="573211" spans="14:14">
      <c r="N573211" s="10"/>
    </row>
    <row r="573212" spans="14:14">
      <c r="N573212" s="10"/>
    </row>
    <row r="573213" spans="14:14">
      <c r="N573213" s="10"/>
    </row>
    <row r="573214" spans="14:14">
      <c r="N573214" s="10"/>
    </row>
    <row r="573215" spans="14:14">
      <c r="N573215" s="10"/>
    </row>
    <row r="573216" spans="14:14">
      <c r="N573216" s="10"/>
    </row>
    <row r="573217" spans="14:14">
      <c r="N573217" s="10"/>
    </row>
    <row r="573218" spans="14:14">
      <c r="N573218" s="10"/>
    </row>
    <row r="573219" spans="14:14">
      <c r="N573219" s="10"/>
    </row>
    <row r="573220" spans="14:14">
      <c r="N573220" s="10"/>
    </row>
    <row r="573221" spans="14:14">
      <c r="N573221" s="10"/>
    </row>
    <row r="573222" spans="14:14">
      <c r="N573222" s="10"/>
    </row>
    <row r="573223" spans="14:14">
      <c r="N573223" s="10"/>
    </row>
    <row r="573224" spans="14:14">
      <c r="N573224" s="10"/>
    </row>
    <row r="573225" spans="14:14">
      <c r="N573225" s="10"/>
    </row>
    <row r="573226" spans="14:14">
      <c r="N573226" s="10"/>
    </row>
    <row r="573227" spans="14:14">
      <c r="N573227" s="10"/>
    </row>
    <row r="573228" spans="14:14">
      <c r="N573228" s="10"/>
    </row>
    <row r="573229" spans="14:14">
      <c r="N573229" s="10"/>
    </row>
    <row r="573230" spans="14:14">
      <c r="N573230" s="10"/>
    </row>
    <row r="573231" spans="14:14">
      <c r="N573231" s="10"/>
    </row>
    <row r="573232" spans="14:14">
      <c r="N573232" s="10"/>
    </row>
    <row r="573233" spans="14:14">
      <c r="N573233" s="10"/>
    </row>
    <row r="573234" spans="14:14">
      <c r="N573234" s="10"/>
    </row>
    <row r="573235" spans="14:14">
      <c r="N573235" s="10"/>
    </row>
    <row r="573236" spans="14:14">
      <c r="N573236" s="10"/>
    </row>
    <row r="573237" spans="14:14">
      <c r="N573237" s="10"/>
    </row>
    <row r="573238" spans="14:14">
      <c r="N573238" s="10"/>
    </row>
    <row r="573239" spans="14:14">
      <c r="N573239" s="10"/>
    </row>
    <row r="573240" spans="14:14">
      <c r="N573240" s="10"/>
    </row>
    <row r="573241" spans="14:14">
      <c r="N573241" s="10"/>
    </row>
    <row r="573242" spans="14:14">
      <c r="N573242" s="10"/>
    </row>
    <row r="573243" spans="14:14">
      <c r="N573243" s="10"/>
    </row>
    <row r="573244" spans="14:14">
      <c r="N573244" s="10"/>
    </row>
    <row r="573245" spans="14:14">
      <c r="N573245" s="10"/>
    </row>
    <row r="573246" spans="14:14">
      <c r="N573246" s="10"/>
    </row>
    <row r="573247" spans="14:14">
      <c r="N573247" s="10"/>
    </row>
    <row r="573248" spans="14:14">
      <c r="N573248" s="10"/>
    </row>
    <row r="573249" spans="14:14">
      <c r="N573249" s="10"/>
    </row>
    <row r="573250" spans="14:14">
      <c r="N573250" s="10"/>
    </row>
    <row r="573251" spans="14:14">
      <c r="N573251" s="10"/>
    </row>
    <row r="573252" spans="14:14">
      <c r="N573252" s="10"/>
    </row>
    <row r="573253" spans="14:14">
      <c r="N573253" s="10"/>
    </row>
    <row r="573254" spans="14:14">
      <c r="N573254" s="10"/>
    </row>
    <row r="573255" spans="14:14">
      <c r="N573255" s="10"/>
    </row>
    <row r="573256" spans="14:14">
      <c r="N573256" s="10"/>
    </row>
    <row r="573257" spans="14:14">
      <c r="N573257" s="10"/>
    </row>
    <row r="573258" spans="14:14">
      <c r="N573258" s="10"/>
    </row>
    <row r="573259" spans="14:14">
      <c r="N573259" s="10"/>
    </row>
    <row r="573260" spans="14:14">
      <c r="N573260" s="10"/>
    </row>
    <row r="573261" spans="14:14">
      <c r="N573261" s="10"/>
    </row>
    <row r="573262" spans="14:14">
      <c r="N573262" s="10"/>
    </row>
    <row r="573263" spans="14:14">
      <c r="N573263" s="10"/>
    </row>
    <row r="573264" spans="14:14">
      <c r="N573264" s="10"/>
    </row>
    <row r="573265" spans="14:14">
      <c r="N573265" s="10"/>
    </row>
    <row r="573266" spans="14:14">
      <c r="N573266" s="10"/>
    </row>
    <row r="573267" spans="14:14">
      <c r="N573267" s="10"/>
    </row>
    <row r="573268" spans="14:14">
      <c r="N573268" s="10"/>
    </row>
    <row r="573269" spans="14:14">
      <c r="N573269" s="10"/>
    </row>
    <row r="573270" spans="14:14">
      <c r="N573270" s="10"/>
    </row>
    <row r="573271" spans="14:14">
      <c r="N573271" s="10"/>
    </row>
    <row r="573272" spans="14:14">
      <c r="N573272" s="10"/>
    </row>
    <row r="573273" spans="14:14">
      <c r="N573273" s="10"/>
    </row>
    <row r="573274" spans="14:14">
      <c r="N573274" s="10"/>
    </row>
    <row r="573275" spans="14:14">
      <c r="N573275" s="10"/>
    </row>
    <row r="573276" spans="14:14">
      <c r="N573276" s="10"/>
    </row>
    <row r="573277" spans="14:14">
      <c r="N573277" s="10"/>
    </row>
    <row r="573278" spans="14:14">
      <c r="N573278" s="10"/>
    </row>
    <row r="573279" spans="14:14">
      <c r="N573279" s="10"/>
    </row>
    <row r="573280" spans="14:14">
      <c r="N573280" s="10"/>
    </row>
    <row r="573281" spans="14:14">
      <c r="N573281" s="10"/>
    </row>
    <row r="573282" spans="14:14">
      <c r="N573282" s="10"/>
    </row>
    <row r="573283" spans="14:14">
      <c r="N573283" s="10"/>
    </row>
    <row r="573284" spans="14:14">
      <c r="N573284" s="10"/>
    </row>
    <row r="573285" spans="14:14">
      <c r="N573285" s="10"/>
    </row>
    <row r="573286" spans="14:14">
      <c r="N573286" s="10"/>
    </row>
    <row r="573287" spans="14:14">
      <c r="N573287" s="10"/>
    </row>
    <row r="573288" spans="14:14">
      <c r="N573288" s="10"/>
    </row>
    <row r="573289" spans="14:14">
      <c r="N573289" s="10"/>
    </row>
    <row r="573290" spans="14:14">
      <c r="N573290" s="10"/>
    </row>
    <row r="573291" spans="14:14">
      <c r="N573291" s="10"/>
    </row>
    <row r="573292" spans="14:14">
      <c r="N573292" s="10"/>
    </row>
    <row r="573293" spans="14:14">
      <c r="N573293" s="10"/>
    </row>
    <row r="573294" spans="14:14">
      <c r="N573294" s="10"/>
    </row>
    <row r="573295" spans="14:14">
      <c r="N573295" s="10"/>
    </row>
    <row r="573296" spans="14:14">
      <c r="N573296" s="10"/>
    </row>
    <row r="573297" spans="14:14">
      <c r="N573297" s="10"/>
    </row>
    <row r="573298" spans="14:14">
      <c r="N573298" s="10"/>
    </row>
    <row r="573299" spans="14:14">
      <c r="N573299" s="10"/>
    </row>
    <row r="573300" spans="14:14">
      <c r="N573300" s="10"/>
    </row>
    <row r="573301" spans="14:14">
      <c r="N573301" s="10"/>
    </row>
    <row r="573302" spans="14:14">
      <c r="N573302" s="10"/>
    </row>
    <row r="573303" spans="14:14">
      <c r="N573303" s="10"/>
    </row>
    <row r="573304" spans="14:14">
      <c r="N573304" s="10"/>
    </row>
    <row r="573305" spans="14:14">
      <c r="N573305" s="10"/>
    </row>
    <row r="573306" spans="14:14">
      <c r="N573306" s="10"/>
    </row>
    <row r="573307" spans="14:14">
      <c r="N573307" s="10"/>
    </row>
    <row r="573308" spans="14:14">
      <c r="N573308" s="10"/>
    </row>
    <row r="573309" spans="14:14">
      <c r="N573309" s="10"/>
    </row>
    <row r="573310" spans="14:14">
      <c r="N573310" s="10"/>
    </row>
    <row r="573311" spans="14:14">
      <c r="N573311" s="10"/>
    </row>
    <row r="573312" spans="14:14">
      <c r="N573312" s="10"/>
    </row>
    <row r="573313" spans="14:14">
      <c r="N573313" s="10"/>
    </row>
    <row r="573314" spans="14:14">
      <c r="N573314" s="10"/>
    </row>
    <row r="573315" spans="14:14">
      <c r="N573315" s="10"/>
    </row>
    <row r="573316" spans="14:14">
      <c r="N573316" s="10"/>
    </row>
    <row r="573317" spans="14:14">
      <c r="N573317" s="10"/>
    </row>
    <row r="573318" spans="14:14">
      <c r="N573318" s="10"/>
    </row>
    <row r="573319" spans="14:14">
      <c r="N573319" s="10"/>
    </row>
    <row r="573320" spans="14:14">
      <c r="N573320" s="10"/>
    </row>
    <row r="573321" spans="14:14">
      <c r="N573321" s="10"/>
    </row>
    <row r="573322" spans="14:14">
      <c r="N573322" s="10"/>
    </row>
    <row r="573323" spans="14:14">
      <c r="N573323" s="10"/>
    </row>
    <row r="573324" spans="14:14">
      <c r="N573324" s="10"/>
    </row>
    <row r="573325" spans="14:14">
      <c r="N573325" s="10"/>
    </row>
    <row r="573326" spans="14:14">
      <c r="N573326" s="10"/>
    </row>
    <row r="573327" spans="14:14">
      <c r="N573327" s="10"/>
    </row>
    <row r="573328" spans="14:14">
      <c r="N573328" s="10"/>
    </row>
    <row r="573329" spans="14:14">
      <c r="N573329" s="10"/>
    </row>
    <row r="573330" spans="14:14">
      <c r="N573330" s="10"/>
    </row>
    <row r="573331" spans="14:14">
      <c r="N573331" s="10"/>
    </row>
    <row r="573332" spans="14:14">
      <c r="N573332" s="10"/>
    </row>
    <row r="573333" spans="14:14">
      <c r="N573333" s="10"/>
    </row>
    <row r="573334" spans="14:14">
      <c r="N573334" s="10"/>
    </row>
    <row r="573335" spans="14:14">
      <c r="N573335" s="10"/>
    </row>
    <row r="573336" spans="14:14">
      <c r="N573336" s="10"/>
    </row>
    <row r="573337" spans="14:14">
      <c r="N573337" s="10"/>
    </row>
    <row r="573338" spans="14:14">
      <c r="N573338" s="10"/>
    </row>
    <row r="573339" spans="14:14">
      <c r="N573339" s="10"/>
    </row>
    <row r="573340" spans="14:14">
      <c r="N573340" s="10"/>
    </row>
    <row r="573341" spans="14:14">
      <c r="N573341" s="10"/>
    </row>
    <row r="573342" spans="14:14">
      <c r="N573342" s="10"/>
    </row>
    <row r="573343" spans="14:14">
      <c r="N573343" s="10"/>
    </row>
    <row r="573344" spans="14:14">
      <c r="N573344" s="10"/>
    </row>
    <row r="573345" spans="14:14">
      <c r="N573345" s="10"/>
    </row>
    <row r="573346" spans="14:14">
      <c r="N573346" s="10"/>
    </row>
    <row r="573347" spans="14:14">
      <c r="N573347" s="10"/>
    </row>
    <row r="573348" spans="14:14">
      <c r="N573348" s="10"/>
    </row>
    <row r="573349" spans="14:14">
      <c r="N573349" s="10"/>
    </row>
    <row r="573350" spans="14:14">
      <c r="N573350" s="10"/>
    </row>
    <row r="573351" spans="14:14">
      <c r="N573351" s="10"/>
    </row>
    <row r="573352" spans="14:14">
      <c r="N573352" s="10"/>
    </row>
    <row r="573353" spans="14:14">
      <c r="N573353" s="10"/>
    </row>
    <row r="573354" spans="14:14">
      <c r="N573354" s="10"/>
    </row>
    <row r="573355" spans="14:14">
      <c r="N573355" s="10"/>
    </row>
    <row r="573356" spans="14:14">
      <c r="N573356" s="10"/>
    </row>
    <row r="573357" spans="14:14">
      <c r="N573357" s="10"/>
    </row>
    <row r="573358" spans="14:14">
      <c r="N573358" s="10"/>
    </row>
    <row r="573359" spans="14:14">
      <c r="N573359" s="10"/>
    </row>
    <row r="573360" spans="14:14">
      <c r="N573360" s="10"/>
    </row>
    <row r="573361" spans="14:14">
      <c r="N573361" s="10"/>
    </row>
    <row r="573362" spans="14:14">
      <c r="N573362" s="10"/>
    </row>
    <row r="573363" spans="14:14">
      <c r="N573363" s="10"/>
    </row>
    <row r="573364" spans="14:14">
      <c r="N573364" s="10"/>
    </row>
    <row r="573365" spans="14:14">
      <c r="N573365" s="10"/>
    </row>
    <row r="573366" spans="14:14">
      <c r="N573366" s="10"/>
    </row>
    <row r="573367" spans="14:14">
      <c r="N573367" s="10"/>
    </row>
    <row r="573368" spans="14:14">
      <c r="N573368" s="10"/>
    </row>
    <row r="573369" spans="14:14">
      <c r="N573369" s="10"/>
    </row>
    <row r="573370" spans="14:14">
      <c r="N573370" s="10"/>
    </row>
    <row r="573371" spans="14:14">
      <c r="N573371" s="10"/>
    </row>
    <row r="573372" spans="14:14">
      <c r="N573372" s="10"/>
    </row>
    <row r="573373" spans="14:14">
      <c r="N573373" s="10"/>
    </row>
    <row r="573374" spans="14:14">
      <c r="N573374" s="10"/>
    </row>
    <row r="573375" spans="14:14">
      <c r="N573375" s="10"/>
    </row>
    <row r="573376" spans="14:14">
      <c r="N573376" s="10"/>
    </row>
    <row r="573377" spans="14:14">
      <c r="N573377" s="10"/>
    </row>
    <row r="573378" spans="14:14">
      <c r="N573378" s="10"/>
    </row>
    <row r="573379" spans="14:14">
      <c r="N573379" s="10"/>
    </row>
    <row r="573380" spans="14:14">
      <c r="N573380" s="10"/>
    </row>
    <row r="573381" spans="14:14">
      <c r="N573381" s="10"/>
    </row>
    <row r="573382" spans="14:14">
      <c r="N573382" s="10"/>
    </row>
    <row r="573383" spans="14:14">
      <c r="N573383" s="10"/>
    </row>
    <row r="573384" spans="14:14">
      <c r="N573384" s="10"/>
    </row>
    <row r="573385" spans="14:14">
      <c r="N573385" s="10"/>
    </row>
    <row r="573386" spans="14:14">
      <c r="N573386" s="10"/>
    </row>
    <row r="573387" spans="14:14">
      <c r="N573387" s="10"/>
    </row>
    <row r="573388" spans="14:14">
      <c r="N573388" s="10"/>
    </row>
    <row r="573389" spans="14:14">
      <c r="N573389" s="10"/>
    </row>
    <row r="573390" spans="14:14">
      <c r="N573390" s="10"/>
    </row>
    <row r="573391" spans="14:14">
      <c r="N573391" s="10"/>
    </row>
    <row r="573392" spans="14:14">
      <c r="N573392" s="10"/>
    </row>
    <row r="573393" spans="14:14">
      <c r="N573393" s="10"/>
    </row>
    <row r="573394" spans="14:14">
      <c r="N573394" s="10"/>
    </row>
    <row r="573395" spans="14:14">
      <c r="N573395" s="10"/>
    </row>
    <row r="573396" spans="14:14">
      <c r="N573396" s="10"/>
    </row>
    <row r="573397" spans="14:14">
      <c r="N573397" s="10"/>
    </row>
    <row r="573398" spans="14:14">
      <c r="N573398" s="10"/>
    </row>
    <row r="573399" spans="14:14">
      <c r="N573399" s="10"/>
    </row>
    <row r="573400" spans="14:14">
      <c r="N573400" s="10"/>
    </row>
    <row r="573401" spans="14:14">
      <c r="N573401" s="10"/>
    </row>
    <row r="573402" spans="14:14">
      <c r="N573402" s="10"/>
    </row>
    <row r="573403" spans="14:14">
      <c r="N573403" s="10"/>
    </row>
    <row r="573404" spans="14:14">
      <c r="N573404" s="10"/>
    </row>
    <row r="573405" spans="14:14">
      <c r="N573405" s="10"/>
    </row>
    <row r="573406" spans="14:14">
      <c r="N573406" s="10"/>
    </row>
    <row r="573407" spans="14:14">
      <c r="N573407" s="10"/>
    </row>
    <row r="573408" spans="14:14">
      <c r="N573408" s="10"/>
    </row>
    <row r="573409" spans="14:14">
      <c r="N573409" s="10"/>
    </row>
    <row r="573410" spans="14:14">
      <c r="N573410" s="10"/>
    </row>
    <row r="573411" spans="14:14">
      <c r="N573411" s="10"/>
    </row>
    <row r="573412" spans="14:14">
      <c r="N573412" s="10"/>
    </row>
    <row r="573413" spans="14:14">
      <c r="N573413" s="10"/>
    </row>
    <row r="573414" spans="14:14">
      <c r="N573414" s="10"/>
    </row>
    <row r="573415" spans="14:14">
      <c r="N573415" s="10"/>
    </row>
    <row r="573416" spans="14:14">
      <c r="N573416" s="10"/>
    </row>
    <row r="573417" spans="14:14">
      <c r="N573417" s="10"/>
    </row>
    <row r="573418" spans="14:14">
      <c r="N573418" s="10"/>
    </row>
    <row r="573419" spans="14:14">
      <c r="N573419" s="10"/>
    </row>
    <row r="573420" spans="14:14">
      <c r="N573420" s="10"/>
    </row>
    <row r="573421" spans="14:14">
      <c r="N573421" s="10"/>
    </row>
    <row r="573422" spans="14:14">
      <c r="N573422" s="10"/>
    </row>
    <row r="573423" spans="14:14">
      <c r="N573423" s="10"/>
    </row>
    <row r="573424" spans="14:14">
      <c r="N573424" s="10"/>
    </row>
    <row r="573425" spans="14:14">
      <c r="N573425" s="10"/>
    </row>
    <row r="573426" spans="14:14">
      <c r="N573426" s="10"/>
    </row>
    <row r="573427" spans="14:14">
      <c r="N573427" s="10"/>
    </row>
    <row r="573428" spans="14:14">
      <c r="N573428" s="10"/>
    </row>
    <row r="573429" spans="14:14">
      <c r="N573429" s="10"/>
    </row>
    <row r="573430" spans="14:14">
      <c r="N573430" s="10"/>
    </row>
    <row r="573431" spans="14:14">
      <c r="N573431" s="10"/>
    </row>
    <row r="573432" spans="14:14">
      <c r="N573432" s="10"/>
    </row>
    <row r="573433" spans="14:14">
      <c r="N573433" s="10"/>
    </row>
    <row r="573434" spans="14:14">
      <c r="N573434" s="10"/>
    </row>
    <row r="573435" spans="14:14">
      <c r="N573435" s="10"/>
    </row>
    <row r="573436" spans="14:14">
      <c r="N573436" s="10"/>
    </row>
    <row r="573437" spans="14:14">
      <c r="N573437" s="10"/>
    </row>
    <row r="573438" spans="14:14">
      <c r="N573438" s="10"/>
    </row>
    <row r="573439" spans="14:14">
      <c r="N573439" s="10"/>
    </row>
    <row r="573440" spans="14:14">
      <c r="N573440" s="10"/>
    </row>
    <row r="573441" spans="14:14">
      <c r="N573441" s="10"/>
    </row>
    <row r="573442" spans="14:14">
      <c r="N573442" s="10"/>
    </row>
    <row r="573443" spans="14:14">
      <c r="N573443" s="10"/>
    </row>
    <row r="573444" spans="14:14">
      <c r="N573444" s="10"/>
    </row>
    <row r="573445" spans="14:14">
      <c r="N573445" s="10"/>
    </row>
    <row r="573446" spans="14:14">
      <c r="N573446" s="10"/>
    </row>
    <row r="573447" spans="14:14">
      <c r="N573447" s="10"/>
    </row>
    <row r="573448" spans="14:14">
      <c r="N573448" s="10"/>
    </row>
    <row r="573449" spans="14:14">
      <c r="N573449" s="10"/>
    </row>
    <row r="573450" spans="14:14">
      <c r="N573450" s="10"/>
    </row>
    <row r="573451" spans="14:14">
      <c r="N573451" s="10"/>
    </row>
    <row r="573452" spans="14:14">
      <c r="N573452" s="10"/>
    </row>
    <row r="573453" spans="14:14">
      <c r="N573453" s="10"/>
    </row>
    <row r="573454" spans="14:14">
      <c r="N573454" s="10"/>
    </row>
    <row r="573455" spans="14:14">
      <c r="N573455" s="10"/>
    </row>
    <row r="573456" spans="14:14">
      <c r="N573456" s="10"/>
    </row>
    <row r="573457" spans="14:14">
      <c r="N573457" s="10"/>
    </row>
    <row r="573458" spans="14:14">
      <c r="N573458" s="10"/>
    </row>
    <row r="573459" spans="14:14">
      <c r="N573459" s="10"/>
    </row>
    <row r="573460" spans="14:14">
      <c r="N573460" s="10"/>
    </row>
    <row r="573461" spans="14:14">
      <c r="N573461" s="10"/>
    </row>
    <row r="573462" spans="14:14">
      <c r="N573462" s="10"/>
    </row>
    <row r="573463" spans="14:14">
      <c r="N573463" s="10"/>
    </row>
    <row r="573464" spans="14:14">
      <c r="N573464" s="10"/>
    </row>
    <row r="573465" spans="14:14">
      <c r="N573465" s="10"/>
    </row>
    <row r="573466" spans="14:14">
      <c r="N573466" s="10"/>
    </row>
    <row r="573467" spans="14:14">
      <c r="N573467" s="10"/>
    </row>
    <row r="573468" spans="14:14">
      <c r="N573468" s="10"/>
    </row>
    <row r="573469" spans="14:14">
      <c r="N573469" s="10"/>
    </row>
    <row r="573470" spans="14:14">
      <c r="N573470" s="10"/>
    </row>
    <row r="573471" spans="14:14">
      <c r="N573471" s="10"/>
    </row>
    <row r="573472" spans="14:14">
      <c r="N573472" s="10"/>
    </row>
    <row r="573473" spans="14:14">
      <c r="N573473" s="10"/>
    </row>
    <row r="573474" spans="14:14">
      <c r="N573474" s="10"/>
    </row>
    <row r="573475" spans="14:14">
      <c r="N573475" s="10"/>
    </row>
    <row r="573476" spans="14:14">
      <c r="N573476" s="10"/>
    </row>
    <row r="573477" spans="14:14">
      <c r="N573477" s="10"/>
    </row>
    <row r="573478" spans="14:14">
      <c r="N573478" s="10"/>
    </row>
    <row r="573479" spans="14:14">
      <c r="N573479" s="10"/>
    </row>
    <row r="573480" spans="14:14">
      <c r="N573480" s="10"/>
    </row>
    <row r="573481" spans="14:14">
      <c r="N573481" s="10"/>
    </row>
    <row r="573482" spans="14:14">
      <c r="N573482" s="10"/>
    </row>
    <row r="573483" spans="14:14">
      <c r="N573483" s="10"/>
    </row>
    <row r="573484" spans="14:14">
      <c r="N573484" s="10"/>
    </row>
    <row r="573485" spans="14:14">
      <c r="N573485" s="10"/>
    </row>
    <row r="573486" spans="14:14">
      <c r="N573486" s="10"/>
    </row>
    <row r="573487" spans="14:14">
      <c r="N573487" s="10"/>
    </row>
    <row r="573488" spans="14:14">
      <c r="N573488" s="10"/>
    </row>
    <row r="573489" spans="14:14">
      <c r="N573489" s="10"/>
    </row>
    <row r="573490" spans="14:14">
      <c r="N573490" s="10"/>
    </row>
    <row r="573491" spans="14:14">
      <c r="N573491" s="10"/>
    </row>
    <row r="573492" spans="14:14">
      <c r="N573492" s="10"/>
    </row>
    <row r="573493" spans="14:14">
      <c r="N573493" s="10"/>
    </row>
    <row r="573494" spans="14:14">
      <c r="N573494" s="10"/>
    </row>
    <row r="573495" spans="14:14">
      <c r="N573495" s="10"/>
    </row>
    <row r="573496" spans="14:14">
      <c r="N573496" s="10"/>
    </row>
    <row r="573497" spans="14:14">
      <c r="N573497" s="10"/>
    </row>
    <row r="573498" spans="14:14">
      <c r="N573498" s="10"/>
    </row>
    <row r="573499" spans="14:14">
      <c r="N573499" s="10"/>
    </row>
    <row r="573500" spans="14:14">
      <c r="N573500" s="10"/>
    </row>
    <row r="573501" spans="14:14">
      <c r="N573501" s="10"/>
    </row>
    <row r="573502" spans="14:14">
      <c r="N573502" s="10"/>
    </row>
    <row r="573503" spans="14:14">
      <c r="N573503" s="10"/>
    </row>
    <row r="573504" spans="14:14">
      <c r="N573504" s="10"/>
    </row>
    <row r="573505" spans="14:14">
      <c r="N573505" s="10"/>
    </row>
    <row r="573506" spans="14:14">
      <c r="N573506" s="10"/>
    </row>
    <row r="573507" spans="14:14">
      <c r="N573507" s="10"/>
    </row>
    <row r="573508" spans="14:14">
      <c r="N573508" s="10"/>
    </row>
    <row r="573509" spans="14:14">
      <c r="N573509" s="10"/>
    </row>
    <row r="573510" spans="14:14">
      <c r="N573510" s="10"/>
    </row>
    <row r="573511" spans="14:14">
      <c r="N573511" s="10"/>
    </row>
    <row r="573512" spans="14:14">
      <c r="N573512" s="10"/>
    </row>
    <row r="573513" spans="14:14">
      <c r="N573513" s="10"/>
    </row>
    <row r="573514" spans="14:14">
      <c r="N573514" s="10"/>
    </row>
    <row r="573515" spans="14:14">
      <c r="N573515" s="10"/>
    </row>
    <row r="573516" spans="14:14">
      <c r="N573516" s="10"/>
    </row>
    <row r="573517" spans="14:14">
      <c r="N573517" s="10"/>
    </row>
    <row r="573518" spans="14:14">
      <c r="N573518" s="10"/>
    </row>
    <row r="573519" spans="14:14">
      <c r="N573519" s="10"/>
    </row>
    <row r="573520" spans="14:14">
      <c r="N573520" s="10"/>
    </row>
    <row r="573521" spans="14:14">
      <c r="N573521" s="10"/>
    </row>
    <row r="573522" spans="14:14">
      <c r="N573522" s="10"/>
    </row>
    <row r="573523" spans="14:14">
      <c r="N573523" s="10"/>
    </row>
    <row r="573524" spans="14:14">
      <c r="N573524" s="10"/>
    </row>
    <row r="573525" spans="14:14">
      <c r="N573525" s="10"/>
    </row>
    <row r="573526" spans="14:14">
      <c r="N573526" s="10"/>
    </row>
    <row r="573527" spans="14:14">
      <c r="N573527" s="10"/>
    </row>
    <row r="573528" spans="14:14">
      <c r="N573528" s="10"/>
    </row>
    <row r="573529" spans="14:14">
      <c r="N573529" s="10"/>
    </row>
    <row r="573530" spans="14:14">
      <c r="N573530" s="10"/>
    </row>
    <row r="573531" spans="14:14">
      <c r="N573531" s="10"/>
    </row>
    <row r="573532" spans="14:14">
      <c r="N573532" s="10"/>
    </row>
    <row r="573533" spans="14:14">
      <c r="N573533" s="10"/>
    </row>
    <row r="573534" spans="14:14">
      <c r="N573534" s="10"/>
    </row>
    <row r="573535" spans="14:14">
      <c r="N573535" s="10"/>
    </row>
    <row r="573536" spans="14:14">
      <c r="N573536" s="10"/>
    </row>
    <row r="573537" spans="14:14">
      <c r="N573537" s="10"/>
    </row>
    <row r="573538" spans="14:14">
      <c r="N573538" s="10"/>
    </row>
    <row r="573539" spans="14:14">
      <c r="N573539" s="10"/>
    </row>
    <row r="573540" spans="14:14">
      <c r="N573540" s="10"/>
    </row>
    <row r="573541" spans="14:14">
      <c r="N573541" s="10"/>
    </row>
    <row r="573542" spans="14:14">
      <c r="N573542" s="10"/>
    </row>
    <row r="573543" spans="14:14">
      <c r="N573543" s="10"/>
    </row>
    <row r="573544" spans="14:14">
      <c r="N573544" s="10"/>
    </row>
    <row r="573545" spans="14:14">
      <c r="N573545" s="10"/>
    </row>
    <row r="573546" spans="14:14">
      <c r="N573546" s="10"/>
    </row>
    <row r="573547" spans="14:14">
      <c r="N573547" s="10"/>
    </row>
    <row r="573548" spans="14:14">
      <c r="N573548" s="10"/>
    </row>
    <row r="573549" spans="14:14">
      <c r="N573549" s="10"/>
    </row>
    <row r="573550" spans="14:14">
      <c r="N573550" s="10"/>
    </row>
    <row r="573551" spans="14:14">
      <c r="N573551" s="10"/>
    </row>
    <row r="573552" spans="14:14">
      <c r="N573552" s="10"/>
    </row>
    <row r="573553" spans="14:14">
      <c r="N573553" s="10"/>
    </row>
    <row r="573554" spans="14:14">
      <c r="N573554" s="10"/>
    </row>
    <row r="573555" spans="14:14">
      <c r="N573555" s="10"/>
    </row>
    <row r="573556" spans="14:14">
      <c r="N573556" s="10"/>
    </row>
    <row r="573557" spans="14:14">
      <c r="N573557" s="10"/>
    </row>
    <row r="573558" spans="14:14">
      <c r="N573558" s="10"/>
    </row>
    <row r="573559" spans="14:14">
      <c r="N573559" s="10"/>
    </row>
    <row r="573560" spans="14:14">
      <c r="N573560" s="10"/>
    </row>
    <row r="573561" spans="14:14">
      <c r="N573561" s="10"/>
    </row>
    <row r="573562" spans="14:14">
      <c r="N573562" s="10"/>
    </row>
    <row r="573563" spans="14:14">
      <c r="N573563" s="10"/>
    </row>
    <row r="573564" spans="14:14">
      <c r="N573564" s="10"/>
    </row>
    <row r="573565" spans="14:14">
      <c r="N573565" s="10"/>
    </row>
    <row r="573566" spans="14:14">
      <c r="N573566" s="10"/>
    </row>
    <row r="573567" spans="14:14">
      <c r="N573567" s="10"/>
    </row>
    <row r="573568" spans="14:14">
      <c r="N573568" s="10"/>
    </row>
    <row r="573569" spans="14:14">
      <c r="N573569" s="10"/>
    </row>
    <row r="573570" spans="14:14">
      <c r="N573570" s="10"/>
    </row>
    <row r="573571" spans="14:14">
      <c r="N573571" s="10"/>
    </row>
    <row r="573572" spans="14:14">
      <c r="N573572" s="10"/>
    </row>
    <row r="573573" spans="14:14">
      <c r="N573573" s="10"/>
    </row>
    <row r="573574" spans="14:14">
      <c r="N573574" s="10"/>
    </row>
    <row r="573575" spans="14:14">
      <c r="N573575" s="10"/>
    </row>
    <row r="573576" spans="14:14">
      <c r="N573576" s="10"/>
    </row>
    <row r="573577" spans="14:14">
      <c r="N573577" s="10"/>
    </row>
    <row r="573578" spans="14:14">
      <c r="N573578" s="10"/>
    </row>
    <row r="573579" spans="14:14">
      <c r="N573579" s="10"/>
    </row>
    <row r="573580" spans="14:14">
      <c r="N573580" s="10"/>
    </row>
    <row r="573581" spans="14:14">
      <c r="N573581" s="10"/>
    </row>
    <row r="573582" spans="14:14">
      <c r="N573582" s="10"/>
    </row>
    <row r="573583" spans="14:14">
      <c r="N573583" s="10"/>
    </row>
    <row r="573584" spans="14:14">
      <c r="N573584" s="10"/>
    </row>
    <row r="573585" spans="14:14">
      <c r="N573585" s="10"/>
    </row>
    <row r="573586" spans="14:14">
      <c r="N573586" s="10"/>
    </row>
    <row r="573587" spans="14:14">
      <c r="N573587" s="10"/>
    </row>
    <row r="573588" spans="14:14">
      <c r="N573588" s="10"/>
    </row>
    <row r="573589" spans="14:14">
      <c r="N573589" s="10"/>
    </row>
    <row r="573590" spans="14:14">
      <c r="N573590" s="10"/>
    </row>
    <row r="573591" spans="14:14">
      <c r="N573591" s="10"/>
    </row>
    <row r="573592" spans="14:14">
      <c r="N573592" s="10"/>
    </row>
    <row r="573593" spans="14:14">
      <c r="N573593" s="10"/>
    </row>
    <row r="573594" spans="14:14">
      <c r="N573594" s="10"/>
    </row>
    <row r="573595" spans="14:14">
      <c r="N573595" s="10"/>
    </row>
    <row r="573596" spans="14:14">
      <c r="N573596" s="10"/>
    </row>
    <row r="573597" spans="14:14">
      <c r="N573597" s="10"/>
    </row>
    <row r="573598" spans="14:14">
      <c r="N573598" s="10"/>
    </row>
    <row r="573599" spans="14:14">
      <c r="N573599" s="10"/>
    </row>
    <row r="573600" spans="14:14">
      <c r="N573600" s="10"/>
    </row>
    <row r="573601" spans="14:14">
      <c r="N573601" s="10"/>
    </row>
    <row r="573602" spans="14:14">
      <c r="N573602" s="10"/>
    </row>
    <row r="573603" spans="14:14">
      <c r="N573603" s="10"/>
    </row>
    <row r="573604" spans="14:14">
      <c r="N573604" s="10"/>
    </row>
    <row r="573605" spans="14:14">
      <c r="N573605" s="10"/>
    </row>
    <row r="573606" spans="14:14">
      <c r="N573606" s="10"/>
    </row>
    <row r="573607" spans="14:14">
      <c r="N573607" s="10"/>
    </row>
    <row r="573608" spans="14:14">
      <c r="N573608" s="10"/>
    </row>
    <row r="573609" spans="14:14">
      <c r="N573609" s="10"/>
    </row>
    <row r="573610" spans="14:14">
      <c r="N573610" s="10"/>
    </row>
    <row r="573611" spans="14:14">
      <c r="N573611" s="10"/>
    </row>
    <row r="573612" spans="14:14">
      <c r="N573612" s="10"/>
    </row>
    <row r="573613" spans="14:14">
      <c r="N573613" s="10"/>
    </row>
    <row r="573614" spans="14:14">
      <c r="N573614" s="10"/>
    </row>
    <row r="573615" spans="14:14">
      <c r="N573615" s="10"/>
    </row>
    <row r="573616" spans="14:14">
      <c r="N573616" s="10"/>
    </row>
    <row r="573617" spans="14:14">
      <c r="N573617" s="10"/>
    </row>
    <row r="573618" spans="14:14">
      <c r="N573618" s="10"/>
    </row>
    <row r="573619" spans="14:14">
      <c r="N573619" s="10"/>
    </row>
    <row r="573620" spans="14:14">
      <c r="N573620" s="10"/>
    </row>
    <row r="573621" spans="14:14">
      <c r="N573621" s="10"/>
    </row>
    <row r="573622" spans="14:14">
      <c r="N573622" s="10"/>
    </row>
    <row r="573623" spans="14:14">
      <c r="N573623" s="10"/>
    </row>
    <row r="573624" spans="14:14">
      <c r="N573624" s="10"/>
    </row>
    <row r="573625" spans="14:14">
      <c r="N573625" s="10"/>
    </row>
    <row r="573626" spans="14:14">
      <c r="N573626" s="10"/>
    </row>
    <row r="573627" spans="14:14">
      <c r="N573627" s="10"/>
    </row>
    <row r="573628" spans="14:14">
      <c r="N573628" s="10"/>
    </row>
    <row r="573629" spans="14:14">
      <c r="N573629" s="10"/>
    </row>
    <row r="573630" spans="14:14">
      <c r="N573630" s="10"/>
    </row>
    <row r="573631" spans="14:14">
      <c r="N573631" s="10"/>
    </row>
    <row r="573632" spans="14:14">
      <c r="N573632" s="10"/>
    </row>
    <row r="573633" spans="14:14">
      <c r="N573633" s="10"/>
    </row>
    <row r="573634" spans="14:14">
      <c r="N573634" s="10"/>
    </row>
    <row r="573635" spans="14:14">
      <c r="N573635" s="10"/>
    </row>
    <row r="573636" spans="14:14">
      <c r="N573636" s="10"/>
    </row>
    <row r="573637" spans="14:14">
      <c r="N573637" s="10"/>
    </row>
    <row r="573638" spans="14:14">
      <c r="N573638" s="10"/>
    </row>
    <row r="573639" spans="14:14">
      <c r="N573639" s="10"/>
    </row>
    <row r="573640" spans="14:14">
      <c r="N573640" s="10"/>
    </row>
    <row r="573641" spans="14:14">
      <c r="N573641" s="10"/>
    </row>
    <row r="573642" spans="14:14">
      <c r="N573642" s="10"/>
    </row>
    <row r="573643" spans="14:14">
      <c r="N573643" s="10"/>
    </row>
    <row r="573644" spans="14:14">
      <c r="N573644" s="10"/>
    </row>
    <row r="573645" spans="14:14">
      <c r="N573645" s="10"/>
    </row>
    <row r="573646" spans="14:14">
      <c r="N573646" s="10"/>
    </row>
    <row r="573647" spans="14:14">
      <c r="N573647" s="10"/>
    </row>
    <row r="573648" spans="14:14">
      <c r="N573648" s="10"/>
    </row>
    <row r="573649" spans="14:14">
      <c r="N573649" s="10"/>
    </row>
    <row r="573650" spans="14:14">
      <c r="N573650" s="10"/>
    </row>
    <row r="573651" spans="14:14">
      <c r="N573651" s="10"/>
    </row>
    <row r="573652" spans="14:14">
      <c r="N573652" s="10"/>
    </row>
    <row r="573653" spans="14:14">
      <c r="N573653" s="10"/>
    </row>
    <row r="573654" spans="14:14">
      <c r="N573654" s="10"/>
    </row>
    <row r="573655" spans="14:14">
      <c r="N573655" s="10"/>
    </row>
    <row r="573656" spans="14:14">
      <c r="N573656" s="10"/>
    </row>
    <row r="573657" spans="14:14">
      <c r="N573657" s="10"/>
    </row>
    <row r="573658" spans="14:14">
      <c r="N573658" s="10"/>
    </row>
    <row r="573659" spans="14:14">
      <c r="N573659" s="10"/>
    </row>
    <row r="573660" spans="14:14">
      <c r="N573660" s="10"/>
    </row>
    <row r="573661" spans="14:14">
      <c r="N573661" s="10"/>
    </row>
    <row r="573662" spans="14:14">
      <c r="N573662" s="10"/>
    </row>
    <row r="573663" spans="14:14">
      <c r="N573663" s="10"/>
    </row>
    <row r="573664" spans="14:14">
      <c r="N573664" s="10"/>
    </row>
    <row r="573665" spans="14:14">
      <c r="N573665" s="10"/>
    </row>
    <row r="573666" spans="14:14">
      <c r="N573666" s="10"/>
    </row>
    <row r="573667" spans="14:14">
      <c r="N573667" s="10"/>
    </row>
    <row r="573668" spans="14:14">
      <c r="N573668" s="10"/>
    </row>
    <row r="573669" spans="14:14">
      <c r="N573669" s="10"/>
    </row>
    <row r="573670" spans="14:14">
      <c r="N573670" s="10"/>
    </row>
    <row r="573671" spans="14:14">
      <c r="N573671" s="10"/>
    </row>
    <row r="573672" spans="14:14">
      <c r="N573672" s="10"/>
    </row>
    <row r="573673" spans="14:14">
      <c r="N573673" s="10"/>
    </row>
    <row r="573674" spans="14:14">
      <c r="N573674" s="10"/>
    </row>
    <row r="573675" spans="14:14">
      <c r="N573675" s="10"/>
    </row>
    <row r="573676" spans="14:14">
      <c r="N573676" s="10"/>
    </row>
    <row r="573677" spans="14:14">
      <c r="N573677" s="10"/>
    </row>
    <row r="573678" spans="14:14">
      <c r="N573678" s="10"/>
    </row>
    <row r="573679" spans="14:14">
      <c r="N573679" s="10"/>
    </row>
    <row r="573680" spans="14:14">
      <c r="N573680" s="10"/>
    </row>
    <row r="573681" spans="14:14">
      <c r="N573681" s="10"/>
    </row>
    <row r="573682" spans="14:14">
      <c r="N573682" s="10"/>
    </row>
    <row r="573683" spans="14:14">
      <c r="N573683" s="10"/>
    </row>
    <row r="573684" spans="14:14">
      <c r="N573684" s="10"/>
    </row>
    <row r="573685" spans="14:14">
      <c r="N573685" s="10"/>
    </row>
    <row r="573686" spans="14:14">
      <c r="N573686" s="10"/>
    </row>
    <row r="573687" spans="14:14">
      <c r="N573687" s="10"/>
    </row>
    <row r="573688" spans="14:14">
      <c r="N573688" s="10"/>
    </row>
    <row r="573689" spans="14:14">
      <c r="N573689" s="10"/>
    </row>
    <row r="573690" spans="14:14">
      <c r="N573690" s="10"/>
    </row>
    <row r="573691" spans="14:14">
      <c r="N573691" s="10"/>
    </row>
    <row r="573692" spans="14:14">
      <c r="N573692" s="10"/>
    </row>
    <row r="573693" spans="14:14">
      <c r="N573693" s="10"/>
    </row>
    <row r="573694" spans="14:14">
      <c r="N573694" s="10"/>
    </row>
    <row r="573695" spans="14:14">
      <c r="N573695" s="10"/>
    </row>
    <row r="573696" spans="14:14">
      <c r="N573696" s="10"/>
    </row>
    <row r="573697" spans="14:14">
      <c r="N573697" s="10"/>
    </row>
    <row r="573698" spans="14:14">
      <c r="N573698" s="10"/>
    </row>
    <row r="573699" spans="14:14">
      <c r="N573699" s="10"/>
    </row>
    <row r="573700" spans="14:14">
      <c r="N573700" s="10"/>
    </row>
    <row r="573701" spans="14:14">
      <c r="N573701" s="10"/>
    </row>
    <row r="573702" spans="14:14">
      <c r="N573702" s="10"/>
    </row>
    <row r="573703" spans="14:14">
      <c r="N573703" s="10"/>
    </row>
    <row r="573704" spans="14:14">
      <c r="N573704" s="10"/>
    </row>
    <row r="573705" spans="14:14">
      <c r="N573705" s="10"/>
    </row>
    <row r="573706" spans="14:14">
      <c r="N573706" s="10"/>
    </row>
    <row r="573707" spans="14:14">
      <c r="N573707" s="10"/>
    </row>
    <row r="573708" spans="14:14">
      <c r="N573708" s="10"/>
    </row>
    <row r="573709" spans="14:14">
      <c r="N573709" s="10"/>
    </row>
    <row r="573710" spans="14:14">
      <c r="N573710" s="10"/>
    </row>
    <row r="573711" spans="14:14">
      <c r="N573711" s="10"/>
    </row>
    <row r="573712" spans="14:14">
      <c r="N573712" s="10"/>
    </row>
    <row r="573713" spans="14:14">
      <c r="N573713" s="10"/>
    </row>
    <row r="573714" spans="14:14">
      <c r="N573714" s="10"/>
    </row>
    <row r="573715" spans="14:14">
      <c r="N573715" s="10"/>
    </row>
    <row r="573716" spans="14:14">
      <c r="N573716" s="10"/>
    </row>
    <row r="573717" spans="14:14">
      <c r="N573717" s="10"/>
    </row>
    <row r="573718" spans="14:14">
      <c r="N573718" s="10"/>
    </row>
    <row r="573719" spans="14:14">
      <c r="N573719" s="10"/>
    </row>
    <row r="573720" spans="14:14">
      <c r="N573720" s="10"/>
    </row>
    <row r="573721" spans="14:14">
      <c r="N573721" s="10"/>
    </row>
    <row r="573722" spans="14:14">
      <c r="N573722" s="10"/>
    </row>
    <row r="573723" spans="14:14">
      <c r="N573723" s="10"/>
    </row>
    <row r="573724" spans="14:14">
      <c r="N573724" s="10"/>
    </row>
    <row r="573725" spans="14:14">
      <c r="N573725" s="10"/>
    </row>
    <row r="573726" spans="14:14">
      <c r="N573726" s="10"/>
    </row>
    <row r="573727" spans="14:14">
      <c r="N573727" s="10"/>
    </row>
    <row r="573728" spans="14:14">
      <c r="N573728" s="10"/>
    </row>
    <row r="573729" spans="14:14">
      <c r="N573729" s="10"/>
    </row>
    <row r="573730" spans="14:14">
      <c r="N573730" s="10"/>
    </row>
    <row r="573731" spans="14:14">
      <c r="N573731" s="10"/>
    </row>
    <row r="573732" spans="14:14">
      <c r="N573732" s="10"/>
    </row>
    <row r="573733" spans="14:14">
      <c r="N573733" s="10"/>
    </row>
    <row r="573734" spans="14:14">
      <c r="N573734" s="10"/>
    </row>
    <row r="573735" spans="14:14">
      <c r="N573735" s="10"/>
    </row>
    <row r="573736" spans="14:14">
      <c r="N573736" s="10"/>
    </row>
    <row r="573737" spans="14:14">
      <c r="N573737" s="10"/>
    </row>
    <row r="573738" spans="14:14">
      <c r="N573738" s="10"/>
    </row>
    <row r="573739" spans="14:14">
      <c r="N573739" s="10"/>
    </row>
    <row r="573740" spans="14:14">
      <c r="N573740" s="10"/>
    </row>
    <row r="573741" spans="14:14">
      <c r="N573741" s="10"/>
    </row>
    <row r="573742" spans="14:14">
      <c r="N573742" s="10"/>
    </row>
    <row r="573743" spans="14:14">
      <c r="N573743" s="10"/>
    </row>
    <row r="573744" spans="14:14">
      <c r="N573744" s="10"/>
    </row>
    <row r="573745" spans="14:14">
      <c r="N573745" s="10"/>
    </row>
    <row r="573746" spans="14:14">
      <c r="N573746" s="10"/>
    </row>
    <row r="573747" spans="14:14">
      <c r="N573747" s="10"/>
    </row>
    <row r="573748" spans="14:14">
      <c r="N573748" s="10"/>
    </row>
    <row r="573749" spans="14:14">
      <c r="N573749" s="10"/>
    </row>
    <row r="573750" spans="14:14">
      <c r="N573750" s="10"/>
    </row>
    <row r="573751" spans="14:14">
      <c r="N573751" s="10"/>
    </row>
    <row r="573752" spans="14:14">
      <c r="N573752" s="10"/>
    </row>
    <row r="573753" spans="14:14">
      <c r="N573753" s="10"/>
    </row>
    <row r="573754" spans="14:14">
      <c r="N573754" s="10"/>
    </row>
    <row r="573755" spans="14:14">
      <c r="N573755" s="10"/>
    </row>
    <row r="573756" spans="14:14">
      <c r="N573756" s="10"/>
    </row>
    <row r="573757" spans="14:14">
      <c r="N573757" s="10"/>
    </row>
    <row r="573758" spans="14:14">
      <c r="N573758" s="10"/>
    </row>
    <row r="573759" spans="14:14">
      <c r="N573759" s="10"/>
    </row>
    <row r="573760" spans="14:14">
      <c r="N573760" s="10"/>
    </row>
    <row r="573761" spans="14:14">
      <c r="N573761" s="10"/>
    </row>
    <row r="573762" spans="14:14">
      <c r="N573762" s="10"/>
    </row>
    <row r="573763" spans="14:14">
      <c r="N573763" s="10"/>
    </row>
    <row r="573764" spans="14:14">
      <c r="N573764" s="10"/>
    </row>
    <row r="573765" spans="14:14">
      <c r="N573765" s="10"/>
    </row>
    <row r="573766" spans="14:14">
      <c r="N573766" s="10"/>
    </row>
    <row r="573767" spans="14:14">
      <c r="N573767" s="10"/>
    </row>
    <row r="573768" spans="14:14">
      <c r="N573768" s="10"/>
    </row>
    <row r="573769" spans="14:14">
      <c r="N573769" s="10"/>
    </row>
    <row r="573770" spans="14:14">
      <c r="N573770" s="10"/>
    </row>
    <row r="573771" spans="14:14">
      <c r="N573771" s="10"/>
    </row>
    <row r="573772" spans="14:14">
      <c r="N573772" s="10"/>
    </row>
    <row r="573773" spans="14:14">
      <c r="N573773" s="10"/>
    </row>
    <row r="573774" spans="14:14">
      <c r="N573774" s="10"/>
    </row>
    <row r="573775" spans="14:14">
      <c r="N573775" s="10"/>
    </row>
    <row r="573776" spans="14:14">
      <c r="N573776" s="10"/>
    </row>
    <row r="573777" spans="14:14">
      <c r="N573777" s="10"/>
    </row>
    <row r="573778" spans="14:14">
      <c r="N573778" s="10"/>
    </row>
    <row r="573779" spans="14:14">
      <c r="N573779" s="10"/>
    </row>
    <row r="573780" spans="14:14">
      <c r="N573780" s="10"/>
    </row>
    <row r="573781" spans="14:14">
      <c r="N573781" s="10"/>
    </row>
    <row r="573782" spans="14:14">
      <c r="N573782" s="10"/>
    </row>
    <row r="573783" spans="14:14">
      <c r="N573783" s="10"/>
    </row>
    <row r="573784" spans="14:14">
      <c r="N573784" s="10"/>
    </row>
    <row r="573785" spans="14:14">
      <c r="N573785" s="10"/>
    </row>
    <row r="573786" spans="14:14">
      <c r="N573786" s="10"/>
    </row>
    <row r="573787" spans="14:14">
      <c r="N573787" s="10"/>
    </row>
    <row r="573788" spans="14:14">
      <c r="N573788" s="10"/>
    </row>
    <row r="573789" spans="14:14">
      <c r="N573789" s="10"/>
    </row>
    <row r="573790" spans="14:14">
      <c r="N573790" s="10"/>
    </row>
    <row r="573791" spans="14:14">
      <c r="N573791" s="10"/>
    </row>
    <row r="573792" spans="14:14">
      <c r="N573792" s="10"/>
    </row>
    <row r="573793" spans="14:14">
      <c r="N573793" s="10"/>
    </row>
    <row r="573794" spans="14:14">
      <c r="N573794" s="10"/>
    </row>
    <row r="573795" spans="14:14">
      <c r="N573795" s="10"/>
    </row>
    <row r="573796" spans="14:14">
      <c r="N573796" s="10"/>
    </row>
    <row r="573797" spans="14:14">
      <c r="N573797" s="10"/>
    </row>
    <row r="573798" spans="14:14">
      <c r="N573798" s="10"/>
    </row>
    <row r="573799" spans="14:14">
      <c r="N573799" s="10"/>
    </row>
    <row r="573800" spans="14:14">
      <c r="N573800" s="10"/>
    </row>
    <row r="573801" spans="14:14">
      <c r="N573801" s="10"/>
    </row>
    <row r="573802" spans="14:14">
      <c r="N573802" s="10"/>
    </row>
    <row r="573803" spans="14:14">
      <c r="N573803" s="10"/>
    </row>
    <row r="573804" spans="14:14">
      <c r="N573804" s="10"/>
    </row>
    <row r="573805" spans="14:14">
      <c r="N573805" s="10"/>
    </row>
    <row r="573806" spans="14:14">
      <c r="N573806" s="10"/>
    </row>
    <row r="573807" spans="14:14">
      <c r="N573807" s="10"/>
    </row>
    <row r="573808" spans="14:14">
      <c r="N573808" s="10"/>
    </row>
    <row r="573809" spans="14:14">
      <c r="N573809" s="10"/>
    </row>
    <row r="573810" spans="14:14">
      <c r="N573810" s="10"/>
    </row>
    <row r="573811" spans="14:14">
      <c r="N573811" s="10"/>
    </row>
    <row r="573812" spans="14:14">
      <c r="N573812" s="10"/>
    </row>
    <row r="573813" spans="14:14">
      <c r="N573813" s="10"/>
    </row>
    <row r="573814" spans="14:14">
      <c r="N573814" s="10"/>
    </row>
    <row r="573815" spans="14:14">
      <c r="N573815" s="10"/>
    </row>
    <row r="573816" spans="14:14">
      <c r="N573816" s="10"/>
    </row>
    <row r="573817" spans="14:14">
      <c r="N573817" s="10"/>
    </row>
    <row r="573818" spans="14:14">
      <c r="N573818" s="10"/>
    </row>
    <row r="573819" spans="14:14">
      <c r="N573819" s="10"/>
    </row>
    <row r="573820" spans="14:14">
      <c r="N573820" s="10"/>
    </row>
    <row r="573821" spans="14:14">
      <c r="N573821" s="10"/>
    </row>
    <row r="573822" spans="14:14">
      <c r="N573822" s="10"/>
    </row>
    <row r="573823" spans="14:14">
      <c r="N573823" s="10"/>
    </row>
    <row r="573824" spans="14:14">
      <c r="N573824" s="10"/>
    </row>
    <row r="573825" spans="14:14">
      <c r="N573825" s="10"/>
    </row>
    <row r="573826" spans="14:14">
      <c r="N573826" s="10"/>
    </row>
    <row r="573827" spans="14:14">
      <c r="N573827" s="10"/>
    </row>
    <row r="573828" spans="14:14">
      <c r="N573828" s="10"/>
    </row>
    <row r="573829" spans="14:14">
      <c r="N573829" s="10"/>
    </row>
    <row r="573830" spans="14:14">
      <c r="N573830" s="10"/>
    </row>
    <row r="573831" spans="14:14">
      <c r="N573831" s="10"/>
    </row>
    <row r="573832" spans="14:14">
      <c r="N573832" s="10"/>
    </row>
    <row r="573833" spans="14:14">
      <c r="N573833" s="10"/>
    </row>
    <row r="573834" spans="14:14">
      <c r="N573834" s="10"/>
    </row>
    <row r="573835" spans="14:14">
      <c r="N573835" s="10"/>
    </row>
    <row r="573836" spans="14:14">
      <c r="N573836" s="10"/>
    </row>
    <row r="573837" spans="14:14">
      <c r="N573837" s="10"/>
    </row>
    <row r="573838" spans="14:14">
      <c r="N573838" s="10"/>
    </row>
    <row r="573839" spans="14:14">
      <c r="N573839" s="10"/>
    </row>
    <row r="573840" spans="14:14">
      <c r="N573840" s="10"/>
    </row>
    <row r="573841" spans="14:14">
      <c r="N573841" s="10"/>
    </row>
    <row r="573842" spans="14:14">
      <c r="N573842" s="10"/>
    </row>
    <row r="573843" spans="14:14">
      <c r="N573843" s="10"/>
    </row>
    <row r="573844" spans="14:14">
      <c r="N573844" s="10"/>
    </row>
    <row r="573845" spans="14:14">
      <c r="N573845" s="10"/>
    </row>
    <row r="573846" spans="14:14">
      <c r="N573846" s="10"/>
    </row>
    <row r="573847" spans="14:14">
      <c r="N573847" s="10"/>
    </row>
    <row r="573848" spans="14:14">
      <c r="N573848" s="10"/>
    </row>
    <row r="573849" spans="14:14">
      <c r="N573849" s="10"/>
    </row>
    <row r="573850" spans="14:14">
      <c r="N573850" s="10"/>
    </row>
    <row r="573851" spans="14:14">
      <c r="N573851" s="10"/>
    </row>
    <row r="573852" spans="14:14">
      <c r="N573852" s="10"/>
    </row>
    <row r="573853" spans="14:14">
      <c r="N573853" s="10"/>
    </row>
    <row r="573854" spans="14:14">
      <c r="N573854" s="10"/>
    </row>
    <row r="573855" spans="14:14">
      <c r="N573855" s="10"/>
    </row>
    <row r="573856" spans="14:14">
      <c r="N573856" s="10"/>
    </row>
    <row r="573857" spans="14:14">
      <c r="N573857" s="10"/>
    </row>
    <row r="573858" spans="14:14">
      <c r="N573858" s="10"/>
    </row>
    <row r="573859" spans="14:14">
      <c r="N573859" s="10"/>
    </row>
    <row r="573860" spans="14:14">
      <c r="N573860" s="10"/>
    </row>
    <row r="573861" spans="14:14">
      <c r="N573861" s="10"/>
    </row>
    <row r="573862" spans="14:14">
      <c r="N573862" s="10"/>
    </row>
    <row r="573863" spans="14:14">
      <c r="N573863" s="10"/>
    </row>
    <row r="573864" spans="14:14">
      <c r="N573864" s="10"/>
    </row>
    <row r="573865" spans="14:14">
      <c r="N573865" s="10"/>
    </row>
    <row r="573866" spans="14:14">
      <c r="N573866" s="10"/>
    </row>
    <row r="573867" spans="14:14">
      <c r="N573867" s="10"/>
    </row>
    <row r="573868" spans="14:14">
      <c r="N573868" s="10"/>
    </row>
    <row r="573869" spans="14:14">
      <c r="N573869" s="10"/>
    </row>
    <row r="573870" spans="14:14">
      <c r="N573870" s="10"/>
    </row>
    <row r="573871" spans="14:14">
      <c r="N573871" s="10"/>
    </row>
    <row r="573872" spans="14:14">
      <c r="N573872" s="10"/>
    </row>
    <row r="573873" spans="14:14">
      <c r="N573873" s="10"/>
    </row>
    <row r="573874" spans="14:14">
      <c r="N573874" s="10"/>
    </row>
    <row r="573875" spans="14:14">
      <c r="N573875" s="10"/>
    </row>
    <row r="573876" spans="14:14">
      <c r="N573876" s="10"/>
    </row>
    <row r="573877" spans="14:14">
      <c r="N573877" s="10"/>
    </row>
    <row r="573878" spans="14:14">
      <c r="N573878" s="10"/>
    </row>
    <row r="573879" spans="14:14">
      <c r="N573879" s="10"/>
    </row>
    <row r="573880" spans="14:14">
      <c r="N573880" s="10"/>
    </row>
    <row r="573881" spans="14:14">
      <c r="N573881" s="10"/>
    </row>
    <row r="573882" spans="14:14">
      <c r="N573882" s="10"/>
    </row>
    <row r="573883" spans="14:14">
      <c r="N573883" s="10"/>
    </row>
    <row r="573884" spans="14:14">
      <c r="N573884" s="10"/>
    </row>
    <row r="573885" spans="14:14">
      <c r="N573885" s="10"/>
    </row>
    <row r="573886" spans="14:14">
      <c r="N573886" s="10"/>
    </row>
    <row r="573887" spans="14:14">
      <c r="N573887" s="10"/>
    </row>
    <row r="573888" spans="14:14">
      <c r="N573888" s="10"/>
    </row>
    <row r="573889" spans="14:14">
      <c r="N573889" s="10"/>
    </row>
    <row r="573890" spans="14:14">
      <c r="N573890" s="10"/>
    </row>
    <row r="573891" spans="14:14">
      <c r="N573891" s="10"/>
    </row>
    <row r="573892" spans="14:14">
      <c r="N573892" s="10"/>
    </row>
    <row r="573893" spans="14:14">
      <c r="N573893" s="10"/>
    </row>
    <row r="573894" spans="14:14">
      <c r="N573894" s="10"/>
    </row>
    <row r="573895" spans="14:14">
      <c r="N573895" s="10"/>
    </row>
    <row r="573896" spans="14:14">
      <c r="N573896" s="10"/>
    </row>
    <row r="573897" spans="14:14">
      <c r="N573897" s="10"/>
    </row>
    <row r="573898" spans="14:14">
      <c r="N573898" s="10"/>
    </row>
    <row r="573899" spans="14:14">
      <c r="N573899" s="10"/>
    </row>
    <row r="573900" spans="14:14">
      <c r="N573900" s="10"/>
    </row>
    <row r="573901" spans="14:14">
      <c r="N573901" s="10"/>
    </row>
    <row r="573902" spans="14:14">
      <c r="N573902" s="10"/>
    </row>
    <row r="573903" spans="14:14">
      <c r="N573903" s="10"/>
    </row>
    <row r="573904" spans="14:14">
      <c r="N573904" s="10"/>
    </row>
    <row r="573905" spans="14:14">
      <c r="N573905" s="10"/>
    </row>
    <row r="573906" spans="14:14">
      <c r="N573906" s="10"/>
    </row>
    <row r="573907" spans="14:14">
      <c r="N573907" s="10"/>
    </row>
    <row r="573908" spans="14:14">
      <c r="N573908" s="10"/>
    </row>
    <row r="573909" spans="14:14">
      <c r="N573909" s="10"/>
    </row>
    <row r="573910" spans="14:14">
      <c r="N573910" s="10"/>
    </row>
    <row r="573911" spans="14:14">
      <c r="N573911" s="10"/>
    </row>
    <row r="573912" spans="14:14">
      <c r="N573912" s="10"/>
    </row>
    <row r="573913" spans="14:14">
      <c r="N573913" s="10"/>
    </row>
    <row r="573914" spans="14:14">
      <c r="N573914" s="10"/>
    </row>
    <row r="573915" spans="14:14">
      <c r="N573915" s="10"/>
    </row>
    <row r="573916" spans="14:14">
      <c r="N573916" s="10"/>
    </row>
    <row r="573917" spans="14:14">
      <c r="N573917" s="10"/>
    </row>
    <row r="573918" spans="14:14">
      <c r="N573918" s="10"/>
    </row>
    <row r="573919" spans="14:14">
      <c r="N573919" s="10"/>
    </row>
    <row r="573920" spans="14:14">
      <c r="N573920" s="10"/>
    </row>
    <row r="573921" spans="14:14">
      <c r="N573921" s="10"/>
    </row>
    <row r="573922" spans="14:14">
      <c r="N573922" s="10"/>
    </row>
    <row r="573923" spans="14:14">
      <c r="N573923" s="10"/>
    </row>
    <row r="573924" spans="14:14">
      <c r="N573924" s="10"/>
    </row>
    <row r="573925" spans="14:14">
      <c r="N573925" s="10"/>
    </row>
    <row r="573926" spans="14:14">
      <c r="N573926" s="10"/>
    </row>
    <row r="573927" spans="14:14">
      <c r="N573927" s="10"/>
    </row>
    <row r="573928" spans="14:14">
      <c r="N573928" s="10"/>
    </row>
    <row r="573929" spans="14:14">
      <c r="N573929" s="10"/>
    </row>
    <row r="573930" spans="14:14">
      <c r="N573930" s="10"/>
    </row>
    <row r="573931" spans="14:14">
      <c r="N573931" s="10"/>
    </row>
    <row r="573932" spans="14:14">
      <c r="N573932" s="10"/>
    </row>
    <row r="573933" spans="14:14">
      <c r="N573933" s="10"/>
    </row>
    <row r="573934" spans="14:14">
      <c r="N573934" s="10"/>
    </row>
    <row r="573935" spans="14:14">
      <c r="N573935" s="10"/>
    </row>
    <row r="573936" spans="14:14">
      <c r="N573936" s="10"/>
    </row>
    <row r="573937" spans="14:14">
      <c r="N573937" s="10"/>
    </row>
    <row r="573938" spans="14:14">
      <c r="N573938" s="10"/>
    </row>
    <row r="573939" spans="14:14">
      <c r="N573939" s="10"/>
    </row>
    <row r="573940" spans="14:14">
      <c r="N573940" s="10"/>
    </row>
    <row r="573941" spans="14:14">
      <c r="N573941" s="10"/>
    </row>
    <row r="573942" spans="14:14">
      <c r="N573942" s="10"/>
    </row>
    <row r="573943" spans="14:14">
      <c r="N573943" s="10"/>
    </row>
    <row r="573944" spans="14:14">
      <c r="N573944" s="10"/>
    </row>
    <row r="573945" spans="14:14">
      <c r="N573945" s="10"/>
    </row>
    <row r="573946" spans="14:14">
      <c r="N573946" s="10"/>
    </row>
    <row r="573947" spans="14:14">
      <c r="N573947" s="10"/>
    </row>
    <row r="573948" spans="14:14">
      <c r="N573948" s="10"/>
    </row>
    <row r="573949" spans="14:14">
      <c r="N573949" s="10"/>
    </row>
    <row r="573950" spans="14:14">
      <c r="N573950" s="10"/>
    </row>
    <row r="573951" spans="14:14">
      <c r="N573951" s="10"/>
    </row>
    <row r="573952" spans="14:14">
      <c r="N573952" s="10"/>
    </row>
    <row r="573953" spans="14:14">
      <c r="N573953" s="10"/>
    </row>
    <row r="573954" spans="14:14">
      <c r="N573954" s="10"/>
    </row>
    <row r="573955" spans="14:14">
      <c r="N573955" s="10"/>
    </row>
    <row r="573956" spans="14:14">
      <c r="N573956" s="10"/>
    </row>
    <row r="573957" spans="14:14">
      <c r="N573957" s="10"/>
    </row>
    <row r="573958" spans="14:14">
      <c r="N573958" s="10"/>
    </row>
    <row r="573959" spans="14:14">
      <c r="N573959" s="10"/>
    </row>
    <row r="573960" spans="14:14">
      <c r="N573960" s="10"/>
    </row>
    <row r="573961" spans="14:14">
      <c r="N573961" s="10"/>
    </row>
    <row r="573962" spans="14:14">
      <c r="N573962" s="10"/>
    </row>
    <row r="573963" spans="14:14">
      <c r="N573963" s="10"/>
    </row>
    <row r="573964" spans="14:14">
      <c r="N573964" s="10"/>
    </row>
    <row r="573965" spans="14:14">
      <c r="N573965" s="10"/>
    </row>
    <row r="573966" spans="14:14">
      <c r="N573966" s="10"/>
    </row>
    <row r="573967" spans="14:14">
      <c r="N573967" s="10"/>
    </row>
    <row r="573968" spans="14:14">
      <c r="N573968" s="10"/>
    </row>
    <row r="573969" spans="14:14">
      <c r="N573969" s="10"/>
    </row>
    <row r="573970" spans="14:14">
      <c r="N573970" s="10"/>
    </row>
    <row r="573971" spans="14:14">
      <c r="N573971" s="10"/>
    </row>
    <row r="573972" spans="14:14">
      <c r="N573972" s="10"/>
    </row>
    <row r="573973" spans="14:14">
      <c r="N573973" s="10"/>
    </row>
    <row r="573974" spans="14:14">
      <c r="N573974" s="10"/>
    </row>
    <row r="573975" spans="14:14">
      <c r="N573975" s="10"/>
    </row>
    <row r="573976" spans="14:14">
      <c r="N573976" s="10"/>
    </row>
    <row r="573977" spans="14:14">
      <c r="N573977" s="10"/>
    </row>
    <row r="573978" spans="14:14">
      <c r="N573978" s="10"/>
    </row>
    <row r="573979" spans="14:14">
      <c r="N573979" s="10"/>
    </row>
    <row r="573980" spans="14:14">
      <c r="N573980" s="10"/>
    </row>
    <row r="573981" spans="14:14">
      <c r="N573981" s="10"/>
    </row>
    <row r="573982" spans="14:14">
      <c r="N573982" s="10"/>
    </row>
    <row r="573983" spans="14:14">
      <c r="N573983" s="10"/>
    </row>
    <row r="573984" spans="14:14">
      <c r="N573984" s="10"/>
    </row>
    <row r="573985" spans="14:14">
      <c r="N573985" s="10"/>
    </row>
    <row r="573986" spans="14:14">
      <c r="N573986" s="10"/>
    </row>
    <row r="573987" spans="14:14">
      <c r="N573987" s="10"/>
    </row>
    <row r="573988" spans="14:14">
      <c r="N573988" s="10"/>
    </row>
    <row r="573989" spans="14:14">
      <c r="N573989" s="10"/>
    </row>
    <row r="573990" spans="14:14">
      <c r="N573990" s="10"/>
    </row>
    <row r="573991" spans="14:14">
      <c r="N573991" s="10"/>
    </row>
    <row r="573992" spans="14:14">
      <c r="N573992" s="10"/>
    </row>
    <row r="573993" spans="14:14">
      <c r="N573993" s="10"/>
    </row>
    <row r="573994" spans="14:14">
      <c r="N573994" s="10"/>
    </row>
    <row r="573995" spans="14:14">
      <c r="N573995" s="10"/>
    </row>
    <row r="573996" spans="14:14">
      <c r="N573996" s="10"/>
    </row>
    <row r="573997" spans="14:14">
      <c r="N573997" s="10"/>
    </row>
    <row r="573998" spans="14:14">
      <c r="N573998" s="10"/>
    </row>
    <row r="573999" spans="14:14">
      <c r="N573999" s="10"/>
    </row>
    <row r="574000" spans="14:14">
      <c r="N574000" s="10"/>
    </row>
    <row r="574001" spans="14:14">
      <c r="N574001" s="10"/>
    </row>
    <row r="574002" spans="14:14">
      <c r="N574002" s="10"/>
    </row>
    <row r="574003" spans="14:14">
      <c r="N574003" s="10"/>
    </row>
    <row r="574004" spans="14:14">
      <c r="N574004" s="10"/>
    </row>
    <row r="574005" spans="14:14">
      <c r="N574005" s="10"/>
    </row>
    <row r="574006" spans="14:14">
      <c r="N574006" s="10"/>
    </row>
    <row r="574007" spans="14:14">
      <c r="N574007" s="10"/>
    </row>
    <row r="574008" spans="14:14">
      <c r="N574008" s="10"/>
    </row>
    <row r="574009" spans="14:14">
      <c r="N574009" s="10"/>
    </row>
    <row r="574010" spans="14:14">
      <c r="N574010" s="10"/>
    </row>
    <row r="574011" spans="14:14">
      <c r="N574011" s="10"/>
    </row>
    <row r="574012" spans="14:14">
      <c r="N574012" s="10"/>
    </row>
    <row r="574013" spans="14:14">
      <c r="N574013" s="10"/>
    </row>
    <row r="574014" spans="14:14">
      <c r="N574014" s="10"/>
    </row>
    <row r="574015" spans="14:14">
      <c r="N574015" s="10"/>
    </row>
    <row r="574016" spans="14:14">
      <c r="N574016" s="10"/>
    </row>
    <row r="574017" spans="14:14">
      <c r="N574017" s="10"/>
    </row>
    <row r="574018" spans="14:14">
      <c r="N574018" s="10"/>
    </row>
    <row r="574019" spans="14:14">
      <c r="N574019" s="10"/>
    </row>
    <row r="574020" spans="14:14">
      <c r="N574020" s="10"/>
    </row>
    <row r="574021" spans="14:14">
      <c r="N574021" s="10"/>
    </row>
    <row r="574022" spans="14:14">
      <c r="N574022" s="10"/>
    </row>
    <row r="574023" spans="14:14">
      <c r="N574023" s="10"/>
    </row>
    <row r="574024" spans="14:14">
      <c r="N574024" s="10"/>
    </row>
    <row r="574025" spans="14:14">
      <c r="N574025" s="10"/>
    </row>
    <row r="574026" spans="14:14">
      <c r="N574026" s="10"/>
    </row>
    <row r="574027" spans="14:14">
      <c r="N574027" s="10"/>
    </row>
    <row r="574028" spans="14:14">
      <c r="N574028" s="10"/>
    </row>
    <row r="574029" spans="14:14">
      <c r="N574029" s="10"/>
    </row>
    <row r="574030" spans="14:14">
      <c r="N574030" s="10"/>
    </row>
    <row r="574031" spans="14:14">
      <c r="N574031" s="10"/>
    </row>
    <row r="574032" spans="14:14">
      <c r="N574032" s="10"/>
    </row>
    <row r="574033" spans="14:14">
      <c r="N574033" s="10"/>
    </row>
    <row r="574034" spans="14:14">
      <c r="N574034" s="10"/>
    </row>
    <row r="574035" spans="14:14">
      <c r="N574035" s="10"/>
    </row>
    <row r="574036" spans="14:14">
      <c r="N574036" s="10"/>
    </row>
    <row r="574037" spans="14:14">
      <c r="N574037" s="10"/>
    </row>
    <row r="574038" spans="14:14">
      <c r="N574038" s="10"/>
    </row>
    <row r="574039" spans="14:14">
      <c r="N574039" s="10"/>
    </row>
    <row r="574040" spans="14:14">
      <c r="N574040" s="10"/>
    </row>
    <row r="574041" spans="14:14">
      <c r="N574041" s="10"/>
    </row>
    <row r="574042" spans="14:14">
      <c r="N574042" s="10"/>
    </row>
    <row r="574043" spans="14:14">
      <c r="N574043" s="10"/>
    </row>
    <row r="574044" spans="14:14">
      <c r="N574044" s="10"/>
    </row>
    <row r="574045" spans="14:14">
      <c r="N574045" s="10"/>
    </row>
    <row r="574046" spans="14:14">
      <c r="N574046" s="10"/>
    </row>
    <row r="574047" spans="14:14">
      <c r="N574047" s="10"/>
    </row>
    <row r="574048" spans="14:14">
      <c r="N574048" s="10"/>
    </row>
    <row r="574049" spans="14:14">
      <c r="N574049" s="10"/>
    </row>
    <row r="574050" spans="14:14">
      <c r="N574050" s="10"/>
    </row>
    <row r="574051" spans="14:14">
      <c r="N574051" s="10"/>
    </row>
    <row r="574052" spans="14:14">
      <c r="N574052" s="10"/>
    </row>
    <row r="574053" spans="14:14">
      <c r="N574053" s="10"/>
    </row>
    <row r="574054" spans="14:14">
      <c r="N574054" s="10"/>
    </row>
    <row r="574055" spans="14:14">
      <c r="N574055" s="10"/>
    </row>
    <row r="574056" spans="14:14">
      <c r="N574056" s="10"/>
    </row>
    <row r="574057" spans="14:14">
      <c r="N574057" s="10"/>
    </row>
    <row r="574058" spans="14:14">
      <c r="N574058" s="10"/>
    </row>
    <row r="574059" spans="14:14">
      <c r="N574059" s="10"/>
    </row>
    <row r="574060" spans="14:14">
      <c r="N574060" s="10"/>
    </row>
    <row r="574061" spans="14:14">
      <c r="N574061" s="10"/>
    </row>
    <row r="574062" spans="14:14">
      <c r="N574062" s="10"/>
    </row>
    <row r="574063" spans="14:14">
      <c r="N574063" s="10"/>
    </row>
    <row r="574064" spans="14:14">
      <c r="N574064" s="10"/>
    </row>
    <row r="574065" spans="14:14">
      <c r="N574065" s="10"/>
    </row>
    <row r="574066" spans="14:14">
      <c r="N574066" s="10"/>
    </row>
    <row r="574067" spans="14:14">
      <c r="N574067" s="10"/>
    </row>
    <row r="574068" spans="14:14">
      <c r="N574068" s="10"/>
    </row>
    <row r="574069" spans="14:14">
      <c r="N574069" s="10"/>
    </row>
    <row r="574070" spans="14:14">
      <c r="N574070" s="10"/>
    </row>
    <row r="574071" spans="14:14">
      <c r="N574071" s="10"/>
    </row>
    <row r="574072" spans="14:14">
      <c r="N574072" s="10"/>
    </row>
    <row r="574073" spans="14:14">
      <c r="N574073" s="10"/>
    </row>
    <row r="574074" spans="14:14">
      <c r="N574074" s="10"/>
    </row>
    <row r="574075" spans="14:14">
      <c r="N574075" s="10"/>
    </row>
    <row r="574076" spans="14:14">
      <c r="N574076" s="10"/>
    </row>
    <row r="574077" spans="14:14">
      <c r="N574077" s="10"/>
    </row>
    <row r="574078" spans="14:14">
      <c r="N574078" s="10"/>
    </row>
    <row r="574079" spans="14:14">
      <c r="N574079" s="10"/>
    </row>
    <row r="574080" spans="14:14">
      <c r="N574080" s="10"/>
    </row>
    <row r="574081" spans="14:14">
      <c r="N574081" s="10"/>
    </row>
    <row r="574082" spans="14:14">
      <c r="N574082" s="10"/>
    </row>
    <row r="574083" spans="14:14">
      <c r="N574083" s="10"/>
    </row>
    <row r="574084" spans="14:14">
      <c r="N574084" s="10"/>
    </row>
    <row r="574085" spans="14:14">
      <c r="N574085" s="10"/>
    </row>
    <row r="574086" spans="14:14">
      <c r="N574086" s="10"/>
    </row>
    <row r="574087" spans="14:14">
      <c r="N574087" s="10"/>
    </row>
    <row r="574088" spans="14:14">
      <c r="N574088" s="10"/>
    </row>
    <row r="574089" spans="14:14">
      <c r="N574089" s="10"/>
    </row>
    <row r="574090" spans="14:14">
      <c r="N574090" s="10"/>
    </row>
    <row r="574091" spans="14:14">
      <c r="N574091" s="10"/>
    </row>
    <row r="574092" spans="14:14">
      <c r="N574092" s="10"/>
    </row>
    <row r="574093" spans="14:14">
      <c r="N574093" s="10"/>
    </row>
    <row r="574094" spans="14:14">
      <c r="N574094" s="10"/>
    </row>
    <row r="574095" spans="14:14">
      <c r="N574095" s="10"/>
    </row>
    <row r="574096" spans="14:14">
      <c r="N574096" s="10"/>
    </row>
    <row r="574097" spans="14:14">
      <c r="N574097" s="10"/>
    </row>
    <row r="574098" spans="14:14">
      <c r="N574098" s="10"/>
    </row>
    <row r="574099" spans="14:14">
      <c r="N574099" s="10"/>
    </row>
    <row r="574100" spans="14:14">
      <c r="N574100" s="10"/>
    </row>
    <row r="574101" spans="14:14">
      <c r="N574101" s="10"/>
    </row>
    <row r="574102" spans="14:14">
      <c r="N574102" s="10"/>
    </row>
    <row r="574103" spans="14:14">
      <c r="N574103" s="10"/>
    </row>
    <row r="574104" spans="14:14">
      <c r="N574104" s="10"/>
    </row>
    <row r="574105" spans="14:14">
      <c r="N574105" s="10"/>
    </row>
    <row r="574106" spans="14:14">
      <c r="N574106" s="10"/>
    </row>
    <row r="574107" spans="14:14">
      <c r="N574107" s="10"/>
    </row>
    <row r="574108" spans="14:14">
      <c r="N574108" s="10"/>
    </row>
    <row r="574109" spans="14:14">
      <c r="N574109" s="10"/>
    </row>
    <row r="574110" spans="14:14">
      <c r="N574110" s="10"/>
    </row>
    <row r="574111" spans="14:14">
      <c r="N574111" s="10"/>
    </row>
    <row r="574112" spans="14:14">
      <c r="N574112" s="10"/>
    </row>
    <row r="574113" spans="14:14">
      <c r="N574113" s="10"/>
    </row>
    <row r="574114" spans="14:14">
      <c r="N574114" s="10"/>
    </row>
    <row r="574115" spans="14:14">
      <c r="N574115" s="10"/>
    </row>
    <row r="574116" spans="14:14">
      <c r="N574116" s="10"/>
    </row>
    <row r="574117" spans="14:14">
      <c r="N574117" s="10"/>
    </row>
    <row r="574118" spans="14:14">
      <c r="N574118" s="10"/>
    </row>
    <row r="574119" spans="14:14">
      <c r="N574119" s="10"/>
    </row>
    <row r="574120" spans="14:14">
      <c r="N574120" s="10"/>
    </row>
    <row r="574121" spans="14:14">
      <c r="N574121" s="10"/>
    </row>
    <row r="574122" spans="14:14">
      <c r="N574122" s="10"/>
    </row>
    <row r="574123" spans="14:14">
      <c r="N574123" s="10"/>
    </row>
    <row r="574124" spans="14:14">
      <c r="N574124" s="10"/>
    </row>
    <row r="574125" spans="14:14">
      <c r="N574125" s="10"/>
    </row>
    <row r="574126" spans="14:14">
      <c r="N574126" s="10"/>
    </row>
    <row r="574127" spans="14:14">
      <c r="N574127" s="10"/>
    </row>
    <row r="574128" spans="14:14">
      <c r="N574128" s="10"/>
    </row>
    <row r="574129" spans="14:14">
      <c r="N574129" s="10"/>
    </row>
    <row r="574130" spans="14:14">
      <c r="N574130" s="10"/>
    </row>
    <row r="574131" spans="14:14">
      <c r="N574131" s="10"/>
    </row>
    <row r="574132" spans="14:14">
      <c r="N574132" s="10"/>
    </row>
    <row r="574133" spans="14:14">
      <c r="N574133" s="10"/>
    </row>
    <row r="574134" spans="14:14">
      <c r="N574134" s="10"/>
    </row>
    <row r="574135" spans="14:14">
      <c r="N574135" s="10"/>
    </row>
    <row r="574136" spans="14:14">
      <c r="N574136" s="10"/>
    </row>
    <row r="574137" spans="14:14">
      <c r="N574137" s="10"/>
    </row>
    <row r="574138" spans="14:14">
      <c r="N574138" s="10"/>
    </row>
    <row r="574139" spans="14:14">
      <c r="N574139" s="10"/>
    </row>
    <row r="574140" spans="14:14">
      <c r="N574140" s="10"/>
    </row>
    <row r="574141" spans="14:14">
      <c r="N574141" s="10"/>
    </row>
    <row r="574142" spans="14:14">
      <c r="N574142" s="10"/>
    </row>
    <row r="574143" spans="14:14">
      <c r="N574143" s="10"/>
    </row>
    <row r="574144" spans="14:14">
      <c r="N574144" s="10"/>
    </row>
    <row r="574145" spans="14:14">
      <c r="N574145" s="10"/>
    </row>
    <row r="574146" spans="14:14">
      <c r="N574146" s="10"/>
    </row>
    <row r="574147" spans="14:14">
      <c r="N574147" s="10"/>
    </row>
    <row r="574148" spans="14:14">
      <c r="N574148" s="10"/>
    </row>
    <row r="574149" spans="14:14">
      <c r="N574149" s="10"/>
    </row>
    <row r="574150" spans="14:14">
      <c r="N574150" s="10"/>
    </row>
    <row r="574151" spans="14:14">
      <c r="N574151" s="10"/>
    </row>
    <row r="574152" spans="14:14">
      <c r="N574152" s="10"/>
    </row>
    <row r="574153" spans="14:14">
      <c r="N574153" s="10"/>
    </row>
    <row r="574154" spans="14:14">
      <c r="N574154" s="10"/>
    </row>
    <row r="574155" spans="14:14">
      <c r="N574155" s="10"/>
    </row>
    <row r="574156" spans="14:14">
      <c r="N574156" s="10"/>
    </row>
    <row r="574157" spans="14:14">
      <c r="N574157" s="10"/>
    </row>
    <row r="574158" spans="14:14">
      <c r="N574158" s="10"/>
    </row>
    <row r="574159" spans="14:14">
      <c r="N574159" s="10"/>
    </row>
    <row r="574160" spans="14:14">
      <c r="N574160" s="10"/>
    </row>
    <row r="574161" spans="14:14">
      <c r="N574161" s="10"/>
    </row>
    <row r="574162" spans="14:14">
      <c r="N574162" s="10"/>
    </row>
    <row r="574163" spans="14:14">
      <c r="N574163" s="10"/>
    </row>
    <row r="574164" spans="14:14">
      <c r="N574164" s="10"/>
    </row>
    <row r="574165" spans="14:14">
      <c r="N574165" s="10"/>
    </row>
    <row r="574166" spans="14:14">
      <c r="N574166" s="10"/>
    </row>
    <row r="574167" spans="14:14">
      <c r="N574167" s="10"/>
    </row>
    <row r="574168" spans="14:14">
      <c r="N574168" s="10"/>
    </row>
    <row r="574169" spans="14:14">
      <c r="N574169" s="10"/>
    </row>
    <row r="574170" spans="14:14">
      <c r="N574170" s="10"/>
    </row>
    <row r="574171" spans="14:14">
      <c r="N574171" s="10"/>
    </row>
    <row r="574172" spans="14:14">
      <c r="N574172" s="10"/>
    </row>
    <row r="574173" spans="14:14">
      <c r="N574173" s="10"/>
    </row>
    <row r="574174" spans="14:14">
      <c r="N574174" s="10"/>
    </row>
    <row r="574175" spans="14:14">
      <c r="N574175" s="10"/>
    </row>
    <row r="574176" spans="14:14">
      <c r="N574176" s="10"/>
    </row>
    <row r="574177" spans="14:14">
      <c r="N574177" s="10"/>
    </row>
    <row r="574178" spans="14:14">
      <c r="N574178" s="10"/>
    </row>
    <row r="574179" spans="14:14">
      <c r="N574179" s="10"/>
    </row>
    <row r="574180" spans="14:14">
      <c r="N574180" s="10"/>
    </row>
    <row r="574181" spans="14:14">
      <c r="N574181" s="10"/>
    </row>
    <row r="574182" spans="14:14">
      <c r="N574182" s="10"/>
    </row>
    <row r="574183" spans="14:14">
      <c r="N574183" s="10"/>
    </row>
    <row r="574184" spans="14:14">
      <c r="N574184" s="10"/>
    </row>
    <row r="574185" spans="14:14">
      <c r="N574185" s="10"/>
    </row>
    <row r="574186" spans="14:14">
      <c r="N574186" s="10"/>
    </row>
    <row r="574187" spans="14:14">
      <c r="N574187" s="10"/>
    </row>
    <row r="574188" spans="14:14">
      <c r="N574188" s="10"/>
    </row>
    <row r="574189" spans="14:14">
      <c r="N574189" s="10"/>
    </row>
    <row r="574190" spans="14:14">
      <c r="N574190" s="10"/>
    </row>
    <row r="574191" spans="14:14">
      <c r="N574191" s="10"/>
    </row>
    <row r="574192" spans="14:14">
      <c r="N574192" s="10"/>
    </row>
    <row r="574193" spans="14:14">
      <c r="N574193" s="10"/>
    </row>
    <row r="574194" spans="14:14">
      <c r="N574194" s="10"/>
    </row>
    <row r="574195" spans="14:14">
      <c r="N574195" s="10"/>
    </row>
    <row r="574196" spans="14:14">
      <c r="N574196" s="10"/>
    </row>
    <row r="574197" spans="14:14">
      <c r="N574197" s="10"/>
    </row>
    <row r="574198" spans="14:14">
      <c r="N574198" s="10"/>
    </row>
    <row r="574199" spans="14:14">
      <c r="N574199" s="10"/>
    </row>
    <row r="574200" spans="14:14">
      <c r="N574200" s="10"/>
    </row>
    <row r="574201" spans="14:14">
      <c r="N574201" s="10"/>
    </row>
    <row r="574202" spans="14:14">
      <c r="N574202" s="10"/>
    </row>
    <row r="574203" spans="14:14">
      <c r="N574203" s="10"/>
    </row>
    <row r="574204" spans="14:14">
      <c r="N574204" s="10"/>
    </row>
    <row r="574205" spans="14:14">
      <c r="N574205" s="10"/>
    </row>
    <row r="574206" spans="14:14">
      <c r="N574206" s="10"/>
    </row>
    <row r="574207" spans="14:14">
      <c r="N574207" s="10"/>
    </row>
    <row r="574208" spans="14:14">
      <c r="N574208" s="10"/>
    </row>
    <row r="574209" spans="14:14">
      <c r="N574209" s="10"/>
    </row>
    <row r="574210" spans="14:14">
      <c r="N574210" s="10"/>
    </row>
    <row r="574211" spans="14:14">
      <c r="N574211" s="10"/>
    </row>
    <row r="574212" spans="14:14">
      <c r="N574212" s="10"/>
    </row>
    <row r="574213" spans="14:14">
      <c r="N574213" s="10"/>
    </row>
    <row r="574214" spans="14:14">
      <c r="N574214" s="10"/>
    </row>
    <row r="574215" spans="14:14">
      <c r="N574215" s="10"/>
    </row>
    <row r="574216" spans="14:14">
      <c r="N574216" s="10"/>
    </row>
    <row r="574217" spans="14:14">
      <c r="N574217" s="10"/>
    </row>
    <row r="574218" spans="14:14">
      <c r="N574218" s="10"/>
    </row>
    <row r="574219" spans="14:14">
      <c r="N574219" s="10"/>
    </row>
    <row r="574220" spans="14:14">
      <c r="N574220" s="10"/>
    </row>
    <row r="574221" spans="14:14">
      <c r="N574221" s="10"/>
    </row>
    <row r="574222" spans="14:14">
      <c r="N574222" s="10"/>
    </row>
    <row r="574223" spans="14:14">
      <c r="N574223" s="10"/>
    </row>
    <row r="574224" spans="14:14">
      <c r="N574224" s="10"/>
    </row>
    <row r="574225" spans="14:14">
      <c r="N574225" s="10"/>
    </row>
    <row r="574226" spans="14:14">
      <c r="N574226" s="10"/>
    </row>
    <row r="574227" spans="14:14">
      <c r="N574227" s="10"/>
    </row>
    <row r="574228" spans="14:14">
      <c r="N574228" s="10"/>
    </row>
    <row r="574229" spans="14:14">
      <c r="N574229" s="10"/>
    </row>
    <row r="574230" spans="14:14">
      <c r="N574230" s="10"/>
    </row>
    <row r="574231" spans="14:14">
      <c r="N574231" s="10"/>
    </row>
    <row r="574232" spans="14:14">
      <c r="N574232" s="10"/>
    </row>
    <row r="574233" spans="14:14">
      <c r="N574233" s="10"/>
    </row>
    <row r="574234" spans="14:14">
      <c r="N574234" s="10"/>
    </row>
    <row r="574235" spans="14:14">
      <c r="N574235" s="10"/>
    </row>
    <row r="574236" spans="14:14">
      <c r="N574236" s="10"/>
    </row>
    <row r="574237" spans="14:14">
      <c r="N574237" s="10"/>
    </row>
    <row r="574238" spans="14:14">
      <c r="N574238" s="10"/>
    </row>
    <row r="574239" spans="14:14">
      <c r="N574239" s="10"/>
    </row>
    <row r="574240" spans="14:14">
      <c r="N574240" s="10"/>
    </row>
    <row r="574241" spans="14:14">
      <c r="N574241" s="10"/>
    </row>
    <row r="574242" spans="14:14">
      <c r="N574242" s="10"/>
    </row>
    <row r="574243" spans="14:14">
      <c r="N574243" s="10"/>
    </row>
    <row r="574244" spans="14:14">
      <c r="N574244" s="10"/>
    </row>
    <row r="574245" spans="14:14">
      <c r="N574245" s="10"/>
    </row>
    <row r="574246" spans="14:14">
      <c r="N574246" s="10"/>
    </row>
    <row r="574247" spans="14:14">
      <c r="N574247" s="10"/>
    </row>
    <row r="574248" spans="14:14">
      <c r="N574248" s="10"/>
    </row>
    <row r="574249" spans="14:14">
      <c r="N574249" s="10"/>
    </row>
    <row r="574250" spans="14:14">
      <c r="N574250" s="10"/>
    </row>
    <row r="574251" spans="14:14">
      <c r="N574251" s="10"/>
    </row>
    <row r="574252" spans="14:14">
      <c r="N574252" s="10"/>
    </row>
    <row r="574253" spans="14:14">
      <c r="N574253" s="10"/>
    </row>
    <row r="574254" spans="14:14">
      <c r="N574254" s="10"/>
    </row>
    <row r="574255" spans="14:14">
      <c r="N574255" s="10"/>
    </row>
    <row r="574256" spans="14:14">
      <c r="N574256" s="10"/>
    </row>
    <row r="574257" spans="14:14">
      <c r="N574257" s="10"/>
    </row>
    <row r="574258" spans="14:14">
      <c r="N574258" s="10"/>
    </row>
    <row r="574259" spans="14:14">
      <c r="N574259" s="10"/>
    </row>
    <row r="574260" spans="14:14">
      <c r="N574260" s="10"/>
    </row>
    <row r="574261" spans="14:14">
      <c r="N574261" s="10"/>
    </row>
    <row r="574262" spans="14:14">
      <c r="N574262" s="10"/>
    </row>
    <row r="574263" spans="14:14">
      <c r="N574263" s="10"/>
    </row>
    <row r="574264" spans="14:14">
      <c r="N574264" s="10"/>
    </row>
    <row r="574265" spans="14:14">
      <c r="N574265" s="10"/>
    </row>
    <row r="574266" spans="14:14">
      <c r="N574266" s="10"/>
    </row>
    <row r="574267" spans="14:14">
      <c r="N574267" s="10"/>
    </row>
    <row r="574268" spans="14:14">
      <c r="N574268" s="10"/>
    </row>
    <row r="574269" spans="14:14">
      <c r="N574269" s="10"/>
    </row>
    <row r="574270" spans="14:14">
      <c r="N574270" s="10"/>
    </row>
    <row r="574271" spans="14:14">
      <c r="N574271" s="10"/>
    </row>
    <row r="574272" spans="14:14">
      <c r="N574272" s="10"/>
    </row>
    <row r="574273" spans="14:14">
      <c r="N574273" s="10"/>
    </row>
    <row r="574274" spans="14:14">
      <c r="N574274" s="10"/>
    </row>
    <row r="574275" spans="14:14">
      <c r="N574275" s="10"/>
    </row>
    <row r="574276" spans="14:14">
      <c r="N574276" s="10"/>
    </row>
    <row r="574277" spans="14:14">
      <c r="N574277" s="10"/>
    </row>
    <row r="574278" spans="14:14">
      <c r="N574278" s="10"/>
    </row>
    <row r="574279" spans="14:14">
      <c r="N574279" s="10"/>
    </row>
    <row r="574280" spans="14:14">
      <c r="N574280" s="10"/>
    </row>
    <row r="574281" spans="14:14">
      <c r="N574281" s="10"/>
    </row>
    <row r="574282" spans="14:14">
      <c r="N574282" s="10"/>
    </row>
    <row r="574283" spans="14:14">
      <c r="N574283" s="10"/>
    </row>
    <row r="574284" spans="14:14">
      <c r="N574284" s="10"/>
    </row>
    <row r="574285" spans="14:14">
      <c r="N574285" s="10"/>
    </row>
    <row r="574286" spans="14:14">
      <c r="N574286" s="10"/>
    </row>
    <row r="574287" spans="14:14">
      <c r="N574287" s="10"/>
    </row>
    <row r="574288" spans="14:14">
      <c r="N574288" s="10"/>
    </row>
    <row r="574289" spans="14:14">
      <c r="N574289" s="10"/>
    </row>
    <row r="574290" spans="14:14">
      <c r="N574290" s="10"/>
    </row>
    <row r="574291" spans="14:14">
      <c r="N574291" s="10"/>
    </row>
    <row r="574292" spans="14:14">
      <c r="N574292" s="10"/>
    </row>
    <row r="574293" spans="14:14">
      <c r="N574293" s="10"/>
    </row>
    <row r="574294" spans="14:14">
      <c r="N574294" s="10"/>
    </row>
    <row r="574295" spans="14:14">
      <c r="N574295" s="10"/>
    </row>
    <row r="574296" spans="14:14">
      <c r="N574296" s="10"/>
    </row>
    <row r="574297" spans="14:14">
      <c r="N574297" s="10"/>
    </row>
    <row r="574298" spans="14:14">
      <c r="N574298" s="10"/>
    </row>
    <row r="574299" spans="14:14">
      <c r="N574299" s="10"/>
    </row>
    <row r="574300" spans="14:14">
      <c r="N574300" s="10"/>
    </row>
    <row r="574301" spans="14:14">
      <c r="N574301" s="10"/>
    </row>
    <row r="574302" spans="14:14">
      <c r="N574302" s="10"/>
    </row>
    <row r="574303" spans="14:14">
      <c r="N574303" s="10"/>
    </row>
    <row r="574304" spans="14:14">
      <c r="N574304" s="10"/>
    </row>
    <row r="574305" spans="14:14">
      <c r="N574305" s="10"/>
    </row>
    <row r="574306" spans="14:14">
      <c r="N574306" s="10"/>
    </row>
    <row r="574307" spans="14:14">
      <c r="N574307" s="10"/>
    </row>
    <row r="574308" spans="14:14">
      <c r="N574308" s="10"/>
    </row>
    <row r="574309" spans="14:14">
      <c r="N574309" s="10"/>
    </row>
    <row r="574310" spans="14:14">
      <c r="N574310" s="10"/>
    </row>
    <row r="574311" spans="14:14">
      <c r="N574311" s="10"/>
    </row>
    <row r="574312" spans="14:14">
      <c r="N574312" s="10"/>
    </row>
    <row r="574313" spans="14:14">
      <c r="N574313" s="10"/>
    </row>
    <row r="574314" spans="14:14">
      <c r="N574314" s="10"/>
    </row>
    <row r="574315" spans="14:14">
      <c r="N574315" s="10"/>
    </row>
    <row r="574316" spans="14:14">
      <c r="N574316" s="10"/>
    </row>
    <row r="574317" spans="14:14">
      <c r="N574317" s="10"/>
    </row>
    <row r="574318" spans="14:14">
      <c r="N574318" s="10"/>
    </row>
    <row r="574319" spans="14:14">
      <c r="N574319" s="10"/>
    </row>
    <row r="574320" spans="14:14">
      <c r="N574320" s="10"/>
    </row>
    <row r="574321" spans="14:14">
      <c r="N574321" s="10"/>
    </row>
    <row r="574322" spans="14:14">
      <c r="N574322" s="10"/>
    </row>
    <row r="574323" spans="14:14">
      <c r="N574323" s="10"/>
    </row>
    <row r="574324" spans="14:14">
      <c r="N574324" s="10"/>
    </row>
    <row r="574325" spans="14:14">
      <c r="N574325" s="10"/>
    </row>
    <row r="574326" spans="14:14">
      <c r="N574326" s="10"/>
    </row>
    <row r="574327" spans="14:14">
      <c r="N574327" s="10"/>
    </row>
    <row r="574328" spans="14:14">
      <c r="N574328" s="10"/>
    </row>
    <row r="574329" spans="14:14">
      <c r="N574329" s="10"/>
    </row>
    <row r="574330" spans="14:14">
      <c r="N574330" s="10"/>
    </row>
    <row r="574331" spans="14:14">
      <c r="N574331" s="10"/>
    </row>
    <row r="574332" spans="14:14">
      <c r="N574332" s="10"/>
    </row>
    <row r="574333" spans="14:14">
      <c r="N574333" s="10"/>
    </row>
    <row r="574334" spans="14:14">
      <c r="N574334" s="10"/>
    </row>
    <row r="574335" spans="14:14">
      <c r="N574335" s="10"/>
    </row>
    <row r="574336" spans="14:14">
      <c r="N574336" s="10"/>
    </row>
    <row r="574337" spans="14:14">
      <c r="N574337" s="10"/>
    </row>
    <row r="574338" spans="14:14">
      <c r="N574338" s="10"/>
    </row>
    <row r="574339" spans="14:14">
      <c r="N574339" s="10"/>
    </row>
    <row r="574340" spans="14:14">
      <c r="N574340" s="10"/>
    </row>
    <row r="574341" spans="14:14">
      <c r="N574341" s="10"/>
    </row>
    <row r="574342" spans="14:14">
      <c r="N574342" s="10"/>
    </row>
    <row r="574343" spans="14:14">
      <c r="N574343" s="10"/>
    </row>
    <row r="574344" spans="14:14">
      <c r="N574344" s="10"/>
    </row>
    <row r="574345" spans="14:14">
      <c r="N574345" s="10"/>
    </row>
    <row r="574346" spans="14:14">
      <c r="N574346" s="10"/>
    </row>
    <row r="574347" spans="14:14">
      <c r="N574347" s="10"/>
    </row>
    <row r="574348" spans="14:14">
      <c r="N574348" s="10"/>
    </row>
    <row r="574349" spans="14:14">
      <c r="N574349" s="10"/>
    </row>
    <row r="574350" spans="14:14">
      <c r="N574350" s="10"/>
    </row>
    <row r="574351" spans="14:14">
      <c r="N574351" s="10"/>
    </row>
    <row r="574352" spans="14:14">
      <c r="N574352" s="10"/>
    </row>
    <row r="574353" spans="14:14">
      <c r="N574353" s="10"/>
    </row>
    <row r="574354" spans="14:14">
      <c r="N574354" s="10"/>
    </row>
    <row r="574355" spans="14:14">
      <c r="N574355" s="10"/>
    </row>
    <row r="574356" spans="14:14">
      <c r="N574356" s="10"/>
    </row>
    <row r="574357" spans="14:14">
      <c r="N574357" s="10"/>
    </row>
    <row r="574358" spans="14:14">
      <c r="N574358" s="10"/>
    </row>
    <row r="574359" spans="14:14">
      <c r="N574359" s="10"/>
    </row>
    <row r="574360" spans="14:14">
      <c r="N574360" s="10"/>
    </row>
    <row r="574361" spans="14:14">
      <c r="N574361" s="10"/>
    </row>
    <row r="574362" spans="14:14">
      <c r="N574362" s="10"/>
    </row>
    <row r="574363" spans="14:14">
      <c r="N574363" s="10"/>
    </row>
    <row r="574364" spans="14:14">
      <c r="N574364" s="10"/>
    </row>
    <row r="574365" spans="14:14">
      <c r="N574365" s="10"/>
    </row>
    <row r="574366" spans="14:14">
      <c r="N574366" s="10"/>
    </row>
    <row r="574367" spans="14:14">
      <c r="N574367" s="10"/>
    </row>
    <row r="574368" spans="14:14">
      <c r="N574368" s="10"/>
    </row>
    <row r="574369" spans="14:14">
      <c r="N574369" s="10"/>
    </row>
    <row r="574370" spans="14:14">
      <c r="N574370" s="10"/>
    </row>
    <row r="574371" spans="14:14">
      <c r="N574371" s="10"/>
    </row>
    <row r="574372" spans="14:14">
      <c r="N574372" s="10"/>
    </row>
    <row r="574373" spans="14:14">
      <c r="N574373" s="10"/>
    </row>
    <row r="574374" spans="14:14">
      <c r="N574374" s="10"/>
    </row>
    <row r="574375" spans="14:14">
      <c r="N574375" s="10"/>
    </row>
    <row r="574376" spans="14:14">
      <c r="N574376" s="10"/>
    </row>
    <row r="574377" spans="14:14">
      <c r="N574377" s="10"/>
    </row>
    <row r="574378" spans="14:14">
      <c r="N574378" s="10"/>
    </row>
    <row r="574379" spans="14:14">
      <c r="N574379" s="10"/>
    </row>
    <row r="574380" spans="14:14">
      <c r="N574380" s="10"/>
    </row>
    <row r="574381" spans="14:14">
      <c r="N574381" s="10"/>
    </row>
    <row r="574382" spans="14:14">
      <c r="N574382" s="10"/>
    </row>
    <row r="574383" spans="14:14">
      <c r="N574383" s="10"/>
    </row>
    <row r="574384" spans="14:14">
      <c r="N574384" s="10"/>
    </row>
    <row r="574385" spans="14:14">
      <c r="N574385" s="10"/>
    </row>
    <row r="574386" spans="14:14">
      <c r="N574386" s="10"/>
    </row>
    <row r="574387" spans="14:14">
      <c r="N574387" s="10"/>
    </row>
    <row r="574388" spans="14:14">
      <c r="N574388" s="10"/>
    </row>
    <row r="574389" spans="14:14">
      <c r="N574389" s="10"/>
    </row>
    <row r="574390" spans="14:14">
      <c r="N574390" s="10"/>
    </row>
    <row r="574391" spans="14:14">
      <c r="N574391" s="10"/>
    </row>
    <row r="574392" spans="14:14">
      <c r="N574392" s="10"/>
    </row>
    <row r="574393" spans="14:14">
      <c r="N574393" s="10"/>
    </row>
    <row r="574394" spans="14:14">
      <c r="N574394" s="10"/>
    </row>
    <row r="574395" spans="14:14">
      <c r="N574395" s="10"/>
    </row>
    <row r="574396" spans="14:14">
      <c r="N574396" s="10"/>
    </row>
    <row r="574397" spans="14:14">
      <c r="N574397" s="10"/>
    </row>
    <row r="574398" spans="14:14">
      <c r="N574398" s="10"/>
    </row>
    <row r="574399" spans="14:14">
      <c r="N574399" s="10"/>
    </row>
    <row r="574400" spans="14:14">
      <c r="N574400" s="10"/>
    </row>
    <row r="574401" spans="14:14">
      <c r="N574401" s="10"/>
    </row>
    <row r="574402" spans="14:14">
      <c r="N574402" s="10"/>
    </row>
    <row r="574403" spans="14:14">
      <c r="N574403" s="10"/>
    </row>
    <row r="574404" spans="14:14">
      <c r="N574404" s="10"/>
    </row>
    <row r="574405" spans="14:14">
      <c r="N574405" s="10"/>
    </row>
    <row r="574406" spans="14:14">
      <c r="N574406" s="10"/>
    </row>
    <row r="574407" spans="14:14">
      <c r="N574407" s="10"/>
    </row>
    <row r="574408" spans="14:14">
      <c r="N574408" s="10"/>
    </row>
    <row r="574409" spans="14:14">
      <c r="N574409" s="10"/>
    </row>
    <row r="574410" spans="14:14">
      <c r="N574410" s="10"/>
    </row>
    <row r="574411" spans="14:14">
      <c r="N574411" s="10"/>
    </row>
    <row r="574412" spans="14:14">
      <c r="N574412" s="10"/>
    </row>
    <row r="574413" spans="14:14">
      <c r="N574413" s="10"/>
    </row>
    <row r="574414" spans="14:14">
      <c r="N574414" s="10"/>
    </row>
    <row r="574415" spans="14:14">
      <c r="N574415" s="10"/>
    </row>
    <row r="574416" spans="14:14">
      <c r="N574416" s="10"/>
    </row>
    <row r="574417" spans="14:14">
      <c r="N574417" s="10"/>
    </row>
    <row r="574418" spans="14:14">
      <c r="N574418" s="10"/>
    </row>
    <row r="574419" spans="14:14">
      <c r="N574419" s="10"/>
    </row>
    <row r="574420" spans="14:14">
      <c r="N574420" s="10"/>
    </row>
    <row r="574421" spans="14:14">
      <c r="N574421" s="10"/>
    </row>
    <row r="574422" spans="14:14">
      <c r="N574422" s="10"/>
    </row>
    <row r="574423" spans="14:14">
      <c r="N574423" s="10"/>
    </row>
    <row r="574424" spans="14:14">
      <c r="N574424" s="10"/>
    </row>
    <row r="574425" spans="14:14">
      <c r="N574425" s="10"/>
    </row>
    <row r="574426" spans="14:14">
      <c r="N574426" s="10"/>
    </row>
    <row r="574427" spans="14:14">
      <c r="N574427" s="10"/>
    </row>
    <row r="574428" spans="14:14">
      <c r="N574428" s="10"/>
    </row>
    <row r="574429" spans="14:14">
      <c r="N574429" s="10"/>
    </row>
    <row r="574430" spans="14:14">
      <c r="N574430" s="10"/>
    </row>
    <row r="574431" spans="14:14">
      <c r="N574431" s="10"/>
    </row>
    <row r="574432" spans="14:14">
      <c r="N574432" s="10"/>
    </row>
    <row r="574433" spans="14:14">
      <c r="N574433" s="10"/>
    </row>
    <row r="574434" spans="14:14">
      <c r="N574434" s="10"/>
    </row>
    <row r="574435" spans="14:14">
      <c r="N574435" s="10"/>
    </row>
    <row r="574436" spans="14:14">
      <c r="N574436" s="10"/>
    </row>
    <row r="574437" spans="14:14">
      <c r="N574437" s="10"/>
    </row>
    <row r="574438" spans="14:14">
      <c r="N574438" s="10"/>
    </row>
    <row r="574439" spans="14:14">
      <c r="N574439" s="10"/>
    </row>
    <row r="574440" spans="14:14">
      <c r="N574440" s="10"/>
    </row>
    <row r="574441" spans="14:14">
      <c r="N574441" s="10"/>
    </row>
    <row r="574442" spans="14:14">
      <c r="N574442" s="10"/>
    </row>
    <row r="574443" spans="14:14">
      <c r="N574443" s="10"/>
    </row>
    <row r="574444" spans="14:14">
      <c r="N574444" s="10"/>
    </row>
    <row r="574445" spans="14:14">
      <c r="N574445" s="10"/>
    </row>
    <row r="574446" spans="14:14">
      <c r="N574446" s="10"/>
    </row>
    <row r="574447" spans="14:14">
      <c r="N574447" s="10"/>
    </row>
    <row r="574448" spans="14:14">
      <c r="N574448" s="10"/>
    </row>
    <row r="574449" spans="14:14">
      <c r="N574449" s="10"/>
    </row>
    <row r="574450" spans="14:14">
      <c r="N574450" s="10"/>
    </row>
    <row r="574451" spans="14:14">
      <c r="N574451" s="10"/>
    </row>
    <row r="574452" spans="14:14">
      <c r="N574452" s="10"/>
    </row>
    <row r="574453" spans="14:14">
      <c r="N574453" s="10"/>
    </row>
    <row r="574454" spans="14:14">
      <c r="N574454" s="10"/>
    </row>
    <row r="574455" spans="14:14">
      <c r="N574455" s="10"/>
    </row>
    <row r="574456" spans="14:14">
      <c r="N574456" s="10"/>
    </row>
    <row r="574457" spans="14:14">
      <c r="N574457" s="10"/>
    </row>
    <row r="574458" spans="14:14">
      <c r="N574458" s="10"/>
    </row>
    <row r="574459" spans="14:14">
      <c r="N574459" s="10"/>
    </row>
    <row r="574460" spans="14:14">
      <c r="N574460" s="10"/>
    </row>
    <row r="574461" spans="14:14">
      <c r="N574461" s="10"/>
    </row>
    <row r="574462" spans="14:14">
      <c r="N574462" s="10"/>
    </row>
    <row r="574463" spans="14:14">
      <c r="N574463" s="10"/>
    </row>
    <row r="574464" spans="14:14">
      <c r="N574464" s="10"/>
    </row>
    <row r="574465" spans="14:14">
      <c r="N574465" s="10"/>
    </row>
    <row r="574466" spans="14:14">
      <c r="N574466" s="10"/>
    </row>
    <row r="574467" spans="14:14">
      <c r="N574467" s="10"/>
    </row>
    <row r="574468" spans="14:14">
      <c r="N574468" s="10"/>
    </row>
    <row r="574469" spans="14:14">
      <c r="N574469" s="10"/>
    </row>
    <row r="574470" spans="14:14">
      <c r="N574470" s="10"/>
    </row>
    <row r="574471" spans="14:14">
      <c r="N574471" s="10"/>
    </row>
    <row r="574472" spans="14:14">
      <c r="N574472" s="10"/>
    </row>
    <row r="574473" spans="14:14">
      <c r="N574473" s="10"/>
    </row>
    <row r="574474" spans="14:14">
      <c r="N574474" s="10"/>
    </row>
    <row r="574475" spans="14:14">
      <c r="N574475" s="10"/>
    </row>
    <row r="574476" spans="14:14">
      <c r="N574476" s="10"/>
    </row>
    <row r="574477" spans="14:14">
      <c r="N574477" s="10"/>
    </row>
    <row r="574478" spans="14:14">
      <c r="N574478" s="10"/>
    </row>
    <row r="574479" spans="14:14">
      <c r="N574479" s="10"/>
    </row>
    <row r="574480" spans="14:14">
      <c r="N574480" s="10"/>
    </row>
    <row r="574481" spans="14:14">
      <c r="N574481" s="10"/>
    </row>
    <row r="574482" spans="14:14">
      <c r="N574482" s="10"/>
    </row>
    <row r="574483" spans="14:14">
      <c r="N574483" s="10"/>
    </row>
    <row r="574484" spans="14:14">
      <c r="N574484" s="10"/>
    </row>
    <row r="574485" spans="14:14">
      <c r="N574485" s="10"/>
    </row>
    <row r="574486" spans="14:14">
      <c r="N574486" s="10"/>
    </row>
    <row r="574487" spans="14:14">
      <c r="N574487" s="10"/>
    </row>
    <row r="574488" spans="14:14">
      <c r="N574488" s="10"/>
    </row>
    <row r="574489" spans="14:14">
      <c r="N574489" s="10"/>
    </row>
    <row r="574490" spans="14:14">
      <c r="N574490" s="10"/>
    </row>
    <row r="574491" spans="14:14">
      <c r="N574491" s="10"/>
    </row>
    <row r="574492" spans="14:14">
      <c r="N574492" s="10"/>
    </row>
    <row r="574493" spans="14:14">
      <c r="N574493" s="10"/>
    </row>
    <row r="574494" spans="14:14">
      <c r="N574494" s="10"/>
    </row>
    <row r="574495" spans="14:14">
      <c r="N574495" s="10"/>
    </row>
    <row r="574496" spans="14:14">
      <c r="N574496" s="10"/>
    </row>
    <row r="574497" spans="14:14">
      <c r="N574497" s="10"/>
    </row>
    <row r="574498" spans="14:14">
      <c r="N574498" s="10"/>
    </row>
    <row r="574499" spans="14:14">
      <c r="N574499" s="10"/>
    </row>
    <row r="574500" spans="14:14">
      <c r="N574500" s="10"/>
    </row>
    <row r="574501" spans="14:14">
      <c r="N574501" s="10"/>
    </row>
    <row r="574502" spans="14:14">
      <c r="N574502" s="10"/>
    </row>
    <row r="574503" spans="14:14">
      <c r="N574503" s="10"/>
    </row>
    <row r="574504" spans="14:14">
      <c r="N574504" s="10"/>
    </row>
    <row r="574505" spans="14:14">
      <c r="N574505" s="10"/>
    </row>
    <row r="574506" spans="14:14">
      <c r="N574506" s="10"/>
    </row>
    <row r="574507" spans="14:14">
      <c r="N574507" s="10"/>
    </row>
    <row r="574508" spans="14:14">
      <c r="N574508" s="10"/>
    </row>
    <row r="574509" spans="14:14">
      <c r="N574509" s="10"/>
    </row>
    <row r="574510" spans="14:14">
      <c r="N574510" s="10"/>
    </row>
    <row r="574511" spans="14:14">
      <c r="N574511" s="10"/>
    </row>
    <row r="574512" spans="14:14">
      <c r="N574512" s="10"/>
    </row>
    <row r="574513" spans="14:14">
      <c r="N574513" s="10"/>
    </row>
    <row r="574514" spans="14:14">
      <c r="N574514" s="10"/>
    </row>
    <row r="574515" spans="14:14">
      <c r="N574515" s="10"/>
    </row>
    <row r="574516" spans="14:14">
      <c r="N574516" s="10"/>
    </row>
    <row r="574517" spans="14:14">
      <c r="N574517" s="10"/>
    </row>
    <row r="574518" spans="14:14">
      <c r="N574518" s="10"/>
    </row>
    <row r="574519" spans="14:14">
      <c r="N574519" s="10"/>
    </row>
    <row r="574520" spans="14:14">
      <c r="N574520" s="10"/>
    </row>
    <row r="574521" spans="14:14">
      <c r="N574521" s="10"/>
    </row>
    <row r="574522" spans="14:14">
      <c r="N574522" s="10"/>
    </row>
    <row r="574523" spans="14:14">
      <c r="N574523" s="10"/>
    </row>
    <row r="574524" spans="14:14">
      <c r="N574524" s="10"/>
    </row>
    <row r="574525" spans="14:14">
      <c r="N574525" s="10"/>
    </row>
    <row r="574526" spans="14:14">
      <c r="N574526" s="10"/>
    </row>
    <row r="574527" spans="14:14">
      <c r="N574527" s="10"/>
    </row>
    <row r="574528" spans="14:14">
      <c r="N574528" s="10"/>
    </row>
    <row r="574529" spans="14:14">
      <c r="N574529" s="10"/>
    </row>
    <row r="574530" spans="14:14">
      <c r="N574530" s="10"/>
    </row>
    <row r="574531" spans="14:14">
      <c r="N574531" s="10"/>
    </row>
    <row r="574532" spans="14:14">
      <c r="N574532" s="10"/>
    </row>
    <row r="574533" spans="14:14">
      <c r="N574533" s="10"/>
    </row>
    <row r="574534" spans="14:14">
      <c r="N574534" s="10"/>
    </row>
    <row r="574535" spans="14:14">
      <c r="N574535" s="10"/>
    </row>
    <row r="574536" spans="14:14">
      <c r="N574536" s="10"/>
    </row>
    <row r="574537" spans="14:14">
      <c r="N574537" s="10"/>
    </row>
    <row r="574538" spans="14:14">
      <c r="N574538" s="10"/>
    </row>
    <row r="574539" spans="14:14">
      <c r="N574539" s="10"/>
    </row>
    <row r="574540" spans="14:14">
      <c r="N574540" s="10"/>
    </row>
    <row r="574541" spans="14:14">
      <c r="N574541" s="10"/>
    </row>
    <row r="574542" spans="14:14">
      <c r="N574542" s="10"/>
    </row>
    <row r="574543" spans="14:14">
      <c r="N574543" s="10"/>
    </row>
    <row r="574544" spans="14:14">
      <c r="N574544" s="10"/>
    </row>
    <row r="574545" spans="14:14">
      <c r="N574545" s="10"/>
    </row>
    <row r="574546" spans="14:14">
      <c r="N574546" s="10"/>
    </row>
    <row r="574547" spans="14:14">
      <c r="N574547" s="10"/>
    </row>
    <row r="574548" spans="14:14">
      <c r="N574548" s="10"/>
    </row>
    <row r="574549" spans="14:14">
      <c r="N574549" s="10"/>
    </row>
    <row r="574550" spans="14:14">
      <c r="N574550" s="10"/>
    </row>
    <row r="574551" spans="14:14">
      <c r="N574551" s="10"/>
    </row>
    <row r="574552" spans="14:14">
      <c r="N574552" s="10"/>
    </row>
    <row r="574553" spans="14:14">
      <c r="N574553" s="10"/>
    </row>
    <row r="574554" spans="14:14">
      <c r="N574554" s="10"/>
    </row>
    <row r="574555" spans="14:14">
      <c r="N574555" s="10"/>
    </row>
    <row r="574556" spans="14:14">
      <c r="N574556" s="10"/>
    </row>
    <row r="574557" spans="14:14">
      <c r="N574557" s="10"/>
    </row>
    <row r="574558" spans="14:14">
      <c r="N574558" s="10"/>
    </row>
    <row r="574559" spans="14:14">
      <c r="N574559" s="10"/>
    </row>
    <row r="574560" spans="14:14">
      <c r="N574560" s="10"/>
    </row>
    <row r="574561" spans="14:14">
      <c r="N574561" s="10"/>
    </row>
    <row r="574562" spans="14:14">
      <c r="N574562" s="10"/>
    </row>
    <row r="574563" spans="14:14">
      <c r="N574563" s="10"/>
    </row>
    <row r="574564" spans="14:14">
      <c r="N574564" s="10"/>
    </row>
    <row r="574565" spans="14:14">
      <c r="N574565" s="10"/>
    </row>
    <row r="574566" spans="14:14">
      <c r="N574566" s="10"/>
    </row>
    <row r="574567" spans="14:14">
      <c r="N574567" s="10"/>
    </row>
    <row r="574568" spans="14:14">
      <c r="N574568" s="10"/>
    </row>
    <row r="574569" spans="14:14">
      <c r="N574569" s="10"/>
    </row>
    <row r="574570" spans="14:14">
      <c r="N574570" s="10"/>
    </row>
    <row r="574571" spans="14:14">
      <c r="N574571" s="10"/>
    </row>
    <row r="574572" spans="14:14">
      <c r="N574572" s="10"/>
    </row>
    <row r="574573" spans="14:14">
      <c r="N574573" s="10"/>
    </row>
    <row r="574574" spans="14:14">
      <c r="N574574" s="10"/>
    </row>
    <row r="574575" spans="14:14">
      <c r="N574575" s="10"/>
    </row>
    <row r="574576" spans="14:14">
      <c r="N574576" s="10"/>
    </row>
    <row r="574577" spans="14:14">
      <c r="N574577" s="10"/>
    </row>
    <row r="574578" spans="14:14">
      <c r="N574578" s="10"/>
    </row>
    <row r="574579" spans="14:14">
      <c r="N574579" s="10"/>
    </row>
    <row r="574580" spans="14:14">
      <c r="N574580" s="10"/>
    </row>
    <row r="574581" spans="14:14">
      <c r="N574581" s="10"/>
    </row>
    <row r="574582" spans="14:14">
      <c r="N574582" s="10"/>
    </row>
    <row r="574583" spans="14:14">
      <c r="N574583" s="10"/>
    </row>
    <row r="574584" spans="14:14">
      <c r="N574584" s="10"/>
    </row>
    <row r="574585" spans="14:14">
      <c r="N574585" s="10"/>
    </row>
    <row r="574586" spans="14:14">
      <c r="N574586" s="10"/>
    </row>
    <row r="574587" spans="14:14">
      <c r="N574587" s="10"/>
    </row>
    <row r="574588" spans="14:14">
      <c r="N574588" s="10"/>
    </row>
    <row r="574589" spans="14:14">
      <c r="N574589" s="10"/>
    </row>
    <row r="574590" spans="14:14">
      <c r="N574590" s="10"/>
    </row>
    <row r="574591" spans="14:14">
      <c r="N574591" s="10"/>
    </row>
    <row r="574592" spans="14:14">
      <c r="N574592" s="10"/>
    </row>
    <row r="574593" spans="14:14">
      <c r="N574593" s="10"/>
    </row>
    <row r="574594" spans="14:14">
      <c r="N574594" s="10"/>
    </row>
    <row r="574595" spans="14:14">
      <c r="N574595" s="10"/>
    </row>
    <row r="574596" spans="14:14">
      <c r="N574596" s="10"/>
    </row>
    <row r="574597" spans="14:14">
      <c r="N574597" s="10"/>
    </row>
    <row r="574598" spans="14:14">
      <c r="N574598" s="10"/>
    </row>
    <row r="574599" spans="14:14">
      <c r="N574599" s="10"/>
    </row>
    <row r="574600" spans="14:14">
      <c r="N574600" s="10"/>
    </row>
    <row r="574601" spans="14:14">
      <c r="N574601" s="10"/>
    </row>
    <row r="574602" spans="14:14">
      <c r="N574602" s="10"/>
    </row>
    <row r="574603" spans="14:14">
      <c r="N574603" s="10"/>
    </row>
    <row r="574604" spans="14:14">
      <c r="N574604" s="10"/>
    </row>
    <row r="574605" spans="14:14">
      <c r="N574605" s="10"/>
    </row>
    <row r="574606" spans="14:14">
      <c r="N574606" s="10"/>
    </row>
    <row r="574607" spans="14:14">
      <c r="N574607" s="10"/>
    </row>
    <row r="574608" spans="14:14">
      <c r="N574608" s="10"/>
    </row>
    <row r="574609" spans="14:14">
      <c r="N574609" s="10"/>
    </row>
    <row r="574610" spans="14:14">
      <c r="N574610" s="10"/>
    </row>
    <row r="574611" spans="14:14">
      <c r="N574611" s="10"/>
    </row>
    <row r="574612" spans="14:14">
      <c r="N574612" s="10"/>
    </row>
    <row r="574613" spans="14:14">
      <c r="N574613" s="10"/>
    </row>
    <row r="574614" spans="14:14">
      <c r="N574614" s="10"/>
    </row>
    <row r="574615" spans="14:14">
      <c r="N574615" s="10"/>
    </row>
    <row r="574616" spans="14:14">
      <c r="N574616" s="10"/>
    </row>
    <row r="574617" spans="14:14">
      <c r="N574617" s="10"/>
    </row>
    <row r="574618" spans="14:14">
      <c r="N574618" s="10"/>
    </row>
    <row r="574619" spans="14:14">
      <c r="N574619" s="10"/>
    </row>
    <row r="574620" spans="14:14">
      <c r="N574620" s="10"/>
    </row>
    <row r="574621" spans="14:14">
      <c r="N574621" s="10"/>
    </row>
    <row r="574622" spans="14:14">
      <c r="N574622" s="10"/>
    </row>
    <row r="574623" spans="14:14">
      <c r="N574623" s="10"/>
    </row>
    <row r="574624" spans="14:14">
      <c r="N574624" s="10"/>
    </row>
    <row r="574625" spans="14:14">
      <c r="N574625" s="10"/>
    </row>
    <row r="574626" spans="14:14">
      <c r="N574626" s="10"/>
    </row>
    <row r="574627" spans="14:14">
      <c r="N574627" s="10"/>
    </row>
    <row r="574628" spans="14:14">
      <c r="N574628" s="10"/>
    </row>
    <row r="574629" spans="14:14">
      <c r="N574629" s="10"/>
    </row>
    <row r="574630" spans="14:14">
      <c r="N574630" s="10"/>
    </row>
    <row r="574631" spans="14:14">
      <c r="N574631" s="10"/>
    </row>
    <row r="574632" spans="14:14">
      <c r="N574632" s="10"/>
    </row>
    <row r="574633" spans="14:14">
      <c r="N574633" s="10"/>
    </row>
    <row r="574634" spans="14:14">
      <c r="N574634" s="10"/>
    </row>
    <row r="574635" spans="14:14">
      <c r="N574635" s="10"/>
    </row>
    <row r="574636" spans="14:14">
      <c r="N574636" s="10"/>
    </row>
    <row r="574637" spans="14:14">
      <c r="N574637" s="10"/>
    </row>
    <row r="574638" spans="14:14">
      <c r="N574638" s="10"/>
    </row>
    <row r="574639" spans="14:14">
      <c r="N574639" s="10"/>
    </row>
    <row r="574640" spans="14:14">
      <c r="N574640" s="10"/>
    </row>
    <row r="574641" spans="14:14">
      <c r="N574641" s="10"/>
    </row>
    <row r="574642" spans="14:14">
      <c r="N574642" s="10"/>
    </row>
    <row r="574643" spans="14:14">
      <c r="N574643" s="10"/>
    </row>
    <row r="574644" spans="14:14">
      <c r="N574644" s="10"/>
    </row>
    <row r="574645" spans="14:14">
      <c r="N574645" s="10"/>
    </row>
    <row r="574646" spans="14:14">
      <c r="N574646" s="10"/>
    </row>
    <row r="574647" spans="14:14">
      <c r="N574647" s="10"/>
    </row>
    <row r="574648" spans="14:14">
      <c r="N574648" s="10"/>
    </row>
    <row r="574649" spans="14:14">
      <c r="N574649" s="10"/>
    </row>
    <row r="574650" spans="14:14">
      <c r="N574650" s="10"/>
    </row>
    <row r="574651" spans="14:14">
      <c r="N574651" s="10"/>
    </row>
    <row r="574652" spans="14:14">
      <c r="N574652" s="10"/>
    </row>
    <row r="574653" spans="14:14">
      <c r="N574653" s="10"/>
    </row>
    <row r="574654" spans="14:14">
      <c r="N574654" s="10"/>
    </row>
    <row r="574655" spans="14:14">
      <c r="N574655" s="10"/>
    </row>
    <row r="574656" spans="14:14">
      <c r="N574656" s="10"/>
    </row>
    <row r="574657" spans="14:14">
      <c r="N574657" s="10"/>
    </row>
    <row r="574658" spans="14:14">
      <c r="N574658" s="10"/>
    </row>
    <row r="574659" spans="14:14">
      <c r="N574659" s="10"/>
    </row>
    <row r="574660" spans="14:14">
      <c r="N574660" s="10"/>
    </row>
    <row r="574661" spans="14:14">
      <c r="N574661" s="10"/>
    </row>
    <row r="574662" spans="14:14">
      <c r="N574662" s="10"/>
    </row>
    <row r="574663" spans="14:14">
      <c r="N574663" s="10"/>
    </row>
    <row r="574664" spans="14:14">
      <c r="N574664" s="10"/>
    </row>
    <row r="574665" spans="14:14">
      <c r="N574665" s="10"/>
    </row>
    <row r="574666" spans="14:14">
      <c r="N574666" s="10"/>
    </row>
    <row r="574667" spans="14:14">
      <c r="N574667" s="10"/>
    </row>
    <row r="574668" spans="14:14">
      <c r="N574668" s="10"/>
    </row>
    <row r="574669" spans="14:14">
      <c r="N574669" s="10"/>
    </row>
    <row r="574670" spans="14:14">
      <c r="N574670" s="10"/>
    </row>
    <row r="574671" spans="14:14">
      <c r="N574671" s="10"/>
    </row>
    <row r="574672" spans="14:14">
      <c r="N574672" s="10"/>
    </row>
    <row r="574673" spans="14:14">
      <c r="N574673" s="10"/>
    </row>
    <row r="574674" spans="14:14">
      <c r="N574674" s="10"/>
    </row>
    <row r="574675" spans="14:14">
      <c r="N574675" s="10"/>
    </row>
    <row r="574676" spans="14:14">
      <c r="N574676" s="10"/>
    </row>
    <row r="574677" spans="14:14">
      <c r="N574677" s="10"/>
    </row>
    <row r="574678" spans="14:14">
      <c r="N574678" s="10"/>
    </row>
    <row r="574679" spans="14:14">
      <c r="N574679" s="10"/>
    </row>
    <row r="574680" spans="14:14">
      <c r="N574680" s="10"/>
    </row>
    <row r="574681" spans="14:14">
      <c r="N574681" s="10"/>
    </row>
    <row r="574682" spans="14:14">
      <c r="N574682" s="10"/>
    </row>
    <row r="574683" spans="14:14">
      <c r="N574683" s="10"/>
    </row>
    <row r="574684" spans="14:14">
      <c r="N574684" s="10"/>
    </row>
    <row r="574685" spans="14:14">
      <c r="N574685" s="10"/>
    </row>
    <row r="574686" spans="14:14">
      <c r="N574686" s="10"/>
    </row>
    <row r="574687" spans="14:14">
      <c r="N574687" s="10"/>
    </row>
    <row r="574688" spans="14:14">
      <c r="N574688" s="10"/>
    </row>
    <row r="574689" spans="14:14">
      <c r="N574689" s="10"/>
    </row>
    <row r="574690" spans="14:14">
      <c r="N574690" s="10"/>
    </row>
    <row r="574691" spans="14:14">
      <c r="N574691" s="10"/>
    </row>
    <row r="574692" spans="14:14">
      <c r="N574692" s="10"/>
    </row>
    <row r="574693" spans="14:14">
      <c r="N574693" s="10"/>
    </row>
    <row r="574694" spans="14:14">
      <c r="N574694" s="10"/>
    </row>
    <row r="574695" spans="14:14">
      <c r="N574695" s="10"/>
    </row>
    <row r="574696" spans="14:14">
      <c r="N574696" s="10"/>
    </row>
    <row r="574697" spans="14:14">
      <c r="N574697" s="10"/>
    </row>
    <row r="574698" spans="14:14">
      <c r="N574698" s="10"/>
    </row>
    <row r="574699" spans="14:14">
      <c r="N574699" s="10"/>
    </row>
    <row r="574700" spans="14:14">
      <c r="N574700" s="10"/>
    </row>
    <row r="574701" spans="14:14">
      <c r="N574701" s="10"/>
    </row>
    <row r="574702" spans="14:14">
      <c r="N574702" s="10"/>
    </row>
    <row r="574703" spans="14:14">
      <c r="N574703" s="10"/>
    </row>
    <row r="574704" spans="14:14">
      <c r="N574704" s="10"/>
    </row>
    <row r="574705" spans="14:14">
      <c r="N574705" s="10"/>
    </row>
    <row r="574706" spans="14:14">
      <c r="N574706" s="10"/>
    </row>
    <row r="574707" spans="14:14">
      <c r="N574707" s="10"/>
    </row>
    <row r="574708" spans="14:14">
      <c r="N574708" s="10"/>
    </row>
    <row r="574709" spans="14:14">
      <c r="N574709" s="10"/>
    </row>
    <row r="574710" spans="14:14">
      <c r="N574710" s="10"/>
    </row>
    <row r="574711" spans="14:14">
      <c r="N574711" s="10"/>
    </row>
    <row r="574712" spans="14:14">
      <c r="N574712" s="10"/>
    </row>
    <row r="574713" spans="14:14">
      <c r="N574713" s="10"/>
    </row>
    <row r="574714" spans="14:14">
      <c r="N574714" s="10"/>
    </row>
    <row r="574715" spans="14:14">
      <c r="N574715" s="10"/>
    </row>
    <row r="574716" spans="14:14">
      <c r="N574716" s="10"/>
    </row>
    <row r="574717" spans="14:14">
      <c r="N574717" s="10"/>
    </row>
    <row r="574718" spans="14:14">
      <c r="N574718" s="10"/>
    </row>
    <row r="574719" spans="14:14">
      <c r="N574719" s="10"/>
    </row>
    <row r="574720" spans="14:14">
      <c r="N574720" s="10"/>
    </row>
    <row r="574721" spans="14:14">
      <c r="N574721" s="10"/>
    </row>
    <row r="574722" spans="14:14">
      <c r="N574722" s="10"/>
    </row>
    <row r="574723" spans="14:14">
      <c r="N574723" s="10"/>
    </row>
    <row r="574724" spans="14:14">
      <c r="N574724" s="10"/>
    </row>
    <row r="574725" spans="14:14">
      <c r="N574725" s="10"/>
    </row>
    <row r="574726" spans="14:14">
      <c r="N574726" s="10"/>
    </row>
    <row r="574727" spans="14:14">
      <c r="N574727" s="10"/>
    </row>
    <row r="574728" spans="14:14">
      <c r="N574728" s="10"/>
    </row>
    <row r="574729" spans="14:14">
      <c r="N574729" s="10"/>
    </row>
    <row r="574730" spans="14:14">
      <c r="N574730" s="10"/>
    </row>
    <row r="574731" spans="14:14">
      <c r="N574731" s="10"/>
    </row>
    <row r="574732" spans="14:14">
      <c r="N574732" s="10"/>
    </row>
    <row r="574733" spans="14:14">
      <c r="N574733" s="10"/>
    </row>
    <row r="574734" spans="14:14">
      <c r="N574734" s="10"/>
    </row>
    <row r="574735" spans="14:14">
      <c r="N574735" s="10"/>
    </row>
    <row r="574736" spans="14:14">
      <c r="N574736" s="10"/>
    </row>
    <row r="574737" spans="14:14">
      <c r="N574737" s="10"/>
    </row>
    <row r="574738" spans="14:14">
      <c r="N574738" s="10"/>
    </row>
    <row r="574739" spans="14:14">
      <c r="N574739" s="10"/>
    </row>
    <row r="574740" spans="14:14">
      <c r="N574740" s="10"/>
    </row>
    <row r="574741" spans="14:14">
      <c r="N574741" s="10"/>
    </row>
    <row r="574742" spans="14:14">
      <c r="N574742" s="10"/>
    </row>
    <row r="574743" spans="14:14">
      <c r="N574743" s="10"/>
    </row>
    <row r="574744" spans="14:14">
      <c r="N574744" s="10"/>
    </row>
    <row r="574745" spans="14:14">
      <c r="N574745" s="10"/>
    </row>
    <row r="574746" spans="14:14">
      <c r="N574746" s="10"/>
    </row>
    <row r="574747" spans="14:14">
      <c r="N574747" s="10"/>
    </row>
    <row r="574748" spans="14:14">
      <c r="N574748" s="10"/>
    </row>
    <row r="574749" spans="14:14">
      <c r="N574749" s="10"/>
    </row>
    <row r="574750" spans="14:14">
      <c r="N574750" s="10"/>
    </row>
    <row r="574751" spans="14:14">
      <c r="N574751" s="10"/>
    </row>
    <row r="574752" spans="14:14">
      <c r="N574752" s="10"/>
    </row>
    <row r="574753" spans="14:14">
      <c r="N574753" s="10"/>
    </row>
    <row r="574754" spans="14:14">
      <c r="N574754" s="10"/>
    </row>
    <row r="574755" spans="14:14">
      <c r="N574755" s="10"/>
    </row>
    <row r="574756" spans="14:14">
      <c r="N574756" s="10"/>
    </row>
    <row r="574757" spans="14:14">
      <c r="N574757" s="10"/>
    </row>
    <row r="574758" spans="14:14">
      <c r="N574758" s="10"/>
    </row>
    <row r="574759" spans="14:14">
      <c r="N574759" s="10"/>
    </row>
    <row r="574760" spans="14:14">
      <c r="N574760" s="10"/>
    </row>
    <row r="574761" spans="14:14">
      <c r="N574761" s="10"/>
    </row>
    <row r="574762" spans="14:14">
      <c r="N574762" s="10"/>
    </row>
    <row r="574763" spans="14:14">
      <c r="N574763" s="10"/>
    </row>
    <row r="574764" spans="14:14">
      <c r="N574764" s="10"/>
    </row>
    <row r="574765" spans="14:14">
      <c r="N574765" s="10"/>
    </row>
    <row r="574766" spans="14:14">
      <c r="N574766" s="10"/>
    </row>
    <row r="574767" spans="14:14">
      <c r="N574767" s="10"/>
    </row>
    <row r="574768" spans="14:14">
      <c r="N574768" s="10"/>
    </row>
    <row r="574769" spans="14:14">
      <c r="N574769" s="10"/>
    </row>
    <row r="574770" spans="14:14">
      <c r="N574770" s="10"/>
    </row>
    <row r="574771" spans="14:14">
      <c r="N574771" s="10"/>
    </row>
    <row r="574772" spans="14:14">
      <c r="N574772" s="10"/>
    </row>
    <row r="574773" spans="14:14">
      <c r="N574773" s="10"/>
    </row>
    <row r="574774" spans="14:14">
      <c r="N574774" s="10"/>
    </row>
    <row r="574775" spans="14:14">
      <c r="N574775" s="10"/>
    </row>
    <row r="574776" spans="14:14">
      <c r="N574776" s="10"/>
    </row>
    <row r="574777" spans="14:14">
      <c r="N574777" s="10"/>
    </row>
    <row r="574778" spans="14:14">
      <c r="N574778" s="10"/>
    </row>
    <row r="574779" spans="14:14">
      <c r="N574779" s="10"/>
    </row>
    <row r="574780" spans="14:14">
      <c r="N574780" s="10"/>
    </row>
    <row r="574781" spans="14:14">
      <c r="N574781" s="10"/>
    </row>
    <row r="574782" spans="14:14">
      <c r="N574782" s="10"/>
    </row>
    <row r="574783" spans="14:14">
      <c r="N574783" s="10"/>
    </row>
    <row r="574784" spans="14:14">
      <c r="N574784" s="10"/>
    </row>
    <row r="574785" spans="14:14">
      <c r="N574785" s="10"/>
    </row>
    <row r="574786" spans="14:14">
      <c r="N574786" s="10"/>
    </row>
    <row r="574787" spans="14:14">
      <c r="N574787" s="10"/>
    </row>
    <row r="574788" spans="14:14">
      <c r="N574788" s="10"/>
    </row>
    <row r="574789" spans="14:14">
      <c r="N574789" s="10"/>
    </row>
    <row r="574790" spans="14:14">
      <c r="N574790" s="10"/>
    </row>
    <row r="574791" spans="14:14">
      <c r="N574791" s="10"/>
    </row>
    <row r="574792" spans="14:14">
      <c r="N574792" s="10"/>
    </row>
    <row r="574793" spans="14:14">
      <c r="N574793" s="10"/>
    </row>
    <row r="574794" spans="14:14">
      <c r="N574794" s="10"/>
    </row>
    <row r="574795" spans="14:14">
      <c r="N574795" s="10"/>
    </row>
    <row r="574796" spans="14:14">
      <c r="N574796" s="10"/>
    </row>
    <row r="574797" spans="14:14">
      <c r="N574797" s="10"/>
    </row>
    <row r="574798" spans="14:14">
      <c r="N574798" s="10"/>
    </row>
    <row r="574799" spans="14:14">
      <c r="N574799" s="10"/>
    </row>
    <row r="574800" spans="14:14">
      <c r="N574800" s="10"/>
    </row>
    <row r="574801" spans="14:14">
      <c r="N574801" s="10"/>
    </row>
    <row r="574802" spans="14:14">
      <c r="N574802" s="10"/>
    </row>
    <row r="574803" spans="14:14">
      <c r="N574803" s="10"/>
    </row>
    <row r="574804" spans="14:14">
      <c r="N574804" s="10"/>
    </row>
    <row r="574805" spans="14:14">
      <c r="N574805" s="10"/>
    </row>
    <row r="574806" spans="14:14">
      <c r="N574806" s="10"/>
    </row>
    <row r="574807" spans="14:14">
      <c r="N574807" s="10"/>
    </row>
    <row r="574808" spans="14:14">
      <c r="N574808" s="10"/>
    </row>
    <row r="574809" spans="14:14">
      <c r="N574809" s="10"/>
    </row>
    <row r="574810" spans="14:14">
      <c r="N574810" s="10"/>
    </row>
    <row r="574811" spans="14:14">
      <c r="N574811" s="10"/>
    </row>
    <row r="574812" spans="14:14">
      <c r="N574812" s="10"/>
    </row>
    <row r="574813" spans="14:14">
      <c r="N574813" s="10"/>
    </row>
    <row r="574814" spans="14:14">
      <c r="N574814" s="10"/>
    </row>
    <row r="574815" spans="14:14">
      <c r="N574815" s="10"/>
    </row>
    <row r="574816" spans="14:14">
      <c r="N574816" s="10"/>
    </row>
    <row r="574817" spans="14:14">
      <c r="N574817" s="10"/>
    </row>
    <row r="574818" spans="14:14">
      <c r="N574818" s="10"/>
    </row>
    <row r="574819" spans="14:14">
      <c r="N574819" s="10"/>
    </row>
    <row r="574820" spans="14:14">
      <c r="N574820" s="10"/>
    </row>
    <row r="574821" spans="14:14">
      <c r="N574821" s="10"/>
    </row>
    <row r="574822" spans="14:14">
      <c r="N574822" s="10"/>
    </row>
    <row r="574823" spans="14:14">
      <c r="N574823" s="10"/>
    </row>
    <row r="574824" spans="14:14">
      <c r="N574824" s="10"/>
    </row>
    <row r="574825" spans="14:14">
      <c r="N574825" s="10"/>
    </row>
    <row r="574826" spans="14:14">
      <c r="N574826" s="10"/>
    </row>
    <row r="574827" spans="14:14">
      <c r="N574827" s="10"/>
    </row>
    <row r="574828" spans="14:14">
      <c r="N574828" s="10"/>
    </row>
    <row r="574829" spans="14:14">
      <c r="N574829" s="10"/>
    </row>
    <row r="574830" spans="14:14">
      <c r="N574830" s="10"/>
    </row>
    <row r="574831" spans="14:14">
      <c r="N574831" s="10"/>
    </row>
    <row r="574832" spans="14:14">
      <c r="N574832" s="10"/>
    </row>
    <row r="574833" spans="14:14">
      <c r="N574833" s="10"/>
    </row>
    <row r="574834" spans="14:14">
      <c r="N574834" s="10"/>
    </row>
    <row r="574835" spans="14:14">
      <c r="N574835" s="10"/>
    </row>
    <row r="574836" spans="14:14">
      <c r="N574836" s="10"/>
    </row>
    <row r="574837" spans="14:14">
      <c r="N574837" s="10"/>
    </row>
    <row r="574838" spans="14:14">
      <c r="N574838" s="10"/>
    </row>
    <row r="574839" spans="14:14">
      <c r="N574839" s="10"/>
    </row>
    <row r="574840" spans="14:14">
      <c r="N574840" s="10"/>
    </row>
    <row r="574841" spans="14:14">
      <c r="N574841" s="10"/>
    </row>
    <row r="574842" spans="14:14">
      <c r="N574842" s="10"/>
    </row>
    <row r="574843" spans="14:14">
      <c r="N574843" s="10"/>
    </row>
    <row r="574844" spans="14:14">
      <c r="N574844" s="10"/>
    </row>
    <row r="574845" spans="14:14">
      <c r="N574845" s="10"/>
    </row>
    <row r="574846" spans="14:14">
      <c r="N574846" s="10"/>
    </row>
    <row r="574847" spans="14:14">
      <c r="N574847" s="10"/>
    </row>
    <row r="574848" spans="14:14">
      <c r="N574848" s="10"/>
    </row>
    <row r="574849" spans="14:14">
      <c r="N574849" s="10"/>
    </row>
    <row r="574850" spans="14:14">
      <c r="N574850" s="10"/>
    </row>
    <row r="574851" spans="14:14">
      <c r="N574851" s="10"/>
    </row>
    <row r="574852" spans="14:14">
      <c r="N574852" s="10"/>
    </row>
    <row r="574853" spans="14:14">
      <c r="N574853" s="10"/>
    </row>
    <row r="574854" spans="14:14">
      <c r="N574854" s="10"/>
    </row>
    <row r="574855" spans="14:14">
      <c r="N574855" s="10"/>
    </row>
    <row r="574856" spans="14:14">
      <c r="N574856" s="10"/>
    </row>
    <row r="574857" spans="14:14">
      <c r="N574857" s="10"/>
    </row>
    <row r="574858" spans="14:14">
      <c r="N574858" s="10"/>
    </row>
    <row r="574859" spans="14:14">
      <c r="N574859" s="10"/>
    </row>
    <row r="574860" spans="14:14">
      <c r="N574860" s="10"/>
    </row>
    <row r="574861" spans="14:14">
      <c r="N574861" s="10"/>
    </row>
    <row r="574862" spans="14:14">
      <c r="N574862" s="10"/>
    </row>
    <row r="574863" spans="14:14">
      <c r="N574863" s="10"/>
    </row>
    <row r="574864" spans="14:14">
      <c r="N574864" s="10"/>
    </row>
    <row r="574865" spans="14:14">
      <c r="N574865" s="10"/>
    </row>
    <row r="574866" spans="14:14">
      <c r="N574866" s="10"/>
    </row>
    <row r="574867" spans="14:14">
      <c r="N574867" s="10"/>
    </row>
    <row r="574868" spans="14:14">
      <c r="N574868" s="10"/>
    </row>
    <row r="574869" spans="14:14">
      <c r="N574869" s="10"/>
    </row>
    <row r="574870" spans="14:14">
      <c r="N574870" s="10"/>
    </row>
    <row r="574871" spans="14:14">
      <c r="N574871" s="10"/>
    </row>
    <row r="574872" spans="14:14">
      <c r="N574872" s="10"/>
    </row>
    <row r="574873" spans="14:14">
      <c r="N574873" s="10"/>
    </row>
    <row r="574874" spans="14:14">
      <c r="N574874" s="10"/>
    </row>
    <row r="574875" spans="14:14">
      <c r="N574875" s="10"/>
    </row>
    <row r="574876" spans="14:14">
      <c r="N574876" s="10"/>
    </row>
    <row r="574877" spans="14:14">
      <c r="N574877" s="10"/>
    </row>
    <row r="574878" spans="14:14">
      <c r="N574878" s="10"/>
    </row>
    <row r="574879" spans="14:14">
      <c r="N574879" s="10"/>
    </row>
    <row r="574880" spans="14:14">
      <c r="N574880" s="10"/>
    </row>
    <row r="574881" spans="14:14">
      <c r="N574881" s="10"/>
    </row>
    <row r="574882" spans="14:14">
      <c r="N574882" s="10"/>
    </row>
    <row r="574883" spans="14:14">
      <c r="N574883" s="10"/>
    </row>
    <row r="574884" spans="14:14">
      <c r="N574884" s="10"/>
    </row>
    <row r="574885" spans="14:14">
      <c r="N574885" s="10"/>
    </row>
    <row r="574886" spans="14:14">
      <c r="N574886" s="10"/>
    </row>
    <row r="574887" spans="14:14">
      <c r="N574887" s="10"/>
    </row>
    <row r="574888" spans="14:14">
      <c r="N574888" s="10"/>
    </row>
    <row r="574889" spans="14:14">
      <c r="N574889" s="10"/>
    </row>
    <row r="574890" spans="14:14">
      <c r="N574890" s="10"/>
    </row>
    <row r="574891" spans="14:14">
      <c r="N574891" s="10"/>
    </row>
    <row r="574892" spans="14:14">
      <c r="N574892" s="10"/>
    </row>
    <row r="574893" spans="14:14">
      <c r="N574893" s="10"/>
    </row>
    <row r="574894" spans="14:14">
      <c r="N574894" s="10"/>
    </row>
    <row r="574895" spans="14:14">
      <c r="N574895" s="10"/>
    </row>
    <row r="574896" spans="14:14">
      <c r="N574896" s="10"/>
    </row>
    <row r="574897" spans="14:14">
      <c r="N574897" s="10"/>
    </row>
    <row r="574898" spans="14:14">
      <c r="N574898" s="10"/>
    </row>
    <row r="574899" spans="14:14">
      <c r="N574899" s="10"/>
    </row>
    <row r="574900" spans="14:14">
      <c r="N574900" s="10"/>
    </row>
    <row r="574901" spans="14:14">
      <c r="N574901" s="10"/>
    </row>
    <row r="574902" spans="14:14">
      <c r="N574902" s="10"/>
    </row>
    <row r="574903" spans="14:14">
      <c r="N574903" s="10"/>
    </row>
    <row r="574904" spans="14:14">
      <c r="N574904" s="10"/>
    </row>
    <row r="574905" spans="14:14">
      <c r="N574905" s="10"/>
    </row>
    <row r="574906" spans="14:14">
      <c r="N574906" s="10"/>
    </row>
    <row r="574907" spans="14:14">
      <c r="N574907" s="10"/>
    </row>
    <row r="574908" spans="14:14">
      <c r="N574908" s="10"/>
    </row>
    <row r="574909" spans="14:14">
      <c r="N574909" s="10"/>
    </row>
    <row r="574910" spans="14:14">
      <c r="N574910" s="10"/>
    </row>
    <row r="574911" spans="14:14">
      <c r="N574911" s="10"/>
    </row>
    <row r="574912" spans="14:14">
      <c r="N574912" s="10"/>
    </row>
    <row r="574913" spans="14:14">
      <c r="N574913" s="10"/>
    </row>
    <row r="574914" spans="14:14">
      <c r="N574914" s="10"/>
    </row>
    <row r="574915" spans="14:14">
      <c r="N574915" s="10"/>
    </row>
    <row r="574916" spans="14:14">
      <c r="N574916" s="10"/>
    </row>
    <row r="574917" spans="14:14">
      <c r="N574917" s="10"/>
    </row>
    <row r="574918" spans="14:14">
      <c r="N574918" s="10"/>
    </row>
    <row r="574919" spans="14:14">
      <c r="N574919" s="10"/>
    </row>
    <row r="574920" spans="14:14">
      <c r="N574920" s="10"/>
    </row>
    <row r="574921" spans="14:14">
      <c r="N574921" s="10"/>
    </row>
    <row r="574922" spans="14:14">
      <c r="N574922" s="10"/>
    </row>
    <row r="574923" spans="14:14">
      <c r="N574923" s="10"/>
    </row>
    <row r="574924" spans="14:14">
      <c r="N574924" s="10"/>
    </row>
    <row r="574925" spans="14:14">
      <c r="N574925" s="10"/>
    </row>
    <row r="574926" spans="14:14">
      <c r="N574926" s="10"/>
    </row>
    <row r="574927" spans="14:14">
      <c r="N574927" s="10"/>
    </row>
    <row r="574928" spans="14:14">
      <c r="N574928" s="10"/>
    </row>
    <row r="574929" spans="14:14">
      <c r="N574929" s="10"/>
    </row>
    <row r="574930" spans="14:14">
      <c r="N574930" s="10"/>
    </row>
    <row r="574931" spans="14:14">
      <c r="N574931" s="10"/>
    </row>
    <row r="574932" spans="14:14">
      <c r="N574932" s="10"/>
    </row>
    <row r="574933" spans="14:14">
      <c r="N574933" s="10"/>
    </row>
    <row r="574934" spans="14:14">
      <c r="N574934" s="10"/>
    </row>
    <row r="574935" spans="14:14">
      <c r="N574935" s="10"/>
    </row>
    <row r="574936" spans="14:14">
      <c r="N574936" s="10"/>
    </row>
    <row r="574937" spans="14:14">
      <c r="N574937" s="10"/>
    </row>
    <row r="574938" spans="14:14">
      <c r="N574938" s="10"/>
    </row>
    <row r="574939" spans="14:14">
      <c r="N574939" s="10"/>
    </row>
    <row r="574940" spans="14:14">
      <c r="N574940" s="10"/>
    </row>
    <row r="574941" spans="14:14">
      <c r="N574941" s="10"/>
    </row>
    <row r="574942" spans="14:14">
      <c r="N574942" s="10"/>
    </row>
    <row r="574943" spans="14:14">
      <c r="N574943" s="10"/>
    </row>
    <row r="574944" spans="14:14">
      <c r="N574944" s="10"/>
    </row>
    <row r="574945" spans="14:14">
      <c r="N574945" s="10"/>
    </row>
    <row r="574946" spans="14:14">
      <c r="N574946" s="10"/>
    </row>
    <row r="574947" spans="14:14">
      <c r="N574947" s="10"/>
    </row>
    <row r="574948" spans="14:14">
      <c r="N574948" s="10"/>
    </row>
    <row r="574949" spans="14:14">
      <c r="N574949" s="10"/>
    </row>
    <row r="574950" spans="14:14">
      <c r="N574950" s="10"/>
    </row>
    <row r="574951" spans="14:14">
      <c r="N574951" s="10"/>
    </row>
    <row r="574952" spans="14:14">
      <c r="N574952" s="10"/>
    </row>
    <row r="574953" spans="14:14">
      <c r="N574953" s="10"/>
    </row>
    <row r="574954" spans="14:14">
      <c r="N574954" s="10"/>
    </row>
    <row r="574955" spans="14:14">
      <c r="N574955" s="10"/>
    </row>
    <row r="574956" spans="14:14">
      <c r="N574956" s="10"/>
    </row>
    <row r="574957" spans="14:14">
      <c r="N574957" s="10"/>
    </row>
    <row r="574958" spans="14:14">
      <c r="N574958" s="10"/>
    </row>
    <row r="574959" spans="14:14">
      <c r="N574959" s="10"/>
    </row>
    <row r="574960" spans="14:14">
      <c r="N574960" s="10"/>
    </row>
    <row r="574961" spans="14:14">
      <c r="N574961" s="10"/>
    </row>
    <row r="574962" spans="14:14">
      <c r="N574962" s="10"/>
    </row>
    <row r="574963" spans="14:14">
      <c r="N574963" s="10"/>
    </row>
    <row r="574964" spans="14:14">
      <c r="N574964" s="10"/>
    </row>
    <row r="574965" spans="14:14">
      <c r="N574965" s="10"/>
    </row>
    <row r="574966" spans="14:14">
      <c r="N574966" s="10"/>
    </row>
    <row r="574967" spans="14:14">
      <c r="N574967" s="10"/>
    </row>
    <row r="574968" spans="14:14">
      <c r="N574968" s="10"/>
    </row>
    <row r="574969" spans="14:14">
      <c r="N574969" s="10"/>
    </row>
    <row r="574970" spans="14:14">
      <c r="N574970" s="10"/>
    </row>
    <row r="574971" spans="14:14">
      <c r="N574971" s="10"/>
    </row>
    <row r="574972" spans="14:14">
      <c r="N574972" s="10"/>
    </row>
    <row r="574973" spans="14:14">
      <c r="N574973" s="10"/>
    </row>
    <row r="574974" spans="14:14">
      <c r="N574974" s="10"/>
    </row>
    <row r="574975" spans="14:14">
      <c r="N574975" s="10"/>
    </row>
    <row r="574976" spans="14:14">
      <c r="N574976" s="10"/>
    </row>
    <row r="574977" spans="14:14">
      <c r="N574977" s="10"/>
    </row>
    <row r="574978" spans="14:14">
      <c r="N574978" s="10"/>
    </row>
    <row r="574979" spans="14:14">
      <c r="N574979" s="10"/>
    </row>
    <row r="574980" spans="14:14">
      <c r="N574980" s="10"/>
    </row>
    <row r="574981" spans="14:14">
      <c r="N574981" s="10"/>
    </row>
    <row r="574982" spans="14:14">
      <c r="N574982" s="10"/>
    </row>
    <row r="574983" spans="14:14">
      <c r="N574983" s="10"/>
    </row>
    <row r="574984" spans="14:14">
      <c r="N574984" s="10"/>
    </row>
    <row r="574985" spans="14:14">
      <c r="N574985" s="10"/>
    </row>
    <row r="574986" spans="14:14">
      <c r="N574986" s="10"/>
    </row>
    <row r="574987" spans="14:14">
      <c r="N574987" s="10"/>
    </row>
    <row r="574988" spans="14:14">
      <c r="N574988" s="10"/>
    </row>
    <row r="574989" spans="14:14">
      <c r="N574989" s="10"/>
    </row>
    <row r="574990" spans="14:14">
      <c r="N574990" s="10"/>
    </row>
    <row r="574991" spans="14:14">
      <c r="N574991" s="10"/>
    </row>
    <row r="574992" spans="14:14">
      <c r="N574992" s="10"/>
    </row>
    <row r="574993" spans="14:14">
      <c r="N574993" s="10"/>
    </row>
    <row r="574994" spans="14:14">
      <c r="N574994" s="10"/>
    </row>
    <row r="574995" spans="14:14">
      <c r="N574995" s="10"/>
    </row>
    <row r="574996" spans="14:14">
      <c r="N574996" s="10"/>
    </row>
    <row r="574997" spans="14:14">
      <c r="N574997" s="10"/>
    </row>
    <row r="574998" spans="14:14">
      <c r="N574998" s="10"/>
    </row>
    <row r="574999" spans="14:14">
      <c r="N574999" s="10"/>
    </row>
    <row r="575000" spans="14:14">
      <c r="N575000" s="10"/>
    </row>
    <row r="575001" spans="14:14">
      <c r="N575001" s="10"/>
    </row>
    <row r="575002" spans="14:14">
      <c r="N575002" s="10"/>
    </row>
    <row r="575003" spans="14:14">
      <c r="N575003" s="10"/>
    </row>
    <row r="575004" spans="14:14">
      <c r="N575004" s="10"/>
    </row>
    <row r="575005" spans="14:14">
      <c r="N575005" s="10"/>
    </row>
    <row r="575006" spans="14:14">
      <c r="N575006" s="10"/>
    </row>
    <row r="575007" spans="14:14">
      <c r="N575007" s="10"/>
    </row>
    <row r="575008" spans="14:14">
      <c r="N575008" s="10"/>
    </row>
    <row r="575009" spans="14:14">
      <c r="N575009" s="10"/>
    </row>
    <row r="575010" spans="14:14">
      <c r="N575010" s="10"/>
    </row>
    <row r="575011" spans="14:14">
      <c r="N575011" s="10"/>
    </row>
    <row r="575012" spans="14:14">
      <c r="N575012" s="10"/>
    </row>
    <row r="575013" spans="14:14">
      <c r="N575013" s="10"/>
    </row>
    <row r="575014" spans="14:14">
      <c r="N575014" s="10"/>
    </row>
    <row r="575015" spans="14:14">
      <c r="N575015" s="10"/>
    </row>
    <row r="575016" spans="14:14">
      <c r="N575016" s="10"/>
    </row>
    <row r="575017" spans="14:14">
      <c r="N575017" s="10"/>
    </row>
    <row r="575018" spans="14:14">
      <c r="N575018" s="10"/>
    </row>
    <row r="575019" spans="14:14">
      <c r="N575019" s="10"/>
    </row>
    <row r="575020" spans="14:14">
      <c r="N575020" s="10"/>
    </row>
    <row r="575021" spans="14:14">
      <c r="N575021" s="10"/>
    </row>
    <row r="575022" spans="14:14">
      <c r="N575022" s="10"/>
    </row>
    <row r="575023" spans="14:14">
      <c r="N575023" s="10"/>
    </row>
    <row r="575024" spans="14:14">
      <c r="N575024" s="10"/>
    </row>
    <row r="575025" spans="14:14">
      <c r="N575025" s="10"/>
    </row>
    <row r="575026" spans="14:14">
      <c r="N575026" s="10"/>
    </row>
    <row r="575027" spans="14:14">
      <c r="N575027" s="10"/>
    </row>
    <row r="575028" spans="14:14">
      <c r="N575028" s="10"/>
    </row>
    <row r="575029" spans="14:14">
      <c r="N575029" s="10"/>
    </row>
    <row r="575030" spans="14:14">
      <c r="N575030" s="10"/>
    </row>
    <row r="575031" spans="14:14">
      <c r="N575031" s="10"/>
    </row>
    <row r="575032" spans="14:14">
      <c r="N575032" s="10"/>
    </row>
    <row r="575033" spans="14:14">
      <c r="N575033" s="10"/>
    </row>
    <row r="575034" spans="14:14">
      <c r="N575034" s="10"/>
    </row>
    <row r="575035" spans="14:14">
      <c r="N575035" s="10"/>
    </row>
    <row r="575036" spans="14:14">
      <c r="N575036" s="10"/>
    </row>
    <row r="575037" spans="14:14">
      <c r="N575037" s="10"/>
    </row>
    <row r="575038" spans="14:14">
      <c r="N575038" s="10"/>
    </row>
    <row r="575039" spans="14:14">
      <c r="N575039" s="10"/>
    </row>
    <row r="575040" spans="14:14">
      <c r="N575040" s="10"/>
    </row>
    <row r="575041" spans="14:14">
      <c r="N575041" s="10"/>
    </row>
    <row r="575042" spans="14:14">
      <c r="N575042" s="10"/>
    </row>
    <row r="575043" spans="14:14">
      <c r="N575043" s="10"/>
    </row>
    <row r="575044" spans="14:14">
      <c r="N575044" s="10"/>
    </row>
    <row r="575045" spans="14:14">
      <c r="N575045" s="10"/>
    </row>
    <row r="575046" spans="14:14">
      <c r="N575046" s="10"/>
    </row>
    <row r="575047" spans="14:14">
      <c r="N575047" s="10"/>
    </row>
    <row r="575048" spans="14:14">
      <c r="N575048" s="10"/>
    </row>
    <row r="575049" spans="14:14">
      <c r="N575049" s="10"/>
    </row>
    <row r="575050" spans="14:14">
      <c r="N575050" s="10"/>
    </row>
    <row r="575051" spans="14:14">
      <c r="N575051" s="10"/>
    </row>
    <row r="575052" spans="14:14">
      <c r="N575052" s="10"/>
    </row>
    <row r="575053" spans="14:14">
      <c r="N575053" s="10"/>
    </row>
    <row r="575054" spans="14:14">
      <c r="N575054" s="10"/>
    </row>
    <row r="575055" spans="14:14">
      <c r="N575055" s="10"/>
    </row>
    <row r="575056" spans="14:14">
      <c r="N575056" s="10"/>
    </row>
    <row r="575057" spans="14:14">
      <c r="N575057" s="10"/>
    </row>
    <row r="575058" spans="14:14">
      <c r="N575058" s="10"/>
    </row>
    <row r="575059" spans="14:14">
      <c r="N575059" s="10"/>
    </row>
    <row r="575060" spans="14:14">
      <c r="N575060" s="10"/>
    </row>
    <row r="575061" spans="14:14">
      <c r="N575061" s="10"/>
    </row>
    <row r="575062" spans="14:14">
      <c r="N575062" s="10"/>
    </row>
    <row r="575063" spans="14:14">
      <c r="N575063" s="10"/>
    </row>
    <row r="575064" spans="14:14">
      <c r="N575064" s="10"/>
    </row>
    <row r="575065" spans="14:14">
      <c r="N575065" s="10"/>
    </row>
    <row r="575066" spans="14:14">
      <c r="N575066" s="10"/>
    </row>
    <row r="575067" spans="14:14">
      <c r="N575067" s="10"/>
    </row>
    <row r="575068" spans="14:14">
      <c r="N575068" s="10"/>
    </row>
    <row r="575069" spans="14:14">
      <c r="N575069" s="10"/>
    </row>
    <row r="575070" spans="14:14">
      <c r="N575070" s="10"/>
    </row>
    <row r="575071" spans="14:14">
      <c r="N575071" s="10"/>
    </row>
    <row r="575072" spans="14:14">
      <c r="N575072" s="10"/>
    </row>
    <row r="575073" spans="14:14">
      <c r="N575073" s="10"/>
    </row>
    <row r="575074" spans="14:14">
      <c r="N575074" s="10"/>
    </row>
    <row r="575075" spans="14:14">
      <c r="N575075" s="10"/>
    </row>
    <row r="575076" spans="14:14">
      <c r="N575076" s="10"/>
    </row>
    <row r="575077" spans="14:14">
      <c r="N575077" s="10"/>
    </row>
    <row r="575078" spans="14:14">
      <c r="N575078" s="10"/>
    </row>
    <row r="575079" spans="14:14">
      <c r="N575079" s="10"/>
    </row>
    <row r="575080" spans="14:14">
      <c r="N575080" s="10"/>
    </row>
    <row r="575081" spans="14:14">
      <c r="N575081" s="10"/>
    </row>
    <row r="575082" spans="14:14">
      <c r="N575082" s="10"/>
    </row>
    <row r="575083" spans="14:14">
      <c r="N575083" s="10"/>
    </row>
    <row r="575084" spans="14:14">
      <c r="N575084" s="10"/>
    </row>
    <row r="575085" spans="14:14">
      <c r="N575085" s="10"/>
    </row>
    <row r="575086" spans="14:14">
      <c r="N575086" s="10"/>
    </row>
    <row r="575087" spans="14:14">
      <c r="N575087" s="10"/>
    </row>
    <row r="575088" spans="14:14">
      <c r="N575088" s="10"/>
    </row>
    <row r="575089" spans="14:14">
      <c r="N575089" s="10"/>
    </row>
    <row r="575090" spans="14:14">
      <c r="N575090" s="10"/>
    </row>
    <row r="575091" spans="14:14">
      <c r="N575091" s="10"/>
    </row>
    <row r="575092" spans="14:14">
      <c r="N575092" s="10"/>
    </row>
    <row r="575093" spans="14:14">
      <c r="N575093" s="10"/>
    </row>
    <row r="575094" spans="14:14">
      <c r="N575094" s="10"/>
    </row>
    <row r="575095" spans="14:14">
      <c r="N575095" s="10"/>
    </row>
    <row r="575096" spans="14:14">
      <c r="N575096" s="10"/>
    </row>
    <row r="575097" spans="14:14">
      <c r="N575097" s="10"/>
    </row>
    <row r="575098" spans="14:14">
      <c r="N575098" s="10"/>
    </row>
    <row r="575099" spans="14:14">
      <c r="N575099" s="10"/>
    </row>
    <row r="575100" spans="14:14">
      <c r="N575100" s="10"/>
    </row>
    <row r="575101" spans="14:14">
      <c r="N575101" s="10"/>
    </row>
    <row r="575102" spans="14:14">
      <c r="N575102" s="10"/>
    </row>
    <row r="575103" spans="14:14">
      <c r="N575103" s="10"/>
    </row>
    <row r="575104" spans="14:14">
      <c r="N575104" s="10"/>
    </row>
    <row r="575105" spans="14:14">
      <c r="N575105" s="10"/>
    </row>
    <row r="575106" spans="14:14">
      <c r="N575106" s="10"/>
    </row>
    <row r="575107" spans="14:14">
      <c r="N575107" s="10"/>
    </row>
    <row r="575108" spans="14:14">
      <c r="N575108" s="10"/>
    </row>
    <row r="575109" spans="14:14">
      <c r="N575109" s="10"/>
    </row>
    <row r="575110" spans="14:14">
      <c r="N575110" s="10"/>
    </row>
    <row r="575111" spans="14:14">
      <c r="N575111" s="10"/>
    </row>
    <row r="575112" spans="14:14">
      <c r="N575112" s="10"/>
    </row>
    <row r="575113" spans="14:14">
      <c r="N575113" s="10"/>
    </row>
    <row r="575114" spans="14:14">
      <c r="N575114" s="10"/>
    </row>
    <row r="575115" spans="14:14">
      <c r="N575115" s="10"/>
    </row>
    <row r="575116" spans="14:14">
      <c r="N575116" s="10"/>
    </row>
    <row r="575117" spans="14:14">
      <c r="N575117" s="10"/>
    </row>
    <row r="575118" spans="14:14">
      <c r="N575118" s="10"/>
    </row>
    <row r="575119" spans="14:14">
      <c r="N575119" s="10"/>
    </row>
    <row r="575120" spans="14:14">
      <c r="N575120" s="10"/>
    </row>
    <row r="575121" spans="14:14">
      <c r="N575121" s="10"/>
    </row>
    <row r="575122" spans="14:14">
      <c r="N575122" s="10"/>
    </row>
    <row r="575123" spans="14:14">
      <c r="N575123" s="10"/>
    </row>
    <row r="575124" spans="14:14">
      <c r="N575124" s="10"/>
    </row>
    <row r="575125" spans="14:14">
      <c r="N575125" s="10"/>
    </row>
    <row r="575126" spans="14:14">
      <c r="N575126" s="10"/>
    </row>
    <row r="575127" spans="14:14">
      <c r="N575127" s="10"/>
    </row>
    <row r="575128" spans="14:14">
      <c r="N575128" s="10"/>
    </row>
    <row r="575129" spans="14:14">
      <c r="N575129" s="10"/>
    </row>
    <row r="575130" spans="14:14">
      <c r="N575130" s="10"/>
    </row>
    <row r="575131" spans="14:14">
      <c r="N575131" s="10"/>
    </row>
    <row r="575132" spans="14:14">
      <c r="N575132" s="10"/>
    </row>
    <row r="575133" spans="14:14">
      <c r="N575133" s="10"/>
    </row>
    <row r="575134" spans="14:14">
      <c r="N575134" s="10"/>
    </row>
    <row r="575135" spans="14:14">
      <c r="N575135" s="10"/>
    </row>
    <row r="575136" spans="14:14">
      <c r="N575136" s="10"/>
    </row>
    <row r="575137" spans="14:14">
      <c r="N575137" s="10"/>
    </row>
    <row r="575138" spans="14:14">
      <c r="N575138" s="10"/>
    </row>
    <row r="575139" spans="14:14">
      <c r="N575139" s="10"/>
    </row>
    <row r="575140" spans="14:14">
      <c r="N575140" s="10"/>
    </row>
    <row r="575141" spans="14:14">
      <c r="N575141" s="10"/>
    </row>
    <row r="575142" spans="14:14">
      <c r="N575142" s="10"/>
    </row>
    <row r="575143" spans="14:14">
      <c r="N575143" s="10"/>
    </row>
    <row r="575144" spans="14:14">
      <c r="N575144" s="10"/>
    </row>
    <row r="575145" spans="14:14">
      <c r="N575145" s="10"/>
    </row>
    <row r="575146" spans="14:14">
      <c r="N575146" s="10"/>
    </row>
    <row r="575147" spans="14:14">
      <c r="N575147" s="10"/>
    </row>
    <row r="575148" spans="14:14">
      <c r="N575148" s="10"/>
    </row>
    <row r="575149" spans="14:14">
      <c r="N575149" s="10"/>
    </row>
    <row r="575150" spans="14:14">
      <c r="N575150" s="10"/>
    </row>
    <row r="575151" spans="14:14">
      <c r="N575151" s="10"/>
    </row>
    <row r="575152" spans="14:14">
      <c r="N575152" s="10"/>
    </row>
    <row r="575153" spans="14:14">
      <c r="N575153" s="10"/>
    </row>
    <row r="575154" spans="14:14">
      <c r="N575154" s="10"/>
    </row>
    <row r="575155" spans="14:14">
      <c r="N575155" s="10"/>
    </row>
    <row r="575156" spans="14:14">
      <c r="N575156" s="10"/>
    </row>
    <row r="575157" spans="14:14">
      <c r="N575157" s="10"/>
    </row>
    <row r="575158" spans="14:14">
      <c r="N575158" s="10"/>
    </row>
    <row r="575159" spans="14:14">
      <c r="N575159" s="10"/>
    </row>
    <row r="575160" spans="14:14">
      <c r="N575160" s="10"/>
    </row>
    <row r="575161" spans="14:14">
      <c r="N575161" s="10"/>
    </row>
    <row r="575162" spans="14:14">
      <c r="N575162" s="10"/>
    </row>
    <row r="575163" spans="14:14">
      <c r="N575163" s="10"/>
    </row>
    <row r="575164" spans="14:14">
      <c r="N575164" s="10"/>
    </row>
    <row r="575165" spans="14:14">
      <c r="N575165" s="10"/>
    </row>
    <row r="575166" spans="14:14">
      <c r="N575166" s="10"/>
    </row>
    <row r="575167" spans="14:14">
      <c r="N575167" s="10"/>
    </row>
    <row r="575168" spans="14:14">
      <c r="N575168" s="10"/>
    </row>
    <row r="575169" spans="14:14">
      <c r="N575169" s="10"/>
    </row>
    <row r="575170" spans="14:14">
      <c r="N575170" s="10"/>
    </row>
    <row r="575171" spans="14:14">
      <c r="N575171" s="10"/>
    </row>
    <row r="575172" spans="14:14">
      <c r="N575172" s="10"/>
    </row>
    <row r="575173" spans="14:14">
      <c r="N575173" s="10"/>
    </row>
    <row r="575174" spans="14:14">
      <c r="N575174" s="10"/>
    </row>
    <row r="575175" spans="14:14">
      <c r="N575175" s="10"/>
    </row>
    <row r="575176" spans="14:14">
      <c r="N575176" s="10"/>
    </row>
    <row r="575177" spans="14:14">
      <c r="N575177" s="10"/>
    </row>
    <row r="575178" spans="14:14">
      <c r="N575178" s="10"/>
    </row>
    <row r="575179" spans="14:14">
      <c r="N575179" s="10"/>
    </row>
    <row r="575180" spans="14:14">
      <c r="N575180" s="10"/>
    </row>
    <row r="575181" spans="14:14">
      <c r="N575181" s="10"/>
    </row>
    <row r="575182" spans="14:14">
      <c r="N575182" s="10"/>
    </row>
    <row r="575183" spans="14:14">
      <c r="N575183" s="10"/>
    </row>
    <row r="575184" spans="14:14">
      <c r="N575184" s="10"/>
    </row>
    <row r="575185" spans="14:14">
      <c r="N575185" s="10"/>
    </row>
    <row r="575186" spans="14:14">
      <c r="N575186" s="10"/>
    </row>
    <row r="575187" spans="14:14">
      <c r="N575187" s="10"/>
    </row>
    <row r="575188" spans="14:14">
      <c r="N575188" s="10"/>
    </row>
    <row r="575189" spans="14:14">
      <c r="N575189" s="10"/>
    </row>
    <row r="575190" spans="14:14">
      <c r="N575190" s="10"/>
    </row>
    <row r="575191" spans="14:14">
      <c r="N575191" s="10"/>
    </row>
    <row r="575192" spans="14:14">
      <c r="N575192" s="10"/>
    </row>
    <row r="575193" spans="14:14">
      <c r="N575193" s="10"/>
    </row>
    <row r="575194" spans="14:14">
      <c r="N575194" s="10"/>
    </row>
    <row r="575195" spans="14:14">
      <c r="N575195" s="10"/>
    </row>
    <row r="575196" spans="14:14">
      <c r="N575196" s="10"/>
    </row>
    <row r="575197" spans="14:14">
      <c r="N575197" s="10"/>
    </row>
    <row r="575198" spans="14:14">
      <c r="N575198" s="10"/>
    </row>
    <row r="575199" spans="14:14">
      <c r="N575199" s="10"/>
    </row>
    <row r="575200" spans="14:14">
      <c r="N575200" s="10"/>
    </row>
    <row r="575201" spans="14:14">
      <c r="N575201" s="10"/>
    </row>
    <row r="575202" spans="14:14">
      <c r="N575202" s="10"/>
    </row>
    <row r="575203" spans="14:14">
      <c r="N575203" s="10"/>
    </row>
    <row r="575204" spans="14:14">
      <c r="N575204" s="10"/>
    </row>
    <row r="575205" spans="14:14">
      <c r="N575205" s="10"/>
    </row>
    <row r="575206" spans="14:14">
      <c r="N575206" s="10"/>
    </row>
    <row r="575207" spans="14:14">
      <c r="N575207" s="10"/>
    </row>
    <row r="575208" spans="14:14">
      <c r="N575208" s="10"/>
    </row>
    <row r="575209" spans="14:14">
      <c r="N575209" s="10"/>
    </row>
    <row r="575210" spans="14:14">
      <c r="N575210" s="10"/>
    </row>
    <row r="575211" spans="14:14">
      <c r="N575211" s="10"/>
    </row>
    <row r="575212" spans="14:14">
      <c r="N575212" s="10"/>
    </row>
    <row r="575213" spans="14:14">
      <c r="N575213" s="10"/>
    </row>
    <row r="575214" spans="14:14">
      <c r="N575214" s="10"/>
    </row>
    <row r="575215" spans="14:14">
      <c r="N575215" s="10"/>
    </row>
    <row r="575216" spans="14:14">
      <c r="N575216" s="10"/>
    </row>
    <row r="575217" spans="14:14">
      <c r="N575217" s="10"/>
    </row>
    <row r="575218" spans="14:14">
      <c r="N575218" s="10"/>
    </row>
    <row r="575219" spans="14:14">
      <c r="N575219" s="10"/>
    </row>
    <row r="575220" spans="14:14">
      <c r="N575220" s="10"/>
    </row>
    <row r="575221" spans="14:14">
      <c r="N575221" s="10"/>
    </row>
    <row r="575222" spans="14:14">
      <c r="N575222" s="10"/>
    </row>
    <row r="575223" spans="14:14">
      <c r="N575223" s="10"/>
    </row>
    <row r="575224" spans="14:14">
      <c r="N575224" s="10"/>
    </row>
    <row r="575225" spans="14:14">
      <c r="N575225" s="10"/>
    </row>
    <row r="575226" spans="14:14">
      <c r="N575226" s="10"/>
    </row>
    <row r="575227" spans="14:14">
      <c r="N575227" s="10"/>
    </row>
    <row r="575228" spans="14:14">
      <c r="N575228" s="10"/>
    </row>
    <row r="575229" spans="14:14">
      <c r="N575229" s="10"/>
    </row>
    <row r="575230" spans="14:14">
      <c r="N575230" s="10"/>
    </row>
    <row r="575231" spans="14:14">
      <c r="N575231" s="10"/>
    </row>
    <row r="575232" spans="14:14">
      <c r="N575232" s="10"/>
    </row>
    <row r="575233" spans="14:14">
      <c r="N575233" s="10"/>
    </row>
    <row r="575234" spans="14:14">
      <c r="N575234" s="10"/>
    </row>
    <row r="575235" spans="14:14">
      <c r="N575235" s="10"/>
    </row>
    <row r="575236" spans="14:14">
      <c r="N575236" s="10"/>
    </row>
    <row r="575237" spans="14:14">
      <c r="N575237" s="10"/>
    </row>
    <row r="575238" spans="14:14">
      <c r="N575238" s="10"/>
    </row>
    <row r="575239" spans="14:14">
      <c r="N575239" s="10"/>
    </row>
    <row r="575240" spans="14:14">
      <c r="N575240" s="10"/>
    </row>
    <row r="575241" spans="14:14">
      <c r="N575241" s="10"/>
    </row>
    <row r="575242" spans="14:14">
      <c r="N575242" s="10"/>
    </row>
    <row r="575243" spans="14:14">
      <c r="N575243" s="10"/>
    </row>
    <row r="575244" spans="14:14">
      <c r="N575244" s="10"/>
    </row>
    <row r="575245" spans="14:14">
      <c r="N575245" s="10"/>
    </row>
    <row r="575246" spans="14:14">
      <c r="N575246" s="10"/>
    </row>
    <row r="575247" spans="14:14">
      <c r="N575247" s="10"/>
    </row>
    <row r="575248" spans="14:14">
      <c r="N575248" s="10"/>
    </row>
    <row r="575249" spans="14:14">
      <c r="N575249" s="10"/>
    </row>
    <row r="575250" spans="14:14">
      <c r="N575250" s="10"/>
    </row>
    <row r="575251" spans="14:14">
      <c r="N575251" s="10"/>
    </row>
    <row r="575252" spans="14:14">
      <c r="N575252" s="10"/>
    </row>
    <row r="575253" spans="14:14">
      <c r="N575253" s="10"/>
    </row>
    <row r="575254" spans="14:14">
      <c r="N575254" s="10"/>
    </row>
    <row r="575255" spans="14:14">
      <c r="N575255" s="10"/>
    </row>
    <row r="575256" spans="14:14">
      <c r="N575256" s="10"/>
    </row>
    <row r="575257" spans="14:14">
      <c r="N575257" s="10"/>
    </row>
    <row r="575258" spans="14:14">
      <c r="N575258" s="10"/>
    </row>
    <row r="575259" spans="14:14">
      <c r="N575259" s="10"/>
    </row>
    <row r="575260" spans="14:14">
      <c r="N575260" s="10"/>
    </row>
    <row r="575261" spans="14:14">
      <c r="N575261" s="10"/>
    </row>
    <row r="575262" spans="14:14">
      <c r="N575262" s="10"/>
    </row>
    <row r="575263" spans="14:14">
      <c r="N575263" s="10"/>
    </row>
    <row r="575264" spans="14:14">
      <c r="N575264" s="10"/>
    </row>
    <row r="575265" spans="14:14">
      <c r="N575265" s="10"/>
    </row>
    <row r="575266" spans="14:14">
      <c r="N575266" s="10"/>
    </row>
    <row r="575267" spans="14:14">
      <c r="N575267" s="10"/>
    </row>
    <row r="575268" spans="14:14">
      <c r="N575268" s="10"/>
    </row>
    <row r="575269" spans="14:14">
      <c r="N575269" s="10"/>
    </row>
    <row r="575270" spans="14:14">
      <c r="N575270" s="10"/>
    </row>
    <row r="575271" spans="14:14">
      <c r="N575271" s="10"/>
    </row>
    <row r="575272" spans="14:14">
      <c r="N575272" s="10"/>
    </row>
    <row r="575273" spans="14:14">
      <c r="N575273" s="10"/>
    </row>
    <row r="575274" spans="14:14">
      <c r="N575274" s="10"/>
    </row>
    <row r="575275" spans="14:14">
      <c r="N575275" s="10"/>
    </row>
    <row r="575276" spans="14:14">
      <c r="N575276" s="10"/>
    </row>
    <row r="575277" spans="14:14">
      <c r="N575277" s="10"/>
    </row>
    <row r="575278" spans="14:14">
      <c r="N575278" s="10"/>
    </row>
    <row r="575279" spans="14:14">
      <c r="N575279" s="10"/>
    </row>
    <row r="575280" spans="14:14">
      <c r="N575280" s="10"/>
    </row>
    <row r="575281" spans="14:14">
      <c r="N575281" s="10"/>
    </row>
    <row r="575282" spans="14:14">
      <c r="N575282" s="10"/>
    </row>
    <row r="575283" spans="14:14">
      <c r="N575283" s="10"/>
    </row>
    <row r="575284" spans="14:14">
      <c r="N575284" s="10"/>
    </row>
    <row r="575285" spans="14:14">
      <c r="N575285" s="10"/>
    </row>
    <row r="575286" spans="14:14">
      <c r="N575286" s="10"/>
    </row>
    <row r="575287" spans="14:14">
      <c r="N575287" s="10"/>
    </row>
    <row r="575288" spans="14:14">
      <c r="N575288" s="10"/>
    </row>
    <row r="575289" spans="14:14">
      <c r="N575289" s="10"/>
    </row>
    <row r="575290" spans="14:14">
      <c r="N575290" s="10"/>
    </row>
    <row r="575291" spans="14:14">
      <c r="N575291" s="10"/>
    </row>
    <row r="575292" spans="14:14">
      <c r="N575292" s="10"/>
    </row>
    <row r="575293" spans="14:14">
      <c r="N575293" s="10"/>
    </row>
    <row r="575294" spans="14:14">
      <c r="N575294" s="10"/>
    </row>
    <row r="575295" spans="14:14">
      <c r="N575295" s="10"/>
    </row>
    <row r="575296" spans="14:14">
      <c r="N575296" s="10"/>
    </row>
    <row r="575297" spans="14:14">
      <c r="N575297" s="10"/>
    </row>
    <row r="575298" spans="14:14">
      <c r="N575298" s="10"/>
    </row>
    <row r="575299" spans="14:14">
      <c r="N575299" s="10"/>
    </row>
    <row r="575300" spans="14:14">
      <c r="N575300" s="10"/>
    </row>
    <row r="575301" spans="14:14">
      <c r="N575301" s="10"/>
    </row>
    <row r="575302" spans="14:14">
      <c r="N575302" s="10"/>
    </row>
    <row r="575303" spans="14:14">
      <c r="N575303" s="10"/>
    </row>
    <row r="575304" spans="14:14">
      <c r="N575304" s="10"/>
    </row>
    <row r="575305" spans="14:14">
      <c r="N575305" s="10"/>
    </row>
    <row r="575306" spans="14:14">
      <c r="N575306" s="10"/>
    </row>
    <row r="575307" spans="14:14">
      <c r="N575307" s="10"/>
    </row>
    <row r="575308" spans="14:14">
      <c r="N575308" s="10"/>
    </row>
    <row r="575309" spans="14:14">
      <c r="N575309" s="10"/>
    </row>
    <row r="575310" spans="14:14">
      <c r="N575310" s="10"/>
    </row>
    <row r="575311" spans="14:14">
      <c r="N575311" s="10"/>
    </row>
    <row r="575312" spans="14:14">
      <c r="N575312" s="10"/>
    </row>
    <row r="575313" spans="14:14">
      <c r="N575313" s="10"/>
    </row>
    <row r="575314" spans="14:14">
      <c r="N575314" s="10"/>
    </row>
    <row r="575315" spans="14:14">
      <c r="N575315" s="10"/>
    </row>
    <row r="575316" spans="14:14">
      <c r="N575316" s="10"/>
    </row>
    <row r="575317" spans="14:14">
      <c r="N575317" s="10"/>
    </row>
    <row r="575318" spans="14:14">
      <c r="N575318" s="10"/>
    </row>
    <row r="575319" spans="14:14">
      <c r="N575319" s="10"/>
    </row>
    <row r="575320" spans="14:14">
      <c r="N575320" s="10"/>
    </row>
    <row r="575321" spans="14:14">
      <c r="N575321" s="10"/>
    </row>
    <row r="575322" spans="14:14">
      <c r="N575322" s="10"/>
    </row>
    <row r="575323" spans="14:14">
      <c r="N575323" s="10"/>
    </row>
    <row r="575324" spans="14:14">
      <c r="N575324" s="10"/>
    </row>
    <row r="575325" spans="14:14">
      <c r="N575325" s="10"/>
    </row>
    <row r="575326" spans="14:14">
      <c r="N575326" s="10"/>
    </row>
    <row r="575327" spans="14:14">
      <c r="N575327" s="10"/>
    </row>
    <row r="575328" spans="14:14">
      <c r="N575328" s="10"/>
    </row>
    <row r="575329" spans="14:14">
      <c r="N575329" s="10"/>
    </row>
    <row r="575330" spans="14:14">
      <c r="N575330" s="10"/>
    </row>
    <row r="575331" spans="14:14">
      <c r="N575331" s="10"/>
    </row>
    <row r="575332" spans="14:14">
      <c r="N575332" s="10"/>
    </row>
    <row r="575333" spans="14:14">
      <c r="N575333" s="10"/>
    </row>
    <row r="575334" spans="14:14">
      <c r="N575334" s="10"/>
    </row>
    <row r="575335" spans="14:14">
      <c r="N575335" s="10"/>
    </row>
    <row r="575336" spans="14:14">
      <c r="N575336" s="10"/>
    </row>
    <row r="575337" spans="14:14">
      <c r="N575337" s="10"/>
    </row>
    <row r="575338" spans="14:14">
      <c r="N575338" s="10"/>
    </row>
    <row r="575339" spans="14:14">
      <c r="N575339" s="10"/>
    </row>
    <row r="575340" spans="14:14">
      <c r="N575340" s="10"/>
    </row>
    <row r="575341" spans="14:14">
      <c r="N575341" s="10"/>
    </row>
    <row r="575342" spans="14:14">
      <c r="N575342" s="10"/>
    </row>
    <row r="575343" spans="14:14">
      <c r="N575343" s="10"/>
    </row>
    <row r="575344" spans="14:14">
      <c r="N575344" s="10"/>
    </row>
    <row r="575345" spans="14:14">
      <c r="N575345" s="10"/>
    </row>
    <row r="575346" spans="14:14">
      <c r="N575346" s="10"/>
    </row>
    <row r="575347" spans="14:14">
      <c r="N575347" s="10"/>
    </row>
    <row r="575348" spans="14:14">
      <c r="N575348" s="10"/>
    </row>
    <row r="575349" spans="14:14">
      <c r="N575349" s="10"/>
    </row>
    <row r="575350" spans="14:14">
      <c r="N575350" s="10"/>
    </row>
    <row r="575351" spans="14:14">
      <c r="N575351" s="10"/>
    </row>
    <row r="575352" spans="14:14">
      <c r="N575352" s="10"/>
    </row>
    <row r="575353" spans="14:14">
      <c r="N575353" s="10"/>
    </row>
    <row r="575354" spans="14:14">
      <c r="N575354" s="10"/>
    </row>
    <row r="575355" spans="14:14">
      <c r="N575355" s="10"/>
    </row>
    <row r="575356" spans="14:14">
      <c r="N575356" s="10"/>
    </row>
    <row r="575357" spans="14:14">
      <c r="N575357" s="10"/>
    </row>
    <row r="575358" spans="14:14">
      <c r="N575358" s="10"/>
    </row>
    <row r="575359" spans="14:14">
      <c r="N575359" s="10"/>
    </row>
    <row r="575360" spans="14:14">
      <c r="N575360" s="10"/>
    </row>
    <row r="575361" spans="14:14">
      <c r="N575361" s="10"/>
    </row>
    <row r="575362" spans="14:14">
      <c r="N575362" s="10"/>
    </row>
    <row r="575363" spans="14:14">
      <c r="N575363" s="10"/>
    </row>
    <row r="575364" spans="14:14">
      <c r="N575364" s="10"/>
    </row>
    <row r="575365" spans="14:14">
      <c r="N575365" s="10"/>
    </row>
    <row r="575366" spans="14:14">
      <c r="N575366" s="10"/>
    </row>
    <row r="575367" spans="14:14">
      <c r="N575367" s="10"/>
    </row>
    <row r="575368" spans="14:14">
      <c r="N575368" s="10"/>
    </row>
    <row r="575369" spans="14:14">
      <c r="N575369" s="10"/>
    </row>
    <row r="575370" spans="14:14">
      <c r="N575370" s="10"/>
    </row>
    <row r="575371" spans="14:14">
      <c r="N575371" s="10"/>
    </row>
    <row r="575372" spans="14:14">
      <c r="N575372" s="10"/>
    </row>
    <row r="575373" spans="14:14">
      <c r="N575373" s="10"/>
    </row>
    <row r="575374" spans="14:14">
      <c r="N575374" s="10"/>
    </row>
    <row r="575375" spans="14:14">
      <c r="N575375" s="10"/>
    </row>
    <row r="575376" spans="14:14">
      <c r="N575376" s="10"/>
    </row>
    <row r="575377" spans="14:14">
      <c r="N575377" s="10"/>
    </row>
    <row r="575378" spans="14:14">
      <c r="N575378" s="10"/>
    </row>
    <row r="575379" spans="14:14">
      <c r="N575379" s="10"/>
    </row>
    <row r="575380" spans="14:14">
      <c r="N575380" s="10"/>
    </row>
    <row r="575381" spans="14:14">
      <c r="N575381" s="10"/>
    </row>
    <row r="575382" spans="14:14">
      <c r="N575382" s="10"/>
    </row>
    <row r="575383" spans="14:14">
      <c r="N575383" s="10"/>
    </row>
    <row r="575384" spans="14:14">
      <c r="N575384" s="10"/>
    </row>
    <row r="575385" spans="14:14">
      <c r="N575385" s="10"/>
    </row>
    <row r="575386" spans="14:14">
      <c r="N575386" s="10"/>
    </row>
    <row r="575387" spans="14:14">
      <c r="N575387" s="10"/>
    </row>
    <row r="575388" spans="14:14">
      <c r="N575388" s="10"/>
    </row>
    <row r="575389" spans="14:14">
      <c r="N575389" s="10"/>
    </row>
    <row r="575390" spans="14:14">
      <c r="N575390" s="10"/>
    </row>
    <row r="575391" spans="14:14">
      <c r="N575391" s="10"/>
    </row>
    <row r="575392" spans="14:14">
      <c r="N575392" s="10"/>
    </row>
    <row r="575393" spans="14:14">
      <c r="N575393" s="10"/>
    </row>
    <row r="575394" spans="14:14">
      <c r="N575394" s="10"/>
    </row>
    <row r="575395" spans="14:14">
      <c r="N575395" s="10"/>
    </row>
    <row r="575396" spans="14:14">
      <c r="N575396" s="10"/>
    </row>
    <row r="575397" spans="14:14">
      <c r="N575397" s="10"/>
    </row>
    <row r="575398" spans="14:14">
      <c r="N575398" s="10"/>
    </row>
    <row r="575399" spans="14:14">
      <c r="N575399" s="10"/>
    </row>
    <row r="575400" spans="14:14">
      <c r="N575400" s="10"/>
    </row>
    <row r="575401" spans="14:14">
      <c r="N575401" s="10"/>
    </row>
    <row r="575402" spans="14:14">
      <c r="N575402" s="10"/>
    </row>
    <row r="575403" spans="14:14">
      <c r="N575403" s="10"/>
    </row>
    <row r="575404" spans="14:14">
      <c r="N575404" s="10"/>
    </row>
    <row r="575405" spans="14:14">
      <c r="N575405" s="10"/>
    </row>
    <row r="575406" spans="14:14">
      <c r="N575406" s="10"/>
    </row>
    <row r="575407" spans="14:14">
      <c r="N575407" s="10"/>
    </row>
    <row r="575408" spans="14:14">
      <c r="N575408" s="10"/>
    </row>
    <row r="575409" spans="14:14">
      <c r="N575409" s="10"/>
    </row>
    <row r="575410" spans="14:14">
      <c r="N575410" s="10"/>
    </row>
    <row r="575411" spans="14:14">
      <c r="N575411" s="10"/>
    </row>
    <row r="575412" spans="14:14">
      <c r="N575412" s="10"/>
    </row>
    <row r="575413" spans="14:14">
      <c r="N575413" s="10"/>
    </row>
    <row r="575414" spans="14:14">
      <c r="N575414" s="10"/>
    </row>
    <row r="575415" spans="14:14">
      <c r="N575415" s="10"/>
    </row>
    <row r="575416" spans="14:14">
      <c r="N575416" s="10"/>
    </row>
    <row r="575417" spans="14:14">
      <c r="N575417" s="10"/>
    </row>
    <row r="575418" spans="14:14">
      <c r="N575418" s="10"/>
    </row>
    <row r="575419" spans="14:14">
      <c r="N575419" s="10"/>
    </row>
    <row r="575420" spans="14:14">
      <c r="N575420" s="10"/>
    </row>
    <row r="575421" spans="14:14">
      <c r="N575421" s="10"/>
    </row>
    <row r="575422" spans="14:14">
      <c r="N575422" s="10"/>
    </row>
    <row r="575423" spans="14:14">
      <c r="N575423" s="10"/>
    </row>
    <row r="575424" spans="14:14">
      <c r="N575424" s="10"/>
    </row>
    <row r="575425" spans="14:14">
      <c r="N575425" s="10"/>
    </row>
    <row r="575426" spans="14:14">
      <c r="N575426" s="10"/>
    </row>
    <row r="575427" spans="14:14">
      <c r="N575427" s="10"/>
    </row>
    <row r="575428" spans="14:14">
      <c r="N575428" s="10"/>
    </row>
    <row r="575429" spans="14:14">
      <c r="N575429" s="10"/>
    </row>
    <row r="575430" spans="14:14">
      <c r="N575430" s="10"/>
    </row>
    <row r="575431" spans="14:14">
      <c r="N575431" s="10"/>
    </row>
    <row r="575432" spans="14:14">
      <c r="N575432" s="10"/>
    </row>
    <row r="575433" spans="14:14">
      <c r="N575433" s="10"/>
    </row>
    <row r="575434" spans="14:14">
      <c r="N575434" s="10"/>
    </row>
    <row r="575435" spans="14:14">
      <c r="N575435" s="10"/>
    </row>
    <row r="575436" spans="14:14">
      <c r="N575436" s="10"/>
    </row>
    <row r="575437" spans="14:14">
      <c r="N575437" s="10"/>
    </row>
    <row r="575438" spans="14:14">
      <c r="N575438" s="10"/>
    </row>
    <row r="575439" spans="14:14">
      <c r="N575439" s="10"/>
    </row>
    <row r="575440" spans="14:14">
      <c r="N575440" s="10"/>
    </row>
    <row r="575441" spans="14:14">
      <c r="N575441" s="10"/>
    </row>
    <row r="575442" spans="14:14">
      <c r="N575442" s="10"/>
    </row>
    <row r="575443" spans="14:14">
      <c r="N575443" s="10"/>
    </row>
    <row r="575444" spans="14:14">
      <c r="N575444" s="10"/>
    </row>
    <row r="575445" spans="14:14">
      <c r="N575445" s="10"/>
    </row>
    <row r="575446" spans="14:14">
      <c r="N575446" s="10"/>
    </row>
    <row r="575447" spans="14:14">
      <c r="N575447" s="10"/>
    </row>
    <row r="575448" spans="14:14">
      <c r="N575448" s="10"/>
    </row>
    <row r="575449" spans="14:14">
      <c r="N575449" s="10"/>
    </row>
    <row r="575450" spans="14:14">
      <c r="N575450" s="10"/>
    </row>
    <row r="575451" spans="14:14">
      <c r="N575451" s="10"/>
    </row>
    <row r="575452" spans="14:14">
      <c r="N575452" s="10"/>
    </row>
    <row r="575453" spans="14:14">
      <c r="N575453" s="10"/>
    </row>
    <row r="575454" spans="14:14">
      <c r="N575454" s="10"/>
    </row>
    <row r="575455" spans="14:14">
      <c r="N575455" s="10"/>
    </row>
    <row r="575456" spans="14:14">
      <c r="N575456" s="10"/>
    </row>
    <row r="575457" spans="14:14">
      <c r="N575457" s="10"/>
    </row>
    <row r="575458" spans="14:14">
      <c r="N575458" s="10"/>
    </row>
    <row r="575459" spans="14:14">
      <c r="N575459" s="10"/>
    </row>
    <row r="575460" spans="14:14">
      <c r="N575460" s="10"/>
    </row>
    <row r="575461" spans="14:14">
      <c r="N575461" s="10"/>
    </row>
    <row r="575462" spans="14:14">
      <c r="N575462" s="10"/>
    </row>
    <row r="575463" spans="14:14">
      <c r="N575463" s="10"/>
    </row>
    <row r="575464" spans="14:14">
      <c r="N575464" s="10"/>
    </row>
    <row r="575465" spans="14:14">
      <c r="N575465" s="10"/>
    </row>
    <row r="575466" spans="14:14">
      <c r="N575466" s="10"/>
    </row>
    <row r="575467" spans="14:14">
      <c r="N575467" s="10"/>
    </row>
    <row r="575468" spans="14:14">
      <c r="N575468" s="10"/>
    </row>
    <row r="575469" spans="14:14">
      <c r="N575469" s="10"/>
    </row>
    <row r="575470" spans="14:14">
      <c r="N575470" s="10"/>
    </row>
    <row r="575471" spans="14:14">
      <c r="N575471" s="10"/>
    </row>
    <row r="575472" spans="14:14">
      <c r="N575472" s="10"/>
    </row>
    <row r="575473" spans="14:14">
      <c r="N575473" s="10"/>
    </row>
    <row r="575474" spans="14:14">
      <c r="N575474" s="10"/>
    </row>
    <row r="575475" spans="14:14">
      <c r="N575475" s="10"/>
    </row>
    <row r="575476" spans="14:14">
      <c r="N575476" s="10"/>
    </row>
    <row r="575477" spans="14:14">
      <c r="N575477" s="10"/>
    </row>
    <row r="575478" spans="14:14">
      <c r="N575478" s="10"/>
    </row>
    <row r="575479" spans="14:14">
      <c r="N575479" s="10"/>
    </row>
    <row r="575480" spans="14:14">
      <c r="N575480" s="10"/>
    </row>
    <row r="575481" spans="14:14">
      <c r="N575481" s="10"/>
    </row>
    <row r="575482" spans="14:14">
      <c r="N575482" s="10"/>
    </row>
    <row r="575483" spans="14:14">
      <c r="N575483" s="10"/>
    </row>
    <row r="575484" spans="14:14">
      <c r="N575484" s="10"/>
    </row>
    <row r="575485" spans="14:14">
      <c r="N575485" s="10"/>
    </row>
    <row r="575486" spans="14:14">
      <c r="N575486" s="10"/>
    </row>
    <row r="575487" spans="14:14">
      <c r="N575487" s="10"/>
    </row>
    <row r="575488" spans="14:14">
      <c r="N575488" s="10"/>
    </row>
    <row r="575489" spans="14:14">
      <c r="N575489" s="10"/>
    </row>
    <row r="575490" spans="14:14">
      <c r="N575490" s="10"/>
    </row>
    <row r="575491" spans="14:14">
      <c r="N575491" s="10"/>
    </row>
    <row r="575492" spans="14:14">
      <c r="N575492" s="10"/>
    </row>
    <row r="575493" spans="14:14">
      <c r="N575493" s="10"/>
    </row>
    <row r="575494" spans="14:14">
      <c r="N575494" s="10"/>
    </row>
    <row r="575495" spans="14:14">
      <c r="N575495" s="10"/>
    </row>
    <row r="575496" spans="14:14">
      <c r="N575496" s="10"/>
    </row>
    <row r="575497" spans="14:14">
      <c r="N575497" s="10"/>
    </row>
    <row r="575498" spans="14:14">
      <c r="N575498" s="10"/>
    </row>
    <row r="575499" spans="14:14">
      <c r="N575499" s="10"/>
    </row>
    <row r="575500" spans="14:14">
      <c r="N575500" s="10"/>
    </row>
    <row r="575501" spans="14:14">
      <c r="N575501" s="10"/>
    </row>
    <row r="575502" spans="14:14">
      <c r="N575502" s="10"/>
    </row>
    <row r="575503" spans="14:14">
      <c r="N575503" s="10"/>
    </row>
    <row r="575504" spans="14:14">
      <c r="N575504" s="10"/>
    </row>
    <row r="575505" spans="14:14">
      <c r="N575505" s="10"/>
    </row>
    <row r="575506" spans="14:14">
      <c r="N575506" s="10"/>
    </row>
    <row r="575507" spans="14:14">
      <c r="N575507" s="10"/>
    </row>
    <row r="575508" spans="14:14">
      <c r="N575508" s="10"/>
    </row>
    <row r="575509" spans="14:14">
      <c r="N575509" s="10"/>
    </row>
    <row r="575510" spans="14:14">
      <c r="N575510" s="10"/>
    </row>
    <row r="575511" spans="14:14">
      <c r="N575511" s="10"/>
    </row>
    <row r="575512" spans="14:14">
      <c r="N575512" s="10"/>
    </row>
    <row r="575513" spans="14:14">
      <c r="N575513" s="10"/>
    </row>
    <row r="575514" spans="14:14">
      <c r="N575514" s="10"/>
    </row>
    <row r="575515" spans="14:14">
      <c r="N575515" s="10"/>
    </row>
    <row r="575516" spans="14:14">
      <c r="N575516" s="10"/>
    </row>
    <row r="575517" spans="14:14">
      <c r="N575517" s="10"/>
    </row>
    <row r="575518" spans="14:14">
      <c r="N575518" s="10"/>
    </row>
    <row r="575519" spans="14:14">
      <c r="N575519" s="10"/>
    </row>
    <row r="575520" spans="14:14">
      <c r="N575520" s="10"/>
    </row>
    <row r="575521" spans="14:14">
      <c r="N575521" s="10"/>
    </row>
    <row r="575522" spans="14:14">
      <c r="N575522" s="10"/>
    </row>
    <row r="575523" spans="14:14">
      <c r="N575523" s="10"/>
    </row>
    <row r="575524" spans="14:14">
      <c r="N575524" s="10"/>
    </row>
    <row r="575525" spans="14:14">
      <c r="N575525" s="10"/>
    </row>
    <row r="575526" spans="14:14">
      <c r="N575526" s="10"/>
    </row>
    <row r="575527" spans="14:14">
      <c r="N575527" s="10"/>
    </row>
    <row r="575528" spans="14:14">
      <c r="N575528" s="10"/>
    </row>
    <row r="575529" spans="14:14">
      <c r="N575529" s="10"/>
    </row>
    <row r="575530" spans="14:14">
      <c r="N575530" s="10"/>
    </row>
    <row r="575531" spans="14:14">
      <c r="N575531" s="10"/>
    </row>
    <row r="575532" spans="14:14">
      <c r="N575532" s="10"/>
    </row>
    <row r="575533" spans="14:14">
      <c r="N575533" s="10"/>
    </row>
    <row r="575534" spans="14:14">
      <c r="N575534" s="10"/>
    </row>
    <row r="575535" spans="14:14">
      <c r="N575535" s="10"/>
    </row>
    <row r="575536" spans="14:14">
      <c r="N575536" s="10"/>
    </row>
    <row r="575537" spans="14:14">
      <c r="N575537" s="10"/>
    </row>
    <row r="575538" spans="14:14">
      <c r="N575538" s="10"/>
    </row>
    <row r="575539" spans="14:14">
      <c r="N575539" s="10"/>
    </row>
    <row r="575540" spans="14:14">
      <c r="N575540" s="10"/>
    </row>
    <row r="575541" spans="14:14">
      <c r="N575541" s="10"/>
    </row>
    <row r="575542" spans="14:14">
      <c r="N575542" s="10"/>
    </row>
    <row r="575543" spans="14:14">
      <c r="N575543" s="10"/>
    </row>
    <row r="575544" spans="14:14">
      <c r="N575544" s="10"/>
    </row>
    <row r="575545" spans="14:14">
      <c r="N575545" s="10"/>
    </row>
    <row r="575546" spans="14:14">
      <c r="N575546" s="10"/>
    </row>
    <row r="575547" spans="14:14">
      <c r="N575547" s="10"/>
    </row>
    <row r="575548" spans="14:14">
      <c r="N575548" s="10"/>
    </row>
    <row r="575549" spans="14:14">
      <c r="N575549" s="10"/>
    </row>
    <row r="575550" spans="14:14">
      <c r="N575550" s="10"/>
    </row>
    <row r="575551" spans="14:14">
      <c r="N575551" s="10"/>
    </row>
    <row r="575552" spans="14:14">
      <c r="N575552" s="10"/>
    </row>
    <row r="575553" spans="14:14">
      <c r="N575553" s="10"/>
    </row>
    <row r="575554" spans="14:14">
      <c r="N575554" s="10"/>
    </row>
    <row r="575555" spans="14:14">
      <c r="N575555" s="10"/>
    </row>
    <row r="575556" spans="14:14">
      <c r="N575556" s="10"/>
    </row>
    <row r="575557" spans="14:14">
      <c r="N575557" s="10"/>
    </row>
    <row r="575558" spans="14:14">
      <c r="N575558" s="10"/>
    </row>
    <row r="575559" spans="14:14">
      <c r="N575559" s="10"/>
    </row>
    <row r="575560" spans="14:14">
      <c r="N575560" s="10"/>
    </row>
    <row r="575561" spans="14:14">
      <c r="N575561" s="10"/>
    </row>
    <row r="575562" spans="14:14">
      <c r="N575562" s="10"/>
    </row>
    <row r="575563" spans="14:14">
      <c r="N575563" s="10"/>
    </row>
    <row r="575564" spans="14:14">
      <c r="N575564" s="10"/>
    </row>
    <row r="575565" spans="14:14">
      <c r="N575565" s="10"/>
    </row>
    <row r="575566" spans="14:14">
      <c r="N575566" s="10"/>
    </row>
    <row r="575567" spans="14:14">
      <c r="N575567" s="10"/>
    </row>
    <row r="575568" spans="14:14">
      <c r="N575568" s="10"/>
    </row>
    <row r="575569" spans="14:14">
      <c r="N575569" s="10"/>
    </row>
    <row r="575570" spans="14:14">
      <c r="N575570" s="10"/>
    </row>
    <row r="575571" spans="14:14">
      <c r="N575571" s="10"/>
    </row>
    <row r="575572" spans="14:14">
      <c r="N575572" s="10"/>
    </row>
    <row r="575573" spans="14:14">
      <c r="N575573" s="10"/>
    </row>
    <row r="575574" spans="14:14">
      <c r="N575574" s="10"/>
    </row>
    <row r="575575" spans="14:14">
      <c r="N575575" s="10"/>
    </row>
    <row r="575576" spans="14:14">
      <c r="N575576" s="10"/>
    </row>
    <row r="575577" spans="14:14">
      <c r="N575577" s="10"/>
    </row>
    <row r="575578" spans="14:14">
      <c r="N575578" s="10"/>
    </row>
    <row r="575579" spans="14:14">
      <c r="N575579" s="10"/>
    </row>
    <row r="575580" spans="14:14">
      <c r="N575580" s="10"/>
    </row>
    <row r="575581" spans="14:14">
      <c r="N575581" s="10"/>
    </row>
    <row r="575582" spans="14:14">
      <c r="N575582" s="10"/>
    </row>
    <row r="575583" spans="14:14">
      <c r="N575583" s="10"/>
    </row>
    <row r="575584" spans="14:14">
      <c r="N575584" s="10"/>
    </row>
    <row r="575585" spans="14:14">
      <c r="N575585" s="10"/>
    </row>
    <row r="575586" spans="14:14">
      <c r="N575586" s="10"/>
    </row>
    <row r="575587" spans="14:14">
      <c r="N575587" s="10"/>
    </row>
    <row r="575588" spans="14:14">
      <c r="N575588" s="10"/>
    </row>
    <row r="575589" spans="14:14">
      <c r="N575589" s="10"/>
    </row>
    <row r="575590" spans="14:14">
      <c r="N575590" s="10"/>
    </row>
    <row r="575591" spans="14:14">
      <c r="N575591" s="10"/>
    </row>
    <row r="575592" spans="14:14">
      <c r="N575592" s="10"/>
    </row>
    <row r="575593" spans="14:14">
      <c r="N575593" s="10"/>
    </row>
    <row r="575594" spans="14:14">
      <c r="N575594" s="10"/>
    </row>
    <row r="575595" spans="14:14">
      <c r="N575595" s="10"/>
    </row>
    <row r="575596" spans="14:14">
      <c r="N575596" s="10"/>
    </row>
    <row r="575597" spans="14:14">
      <c r="N575597" s="10"/>
    </row>
    <row r="575598" spans="14:14">
      <c r="N575598" s="10"/>
    </row>
    <row r="575599" spans="14:14">
      <c r="N575599" s="10"/>
    </row>
    <row r="575600" spans="14:14">
      <c r="N575600" s="10"/>
    </row>
    <row r="575601" spans="14:14">
      <c r="N575601" s="10"/>
    </row>
    <row r="575602" spans="14:14">
      <c r="N575602" s="10"/>
    </row>
    <row r="575603" spans="14:14">
      <c r="N575603" s="10"/>
    </row>
    <row r="575604" spans="14:14">
      <c r="N575604" s="10"/>
    </row>
    <row r="575605" spans="14:14">
      <c r="N575605" s="10"/>
    </row>
    <row r="575606" spans="14:14">
      <c r="N575606" s="10"/>
    </row>
    <row r="575607" spans="14:14">
      <c r="N575607" s="10"/>
    </row>
    <row r="575608" spans="14:14">
      <c r="N575608" s="10"/>
    </row>
    <row r="575609" spans="14:14">
      <c r="N575609" s="10"/>
    </row>
    <row r="575610" spans="14:14">
      <c r="N575610" s="10"/>
    </row>
    <row r="575611" spans="14:14">
      <c r="N575611" s="10"/>
    </row>
    <row r="575612" spans="14:14">
      <c r="N575612" s="10"/>
    </row>
    <row r="575613" spans="14:14">
      <c r="N575613" s="10"/>
    </row>
    <row r="575614" spans="14:14">
      <c r="N575614" s="10"/>
    </row>
    <row r="575615" spans="14:14">
      <c r="N575615" s="10"/>
    </row>
    <row r="575616" spans="14:14">
      <c r="N575616" s="10"/>
    </row>
    <row r="575617" spans="14:14">
      <c r="N575617" s="10"/>
    </row>
    <row r="575618" spans="14:14">
      <c r="N575618" s="10"/>
    </row>
    <row r="575619" spans="14:14">
      <c r="N575619" s="10"/>
    </row>
    <row r="575620" spans="14:14">
      <c r="N575620" s="10"/>
    </row>
    <row r="575621" spans="14:14">
      <c r="N575621" s="10"/>
    </row>
    <row r="575622" spans="14:14">
      <c r="N575622" s="10"/>
    </row>
    <row r="575623" spans="14:14">
      <c r="N575623" s="10"/>
    </row>
    <row r="575624" spans="14:14">
      <c r="N575624" s="10"/>
    </row>
    <row r="575625" spans="14:14">
      <c r="N575625" s="10"/>
    </row>
    <row r="575626" spans="14:14">
      <c r="N575626" s="10"/>
    </row>
    <row r="575627" spans="14:14">
      <c r="N575627" s="10"/>
    </row>
    <row r="575628" spans="14:14">
      <c r="N575628" s="10"/>
    </row>
    <row r="575629" spans="14:14">
      <c r="N575629" s="10"/>
    </row>
    <row r="575630" spans="14:14">
      <c r="N575630" s="10"/>
    </row>
    <row r="575631" spans="14:14">
      <c r="N575631" s="10"/>
    </row>
    <row r="575632" spans="14:14">
      <c r="N575632" s="10"/>
    </row>
    <row r="575633" spans="14:14">
      <c r="N575633" s="10"/>
    </row>
    <row r="575634" spans="14:14">
      <c r="N575634" s="10"/>
    </row>
    <row r="575635" spans="14:14">
      <c r="N575635" s="10"/>
    </row>
    <row r="575636" spans="14:14">
      <c r="N575636" s="10"/>
    </row>
    <row r="575637" spans="14:14">
      <c r="N575637" s="10"/>
    </row>
    <row r="575638" spans="14:14">
      <c r="N575638" s="10"/>
    </row>
    <row r="575639" spans="14:14">
      <c r="N575639" s="10"/>
    </row>
    <row r="575640" spans="14:14">
      <c r="N575640" s="10"/>
    </row>
    <row r="575641" spans="14:14">
      <c r="N575641" s="10"/>
    </row>
    <row r="575642" spans="14:14">
      <c r="N575642" s="10"/>
    </row>
    <row r="575643" spans="14:14">
      <c r="N575643" s="10"/>
    </row>
    <row r="575644" spans="14:14">
      <c r="N575644" s="10"/>
    </row>
    <row r="575645" spans="14:14">
      <c r="N575645" s="10"/>
    </row>
    <row r="575646" spans="14:14">
      <c r="N575646" s="10"/>
    </row>
    <row r="575647" spans="14:14">
      <c r="N575647" s="10"/>
    </row>
    <row r="575648" spans="14:14">
      <c r="N575648" s="10"/>
    </row>
    <row r="575649" spans="14:14">
      <c r="N575649" s="10"/>
    </row>
    <row r="575650" spans="14:14">
      <c r="N575650" s="10"/>
    </row>
    <row r="575651" spans="14:14">
      <c r="N575651" s="10"/>
    </row>
    <row r="575652" spans="14:14">
      <c r="N575652" s="10"/>
    </row>
    <row r="575653" spans="14:14">
      <c r="N575653" s="10"/>
    </row>
    <row r="575654" spans="14:14">
      <c r="N575654" s="10"/>
    </row>
    <row r="575655" spans="14:14">
      <c r="N575655" s="10"/>
    </row>
    <row r="575656" spans="14:14">
      <c r="N575656" s="10"/>
    </row>
    <row r="575657" spans="14:14">
      <c r="N575657" s="10"/>
    </row>
    <row r="575658" spans="14:14">
      <c r="N575658" s="10"/>
    </row>
    <row r="575659" spans="14:14">
      <c r="N575659" s="10"/>
    </row>
    <row r="575660" spans="14:14">
      <c r="N575660" s="10"/>
    </row>
    <row r="575661" spans="14:14">
      <c r="N575661" s="10"/>
    </row>
    <row r="575662" spans="14:14">
      <c r="N575662" s="10"/>
    </row>
    <row r="575663" spans="14:14">
      <c r="N575663" s="10"/>
    </row>
    <row r="575664" spans="14:14">
      <c r="N575664" s="10"/>
    </row>
    <row r="575665" spans="14:14">
      <c r="N575665" s="10"/>
    </row>
    <row r="575666" spans="14:14">
      <c r="N575666" s="10"/>
    </row>
    <row r="575667" spans="14:14">
      <c r="N575667" s="10"/>
    </row>
    <row r="575668" spans="14:14">
      <c r="N575668" s="10"/>
    </row>
    <row r="575669" spans="14:14">
      <c r="N575669" s="10"/>
    </row>
    <row r="575670" spans="14:14">
      <c r="N575670" s="10"/>
    </row>
    <row r="575671" spans="14:14">
      <c r="N575671" s="10"/>
    </row>
    <row r="575672" spans="14:14">
      <c r="N575672" s="10"/>
    </row>
    <row r="575673" spans="14:14">
      <c r="N575673" s="10"/>
    </row>
    <row r="575674" spans="14:14">
      <c r="N575674" s="10"/>
    </row>
    <row r="575675" spans="14:14">
      <c r="N575675" s="10"/>
    </row>
    <row r="575676" spans="14:14">
      <c r="N575676" s="10"/>
    </row>
    <row r="575677" spans="14:14">
      <c r="N575677" s="10"/>
    </row>
    <row r="575678" spans="14:14">
      <c r="N575678" s="10"/>
    </row>
    <row r="575679" spans="14:14">
      <c r="N575679" s="10"/>
    </row>
    <row r="575680" spans="14:14">
      <c r="N575680" s="10"/>
    </row>
    <row r="575681" spans="14:14">
      <c r="N575681" s="10"/>
    </row>
    <row r="575682" spans="14:14">
      <c r="N575682" s="10"/>
    </row>
    <row r="575683" spans="14:14">
      <c r="N575683" s="10"/>
    </row>
    <row r="575684" spans="14:14">
      <c r="N575684" s="10"/>
    </row>
    <row r="575685" spans="14:14">
      <c r="N575685" s="10"/>
    </row>
    <row r="575686" spans="14:14">
      <c r="N575686" s="10"/>
    </row>
    <row r="575687" spans="14:14">
      <c r="N575687" s="10"/>
    </row>
    <row r="575688" spans="14:14">
      <c r="N575688" s="10"/>
    </row>
    <row r="575689" spans="14:14">
      <c r="N575689" s="10"/>
    </row>
    <row r="575690" spans="14:14">
      <c r="N575690" s="10"/>
    </row>
    <row r="575691" spans="14:14">
      <c r="N575691" s="10"/>
    </row>
    <row r="575692" spans="14:14">
      <c r="N575692" s="10"/>
    </row>
    <row r="575693" spans="14:14">
      <c r="N575693" s="10"/>
    </row>
    <row r="575694" spans="14:14">
      <c r="N575694" s="10"/>
    </row>
    <row r="575695" spans="14:14">
      <c r="N575695" s="10"/>
    </row>
    <row r="575696" spans="14:14">
      <c r="N575696" s="10"/>
    </row>
    <row r="575697" spans="14:14">
      <c r="N575697" s="10"/>
    </row>
    <row r="575698" spans="14:14">
      <c r="N575698" s="10"/>
    </row>
    <row r="575699" spans="14:14">
      <c r="N575699" s="10"/>
    </row>
    <row r="575700" spans="14:14">
      <c r="N575700" s="10"/>
    </row>
    <row r="575701" spans="14:14">
      <c r="N575701" s="10"/>
    </row>
    <row r="575702" spans="14:14">
      <c r="N575702" s="10"/>
    </row>
    <row r="575703" spans="14:14">
      <c r="N575703" s="10"/>
    </row>
    <row r="575704" spans="14:14">
      <c r="N575704" s="10"/>
    </row>
    <row r="575705" spans="14:14">
      <c r="N575705" s="10"/>
    </row>
    <row r="575706" spans="14:14">
      <c r="N575706" s="10"/>
    </row>
    <row r="575707" spans="14:14">
      <c r="N575707" s="10"/>
    </row>
    <row r="575708" spans="14:14">
      <c r="N575708" s="10"/>
    </row>
    <row r="575709" spans="14:14">
      <c r="N575709" s="10"/>
    </row>
    <row r="575710" spans="14:14">
      <c r="N575710" s="10"/>
    </row>
    <row r="575711" spans="14:14">
      <c r="N575711" s="10"/>
    </row>
    <row r="575712" spans="14:14">
      <c r="N575712" s="10"/>
    </row>
    <row r="575713" spans="14:14">
      <c r="N575713" s="10"/>
    </row>
    <row r="575714" spans="14:14">
      <c r="N575714" s="10"/>
    </row>
    <row r="575715" spans="14:14">
      <c r="N575715" s="10"/>
    </row>
    <row r="575716" spans="14:14">
      <c r="N575716" s="10"/>
    </row>
    <row r="575717" spans="14:14">
      <c r="N575717" s="10"/>
    </row>
    <row r="575718" spans="14:14">
      <c r="N575718" s="10"/>
    </row>
    <row r="575719" spans="14:14">
      <c r="N575719" s="10"/>
    </row>
    <row r="575720" spans="14:14">
      <c r="N575720" s="10"/>
    </row>
    <row r="575721" spans="14:14">
      <c r="N575721" s="10"/>
    </row>
    <row r="575722" spans="14:14">
      <c r="N575722" s="10"/>
    </row>
    <row r="575723" spans="14:14">
      <c r="N575723" s="10"/>
    </row>
    <row r="575724" spans="14:14">
      <c r="N575724" s="10"/>
    </row>
    <row r="575725" spans="14:14">
      <c r="N575725" s="10"/>
    </row>
    <row r="575726" spans="14:14">
      <c r="N575726" s="10"/>
    </row>
    <row r="575727" spans="14:14">
      <c r="N575727" s="10"/>
    </row>
    <row r="575728" spans="14:14">
      <c r="N575728" s="10"/>
    </row>
    <row r="575729" spans="14:14">
      <c r="N575729" s="10"/>
    </row>
    <row r="575730" spans="14:14">
      <c r="N575730" s="10"/>
    </row>
    <row r="575731" spans="14:14">
      <c r="N575731" s="10"/>
    </row>
    <row r="575732" spans="14:14">
      <c r="N575732" s="10"/>
    </row>
    <row r="575733" spans="14:14">
      <c r="N575733" s="10"/>
    </row>
    <row r="575734" spans="14:14">
      <c r="N575734" s="10"/>
    </row>
    <row r="575735" spans="14:14">
      <c r="N575735" s="10"/>
    </row>
    <row r="575736" spans="14:14">
      <c r="N575736" s="10"/>
    </row>
    <row r="575737" spans="14:14">
      <c r="N575737" s="10"/>
    </row>
    <row r="575738" spans="14:14">
      <c r="N575738" s="10"/>
    </row>
    <row r="575739" spans="14:14">
      <c r="N575739" s="10"/>
    </row>
    <row r="575740" spans="14:14">
      <c r="N575740" s="10"/>
    </row>
    <row r="575741" spans="14:14">
      <c r="N575741" s="10"/>
    </row>
    <row r="575742" spans="14:14">
      <c r="N575742" s="10"/>
    </row>
    <row r="575743" spans="14:14">
      <c r="N575743" s="10"/>
    </row>
    <row r="575744" spans="14:14">
      <c r="N575744" s="10"/>
    </row>
    <row r="575745" spans="14:14">
      <c r="N575745" s="10"/>
    </row>
    <row r="575746" spans="14:14">
      <c r="N575746" s="10"/>
    </row>
    <row r="575747" spans="14:14">
      <c r="N575747" s="10"/>
    </row>
    <row r="575748" spans="14:14">
      <c r="N575748" s="10"/>
    </row>
    <row r="575749" spans="14:14">
      <c r="N575749" s="10"/>
    </row>
    <row r="575750" spans="14:14">
      <c r="N575750" s="10"/>
    </row>
    <row r="575751" spans="14:14">
      <c r="N575751" s="10"/>
    </row>
    <row r="575752" spans="14:14">
      <c r="N575752" s="10"/>
    </row>
    <row r="575753" spans="14:14">
      <c r="N575753" s="10"/>
    </row>
    <row r="575754" spans="14:14">
      <c r="N575754" s="10"/>
    </row>
    <row r="575755" spans="14:14">
      <c r="N575755" s="10"/>
    </row>
    <row r="575756" spans="14:14">
      <c r="N575756" s="10"/>
    </row>
    <row r="575757" spans="14:14">
      <c r="N575757" s="10"/>
    </row>
    <row r="575758" spans="14:14">
      <c r="N575758" s="10"/>
    </row>
    <row r="575759" spans="14:14">
      <c r="N575759" s="10"/>
    </row>
    <row r="575760" spans="14:14">
      <c r="N575760" s="10"/>
    </row>
    <row r="575761" spans="14:14">
      <c r="N575761" s="10"/>
    </row>
    <row r="575762" spans="14:14">
      <c r="N575762" s="10"/>
    </row>
    <row r="575763" spans="14:14">
      <c r="N575763" s="10"/>
    </row>
    <row r="575764" spans="14:14">
      <c r="N575764" s="10"/>
    </row>
    <row r="575765" spans="14:14">
      <c r="N575765" s="10"/>
    </row>
    <row r="575766" spans="14:14">
      <c r="N575766" s="10"/>
    </row>
    <row r="575767" spans="14:14">
      <c r="N575767" s="10"/>
    </row>
    <row r="575768" spans="14:14">
      <c r="N575768" s="10"/>
    </row>
    <row r="575769" spans="14:14">
      <c r="N575769" s="10"/>
    </row>
    <row r="575770" spans="14:14">
      <c r="N575770" s="10"/>
    </row>
    <row r="575771" spans="14:14">
      <c r="N575771" s="10"/>
    </row>
    <row r="575772" spans="14:14">
      <c r="N575772" s="10"/>
    </row>
    <row r="575773" spans="14:14">
      <c r="N575773" s="10"/>
    </row>
    <row r="575774" spans="14:14">
      <c r="N575774" s="10"/>
    </row>
    <row r="575775" spans="14:14">
      <c r="N575775" s="10"/>
    </row>
    <row r="575776" spans="14:14">
      <c r="N575776" s="10"/>
    </row>
    <row r="575777" spans="14:14">
      <c r="N575777" s="10"/>
    </row>
    <row r="575778" spans="14:14">
      <c r="N575778" s="10"/>
    </row>
    <row r="575779" spans="14:14">
      <c r="N575779" s="10"/>
    </row>
    <row r="575780" spans="14:14">
      <c r="N575780" s="10"/>
    </row>
    <row r="575781" spans="14:14">
      <c r="N575781" s="10"/>
    </row>
    <row r="575782" spans="14:14">
      <c r="N575782" s="10"/>
    </row>
    <row r="575783" spans="14:14">
      <c r="N575783" s="10"/>
    </row>
    <row r="575784" spans="14:14">
      <c r="N575784" s="10"/>
    </row>
    <row r="575785" spans="14:14">
      <c r="N575785" s="10"/>
    </row>
    <row r="575786" spans="14:14">
      <c r="N575786" s="10"/>
    </row>
    <row r="575787" spans="14:14">
      <c r="N575787" s="10"/>
    </row>
    <row r="575788" spans="14:14">
      <c r="N575788" s="10"/>
    </row>
    <row r="575789" spans="14:14">
      <c r="N575789" s="10"/>
    </row>
    <row r="575790" spans="14:14">
      <c r="N575790" s="10"/>
    </row>
    <row r="575791" spans="14:14">
      <c r="N575791" s="10"/>
    </row>
    <row r="575792" spans="14:14">
      <c r="N575792" s="10"/>
    </row>
    <row r="575793" spans="14:14">
      <c r="N575793" s="10"/>
    </row>
    <row r="575794" spans="14:14">
      <c r="N575794" s="10"/>
    </row>
    <row r="575795" spans="14:14">
      <c r="N575795" s="10"/>
    </row>
    <row r="575796" spans="14:14">
      <c r="N575796" s="10"/>
    </row>
    <row r="575797" spans="14:14">
      <c r="N575797" s="10"/>
    </row>
    <row r="575798" spans="14:14">
      <c r="N575798" s="10"/>
    </row>
    <row r="575799" spans="14:14">
      <c r="N575799" s="10"/>
    </row>
    <row r="575800" spans="14:14">
      <c r="N575800" s="10"/>
    </row>
    <row r="575801" spans="14:14">
      <c r="N575801" s="10"/>
    </row>
    <row r="575802" spans="14:14">
      <c r="N575802" s="10"/>
    </row>
    <row r="575803" spans="14:14">
      <c r="N575803" s="10"/>
    </row>
    <row r="575804" spans="14:14">
      <c r="N575804" s="10"/>
    </row>
    <row r="575805" spans="14:14">
      <c r="N575805" s="10"/>
    </row>
    <row r="575806" spans="14:14">
      <c r="N575806" s="10"/>
    </row>
    <row r="575807" spans="14:14">
      <c r="N575807" s="10"/>
    </row>
    <row r="575808" spans="14:14">
      <c r="N575808" s="10"/>
    </row>
    <row r="575809" spans="14:14">
      <c r="N575809" s="10"/>
    </row>
    <row r="575810" spans="14:14">
      <c r="N575810" s="10"/>
    </row>
    <row r="575811" spans="14:14">
      <c r="N575811" s="10"/>
    </row>
    <row r="575812" spans="14:14">
      <c r="N575812" s="10"/>
    </row>
    <row r="575813" spans="14:14">
      <c r="N575813" s="10"/>
    </row>
    <row r="575814" spans="14:14">
      <c r="N575814" s="10"/>
    </row>
    <row r="575815" spans="14:14">
      <c r="N575815" s="10"/>
    </row>
    <row r="575816" spans="14:14">
      <c r="N575816" s="10"/>
    </row>
    <row r="575817" spans="14:14">
      <c r="N575817" s="10"/>
    </row>
    <row r="575818" spans="14:14">
      <c r="N575818" s="10"/>
    </row>
    <row r="575819" spans="14:14">
      <c r="N575819" s="10"/>
    </row>
    <row r="575820" spans="14:14">
      <c r="N575820" s="10"/>
    </row>
    <row r="575821" spans="14:14">
      <c r="N575821" s="10"/>
    </row>
    <row r="575822" spans="14:14">
      <c r="N575822" s="10"/>
    </row>
    <row r="575823" spans="14:14">
      <c r="N575823" s="10"/>
    </row>
    <row r="575824" spans="14:14">
      <c r="N575824" s="10"/>
    </row>
    <row r="575825" spans="14:14">
      <c r="N575825" s="10"/>
    </row>
    <row r="575826" spans="14:14">
      <c r="N575826" s="10"/>
    </row>
    <row r="575827" spans="14:14">
      <c r="N575827" s="10"/>
    </row>
    <row r="575828" spans="14:14">
      <c r="N575828" s="10"/>
    </row>
    <row r="575829" spans="14:14">
      <c r="N575829" s="10"/>
    </row>
    <row r="575830" spans="14:14">
      <c r="N575830" s="10"/>
    </row>
    <row r="575831" spans="14:14">
      <c r="N575831" s="10"/>
    </row>
    <row r="575832" spans="14:14">
      <c r="N575832" s="10"/>
    </row>
    <row r="575833" spans="14:14">
      <c r="N575833" s="10"/>
    </row>
    <row r="575834" spans="14:14">
      <c r="N575834" s="10"/>
    </row>
    <row r="575835" spans="14:14">
      <c r="N575835" s="10"/>
    </row>
    <row r="575836" spans="14:14">
      <c r="N575836" s="10"/>
    </row>
    <row r="575837" spans="14:14">
      <c r="N575837" s="10"/>
    </row>
    <row r="575838" spans="14:14">
      <c r="N575838" s="10"/>
    </row>
    <row r="575839" spans="14:14">
      <c r="N575839" s="10"/>
    </row>
    <row r="575840" spans="14:14">
      <c r="N575840" s="10"/>
    </row>
    <row r="575841" spans="14:14">
      <c r="N575841" s="10"/>
    </row>
    <row r="575842" spans="14:14">
      <c r="N575842" s="10"/>
    </row>
    <row r="575843" spans="14:14">
      <c r="N575843" s="10"/>
    </row>
    <row r="575844" spans="14:14">
      <c r="N575844" s="10"/>
    </row>
    <row r="575845" spans="14:14">
      <c r="N575845" s="10"/>
    </row>
    <row r="575846" spans="14:14">
      <c r="N575846" s="10"/>
    </row>
    <row r="575847" spans="14:14">
      <c r="N575847" s="10"/>
    </row>
    <row r="575848" spans="14:14">
      <c r="N575848" s="10"/>
    </row>
    <row r="575849" spans="14:14">
      <c r="N575849" s="10"/>
    </row>
    <row r="575850" spans="14:14">
      <c r="N575850" s="10"/>
    </row>
    <row r="575851" spans="14:14">
      <c r="N575851" s="10"/>
    </row>
    <row r="575852" spans="14:14">
      <c r="N575852" s="10"/>
    </row>
    <row r="575853" spans="14:14">
      <c r="N575853" s="10"/>
    </row>
    <row r="575854" spans="14:14">
      <c r="N575854" s="10"/>
    </row>
    <row r="575855" spans="14:14">
      <c r="N575855" s="10"/>
    </row>
    <row r="575856" spans="14:14">
      <c r="N575856" s="10"/>
    </row>
    <row r="575857" spans="14:14">
      <c r="N575857" s="10"/>
    </row>
    <row r="575858" spans="14:14">
      <c r="N575858" s="10"/>
    </row>
    <row r="575859" spans="14:14">
      <c r="N575859" s="10"/>
    </row>
    <row r="575860" spans="14:14">
      <c r="N575860" s="10"/>
    </row>
    <row r="575861" spans="14:14">
      <c r="N575861" s="10"/>
    </row>
    <row r="575862" spans="14:14">
      <c r="N575862" s="10"/>
    </row>
    <row r="575863" spans="14:14">
      <c r="N575863" s="10"/>
    </row>
    <row r="575864" spans="14:14">
      <c r="N575864" s="10"/>
    </row>
    <row r="575865" spans="14:14">
      <c r="N575865" s="10"/>
    </row>
    <row r="575866" spans="14:14">
      <c r="N575866" s="10"/>
    </row>
    <row r="575867" spans="14:14">
      <c r="N575867" s="10"/>
    </row>
    <row r="575868" spans="14:14">
      <c r="N575868" s="10"/>
    </row>
    <row r="575869" spans="14:14">
      <c r="N575869" s="10"/>
    </row>
    <row r="575870" spans="14:14">
      <c r="N575870" s="10"/>
    </row>
    <row r="575871" spans="14:14">
      <c r="N575871" s="10"/>
    </row>
    <row r="575872" spans="14:14">
      <c r="N575872" s="10"/>
    </row>
    <row r="575873" spans="14:14">
      <c r="N575873" s="10"/>
    </row>
    <row r="575874" spans="14:14">
      <c r="N575874" s="10"/>
    </row>
    <row r="575875" spans="14:14">
      <c r="N575875" s="10"/>
    </row>
    <row r="575876" spans="14:14">
      <c r="N575876" s="10"/>
    </row>
    <row r="575877" spans="14:14">
      <c r="N575877" s="10"/>
    </row>
    <row r="575878" spans="14:14">
      <c r="N575878" s="10"/>
    </row>
    <row r="575879" spans="14:14">
      <c r="N575879" s="10"/>
    </row>
    <row r="575880" spans="14:14">
      <c r="N575880" s="10"/>
    </row>
    <row r="575881" spans="14:14">
      <c r="N575881" s="10"/>
    </row>
    <row r="575882" spans="14:14">
      <c r="N575882" s="10"/>
    </row>
    <row r="575883" spans="14:14">
      <c r="N575883" s="10"/>
    </row>
    <row r="575884" spans="14:14">
      <c r="N575884" s="10"/>
    </row>
    <row r="575885" spans="14:14">
      <c r="N575885" s="10"/>
    </row>
    <row r="575886" spans="14:14">
      <c r="N575886" s="10"/>
    </row>
    <row r="575887" spans="14:14">
      <c r="N575887" s="10"/>
    </row>
    <row r="575888" spans="14:14">
      <c r="N575888" s="10"/>
    </row>
    <row r="575889" spans="14:14">
      <c r="N575889" s="10"/>
    </row>
    <row r="575890" spans="14:14">
      <c r="N575890" s="10"/>
    </row>
    <row r="575891" spans="14:14">
      <c r="N575891" s="10"/>
    </row>
    <row r="575892" spans="14:14">
      <c r="N575892" s="10"/>
    </row>
    <row r="575893" spans="14:14">
      <c r="N575893" s="10"/>
    </row>
    <row r="575894" spans="14:14">
      <c r="N575894" s="10"/>
    </row>
    <row r="575895" spans="14:14">
      <c r="N575895" s="10"/>
    </row>
    <row r="575896" spans="14:14">
      <c r="N575896" s="10"/>
    </row>
    <row r="575897" spans="14:14">
      <c r="N575897" s="10"/>
    </row>
    <row r="575898" spans="14:14">
      <c r="N575898" s="10"/>
    </row>
    <row r="575899" spans="14:14">
      <c r="N575899" s="10"/>
    </row>
    <row r="575900" spans="14:14">
      <c r="N575900" s="10"/>
    </row>
    <row r="575901" spans="14:14">
      <c r="N575901" s="10"/>
    </row>
    <row r="575902" spans="14:14">
      <c r="N575902" s="10"/>
    </row>
    <row r="575903" spans="14:14">
      <c r="N575903" s="10"/>
    </row>
    <row r="575904" spans="14:14">
      <c r="N575904" s="10"/>
    </row>
    <row r="575905" spans="14:14">
      <c r="N575905" s="10"/>
    </row>
    <row r="575906" spans="14:14">
      <c r="N575906" s="10"/>
    </row>
    <row r="575907" spans="14:14">
      <c r="N575907" s="10"/>
    </row>
    <row r="575908" spans="14:14">
      <c r="N575908" s="10"/>
    </row>
    <row r="575909" spans="14:14">
      <c r="N575909" s="10"/>
    </row>
    <row r="575910" spans="14:14">
      <c r="N575910" s="10"/>
    </row>
    <row r="575911" spans="14:14">
      <c r="N575911" s="10"/>
    </row>
    <row r="575912" spans="14:14">
      <c r="N575912" s="10"/>
    </row>
    <row r="575913" spans="14:14">
      <c r="N575913" s="10"/>
    </row>
    <row r="575914" spans="14:14">
      <c r="N575914" s="10"/>
    </row>
    <row r="575915" spans="14:14">
      <c r="N575915" s="10"/>
    </row>
    <row r="575916" spans="14:14">
      <c r="N575916" s="10"/>
    </row>
    <row r="575917" spans="14:14">
      <c r="N575917" s="10"/>
    </row>
    <row r="575918" spans="14:14">
      <c r="N575918" s="10"/>
    </row>
    <row r="575919" spans="14:14">
      <c r="N575919" s="10"/>
    </row>
    <row r="575920" spans="14:14">
      <c r="N575920" s="10"/>
    </row>
    <row r="575921" spans="14:14">
      <c r="N575921" s="10"/>
    </row>
    <row r="575922" spans="14:14">
      <c r="N575922" s="10"/>
    </row>
    <row r="575923" spans="14:14">
      <c r="N575923" s="10"/>
    </row>
    <row r="575924" spans="14:14">
      <c r="N575924" s="10"/>
    </row>
    <row r="575925" spans="14:14">
      <c r="N575925" s="10"/>
    </row>
    <row r="575926" spans="14:14">
      <c r="N575926" s="10"/>
    </row>
    <row r="575927" spans="14:14">
      <c r="N575927" s="10"/>
    </row>
    <row r="575928" spans="14:14">
      <c r="N575928" s="10"/>
    </row>
    <row r="575929" spans="14:14">
      <c r="N575929" s="10"/>
    </row>
    <row r="575930" spans="14:14">
      <c r="N575930" s="10"/>
    </row>
    <row r="575931" spans="14:14">
      <c r="N575931" s="10"/>
    </row>
    <row r="575932" spans="14:14">
      <c r="N575932" s="10"/>
    </row>
    <row r="575933" spans="14:14">
      <c r="N575933" s="10"/>
    </row>
    <row r="575934" spans="14:14">
      <c r="N575934" s="10"/>
    </row>
    <row r="575935" spans="14:14">
      <c r="N575935" s="10"/>
    </row>
    <row r="575936" spans="14:14">
      <c r="N575936" s="10"/>
    </row>
    <row r="575937" spans="14:14">
      <c r="N575937" s="10"/>
    </row>
    <row r="575938" spans="14:14">
      <c r="N575938" s="10"/>
    </row>
    <row r="575939" spans="14:14">
      <c r="N575939" s="10"/>
    </row>
    <row r="575940" spans="14:14">
      <c r="N575940" s="10"/>
    </row>
    <row r="575941" spans="14:14">
      <c r="N575941" s="10"/>
    </row>
    <row r="575942" spans="14:14">
      <c r="N575942" s="10"/>
    </row>
    <row r="575943" spans="14:14">
      <c r="N575943" s="10"/>
    </row>
    <row r="575944" spans="14:14">
      <c r="N575944" s="10"/>
    </row>
    <row r="575945" spans="14:14">
      <c r="N575945" s="10"/>
    </row>
    <row r="575946" spans="14:14">
      <c r="N575946" s="10"/>
    </row>
    <row r="575947" spans="14:14">
      <c r="N575947" s="10"/>
    </row>
    <row r="575948" spans="14:14">
      <c r="N575948" s="10"/>
    </row>
    <row r="575949" spans="14:14">
      <c r="N575949" s="10"/>
    </row>
    <row r="575950" spans="14:14">
      <c r="N575950" s="10"/>
    </row>
    <row r="575951" spans="14:14">
      <c r="N575951" s="10"/>
    </row>
    <row r="575952" spans="14:14">
      <c r="N575952" s="10"/>
    </row>
    <row r="575953" spans="14:14">
      <c r="N575953" s="10"/>
    </row>
    <row r="575954" spans="14:14">
      <c r="N575954" s="10"/>
    </row>
    <row r="575955" spans="14:14">
      <c r="N575955" s="10"/>
    </row>
    <row r="575956" spans="14:14">
      <c r="N575956" s="10"/>
    </row>
    <row r="575957" spans="14:14">
      <c r="N575957" s="10"/>
    </row>
    <row r="575958" spans="14:14">
      <c r="N575958" s="10"/>
    </row>
    <row r="575959" spans="14:14">
      <c r="N575959" s="10"/>
    </row>
    <row r="575960" spans="14:14">
      <c r="N575960" s="10"/>
    </row>
    <row r="575961" spans="14:14">
      <c r="N575961" s="10"/>
    </row>
    <row r="575962" spans="14:14">
      <c r="N575962" s="10"/>
    </row>
    <row r="575963" spans="14:14">
      <c r="N575963" s="10"/>
    </row>
    <row r="575964" spans="14:14">
      <c r="N575964" s="10"/>
    </row>
    <row r="575965" spans="14:14">
      <c r="N575965" s="10"/>
    </row>
    <row r="575966" spans="14:14">
      <c r="N575966" s="10"/>
    </row>
    <row r="575967" spans="14:14">
      <c r="N575967" s="10"/>
    </row>
    <row r="575968" spans="14:14">
      <c r="N575968" s="10"/>
    </row>
    <row r="575969" spans="14:14">
      <c r="N575969" s="10"/>
    </row>
    <row r="575970" spans="14:14">
      <c r="N575970" s="10"/>
    </row>
    <row r="575971" spans="14:14">
      <c r="N575971" s="10"/>
    </row>
    <row r="575972" spans="14:14">
      <c r="N575972" s="10"/>
    </row>
    <row r="575973" spans="14:14">
      <c r="N575973" s="10"/>
    </row>
    <row r="575974" spans="14:14">
      <c r="N575974" s="10"/>
    </row>
    <row r="575975" spans="14:14">
      <c r="N575975" s="10"/>
    </row>
    <row r="575976" spans="14:14">
      <c r="N575976" s="10"/>
    </row>
    <row r="575977" spans="14:14">
      <c r="N575977" s="10"/>
    </row>
    <row r="575978" spans="14:14">
      <c r="N575978" s="10"/>
    </row>
    <row r="575979" spans="14:14">
      <c r="N575979" s="10"/>
    </row>
    <row r="575980" spans="14:14">
      <c r="N575980" s="10"/>
    </row>
    <row r="575981" spans="14:14">
      <c r="N575981" s="10"/>
    </row>
    <row r="575982" spans="14:14">
      <c r="N575982" s="10"/>
    </row>
    <row r="575983" spans="14:14">
      <c r="N575983" s="10"/>
    </row>
    <row r="575984" spans="14:14">
      <c r="N575984" s="10"/>
    </row>
    <row r="575985" spans="14:14">
      <c r="N575985" s="10"/>
    </row>
    <row r="575986" spans="14:14">
      <c r="N575986" s="10"/>
    </row>
    <row r="575987" spans="14:14">
      <c r="N575987" s="10"/>
    </row>
    <row r="575988" spans="14:14">
      <c r="N575988" s="10"/>
    </row>
    <row r="575989" spans="14:14">
      <c r="N575989" s="10"/>
    </row>
    <row r="575990" spans="14:14">
      <c r="N575990" s="10"/>
    </row>
    <row r="575991" spans="14:14">
      <c r="N575991" s="10"/>
    </row>
    <row r="575992" spans="14:14">
      <c r="N575992" s="10"/>
    </row>
    <row r="575993" spans="14:14">
      <c r="N575993" s="10"/>
    </row>
    <row r="575994" spans="14:14">
      <c r="N575994" s="10"/>
    </row>
    <row r="575995" spans="14:14">
      <c r="N575995" s="10"/>
    </row>
    <row r="575996" spans="14:14">
      <c r="N575996" s="10"/>
    </row>
    <row r="575997" spans="14:14">
      <c r="N575997" s="10"/>
    </row>
    <row r="575998" spans="14:14">
      <c r="N575998" s="10"/>
    </row>
    <row r="575999" spans="14:14">
      <c r="N575999" s="10"/>
    </row>
    <row r="576000" spans="14:14">
      <c r="N576000" s="10"/>
    </row>
    <row r="576001" spans="14:14">
      <c r="N576001" s="10"/>
    </row>
    <row r="576002" spans="14:14">
      <c r="N576002" s="10"/>
    </row>
    <row r="576003" spans="14:14">
      <c r="N576003" s="10"/>
    </row>
    <row r="576004" spans="14:14">
      <c r="N576004" s="10"/>
    </row>
    <row r="576005" spans="14:14">
      <c r="N576005" s="10"/>
    </row>
    <row r="576006" spans="14:14">
      <c r="N576006" s="10"/>
    </row>
    <row r="576007" spans="14:14">
      <c r="N576007" s="10"/>
    </row>
    <row r="576008" spans="14:14">
      <c r="N576008" s="10"/>
    </row>
    <row r="576009" spans="14:14">
      <c r="N576009" s="10"/>
    </row>
    <row r="576010" spans="14:14">
      <c r="N576010" s="10"/>
    </row>
    <row r="576011" spans="14:14">
      <c r="N576011" s="10"/>
    </row>
    <row r="576012" spans="14:14">
      <c r="N576012" s="10"/>
    </row>
    <row r="576013" spans="14:14">
      <c r="N576013" s="10"/>
    </row>
    <row r="576014" spans="14:14">
      <c r="N576014" s="10"/>
    </row>
    <row r="576015" spans="14:14">
      <c r="N576015" s="10"/>
    </row>
    <row r="576016" spans="14:14">
      <c r="N576016" s="10"/>
    </row>
    <row r="576017" spans="14:14">
      <c r="N576017" s="10"/>
    </row>
    <row r="576018" spans="14:14">
      <c r="N576018" s="10"/>
    </row>
    <row r="576019" spans="14:14">
      <c r="N576019" s="10"/>
    </row>
    <row r="576020" spans="14:14">
      <c r="N576020" s="10"/>
    </row>
    <row r="576021" spans="14:14">
      <c r="N576021" s="10"/>
    </row>
    <row r="576022" spans="14:14">
      <c r="N576022" s="10"/>
    </row>
    <row r="576023" spans="14:14">
      <c r="N576023" s="10"/>
    </row>
    <row r="576024" spans="14:14">
      <c r="N576024" s="10"/>
    </row>
    <row r="576025" spans="14:14">
      <c r="N576025" s="10"/>
    </row>
    <row r="576026" spans="14:14">
      <c r="N576026" s="10"/>
    </row>
    <row r="576027" spans="14:14">
      <c r="N576027" s="10"/>
    </row>
    <row r="576028" spans="14:14">
      <c r="N576028" s="10"/>
    </row>
    <row r="576029" spans="14:14">
      <c r="N576029" s="10"/>
    </row>
    <row r="576030" spans="14:14">
      <c r="N576030" s="10"/>
    </row>
    <row r="576031" spans="14:14">
      <c r="N576031" s="10"/>
    </row>
    <row r="576032" spans="14:14">
      <c r="N576032" s="10"/>
    </row>
    <row r="576033" spans="14:14">
      <c r="N576033" s="10"/>
    </row>
    <row r="576034" spans="14:14">
      <c r="N576034" s="10"/>
    </row>
    <row r="576035" spans="14:14">
      <c r="N576035" s="10"/>
    </row>
    <row r="576036" spans="14:14">
      <c r="N576036" s="10"/>
    </row>
    <row r="576037" spans="14:14">
      <c r="N576037" s="10"/>
    </row>
    <row r="576038" spans="14:14">
      <c r="N576038" s="10"/>
    </row>
    <row r="576039" spans="14:14">
      <c r="N576039" s="10"/>
    </row>
    <row r="576040" spans="14:14">
      <c r="N576040" s="10"/>
    </row>
    <row r="576041" spans="14:14">
      <c r="N576041" s="10"/>
    </row>
    <row r="576042" spans="14:14">
      <c r="N576042" s="10"/>
    </row>
    <row r="576043" spans="14:14">
      <c r="N576043" s="10"/>
    </row>
    <row r="576044" spans="14:14">
      <c r="N576044" s="10"/>
    </row>
    <row r="576045" spans="14:14">
      <c r="N576045" s="10"/>
    </row>
    <row r="576046" spans="14:14">
      <c r="N576046" s="10"/>
    </row>
    <row r="576047" spans="14:14">
      <c r="N576047" s="10"/>
    </row>
    <row r="576048" spans="14:14">
      <c r="N576048" s="10"/>
    </row>
    <row r="576049" spans="14:14">
      <c r="N576049" s="10"/>
    </row>
    <row r="576050" spans="14:14">
      <c r="N576050" s="10"/>
    </row>
    <row r="576051" spans="14:14">
      <c r="N576051" s="10"/>
    </row>
    <row r="576052" spans="14:14">
      <c r="N576052" s="10"/>
    </row>
    <row r="576053" spans="14:14">
      <c r="N576053" s="10"/>
    </row>
    <row r="576054" spans="14:14">
      <c r="N576054" s="10"/>
    </row>
    <row r="576055" spans="14:14">
      <c r="N576055" s="10"/>
    </row>
    <row r="576056" spans="14:14">
      <c r="N576056" s="10"/>
    </row>
    <row r="576057" spans="14:14">
      <c r="N576057" s="10"/>
    </row>
    <row r="576058" spans="14:14">
      <c r="N576058" s="10"/>
    </row>
    <row r="576059" spans="14:14">
      <c r="N576059" s="10"/>
    </row>
    <row r="576060" spans="14:14">
      <c r="N576060" s="10"/>
    </row>
    <row r="576061" spans="14:14">
      <c r="N576061" s="10"/>
    </row>
    <row r="576062" spans="14:14">
      <c r="N576062" s="10"/>
    </row>
    <row r="576063" spans="14:14">
      <c r="N576063" s="10"/>
    </row>
    <row r="576064" spans="14:14">
      <c r="N576064" s="10"/>
    </row>
    <row r="576065" spans="14:14">
      <c r="N576065" s="10"/>
    </row>
    <row r="576066" spans="14:14">
      <c r="N576066" s="10"/>
    </row>
    <row r="576067" spans="14:14">
      <c r="N576067" s="10"/>
    </row>
    <row r="576068" spans="14:14">
      <c r="N576068" s="10"/>
    </row>
    <row r="576069" spans="14:14">
      <c r="N576069" s="10"/>
    </row>
    <row r="576070" spans="14:14">
      <c r="N576070" s="10"/>
    </row>
    <row r="576071" spans="14:14">
      <c r="N576071" s="10"/>
    </row>
    <row r="576072" spans="14:14">
      <c r="N576072" s="10"/>
    </row>
    <row r="576073" spans="14:14">
      <c r="N576073" s="10"/>
    </row>
    <row r="576074" spans="14:14">
      <c r="N576074" s="10"/>
    </row>
    <row r="576075" spans="14:14">
      <c r="N576075" s="10"/>
    </row>
    <row r="576076" spans="14:14">
      <c r="N576076" s="10"/>
    </row>
    <row r="576077" spans="14:14">
      <c r="N576077" s="10"/>
    </row>
    <row r="576078" spans="14:14">
      <c r="N576078" s="10"/>
    </row>
    <row r="576079" spans="14:14">
      <c r="N576079" s="10"/>
    </row>
    <row r="576080" spans="14:14">
      <c r="N576080" s="10"/>
    </row>
    <row r="576081" spans="14:14">
      <c r="N576081" s="10"/>
    </row>
    <row r="576082" spans="14:14">
      <c r="N576082" s="10"/>
    </row>
    <row r="576083" spans="14:14">
      <c r="N576083" s="10"/>
    </row>
    <row r="576084" spans="14:14">
      <c r="N576084" s="10"/>
    </row>
    <row r="576085" spans="14:14">
      <c r="N576085" s="10"/>
    </row>
    <row r="576086" spans="14:14">
      <c r="N576086" s="10"/>
    </row>
    <row r="576087" spans="14:14">
      <c r="N576087" s="10"/>
    </row>
    <row r="576088" spans="14:14">
      <c r="N576088" s="10"/>
    </row>
    <row r="576089" spans="14:14">
      <c r="N576089" s="10"/>
    </row>
    <row r="576090" spans="14:14">
      <c r="N576090" s="10"/>
    </row>
    <row r="576091" spans="14:14">
      <c r="N576091" s="10"/>
    </row>
    <row r="576092" spans="14:14">
      <c r="N576092" s="10"/>
    </row>
    <row r="576093" spans="14:14">
      <c r="N576093" s="10"/>
    </row>
    <row r="576094" spans="14:14">
      <c r="N576094" s="10"/>
    </row>
    <row r="576095" spans="14:14">
      <c r="N576095" s="10"/>
    </row>
    <row r="576096" spans="14:14">
      <c r="N576096" s="10"/>
    </row>
    <row r="576097" spans="14:14">
      <c r="N576097" s="10"/>
    </row>
    <row r="576098" spans="14:14">
      <c r="N576098" s="10"/>
    </row>
    <row r="576099" spans="14:14">
      <c r="N576099" s="10"/>
    </row>
    <row r="576100" spans="14:14">
      <c r="N576100" s="10"/>
    </row>
    <row r="576101" spans="14:14">
      <c r="N576101" s="10"/>
    </row>
    <row r="576102" spans="14:14">
      <c r="N576102" s="10"/>
    </row>
    <row r="576103" spans="14:14">
      <c r="N576103" s="10"/>
    </row>
    <row r="576104" spans="14:14">
      <c r="N576104" s="10"/>
    </row>
    <row r="576105" spans="14:14">
      <c r="N576105" s="10"/>
    </row>
    <row r="576106" spans="14:14">
      <c r="N576106" s="10"/>
    </row>
    <row r="576107" spans="14:14">
      <c r="N576107" s="10"/>
    </row>
    <row r="576108" spans="14:14">
      <c r="N576108" s="10"/>
    </row>
    <row r="576109" spans="14:14">
      <c r="N576109" s="10"/>
    </row>
    <row r="576110" spans="14:14">
      <c r="N576110" s="10"/>
    </row>
    <row r="576111" spans="14:14">
      <c r="N576111" s="10"/>
    </row>
    <row r="576112" spans="14:14">
      <c r="N576112" s="10"/>
    </row>
    <row r="576113" spans="14:14">
      <c r="N576113" s="10"/>
    </row>
    <row r="576114" spans="14:14">
      <c r="N576114" s="10"/>
    </row>
    <row r="576115" spans="14:14">
      <c r="N576115" s="10"/>
    </row>
    <row r="576116" spans="14:14">
      <c r="N576116" s="10"/>
    </row>
    <row r="576117" spans="14:14">
      <c r="N576117" s="10"/>
    </row>
    <row r="576118" spans="14:14">
      <c r="N576118" s="10"/>
    </row>
    <row r="576119" spans="14:14">
      <c r="N576119" s="10"/>
    </row>
    <row r="576120" spans="14:14">
      <c r="N576120" s="10"/>
    </row>
    <row r="576121" spans="14:14">
      <c r="N576121" s="10"/>
    </row>
    <row r="576122" spans="14:14">
      <c r="N576122" s="10"/>
    </row>
    <row r="576123" spans="14:14">
      <c r="N576123" s="10"/>
    </row>
    <row r="576124" spans="14:14">
      <c r="N576124" s="10"/>
    </row>
    <row r="576125" spans="14:14">
      <c r="N576125" s="10"/>
    </row>
    <row r="576126" spans="14:14">
      <c r="N576126" s="10"/>
    </row>
    <row r="576127" spans="14:14">
      <c r="N576127" s="10"/>
    </row>
    <row r="576128" spans="14:14">
      <c r="N576128" s="10"/>
    </row>
    <row r="576129" spans="14:14">
      <c r="N576129" s="10"/>
    </row>
    <row r="576130" spans="14:14">
      <c r="N576130" s="10"/>
    </row>
    <row r="576131" spans="14:14">
      <c r="N576131" s="10"/>
    </row>
    <row r="576132" spans="14:14">
      <c r="N576132" s="10"/>
    </row>
    <row r="576133" spans="14:14">
      <c r="N576133" s="10"/>
    </row>
    <row r="576134" spans="14:14">
      <c r="N576134" s="10"/>
    </row>
    <row r="576135" spans="14:14">
      <c r="N576135" s="10"/>
    </row>
    <row r="576136" spans="14:14">
      <c r="N576136" s="10"/>
    </row>
    <row r="576137" spans="14:14">
      <c r="N576137" s="10"/>
    </row>
    <row r="576138" spans="14:14">
      <c r="N576138" s="10"/>
    </row>
    <row r="576139" spans="14:14">
      <c r="N576139" s="10"/>
    </row>
    <row r="576140" spans="14:14">
      <c r="N576140" s="10"/>
    </row>
    <row r="576141" spans="14:14">
      <c r="N576141" s="10"/>
    </row>
    <row r="576142" spans="14:14">
      <c r="N576142" s="10"/>
    </row>
    <row r="576143" spans="14:14">
      <c r="N576143" s="10"/>
    </row>
    <row r="576144" spans="14:14">
      <c r="N576144" s="10"/>
    </row>
    <row r="576145" spans="14:14">
      <c r="N576145" s="10"/>
    </row>
    <row r="576146" spans="14:14">
      <c r="N576146" s="10"/>
    </row>
    <row r="576147" spans="14:14">
      <c r="N576147" s="10"/>
    </row>
    <row r="576148" spans="14:14">
      <c r="N576148" s="10"/>
    </row>
    <row r="576149" spans="14:14">
      <c r="N576149" s="10"/>
    </row>
    <row r="576150" spans="14:14">
      <c r="N576150" s="10"/>
    </row>
    <row r="576151" spans="14:14">
      <c r="N576151" s="10"/>
    </row>
    <row r="576152" spans="14:14">
      <c r="N576152" s="10"/>
    </row>
    <row r="576153" spans="14:14">
      <c r="N576153" s="10"/>
    </row>
    <row r="576154" spans="14:14">
      <c r="N576154" s="10"/>
    </row>
    <row r="576155" spans="14:14">
      <c r="N576155" s="10"/>
    </row>
    <row r="576156" spans="14:14">
      <c r="N576156" s="10"/>
    </row>
    <row r="576157" spans="14:14">
      <c r="N576157" s="10"/>
    </row>
    <row r="576158" spans="14:14">
      <c r="N576158" s="10"/>
    </row>
    <row r="576159" spans="14:14">
      <c r="N576159" s="10"/>
    </row>
    <row r="576160" spans="14:14">
      <c r="N576160" s="10"/>
    </row>
    <row r="576161" spans="14:14">
      <c r="N576161" s="10"/>
    </row>
    <row r="576162" spans="14:14">
      <c r="N576162" s="10"/>
    </row>
    <row r="576163" spans="14:14">
      <c r="N576163" s="10"/>
    </row>
    <row r="576164" spans="14:14">
      <c r="N576164" s="10"/>
    </row>
    <row r="576165" spans="14:14">
      <c r="N576165" s="10"/>
    </row>
    <row r="576166" spans="14:14">
      <c r="N576166" s="10"/>
    </row>
    <row r="576167" spans="14:14">
      <c r="N576167" s="10"/>
    </row>
    <row r="576168" spans="14:14">
      <c r="N576168" s="10"/>
    </row>
    <row r="576169" spans="14:14">
      <c r="N576169" s="10"/>
    </row>
    <row r="576170" spans="14:14">
      <c r="N576170" s="10"/>
    </row>
    <row r="576171" spans="14:14">
      <c r="N576171" s="10"/>
    </row>
    <row r="576172" spans="14:14">
      <c r="N576172" s="10"/>
    </row>
    <row r="576173" spans="14:14">
      <c r="N576173" s="10"/>
    </row>
    <row r="576174" spans="14:14">
      <c r="N576174" s="10"/>
    </row>
    <row r="576175" spans="14:14">
      <c r="N576175" s="10"/>
    </row>
    <row r="576176" spans="14:14">
      <c r="N576176" s="10"/>
    </row>
    <row r="576177" spans="14:14">
      <c r="N576177" s="10"/>
    </row>
    <row r="576178" spans="14:14">
      <c r="N576178" s="10"/>
    </row>
    <row r="576179" spans="14:14">
      <c r="N576179" s="10"/>
    </row>
    <row r="576180" spans="14:14">
      <c r="N576180" s="10"/>
    </row>
    <row r="576181" spans="14:14">
      <c r="N576181" s="10"/>
    </row>
    <row r="576182" spans="14:14">
      <c r="N576182" s="10"/>
    </row>
    <row r="576183" spans="14:14">
      <c r="N576183" s="10"/>
    </row>
    <row r="576184" spans="14:14">
      <c r="N576184" s="10"/>
    </row>
    <row r="576185" spans="14:14">
      <c r="N576185" s="10"/>
    </row>
    <row r="576186" spans="14:14">
      <c r="N576186" s="10"/>
    </row>
    <row r="576187" spans="14:14">
      <c r="N576187" s="10"/>
    </row>
    <row r="576188" spans="14:14">
      <c r="N576188" s="10"/>
    </row>
    <row r="576189" spans="14:14">
      <c r="N576189" s="10"/>
    </row>
    <row r="576190" spans="14:14">
      <c r="N576190" s="10"/>
    </row>
    <row r="576191" spans="14:14">
      <c r="N576191" s="10"/>
    </row>
    <row r="576192" spans="14:14">
      <c r="N576192" s="10"/>
    </row>
    <row r="576193" spans="14:14">
      <c r="N576193" s="10"/>
    </row>
    <row r="576194" spans="14:14">
      <c r="N576194" s="10"/>
    </row>
    <row r="576195" spans="14:14">
      <c r="N576195" s="10"/>
    </row>
    <row r="576196" spans="14:14">
      <c r="N576196" s="10"/>
    </row>
    <row r="576197" spans="14:14">
      <c r="N576197" s="10"/>
    </row>
    <row r="576198" spans="14:14">
      <c r="N576198" s="10"/>
    </row>
    <row r="576199" spans="14:14">
      <c r="N576199" s="10"/>
    </row>
    <row r="576200" spans="14:14">
      <c r="N576200" s="10"/>
    </row>
    <row r="576201" spans="14:14">
      <c r="N576201" s="10"/>
    </row>
    <row r="576202" spans="14:14">
      <c r="N576202" s="10"/>
    </row>
    <row r="576203" spans="14:14">
      <c r="N576203" s="10"/>
    </row>
    <row r="576204" spans="14:14">
      <c r="N576204" s="10"/>
    </row>
    <row r="576205" spans="14:14">
      <c r="N576205" s="10"/>
    </row>
    <row r="576206" spans="14:14">
      <c r="N576206" s="10"/>
    </row>
    <row r="576207" spans="14:14">
      <c r="N576207" s="10"/>
    </row>
    <row r="576208" spans="14:14">
      <c r="N576208" s="10"/>
    </row>
    <row r="576209" spans="14:14">
      <c r="N576209" s="10"/>
    </row>
    <row r="576210" spans="14:14">
      <c r="N576210" s="10"/>
    </row>
    <row r="576211" spans="14:14">
      <c r="N576211" s="10"/>
    </row>
    <row r="576212" spans="14:14">
      <c r="N576212" s="10"/>
    </row>
    <row r="576213" spans="14:14">
      <c r="N576213" s="10"/>
    </row>
    <row r="576214" spans="14:14">
      <c r="N576214" s="10"/>
    </row>
    <row r="576215" spans="14:14">
      <c r="N576215" s="10"/>
    </row>
    <row r="576216" spans="14:14">
      <c r="N576216" s="10"/>
    </row>
    <row r="576217" spans="14:14">
      <c r="N576217" s="10"/>
    </row>
    <row r="576218" spans="14:14">
      <c r="N576218" s="10"/>
    </row>
    <row r="576219" spans="14:14">
      <c r="N576219" s="10"/>
    </row>
    <row r="576220" spans="14:14">
      <c r="N576220" s="10"/>
    </row>
    <row r="576221" spans="14:14">
      <c r="N576221" s="10"/>
    </row>
    <row r="576222" spans="14:14">
      <c r="N576222" s="10"/>
    </row>
    <row r="576223" spans="14:14">
      <c r="N576223" s="10"/>
    </row>
    <row r="576224" spans="14:14">
      <c r="N576224" s="10"/>
    </row>
    <row r="576225" spans="14:14">
      <c r="N576225" s="10"/>
    </row>
    <row r="576226" spans="14:14">
      <c r="N576226" s="10"/>
    </row>
    <row r="576227" spans="14:14">
      <c r="N576227" s="10"/>
    </row>
    <row r="576228" spans="14:14">
      <c r="N576228" s="10"/>
    </row>
    <row r="576229" spans="14:14">
      <c r="N576229" s="10"/>
    </row>
    <row r="576230" spans="14:14">
      <c r="N576230" s="10"/>
    </row>
    <row r="576231" spans="14:14">
      <c r="N576231" s="10"/>
    </row>
    <row r="576232" spans="14:14">
      <c r="N576232" s="10"/>
    </row>
    <row r="576233" spans="14:14">
      <c r="N576233" s="10"/>
    </row>
    <row r="576234" spans="14:14">
      <c r="N576234" s="10"/>
    </row>
    <row r="576235" spans="14:14">
      <c r="N576235" s="10"/>
    </row>
    <row r="576236" spans="14:14">
      <c r="N576236" s="10"/>
    </row>
    <row r="576237" spans="14:14">
      <c r="N576237" s="10"/>
    </row>
    <row r="576238" spans="14:14">
      <c r="N576238" s="10"/>
    </row>
    <row r="576239" spans="14:14">
      <c r="N576239" s="10"/>
    </row>
    <row r="576240" spans="14:14">
      <c r="N576240" s="10"/>
    </row>
    <row r="576241" spans="14:14">
      <c r="N576241" s="10"/>
    </row>
    <row r="576242" spans="14:14">
      <c r="N576242" s="10"/>
    </row>
    <row r="576243" spans="14:14">
      <c r="N576243" s="10"/>
    </row>
    <row r="576244" spans="14:14">
      <c r="N576244" s="10"/>
    </row>
    <row r="576245" spans="14:14">
      <c r="N576245" s="10"/>
    </row>
    <row r="576246" spans="14:14">
      <c r="N576246" s="10"/>
    </row>
    <row r="576247" spans="14:14">
      <c r="N576247" s="10"/>
    </row>
    <row r="576248" spans="14:14">
      <c r="N576248" s="10"/>
    </row>
    <row r="576249" spans="14:14">
      <c r="N576249" s="10"/>
    </row>
    <row r="576250" spans="14:14">
      <c r="N576250" s="10"/>
    </row>
    <row r="576251" spans="14:14">
      <c r="N576251" s="10"/>
    </row>
    <row r="576252" spans="14:14">
      <c r="N576252" s="10"/>
    </row>
    <row r="576253" spans="14:14">
      <c r="N576253" s="10"/>
    </row>
    <row r="576254" spans="14:14">
      <c r="N576254" s="10"/>
    </row>
    <row r="576255" spans="14:14">
      <c r="N576255" s="10"/>
    </row>
    <row r="576256" spans="14:14">
      <c r="N576256" s="10"/>
    </row>
    <row r="576257" spans="14:14">
      <c r="N576257" s="10"/>
    </row>
    <row r="576258" spans="14:14">
      <c r="N576258" s="10"/>
    </row>
    <row r="576259" spans="14:14">
      <c r="N576259" s="10"/>
    </row>
    <row r="576260" spans="14:14">
      <c r="N576260" s="10"/>
    </row>
    <row r="576261" spans="14:14">
      <c r="N576261" s="10"/>
    </row>
    <row r="576262" spans="14:14">
      <c r="N576262" s="10"/>
    </row>
    <row r="576263" spans="14:14">
      <c r="N576263" s="10"/>
    </row>
    <row r="576264" spans="14:14">
      <c r="N576264" s="10"/>
    </row>
    <row r="576265" spans="14:14">
      <c r="N576265" s="10"/>
    </row>
    <row r="576266" spans="14:14">
      <c r="N576266" s="10"/>
    </row>
    <row r="576267" spans="14:14">
      <c r="N576267" s="10"/>
    </row>
    <row r="576268" spans="14:14">
      <c r="N576268" s="10"/>
    </row>
    <row r="576269" spans="14:14">
      <c r="N576269" s="10"/>
    </row>
    <row r="576270" spans="14:14">
      <c r="N576270" s="10"/>
    </row>
    <row r="576271" spans="14:14">
      <c r="N576271" s="10"/>
    </row>
    <row r="576272" spans="14:14">
      <c r="N576272" s="10"/>
    </row>
    <row r="576273" spans="14:14">
      <c r="N576273" s="10"/>
    </row>
    <row r="576274" spans="14:14">
      <c r="N576274" s="10"/>
    </row>
    <row r="576275" spans="14:14">
      <c r="N576275" s="10"/>
    </row>
    <row r="576276" spans="14:14">
      <c r="N576276" s="10"/>
    </row>
    <row r="576277" spans="14:14">
      <c r="N576277" s="10"/>
    </row>
    <row r="576278" spans="14:14">
      <c r="N576278" s="10"/>
    </row>
    <row r="576279" spans="14:14">
      <c r="N576279" s="10"/>
    </row>
    <row r="576280" spans="14:14">
      <c r="N576280" s="10"/>
    </row>
    <row r="576281" spans="14:14">
      <c r="N576281" s="10"/>
    </row>
    <row r="576282" spans="14:14">
      <c r="N576282" s="10"/>
    </row>
    <row r="576283" spans="14:14">
      <c r="N576283" s="10"/>
    </row>
    <row r="576284" spans="14:14">
      <c r="N576284" s="10"/>
    </row>
    <row r="576285" spans="14:14">
      <c r="N576285" s="10"/>
    </row>
    <row r="576286" spans="14:14">
      <c r="N576286" s="10"/>
    </row>
    <row r="576287" spans="14:14">
      <c r="N576287" s="10"/>
    </row>
    <row r="576288" spans="14:14">
      <c r="N576288" s="10"/>
    </row>
    <row r="576289" spans="14:14">
      <c r="N576289" s="10"/>
    </row>
    <row r="576290" spans="14:14">
      <c r="N576290" s="10"/>
    </row>
    <row r="576291" spans="14:14">
      <c r="N576291" s="10"/>
    </row>
    <row r="576292" spans="14:14">
      <c r="N576292" s="10"/>
    </row>
    <row r="576293" spans="14:14">
      <c r="N576293" s="10"/>
    </row>
    <row r="576294" spans="14:14">
      <c r="N576294" s="10"/>
    </row>
    <row r="576295" spans="14:14">
      <c r="N576295" s="10"/>
    </row>
    <row r="576296" spans="14:14">
      <c r="N576296" s="10"/>
    </row>
    <row r="576297" spans="14:14">
      <c r="N576297" s="10"/>
    </row>
    <row r="576298" spans="14:14">
      <c r="N576298" s="10"/>
    </row>
    <row r="576299" spans="14:14">
      <c r="N576299" s="10"/>
    </row>
    <row r="576300" spans="14:14">
      <c r="N576300" s="10"/>
    </row>
    <row r="576301" spans="14:14">
      <c r="N576301" s="10"/>
    </row>
    <row r="576302" spans="14:14">
      <c r="N576302" s="10"/>
    </row>
    <row r="576303" spans="14:14">
      <c r="N576303" s="10"/>
    </row>
    <row r="576304" spans="14:14">
      <c r="N576304" s="10"/>
    </row>
    <row r="576305" spans="14:14">
      <c r="N576305" s="10"/>
    </row>
    <row r="576306" spans="14:14">
      <c r="N576306" s="10"/>
    </row>
    <row r="576307" spans="14:14">
      <c r="N576307" s="10"/>
    </row>
    <row r="576308" spans="14:14">
      <c r="N576308" s="10"/>
    </row>
    <row r="576309" spans="14:14">
      <c r="N576309" s="10"/>
    </row>
    <row r="576310" spans="14:14">
      <c r="N576310" s="10"/>
    </row>
    <row r="576311" spans="14:14">
      <c r="N576311" s="10"/>
    </row>
    <row r="576312" spans="14:14">
      <c r="N576312" s="10"/>
    </row>
    <row r="576313" spans="14:14">
      <c r="N576313" s="10"/>
    </row>
    <row r="576314" spans="14:14">
      <c r="N576314" s="10"/>
    </row>
    <row r="576315" spans="14:14">
      <c r="N576315" s="10"/>
    </row>
    <row r="576316" spans="14:14">
      <c r="N576316" s="10"/>
    </row>
    <row r="576317" spans="14:14">
      <c r="N576317" s="10"/>
    </row>
    <row r="576318" spans="14:14">
      <c r="N576318" s="10"/>
    </row>
    <row r="576319" spans="14:14">
      <c r="N576319" s="10"/>
    </row>
    <row r="576320" spans="14:14">
      <c r="N576320" s="10"/>
    </row>
    <row r="576321" spans="14:14">
      <c r="N576321" s="10"/>
    </row>
    <row r="576322" spans="14:14">
      <c r="N576322" s="10"/>
    </row>
    <row r="576323" spans="14:14">
      <c r="N576323" s="10"/>
    </row>
    <row r="576324" spans="14:14">
      <c r="N576324" s="10"/>
    </row>
    <row r="576325" spans="14:14">
      <c r="N576325" s="10"/>
    </row>
    <row r="576326" spans="14:14">
      <c r="N576326" s="10"/>
    </row>
    <row r="576327" spans="14:14">
      <c r="N576327" s="10"/>
    </row>
    <row r="576328" spans="14:14">
      <c r="N576328" s="10"/>
    </row>
    <row r="576329" spans="14:14">
      <c r="N576329" s="10"/>
    </row>
    <row r="576330" spans="14:14">
      <c r="N576330" s="10"/>
    </row>
    <row r="576331" spans="14:14">
      <c r="N576331" s="10"/>
    </row>
    <row r="576332" spans="14:14">
      <c r="N576332" s="10"/>
    </row>
    <row r="576333" spans="14:14">
      <c r="N576333" s="10"/>
    </row>
    <row r="576334" spans="14:14">
      <c r="N576334" s="10"/>
    </row>
    <row r="576335" spans="14:14">
      <c r="N576335" s="10"/>
    </row>
    <row r="576336" spans="14:14">
      <c r="N576336" s="10"/>
    </row>
    <row r="576337" spans="14:14">
      <c r="N576337" s="10"/>
    </row>
    <row r="576338" spans="14:14">
      <c r="N576338" s="10"/>
    </row>
    <row r="576339" spans="14:14">
      <c r="N576339" s="10"/>
    </row>
    <row r="576340" spans="14:14">
      <c r="N576340" s="10"/>
    </row>
    <row r="576341" spans="14:14">
      <c r="N576341" s="10"/>
    </row>
    <row r="576342" spans="14:14">
      <c r="N576342" s="10"/>
    </row>
    <row r="576343" spans="14:14">
      <c r="N576343" s="10"/>
    </row>
    <row r="576344" spans="14:14">
      <c r="N576344" s="10"/>
    </row>
    <row r="576345" spans="14:14">
      <c r="N576345" s="10"/>
    </row>
    <row r="576346" spans="14:14">
      <c r="N576346" s="10"/>
    </row>
    <row r="576347" spans="14:14">
      <c r="N576347" s="10"/>
    </row>
    <row r="576348" spans="14:14">
      <c r="N576348" s="10"/>
    </row>
    <row r="576349" spans="14:14">
      <c r="N576349" s="10"/>
    </row>
    <row r="576350" spans="14:14">
      <c r="N576350" s="10"/>
    </row>
    <row r="576351" spans="14:14">
      <c r="N576351" s="10"/>
    </row>
    <row r="576352" spans="14:14">
      <c r="N576352" s="10"/>
    </row>
    <row r="576353" spans="14:14">
      <c r="N576353" s="10"/>
    </row>
    <row r="576354" spans="14:14">
      <c r="N576354" s="10"/>
    </row>
    <row r="576355" spans="14:14">
      <c r="N576355" s="10"/>
    </row>
    <row r="576356" spans="14:14">
      <c r="N576356" s="10"/>
    </row>
    <row r="576357" spans="14:14">
      <c r="N576357" s="10"/>
    </row>
    <row r="576358" spans="14:14">
      <c r="N576358" s="10"/>
    </row>
    <row r="576359" spans="14:14">
      <c r="N576359" s="10"/>
    </row>
    <row r="576360" spans="14:14">
      <c r="N576360" s="10"/>
    </row>
    <row r="576361" spans="14:14">
      <c r="N576361" s="10"/>
    </row>
    <row r="576362" spans="14:14">
      <c r="N576362" s="10"/>
    </row>
    <row r="576363" spans="14:14">
      <c r="N576363" s="10"/>
    </row>
    <row r="576364" spans="14:14">
      <c r="N576364" s="10"/>
    </row>
    <row r="576365" spans="14:14">
      <c r="N576365" s="10"/>
    </row>
    <row r="576366" spans="14:14">
      <c r="N576366" s="10"/>
    </row>
    <row r="576367" spans="14:14">
      <c r="N576367" s="10"/>
    </row>
    <row r="576368" spans="14:14">
      <c r="N576368" s="10"/>
    </row>
    <row r="576369" spans="14:14">
      <c r="N576369" s="10"/>
    </row>
    <row r="576370" spans="14:14">
      <c r="N576370" s="10"/>
    </row>
    <row r="576371" spans="14:14">
      <c r="N576371" s="10"/>
    </row>
    <row r="576372" spans="14:14">
      <c r="N576372" s="10"/>
    </row>
    <row r="576373" spans="14:14">
      <c r="N576373" s="10"/>
    </row>
    <row r="576374" spans="14:14">
      <c r="N576374" s="10"/>
    </row>
    <row r="576375" spans="14:14">
      <c r="N576375" s="10"/>
    </row>
    <row r="576376" spans="14:14">
      <c r="N576376" s="10"/>
    </row>
    <row r="576377" spans="14:14">
      <c r="N576377" s="10"/>
    </row>
    <row r="576378" spans="14:14">
      <c r="N576378" s="10"/>
    </row>
    <row r="576379" spans="14:14">
      <c r="N576379" s="10"/>
    </row>
    <row r="576380" spans="14:14">
      <c r="N576380" s="10"/>
    </row>
    <row r="576381" spans="14:14">
      <c r="N576381" s="10"/>
    </row>
    <row r="576382" spans="14:14">
      <c r="N576382" s="10"/>
    </row>
    <row r="576383" spans="14:14">
      <c r="N576383" s="10"/>
    </row>
    <row r="576384" spans="14:14">
      <c r="N576384" s="10"/>
    </row>
    <row r="576385" spans="14:14">
      <c r="N576385" s="10"/>
    </row>
    <row r="576386" spans="14:14">
      <c r="N576386" s="10"/>
    </row>
    <row r="576387" spans="14:14">
      <c r="N576387" s="10"/>
    </row>
    <row r="576388" spans="14:14">
      <c r="N576388" s="10"/>
    </row>
    <row r="576389" spans="14:14">
      <c r="N576389" s="10"/>
    </row>
    <row r="576390" spans="14:14">
      <c r="N576390" s="10"/>
    </row>
    <row r="576391" spans="14:14">
      <c r="N576391" s="10"/>
    </row>
    <row r="576392" spans="14:14">
      <c r="N576392" s="10"/>
    </row>
    <row r="576393" spans="14:14">
      <c r="N576393" s="10"/>
    </row>
    <row r="576394" spans="14:14">
      <c r="N576394" s="10"/>
    </row>
    <row r="576395" spans="14:14">
      <c r="N576395" s="10"/>
    </row>
    <row r="576396" spans="14:14">
      <c r="N576396" s="10"/>
    </row>
    <row r="576397" spans="14:14">
      <c r="N576397" s="10"/>
    </row>
    <row r="576398" spans="14:14">
      <c r="N576398" s="10"/>
    </row>
    <row r="576399" spans="14:14">
      <c r="N576399" s="10"/>
    </row>
    <row r="576400" spans="14:14">
      <c r="N576400" s="10"/>
    </row>
    <row r="576401" spans="14:14">
      <c r="N576401" s="10"/>
    </row>
    <row r="576402" spans="14:14">
      <c r="N576402" s="10"/>
    </row>
    <row r="576403" spans="14:14">
      <c r="N576403" s="10"/>
    </row>
    <row r="576404" spans="14:14">
      <c r="N576404" s="10"/>
    </row>
    <row r="576405" spans="14:14">
      <c r="N576405" s="10"/>
    </row>
    <row r="576406" spans="14:14">
      <c r="N576406" s="10"/>
    </row>
    <row r="576407" spans="14:14">
      <c r="N576407" s="10"/>
    </row>
    <row r="576408" spans="14:14">
      <c r="N576408" s="10"/>
    </row>
    <row r="576409" spans="14:14">
      <c r="N576409" s="10"/>
    </row>
    <row r="576410" spans="14:14">
      <c r="N576410" s="10"/>
    </row>
    <row r="576411" spans="14:14">
      <c r="N576411" s="10"/>
    </row>
    <row r="576412" spans="14:14">
      <c r="N576412" s="10"/>
    </row>
    <row r="576413" spans="14:14">
      <c r="N576413" s="10"/>
    </row>
    <row r="576414" spans="14:14">
      <c r="N576414" s="10"/>
    </row>
    <row r="576415" spans="14:14">
      <c r="N576415" s="10"/>
    </row>
    <row r="576416" spans="14:14">
      <c r="N576416" s="10"/>
    </row>
    <row r="576417" spans="14:14">
      <c r="N576417" s="10"/>
    </row>
    <row r="576418" spans="14:14">
      <c r="N576418" s="10"/>
    </row>
    <row r="576419" spans="14:14">
      <c r="N576419" s="10"/>
    </row>
    <row r="576420" spans="14:14">
      <c r="N576420" s="10"/>
    </row>
    <row r="576421" spans="14:14">
      <c r="N576421" s="10"/>
    </row>
    <row r="576422" spans="14:14">
      <c r="N576422" s="10"/>
    </row>
    <row r="576423" spans="14:14">
      <c r="N576423" s="10"/>
    </row>
    <row r="576424" spans="14:14">
      <c r="N576424" s="10"/>
    </row>
    <row r="576425" spans="14:14">
      <c r="N576425" s="10"/>
    </row>
    <row r="576426" spans="14:14">
      <c r="N576426" s="10"/>
    </row>
    <row r="576427" spans="14:14">
      <c r="N576427" s="10"/>
    </row>
    <row r="576428" spans="14:14">
      <c r="N576428" s="10"/>
    </row>
    <row r="576429" spans="14:14">
      <c r="N576429" s="10"/>
    </row>
    <row r="576430" spans="14:14">
      <c r="N576430" s="10"/>
    </row>
    <row r="576431" spans="14:14">
      <c r="N576431" s="10"/>
    </row>
    <row r="576432" spans="14:14">
      <c r="N576432" s="10"/>
    </row>
    <row r="576433" spans="14:14">
      <c r="N576433" s="10"/>
    </row>
    <row r="576434" spans="14:14">
      <c r="N576434" s="10"/>
    </row>
    <row r="576435" spans="14:14">
      <c r="N576435" s="10"/>
    </row>
    <row r="576436" spans="14:14">
      <c r="N576436" s="10"/>
    </row>
    <row r="576437" spans="14:14">
      <c r="N576437" s="10"/>
    </row>
    <row r="576438" spans="14:14">
      <c r="N576438" s="10"/>
    </row>
    <row r="576439" spans="14:14">
      <c r="N576439" s="10"/>
    </row>
    <row r="576440" spans="14:14">
      <c r="N576440" s="10"/>
    </row>
    <row r="576441" spans="14:14">
      <c r="N576441" s="10"/>
    </row>
    <row r="576442" spans="14:14">
      <c r="N576442" s="10"/>
    </row>
    <row r="576443" spans="14:14">
      <c r="N576443" s="10"/>
    </row>
    <row r="576444" spans="14:14">
      <c r="N576444" s="10"/>
    </row>
    <row r="576445" spans="14:14">
      <c r="N576445" s="10"/>
    </row>
    <row r="576446" spans="14:14">
      <c r="N576446" s="10"/>
    </row>
    <row r="576447" spans="14:14">
      <c r="N576447" s="10"/>
    </row>
    <row r="576448" spans="14:14">
      <c r="N576448" s="10"/>
    </row>
    <row r="576449" spans="14:14">
      <c r="N576449" s="10"/>
    </row>
    <row r="576450" spans="14:14">
      <c r="N576450" s="10"/>
    </row>
    <row r="576451" spans="14:14">
      <c r="N576451" s="10"/>
    </row>
    <row r="576452" spans="14:14">
      <c r="N576452" s="10"/>
    </row>
    <row r="576453" spans="14:14">
      <c r="N576453" s="10"/>
    </row>
    <row r="576454" spans="14:14">
      <c r="N576454" s="10"/>
    </row>
    <row r="576455" spans="14:14">
      <c r="N576455" s="10"/>
    </row>
    <row r="576456" spans="14:14">
      <c r="N576456" s="10"/>
    </row>
    <row r="576457" spans="14:14">
      <c r="N576457" s="10"/>
    </row>
    <row r="576458" spans="14:14">
      <c r="N576458" s="10"/>
    </row>
    <row r="576459" spans="14:14">
      <c r="N576459" s="10"/>
    </row>
    <row r="576460" spans="14:14">
      <c r="N576460" s="10"/>
    </row>
    <row r="576461" spans="14:14">
      <c r="N576461" s="10"/>
    </row>
    <row r="576462" spans="14:14">
      <c r="N576462" s="10"/>
    </row>
    <row r="576463" spans="14:14">
      <c r="N576463" s="10"/>
    </row>
    <row r="576464" spans="14:14">
      <c r="N576464" s="10"/>
    </row>
    <row r="576465" spans="14:14">
      <c r="N576465" s="10"/>
    </row>
    <row r="576466" spans="14:14">
      <c r="N576466" s="10"/>
    </row>
    <row r="576467" spans="14:14">
      <c r="N576467" s="10"/>
    </row>
    <row r="576468" spans="14:14">
      <c r="N576468" s="10"/>
    </row>
    <row r="576469" spans="14:14">
      <c r="N576469" s="10"/>
    </row>
    <row r="576470" spans="14:14">
      <c r="N576470" s="10"/>
    </row>
    <row r="576471" spans="14:14">
      <c r="N576471" s="10"/>
    </row>
    <row r="576472" spans="14:14">
      <c r="N576472" s="10"/>
    </row>
    <row r="576473" spans="14:14">
      <c r="N576473" s="10"/>
    </row>
    <row r="576474" spans="14:14">
      <c r="N576474" s="10"/>
    </row>
    <row r="576475" spans="14:14">
      <c r="N576475" s="10"/>
    </row>
    <row r="576476" spans="14:14">
      <c r="N576476" s="10"/>
    </row>
    <row r="576477" spans="14:14">
      <c r="N576477" s="10"/>
    </row>
    <row r="576478" spans="14:14">
      <c r="N576478" s="10"/>
    </row>
    <row r="576479" spans="14:14">
      <c r="N576479" s="10"/>
    </row>
    <row r="576480" spans="14:14">
      <c r="N576480" s="10"/>
    </row>
    <row r="576481" spans="14:14">
      <c r="N576481" s="10"/>
    </row>
    <row r="576482" spans="14:14">
      <c r="N576482" s="10"/>
    </row>
    <row r="576483" spans="14:14">
      <c r="N576483" s="10"/>
    </row>
    <row r="576484" spans="14:14">
      <c r="N576484" s="10"/>
    </row>
    <row r="576485" spans="14:14">
      <c r="N576485" s="10"/>
    </row>
    <row r="576486" spans="14:14">
      <c r="N576486" s="10"/>
    </row>
    <row r="576487" spans="14:14">
      <c r="N576487" s="10"/>
    </row>
    <row r="576488" spans="14:14">
      <c r="N576488" s="10"/>
    </row>
    <row r="576489" spans="14:14">
      <c r="N576489" s="10"/>
    </row>
    <row r="576490" spans="14:14">
      <c r="N576490" s="10"/>
    </row>
    <row r="576491" spans="14:14">
      <c r="N576491" s="10"/>
    </row>
    <row r="576492" spans="14:14">
      <c r="N576492" s="10"/>
    </row>
    <row r="576493" spans="14:14">
      <c r="N576493" s="10"/>
    </row>
    <row r="576494" spans="14:14">
      <c r="N576494" s="10"/>
    </row>
    <row r="576495" spans="14:14">
      <c r="N576495" s="10"/>
    </row>
    <row r="576496" spans="14:14">
      <c r="N576496" s="10"/>
    </row>
    <row r="576497" spans="14:14">
      <c r="N576497" s="10"/>
    </row>
    <row r="576498" spans="14:14">
      <c r="N576498" s="10"/>
    </row>
    <row r="576499" spans="14:14">
      <c r="N576499" s="10"/>
    </row>
    <row r="576500" spans="14:14">
      <c r="N576500" s="10"/>
    </row>
    <row r="576501" spans="14:14">
      <c r="N576501" s="10"/>
    </row>
    <row r="576502" spans="14:14">
      <c r="N576502" s="10"/>
    </row>
    <row r="576503" spans="14:14">
      <c r="N576503" s="10"/>
    </row>
    <row r="576504" spans="14:14">
      <c r="N576504" s="10"/>
    </row>
    <row r="576505" spans="14:14">
      <c r="N576505" s="10"/>
    </row>
    <row r="576506" spans="14:14">
      <c r="N576506" s="10"/>
    </row>
    <row r="576507" spans="14:14">
      <c r="N576507" s="10"/>
    </row>
    <row r="576508" spans="14:14">
      <c r="N576508" s="10"/>
    </row>
    <row r="576509" spans="14:14">
      <c r="N576509" s="10"/>
    </row>
    <row r="576510" spans="14:14">
      <c r="N576510" s="10"/>
    </row>
    <row r="576511" spans="14:14">
      <c r="N576511" s="10"/>
    </row>
    <row r="576512" spans="14:14">
      <c r="N576512" s="10"/>
    </row>
    <row r="576513" spans="14:14">
      <c r="N576513" s="10"/>
    </row>
    <row r="576514" spans="14:14">
      <c r="N576514" s="10"/>
    </row>
    <row r="576515" spans="14:14">
      <c r="N576515" s="10"/>
    </row>
    <row r="576516" spans="14:14">
      <c r="N576516" s="10"/>
    </row>
    <row r="576517" spans="14:14">
      <c r="N576517" s="10"/>
    </row>
    <row r="576518" spans="14:14">
      <c r="N576518" s="10"/>
    </row>
    <row r="576519" spans="14:14">
      <c r="N576519" s="10"/>
    </row>
    <row r="576520" spans="14:14">
      <c r="N576520" s="10"/>
    </row>
    <row r="576521" spans="14:14">
      <c r="N576521" s="10"/>
    </row>
    <row r="576522" spans="14:14">
      <c r="N576522" s="10"/>
    </row>
    <row r="576523" spans="14:14">
      <c r="N576523" s="10"/>
    </row>
    <row r="576524" spans="14:14">
      <c r="N576524" s="10"/>
    </row>
    <row r="576525" spans="14:14">
      <c r="N576525" s="10"/>
    </row>
    <row r="576526" spans="14:14">
      <c r="N576526" s="10"/>
    </row>
    <row r="576527" spans="14:14">
      <c r="N576527" s="10"/>
    </row>
    <row r="576528" spans="14:14">
      <c r="N576528" s="10"/>
    </row>
    <row r="576529" spans="14:14">
      <c r="N576529" s="10"/>
    </row>
    <row r="576530" spans="14:14">
      <c r="N576530" s="10"/>
    </row>
    <row r="576531" spans="14:14">
      <c r="N576531" s="10"/>
    </row>
    <row r="576532" spans="14:14">
      <c r="N576532" s="10"/>
    </row>
    <row r="576533" spans="14:14">
      <c r="N576533" s="10"/>
    </row>
    <row r="576534" spans="14:14">
      <c r="N576534" s="10"/>
    </row>
    <row r="576535" spans="14:14">
      <c r="N576535" s="10"/>
    </row>
    <row r="576536" spans="14:14">
      <c r="N576536" s="10"/>
    </row>
    <row r="576537" spans="14:14">
      <c r="N576537" s="10"/>
    </row>
    <row r="576538" spans="14:14">
      <c r="N576538" s="10"/>
    </row>
    <row r="576539" spans="14:14">
      <c r="N576539" s="10"/>
    </row>
    <row r="576540" spans="14:14">
      <c r="N576540" s="10"/>
    </row>
    <row r="576541" spans="14:14">
      <c r="N576541" s="10"/>
    </row>
    <row r="576542" spans="14:14">
      <c r="N576542" s="10"/>
    </row>
    <row r="576543" spans="14:14">
      <c r="N576543" s="10"/>
    </row>
    <row r="576544" spans="14:14">
      <c r="N576544" s="10"/>
    </row>
    <row r="576545" spans="14:14">
      <c r="N576545" s="10"/>
    </row>
    <row r="576546" spans="14:14">
      <c r="N576546" s="10"/>
    </row>
    <row r="576547" spans="14:14">
      <c r="N576547" s="10"/>
    </row>
    <row r="576548" spans="14:14">
      <c r="N576548" s="10"/>
    </row>
    <row r="576549" spans="14:14">
      <c r="N576549" s="10"/>
    </row>
    <row r="576550" spans="14:14">
      <c r="N576550" s="10"/>
    </row>
    <row r="576551" spans="14:14">
      <c r="N576551" s="10"/>
    </row>
    <row r="576552" spans="14:14">
      <c r="N576552" s="10"/>
    </row>
    <row r="576553" spans="14:14">
      <c r="N576553" s="10"/>
    </row>
    <row r="576554" spans="14:14">
      <c r="N576554" s="10"/>
    </row>
    <row r="576555" spans="14:14">
      <c r="N576555" s="10"/>
    </row>
    <row r="576556" spans="14:14">
      <c r="N576556" s="10"/>
    </row>
    <row r="576557" spans="14:14">
      <c r="N576557" s="10"/>
    </row>
    <row r="576558" spans="14:14">
      <c r="N576558" s="10"/>
    </row>
    <row r="576559" spans="14:14">
      <c r="N576559" s="10"/>
    </row>
    <row r="576560" spans="14:14">
      <c r="N576560" s="10"/>
    </row>
    <row r="576561" spans="14:14">
      <c r="N576561" s="10"/>
    </row>
    <row r="576562" spans="14:14">
      <c r="N576562" s="10"/>
    </row>
    <row r="576563" spans="14:14">
      <c r="N576563" s="10"/>
    </row>
    <row r="576564" spans="14:14">
      <c r="N576564" s="10"/>
    </row>
    <row r="576565" spans="14:14">
      <c r="N576565" s="10"/>
    </row>
    <row r="576566" spans="14:14">
      <c r="N576566" s="10"/>
    </row>
    <row r="576567" spans="14:14">
      <c r="N576567" s="10"/>
    </row>
    <row r="576568" spans="14:14">
      <c r="N576568" s="10"/>
    </row>
    <row r="576569" spans="14:14">
      <c r="N576569" s="10"/>
    </row>
    <row r="576570" spans="14:14">
      <c r="N576570" s="10"/>
    </row>
    <row r="576571" spans="14:14">
      <c r="N576571" s="10"/>
    </row>
    <row r="576572" spans="14:14">
      <c r="N576572" s="10"/>
    </row>
    <row r="576573" spans="14:14">
      <c r="N576573" s="10"/>
    </row>
    <row r="576574" spans="14:14">
      <c r="N576574" s="10"/>
    </row>
    <row r="576575" spans="14:14">
      <c r="N576575" s="10"/>
    </row>
    <row r="576576" spans="14:14">
      <c r="N576576" s="10"/>
    </row>
    <row r="576577" spans="14:14">
      <c r="N576577" s="10"/>
    </row>
    <row r="576578" spans="14:14">
      <c r="N576578" s="10"/>
    </row>
    <row r="576579" spans="14:14">
      <c r="N576579" s="10"/>
    </row>
    <row r="576580" spans="14:14">
      <c r="N576580" s="10"/>
    </row>
    <row r="576581" spans="14:14">
      <c r="N576581" s="10"/>
    </row>
    <row r="576582" spans="14:14">
      <c r="N576582" s="10"/>
    </row>
    <row r="576583" spans="14:14">
      <c r="N576583" s="10"/>
    </row>
    <row r="576584" spans="14:14">
      <c r="N576584" s="10"/>
    </row>
    <row r="576585" spans="14:14">
      <c r="N576585" s="10"/>
    </row>
    <row r="576586" spans="14:14">
      <c r="N576586" s="10"/>
    </row>
    <row r="576587" spans="14:14">
      <c r="N576587" s="10"/>
    </row>
    <row r="576588" spans="14:14">
      <c r="N576588" s="10"/>
    </row>
    <row r="576589" spans="14:14">
      <c r="N576589" s="10"/>
    </row>
    <row r="576590" spans="14:14">
      <c r="N576590" s="10"/>
    </row>
    <row r="576591" spans="14:14">
      <c r="N576591" s="10"/>
    </row>
    <row r="576592" spans="14:14">
      <c r="N576592" s="10"/>
    </row>
    <row r="576593" spans="14:14">
      <c r="N576593" s="10"/>
    </row>
    <row r="576594" spans="14:14">
      <c r="N576594" s="10"/>
    </row>
    <row r="576595" spans="14:14">
      <c r="N576595" s="10"/>
    </row>
    <row r="576596" spans="14:14">
      <c r="N576596" s="10"/>
    </row>
    <row r="576597" spans="14:14">
      <c r="N576597" s="10"/>
    </row>
    <row r="576598" spans="14:14">
      <c r="N576598" s="10"/>
    </row>
    <row r="576599" spans="14:14">
      <c r="N576599" s="10"/>
    </row>
    <row r="576600" spans="14:14">
      <c r="N576600" s="10"/>
    </row>
    <row r="576601" spans="14:14">
      <c r="N576601" s="10"/>
    </row>
    <row r="576602" spans="14:14">
      <c r="N576602" s="10"/>
    </row>
    <row r="576603" spans="14:14">
      <c r="N576603" s="10"/>
    </row>
    <row r="576604" spans="14:14">
      <c r="N576604" s="10"/>
    </row>
    <row r="576605" spans="14:14">
      <c r="N576605" s="10"/>
    </row>
    <row r="576606" spans="14:14">
      <c r="N576606" s="10"/>
    </row>
    <row r="576607" spans="14:14">
      <c r="N576607" s="10"/>
    </row>
    <row r="576608" spans="14:14">
      <c r="N576608" s="10"/>
    </row>
    <row r="576609" spans="14:14">
      <c r="N576609" s="10"/>
    </row>
    <row r="576610" spans="14:14">
      <c r="N576610" s="10"/>
    </row>
    <row r="576611" spans="14:14">
      <c r="N576611" s="10"/>
    </row>
    <row r="576612" spans="14:14">
      <c r="N576612" s="10"/>
    </row>
    <row r="576613" spans="14:14">
      <c r="N576613" s="10"/>
    </row>
    <row r="576614" spans="14:14">
      <c r="N576614" s="10"/>
    </row>
    <row r="576615" spans="14:14">
      <c r="N576615" s="10"/>
    </row>
    <row r="576616" spans="14:14">
      <c r="N576616" s="10"/>
    </row>
    <row r="576617" spans="14:14">
      <c r="N576617" s="10"/>
    </row>
    <row r="576618" spans="14:14">
      <c r="N576618" s="10"/>
    </row>
    <row r="576619" spans="14:14">
      <c r="N576619" s="10"/>
    </row>
    <row r="576620" spans="14:14">
      <c r="N576620" s="10"/>
    </row>
    <row r="576621" spans="14:14">
      <c r="N576621" s="10"/>
    </row>
    <row r="576622" spans="14:14">
      <c r="N576622" s="10"/>
    </row>
    <row r="576623" spans="14:14">
      <c r="N576623" s="10"/>
    </row>
    <row r="576624" spans="14:14">
      <c r="N576624" s="10"/>
    </row>
    <row r="576625" spans="14:14">
      <c r="N576625" s="10"/>
    </row>
    <row r="576626" spans="14:14">
      <c r="N576626" s="10"/>
    </row>
    <row r="576627" spans="14:14">
      <c r="N576627" s="10"/>
    </row>
    <row r="576628" spans="14:14">
      <c r="N576628" s="10"/>
    </row>
    <row r="576629" spans="14:14">
      <c r="N576629" s="10"/>
    </row>
    <row r="576630" spans="14:14">
      <c r="N576630" s="10"/>
    </row>
    <row r="576631" spans="14:14">
      <c r="N576631" s="10"/>
    </row>
    <row r="576632" spans="14:14">
      <c r="N576632" s="10"/>
    </row>
    <row r="576633" spans="14:14">
      <c r="N576633" s="10"/>
    </row>
    <row r="576634" spans="14:14">
      <c r="N576634" s="10"/>
    </row>
    <row r="576635" spans="14:14">
      <c r="N576635" s="10"/>
    </row>
    <row r="576636" spans="14:14">
      <c r="N576636" s="10"/>
    </row>
    <row r="576637" spans="14:14">
      <c r="N576637" s="10"/>
    </row>
    <row r="576638" spans="14:14">
      <c r="N576638" s="10"/>
    </row>
    <row r="576639" spans="14:14">
      <c r="N576639" s="10"/>
    </row>
    <row r="576640" spans="14:14">
      <c r="N576640" s="10"/>
    </row>
    <row r="576641" spans="14:14">
      <c r="N576641" s="10"/>
    </row>
    <row r="576642" spans="14:14">
      <c r="N576642" s="10"/>
    </row>
    <row r="576643" spans="14:14">
      <c r="N576643" s="10"/>
    </row>
    <row r="576644" spans="14:14">
      <c r="N576644" s="10"/>
    </row>
    <row r="576645" spans="14:14">
      <c r="N576645" s="10"/>
    </row>
    <row r="576646" spans="14:14">
      <c r="N576646" s="10"/>
    </row>
    <row r="576647" spans="14:14">
      <c r="N576647" s="10"/>
    </row>
    <row r="576648" spans="14:14">
      <c r="N576648" s="10"/>
    </row>
    <row r="576649" spans="14:14">
      <c r="N576649" s="10"/>
    </row>
    <row r="576650" spans="14:14">
      <c r="N576650" s="10"/>
    </row>
    <row r="576651" spans="14:14">
      <c r="N576651" s="10"/>
    </row>
    <row r="576652" spans="14:14">
      <c r="N576652" s="10"/>
    </row>
    <row r="576653" spans="14:14">
      <c r="N576653" s="10"/>
    </row>
    <row r="576654" spans="14:14">
      <c r="N576654" s="10"/>
    </row>
    <row r="576655" spans="14:14">
      <c r="N576655" s="10"/>
    </row>
    <row r="576656" spans="14:14">
      <c r="N576656" s="10"/>
    </row>
    <row r="576657" spans="14:14">
      <c r="N576657" s="10"/>
    </row>
    <row r="576658" spans="14:14">
      <c r="N576658" s="10"/>
    </row>
    <row r="576659" spans="14:14">
      <c r="N576659" s="10"/>
    </row>
    <row r="576660" spans="14:14">
      <c r="N576660" s="10"/>
    </row>
    <row r="576661" spans="14:14">
      <c r="N576661" s="10"/>
    </row>
    <row r="576662" spans="14:14">
      <c r="N576662" s="10"/>
    </row>
    <row r="576663" spans="14:14">
      <c r="N576663" s="10"/>
    </row>
    <row r="576664" spans="14:14">
      <c r="N576664" s="10"/>
    </row>
    <row r="576665" spans="14:14">
      <c r="N576665" s="10"/>
    </row>
    <row r="576666" spans="14:14">
      <c r="N576666" s="10"/>
    </row>
    <row r="576667" spans="14:14">
      <c r="N576667" s="10"/>
    </row>
    <row r="576668" spans="14:14">
      <c r="N576668" s="10"/>
    </row>
    <row r="576669" spans="14:14">
      <c r="N576669" s="10"/>
    </row>
    <row r="576670" spans="14:14">
      <c r="N576670" s="10"/>
    </row>
    <row r="576671" spans="14:14">
      <c r="N576671" s="10"/>
    </row>
    <row r="576672" spans="14:14">
      <c r="N576672" s="10"/>
    </row>
    <row r="576673" spans="14:14">
      <c r="N576673" s="10"/>
    </row>
    <row r="576674" spans="14:14">
      <c r="N576674" s="10"/>
    </row>
    <row r="576675" spans="14:14">
      <c r="N576675" s="10"/>
    </row>
    <row r="576676" spans="14:14">
      <c r="N576676" s="10"/>
    </row>
    <row r="576677" spans="14:14">
      <c r="N576677" s="10"/>
    </row>
    <row r="576678" spans="14:14">
      <c r="N576678" s="10"/>
    </row>
    <row r="576679" spans="14:14">
      <c r="N576679" s="10"/>
    </row>
    <row r="576680" spans="14:14">
      <c r="N576680" s="10"/>
    </row>
    <row r="576681" spans="14:14">
      <c r="N576681" s="10"/>
    </row>
    <row r="576682" spans="14:14">
      <c r="N576682" s="10"/>
    </row>
    <row r="576683" spans="14:14">
      <c r="N576683" s="10"/>
    </row>
    <row r="576684" spans="14:14">
      <c r="N576684" s="10"/>
    </row>
    <row r="576685" spans="14:14">
      <c r="N576685" s="10"/>
    </row>
    <row r="576686" spans="14:14">
      <c r="N576686" s="10"/>
    </row>
    <row r="576687" spans="14:14">
      <c r="N576687" s="10"/>
    </row>
    <row r="576688" spans="14:14">
      <c r="N576688" s="10"/>
    </row>
    <row r="576689" spans="14:14">
      <c r="N576689" s="10"/>
    </row>
    <row r="576690" spans="14:14">
      <c r="N576690" s="10"/>
    </row>
    <row r="576691" spans="14:14">
      <c r="N576691" s="10"/>
    </row>
    <row r="576692" spans="14:14">
      <c r="N576692" s="10"/>
    </row>
    <row r="576693" spans="14:14">
      <c r="N576693" s="10"/>
    </row>
    <row r="576694" spans="14:14">
      <c r="N576694" s="10"/>
    </row>
    <row r="576695" spans="14:14">
      <c r="N576695" s="10"/>
    </row>
    <row r="576696" spans="14:14">
      <c r="N576696" s="10"/>
    </row>
    <row r="576697" spans="14:14">
      <c r="N576697" s="10"/>
    </row>
    <row r="576698" spans="14:14">
      <c r="N576698" s="10"/>
    </row>
    <row r="576699" spans="14:14">
      <c r="N576699" s="10"/>
    </row>
    <row r="576700" spans="14:14">
      <c r="N576700" s="10"/>
    </row>
    <row r="576701" spans="14:14">
      <c r="N576701" s="10"/>
    </row>
    <row r="576702" spans="14:14">
      <c r="N576702" s="10"/>
    </row>
    <row r="576703" spans="14:14">
      <c r="N576703" s="10"/>
    </row>
    <row r="576704" spans="14:14">
      <c r="N576704" s="10"/>
    </row>
    <row r="576705" spans="14:14">
      <c r="N576705" s="10"/>
    </row>
    <row r="576706" spans="14:14">
      <c r="N576706" s="10"/>
    </row>
    <row r="576707" spans="14:14">
      <c r="N576707" s="10"/>
    </row>
    <row r="576708" spans="14:14">
      <c r="N576708" s="10"/>
    </row>
    <row r="576709" spans="14:14">
      <c r="N576709" s="10"/>
    </row>
    <row r="576710" spans="14:14">
      <c r="N576710" s="10"/>
    </row>
    <row r="576711" spans="14:14">
      <c r="N576711" s="10"/>
    </row>
    <row r="576712" spans="14:14">
      <c r="N576712" s="10"/>
    </row>
    <row r="576713" spans="14:14">
      <c r="N576713" s="10"/>
    </row>
    <row r="576714" spans="14:14">
      <c r="N576714" s="10"/>
    </row>
    <row r="576715" spans="14:14">
      <c r="N576715" s="10"/>
    </row>
    <row r="576716" spans="14:14">
      <c r="N576716" s="10"/>
    </row>
    <row r="576717" spans="14:14">
      <c r="N576717" s="10"/>
    </row>
    <row r="576718" spans="14:14">
      <c r="N576718" s="10"/>
    </row>
    <row r="576719" spans="14:14">
      <c r="N576719" s="10"/>
    </row>
    <row r="576720" spans="14:14">
      <c r="N576720" s="10"/>
    </row>
    <row r="576721" spans="14:14">
      <c r="N576721" s="10"/>
    </row>
    <row r="576722" spans="14:14">
      <c r="N576722" s="10"/>
    </row>
    <row r="576723" spans="14:14">
      <c r="N576723" s="10"/>
    </row>
    <row r="576724" spans="14:14">
      <c r="N576724" s="10"/>
    </row>
    <row r="576725" spans="14:14">
      <c r="N576725" s="10"/>
    </row>
    <row r="576726" spans="14:14">
      <c r="N576726" s="10"/>
    </row>
    <row r="576727" spans="14:14">
      <c r="N576727" s="10"/>
    </row>
    <row r="576728" spans="14:14">
      <c r="N576728" s="10"/>
    </row>
    <row r="576729" spans="14:14">
      <c r="N576729" s="10"/>
    </row>
    <row r="576730" spans="14:14">
      <c r="N576730" s="10"/>
    </row>
    <row r="576731" spans="14:14">
      <c r="N576731" s="10"/>
    </row>
    <row r="576732" spans="14:14">
      <c r="N576732" s="10"/>
    </row>
    <row r="576733" spans="14:14">
      <c r="N576733" s="10"/>
    </row>
    <row r="576734" spans="14:14">
      <c r="N576734" s="10"/>
    </row>
    <row r="576735" spans="14:14">
      <c r="N576735" s="10"/>
    </row>
    <row r="576736" spans="14:14">
      <c r="N576736" s="10"/>
    </row>
    <row r="576737" spans="14:14">
      <c r="N576737" s="10"/>
    </row>
    <row r="576738" spans="14:14">
      <c r="N576738" s="10"/>
    </row>
    <row r="576739" spans="14:14">
      <c r="N576739" s="10"/>
    </row>
    <row r="576740" spans="14:14">
      <c r="N576740" s="10"/>
    </row>
    <row r="576741" spans="14:14">
      <c r="N576741" s="10"/>
    </row>
    <row r="576742" spans="14:14">
      <c r="N576742" s="10"/>
    </row>
    <row r="576743" spans="14:14">
      <c r="N576743" s="10"/>
    </row>
    <row r="576744" spans="14:14">
      <c r="N576744" s="10"/>
    </row>
    <row r="576745" spans="14:14">
      <c r="N576745" s="10"/>
    </row>
    <row r="576746" spans="14:14">
      <c r="N576746" s="10"/>
    </row>
    <row r="576747" spans="14:14">
      <c r="N576747" s="10"/>
    </row>
    <row r="576748" spans="14:14">
      <c r="N576748" s="10"/>
    </row>
    <row r="576749" spans="14:14">
      <c r="N576749" s="10"/>
    </row>
    <row r="576750" spans="14:14">
      <c r="N576750" s="10"/>
    </row>
    <row r="576751" spans="14:14">
      <c r="N576751" s="10"/>
    </row>
    <row r="576752" spans="14:14">
      <c r="N576752" s="10"/>
    </row>
    <row r="576753" spans="14:14">
      <c r="N576753" s="10"/>
    </row>
    <row r="576754" spans="14:14">
      <c r="N576754" s="10"/>
    </row>
    <row r="576755" spans="14:14">
      <c r="N576755" s="10"/>
    </row>
    <row r="576756" spans="14:14">
      <c r="N576756" s="10"/>
    </row>
    <row r="576757" spans="14:14">
      <c r="N576757" s="10"/>
    </row>
    <row r="576758" spans="14:14">
      <c r="N576758" s="10"/>
    </row>
    <row r="576759" spans="14:14">
      <c r="N576759" s="10"/>
    </row>
    <row r="576760" spans="14:14">
      <c r="N576760" s="10"/>
    </row>
    <row r="576761" spans="14:14">
      <c r="N576761" s="10"/>
    </row>
    <row r="576762" spans="14:14">
      <c r="N576762" s="10"/>
    </row>
    <row r="576763" spans="14:14">
      <c r="N576763" s="10"/>
    </row>
    <row r="576764" spans="14:14">
      <c r="N576764" s="10"/>
    </row>
    <row r="576765" spans="14:14">
      <c r="N576765" s="10"/>
    </row>
    <row r="576766" spans="14:14">
      <c r="N576766" s="10"/>
    </row>
    <row r="576767" spans="14:14">
      <c r="N576767" s="10"/>
    </row>
    <row r="576768" spans="14:14">
      <c r="N576768" s="10"/>
    </row>
    <row r="576769" spans="14:14">
      <c r="N576769" s="10"/>
    </row>
    <row r="576770" spans="14:14">
      <c r="N576770" s="10"/>
    </row>
    <row r="576771" spans="14:14">
      <c r="N576771" s="10"/>
    </row>
    <row r="576772" spans="14:14">
      <c r="N576772" s="10"/>
    </row>
    <row r="576773" spans="14:14">
      <c r="N576773" s="10"/>
    </row>
    <row r="576774" spans="14:14">
      <c r="N576774" s="10"/>
    </row>
    <row r="576775" spans="14:14">
      <c r="N576775" s="10"/>
    </row>
    <row r="576776" spans="14:14">
      <c r="N576776" s="10"/>
    </row>
    <row r="576777" spans="14:14">
      <c r="N576777" s="10"/>
    </row>
    <row r="576778" spans="14:14">
      <c r="N576778" s="10"/>
    </row>
    <row r="576779" spans="14:14">
      <c r="N576779" s="10"/>
    </row>
    <row r="576780" spans="14:14">
      <c r="N576780" s="10"/>
    </row>
    <row r="576781" spans="14:14">
      <c r="N576781" s="10"/>
    </row>
    <row r="576782" spans="14:14">
      <c r="N576782" s="10"/>
    </row>
    <row r="576783" spans="14:14">
      <c r="N576783" s="10"/>
    </row>
    <row r="576784" spans="14:14">
      <c r="N576784" s="10"/>
    </row>
    <row r="576785" spans="14:14">
      <c r="N576785" s="10"/>
    </row>
    <row r="576786" spans="14:14">
      <c r="N576786" s="10"/>
    </row>
    <row r="576787" spans="14:14">
      <c r="N576787" s="10"/>
    </row>
    <row r="576788" spans="14:14">
      <c r="N576788" s="10"/>
    </row>
    <row r="576789" spans="14:14">
      <c r="N576789" s="10"/>
    </row>
    <row r="576790" spans="14:14">
      <c r="N576790" s="10"/>
    </row>
    <row r="576791" spans="14:14">
      <c r="N576791" s="10"/>
    </row>
    <row r="576792" spans="14:14">
      <c r="N576792" s="10"/>
    </row>
    <row r="576793" spans="14:14">
      <c r="N576793" s="10"/>
    </row>
    <row r="576794" spans="14:14">
      <c r="N576794" s="10"/>
    </row>
    <row r="576795" spans="14:14">
      <c r="N576795" s="10"/>
    </row>
    <row r="576796" spans="14:14">
      <c r="N576796" s="10"/>
    </row>
    <row r="576797" spans="14:14">
      <c r="N576797" s="10"/>
    </row>
    <row r="576798" spans="14:14">
      <c r="N576798" s="10"/>
    </row>
    <row r="576799" spans="14:14">
      <c r="N576799" s="10"/>
    </row>
    <row r="576800" spans="14:14">
      <c r="N576800" s="10"/>
    </row>
    <row r="576801" spans="14:14">
      <c r="N576801" s="10"/>
    </row>
    <row r="576802" spans="14:14">
      <c r="N576802" s="10"/>
    </row>
    <row r="576803" spans="14:14">
      <c r="N576803" s="10"/>
    </row>
    <row r="576804" spans="14:14">
      <c r="N576804" s="10"/>
    </row>
    <row r="576805" spans="14:14">
      <c r="N576805" s="10"/>
    </row>
    <row r="576806" spans="14:14">
      <c r="N576806" s="10"/>
    </row>
    <row r="576807" spans="14:14">
      <c r="N576807" s="10"/>
    </row>
    <row r="576808" spans="14:14">
      <c r="N576808" s="10"/>
    </row>
    <row r="576809" spans="14:14">
      <c r="N576809" s="10"/>
    </row>
    <row r="576810" spans="14:14">
      <c r="N576810" s="10"/>
    </row>
    <row r="576811" spans="14:14">
      <c r="N576811" s="10"/>
    </row>
    <row r="576812" spans="14:14">
      <c r="N576812" s="10"/>
    </row>
    <row r="576813" spans="14:14">
      <c r="N576813" s="10"/>
    </row>
    <row r="576814" spans="14:14">
      <c r="N576814" s="10"/>
    </row>
    <row r="576815" spans="14:14">
      <c r="N576815" s="10"/>
    </row>
    <row r="576816" spans="14:14">
      <c r="N576816" s="10"/>
    </row>
    <row r="576817" spans="14:14">
      <c r="N576817" s="10"/>
    </row>
    <row r="576818" spans="14:14">
      <c r="N576818" s="10"/>
    </row>
    <row r="576819" spans="14:14">
      <c r="N576819" s="10"/>
    </row>
    <row r="576820" spans="14:14">
      <c r="N576820" s="10"/>
    </row>
    <row r="576821" spans="14:14">
      <c r="N576821" s="10"/>
    </row>
    <row r="576822" spans="14:14">
      <c r="N576822" s="10"/>
    </row>
    <row r="576823" spans="14:14">
      <c r="N576823" s="10"/>
    </row>
    <row r="576824" spans="14:14">
      <c r="N576824" s="10"/>
    </row>
    <row r="576825" spans="14:14">
      <c r="N576825" s="10"/>
    </row>
    <row r="576826" spans="14:14">
      <c r="N576826" s="10"/>
    </row>
    <row r="576827" spans="14:14">
      <c r="N576827" s="10"/>
    </row>
    <row r="576828" spans="14:14">
      <c r="N576828" s="10"/>
    </row>
    <row r="576829" spans="14:14">
      <c r="N576829" s="10"/>
    </row>
    <row r="576830" spans="14:14">
      <c r="N576830" s="10"/>
    </row>
    <row r="576831" spans="14:14">
      <c r="N576831" s="10"/>
    </row>
    <row r="576832" spans="14:14">
      <c r="N576832" s="10"/>
    </row>
    <row r="576833" spans="14:14">
      <c r="N576833" s="10"/>
    </row>
    <row r="576834" spans="14:14">
      <c r="N576834" s="10"/>
    </row>
    <row r="576835" spans="14:14">
      <c r="N576835" s="10"/>
    </row>
    <row r="576836" spans="14:14">
      <c r="N576836" s="10"/>
    </row>
    <row r="576837" spans="14:14">
      <c r="N576837" s="10"/>
    </row>
    <row r="576838" spans="14:14">
      <c r="N576838" s="10"/>
    </row>
    <row r="576839" spans="14:14">
      <c r="N576839" s="10"/>
    </row>
    <row r="576840" spans="14:14">
      <c r="N576840" s="10"/>
    </row>
    <row r="576841" spans="14:14">
      <c r="N576841" s="10"/>
    </row>
    <row r="576842" spans="14:14">
      <c r="N576842" s="10"/>
    </row>
    <row r="576843" spans="14:14">
      <c r="N576843" s="10"/>
    </row>
    <row r="576844" spans="14:14">
      <c r="N576844" s="10"/>
    </row>
    <row r="576845" spans="14:14">
      <c r="N576845" s="10"/>
    </row>
    <row r="576846" spans="14:14">
      <c r="N576846" s="10"/>
    </row>
    <row r="576847" spans="14:14">
      <c r="N576847" s="10"/>
    </row>
    <row r="576848" spans="14:14">
      <c r="N576848" s="10"/>
    </row>
    <row r="576849" spans="14:14">
      <c r="N576849" s="10"/>
    </row>
    <row r="576850" spans="14:14">
      <c r="N576850" s="10"/>
    </row>
    <row r="576851" spans="14:14">
      <c r="N576851" s="10"/>
    </row>
    <row r="576852" spans="14:14">
      <c r="N576852" s="10"/>
    </row>
    <row r="576853" spans="14:14">
      <c r="N576853" s="10"/>
    </row>
    <row r="576854" spans="14:14">
      <c r="N576854" s="10"/>
    </row>
    <row r="576855" spans="14:14">
      <c r="N576855" s="10"/>
    </row>
    <row r="576856" spans="14:14">
      <c r="N576856" s="10"/>
    </row>
    <row r="576857" spans="14:14">
      <c r="N576857" s="10"/>
    </row>
    <row r="576858" spans="14:14">
      <c r="N576858" s="10"/>
    </row>
    <row r="576859" spans="14:14">
      <c r="N576859" s="10"/>
    </row>
    <row r="576860" spans="14:14">
      <c r="N576860" s="10"/>
    </row>
    <row r="576861" spans="14:14">
      <c r="N576861" s="10"/>
    </row>
    <row r="576862" spans="14:14">
      <c r="N576862" s="10"/>
    </row>
    <row r="576863" spans="14:14">
      <c r="N576863" s="10"/>
    </row>
    <row r="576864" spans="14:14">
      <c r="N576864" s="10"/>
    </row>
    <row r="576865" spans="14:14">
      <c r="N576865" s="10"/>
    </row>
    <row r="576866" spans="14:14">
      <c r="N576866" s="10"/>
    </row>
    <row r="576867" spans="14:14">
      <c r="N576867" s="10"/>
    </row>
    <row r="576868" spans="14:14">
      <c r="N576868" s="10"/>
    </row>
    <row r="576869" spans="14:14">
      <c r="N576869" s="10"/>
    </row>
    <row r="576870" spans="14:14">
      <c r="N576870" s="10"/>
    </row>
    <row r="576871" spans="14:14">
      <c r="N576871" s="10"/>
    </row>
    <row r="576872" spans="14:14">
      <c r="N576872" s="10"/>
    </row>
    <row r="576873" spans="14:14">
      <c r="N576873" s="10"/>
    </row>
    <row r="576874" spans="14:14">
      <c r="N576874" s="10"/>
    </row>
    <row r="576875" spans="14:14">
      <c r="N576875" s="10"/>
    </row>
    <row r="576876" spans="14:14">
      <c r="N576876" s="10"/>
    </row>
    <row r="576877" spans="14:14">
      <c r="N576877" s="10"/>
    </row>
    <row r="576878" spans="14:14">
      <c r="N576878" s="10"/>
    </row>
    <row r="576879" spans="14:14">
      <c r="N576879" s="10"/>
    </row>
    <row r="576880" spans="14:14">
      <c r="N576880" s="10"/>
    </row>
    <row r="576881" spans="14:14">
      <c r="N576881" s="10"/>
    </row>
    <row r="576882" spans="14:14">
      <c r="N576882" s="10"/>
    </row>
    <row r="576883" spans="14:14">
      <c r="N576883" s="10"/>
    </row>
    <row r="576884" spans="14:14">
      <c r="N576884" s="10"/>
    </row>
    <row r="576885" spans="14:14">
      <c r="N576885" s="10"/>
    </row>
    <row r="576886" spans="14:14">
      <c r="N576886" s="10"/>
    </row>
    <row r="576887" spans="14:14">
      <c r="N576887" s="10"/>
    </row>
    <row r="576888" spans="14:14">
      <c r="N576888" s="10"/>
    </row>
    <row r="576889" spans="14:14">
      <c r="N576889" s="10"/>
    </row>
    <row r="576890" spans="14:14">
      <c r="N576890" s="10"/>
    </row>
    <row r="576891" spans="14:14">
      <c r="N576891" s="10"/>
    </row>
    <row r="576892" spans="14:14">
      <c r="N576892" s="10"/>
    </row>
    <row r="576893" spans="14:14">
      <c r="N576893" s="10"/>
    </row>
    <row r="576894" spans="14:14">
      <c r="N576894" s="10"/>
    </row>
    <row r="576895" spans="14:14">
      <c r="N576895" s="10"/>
    </row>
    <row r="576896" spans="14:14">
      <c r="N576896" s="10"/>
    </row>
    <row r="576897" spans="14:14">
      <c r="N576897" s="10"/>
    </row>
    <row r="576898" spans="14:14">
      <c r="N576898" s="10"/>
    </row>
    <row r="576899" spans="14:14">
      <c r="N576899" s="10"/>
    </row>
    <row r="576900" spans="14:14">
      <c r="N576900" s="10"/>
    </row>
    <row r="576901" spans="14:14">
      <c r="N576901" s="10"/>
    </row>
    <row r="576902" spans="14:14">
      <c r="N576902" s="10"/>
    </row>
    <row r="576903" spans="14:14">
      <c r="N576903" s="10"/>
    </row>
    <row r="576904" spans="14:14">
      <c r="N576904" s="10"/>
    </row>
    <row r="576905" spans="14:14">
      <c r="N576905" s="10"/>
    </row>
    <row r="576906" spans="14:14">
      <c r="N576906" s="10"/>
    </row>
    <row r="576907" spans="14:14">
      <c r="N576907" s="10"/>
    </row>
    <row r="576908" spans="14:14">
      <c r="N576908" s="10"/>
    </row>
    <row r="576909" spans="14:14">
      <c r="N576909" s="10"/>
    </row>
    <row r="576910" spans="14:14">
      <c r="N576910" s="10"/>
    </row>
    <row r="576911" spans="14:14">
      <c r="N576911" s="10"/>
    </row>
    <row r="576912" spans="14:14">
      <c r="N576912" s="10"/>
    </row>
    <row r="576913" spans="14:14">
      <c r="N576913" s="10"/>
    </row>
    <row r="576914" spans="14:14">
      <c r="N576914" s="10"/>
    </row>
    <row r="576915" spans="14:14">
      <c r="N576915" s="10"/>
    </row>
    <row r="576916" spans="14:14">
      <c r="N576916" s="10"/>
    </row>
    <row r="576917" spans="14:14">
      <c r="N576917" s="10"/>
    </row>
    <row r="576918" spans="14:14">
      <c r="N576918" s="10"/>
    </row>
    <row r="576919" spans="14:14">
      <c r="N576919" s="10"/>
    </row>
    <row r="576920" spans="14:14">
      <c r="N576920" s="10"/>
    </row>
    <row r="576921" spans="14:14">
      <c r="N576921" s="10"/>
    </row>
    <row r="576922" spans="14:14">
      <c r="N576922" s="10"/>
    </row>
    <row r="576923" spans="14:14">
      <c r="N576923" s="10"/>
    </row>
    <row r="576924" spans="14:14">
      <c r="N576924" s="10"/>
    </row>
    <row r="576925" spans="14:14">
      <c r="N576925" s="10"/>
    </row>
    <row r="576926" spans="14:14">
      <c r="N576926" s="10"/>
    </row>
    <row r="576927" spans="14:14">
      <c r="N576927" s="10"/>
    </row>
    <row r="576928" spans="14:14">
      <c r="N576928" s="10"/>
    </row>
    <row r="576929" spans="14:14">
      <c r="N576929" s="10"/>
    </row>
    <row r="576930" spans="14:14">
      <c r="N576930" s="10"/>
    </row>
    <row r="576931" spans="14:14">
      <c r="N576931" s="10"/>
    </row>
    <row r="576932" spans="14:14">
      <c r="N576932" s="10"/>
    </row>
    <row r="576933" spans="14:14">
      <c r="N576933" s="10"/>
    </row>
    <row r="576934" spans="14:14">
      <c r="N576934" s="10"/>
    </row>
    <row r="576935" spans="14:14">
      <c r="N576935" s="10"/>
    </row>
    <row r="576936" spans="14:14">
      <c r="N576936" s="10"/>
    </row>
    <row r="576937" spans="14:14">
      <c r="N576937" s="10"/>
    </row>
    <row r="576938" spans="14:14">
      <c r="N576938" s="10"/>
    </row>
    <row r="576939" spans="14:14">
      <c r="N576939" s="10"/>
    </row>
    <row r="576940" spans="14:14">
      <c r="N576940" s="10"/>
    </row>
    <row r="576941" spans="14:14">
      <c r="N576941" s="10"/>
    </row>
    <row r="576942" spans="14:14">
      <c r="N576942" s="10"/>
    </row>
    <row r="576943" spans="14:14">
      <c r="N576943" s="10"/>
    </row>
    <row r="576944" spans="14:14">
      <c r="N576944" s="10"/>
    </row>
    <row r="576945" spans="14:14">
      <c r="N576945" s="10"/>
    </row>
    <row r="576946" spans="14:14">
      <c r="N576946" s="10"/>
    </row>
    <row r="576947" spans="14:14">
      <c r="N576947" s="10"/>
    </row>
    <row r="576948" spans="14:14">
      <c r="N576948" s="10"/>
    </row>
    <row r="576949" spans="14:14">
      <c r="N576949" s="10"/>
    </row>
    <row r="576950" spans="14:14">
      <c r="N576950" s="10"/>
    </row>
    <row r="576951" spans="14:14">
      <c r="N576951" s="10"/>
    </row>
    <row r="576952" spans="14:14">
      <c r="N576952" s="10"/>
    </row>
    <row r="576953" spans="14:14">
      <c r="N576953" s="10"/>
    </row>
    <row r="576954" spans="14:14">
      <c r="N576954" s="10"/>
    </row>
    <row r="576955" spans="14:14">
      <c r="N576955" s="10"/>
    </row>
    <row r="576956" spans="14:14">
      <c r="N576956" s="10"/>
    </row>
    <row r="576957" spans="14:14">
      <c r="N576957" s="10"/>
    </row>
    <row r="576958" spans="14:14">
      <c r="N576958" s="10"/>
    </row>
    <row r="576959" spans="14:14">
      <c r="N576959" s="10"/>
    </row>
    <row r="576960" spans="14:14">
      <c r="N576960" s="10"/>
    </row>
    <row r="576961" spans="14:14">
      <c r="N576961" s="10"/>
    </row>
    <row r="576962" spans="14:14">
      <c r="N576962" s="10"/>
    </row>
    <row r="576963" spans="14:14">
      <c r="N576963" s="10"/>
    </row>
    <row r="576964" spans="14:14">
      <c r="N576964" s="10"/>
    </row>
    <row r="576965" spans="14:14">
      <c r="N576965" s="10"/>
    </row>
    <row r="576966" spans="14:14">
      <c r="N576966" s="10"/>
    </row>
    <row r="576967" spans="14:14">
      <c r="N576967" s="10"/>
    </row>
    <row r="576968" spans="14:14">
      <c r="N576968" s="10"/>
    </row>
    <row r="576969" spans="14:14">
      <c r="N576969" s="10"/>
    </row>
    <row r="576970" spans="14:14">
      <c r="N576970" s="10"/>
    </row>
    <row r="576971" spans="14:14">
      <c r="N576971" s="10"/>
    </row>
    <row r="576972" spans="14:14">
      <c r="N576972" s="10"/>
    </row>
    <row r="576973" spans="14:14">
      <c r="N576973" s="10"/>
    </row>
    <row r="576974" spans="14:14">
      <c r="N576974" s="10"/>
    </row>
    <row r="576975" spans="14:14">
      <c r="N576975" s="10"/>
    </row>
    <row r="576976" spans="14:14">
      <c r="N576976" s="10"/>
    </row>
    <row r="576977" spans="14:14">
      <c r="N576977" s="10"/>
    </row>
    <row r="576978" spans="14:14">
      <c r="N576978" s="10"/>
    </row>
    <row r="576979" spans="14:14">
      <c r="N576979" s="10"/>
    </row>
    <row r="576980" spans="14:14">
      <c r="N576980" s="10"/>
    </row>
    <row r="576981" spans="14:14">
      <c r="N576981" s="10"/>
    </row>
    <row r="576982" spans="14:14">
      <c r="N576982" s="10"/>
    </row>
    <row r="576983" spans="14:14">
      <c r="N576983" s="10"/>
    </row>
    <row r="576984" spans="14:14">
      <c r="N576984" s="10"/>
    </row>
    <row r="576985" spans="14:14">
      <c r="N576985" s="10"/>
    </row>
    <row r="576986" spans="14:14">
      <c r="N576986" s="10"/>
    </row>
    <row r="576987" spans="14:14">
      <c r="N576987" s="10"/>
    </row>
    <row r="576988" spans="14:14">
      <c r="N576988" s="10"/>
    </row>
    <row r="576989" spans="14:14">
      <c r="N576989" s="10"/>
    </row>
    <row r="576990" spans="14:14">
      <c r="N576990" s="10"/>
    </row>
    <row r="576991" spans="14:14">
      <c r="N576991" s="10"/>
    </row>
    <row r="576992" spans="14:14">
      <c r="N576992" s="10"/>
    </row>
    <row r="576993" spans="14:14">
      <c r="N576993" s="10"/>
    </row>
    <row r="576994" spans="14:14">
      <c r="N576994" s="10"/>
    </row>
    <row r="576995" spans="14:14">
      <c r="N576995" s="10"/>
    </row>
    <row r="576996" spans="14:14">
      <c r="N576996" s="10"/>
    </row>
    <row r="576997" spans="14:14">
      <c r="N576997" s="10"/>
    </row>
    <row r="576998" spans="14:14">
      <c r="N576998" s="10"/>
    </row>
    <row r="576999" spans="14:14">
      <c r="N576999" s="10"/>
    </row>
    <row r="577000" spans="14:14">
      <c r="N577000" s="10"/>
    </row>
    <row r="577001" spans="14:14">
      <c r="N577001" s="10"/>
    </row>
    <row r="577002" spans="14:14">
      <c r="N577002" s="10"/>
    </row>
    <row r="577003" spans="14:14">
      <c r="N577003" s="10"/>
    </row>
    <row r="577004" spans="14:14">
      <c r="N577004" s="10"/>
    </row>
    <row r="577005" spans="14:14">
      <c r="N577005" s="10"/>
    </row>
    <row r="577006" spans="14:14">
      <c r="N577006" s="10"/>
    </row>
    <row r="577007" spans="14:14">
      <c r="N577007" s="10"/>
    </row>
    <row r="577008" spans="14:14">
      <c r="N577008" s="10"/>
    </row>
    <row r="577009" spans="14:14">
      <c r="N577009" s="10"/>
    </row>
    <row r="577010" spans="14:14">
      <c r="N577010" s="10"/>
    </row>
    <row r="577011" spans="14:14">
      <c r="N577011" s="10"/>
    </row>
    <row r="577012" spans="14:14">
      <c r="N577012" s="10"/>
    </row>
    <row r="577013" spans="14:14">
      <c r="N577013" s="10"/>
    </row>
    <row r="577014" spans="14:14">
      <c r="N577014" s="10"/>
    </row>
    <row r="577015" spans="14:14">
      <c r="N577015" s="10"/>
    </row>
    <row r="577016" spans="14:14">
      <c r="N577016" s="10"/>
    </row>
    <row r="577017" spans="14:14">
      <c r="N577017" s="10"/>
    </row>
    <row r="577018" spans="14:14">
      <c r="N577018" s="10"/>
    </row>
    <row r="577019" spans="14:14">
      <c r="N577019" s="10"/>
    </row>
    <row r="577020" spans="14:14">
      <c r="N577020" s="10"/>
    </row>
    <row r="577021" spans="14:14">
      <c r="N577021" s="10"/>
    </row>
    <row r="577022" spans="14:14">
      <c r="N577022" s="10"/>
    </row>
    <row r="577023" spans="14:14">
      <c r="N577023" s="10"/>
    </row>
    <row r="577024" spans="14:14">
      <c r="N577024" s="10"/>
    </row>
    <row r="577025" spans="14:14">
      <c r="N577025" s="10"/>
    </row>
    <row r="577026" spans="14:14">
      <c r="N577026" s="10"/>
    </row>
    <row r="577027" spans="14:14">
      <c r="N577027" s="10"/>
    </row>
    <row r="577028" spans="14:14">
      <c r="N577028" s="10"/>
    </row>
    <row r="577029" spans="14:14">
      <c r="N577029" s="10"/>
    </row>
    <row r="577030" spans="14:14">
      <c r="N577030" s="10"/>
    </row>
    <row r="577031" spans="14:14">
      <c r="N577031" s="10"/>
    </row>
    <row r="577032" spans="14:14">
      <c r="N577032" s="10"/>
    </row>
    <row r="577033" spans="14:14">
      <c r="N577033" s="10"/>
    </row>
    <row r="577034" spans="14:14">
      <c r="N577034" s="10"/>
    </row>
    <row r="577035" spans="14:14">
      <c r="N577035" s="10"/>
    </row>
    <row r="577036" spans="14:14">
      <c r="N577036" s="10"/>
    </row>
    <row r="577037" spans="14:14">
      <c r="N577037" s="10"/>
    </row>
    <row r="577038" spans="14:14">
      <c r="N577038" s="10"/>
    </row>
    <row r="577039" spans="14:14">
      <c r="N577039" s="10"/>
    </row>
    <row r="577040" spans="14:14">
      <c r="N577040" s="10"/>
    </row>
    <row r="577041" spans="14:14">
      <c r="N577041" s="10"/>
    </row>
    <row r="577042" spans="14:14">
      <c r="N577042" s="10"/>
    </row>
    <row r="577043" spans="14:14">
      <c r="N577043" s="10"/>
    </row>
    <row r="577044" spans="14:14">
      <c r="N577044" s="10"/>
    </row>
    <row r="577045" spans="14:14">
      <c r="N577045" s="10"/>
    </row>
    <row r="577046" spans="14:14">
      <c r="N577046" s="10"/>
    </row>
    <row r="577047" spans="14:14">
      <c r="N577047" s="10"/>
    </row>
    <row r="577048" spans="14:14">
      <c r="N577048" s="10"/>
    </row>
    <row r="577049" spans="14:14">
      <c r="N577049" s="10"/>
    </row>
    <row r="577050" spans="14:14">
      <c r="N577050" s="10"/>
    </row>
    <row r="577051" spans="14:14">
      <c r="N577051" s="10"/>
    </row>
    <row r="577052" spans="14:14">
      <c r="N577052" s="10"/>
    </row>
    <row r="577053" spans="14:14">
      <c r="N577053" s="10"/>
    </row>
    <row r="577054" spans="14:14">
      <c r="N577054" s="10"/>
    </row>
    <row r="577055" spans="14:14">
      <c r="N577055" s="10"/>
    </row>
    <row r="577056" spans="14:14">
      <c r="N577056" s="10"/>
    </row>
    <row r="577057" spans="14:14">
      <c r="N577057" s="10"/>
    </row>
    <row r="577058" spans="14:14">
      <c r="N577058" s="10"/>
    </row>
    <row r="577059" spans="14:14">
      <c r="N577059" s="10"/>
    </row>
    <row r="577060" spans="14:14">
      <c r="N577060" s="10"/>
    </row>
    <row r="577061" spans="14:14">
      <c r="N577061" s="10"/>
    </row>
    <row r="577062" spans="14:14">
      <c r="N577062" s="10"/>
    </row>
    <row r="577063" spans="14:14">
      <c r="N577063" s="10"/>
    </row>
    <row r="577064" spans="14:14">
      <c r="N577064" s="10"/>
    </row>
    <row r="577065" spans="14:14">
      <c r="N577065" s="10"/>
    </row>
    <row r="577066" spans="14:14">
      <c r="N577066" s="10"/>
    </row>
    <row r="577067" spans="14:14">
      <c r="N577067" s="10"/>
    </row>
    <row r="577068" spans="14:14">
      <c r="N577068" s="10"/>
    </row>
    <row r="577069" spans="14:14">
      <c r="N577069" s="10"/>
    </row>
    <row r="577070" spans="14:14">
      <c r="N577070" s="10"/>
    </row>
    <row r="577071" spans="14:14">
      <c r="N577071" s="10"/>
    </row>
    <row r="577072" spans="14:14">
      <c r="N577072" s="10"/>
    </row>
    <row r="577073" spans="14:14">
      <c r="N577073" s="10"/>
    </row>
    <row r="577074" spans="14:14">
      <c r="N577074" s="10"/>
    </row>
    <row r="577075" spans="14:14">
      <c r="N577075" s="10"/>
    </row>
    <row r="577076" spans="14:14">
      <c r="N577076" s="10"/>
    </row>
    <row r="577077" spans="14:14">
      <c r="N577077" s="10"/>
    </row>
    <row r="577078" spans="14:14">
      <c r="N577078" s="10"/>
    </row>
    <row r="577079" spans="14:14">
      <c r="N577079" s="10"/>
    </row>
    <row r="577080" spans="14:14">
      <c r="N577080" s="10"/>
    </row>
    <row r="577081" spans="14:14">
      <c r="N577081" s="10"/>
    </row>
    <row r="577082" spans="14:14">
      <c r="N577082" s="10"/>
    </row>
    <row r="577083" spans="14:14">
      <c r="N577083" s="10"/>
    </row>
    <row r="577084" spans="14:14">
      <c r="N577084" s="10"/>
    </row>
    <row r="577085" spans="14:14">
      <c r="N577085" s="10"/>
    </row>
    <row r="577086" spans="14:14">
      <c r="N577086" s="10"/>
    </row>
    <row r="577087" spans="14:14">
      <c r="N577087" s="10"/>
    </row>
    <row r="577088" spans="14:14">
      <c r="N577088" s="10"/>
    </row>
    <row r="577089" spans="14:14">
      <c r="N577089" s="10"/>
    </row>
    <row r="577090" spans="14:14">
      <c r="N577090" s="10"/>
    </row>
    <row r="577091" spans="14:14">
      <c r="N577091" s="10"/>
    </row>
    <row r="577092" spans="14:14">
      <c r="N577092" s="10"/>
    </row>
    <row r="577093" spans="14:14">
      <c r="N577093" s="10"/>
    </row>
    <row r="577094" spans="14:14">
      <c r="N577094" s="10"/>
    </row>
    <row r="577095" spans="14:14">
      <c r="N577095" s="10"/>
    </row>
    <row r="577096" spans="14:14">
      <c r="N577096" s="10"/>
    </row>
    <row r="577097" spans="14:14">
      <c r="N577097" s="10"/>
    </row>
    <row r="577098" spans="14:14">
      <c r="N577098" s="10"/>
    </row>
    <row r="577099" spans="14:14">
      <c r="N577099" s="10"/>
    </row>
    <row r="577100" spans="14:14">
      <c r="N577100" s="10"/>
    </row>
    <row r="577101" spans="14:14">
      <c r="N577101" s="10"/>
    </row>
    <row r="577102" spans="14:14">
      <c r="N577102" s="10"/>
    </row>
    <row r="577103" spans="14:14">
      <c r="N577103" s="10"/>
    </row>
    <row r="577104" spans="14:14">
      <c r="N577104" s="10"/>
    </row>
    <row r="577105" spans="14:14">
      <c r="N577105" s="10"/>
    </row>
    <row r="577106" spans="14:14">
      <c r="N577106" s="10"/>
    </row>
    <row r="577107" spans="14:14">
      <c r="N577107" s="10"/>
    </row>
    <row r="577108" spans="14:14">
      <c r="N577108" s="10"/>
    </row>
    <row r="577109" spans="14:14">
      <c r="N577109" s="10"/>
    </row>
    <row r="577110" spans="14:14">
      <c r="N577110" s="10"/>
    </row>
    <row r="577111" spans="14:14">
      <c r="N577111" s="10"/>
    </row>
    <row r="577112" spans="14:14">
      <c r="N577112" s="10"/>
    </row>
    <row r="577113" spans="14:14">
      <c r="N577113" s="10"/>
    </row>
    <row r="577114" spans="14:14">
      <c r="N577114" s="10"/>
    </row>
    <row r="577115" spans="14:14">
      <c r="N577115" s="10"/>
    </row>
    <row r="577116" spans="14:14">
      <c r="N577116" s="10"/>
    </row>
    <row r="577117" spans="14:14">
      <c r="N577117" s="10"/>
    </row>
    <row r="577118" spans="14:14">
      <c r="N577118" s="10"/>
    </row>
    <row r="577119" spans="14:14">
      <c r="N577119" s="10"/>
    </row>
    <row r="577120" spans="14:14">
      <c r="N577120" s="10"/>
    </row>
    <row r="577121" spans="14:14">
      <c r="N577121" s="10"/>
    </row>
    <row r="577122" spans="14:14">
      <c r="N577122" s="10"/>
    </row>
    <row r="577123" spans="14:14">
      <c r="N577123" s="10"/>
    </row>
    <row r="577124" spans="14:14">
      <c r="N577124" s="10"/>
    </row>
    <row r="577125" spans="14:14">
      <c r="N577125" s="10"/>
    </row>
    <row r="577126" spans="14:14">
      <c r="N577126" s="10"/>
    </row>
    <row r="577127" spans="14:14">
      <c r="N577127" s="10"/>
    </row>
    <row r="577128" spans="14:14">
      <c r="N577128" s="10"/>
    </row>
    <row r="577129" spans="14:14">
      <c r="N577129" s="10"/>
    </row>
    <row r="577130" spans="14:14">
      <c r="N577130" s="10"/>
    </row>
    <row r="577131" spans="14:14">
      <c r="N577131" s="10"/>
    </row>
    <row r="577132" spans="14:14">
      <c r="N577132" s="10"/>
    </row>
    <row r="577133" spans="14:14">
      <c r="N577133" s="10"/>
    </row>
    <row r="577134" spans="14:14">
      <c r="N577134" s="10"/>
    </row>
    <row r="577135" spans="14:14">
      <c r="N577135" s="10"/>
    </row>
    <row r="577136" spans="14:14">
      <c r="N577136" s="10"/>
    </row>
    <row r="577137" spans="14:14">
      <c r="N577137" s="10"/>
    </row>
    <row r="577138" spans="14:14">
      <c r="N577138" s="10"/>
    </row>
    <row r="577139" spans="14:14">
      <c r="N577139" s="10"/>
    </row>
    <row r="577140" spans="14:14">
      <c r="N577140" s="10"/>
    </row>
    <row r="577141" spans="14:14">
      <c r="N577141" s="10"/>
    </row>
    <row r="577142" spans="14:14">
      <c r="N577142" s="10"/>
    </row>
    <row r="577143" spans="14:14">
      <c r="N577143" s="10"/>
    </row>
    <row r="577144" spans="14:14">
      <c r="N577144" s="10"/>
    </row>
    <row r="577145" spans="14:14">
      <c r="N577145" s="10"/>
    </row>
    <row r="577146" spans="14:14">
      <c r="N577146" s="10"/>
    </row>
    <row r="577147" spans="14:14">
      <c r="N577147" s="10"/>
    </row>
    <row r="577148" spans="14:14">
      <c r="N577148" s="10"/>
    </row>
    <row r="577149" spans="14:14">
      <c r="N577149" s="10"/>
    </row>
    <row r="577150" spans="14:14">
      <c r="N577150" s="10"/>
    </row>
    <row r="577151" spans="14:14">
      <c r="N577151" s="10"/>
    </row>
    <row r="577152" spans="14:14">
      <c r="N577152" s="10"/>
    </row>
    <row r="577153" spans="14:14">
      <c r="N577153" s="10"/>
    </row>
    <row r="577154" spans="14:14">
      <c r="N577154" s="10"/>
    </row>
    <row r="577155" spans="14:14">
      <c r="N577155" s="10"/>
    </row>
    <row r="577156" spans="14:14">
      <c r="N577156" s="10"/>
    </row>
    <row r="577157" spans="14:14">
      <c r="N577157" s="10"/>
    </row>
    <row r="577158" spans="14:14">
      <c r="N577158" s="10"/>
    </row>
    <row r="577159" spans="14:14">
      <c r="N577159" s="10"/>
    </row>
    <row r="577160" spans="14:14">
      <c r="N577160" s="10"/>
    </row>
    <row r="577161" spans="14:14">
      <c r="N577161" s="10"/>
    </row>
    <row r="577162" spans="14:14">
      <c r="N577162" s="10"/>
    </row>
    <row r="577163" spans="14:14">
      <c r="N577163" s="10"/>
    </row>
    <row r="577164" spans="14:14">
      <c r="N577164" s="10"/>
    </row>
    <row r="577165" spans="14:14">
      <c r="N577165" s="10"/>
    </row>
    <row r="577166" spans="14:14">
      <c r="N577166" s="10"/>
    </row>
    <row r="577167" spans="14:14">
      <c r="N577167" s="10"/>
    </row>
    <row r="577168" spans="14:14">
      <c r="N577168" s="10"/>
    </row>
    <row r="577169" spans="14:14">
      <c r="N577169" s="10"/>
    </row>
    <row r="577170" spans="14:14">
      <c r="N577170" s="10"/>
    </row>
    <row r="577171" spans="14:14">
      <c r="N577171" s="10"/>
    </row>
    <row r="577172" spans="14:14">
      <c r="N577172" s="10"/>
    </row>
    <row r="577173" spans="14:14">
      <c r="N577173" s="10"/>
    </row>
    <row r="577174" spans="14:14">
      <c r="N577174" s="10"/>
    </row>
    <row r="577175" spans="14:14">
      <c r="N577175" s="10"/>
    </row>
    <row r="577176" spans="14:14">
      <c r="N577176" s="10"/>
    </row>
    <row r="577177" spans="14:14">
      <c r="N577177" s="10"/>
    </row>
    <row r="577178" spans="14:14">
      <c r="N577178" s="10"/>
    </row>
    <row r="577179" spans="14:14">
      <c r="N577179" s="10"/>
    </row>
    <row r="577180" spans="14:14">
      <c r="N577180" s="10"/>
    </row>
    <row r="577181" spans="14:14">
      <c r="N577181" s="10"/>
    </row>
    <row r="577182" spans="14:14">
      <c r="N577182" s="10"/>
    </row>
    <row r="577183" spans="14:14">
      <c r="N577183" s="10"/>
    </row>
    <row r="577184" spans="14:14">
      <c r="N577184" s="10"/>
    </row>
    <row r="577185" spans="14:14">
      <c r="N577185" s="10"/>
    </row>
    <row r="577186" spans="14:14">
      <c r="N577186" s="10"/>
    </row>
    <row r="577187" spans="14:14">
      <c r="N577187" s="10"/>
    </row>
    <row r="577188" spans="14:14">
      <c r="N577188" s="10"/>
    </row>
    <row r="577189" spans="14:14">
      <c r="N577189" s="10"/>
    </row>
    <row r="577190" spans="14:14">
      <c r="N577190" s="10"/>
    </row>
    <row r="577191" spans="14:14">
      <c r="N577191" s="10"/>
    </row>
    <row r="577192" spans="14:14">
      <c r="N577192" s="10"/>
    </row>
    <row r="577193" spans="14:14">
      <c r="N577193" s="10"/>
    </row>
    <row r="577194" spans="14:14">
      <c r="N577194" s="10"/>
    </row>
    <row r="577195" spans="14:14">
      <c r="N577195" s="10"/>
    </row>
    <row r="577196" spans="14:14">
      <c r="N577196" s="10"/>
    </row>
    <row r="577197" spans="14:14">
      <c r="N577197" s="10"/>
    </row>
    <row r="577198" spans="14:14">
      <c r="N577198" s="10"/>
    </row>
    <row r="577199" spans="14:14">
      <c r="N577199" s="10"/>
    </row>
    <row r="577200" spans="14:14">
      <c r="N577200" s="10"/>
    </row>
    <row r="577201" spans="14:14">
      <c r="N577201" s="10"/>
    </row>
    <row r="577202" spans="14:14">
      <c r="N577202" s="10"/>
    </row>
    <row r="577203" spans="14:14">
      <c r="N577203" s="10"/>
    </row>
    <row r="577204" spans="14:14">
      <c r="N577204" s="10"/>
    </row>
    <row r="577205" spans="14:14">
      <c r="N577205" s="10"/>
    </row>
    <row r="577206" spans="14:14">
      <c r="N577206" s="10"/>
    </row>
    <row r="577207" spans="14:14">
      <c r="N577207" s="10"/>
    </row>
    <row r="577208" spans="14:14">
      <c r="N577208" s="10"/>
    </row>
    <row r="577209" spans="14:14">
      <c r="N577209" s="10"/>
    </row>
    <row r="577210" spans="14:14">
      <c r="N577210" s="10"/>
    </row>
    <row r="577211" spans="14:14">
      <c r="N577211" s="10"/>
    </row>
    <row r="577212" spans="14:14">
      <c r="N577212" s="10"/>
    </row>
    <row r="577213" spans="14:14">
      <c r="N577213" s="10"/>
    </row>
    <row r="577214" spans="14:14">
      <c r="N577214" s="10"/>
    </row>
    <row r="577215" spans="14:14">
      <c r="N577215" s="10"/>
    </row>
    <row r="577216" spans="14:14">
      <c r="N577216" s="10"/>
    </row>
    <row r="577217" spans="14:14">
      <c r="N577217" s="10"/>
    </row>
    <row r="577218" spans="14:14">
      <c r="N577218" s="10"/>
    </row>
    <row r="577219" spans="14:14">
      <c r="N577219" s="10"/>
    </row>
    <row r="577220" spans="14:14">
      <c r="N577220" s="10"/>
    </row>
    <row r="577221" spans="14:14">
      <c r="N577221" s="10"/>
    </row>
    <row r="577222" spans="14:14">
      <c r="N577222" s="10"/>
    </row>
    <row r="577223" spans="14:14">
      <c r="N577223" s="10"/>
    </row>
    <row r="577224" spans="14:14">
      <c r="N577224" s="10"/>
    </row>
    <row r="577225" spans="14:14">
      <c r="N577225" s="10"/>
    </row>
    <row r="577226" spans="14:14">
      <c r="N577226" s="10"/>
    </row>
    <row r="577227" spans="14:14">
      <c r="N577227" s="10"/>
    </row>
    <row r="577228" spans="14:14">
      <c r="N577228" s="10"/>
    </row>
    <row r="577229" spans="14:14">
      <c r="N577229" s="10"/>
    </row>
    <row r="577230" spans="14:14">
      <c r="N577230" s="10"/>
    </row>
    <row r="577231" spans="14:14">
      <c r="N577231" s="10"/>
    </row>
    <row r="577232" spans="14:14">
      <c r="N577232" s="10"/>
    </row>
    <row r="577233" spans="14:14">
      <c r="N577233" s="10"/>
    </row>
    <row r="577234" spans="14:14">
      <c r="N577234" s="10"/>
    </row>
    <row r="577235" spans="14:14">
      <c r="N577235" s="10"/>
    </row>
    <row r="577236" spans="14:14">
      <c r="N577236" s="10"/>
    </row>
    <row r="577237" spans="14:14">
      <c r="N577237" s="10"/>
    </row>
    <row r="577238" spans="14:14">
      <c r="N577238" s="10"/>
    </row>
    <row r="577239" spans="14:14">
      <c r="N577239" s="10"/>
    </row>
    <row r="577240" spans="14:14">
      <c r="N577240" s="10"/>
    </row>
    <row r="577241" spans="14:14">
      <c r="N577241" s="10"/>
    </row>
    <row r="577242" spans="14:14">
      <c r="N577242" s="10"/>
    </row>
    <row r="577243" spans="14:14">
      <c r="N577243" s="10"/>
    </row>
    <row r="577244" spans="14:14">
      <c r="N577244" s="10"/>
    </row>
    <row r="577245" spans="14:14">
      <c r="N577245" s="10"/>
    </row>
    <row r="577246" spans="14:14">
      <c r="N577246" s="10"/>
    </row>
    <row r="577247" spans="14:14">
      <c r="N577247" s="10"/>
    </row>
    <row r="577248" spans="14:14">
      <c r="N577248" s="10"/>
    </row>
    <row r="577249" spans="14:14">
      <c r="N577249" s="10"/>
    </row>
    <row r="577250" spans="14:14">
      <c r="N577250" s="10"/>
    </row>
    <row r="577251" spans="14:14">
      <c r="N577251" s="10"/>
    </row>
    <row r="577252" spans="14:14">
      <c r="N577252" s="10"/>
    </row>
    <row r="577253" spans="14:14">
      <c r="N577253" s="10"/>
    </row>
    <row r="577254" spans="14:14">
      <c r="N577254" s="10"/>
    </row>
    <row r="577255" spans="14:14">
      <c r="N577255" s="10"/>
    </row>
    <row r="577256" spans="14:14">
      <c r="N577256" s="10"/>
    </row>
    <row r="577257" spans="14:14">
      <c r="N577257" s="10"/>
    </row>
    <row r="577258" spans="14:14">
      <c r="N577258" s="10"/>
    </row>
    <row r="577259" spans="14:14">
      <c r="N577259" s="10"/>
    </row>
    <row r="577260" spans="14:14">
      <c r="N577260" s="10"/>
    </row>
    <row r="577261" spans="14:14">
      <c r="N577261" s="10"/>
    </row>
    <row r="577262" spans="14:14">
      <c r="N577262" s="10"/>
    </row>
    <row r="577263" spans="14:14">
      <c r="N577263" s="10"/>
    </row>
    <row r="577264" spans="14:14">
      <c r="N577264" s="10"/>
    </row>
    <row r="577265" spans="14:14">
      <c r="N577265" s="10"/>
    </row>
    <row r="577266" spans="14:14">
      <c r="N577266" s="10"/>
    </row>
    <row r="577267" spans="14:14">
      <c r="N577267" s="10"/>
    </row>
    <row r="577268" spans="14:14">
      <c r="N577268" s="10"/>
    </row>
    <row r="577269" spans="14:14">
      <c r="N577269" s="10"/>
    </row>
    <row r="577270" spans="14:14">
      <c r="N577270" s="10"/>
    </row>
    <row r="577271" spans="14:14">
      <c r="N577271" s="10"/>
    </row>
    <row r="577272" spans="14:14">
      <c r="N577272" s="10"/>
    </row>
    <row r="577273" spans="14:14">
      <c r="N577273" s="10"/>
    </row>
    <row r="577274" spans="14:14">
      <c r="N577274" s="10"/>
    </row>
    <row r="577275" spans="14:14">
      <c r="N577275" s="10"/>
    </row>
    <row r="577276" spans="14:14">
      <c r="N577276" s="10"/>
    </row>
    <row r="577277" spans="14:14">
      <c r="N577277" s="10"/>
    </row>
    <row r="577278" spans="14:14">
      <c r="N577278" s="10"/>
    </row>
    <row r="577279" spans="14:14">
      <c r="N577279" s="10"/>
    </row>
    <row r="577280" spans="14:14">
      <c r="N577280" s="10"/>
    </row>
    <row r="577281" spans="14:14">
      <c r="N577281" s="10"/>
    </row>
    <row r="577282" spans="14:14">
      <c r="N577282" s="10"/>
    </row>
    <row r="577283" spans="14:14">
      <c r="N577283" s="10"/>
    </row>
    <row r="577284" spans="14:14">
      <c r="N577284" s="10"/>
    </row>
    <row r="577285" spans="14:14">
      <c r="N577285" s="10"/>
    </row>
    <row r="577286" spans="14:14">
      <c r="N577286" s="10"/>
    </row>
    <row r="577287" spans="14:14">
      <c r="N577287" s="10"/>
    </row>
    <row r="577288" spans="14:14">
      <c r="N577288" s="10"/>
    </row>
    <row r="577289" spans="14:14">
      <c r="N577289" s="10"/>
    </row>
    <row r="577290" spans="14:14">
      <c r="N577290" s="10"/>
    </row>
    <row r="577291" spans="14:14">
      <c r="N577291" s="10"/>
    </row>
    <row r="577292" spans="14:14">
      <c r="N577292" s="10"/>
    </row>
    <row r="577293" spans="14:14">
      <c r="N577293" s="10"/>
    </row>
    <row r="577294" spans="14:14">
      <c r="N577294" s="10"/>
    </row>
    <row r="577295" spans="14:14">
      <c r="N577295" s="10"/>
    </row>
    <row r="577296" spans="14:14">
      <c r="N577296" s="10"/>
    </row>
    <row r="577297" spans="14:14">
      <c r="N577297" s="10"/>
    </row>
    <row r="577298" spans="14:14">
      <c r="N577298" s="10"/>
    </row>
    <row r="577299" spans="14:14">
      <c r="N577299" s="10"/>
    </row>
    <row r="577300" spans="14:14">
      <c r="N577300" s="10"/>
    </row>
    <row r="577301" spans="14:14">
      <c r="N577301" s="10"/>
    </row>
    <row r="577302" spans="14:14">
      <c r="N577302" s="10"/>
    </row>
    <row r="577303" spans="14:14">
      <c r="N577303" s="10"/>
    </row>
    <row r="577304" spans="14:14">
      <c r="N577304" s="10"/>
    </row>
    <row r="577305" spans="14:14">
      <c r="N577305" s="10"/>
    </row>
    <row r="577306" spans="14:14">
      <c r="N577306" s="10"/>
    </row>
    <row r="577307" spans="14:14">
      <c r="N577307" s="10"/>
    </row>
    <row r="577308" spans="14:14">
      <c r="N577308" s="10"/>
    </row>
    <row r="577309" spans="14:14">
      <c r="N577309" s="10"/>
    </row>
    <row r="577310" spans="14:14">
      <c r="N577310" s="10"/>
    </row>
    <row r="577311" spans="14:14">
      <c r="N577311" s="10"/>
    </row>
    <row r="577312" spans="14:14">
      <c r="N577312" s="10"/>
    </row>
    <row r="577313" spans="14:14">
      <c r="N577313" s="10"/>
    </row>
    <row r="577314" spans="14:14">
      <c r="N577314" s="10"/>
    </row>
    <row r="577315" spans="14:14">
      <c r="N577315" s="10"/>
    </row>
    <row r="577316" spans="14:14">
      <c r="N577316" s="10"/>
    </row>
    <row r="577317" spans="14:14">
      <c r="N577317" s="10"/>
    </row>
    <row r="577318" spans="14:14">
      <c r="N577318" s="10"/>
    </row>
    <row r="577319" spans="14:14">
      <c r="N577319" s="10"/>
    </row>
    <row r="577320" spans="14:14">
      <c r="N577320" s="10"/>
    </row>
    <row r="577321" spans="14:14">
      <c r="N577321" s="10"/>
    </row>
    <row r="577322" spans="14:14">
      <c r="N577322" s="10"/>
    </row>
    <row r="577323" spans="14:14">
      <c r="N577323" s="10"/>
    </row>
    <row r="577324" spans="14:14">
      <c r="N577324" s="10"/>
    </row>
    <row r="577325" spans="14:14">
      <c r="N577325" s="10"/>
    </row>
    <row r="577326" spans="14:14">
      <c r="N577326" s="10"/>
    </row>
    <row r="577327" spans="14:14">
      <c r="N577327" s="10"/>
    </row>
    <row r="577328" spans="14:14">
      <c r="N577328" s="10"/>
    </row>
    <row r="577329" spans="14:14">
      <c r="N577329" s="10"/>
    </row>
    <row r="577330" spans="14:14">
      <c r="N577330" s="10"/>
    </row>
    <row r="577331" spans="14:14">
      <c r="N577331" s="10"/>
    </row>
    <row r="577332" spans="14:14">
      <c r="N577332" s="10"/>
    </row>
    <row r="577333" spans="14:14">
      <c r="N577333" s="10"/>
    </row>
    <row r="577334" spans="14:14">
      <c r="N577334" s="10"/>
    </row>
    <row r="577335" spans="14:14">
      <c r="N577335" s="10"/>
    </row>
    <row r="577336" spans="14:14">
      <c r="N577336" s="10"/>
    </row>
    <row r="577337" spans="14:14">
      <c r="N577337" s="10"/>
    </row>
    <row r="577338" spans="14:14">
      <c r="N577338" s="10"/>
    </row>
    <row r="577339" spans="14:14">
      <c r="N577339" s="10"/>
    </row>
    <row r="577340" spans="14:14">
      <c r="N577340" s="10"/>
    </row>
    <row r="577341" spans="14:14">
      <c r="N577341" s="10"/>
    </row>
    <row r="577342" spans="14:14">
      <c r="N577342" s="10"/>
    </row>
    <row r="577343" spans="14:14">
      <c r="N577343" s="10"/>
    </row>
    <row r="577344" spans="14:14">
      <c r="N577344" s="10"/>
    </row>
    <row r="577345" spans="14:14">
      <c r="N577345" s="10"/>
    </row>
    <row r="577346" spans="14:14">
      <c r="N577346" s="10"/>
    </row>
    <row r="577347" spans="14:14">
      <c r="N577347" s="10"/>
    </row>
    <row r="577348" spans="14:14">
      <c r="N577348" s="10"/>
    </row>
    <row r="577349" spans="14:14">
      <c r="N577349" s="10"/>
    </row>
    <row r="577350" spans="14:14">
      <c r="N577350" s="10"/>
    </row>
    <row r="577351" spans="14:14">
      <c r="N577351" s="10"/>
    </row>
    <row r="577352" spans="14:14">
      <c r="N577352" s="10"/>
    </row>
    <row r="577353" spans="14:14">
      <c r="N577353" s="10"/>
    </row>
    <row r="577354" spans="14:14">
      <c r="N577354" s="10"/>
    </row>
    <row r="577355" spans="14:14">
      <c r="N577355" s="10"/>
    </row>
    <row r="577356" spans="14:14">
      <c r="N577356" s="10"/>
    </row>
    <row r="577357" spans="14:14">
      <c r="N577357" s="10"/>
    </row>
    <row r="577358" spans="14:14">
      <c r="N577358" s="10"/>
    </row>
    <row r="577359" spans="14:14">
      <c r="N577359" s="10"/>
    </row>
    <row r="577360" spans="14:14">
      <c r="N577360" s="10"/>
    </row>
    <row r="577361" spans="14:14">
      <c r="N577361" s="10"/>
    </row>
    <row r="577362" spans="14:14">
      <c r="N577362" s="10"/>
    </row>
    <row r="577363" spans="14:14">
      <c r="N577363" s="10"/>
    </row>
    <row r="577364" spans="14:14">
      <c r="N577364" s="10"/>
    </row>
    <row r="577365" spans="14:14">
      <c r="N577365" s="10"/>
    </row>
    <row r="577366" spans="14:14">
      <c r="N577366" s="10"/>
    </row>
    <row r="577367" spans="14:14">
      <c r="N577367" s="10"/>
    </row>
    <row r="577368" spans="14:14">
      <c r="N577368" s="10"/>
    </row>
    <row r="577369" spans="14:14">
      <c r="N577369" s="10"/>
    </row>
    <row r="577370" spans="14:14">
      <c r="N577370" s="10"/>
    </row>
    <row r="577371" spans="14:14">
      <c r="N577371" s="10"/>
    </row>
    <row r="577372" spans="14:14">
      <c r="N577372" s="10"/>
    </row>
    <row r="577373" spans="14:14">
      <c r="N577373" s="10"/>
    </row>
    <row r="577374" spans="14:14">
      <c r="N577374" s="10"/>
    </row>
    <row r="577375" spans="14:14">
      <c r="N577375" s="10"/>
    </row>
    <row r="577376" spans="14:14">
      <c r="N577376" s="10"/>
    </row>
    <row r="577377" spans="14:14">
      <c r="N577377" s="10"/>
    </row>
    <row r="577378" spans="14:14">
      <c r="N577378" s="10"/>
    </row>
    <row r="577379" spans="14:14">
      <c r="N577379" s="10"/>
    </row>
    <row r="577380" spans="14:14">
      <c r="N577380" s="10"/>
    </row>
    <row r="577381" spans="14:14">
      <c r="N577381" s="10"/>
    </row>
    <row r="577382" spans="14:14">
      <c r="N577382" s="10"/>
    </row>
    <row r="577383" spans="14:14">
      <c r="N577383" s="10"/>
    </row>
    <row r="577384" spans="14:14">
      <c r="N577384" s="10"/>
    </row>
    <row r="577385" spans="14:14">
      <c r="N577385" s="10"/>
    </row>
    <row r="577386" spans="14:14">
      <c r="N577386" s="10"/>
    </row>
    <row r="577387" spans="14:14">
      <c r="N577387" s="10"/>
    </row>
    <row r="577388" spans="14:14">
      <c r="N577388" s="10"/>
    </row>
    <row r="577389" spans="14:14">
      <c r="N577389" s="10"/>
    </row>
    <row r="577390" spans="14:14">
      <c r="N577390" s="10"/>
    </row>
    <row r="577391" spans="14:14">
      <c r="N577391" s="10"/>
    </row>
    <row r="577392" spans="14:14">
      <c r="N577392" s="10"/>
    </row>
    <row r="577393" spans="14:14">
      <c r="N577393" s="10"/>
    </row>
    <row r="577394" spans="14:14">
      <c r="N577394" s="10"/>
    </row>
    <row r="577395" spans="14:14">
      <c r="N577395" s="10"/>
    </row>
    <row r="577396" spans="14:14">
      <c r="N577396" s="10"/>
    </row>
    <row r="577397" spans="14:14">
      <c r="N577397" s="10"/>
    </row>
    <row r="577398" spans="14:14">
      <c r="N577398" s="10"/>
    </row>
    <row r="577399" spans="14:14">
      <c r="N577399" s="10"/>
    </row>
    <row r="577400" spans="14:14">
      <c r="N577400" s="10"/>
    </row>
    <row r="577401" spans="14:14">
      <c r="N577401" s="10"/>
    </row>
    <row r="577402" spans="14:14">
      <c r="N577402" s="10"/>
    </row>
    <row r="577403" spans="14:14">
      <c r="N577403" s="10"/>
    </row>
    <row r="577404" spans="14:14">
      <c r="N577404" s="10"/>
    </row>
    <row r="577405" spans="14:14">
      <c r="N577405" s="10"/>
    </row>
    <row r="577406" spans="14:14">
      <c r="N577406" s="10"/>
    </row>
    <row r="577407" spans="14:14">
      <c r="N577407" s="10"/>
    </row>
    <row r="577408" spans="14:14">
      <c r="N577408" s="10"/>
    </row>
    <row r="577409" spans="14:14">
      <c r="N577409" s="10"/>
    </row>
    <row r="577410" spans="14:14">
      <c r="N577410" s="10"/>
    </row>
    <row r="577411" spans="14:14">
      <c r="N577411" s="10"/>
    </row>
    <row r="577412" spans="14:14">
      <c r="N577412" s="10"/>
    </row>
    <row r="577413" spans="14:14">
      <c r="N577413" s="10"/>
    </row>
    <row r="577414" spans="14:14">
      <c r="N577414" s="10"/>
    </row>
    <row r="577415" spans="14:14">
      <c r="N577415" s="10"/>
    </row>
    <row r="577416" spans="14:14">
      <c r="N577416" s="10"/>
    </row>
    <row r="577417" spans="14:14">
      <c r="N577417" s="10"/>
    </row>
    <row r="577418" spans="14:14">
      <c r="N577418" s="10"/>
    </row>
    <row r="577419" spans="14:14">
      <c r="N577419" s="10"/>
    </row>
    <row r="577420" spans="14:14">
      <c r="N577420" s="10"/>
    </row>
    <row r="577421" spans="14:14">
      <c r="N577421" s="10"/>
    </row>
    <row r="577422" spans="14:14">
      <c r="N577422" s="10"/>
    </row>
    <row r="577423" spans="14:14">
      <c r="N577423" s="10"/>
    </row>
    <row r="577424" spans="14:14">
      <c r="N577424" s="10"/>
    </row>
    <row r="577425" spans="14:14">
      <c r="N577425" s="10"/>
    </row>
    <row r="577426" spans="14:14">
      <c r="N577426" s="10"/>
    </row>
    <row r="577427" spans="14:14">
      <c r="N577427" s="10"/>
    </row>
    <row r="577428" spans="14:14">
      <c r="N577428" s="10"/>
    </row>
    <row r="577429" spans="14:14">
      <c r="N577429" s="10"/>
    </row>
    <row r="577430" spans="14:14">
      <c r="N577430" s="10"/>
    </row>
    <row r="577431" spans="14:14">
      <c r="N577431" s="10"/>
    </row>
    <row r="577432" spans="14:14">
      <c r="N577432" s="10"/>
    </row>
    <row r="577433" spans="14:14">
      <c r="N577433" s="10"/>
    </row>
    <row r="577434" spans="14:14">
      <c r="N577434" s="10"/>
    </row>
    <row r="577435" spans="14:14">
      <c r="N577435" s="10"/>
    </row>
    <row r="577436" spans="14:14">
      <c r="N577436" s="10"/>
    </row>
    <row r="577437" spans="14:14">
      <c r="N577437" s="10"/>
    </row>
    <row r="577438" spans="14:14">
      <c r="N577438" s="10"/>
    </row>
    <row r="577439" spans="14:14">
      <c r="N577439" s="10"/>
    </row>
    <row r="577440" spans="14:14">
      <c r="N577440" s="10"/>
    </row>
    <row r="577441" spans="14:14">
      <c r="N577441" s="10"/>
    </row>
    <row r="577442" spans="14:14">
      <c r="N577442" s="10"/>
    </row>
    <row r="577443" spans="14:14">
      <c r="N577443" s="10"/>
    </row>
    <row r="577444" spans="14:14">
      <c r="N577444" s="10"/>
    </row>
    <row r="577445" spans="14:14">
      <c r="N577445" s="10"/>
    </row>
    <row r="577446" spans="14:14">
      <c r="N577446" s="10"/>
    </row>
    <row r="577447" spans="14:14">
      <c r="N577447" s="10"/>
    </row>
    <row r="577448" spans="14:14">
      <c r="N577448" s="10"/>
    </row>
    <row r="577449" spans="14:14">
      <c r="N577449" s="10"/>
    </row>
    <row r="577450" spans="14:14">
      <c r="N577450" s="10"/>
    </row>
    <row r="577451" spans="14:14">
      <c r="N577451" s="10"/>
    </row>
    <row r="577452" spans="14:14">
      <c r="N577452" s="10"/>
    </row>
    <row r="577453" spans="14:14">
      <c r="N577453" s="10"/>
    </row>
    <row r="577454" spans="14:14">
      <c r="N577454" s="10"/>
    </row>
    <row r="577455" spans="14:14">
      <c r="N577455" s="10"/>
    </row>
    <row r="577456" spans="14:14">
      <c r="N577456" s="10"/>
    </row>
    <row r="577457" spans="14:14">
      <c r="N577457" s="10"/>
    </row>
    <row r="577458" spans="14:14">
      <c r="N577458" s="10"/>
    </row>
    <row r="577459" spans="14:14">
      <c r="N577459" s="10"/>
    </row>
    <row r="577460" spans="14:14">
      <c r="N577460" s="10"/>
    </row>
    <row r="577461" spans="14:14">
      <c r="N577461" s="10"/>
    </row>
    <row r="577462" spans="14:14">
      <c r="N577462" s="10"/>
    </row>
    <row r="577463" spans="14:14">
      <c r="N577463" s="10"/>
    </row>
    <row r="577464" spans="14:14">
      <c r="N577464" s="10"/>
    </row>
    <row r="577465" spans="14:14">
      <c r="N577465" s="10"/>
    </row>
    <row r="577466" spans="14:14">
      <c r="N577466" s="10"/>
    </row>
    <row r="577467" spans="14:14">
      <c r="N577467" s="10"/>
    </row>
    <row r="577468" spans="14:14">
      <c r="N577468" s="10"/>
    </row>
    <row r="577469" spans="14:14">
      <c r="N577469" s="10"/>
    </row>
    <row r="577470" spans="14:14">
      <c r="N577470" s="10"/>
    </row>
    <row r="577471" spans="14:14">
      <c r="N577471" s="10"/>
    </row>
    <row r="577472" spans="14:14">
      <c r="N577472" s="10"/>
    </row>
    <row r="577473" spans="14:14">
      <c r="N577473" s="10"/>
    </row>
    <row r="577474" spans="14:14">
      <c r="N577474" s="10"/>
    </row>
    <row r="577475" spans="14:14">
      <c r="N577475" s="10"/>
    </row>
    <row r="577476" spans="14:14">
      <c r="N577476" s="10"/>
    </row>
    <row r="577477" spans="14:14">
      <c r="N577477" s="10"/>
    </row>
    <row r="577478" spans="14:14">
      <c r="N577478" s="10"/>
    </row>
    <row r="577479" spans="14:14">
      <c r="N577479" s="10"/>
    </row>
    <row r="577480" spans="14:14">
      <c r="N577480" s="10"/>
    </row>
    <row r="577481" spans="14:14">
      <c r="N577481" s="10"/>
    </row>
    <row r="577482" spans="14:14">
      <c r="N577482" s="10"/>
    </row>
    <row r="577483" spans="14:14">
      <c r="N577483" s="10"/>
    </row>
    <row r="577484" spans="14:14">
      <c r="N577484" s="10"/>
    </row>
    <row r="577485" spans="14:14">
      <c r="N577485" s="10"/>
    </row>
    <row r="577486" spans="14:14">
      <c r="N577486" s="10"/>
    </row>
    <row r="577487" spans="14:14">
      <c r="N577487" s="10"/>
    </row>
    <row r="577488" spans="14:14">
      <c r="N577488" s="10"/>
    </row>
    <row r="577489" spans="14:14">
      <c r="N577489" s="10"/>
    </row>
    <row r="577490" spans="14:14">
      <c r="N577490" s="10"/>
    </row>
    <row r="577491" spans="14:14">
      <c r="N577491" s="10"/>
    </row>
    <row r="577492" spans="14:14">
      <c r="N577492" s="10"/>
    </row>
    <row r="577493" spans="14:14">
      <c r="N577493" s="10"/>
    </row>
    <row r="577494" spans="14:14">
      <c r="N577494" s="10"/>
    </row>
    <row r="577495" spans="14:14">
      <c r="N577495" s="10"/>
    </row>
    <row r="577496" spans="14:14">
      <c r="N577496" s="10"/>
    </row>
    <row r="577497" spans="14:14">
      <c r="N577497" s="10"/>
    </row>
    <row r="577498" spans="14:14">
      <c r="N577498" s="10"/>
    </row>
    <row r="577499" spans="14:14">
      <c r="N577499" s="10"/>
    </row>
    <row r="577500" spans="14:14">
      <c r="N577500" s="10"/>
    </row>
    <row r="577501" spans="14:14">
      <c r="N577501" s="10"/>
    </row>
    <row r="577502" spans="14:14">
      <c r="N577502" s="10"/>
    </row>
    <row r="577503" spans="14:14">
      <c r="N577503" s="10"/>
    </row>
    <row r="577504" spans="14:14">
      <c r="N577504" s="10"/>
    </row>
    <row r="577505" spans="14:14">
      <c r="N577505" s="10"/>
    </row>
    <row r="577506" spans="14:14">
      <c r="N577506" s="10"/>
    </row>
    <row r="577507" spans="14:14">
      <c r="N577507" s="10"/>
    </row>
    <row r="577508" spans="14:14">
      <c r="N577508" s="10"/>
    </row>
    <row r="577509" spans="14:14">
      <c r="N577509" s="10"/>
    </row>
    <row r="577510" spans="14:14">
      <c r="N577510" s="10"/>
    </row>
    <row r="577511" spans="14:14">
      <c r="N577511" s="10"/>
    </row>
    <row r="577512" spans="14:14">
      <c r="N577512" s="10"/>
    </row>
    <row r="577513" spans="14:14">
      <c r="N577513" s="10"/>
    </row>
    <row r="577514" spans="14:14">
      <c r="N577514" s="10"/>
    </row>
    <row r="577515" spans="14:14">
      <c r="N577515" s="10"/>
    </row>
    <row r="577516" spans="14:14">
      <c r="N577516" s="10"/>
    </row>
    <row r="577517" spans="14:14">
      <c r="N577517" s="10"/>
    </row>
    <row r="577518" spans="14:14">
      <c r="N577518" s="10"/>
    </row>
    <row r="577519" spans="14:14">
      <c r="N577519" s="10"/>
    </row>
    <row r="577520" spans="14:14">
      <c r="N577520" s="10"/>
    </row>
    <row r="577521" spans="14:14">
      <c r="N577521" s="10"/>
    </row>
    <row r="577522" spans="14:14">
      <c r="N577522" s="10"/>
    </row>
    <row r="577523" spans="14:14">
      <c r="N577523" s="10"/>
    </row>
    <row r="577524" spans="14:14">
      <c r="N577524" s="10"/>
    </row>
    <row r="577525" spans="14:14">
      <c r="N577525" s="10"/>
    </row>
    <row r="577526" spans="14:14">
      <c r="N577526" s="10"/>
    </row>
    <row r="577527" spans="14:14">
      <c r="N577527" s="10"/>
    </row>
    <row r="577528" spans="14:14">
      <c r="N577528" s="10"/>
    </row>
    <row r="577529" spans="14:14">
      <c r="N577529" s="10"/>
    </row>
    <row r="577530" spans="14:14">
      <c r="N577530" s="10"/>
    </row>
    <row r="577531" spans="14:14">
      <c r="N577531" s="10"/>
    </row>
    <row r="577532" spans="14:14">
      <c r="N577532" s="10"/>
    </row>
    <row r="577533" spans="14:14">
      <c r="N577533" s="10"/>
    </row>
    <row r="577534" spans="14:14">
      <c r="N577534" s="10"/>
    </row>
    <row r="577535" spans="14:14">
      <c r="N577535" s="10"/>
    </row>
    <row r="577536" spans="14:14">
      <c r="N577536" s="10"/>
    </row>
    <row r="577537" spans="14:14">
      <c r="N577537" s="10"/>
    </row>
    <row r="577538" spans="14:14">
      <c r="N577538" s="10"/>
    </row>
    <row r="577539" spans="14:14">
      <c r="N577539" s="10"/>
    </row>
    <row r="577540" spans="14:14">
      <c r="N577540" s="10"/>
    </row>
    <row r="577541" spans="14:14">
      <c r="N577541" s="10"/>
    </row>
    <row r="577542" spans="14:14">
      <c r="N577542" s="10"/>
    </row>
    <row r="577543" spans="14:14">
      <c r="N577543" s="10"/>
    </row>
    <row r="577544" spans="14:14">
      <c r="N577544" s="10"/>
    </row>
    <row r="577545" spans="14:14">
      <c r="N577545" s="10"/>
    </row>
    <row r="577546" spans="14:14">
      <c r="N577546" s="10"/>
    </row>
    <row r="577547" spans="14:14">
      <c r="N577547" s="10"/>
    </row>
    <row r="577548" spans="14:14">
      <c r="N577548" s="10"/>
    </row>
    <row r="577549" spans="14:14">
      <c r="N577549" s="10"/>
    </row>
    <row r="577550" spans="14:14">
      <c r="N577550" s="10"/>
    </row>
    <row r="577551" spans="14:14">
      <c r="N577551" s="10"/>
    </row>
    <row r="577552" spans="14:14">
      <c r="N577552" s="10"/>
    </row>
    <row r="577553" spans="14:14">
      <c r="N577553" s="10"/>
    </row>
    <row r="577554" spans="14:14">
      <c r="N577554" s="10"/>
    </row>
    <row r="577555" spans="14:14">
      <c r="N577555" s="10"/>
    </row>
    <row r="577556" spans="14:14">
      <c r="N577556" s="10"/>
    </row>
    <row r="577557" spans="14:14">
      <c r="N577557" s="10"/>
    </row>
    <row r="577558" spans="14:14">
      <c r="N577558" s="10"/>
    </row>
    <row r="577559" spans="14:14">
      <c r="N577559" s="10"/>
    </row>
    <row r="577560" spans="14:14">
      <c r="N577560" s="10"/>
    </row>
    <row r="577561" spans="14:14">
      <c r="N577561" s="10"/>
    </row>
    <row r="577562" spans="14:14">
      <c r="N577562" s="10"/>
    </row>
    <row r="577563" spans="14:14">
      <c r="N577563" s="10"/>
    </row>
    <row r="577564" spans="14:14">
      <c r="N577564" s="10"/>
    </row>
    <row r="577565" spans="14:14">
      <c r="N577565" s="10"/>
    </row>
    <row r="577566" spans="14:14">
      <c r="N577566" s="10"/>
    </row>
    <row r="577567" spans="14:14">
      <c r="N577567" s="10"/>
    </row>
    <row r="577568" spans="14:14">
      <c r="N577568" s="10"/>
    </row>
    <row r="577569" spans="14:14">
      <c r="N577569" s="10"/>
    </row>
    <row r="577570" spans="14:14">
      <c r="N577570" s="10"/>
    </row>
    <row r="577571" spans="14:14">
      <c r="N577571" s="10"/>
    </row>
    <row r="577572" spans="14:14">
      <c r="N577572" s="10"/>
    </row>
    <row r="577573" spans="14:14">
      <c r="N577573" s="10"/>
    </row>
    <row r="577574" spans="14:14">
      <c r="N577574" s="10"/>
    </row>
    <row r="577575" spans="14:14">
      <c r="N577575" s="10"/>
    </row>
    <row r="577576" spans="14:14">
      <c r="N577576" s="10"/>
    </row>
    <row r="577577" spans="14:14">
      <c r="N577577" s="10"/>
    </row>
    <row r="577578" spans="14:14">
      <c r="N577578" s="10"/>
    </row>
    <row r="577579" spans="14:14">
      <c r="N577579" s="10"/>
    </row>
    <row r="577580" spans="14:14">
      <c r="N577580" s="10"/>
    </row>
    <row r="577581" spans="14:14">
      <c r="N577581" s="10"/>
    </row>
    <row r="577582" spans="14:14">
      <c r="N577582" s="10"/>
    </row>
    <row r="577583" spans="14:14">
      <c r="N577583" s="10"/>
    </row>
    <row r="577584" spans="14:14">
      <c r="N577584" s="10"/>
    </row>
    <row r="577585" spans="14:14">
      <c r="N577585" s="10"/>
    </row>
    <row r="577586" spans="14:14">
      <c r="N577586" s="10"/>
    </row>
    <row r="577587" spans="14:14">
      <c r="N577587" s="10"/>
    </row>
    <row r="577588" spans="14:14">
      <c r="N577588" s="10"/>
    </row>
    <row r="577589" spans="14:14">
      <c r="N577589" s="10"/>
    </row>
    <row r="577590" spans="14:14">
      <c r="N577590" s="10"/>
    </row>
    <row r="577591" spans="14:14">
      <c r="N577591" s="10"/>
    </row>
    <row r="577592" spans="14:14">
      <c r="N577592" s="10"/>
    </row>
    <row r="577593" spans="14:14">
      <c r="N577593" s="10"/>
    </row>
    <row r="577594" spans="14:14">
      <c r="N577594" s="10"/>
    </row>
    <row r="577595" spans="14:14">
      <c r="N577595" s="10"/>
    </row>
    <row r="577596" spans="14:14">
      <c r="N577596" s="10"/>
    </row>
    <row r="577597" spans="14:14">
      <c r="N577597" s="10"/>
    </row>
    <row r="577598" spans="14:14">
      <c r="N577598" s="10"/>
    </row>
    <row r="577599" spans="14:14">
      <c r="N577599" s="10"/>
    </row>
    <row r="577600" spans="14:14">
      <c r="N577600" s="10"/>
    </row>
    <row r="577601" spans="14:14">
      <c r="N577601" s="10"/>
    </row>
    <row r="577602" spans="14:14">
      <c r="N577602" s="10"/>
    </row>
    <row r="577603" spans="14:14">
      <c r="N577603" s="10"/>
    </row>
    <row r="577604" spans="14:14">
      <c r="N577604" s="10"/>
    </row>
    <row r="577605" spans="14:14">
      <c r="N577605" s="10"/>
    </row>
    <row r="577606" spans="14:14">
      <c r="N577606" s="10"/>
    </row>
    <row r="577607" spans="14:14">
      <c r="N577607" s="10"/>
    </row>
    <row r="577608" spans="14:14">
      <c r="N577608" s="10"/>
    </row>
    <row r="577609" spans="14:14">
      <c r="N577609" s="10"/>
    </row>
    <row r="577610" spans="14:14">
      <c r="N577610" s="10"/>
    </row>
    <row r="577611" spans="14:14">
      <c r="N577611" s="10"/>
    </row>
    <row r="577612" spans="14:14">
      <c r="N577612" s="10"/>
    </row>
    <row r="577613" spans="14:14">
      <c r="N577613" s="10"/>
    </row>
    <row r="577614" spans="14:14">
      <c r="N577614" s="10"/>
    </row>
    <row r="577615" spans="14:14">
      <c r="N577615" s="10"/>
    </row>
    <row r="577616" spans="14:14">
      <c r="N577616" s="10"/>
    </row>
    <row r="577617" spans="14:14">
      <c r="N577617" s="10"/>
    </row>
    <row r="577618" spans="14:14">
      <c r="N577618" s="10"/>
    </row>
    <row r="577619" spans="14:14">
      <c r="N577619" s="10"/>
    </row>
    <row r="577620" spans="14:14">
      <c r="N577620" s="10"/>
    </row>
    <row r="577621" spans="14:14">
      <c r="N577621" s="10"/>
    </row>
    <row r="577622" spans="14:14">
      <c r="N577622" s="10"/>
    </row>
    <row r="577623" spans="14:14">
      <c r="N577623" s="10"/>
    </row>
    <row r="577624" spans="14:14">
      <c r="N577624" s="10"/>
    </row>
    <row r="577625" spans="14:14">
      <c r="N577625" s="10"/>
    </row>
    <row r="577626" spans="14:14">
      <c r="N577626" s="10"/>
    </row>
    <row r="577627" spans="14:14">
      <c r="N577627" s="10"/>
    </row>
    <row r="577628" spans="14:14">
      <c r="N577628" s="10"/>
    </row>
    <row r="577629" spans="14:14">
      <c r="N577629" s="10"/>
    </row>
    <row r="577630" spans="14:14">
      <c r="N577630" s="10"/>
    </row>
    <row r="577631" spans="14:14">
      <c r="N577631" s="10"/>
    </row>
    <row r="577632" spans="14:14">
      <c r="N577632" s="10"/>
    </row>
    <row r="577633" spans="14:14">
      <c r="N577633" s="10"/>
    </row>
    <row r="577634" spans="14:14">
      <c r="N577634" s="10"/>
    </row>
    <row r="577635" spans="14:14">
      <c r="N577635" s="10"/>
    </row>
    <row r="577636" spans="14:14">
      <c r="N577636" s="10"/>
    </row>
    <row r="577637" spans="14:14">
      <c r="N577637" s="10"/>
    </row>
    <row r="577638" spans="14:14">
      <c r="N577638" s="10"/>
    </row>
    <row r="577639" spans="14:14">
      <c r="N577639" s="10"/>
    </row>
    <row r="577640" spans="14:14">
      <c r="N577640" s="10"/>
    </row>
    <row r="577641" spans="14:14">
      <c r="N577641" s="10"/>
    </row>
    <row r="577642" spans="14:14">
      <c r="N577642" s="10"/>
    </row>
    <row r="577643" spans="14:14">
      <c r="N577643" s="10"/>
    </row>
    <row r="577644" spans="14:14">
      <c r="N577644" s="10"/>
    </row>
    <row r="577645" spans="14:14">
      <c r="N577645" s="10"/>
    </row>
    <row r="577646" spans="14:14">
      <c r="N577646" s="10"/>
    </row>
    <row r="577647" spans="14:14">
      <c r="N577647" s="10"/>
    </row>
    <row r="577648" spans="14:14">
      <c r="N577648" s="10"/>
    </row>
    <row r="577649" spans="14:14">
      <c r="N577649" s="10"/>
    </row>
    <row r="577650" spans="14:14">
      <c r="N577650" s="10"/>
    </row>
    <row r="577651" spans="14:14">
      <c r="N577651" s="10"/>
    </row>
    <row r="577652" spans="14:14">
      <c r="N577652" s="10"/>
    </row>
    <row r="577653" spans="14:14">
      <c r="N577653" s="10"/>
    </row>
    <row r="577654" spans="14:14">
      <c r="N577654" s="10"/>
    </row>
    <row r="577655" spans="14:14">
      <c r="N577655" s="10"/>
    </row>
    <row r="577656" spans="14:14">
      <c r="N577656" s="10"/>
    </row>
    <row r="577657" spans="14:14">
      <c r="N577657" s="10"/>
    </row>
    <row r="577658" spans="14:14">
      <c r="N577658" s="10"/>
    </row>
    <row r="577659" spans="14:14">
      <c r="N577659" s="10"/>
    </row>
    <row r="577660" spans="14:14">
      <c r="N577660" s="10"/>
    </row>
    <row r="577661" spans="14:14">
      <c r="N577661" s="10"/>
    </row>
    <row r="577662" spans="14:14">
      <c r="N577662" s="10"/>
    </row>
    <row r="577663" spans="14:14">
      <c r="N577663" s="10"/>
    </row>
    <row r="577664" spans="14:14">
      <c r="N577664" s="10"/>
    </row>
    <row r="577665" spans="14:14">
      <c r="N577665" s="10"/>
    </row>
    <row r="577666" spans="14:14">
      <c r="N577666" s="10"/>
    </row>
    <row r="577667" spans="14:14">
      <c r="N577667" s="10"/>
    </row>
    <row r="577668" spans="14:14">
      <c r="N577668" s="10"/>
    </row>
    <row r="577669" spans="14:14">
      <c r="N577669" s="10"/>
    </row>
    <row r="577670" spans="14:14">
      <c r="N577670" s="10"/>
    </row>
    <row r="577671" spans="14:14">
      <c r="N577671" s="10"/>
    </row>
    <row r="577672" spans="14:14">
      <c r="N577672" s="10"/>
    </row>
    <row r="577673" spans="14:14">
      <c r="N577673" s="10"/>
    </row>
    <row r="577674" spans="14:14">
      <c r="N577674" s="10"/>
    </row>
    <row r="577675" spans="14:14">
      <c r="N577675" s="10"/>
    </row>
    <row r="577676" spans="14:14">
      <c r="N577676" s="10"/>
    </row>
    <row r="577677" spans="14:14">
      <c r="N577677" s="10"/>
    </row>
    <row r="577678" spans="14:14">
      <c r="N577678" s="10"/>
    </row>
    <row r="577679" spans="14:14">
      <c r="N577679" s="10"/>
    </row>
    <row r="577680" spans="14:14">
      <c r="N577680" s="10"/>
    </row>
    <row r="577681" spans="14:14">
      <c r="N577681" s="10"/>
    </row>
    <row r="577682" spans="14:14">
      <c r="N577682" s="10"/>
    </row>
    <row r="577683" spans="14:14">
      <c r="N577683" s="10"/>
    </row>
    <row r="577684" spans="14:14">
      <c r="N577684" s="10"/>
    </row>
    <row r="577685" spans="14:14">
      <c r="N577685" s="10"/>
    </row>
    <row r="577686" spans="14:14">
      <c r="N577686" s="10"/>
    </row>
    <row r="577687" spans="14:14">
      <c r="N577687" s="10"/>
    </row>
    <row r="577688" spans="14:14">
      <c r="N577688" s="10"/>
    </row>
    <row r="577689" spans="14:14">
      <c r="N577689" s="10"/>
    </row>
    <row r="577690" spans="14:14">
      <c r="N577690" s="10"/>
    </row>
    <row r="577691" spans="14:14">
      <c r="N577691" s="10"/>
    </row>
    <row r="577692" spans="14:14">
      <c r="N577692" s="10"/>
    </row>
    <row r="577693" spans="14:14">
      <c r="N577693" s="10"/>
    </row>
    <row r="577694" spans="14:14">
      <c r="N577694" s="10"/>
    </row>
    <row r="577695" spans="14:14">
      <c r="N577695" s="10"/>
    </row>
    <row r="577696" spans="14:14">
      <c r="N577696" s="10"/>
    </row>
    <row r="577697" spans="14:14">
      <c r="N577697" s="10"/>
    </row>
    <row r="577698" spans="14:14">
      <c r="N577698" s="10"/>
    </row>
    <row r="577699" spans="14:14">
      <c r="N577699" s="10"/>
    </row>
    <row r="577700" spans="14:14">
      <c r="N577700" s="10"/>
    </row>
    <row r="577701" spans="14:14">
      <c r="N577701" s="10"/>
    </row>
    <row r="577702" spans="14:14">
      <c r="N577702" s="10"/>
    </row>
    <row r="577703" spans="14:14">
      <c r="N577703" s="10"/>
    </row>
    <row r="577704" spans="14:14">
      <c r="N577704" s="10"/>
    </row>
    <row r="577705" spans="14:14">
      <c r="N577705" s="10"/>
    </row>
    <row r="577706" spans="14:14">
      <c r="N577706" s="10"/>
    </row>
    <row r="577707" spans="14:14">
      <c r="N577707" s="10"/>
    </row>
    <row r="577708" spans="14:14">
      <c r="N577708" s="10"/>
    </row>
    <row r="577709" spans="14:14">
      <c r="N577709" s="10"/>
    </row>
    <row r="577710" spans="14:14">
      <c r="N577710" s="10"/>
    </row>
    <row r="577711" spans="14:14">
      <c r="N577711" s="10"/>
    </row>
    <row r="577712" spans="14:14">
      <c r="N577712" s="10"/>
    </row>
    <row r="577713" spans="14:14">
      <c r="N577713" s="10"/>
    </row>
    <row r="577714" spans="14:14">
      <c r="N577714" s="10"/>
    </row>
    <row r="577715" spans="14:14">
      <c r="N577715" s="10"/>
    </row>
    <row r="577716" spans="14:14">
      <c r="N577716" s="10"/>
    </row>
    <row r="577717" spans="14:14">
      <c r="N577717" s="10"/>
    </row>
    <row r="577718" spans="14:14">
      <c r="N577718" s="10"/>
    </row>
    <row r="577719" spans="14:14">
      <c r="N577719" s="10"/>
    </row>
    <row r="577720" spans="14:14">
      <c r="N577720" s="10"/>
    </row>
    <row r="577721" spans="14:14">
      <c r="N577721" s="10"/>
    </row>
    <row r="577722" spans="14:14">
      <c r="N577722" s="10"/>
    </row>
    <row r="577723" spans="14:14">
      <c r="N577723" s="10"/>
    </row>
    <row r="577724" spans="14:14">
      <c r="N577724" s="10"/>
    </row>
    <row r="577725" spans="14:14">
      <c r="N577725" s="10"/>
    </row>
    <row r="577726" spans="14:14">
      <c r="N577726" s="10"/>
    </row>
    <row r="577727" spans="14:14">
      <c r="N577727" s="10"/>
    </row>
    <row r="577728" spans="14:14">
      <c r="N577728" s="10"/>
    </row>
    <row r="577729" spans="14:14">
      <c r="N577729" s="10"/>
    </row>
    <row r="577730" spans="14:14">
      <c r="N577730" s="10"/>
    </row>
    <row r="577731" spans="14:14">
      <c r="N577731" s="10"/>
    </row>
    <row r="577732" spans="14:14">
      <c r="N577732" s="10"/>
    </row>
    <row r="577733" spans="14:14">
      <c r="N577733" s="10"/>
    </row>
    <row r="577734" spans="14:14">
      <c r="N577734" s="10"/>
    </row>
    <row r="577735" spans="14:14">
      <c r="N577735" s="10"/>
    </row>
    <row r="577736" spans="14:14">
      <c r="N577736" s="10"/>
    </row>
    <row r="577737" spans="14:14">
      <c r="N577737" s="10"/>
    </row>
    <row r="577738" spans="14:14">
      <c r="N577738" s="10"/>
    </row>
    <row r="577739" spans="14:14">
      <c r="N577739" s="10"/>
    </row>
    <row r="577740" spans="14:14">
      <c r="N577740" s="10"/>
    </row>
    <row r="577741" spans="14:14">
      <c r="N577741" s="10"/>
    </row>
    <row r="577742" spans="14:14">
      <c r="N577742" s="10"/>
    </row>
    <row r="577743" spans="14:14">
      <c r="N577743" s="10"/>
    </row>
    <row r="577744" spans="14:14">
      <c r="N577744" s="10"/>
    </row>
    <row r="577745" spans="14:14">
      <c r="N577745" s="10"/>
    </row>
    <row r="577746" spans="14:14">
      <c r="N577746" s="10"/>
    </row>
    <row r="577747" spans="14:14">
      <c r="N577747" s="10"/>
    </row>
    <row r="577748" spans="14:14">
      <c r="N577748" s="10"/>
    </row>
    <row r="577749" spans="14:14">
      <c r="N577749" s="10"/>
    </row>
    <row r="577750" spans="14:14">
      <c r="N577750" s="10"/>
    </row>
    <row r="577751" spans="14:14">
      <c r="N577751" s="10"/>
    </row>
    <row r="577752" spans="14:14">
      <c r="N577752" s="10"/>
    </row>
    <row r="577753" spans="14:14">
      <c r="N577753" s="10"/>
    </row>
    <row r="577754" spans="14:14">
      <c r="N577754" s="10"/>
    </row>
    <row r="577755" spans="14:14">
      <c r="N577755" s="10"/>
    </row>
    <row r="577756" spans="14:14">
      <c r="N577756" s="10"/>
    </row>
    <row r="577757" spans="14:14">
      <c r="N577757" s="10"/>
    </row>
    <row r="577758" spans="14:14">
      <c r="N577758" s="10"/>
    </row>
    <row r="577759" spans="14:14">
      <c r="N577759" s="10"/>
    </row>
    <row r="577760" spans="14:14">
      <c r="N577760" s="10"/>
    </row>
    <row r="577761" spans="14:14">
      <c r="N577761" s="10"/>
    </row>
    <row r="577762" spans="14:14">
      <c r="N577762" s="10"/>
    </row>
    <row r="577763" spans="14:14">
      <c r="N577763" s="10"/>
    </row>
    <row r="577764" spans="14:14">
      <c r="N577764" s="10"/>
    </row>
    <row r="577765" spans="14:14">
      <c r="N577765" s="10"/>
    </row>
    <row r="577766" spans="14:14">
      <c r="N577766" s="10"/>
    </row>
    <row r="577767" spans="14:14">
      <c r="N577767" s="10"/>
    </row>
    <row r="577768" spans="14:14">
      <c r="N577768" s="10"/>
    </row>
    <row r="577769" spans="14:14">
      <c r="N577769" s="10"/>
    </row>
    <row r="577770" spans="14:14">
      <c r="N577770" s="10"/>
    </row>
    <row r="577771" spans="14:14">
      <c r="N577771" s="10"/>
    </row>
    <row r="577772" spans="14:14">
      <c r="N577772" s="10"/>
    </row>
    <row r="577773" spans="14:14">
      <c r="N577773" s="10"/>
    </row>
    <row r="577774" spans="14:14">
      <c r="N577774" s="10"/>
    </row>
    <row r="577775" spans="14:14">
      <c r="N577775" s="10"/>
    </row>
    <row r="577776" spans="14:14">
      <c r="N577776" s="10"/>
    </row>
    <row r="577777" spans="14:14">
      <c r="N577777" s="10"/>
    </row>
    <row r="577778" spans="14:14">
      <c r="N577778" s="10"/>
    </row>
    <row r="577779" spans="14:14">
      <c r="N577779" s="10"/>
    </row>
    <row r="577780" spans="14:14">
      <c r="N577780" s="10"/>
    </row>
    <row r="577781" spans="14:14">
      <c r="N577781" s="10"/>
    </row>
    <row r="577782" spans="14:14">
      <c r="N577782" s="10"/>
    </row>
    <row r="577783" spans="14:14">
      <c r="N577783" s="10"/>
    </row>
    <row r="577784" spans="14:14">
      <c r="N577784" s="10"/>
    </row>
    <row r="577785" spans="14:14">
      <c r="N577785" s="10"/>
    </row>
    <row r="577786" spans="14:14">
      <c r="N577786" s="10"/>
    </row>
    <row r="577787" spans="14:14">
      <c r="N577787" s="10"/>
    </row>
    <row r="577788" spans="14:14">
      <c r="N577788" s="10"/>
    </row>
    <row r="577789" spans="14:14">
      <c r="N577789" s="10"/>
    </row>
    <row r="577790" spans="14:14">
      <c r="N577790" s="10"/>
    </row>
    <row r="577791" spans="14:14">
      <c r="N577791" s="10"/>
    </row>
    <row r="577792" spans="14:14">
      <c r="N577792" s="10"/>
    </row>
    <row r="577793" spans="14:14">
      <c r="N577793" s="10"/>
    </row>
    <row r="577794" spans="14:14">
      <c r="N577794" s="10"/>
    </row>
    <row r="577795" spans="14:14">
      <c r="N577795" s="10"/>
    </row>
    <row r="577796" spans="14:14">
      <c r="N577796" s="10"/>
    </row>
    <row r="577797" spans="14:14">
      <c r="N577797" s="10"/>
    </row>
    <row r="577798" spans="14:14">
      <c r="N577798" s="10"/>
    </row>
    <row r="577799" spans="14:14">
      <c r="N577799" s="10"/>
    </row>
    <row r="577800" spans="14:14">
      <c r="N577800" s="10"/>
    </row>
    <row r="577801" spans="14:14">
      <c r="N577801" s="10"/>
    </row>
    <row r="577802" spans="14:14">
      <c r="N577802" s="10"/>
    </row>
    <row r="577803" spans="14:14">
      <c r="N577803" s="10"/>
    </row>
    <row r="577804" spans="14:14">
      <c r="N577804" s="10"/>
    </row>
    <row r="577805" spans="14:14">
      <c r="N577805" s="10"/>
    </row>
    <row r="577806" spans="14:14">
      <c r="N577806" s="10"/>
    </row>
    <row r="577807" spans="14:14">
      <c r="N577807" s="10"/>
    </row>
    <row r="577808" spans="14:14">
      <c r="N577808" s="10"/>
    </row>
    <row r="577809" spans="14:14">
      <c r="N577809" s="10"/>
    </row>
    <row r="577810" spans="14:14">
      <c r="N577810" s="10"/>
    </row>
    <row r="577811" spans="14:14">
      <c r="N577811" s="10"/>
    </row>
    <row r="577812" spans="14:14">
      <c r="N577812" s="10"/>
    </row>
    <row r="577813" spans="14:14">
      <c r="N577813" s="10"/>
    </row>
    <row r="577814" spans="14:14">
      <c r="N577814" s="10"/>
    </row>
    <row r="577815" spans="14:14">
      <c r="N577815" s="10"/>
    </row>
    <row r="577816" spans="14:14">
      <c r="N577816" s="10"/>
    </row>
    <row r="577817" spans="14:14">
      <c r="N577817" s="10"/>
    </row>
    <row r="577818" spans="14:14">
      <c r="N577818" s="10"/>
    </row>
    <row r="577819" spans="14:14">
      <c r="N577819" s="10"/>
    </row>
    <row r="577820" spans="14:14">
      <c r="N577820" s="10"/>
    </row>
    <row r="577821" spans="14:14">
      <c r="N577821" s="10"/>
    </row>
    <row r="577822" spans="14:14">
      <c r="N577822" s="10"/>
    </row>
    <row r="577823" spans="14:14">
      <c r="N577823" s="10"/>
    </row>
    <row r="577824" spans="14:14">
      <c r="N577824" s="10"/>
    </row>
    <row r="577825" spans="14:14">
      <c r="N577825" s="10"/>
    </row>
    <row r="577826" spans="14:14">
      <c r="N577826" s="10"/>
    </row>
    <row r="577827" spans="14:14">
      <c r="N577827" s="10"/>
    </row>
    <row r="577828" spans="14:14">
      <c r="N577828" s="10"/>
    </row>
    <row r="577829" spans="14:14">
      <c r="N577829" s="10"/>
    </row>
    <row r="577830" spans="14:14">
      <c r="N577830" s="10"/>
    </row>
    <row r="577831" spans="14:14">
      <c r="N577831" s="10"/>
    </row>
    <row r="577832" spans="14:14">
      <c r="N577832" s="10"/>
    </row>
    <row r="577833" spans="14:14">
      <c r="N577833" s="10"/>
    </row>
    <row r="577834" spans="14:14">
      <c r="N577834" s="10"/>
    </row>
    <row r="577835" spans="14:14">
      <c r="N577835" s="10"/>
    </row>
    <row r="577836" spans="14:14">
      <c r="N577836" s="10"/>
    </row>
    <row r="577837" spans="14:14">
      <c r="N577837" s="10"/>
    </row>
    <row r="577838" spans="14:14">
      <c r="N577838" s="10"/>
    </row>
    <row r="577839" spans="14:14">
      <c r="N577839" s="10"/>
    </row>
    <row r="577840" spans="14:14">
      <c r="N577840" s="10"/>
    </row>
    <row r="577841" spans="14:14">
      <c r="N577841" s="10"/>
    </row>
    <row r="577842" spans="14:14">
      <c r="N577842" s="10"/>
    </row>
    <row r="577843" spans="14:14">
      <c r="N577843" s="10"/>
    </row>
    <row r="577844" spans="14:14">
      <c r="N577844" s="10"/>
    </row>
    <row r="577845" spans="14:14">
      <c r="N577845" s="10"/>
    </row>
    <row r="577846" spans="14:14">
      <c r="N577846" s="10"/>
    </row>
    <row r="577847" spans="14:14">
      <c r="N577847" s="10"/>
    </row>
    <row r="577848" spans="14:14">
      <c r="N577848" s="10"/>
    </row>
    <row r="577849" spans="14:14">
      <c r="N577849" s="10"/>
    </row>
    <row r="577850" spans="14:14">
      <c r="N577850" s="10"/>
    </row>
    <row r="577851" spans="14:14">
      <c r="N577851" s="10"/>
    </row>
    <row r="577852" spans="14:14">
      <c r="N577852" s="10"/>
    </row>
    <row r="577853" spans="14:14">
      <c r="N577853" s="10"/>
    </row>
    <row r="577854" spans="14:14">
      <c r="N577854" s="10"/>
    </row>
    <row r="577855" spans="14:14">
      <c r="N577855" s="10"/>
    </row>
    <row r="577856" spans="14:14">
      <c r="N577856" s="10"/>
    </row>
    <row r="577857" spans="14:14">
      <c r="N577857" s="10"/>
    </row>
    <row r="577858" spans="14:14">
      <c r="N577858" s="10"/>
    </row>
    <row r="577859" spans="14:14">
      <c r="N577859" s="10"/>
    </row>
    <row r="577860" spans="14:14">
      <c r="N577860" s="10"/>
    </row>
    <row r="577861" spans="14:14">
      <c r="N577861" s="10"/>
    </row>
    <row r="577862" spans="14:14">
      <c r="N577862" s="10"/>
    </row>
    <row r="577863" spans="14:14">
      <c r="N577863" s="10"/>
    </row>
    <row r="577864" spans="14:14">
      <c r="N577864" s="10"/>
    </row>
    <row r="577865" spans="14:14">
      <c r="N577865" s="10"/>
    </row>
    <row r="577866" spans="14:14">
      <c r="N577866" s="10"/>
    </row>
    <row r="577867" spans="14:14">
      <c r="N577867" s="10"/>
    </row>
    <row r="577868" spans="14:14">
      <c r="N577868" s="10"/>
    </row>
    <row r="577869" spans="14:14">
      <c r="N577869" s="10"/>
    </row>
    <row r="577870" spans="14:14">
      <c r="N577870" s="10"/>
    </row>
    <row r="577871" spans="14:14">
      <c r="N577871" s="10"/>
    </row>
    <row r="577872" spans="14:14">
      <c r="N577872" s="10"/>
    </row>
    <row r="577873" spans="14:14">
      <c r="N577873" s="10"/>
    </row>
    <row r="577874" spans="14:14">
      <c r="N577874" s="10"/>
    </row>
    <row r="577875" spans="14:14">
      <c r="N577875" s="10"/>
    </row>
    <row r="577876" spans="14:14">
      <c r="N577876" s="10"/>
    </row>
    <row r="577877" spans="14:14">
      <c r="N577877" s="10"/>
    </row>
    <row r="577878" spans="14:14">
      <c r="N577878" s="10"/>
    </row>
    <row r="577879" spans="14:14">
      <c r="N577879" s="10"/>
    </row>
    <row r="577880" spans="14:14">
      <c r="N577880" s="10"/>
    </row>
    <row r="577881" spans="14:14">
      <c r="N577881" s="10"/>
    </row>
    <row r="577882" spans="14:14">
      <c r="N577882" s="10"/>
    </row>
    <row r="577883" spans="14:14">
      <c r="N577883" s="10"/>
    </row>
    <row r="577884" spans="14:14">
      <c r="N577884" s="10"/>
    </row>
    <row r="577885" spans="14:14">
      <c r="N577885" s="10"/>
    </row>
    <row r="577886" spans="14:14">
      <c r="N577886" s="10"/>
    </row>
    <row r="577887" spans="14:14">
      <c r="N577887" s="10"/>
    </row>
    <row r="577888" spans="14:14">
      <c r="N577888" s="10"/>
    </row>
    <row r="577889" spans="14:14">
      <c r="N577889" s="10"/>
    </row>
    <row r="577890" spans="14:14">
      <c r="N577890" s="10"/>
    </row>
    <row r="577891" spans="14:14">
      <c r="N577891" s="10"/>
    </row>
    <row r="577892" spans="14:14">
      <c r="N577892" s="10"/>
    </row>
    <row r="577893" spans="14:14">
      <c r="N577893" s="10"/>
    </row>
    <row r="577894" spans="14:14">
      <c r="N577894" s="10"/>
    </row>
    <row r="577895" spans="14:14">
      <c r="N577895" s="10"/>
    </row>
    <row r="577896" spans="14:14">
      <c r="N577896" s="10"/>
    </row>
    <row r="577897" spans="14:14">
      <c r="N577897" s="10"/>
    </row>
    <row r="577898" spans="14:14">
      <c r="N577898" s="10"/>
    </row>
    <row r="577899" spans="14:14">
      <c r="N577899" s="10"/>
    </row>
    <row r="577900" spans="14:14">
      <c r="N577900" s="10"/>
    </row>
    <row r="577901" spans="14:14">
      <c r="N577901" s="10"/>
    </row>
    <row r="577902" spans="14:14">
      <c r="N577902" s="10"/>
    </row>
    <row r="577903" spans="14:14">
      <c r="N577903" s="10"/>
    </row>
    <row r="577904" spans="14:14">
      <c r="N577904" s="10"/>
    </row>
    <row r="577905" spans="14:14">
      <c r="N577905" s="10"/>
    </row>
    <row r="577906" spans="14:14">
      <c r="N577906" s="10"/>
    </row>
    <row r="577907" spans="14:14">
      <c r="N577907" s="10"/>
    </row>
    <row r="577908" spans="14:14">
      <c r="N577908" s="10"/>
    </row>
    <row r="577909" spans="14:14">
      <c r="N577909" s="10"/>
    </row>
    <row r="577910" spans="14:14">
      <c r="N577910" s="10"/>
    </row>
    <row r="577911" spans="14:14">
      <c r="N577911" s="10"/>
    </row>
    <row r="577912" spans="14:14">
      <c r="N577912" s="10"/>
    </row>
    <row r="577913" spans="14:14">
      <c r="N577913" s="10"/>
    </row>
    <row r="577914" spans="14:14">
      <c r="N577914" s="10"/>
    </row>
    <row r="577915" spans="14:14">
      <c r="N577915" s="10"/>
    </row>
    <row r="577916" spans="14:14">
      <c r="N577916" s="10"/>
    </row>
    <row r="577917" spans="14:14">
      <c r="N577917" s="10"/>
    </row>
    <row r="577918" spans="14:14">
      <c r="N577918" s="10"/>
    </row>
    <row r="577919" spans="14:14">
      <c r="N577919" s="10"/>
    </row>
    <row r="577920" spans="14:14">
      <c r="N577920" s="10"/>
    </row>
    <row r="577921" spans="14:14">
      <c r="N577921" s="10"/>
    </row>
    <row r="577922" spans="14:14">
      <c r="N577922" s="10"/>
    </row>
    <row r="577923" spans="14:14">
      <c r="N577923" s="10"/>
    </row>
    <row r="577924" spans="14:14">
      <c r="N577924" s="10"/>
    </row>
    <row r="577925" spans="14:14">
      <c r="N577925" s="10"/>
    </row>
    <row r="577926" spans="14:14">
      <c r="N577926" s="10"/>
    </row>
    <row r="577927" spans="14:14">
      <c r="N577927" s="10"/>
    </row>
    <row r="577928" spans="14:14">
      <c r="N577928" s="10"/>
    </row>
    <row r="577929" spans="14:14">
      <c r="N577929" s="10"/>
    </row>
    <row r="577930" spans="14:14">
      <c r="N577930" s="10"/>
    </row>
    <row r="577931" spans="14:14">
      <c r="N577931" s="10"/>
    </row>
    <row r="577932" spans="14:14">
      <c r="N577932" s="10"/>
    </row>
    <row r="577933" spans="14:14">
      <c r="N577933" s="10"/>
    </row>
    <row r="577934" spans="14:14">
      <c r="N577934" s="10"/>
    </row>
    <row r="577935" spans="14:14">
      <c r="N577935" s="10"/>
    </row>
    <row r="577936" spans="14:14">
      <c r="N577936" s="10"/>
    </row>
    <row r="577937" spans="14:14">
      <c r="N577937" s="10"/>
    </row>
    <row r="577938" spans="14:14">
      <c r="N577938" s="10"/>
    </row>
    <row r="577939" spans="14:14">
      <c r="N577939" s="10"/>
    </row>
    <row r="577940" spans="14:14">
      <c r="N577940" s="10"/>
    </row>
    <row r="577941" spans="14:14">
      <c r="N577941" s="10"/>
    </row>
    <row r="577942" spans="14:14">
      <c r="N577942" s="10"/>
    </row>
    <row r="577943" spans="14:14">
      <c r="N577943" s="10"/>
    </row>
    <row r="577944" spans="14:14">
      <c r="N577944" s="10"/>
    </row>
    <row r="577945" spans="14:14">
      <c r="N577945" s="10"/>
    </row>
    <row r="577946" spans="14:14">
      <c r="N577946" s="10"/>
    </row>
    <row r="577947" spans="14:14">
      <c r="N577947" s="10"/>
    </row>
    <row r="577948" spans="14:14">
      <c r="N577948" s="10"/>
    </row>
    <row r="577949" spans="14:14">
      <c r="N577949" s="10"/>
    </row>
    <row r="577950" spans="14:14">
      <c r="N577950" s="10"/>
    </row>
    <row r="577951" spans="14:14">
      <c r="N577951" s="10"/>
    </row>
    <row r="577952" spans="14:14">
      <c r="N577952" s="10"/>
    </row>
    <row r="577953" spans="14:14">
      <c r="N577953" s="10"/>
    </row>
    <row r="577954" spans="14:14">
      <c r="N577954" s="10"/>
    </row>
    <row r="577955" spans="14:14">
      <c r="N577955" s="10"/>
    </row>
    <row r="577956" spans="14:14">
      <c r="N577956" s="10"/>
    </row>
    <row r="577957" spans="14:14">
      <c r="N577957" s="10"/>
    </row>
    <row r="577958" spans="14:14">
      <c r="N577958" s="10"/>
    </row>
    <row r="577959" spans="14:14">
      <c r="N577959" s="10"/>
    </row>
    <row r="577960" spans="14:14">
      <c r="N577960" s="10"/>
    </row>
    <row r="577961" spans="14:14">
      <c r="N577961" s="10"/>
    </row>
    <row r="577962" spans="14:14">
      <c r="N577962" s="10"/>
    </row>
    <row r="577963" spans="14:14">
      <c r="N577963" s="10"/>
    </row>
    <row r="577964" spans="14:14">
      <c r="N577964" s="10"/>
    </row>
    <row r="577965" spans="14:14">
      <c r="N577965" s="10"/>
    </row>
    <row r="577966" spans="14:14">
      <c r="N577966" s="10"/>
    </row>
    <row r="577967" spans="14:14">
      <c r="N577967" s="10"/>
    </row>
    <row r="577968" spans="14:14">
      <c r="N577968" s="10"/>
    </row>
    <row r="577969" spans="14:14">
      <c r="N577969" s="10"/>
    </row>
    <row r="577970" spans="14:14">
      <c r="N577970" s="10"/>
    </row>
    <row r="577971" spans="14:14">
      <c r="N577971" s="10"/>
    </row>
    <row r="577972" spans="14:14">
      <c r="N577972" s="10"/>
    </row>
    <row r="577973" spans="14:14">
      <c r="N577973" s="10"/>
    </row>
    <row r="577974" spans="14:14">
      <c r="N577974" s="10"/>
    </row>
    <row r="577975" spans="14:14">
      <c r="N577975" s="10"/>
    </row>
    <row r="577976" spans="14:14">
      <c r="N577976" s="10"/>
    </row>
    <row r="577977" spans="14:14">
      <c r="N577977" s="10"/>
    </row>
    <row r="577978" spans="14:14">
      <c r="N577978" s="10"/>
    </row>
    <row r="577979" spans="14:14">
      <c r="N577979" s="10"/>
    </row>
    <row r="577980" spans="14:14">
      <c r="N577980" s="10"/>
    </row>
    <row r="577981" spans="14:14">
      <c r="N577981" s="10"/>
    </row>
    <row r="577982" spans="14:14">
      <c r="N577982" s="10"/>
    </row>
    <row r="577983" spans="14:14">
      <c r="N577983" s="10"/>
    </row>
    <row r="577984" spans="14:14">
      <c r="N577984" s="10"/>
    </row>
    <row r="577985" spans="14:14">
      <c r="N577985" s="10"/>
    </row>
    <row r="577986" spans="14:14">
      <c r="N577986" s="10"/>
    </row>
    <row r="577987" spans="14:14">
      <c r="N577987" s="10"/>
    </row>
    <row r="577988" spans="14:14">
      <c r="N577988" s="10"/>
    </row>
    <row r="577989" spans="14:14">
      <c r="N577989" s="10"/>
    </row>
    <row r="577990" spans="14:14">
      <c r="N577990" s="10"/>
    </row>
    <row r="577991" spans="14:14">
      <c r="N577991" s="10"/>
    </row>
    <row r="577992" spans="14:14">
      <c r="N577992" s="10"/>
    </row>
    <row r="577993" spans="14:14">
      <c r="N577993" s="10"/>
    </row>
    <row r="577994" spans="14:14">
      <c r="N577994" s="10"/>
    </row>
    <row r="577995" spans="14:14">
      <c r="N577995" s="10"/>
    </row>
    <row r="577996" spans="14:14">
      <c r="N577996" s="10"/>
    </row>
    <row r="577997" spans="14:14">
      <c r="N577997" s="10"/>
    </row>
    <row r="577998" spans="14:14">
      <c r="N577998" s="10"/>
    </row>
    <row r="577999" spans="14:14">
      <c r="N577999" s="10"/>
    </row>
    <row r="578000" spans="14:14">
      <c r="N578000" s="10"/>
    </row>
    <row r="578001" spans="14:14">
      <c r="N578001" s="10"/>
    </row>
    <row r="578002" spans="14:14">
      <c r="N578002" s="10"/>
    </row>
    <row r="578003" spans="14:14">
      <c r="N578003" s="10"/>
    </row>
    <row r="578004" spans="14:14">
      <c r="N578004" s="10"/>
    </row>
    <row r="578005" spans="14:14">
      <c r="N578005" s="10"/>
    </row>
    <row r="578006" spans="14:14">
      <c r="N578006" s="10"/>
    </row>
    <row r="578007" spans="14:14">
      <c r="N578007" s="10"/>
    </row>
    <row r="578008" spans="14:14">
      <c r="N578008" s="10"/>
    </row>
    <row r="578009" spans="14:14">
      <c r="N578009" s="10"/>
    </row>
    <row r="578010" spans="14:14">
      <c r="N578010" s="10"/>
    </row>
    <row r="578011" spans="14:14">
      <c r="N578011" s="10"/>
    </row>
    <row r="578012" spans="14:14">
      <c r="N578012" s="10"/>
    </row>
    <row r="578013" spans="14:14">
      <c r="N578013" s="10"/>
    </row>
    <row r="578014" spans="14:14">
      <c r="N578014" s="10"/>
    </row>
    <row r="578015" spans="14:14">
      <c r="N578015" s="10"/>
    </row>
    <row r="578016" spans="14:14">
      <c r="N578016" s="10"/>
    </row>
    <row r="578017" spans="14:14">
      <c r="N578017" s="10"/>
    </row>
    <row r="578018" spans="14:14">
      <c r="N578018" s="10"/>
    </row>
    <row r="578019" spans="14:14">
      <c r="N578019" s="10"/>
    </row>
    <row r="578020" spans="14:14">
      <c r="N578020" s="10"/>
    </row>
    <row r="578021" spans="14:14">
      <c r="N578021" s="10"/>
    </row>
    <row r="578022" spans="14:14">
      <c r="N578022" s="10"/>
    </row>
    <row r="578023" spans="14:14">
      <c r="N578023" s="10"/>
    </row>
    <row r="578024" spans="14:14">
      <c r="N578024" s="10"/>
    </row>
    <row r="578025" spans="14:14">
      <c r="N578025" s="10"/>
    </row>
    <row r="578026" spans="14:14">
      <c r="N578026" s="10"/>
    </row>
    <row r="578027" spans="14:14">
      <c r="N578027" s="10"/>
    </row>
    <row r="578028" spans="14:14">
      <c r="N578028" s="10"/>
    </row>
    <row r="578029" spans="14:14">
      <c r="N578029" s="10"/>
    </row>
    <row r="578030" spans="14:14">
      <c r="N578030" s="10"/>
    </row>
    <row r="578031" spans="14:14">
      <c r="N578031" s="10"/>
    </row>
    <row r="578032" spans="14:14">
      <c r="N578032" s="10"/>
    </row>
    <row r="578033" spans="14:14">
      <c r="N578033" s="10"/>
    </row>
    <row r="578034" spans="14:14">
      <c r="N578034" s="10"/>
    </row>
    <row r="578035" spans="14:14">
      <c r="N578035" s="10"/>
    </row>
    <row r="578036" spans="14:14">
      <c r="N578036" s="10"/>
    </row>
    <row r="578037" spans="14:14">
      <c r="N578037" s="10"/>
    </row>
    <row r="578038" spans="14:14">
      <c r="N578038" s="10"/>
    </row>
    <row r="578039" spans="14:14">
      <c r="N578039" s="10"/>
    </row>
    <row r="578040" spans="14:14">
      <c r="N578040" s="10"/>
    </row>
    <row r="578041" spans="14:14">
      <c r="N578041" s="10"/>
    </row>
    <row r="578042" spans="14:14">
      <c r="N578042" s="10"/>
    </row>
    <row r="578043" spans="14:14">
      <c r="N578043" s="10"/>
    </row>
    <row r="578044" spans="14:14">
      <c r="N578044" s="10"/>
    </row>
    <row r="578045" spans="14:14">
      <c r="N578045" s="10"/>
    </row>
    <row r="578046" spans="14:14">
      <c r="N578046" s="10"/>
    </row>
    <row r="578047" spans="14:14">
      <c r="N578047" s="10"/>
    </row>
    <row r="578048" spans="14:14">
      <c r="N578048" s="10"/>
    </row>
    <row r="578049" spans="14:14">
      <c r="N578049" s="10"/>
    </row>
    <row r="578050" spans="14:14">
      <c r="N578050" s="10"/>
    </row>
    <row r="578051" spans="14:14">
      <c r="N578051" s="10"/>
    </row>
    <row r="578052" spans="14:14">
      <c r="N578052" s="10"/>
    </row>
    <row r="578053" spans="14:14">
      <c r="N578053" s="10"/>
    </row>
    <row r="578054" spans="14:14">
      <c r="N578054" s="10"/>
    </row>
    <row r="578055" spans="14:14">
      <c r="N578055" s="10"/>
    </row>
    <row r="578056" spans="14:14">
      <c r="N578056" s="10"/>
    </row>
    <row r="578057" spans="14:14">
      <c r="N578057" s="10"/>
    </row>
    <row r="578058" spans="14:14">
      <c r="N578058" s="10"/>
    </row>
    <row r="578059" spans="14:14">
      <c r="N578059" s="10"/>
    </row>
    <row r="578060" spans="14:14">
      <c r="N578060" s="10"/>
    </row>
    <row r="578061" spans="14:14">
      <c r="N578061" s="10"/>
    </row>
    <row r="578062" spans="14:14">
      <c r="N578062" s="10"/>
    </row>
    <row r="578063" spans="14:14">
      <c r="N578063" s="10"/>
    </row>
    <row r="578064" spans="14:14">
      <c r="N578064" s="10"/>
    </row>
    <row r="578065" spans="14:14">
      <c r="N578065" s="10"/>
    </row>
    <row r="578066" spans="14:14">
      <c r="N578066" s="10"/>
    </row>
    <row r="578067" spans="14:14">
      <c r="N578067" s="10"/>
    </row>
    <row r="578068" spans="14:14">
      <c r="N578068" s="10"/>
    </row>
    <row r="578069" spans="14:14">
      <c r="N578069" s="10"/>
    </row>
    <row r="578070" spans="14:14">
      <c r="N578070" s="10"/>
    </row>
    <row r="578071" spans="14:14">
      <c r="N578071" s="10"/>
    </row>
    <row r="578072" spans="14:14">
      <c r="N578072" s="10"/>
    </row>
    <row r="578073" spans="14:14">
      <c r="N578073" s="10"/>
    </row>
    <row r="578074" spans="14:14">
      <c r="N578074" s="10"/>
    </row>
    <row r="578075" spans="14:14">
      <c r="N578075" s="10"/>
    </row>
    <row r="578076" spans="14:14">
      <c r="N578076" s="10"/>
    </row>
    <row r="578077" spans="14:14">
      <c r="N578077" s="10"/>
    </row>
    <row r="578078" spans="14:14">
      <c r="N578078" s="10"/>
    </row>
    <row r="578079" spans="14:14">
      <c r="N578079" s="10"/>
    </row>
    <row r="578080" spans="14:14">
      <c r="N578080" s="10"/>
    </row>
    <row r="578081" spans="14:14">
      <c r="N578081" s="10"/>
    </row>
    <row r="578082" spans="14:14">
      <c r="N578082" s="10"/>
    </row>
    <row r="578083" spans="14:14">
      <c r="N578083" s="10"/>
    </row>
    <row r="578084" spans="14:14">
      <c r="N578084" s="10"/>
    </row>
    <row r="578085" spans="14:14">
      <c r="N578085" s="10"/>
    </row>
    <row r="578086" spans="14:14">
      <c r="N578086" s="10"/>
    </row>
    <row r="578087" spans="14:14">
      <c r="N578087" s="10"/>
    </row>
    <row r="578088" spans="14:14">
      <c r="N578088" s="10"/>
    </row>
    <row r="578089" spans="14:14">
      <c r="N578089" s="10"/>
    </row>
    <row r="578090" spans="14:14">
      <c r="N578090" s="10"/>
    </row>
    <row r="578091" spans="14:14">
      <c r="N578091" s="10"/>
    </row>
    <row r="578092" spans="14:14">
      <c r="N578092" s="10"/>
    </row>
    <row r="578093" spans="14:14">
      <c r="N578093" s="10"/>
    </row>
    <row r="578094" spans="14:14">
      <c r="N578094" s="10"/>
    </row>
    <row r="578095" spans="14:14">
      <c r="N578095" s="10"/>
    </row>
    <row r="578096" spans="14:14">
      <c r="N578096" s="10"/>
    </row>
    <row r="578097" spans="14:14">
      <c r="N578097" s="10"/>
    </row>
    <row r="578098" spans="14:14">
      <c r="N578098" s="10"/>
    </row>
    <row r="578099" spans="14:14">
      <c r="N578099" s="10"/>
    </row>
    <row r="578100" spans="14:14">
      <c r="N578100" s="10"/>
    </row>
    <row r="578101" spans="14:14">
      <c r="N578101" s="10"/>
    </row>
    <row r="578102" spans="14:14">
      <c r="N578102" s="10"/>
    </row>
    <row r="578103" spans="14:14">
      <c r="N578103" s="10"/>
    </row>
    <row r="578104" spans="14:14">
      <c r="N578104" s="10"/>
    </row>
    <row r="578105" spans="14:14">
      <c r="N578105" s="10"/>
    </row>
    <row r="578106" spans="14:14">
      <c r="N578106" s="10"/>
    </row>
    <row r="578107" spans="14:14">
      <c r="N578107" s="10"/>
    </row>
    <row r="578108" spans="14:14">
      <c r="N578108" s="10"/>
    </row>
    <row r="578109" spans="14:14">
      <c r="N578109" s="10"/>
    </row>
    <row r="578110" spans="14:14">
      <c r="N578110" s="10"/>
    </row>
    <row r="578111" spans="14:14">
      <c r="N578111" s="10"/>
    </row>
    <row r="578112" spans="14:14">
      <c r="N578112" s="10"/>
    </row>
    <row r="578113" spans="14:14">
      <c r="N578113" s="10"/>
    </row>
    <row r="578114" spans="14:14">
      <c r="N578114" s="10"/>
    </row>
    <row r="578115" spans="14:14">
      <c r="N578115" s="10"/>
    </row>
    <row r="578116" spans="14:14">
      <c r="N578116" s="10"/>
    </row>
    <row r="578117" spans="14:14">
      <c r="N578117" s="10"/>
    </row>
    <row r="578118" spans="14:14">
      <c r="N578118" s="10"/>
    </row>
    <row r="578119" spans="14:14">
      <c r="N578119" s="10"/>
    </row>
    <row r="578120" spans="14:14">
      <c r="N578120" s="10"/>
    </row>
    <row r="578121" spans="14:14">
      <c r="N578121" s="10"/>
    </row>
    <row r="578122" spans="14:14">
      <c r="N578122" s="10"/>
    </row>
    <row r="578123" spans="14:14">
      <c r="N578123" s="10"/>
    </row>
    <row r="578124" spans="14:14">
      <c r="N578124" s="10"/>
    </row>
    <row r="578125" spans="14:14">
      <c r="N578125" s="10"/>
    </row>
    <row r="578126" spans="14:14">
      <c r="N578126" s="10"/>
    </row>
    <row r="578127" spans="14:14">
      <c r="N578127" s="10"/>
    </row>
    <row r="578128" spans="14:14">
      <c r="N578128" s="10"/>
    </row>
    <row r="578129" spans="14:14">
      <c r="N578129" s="10"/>
    </row>
    <row r="578130" spans="14:14">
      <c r="N578130" s="10"/>
    </row>
    <row r="578131" spans="14:14">
      <c r="N578131" s="10"/>
    </row>
    <row r="578132" spans="14:14">
      <c r="N578132" s="10"/>
    </row>
    <row r="578133" spans="14:14">
      <c r="N578133" s="10"/>
    </row>
    <row r="578134" spans="14:14">
      <c r="N578134" s="10"/>
    </row>
    <row r="578135" spans="14:14">
      <c r="N578135" s="10"/>
    </row>
    <row r="578136" spans="14:14">
      <c r="N578136" s="10"/>
    </row>
    <row r="578137" spans="14:14">
      <c r="N578137" s="10"/>
    </row>
    <row r="578138" spans="14:14">
      <c r="N578138" s="10"/>
    </row>
    <row r="578139" spans="14:14">
      <c r="N578139" s="10"/>
    </row>
    <row r="578140" spans="14:14">
      <c r="N578140" s="10"/>
    </row>
    <row r="578141" spans="14:14">
      <c r="N578141" s="10"/>
    </row>
    <row r="578142" spans="14:14">
      <c r="N578142" s="10"/>
    </row>
    <row r="578143" spans="14:14">
      <c r="N578143" s="10"/>
    </row>
    <row r="578144" spans="14:14">
      <c r="N578144" s="10"/>
    </row>
    <row r="578145" spans="14:14">
      <c r="N578145" s="10"/>
    </row>
    <row r="578146" spans="14:14">
      <c r="N578146" s="10"/>
    </row>
    <row r="578147" spans="14:14">
      <c r="N578147" s="10"/>
    </row>
    <row r="578148" spans="14:14">
      <c r="N578148" s="10"/>
    </row>
    <row r="578149" spans="14:14">
      <c r="N578149" s="10"/>
    </row>
    <row r="578150" spans="14:14">
      <c r="N578150" s="10"/>
    </row>
    <row r="578151" spans="14:14">
      <c r="N578151" s="10"/>
    </row>
    <row r="578152" spans="14:14">
      <c r="N578152" s="10"/>
    </row>
    <row r="578153" spans="14:14">
      <c r="N578153" s="10"/>
    </row>
    <row r="578154" spans="14:14">
      <c r="N578154" s="10"/>
    </row>
    <row r="578155" spans="14:14">
      <c r="N578155" s="10"/>
    </row>
    <row r="578156" spans="14:14">
      <c r="N578156" s="10"/>
    </row>
    <row r="578157" spans="14:14">
      <c r="N578157" s="10"/>
    </row>
    <row r="578158" spans="14:14">
      <c r="N578158" s="10"/>
    </row>
    <row r="578159" spans="14:14">
      <c r="N578159" s="10"/>
    </row>
    <row r="578160" spans="14:14">
      <c r="N578160" s="10"/>
    </row>
    <row r="578161" spans="14:14">
      <c r="N578161" s="10"/>
    </row>
    <row r="578162" spans="14:14">
      <c r="N578162" s="10"/>
    </row>
    <row r="578163" spans="14:14">
      <c r="N578163" s="10"/>
    </row>
    <row r="578164" spans="14:14">
      <c r="N578164" s="10"/>
    </row>
    <row r="578165" spans="14:14">
      <c r="N578165" s="10"/>
    </row>
    <row r="578166" spans="14:14">
      <c r="N578166" s="10"/>
    </row>
    <row r="578167" spans="14:14">
      <c r="N578167" s="10"/>
    </row>
    <row r="578168" spans="14:14">
      <c r="N578168" s="10"/>
    </row>
    <row r="578169" spans="14:14">
      <c r="N578169" s="10"/>
    </row>
    <row r="578170" spans="14:14">
      <c r="N578170" s="10"/>
    </row>
    <row r="578171" spans="14:14">
      <c r="N578171" s="10"/>
    </row>
    <row r="578172" spans="14:14">
      <c r="N578172" s="10"/>
    </row>
    <row r="578173" spans="14:14">
      <c r="N578173" s="10"/>
    </row>
    <row r="578174" spans="14:14">
      <c r="N578174" s="10"/>
    </row>
    <row r="578175" spans="14:14">
      <c r="N578175" s="10"/>
    </row>
    <row r="578176" spans="14:14">
      <c r="N578176" s="10"/>
    </row>
    <row r="578177" spans="14:14">
      <c r="N578177" s="10"/>
    </row>
    <row r="578178" spans="14:14">
      <c r="N578178" s="10"/>
    </row>
    <row r="578179" spans="14:14">
      <c r="N578179" s="10"/>
    </row>
    <row r="578180" spans="14:14">
      <c r="N578180" s="10"/>
    </row>
    <row r="578181" spans="14:14">
      <c r="N578181" s="10"/>
    </row>
    <row r="578182" spans="14:14">
      <c r="N578182" s="10"/>
    </row>
    <row r="578183" spans="14:14">
      <c r="N578183" s="10"/>
    </row>
    <row r="578184" spans="14:14">
      <c r="N578184" s="10"/>
    </row>
    <row r="578185" spans="14:14">
      <c r="N578185" s="10"/>
    </row>
    <row r="578186" spans="14:14">
      <c r="N578186" s="10"/>
    </row>
    <row r="578187" spans="14:14">
      <c r="N578187" s="10"/>
    </row>
    <row r="578188" spans="14:14">
      <c r="N578188" s="10"/>
    </row>
    <row r="578189" spans="14:14">
      <c r="N578189" s="10"/>
    </row>
    <row r="578190" spans="14:14">
      <c r="N578190" s="10"/>
    </row>
    <row r="578191" spans="14:14">
      <c r="N578191" s="10"/>
    </row>
    <row r="578192" spans="14:14">
      <c r="N578192" s="10"/>
    </row>
    <row r="578193" spans="14:14">
      <c r="N578193" s="10"/>
    </row>
    <row r="578194" spans="14:14">
      <c r="N578194" s="10"/>
    </row>
    <row r="578195" spans="14:14">
      <c r="N578195" s="10"/>
    </row>
    <row r="578196" spans="14:14">
      <c r="N578196" s="10"/>
    </row>
    <row r="578197" spans="14:14">
      <c r="N578197" s="10"/>
    </row>
    <row r="578198" spans="14:14">
      <c r="N578198" s="10"/>
    </row>
    <row r="578199" spans="14:14">
      <c r="N578199" s="10"/>
    </row>
    <row r="578200" spans="14:14">
      <c r="N578200" s="10"/>
    </row>
    <row r="578201" spans="14:14">
      <c r="N578201" s="10"/>
    </row>
    <row r="578202" spans="14:14">
      <c r="N578202" s="10"/>
    </row>
    <row r="578203" spans="14:14">
      <c r="N578203" s="10"/>
    </row>
    <row r="578204" spans="14:14">
      <c r="N578204" s="10"/>
    </row>
    <row r="578205" spans="14:14">
      <c r="N578205" s="10"/>
    </row>
    <row r="578206" spans="14:14">
      <c r="N578206" s="10"/>
    </row>
    <row r="578207" spans="14:14">
      <c r="N578207" s="10"/>
    </row>
    <row r="578208" spans="14:14">
      <c r="N578208" s="10"/>
    </row>
    <row r="578209" spans="14:14">
      <c r="N578209" s="10"/>
    </row>
    <row r="578210" spans="14:14">
      <c r="N578210" s="10"/>
    </row>
    <row r="578211" spans="14:14">
      <c r="N578211" s="10"/>
    </row>
    <row r="578212" spans="14:14">
      <c r="N578212" s="10"/>
    </row>
    <row r="578213" spans="14:14">
      <c r="N578213" s="10"/>
    </row>
    <row r="578214" spans="14:14">
      <c r="N578214" s="10"/>
    </row>
    <row r="578215" spans="14:14">
      <c r="N578215" s="10"/>
    </row>
    <row r="578216" spans="14:14">
      <c r="N578216" s="10"/>
    </row>
    <row r="578217" spans="14:14">
      <c r="N578217" s="10"/>
    </row>
    <row r="578218" spans="14:14">
      <c r="N578218" s="10"/>
    </row>
    <row r="578219" spans="14:14">
      <c r="N578219" s="10"/>
    </row>
    <row r="578220" spans="14:14">
      <c r="N578220" s="10"/>
    </row>
    <row r="578221" spans="14:14">
      <c r="N578221" s="10"/>
    </row>
    <row r="578222" spans="14:14">
      <c r="N578222" s="10"/>
    </row>
    <row r="578223" spans="14:14">
      <c r="N578223" s="10"/>
    </row>
    <row r="578224" spans="14:14">
      <c r="N578224" s="10"/>
    </row>
    <row r="578225" spans="14:14">
      <c r="N578225" s="10"/>
    </row>
    <row r="578226" spans="14:14">
      <c r="N578226" s="10"/>
    </row>
    <row r="578227" spans="14:14">
      <c r="N578227" s="10"/>
    </row>
    <row r="578228" spans="14:14">
      <c r="N578228" s="10"/>
    </row>
    <row r="578229" spans="14:14">
      <c r="N578229" s="10"/>
    </row>
    <row r="578230" spans="14:14">
      <c r="N578230" s="10"/>
    </row>
    <row r="578231" spans="14:14">
      <c r="N578231" s="10"/>
    </row>
    <row r="578232" spans="14:14">
      <c r="N578232" s="10"/>
    </row>
    <row r="578233" spans="14:14">
      <c r="N578233" s="10"/>
    </row>
    <row r="578234" spans="14:14">
      <c r="N578234" s="10"/>
    </row>
    <row r="578235" spans="14:14">
      <c r="N578235" s="10"/>
    </row>
    <row r="578236" spans="14:14">
      <c r="N578236" s="10"/>
    </row>
    <row r="578237" spans="14:14">
      <c r="N578237" s="10"/>
    </row>
    <row r="578238" spans="14:14">
      <c r="N578238" s="10"/>
    </row>
    <row r="578239" spans="14:14">
      <c r="N578239" s="10"/>
    </row>
    <row r="578240" spans="14:14">
      <c r="N578240" s="10"/>
    </row>
    <row r="578241" spans="14:14">
      <c r="N578241" s="10"/>
    </row>
    <row r="578242" spans="14:14">
      <c r="N578242" s="10"/>
    </row>
    <row r="578243" spans="14:14">
      <c r="N578243" s="10"/>
    </row>
    <row r="578244" spans="14:14">
      <c r="N578244" s="10"/>
    </row>
    <row r="578245" spans="14:14">
      <c r="N578245" s="10"/>
    </row>
    <row r="578246" spans="14:14">
      <c r="N578246" s="10"/>
    </row>
    <row r="578247" spans="14:14">
      <c r="N578247" s="10"/>
    </row>
    <row r="578248" spans="14:14">
      <c r="N578248" s="10"/>
    </row>
    <row r="578249" spans="14:14">
      <c r="N578249" s="10"/>
    </row>
    <row r="578250" spans="14:14">
      <c r="N578250" s="10"/>
    </row>
    <row r="578251" spans="14:14">
      <c r="N578251" s="10"/>
    </row>
    <row r="578252" spans="14:14">
      <c r="N578252" s="10"/>
    </row>
    <row r="578253" spans="14:14">
      <c r="N578253" s="10"/>
    </row>
    <row r="578254" spans="14:14">
      <c r="N578254" s="10"/>
    </row>
    <row r="578255" spans="14:14">
      <c r="N578255" s="10"/>
    </row>
    <row r="578256" spans="14:14">
      <c r="N578256" s="10"/>
    </row>
    <row r="578257" spans="14:14">
      <c r="N578257" s="10"/>
    </row>
    <row r="578258" spans="14:14">
      <c r="N578258" s="10"/>
    </row>
    <row r="578259" spans="14:14">
      <c r="N578259" s="10"/>
    </row>
    <row r="578260" spans="14:14">
      <c r="N578260" s="10"/>
    </row>
    <row r="578261" spans="14:14">
      <c r="N578261" s="10"/>
    </row>
    <row r="578262" spans="14:14">
      <c r="N578262" s="10"/>
    </row>
    <row r="578263" spans="14:14">
      <c r="N578263" s="10"/>
    </row>
    <row r="578264" spans="14:14">
      <c r="N578264" s="10"/>
    </row>
    <row r="578265" spans="14:14">
      <c r="N578265" s="10"/>
    </row>
    <row r="578266" spans="14:14">
      <c r="N578266" s="10"/>
    </row>
    <row r="578267" spans="14:14">
      <c r="N578267" s="10"/>
    </row>
    <row r="578268" spans="14:14">
      <c r="N578268" s="10"/>
    </row>
    <row r="578269" spans="14:14">
      <c r="N578269" s="10"/>
    </row>
    <row r="578270" spans="14:14">
      <c r="N578270" s="10"/>
    </row>
    <row r="578271" spans="14:14">
      <c r="N578271" s="10"/>
    </row>
    <row r="578272" spans="14:14">
      <c r="N578272" s="10"/>
    </row>
    <row r="578273" spans="14:14">
      <c r="N578273" s="10"/>
    </row>
    <row r="578274" spans="14:14">
      <c r="N578274" s="10"/>
    </row>
    <row r="578275" spans="14:14">
      <c r="N578275" s="10"/>
    </row>
    <row r="578276" spans="14:14">
      <c r="N578276" s="10"/>
    </row>
    <row r="578277" spans="14:14">
      <c r="N578277" s="10"/>
    </row>
    <row r="578278" spans="14:14">
      <c r="N578278" s="10"/>
    </row>
    <row r="578279" spans="14:14">
      <c r="N578279" s="10"/>
    </row>
    <row r="578280" spans="14:14">
      <c r="N578280" s="10"/>
    </row>
    <row r="578281" spans="14:14">
      <c r="N578281" s="10"/>
    </row>
    <row r="578282" spans="14:14">
      <c r="N578282" s="10"/>
    </row>
    <row r="578283" spans="14:14">
      <c r="N578283" s="10"/>
    </row>
    <row r="578284" spans="14:14">
      <c r="N578284" s="10"/>
    </row>
    <row r="578285" spans="14:14">
      <c r="N578285" s="10"/>
    </row>
    <row r="578286" spans="14:14">
      <c r="N578286" s="10"/>
    </row>
    <row r="578287" spans="14:14">
      <c r="N578287" s="10"/>
    </row>
    <row r="578288" spans="14:14">
      <c r="N578288" s="10"/>
    </row>
    <row r="578289" spans="14:14">
      <c r="N578289" s="10"/>
    </row>
    <row r="578290" spans="14:14">
      <c r="N578290" s="10"/>
    </row>
    <row r="578291" spans="14:14">
      <c r="N578291" s="10"/>
    </row>
    <row r="578292" spans="14:14">
      <c r="N578292" s="10"/>
    </row>
    <row r="578293" spans="14:14">
      <c r="N578293" s="10"/>
    </row>
    <row r="578294" spans="14:14">
      <c r="N578294" s="10"/>
    </row>
    <row r="578295" spans="14:14">
      <c r="N578295" s="10"/>
    </row>
    <row r="578296" spans="14:14">
      <c r="N578296" s="10"/>
    </row>
    <row r="578297" spans="14:14">
      <c r="N578297" s="10"/>
    </row>
    <row r="578298" spans="14:14">
      <c r="N578298" s="10"/>
    </row>
    <row r="578299" spans="14:14">
      <c r="N578299" s="10"/>
    </row>
    <row r="578300" spans="14:14">
      <c r="N578300" s="10"/>
    </row>
    <row r="578301" spans="14:14">
      <c r="N578301" s="10"/>
    </row>
    <row r="578302" spans="14:14">
      <c r="N578302" s="10"/>
    </row>
    <row r="578303" spans="14:14">
      <c r="N578303" s="10"/>
    </row>
    <row r="578304" spans="14:14">
      <c r="N578304" s="10"/>
    </row>
    <row r="578305" spans="14:14">
      <c r="N578305" s="10"/>
    </row>
    <row r="578306" spans="14:14">
      <c r="N578306" s="10"/>
    </row>
    <row r="578307" spans="14:14">
      <c r="N578307" s="10"/>
    </row>
    <row r="578308" spans="14:14">
      <c r="N578308" s="10"/>
    </row>
    <row r="578309" spans="14:14">
      <c r="N578309" s="10"/>
    </row>
    <row r="578310" spans="14:14">
      <c r="N578310" s="10"/>
    </row>
    <row r="578311" spans="14:14">
      <c r="N578311" s="10"/>
    </row>
    <row r="578312" spans="14:14">
      <c r="N578312" s="10"/>
    </row>
    <row r="578313" spans="14:14">
      <c r="N578313" s="10"/>
    </row>
    <row r="578314" spans="14:14">
      <c r="N578314" s="10"/>
    </row>
    <row r="578315" spans="14:14">
      <c r="N578315" s="10"/>
    </row>
    <row r="578316" spans="14:14">
      <c r="N578316" s="10"/>
    </row>
    <row r="578317" spans="14:14">
      <c r="N578317" s="10"/>
    </row>
    <row r="578318" spans="14:14">
      <c r="N578318" s="10"/>
    </row>
    <row r="578319" spans="14:14">
      <c r="N578319" s="10"/>
    </row>
    <row r="578320" spans="14:14">
      <c r="N578320" s="10"/>
    </row>
    <row r="578321" spans="14:14">
      <c r="N578321" s="10"/>
    </row>
    <row r="578322" spans="14:14">
      <c r="N578322" s="10"/>
    </row>
    <row r="578323" spans="14:14">
      <c r="N578323" s="10"/>
    </row>
    <row r="578324" spans="14:14">
      <c r="N578324" s="10"/>
    </row>
    <row r="578325" spans="14:14">
      <c r="N578325" s="10"/>
    </row>
    <row r="578326" spans="14:14">
      <c r="N578326" s="10"/>
    </row>
    <row r="578327" spans="14:14">
      <c r="N578327" s="10"/>
    </row>
    <row r="578328" spans="14:14">
      <c r="N578328" s="10"/>
    </row>
    <row r="578329" spans="14:14">
      <c r="N578329" s="10"/>
    </row>
    <row r="578330" spans="14:14">
      <c r="N578330" s="10"/>
    </row>
    <row r="578331" spans="14:14">
      <c r="N578331" s="10"/>
    </row>
    <row r="578332" spans="14:14">
      <c r="N578332" s="10"/>
    </row>
    <row r="578333" spans="14:14">
      <c r="N578333" s="10"/>
    </row>
    <row r="578334" spans="14:14">
      <c r="N578334" s="10"/>
    </row>
    <row r="578335" spans="14:14">
      <c r="N578335" s="10"/>
    </row>
    <row r="578336" spans="14:14">
      <c r="N578336" s="10"/>
    </row>
    <row r="578337" spans="14:14">
      <c r="N578337" s="10"/>
    </row>
    <row r="578338" spans="14:14">
      <c r="N578338" s="10"/>
    </row>
    <row r="578339" spans="14:14">
      <c r="N578339" s="10"/>
    </row>
    <row r="578340" spans="14:14">
      <c r="N578340" s="10"/>
    </row>
    <row r="578341" spans="14:14">
      <c r="N578341" s="10"/>
    </row>
    <row r="578342" spans="14:14">
      <c r="N578342" s="10"/>
    </row>
    <row r="578343" spans="14:14">
      <c r="N578343" s="10"/>
    </row>
    <row r="578344" spans="14:14">
      <c r="N578344" s="10"/>
    </row>
    <row r="578345" spans="14:14">
      <c r="N578345" s="10"/>
    </row>
    <row r="578346" spans="14:14">
      <c r="N578346" s="10"/>
    </row>
    <row r="578347" spans="14:14">
      <c r="N578347" s="10"/>
    </row>
    <row r="578348" spans="14:14">
      <c r="N578348" s="10"/>
    </row>
    <row r="578349" spans="14:14">
      <c r="N578349" s="10"/>
    </row>
    <row r="578350" spans="14:14">
      <c r="N578350" s="10"/>
    </row>
    <row r="578351" spans="14:14">
      <c r="N578351" s="10"/>
    </row>
    <row r="578352" spans="14:14">
      <c r="N578352" s="10"/>
    </row>
    <row r="578353" spans="14:14">
      <c r="N578353" s="10"/>
    </row>
    <row r="578354" spans="14:14">
      <c r="N578354" s="10"/>
    </row>
    <row r="578355" spans="14:14">
      <c r="N578355" s="10"/>
    </row>
    <row r="578356" spans="14:14">
      <c r="N578356" s="10"/>
    </row>
    <row r="578357" spans="14:14">
      <c r="N578357" s="10"/>
    </row>
    <row r="578358" spans="14:14">
      <c r="N578358" s="10"/>
    </row>
    <row r="578359" spans="14:14">
      <c r="N578359" s="10"/>
    </row>
    <row r="578360" spans="14:14">
      <c r="N578360" s="10"/>
    </row>
    <row r="578361" spans="14:14">
      <c r="N578361" s="10"/>
    </row>
    <row r="578362" spans="14:14">
      <c r="N578362" s="10"/>
    </row>
    <row r="578363" spans="14:14">
      <c r="N578363" s="10"/>
    </row>
    <row r="578364" spans="14:14">
      <c r="N578364" s="10"/>
    </row>
    <row r="578365" spans="14:14">
      <c r="N578365" s="10"/>
    </row>
    <row r="578366" spans="14:14">
      <c r="N578366" s="10"/>
    </row>
    <row r="578367" spans="14:14">
      <c r="N578367" s="10"/>
    </row>
    <row r="578368" spans="14:14">
      <c r="N578368" s="10"/>
    </row>
    <row r="578369" spans="14:14">
      <c r="N578369" s="10"/>
    </row>
    <row r="578370" spans="14:14">
      <c r="N578370" s="10"/>
    </row>
    <row r="578371" spans="14:14">
      <c r="N578371" s="10"/>
    </row>
    <row r="578372" spans="14:14">
      <c r="N578372" s="10"/>
    </row>
    <row r="578373" spans="14:14">
      <c r="N578373" s="10"/>
    </row>
    <row r="578374" spans="14:14">
      <c r="N578374" s="10"/>
    </row>
    <row r="578375" spans="14:14">
      <c r="N578375" s="10"/>
    </row>
    <row r="578376" spans="14:14">
      <c r="N578376" s="10"/>
    </row>
    <row r="578377" spans="14:14">
      <c r="N578377" s="10"/>
    </row>
    <row r="578378" spans="14:14">
      <c r="N578378" s="10"/>
    </row>
    <row r="578379" spans="14:14">
      <c r="N578379" s="10"/>
    </row>
    <row r="578380" spans="14:14">
      <c r="N578380" s="10"/>
    </row>
    <row r="578381" spans="14:14">
      <c r="N578381" s="10"/>
    </row>
    <row r="578382" spans="14:14">
      <c r="N578382" s="10"/>
    </row>
    <row r="578383" spans="14:14">
      <c r="N578383" s="10"/>
    </row>
    <row r="578384" spans="14:14">
      <c r="N578384" s="10"/>
    </row>
    <row r="578385" spans="14:14">
      <c r="N578385" s="10"/>
    </row>
    <row r="578386" spans="14:14">
      <c r="N578386" s="10"/>
    </row>
    <row r="578387" spans="14:14">
      <c r="N578387" s="10"/>
    </row>
    <row r="578388" spans="14:14">
      <c r="N578388" s="10"/>
    </row>
    <row r="578389" spans="14:14">
      <c r="N578389" s="10"/>
    </row>
    <row r="578390" spans="14:14">
      <c r="N578390" s="10"/>
    </row>
    <row r="578391" spans="14:14">
      <c r="N578391" s="10"/>
    </row>
    <row r="578392" spans="14:14">
      <c r="N578392" s="10"/>
    </row>
    <row r="578393" spans="14:14">
      <c r="N578393" s="10"/>
    </row>
    <row r="578394" spans="14:14">
      <c r="N578394" s="10"/>
    </row>
    <row r="578395" spans="14:14">
      <c r="N578395" s="10"/>
    </row>
    <row r="578396" spans="14:14">
      <c r="N578396" s="10"/>
    </row>
    <row r="578397" spans="14:14">
      <c r="N578397" s="10"/>
    </row>
    <row r="578398" spans="14:14">
      <c r="N578398" s="10"/>
    </row>
    <row r="578399" spans="14:14">
      <c r="N578399" s="10"/>
    </row>
    <row r="578400" spans="14:14">
      <c r="N578400" s="10"/>
    </row>
    <row r="578401" spans="14:14">
      <c r="N578401" s="10"/>
    </row>
    <row r="578402" spans="14:14">
      <c r="N578402" s="10"/>
    </row>
    <row r="578403" spans="14:14">
      <c r="N578403" s="10"/>
    </row>
    <row r="578404" spans="14:14">
      <c r="N578404" s="10"/>
    </row>
    <row r="578405" spans="14:14">
      <c r="N578405" s="10"/>
    </row>
    <row r="578406" spans="14:14">
      <c r="N578406" s="10"/>
    </row>
    <row r="578407" spans="14:14">
      <c r="N578407" s="10"/>
    </row>
    <row r="578408" spans="14:14">
      <c r="N578408" s="10"/>
    </row>
    <row r="578409" spans="14:14">
      <c r="N578409" s="10"/>
    </row>
    <row r="578410" spans="14:14">
      <c r="N578410" s="10"/>
    </row>
    <row r="578411" spans="14:14">
      <c r="N578411" s="10"/>
    </row>
    <row r="578412" spans="14:14">
      <c r="N578412" s="10"/>
    </row>
    <row r="578413" spans="14:14">
      <c r="N578413" s="10"/>
    </row>
    <row r="578414" spans="14:14">
      <c r="N578414" s="10"/>
    </row>
    <row r="578415" spans="14:14">
      <c r="N578415" s="10"/>
    </row>
    <row r="578416" spans="14:14">
      <c r="N578416" s="10"/>
    </row>
    <row r="578417" spans="14:14">
      <c r="N578417" s="10"/>
    </row>
    <row r="578418" spans="14:14">
      <c r="N578418" s="10"/>
    </row>
    <row r="578419" spans="14:14">
      <c r="N578419" s="10"/>
    </row>
    <row r="578420" spans="14:14">
      <c r="N578420" s="10"/>
    </row>
    <row r="578421" spans="14:14">
      <c r="N578421" s="10"/>
    </row>
    <row r="578422" spans="14:14">
      <c r="N578422" s="10"/>
    </row>
    <row r="578423" spans="14:14">
      <c r="N578423" s="10"/>
    </row>
    <row r="578424" spans="14:14">
      <c r="N578424" s="10"/>
    </row>
    <row r="578425" spans="14:14">
      <c r="N578425" s="10"/>
    </row>
    <row r="578426" spans="14:14">
      <c r="N578426" s="10"/>
    </row>
    <row r="578427" spans="14:14">
      <c r="N578427" s="10"/>
    </row>
    <row r="578428" spans="14:14">
      <c r="N578428" s="10"/>
    </row>
    <row r="578429" spans="14:14">
      <c r="N578429" s="10"/>
    </row>
    <row r="578430" spans="14:14">
      <c r="N578430" s="10"/>
    </row>
    <row r="578431" spans="14:14">
      <c r="N578431" s="10"/>
    </row>
    <row r="578432" spans="14:14">
      <c r="N578432" s="10"/>
    </row>
    <row r="578433" spans="14:14">
      <c r="N578433" s="10"/>
    </row>
    <row r="578434" spans="14:14">
      <c r="N578434" s="10"/>
    </row>
    <row r="578435" spans="14:14">
      <c r="N578435" s="10"/>
    </row>
    <row r="578436" spans="14:14">
      <c r="N578436" s="10"/>
    </row>
    <row r="578437" spans="14:14">
      <c r="N578437" s="10"/>
    </row>
    <row r="578438" spans="14:14">
      <c r="N578438" s="10"/>
    </row>
    <row r="578439" spans="14:14">
      <c r="N578439" s="10"/>
    </row>
    <row r="578440" spans="14:14">
      <c r="N578440" s="10"/>
    </row>
    <row r="578441" spans="14:14">
      <c r="N578441" s="10"/>
    </row>
    <row r="578442" spans="14:14">
      <c r="N578442" s="10"/>
    </row>
    <row r="578443" spans="14:14">
      <c r="N578443" s="10"/>
    </row>
    <row r="578444" spans="14:14">
      <c r="N578444" s="10"/>
    </row>
    <row r="578445" spans="14:14">
      <c r="N578445" s="10"/>
    </row>
    <row r="578446" spans="14:14">
      <c r="N578446" s="10"/>
    </row>
    <row r="578447" spans="14:14">
      <c r="N578447" s="10"/>
    </row>
    <row r="578448" spans="14:14">
      <c r="N578448" s="10"/>
    </row>
    <row r="578449" spans="14:14">
      <c r="N578449" s="10"/>
    </row>
    <row r="578450" spans="14:14">
      <c r="N578450" s="10"/>
    </row>
    <row r="578451" spans="14:14">
      <c r="N578451" s="10"/>
    </row>
    <row r="578452" spans="14:14">
      <c r="N578452" s="10"/>
    </row>
    <row r="578453" spans="14:14">
      <c r="N578453" s="10"/>
    </row>
    <row r="578454" spans="14:14">
      <c r="N578454" s="10"/>
    </row>
    <row r="578455" spans="14:14">
      <c r="N578455" s="10"/>
    </row>
    <row r="578456" spans="14:14">
      <c r="N578456" s="10"/>
    </row>
    <row r="578457" spans="14:14">
      <c r="N578457" s="10"/>
    </row>
    <row r="578458" spans="14:14">
      <c r="N578458" s="10"/>
    </row>
    <row r="578459" spans="14:14">
      <c r="N578459" s="10"/>
    </row>
    <row r="578460" spans="14:14">
      <c r="N578460" s="10"/>
    </row>
    <row r="578461" spans="14:14">
      <c r="N578461" s="10"/>
    </row>
    <row r="578462" spans="14:14">
      <c r="N578462" s="10"/>
    </row>
    <row r="578463" spans="14:14">
      <c r="N578463" s="10"/>
    </row>
    <row r="578464" spans="14:14">
      <c r="N578464" s="10"/>
    </row>
    <row r="578465" spans="14:14">
      <c r="N578465" s="10"/>
    </row>
    <row r="578466" spans="14:14">
      <c r="N578466" s="10"/>
    </row>
    <row r="578467" spans="14:14">
      <c r="N578467" s="10"/>
    </row>
    <row r="578468" spans="14:14">
      <c r="N578468" s="10"/>
    </row>
    <row r="578469" spans="14:14">
      <c r="N578469" s="10"/>
    </row>
    <row r="578470" spans="14:14">
      <c r="N578470" s="10"/>
    </row>
    <row r="578471" spans="14:14">
      <c r="N578471" s="10"/>
    </row>
    <row r="578472" spans="14:14">
      <c r="N578472" s="10"/>
    </row>
    <row r="578473" spans="14:14">
      <c r="N578473" s="10"/>
    </row>
    <row r="578474" spans="14:14">
      <c r="N578474" s="10"/>
    </row>
    <row r="578475" spans="14:14">
      <c r="N578475" s="10"/>
    </row>
    <row r="578476" spans="14:14">
      <c r="N578476" s="10"/>
    </row>
    <row r="578477" spans="14:14">
      <c r="N578477" s="10"/>
    </row>
    <row r="578478" spans="14:14">
      <c r="N578478" s="10"/>
    </row>
    <row r="578479" spans="14:14">
      <c r="N578479" s="10"/>
    </row>
    <row r="578480" spans="14:14">
      <c r="N578480" s="10"/>
    </row>
    <row r="578481" spans="14:14">
      <c r="N578481" s="10"/>
    </row>
    <row r="578482" spans="14:14">
      <c r="N578482" s="10"/>
    </row>
    <row r="578483" spans="14:14">
      <c r="N578483" s="10"/>
    </row>
    <row r="578484" spans="14:14">
      <c r="N578484" s="10"/>
    </row>
    <row r="578485" spans="14:14">
      <c r="N578485" s="10"/>
    </row>
    <row r="578486" spans="14:14">
      <c r="N578486" s="10"/>
    </row>
    <row r="578487" spans="14:14">
      <c r="N578487" s="10"/>
    </row>
    <row r="578488" spans="14:14">
      <c r="N578488" s="10"/>
    </row>
    <row r="578489" spans="14:14">
      <c r="N578489" s="10"/>
    </row>
    <row r="578490" spans="14:14">
      <c r="N578490" s="10"/>
    </row>
    <row r="578491" spans="14:14">
      <c r="N578491" s="10"/>
    </row>
    <row r="578492" spans="14:14">
      <c r="N578492" s="10"/>
    </row>
    <row r="578493" spans="14:14">
      <c r="N578493" s="10"/>
    </row>
    <row r="578494" spans="14:14">
      <c r="N578494" s="10"/>
    </row>
    <row r="578495" spans="14:14">
      <c r="N578495" s="10"/>
    </row>
    <row r="578496" spans="14:14">
      <c r="N578496" s="10"/>
    </row>
    <row r="578497" spans="14:14">
      <c r="N578497" s="10"/>
    </row>
    <row r="578498" spans="14:14">
      <c r="N578498" s="10"/>
    </row>
    <row r="578499" spans="14:14">
      <c r="N578499" s="10"/>
    </row>
    <row r="578500" spans="14:14">
      <c r="N578500" s="10"/>
    </row>
    <row r="578501" spans="14:14">
      <c r="N578501" s="10"/>
    </row>
    <row r="578502" spans="14:14">
      <c r="N578502" s="10"/>
    </row>
    <row r="578503" spans="14:14">
      <c r="N578503" s="10"/>
    </row>
    <row r="578504" spans="14:14">
      <c r="N578504" s="10"/>
    </row>
    <row r="578505" spans="14:14">
      <c r="N578505" s="10"/>
    </row>
    <row r="578506" spans="14:14">
      <c r="N578506" s="10"/>
    </row>
    <row r="578507" spans="14:14">
      <c r="N578507" s="10"/>
    </row>
    <row r="578508" spans="14:14">
      <c r="N578508" s="10"/>
    </row>
    <row r="578509" spans="14:14">
      <c r="N578509" s="10"/>
    </row>
    <row r="578510" spans="14:14">
      <c r="N578510" s="10"/>
    </row>
    <row r="578511" spans="14:14">
      <c r="N578511" s="10"/>
    </row>
    <row r="578512" spans="14:14">
      <c r="N578512" s="10"/>
    </row>
    <row r="578513" spans="14:14">
      <c r="N578513" s="10"/>
    </row>
    <row r="578514" spans="14:14">
      <c r="N578514" s="10"/>
    </row>
    <row r="578515" spans="14:14">
      <c r="N578515" s="10"/>
    </row>
    <row r="578516" spans="14:14">
      <c r="N578516" s="10"/>
    </row>
    <row r="578517" spans="14:14">
      <c r="N578517" s="10"/>
    </row>
    <row r="578518" spans="14:14">
      <c r="N578518" s="10"/>
    </row>
    <row r="578519" spans="14:14">
      <c r="N578519" s="10"/>
    </row>
    <row r="578520" spans="14:14">
      <c r="N578520" s="10"/>
    </row>
    <row r="578521" spans="14:14">
      <c r="N578521" s="10"/>
    </row>
    <row r="578522" spans="14:14">
      <c r="N578522" s="10"/>
    </row>
    <row r="578523" spans="14:14">
      <c r="N578523" s="10"/>
    </row>
    <row r="578524" spans="14:14">
      <c r="N578524" s="10"/>
    </row>
    <row r="578525" spans="14:14">
      <c r="N578525" s="10"/>
    </row>
    <row r="578526" spans="14:14">
      <c r="N578526" s="10"/>
    </row>
    <row r="578527" spans="14:14">
      <c r="N578527" s="10"/>
    </row>
    <row r="578528" spans="14:14">
      <c r="N578528" s="10"/>
    </row>
    <row r="578529" spans="14:14">
      <c r="N578529" s="10"/>
    </row>
    <row r="578530" spans="14:14">
      <c r="N578530" s="10"/>
    </row>
    <row r="578531" spans="14:14">
      <c r="N578531" s="10"/>
    </row>
    <row r="578532" spans="14:14">
      <c r="N578532" s="10"/>
    </row>
    <row r="578533" spans="14:14">
      <c r="N578533" s="10"/>
    </row>
    <row r="578534" spans="14:14">
      <c r="N578534" s="10"/>
    </row>
    <row r="578535" spans="14:14">
      <c r="N578535" s="10"/>
    </row>
    <row r="578536" spans="14:14">
      <c r="N578536" s="10"/>
    </row>
    <row r="578537" spans="14:14">
      <c r="N578537" s="10"/>
    </row>
    <row r="578538" spans="14:14">
      <c r="N578538" s="10"/>
    </row>
    <row r="578539" spans="14:14">
      <c r="N578539" s="10"/>
    </row>
    <row r="578540" spans="14:14">
      <c r="N578540" s="10"/>
    </row>
    <row r="578541" spans="14:14">
      <c r="N578541" s="10"/>
    </row>
    <row r="578542" spans="14:14">
      <c r="N578542" s="10"/>
    </row>
    <row r="578543" spans="14:14">
      <c r="N578543" s="10"/>
    </row>
    <row r="578544" spans="14:14">
      <c r="N578544" s="10"/>
    </row>
    <row r="578545" spans="14:14">
      <c r="N578545" s="10"/>
    </row>
    <row r="578546" spans="14:14">
      <c r="N578546" s="10"/>
    </row>
    <row r="578547" spans="14:14">
      <c r="N578547" s="10"/>
    </row>
    <row r="578548" spans="14:14">
      <c r="N578548" s="10"/>
    </row>
    <row r="578549" spans="14:14">
      <c r="N578549" s="10"/>
    </row>
    <row r="578550" spans="14:14">
      <c r="N578550" s="10"/>
    </row>
    <row r="578551" spans="14:14">
      <c r="N578551" s="10"/>
    </row>
    <row r="578552" spans="14:14">
      <c r="N578552" s="10"/>
    </row>
    <row r="578553" spans="14:14">
      <c r="N578553" s="10"/>
    </row>
    <row r="578554" spans="14:14">
      <c r="N578554" s="10"/>
    </row>
    <row r="578555" spans="14:14">
      <c r="N578555" s="10"/>
    </row>
    <row r="578556" spans="14:14">
      <c r="N578556" s="10"/>
    </row>
    <row r="578557" spans="14:14">
      <c r="N578557" s="10"/>
    </row>
    <row r="578558" spans="14:14">
      <c r="N578558" s="10"/>
    </row>
    <row r="578559" spans="14:14">
      <c r="N578559" s="10"/>
    </row>
    <row r="578560" spans="14:14">
      <c r="N578560" s="10"/>
    </row>
    <row r="578561" spans="14:14">
      <c r="N578561" s="10"/>
    </row>
    <row r="578562" spans="14:14">
      <c r="N578562" s="10"/>
    </row>
    <row r="578563" spans="14:14">
      <c r="N578563" s="10"/>
    </row>
    <row r="578564" spans="14:14">
      <c r="N578564" s="10"/>
    </row>
    <row r="578565" spans="14:14">
      <c r="N578565" s="10"/>
    </row>
    <row r="578566" spans="14:14">
      <c r="N578566" s="10"/>
    </row>
    <row r="578567" spans="14:14">
      <c r="N578567" s="10"/>
    </row>
    <row r="578568" spans="14:14">
      <c r="N578568" s="10"/>
    </row>
    <row r="578569" spans="14:14">
      <c r="N578569" s="10"/>
    </row>
    <row r="578570" spans="14:14">
      <c r="N578570" s="10"/>
    </row>
    <row r="578571" spans="14:14">
      <c r="N578571" s="10"/>
    </row>
    <row r="578572" spans="14:14">
      <c r="N578572" s="10"/>
    </row>
    <row r="578573" spans="14:14">
      <c r="N578573" s="10"/>
    </row>
    <row r="578574" spans="14:14">
      <c r="N578574" s="10"/>
    </row>
    <row r="578575" spans="14:14">
      <c r="N578575" s="10"/>
    </row>
    <row r="578576" spans="14:14">
      <c r="N578576" s="10"/>
    </row>
    <row r="578577" spans="14:14">
      <c r="N578577" s="10"/>
    </row>
    <row r="578578" spans="14:14">
      <c r="N578578" s="10"/>
    </row>
    <row r="578579" spans="14:14">
      <c r="N578579" s="10"/>
    </row>
    <row r="578580" spans="14:14">
      <c r="N578580" s="10"/>
    </row>
    <row r="578581" spans="14:14">
      <c r="N578581" s="10"/>
    </row>
    <row r="578582" spans="14:14">
      <c r="N578582" s="10"/>
    </row>
    <row r="578583" spans="14:14">
      <c r="N578583" s="10"/>
    </row>
    <row r="578584" spans="14:14">
      <c r="N578584" s="10"/>
    </row>
    <row r="578585" spans="14:14">
      <c r="N578585" s="10"/>
    </row>
    <row r="578586" spans="14:14">
      <c r="N578586" s="10"/>
    </row>
    <row r="578587" spans="14:14">
      <c r="N578587" s="10"/>
    </row>
    <row r="578588" spans="14:14">
      <c r="N578588" s="10"/>
    </row>
    <row r="578589" spans="14:14">
      <c r="N578589" s="10"/>
    </row>
    <row r="578590" spans="14:14">
      <c r="N578590" s="10"/>
    </row>
    <row r="578591" spans="14:14">
      <c r="N578591" s="10"/>
    </row>
    <row r="578592" spans="14:14">
      <c r="N578592" s="10"/>
    </row>
    <row r="578593" spans="14:14">
      <c r="N578593" s="10"/>
    </row>
    <row r="578594" spans="14:14">
      <c r="N578594" s="10"/>
    </row>
    <row r="578595" spans="14:14">
      <c r="N578595" s="10"/>
    </row>
    <row r="578596" spans="14:14">
      <c r="N578596" s="10"/>
    </row>
    <row r="578597" spans="14:14">
      <c r="N578597" s="10"/>
    </row>
    <row r="578598" spans="14:14">
      <c r="N578598" s="10"/>
    </row>
    <row r="578599" spans="14:14">
      <c r="N578599" s="10"/>
    </row>
    <row r="578600" spans="14:14">
      <c r="N578600" s="10"/>
    </row>
    <row r="578601" spans="14:14">
      <c r="N578601" s="10"/>
    </row>
    <row r="578602" spans="14:14">
      <c r="N578602" s="10"/>
    </row>
    <row r="578603" spans="14:14">
      <c r="N578603" s="10"/>
    </row>
    <row r="578604" spans="14:14">
      <c r="N578604" s="10"/>
    </row>
    <row r="578605" spans="14:14">
      <c r="N578605" s="10"/>
    </row>
    <row r="578606" spans="14:14">
      <c r="N578606" s="10"/>
    </row>
    <row r="578607" spans="14:14">
      <c r="N578607" s="10"/>
    </row>
    <row r="578608" spans="14:14">
      <c r="N578608" s="10"/>
    </row>
    <row r="578609" spans="14:14">
      <c r="N578609" s="10"/>
    </row>
    <row r="578610" spans="14:14">
      <c r="N578610" s="10"/>
    </row>
    <row r="578611" spans="14:14">
      <c r="N578611" s="10"/>
    </row>
    <row r="578612" spans="14:14">
      <c r="N578612" s="10"/>
    </row>
    <row r="578613" spans="14:14">
      <c r="N578613" s="10"/>
    </row>
    <row r="578614" spans="14:14">
      <c r="N578614" s="10"/>
    </row>
    <row r="578615" spans="14:14">
      <c r="N578615" s="10"/>
    </row>
    <row r="578616" spans="14:14">
      <c r="N578616" s="10"/>
    </row>
    <row r="578617" spans="14:14">
      <c r="N578617" s="10"/>
    </row>
    <row r="578618" spans="14:14">
      <c r="N578618" s="10"/>
    </row>
    <row r="578619" spans="14:14">
      <c r="N578619" s="10"/>
    </row>
    <row r="578620" spans="14:14">
      <c r="N578620" s="10"/>
    </row>
    <row r="578621" spans="14:14">
      <c r="N578621" s="10"/>
    </row>
    <row r="578622" spans="14:14">
      <c r="N578622" s="10"/>
    </row>
    <row r="578623" spans="14:14">
      <c r="N578623" s="10"/>
    </row>
    <row r="578624" spans="14:14">
      <c r="N578624" s="10"/>
    </row>
    <row r="578625" spans="14:14">
      <c r="N578625" s="10"/>
    </row>
    <row r="578626" spans="14:14">
      <c r="N578626" s="10"/>
    </row>
    <row r="578627" spans="14:14">
      <c r="N578627" s="10"/>
    </row>
    <row r="578628" spans="14:14">
      <c r="N578628" s="10"/>
    </row>
    <row r="578629" spans="14:14">
      <c r="N578629" s="10"/>
    </row>
    <row r="578630" spans="14:14">
      <c r="N578630" s="10"/>
    </row>
    <row r="578631" spans="14:14">
      <c r="N578631" s="10"/>
    </row>
    <row r="578632" spans="14:14">
      <c r="N578632" s="10"/>
    </row>
    <row r="578633" spans="14:14">
      <c r="N578633" s="10"/>
    </row>
    <row r="578634" spans="14:14">
      <c r="N578634" s="10"/>
    </row>
    <row r="578635" spans="14:14">
      <c r="N578635" s="10"/>
    </row>
    <row r="578636" spans="14:14">
      <c r="N578636" s="10"/>
    </row>
    <row r="578637" spans="14:14">
      <c r="N578637" s="10"/>
    </row>
    <row r="578638" spans="14:14">
      <c r="N578638" s="10"/>
    </row>
    <row r="578639" spans="14:14">
      <c r="N578639" s="10"/>
    </row>
    <row r="578640" spans="14:14">
      <c r="N578640" s="10"/>
    </row>
    <row r="578641" spans="14:14">
      <c r="N578641" s="10"/>
    </row>
    <row r="578642" spans="14:14">
      <c r="N578642" s="10"/>
    </row>
    <row r="578643" spans="14:14">
      <c r="N578643" s="10"/>
    </row>
    <row r="578644" spans="14:14">
      <c r="N578644" s="10"/>
    </row>
    <row r="578645" spans="14:14">
      <c r="N578645" s="10"/>
    </row>
    <row r="578646" spans="14:14">
      <c r="N578646" s="10"/>
    </row>
    <row r="578647" spans="14:14">
      <c r="N578647" s="10"/>
    </row>
    <row r="578648" spans="14:14">
      <c r="N578648" s="10"/>
    </row>
    <row r="578649" spans="14:14">
      <c r="N578649" s="10"/>
    </row>
    <row r="578650" spans="14:14">
      <c r="N578650" s="10"/>
    </row>
    <row r="578651" spans="14:14">
      <c r="N578651" s="10"/>
    </row>
    <row r="578652" spans="14:14">
      <c r="N578652" s="10"/>
    </row>
    <row r="578653" spans="14:14">
      <c r="N578653" s="10"/>
    </row>
    <row r="578654" spans="14:14">
      <c r="N578654" s="10"/>
    </row>
    <row r="578655" spans="14:14">
      <c r="N578655" s="10"/>
    </row>
    <row r="578656" spans="14:14">
      <c r="N578656" s="10"/>
    </row>
    <row r="578657" spans="14:14">
      <c r="N578657" s="10"/>
    </row>
    <row r="578658" spans="14:14">
      <c r="N578658" s="10"/>
    </row>
    <row r="578659" spans="14:14">
      <c r="N578659" s="10"/>
    </row>
    <row r="578660" spans="14:14">
      <c r="N578660" s="10"/>
    </row>
    <row r="578661" spans="14:14">
      <c r="N578661" s="10"/>
    </row>
    <row r="578662" spans="14:14">
      <c r="N578662" s="10"/>
    </row>
    <row r="578663" spans="14:14">
      <c r="N578663" s="10"/>
    </row>
    <row r="578664" spans="14:14">
      <c r="N578664" s="10"/>
    </row>
    <row r="578665" spans="14:14">
      <c r="N578665" s="10"/>
    </row>
    <row r="578666" spans="14:14">
      <c r="N578666" s="10"/>
    </row>
    <row r="578667" spans="14:14">
      <c r="N578667" s="10"/>
    </row>
    <row r="578668" spans="14:14">
      <c r="N578668" s="10"/>
    </row>
    <row r="578669" spans="14:14">
      <c r="N578669" s="10"/>
    </row>
    <row r="578670" spans="14:14">
      <c r="N578670" s="10"/>
    </row>
    <row r="578671" spans="14:14">
      <c r="N578671" s="10"/>
    </row>
    <row r="578672" spans="14:14">
      <c r="N578672" s="10"/>
    </row>
    <row r="578673" spans="14:14">
      <c r="N578673" s="10"/>
    </row>
    <row r="578674" spans="14:14">
      <c r="N578674" s="10"/>
    </row>
    <row r="578675" spans="14:14">
      <c r="N578675" s="10"/>
    </row>
    <row r="578676" spans="14:14">
      <c r="N578676" s="10"/>
    </row>
    <row r="578677" spans="14:14">
      <c r="N578677" s="10"/>
    </row>
    <row r="578678" spans="14:14">
      <c r="N578678" s="10"/>
    </row>
    <row r="578679" spans="14:14">
      <c r="N578679" s="10"/>
    </row>
    <row r="578680" spans="14:14">
      <c r="N578680" s="10"/>
    </row>
    <row r="578681" spans="14:14">
      <c r="N578681" s="10"/>
    </row>
    <row r="578682" spans="14:14">
      <c r="N578682" s="10"/>
    </row>
    <row r="578683" spans="14:14">
      <c r="N578683" s="10"/>
    </row>
    <row r="578684" spans="14:14">
      <c r="N578684" s="10"/>
    </row>
    <row r="578685" spans="14:14">
      <c r="N578685" s="10"/>
    </row>
    <row r="578686" spans="14:14">
      <c r="N578686" s="10"/>
    </row>
    <row r="578687" spans="14:14">
      <c r="N578687" s="10"/>
    </row>
    <row r="578688" spans="14:14">
      <c r="N578688" s="10"/>
    </row>
    <row r="578689" spans="14:14">
      <c r="N578689" s="10"/>
    </row>
    <row r="578690" spans="14:14">
      <c r="N578690" s="10"/>
    </row>
    <row r="578691" spans="14:14">
      <c r="N578691" s="10"/>
    </row>
    <row r="578692" spans="14:14">
      <c r="N578692" s="10"/>
    </row>
    <row r="578693" spans="14:14">
      <c r="N578693" s="10"/>
    </row>
    <row r="578694" spans="14:14">
      <c r="N578694" s="10"/>
    </row>
    <row r="578695" spans="14:14">
      <c r="N578695" s="10"/>
    </row>
    <row r="578696" spans="14:14">
      <c r="N578696" s="10"/>
    </row>
    <row r="578697" spans="14:14">
      <c r="N578697" s="10"/>
    </row>
    <row r="578698" spans="14:14">
      <c r="N578698" s="10"/>
    </row>
    <row r="578699" spans="14:14">
      <c r="N578699" s="10"/>
    </row>
    <row r="578700" spans="14:14">
      <c r="N578700" s="10"/>
    </row>
    <row r="578701" spans="14:14">
      <c r="N578701" s="10"/>
    </row>
    <row r="578702" spans="14:14">
      <c r="N578702" s="10"/>
    </row>
    <row r="578703" spans="14:14">
      <c r="N578703" s="10"/>
    </row>
    <row r="578704" spans="14:14">
      <c r="N578704" s="10"/>
    </row>
    <row r="578705" spans="14:14">
      <c r="N578705" s="10"/>
    </row>
    <row r="578706" spans="14:14">
      <c r="N578706" s="10"/>
    </row>
    <row r="578707" spans="14:14">
      <c r="N578707" s="10"/>
    </row>
    <row r="578708" spans="14:14">
      <c r="N578708" s="10"/>
    </row>
    <row r="578709" spans="14:14">
      <c r="N578709" s="10"/>
    </row>
    <row r="578710" spans="14:14">
      <c r="N578710" s="10"/>
    </row>
    <row r="578711" spans="14:14">
      <c r="N578711" s="10"/>
    </row>
    <row r="578712" spans="14:14">
      <c r="N578712" s="10"/>
    </row>
    <row r="578713" spans="14:14">
      <c r="N578713" s="10"/>
    </row>
    <row r="578714" spans="14:14">
      <c r="N578714" s="10"/>
    </row>
    <row r="578715" spans="14:14">
      <c r="N578715" s="10"/>
    </row>
    <row r="578716" spans="14:14">
      <c r="N578716" s="10"/>
    </row>
    <row r="578717" spans="14:14">
      <c r="N578717" s="10"/>
    </row>
    <row r="578718" spans="14:14">
      <c r="N578718" s="10"/>
    </row>
    <row r="578719" spans="14:14">
      <c r="N578719" s="10"/>
    </row>
    <row r="578720" spans="14:14">
      <c r="N578720" s="10"/>
    </row>
    <row r="578721" spans="14:14">
      <c r="N578721" s="10"/>
    </row>
    <row r="578722" spans="14:14">
      <c r="N578722" s="10"/>
    </row>
    <row r="578723" spans="14:14">
      <c r="N578723" s="10"/>
    </row>
    <row r="578724" spans="14:14">
      <c r="N578724" s="10"/>
    </row>
    <row r="578725" spans="14:14">
      <c r="N578725" s="10"/>
    </row>
    <row r="578726" spans="14:14">
      <c r="N578726" s="10"/>
    </row>
    <row r="578727" spans="14:14">
      <c r="N578727" s="10"/>
    </row>
    <row r="578728" spans="14:14">
      <c r="N578728" s="10"/>
    </row>
    <row r="578729" spans="14:14">
      <c r="N578729" s="10"/>
    </row>
    <row r="578730" spans="14:14">
      <c r="N578730" s="10"/>
    </row>
    <row r="578731" spans="14:14">
      <c r="N578731" s="10"/>
    </row>
    <row r="578732" spans="14:14">
      <c r="N578732" s="10"/>
    </row>
    <row r="578733" spans="14:14">
      <c r="N578733" s="10"/>
    </row>
    <row r="578734" spans="14:14">
      <c r="N578734" s="10"/>
    </row>
    <row r="578735" spans="14:14">
      <c r="N578735" s="10"/>
    </row>
    <row r="578736" spans="14:14">
      <c r="N578736" s="10"/>
    </row>
    <row r="578737" spans="14:14">
      <c r="N578737" s="10"/>
    </row>
    <row r="578738" spans="14:14">
      <c r="N578738" s="10"/>
    </row>
    <row r="578739" spans="14:14">
      <c r="N578739" s="10"/>
    </row>
    <row r="578740" spans="14:14">
      <c r="N578740" s="10"/>
    </row>
    <row r="578741" spans="14:14">
      <c r="N578741" s="10"/>
    </row>
    <row r="578742" spans="14:14">
      <c r="N578742" s="10"/>
    </row>
    <row r="578743" spans="14:14">
      <c r="N578743" s="10"/>
    </row>
    <row r="578744" spans="14:14">
      <c r="N578744" s="10"/>
    </row>
    <row r="578745" spans="14:14">
      <c r="N578745" s="10"/>
    </row>
    <row r="578746" spans="14:14">
      <c r="N578746" s="10"/>
    </row>
    <row r="578747" spans="14:14">
      <c r="N578747" s="10"/>
    </row>
    <row r="578748" spans="14:14">
      <c r="N578748" s="10"/>
    </row>
    <row r="578749" spans="14:14">
      <c r="N578749" s="10"/>
    </row>
    <row r="578750" spans="14:14">
      <c r="N578750" s="10"/>
    </row>
    <row r="578751" spans="14:14">
      <c r="N578751" s="10"/>
    </row>
    <row r="578752" spans="14:14">
      <c r="N578752" s="10"/>
    </row>
    <row r="578753" spans="14:14">
      <c r="N578753" s="10"/>
    </row>
    <row r="578754" spans="14:14">
      <c r="N578754" s="10"/>
    </row>
    <row r="578755" spans="14:14">
      <c r="N578755" s="10"/>
    </row>
    <row r="578756" spans="14:14">
      <c r="N578756" s="10"/>
    </row>
    <row r="578757" spans="14:14">
      <c r="N578757" s="10"/>
    </row>
    <row r="578758" spans="14:14">
      <c r="N578758" s="10"/>
    </row>
    <row r="578759" spans="14:14">
      <c r="N578759" s="10"/>
    </row>
    <row r="578760" spans="14:14">
      <c r="N578760" s="10"/>
    </row>
    <row r="578761" spans="14:14">
      <c r="N578761" s="10"/>
    </row>
    <row r="578762" spans="14:14">
      <c r="N578762" s="10"/>
    </row>
    <row r="578763" spans="14:14">
      <c r="N578763" s="10"/>
    </row>
    <row r="578764" spans="14:14">
      <c r="N578764" s="10"/>
    </row>
    <row r="578765" spans="14:14">
      <c r="N578765" s="10"/>
    </row>
    <row r="578766" spans="14:14">
      <c r="N578766" s="10"/>
    </row>
    <row r="578767" spans="14:14">
      <c r="N578767" s="10"/>
    </row>
    <row r="578768" spans="14:14">
      <c r="N578768" s="10"/>
    </row>
    <row r="578769" spans="14:14">
      <c r="N578769" s="10"/>
    </row>
    <row r="578770" spans="14:14">
      <c r="N578770" s="10"/>
    </row>
    <row r="578771" spans="14:14">
      <c r="N578771" s="10"/>
    </row>
    <row r="578772" spans="14:14">
      <c r="N578772" s="10"/>
    </row>
    <row r="578773" spans="14:14">
      <c r="N578773" s="10"/>
    </row>
    <row r="578774" spans="14:14">
      <c r="N578774" s="10"/>
    </row>
    <row r="578775" spans="14:14">
      <c r="N578775" s="10"/>
    </row>
    <row r="578776" spans="14:14">
      <c r="N578776" s="10"/>
    </row>
    <row r="578777" spans="14:14">
      <c r="N578777" s="10"/>
    </row>
    <row r="578778" spans="14:14">
      <c r="N578778" s="10"/>
    </row>
    <row r="578779" spans="14:14">
      <c r="N578779" s="10"/>
    </row>
    <row r="578780" spans="14:14">
      <c r="N578780" s="10"/>
    </row>
    <row r="578781" spans="14:14">
      <c r="N578781" s="10"/>
    </row>
    <row r="578782" spans="14:14">
      <c r="N578782" s="10"/>
    </row>
    <row r="578783" spans="14:14">
      <c r="N578783" s="10"/>
    </row>
    <row r="578784" spans="14:14">
      <c r="N578784" s="10"/>
    </row>
    <row r="578785" spans="14:14">
      <c r="N578785" s="10"/>
    </row>
    <row r="578786" spans="14:14">
      <c r="N578786" s="10"/>
    </row>
    <row r="578787" spans="14:14">
      <c r="N578787" s="10"/>
    </row>
    <row r="578788" spans="14:14">
      <c r="N578788" s="10"/>
    </row>
    <row r="578789" spans="14:14">
      <c r="N578789" s="10"/>
    </row>
    <row r="578790" spans="14:14">
      <c r="N578790" s="10"/>
    </row>
    <row r="578791" spans="14:14">
      <c r="N578791" s="10"/>
    </row>
    <row r="578792" spans="14:14">
      <c r="N578792" s="10"/>
    </row>
    <row r="578793" spans="14:14">
      <c r="N578793" s="10"/>
    </row>
    <row r="578794" spans="14:14">
      <c r="N578794" s="10"/>
    </row>
    <row r="578795" spans="14:14">
      <c r="N578795" s="10"/>
    </row>
    <row r="578796" spans="14:14">
      <c r="N578796" s="10"/>
    </row>
    <row r="578797" spans="14:14">
      <c r="N578797" s="10"/>
    </row>
    <row r="578798" spans="14:14">
      <c r="N578798" s="10"/>
    </row>
    <row r="578799" spans="14:14">
      <c r="N578799" s="10"/>
    </row>
    <row r="578800" spans="14:14">
      <c r="N578800" s="10"/>
    </row>
    <row r="578801" spans="14:14">
      <c r="N578801" s="10"/>
    </row>
    <row r="578802" spans="14:14">
      <c r="N578802" s="10"/>
    </row>
    <row r="578803" spans="14:14">
      <c r="N578803" s="10"/>
    </row>
    <row r="578804" spans="14:14">
      <c r="N578804" s="10"/>
    </row>
    <row r="578805" spans="14:14">
      <c r="N578805" s="10"/>
    </row>
    <row r="578806" spans="14:14">
      <c r="N578806" s="10"/>
    </row>
    <row r="578807" spans="14:14">
      <c r="N578807" s="10"/>
    </row>
    <row r="578808" spans="14:14">
      <c r="N578808" s="10"/>
    </row>
    <row r="578809" spans="14:14">
      <c r="N578809" s="10"/>
    </row>
    <row r="578810" spans="14:14">
      <c r="N578810" s="10"/>
    </row>
    <row r="578811" spans="14:14">
      <c r="N578811" s="10"/>
    </row>
    <row r="578812" spans="14:14">
      <c r="N578812" s="10"/>
    </row>
    <row r="578813" spans="14:14">
      <c r="N578813" s="10"/>
    </row>
    <row r="578814" spans="14:14">
      <c r="N578814" s="10"/>
    </row>
    <row r="578815" spans="14:14">
      <c r="N578815" s="10"/>
    </row>
    <row r="578816" spans="14:14">
      <c r="N578816" s="10"/>
    </row>
    <row r="578817" spans="14:14">
      <c r="N578817" s="10"/>
    </row>
    <row r="578818" spans="14:14">
      <c r="N578818" s="10"/>
    </row>
    <row r="578819" spans="14:14">
      <c r="N578819" s="10"/>
    </row>
    <row r="578820" spans="14:14">
      <c r="N578820" s="10"/>
    </row>
    <row r="578821" spans="14:14">
      <c r="N578821" s="10"/>
    </row>
    <row r="578822" spans="14:14">
      <c r="N578822" s="10"/>
    </row>
    <row r="578823" spans="14:14">
      <c r="N578823" s="10"/>
    </row>
    <row r="578824" spans="14:14">
      <c r="N578824" s="10"/>
    </row>
    <row r="578825" spans="14:14">
      <c r="N578825" s="10"/>
    </row>
    <row r="578826" spans="14:14">
      <c r="N578826" s="10"/>
    </row>
    <row r="578827" spans="14:14">
      <c r="N578827" s="10"/>
    </row>
    <row r="578828" spans="14:14">
      <c r="N578828" s="10"/>
    </row>
    <row r="578829" spans="14:14">
      <c r="N578829" s="10"/>
    </row>
    <row r="578830" spans="14:14">
      <c r="N578830" s="10"/>
    </row>
    <row r="578831" spans="14:14">
      <c r="N578831" s="10"/>
    </row>
    <row r="578832" spans="14:14">
      <c r="N578832" s="10"/>
    </row>
    <row r="578833" spans="14:14">
      <c r="N578833" s="10"/>
    </row>
    <row r="578834" spans="14:14">
      <c r="N578834" s="10"/>
    </row>
    <row r="578835" spans="14:14">
      <c r="N578835" s="10"/>
    </row>
    <row r="578836" spans="14:14">
      <c r="N578836" s="10"/>
    </row>
    <row r="578837" spans="14:14">
      <c r="N578837" s="10"/>
    </row>
    <row r="578838" spans="14:14">
      <c r="N578838" s="10"/>
    </row>
    <row r="578839" spans="14:14">
      <c r="N578839" s="10"/>
    </row>
    <row r="578840" spans="14:14">
      <c r="N578840" s="10"/>
    </row>
    <row r="578841" spans="14:14">
      <c r="N578841" s="10"/>
    </row>
    <row r="578842" spans="14:14">
      <c r="N578842" s="10"/>
    </row>
    <row r="578843" spans="14:14">
      <c r="N578843" s="10"/>
    </row>
    <row r="578844" spans="14:14">
      <c r="N578844" s="10"/>
    </row>
    <row r="578845" spans="14:14">
      <c r="N578845" s="10"/>
    </row>
    <row r="578846" spans="14:14">
      <c r="N578846" s="10"/>
    </row>
    <row r="578847" spans="14:14">
      <c r="N578847" s="10"/>
    </row>
    <row r="578848" spans="14:14">
      <c r="N578848" s="10"/>
    </row>
    <row r="578849" spans="14:14">
      <c r="N578849" s="10"/>
    </row>
    <row r="578850" spans="14:14">
      <c r="N578850" s="10"/>
    </row>
    <row r="578851" spans="14:14">
      <c r="N578851" s="10"/>
    </row>
    <row r="578852" spans="14:14">
      <c r="N578852" s="10"/>
    </row>
    <row r="578853" spans="14:14">
      <c r="N578853" s="10"/>
    </row>
    <row r="578854" spans="14:14">
      <c r="N578854" s="10"/>
    </row>
    <row r="578855" spans="14:14">
      <c r="N578855" s="10"/>
    </row>
    <row r="578856" spans="14:14">
      <c r="N578856" s="10"/>
    </row>
    <row r="578857" spans="14:14">
      <c r="N578857" s="10"/>
    </row>
    <row r="578858" spans="14:14">
      <c r="N578858" s="10"/>
    </row>
    <row r="578859" spans="14:14">
      <c r="N578859" s="10"/>
    </row>
    <row r="578860" spans="14:14">
      <c r="N578860" s="10"/>
    </row>
    <row r="578861" spans="14:14">
      <c r="N578861" s="10"/>
    </row>
    <row r="578862" spans="14:14">
      <c r="N578862" s="10"/>
    </row>
    <row r="578863" spans="14:14">
      <c r="N578863" s="10"/>
    </row>
    <row r="578864" spans="14:14">
      <c r="N578864" s="10"/>
    </row>
    <row r="578865" spans="14:14">
      <c r="N578865" s="10"/>
    </row>
    <row r="578866" spans="14:14">
      <c r="N578866" s="10"/>
    </row>
    <row r="578867" spans="14:14">
      <c r="N578867" s="10"/>
    </row>
    <row r="578868" spans="14:14">
      <c r="N578868" s="10"/>
    </row>
    <row r="578869" spans="14:14">
      <c r="N578869" s="10"/>
    </row>
    <row r="578870" spans="14:14">
      <c r="N578870" s="10"/>
    </row>
    <row r="578871" spans="14:14">
      <c r="N578871" s="10"/>
    </row>
    <row r="578872" spans="14:14">
      <c r="N578872" s="10"/>
    </row>
    <row r="578873" spans="14:14">
      <c r="N578873" s="10"/>
    </row>
    <row r="578874" spans="14:14">
      <c r="N578874" s="10"/>
    </row>
    <row r="578875" spans="14:14">
      <c r="N578875" s="10"/>
    </row>
    <row r="578876" spans="14:14">
      <c r="N578876" s="10"/>
    </row>
    <row r="578877" spans="14:14">
      <c r="N578877" s="10"/>
    </row>
    <row r="578878" spans="14:14">
      <c r="N578878" s="10"/>
    </row>
    <row r="578879" spans="14:14">
      <c r="N578879" s="10"/>
    </row>
    <row r="578880" spans="14:14">
      <c r="N578880" s="10"/>
    </row>
    <row r="578881" spans="14:14">
      <c r="N578881" s="10"/>
    </row>
    <row r="578882" spans="14:14">
      <c r="N578882" s="10"/>
    </row>
    <row r="578883" spans="14:14">
      <c r="N578883" s="10"/>
    </row>
    <row r="578884" spans="14:14">
      <c r="N578884" s="10"/>
    </row>
    <row r="578885" spans="14:14">
      <c r="N578885" s="10"/>
    </row>
    <row r="578886" spans="14:14">
      <c r="N578886" s="10"/>
    </row>
    <row r="578887" spans="14:14">
      <c r="N578887" s="10"/>
    </row>
    <row r="578888" spans="14:14">
      <c r="N578888" s="10"/>
    </row>
    <row r="578889" spans="14:14">
      <c r="N578889" s="10"/>
    </row>
    <row r="578890" spans="14:14">
      <c r="N578890" s="10"/>
    </row>
    <row r="578891" spans="14:14">
      <c r="N578891" s="10"/>
    </row>
    <row r="578892" spans="14:14">
      <c r="N578892" s="10"/>
    </row>
    <row r="578893" spans="14:14">
      <c r="N578893" s="10"/>
    </row>
    <row r="578894" spans="14:14">
      <c r="N578894" s="10"/>
    </row>
    <row r="578895" spans="14:14">
      <c r="N578895" s="10"/>
    </row>
    <row r="578896" spans="14:14">
      <c r="N578896" s="10"/>
    </row>
    <row r="578897" spans="14:14">
      <c r="N578897" s="10"/>
    </row>
    <row r="578898" spans="14:14">
      <c r="N578898" s="10"/>
    </row>
    <row r="578899" spans="14:14">
      <c r="N578899" s="10"/>
    </row>
    <row r="578900" spans="14:14">
      <c r="N578900" s="10"/>
    </row>
    <row r="578901" spans="14:14">
      <c r="N578901" s="10"/>
    </row>
    <row r="578902" spans="14:14">
      <c r="N578902" s="10"/>
    </row>
    <row r="578903" spans="14:14">
      <c r="N578903" s="10"/>
    </row>
    <row r="578904" spans="14:14">
      <c r="N578904" s="10"/>
    </row>
    <row r="578905" spans="14:14">
      <c r="N578905" s="10"/>
    </row>
    <row r="578906" spans="14:14">
      <c r="N578906" s="10"/>
    </row>
    <row r="578907" spans="14:14">
      <c r="N578907" s="10"/>
    </row>
    <row r="578908" spans="14:14">
      <c r="N578908" s="10"/>
    </row>
    <row r="578909" spans="14:14">
      <c r="N578909" s="10"/>
    </row>
    <row r="578910" spans="14:14">
      <c r="N578910" s="10"/>
    </row>
    <row r="578911" spans="14:14">
      <c r="N578911" s="10"/>
    </row>
    <row r="578912" spans="14:14">
      <c r="N578912" s="10"/>
    </row>
    <row r="578913" spans="14:14">
      <c r="N578913" s="10"/>
    </row>
    <row r="578914" spans="14:14">
      <c r="N578914" s="10"/>
    </row>
    <row r="578915" spans="14:14">
      <c r="N578915" s="10"/>
    </row>
    <row r="578916" spans="14:14">
      <c r="N578916" s="10"/>
    </row>
    <row r="578917" spans="14:14">
      <c r="N578917" s="10"/>
    </row>
    <row r="578918" spans="14:14">
      <c r="N578918" s="10"/>
    </row>
    <row r="578919" spans="14:14">
      <c r="N578919" s="10"/>
    </row>
    <row r="578920" spans="14:14">
      <c r="N578920" s="10"/>
    </row>
    <row r="578921" spans="14:14">
      <c r="N578921" s="10"/>
    </row>
    <row r="578922" spans="14:14">
      <c r="N578922" s="10"/>
    </row>
    <row r="578923" spans="14:14">
      <c r="N578923" s="10"/>
    </row>
    <row r="578924" spans="14:14">
      <c r="N578924" s="10"/>
    </row>
    <row r="578925" spans="14:14">
      <c r="N578925" s="10"/>
    </row>
    <row r="578926" spans="14:14">
      <c r="N578926" s="10"/>
    </row>
    <row r="578927" spans="14:14">
      <c r="N578927" s="10"/>
    </row>
    <row r="578928" spans="14:14">
      <c r="N578928" s="10"/>
    </row>
    <row r="578929" spans="14:14">
      <c r="N578929" s="10"/>
    </row>
    <row r="578930" spans="14:14">
      <c r="N578930" s="10"/>
    </row>
    <row r="578931" spans="14:14">
      <c r="N578931" s="10"/>
    </row>
    <row r="578932" spans="14:14">
      <c r="N578932" s="10"/>
    </row>
    <row r="578933" spans="14:14">
      <c r="N578933" s="10"/>
    </row>
    <row r="578934" spans="14:14">
      <c r="N578934" s="10"/>
    </row>
    <row r="578935" spans="14:14">
      <c r="N578935" s="10"/>
    </row>
    <row r="578936" spans="14:14">
      <c r="N578936" s="10"/>
    </row>
    <row r="578937" spans="14:14">
      <c r="N578937" s="10"/>
    </row>
    <row r="578938" spans="14:14">
      <c r="N578938" s="10"/>
    </row>
    <row r="578939" spans="14:14">
      <c r="N578939" s="10"/>
    </row>
    <row r="578940" spans="14:14">
      <c r="N578940" s="10"/>
    </row>
    <row r="578941" spans="14:14">
      <c r="N578941" s="10"/>
    </row>
    <row r="578942" spans="14:14">
      <c r="N578942" s="10"/>
    </row>
    <row r="578943" spans="14:14">
      <c r="N578943" s="10"/>
    </row>
    <row r="578944" spans="14:14">
      <c r="N578944" s="10"/>
    </row>
    <row r="578945" spans="14:14">
      <c r="N578945" s="10"/>
    </row>
    <row r="578946" spans="14:14">
      <c r="N578946" s="10"/>
    </row>
    <row r="578947" spans="14:14">
      <c r="N578947" s="10"/>
    </row>
    <row r="578948" spans="14:14">
      <c r="N578948" s="10"/>
    </row>
    <row r="578949" spans="14:14">
      <c r="N578949" s="10"/>
    </row>
    <row r="578950" spans="14:14">
      <c r="N578950" s="10"/>
    </row>
    <row r="578951" spans="14:14">
      <c r="N578951" s="10"/>
    </row>
    <row r="578952" spans="14:14">
      <c r="N578952" s="10"/>
    </row>
    <row r="578953" spans="14:14">
      <c r="N578953" s="10"/>
    </row>
    <row r="578954" spans="14:14">
      <c r="N578954" s="10"/>
    </row>
    <row r="578955" spans="14:14">
      <c r="N578955" s="10"/>
    </row>
    <row r="578956" spans="14:14">
      <c r="N578956" s="10"/>
    </row>
    <row r="578957" spans="14:14">
      <c r="N578957" s="10"/>
    </row>
    <row r="578958" spans="14:14">
      <c r="N578958" s="10"/>
    </row>
    <row r="578959" spans="14:14">
      <c r="N578959" s="10"/>
    </row>
    <row r="578960" spans="14:14">
      <c r="N578960" s="10"/>
    </row>
    <row r="578961" spans="14:14">
      <c r="N578961" s="10"/>
    </row>
    <row r="578962" spans="14:14">
      <c r="N578962" s="10"/>
    </row>
    <row r="578963" spans="14:14">
      <c r="N578963" s="10"/>
    </row>
    <row r="578964" spans="14:14">
      <c r="N578964" s="10"/>
    </row>
    <row r="578965" spans="14:14">
      <c r="N578965" s="10"/>
    </row>
    <row r="578966" spans="14:14">
      <c r="N578966" s="10"/>
    </row>
    <row r="578967" spans="14:14">
      <c r="N578967" s="10"/>
    </row>
    <row r="578968" spans="14:14">
      <c r="N578968" s="10"/>
    </row>
    <row r="578969" spans="14:14">
      <c r="N578969" s="10"/>
    </row>
    <row r="578970" spans="14:14">
      <c r="N578970" s="10"/>
    </row>
    <row r="578971" spans="14:14">
      <c r="N578971" s="10"/>
    </row>
    <row r="578972" spans="14:14">
      <c r="N578972" s="10"/>
    </row>
    <row r="578973" spans="14:14">
      <c r="N578973" s="10"/>
    </row>
    <row r="578974" spans="14:14">
      <c r="N578974" s="10"/>
    </row>
    <row r="578975" spans="14:14">
      <c r="N578975" s="10"/>
    </row>
    <row r="578976" spans="14:14">
      <c r="N578976" s="10"/>
    </row>
    <row r="578977" spans="14:14">
      <c r="N578977" s="10"/>
    </row>
    <row r="578978" spans="14:14">
      <c r="N578978" s="10"/>
    </row>
    <row r="578979" spans="14:14">
      <c r="N578979" s="10"/>
    </row>
    <row r="578980" spans="14:14">
      <c r="N578980" s="10"/>
    </row>
    <row r="578981" spans="14:14">
      <c r="N578981" s="10"/>
    </row>
    <row r="578982" spans="14:14">
      <c r="N578982" s="10"/>
    </row>
    <row r="578983" spans="14:14">
      <c r="N578983" s="10"/>
    </row>
    <row r="578984" spans="14:14">
      <c r="N578984" s="10"/>
    </row>
    <row r="578985" spans="14:14">
      <c r="N578985" s="10"/>
    </row>
    <row r="578986" spans="14:14">
      <c r="N578986" s="10"/>
    </row>
    <row r="578987" spans="14:14">
      <c r="N578987" s="10"/>
    </row>
    <row r="578988" spans="14:14">
      <c r="N578988" s="10"/>
    </row>
    <row r="578989" spans="14:14">
      <c r="N578989" s="10"/>
    </row>
    <row r="578990" spans="14:14">
      <c r="N578990" s="10"/>
    </row>
    <row r="578991" spans="14:14">
      <c r="N578991" s="10"/>
    </row>
    <row r="578992" spans="14:14">
      <c r="N578992" s="10"/>
    </row>
    <row r="578993" spans="14:14">
      <c r="N578993" s="10"/>
    </row>
    <row r="578994" spans="14:14">
      <c r="N578994" s="10"/>
    </row>
    <row r="578995" spans="14:14">
      <c r="N578995" s="10"/>
    </row>
    <row r="578996" spans="14:14">
      <c r="N578996" s="10"/>
    </row>
    <row r="578997" spans="14:14">
      <c r="N578997" s="10"/>
    </row>
    <row r="578998" spans="14:14">
      <c r="N578998" s="10"/>
    </row>
    <row r="578999" spans="14:14">
      <c r="N578999" s="10"/>
    </row>
    <row r="579000" spans="14:14">
      <c r="N579000" s="10"/>
    </row>
    <row r="579001" spans="14:14">
      <c r="N579001" s="10"/>
    </row>
    <row r="579002" spans="14:14">
      <c r="N579002" s="10"/>
    </row>
    <row r="579003" spans="14:14">
      <c r="N579003" s="10"/>
    </row>
    <row r="579004" spans="14:14">
      <c r="N579004" s="10"/>
    </row>
    <row r="579005" spans="14:14">
      <c r="N579005" s="10"/>
    </row>
    <row r="579006" spans="14:14">
      <c r="N579006" s="10"/>
    </row>
    <row r="579007" spans="14:14">
      <c r="N579007" s="10"/>
    </row>
    <row r="579008" spans="14:14">
      <c r="N579008" s="10"/>
    </row>
    <row r="579009" spans="14:14">
      <c r="N579009" s="10"/>
    </row>
    <row r="579010" spans="14:14">
      <c r="N579010" s="10"/>
    </row>
    <row r="579011" spans="14:14">
      <c r="N579011" s="10"/>
    </row>
    <row r="579012" spans="14:14">
      <c r="N579012" s="10"/>
    </row>
    <row r="579013" spans="14:14">
      <c r="N579013" s="10"/>
    </row>
    <row r="579014" spans="14:14">
      <c r="N579014" s="10"/>
    </row>
    <row r="579015" spans="14:14">
      <c r="N579015" s="10"/>
    </row>
    <row r="579016" spans="14:14">
      <c r="N579016" s="10"/>
    </row>
    <row r="579017" spans="14:14">
      <c r="N579017" s="10"/>
    </row>
    <row r="579018" spans="14:14">
      <c r="N579018" s="10"/>
    </row>
    <row r="579019" spans="14:14">
      <c r="N579019" s="10"/>
    </row>
    <row r="579020" spans="14:14">
      <c r="N579020" s="10"/>
    </row>
    <row r="579021" spans="14:14">
      <c r="N579021" s="10"/>
    </row>
    <row r="579022" spans="14:14">
      <c r="N579022" s="10"/>
    </row>
    <row r="579023" spans="14:14">
      <c r="N579023" s="10"/>
    </row>
    <row r="579024" spans="14:14">
      <c r="N579024" s="10"/>
    </row>
    <row r="579025" spans="14:14">
      <c r="N579025" s="10"/>
    </row>
    <row r="579026" spans="14:14">
      <c r="N579026" s="10"/>
    </row>
    <row r="579027" spans="14:14">
      <c r="N579027" s="10"/>
    </row>
    <row r="579028" spans="14:14">
      <c r="N579028" s="10"/>
    </row>
    <row r="579029" spans="14:14">
      <c r="N579029" s="10"/>
    </row>
    <row r="579030" spans="14:14">
      <c r="N579030" s="10"/>
    </row>
    <row r="579031" spans="14:14">
      <c r="N579031" s="10"/>
    </row>
    <row r="579032" spans="14:14">
      <c r="N579032" s="10"/>
    </row>
    <row r="579033" spans="14:14">
      <c r="N579033" s="10"/>
    </row>
    <row r="579034" spans="14:14">
      <c r="N579034" s="10"/>
    </row>
    <row r="579035" spans="14:14">
      <c r="N579035" s="10"/>
    </row>
    <row r="579036" spans="14:14">
      <c r="N579036" s="10"/>
    </row>
    <row r="579037" spans="14:14">
      <c r="N579037" s="10"/>
    </row>
    <row r="579038" spans="14:14">
      <c r="N579038" s="10"/>
    </row>
    <row r="579039" spans="14:14">
      <c r="N579039" s="10"/>
    </row>
    <row r="579040" spans="14:14">
      <c r="N579040" s="10"/>
    </row>
    <row r="579041" spans="14:14">
      <c r="N579041" s="10"/>
    </row>
    <row r="579042" spans="14:14">
      <c r="N579042" s="10"/>
    </row>
    <row r="579043" spans="14:14">
      <c r="N579043" s="10"/>
    </row>
    <row r="579044" spans="14:14">
      <c r="N579044" s="10"/>
    </row>
    <row r="579045" spans="14:14">
      <c r="N579045" s="10"/>
    </row>
    <row r="579046" spans="14:14">
      <c r="N579046" s="10"/>
    </row>
    <row r="579047" spans="14:14">
      <c r="N579047" s="10"/>
    </row>
    <row r="579048" spans="14:14">
      <c r="N579048" s="10"/>
    </row>
    <row r="579049" spans="14:14">
      <c r="N579049" s="10"/>
    </row>
    <row r="579050" spans="14:14">
      <c r="N579050" s="10"/>
    </row>
    <row r="579051" spans="14:14">
      <c r="N579051" s="10"/>
    </row>
    <row r="579052" spans="14:14">
      <c r="N579052" s="10"/>
    </row>
    <row r="579053" spans="14:14">
      <c r="N579053" s="10"/>
    </row>
    <row r="579054" spans="14:14">
      <c r="N579054" s="10"/>
    </row>
    <row r="579055" spans="14:14">
      <c r="N579055" s="10"/>
    </row>
    <row r="579056" spans="14:14">
      <c r="N579056" s="10"/>
    </row>
    <row r="579057" spans="14:14">
      <c r="N579057" s="10"/>
    </row>
    <row r="579058" spans="14:14">
      <c r="N579058" s="10"/>
    </row>
    <row r="579059" spans="14:14">
      <c r="N579059" s="10"/>
    </row>
    <row r="579060" spans="14:14">
      <c r="N579060" s="10"/>
    </row>
    <row r="579061" spans="14:14">
      <c r="N579061" s="10"/>
    </row>
    <row r="579062" spans="14:14">
      <c r="N579062" s="10"/>
    </row>
    <row r="579063" spans="14:14">
      <c r="N579063" s="10"/>
    </row>
    <row r="579064" spans="14:14">
      <c r="N579064" s="10"/>
    </row>
    <row r="579065" spans="14:14">
      <c r="N579065" s="10"/>
    </row>
    <row r="579066" spans="14:14">
      <c r="N579066" s="10"/>
    </row>
    <row r="579067" spans="14:14">
      <c r="N579067" s="10"/>
    </row>
    <row r="579068" spans="14:14">
      <c r="N579068" s="10"/>
    </row>
    <row r="579069" spans="14:14">
      <c r="N579069" s="10"/>
    </row>
    <row r="579070" spans="14:14">
      <c r="N579070" s="10"/>
    </row>
    <row r="579071" spans="14:14">
      <c r="N579071" s="10"/>
    </row>
    <row r="579072" spans="14:14">
      <c r="N579072" s="10"/>
    </row>
    <row r="579073" spans="14:14">
      <c r="N579073" s="10"/>
    </row>
    <row r="579074" spans="14:14">
      <c r="N579074" s="10"/>
    </row>
    <row r="579075" spans="14:14">
      <c r="N579075" s="10"/>
    </row>
    <row r="579076" spans="14:14">
      <c r="N579076" s="10"/>
    </row>
    <row r="579077" spans="14:14">
      <c r="N579077" s="10"/>
    </row>
    <row r="579078" spans="14:14">
      <c r="N579078" s="10"/>
    </row>
    <row r="579079" spans="14:14">
      <c r="N579079" s="10"/>
    </row>
    <row r="579080" spans="14:14">
      <c r="N579080" s="10"/>
    </row>
    <row r="579081" spans="14:14">
      <c r="N579081" s="10"/>
    </row>
    <row r="579082" spans="14:14">
      <c r="N579082" s="10"/>
    </row>
    <row r="579083" spans="14:14">
      <c r="N579083" s="10"/>
    </row>
    <row r="579084" spans="14:14">
      <c r="N579084" s="10"/>
    </row>
    <row r="579085" spans="14:14">
      <c r="N579085" s="10"/>
    </row>
    <row r="579086" spans="14:14">
      <c r="N579086" s="10"/>
    </row>
    <row r="579087" spans="14:14">
      <c r="N579087" s="10"/>
    </row>
    <row r="579088" spans="14:14">
      <c r="N579088" s="10"/>
    </row>
    <row r="579089" spans="14:14">
      <c r="N579089" s="10"/>
    </row>
    <row r="579090" spans="14:14">
      <c r="N579090" s="10"/>
    </row>
    <row r="579091" spans="14:14">
      <c r="N579091" s="10"/>
    </row>
    <row r="579092" spans="14:14">
      <c r="N579092" s="10"/>
    </row>
    <row r="579093" spans="14:14">
      <c r="N579093" s="10"/>
    </row>
    <row r="579094" spans="14:14">
      <c r="N579094" s="10"/>
    </row>
    <row r="579095" spans="14:14">
      <c r="N579095" s="10"/>
    </row>
    <row r="579096" spans="14:14">
      <c r="N579096" s="10"/>
    </row>
    <row r="579097" spans="14:14">
      <c r="N579097" s="10"/>
    </row>
    <row r="579098" spans="14:14">
      <c r="N579098" s="10"/>
    </row>
    <row r="579099" spans="14:14">
      <c r="N579099" s="10"/>
    </row>
    <row r="579100" spans="14:14">
      <c r="N579100" s="10"/>
    </row>
    <row r="579101" spans="14:14">
      <c r="N579101" s="10"/>
    </row>
    <row r="579102" spans="14:14">
      <c r="N579102" s="10"/>
    </row>
    <row r="579103" spans="14:14">
      <c r="N579103" s="10"/>
    </row>
    <row r="579104" spans="14:14">
      <c r="N579104" s="10"/>
    </row>
    <row r="579105" spans="14:14">
      <c r="N579105" s="10"/>
    </row>
    <row r="579106" spans="14:14">
      <c r="N579106" s="10"/>
    </row>
    <row r="579107" spans="14:14">
      <c r="N579107" s="10"/>
    </row>
    <row r="579108" spans="14:14">
      <c r="N579108" s="10"/>
    </row>
    <row r="579109" spans="14:14">
      <c r="N579109" s="10"/>
    </row>
    <row r="579110" spans="14:14">
      <c r="N579110" s="10"/>
    </row>
    <row r="579111" spans="14:14">
      <c r="N579111" s="10"/>
    </row>
    <row r="579112" spans="14:14">
      <c r="N579112" s="10"/>
    </row>
    <row r="579113" spans="14:14">
      <c r="N579113" s="10"/>
    </row>
    <row r="579114" spans="14:14">
      <c r="N579114" s="10"/>
    </row>
    <row r="579115" spans="14:14">
      <c r="N579115" s="10"/>
    </row>
    <row r="579116" spans="14:14">
      <c r="N579116" s="10"/>
    </row>
    <row r="579117" spans="14:14">
      <c r="N579117" s="10"/>
    </row>
    <row r="579118" spans="14:14">
      <c r="N579118" s="10"/>
    </row>
    <row r="579119" spans="14:14">
      <c r="N579119" s="10"/>
    </row>
    <row r="579120" spans="14:14">
      <c r="N579120" s="10"/>
    </row>
    <row r="579121" spans="14:14">
      <c r="N579121" s="10"/>
    </row>
    <row r="579122" spans="14:14">
      <c r="N579122" s="10"/>
    </row>
    <row r="579123" spans="14:14">
      <c r="N579123" s="10"/>
    </row>
    <row r="579124" spans="14:14">
      <c r="N579124" s="10"/>
    </row>
    <row r="579125" spans="14:14">
      <c r="N579125" s="10"/>
    </row>
    <row r="579126" spans="14:14">
      <c r="N579126" s="10"/>
    </row>
    <row r="579127" spans="14:14">
      <c r="N579127" s="10"/>
    </row>
    <row r="579128" spans="14:14">
      <c r="N579128" s="10"/>
    </row>
    <row r="579129" spans="14:14">
      <c r="N579129" s="10"/>
    </row>
    <row r="579130" spans="14:14">
      <c r="N579130" s="10"/>
    </row>
    <row r="579131" spans="14:14">
      <c r="N579131" s="10"/>
    </row>
    <row r="579132" spans="14:14">
      <c r="N579132" s="10"/>
    </row>
    <row r="579133" spans="14:14">
      <c r="N579133" s="10"/>
    </row>
    <row r="579134" spans="14:14">
      <c r="N579134" s="10"/>
    </row>
    <row r="579135" spans="14:14">
      <c r="N579135" s="10"/>
    </row>
    <row r="579136" spans="14:14">
      <c r="N579136" s="10"/>
    </row>
    <row r="579137" spans="14:14">
      <c r="N579137" s="10"/>
    </row>
    <row r="579138" spans="14:14">
      <c r="N579138" s="10"/>
    </row>
    <row r="579139" spans="14:14">
      <c r="N579139" s="10"/>
    </row>
    <row r="579140" spans="14:14">
      <c r="N579140" s="10"/>
    </row>
    <row r="579141" spans="14:14">
      <c r="N579141" s="10"/>
    </row>
    <row r="579142" spans="14:14">
      <c r="N579142" s="10"/>
    </row>
    <row r="579143" spans="14:14">
      <c r="N579143" s="10"/>
    </row>
    <row r="579144" spans="14:14">
      <c r="N579144" s="10"/>
    </row>
    <row r="579145" spans="14:14">
      <c r="N579145" s="10"/>
    </row>
    <row r="579146" spans="14:14">
      <c r="N579146" s="10"/>
    </row>
    <row r="579147" spans="14:14">
      <c r="N579147" s="10"/>
    </row>
    <row r="579148" spans="14:14">
      <c r="N579148" s="10"/>
    </row>
    <row r="579149" spans="14:14">
      <c r="N579149" s="10"/>
    </row>
    <row r="579150" spans="14:14">
      <c r="N579150" s="10"/>
    </row>
    <row r="579151" spans="14:14">
      <c r="N579151" s="10"/>
    </row>
    <row r="579152" spans="14:14">
      <c r="N579152" s="10"/>
    </row>
    <row r="579153" spans="14:14">
      <c r="N579153" s="10"/>
    </row>
    <row r="579154" spans="14:14">
      <c r="N579154" s="10"/>
    </row>
    <row r="579155" spans="14:14">
      <c r="N579155" s="10"/>
    </row>
    <row r="579156" spans="14:14">
      <c r="N579156" s="10"/>
    </row>
    <row r="579157" spans="14:14">
      <c r="N579157" s="10"/>
    </row>
    <row r="579158" spans="14:14">
      <c r="N579158" s="10"/>
    </row>
    <row r="579159" spans="14:14">
      <c r="N579159" s="10"/>
    </row>
    <row r="579160" spans="14:14">
      <c r="N579160" s="10"/>
    </row>
    <row r="579161" spans="14:14">
      <c r="N579161" s="10"/>
    </row>
    <row r="579162" spans="14:14">
      <c r="N579162" s="10"/>
    </row>
    <row r="579163" spans="14:14">
      <c r="N579163" s="10"/>
    </row>
    <row r="579164" spans="14:14">
      <c r="N579164" s="10"/>
    </row>
    <row r="579165" spans="14:14">
      <c r="N579165" s="10"/>
    </row>
    <row r="579166" spans="14:14">
      <c r="N579166" s="10"/>
    </row>
    <row r="579167" spans="14:14">
      <c r="N579167" s="10"/>
    </row>
    <row r="579168" spans="14:14">
      <c r="N579168" s="10"/>
    </row>
    <row r="579169" spans="14:14">
      <c r="N579169" s="10"/>
    </row>
    <row r="579170" spans="14:14">
      <c r="N579170" s="10"/>
    </row>
    <row r="579171" spans="14:14">
      <c r="N579171" s="10"/>
    </row>
    <row r="579172" spans="14:14">
      <c r="N579172" s="10"/>
    </row>
    <row r="579173" spans="14:14">
      <c r="N579173" s="10"/>
    </row>
    <row r="579174" spans="14:14">
      <c r="N579174" s="10"/>
    </row>
    <row r="579175" spans="14:14">
      <c r="N579175" s="10"/>
    </row>
    <row r="579176" spans="14:14">
      <c r="N579176" s="10"/>
    </row>
    <row r="579177" spans="14:14">
      <c r="N579177" s="10"/>
    </row>
    <row r="579178" spans="14:14">
      <c r="N579178" s="10"/>
    </row>
    <row r="579179" spans="14:14">
      <c r="N579179" s="10"/>
    </row>
    <row r="579180" spans="14:14">
      <c r="N579180" s="10"/>
    </row>
    <row r="579181" spans="14:14">
      <c r="N579181" s="10"/>
    </row>
    <row r="579182" spans="14:14">
      <c r="N579182" s="10"/>
    </row>
    <row r="579183" spans="14:14">
      <c r="N579183" s="10"/>
    </row>
    <row r="579184" spans="14:14">
      <c r="N579184" s="10"/>
    </row>
    <row r="579185" spans="14:14">
      <c r="N579185" s="10"/>
    </row>
    <row r="579186" spans="14:14">
      <c r="N579186" s="10"/>
    </row>
    <row r="579187" spans="14:14">
      <c r="N579187" s="10"/>
    </row>
    <row r="579188" spans="14:14">
      <c r="N579188" s="10"/>
    </row>
    <row r="579189" spans="14:14">
      <c r="N579189" s="10"/>
    </row>
    <row r="579190" spans="14:14">
      <c r="N579190" s="10"/>
    </row>
    <row r="579191" spans="14:14">
      <c r="N579191" s="10"/>
    </row>
    <row r="579192" spans="14:14">
      <c r="N579192" s="10"/>
    </row>
    <row r="579193" spans="14:14">
      <c r="N579193" s="10"/>
    </row>
    <row r="579194" spans="14:14">
      <c r="N579194" s="10"/>
    </row>
    <row r="579195" spans="14:14">
      <c r="N579195" s="10"/>
    </row>
    <row r="579196" spans="14:14">
      <c r="N579196" s="10"/>
    </row>
    <row r="579197" spans="14:14">
      <c r="N579197" s="10"/>
    </row>
    <row r="579198" spans="14:14">
      <c r="N579198" s="10"/>
    </row>
    <row r="579199" spans="14:14">
      <c r="N579199" s="10"/>
    </row>
    <row r="579200" spans="14:14">
      <c r="N579200" s="10"/>
    </row>
    <row r="579201" spans="14:14">
      <c r="N579201" s="10"/>
    </row>
    <row r="579202" spans="14:14">
      <c r="N579202" s="10"/>
    </row>
    <row r="579203" spans="14:14">
      <c r="N579203" s="10"/>
    </row>
    <row r="579204" spans="14:14">
      <c r="N579204" s="10"/>
    </row>
    <row r="579205" spans="14:14">
      <c r="N579205" s="10"/>
    </row>
    <row r="579206" spans="14:14">
      <c r="N579206" s="10"/>
    </row>
    <row r="579207" spans="14:14">
      <c r="N579207" s="10"/>
    </row>
    <row r="579208" spans="14:14">
      <c r="N579208" s="10"/>
    </row>
    <row r="579209" spans="14:14">
      <c r="N579209" s="10"/>
    </row>
    <row r="579210" spans="14:14">
      <c r="N579210" s="10"/>
    </row>
    <row r="579211" spans="14:14">
      <c r="N579211" s="10"/>
    </row>
    <row r="579212" spans="14:14">
      <c r="N579212" s="10"/>
    </row>
    <row r="579213" spans="14:14">
      <c r="N579213" s="10"/>
    </row>
    <row r="579214" spans="14:14">
      <c r="N579214" s="10"/>
    </row>
    <row r="579215" spans="14:14">
      <c r="N579215" s="10"/>
    </row>
    <row r="579216" spans="14:14">
      <c r="N579216" s="10"/>
    </row>
    <row r="579217" spans="14:14">
      <c r="N579217" s="10"/>
    </row>
    <row r="579218" spans="14:14">
      <c r="N579218" s="10"/>
    </row>
    <row r="579219" spans="14:14">
      <c r="N579219" s="10"/>
    </row>
    <row r="579220" spans="14:14">
      <c r="N579220" s="10"/>
    </row>
    <row r="579221" spans="14:14">
      <c r="N579221" s="10"/>
    </row>
    <row r="579222" spans="14:14">
      <c r="N579222" s="10"/>
    </row>
    <row r="579223" spans="14:14">
      <c r="N579223" s="10"/>
    </row>
    <row r="579224" spans="14:14">
      <c r="N579224" s="10"/>
    </row>
    <row r="579225" spans="14:14">
      <c r="N579225" s="10"/>
    </row>
    <row r="579226" spans="14:14">
      <c r="N579226" s="10"/>
    </row>
    <row r="579227" spans="14:14">
      <c r="N579227" s="10"/>
    </row>
    <row r="579228" spans="14:14">
      <c r="N579228" s="10"/>
    </row>
    <row r="579229" spans="14:14">
      <c r="N579229" s="10"/>
    </row>
    <row r="579230" spans="14:14">
      <c r="N579230" s="10"/>
    </row>
    <row r="579231" spans="14:14">
      <c r="N579231" s="10"/>
    </row>
    <row r="579232" spans="14:14">
      <c r="N579232" s="10"/>
    </row>
    <row r="579233" spans="14:14">
      <c r="N579233" s="10"/>
    </row>
    <row r="579234" spans="14:14">
      <c r="N579234" s="10"/>
    </row>
    <row r="579235" spans="14:14">
      <c r="N579235" s="10"/>
    </row>
    <row r="579236" spans="14:14">
      <c r="N579236" s="10"/>
    </row>
    <row r="579237" spans="14:14">
      <c r="N579237" s="10"/>
    </row>
    <row r="579238" spans="14:14">
      <c r="N579238" s="10"/>
    </row>
    <row r="579239" spans="14:14">
      <c r="N579239" s="10"/>
    </row>
    <row r="579240" spans="14:14">
      <c r="N579240" s="10"/>
    </row>
    <row r="579241" spans="14:14">
      <c r="N579241" s="10"/>
    </row>
    <row r="579242" spans="14:14">
      <c r="N579242" s="10"/>
    </row>
    <row r="579243" spans="14:14">
      <c r="N579243" s="10"/>
    </row>
    <row r="579244" spans="14:14">
      <c r="N579244" s="10"/>
    </row>
    <row r="579245" spans="14:14">
      <c r="N579245" s="10"/>
    </row>
    <row r="579246" spans="14:14">
      <c r="N579246" s="10"/>
    </row>
    <row r="579247" spans="14:14">
      <c r="N579247" s="10"/>
    </row>
    <row r="579248" spans="14:14">
      <c r="N579248" s="10"/>
    </row>
    <row r="579249" spans="14:14">
      <c r="N579249" s="10"/>
    </row>
    <row r="579250" spans="14:14">
      <c r="N579250" s="10"/>
    </row>
    <row r="579251" spans="14:14">
      <c r="N579251" s="10"/>
    </row>
    <row r="579252" spans="14:14">
      <c r="N579252" s="10"/>
    </row>
    <row r="579253" spans="14:14">
      <c r="N579253" s="10"/>
    </row>
    <row r="579254" spans="14:14">
      <c r="N579254" s="10"/>
    </row>
    <row r="579255" spans="14:14">
      <c r="N579255" s="10"/>
    </row>
    <row r="579256" spans="14:14">
      <c r="N579256" s="10"/>
    </row>
    <row r="579257" spans="14:14">
      <c r="N579257" s="10"/>
    </row>
    <row r="579258" spans="14:14">
      <c r="N579258" s="10"/>
    </row>
    <row r="579259" spans="14:14">
      <c r="N579259" s="10"/>
    </row>
    <row r="579260" spans="14:14">
      <c r="N579260" s="10"/>
    </row>
    <row r="579261" spans="14:14">
      <c r="N579261" s="10"/>
    </row>
    <row r="579262" spans="14:14">
      <c r="N579262" s="10"/>
    </row>
    <row r="579263" spans="14:14">
      <c r="N579263" s="10"/>
    </row>
    <row r="579264" spans="14:14">
      <c r="N579264" s="10"/>
    </row>
    <row r="579265" spans="14:14">
      <c r="N579265" s="10"/>
    </row>
    <row r="579266" spans="14:14">
      <c r="N579266" s="10"/>
    </row>
    <row r="579267" spans="14:14">
      <c r="N579267" s="10"/>
    </row>
    <row r="579268" spans="14:14">
      <c r="N579268" s="10"/>
    </row>
    <row r="579269" spans="14:14">
      <c r="N579269" s="10"/>
    </row>
    <row r="579270" spans="14:14">
      <c r="N579270" s="10"/>
    </row>
    <row r="579271" spans="14:14">
      <c r="N579271" s="10"/>
    </row>
    <row r="579272" spans="14:14">
      <c r="N579272" s="10"/>
    </row>
    <row r="579273" spans="14:14">
      <c r="N579273" s="10"/>
    </row>
    <row r="579274" spans="14:14">
      <c r="N579274" s="10"/>
    </row>
    <row r="579275" spans="14:14">
      <c r="N579275" s="10"/>
    </row>
    <row r="579276" spans="14:14">
      <c r="N579276" s="10"/>
    </row>
    <row r="579277" spans="14:14">
      <c r="N579277" s="10"/>
    </row>
    <row r="579278" spans="14:14">
      <c r="N579278" s="10"/>
    </row>
    <row r="579279" spans="14:14">
      <c r="N579279" s="10"/>
    </row>
    <row r="579280" spans="14:14">
      <c r="N579280" s="10"/>
    </row>
    <row r="579281" spans="14:14">
      <c r="N579281" s="10"/>
    </row>
    <row r="579282" spans="14:14">
      <c r="N579282" s="10"/>
    </row>
    <row r="579283" spans="14:14">
      <c r="N579283" s="10"/>
    </row>
    <row r="579284" spans="14:14">
      <c r="N579284" s="10"/>
    </row>
    <row r="579285" spans="14:14">
      <c r="N579285" s="10"/>
    </row>
    <row r="579286" spans="14:14">
      <c r="N579286" s="10"/>
    </row>
    <row r="579287" spans="14:14">
      <c r="N579287" s="10"/>
    </row>
    <row r="579288" spans="14:14">
      <c r="N579288" s="10"/>
    </row>
    <row r="579289" spans="14:14">
      <c r="N579289" s="10"/>
    </row>
    <row r="579290" spans="14:14">
      <c r="N579290" s="10"/>
    </row>
    <row r="579291" spans="14:14">
      <c r="N579291" s="10"/>
    </row>
    <row r="579292" spans="14:14">
      <c r="N579292" s="10"/>
    </row>
    <row r="579293" spans="14:14">
      <c r="N579293" s="10"/>
    </row>
    <row r="579294" spans="14:14">
      <c r="N579294" s="10"/>
    </row>
    <row r="579295" spans="14:14">
      <c r="N579295" s="10"/>
    </row>
    <row r="579296" spans="14:14">
      <c r="N579296" s="10"/>
    </row>
    <row r="579297" spans="14:14">
      <c r="N579297" s="10"/>
    </row>
    <row r="579298" spans="14:14">
      <c r="N579298" s="10"/>
    </row>
    <row r="579299" spans="14:14">
      <c r="N579299" s="10"/>
    </row>
    <row r="579300" spans="14:14">
      <c r="N579300" s="10"/>
    </row>
    <row r="579301" spans="14:14">
      <c r="N579301" s="10"/>
    </row>
    <row r="579302" spans="14:14">
      <c r="N579302" s="10"/>
    </row>
    <row r="579303" spans="14:14">
      <c r="N579303" s="10"/>
    </row>
    <row r="579304" spans="14:14">
      <c r="N579304" s="10"/>
    </row>
    <row r="579305" spans="14:14">
      <c r="N579305" s="10"/>
    </row>
    <row r="579306" spans="14:14">
      <c r="N579306" s="10"/>
    </row>
    <row r="579307" spans="14:14">
      <c r="N579307" s="10"/>
    </row>
    <row r="579308" spans="14:14">
      <c r="N579308" s="10"/>
    </row>
    <row r="579309" spans="14:14">
      <c r="N579309" s="10"/>
    </row>
    <row r="579310" spans="14:14">
      <c r="N579310" s="10"/>
    </row>
    <row r="579311" spans="14:14">
      <c r="N579311" s="10"/>
    </row>
    <row r="579312" spans="14:14">
      <c r="N579312" s="10"/>
    </row>
    <row r="579313" spans="14:14">
      <c r="N579313" s="10"/>
    </row>
    <row r="579314" spans="14:14">
      <c r="N579314" s="10"/>
    </row>
    <row r="579315" spans="14:14">
      <c r="N579315" s="10"/>
    </row>
    <row r="579316" spans="14:14">
      <c r="N579316" s="10"/>
    </row>
    <row r="579317" spans="14:14">
      <c r="N579317" s="10"/>
    </row>
    <row r="579318" spans="14:14">
      <c r="N579318" s="10"/>
    </row>
    <row r="579319" spans="14:14">
      <c r="N579319" s="10"/>
    </row>
    <row r="579320" spans="14:14">
      <c r="N579320" s="10"/>
    </row>
    <row r="579321" spans="14:14">
      <c r="N579321" s="10"/>
    </row>
    <row r="579322" spans="14:14">
      <c r="N579322" s="10"/>
    </row>
    <row r="579323" spans="14:14">
      <c r="N579323" s="10"/>
    </row>
    <row r="579324" spans="14:14">
      <c r="N579324" s="10"/>
    </row>
    <row r="579325" spans="14:14">
      <c r="N579325" s="10"/>
    </row>
    <row r="579326" spans="14:14">
      <c r="N579326" s="10"/>
    </row>
    <row r="579327" spans="14:14">
      <c r="N579327" s="10"/>
    </row>
    <row r="579328" spans="14:14">
      <c r="N579328" s="10"/>
    </row>
    <row r="579329" spans="14:14">
      <c r="N579329" s="10"/>
    </row>
    <row r="579330" spans="14:14">
      <c r="N579330" s="10"/>
    </row>
    <row r="579331" spans="14:14">
      <c r="N579331" s="10"/>
    </row>
    <row r="579332" spans="14:14">
      <c r="N579332" s="10"/>
    </row>
    <row r="579333" spans="14:14">
      <c r="N579333" s="10"/>
    </row>
    <row r="579334" spans="14:14">
      <c r="N579334" s="10"/>
    </row>
    <row r="579335" spans="14:14">
      <c r="N579335" s="10"/>
    </row>
    <row r="579336" spans="14:14">
      <c r="N579336" s="10"/>
    </row>
    <row r="579337" spans="14:14">
      <c r="N579337" s="10"/>
    </row>
    <row r="579338" spans="14:14">
      <c r="N579338" s="10"/>
    </row>
    <row r="579339" spans="14:14">
      <c r="N579339" s="10"/>
    </row>
    <row r="579340" spans="14:14">
      <c r="N579340" s="10"/>
    </row>
    <row r="579341" spans="14:14">
      <c r="N579341" s="10"/>
    </row>
    <row r="579342" spans="14:14">
      <c r="N579342" s="10"/>
    </row>
    <row r="579343" spans="14:14">
      <c r="N579343" s="10"/>
    </row>
    <row r="579344" spans="14:14">
      <c r="N579344" s="10"/>
    </row>
    <row r="579345" spans="14:14">
      <c r="N579345" s="10"/>
    </row>
    <row r="579346" spans="14:14">
      <c r="N579346" s="10"/>
    </row>
    <row r="579347" spans="14:14">
      <c r="N579347" s="10"/>
    </row>
    <row r="579348" spans="14:14">
      <c r="N579348" s="10"/>
    </row>
    <row r="579349" spans="14:14">
      <c r="N579349" s="10"/>
    </row>
    <row r="579350" spans="14:14">
      <c r="N579350" s="10"/>
    </row>
    <row r="579351" spans="14:14">
      <c r="N579351" s="10"/>
    </row>
    <row r="579352" spans="14:14">
      <c r="N579352" s="10"/>
    </row>
    <row r="579353" spans="14:14">
      <c r="N579353" s="10"/>
    </row>
    <row r="579354" spans="14:14">
      <c r="N579354" s="10"/>
    </row>
    <row r="579355" spans="14:14">
      <c r="N579355" s="10"/>
    </row>
    <row r="579356" spans="14:14">
      <c r="N579356" s="10"/>
    </row>
    <row r="579357" spans="14:14">
      <c r="N579357" s="10"/>
    </row>
    <row r="579358" spans="14:14">
      <c r="N579358" s="10"/>
    </row>
    <row r="579359" spans="14:14">
      <c r="N579359" s="10"/>
    </row>
    <row r="579360" spans="14:14">
      <c r="N579360" s="10"/>
    </row>
    <row r="579361" spans="14:14">
      <c r="N579361" s="10"/>
    </row>
    <row r="579362" spans="14:14">
      <c r="N579362" s="10"/>
    </row>
    <row r="579363" spans="14:14">
      <c r="N579363" s="10"/>
    </row>
    <row r="579364" spans="14:14">
      <c r="N579364" s="10"/>
    </row>
    <row r="579365" spans="14:14">
      <c r="N579365" s="10"/>
    </row>
    <row r="579366" spans="14:14">
      <c r="N579366" s="10"/>
    </row>
    <row r="579367" spans="14:14">
      <c r="N579367" s="10"/>
    </row>
    <row r="579368" spans="14:14">
      <c r="N579368" s="10"/>
    </row>
    <row r="579369" spans="14:14">
      <c r="N579369" s="10"/>
    </row>
    <row r="579370" spans="14:14">
      <c r="N579370" s="10"/>
    </row>
    <row r="579371" spans="14:14">
      <c r="N579371" s="10"/>
    </row>
    <row r="579372" spans="14:14">
      <c r="N579372" s="10"/>
    </row>
    <row r="579373" spans="14:14">
      <c r="N579373" s="10"/>
    </row>
    <row r="579374" spans="14:14">
      <c r="N579374" s="10"/>
    </row>
    <row r="579375" spans="14:14">
      <c r="N579375" s="10"/>
    </row>
    <row r="579376" spans="14:14">
      <c r="N579376" s="10"/>
    </row>
    <row r="579377" spans="14:14">
      <c r="N579377" s="10"/>
    </row>
    <row r="579378" spans="14:14">
      <c r="N579378" s="10"/>
    </row>
    <row r="579379" spans="14:14">
      <c r="N579379" s="10"/>
    </row>
    <row r="579380" spans="14:14">
      <c r="N579380" s="10"/>
    </row>
    <row r="579381" spans="14:14">
      <c r="N579381" s="10"/>
    </row>
    <row r="579382" spans="14:14">
      <c r="N579382" s="10"/>
    </row>
    <row r="579383" spans="14:14">
      <c r="N579383" s="10"/>
    </row>
    <row r="579384" spans="14:14">
      <c r="N579384" s="10"/>
    </row>
    <row r="579385" spans="14:14">
      <c r="N579385" s="10"/>
    </row>
    <row r="579386" spans="14:14">
      <c r="N579386" s="10"/>
    </row>
    <row r="579387" spans="14:14">
      <c r="N579387" s="10"/>
    </row>
    <row r="579388" spans="14:14">
      <c r="N579388" s="10"/>
    </row>
    <row r="579389" spans="14:14">
      <c r="N579389" s="10"/>
    </row>
    <row r="579390" spans="14:14">
      <c r="N579390" s="10"/>
    </row>
    <row r="579391" spans="14:14">
      <c r="N579391" s="10"/>
    </row>
    <row r="579392" spans="14:14">
      <c r="N579392" s="10"/>
    </row>
    <row r="579393" spans="14:14">
      <c r="N579393" s="10"/>
    </row>
    <row r="579394" spans="14:14">
      <c r="N579394" s="10"/>
    </row>
    <row r="579395" spans="14:14">
      <c r="N579395" s="10"/>
    </row>
    <row r="579396" spans="14:14">
      <c r="N579396" s="10"/>
    </row>
    <row r="579397" spans="14:14">
      <c r="N579397" s="10"/>
    </row>
    <row r="579398" spans="14:14">
      <c r="N579398" s="10"/>
    </row>
    <row r="579399" spans="14:14">
      <c r="N579399" s="10"/>
    </row>
    <row r="579400" spans="14:14">
      <c r="N579400" s="10"/>
    </row>
    <row r="579401" spans="14:14">
      <c r="N579401" s="10"/>
    </row>
    <row r="579402" spans="14:14">
      <c r="N579402" s="10"/>
    </row>
    <row r="579403" spans="14:14">
      <c r="N579403" s="10"/>
    </row>
    <row r="579404" spans="14:14">
      <c r="N579404" s="10"/>
    </row>
    <row r="579405" spans="14:14">
      <c r="N579405" s="10"/>
    </row>
    <row r="579406" spans="14:14">
      <c r="N579406" s="10"/>
    </row>
    <row r="579407" spans="14:14">
      <c r="N579407" s="10"/>
    </row>
    <row r="579408" spans="14:14">
      <c r="N579408" s="10"/>
    </row>
    <row r="579409" spans="14:14">
      <c r="N579409" s="10"/>
    </row>
    <row r="579410" spans="14:14">
      <c r="N579410" s="10"/>
    </row>
    <row r="579411" spans="14:14">
      <c r="N579411" s="10"/>
    </row>
    <row r="579412" spans="14:14">
      <c r="N579412" s="10"/>
    </row>
    <row r="579413" spans="14:14">
      <c r="N579413" s="10"/>
    </row>
    <row r="579414" spans="14:14">
      <c r="N579414" s="10"/>
    </row>
    <row r="579415" spans="14:14">
      <c r="N579415" s="10"/>
    </row>
    <row r="579416" spans="14:14">
      <c r="N579416" s="10"/>
    </row>
    <row r="579417" spans="14:14">
      <c r="N579417" s="10"/>
    </row>
    <row r="579418" spans="14:14">
      <c r="N579418" s="10"/>
    </row>
    <row r="579419" spans="14:14">
      <c r="N579419" s="10"/>
    </row>
    <row r="579420" spans="14:14">
      <c r="N579420" s="10"/>
    </row>
    <row r="579421" spans="14:14">
      <c r="N579421" s="10"/>
    </row>
    <row r="579422" spans="14:14">
      <c r="N579422" s="10"/>
    </row>
    <row r="579423" spans="14:14">
      <c r="N579423" s="10"/>
    </row>
    <row r="579424" spans="14:14">
      <c r="N579424" s="10"/>
    </row>
    <row r="579425" spans="14:14">
      <c r="N579425" s="10"/>
    </row>
    <row r="579426" spans="14:14">
      <c r="N579426" s="10"/>
    </row>
    <row r="579427" spans="14:14">
      <c r="N579427" s="10"/>
    </row>
    <row r="579428" spans="14:14">
      <c r="N579428" s="10"/>
    </row>
    <row r="579429" spans="14:14">
      <c r="N579429" s="10"/>
    </row>
    <row r="579430" spans="14:14">
      <c r="N579430" s="10"/>
    </row>
    <row r="579431" spans="14:14">
      <c r="N579431" s="10"/>
    </row>
    <row r="579432" spans="14:14">
      <c r="N579432" s="10"/>
    </row>
    <row r="579433" spans="14:14">
      <c r="N579433" s="10"/>
    </row>
    <row r="579434" spans="14:14">
      <c r="N579434" s="10"/>
    </row>
    <row r="579435" spans="14:14">
      <c r="N579435" s="10"/>
    </row>
    <row r="579436" spans="14:14">
      <c r="N579436" s="10"/>
    </row>
    <row r="579437" spans="14:14">
      <c r="N579437" s="10"/>
    </row>
    <row r="579438" spans="14:14">
      <c r="N579438" s="10"/>
    </row>
    <row r="579439" spans="14:14">
      <c r="N579439" s="10"/>
    </row>
    <row r="579440" spans="14:14">
      <c r="N579440" s="10"/>
    </row>
    <row r="579441" spans="14:14">
      <c r="N579441" s="10"/>
    </row>
    <row r="579442" spans="14:14">
      <c r="N579442" s="10"/>
    </row>
    <row r="579443" spans="14:14">
      <c r="N579443" s="10"/>
    </row>
    <row r="579444" spans="14:14">
      <c r="N579444" s="10"/>
    </row>
    <row r="579445" spans="14:14">
      <c r="N579445" s="10"/>
    </row>
    <row r="579446" spans="14:14">
      <c r="N579446" s="10"/>
    </row>
    <row r="579447" spans="14:14">
      <c r="N579447" s="10"/>
    </row>
    <row r="579448" spans="14:14">
      <c r="N579448" s="10"/>
    </row>
    <row r="579449" spans="14:14">
      <c r="N579449" s="10"/>
    </row>
    <row r="579450" spans="14:14">
      <c r="N579450" s="10"/>
    </row>
    <row r="579451" spans="14:14">
      <c r="N579451" s="10"/>
    </row>
    <row r="579452" spans="14:14">
      <c r="N579452" s="10"/>
    </row>
    <row r="579453" spans="14:14">
      <c r="N579453" s="10"/>
    </row>
    <row r="579454" spans="14:14">
      <c r="N579454" s="10"/>
    </row>
    <row r="579455" spans="14:14">
      <c r="N579455" s="10"/>
    </row>
    <row r="579456" spans="14:14">
      <c r="N579456" s="10"/>
    </row>
    <row r="579457" spans="14:14">
      <c r="N579457" s="10"/>
    </row>
    <row r="579458" spans="14:14">
      <c r="N579458" s="10"/>
    </row>
    <row r="579459" spans="14:14">
      <c r="N579459" s="10"/>
    </row>
    <row r="579460" spans="14:14">
      <c r="N579460" s="10"/>
    </row>
    <row r="579461" spans="14:14">
      <c r="N579461" s="10"/>
    </row>
    <row r="579462" spans="14:14">
      <c r="N579462" s="10"/>
    </row>
    <row r="579463" spans="14:14">
      <c r="N579463" s="10"/>
    </row>
    <row r="579464" spans="14:14">
      <c r="N579464" s="10"/>
    </row>
    <row r="579465" spans="14:14">
      <c r="N579465" s="10"/>
    </row>
    <row r="579466" spans="14:14">
      <c r="N579466" s="10"/>
    </row>
    <row r="579467" spans="14:14">
      <c r="N579467" s="10"/>
    </row>
    <row r="579468" spans="14:14">
      <c r="N579468" s="10"/>
    </row>
    <row r="579469" spans="14:14">
      <c r="N579469" s="10"/>
    </row>
    <row r="579470" spans="14:14">
      <c r="N579470" s="10"/>
    </row>
    <row r="579471" spans="14:14">
      <c r="N579471" s="10"/>
    </row>
    <row r="579472" spans="14:14">
      <c r="N579472" s="10"/>
    </row>
    <row r="579473" spans="14:14">
      <c r="N579473" s="10"/>
    </row>
    <row r="579474" spans="14:14">
      <c r="N579474" s="10"/>
    </row>
    <row r="579475" spans="14:14">
      <c r="N579475" s="10"/>
    </row>
    <row r="579476" spans="14:14">
      <c r="N579476" s="10"/>
    </row>
    <row r="579477" spans="14:14">
      <c r="N579477" s="10"/>
    </row>
    <row r="579478" spans="14:14">
      <c r="N579478" s="10"/>
    </row>
    <row r="579479" spans="14:14">
      <c r="N579479" s="10"/>
    </row>
    <row r="579480" spans="14:14">
      <c r="N579480" s="10"/>
    </row>
    <row r="579481" spans="14:14">
      <c r="N579481" s="10"/>
    </row>
    <row r="579482" spans="14:14">
      <c r="N579482" s="10"/>
    </row>
    <row r="579483" spans="14:14">
      <c r="N579483" s="10"/>
    </row>
    <row r="579484" spans="14:14">
      <c r="N579484" s="10"/>
    </row>
    <row r="579485" spans="14:14">
      <c r="N579485" s="10"/>
    </row>
    <row r="579486" spans="14:14">
      <c r="N579486" s="10"/>
    </row>
    <row r="579487" spans="14:14">
      <c r="N579487" s="10"/>
    </row>
    <row r="579488" spans="14:14">
      <c r="N579488" s="10"/>
    </row>
    <row r="579489" spans="14:14">
      <c r="N579489" s="10"/>
    </row>
    <row r="579490" spans="14:14">
      <c r="N579490" s="10"/>
    </row>
    <row r="579491" spans="14:14">
      <c r="N579491" s="10"/>
    </row>
    <row r="579492" spans="14:14">
      <c r="N579492" s="10"/>
    </row>
    <row r="579493" spans="14:14">
      <c r="N579493" s="10"/>
    </row>
    <row r="579494" spans="14:14">
      <c r="N579494" s="10"/>
    </row>
    <row r="579495" spans="14:14">
      <c r="N579495" s="10"/>
    </row>
    <row r="579496" spans="14:14">
      <c r="N579496" s="10"/>
    </row>
    <row r="579497" spans="14:14">
      <c r="N579497" s="10"/>
    </row>
    <row r="579498" spans="14:14">
      <c r="N579498" s="10"/>
    </row>
    <row r="579499" spans="14:14">
      <c r="N579499" s="10"/>
    </row>
    <row r="579500" spans="14:14">
      <c r="N579500" s="10"/>
    </row>
    <row r="579501" spans="14:14">
      <c r="N579501" s="10"/>
    </row>
    <row r="579502" spans="14:14">
      <c r="N579502" s="10"/>
    </row>
    <row r="579503" spans="14:14">
      <c r="N579503" s="10"/>
    </row>
    <row r="579504" spans="14:14">
      <c r="N579504" s="10"/>
    </row>
    <row r="579505" spans="14:14">
      <c r="N579505" s="10"/>
    </row>
    <row r="579506" spans="14:14">
      <c r="N579506" s="10"/>
    </row>
    <row r="579507" spans="14:14">
      <c r="N579507" s="10"/>
    </row>
    <row r="579508" spans="14:14">
      <c r="N579508" s="10"/>
    </row>
    <row r="579509" spans="14:14">
      <c r="N579509" s="10"/>
    </row>
    <row r="579510" spans="14:14">
      <c r="N579510" s="10"/>
    </row>
    <row r="579511" spans="14:14">
      <c r="N579511" s="10"/>
    </row>
    <row r="579512" spans="14:14">
      <c r="N579512" s="10"/>
    </row>
    <row r="579513" spans="14:14">
      <c r="N579513" s="10"/>
    </row>
    <row r="579514" spans="14:14">
      <c r="N579514" s="10"/>
    </row>
    <row r="579515" spans="14:14">
      <c r="N579515" s="10"/>
    </row>
    <row r="579516" spans="14:14">
      <c r="N579516" s="10"/>
    </row>
    <row r="579517" spans="14:14">
      <c r="N579517" s="10"/>
    </row>
    <row r="579518" spans="14:14">
      <c r="N579518" s="10"/>
    </row>
    <row r="579519" spans="14:14">
      <c r="N579519" s="10"/>
    </row>
    <row r="579520" spans="14:14">
      <c r="N579520" s="10"/>
    </row>
    <row r="579521" spans="14:14">
      <c r="N579521" s="10"/>
    </row>
    <row r="579522" spans="14:14">
      <c r="N579522" s="10"/>
    </row>
    <row r="579523" spans="14:14">
      <c r="N579523" s="10"/>
    </row>
    <row r="579524" spans="14:14">
      <c r="N579524" s="10"/>
    </row>
    <row r="579525" spans="14:14">
      <c r="N579525" s="10"/>
    </row>
    <row r="579526" spans="14:14">
      <c r="N579526" s="10"/>
    </row>
    <row r="579527" spans="14:14">
      <c r="N579527" s="10"/>
    </row>
    <row r="579528" spans="14:14">
      <c r="N579528" s="10"/>
    </row>
    <row r="579529" spans="14:14">
      <c r="N579529" s="10"/>
    </row>
    <row r="579530" spans="14:14">
      <c r="N579530" s="10"/>
    </row>
    <row r="579531" spans="14:14">
      <c r="N579531" s="10"/>
    </row>
    <row r="579532" spans="14:14">
      <c r="N579532" s="10"/>
    </row>
    <row r="579533" spans="14:14">
      <c r="N579533" s="10"/>
    </row>
    <row r="579534" spans="14:14">
      <c r="N579534" s="10"/>
    </row>
    <row r="579535" spans="14:14">
      <c r="N579535" s="10"/>
    </row>
    <row r="579536" spans="14:14">
      <c r="N579536" s="10"/>
    </row>
    <row r="579537" spans="14:14">
      <c r="N579537" s="10"/>
    </row>
    <row r="579538" spans="14:14">
      <c r="N579538" s="10"/>
    </row>
    <row r="579539" spans="14:14">
      <c r="N579539" s="10"/>
    </row>
    <row r="579540" spans="14:14">
      <c r="N579540" s="10"/>
    </row>
    <row r="579541" spans="14:14">
      <c r="N579541" s="10"/>
    </row>
    <row r="579542" spans="14:14">
      <c r="N579542" s="10"/>
    </row>
    <row r="579543" spans="14:14">
      <c r="N579543" s="10"/>
    </row>
    <row r="579544" spans="14:14">
      <c r="N579544" s="10"/>
    </row>
    <row r="579545" spans="14:14">
      <c r="N579545" s="10"/>
    </row>
    <row r="579546" spans="14:14">
      <c r="N579546" s="10"/>
    </row>
    <row r="579547" spans="14:14">
      <c r="N579547" s="10"/>
    </row>
    <row r="579548" spans="14:14">
      <c r="N579548" s="10"/>
    </row>
    <row r="579549" spans="14:14">
      <c r="N579549" s="10"/>
    </row>
    <row r="579550" spans="14:14">
      <c r="N579550" s="10"/>
    </row>
    <row r="579551" spans="14:14">
      <c r="N579551" s="10"/>
    </row>
    <row r="579552" spans="14:14">
      <c r="N579552" s="10"/>
    </row>
    <row r="579553" spans="14:14">
      <c r="N579553" s="10"/>
    </row>
    <row r="579554" spans="14:14">
      <c r="N579554" s="10"/>
    </row>
    <row r="579555" spans="14:14">
      <c r="N579555" s="10"/>
    </row>
    <row r="579556" spans="14:14">
      <c r="N579556" s="10"/>
    </row>
    <row r="579557" spans="14:14">
      <c r="N579557" s="10"/>
    </row>
    <row r="579558" spans="14:14">
      <c r="N579558" s="10"/>
    </row>
    <row r="579559" spans="14:14">
      <c r="N579559" s="10"/>
    </row>
    <row r="579560" spans="14:14">
      <c r="N579560" s="10"/>
    </row>
    <row r="579561" spans="14:14">
      <c r="N579561" s="10"/>
    </row>
    <row r="579562" spans="14:14">
      <c r="N579562" s="10"/>
    </row>
    <row r="579563" spans="14:14">
      <c r="N579563" s="10"/>
    </row>
    <row r="579564" spans="14:14">
      <c r="N579564" s="10"/>
    </row>
    <row r="579565" spans="14:14">
      <c r="N579565" s="10"/>
    </row>
    <row r="579566" spans="14:14">
      <c r="N579566" s="10"/>
    </row>
    <row r="579567" spans="14:14">
      <c r="N579567" s="10"/>
    </row>
    <row r="579568" spans="14:14">
      <c r="N579568" s="10"/>
    </row>
    <row r="579569" spans="14:14">
      <c r="N579569" s="10"/>
    </row>
    <row r="579570" spans="14:14">
      <c r="N579570" s="10"/>
    </row>
    <row r="579571" spans="14:14">
      <c r="N579571" s="10"/>
    </row>
    <row r="579572" spans="14:14">
      <c r="N579572" s="10"/>
    </row>
    <row r="579573" spans="14:14">
      <c r="N579573" s="10"/>
    </row>
    <row r="579574" spans="14:14">
      <c r="N579574" s="10"/>
    </row>
    <row r="579575" spans="14:14">
      <c r="N579575" s="10"/>
    </row>
    <row r="579576" spans="14:14">
      <c r="N579576" s="10"/>
    </row>
    <row r="579577" spans="14:14">
      <c r="N579577" s="10"/>
    </row>
    <row r="579578" spans="14:14">
      <c r="N579578" s="10"/>
    </row>
    <row r="579579" spans="14:14">
      <c r="N579579" s="10"/>
    </row>
    <row r="579580" spans="14:14">
      <c r="N579580" s="10"/>
    </row>
    <row r="579581" spans="14:14">
      <c r="N579581" s="10"/>
    </row>
    <row r="579582" spans="14:14">
      <c r="N579582" s="10"/>
    </row>
    <row r="579583" spans="14:14">
      <c r="N579583" s="10"/>
    </row>
    <row r="579584" spans="14:14">
      <c r="N579584" s="10"/>
    </row>
    <row r="579585" spans="14:14">
      <c r="N579585" s="10"/>
    </row>
    <row r="579586" spans="14:14">
      <c r="N579586" s="10"/>
    </row>
    <row r="579587" spans="14:14">
      <c r="N579587" s="10"/>
    </row>
    <row r="579588" spans="14:14">
      <c r="N579588" s="10"/>
    </row>
    <row r="579589" spans="14:14">
      <c r="N579589" s="10"/>
    </row>
    <row r="579590" spans="14:14">
      <c r="N579590" s="10"/>
    </row>
    <row r="579591" spans="14:14">
      <c r="N579591" s="10"/>
    </row>
    <row r="579592" spans="14:14">
      <c r="N579592" s="10"/>
    </row>
    <row r="579593" spans="14:14">
      <c r="N579593" s="10"/>
    </row>
    <row r="579594" spans="14:14">
      <c r="N579594" s="10"/>
    </row>
    <row r="579595" spans="14:14">
      <c r="N579595" s="10"/>
    </row>
    <row r="579596" spans="14:14">
      <c r="N579596" s="10"/>
    </row>
    <row r="579597" spans="14:14">
      <c r="N579597" s="10"/>
    </row>
    <row r="579598" spans="14:14">
      <c r="N579598" s="10"/>
    </row>
    <row r="579599" spans="14:14">
      <c r="N579599" s="10"/>
    </row>
    <row r="579600" spans="14:14">
      <c r="N579600" s="10"/>
    </row>
    <row r="579601" spans="14:14">
      <c r="N579601" s="10"/>
    </row>
    <row r="579602" spans="14:14">
      <c r="N579602" s="10"/>
    </row>
    <row r="579603" spans="14:14">
      <c r="N579603" s="10"/>
    </row>
    <row r="579604" spans="14:14">
      <c r="N579604" s="10"/>
    </row>
    <row r="579605" spans="14:14">
      <c r="N579605" s="10"/>
    </row>
    <row r="579606" spans="14:14">
      <c r="N579606" s="10"/>
    </row>
    <row r="579607" spans="14:14">
      <c r="N579607" s="10"/>
    </row>
    <row r="579608" spans="14:14">
      <c r="N579608" s="10"/>
    </row>
    <row r="579609" spans="14:14">
      <c r="N579609" s="10"/>
    </row>
    <row r="579610" spans="14:14">
      <c r="N579610" s="10"/>
    </row>
    <row r="579611" spans="14:14">
      <c r="N579611" s="10"/>
    </row>
    <row r="579612" spans="14:14">
      <c r="N579612" s="10"/>
    </row>
    <row r="579613" spans="14:14">
      <c r="N579613" s="10"/>
    </row>
    <row r="579614" spans="14:14">
      <c r="N579614" s="10"/>
    </row>
    <row r="579615" spans="14:14">
      <c r="N579615" s="10"/>
    </row>
    <row r="579616" spans="14:14">
      <c r="N579616" s="10"/>
    </row>
    <row r="579617" spans="14:14">
      <c r="N579617" s="10"/>
    </row>
    <row r="579618" spans="14:14">
      <c r="N579618" s="10"/>
    </row>
    <row r="579619" spans="14:14">
      <c r="N579619" s="10"/>
    </row>
    <row r="579620" spans="14:14">
      <c r="N579620" s="10"/>
    </row>
    <row r="579621" spans="14:14">
      <c r="N579621" s="10"/>
    </row>
    <row r="579622" spans="14:14">
      <c r="N579622" s="10"/>
    </row>
    <row r="579623" spans="14:14">
      <c r="N579623" s="10"/>
    </row>
    <row r="579624" spans="14:14">
      <c r="N579624" s="10"/>
    </row>
    <row r="579625" spans="14:14">
      <c r="N579625" s="10"/>
    </row>
    <row r="579626" spans="14:14">
      <c r="N579626" s="10"/>
    </row>
    <row r="579627" spans="14:14">
      <c r="N579627" s="10"/>
    </row>
    <row r="579628" spans="14:14">
      <c r="N579628" s="10"/>
    </row>
    <row r="579629" spans="14:14">
      <c r="N579629" s="10"/>
    </row>
    <row r="579630" spans="14:14">
      <c r="N579630" s="10"/>
    </row>
    <row r="579631" spans="14:14">
      <c r="N579631" s="10"/>
    </row>
    <row r="579632" spans="14:14">
      <c r="N579632" s="10"/>
    </row>
    <row r="579633" spans="14:14">
      <c r="N579633" s="10"/>
    </row>
    <row r="579634" spans="14:14">
      <c r="N579634" s="10"/>
    </row>
    <row r="579635" spans="14:14">
      <c r="N579635" s="10"/>
    </row>
    <row r="579636" spans="14:14">
      <c r="N579636" s="10"/>
    </row>
    <row r="579637" spans="14:14">
      <c r="N579637" s="10"/>
    </row>
    <row r="579638" spans="14:14">
      <c r="N579638" s="10"/>
    </row>
    <row r="579639" spans="14:14">
      <c r="N579639" s="10"/>
    </row>
    <row r="579640" spans="14:14">
      <c r="N579640" s="10"/>
    </row>
    <row r="579641" spans="14:14">
      <c r="N579641" s="10"/>
    </row>
    <row r="579642" spans="14:14">
      <c r="N579642" s="10"/>
    </row>
    <row r="579643" spans="14:14">
      <c r="N579643" s="10"/>
    </row>
    <row r="579644" spans="14:14">
      <c r="N579644" s="10"/>
    </row>
    <row r="579645" spans="14:14">
      <c r="N579645" s="10"/>
    </row>
    <row r="579646" spans="14:14">
      <c r="N579646" s="10"/>
    </row>
    <row r="579647" spans="14:14">
      <c r="N579647" s="10"/>
    </row>
    <row r="579648" spans="14:14">
      <c r="N579648" s="10"/>
    </row>
    <row r="579649" spans="14:14">
      <c r="N579649" s="10"/>
    </row>
    <row r="579650" spans="14:14">
      <c r="N579650" s="10"/>
    </row>
    <row r="579651" spans="14:14">
      <c r="N579651" s="10"/>
    </row>
    <row r="579652" spans="14:14">
      <c r="N579652" s="10"/>
    </row>
    <row r="579653" spans="14:14">
      <c r="N579653" s="10"/>
    </row>
    <row r="579654" spans="14:14">
      <c r="N579654" s="10"/>
    </row>
    <row r="579655" spans="14:14">
      <c r="N579655" s="10"/>
    </row>
    <row r="579656" spans="14:14">
      <c r="N579656" s="10"/>
    </row>
    <row r="579657" spans="14:14">
      <c r="N579657" s="10"/>
    </row>
    <row r="579658" spans="14:14">
      <c r="N579658" s="10"/>
    </row>
    <row r="579659" spans="14:14">
      <c r="N579659" s="10"/>
    </row>
    <row r="579660" spans="14:14">
      <c r="N579660" s="10"/>
    </row>
    <row r="579661" spans="14:14">
      <c r="N579661" s="10"/>
    </row>
    <row r="579662" spans="14:14">
      <c r="N579662" s="10"/>
    </row>
    <row r="579663" spans="14:14">
      <c r="N579663" s="10"/>
    </row>
    <row r="579664" spans="14:14">
      <c r="N579664" s="10"/>
    </row>
    <row r="579665" spans="14:14">
      <c r="N579665" s="10"/>
    </row>
    <row r="579666" spans="14:14">
      <c r="N579666" s="10"/>
    </row>
    <row r="579667" spans="14:14">
      <c r="N579667" s="10"/>
    </row>
    <row r="579668" spans="14:14">
      <c r="N579668" s="10"/>
    </row>
    <row r="579669" spans="14:14">
      <c r="N579669" s="10"/>
    </row>
    <row r="579670" spans="14:14">
      <c r="N579670" s="10"/>
    </row>
    <row r="579671" spans="14:14">
      <c r="N579671" s="10"/>
    </row>
    <row r="579672" spans="14:14">
      <c r="N579672" s="10"/>
    </row>
    <row r="579673" spans="14:14">
      <c r="N579673" s="10"/>
    </row>
    <row r="579674" spans="14:14">
      <c r="N579674" s="10"/>
    </row>
    <row r="579675" spans="14:14">
      <c r="N579675" s="10"/>
    </row>
    <row r="579676" spans="14:14">
      <c r="N579676" s="10"/>
    </row>
    <row r="579677" spans="14:14">
      <c r="N579677" s="10"/>
    </row>
    <row r="579678" spans="14:14">
      <c r="N579678" s="10"/>
    </row>
    <row r="579679" spans="14:14">
      <c r="N579679" s="10"/>
    </row>
    <row r="579680" spans="14:14">
      <c r="N579680" s="10"/>
    </row>
    <row r="579681" spans="14:14">
      <c r="N579681" s="10"/>
    </row>
    <row r="579682" spans="14:14">
      <c r="N579682" s="10"/>
    </row>
    <row r="579683" spans="14:14">
      <c r="N579683" s="10"/>
    </row>
    <row r="579684" spans="14:14">
      <c r="N579684" s="10"/>
    </row>
    <row r="579685" spans="14:14">
      <c r="N579685" s="10"/>
    </row>
    <row r="579686" spans="14:14">
      <c r="N579686" s="10"/>
    </row>
    <row r="579687" spans="14:14">
      <c r="N579687" s="10"/>
    </row>
    <row r="579688" spans="14:14">
      <c r="N579688" s="10"/>
    </row>
    <row r="579689" spans="14:14">
      <c r="N579689" s="10"/>
    </row>
    <row r="579690" spans="14:14">
      <c r="N579690" s="10"/>
    </row>
    <row r="579691" spans="14:14">
      <c r="N579691" s="10"/>
    </row>
    <row r="579692" spans="14:14">
      <c r="N579692" s="10"/>
    </row>
    <row r="579693" spans="14:14">
      <c r="N579693" s="10"/>
    </row>
    <row r="579694" spans="14:14">
      <c r="N579694" s="10"/>
    </row>
    <row r="579695" spans="14:14">
      <c r="N579695" s="10"/>
    </row>
    <row r="579696" spans="14:14">
      <c r="N579696" s="10"/>
    </row>
    <row r="579697" spans="14:14">
      <c r="N579697" s="10"/>
    </row>
    <row r="579698" spans="14:14">
      <c r="N579698" s="10"/>
    </row>
    <row r="579699" spans="14:14">
      <c r="N579699" s="10"/>
    </row>
    <row r="579700" spans="14:14">
      <c r="N579700" s="10"/>
    </row>
    <row r="579701" spans="14:14">
      <c r="N579701" s="10"/>
    </row>
    <row r="579702" spans="14:14">
      <c r="N579702" s="10"/>
    </row>
    <row r="579703" spans="14:14">
      <c r="N579703" s="10"/>
    </row>
    <row r="579704" spans="14:14">
      <c r="N579704" s="10"/>
    </row>
    <row r="579705" spans="14:14">
      <c r="N579705" s="10"/>
    </row>
    <row r="579706" spans="14:14">
      <c r="N579706" s="10"/>
    </row>
    <row r="579707" spans="14:14">
      <c r="N579707" s="10"/>
    </row>
    <row r="579708" spans="14:14">
      <c r="N579708" s="10"/>
    </row>
    <row r="579709" spans="14:14">
      <c r="N579709" s="10"/>
    </row>
    <row r="579710" spans="14:14">
      <c r="N579710" s="10"/>
    </row>
    <row r="579711" spans="14:14">
      <c r="N579711" s="10"/>
    </row>
    <row r="579712" spans="14:14">
      <c r="N579712" s="10"/>
    </row>
    <row r="579713" spans="14:14">
      <c r="N579713" s="10"/>
    </row>
    <row r="579714" spans="14:14">
      <c r="N579714" s="10"/>
    </row>
    <row r="579715" spans="14:14">
      <c r="N579715" s="10"/>
    </row>
    <row r="579716" spans="14:14">
      <c r="N579716" s="10"/>
    </row>
    <row r="579717" spans="14:14">
      <c r="N579717" s="10"/>
    </row>
    <row r="579718" spans="14:14">
      <c r="N579718" s="10"/>
    </row>
    <row r="579719" spans="14:14">
      <c r="N579719" s="10"/>
    </row>
    <row r="579720" spans="14:14">
      <c r="N579720" s="10"/>
    </row>
    <row r="579721" spans="14:14">
      <c r="N579721" s="10"/>
    </row>
    <row r="579722" spans="14:14">
      <c r="N579722" s="10"/>
    </row>
    <row r="579723" spans="14:14">
      <c r="N579723" s="10"/>
    </row>
    <row r="579724" spans="14:14">
      <c r="N579724" s="10"/>
    </row>
    <row r="579725" spans="14:14">
      <c r="N579725" s="10"/>
    </row>
    <row r="579726" spans="14:14">
      <c r="N579726" s="10"/>
    </row>
    <row r="579727" spans="14:14">
      <c r="N579727" s="10"/>
    </row>
    <row r="579728" spans="14:14">
      <c r="N579728" s="10"/>
    </row>
    <row r="579729" spans="14:14">
      <c r="N579729" s="10"/>
    </row>
    <row r="579730" spans="14:14">
      <c r="N579730" s="10"/>
    </row>
    <row r="579731" spans="14:14">
      <c r="N579731" s="10"/>
    </row>
    <row r="579732" spans="14:14">
      <c r="N579732" s="10"/>
    </row>
    <row r="579733" spans="14:14">
      <c r="N579733" s="10"/>
    </row>
    <row r="579734" spans="14:14">
      <c r="N579734" s="10"/>
    </row>
    <row r="579735" spans="14:14">
      <c r="N579735" s="10"/>
    </row>
    <row r="579736" spans="14:14">
      <c r="N579736" s="10"/>
    </row>
    <row r="579737" spans="14:14">
      <c r="N579737" s="10"/>
    </row>
    <row r="579738" spans="14:14">
      <c r="N579738" s="10"/>
    </row>
    <row r="579739" spans="14:14">
      <c r="N579739" s="10"/>
    </row>
    <row r="579740" spans="14:14">
      <c r="N579740" s="10"/>
    </row>
    <row r="579741" spans="14:14">
      <c r="N579741" s="10"/>
    </row>
    <row r="579742" spans="14:14">
      <c r="N579742" s="10"/>
    </row>
    <row r="579743" spans="14:14">
      <c r="N579743" s="10"/>
    </row>
    <row r="579744" spans="14:14">
      <c r="N579744" s="10"/>
    </row>
    <row r="579745" spans="14:14">
      <c r="N579745" s="10"/>
    </row>
    <row r="579746" spans="14:14">
      <c r="N579746" s="10"/>
    </row>
    <row r="579747" spans="14:14">
      <c r="N579747" s="10"/>
    </row>
    <row r="579748" spans="14:14">
      <c r="N579748" s="10"/>
    </row>
    <row r="579749" spans="14:14">
      <c r="N579749" s="10"/>
    </row>
    <row r="579750" spans="14:14">
      <c r="N579750" s="10"/>
    </row>
    <row r="579751" spans="14:14">
      <c r="N579751" s="10"/>
    </row>
    <row r="579752" spans="14:14">
      <c r="N579752" s="10"/>
    </row>
    <row r="579753" spans="14:14">
      <c r="N579753" s="10"/>
    </row>
    <row r="579754" spans="14:14">
      <c r="N579754" s="10"/>
    </row>
    <row r="579755" spans="14:14">
      <c r="N579755" s="10"/>
    </row>
    <row r="579756" spans="14:14">
      <c r="N579756" s="10"/>
    </row>
    <row r="579757" spans="14:14">
      <c r="N579757" s="10"/>
    </row>
    <row r="579758" spans="14:14">
      <c r="N579758" s="10"/>
    </row>
    <row r="579759" spans="14:14">
      <c r="N579759" s="10"/>
    </row>
    <row r="579760" spans="14:14">
      <c r="N579760" s="10"/>
    </row>
    <row r="579761" spans="14:14">
      <c r="N579761" s="10"/>
    </row>
    <row r="579762" spans="14:14">
      <c r="N579762" s="10"/>
    </row>
    <row r="579763" spans="14:14">
      <c r="N579763" s="10"/>
    </row>
    <row r="579764" spans="14:14">
      <c r="N579764" s="10"/>
    </row>
    <row r="579765" spans="14:14">
      <c r="N579765" s="10"/>
    </row>
    <row r="579766" spans="14:14">
      <c r="N579766" s="10"/>
    </row>
    <row r="579767" spans="14:14">
      <c r="N579767" s="10"/>
    </row>
    <row r="579768" spans="14:14">
      <c r="N579768" s="10"/>
    </row>
    <row r="579769" spans="14:14">
      <c r="N579769" s="10"/>
    </row>
    <row r="579770" spans="14:14">
      <c r="N579770" s="10"/>
    </row>
    <row r="579771" spans="14:14">
      <c r="N579771" s="10"/>
    </row>
    <row r="579772" spans="14:14">
      <c r="N579772" s="10"/>
    </row>
    <row r="579773" spans="14:14">
      <c r="N579773" s="10"/>
    </row>
    <row r="579774" spans="14:14">
      <c r="N579774" s="10"/>
    </row>
    <row r="579775" spans="14:14">
      <c r="N579775" s="10"/>
    </row>
    <row r="579776" spans="14:14">
      <c r="N579776" s="10"/>
    </row>
    <row r="579777" spans="14:14">
      <c r="N579777" s="10"/>
    </row>
    <row r="579778" spans="14:14">
      <c r="N579778" s="10"/>
    </row>
    <row r="579779" spans="14:14">
      <c r="N579779" s="10"/>
    </row>
    <row r="579780" spans="14:14">
      <c r="N579780" s="10"/>
    </row>
    <row r="579781" spans="14:14">
      <c r="N579781" s="10"/>
    </row>
    <row r="579782" spans="14:14">
      <c r="N579782" s="10"/>
    </row>
    <row r="579783" spans="14:14">
      <c r="N579783" s="10"/>
    </row>
    <row r="579784" spans="14:14">
      <c r="N579784" s="10"/>
    </row>
    <row r="579785" spans="14:14">
      <c r="N579785" s="10"/>
    </row>
    <row r="579786" spans="14:14">
      <c r="N579786" s="10"/>
    </row>
    <row r="579787" spans="14:14">
      <c r="N579787" s="10"/>
    </row>
    <row r="579788" spans="14:14">
      <c r="N579788" s="10"/>
    </row>
    <row r="579789" spans="14:14">
      <c r="N579789" s="10"/>
    </row>
    <row r="579790" spans="14:14">
      <c r="N579790" s="10"/>
    </row>
    <row r="579791" spans="14:14">
      <c r="N579791" s="10"/>
    </row>
    <row r="579792" spans="14:14">
      <c r="N579792" s="10"/>
    </row>
    <row r="579793" spans="14:14">
      <c r="N579793" s="10"/>
    </row>
    <row r="579794" spans="14:14">
      <c r="N579794" s="10"/>
    </row>
    <row r="579795" spans="14:14">
      <c r="N579795" s="10"/>
    </row>
    <row r="579796" spans="14:14">
      <c r="N579796" s="10"/>
    </row>
    <row r="579797" spans="14:14">
      <c r="N579797" s="10"/>
    </row>
    <row r="579798" spans="14:14">
      <c r="N579798" s="10"/>
    </row>
    <row r="579799" spans="14:14">
      <c r="N579799" s="10"/>
    </row>
    <row r="579800" spans="14:14">
      <c r="N579800" s="10"/>
    </row>
    <row r="579801" spans="14:14">
      <c r="N579801" s="10"/>
    </row>
    <row r="579802" spans="14:14">
      <c r="N579802" s="10"/>
    </row>
    <row r="579803" spans="14:14">
      <c r="N579803" s="10"/>
    </row>
    <row r="579804" spans="14:14">
      <c r="N579804" s="10"/>
    </row>
    <row r="579805" spans="14:14">
      <c r="N579805" s="10"/>
    </row>
    <row r="579806" spans="14:14">
      <c r="N579806" s="10"/>
    </row>
    <row r="579807" spans="14:14">
      <c r="N579807" s="10"/>
    </row>
    <row r="579808" spans="14:14">
      <c r="N579808" s="10"/>
    </row>
    <row r="579809" spans="14:14">
      <c r="N579809" s="10"/>
    </row>
    <row r="579810" spans="14:14">
      <c r="N579810" s="10"/>
    </row>
    <row r="579811" spans="14:14">
      <c r="N579811" s="10"/>
    </row>
    <row r="579812" spans="14:14">
      <c r="N579812" s="10"/>
    </row>
    <row r="579813" spans="14:14">
      <c r="N579813" s="10"/>
    </row>
    <row r="579814" spans="14:14">
      <c r="N579814" s="10"/>
    </row>
    <row r="579815" spans="14:14">
      <c r="N579815" s="10"/>
    </row>
    <row r="579816" spans="14:14">
      <c r="N579816" s="10"/>
    </row>
    <row r="579817" spans="14:14">
      <c r="N579817" s="10"/>
    </row>
    <row r="579818" spans="14:14">
      <c r="N579818" s="10"/>
    </row>
    <row r="579819" spans="14:14">
      <c r="N579819" s="10"/>
    </row>
    <row r="579820" spans="14:14">
      <c r="N579820" s="10"/>
    </row>
    <row r="579821" spans="14:14">
      <c r="N579821" s="10"/>
    </row>
    <row r="579822" spans="14:14">
      <c r="N579822" s="10"/>
    </row>
    <row r="579823" spans="14:14">
      <c r="N579823" s="10"/>
    </row>
    <row r="579824" spans="14:14">
      <c r="N579824" s="10"/>
    </row>
    <row r="579825" spans="14:14">
      <c r="N579825" s="10"/>
    </row>
    <row r="579826" spans="14:14">
      <c r="N579826" s="10"/>
    </row>
    <row r="579827" spans="14:14">
      <c r="N579827" s="10"/>
    </row>
    <row r="579828" spans="14:14">
      <c r="N579828" s="10"/>
    </row>
    <row r="579829" spans="14:14">
      <c r="N579829" s="10"/>
    </row>
    <row r="579830" spans="14:14">
      <c r="N579830" s="10"/>
    </row>
    <row r="579831" spans="14:14">
      <c r="N579831" s="10"/>
    </row>
    <row r="579832" spans="14:14">
      <c r="N579832" s="10"/>
    </row>
    <row r="579833" spans="14:14">
      <c r="N579833" s="10"/>
    </row>
    <row r="579834" spans="14:14">
      <c r="N579834" s="10"/>
    </row>
    <row r="579835" spans="14:14">
      <c r="N579835" s="10"/>
    </row>
    <row r="579836" spans="14:14">
      <c r="N579836" s="10"/>
    </row>
    <row r="579837" spans="14:14">
      <c r="N579837" s="10"/>
    </row>
    <row r="579838" spans="14:14">
      <c r="N579838" s="10"/>
    </row>
    <row r="579839" spans="14:14">
      <c r="N579839" s="10"/>
    </row>
    <row r="579840" spans="14:14">
      <c r="N579840" s="10"/>
    </row>
    <row r="579841" spans="14:14">
      <c r="N579841" s="10"/>
    </row>
    <row r="579842" spans="14:14">
      <c r="N579842" s="10"/>
    </row>
    <row r="579843" spans="14:14">
      <c r="N579843" s="10"/>
    </row>
    <row r="579844" spans="14:14">
      <c r="N579844" s="10"/>
    </row>
    <row r="579845" spans="14:14">
      <c r="N579845" s="10"/>
    </row>
    <row r="579846" spans="14:14">
      <c r="N579846" s="10"/>
    </row>
    <row r="579847" spans="14:14">
      <c r="N579847" s="10"/>
    </row>
    <row r="579848" spans="14:14">
      <c r="N579848" s="10"/>
    </row>
    <row r="579849" spans="14:14">
      <c r="N579849" s="10"/>
    </row>
    <row r="579850" spans="14:14">
      <c r="N579850" s="10"/>
    </row>
    <row r="579851" spans="14:14">
      <c r="N579851" s="10"/>
    </row>
    <row r="579852" spans="14:14">
      <c r="N579852" s="10"/>
    </row>
    <row r="579853" spans="14:14">
      <c r="N579853" s="10"/>
    </row>
    <row r="579854" spans="14:14">
      <c r="N579854" s="10"/>
    </row>
    <row r="579855" spans="14:14">
      <c r="N579855" s="10"/>
    </row>
    <row r="579856" spans="14:14">
      <c r="N579856" s="10"/>
    </row>
    <row r="579857" spans="14:14">
      <c r="N579857" s="10"/>
    </row>
    <row r="579858" spans="14:14">
      <c r="N579858" s="10"/>
    </row>
    <row r="579859" spans="14:14">
      <c r="N579859" s="10"/>
    </row>
    <row r="579860" spans="14:14">
      <c r="N579860" s="10"/>
    </row>
    <row r="579861" spans="14:14">
      <c r="N579861" s="10"/>
    </row>
    <row r="579862" spans="14:14">
      <c r="N579862" s="10"/>
    </row>
    <row r="579863" spans="14:14">
      <c r="N579863" s="10"/>
    </row>
    <row r="579864" spans="14:14">
      <c r="N579864" s="10"/>
    </row>
    <row r="579865" spans="14:14">
      <c r="N579865" s="10"/>
    </row>
    <row r="579866" spans="14:14">
      <c r="N579866" s="10"/>
    </row>
    <row r="579867" spans="14:14">
      <c r="N579867" s="10"/>
    </row>
    <row r="579868" spans="14:14">
      <c r="N579868" s="10"/>
    </row>
    <row r="579869" spans="14:14">
      <c r="N579869" s="10"/>
    </row>
    <row r="579870" spans="14:14">
      <c r="N579870" s="10"/>
    </row>
    <row r="579871" spans="14:14">
      <c r="N579871" s="10"/>
    </row>
    <row r="579872" spans="14:14">
      <c r="N579872" s="10"/>
    </row>
    <row r="579873" spans="14:14">
      <c r="N579873" s="10"/>
    </row>
    <row r="579874" spans="14:14">
      <c r="N579874" s="10"/>
    </row>
    <row r="579875" spans="14:14">
      <c r="N579875" s="10"/>
    </row>
    <row r="579876" spans="14:14">
      <c r="N579876" s="10"/>
    </row>
    <row r="579877" spans="14:14">
      <c r="N579877" s="10"/>
    </row>
    <row r="579878" spans="14:14">
      <c r="N579878" s="10"/>
    </row>
    <row r="579879" spans="14:14">
      <c r="N579879" s="10"/>
    </row>
    <row r="579880" spans="14:14">
      <c r="N579880" s="10"/>
    </row>
    <row r="579881" spans="14:14">
      <c r="N579881" s="10"/>
    </row>
    <row r="579882" spans="14:14">
      <c r="N579882" s="10"/>
    </row>
    <row r="579883" spans="14:14">
      <c r="N579883" s="10"/>
    </row>
    <row r="579884" spans="14:14">
      <c r="N579884" s="10"/>
    </row>
    <row r="579885" spans="14:14">
      <c r="N579885" s="10"/>
    </row>
    <row r="579886" spans="14:14">
      <c r="N579886" s="10"/>
    </row>
    <row r="579887" spans="14:14">
      <c r="N579887" s="10"/>
    </row>
    <row r="579888" spans="14:14">
      <c r="N579888" s="10"/>
    </row>
    <row r="579889" spans="14:14">
      <c r="N579889" s="10"/>
    </row>
    <row r="579890" spans="14:14">
      <c r="N579890" s="10"/>
    </row>
    <row r="579891" spans="14:14">
      <c r="N579891" s="10"/>
    </row>
    <row r="579892" spans="14:14">
      <c r="N579892" s="10"/>
    </row>
    <row r="579893" spans="14:14">
      <c r="N579893" s="10"/>
    </row>
    <row r="579894" spans="14:14">
      <c r="N579894" s="10"/>
    </row>
    <row r="579895" spans="14:14">
      <c r="N579895" s="10"/>
    </row>
    <row r="579896" spans="14:14">
      <c r="N579896" s="10"/>
    </row>
    <row r="579897" spans="14:14">
      <c r="N579897" s="10"/>
    </row>
    <row r="579898" spans="14:14">
      <c r="N579898" s="10"/>
    </row>
    <row r="579899" spans="14:14">
      <c r="N579899" s="10"/>
    </row>
    <row r="579900" spans="14:14">
      <c r="N579900" s="10"/>
    </row>
    <row r="579901" spans="14:14">
      <c r="N579901" s="10"/>
    </row>
    <row r="579902" spans="14:14">
      <c r="N579902" s="10"/>
    </row>
    <row r="579903" spans="14:14">
      <c r="N579903" s="10"/>
    </row>
    <row r="579904" spans="14:14">
      <c r="N579904" s="10"/>
    </row>
    <row r="579905" spans="14:14">
      <c r="N579905" s="10"/>
    </row>
    <row r="579906" spans="14:14">
      <c r="N579906" s="10"/>
    </row>
    <row r="579907" spans="14:14">
      <c r="N579907" s="10"/>
    </row>
    <row r="579908" spans="14:14">
      <c r="N579908" s="10"/>
    </row>
    <row r="579909" spans="14:14">
      <c r="N579909" s="10"/>
    </row>
    <row r="579910" spans="14:14">
      <c r="N579910" s="10"/>
    </row>
    <row r="579911" spans="14:14">
      <c r="N579911" s="10"/>
    </row>
    <row r="579912" spans="14:14">
      <c r="N579912" s="10"/>
    </row>
    <row r="579913" spans="14:14">
      <c r="N579913" s="10"/>
    </row>
    <row r="579914" spans="14:14">
      <c r="N579914" s="10"/>
    </row>
    <row r="579915" spans="14:14">
      <c r="N579915" s="10"/>
    </row>
    <row r="579916" spans="14:14">
      <c r="N579916" s="10"/>
    </row>
    <row r="579917" spans="14:14">
      <c r="N579917" s="10"/>
    </row>
    <row r="579918" spans="14:14">
      <c r="N579918" s="10"/>
    </row>
    <row r="579919" spans="14:14">
      <c r="N579919" s="10"/>
    </row>
    <row r="579920" spans="14:14">
      <c r="N579920" s="10"/>
    </row>
    <row r="579921" spans="14:14">
      <c r="N579921" s="10"/>
    </row>
    <row r="579922" spans="14:14">
      <c r="N579922" s="10"/>
    </row>
    <row r="579923" spans="14:14">
      <c r="N579923" s="10"/>
    </row>
    <row r="579924" spans="14:14">
      <c r="N579924" s="10"/>
    </row>
    <row r="579925" spans="14:14">
      <c r="N579925" s="10"/>
    </row>
    <row r="579926" spans="14:14">
      <c r="N579926" s="10"/>
    </row>
    <row r="579927" spans="14:14">
      <c r="N579927" s="10"/>
    </row>
    <row r="579928" spans="14:14">
      <c r="N579928" s="10"/>
    </row>
    <row r="579929" spans="14:14">
      <c r="N579929" s="10"/>
    </row>
    <row r="579930" spans="14:14">
      <c r="N579930" s="10"/>
    </row>
    <row r="579931" spans="14:14">
      <c r="N579931" s="10"/>
    </row>
    <row r="579932" spans="14:14">
      <c r="N579932" s="10"/>
    </row>
    <row r="579933" spans="14:14">
      <c r="N579933" s="10"/>
    </row>
    <row r="579934" spans="14:14">
      <c r="N579934" s="10"/>
    </row>
    <row r="579935" spans="14:14">
      <c r="N579935" s="10"/>
    </row>
    <row r="579936" spans="14:14">
      <c r="N579936" s="10"/>
    </row>
    <row r="579937" spans="14:14">
      <c r="N579937" s="10"/>
    </row>
    <row r="579938" spans="14:14">
      <c r="N579938" s="10"/>
    </row>
    <row r="579939" spans="14:14">
      <c r="N579939" s="10"/>
    </row>
    <row r="579940" spans="14:14">
      <c r="N579940" s="10"/>
    </row>
    <row r="579941" spans="14:14">
      <c r="N579941" s="10"/>
    </row>
    <row r="579942" spans="14:14">
      <c r="N579942" s="10"/>
    </row>
    <row r="579943" spans="14:14">
      <c r="N579943" s="10"/>
    </row>
    <row r="579944" spans="14:14">
      <c r="N579944" s="10"/>
    </row>
    <row r="579945" spans="14:14">
      <c r="N579945" s="10"/>
    </row>
    <row r="579946" spans="14:14">
      <c r="N579946" s="10"/>
    </row>
    <row r="579947" spans="14:14">
      <c r="N579947" s="10"/>
    </row>
    <row r="579948" spans="14:14">
      <c r="N579948" s="10"/>
    </row>
    <row r="579949" spans="14:14">
      <c r="N579949" s="10"/>
    </row>
    <row r="579950" spans="14:14">
      <c r="N579950" s="10"/>
    </row>
    <row r="579951" spans="14:14">
      <c r="N579951" s="10"/>
    </row>
    <row r="579952" spans="14:14">
      <c r="N579952" s="10"/>
    </row>
    <row r="579953" spans="14:14">
      <c r="N579953" s="10"/>
    </row>
    <row r="579954" spans="14:14">
      <c r="N579954" s="10"/>
    </row>
    <row r="579955" spans="14:14">
      <c r="N579955" s="10"/>
    </row>
    <row r="579956" spans="14:14">
      <c r="N579956" s="10"/>
    </row>
    <row r="579957" spans="14:14">
      <c r="N579957" s="10"/>
    </row>
    <row r="579958" spans="14:14">
      <c r="N579958" s="10"/>
    </row>
    <row r="579959" spans="14:14">
      <c r="N579959" s="10"/>
    </row>
    <row r="579960" spans="14:14">
      <c r="N579960" s="10"/>
    </row>
    <row r="579961" spans="14:14">
      <c r="N579961" s="10"/>
    </row>
    <row r="579962" spans="14:14">
      <c r="N579962" s="10"/>
    </row>
    <row r="579963" spans="14:14">
      <c r="N579963" s="10"/>
    </row>
    <row r="579964" spans="14:14">
      <c r="N579964" s="10"/>
    </row>
    <row r="579965" spans="14:14">
      <c r="N579965" s="10"/>
    </row>
    <row r="579966" spans="14:14">
      <c r="N579966" s="10"/>
    </row>
    <row r="579967" spans="14:14">
      <c r="N579967" s="10"/>
    </row>
    <row r="579968" spans="14:14">
      <c r="N579968" s="10"/>
    </row>
    <row r="579969" spans="14:14">
      <c r="N579969" s="10"/>
    </row>
    <row r="579970" spans="14:14">
      <c r="N579970" s="10"/>
    </row>
    <row r="579971" spans="14:14">
      <c r="N579971" s="10"/>
    </row>
    <row r="579972" spans="14:14">
      <c r="N579972" s="10"/>
    </row>
    <row r="579973" spans="14:14">
      <c r="N579973" s="10"/>
    </row>
    <row r="579974" spans="14:14">
      <c r="N579974" s="10"/>
    </row>
    <row r="579975" spans="14:14">
      <c r="N579975" s="10"/>
    </row>
    <row r="579976" spans="14:14">
      <c r="N579976" s="10"/>
    </row>
    <row r="579977" spans="14:14">
      <c r="N579977" s="10"/>
    </row>
    <row r="579978" spans="14:14">
      <c r="N579978" s="10"/>
    </row>
    <row r="579979" spans="14:14">
      <c r="N579979" s="10"/>
    </row>
    <row r="579980" spans="14:14">
      <c r="N579980" s="10"/>
    </row>
    <row r="579981" spans="14:14">
      <c r="N579981" s="10"/>
    </row>
    <row r="579982" spans="14:14">
      <c r="N579982" s="10"/>
    </row>
    <row r="579983" spans="14:14">
      <c r="N579983" s="10"/>
    </row>
    <row r="579984" spans="14:14">
      <c r="N579984" s="10"/>
    </row>
    <row r="579985" spans="14:14">
      <c r="N579985" s="10"/>
    </row>
    <row r="579986" spans="14:14">
      <c r="N579986" s="10"/>
    </row>
    <row r="579987" spans="14:14">
      <c r="N579987" s="10"/>
    </row>
    <row r="579988" spans="14:14">
      <c r="N579988" s="10"/>
    </row>
    <row r="579989" spans="14:14">
      <c r="N579989" s="10"/>
    </row>
    <row r="579990" spans="14:14">
      <c r="N579990" s="10"/>
    </row>
    <row r="579991" spans="14:14">
      <c r="N579991" s="10"/>
    </row>
    <row r="579992" spans="14:14">
      <c r="N579992" s="10"/>
    </row>
    <row r="579993" spans="14:14">
      <c r="N579993" s="10"/>
    </row>
    <row r="579994" spans="14:14">
      <c r="N579994" s="10"/>
    </row>
    <row r="579995" spans="14:14">
      <c r="N579995" s="10"/>
    </row>
    <row r="579996" spans="14:14">
      <c r="N579996" s="10"/>
    </row>
    <row r="579997" spans="14:14">
      <c r="N579997" s="10"/>
    </row>
    <row r="579998" spans="14:14">
      <c r="N579998" s="10"/>
    </row>
    <row r="579999" spans="14:14">
      <c r="N579999" s="10"/>
    </row>
    <row r="580000" spans="14:14">
      <c r="N580000" s="10"/>
    </row>
    <row r="580001" spans="14:14">
      <c r="N580001" s="10"/>
    </row>
    <row r="580002" spans="14:14">
      <c r="N580002" s="10"/>
    </row>
    <row r="580003" spans="14:14">
      <c r="N580003" s="10"/>
    </row>
    <row r="580004" spans="14:14">
      <c r="N580004" s="10"/>
    </row>
    <row r="580005" spans="14:14">
      <c r="N580005" s="10"/>
    </row>
    <row r="580006" spans="14:14">
      <c r="N580006" s="10"/>
    </row>
    <row r="580007" spans="14:14">
      <c r="N580007" s="10"/>
    </row>
    <row r="580008" spans="14:14">
      <c r="N580008" s="10"/>
    </row>
    <row r="580009" spans="14:14">
      <c r="N580009" s="10"/>
    </row>
    <row r="580010" spans="14:14">
      <c r="N580010" s="10"/>
    </row>
    <row r="580011" spans="14:14">
      <c r="N580011" s="10"/>
    </row>
    <row r="580012" spans="14:14">
      <c r="N580012" s="10"/>
    </row>
    <row r="580013" spans="14:14">
      <c r="N580013" s="10"/>
    </row>
    <row r="580014" spans="14:14">
      <c r="N580014" s="10"/>
    </row>
    <row r="580015" spans="14:14">
      <c r="N580015" s="10"/>
    </row>
    <row r="580016" spans="14:14">
      <c r="N580016" s="10"/>
    </row>
    <row r="580017" spans="14:14">
      <c r="N580017" s="10"/>
    </row>
    <row r="580018" spans="14:14">
      <c r="N580018" s="10"/>
    </row>
    <row r="580019" spans="14:14">
      <c r="N580019" s="10"/>
    </row>
    <row r="580020" spans="14:14">
      <c r="N580020" s="10"/>
    </row>
    <row r="580021" spans="14:14">
      <c r="N580021" s="10"/>
    </row>
    <row r="580022" spans="14:14">
      <c r="N580022" s="10"/>
    </row>
    <row r="580023" spans="14:14">
      <c r="N580023" s="10"/>
    </row>
    <row r="580024" spans="14:14">
      <c r="N580024" s="10"/>
    </row>
    <row r="580025" spans="14:14">
      <c r="N580025" s="10"/>
    </row>
    <row r="580026" spans="14:14">
      <c r="N580026" s="10"/>
    </row>
    <row r="580027" spans="14:14">
      <c r="N580027" s="10"/>
    </row>
    <row r="580028" spans="14:14">
      <c r="N580028" s="10"/>
    </row>
    <row r="580029" spans="14:14">
      <c r="N580029" s="10"/>
    </row>
    <row r="580030" spans="14:14">
      <c r="N580030" s="10"/>
    </row>
    <row r="580031" spans="14:14">
      <c r="N580031" s="10"/>
    </row>
    <row r="580032" spans="14:14">
      <c r="N580032" s="10"/>
    </row>
    <row r="580033" spans="14:14">
      <c r="N580033" s="10"/>
    </row>
    <row r="580034" spans="14:14">
      <c r="N580034" s="10"/>
    </row>
    <row r="580035" spans="14:14">
      <c r="N580035" s="10"/>
    </row>
    <row r="580036" spans="14:14">
      <c r="N580036" s="10"/>
    </row>
    <row r="580037" spans="14:14">
      <c r="N580037" s="10"/>
    </row>
    <row r="580038" spans="14:14">
      <c r="N580038" s="10"/>
    </row>
    <row r="580039" spans="14:14">
      <c r="N580039" s="10"/>
    </row>
    <row r="580040" spans="14:14">
      <c r="N580040" s="10"/>
    </row>
    <row r="580041" spans="14:14">
      <c r="N580041" s="10"/>
    </row>
    <row r="580042" spans="14:14">
      <c r="N580042" s="10"/>
    </row>
    <row r="580043" spans="14:14">
      <c r="N580043" s="10"/>
    </row>
    <row r="580044" spans="14:14">
      <c r="N580044" s="10"/>
    </row>
    <row r="580045" spans="14:14">
      <c r="N580045" s="10"/>
    </row>
    <row r="580046" spans="14:14">
      <c r="N580046" s="10"/>
    </row>
    <row r="580047" spans="14:14">
      <c r="N580047" s="10"/>
    </row>
    <row r="580048" spans="14:14">
      <c r="N580048" s="10"/>
    </row>
    <row r="580049" spans="14:14">
      <c r="N580049" s="10"/>
    </row>
    <row r="580050" spans="14:14">
      <c r="N580050" s="10"/>
    </row>
    <row r="580051" spans="14:14">
      <c r="N580051" s="10"/>
    </row>
    <row r="580052" spans="14:14">
      <c r="N580052" s="10"/>
    </row>
    <row r="580053" spans="14:14">
      <c r="N580053" s="10"/>
    </row>
    <row r="580054" spans="14:14">
      <c r="N580054" s="10"/>
    </row>
    <row r="580055" spans="14:14">
      <c r="N580055" s="10"/>
    </row>
    <row r="580056" spans="14:14">
      <c r="N580056" s="10"/>
    </row>
    <row r="580057" spans="14:14">
      <c r="N580057" s="10"/>
    </row>
    <row r="580058" spans="14:14">
      <c r="N580058" s="10"/>
    </row>
    <row r="580059" spans="14:14">
      <c r="N580059" s="10"/>
    </row>
    <row r="580060" spans="14:14">
      <c r="N580060" s="10"/>
    </row>
    <row r="580061" spans="14:14">
      <c r="N580061" s="10"/>
    </row>
    <row r="580062" spans="14:14">
      <c r="N580062" s="10"/>
    </row>
    <row r="580063" spans="14:14">
      <c r="N580063" s="10"/>
    </row>
    <row r="580064" spans="14:14">
      <c r="N580064" s="10"/>
    </row>
    <row r="580065" spans="14:14">
      <c r="N580065" s="10"/>
    </row>
    <row r="580066" spans="14:14">
      <c r="N580066" s="10"/>
    </row>
    <row r="580067" spans="14:14">
      <c r="N580067" s="10"/>
    </row>
    <row r="580068" spans="14:14">
      <c r="N580068" s="10"/>
    </row>
    <row r="580069" spans="14:14">
      <c r="N580069" s="10"/>
    </row>
    <row r="580070" spans="14:14">
      <c r="N580070" s="10"/>
    </row>
    <row r="580071" spans="14:14">
      <c r="N580071" s="10"/>
    </row>
    <row r="580072" spans="14:14">
      <c r="N580072" s="10"/>
    </row>
    <row r="580073" spans="14:14">
      <c r="N580073" s="10"/>
    </row>
    <row r="580074" spans="14:14">
      <c r="N580074" s="10"/>
    </row>
    <row r="580075" spans="14:14">
      <c r="N580075" s="10"/>
    </row>
    <row r="580076" spans="14:14">
      <c r="N580076" s="10"/>
    </row>
    <row r="580077" spans="14:14">
      <c r="N580077" s="10"/>
    </row>
    <row r="580078" spans="14:14">
      <c r="N580078" s="10"/>
    </row>
    <row r="580079" spans="14:14">
      <c r="N580079" s="10"/>
    </row>
    <row r="580080" spans="14:14">
      <c r="N580080" s="10"/>
    </row>
    <row r="580081" spans="14:14">
      <c r="N580081" s="10"/>
    </row>
    <row r="580082" spans="14:14">
      <c r="N580082" s="10"/>
    </row>
    <row r="580083" spans="14:14">
      <c r="N580083" s="10"/>
    </row>
    <row r="580084" spans="14:14">
      <c r="N580084" s="10"/>
    </row>
    <row r="580085" spans="14:14">
      <c r="N580085" s="10"/>
    </row>
    <row r="580086" spans="14:14">
      <c r="N580086" s="10"/>
    </row>
    <row r="580087" spans="14:14">
      <c r="N580087" s="10"/>
    </row>
    <row r="580088" spans="14:14">
      <c r="N580088" s="10"/>
    </row>
    <row r="580089" spans="14:14">
      <c r="N580089" s="10"/>
    </row>
    <row r="580090" spans="14:14">
      <c r="N580090" s="10"/>
    </row>
    <row r="580091" spans="14:14">
      <c r="N580091" s="10"/>
    </row>
    <row r="580092" spans="14:14">
      <c r="N580092" s="10"/>
    </row>
    <row r="580093" spans="14:14">
      <c r="N580093" s="10"/>
    </row>
    <row r="580094" spans="14:14">
      <c r="N580094" s="10"/>
    </row>
    <row r="580095" spans="14:14">
      <c r="N580095" s="10"/>
    </row>
    <row r="580096" spans="14:14">
      <c r="N580096" s="10"/>
    </row>
    <row r="580097" spans="14:14">
      <c r="N580097" s="10"/>
    </row>
    <row r="580098" spans="14:14">
      <c r="N580098" s="10"/>
    </row>
    <row r="580099" spans="14:14">
      <c r="N580099" s="10"/>
    </row>
    <row r="580100" spans="14:14">
      <c r="N580100" s="10"/>
    </row>
    <row r="580101" spans="14:14">
      <c r="N580101" s="10"/>
    </row>
    <row r="580102" spans="14:14">
      <c r="N580102" s="10"/>
    </row>
    <row r="580103" spans="14:14">
      <c r="N580103" s="10"/>
    </row>
    <row r="580104" spans="14:14">
      <c r="N580104" s="10"/>
    </row>
    <row r="580105" spans="14:14">
      <c r="N580105" s="10"/>
    </row>
    <row r="580106" spans="14:14">
      <c r="N580106" s="10"/>
    </row>
    <row r="580107" spans="14:14">
      <c r="N580107" s="10"/>
    </row>
    <row r="580108" spans="14:14">
      <c r="N580108" s="10"/>
    </row>
    <row r="580109" spans="14:14">
      <c r="N580109" s="10"/>
    </row>
    <row r="580110" spans="14:14">
      <c r="N580110" s="10"/>
    </row>
    <row r="580111" spans="14:14">
      <c r="N580111" s="10"/>
    </row>
    <row r="580112" spans="14:14">
      <c r="N580112" s="10"/>
    </row>
    <row r="580113" spans="14:14">
      <c r="N580113" s="10"/>
    </row>
    <row r="580114" spans="14:14">
      <c r="N580114" s="10"/>
    </row>
    <row r="580115" spans="14:14">
      <c r="N580115" s="10"/>
    </row>
    <row r="580116" spans="14:14">
      <c r="N580116" s="10"/>
    </row>
    <row r="580117" spans="14:14">
      <c r="N580117" s="10"/>
    </row>
    <row r="580118" spans="14:14">
      <c r="N580118" s="10"/>
    </row>
    <row r="580119" spans="14:14">
      <c r="N580119" s="10"/>
    </row>
    <row r="580120" spans="14:14">
      <c r="N580120" s="10"/>
    </row>
    <row r="580121" spans="14:14">
      <c r="N580121" s="10"/>
    </row>
    <row r="580122" spans="14:14">
      <c r="N580122" s="10"/>
    </row>
    <row r="580123" spans="14:14">
      <c r="N580123" s="10"/>
    </row>
    <row r="580124" spans="14:14">
      <c r="N580124" s="10"/>
    </row>
    <row r="580125" spans="14:14">
      <c r="N580125" s="10"/>
    </row>
    <row r="580126" spans="14:14">
      <c r="N580126" s="10"/>
    </row>
    <row r="580127" spans="14:14">
      <c r="N580127" s="10"/>
    </row>
    <row r="580128" spans="14:14">
      <c r="N580128" s="10"/>
    </row>
    <row r="580129" spans="14:14">
      <c r="N580129" s="10"/>
    </row>
    <row r="580130" spans="14:14">
      <c r="N580130" s="10"/>
    </row>
    <row r="580131" spans="14:14">
      <c r="N580131" s="10"/>
    </row>
    <row r="580132" spans="14:14">
      <c r="N580132" s="10"/>
    </row>
    <row r="580133" spans="14:14">
      <c r="N580133" s="10"/>
    </row>
    <row r="580134" spans="14:14">
      <c r="N580134" s="10"/>
    </row>
    <row r="580135" spans="14:14">
      <c r="N580135" s="10"/>
    </row>
    <row r="580136" spans="14:14">
      <c r="N580136" s="10"/>
    </row>
    <row r="580137" spans="14:14">
      <c r="N580137" s="10"/>
    </row>
    <row r="580138" spans="14:14">
      <c r="N580138" s="10"/>
    </row>
    <row r="580139" spans="14:14">
      <c r="N580139" s="10"/>
    </row>
    <row r="580140" spans="14:14">
      <c r="N580140" s="10"/>
    </row>
    <row r="580141" spans="14:14">
      <c r="N580141" s="10"/>
    </row>
    <row r="580142" spans="14:14">
      <c r="N580142" s="10"/>
    </row>
    <row r="580143" spans="14:14">
      <c r="N580143" s="10"/>
    </row>
    <row r="580144" spans="14:14">
      <c r="N580144" s="10"/>
    </row>
    <row r="580145" spans="14:14">
      <c r="N580145" s="10"/>
    </row>
    <row r="580146" spans="14:14">
      <c r="N580146" s="10"/>
    </row>
    <row r="580147" spans="14:14">
      <c r="N580147" s="10"/>
    </row>
    <row r="580148" spans="14:14">
      <c r="N580148" s="10"/>
    </row>
    <row r="580149" spans="14:14">
      <c r="N580149" s="10"/>
    </row>
    <row r="580150" spans="14:14">
      <c r="N580150" s="10"/>
    </row>
    <row r="580151" spans="14:14">
      <c r="N580151" s="10"/>
    </row>
    <row r="580152" spans="14:14">
      <c r="N580152" s="10"/>
    </row>
    <row r="580153" spans="14:14">
      <c r="N580153" s="10"/>
    </row>
    <row r="580154" spans="14:14">
      <c r="N580154" s="10"/>
    </row>
    <row r="580155" spans="14:14">
      <c r="N580155" s="10"/>
    </row>
    <row r="580156" spans="14:14">
      <c r="N580156" s="10"/>
    </row>
    <row r="580157" spans="14:14">
      <c r="N580157" s="10"/>
    </row>
    <row r="580158" spans="14:14">
      <c r="N580158" s="10"/>
    </row>
    <row r="580159" spans="14:14">
      <c r="N580159" s="10"/>
    </row>
    <row r="580160" spans="14:14">
      <c r="N580160" s="10"/>
    </row>
    <row r="580161" spans="14:14">
      <c r="N580161" s="10"/>
    </row>
    <row r="580162" spans="14:14">
      <c r="N580162" s="10"/>
    </row>
    <row r="580163" spans="14:14">
      <c r="N580163" s="10"/>
    </row>
    <row r="580164" spans="14:14">
      <c r="N580164" s="10"/>
    </row>
    <row r="580165" spans="14:14">
      <c r="N580165" s="10"/>
    </row>
    <row r="580166" spans="14:14">
      <c r="N580166" s="10"/>
    </row>
    <row r="580167" spans="14:14">
      <c r="N580167" s="10"/>
    </row>
    <row r="580168" spans="14:14">
      <c r="N580168" s="10"/>
    </row>
    <row r="580169" spans="14:14">
      <c r="N580169" s="10"/>
    </row>
    <row r="580170" spans="14:14">
      <c r="N580170" s="10"/>
    </row>
    <row r="580171" spans="14:14">
      <c r="N580171" s="10"/>
    </row>
    <row r="580172" spans="14:14">
      <c r="N580172" s="10"/>
    </row>
    <row r="580173" spans="14:14">
      <c r="N580173" s="10"/>
    </row>
    <row r="580174" spans="14:14">
      <c r="N580174" s="10"/>
    </row>
    <row r="580175" spans="14:14">
      <c r="N580175" s="10"/>
    </row>
    <row r="580176" spans="14:14">
      <c r="N580176" s="10"/>
    </row>
    <row r="580177" spans="14:14">
      <c r="N580177" s="10"/>
    </row>
    <row r="580178" spans="14:14">
      <c r="N580178" s="10"/>
    </row>
    <row r="580179" spans="14:14">
      <c r="N580179" s="10"/>
    </row>
    <row r="580180" spans="14:14">
      <c r="N580180" s="10"/>
    </row>
    <row r="580181" spans="14:14">
      <c r="N580181" s="10"/>
    </row>
    <row r="580182" spans="14:14">
      <c r="N580182" s="10"/>
    </row>
    <row r="580183" spans="14:14">
      <c r="N580183" s="10"/>
    </row>
    <row r="580184" spans="14:14">
      <c r="N580184" s="10"/>
    </row>
    <row r="580185" spans="14:14">
      <c r="N580185" s="10"/>
    </row>
    <row r="580186" spans="14:14">
      <c r="N580186" s="10"/>
    </row>
    <row r="580187" spans="14:14">
      <c r="N580187" s="10"/>
    </row>
    <row r="580188" spans="14:14">
      <c r="N580188" s="10"/>
    </row>
    <row r="580189" spans="14:14">
      <c r="N580189" s="10"/>
    </row>
    <row r="580190" spans="14:14">
      <c r="N580190" s="10"/>
    </row>
    <row r="580191" spans="14:14">
      <c r="N580191" s="10"/>
    </row>
    <row r="580192" spans="14:14">
      <c r="N580192" s="10"/>
    </row>
    <row r="580193" spans="14:14">
      <c r="N580193" s="10"/>
    </row>
    <row r="580194" spans="14:14">
      <c r="N580194" s="10"/>
    </row>
    <row r="580195" spans="14:14">
      <c r="N580195" s="10"/>
    </row>
    <row r="580196" spans="14:14">
      <c r="N580196" s="10"/>
    </row>
    <row r="580197" spans="14:14">
      <c r="N580197" s="10"/>
    </row>
    <row r="580198" spans="14:14">
      <c r="N580198" s="10"/>
    </row>
    <row r="580199" spans="14:14">
      <c r="N580199" s="10"/>
    </row>
    <row r="580200" spans="14:14">
      <c r="N580200" s="10"/>
    </row>
    <row r="580201" spans="14:14">
      <c r="N580201" s="10"/>
    </row>
    <row r="580202" spans="14:14">
      <c r="N580202" s="10"/>
    </row>
    <row r="580203" spans="14:14">
      <c r="N580203" s="10"/>
    </row>
    <row r="580204" spans="14:14">
      <c r="N580204" s="10"/>
    </row>
    <row r="580205" spans="14:14">
      <c r="N580205" s="10"/>
    </row>
    <row r="580206" spans="14:14">
      <c r="N580206" s="10"/>
    </row>
    <row r="580207" spans="14:14">
      <c r="N580207" s="10"/>
    </row>
    <row r="580208" spans="14:14">
      <c r="N580208" s="10"/>
    </row>
    <row r="580209" spans="14:14">
      <c r="N580209" s="10"/>
    </row>
    <row r="580210" spans="14:14">
      <c r="N580210" s="10"/>
    </row>
    <row r="580211" spans="14:14">
      <c r="N580211" s="10"/>
    </row>
    <row r="580212" spans="14:14">
      <c r="N580212" s="10"/>
    </row>
    <row r="580213" spans="14:14">
      <c r="N580213" s="10"/>
    </row>
    <row r="580214" spans="14:14">
      <c r="N580214" s="10"/>
    </row>
    <row r="580215" spans="14:14">
      <c r="N580215" s="10"/>
    </row>
    <row r="580216" spans="14:14">
      <c r="N580216" s="10"/>
    </row>
    <row r="580217" spans="14:14">
      <c r="N580217" s="10"/>
    </row>
    <row r="580218" spans="14:14">
      <c r="N580218" s="10"/>
    </row>
    <row r="580219" spans="14:14">
      <c r="N580219" s="10"/>
    </row>
    <row r="580220" spans="14:14">
      <c r="N580220" s="10"/>
    </row>
    <row r="580221" spans="14:14">
      <c r="N580221" s="10"/>
    </row>
    <row r="580222" spans="14:14">
      <c r="N580222" s="10"/>
    </row>
    <row r="580223" spans="14:14">
      <c r="N580223" s="10"/>
    </row>
    <row r="580224" spans="14:14">
      <c r="N580224" s="10"/>
    </row>
    <row r="580225" spans="14:14">
      <c r="N580225" s="10"/>
    </row>
    <row r="580226" spans="14:14">
      <c r="N580226" s="10"/>
    </row>
    <row r="580227" spans="14:14">
      <c r="N580227" s="10"/>
    </row>
    <row r="580228" spans="14:14">
      <c r="N580228" s="10"/>
    </row>
    <row r="580229" spans="14:14">
      <c r="N580229" s="10"/>
    </row>
    <row r="580230" spans="14:14">
      <c r="N580230" s="10"/>
    </row>
    <row r="580231" spans="14:14">
      <c r="N580231" s="10"/>
    </row>
    <row r="580232" spans="14:14">
      <c r="N580232" s="10"/>
    </row>
    <row r="580233" spans="14:14">
      <c r="N580233" s="10"/>
    </row>
    <row r="580234" spans="14:14">
      <c r="N580234" s="10"/>
    </row>
    <row r="580235" spans="14:14">
      <c r="N580235" s="10"/>
    </row>
    <row r="580236" spans="14:14">
      <c r="N580236" s="10"/>
    </row>
    <row r="580237" spans="14:14">
      <c r="N580237" s="10"/>
    </row>
    <row r="580238" spans="14:14">
      <c r="N580238" s="10"/>
    </row>
    <row r="580239" spans="14:14">
      <c r="N580239" s="10"/>
    </row>
    <row r="580240" spans="14:14">
      <c r="N580240" s="10"/>
    </row>
    <row r="580241" spans="14:14">
      <c r="N580241" s="10"/>
    </row>
    <row r="580242" spans="14:14">
      <c r="N580242" s="10"/>
    </row>
    <row r="580243" spans="14:14">
      <c r="N580243" s="10"/>
    </row>
    <row r="580244" spans="14:14">
      <c r="N580244" s="10"/>
    </row>
    <row r="580245" spans="14:14">
      <c r="N580245" s="10"/>
    </row>
    <row r="580246" spans="14:14">
      <c r="N580246" s="10"/>
    </row>
    <row r="580247" spans="14:14">
      <c r="N580247" s="10"/>
    </row>
    <row r="580248" spans="14:14">
      <c r="N580248" s="10"/>
    </row>
    <row r="580249" spans="14:14">
      <c r="N580249" s="10"/>
    </row>
    <row r="580250" spans="14:14">
      <c r="N580250" s="10"/>
    </row>
    <row r="580251" spans="14:14">
      <c r="N580251" s="10"/>
    </row>
    <row r="580252" spans="14:14">
      <c r="N580252" s="10"/>
    </row>
    <row r="580253" spans="14:14">
      <c r="N580253" s="10"/>
    </row>
    <row r="580254" spans="14:14">
      <c r="N580254" s="10"/>
    </row>
    <row r="580255" spans="14:14">
      <c r="N580255" s="10"/>
    </row>
    <row r="580256" spans="14:14">
      <c r="N580256" s="10"/>
    </row>
    <row r="580257" spans="14:14">
      <c r="N580257" s="10"/>
    </row>
    <row r="580258" spans="14:14">
      <c r="N580258" s="10"/>
    </row>
    <row r="580259" spans="14:14">
      <c r="N580259" s="10"/>
    </row>
    <row r="580260" spans="14:14">
      <c r="N580260" s="10"/>
    </row>
    <row r="580261" spans="14:14">
      <c r="N580261" s="10"/>
    </row>
    <row r="580262" spans="14:14">
      <c r="N580262" s="10"/>
    </row>
    <row r="580263" spans="14:14">
      <c r="N580263" s="10"/>
    </row>
    <row r="580264" spans="14:14">
      <c r="N580264" s="10"/>
    </row>
    <row r="580265" spans="14:14">
      <c r="N580265" s="10"/>
    </row>
    <row r="580266" spans="14:14">
      <c r="N580266" s="10"/>
    </row>
    <row r="580267" spans="14:14">
      <c r="N580267" s="10"/>
    </row>
    <row r="580268" spans="14:14">
      <c r="N580268" s="10"/>
    </row>
    <row r="580269" spans="14:14">
      <c r="N580269" s="10"/>
    </row>
    <row r="580270" spans="14:14">
      <c r="N580270" s="10"/>
    </row>
    <row r="580271" spans="14:14">
      <c r="N580271" s="10"/>
    </row>
    <row r="580272" spans="14:14">
      <c r="N580272" s="10"/>
    </row>
    <row r="580273" spans="14:14">
      <c r="N580273" s="10"/>
    </row>
    <row r="580274" spans="14:14">
      <c r="N580274" s="10"/>
    </row>
    <row r="580275" spans="14:14">
      <c r="N580275" s="10"/>
    </row>
    <row r="580276" spans="14:14">
      <c r="N580276" s="10"/>
    </row>
    <row r="580277" spans="14:14">
      <c r="N580277" s="10"/>
    </row>
    <row r="580278" spans="14:14">
      <c r="N580278" s="10"/>
    </row>
    <row r="580279" spans="14:14">
      <c r="N580279" s="10"/>
    </row>
    <row r="580280" spans="14:14">
      <c r="N580280" s="10"/>
    </row>
    <row r="580281" spans="14:14">
      <c r="N580281" s="10"/>
    </row>
    <row r="580282" spans="14:14">
      <c r="N580282" s="10"/>
    </row>
    <row r="580283" spans="14:14">
      <c r="N580283" s="10"/>
    </row>
    <row r="580284" spans="14:14">
      <c r="N580284" s="10"/>
    </row>
    <row r="580285" spans="14:14">
      <c r="N580285" s="10"/>
    </row>
    <row r="580286" spans="14:14">
      <c r="N580286" s="10"/>
    </row>
    <row r="580287" spans="14:14">
      <c r="N580287" s="10"/>
    </row>
    <row r="580288" spans="14:14">
      <c r="N580288" s="10"/>
    </row>
    <row r="580289" spans="14:14">
      <c r="N580289" s="10"/>
    </row>
    <row r="580290" spans="14:14">
      <c r="N580290" s="10"/>
    </row>
    <row r="580291" spans="14:14">
      <c r="N580291" s="10"/>
    </row>
    <row r="580292" spans="14:14">
      <c r="N580292" s="10"/>
    </row>
    <row r="580293" spans="14:14">
      <c r="N580293" s="10"/>
    </row>
    <row r="580294" spans="14:14">
      <c r="N580294" s="10"/>
    </row>
    <row r="580295" spans="14:14">
      <c r="N580295" s="10"/>
    </row>
    <row r="580296" spans="14:14">
      <c r="N580296" s="10"/>
    </row>
    <row r="580297" spans="14:14">
      <c r="N580297" s="10"/>
    </row>
    <row r="580298" spans="14:14">
      <c r="N580298" s="10"/>
    </row>
    <row r="580299" spans="14:14">
      <c r="N580299" s="10"/>
    </row>
    <row r="580300" spans="14:14">
      <c r="N580300" s="10"/>
    </row>
    <row r="580301" spans="14:14">
      <c r="N580301" s="10"/>
    </row>
    <row r="580302" spans="14:14">
      <c r="N580302" s="10"/>
    </row>
    <row r="580303" spans="14:14">
      <c r="N580303" s="10"/>
    </row>
    <row r="580304" spans="14:14">
      <c r="N580304" s="10"/>
    </row>
    <row r="580305" spans="14:14">
      <c r="N580305" s="10"/>
    </row>
    <row r="580306" spans="14:14">
      <c r="N580306" s="10"/>
    </row>
    <row r="580307" spans="14:14">
      <c r="N580307" s="10"/>
    </row>
    <row r="580308" spans="14:14">
      <c r="N580308" s="10"/>
    </row>
    <row r="580309" spans="14:14">
      <c r="N580309" s="10"/>
    </row>
    <row r="580310" spans="14:14">
      <c r="N580310" s="10"/>
    </row>
    <row r="580311" spans="14:14">
      <c r="N580311" s="10"/>
    </row>
    <row r="580312" spans="14:14">
      <c r="N580312" s="10"/>
    </row>
    <row r="580313" spans="14:14">
      <c r="N580313" s="10"/>
    </row>
    <row r="580314" spans="14:14">
      <c r="N580314" s="10"/>
    </row>
    <row r="580315" spans="14:14">
      <c r="N580315" s="10"/>
    </row>
    <row r="580316" spans="14:14">
      <c r="N580316" s="10"/>
    </row>
    <row r="580317" spans="14:14">
      <c r="N580317" s="10"/>
    </row>
    <row r="580318" spans="14:14">
      <c r="N580318" s="10"/>
    </row>
    <row r="580319" spans="14:14">
      <c r="N580319" s="10"/>
    </row>
    <row r="580320" spans="14:14">
      <c r="N580320" s="10"/>
    </row>
    <row r="580321" spans="14:14">
      <c r="N580321" s="10"/>
    </row>
    <row r="580322" spans="14:14">
      <c r="N580322" s="10"/>
    </row>
    <row r="580323" spans="14:14">
      <c r="N580323" s="10"/>
    </row>
    <row r="580324" spans="14:14">
      <c r="N580324" s="10"/>
    </row>
    <row r="580325" spans="14:14">
      <c r="N580325" s="10"/>
    </row>
    <row r="580326" spans="14:14">
      <c r="N580326" s="10"/>
    </row>
    <row r="580327" spans="14:14">
      <c r="N580327" s="10"/>
    </row>
    <row r="580328" spans="14:14">
      <c r="N580328" s="10"/>
    </row>
    <row r="580329" spans="14:14">
      <c r="N580329" s="10"/>
    </row>
    <row r="580330" spans="14:14">
      <c r="N580330" s="10"/>
    </row>
    <row r="580331" spans="14:14">
      <c r="N580331" s="10"/>
    </row>
    <row r="580332" spans="14:14">
      <c r="N580332" s="10"/>
    </row>
    <row r="580333" spans="14:14">
      <c r="N580333" s="10"/>
    </row>
    <row r="580334" spans="14:14">
      <c r="N580334" s="10"/>
    </row>
    <row r="580335" spans="14:14">
      <c r="N580335" s="10"/>
    </row>
    <row r="580336" spans="14:14">
      <c r="N580336" s="10"/>
    </row>
    <row r="580337" spans="14:14">
      <c r="N580337" s="10"/>
    </row>
    <row r="580338" spans="14:14">
      <c r="N580338" s="10"/>
    </row>
    <row r="580339" spans="14:14">
      <c r="N580339" s="10"/>
    </row>
    <row r="580340" spans="14:14">
      <c r="N580340" s="10"/>
    </row>
    <row r="580341" spans="14:14">
      <c r="N580341" s="10"/>
    </row>
    <row r="580342" spans="14:14">
      <c r="N580342" s="10"/>
    </row>
    <row r="580343" spans="14:14">
      <c r="N580343" s="10"/>
    </row>
    <row r="580344" spans="14:14">
      <c r="N580344" s="10"/>
    </row>
    <row r="580345" spans="14:14">
      <c r="N580345" s="10"/>
    </row>
    <row r="580346" spans="14:14">
      <c r="N580346" s="10"/>
    </row>
    <row r="580347" spans="14:14">
      <c r="N580347" s="10"/>
    </row>
    <row r="580348" spans="14:14">
      <c r="N580348" s="10"/>
    </row>
    <row r="580349" spans="14:14">
      <c r="N580349" s="10"/>
    </row>
    <row r="580350" spans="14:14">
      <c r="N580350" s="10"/>
    </row>
    <row r="580351" spans="14:14">
      <c r="N580351" s="10"/>
    </row>
    <row r="580352" spans="14:14">
      <c r="N580352" s="10"/>
    </row>
    <row r="580353" spans="14:14">
      <c r="N580353" s="10"/>
    </row>
    <row r="580354" spans="14:14">
      <c r="N580354" s="10"/>
    </row>
    <row r="580355" spans="14:14">
      <c r="N580355" s="10"/>
    </row>
    <row r="580356" spans="14:14">
      <c r="N580356" s="10"/>
    </row>
    <row r="580357" spans="14:14">
      <c r="N580357" s="10"/>
    </row>
    <row r="580358" spans="14:14">
      <c r="N580358" s="10"/>
    </row>
    <row r="580359" spans="14:14">
      <c r="N580359" s="10"/>
    </row>
    <row r="580360" spans="14:14">
      <c r="N580360" s="10"/>
    </row>
    <row r="580361" spans="14:14">
      <c r="N580361" s="10"/>
    </row>
    <row r="580362" spans="14:14">
      <c r="N580362" s="10"/>
    </row>
    <row r="580363" spans="14:14">
      <c r="N580363" s="10"/>
    </row>
    <row r="580364" spans="14:14">
      <c r="N580364" s="10"/>
    </row>
    <row r="580365" spans="14:14">
      <c r="N580365" s="10"/>
    </row>
    <row r="580366" spans="14:14">
      <c r="N580366" s="10"/>
    </row>
    <row r="580367" spans="14:14">
      <c r="N580367" s="10"/>
    </row>
    <row r="580368" spans="14:14">
      <c r="N580368" s="10"/>
    </row>
    <row r="580369" spans="14:14">
      <c r="N580369" s="10"/>
    </row>
    <row r="580370" spans="14:14">
      <c r="N580370" s="10"/>
    </row>
    <row r="580371" spans="14:14">
      <c r="N580371" s="10"/>
    </row>
    <row r="580372" spans="14:14">
      <c r="N580372" s="10"/>
    </row>
    <row r="580373" spans="14:14">
      <c r="N580373" s="10"/>
    </row>
    <row r="580374" spans="14:14">
      <c r="N580374" s="10"/>
    </row>
    <row r="580375" spans="14:14">
      <c r="N580375" s="10"/>
    </row>
    <row r="580376" spans="14:14">
      <c r="N580376" s="10"/>
    </row>
    <row r="580377" spans="14:14">
      <c r="N580377" s="10"/>
    </row>
    <row r="580378" spans="14:14">
      <c r="N580378" s="10"/>
    </row>
    <row r="580379" spans="14:14">
      <c r="N580379" s="10"/>
    </row>
    <row r="580380" spans="14:14">
      <c r="N580380" s="10"/>
    </row>
    <row r="580381" spans="14:14">
      <c r="N580381" s="10"/>
    </row>
    <row r="580382" spans="14:14">
      <c r="N580382" s="10"/>
    </row>
    <row r="580383" spans="14:14">
      <c r="N580383" s="10"/>
    </row>
    <row r="580384" spans="14:14">
      <c r="N580384" s="10"/>
    </row>
    <row r="580385" spans="14:14">
      <c r="N580385" s="10"/>
    </row>
    <row r="580386" spans="14:14">
      <c r="N580386" s="10"/>
    </row>
    <row r="580387" spans="14:14">
      <c r="N580387" s="10"/>
    </row>
    <row r="580388" spans="14:14">
      <c r="N580388" s="10"/>
    </row>
    <row r="580389" spans="14:14">
      <c r="N580389" s="10"/>
    </row>
    <row r="580390" spans="14:14">
      <c r="N580390" s="10"/>
    </row>
    <row r="580391" spans="14:14">
      <c r="N580391" s="10"/>
    </row>
    <row r="580392" spans="14:14">
      <c r="N580392" s="10"/>
    </row>
    <row r="580393" spans="14:14">
      <c r="N580393" s="10"/>
    </row>
    <row r="580394" spans="14:14">
      <c r="N580394" s="10"/>
    </row>
    <row r="580395" spans="14:14">
      <c r="N580395" s="10"/>
    </row>
    <row r="580396" spans="14:14">
      <c r="N580396" s="10"/>
    </row>
    <row r="580397" spans="14:14">
      <c r="N580397" s="10"/>
    </row>
    <row r="580398" spans="14:14">
      <c r="N580398" s="10"/>
    </row>
    <row r="580399" spans="14:14">
      <c r="N580399" s="10"/>
    </row>
    <row r="580400" spans="14:14">
      <c r="N580400" s="10"/>
    </row>
    <row r="580401" spans="14:14">
      <c r="N580401" s="10"/>
    </row>
    <row r="580402" spans="14:14">
      <c r="N580402" s="10"/>
    </row>
    <row r="580403" spans="14:14">
      <c r="N580403" s="10"/>
    </row>
    <row r="580404" spans="14:14">
      <c r="N580404" s="10"/>
    </row>
    <row r="580405" spans="14:14">
      <c r="N580405" s="10"/>
    </row>
    <row r="580406" spans="14:14">
      <c r="N580406" s="10"/>
    </row>
    <row r="580407" spans="14:14">
      <c r="N580407" s="10"/>
    </row>
    <row r="580408" spans="14:14">
      <c r="N580408" s="10"/>
    </row>
    <row r="580409" spans="14:14">
      <c r="N580409" s="10"/>
    </row>
    <row r="580410" spans="14:14">
      <c r="N580410" s="10"/>
    </row>
    <row r="580411" spans="14:14">
      <c r="N580411" s="10"/>
    </row>
    <row r="580412" spans="14:14">
      <c r="N580412" s="10"/>
    </row>
    <row r="580413" spans="14:14">
      <c r="N580413" s="10"/>
    </row>
    <row r="580414" spans="14:14">
      <c r="N580414" s="10"/>
    </row>
    <row r="580415" spans="14:14">
      <c r="N580415" s="10"/>
    </row>
    <row r="580416" spans="14:14">
      <c r="N580416" s="10"/>
    </row>
    <row r="580417" spans="14:14">
      <c r="N580417" s="10"/>
    </row>
    <row r="580418" spans="14:14">
      <c r="N580418" s="10"/>
    </row>
    <row r="580419" spans="14:14">
      <c r="N580419" s="10"/>
    </row>
    <row r="580420" spans="14:14">
      <c r="N580420" s="10"/>
    </row>
    <row r="580421" spans="14:14">
      <c r="N580421" s="10"/>
    </row>
    <row r="580422" spans="14:14">
      <c r="N580422" s="10"/>
    </row>
    <row r="580423" spans="14:14">
      <c r="N580423" s="10"/>
    </row>
    <row r="580424" spans="14:14">
      <c r="N580424" s="10"/>
    </row>
    <row r="580425" spans="14:14">
      <c r="N580425" s="10"/>
    </row>
    <row r="580426" spans="14:14">
      <c r="N580426" s="10"/>
    </row>
    <row r="580427" spans="14:14">
      <c r="N580427" s="10"/>
    </row>
    <row r="580428" spans="14:14">
      <c r="N580428" s="10"/>
    </row>
    <row r="580429" spans="14:14">
      <c r="N580429" s="10"/>
    </row>
    <row r="580430" spans="14:14">
      <c r="N580430" s="10"/>
    </row>
    <row r="580431" spans="14:14">
      <c r="N580431" s="10"/>
    </row>
    <row r="580432" spans="14:14">
      <c r="N580432" s="10"/>
    </row>
    <row r="580433" spans="14:14">
      <c r="N580433" s="10"/>
    </row>
    <row r="580434" spans="14:14">
      <c r="N580434" s="10"/>
    </row>
    <row r="580435" spans="14:14">
      <c r="N580435" s="10"/>
    </row>
    <row r="580436" spans="14:14">
      <c r="N580436" s="10"/>
    </row>
    <row r="580437" spans="14:14">
      <c r="N580437" s="10"/>
    </row>
    <row r="580438" spans="14:14">
      <c r="N580438" s="10"/>
    </row>
    <row r="580439" spans="14:14">
      <c r="N580439" s="10"/>
    </row>
    <row r="580440" spans="14:14">
      <c r="N580440" s="10"/>
    </row>
    <row r="580441" spans="14:14">
      <c r="N580441" s="10"/>
    </row>
    <row r="580442" spans="14:14">
      <c r="N580442" s="10"/>
    </row>
    <row r="580443" spans="14:14">
      <c r="N580443" s="10"/>
    </row>
    <row r="580444" spans="14:14">
      <c r="N580444" s="10"/>
    </row>
    <row r="580445" spans="14:14">
      <c r="N580445" s="10"/>
    </row>
    <row r="580446" spans="14:14">
      <c r="N580446" s="10"/>
    </row>
    <row r="580447" spans="14:14">
      <c r="N580447" s="10"/>
    </row>
    <row r="580448" spans="14:14">
      <c r="N580448" s="10"/>
    </row>
    <row r="580449" spans="14:14">
      <c r="N580449" s="10"/>
    </row>
    <row r="580450" spans="14:14">
      <c r="N580450" s="10"/>
    </row>
    <row r="580451" spans="14:14">
      <c r="N580451" s="10"/>
    </row>
    <row r="580452" spans="14:14">
      <c r="N580452" s="10"/>
    </row>
    <row r="580453" spans="14:14">
      <c r="N580453" s="10"/>
    </row>
    <row r="580454" spans="14:14">
      <c r="N580454" s="10"/>
    </row>
    <row r="580455" spans="14:14">
      <c r="N580455" s="10"/>
    </row>
    <row r="580456" spans="14:14">
      <c r="N580456" s="10"/>
    </row>
    <row r="580457" spans="14:14">
      <c r="N580457" s="10"/>
    </row>
    <row r="580458" spans="14:14">
      <c r="N580458" s="10"/>
    </row>
    <row r="580459" spans="14:14">
      <c r="N580459" s="10"/>
    </row>
    <row r="580460" spans="14:14">
      <c r="N580460" s="10"/>
    </row>
    <row r="580461" spans="14:14">
      <c r="N580461" s="10"/>
    </row>
    <row r="580462" spans="14:14">
      <c r="N580462" s="10"/>
    </row>
    <row r="580463" spans="14:14">
      <c r="N580463" s="10"/>
    </row>
    <row r="580464" spans="14:14">
      <c r="N580464" s="10"/>
    </row>
    <row r="580465" spans="14:14">
      <c r="N580465" s="10"/>
    </row>
    <row r="580466" spans="14:14">
      <c r="N580466" s="10"/>
    </row>
    <row r="580467" spans="14:14">
      <c r="N580467" s="10"/>
    </row>
    <row r="580468" spans="14:14">
      <c r="N580468" s="10"/>
    </row>
    <row r="580469" spans="14:14">
      <c r="N580469" s="10"/>
    </row>
    <row r="580470" spans="14:14">
      <c r="N580470" s="10"/>
    </row>
    <row r="580471" spans="14:14">
      <c r="N580471" s="10"/>
    </row>
    <row r="580472" spans="14:14">
      <c r="N580472" s="10"/>
    </row>
    <row r="580473" spans="14:14">
      <c r="N580473" s="10"/>
    </row>
    <row r="580474" spans="14:14">
      <c r="N580474" s="10"/>
    </row>
    <row r="580475" spans="14:14">
      <c r="N580475" s="10"/>
    </row>
    <row r="580476" spans="14:14">
      <c r="N580476" s="10"/>
    </row>
    <row r="580477" spans="14:14">
      <c r="N580477" s="10"/>
    </row>
    <row r="580478" spans="14:14">
      <c r="N580478" s="10"/>
    </row>
    <row r="580479" spans="14:14">
      <c r="N580479" s="10"/>
    </row>
    <row r="580480" spans="14:14">
      <c r="N580480" s="10"/>
    </row>
    <row r="580481" spans="14:14">
      <c r="N580481" s="10"/>
    </row>
    <row r="580482" spans="14:14">
      <c r="N580482" s="10"/>
    </row>
    <row r="580483" spans="14:14">
      <c r="N580483" s="10"/>
    </row>
    <row r="580484" spans="14:14">
      <c r="N580484" s="10"/>
    </row>
    <row r="580485" spans="14:14">
      <c r="N580485" s="10"/>
    </row>
    <row r="580486" spans="14:14">
      <c r="N580486" s="10"/>
    </row>
    <row r="580487" spans="14:14">
      <c r="N580487" s="10"/>
    </row>
    <row r="580488" spans="14:14">
      <c r="N580488" s="10"/>
    </row>
    <row r="580489" spans="14:14">
      <c r="N580489" s="10"/>
    </row>
    <row r="580490" spans="14:14">
      <c r="N580490" s="10"/>
    </row>
    <row r="580491" spans="14:14">
      <c r="N580491" s="10"/>
    </row>
    <row r="580492" spans="14:14">
      <c r="N580492" s="10"/>
    </row>
    <row r="580493" spans="14:14">
      <c r="N580493" s="10"/>
    </row>
    <row r="580494" spans="14:14">
      <c r="N580494" s="10"/>
    </row>
    <row r="580495" spans="14:14">
      <c r="N580495" s="10"/>
    </row>
    <row r="580496" spans="14:14">
      <c r="N580496" s="10"/>
    </row>
    <row r="580497" spans="14:14">
      <c r="N580497" s="10"/>
    </row>
    <row r="580498" spans="14:14">
      <c r="N580498" s="10"/>
    </row>
    <row r="580499" spans="14:14">
      <c r="N580499" s="10"/>
    </row>
    <row r="580500" spans="14:14">
      <c r="N580500" s="10"/>
    </row>
    <row r="580501" spans="14:14">
      <c r="N580501" s="10"/>
    </row>
    <row r="580502" spans="14:14">
      <c r="N580502" s="10"/>
    </row>
    <row r="580503" spans="14:14">
      <c r="N580503" s="10"/>
    </row>
    <row r="580504" spans="14:14">
      <c r="N580504" s="10"/>
    </row>
    <row r="580505" spans="14:14">
      <c r="N580505" s="10"/>
    </row>
    <row r="580506" spans="14:14">
      <c r="N580506" s="10"/>
    </row>
    <row r="580507" spans="14:14">
      <c r="N580507" s="10"/>
    </row>
    <row r="580508" spans="14:14">
      <c r="N580508" s="10"/>
    </row>
    <row r="580509" spans="14:14">
      <c r="N580509" s="10"/>
    </row>
    <row r="580510" spans="14:14">
      <c r="N580510" s="10"/>
    </row>
    <row r="580511" spans="14:14">
      <c r="N580511" s="10"/>
    </row>
    <row r="580512" spans="14:14">
      <c r="N580512" s="10"/>
    </row>
    <row r="580513" spans="14:14">
      <c r="N580513" s="10"/>
    </row>
    <row r="580514" spans="14:14">
      <c r="N580514" s="10"/>
    </row>
    <row r="580515" spans="14:14">
      <c r="N580515" s="10"/>
    </row>
    <row r="580516" spans="14:14">
      <c r="N580516" s="10"/>
    </row>
    <row r="580517" spans="14:14">
      <c r="N580517" s="10"/>
    </row>
    <row r="580518" spans="14:14">
      <c r="N580518" s="10"/>
    </row>
    <row r="580519" spans="14:14">
      <c r="N580519" s="10"/>
    </row>
    <row r="580520" spans="14:14">
      <c r="N580520" s="10"/>
    </row>
    <row r="580521" spans="14:14">
      <c r="N580521" s="10"/>
    </row>
    <row r="580522" spans="14:14">
      <c r="N580522" s="10"/>
    </row>
    <row r="580523" spans="14:14">
      <c r="N580523" s="10"/>
    </row>
    <row r="580524" spans="14:14">
      <c r="N580524" s="10"/>
    </row>
    <row r="580525" spans="14:14">
      <c r="N580525" s="10"/>
    </row>
    <row r="580526" spans="14:14">
      <c r="N580526" s="10"/>
    </row>
    <row r="580527" spans="14:14">
      <c r="N580527" s="10"/>
    </row>
    <row r="580528" spans="14:14">
      <c r="N580528" s="10"/>
    </row>
    <row r="580529" spans="14:14">
      <c r="N580529" s="10"/>
    </row>
    <row r="580530" spans="14:14">
      <c r="N580530" s="10"/>
    </row>
    <row r="580531" spans="14:14">
      <c r="N580531" s="10"/>
    </row>
    <row r="580532" spans="14:14">
      <c r="N580532" s="10"/>
    </row>
    <row r="580533" spans="14:14">
      <c r="N580533" s="10"/>
    </row>
    <row r="580534" spans="14:14">
      <c r="N580534" s="10"/>
    </row>
    <row r="580535" spans="14:14">
      <c r="N580535" s="10"/>
    </row>
    <row r="580536" spans="14:14">
      <c r="N580536" s="10"/>
    </row>
    <row r="580537" spans="14:14">
      <c r="N580537" s="10"/>
    </row>
    <row r="580538" spans="14:14">
      <c r="N580538" s="10"/>
    </row>
    <row r="580539" spans="14:14">
      <c r="N580539" s="10"/>
    </row>
    <row r="580540" spans="14:14">
      <c r="N580540" s="10"/>
    </row>
    <row r="580541" spans="14:14">
      <c r="N580541" s="10"/>
    </row>
    <row r="580542" spans="14:14">
      <c r="N580542" s="10"/>
    </row>
    <row r="580543" spans="14:14">
      <c r="N580543" s="10"/>
    </row>
    <row r="580544" spans="14:14">
      <c r="N580544" s="10"/>
    </row>
    <row r="580545" spans="14:14">
      <c r="N580545" s="10"/>
    </row>
    <row r="580546" spans="14:14">
      <c r="N580546" s="10"/>
    </row>
    <row r="580547" spans="14:14">
      <c r="N580547" s="10"/>
    </row>
    <row r="580548" spans="14:14">
      <c r="N580548" s="10"/>
    </row>
    <row r="580549" spans="14:14">
      <c r="N580549" s="10"/>
    </row>
    <row r="580550" spans="14:14">
      <c r="N580550" s="10"/>
    </row>
    <row r="580551" spans="14:14">
      <c r="N580551" s="10"/>
    </row>
    <row r="580552" spans="14:14">
      <c r="N580552" s="10"/>
    </row>
    <row r="580553" spans="14:14">
      <c r="N580553" s="10"/>
    </row>
    <row r="580554" spans="14:14">
      <c r="N580554" s="10"/>
    </row>
    <row r="580555" spans="14:14">
      <c r="N580555" s="10"/>
    </row>
    <row r="580556" spans="14:14">
      <c r="N580556" s="10"/>
    </row>
    <row r="580557" spans="14:14">
      <c r="N580557" s="10"/>
    </row>
    <row r="580558" spans="14:14">
      <c r="N580558" s="10"/>
    </row>
    <row r="580559" spans="14:14">
      <c r="N580559" s="10"/>
    </row>
    <row r="580560" spans="14:14">
      <c r="N580560" s="10"/>
    </row>
    <row r="580561" spans="14:14">
      <c r="N580561" s="10"/>
    </row>
    <row r="580562" spans="14:14">
      <c r="N580562" s="10"/>
    </row>
    <row r="580563" spans="14:14">
      <c r="N580563" s="10"/>
    </row>
    <row r="580564" spans="14:14">
      <c r="N580564" s="10"/>
    </row>
    <row r="580565" spans="14:14">
      <c r="N580565" s="10"/>
    </row>
    <row r="580566" spans="14:14">
      <c r="N580566" s="10"/>
    </row>
    <row r="580567" spans="14:14">
      <c r="N580567" s="10"/>
    </row>
    <row r="580568" spans="14:14">
      <c r="N580568" s="10"/>
    </row>
    <row r="580569" spans="14:14">
      <c r="N580569" s="10"/>
    </row>
    <row r="580570" spans="14:14">
      <c r="N580570" s="10"/>
    </row>
    <row r="580571" spans="14:14">
      <c r="N580571" s="10"/>
    </row>
    <row r="580572" spans="14:14">
      <c r="N580572" s="10"/>
    </row>
    <row r="580573" spans="14:14">
      <c r="N580573" s="10"/>
    </row>
    <row r="580574" spans="14:14">
      <c r="N580574" s="10"/>
    </row>
    <row r="580575" spans="14:14">
      <c r="N580575" s="10"/>
    </row>
    <row r="580576" spans="14:14">
      <c r="N580576" s="10"/>
    </row>
    <row r="580577" spans="14:14">
      <c r="N580577" s="10"/>
    </row>
    <row r="580578" spans="14:14">
      <c r="N580578" s="10"/>
    </row>
    <row r="580579" spans="14:14">
      <c r="N580579" s="10"/>
    </row>
    <row r="580580" spans="14:14">
      <c r="N580580" s="10"/>
    </row>
    <row r="580581" spans="14:14">
      <c r="N580581" s="10"/>
    </row>
    <row r="580582" spans="14:14">
      <c r="N580582" s="10"/>
    </row>
    <row r="580583" spans="14:14">
      <c r="N580583" s="10"/>
    </row>
    <row r="580584" spans="14:14">
      <c r="N580584" s="10"/>
    </row>
    <row r="580585" spans="14:14">
      <c r="N580585" s="10"/>
    </row>
    <row r="580586" spans="14:14">
      <c r="N580586" s="10"/>
    </row>
    <row r="580587" spans="14:14">
      <c r="N580587" s="10"/>
    </row>
    <row r="580588" spans="14:14">
      <c r="N580588" s="10"/>
    </row>
    <row r="580589" spans="14:14">
      <c r="N580589" s="10"/>
    </row>
    <row r="580590" spans="14:14">
      <c r="N580590" s="10"/>
    </row>
    <row r="580591" spans="14:14">
      <c r="N580591" s="10"/>
    </row>
    <row r="580592" spans="14:14">
      <c r="N580592" s="10"/>
    </row>
    <row r="580593" spans="14:14">
      <c r="N580593" s="10"/>
    </row>
    <row r="580594" spans="14:14">
      <c r="N580594" s="10"/>
    </row>
    <row r="580595" spans="14:14">
      <c r="N580595" s="10"/>
    </row>
    <row r="580596" spans="14:14">
      <c r="N580596" s="10"/>
    </row>
    <row r="580597" spans="14:14">
      <c r="N580597" s="10"/>
    </row>
    <row r="580598" spans="14:14">
      <c r="N580598" s="10"/>
    </row>
    <row r="580599" spans="14:14">
      <c r="N580599" s="10"/>
    </row>
    <row r="580600" spans="14:14">
      <c r="N580600" s="10"/>
    </row>
    <row r="580601" spans="14:14">
      <c r="N580601" s="10"/>
    </row>
    <row r="580602" spans="14:14">
      <c r="N580602" s="10"/>
    </row>
    <row r="580603" spans="14:14">
      <c r="N580603" s="10"/>
    </row>
    <row r="580604" spans="14:14">
      <c r="N580604" s="10"/>
    </row>
    <row r="580605" spans="14:14">
      <c r="N580605" s="10"/>
    </row>
    <row r="580606" spans="14:14">
      <c r="N580606" s="10"/>
    </row>
    <row r="580607" spans="14:14">
      <c r="N580607" s="10"/>
    </row>
    <row r="580608" spans="14:14">
      <c r="N580608" s="10"/>
    </row>
    <row r="580609" spans="14:14">
      <c r="N580609" s="10"/>
    </row>
    <row r="580610" spans="14:14">
      <c r="N580610" s="10"/>
    </row>
    <row r="580611" spans="14:14">
      <c r="N580611" s="10"/>
    </row>
    <row r="580612" spans="14:14">
      <c r="N580612" s="10"/>
    </row>
    <row r="580613" spans="14:14">
      <c r="N580613" s="10"/>
    </row>
    <row r="580614" spans="14:14">
      <c r="N580614" s="10"/>
    </row>
    <row r="580615" spans="14:14">
      <c r="N580615" s="10"/>
    </row>
    <row r="580616" spans="14:14">
      <c r="N580616" s="10"/>
    </row>
    <row r="580617" spans="14:14">
      <c r="N580617" s="10"/>
    </row>
    <row r="580618" spans="14:14">
      <c r="N580618" s="10"/>
    </row>
    <row r="580619" spans="14:14">
      <c r="N580619" s="10"/>
    </row>
    <row r="580620" spans="14:14">
      <c r="N580620" s="10"/>
    </row>
    <row r="580621" spans="14:14">
      <c r="N580621" s="10"/>
    </row>
    <row r="580622" spans="14:14">
      <c r="N580622" s="10"/>
    </row>
    <row r="580623" spans="14:14">
      <c r="N580623" s="10"/>
    </row>
    <row r="580624" spans="14:14">
      <c r="N580624" s="10"/>
    </row>
    <row r="580625" spans="14:14">
      <c r="N580625" s="10"/>
    </row>
    <row r="580626" spans="14:14">
      <c r="N580626" s="10"/>
    </row>
    <row r="580627" spans="14:14">
      <c r="N580627" s="10"/>
    </row>
    <row r="580628" spans="14:14">
      <c r="N580628" s="10"/>
    </row>
    <row r="580629" spans="14:14">
      <c r="N580629" s="10"/>
    </row>
    <row r="580630" spans="14:14">
      <c r="N580630" s="10"/>
    </row>
    <row r="580631" spans="14:14">
      <c r="N580631" s="10"/>
    </row>
    <row r="580632" spans="14:14">
      <c r="N580632" s="10"/>
    </row>
    <row r="580633" spans="14:14">
      <c r="N580633" s="10"/>
    </row>
    <row r="580634" spans="14:14">
      <c r="N580634" s="10"/>
    </row>
    <row r="580635" spans="14:14">
      <c r="N580635" s="10"/>
    </row>
    <row r="580636" spans="14:14">
      <c r="N580636" s="10"/>
    </row>
    <row r="580637" spans="14:14">
      <c r="N580637" s="10"/>
    </row>
    <row r="580638" spans="14:14">
      <c r="N580638" s="10"/>
    </row>
    <row r="580639" spans="14:14">
      <c r="N580639" s="10"/>
    </row>
    <row r="580640" spans="14:14">
      <c r="N580640" s="10"/>
    </row>
    <row r="580641" spans="14:14">
      <c r="N580641" s="10"/>
    </row>
    <row r="580642" spans="14:14">
      <c r="N580642" s="10"/>
    </row>
    <row r="580643" spans="14:14">
      <c r="N580643" s="10"/>
    </row>
    <row r="580644" spans="14:14">
      <c r="N580644" s="10"/>
    </row>
    <row r="580645" spans="14:14">
      <c r="N580645" s="10"/>
    </row>
    <row r="580646" spans="14:14">
      <c r="N580646" s="10"/>
    </row>
    <row r="580647" spans="14:14">
      <c r="N580647" s="10"/>
    </row>
    <row r="580648" spans="14:14">
      <c r="N580648" s="10"/>
    </row>
    <row r="580649" spans="14:14">
      <c r="N580649" s="10"/>
    </row>
    <row r="580650" spans="14:14">
      <c r="N580650" s="10"/>
    </row>
    <row r="580651" spans="14:14">
      <c r="N580651" s="10"/>
    </row>
    <row r="580652" spans="14:14">
      <c r="N580652" s="10"/>
    </row>
    <row r="580653" spans="14:14">
      <c r="N580653" s="10"/>
    </row>
    <row r="580654" spans="14:14">
      <c r="N580654" s="10"/>
    </row>
    <row r="580655" spans="14:14">
      <c r="N580655" s="10"/>
    </row>
    <row r="580656" spans="14:14">
      <c r="N580656" s="10"/>
    </row>
    <row r="580657" spans="14:14">
      <c r="N580657" s="10"/>
    </row>
    <row r="580658" spans="14:14">
      <c r="N580658" s="10"/>
    </row>
    <row r="580659" spans="14:14">
      <c r="N580659" s="10"/>
    </row>
    <row r="580660" spans="14:14">
      <c r="N580660" s="10"/>
    </row>
    <row r="580661" spans="14:14">
      <c r="N580661" s="10"/>
    </row>
    <row r="580662" spans="14:14">
      <c r="N580662" s="10"/>
    </row>
    <row r="580663" spans="14:14">
      <c r="N580663" s="10"/>
    </row>
    <row r="580664" spans="14:14">
      <c r="N580664" s="10"/>
    </row>
    <row r="580665" spans="14:14">
      <c r="N580665" s="10"/>
    </row>
    <row r="580666" spans="14:14">
      <c r="N580666" s="10"/>
    </row>
    <row r="580667" spans="14:14">
      <c r="N580667" s="10"/>
    </row>
    <row r="580668" spans="14:14">
      <c r="N580668" s="10"/>
    </row>
    <row r="580669" spans="14:14">
      <c r="N580669" s="10"/>
    </row>
    <row r="580670" spans="14:14">
      <c r="N580670" s="10"/>
    </row>
    <row r="580671" spans="14:14">
      <c r="N580671" s="10"/>
    </row>
    <row r="580672" spans="14:14">
      <c r="N580672" s="10"/>
    </row>
    <row r="580673" spans="14:14">
      <c r="N580673" s="10"/>
    </row>
    <row r="580674" spans="14:14">
      <c r="N580674" s="10"/>
    </row>
    <row r="580675" spans="14:14">
      <c r="N580675" s="10"/>
    </row>
    <row r="580676" spans="14:14">
      <c r="N580676" s="10"/>
    </row>
    <row r="580677" spans="14:14">
      <c r="N580677" s="10"/>
    </row>
    <row r="580678" spans="14:14">
      <c r="N580678" s="10"/>
    </row>
    <row r="580679" spans="14:14">
      <c r="N580679" s="10"/>
    </row>
    <row r="580680" spans="14:14">
      <c r="N580680" s="10"/>
    </row>
    <row r="580681" spans="14:14">
      <c r="N580681" s="10"/>
    </row>
    <row r="580682" spans="14:14">
      <c r="N580682" s="10"/>
    </row>
    <row r="580683" spans="14:14">
      <c r="N580683" s="10"/>
    </row>
    <row r="580684" spans="14:14">
      <c r="N580684" s="10"/>
    </row>
    <row r="580685" spans="14:14">
      <c r="N580685" s="10"/>
    </row>
    <row r="580686" spans="14:14">
      <c r="N580686" s="10"/>
    </row>
    <row r="580687" spans="14:14">
      <c r="N580687" s="10"/>
    </row>
    <row r="580688" spans="14:14">
      <c r="N580688" s="10"/>
    </row>
    <row r="580689" spans="14:14">
      <c r="N580689" s="10"/>
    </row>
    <row r="580690" spans="14:14">
      <c r="N580690" s="10"/>
    </row>
    <row r="580691" spans="14:14">
      <c r="N580691" s="10"/>
    </row>
    <row r="580692" spans="14:14">
      <c r="N580692" s="10"/>
    </row>
    <row r="580693" spans="14:14">
      <c r="N580693" s="10"/>
    </row>
    <row r="580694" spans="14:14">
      <c r="N580694" s="10"/>
    </row>
    <row r="580695" spans="14:14">
      <c r="N580695" s="10"/>
    </row>
    <row r="580696" spans="14:14">
      <c r="N580696" s="10"/>
    </row>
    <row r="580697" spans="14:14">
      <c r="N580697" s="10"/>
    </row>
    <row r="580698" spans="14:14">
      <c r="N580698" s="10"/>
    </row>
    <row r="580699" spans="14:14">
      <c r="N580699" s="10"/>
    </row>
    <row r="580700" spans="14:14">
      <c r="N580700" s="10"/>
    </row>
    <row r="580701" spans="14:14">
      <c r="N580701" s="10"/>
    </row>
    <row r="580702" spans="14:14">
      <c r="N580702" s="10"/>
    </row>
    <row r="580703" spans="14:14">
      <c r="N580703" s="10"/>
    </row>
    <row r="580704" spans="14:14">
      <c r="N580704" s="10"/>
    </row>
    <row r="580705" spans="14:14">
      <c r="N580705" s="10"/>
    </row>
    <row r="580706" spans="14:14">
      <c r="N580706" s="10"/>
    </row>
    <row r="580707" spans="14:14">
      <c r="N580707" s="10"/>
    </row>
    <row r="580708" spans="14:14">
      <c r="N580708" s="10"/>
    </row>
    <row r="580709" spans="14:14">
      <c r="N580709" s="10"/>
    </row>
    <row r="580710" spans="14:14">
      <c r="N580710" s="10"/>
    </row>
    <row r="580711" spans="14:14">
      <c r="N580711" s="10"/>
    </row>
    <row r="580712" spans="14:14">
      <c r="N580712" s="10"/>
    </row>
    <row r="580713" spans="14:14">
      <c r="N580713" s="10"/>
    </row>
    <row r="580714" spans="14:14">
      <c r="N580714" s="10"/>
    </row>
    <row r="580715" spans="14:14">
      <c r="N580715" s="10"/>
    </row>
    <row r="580716" spans="14:14">
      <c r="N580716" s="10"/>
    </row>
    <row r="580717" spans="14:14">
      <c r="N580717" s="10"/>
    </row>
    <row r="580718" spans="14:14">
      <c r="N580718" s="10"/>
    </row>
    <row r="580719" spans="14:14">
      <c r="N580719" s="10"/>
    </row>
    <row r="580720" spans="14:14">
      <c r="N580720" s="10"/>
    </row>
    <row r="580721" spans="14:14">
      <c r="N580721" s="10"/>
    </row>
    <row r="580722" spans="14:14">
      <c r="N580722" s="10"/>
    </row>
    <row r="580723" spans="14:14">
      <c r="N580723" s="10"/>
    </row>
    <row r="580724" spans="14:14">
      <c r="N580724" s="10"/>
    </row>
    <row r="580725" spans="14:14">
      <c r="N580725" s="10"/>
    </row>
    <row r="580726" spans="14:14">
      <c r="N580726" s="10"/>
    </row>
    <row r="580727" spans="14:14">
      <c r="N580727" s="10"/>
    </row>
    <row r="580728" spans="14:14">
      <c r="N580728" s="10"/>
    </row>
    <row r="580729" spans="14:14">
      <c r="N580729" s="10"/>
    </row>
    <row r="580730" spans="14:14">
      <c r="N580730" s="10"/>
    </row>
    <row r="580731" spans="14:14">
      <c r="N580731" s="10"/>
    </row>
    <row r="580732" spans="14:14">
      <c r="N580732" s="10"/>
    </row>
    <row r="580733" spans="14:14">
      <c r="N580733" s="10"/>
    </row>
    <row r="580734" spans="14:14">
      <c r="N580734" s="10"/>
    </row>
    <row r="580735" spans="14:14">
      <c r="N580735" s="10"/>
    </row>
    <row r="580736" spans="14:14">
      <c r="N580736" s="10"/>
    </row>
    <row r="580737" spans="14:14">
      <c r="N580737" s="10"/>
    </row>
    <row r="580738" spans="14:14">
      <c r="N580738" s="10"/>
    </row>
    <row r="580739" spans="14:14">
      <c r="N580739" s="10"/>
    </row>
    <row r="580740" spans="14:14">
      <c r="N580740" s="10"/>
    </row>
    <row r="580741" spans="14:14">
      <c r="N580741" s="10"/>
    </row>
    <row r="580742" spans="14:14">
      <c r="N580742" s="10"/>
    </row>
    <row r="580743" spans="14:14">
      <c r="N580743" s="10"/>
    </row>
    <row r="580744" spans="14:14">
      <c r="N580744" s="10"/>
    </row>
    <row r="580745" spans="14:14">
      <c r="N580745" s="10"/>
    </row>
    <row r="580746" spans="14:14">
      <c r="N580746" s="10"/>
    </row>
    <row r="580747" spans="14:14">
      <c r="N580747" s="10"/>
    </row>
    <row r="580748" spans="14:14">
      <c r="N580748" s="10"/>
    </row>
    <row r="580749" spans="14:14">
      <c r="N580749" s="10"/>
    </row>
    <row r="580750" spans="14:14">
      <c r="N580750" s="10"/>
    </row>
    <row r="580751" spans="14:14">
      <c r="N580751" s="10"/>
    </row>
    <row r="580752" spans="14:14">
      <c r="N580752" s="10"/>
    </row>
    <row r="580753" spans="14:14">
      <c r="N580753" s="10"/>
    </row>
    <row r="580754" spans="14:14">
      <c r="N580754" s="10"/>
    </row>
    <row r="580755" spans="14:14">
      <c r="N580755" s="10"/>
    </row>
    <row r="580756" spans="14:14">
      <c r="N580756" s="10"/>
    </row>
    <row r="580757" spans="14:14">
      <c r="N580757" s="10"/>
    </row>
    <row r="580758" spans="14:14">
      <c r="N580758" s="10"/>
    </row>
    <row r="580759" spans="14:14">
      <c r="N580759" s="10"/>
    </row>
    <row r="580760" spans="14:14">
      <c r="N580760" s="10"/>
    </row>
    <row r="580761" spans="14:14">
      <c r="N580761" s="10"/>
    </row>
    <row r="580762" spans="14:14">
      <c r="N580762" s="10"/>
    </row>
    <row r="580763" spans="14:14">
      <c r="N580763" s="10"/>
    </row>
    <row r="580764" spans="14:14">
      <c r="N580764" s="10"/>
    </row>
    <row r="580765" spans="14:14">
      <c r="N580765" s="10"/>
    </row>
    <row r="580766" spans="14:14">
      <c r="N580766" s="10"/>
    </row>
    <row r="580767" spans="14:14">
      <c r="N580767" s="10"/>
    </row>
    <row r="580768" spans="14:14">
      <c r="N580768" s="10"/>
    </row>
    <row r="580769" spans="14:14">
      <c r="N580769" s="10"/>
    </row>
    <row r="580770" spans="14:14">
      <c r="N580770" s="10"/>
    </row>
    <row r="580771" spans="14:14">
      <c r="N580771" s="10"/>
    </row>
    <row r="580772" spans="14:14">
      <c r="N580772" s="10"/>
    </row>
    <row r="580773" spans="14:14">
      <c r="N580773" s="10"/>
    </row>
    <row r="580774" spans="14:14">
      <c r="N580774" s="10"/>
    </row>
    <row r="580775" spans="14:14">
      <c r="N580775" s="10"/>
    </row>
    <row r="580776" spans="14:14">
      <c r="N580776" s="10"/>
    </row>
    <row r="580777" spans="14:14">
      <c r="N580777" s="10"/>
    </row>
    <row r="580778" spans="14:14">
      <c r="N580778" s="10"/>
    </row>
    <row r="580779" spans="14:14">
      <c r="N580779" s="10"/>
    </row>
    <row r="580780" spans="14:14">
      <c r="N580780" s="10"/>
    </row>
    <row r="580781" spans="14:14">
      <c r="N580781" s="10"/>
    </row>
    <row r="580782" spans="14:14">
      <c r="N580782" s="10"/>
    </row>
    <row r="580783" spans="14:14">
      <c r="N580783" s="10"/>
    </row>
    <row r="580784" spans="14:14">
      <c r="N580784" s="10"/>
    </row>
    <row r="580785" spans="14:14">
      <c r="N580785" s="10"/>
    </row>
    <row r="580786" spans="14:14">
      <c r="N580786" s="10"/>
    </row>
    <row r="580787" spans="14:14">
      <c r="N580787" s="10"/>
    </row>
    <row r="580788" spans="14:14">
      <c r="N580788" s="10"/>
    </row>
    <row r="580789" spans="14:14">
      <c r="N580789" s="10"/>
    </row>
    <row r="580790" spans="14:14">
      <c r="N580790" s="10"/>
    </row>
    <row r="580791" spans="14:14">
      <c r="N580791" s="10"/>
    </row>
    <row r="580792" spans="14:14">
      <c r="N580792" s="10"/>
    </row>
    <row r="580793" spans="14:14">
      <c r="N580793" s="10"/>
    </row>
    <row r="580794" spans="14:14">
      <c r="N580794" s="10"/>
    </row>
    <row r="580795" spans="14:14">
      <c r="N580795" s="10"/>
    </row>
    <row r="580796" spans="14:14">
      <c r="N580796" s="10"/>
    </row>
    <row r="580797" spans="14:14">
      <c r="N580797" s="10"/>
    </row>
    <row r="580798" spans="14:14">
      <c r="N580798" s="10"/>
    </row>
    <row r="580799" spans="14:14">
      <c r="N580799" s="10"/>
    </row>
    <row r="580800" spans="14:14">
      <c r="N580800" s="10"/>
    </row>
    <row r="580801" spans="14:14">
      <c r="N580801" s="10"/>
    </row>
    <row r="580802" spans="14:14">
      <c r="N580802" s="10"/>
    </row>
    <row r="580803" spans="14:14">
      <c r="N580803" s="10"/>
    </row>
    <row r="580804" spans="14:14">
      <c r="N580804" s="10"/>
    </row>
    <row r="580805" spans="14:14">
      <c r="N580805" s="10"/>
    </row>
    <row r="580806" spans="14:14">
      <c r="N580806" s="10"/>
    </row>
    <row r="580807" spans="14:14">
      <c r="N580807" s="10"/>
    </row>
    <row r="580808" spans="14:14">
      <c r="N580808" s="10"/>
    </row>
    <row r="580809" spans="14:14">
      <c r="N580809" s="10"/>
    </row>
    <row r="580810" spans="14:14">
      <c r="N580810" s="10"/>
    </row>
    <row r="580811" spans="14:14">
      <c r="N580811" s="10"/>
    </row>
    <row r="580812" spans="14:14">
      <c r="N580812" s="10"/>
    </row>
    <row r="580813" spans="14:14">
      <c r="N580813" s="10"/>
    </row>
    <row r="580814" spans="14:14">
      <c r="N580814" s="10"/>
    </row>
    <row r="580815" spans="14:14">
      <c r="N580815" s="10"/>
    </row>
    <row r="580816" spans="14:14">
      <c r="N580816" s="10"/>
    </row>
    <row r="580817" spans="14:14">
      <c r="N580817" s="10"/>
    </row>
    <row r="580818" spans="14:14">
      <c r="N580818" s="10"/>
    </row>
    <row r="580819" spans="14:14">
      <c r="N580819" s="10"/>
    </row>
    <row r="580820" spans="14:14">
      <c r="N580820" s="10"/>
    </row>
    <row r="580821" spans="14:14">
      <c r="N580821" s="10"/>
    </row>
    <row r="580822" spans="14:14">
      <c r="N580822" s="10"/>
    </row>
    <row r="580823" spans="14:14">
      <c r="N580823" s="10"/>
    </row>
    <row r="580824" spans="14:14">
      <c r="N580824" s="10"/>
    </row>
    <row r="580825" spans="14:14">
      <c r="N580825" s="10"/>
    </row>
    <row r="580826" spans="14:14">
      <c r="N580826" s="10"/>
    </row>
    <row r="580827" spans="14:14">
      <c r="N580827" s="10"/>
    </row>
    <row r="580828" spans="14:14">
      <c r="N580828" s="10"/>
    </row>
    <row r="580829" spans="14:14">
      <c r="N580829" s="10"/>
    </row>
    <row r="580830" spans="14:14">
      <c r="N580830" s="10"/>
    </row>
    <row r="580831" spans="14:14">
      <c r="N580831" s="10"/>
    </row>
    <row r="580832" spans="14:14">
      <c r="N580832" s="10"/>
    </row>
    <row r="580833" spans="14:14">
      <c r="N580833" s="10"/>
    </row>
    <row r="580834" spans="14:14">
      <c r="N580834" s="10"/>
    </row>
    <row r="580835" spans="14:14">
      <c r="N580835" s="10"/>
    </row>
    <row r="580836" spans="14:14">
      <c r="N580836" s="10"/>
    </row>
    <row r="580837" spans="14:14">
      <c r="N580837" s="10"/>
    </row>
    <row r="580838" spans="14:14">
      <c r="N580838" s="10"/>
    </row>
    <row r="580839" spans="14:14">
      <c r="N580839" s="10"/>
    </row>
    <row r="580840" spans="14:14">
      <c r="N580840" s="10"/>
    </row>
    <row r="580841" spans="14:14">
      <c r="N580841" s="10"/>
    </row>
    <row r="580842" spans="14:14">
      <c r="N580842" s="10"/>
    </row>
    <row r="580843" spans="14:14">
      <c r="N580843" s="10"/>
    </row>
    <row r="580844" spans="14:14">
      <c r="N580844" s="10"/>
    </row>
    <row r="580845" spans="14:14">
      <c r="N580845" s="10"/>
    </row>
    <row r="580846" spans="14:14">
      <c r="N580846" s="10"/>
    </row>
    <row r="580847" spans="14:14">
      <c r="N580847" s="10"/>
    </row>
    <row r="580848" spans="14:14">
      <c r="N580848" s="10"/>
    </row>
    <row r="580849" spans="14:14">
      <c r="N580849" s="10"/>
    </row>
    <row r="580850" spans="14:14">
      <c r="N580850" s="10"/>
    </row>
    <row r="580851" spans="14:14">
      <c r="N580851" s="10"/>
    </row>
    <row r="580852" spans="14:14">
      <c r="N580852" s="10"/>
    </row>
    <row r="580853" spans="14:14">
      <c r="N580853" s="10"/>
    </row>
    <row r="580854" spans="14:14">
      <c r="N580854" s="10"/>
    </row>
    <row r="580855" spans="14:14">
      <c r="N580855" s="10"/>
    </row>
    <row r="580856" spans="14:14">
      <c r="N580856" s="10"/>
    </row>
    <row r="580857" spans="14:14">
      <c r="N580857" s="10"/>
    </row>
    <row r="580858" spans="14:14">
      <c r="N580858" s="10"/>
    </row>
    <row r="580859" spans="14:14">
      <c r="N580859" s="10"/>
    </row>
    <row r="580860" spans="14:14">
      <c r="N580860" s="10"/>
    </row>
    <row r="580861" spans="14:14">
      <c r="N580861" s="10"/>
    </row>
    <row r="580862" spans="14:14">
      <c r="N580862" s="10"/>
    </row>
    <row r="580863" spans="14:14">
      <c r="N580863" s="10"/>
    </row>
    <row r="580864" spans="14:14">
      <c r="N580864" s="10"/>
    </row>
    <row r="580865" spans="14:14">
      <c r="N580865" s="10"/>
    </row>
    <row r="580866" spans="14:14">
      <c r="N580866" s="10"/>
    </row>
    <row r="580867" spans="14:14">
      <c r="N580867" s="10"/>
    </row>
    <row r="580868" spans="14:14">
      <c r="N580868" s="10"/>
    </row>
    <row r="580869" spans="14:14">
      <c r="N580869" s="10"/>
    </row>
    <row r="580870" spans="14:14">
      <c r="N580870" s="10"/>
    </row>
    <row r="580871" spans="14:14">
      <c r="N580871" s="10"/>
    </row>
    <row r="580872" spans="14:14">
      <c r="N580872" s="10"/>
    </row>
    <row r="580873" spans="14:14">
      <c r="N580873" s="10"/>
    </row>
    <row r="580874" spans="14:14">
      <c r="N580874" s="10"/>
    </row>
    <row r="580875" spans="14:14">
      <c r="N580875" s="10"/>
    </row>
    <row r="580876" spans="14:14">
      <c r="N580876" s="10"/>
    </row>
    <row r="580877" spans="14:14">
      <c r="N580877" s="10"/>
    </row>
    <row r="580878" spans="14:14">
      <c r="N580878" s="10"/>
    </row>
    <row r="580879" spans="14:14">
      <c r="N580879" s="10"/>
    </row>
    <row r="580880" spans="14:14">
      <c r="N580880" s="10"/>
    </row>
    <row r="580881" spans="14:14">
      <c r="N580881" s="10"/>
    </row>
    <row r="580882" spans="14:14">
      <c r="N580882" s="10"/>
    </row>
    <row r="580883" spans="14:14">
      <c r="N580883" s="10"/>
    </row>
    <row r="580884" spans="14:14">
      <c r="N580884" s="10"/>
    </row>
    <row r="580885" spans="14:14">
      <c r="N580885" s="10"/>
    </row>
    <row r="580886" spans="14:14">
      <c r="N580886" s="10"/>
    </row>
    <row r="580887" spans="14:14">
      <c r="N580887" s="10"/>
    </row>
    <row r="580888" spans="14:14">
      <c r="N580888" s="10"/>
    </row>
    <row r="580889" spans="14:14">
      <c r="N580889" s="10"/>
    </row>
    <row r="580890" spans="14:14">
      <c r="N580890" s="10"/>
    </row>
    <row r="580891" spans="14:14">
      <c r="N580891" s="10"/>
    </row>
    <row r="580892" spans="14:14">
      <c r="N580892" s="10"/>
    </row>
    <row r="580893" spans="14:14">
      <c r="N580893" s="10"/>
    </row>
    <row r="580894" spans="14:14">
      <c r="N580894" s="10"/>
    </row>
    <row r="580895" spans="14:14">
      <c r="N580895" s="10"/>
    </row>
    <row r="580896" spans="14:14">
      <c r="N580896" s="10"/>
    </row>
    <row r="580897" spans="14:14">
      <c r="N580897" s="10"/>
    </row>
    <row r="580898" spans="14:14">
      <c r="N580898" s="10"/>
    </row>
    <row r="580899" spans="14:14">
      <c r="N580899" s="10"/>
    </row>
    <row r="580900" spans="14:14">
      <c r="N580900" s="10"/>
    </row>
    <row r="580901" spans="14:14">
      <c r="N580901" s="10"/>
    </row>
    <row r="580902" spans="14:14">
      <c r="N580902" s="10"/>
    </row>
    <row r="580903" spans="14:14">
      <c r="N580903" s="10"/>
    </row>
    <row r="580904" spans="14:14">
      <c r="N580904" s="10"/>
    </row>
    <row r="580905" spans="14:14">
      <c r="N580905" s="10"/>
    </row>
    <row r="580906" spans="14:14">
      <c r="N580906" s="10"/>
    </row>
    <row r="580907" spans="14:14">
      <c r="N580907" s="10"/>
    </row>
    <row r="580908" spans="14:14">
      <c r="N580908" s="10"/>
    </row>
    <row r="580909" spans="14:14">
      <c r="N580909" s="10"/>
    </row>
    <row r="580910" spans="14:14">
      <c r="N580910" s="10"/>
    </row>
    <row r="580911" spans="14:14">
      <c r="N580911" s="10"/>
    </row>
    <row r="580912" spans="14:14">
      <c r="N580912" s="10"/>
    </row>
    <row r="580913" spans="14:14">
      <c r="N580913" s="10"/>
    </row>
    <row r="580914" spans="14:14">
      <c r="N580914" s="10"/>
    </row>
    <row r="580915" spans="14:14">
      <c r="N580915" s="10"/>
    </row>
    <row r="580916" spans="14:14">
      <c r="N580916" s="10"/>
    </row>
    <row r="580917" spans="14:14">
      <c r="N580917" s="10"/>
    </row>
    <row r="580918" spans="14:14">
      <c r="N580918" s="10"/>
    </row>
    <row r="580919" spans="14:14">
      <c r="N580919" s="10"/>
    </row>
    <row r="580920" spans="14:14">
      <c r="N580920" s="10"/>
    </row>
    <row r="580921" spans="14:14">
      <c r="N580921" s="10"/>
    </row>
    <row r="580922" spans="14:14">
      <c r="N580922" s="10"/>
    </row>
    <row r="580923" spans="14:14">
      <c r="N580923" s="10"/>
    </row>
    <row r="580924" spans="14:14">
      <c r="N580924" s="10"/>
    </row>
    <row r="580925" spans="14:14">
      <c r="N580925" s="10"/>
    </row>
    <row r="580926" spans="14:14">
      <c r="N580926" s="10"/>
    </row>
    <row r="580927" spans="14:14">
      <c r="N580927" s="10"/>
    </row>
    <row r="580928" spans="14:14">
      <c r="N580928" s="10"/>
    </row>
    <row r="580929" spans="14:14">
      <c r="N580929" s="10"/>
    </row>
    <row r="580930" spans="14:14">
      <c r="N580930" s="10"/>
    </row>
    <row r="580931" spans="14:14">
      <c r="N580931" s="10"/>
    </row>
    <row r="580932" spans="14:14">
      <c r="N580932" s="10"/>
    </row>
    <row r="580933" spans="14:14">
      <c r="N580933" s="10"/>
    </row>
    <row r="580934" spans="14:14">
      <c r="N580934" s="10"/>
    </row>
    <row r="580935" spans="14:14">
      <c r="N580935" s="10"/>
    </row>
    <row r="580936" spans="14:14">
      <c r="N580936" s="10"/>
    </row>
    <row r="580937" spans="14:14">
      <c r="N580937" s="10"/>
    </row>
    <row r="580938" spans="14:14">
      <c r="N580938" s="10"/>
    </row>
    <row r="580939" spans="14:14">
      <c r="N580939" s="10"/>
    </row>
    <row r="580940" spans="14:14">
      <c r="N580940" s="10"/>
    </row>
    <row r="580941" spans="14:14">
      <c r="N580941" s="10"/>
    </row>
    <row r="580942" spans="14:14">
      <c r="N580942" s="10"/>
    </row>
    <row r="580943" spans="14:14">
      <c r="N580943" s="10"/>
    </row>
    <row r="580944" spans="14:14">
      <c r="N580944" s="10"/>
    </row>
    <row r="580945" spans="14:14">
      <c r="N580945" s="10"/>
    </row>
    <row r="580946" spans="14:14">
      <c r="N580946" s="10"/>
    </row>
    <row r="580947" spans="14:14">
      <c r="N580947" s="10"/>
    </row>
    <row r="580948" spans="14:14">
      <c r="N580948" s="10"/>
    </row>
    <row r="580949" spans="14:14">
      <c r="N580949" s="10"/>
    </row>
    <row r="580950" spans="14:14">
      <c r="N580950" s="10"/>
    </row>
    <row r="580951" spans="14:14">
      <c r="N580951" s="10"/>
    </row>
    <row r="580952" spans="14:14">
      <c r="N580952" s="10"/>
    </row>
    <row r="580953" spans="14:14">
      <c r="N580953" s="10"/>
    </row>
    <row r="580954" spans="14:14">
      <c r="N580954" s="10"/>
    </row>
    <row r="580955" spans="14:14">
      <c r="N580955" s="10"/>
    </row>
    <row r="580956" spans="14:14">
      <c r="N580956" s="10"/>
    </row>
    <row r="580957" spans="14:14">
      <c r="N580957" s="10"/>
    </row>
    <row r="580958" spans="14:14">
      <c r="N580958" s="10"/>
    </row>
    <row r="580959" spans="14:14">
      <c r="N580959" s="10"/>
    </row>
    <row r="580960" spans="14:14">
      <c r="N580960" s="10"/>
    </row>
    <row r="580961" spans="14:14">
      <c r="N580961" s="10"/>
    </row>
    <row r="580962" spans="14:14">
      <c r="N580962" s="10"/>
    </row>
    <row r="580963" spans="14:14">
      <c r="N580963" s="10"/>
    </row>
    <row r="580964" spans="14:14">
      <c r="N580964" s="10"/>
    </row>
    <row r="580965" spans="14:14">
      <c r="N580965" s="10"/>
    </row>
    <row r="580966" spans="14:14">
      <c r="N580966" s="10"/>
    </row>
    <row r="580967" spans="14:14">
      <c r="N580967" s="10"/>
    </row>
    <row r="580968" spans="14:14">
      <c r="N580968" s="10"/>
    </row>
    <row r="580969" spans="14:14">
      <c r="N580969" s="10"/>
    </row>
    <row r="580970" spans="14:14">
      <c r="N580970" s="10"/>
    </row>
    <row r="580971" spans="14:14">
      <c r="N580971" s="10"/>
    </row>
    <row r="580972" spans="14:14">
      <c r="N580972" s="10"/>
    </row>
    <row r="580973" spans="14:14">
      <c r="N580973" s="10"/>
    </row>
    <row r="580974" spans="14:14">
      <c r="N580974" s="10"/>
    </row>
    <row r="580975" spans="14:14">
      <c r="N580975" s="10"/>
    </row>
    <row r="580976" spans="14:14">
      <c r="N580976" s="10"/>
    </row>
    <row r="580977" spans="14:14">
      <c r="N580977" s="10"/>
    </row>
    <row r="580978" spans="14:14">
      <c r="N580978" s="10"/>
    </row>
    <row r="580979" spans="14:14">
      <c r="N580979" s="10"/>
    </row>
    <row r="580980" spans="14:14">
      <c r="N580980" s="10"/>
    </row>
    <row r="580981" spans="14:14">
      <c r="N580981" s="10"/>
    </row>
    <row r="580982" spans="14:14">
      <c r="N580982" s="10"/>
    </row>
    <row r="580983" spans="14:14">
      <c r="N580983" s="10"/>
    </row>
    <row r="580984" spans="14:14">
      <c r="N580984" s="10"/>
    </row>
    <row r="580985" spans="14:14">
      <c r="N580985" s="10"/>
    </row>
    <row r="580986" spans="14:14">
      <c r="N580986" s="10"/>
    </row>
    <row r="580987" spans="14:14">
      <c r="N580987" s="10"/>
    </row>
    <row r="580988" spans="14:14">
      <c r="N580988" s="10"/>
    </row>
    <row r="580989" spans="14:14">
      <c r="N580989" s="10"/>
    </row>
    <row r="580990" spans="14:14">
      <c r="N580990" s="10"/>
    </row>
    <row r="580991" spans="14:14">
      <c r="N580991" s="10"/>
    </row>
    <row r="580992" spans="14:14">
      <c r="N580992" s="10"/>
    </row>
    <row r="580993" spans="14:14">
      <c r="N580993" s="10"/>
    </row>
    <row r="580994" spans="14:14">
      <c r="N580994" s="10"/>
    </row>
    <row r="580995" spans="14:14">
      <c r="N580995" s="10"/>
    </row>
    <row r="580996" spans="14:14">
      <c r="N580996" s="10"/>
    </row>
    <row r="580997" spans="14:14">
      <c r="N580997" s="10"/>
    </row>
    <row r="580998" spans="14:14">
      <c r="N580998" s="10"/>
    </row>
    <row r="580999" spans="14:14">
      <c r="N580999" s="10"/>
    </row>
    <row r="581000" spans="14:14">
      <c r="N581000" s="10"/>
    </row>
    <row r="581001" spans="14:14">
      <c r="N581001" s="10"/>
    </row>
    <row r="581002" spans="14:14">
      <c r="N581002" s="10"/>
    </row>
    <row r="581003" spans="14:14">
      <c r="N581003" s="10"/>
    </row>
    <row r="581004" spans="14:14">
      <c r="N581004" s="10"/>
    </row>
    <row r="581005" spans="14:14">
      <c r="N581005" s="10"/>
    </row>
    <row r="581006" spans="14:14">
      <c r="N581006" s="10"/>
    </row>
    <row r="581007" spans="14:14">
      <c r="N581007" s="10"/>
    </row>
    <row r="581008" spans="14:14">
      <c r="N581008" s="10"/>
    </row>
    <row r="581009" spans="14:14">
      <c r="N581009" s="10"/>
    </row>
    <row r="581010" spans="14:14">
      <c r="N581010" s="10"/>
    </row>
    <row r="581011" spans="14:14">
      <c r="N581011" s="10"/>
    </row>
    <row r="581012" spans="14:14">
      <c r="N581012" s="10"/>
    </row>
    <row r="581013" spans="14:14">
      <c r="N581013" s="10"/>
    </row>
    <row r="581014" spans="14:14">
      <c r="N581014" s="10"/>
    </row>
    <row r="581015" spans="14:14">
      <c r="N581015" s="10"/>
    </row>
    <row r="581016" spans="14:14">
      <c r="N581016" s="10"/>
    </row>
    <row r="581017" spans="14:14">
      <c r="N581017" s="10"/>
    </row>
    <row r="581018" spans="14:14">
      <c r="N581018" s="10"/>
    </row>
    <row r="581019" spans="14:14">
      <c r="N581019" s="10"/>
    </row>
    <row r="581020" spans="14:14">
      <c r="N581020" s="10"/>
    </row>
    <row r="581021" spans="14:14">
      <c r="N581021" s="10"/>
    </row>
    <row r="581022" spans="14:14">
      <c r="N581022" s="10"/>
    </row>
    <row r="581023" spans="14:14">
      <c r="N581023" s="10"/>
    </row>
    <row r="581024" spans="14:14">
      <c r="N581024" s="10"/>
    </row>
    <row r="581025" spans="14:14">
      <c r="N581025" s="10"/>
    </row>
    <row r="581026" spans="14:14">
      <c r="N581026" s="10"/>
    </row>
    <row r="581027" spans="14:14">
      <c r="N581027" s="10"/>
    </row>
    <row r="581028" spans="14:14">
      <c r="N581028" s="10"/>
    </row>
    <row r="581029" spans="14:14">
      <c r="N581029" s="10"/>
    </row>
    <row r="581030" spans="14:14">
      <c r="N581030" s="10"/>
    </row>
    <row r="581031" spans="14:14">
      <c r="N581031" s="10"/>
    </row>
    <row r="581032" spans="14:14">
      <c r="N581032" s="10"/>
    </row>
    <row r="581033" spans="14:14">
      <c r="N581033" s="10"/>
    </row>
    <row r="581034" spans="14:14">
      <c r="N581034" s="10"/>
    </row>
    <row r="581035" spans="14:14">
      <c r="N581035" s="10"/>
    </row>
    <row r="581036" spans="14:14">
      <c r="N581036" s="10"/>
    </row>
    <row r="581037" spans="14:14">
      <c r="N581037" s="10"/>
    </row>
    <row r="581038" spans="14:14">
      <c r="N581038" s="10"/>
    </row>
    <row r="581039" spans="14:14">
      <c r="N581039" s="10"/>
    </row>
    <row r="581040" spans="14:14">
      <c r="N581040" s="10"/>
    </row>
    <row r="581041" spans="14:14">
      <c r="N581041" s="10"/>
    </row>
    <row r="581042" spans="14:14">
      <c r="N581042" s="10"/>
    </row>
    <row r="581043" spans="14:14">
      <c r="N581043" s="10"/>
    </row>
    <row r="581044" spans="14:14">
      <c r="N581044" s="10"/>
    </row>
    <row r="581045" spans="14:14">
      <c r="N581045" s="10"/>
    </row>
    <row r="581046" spans="14:14">
      <c r="N581046" s="10"/>
    </row>
    <row r="581047" spans="14:14">
      <c r="N581047" s="10"/>
    </row>
    <row r="581048" spans="14:14">
      <c r="N581048" s="10"/>
    </row>
    <row r="581049" spans="14:14">
      <c r="N581049" s="10"/>
    </row>
    <row r="581050" spans="14:14">
      <c r="N581050" s="10"/>
    </row>
    <row r="581051" spans="14:14">
      <c r="N581051" s="10"/>
    </row>
    <row r="581052" spans="14:14">
      <c r="N581052" s="10"/>
    </row>
    <row r="581053" spans="14:14">
      <c r="N581053" s="10"/>
    </row>
    <row r="581054" spans="14:14">
      <c r="N581054" s="10"/>
    </row>
    <row r="581055" spans="14:14">
      <c r="N581055" s="10"/>
    </row>
    <row r="581056" spans="14:14">
      <c r="N581056" s="10"/>
    </row>
    <row r="581057" spans="14:14">
      <c r="N581057" s="10"/>
    </row>
    <row r="581058" spans="14:14">
      <c r="N581058" s="10"/>
    </row>
    <row r="581059" spans="14:14">
      <c r="N581059" s="10"/>
    </row>
    <row r="581060" spans="14:14">
      <c r="N581060" s="10"/>
    </row>
    <row r="581061" spans="14:14">
      <c r="N581061" s="10"/>
    </row>
    <row r="581062" spans="14:14">
      <c r="N581062" s="10"/>
    </row>
    <row r="581063" spans="14:14">
      <c r="N581063" s="10"/>
    </row>
    <row r="581064" spans="14:14">
      <c r="N581064" s="10"/>
    </row>
    <row r="581065" spans="14:14">
      <c r="N581065" s="10"/>
    </row>
    <row r="581066" spans="14:14">
      <c r="N581066" s="10"/>
    </row>
    <row r="581067" spans="14:14">
      <c r="N581067" s="10"/>
    </row>
    <row r="581068" spans="14:14">
      <c r="N581068" s="10"/>
    </row>
    <row r="581069" spans="14:14">
      <c r="N581069" s="10"/>
    </row>
    <row r="581070" spans="14:14">
      <c r="N581070" s="10"/>
    </row>
    <row r="581071" spans="14:14">
      <c r="N581071" s="10"/>
    </row>
    <row r="581072" spans="14:14">
      <c r="N581072" s="10"/>
    </row>
    <row r="581073" spans="14:14">
      <c r="N581073" s="10"/>
    </row>
    <row r="581074" spans="14:14">
      <c r="N581074" s="10"/>
    </row>
    <row r="581075" spans="14:14">
      <c r="N581075" s="10"/>
    </row>
    <row r="581076" spans="14:14">
      <c r="N581076" s="10"/>
    </row>
    <row r="581077" spans="14:14">
      <c r="N581077" s="10"/>
    </row>
    <row r="581078" spans="14:14">
      <c r="N581078" s="10"/>
    </row>
    <row r="581079" spans="14:14">
      <c r="N581079" s="10"/>
    </row>
    <row r="581080" spans="14:14">
      <c r="N581080" s="10"/>
    </row>
    <row r="581081" spans="14:14">
      <c r="N581081" s="10"/>
    </row>
    <row r="581082" spans="14:14">
      <c r="N581082" s="10"/>
    </row>
    <row r="581083" spans="14:14">
      <c r="N581083" s="10"/>
    </row>
    <row r="581084" spans="14:14">
      <c r="N581084" s="10"/>
    </row>
    <row r="581085" spans="14:14">
      <c r="N581085" s="10"/>
    </row>
    <row r="581086" spans="14:14">
      <c r="N581086" s="10"/>
    </row>
    <row r="581087" spans="14:14">
      <c r="N581087" s="10"/>
    </row>
    <row r="581088" spans="14:14">
      <c r="N581088" s="10"/>
    </row>
    <row r="581089" spans="14:14">
      <c r="N581089" s="10"/>
    </row>
    <row r="581090" spans="14:14">
      <c r="N581090" s="10"/>
    </row>
    <row r="581091" spans="14:14">
      <c r="N581091" s="10"/>
    </row>
    <row r="581092" spans="14:14">
      <c r="N581092" s="10"/>
    </row>
    <row r="581093" spans="14:14">
      <c r="N581093" s="10"/>
    </row>
    <row r="581094" spans="14:14">
      <c r="N581094" s="10"/>
    </row>
    <row r="581095" spans="14:14">
      <c r="N581095" s="10"/>
    </row>
    <row r="581096" spans="14:14">
      <c r="N581096" s="10"/>
    </row>
    <row r="581097" spans="14:14">
      <c r="N581097" s="10"/>
    </row>
    <row r="581098" spans="14:14">
      <c r="N581098" s="10"/>
    </row>
    <row r="581099" spans="14:14">
      <c r="N581099" s="10"/>
    </row>
    <row r="581100" spans="14:14">
      <c r="N581100" s="10"/>
    </row>
    <row r="581101" spans="14:14">
      <c r="N581101" s="10"/>
    </row>
    <row r="581102" spans="14:14">
      <c r="N581102" s="10"/>
    </row>
    <row r="581103" spans="14:14">
      <c r="N581103" s="10"/>
    </row>
    <row r="581104" spans="14:14">
      <c r="N581104" s="10"/>
    </row>
    <row r="581105" spans="14:14">
      <c r="N581105" s="10"/>
    </row>
    <row r="581106" spans="14:14">
      <c r="N581106" s="10"/>
    </row>
    <row r="581107" spans="14:14">
      <c r="N581107" s="10"/>
    </row>
    <row r="581108" spans="14:14">
      <c r="N581108" s="10"/>
    </row>
    <row r="581109" spans="14:14">
      <c r="N581109" s="10"/>
    </row>
    <row r="581110" spans="14:14">
      <c r="N581110" s="10"/>
    </row>
    <row r="581111" spans="14:14">
      <c r="N581111" s="10"/>
    </row>
    <row r="581112" spans="14:14">
      <c r="N581112" s="10"/>
    </row>
    <row r="581113" spans="14:14">
      <c r="N581113" s="10"/>
    </row>
    <row r="581114" spans="14:14">
      <c r="N581114" s="10"/>
    </row>
    <row r="581115" spans="14:14">
      <c r="N581115" s="10"/>
    </row>
    <row r="581116" spans="14:14">
      <c r="N581116" s="10"/>
    </row>
    <row r="581117" spans="14:14">
      <c r="N581117" s="10"/>
    </row>
    <row r="581118" spans="14:14">
      <c r="N581118" s="10"/>
    </row>
    <row r="581119" spans="14:14">
      <c r="N581119" s="10"/>
    </row>
    <row r="581120" spans="14:14">
      <c r="N581120" s="10"/>
    </row>
    <row r="581121" spans="14:14">
      <c r="N581121" s="10"/>
    </row>
    <row r="581122" spans="14:14">
      <c r="N581122" s="10"/>
    </row>
    <row r="581123" spans="14:14">
      <c r="N581123" s="10"/>
    </row>
    <row r="581124" spans="14:14">
      <c r="N581124" s="10"/>
    </row>
    <row r="581125" spans="14:14">
      <c r="N581125" s="10"/>
    </row>
    <row r="581126" spans="14:14">
      <c r="N581126" s="10"/>
    </row>
    <row r="581127" spans="14:14">
      <c r="N581127" s="10"/>
    </row>
    <row r="581128" spans="14:14">
      <c r="N581128" s="10"/>
    </row>
    <row r="581129" spans="14:14">
      <c r="N581129" s="10"/>
    </row>
    <row r="581130" spans="14:14">
      <c r="N581130" s="10"/>
    </row>
    <row r="581131" spans="14:14">
      <c r="N581131" s="10"/>
    </row>
    <row r="581132" spans="14:14">
      <c r="N581132" s="10"/>
    </row>
    <row r="581133" spans="14:14">
      <c r="N581133" s="10"/>
    </row>
    <row r="581134" spans="14:14">
      <c r="N581134" s="10"/>
    </row>
    <row r="581135" spans="14:14">
      <c r="N581135" s="10"/>
    </row>
    <row r="581136" spans="14:14">
      <c r="N581136" s="10"/>
    </row>
    <row r="581137" spans="14:14">
      <c r="N581137" s="10"/>
    </row>
    <row r="581138" spans="14:14">
      <c r="N581138" s="10"/>
    </row>
    <row r="581139" spans="14:14">
      <c r="N581139" s="10"/>
    </row>
    <row r="581140" spans="14:14">
      <c r="N581140" s="10"/>
    </row>
    <row r="581141" spans="14:14">
      <c r="N581141" s="10"/>
    </row>
    <row r="581142" spans="14:14">
      <c r="N581142" s="10"/>
    </row>
    <row r="581143" spans="14:14">
      <c r="N581143" s="10"/>
    </row>
    <row r="581144" spans="14:14">
      <c r="N581144" s="10"/>
    </row>
    <row r="581145" spans="14:14">
      <c r="N581145" s="10"/>
    </row>
    <row r="581146" spans="14:14">
      <c r="N581146" s="10"/>
    </row>
    <row r="581147" spans="14:14">
      <c r="N581147" s="10"/>
    </row>
    <row r="581148" spans="14:14">
      <c r="N581148" s="10"/>
    </row>
    <row r="581149" spans="14:14">
      <c r="N581149" s="10"/>
    </row>
    <row r="581150" spans="14:14">
      <c r="N581150" s="10"/>
    </row>
    <row r="581151" spans="14:14">
      <c r="N581151" s="10"/>
    </row>
    <row r="581152" spans="14:14">
      <c r="N581152" s="10"/>
    </row>
    <row r="581153" spans="14:14">
      <c r="N581153" s="10"/>
    </row>
    <row r="581154" spans="14:14">
      <c r="N581154" s="10"/>
    </row>
    <row r="581155" spans="14:14">
      <c r="N581155" s="10"/>
    </row>
    <row r="581156" spans="14:14">
      <c r="N581156" s="10"/>
    </row>
    <row r="581157" spans="14:14">
      <c r="N581157" s="10"/>
    </row>
    <row r="581158" spans="14:14">
      <c r="N581158" s="10"/>
    </row>
    <row r="581159" spans="14:14">
      <c r="N581159" s="10"/>
    </row>
    <row r="581160" spans="14:14">
      <c r="N581160" s="10"/>
    </row>
    <row r="581161" spans="14:14">
      <c r="N581161" s="10"/>
    </row>
    <row r="581162" spans="14:14">
      <c r="N581162" s="10"/>
    </row>
    <row r="581163" spans="14:14">
      <c r="N581163" s="10"/>
    </row>
    <row r="581164" spans="14:14">
      <c r="N581164" s="10"/>
    </row>
    <row r="581165" spans="14:14">
      <c r="N581165" s="10"/>
    </row>
    <row r="581166" spans="14:14">
      <c r="N581166" s="10"/>
    </row>
    <row r="581167" spans="14:14">
      <c r="N581167" s="10"/>
    </row>
    <row r="581168" spans="14:14">
      <c r="N581168" s="10"/>
    </row>
    <row r="581169" spans="14:14">
      <c r="N581169" s="10"/>
    </row>
    <row r="581170" spans="14:14">
      <c r="N581170" s="10"/>
    </row>
    <row r="581171" spans="14:14">
      <c r="N581171" s="10"/>
    </row>
    <row r="581172" spans="14:14">
      <c r="N581172" s="10"/>
    </row>
    <row r="581173" spans="14:14">
      <c r="N581173" s="10"/>
    </row>
    <row r="581174" spans="14:14">
      <c r="N581174" s="10"/>
    </row>
    <row r="581175" spans="14:14">
      <c r="N581175" s="10"/>
    </row>
    <row r="581176" spans="14:14">
      <c r="N581176" s="10"/>
    </row>
    <row r="581177" spans="14:14">
      <c r="N581177" s="10"/>
    </row>
    <row r="581178" spans="14:14">
      <c r="N581178" s="10"/>
    </row>
    <row r="581179" spans="14:14">
      <c r="N581179" s="10"/>
    </row>
    <row r="581180" spans="14:14">
      <c r="N581180" s="10"/>
    </row>
    <row r="581181" spans="14:14">
      <c r="N581181" s="10"/>
    </row>
    <row r="581182" spans="14:14">
      <c r="N581182" s="10"/>
    </row>
    <row r="581183" spans="14:14">
      <c r="N581183" s="10"/>
    </row>
    <row r="581184" spans="14:14">
      <c r="N581184" s="10"/>
    </row>
    <row r="581185" spans="14:14">
      <c r="N581185" s="10"/>
    </row>
    <row r="581186" spans="14:14">
      <c r="N581186" s="10"/>
    </row>
    <row r="581187" spans="14:14">
      <c r="N581187" s="10"/>
    </row>
    <row r="581188" spans="14:14">
      <c r="N581188" s="10"/>
    </row>
    <row r="581189" spans="14:14">
      <c r="N581189" s="10"/>
    </row>
    <row r="581190" spans="14:14">
      <c r="N581190" s="10"/>
    </row>
    <row r="581191" spans="14:14">
      <c r="N581191" s="10"/>
    </row>
    <row r="581192" spans="14:14">
      <c r="N581192" s="10"/>
    </row>
    <row r="581193" spans="14:14">
      <c r="N581193" s="10"/>
    </row>
    <row r="581194" spans="14:14">
      <c r="N581194" s="10"/>
    </row>
    <row r="581195" spans="14:14">
      <c r="N581195" s="10"/>
    </row>
    <row r="581196" spans="14:14">
      <c r="N581196" s="10"/>
    </row>
    <row r="581197" spans="14:14">
      <c r="N581197" s="10"/>
    </row>
    <row r="581198" spans="14:14">
      <c r="N581198" s="10"/>
    </row>
    <row r="581199" spans="14:14">
      <c r="N581199" s="10"/>
    </row>
    <row r="581200" spans="14:14">
      <c r="N581200" s="10"/>
    </row>
    <row r="581201" spans="14:14">
      <c r="N581201" s="10"/>
    </row>
    <row r="581202" spans="14:14">
      <c r="N581202" s="10"/>
    </row>
    <row r="581203" spans="14:14">
      <c r="N581203" s="10"/>
    </row>
    <row r="581204" spans="14:14">
      <c r="N581204" s="10"/>
    </row>
    <row r="581205" spans="14:14">
      <c r="N581205" s="10"/>
    </row>
    <row r="581206" spans="14:14">
      <c r="N581206" s="10"/>
    </row>
    <row r="581207" spans="14:14">
      <c r="N581207" s="10"/>
    </row>
    <row r="581208" spans="14:14">
      <c r="N581208" s="10"/>
    </row>
    <row r="581209" spans="14:14">
      <c r="N581209" s="10"/>
    </row>
    <row r="581210" spans="14:14">
      <c r="N581210" s="10"/>
    </row>
    <row r="581211" spans="14:14">
      <c r="N581211" s="10"/>
    </row>
    <row r="581212" spans="14:14">
      <c r="N581212" s="10"/>
    </row>
    <row r="581213" spans="14:14">
      <c r="N581213" s="10"/>
    </row>
    <row r="581214" spans="14:14">
      <c r="N581214" s="10"/>
    </row>
    <row r="581215" spans="14:14">
      <c r="N581215" s="10"/>
    </row>
    <row r="581216" spans="14:14">
      <c r="N581216" s="10"/>
    </row>
    <row r="581217" spans="14:14">
      <c r="N581217" s="10"/>
    </row>
    <row r="581218" spans="14:14">
      <c r="N581218" s="10"/>
    </row>
    <row r="581219" spans="14:14">
      <c r="N581219" s="10"/>
    </row>
    <row r="581220" spans="14:14">
      <c r="N581220" s="10"/>
    </row>
    <row r="581221" spans="14:14">
      <c r="N581221" s="10"/>
    </row>
    <row r="581222" spans="14:14">
      <c r="N581222" s="10"/>
    </row>
    <row r="581223" spans="14:14">
      <c r="N581223" s="10"/>
    </row>
    <row r="581224" spans="14:14">
      <c r="N581224" s="10"/>
    </row>
    <row r="581225" spans="14:14">
      <c r="N581225" s="10"/>
    </row>
    <row r="581226" spans="14:14">
      <c r="N581226" s="10"/>
    </row>
    <row r="581227" spans="14:14">
      <c r="N581227" s="10"/>
    </row>
    <row r="581228" spans="14:14">
      <c r="N581228" s="10"/>
    </row>
    <row r="581229" spans="14:14">
      <c r="N581229" s="10"/>
    </row>
    <row r="581230" spans="14:14">
      <c r="N581230" s="10"/>
    </row>
    <row r="581231" spans="14:14">
      <c r="N581231" s="10"/>
    </row>
    <row r="581232" spans="14:14">
      <c r="N581232" s="10"/>
    </row>
    <row r="581233" spans="14:14">
      <c r="N581233" s="10"/>
    </row>
    <row r="581234" spans="14:14">
      <c r="N581234" s="10"/>
    </row>
    <row r="581235" spans="14:14">
      <c r="N581235" s="10"/>
    </row>
    <row r="581236" spans="14:14">
      <c r="N581236" s="10"/>
    </row>
    <row r="581237" spans="14:14">
      <c r="N581237" s="10"/>
    </row>
    <row r="581238" spans="14:14">
      <c r="N581238" s="10"/>
    </row>
    <row r="581239" spans="14:14">
      <c r="N581239" s="10"/>
    </row>
    <row r="581240" spans="14:14">
      <c r="N581240" s="10"/>
    </row>
    <row r="581241" spans="14:14">
      <c r="N581241" s="10"/>
    </row>
    <row r="581242" spans="14:14">
      <c r="N581242" s="10"/>
    </row>
    <row r="581243" spans="14:14">
      <c r="N581243" s="10"/>
    </row>
    <row r="581244" spans="14:14">
      <c r="N581244" s="10"/>
    </row>
    <row r="581245" spans="14:14">
      <c r="N581245" s="10"/>
    </row>
    <row r="581246" spans="14:14">
      <c r="N581246" s="10"/>
    </row>
    <row r="581247" spans="14:14">
      <c r="N581247" s="10"/>
    </row>
    <row r="581248" spans="14:14">
      <c r="N581248" s="10"/>
    </row>
    <row r="581249" spans="14:14">
      <c r="N581249" s="10"/>
    </row>
    <row r="581250" spans="14:14">
      <c r="N581250" s="10"/>
    </row>
    <row r="581251" spans="14:14">
      <c r="N581251" s="10"/>
    </row>
    <row r="581252" spans="14:14">
      <c r="N581252" s="10"/>
    </row>
    <row r="581253" spans="14:14">
      <c r="N581253" s="10"/>
    </row>
    <row r="581254" spans="14:14">
      <c r="N581254" s="10"/>
    </row>
    <row r="581255" spans="14:14">
      <c r="N581255" s="10"/>
    </row>
    <row r="581256" spans="14:14">
      <c r="N581256" s="10"/>
    </row>
    <row r="581257" spans="14:14">
      <c r="N581257" s="10"/>
    </row>
    <row r="581258" spans="14:14">
      <c r="N581258" s="10"/>
    </row>
    <row r="581259" spans="14:14">
      <c r="N581259" s="10"/>
    </row>
    <row r="581260" spans="14:14">
      <c r="N581260" s="10"/>
    </row>
    <row r="581261" spans="14:14">
      <c r="N581261" s="10"/>
    </row>
    <row r="581262" spans="14:14">
      <c r="N581262" s="10"/>
    </row>
    <row r="581263" spans="14:14">
      <c r="N581263" s="10"/>
    </row>
    <row r="581264" spans="14:14">
      <c r="N581264" s="10"/>
    </row>
    <row r="581265" spans="14:14">
      <c r="N581265" s="10"/>
    </row>
    <row r="581266" spans="14:14">
      <c r="N581266" s="10"/>
    </row>
    <row r="581267" spans="14:14">
      <c r="N581267" s="10"/>
    </row>
    <row r="581268" spans="14:14">
      <c r="N581268" s="10"/>
    </row>
    <row r="581269" spans="14:14">
      <c r="N581269" s="10"/>
    </row>
    <row r="581270" spans="14:14">
      <c r="N581270" s="10"/>
    </row>
    <row r="581271" spans="14:14">
      <c r="N581271" s="10"/>
    </row>
    <row r="581272" spans="14:14">
      <c r="N581272" s="10"/>
    </row>
    <row r="581273" spans="14:14">
      <c r="N581273" s="10"/>
    </row>
    <row r="581274" spans="14:14">
      <c r="N581274" s="10"/>
    </row>
    <row r="581275" spans="14:14">
      <c r="N581275" s="10"/>
    </row>
    <row r="581276" spans="14:14">
      <c r="N581276" s="10"/>
    </row>
    <row r="581277" spans="14:14">
      <c r="N581277" s="10"/>
    </row>
    <row r="581278" spans="14:14">
      <c r="N581278" s="10"/>
    </row>
    <row r="581279" spans="14:14">
      <c r="N581279" s="10"/>
    </row>
    <row r="581280" spans="14:14">
      <c r="N581280" s="10"/>
    </row>
    <row r="581281" spans="14:14">
      <c r="N581281" s="10"/>
    </row>
    <row r="581282" spans="14:14">
      <c r="N581282" s="10"/>
    </row>
    <row r="581283" spans="14:14">
      <c r="N581283" s="10"/>
    </row>
    <row r="581284" spans="14:14">
      <c r="N581284" s="10"/>
    </row>
    <row r="581285" spans="14:14">
      <c r="N581285" s="10"/>
    </row>
    <row r="581286" spans="14:14">
      <c r="N581286" s="10"/>
    </row>
    <row r="581287" spans="14:14">
      <c r="N581287" s="10"/>
    </row>
    <row r="581288" spans="14:14">
      <c r="N581288" s="10"/>
    </row>
    <row r="581289" spans="14:14">
      <c r="N581289" s="10"/>
    </row>
    <row r="581290" spans="14:14">
      <c r="N581290" s="10"/>
    </row>
    <row r="581291" spans="14:14">
      <c r="N581291" s="10"/>
    </row>
    <row r="581292" spans="14:14">
      <c r="N581292" s="10"/>
    </row>
    <row r="581293" spans="14:14">
      <c r="N581293" s="10"/>
    </row>
    <row r="581294" spans="14:14">
      <c r="N581294" s="10"/>
    </row>
    <row r="581295" spans="14:14">
      <c r="N581295" s="10"/>
    </row>
    <row r="581296" spans="14:14">
      <c r="N581296" s="10"/>
    </row>
    <row r="581297" spans="14:14">
      <c r="N581297" s="10"/>
    </row>
    <row r="581298" spans="14:14">
      <c r="N581298" s="10"/>
    </row>
    <row r="581299" spans="14:14">
      <c r="N581299" s="10"/>
    </row>
    <row r="581300" spans="14:14">
      <c r="N581300" s="10"/>
    </row>
    <row r="581301" spans="14:14">
      <c r="N581301" s="10"/>
    </row>
    <row r="581302" spans="14:14">
      <c r="N581302" s="10"/>
    </row>
    <row r="581303" spans="14:14">
      <c r="N581303" s="10"/>
    </row>
    <row r="581304" spans="14:14">
      <c r="N581304" s="10"/>
    </row>
    <row r="581305" spans="14:14">
      <c r="N581305" s="10"/>
    </row>
    <row r="581306" spans="14:14">
      <c r="N581306" s="10"/>
    </row>
    <row r="581307" spans="14:14">
      <c r="N581307" s="10"/>
    </row>
    <row r="581308" spans="14:14">
      <c r="N581308" s="10"/>
    </row>
    <row r="581309" spans="14:14">
      <c r="N581309" s="10"/>
    </row>
    <row r="581310" spans="14:14">
      <c r="N581310" s="10"/>
    </row>
    <row r="581311" spans="14:14">
      <c r="N581311" s="10"/>
    </row>
    <row r="581312" spans="14:14">
      <c r="N581312" s="10"/>
    </row>
    <row r="581313" spans="14:14">
      <c r="N581313" s="10"/>
    </row>
    <row r="581314" spans="14:14">
      <c r="N581314" s="10"/>
    </row>
    <row r="581315" spans="14:14">
      <c r="N581315" s="10"/>
    </row>
    <row r="581316" spans="14:14">
      <c r="N581316" s="10"/>
    </row>
    <row r="581317" spans="14:14">
      <c r="N581317" s="10"/>
    </row>
    <row r="581318" spans="14:14">
      <c r="N581318" s="10"/>
    </row>
    <row r="581319" spans="14:14">
      <c r="N581319" s="10"/>
    </row>
    <row r="581320" spans="14:14">
      <c r="N581320" s="10"/>
    </row>
    <row r="581321" spans="14:14">
      <c r="N581321" s="10"/>
    </row>
    <row r="581322" spans="14:14">
      <c r="N581322" s="10"/>
    </row>
    <row r="581323" spans="14:14">
      <c r="N581323" s="10"/>
    </row>
    <row r="581324" spans="14:14">
      <c r="N581324" s="10"/>
    </row>
    <row r="581325" spans="14:14">
      <c r="N581325" s="10"/>
    </row>
    <row r="581326" spans="14:14">
      <c r="N581326" s="10"/>
    </row>
    <row r="581327" spans="14:14">
      <c r="N581327" s="10"/>
    </row>
    <row r="581328" spans="14:14">
      <c r="N581328" s="10"/>
    </row>
    <row r="581329" spans="14:14">
      <c r="N581329" s="10"/>
    </row>
    <row r="581330" spans="14:14">
      <c r="N581330" s="10"/>
    </row>
    <row r="581331" spans="14:14">
      <c r="N581331" s="10"/>
    </row>
    <row r="581332" spans="14:14">
      <c r="N581332" s="10"/>
    </row>
    <row r="581333" spans="14:14">
      <c r="N581333" s="10"/>
    </row>
    <row r="581334" spans="14:14">
      <c r="N581334" s="10"/>
    </row>
    <row r="581335" spans="14:14">
      <c r="N581335" s="10"/>
    </row>
    <row r="581336" spans="14:14">
      <c r="N581336" s="10"/>
    </row>
    <row r="581337" spans="14:14">
      <c r="N581337" s="10"/>
    </row>
    <row r="581338" spans="14:14">
      <c r="N581338" s="10"/>
    </row>
    <row r="581339" spans="14:14">
      <c r="N581339" s="10"/>
    </row>
    <row r="581340" spans="14:14">
      <c r="N581340" s="10"/>
    </row>
    <row r="581341" spans="14:14">
      <c r="N581341" s="10"/>
    </row>
    <row r="581342" spans="14:14">
      <c r="N581342" s="10"/>
    </row>
    <row r="581343" spans="14:14">
      <c r="N581343" s="10"/>
    </row>
    <row r="581344" spans="14:14">
      <c r="N581344" s="10"/>
    </row>
    <row r="581345" spans="14:14">
      <c r="N581345" s="10"/>
    </row>
    <row r="581346" spans="14:14">
      <c r="N581346" s="10"/>
    </row>
    <row r="581347" spans="14:14">
      <c r="N581347" s="10"/>
    </row>
    <row r="581348" spans="14:14">
      <c r="N581348" s="10"/>
    </row>
    <row r="581349" spans="14:14">
      <c r="N581349" s="10"/>
    </row>
    <row r="581350" spans="14:14">
      <c r="N581350" s="10"/>
    </row>
    <row r="581351" spans="14:14">
      <c r="N581351" s="10"/>
    </row>
    <row r="581352" spans="14:14">
      <c r="N581352" s="10"/>
    </row>
    <row r="581353" spans="14:14">
      <c r="N581353" s="10"/>
    </row>
    <row r="581354" spans="14:14">
      <c r="N581354" s="10"/>
    </row>
    <row r="581355" spans="14:14">
      <c r="N581355" s="10"/>
    </row>
    <row r="581356" spans="14:14">
      <c r="N581356" s="10"/>
    </row>
    <row r="581357" spans="14:14">
      <c r="N581357" s="10"/>
    </row>
    <row r="581358" spans="14:14">
      <c r="N581358" s="10"/>
    </row>
    <row r="581359" spans="14:14">
      <c r="N581359" s="10"/>
    </row>
    <row r="581360" spans="14:14">
      <c r="N581360" s="10"/>
    </row>
    <row r="581361" spans="14:14">
      <c r="N581361" s="10"/>
    </row>
    <row r="581362" spans="14:14">
      <c r="N581362" s="10"/>
    </row>
    <row r="581363" spans="14:14">
      <c r="N581363" s="10"/>
    </row>
    <row r="581364" spans="14:14">
      <c r="N581364" s="10"/>
    </row>
    <row r="581365" spans="14:14">
      <c r="N581365" s="10"/>
    </row>
    <row r="581366" spans="14:14">
      <c r="N581366" s="10"/>
    </row>
    <row r="581367" spans="14:14">
      <c r="N581367" s="10"/>
    </row>
    <row r="581368" spans="14:14">
      <c r="N581368" s="10"/>
    </row>
    <row r="581369" spans="14:14">
      <c r="N581369" s="10"/>
    </row>
    <row r="581370" spans="14:14">
      <c r="N581370" s="10"/>
    </row>
    <row r="581371" spans="14:14">
      <c r="N581371" s="10"/>
    </row>
    <row r="581372" spans="14:14">
      <c r="N581372" s="10"/>
    </row>
    <row r="581373" spans="14:14">
      <c r="N581373" s="10"/>
    </row>
    <row r="581374" spans="14:14">
      <c r="N581374" s="10"/>
    </row>
    <row r="581375" spans="14:14">
      <c r="N581375" s="10"/>
    </row>
    <row r="581376" spans="14:14">
      <c r="N581376" s="10"/>
    </row>
    <row r="581377" spans="14:14">
      <c r="N581377" s="10"/>
    </row>
    <row r="581378" spans="14:14">
      <c r="N581378" s="10"/>
    </row>
    <row r="581379" spans="14:14">
      <c r="N581379" s="10"/>
    </row>
    <row r="581380" spans="14:14">
      <c r="N581380" s="10"/>
    </row>
    <row r="581381" spans="14:14">
      <c r="N581381" s="10"/>
    </row>
    <row r="581382" spans="14:14">
      <c r="N581382" s="10"/>
    </row>
    <row r="581383" spans="14:14">
      <c r="N581383" s="10"/>
    </row>
    <row r="581384" spans="14:14">
      <c r="N581384" s="10"/>
    </row>
    <row r="581385" spans="14:14">
      <c r="N581385" s="10"/>
    </row>
    <row r="581386" spans="14:14">
      <c r="N581386" s="10"/>
    </row>
    <row r="581387" spans="14:14">
      <c r="N581387" s="10"/>
    </row>
    <row r="581388" spans="14:14">
      <c r="N581388" s="10"/>
    </row>
    <row r="581389" spans="14:14">
      <c r="N581389" s="10"/>
    </row>
    <row r="581390" spans="14:14">
      <c r="N581390" s="10"/>
    </row>
    <row r="581391" spans="14:14">
      <c r="N581391" s="10"/>
    </row>
    <row r="581392" spans="14:14">
      <c r="N581392" s="10"/>
    </row>
    <row r="581393" spans="14:14">
      <c r="N581393" s="10"/>
    </row>
    <row r="581394" spans="14:14">
      <c r="N581394" s="10"/>
    </row>
    <row r="581395" spans="14:14">
      <c r="N581395" s="10"/>
    </row>
    <row r="581396" spans="14:14">
      <c r="N581396" s="10"/>
    </row>
    <row r="581397" spans="14:14">
      <c r="N581397" s="10"/>
    </row>
    <row r="581398" spans="14:14">
      <c r="N581398" s="10"/>
    </row>
    <row r="581399" spans="14:14">
      <c r="N581399" s="10"/>
    </row>
    <row r="581400" spans="14:14">
      <c r="N581400" s="10"/>
    </row>
    <row r="581401" spans="14:14">
      <c r="N581401" s="10"/>
    </row>
    <row r="581402" spans="14:14">
      <c r="N581402" s="10"/>
    </row>
    <row r="581403" spans="14:14">
      <c r="N581403" s="10"/>
    </row>
    <row r="581404" spans="14:14">
      <c r="N581404" s="10"/>
    </row>
    <row r="581405" spans="14:14">
      <c r="N581405" s="10"/>
    </row>
    <row r="581406" spans="14:14">
      <c r="N581406" s="10"/>
    </row>
    <row r="581407" spans="14:14">
      <c r="N581407" s="10"/>
    </row>
    <row r="581408" spans="14:14">
      <c r="N581408" s="10"/>
    </row>
    <row r="581409" spans="14:14">
      <c r="N581409" s="10"/>
    </row>
    <row r="581410" spans="14:14">
      <c r="N581410" s="10"/>
    </row>
    <row r="581411" spans="14:14">
      <c r="N581411" s="10"/>
    </row>
    <row r="581412" spans="14:14">
      <c r="N581412" s="10"/>
    </row>
    <row r="581413" spans="14:14">
      <c r="N581413" s="10"/>
    </row>
    <row r="581414" spans="14:14">
      <c r="N581414" s="10"/>
    </row>
    <row r="581415" spans="14:14">
      <c r="N581415" s="10"/>
    </row>
    <row r="581416" spans="14:14">
      <c r="N581416" s="10"/>
    </row>
    <row r="581417" spans="14:14">
      <c r="N581417" s="10"/>
    </row>
    <row r="581418" spans="14:14">
      <c r="N581418" s="10"/>
    </row>
    <row r="581419" spans="14:14">
      <c r="N581419" s="10"/>
    </row>
    <row r="581420" spans="14:14">
      <c r="N581420" s="10"/>
    </row>
    <row r="581421" spans="14:14">
      <c r="N581421" s="10"/>
    </row>
    <row r="581422" spans="14:14">
      <c r="N581422" s="10"/>
    </row>
    <row r="581423" spans="14:14">
      <c r="N581423" s="10"/>
    </row>
    <row r="581424" spans="14:14">
      <c r="N581424" s="10"/>
    </row>
    <row r="581425" spans="14:14">
      <c r="N581425" s="10"/>
    </row>
    <row r="581426" spans="14:14">
      <c r="N581426" s="10"/>
    </row>
    <row r="581427" spans="14:14">
      <c r="N581427" s="10"/>
    </row>
    <row r="581428" spans="14:14">
      <c r="N581428" s="10"/>
    </row>
    <row r="581429" spans="14:14">
      <c r="N581429" s="10"/>
    </row>
    <row r="581430" spans="14:14">
      <c r="N581430" s="10"/>
    </row>
    <row r="581431" spans="14:14">
      <c r="N581431" s="10"/>
    </row>
    <row r="581432" spans="14:14">
      <c r="N581432" s="10"/>
    </row>
    <row r="581433" spans="14:14">
      <c r="N581433" s="10"/>
    </row>
    <row r="581434" spans="14:14">
      <c r="N581434" s="10"/>
    </row>
    <row r="581435" spans="14:14">
      <c r="N581435" s="10"/>
    </row>
    <row r="581436" spans="14:14">
      <c r="N581436" s="10"/>
    </row>
    <row r="581437" spans="14:14">
      <c r="N581437" s="10"/>
    </row>
    <row r="581438" spans="14:14">
      <c r="N581438" s="10"/>
    </row>
    <row r="581439" spans="14:14">
      <c r="N581439" s="10"/>
    </row>
    <row r="581440" spans="14:14">
      <c r="N581440" s="10"/>
    </row>
    <row r="581441" spans="14:14">
      <c r="N581441" s="10"/>
    </row>
    <row r="581442" spans="14:14">
      <c r="N581442" s="10"/>
    </row>
    <row r="581443" spans="14:14">
      <c r="N581443" s="10"/>
    </row>
    <row r="581444" spans="14:14">
      <c r="N581444" s="10"/>
    </row>
    <row r="581445" spans="14:14">
      <c r="N581445" s="10"/>
    </row>
    <row r="581446" spans="14:14">
      <c r="N581446" s="10"/>
    </row>
    <row r="581447" spans="14:14">
      <c r="N581447" s="10"/>
    </row>
    <row r="581448" spans="14:14">
      <c r="N581448" s="10"/>
    </row>
    <row r="581449" spans="14:14">
      <c r="N581449" s="10"/>
    </row>
    <row r="581450" spans="14:14">
      <c r="N581450" s="10"/>
    </row>
    <row r="581451" spans="14:14">
      <c r="N581451" s="10"/>
    </row>
    <row r="581452" spans="14:14">
      <c r="N581452" s="10"/>
    </row>
    <row r="581453" spans="14:14">
      <c r="N581453" s="10"/>
    </row>
    <row r="581454" spans="14:14">
      <c r="N581454" s="10"/>
    </row>
    <row r="581455" spans="14:14">
      <c r="N581455" s="10"/>
    </row>
    <row r="581456" spans="14:14">
      <c r="N581456" s="10"/>
    </row>
    <row r="581457" spans="14:14">
      <c r="N581457" s="10"/>
    </row>
    <row r="581458" spans="14:14">
      <c r="N581458" s="10"/>
    </row>
    <row r="581459" spans="14:14">
      <c r="N581459" s="10"/>
    </row>
    <row r="581460" spans="14:14">
      <c r="N581460" s="10"/>
    </row>
    <row r="581461" spans="14:14">
      <c r="N581461" s="10"/>
    </row>
    <row r="581462" spans="14:14">
      <c r="N581462" s="10"/>
    </row>
    <row r="581463" spans="14:14">
      <c r="N581463" s="10"/>
    </row>
    <row r="581464" spans="14:14">
      <c r="N581464" s="10"/>
    </row>
    <row r="581465" spans="14:14">
      <c r="N581465" s="10"/>
    </row>
    <row r="581466" spans="14:14">
      <c r="N581466" s="10"/>
    </row>
    <row r="581467" spans="14:14">
      <c r="N581467" s="10"/>
    </row>
    <row r="581468" spans="14:14">
      <c r="N581468" s="10"/>
    </row>
    <row r="581469" spans="14:14">
      <c r="N581469" s="10"/>
    </row>
    <row r="581470" spans="14:14">
      <c r="N581470" s="10"/>
    </row>
    <row r="581471" spans="14:14">
      <c r="N581471" s="10"/>
    </row>
    <row r="581472" spans="14:14">
      <c r="N581472" s="10"/>
    </row>
    <row r="581473" spans="14:14">
      <c r="N581473" s="10"/>
    </row>
    <row r="581474" spans="14:14">
      <c r="N581474" s="10"/>
    </row>
    <row r="581475" spans="14:14">
      <c r="N581475" s="10"/>
    </row>
    <row r="581476" spans="14:14">
      <c r="N581476" s="10"/>
    </row>
    <row r="581477" spans="14:14">
      <c r="N581477" s="10"/>
    </row>
    <row r="581478" spans="14:14">
      <c r="N581478" s="10"/>
    </row>
    <row r="581479" spans="14:14">
      <c r="N581479" s="10"/>
    </row>
    <row r="581480" spans="14:14">
      <c r="N581480" s="10"/>
    </row>
    <row r="581481" spans="14:14">
      <c r="N581481" s="10"/>
    </row>
    <row r="581482" spans="14:14">
      <c r="N581482" s="10"/>
    </row>
    <row r="581483" spans="14:14">
      <c r="N581483" s="10"/>
    </row>
    <row r="581484" spans="14:14">
      <c r="N581484" s="10"/>
    </row>
    <row r="581485" spans="14:14">
      <c r="N581485" s="10"/>
    </row>
    <row r="581486" spans="14:14">
      <c r="N581486" s="10"/>
    </row>
    <row r="581487" spans="14:14">
      <c r="N581487" s="10"/>
    </row>
    <row r="581488" spans="14:14">
      <c r="N581488" s="10"/>
    </row>
    <row r="581489" spans="14:14">
      <c r="N581489" s="10"/>
    </row>
    <row r="581490" spans="14:14">
      <c r="N581490" s="10"/>
    </row>
    <row r="581491" spans="14:14">
      <c r="N581491" s="10"/>
    </row>
    <row r="581492" spans="14:14">
      <c r="N581492" s="10"/>
    </row>
    <row r="581493" spans="14:14">
      <c r="N581493" s="10"/>
    </row>
    <row r="581494" spans="14:14">
      <c r="N581494" s="10"/>
    </row>
    <row r="581495" spans="14:14">
      <c r="N581495" s="10"/>
    </row>
    <row r="581496" spans="14:14">
      <c r="N581496" s="10"/>
    </row>
    <row r="581497" spans="14:14">
      <c r="N581497" s="10"/>
    </row>
    <row r="581498" spans="14:14">
      <c r="N581498" s="10"/>
    </row>
    <row r="581499" spans="14:14">
      <c r="N581499" s="10"/>
    </row>
    <row r="581500" spans="14:14">
      <c r="N581500" s="10"/>
    </row>
    <row r="581501" spans="14:14">
      <c r="N581501" s="10"/>
    </row>
    <row r="581502" spans="14:14">
      <c r="N581502" s="10"/>
    </row>
    <row r="581503" spans="14:14">
      <c r="N581503" s="10"/>
    </row>
    <row r="581504" spans="14:14">
      <c r="N581504" s="10"/>
    </row>
    <row r="581505" spans="14:14">
      <c r="N581505" s="10"/>
    </row>
    <row r="581506" spans="14:14">
      <c r="N581506" s="10"/>
    </row>
    <row r="581507" spans="14:14">
      <c r="N581507" s="10"/>
    </row>
    <row r="581508" spans="14:14">
      <c r="N581508" s="10"/>
    </row>
    <row r="581509" spans="14:14">
      <c r="N581509" s="10"/>
    </row>
    <row r="581510" spans="14:14">
      <c r="N581510" s="10"/>
    </row>
    <row r="581511" spans="14:14">
      <c r="N581511" s="10"/>
    </row>
    <row r="581512" spans="14:14">
      <c r="N581512" s="10"/>
    </row>
    <row r="581513" spans="14:14">
      <c r="N581513" s="10"/>
    </row>
    <row r="581514" spans="14:14">
      <c r="N581514" s="10"/>
    </row>
    <row r="581515" spans="14:14">
      <c r="N581515" s="10"/>
    </row>
    <row r="581516" spans="14:14">
      <c r="N581516" s="10"/>
    </row>
    <row r="581517" spans="14:14">
      <c r="N581517" s="10"/>
    </row>
    <row r="581518" spans="14:14">
      <c r="N581518" s="10"/>
    </row>
    <row r="581519" spans="14:14">
      <c r="N581519" s="10"/>
    </row>
    <row r="581520" spans="14:14">
      <c r="N581520" s="10"/>
    </row>
    <row r="581521" spans="14:14">
      <c r="N581521" s="10"/>
    </row>
    <row r="581522" spans="14:14">
      <c r="N581522" s="10"/>
    </row>
    <row r="581523" spans="14:14">
      <c r="N581523" s="10"/>
    </row>
    <row r="581524" spans="14:14">
      <c r="N581524" s="10"/>
    </row>
    <row r="581525" spans="14:14">
      <c r="N581525" s="10"/>
    </row>
    <row r="581526" spans="14:14">
      <c r="N581526" s="10"/>
    </row>
    <row r="581527" spans="14:14">
      <c r="N581527" s="10"/>
    </row>
    <row r="581528" spans="14:14">
      <c r="N581528" s="10"/>
    </row>
    <row r="581529" spans="14:14">
      <c r="N581529" s="10"/>
    </row>
    <row r="581530" spans="14:14">
      <c r="N581530" s="10"/>
    </row>
    <row r="581531" spans="14:14">
      <c r="N581531" s="10"/>
    </row>
    <row r="581532" spans="14:14">
      <c r="N581532" s="10"/>
    </row>
    <row r="581533" spans="14:14">
      <c r="N581533" s="10"/>
    </row>
    <row r="581534" spans="14:14">
      <c r="N581534" s="10"/>
    </row>
    <row r="581535" spans="14:14">
      <c r="N581535" s="10"/>
    </row>
    <row r="581536" spans="14:14">
      <c r="N581536" s="10"/>
    </row>
    <row r="581537" spans="14:14">
      <c r="N581537" s="10"/>
    </row>
    <row r="581538" spans="14:14">
      <c r="N581538" s="10"/>
    </row>
    <row r="581539" spans="14:14">
      <c r="N581539" s="10"/>
    </row>
    <row r="581540" spans="14:14">
      <c r="N581540" s="10"/>
    </row>
    <row r="581541" spans="14:14">
      <c r="N581541" s="10"/>
    </row>
    <row r="581542" spans="14:14">
      <c r="N581542" s="10"/>
    </row>
    <row r="581543" spans="14:14">
      <c r="N581543" s="10"/>
    </row>
    <row r="581544" spans="14:14">
      <c r="N581544" s="10"/>
    </row>
    <row r="581545" spans="14:14">
      <c r="N581545" s="10"/>
    </row>
    <row r="581546" spans="14:14">
      <c r="N581546" s="10"/>
    </row>
    <row r="581547" spans="14:14">
      <c r="N581547" s="10"/>
    </row>
    <row r="581548" spans="14:14">
      <c r="N581548" s="10"/>
    </row>
    <row r="581549" spans="14:14">
      <c r="N581549" s="10"/>
    </row>
    <row r="581550" spans="14:14">
      <c r="N581550" s="10"/>
    </row>
    <row r="581551" spans="14:14">
      <c r="N581551" s="10"/>
    </row>
    <row r="581552" spans="14:14">
      <c r="N581552" s="10"/>
    </row>
    <row r="581553" spans="14:14">
      <c r="N581553" s="10"/>
    </row>
    <row r="581554" spans="14:14">
      <c r="N581554" s="10"/>
    </row>
    <row r="581555" spans="14:14">
      <c r="N581555" s="10"/>
    </row>
    <row r="581556" spans="14:14">
      <c r="N581556" s="10"/>
    </row>
    <row r="581557" spans="14:14">
      <c r="N581557" s="10"/>
    </row>
    <row r="581558" spans="14:14">
      <c r="N581558" s="10"/>
    </row>
    <row r="581559" spans="14:14">
      <c r="N581559" s="10"/>
    </row>
    <row r="581560" spans="14:14">
      <c r="N581560" s="10"/>
    </row>
    <row r="581561" spans="14:14">
      <c r="N581561" s="10"/>
    </row>
    <row r="581562" spans="14:14">
      <c r="N581562" s="10"/>
    </row>
    <row r="581563" spans="14:14">
      <c r="N581563" s="10"/>
    </row>
    <row r="581564" spans="14:14">
      <c r="N581564" s="10"/>
    </row>
    <row r="581565" spans="14:14">
      <c r="N581565" s="10"/>
    </row>
    <row r="581566" spans="14:14">
      <c r="N581566" s="10"/>
    </row>
    <row r="581567" spans="14:14">
      <c r="N581567" s="10"/>
    </row>
    <row r="581568" spans="14:14">
      <c r="N581568" s="10"/>
    </row>
    <row r="581569" spans="14:14">
      <c r="N581569" s="10"/>
    </row>
    <row r="581570" spans="14:14">
      <c r="N581570" s="10"/>
    </row>
    <row r="581571" spans="14:14">
      <c r="N581571" s="10"/>
    </row>
    <row r="581572" spans="14:14">
      <c r="N581572" s="10"/>
    </row>
    <row r="581573" spans="14:14">
      <c r="N581573" s="10"/>
    </row>
    <row r="581574" spans="14:14">
      <c r="N581574" s="10"/>
    </row>
    <row r="581575" spans="14:14">
      <c r="N581575" s="10"/>
    </row>
    <row r="581576" spans="14:14">
      <c r="N581576" s="10"/>
    </row>
    <row r="581577" spans="14:14">
      <c r="N581577" s="10"/>
    </row>
    <row r="581578" spans="14:14">
      <c r="N581578" s="10"/>
    </row>
    <row r="581579" spans="14:14">
      <c r="N581579" s="10"/>
    </row>
    <row r="581580" spans="14:14">
      <c r="N581580" s="10"/>
    </row>
    <row r="581581" spans="14:14">
      <c r="N581581" s="10"/>
    </row>
    <row r="581582" spans="14:14">
      <c r="N581582" s="10"/>
    </row>
    <row r="581583" spans="14:14">
      <c r="N581583" s="10"/>
    </row>
    <row r="581584" spans="14:14">
      <c r="N581584" s="10"/>
    </row>
    <row r="581585" spans="14:14">
      <c r="N581585" s="10"/>
    </row>
    <row r="581586" spans="14:14">
      <c r="N581586" s="10"/>
    </row>
    <row r="581587" spans="14:14">
      <c r="N581587" s="10"/>
    </row>
    <row r="581588" spans="14:14">
      <c r="N581588" s="10"/>
    </row>
    <row r="581589" spans="14:14">
      <c r="N581589" s="10"/>
    </row>
    <row r="581590" spans="14:14">
      <c r="N581590" s="10"/>
    </row>
    <row r="581591" spans="14:14">
      <c r="N581591" s="10"/>
    </row>
    <row r="581592" spans="14:14">
      <c r="N581592" s="10"/>
    </row>
    <row r="581593" spans="14:14">
      <c r="N581593" s="10"/>
    </row>
    <row r="581594" spans="14:14">
      <c r="N581594" s="10"/>
    </row>
    <row r="581595" spans="14:14">
      <c r="N581595" s="10"/>
    </row>
    <row r="581596" spans="14:14">
      <c r="N581596" s="10"/>
    </row>
    <row r="581597" spans="14:14">
      <c r="N581597" s="10"/>
    </row>
    <row r="581598" spans="14:14">
      <c r="N581598" s="10"/>
    </row>
    <row r="581599" spans="14:14">
      <c r="N581599" s="10"/>
    </row>
    <row r="581600" spans="14:14">
      <c r="N581600" s="10"/>
    </row>
    <row r="581601" spans="14:14">
      <c r="N581601" s="10"/>
    </row>
    <row r="581602" spans="14:14">
      <c r="N581602" s="10"/>
    </row>
    <row r="581603" spans="14:14">
      <c r="N581603" s="10"/>
    </row>
    <row r="581604" spans="14:14">
      <c r="N581604" s="10"/>
    </row>
    <row r="581605" spans="14:14">
      <c r="N581605" s="10"/>
    </row>
    <row r="581606" spans="14:14">
      <c r="N581606" s="10"/>
    </row>
    <row r="581607" spans="14:14">
      <c r="N581607" s="10"/>
    </row>
    <row r="581608" spans="14:14">
      <c r="N581608" s="10"/>
    </row>
    <row r="581609" spans="14:14">
      <c r="N581609" s="10"/>
    </row>
    <row r="581610" spans="14:14">
      <c r="N581610" s="10"/>
    </row>
    <row r="581611" spans="14:14">
      <c r="N581611" s="10"/>
    </row>
    <row r="581612" spans="14:14">
      <c r="N581612" s="10"/>
    </row>
    <row r="581613" spans="14:14">
      <c r="N581613" s="10"/>
    </row>
    <row r="581614" spans="14:14">
      <c r="N581614" s="10"/>
    </row>
    <row r="581615" spans="14:14">
      <c r="N581615" s="10"/>
    </row>
    <row r="581616" spans="14:14">
      <c r="N581616" s="10"/>
    </row>
    <row r="581617" spans="14:14">
      <c r="N581617" s="10"/>
    </row>
    <row r="581618" spans="14:14">
      <c r="N581618" s="10"/>
    </row>
    <row r="581619" spans="14:14">
      <c r="N581619" s="10"/>
    </row>
    <row r="581620" spans="14:14">
      <c r="N581620" s="10"/>
    </row>
    <row r="581621" spans="14:14">
      <c r="N581621" s="10"/>
    </row>
    <row r="581622" spans="14:14">
      <c r="N581622" s="10"/>
    </row>
    <row r="581623" spans="14:14">
      <c r="N581623" s="10"/>
    </row>
    <row r="581624" spans="14:14">
      <c r="N581624" s="10"/>
    </row>
    <row r="581625" spans="14:14">
      <c r="N581625" s="10"/>
    </row>
    <row r="581626" spans="14:14">
      <c r="N581626" s="10"/>
    </row>
    <row r="581627" spans="14:14">
      <c r="N581627" s="10"/>
    </row>
    <row r="581628" spans="14:14">
      <c r="N581628" s="10"/>
    </row>
    <row r="581629" spans="14:14">
      <c r="N581629" s="10"/>
    </row>
    <row r="581630" spans="14:14">
      <c r="N581630" s="10"/>
    </row>
    <row r="581631" spans="14:14">
      <c r="N581631" s="10"/>
    </row>
    <row r="581632" spans="14:14">
      <c r="N581632" s="10"/>
    </row>
    <row r="581633" spans="14:14">
      <c r="N581633" s="10"/>
    </row>
    <row r="581634" spans="14:14">
      <c r="N581634" s="10"/>
    </row>
    <row r="581635" spans="14:14">
      <c r="N581635" s="10"/>
    </row>
    <row r="581636" spans="14:14">
      <c r="N581636" s="10"/>
    </row>
    <row r="581637" spans="14:14">
      <c r="N581637" s="10"/>
    </row>
    <row r="581638" spans="14:14">
      <c r="N581638" s="10"/>
    </row>
    <row r="581639" spans="14:14">
      <c r="N581639" s="10"/>
    </row>
    <row r="581640" spans="14:14">
      <c r="N581640" s="10"/>
    </row>
    <row r="581641" spans="14:14">
      <c r="N581641" s="10"/>
    </row>
    <row r="581642" spans="14:14">
      <c r="N581642" s="10"/>
    </row>
    <row r="581643" spans="14:14">
      <c r="N581643" s="10"/>
    </row>
    <row r="581644" spans="14:14">
      <c r="N581644" s="10"/>
    </row>
    <row r="581645" spans="14:14">
      <c r="N581645" s="10"/>
    </row>
    <row r="581646" spans="14:14">
      <c r="N581646" s="10"/>
    </row>
    <row r="581647" spans="14:14">
      <c r="N581647" s="10"/>
    </row>
    <row r="581648" spans="14:14">
      <c r="N581648" s="10"/>
    </row>
    <row r="581649" spans="14:14">
      <c r="N581649" s="10"/>
    </row>
    <row r="581650" spans="14:14">
      <c r="N581650" s="10"/>
    </row>
    <row r="581651" spans="14:14">
      <c r="N581651" s="10"/>
    </row>
    <row r="581652" spans="14:14">
      <c r="N581652" s="10"/>
    </row>
    <row r="581653" spans="14:14">
      <c r="N581653" s="10"/>
    </row>
    <row r="581654" spans="14:14">
      <c r="N581654" s="10"/>
    </row>
    <row r="581655" spans="14:14">
      <c r="N581655" s="10"/>
    </row>
    <row r="581656" spans="14:14">
      <c r="N581656" s="10"/>
    </row>
    <row r="581657" spans="14:14">
      <c r="N581657" s="10"/>
    </row>
    <row r="581658" spans="14:14">
      <c r="N581658" s="10"/>
    </row>
    <row r="581659" spans="14:14">
      <c r="N581659" s="10"/>
    </row>
    <row r="581660" spans="14:14">
      <c r="N581660" s="10"/>
    </row>
    <row r="581661" spans="14:14">
      <c r="N581661" s="10"/>
    </row>
    <row r="581662" spans="14:14">
      <c r="N581662" s="10"/>
    </row>
    <row r="581663" spans="14:14">
      <c r="N581663" s="10"/>
    </row>
    <row r="581664" spans="14:14">
      <c r="N581664" s="10"/>
    </row>
    <row r="581665" spans="14:14">
      <c r="N581665" s="10"/>
    </row>
    <row r="581666" spans="14:14">
      <c r="N581666" s="10"/>
    </row>
    <row r="581667" spans="14:14">
      <c r="N581667" s="10"/>
    </row>
    <row r="581668" spans="14:14">
      <c r="N581668" s="10"/>
    </row>
    <row r="581669" spans="14:14">
      <c r="N581669" s="10"/>
    </row>
    <row r="581670" spans="14:14">
      <c r="N581670" s="10"/>
    </row>
    <row r="581671" spans="14:14">
      <c r="N581671" s="10"/>
    </row>
    <row r="581672" spans="14:14">
      <c r="N581672" s="10"/>
    </row>
    <row r="581673" spans="14:14">
      <c r="N581673" s="10"/>
    </row>
    <row r="581674" spans="14:14">
      <c r="N581674" s="10"/>
    </row>
    <row r="581675" spans="14:14">
      <c r="N581675" s="10"/>
    </row>
    <row r="581676" spans="14:14">
      <c r="N581676" s="10"/>
    </row>
    <row r="581677" spans="14:14">
      <c r="N581677" s="10"/>
    </row>
    <row r="581678" spans="14:14">
      <c r="N581678" s="10"/>
    </row>
    <row r="581679" spans="14:14">
      <c r="N581679" s="10"/>
    </row>
    <row r="581680" spans="14:14">
      <c r="N581680" s="10"/>
    </row>
    <row r="581681" spans="14:14">
      <c r="N581681" s="10"/>
    </row>
    <row r="581682" spans="14:14">
      <c r="N581682" s="10"/>
    </row>
    <row r="581683" spans="14:14">
      <c r="N581683" s="10"/>
    </row>
    <row r="581684" spans="14:14">
      <c r="N581684" s="10"/>
    </row>
    <row r="581685" spans="14:14">
      <c r="N581685" s="10"/>
    </row>
    <row r="581686" spans="14:14">
      <c r="N581686" s="10"/>
    </row>
    <row r="581687" spans="14:14">
      <c r="N581687" s="10"/>
    </row>
    <row r="581688" spans="14:14">
      <c r="N581688" s="10"/>
    </row>
    <row r="581689" spans="14:14">
      <c r="N581689" s="10"/>
    </row>
    <row r="581690" spans="14:14">
      <c r="N581690" s="10"/>
    </row>
    <row r="581691" spans="14:14">
      <c r="N581691" s="10"/>
    </row>
    <row r="581692" spans="14:14">
      <c r="N581692" s="10"/>
    </row>
    <row r="581693" spans="14:14">
      <c r="N581693" s="10"/>
    </row>
    <row r="581694" spans="14:14">
      <c r="N581694" s="10"/>
    </row>
    <row r="581695" spans="14:14">
      <c r="N581695" s="10"/>
    </row>
    <row r="581696" spans="14:14">
      <c r="N581696" s="10"/>
    </row>
    <row r="581697" spans="14:14">
      <c r="N581697" s="10"/>
    </row>
    <row r="581698" spans="14:14">
      <c r="N581698" s="10"/>
    </row>
    <row r="581699" spans="14:14">
      <c r="N581699" s="10"/>
    </row>
    <row r="581700" spans="14:14">
      <c r="N581700" s="10"/>
    </row>
    <row r="581701" spans="14:14">
      <c r="N581701" s="10"/>
    </row>
    <row r="581702" spans="14:14">
      <c r="N581702" s="10"/>
    </row>
    <row r="581703" spans="14:14">
      <c r="N581703" s="10"/>
    </row>
    <row r="581704" spans="14:14">
      <c r="N581704" s="10"/>
    </row>
    <row r="581705" spans="14:14">
      <c r="N581705" s="10"/>
    </row>
    <row r="581706" spans="14:14">
      <c r="N581706" s="10"/>
    </row>
    <row r="581707" spans="14:14">
      <c r="N581707" s="10"/>
    </row>
    <row r="581708" spans="14:14">
      <c r="N581708" s="10"/>
    </row>
    <row r="581709" spans="14:14">
      <c r="N581709" s="10"/>
    </row>
    <row r="581710" spans="14:14">
      <c r="N581710" s="10"/>
    </row>
    <row r="581711" spans="14:14">
      <c r="N581711" s="10"/>
    </row>
    <row r="581712" spans="14:14">
      <c r="N581712" s="10"/>
    </row>
    <row r="581713" spans="14:14">
      <c r="N581713" s="10"/>
    </row>
    <row r="581714" spans="14:14">
      <c r="N581714" s="10"/>
    </row>
    <row r="581715" spans="14:14">
      <c r="N581715" s="10"/>
    </row>
    <row r="581716" spans="14:14">
      <c r="N581716" s="10"/>
    </row>
    <row r="581717" spans="14:14">
      <c r="N581717" s="10"/>
    </row>
    <row r="581718" spans="14:14">
      <c r="N581718" s="10"/>
    </row>
    <row r="581719" spans="14:14">
      <c r="N581719" s="10"/>
    </row>
    <row r="581720" spans="14:14">
      <c r="N581720" s="10"/>
    </row>
    <row r="581721" spans="14:14">
      <c r="N581721" s="10"/>
    </row>
    <row r="581722" spans="14:14">
      <c r="N581722" s="10"/>
    </row>
    <row r="581723" spans="14:14">
      <c r="N581723" s="10"/>
    </row>
    <row r="581724" spans="14:14">
      <c r="N581724" s="10"/>
    </row>
    <row r="581725" spans="14:14">
      <c r="N581725" s="10"/>
    </row>
    <row r="581726" spans="14:14">
      <c r="N581726" s="10"/>
    </row>
    <row r="581727" spans="14:14">
      <c r="N581727" s="10"/>
    </row>
    <row r="581728" spans="14:14">
      <c r="N581728" s="10"/>
    </row>
    <row r="581729" spans="14:14">
      <c r="N581729" s="10"/>
    </row>
    <row r="581730" spans="14:14">
      <c r="N581730" s="10"/>
    </row>
    <row r="581731" spans="14:14">
      <c r="N581731" s="10"/>
    </row>
    <row r="581732" spans="14:14">
      <c r="N581732" s="10"/>
    </row>
    <row r="581733" spans="14:14">
      <c r="N581733" s="10"/>
    </row>
    <row r="581734" spans="14:14">
      <c r="N581734" s="10"/>
    </row>
    <row r="581735" spans="14:14">
      <c r="N581735" s="10"/>
    </row>
    <row r="581736" spans="14:14">
      <c r="N581736" s="10"/>
    </row>
    <row r="581737" spans="14:14">
      <c r="N581737" s="10"/>
    </row>
    <row r="581738" spans="14:14">
      <c r="N581738" s="10"/>
    </row>
    <row r="581739" spans="14:14">
      <c r="N581739" s="10"/>
    </row>
    <row r="581740" spans="14:14">
      <c r="N581740" s="10"/>
    </row>
    <row r="581741" spans="14:14">
      <c r="N581741" s="10"/>
    </row>
    <row r="581742" spans="14:14">
      <c r="N581742" s="10"/>
    </row>
    <row r="581743" spans="14:14">
      <c r="N581743" s="10"/>
    </row>
    <row r="581744" spans="14:14">
      <c r="N581744" s="10"/>
    </row>
    <row r="581745" spans="14:14">
      <c r="N581745" s="10"/>
    </row>
    <row r="581746" spans="14:14">
      <c r="N581746" s="10"/>
    </row>
    <row r="581747" spans="14:14">
      <c r="N581747" s="10"/>
    </row>
    <row r="581748" spans="14:14">
      <c r="N581748" s="10"/>
    </row>
    <row r="581749" spans="14:14">
      <c r="N581749" s="10"/>
    </row>
    <row r="581750" spans="14:14">
      <c r="N581750" s="10"/>
    </row>
    <row r="581751" spans="14:14">
      <c r="N581751" s="10"/>
    </row>
    <row r="581752" spans="14:14">
      <c r="N581752" s="10"/>
    </row>
    <row r="581753" spans="14:14">
      <c r="N581753" s="10"/>
    </row>
    <row r="581754" spans="14:14">
      <c r="N581754" s="10"/>
    </row>
    <row r="581755" spans="14:14">
      <c r="N581755" s="10"/>
    </row>
    <row r="581756" spans="14:14">
      <c r="N581756" s="10"/>
    </row>
    <row r="581757" spans="14:14">
      <c r="N581757" s="10"/>
    </row>
    <row r="581758" spans="14:14">
      <c r="N581758" s="10"/>
    </row>
    <row r="581759" spans="14:14">
      <c r="N581759" s="10"/>
    </row>
    <row r="581760" spans="14:14">
      <c r="N581760" s="10"/>
    </row>
    <row r="581761" spans="14:14">
      <c r="N581761" s="10"/>
    </row>
    <row r="581762" spans="14:14">
      <c r="N581762" s="10"/>
    </row>
    <row r="581763" spans="14:14">
      <c r="N581763" s="10"/>
    </row>
    <row r="581764" spans="14:14">
      <c r="N581764" s="10"/>
    </row>
    <row r="581765" spans="14:14">
      <c r="N581765" s="10"/>
    </row>
    <row r="581766" spans="14:14">
      <c r="N581766" s="10"/>
    </row>
    <row r="581767" spans="14:14">
      <c r="N581767" s="10"/>
    </row>
    <row r="581768" spans="14:14">
      <c r="N581768" s="10"/>
    </row>
    <row r="581769" spans="14:14">
      <c r="N581769" s="10"/>
    </row>
    <row r="581770" spans="14:14">
      <c r="N581770" s="10"/>
    </row>
    <row r="581771" spans="14:14">
      <c r="N581771" s="10"/>
    </row>
    <row r="581772" spans="14:14">
      <c r="N581772" s="10"/>
    </row>
    <row r="581773" spans="14:14">
      <c r="N581773" s="10"/>
    </row>
    <row r="581774" spans="14:14">
      <c r="N581774" s="10"/>
    </row>
    <row r="581775" spans="14:14">
      <c r="N581775" s="10"/>
    </row>
    <row r="581776" spans="14:14">
      <c r="N581776" s="10"/>
    </row>
    <row r="581777" spans="14:14">
      <c r="N581777" s="10"/>
    </row>
    <row r="581778" spans="14:14">
      <c r="N581778" s="10"/>
    </row>
    <row r="581779" spans="14:14">
      <c r="N581779" s="10"/>
    </row>
    <row r="581780" spans="14:14">
      <c r="N581780" s="10"/>
    </row>
    <row r="581781" spans="14:14">
      <c r="N581781" s="10"/>
    </row>
    <row r="581782" spans="14:14">
      <c r="N581782" s="10"/>
    </row>
    <row r="581783" spans="14:14">
      <c r="N581783" s="10"/>
    </row>
    <row r="581784" spans="14:14">
      <c r="N581784" s="10"/>
    </row>
    <row r="581785" spans="14:14">
      <c r="N581785" s="10"/>
    </row>
    <row r="581786" spans="14:14">
      <c r="N581786" s="10"/>
    </row>
    <row r="581787" spans="14:14">
      <c r="N581787" s="10"/>
    </row>
    <row r="581788" spans="14:14">
      <c r="N581788" s="10"/>
    </row>
    <row r="581789" spans="14:14">
      <c r="N581789" s="10"/>
    </row>
    <row r="581790" spans="14:14">
      <c r="N581790" s="10"/>
    </row>
    <row r="581791" spans="14:14">
      <c r="N581791" s="10"/>
    </row>
    <row r="581792" spans="14:14">
      <c r="N581792" s="10"/>
    </row>
    <row r="581793" spans="14:14">
      <c r="N581793" s="10"/>
    </row>
    <row r="581794" spans="14:14">
      <c r="N581794" s="10"/>
    </row>
    <row r="581795" spans="14:14">
      <c r="N581795" s="10"/>
    </row>
    <row r="581796" spans="14:14">
      <c r="N581796" s="10"/>
    </row>
    <row r="581797" spans="14:14">
      <c r="N581797" s="10"/>
    </row>
    <row r="581798" spans="14:14">
      <c r="N581798" s="10"/>
    </row>
    <row r="581799" spans="14:14">
      <c r="N581799" s="10"/>
    </row>
    <row r="581800" spans="14:14">
      <c r="N581800" s="10"/>
    </row>
    <row r="581801" spans="14:14">
      <c r="N581801" s="10"/>
    </row>
    <row r="581802" spans="14:14">
      <c r="N581802" s="10"/>
    </row>
    <row r="581803" spans="14:14">
      <c r="N581803" s="10"/>
    </row>
    <row r="581804" spans="14:14">
      <c r="N581804" s="10"/>
    </row>
    <row r="581805" spans="14:14">
      <c r="N581805" s="10"/>
    </row>
    <row r="581806" spans="14:14">
      <c r="N581806" s="10"/>
    </row>
    <row r="581807" spans="14:14">
      <c r="N581807" s="10"/>
    </row>
    <row r="581808" spans="14:14">
      <c r="N581808" s="10"/>
    </row>
    <row r="581809" spans="14:14">
      <c r="N581809" s="10"/>
    </row>
    <row r="581810" spans="14:14">
      <c r="N581810" s="10"/>
    </row>
    <row r="581811" spans="14:14">
      <c r="N581811" s="10"/>
    </row>
    <row r="581812" spans="14:14">
      <c r="N581812" s="10"/>
    </row>
    <row r="581813" spans="14:14">
      <c r="N581813" s="10"/>
    </row>
    <row r="581814" spans="14:14">
      <c r="N581814" s="10"/>
    </row>
    <row r="581815" spans="14:14">
      <c r="N581815" s="10"/>
    </row>
    <row r="581816" spans="14:14">
      <c r="N581816" s="10"/>
    </row>
    <row r="581817" spans="14:14">
      <c r="N581817" s="10"/>
    </row>
    <row r="581818" spans="14:14">
      <c r="N581818" s="10"/>
    </row>
    <row r="581819" spans="14:14">
      <c r="N581819" s="10"/>
    </row>
    <row r="581820" spans="14:14">
      <c r="N581820" s="10"/>
    </row>
    <row r="581821" spans="14:14">
      <c r="N581821" s="10"/>
    </row>
    <row r="581822" spans="14:14">
      <c r="N581822" s="10"/>
    </row>
    <row r="581823" spans="14:14">
      <c r="N581823" s="10"/>
    </row>
    <row r="581824" spans="14:14">
      <c r="N581824" s="10"/>
    </row>
    <row r="581825" spans="14:14">
      <c r="N581825" s="10"/>
    </row>
    <row r="581826" spans="14:14">
      <c r="N581826" s="10"/>
    </row>
    <row r="581827" spans="14:14">
      <c r="N581827" s="10"/>
    </row>
    <row r="581828" spans="14:14">
      <c r="N581828" s="10"/>
    </row>
    <row r="581829" spans="14:14">
      <c r="N581829" s="10"/>
    </row>
    <row r="581830" spans="14:14">
      <c r="N581830" s="10"/>
    </row>
    <row r="581831" spans="14:14">
      <c r="N581831" s="10"/>
    </row>
    <row r="581832" spans="14:14">
      <c r="N581832" s="10"/>
    </row>
    <row r="581833" spans="14:14">
      <c r="N581833" s="10"/>
    </row>
    <row r="581834" spans="14:14">
      <c r="N581834" s="10"/>
    </row>
    <row r="581835" spans="14:14">
      <c r="N581835" s="10"/>
    </row>
    <row r="581836" spans="14:14">
      <c r="N581836" s="10"/>
    </row>
    <row r="581837" spans="14:14">
      <c r="N581837" s="10"/>
    </row>
    <row r="581838" spans="14:14">
      <c r="N581838" s="10"/>
    </row>
    <row r="581839" spans="14:14">
      <c r="N581839" s="10"/>
    </row>
    <row r="581840" spans="14:14">
      <c r="N581840" s="10"/>
    </row>
    <row r="581841" spans="14:14">
      <c r="N581841" s="10"/>
    </row>
    <row r="581842" spans="14:14">
      <c r="N581842" s="10"/>
    </row>
    <row r="581843" spans="14:14">
      <c r="N581843" s="10"/>
    </row>
    <row r="581844" spans="14:14">
      <c r="N581844" s="10"/>
    </row>
    <row r="581845" spans="14:14">
      <c r="N581845" s="10"/>
    </row>
    <row r="581846" spans="14:14">
      <c r="N581846" s="10"/>
    </row>
    <row r="581847" spans="14:14">
      <c r="N581847" s="10"/>
    </row>
    <row r="581848" spans="14:14">
      <c r="N581848" s="10"/>
    </row>
    <row r="581849" spans="14:14">
      <c r="N581849" s="10"/>
    </row>
    <row r="581850" spans="14:14">
      <c r="N581850" s="10"/>
    </row>
    <row r="581851" spans="14:14">
      <c r="N581851" s="10"/>
    </row>
    <row r="581852" spans="14:14">
      <c r="N581852" s="10"/>
    </row>
    <row r="581853" spans="14:14">
      <c r="N581853" s="10"/>
    </row>
    <row r="581854" spans="14:14">
      <c r="N581854" s="10"/>
    </row>
    <row r="581855" spans="14:14">
      <c r="N581855" s="10"/>
    </row>
    <row r="581856" spans="14:14">
      <c r="N581856" s="10"/>
    </row>
    <row r="581857" spans="14:14">
      <c r="N581857" s="10"/>
    </row>
    <row r="581858" spans="14:14">
      <c r="N581858" s="10"/>
    </row>
    <row r="581859" spans="14:14">
      <c r="N581859" s="10"/>
    </row>
    <row r="581860" spans="14:14">
      <c r="N581860" s="10"/>
    </row>
    <row r="581861" spans="14:14">
      <c r="N581861" s="10"/>
    </row>
    <row r="581862" spans="14:14">
      <c r="N581862" s="10"/>
    </row>
    <row r="581863" spans="14:14">
      <c r="N581863" s="10"/>
    </row>
    <row r="581864" spans="14:14">
      <c r="N581864" s="10"/>
    </row>
    <row r="581865" spans="14:14">
      <c r="N581865" s="10"/>
    </row>
    <row r="581866" spans="14:14">
      <c r="N581866" s="10"/>
    </row>
    <row r="581867" spans="14:14">
      <c r="N581867" s="10"/>
    </row>
    <row r="581868" spans="14:14">
      <c r="N581868" s="10"/>
    </row>
    <row r="581869" spans="14:14">
      <c r="N581869" s="10"/>
    </row>
    <row r="581870" spans="14:14">
      <c r="N581870" s="10"/>
    </row>
    <row r="581871" spans="14:14">
      <c r="N581871" s="10"/>
    </row>
    <row r="581872" spans="14:14">
      <c r="N581872" s="10"/>
    </row>
    <row r="581873" spans="14:14">
      <c r="N581873" s="10"/>
    </row>
    <row r="581874" spans="14:14">
      <c r="N581874" s="10"/>
    </row>
    <row r="581875" spans="14:14">
      <c r="N581875" s="10"/>
    </row>
    <row r="581876" spans="14:14">
      <c r="N581876" s="10"/>
    </row>
    <row r="581877" spans="14:14">
      <c r="N581877" s="10"/>
    </row>
    <row r="581878" spans="14:14">
      <c r="N581878" s="10"/>
    </row>
    <row r="581879" spans="14:14">
      <c r="N581879" s="10"/>
    </row>
    <row r="581880" spans="14:14">
      <c r="N581880" s="10"/>
    </row>
    <row r="581881" spans="14:14">
      <c r="N581881" s="10"/>
    </row>
    <row r="581882" spans="14:14">
      <c r="N581882" s="10"/>
    </row>
    <row r="581883" spans="14:14">
      <c r="N581883" s="10"/>
    </row>
    <row r="581884" spans="14:14">
      <c r="N581884" s="10"/>
    </row>
    <row r="581885" spans="14:14">
      <c r="N581885" s="10"/>
    </row>
    <row r="581886" spans="14:14">
      <c r="N581886" s="10"/>
    </row>
    <row r="581887" spans="14:14">
      <c r="N581887" s="10"/>
    </row>
    <row r="581888" spans="14:14">
      <c r="N581888" s="10"/>
    </row>
    <row r="581889" spans="14:14">
      <c r="N581889" s="10"/>
    </row>
    <row r="581890" spans="14:14">
      <c r="N581890" s="10"/>
    </row>
    <row r="581891" spans="14:14">
      <c r="N581891" s="10"/>
    </row>
    <row r="581892" spans="14:14">
      <c r="N581892" s="10"/>
    </row>
    <row r="581893" spans="14:14">
      <c r="N581893" s="10"/>
    </row>
    <row r="581894" spans="14:14">
      <c r="N581894" s="10"/>
    </row>
    <row r="581895" spans="14:14">
      <c r="N581895" s="10"/>
    </row>
    <row r="581896" spans="14:14">
      <c r="N581896" s="10"/>
    </row>
    <row r="581897" spans="14:14">
      <c r="N581897" s="10"/>
    </row>
    <row r="581898" spans="14:14">
      <c r="N581898" s="10"/>
    </row>
    <row r="581899" spans="14:14">
      <c r="N581899" s="10"/>
    </row>
    <row r="581900" spans="14:14">
      <c r="N581900" s="10"/>
    </row>
    <row r="581901" spans="14:14">
      <c r="N581901" s="10"/>
    </row>
    <row r="581902" spans="14:14">
      <c r="N581902" s="10"/>
    </row>
    <row r="581903" spans="14:14">
      <c r="N581903" s="10"/>
    </row>
    <row r="581904" spans="14:14">
      <c r="N581904" s="10"/>
    </row>
    <row r="581905" spans="14:14">
      <c r="N581905" s="10"/>
    </row>
    <row r="581906" spans="14:14">
      <c r="N581906" s="10"/>
    </row>
    <row r="581907" spans="14:14">
      <c r="N581907" s="10"/>
    </row>
    <row r="581908" spans="14:14">
      <c r="N581908" s="10"/>
    </row>
    <row r="581909" spans="14:14">
      <c r="N581909" s="10"/>
    </row>
    <row r="581910" spans="14:14">
      <c r="N581910" s="10"/>
    </row>
    <row r="581911" spans="14:14">
      <c r="N581911" s="10"/>
    </row>
    <row r="581912" spans="14:14">
      <c r="N581912" s="10"/>
    </row>
    <row r="581913" spans="14:14">
      <c r="N581913" s="10"/>
    </row>
    <row r="581914" spans="14:14">
      <c r="N581914" s="10"/>
    </row>
    <row r="581915" spans="14:14">
      <c r="N581915" s="10"/>
    </row>
    <row r="581916" spans="14:14">
      <c r="N581916" s="10"/>
    </row>
    <row r="581917" spans="14:14">
      <c r="N581917" s="10"/>
    </row>
    <row r="581918" spans="14:14">
      <c r="N581918" s="10"/>
    </row>
    <row r="581919" spans="14:14">
      <c r="N581919" s="10"/>
    </row>
    <row r="581920" spans="14:14">
      <c r="N581920" s="10"/>
    </row>
    <row r="581921" spans="14:14">
      <c r="N581921" s="10"/>
    </row>
    <row r="581922" spans="14:14">
      <c r="N581922" s="10"/>
    </row>
    <row r="581923" spans="14:14">
      <c r="N581923" s="10"/>
    </row>
    <row r="581924" spans="14:14">
      <c r="N581924" s="10"/>
    </row>
    <row r="581925" spans="14:14">
      <c r="N581925" s="10"/>
    </row>
    <row r="581926" spans="14:14">
      <c r="N581926" s="10"/>
    </row>
    <row r="581927" spans="14:14">
      <c r="N581927" s="10"/>
    </row>
    <row r="581928" spans="14:14">
      <c r="N581928" s="10"/>
    </row>
    <row r="581929" spans="14:14">
      <c r="N581929" s="10"/>
    </row>
    <row r="581930" spans="14:14">
      <c r="N581930" s="10"/>
    </row>
    <row r="581931" spans="14:14">
      <c r="N581931" s="10"/>
    </row>
    <row r="581932" spans="14:14">
      <c r="N581932" s="10"/>
    </row>
    <row r="581933" spans="14:14">
      <c r="N581933" s="10"/>
    </row>
    <row r="581934" spans="14:14">
      <c r="N581934" s="10"/>
    </row>
    <row r="581935" spans="14:14">
      <c r="N581935" s="10"/>
    </row>
    <row r="581936" spans="14:14">
      <c r="N581936" s="10"/>
    </row>
    <row r="581937" spans="14:14">
      <c r="N581937" s="10"/>
    </row>
    <row r="581938" spans="14:14">
      <c r="N581938" s="10"/>
    </row>
    <row r="581939" spans="14:14">
      <c r="N581939" s="10"/>
    </row>
    <row r="581940" spans="14:14">
      <c r="N581940" s="10"/>
    </row>
    <row r="581941" spans="14:14">
      <c r="N581941" s="10"/>
    </row>
    <row r="581942" spans="14:14">
      <c r="N581942" s="10"/>
    </row>
    <row r="581943" spans="14:14">
      <c r="N581943" s="10"/>
    </row>
    <row r="581944" spans="14:14">
      <c r="N581944" s="10"/>
    </row>
    <row r="581945" spans="14:14">
      <c r="N581945" s="10"/>
    </row>
    <row r="581946" spans="14:14">
      <c r="N581946" s="10"/>
    </row>
    <row r="581947" spans="14:14">
      <c r="N581947" s="10"/>
    </row>
    <row r="581948" spans="14:14">
      <c r="N581948" s="10"/>
    </row>
    <row r="581949" spans="14:14">
      <c r="N581949" s="10"/>
    </row>
    <row r="581950" spans="14:14">
      <c r="N581950" s="10"/>
    </row>
    <row r="581951" spans="14:14">
      <c r="N581951" s="10"/>
    </row>
    <row r="581952" spans="14:14">
      <c r="N581952" s="10"/>
    </row>
    <row r="581953" spans="14:14">
      <c r="N581953" s="10"/>
    </row>
    <row r="581954" spans="14:14">
      <c r="N581954" s="10"/>
    </row>
    <row r="581955" spans="14:14">
      <c r="N581955" s="10"/>
    </row>
    <row r="581956" spans="14:14">
      <c r="N581956" s="10"/>
    </row>
    <row r="581957" spans="14:14">
      <c r="N581957" s="10"/>
    </row>
    <row r="581958" spans="14:14">
      <c r="N581958" s="10"/>
    </row>
    <row r="581959" spans="14:14">
      <c r="N581959" s="10"/>
    </row>
    <row r="581960" spans="14:14">
      <c r="N581960" s="10"/>
    </row>
    <row r="581961" spans="14:14">
      <c r="N581961" s="10"/>
    </row>
    <row r="581962" spans="14:14">
      <c r="N581962" s="10"/>
    </row>
    <row r="581963" spans="14:14">
      <c r="N581963" s="10"/>
    </row>
    <row r="581964" spans="14:14">
      <c r="N581964" s="10"/>
    </row>
    <row r="581965" spans="14:14">
      <c r="N581965" s="10"/>
    </row>
    <row r="581966" spans="14:14">
      <c r="N581966" s="10"/>
    </row>
    <row r="581967" spans="14:14">
      <c r="N581967" s="10"/>
    </row>
    <row r="581968" spans="14:14">
      <c r="N581968" s="10"/>
    </row>
    <row r="581969" spans="14:14">
      <c r="N581969" s="10"/>
    </row>
    <row r="581970" spans="14:14">
      <c r="N581970" s="10"/>
    </row>
    <row r="581971" spans="14:14">
      <c r="N581971" s="10"/>
    </row>
    <row r="581972" spans="14:14">
      <c r="N581972" s="10"/>
    </row>
    <row r="581973" spans="14:14">
      <c r="N581973" s="10"/>
    </row>
    <row r="581974" spans="14:14">
      <c r="N581974" s="10"/>
    </row>
    <row r="581975" spans="14:14">
      <c r="N581975" s="10"/>
    </row>
    <row r="581976" spans="14:14">
      <c r="N581976" s="10"/>
    </row>
    <row r="581977" spans="14:14">
      <c r="N581977" s="10"/>
    </row>
    <row r="581978" spans="14:14">
      <c r="N581978" s="10"/>
    </row>
    <row r="581979" spans="14:14">
      <c r="N581979" s="10"/>
    </row>
    <row r="581980" spans="14:14">
      <c r="N581980" s="10"/>
    </row>
    <row r="581981" spans="14:14">
      <c r="N581981" s="10"/>
    </row>
    <row r="581982" spans="14:14">
      <c r="N581982" s="10"/>
    </row>
    <row r="581983" spans="14:14">
      <c r="N581983" s="10"/>
    </row>
    <row r="581984" spans="14:14">
      <c r="N581984" s="10"/>
    </row>
    <row r="581985" spans="14:14">
      <c r="N581985" s="10"/>
    </row>
    <row r="581986" spans="14:14">
      <c r="N581986" s="10"/>
    </row>
    <row r="581987" spans="14:14">
      <c r="N581987" s="10"/>
    </row>
    <row r="581988" spans="14:14">
      <c r="N581988" s="10"/>
    </row>
    <row r="581989" spans="14:14">
      <c r="N581989" s="10"/>
    </row>
    <row r="581990" spans="14:14">
      <c r="N581990" s="10"/>
    </row>
    <row r="581991" spans="14:14">
      <c r="N581991" s="10"/>
    </row>
    <row r="581992" spans="14:14">
      <c r="N581992" s="10"/>
    </row>
    <row r="581993" spans="14:14">
      <c r="N581993" s="10"/>
    </row>
    <row r="581994" spans="14:14">
      <c r="N581994" s="10"/>
    </row>
    <row r="581995" spans="14:14">
      <c r="N581995" s="10"/>
    </row>
    <row r="581996" spans="14:14">
      <c r="N581996" s="10"/>
    </row>
    <row r="581997" spans="14:14">
      <c r="N581997" s="10"/>
    </row>
    <row r="581998" spans="14:14">
      <c r="N581998" s="10"/>
    </row>
    <row r="581999" spans="14:14">
      <c r="N581999" s="10"/>
    </row>
    <row r="582000" spans="14:14">
      <c r="N582000" s="10"/>
    </row>
    <row r="582001" spans="14:14">
      <c r="N582001" s="10"/>
    </row>
    <row r="582002" spans="14:14">
      <c r="N582002" s="10"/>
    </row>
    <row r="582003" spans="14:14">
      <c r="N582003" s="10"/>
    </row>
    <row r="582004" spans="14:14">
      <c r="N582004" s="10"/>
    </row>
    <row r="582005" spans="14:14">
      <c r="N582005" s="10"/>
    </row>
    <row r="582006" spans="14:14">
      <c r="N582006" s="10"/>
    </row>
    <row r="582007" spans="14:14">
      <c r="N582007" s="10"/>
    </row>
    <row r="582008" spans="14:14">
      <c r="N582008" s="10"/>
    </row>
    <row r="582009" spans="14:14">
      <c r="N582009" s="10"/>
    </row>
    <row r="582010" spans="14:14">
      <c r="N582010" s="10"/>
    </row>
    <row r="582011" spans="14:14">
      <c r="N582011" s="10"/>
    </row>
    <row r="582012" spans="14:14">
      <c r="N582012" s="10"/>
    </row>
    <row r="582013" spans="14:14">
      <c r="N582013" s="10"/>
    </row>
    <row r="582014" spans="14:14">
      <c r="N582014" s="10"/>
    </row>
    <row r="582015" spans="14:14">
      <c r="N582015" s="10"/>
    </row>
    <row r="582016" spans="14:14">
      <c r="N582016" s="10"/>
    </row>
    <row r="582017" spans="14:14">
      <c r="N582017" s="10"/>
    </row>
    <row r="582018" spans="14:14">
      <c r="N582018" s="10"/>
    </row>
    <row r="582019" spans="14:14">
      <c r="N582019" s="10"/>
    </row>
    <row r="582020" spans="14:14">
      <c r="N582020" s="10"/>
    </row>
    <row r="582021" spans="14:14">
      <c r="N582021" s="10"/>
    </row>
    <row r="582022" spans="14:14">
      <c r="N582022" s="10"/>
    </row>
    <row r="582023" spans="14:14">
      <c r="N582023" s="10"/>
    </row>
    <row r="582024" spans="14:14">
      <c r="N582024" s="10"/>
    </row>
    <row r="582025" spans="14:14">
      <c r="N582025" s="10"/>
    </row>
    <row r="582026" spans="14:14">
      <c r="N582026" s="10"/>
    </row>
    <row r="582027" spans="14:14">
      <c r="N582027" s="10"/>
    </row>
    <row r="582028" spans="14:14">
      <c r="N582028" s="10"/>
    </row>
    <row r="582029" spans="14:14">
      <c r="N582029" s="10"/>
    </row>
    <row r="582030" spans="14:14">
      <c r="N582030" s="10"/>
    </row>
    <row r="582031" spans="14:14">
      <c r="N582031" s="10"/>
    </row>
    <row r="582032" spans="14:14">
      <c r="N582032" s="10"/>
    </row>
    <row r="582033" spans="14:14">
      <c r="N582033" s="10"/>
    </row>
    <row r="582034" spans="14:14">
      <c r="N582034" s="10"/>
    </row>
    <row r="582035" spans="14:14">
      <c r="N582035" s="10"/>
    </row>
    <row r="582036" spans="14:14">
      <c r="N582036" s="10"/>
    </row>
    <row r="582037" spans="14:14">
      <c r="N582037" s="10"/>
    </row>
    <row r="582038" spans="14:14">
      <c r="N582038" s="10"/>
    </row>
    <row r="582039" spans="14:14">
      <c r="N582039" s="10"/>
    </row>
    <row r="582040" spans="14:14">
      <c r="N582040" s="10"/>
    </row>
    <row r="582041" spans="14:14">
      <c r="N582041" s="10"/>
    </row>
    <row r="582042" spans="14:14">
      <c r="N582042" s="10"/>
    </row>
    <row r="582043" spans="14:14">
      <c r="N582043" s="10"/>
    </row>
    <row r="582044" spans="14:14">
      <c r="N582044" s="10"/>
    </row>
    <row r="582045" spans="14:14">
      <c r="N582045" s="10"/>
    </row>
    <row r="582046" spans="14:14">
      <c r="N582046" s="10"/>
    </row>
    <row r="582047" spans="14:14">
      <c r="N582047" s="10"/>
    </row>
    <row r="582048" spans="14:14">
      <c r="N582048" s="10"/>
    </row>
    <row r="582049" spans="14:14">
      <c r="N582049" s="10"/>
    </row>
    <row r="582050" spans="14:14">
      <c r="N582050" s="10"/>
    </row>
    <row r="582051" spans="14:14">
      <c r="N582051" s="10"/>
    </row>
    <row r="582052" spans="14:14">
      <c r="N582052" s="10"/>
    </row>
    <row r="582053" spans="14:14">
      <c r="N582053" s="10"/>
    </row>
    <row r="582054" spans="14:14">
      <c r="N582054" s="10"/>
    </row>
    <row r="582055" spans="14:14">
      <c r="N582055" s="10"/>
    </row>
    <row r="582056" spans="14:14">
      <c r="N582056" s="10"/>
    </row>
    <row r="582057" spans="14:14">
      <c r="N582057" s="10"/>
    </row>
    <row r="582058" spans="14:14">
      <c r="N582058" s="10"/>
    </row>
    <row r="582059" spans="14:14">
      <c r="N582059" s="10"/>
    </row>
    <row r="582060" spans="14:14">
      <c r="N582060" s="10"/>
    </row>
    <row r="582061" spans="14:14">
      <c r="N582061" s="10"/>
    </row>
    <row r="582062" spans="14:14">
      <c r="N582062" s="10"/>
    </row>
    <row r="582063" spans="14:14">
      <c r="N582063" s="10"/>
    </row>
    <row r="582064" spans="14:14">
      <c r="N582064" s="10"/>
    </row>
    <row r="582065" spans="14:14">
      <c r="N582065" s="10"/>
    </row>
    <row r="582066" spans="14:14">
      <c r="N582066" s="10"/>
    </row>
    <row r="582067" spans="14:14">
      <c r="N582067" s="10"/>
    </row>
    <row r="582068" spans="14:14">
      <c r="N582068" s="10"/>
    </row>
    <row r="582069" spans="14:14">
      <c r="N582069" s="10"/>
    </row>
    <row r="582070" spans="14:14">
      <c r="N582070" s="10"/>
    </row>
    <row r="582071" spans="14:14">
      <c r="N582071" s="10"/>
    </row>
    <row r="582072" spans="14:14">
      <c r="N582072" s="10"/>
    </row>
    <row r="582073" spans="14:14">
      <c r="N582073" s="10"/>
    </row>
    <row r="582074" spans="14:14">
      <c r="N582074" s="10"/>
    </row>
    <row r="582075" spans="14:14">
      <c r="N582075" s="10"/>
    </row>
    <row r="582076" spans="14:14">
      <c r="N582076" s="10"/>
    </row>
    <row r="582077" spans="14:14">
      <c r="N582077" s="10"/>
    </row>
    <row r="582078" spans="14:14">
      <c r="N582078" s="10"/>
    </row>
    <row r="582079" spans="14:14">
      <c r="N582079" s="10"/>
    </row>
    <row r="582080" spans="14:14">
      <c r="N582080" s="10"/>
    </row>
    <row r="582081" spans="14:14">
      <c r="N582081" s="10"/>
    </row>
    <row r="582082" spans="14:14">
      <c r="N582082" s="10"/>
    </row>
    <row r="582083" spans="14:14">
      <c r="N582083" s="10"/>
    </row>
    <row r="582084" spans="14:14">
      <c r="N582084" s="10"/>
    </row>
    <row r="582085" spans="14:14">
      <c r="N582085" s="10"/>
    </row>
    <row r="582086" spans="14:14">
      <c r="N582086" s="10"/>
    </row>
    <row r="582087" spans="14:14">
      <c r="N582087" s="10"/>
    </row>
    <row r="582088" spans="14:14">
      <c r="N582088" s="10"/>
    </row>
    <row r="582089" spans="14:14">
      <c r="N582089" s="10"/>
    </row>
    <row r="582090" spans="14:14">
      <c r="N582090" s="10"/>
    </row>
    <row r="582091" spans="14:14">
      <c r="N582091" s="10"/>
    </row>
    <row r="582092" spans="14:14">
      <c r="N582092" s="10"/>
    </row>
    <row r="582093" spans="14:14">
      <c r="N582093" s="10"/>
    </row>
    <row r="582094" spans="14:14">
      <c r="N582094" s="10"/>
    </row>
    <row r="582095" spans="14:14">
      <c r="N582095" s="10"/>
    </row>
    <row r="582096" spans="14:14">
      <c r="N582096" s="10"/>
    </row>
    <row r="582097" spans="14:14">
      <c r="N582097" s="10"/>
    </row>
    <row r="582098" spans="14:14">
      <c r="N582098" s="10"/>
    </row>
    <row r="582099" spans="14:14">
      <c r="N582099" s="10"/>
    </row>
    <row r="582100" spans="14:14">
      <c r="N582100" s="10"/>
    </row>
    <row r="582101" spans="14:14">
      <c r="N582101" s="10"/>
    </row>
    <row r="582102" spans="14:14">
      <c r="N582102" s="10"/>
    </row>
    <row r="582103" spans="14:14">
      <c r="N582103" s="10"/>
    </row>
    <row r="582104" spans="14:14">
      <c r="N582104" s="10"/>
    </row>
    <row r="582105" spans="14:14">
      <c r="N582105" s="10"/>
    </row>
    <row r="582106" spans="14:14">
      <c r="N582106" s="10"/>
    </row>
    <row r="582107" spans="14:14">
      <c r="N582107" s="10"/>
    </row>
    <row r="582108" spans="14:14">
      <c r="N582108" s="10"/>
    </row>
    <row r="582109" spans="14:14">
      <c r="N582109" s="10"/>
    </row>
    <row r="582110" spans="14:14">
      <c r="N582110" s="10"/>
    </row>
    <row r="582111" spans="14:14">
      <c r="N582111" s="10"/>
    </row>
    <row r="582112" spans="14:14">
      <c r="N582112" s="10"/>
    </row>
    <row r="582113" spans="14:14">
      <c r="N582113" s="10"/>
    </row>
    <row r="582114" spans="14:14">
      <c r="N582114" s="10"/>
    </row>
    <row r="582115" spans="14:14">
      <c r="N582115" s="10"/>
    </row>
    <row r="582116" spans="14:14">
      <c r="N582116" s="10"/>
    </row>
    <row r="582117" spans="14:14">
      <c r="N582117" s="10"/>
    </row>
    <row r="582118" spans="14:14">
      <c r="N582118" s="10"/>
    </row>
    <row r="582119" spans="14:14">
      <c r="N582119" s="10"/>
    </row>
    <row r="582120" spans="14:14">
      <c r="N582120" s="10"/>
    </row>
    <row r="582121" spans="14:14">
      <c r="N582121" s="10"/>
    </row>
    <row r="582122" spans="14:14">
      <c r="N582122" s="10"/>
    </row>
    <row r="582123" spans="14:14">
      <c r="N582123" s="10"/>
    </row>
    <row r="582124" spans="14:14">
      <c r="N582124" s="10"/>
    </row>
    <row r="582125" spans="14:14">
      <c r="N582125" s="10"/>
    </row>
    <row r="582126" spans="14:14">
      <c r="N582126" s="10"/>
    </row>
    <row r="582127" spans="14:14">
      <c r="N582127" s="10"/>
    </row>
    <row r="582128" spans="14:14">
      <c r="N582128" s="10"/>
    </row>
    <row r="582129" spans="14:14">
      <c r="N582129" s="10"/>
    </row>
    <row r="582130" spans="14:14">
      <c r="N582130" s="10"/>
    </row>
    <row r="582131" spans="14:14">
      <c r="N582131" s="10"/>
    </row>
    <row r="582132" spans="14:14">
      <c r="N582132" s="10"/>
    </row>
    <row r="582133" spans="14:14">
      <c r="N582133" s="10"/>
    </row>
    <row r="582134" spans="14:14">
      <c r="N582134" s="10"/>
    </row>
    <row r="582135" spans="14:14">
      <c r="N582135" s="10"/>
    </row>
    <row r="582136" spans="14:14">
      <c r="N582136" s="10"/>
    </row>
    <row r="582137" spans="14:14">
      <c r="N582137" s="10"/>
    </row>
    <row r="582138" spans="14:14">
      <c r="N582138" s="10"/>
    </row>
    <row r="582139" spans="14:14">
      <c r="N582139" s="10"/>
    </row>
    <row r="582140" spans="14:14">
      <c r="N582140" s="10"/>
    </row>
    <row r="582141" spans="14:14">
      <c r="N582141" s="10"/>
    </row>
    <row r="582142" spans="14:14">
      <c r="N582142" s="10"/>
    </row>
    <row r="582143" spans="14:14">
      <c r="N582143" s="10"/>
    </row>
    <row r="582144" spans="14:14">
      <c r="N582144" s="10"/>
    </row>
    <row r="582145" spans="14:14">
      <c r="N582145" s="10"/>
    </row>
    <row r="582146" spans="14:14">
      <c r="N582146" s="10"/>
    </row>
    <row r="582147" spans="14:14">
      <c r="N582147" s="10"/>
    </row>
    <row r="582148" spans="14:14">
      <c r="N582148" s="10"/>
    </row>
    <row r="582149" spans="14:14">
      <c r="N582149" s="10"/>
    </row>
    <row r="582150" spans="14:14">
      <c r="N582150" s="10"/>
    </row>
    <row r="582151" spans="14:14">
      <c r="N582151" s="10"/>
    </row>
    <row r="582152" spans="14:14">
      <c r="N582152" s="10"/>
    </row>
    <row r="582153" spans="14:14">
      <c r="N582153" s="10"/>
    </row>
    <row r="582154" spans="14:14">
      <c r="N582154" s="10"/>
    </row>
    <row r="582155" spans="14:14">
      <c r="N582155" s="10"/>
    </row>
    <row r="582156" spans="14:14">
      <c r="N582156" s="10"/>
    </row>
    <row r="582157" spans="14:14">
      <c r="N582157" s="10"/>
    </row>
    <row r="582158" spans="14:14">
      <c r="N582158" s="10"/>
    </row>
    <row r="582159" spans="14:14">
      <c r="N582159" s="10"/>
    </row>
    <row r="582160" spans="14:14">
      <c r="N582160" s="10"/>
    </row>
    <row r="582161" spans="14:14">
      <c r="N582161" s="10"/>
    </row>
    <row r="582162" spans="14:14">
      <c r="N582162" s="10"/>
    </row>
    <row r="582163" spans="14:14">
      <c r="N582163" s="10"/>
    </row>
    <row r="582164" spans="14:14">
      <c r="N582164" s="10"/>
    </row>
    <row r="582165" spans="14:14">
      <c r="N582165" s="10"/>
    </row>
    <row r="582166" spans="14:14">
      <c r="N582166" s="10"/>
    </row>
    <row r="582167" spans="14:14">
      <c r="N582167" s="10"/>
    </row>
    <row r="582168" spans="14:14">
      <c r="N582168" s="10"/>
    </row>
    <row r="582169" spans="14:14">
      <c r="N582169" s="10"/>
    </row>
    <row r="582170" spans="14:14">
      <c r="N582170" s="10"/>
    </row>
    <row r="582171" spans="14:14">
      <c r="N582171" s="10"/>
    </row>
    <row r="582172" spans="14:14">
      <c r="N582172" s="10"/>
    </row>
    <row r="582173" spans="14:14">
      <c r="N582173" s="10"/>
    </row>
    <row r="582174" spans="14:14">
      <c r="N582174" s="10"/>
    </row>
    <row r="582175" spans="14:14">
      <c r="N582175" s="10"/>
    </row>
    <row r="582176" spans="14:14">
      <c r="N582176" s="10"/>
    </row>
    <row r="582177" spans="14:14">
      <c r="N582177" s="10"/>
    </row>
    <row r="582178" spans="14:14">
      <c r="N582178" s="10"/>
    </row>
    <row r="582179" spans="14:14">
      <c r="N582179" s="10"/>
    </row>
    <row r="582180" spans="14:14">
      <c r="N582180" s="10"/>
    </row>
    <row r="582181" spans="14:14">
      <c r="N582181" s="10"/>
    </row>
    <row r="582182" spans="14:14">
      <c r="N582182" s="10"/>
    </row>
    <row r="582183" spans="14:14">
      <c r="N582183" s="10"/>
    </row>
    <row r="582184" spans="14:14">
      <c r="N582184" s="10"/>
    </row>
    <row r="582185" spans="14:14">
      <c r="N582185" s="10"/>
    </row>
    <row r="582186" spans="14:14">
      <c r="N582186" s="10"/>
    </row>
    <row r="582187" spans="14:14">
      <c r="N582187" s="10"/>
    </row>
    <row r="582188" spans="14:14">
      <c r="N582188" s="10"/>
    </row>
    <row r="582189" spans="14:14">
      <c r="N582189" s="10"/>
    </row>
    <row r="582190" spans="14:14">
      <c r="N582190" s="10"/>
    </row>
    <row r="582191" spans="14:14">
      <c r="N582191" s="10"/>
    </row>
    <row r="582192" spans="14:14">
      <c r="N582192" s="10"/>
    </row>
    <row r="582193" spans="14:14">
      <c r="N582193" s="10"/>
    </row>
    <row r="582194" spans="14:14">
      <c r="N582194" s="10"/>
    </row>
    <row r="582195" spans="14:14">
      <c r="N582195" s="10"/>
    </row>
    <row r="582196" spans="14:14">
      <c r="N582196" s="10"/>
    </row>
    <row r="582197" spans="14:14">
      <c r="N582197" s="10"/>
    </row>
    <row r="582198" spans="14:14">
      <c r="N582198" s="10"/>
    </row>
    <row r="582199" spans="14:14">
      <c r="N582199" s="10"/>
    </row>
    <row r="582200" spans="14:14">
      <c r="N582200" s="10"/>
    </row>
    <row r="582201" spans="14:14">
      <c r="N582201" s="10"/>
    </row>
    <row r="582202" spans="14:14">
      <c r="N582202" s="10"/>
    </row>
    <row r="582203" spans="14:14">
      <c r="N582203" s="10"/>
    </row>
    <row r="582204" spans="14:14">
      <c r="N582204" s="10"/>
    </row>
    <row r="582205" spans="14:14">
      <c r="N582205" s="10"/>
    </row>
    <row r="582206" spans="14:14">
      <c r="N582206" s="10"/>
    </row>
    <row r="582207" spans="14:14">
      <c r="N582207" s="10"/>
    </row>
    <row r="582208" spans="14:14">
      <c r="N582208" s="10"/>
    </row>
    <row r="582209" spans="14:14">
      <c r="N582209" s="10"/>
    </row>
    <row r="582210" spans="14:14">
      <c r="N582210" s="10"/>
    </row>
    <row r="582211" spans="14:14">
      <c r="N582211" s="10"/>
    </row>
    <row r="582212" spans="14:14">
      <c r="N582212" s="10"/>
    </row>
    <row r="582213" spans="14:14">
      <c r="N582213" s="10"/>
    </row>
    <row r="582214" spans="14:14">
      <c r="N582214" s="10"/>
    </row>
    <row r="582215" spans="14:14">
      <c r="N582215" s="10"/>
    </row>
    <row r="582216" spans="14:14">
      <c r="N582216" s="10"/>
    </row>
    <row r="582217" spans="14:14">
      <c r="N582217" s="10"/>
    </row>
    <row r="582218" spans="14:14">
      <c r="N582218" s="10"/>
    </row>
    <row r="582219" spans="14:14">
      <c r="N582219" s="10"/>
    </row>
    <row r="582220" spans="14:14">
      <c r="N582220" s="10"/>
    </row>
    <row r="582221" spans="14:14">
      <c r="N582221" s="10"/>
    </row>
    <row r="582222" spans="14:14">
      <c r="N582222" s="10"/>
    </row>
    <row r="582223" spans="14:14">
      <c r="N582223" s="10"/>
    </row>
    <row r="582224" spans="14:14">
      <c r="N582224" s="10"/>
    </row>
    <row r="582225" spans="14:14">
      <c r="N582225" s="10"/>
    </row>
    <row r="582226" spans="14:14">
      <c r="N582226" s="10"/>
    </row>
    <row r="582227" spans="14:14">
      <c r="N582227" s="10"/>
    </row>
    <row r="582228" spans="14:14">
      <c r="N582228" s="10"/>
    </row>
    <row r="582229" spans="14:14">
      <c r="N582229" s="10"/>
    </row>
    <row r="582230" spans="14:14">
      <c r="N582230" s="10"/>
    </row>
    <row r="582231" spans="14:14">
      <c r="N582231" s="10"/>
    </row>
    <row r="582232" spans="14:14">
      <c r="N582232" s="10"/>
    </row>
    <row r="582233" spans="14:14">
      <c r="N582233" s="10"/>
    </row>
    <row r="582234" spans="14:14">
      <c r="N582234" s="10"/>
    </row>
    <row r="582235" spans="14:14">
      <c r="N582235" s="10"/>
    </row>
    <row r="582236" spans="14:14">
      <c r="N582236" s="10"/>
    </row>
    <row r="582237" spans="14:14">
      <c r="N582237" s="10"/>
    </row>
    <row r="582238" spans="14:14">
      <c r="N582238" s="10"/>
    </row>
    <row r="582239" spans="14:14">
      <c r="N582239" s="10"/>
    </row>
    <row r="582240" spans="14:14">
      <c r="N582240" s="10"/>
    </row>
    <row r="582241" spans="14:14">
      <c r="N582241" s="10"/>
    </row>
    <row r="582242" spans="14:14">
      <c r="N582242" s="10"/>
    </row>
    <row r="582243" spans="14:14">
      <c r="N582243" s="10"/>
    </row>
    <row r="582244" spans="14:14">
      <c r="N582244" s="10"/>
    </row>
    <row r="582245" spans="14:14">
      <c r="N582245" s="10"/>
    </row>
    <row r="582246" spans="14:14">
      <c r="N582246" s="10"/>
    </row>
    <row r="582247" spans="14:14">
      <c r="N582247" s="10"/>
    </row>
    <row r="582248" spans="14:14">
      <c r="N582248" s="10"/>
    </row>
    <row r="582249" spans="14:14">
      <c r="N582249" s="10"/>
    </row>
    <row r="582250" spans="14:14">
      <c r="N582250" s="10"/>
    </row>
    <row r="582251" spans="14:14">
      <c r="N582251" s="10"/>
    </row>
    <row r="582252" spans="14:14">
      <c r="N582252" s="10"/>
    </row>
    <row r="582253" spans="14:14">
      <c r="N582253" s="10"/>
    </row>
    <row r="582254" spans="14:14">
      <c r="N582254" s="10"/>
    </row>
    <row r="582255" spans="14:14">
      <c r="N582255" s="10"/>
    </row>
    <row r="582256" spans="14:14">
      <c r="N582256" s="10"/>
    </row>
    <row r="582257" spans="14:14">
      <c r="N582257" s="10"/>
    </row>
    <row r="582258" spans="14:14">
      <c r="N582258" s="10"/>
    </row>
    <row r="582259" spans="14:14">
      <c r="N582259" s="10"/>
    </row>
    <row r="582260" spans="14:14">
      <c r="N582260" s="10"/>
    </row>
    <row r="582261" spans="14:14">
      <c r="N582261" s="10"/>
    </row>
    <row r="582262" spans="14:14">
      <c r="N582262" s="10"/>
    </row>
    <row r="582263" spans="14:14">
      <c r="N582263" s="10"/>
    </row>
    <row r="582264" spans="14:14">
      <c r="N582264" s="10"/>
    </row>
    <row r="582265" spans="14:14">
      <c r="N582265" s="10"/>
    </row>
    <row r="582266" spans="14:14">
      <c r="N582266" s="10"/>
    </row>
    <row r="582267" spans="14:14">
      <c r="N582267" s="10"/>
    </row>
    <row r="582268" spans="14:14">
      <c r="N582268" s="10"/>
    </row>
    <row r="582269" spans="14:14">
      <c r="N582269" s="10"/>
    </row>
    <row r="582270" spans="14:14">
      <c r="N582270" s="10"/>
    </row>
    <row r="582271" spans="14:14">
      <c r="N582271" s="10"/>
    </row>
    <row r="582272" spans="14:14">
      <c r="N582272" s="10"/>
    </row>
    <row r="582273" spans="14:14">
      <c r="N582273" s="10"/>
    </row>
    <row r="582274" spans="14:14">
      <c r="N582274" s="10"/>
    </row>
    <row r="582275" spans="14:14">
      <c r="N582275" s="10"/>
    </row>
    <row r="582276" spans="14:14">
      <c r="N582276" s="10"/>
    </row>
    <row r="582277" spans="14:14">
      <c r="N582277" s="10"/>
    </row>
    <row r="582278" spans="14:14">
      <c r="N582278" s="10"/>
    </row>
    <row r="582279" spans="14:14">
      <c r="N582279" s="10"/>
    </row>
    <row r="582280" spans="14:14">
      <c r="N582280" s="10"/>
    </row>
    <row r="582281" spans="14:14">
      <c r="N582281" s="10"/>
    </row>
    <row r="582282" spans="14:14">
      <c r="N582282" s="10"/>
    </row>
    <row r="582283" spans="14:14">
      <c r="N582283" s="10"/>
    </row>
    <row r="582284" spans="14:14">
      <c r="N582284" s="10"/>
    </row>
    <row r="582285" spans="14:14">
      <c r="N582285" s="10"/>
    </row>
    <row r="582286" spans="14:14">
      <c r="N582286" s="10"/>
    </row>
    <row r="582287" spans="14:14">
      <c r="N582287" s="10"/>
    </row>
    <row r="582288" spans="14:14">
      <c r="N582288" s="10"/>
    </row>
    <row r="582289" spans="14:14">
      <c r="N582289" s="10"/>
    </row>
    <row r="582290" spans="14:14">
      <c r="N582290" s="10"/>
    </row>
    <row r="582291" spans="14:14">
      <c r="N582291" s="10"/>
    </row>
    <row r="582292" spans="14:14">
      <c r="N582292" s="10"/>
    </row>
    <row r="582293" spans="14:14">
      <c r="N582293" s="10"/>
    </row>
    <row r="582294" spans="14:14">
      <c r="N582294" s="10"/>
    </row>
    <row r="582295" spans="14:14">
      <c r="N582295" s="10"/>
    </row>
    <row r="582296" spans="14:14">
      <c r="N582296" s="10"/>
    </row>
    <row r="582297" spans="14:14">
      <c r="N582297" s="10"/>
    </row>
    <row r="582298" spans="14:14">
      <c r="N582298" s="10"/>
    </row>
    <row r="582299" spans="14:14">
      <c r="N582299" s="10"/>
    </row>
    <row r="582300" spans="14:14">
      <c r="N582300" s="10"/>
    </row>
    <row r="582301" spans="14:14">
      <c r="N582301" s="10"/>
    </row>
    <row r="582302" spans="14:14">
      <c r="N582302" s="10"/>
    </row>
    <row r="582303" spans="14:14">
      <c r="N582303" s="10"/>
    </row>
    <row r="582304" spans="14:14">
      <c r="N582304" s="10"/>
    </row>
    <row r="582305" spans="14:14">
      <c r="N582305" s="10"/>
    </row>
    <row r="582306" spans="14:14">
      <c r="N582306" s="10"/>
    </row>
    <row r="582307" spans="14:14">
      <c r="N582307" s="10"/>
    </row>
    <row r="582308" spans="14:14">
      <c r="N582308" s="10"/>
    </row>
    <row r="582309" spans="14:14">
      <c r="N582309" s="10"/>
    </row>
    <row r="582310" spans="14:14">
      <c r="N582310" s="10"/>
    </row>
    <row r="582311" spans="14:14">
      <c r="N582311" s="10"/>
    </row>
    <row r="582312" spans="14:14">
      <c r="N582312" s="10"/>
    </row>
    <row r="582313" spans="14:14">
      <c r="N582313" s="10"/>
    </row>
    <row r="582314" spans="14:14">
      <c r="N582314" s="10"/>
    </row>
    <row r="582315" spans="14:14">
      <c r="N582315" s="10"/>
    </row>
    <row r="582316" spans="14:14">
      <c r="N582316" s="10"/>
    </row>
    <row r="582317" spans="14:14">
      <c r="N582317" s="10"/>
    </row>
    <row r="582318" spans="14:14">
      <c r="N582318" s="10"/>
    </row>
    <row r="582319" spans="14:14">
      <c r="N582319" s="10"/>
    </row>
    <row r="582320" spans="14:14">
      <c r="N582320" s="10"/>
    </row>
    <row r="582321" spans="14:14">
      <c r="N582321" s="10"/>
    </row>
    <row r="582322" spans="14:14">
      <c r="N582322" s="10"/>
    </row>
    <row r="582323" spans="14:14">
      <c r="N582323" s="10"/>
    </row>
    <row r="582324" spans="14:14">
      <c r="N582324" s="10"/>
    </row>
    <row r="582325" spans="14:14">
      <c r="N582325" s="10"/>
    </row>
    <row r="582326" spans="14:14">
      <c r="N582326" s="10"/>
    </row>
    <row r="582327" spans="14:14">
      <c r="N582327" s="10"/>
    </row>
    <row r="582328" spans="14:14">
      <c r="N582328" s="10"/>
    </row>
    <row r="582329" spans="14:14">
      <c r="N582329" s="10"/>
    </row>
    <row r="582330" spans="14:14">
      <c r="N582330" s="10"/>
    </row>
    <row r="582331" spans="14:14">
      <c r="N582331" s="10"/>
    </row>
    <row r="582332" spans="14:14">
      <c r="N582332" s="10"/>
    </row>
    <row r="582333" spans="14:14">
      <c r="N582333" s="10"/>
    </row>
    <row r="582334" spans="14:14">
      <c r="N582334" s="10"/>
    </row>
    <row r="582335" spans="14:14">
      <c r="N582335" s="10"/>
    </row>
    <row r="582336" spans="14:14">
      <c r="N582336" s="10"/>
    </row>
    <row r="582337" spans="14:14">
      <c r="N582337" s="10"/>
    </row>
    <row r="582338" spans="14:14">
      <c r="N582338" s="10"/>
    </row>
    <row r="582339" spans="14:14">
      <c r="N582339" s="10"/>
    </row>
    <row r="582340" spans="14:14">
      <c r="N582340" s="10"/>
    </row>
    <row r="582341" spans="14:14">
      <c r="N582341" s="10"/>
    </row>
    <row r="582342" spans="14:14">
      <c r="N582342" s="10"/>
    </row>
    <row r="582343" spans="14:14">
      <c r="N582343" s="10"/>
    </row>
    <row r="582344" spans="14:14">
      <c r="N582344" s="10"/>
    </row>
    <row r="582345" spans="14:14">
      <c r="N582345" s="10"/>
    </row>
    <row r="582346" spans="14:14">
      <c r="N582346" s="10"/>
    </row>
    <row r="582347" spans="14:14">
      <c r="N582347" s="10"/>
    </row>
    <row r="582348" spans="14:14">
      <c r="N582348" s="10"/>
    </row>
    <row r="582349" spans="14:14">
      <c r="N582349" s="10"/>
    </row>
    <row r="582350" spans="14:14">
      <c r="N582350" s="10"/>
    </row>
    <row r="582351" spans="14:14">
      <c r="N582351" s="10"/>
    </row>
    <row r="582352" spans="14:14">
      <c r="N582352" s="10"/>
    </row>
    <row r="582353" spans="14:14">
      <c r="N582353" s="10"/>
    </row>
    <row r="582354" spans="14:14">
      <c r="N582354" s="10"/>
    </row>
    <row r="582355" spans="14:14">
      <c r="N582355" s="10"/>
    </row>
    <row r="582356" spans="14:14">
      <c r="N582356" s="10"/>
    </row>
    <row r="582357" spans="14:14">
      <c r="N582357" s="10"/>
    </row>
    <row r="582358" spans="14:14">
      <c r="N582358" s="10"/>
    </row>
    <row r="582359" spans="14:14">
      <c r="N582359" s="10"/>
    </row>
    <row r="582360" spans="14:14">
      <c r="N582360" s="10"/>
    </row>
    <row r="582361" spans="14:14">
      <c r="N582361" s="10"/>
    </row>
    <row r="582362" spans="14:14">
      <c r="N582362" s="10"/>
    </row>
    <row r="582363" spans="14:14">
      <c r="N582363" s="10"/>
    </row>
    <row r="582364" spans="14:14">
      <c r="N582364" s="10"/>
    </row>
    <row r="582365" spans="14:14">
      <c r="N582365" s="10"/>
    </row>
    <row r="582366" spans="14:14">
      <c r="N582366" s="10"/>
    </row>
    <row r="582367" spans="14:14">
      <c r="N582367" s="10"/>
    </row>
    <row r="582368" spans="14:14">
      <c r="N582368" s="10"/>
    </row>
    <row r="582369" spans="14:14">
      <c r="N582369" s="10"/>
    </row>
    <row r="582370" spans="14:14">
      <c r="N582370" s="10"/>
    </row>
    <row r="582371" spans="14:14">
      <c r="N582371" s="10"/>
    </row>
    <row r="582372" spans="14:14">
      <c r="N582372" s="10"/>
    </row>
    <row r="582373" spans="14:14">
      <c r="N582373" s="10"/>
    </row>
    <row r="582374" spans="14:14">
      <c r="N582374" s="10"/>
    </row>
    <row r="582375" spans="14:14">
      <c r="N582375" s="10"/>
    </row>
    <row r="582376" spans="14:14">
      <c r="N582376" s="10"/>
    </row>
    <row r="582377" spans="14:14">
      <c r="N582377" s="10"/>
    </row>
    <row r="582378" spans="14:14">
      <c r="N582378" s="10"/>
    </row>
    <row r="582379" spans="14:14">
      <c r="N582379" s="10"/>
    </row>
    <row r="582380" spans="14:14">
      <c r="N582380" s="10"/>
    </row>
    <row r="582381" spans="14:14">
      <c r="N582381" s="10"/>
    </row>
    <row r="582382" spans="14:14">
      <c r="N582382" s="10"/>
    </row>
    <row r="582383" spans="14:14">
      <c r="N582383" s="10"/>
    </row>
    <row r="582384" spans="14:14">
      <c r="N582384" s="10"/>
    </row>
    <row r="582385" spans="14:14">
      <c r="N582385" s="10"/>
    </row>
    <row r="582386" spans="14:14">
      <c r="N582386" s="10"/>
    </row>
    <row r="582387" spans="14:14">
      <c r="N582387" s="10"/>
    </row>
    <row r="582388" spans="14:14">
      <c r="N582388" s="10"/>
    </row>
    <row r="582389" spans="14:14">
      <c r="N582389" s="10"/>
    </row>
    <row r="582390" spans="14:14">
      <c r="N582390" s="10"/>
    </row>
    <row r="582391" spans="14:14">
      <c r="N582391" s="10"/>
    </row>
    <row r="582392" spans="14:14">
      <c r="N582392" s="10"/>
    </row>
    <row r="582393" spans="14:14">
      <c r="N582393" s="10"/>
    </row>
    <row r="582394" spans="14:14">
      <c r="N582394" s="10"/>
    </row>
    <row r="582395" spans="14:14">
      <c r="N582395" s="10"/>
    </row>
    <row r="582396" spans="14:14">
      <c r="N582396" s="10"/>
    </row>
    <row r="582397" spans="14:14">
      <c r="N582397" s="10"/>
    </row>
    <row r="582398" spans="14:14">
      <c r="N582398" s="10"/>
    </row>
    <row r="582399" spans="14:14">
      <c r="N582399" s="10"/>
    </row>
    <row r="582400" spans="14:14">
      <c r="N582400" s="10"/>
    </row>
    <row r="582401" spans="14:14">
      <c r="N582401" s="10"/>
    </row>
    <row r="582402" spans="14:14">
      <c r="N582402" s="10"/>
    </row>
    <row r="582403" spans="14:14">
      <c r="N582403" s="10"/>
    </row>
    <row r="582404" spans="14:14">
      <c r="N582404" s="10"/>
    </row>
    <row r="582405" spans="14:14">
      <c r="N582405" s="10"/>
    </row>
    <row r="582406" spans="14:14">
      <c r="N582406" s="10"/>
    </row>
    <row r="582407" spans="14:14">
      <c r="N582407" s="10"/>
    </row>
    <row r="582408" spans="14:14">
      <c r="N582408" s="10"/>
    </row>
    <row r="582409" spans="14:14">
      <c r="N582409" s="10"/>
    </row>
    <row r="582410" spans="14:14">
      <c r="N582410" s="10"/>
    </row>
    <row r="582411" spans="14:14">
      <c r="N582411" s="10"/>
    </row>
    <row r="582412" spans="14:14">
      <c r="N582412" s="10"/>
    </row>
    <row r="582413" spans="14:14">
      <c r="N582413" s="10"/>
    </row>
    <row r="582414" spans="14:14">
      <c r="N582414" s="10"/>
    </row>
    <row r="582415" spans="14:14">
      <c r="N582415" s="10"/>
    </row>
    <row r="582416" spans="14:14">
      <c r="N582416" s="10"/>
    </row>
    <row r="582417" spans="14:14">
      <c r="N582417" s="10"/>
    </row>
    <row r="582418" spans="14:14">
      <c r="N582418" s="10"/>
    </row>
    <row r="582419" spans="14:14">
      <c r="N582419" s="10"/>
    </row>
    <row r="582420" spans="14:14">
      <c r="N582420" s="10"/>
    </row>
    <row r="582421" spans="14:14">
      <c r="N582421" s="10"/>
    </row>
    <row r="582422" spans="14:14">
      <c r="N582422" s="10"/>
    </row>
    <row r="582423" spans="14:14">
      <c r="N582423" s="10"/>
    </row>
    <row r="582424" spans="14:14">
      <c r="N582424" s="10"/>
    </row>
    <row r="582425" spans="14:14">
      <c r="N582425" s="10"/>
    </row>
    <row r="582426" spans="14:14">
      <c r="N582426" s="10"/>
    </row>
    <row r="582427" spans="14:14">
      <c r="N582427" s="10"/>
    </row>
    <row r="582428" spans="14:14">
      <c r="N582428" s="10"/>
    </row>
    <row r="582429" spans="14:14">
      <c r="N582429" s="10"/>
    </row>
    <row r="582430" spans="14:14">
      <c r="N582430" s="10"/>
    </row>
    <row r="582431" spans="14:14">
      <c r="N582431" s="10"/>
    </row>
    <row r="582432" spans="14:14">
      <c r="N582432" s="10"/>
    </row>
    <row r="582433" spans="14:14">
      <c r="N582433" s="10"/>
    </row>
    <row r="582434" spans="14:14">
      <c r="N582434" s="10"/>
    </row>
    <row r="582435" spans="14:14">
      <c r="N582435" s="10"/>
    </row>
    <row r="582436" spans="14:14">
      <c r="N582436" s="10"/>
    </row>
    <row r="582437" spans="14:14">
      <c r="N582437" s="10"/>
    </row>
    <row r="582438" spans="14:14">
      <c r="N582438" s="10"/>
    </row>
    <row r="582439" spans="14:14">
      <c r="N582439" s="10"/>
    </row>
    <row r="582440" spans="14:14">
      <c r="N582440" s="10"/>
    </row>
    <row r="582441" spans="14:14">
      <c r="N582441" s="10"/>
    </row>
    <row r="582442" spans="14:14">
      <c r="N582442" s="10"/>
    </row>
    <row r="582443" spans="14:14">
      <c r="N582443" s="10"/>
    </row>
    <row r="582444" spans="14:14">
      <c r="N582444" s="10"/>
    </row>
    <row r="582445" spans="14:14">
      <c r="N582445" s="10"/>
    </row>
    <row r="582446" spans="14:14">
      <c r="N582446" s="10"/>
    </row>
    <row r="582447" spans="14:14">
      <c r="N582447" s="10"/>
    </row>
    <row r="582448" spans="14:14">
      <c r="N582448" s="10"/>
    </row>
    <row r="582449" spans="14:14">
      <c r="N582449" s="10"/>
    </row>
    <row r="582450" spans="14:14">
      <c r="N582450" s="10"/>
    </row>
    <row r="582451" spans="14:14">
      <c r="N582451" s="10"/>
    </row>
    <row r="582452" spans="14:14">
      <c r="N582452" s="10"/>
    </row>
    <row r="582453" spans="14:14">
      <c r="N582453" s="10"/>
    </row>
    <row r="582454" spans="14:14">
      <c r="N582454" s="10"/>
    </row>
    <row r="582455" spans="14:14">
      <c r="N582455" s="10"/>
    </row>
    <row r="582456" spans="14:14">
      <c r="N582456" s="10"/>
    </row>
    <row r="582457" spans="14:14">
      <c r="N582457" s="10"/>
    </row>
    <row r="582458" spans="14:14">
      <c r="N582458" s="10"/>
    </row>
    <row r="582459" spans="14:14">
      <c r="N582459" s="10"/>
    </row>
    <row r="582460" spans="14:14">
      <c r="N582460" s="10"/>
    </row>
    <row r="582461" spans="14:14">
      <c r="N582461" s="10"/>
    </row>
    <row r="582462" spans="14:14">
      <c r="N582462" s="10"/>
    </row>
    <row r="582463" spans="14:14">
      <c r="N582463" s="10"/>
    </row>
    <row r="582464" spans="14:14">
      <c r="N582464" s="10"/>
    </row>
    <row r="582465" spans="14:14">
      <c r="N582465" s="10"/>
    </row>
    <row r="582466" spans="14:14">
      <c r="N582466" s="10"/>
    </row>
    <row r="582467" spans="14:14">
      <c r="N582467" s="10"/>
    </row>
    <row r="582468" spans="14:14">
      <c r="N582468" s="10"/>
    </row>
    <row r="582469" spans="14:14">
      <c r="N582469" s="10"/>
    </row>
    <row r="582470" spans="14:14">
      <c r="N582470" s="10"/>
    </row>
    <row r="582471" spans="14:14">
      <c r="N582471" s="10"/>
    </row>
    <row r="582472" spans="14:14">
      <c r="N582472" s="10"/>
    </row>
    <row r="582473" spans="14:14">
      <c r="N582473" s="10"/>
    </row>
    <row r="582474" spans="14:14">
      <c r="N582474" s="10"/>
    </row>
    <row r="582475" spans="14:14">
      <c r="N582475" s="10"/>
    </row>
    <row r="582476" spans="14:14">
      <c r="N582476" s="10"/>
    </row>
    <row r="582477" spans="14:14">
      <c r="N582477" s="10"/>
    </row>
    <row r="582478" spans="14:14">
      <c r="N582478" s="10"/>
    </row>
    <row r="582479" spans="14:14">
      <c r="N582479" s="10"/>
    </row>
    <row r="582480" spans="14:14">
      <c r="N582480" s="10"/>
    </row>
    <row r="582481" spans="14:14">
      <c r="N582481" s="10"/>
    </row>
    <row r="582482" spans="14:14">
      <c r="N582482" s="10"/>
    </row>
    <row r="582483" spans="14:14">
      <c r="N582483" s="10"/>
    </row>
    <row r="582484" spans="14:14">
      <c r="N582484" s="10"/>
    </row>
    <row r="582485" spans="14:14">
      <c r="N582485" s="10"/>
    </row>
    <row r="582486" spans="14:14">
      <c r="N582486" s="10"/>
    </row>
    <row r="582487" spans="14:14">
      <c r="N582487" s="10"/>
    </row>
    <row r="582488" spans="14:14">
      <c r="N582488" s="10"/>
    </row>
    <row r="582489" spans="14:14">
      <c r="N582489" s="10"/>
    </row>
    <row r="582490" spans="14:14">
      <c r="N582490" s="10"/>
    </row>
    <row r="582491" spans="14:14">
      <c r="N582491" s="10"/>
    </row>
    <row r="582492" spans="14:14">
      <c r="N582492" s="10"/>
    </row>
    <row r="582493" spans="14:14">
      <c r="N582493" s="10"/>
    </row>
    <row r="582494" spans="14:14">
      <c r="N582494" s="10"/>
    </row>
    <row r="582495" spans="14:14">
      <c r="N582495" s="10"/>
    </row>
    <row r="582496" spans="14:14">
      <c r="N582496" s="10"/>
    </row>
    <row r="582497" spans="14:14">
      <c r="N582497" s="10"/>
    </row>
    <row r="582498" spans="14:14">
      <c r="N582498" s="10"/>
    </row>
    <row r="582499" spans="14:14">
      <c r="N582499" s="10"/>
    </row>
    <row r="582500" spans="14:14">
      <c r="N582500" s="10"/>
    </row>
    <row r="582501" spans="14:14">
      <c r="N582501" s="10"/>
    </row>
    <row r="582502" spans="14:14">
      <c r="N582502" s="10"/>
    </row>
    <row r="582503" spans="14:14">
      <c r="N582503" s="10"/>
    </row>
    <row r="582504" spans="14:14">
      <c r="N582504" s="10"/>
    </row>
    <row r="582505" spans="14:14">
      <c r="N582505" s="10"/>
    </row>
    <row r="582506" spans="14:14">
      <c r="N582506" s="10"/>
    </row>
    <row r="582507" spans="14:14">
      <c r="N582507" s="10"/>
    </row>
    <row r="582508" spans="14:14">
      <c r="N582508" s="10"/>
    </row>
    <row r="582509" spans="14:14">
      <c r="N582509" s="10"/>
    </row>
    <row r="582510" spans="14:14">
      <c r="N582510" s="10"/>
    </row>
    <row r="582511" spans="14:14">
      <c r="N582511" s="10"/>
    </row>
    <row r="582512" spans="14:14">
      <c r="N582512" s="10"/>
    </row>
    <row r="582513" spans="14:14">
      <c r="N582513" s="10"/>
    </row>
    <row r="582514" spans="14:14">
      <c r="N582514" s="10"/>
    </row>
    <row r="582515" spans="14:14">
      <c r="N582515" s="10"/>
    </row>
    <row r="582516" spans="14:14">
      <c r="N582516" s="10"/>
    </row>
    <row r="582517" spans="14:14">
      <c r="N582517" s="10"/>
    </row>
    <row r="582518" spans="14:14">
      <c r="N582518" s="10"/>
    </row>
    <row r="582519" spans="14:14">
      <c r="N582519" s="10"/>
    </row>
    <row r="582520" spans="14:14">
      <c r="N582520" s="10"/>
    </row>
    <row r="582521" spans="14:14">
      <c r="N582521" s="10"/>
    </row>
    <row r="582522" spans="14:14">
      <c r="N582522" s="10"/>
    </row>
    <row r="582523" spans="14:14">
      <c r="N582523" s="10"/>
    </row>
    <row r="582524" spans="14:14">
      <c r="N582524" s="10"/>
    </row>
    <row r="582525" spans="14:14">
      <c r="N582525" s="10"/>
    </row>
    <row r="582526" spans="14:14">
      <c r="N582526" s="10"/>
    </row>
    <row r="582527" spans="14:14">
      <c r="N582527" s="10"/>
    </row>
    <row r="582528" spans="14:14">
      <c r="N582528" s="10"/>
    </row>
    <row r="582529" spans="14:14">
      <c r="N582529" s="10"/>
    </row>
    <row r="582530" spans="14:14">
      <c r="N582530" s="10"/>
    </row>
    <row r="582531" spans="14:14">
      <c r="N582531" s="10"/>
    </row>
    <row r="582532" spans="14:14">
      <c r="N582532" s="10"/>
    </row>
    <row r="582533" spans="14:14">
      <c r="N582533" s="10"/>
    </row>
    <row r="582534" spans="14:14">
      <c r="N582534" s="10"/>
    </row>
    <row r="582535" spans="14:14">
      <c r="N582535" s="10"/>
    </row>
    <row r="582536" spans="14:14">
      <c r="N582536" s="10"/>
    </row>
    <row r="582537" spans="14:14">
      <c r="N582537" s="10"/>
    </row>
    <row r="582538" spans="14:14">
      <c r="N582538" s="10"/>
    </row>
    <row r="582539" spans="14:14">
      <c r="N582539" s="10"/>
    </row>
    <row r="582540" spans="14:14">
      <c r="N582540" s="10"/>
    </row>
    <row r="582541" spans="14:14">
      <c r="N582541" s="10"/>
    </row>
    <row r="582542" spans="14:14">
      <c r="N582542" s="10"/>
    </row>
    <row r="582543" spans="14:14">
      <c r="N582543" s="10"/>
    </row>
    <row r="582544" spans="14:14">
      <c r="N582544" s="10"/>
    </row>
    <row r="582545" spans="14:14">
      <c r="N582545" s="10"/>
    </row>
    <row r="582546" spans="14:14">
      <c r="N582546" s="10"/>
    </row>
    <row r="582547" spans="14:14">
      <c r="N582547" s="10"/>
    </row>
    <row r="582548" spans="14:14">
      <c r="N582548" s="10"/>
    </row>
    <row r="582549" spans="14:14">
      <c r="N582549" s="10"/>
    </row>
    <row r="582550" spans="14:14">
      <c r="N582550" s="10"/>
    </row>
    <row r="582551" spans="14:14">
      <c r="N582551" s="10"/>
    </row>
    <row r="582552" spans="14:14">
      <c r="N582552" s="10"/>
    </row>
    <row r="582553" spans="14:14">
      <c r="N582553" s="10"/>
    </row>
    <row r="582554" spans="14:14">
      <c r="N582554" s="10"/>
    </row>
    <row r="582555" spans="14:14">
      <c r="N582555" s="10"/>
    </row>
    <row r="582556" spans="14:14">
      <c r="N582556" s="10"/>
    </row>
    <row r="582557" spans="14:14">
      <c r="N582557" s="10"/>
    </row>
    <row r="582558" spans="14:14">
      <c r="N582558" s="10"/>
    </row>
    <row r="582559" spans="14:14">
      <c r="N582559" s="10"/>
    </row>
    <row r="582560" spans="14:14">
      <c r="N582560" s="10"/>
    </row>
    <row r="582561" spans="14:14">
      <c r="N582561" s="10"/>
    </row>
    <row r="582562" spans="14:14">
      <c r="N582562" s="10"/>
    </row>
    <row r="582563" spans="14:14">
      <c r="N582563" s="10"/>
    </row>
    <row r="582564" spans="14:14">
      <c r="N582564" s="10"/>
    </row>
    <row r="582565" spans="14:14">
      <c r="N582565" s="10"/>
    </row>
    <row r="582566" spans="14:14">
      <c r="N582566" s="10"/>
    </row>
    <row r="582567" spans="14:14">
      <c r="N582567" s="10"/>
    </row>
    <row r="582568" spans="14:14">
      <c r="N582568" s="10"/>
    </row>
    <row r="582569" spans="14:14">
      <c r="N582569" s="10"/>
    </row>
    <row r="582570" spans="14:14">
      <c r="N582570" s="10"/>
    </row>
    <row r="582571" spans="14:14">
      <c r="N582571" s="10"/>
    </row>
    <row r="582572" spans="14:14">
      <c r="N582572" s="10"/>
    </row>
    <row r="582573" spans="14:14">
      <c r="N582573" s="10"/>
    </row>
    <row r="582574" spans="14:14">
      <c r="N582574" s="10"/>
    </row>
    <row r="582575" spans="14:14">
      <c r="N582575" s="10"/>
    </row>
    <row r="582576" spans="14:14">
      <c r="N582576" s="10"/>
    </row>
    <row r="582577" spans="14:14">
      <c r="N582577" s="10"/>
    </row>
    <row r="582578" spans="14:14">
      <c r="N582578" s="10"/>
    </row>
    <row r="582579" spans="14:14">
      <c r="N582579" s="10"/>
    </row>
    <row r="582580" spans="14:14">
      <c r="N582580" s="10"/>
    </row>
    <row r="582581" spans="14:14">
      <c r="N582581" s="10"/>
    </row>
    <row r="582582" spans="14:14">
      <c r="N582582" s="10"/>
    </row>
    <row r="582583" spans="14:14">
      <c r="N582583" s="10"/>
    </row>
    <row r="582584" spans="14:14">
      <c r="N582584" s="10"/>
    </row>
    <row r="582585" spans="14:14">
      <c r="N582585" s="10"/>
    </row>
    <row r="582586" spans="14:14">
      <c r="N582586" s="10"/>
    </row>
    <row r="582587" spans="14:14">
      <c r="N582587" s="10"/>
    </row>
    <row r="582588" spans="14:14">
      <c r="N582588" s="10"/>
    </row>
    <row r="582589" spans="14:14">
      <c r="N582589" s="10"/>
    </row>
    <row r="582590" spans="14:14">
      <c r="N582590" s="10"/>
    </row>
    <row r="582591" spans="14:14">
      <c r="N582591" s="10"/>
    </row>
    <row r="582592" spans="14:14">
      <c r="N582592" s="10"/>
    </row>
    <row r="582593" spans="14:14">
      <c r="N582593" s="10"/>
    </row>
    <row r="582594" spans="14:14">
      <c r="N582594" s="10"/>
    </row>
    <row r="582595" spans="14:14">
      <c r="N582595" s="10"/>
    </row>
    <row r="582596" spans="14:14">
      <c r="N582596" s="10"/>
    </row>
    <row r="582597" spans="14:14">
      <c r="N582597" s="10"/>
    </row>
    <row r="582598" spans="14:14">
      <c r="N582598" s="10"/>
    </row>
    <row r="582599" spans="14:14">
      <c r="N582599" s="10"/>
    </row>
    <row r="582600" spans="14:14">
      <c r="N582600" s="10"/>
    </row>
    <row r="582601" spans="14:14">
      <c r="N582601" s="10"/>
    </row>
    <row r="582602" spans="14:14">
      <c r="N582602" s="10"/>
    </row>
    <row r="582603" spans="14:14">
      <c r="N582603" s="10"/>
    </row>
    <row r="582604" spans="14:14">
      <c r="N582604" s="10"/>
    </row>
    <row r="582605" spans="14:14">
      <c r="N582605" s="10"/>
    </row>
    <row r="582606" spans="14:14">
      <c r="N582606" s="10"/>
    </row>
    <row r="582607" spans="14:14">
      <c r="N582607" s="10"/>
    </row>
    <row r="582608" spans="14:14">
      <c r="N582608" s="10"/>
    </row>
    <row r="582609" spans="14:14">
      <c r="N582609" s="10"/>
    </row>
    <row r="582610" spans="14:14">
      <c r="N582610" s="10"/>
    </row>
    <row r="582611" spans="14:14">
      <c r="N582611" s="10"/>
    </row>
    <row r="582612" spans="14:14">
      <c r="N582612" s="10"/>
    </row>
    <row r="582613" spans="14:14">
      <c r="N582613" s="10"/>
    </row>
    <row r="582614" spans="14:14">
      <c r="N582614" s="10"/>
    </row>
    <row r="582615" spans="14:14">
      <c r="N582615" s="10"/>
    </row>
    <row r="582616" spans="14:14">
      <c r="N582616" s="10"/>
    </row>
    <row r="582617" spans="14:14">
      <c r="N582617" s="10"/>
    </row>
    <row r="582618" spans="14:14">
      <c r="N582618" s="10"/>
    </row>
    <row r="582619" spans="14:14">
      <c r="N582619" s="10"/>
    </row>
    <row r="582620" spans="14:14">
      <c r="N582620" s="10"/>
    </row>
    <row r="582621" spans="14:14">
      <c r="N582621" s="10"/>
    </row>
    <row r="582622" spans="14:14">
      <c r="N582622" s="10"/>
    </row>
    <row r="582623" spans="14:14">
      <c r="N582623" s="10"/>
    </row>
    <row r="582624" spans="14:14">
      <c r="N582624" s="10"/>
    </row>
    <row r="582625" spans="14:14">
      <c r="N582625" s="10"/>
    </row>
    <row r="582626" spans="14:14">
      <c r="N582626" s="10"/>
    </row>
    <row r="582627" spans="14:14">
      <c r="N582627" s="10"/>
    </row>
    <row r="582628" spans="14:14">
      <c r="N582628" s="10"/>
    </row>
    <row r="582629" spans="14:14">
      <c r="N582629" s="10"/>
    </row>
    <row r="582630" spans="14:14">
      <c r="N582630" s="10"/>
    </row>
    <row r="582631" spans="14:14">
      <c r="N582631" s="10"/>
    </row>
    <row r="582632" spans="14:14">
      <c r="N582632" s="10"/>
    </row>
    <row r="582633" spans="14:14">
      <c r="N582633" s="10"/>
    </row>
    <row r="582634" spans="14:14">
      <c r="N582634" s="10"/>
    </row>
    <row r="582635" spans="14:14">
      <c r="N582635" s="10"/>
    </row>
    <row r="582636" spans="14:14">
      <c r="N582636" s="10"/>
    </row>
    <row r="582637" spans="14:14">
      <c r="N582637" s="10"/>
    </row>
    <row r="582638" spans="14:14">
      <c r="N582638" s="10"/>
    </row>
    <row r="582639" spans="14:14">
      <c r="N582639" s="10"/>
    </row>
    <row r="582640" spans="14:14">
      <c r="N582640" s="10"/>
    </row>
    <row r="582641" spans="14:14">
      <c r="N582641" s="10"/>
    </row>
    <row r="582642" spans="14:14">
      <c r="N582642" s="10"/>
    </row>
    <row r="582643" spans="14:14">
      <c r="N582643" s="10"/>
    </row>
    <row r="582644" spans="14:14">
      <c r="N582644" s="10"/>
    </row>
    <row r="582645" spans="14:14">
      <c r="N582645" s="10"/>
    </row>
    <row r="582646" spans="14:14">
      <c r="N582646" s="10"/>
    </row>
    <row r="582647" spans="14:14">
      <c r="N582647" s="10"/>
    </row>
    <row r="582648" spans="14:14">
      <c r="N582648" s="10"/>
    </row>
    <row r="582649" spans="14:14">
      <c r="N582649" s="10"/>
    </row>
    <row r="582650" spans="14:14">
      <c r="N582650" s="10"/>
    </row>
    <row r="582651" spans="14:14">
      <c r="N582651" s="10"/>
    </row>
    <row r="582652" spans="14:14">
      <c r="N582652" s="10"/>
    </row>
    <row r="582653" spans="14:14">
      <c r="N582653" s="10"/>
    </row>
    <row r="582654" spans="14:14">
      <c r="N582654" s="10"/>
    </row>
    <row r="582655" spans="14:14">
      <c r="N582655" s="10"/>
    </row>
    <row r="582656" spans="14:14">
      <c r="N582656" s="10"/>
    </row>
    <row r="582657" spans="14:14">
      <c r="N582657" s="10"/>
    </row>
    <row r="582658" spans="14:14">
      <c r="N582658" s="10"/>
    </row>
    <row r="582659" spans="14:14">
      <c r="N582659" s="10"/>
    </row>
    <row r="582660" spans="14:14">
      <c r="N582660" s="10"/>
    </row>
    <row r="582661" spans="14:14">
      <c r="N582661" s="10"/>
    </row>
    <row r="582662" spans="14:14">
      <c r="N582662" s="10"/>
    </row>
    <row r="582663" spans="14:14">
      <c r="N582663" s="10"/>
    </row>
    <row r="582664" spans="14:14">
      <c r="N582664" s="10"/>
    </row>
    <row r="582665" spans="14:14">
      <c r="N582665" s="10"/>
    </row>
    <row r="582666" spans="14:14">
      <c r="N582666" s="10"/>
    </row>
    <row r="582667" spans="14:14">
      <c r="N582667" s="10"/>
    </row>
    <row r="582668" spans="14:14">
      <c r="N582668" s="10"/>
    </row>
    <row r="582669" spans="14:14">
      <c r="N582669" s="10"/>
    </row>
    <row r="582670" spans="14:14">
      <c r="N582670" s="10"/>
    </row>
    <row r="582671" spans="14:14">
      <c r="N582671" s="10"/>
    </row>
    <row r="582672" spans="14:14">
      <c r="N582672" s="10"/>
    </row>
    <row r="582673" spans="14:14">
      <c r="N582673" s="10"/>
    </row>
    <row r="582674" spans="14:14">
      <c r="N582674" s="10"/>
    </row>
    <row r="582675" spans="14:14">
      <c r="N582675" s="10"/>
    </row>
    <row r="582676" spans="14:14">
      <c r="N582676" s="10"/>
    </row>
    <row r="582677" spans="14:14">
      <c r="N582677" s="10"/>
    </row>
    <row r="582678" spans="14:14">
      <c r="N582678" s="10"/>
    </row>
    <row r="582679" spans="14:14">
      <c r="N582679" s="10"/>
    </row>
    <row r="582680" spans="14:14">
      <c r="N582680" s="10"/>
    </row>
    <row r="582681" spans="14:14">
      <c r="N582681" s="10"/>
    </row>
    <row r="582682" spans="14:14">
      <c r="N582682" s="10"/>
    </row>
    <row r="582683" spans="14:14">
      <c r="N582683" s="10"/>
    </row>
    <row r="582684" spans="14:14">
      <c r="N582684" s="10"/>
    </row>
    <row r="582685" spans="14:14">
      <c r="N582685" s="10"/>
    </row>
    <row r="582686" spans="14:14">
      <c r="N582686" s="10"/>
    </row>
    <row r="582687" spans="14:14">
      <c r="N582687" s="10"/>
    </row>
    <row r="582688" spans="14:14">
      <c r="N582688" s="10"/>
    </row>
    <row r="582689" spans="14:14">
      <c r="N582689" s="10"/>
    </row>
    <row r="582690" spans="14:14">
      <c r="N582690" s="10"/>
    </row>
    <row r="582691" spans="14:14">
      <c r="N582691" s="10"/>
    </row>
    <row r="582692" spans="14:14">
      <c r="N582692" s="10"/>
    </row>
    <row r="582693" spans="14:14">
      <c r="N582693" s="10"/>
    </row>
    <row r="582694" spans="14:14">
      <c r="N582694" s="10"/>
    </row>
    <row r="582695" spans="14:14">
      <c r="N582695" s="10"/>
    </row>
    <row r="582696" spans="14:14">
      <c r="N582696" s="10"/>
    </row>
    <row r="582697" spans="14:14">
      <c r="N582697" s="10"/>
    </row>
    <row r="582698" spans="14:14">
      <c r="N582698" s="10"/>
    </row>
    <row r="582699" spans="14:14">
      <c r="N582699" s="10"/>
    </row>
    <row r="582700" spans="14:14">
      <c r="N582700" s="10"/>
    </row>
    <row r="582701" spans="14:14">
      <c r="N582701" s="10"/>
    </row>
    <row r="582702" spans="14:14">
      <c r="N582702" s="10"/>
    </row>
    <row r="582703" spans="14:14">
      <c r="N582703" s="10"/>
    </row>
    <row r="582704" spans="14:14">
      <c r="N582704" s="10"/>
    </row>
    <row r="582705" spans="14:14">
      <c r="N582705" s="10"/>
    </row>
    <row r="582706" spans="14:14">
      <c r="N582706" s="10"/>
    </row>
    <row r="582707" spans="14:14">
      <c r="N582707" s="10"/>
    </row>
    <row r="582708" spans="14:14">
      <c r="N582708" s="10"/>
    </row>
    <row r="582709" spans="14:14">
      <c r="N582709" s="10"/>
    </row>
    <row r="582710" spans="14:14">
      <c r="N582710" s="10"/>
    </row>
    <row r="582711" spans="14:14">
      <c r="N582711" s="10"/>
    </row>
    <row r="582712" spans="14:14">
      <c r="N582712" s="10"/>
    </row>
    <row r="582713" spans="14:14">
      <c r="N582713" s="10"/>
    </row>
    <row r="582714" spans="14:14">
      <c r="N582714" s="10"/>
    </row>
    <row r="582715" spans="14:14">
      <c r="N582715" s="10"/>
    </row>
    <row r="582716" spans="14:14">
      <c r="N582716" s="10"/>
    </row>
    <row r="582717" spans="14:14">
      <c r="N582717" s="10"/>
    </row>
    <row r="582718" spans="14:14">
      <c r="N582718" s="10"/>
    </row>
    <row r="582719" spans="14:14">
      <c r="N582719" s="10"/>
    </row>
    <row r="582720" spans="14:14">
      <c r="N582720" s="10"/>
    </row>
    <row r="582721" spans="14:14">
      <c r="N582721" s="10"/>
    </row>
    <row r="582722" spans="14:14">
      <c r="N582722" s="10"/>
    </row>
    <row r="582723" spans="14:14">
      <c r="N582723" s="10"/>
    </row>
    <row r="582724" spans="14:14">
      <c r="N582724" s="10"/>
    </row>
    <row r="582725" spans="14:14">
      <c r="N582725" s="10"/>
    </row>
    <row r="582726" spans="14:14">
      <c r="N582726" s="10"/>
    </row>
    <row r="582727" spans="14:14">
      <c r="N582727" s="10"/>
    </row>
    <row r="582728" spans="14:14">
      <c r="N582728" s="10"/>
    </row>
    <row r="582729" spans="14:14">
      <c r="N582729" s="10"/>
    </row>
    <row r="582730" spans="14:14">
      <c r="N582730" s="10"/>
    </row>
    <row r="582731" spans="14:14">
      <c r="N582731" s="10"/>
    </row>
    <row r="582732" spans="14:14">
      <c r="N582732" s="10"/>
    </row>
    <row r="582733" spans="14:14">
      <c r="N582733" s="10"/>
    </row>
    <row r="582734" spans="14:14">
      <c r="N582734" s="10"/>
    </row>
    <row r="582735" spans="14:14">
      <c r="N582735" s="10"/>
    </row>
    <row r="582736" spans="14:14">
      <c r="N582736" s="10"/>
    </row>
    <row r="582737" spans="14:14">
      <c r="N582737" s="10"/>
    </row>
    <row r="582738" spans="14:14">
      <c r="N582738" s="10"/>
    </row>
    <row r="582739" spans="14:14">
      <c r="N582739" s="10"/>
    </row>
    <row r="582740" spans="14:14">
      <c r="N582740" s="10"/>
    </row>
    <row r="582741" spans="14:14">
      <c r="N582741" s="10"/>
    </row>
    <row r="582742" spans="14:14">
      <c r="N582742" s="10"/>
    </row>
    <row r="582743" spans="14:14">
      <c r="N582743" s="10"/>
    </row>
    <row r="582744" spans="14:14">
      <c r="N582744" s="10"/>
    </row>
    <row r="582745" spans="14:14">
      <c r="N582745" s="10"/>
    </row>
    <row r="582746" spans="14:14">
      <c r="N582746" s="10"/>
    </row>
    <row r="582747" spans="14:14">
      <c r="N582747" s="10"/>
    </row>
    <row r="582748" spans="14:14">
      <c r="N582748" s="10"/>
    </row>
    <row r="582749" spans="14:14">
      <c r="N582749" s="10"/>
    </row>
    <row r="582750" spans="14:14">
      <c r="N582750" s="10"/>
    </row>
    <row r="582751" spans="14:14">
      <c r="N582751" s="10"/>
    </row>
    <row r="582752" spans="14:14">
      <c r="N582752" s="10"/>
    </row>
    <row r="582753" spans="14:14">
      <c r="N582753" s="10"/>
    </row>
    <row r="582754" spans="14:14">
      <c r="N582754" s="10"/>
    </row>
    <row r="582755" spans="14:14">
      <c r="N582755" s="10"/>
    </row>
    <row r="582756" spans="14:14">
      <c r="N582756" s="10"/>
    </row>
    <row r="582757" spans="14:14">
      <c r="N582757" s="10"/>
    </row>
    <row r="582758" spans="14:14">
      <c r="N582758" s="10"/>
    </row>
    <row r="582759" spans="14:14">
      <c r="N582759" s="10"/>
    </row>
    <row r="582760" spans="14:14">
      <c r="N582760" s="10"/>
    </row>
    <row r="582761" spans="14:14">
      <c r="N582761" s="10"/>
    </row>
    <row r="582762" spans="14:14">
      <c r="N582762" s="10"/>
    </row>
    <row r="582763" spans="14:14">
      <c r="N582763" s="10"/>
    </row>
    <row r="582764" spans="14:14">
      <c r="N582764" s="10"/>
    </row>
    <row r="582765" spans="14:14">
      <c r="N582765" s="10"/>
    </row>
    <row r="582766" spans="14:14">
      <c r="N582766" s="10"/>
    </row>
    <row r="582767" spans="14:14">
      <c r="N582767" s="10"/>
    </row>
    <row r="582768" spans="14:14">
      <c r="N582768" s="10"/>
    </row>
    <row r="582769" spans="14:14">
      <c r="N582769" s="10"/>
    </row>
    <row r="582770" spans="14:14">
      <c r="N582770" s="10"/>
    </row>
    <row r="582771" spans="14:14">
      <c r="N582771" s="10"/>
    </row>
    <row r="582772" spans="14:14">
      <c r="N582772" s="10"/>
    </row>
    <row r="582773" spans="14:14">
      <c r="N582773" s="10"/>
    </row>
    <row r="582774" spans="14:14">
      <c r="N582774" s="10"/>
    </row>
    <row r="582775" spans="14:14">
      <c r="N582775" s="10"/>
    </row>
    <row r="582776" spans="14:14">
      <c r="N582776" s="10"/>
    </row>
    <row r="582777" spans="14:14">
      <c r="N582777" s="10"/>
    </row>
    <row r="582778" spans="14:14">
      <c r="N582778" s="10"/>
    </row>
    <row r="582779" spans="14:14">
      <c r="N582779" s="10"/>
    </row>
    <row r="582780" spans="14:14">
      <c r="N582780" s="10"/>
    </row>
    <row r="582781" spans="14:14">
      <c r="N582781" s="10"/>
    </row>
    <row r="582782" spans="14:14">
      <c r="N582782" s="10"/>
    </row>
    <row r="582783" spans="14:14">
      <c r="N582783" s="10"/>
    </row>
    <row r="582784" spans="14:14">
      <c r="N582784" s="10"/>
    </row>
    <row r="582785" spans="14:14">
      <c r="N582785" s="10"/>
    </row>
    <row r="582786" spans="14:14">
      <c r="N582786" s="10"/>
    </row>
    <row r="582787" spans="14:14">
      <c r="N582787" s="10"/>
    </row>
    <row r="582788" spans="14:14">
      <c r="N582788" s="10"/>
    </row>
    <row r="582789" spans="14:14">
      <c r="N582789" s="10"/>
    </row>
    <row r="582790" spans="14:14">
      <c r="N582790" s="10"/>
    </row>
    <row r="582791" spans="14:14">
      <c r="N582791" s="10"/>
    </row>
    <row r="582792" spans="14:14">
      <c r="N582792" s="10"/>
    </row>
    <row r="582793" spans="14:14">
      <c r="N582793" s="10"/>
    </row>
    <row r="582794" spans="14:14">
      <c r="N582794" s="10"/>
    </row>
    <row r="582795" spans="14:14">
      <c r="N582795" s="10"/>
    </row>
    <row r="582796" spans="14:14">
      <c r="N582796" s="10"/>
    </row>
    <row r="582797" spans="14:14">
      <c r="N582797" s="10"/>
    </row>
    <row r="582798" spans="14:14">
      <c r="N582798" s="10"/>
    </row>
    <row r="582799" spans="14:14">
      <c r="N582799" s="10"/>
    </row>
    <row r="582800" spans="14:14">
      <c r="N582800" s="10"/>
    </row>
    <row r="582801" spans="14:14">
      <c r="N582801" s="10"/>
    </row>
    <row r="582802" spans="14:14">
      <c r="N582802" s="10"/>
    </row>
    <row r="582803" spans="14:14">
      <c r="N582803" s="10"/>
    </row>
    <row r="582804" spans="14:14">
      <c r="N582804" s="10"/>
    </row>
    <row r="582805" spans="14:14">
      <c r="N582805" s="10"/>
    </row>
    <row r="582806" spans="14:14">
      <c r="N582806" s="10"/>
    </row>
    <row r="582807" spans="14:14">
      <c r="N582807" s="10"/>
    </row>
    <row r="582808" spans="14:14">
      <c r="N582808" s="10"/>
    </row>
    <row r="582809" spans="14:14">
      <c r="N582809" s="10"/>
    </row>
    <row r="582810" spans="14:14">
      <c r="N582810" s="10"/>
    </row>
    <row r="582811" spans="14:14">
      <c r="N582811" s="10"/>
    </row>
    <row r="582812" spans="14:14">
      <c r="N582812" s="10"/>
    </row>
    <row r="582813" spans="14:14">
      <c r="N582813" s="10"/>
    </row>
    <row r="582814" spans="14:14">
      <c r="N582814" s="10"/>
    </row>
    <row r="582815" spans="14:14">
      <c r="N582815" s="10"/>
    </row>
    <row r="582816" spans="14:14">
      <c r="N582816" s="10"/>
    </row>
    <row r="582817" spans="14:14">
      <c r="N582817" s="10"/>
    </row>
    <row r="582818" spans="14:14">
      <c r="N582818" s="10"/>
    </row>
    <row r="582819" spans="14:14">
      <c r="N582819" s="10"/>
    </row>
    <row r="582820" spans="14:14">
      <c r="N582820" s="10"/>
    </row>
    <row r="582821" spans="14:14">
      <c r="N582821" s="10"/>
    </row>
    <row r="582822" spans="14:14">
      <c r="N582822" s="10"/>
    </row>
    <row r="582823" spans="14:14">
      <c r="N582823" s="10"/>
    </row>
    <row r="582824" spans="14:14">
      <c r="N582824" s="10"/>
    </row>
    <row r="582825" spans="14:14">
      <c r="N582825" s="10"/>
    </row>
    <row r="582826" spans="14:14">
      <c r="N582826" s="10"/>
    </row>
    <row r="582827" spans="14:14">
      <c r="N582827" s="10"/>
    </row>
    <row r="582828" spans="14:14">
      <c r="N582828" s="10"/>
    </row>
    <row r="582829" spans="14:14">
      <c r="N582829" s="10"/>
    </row>
    <row r="582830" spans="14:14">
      <c r="N582830" s="10"/>
    </row>
    <row r="582831" spans="14:14">
      <c r="N582831" s="10"/>
    </row>
    <row r="582832" spans="14:14">
      <c r="N582832" s="10"/>
    </row>
    <row r="582833" spans="14:14">
      <c r="N582833" s="10"/>
    </row>
    <row r="582834" spans="14:14">
      <c r="N582834" s="10"/>
    </row>
    <row r="582835" spans="14:14">
      <c r="N582835" s="10"/>
    </row>
    <row r="582836" spans="14:14">
      <c r="N582836" s="10"/>
    </row>
    <row r="582837" spans="14:14">
      <c r="N582837" s="10"/>
    </row>
    <row r="582838" spans="14:14">
      <c r="N582838" s="10"/>
    </row>
    <row r="582839" spans="14:14">
      <c r="N582839" s="10"/>
    </row>
    <row r="582840" spans="14:14">
      <c r="N582840" s="10"/>
    </row>
    <row r="582841" spans="14:14">
      <c r="N582841" s="10"/>
    </row>
    <row r="582842" spans="14:14">
      <c r="N582842" s="10"/>
    </row>
    <row r="582843" spans="14:14">
      <c r="N582843" s="10"/>
    </row>
    <row r="582844" spans="14:14">
      <c r="N582844" s="10"/>
    </row>
    <row r="582845" spans="14:14">
      <c r="N582845" s="10"/>
    </row>
    <row r="582846" spans="14:14">
      <c r="N582846" s="10"/>
    </row>
    <row r="582847" spans="14:14">
      <c r="N582847" s="10"/>
    </row>
    <row r="582848" spans="14:14">
      <c r="N582848" s="10"/>
    </row>
    <row r="582849" spans="14:14">
      <c r="N582849" s="10"/>
    </row>
    <row r="582850" spans="14:14">
      <c r="N582850" s="10"/>
    </row>
    <row r="582851" spans="14:14">
      <c r="N582851" s="10"/>
    </row>
    <row r="582852" spans="14:14">
      <c r="N582852" s="10"/>
    </row>
    <row r="582853" spans="14:14">
      <c r="N582853" s="10"/>
    </row>
    <row r="582854" spans="14:14">
      <c r="N582854" s="10"/>
    </row>
    <row r="582855" spans="14:14">
      <c r="N582855" s="10"/>
    </row>
    <row r="582856" spans="14:14">
      <c r="N582856" s="10"/>
    </row>
    <row r="582857" spans="14:14">
      <c r="N582857" s="10"/>
    </row>
    <row r="582858" spans="14:14">
      <c r="N582858" s="10"/>
    </row>
    <row r="582859" spans="14:14">
      <c r="N582859" s="10"/>
    </row>
    <row r="582860" spans="14:14">
      <c r="N582860" s="10"/>
    </row>
    <row r="582861" spans="14:14">
      <c r="N582861" s="10"/>
    </row>
    <row r="582862" spans="14:14">
      <c r="N582862" s="10"/>
    </row>
    <row r="582863" spans="14:14">
      <c r="N582863" s="10"/>
    </row>
    <row r="582864" spans="14:14">
      <c r="N582864" s="10"/>
    </row>
    <row r="582865" spans="14:14">
      <c r="N582865" s="10"/>
    </row>
    <row r="582866" spans="14:14">
      <c r="N582866" s="10"/>
    </row>
    <row r="582867" spans="14:14">
      <c r="N582867" s="10"/>
    </row>
    <row r="582868" spans="14:14">
      <c r="N582868" s="10"/>
    </row>
    <row r="582869" spans="14:14">
      <c r="N582869" s="10"/>
    </row>
    <row r="582870" spans="14:14">
      <c r="N582870" s="10"/>
    </row>
    <row r="582871" spans="14:14">
      <c r="N582871" s="10"/>
    </row>
    <row r="582872" spans="14:14">
      <c r="N582872" s="10"/>
    </row>
    <row r="582873" spans="14:14">
      <c r="N582873" s="10"/>
    </row>
    <row r="582874" spans="14:14">
      <c r="N582874" s="10"/>
    </row>
    <row r="582875" spans="14:14">
      <c r="N582875" s="10"/>
    </row>
    <row r="582876" spans="14:14">
      <c r="N582876" s="10"/>
    </row>
    <row r="582877" spans="14:14">
      <c r="N582877" s="10"/>
    </row>
    <row r="582878" spans="14:14">
      <c r="N582878" s="10"/>
    </row>
    <row r="582879" spans="14:14">
      <c r="N582879" s="10"/>
    </row>
    <row r="582880" spans="14:14">
      <c r="N582880" s="10"/>
    </row>
    <row r="582881" spans="14:14">
      <c r="N582881" s="10"/>
    </row>
    <row r="582882" spans="14:14">
      <c r="N582882" s="10"/>
    </row>
    <row r="582883" spans="14:14">
      <c r="N582883" s="10"/>
    </row>
    <row r="582884" spans="14:14">
      <c r="N582884" s="10"/>
    </row>
    <row r="582885" spans="14:14">
      <c r="N582885" s="10"/>
    </row>
    <row r="582886" spans="14:14">
      <c r="N582886" s="10"/>
    </row>
    <row r="582887" spans="14:14">
      <c r="N582887" s="10"/>
    </row>
    <row r="582888" spans="14:14">
      <c r="N582888" s="10"/>
    </row>
    <row r="582889" spans="14:14">
      <c r="N582889" s="10"/>
    </row>
    <row r="582890" spans="14:14">
      <c r="N582890" s="10"/>
    </row>
    <row r="582891" spans="14:14">
      <c r="N582891" s="10"/>
    </row>
    <row r="582892" spans="14:14">
      <c r="N582892" s="10"/>
    </row>
    <row r="582893" spans="14:14">
      <c r="N582893" s="10"/>
    </row>
    <row r="582894" spans="14:14">
      <c r="N582894" s="10"/>
    </row>
    <row r="582895" spans="14:14">
      <c r="N582895" s="10"/>
    </row>
    <row r="582896" spans="14:14">
      <c r="N582896" s="10"/>
    </row>
    <row r="582897" spans="14:14">
      <c r="N582897" s="10"/>
    </row>
    <row r="582898" spans="14:14">
      <c r="N582898" s="10"/>
    </row>
    <row r="582899" spans="14:14">
      <c r="N582899" s="10"/>
    </row>
    <row r="582900" spans="14:14">
      <c r="N582900" s="10"/>
    </row>
    <row r="582901" spans="14:14">
      <c r="N582901" s="10"/>
    </row>
    <row r="582902" spans="14:14">
      <c r="N582902" s="10"/>
    </row>
    <row r="582903" spans="14:14">
      <c r="N582903" s="10"/>
    </row>
    <row r="582904" spans="14:14">
      <c r="N582904" s="10"/>
    </row>
    <row r="582905" spans="14:14">
      <c r="N582905" s="10"/>
    </row>
    <row r="582906" spans="14:14">
      <c r="N582906" s="10"/>
    </row>
    <row r="582907" spans="14:14">
      <c r="N582907" s="10"/>
    </row>
    <row r="582908" spans="14:14">
      <c r="N582908" s="10"/>
    </row>
    <row r="582909" spans="14:14">
      <c r="N582909" s="10"/>
    </row>
    <row r="582910" spans="14:14">
      <c r="N582910" s="10"/>
    </row>
    <row r="582911" spans="14:14">
      <c r="N582911" s="10"/>
    </row>
    <row r="582912" spans="14:14">
      <c r="N582912" s="10"/>
    </row>
    <row r="582913" spans="14:14">
      <c r="N582913" s="10"/>
    </row>
    <row r="582914" spans="14:14">
      <c r="N582914" s="10"/>
    </row>
    <row r="582915" spans="14:14">
      <c r="N582915" s="10"/>
    </row>
    <row r="582916" spans="14:14">
      <c r="N582916" s="10"/>
    </row>
    <row r="582917" spans="14:14">
      <c r="N582917" s="10"/>
    </row>
    <row r="582918" spans="14:14">
      <c r="N582918" s="10"/>
    </row>
    <row r="582919" spans="14:14">
      <c r="N582919" s="10"/>
    </row>
    <row r="582920" spans="14:14">
      <c r="N582920" s="10"/>
    </row>
    <row r="582921" spans="14:14">
      <c r="N582921" s="10"/>
    </row>
    <row r="582922" spans="14:14">
      <c r="N582922" s="10"/>
    </row>
    <row r="582923" spans="14:14">
      <c r="N582923" s="10"/>
    </row>
    <row r="582924" spans="14:14">
      <c r="N582924" s="10"/>
    </row>
    <row r="582925" spans="14:14">
      <c r="N582925" s="10"/>
    </row>
    <row r="582926" spans="14:14">
      <c r="N582926" s="10"/>
    </row>
    <row r="582927" spans="14:14">
      <c r="N582927" s="10"/>
    </row>
    <row r="582928" spans="14:14">
      <c r="N582928" s="10"/>
    </row>
    <row r="582929" spans="14:14">
      <c r="N582929" s="10"/>
    </row>
    <row r="582930" spans="14:14">
      <c r="N582930" s="10"/>
    </row>
    <row r="582931" spans="14:14">
      <c r="N582931" s="10"/>
    </row>
    <row r="582932" spans="14:14">
      <c r="N582932" s="10"/>
    </row>
    <row r="582933" spans="14:14">
      <c r="N582933" s="10"/>
    </row>
    <row r="582934" spans="14:14">
      <c r="N582934" s="10"/>
    </row>
    <row r="582935" spans="14:14">
      <c r="N582935" s="10"/>
    </row>
    <row r="582936" spans="14:14">
      <c r="N582936" s="10"/>
    </row>
    <row r="582937" spans="14:14">
      <c r="N582937" s="10"/>
    </row>
    <row r="582938" spans="14:14">
      <c r="N582938" s="10"/>
    </row>
    <row r="582939" spans="14:14">
      <c r="N582939" s="10"/>
    </row>
    <row r="582940" spans="14:14">
      <c r="N582940" s="10"/>
    </row>
    <row r="582941" spans="14:14">
      <c r="N582941" s="10"/>
    </row>
    <row r="582942" spans="14:14">
      <c r="N582942" s="10"/>
    </row>
    <row r="582943" spans="14:14">
      <c r="N582943" s="10"/>
    </row>
    <row r="582944" spans="14:14">
      <c r="N582944" s="10"/>
    </row>
    <row r="582945" spans="14:14">
      <c r="N582945" s="10"/>
    </row>
    <row r="582946" spans="14:14">
      <c r="N582946" s="10"/>
    </row>
    <row r="582947" spans="14:14">
      <c r="N582947" s="10"/>
    </row>
    <row r="582948" spans="14:14">
      <c r="N582948" s="10"/>
    </row>
    <row r="582949" spans="14:14">
      <c r="N582949" s="10"/>
    </row>
    <row r="582950" spans="14:14">
      <c r="N582950" s="10"/>
    </row>
    <row r="582951" spans="14:14">
      <c r="N582951" s="10"/>
    </row>
    <row r="582952" spans="14:14">
      <c r="N582952" s="10"/>
    </row>
    <row r="582953" spans="14:14">
      <c r="N582953" s="10"/>
    </row>
    <row r="582954" spans="14:14">
      <c r="N582954" s="10"/>
    </row>
    <row r="582955" spans="14:14">
      <c r="N582955" s="10"/>
    </row>
    <row r="582956" spans="14:14">
      <c r="N582956" s="10"/>
    </row>
    <row r="582957" spans="14:14">
      <c r="N582957" s="10"/>
    </row>
    <row r="582958" spans="14:14">
      <c r="N582958" s="10"/>
    </row>
    <row r="582959" spans="14:14">
      <c r="N582959" s="10"/>
    </row>
    <row r="582960" spans="14:14">
      <c r="N582960" s="10"/>
    </row>
    <row r="582961" spans="14:14">
      <c r="N582961" s="10"/>
    </row>
    <row r="582962" spans="14:14">
      <c r="N582962" s="10"/>
    </row>
    <row r="582963" spans="14:14">
      <c r="N582963" s="10"/>
    </row>
    <row r="582964" spans="14:14">
      <c r="N582964" s="10"/>
    </row>
    <row r="582965" spans="14:14">
      <c r="N582965" s="10"/>
    </row>
    <row r="582966" spans="14:14">
      <c r="N582966" s="10"/>
    </row>
    <row r="582967" spans="14:14">
      <c r="N582967" s="10"/>
    </row>
    <row r="582968" spans="14:14">
      <c r="N582968" s="10"/>
    </row>
    <row r="582969" spans="14:14">
      <c r="N582969" s="10"/>
    </row>
    <row r="582970" spans="14:14">
      <c r="N582970" s="10"/>
    </row>
    <row r="582971" spans="14:14">
      <c r="N582971" s="10"/>
    </row>
    <row r="582972" spans="14:14">
      <c r="N582972" s="10"/>
    </row>
    <row r="582973" spans="14:14">
      <c r="N582973" s="10"/>
    </row>
    <row r="582974" spans="14:14">
      <c r="N582974" s="10"/>
    </row>
    <row r="582975" spans="14:14">
      <c r="N582975" s="10"/>
    </row>
    <row r="582976" spans="14:14">
      <c r="N582976" s="10"/>
    </row>
    <row r="582977" spans="14:14">
      <c r="N582977" s="10"/>
    </row>
    <row r="582978" spans="14:14">
      <c r="N582978" s="10"/>
    </row>
    <row r="582979" spans="14:14">
      <c r="N582979" s="10"/>
    </row>
    <row r="582980" spans="14:14">
      <c r="N582980" s="10"/>
    </row>
    <row r="582981" spans="14:14">
      <c r="N582981" s="10"/>
    </row>
    <row r="582982" spans="14:14">
      <c r="N582982" s="10"/>
    </row>
    <row r="582983" spans="14:14">
      <c r="N582983" s="10"/>
    </row>
    <row r="582984" spans="14:14">
      <c r="N582984" s="10"/>
    </row>
    <row r="582985" spans="14:14">
      <c r="N582985" s="10"/>
    </row>
    <row r="582986" spans="14:14">
      <c r="N582986" s="10"/>
    </row>
    <row r="582987" spans="14:14">
      <c r="N582987" s="10"/>
    </row>
    <row r="582988" spans="14:14">
      <c r="N582988" s="10"/>
    </row>
    <row r="582989" spans="14:14">
      <c r="N582989" s="10"/>
    </row>
    <row r="582990" spans="14:14">
      <c r="N582990" s="10"/>
    </row>
    <row r="582991" spans="14:14">
      <c r="N582991" s="10"/>
    </row>
    <row r="582992" spans="14:14">
      <c r="N582992" s="10"/>
    </row>
    <row r="582993" spans="14:14">
      <c r="N582993" s="10"/>
    </row>
    <row r="582994" spans="14:14">
      <c r="N582994" s="10"/>
    </row>
    <row r="582995" spans="14:14">
      <c r="N582995" s="10"/>
    </row>
    <row r="582996" spans="14:14">
      <c r="N582996" s="10"/>
    </row>
    <row r="582997" spans="14:14">
      <c r="N582997" s="10"/>
    </row>
    <row r="582998" spans="14:14">
      <c r="N582998" s="10"/>
    </row>
    <row r="582999" spans="14:14">
      <c r="N582999" s="10"/>
    </row>
    <row r="583000" spans="14:14">
      <c r="N583000" s="10"/>
    </row>
    <row r="583001" spans="14:14">
      <c r="N583001" s="10"/>
    </row>
    <row r="583002" spans="14:14">
      <c r="N583002" s="10"/>
    </row>
    <row r="583003" spans="14:14">
      <c r="N583003" s="10"/>
    </row>
    <row r="583004" spans="14:14">
      <c r="N583004" s="10"/>
    </row>
    <row r="583005" spans="14:14">
      <c r="N583005" s="10"/>
    </row>
    <row r="583006" spans="14:14">
      <c r="N583006" s="10"/>
    </row>
    <row r="583007" spans="14:14">
      <c r="N583007" s="10"/>
    </row>
    <row r="583008" spans="14:14">
      <c r="N583008" s="10"/>
    </row>
    <row r="583009" spans="14:14">
      <c r="N583009" s="10"/>
    </row>
    <row r="583010" spans="14:14">
      <c r="N583010" s="10"/>
    </row>
    <row r="583011" spans="14:14">
      <c r="N583011" s="10"/>
    </row>
    <row r="583012" spans="14:14">
      <c r="N583012" s="10"/>
    </row>
    <row r="583013" spans="14:14">
      <c r="N583013" s="10"/>
    </row>
    <row r="583014" spans="14:14">
      <c r="N583014" s="10"/>
    </row>
    <row r="583015" spans="14:14">
      <c r="N583015" s="10"/>
    </row>
    <row r="583016" spans="14:14">
      <c r="N583016" s="10"/>
    </row>
    <row r="583017" spans="14:14">
      <c r="N583017" s="10"/>
    </row>
    <row r="583018" spans="14:14">
      <c r="N583018" s="10"/>
    </row>
    <row r="583019" spans="14:14">
      <c r="N583019" s="10"/>
    </row>
    <row r="583020" spans="14:14">
      <c r="N583020" s="10"/>
    </row>
    <row r="583021" spans="14:14">
      <c r="N583021" s="10"/>
    </row>
    <row r="583022" spans="14:14">
      <c r="N583022" s="10"/>
    </row>
    <row r="583023" spans="14:14">
      <c r="N583023" s="10"/>
    </row>
    <row r="583024" spans="14:14">
      <c r="N583024" s="10"/>
    </row>
    <row r="583025" spans="14:14">
      <c r="N583025" s="10"/>
    </row>
    <row r="583026" spans="14:14">
      <c r="N583026" s="10"/>
    </row>
    <row r="583027" spans="14:14">
      <c r="N583027" s="10"/>
    </row>
    <row r="583028" spans="14:14">
      <c r="N583028" s="10"/>
    </row>
    <row r="583029" spans="14:14">
      <c r="N583029" s="10"/>
    </row>
    <row r="583030" spans="14:14">
      <c r="N583030" s="10"/>
    </row>
    <row r="583031" spans="14:14">
      <c r="N583031" s="10"/>
    </row>
    <row r="583032" spans="14:14">
      <c r="N583032" s="10"/>
    </row>
    <row r="583033" spans="14:14">
      <c r="N583033" s="10"/>
    </row>
    <row r="583034" spans="14:14">
      <c r="N583034" s="10"/>
    </row>
    <row r="583035" spans="14:14">
      <c r="N583035" s="10"/>
    </row>
    <row r="583036" spans="14:14">
      <c r="N583036" s="10"/>
    </row>
    <row r="583037" spans="14:14">
      <c r="N583037" s="10"/>
    </row>
    <row r="583038" spans="14:14">
      <c r="N583038" s="10"/>
    </row>
    <row r="583039" spans="14:14">
      <c r="N583039" s="10"/>
    </row>
    <row r="583040" spans="14:14">
      <c r="N583040" s="10"/>
    </row>
    <row r="583041" spans="14:14">
      <c r="N583041" s="10"/>
    </row>
    <row r="583042" spans="14:14">
      <c r="N583042" s="10"/>
    </row>
    <row r="583043" spans="14:14">
      <c r="N583043" s="10"/>
    </row>
    <row r="583044" spans="14:14">
      <c r="N583044" s="10"/>
    </row>
    <row r="583045" spans="14:14">
      <c r="N583045" s="10"/>
    </row>
    <row r="583046" spans="14:14">
      <c r="N583046" s="10"/>
    </row>
    <row r="583047" spans="14:14">
      <c r="N583047" s="10"/>
    </row>
    <row r="583048" spans="14:14">
      <c r="N583048" s="10"/>
    </row>
    <row r="583049" spans="14:14">
      <c r="N583049" s="10"/>
    </row>
    <row r="583050" spans="14:14">
      <c r="N583050" s="10"/>
    </row>
    <row r="583051" spans="14:14">
      <c r="N583051" s="10"/>
    </row>
    <row r="583052" spans="14:14">
      <c r="N583052" s="10"/>
    </row>
    <row r="583053" spans="14:14">
      <c r="N583053" s="10"/>
    </row>
    <row r="583054" spans="14:14">
      <c r="N583054" s="10"/>
    </row>
    <row r="583055" spans="14:14">
      <c r="N583055" s="10"/>
    </row>
    <row r="583056" spans="14:14">
      <c r="N583056" s="10"/>
    </row>
    <row r="583057" spans="14:14">
      <c r="N583057" s="10"/>
    </row>
    <row r="583058" spans="14:14">
      <c r="N583058" s="10"/>
    </row>
    <row r="583059" spans="14:14">
      <c r="N583059" s="10"/>
    </row>
    <row r="583060" spans="14:14">
      <c r="N583060" s="10"/>
    </row>
    <row r="583061" spans="14:14">
      <c r="N583061" s="10"/>
    </row>
    <row r="583062" spans="14:14">
      <c r="N583062" s="10"/>
    </row>
    <row r="583063" spans="14:14">
      <c r="N583063" s="10"/>
    </row>
    <row r="583064" spans="14:14">
      <c r="N583064" s="10"/>
    </row>
    <row r="583065" spans="14:14">
      <c r="N583065" s="10"/>
    </row>
    <row r="583066" spans="14:14">
      <c r="N583066" s="10"/>
    </row>
    <row r="583067" spans="14:14">
      <c r="N583067" s="10"/>
    </row>
    <row r="583068" spans="14:14">
      <c r="N583068" s="10"/>
    </row>
    <row r="583069" spans="14:14">
      <c r="N583069" s="10"/>
    </row>
    <row r="583070" spans="14:14">
      <c r="N583070" s="10"/>
    </row>
    <row r="583071" spans="14:14">
      <c r="N583071" s="10"/>
    </row>
    <row r="583072" spans="14:14">
      <c r="N583072" s="10"/>
    </row>
    <row r="583073" spans="14:14">
      <c r="N583073" s="10"/>
    </row>
    <row r="583074" spans="14:14">
      <c r="N583074" s="10"/>
    </row>
    <row r="583075" spans="14:14">
      <c r="N583075" s="10"/>
    </row>
    <row r="583076" spans="14:14">
      <c r="N583076" s="10"/>
    </row>
    <row r="583077" spans="14:14">
      <c r="N583077" s="10"/>
    </row>
    <row r="583078" spans="14:14">
      <c r="N583078" s="10"/>
    </row>
    <row r="583079" spans="14:14">
      <c r="N583079" s="10"/>
    </row>
    <row r="583080" spans="14:14">
      <c r="N583080" s="10"/>
    </row>
    <row r="583081" spans="14:14">
      <c r="N583081" s="10"/>
    </row>
    <row r="583082" spans="14:14">
      <c r="N583082" s="10"/>
    </row>
    <row r="583083" spans="14:14">
      <c r="N583083" s="10"/>
    </row>
    <row r="583084" spans="14:14">
      <c r="N583084" s="10"/>
    </row>
    <row r="583085" spans="14:14">
      <c r="N583085" s="10"/>
    </row>
    <row r="583086" spans="14:14">
      <c r="N583086" s="10"/>
    </row>
    <row r="583087" spans="14:14">
      <c r="N583087" s="10"/>
    </row>
    <row r="583088" spans="14:14">
      <c r="N583088" s="10"/>
    </row>
    <row r="583089" spans="14:14">
      <c r="N583089" s="10"/>
    </row>
    <row r="583090" spans="14:14">
      <c r="N583090" s="10"/>
    </row>
    <row r="583091" spans="14:14">
      <c r="N583091" s="10"/>
    </row>
    <row r="583092" spans="14:14">
      <c r="N583092" s="10"/>
    </row>
    <row r="583093" spans="14:14">
      <c r="N583093" s="10"/>
    </row>
    <row r="583094" spans="14:14">
      <c r="N583094" s="10"/>
    </row>
    <row r="583095" spans="14:14">
      <c r="N583095" s="10"/>
    </row>
    <row r="583096" spans="14:14">
      <c r="N583096" s="10"/>
    </row>
    <row r="583097" spans="14:14">
      <c r="N583097" s="10"/>
    </row>
    <row r="583098" spans="14:14">
      <c r="N583098" s="10"/>
    </row>
    <row r="583099" spans="14:14">
      <c r="N583099" s="10"/>
    </row>
    <row r="583100" spans="14:14">
      <c r="N583100" s="10"/>
    </row>
    <row r="583101" spans="14:14">
      <c r="N583101" s="10"/>
    </row>
    <row r="583102" spans="14:14">
      <c r="N583102" s="10"/>
    </row>
    <row r="583103" spans="14:14">
      <c r="N583103" s="10"/>
    </row>
    <row r="583104" spans="14:14">
      <c r="N583104" s="10"/>
    </row>
    <row r="583105" spans="14:14">
      <c r="N583105" s="10"/>
    </row>
    <row r="583106" spans="14:14">
      <c r="N583106" s="10"/>
    </row>
    <row r="583107" spans="14:14">
      <c r="N583107" s="10"/>
    </row>
    <row r="583108" spans="14:14">
      <c r="N583108" s="10"/>
    </row>
    <row r="583109" spans="14:14">
      <c r="N583109" s="10"/>
    </row>
    <row r="583110" spans="14:14">
      <c r="N583110" s="10"/>
    </row>
    <row r="583111" spans="14:14">
      <c r="N583111" s="10"/>
    </row>
    <row r="583112" spans="14:14">
      <c r="N583112" s="10"/>
    </row>
    <row r="583113" spans="14:14">
      <c r="N583113" s="10"/>
    </row>
    <row r="583114" spans="14:14">
      <c r="N583114" s="10"/>
    </row>
    <row r="583115" spans="14:14">
      <c r="N583115" s="10"/>
    </row>
    <row r="583116" spans="14:14">
      <c r="N583116" s="10"/>
    </row>
    <row r="583117" spans="14:14">
      <c r="N583117" s="10"/>
    </row>
    <row r="583118" spans="14:14">
      <c r="N583118" s="10"/>
    </row>
    <row r="583119" spans="14:14">
      <c r="N583119" s="10"/>
    </row>
    <row r="583120" spans="14:14">
      <c r="N583120" s="10"/>
    </row>
    <row r="583121" spans="14:14">
      <c r="N583121" s="10"/>
    </row>
    <row r="583122" spans="14:14">
      <c r="N583122" s="10"/>
    </row>
    <row r="583123" spans="14:14">
      <c r="N583123" s="10"/>
    </row>
    <row r="583124" spans="14:14">
      <c r="N583124" s="10"/>
    </row>
    <row r="583125" spans="14:14">
      <c r="N583125" s="10"/>
    </row>
    <row r="583126" spans="14:14">
      <c r="N583126" s="10"/>
    </row>
    <row r="583127" spans="14:14">
      <c r="N583127" s="10"/>
    </row>
    <row r="583128" spans="14:14">
      <c r="N583128" s="10"/>
    </row>
    <row r="583129" spans="14:14">
      <c r="N583129" s="10"/>
    </row>
    <row r="583130" spans="14:14">
      <c r="N583130" s="10"/>
    </row>
    <row r="583131" spans="14:14">
      <c r="N583131" s="10"/>
    </row>
    <row r="583132" spans="14:14">
      <c r="N583132" s="10"/>
    </row>
    <row r="583133" spans="14:14">
      <c r="N583133" s="10"/>
    </row>
    <row r="583134" spans="14:14">
      <c r="N583134" s="10"/>
    </row>
    <row r="583135" spans="14:14">
      <c r="N583135" s="10"/>
    </row>
    <row r="583136" spans="14:14">
      <c r="N583136" s="10"/>
    </row>
    <row r="583137" spans="14:14">
      <c r="N583137" s="10"/>
    </row>
    <row r="583138" spans="14:14">
      <c r="N583138" s="10"/>
    </row>
    <row r="583139" spans="14:14">
      <c r="N583139" s="10"/>
    </row>
    <row r="583140" spans="14:14">
      <c r="N583140" s="10"/>
    </row>
    <row r="583141" spans="14:14">
      <c r="N583141" s="10"/>
    </row>
    <row r="583142" spans="14:14">
      <c r="N583142" s="10"/>
    </row>
    <row r="583143" spans="14:14">
      <c r="N583143" s="10"/>
    </row>
    <row r="583144" spans="14:14">
      <c r="N583144" s="10"/>
    </row>
    <row r="583145" spans="14:14">
      <c r="N583145" s="10"/>
    </row>
    <row r="583146" spans="14:14">
      <c r="N583146" s="10"/>
    </row>
    <row r="583147" spans="14:14">
      <c r="N583147" s="10"/>
    </row>
    <row r="583148" spans="14:14">
      <c r="N583148" s="10"/>
    </row>
    <row r="583149" spans="14:14">
      <c r="N583149" s="10"/>
    </row>
    <row r="583150" spans="14:14">
      <c r="N583150" s="10"/>
    </row>
    <row r="583151" spans="14:14">
      <c r="N583151" s="10"/>
    </row>
    <row r="583152" spans="14:14">
      <c r="N583152" s="10"/>
    </row>
    <row r="583153" spans="14:14">
      <c r="N583153" s="10"/>
    </row>
    <row r="583154" spans="14:14">
      <c r="N583154" s="10"/>
    </row>
    <row r="583155" spans="14:14">
      <c r="N583155" s="10"/>
    </row>
    <row r="583156" spans="14:14">
      <c r="N583156" s="10"/>
    </row>
    <row r="583157" spans="14:14">
      <c r="N583157" s="10"/>
    </row>
    <row r="583158" spans="14:14">
      <c r="N583158" s="10"/>
    </row>
    <row r="583159" spans="14:14">
      <c r="N583159" s="10"/>
    </row>
    <row r="583160" spans="14:14">
      <c r="N583160" s="10"/>
    </row>
    <row r="583161" spans="14:14">
      <c r="N583161" s="10"/>
    </row>
    <row r="583162" spans="14:14">
      <c r="N583162" s="10"/>
    </row>
    <row r="583163" spans="14:14">
      <c r="N583163" s="10"/>
    </row>
    <row r="583164" spans="14:14">
      <c r="N583164" s="10"/>
    </row>
    <row r="583165" spans="14:14">
      <c r="N583165" s="10"/>
    </row>
    <row r="583166" spans="14:14">
      <c r="N583166" s="10"/>
    </row>
    <row r="583167" spans="14:14">
      <c r="N583167" s="10"/>
    </row>
    <row r="583168" spans="14:14">
      <c r="N583168" s="10"/>
    </row>
    <row r="583169" spans="14:14">
      <c r="N583169" s="10"/>
    </row>
    <row r="583170" spans="14:14">
      <c r="N583170" s="10"/>
    </row>
    <row r="583171" spans="14:14">
      <c r="N583171" s="10"/>
    </row>
    <row r="583172" spans="14:14">
      <c r="N583172" s="10"/>
    </row>
    <row r="583173" spans="14:14">
      <c r="N583173" s="10"/>
    </row>
    <row r="583174" spans="14:14">
      <c r="N583174" s="10"/>
    </row>
    <row r="583175" spans="14:14">
      <c r="N583175" s="10"/>
    </row>
    <row r="583176" spans="14:14">
      <c r="N583176" s="10"/>
    </row>
    <row r="583177" spans="14:14">
      <c r="N583177" s="10"/>
    </row>
    <row r="583178" spans="14:14">
      <c r="N583178" s="10"/>
    </row>
    <row r="583179" spans="14:14">
      <c r="N583179" s="10"/>
    </row>
    <row r="583180" spans="14:14">
      <c r="N583180" s="10"/>
    </row>
    <row r="583181" spans="14:14">
      <c r="N583181" s="10"/>
    </row>
    <row r="583182" spans="14:14">
      <c r="N583182" s="10"/>
    </row>
    <row r="583183" spans="14:14">
      <c r="N583183" s="10"/>
    </row>
    <row r="583184" spans="14:14">
      <c r="N583184" s="10"/>
    </row>
    <row r="583185" spans="14:14">
      <c r="N583185" s="10"/>
    </row>
    <row r="583186" spans="14:14">
      <c r="N583186" s="10"/>
    </row>
    <row r="583187" spans="14:14">
      <c r="N583187" s="10"/>
    </row>
    <row r="583188" spans="14:14">
      <c r="N583188" s="10"/>
    </row>
    <row r="583189" spans="14:14">
      <c r="N583189" s="10"/>
    </row>
    <row r="583190" spans="14:14">
      <c r="N583190" s="10"/>
    </row>
    <row r="583191" spans="14:14">
      <c r="N583191" s="10"/>
    </row>
    <row r="583192" spans="14:14">
      <c r="N583192" s="10"/>
    </row>
    <row r="583193" spans="14:14">
      <c r="N583193" s="10"/>
    </row>
    <row r="583194" spans="14:14">
      <c r="N583194" s="10"/>
    </row>
    <row r="583195" spans="14:14">
      <c r="N583195" s="10"/>
    </row>
    <row r="583196" spans="14:14">
      <c r="N583196" s="10"/>
    </row>
    <row r="583197" spans="14:14">
      <c r="N583197" s="10"/>
    </row>
    <row r="583198" spans="14:14">
      <c r="N583198" s="10"/>
    </row>
    <row r="583199" spans="14:14">
      <c r="N583199" s="10"/>
    </row>
    <row r="583200" spans="14:14">
      <c r="N583200" s="10"/>
    </row>
    <row r="583201" spans="14:14">
      <c r="N583201" s="10"/>
    </row>
    <row r="583202" spans="14:14">
      <c r="N583202" s="10"/>
    </row>
    <row r="583203" spans="14:14">
      <c r="N583203" s="10"/>
    </row>
    <row r="583204" spans="14:14">
      <c r="N583204" s="10"/>
    </row>
    <row r="583205" spans="14:14">
      <c r="N583205" s="10"/>
    </row>
    <row r="583206" spans="14:14">
      <c r="N583206" s="10"/>
    </row>
    <row r="583207" spans="14:14">
      <c r="N583207" s="10"/>
    </row>
    <row r="583208" spans="14:14">
      <c r="N583208" s="10"/>
    </row>
    <row r="583209" spans="14:14">
      <c r="N583209" s="10"/>
    </row>
    <row r="583210" spans="14:14">
      <c r="N583210" s="10"/>
    </row>
    <row r="583211" spans="14:14">
      <c r="N583211" s="10"/>
    </row>
    <row r="583212" spans="14:14">
      <c r="N583212" s="10"/>
    </row>
    <row r="583213" spans="14:14">
      <c r="N583213" s="10"/>
    </row>
    <row r="583214" spans="14:14">
      <c r="N583214" s="10"/>
    </row>
    <row r="583215" spans="14:14">
      <c r="N583215" s="10"/>
    </row>
    <row r="583216" spans="14:14">
      <c r="N583216" s="10"/>
    </row>
    <row r="583217" spans="14:14">
      <c r="N583217" s="10"/>
    </row>
    <row r="583218" spans="14:14">
      <c r="N583218" s="10"/>
    </row>
    <row r="583219" spans="14:14">
      <c r="N583219" s="10"/>
    </row>
    <row r="583220" spans="14:14">
      <c r="N583220" s="10"/>
    </row>
    <row r="583221" spans="14:14">
      <c r="N583221" s="10"/>
    </row>
    <row r="583222" spans="14:14">
      <c r="N583222" s="10"/>
    </row>
    <row r="583223" spans="14:14">
      <c r="N583223" s="10"/>
    </row>
    <row r="583224" spans="14:14">
      <c r="N583224" s="10"/>
    </row>
    <row r="583225" spans="14:14">
      <c r="N583225" s="10"/>
    </row>
    <row r="583226" spans="14:14">
      <c r="N583226" s="10"/>
    </row>
    <row r="583227" spans="14:14">
      <c r="N583227" s="10"/>
    </row>
    <row r="583228" spans="14:14">
      <c r="N583228" s="10"/>
    </row>
    <row r="583229" spans="14:14">
      <c r="N583229" s="10"/>
    </row>
    <row r="583230" spans="14:14">
      <c r="N583230" s="10"/>
    </row>
    <row r="583231" spans="14:14">
      <c r="N583231" s="10"/>
    </row>
    <row r="583232" spans="14:14">
      <c r="N583232" s="10"/>
    </row>
    <row r="583233" spans="14:14">
      <c r="N583233" s="10"/>
    </row>
    <row r="583234" spans="14:14">
      <c r="N583234" s="10"/>
    </row>
    <row r="583235" spans="14:14">
      <c r="N583235" s="10"/>
    </row>
    <row r="583236" spans="14:14">
      <c r="N583236" s="10"/>
    </row>
    <row r="583237" spans="14:14">
      <c r="N583237" s="10"/>
    </row>
    <row r="583238" spans="14:14">
      <c r="N583238" s="10"/>
    </row>
    <row r="583239" spans="14:14">
      <c r="N583239" s="10"/>
    </row>
    <row r="583240" spans="14:14">
      <c r="N583240" s="10"/>
    </row>
    <row r="583241" spans="14:14">
      <c r="N583241" s="10"/>
    </row>
    <row r="583242" spans="14:14">
      <c r="N583242" s="10"/>
    </row>
    <row r="583243" spans="14:14">
      <c r="N583243" s="10"/>
    </row>
    <row r="583244" spans="14:14">
      <c r="N583244" s="10"/>
    </row>
    <row r="583245" spans="14:14">
      <c r="N583245" s="10"/>
    </row>
    <row r="583246" spans="14:14">
      <c r="N583246" s="10"/>
    </row>
    <row r="583247" spans="14:14">
      <c r="N583247" s="10"/>
    </row>
    <row r="583248" spans="14:14">
      <c r="N583248" s="10"/>
    </row>
    <row r="583249" spans="14:14">
      <c r="N583249" s="10"/>
    </row>
    <row r="583250" spans="14:14">
      <c r="N583250" s="10"/>
    </row>
    <row r="583251" spans="14:14">
      <c r="N583251" s="10"/>
    </row>
    <row r="583252" spans="14:14">
      <c r="N583252" s="10"/>
    </row>
    <row r="583253" spans="14:14">
      <c r="N583253" s="10"/>
    </row>
    <row r="583254" spans="14:14">
      <c r="N583254" s="10"/>
    </row>
    <row r="583255" spans="14:14">
      <c r="N583255" s="10"/>
    </row>
    <row r="583256" spans="14:14">
      <c r="N583256" s="10"/>
    </row>
    <row r="583257" spans="14:14">
      <c r="N583257" s="10"/>
    </row>
    <row r="583258" spans="14:14">
      <c r="N583258" s="10"/>
    </row>
    <row r="583259" spans="14:14">
      <c r="N583259" s="10"/>
    </row>
    <row r="583260" spans="14:14">
      <c r="N583260" s="10"/>
    </row>
    <row r="583261" spans="14:14">
      <c r="N583261" s="10"/>
    </row>
    <row r="583262" spans="14:14">
      <c r="N583262" s="10"/>
    </row>
    <row r="583263" spans="14:14">
      <c r="N583263" s="10"/>
    </row>
    <row r="583264" spans="14:14">
      <c r="N583264" s="10"/>
    </row>
    <row r="583265" spans="14:14">
      <c r="N583265" s="10"/>
    </row>
    <row r="583266" spans="14:14">
      <c r="N583266" s="10"/>
    </row>
    <row r="583267" spans="14:14">
      <c r="N583267" s="10"/>
    </row>
    <row r="583268" spans="14:14">
      <c r="N583268" s="10"/>
    </row>
    <row r="583269" spans="14:14">
      <c r="N583269" s="10"/>
    </row>
    <row r="583270" spans="14:14">
      <c r="N583270" s="10"/>
    </row>
    <row r="583271" spans="14:14">
      <c r="N583271" s="10"/>
    </row>
    <row r="583272" spans="14:14">
      <c r="N583272" s="10"/>
    </row>
    <row r="583273" spans="14:14">
      <c r="N583273" s="10"/>
    </row>
    <row r="583274" spans="14:14">
      <c r="N583274" s="10"/>
    </row>
    <row r="583275" spans="14:14">
      <c r="N583275" s="10"/>
    </row>
    <row r="583276" spans="14:14">
      <c r="N583276" s="10"/>
    </row>
    <row r="583277" spans="14:14">
      <c r="N583277" s="10"/>
    </row>
    <row r="583278" spans="14:14">
      <c r="N583278" s="10"/>
    </row>
    <row r="583279" spans="14:14">
      <c r="N583279" s="10"/>
    </row>
    <row r="583280" spans="14:14">
      <c r="N583280" s="10"/>
    </row>
    <row r="583281" spans="14:14">
      <c r="N583281" s="10"/>
    </row>
    <row r="583282" spans="14:14">
      <c r="N583282" s="10"/>
    </row>
    <row r="583283" spans="14:14">
      <c r="N583283" s="10"/>
    </row>
    <row r="583284" spans="14:14">
      <c r="N583284" s="10"/>
    </row>
    <row r="583285" spans="14:14">
      <c r="N583285" s="10"/>
    </row>
    <row r="583286" spans="14:14">
      <c r="N583286" s="10"/>
    </row>
    <row r="583287" spans="14:14">
      <c r="N583287" s="10"/>
    </row>
    <row r="583288" spans="14:14">
      <c r="N583288" s="10"/>
    </row>
    <row r="583289" spans="14:14">
      <c r="N583289" s="10"/>
    </row>
    <row r="583290" spans="14:14">
      <c r="N583290" s="10"/>
    </row>
    <row r="583291" spans="14:14">
      <c r="N583291" s="10"/>
    </row>
    <row r="583292" spans="14:14">
      <c r="N583292" s="10"/>
    </row>
    <row r="583293" spans="14:14">
      <c r="N583293" s="10"/>
    </row>
    <row r="583294" spans="14:14">
      <c r="N583294" s="10"/>
    </row>
    <row r="583295" spans="14:14">
      <c r="N583295" s="10"/>
    </row>
    <row r="583296" spans="14:14">
      <c r="N583296" s="10"/>
    </row>
    <row r="583297" spans="14:14">
      <c r="N583297" s="10"/>
    </row>
    <row r="583298" spans="14:14">
      <c r="N583298" s="10"/>
    </row>
    <row r="583299" spans="14:14">
      <c r="N583299" s="10"/>
    </row>
    <row r="583300" spans="14:14">
      <c r="N583300" s="10"/>
    </row>
    <row r="583301" spans="14:14">
      <c r="N583301" s="10"/>
    </row>
    <row r="583302" spans="14:14">
      <c r="N583302" s="10"/>
    </row>
    <row r="583303" spans="14:14">
      <c r="N583303" s="10"/>
    </row>
    <row r="583304" spans="14:14">
      <c r="N583304" s="10"/>
    </row>
    <row r="583305" spans="14:14">
      <c r="N583305" s="10"/>
    </row>
    <row r="583306" spans="14:14">
      <c r="N583306" s="10"/>
    </row>
    <row r="583307" spans="14:14">
      <c r="N583307" s="10"/>
    </row>
    <row r="583308" spans="14:14">
      <c r="N583308" s="10"/>
    </row>
    <row r="583309" spans="14:14">
      <c r="N583309" s="10"/>
    </row>
    <row r="583310" spans="14:14">
      <c r="N583310" s="10"/>
    </row>
    <row r="583311" spans="14:14">
      <c r="N583311" s="10"/>
    </row>
    <row r="583312" spans="14:14">
      <c r="N583312" s="10"/>
    </row>
    <row r="583313" spans="14:14">
      <c r="N583313" s="10"/>
    </row>
    <row r="583314" spans="14:14">
      <c r="N583314" s="10"/>
    </row>
    <row r="583315" spans="14:14">
      <c r="N583315" s="10"/>
    </row>
    <row r="583316" spans="14:14">
      <c r="N583316" s="10"/>
    </row>
    <row r="583317" spans="14:14">
      <c r="N583317" s="10"/>
    </row>
    <row r="583318" spans="14:14">
      <c r="N583318" s="10"/>
    </row>
    <row r="583319" spans="14:14">
      <c r="N583319" s="10"/>
    </row>
    <row r="583320" spans="14:14">
      <c r="N583320" s="10"/>
    </row>
    <row r="583321" spans="14:14">
      <c r="N583321" s="10"/>
    </row>
    <row r="583322" spans="14:14">
      <c r="N583322" s="10"/>
    </row>
    <row r="583323" spans="14:14">
      <c r="N583323" s="10"/>
    </row>
    <row r="583324" spans="14:14">
      <c r="N583324" s="10"/>
    </row>
    <row r="583325" spans="14:14">
      <c r="N583325" s="10"/>
    </row>
    <row r="583326" spans="14:14">
      <c r="N583326" s="10"/>
    </row>
    <row r="583327" spans="14:14">
      <c r="N583327" s="10"/>
    </row>
    <row r="583328" spans="14:14">
      <c r="N583328" s="10"/>
    </row>
    <row r="583329" spans="14:14">
      <c r="N583329" s="10"/>
    </row>
    <row r="583330" spans="14:14">
      <c r="N583330" s="10"/>
    </row>
    <row r="583331" spans="14:14">
      <c r="N583331" s="10"/>
    </row>
    <row r="583332" spans="14:14">
      <c r="N583332" s="10"/>
    </row>
    <row r="583333" spans="14:14">
      <c r="N583333" s="10"/>
    </row>
    <row r="583334" spans="14:14">
      <c r="N583334" s="10"/>
    </row>
    <row r="583335" spans="14:14">
      <c r="N583335" s="10"/>
    </row>
    <row r="583336" spans="14:14">
      <c r="N583336" s="10"/>
    </row>
    <row r="583337" spans="14:14">
      <c r="N583337" s="10"/>
    </row>
    <row r="583338" spans="14:14">
      <c r="N583338" s="10"/>
    </row>
    <row r="583339" spans="14:14">
      <c r="N583339" s="10"/>
    </row>
    <row r="583340" spans="14:14">
      <c r="N583340" s="10"/>
    </row>
    <row r="583341" spans="14:14">
      <c r="N583341" s="10"/>
    </row>
    <row r="583342" spans="14:14">
      <c r="N583342" s="10"/>
    </row>
    <row r="583343" spans="14:14">
      <c r="N583343" s="10"/>
    </row>
    <row r="583344" spans="14:14">
      <c r="N583344" s="10"/>
    </row>
    <row r="583345" spans="14:14">
      <c r="N583345" s="10"/>
    </row>
    <row r="583346" spans="14:14">
      <c r="N583346" s="10"/>
    </row>
    <row r="583347" spans="14:14">
      <c r="N583347" s="10"/>
    </row>
    <row r="583348" spans="14:14">
      <c r="N583348" s="10"/>
    </row>
    <row r="583349" spans="14:14">
      <c r="N583349" s="10"/>
    </row>
    <row r="583350" spans="14:14">
      <c r="N583350" s="10"/>
    </row>
    <row r="583351" spans="14:14">
      <c r="N583351" s="10"/>
    </row>
    <row r="583352" spans="14:14">
      <c r="N583352" s="10"/>
    </row>
    <row r="583353" spans="14:14">
      <c r="N583353" s="10"/>
    </row>
    <row r="583354" spans="14:14">
      <c r="N583354" s="10"/>
    </row>
    <row r="583355" spans="14:14">
      <c r="N583355" s="10"/>
    </row>
    <row r="583356" spans="14:14">
      <c r="N583356" s="10"/>
    </row>
    <row r="583357" spans="14:14">
      <c r="N583357" s="10"/>
    </row>
    <row r="583358" spans="14:14">
      <c r="N583358" s="10"/>
    </row>
    <row r="583359" spans="14:14">
      <c r="N583359" s="10"/>
    </row>
    <row r="583360" spans="14:14">
      <c r="N583360" s="10"/>
    </row>
    <row r="583361" spans="14:14">
      <c r="N583361" s="10"/>
    </row>
    <row r="583362" spans="14:14">
      <c r="N583362" s="10"/>
    </row>
    <row r="583363" spans="14:14">
      <c r="N583363" s="10"/>
    </row>
    <row r="583364" spans="14:14">
      <c r="N583364" s="10"/>
    </row>
    <row r="583365" spans="14:14">
      <c r="N583365" s="10"/>
    </row>
    <row r="583366" spans="14:14">
      <c r="N583366" s="10"/>
    </row>
    <row r="583367" spans="14:14">
      <c r="N583367" s="10"/>
    </row>
    <row r="583368" spans="14:14">
      <c r="N583368" s="10"/>
    </row>
    <row r="583369" spans="14:14">
      <c r="N583369" s="10"/>
    </row>
    <row r="583370" spans="14:14">
      <c r="N583370" s="10"/>
    </row>
    <row r="583371" spans="14:14">
      <c r="N583371" s="10"/>
    </row>
    <row r="583372" spans="14:14">
      <c r="N583372" s="10"/>
    </row>
    <row r="583373" spans="14:14">
      <c r="N583373" s="10"/>
    </row>
    <row r="583374" spans="14:14">
      <c r="N583374" s="10"/>
    </row>
    <row r="583375" spans="14:14">
      <c r="N583375" s="10"/>
    </row>
    <row r="583376" spans="14:14">
      <c r="N583376" s="10"/>
    </row>
    <row r="583377" spans="14:14">
      <c r="N583377" s="10"/>
    </row>
    <row r="583378" spans="14:14">
      <c r="N583378" s="10"/>
    </row>
    <row r="583379" spans="14:14">
      <c r="N583379" s="10"/>
    </row>
    <row r="583380" spans="14:14">
      <c r="N583380" s="10"/>
    </row>
    <row r="583381" spans="14:14">
      <c r="N583381" s="10"/>
    </row>
    <row r="583382" spans="14:14">
      <c r="N583382" s="10"/>
    </row>
    <row r="583383" spans="14:14">
      <c r="N583383" s="10"/>
    </row>
    <row r="583384" spans="14:14">
      <c r="N583384" s="10"/>
    </row>
    <row r="583385" spans="14:14">
      <c r="N583385" s="10"/>
    </row>
    <row r="583386" spans="14:14">
      <c r="N583386" s="10"/>
    </row>
    <row r="583387" spans="14:14">
      <c r="N583387" s="10"/>
    </row>
    <row r="583388" spans="14:14">
      <c r="N583388" s="10"/>
    </row>
    <row r="583389" spans="14:14">
      <c r="N583389" s="10"/>
    </row>
    <row r="583390" spans="14:14">
      <c r="N583390" s="10"/>
    </row>
    <row r="583391" spans="14:14">
      <c r="N583391" s="10"/>
    </row>
    <row r="583392" spans="14:14">
      <c r="N583392" s="10"/>
    </row>
    <row r="583393" spans="14:14">
      <c r="N583393" s="10"/>
    </row>
    <row r="583394" spans="14:14">
      <c r="N583394" s="10"/>
    </row>
    <row r="583395" spans="14:14">
      <c r="N583395" s="10"/>
    </row>
    <row r="583396" spans="14:14">
      <c r="N583396" s="10"/>
    </row>
    <row r="583397" spans="14:14">
      <c r="N583397" s="10"/>
    </row>
    <row r="583398" spans="14:14">
      <c r="N583398" s="10"/>
    </row>
    <row r="583399" spans="14:14">
      <c r="N583399" s="10"/>
    </row>
    <row r="583400" spans="14:14">
      <c r="N583400" s="10"/>
    </row>
    <row r="583401" spans="14:14">
      <c r="N583401" s="10"/>
    </row>
    <row r="583402" spans="14:14">
      <c r="N583402" s="10"/>
    </row>
    <row r="583403" spans="14:14">
      <c r="N583403" s="10"/>
    </row>
    <row r="583404" spans="14:14">
      <c r="N583404" s="10"/>
    </row>
    <row r="583405" spans="14:14">
      <c r="N583405" s="10"/>
    </row>
    <row r="583406" spans="14:14">
      <c r="N583406" s="10"/>
    </row>
    <row r="583407" spans="14:14">
      <c r="N583407" s="10"/>
    </row>
    <row r="583408" spans="14:14">
      <c r="N583408" s="10"/>
    </row>
    <row r="583409" spans="14:14">
      <c r="N583409" s="10"/>
    </row>
    <row r="583410" spans="14:14">
      <c r="N583410" s="10"/>
    </row>
    <row r="583411" spans="14:14">
      <c r="N583411" s="10"/>
    </row>
    <row r="583412" spans="14:14">
      <c r="N583412" s="10"/>
    </row>
    <row r="583413" spans="14:14">
      <c r="N583413" s="10"/>
    </row>
    <row r="583414" spans="14:14">
      <c r="N583414" s="10"/>
    </row>
    <row r="583415" spans="14:14">
      <c r="N583415" s="10"/>
    </row>
    <row r="583416" spans="14:14">
      <c r="N583416" s="10"/>
    </row>
    <row r="583417" spans="14:14">
      <c r="N583417" s="10"/>
    </row>
    <row r="583418" spans="14:14">
      <c r="N583418" s="10"/>
    </row>
    <row r="583419" spans="14:14">
      <c r="N583419" s="10"/>
    </row>
    <row r="583420" spans="14:14">
      <c r="N583420" s="10"/>
    </row>
    <row r="583421" spans="14:14">
      <c r="N583421" s="10"/>
    </row>
    <row r="583422" spans="14:14">
      <c r="N583422" s="10"/>
    </row>
    <row r="583423" spans="14:14">
      <c r="N583423" s="10"/>
    </row>
    <row r="583424" spans="14:14">
      <c r="N583424" s="10"/>
    </row>
    <row r="583425" spans="14:14">
      <c r="N583425" s="10"/>
    </row>
    <row r="583426" spans="14:14">
      <c r="N583426" s="10"/>
    </row>
    <row r="583427" spans="14:14">
      <c r="N583427" s="10"/>
    </row>
    <row r="583428" spans="14:14">
      <c r="N583428" s="10"/>
    </row>
    <row r="583429" spans="14:14">
      <c r="N583429" s="10"/>
    </row>
    <row r="583430" spans="14:14">
      <c r="N583430" s="10"/>
    </row>
    <row r="583431" spans="14:14">
      <c r="N583431" s="10"/>
    </row>
    <row r="583432" spans="14:14">
      <c r="N583432" s="10"/>
    </row>
    <row r="583433" spans="14:14">
      <c r="N583433" s="10"/>
    </row>
    <row r="583434" spans="14:14">
      <c r="N583434" s="10"/>
    </row>
    <row r="583435" spans="14:14">
      <c r="N583435" s="10"/>
    </row>
    <row r="583436" spans="14:14">
      <c r="N583436" s="10"/>
    </row>
    <row r="583437" spans="14:14">
      <c r="N583437" s="10"/>
    </row>
    <row r="583438" spans="14:14">
      <c r="N583438" s="10"/>
    </row>
    <row r="583439" spans="14:14">
      <c r="N583439" s="10"/>
    </row>
    <row r="583440" spans="14:14">
      <c r="N583440" s="10"/>
    </row>
    <row r="583441" spans="14:14">
      <c r="N583441" s="10"/>
    </row>
    <row r="583442" spans="14:14">
      <c r="N583442" s="10"/>
    </row>
    <row r="583443" spans="14:14">
      <c r="N583443" s="10"/>
    </row>
    <row r="583444" spans="14:14">
      <c r="N583444" s="10"/>
    </row>
    <row r="583445" spans="14:14">
      <c r="N583445" s="10"/>
    </row>
    <row r="583446" spans="14:14">
      <c r="N583446" s="10"/>
    </row>
    <row r="583447" spans="14:14">
      <c r="N583447" s="10"/>
    </row>
    <row r="583448" spans="14:14">
      <c r="N583448" s="10"/>
    </row>
    <row r="583449" spans="14:14">
      <c r="N583449" s="10"/>
    </row>
    <row r="583450" spans="14:14">
      <c r="N583450" s="10"/>
    </row>
    <row r="583451" spans="14:14">
      <c r="N583451" s="10"/>
    </row>
    <row r="583452" spans="14:14">
      <c r="N583452" s="10"/>
    </row>
    <row r="583453" spans="14:14">
      <c r="N583453" s="10"/>
    </row>
    <row r="583454" spans="14:14">
      <c r="N583454" s="10"/>
    </row>
    <row r="583455" spans="14:14">
      <c r="N583455" s="10"/>
    </row>
    <row r="583456" spans="14:14">
      <c r="N583456" s="10"/>
    </row>
    <row r="583457" spans="14:14">
      <c r="N583457" s="10"/>
    </row>
    <row r="583458" spans="14:14">
      <c r="N583458" s="10"/>
    </row>
    <row r="583459" spans="14:14">
      <c r="N583459" s="10"/>
    </row>
    <row r="583460" spans="14:14">
      <c r="N583460" s="10"/>
    </row>
    <row r="583461" spans="14:14">
      <c r="N583461" s="10"/>
    </row>
    <row r="583462" spans="14:14">
      <c r="N583462" s="10"/>
    </row>
    <row r="583463" spans="14:14">
      <c r="N583463" s="10"/>
    </row>
    <row r="583464" spans="14:14">
      <c r="N583464" s="10"/>
    </row>
    <row r="583465" spans="14:14">
      <c r="N583465" s="10"/>
    </row>
    <row r="583466" spans="14:14">
      <c r="N583466" s="10"/>
    </row>
    <row r="583467" spans="14:14">
      <c r="N583467" s="10"/>
    </row>
    <row r="583468" spans="14:14">
      <c r="N583468" s="10"/>
    </row>
    <row r="583469" spans="14:14">
      <c r="N583469" s="10"/>
    </row>
    <row r="583470" spans="14:14">
      <c r="N583470" s="10"/>
    </row>
    <row r="583471" spans="14:14">
      <c r="N583471" s="10"/>
    </row>
    <row r="583472" spans="14:14">
      <c r="N583472" s="10"/>
    </row>
    <row r="583473" spans="14:14">
      <c r="N583473" s="10"/>
    </row>
    <row r="583474" spans="14:14">
      <c r="N583474" s="10"/>
    </row>
    <row r="583475" spans="14:14">
      <c r="N583475" s="10"/>
    </row>
    <row r="583476" spans="14:14">
      <c r="N583476" s="10"/>
    </row>
    <row r="583477" spans="14:14">
      <c r="N583477" s="10"/>
    </row>
    <row r="583478" spans="14:14">
      <c r="N583478" s="10"/>
    </row>
    <row r="583479" spans="14:14">
      <c r="N583479" s="10"/>
    </row>
    <row r="583480" spans="14:14">
      <c r="N583480" s="10"/>
    </row>
    <row r="583481" spans="14:14">
      <c r="N583481" s="10"/>
    </row>
    <row r="583482" spans="14:14">
      <c r="N583482" s="10"/>
    </row>
    <row r="583483" spans="14:14">
      <c r="N583483" s="10"/>
    </row>
    <row r="583484" spans="14:14">
      <c r="N583484" s="10"/>
    </row>
    <row r="583485" spans="14:14">
      <c r="N583485" s="10"/>
    </row>
    <row r="583486" spans="14:14">
      <c r="N583486" s="10"/>
    </row>
    <row r="583487" spans="14:14">
      <c r="N583487" s="10"/>
    </row>
    <row r="583488" spans="14:14">
      <c r="N583488" s="10"/>
    </row>
    <row r="583489" spans="14:14">
      <c r="N583489" s="10"/>
    </row>
    <row r="583490" spans="14:14">
      <c r="N583490" s="10"/>
    </row>
    <row r="583491" spans="14:14">
      <c r="N583491" s="10"/>
    </row>
    <row r="583492" spans="14:14">
      <c r="N583492" s="10"/>
    </row>
    <row r="583493" spans="14:14">
      <c r="N583493" s="10"/>
    </row>
    <row r="583494" spans="14:14">
      <c r="N583494" s="10"/>
    </row>
    <row r="583495" spans="14:14">
      <c r="N583495" s="10"/>
    </row>
    <row r="583496" spans="14:14">
      <c r="N583496" s="10"/>
    </row>
    <row r="583497" spans="14:14">
      <c r="N583497" s="10"/>
    </row>
    <row r="583498" spans="14:14">
      <c r="N583498" s="10"/>
    </row>
    <row r="583499" spans="14:14">
      <c r="N583499" s="10"/>
    </row>
    <row r="583500" spans="14:14">
      <c r="N583500" s="10"/>
    </row>
    <row r="583501" spans="14:14">
      <c r="N583501" s="10"/>
    </row>
    <row r="583502" spans="14:14">
      <c r="N583502" s="10"/>
    </row>
    <row r="583503" spans="14:14">
      <c r="N583503" s="10"/>
    </row>
    <row r="583504" spans="14:14">
      <c r="N583504" s="10"/>
    </row>
    <row r="583505" spans="14:14">
      <c r="N583505" s="10"/>
    </row>
    <row r="583506" spans="14:14">
      <c r="N583506" s="10"/>
    </row>
    <row r="583507" spans="14:14">
      <c r="N583507" s="10"/>
    </row>
    <row r="583508" spans="14:14">
      <c r="N583508" s="10"/>
    </row>
    <row r="583509" spans="14:14">
      <c r="N583509" s="10"/>
    </row>
    <row r="583510" spans="14:14">
      <c r="N583510" s="10"/>
    </row>
    <row r="583511" spans="14:14">
      <c r="N583511" s="10"/>
    </row>
    <row r="583512" spans="14:14">
      <c r="N583512" s="10"/>
    </row>
    <row r="583513" spans="14:14">
      <c r="N583513" s="10"/>
    </row>
    <row r="583514" spans="14:14">
      <c r="N583514" s="10"/>
    </row>
    <row r="583515" spans="14:14">
      <c r="N583515" s="10"/>
    </row>
    <row r="583516" spans="14:14">
      <c r="N583516" s="10"/>
    </row>
    <row r="583517" spans="14:14">
      <c r="N583517" s="10"/>
    </row>
    <row r="583518" spans="14:14">
      <c r="N583518" s="10"/>
    </row>
    <row r="583519" spans="14:14">
      <c r="N583519" s="10"/>
    </row>
    <row r="583520" spans="14:14">
      <c r="N583520" s="10"/>
    </row>
    <row r="583521" spans="14:14">
      <c r="N583521" s="10"/>
    </row>
    <row r="583522" spans="14:14">
      <c r="N583522" s="10"/>
    </row>
    <row r="583523" spans="14:14">
      <c r="N583523" s="10"/>
    </row>
    <row r="583524" spans="14:14">
      <c r="N583524" s="10"/>
    </row>
    <row r="583525" spans="14:14">
      <c r="N583525" s="10"/>
    </row>
    <row r="583526" spans="14:14">
      <c r="N583526" s="10"/>
    </row>
    <row r="583527" spans="14:14">
      <c r="N583527" s="10"/>
    </row>
    <row r="583528" spans="14:14">
      <c r="N583528" s="10"/>
    </row>
    <row r="583529" spans="14:14">
      <c r="N583529" s="10"/>
    </row>
    <row r="583530" spans="14:14">
      <c r="N583530" s="10"/>
    </row>
    <row r="583531" spans="14:14">
      <c r="N583531" s="10"/>
    </row>
    <row r="583532" spans="14:14">
      <c r="N583532" s="10"/>
    </row>
    <row r="583533" spans="14:14">
      <c r="N583533" s="10"/>
    </row>
    <row r="583534" spans="14:14">
      <c r="N583534" s="10"/>
    </row>
    <row r="583535" spans="14:14">
      <c r="N583535" s="10"/>
    </row>
    <row r="583536" spans="14:14">
      <c r="N583536" s="10"/>
    </row>
    <row r="583537" spans="14:14">
      <c r="N583537" s="10"/>
    </row>
    <row r="583538" spans="14:14">
      <c r="N583538" s="10"/>
    </row>
    <row r="583539" spans="14:14">
      <c r="N583539" s="10"/>
    </row>
    <row r="583540" spans="14:14">
      <c r="N583540" s="10"/>
    </row>
    <row r="583541" spans="14:14">
      <c r="N583541" s="10"/>
    </row>
    <row r="583542" spans="14:14">
      <c r="N583542" s="10"/>
    </row>
    <row r="583543" spans="14:14">
      <c r="N583543" s="10"/>
    </row>
    <row r="583544" spans="14:14">
      <c r="N583544" s="10"/>
    </row>
    <row r="583545" spans="14:14">
      <c r="N583545" s="10"/>
    </row>
    <row r="583546" spans="14:14">
      <c r="N583546" s="10"/>
    </row>
    <row r="583547" spans="14:14">
      <c r="N583547" s="10"/>
    </row>
    <row r="583548" spans="14:14">
      <c r="N583548" s="10"/>
    </row>
    <row r="583549" spans="14:14">
      <c r="N583549" s="10"/>
    </row>
    <row r="583550" spans="14:14">
      <c r="N583550" s="10"/>
    </row>
    <row r="583551" spans="14:14">
      <c r="N583551" s="10"/>
    </row>
    <row r="583552" spans="14:14">
      <c r="N583552" s="10"/>
    </row>
    <row r="583553" spans="14:14">
      <c r="N583553" s="10"/>
    </row>
    <row r="583554" spans="14:14">
      <c r="N583554" s="10"/>
    </row>
    <row r="583555" spans="14:14">
      <c r="N583555" s="10"/>
    </row>
    <row r="583556" spans="14:14">
      <c r="N583556" s="10"/>
    </row>
    <row r="583557" spans="14:14">
      <c r="N583557" s="10"/>
    </row>
    <row r="583558" spans="14:14">
      <c r="N583558" s="10"/>
    </row>
    <row r="583559" spans="14:14">
      <c r="N583559" s="10"/>
    </row>
    <row r="583560" spans="14:14">
      <c r="N583560" s="10"/>
    </row>
    <row r="583561" spans="14:14">
      <c r="N583561" s="10"/>
    </row>
    <row r="583562" spans="14:14">
      <c r="N583562" s="10"/>
    </row>
    <row r="583563" spans="14:14">
      <c r="N583563" s="10"/>
    </row>
    <row r="583564" spans="14:14">
      <c r="N583564" s="10"/>
    </row>
    <row r="583565" spans="14:14">
      <c r="N583565" s="10"/>
    </row>
    <row r="583566" spans="14:14">
      <c r="N583566" s="10"/>
    </row>
    <row r="583567" spans="14:14">
      <c r="N583567" s="10"/>
    </row>
    <row r="583568" spans="14:14">
      <c r="N583568" s="10"/>
    </row>
    <row r="583569" spans="14:14">
      <c r="N583569" s="10"/>
    </row>
    <row r="583570" spans="14:14">
      <c r="N583570" s="10"/>
    </row>
    <row r="583571" spans="14:14">
      <c r="N583571" s="10"/>
    </row>
    <row r="583572" spans="14:14">
      <c r="N583572" s="10"/>
    </row>
    <row r="583573" spans="14:14">
      <c r="N583573" s="10"/>
    </row>
    <row r="583574" spans="14:14">
      <c r="N583574" s="10"/>
    </row>
    <row r="583575" spans="14:14">
      <c r="N583575" s="10"/>
    </row>
    <row r="583576" spans="14:14">
      <c r="N583576" s="10"/>
    </row>
    <row r="583577" spans="14:14">
      <c r="N583577" s="10"/>
    </row>
    <row r="583578" spans="14:14">
      <c r="N583578" s="10"/>
    </row>
    <row r="583579" spans="14:14">
      <c r="N583579" s="10"/>
    </row>
    <row r="583580" spans="14:14">
      <c r="N583580" s="10"/>
    </row>
    <row r="583581" spans="14:14">
      <c r="N583581" s="10"/>
    </row>
    <row r="583582" spans="14:14">
      <c r="N583582" s="10"/>
    </row>
    <row r="583583" spans="14:14">
      <c r="N583583" s="10"/>
    </row>
    <row r="583584" spans="14:14">
      <c r="N583584" s="10"/>
    </row>
    <row r="583585" spans="14:14">
      <c r="N583585" s="10"/>
    </row>
    <row r="583586" spans="14:14">
      <c r="N583586" s="10"/>
    </row>
    <row r="583587" spans="14:14">
      <c r="N583587" s="10"/>
    </row>
    <row r="583588" spans="14:14">
      <c r="N583588" s="10"/>
    </row>
    <row r="583589" spans="14:14">
      <c r="N583589" s="10"/>
    </row>
    <row r="583590" spans="14:14">
      <c r="N583590" s="10"/>
    </row>
    <row r="583591" spans="14:14">
      <c r="N583591" s="10"/>
    </row>
    <row r="583592" spans="14:14">
      <c r="N583592" s="10"/>
    </row>
    <row r="583593" spans="14:14">
      <c r="N583593" s="10"/>
    </row>
    <row r="583594" spans="14:14">
      <c r="N583594" s="10"/>
    </row>
    <row r="583595" spans="14:14">
      <c r="N583595" s="10"/>
    </row>
    <row r="583596" spans="14:14">
      <c r="N583596" s="10"/>
    </row>
    <row r="583597" spans="14:14">
      <c r="N583597" s="10"/>
    </row>
    <row r="583598" spans="14:14">
      <c r="N583598" s="10"/>
    </row>
    <row r="583599" spans="14:14">
      <c r="N583599" s="10"/>
    </row>
    <row r="583600" spans="14:14">
      <c r="N583600" s="10"/>
    </row>
    <row r="583601" spans="14:14">
      <c r="N583601" s="10"/>
    </row>
    <row r="583602" spans="14:14">
      <c r="N583602" s="10"/>
    </row>
    <row r="583603" spans="14:14">
      <c r="N583603" s="10"/>
    </row>
    <row r="583604" spans="14:14">
      <c r="N583604" s="10"/>
    </row>
    <row r="583605" spans="14:14">
      <c r="N583605" s="10"/>
    </row>
    <row r="583606" spans="14:14">
      <c r="N583606" s="10"/>
    </row>
    <row r="583607" spans="14:14">
      <c r="N583607" s="10"/>
    </row>
    <row r="583608" spans="14:14">
      <c r="N583608" s="10"/>
    </row>
    <row r="583609" spans="14:14">
      <c r="N583609" s="10"/>
    </row>
    <row r="583610" spans="14:14">
      <c r="N583610" s="10"/>
    </row>
    <row r="583611" spans="14:14">
      <c r="N583611" s="10"/>
    </row>
    <row r="583612" spans="14:14">
      <c r="N583612" s="10"/>
    </row>
    <row r="583613" spans="14:14">
      <c r="N583613" s="10"/>
    </row>
    <row r="583614" spans="14:14">
      <c r="N583614" s="10"/>
    </row>
    <row r="583615" spans="14:14">
      <c r="N583615" s="10"/>
    </row>
    <row r="583616" spans="14:14">
      <c r="N583616" s="10"/>
    </row>
    <row r="583617" spans="14:14">
      <c r="N583617" s="10"/>
    </row>
    <row r="583618" spans="14:14">
      <c r="N583618" s="10"/>
    </row>
    <row r="583619" spans="14:14">
      <c r="N583619" s="10"/>
    </row>
    <row r="583620" spans="14:14">
      <c r="N583620" s="10"/>
    </row>
    <row r="583621" spans="14:14">
      <c r="N583621" s="10"/>
    </row>
    <row r="583622" spans="14:14">
      <c r="N583622" s="10"/>
    </row>
    <row r="583623" spans="14:14">
      <c r="N583623" s="10"/>
    </row>
    <row r="583624" spans="14:14">
      <c r="N583624" s="10"/>
    </row>
    <row r="583625" spans="14:14">
      <c r="N583625" s="10"/>
    </row>
    <row r="583626" spans="14:14">
      <c r="N583626" s="10"/>
    </row>
    <row r="583627" spans="14:14">
      <c r="N583627" s="10"/>
    </row>
    <row r="583628" spans="14:14">
      <c r="N583628" s="10"/>
    </row>
    <row r="583629" spans="14:14">
      <c r="N583629" s="10"/>
    </row>
    <row r="583630" spans="14:14">
      <c r="N583630" s="10"/>
    </row>
    <row r="583631" spans="14:14">
      <c r="N583631" s="10"/>
    </row>
    <row r="583632" spans="14:14">
      <c r="N583632" s="10"/>
    </row>
    <row r="583633" spans="14:14">
      <c r="N583633" s="10"/>
    </row>
    <row r="583634" spans="14:14">
      <c r="N583634" s="10"/>
    </row>
    <row r="583635" spans="14:14">
      <c r="N583635" s="10"/>
    </row>
    <row r="583636" spans="14:14">
      <c r="N583636" s="10"/>
    </row>
    <row r="583637" spans="14:14">
      <c r="N583637" s="10"/>
    </row>
    <row r="583638" spans="14:14">
      <c r="N583638" s="10"/>
    </row>
    <row r="583639" spans="14:14">
      <c r="N583639" s="10"/>
    </row>
    <row r="583640" spans="14:14">
      <c r="N583640" s="10"/>
    </row>
    <row r="583641" spans="14:14">
      <c r="N583641" s="10"/>
    </row>
    <row r="583642" spans="14:14">
      <c r="N583642" s="10"/>
    </row>
    <row r="583643" spans="14:14">
      <c r="N583643" s="10"/>
    </row>
    <row r="583644" spans="14:14">
      <c r="N583644" s="10"/>
    </row>
    <row r="583645" spans="14:14">
      <c r="N583645" s="10"/>
    </row>
    <row r="583646" spans="14:14">
      <c r="N583646" s="10"/>
    </row>
    <row r="583647" spans="14:14">
      <c r="N583647" s="10"/>
    </row>
    <row r="583648" spans="14:14">
      <c r="N583648" s="10"/>
    </row>
    <row r="583649" spans="14:14">
      <c r="N583649" s="10"/>
    </row>
    <row r="583650" spans="14:14">
      <c r="N583650" s="10"/>
    </row>
    <row r="583651" spans="14:14">
      <c r="N583651" s="10"/>
    </row>
    <row r="583652" spans="14:14">
      <c r="N583652" s="10"/>
    </row>
    <row r="583653" spans="14:14">
      <c r="N583653" s="10"/>
    </row>
    <row r="583654" spans="14:14">
      <c r="N583654" s="10"/>
    </row>
    <row r="583655" spans="14:14">
      <c r="N583655" s="10"/>
    </row>
    <row r="583656" spans="14:14">
      <c r="N583656" s="10"/>
    </row>
    <row r="583657" spans="14:14">
      <c r="N583657" s="10"/>
    </row>
    <row r="583658" spans="14:14">
      <c r="N583658" s="10"/>
    </row>
    <row r="583659" spans="14:14">
      <c r="N583659" s="10"/>
    </row>
    <row r="583660" spans="14:14">
      <c r="N583660" s="10"/>
    </row>
    <row r="583661" spans="14:14">
      <c r="N583661" s="10"/>
    </row>
    <row r="583662" spans="14:14">
      <c r="N583662" s="10"/>
    </row>
    <row r="583663" spans="14:14">
      <c r="N583663" s="10"/>
    </row>
    <row r="583664" spans="14:14">
      <c r="N583664" s="10"/>
    </row>
    <row r="583665" spans="14:14">
      <c r="N583665" s="10"/>
    </row>
    <row r="583666" spans="14:14">
      <c r="N583666" s="10"/>
    </row>
    <row r="583667" spans="14:14">
      <c r="N583667" s="10"/>
    </row>
    <row r="583668" spans="14:14">
      <c r="N583668" s="10"/>
    </row>
    <row r="583669" spans="14:14">
      <c r="N583669" s="10"/>
    </row>
    <row r="583670" spans="14:14">
      <c r="N583670" s="10"/>
    </row>
    <row r="583671" spans="14:14">
      <c r="N583671" s="10"/>
    </row>
    <row r="583672" spans="14:14">
      <c r="N583672" s="10"/>
    </row>
    <row r="583673" spans="14:14">
      <c r="N583673" s="10"/>
    </row>
    <row r="583674" spans="14:14">
      <c r="N583674" s="10"/>
    </row>
    <row r="583675" spans="14:14">
      <c r="N583675" s="10"/>
    </row>
    <row r="583676" spans="14:14">
      <c r="N583676" s="10"/>
    </row>
    <row r="583677" spans="14:14">
      <c r="N583677" s="10"/>
    </row>
    <row r="583678" spans="14:14">
      <c r="N583678" s="10"/>
    </row>
    <row r="583679" spans="14:14">
      <c r="N583679" s="10"/>
    </row>
    <row r="583680" spans="14:14">
      <c r="N583680" s="10"/>
    </row>
    <row r="583681" spans="14:14">
      <c r="N583681" s="10"/>
    </row>
    <row r="583682" spans="14:14">
      <c r="N583682" s="10"/>
    </row>
    <row r="583683" spans="14:14">
      <c r="N583683" s="10"/>
    </row>
    <row r="583684" spans="14:14">
      <c r="N583684" s="10"/>
    </row>
    <row r="583685" spans="14:14">
      <c r="N583685" s="10"/>
    </row>
    <row r="583686" spans="14:14">
      <c r="N583686" s="10"/>
    </row>
    <row r="583687" spans="14:14">
      <c r="N583687" s="10"/>
    </row>
    <row r="583688" spans="14:14">
      <c r="N583688" s="10"/>
    </row>
    <row r="583689" spans="14:14">
      <c r="N583689" s="10"/>
    </row>
    <row r="583690" spans="14:14">
      <c r="N583690" s="10"/>
    </row>
    <row r="583691" spans="14:14">
      <c r="N583691" s="10"/>
    </row>
    <row r="583692" spans="14:14">
      <c r="N583692" s="10"/>
    </row>
    <row r="583693" spans="14:14">
      <c r="N583693" s="10"/>
    </row>
    <row r="583694" spans="14:14">
      <c r="N583694" s="10"/>
    </row>
    <row r="583695" spans="14:14">
      <c r="N583695" s="10"/>
    </row>
    <row r="583696" spans="14:14">
      <c r="N583696" s="10"/>
    </row>
    <row r="583697" spans="14:14">
      <c r="N583697" s="10"/>
    </row>
    <row r="583698" spans="14:14">
      <c r="N583698" s="10"/>
    </row>
    <row r="583699" spans="14:14">
      <c r="N583699" s="10"/>
    </row>
    <row r="583700" spans="14:14">
      <c r="N583700" s="10"/>
    </row>
    <row r="583701" spans="14:14">
      <c r="N583701" s="10"/>
    </row>
    <row r="583702" spans="14:14">
      <c r="N583702" s="10"/>
    </row>
    <row r="583703" spans="14:14">
      <c r="N583703" s="10"/>
    </row>
    <row r="583704" spans="14:14">
      <c r="N583704" s="10"/>
    </row>
    <row r="583705" spans="14:14">
      <c r="N583705" s="10"/>
    </row>
    <row r="583706" spans="14:14">
      <c r="N583706" s="10"/>
    </row>
    <row r="583707" spans="14:14">
      <c r="N583707" s="10"/>
    </row>
    <row r="583708" spans="14:14">
      <c r="N583708" s="10"/>
    </row>
    <row r="583709" spans="14:14">
      <c r="N583709" s="10"/>
    </row>
    <row r="583710" spans="14:14">
      <c r="N583710" s="10"/>
    </row>
    <row r="583711" spans="14:14">
      <c r="N583711" s="10"/>
    </row>
    <row r="583712" spans="14:14">
      <c r="N583712" s="10"/>
    </row>
    <row r="583713" spans="14:14">
      <c r="N583713" s="10"/>
    </row>
    <row r="583714" spans="14:14">
      <c r="N583714" s="10"/>
    </row>
    <row r="583715" spans="14:14">
      <c r="N583715" s="10"/>
    </row>
    <row r="583716" spans="14:14">
      <c r="N583716" s="10"/>
    </row>
    <row r="583717" spans="14:14">
      <c r="N583717" s="10"/>
    </row>
    <row r="583718" spans="14:14">
      <c r="N583718" s="10"/>
    </row>
    <row r="583719" spans="14:14">
      <c r="N583719" s="10"/>
    </row>
    <row r="583720" spans="14:14">
      <c r="N583720" s="10"/>
    </row>
    <row r="583721" spans="14:14">
      <c r="N583721" s="10"/>
    </row>
    <row r="583722" spans="14:14">
      <c r="N583722" s="10"/>
    </row>
    <row r="583723" spans="14:14">
      <c r="N583723" s="10"/>
    </row>
    <row r="583724" spans="14:14">
      <c r="N583724" s="10"/>
    </row>
    <row r="583725" spans="14:14">
      <c r="N583725" s="10"/>
    </row>
    <row r="583726" spans="14:14">
      <c r="N583726" s="10"/>
    </row>
    <row r="583727" spans="14:14">
      <c r="N583727" s="10"/>
    </row>
    <row r="583728" spans="14:14">
      <c r="N583728" s="10"/>
    </row>
    <row r="583729" spans="14:14">
      <c r="N583729" s="10"/>
    </row>
    <row r="583730" spans="14:14">
      <c r="N583730" s="10"/>
    </row>
    <row r="583731" spans="14:14">
      <c r="N583731" s="10"/>
    </row>
    <row r="583732" spans="14:14">
      <c r="N583732" s="10"/>
    </row>
    <row r="583733" spans="14:14">
      <c r="N583733" s="10"/>
    </row>
    <row r="583734" spans="14:14">
      <c r="N583734" s="10"/>
    </row>
    <row r="583735" spans="14:14">
      <c r="N583735" s="10"/>
    </row>
    <row r="583736" spans="14:14">
      <c r="N583736" s="10"/>
    </row>
    <row r="583737" spans="14:14">
      <c r="N583737" s="10"/>
    </row>
    <row r="583738" spans="14:14">
      <c r="N583738" s="10"/>
    </row>
    <row r="583739" spans="14:14">
      <c r="N583739" s="10"/>
    </row>
    <row r="583740" spans="14:14">
      <c r="N583740" s="10"/>
    </row>
    <row r="583741" spans="14:14">
      <c r="N583741" s="10"/>
    </row>
    <row r="583742" spans="14:14">
      <c r="N583742" s="10"/>
    </row>
    <row r="583743" spans="14:14">
      <c r="N583743" s="10"/>
    </row>
    <row r="583744" spans="14:14">
      <c r="N583744" s="10"/>
    </row>
    <row r="583745" spans="14:14">
      <c r="N583745" s="10"/>
    </row>
    <row r="583746" spans="14:14">
      <c r="N583746" s="10"/>
    </row>
    <row r="583747" spans="14:14">
      <c r="N583747" s="10"/>
    </row>
    <row r="583748" spans="14:14">
      <c r="N583748" s="10"/>
    </row>
    <row r="583749" spans="14:14">
      <c r="N583749" s="10"/>
    </row>
    <row r="583750" spans="14:14">
      <c r="N583750" s="10"/>
    </row>
    <row r="583751" spans="14:14">
      <c r="N583751" s="10"/>
    </row>
    <row r="583752" spans="14:14">
      <c r="N583752" s="10"/>
    </row>
    <row r="583753" spans="14:14">
      <c r="N583753" s="10"/>
    </row>
    <row r="583754" spans="14:14">
      <c r="N583754" s="10"/>
    </row>
    <row r="583755" spans="14:14">
      <c r="N583755" s="10"/>
    </row>
    <row r="583756" spans="14:14">
      <c r="N583756" s="10"/>
    </row>
    <row r="583757" spans="14:14">
      <c r="N583757" s="10"/>
    </row>
    <row r="583758" spans="14:14">
      <c r="N583758" s="10"/>
    </row>
    <row r="583759" spans="14:14">
      <c r="N583759" s="10"/>
    </row>
    <row r="583760" spans="14:14">
      <c r="N583760" s="10"/>
    </row>
    <row r="583761" spans="14:14">
      <c r="N583761" s="10"/>
    </row>
    <row r="583762" spans="14:14">
      <c r="N583762" s="10"/>
    </row>
    <row r="583763" spans="14:14">
      <c r="N583763" s="10"/>
    </row>
    <row r="583764" spans="14:14">
      <c r="N583764" s="10"/>
    </row>
    <row r="583765" spans="14:14">
      <c r="N583765" s="10"/>
    </row>
    <row r="583766" spans="14:14">
      <c r="N583766" s="10"/>
    </row>
    <row r="583767" spans="14:14">
      <c r="N583767" s="10"/>
    </row>
    <row r="583768" spans="14:14">
      <c r="N583768" s="10"/>
    </row>
    <row r="583769" spans="14:14">
      <c r="N583769" s="10"/>
    </row>
    <row r="583770" spans="14:14">
      <c r="N583770" s="10"/>
    </row>
    <row r="583771" spans="14:14">
      <c r="N583771" s="10"/>
    </row>
    <row r="583772" spans="14:14">
      <c r="N583772" s="10"/>
    </row>
    <row r="583773" spans="14:14">
      <c r="N583773" s="10"/>
    </row>
    <row r="583774" spans="14:14">
      <c r="N583774" s="10"/>
    </row>
    <row r="583775" spans="14:14">
      <c r="N583775" s="10"/>
    </row>
    <row r="583776" spans="14:14">
      <c r="N583776" s="10"/>
    </row>
    <row r="583777" spans="14:14">
      <c r="N583777" s="10"/>
    </row>
    <row r="583778" spans="14:14">
      <c r="N583778" s="10"/>
    </row>
    <row r="583779" spans="14:14">
      <c r="N583779" s="10"/>
    </row>
    <row r="583780" spans="14:14">
      <c r="N583780" s="10"/>
    </row>
    <row r="583781" spans="14:14">
      <c r="N583781" s="10"/>
    </row>
    <row r="583782" spans="14:14">
      <c r="N583782" s="10"/>
    </row>
    <row r="583783" spans="14:14">
      <c r="N583783" s="10"/>
    </row>
    <row r="583784" spans="14:14">
      <c r="N583784" s="10"/>
    </row>
    <row r="583785" spans="14:14">
      <c r="N583785" s="10"/>
    </row>
    <row r="583786" spans="14:14">
      <c r="N583786" s="10"/>
    </row>
    <row r="583787" spans="14:14">
      <c r="N583787" s="10"/>
    </row>
    <row r="583788" spans="14:14">
      <c r="N583788" s="10"/>
    </row>
    <row r="583789" spans="14:14">
      <c r="N583789" s="10"/>
    </row>
    <row r="583790" spans="14:14">
      <c r="N583790" s="10"/>
    </row>
    <row r="583791" spans="14:14">
      <c r="N583791" s="10"/>
    </row>
    <row r="583792" spans="14:14">
      <c r="N583792" s="10"/>
    </row>
    <row r="583793" spans="14:14">
      <c r="N583793" s="10"/>
    </row>
    <row r="583794" spans="14:14">
      <c r="N583794" s="10"/>
    </row>
    <row r="583795" spans="14:14">
      <c r="N583795" s="10"/>
    </row>
    <row r="583796" spans="14:14">
      <c r="N583796" s="10"/>
    </row>
    <row r="583797" spans="14:14">
      <c r="N583797" s="10"/>
    </row>
    <row r="583798" spans="14:14">
      <c r="N583798" s="10"/>
    </row>
    <row r="583799" spans="14:14">
      <c r="N583799" s="10"/>
    </row>
    <row r="583800" spans="14:14">
      <c r="N583800" s="10"/>
    </row>
    <row r="583801" spans="14:14">
      <c r="N583801" s="10"/>
    </row>
    <row r="583802" spans="14:14">
      <c r="N583802" s="10"/>
    </row>
    <row r="583803" spans="14:14">
      <c r="N583803" s="10"/>
    </row>
    <row r="583804" spans="14:14">
      <c r="N583804" s="10"/>
    </row>
    <row r="583805" spans="14:14">
      <c r="N583805" s="10"/>
    </row>
    <row r="583806" spans="14:14">
      <c r="N583806" s="10"/>
    </row>
    <row r="583807" spans="14:14">
      <c r="N583807" s="10"/>
    </row>
    <row r="583808" spans="14:14">
      <c r="N583808" s="10"/>
    </row>
    <row r="583809" spans="14:14">
      <c r="N583809" s="10"/>
    </row>
    <row r="583810" spans="14:14">
      <c r="N583810" s="10"/>
    </row>
    <row r="583811" spans="14:14">
      <c r="N583811" s="10"/>
    </row>
    <row r="583812" spans="14:14">
      <c r="N583812" s="10"/>
    </row>
    <row r="583813" spans="14:14">
      <c r="N583813" s="10"/>
    </row>
    <row r="583814" spans="14:14">
      <c r="N583814" s="10"/>
    </row>
    <row r="583815" spans="14:14">
      <c r="N583815" s="10"/>
    </row>
    <row r="583816" spans="14:14">
      <c r="N583816" s="10"/>
    </row>
    <row r="583817" spans="14:14">
      <c r="N583817" s="10"/>
    </row>
    <row r="583818" spans="14:14">
      <c r="N583818" s="10"/>
    </row>
    <row r="583819" spans="14:14">
      <c r="N583819" s="10"/>
    </row>
    <row r="583820" spans="14:14">
      <c r="N583820" s="10"/>
    </row>
    <row r="583821" spans="14:14">
      <c r="N583821" s="10"/>
    </row>
    <row r="583822" spans="14:14">
      <c r="N583822" s="10"/>
    </row>
    <row r="583823" spans="14:14">
      <c r="N583823" s="10"/>
    </row>
    <row r="583824" spans="14:14">
      <c r="N583824" s="10"/>
    </row>
    <row r="583825" spans="14:14">
      <c r="N583825" s="10"/>
    </row>
    <row r="583826" spans="14:14">
      <c r="N583826" s="10"/>
    </row>
    <row r="583827" spans="14:14">
      <c r="N583827" s="10"/>
    </row>
    <row r="583828" spans="14:14">
      <c r="N583828" s="10"/>
    </row>
    <row r="583829" spans="14:14">
      <c r="N583829" s="10"/>
    </row>
    <row r="583830" spans="14:14">
      <c r="N583830" s="10"/>
    </row>
    <row r="583831" spans="14:14">
      <c r="N583831" s="10"/>
    </row>
    <row r="583832" spans="14:14">
      <c r="N583832" s="10"/>
    </row>
    <row r="583833" spans="14:14">
      <c r="N583833" s="10"/>
    </row>
    <row r="583834" spans="14:14">
      <c r="N583834" s="10"/>
    </row>
    <row r="583835" spans="14:14">
      <c r="N583835" s="10"/>
    </row>
    <row r="583836" spans="14:14">
      <c r="N583836" s="10"/>
    </row>
    <row r="583837" spans="14:14">
      <c r="N583837" s="10"/>
    </row>
    <row r="583838" spans="14:14">
      <c r="N583838" s="10"/>
    </row>
    <row r="583839" spans="14:14">
      <c r="N583839" s="10"/>
    </row>
    <row r="583840" spans="14:14">
      <c r="N583840" s="10"/>
    </row>
    <row r="583841" spans="14:14">
      <c r="N583841" s="10"/>
    </row>
    <row r="583842" spans="14:14">
      <c r="N583842" s="10"/>
    </row>
    <row r="583843" spans="14:14">
      <c r="N583843" s="10"/>
    </row>
    <row r="583844" spans="14:14">
      <c r="N583844" s="10"/>
    </row>
    <row r="583845" spans="14:14">
      <c r="N583845" s="10"/>
    </row>
    <row r="583846" spans="14:14">
      <c r="N583846" s="10"/>
    </row>
    <row r="583847" spans="14:14">
      <c r="N583847" s="10"/>
    </row>
    <row r="583848" spans="14:14">
      <c r="N583848" s="10"/>
    </row>
    <row r="583849" spans="14:14">
      <c r="N583849" s="10"/>
    </row>
    <row r="583850" spans="14:14">
      <c r="N583850" s="10"/>
    </row>
    <row r="583851" spans="14:14">
      <c r="N583851" s="10"/>
    </row>
    <row r="583852" spans="14:14">
      <c r="N583852" s="10"/>
    </row>
    <row r="583853" spans="14:14">
      <c r="N583853" s="10"/>
    </row>
    <row r="583854" spans="14:14">
      <c r="N583854" s="10"/>
    </row>
    <row r="583855" spans="14:14">
      <c r="N583855" s="10"/>
    </row>
    <row r="583856" spans="14:14">
      <c r="N583856" s="10"/>
    </row>
    <row r="583857" spans="14:14">
      <c r="N583857" s="10"/>
    </row>
    <row r="583858" spans="14:14">
      <c r="N583858" s="10"/>
    </row>
    <row r="583859" spans="14:14">
      <c r="N583859" s="10"/>
    </row>
    <row r="583860" spans="14:14">
      <c r="N583860" s="10"/>
    </row>
    <row r="583861" spans="14:14">
      <c r="N583861" s="10"/>
    </row>
    <row r="583862" spans="14:14">
      <c r="N583862" s="10"/>
    </row>
    <row r="583863" spans="14:14">
      <c r="N583863" s="10"/>
    </row>
    <row r="583864" spans="14:14">
      <c r="N583864" s="10"/>
    </row>
    <row r="583865" spans="14:14">
      <c r="N583865" s="10"/>
    </row>
    <row r="583866" spans="14:14">
      <c r="N583866" s="10"/>
    </row>
    <row r="583867" spans="14:14">
      <c r="N583867" s="10"/>
    </row>
    <row r="583868" spans="14:14">
      <c r="N583868" s="10"/>
    </row>
    <row r="583869" spans="14:14">
      <c r="N583869" s="10"/>
    </row>
    <row r="583870" spans="14:14">
      <c r="N583870" s="10"/>
    </row>
    <row r="583871" spans="14:14">
      <c r="N583871" s="10"/>
    </row>
    <row r="583872" spans="14:14">
      <c r="N583872" s="10"/>
    </row>
    <row r="583873" spans="14:14">
      <c r="N583873" s="10"/>
    </row>
    <row r="583874" spans="14:14">
      <c r="N583874" s="10"/>
    </row>
    <row r="583875" spans="14:14">
      <c r="N583875" s="10"/>
    </row>
    <row r="583876" spans="14:14">
      <c r="N583876" s="10"/>
    </row>
    <row r="583877" spans="14:14">
      <c r="N583877" s="10"/>
    </row>
    <row r="583878" spans="14:14">
      <c r="N583878" s="10"/>
    </row>
    <row r="583879" spans="14:14">
      <c r="N583879" s="10"/>
    </row>
    <row r="583880" spans="14:14">
      <c r="N583880" s="10"/>
    </row>
    <row r="583881" spans="14:14">
      <c r="N583881" s="10"/>
    </row>
    <row r="583882" spans="14:14">
      <c r="N583882" s="10"/>
    </row>
    <row r="583883" spans="14:14">
      <c r="N583883" s="10"/>
    </row>
    <row r="583884" spans="14:14">
      <c r="N583884" s="10"/>
    </row>
    <row r="583885" spans="14:14">
      <c r="N583885" s="10"/>
    </row>
    <row r="583886" spans="14:14">
      <c r="N583886" s="10"/>
    </row>
    <row r="583887" spans="14:14">
      <c r="N583887" s="10"/>
    </row>
    <row r="583888" spans="14:14">
      <c r="N583888" s="10"/>
    </row>
    <row r="583889" spans="14:14">
      <c r="N583889" s="10"/>
    </row>
    <row r="583890" spans="14:14">
      <c r="N583890" s="10"/>
    </row>
    <row r="583891" spans="14:14">
      <c r="N583891" s="10"/>
    </row>
    <row r="583892" spans="14:14">
      <c r="N583892" s="10"/>
    </row>
    <row r="583893" spans="14:14">
      <c r="N583893" s="10"/>
    </row>
    <row r="583894" spans="14:14">
      <c r="N583894" s="10"/>
    </row>
    <row r="583895" spans="14:14">
      <c r="N583895" s="10"/>
    </row>
    <row r="583896" spans="14:14">
      <c r="N583896" s="10"/>
    </row>
    <row r="583897" spans="14:14">
      <c r="N583897" s="10"/>
    </row>
    <row r="583898" spans="14:14">
      <c r="N583898" s="10"/>
    </row>
    <row r="583899" spans="14:14">
      <c r="N583899" s="10"/>
    </row>
    <row r="583900" spans="14:14">
      <c r="N583900" s="10"/>
    </row>
    <row r="583901" spans="14:14">
      <c r="N583901" s="10"/>
    </row>
    <row r="583902" spans="14:14">
      <c r="N583902" s="10"/>
    </row>
    <row r="583903" spans="14:14">
      <c r="N583903" s="10"/>
    </row>
    <row r="583904" spans="14:14">
      <c r="N583904" s="10"/>
    </row>
    <row r="583905" spans="14:14">
      <c r="N583905" s="10"/>
    </row>
    <row r="583906" spans="14:14">
      <c r="N583906" s="10"/>
    </row>
    <row r="583907" spans="14:14">
      <c r="N583907" s="10"/>
    </row>
    <row r="583908" spans="14:14">
      <c r="N583908" s="10"/>
    </row>
    <row r="583909" spans="14:14">
      <c r="N583909" s="10"/>
    </row>
    <row r="583910" spans="14:14">
      <c r="N583910" s="10"/>
    </row>
    <row r="583911" spans="14:14">
      <c r="N583911" s="10"/>
    </row>
    <row r="583912" spans="14:14">
      <c r="N583912" s="10"/>
    </row>
    <row r="583913" spans="14:14">
      <c r="N583913" s="10"/>
    </row>
    <row r="583914" spans="14:14">
      <c r="N583914" s="10"/>
    </row>
    <row r="583915" spans="14:14">
      <c r="N583915" s="10"/>
    </row>
    <row r="583916" spans="14:14">
      <c r="N583916" s="10"/>
    </row>
    <row r="583917" spans="14:14">
      <c r="N583917" s="10"/>
    </row>
    <row r="583918" spans="14:14">
      <c r="N583918" s="10"/>
    </row>
    <row r="583919" spans="14:14">
      <c r="N583919" s="10"/>
    </row>
    <row r="583920" spans="14:14">
      <c r="N583920" s="10"/>
    </row>
    <row r="583921" spans="14:14">
      <c r="N583921" s="10"/>
    </row>
    <row r="583922" spans="14:14">
      <c r="N583922" s="10"/>
    </row>
    <row r="583923" spans="14:14">
      <c r="N583923" s="10"/>
    </row>
    <row r="583924" spans="14:14">
      <c r="N583924" s="10"/>
    </row>
    <row r="583925" spans="14:14">
      <c r="N583925" s="10"/>
    </row>
    <row r="583926" spans="14:14">
      <c r="N583926" s="10"/>
    </row>
    <row r="583927" spans="14:14">
      <c r="N583927" s="10"/>
    </row>
    <row r="583928" spans="14:14">
      <c r="N583928" s="10"/>
    </row>
    <row r="583929" spans="14:14">
      <c r="N583929" s="10"/>
    </row>
    <row r="583930" spans="14:14">
      <c r="N583930" s="10"/>
    </row>
    <row r="583931" spans="14:14">
      <c r="N583931" s="10"/>
    </row>
    <row r="583932" spans="14:14">
      <c r="N583932" s="10"/>
    </row>
    <row r="583933" spans="14:14">
      <c r="N583933" s="10"/>
    </row>
    <row r="583934" spans="14:14">
      <c r="N583934" s="10"/>
    </row>
    <row r="583935" spans="14:14">
      <c r="N583935" s="10"/>
    </row>
    <row r="583936" spans="14:14">
      <c r="N583936" s="10"/>
    </row>
    <row r="583937" spans="14:14">
      <c r="N583937" s="10"/>
    </row>
    <row r="583938" spans="14:14">
      <c r="N583938" s="10"/>
    </row>
    <row r="583939" spans="14:14">
      <c r="N583939" s="10"/>
    </row>
    <row r="583940" spans="14:14">
      <c r="N583940" s="10"/>
    </row>
    <row r="583941" spans="14:14">
      <c r="N583941" s="10"/>
    </row>
    <row r="583942" spans="14:14">
      <c r="N583942" s="10"/>
    </row>
    <row r="583943" spans="14:14">
      <c r="N583943" s="10"/>
    </row>
    <row r="583944" spans="14:14">
      <c r="N583944" s="10"/>
    </row>
    <row r="583945" spans="14:14">
      <c r="N583945" s="10"/>
    </row>
    <row r="583946" spans="14:14">
      <c r="N583946" s="10"/>
    </row>
    <row r="583947" spans="14:14">
      <c r="N583947" s="10"/>
    </row>
    <row r="583948" spans="14:14">
      <c r="N583948" s="10"/>
    </row>
    <row r="583949" spans="14:14">
      <c r="N583949" s="10"/>
    </row>
    <row r="583950" spans="14:14">
      <c r="N583950" s="10"/>
    </row>
    <row r="583951" spans="14:14">
      <c r="N583951" s="10"/>
    </row>
    <row r="583952" spans="14:14">
      <c r="N583952" s="10"/>
    </row>
    <row r="583953" spans="14:14">
      <c r="N583953" s="10"/>
    </row>
    <row r="583954" spans="14:14">
      <c r="N583954" s="10"/>
    </row>
    <row r="583955" spans="14:14">
      <c r="N583955" s="10"/>
    </row>
    <row r="583956" spans="14:14">
      <c r="N583956" s="10"/>
    </row>
    <row r="583957" spans="14:14">
      <c r="N583957" s="10"/>
    </row>
    <row r="583958" spans="14:14">
      <c r="N583958" s="10"/>
    </row>
    <row r="583959" spans="14:14">
      <c r="N583959" s="10"/>
    </row>
    <row r="583960" spans="14:14">
      <c r="N583960" s="10"/>
    </row>
    <row r="583961" spans="14:14">
      <c r="N583961" s="10"/>
    </row>
    <row r="583962" spans="14:14">
      <c r="N583962" s="10"/>
    </row>
    <row r="583963" spans="14:14">
      <c r="N583963" s="10"/>
    </row>
    <row r="583964" spans="14:14">
      <c r="N583964" s="10"/>
    </row>
    <row r="583965" spans="14:14">
      <c r="N583965" s="10"/>
    </row>
    <row r="583966" spans="14:14">
      <c r="N583966" s="10"/>
    </row>
    <row r="583967" spans="14:14">
      <c r="N583967" s="10"/>
    </row>
    <row r="583968" spans="14:14">
      <c r="N583968" s="10"/>
    </row>
    <row r="583969" spans="14:14">
      <c r="N583969" s="10"/>
    </row>
    <row r="583970" spans="14:14">
      <c r="N583970" s="10"/>
    </row>
    <row r="583971" spans="14:14">
      <c r="N583971" s="10"/>
    </row>
    <row r="583972" spans="14:14">
      <c r="N583972" s="10"/>
    </row>
    <row r="583973" spans="14:14">
      <c r="N583973" s="10"/>
    </row>
    <row r="583974" spans="14:14">
      <c r="N583974" s="10"/>
    </row>
    <row r="583975" spans="14:14">
      <c r="N583975" s="10"/>
    </row>
    <row r="583976" spans="14:14">
      <c r="N583976" s="10"/>
    </row>
    <row r="583977" spans="14:14">
      <c r="N583977" s="10"/>
    </row>
    <row r="583978" spans="14:14">
      <c r="N583978" s="10"/>
    </row>
    <row r="583979" spans="14:14">
      <c r="N583979" s="10"/>
    </row>
    <row r="583980" spans="14:14">
      <c r="N583980" s="10"/>
    </row>
    <row r="583981" spans="14:14">
      <c r="N583981" s="10"/>
    </row>
    <row r="583982" spans="14:14">
      <c r="N583982" s="10"/>
    </row>
    <row r="583983" spans="14:14">
      <c r="N583983" s="10"/>
    </row>
    <row r="583984" spans="14:14">
      <c r="N583984" s="10"/>
    </row>
    <row r="583985" spans="14:14">
      <c r="N583985" s="10"/>
    </row>
    <row r="583986" spans="14:14">
      <c r="N583986" s="10"/>
    </row>
    <row r="583987" spans="14:14">
      <c r="N583987" s="10"/>
    </row>
    <row r="583988" spans="14:14">
      <c r="N583988" s="10"/>
    </row>
    <row r="583989" spans="14:14">
      <c r="N583989" s="10"/>
    </row>
    <row r="583990" spans="14:14">
      <c r="N583990" s="10"/>
    </row>
    <row r="583991" spans="14:14">
      <c r="N583991" s="10"/>
    </row>
    <row r="583992" spans="14:14">
      <c r="N583992" s="10"/>
    </row>
    <row r="583993" spans="14:14">
      <c r="N583993" s="10"/>
    </row>
    <row r="583994" spans="14:14">
      <c r="N583994" s="10"/>
    </row>
    <row r="583995" spans="14:14">
      <c r="N583995" s="10"/>
    </row>
    <row r="583996" spans="14:14">
      <c r="N583996" s="10"/>
    </row>
    <row r="583997" spans="14:14">
      <c r="N583997" s="10"/>
    </row>
    <row r="583998" spans="14:14">
      <c r="N583998" s="10"/>
    </row>
    <row r="583999" spans="14:14">
      <c r="N583999" s="10"/>
    </row>
    <row r="584000" spans="14:14">
      <c r="N584000" s="10"/>
    </row>
    <row r="584001" spans="14:14">
      <c r="N584001" s="10"/>
    </row>
    <row r="584002" spans="14:14">
      <c r="N584002" s="10"/>
    </row>
    <row r="584003" spans="14:14">
      <c r="N584003" s="10"/>
    </row>
    <row r="584004" spans="14:14">
      <c r="N584004" s="10"/>
    </row>
    <row r="584005" spans="14:14">
      <c r="N584005" s="10"/>
    </row>
    <row r="584006" spans="14:14">
      <c r="N584006" s="10"/>
    </row>
    <row r="584007" spans="14:14">
      <c r="N584007" s="10"/>
    </row>
    <row r="584008" spans="14:14">
      <c r="N584008" s="10"/>
    </row>
    <row r="584009" spans="14:14">
      <c r="N584009" s="10"/>
    </row>
    <row r="584010" spans="14:14">
      <c r="N584010" s="10"/>
    </row>
    <row r="584011" spans="14:14">
      <c r="N584011" s="10"/>
    </row>
    <row r="584012" spans="14:14">
      <c r="N584012" s="10"/>
    </row>
    <row r="584013" spans="14:14">
      <c r="N584013" s="10"/>
    </row>
    <row r="584014" spans="14:14">
      <c r="N584014" s="10"/>
    </row>
    <row r="584015" spans="14:14">
      <c r="N584015" s="10"/>
    </row>
    <row r="584016" spans="14:14">
      <c r="N584016" s="10"/>
    </row>
    <row r="584017" spans="14:14">
      <c r="N584017" s="10"/>
    </row>
    <row r="584018" spans="14:14">
      <c r="N584018" s="10"/>
    </row>
    <row r="584019" spans="14:14">
      <c r="N584019" s="10"/>
    </row>
    <row r="584020" spans="14:14">
      <c r="N584020" s="10"/>
    </row>
    <row r="584021" spans="14:14">
      <c r="N584021" s="10"/>
    </row>
    <row r="584022" spans="14:14">
      <c r="N584022" s="10"/>
    </row>
    <row r="584023" spans="14:14">
      <c r="N584023" s="10"/>
    </row>
    <row r="584024" spans="14:14">
      <c r="N584024" s="10"/>
    </row>
    <row r="584025" spans="14:14">
      <c r="N584025" s="10"/>
    </row>
    <row r="584026" spans="14:14">
      <c r="N584026" s="10"/>
    </row>
    <row r="584027" spans="14:14">
      <c r="N584027" s="10"/>
    </row>
    <row r="584028" spans="14:14">
      <c r="N584028" s="10"/>
    </row>
    <row r="584029" spans="14:14">
      <c r="N584029" s="10"/>
    </row>
    <row r="584030" spans="14:14">
      <c r="N584030" s="10"/>
    </row>
    <row r="584031" spans="14:14">
      <c r="N584031" s="10"/>
    </row>
    <row r="584032" spans="14:14">
      <c r="N584032" s="10"/>
    </row>
    <row r="584033" spans="14:14">
      <c r="N584033" s="10"/>
    </row>
    <row r="584034" spans="14:14">
      <c r="N584034" s="10"/>
    </row>
    <row r="584035" spans="14:14">
      <c r="N584035" s="10"/>
    </row>
    <row r="584036" spans="14:14">
      <c r="N584036" s="10"/>
    </row>
    <row r="584037" spans="14:14">
      <c r="N584037" s="10"/>
    </row>
    <row r="584038" spans="14:14">
      <c r="N584038" s="10"/>
    </row>
    <row r="584039" spans="14:14">
      <c r="N584039" s="10"/>
    </row>
    <row r="584040" spans="14:14">
      <c r="N584040" s="10"/>
    </row>
    <row r="584041" spans="14:14">
      <c r="N584041" s="10"/>
    </row>
    <row r="584042" spans="14:14">
      <c r="N584042" s="10"/>
    </row>
    <row r="584043" spans="14:14">
      <c r="N584043" s="10"/>
    </row>
    <row r="584044" spans="14:14">
      <c r="N584044" s="10"/>
    </row>
    <row r="584045" spans="14:14">
      <c r="N584045" s="10"/>
    </row>
    <row r="584046" spans="14:14">
      <c r="N584046" s="10"/>
    </row>
    <row r="584047" spans="14:14">
      <c r="N584047" s="10"/>
    </row>
    <row r="584048" spans="14:14">
      <c r="N584048" s="10"/>
    </row>
    <row r="584049" spans="14:14">
      <c r="N584049" s="10"/>
    </row>
    <row r="584050" spans="14:14">
      <c r="N584050" s="10"/>
    </row>
    <row r="584051" spans="14:14">
      <c r="N584051" s="10"/>
    </row>
    <row r="584052" spans="14:14">
      <c r="N584052" s="10"/>
    </row>
    <row r="584053" spans="14:14">
      <c r="N584053" s="10"/>
    </row>
    <row r="584054" spans="14:14">
      <c r="N584054" s="10"/>
    </row>
    <row r="584055" spans="14:14">
      <c r="N584055" s="10"/>
    </row>
    <row r="584056" spans="14:14">
      <c r="N584056" s="10"/>
    </row>
    <row r="584057" spans="14:14">
      <c r="N584057" s="10"/>
    </row>
    <row r="584058" spans="14:14">
      <c r="N584058" s="10"/>
    </row>
    <row r="584059" spans="14:14">
      <c r="N584059" s="10"/>
    </row>
    <row r="584060" spans="14:14">
      <c r="N584060" s="10"/>
    </row>
    <row r="584061" spans="14:14">
      <c r="N584061" s="10"/>
    </row>
    <row r="584062" spans="14:14">
      <c r="N584062" s="10"/>
    </row>
    <row r="584063" spans="14:14">
      <c r="N584063" s="10"/>
    </row>
    <row r="584064" spans="14:14">
      <c r="N584064" s="10"/>
    </row>
    <row r="584065" spans="14:14">
      <c r="N584065" s="10"/>
    </row>
    <row r="584066" spans="14:14">
      <c r="N584066" s="10"/>
    </row>
    <row r="584067" spans="14:14">
      <c r="N584067" s="10"/>
    </row>
    <row r="584068" spans="14:14">
      <c r="N584068" s="10"/>
    </row>
    <row r="584069" spans="14:14">
      <c r="N584069" s="10"/>
    </row>
    <row r="584070" spans="14:14">
      <c r="N584070" s="10"/>
    </row>
    <row r="584071" spans="14:14">
      <c r="N584071" s="10"/>
    </row>
    <row r="584072" spans="14:14">
      <c r="N584072" s="10"/>
    </row>
    <row r="584073" spans="14:14">
      <c r="N584073" s="10"/>
    </row>
    <row r="584074" spans="14:14">
      <c r="N584074" s="10"/>
    </row>
    <row r="584075" spans="14:14">
      <c r="N584075" s="10"/>
    </row>
    <row r="584076" spans="14:14">
      <c r="N584076" s="10"/>
    </row>
    <row r="584077" spans="14:14">
      <c r="N584077" s="10"/>
    </row>
    <row r="584078" spans="14:14">
      <c r="N584078" s="10"/>
    </row>
    <row r="584079" spans="14:14">
      <c r="N584079" s="10"/>
    </row>
    <row r="584080" spans="14:14">
      <c r="N584080" s="10"/>
    </row>
    <row r="584081" spans="14:14">
      <c r="N584081" s="10"/>
    </row>
    <row r="584082" spans="14:14">
      <c r="N584082" s="10"/>
    </row>
    <row r="584083" spans="14:14">
      <c r="N584083" s="10"/>
    </row>
    <row r="584084" spans="14:14">
      <c r="N584084" s="10"/>
    </row>
    <row r="584085" spans="14:14">
      <c r="N584085" s="10"/>
    </row>
    <row r="584086" spans="14:14">
      <c r="N584086" s="10"/>
    </row>
    <row r="584087" spans="14:14">
      <c r="N584087" s="10"/>
    </row>
    <row r="584088" spans="14:14">
      <c r="N584088" s="10"/>
    </row>
    <row r="584089" spans="14:14">
      <c r="N584089" s="10"/>
    </row>
    <row r="584090" spans="14:14">
      <c r="N584090" s="10"/>
    </row>
    <row r="584091" spans="14:14">
      <c r="N584091" s="10"/>
    </row>
    <row r="584092" spans="14:14">
      <c r="N584092" s="10"/>
    </row>
    <row r="584093" spans="14:14">
      <c r="N584093" s="10"/>
    </row>
    <row r="584094" spans="14:14">
      <c r="N584094" s="10"/>
    </row>
    <row r="584095" spans="14:14">
      <c r="N584095" s="10"/>
    </row>
    <row r="584096" spans="14:14">
      <c r="N584096" s="10"/>
    </row>
    <row r="584097" spans="14:14">
      <c r="N584097" s="10"/>
    </row>
    <row r="584098" spans="14:14">
      <c r="N584098" s="10"/>
    </row>
    <row r="584099" spans="14:14">
      <c r="N584099" s="10"/>
    </row>
    <row r="584100" spans="14:14">
      <c r="N584100" s="10"/>
    </row>
    <row r="584101" spans="14:14">
      <c r="N584101" s="10"/>
    </row>
    <row r="584102" spans="14:14">
      <c r="N584102" s="10"/>
    </row>
    <row r="584103" spans="14:14">
      <c r="N584103" s="10"/>
    </row>
    <row r="584104" spans="14:14">
      <c r="N584104" s="10"/>
    </row>
    <row r="584105" spans="14:14">
      <c r="N584105" s="10"/>
    </row>
    <row r="584106" spans="14:14">
      <c r="N584106" s="10"/>
    </row>
    <row r="584107" spans="14:14">
      <c r="N584107" s="10"/>
    </row>
    <row r="584108" spans="14:14">
      <c r="N584108" s="10"/>
    </row>
    <row r="584109" spans="14:14">
      <c r="N584109" s="10"/>
    </row>
    <row r="584110" spans="14:14">
      <c r="N584110" s="10"/>
    </row>
    <row r="584111" spans="14:14">
      <c r="N584111" s="10"/>
    </row>
    <row r="584112" spans="14:14">
      <c r="N584112" s="10"/>
    </row>
    <row r="584113" spans="14:14">
      <c r="N584113" s="10"/>
    </row>
    <row r="584114" spans="14:14">
      <c r="N584114" s="10"/>
    </row>
    <row r="584115" spans="14:14">
      <c r="N584115" s="10"/>
    </row>
    <row r="584116" spans="14:14">
      <c r="N584116" s="10"/>
    </row>
    <row r="584117" spans="14:14">
      <c r="N584117" s="10"/>
    </row>
    <row r="584118" spans="14:14">
      <c r="N584118" s="10"/>
    </row>
    <row r="584119" spans="14:14">
      <c r="N584119" s="10"/>
    </row>
    <row r="584120" spans="14:14">
      <c r="N584120" s="10"/>
    </row>
    <row r="584121" spans="14:14">
      <c r="N584121" s="10"/>
    </row>
    <row r="584122" spans="14:14">
      <c r="N584122" s="10"/>
    </row>
    <row r="584123" spans="14:14">
      <c r="N584123" s="10"/>
    </row>
    <row r="584124" spans="14:14">
      <c r="N584124" s="10"/>
    </row>
    <row r="584125" spans="14:14">
      <c r="N584125" s="10"/>
    </row>
    <row r="584126" spans="14:14">
      <c r="N584126" s="10"/>
    </row>
    <row r="584127" spans="14:14">
      <c r="N584127" s="10"/>
    </row>
    <row r="584128" spans="14:14">
      <c r="N584128" s="10"/>
    </row>
    <row r="584129" spans="14:14">
      <c r="N584129" s="10"/>
    </row>
    <row r="584130" spans="14:14">
      <c r="N584130" s="10"/>
    </row>
    <row r="584131" spans="14:14">
      <c r="N584131" s="10"/>
    </row>
    <row r="584132" spans="14:14">
      <c r="N584132" s="10"/>
    </row>
    <row r="584133" spans="14:14">
      <c r="N584133" s="10"/>
    </row>
    <row r="584134" spans="14:14">
      <c r="N584134" s="10"/>
    </row>
    <row r="584135" spans="14:14">
      <c r="N584135" s="10"/>
    </row>
    <row r="584136" spans="14:14">
      <c r="N584136" s="10"/>
    </row>
    <row r="584137" spans="14:14">
      <c r="N584137" s="10"/>
    </row>
    <row r="584138" spans="14:14">
      <c r="N584138" s="10"/>
    </row>
    <row r="584139" spans="14:14">
      <c r="N584139" s="10"/>
    </row>
    <row r="584140" spans="14:14">
      <c r="N584140" s="10"/>
    </row>
    <row r="584141" spans="14:14">
      <c r="N584141" s="10"/>
    </row>
    <row r="584142" spans="14:14">
      <c r="N584142" s="10"/>
    </row>
    <row r="584143" spans="14:14">
      <c r="N584143" s="10"/>
    </row>
    <row r="584144" spans="14:14">
      <c r="N584144" s="10"/>
    </row>
    <row r="584145" spans="14:14">
      <c r="N584145" s="10"/>
    </row>
    <row r="584146" spans="14:14">
      <c r="N584146" s="10"/>
    </row>
    <row r="584147" spans="14:14">
      <c r="N584147" s="10"/>
    </row>
    <row r="584148" spans="14:14">
      <c r="N584148" s="10"/>
    </row>
    <row r="584149" spans="14:14">
      <c r="N584149" s="10"/>
    </row>
    <row r="584150" spans="14:14">
      <c r="N584150" s="10"/>
    </row>
    <row r="584151" spans="14:14">
      <c r="N584151" s="10"/>
    </row>
    <row r="584152" spans="14:14">
      <c r="N584152" s="10"/>
    </row>
    <row r="584153" spans="14:14">
      <c r="N584153" s="10"/>
    </row>
    <row r="584154" spans="14:14">
      <c r="N584154" s="10"/>
    </row>
    <row r="584155" spans="14:14">
      <c r="N584155" s="10"/>
    </row>
    <row r="584156" spans="14:14">
      <c r="N584156" s="10"/>
    </row>
    <row r="584157" spans="14:14">
      <c r="N584157" s="10"/>
    </row>
    <row r="584158" spans="14:14">
      <c r="N584158" s="10"/>
    </row>
    <row r="584159" spans="14:14">
      <c r="N584159" s="10"/>
    </row>
    <row r="584160" spans="14:14">
      <c r="N584160" s="10"/>
    </row>
    <row r="584161" spans="14:14">
      <c r="N584161" s="10"/>
    </row>
    <row r="584162" spans="14:14">
      <c r="N584162" s="10"/>
    </row>
    <row r="584163" spans="14:14">
      <c r="N584163" s="10"/>
    </row>
    <row r="584164" spans="14:14">
      <c r="N584164" s="10"/>
    </row>
    <row r="584165" spans="14:14">
      <c r="N584165" s="10"/>
    </row>
    <row r="584166" spans="14:14">
      <c r="N584166" s="10"/>
    </row>
    <row r="584167" spans="14:14">
      <c r="N584167" s="10"/>
    </row>
    <row r="584168" spans="14:14">
      <c r="N584168" s="10"/>
    </row>
    <row r="584169" spans="14:14">
      <c r="N584169" s="10"/>
    </row>
    <row r="584170" spans="14:14">
      <c r="N584170" s="10"/>
    </row>
    <row r="584171" spans="14:14">
      <c r="N584171" s="10"/>
    </row>
    <row r="584172" spans="14:14">
      <c r="N584172" s="10"/>
    </row>
    <row r="584173" spans="14:14">
      <c r="N584173" s="10"/>
    </row>
    <row r="584174" spans="14:14">
      <c r="N584174" s="10"/>
    </row>
    <row r="584175" spans="14:14">
      <c r="N584175" s="10"/>
    </row>
    <row r="584176" spans="14:14">
      <c r="N584176" s="10"/>
    </row>
    <row r="584177" spans="14:14">
      <c r="N584177" s="10"/>
    </row>
    <row r="584178" spans="14:14">
      <c r="N584178" s="10"/>
    </row>
    <row r="584179" spans="14:14">
      <c r="N584179" s="10"/>
    </row>
    <row r="584180" spans="14:14">
      <c r="N584180" s="10"/>
    </row>
    <row r="584181" spans="14:14">
      <c r="N584181" s="10"/>
    </row>
    <row r="584182" spans="14:14">
      <c r="N584182" s="10"/>
    </row>
    <row r="584183" spans="14:14">
      <c r="N584183" s="10"/>
    </row>
    <row r="584184" spans="14:14">
      <c r="N584184" s="10"/>
    </row>
    <row r="584185" spans="14:14">
      <c r="N584185" s="10"/>
    </row>
    <row r="584186" spans="14:14">
      <c r="N584186" s="10"/>
    </row>
    <row r="584187" spans="14:14">
      <c r="N584187" s="10"/>
    </row>
    <row r="584188" spans="14:14">
      <c r="N584188" s="10"/>
    </row>
    <row r="584189" spans="14:14">
      <c r="N584189" s="10"/>
    </row>
    <row r="584190" spans="14:14">
      <c r="N584190" s="10"/>
    </row>
    <row r="584191" spans="14:14">
      <c r="N584191" s="10"/>
    </row>
    <row r="584192" spans="14:14">
      <c r="N584192" s="10"/>
    </row>
    <row r="584193" spans="14:14">
      <c r="N584193" s="10"/>
    </row>
    <row r="584194" spans="14:14">
      <c r="N584194" s="10"/>
    </row>
    <row r="584195" spans="14:14">
      <c r="N584195" s="10"/>
    </row>
    <row r="584196" spans="14:14">
      <c r="N584196" s="10"/>
    </row>
    <row r="584197" spans="14:14">
      <c r="N584197" s="10"/>
    </row>
    <row r="584198" spans="14:14">
      <c r="N584198" s="10"/>
    </row>
    <row r="584199" spans="14:14">
      <c r="N584199" s="10"/>
    </row>
    <row r="584200" spans="14:14">
      <c r="N584200" s="10"/>
    </row>
    <row r="584201" spans="14:14">
      <c r="N584201" s="10"/>
    </row>
    <row r="584202" spans="14:14">
      <c r="N584202" s="10"/>
    </row>
    <row r="584203" spans="14:14">
      <c r="N584203" s="10"/>
    </row>
    <row r="584204" spans="14:14">
      <c r="N584204" s="10"/>
    </row>
    <row r="584205" spans="14:14">
      <c r="N584205" s="10"/>
    </row>
    <row r="584206" spans="14:14">
      <c r="N584206" s="10"/>
    </row>
    <row r="584207" spans="14:14">
      <c r="N584207" s="10"/>
    </row>
    <row r="584208" spans="14:14">
      <c r="N584208" s="10"/>
    </row>
    <row r="584209" spans="14:14">
      <c r="N584209" s="10"/>
    </row>
    <row r="584210" spans="14:14">
      <c r="N584210" s="10"/>
    </row>
    <row r="584211" spans="14:14">
      <c r="N584211" s="10"/>
    </row>
    <row r="584212" spans="14:14">
      <c r="N584212" s="10"/>
    </row>
    <row r="584213" spans="14:14">
      <c r="N584213" s="10"/>
    </row>
    <row r="584214" spans="14:14">
      <c r="N584214" s="10"/>
    </row>
    <row r="584215" spans="14:14">
      <c r="N584215" s="10"/>
    </row>
    <row r="584216" spans="14:14">
      <c r="N584216" s="10"/>
    </row>
    <row r="584217" spans="14:14">
      <c r="N584217" s="10"/>
    </row>
    <row r="584218" spans="14:14">
      <c r="N584218" s="10"/>
    </row>
    <row r="584219" spans="14:14">
      <c r="N584219" s="10"/>
    </row>
    <row r="584220" spans="14:14">
      <c r="N584220" s="10"/>
    </row>
    <row r="584221" spans="14:14">
      <c r="N584221" s="10"/>
    </row>
    <row r="584222" spans="14:14">
      <c r="N584222" s="10"/>
    </row>
    <row r="584223" spans="14:14">
      <c r="N584223" s="10"/>
    </row>
    <row r="584224" spans="14:14">
      <c r="N584224" s="10"/>
    </row>
    <row r="584225" spans="14:14">
      <c r="N584225" s="10"/>
    </row>
    <row r="584226" spans="14:14">
      <c r="N584226" s="10"/>
    </row>
    <row r="584227" spans="14:14">
      <c r="N584227" s="10"/>
    </row>
    <row r="584228" spans="14:14">
      <c r="N584228" s="10"/>
    </row>
    <row r="584229" spans="14:14">
      <c r="N584229" s="10"/>
    </row>
    <row r="584230" spans="14:14">
      <c r="N584230" s="10"/>
    </row>
    <row r="584231" spans="14:14">
      <c r="N584231" s="10"/>
    </row>
    <row r="584232" spans="14:14">
      <c r="N584232" s="10"/>
    </row>
    <row r="584233" spans="14:14">
      <c r="N584233" s="10"/>
    </row>
    <row r="584234" spans="14:14">
      <c r="N584234" s="10"/>
    </row>
    <row r="584235" spans="14:14">
      <c r="N584235" s="10"/>
    </row>
    <row r="584236" spans="14:14">
      <c r="N584236" s="10"/>
    </row>
    <row r="584237" spans="14:14">
      <c r="N584237" s="10"/>
    </row>
    <row r="584238" spans="14:14">
      <c r="N584238" s="10"/>
    </row>
    <row r="584239" spans="14:14">
      <c r="N584239" s="10"/>
    </row>
    <row r="584240" spans="14:14">
      <c r="N584240" s="10"/>
    </row>
    <row r="584241" spans="14:14">
      <c r="N584241" s="10"/>
    </row>
    <row r="584242" spans="14:14">
      <c r="N584242" s="10"/>
    </row>
    <row r="584243" spans="14:14">
      <c r="N584243" s="10"/>
    </row>
    <row r="584244" spans="14:14">
      <c r="N584244" s="10"/>
    </row>
    <row r="584245" spans="14:14">
      <c r="N584245" s="10"/>
    </row>
    <row r="584246" spans="14:14">
      <c r="N584246" s="10"/>
    </row>
    <row r="584247" spans="14:14">
      <c r="N584247" s="10"/>
    </row>
    <row r="584248" spans="14:14">
      <c r="N584248" s="10"/>
    </row>
    <row r="584249" spans="14:14">
      <c r="N584249" s="10"/>
    </row>
    <row r="584250" spans="14:14">
      <c r="N584250" s="10"/>
    </row>
    <row r="584251" spans="14:14">
      <c r="N584251" s="10"/>
    </row>
    <row r="584252" spans="14:14">
      <c r="N584252" s="10"/>
    </row>
    <row r="584253" spans="14:14">
      <c r="N584253" s="10"/>
    </row>
    <row r="584254" spans="14:14">
      <c r="N584254" s="10"/>
    </row>
    <row r="584255" spans="14:14">
      <c r="N584255" s="10"/>
    </row>
    <row r="584256" spans="14:14">
      <c r="N584256" s="10"/>
    </row>
    <row r="584257" spans="14:14">
      <c r="N584257" s="10"/>
    </row>
    <row r="584258" spans="14:14">
      <c r="N584258" s="10"/>
    </row>
    <row r="584259" spans="14:14">
      <c r="N584259" s="10"/>
    </row>
    <row r="584260" spans="14:14">
      <c r="N584260" s="10"/>
    </row>
    <row r="584261" spans="14:14">
      <c r="N584261" s="10"/>
    </row>
    <row r="584262" spans="14:14">
      <c r="N584262" s="10"/>
    </row>
    <row r="584263" spans="14:14">
      <c r="N584263" s="10"/>
    </row>
    <row r="584264" spans="14:14">
      <c r="N584264" s="10"/>
    </row>
    <row r="584265" spans="14:14">
      <c r="N584265" s="10"/>
    </row>
    <row r="584266" spans="14:14">
      <c r="N584266" s="10"/>
    </row>
    <row r="584267" spans="14:14">
      <c r="N584267" s="10"/>
    </row>
    <row r="584268" spans="14:14">
      <c r="N584268" s="10"/>
    </row>
    <row r="584269" spans="14:14">
      <c r="N584269" s="10"/>
    </row>
    <row r="584270" spans="14:14">
      <c r="N584270" s="10"/>
    </row>
    <row r="584271" spans="14:14">
      <c r="N584271" s="10"/>
    </row>
    <row r="584272" spans="14:14">
      <c r="N584272" s="10"/>
    </row>
    <row r="584273" spans="14:14">
      <c r="N584273" s="10"/>
    </row>
    <row r="584274" spans="14:14">
      <c r="N584274" s="10"/>
    </row>
    <row r="584275" spans="14:14">
      <c r="N584275" s="10"/>
    </row>
    <row r="584276" spans="14:14">
      <c r="N584276" s="10"/>
    </row>
    <row r="584277" spans="14:14">
      <c r="N584277" s="10"/>
    </row>
    <row r="584278" spans="14:14">
      <c r="N584278" s="10"/>
    </row>
    <row r="584279" spans="14:14">
      <c r="N584279" s="10"/>
    </row>
    <row r="584280" spans="14:14">
      <c r="N584280" s="10"/>
    </row>
    <row r="584281" spans="14:14">
      <c r="N584281" s="10"/>
    </row>
    <row r="584282" spans="14:14">
      <c r="N584282" s="10"/>
    </row>
    <row r="584283" spans="14:14">
      <c r="N584283" s="10"/>
    </row>
    <row r="584284" spans="14:14">
      <c r="N584284" s="10"/>
    </row>
    <row r="584285" spans="14:14">
      <c r="N584285" s="10"/>
    </row>
    <row r="584286" spans="14:14">
      <c r="N584286" s="10"/>
    </row>
    <row r="584287" spans="14:14">
      <c r="N584287" s="10"/>
    </row>
    <row r="584288" spans="14:14">
      <c r="N584288" s="10"/>
    </row>
    <row r="584289" spans="14:14">
      <c r="N584289" s="10"/>
    </row>
    <row r="584290" spans="14:14">
      <c r="N584290" s="10"/>
    </row>
    <row r="584291" spans="14:14">
      <c r="N584291" s="10"/>
    </row>
    <row r="584292" spans="14:14">
      <c r="N584292" s="10"/>
    </row>
    <row r="584293" spans="14:14">
      <c r="N584293" s="10"/>
    </row>
    <row r="584294" spans="14:14">
      <c r="N584294" s="10"/>
    </row>
    <row r="584295" spans="14:14">
      <c r="N584295" s="10"/>
    </row>
    <row r="584296" spans="14:14">
      <c r="N584296" s="10"/>
    </row>
    <row r="584297" spans="14:14">
      <c r="N584297" s="10"/>
    </row>
    <row r="584298" spans="14:14">
      <c r="N584298" s="10"/>
    </row>
    <row r="584299" spans="14:14">
      <c r="N584299" s="10"/>
    </row>
    <row r="584300" spans="14:14">
      <c r="N584300" s="10"/>
    </row>
    <row r="584301" spans="14:14">
      <c r="N584301" s="10"/>
    </row>
    <row r="584302" spans="14:14">
      <c r="N584302" s="10"/>
    </row>
    <row r="584303" spans="14:14">
      <c r="N584303" s="10"/>
    </row>
    <row r="584304" spans="14:14">
      <c r="N584304" s="10"/>
    </row>
    <row r="584305" spans="14:14">
      <c r="N584305" s="10"/>
    </row>
    <row r="584306" spans="14:14">
      <c r="N584306" s="10"/>
    </row>
    <row r="584307" spans="14:14">
      <c r="N584307" s="10"/>
    </row>
    <row r="584308" spans="14:14">
      <c r="N584308" s="10"/>
    </row>
    <row r="584309" spans="14:14">
      <c r="N584309" s="10"/>
    </row>
    <row r="584310" spans="14:14">
      <c r="N584310" s="10"/>
    </row>
    <row r="584311" spans="14:14">
      <c r="N584311" s="10"/>
    </row>
    <row r="584312" spans="14:14">
      <c r="N584312" s="10"/>
    </row>
    <row r="584313" spans="14:14">
      <c r="N584313" s="10"/>
    </row>
    <row r="584314" spans="14:14">
      <c r="N584314" s="10"/>
    </row>
    <row r="584315" spans="14:14">
      <c r="N584315" s="10"/>
    </row>
    <row r="584316" spans="14:14">
      <c r="N584316" s="10"/>
    </row>
    <row r="584317" spans="14:14">
      <c r="N584317" s="10"/>
    </row>
    <row r="584318" spans="14:14">
      <c r="N584318" s="10"/>
    </row>
    <row r="584319" spans="14:14">
      <c r="N584319" s="10"/>
    </row>
    <row r="584320" spans="14:14">
      <c r="N584320" s="10"/>
    </row>
    <row r="584321" spans="14:14">
      <c r="N584321" s="10"/>
    </row>
    <row r="584322" spans="14:14">
      <c r="N584322" s="10"/>
    </row>
    <row r="584323" spans="14:14">
      <c r="N584323" s="10"/>
    </row>
    <row r="584324" spans="14:14">
      <c r="N584324" s="10"/>
    </row>
    <row r="584325" spans="14:14">
      <c r="N584325" s="10"/>
    </row>
    <row r="584326" spans="14:14">
      <c r="N584326" s="10"/>
    </row>
    <row r="584327" spans="14:14">
      <c r="N584327" s="10"/>
    </row>
    <row r="584328" spans="14:14">
      <c r="N584328" s="10"/>
    </row>
    <row r="584329" spans="14:14">
      <c r="N584329" s="10"/>
    </row>
    <row r="584330" spans="14:14">
      <c r="N584330" s="10"/>
    </row>
    <row r="584331" spans="14:14">
      <c r="N584331" s="10"/>
    </row>
    <row r="584332" spans="14:14">
      <c r="N584332" s="10"/>
    </row>
    <row r="584333" spans="14:14">
      <c r="N584333" s="10"/>
    </row>
    <row r="584334" spans="14:14">
      <c r="N584334" s="10"/>
    </row>
    <row r="584335" spans="14:14">
      <c r="N584335" s="10"/>
    </row>
    <row r="584336" spans="14:14">
      <c r="N584336" s="10"/>
    </row>
    <row r="584337" spans="14:14">
      <c r="N584337" s="10"/>
    </row>
    <row r="584338" spans="14:14">
      <c r="N584338" s="10"/>
    </row>
    <row r="584339" spans="14:14">
      <c r="N584339" s="10"/>
    </row>
    <row r="584340" spans="14:14">
      <c r="N584340" s="10"/>
    </row>
    <row r="584341" spans="14:14">
      <c r="N584341" s="10"/>
    </row>
    <row r="584342" spans="14:14">
      <c r="N584342" s="10"/>
    </row>
    <row r="584343" spans="14:14">
      <c r="N584343" s="10"/>
    </row>
    <row r="584344" spans="14:14">
      <c r="N584344" s="10"/>
    </row>
    <row r="584345" spans="14:14">
      <c r="N584345" s="10"/>
    </row>
    <row r="584346" spans="14:14">
      <c r="N584346" s="10"/>
    </row>
    <row r="584347" spans="14:14">
      <c r="N584347" s="10"/>
    </row>
    <row r="584348" spans="14:14">
      <c r="N584348" s="10"/>
    </row>
    <row r="584349" spans="14:14">
      <c r="N584349" s="10"/>
    </row>
    <row r="584350" spans="14:14">
      <c r="N584350" s="10"/>
    </row>
    <row r="584351" spans="14:14">
      <c r="N584351" s="10"/>
    </row>
    <row r="584352" spans="14:14">
      <c r="N584352" s="10"/>
    </row>
    <row r="584353" spans="14:14">
      <c r="N584353" s="10"/>
    </row>
    <row r="584354" spans="14:14">
      <c r="N584354" s="10"/>
    </row>
    <row r="584355" spans="14:14">
      <c r="N584355" s="10"/>
    </row>
    <row r="584356" spans="14:14">
      <c r="N584356" s="10"/>
    </row>
    <row r="584357" spans="14:14">
      <c r="N584357" s="10"/>
    </row>
    <row r="584358" spans="14:14">
      <c r="N584358" s="10"/>
    </row>
    <row r="584359" spans="14:14">
      <c r="N584359" s="10"/>
    </row>
    <row r="584360" spans="14:14">
      <c r="N584360" s="10"/>
    </row>
    <row r="584361" spans="14:14">
      <c r="N584361" s="10"/>
    </row>
    <row r="584362" spans="14:14">
      <c r="N584362" s="10"/>
    </row>
    <row r="584363" spans="14:14">
      <c r="N584363" s="10"/>
    </row>
    <row r="584364" spans="14:14">
      <c r="N584364" s="10"/>
    </row>
    <row r="584365" spans="14:14">
      <c r="N584365" s="10"/>
    </row>
    <row r="584366" spans="14:14">
      <c r="N584366" s="10"/>
    </row>
    <row r="584367" spans="14:14">
      <c r="N584367" s="10"/>
    </row>
    <row r="584368" spans="14:14">
      <c r="N584368" s="10"/>
    </row>
    <row r="584369" spans="14:14">
      <c r="N584369" s="10"/>
    </row>
    <row r="584370" spans="14:14">
      <c r="N584370" s="10"/>
    </row>
    <row r="584371" spans="14:14">
      <c r="N584371" s="10"/>
    </row>
    <row r="584372" spans="14:14">
      <c r="N584372" s="10"/>
    </row>
    <row r="584373" spans="14:14">
      <c r="N584373" s="10"/>
    </row>
    <row r="584374" spans="14:14">
      <c r="N584374" s="10"/>
    </row>
    <row r="584375" spans="14:14">
      <c r="N584375" s="10"/>
    </row>
    <row r="584376" spans="14:14">
      <c r="N584376" s="10"/>
    </row>
    <row r="584377" spans="14:14">
      <c r="N584377" s="10"/>
    </row>
    <row r="584378" spans="14:14">
      <c r="N584378" s="10"/>
    </row>
    <row r="584379" spans="14:14">
      <c r="N584379" s="10"/>
    </row>
    <row r="584380" spans="14:14">
      <c r="N584380" s="10"/>
    </row>
    <row r="584381" spans="14:14">
      <c r="N584381" s="10"/>
    </row>
    <row r="584382" spans="14:14">
      <c r="N584382" s="10"/>
    </row>
    <row r="584383" spans="14:14">
      <c r="N584383" s="10"/>
    </row>
    <row r="584384" spans="14:14">
      <c r="N584384" s="10"/>
    </row>
    <row r="584385" spans="14:14">
      <c r="N584385" s="10"/>
    </row>
    <row r="584386" spans="14:14">
      <c r="N584386" s="10"/>
    </row>
    <row r="584387" spans="14:14">
      <c r="N584387" s="10"/>
    </row>
    <row r="584388" spans="14:14">
      <c r="N584388" s="10"/>
    </row>
    <row r="584389" spans="14:14">
      <c r="N584389" s="10"/>
    </row>
    <row r="584390" spans="14:14">
      <c r="N584390" s="10"/>
    </row>
    <row r="584391" spans="14:14">
      <c r="N584391" s="10"/>
    </row>
    <row r="584392" spans="14:14">
      <c r="N584392" s="10"/>
    </row>
    <row r="584393" spans="14:14">
      <c r="N584393" s="10"/>
    </row>
    <row r="584394" spans="14:14">
      <c r="N584394" s="10"/>
    </row>
    <row r="584395" spans="14:14">
      <c r="N584395" s="10"/>
    </row>
    <row r="584396" spans="14:14">
      <c r="N584396" s="10"/>
    </row>
    <row r="584397" spans="14:14">
      <c r="N584397" s="10"/>
    </row>
    <row r="584398" spans="14:14">
      <c r="N584398" s="10"/>
    </row>
    <row r="584399" spans="14:14">
      <c r="N584399" s="10"/>
    </row>
    <row r="584400" spans="14:14">
      <c r="N584400" s="10"/>
    </row>
    <row r="584401" spans="14:14">
      <c r="N584401" s="10"/>
    </row>
    <row r="584402" spans="14:14">
      <c r="N584402" s="10"/>
    </row>
    <row r="584403" spans="14:14">
      <c r="N584403" s="10"/>
    </row>
    <row r="584404" spans="14:14">
      <c r="N584404" s="10"/>
    </row>
    <row r="584405" spans="14:14">
      <c r="N584405" s="10"/>
    </row>
    <row r="584406" spans="14:14">
      <c r="N584406" s="10"/>
    </row>
    <row r="584407" spans="14:14">
      <c r="N584407" s="10"/>
    </row>
    <row r="584408" spans="14:14">
      <c r="N584408" s="10"/>
    </row>
    <row r="584409" spans="14:14">
      <c r="N584409" s="10"/>
    </row>
    <row r="584410" spans="14:14">
      <c r="N584410" s="10"/>
    </row>
    <row r="584411" spans="14:14">
      <c r="N584411" s="10"/>
    </row>
    <row r="584412" spans="14:14">
      <c r="N584412" s="10"/>
    </row>
    <row r="584413" spans="14:14">
      <c r="N584413" s="10"/>
    </row>
    <row r="584414" spans="14:14">
      <c r="N584414" s="10"/>
    </row>
    <row r="584415" spans="14:14">
      <c r="N584415" s="10"/>
    </row>
    <row r="584416" spans="14:14">
      <c r="N584416" s="10"/>
    </row>
    <row r="584417" spans="14:14">
      <c r="N584417" s="10"/>
    </row>
    <row r="584418" spans="14:14">
      <c r="N584418" s="10"/>
    </row>
    <row r="584419" spans="14:14">
      <c r="N584419" s="10"/>
    </row>
    <row r="584420" spans="14:14">
      <c r="N584420" s="10"/>
    </row>
    <row r="584421" spans="14:14">
      <c r="N584421" s="10"/>
    </row>
    <row r="584422" spans="14:14">
      <c r="N584422" s="10"/>
    </row>
    <row r="584423" spans="14:14">
      <c r="N584423" s="10"/>
    </row>
    <row r="584424" spans="14:14">
      <c r="N584424" s="10"/>
    </row>
    <row r="584425" spans="14:14">
      <c r="N584425" s="10"/>
    </row>
    <row r="584426" spans="14:14">
      <c r="N584426" s="10"/>
    </row>
    <row r="584427" spans="14:14">
      <c r="N584427" s="10"/>
    </row>
    <row r="584428" spans="14:14">
      <c r="N584428" s="10"/>
    </row>
    <row r="584429" spans="14:14">
      <c r="N584429" s="10"/>
    </row>
    <row r="584430" spans="14:14">
      <c r="N584430" s="10"/>
    </row>
    <row r="584431" spans="14:14">
      <c r="N584431" s="10"/>
    </row>
    <row r="584432" spans="14:14">
      <c r="N584432" s="10"/>
    </row>
    <row r="584433" spans="14:14">
      <c r="N584433" s="10"/>
    </row>
    <row r="584434" spans="14:14">
      <c r="N584434" s="10"/>
    </row>
    <row r="584435" spans="14:14">
      <c r="N584435" s="10"/>
    </row>
    <row r="584436" spans="14:14">
      <c r="N584436" s="10"/>
    </row>
    <row r="584437" spans="14:14">
      <c r="N584437" s="10"/>
    </row>
    <row r="584438" spans="14:14">
      <c r="N584438" s="10"/>
    </row>
    <row r="584439" spans="14:14">
      <c r="N584439" s="10"/>
    </row>
    <row r="584440" spans="14:14">
      <c r="N584440" s="10"/>
    </row>
    <row r="584441" spans="14:14">
      <c r="N584441" s="10"/>
    </row>
    <row r="584442" spans="14:14">
      <c r="N584442" s="10"/>
    </row>
    <row r="584443" spans="14:14">
      <c r="N584443" s="10"/>
    </row>
    <row r="584444" spans="14:14">
      <c r="N584444" s="10"/>
    </row>
    <row r="584445" spans="14:14">
      <c r="N584445" s="10"/>
    </row>
    <row r="584446" spans="14:14">
      <c r="N584446" s="10"/>
    </row>
    <row r="584447" spans="14:14">
      <c r="N584447" s="10"/>
    </row>
    <row r="584448" spans="14:14">
      <c r="N584448" s="10"/>
    </row>
    <row r="584449" spans="14:14">
      <c r="N584449" s="10"/>
    </row>
    <row r="584450" spans="14:14">
      <c r="N584450" s="10"/>
    </row>
    <row r="584451" spans="14:14">
      <c r="N584451" s="10"/>
    </row>
    <row r="584452" spans="14:14">
      <c r="N584452" s="10"/>
    </row>
    <row r="584453" spans="14:14">
      <c r="N584453" s="10"/>
    </row>
    <row r="584454" spans="14:14">
      <c r="N584454" s="10"/>
    </row>
    <row r="584455" spans="14:14">
      <c r="N584455" s="10"/>
    </row>
    <row r="584456" spans="14:14">
      <c r="N584456" s="10"/>
    </row>
    <row r="584457" spans="14:14">
      <c r="N584457" s="10"/>
    </row>
    <row r="584458" spans="14:14">
      <c r="N584458" s="10"/>
    </row>
    <row r="584459" spans="14:14">
      <c r="N584459" s="10"/>
    </row>
    <row r="584460" spans="14:14">
      <c r="N584460" s="10"/>
    </row>
    <row r="584461" spans="14:14">
      <c r="N584461" s="10"/>
    </row>
    <row r="584462" spans="14:14">
      <c r="N584462" s="10"/>
    </row>
    <row r="584463" spans="14:14">
      <c r="N584463" s="10"/>
    </row>
    <row r="584464" spans="14:14">
      <c r="N584464" s="10"/>
    </row>
    <row r="584465" spans="14:14">
      <c r="N584465" s="10"/>
    </row>
    <row r="584466" spans="14:14">
      <c r="N584466" s="10"/>
    </row>
    <row r="584467" spans="14:14">
      <c r="N584467" s="10"/>
    </row>
    <row r="584468" spans="14:14">
      <c r="N584468" s="10"/>
    </row>
    <row r="584469" spans="14:14">
      <c r="N584469" s="10"/>
    </row>
    <row r="584470" spans="14:14">
      <c r="N584470" s="10"/>
    </row>
    <row r="584471" spans="14:14">
      <c r="N584471" s="10"/>
    </row>
    <row r="584472" spans="14:14">
      <c r="N584472" s="10"/>
    </row>
    <row r="584473" spans="14:14">
      <c r="N584473" s="10"/>
    </row>
    <row r="584474" spans="14:14">
      <c r="N584474" s="10"/>
    </row>
    <row r="584475" spans="14:14">
      <c r="N584475" s="10"/>
    </row>
    <row r="584476" spans="14:14">
      <c r="N584476" s="10"/>
    </row>
    <row r="584477" spans="14:14">
      <c r="N584477" s="10"/>
    </row>
    <row r="584478" spans="14:14">
      <c r="N584478" s="10"/>
    </row>
    <row r="584479" spans="14:14">
      <c r="N584479" s="10"/>
    </row>
    <row r="584480" spans="14:14">
      <c r="N584480" s="10"/>
    </row>
    <row r="584481" spans="14:14">
      <c r="N584481" s="10"/>
    </row>
    <row r="584482" spans="14:14">
      <c r="N584482" s="10"/>
    </row>
    <row r="584483" spans="14:14">
      <c r="N584483" s="10"/>
    </row>
    <row r="584484" spans="14:14">
      <c r="N584484" s="10"/>
    </row>
    <row r="584485" spans="14:14">
      <c r="N584485" s="10"/>
    </row>
    <row r="584486" spans="14:14">
      <c r="N584486" s="10"/>
    </row>
    <row r="584487" spans="14:14">
      <c r="N584487" s="10"/>
    </row>
    <row r="584488" spans="14:14">
      <c r="N584488" s="10"/>
    </row>
    <row r="584489" spans="14:14">
      <c r="N584489" s="10"/>
    </row>
    <row r="584490" spans="14:14">
      <c r="N584490" s="10"/>
    </row>
    <row r="584491" spans="14:14">
      <c r="N584491" s="10"/>
    </row>
    <row r="584492" spans="14:14">
      <c r="N584492" s="10"/>
    </row>
    <row r="584493" spans="14:14">
      <c r="N584493" s="10"/>
    </row>
    <row r="584494" spans="14:14">
      <c r="N584494" s="10"/>
    </row>
    <row r="584495" spans="14:14">
      <c r="N584495" s="10"/>
    </row>
    <row r="584496" spans="14:14">
      <c r="N584496" s="10"/>
    </row>
    <row r="584497" spans="14:14">
      <c r="N584497" s="10"/>
    </row>
    <row r="584498" spans="14:14">
      <c r="N584498" s="10"/>
    </row>
    <row r="584499" spans="14:14">
      <c r="N584499" s="10"/>
    </row>
    <row r="584500" spans="14:14">
      <c r="N584500" s="10"/>
    </row>
    <row r="584501" spans="14:14">
      <c r="N584501" s="10"/>
    </row>
    <row r="584502" spans="14:14">
      <c r="N584502" s="10"/>
    </row>
    <row r="584503" spans="14:14">
      <c r="N584503" s="10"/>
    </row>
    <row r="584504" spans="14:14">
      <c r="N584504" s="10"/>
    </row>
    <row r="584505" spans="14:14">
      <c r="N584505" s="10"/>
    </row>
    <row r="584506" spans="14:14">
      <c r="N584506" s="10"/>
    </row>
    <row r="584507" spans="14:14">
      <c r="N584507" s="10"/>
    </row>
    <row r="584508" spans="14:14">
      <c r="N584508" s="10"/>
    </row>
    <row r="584509" spans="14:14">
      <c r="N584509" s="10"/>
    </row>
    <row r="584510" spans="14:14">
      <c r="N584510" s="10"/>
    </row>
    <row r="584511" spans="14:14">
      <c r="N584511" s="10"/>
    </row>
    <row r="584512" spans="14:14">
      <c r="N584512" s="10"/>
    </row>
    <row r="584513" spans="14:14">
      <c r="N584513" s="10"/>
    </row>
    <row r="584514" spans="14:14">
      <c r="N584514" s="10"/>
    </row>
    <row r="584515" spans="14:14">
      <c r="N584515" s="10"/>
    </row>
    <row r="584516" spans="14:14">
      <c r="N584516" s="10"/>
    </row>
    <row r="584517" spans="14:14">
      <c r="N584517" s="10"/>
    </row>
    <row r="584518" spans="14:14">
      <c r="N584518" s="10"/>
    </row>
    <row r="584519" spans="14:14">
      <c r="N584519" s="10"/>
    </row>
    <row r="584520" spans="14:14">
      <c r="N584520" s="10"/>
    </row>
    <row r="584521" spans="14:14">
      <c r="N584521" s="10"/>
    </row>
    <row r="584522" spans="14:14">
      <c r="N584522" s="10"/>
    </row>
    <row r="584523" spans="14:14">
      <c r="N584523" s="10"/>
    </row>
    <row r="584524" spans="14:14">
      <c r="N584524" s="10"/>
    </row>
    <row r="584525" spans="14:14">
      <c r="N584525" s="10"/>
    </row>
    <row r="584526" spans="14:14">
      <c r="N584526" s="10"/>
    </row>
    <row r="584527" spans="14:14">
      <c r="N584527" s="10"/>
    </row>
    <row r="584528" spans="14:14">
      <c r="N584528" s="10"/>
    </row>
    <row r="584529" spans="14:14">
      <c r="N584529" s="10"/>
    </row>
    <row r="584530" spans="14:14">
      <c r="N584530" s="10"/>
    </row>
    <row r="584531" spans="14:14">
      <c r="N584531" s="10"/>
    </row>
    <row r="584532" spans="14:14">
      <c r="N584532" s="10"/>
    </row>
    <row r="584533" spans="14:14">
      <c r="N584533" s="10"/>
    </row>
    <row r="584534" spans="14:14">
      <c r="N584534" s="10"/>
    </row>
    <row r="584535" spans="14:14">
      <c r="N584535" s="10"/>
    </row>
    <row r="584536" spans="14:14">
      <c r="N584536" s="10"/>
    </row>
    <row r="584537" spans="14:14">
      <c r="N584537" s="10"/>
    </row>
    <row r="584538" spans="14:14">
      <c r="N584538" s="10"/>
    </row>
    <row r="584539" spans="14:14">
      <c r="N584539" s="10"/>
    </row>
    <row r="584540" spans="14:14">
      <c r="N584540" s="10"/>
    </row>
    <row r="584541" spans="14:14">
      <c r="N584541" s="10"/>
    </row>
    <row r="584542" spans="14:14">
      <c r="N584542" s="10"/>
    </row>
    <row r="584543" spans="14:14">
      <c r="N584543" s="10"/>
    </row>
    <row r="584544" spans="14:14">
      <c r="N584544" s="10"/>
    </row>
    <row r="584545" spans="14:14">
      <c r="N584545" s="10"/>
    </row>
    <row r="584546" spans="14:14">
      <c r="N584546" s="10"/>
    </row>
    <row r="584547" spans="14:14">
      <c r="N584547" s="10"/>
    </row>
    <row r="584548" spans="14:14">
      <c r="N584548" s="10"/>
    </row>
    <row r="584549" spans="14:14">
      <c r="N584549" s="10"/>
    </row>
    <row r="584550" spans="14:14">
      <c r="N584550" s="10"/>
    </row>
    <row r="584551" spans="14:14">
      <c r="N584551" s="10"/>
    </row>
    <row r="584552" spans="14:14">
      <c r="N584552" s="10"/>
    </row>
    <row r="584553" spans="14:14">
      <c r="N584553" s="10"/>
    </row>
    <row r="584554" spans="14:14">
      <c r="N584554" s="10"/>
    </row>
    <row r="584555" spans="14:14">
      <c r="N584555" s="10"/>
    </row>
    <row r="584556" spans="14:14">
      <c r="N584556" s="10"/>
    </row>
    <row r="584557" spans="14:14">
      <c r="N584557" s="10"/>
    </row>
    <row r="584558" spans="14:14">
      <c r="N584558" s="10"/>
    </row>
    <row r="584559" spans="14:14">
      <c r="N584559" s="10"/>
    </row>
    <row r="584560" spans="14:14">
      <c r="N584560" s="10"/>
    </row>
    <row r="584561" spans="14:14">
      <c r="N584561" s="10"/>
    </row>
    <row r="584562" spans="14:14">
      <c r="N584562" s="10"/>
    </row>
    <row r="584563" spans="14:14">
      <c r="N584563" s="10"/>
    </row>
    <row r="584564" spans="14:14">
      <c r="N584564" s="10"/>
    </row>
    <row r="584565" spans="14:14">
      <c r="N584565" s="10"/>
    </row>
    <row r="584566" spans="14:14">
      <c r="N584566" s="10"/>
    </row>
    <row r="584567" spans="14:14">
      <c r="N584567" s="10"/>
    </row>
    <row r="584568" spans="14:14">
      <c r="N584568" s="10"/>
    </row>
    <row r="584569" spans="14:14">
      <c r="N584569" s="10"/>
    </row>
    <row r="584570" spans="14:14">
      <c r="N584570" s="10"/>
    </row>
    <row r="584571" spans="14:14">
      <c r="N584571" s="10"/>
    </row>
    <row r="584572" spans="14:14">
      <c r="N584572" s="10"/>
    </row>
    <row r="584573" spans="14:14">
      <c r="N584573" s="10"/>
    </row>
    <row r="584574" spans="14:14">
      <c r="N584574" s="10"/>
    </row>
    <row r="584575" spans="14:14">
      <c r="N584575" s="10"/>
    </row>
    <row r="584576" spans="14:14">
      <c r="N584576" s="10"/>
    </row>
    <row r="584577" spans="14:14">
      <c r="N584577" s="10"/>
    </row>
    <row r="584578" spans="14:14">
      <c r="N584578" s="10"/>
    </row>
    <row r="584579" spans="14:14">
      <c r="N584579" s="10"/>
    </row>
    <row r="584580" spans="14:14">
      <c r="N584580" s="10"/>
    </row>
    <row r="584581" spans="14:14">
      <c r="N584581" s="10"/>
    </row>
    <row r="584582" spans="14:14">
      <c r="N584582" s="10"/>
    </row>
    <row r="584583" spans="14:14">
      <c r="N584583" s="10"/>
    </row>
    <row r="584584" spans="14:14">
      <c r="N584584" s="10"/>
    </row>
    <row r="584585" spans="14:14">
      <c r="N584585" s="10"/>
    </row>
    <row r="584586" spans="14:14">
      <c r="N584586" s="10"/>
    </row>
    <row r="584587" spans="14:14">
      <c r="N584587" s="10"/>
    </row>
    <row r="584588" spans="14:14">
      <c r="N584588" s="10"/>
    </row>
    <row r="584589" spans="14:14">
      <c r="N584589" s="10"/>
    </row>
    <row r="584590" spans="14:14">
      <c r="N584590" s="10"/>
    </row>
    <row r="584591" spans="14:14">
      <c r="N584591" s="10"/>
    </row>
    <row r="584592" spans="14:14">
      <c r="N584592" s="10"/>
    </row>
    <row r="584593" spans="14:14">
      <c r="N584593" s="10"/>
    </row>
    <row r="584594" spans="14:14">
      <c r="N584594" s="10"/>
    </row>
    <row r="584595" spans="14:14">
      <c r="N584595" s="10"/>
    </row>
    <row r="584596" spans="14:14">
      <c r="N584596" s="10"/>
    </row>
    <row r="584597" spans="14:14">
      <c r="N584597" s="10"/>
    </row>
    <row r="584598" spans="14:14">
      <c r="N584598" s="10"/>
    </row>
    <row r="584599" spans="14:14">
      <c r="N584599" s="10"/>
    </row>
    <row r="584600" spans="14:14">
      <c r="N584600" s="10"/>
    </row>
    <row r="584601" spans="14:14">
      <c r="N584601" s="10"/>
    </row>
    <row r="584602" spans="14:14">
      <c r="N584602" s="10"/>
    </row>
    <row r="584603" spans="14:14">
      <c r="N584603" s="10"/>
    </row>
    <row r="584604" spans="14:14">
      <c r="N584604" s="10"/>
    </row>
    <row r="584605" spans="14:14">
      <c r="N584605" s="10"/>
    </row>
    <row r="584606" spans="14:14">
      <c r="N584606" s="10"/>
    </row>
    <row r="584607" spans="14:14">
      <c r="N584607" s="10"/>
    </row>
    <row r="584608" spans="14:14">
      <c r="N584608" s="10"/>
    </row>
    <row r="584609" spans="14:14">
      <c r="N584609" s="10"/>
    </row>
    <row r="584610" spans="14:14">
      <c r="N584610" s="10"/>
    </row>
    <row r="584611" spans="14:14">
      <c r="N584611" s="10"/>
    </row>
    <row r="584612" spans="14:14">
      <c r="N584612" s="10"/>
    </row>
    <row r="584613" spans="14:14">
      <c r="N584613" s="10"/>
    </row>
    <row r="584614" spans="14:14">
      <c r="N584614" s="10"/>
    </row>
    <row r="584615" spans="14:14">
      <c r="N584615" s="10"/>
    </row>
    <row r="584616" spans="14:14">
      <c r="N584616" s="10"/>
    </row>
    <row r="584617" spans="14:14">
      <c r="N584617" s="10"/>
    </row>
    <row r="584618" spans="14:14">
      <c r="N584618" s="10"/>
    </row>
    <row r="584619" spans="14:14">
      <c r="N584619" s="10"/>
    </row>
    <row r="584620" spans="14:14">
      <c r="N584620" s="10"/>
    </row>
    <row r="584621" spans="14:14">
      <c r="N584621" s="10"/>
    </row>
    <row r="584622" spans="14:14">
      <c r="N584622" s="10"/>
    </row>
    <row r="584623" spans="14:14">
      <c r="N584623" s="10"/>
    </row>
    <row r="584624" spans="14:14">
      <c r="N584624" s="10"/>
    </row>
    <row r="584625" spans="14:14">
      <c r="N584625" s="10"/>
    </row>
    <row r="584626" spans="14:14">
      <c r="N584626" s="10"/>
    </row>
    <row r="584627" spans="14:14">
      <c r="N584627" s="10"/>
    </row>
    <row r="584628" spans="14:14">
      <c r="N584628" s="10"/>
    </row>
    <row r="584629" spans="14:14">
      <c r="N584629" s="10"/>
    </row>
    <row r="584630" spans="14:14">
      <c r="N584630" s="10"/>
    </row>
    <row r="584631" spans="14:14">
      <c r="N584631" s="10"/>
    </row>
    <row r="584632" spans="14:14">
      <c r="N584632" s="10"/>
    </row>
    <row r="584633" spans="14:14">
      <c r="N584633" s="10"/>
    </row>
    <row r="584634" spans="14:14">
      <c r="N584634" s="10"/>
    </row>
    <row r="584635" spans="14:14">
      <c r="N584635" s="10"/>
    </row>
    <row r="584636" spans="14:14">
      <c r="N584636" s="10"/>
    </row>
    <row r="584637" spans="14:14">
      <c r="N584637" s="10"/>
    </row>
    <row r="584638" spans="14:14">
      <c r="N584638" s="10"/>
    </row>
    <row r="584639" spans="14:14">
      <c r="N584639" s="10"/>
    </row>
    <row r="584640" spans="14:14">
      <c r="N584640" s="10"/>
    </row>
    <row r="584641" spans="14:14">
      <c r="N584641" s="10"/>
    </row>
    <row r="584642" spans="14:14">
      <c r="N584642" s="10"/>
    </row>
    <row r="584643" spans="14:14">
      <c r="N584643" s="10"/>
    </row>
    <row r="584644" spans="14:14">
      <c r="N584644" s="10"/>
    </row>
    <row r="584645" spans="14:14">
      <c r="N584645" s="10"/>
    </row>
    <row r="584646" spans="14:14">
      <c r="N584646" s="10"/>
    </row>
    <row r="584647" spans="14:14">
      <c r="N584647" s="10"/>
    </row>
    <row r="584648" spans="14:14">
      <c r="N584648" s="10"/>
    </row>
    <row r="584649" spans="14:14">
      <c r="N584649" s="10"/>
    </row>
    <row r="584650" spans="14:14">
      <c r="N584650" s="10"/>
    </row>
    <row r="584651" spans="14:14">
      <c r="N584651" s="10"/>
    </row>
    <row r="584652" spans="14:14">
      <c r="N584652" s="10"/>
    </row>
    <row r="584653" spans="14:14">
      <c r="N584653" s="10"/>
    </row>
    <row r="584654" spans="14:14">
      <c r="N584654" s="10"/>
    </row>
    <row r="584655" spans="14:14">
      <c r="N584655" s="10"/>
    </row>
    <row r="584656" spans="14:14">
      <c r="N584656" s="10"/>
    </row>
    <row r="584657" spans="14:14">
      <c r="N584657" s="10"/>
    </row>
    <row r="584658" spans="14:14">
      <c r="N584658" s="10"/>
    </row>
    <row r="584659" spans="14:14">
      <c r="N584659" s="10"/>
    </row>
    <row r="584660" spans="14:14">
      <c r="N584660" s="10"/>
    </row>
    <row r="584661" spans="14:14">
      <c r="N584661" s="10"/>
    </row>
    <row r="584662" spans="14:14">
      <c r="N584662" s="10"/>
    </row>
    <row r="584663" spans="14:14">
      <c r="N584663" s="10"/>
    </row>
    <row r="584664" spans="14:14">
      <c r="N584664" s="10"/>
    </row>
    <row r="584665" spans="14:14">
      <c r="N584665" s="10"/>
    </row>
    <row r="584666" spans="14:14">
      <c r="N584666" s="10"/>
    </row>
    <row r="584667" spans="14:14">
      <c r="N584667" s="10"/>
    </row>
    <row r="584668" spans="14:14">
      <c r="N584668" s="10"/>
    </row>
    <row r="584669" spans="14:14">
      <c r="N584669" s="10"/>
    </row>
    <row r="584670" spans="14:14">
      <c r="N584670" s="10"/>
    </row>
    <row r="584671" spans="14:14">
      <c r="N584671" s="10"/>
    </row>
    <row r="584672" spans="14:14">
      <c r="N584672" s="10"/>
    </row>
    <row r="584673" spans="14:14">
      <c r="N584673" s="10"/>
    </row>
    <row r="584674" spans="14:14">
      <c r="N584674" s="10"/>
    </row>
    <row r="584675" spans="14:14">
      <c r="N584675" s="10"/>
    </row>
    <row r="584676" spans="14:14">
      <c r="N584676" s="10"/>
    </row>
    <row r="584677" spans="14:14">
      <c r="N584677" s="10"/>
    </row>
    <row r="584678" spans="14:14">
      <c r="N584678" s="10"/>
    </row>
    <row r="584679" spans="14:14">
      <c r="N584679" s="10"/>
    </row>
    <row r="584680" spans="14:14">
      <c r="N584680" s="10"/>
    </row>
    <row r="584681" spans="14:14">
      <c r="N584681" s="10"/>
    </row>
    <row r="584682" spans="14:14">
      <c r="N584682" s="10"/>
    </row>
    <row r="584683" spans="14:14">
      <c r="N584683" s="10"/>
    </row>
    <row r="584684" spans="14:14">
      <c r="N584684" s="10"/>
    </row>
    <row r="584685" spans="14:14">
      <c r="N584685" s="10"/>
    </row>
    <row r="584686" spans="14:14">
      <c r="N584686" s="10"/>
    </row>
    <row r="584687" spans="14:14">
      <c r="N584687" s="10"/>
    </row>
    <row r="584688" spans="14:14">
      <c r="N584688" s="10"/>
    </row>
    <row r="584689" spans="14:14">
      <c r="N584689" s="10"/>
    </row>
    <row r="584690" spans="14:14">
      <c r="N584690" s="10"/>
    </row>
    <row r="584691" spans="14:14">
      <c r="N584691" s="10"/>
    </row>
    <row r="584692" spans="14:14">
      <c r="N584692" s="10"/>
    </row>
    <row r="584693" spans="14:14">
      <c r="N584693" s="10"/>
    </row>
    <row r="584694" spans="14:14">
      <c r="N584694" s="10"/>
    </row>
    <row r="584695" spans="14:14">
      <c r="N584695" s="10"/>
    </row>
    <row r="584696" spans="14:14">
      <c r="N584696" s="10"/>
    </row>
    <row r="584697" spans="14:14">
      <c r="N584697" s="10"/>
    </row>
    <row r="584698" spans="14:14">
      <c r="N584698" s="10"/>
    </row>
    <row r="584699" spans="14:14">
      <c r="N584699" s="10"/>
    </row>
    <row r="584700" spans="14:14">
      <c r="N584700" s="10"/>
    </row>
    <row r="584701" spans="14:14">
      <c r="N584701" s="10"/>
    </row>
    <row r="584702" spans="14:14">
      <c r="N584702" s="10"/>
    </row>
    <row r="584703" spans="14:14">
      <c r="N584703" s="10"/>
    </row>
    <row r="584704" spans="14:14">
      <c r="N584704" s="10"/>
    </row>
    <row r="584705" spans="14:14">
      <c r="N584705" s="10"/>
    </row>
    <row r="584706" spans="14:14">
      <c r="N584706" s="10"/>
    </row>
    <row r="584707" spans="14:14">
      <c r="N584707" s="10"/>
    </row>
    <row r="584708" spans="14:14">
      <c r="N584708" s="10"/>
    </row>
    <row r="584709" spans="14:14">
      <c r="N584709" s="10"/>
    </row>
    <row r="584710" spans="14:14">
      <c r="N584710" s="10"/>
    </row>
    <row r="584711" spans="14:14">
      <c r="N584711" s="10"/>
    </row>
    <row r="584712" spans="14:14">
      <c r="N584712" s="10"/>
    </row>
    <row r="584713" spans="14:14">
      <c r="N584713" s="10"/>
    </row>
    <row r="584714" spans="14:14">
      <c r="N584714" s="10"/>
    </row>
    <row r="584715" spans="14:14">
      <c r="N584715" s="10"/>
    </row>
    <row r="584716" spans="14:14">
      <c r="N584716" s="10"/>
    </row>
    <row r="584717" spans="14:14">
      <c r="N584717" s="10"/>
    </row>
    <row r="584718" spans="14:14">
      <c r="N584718" s="10"/>
    </row>
    <row r="584719" spans="14:14">
      <c r="N584719" s="10"/>
    </row>
    <row r="584720" spans="14:14">
      <c r="N584720" s="10"/>
    </row>
    <row r="584721" spans="14:14">
      <c r="N584721" s="10"/>
    </row>
    <row r="584722" spans="14:14">
      <c r="N584722" s="10"/>
    </row>
    <row r="584723" spans="14:14">
      <c r="N584723" s="10"/>
    </row>
    <row r="584724" spans="14:14">
      <c r="N584724" s="10"/>
    </row>
    <row r="584725" spans="14:14">
      <c r="N584725" s="10"/>
    </row>
    <row r="584726" spans="14:14">
      <c r="N584726" s="10"/>
    </row>
    <row r="584727" spans="14:14">
      <c r="N584727" s="10"/>
    </row>
    <row r="584728" spans="14:14">
      <c r="N584728" s="10"/>
    </row>
    <row r="584729" spans="14:14">
      <c r="N584729" s="10"/>
    </row>
    <row r="584730" spans="14:14">
      <c r="N584730" s="10"/>
    </row>
    <row r="584731" spans="14:14">
      <c r="N584731" s="10"/>
    </row>
    <row r="584732" spans="14:14">
      <c r="N584732" s="10"/>
    </row>
    <row r="584733" spans="14:14">
      <c r="N584733" s="10"/>
    </row>
    <row r="584734" spans="14:14">
      <c r="N584734" s="10"/>
    </row>
    <row r="584735" spans="14:14">
      <c r="N584735" s="10"/>
    </row>
    <row r="584736" spans="14:14">
      <c r="N584736" s="10"/>
    </row>
    <row r="584737" spans="14:14">
      <c r="N584737" s="10"/>
    </row>
    <row r="584738" spans="14:14">
      <c r="N584738" s="10"/>
    </row>
    <row r="584739" spans="14:14">
      <c r="N584739" s="10"/>
    </row>
    <row r="584740" spans="14:14">
      <c r="N584740" s="10"/>
    </row>
    <row r="584741" spans="14:14">
      <c r="N584741" s="10"/>
    </row>
    <row r="584742" spans="14:14">
      <c r="N584742" s="10"/>
    </row>
    <row r="584743" spans="14:14">
      <c r="N584743" s="10"/>
    </row>
    <row r="584744" spans="14:14">
      <c r="N584744" s="10"/>
    </row>
    <row r="584745" spans="14:14">
      <c r="N584745" s="10"/>
    </row>
    <row r="584746" spans="14:14">
      <c r="N584746" s="10"/>
    </row>
    <row r="584747" spans="14:14">
      <c r="N584747" s="10"/>
    </row>
    <row r="584748" spans="14:14">
      <c r="N584748" s="10"/>
    </row>
    <row r="584749" spans="14:14">
      <c r="N584749" s="10"/>
    </row>
    <row r="584750" spans="14:14">
      <c r="N584750" s="10"/>
    </row>
    <row r="584751" spans="14:14">
      <c r="N584751" s="10"/>
    </row>
    <row r="584752" spans="14:14">
      <c r="N584752" s="10"/>
    </row>
    <row r="584753" spans="14:14">
      <c r="N584753" s="10"/>
    </row>
    <row r="584754" spans="14:14">
      <c r="N584754" s="10"/>
    </row>
    <row r="584755" spans="14:14">
      <c r="N584755" s="10"/>
    </row>
    <row r="584756" spans="14:14">
      <c r="N584756" s="10"/>
    </row>
    <row r="584757" spans="14:14">
      <c r="N584757" s="10"/>
    </row>
    <row r="584758" spans="14:14">
      <c r="N584758" s="10"/>
    </row>
    <row r="584759" spans="14:14">
      <c r="N584759" s="10"/>
    </row>
    <row r="584760" spans="14:14">
      <c r="N584760" s="10"/>
    </row>
    <row r="584761" spans="14:14">
      <c r="N584761" s="10"/>
    </row>
    <row r="584762" spans="14:14">
      <c r="N584762" s="10"/>
    </row>
    <row r="584763" spans="14:14">
      <c r="N584763" s="10"/>
    </row>
    <row r="584764" spans="14:14">
      <c r="N584764" s="10"/>
    </row>
    <row r="584765" spans="14:14">
      <c r="N584765" s="10"/>
    </row>
    <row r="584766" spans="14:14">
      <c r="N584766" s="10"/>
    </row>
    <row r="584767" spans="14:14">
      <c r="N584767" s="10"/>
    </row>
    <row r="584768" spans="14:14">
      <c r="N584768" s="10"/>
    </row>
    <row r="584769" spans="14:14">
      <c r="N584769" s="10"/>
    </row>
    <row r="584770" spans="14:14">
      <c r="N584770" s="10"/>
    </row>
    <row r="584771" spans="14:14">
      <c r="N584771" s="10"/>
    </row>
    <row r="584772" spans="14:14">
      <c r="N584772" s="10"/>
    </row>
    <row r="584773" spans="14:14">
      <c r="N584773" s="10"/>
    </row>
    <row r="584774" spans="14:14">
      <c r="N584774" s="10"/>
    </row>
    <row r="584775" spans="14:14">
      <c r="N584775" s="10"/>
    </row>
    <row r="584776" spans="14:14">
      <c r="N584776" s="10"/>
    </row>
    <row r="584777" spans="14:14">
      <c r="N584777" s="10"/>
    </row>
    <row r="584778" spans="14:14">
      <c r="N584778" s="10"/>
    </row>
    <row r="584779" spans="14:14">
      <c r="N584779" s="10"/>
    </row>
    <row r="584780" spans="14:14">
      <c r="N584780" s="10"/>
    </row>
    <row r="584781" spans="14:14">
      <c r="N584781" s="10"/>
    </row>
    <row r="584782" spans="14:14">
      <c r="N584782" s="10"/>
    </row>
    <row r="584783" spans="14:14">
      <c r="N584783" s="10"/>
    </row>
    <row r="584784" spans="14:14">
      <c r="N584784" s="10"/>
    </row>
    <row r="584785" spans="14:14">
      <c r="N584785" s="10"/>
    </row>
    <row r="584786" spans="14:14">
      <c r="N584786" s="10"/>
    </row>
    <row r="584787" spans="14:14">
      <c r="N584787" s="10"/>
    </row>
    <row r="584788" spans="14:14">
      <c r="N584788" s="10"/>
    </row>
    <row r="584789" spans="14:14">
      <c r="N584789" s="10"/>
    </row>
    <row r="584790" spans="14:14">
      <c r="N584790" s="10"/>
    </row>
    <row r="584791" spans="14:14">
      <c r="N584791" s="10"/>
    </row>
    <row r="584792" spans="14:14">
      <c r="N584792" s="10"/>
    </row>
    <row r="584793" spans="14:14">
      <c r="N584793" s="10"/>
    </row>
    <row r="584794" spans="14:14">
      <c r="N584794" s="10"/>
    </row>
    <row r="584795" spans="14:14">
      <c r="N584795" s="10"/>
    </row>
    <row r="584796" spans="14:14">
      <c r="N584796" s="10"/>
    </row>
    <row r="584797" spans="14:14">
      <c r="N584797" s="10"/>
    </row>
    <row r="584798" spans="14:14">
      <c r="N584798" s="10"/>
    </row>
    <row r="584799" spans="14:14">
      <c r="N584799" s="10"/>
    </row>
    <row r="584800" spans="14:14">
      <c r="N584800" s="10"/>
    </row>
    <row r="584801" spans="14:14">
      <c r="N584801" s="10"/>
    </row>
    <row r="584802" spans="14:14">
      <c r="N584802" s="10"/>
    </row>
    <row r="584803" spans="14:14">
      <c r="N584803" s="10"/>
    </row>
    <row r="584804" spans="14:14">
      <c r="N584804" s="10"/>
    </row>
    <row r="584805" spans="14:14">
      <c r="N584805" s="10"/>
    </row>
    <row r="584806" spans="14:14">
      <c r="N584806" s="10"/>
    </row>
    <row r="584807" spans="14:14">
      <c r="N584807" s="10"/>
    </row>
    <row r="584808" spans="14:14">
      <c r="N584808" s="10"/>
    </row>
    <row r="584809" spans="14:14">
      <c r="N584809" s="10"/>
    </row>
    <row r="584810" spans="14:14">
      <c r="N584810" s="10"/>
    </row>
    <row r="584811" spans="14:14">
      <c r="N584811" s="10"/>
    </row>
    <row r="584812" spans="14:14">
      <c r="N584812" s="10"/>
    </row>
    <row r="584813" spans="14:14">
      <c r="N584813" s="10"/>
    </row>
    <row r="584814" spans="14:14">
      <c r="N584814" s="10"/>
    </row>
    <row r="584815" spans="14:14">
      <c r="N584815" s="10"/>
    </row>
    <row r="584816" spans="14:14">
      <c r="N584816" s="10"/>
    </row>
    <row r="584817" spans="14:14">
      <c r="N584817" s="10"/>
    </row>
    <row r="584818" spans="14:14">
      <c r="N584818" s="10"/>
    </row>
    <row r="584819" spans="14:14">
      <c r="N584819" s="10"/>
    </row>
    <row r="584820" spans="14:14">
      <c r="N584820" s="10"/>
    </row>
    <row r="584821" spans="14:14">
      <c r="N584821" s="10"/>
    </row>
    <row r="584822" spans="14:14">
      <c r="N584822" s="10"/>
    </row>
    <row r="584823" spans="14:14">
      <c r="N584823" s="10"/>
    </row>
    <row r="584824" spans="14:14">
      <c r="N584824" s="10"/>
    </row>
    <row r="584825" spans="14:14">
      <c r="N584825" s="10"/>
    </row>
    <row r="584826" spans="14:14">
      <c r="N584826" s="10"/>
    </row>
    <row r="584827" spans="14:14">
      <c r="N584827" s="10"/>
    </row>
    <row r="584828" spans="14:14">
      <c r="N584828" s="10"/>
    </row>
    <row r="584829" spans="14:14">
      <c r="N584829" s="10"/>
    </row>
    <row r="584830" spans="14:14">
      <c r="N584830" s="10"/>
    </row>
    <row r="584831" spans="14:14">
      <c r="N584831" s="10"/>
    </row>
    <row r="584832" spans="14:14">
      <c r="N584832" s="10"/>
    </row>
    <row r="584833" spans="14:14">
      <c r="N584833" s="10"/>
    </row>
    <row r="584834" spans="14:14">
      <c r="N584834" s="10"/>
    </row>
    <row r="584835" spans="14:14">
      <c r="N584835" s="10"/>
    </row>
    <row r="584836" spans="14:14">
      <c r="N584836" s="10"/>
    </row>
    <row r="584837" spans="14:14">
      <c r="N584837" s="10"/>
    </row>
    <row r="584838" spans="14:14">
      <c r="N584838" s="10"/>
    </row>
    <row r="584839" spans="14:14">
      <c r="N584839" s="10"/>
    </row>
    <row r="584840" spans="14:14">
      <c r="N584840" s="10"/>
    </row>
    <row r="584841" spans="14:14">
      <c r="N584841" s="10"/>
    </row>
    <row r="584842" spans="14:14">
      <c r="N584842" s="10"/>
    </row>
    <row r="584843" spans="14:14">
      <c r="N584843" s="10"/>
    </row>
    <row r="584844" spans="14:14">
      <c r="N584844" s="10"/>
    </row>
    <row r="584845" spans="14:14">
      <c r="N584845" s="10"/>
    </row>
    <row r="584846" spans="14:14">
      <c r="N584846" s="10"/>
    </row>
    <row r="584847" spans="14:14">
      <c r="N584847" s="10"/>
    </row>
    <row r="584848" spans="14:14">
      <c r="N584848" s="10"/>
    </row>
    <row r="584849" spans="14:14">
      <c r="N584849" s="10"/>
    </row>
    <row r="584850" spans="14:14">
      <c r="N584850" s="10"/>
    </row>
    <row r="584851" spans="14:14">
      <c r="N584851" s="10"/>
    </row>
    <row r="584852" spans="14:14">
      <c r="N584852" s="10"/>
    </row>
    <row r="584853" spans="14:14">
      <c r="N584853" s="10"/>
    </row>
    <row r="584854" spans="14:14">
      <c r="N584854" s="10"/>
    </row>
    <row r="584855" spans="14:14">
      <c r="N584855" s="10"/>
    </row>
    <row r="584856" spans="14:14">
      <c r="N584856" s="10"/>
    </row>
    <row r="584857" spans="14:14">
      <c r="N584857" s="10"/>
    </row>
    <row r="584858" spans="14:14">
      <c r="N584858" s="10"/>
    </row>
    <row r="584859" spans="14:14">
      <c r="N584859" s="10"/>
    </row>
    <row r="584860" spans="14:14">
      <c r="N584860" s="10"/>
    </row>
    <row r="584861" spans="14:14">
      <c r="N584861" s="10"/>
    </row>
    <row r="584862" spans="14:14">
      <c r="N584862" s="10"/>
    </row>
    <row r="584863" spans="14:14">
      <c r="N584863" s="10"/>
    </row>
    <row r="584864" spans="14:14">
      <c r="N584864" s="10"/>
    </row>
    <row r="584865" spans="14:14">
      <c r="N584865" s="10"/>
    </row>
    <row r="584866" spans="14:14">
      <c r="N584866" s="10"/>
    </row>
    <row r="584867" spans="14:14">
      <c r="N584867" s="10"/>
    </row>
    <row r="584868" spans="14:14">
      <c r="N584868" s="10"/>
    </row>
    <row r="584869" spans="14:14">
      <c r="N584869" s="10"/>
    </row>
    <row r="584870" spans="14:14">
      <c r="N584870" s="10"/>
    </row>
    <row r="584871" spans="14:14">
      <c r="N584871" s="10"/>
    </row>
    <row r="584872" spans="14:14">
      <c r="N584872" s="10"/>
    </row>
    <row r="584873" spans="14:14">
      <c r="N584873" s="10"/>
    </row>
    <row r="584874" spans="14:14">
      <c r="N584874" s="10"/>
    </row>
    <row r="584875" spans="14:14">
      <c r="N584875" s="10"/>
    </row>
    <row r="584876" spans="14:14">
      <c r="N584876" s="10"/>
    </row>
    <row r="584877" spans="14:14">
      <c r="N584877" s="10"/>
    </row>
    <row r="584878" spans="14:14">
      <c r="N584878" s="10"/>
    </row>
    <row r="584879" spans="14:14">
      <c r="N584879" s="10"/>
    </row>
    <row r="584880" spans="14:14">
      <c r="N584880" s="10"/>
    </row>
    <row r="584881" spans="14:14">
      <c r="N584881" s="10"/>
    </row>
    <row r="584882" spans="14:14">
      <c r="N584882" s="10"/>
    </row>
    <row r="584883" spans="14:14">
      <c r="N584883" s="10"/>
    </row>
    <row r="584884" spans="14:14">
      <c r="N584884" s="10"/>
    </row>
    <row r="584885" spans="14:14">
      <c r="N584885" s="10"/>
    </row>
    <row r="584886" spans="14:14">
      <c r="N584886" s="10"/>
    </row>
    <row r="584887" spans="14:14">
      <c r="N584887" s="10"/>
    </row>
    <row r="584888" spans="14:14">
      <c r="N584888" s="10"/>
    </row>
    <row r="584889" spans="14:14">
      <c r="N584889" s="10"/>
    </row>
    <row r="584890" spans="14:14">
      <c r="N584890" s="10"/>
    </row>
    <row r="584891" spans="14:14">
      <c r="N584891" s="10"/>
    </row>
    <row r="584892" spans="14:14">
      <c r="N584892" s="10"/>
    </row>
    <row r="584893" spans="14:14">
      <c r="N584893" s="10"/>
    </row>
    <row r="584894" spans="14:14">
      <c r="N584894" s="10"/>
    </row>
    <row r="584895" spans="14:14">
      <c r="N584895" s="10"/>
    </row>
    <row r="584896" spans="14:14">
      <c r="N584896" s="10"/>
    </row>
    <row r="584897" spans="14:14">
      <c r="N584897" s="10"/>
    </row>
    <row r="584898" spans="14:14">
      <c r="N584898" s="10"/>
    </row>
    <row r="584899" spans="14:14">
      <c r="N584899" s="10"/>
    </row>
    <row r="584900" spans="14:14">
      <c r="N584900" s="10"/>
    </row>
    <row r="584901" spans="14:14">
      <c r="N584901" s="10"/>
    </row>
    <row r="584902" spans="14:14">
      <c r="N584902" s="10"/>
    </row>
    <row r="584903" spans="14:14">
      <c r="N584903" s="10"/>
    </row>
    <row r="584904" spans="14:14">
      <c r="N584904" s="10"/>
    </row>
    <row r="584905" spans="14:14">
      <c r="N584905" s="10"/>
    </row>
    <row r="584906" spans="14:14">
      <c r="N584906" s="10"/>
    </row>
    <row r="584907" spans="14:14">
      <c r="N584907" s="10"/>
    </row>
    <row r="584908" spans="14:14">
      <c r="N584908" s="10"/>
    </row>
    <row r="584909" spans="14:14">
      <c r="N584909" s="10"/>
    </row>
    <row r="584910" spans="14:14">
      <c r="N584910" s="10"/>
    </row>
    <row r="584911" spans="14:14">
      <c r="N584911" s="10"/>
    </row>
    <row r="584912" spans="14:14">
      <c r="N584912" s="10"/>
    </row>
    <row r="584913" spans="14:14">
      <c r="N584913" s="10"/>
    </row>
    <row r="584914" spans="14:14">
      <c r="N584914" s="10"/>
    </row>
    <row r="584915" spans="14:14">
      <c r="N584915" s="10"/>
    </row>
    <row r="584916" spans="14:14">
      <c r="N584916" s="10"/>
    </row>
    <row r="584917" spans="14:14">
      <c r="N584917" s="10"/>
    </row>
    <row r="584918" spans="14:14">
      <c r="N584918" s="10"/>
    </row>
    <row r="584919" spans="14:14">
      <c r="N584919" s="10"/>
    </row>
    <row r="584920" spans="14:14">
      <c r="N584920" s="10"/>
    </row>
    <row r="584921" spans="14:14">
      <c r="N584921" s="10"/>
    </row>
    <row r="584922" spans="14:14">
      <c r="N584922" s="10"/>
    </row>
    <row r="584923" spans="14:14">
      <c r="N584923" s="10"/>
    </row>
    <row r="584924" spans="14:14">
      <c r="N584924" s="10"/>
    </row>
    <row r="584925" spans="14:14">
      <c r="N584925" s="10"/>
    </row>
    <row r="584926" spans="14:14">
      <c r="N584926" s="10"/>
    </row>
    <row r="584927" spans="14:14">
      <c r="N584927" s="10"/>
    </row>
    <row r="584928" spans="14:14">
      <c r="N584928" s="10"/>
    </row>
    <row r="584929" spans="14:14">
      <c r="N584929" s="10"/>
    </row>
    <row r="584930" spans="14:14">
      <c r="N584930" s="10"/>
    </row>
    <row r="584931" spans="14:14">
      <c r="N584931" s="10"/>
    </row>
    <row r="584932" spans="14:14">
      <c r="N584932" s="10"/>
    </row>
    <row r="584933" spans="14:14">
      <c r="N584933" s="10"/>
    </row>
    <row r="584934" spans="14:14">
      <c r="N584934" s="10"/>
    </row>
    <row r="584935" spans="14:14">
      <c r="N584935" s="10"/>
    </row>
    <row r="584936" spans="14:14">
      <c r="N584936" s="10"/>
    </row>
    <row r="584937" spans="14:14">
      <c r="N584937" s="10"/>
    </row>
    <row r="584938" spans="14:14">
      <c r="N584938" s="10"/>
    </row>
    <row r="584939" spans="14:14">
      <c r="N584939" s="10"/>
    </row>
    <row r="584940" spans="14:14">
      <c r="N584940" s="10"/>
    </row>
    <row r="584941" spans="14:14">
      <c r="N584941" s="10"/>
    </row>
    <row r="584942" spans="14:14">
      <c r="N584942" s="10"/>
    </row>
    <row r="584943" spans="14:14">
      <c r="N584943" s="10"/>
    </row>
    <row r="584944" spans="14:14">
      <c r="N584944" s="10"/>
    </row>
    <row r="584945" spans="14:14">
      <c r="N584945" s="10"/>
    </row>
    <row r="584946" spans="14:14">
      <c r="N584946" s="10"/>
    </row>
    <row r="584947" spans="14:14">
      <c r="N584947" s="10"/>
    </row>
    <row r="584948" spans="14:14">
      <c r="N584948" s="10"/>
    </row>
    <row r="584949" spans="14:14">
      <c r="N584949" s="10"/>
    </row>
    <row r="584950" spans="14:14">
      <c r="N584950" s="10"/>
    </row>
    <row r="584951" spans="14:14">
      <c r="N584951" s="10"/>
    </row>
    <row r="584952" spans="14:14">
      <c r="N584952" s="10"/>
    </row>
    <row r="584953" spans="14:14">
      <c r="N584953" s="10"/>
    </row>
    <row r="584954" spans="14:14">
      <c r="N584954" s="10"/>
    </row>
    <row r="584955" spans="14:14">
      <c r="N584955" s="10"/>
    </row>
    <row r="584956" spans="14:14">
      <c r="N584956" s="10"/>
    </row>
    <row r="584957" spans="14:14">
      <c r="N584957" s="10"/>
    </row>
    <row r="584958" spans="14:14">
      <c r="N584958" s="10"/>
    </row>
    <row r="584959" spans="14:14">
      <c r="N584959" s="10"/>
    </row>
    <row r="584960" spans="14:14">
      <c r="N584960" s="10"/>
    </row>
    <row r="584961" spans="14:14">
      <c r="N584961" s="10"/>
    </row>
    <row r="584962" spans="14:14">
      <c r="N584962" s="10"/>
    </row>
    <row r="584963" spans="14:14">
      <c r="N584963" s="10"/>
    </row>
    <row r="584964" spans="14:14">
      <c r="N584964" s="10"/>
    </row>
    <row r="584965" spans="14:14">
      <c r="N584965" s="10"/>
    </row>
    <row r="584966" spans="14:14">
      <c r="N584966" s="10"/>
    </row>
    <row r="584967" spans="14:14">
      <c r="N584967" s="10"/>
    </row>
    <row r="584968" spans="14:14">
      <c r="N584968" s="10"/>
    </row>
    <row r="584969" spans="14:14">
      <c r="N584969" s="10"/>
    </row>
    <row r="584970" spans="14:14">
      <c r="N584970" s="10"/>
    </row>
    <row r="584971" spans="14:14">
      <c r="N584971" s="10"/>
    </row>
    <row r="584972" spans="14:14">
      <c r="N584972" s="10"/>
    </row>
    <row r="584973" spans="14:14">
      <c r="N584973" s="10"/>
    </row>
    <row r="584974" spans="14:14">
      <c r="N584974" s="10"/>
    </row>
    <row r="584975" spans="14:14">
      <c r="N584975" s="10"/>
    </row>
    <row r="584976" spans="14:14">
      <c r="N584976" s="10"/>
    </row>
    <row r="584977" spans="14:14">
      <c r="N584977" s="10"/>
    </row>
    <row r="584978" spans="14:14">
      <c r="N584978" s="10"/>
    </row>
    <row r="584979" spans="14:14">
      <c r="N584979" s="10"/>
    </row>
    <row r="584980" spans="14:14">
      <c r="N584980" s="10"/>
    </row>
    <row r="584981" spans="14:14">
      <c r="N584981" s="10"/>
    </row>
    <row r="584982" spans="14:14">
      <c r="N584982" s="10"/>
    </row>
    <row r="584983" spans="14:14">
      <c r="N584983" s="10"/>
    </row>
    <row r="584984" spans="14:14">
      <c r="N584984" s="10"/>
    </row>
    <row r="584985" spans="14:14">
      <c r="N584985" s="10"/>
    </row>
    <row r="584986" spans="14:14">
      <c r="N584986" s="10"/>
    </row>
    <row r="584987" spans="14:14">
      <c r="N584987" s="10"/>
    </row>
    <row r="584988" spans="14:14">
      <c r="N584988" s="10"/>
    </row>
    <row r="584989" spans="14:14">
      <c r="N584989" s="10"/>
    </row>
    <row r="584990" spans="14:14">
      <c r="N584990" s="10"/>
    </row>
    <row r="584991" spans="14:14">
      <c r="N584991" s="10"/>
    </row>
    <row r="584992" spans="14:14">
      <c r="N584992" s="10"/>
    </row>
    <row r="584993" spans="14:14">
      <c r="N584993" s="10"/>
    </row>
    <row r="584994" spans="14:14">
      <c r="N584994" s="10"/>
    </row>
    <row r="584995" spans="14:14">
      <c r="N584995" s="10"/>
    </row>
    <row r="584996" spans="14:14">
      <c r="N584996" s="10"/>
    </row>
    <row r="584997" spans="14:14">
      <c r="N584997" s="10"/>
    </row>
    <row r="584998" spans="14:14">
      <c r="N584998" s="10"/>
    </row>
    <row r="584999" spans="14:14">
      <c r="N584999" s="10"/>
    </row>
    <row r="585000" spans="14:14">
      <c r="N585000" s="10"/>
    </row>
    <row r="585001" spans="14:14">
      <c r="N585001" s="10"/>
    </row>
    <row r="585002" spans="14:14">
      <c r="N585002" s="10"/>
    </row>
    <row r="585003" spans="14:14">
      <c r="N585003" s="10"/>
    </row>
    <row r="585004" spans="14:14">
      <c r="N585004" s="10"/>
    </row>
    <row r="585005" spans="14:14">
      <c r="N585005" s="10"/>
    </row>
    <row r="585006" spans="14:14">
      <c r="N585006" s="10"/>
    </row>
    <row r="585007" spans="14:14">
      <c r="N585007" s="10"/>
    </row>
    <row r="585008" spans="14:14">
      <c r="N585008" s="10"/>
    </row>
    <row r="585009" spans="14:14">
      <c r="N585009" s="10"/>
    </row>
    <row r="585010" spans="14:14">
      <c r="N585010" s="10"/>
    </row>
    <row r="585011" spans="14:14">
      <c r="N585011" s="10"/>
    </row>
    <row r="585012" spans="14:14">
      <c r="N585012" s="10"/>
    </row>
    <row r="585013" spans="14:14">
      <c r="N585013" s="10"/>
    </row>
    <row r="585014" spans="14:14">
      <c r="N585014" s="10"/>
    </row>
    <row r="585015" spans="14:14">
      <c r="N585015" s="10"/>
    </row>
    <row r="585016" spans="14:14">
      <c r="N585016" s="10"/>
    </row>
    <row r="585017" spans="14:14">
      <c r="N585017" s="10"/>
    </row>
    <row r="585018" spans="14:14">
      <c r="N585018" s="10"/>
    </row>
    <row r="585019" spans="14:14">
      <c r="N585019" s="10"/>
    </row>
    <row r="585020" spans="14:14">
      <c r="N585020" s="10"/>
    </row>
    <row r="585021" spans="14:14">
      <c r="N585021" s="10"/>
    </row>
    <row r="585022" spans="14:14">
      <c r="N585022" s="10"/>
    </row>
    <row r="585023" spans="14:14">
      <c r="N585023" s="10"/>
    </row>
    <row r="585024" spans="14:14">
      <c r="N585024" s="10"/>
    </row>
    <row r="585025" spans="14:14">
      <c r="N585025" s="10"/>
    </row>
    <row r="585026" spans="14:14">
      <c r="N585026" s="10"/>
    </row>
    <row r="585027" spans="14:14">
      <c r="N585027" s="10"/>
    </row>
    <row r="585028" spans="14:14">
      <c r="N585028" s="10"/>
    </row>
    <row r="585029" spans="14:14">
      <c r="N585029" s="10"/>
    </row>
    <row r="585030" spans="14:14">
      <c r="N585030" s="10"/>
    </row>
    <row r="585031" spans="14:14">
      <c r="N585031" s="10"/>
    </row>
    <row r="585032" spans="14:14">
      <c r="N585032" s="10"/>
    </row>
    <row r="585033" spans="14:14">
      <c r="N585033" s="10"/>
    </row>
    <row r="585034" spans="14:14">
      <c r="N585034" s="10"/>
    </row>
    <row r="585035" spans="14:14">
      <c r="N585035" s="10"/>
    </row>
    <row r="585036" spans="14:14">
      <c r="N585036" s="10"/>
    </row>
    <row r="585037" spans="14:14">
      <c r="N585037" s="10"/>
    </row>
    <row r="585038" spans="14:14">
      <c r="N585038" s="10"/>
    </row>
    <row r="585039" spans="14:14">
      <c r="N585039" s="10"/>
    </row>
    <row r="585040" spans="14:14">
      <c r="N585040" s="10"/>
    </row>
    <row r="585041" spans="14:14">
      <c r="N585041" s="10"/>
    </row>
    <row r="585042" spans="14:14">
      <c r="N585042" s="10"/>
    </row>
    <row r="585043" spans="14:14">
      <c r="N585043" s="10"/>
    </row>
    <row r="585044" spans="14:14">
      <c r="N585044" s="10"/>
    </row>
    <row r="585045" spans="14:14">
      <c r="N585045" s="10"/>
    </row>
    <row r="585046" spans="14:14">
      <c r="N585046" s="10"/>
    </row>
    <row r="585047" spans="14:14">
      <c r="N585047" s="10"/>
    </row>
    <row r="585048" spans="14:14">
      <c r="N585048" s="10"/>
    </row>
    <row r="585049" spans="14:14">
      <c r="N585049" s="10"/>
    </row>
    <row r="585050" spans="14:14">
      <c r="N585050" s="10"/>
    </row>
    <row r="585051" spans="14:14">
      <c r="N585051" s="10"/>
    </row>
    <row r="585052" spans="14:14">
      <c r="N585052" s="10"/>
    </row>
    <row r="585053" spans="14:14">
      <c r="N585053" s="10"/>
    </row>
    <row r="585054" spans="14:14">
      <c r="N585054" s="10"/>
    </row>
    <row r="585055" spans="14:14">
      <c r="N585055" s="10"/>
    </row>
    <row r="585056" spans="14:14">
      <c r="N585056" s="10"/>
    </row>
    <row r="585057" spans="14:14">
      <c r="N585057" s="10"/>
    </row>
    <row r="585058" spans="14:14">
      <c r="N585058" s="10"/>
    </row>
    <row r="585059" spans="14:14">
      <c r="N585059" s="10"/>
    </row>
    <row r="585060" spans="14:14">
      <c r="N585060" s="10"/>
    </row>
    <row r="585061" spans="14:14">
      <c r="N585061" s="10"/>
    </row>
    <row r="585062" spans="14:14">
      <c r="N585062" s="10"/>
    </row>
    <row r="585063" spans="14:14">
      <c r="N585063" s="10"/>
    </row>
    <row r="585064" spans="14:14">
      <c r="N585064" s="10"/>
    </row>
    <row r="585065" spans="14:14">
      <c r="N585065" s="10"/>
    </row>
    <row r="585066" spans="14:14">
      <c r="N585066" s="10"/>
    </row>
    <row r="585067" spans="14:14">
      <c r="N585067" s="10"/>
    </row>
    <row r="585068" spans="14:14">
      <c r="N585068" s="10"/>
    </row>
    <row r="585069" spans="14:14">
      <c r="N585069" s="10"/>
    </row>
    <row r="585070" spans="14:14">
      <c r="N585070" s="10"/>
    </row>
    <row r="585071" spans="14:14">
      <c r="N585071" s="10"/>
    </row>
    <row r="585072" spans="14:14">
      <c r="N585072" s="10"/>
    </row>
    <row r="585073" spans="14:14">
      <c r="N585073" s="10"/>
    </row>
    <row r="585074" spans="14:14">
      <c r="N585074" s="10"/>
    </row>
    <row r="585075" spans="14:14">
      <c r="N585075" s="10"/>
    </row>
    <row r="585076" spans="14:14">
      <c r="N585076" s="10"/>
    </row>
    <row r="585077" spans="14:14">
      <c r="N585077" s="10"/>
    </row>
    <row r="585078" spans="14:14">
      <c r="N585078" s="10"/>
    </row>
    <row r="585079" spans="14:14">
      <c r="N585079" s="10"/>
    </row>
    <row r="585080" spans="14:14">
      <c r="N585080" s="10"/>
    </row>
    <row r="585081" spans="14:14">
      <c r="N585081" s="10"/>
    </row>
    <row r="585082" spans="14:14">
      <c r="N585082" s="10"/>
    </row>
    <row r="585083" spans="14:14">
      <c r="N585083" s="10"/>
    </row>
    <row r="585084" spans="14:14">
      <c r="N585084" s="10"/>
    </row>
    <row r="585085" spans="14:14">
      <c r="N585085" s="10"/>
    </row>
    <row r="585086" spans="14:14">
      <c r="N585086" s="10"/>
    </row>
    <row r="585087" spans="14:14">
      <c r="N585087" s="10"/>
    </row>
    <row r="585088" spans="14:14">
      <c r="N585088" s="10"/>
    </row>
    <row r="585089" spans="14:14">
      <c r="N585089" s="10"/>
    </row>
    <row r="585090" spans="14:14">
      <c r="N585090" s="10"/>
    </row>
    <row r="585091" spans="14:14">
      <c r="N585091" s="10"/>
    </row>
    <row r="585092" spans="14:14">
      <c r="N585092" s="10"/>
    </row>
    <row r="585093" spans="14:14">
      <c r="N585093" s="10"/>
    </row>
    <row r="585094" spans="14:14">
      <c r="N585094" s="10"/>
    </row>
    <row r="585095" spans="14:14">
      <c r="N585095" s="10"/>
    </row>
    <row r="585096" spans="14:14">
      <c r="N585096" s="10"/>
    </row>
    <row r="585097" spans="14:14">
      <c r="N585097" s="10"/>
    </row>
    <row r="585098" spans="14:14">
      <c r="N585098" s="10"/>
    </row>
    <row r="585099" spans="14:14">
      <c r="N585099" s="10"/>
    </row>
    <row r="585100" spans="14:14">
      <c r="N585100" s="10"/>
    </row>
    <row r="585101" spans="14:14">
      <c r="N585101" s="10"/>
    </row>
    <row r="585102" spans="14:14">
      <c r="N585102" s="10"/>
    </row>
    <row r="585103" spans="14:14">
      <c r="N585103" s="10"/>
    </row>
    <row r="585104" spans="14:14">
      <c r="N585104" s="10"/>
    </row>
    <row r="585105" spans="14:14">
      <c r="N585105" s="10"/>
    </row>
    <row r="585106" spans="14:14">
      <c r="N585106" s="10"/>
    </row>
    <row r="585107" spans="14:14">
      <c r="N585107" s="10"/>
    </row>
    <row r="585108" spans="14:14">
      <c r="N585108" s="10"/>
    </row>
    <row r="585109" spans="14:14">
      <c r="N585109" s="10"/>
    </row>
    <row r="585110" spans="14:14">
      <c r="N585110" s="10"/>
    </row>
    <row r="585111" spans="14:14">
      <c r="N585111" s="10"/>
    </row>
    <row r="585112" spans="14:14">
      <c r="N585112" s="10"/>
    </row>
    <row r="585113" spans="14:14">
      <c r="N585113" s="10"/>
    </row>
    <row r="585114" spans="14:14">
      <c r="N585114" s="10"/>
    </row>
    <row r="585115" spans="14:14">
      <c r="N585115" s="10"/>
    </row>
    <row r="585116" spans="14:14">
      <c r="N585116" s="10"/>
    </row>
    <row r="585117" spans="14:14">
      <c r="N585117" s="10"/>
    </row>
    <row r="585118" spans="14:14">
      <c r="N585118" s="10"/>
    </row>
    <row r="585119" spans="14:14">
      <c r="N585119" s="10"/>
    </row>
    <row r="585120" spans="14:14">
      <c r="N585120" s="10"/>
    </row>
    <row r="585121" spans="14:14">
      <c r="N585121" s="10"/>
    </row>
    <row r="585122" spans="14:14">
      <c r="N585122" s="10"/>
    </row>
    <row r="585123" spans="14:14">
      <c r="N585123" s="10"/>
    </row>
    <row r="585124" spans="14:14">
      <c r="N585124" s="10"/>
    </row>
    <row r="585125" spans="14:14">
      <c r="N585125" s="10"/>
    </row>
    <row r="585126" spans="14:14">
      <c r="N585126" s="10"/>
    </row>
    <row r="585127" spans="14:14">
      <c r="N585127" s="10"/>
    </row>
    <row r="585128" spans="14:14">
      <c r="N585128" s="10"/>
    </row>
    <row r="585129" spans="14:14">
      <c r="N585129" s="10"/>
    </row>
    <row r="585130" spans="14:14">
      <c r="N585130" s="10"/>
    </row>
    <row r="585131" spans="14:14">
      <c r="N585131" s="10"/>
    </row>
    <row r="585132" spans="14:14">
      <c r="N585132" s="10"/>
    </row>
    <row r="585133" spans="14:14">
      <c r="N585133" s="10"/>
    </row>
    <row r="585134" spans="14:14">
      <c r="N585134" s="10"/>
    </row>
    <row r="585135" spans="14:14">
      <c r="N585135" s="10"/>
    </row>
    <row r="585136" spans="14:14">
      <c r="N585136" s="10"/>
    </row>
    <row r="585137" spans="14:14">
      <c r="N585137" s="10"/>
    </row>
    <row r="585138" spans="14:14">
      <c r="N585138" s="10"/>
    </row>
    <row r="585139" spans="14:14">
      <c r="N585139" s="10"/>
    </row>
    <row r="585140" spans="14:14">
      <c r="N585140" s="10"/>
    </row>
    <row r="585141" spans="14:14">
      <c r="N585141" s="10"/>
    </row>
    <row r="585142" spans="14:14">
      <c r="N585142" s="10"/>
    </row>
    <row r="585143" spans="14:14">
      <c r="N585143" s="10"/>
    </row>
    <row r="585144" spans="14:14">
      <c r="N585144" s="10"/>
    </row>
    <row r="585145" spans="14:14">
      <c r="N585145" s="10"/>
    </row>
    <row r="585146" spans="14:14">
      <c r="N585146" s="10"/>
    </row>
    <row r="585147" spans="14:14">
      <c r="N585147" s="10"/>
    </row>
    <row r="585148" spans="14:14">
      <c r="N585148" s="10"/>
    </row>
    <row r="585149" spans="14:14">
      <c r="N585149" s="10"/>
    </row>
    <row r="585150" spans="14:14">
      <c r="N585150" s="10"/>
    </row>
    <row r="585151" spans="14:14">
      <c r="N585151" s="10"/>
    </row>
    <row r="585152" spans="14:14">
      <c r="N585152" s="10"/>
    </row>
    <row r="585153" spans="14:14">
      <c r="N585153" s="10"/>
    </row>
    <row r="585154" spans="14:14">
      <c r="N585154" s="10"/>
    </row>
    <row r="585155" spans="14:14">
      <c r="N585155" s="10"/>
    </row>
    <row r="585156" spans="14:14">
      <c r="N585156" s="10"/>
    </row>
    <row r="585157" spans="14:14">
      <c r="N585157" s="10"/>
    </row>
    <row r="585158" spans="14:14">
      <c r="N585158" s="10"/>
    </row>
    <row r="585159" spans="14:14">
      <c r="N585159" s="10"/>
    </row>
    <row r="585160" spans="14:14">
      <c r="N585160" s="10"/>
    </row>
    <row r="585161" spans="14:14">
      <c r="N585161" s="10"/>
    </row>
    <row r="585162" spans="14:14">
      <c r="N585162" s="10"/>
    </row>
    <row r="585163" spans="14:14">
      <c r="N585163" s="10"/>
    </row>
    <row r="585164" spans="14:14">
      <c r="N585164" s="10"/>
    </row>
    <row r="585165" spans="14:14">
      <c r="N585165" s="10"/>
    </row>
    <row r="585166" spans="14:14">
      <c r="N585166" s="10"/>
    </row>
    <row r="585167" spans="14:14">
      <c r="N585167" s="10"/>
    </row>
    <row r="585168" spans="14:14">
      <c r="N585168" s="10"/>
    </row>
    <row r="585169" spans="14:14">
      <c r="N585169" s="10"/>
    </row>
    <row r="585170" spans="14:14">
      <c r="N585170" s="10"/>
    </row>
    <row r="585171" spans="14:14">
      <c r="N585171" s="10"/>
    </row>
    <row r="585172" spans="14:14">
      <c r="N585172" s="10"/>
    </row>
    <row r="585173" spans="14:14">
      <c r="N585173" s="10"/>
    </row>
    <row r="585174" spans="14:14">
      <c r="N585174" s="10"/>
    </row>
    <row r="585175" spans="14:14">
      <c r="N585175" s="10"/>
    </row>
    <row r="585176" spans="14:14">
      <c r="N585176" s="10"/>
    </row>
    <row r="585177" spans="14:14">
      <c r="N585177" s="10"/>
    </row>
    <row r="585178" spans="14:14">
      <c r="N585178" s="10"/>
    </row>
    <row r="585179" spans="14:14">
      <c r="N585179" s="10"/>
    </row>
    <row r="585180" spans="14:14">
      <c r="N585180" s="10"/>
    </row>
    <row r="585181" spans="14:14">
      <c r="N585181" s="10"/>
    </row>
    <row r="585182" spans="14:14">
      <c r="N585182" s="10"/>
    </row>
    <row r="585183" spans="14:14">
      <c r="N585183" s="10"/>
    </row>
    <row r="585184" spans="14:14">
      <c r="N585184" s="10"/>
    </row>
    <row r="585185" spans="14:14">
      <c r="N585185" s="10"/>
    </row>
    <row r="585186" spans="14:14">
      <c r="N585186" s="10"/>
    </row>
    <row r="585187" spans="14:14">
      <c r="N585187" s="10"/>
    </row>
    <row r="585188" spans="14:14">
      <c r="N585188" s="10"/>
    </row>
    <row r="585189" spans="14:14">
      <c r="N585189" s="10"/>
    </row>
    <row r="585190" spans="14:14">
      <c r="N585190" s="10"/>
    </row>
    <row r="585191" spans="14:14">
      <c r="N585191" s="10"/>
    </row>
    <row r="585192" spans="14:14">
      <c r="N585192" s="10"/>
    </row>
    <row r="585193" spans="14:14">
      <c r="N585193" s="10"/>
    </row>
    <row r="585194" spans="14:14">
      <c r="N585194" s="10"/>
    </row>
    <row r="585195" spans="14:14">
      <c r="N585195" s="10"/>
    </row>
    <row r="585196" spans="14:14">
      <c r="N585196" s="10"/>
    </row>
    <row r="585197" spans="14:14">
      <c r="N585197" s="10"/>
    </row>
    <row r="585198" spans="14:14">
      <c r="N585198" s="10"/>
    </row>
    <row r="585199" spans="14:14">
      <c r="N585199" s="10"/>
    </row>
    <row r="585200" spans="14:14">
      <c r="N585200" s="10"/>
    </row>
    <row r="585201" spans="14:14">
      <c r="N585201" s="10"/>
    </row>
    <row r="585202" spans="14:14">
      <c r="N585202" s="10"/>
    </row>
    <row r="585203" spans="14:14">
      <c r="N585203" s="10"/>
    </row>
    <row r="585204" spans="14:14">
      <c r="N585204" s="10"/>
    </row>
    <row r="585205" spans="14:14">
      <c r="N585205" s="10"/>
    </row>
    <row r="585206" spans="14:14">
      <c r="N585206" s="10"/>
    </row>
    <row r="585207" spans="14:14">
      <c r="N585207" s="10"/>
    </row>
    <row r="585208" spans="14:14">
      <c r="N585208" s="10"/>
    </row>
    <row r="585209" spans="14:14">
      <c r="N585209" s="10"/>
    </row>
    <row r="585210" spans="14:14">
      <c r="N585210" s="10"/>
    </row>
    <row r="585211" spans="14:14">
      <c r="N585211" s="10"/>
    </row>
    <row r="585212" spans="14:14">
      <c r="N585212" s="10"/>
    </row>
    <row r="585213" spans="14:14">
      <c r="N585213" s="10"/>
    </row>
    <row r="585214" spans="14:14">
      <c r="N585214" s="10"/>
    </row>
    <row r="585215" spans="14:14">
      <c r="N585215" s="10"/>
    </row>
    <row r="585216" spans="14:14">
      <c r="N585216" s="10"/>
    </row>
    <row r="585217" spans="14:14">
      <c r="N585217" s="10"/>
    </row>
    <row r="585218" spans="14:14">
      <c r="N585218" s="10"/>
    </row>
    <row r="585219" spans="14:14">
      <c r="N585219" s="10"/>
    </row>
    <row r="585220" spans="14:14">
      <c r="N585220" s="10"/>
    </row>
    <row r="585221" spans="14:14">
      <c r="N585221" s="10"/>
    </row>
    <row r="585222" spans="14:14">
      <c r="N585222" s="10"/>
    </row>
    <row r="585223" spans="14:14">
      <c r="N585223" s="10"/>
    </row>
    <row r="585224" spans="14:14">
      <c r="N585224" s="10"/>
    </row>
    <row r="585225" spans="14:14">
      <c r="N585225" s="10"/>
    </row>
    <row r="585226" spans="14:14">
      <c r="N585226" s="10"/>
    </row>
    <row r="585227" spans="14:14">
      <c r="N585227" s="10"/>
    </row>
    <row r="585228" spans="14:14">
      <c r="N585228" s="10"/>
    </row>
    <row r="585229" spans="14:14">
      <c r="N585229" s="10"/>
    </row>
    <row r="585230" spans="14:14">
      <c r="N585230" s="10"/>
    </row>
    <row r="585231" spans="14:14">
      <c r="N585231" s="10"/>
    </row>
    <row r="585232" spans="14:14">
      <c r="N585232" s="10"/>
    </row>
    <row r="585233" spans="14:14">
      <c r="N585233" s="10"/>
    </row>
    <row r="585234" spans="14:14">
      <c r="N585234" s="10"/>
    </row>
    <row r="585235" spans="14:14">
      <c r="N585235" s="10"/>
    </row>
    <row r="585236" spans="14:14">
      <c r="N585236" s="10"/>
    </row>
    <row r="585237" spans="14:14">
      <c r="N585237" s="10"/>
    </row>
    <row r="585238" spans="14:14">
      <c r="N585238" s="10"/>
    </row>
    <row r="585239" spans="14:14">
      <c r="N585239" s="10"/>
    </row>
    <row r="585240" spans="14:14">
      <c r="N585240" s="10"/>
    </row>
    <row r="585241" spans="14:14">
      <c r="N585241" s="10"/>
    </row>
    <row r="585242" spans="14:14">
      <c r="N585242" s="10"/>
    </row>
    <row r="585243" spans="14:14">
      <c r="N585243" s="10"/>
    </row>
    <row r="585244" spans="14:14">
      <c r="N585244" s="10"/>
    </row>
    <row r="585245" spans="14:14">
      <c r="N585245" s="10"/>
    </row>
    <row r="585246" spans="14:14">
      <c r="N585246" s="10"/>
    </row>
    <row r="585247" spans="14:14">
      <c r="N585247" s="10"/>
    </row>
    <row r="585248" spans="14:14">
      <c r="N585248" s="10"/>
    </row>
    <row r="585249" spans="14:14">
      <c r="N585249" s="10"/>
    </row>
    <row r="585250" spans="14:14">
      <c r="N585250" s="10"/>
    </row>
    <row r="585251" spans="14:14">
      <c r="N585251" s="10"/>
    </row>
    <row r="585252" spans="14:14">
      <c r="N585252" s="10"/>
    </row>
    <row r="585253" spans="14:14">
      <c r="N585253" s="10"/>
    </row>
    <row r="585254" spans="14:14">
      <c r="N585254" s="10"/>
    </row>
    <row r="585255" spans="14:14">
      <c r="N585255" s="10"/>
    </row>
    <row r="585256" spans="14:14">
      <c r="N585256" s="10"/>
    </row>
    <row r="585257" spans="14:14">
      <c r="N585257" s="10"/>
    </row>
    <row r="585258" spans="14:14">
      <c r="N585258" s="10"/>
    </row>
    <row r="585259" spans="14:14">
      <c r="N585259" s="10"/>
    </row>
    <row r="585260" spans="14:14">
      <c r="N585260" s="10"/>
    </row>
    <row r="585261" spans="14:14">
      <c r="N585261" s="10"/>
    </row>
    <row r="585262" spans="14:14">
      <c r="N585262" s="10"/>
    </row>
    <row r="585263" spans="14:14">
      <c r="N585263" s="10"/>
    </row>
    <row r="585264" spans="14:14">
      <c r="N585264" s="10"/>
    </row>
    <row r="585265" spans="14:14">
      <c r="N585265" s="10"/>
    </row>
    <row r="585266" spans="14:14">
      <c r="N585266" s="10"/>
    </row>
    <row r="585267" spans="14:14">
      <c r="N585267" s="10"/>
    </row>
    <row r="585268" spans="14:14">
      <c r="N585268" s="10"/>
    </row>
    <row r="585269" spans="14:14">
      <c r="N585269" s="10"/>
    </row>
    <row r="585270" spans="14:14">
      <c r="N585270" s="10"/>
    </row>
    <row r="585271" spans="14:14">
      <c r="N585271" s="10"/>
    </row>
    <row r="585272" spans="14:14">
      <c r="N585272" s="10"/>
    </row>
    <row r="585273" spans="14:14">
      <c r="N585273" s="10"/>
    </row>
    <row r="585274" spans="14:14">
      <c r="N585274" s="10"/>
    </row>
    <row r="585275" spans="14:14">
      <c r="N585275" s="10"/>
    </row>
    <row r="585276" spans="14:14">
      <c r="N585276" s="10"/>
    </row>
    <row r="585277" spans="14:14">
      <c r="N585277" s="10"/>
    </row>
    <row r="585278" spans="14:14">
      <c r="N585278" s="10"/>
    </row>
    <row r="585279" spans="14:14">
      <c r="N585279" s="10"/>
    </row>
    <row r="585280" spans="14:14">
      <c r="N585280" s="10"/>
    </row>
    <row r="585281" spans="14:14">
      <c r="N585281" s="10"/>
    </row>
    <row r="585282" spans="14:14">
      <c r="N585282" s="10"/>
    </row>
    <row r="585283" spans="14:14">
      <c r="N585283" s="10"/>
    </row>
    <row r="585284" spans="14:14">
      <c r="N585284" s="10"/>
    </row>
    <row r="585285" spans="14:14">
      <c r="N585285" s="10"/>
    </row>
    <row r="585286" spans="14:14">
      <c r="N585286" s="10"/>
    </row>
    <row r="585287" spans="14:14">
      <c r="N585287" s="10"/>
    </row>
    <row r="585288" spans="14:14">
      <c r="N585288" s="10"/>
    </row>
    <row r="585289" spans="14:14">
      <c r="N585289" s="10"/>
    </row>
    <row r="585290" spans="14:14">
      <c r="N585290" s="10"/>
    </row>
    <row r="585291" spans="14:14">
      <c r="N585291" s="10"/>
    </row>
    <row r="585292" spans="14:14">
      <c r="N585292" s="10"/>
    </row>
    <row r="585293" spans="14:14">
      <c r="N585293" s="10"/>
    </row>
    <row r="585294" spans="14:14">
      <c r="N585294" s="10"/>
    </row>
    <row r="585295" spans="14:14">
      <c r="N585295" s="10"/>
    </row>
    <row r="585296" spans="14:14">
      <c r="N585296" s="10"/>
    </row>
    <row r="585297" spans="14:14">
      <c r="N585297" s="10"/>
    </row>
    <row r="585298" spans="14:14">
      <c r="N585298" s="10"/>
    </row>
    <row r="585299" spans="14:14">
      <c r="N585299" s="10"/>
    </row>
    <row r="585300" spans="14:14">
      <c r="N585300" s="10"/>
    </row>
    <row r="585301" spans="14:14">
      <c r="N585301" s="10"/>
    </row>
    <row r="585302" spans="14:14">
      <c r="N585302" s="10"/>
    </row>
    <row r="585303" spans="14:14">
      <c r="N585303" s="10"/>
    </row>
    <row r="585304" spans="14:14">
      <c r="N585304" s="10"/>
    </row>
    <row r="585305" spans="14:14">
      <c r="N585305" s="10"/>
    </row>
    <row r="585306" spans="14:14">
      <c r="N585306" s="10"/>
    </row>
    <row r="585307" spans="14:14">
      <c r="N585307" s="10"/>
    </row>
    <row r="585308" spans="14:14">
      <c r="N585308" s="10"/>
    </row>
    <row r="585309" spans="14:14">
      <c r="N585309" s="10"/>
    </row>
    <row r="585310" spans="14:14">
      <c r="N585310" s="10"/>
    </row>
    <row r="585311" spans="14:14">
      <c r="N585311" s="10"/>
    </row>
    <row r="585312" spans="14:14">
      <c r="N585312" s="10"/>
    </row>
    <row r="585313" spans="14:14">
      <c r="N585313" s="10"/>
    </row>
    <row r="585314" spans="14:14">
      <c r="N585314" s="10"/>
    </row>
    <row r="585315" spans="14:14">
      <c r="N585315" s="10"/>
    </row>
    <row r="585316" spans="14:14">
      <c r="N585316" s="10"/>
    </row>
    <row r="585317" spans="14:14">
      <c r="N585317" s="10"/>
    </row>
    <row r="585318" spans="14:14">
      <c r="N585318" s="10"/>
    </row>
    <row r="585319" spans="14:14">
      <c r="N585319" s="10"/>
    </row>
    <row r="585320" spans="14:14">
      <c r="N585320" s="10"/>
    </row>
    <row r="585321" spans="14:14">
      <c r="N585321" s="10"/>
    </row>
    <row r="585322" spans="14:14">
      <c r="N585322" s="10"/>
    </row>
    <row r="585323" spans="14:14">
      <c r="N585323" s="10"/>
    </row>
    <row r="585324" spans="14:14">
      <c r="N585324" s="10"/>
    </row>
    <row r="585325" spans="14:14">
      <c r="N585325" s="10"/>
    </row>
    <row r="585326" spans="14:14">
      <c r="N585326" s="10"/>
    </row>
    <row r="585327" spans="14:14">
      <c r="N585327" s="10"/>
    </row>
    <row r="585328" spans="14:14">
      <c r="N585328" s="10"/>
    </row>
    <row r="585329" spans="14:14">
      <c r="N585329" s="10"/>
    </row>
    <row r="585330" spans="14:14">
      <c r="N585330" s="10"/>
    </row>
    <row r="585331" spans="14:14">
      <c r="N585331" s="10"/>
    </row>
    <row r="585332" spans="14:14">
      <c r="N585332" s="10"/>
    </row>
    <row r="585333" spans="14:14">
      <c r="N585333" s="10"/>
    </row>
    <row r="585334" spans="14:14">
      <c r="N585334" s="10"/>
    </row>
    <row r="585335" spans="14:14">
      <c r="N585335" s="10"/>
    </row>
    <row r="585336" spans="14:14">
      <c r="N585336" s="10"/>
    </row>
    <row r="585337" spans="14:14">
      <c r="N585337" s="10"/>
    </row>
    <row r="585338" spans="14:14">
      <c r="N585338" s="10"/>
    </row>
    <row r="585339" spans="14:14">
      <c r="N585339" s="10"/>
    </row>
    <row r="585340" spans="14:14">
      <c r="N585340" s="10"/>
    </row>
    <row r="585341" spans="14:14">
      <c r="N585341" s="10"/>
    </row>
    <row r="585342" spans="14:14">
      <c r="N585342" s="10"/>
    </row>
    <row r="585343" spans="14:14">
      <c r="N585343" s="10"/>
    </row>
    <row r="585344" spans="14:14">
      <c r="N585344" s="10"/>
    </row>
    <row r="585345" spans="14:14">
      <c r="N585345" s="10"/>
    </row>
    <row r="585346" spans="14:14">
      <c r="N585346" s="10"/>
    </row>
    <row r="585347" spans="14:14">
      <c r="N585347" s="10"/>
    </row>
    <row r="585348" spans="14:14">
      <c r="N585348" s="10"/>
    </row>
    <row r="585349" spans="14:14">
      <c r="N585349" s="10"/>
    </row>
    <row r="585350" spans="14:14">
      <c r="N585350" s="10"/>
    </row>
    <row r="585351" spans="14:14">
      <c r="N585351" s="10"/>
    </row>
    <row r="585352" spans="14:14">
      <c r="N585352" s="10"/>
    </row>
    <row r="585353" spans="14:14">
      <c r="N585353" s="10"/>
    </row>
    <row r="585354" spans="14:14">
      <c r="N585354" s="10"/>
    </row>
    <row r="585355" spans="14:14">
      <c r="N585355" s="10"/>
    </row>
    <row r="585356" spans="14:14">
      <c r="N585356" s="10"/>
    </row>
    <row r="585357" spans="14:14">
      <c r="N585357" s="10"/>
    </row>
    <row r="585358" spans="14:14">
      <c r="N585358" s="10"/>
    </row>
    <row r="585359" spans="14:14">
      <c r="N585359" s="10"/>
    </row>
    <row r="585360" spans="14:14">
      <c r="N585360" s="10"/>
    </row>
    <row r="585361" spans="14:14">
      <c r="N585361" s="10"/>
    </row>
    <row r="585362" spans="14:14">
      <c r="N585362" s="10"/>
    </row>
    <row r="585363" spans="14:14">
      <c r="N585363" s="10"/>
    </row>
    <row r="585364" spans="14:14">
      <c r="N585364" s="10"/>
    </row>
    <row r="585365" spans="14:14">
      <c r="N585365" s="10"/>
    </row>
    <row r="585366" spans="14:14">
      <c r="N585366" s="10"/>
    </row>
    <row r="585367" spans="14:14">
      <c r="N585367" s="10"/>
    </row>
    <row r="585368" spans="14:14">
      <c r="N585368" s="10"/>
    </row>
    <row r="585369" spans="14:14">
      <c r="N585369" s="10"/>
    </row>
    <row r="585370" spans="14:14">
      <c r="N585370" s="10"/>
    </row>
    <row r="585371" spans="14:14">
      <c r="N585371" s="10"/>
    </row>
    <row r="585372" spans="14:14">
      <c r="N585372" s="10"/>
    </row>
    <row r="585373" spans="14:14">
      <c r="N585373" s="10"/>
    </row>
    <row r="585374" spans="14:14">
      <c r="N585374" s="10"/>
    </row>
    <row r="585375" spans="14:14">
      <c r="N585375" s="10"/>
    </row>
    <row r="585376" spans="14:14">
      <c r="N585376" s="10"/>
    </row>
    <row r="585377" spans="14:14">
      <c r="N585377" s="10"/>
    </row>
    <row r="585378" spans="14:14">
      <c r="N585378" s="10"/>
    </row>
    <row r="585379" spans="14:14">
      <c r="N585379" s="10"/>
    </row>
    <row r="585380" spans="14:14">
      <c r="N585380" s="10"/>
    </row>
    <row r="585381" spans="14:14">
      <c r="N585381" s="10"/>
    </row>
    <row r="585382" spans="14:14">
      <c r="N585382" s="10"/>
    </row>
    <row r="585383" spans="14:14">
      <c r="N585383" s="10"/>
    </row>
    <row r="585384" spans="14:14">
      <c r="N585384" s="10"/>
    </row>
    <row r="585385" spans="14:14">
      <c r="N585385" s="10"/>
    </row>
    <row r="585386" spans="14:14">
      <c r="N585386" s="10"/>
    </row>
    <row r="585387" spans="14:14">
      <c r="N585387" s="10"/>
    </row>
    <row r="585388" spans="14:14">
      <c r="N585388" s="10"/>
    </row>
    <row r="585389" spans="14:14">
      <c r="N585389" s="10"/>
    </row>
    <row r="585390" spans="14:14">
      <c r="N585390" s="10"/>
    </row>
    <row r="585391" spans="14:14">
      <c r="N585391" s="10"/>
    </row>
    <row r="585392" spans="14:14">
      <c r="N585392" s="10"/>
    </row>
    <row r="585393" spans="14:14">
      <c r="N585393" s="10"/>
    </row>
    <row r="585394" spans="14:14">
      <c r="N585394" s="10"/>
    </row>
    <row r="585395" spans="14:14">
      <c r="N585395" s="10"/>
    </row>
    <row r="585396" spans="14:14">
      <c r="N585396" s="10"/>
    </row>
    <row r="585397" spans="14:14">
      <c r="N585397" s="10"/>
    </row>
    <row r="585398" spans="14:14">
      <c r="N585398" s="10"/>
    </row>
    <row r="585399" spans="14:14">
      <c r="N585399" s="10"/>
    </row>
    <row r="585400" spans="14:14">
      <c r="N585400" s="10"/>
    </row>
    <row r="585401" spans="14:14">
      <c r="N585401" s="10"/>
    </row>
    <row r="585402" spans="14:14">
      <c r="N585402" s="10"/>
    </row>
    <row r="585403" spans="14:14">
      <c r="N585403" s="10"/>
    </row>
    <row r="585404" spans="14:14">
      <c r="N585404" s="10"/>
    </row>
    <row r="585405" spans="14:14">
      <c r="N585405" s="10"/>
    </row>
    <row r="585406" spans="14:14">
      <c r="N585406" s="10"/>
    </row>
    <row r="585407" spans="14:14">
      <c r="N585407" s="10"/>
    </row>
    <row r="585408" spans="14:14">
      <c r="N585408" s="10"/>
    </row>
    <row r="585409" spans="14:14">
      <c r="N585409" s="10"/>
    </row>
    <row r="585410" spans="14:14">
      <c r="N585410" s="10"/>
    </row>
    <row r="585411" spans="14:14">
      <c r="N585411" s="10"/>
    </row>
    <row r="585412" spans="14:14">
      <c r="N585412" s="10"/>
    </row>
    <row r="585413" spans="14:14">
      <c r="N585413" s="10"/>
    </row>
    <row r="585414" spans="14:14">
      <c r="N585414" s="10"/>
    </row>
    <row r="585415" spans="14:14">
      <c r="N585415" s="10"/>
    </row>
    <row r="585416" spans="14:14">
      <c r="N585416" s="10"/>
    </row>
    <row r="585417" spans="14:14">
      <c r="N585417" s="10"/>
    </row>
    <row r="585418" spans="14:14">
      <c r="N585418" s="10"/>
    </row>
    <row r="585419" spans="14:14">
      <c r="N585419" s="10"/>
    </row>
    <row r="585420" spans="14:14">
      <c r="N585420" s="10"/>
    </row>
    <row r="585421" spans="14:14">
      <c r="N585421" s="10"/>
    </row>
    <row r="585422" spans="14:14">
      <c r="N585422" s="10"/>
    </row>
    <row r="585423" spans="14:14">
      <c r="N585423" s="10"/>
    </row>
    <row r="585424" spans="14:14">
      <c r="N585424" s="10"/>
    </row>
    <row r="585425" spans="14:14">
      <c r="N585425" s="10"/>
    </row>
    <row r="585426" spans="14:14">
      <c r="N585426" s="10"/>
    </row>
    <row r="585427" spans="14:14">
      <c r="N585427" s="10"/>
    </row>
    <row r="585428" spans="14:14">
      <c r="N585428" s="10"/>
    </row>
    <row r="585429" spans="14:14">
      <c r="N585429" s="10"/>
    </row>
    <row r="585430" spans="14:14">
      <c r="N585430" s="10"/>
    </row>
    <row r="585431" spans="14:14">
      <c r="N585431" s="10"/>
    </row>
    <row r="585432" spans="14:14">
      <c r="N585432" s="10"/>
    </row>
    <row r="585433" spans="14:14">
      <c r="N585433" s="10"/>
    </row>
    <row r="585434" spans="14:14">
      <c r="N585434" s="10"/>
    </row>
    <row r="585435" spans="14:14">
      <c r="N585435" s="10"/>
    </row>
    <row r="585436" spans="14:14">
      <c r="N585436" s="10"/>
    </row>
    <row r="585437" spans="14:14">
      <c r="N585437" s="10"/>
    </row>
    <row r="585438" spans="14:14">
      <c r="N585438" s="10"/>
    </row>
    <row r="585439" spans="14:14">
      <c r="N585439" s="10"/>
    </row>
    <row r="585440" spans="14:14">
      <c r="N585440" s="10"/>
    </row>
    <row r="585441" spans="14:14">
      <c r="N585441" s="10"/>
    </row>
    <row r="585442" spans="14:14">
      <c r="N585442" s="10"/>
    </row>
    <row r="585443" spans="14:14">
      <c r="N585443" s="10"/>
    </row>
    <row r="585444" spans="14:14">
      <c r="N585444" s="10"/>
    </row>
    <row r="585445" spans="14:14">
      <c r="N585445" s="10"/>
    </row>
    <row r="585446" spans="14:14">
      <c r="N585446" s="10"/>
    </row>
    <row r="585447" spans="14:14">
      <c r="N585447" s="10"/>
    </row>
    <row r="585448" spans="14:14">
      <c r="N585448" s="10"/>
    </row>
    <row r="585449" spans="14:14">
      <c r="N585449" s="10"/>
    </row>
    <row r="585450" spans="14:14">
      <c r="N585450" s="10"/>
    </row>
    <row r="585451" spans="14:14">
      <c r="N585451" s="10"/>
    </row>
    <row r="585452" spans="14:14">
      <c r="N585452" s="10"/>
    </row>
    <row r="585453" spans="14:14">
      <c r="N585453" s="10"/>
    </row>
    <row r="585454" spans="14:14">
      <c r="N585454" s="10"/>
    </row>
    <row r="585455" spans="14:14">
      <c r="N585455" s="10"/>
    </row>
    <row r="585456" spans="14:14">
      <c r="N585456" s="10"/>
    </row>
    <row r="585457" spans="14:14">
      <c r="N585457" s="10"/>
    </row>
    <row r="585458" spans="14:14">
      <c r="N585458" s="10"/>
    </row>
    <row r="585459" spans="14:14">
      <c r="N585459" s="10"/>
    </row>
    <row r="585460" spans="14:14">
      <c r="N585460" s="10"/>
    </row>
    <row r="585461" spans="14:14">
      <c r="N585461" s="10"/>
    </row>
    <row r="585462" spans="14:14">
      <c r="N585462" s="10"/>
    </row>
    <row r="585463" spans="14:14">
      <c r="N585463" s="10"/>
    </row>
    <row r="585464" spans="14:14">
      <c r="N585464" s="10"/>
    </row>
    <row r="585465" spans="14:14">
      <c r="N585465" s="10"/>
    </row>
    <row r="585466" spans="14:14">
      <c r="N585466" s="10"/>
    </row>
    <row r="585467" spans="14:14">
      <c r="N585467" s="10"/>
    </row>
    <row r="585468" spans="14:14">
      <c r="N585468" s="10"/>
    </row>
    <row r="585469" spans="14:14">
      <c r="N585469" s="10"/>
    </row>
    <row r="585470" spans="14:14">
      <c r="N585470" s="10"/>
    </row>
    <row r="585471" spans="14:14">
      <c r="N585471" s="10"/>
    </row>
    <row r="585472" spans="14:14">
      <c r="N585472" s="10"/>
    </row>
    <row r="585473" spans="14:14">
      <c r="N585473" s="10"/>
    </row>
    <row r="585474" spans="14:14">
      <c r="N585474" s="10"/>
    </row>
    <row r="585475" spans="14:14">
      <c r="N585475" s="10"/>
    </row>
    <row r="585476" spans="14:14">
      <c r="N585476" s="10"/>
    </row>
    <row r="585477" spans="14:14">
      <c r="N585477" s="10"/>
    </row>
    <row r="585478" spans="14:14">
      <c r="N585478" s="10"/>
    </row>
    <row r="585479" spans="14:14">
      <c r="N585479" s="10"/>
    </row>
    <row r="585480" spans="14:14">
      <c r="N585480" s="10"/>
    </row>
    <row r="585481" spans="14:14">
      <c r="N585481" s="10"/>
    </row>
    <row r="585482" spans="14:14">
      <c r="N585482" s="10"/>
    </row>
    <row r="585483" spans="14:14">
      <c r="N585483" s="10"/>
    </row>
    <row r="585484" spans="14:14">
      <c r="N585484" s="10"/>
    </row>
    <row r="585485" spans="14:14">
      <c r="N585485" s="10"/>
    </row>
    <row r="585486" spans="14:14">
      <c r="N585486" s="10"/>
    </row>
    <row r="585487" spans="14:14">
      <c r="N585487" s="10"/>
    </row>
    <row r="585488" spans="14:14">
      <c r="N585488" s="10"/>
    </row>
    <row r="585489" spans="14:14">
      <c r="N585489" s="10"/>
    </row>
    <row r="585490" spans="14:14">
      <c r="N585490" s="10"/>
    </row>
    <row r="585491" spans="14:14">
      <c r="N585491" s="10"/>
    </row>
    <row r="585492" spans="14:14">
      <c r="N585492" s="10"/>
    </row>
    <row r="585493" spans="14:14">
      <c r="N585493" s="10"/>
    </row>
    <row r="585494" spans="14:14">
      <c r="N585494" s="10"/>
    </row>
    <row r="585495" spans="14:14">
      <c r="N585495" s="10"/>
    </row>
    <row r="585496" spans="14:14">
      <c r="N585496" s="10"/>
    </row>
    <row r="585497" spans="14:14">
      <c r="N585497" s="10"/>
    </row>
    <row r="585498" spans="14:14">
      <c r="N585498" s="10"/>
    </row>
    <row r="585499" spans="14:14">
      <c r="N585499" s="10"/>
    </row>
    <row r="585500" spans="14:14">
      <c r="N585500" s="10"/>
    </row>
    <row r="585501" spans="14:14">
      <c r="N585501" s="10"/>
    </row>
    <row r="585502" spans="14:14">
      <c r="N585502" s="10"/>
    </row>
    <row r="585503" spans="14:14">
      <c r="N585503" s="10"/>
    </row>
    <row r="585504" spans="14:14">
      <c r="N585504" s="10"/>
    </row>
    <row r="585505" spans="14:14">
      <c r="N585505" s="10"/>
    </row>
    <row r="585506" spans="14:14">
      <c r="N585506" s="10"/>
    </row>
    <row r="585507" spans="14:14">
      <c r="N585507" s="10"/>
    </row>
    <row r="585508" spans="14:14">
      <c r="N585508" s="10"/>
    </row>
    <row r="585509" spans="14:14">
      <c r="N585509" s="10"/>
    </row>
    <row r="585510" spans="14:14">
      <c r="N585510" s="10"/>
    </row>
    <row r="585511" spans="14:14">
      <c r="N585511" s="10"/>
    </row>
    <row r="585512" spans="14:14">
      <c r="N585512" s="10"/>
    </row>
    <row r="585513" spans="14:14">
      <c r="N585513" s="10"/>
    </row>
    <row r="585514" spans="14:14">
      <c r="N585514" s="10"/>
    </row>
    <row r="585515" spans="14:14">
      <c r="N585515" s="10"/>
    </row>
    <row r="585516" spans="14:14">
      <c r="N585516" s="10"/>
    </row>
    <row r="585517" spans="14:14">
      <c r="N585517" s="10"/>
    </row>
    <row r="585518" spans="14:14">
      <c r="N585518" s="10"/>
    </row>
    <row r="585519" spans="14:14">
      <c r="N585519" s="10"/>
    </row>
    <row r="585520" spans="14:14">
      <c r="N585520" s="10"/>
    </row>
    <row r="585521" spans="14:14">
      <c r="N585521" s="10"/>
    </row>
    <row r="585522" spans="14:14">
      <c r="N585522" s="10"/>
    </row>
    <row r="585523" spans="14:14">
      <c r="N585523" s="10"/>
    </row>
    <row r="585524" spans="14:14">
      <c r="N585524" s="10"/>
    </row>
    <row r="585525" spans="14:14">
      <c r="N585525" s="10"/>
    </row>
    <row r="585526" spans="14:14">
      <c r="N585526" s="10"/>
    </row>
    <row r="585527" spans="14:14">
      <c r="N585527" s="10"/>
    </row>
    <row r="585528" spans="14:14">
      <c r="N585528" s="10"/>
    </row>
    <row r="585529" spans="14:14">
      <c r="N585529" s="10"/>
    </row>
    <row r="585530" spans="14:14">
      <c r="N585530" s="10"/>
    </row>
    <row r="585531" spans="14:14">
      <c r="N585531" s="10"/>
    </row>
    <row r="585532" spans="14:14">
      <c r="N585532" s="10"/>
    </row>
    <row r="585533" spans="14:14">
      <c r="N585533" s="10"/>
    </row>
    <row r="585534" spans="14:14">
      <c r="N585534" s="10"/>
    </row>
    <row r="585535" spans="14:14">
      <c r="N585535" s="10"/>
    </row>
    <row r="585536" spans="14:14">
      <c r="N585536" s="10"/>
    </row>
    <row r="585537" spans="14:14">
      <c r="N585537" s="10"/>
    </row>
    <row r="585538" spans="14:14">
      <c r="N585538" s="10"/>
    </row>
    <row r="585539" spans="14:14">
      <c r="N585539" s="10"/>
    </row>
    <row r="585540" spans="14:14">
      <c r="N585540" s="10"/>
    </row>
    <row r="585541" spans="14:14">
      <c r="N585541" s="10"/>
    </row>
    <row r="585542" spans="14:14">
      <c r="N585542" s="10"/>
    </row>
    <row r="585543" spans="14:14">
      <c r="N585543" s="10"/>
    </row>
    <row r="585544" spans="14:14">
      <c r="N585544" s="10"/>
    </row>
    <row r="585545" spans="14:14">
      <c r="N585545" s="10"/>
    </row>
    <row r="585546" spans="14:14">
      <c r="N585546" s="10"/>
    </row>
    <row r="585547" spans="14:14">
      <c r="N585547" s="10"/>
    </row>
    <row r="585548" spans="14:14">
      <c r="N585548" s="10"/>
    </row>
    <row r="585549" spans="14:14">
      <c r="N585549" s="10"/>
    </row>
    <row r="585550" spans="14:14">
      <c r="N585550" s="10"/>
    </row>
    <row r="585551" spans="14:14">
      <c r="N585551" s="10"/>
    </row>
    <row r="585552" spans="14:14">
      <c r="N585552" s="10"/>
    </row>
    <row r="585553" spans="14:14">
      <c r="N585553" s="10"/>
    </row>
    <row r="585554" spans="14:14">
      <c r="N585554" s="10"/>
    </row>
    <row r="585555" spans="14:14">
      <c r="N585555" s="10"/>
    </row>
    <row r="585556" spans="14:14">
      <c r="N585556" s="10"/>
    </row>
    <row r="585557" spans="14:14">
      <c r="N585557" s="10"/>
    </row>
    <row r="585558" spans="14:14">
      <c r="N585558" s="10"/>
    </row>
    <row r="585559" spans="14:14">
      <c r="N585559" s="10"/>
    </row>
    <row r="585560" spans="14:14">
      <c r="N585560" s="10"/>
    </row>
    <row r="585561" spans="14:14">
      <c r="N585561" s="10"/>
    </row>
    <row r="585562" spans="14:14">
      <c r="N585562" s="10"/>
    </row>
    <row r="585563" spans="14:14">
      <c r="N585563" s="10"/>
    </row>
    <row r="585564" spans="14:14">
      <c r="N585564" s="10"/>
    </row>
    <row r="585565" spans="14:14">
      <c r="N585565" s="10"/>
    </row>
    <row r="585566" spans="14:14">
      <c r="N585566" s="10"/>
    </row>
    <row r="585567" spans="14:14">
      <c r="N585567" s="10"/>
    </row>
    <row r="585568" spans="14:14">
      <c r="N585568" s="10"/>
    </row>
    <row r="585569" spans="14:14">
      <c r="N585569" s="10"/>
    </row>
    <row r="585570" spans="14:14">
      <c r="N585570" s="10"/>
    </row>
    <row r="585571" spans="14:14">
      <c r="N585571" s="10"/>
    </row>
    <row r="585572" spans="14:14">
      <c r="N585572" s="10"/>
    </row>
    <row r="585573" spans="14:14">
      <c r="N585573" s="10"/>
    </row>
    <row r="585574" spans="14:14">
      <c r="N585574" s="10"/>
    </row>
    <row r="585575" spans="14:14">
      <c r="N585575" s="10"/>
    </row>
    <row r="585576" spans="14:14">
      <c r="N585576" s="10"/>
    </row>
    <row r="585577" spans="14:14">
      <c r="N585577" s="10"/>
    </row>
    <row r="585578" spans="14:14">
      <c r="N585578" s="10"/>
    </row>
    <row r="585579" spans="14:14">
      <c r="N585579" s="10"/>
    </row>
    <row r="585580" spans="14:14">
      <c r="N585580" s="10"/>
    </row>
    <row r="585581" spans="14:14">
      <c r="N585581" s="10"/>
    </row>
    <row r="585582" spans="14:14">
      <c r="N585582" s="10"/>
    </row>
    <row r="585583" spans="14:14">
      <c r="N585583" s="10"/>
    </row>
    <row r="585584" spans="14:14">
      <c r="N585584" s="10"/>
    </row>
    <row r="585585" spans="14:14">
      <c r="N585585" s="10"/>
    </row>
    <row r="585586" spans="14:14">
      <c r="N585586" s="10"/>
    </row>
    <row r="585587" spans="14:14">
      <c r="N585587" s="10"/>
    </row>
    <row r="585588" spans="14:14">
      <c r="N585588" s="10"/>
    </row>
    <row r="585589" spans="14:14">
      <c r="N585589" s="10"/>
    </row>
    <row r="585590" spans="14:14">
      <c r="N585590" s="10"/>
    </row>
    <row r="585591" spans="14:14">
      <c r="N585591" s="10"/>
    </row>
    <row r="585592" spans="14:14">
      <c r="N585592" s="10"/>
    </row>
    <row r="585593" spans="14:14">
      <c r="N585593" s="10"/>
    </row>
    <row r="585594" spans="14:14">
      <c r="N585594" s="10"/>
    </row>
    <row r="585595" spans="14:14">
      <c r="N585595" s="10"/>
    </row>
    <row r="585596" spans="14:14">
      <c r="N585596" s="10"/>
    </row>
    <row r="585597" spans="14:14">
      <c r="N585597" s="10"/>
    </row>
    <row r="585598" spans="14:14">
      <c r="N585598" s="10"/>
    </row>
    <row r="585599" spans="14:14">
      <c r="N585599" s="10"/>
    </row>
    <row r="585600" spans="14:14">
      <c r="N585600" s="10"/>
    </row>
    <row r="585601" spans="14:14">
      <c r="N585601" s="10"/>
    </row>
    <row r="585602" spans="14:14">
      <c r="N585602" s="10"/>
    </row>
    <row r="585603" spans="14:14">
      <c r="N585603" s="10"/>
    </row>
    <row r="585604" spans="14:14">
      <c r="N585604" s="10"/>
    </row>
    <row r="585605" spans="14:14">
      <c r="N585605" s="10"/>
    </row>
    <row r="585606" spans="14:14">
      <c r="N585606" s="10"/>
    </row>
    <row r="585607" spans="14:14">
      <c r="N585607" s="10"/>
    </row>
    <row r="585608" spans="14:14">
      <c r="N585608" s="10"/>
    </row>
    <row r="585609" spans="14:14">
      <c r="N585609" s="10"/>
    </row>
    <row r="585610" spans="14:14">
      <c r="N585610" s="10"/>
    </row>
    <row r="585611" spans="14:14">
      <c r="N585611" s="10"/>
    </row>
    <row r="585612" spans="14:14">
      <c r="N585612" s="10"/>
    </row>
    <row r="585613" spans="14:14">
      <c r="N585613" s="10"/>
    </row>
    <row r="585614" spans="14:14">
      <c r="N585614" s="10"/>
    </row>
    <row r="585615" spans="14:14">
      <c r="N585615" s="10"/>
    </row>
    <row r="585616" spans="14:14">
      <c r="N585616" s="10"/>
    </row>
    <row r="585617" spans="14:14">
      <c r="N585617" s="10"/>
    </row>
    <row r="585618" spans="14:14">
      <c r="N585618" s="10"/>
    </row>
    <row r="585619" spans="14:14">
      <c r="N585619" s="10"/>
    </row>
    <row r="585620" spans="14:14">
      <c r="N585620" s="10"/>
    </row>
    <row r="585621" spans="14:14">
      <c r="N585621" s="10"/>
    </row>
    <row r="585622" spans="14:14">
      <c r="N585622" s="10"/>
    </row>
    <row r="585623" spans="14:14">
      <c r="N585623" s="10"/>
    </row>
    <row r="585624" spans="14:14">
      <c r="N585624" s="10"/>
    </row>
    <row r="585625" spans="14:14">
      <c r="N585625" s="10"/>
    </row>
    <row r="585626" spans="14:14">
      <c r="N585626" s="10"/>
    </row>
    <row r="585627" spans="14:14">
      <c r="N585627" s="10"/>
    </row>
    <row r="585628" spans="14:14">
      <c r="N585628" s="10"/>
    </row>
    <row r="585629" spans="14:14">
      <c r="N585629" s="10"/>
    </row>
    <row r="585630" spans="14:14">
      <c r="N585630" s="10"/>
    </row>
    <row r="585631" spans="14:14">
      <c r="N585631" s="10"/>
    </row>
    <row r="585632" spans="14:14">
      <c r="N585632" s="10"/>
    </row>
    <row r="585633" spans="14:14">
      <c r="N585633" s="10"/>
    </row>
    <row r="585634" spans="14:14">
      <c r="N585634" s="10"/>
    </row>
    <row r="585635" spans="14:14">
      <c r="N585635" s="10"/>
    </row>
    <row r="585636" spans="14:14">
      <c r="N585636" s="10"/>
    </row>
    <row r="585637" spans="14:14">
      <c r="N585637" s="10"/>
    </row>
    <row r="585638" spans="14:14">
      <c r="N585638" s="10"/>
    </row>
    <row r="585639" spans="14:14">
      <c r="N585639" s="10"/>
    </row>
    <row r="585640" spans="14:14">
      <c r="N585640" s="10"/>
    </row>
    <row r="585641" spans="14:14">
      <c r="N585641" s="10"/>
    </row>
    <row r="585642" spans="14:14">
      <c r="N585642" s="10"/>
    </row>
    <row r="585643" spans="14:14">
      <c r="N585643" s="10"/>
    </row>
    <row r="585644" spans="14:14">
      <c r="N585644" s="10"/>
    </row>
    <row r="585645" spans="14:14">
      <c r="N585645" s="10"/>
    </row>
    <row r="585646" spans="14:14">
      <c r="N585646" s="10"/>
    </row>
    <row r="585647" spans="14:14">
      <c r="N585647" s="10"/>
    </row>
    <row r="585648" spans="14:14">
      <c r="N585648" s="10"/>
    </row>
    <row r="585649" spans="14:14">
      <c r="N585649" s="10"/>
    </row>
    <row r="585650" spans="14:14">
      <c r="N585650" s="10"/>
    </row>
    <row r="585651" spans="14:14">
      <c r="N585651" s="10"/>
    </row>
    <row r="585652" spans="14:14">
      <c r="N585652" s="10"/>
    </row>
    <row r="585653" spans="14:14">
      <c r="N585653" s="10"/>
    </row>
    <row r="585654" spans="14:14">
      <c r="N585654" s="10"/>
    </row>
    <row r="585655" spans="14:14">
      <c r="N585655" s="10"/>
    </row>
    <row r="585656" spans="14:14">
      <c r="N585656" s="10"/>
    </row>
    <row r="585657" spans="14:14">
      <c r="N585657" s="10"/>
    </row>
    <row r="585658" spans="14:14">
      <c r="N585658" s="10"/>
    </row>
    <row r="585659" spans="14:14">
      <c r="N585659" s="10"/>
    </row>
    <row r="585660" spans="14:14">
      <c r="N585660" s="10"/>
    </row>
    <row r="585661" spans="14:14">
      <c r="N585661" s="10"/>
    </row>
    <row r="585662" spans="14:14">
      <c r="N585662" s="10"/>
    </row>
    <row r="585663" spans="14:14">
      <c r="N585663" s="10"/>
    </row>
    <row r="585664" spans="14:14">
      <c r="N585664" s="10"/>
    </row>
    <row r="585665" spans="14:14">
      <c r="N585665" s="10"/>
    </row>
    <row r="585666" spans="14:14">
      <c r="N585666" s="10"/>
    </row>
    <row r="585667" spans="14:14">
      <c r="N585667" s="10"/>
    </row>
    <row r="585668" spans="14:14">
      <c r="N585668" s="10"/>
    </row>
    <row r="585669" spans="14:14">
      <c r="N585669" s="10"/>
    </row>
    <row r="585670" spans="14:14">
      <c r="N585670" s="10"/>
    </row>
    <row r="585671" spans="14:14">
      <c r="N585671" s="10"/>
    </row>
    <row r="585672" spans="14:14">
      <c r="N585672" s="10"/>
    </row>
    <row r="585673" spans="14:14">
      <c r="N585673" s="10"/>
    </row>
    <row r="585674" spans="14:14">
      <c r="N585674" s="10"/>
    </row>
    <row r="585675" spans="14:14">
      <c r="N585675" s="10"/>
    </row>
    <row r="585676" spans="14:14">
      <c r="N585676" s="10"/>
    </row>
    <row r="585677" spans="14:14">
      <c r="N585677" s="10"/>
    </row>
    <row r="585678" spans="14:14">
      <c r="N585678" s="10"/>
    </row>
    <row r="585679" spans="14:14">
      <c r="N585679" s="10"/>
    </row>
    <row r="585680" spans="14:14">
      <c r="N585680" s="10"/>
    </row>
    <row r="585681" spans="14:14">
      <c r="N585681" s="10"/>
    </row>
    <row r="585682" spans="14:14">
      <c r="N585682" s="10"/>
    </row>
    <row r="585683" spans="14:14">
      <c r="N585683" s="10"/>
    </row>
    <row r="585684" spans="14:14">
      <c r="N585684" s="10"/>
    </row>
    <row r="585685" spans="14:14">
      <c r="N585685" s="10"/>
    </row>
    <row r="585686" spans="14:14">
      <c r="N585686" s="10"/>
    </row>
    <row r="585687" spans="14:14">
      <c r="N585687" s="10"/>
    </row>
    <row r="585688" spans="14:14">
      <c r="N585688" s="10"/>
    </row>
    <row r="585689" spans="14:14">
      <c r="N585689" s="10"/>
    </row>
    <row r="585690" spans="14:14">
      <c r="N585690" s="10"/>
    </row>
    <row r="585691" spans="14:14">
      <c r="N585691" s="10"/>
    </row>
    <row r="585692" spans="14:14">
      <c r="N585692" s="10"/>
    </row>
    <row r="585693" spans="14:14">
      <c r="N585693" s="10"/>
    </row>
    <row r="585694" spans="14:14">
      <c r="N585694" s="10"/>
    </row>
    <row r="585695" spans="14:14">
      <c r="N585695" s="10"/>
    </row>
    <row r="585696" spans="14:14">
      <c r="N585696" s="10"/>
    </row>
    <row r="585697" spans="14:14">
      <c r="N585697" s="10"/>
    </row>
    <row r="585698" spans="14:14">
      <c r="N585698" s="10"/>
    </row>
    <row r="585699" spans="14:14">
      <c r="N585699" s="10"/>
    </row>
    <row r="585700" spans="14:14">
      <c r="N585700" s="10"/>
    </row>
    <row r="585701" spans="14:14">
      <c r="N585701" s="10"/>
    </row>
    <row r="585702" spans="14:14">
      <c r="N585702" s="10"/>
    </row>
    <row r="585703" spans="14:14">
      <c r="N585703" s="10"/>
    </row>
    <row r="585704" spans="14:14">
      <c r="N585704" s="10"/>
    </row>
    <row r="585705" spans="14:14">
      <c r="N585705" s="10"/>
    </row>
    <row r="585706" spans="14:14">
      <c r="N585706" s="10"/>
    </row>
    <row r="585707" spans="14:14">
      <c r="N585707" s="10"/>
    </row>
    <row r="585708" spans="14:14">
      <c r="N585708" s="10"/>
    </row>
    <row r="585709" spans="14:14">
      <c r="N585709" s="10"/>
    </row>
    <row r="585710" spans="14:14">
      <c r="N585710" s="10"/>
    </row>
    <row r="585711" spans="14:14">
      <c r="N585711" s="10"/>
    </row>
    <row r="585712" spans="14:14">
      <c r="N585712" s="10"/>
    </row>
    <row r="585713" spans="14:14">
      <c r="N585713" s="10"/>
    </row>
    <row r="585714" spans="14:14">
      <c r="N585714" s="10"/>
    </row>
    <row r="585715" spans="14:14">
      <c r="N585715" s="10"/>
    </row>
    <row r="585716" spans="14:14">
      <c r="N585716" s="10"/>
    </row>
    <row r="585717" spans="14:14">
      <c r="N585717" s="10"/>
    </row>
    <row r="585718" spans="14:14">
      <c r="N585718" s="10"/>
    </row>
    <row r="585719" spans="14:14">
      <c r="N585719" s="10"/>
    </row>
    <row r="585720" spans="14:14">
      <c r="N585720" s="10"/>
    </row>
    <row r="585721" spans="14:14">
      <c r="N585721" s="10"/>
    </row>
    <row r="585722" spans="14:14">
      <c r="N585722" s="10"/>
    </row>
    <row r="585723" spans="14:14">
      <c r="N585723" s="10"/>
    </row>
    <row r="585724" spans="14:14">
      <c r="N585724" s="10"/>
    </row>
    <row r="585725" spans="14:14">
      <c r="N585725" s="10"/>
    </row>
    <row r="585726" spans="14:14">
      <c r="N585726" s="10"/>
    </row>
    <row r="585727" spans="14:14">
      <c r="N585727" s="10"/>
    </row>
    <row r="585728" spans="14:14">
      <c r="N585728" s="10"/>
    </row>
    <row r="585729" spans="14:14">
      <c r="N585729" s="10"/>
    </row>
    <row r="585730" spans="14:14">
      <c r="N585730" s="10"/>
    </row>
    <row r="585731" spans="14:14">
      <c r="N585731" s="10"/>
    </row>
    <row r="585732" spans="14:14">
      <c r="N585732" s="10"/>
    </row>
    <row r="585733" spans="14:14">
      <c r="N585733" s="10"/>
    </row>
    <row r="585734" spans="14:14">
      <c r="N585734" s="10"/>
    </row>
    <row r="585735" spans="14:14">
      <c r="N585735" s="10"/>
    </row>
    <row r="585736" spans="14:14">
      <c r="N585736" s="10"/>
    </row>
    <row r="585737" spans="14:14">
      <c r="N585737" s="10"/>
    </row>
    <row r="585738" spans="14:14">
      <c r="N585738" s="10"/>
    </row>
    <row r="585739" spans="14:14">
      <c r="N585739" s="10"/>
    </row>
    <row r="585740" spans="14:14">
      <c r="N585740" s="10"/>
    </row>
    <row r="585741" spans="14:14">
      <c r="N585741" s="10"/>
    </row>
    <row r="585742" spans="14:14">
      <c r="N585742" s="10"/>
    </row>
    <row r="585743" spans="14:14">
      <c r="N585743" s="10"/>
    </row>
    <row r="585744" spans="14:14">
      <c r="N585744" s="10"/>
    </row>
    <row r="585745" spans="14:14">
      <c r="N585745" s="10"/>
    </row>
    <row r="585746" spans="14:14">
      <c r="N585746" s="10"/>
    </row>
    <row r="585747" spans="14:14">
      <c r="N585747" s="10"/>
    </row>
    <row r="585748" spans="14:14">
      <c r="N585748" s="10"/>
    </row>
    <row r="585749" spans="14:14">
      <c r="N585749" s="10"/>
    </row>
    <row r="585750" spans="14:14">
      <c r="N585750" s="10"/>
    </row>
    <row r="585751" spans="14:14">
      <c r="N585751" s="10"/>
    </row>
    <row r="585752" spans="14:14">
      <c r="N585752" s="10"/>
    </row>
    <row r="585753" spans="14:14">
      <c r="N585753" s="10"/>
    </row>
    <row r="585754" spans="14:14">
      <c r="N585754" s="10"/>
    </row>
    <row r="585755" spans="14:14">
      <c r="N585755" s="10"/>
    </row>
    <row r="585756" spans="14:14">
      <c r="N585756" s="10"/>
    </row>
    <row r="585757" spans="14:14">
      <c r="N585757" s="10"/>
    </row>
    <row r="585758" spans="14:14">
      <c r="N585758" s="10"/>
    </row>
    <row r="585759" spans="14:14">
      <c r="N585759" s="10"/>
    </row>
    <row r="585760" spans="14:14">
      <c r="N585760" s="10"/>
    </row>
    <row r="585761" spans="14:14">
      <c r="N585761" s="10"/>
    </row>
    <row r="585762" spans="14:14">
      <c r="N585762" s="10"/>
    </row>
    <row r="585763" spans="14:14">
      <c r="N585763" s="10"/>
    </row>
    <row r="585764" spans="14:14">
      <c r="N585764" s="10"/>
    </row>
    <row r="585765" spans="14:14">
      <c r="N585765" s="10"/>
    </row>
    <row r="585766" spans="14:14">
      <c r="N585766" s="10"/>
    </row>
    <row r="585767" spans="14:14">
      <c r="N585767" s="10"/>
    </row>
    <row r="585768" spans="14:14">
      <c r="N585768" s="10"/>
    </row>
    <row r="585769" spans="14:14">
      <c r="N585769" s="10"/>
    </row>
    <row r="585770" spans="14:14">
      <c r="N585770" s="10"/>
    </row>
    <row r="585771" spans="14:14">
      <c r="N585771" s="10"/>
    </row>
    <row r="585772" spans="14:14">
      <c r="N585772" s="10"/>
    </row>
    <row r="585773" spans="14:14">
      <c r="N585773" s="10"/>
    </row>
    <row r="585774" spans="14:14">
      <c r="N585774" s="10"/>
    </row>
    <row r="585775" spans="14:14">
      <c r="N585775" s="10"/>
    </row>
    <row r="585776" spans="14:14">
      <c r="N585776" s="10"/>
    </row>
    <row r="585777" spans="14:14">
      <c r="N585777" s="10"/>
    </row>
    <row r="585778" spans="14:14">
      <c r="N585778" s="10"/>
    </row>
    <row r="585779" spans="14:14">
      <c r="N585779" s="10"/>
    </row>
    <row r="585780" spans="14:14">
      <c r="N585780" s="10"/>
    </row>
    <row r="585781" spans="14:14">
      <c r="N585781" s="10"/>
    </row>
    <row r="585782" spans="14:14">
      <c r="N585782" s="10"/>
    </row>
    <row r="585783" spans="14:14">
      <c r="N585783" s="10"/>
    </row>
    <row r="585784" spans="14:14">
      <c r="N585784" s="10"/>
    </row>
    <row r="585785" spans="14:14">
      <c r="N585785" s="10"/>
    </row>
    <row r="585786" spans="14:14">
      <c r="N585786" s="10"/>
    </row>
    <row r="585787" spans="14:14">
      <c r="N585787" s="10"/>
    </row>
    <row r="585788" spans="14:14">
      <c r="N585788" s="10"/>
    </row>
    <row r="585789" spans="14:14">
      <c r="N585789" s="10"/>
    </row>
    <row r="585790" spans="14:14">
      <c r="N585790" s="10"/>
    </row>
    <row r="585791" spans="14:14">
      <c r="N585791" s="10"/>
    </row>
    <row r="585792" spans="14:14">
      <c r="N585792" s="10"/>
    </row>
    <row r="585793" spans="14:14">
      <c r="N585793" s="10"/>
    </row>
    <row r="585794" spans="14:14">
      <c r="N585794" s="10"/>
    </row>
    <row r="585795" spans="14:14">
      <c r="N585795" s="10"/>
    </row>
    <row r="585796" spans="14:14">
      <c r="N585796" s="10"/>
    </row>
    <row r="585797" spans="14:14">
      <c r="N585797" s="10"/>
    </row>
    <row r="585798" spans="14:14">
      <c r="N585798" s="10"/>
    </row>
    <row r="585799" spans="14:14">
      <c r="N585799" s="10"/>
    </row>
    <row r="585800" spans="14:14">
      <c r="N585800" s="10"/>
    </row>
    <row r="585801" spans="14:14">
      <c r="N585801" s="10"/>
    </row>
    <row r="585802" spans="14:14">
      <c r="N585802" s="10"/>
    </row>
    <row r="585803" spans="14:14">
      <c r="N585803" s="10"/>
    </row>
    <row r="585804" spans="14:14">
      <c r="N585804" s="10"/>
    </row>
    <row r="585805" spans="14:14">
      <c r="N585805" s="10"/>
    </row>
    <row r="585806" spans="14:14">
      <c r="N585806" s="10"/>
    </row>
    <row r="585807" spans="14:14">
      <c r="N585807" s="10"/>
    </row>
    <row r="585808" spans="14:14">
      <c r="N585808" s="10"/>
    </row>
    <row r="585809" spans="14:14">
      <c r="N585809" s="10"/>
    </row>
    <row r="585810" spans="14:14">
      <c r="N585810" s="10"/>
    </row>
    <row r="585811" spans="14:14">
      <c r="N585811" s="10"/>
    </row>
    <row r="585812" spans="14:14">
      <c r="N585812" s="10"/>
    </row>
    <row r="585813" spans="14:14">
      <c r="N585813" s="10"/>
    </row>
    <row r="585814" spans="14:14">
      <c r="N585814" s="10"/>
    </row>
    <row r="585815" spans="14:14">
      <c r="N585815" s="10"/>
    </row>
    <row r="585816" spans="14:14">
      <c r="N585816" s="10"/>
    </row>
    <row r="585817" spans="14:14">
      <c r="N585817" s="10"/>
    </row>
    <row r="585818" spans="14:14">
      <c r="N585818" s="10"/>
    </row>
    <row r="585819" spans="14:14">
      <c r="N585819" s="10"/>
    </row>
    <row r="585820" spans="14:14">
      <c r="N585820" s="10"/>
    </row>
    <row r="585821" spans="14:14">
      <c r="N585821" s="10"/>
    </row>
    <row r="585822" spans="14:14">
      <c r="N585822" s="10"/>
    </row>
    <row r="585823" spans="14:14">
      <c r="N585823" s="10"/>
    </row>
    <row r="585824" spans="14:14">
      <c r="N585824" s="10"/>
    </row>
    <row r="585825" spans="14:14">
      <c r="N585825" s="10"/>
    </row>
    <row r="585826" spans="14:14">
      <c r="N585826" s="10"/>
    </row>
    <row r="585827" spans="14:14">
      <c r="N585827" s="10"/>
    </row>
    <row r="585828" spans="14:14">
      <c r="N585828" s="10"/>
    </row>
    <row r="585829" spans="14:14">
      <c r="N585829" s="10"/>
    </row>
    <row r="585830" spans="14:14">
      <c r="N585830" s="10"/>
    </row>
    <row r="585831" spans="14:14">
      <c r="N585831" s="10"/>
    </row>
    <row r="585832" spans="14:14">
      <c r="N585832" s="10"/>
    </row>
    <row r="585833" spans="14:14">
      <c r="N585833" s="10"/>
    </row>
    <row r="585834" spans="14:14">
      <c r="N585834" s="10"/>
    </row>
    <row r="585835" spans="14:14">
      <c r="N585835" s="10"/>
    </row>
    <row r="585836" spans="14:14">
      <c r="N585836" s="10"/>
    </row>
    <row r="585837" spans="14:14">
      <c r="N585837" s="10"/>
    </row>
    <row r="585838" spans="14:14">
      <c r="N585838" s="10"/>
    </row>
    <row r="585839" spans="14:14">
      <c r="N585839" s="10"/>
    </row>
    <row r="585840" spans="14:14">
      <c r="N585840" s="10"/>
    </row>
    <row r="585841" spans="14:14">
      <c r="N585841" s="10"/>
    </row>
    <row r="585842" spans="14:14">
      <c r="N585842" s="10"/>
    </row>
    <row r="585843" spans="14:14">
      <c r="N585843" s="10"/>
    </row>
    <row r="585844" spans="14:14">
      <c r="N585844" s="10"/>
    </row>
    <row r="585845" spans="14:14">
      <c r="N585845" s="10"/>
    </row>
    <row r="585846" spans="14:14">
      <c r="N585846" s="10"/>
    </row>
    <row r="585847" spans="14:14">
      <c r="N585847" s="10"/>
    </row>
    <row r="585848" spans="14:14">
      <c r="N585848" s="10"/>
    </row>
    <row r="585849" spans="14:14">
      <c r="N585849" s="10"/>
    </row>
    <row r="585850" spans="14:14">
      <c r="N585850" s="10"/>
    </row>
    <row r="585851" spans="14:14">
      <c r="N585851" s="10"/>
    </row>
    <row r="585852" spans="14:14">
      <c r="N585852" s="10"/>
    </row>
    <row r="585853" spans="14:14">
      <c r="N585853" s="10"/>
    </row>
    <row r="585854" spans="14:14">
      <c r="N585854" s="10"/>
    </row>
    <row r="585855" spans="14:14">
      <c r="N585855" s="10"/>
    </row>
    <row r="585856" spans="14:14">
      <c r="N585856" s="10"/>
    </row>
    <row r="585857" spans="14:14">
      <c r="N585857" s="10"/>
    </row>
    <row r="585858" spans="14:14">
      <c r="N585858" s="10"/>
    </row>
    <row r="585859" spans="14:14">
      <c r="N585859" s="10"/>
    </row>
    <row r="585860" spans="14:14">
      <c r="N585860" s="10"/>
    </row>
    <row r="585861" spans="14:14">
      <c r="N585861" s="10"/>
    </row>
    <row r="585862" spans="14:14">
      <c r="N585862" s="10"/>
    </row>
    <row r="585863" spans="14:14">
      <c r="N585863" s="10"/>
    </row>
    <row r="585864" spans="14:14">
      <c r="N585864" s="10"/>
    </row>
    <row r="585865" spans="14:14">
      <c r="N585865" s="10"/>
    </row>
    <row r="585866" spans="14:14">
      <c r="N585866" s="10"/>
    </row>
    <row r="585867" spans="14:14">
      <c r="N585867" s="10"/>
    </row>
    <row r="585868" spans="14:14">
      <c r="N585868" s="10"/>
    </row>
    <row r="585869" spans="14:14">
      <c r="N585869" s="10"/>
    </row>
    <row r="585870" spans="14:14">
      <c r="N585870" s="10"/>
    </row>
    <row r="585871" spans="14:14">
      <c r="N585871" s="10"/>
    </row>
    <row r="585872" spans="14:14">
      <c r="N585872" s="10"/>
    </row>
    <row r="585873" spans="14:14">
      <c r="N585873" s="10"/>
    </row>
    <row r="585874" spans="14:14">
      <c r="N585874" s="10"/>
    </row>
    <row r="585875" spans="14:14">
      <c r="N585875" s="10"/>
    </row>
    <row r="585876" spans="14:14">
      <c r="N585876" s="10"/>
    </row>
    <row r="585877" spans="14:14">
      <c r="N585877" s="10"/>
    </row>
    <row r="585878" spans="14:14">
      <c r="N585878" s="10"/>
    </row>
    <row r="585879" spans="14:14">
      <c r="N585879" s="10"/>
    </row>
    <row r="585880" spans="14:14">
      <c r="N585880" s="10"/>
    </row>
    <row r="585881" spans="14:14">
      <c r="N585881" s="10"/>
    </row>
    <row r="585882" spans="14:14">
      <c r="N585882" s="10"/>
    </row>
    <row r="585883" spans="14:14">
      <c r="N585883" s="10"/>
    </row>
    <row r="585884" spans="14:14">
      <c r="N585884" s="10"/>
    </row>
    <row r="585885" spans="14:14">
      <c r="N585885" s="10"/>
    </row>
    <row r="585886" spans="14:14">
      <c r="N585886" s="10"/>
    </row>
    <row r="585887" spans="14:14">
      <c r="N585887" s="10"/>
    </row>
    <row r="585888" spans="14:14">
      <c r="N585888" s="10"/>
    </row>
    <row r="585889" spans="14:14">
      <c r="N585889" s="10"/>
    </row>
    <row r="585890" spans="14:14">
      <c r="N585890" s="10"/>
    </row>
    <row r="585891" spans="14:14">
      <c r="N585891" s="10"/>
    </row>
    <row r="585892" spans="14:14">
      <c r="N585892" s="10"/>
    </row>
    <row r="585893" spans="14:14">
      <c r="N585893" s="10"/>
    </row>
    <row r="585894" spans="14:14">
      <c r="N585894" s="10"/>
    </row>
    <row r="585895" spans="14:14">
      <c r="N585895" s="10"/>
    </row>
    <row r="585896" spans="14:14">
      <c r="N585896" s="10"/>
    </row>
    <row r="585897" spans="14:14">
      <c r="N585897" s="10"/>
    </row>
    <row r="585898" spans="14:14">
      <c r="N585898" s="10"/>
    </row>
    <row r="585899" spans="14:14">
      <c r="N585899" s="10"/>
    </row>
    <row r="585900" spans="14:14">
      <c r="N585900" s="10"/>
    </row>
    <row r="585901" spans="14:14">
      <c r="N585901" s="10"/>
    </row>
    <row r="585902" spans="14:14">
      <c r="N585902" s="10"/>
    </row>
    <row r="585903" spans="14:14">
      <c r="N585903" s="10"/>
    </row>
    <row r="585904" spans="14:14">
      <c r="N585904" s="10"/>
    </row>
    <row r="585905" spans="14:14">
      <c r="N585905" s="10"/>
    </row>
    <row r="585906" spans="14:14">
      <c r="N585906" s="10"/>
    </row>
    <row r="585907" spans="14:14">
      <c r="N585907" s="10"/>
    </row>
    <row r="585908" spans="14:14">
      <c r="N585908" s="10"/>
    </row>
    <row r="585909" spans="14:14">
      <c r="N585909" s="10"/>
    </row>
    <row r="585910" spans="14:14">
      <c r="N585910" s="10"/>
    </row>
    <row r="585911" spans="14:14">
      <c r="N585911" s="10"/>
    </row>
    <row r="585912" spans="14:14">
      <c r="N585912" s="10"/>
    </row>
    <row r="585913" spans="14:14">
      <c r="N585913" s="10"/>
    </row>
    <row r="585914" spans="14:14">
      <c r="N585914" s="10"/>
    </row>
    <row r="585915" spans="14:14">
      <c r="N585915" s="10"/>
    </row>
    <row r="585916" spans="14:14">
      <c r="N585916" s="10"/>
    </row>
    <row r="585917" spans="14:14">
      <c r="N585917" s="10"/>
    </row>
    <row r="585918" spans="14:14">
      <c r="N585918" s="10"/>
    </row>
    <row r="585919" spans="14:14">
      <c r="N585919" s="10"/>
    </row>
    <row r="585920" spans="14:14">
      <c r="N585920" s="10"/>
    </row>
    <row r="585921" spans="14:14">
      <c r="N585921" s="10"/>
    </row>
    <row r="585922" spans="14:14">
      <c r="N585922" s="10"/>
    </row>
    <row r="585923" spans="14:14">
      <c r="N585923" s="10"/>
    </row>
    <row r="585924" spans="14:14">
      <c r="N585924" s="10"/>
    </row>
    <row r="585925" spans="14:14">
      <c r="N585925" s="10"/>
    </row>
    <row r="585926" spans="14:14">
      <c r="N585926" s="10"/>
    </row>
    <row r="585927" spans="14:14">
      <c r="N585927" s="10"/>
    </row>
    <row r="585928" spans="14:14">
      <c r="N585928" s="10"/>
    </row>
    <row r="585929" spans="14:14">
      <c r="N585929" s="10"/>
    </row>
    <row r="585930" spans="14:14">
      <c r="N585930" s="10"/>
    </row>
    <row r="585931" spans="14:14">
      <c r="N585931" s="10"/>
    </row>
    <row r="585932" spans="14:14">
      <c r="N585932" s="10"/>
    </row>
    <row r="585933" spans="14:14">
      <c r="N585933" s="10"/>
    </row>
    <row r="585934" spans="14:14">
      <c r="N585934" s="10"/>
    </row>
    <row r="585935" spans="14:14">
      <c r="N585935" s="10"/>
    </row>
    <row r="585936" spans="14:14">
      <c r="N585936" s="10"/>
    </row>
    <row r="585937" spans="14:14">
      <c r="N585937" s="10"/>
    </row>
    <row r="585938" spans="14:14">
      <c r="N585938" s="10"/>
    </row>
    <row r="585939" spans="14:14">
      <c r="N585939" s="10"/>
    </row>
    <row r="585940" spans="14:14">
      <c r="N585940" s="10"/>
    </row>
    <row r="585941" spans="14:14">
      <c r="N585941" s="10"/>
    </row>
    <row r="585942" spans="14:14">
      <c r="N585942" s="10"/>
    </row>
    <row r="585943" spans="14:14">
      <c r="N585943" s="10"/>
    </row>
    <row r="585944" spans="14:14">
      <c r="N585944" s="10"/>
    </row>
    <row r="585945" spans="14:14">
      <c r="N585945" s="10"/>
    </row>
    <row r="585946" spans="14:14">
      <c r="N585946" s="10"/>
    </row>
    <row r="585947" spans="14:14">
      <c r="N585947" s="10"/>
    </row>
    <row r="585948" spans="14:14">
      <c r="N585948" s="10"/>
    </row>
    <row r="585949" spans="14:14">
      <c r="N585949" s="10"/>
    </row>
    <row r="585950" spans="14:14">
      <c r="N585950" s="10"/>
    </row>
    <row r="585951" spans="14:14">
      <c r="N585951" s="10"/>
    </row>
    <row r="585952" spans="14:14">
      <c r="N585952" s="10"/>
    </row>
    <row r="585953" spans="14:14">
      <c r="N585953" s="10"/>
    </row>
    <row r="585954" spans="14:14">
      <c r="N585954" s="10"/>
    </row>
    <row r="585955" spans="14:14">
      <c r="N585955" s="10"/>
    </row>
    <row r="585956" spans="14:14">
      <c r="N585956" s="10"/>
    </row>
    <row r="585957" spans="14:14">
      <c r="N585957" s="10"/>
    </row>
    <row r="585958" spans="14:14">
      <c r="N585958" s="10"/>
    </row>
    <row r="585959" spans="14:14">
      <c r="N585959" s="10"/>
    </row>
    <row r="585960" spans="14:14">
      <c r="N585960" s="10"/>
    </row>
    <row r="585961" spans="14:14">
      <c r="N585961" s="10"/>
    </row>
    <row r="585962" spans="14:14">
      <c r="N585962" s="10"/>
    </row>
    <row r="585963" spans="14:14">
      <c r="N585963" s="10"/>
    </row>
    <row r="585964" spans="14:14">
      <c r="N585964" s="10"/>
    </row>
    <row r="585965" spans="14:14">
      <c r="N585965" s="10"/>
    </row>
    <row r="585966" spans="14:14">
      <c r="N585966" s="10"/>
    </row>
    <row r="585967" spans="14:14">
      <c r="N585967" s="10"/>
    </row>
    <row r="585968" spans="14:14">
      <c r="N585968" s="10"/>
    </row>
    <row r="585969" spans="14:14">
      <c r="N585969" s="10"/>
    </row>
    <row r="585970" spans="14:14">
      <c r="N585970" s="10"/>
    </row>
    <row r="585971" spans="14:14">
      <c r="N585971" s="10"/>
    </row>
    <row r="585972" spans="14:14">
      <c r="N585972" s="10"/>
    </row>
    <row r="585973" spans="14:14">
      <c r="N585973" s="10"/>
    </row>
    <row r="585974" spans="14:14">
      <c r="N585974" s="10"/>
    </row>
    <row r="585975" spans="14:14">
      <c r="N585975" s="10"/>
    </row>
    <row r="585976" spans="14:14">
      <c r="N585976" s="10"/>
    </row>
    <row r="585977" spans="14:14">
      <c r="N585977" s="10"/>
    </row>
    <row r="585978" spans="14:14">
      <c r="N585978" s="10"/>
    </row>
    <row r="585979" spans="14:14">
      <c r="N585979" s="10"/>
    </row>
    <row r="585980" spans="14:14">
      <c r="N585980" s="10"/>
    </row>
    <row r="585981" spans="14:14">
      <c r="N585981" s="10"/>
    </row>
    <row r="585982" spans="14:14">
      <c r="N585982" s="10"/>
    </row>
    <row r="585983" spans="14:14">
      <c r="N585983" s="10"/>
    </row>
    <row r="585984" spans="14:14">
      <c r="N585984" s="10"/>
    </row>
    <row r="585985" spans="14:14">
      <c r="N585985" s="10"/>
    </row>
    <row r="585986" spans="14:14">
      <c r="N585986" s="10"/>
    </row>
    <row r="585987" spans="14:14">
      <c r="N585987" s="10"/>
    </row>
    <row r="585988" spans="14:14">
      <c r="N585988" s="10"/>
    </row>
    <row r="585989" spans="14:14">
      <c r="N585989" s="10"/>
    </row>
    <row r="585990" spans="14:14">
      <c r="N585990" s="10"/>
    </row>
    <row r="585991" spans="14:14">
      <c r="N585991" s="10"/>
    </row>
    <row r="585992" spans="14:14">
      <c r="N585992" s="10"/>
    </row>
    <row r="585993" spans="14:14">
      <c r="N585993" s="10"/>
    </row>
    <row r="585994" spans="14:14">
      <c r="N585994" s="10"/>
    </row>
    <row r="585995" spans="14:14">
      <c r="N585995" s="10"/>
    </row>
    <row r="585996" spans="14:14">
      <c r="N585996" s="10"/>
    </row>
    <row r="585997" spans="14:14">
      <c r="N585997" s="10"/>
    </row>
    <row r="585998" spans="14:14">
      <c r="N585998" s="10"/>
    </row>
    <row r="585999" spans="14:14">
      <c r="N585999" s="10"/>
    </row>
    <row r="586000" spans="14:14">
      <c r="N586000" s="10"/>
    </row>
    <row r="586001" spans="14:14">
      <c r="N586001" s="10"/>
    </row>
    <row r="586002" spans="14:14">
      <c r="N586002" s="10"/>
    </row>
    <row r="586003" spans="14:14">
      <c r="N586003" s="10"/>
    </row>
    <row r="586004" spans="14:14">
      <c r="N586004" s="10"/>
    </row>
    <row r="586005" spans="14:14">
      <c r="N586005" s="10"/>
    </row>
    <row r="586006" spans="14:14">
      <c r="N586006" s="10"/>
    </row>
    <row r="586007" spans="14:14">
      <c r="N586007" s="10"/>
    </row>
    <row r="586008" spans="14:14">
      <c r="N586008" s="10"/>
    </row>
    <row r="586009" spans="14:14">
      <c r="N586009" s="10"/>
    </row>
    <row r="586010" spans="14:14">
      <c r="N586010" s="10"/>
    </row>
    <row r="586011" spans="14:14">
      <c r="N586011" s="10"/>
    </row>
    <row r="586012" spans="14:14">
      <c r="N586012" s="10"/>
    </row>
    <row r="586013" spans="14:14">
      <c r="N586013" s="10"/>
    </row>
    <row r="586014" spans="14:14">
      <c r="N586014" s="10"/>
    </row>
    <row r="586015" spans="14:14">
      <c r="N586015" s="10"/>
    </row>
    <row r="586016" spans="14:14">
      <c r="N586016" s="10"/>
    </row>
    <row r="586017" spans="14:14">
      <c r="N586017" s="10"/>
    </row>
    <row r="586018" spans="14:14">
      <c r="N586018" s="10"/>
    </row>
    <row r="586019" spans="14:14">
      <c r="N586019" s="10"/>
    </row>
    <row r="586020" spans="14:14">
      <c r="N586020" s="10"/>
    </row>
    <row r="586021" spans="14:14">
      <c r="N586021" s="10"/>
    </row>
    <row r="586022" spans="14:14">
      <c r="N586022" s="10"/>
    </row>
    <row r="586023" spans="14:14">
      <c r="N586023" s="10"/>
    </row>
    <row r="586024" spans="14:14">
      <c r="N586024" s="10"/>
    </row>
    <row r="586025" spans="14:14">
      <c r="N586025" s="10"/>
    </row>
    <row r="586026" spans="14:14">
      <c r="N586026" s="10"/>
    </row>
    <row r="586027" spans="14:14">
      <c r="N586027" s="10"/>
    </row>
    <row r="586028" spans="14:14">
      <c r="N586028" s="10"/>
    </row>
    <row r="586029" spans="14:14">
      <c r="N586029" s="10"/>
    </row>
    <row r="586030" spans="14:14">
      <c r="N586030" s="10"/>
    </row>
    <row r="586031" spans="14:14">
      <c r="N586031" s="10"/>
    </row>
    <row r="586032" spans="14:14">
      <c r="N586032" s="10"/>
    </row>
    <row r="586033" spans="14:14">
      <c r="N586033" s="10"/>
    </row>
    <row r="586034" spans="14:14">
      <c r="N586034" s="10"/>
    </row>
    <row r="586035" spans="14:14">
      <c r="N586035" s="10"/>
    </row>
    <row r="586036" spans="14:14">
      <c r="N586036" s="10"/>
    </row>
    <row r="586037" spans="14:14">
      <c r="N586037" s="10"/>
    </row>
    <row r="586038" spans="14:14">
      <c r="N586038" s="10"/>
    </row>
    <row r="586039" spans="14:14">
      <c r="N586039" s="10"/>
    </row>
    <row r="586040" spans="14:14">
      <c r="N586040" s="10"/>
    </row>
    <row r="586041" spans="14:14">
      <c r="N586041" s="10"/>
    </row>
    <row r="586042" spans="14:14">
      <c r="N586042" s="10"/>
    </row>
    <row r="586043" spans="14:14">
      <c r="N586043" s="10"/>
    </row>
    <row r="586044" spans="14:14">
      <c r="N586044" s="10"/>
    </row>
    <row r="586045" spans="14:14">
      <c r="N586045" s="10"/>
    </row>
    <row r="586046" spans="14:14">
      <c r="N586046" s="10"/>
    </row>
    <row r="586047" spans="14:14">
      <c r="N586047" s="10"/>
    </row>
    <row r="586048" spans="14:14">
      <c r="N586048" s="10"/>
    </row>
    <row r="586049" spans="14:14">
      <c r="N586049" s="10"/>
    </row>
    <row r="586050" spans="14:14">
      <c r="N586050" s="10"/>
    </row>
    <row r="586051" spans="14:14">
      <c r="N586051" s="10"/>
    </row>
    <row r="586052" spans="14:14">
      <c r="N586052" s="10"/>
    </row>
    <row r="586053" spans="14:14">
      <c r="N586053" s="10"/>
    </row>
    <row r="586054" spans="14:14">
      <c r="N586054" s="10"/>
    </row>
    <row r="586055" spans="14:14">
      <c r="N586055" s="10"/>
    </row>
    <row r="586056" spans="14:14">
      <c r="N586056" s="10"/>
    </row>
    <row r="586057" spans="14:14">
      <c r="N586057" s="10"/>
    </row>
    <row r="586058" spans="14:14">
      <c r="N586058" s="10"/>
    </row>
    <row r="586059" spans="14:14">
      <c r="N586059" s="10"/>
    </row>
    <row r="586060" spans="14:14">
      <c r="N586060" s="10"/>
    </row>
    <row r="586061" spans="14:14">
      <c r="N586061" s="10"/>
    </row>
    <row r="586062" spans="14:14">
      <c r="N586062" s="10"/>
    </row>
    <row r="586063" spans="14:14">
      <c r="N586063" s="10"/>
    </row>
    <row r="586064" spans="14:14">
      <c r="N586064" s="10"/>
    </row>
    <row r="586065" spans="14:14">
      <c r="N586065" s="10"/>
    </row>
    <row r="586066" spans="14:14">
      <c r="N586066" s="10"/>
    </row>
    <row r="586067" spans="14:14">
      <c r="N586067" s="10"/>
    </row>
    <row r="586068" spans="14:14">
      <c r="N586068" s="10"/>
    </row>
    <row r="586069" spans="14:14">
      <c r="N586069" s="10"/>
    </row>
    <row r="586070" spans="14:14">
      <c r="N586070" s="10"/>
    </row>
    <row r="586071" spans="14:14">
      <c r="N586071" s="10"/>
    </row>
    <row r="586072" spans="14:14">
      <c r="N586072" s="10"/>
    </row>
    <row r="586073" spans="14:14">
      <c r="N586073" s="10"/>
    </row>
    <row r="586074" spans="14:14">
      <c r="N586074" s="10"/>
    </row>
    <row r="586075" spans="14:14">
      <c r="N586075" s="10"/>
    </row>
    <row r="586076" spans="14:14">
      <c r="N586076" s="10"/>
    </row>
    <row r="586077" spans="14:14">
      <c r="N586077" s="10"/>
    </row>
    <row r="586078" spans="14:14">
      <c r="N586078" s="10"/>
    </row>
    <row r="586079" spans="14:14">
      <c r="N586079" s="10"/>
    </row>
    <row r="586080" spans="14:14">
      <c r="N586080" s="10"/>
    </row>
    <row r="586081" spans="14:14">
      <c r="N586081" s="10"/>
    </row>
    <row r="586082" spans="14:14">
      <c r="N586082" s="10"/>
    </row>
    <row r="586083" spans="14:14">
      <c r="N586083" s="10"/>
    </row>
    <row r="586084" spans="14:14">
      <c r="N586084" s="10"/>
    </row>
    <row r="586085" spans="14:14">
      <c r="N586085" s="10"/>
    </row>
    <row r="586086" spans="14:14">
      <c r="N586086" s="10"/>
    </row>
    <row r="586087" spans="14:14">
      <c r="N586087" s="10"/>
    </row>
    <row r="586088" spans="14:14">
      <c r="N586088" s="10"/>
    </row>
    <row r="586089" spans="14:14">
      <c r="N586089" s="10"/>
    </row>
    <row r="586090" spans="14:14">
      <c r="N586090" s="10"/>
    </row>
    <row r="586091" spans="14:14">
      <c r="N586091" s="10"/>
    </row>
    <row r="586092" spans="14:14">
      <c r="N586092" s="10"/>
    </row>
    <row r="586093" spans="14:14">
      <c r="N586093" s="10"/>
    </row>
    <row r="586094" spans="14:14">
      <c r="N586094" s="10"/>
    </row>
    <row r="586095" spans="14:14">
      <c r="N586095" s="10"/>
    </row>
    <row r="586096" spans="14:14">
      <c r="N586096" s="10"/>
    </row>
    <row r="586097" spans="14:14">
      <c r="N586097" s="10"/>
    </row>
    <row r="586098" spans="14:14">
      <c r="N586098" s="10"/>
    </row>
    <row r="586099" spans="14:14">
      <c r="N586099" s="10"/>
    </row>
    <row r="586100" spans="14:14">
      <c r="N586100" s="10"/>
    </row>
    <row r="586101" spans="14:14">
      <c r="N586101" s="10"/>
    </row>
    <row r="586102" spans="14:14">
      <c r="N586102" s="10"/>
    </row>
    <row r="586103" spans="14:14">
      <c r="N586103" s="10"/>
    </row>
    <row r="586104" spans="14:14">
      <c r="N586104" s="10"/>
    </row>
    <row r="586105" spans="14:14">
      <c r="N586105" s="10"/>
    </row>
    <row r="586106" spans="14:14">
      <c r="N586106" s="10"/>
    </row>
    <row r="586107" spans="14:14">
      <c r="N586107" s="10"/>
    </row>
    <row r="586108" spans="14:14">
      <c r="N586108" s="10"/>
    </row>
    <row r="586109" spans="14:14">
      <c r="N586109" s="10"/>
    </row>
    <row r="586110" spans="14:14">
      <c r="N586110" s="10"/>
    </row>
    <row r="586111" spans="14:14">
      <c r="N586111" s="10"/>
    </row>
    <row r="586112" spans="14:14">
      <c r="N586112" s="10"/>
    </row>
    <row r="586113" spans="14:14">
      <c r="N586113" s="10"/>
    </row>
    <row r="586114" spans="14:14">
      <c r="N586114" s="10"/>
    </row>
    <row r="586115" spans="14:14">
      <c r="N586115" s="10"/>
    </row>
    <row r="586116" spans="14:14">
      <c r="N586116" s="10"/>
    </row>
    <row r="586117" spans="14:14">
      <c r="N586117" s="10"/>
    </row>
    <row r="586118" spans="14:14">
      <c r="N586118" s="10"/>
    </row>
    <row r="586119" spans="14:14">
      <c r="N586119" s="10"/>
    </row>
    <row r="586120" spans="14:14">
      <c r="N586120" s="10"/>
    </row>
    <row r="586121" spans="14:14">
      <c r="N586121" s="10"/>
    </row>
    <row r="586122" spans="14:14">
      <c r="N586122" s="10"/>
    </row>
    <row r="586123" spans="14:14">
      <c r="N586123" s="10"/>
    </row>
    <row r="586124" spans="14:14">
      <c r="N586124" s="10"/>
    </row>
    <row r="586125" spans="14:14">
      <c r="N586125" s="10"/>
    </row>
    <row r="586126" spans="14:14">
      <c r="N586126" s="10"/>
    </row>
    <row r="586127" spans="14:14">
      <c r="N586127" s="10"/>
    </row>
    <row r="586128" spans="14:14">
      <c r="N586128" s="10"/>
    </row>
    <row r="586129" spans="14:14">
      <c r="N586129" s="10"/>
    </row>
    <row r="586130" spans="14:14">
      <c r="N586130" s="10"/>
    </row>
    <row r="586131" spans="14:14">
      <c r="N586131" s="10"/>
    </row>
    <row r="586132" spans="14:14">
      <c r="N586132" s="10"/>
    </row>
    <row r="586133" spans="14:14">
      <c r="N586133" s="10"/>
    </row>
    <row r="586134" spans="14:14">
      <c r="N586134" s="10"/>
    </row>
    <row r="586135" spans="14:14">
      <c r="N586135" s="10"/>
    </row>
    <row r="586136" spans="14:14">
      <c r="N586136" s="10"/>
    </row>
    <row r="586137" spans="14:14">
      <c r="N586137" s="10"/>
    </row>
    <row r="586138" spans="14:14">
      <c r="N586138" s="10"/>
    </row>
    <row r="586139" spans="14:14">
      <c r="N586139" s="10"/>
    </row>
    <row r="586140" spans="14:14">
      <c r="N586140" s="10"/>
    </row>
    <row r="586141" spans="14:14">
      <c r="N586141" s="10"/>
    </row>
    <row r="586142" spans="14:14">
      <c r="N586142" s="10"/>
    </row>
    <row r="586143" spans="14:14">
      <c r="N586143" s="10"/>
    </row>
    <row r="586144" spans="14:14">
      <c r="N586144" s="10"/>
    </row>
    <row r="586145" spans="14:14">
      <c r="N586145" s="10"/>
    </row>
    <row r="586146" spans="14:14">
      <c r="N586146" s="10"/>
    </row>
    <row r="586147" spans="14:14">
      <c r="N586147" s="10"/>
    </row>
    <row r="586148" spans="14:14">
      <c r="N586148" s="10"/>
    </row>
    <row r="586149" spans="14:14">
      <c r="N586149" s="10"/>
    </row>
    <row r="586150" spans="14:14">
      <c r="N586150" s="10"/>
    </row>
    <row r="586151" spans="14:14">
      <c r="N586151" s="10"/>
    </row>
    <row r="586152" spans="14:14">
      <c r="N586152" s="10"/>
    </row>
    <row r="586153" spans="14:14">
      <c r="N586153" s="10"/>
    </row>
    <row r="586154" spans="14:14">
      <c r="N586154" s="10"/>
    </row>
    <row r="586155" spans="14:14">
      <c r="N586155" s="10"/>
    </row>
    <row r="586156" spans="14:14">
      <c r="N586156" s="10"/>
    </row>
    <row r="586157" spans="14:14">
      <c r="N586157" s="10"/>
    </row>
    <row r="586158" spans="14:14">
      <c r="N586158" s="10"/>
    </row>
    <row r="586159" spans="14:14">
      <c r="N586159" s="10"/>
    </row>
    <row r="586160" spans="14:14">
      <c r="N586160" s="10"/>
    </row>
    <row r="586161" spans="14:14">
      <c r="N586161" s="10"/>
    </row>
    <row r="586162" spans="14:14">
      <c r="N586162" s="10"/>
    </row>
    <row r="586163" spans="14:14">
      <c r="N586163" s="10"/>
    </row>
    <row r="586164" spans="14:14">
      <c r="N586164" s="10"/>
    </row>
    <row r="586165" spans="14:14">
      <c r="N586165" s="10"/>
    </row>
    <row r="586166" spans="14:14">
      <c r="N586166" s="10"/>
    </row>
    <row r="586167" spans="14:14">
      <c r="N586167" s="10"/>
    </row>
    <row r="586168" spans="14:14">
      <c r="N586168" s="10"/>
    </row>
    <row r="586169" spans="14:14">
      <c r="N586169" s="10"/>
    </row>
    <row r="586170" spans="14:14">
      <c r="N586170" s="10"/>
    </row>
    <row r="586171" spans="14:14">
      <c r="N586171" s="10"/>
    </row>
    <row r="586172" spans="14:14">
      <c r="N586172" s="10"/>
    </row>
    <row r="586173" spans="14:14">
      <c r="N586173" s="10"/>
    </row>
    <row r="586174" spans="14:14">
      <c r="N586174" s="10"/>
    </row>
    <row r="586175" spans="14:14">
      <c r="N586175" s="10"/>
    </row>
    <row r="586176" spans="14:14">
      <c r="N586176" s="10"/>
    </row>
    <row r="586177" spans="14:14">
      <c r="N586177" s="10"/>
    </row>
    <row r="586178" spans="14:14">
      <c r="N586178" s="10"/>
    </row>
    <row r="586179" spans="14:14">
      <c r="N586179" s="10"/>
    </row>
    <row r="586180" spans="14:14">
      <c r="N586180" s="10"/>
    </row>
    <row r="586181" spans="14:14">
      <c r="N586181" s="10"/>
    </row>
    <row r="586182" spans="14:14">
      <c r="N586182" s="10"/>
    </row>
    <row r="586183" spans="14:14">
      <c r="N586183" s="10"/>
    </row>
    <row r="586184" spans="14:14">
      <c r="N586184" s="10"/>
    </row>
    <row r="586185" spans="14:14">
      <c r="N586185" s="10"/>
    </row>
    <row r="586186" spans="14:14">
      <c r="N586186" s="10"/>
    </row>
    <row r="586187" spans="14:14">
      <c r="N586187" s="10"/>
    </row>
    <row r="586188" spans="14:14">
      <c r="N586188" s="10"/>
    </row>
    <row r="586189" spans="14:14">
      <c r="N586189" s="10"/>
    </row>
    <row r="586190" spans="14:14">
      <c r="N586190" s="10"/>
    </row>
    <row r="586191" spans="14:14">
      <c r="N586191" s="10"/>
    </row>
    <row r="586192" spans="14:14">
      <c r="N586192" s="10"/>
    </row>
    <row r="586193" spans="14:14">
      <c r="N586193" s="10"/>
    </row>
    <row r="586194" spans="14:14">
      <c r="N586194" s="10"/>
    </row>
    <row r="586195" spans="14:14">
      <c r="N586195" s="10"/>
    </row>
    <row r="586196" spans="14:14">
      <c r="N586196" s="10"/>
    </row>
    <row r="586197" spans="14:14">
      <c r="N586197" s="10"/>
    </row>
    <row r="586198" spans="14:14">
      <c r="N586198" s="10"/>
    </row>
    <row r="586199" spans="14:14">
      <c r="N586199" s="10"/>
    </row>
    <row r="586200" spans="14:14">
      <c r="N586200" s="10"/>
    </row>
    <row r="586201" spans="14:14">
      <c r="N586201" s="10"/>
    </row>
    <row r="586202" spans="14:14">
      <c r="N586202" s="10"/>
    </row>
    <row r="586203" spans="14:14">
      <c r="N586203" s="10"/>
    </row>
    <row r="586204" spans="14:14">
      <c r="N586204" s="10"/>
    </row>
    <row r="586205" spans="14:14">
      <c r="N586205" s="10"/>
    </row>
    <row r="586206" spans="14:14">
      <c r="N586206" s="10"/>
    </row>
    <row r="586207" spans="14:14">
      <c r="N586207" s="10"/>
    </row>
    <row r="586208" spans="14:14">
      <c r="N586208" s="10"/>
    </row>
    <row r="586209" spans="14:14">
      <c r="N586209" s="10"/>
    </row>
    <row r="586210" spans="14:14">
      <c r="N586210" s="10"/>
    </row>
    <row r="586211" spans="14:14">
      <c r="N586211" s="10"/>
    </row>
    <row r="586212" spans="14:14">
      <c r="N586212" s="10"/>
    </row>
    <row r="586213" spans="14:14">
      <c r="N586213" s="10"/>
    </row>
    <row r="586214" spans="14:14">
      <c r="N586214" s="10"/>
    </row>
    <row r="586215" spans="14:14">
      <c r="N586215" s="10"/>
    </row>
    <row r="586216" spans="14:14">
      <c r="N586216" s="10"/>
    </row>
    <row r="586217" spans="14:14">
      <c r="N586217" s="10"/>
    </row>
    <row r="586218" spans="14:14">
      <c r="N586218" s="10"/>
    </row>
    <row r="586219" spans="14:14">
      <c r="N586219" s="10"/>
    </row>
    <row r="586220" spans="14:14">
      <c r="N586220" s="10"/>
    </row>
    <row r="586221" spans="14:14">
      <c r="N586221" s="10"/>
    </row>
    <row r="586222" spans="14:14">
      <c r="N586222" s="10"/>
    </row>
    <row r="586223" spans="14:14">
      <c r="N586223" s="10"/>
    </row>
    <row r="586224" spans="14:14">
      <c r="N586224" s="10"/>
    </row>
    <row r="586225" spans="14:14">
      <c r="N586225" s="10"/>
    </row>
    <row r="586226" spans="14:14">
      <c r="N586226" s="10"/>
    </row>
    <row r="586227" spans="14:14">
      <c r="N586227" s="10"/>
    </row>
    <row r="586228" spans="14:14">
      <c r="N586228" s="10"/>
    </row>
    <row r="586229" spans="14:14">
      <c r="N586229" s="10"/>
    </row>
    <row r="586230" spans="14:14">
      <c r="N586230" s="10"/>
    </row>
    <row r="586231" spans="14:14">
      <c r="N586231" s="10"/>
    </row>
    <row r="586232" spans="14:14">
      <c r="N586232" s="10"/>
    </row>
    <row r="586233" spans="14:14">
      <c r="N586233" s="10"/>
    </row>
    <row r="586234" spans="14:14">
      <c r="N586234" s="10"/>
    </row>
    <row r="586235" spans="14:14">
      <c r="N586235" s="10"/>
    </row>
    <row r="586236" spans="14:14">
      <c r="N586236" s="10"/>
    </row>
    <row r="586237" spans="14:14">
      <c r="N586237" s="10"/>
    </row>
    <row r="586238" spans="14:14">
      <c r="N586238" s="10"/>
    </row>
    <row r="586239" spans="14:14">
      <c r="N586239" s="10"/>
    </row>
    <row r="586240" spans="14:14">
      <c r="N586240" s="10"/>
    </row>
    <row r="586241" spans="14:14">
      <c r="N586241" s="10"/>
    </row>
    <row r="586242" spans="14:14">
      <c r="N586242" s="10"/>
    </row>
    <row r="586243" spans="14:14">
      <c r="N586243" s="10"/>
    </row>
    <row r="586244" spans="14:14">
      <c r="N586244" s="10"/>
    </row>
    <row r="586245" spans="14:14">
      <c r="N586245" s="10"/>
    </row>
    <row r="586246" spans="14:14">
      <c r="N586246" s="10"/>
    </row>
    <row r="586247" spans="14:14">
      <c r="N586247" s="10"/>
    </row>
    <row r="586248" spans="14:14">
      <c r="N586248" s="10"/>
    </row>
    <row r="586249" spans="14:14">
      <c r="N586249" s="10"/>
    </row>
    <row r="586250" spans="14:14">
      <c r="N586250" s="10"/>
    </row>
    <row r="586251" spans="14:14">
      <c r="N586251" s="10"/>
    </row>
    <row r="586252" spans="14:14">
      <c r="N586252" s="10"/>
    </row>
    <row r="586253" spans="14:14">
      <c r="N586253" s="10"/>
    </row>
    <row r="586254" spans="14:14">
      <c r="N586254" s="10"/>
    </row>
    <row r="586255" spans="14:14">
      <c r="N586255" s="10"/>
    </row>
    <row r="586256" spans="14:14">
      <c r="N586256" s="10"/>
    </row>
    <row r="586257" spans="14:14">
      <c r="N586257" s="10"/>
    </row>
    <row r="586258" spans="14:14">
      <c r="N586258" s="10"/>
    </row>
    <row r="586259" spans="14:14">
      <c r="N586259" s="10"/>
    </row>
    <row r="586260" spans="14:14">
      <c r="N586260" s="10"/>
    </row>
    <row r="586261" spans="14:14">
      <c r="N586261" s="10"/>
    </row>
    <row r="586262" spans="14:14">
      <c r="N586262" s="10"/>
    </row>
    <row r="586263" spans="14:14">
      <c r="N586263" s="10"/>
    </row>
    <row r="586264" spans="14:14">
      <c r="N586264" s="10"/>
    </row>
    <row r="586265" spans="14:14">
      <c r="N586265" s="10"/>
    </row>
    <row r="586266" spans="14:14">
      <c r="N586266" s="10"/>
    </row>
    <row r="586267" spans="14:14">
      <c r="N586267" s="10"/>
    </row>
    <row r="586268" spans="14:14">
      <c r="N586268" s="10"/>
    </row>
    <row r="586269" spans="14:14">
      <c r="N586269" s="10"/>
    </row>
    <row r="586270" spans="14:14">
      <c r="N586270" s="10"/>
    </row>
    <row r="586271" spans="14:14">
      <c r="N586271" s="10"/>
    </row>
    <row r="586272" spans="14:14">
      <c r="N586272" s="10"/>
    </row>
    <row r="586273" spans="14:14">
      <c r="N586273" s="10"/>
    </row>
    <row r="586274" spans="14:14">
      <c r="N586274" s="10"/>
    </row>
    <row r="586275" spans="14:14">
      <c r="N586275" s="10"/>
    </row>
    <row r="586276" spans="14:14">
      <c r="N586276" s="10"/>
    </row>
    <row r="586277" spans="14:14">
      <c r="N586277" s="10"/>
    </row>
    <row r="586278" spans="14:14">
      <c r="N586278" s="10"/>
    </row>
    <row r="586279" spans="14:14">
      <c r="N586279" s="10"/>
    </row>
    <row r="586280" spans="14:14">
      <c r="N586280" s="10"/>
    </row>
    <row r="586281" spans="14:14">
      <c r="N586281" s="10"/>
    </row>
    <row r="586282" spans="14:14">
      <c r="N586282" s="10"/>
    </row>
    <row r="586283" spans="14:14">
      <c r="N586283" s="10"/>
    </row>
    <row r="586284" spans="14:14">
      <c r="N586284" s="10"/>
    </row>
    <row r="586285" spans="14:14">
      <c r="N586285" s="10"/>
    </row>
    <row r="586286" spans="14:14">
      <c r="N586286" s="10"/>
    </row>
    <row r="586287" spans="14:14">
      <c r="N586287" s="10"/>
    </row>
    <row r="586288" spans="14:14">
      <c r="N586288" s="10"/>
    </row>
    <row r="586289" spans="14:14">
      <c r="N586289" s="10"/>
    </row>
    <row r="586290" spans="14:14">
      <c r="N586290" s="10"/>
    </row>
    <row r="586291" spans="14:14">
      <c r="N586291" s="10"/>
    </row>
    <row r="586292" spans="14:14">
      <c r="N586292" s="10"/>
    </row>
    <row r="586293" spans="14:14">
      <c r="N586293" s="10"/>
    </row>
    <row r="586294" spans="14:14">
      <c r="N586294" s="10"/>
    </row>
    <row r="586295" spans="14:14">
      <c r="N586295" s="10"/>
    </row>
    <row r="586296" spans="14:14">
      <c r="N586296" s="10"/>
    </row>
    <row r="586297" spans="14:14">
      <c r="N586297" s="10"/>
    </row>
    <row r="586298" spans="14:14">
      <c r="N586298" s="10"/>
    </row>
    <row r="586299" spans="14:14">
      <c r="N586299" s="10"/>
    </row>
    <row r="586300" spans="14:14">
      <c r="N586300" s="10"/>
    </row>
    <row r="586301" spans="14:14">
      <c r="N586301" s="10"/>
    </row>
    <row r="586302" spans="14:14">
      <c r="N586302" s="10"/>
    </row>
    <row r="586303" spans="14:14">
      <c r="N586303" s="10"/>
    </row>
    <row r="586304" spans="14:14">
      <c r="N586304" s="10"/>
    </row>
    <row r="586305" spans="14:14">
      <c r="N586305" s="10"/>
    </row>
    <row r="586306" spans="14:14">
      <c r="N586306" s="10"/>
    </row>
    <row r="586307" spans="14:14">
      <c r="N586307" s="10"/>
    </row>
    <row r="586308" spans="14:14">
      <c r="N586308" s="10"/>
    </row>
    <row r="586309" spans="14:14">
      <c r="N586309" s="10"/>
    </row>
    <row r="586310" spans="14:14">
      <c r="N586310" s="10"/>
    </row>
    <row r="586311" spans="14:14">
      <c r="N586311" s="10"/>
    </row>
    <row r="586312" spans="14:14">
      <c r="N586312" s="10"/>
    </row>
    <row r="586313" spans="14:14">
      <c r="N586313" s="10"/>
    </row>
    <row r="586314" spans="14:14">
      <c r="N586314" s="10"/>
    </row>
    <row r="586315" spans="14:14">
      <c r="N586315" s="10"/>
    </row>
    <row r="586316" spans="14:14">
      <c r="N586316" s="10"/>
    </row>
    <row r="586317" spans="14:14">
      <c r="N586317" s="10"/>
    </row>
    <row r="586318" spans="14:14">
      <c r="N586318" s="10"/>
    </row>
    <row r="586319" spans="14:14">
      <c r="N586319" s="10"/>
    </row>
    <row r="586320" spans="14:14">
      <c r="N586320" s="10"/>
    </row>
    <row r="586321" spans="14:14">
      <c r="N586321" s="10"/>
    </row>
    <row r="586322" spans="14:14">
      <c r="N586322" s="10"/>
    </row>
    <row r="586323" spans="14:14">
      <c r="N586323" s="10"/>
    </row>
    <row r="586324" spans="14:14">
      <c r="N586324" s="10"/>
    </row>
    <row r="586325" spans="14:14">
      <c r="N586325" s="10"/>
    </row>
    <row r="586326" spans="14:14">
      <c r="N586326" s="10"/>
    </row>
    <row r="586327" spans="14:14">
      <c r="N586327" s="10"/>
    </row>
    <row r="586328" spans="14:14">
      <c r="N586328" s="10"/>
    </row>
    <row r="586329" spans="14:14">
      <c r="N586329" s="10"/>
    </row>
    <row r="586330" spans="14:14">
      <c r="N586330" s="10"/>
    </row>
    <row r="586331" spans="14:14">
      <c r="N586331" s="10"/>
    </row>
    <row r="586332" spans="14:14">
      <c r="N586332" s="10"/>
    </row>
    <row r="586333" spans="14:14">
      <c r="N586333" s="10"/>
    </row>
    <row r="586334" spans="14:14">
      <c r="N586334" s="10"/>
    </row>
    <row r="586335" spans="14:14">
      <c r="N586335" s="10"/>
    </row>
    <row r="586336" spans="14:14">
      <c r="N586336" s="10"/>
    </row>
    <row r="586337" spans="14:14">
      <c r="N586337" s="10"/>
    </row>
    <row r="586338" spans="14:14">
      <c r="N586338" s="10"/>
    </row>
    <row r="586339" spans="14:14">
      <c r="N586339" s="10"/>
    </row>
    <row r="586340" spans="14:14">
      <c r="N586340" s="10"/>
    </row>
    <row r="586341" spans="14:14">
      <c r="N586341" s="10"/>
    </row>
    <row r="586342" spans="14:14">
      <c r="N586342" s="10"/>
    </row>
    <row r="586343" spans="14:14">
      <c r="N586343" s="10"/>
    </row>
    <row r="586344" spans="14:14">
      <c r="N586344" s="10"/>
    </row>
    <row r="586345" spans="14:14">
      <c r="N586345" s="10"/>
    </row>
    <row r="586346" spans="14:14">
      <c r="N586346" s="10"/>
    </row>
    <row r="586347" spans="14:14">
      <c r="N586347" s="10"/>
    </row>
    <row r="586348" spans="14:14">
      <c r="N586348" s="10"/>
    </row>
    <row r="586349" spans="14:14">
      <c r="N586349" s="10"/>
    </row>
    <row r="586350" spans="14:14">
      <c r="N586350" s="10"/>
    </row>
    <row r="586351" spans="14:14">
      <c r="N586351" s="10"/>
    </row>
    <row r="586352" spans="14:14">
      <c r="N586352" s="10"/>
    </row>
    <row r="586353" spans="14:14">
      <c r="N586353" s="10"/>
    </row>
    <row r="586354" spans="14:14">
      <c r="N586354" s="10"/>
    </row>
    <row r="586355" spans="14:14">
      <c r="N586355" s="10"/>
    </row>
    <row r="586356" spans="14:14">
      <c r="N586356" s="10"/>
    </row>
    <row r="586357" spans="14:14">
      <c r="N586357" s="10"/>
    </row>
    <row r="586358" spans="14:14">
      <c r="N586358" s="10"/>
    </row>
    <row r="586359" spans="14:14">
      <c r="N586359" s="10"/>
    </row>
    <row r="586360" spans="14:14">
      <c r="N586360" s="10"/>
    </row>
    <row r="586361" spans="14:14">
      <c r="N586361" s="10"/>
    </row>
    <row r="586362" spans="14:14">
      <c r="N586362" s="10"/>
    </row>
    <row r="586363" spans="14:14">
      <c r="N586363" s="10"/>
    </row>
    <row r="586364" spans="14:14">
      <c r="N586364" s="10"/>
    </row>
    <row r="586365" spans="14:14">
      <c r="N586365" s="10"/>
    </row>
    <row r="586366" spans="14:14">
      <c r="N586366" s="10"/>
    </row>
    <row r="586367" spans="14:14">
      <c r="N586367" s="10"/>
    </row>
    <row r="586368" spans="14:14">
      <c r="N586368" s="10"/>
    </row>
    <row r="586369" spans="14:14">
      <c r="N586369" s="10"/>
    </row>
    <row r="586370" spans="14:14">
      <c r="N586370" s="10"/>
    </row>
    <row r="586371" spans="14:14">
      <c r="N586371" s="10"/>
    </row>
    <row r="586372" spans="14:14">
      <c r="N586372" s="10"/>
    </row>
    <row r="586373" spans="14:14">
      <c r="N586373" s="10"/>
    </row>
    <row r="586374" spans="14:14">
      <c r="N586374" s="10"/>
    </row>
    <row r="586375" spans="14:14">
      <c r="N586375" s="10"/>
    </row>
    <row r="586376" spans="14:14">
      <c r="N586376" s="10"/>
    </row>
    <row r="586377" spans="14:14">
      <c r="N586377" s="10"/>
    </row>
    <row r="586378" spans="14:14">
      <c r="N586378" s="10"/>
    </row>
    <row r="586379" spans="14:14">
      <c r="N586379" s="10"/>
    </row>
    <row r="586380" spans="14:14">
      <c r="N586380" s="10"/>
    </row>
    <row r="586381" spans="14:14">
      <c r="N586381" s="10"/>
    </row>
    <row r="586382" spans="14:14">
      <c r="N586382" s="10"/>
    </row>
    <row r="586383" spans="14:14">
      <c r="N586383" s="10"/>
    </row>
    <row r="586384" spans="14:14">
      <c r="N586384" s="10"/>
    </row>
    <row r="586385" spans="14:14">
      <c r="N586385" s="10"/>
    </row>
    <row r="586386" spans="14:14">
      <c r="N586386" s="10"/>
    </row>
    <row r="586387" spans="14:14">
      <c r="N586387" s="10"/>
    </row>
    <row r="586388" spans="14:14">
      <c r="N586388" s="10"/>
    </row>
    <row r="586389" spans="14:14">
      <c r="N586389" s="10"/>
    </row>
    <row r="586390" spans="14:14">
      <c r="N586390" s="10"/>
    </row>
    <row r="586391" spans="14:14">
      <c r="N586391" s="10"/>
    </row>
    <row r="586392" spans="14:14">
      <c r="N586392" s="10"/>
    </row>
    <row r="586393" spans="14:14">
      <c r="N586393" s="10"/>
    </row>
    <row r="586394" spans="14:14">
      <c r="N586394" s="10"/>
    </row>
    <row r="586395" spans="14:14">
      <c r="N586395" s="10"/>
    </row>
    <row r="586396" spans="14:14">
      <c r="N586396" s="10"/>
    </row>
    <row r="586397" spans="14:14">
      <c r="N586397" s="10"/>
    </row>
    <row r="586398" spans="14:14">
      <c r="N586398" s="10"/>
    </row>
    <row r="586399" spans="14:14">
      <c r="N586399" s="10"/>
    </row>
    <row r="586400" spans="14:14">
      <c r="N586400" s="10"/>
    </row>
    <row r="586401" spans="14:14">
      <c r="N586401" s="10"/>
    </row>
    <row r="586402" spans="14:14">
      <c r="N586402" s="10"/>
    </row>
    <row r="586403" spans="14:14">
      <c r="N586403" s="10"/>
    </row>
    <row r="586404" spans="14:14">
      <c r="N586404" s="10"/>
    </row>
    <row r="586405" spans="14:14">
      <c r="N586405" s="10"/>
    </row>
    <row r="586406" spans="14:14">
      <c r="N586406" s="10"/>
    </row>
    <row r="586407" spans="14:14">
      <c r="N586407" s="10"/>
    </row>
    <row r="586408" spans="14:14">
      <c r="N586408" s="10"/>
    </row>
    <row r="586409" spans="14:14">
      <c r="N586409" s="10"/>
    </row>
    <row r="586410" spans="14:14">
      <c r="N586410" s="10"/>
    </row>
    <row r="586411" spans="14:14">
      <c r="N586411" s="10"/>
    </row>
    <row r="586412" spans="14:14">
      <c r="N586412" s="10"/>
    </row>
    <row r="586413" spans="14:14">
      <c r="N586413" s="10"/>
    </row>
    <row r="586414" spans="14:14">
      <c r="N586414" s="10"/>
    </row>
    <row r="586415" spans="14:14">
      <c r="N586415" s="10"/>
    </row>
    <row r="586416" spans="14:14">
      <c r="N586416" s="10"/>
    </row>
    <row r="586417" spans="14:14">
      <c r="N586417" s="10"/>
    </row>
    <row r="586418" spans="14:14">
      <c r="N586418" s="10"/>
    </row>
    <row r="586419" spans="14:14">
      <c r="N586419" s="10"/>
    </row>
    <row r="586420" spans="14:14">
      <c r="N586420" s="10"/>
    </row>
    <row r="586421" spans="14:14">
      <c r="N586421" s="10"/>
    </row>
    <row r="586422" spans="14:14">
      <c r="N586422" s="10"/>
    </row>
    <row r="586423" spans="14:14">
      <c r="N586423" s="10"/>
    </row>
    <row r="586424" spans="14:14">
      <c r="N586424" s="10"/>
    </row>
    <row r="586425" spans="14:14">
      <c r="N586425" s="10"/>
    </row>
    <row r="586426" spans="14:14">
      <c r="N586426" s="10"/>
    </row>
    <row r="586427" spans="14:14">
      <c r="N586427" s="10"/>
    </row>
    <row r="586428" spans="14:14">
      <c r="N586428" s="10"/>
    </row>
    <row r="586429" spans="14:14">
      <c r="N586429" s="10"/>
    </row>
    <row r="586430" spans="14:14">
      <c r="N586430" s="10"/>
    </row>
    <row r="586431" spans="14:14">
      <c r="N586431" s="10"/>
    </row>
    <row r="586432" spans="14:14">
      <c r="N586432" s="10"/>
    </row>
    <row r="586433" spans="14:14">
      <c r="N586433" s="10"/>
    </row>
    <row r="586434" spans="14:14">
      <c r="N586434" s="10"/>
    </row>
    <row r="586435" spans="14:14">
      <c r="N586435" s="10"/>
    </row>
    <row r="586436" spans="14:14">
      <c r="N586436" s="10"/>
    </row>
    <row r="586437" spans="14:14">
      <c r="N586437" s="10"/>
    </row>
    <row r="586438" spans="14:14">
      <c r="N586438" s="10"/>
    </row>
    <row r="586439" spans="14:14">
      <c r="N586439" s="10"/>
    </row>
    <row r="586440" spans="14:14">
      <c r="N586440" s="10"/>
    </row>
    <row r="586441" spans="14:14">
      <c r="N586441" s="10"/>
    </row>
    <row r="586442" spans="14:14">
      <c r="N586442" s="10"/>
    </row>
    <row r="586443" spans="14:14">
      <c r="N586443" s="10"/>
    </row>
    <row r="586444" spans="14:14">
      <c r="N586444" s="10"/>
    </row>
    <row r="586445" spans="14:14">
      <c r="N586445" s="10"/>
    </row>
    <row r="586446" spans="14:14">
      <c r="N586446" s="10"/>
    </row>
    <row r="586447" spans="14:14">
      <c r="N586447" s="10"/>
    </row>
    <row r="586448" spans="14:14">
      <c r="N586448" s="10"/>
    </row>
    <row r="586449" spans="14:14">
      <c r="N586449" s="10"/>
    </row>
    <row r="586450" spans="14:14">
      <c r="N586450" s="10"/>
    </row>
    <row r="586451" spans="14:14">
      <c r="N586451" s="10"/>
    </row>
    <row r="586452" spans="14:14">
      <c r="N586452" s="10"/>
    </row>
    <row r="586453" spans="14:14">
      <c r="N586453" s="10"/>
    </row>
    <row r="586454" spans="14:14">
      <c r="N586454" s="10"/>
    </row>
    <row r="586455" spans="14:14">
      <c r="N586455" s="10"/>
    </row>
    <row r="586456" spans="14:14">
      <c r="N586456" s="10"/>
    </row>
    <row r="586457" spans="14:14">
      <c r="N586457" s="10"/>
    </row>
    <row r="586458" spans="14:14">
      <c r="N586458" s="10"/>
    </row>
    <row r="586459" spans="14:14">
      <c r="N586459" s="10"/>
    </row>
    <row r="586460" spans="14:14">
      <c r="N586460" s="10"/>
    </row>
    <row r="586461" spans="14:14">
      <c r="N586461" s="10"/>
    </row>
    <row r="586462" spans="14:14">
      <c r="N586462" s="10"/>
    </row>
    <row r="586463" spans="14:14">
      <c r="N586463" s="10"/>
    </row>
    <row r="586464" spans="14:14">
      <c r="N586464" s="10"/>
    </row>
    <row r="586465" spans="14:14">
      <c r="N586465" s="10"/>
    </row>
    <row r="586466" spans="14:14">
      <c r="N586466" s="10"/>
    </row>
    <row r="586467" spans="14:14">
      <c r="N586467" s="10"/>
    </row>
    <row r="586468" spans="14:14">
      <c r="N586468" s="10"/>
    </row>
    <row r="586469" spans="14:14">
      <c r="N586469" s="10"/>
    </row>
    <row r="586470" spans="14:14">
      <c r="N586470" s="10"/>
    </row>
    <row r="586471" spans="14:14">
      <c r="N586471" s="10"/>
    </row>
    <row r="586472" spans="14:14">
      <c r="N586472" s="10"/>
    </row>
    <row r="586473" spans="14:14">
      <c r="N586473" s="10"/>
    </row>
    <row r="586474" spans="14:14">
      <c r="N586474" s="10"/>
    </row>
    <row r="586475" spans="14:14">
      <c r="N586475" s="10"/>
    </row>
    <row r="586476" spans="14:14">
      <c r="N586476" s="10"/>
    </row>
    <row r="586477" spans="14:14">
      <c r="N586477" s="10"/>
    </row>
    <row r="586478" spans="14:14">
      <c r="N586478" s="10"/>
    </row>
    <row r="586479" spans="14:14">
      <c r="N586479" s="10"/>
    </row>
    <row r="586480" spans="14:14">
      <c r="N586480" s="10"/>
    </row>
    <row r="586481" spans="14:14">
      <c r="N586481" s="10"/>
    </row>
    <row r="586482" spans="14:14">
      <c r="N586482" s="10"/>
    </row>
    <row r="586483" spans="14:14">
      <c r="N586483" s="10"/>
    </row>
    <row r="586484" spans="14:14">
      <c r="N586484" s="10"/>
    </row>
    <row r="586485" spans="14:14">
      <c r="N586485" s="10"/>
    </row>
    <row r="586486" spans="14:14">
      <c r="N586486" s="10"/>
    </row>
    <row r="586487" spans="14:14">
      <c r="N586487" s="10"/>
    </row>
    <row r="586488" spans="14:14">
      <c r="N586488" s="10"/>
    </row>
    <row r="586489" spans="14:14">
      <c r="N586489" s="10"/>
    </row>
    <row r="586490" spans="14:14">
      <c r="N586490" s="10"/>
    </row>
    <row r="586491" spans="14:14">
      <c r="N586491" s="10"/>
    </row>
    <row r="586492" spans="14:14">
      <c r="N586492" s="10"/>
    </row>
    <row r="586493" spans="14:14">
      <c r="N586493" s="10"/>
    </row>
    <row r="586494" spans="14:14">
      <c r="N586494" s="10"/>
    </row>
    <row r="586495" spans="14:14">
      <c r="N586495" s="10"/>
    </row>
    <row r="586496" spans="14:14">
      <c r="N586496" s="10"/>
    </row>
    <row r="586497" spans="14:14">
      <c r="N586497" s="10"/>
    </row>
    <row r="586498" spans="14:14">
      <c r="N586498" s="10"/>
    </row>
    <row r="586499" spans="14:14">
      <c r="N586499" s="10"/>
    </row>
    <row r="586500" spans="14:14">
      <c r="N586500" s="10"/>
    </row>
    <row r="586501" spans="14:14">
      <c r="N586501" s="10"/>
    </row>
    <row r="586502" spans="14:14">
      <c r="N586502" s="10"/>
    </row>
    <row r="586503" spans="14:14">
      <c r="N586503" s="10"/>
    </row>
    <row r="586504" spans="14:14">
      <c r="N586504" s="10"/>
    </row>
    <row r="586505" spans="14:14">
      <c r="N586505" s="10"/>
    </row>
    <row r="586506" spans="14:14">
      <c r="N586506" s="10"/>
    </row>
    <row r="586507" spans="14:14">
      <c r="N586507" s="10"/>
    </row>
    <row r="586508" spans="14:14">
      <c r="N586508" s="10"/>
    </row>
    <row r="586509" spans="14:14">
      <c r="N586509" s="10"/>
    </row>
    <row r="586510" spans="14:14">
      <c r="N586510" s="10"/>
    </row>
    <row r="586511" spans="14:14">
      <c r="N586511" s="10"/>
    </row>
    <row r="586512" spans="14:14">
      <c r="N586512" s="10"/>
    </row>
    <row r="586513" spans="14:14">
      <c r="N586513" s="10"/>
    </row>
    <row r="586514" spans="14:14">
      <c r="N586514" s="10"/>
    </row>
    <row r="586515" spans="14:14">
      <c r="N586515" s="10"/>
    </row>
    <row r="586516" spans="14:14">
      <c r="N586516" s="10"/>
    </row>
    <row r="586517" spans="14:14">
      <c r="N586517" s="10"/>
    </row>
    <row r="586518" spans="14:14">
      <c r="N586518" s="10"/>
    </row>
    <row r="586519" spans="14:14">
      <c r="N586519" s="10"/>
    </row>
    <row r="586520" spans="14:14">
      <c r="N586520" s="10"/>
    </row>
    <row r="586521" spans="14:14">
      <c r="N586521" s="10"/>
    </row>
    <row r="586522" spans="14:14">
      <c r="N586522" s="10"/>
    </row>
    <row r="586523" spans="14:14">
      <c r="N586523" s="10"/>
    </row>
    <row r="586524" spans="14:14">
      <c r="N586524" s="10"/>
    </row>
    <row r="586525" spans="14:14">
      <c r="N586525" s="10"/>
    </row>
    <row r="586526" spans="14:14">
      <c r="N586526" s="10"/>
    </row>
    <row r="586527" spans="14:14">
      <c r="N586527" s="10"/>
    </row>
    <row r="586528" spans="14:14">
      <c r="N586528" s="10"/>
    </row>
    <row r="586529" spans="14:14">
      <c r="N586529" s="10"/>
    </row>
    <row r="586530" spans="14:14">
      <c r="N586530" s="10"/>
    </row>
    <row r="586531" spans="14:14">
      <c r="N586531" s="10"/>
    </row>
    <row r="586532" spans="14:14">
      <c r="N586532" s="10"/>
    </row>
    <row r="586533" spans="14:14">
      <c r="N586533" s="10"/>
    </row>
    <row r="586534" spans="14:14">
      <c r="N586534" s="10"/>
    </row>
    <row r="586535" spans="14:14">
      <c r="N586535" s="10"/>
    </row>
    <row r="586536" spans="14:14">
      <c r="N586536" s="10"/>
    </row>
    <row r="586537" spans="14:14">
      <c r="N586537" s="10"/>
    </row>
    <row r="586538" spans="14:14">
      <c r="N586538" s="10"/>
    </row>
    <row r="586539" spans="14:14">
      <c r="N586539" s="10"/>
    </row>
    <row r="586540" spans="14:14">
      <c r="N586540" s="10"/>
    </row>
    <row r="586541" spans="14:14">
      <c r="N586541" s="10"/>
    </row>
    <row r="586542" spans="14:14">
      <c r="N586542" s="10"/>
    </row>
    <row r="586543" spans="14:14">
      <c r="N586543" s="10"/>
    </row>
    <row r="586544" spans="14:14">
      <c r="N586544" s="10"/>
    </row>
    <row r="586545" spans="14:14">
      <c r="N586545" s="10"/>
    </row>
    <row r="586546" spans="14:14">
      <c r="N586546" s="10"/>
    </row>
    <row r="586547" spans="14:14">
      <c r="N586547" s="10"/>
    </row>
    <row r="586548" spans="14:14">
      <c r="N586548" s="10"/>
    </row>
    <row r="586549" spans="14:14">
      <c r="N586549" s="10"/>
    </row>
    <row r="586550" spans="14:14">
      <c r="N586550" s="10"/>
    </row>
    <row r="586551" spans="14:14">
      <c r="N586551" s="10"/>
    </row>
    <row r="586552" spans="14:14">
      <c r="N586552" s="10"/>
    </row>
    <row r="586553" spans="14:14">
      <c r="N586553" s="10"/>
    </row>
    <row r="586554" spans="14:14">
      <c r="N586554" s="10"/>
    </row>
    <row r="586555" spans="14:14">
      <c r="N586555" s="10"/>
    </row>
    <row r="586556" spans="14:14">
      <c r="N586556" s="10"/>
    </row>
    <row r="586557" spans="14:14">
      <c r="N586557" s="10"/>
    </row>
    <row r="586558" spans="14:14">
      <c r="N586558" s="10"/>
    </row>
    <row r="586559" spans="14:14">
      <c r="N586559" s="10"/>
    </row>
    <row r="586560" spans="14:14">
      <c r="N586560" s="10"/>
    </row>
    <row r="586561" spans="14:14">
      <c r="N586561" s="10"/>
    </row>
    <row r="586562" spans="14:14">
      <c r="N586562" s="10"/>
    </row>
    <row r="586563" spans="14:14">
      <c r="N586563" s="10"/>
    </row>
    <row r="586564" spans="14:14">
      <c r="N586564" s="10"/>
    </row>
    <row r="586565" spans="14:14">
      <c r="N586565" s="10"/>
    </row>
    <row r="586566" spans="14:14">
      <c r="N586566" s="10"/>
    </row>
    <row r="586567" spans="14:14">
      <c r="N586567" s="10"/>
    </row>
    <row r="586568" spans="14:14">
      <c r="N586568" s="10"/>
    </row>
    <row r="586569" spans="14:14">
      <c r="N586569" s="10"/>
    </row>
    <row r="586570" spans="14:14">
      <c r="N586570" s="10"/>
    </row>
    <row r="586571" spans="14:14">
      <c r="N586571" s="10"/>
    </row>
    <row r="586572" spans="14:14">
      <c r="N586572" s="10"/>
    </row>
    <row r="586573" spans="14:14">
      <c r="N586573" s="10"/>
    </row>
    <row r="586574" spans="14:14">
      <c r="N586574" s="10"/>
    </row>
    <row r="586575" spans="14:14">
      <c r="N586575" s="10"/>
    </row>
    <row r="586576" spans="14:14">
      <c r="N586576" s="10"/>
    </row>
    <row r="586577" spans="14:14">
      <c r="N586577" s="10"/>
    </row>
    <row r="586578" spans="14:14">
      <c r="N586578" s="10"/>
    </row>
    <row r="586579" spans="14:14">
      <c r="N586579" s="10"/>
    </row>
    <row r="586580" spans="14:14">
      <c r="N586580" s="10"/>
    </row>
    <row r="586581" spans="14:14">
      <c r="N586581" s="10"/>
    </row>
    <row r="586582" spans="14:14">
      <c r="N586582" s="10"/>
    </row>
    <row r="586583" spans="14:14">
      <c r="N586583" s="10"/>
    </row>
    <row r="586584" spans="14:14">
      <c r="N586584" s="10"/>
    </row>
    <row r="586585" spans="14:14">
      <c r="N586585" s="10"/>
    </row>
    <row r="586586" spans="14:14">
      <c r="N586586" s="10"/>
    </row>
    <row r="586587" spans="14:14">
      <c r="N586587" s="10"/>
    </row>
    <row r="586588" spans="14:14">
      <c r="N586588" s="10"/>
    </row>
    <row r="586589" spans="14:14">
      <c r="N586589" s="10"/>
    </row>
    <row r="586590" spans="14:14">
      <c r="N586590" s="10"/>
    </row>
    <row r="586591" spans="14:14">
      <c r="N586591" s="10"/>
    </row>
    <row r="586592" spans="14:14">
      <c r="N586592" s="10"/>
    </row>
    <row r="586593" spans="14:14">
      <c r="N586593" s="10"/>
    </row>
    <row r="586594" spans="14:14">
      <c r="N586594" s="10"/>
    </row>
    <row r="586595" spans="14:14">
      <c r="N586595" s="10"/>
    </row>
    <row r="586596" spans="14:14">
      <c r="N586596" s="10"/>
    </row>
    <row r="586597" spans="14:14">
      <c r="N586597" s="10"/>
    </row>
    <row r="586598" spans="14:14">
      <c r="N586598" s="10"/>
    </row>
    <row r="586599" spans="14:14">
      <c r="N586599" s="10"/>
    </row>
    <row r="586600" spans="14:14">
      <c r="N586600" s="10"/>
    </row>
    <row r="586601" spans="14:14">
      <c r="N586601" s="10"/>
    </row>
    <row r="586602" spans="14:14">
      <c r="N586602" s="10"/>
    </row>
    <row r="586603" spans="14:14">
      <c r="N586603" s="10"/>
    </row>
    <row r="586604" spans="14:14">
      <c r="N586604" s="10"/>
    </row>
    <row r="586605" spans="14:14">
      <c r="N586605" s="10"/>
    </row>
    <row r="586606" spans="14:14">
      <c r="N586606" s="10"/>
    </row>
    <row r="586607" spans="14:14">
      <c r="N586607" s="10"/>
    </row>
    <row r="586608" spans="14:14">
      <c r="N586608" s="10"/>
    </row>
    <row r="586609" spans="14:14">
      <c r="N586609" s="10"/>
    </row>
    <row r="586610" spans="14:14">
      <c r="N586610" s="10"/>
    </row>
    <row r="586611" spans="14:14">
      <c r="N586611" s="10"/>
    </row>
    <row r="586612" spans="14:14">
      <c r="N586612" s="10"/>
    </row>
    <row r="586613" spans="14:14">
      <c r="N586613" s="10"/>
    </row>
    <row r="586614" spans="14:14">
      <c r="N586614" s="10"/>
    </row>
    <row r="586615" spans="14:14">
      <c r="N586615" s="10"/>
    </row>
    <row r="586616" spans="14:14">
      <c r="N586616" s="10"/>
    </row>
    <row r="586617" spans="14:14">
      <c r="N586617" s="10"/>
    </row>
    <row r="586618" spans="14:14">
      <c r="N586618" s="10"/>
    </row>
    <row r="586619" spans="14:14">
      <c r="N586619" s="10"/>
    </row>
    <row r="586620" spans="14:14">
      <c r="N586620" s="10"/>
    </row>
    <row r="586621" spans="14:14">
      <c r="N586621" s="10"/>
    </row>
    <row r="586622" spans="14:14">
      <c r="N586622" s="10"/>
    </row>
    <row r="586623" spans="14:14">
      <c r="N586623" s="10"/>
    </row>
    <row r="586624" spans="14:14">
      <c r="N586624" s="10"/>
    </row>
    <row r="586625" spans="14:14">
      <c r="N586625" s="10"/>
    </row>
    <row r="586626" spans="14:14">
      <c r="N586626" s="10"/>
    </row>
    <row r="586627" spans="14:14">
      <c r="N586627" s="10"/>
    </row>
    <row r="586628" spans="14:14">
      <c r="N586628" s="10"/>
    </row>
    <row r="586629" spans="14:14">
      <c r="N586629" s="10"/>
    </row>
    <row r="586630" spans="14:14">
      <c r="N586630" s="10"/>
    </row>
    <row r="586631" spans="14:14">
      <c r="N586631" s="10"/>
    </row>
    <row r="586632" spans="14:14">
      <c r="N586632" s="10"/>
    </row>
    <row r="586633" spans="14:14">
      <c r="N586633" s="10"/>
    </row>
    <row r="586634" spans="14:14">
      <c r="N586634" s="10"/>
    </row>
    <row r="586635" spans="14:14">
      <c r="N586635" s="10"/>
    </row>
    <row r="586636" spans="14:14">
      <c r="N586636" s="10"/>
    </row>
    <row r="586637" spans="14:14">
      <c r="N586637" s="10"/>
    </row>
    <row r="586638" spans="14:14">
      <c r="N586638" s="10"/>
    </row>
    <row r="586639" spans="14:14">
      <c r="N586639" s="10"/>
    </row>
    <row r="586640" spans="14:14">
      <c r="N586640" s="10"/>
    </row>
    <row r="586641" spans="14:14">
      <c r="N586641" s="10"/>
    </row>
    <row r="586642" spans="14:14">
      <c r="N586642" s="10"/>
    </row>
    <row r="586643" spans="14:14">
      <c r="N586643" s="10"/>
    </row>
    <row r="586644" spans="14:14">
      <c r="N586644" s="10"/>
    </row>
    <row r="586645" spans="14:14">
      <c r="N586645" s="10"/>
    </row>
    <row r="586646" spans="14:14">
      <c r="N586646" s="10"/>
    </row>
    <row r="586647" spans="14:14">
      <c r="N586647" s="10"/>
    </row>
    <row r="586648" spans="14:14">
      <c r="N586648" s="10"/>
    </row>
    <row r="586649" spans="14:14">
      <c r="N586649" s="10"/>
    </row>
    <row r="586650" spans="14:14">
      <c r="N586650" s="10"/>
    </row>
    <row r="586651" spans="14:14">
      <c r="N586651" s="10"/>
    </row>
    <row r="586652" spans="14:14">
      <c r="N586652" s="10"/>
    </row>
    <row r="586653" spans="14:14">
      <c r="N586653" s="10"/>
    </row>
    <row r="586654" spans="14:14">
      <c r="N586654" s="10"/>
    </row>
    <row r="586655" spans="14:14">
      <c r="N586655" s="10"/>
    </row>
    <row r="586656" spans="14:14">
      <c r="N586656" s="10"/>
    </row>
    <row r="586657" spans="14:14">
      <c r="N586657" s="10"/>
    </row>
    <row r="586658" spans="14:14">
      <c r="N586658" s="10"/>
    </row>
    <row r="586659" spans="14:14">
      <c r="N586659" s="10"/>
    </row>
    <row r="586660" spans="14:14">
      <c r="N586660" s="10"/>
    </row>
    <row r="586661" spans="14:14">
      <c r="N586661" s="10"/>
    </row>
    <row r="586662" spans="14:14">
      <c r="N586662" s="10"/>
    </row>
    <row r="586663" spans="14:14">
      <c r="N586663" s="10"/>
    </row>
    <row r="586664" spans="14:14">
      <c r="N586664" s="10"/>
    </row>
    <row r="586665" spans="14:14">
      <c r="N586665" s="10"/>
    </row>
    <row r="586666" spans="14:14">
      <c r="N586666" s="10"/>
    </row>
    <row r="586667" spans="14:14">
      <c r="N586667" s="10"/>
    </row>
    <row r="586668" spans="14:14">
      <c r="N586668" s="10"/>
    </row>
    <row r="586669" spans="14:14">
      <c r="N586669" s="10"/>
    </row>
    <row r="586670" spans="14:14">
      <c r="N586670" s="10"/>
    </row>
    <row r="586671" spans="14:14">
      <c r="N586671" s="10"/>
    </row>
    <row r="586672" spans="14:14">
      <c r="N586672" s="10"/>
    </row>
    <row r="586673" spans="14:14">
      <c r="N586673" s="10"/>
    </row>
    <row r="586674" spans="14:14">
      <c r="N586674" s="10"/>
    </row>
    <row r="586675" spans="14:14">
      <c r="N586675" s="10"/>
    </row>
    <row r="586676" spans="14:14">
      <c r="N586676" s="10"/>
    </row>
    <row r="586677" spans="14:14">
      <c r="N586677" s="10"/>
    </row>
    <row r="586678" spans="14:14">
      <c r="N586678" s="10"/>
    </row>
    <row r="586679" spans="14:14">
      <c r="N586679" s="10"/>
    </row>
    <row r="586680" spans="14:14">
      <c r="N586680" s="10"/>
    </row>
    <row r="586681" spans="14:14">
      <c r="N586681" s="10"/>
    </row>
    <row r="586682" spans="14:14">
      <c r="N586682" s="10"/>
    </row>
    <row r="586683" spans="14:14">
      <c r="N586683" s="10"/>
    </row>
    <row r="586684" spans="14:14">
      <c r="N586684" s="10"/>
    </row>
    <row r="586685" spans="14:14">
      <c r="N586685" s="10"/>
    </row>
    <row r="586686" spans="14:14">
      <c r="N586686" s="10"/>
    </row>
    <row r="586687" spans="14:14">
      <c r="N586687" s="10"/>
    </row>
    <row r="586688" spans="14:14">
      <c r="N586688" s="10"/>
    </row>
    <row r="586689" spans="14:14">
      <c r="N586689" s="10"/>
    </row>
    <row r="586690" spans="14:14">
      <c r="N586690" s="10"/>
    </row>
    <row r="586691" spans="14:14">
      <c r="N586691" s="10"/>
    </row>
    <row r="586692" spans="14:14">
      <c r="N586692" s="10"/>
    </row>
    <row r="586693" spans="14:14">
      <c r="N586693" s="10"/>
    </row>
    <row r="586694" spans="14:14">
      <c r="N586694" s="10"/>
    </row>
    <row r="586695" spans="14:14">
      <c r="N586695" s="10"/>
    </row>
    <row r="586696" spans="14:14">
      <c r="N586696" s="10"/>
    </row>
    <row r="586697" spans="14:14">
      <c r="N586697" s="10"/>
    </row>
    <row r="586698" spans="14:14">
      <c r="N586698" s="10"/>
    </row>
    <row r="586699" spans="14:14">
      <c r="N586699" s="10"/>
    </row>
    <row r="586700" spans="14:14">
      <c r="N586700" s="10"/>
    </row>
    <row r="586701" spans="14:14">
      <c r="N586701" s="10"/>
    </row>
    <row r="586702" spans="14:14">
      <c r="N586702" s="10"/>
    </row>
    <row r="586703" spans="14:14">
      <c r="N586703" s="10"/>
    </row>
    <row r="586704" spans="14:14">
      <c r="N586704" s="10"/>
    </row>
    <row r="586705" spans="14:14">
      <c r="N586705" s="10"/>
    </row>
    <row r="586706" spans="14:14">
      <c r="N586706" s="10"/>
    </row>
    <row r="586707" spans="14:14">
      <c r="N586707" s="10"/>
    </row>
    <row r="586708" spans="14:14">
      <c r="N586708" s="10"/>
    </row>
    <row r="586709" spans="14:14">
      <c r="N586709" s="10"/>
    </row>
    <row r="586710" spans="14:14">
      <c r="N586710" s="10"/>
    </row>
    <row r="586711" spans="14:14">
      <c r="N586711" s="10"/>
    </row>
    <row r="586712" spans="14:14">
      <c r="N586712" s="10"/>
    </row>
    <row r="586713" spans="14:14">
      <c r="N586713" s="10"/>
    </row>
    <row r="586714" spans="14:14">
      <c r="N586714" s="10"/>
    </row>
    <row r="586715" spans="14:14">
      <c r="N586715" s="10"/>
    </row>
    <row r="586716" spans="14:14">
      <c r="N586716" s="10"/>
    </row>
    <row r="586717" spans="14:14">
      <c r="N586717" s="10"/>
    </row>
    <row r="586718" spans="14:14">
      <c r="N586718" s="10"/>
    </row>
    <row r="586719" spans="14:14">
      <c r="N586719" s="10"/>
    </row>
    <row r="586720" spans="14:14">
      <c r="N586720" s="10"/>
    </row>
    <row r="586721" spans="14:14">
      <c r="N586721" s="10"/>
    </row>
    <row r="586722" spans="14:14">
      <c r="N586722" s="10"/>
    </row>
    <row r="586723" spans="14:14">
      <c r="N586723" s="10"/>
    </row>
    <row r="586724" spans="14:14">
      <c r="N586724" s="10"/>
    </row>
    <row r="586725" spans="14:14">
      <c r="N586725" s="10"/>
    </row>
    <row r="586726" spans="14:14">
      <c r="N586726" s="10"/>
    </row>
    <row r="586727" spans="14:14">
      <c r="N586727" s="10"/>
    </row>
    <row r="586728" spans="14:14">
      <c r="N586728" s="10"/>
    </row>
    <row r="586729" spans="14:14">
      <c r="N586729" s="10"/>
    </row>
    <row r="586730" spans="14:14">
      <c r="N586730" s="10"/>
    </row>
    <row r="586731" spans="14:14">
      <c r="N586731" s="10"/>
    </row>
    <row r="586732" spans="14:14">
      <c r="N586732" s="10"/>
    </row>
    <row r="586733" spans="14:14">
      <c r="N586733" s="10"/>
    </row>
    <row r="586734" spans="14:14">
      <c r="N586734" s="10"/>
    </row>
    <row r="586735" spans="14:14">
      <c r="N586735" s="10"/>
    </row>
    <row r="586736" spans="14:14">
      <c r="N586736" s="10"/>
    </row>
    <row r="586737" spans="14:14">
      <c r="N586737" s="10"/>
    </row>
    <row r="586738" spans="14:14">
      <c r="N586738" s="10"/>
    </row>
    <row r="586739" spans="14:14">
      <c r="N586739" s="10"/>
    </row>
    <row r="586740" spans="14:14">
      <c r="N586740" s="10"/>
    </row>
    <row r="586741" spans="14:14">
      <c r="N586741" s="10"/>
    </row>
    <row r="586742" spans="14:14">
      <c r="N586742" s="10"/>
    </row>
    <row r="586743" spans="14:14">
      <c r="N586743" s="10"/>
    </row>
    <row r="586744" spans="14:14">
      <c r="N586744" s="10"/>
    </row>
    <row r="586745" spans="14:14">
      <c r="N586745" s="10"/>
    </row>
    <row r="586746" spans="14:14">
      <c r="N586746" s="10"/>
    </row>
    <row r="586747" spans="14:14">
      <c r="N586747" s="10"/>
    </row>
    <row r="586748" spans="14:14">
      <c r="N586748" s="10"/>
    </row>
    <row r="586749" spans="14:14">
      <c r="N586749" s="10"/>
    </row>
    <row r="586750" spans="14:14">
      <c r="N586750" s="10"/>
    </row>
    <row r="586751" spans="14:14">
      <c r="N586751" s="10"/>
    </row>
    <row r="586752" spans="14:14">
      <c r="N586752" s="10"/>
    </row>
    <row r="586753" spans="14:14">
      <c r="N586753" s="10"/>
    </row>
    <row r="586754" spans="14:14">
      <c r="N586754" s="10"/>
    </row>
    <row r="586755" spans="14:14">
      <c r="N586755" s="10"/>
    </row>
    <row r="586756" spans="14:14">
      <c r="N586756" s="10"/>
    </row>
    <row r="586757" spans="14:14">
      <c r="N586757" s="10"/>
    </row>
    <row r="586758" spans="14:14">
      <c r="N586758" s="10"/>
    </row>
    <row r="586759" spans="14:14">
      <c r="N586759" s="10"/>
    </row>
    <row r="586760" spans="14:14">
      <c r="N586760" s="10"/>
    </row>
    <row r="586761" spans="14:14">
      <c r="N586761" s="10"/>
    </row>
    <row r="586762" spans="14:14">
      <c r="N586762" s="10"/>
    </row>
    <row r="586763" spans="14:14">
      <c r="N586763" s="10"/>
    </row>
    <row r="586764" spans="14:14">
      <c r="N586764" s="10"/>
    </row>
    <row r="586765" spans="14:14">
      <c r="N586765" s="10"/>
    </row>
    <row r="586766" spans="14:14">
      <c r="N586766" s="10"/>
    </row>
    <row r="586767" spans="14:14">
      <c r="N586767" s="10"/>
    </row>
    <row r="586768" spans="14:14">
      <c r="N586768" s="10"/>
    </row>
    <row r="586769" spans="14:14">
      <c r="N586769" s="10"/>
    </row>
    <row r="586770" spans="14:14">
      <c r="N586770" s="10"/>
    </row>
    <row r="586771" spans="14:14">
      <c r="N586771" s="10"/>
    </row>
    <row r="586772" spans="14:14">
      <c r="N586772" s="10"/>
    </row>
    <row r="586773" spans="14:14">
      <c r="N586773" s="10"/>
    </row>
    <row r="586774" spans="14:14">
      <c r="N586774" s="10"/>
    </row>
    <row r="586775" spans="14:14">
      <c r="N586775" s="10"/>
    </row>
    <row r="586776" spans="14:14">
      <c r="N586776" s="10"/>
    </row>
    <row r="586777" spans="14:14">
      <c r="N586777" s="10"/>
    </row>
    <row r="586778" spans="14:14">
      <c r="N586778" s="10"/>
    </row>
    <row r="586779" spans="14:14">
      <c r="N586779" s="10"/>
    </row>
    <row r="586780" spans="14:14">
      <c r="N586780" s="10"/>
    </row>
    <row r="586781" spans="14:14">
      <c r="N586781" s="10"/>
    </row>
    <row r="586782" spans="14:14">
      <c r="N586782" s="10"/>
    </row>
    <row r="586783" spans="14:14">
      <c r="N586783" s="10"/>
    </row>
    <row r="586784" spans="14:14">
      <c r="N586784" s="10"/>
    </row>
    <row r="586785" spans="14:14">
      <c r="N586785" s="10"/>
    </row>
    <row r="586786" spans="14:14">
      <c r="N586786" s="10"/>
    </row>
    <row r="586787" spans="14:14">
      <c r="N586787" s="10"/>
    </row>
    <row r="586788" spans="14:14">
      <c r="N586788" s="10"/>
    </row>
    <row r="586789" spans="14:14">
      <c r="N586789" s="10"/>
    </row>
    <row r="586790" spans="14:14">
      <c r="N586790" s="10"/>
    </row>
    <row r="586791" spans="14:14">
      <c r="N586791" s="10"/>
    </row>
    <row r="586792" spans="14:14">
      <c r="N586792" s="10"/>
    </row>
    <row r="586793" spans="14:14">
      <c r="N586793" s="10"/>
    </row>
    <row r="586794" spans="14:14">
      <c r="N586794" s="10"/>
    </row>
    <row r="586795" spans="14:14">
      <c r="N586795" s="10"/>
    </row>
    <row r="586796" spans="14:14">
      <c r="N586796" s="10"/>
    </row>
    <row r="586797" spans="14:14">
      <c r="N586797" s="10"/>
    </row>
    <row r="586798" spans="14:14">
      <c r="N586798" s="10"/>
    </row>
    <row r="586799" spans="14:14">
      <c r="N586799" s="10"/>
    </row>
    <row r="586800" spans="14:14">
      <c r="N586800" s="10"/>
    </row>
    <row r="586801" spans="14:14">
      <c r="N586801" s="10"/>
    </row>
    <row r="586802" spans="14:14">
      <c r="N586802" s="10"/>
    </row>
    <row r="586803" spans="14:14">
      <c r="N586803" s="10"/>
    </row>
    <row r="586804" spans="14:14">
      <c r="N586804" s="10"/>
    </row>
    <row r="586805" spans="14:14">
      <c r="N586805" s="10"/>
    </row>
    <row r="586806" spans="14:14">
      <c r="N586806" s="10"/>
    </row>
    <row r="586807" spans="14:14">
      <c r="N586807" s="10"/>
    </row>
    <row r="586808" spans="14:14">
      <c r="N586808" s="10"/>
    </row>
    <row r="586809" spans="14:14">
      <c r="N586809" s="10"/>
    </row>
    <row r="586810" spans="14:14">
      <c r="N586810" s="10"/>
    </row>
    <row r="586811" spans="14:14">
      <c r="N586811" s="10"/>
    </row>
    <row r="586812" spans="14:14">
      <c r="N586812" s="10"/>
    </row>
    <row r="586813" spans="14:14">
      <c r="N586813" s="10"/>
    </row>
    <row r="586814" spans="14:14">
      <c r="N586814" s="10"/>
    </row>
    <row r="586815" spans="14:14">
      <c r="N586815" s="10"/>
    </row>
    <row r="586816" spans="14:14">
      <c r="N586816" s="10"/>
    </row>
    <row r="586817" spans="14:14">
      <c r="N586817" s="10"/>
    </row>
    <row r="586818" spans="14:14">
      <c r="N586818" s="10"/>
    </row>
    <row r="586819" spans="14:14">
      <c r="N586819" s="10"/>
    </row>
    <row r="586820" spans="14:14">
      <c r="N586820" s="10"/>
    </row>
    <row r="586821" spans="14:14">
      <c r="N586821" s="10"/>
    </row>
    <row r="586822" spans="14:14">
      <c r="N586822" s="10"/>
    </row>
    <row r="586823" spans="14:14">
      <c r="N586823" s="10"/>
    </row>
    <row r="586824" spans="14:14">
      <c r="N586824" s="10"/>
    </row>
    <row r="586825" spans="14:14">
      <c r="N586825" s="10"/>
    </row>
    <row r="586826" spans="14:14">
      <c r="N586826" s="10"/>
    </row>
    <row r="586827" spans="14:14">
      <c r="N586827" s="10"/>
    </row>
    <row r="586828" spans="14:14">
      <c r="N586828" s="10"/>
    </row>
    <row r="586829" spans="14:14">
      <c r="N586829" s="10"/>
    </row>
    <row r="586830" spans="14:14">
      <c r="N586830" s="10"/>
    </row>
    <row r="586831" spans="14:14">
      <c r="N586831" s="10"/>
    </row>
    <row r="586832" spans="14:14">
      <c r="N586832" s="10"/>
    </row>
    <row r="586833" spans="14:14">
      <c r="N586833" s="10"/>
    </row>
    <row r="586834" spans="14:14">
      <c r="N586834" s="10"/>
    </row>
    <row r="586835" spans="14:14">
      <c r="N586835" s="10"/>
    </row>
    <row r="586836" spans="14:14">
      <c r="N586836" s="10"/>
    </row>
    <row r="586837" spans="14:14">
      <c r="N586837" s="10"/>
    </row>
    <row r="586838" spans="14:14">
      <c r="N586838" s="10"/>
    </row>
    <row r="586839" spans="14:14">
      <c r="N586839" s="10"/>
    </row>
    <row r="586840" spans="14:14">
      <c r="N586840" s="10"/>
    </row>
    <row r="586841" spans="14:14">
      <c r="N586841" s="10"/>
    </row>
    <row r="586842" spans="14:14">
      <c r="N586842" s="10"/>
    </row>
    <row r="586843" spans="14:14">
      <c r="N586843" s="10"/>
    </row>
    <row r="586844" spans="14:14">
      <c r="N586844" s="10"/>
    </row>
    <row r="586845" spans="14:14">
      <c r="N586845" s="10"/>
    </row>
    <row r="586846" spans="14:14">
      <c r="N586846" s="10"/>
    </row>
    <row r="586847" spans="14:14">
      <c r="N586847" s="10"/>
    </row>
    <row r="586848" spans="14:14">
      <c r="N586848" s="10"/>
    </row>
    <row r="586849" spans="14:14">
      <c r="N586849" s="10"/>
    </row>
    <row r="586850" spans="14:14">
      <c r="N586850" s="10"/>
    </row>
    <row r="586851" spans="14:14">
      <c r="N586851" s="10"/>
    </row>
    <row r="586852" spans="14:14">
      <c r="N586852" s="10"/>
    </row>
    <row r="586853" spans="14:14">
      <c r="N586853" s="10"/>
    </row>
    <row r="586854" spans="14:14">
      <c r="N586854" s="10"/>
    </row>
    <row r="586855" spans="14:14">
      <c r="N586855" s="10"/>
    </row>
    <row r="586856" spans="14:14">
      <c r="N586856" s="10"/>
    </row>
    <row r="586857" spans="14:14">
      <c r="N586857" s="10"/>
    </row>
    <row r="586858" spans="14:14">
      <c r="N586858" s="10"/>
    </row>
    <row r="586859" spans="14:14">
      <c r="N586859" s="10"/>
    </row>
    <row r="586860" spans="14:14">
      <c r="N586860" s="10"/>
    </row>
    <row r="586861" spans="14:14">
      <c r="N586861" s="10"/>
    </row>
    <row r="586862" spans="14:14">
      <c r="N586862" s="10"/>
    </row>
    <row r="586863" spans="14:14">
      <c r="N586863" s="10"/>
    </row>
    <row r="586864" spans="14:14">
      <c r="N586864" s="10"/>
    </row>
    <row r="586865" spans="14:14">
      <c r="N586865" s="10"/>
    </row>
    <row r="586866" spans="14:14">
      <c r="N586866" s="10"/>
    </row>
    <row r="586867" spans="14:14">
      <c r="N586867" s="10"/>
    </row>
    <row r="586868" spans="14:14">
      <c r="N586868" s="10"/>
    </row>
    <row r="586869" spans="14:14">
      <c r="N586869" s="10"/>
    </row>
    <row r="586870" spans="14:14">
      <c r="N586870" s="10"/>
    </row>
    <row r="586871" spans="14:14">
      <c r="N586871" s="10"/>
    </row>
    <row r="586872" spans="14:14">
      <c r="N586872" s="10"/>
    </row>
    <row r="586873" spans="14:14">
      <c r="N586873" s="10"/>
    </row>
    <row r="586874" spans="14:14">
      <c r="N586874" s="10"/>
    </row>
    <row r="586875" spans="14:14">
      <c r="N586875" s="10"/>
    </row>
    <row r="586876" spans="14:14">
      <c r="N586876" s="10"/>
    </row>
    <row r="586877" spans="14:14">
      <c r="N586877" s="10"/>
    </row>
    <row r="586878" spans="14:14">
      <c r="N586878" s="10"/>
    </row>
    <row r="586879" spans="14:14">
      <c r="N586879" s="10"/>
    </row>
    <row r="586880" spans="14:14">
      <c r="N586880" s="10"/>
    </row>
    <row r="586881" spans="14:14">
      <c r="N586881" s="10"/>
    </row>
    <row r="586882" spans="14:14">
      <c r="N586882" s="10"/>
    </row>
    <row r="586883" spans="14:14">
      <c r="N586883" s="10"/>
    </row>
    <row r="586884" spans="14:14">
      <c r="N586884" s="10"/>
    </row>
    <row r="586885" spans="14:14">
      <c r="N586885" s="10"/>
    </row>
    <row r="586886" spans="14:14">
      <c r="N586886" s="10"/>
    </row>
    <row r="586887" spans="14:14">
      <c r="N586887" s="10"/>
    </row>
    <row r="586888" spans="14:14">
      <c r="N586888" s="10"/>
    </row>
    <row r="586889" spans="14:14">
      <c r="N586889" s="10"/>
    </row>
    <row r="586890" spans="14:14">
      <c r="N586890" s="10"/>
    </row>
    <row r="586891" spans="14:14">
      <c r="N586891" s="10"/>
    </row>
    <row r="586892" spans="14:14">
      <c r="N586892" s="10"/>
    </row>
    <row r="586893" spans="14:14">
      <c r="N586893" s="10"/>
    </row>
    <row r="586894" spans="14:14">
      <c r="N586894" s="10"/>
    </row>
    <row r="586895" spans="14:14">
      <c r="N586895" s="10"/>
    </row>
    <row r="586896" spans="14:14">
      <c r="N586896" s="10"/>
    </row>
    <row r="586897" spans="14:14">
      <c r="N586897" s="10"/>
    </row>
    <row r="586898" spans="14:14">
      <c r="N586898" s="10"/>
    </row>
    <row r="586899" spans="14:14">
      <c r="N586899" s="10"/>
    </row>
    <row r="586900" spans="14:14">
      <c r="N586900" s="10"/>
    </row>
    <row r="586901" spans="14:14">
      <c r="N586901" s="10"/>
    </row>
    <row r="586902" spans="14:14">
      <c r="N586902" s="10"/>
    </row>
    <row r="586903" spans="14:14">
      <c r="N586903" s="10"/>
    </row>
    <row r="586904" spans="14:14">
      <c r="N586904" s="10"/>
    </row>
    <row r="586905" spans="14:14">
      <c r="N586905" s="10"/>
    </row>
    <row r="586906" spans="14:14">
      <c r="N586906" s="10"/>
    </row>
    <row r="586907" spans="14:14">
      <c r="N586907" s="10"/>
    </row>
    <row r="586908" spans="14:14">
      <c r="N586908" s="10"/>
    </row>
    <row r="586909" spans="14:14">
      <c r="N586909" s="10"/>
    </row>
    <row r="586910" spans="14:14">
      <c r="N586910" s="10"/>
    </row>
    <row r="586911" spans="14:14">
      <c r="N586911" s="10"/>
    </row>
    <row r="586912" spans="14:14">
      <c r="N586912" s="10"/>
    </row>
    <row r="586913" spans="14:14">
      <c r="N586913" s="10"/>
    </row>
    <row r="586914" spans="14:14">
      <c r="N586914" s="10"/>
    </row>
    <row r="586915" spans="14:14">
      <c r="N586915" s="10"/>
    </row>
    <row r="586916" spans="14:14">
      <c r="N586916" s="10"/>
    </row>
    <row r="586917" spans="14:14">
      <c r="N586917" s="10"/>
    </row>
    <row r="586918" spans="14:14">
      <c r="N586918" s="10"/>
    </row>
    <row r="586919" spans="14:14">
      <c r="N586919" s="10"/>
    </row>
    <row r="586920" spans="14:14">
      <c r="N586920" s="10"/>
    </row>
    <row r="586921" spans="14:14">
      <c r="N586921" s="10"/>
    </row>
    <row r="586922" spans="14:14">
      <c r="N586922" s="10"/>
    </row>
    <row r="586923" spans="14:14">
      <c r="N586923" s="10"/>
    </row>
    <row r="586924" spans="14:14">
      <c r="N586924" s="10"/>
    </row>
    <row r="586925" spans="14:14">
      <c r="N586925" s="10"/>
    </row>
    <row r="586926" spans="14:14">
      <c r="N586926" s="10"/>
    </row>
    <row r="586927" spans="14:14">
      <c r="N586927" s="10"/>
    </row>
    <row r="586928" spans="14:14">
      <c r="N586928" s="10"/>
    </row>
    <row r="586929" spans="14:14">
      <c r="N586929" s="10"/>
    </row>
    <row r="586930" spans="14:14">
      <c r="N586930" s="10"/>
    </row>
    <row r="586931" spans="14:14">
      <c r="N586931" s="10"/>
    </row>
    <row r="586932" spans="14:14">
      <c r="N586932" s="10"/>
    </row>
    <row r="586933" spans="14:14">
      <c r="N586933" s="10"/>
    </row>
    <row r="586934" spans="14:14">
      <c r="N586934" s="10"/>
    </row>
    <row r="586935" spans="14:14">
      <c r="N586935" s="10"/>
    </row>
    <row r="586936" spans="14:14">
      <c r="N586936" s="10"/>
    </row>
    <row r="586937" spans="14:14">
      <c r="N586937" s="10"/>
    </row>
    <row r="586938" spans="14:14">
      <c r="N586938" s="10"/>
    </row>
    <row r="586939" spans="14:14">
      <c r="N586939" s="10"/>
    </row>
    <row r="586940" spans="14:14">
      <c r="N586940" s="10"/>
    </row>
    <row r="586941" spans="14:14">
      <c r="N586941" s="10"/>
    </row>
    <row r="586942" spans="14:14">
      <c r="N586942" s="10"/>
    </row>
    <row r="586943" spans="14:14">
      <c r="N586943" s="10"/>
    </row>
    <row r="586944" spans="14:14">
      <c r="N586944" s="10"/>
    </row>
    <row r="586945" spans="14:14">
      <c r="N586945" s="10"/>
    </row>
    <row r="586946" spans="14:14">
      <c r="N586946" s="10"/>
    </row>
    <row r="586947" spans="14:14">
      <c r="N586947" s="10"/>
    </row>
    <row r="586948" spans="14:14">
      <c r="N586948" s="10"/>
    </row>
    <row r="586949" spans="14:14">
      <c r="N586949" s="10"/>
    </row>
    <row r="586950" spans="14:14">
      <c r="N586950" s="10"/>
    </row>
    <row r="586951" spans="14:14">
      <c r="N586951" s="10"/>
    </row>
    <row r="586952" spans="14:14">
      <c r="N586952" s="10"/>
    </row>
    <row r="586953" spans="14:14">
      <c r="N586953" s="10"/>
    </row>
    <row r="586954" spans="14:14">
      <c r="N586954" s="10"/>
    </row>
    <row r="586955" spans="14:14">
      <c r="N586955" s="10"/>
    </row>
    <row r="586956" spans="14:14">
      <c r="N586956" s="10"/>
    </row>
    <row r="586957" spans="14:14">
      <c r="N586957" s="10"/>
    </row>
    <row r="586958" spans="14:14">
      <c r="N586958" s="10"/>
    </row>
    <row r="586959" spans="14:14">
      <c r="N586959" s="10"/>
    </row>
    <row r="586960" spans="14:14">
      <c r="N586960" s="10"/>
    </row>
    <row r="586961" spans="14:14">
      <c r="N586961" s="10"/>
    </row>
    <row r="586962" spans="14:14">
      <c r="N586962" s="10"/>
    </row>
    <row r="586963" spans="14:14">
      <c r="N586963" s="10"/>
    </row>
    <row r="586964" spans="14:14">
      <c r="N586964" s="10"/>
    </row>
    <row r="586965" spans="14:14">
      <c r="N586965" s="10"/>
    </row>
    <row r="586966" spans="14:14">
      <c r="N586966" s="10"/>
    </row>
    <row r="586967" spans="14:14">
      <c r="N586967" s="10"/>
    </row>
    <row r="586968" spans="14:14">
      <c r="N586968" s="10"/>
    </row>
    <row r="586969" spans="14:14">
      <c r="N586969" s="10"/>
    </row>
    <row r="586970" spans="14:14">
      <c r="N586970" s="10"/>
    </row>
    <row r="586971" spans="14:14">
      <c r="N586971" s="10"/>
    </row>
    <row r="586972" spans="14:14">
      <c r="N586972" s="10"/>
    </row>
    <row r="586973" spans="14:14">
      <c r="N586973" s="10"/>
    </row>
    <row r="586974" spans="14:14">
      <c r="N586974" s="10"/>
    </row>
    <row r="586975" spans="14:14">
      <c r="N586975" s="10"/>
    </row>
    <row r="586976" spans="14:14">
      <c r="N586976" s="10"/>
    </row>
    <row r="586977" spans="14:14">
      <c r="N586977" s="10"/>
    </row>
    <row r="586978" spans="14:14">
      <c r="N586978" s="10"/>
    </row>
    <row r="586979" spans="14:14">
      <c r="N586979" s="10"/>
    </row>
    <row r="586980" spans="14:14">
      <c r="N586980" s="10"/>
    </row>
    <row r="586981" spans="14:14">
      <c r="N586981" s="10"/>
    </row>
    <row r="586982" spans="14:14">
      <c r="N586982" s="10"/>
    </row>
    <row r="586983" spans="14:14">
      <c r="N586983" s="10"/>
    </row>
    <row r="586984" spans="14:14">
      <c r="N586984" s="10"/>
    </row>
    <row r="586985" spans="14:14">
      <c r="N586985" s="10"/>
    </row>
    <row r="586986" spans="14:14">
      <c r="N586986" s="10"/>
    </row>
    <row r="586987" spans="14:14">
      <c r="N586987" s="10"/>
    </row>
    <row r="586988" spans="14:14">
      <c r="N586988" s="10"/>
    </row>
    <row r="586989" spans="14:14">
      <c r="N586989" s="10"/>
    </row>
    <row r="586990" spans="14:14">
      <c r="N586990" s="10"/>
    </row>
    <row r="586991" spans="14:14">
      <c r="N586991" s="10"/>
    </row>
    <row r="586992" spans="14:14">
      <c r="N586992" s="10"/>
    </row>
    <row r="586993" spans="14:14">
      <c r="N586993" s="10"/>
    </row>
    <row r="586994" spans="14:14">
      <c r="N586994" s="10"/>
    </row>
    <row r="586995" spans="14:14">
      <c r="N586995" s="10"/>
    </row>
    <row r="586996" spans="14:14">
      <c r="N586996" s="10"/>
    </row>
    <row r="586997" spans="14:14">
      <c r="N586997" s="10"/>
    </row>
    <row r="586998" spans="14:14">
      <c r="N586998" s="10"/>
    </row>
    <row r="586999" spans="14:14">
      <c r="N586999" s="10"/>
    </row>
    <row r="587000" spans="14:14">
      <c r="N587000" s="10"/>
    </row>
    <row r="587001" spans="14:14">
      <c r="N587001" s="10"/>
    </row>
    <row r="587002" spans="14:14">
      <c r="N587002" s="10"/>
    </row>
    <row r="587003" spans="14:14">
      <c r="N587003" s="10"/>
    </row>
    <row r="587004" spans="14:14">
      <c r="N587004" s="10"/>
    </row>
    <row r="587005" spans="14:14">
      <c r="N587005" s="10"/>
    </row>
    <row r="587006" spans="14:14">
      <c r="N587006" s="10"/>
    </row>
    <row r="587007" spans="14:14">
      <c r="N587007" s="10"/>
    </row>
    <row r="587008" spans="14:14">
      <c r="N587008" s="10"/>
    </row>
    <row r="587009" spans="14:14">
      <c r="N587009" s="10"/>
    </row>
    <row r="587010" spans="14:14">
      <c r="N587010" s="10"/>
    </row>
    <row r="587011" spans="14:14">
      <c r="N587011" s="10"/>
    </row>
    <row r="587012" spans="14:14">
      <c r="N587012" s="10"/>
    </row>
    <row r="587013" spans="14:14">
      <c r="N587013" s="10"/>
    </row>
    <row r="587014" spans="14:14">
      <c r="N587014" s="10"/>
    </row>
    <row r="587015" spans="14:14">
      <c r="N587015" s="10"/>
    </row>
    <row r="587016" spans="14:14">
      <c r="N587016" s="10"/>
    </row>
    <row r="587017" spans="14:14">
      <c r="N587017" s="10"/>
    </row>
    <row r="587018" spans="14:14">
      <c r="N587018" s="10"/>
    </row>
    <row r="587019" spans="14:14">
      <c r="N587019" s="10"/>
    </row>
    <row r="587020" spans="14:14">
      <c r="N587020" s="10"/>
    </row>
    <row r="587021" spans="14:14">
      <c r="N587021" s="10"/>
    </row>
    <row r="587022" spans="14:14">
      <c r="N587022" s="10"/>
    </row>
    <row r="587023" spans="14:14">
      <c r="N587023" s="10"/>
    </row>
    <row r="587024" spans="14:14">
      <c r="N587024" s="10"/>
    </row>
    <row r="587025" spans="14:14">
      <c r="N587025" s="10"/>
    </row>
    <row r="587026" spans="14:14">
      <c r="N587026" s="10"/>
    </row>
    <row r="587027" spans="14:14">
      <c r="N587027" s="10"/>
    </row>
    <row r="587028" spans="14:14">
      <c r="N587028" s="10"/>
    </row>
    <row r="587029" spans="14:14">
      <c r="N587029" s="10"/>
    </row>
    <row r="587030" spans="14:14">
      <c r="N587030" s="10"/>
    </row>
    <row r="587031" spans="14:14">
      <c r="N587031" s="10"/>
    </row>
    <row r="587032" spans="14:14">
      <c r="N587032" s="10"/>
    </row>
    <row r="587033" spans="14:14">
      <c r="N587033" s="10"/>
    </row>
    <row r="587034" spans="14:14">
      <c r="N587034" s="10"/>
    </row>
    <row r="587035" spans="14:14">
      <c r="N587035" s="10"/>
    </row>
    <row r="587036" spans="14:14">
      <c r="N587036" s="10"/>
    </row>
    <row r="587037" spans="14:14">
      <c r="N587037" s="10"/>
    </row>
    <row r="587038" spans="14:14">
      <c r="N587038" s="10"/>
    </row>
    <row r="587039" spans="14:14">
      <c r="N587039" s="10"/>
    </row>
    <row r="587040" spans="14:14">
      <c r="N587040" s="10"/>
    </row>
    <row r="587041" spans="14:14">
      <c r="N587041" s="10"/>
    </row>
    <row r="587042" spans="14:14">
      <c r="N587042" s="10"/>
    </row>
    <row r="587043" spans="14:14">
      <c r="N587043" s="10"/>
    </row>
    <row r="587044" spans="14:14">
      <c r="N587044" s="10"/>
    </row>
    <row r="587045" spans="14:14">
      <c r="N587045" s="10"/>
    </row>
    <row r="587046" spans="14:14">
      <c r="N587046" s="10"/>
    </row>
    <row r="587047" spans="14:14">
      <c r="N587047" s="10"/>
    </row>
    <row r="587048" spans="14:14">
      <c r="N587048" s="10"/>
    </row>
    <row r="587049" spans="14:14">
      <c r="N587049" s="10"/>
    </row>
    <row r="587050" spans="14:14">
      <c r="N587050" s="10"/>
    </row>
    <row r="587051" spans="14:14">
      <c r="N587051" s="10"/>
    </row>
    <row r="587052" spans="14:14">
      <c r="N587052" s="10"/>
    </row>
    <row r="587053" spans="14:14">
      <c r="N587053" s="10"/>
    </row>
    <row r="587054" spans="14:14">
      <c r="N587054" s="10"/>
    </row>
    <row r="587055" spans="14:14">
      <c r="N587055" s="10"/>
    </row>
    <row r="587056" spans="14:14">
      <c r="N587056" s="10"/>
    </row>
    <row r="587057" spans="14:14">
      <c r="N587057" s="10"/>
    </row>
    <row r="587058" spans="14:14">
      <c r="N587058" s="10"/>
    </row>
    <row r="587059" spans="14:14">
      <c r="N587059" s="10"/>
    </row>
    <row r="587060" spans="14:14">
      <c r="N587060" s="10"/>
    </row>
    <row r="587061" spans="14:14">
      <c r="N587061" s="10"/>
    </row>
    <row r="587062" spans="14:14">
      <c r="N587062" s="10"/>
    </row>
    <row r="587063" spans="14:14">
      <c r="N587063" s="10"/>
    </row>
    <row r="587064" spans="14:14">
      <c r="N587064" s="10"/>
    </row>
    <row r="587065" spans="14:14">
      <c r="N587065" s="10"/>
    </row>
    <row r="587066" spans="14:14">
      <c r="N587066" s="10"/>
    </row>
    <row r="587067" spans="14:14">
      <c r="N587067" s="10"/>
    </row>
    <row r="587068" spans="14:14">
      <c r="N587068" s="10"/>
    </row>
    <row r="587069" spans="14:14">
      <c r="N587069" s="10"/>
    </row>
    <row r="587070" spans="14:14">
      <c r="N587070" s="10"/>
    </row>
    <row r="587071" spans="14:14">
      <c r="N587071" s="10"/>
    </row>
    <row r="587072" spans="14:14">
      <c r="N587072" s="10"/>
    </row>
    <row r="587073" spans="14:14">
      <c r="N587073" s="10"/>
    </row>
    <row r="587074" spans="14:14">
      <c r="N587074" s="10"/>
    </row>
    <row r="587075" spans="14:14">
      <c r="N587075" s="10"/>
    </row>
    <row r="587076" spans="14:14">
      <c r="N587076" s="10"/>
    </row>
    <row r="587077" spans="14:14">
      <c r="N587077" s="10"/>
    </row>
    <row r="587078" spans="14:14">
      <c r="N587078" s="10"/>
    </row>
    <row r="587079" spans="14:14">
      <c r="N587079" s="10"/>
    </row>
    <row r="587080" spans="14:14">
      <c r="N587080" s="10"/>
    </row>
    <row r="587081" spans="14:14">
      <c r="N587081" s="10"/>
    </row>
    <row r="587082" spans="14:14">
      <c r="N587082" s="10"/>
    </row>
    <row r="587083" spans="14:14">
      <c r="N587083" s="10"/>
    </row>
    <row r="587084" spans="14:14">
      <c r="N587084" s="10"/>
    </row>
    <row r="587085" spans="14:14">
      <c r="N587085" s="10"/>
    </row>
    <row r="587086" spans="14:14">
      <c r="N587086" s="10"/>
    </row>
    <row r="587087" spans="14:14">
      <c r="N587087" s="10"/>
    </row>
    <row r="587088" spans="14:14">
      <c r="N587088" s="10"/>
    </row>
    <row r="587089" spans="14:14">
      <c r="N587089" s="10"/>
    </row>
    <row r="587090" spans="14:14">
      <c r="N587090" s="10"/>
    </row>
    <row r="587091" spans="14:14">
      <c r="N587091" s="10"/>
    </row>
    <row r="587092" spans="14:14">
      <c r="N587092" s="10"/>
    </row>
    <row r="587093" spans="14:14">
      <c r="N587093" s="10"/>
    </row>
    <row r="587094" spans="14:14">
      <c r="N587094" s="10"/>
    </row>
    <row r="587095" spans="14:14">
      <c r="N587095" s="10"/>
    </row>
    <row r="587096" spans="14:14">
      <c r="N587096" s="10"/>
    </row>
    <row r="587097" spans="14:14">
      <c r="N587097" s="10"/>
    </row>
    <row r="587098" spans="14:14">
      <c r="N587098" s="10"/>
    </row>
    <row r="587099" spans="14:14">
      <c r="N587099" s="10"/>
    </row>
    <row r="587100" spans="14:14">
      <c r="N587100" s="10"/>
    </row>
    <row r="587101" spans="14:14">
      <c r="N587101" s="10"/>
    </row>
    <row r="587102" spans="14:14">
      <c r="N587102" s="10"/>
    </row>
    <row r="587103" spans="14:14">
      <c r="N587103" s="10"/>
    </row>
    <row r="587104" spans="14:14">
      <c r="N587104" s="10"/>
    </row>
    <row r="587105" spans="14:14">
      <c r="N587105" s="10"/>
    </row>
    <row r="587106" spans="14:14">
      <c r="N587106" s="10"/>
    </row>
    <row r="587107" spans="14:14">
      <c r="N587107" s="10"/>
    </row>
    <row r="587108" spans="14:14">
      <c r="N587108" s="10"/>
    </row>
    <row r="587109" spans="14:14">
      <c r="N587109" s="10"/>
    </row>
    <row r="587110" spans="14:14">
      <c r="N587110" s="10"/>
    </row>
    <row r="587111" spans="14:14">
      <c r="N587111" s="10"/>
    </row>
    <row r="587112" spans="14:14">
      <c r="N587112" s="10"/>
    </row>
    <row r="587113" spans="14:14">
      <c r="N587113" s="10"/>
    </row>
    <row r="587114" spans="14:14">
      <c r="N587114" s="10"/>
    </row>
    <row r="587115" spans="14:14">
      <c r="N587115" s="10"/>
    </row>
    <row r="587116" spans="14:14">
      <c r="N587116" s="10"/>
    </row>
    <row r="587117" spans="14:14">
      <c r="N587117" s="10"/>
    </row>
    <row r="587118" spans="14:14">
      <c r="N587118" s="10"/>
    </row>
    <row r="587119" spans="14:14">
      <c r="N587119" s="10"/>
    </row>
    <row r="587120" spans="14:14">
      <c r="N587120" s="10"/>
    </row>
    <row r="587121" spans="14:14">
      <c r="N587121" s="10"/>
    </row>
    <row r="587122" spans="14:14">
      <c r="N587122" s="10"/>
    </row>
    <row r="587123" spans="14:14">
      <c r="N587123" s="10"/>
    </row>
    <row r="587124" spans="14:14">
      <c r="N587124" s="10"/>
    </row>
    <row r="587125" spans="14:14">
      <c r="N587125" s="10"/>
    </row>
    <row r="587126" spans="14:14">
      <c r="N587126" s="10"/>
    </row>
    <row r="587127" spans="14:14">
      <c r="N587127" s="10"/>
    </row>
    <row r="587128" spans="14:14">
      <c r="N587128" s="10"/>
    </row>
    <row r="587129" spans="14:14">
      <c r="N587129" s="10"/>
    </row>
    <row r="587130" spans="14:14">
      <c r="N587130" s="10"/>
    </row>
    <row r="587131" spans="14:14">
      <c r="N587131" s="10"/>
    </row>
    <row r="587132" spans="14:14">
      <c r="N587132" s="10"/>
    </row>
    <row r="587133" spans="14:14">
      <c r="N587133" s="10"/>
    </row>
    <row r="587134" spans="14:14">
      <c r="N587134" s="10"/>
    </row>
    <row r="587135" spans="14:14">
      <c r="N587135" s="10"/>
    </row>
    <row r="587136" spans="14:14">
      <c r="N587136" s="10"/>
    </row>
    <row r="587137" spans="14:14">
      <c r="N587137" s="10"/>
    </row>
    <row r="587138" spans="14:14">
      <c r="N587138" s="10"/>
    </row>
    <row r="587139" spans="14:14">
      <c r="N587139" s="10"/>
    </row>
    <row r="587140" spans="14:14">
      <c r="N587140" s="10"/>
    </row>
    <row r="587141" spans="14:14">
      <c r="N587141" s="10"/>
    </row>
    <row r="587142" spans="14:14">
      <c r="N587142" s="10"/>
    </row>
    <row r="587143" spans="14:14">
      <c r="N587143" s="10"/>
    </row>
    <row r="587144" spans="14:14">
      <c r="N587144" s="10"/>
    </row>
    <row r="587145" spans="14:14">
      <c r="N587145" s="10"/>
    </row>
    <row r="587146" spans="14:14">
      <c r="N587146" s="10"/>
    </row>
    <row r="587147" spans="14:14">
      <c r="N587147" s="10"/>
    </row>
    <row r="587148" spans="14:14">
      <c r="N587148" s="10"/>
    </row>
    <row r="587149" spans="14:14">
      <c r="N587149" s="10"/>
    </row>
    <row r="587150" spans="14:14">
      <c r="N587150" s="10"/>
    </row>
    <row r="587151" spans="14:14">
      <c r="N587151" s="10"/>
    </row>
    <row r="587152" spans="14:14">
      <c r="N587152" s="10"/>
    </row>
    <row r="587153" spans="14:14">
      <c r="N587153" s="10"/>
    </row>
    <row r="587154" spans="14:14">
      <c r="N587154" s="10"/>
    </row>
    <row r="587155" spans="14:14">
      <c r="N587155" s="10"/>
    </row>
    <row r="587156" spans="14:14">
      <c r="N587156" s="10"/>
    </row>
    <row r="587157" spans="14:14">
      <c r="N587157" s="10"/>
    </row>
    <row r="587158" spans="14:14">
      <c r="N587158" s="10"/>
    </row>
    <row r="587159" spans="14:14">
      <c r="N587159" s="10"/>
    </row>
    <row r="587160" spans="14:14">
      <c r="N587160" s="10"/>
    </row>
    <row r="587161" spans="14:14">
      <c r="N587161" s="10"/>
    </row>
    <row r="587162" spans="14:14">
      <c r="N587162" s="10"/>
    </row>
    <row r="587163" spans="14:14">
      <c r="N587163" s="10"/>
    </row>
    <row r="587164" spans="14:14">
      <c r="N587164" s="10"/>
    </row>
    <row r="587165" spans="14:14">
      <c r="N587165" s="10"/>
    </row>
    <row r="587166" spans="14:14">
      <c r="N587166" s="10"/>
    </row>
    <row r="587167" spans="14:14">
      <c r="N587167" s="10"/>
    </row>
    <row r="587168" spans="14:14">
      <c r="N587168" s="10"/>
    </row>
    <row r="587169" spans="14:14">
      <c r="N587169" s="10"/>
    </row>
    <row r="587170" spans="14:14">
      <c r="N587170" s="10"/>
    </row>
    <row r="587171" spans="14:14">
      <c r="N587171" s="10"/>
    </row>
    <row r="587172" spans="14:14">
      <c r="N587172" s="10"/>
    </row>
    <row r="587173" spans="14:14">
      <c r="N587173" s="10"/>
    </row>
    <row r="587174" spans="14:14">
      <c r="N587174" s="10"/>
    </row>
    <row r="587175" spans="14:14">
      <c r="N587175" s="10"/>
    </row>
    <row r="587176" spans="14:14">
      <c r="N587176" s="10"/>
    </row>
    <row r="587177" spans="14:14">
      <c r="N587177" s="10"/>
    </row>
    <row r="587178" spans="14:14">
      <c r="N587178" s="10"/>
    </row>
    <row r="587179" spans="14:14">
      <c r="N587179" s="10"/>
    </row>
    <row r="587180" spans="14:14">
      <c r="N587180" s="10"/>
    </row>
    <row r="587181" spans="14:14">
      <c r="N587181" s="10"/>
    </row>
    <row r="587182" spans="14:14">
      <c r="N587182" s="10"/>
    </row>
    <row r="587183" spans="14:14">
      <c r="N587183" s="10"/>
    </row>
    <row r="587184" spans="14:14">
      <c r="N587184" s="10"/>
    </row>
    <row r="587185" spans="14:14">
      <c r="N587185" s="10"/>
    </row>
    <row r="587186" spans="14:14">
      <c r="N587186" s="10"/>
    </row>
    <row r="587187" spans="14:14">
      <c r="N587187" s="10"/>
    </row>
    <row r="587188" spans="14:14">
      <c r="N587188" s="10"/>
    </row>
    <row r="587189" spans="14:14">
      <c r="N587189" s="10"/>
    </row>
    <row r="587190" spans="14:14">
      <c r="N587190" s="10"/>
    </row>
    <row r="587191" spans="14:14">
      <c r="N587191" s="10"/>
    </row>
    <row r="587192" spans="14:14">
      <c r="N587192" s="10"/>
    </row>
    <row r="587193" spans="14:14">
      <c r="N587193" s="10"/>
    </row>
    <row r="587194" spans="14:14">
      <c r="N587194" s="10"/>
    </row>
    <row r="587195" spans="14:14">
      <c r="N587195" s="10"/>
    </row>
    <row r="587196" spans="14:14">
      <c r="N587196" s="10"/>
    </row>
    <row r="587197" spans="14:14">
      <c r="N587197" s="10"/>
    </row>
    <row r="587198" spans="14:14">
      <c r="N587198" s="10"/>
    </row>
    <row r="587199" spans="14:14">
      <c r="N587199" s="10"/>
    </row>
    <row r="587200" spans="14:14">
      <c r="N587200" s="10"/>
    </row>
    <row r="587201" spans="14:14">
      <c r="N587201" s="10"/>
    </row>
    <row r="587202" spans="14:14">
      <c r="N587202" s="10"/>
    </row>
    <row r="587203" spans="14:14">
      <c r="N587203" s="10"/>
    </row>
    <row r="587204" spans="14:14">
      <c r="N587204" s="10"/>
    </row>
    <row r="587205" spans="14:14">
      <c r="N587205" s="10"/>
    </row>
    <row r="587206" spans="14:14">
      <c r="N587206" s="10"/>
    </row>
    <row r="587207" spans="14:14">
      <c r="N587207" s="10"/>
    </row>
    <row r="587208" spans="14:14">
      <c r="N587208" s="10"/>
    </row>
    <row r="587209" spans="14:14">
      <c r="N587209" s="10"/>
    </row>
    <row r="587210" spans="14:14">
      <c r="N587210" s="10"/>
    </row>
    <row r="587211" spans="14:14">
      <c r="N587211" s="10"/>
    </row>
    <row r="587212" spans="14:14">
      <c r="N587212" s="10"/>
    </row>
    <row r="587213" spans="14:14">
      <c r="N587213" s="10"/>
    </row>
    <row r="587214" spans="14:14">
      <c r="N587214" s="10"/>
    </row>
    <row r="587215" spans="14:14">
      <c r="N587215" s="10"/>
    </row>
    <row r="587216" spans="14:14">
      <c r="N587216" s="10"/>
    </row>
    <row r="587217" spans="14:14">
      <c r="N587217" s="10"/>
    </row>
    <row r="587218" spans="14:14">
      <c r="N587218" s="10"/>
    </row>
    <row r="587219" spans="14:14">
      <c r="N587219" s="10"/>
    </row>
    <row r="587220" spans="14:14">
      <c r="N587220" s="10"/>
    </row>
    <row r="587221" spans="14:14">
      <c r="N587221" s="10"/>
    </row>
    <row r="587222" spans="14:14">
      <c r="N587222" s="10"/>
    </row>
    <row r="587223" spans="14:14">
      <c r="N587223" s="10"/>
    </row>
    <row r="587224" spans="14:14">
      <c r="N587224" s="10"/>
    </row>
    <row r="587225" spans="14:14">
      <c r="N587225" s="10"/>
    </row>
    <row r="587226" spans="14:14">
      <c r="N587226" s="10"/>
    </row>
    <row r="587227" spans="14:14">
      <c r="N587227" s="10"/>
    </row>
    <row r="587228" spans="14:14">
      <c r="N587228" s="10"/>
    </row>
    <row r="587229" spans="14:14">
      <c r="N587229" s="10"/>
    </row>
    <row r="587230" spans="14:14">
      <c r="N587230" s="10"/>
    </row>
    <row r="587231" spans="14:14">
      <c r="N587231" s="10"/>
    </row>
    <row r="587232" spans="14:14">
      <c r="N587232" s="10"/>
    </row>
    <row r="587233" spans="14:14">
      <c r="N587233" s="10"/>
    </row>
    <row r="587234" spans="14:14">
      <c r="N587234" s="10"/>
    </row>
    <row r="587235" spans="14:14">
      <c r="N587235" s="10"/>
    </row>
    <row r="587236" spans="14:14">
      <c r="N587236" s="10"/>
    </row>
    <row r="587237" spans="14:14">
      <c r="N587237" s="10"/>
    </row>
    <row r="587238" spans="14:14">
      <c r="N587238" s="10"/>
    </row>
    <row r="587239" spans="14:14">
      <c r="N587239" s="10"/>
    </row>
    <row r="587240" spans="14:14">
      <c r="N587240" s="10"/>
    </row>
    <row r="587241" spans="14:14">
      <c r="N587241" s="10"/>
    </row>
    <row r="587242" spans="14:14">
      <c r="N587242" s="10"/>
    </row>
    <row r="587243" spans="14:14">
      <c r="N587243" s="10"/>
    </row>
    <row r="587244" spans="14:14">
      <c r="N587244" s="10"/>
    </row>
    <row r="587245" spans="14:14">
      <c r="N587245" s="10"/>
    </row>
    <row r="587246" spans="14:14">
      <c r="N587246" s="10"/>
    </row>
    <row r="587247" spans="14:14">
      <c r="N587247" s="10"/>
    </row>
    <row r="587248" spans="14:14">
      <c r="N587248" s="10"/>
    </row>
    <row r="587249" spans="14:14">
      <c r="N587249" s="10"/>
    </row>
    <row r="587250" spans="14:14">
      <c r="N587250" s="10"/>
    </row>
    <row r="587251" spans="14:14">
      <c r="N587251" s="10"/>
    </row>
    <row r="587252" spans="14:14">
      <c r="N587252" s="10"/>
    </row>
    <row r="587253" spans="14:14">
      <c r="N587253" s="10"/>
    </row>
    <row r="587254" spans="14:14">
      <c r="N587254" s="10"/>
    </row>
    <row r="587255" spans="14:14">
      <c r="N587255" s="10"/>
    </row>
    <row r="587256" spans="14:14">
      <c r="N587256" s="10"/>
    </row>
    <row r="587257" spans="14:14">
      <c r="N587257" s="10"/>
    </row>
    <row r="587258" spans="14:14">
      <c r="N587258" s="10"/>
    </row>
    <row r="587259" spans="14:14">
      <c r="N587259" s="10"/>
    </row>
    <row r="587260" spans="14:14">
      <c r="N587260" s="10"/>
    </row>
    <row r="587261" spans="14:14">
      <c r="N587261" s="10"/>
    </row>
    <row r="587262" spans="14:14">
      <c r="N587262" s="10"/>
    </row>
    <row r="587263" spans="14:14">
      <c r="N587263" s="10"/>
    </row>
    <row r="587264" spans="14:14">
      <c r="N587264" s="10"/>
    </row>
    <row r="587265" spans="14:14">
      <c r="N587265" s="10"/>
    </row>
    <row r="587266" spans="14:14">
      <c r="N587266" s="10"/>
    </row>
    <row r="587267" spans="14:14">
      <c r="N587267" s="10"/>
    </row>
    <row r="587268" spans="14:14">
      <c r="N587268" s="10"/>
    </row>
    <row r="587269" spans="14:14">
      <c r="N587269" s="10"/>
    </row>
    <row r="587270" spans="14:14">
      <c r="N587270" s="10"/>
    </row>
    <row r="587271" spans="14:14">
      <c r="N587271" s="10"/>
    </row>
    <row r="587272" spans="14:14">
      <c r="N587272" s="10"/>
    </row>
    <row r="587273" spans="14:14">
      <c r="N587273" s="10"/>
    </row>
    <row r="587274" spans="14:14">
      <c r="N587274" s="10"/>
    </row>
    <row r="587275" spans="14:14">
      <c r="N587275" s="10"/>
    </row>
    <row r="587276" spans="14:14">
      <c r="N587276" s="10"/>
    </row>
    <row r="587277" spans="14:14">
      <c r="N587277" s="10"/>
    </row>
    <row r="587278" spans="14:14">
      <c r="N587278" s="10"/>
    </row>
    <row r="587279" spans="14:14">
      <c r="N587279" s="10"/>
    </row>
    <row r="587280" spans="14:14">
      <c r="N587280" s="10"/>
    </row>
    <row r="587281" spans="14:14">
      <c r="N587281" s="10"/>
    </row>
    <row r="587282" spans="14:14">
      <c r="N587282" s="10"/>
    </row>
    <row r="587283" spans="14:14">
      <c r="N587283" s="10"/>
    </row>
    <row r="587284" spans="14:14">
      <c r="N587284" s="10"/>
    </row>
    <row r="587285" spans="14:14">
      <c r="N587285" s="10"/>
    </row>
    <row r="587286" spans="14:14">
      <c r="N587286" s="10"/>
    </row>
    <row r="587287" spans="14:14">
      <c r="N587287" s="10"/>
    </row>
    <row r="587288" spans="14:14">
      <c r="N587288" s="10"/>
    </row>
    <row r="587289" spans="14:14">
      <c r="N587289" s="10"/>
    </row>
    <row r="587290" spans="14:14">
      <c r="N587290" s="10"/>
    </row>
    <row r="587291" spans="14:14">
      <c r="N587291" s="10"/>
    </row>
    <row r="587292" spans="14:14">
      <c r="N587292" s="10"/>
    </row>
    <row r="587293" spans="14:14">
      <c r="N587293" s="10"/>
    </row>
    <row r="587294" spans="14:14">
      <c r="N587294" s="10"/>
    </row>
    <row r="587295" spans="14:14">
      <c r="N587295" s="10"/>
    </row>
    <row r="587296" spans="14:14">
      <c r="N587296" s="10"/>
    </row>
    <row r="587297" spans="14:14">
      <c r="N587297" s="10"/>
    </row>
    <row r="587298" spans="14:14">
      <c r="N587298" s="10"/>
    </row>
    <row r="587299" spans="14:14">
      <c r="N587299" s="10"/>
    </row>
    <row r="587300" spans="14:14">
      <c r="N587300" s="10"/>
    </row>
    <row r="587301" spans="14:14">
      <c r="N587301" s="10"/>
    </row>
    <row r="587302" spans="14:14">
      <c r="N587302" s="10"/>
    </row>
    <row r="587303" spans="14:14">
      <c r="N587303" s="10"/>
    </row>
    <row r="587304" spans="14:14">
      <c r="N587304" s="10"/>
    </row>
    <row r="587305" spans="14:14">
      <c r="N587305" s="10"/>
    </row>
    <row r="587306" spans="14:14">
      <c r="N587306" s="10"/>
    </row>
    <row r="587307" spans="14:14">
      <c r="N587307" s="10"/>
    </row>
    <row r="587308" spans="14:14">
      <c r="N587308" s="10"/>
    </row>
    <row r="587309" spans="14:14">
      <c r="N587309" s="10"/>
    </row>
    <row r="587310" spans="14:14">
      <c r="N587310" s="10"/>
    </row>
    <row r="587311" spans="14:14">
      <c r="N587311" s="10"/>
    </row>
    <row r="587312" spans="14:14">
      <c r="N587312" s="10"/>
    </row>
    <row r="587313" spans="14:14">
      <c r="N587313" s="10"/>
    </row>
    <row r="587314" spans="14:14">
      <c r="N587314" s="10"/>
    </row>
    <row r="587315" spans="14:14">
      <c r="N587315" s="10"/>
    </row>
    <row r="587316" spans="14:14">
      <c r="N587316" s="10"/>
    </row>
    <row r="587317" spans="14:14">
      <c r="N587317" s="10"/>
    </row>
    <row r="587318" spans="14:14">
      <c r="N587318" s="10"/>
    </row>
    <row r="587319" spans="14:14">
      <c r="N587319" s="10"/>
    </row>
    <row r="587320" spans="14:14">
      <c r="N587320" s="10"/>
    </row>
    <row r="587321" spans="14:14">
      <c r="N587321" s="10"/>
    </row>
    <row r="587322" spans="14:14">
      <c r="N587322" s="10"/>
    </row>
    <row r="587323" spans="14:14">
      <c r="N587323" s="10"/>
    </row>
    <row r="587324" spans="14:14">
      <c r="N587324" s="10"/>
    </row>
    <row r="587325" spans="14:14">
      <c r="N587325" s="10"/>
    </row>
    <row r="587326" spans="14:14">
      <c r="N587326" s="10"/>
    </row>
    <row r="587327" spans="14:14">
      <c r="N587327" s="10"/>
    </row>
    <row r="587328" spans="14:14">
      <c r="N587328" s="10"/>
    </row>
    <row r="587329" spans="14:14">
      <c r="N587329" s="10"/>
    </row>
    <row r="587330" spans="14:14">
      <c r="N587330" s="10"/>
    </row>
    <row r="587331" spans="14:14">
      <c r="N587331" s="10"/>
    </row>
    <row r="587332" spans="14:14">
      <c r="N587332" s="10"/>
    </row>
    <row r="587333" spans="14:14">
      <c r="N587333" s="10"/>
    </row>
    <row r="587334" spans="14:14">
      <c r="N587334" s="10"/>
    </row>
    <row r="587335" spans="14:14">
      <c r="N587335" s="10"/>
    </row>
    <row r="587336" spans="14:14">
      <c r="N587336" s="10"/>
    </row>
    <row r="587337" spans="14:14">
      <c r="N587337" s="10"/>
    </row>
    <row r="587338" spans="14:14">
      <c r="N587338" s="10"/>
    </row>
    <row r="587339" spans="14:14">
      <c r="N587339" s="10"/>
    </row>
    <row r="587340" spans="14:14">
      <c r="N587340" s="10"/>
    </row>
    <row r="587341" spans="14:14">
      <c r="N587341" s="10"/>
    </row>
    <row r="587342" spans="14:14">
      <c r="N587342" s="10"/>
    </row>
    <row r="587343" spans="14:14">
      <c r="N587343" s="10"/>
    </row>
    <row r="587344" spans="14:14">
      <c r="N587344" s="10"/>
    </row>
    <row r="587345" spans="14:14">
      <c r="N587345" s="10"/>
    </row>
    <row r="587346" spans="14:14">
      <c r="N587346" s="10"/>
    </row>
    <row r="587347" spans="14:14">
      <c r="N587347" s="10"/>
    </row>
    <row r="587348" spans="14:14">
      <c r="N587348" s="10"/>
    </row>
    <row r="587349" spans="14:14">
      <c r="N587349" s="10"/>
    </row>
    <row r="587350" spans="14:14">
      <c r="N587350" s="10"/>
    </row>
    <row r="587351" spans="14:14">
      <c r="N587351" s="10"/>
    </row>
    <row r="587352" spans="14:14">
      <c r="N587352" s="10"/>
    </row>
    <row r="587353" spans="14:14">
      <c r="N587353" s="10"/>
    </row>
    <row r="587354" spans="14:14">
      <c r="N587354" s="10"/>
    </row>
    <row r="587355" spans="14:14">
      <c r="N587355" s="10"/>
    </row>
    <row r="587356" spans="14:14">
      <c r="N587356" s="10"/>
    </row>
    <row r="587357" spans="14:14">
      <c r="N587357" s="10"/>
    </row>
    <row r="587358" spans="14:14">
      <c r="N587358" s="10"/>
    </row>
    <row r="587359" spans="14:14">
      <c r="N587359" s="10"/>
    </row>
    <row r="587360" spans="14:14">
      <c r="N587360" s="10"/>
    </row>
    <row r="587361" spans="14:14">
      <c r="N587361" s="10"/>
    </row>
    <row r="587362" spans="14:14">
      <c r="N587362" s="10"/>
    </row>
    <row r="587363" spans="14:14">
      <c r="N587363" s="10"/>
    </row>
    <row r="587364" spans="14:14">
      <c r="N587364" s="10"/>
    </row>
    <row r="587365" spans="14:14">
      <c r="N587365" s="10"/>
    </row>
    <row r="587366" spans="14:14">
      <c r="N587366" s="10"/>
    </row>
    <row r="587367" spans="14:14">
      <c r="N587367" s="10"/>
    </row>
    <row r="587368" spans="14:14">
      <c r="N587368" s="10"/>
    </row>
    <row r="587369" spans="14:14">
      <c r="N587369" s="10"/>
    </row>
    <row r="587370" spans="14:14">
      <c r="N587370" s="10"/>
    </row>
    <row r="587371" spans="14:14">
      <c r="N587371" s="10"/>
    </row>
    <row r="587372" spans="14:14">
      <c r="N587372" s="10"/>
    </row>
    <row r="587373" spans="14:14">
      <c r="N587373" s="10"/>
    </row>
    <row r="587374" spans="14:14">
      <c r="N587374" s="10"/>
    </row>
    <row r="587375" spans="14:14">
      <c r="N587375" s="10"/>
    </row>
    <row r="587376" spans="14:14">
      <c r="N587376" s="10"/>
    </row>
    <row r="587377" spans="14:14">
      <c r="N587377" s="10"/>
    </row>
    <row r="587378" spans="14:14">
      <c r="N587378" s="10"/>
    </row>
    <row r="587379" spans="14:14">
      <c r="N587379" s="10"/>
    </row>
    <row r="587380" spans="14:14">
      <c r="N587380" s="10"/>
    </row>
    <row r="587381" spans="14:14">
      <c r="N587381" s="10"/>
    </row>
    <row r="587382" spans="14:14">
      <c r="N587382" s="10"/>
    </row>
    <row r="587383" spans="14:14">
      <c r="N587383" s="10"/>
    </row>
    <row r="587384" spans="14:14">
      <c r="N587384" s="10"/>
    </row>
    <row r="587385" spans="14:14">
      <c r="N587385" s="10"/>
    </row>
    <row r="587386" spans="14:14">
      <c r="N587386" s="10"/>
    </row>
    <row r="587387" spans="14:14">
      <c r="N587387" s="10"/>
    </row>
    <row r="587388" spans="14:14">
      <c r="N587388" s="10"/>
    </row>
    <row r="587389" spans="14:14">
      <c r="N587389" s="10"/>
    </row>
    <row r="587390" spans="14:14">
      <c r="N587390" s="10"/>
    </row>
    <row r="587391" spans="14:14">
      <c r="N587391" s="10"/>
    </row>
    <row r="587392" spans="14:14">
      <c r="N587392" s="10"/>
    </row>
    <row r="587393" spans="14:14">
      <c r="N587393" s="10"/>
    </row>
    <row r="587394" spans="14:14">
      <c r="N587394" s="10"/>
    </row>
    <row r="587395" spans="14:14">
      <c r="N587395" s="10"/>
    </row>
    <row r="587396" spans="14:14">
      <c r="N587396" s="10"/>
    </row>
    <row r="587397" spans="14:14">
      <c r="N587397" s="10"/>
    </row>
    <row r="587398" spans="14:14">
      <c r="N587398" s="10"/>
    </row>
    <row r="587399" spans="14:14">
      <c r="N587399" s="10"/>
    </row>
    <row r="587400" spans="14:14">
      <c r="N587400" s="10"/>
    </row>
    <row r="587401" spans="14:14">
      <c r="N587401" s="10"/>
    </row>
    <row r="587402" spans="14:14">
      <c r="N587402" s="10"/>
    </row>
    <row r="587403" spans="14:14">
      <c r="N587403" s="10"/>
    </row>
    <row r="587404" spans="14:14">
      <c r="N587404" s="10"/>
    </row>
    <row r="587405" spans="14:14">
      <c r="N587405" s="10"/>
    </row>
    <row r="587406" spans="14:14">
      <c r="N587406" s="10"/>
    </row>
    <row r="587407" spans="14:14">
      <c r="N587407" s="10"/>
    </row>
    <row r="587408" spans="14:14">
      <c r="N587408" s="10"/>
    </row>
    <row r="587409" spans="14:14">
      <c r="N587409" s="10"/>
    </row>
    <row r="587410" spans="14:14">
      <c r="N587410" s="10"/>
    </row>
    <row r="587411" spans="14:14">
      <c r="N587411" s="10"/>
    </row>
    <row r="587412" spans="14:14">
      <c r="N587412" s="10"/>
    </row>
    <row r="587413" spans="14:14">
      <c r="N587413" s="10"/>
    </row>
    <row r="587414" spans="14:14">
      <c r="N587414" s="10"/>
    </row>
    <row r="587415" spans="14:14">
      <c r="N587415" s="10"/>
    </row>
    <row r="587416" spans="14:14">
      <c r="N587416" s="10"/>
    </row>
    <row r="587417" spans="14:14">
      <c r="N587417" s="10"/>
    </row>
    <row r="587418" spans="14:14">
      <c r="N587418" s="10"/>
    </row>
    <row r="587419" spans="14:14">
      <c r="N587419" s="10"/>
    </row>
    <row r="587420" spans="14:14">
      <c r="N587420" s="10"/>
    </row>
    <row r="587421" spans="14:14">
      <c r="N587421" s="10"/>
    </row>
    <row r="587422" spans="14:14">
      <c r="N587422" s="10"/>
    </row>
    <row r="587423" spans="14:14">
      <c r="N587423" s="10"/>
    </row>
    <row r="587424" spans="14:14">
      <c r="N587424" s="10"/>
    </row>
    <row r="587425" spans="14:14">
      <c r="N587425" s="10"/>
    </row>
    <row r="587426" spans="14:14">
      <c r="N587426" s="10"/>
    </row>
    <row r="587427" spans="14:14">
      <c r="N587427" s="10"/>
    </row>
    <row r="587428" spans="14:14">
      <c r="N587428" s="10"/>
    </row>
    <row r="587429" spans="14:14">
      <c r="N587429" s="10"/>
    </row>
    <row r="587430" spans="14:14">
      <c r="N587430" s="10"/>
    </row>
    <row r="587431" spans="14:14">
      <c r="N587431" s="10"/>
    </row>
    <row r="587432" spans="14:14">
      <c r="N587432" s="10"/>
    </row>
    <row r="587433" spans="14:14">
      <c r="N587433" s="10"/>
    </row>
    <row r="587434" spans="14:14">
      <c r="N587434" s="10"/>
    </row>
    <row r="587435" spans="14:14">
      <c r="N587435" s="10"/>
    </row>
    <row r="587436" spans="14:14">
      <c r="N587436" s="10"/>
    </row>
    <row r="587437" spans="14:14">
      <c r="N587437" s="10"/>
    </row>
    <row r="587438" spans="14:14">
      <c r="N587438" s="10"/>
    </row>
    <row r="587439" spans="14:14">
      <c r="N587439" s="10"/>
    </row>
    <row r="587440" spans="14:14">
      <c r="N587440" s="10"/>
    </row>
    <row r="587441" spans="14:14">
      <c r="N587441" s="10"/>
    </row>
    <row r="587442" spans="14:14">
      <c r="N587442" s="10"/>
    </row>
    <row r="587443" spans="14:14">
      <c r="N587443" s="10"/>
    </row>
    <row r="587444" spans="14:14">
      <c r="N587444" s="10"/>
    </row>
    <row r="587445" spans="14:14">
      <c r="N587445" s="10"/>
    </row>
    <row r="587446" spans="14:14">
      <c r="N587446" s="10"/>
    </row>
    <row r="587447" spans="14:14">
      <c r="N587447" s="10"/>
    </row>
    <row r="587448" spans="14:14">
      <c r="N587448" s="10"/>
    </row>
    <row r="587449" spans="14:14">
      <c r="N587449" s="10"/>
    </row>
    <row r="587450" spans="14:14">
      <c r="N587450" s="10"/>
    </row>
    <row r="587451" spans="14:14">
      <c r="N587451" s="10"/>
    </row>
    <row r="587452" spans="14:14">
      <c r="N587452" s="10"/>
    </row>
    <row r="587453" spans="14:14">
      <c r="N587453" s="10"/>
    </row>
    <row r="587454" spans="14:14">
      <c r="N587454" s="10"/>
    </row>
    <row r="587455" spans="14:14">
      <c r="N587455" s="10"/>
    </row>
    <row r="587456" spans="14:14">
      <c r="N587456" s="10"/>
    </row>
    <row r="587457" spans="14:14">
      <c r="N587457" s="10"/>
    </row>
    <row r="587458" spans="14:14">
      <c r="N587458" s="10"/>
    </row>
    <row r="587459" spans="14:14">
      <c r="N587459" s="10"/>
    </row>
    <row r="587460" spans="14:14">
      <c r="N587460" s="10"/>
    </row>
    <row r="587461" spans="14:14">
      <c r="N587461" s="10"/>
    </row>
    <row r="587462" spans="14:14">
      <c r="N587462" s="10"/>
    </row>
    <row r="587463" spans="14:14">
      <c r="N587463" s="10"/>
    </row>
    <row r="587464" spans="14:14">
      <c r="N587464" s="10"/>
    </row>
    <row r="587465" spans="14:14">
      <c r="N587465" s="10"/>
    </row>
    <row r="587466" spans="14:14">
      <c r="N587466" s="10"/>
    </row>
    <row r="587467" spans="14:14">
      <c r="N587467" s="10"/>
    </row>
    <row r="587468" spans="14:14">
      <c r="N587468" s="10"/>
    </row>
    <row r="587469" spans="14:14">
      <c r="N587469" s="10"/>
    </row>
    <row r="587470" spans="14:14">
      <c r="N587470" s="10"/>
    </row>
    <row r="587471" spans="14:14">
      <c r="N587471" s="10"/>
    </row>
    <row r="587472" spans="14:14">
      <c r="N587472" s="10"/>
    </row>
    <row r="587473" spans="14:14">
      <c r="N587473" s="10"/>
    </row>
    <row r="587474" spans="14:14">
      <c r="N587474" s="10"/>
    </row>
    <row r="587475" spans="14:14">
      <c r="N587475" s="10"/>
    </row>
    <row r="587476" spans="14:14">
      <c r="N587476" s="10"/>
    </row>
    <row r="587477" spans="14:14">
      <c r="N587477" s="10"/>
    </row>
    <row r="587478" spans="14:14">
      <c r="N587478" s="10"/>
    </row>
    <row r="587479" spans="14:14">
      <c r="N587479" s="10"/>
    </row>
    <row r="587480" spans="14:14">
      <c r="N587480" s="10"/>
    </row>
    <row r="587481" spans="14:14">
      <c r="N587481" s="10"/>
    </row>
    <row r="587482" spans="14:14">
      <c r="N587482" s="10"/>
    </row>
    <row r="587483" spans="14:14">
      <c r="N587483" s="10"/>
    </row>
    <row r="587484" spans="14:14">
      <c r="N587484" s="10"/>
    </row>
    <row r="587485" spans="14:14">
      <c r="N587485" s="10"/>
    </row>
    <row r="587486" spans="14:14">
      <c r="N587486" s="10"/>
    </row>
    <row r="587487" spans="14:14">
      <c r="N587487" s="10"/>
    </row>
    <row r="587488" spans="14:14">
      <c r="N587488" s="10"/>
    </row>
    <row r="587489" spans="14:14">
      <c r="N587489" s="10"/>
    </row>
    <row r="587490" spans="14:14">
      <c r="N587490" s="10"/>
    </row>
    <row r="587491" spans="14:14">
      <c r="N587491" s="10"/>
    </row>
    <row r="587492" spans="14:14">
      <c r="N587492" s="10"/>
    </row>
    <row r="587493" spans="14:14">
      <c r="N587493" s="10"/>
    </row>
    <row r="587494" spans="14:14">
      <c r="N587494" s="10"/>
    </row>
    <row r="587495" spans="14:14">
      <c r="N587495" s="10"/>
    </row>
    <row r="587496" spans="14:14">
      <c r="N587496" s="10"/>
    </row>
    <row r="587497" spans="14:14">
      <c r="N587497" s="10"/>
    </row>
    <row r="587498" spans="14:14">
      <c r="N587498" s="10"/>
    </row>
    <row r="587499" spans="14:14">
      <c r="N587499" s="10"/>
    </row>
    <row r="587500" spans="14:14">
      <c r="N587500" s="10"/>
    </row>
    <row r="587501" spans="14:14">
      <c r="N587501" s="10"/>
    </row>
    <row r="587502" spans="14:14">
      <c r="N587502" s="10"/>
    </row>
    <row r="587503" spans="14:14">
      <c r="N587503" s="10"/>
    </row>
    <row r="587504" spans="14:14">
      <c r="N587504" s="10"/>
    </row>
    <row r="587505" spans="14:14">
      <c r="N587505" s="10"/>
    </row>
    <row r="587506" spans="14:14">
      <c r="N587506" s="10"/>
    </row>
    <row r="587507" spans="14:14">
      <c r="N587507" s="10"/>
    </row>
    <row r="587508" spans="14:14">
      <c r="N587508" s="10"/>
    </row>
    <row r="587509" spans="14:14">
      <c r="N587509" s="10"/>
    </row>
    <row r="587510" spans="14:14">
      <c r="N587510" s="10"/>
    </row>
    <row r="587511" spans="14:14">
      <c r="N587511" s="10"/>
    </row>
    <row r="587512" spans="14:14">
      <c r="N587512" s="10"/>
    </row>
    <row r="587513" spans="14:14">
      <c r="N587513" s="10"/>
    </row>
    <row r="587514" spans="14:14">
      <c r="N587514" s="10"/>
    </row>
    <row r="587515" spans="14:14">
      <c r="N587515" s="10"/>
    </row>
    <row r="587516" spans="14:14">
      <c r="N587516" s="10"/>
    </row>
    <row r="587517" spans="14:14">
      <c r="N587517" s="10"/>
    </row>
    <row r="587518" spans="14:14">
      <c r="N587518" s="10"/>
    </row>
    <row r="587519" spans="14:14">
      <c r="N587519" s="10"/>
    </row>
    <row r="587520" spans="14:14">
      <c r="N587520" s="10"/>
    </row>
    <row r="587521" spans="14:14">
      <c r="N587521" s="10"/>
    </row>
    <row r="587522" spans="14:14">
      <c r="N587522" s="10"/>
    </row>
    <row r="587523" spans="14:14">
      <c r="N587523" s="10"/>
    </row>
    <row r="587524" spans="14:14">
      <c r="N587524" s="10"/>
    </row>
    <row r="587525" spans="14:14">
      <c r="N587525" s="10"/>
    </row>
    <row r="587526" spans="14:14">
      <c r="N587526" s="10"/>
    </row>
    <row r="587527" spans="14:14">
      <c r="N587527" s="10"/>
    </row>
    <row r="587528" spans="14:14">
      <c r="N587528" s="10"/>
    </row>
    <row r="587529" spans="14:14">
      <c r="N587529" s="10"/>
    </row>
    <row r="587530" spans="14:14">
      <c r="N587530" s="10"/>
    </row>
    <row r="587531" spans="14:14">
      <c r="N587531" s="10"/>
    </row>
    <row r="587532" spans="14:14">
      <c r="N587532" s="10"/>
    </row>
    <row r="587533" spans="14:14">
      <c r="N587533" s="10"/>
    </row>
    <row r="587534" spans="14:14">
      <c r="N587534" s="10"/>
    </row>
    <row r="587535" spans="14:14">
      <c r="N587535" s="10"/>
    </row>
    <row r="587536" spans="14:14">
      <c r="N587536" s="10"/>
    </row>
    <row r="587537" spans="14:14">
      <c r="N587537" s="10"/>
    </row>
    <row r="587538" spans="14:14">
      <c r="N587538" s="10"/>
    </row>
    <row r="587539" spans="14:14">
      <c r="N587539" s="10"/>
    </row>
    <row r="587540" spans="14:14">
      <c r="N587540" s="10"/>
    </row>
    <row r="587541" spans="14:14">
      <c r="N587541" s="10"/>
    </row>
    <row r="587542" spans="14:14">
      <c r="N587542" s="10"/>
    </row>
    <row r="587543" spans="14:14">
      <c r="N587543" s="10"/>
    </row>
    <row r="587544" spans="14:14">
      <c r="N587544" s="10"/>
    </row>
    <row r="587545" spans="14:14">
      <c r="N587545" s="10"/>
    </row>
    <row r="587546" spans="14:14">
      <c r="N587546" s="10"/>
    </row>
    <row r="587547" spans="14:14">
      <c r="N587547" s="10"/>
    </row>
    <row r="587548" spans="14:14">
      <c r="N587548" s="10"/>
    </row>
    <row r="587549" spans="14:14">
      <c r="N587549" s="10"/>
    </row>
    <row r="587550" spans="14:14">
      <c r="N587550" s="10"/>
    </row>
    <row r="587551" spans="14:14">
      <c r="N587551" s="10"/>
    </row>
    <row r="587552" spans="14:14">
      <c r="N587552" s="10"/>
    </row>
    <row r="587553" spans="14:14">
      <c r="N587553" s="10"/>
    </row>
    <row r="587554" spans="14:14">
      <c r="N587554" s="10"/>
    </row>
    <row r="587555" spans="14:14">
      <c r="N587555" s="10"/>
    </row>
    <row r="587556" spans="14:14">
      <c r="N587556" s="10"/>
    </row>
    <row r="587557" spans="14:14">
      <c r="N587557" s="10"/>
    </row>
    <row r="587558" spans="14:14">
      <c r="N587558" s="10"/>
    </row>
    <row r="587559" spans="14:14">
      <c r="N587559" s="10"/>
    </row>
    <row r="587560" spans="14:14">
      <c r="N587560" s="10"/>
    </row>
    <row r="587561" spans="14:14">
      <c r="N587561" s="10"/>
    </row>
    <row r="587562" spans="14:14">
      <c r="N587562" s="10"/>
    </row>
    <row r="587563" spans="14:14">
      <c r="N587563" s="10"/>
    </row>
    <row r="587564" spans="14:14">
      <c r="N587564" s="10"/>
    </row>
    <row r="587565" spans="14:14">
      <c r="N587565" s="10"/>
    </row>
    <row r="587566" spans="14:14">
      <c r="N587566" s="10"/>
    </row>
    <row r="587567" spans="14:14">
      <c r="N587567" s="10"/>
    </row>
    <row r="587568" spans="14:14">
      <c r="N587568" s="10"/>
    </row>
    <row r="587569" spans="14:14">
      <c r="N587569" s="10"/>
    </row>
    <row r="587570" spans="14:14">
      <c r="N587570" s="10"/>
    </row>
    <row r="587571" spans="14:14">
      <c r="N587571" s="10"/>
    </row>
    <row r="587572" spans="14:14">
      <c r="N587572" s="10"/>
    </row>
    <row r="587573" spans="14:14">
      <c r="N587573" s="10"/>
    </row>
    <row r="587574" spans="14:14">
      <c r="N587574" s="10"/>
    </row>
    <row r="587575" spans="14:14">
      <c r="N587575" s="10"/>
    </row>
    <row r="587576" spans="14:14">
      <c r="N587576" s="10"/>
    </row>
    <row r="587577" spans="14:14">
      <c r="N587577" s="10"/>
    </row>
    <row r="587578" spans="14:14">
      <c r="N587578" s="10"/>
    </row>
    <row r="587579" spans="14:14">
      <c r="N587579" s="10"/>
    </row>
    <row r="587580" spans="14:14">
      <c r="N587580" s="10"/>
    </row>
    <row r="587581" spans="14:14">
      <c r="N587581" s="10"/>
    </row>
    <row r="587582" spans="14:14">
      <c r="N587582" s="10"/>
    </row>
    <row r="587583" spans="14:14">
      <c r="N587583" s="10"/>
    </row>
    <row r="587584" spans="14:14">
      <c r="N587584" s="10"/>
    </row>
    <row r="587585" spans="14:14">
      <c r="N587585" s="10"/>
    </row>
    <row r="587586" spans="14:14">
      <c r="N587586" s="10"/>
    </row>
    <row r="587587" spans="14:14">
      <c r="N587587" s="10"/>
    </row>
    <row r="587588" spans="14:14">
      <c r="N587588" s="10"/>
    </row>
    <row r="587589" spans="14:14">
      <c r="N587589" s="10"/>
    </row>
    <row r="587590" spans="14:14">
      <c r="N587590" s="10"/>
    </row>
    <row r="587591" spans="14:14">
      <c r="N587591" s="10"/>
    </row>
    <row r="587592" spans="14:14">
      <c r="N587592" s="10"/>
    </row>
    <row r="587593" spans="14:14">
      <c r="N587593" s="10"/>
    </row>
    <row r="587594" spans="14:14">
      <c r="N587594" s="10"/>
    </row>
    <row r="587595" spans="14:14">
      <c r="N587595" s="10"/>
    </row>
    <row r="587596" spans="14:14">
      <c r="N587596" s="10"/>
    </row>
    <row r="587597" spans="14:14">
      <c r="N587597" s="10"/>
    </row>
    <row r="587598" spans="14:14">
      <c r="N587598" s="10"/>
    </row>
    <row r="587599" spans="14:14">
      <c r="N587599" s="10"/>
    </row>
    <row r="587600" spans="14:14">
      <c r="N587600" s="10"/>
    </row>
    <row r="587601" spans="14:14">
      <c r="N587601" s="10"/>
    </row>
    <row r="587602" spans="14:14">
      <c r="N587602" s="10"/>
    </row>
    <row r="587603" spans="14:14">
      <c r="N587603" s="10"/>
    </row>
    <row r="587604" spans="14:14">
      <c r="N587604" s="10"/>
    </row>
    <row r="587605" spans="14:14">
      <c r="N587605" s="10"/>
    </row>
    <row r="587606" spans="14:14">
      <c r="N587606" s="10"/>
    </row>
    <row r="587607" spans="14:14">
      <c r="N587607" s="10"/>
    </row>
    <row r="587608" spans="14:14">
      <c r="N587608" s="10"/>
    </row>
    <row r="587609" spans="14:14">
      <c r="N587609" s="10"/>
    </row>
    <row r="587610" spans="14:14">
      <c r="N587610" s="10"/>
    </row>
    <row r="587611" spans="14:14">
      <c r="N587611" s="10"/>
    </row>
    <row r="587612" spans="14:14">
      <c r="N587612" s="10"/>
    </row>
    <row r="587613" spans="14:14">
      <c r="N587613" s="10"/>
    </row>
    <row r="587614" spans="14:14">
      <c r="N587614" s="10"/>
    </row>
    <row r="587615" spans="14:14">
      <c r="N587615" s="10"/>
    </row>
    <row r="587616" spans="14:14">
      <c r="N587616" s="10"/>
    </row>
    <row r="587617" spans="14:14">
      <c r="N587617" s="10"/>
    </row>
    <row r="587618" spans="14:14">
      <c r="N587618" s="10"/>
    </row>
    <row r="587619" spans="14:14">
      <c r="N587619" s="10"/>
    </row>
    <row r="587620" spans="14:14">
      <c r="N587620" s="10"/>
    </row>
    <row r="587621" spans="14:14">
      <c r="N587621" s="10"/>
    </row>
    <row r="587622" spans="14:14">
      <c r="N587622" s="10"/>
    </row>
    <row r="587623" spans="14:14">
      <c r="N587623" s="10"/>
    </row>
    <row r="587624" spans="14:14">
      <c r="N587624" s="10"/>
    </row>
    <row r="587625" spans="14:14">
      <c r="N587625" s="10"/>
    </row>
    <row r="587626" spans="14:14">
      <c r="N587626" s="10"/>
    </row>
    <row r="587627" spans="14:14">
      <c r="N587627" s="10"/>
    </row>
    <row r="587628" spans="14:14">
      <c r="N587628" s="10"/>
    </row>
    <row r="587629" spans="14:14">
      <c r="N587629" s="10"/>
    </row>
    <row r="587630" spans="14:14">
      <c r="N587630" s="10"/>
    </row>
    <row r="587631" spans="14:14">
      <c r="N587631" s="10"/>
    </row>
    <row r="587632" spans="14:14">
      <c r="N587632" s="10"/>
    </row>
    <row r="587633" spans="14:14">
      <c r="N587633" s="10"/>
    </row>
    <row r="587634" spans="14:14">
      <c r="N587634" s="10"/>
    </row>
    <row r="587635" spans="14:14">
      <c r="N587635" s="10"/>
    </row>
    <row r="587636" spans="14:14">
      <c r="N587636" s="10"/>
    </row>
    <row r="587637" spans="14:14">
      <c r="N587637" s="10"/>
    </row>
    <row r="587638" spans="14:14">
      <c r="N587638" s="10"/>
    </row>
    <row r="587639" spans="14:14">
      <c r="N587639" s="10"/>
    </row>
    <row r="587640" spans="14:14">
      <c r="N587640" s="10"/>
    </row>
    <row r="587641" spans="14:14">
      <c r="N587641" s="10"/>
    </row>
    <row r="587642" spans="14:14">
      <c r="N587642" s="10"/>
    </row>
    <row r="587643" spans="14:14">
      <c r="N587643" s="10"/>
    </row>
    <row r="587644" spans="14:14">
      <c r="N587644" s="10"/>
    </row>
    <row r="587645" spans="14:14">
      <c r="N587645" s="10"/>
    </row>
    <row r="587646" spans="14:14">
      <c r="N587646" s="10"/>
    </row>
    <row r="587647" spans="14:14">
      <c r="N587647" s="10"/>
    </row>
    <row r="587648" spans="14:14">
      <c r="N587648" s="10"/>
    </row>
    <row r="587649" spans="14:14">
      <c r="N587649" s="10"/>
    </row>
    <row r="587650" spans="14:14">
      <c r="N587650" s="10"/>
    </row>
    <row r="587651" spans="14:14">
      <c r="N587651" s="10"/>
    </row>
    <row r="587652" spans="14:14">
      <c r="N587652" s="10"/>
    </row>
    <row r="587653" spans="14:14">
      <c r="N587653" s="10"/>
    </row>
    <row r="587654" spans="14:14">
      <c r="N587654" s="10"/>
    </row>
    <row r="587655" spans="14:14">
      <c r="N587655" s="10"/>
    </row>
    <row r="587656" spans="14:14">
      <c r="N587656" s="10"/>
    </row>
    <row r="587657" spans="14:14">
      <c r="N587657" s="10"/>
    </row>
    <row r="587658" spans="14:14">
      <c r="N587658" s="10"/>
    </row>
    <row r="587659" spans="14:14">
      <c r="N587659" s="10"/>
    </row>
    <row r="587660" spans="14:14">
      <c r="N587660" s="10"/>
    </row>
    <row r="587661" spans="14:14">
      <c r="N587661" s="10"/>
    </row>
    <row r="587662" spans="14:14">
      <c r="N587662" s="10"/>
    </row>
    <row r="587663" spans="14:14">
      <c r="N587663" s="10"/>
    </row>
    <row r="587664" spans="14:14">
      <c r="N587664" s="10"/>
    </row>
    <row r="587665" spans="14:14">
      <c r="N587665" s="10"/>
    </row>
    <row r="587666" spans="14:14">
      <c r="N587666" s="10"/>
    </row>
    <row r="587667" spans="14:14">
      <c r="N587667" s="10"/>
    </row>
    <row r="587668" spans="14:14">
      <c r="N587668" s="10"/>
    </row>
    <row r="587669" spans="14:14">
      <c r="N587669" s="10"/>
    </row>
    <row r="587670" spans="14:14">
      <c r="N587670" s="10"/>
    </row>
    <row r="587671" spans="14:14">
      <c r="N587671" s="10"/>
    </row>
    <row r="587672" spans="14:14">
      <c r="N587672" s="10"/>
    </row>
    <row r="587673" spans="14:14">
      <c r="N587673" s="10"/>
    </row>
    <row r="587674" spans="14:14">
      <c r="N587674" s="10"/>
    </row>
    <row r="587675" spans="14:14">
      <c r="N587675" s="10"/>
    </row>
    <row r="587676" spans="14:14">
      <c r="N587676" s="10"/>
    </row>
    <row r="587677" spans="14:14">
      <c r="N587677" s="10"/>
    </row>
    <row r="587678" spans="14:14">
      <c r="N587678" s="10"/>
    </row>
    <row r="587679" spans="14:14">
      <c r="N587679" s="10"/>
    </row>
    <row r="587680" spans="14:14">
      <c r="N587680" s="10"/>
    </row>
    <row r="587681" spans="14:14">
      <c r="N587681" s="10"/>
    </row>
    <row r="587682" spans="14:14">
      <c r="N587682" s="10"/>
    </row>
    <row r="587683" spans="14:14">
      <c r="N587683" s="10"/>
    </row>
    <row r="587684" spans="14:14">
      <c r="N587684" s="10"/>
    </row>
    <row r="587685" spans="14:14">
      <c r="N587685" s="10"/>
    </row>
    <row r="587686" spans="14:14">
      <c r="N587686" s="10"/>
    </row>
    <row r="587687" spans="14:14">
      <c r="N587687" s="10"/>
    </row>
    <row r="587688" spans="14:14">
      <c r="N587688" s="10"/>
    </row>
    <row r="587689" spans="14:14">
      <c r="N587689" s="10"/>
    </row>
    <row r="587690" spans="14:14">
      <c r="N587690" s="10"/>
    </row>
    <row r="587691" spans="14:14">
      <c r="N587691" s="10"/>
    </row>
    <row r="587692" spans="14:14">
      <c r="N587692" s="10"/>
    </row>
    <row r="587693" spans="14:14">
      <c r="N587693" s="10"/>
    </row>
    <row r="587694" spans="14:14">
      <c r="N587694" s="10"/>
    </row>
    <row r="587695" spans="14:14">
      <c r="N587695" s="10"/>
    </row>
    <row r="587696" spans="14:14">
      <c r="N587696" s="10"/>
    </row>
    <row r="587697" spans="14:14">
      <c r="N587697" s="10"/>
    </row>
    <row r="587698" spans="14:14">
      <c r="N587698" s="10"/>
    </row>
    <row r="587699" spans="14:14">
      <c r="N587699" s="10"/>
    </row>
    <row r="587700" spans="14:14">
      <c r="N587700" s="10"/>
    </row>
    <row r="587701" spans="14:14">
      <c r="N587701" s="10"/>
    </row>
    <row r="587702" spans="14:14">
      <c r="N587702" s="10"/>
    </row>
    <row r="587703" spans="14:14">
      <c r="N587703" s="10"/>
    </row>
    <row r="587704" spans="14:14">
      <c r="N587704" s="10"/>
    </row>
    <row r="587705" spans="14:14">
      <c r="N587705" s="10"/>
    </row>
    <row r="587706" spans="14:14">
      <c r="N587706" s="10"/>
    </row>
    <row r="587707" spans="14:14">
      <c r="N587707" s="10"/>
    </row>
    <row r="587708" spans="14:14">
      <c r="N587708" s="10"/>
    </row>
    <row r="587709" spans="14:14">
      <c r="N587709" s="10"/>
    </row>
    <row r="587710" spans="14:14">
      <c r="N587710" s="10"/>
    </row>
    <row r="587711" spans="14:14">
      <c r="N587711" s="10"/>
    </row>
    <row r="587712" spans="14:14">
      <c r="N587712" s="10"/>
    </row>
    <row r="587713" spans="14:14">
      <c r="N587713" s="10"/>
    </row>
    <row r="587714" spans="14:14">
      <c r="N587714" s="10"/>
    </row>
    <row r="587715" spans="14:14">
      <c r="N587715" s="10"/>
    </row>
    <row r="587716" spans="14:14">
      <c r="N587716" s="10"/>
    </row>
    <row r="587717" spans="14:14">
      <c r="N587717" s="10"/>
    </row>
    <row r="587718" spans="14:14">
      <c r="N587718" s="10"/>
    </row>
    <row r="587719" spans="14:14">
      <c r="N587719" s="10"/>
    </row>
    <row r="587720" spans="14:14">
      <c r="N587720" s="10"/>
    </row>
    <row r="587721" spans="14:14">
      <c r="N587721" s="10"/>
    </row>
    <row r="587722" spans="14:14">
      <c r="N587722" s="10"/>
    </row>
    <row r="587723" spans="14:14">
      <c r="N587723" s="10"/>
    </row>
    <row r="587724" spans="14:14">
      <c r="N587724" s="10"/>
    </row>
    <row r="587725" spans="14:14">
      <c r="N587725" s="10"/>
    </row>
    <row r="587726" spans="14:14">
      <c r="N587726" s="10"/>
    </row>
    <row r="587727" spans="14:14">
      <c r="N587727" s="10"/>
    </row>
    <row r="587728" spans="14:14">
      <c r="N587728" s="10"/>
    </row>
    <row r="587729" spans="14:14">
      <c r="N587729" s="10"/>
    </row>
    <row r="587730" spans="14:14">
      <c r="N587730" s="10"/>
    </row>
    <row r="587731" spans="14:14">
      <c r="N587731" s="10"/>
    </row>
    <row r="587732" spans="14:14">
      <c r="N587732" s="10"/>
    </row>
    <row r="587733" spans="14:14">
      <c r="N587733" s="10"/>
    </row>
    <row r="587734" spans="14:14">
      <c r="N587734" s="10"/>
    </row>
    <row r="587735" spans="14:14">
      <c r="N587735" s="10"/>
    </row>
    <row r="587736" spans="14:14">
      <c r="N587736" s="10"/>
    </row>
    <row r="587737" spans="14:14">
      <c r="N587737" s="10"/>
    </row>
    <row r="587738" spans="14:14">
      <c r="N587738" s="10"/>
    </row>
    <row r="587739" spans="14:14">
      <c r="N587739" s="10"/>
    </row>
    <row r="587740" spans="14:14">
      <c r="N587740" s="10"/>
    </row>
    <row r="587741" spans="14:14">
      <c r="N587741" s="10"/>
    </row>
    <row r="587742" spans="14:14">
      <c r="N587742" s="10"/>
    </row>
    <row r="587743" spans="14:14">
      <c r="N587743" s="10"/>
    </row>
    <row r="587744" spans="14:14">
      <c r="N587744" s="10"/>
    </row>
    <row r="587745" spans="14:14">
      <c r="N587745" s="10"/>
    </row>
    <row r="587746" spans="14:14">
      <c r="N587746" s="10"/>
    </row>
    <row r="587747" spans="14:14">
      <c r="N587747" s="10"/>
    </row>
    <row r="587748" spans="14:14">
      <c r="N587748" s="10"/>
    </row>
    <row r="587749" spans="14:14">
      <c r="N587749" s="10"/>
    </row>
    <row r="587750" spans="14:14">
      <c r="N587750" s="10"/>
    </row>
    <row r="587751" spans="14:14">
      <c r="N587751" s="10"/>
    </row>
    <row r="587752" spans="14:14">
      <c r="N587752" s="10"/>
    </row>
    <row r="587753" spans="14:14">
      <c r="N587753" s="10"/>
    </row>
    <row r="587754" spans="14:14">
      <c r="N587754" s="10"/>
    </row>
    <row r="587755" spans="14:14">
      <c r="N587755" s="10"/>
    </row>
    <row r="587756" spans="14:14">
      <c r="N587756" s="10"/>
    </row>
    <row r="587757" spans="14:14">
      <c r="N587757" s="10"/>
    </row>
    <row r="587758" spans="14:14">
      <c r="N587758" s="10"/>
    </row>
    <row r="587759" spans="14:14">
      <c r="N587759" s="10"/>
    </row>
    <row r="587760" spans="14:14">
      <c r="N587760" s="10"/>
    </row>
    <row r="587761" spans="14:14">
      <c r="N587761" s="10"/>
    </row>
    <row r="587762" spans="14:14">
      <c r="N587762" s="10"/>
    </row>
    <row r="587763" spans="14:14">
      <c r="N587763" s="10"/>
    </row>
    <row r="587764" spans="14:14">
      <c r="N587764" s="10"/>
    </row>
    <row r="587765" spans="14:14">
      <c r="N587765" s="10"/>
    </row>
    <row r="587766" spans="14:14">
      <c r="N587766" s="10"/>
    </row>
    <row r="587767" spans="14:14">
      <c r="N587767" s="10"/>
    </row>
    <row r="587768" spans="14:14">
      <c r="N587768" s="10"/>
    </row>
    <row r="587769" spans="14:14">
      <c r="N587769" s="10"/>
    </row>
    <row r="587770" spans="14:14">
      <c r="N587770" s="10"/>
    </row>
    <row r="587771" spans="14:14">
      <c r="N587771" s="10"/>
    </row>
    <row r="587772" spans="14:14">
      <c r="N587772" s="10"/>
    </row>
    <row r="587773" spans="14:14">
      <c r="N587773" s="10"/>
    </row>
    <row r="587774" spans="14:14">
      <c r="N587774" s="10"/>
    </row>
    <row r="587775" spans="14:14">
      <c r="N587775" s="10"/>
    </row>
    <row r="587776" spans="14:14">
      <c r="N587776" s="10"/>
    </row>
    <row r="587777" spans="14:14">
      <c r="N587777" s="10"/>
    </row>
    <row r="587778" spans="14:14">
      <c r="N587778" s="10"/>
    </row>
    <row r="587779" spans="14:14">
      <c r="N587779" s="10"/>
    </row>
    <row r="587780" spans="14:14">
      <c r="N587780" s="10"/>
    </row>
    <row r="587781" spans="14:14">
      <c r="N587781" s="10"/>
    </row>
    <row r="587782" spans="14:14">
      <c r="N587782" s="10"/>
    </row>
    <row r="587783" spans="14:14">
      <c r="N587783" s="10"/>
    </row>
    <row r="587784" spans="14:14">
      <c r="N587784" s="10"/>
    </row>
    <row r="587785" spans="14:14">
      <c r="N587785" s="10"/>
    </row>
    <row r="587786" spans="14:14">
      <c r="N587786" s="10"/>
    </row>
    <row r="587787" spans="14:14">
      <c r="N587787" s="10"/>
    </row>
    <row r="587788" spans="14:14">
      <c r="N587788" s="10"/>
    </row>
    <row r="587789" spans="14:14">
      <c r="N587789" s="10"/>
    </row>
    <row r="587790" spans="14:14">
      <c r="N587790" s="10"/>
    </row>
    <row r="587791" spans="14:14">
      <c r="N587791" s="10"/>
    </row>
    <row r="587792" spans="14:14">
      <c r="N587792" s="10"/>
    </row>
    <row r="587793" spans="14:14">
      <c r="N587793" s="10"/>
    </row>
    <row r="587794" spans="14:14">
      <c r="N587794" s="10"/>
    </row>
    <row r="587795" spans="14:14">
      <c r="N587795" s="10"/>
    </row>
    <row r="587796" spans="14:14">
      <c r="N587796" s="10"/>
    </row>
    <row r="587797" spans="14:14">
      <c r="N587797" s="10"/>
    </row>
    <row r="587798" spans="14:14">
      <c r="N587798" s="10"/>
    </row>
    <row r="587799" spans="14:14">
      <c r="N587799" s="10"/>
    </row>
    <row r="587800" spans="14:14">
      <c r="N587800" s="10"/>
    </row>
    <row r="587801" spans="14:14">
      <c r="N587801" s="10"/>
    </row>
    <row r="587802" spans="14:14">
      <c r="N587802" s="10"/>
    </row>
    <row r="587803" spans="14:14">
      <c r="N587803" s="10"/>
    </row>
    <row r="587804" spans="14:14">
      <c r="N587804" s="10"/>
    </row>
    <row r="587805" spans="14:14">
      <c r="N587805" s="10"/>
    </row>
    <row r="587806" spans="14:14">
      <c r="N587806" s="10"/>
    </row>
    <row r="587807" spans="14:14">
      <c r="N587807" s="10"/>
    </row>
    <row r="587808" spans="14:14">
      <c r="N587808" s="10"/>
    </row>
    <row r="587809" spans="14:14">
      <c r="N587809" s="10"/>
    </row>
    <row r="587810" spans="14:14">
      <c r="N587810" s="10"/>
    </row>
    <row r="587811" spans="14:14">
      <c r="N587811" s="10"/>
    </row>
    <row r="587812" spans="14:14">
      <c r="N587812" s="10"/>
    </row>
    <row r="587813" spans="14:14">
      <c r="N587813" s="10"/>
    </row>
    <row r="587814" spans="14:14">
      <c r="N587814" s="10"/>
    </row>
    <row r="587815" spans="14:14">
      <c r="N587815" s="10"/>
    </row>
    <row r="587816" spans="14:14">
      <c r="N587816" s="10"/>
    </row>
    <row r="587817" spans="14:14">
      <c r="N587817" s="10"/>
    </row>
    <row r="587818" spans="14:14">
      <c r="N587818" s="10"/>
    </row>
    <row r="587819" spans="14:14">
      <c r="N587819" s="10"/>
    </row>
    <row r="587820" spans="14:14">
      <c r="N587820" s="10"/>
    </row>
    <row r="587821" spans="14:14">
      <c r="N587821" s="10"/>
    </row>
    <row r="587822" spans="14:14">
      <c r="N587822" s="10"/>
    </row>
    <row r="587823" spans="14:14">
      <c r="N587823" s="10"/>
    </row>
    <row r="587824" spans="14:14">
      <c r="N587824" s="10"/>
    </row>
    <row r="587825" spans="14:14">
      <c r="N587825" s="10"/>
    </row>
    <row r="587826" spans="14:14">
      <c r="N587826" s="10"/>
    </row>
    <row r="587827" spans="14:14">
      <c r="N587827" s="10"/>
    </row>
    <row r="587828" spans="14:14">
      <c r="N587828" s="10"/>
    </row>
    <row r="587829" spans="14:14">
      <c r="N587829" s="10"/>
    </row>
    <row r="587830" spans="14:14">
      <c r="N587830" s="10"/>
    </row>
    <row r="587831" spans="14:14">
      <c r="N587831" s="10"/>
    </row>
    <row r="587832" spans="14:14">
      <c r="N587832" s="10"/>
    </row>
    <row r="587833" spans="14:14">
      <c r="N587833" s="10"/>
    </row>
    <row r="587834" spans="14:14">
      <c r="N587834" s="10"/>
    </row>
    <row r="587835" spans="14:14">
      <c r="N587835" s="10"/>
    </row>
    <row r="587836" spans="14:14">
      <c r="N587836" s="10"/>
    </row>
    <row r="587837" spans="14:14">
      <c r="N587837" s="10"/>
    </row>
    <row r="587838" spans="14:14">
      <c r="N587838" s="10"/>
    </row>
    <row r="587839" spans="14:14">
      <c r="N587839" s="10"/>
    </row>
    <row r="587840" spans="14:14">
      <c r="N587840" s="10"/>
    </row>
    <row r="587841" spans="14:14">
      <c r="N587841" s="10"/>
    </row>
    <row r="587842" spans="14:14">
      <c r="N587842" s="10"/>
    </row>
    <row r="587843" spans="14:14">
      <c r="N587843" s="10"/>
    </row>
    <row r="587844" spans="14:14">
      <c r="N587844" s="10"/>
    </row>
    <row r="587845" spans="14:14">
      <c r="N587845" s="10"/>
    </row>
    <row r="587846" spans="14:14">
      <c r="N587846" s="10"/>
    </row>
    <row r="587847" spans="14:14">
      <c r="N587847" s="10"/>
    </row>
    <row r="587848" spans="14:14">
      <c r="N587848" s="10"/>
    </row>
    <row r="587849" spans="14:14">
      <c r="N587849" s="10"/>
    </row>
    <row r="587850" spans="14:14">
      <c r="N587850" s="10"/>
    </row>
    <row r="587851" spans="14:14">
      <c r="N587851" s="10"/>
    </row>
    <row r="587852" spans="14:14">
      <c r="N587852" s="10"/>
    </row>
    <row r="587853" spans="14:14">
      <c r="N587853" s="10"/>
    </row>
    <row r="587854" spans="14:14">
      <c r="N587854" s="10"/>
    </row>
    <row r="587855" spans="14:14">
      <c r="N587855" s="10"/>
    </row>
    <row r="587856" spans="14:14">
      <c r="N587856" s="10"/>
    </row>
    <row r="587857" spans="14:14">
      <c r="N587857" s="10"/>
    </row>
    <row r="587858" spans="14:14">
      <c r="N587858" s="10"/>
    </row>
    <row r="587859" spans="14:14">
      <c r="N587859" s="10"/>
    </row>
    <row r="587860" spans="14:14">
      <c r="N587860" s="10"/>
    </row>
    <row r="587861" spans="14:14">
      <c r="N587861" s="10"/>
    </row>
    <row r="587862" spans="14:14">
      <c r="N587862" s="10"/>
    </row>
    <row r="587863" spans="14:14">
      <c r="N587863" s="10"/>
    </row>
    <row r="587864" spans="14:14">
      <c r="N587864" s="10"/>
    </row>
    <row r="587865" spans="14:14">
      <c r="N587865" s="10"/>
    </row>
    <row r="587866" spans="14:14">
      <c r="N587866" s="10"/>
    </row>
    <row r="587867" spans="14:14">
      <c r="N587867" s="10"/>
    </row>
    <row r="587868" spans="14:14">
      <c r="N587868" s="10"/>
    </row>
    <row r="587869" spans="14:14">
      <c r="N587869" s="10"/>
    </row>
    <row r="587870" spans="14:14">
      <c r="N587870" s="10"/>
    </row>
    <row r="587871" spans="14:14">
      <c r="N587871" s="10"/>
    </row>
    <row r="587872" spans="14:14">
      <c r="N587872" s="10"/>
    </row>
    <row r="587873" spans="14:14">
      <c r="N587873" s="10"/>
    </row>
    <row r="587874" spans="14:14">
      <c r="N587874" s="10"/>
    </row>
    <row r="587875" spans="14:14">
      <c r="N587875" s="10"/>
    </row>
    <row r="587876" spans="14:14">
      <c r="N587876" s="10"/>
    </row>
    <row r="587877" spans="14:14">
      <c r="N587877" s="10"/>
    </row>
    <row r="587878" spans="14:14">
      <c r="N587878" s="10"/>
    </row>
    <row r="587879" spans="14:14">
      <c r="N587879" s="10"/>
    </row>
    <row r="587880" spans="14:14">
      <c r="N587880" s="10"/>
    </row>
    <row r="587881" spans="14:14">
      <c r="N587881" s="10"/>
    </row>
    <row r="587882" spans="14:14">
      <c r="N587882" s="10"/>
    </row>
    <row r="587883" spans="14:14">
      <c r="N587883" s="10"/>
    </row>
    <row r="587884" spans="14:14">
      <c r="N587884" s="10"/>
    </row>
    <row r="587885" spans="14:14">
      <c r="N587885" s="10"/>
    </row>
    <row r="587886" spans="14:14">
      <c r="N587886" s="10"/>
    </row>
    <row r="587887" spans="14:14">
      <c r="N587887" s="10"/>
    </row>
    <row r="587888" spans="14:14">
      <c r="N587888" s="10"/>
    </row>
    <row r="587889" spans="14:14">
      <c r="N587889" s="10"/>
    </row>
    <row r="587890" spans="14:14">
      <c r="N587890" s="10"/>
    </row>
    <row r="587891" spans="14:14">
      <c r="N587891" s="10"/>
    </row>
    <row r="587892" spans="14:14">
      <c r="N587892" s="10"/>
    </row>
    <row r="587893" spans="14:14">
      <c r="N587893" s="10"/>
    </row>
    <row r="587894" spans="14:14">
      <c r="N587894" s="10"/>
    </row>
    <row r="587895" spans="14:14">
      <c r="N587895" s="10"/>
    </row>
    <row r="587896" spans="14:14">
      <c r="N587896" s="10"/>
    </row>
    <row r="587897" spans="14:14">
      <c r="N587897" s="10"/>
    </row>
    <row r="587898" spans="14:14">
      <c r="N587898" s="10"/>
    </row>
    <row r="587899" spans="14:14">
      <c r="N587899" s="10"/>
    </row>
    <row r="587900" spans="14:14">
      <c r="N587900" s="10"/>
    </row>
    <row r="587901" spans="14:14">
      <c r="N587901" s="10"/>
    </row>
    <row r="587902" spans="14:14">
      <c r="N587902" s="10"/>
    </row>
    <row r="587903" spans="14:14">
      <c r="N587903" s="10"/>
    </row>
    <row r="587904" spans="14:14">
      <c r="N587904" s="10"/>
    </row>
    <row r="587905" spans="14:14">
      <c r="N587905" s="10"/>
    </row>
    <row r="587906" spans="14:14">
      <c r="N587906" s="10"/>
    </row>
    <row r="587907" spans="14:14">
      <c r="N587907" s="10"/>
    </row>
    <row r="587908" spans="14:14">
      <c r="N587908" s="10"/>
    </row>
    <row r="587909" spans="14:14">
      <c r="N587909" s="10"/>
    </row>
    <row r="587910" spans="14:14">
      <c r="N587910" s="10"/>
    </row>
    <row r="587911" spans="14:14">
      <c r="N587911" s="10"/>
    </row>
    <row r="587912" spans="14:14">
      <c r="N587912" s="10"/>
    </row>
    <row r="587913" spans="14:14">
      <c r="N587913" s="10"/>
    </row>
    <row r="587914" spans="14:14">
      <c r="N587914" s="10"/>
    </row>
    <row r="587915" spans="14:14">
      <c r="N587915" s="10"/>
    </row>
    <row r="587916" spans="14:14">
      <c r="N587916" s="10"/>
    </row>
    <row r="587917" spans="14:14">
      <c r="N587917" s="10"/>
    </row>
    <row r="587918" spans="14:14">
      <c r="N587918" s="10"/>
    </row>
    <row r="587919" spans="14:14">
      <c r="N587919" s="10"/>
    </row>
    <row r="587920" spans="14:14">
      <c r="N587920" s="10"/>
    </row>
    <row r="587921" spans="14:14">
      <c r="N587921" s="10"/>
    </row>
    <row r="587922" spans="14:14">
      <c r="N587922" s="10"/>
    </row>
    <row r="587923" spans="14:14">
      <c r="N587923" s="10"/>
    </row>
    <row r="587924" spans="14:14">
      <c r="N587924" s="10"/>
    </row>
    <row r="587925" spans="14:14">
      <c r="N587925" s="10"/>
    </row>
    <row r="587926" spans="14:14">
      <c r="N587926" s="10"/>
    </row>
    <row r="587927" spans="14:14">
      <c r="N587927" s="10"/>
    </row>
    <row r="587928" spans="14:14">
      <c r="N587928" s="10"/>
    </row>
    <row r="587929" spans="14:14">
      <c r="N587929" s="10"/>
    </row>
    <row r="587930" spans="14:14">
      <c r="N587930" s="10"/>
    </row>
    <row r="587931" spans="14:14">
      <c r="N587931" s="10"/>
    </row>
    <row r="587932" spans="14:14">
      <c r="N587932" s="10"/>
    </row>
    <row r="587933" spans="14:14">
      <c r="N587933" s="10"/>
    </row>
    <row r="587934" spans="14:14">
      <c r="N587934" s="10"/>
    </row>
    <row r="587935" spans="14:14">
      <c r="N587935" s="10"/>
    </row>
    <row r="587936" spans="14:14">
      <c r="N587936" s="10"/>
    </row>
    <row r="587937" spans="14:14">
      <c r="N587937" s="10"/>
    </row>
    <row r="587938" spans="14:14">
      <c r="N587938" s="10"/>
    </row>
    <row r="587939" spans="14:14">
      <c r="N587939" s="10"/>
    </row>
    <row r="587940" spans="14:14">
      <c r="N587940" s="10"/>
    </row>
    <row r="587941" spans="14:14">
      <c r="N587941" s="10"/>
    </row>
    <row r="587942" spans="14:14">
      <c r="N587942" s="10"/>
    </row>
    <row r="587943" spans="14:14">
      <c r="N587943" s="10"/>
    </row>
    <row r="587944" spans="14:14">
      <c r="N587944" s="10"/>
    </row>
    <row r="587945" spans="14:14">
      <c r="N587945" s="10"/>
    </row>
    <row r="587946" spans="14:14">
      <c r="N587946" s="10"/>
    </row>
    <row r="587947" spans="14:14">
      <c r="N587947" s="10"/>
    </row>
    <row r="587948" spans="14:14">
      <c r="N587948" s="10"/>
    </row>
    <row r="587949" spans="14:14">
      <c r="N587949" s="10"/>
    </row>
    <row r="587950" spans="14:14">
      <c r="N587950" s="10"/>
    </row>
    <row r="587951" spans="14:14">
      <c r="N587951" s="10"/>
    </row>
    <row r="587952" spans="14:14">
      <c r="N587952" s="10"/>
    </row>
    <row r="587953" spans="14:14">
      <c r="N587953" s="10"/>
    </row>
    <row r="587954" spans="14:14">
      <c r="N587954" s="10"/>
    </row>
    <row r="587955" spans="14:14">
      <c r="N587955" s="10"/>
    </row>
    <row r="587956" spans="14:14">
      <c r="N587956" s="10"/>
    </row>
    <row r="587957" spans="14:14">
      <c r="N587957" s="10"/>
    </row>
    <row r="587958" spans="14:14">
      <c r="N587958" s="10"/>
    </row>
    <row r="587959" spans="14:14">
      <c r="N587959" s="10"/>
    </row>
    <row r="587960" spans="14:14">
      <c r="N587960" s="10"/>
    </row>
    <row r="587961" spans="14:14">
      <c r="N587961" s="10"/>
    </row>
    <row r="587962" spans="14:14">
      <c r="N587962" s="10"/>
    </row>
    <row r="587963" spans="14:14">
      <c r="N587963" s="10"/>
    </row>
    <row r="587964" spans="14:14">
      <c r="N587964" s="10"/>
    </row>
    <row r="587965" spans="14:14">
      <c r="N587965" s="10"/>
    </row>
    <row r="587966" spans="14:14">
      <c r="N587966" s="10"/>
    </row>
    <row r="587967" spans="14:14">
      <c r="N587967" s="10"/>
    </row>
    <row r="587968" spans="14:14">
      <c r="N587968" s="10"/>
    </row>
    <row r="587969" spans="14:14">
      <c r="N587969" s="10"/>
    </row>
    <row r="587970" spans="14:14">
      <c r="N587970" s="10"/>
    </row>
    <row r="587971" spans="14:14">
      <c r="N587971" s="10"/>
    </row>
    <row r="587972" spans="14:14">
      <c r="N587972" s="10"/>
    </row>
    <row r="587973" spans="14:14">
      <c r="N587973" s="10"/>
    </row>
    <row r="587974" spans="14:14">
      <c r="N587974" s="10"/>
    </row>
    <row r="587975" spans="14:14">
      <c r="N587975" s="10"/>
    </row>
    <row r="587976" spans="14:14">
      <c r="N587976" s="10"/>
    </row>
    <row r="587977" spans="14:14">
      <c r="N587977" s="10"/>
    </row>
    <row r="587978" spans="14:14">
      <c r="N587978" s="10"/>
    </row>
    <row r="587979" spans="14:14">
      <c r="N587979" s="10"/>
    </row>
    <row r="587980" spans="14:14">
      <c r="N587980" s="10"/>
    </row>
    <row r="587981" spans="14:14">
      <c r="N587981" s="10"/>
    </row>
    <row r="587982" spans="14:14">
      <c r="N587982" s="10"/>
    </row>
    <row r="587983" spans="14:14">
      <c r="N587983" s="10"/>
    </row>
    <row r="587984" spans="14:14">
      <c r="N587984" s="10"/>
    </row>
    <row r="587985" spans="14:14">
      <c r="N587985" s="10"/>
    </row>
    <row r="587986" spans="14:14">
      <c r="N587986" s="10"/>
    </row>
    <row r="587987" spans="14:14">
      <c r="N587987" s="10"/>
    </row>
    <row r="587988" spans="14:14">
      <c r="N587988" s="10"/>
    </row>
    <row r="587989" spans="14:14">
      <c r="N587989" s="10"/>
    </row>
    <row r="587990" spans="14:14">
      <c r="N587990" s="10"/>
    </row>
    <row r="587991" spans="14:14">
      <c r="N587991" s="10"/>
    </row>
    <row r="587992" spans="14:14">
      <c r="N587992" s="10"/>
    </row>
    <row r="587993" spans="14:14">
      <c r="N587993" s="10"/>
    </row>
    <row r="587994" spans="14:14">
      <c r="N587994" s="10"/>
    </row>
    <row r="587995" spans="14:14">
      <c r="N587995" s="10"/>
    </row>
    <row r="587996" spans="14:14">
      <c r="N587996" s="10"/>
    </row>
    <row r="587997" spans="14:14">
      <c r="N587997" s="10"/>
    </row>
    <row r="587998" spans="14:14">
      <c r="N587998" s="10"/>
    </row>
    <row r="587999" spans="14:14">
      <c r="N587999" s="10"/>
    </row>
    <row r="588000" spans="14:14">
      <c r="N588000" s="10"/>
    </row>
    <row r="588001" spans="14:14">
      <c r="N588001" s="10"/>
    </row>
    <row r="588002" spans="14:14">
      <c r="N588002" s="10"/>
    </row>
    <row r="588003" spans="14:14">
      <c r="N588003" s="10"/>
    </row>
    <row r="588004" spans="14:14">
      <c r="N588004" s="10"/>
    </row>
    <row r="588005" spans="14:14">
      <c r="N588005" s="10"/>
    </row>
    <row r="588006" spans="14:14">
      <c r="N588006" s="10"/>
    </row>
    <row r="588007" spans="14:14">
      <c r="N588007" s="10"/>
    </row>
    <row r="588008" spans="14:14">
      <c r="N588008" s="10"/>
    </row>
    <row r="588009" spans="14:14">
      <c r="N588009" s="10"/>
    </row>
    <row r="588010" spans="14:14">
      <c r="N588010" s="10"/>
    </row>
    <row r="588011" spans="14:14">
      <c r="N588011" s="10"/>
    </row>
    <row r="588012" spans="14:14">
      <c r="N588012" s="10"/>
    </row>
    <row r="588013" spans="14:14">
      <c r="N588013" s="10"/>
    </row>
    <row r="588014" spans="14:14">
      <c r="N588014" s="10"/>
    </row>
    <row r="588015" spans="14:14">
      <c r="N588015" s="10"/>
    </row>
    <row r="588016" spans="14:14">
      <c r="N588016" s="10"/>
    </row>
    <row r="588017" spans="14:14">
      <c r="N588017" s="10"/>
    </row>
    <row r="588018" spans="14:14">
      <c r="N588018" s="10"/>
    </row>
    <row r="588019" spans="14:14">
      <c r="N588019" s="10"/>
    </row>
    <row r="588020" spans="14:14">
      <c r="N588020" s="10"/>
    </row>
    <row r="588021" spans="14:14">
      <c r="N588021" s="10"/>
    </row>
    <row r="588022" spans="14:14">
      <c r="N588022" s="10"/>
    </row>
    <row r="588023" spans="14:14">
      <c r="N588023" s="10"/>
    </row>
    <row r="588024" spans="14:14">
      <c r="N588024" s="10"/>
    </row>
    <row r="588025" spans="14:14">
      <c r="N588025" s="10"/>
    </row>
    <row r="588026" spans="14:14">
      <c r="N588026" s="10"/>
    </row>
    <row r="588027" spans="14:14">
      <c r="N588027" s="10"/>
    </row>
    <row r="588028" spans="14:14">
      <c r="N588028" s="10"/>
    </row>
    <row r="588029" spans="14:14">
      <c r="N588029" s="10"/>
    </row>
    <row r="588030" spans="14:14">
      <c r="N588030" s="10"/>
    </row>
    <row r="588031" spans="14:14">
      <c r="N588031" s="10"/>
    </row>
    <row r="588032" spans="14:14">
      <c r="N588032" s="10"/>
    </row>
    <row r="588033" spans="14:14">
      <c r="N588033" s="10"/>
    </row>
    <row r="588034" spans="14:14">
      <c r="N588034" s="10"/>
    </row>
    <row r="588035" spans="14:14">
      <c r="N588035" s="10"/>
    </row>
    <row r="588036" spans="14:14">
      <c r="N588036" s="10"/>
    </row>
    <row r="588037" spans="14:14">
      <c r="N588037" s="10"/>
    </row>
    <row r="588038" spans="14:14">
      <c r="N588038" s="10"/>
    </row>
    <row r="588039" spans="14:14">
      <c r="N588039" s="10"/>
    </row>
    <row r="588040" spans="14:14">
      <c r="N588040" s="10"/>
    </row>
    <row r="588041" spans="14:14">
      <c r="N588041" s="10"/>
    </row>
    <row r="588042" spans="14:14">
      <c r="N588042" s="10"/>
    </row>
    <row r="588043" spans="14:14">
      <c r="N588043" s="10"/>
    </row>
    <row r="588044" spans="14:14">
      <c r="N588044" s="10"/>
    </row>
    <row r="588045" spans="14:14">
      <c r="N588045" s="10"/>
    </row>
    <row r="588046" spans="14:14">
      <c r="N588046" s="10"/>
    </row>
    <row r="588047" spans="14:14">
      <c r="N588047" s="10"/>
    </row>
    <row r="588048" spans="14:14">
      <c r="N588048" s="10"/>
    </row>
    <row r="588049" spans="14:14">
      <c r="N588049" s="10"/>
    </row>
    <row r="588050" spans="14:14">
      <c r="N588050" s="10"/>
    </row>
    <row r="588051" spans="14:14">
      <c r="N588051" s="10"/>
    </row>
    <row r="588052" spans="14:14">
      <c r="N588052" s="10"/>
    </row>
    <row r="588053" spans="14:14">
      <c r="N588053" s="10"/>
    </row>
    <row r="588054" spans="14:14">
      <c r="N588054" s="10"/>
    </row>
    <row r="588055" spans="14:14">
      <c r="N588055" s="10"/>
    </row>
    <row r="588056" spans="14:14">
      <c r="N588056" s="10"/>
    </row>
    <row r="588057" spans="14:14">
      <c r="N588057" s="10"/>
    </row>
    <row r="588058" spans="14:14">
      <c r="N588058" s="10"/>
    </row>
    <row r="588059" spans="14:14">
      <c r="N588059" s="10"/>
    </row>
    <row r="588060" spans="14:14">
      <c r="N588060" s="10"/>
    </row>
    <row r="588061" spans="14:14">
      <c r="N588061" s="10"/>
    </row>
    <row r="588062" spans="14:14">
      <c r="N588062" s="10"/>
    </row>
    <row r="588063" spans="14:14">
      <c r="N588063" s="10"/>
    </row>
    <row r="588064" spans="14:14">
      <c r="N588064" s="10"/>
    </row>
    <row r="588065" spans="14:14">
      <c r="N588065" s="10"/>
    </row>
    <row r="588066" spans="14:14">
      <c r="N588066" s="10"/>
    </row>
    <row r="588067" spans="14:14">
      <c r="N588067" s="10"/>
    </row>
    <row r="588068" spans="14:14">
      <c r="N588068" s="10"/>
    </row>
    <row r="588069" spans="14:14">
      <c r="N588069" s="10"/>
    </row>
    <row r="588070" spans="14:14">
      <c r="N588070" s="10"/>
    </row>
    <row r="588071" spans="14:14">
      <c r="N588071" s="10"/>
    </row>
    <row r="588072" spans="14:14">
      <c r="N588072" s="10"/>
    </row>
    <row r="588073" spans="14:14">
      <c r="N588073" s="10"/>
    </row>
    <row r="588074" spans="14:14">
      <c r="N588074" s="10"/>
    </row>
    <row r="588075" spans="14:14">
      <c r="N588075" s="10"/>
    </row>
    <row r="588076" spans="14:14">
      <c r="N588076" s="10"/>
    </row>
    <row r="588077" spans="14:14">
      <c r="N588077" s="10"/>
    </row>
    <row r="588078" spans="14:14">
      <c r="N588078" s="10"/>
    </row>
    <row r="588079" spans="14:14">
      <c r="N588079" s="10"/>
    </row>
    <row r="588080" spans="14:14">
      <c r="N588080" s="10"/>
    </row>
    <row r="588081" spans="14:14">
      <c r="N588081" s="10"/>
    </row>
    <row r="588082" spans="14:14">
      <c r="N588082" s="10"/>
    </row>
    <row r="588083" spans="14:14">
      <c r="N588083" s="10"/>
    </row>
    <row r="588084" spans="14:14">
      <c r="N588084" s="10"/>
    </row>
    <row r="588085" spans="14:14">
      <c r="N588085" s="10"/>
    </row>
    <row r="588086" spans="14:14">
      <c r="N588086" s="10"/>
    </row>
    <row r="588087" spans="14:14">
      <c r="N588087" s="10"/>
    </row>
    <row r="588088" spans="14:14">
      <c r="N588088" s="10"/>
    </row>
    <row r="588089" spans="14:14">
      <c r="N588089" s="10"/>
    </row>
    <row r="588090" spans="14:14">
      <c r="N588090" s="10"/>
    </row>
    <row r="588091" spans="14:14">
      <c r="N588091" s="10"/>
    </row>
    <row r="588092" spans="14:14">
      <c r="N588092" s="10"/>
    </row>
    <row r="588093" spans="14:14">
      <c r="N588093" s="10"/>
    </row>
    <row r="588094" spans="14:14">
      <c r="N588094" s="10"/>
    </row>
    <row r="588095" spans="14:14">
      <c r="N588095" s="10"/>
    </row>
    <row r="588096" spans="14:14">
      <c r="N588096" s="10"/>
    </row>
    <row r="588097" spans="14:14">
      <c r="N588097" s="10"/>
    </row>
    <row r="588098" spans="14:14">
      <c r="N588098" s="10"/>
    </row>
    <row r="588099" spans="14:14">
      <c r="N588099" s="10"/>
    </row>
    <row r="588100" spans="14:14">
      <c r="N588100" s="10"/>
    </row>
    <row r="588101" spans="14:14">
      <c r="N588101" s="10"/>
    </row>
    <row r="588102" spans="14:14">
      <c r="N588102" s="10"/>
    </row>
    <row r="588103" spans="14:14">
      <c r="N588103" s="10"/>
    </row>
    <row r="588104" spans="14:14">
      <c r="N588104" s="10"/>
    </row>
    <row r="588105" spans="14:14">
      <c r="N588105" s="10"/>
    </row>
    <row r="588106" spans="14:14">
      <c r="N588106" s="10"/>
    </row>
    <row r="588107" spans="14:14">
      <c r="N588107" s="10"/>
    </row>
    <row r="588108" spans="14:14">
      <c r="N588108" s="10"/>
    </row>
    <row r="588109" spans="14:14">
      <c r="N588109" s="10"/>
    </row>
    <row r="588110" spans="14:14">
      <c r="N588110" s="10"/>
    </row>
    <row r="588111" spans="14:14">
      <c r="N588111" s="10"/>
    </row>
    <row r="588112" spans="14:14">
      <c r="N588112" s="10"/>
    </row>
    <row r="588113" spans="14:14">
      <c r="N588113" s="10"/>
    </row>
    <row r="588114" spans="14:14">
      <c r="N588114" s="10"/>
    </row>
    <row r="588115" spans="14:14">
      <c r="N588115" s="10"/>
    </row>
    <row r="588116" spans="14:14">
      <c r="N588116" s="10"/>
    </row>
    <row r="588117" spans="14:14">
      <c r="N588117" s="10"/>
    </row>
    <row r="588118" spans="14:14">
      <c r="N588118" s="10"/>
    </row>
    <row r="588119" spans="14:14">
      <c r="N588119" s="10"/>
    </row>
    <row r="588120" spans="14:14">
      <c r="N588120" s="10"/>
    </row>
    <row r="588121" spans="14:14">
      <c r="N588121" s="10"/>
    </row>
    <row r="588122" spans="14:14">
      <c r="N588122" s="10"/>
    </row>
    <row r="588123" spans="14:14">
      <c r="N588123" s="10"/>
    </row>
    <row r="588124" spans="14:14">
      <c r="N588124" s="10"/>
    </row>
    <row r="588125" spans="14:14">
      <c r="N588125" s="10"/>
    </row>
    <row r="588126" spans="14:14">
      <c r="N588126" s="10"/>
    </row>
    <row r="588127" spans="14:14">
      <c r="N588127" s="10"/>
    </row>
    <row r="588128" spans="14:14">
      <c r="N588128" s="10"/>
    </row>
    <row r="588129" spans="14:14">
      <c r="N588129" s="10"/>
    </row>
    <row r="588130" spans="14:14">
      <c r="N588130" s="10"/>
    </row>
    <row r="588131" spans="14:14">
      <c r="N588131" s="10"/>
    </row>
    <row r="588132" spans="14:14">
      <c r="N588132" s="10"/>
    </row>
    <row r="588133" spans="14:14">
      <c r="N588133" s="10"/>
    </row>
    <row r="588134" spans="14:14">
      <c r="N588134" s="10"/>
    </row>
    <row r="588135" spans="14:14">
      <c r="N588135" s="10"/>
    </row>
    <row r="588136" spans="14:14">
      <c r="N588136" s="10"/>
    </row>
    <row r="588137" spans="14:14">
      <c r="N588137" s="10"/>
    </row>
    <row r="588138" spans="14:14">
      <c r="N588138" s="10"/>
    </row>
    <row r="588139" spans="14:14">
      <c r="N588139" s="10"/>
    </row>
    <row r="588140" spans="14:14">
      <c r="N588140" s="10"/>
    </row>
    <row r="588141" spans="14:14">
      <c r="N588141" s="10"/>
    </row>
    <row r="588142" spans="14:14">
      <c r="N588142" s="10"/>
    </row>
    <row r="588143" spans="14:14">
      <c r="N588143" s="10"/>
    </row>
    <row r="588144" spans="14:14">
      <c r="N588144" s="10"/>
    </row>
    <row r="588145" spans="14:14">
      <c r="N588145" s="10"/>
    </row>
    <row r="588146" spans="14:14">
      <c r="N588146" s="10"/>
    </row>
    <row r="588147" spans="14:14">
      <c r="N588147" s="10"/>
    </row>
    <row r="588148" spans="14:14">
      <c r="N588148" s="10"/>
    </row>
    <row r="588149" spans="14:14">
      <c r="N588149" s="10"/>
    </row>
    <row r="588150" spans="14:14">
      <c r="N588150" s="10"/>
    </row>
    <row r="588151" spans="14:14">
      <c r="N588151" s="10"/>
    </row>
    <row r="588152" spans="14:14">
      <c r="N588152" s="10"/>
    </row>
    <row r="588153" spans="14:14">
      <c r="N588153" s="10"/>
    </row>
    <row r="588154" spans="14:14">
      <c r="N588154" s="10"/>
    </row>
    <row r="588155" spans="14:14">
      <c r="N588155" s="10"/>
    </row>
    <row r="588156" spans="14:14">
      <c r="N588156" s="10"/>
    </row>
    <row r="588157" spans="14:14">
      <c r="N588157" s="10"/>
    </row>
    <row r="588158" spans="14:14">
      <c r="N588158" s="10"/>
    </row>
    <row r="588159" spans="14:14">
      <c r="N588159" s="10"/>
    </row>
    <row r="588160" spans="14:14">
      <c r="N588160" s="10"/>
    </row>
    <row r="588161" spans="14:14">
      <c r="N588161" s="10"/>
    </row>
    <row r="588162" spans="14:14">
      <c r="N588162" s="10"/>
    </row>
    <row r="588163" spans="14:14">
      <c r="N588163" s="10"/>
    </row>
    <row r="588164" spans="14:14">
      <c r="N588164" s="10"/>
    </row>
    <row r="588165" spans="14:14">
      <c r="N588165" s="10"/>
    </row>
    <row r="588166" spans="14:14">
      <c r="N588166" s="10"/>
    </row>
    <row r="588167" spans="14:14">
      <c r="N588167" s="10"/>
    </row>
    <row r="588168" spans="14:14">
      <c r="N588168" s="10"/>
    </row>
    <row r="588169" spans="14:14">
      <c r="N588169" s="10"/>
    </row>
    <row r="588170" spans="14:14">
      <c r="N588170" s="10"/>
    </row>
    <row r="588171" spans="14:14">
      <c r="N588171" s="10"/>
    </row>
    <row r="588172" spans="14:14">
      <c r="N588172" s="10"/>
    </row>
    <row r="588173" spans="14:14">
      <c r="N588173" s="10"/>
    </row>
    <row r="588174" spans="14:14">
      <c r="N588174" s="10"/>
    </row>
    <row r="588175" spans="14:14">
      <c r="N588175" s="10"/>
    </row>
    <row r="588176" spans="14:14">
      <c r="N588176" s="10"/>
    </row>
    <row r="588177" spans="14:14">
      <c r="N588177" s="10"/>
    </row>
    <row r="588178" spans="14:14">
      <c r="N588178" s="10"/>
    </row>
    <row r="588179" spans="14:14">
      <c r="N588179" s="10"/>
    </row>
    <row r="588180" spans="14:14">
      <c r="N588180" s="10"/>
    </row>
    <row r="588181" spans="14:14">
      <c r="N588181" s="10"/>
    </row>
    <row r="588182" spans="14:14">
      <c r="N588182" s="10"/>
    </row>
    <row r="588183" spans="14:14">
      <c r="N588183" s="10"/>
    </row>
    <row r="588184" spans="14:14">
      <c r="N588184" s="10"/>
    </row>
    <row r="588185" spans="14:14">
      <c r="N588185" s="10"/>
    </row>
    <row r="588186" spans="14:14">
      <c r="N588186" s="10"/>
    </row>
    <row r="588187" spans="14:14">
      <c r="N588187" s="10"/>
    </row>
    <row r="588188" spans="14:14">
      <c r="N588188" s="10"/>
    </row>
    <row r="588189" spans="14:14">
      <c r="N588189" s="10"/>
    </row>
    <row r="588190" spans="14:14">
      <c r="N588190" s="10"/>
    </row>
    <row r="588191" spans="14:14">
      <c r="N588191" s="10"/>
    </row>
    <row r="588192" spans="14:14">
      <c r="N588192" s="10"/>
    </row>
    <row r="588193" spans="14:14">
      <c r="N588193" s="10"/>
    </row>
    <row r="588194" spans="14:14">
      <c r="N588194" s="10"/>
    </row>
    <row r="588195" spans="14:14">
      <c r="N588195" s="10"/>
    </row>
    <row r="588196" spans="14:14">
      <c r="N588196" s="10"/>
    </row>
    <row r="588197" spans="14:14">
      <c r="N588197" s="10"/>
    </row>
    <row r="588198" spans="14:14">
      <c r="N588198" s="10"/>
    </row>
    <row r="588199" spans="14:14">
      <c r="N588199" s="10"/>
    </row>
    <row r="588200" spans="14:14">
      <c r="N588200" s="10"/>
    </row>
    <row r="588201" spans="14:14">
      <c r="N588201" s="10"/>
    </row>
    <row r="588202" spans="14:14">
      <c r="N588202" s="10"/>
    </row>
    <row r="588203" spans="14:14">
      <c r="N588203" s="10"/>
    </row>
    <row r="588204" spans="14:14">
      <c r="N588204" s="10"/>
    </row>
    <row r="588205" spans="14:14">
      <c r="N588205" s="10"/>
    </row>
    <row r="588206" spans="14:14">
      <c r="N588206" s="10"/>
    </row>
    <row r="588207" spans="14:14">
      <c r="N588207" s="10"/>
    </row>
    <row r="588208" spans="14:14">
      <c r="N588208" s="10"/>
    </row>
    <row r="588209" spans="14:14">
      <c r="N588209" s="10"/>
    </row>
    <row r="588210" spans="14:14">
      <c r="N588210" s="10"/>
    </row>
    <row r="588211" spans="14:14">
      <c r="N588211" s="10"/>
    </row>
    <row r="588212" spans="14:14">
      <c r="N588212" s="10"/>
    </row>
    <row r="588213" spans="14:14">
      <c r="N588213" s="10"/>
    </row>
    <row r="588214" spans="14:14">
      <c r="N588214" s="10"/>
    </row>
    <row r="588215" spans="14:14">
      <c r="N588215" s="10"/>
    </row>
    <row r="588216" spans="14:14">
      <c r="N588216" s="10"/>
    </row>
    <row r="588217" spans="14:14">
      <c r="N588217" s="10"/>
    </row>
    <row r="588218" spans="14:14">
      <c r="N588218" s="10"/>
    </row>
    <row r="588219" spans="14:14">
      <c r="N588219" s="10"/>
    </row>
    <row r="588220" spans="14:14">
      <c r="N588220" s="10"/>
    </row>
    <row r="588221" spans="14:14">
      <c r="N588221" s="10"/>
    </row>
    <row r="588222" spans="14:14">
      <c r="N588222" s="10"/>
    </row>
    <row r="588223" spans="14:14">
      <c r="N588223" s="10"/>
    </row>
    <row r="588224" spans="14:14">
      <c r="N588224" s="10"/>
    </row>
    <row r="588225" spans="14:14">
      <c r="N588225" s="10"/>
    </row>
    <row r="588226" spans="14:14">
      <c r="N588226" s="10"/>
    </row>
    <row r="588227" spans="14:14">
      <c r="N588227" s="10"/>
    </row>
    <row r="588228" spans="14:14">
      <c r="N588228" s="10"/>
    </row>
    <row r="588229" spans="14:14">
      <c r="N588229" s="10"/>
    </row>
    <row r="588230" spans="14:14">
      <c r="N588230" s="10"/>
    </row>
    <row r="588231" spans="14:14">
      <c r="N588231" s="10"/>
    </row>
    <row r="588232" spans="14:14">
      <c r="N588232" s="10"/>
    </row>
    <row r="588233" spans="14:14">
      <c r="N588233" s="10"/>
    </row>
    <row r="588234" spans="14:14">
      <c r="N588234" s="10"/>
    </row>
    <row r="588235" spans="14:14">
      <c r="N588235" s="10"/>
    </row>
    <row r="588236" spans="14:14">
      <c r="N588236" s="10"/>
    </row>
    <row r="588237" spans="14:14">
      <c r="N588237" s="10"/>
    </row>
    <row r="588238" spans="14:14">
      <c r="N588238" s="10"/>
    </row>
    <row r="588239" spans="14:14">
      <c r="N588239" s="10"/>
    </row>
    <row r="588240" spans="14:14">
      <c r="N588240" s="10"/>
    </row>
    <row r="588241" spans="14:14">
      <c r="N588241" s="10"/>
    </row>
    <row r="588242" spans="14:14">
      <c r="N588242" s="10"/>
    </row>
    <row r="588243" spans="14:14">
      <c r="N588243" s="10"/>
    </row>
    <row r="588244" spans="14:14">
      <c r="N588244" s="10"/>
    </row>
    <row r="588245" spans="14:14">
      <c r="N588245" s="10"/>
    </row>
    <row r="588246" spans="14:14">
      <c r="N588246" s="10"/>
    </row>
    <row r="588247" spans="14:14">
      <c r="N588247" s="10"/>
    </row>
    <row r="588248" spans="14:14">
      <c r="N588248" s="10"/>
    </row>
    <row r="588249" spans="14:14">
      <c r="N588249" s="10"/>
    </row>
    <row r="588250" spans="14:14">
      <c r="N588250" s="10"/>
    </row>
    <row r="588251" spans="14:14">
      <c r="N588251" s="10"/>
    </row>
    <row r="588252" spans="14:14">
      <c r="N588252" s="10"/>
    </row>
    <row r="588253" spans="14:14">
      <c r="N588253" s="10"/>
    </row>
    <row r="588254" spans="14:14">
      <c r="N588254" s="10"/>
    </row>
    <row r="588255" spans="14:14">
      <c r="N588255" s="10"/>
    </row>
    <row r="588256" spans="14:14">
      <c r="N588256" s="10"/>
    </row>
    <row r="588257" spans="14:14">
      <c r="N588257" s="10"/>
    </row>
    <row r="588258" spans="14:14">
      <c r="N588258" s="10"/>
    </row>
    <row r="588259" spans="14:14">
      <c r="N588259" s="10"/>
    </row>
    <row r="588260" spans="14:14">
      <c r="N588260" s="10"/>
    </row>
    <row r="588261" spans="14:14">
      <c r="N588261" s="10"/>
    </row>
    <row r="588262" spans="14:14">
      <c r="N588262" s="10"/>
    </row>
    <row r="588263" spans="14:14">
      <c r="N588263" s="10"/>
    </row>
    <row r="588264" spans="14:14">
      <c r="N588264" s="10"/>
    </row>
    <row r="588265" spans="14:14">
      <c r="N588265" s="10"/>
    </row>
    <row r="588266" spans="14:14">
      <c r="N588266" s="10"/>
    </row>
    <row r="588267" spans="14:14">
      <c r="N588267" s="10"/>
    </row>
    <row r="588268" spans="14:14">
      <c r="N588268" s="10"/>
    </row>
    <row r="588269" spans="14:14">
      <c r="N588269" s="10"/>
    </row>
    <row r="588270" spans="14:14">
      <c r="N588270" s="10"/>
    </row>
    <row r="588271" spans="14:14">
      <c r="N588271" s="10"/>
    </row>
    <row r="588272" spans="14:14">
      <c r="N588272" s="10"/>
    </row>
    <row r="588273" spans="14:14">
      <c r="N588273" s="10"/>
    </row>
    <row r="588274" spans="14:14">
      <c r="N588274" s="10"/>
    </row>
    <row r="588275" spans="14:14">
      <c r="N588275" s="10"/>
    </row>
    <row r="588276" spans="14:14">
      <c r="N588276" s="10"/>
    </row>
    <row r="588277" spans="14:14">
      <c r="N588277" s="10"/>
    </row>
    <row r="588278" spans="14:14">
      <c r="N588278" s="10"/>
    </row>
    <row r="588279" spans="14:14">
      <c r="N588279" s="10"/>
    </row>
    <row r="588280" spans="14:14">
      <c r="N588280" s="10"/>
    </row>
    <row r="588281" spans="14:14">
      <c r="N588281" s="10"/>
    </row>
    <row r="588282" spans="14:14">
      <c r="N588282" s="10"/>
    </row>
    <row r="588283" spans="14:14">
      <c r="N588283" s="10"/>
    </row>
    <row r="588284" spans="14:14">
      <c r="N588284" s="10"/>
    </row>
    <row r="588285" spans="14:14">
      <c r="N588285" s="10"/>
    </row>
    <row r="588286" spans="14:14">
      <c r="N588286" s="10"/>
    </row>
    <row r="588287" spans="14:14">
      <c r="N588287" s="10"/>
    </row>
    <row r="588288" spans="14:14">
      <c r="N588288" s="10"/>
    </row>
    <row r="588289" spans="14:14">
      <c r="N588289" s="10"/>
    </row>
    <row r="588290" spans="14:14">
      <c r="N588290" s="10"/>
    </row>
    <row r="588291" spans="14:14">
      <c r="N588291" s="10"/>
    </row>
    <row r="588292" spans="14:14">
      <c r="N588292" s="10"/>
    </row>
    <row r="588293" spans="14:14">
      <c r="N588293" s="10"/>
    </row>
    <row r="588294" spans="14:14">
      <c r="N588294" s="10"/>
    </row>
    <row r="588295" spans="14:14">
      <c r="N588295" s="10"/>
    </row>
    <row r="588296" spans="14:14">
      <c r="N588296" s="10"/>
    </row>
    <row r="588297" spans="14:14">
      <c r="N588297" s="10"/>
    </row>
    <row r="588298" spans="14:14">
      <c r="N588298" s="10"/>
    </row>
    <row r="588299" spans="14:14">
      <c r="N588299" s="10"/>
    </row>
    <row r="588300" spans="14:14">
      <c r="N588300" s="10"/>
    </row>
    <row r="588301" spans="14:14">
      <c r="N588301" s="10"/>
    </row>
    <row r="588302" spans="14:14">
      <c r="N588302" s="10"/>
    </row>
    <row r="588303" spans="14:14">
      <c r="N588303" s="10"/>
    </row>
    <row r="588304" spans="14:14">
      <c r="N588304" s="10"/>
    </row>
    <row r="588305" spans="14:14">
      <c r="N588305" s="10"/>
    </row>
    <row r="588306" spans="14:14">
      <c r="N588306" s="10"/>
    </row>
    <row r="588307" spans="14:14">
      <c r="N588307" s="10"/>
    </row>
    <row r="588308" spans="14:14">
      <c r="N588308" s="10"/>
    </row>
    <row r="588309" spans="14:14">
      <c r="N588309" s="10"/>
    </row>
    <row r="588310" spans="14:14">
      <c r="N588310" s="10"/>
    </row>
    <row r="588311" spans="14:14">
      <c r="N588311" s="10"/>
    </row>
    <row r="588312" spans="14:14">
      <c r="N588312" s="10"/>
    </row>
    <row r="588313" spans="14:14">
      <c r="N588313" s="10"/>
    </row>
    <row r="588314" spans="14:14">
      <c r="N588314" s="10"/>
    </row>
    <row r="588315" spans="14:14">
      <c r="N588315" s="10"/>
    </row>
    <row r="588316" spans="14:14">
      <c r="N588316" s="10"/>
    </row>
    <row r="588317" spans="14:14">
      <c r="N588317" s="10"/>
    </row>
    <row r="588318" spans="14:14">
      <c r="N588318" s="10"/>
    </row>
    <row r="588319" spans="14:14">
      <c r="N588319" s="10"/>
    </row>
    <row r="588320" spans="14:14">
      <c r="N588320" s="10"/>
    </row>
    <row r="588321" spans="14:14">
      <c r="N588321" s="10"/>
    </row>
    <row r="588322" spans="14:14">
      <c r="N588322" s="10"/>
    </row>
    <row r="588323" spans="14:14">
      <c r="N588323" s="10"/>
    </row>
    <row r="588324" spans="14:14">
      <c r="N588324" s="10"/>
    </row>
    <row r="588325" spans="14:14">
      <c r="N588325" s="10"/>
    </row>
    <row r="588326" spans="14:14">
      <c r="N588326" s="10"/>
    </row>
    <row r="588327" spans="14:14">
      <c r="N588327" s="10"/>
    </row>
    <row r="588328" spans="14:14">
      <c r="N588328" s="10"/>
    </row>
    <row r="588329" spans="14:14">
      <c r="N588329" s="10"/>
    </row>
    <row r="588330" spans="14:14">
      <c r="N588330" s="10"/>
    </row>
    <row r="588331" spans="14:14">
      <c r="N588331" s="10"/>
    </row>
    <row r="588332" spans="14:14">
      <c r="N588332" s="10"/>
    </row>
    <row r="588333" spans="14:14">
      <c r="N588333" s="10"/>
    </row>
    <row r="588334" spans="14:14">
      <c r="N588334" s="10"/>
    </row>
    <row r="588335" spans="14:14">
      <c r="N588335" s="10"/>
    </row>
    <row r="588336" spans="14:14">
      <c r="N588336" s="10"/>
    </row>
    <row r="588337" spans="14:14">
      <c r="N588337" s="10"/>
    </row>
    <row r="588338" spans="14:14">
      <c r="N588338" s="10"/>
    </row>
    <row r="588339" spans="14:14">
      <c r="N588339" s="10"/>
    </row>
    <row r="588340" spans="14:14">
      <c r="N588340" s="10"/>
    </row>
    <row r="588341" spans="14:14">
      <c r="N588341" s="10"/>
    </row>
    <row r="588342" spans="14:14">
      <c r="N588342" s="10"/>
    </row>
    <row r="588343" spans="14:14">
      <c r="N588343" s="10"/>
    </row>
    <row r="588344" spans="14:14">
      <c r="N588344" s="10"/>
    </row>
    <row r="588345" spans="14:14">
      <c r="N588345" s="10"/>
    </row>
    <row r="588346" spans="14:14">
      <c r="N588346" s="10"/>
    </row>
    <row r="588347" spans="14:14">
      <c r="N588347" s="10"/>
    </row>
    <row r="588348" spans="14:14">
      <c r="N588348" s="10"/>
    </row>
    <row r="588349" spans="14:14">
      <c r="N588349" s="10"/>
    </row>
    <row r="588350" spans="14:14">
      <c r="N588350" s="10"/>
    </row>
    <row r="588351" spans="14:14">
      <c r="N588351" s="10"/>
    </row>
    <row r="588352" spans="14:14">
      <c r="N588352" s="10"/>
    </row>
    <row r="588353" spans="14:14">
      <c r="N588353" s="10"/>
    </row>
    <row r="588354" spans="14:14">
      <c r="N588354" s="10"/>
    </row>
    <row r="588355" spans="14:14">
      <c r="N588355" s="10"/>
    </row>
    <row r="588356" spans="14:14">
      <c r="N588356" s="10"/>
    </row>
    <row r="588357" spans="14:14">
      <c r="N588357" s="10"/>
    </row>
    <row r="588358" spans="14:14">
      <c r="N588358" s="10"/>
    </row>
    <row r="588359" spans="14:14">
      <c r="N588359" s="10"/>
    </row>
    <row r="588360" spans="14:14">
      <c r="N588360" s="10"/>
    </row>
    <row r="588361" spans="14:14">
      <c r="N588361" s="10"/>
    </row>
    <row r="588362" spans="14:14">
      <c r="N588362" s="10"/>
    </row>
    <row r="588363" spans="14:14">
      <c r="N588363" s="10"/>
    </row>
    <row r="588364" spans="14:14">
      <c r="N588364" s="10"/>
    </row>
    <row r="588365" spans="14:14">
      <c r="N588365" s="10"/>
    </row>
    <row r="588366" spans="14:14">
      <c r="N588366" s="10"/>
    </row>
    <row r="588367" spans="14:14">
      <c r="N588367" s="10"/>
    </row>
    <row r="588368" spans="14:14">
      <c r="N588368" s="10"/>
    </row>
    <row r="588369" spans="14:14">
      <c r="N588369" s="10"/>
    </row>
    <row r="588370" spans="14:14">
      <c r="N588370" s="10"/>
    </row>
    <row r="588371" spans="14:14">
      <c r="N588371" s="10"/>
    </row>
    <row r="588372" spans="14:14">
      <c r="N588372" s="10"/>
    </row>
    <row r="588373" spans="14:14">
      <c r="N588373" s="10"/>
    </row>
    <row r="588374" spans="14:14">
      <c r="N588374" s="10"/>
    </row>
    <row r="588375" spans="14:14">
      <c r="N588375" s="10"/>
    </row>
    <row r="588376" spans="14:14">
      <c r="N588376" s="10"/>
    </row>
    <row r="588377" spans="14:14">
      <c r="N588377" s="10"/>
    </row>
    <row r="588378" spans="14:14">
      <c r="N588378" s="10"/>
    </row>
    <row r="588379" spans="14:14">
      <c r="N588379" s="10"/>
    </row>
    <row r="588380" spans="14:14">
      <c r="N588380" s="10"/>
    </row>
    <row r="588381" spans="14:14">
      <c r="N588381" s="10"/>
    </row>
    <row r="588382" spans="14:14">
      <c r="N588382" s="10"/>
    </row>
    <row r="588383" spans="14:14">
      <c r="N588383" s="10"/>
    </row>
    <row r="588384" spans="14:14">
      <c r="N588384" s="10"/>
    </row>
    <row r="588385" spans="14:14">
      <c r="N588385" s="10"/>
    </row>
    <row r="588386" spans="14:14">
      <c r="N588386" s="10"/>
    </row>
    <row r="588387" spans="14:14">
      <c r="N588387" s="10"/>
    </row>
    <row r="588388" spans="14:14">
      <c r="N588388" s="10"/>
    </row>
    <row r="588389" spans="14:14">
      <c r="N588389" s="10"/>
    </row>
    <row r="588390" spans="14:14">
      <c r="N588390" s="10"/>
    </row>
    <row r="588391" spans="14:14">
      <c r="N588391" s="10"/>
    </row>
    <row r="588392" spans="14:14">
      <c r="N588392" s="10"/>
    </row>
    <row r="588393" spans="14:14">
      <c r="N588393" s="10"/>
    </row>
    <row r="588394" spans="14:14">
      <c r="N588394" s="10"/>
    </row>
    <row r="588395" spans="14:14">
      <c r="N588395" s="10"/>
    </row>
    <row r="588396" spans="14:14">
      <c r="N588396" s="10"/>
    </row>
    <row r="588397" spans="14:14">
      <c r="N588397" s="10"/>
    </row>
    <row r="588398" spans="14:14">
      <c r="N588398" s="10"/>
    </row>
    <row r="588399" spans="14:14">
      <c r="N588399" s="10"/>
    </row>
    <row r="588400" spans="14:14">
      <c r="N588400" s="10"/>
    </row>
    <row r="588401" spans="14:14">
      <c r="N588401" s="10"/>
    </row>
    <row r="588402" spans="14:14">
      <c r="N588402" s="10"/>
    </row>
    <row r="588403" spans="14:14">
      <c r="N588403" s="10"/>
    </row>
    <row r="588404" spans="14:14">
      <c r="N588404" s="10"/>
    </row>
    <row r="588405" spans="14:14">
      <c r="N588405" s="10"/>
    </row>
    <row r="588406" spans="14:14">
      <c r="N588406" s="10"/>
    </row>
    <row r="588407" spans="14:14">
      <c r="N588407" s="10"/>
    </row>
    <row r="588408" spans="14:14">
      <c r="N588408" s="10"/>
    </row>
    <row r="588409" spans="14:14">
      <c r="N588409" s="10"/>
    </row>
    <row r="588410" spans="14:14">
      <c r="N588410" s="10"/>
    </row>
    <row r="588411" spans="14:14">
      <c r="N588411" s="10"/>
    </row>
    <row r="588412" spans="14:14">
      <c r="N588412" s="10"/>
    </row>
    <row r="588413" spans="14:14">
      <c r="N588413" s="10"/>
    </row>
    <row r="588414" spans="14:14">
      <c r="N588414" s="10"/>
    </row>
    <row r="588415" spans="14:14">
      <c r="N588415" s="10"/>
    </row>
    <row r="588416" spans="14:14">
      <c r="N588416" s="10"/>
    </row>
    <row r="588417" spans="14:14">
      <c r="N588417" s="10"/>
    </row>
    <row r="588418" spans="14:14">
      <c r="N588418" s="10"/>
    </row>
    <row r="588419" spans="14:14">
      <c r="N588419" s="10"/>
    </row>
    <row r="588420" spans="14:14">
      <c r="N588420" s="10"/>
    </row>
    <row r="588421" spans="14:14">
      <c r="N588421" s="10"/>
    </row>
    <row r="588422" spans="14:14">
      <c r="N588422" s="10"/>
    </row>
    <row r="588423" spans="14:14">
      <c r="N588423" s="10"/>
    </row>
    <row r="588424" spans="14:14">
      <c r="N588424" s="10"/>
    </row>
    <row r="588425" spans="14:14">
      <c r="N588425" s="10"/>
    </row>
    <row r="588426" spans="14:14">
      <c r="N588426" s="10"/>
    </row>
    <row r="588427" spans="14:14">
      <c r="N588427" s="10"/>
    </row>
    <row r="588428" spans="14:14">
      <c r="N588428" s="10"/>
    </row>
    <row r="588429" spans="14:14">
      <c r="N588429" s="10"/>
    </row>
    <row r="588430" spans="14:14">
      <c r="N588430" s="10"/>
    </row>
    <row r="588431" spans="14:14">
      <c r="N588431" s="10"/>
    </row>
    <row r="588432" spans="14:14">
      <c r="N588432" s="10"/>
    </row>
    <row r="588433" spans="14:14">
      <c r="N588433" s="10"/>
    </row>
    <row r="588434" spans="14:14">
      <c r="N588434" s="10"/>
    </row>
    <row r="588435" spans="14:14">
      <c r="N588435" s="10"/>
    </row>
    <row r="588436" spans="14:14">
      <c r="N588436" s="10"/>
    </row>
    <row r="588437" spans="14:14">
      <c r="N588437" s="10"/>
    </row>
    <row r="588438" spans="14:14">
      <c r="N588438" s="10"/>
    </row>
    <row r="588439" spans="14:14">
      <c r="N588439" s="10"/>
    </row>
    <row r="588440" spans="14:14">
      <c r="N588440" s="10"/>
    </row>
    <row r="588441" spans="14:14">
      <c r="N588441" s="10"/>
    </row>
    <row r="588442" spans="14:14">
      <c r="N588442" s="10"/>
    </row>
    <row r="588443" spans="14:14">
      <c r="N588443" s="10"/>
    </row>
    <row r="588444" spans="14:14">
      <c r="N588444" s="10"/>
    </row>
    <row r="588445" spans="14:14">
      <c r="N588445" s="10"/>
    </row>
    <row r="588446" spans="14:14">
      <c r="N588446" s="10"/>
    </row>
    <row r="588447" spans="14:14">
      <c r="N588447" s="10"/>
    </row>
    <row r="588448" spans="14:14">
      <c r="N588448" s="10"/>
    </row>
    <row r="588449" spans="14:14">
      <c r="N588449" s="10"/>
    </row>
    <row r="588450" spans="14:14">
      <c r="N588450" s="10"/>
    </row>
    <row r="588451" spans="14:14">
      <c r="N588451" s="10"/>
    </row>
    <row r="588452" spans="14:14">
      <c r="N588452" s="10"/>
    </row>
    <row r="588453" spans="14:14">
      <c r="N588453" s="10"/>
    </row>
    <row r="588454" spans="14:14">
      <c r="N588454" s="10"/>
    </row>
    <row r="588455" spans="14:14">
      <c r="N588455" s="10"/>
    </row>
    <row r="588456" spans="14:14">
      <c r="N588456" s="10"/>
    </row>
    <row r="588457" spans="14:14">
      <c r="N588457" s="10"/>
    </row>
    <row r="588458" spans="14:14">
      <c r="N588458" s="10"/>
    </row>
    <row r="588459" spans="14:14">
      <c r="N588459" s="10"/>
    </row>
    <row r="588460" spans="14:14">
      <c r="N588460" s="10"/>
    </row>
    <row r="588461" spans="14:14">
      <c r="N588461" s="10"/>
    </row>
    <row r="588462" spans="14:14">
      <c r="N588462" s="10"/>
    </row>
    <row r="588463" spans="14:14">
      <c r="N588463" s="10"/>
    </row>
    <row r="588464" spans="14:14">
      <c r="N588464" s="10"/>
    </row>
    <row r="588465" spans="14:14">
      <c r="N588465" s="10"/>
    </row>
    <row r="588466" spans="14:14">
      <c r="N588466" s="10"/>
    </row>
    <row r="588467" spans="14:14">
      <c r="N588467" s="10"/>
    </row>
    <row r="588468" spans="14:14">
      <c r="N588468" s="10"/>
    </row>
    <row r="588469" spans="14:14">
      <c r="N588469" s="10"/>
    </row>
    <row r="588470" spans="14:14">
      <c r="N588470" s="10"/>
    </row>
    <row r="588471" spans="14:14">
      <c r="N588471" s="10"/>
    </row>
    <row r="588472" spans="14:14">
      <c r="N588472" s="10"/>
    </row>
    <row r="588473" spans="14:14">
      <c r="N588473" s="10"/>
    </row>
    <row r="588474" spans="14:14">
      <c r="N588474" s="10"/>
    </row>
    <row r="588475" spans="14:14">
      <c r="N588475" s="10"/>
    </row>
    <row r="588476" spans="14:14">
      <c r="N588476" s="10"/>
    </row>
    <row r="588477" spans="14:14">
      <c r="N588477" s="10"/>
    </row>
    <row r="588478" spans="14:14">
      <c r="N588478" s="10"/>
    </row>
    <row r="588479" spans="14:14">
      <c r="N588479" s="10"/>
    </row>
    <row r="588480" spans="14:14">
      <c r="N588480" s="10"/>
    </row>
    <row r="588481" spans="14:14">
      <c r="N588481" s="10"/>
    </row>
    <row r="588482" spans="14:14">
      <c r="N588482" s="10"/>
    </row>
    <row r="588483" spans="14:14">
      <c r="N588483" s="10"/>
    </row>
    <row r="588484" spans="14:14">
      <c r="N588484" s="10"/>
    </row>
    <row r="588485" spans="14:14">
      <c r="N588485" s="10"/>
    </row>
    <row r="588486" spans="14:14">
      <c r="N588486" s="10"/>
    </row>
    <row r="588487" spans="14:14">
      <c r="N588487" s="10"/>
    </row>
    <row r="588488" spans="14:14">
      <c r="N588488" s="10"/>
    </row>
    <row r="588489" spans="14:14">
      <c r="N588489" s="10"/>
    </row>
    <row r="588490" spans="14:14">
      <c r="N588490" s="10"/>
    </row>
    <row r="588491" spans="14:14">
      <c r="N588491" s="10"/>
    </row>
    <row r="588492" spans="14:14">
      <c r="N588492" s="10"/>
    </row>
    <row r="588493" spans="14:14">
      <c r="N588493" s="10"/>
    </row>
    <row r="588494" spans="14:14">
      <c r="N588494" s="10"/>
    </row>
    <row r="588495" spans="14:14">
      <c r="N588495" s="10"/>
    </row>
    <row r="588496" spans="14:14">
      <c r="N588496" s="10"/>
    </row>
    <row r="588497" spans="14:14">
      <c r="N588497" s="10"/>
    </row>
    <row r="588498" spans="14:14">
      <c r="N588498" s="10"/>
    </row>
    <row r="588499" spans="14:14">
      <c r="N588499" s="10"/>
    </row>
    <row r="588500" spans="14:14">
      <c r="N588500" s="10"/>
    </row>
    <row r="588501" spans="14:14">
      <c r="N588501" s="10"/>
    </row>
    <row r="588502" spans="14:14">
      <c r="N588502" s="10"/>
    </row>
    <row r="588503" spans="14:14">
      <c r="N588503" s="10"/>
    </row>
    <row r="588504" spans="14:14">
      <c r="N588504" s="10"/>
    </row>
    <row r="588505" spans="14:14">
      <c r="N588505" s="10"/>
    </row>
    <row r="588506" spans="14:14">
      <c r="N588506" s="10"/>
    </row>
    <row r="588507" spans="14:14">
      <c r="N588507" s="10"/>
    </row>
    <row r="588508" spans="14:14">
      <c r="N588508" s="10"/>
    </row>
    <row r="588509" spans="14:14">
      <c r="N588509" s="10"/>
    </row>
    <row r="588510" spans="14:14">
      <c r="N588510" s="10"/>
    </row>
    <row r="588511" spans="14:14">
      <c r="N588511" s="10"/>
    </row>
    <row r="588512" spans="14:14">
      <c r="N588512" s="10"/>
    </row>
    <row r="588513" spans="14:14">
      <c r="N588513" s="10"/>
    </row>
    <row r="588514" spans="14:14">
      <c r="N588514" s="10"/>
    </row>
    <row r="588515" spans="14:14">
      <c r="N588515" s="10"/>
    </row>
    <row r="588516" spans="14:14">
      <c r="N588516" s="10"/>
    </row>
    <row r="588517" spans="14:14">
      <c r="N588517" s="10"/>
    </row>
    <row r="588518" spans="14:14">
      <c r="N588518" s="10"/>
    </row>
    <row r="588519" spans="14:14">
      <c r="N588519" s="10"/>
    </row>
    <row r="588520" spans="14:14">
      <c r="N588520" s="10"/>
    </row>
    <row r="588521" spans="14:14">
      <c r="N588521" s="10"/>
    </row>
    <row r="588522" spans="14:14">
      <c r="N588522" s="10"/>
    </row>
    <row r="588523" spans="14:14">
      <c r="N588523" s="10"/>
    </row>
    <row r="588524" spans="14:14">
      <c r="N588524" s="10"/>
    </row>
    <row r="588525" spans="14:14">
      <c r="N588525" s="10"/>
    </row>
    <row r="588526" spans="14:14">
      <c r="N588526" s="10"/>
    </row>
    <row r="588527" spans="14:14">
      <c r="N588527" s="10"/>
    </row>
    <row r="588528" spans="14:14">
      <c r="N588528" s="10"/>
    </row>
    <row r="588529" spans="14:14">
      <c r="N588529" s="10"/>
    </row>
    <row r="588530" spans="14:14">
      <c r="N588530" s="10"/>
    </row>
    <row r="588531" spans="14:14">
      <c r="N588531" s="10"/>
    </row>
    <row r="588532" spans="14:14">
      <c r="N588532" s="10"/>
    </row>
    <row r="588533" spans="14:14">
      <c r="N588533" s="10"/>
    </row>
    <row r="588534" spans="14:14">
      <c r="N588534" s="10"/>
    </row>
    <row r="588535" spans="14:14">
      <c r="N588535" s="10"/>
    </row>
    <row r="588536" spans="14:14">
      <c r="N588536" s="10"/>
    </row>
    <row r="588537" spans="14:14">
      <c r="N588537" s="10"/>
    </row>
    <row r="588538" spans="14:14">
      <c r="N588538" s="10"/>
    </row>
    <row r="588539" spans="14:14">
      <c r="N588539" s="10"/>
    </row>
    <row r="588540" spans="14:14">
      <c r="N588540" s="10"/>
    </row>
    <row r="588541" spans="14:14">
      <c r="N588541" s="10"/>
    </row>
    <row r="588542" spans="14:14">
      <c r="N588542" s="10"/>
    </row>
    <row r="588543" spans="14:14">
      <c r="N588543" s="10"/>
    </row>
    <row r="588544" spans="14:14">
      <c r="N588544" s="10"/>
    </row>
    <row r="588545" spans="14:14">
      <c r="N588545" s="10"/>
    </row>
    <row r="588546" spans="14:14">
      <c r="N588546" s="10"/>
    </row>
    <row r="588547" spans="14:14">
      <c r="N588547" s="10"/>
    </row>
    <row r="588548" spans="14:14">
      <c r="N588548" s="10"/>
    </row>
    <row r="588549" spans="14:14">
      <c r="N588549" s="10"/>
    </row>
    <row r="588550" spans="14:14">
      <c r="N588550" s="10"/>
    </row>
    <row r="588551" spans="14:14">
      <c r="N588551" s="10"/>
    </row>
    <row r="588552" spans="14:14">
      <c r="N588552" s="10"/>
    </row>
    <row r="588553" spans="14:14">
      <c r="N588553" s="10"/>
    </row>
    <row r="588554" spans="14:14">
      <c r="N588554" s="10"/>
    </row>
    <row r="588555" spans="14:14">
      <c r="N588555" s="10"/>
    </row>
    <row r="588556" spans="14:14">
      <c r="N588556" s="10"/>
    </row>
    <row r="588557" spans="14:14">
      <c r="N588557" s="10"/>
    </row>
    <row r="588558" spans="14:14">
      <c r="N588558" s="10"/>
    </row>
    <row r="588559" spans="14:14">
      <c r="N588559" s="10"/>
    </row>
    <row r="588560" spans="14:14">
      <c r="N588560" s="10"/>
    </row>
    <row r="588561" spans="14:14">
      <c r="N588561" s="10"/>
    </row>
    <row r="588562" spans="14:14">
      <c r="N588562" s="10"/>
    </row>
    <row r="588563" spans="14:14">
      <c r="N588563" s="10"/>
    </row>
    <row r="588564" spans="14:14">
      <c r="N588564" s="10"/>
    </row>
    <row r="588565" spans="14:14">
      <c r="N588565" s="10"/>
    </row>
    <row r="588566" spans="14:14">
      <c r="N588566" s="10"/>
    </row>
    <row r="588567" spans="14:14">
      <c r="N588567" s="10"/>
    </row>
    <row r="588568" spans="14:14">
      <c r="N588568" s="10"/>
    </row>
    <row r="588569" spans="14:14">
      <c r="N588569" s="10"/>
    </row>
    <row r="588570" spans="14:14">
      <c r="N588570" s="10"/>
    </row>
    <row r="588571" spans="14:14">
      <c r="N588571" s="10"/>
    </row>
    <row r="588572" spans="14:14">
      <c r="N588572" s="10"/>
    </row>
    <row r="588573" spans="14:14">
      <c r="N588573" s="10"/>
    </row>
    <row r="588574" spans="14:14">
      <c r="N588574" s="10"/>
    </row>
    <row r="588575" spans="14:14">
      <c r="N588575" s="10"/>
    </row>
    <row r="588576" spans="14:14">
      <c r="N588576" s="10"/>
    </row>
    <row r="588577" spans="14:14">
      <c r="N588577" s="10"/>
    </row>
    <row r="588578" spans="14:14">
      <c r="N588578" s="10"/>
    </row>
    <row r="588579" spans="14:14">
      <c r="N588579" s="10"/>
    </row>
    <row r="588580" spans="14:14">
      <c r="N588580" s="10"/>
    </row>
    <row r="588581" spans="14:14">
      <c r="N588581" s="10"/>
    </row>
    <row r="588582" spans="14:14">
      <c r="N588582" s="10"/>
    </row>
    <row r="588583" spans="14:14">
      <c r="N588583" s="10"/>
    </row>
    <row r="588584" spans="14:14">
      <c r="N588584" s="10"/>
    </row>
    <row r="588585" spans="14:14">
      <c r="N588585" s="10"/>
    </row>
    <row r="588586" spans="14:14">
      <c r="N588586" s="10"/>
    </row>
    <row r="588587" spans="14:14">
      <c r="N588587" s="10"/>
    </row>
    <row r="588588" spans="14:14">
      <c r="N588588" s="10"/>
    </row>
    <row r="588589" spans="14:14">
      <c r="N588589" s="10"/>
    </row>
    <row r="588590" spans="14:14">
      <c r="N588590" s="10"/>
    </row>
    <row r="588591" spans="14:14">
      <c r="N588591" s="10"/>
    </row>
    <row r="588592" spans="14:14">
      <c r="N588592" s="10"/>
    </row>
    <row r="588593" spans="14:14">
      <c r="N588593" s="10"/>
    </row>
    <row r="588594" spans="14:14">
      <c r="N588594" s="10"/>
    </row>
    <row r="588595" spans="14:14">
      <c r="N588595" s="10"/>
    </row>
    <row r="588596" spans="14:14">
      <c r="N588596" s="10"/>
    </row>
    <row r="588597" spans="14:14">
      <c r="N588597" s="10"/>
    </row>
    <row r="588598" spans="14:14">
      <c r="N588598" s="10"/>
    </row>
    <row r="588599" spans="14:14">
      <c r="N588599" s="10"/>
    </row>
    <row r="588600" spans="14:14">
      <c r="N588600" s="10"/>
    </row>
    <row r="588601" spans="14:14">
      <c r="N588601" s="10"/>
    </row>
    <row r="588602" spans="14:14">
      <c r="N588602" s="10"/>
    </row>
    <row r="588603" spans="14:14">
      <c r="N588603" s="10"/>
    </row>
    <row r="588604" spans="14:14">
      <c r="N588604" s="10"/>
    </row>
    <row r="588605" spans="14:14">
      <c r="N588605" s="10"/>
    </row>
    <row r="588606" spans="14:14">
      <c r="N588606" s="10"/>
    </row>
    <row r="588607" spans="14:14">
      <c r="N588607" s="10"/>
    </row>
    <row r="588608" spans="14:14">
      <c r="N588608" s="10"/>
    </row>
    <row r="588609" spans="14:14">
      <c r="N588609" s="10"/>
    </row>
    <row r="588610" spans="14:14">
      <c r="N588610" s="10"/>
    </row>
    <row r="588611" spans="14:14">
      <c r="N588611" s="10"/>
    </row>
    <row r="588612" spans="14:14">
      <c r="N588612" s="10"/>
    </row>
    <row r="588613" spans="14:14">
      <c r="N588613" s="10"/>
    </row>
    <row r="588614" spans="14:14">
      <c r="N588614" s="10"/>
    </row>
    <row r="588615" spans="14:14">
      <c r="N588615" s="10"/>
    </row>
    <row r="588616" spans="14:14">
      <c r="N588616" s="10"/>
    </row>
    <row r="588617" spans="14:14">
      <c r="N588617" s="10"/>
    </row>
    <row r="588618" spans="14:14">
      <c r="N588618" s="10"/>
    </row>
    <row r="588619" spans="14:14">
      <c r="N588619" s="10"/>
    </row>
    <row r="588620" spans="14:14">
      <c r="N588620" s="10"/>
    </row>
    <row r="588621" spans="14:14">
      <c r="N588621" s="10"/>
    </row>
    <row r="588622" spans="14:14">
      <c r="N588622" s="10"/>
    </row>
    <row r="588623" spans="14:14">
      <c r="N588623" s="10"/>
    </row>
    <row r="588624" spans="14:14">
      <c r="N588624" s="10"/>
    </row>
    <row r="588625" spans="14:14">
      <c r="N588625" s="10"/>
    </row>
    <row r="588626" spans="14:14">
      <c r="N588626" s="10"/>
    </row>
    <row r="588627" spans="14:14">
      <c r="N588627" s="10"/>
    </row>
    <row r="588628" spans="14:14">
      <c r="N588628" s="10"/>
    </row>
    <row r="588629" spans="14:14">
      <c r="N588629" s="10"/>
    </row>
    <row r="588630" spans="14:14">
      <c r="N588630" s="10"/>
    </row>
    <row r="588631" spans="14:14">
      <c r="N588631" s="10"/>
    </row>
    <row r="588632" spans="14:14">
      <c r="N588632" s="10"/>
    </row>
    <row r="588633" spans="14:14">
      <c r="N588633" s="10"/>
    </row>
    <row r="588634" spans="14:14">
      <c r="N588634" s="10"/>
    </row>
    <row r="588635" spans="14:14">
      <c r="N588635" s="10"/>
    </row>
    <row r="588636" spans="14:14">
      <c r="N588636" s="10"/>
    </row>
    <row r="588637" spans="14:14">
      <c r="N588637" s="10"/>
    </row>
    <row r="588638" spans="14:14">
      <c r="N588638" s="10"/>
    </row>
    <row r="588639" spans="14:14">
      <c r="N588639" s="10"/>
    </row>
    <row r="588640" spans="14:14">
      <c r="N588640" s="10"/>
    </row>
    <row r="588641" spans="14:14">
      <c r="N588641" s="10"/>
    </row>
    <row r="588642" spans="14:14">
      <c r="N588642" s="10"/>
    </row>
    <row r="588643" spans="14:14">
      <c r="N588643" s="10"/>
    </row>
    <row r="588644" spans="14:14">
      <c r="N588644" s="10"/>
    </row>
    <row r="588645" spans="14:14">
      <c r="N588645" s="10"/>
    </row>
    <row r="588646" spans="14:14">
      <c r="N588646" s="10"/>
    </row>
    <row r="588647" spans="14:14">
      <c r="N588647" s="10"/>
    </row>
    <row r="588648" spans="14:14">
      <c r="N588648" s="10"/>
    </row>
    <row r="588649" spans="14:14">
      <c r="N588649" s="10"/>
    </row>
    <row r="588650" spans="14:14">
      <c r="N588650" s="10"/>
    </row>
    <row r="588651" spans="14:14">
      <c r="N588651" s="10"/>
    </row>
    <row r="588652" spans="14:14">
      <c r="N588652" s="10"/>
    </row>
    <row r="588653" spans="14:14">
      <c r="N588653" s="10"/>
    </row>
    <row r="588654" spans="14:14">
      <c r="N588654" s="10"/>
    </row>
    <row r="588655" spans="14:14">
      <c r="N588655" s="10"/>
    </row>
    <row r="588656" spans="14:14">
      <c r="N588656" s="10"/>
    </row>
    <row r="588657" spans="14:14">
      <c r="N588657" s="10"/>
    </row>
    <row r="588658" spans="14:14">
      <c r="N588658" s="10"/>
    </row>
    <row r="588659" spans="14:14">
      <c r="N588659" s="10"/>
    </row>
    <row r="588660" spans="14:14">
      <c r="N588660" s="10"/>
    </row>
    <row r="588661" spans="14:14">
      <c r="N588661" s="10"/>
    </row>
    <row r="588662" spans="14:14">
      <c r="N588662" s="10"/>
    </row>
    <row r="588663" spans="14:14">
      <c r="N588663" s="10"/>
    </row>
    <row r="588664" spans="14:14">
      <c r="N588664" s="10"/>
    </row>
    <row r="588665" spans="14:14">
      <c r="N588665" s="10"/>
    </row>
    <row r="588666" spans="14:14">
      <c r="N588666" s="10"/>
    </row>
    <row r="588667" spans="14:14">
      <c r="N588667" s="10"/>
    </row>
    <row r="588668" spans="14:14">
      <c r="N588668" s="10"/>
    </row>
    <row r="588669" spans="14:14">
      <c r="N588669" s="10"/>
    </row>
    <row r="588670" spans="14:14">
      <c r="N588670" s="10"/>
    </row>
    <row r="588671" spans="14:14">
      <c r="N588671" s="10"/>
    </row>
    <row r="588672" spans="14:14">
      <c r="N588672" s="10"/>
    </row>
    <row r="588673" spans="14:14">
      <c r="N588673" s="10"/>
    </row>
    <row r="588674" spans="14:14">
      <c r="N588674" s="10"/>
    </row>
    <row r="588675" spans="14:14">
      <c r="N588675" s="10"/>
    </row>
    <row r="588676" spans="14:14">
      <c r="N588676" s="10"/>
    </row>
    <row r="588677" spans="14:14">
      <c r="N588677" s="10"/>
    </row>
    <row r="588678" spans="14:14">
      <c r="N588678" s="10"/>
    </row>
    <row r="588679" spans="14:14">
      <c r="N588679" s="10"/>
    </row>
    <row r="588680" spans="14:14">
      <c r="N588680" s="10"/>
    </row>
    <row r="588681" spans="14:14">
      <c r="N588681" s="10"/>
    </row>
    <row r="588682" spans="14:14">
      <c r="N588682" s="10"/>
    </row>
    <row r="588683" spans="14:14">
      <c r="N588683" s="10"/>
    </row>
    <row r="588684" spans="14:14">
      <c r="N588684" s="10"/>
    </row>
    <row r="588685" spans="14:14">
      <c r="N588685" s="10"/>
    </row>
    <row r="588686" spans="14:14">
      <c r="N588686" s="10"/>
    </row>
    <row r="588687" spans="14:14">
      <c r="N588687" s="10"/>
    </row>
    <row r="588688" spans="14:14">
      <c r="N588688" s="10"/>
    </row>
    <row r="588689" spans="14:14">
      <c r="N588689" s="10"/>
    </row>
    <row r="588690" spans="14:14">
      <c r="N588690" s="10"/>
    </row>
    <row r="588691" spans="14:14">
      <c r="N588691" s="10"/>
    </row>
    <row r="588692" spans="14:14">
      <c r="N588692" s="10"/>
    </row>
    <row r="588693" spans="14:14">
      <c r="N588693" s="10"/>
    </row>
    <row r="588694" spans="14:14">
      <c r="N588694" s="10"/>
    </row>
    <row r="588695" spans="14:14">
      <c r="N588695" s="10"/>
    </row>
    <row r="588696" spans="14:14">
      <c r="N588696" s="10"/>
    </row>
    <row r="588697" spans="14:14">
      <c r="N588697" s="10"/>
    </row>
    <row r="588698" spans="14:14">
      <c r="N588698" s="10"/>
    </row>
    <row r="588699" spans="14:14">
      <c r="N588699" s="10"/>
    </row>
    <row r="588700" spans="14:14">
      <c r="N588700" s="10"/>
    </row>
    <row r="588701" spans="14:14">
      <c r="N588701" s="10"/>
    </row>
    <row r="588702" spans="14:14">
      <c r="N588702" s="10"/>
    </row>
    <row r="588703" spans="14:14">
      <c r="N588703" s="10"/>
    </row>
    <row r="588704" spans="14:14">
      <c r="N588704" s="10"/>
    </row>
    <row r="588705" spans="14:14">
      <c r="N588705" s="10"/>
    </row>
    <row r="588706" spans="14:14">
      <c r="N588706" s="10"/>
    </row>
    <row r="588707" spans="14:14">
      <c r="N588707" s="10"/>
    </row>
    <row r="588708" spans="14:14">
      <c r="N588708" s="10"/>
    </row>
    <row r="588709" spans="14:14">
      <c r="N588709" s="10"/>
    </row>
    <row r="588710" spans="14:14">
      <c r="N588710" s="10"/>
    </row>
    <row r="588711" spans="14:14">
      <c r="N588711" s="10"/>
    </row>
    <row r="588712" spans="14:14">
      <c r="N588712" s="10"/>
    </row>
    <row r="588713" spans="14:14">
      <c r="N588713" s="10"/>
    </row>
    <row r="588714" spans="14:14">
      <c r="N588714" s="10"/>
    </row>
    <row r="588715" spans="14:14">
      <c r="N588715" s="10"/>
    </row>
    <row r="588716" spans="14:14">
      <c r="N588716" s="10"/>
    </row>
    <row r="588717" spans="14:14">
      <c r="N588717" s="10"/>
    </row>
    <row r="588718" spans="14:14">
      <c r="N588718" s="10"/>
    </row>
    <row r="588719" spans="14:14">
      <c r="N588719" s="10"/>
    </row>
    <row r="588720" spans="14:14">
      <c r="N588720" s="10"/>
    </row>
    <row r="588721" spans="14:14">
      <c r="N588721" s="10"/>
    </row>
    <row r="588722" spans="14:14">
      <c r="N588722" s="10"/>
    </row>
    <row r="588723" spans="14:14">
      <c r="N588723" s="10"/>
    </row>
    <row r="588724" spans="14:14">
      <c r="N588724" s="10"/>
    </row>
    <row r="588725" spans="14:14">
      <c r="N588725" s="10"/>
    </row>
    <row r="588726" spans="14:14">
      <c r="N588726" s="10"/>
    </row>
    <row r="588727" spans="14:14">
      <c r="N588727" s="10"/>
    </row>
    <row r="588728" spans="14:14">
      <c r="N588728" s="10"/>
    </row>
    <row r="588729" spans="14:14">
      <c r="N588729" s="10"/>
    </row>
    <row r="588730" spans="14:14">
      <c r="N588730" s="10"/>
    </row>
    <row r="588731" spans="14:14">
      <c r="N588731" s="10"/>
    </row>
    <row r="588732" spans="14:14">
      <c r="N588732" s="10"/>
    </row>
    <row r="588733" spans="14:14">
      <c r="N588733" s="10"/>
    </row>
    <row r="588734" spans="14:14">
      <c r="N588734" s="10"/>
    </row>
    <row r="588735" spans="14:14">
      <c r="N588735" s="10"/>
    </row>
    <row r="588736" spans="14:14">
      <c r="N588736" s="10"/>
    </row>
    <row r="588737" spans="14:14">
      <c r="N588737" s="10"/>
    </row>
    <row r="588738" spans="14:14">
      <c r="N588738" s="10"/>
    </row>
    <row r="588739" spans="14:14">
      <c r="N588739" s="10"/>
    </row>
    <row r="588740" spans="14:14">
      <c r="N588740" s="10"/>
    </row>
    <row r="588741" spans="14:14">
      <c r="N588741" s="10"/>
    </row>
    <row r="588742" spans="14:14">
      <c r="N588742" s="10"/>
    </row>
    <row r="588743" spans="14:14">
      <c r="N588743" s="10"/>
    </row>
    <row r="588744" spans="14:14">
      <c r="N588744" s="10"/>
    </row>
    <row r="588745" spans="14:14">
      <c r="N588745" s="10"/>
    </row>
    <row r="588746" spans="14:14">
      <c r="N588746" s="10"/>
    </row>
    <row r="588747" spans="14:14">
      <c r="N588747" s="10"/>
    </row>
    <row r="588748" spans="14:14">
      <c r="N588748" s="10"/>
    </row>
    <row r="588749" spans="14:14">
      <c r="N588749" s="10"/>
    </row>
    <row r="588750" spans="14:14">
      <c r="N588750" s="10"/>
    </row>
    <row r="588751" spans="14:14">
      <c r="N588751" s="10"/>
    </row>
    <row r="588752" spans="14:14">
      <c r="N588752" s="10"/>
    </row>
    <row r="588753" spans="14:14">
      <c r="N588753" s="10"/>
    </row>
    <row r="588754" spans="14:14">
      <c r="N588754" s="10"/>
    </row>
    <row r="588755" spans="14:14">
      <c r="N588755" s="10"/>
    </row>
    <row r="588756" spans="14:14">
      <c r="N588756" s="10"/>
    </row>
    <row r="588757" spans="14:14">
      <c r="N588757" s="10"/>
    </row>
    <row r="588758" spans="14:14">
      <c r="N588758" s="10"/>
    </row>
    <row r="588759" spans="14:14">
      <c r="N588759" s="10"/>
    </row>
    <row r="588760" spans="14:14">
      <c r="N588760" s="10"/>
    </row>
    <row r="588761" spans="14:14">
      <c r="N588761" s="10"/>
    </row>
    <row r="588762" spans="14:14">
      <c r="N588762" s="10"/>
    </row>
    <row r="588763" spans="14:14">
      <c r="N588763" s="10"/>
    </row>
    <row r="588764" spans="14:14">
      <c r="N588764" s="10"/>
    </row>
    <row r="588765" spans="14:14">
      <c r="N588765" s="10"/>
    </row>
    <row r="588766" spans="14:14">
      <c r="N588766" s="10"/>
    </row>
    <row r="588767" spans="14:14">
      <c r="N588767" s="10"/>
    </row>
    <row r="588768" spans="14:14">
      <c r="N588768" s="10"/>
    </row>
    <row r="588769" spans="14:14">
      <c r="N588769" s="10"/>
    </row>
    <row r="588770" spans="14:14">
      <c r="N588770" s="10"/>
    </row>
    <row r="588771" spans="14:14">
      <c r="N588771" s="10"/>
    </row>
    <row r="588772" spans="14:14">
      <c r="N588772" s="10"/>
    </row>
    <row r="588773" spans="14:14">
      <c r="N588773" s="10"/>
    </row>
    <row r="588774" spans="14:14">
      <c r="N588774" s="10"/>
    </row>
    <row r="588775" spans="14:14">
      <c r="N588775" s="10"/>
    </row>
    <row r="588776" spans="14:14">
      <c r="N588776" s="10"/>
    </row>
    <row r="588777" spans="14:14">
      <c r="N588777" s="10"/>
    </row>
    <row r="588778" spans="14:14">
      <c r="N588778" s="10"/>
    </row>
    <row r="588779" spans="14:14">
      <c r="N588779" s="10"/>
    </row>
    <row r="588780" spans="14:14">
      <c r="N588780" s="10"/>
    </row>
    <row r="588781" spans="14:14">
      <c r="N588781" s="10"/>
    </row>
    <row r="588782" spans="14:14">
      <c r="N588782" s="10"/>
    </row>
    <row r="588783" spans="14:14">
      <c r="N588783" s="10"/>
    </row>
    <row r="588784" spans="14:14">
      <c r="N588784" s="10"/>
    </row>
    <row r="588785" spans="14:14">
      <c r="N588785" s="10"/>
    </row>
    <row r="588786" spans="14:14">
      <c r="N588786" s="10"/>
    </row>
    <row r="588787" spans="14:14">
      <c r="N588787" s="10"/>
    </row>
    <row r="588788" spans="14:14">
      <c r="N588788" s="10"/>
    </row>
    <row r="588789" spans="14:14">
      <c r="N588789" s="10"/>
    </row>
    <row r="588790" spans="14:14">
      <c r="N588790" s="10"/>
    </row>
    <row r="588791" spans="14:14">
      <c r="N588791" s="10"/>
    </row>
    <row r="588792" spans="14:14">
      <c r="N588792" s="10"/>
    </row>
    <row r="588793" spans="14:14">
      <c r="N588793" s="10"/>
    </row>
    <row r="588794" spans="14:14">
      <c r="N588794" s="10"/>
    </row>
    <row r="588795" spans="14:14">
      <c r="N588795" s="10"/>
    </row>
    <row r="588796" spans="14:14">
      <c r="N588796" s="10"/>
    </row>
    <row r="588797" spans="14:14">
      <c r="N588797" s="10"/>
    </row>
    <row r="588798" spans="14:14">
      <c r="N588798" s="10"/>
    </row>
    <row r="588799" spans="14:14">
      <c r="N588799" s="10"/>
    </row>
    <row r="588800" spans="14:14">
      <c r="N588800" s="10"/>
    </row>
    <row r="588801" spans="14:14">
      <c r="N588801" s="10"/>
    </row>
    <row r="588802" spans="14:14">
      <c r="N588802" s="10"/>
    </row>
    <row r="588803" spans="14:14">
      <c r="N588803" s="10"/>
    </row>
    <row r="588804" spans="14:14">
      <c r="N588804" s="10"/>
    </row>
    <row r="588805" spans="14:14">
      <c r="N588805" s="10"/>
    </row>
    <row r="588806" spans="14:14">
      <c r="N588806" s="10"/>
    </row>
    <row r="588807" spans="14:14">
      <c r="N588807" s="10"/>
    </row>
    <row r="588808" spans="14:14">
      <c r="N588808" s="10"/>
    </row>
    <row r="588809" spans="14:14">
      <c r="N588809" s="10"/>
    </row>
    <row r="588810" spans="14:14">
      <c r="N588810" s="10"/>
    </row>
    <row r="588811" spans="14:14">
      <c r="N588811" s="10"/>
    </row>
    <row r="588812" spans="14:14">
      <c r="N588812" s="10"/>
    </row>
    <row r="588813" spans="14:14">
      <c r="N588813" s="10"/>
    </row>
    <row r="588814" spans="14:14">
      <c r="N588814" s="10"/>
    </row>
    <row r="588815" spans="14:14">
      <c r="N588815" s="10"/>
    </row>
    <row r="588816" spans="14:14">
      <c r="N588816" s="10"/>
    </row>
    <row r="588817" spans="14:14">
      <c r="N588817" s="10"/>
    </row>
    <row r="588818" spans="14:14">
      <c r="N588818" s="10"/>
    </row>
    <row r="588819" spans="14:14">
      <c r="N588819" s="10"/>
    </row>
    <row r="588820" spans="14:14">
      <c r="N588820" s="10"/>
    </row>
    <row r="588821" spans="14:14">
      <c r="N588821" s="10"/>
    </row>
    <row r="588822" spans="14:14">
      <c r="N588822" s="10"/>
    </row>
    <row r="588823" spans="14:14">
      <c r="N588823" s="10"/>
    </row>
    <row r="588824" spans="14:14">
      <c r="N588824" s="10"/>
    </row>
    <row r="588825" spans="14:14">
      <c r="N588825" s="10"/>
    </row>
    <row r="588826" spans="14:14">
      <c r="N588826" s="10"/>
    </row>
    <row r="588827" spans="14:14">
      <c r="N588827" s="10"/>
    </row>
    <row r="588828" spans="14:14">
      <c r="N588828" s="10"/>
    </row>
    <row r="588829" spans="14:14">
      <c r="N588829" s="10"/>
    </row>
    <row r="588830" spans="14:14">
      <c r="N588830" s="10"/>
    </row>
    <row r="588831" spans="14:14">
      <c r="N588831" s="10"/>
    </row>
    <row r="588832" spans="14:14">
      <c r="N588832" s="10"/>
    </row>
    <row r="588833" spans="14:14">
      <c r="N588833" s="10"/>
    </row>
    <row r="588834" spans="14:14">
      <c r="N588834" s="10"/>
    </row>
    <row r="588835" spans="14:14">
      <c r="N588835" s="10"/>
    </row>
    <row r="588836" spans="14:14">
      <c r="N588836" s="10"/>
    </row>
    <row r="588837" spans="14:14">
      <c r="N588837" s="10"/>
    </row>
    <row r="588838" spans="14:14">
      <c r="N588838" s="10"/>
    </row>
    <row r="588839" spans="14:14">
      <c r="N588839" s="10"/>
    </row>
    <row r="588840" spans="14:14">
      <c r="N588840" s="10"/>
    </row>
    <row r="588841" spans="14:14">
      <c r="N588841" s="10"/>
    </row>
    <row r="588842" spans="14:14">
      <c r="N588842" s="10"/>
    </row>
    <row r="588843" spans="14:14">
      <c r="N588843" s="10"/>
    </row>
    <row r="588844" spans="14:14">
      <c r="N588844" s="10"/>
    </row>
    <row r="588845" spans="14:14">
      <c r="N588845" s="10"/>
    </row>
    <row r="588846" spans="14:14">
      <c r="N588846" s="10"/>
    </row>
    <row r="588847" spans="14:14">
      <c r="N588847" s="10"/>
    </row>
    <row r="588848" spans="14:14">
      <c r="N588848" s="10"/>
    </row>
    <row r="588849" spans="14:14">
      <c r="N588849" s="10"/>
    </row>
    <row r="588850" spans="14:14">
      <c r="N588850" s="10"/>
    </row>
    <row r="588851" spans="14:14">
      <c r="N588851" s="10"/>
    </row>
    <row r="588852" spans="14:14">
      <c r="N588852" s="10"/>
    </row>
    <row r="588853" spans="14:14">
      <c r="N588853" s="10"/>
    </row>
    <row r="588854" spans="14:14">
      <c r="N588854" s="10"/>
    </row>
    <row r="588855" spans="14:14">
      <c r="N588855" s="10"/>
    </row>
    <row r="588856" spans="14:14">
      <c r="N588856" s="10"/>
    </row>
    <row r="588857" spans="14:14">
      <c r="N588857" s="10"/>
    </row>
    <row r="588858" spans="14:14">
      <c r="N588858" s="10"/>
    </row>
    <row r="588859" spans="14:14">
      <c r="N588859" s="10"/>
    </row>
    <row r="588860" spans="14:14">
      <c r="N588860" s="10"/>
    </row>
    <row r="588861" spans="14:14">
      <c r="N588861" s="10"/>
    </row>
    <row r="588862" spans="14:14">
      <c r="N588862" s="10"/>
    </row>
    <row r="588863" spans="14:14">
      <c r="N588863" s="10"/>
    </row>
    <row r="588864" spans="14:14">
      <c r="N588864" s="10"/>
    </row>
    <row r="588865" spans="14:14">
      <c r="N588865" s="10"/>
    </row>
    <row r="588866" spans="14:14">
      <c r="N588866" s="10"/>
    </row>
    <row r="588867" spans="14:14">
      <c r="N588867" s="10"/>
    </row>
    <row r="588868" spans="14:14">
      <c r="N588868" s="10"/>
    </row>
    <row r="588869" spans="14:14">
      <c r="N588869" s="10"/>
    </row>
    <row r="588870" spans="14:14">
      <c r="N588870" s="10"/>
    </row>
    <row r="588871" spans="14:14">
      <c r="N588871" s="10"/>
    </row>
    <row r="588872" spans="14:14">
      <c r="N588872" s="10"/>
    </row>
    <row r="588873" spans="14:14">
      <c r="N588873" s="10"/>
    </row>
    <row r="588874" spans="14:14">
      <c r="N588874" s="10"/>
    </row>
    <row r="588875" spans="14:14">
      <c r="N588875" s="10"/>
    </row>
    <row r="588876" spans="14:14">
      <c r="N588876" s="10"/>
    </row>
    <row r="588877" spans="14:14">
      <c r="N588877" s="10"/>
    </row>
    <row r="588878" spans="14:14">
      <c r="N588878" s="10"/>
    </row>
    <row r="588879" spans="14:14">
      <c r="N588879" s="10"/>
    </row>
    <row r="588880" spans="14:14">
      <c r="N588880" s="10"/>
    </row>
    <row r="588881" spans="14:14">
      <c r="N588881" s="10"/>
    </row>
    <row r="588882" spans="14:14">
      <c r="N588882" s="10"/>
    </row>
    <row r="588883" spans="14:14">
      <c r="N588883" s="10"/>
    </row>
    <row r="588884" spans="14:14">
      <c r="N588884" s="10"/>
    </row>
    <row r="588885" spans="14:14">
      <c r="N588885" s="10"/>
    </row>
    <row r="588886" spans="14:14">
      <c r="N588886" s="10"/>
    </row>
    <row r="588887" spans="14:14">
      <c r="N588887" s="10"/>
    </row>
    <row r="588888" spans="14:14">
      <c r="N588888" s="10"/>
    </row>
    <row r="588889" spans="14:14">
      <c r="N588889" s="10"/>
    </row>
    <row r="588890" spans="14:14">
      <c r="N588890" s="10"/>
    </row>
    <row r="588891" spans="14:14">
      <c r="N588891" s="10"/>
    </row>
    <row r="588892" spans="14:14">
      <c r="N588892" s="10"/>
    </row>
    <row r="588893" spans="14:14">
      <c r="N588893" s="10"/>
    </row>
    <row r="588894" spans="14:14">
      <c r="N588894" s="10"/>
    </row>
    <row r="588895" spans="14:14">
      <c r="N588895" s="10"/>
    </row>
    <row r="588896" spans="14:14">
      <c r="N588896" s="10"/>
    </row>
    <row r="588897" spans="14:14">
      <c r="N588897" s="10"/>
    </row>
    <row r="588898" spans="14:14">
      <c r="N588898" s="10"/>
    </row>
    <row r="588899" spans="14:14">
      <c r="N588899" s="10"/>
    </row>
    <row r="588900" spans="14:14">
      <c r="N588900" s="10"/>
    </row>
    <row r="588901" spans="14:14">
      <c r="N588901" s="10"/>
    </row>
    <row r="588902" spans="14:14">
      <c r="N588902" s="10"/>
    </row>
    <row r="588903" spans="14:14">
      <c r="N588903" s="10"/>
    </row>
    <row r="588904" spans="14:14">
      <c r="N588904" s="10"/>
    </row>
    <row r="588905" spans="14:14">
      <c r="N588905" s="10"/>
    </row>
    <row r="588906" spans="14:14">
      <c r="N588906" s="10"/>
    </row>
    <row r="588907" spans="14:14">
      <c r="N588907" s="10"/>
    </row>
    <row r="588908" spans="14:14">
      <c r="N588908" s="10"/>
    </row>
    <row r="588909" spans="14:14">
      <c r="N588909" s="10"/>
    </row>
    <row r="588910" spans="14:14">
      <c r="N588910" s="10"/>
    </row>
    <row r="588911" spans="14:14">
      <c r="N588911" s="10"/>
    </row>
    <row r="588912" spans="14:14">
      <c r="N588912" s="10"/>
    </row>
    <row r="588913" spans="14:14">
      <c r="N588913" s="10"/>
    </row>
    <row r="588914" spans="14:14">
      <c r="N588914" s="10"/>
    </row>
    <row r="588915" spans="14:14">
      <c r="N588915" s="10"/>
    </row>
    <row r="588916" spans="14:14">
      <c r="N588916" s="10"/>
    </row>
    <row r="588917" spans="14:14">
      <c r="N588917" s="10"/>
    </row>
    <row r="588918" spans="14:14">
      <c r="N588918" s="10"/>
    </row>
    <row r="588919" spans="14:14">
      <c r="N588919" s="10"/>
    </row>
    <row r="588920" spans="14:14">
      <c r="N588920" s="10"/>
    </row>
    <row r="588921" spans="14:14">
      <c r="N588921" s="10"/>
    </row>
    <row r="588922" spans="14:14">
      <c r="N588922" s="10"/>
    </row>
    <row r="588923" spans="14:14">
      <c r="N588923" s="10"/>
    </row>
    <row r="588924" spans="14:14">
      <c r="N588924" s="10"/>
    </row>
    <row r="588925" spans="14:14">
      <c r="N588925" s="10"/>
    </row>
    <row r="588926" spans="14:14">
      <c r="N588926" s="10"/>
    </row>
    <row r="588927" spans="14:14">
      <c r="N588927" s="10"/>
    </row>
    <row r="588928" spans="14:14">
      <c r="N588928" s="10"/>
    </row>
    <row r="588929" spans="14:14">
      <c r="N588929" s="10"/>
    </row>
    <row r="588930" spans="14:14">
      <c r="N588930" s="10"/>
    </row>
    <row r="588931" spans="14:14">
      <c r="N588931" s="10"/>
    </row>
    <row r="588932" spans="14:14">
      <c r="N588932" s="10"/>
    </row>
    <row r="588933" spans="14:14">
      <c r="N588933" s="10"/>
    </row>
    <row r="588934" spans="14:14">
      <c r="N588934" s="10"/>
    </row>
    <row r="588935" spans="14:14">
      <c r="N588935" s="10"/>
    </row>
    <row r="588936" spans="14:14">
      <c r="N588936" s="10"/>
    </row>
    <row r="588937" spans="14:14">
      <c r="N588937" s="10"/>
    </row>
    <row r="588938" spans="14:14">
      <c r="N588938" s="10"/>
    </row>
    <row r="588939" spans="14:14">
      <c r="N588939" s="10"/>
    </row>
    <row r="588940" spans="14:14">
      <c r="N588940" s="10"/>
    </row>
    <row r="588941" spans="14:14">
      <c r="N588941" s="10"/>
    </row>
    <row r="588942" spans="14:14">
      <c r="N588942" s="10"/>
    </row>
    <row r="588943" spans="14:14">
      <c r="N588943" s="10"/>
    </row>
    <row r="588944" spans="14:14">
      <c r="N588944" s="10"/>
    </row>
    <row r="588945" spans="14:14">
      <c r="N588945" s="10"/>
    </row>
    <row r="588946" spans="14:14">
      <c r="N588946" s="10"/>
    </row>
    <row r="588947" spans="14:14">
      <c r="N588947" s="10"/>
    </row>
    <row r="588948" spans="14:14">
      <c r="N588948" s="10"/>
    </row>
    <row r="588949" spans="14:14">
      <c r="N588949" s="10"/>
    </row>
    <row r="588950" spans="14:14">
      <c r="N588950" s="10"/>
    </row>
    <row r="588951" spans="14:14">
      <c r="N588951" s="10"/>
    </row>
    <row r="588952" spans="14:14">
      <c r="N588952" s="10"/>
    </row>
    <row r="588953" spans="14:14">
      <c r="N588953" s="10"/>
    </row>
    <row r="588954" spans="14:14">
      <c r="N588954" s="10"/>
    </row>
    <row r="588955" spans="14:14">
      <c r="N588955" s="10"/>
    </row>
    <row r="588956" spans="14:14">
      <c r="N588956" s="10"/>
    </row>
    <row r="588957" spans="14:14">
      <c r="N588957" s="10"/>
    </row>
    <row r="588958" spans="14:14">
      <c r="N588958" s="10"/>
    </row>
    <row r="588959" spans="14:14">
      <c r="N588959" s="10"/>
    </row>
    <row r="588960" spans="14:14">
      <c r="N588960" s="10"/>
    </row>
    <row r="588961" spans="14:14">
      <c r="N588961" s="10"/>
    </row>
    <row r="588962" spans="14:14">
      <c r="N588962" s="10"/>
    </row>
    <row r="588963" spans="14:14">
      <c r="N588963" s="10"/>
    </row>
    <row r="588964" spans="14:14">
      <c r="N588964" s="10"/>
    </row>
    <row r="588965" spans="14:14">
      <c r="N588965" s="10"/>
    </row>
    <row r="588966" spans="14:14">
      <c r="N588966" s="10"/>
    </row>
    <row r="588967" spans="14:14">
      <c r="N588967" s="10"/>
    </row>
    <row r="588968" spans="14:14">
      <c r="N588968" s="10"/>
    </row>
    <row r="588969" spans="14:14">
      <c r="N588969" s="10"/>
    </row>
    <row r="588970" spans="14:14">
      <c r="N588970" s="10"/>
    </row>
    <row r="588971" spans="14:14">
      <c r="N588971" s="10"/>
    </row>
    <row r="588972" spans="14:14">
      <c r="N588972" s="10"/>
    </row>
    <row r="588973" spans="14:14">
      <c r="N588973" s="10"/>
    </row>
    <row r="588974" spans="14:14">
      <c r="N588974" s="10"/>
    </row>
    <row r="588975" spans="14:14">
      <c r="N588975" s="10"/>
    </row>
    <row r="588976" spans="14:14">
      <c r="N588976" s="10"/>
    </row>
    <row r="588977" spans="14:14">
      <c r="N588977" s="10"/>
    </row>
    <row r="588978" spans="14:14">
      <c r="N588978" s="10"/>
    </row>
    <row r="588979" spans="14:14">
      <c r="N588979" s="10"/>
    </row>
    <row r="588980" spans="14:14">
      <c r="N588980" s="10"/>
    </row>
    <row r="588981" spans="14:14">
      <c r="N588981" s="10"/>
    </row>
    <row r="588982" spans="14:14">
      <c r="N588982" s="10"/>
    </row>
    <row r="588983" spans="14:14">
      <c r="N588983" s="10"/>
    </row>
    <row r="588984" spans="14:14">
      <c r="N588984" s="10"/>
    </row>
    <row r="588985" spans="14:14">
      <c r="N588985" s="10"/>
    </row>
    <row r="588986" spans="14:14">
      <c r="N588986" s="10"/>
    </row>
    <row r="588987" spans="14:14">
      <c r="N588987" s="10"/>
    </row>
    <row r="588988" spans="14:14">
      <c r="N588988" s="10"/>
    </row>
    <row r="588989" spans="14:14">
      <c r="N588989" s="10"/>
    </row>
    <row r="588990" spans="14:14">
      <c r="N588990" s="10"/>
    </row>
    <row r="588991" spans="14:14">
      <c r="N588991" s="10"/>
    </row>
    <row r="588992" spans="14:14">
      <c r="N588992" s="10"/>
    </row>
    <row r="588993" spans="14:14">
      <c r="N588993" s="10"/>
    </row>
    <row r="588994" spans="14:14">
      <c r="N588994" s="10"/>
    </row>
    <row r="588995" spans="14:14">
      <c r="N588995" s="10"/>
    </row>
    <row r="588996" spans="14:14">
      <c r="N588996" s="10"/>
    </row>
    <row r="588997" spans="14:14">
      <c r="N588997" s="10"/>
    </row>
    <row r="588998" spans="14:14">
      <c r="N588998" s="10"/>
    </row>
    <row r="588999" spans="14:14">
      <c r="N588999" s="10"/>
    </row>
    <row r="589000" spans="14:14">
      <c r="N589000" s="10"/>
    </row>
    <row r="589001" spans="14:14">
      <c r="N589001" s="10"/>
    </row>
    <row r="589002" spans="14:14">
      <c r="N589002" s="10"/>
    </row>
    <row r="589003" spans="14:14">
      <c r="N589003" s="10"/>
    </row>
    <row r="589004" spans="14:14">
      <c r="N589004" s="10"/>
    </row>
    <row r="589005" spans="14:14">
      <c r="N589005" s="10"/>
    </row>
    <row r="589006" spans="14:14">
      <c r="N589006" s="10"/>
    </row>
    <row r="589007" spans="14:14">
      <c r="N589007" s="10"/>
    </row>
    <row r="589008" spans="14:14">
      <c r="N589008" s="10"/>
    </row>
    <row r="589009" spans="14:14">
      <c r="N589009" s="10"/>
    </row>
    <row r="589010" spans="14:14">
      <c r="N589010" s="10"/>
    </row>
    <row r="589011" spans="14:14">
      <c r="N589011" s="10"/>
    </row>
    <row r="589012" spans="14:14">
      <c r="N589012" s="10"/>
    </row>
    <row r="589013" spans="14:14">
      <c r="N589013" s="10"/>
    </row>
    <row r="589014" spans="14:14">
      <c r="N589014" s="10"/>
    </row>
    <row r="589015" spans="14:14">
      <c r="N589015" s="10"/>
    </row>
    <row r="589016" spans="14:14">
      <c r="N589016" s="10"/>
    </row>
    <row r="589017" spans="14:14">
      <c r="N589017" s="10"/>
    </row>
    <row r="589018" spans="14:14">
      <c r="N589018" s="10"/>
    </row>
    <row r="589019" spans="14:14">
      <c r="N589019" s="10"/>
    </row>
    <row r="589020" spans="14:14">
      <c r="N589020" s="10"/>
    </row>
    <row r="589021" spans="14:14">
      <c r="N589021" s="10"/>
    </row>
    <row r="589022" spans="14:14">
      <c r="N589022" s="10"/>
    </row>
    <row r="589023" spans="14:14">
      <c r="N589023" s="10"/>
    </row>
    <row r="589024" spans="14:14">
      <c r="N589024" s="10"/>
    </row>
    <row r="589025" spans="14:14">
      <c r="N589025" s="10"/>
    </row>
    <row r="589026" spans="14:14">
      <c r="N589026" s="10"/>
    </row>
    <row r="589027" spans="14:14">
      <c r="N589027" s="10"/>
    </row>
    <row r="589028" spans="14:14">
      <c r="N589028" s="10"/>
    </row>
    <row r="589029" spans="14:14">
      <c r="N589029" s="10"/>
    </row>
    <row r="589030" spans="14:14">
      <c r="N589030" s="10"/>
    </row>
    <row r="589031" spans="14:14">
      <c r="N589031" s="10"/>
    </row>
    <row r="589032" spans="14:14">
      <c r="N589032" s="10"/>
    </row>
    <row r="589033" spans="14:14">
      <c r="N589033" s="10"/>
    </row>
    <row r="589034" spans="14:14">
      <c r="N589034" s="10"/>
    </row>
    <row r="589035" spans="14:14">
      <c r="N589035" s="10"/>
    </row>
    <row r="589036" spans="14:14">
      <c r="N589036" s="10"/>
    </row>
    <row r="589037" spans="14:14">
      <c r="N589037" s="10"/>
    </row>
    <row r="589038" spans="14:14">
      <c r="N589038" s="10"/>
    </row>
    <row r="589039" spans="14:14">
      <c r="N589039" s="10"/>
    </row>
    <row r="589040" spans="14:14">
      <c r="N589040" s="10"/>
    </row>
    <row r="589041" spans="14:14">
      <c r="N589041" s="10"/>
    </row>
    <row r="589042" spans="14:14">
      <c r="N589042" s="10"/>
    </row>
    <row r="589043" spans="14:14">
      <c r="N589043" s="10"/>
    </row>
    <row r="589044" spans="14:14">
      <c r="N589044" s="10"/>
    </row>
    <row r="589045" spans="14:14">
      <c r="N589045" s="10"/>
    </row>
    <row r="589046" spans="14:14">
      <c r="N589046" s="10"/>
    </row>
    <row r="589047" spans="14:14">
      <c r="N589047" s="10"/>
    </row>
    <row r="589048" spans="14:14">
      <c r="N589048" s="10"/>
    </row>
    <row r="589049" spans="14:14">
      <c r="N589049" s="10"/>
    </row>
    <row r="589050" spans="14:14">
      <c r="N589050" s="10"/>
    </row>
    <row r="589051" spans="14:14">
      <c r="N589051" s="10"/>
    </row>
    <row r="589052" spans="14:14">
      <c r="N589052" s="10"/>
    </row>
    <row r="589053" spans="14:14">
      <c r="N589053" s="10"/>
    </row>
    <row r="589054" spans="14:14">
      <c r="N589054" s="10"/>
    </row>
    <row r="589055" spans="14:14">
      <c r="N589055" s="10"/>
    </row>
    <row r="589056" spans="14:14">
      <c r="N589056" s="10"/>
    </row>
    <row r="589057" spans="14:14">
      <c r="N589057" s="10"/>
    </row>
    <row r="589058" spans="14:14">
      <c r="N589058" s="10"/>
    </row>
    <row r="589059" spans="14:14">
      <c r="N589059" s="10"/>
    </row>
    <row r="589060" spans="14:14">
      <c r="N589060" s="10"/>
    </row>
    <row r="589061" spans="14:14">
      <c r="N589061" s="10"/>
    </row>
    <row r="589062" spans="14:14">
      <c r="N589062" s="10"/>
    </row>
    <row r="589063" spans="14:14">
      <c r="N589063" s="10"/>
    </row>
    <row r="589064" spans="14:14">
      <c r="N589064" s="10"/>
    </row>
    <row r="589065" spans="14:14">
      <c r="N589065" s="10"/>
    </row>
    <row r="589066" spans="14:14">
      <c r="N589066" s="10"/>
    </row>
    <row r="589067" spans="14:14">
      <c r="N589067" s="10"/>
    </row>
    <row r="589068" spans="14:14">
      <c r="N589068" s="10"/>
    </row>
    <row r="589069" spans="14:14">
      <c r="N589069" s="10"/>
    </row>
    <row r="589070" spans="14:14">
      <c r="N589070" s="10"/>
    </row>
    <row r="589071" spans="14:14">
      <c r="N589071" s="10"/>
    </row>
    <row r="589072" spans="14:14">
      <c r="N589072" s="10"/>
    </row>
    <row r="589073" spans="14:14">
      <c r="N589073" s="10"/>
    </row>
    <row r="589074" spans="14:14">
      <c r="N589074" s="10"/>
    </row>
    <row r="589075" spans="14:14">
      <c r="N589075" s="10"/>
    </row>
    <row r="589076" spans="14:14">
      <c r="N589076" s="10"/>
    </row>
    <row r="589077" spans="14:14">
      <c r="N589077" s="10"/>
    </row>
    <row r="589078" spans="14:14">
      <c r="N589078" s="10"/>
    </row>
    <row r="589079" spans="14:14">
      <c r="N589079" s="10"/>
    </row>
    <row r="589080" spans="14:14">
      <c r="N589080" s="10"/>
    </row>
    <row r="589081" spans="14:14">
      <c r="N589081" s="10"/>
    </row>
    <row r="589082" spans="14:14">
      <c r="N589082" s="10"/>
    </row>
    <row r="589083" spans="14:14">
      <c r="N589083" s="10"/>
    </row>
    <row r="589084" spans="14:14">
      <c r="N589084" s="10"/>
    </row>
    <row r="589085" spans="14:14">
      <c r="N589085" s="10"/>
    </row>
    <row r="589086" spans="14:14">
      <c r="N589086" s="10"/>
    </row>
    <row r="589087" spans="14:14">
      <c r="N589087" s="10"/>
    </row>
    <row r="589088" spans="14:14">
      <c r="N589088" s="10"/>
    </row>
    <row r="589089" spans="14:14">
      <c r="N589089" s="10"/>
    </row>
    <row r="589090" spans="14:14">
      <c r="N589090" s="10"/>
    </row>
    <row r="589091" spans="14:14">
      <c r="N589091" s="10"/>
    </row>
    <row r="589092" spans="14:14">
      <c r="N589092" s="10"/>
    </row>
    <row r="589093" spans="14:14">
      <c r="N589093" s="10"/>
    </row>
    <row r="589094" spans="14:14">
      <c r="N589094" s="10"/>
    </row>
    <row r="589095" spans="14:14">
      <c r="N589095" s="10"/>
    </row>
    <row r="589096" spans="14:14">
      <c r="N589096" s="10"/>
    </row>
    <row r="589097" spans="14:14">
      <c r="N589097" s="10"/>
    </row>
    <row r="589098" spans="14:14">
      <c r="N589098" s="10"/>
    </row>
    <row r="589099" spans="14:14">
      <c r="N589099" s="10"/>
    </row>
    <row r="589100" spans="14:14">
      <c r="N589100" s="10"/>
    </row>
    <row r="589101" spans="14:14">
      <c r="N589101" s="10"/>
    </row>
    <row r="589102" spans="14:14">
      <c r="N589102" s="10"/>
    </row>
    <row r="589103" spans="14:14">
      <c r="N589103" s="10"/>
    </row>
    <row r="589104" spans="14:14">
      <c r="N589104" s="10"/>
    </row>
    <row r="589105" spans="14:14">
      <c r="N589105" s="10"/>
    </row>
    <row r="589106" spans="14:14">
      <c r="N589106" s="10"/>
    </row>
    <row r="589107" spans="14:14">
      <c r="N589107" s="10"/>
    </row>
    <row r="589108" spans="14:14">
      <c r="N589108" s="10"/>
    </row>
    <row r="589109" spans="14:14">
      <c r="N589109" s="10"/>
    </row>
    <row r="589110" spans="14:14">
      <c r="N589110" s="10"/>
    </row>
    <row r="589111" spans="14:14">
      <c r="N589111" s="10"/>
    </row>
    <row r="589112" spans="14:14">
      <c r="N589112" s="10"/>
    </row>
    <row r="589113" spans="14:14">
      <c r="N589113" s="10"/>
    </row>
    <row r="589114" spans="14:14">
      <c r="N589114" s="10"/>
    </row>
    <row r="589115" spans="14:14">
      <c r="N589115" s="10"/>
    </row>
    <row r="589116" spans="14:14">
      <c r="N589116" s="10"/>
    </row>
    <row r="589117" spans="14:14">
      <c r="N589117" s="10"/>
    </row>
    <row r="589118" spans="14:14">
      <c r="N589118" s="10"/>
    </row>
    <row r="589119" spans="14:14">
      <c r="N589119" s="10"/>
    </row>
    <row r="589120" spans="14:14">
      <c r="N589120" s="10"/>
    </row>
    <row r="589121" spans="14:14">
      <c r="N589121" s="10"/>
    </row>
    <row r="589122" spans="14:14">
      <c r="N589122" s="10"/>
    </row>
    <row r="589123" spans="14:14">
      <c r="N589123" s="10"/>
    </row>
    <row r="589124" spans="14:14">
      <c r="N589124" s="10"/>
    </row>
    <row r="589125" spans="14:14">
      <c r="N589125" s="10"/>
    </row>
    <row r="589126" spans="14:14">
      <c r="N589126" s="10"/>
    </row>
    <row r="589127" spans="14:14">
      <c r="N589127" s="10"/>
    </row>
    <row r="589128" spans="14:14">
      <c r="N589128" s="10"/>
    </row>
    <row r="589129" spans="14:14">
      <c r="N589129" s="10"/>
    </row>
    <row r="589130" spans="14:14">
      <c r="N589130" s="10"/>
    </row>
    <row r="589131" spans="14:14">
      <c r="N589131" s="10"/>
    </row>
    <row r="589132" spans="14:14">
      <c r="N589132" s="10"/>
    </row>
    <row r="589133" spans="14:14">
      <c r="N589133" s="10"/>
    </row>
    <row r="589134" spans="14:14">
      <c r="N589134" s="10"/>
    </row>
    <row r="589135" spans="14:14">
      <c r="N589135" s="10"/>
    </row>
    <row r="589136" spans="14:14">
      <c r="N589136" s="10"/>
    </row>
    <row r="589137" spans="14:14">
      <c r="N589137" s="10"/>
    </row>
    <row r="589138" spans="14:14">
      <c r="N589138" s="10"/>
    </row>
    <row r="589139" spans="14:14">
      <c r="N589139" s="10"/>
    </row>
    <row r="589140" spans="14:14">
      <c r="N589140" s="10"/>
    </row>
    <row r="589141" spans="14:14">
      <c r="N589141" s="10"/>
    </row>
    <row r="589142" spans="14:14">
      <c r="N589142" s="10"/>
    </row>
    <row r="589143" spans="14:14">
      <c r="N589143" s="10"/>
    </row>
    <row r="589144" spans="14:14">
      <c r="N589144" s="10"/>
    </row>
    <row r="589145" spans="14:14">
      <c r="N589145" s="10"/>
    </row>
    <row r="589146" spans="14:14">
      <c r="N589146" s="10"/>
    </row>
    <row r="589147" spans="14:14">
      <c r="N589147" s="10"/>
    </row>
    <row r="589148" spans="14:14">
      <c r="N589148" s="10"/>
    </row>
    <row r="589149" spans="14:14">
      <c r="N589149" s="10"/>
    </row>
    <row r="589150" spans="14:14">
      <c r="N589150" s="10"/>
    </row>
    <row r="589151" spans="14:14">
      <c r="N589151" s="10"/>
    </row>
    <row r="589152" spans="14:14">
      <c r="N589152" s="10"/>
    </row>
    <row r="589153" spans="14:14">
      <c r="N589153" s="10"/>
    </row>
    <row r="589154" spans="14:14">
      <c r="N589154" s="10"/>
    </row>
    <row r="589155" spans="14:14">
      <c r="N589155" s="10"/>
    </row>
    <row r="589156" spans="14:14">
      <c r="N589156" s="10"/>
    </row>
    <row r="589157" spans="14:14">
      <c r="N589157" s="10"/>
    </row>
    <row r="589158" spans="14:14">
      <c r="N589158" s="10"/>
    </row>
    <row r="589159" spans="14:14">
      <c r="N589159" s="10"/>
    </row>
    <row r="589160" spans="14:14">
      <c r="N589160" s="10"/>
    </row>
    <row r="589161" spans="14:14">
      <c r="N589161" s="10"/>
    </row>
    <row r="589162" spans="14:14">
      <c r="N589162" s="10"/>
    </row>
    <row r="589163" spans="14:14">
      <c r="N589163" s="10"/>
    </row>
    <row r="589164" spans="14:14">
      <c r="N589164" s="10"/>
    </row>
    <row r="589165" spans="14:14">
      <c r="N589165" s="10"/>
    </row>
    <row r="589166" spans="14:14">
      <c r="N589166" s="10"/>
    </row>
    <row r="589167" spans="14:14">
      <c r="N589167" s="10"/>
    </row>
    <row r="589168" spans="14:14">
      <c r="N589168" s="10"/>
    </row>
    <row r="589169" spans="14:14">
      <c r="N589169" s="10"/>
    </row>
    <row r="589170" spans="14:14">
      <c r="N589170" s="10"/>
    </row>
    <row r="589171" spans="14:14">
      <c r="N589171" s="10"/>
    </row>
    <row r="589172" spans="14:14">
      <c r="N589172" s="10"/>
    </row>
    <row r="589173" spans="14:14">
      <c r="N589173" s="10"/>
    </row>
    <row r="589174" spans="14:14">
      <c r="N589174" s="10"/>
    </row>
    <row r="589175" spans="14:14">
      <c r="N589175" s="10"/>
    </row>
    <row r="589176" spans="14:14">
      <c r="N589176" s="10"/>
    </row>
    <row r="589177" spans="14:14">
      <c r="N589177" s="10"/>
    </row>
    <row r="589178" spans="14:14">
      <c r="N589178" s="10"/>
    </row>
    <row r="589179" spans="14:14">
      <c r="N589179" s="10"/>
    </row>
    <row r="589180" spans="14:14">
      <c r="N589180" s="10"/>
    </row>
    <row r="589181" spans="14:14">
      <c r="N589181" s="10"/>
    </row>
    <row r="589182" spans="14:14">
      <c r="N589182" s="10"/>
    </row>
    <row r="589183" spans="14:14">
      <c r="N589183" s="10"/>
    </row>
    <row r="589184" spans="14:14">
      <c r="N589184" s="10"/>
    </row>
    <row r="589185" spans="14:14">
      <c r="N589185" s="10"/>
    </row>
    <row r="589186" spans="14:14">
      <c r="N589186" s="10"/>
    </row>
    <row r="589187" spans="14:14">
      <c r="N589187" s="10"/>
    </row>
    <row r="589188" spans="14:14">
      <c r="N589188" s="10"/>
    </row>
    <row r="589189" spans="14:14">
      <c r="N589189" s="10"/>
    </row>
    <row r="589190" spans="14:14">
      <c r="N589190" s="10"/>
    </row>
    <row r="589191" spans="14:14">
      <c r="N589191" s="10"/>
    </row>
    <row r="589192" spans="14:14">
      <c r="N589192" s="10"/>
    </row>
    <row r="589193" spans="14:14">
      <c r="N589193" s="10"/>
    </row>
    <row r="589194" spans="14:14">
      <c r="N589194" s="10"/>
    </row>
    <row r="589195" spans="14:14">
      <c r="N589195" s="10"/>
    </row>
    <row r="589196" spans="14:14">
      <c r="N589196" s="10"/>
    </row>
    <row r="589197" spans="14:14">
      <c r="N589197" s="10"/>
    </row>
    <row r="589198" spans="14:14">
      <c r="N589198" s="10"/>
    </row>
    <row r="589199" spans="14:14">
      <c r="N589199" s="10"/>
    </row>
    <row r="589200" spans="14:14">
      <c r="N589200" s="10"/>
    </row>
    <row r="589201" spans="14:14">
      <c r="N589201" s="10"/>
    </row>
    <row r="589202" spans="14:14">
      <c r="N589202" s="10"/>
    </row>
    <row r="589203" spans="14:14">
      <c r="N589203" s="10"/>
    </row>
    <row r="589204" spans="14:14">
      <c r="N589204" s="10"/>
    </row>
    <row r="589205" spans="14:14">
      <c r="N589205" s="10"/>
    </row>
    <row r="589206" spans="14:14">
      <c r="N589206" s="10"/>
    </row>
    <row r="589207" spans="14:14">
      <c r="N589207" s="10"/>
    </row>
    <row r="589208" spans="14:14">
      <c r="N589208" s="10"/>
    </row>
    <row r="589209" spans="14:14">
      <c r="N589209" s="10"/>
    </row>
    <row r="589210" spans="14:14">
      <c r="N589210" s="10"/>
    </row>
    <row r="589211" spans="14:14">
      <c r="N589211" s="10"/>
    </row>
    <row r="589212" spans="14:14">
      <c r="N589212" s="10"/>
    </row>
    <row r="589213" spans="14:14">
      <c r="N589213" s="10"/>
    </row>
    <row r="589214" spans="14:14">
      <c r="N589214" s="10"/>
    </row>
    <row r="589215" spans="14:14">
      <c r="N589215" s="10"/>
    </row>
    <row r="589216" spans="14:14">
      <c r="N589216" s="10"/>
    </row>
    <row r="589217" spans="14:14">
      <c r="N589217" s="10"/>
    </row>
    <row r="589218" spans="14:14">
      <c r="N589218" s="10"/>
    </row>
    <row r="589219" spans="14:14">
      <c r="N589219" s="10"/>
    </row>
    <row r="589220" spans="14:14">
      <c r="N589220" s="10"/>
    </row>
    <row r="589221" spans="14:14">
      <c r="N589221" s="10"/>
    </row>
    <row r="589222" spans="14:14">
      <c r="N589222" s="10"/>
    </row>
    <row r="589223" spans="14:14">
      <c r="N589223" s="10"/>
    </row>
    <row r="589224" spans="14:14">
      <c r="N589224" s="10"/>
    </row>
    <row r="589225" spans="14:14">
      <c r="N589225" s="10"/>
    </row>
    <row r="589226" spans="14:14">
      <c r="N589226" s="10"/>
    </row>
    <row r="589227" spans="14:14">
      <c r="N589227" s="10"/>
    </row>
    <row r="589228" spans="14:14">
      <c r="N589228" s="10"/>
    </row>
    <row r="589229" spans="14:14">
      <c r="N589229" s="10"/>
    </row>
    <row r="589230" spans="14:14">
      <c r="N589230" s="10"/>
    </row>
    <row r="589231" spans="14:14">
      <c r="N589231" s="10"/>
    </row>
    <row r="589232" spans="14:14">
      <c r="N589232" s="10"/>
    </row>
    <row r="589233" spans="14:14">
      <c r="N589233" s="10"/>
    </row>
    <row r="589234" spans="14:14">
      <c r="N589234" s="10"/>
    </row>
    <row r="589235" spans="14:14">
      <c r="N589235" s="10"/>
    </row>
    <row r="589236" spans="14:14">
      <c r="N589236" s="10"/>
    </row>
    <row r="589237" spans="14:14">
      <c r="N589237" s="10"/>
    </row>
    <row r="589238" spans="14:14">
      <c r="N589238" s="10"/>
    </row>
    <row r="589239" spans="14:14">
      <c r="N589239" s="10"/>
    </row>
    <row r="589240" spans="14:14">
      <c r="N589240" s="10"/>
    </row>
    <row r="589241" spans="14:14">
      <c r="N589241" s="10"/>
    </row>
    <row r="589242" spans="14:14">
      <c r="N589242" s="10"/>
    </row>
    <row r="589243" spans="14:14">
      <c r="N589243" s="10"/>
    </row>
    <row r="589244" spans="14:14">
      <c r="N589244" s="10"/>
    </row>
    <row r="589245" spans="14:14">
      <c r="N589245" s="10"/>
    </row>
    <row r="589246" spans="14:14">
      <c r="N589246" s="10"/>
    </row>
    <row r="589247" spans="14:14">
      <c r="N589247" s="10"/>
    </row>
    <row r="589248" spans="14:14">
      <c r="N589248" s="10"/>
    </row>
    <row r="589249" spans="14:14">
      <c r="N589249" s="10"/>
    </row>
    <row r="589250" spans="14:14">
      <c r="N589250" s="10"/>
    </row>
    <row r="589251" spans="14:14">
      <c r="N589251" s="10"/>
    </row>
    <row r="589252" spans="14:14">
      <c r="N589252" s="10"/>
    </row>
    <row r="589253" spans="14:14">
      <c r="N589253" s="10"/>
    </row>
    <row r="589254" spans="14:14">
      <c r="N589254" s="10"/>
    </row>
    <row r="589255" spans="14:14">
      <c r="N589255" s="10"/>
    </row>
    <row r="589256" spans="14:14">
      <c r="N589256" s="10"/>
    </row>
    <row r="589257" spans="14:14">
      <c r="N589257" s="10"/>
    </row>
    <row r="589258" spans="14:14">
      <c r="N589258" s="10"/>
    </row>
    <row r="589259" spans="14:14">
      <c r="N589259" s="10"/>
    </row>
    <row r="589260" spans="14:14">
      <c r="N589260" s="10"/>
    </row>
    <row r="589261" spans="14:14">
      <c r="N589261" s="10"/>
    </row>
    <row r="589262" spans="14:14">
      <c r="N589262" s="10"/>
    </row>
    <row r="589263" spans="14:14">
      <c r="N589263" s="10"/>
    </row>
    <row r="589264" spans="14:14">
      <c r="N589264" s="10"/>
    </row>
    <row r="589265" spans="14:14">
      <c r="N589265" s="10"/>
    </row>
    <row r="589266" spans="14:14">
      <c r="N589266" s="10"/>
    </row>
    <row r="589267" spans="14:14">
      <c r="N589267" s="10"/>
    </row>
    <row r="589268" spans="14:14">
      <c r="N589268" s="10"/>
    </row>
    <row r="589269" spans="14:14">
      <c r="N589269" s="10"/>
    </row>
    <row r="589270" spans="14:14">
      <c r="N589270" s="10"/>
    </row>
    <row r="589271" spans="14:14">
      <c r="N589271" s="10"/>
    </row>
    <row r="589272" spans="14:14">
      <c r="N589272" s="10"/>
    </row>
    <row r="589273" spans="14:14">
      <c r="N589273" s="10"/>
    </row>
    <row r="589274" spans="14:14">
      <c r="N589274" s="10"/>
    </row>
    <row r="589275" spans="14:14">
      <c r="N589275" s="10"/>
    </row>
    <row r="589276" spans="14:14">
      <c r="N589276" s="10"/>
    </row>
    <row r="589277" spans="14:14">
      <c r="N589277" s="10"/>
    </row>
    <row r="589278" spans="14:14">
      <c r="N589278" s="10"/>
    </row>
    <row r="589279" spans="14:14">
      <c r="N589279" s="10"/>
    </row>
    <row r="589280" spans="14:14">
      <c r="N589280" s="10"/>
    </row>
    <row r="589281" spans="14:14">
      <c r="N589281" s="10"/>
    </row>
    <row r="589282" spans="14:14">
      <c r="N589282" s="10"/>
    </row>
    <row r="589283" spans="14:14">
      <c r="N589283" s="10"/>
    </row>
    <row r="589284" spans="14:14">
      <c r="N589284" s="10"/>
    </row>
    <row r="589285" spans="14:14">
      <c r="N589285" s="10"/>
    </row>
    <row r="589286" spans="14:14">
      <c r="N589286" s="10"/>
    </row>
    <row r="589287" spans="14:14">
      <c r="N589287" s="10"/>
    </row>
    <row r="589288" spans="14:14">
      <c r="N589288" s="10"/>
    </row>
    <row r="589289" spans="14:14">
      <c r="N589289" s="10"/>
    </row>
    <row r="589290" spans="14:14">
      <c r="N589290" s="10"/>
    </row>
    <row r="589291" spans="14:14">
      <c r="N589291" s="10"/>
    </row>
    <row r="589292" spans="14:14">
      <c r="N589292" s="10"/>
    </row>
    <row r="589293" spans="14:14">
      <c r="N589293" s="10"/>
    </row>
    <row r="589294" spans="14:14">
      <c r="N589294" s="10"/>
    </row>
    <row r="589295" spans="14:14">
      <c r="N589295" s="10"/>
    </row>
    <row r="589296" spans="14:14">
      <c r="N589296" s="10"/>
    </row>
    <row r="589297" spans="14:14">
      <c r="N589297" s="10"/>
    </row>
    <row r="589298" spans="14:14">
      <c r="N589298" s="10"/>
    </row>
    <row r="589299" spans="14:14">
      <c r="N589299" s="10"/>
    </row>
    <row r="589300" spans="14:14">
      <c r="N589300" s="10"/>
    </row>
    <row r="589301" spans="14:14">
      <c r="N589301" s="10"/>
    </row>
    <row r="589302" spans="14:14">
      <c r="N589302" s="10"/>
    </row>
    <row r="589303" spans="14:14">
      <c r="N589303" s="10"/>
    </row>
    <row r="589304" spans="14:14">
      <c r="N589304" s="10"/>
    </row>
    <row r="589305" spans="14:14">
      <c r="N589305" s="10"/>
    </row>
    <row r="589306" spans="14:14">
      <c r="N589306" s="10"/>
    </row>
    <row r="589307" spans="14:14">
      <c r="N589307" s="10"/>
    </row>
    <row r="589308" spans="14:14">
      <c r="N589308" s="10"/>
    </row>
    <row r="589309" spans="14:14">
      <c r="N589309" s="10"/>
    </row>
    <row r="589310" spans="14:14">
      <c r="N589310" s="10"/>
    </row>
    <row r="589311" spans="14:14">
      <c r="N589311" s="10"/>
    </row>
    <row r="589312" spans="14:14">
      <c r="N589312" s="10"/>
    </row>
    <row r="589313" spans="14:14">
      <c r="N589313" s="10"/>
    </row>
    <row r="589314" spans="14:14">
      <c r="N589314" s="10"/>
    </row>
    <row r="589315" spans="14:14">
      <c r="N589315" s="10"/>
    </row>
    <row r="589316" spans="14:14">
      <c r="N589316" s="10"/>
    </row>
    <row r="589317" spans="14:14">
      <c r="N589317" s="10"/>
    </row>
    <row r="589318" spans="14:14">
      <c r="N589318" s="10"/>
    </row>
    <row r="589319" spans="14:14">
      <c r="N589319" s="10"/>
    </row>
    <row r="589320" spans="14:14">
      <c r="N589320" s="10"/>
    </row>
    <row r="589321" spans="14:14">
      <c r="N589321" s="10"/>
    </row>
    <row r="589322" spans="14:14">
      <c r="N589322" s="10"/>
    </row>
    <row r="589323" spans="14:14">
      <c r="N589323" s="10"/>
    </row>
    <row r="589324" spans="14:14">
      <c r="N589324" s="10"/>
    </row>
    <row r="589325" spans="14:14">
      <c r="N589325" s="10"/>
    </row>
    <row r="589326" spans="14:14">
      <c r="N589326" s="10"/>
    </row>
    <row r="589327" spans="14:14">
      <c r="N589327" s="10"/>
    </row>
    <row r="589328" spans="14:14">
      <c r="N589328" s="10"/>
    </row>
    <row r="589329" spans="14:14">
      <c r="N589329" s="10"/>
    </row>
    <row r="589330" spans="14:14">
      <c r="N589330" s="10"/>
    </row>
    <row r="589331" spans="14:14">
      <c r="N589331" s="10"/>
    </row>
    <row r="589332" spans="14:14">
      <c r="N589332" s="10"/>
    </row>
    <row r="589333" spans="14:14">
      <c r="N589333" s="10"/>
    </row>
    <row r="589334" spans="14:14">
      <c r="N589334" s="10"/>
    </row>
    <row r="589335" spans="14:14">
      <c r="N589335" s="10"/>
    </row>
    <row r="589336" spans="14:14">
      <c r="N589336" s="10"/>
    </row>
    <row r="589337" spans="14:14">
      <c r="N589337" s="10"/>
    </row>
    <row r="589338" spans="14:14">
      <c r="N589338" s="10"/>
    </row>
    <row r="589339" spans="14:14">
      <c r="N589339" s="10"/>
    </row>
    <row r="589340" spans="14:14">
      <c r="N589340" s="10"/>
    </row>
    <row r="589341" spans="14:14">
      <c r="N589341" s="10"/>
    </row>
    <row r="589342" spans="14:14">
      <c r="N589342" s="10"/>
    </row>
    <row r="589343" spans="14:14">
      <c r="N589343" s="10"/>
    </row>
    <row r="589344" spans="14:14">
      <c r="N589344" s="10"/>
    </row>
    <row r="589345" spans="14:14">
      <c r="N589345" s="10"/>
    </row>
    <row r="589346" spans="14:14">
      <c r="N589346" s="10"/>
    </row>
    <row r="589347" spans="14:14">
      <c r="N589347" s="10"/>
    </row>
    <row r="589348" spans="14:14">
      <c r="N589348" s="10"/>
    </row>
    <row r="589349" spans="14:14">
      <c r="N589349" s="10"/>
    </row>
    <row r="589350" spans="14:14">
      <c r="N589350" s="10"/>
    </row>
    <row r="589351" spans="14:14">
      <c r="N589351" s="10"/>
    </row>
    <row r="589352" spans="14:14">
      <c r="N589352" s="10"/>
    </row>
    <row r="589353" spans="14:14">
      <c r="N589353" s="10"/>
    </row>
    <row r="589354" spans="14:14">
      <c r="N589354" s="10"/>
    </row>
    <row r="589355" spans="14:14">
      <c r="N589355" s="10"/>
    </row>
    <row r="589356" spans="14:14">
      <c r="N589356" s="10"/>
    </row>
    <row r="589357" spans="14:14">
      <c r="N589357" s="10"/>
    </row>
    <row r="589358" spans="14:14">
      <c r="N589358" s="10"/>
    </row>
    <row r="589359" spans="14:14">
      <c r="N589359" s="10"/>
    </row>
    <row r="589360" spans="14:14">
      <c r="N589360" s="10"/>
    </row>
    <row r="589361" spans="14:14">
      <c r="N589361" s="10"/>
    </row>
    <row r="589362" spans="14:14">
      <c r="N589362" s="10"/>
    </row>
    <row r="589363" spans="14:14">
      <c r="N589363" s="10"/>
    </row>
    <row r="589364" spans="14:14">
      <c r="N589364" s="10"/>
    </row>
    <row r="589365" spans="14:14">
      <c r="N589365" s="10"/>
    </row>
    <row r="589366" spans="14:14">
      <c r="N589366" s="10"/>
    </row>
    <row r="589367" spans="14:14">
      <c r="N589367" s="10"/>
    </row>
    <row r="589368" spans="14:14">
      <c r="N589368" s="10"/>
    </row>
    <row r="589369" spans="14:14">
      <c r="N589369" s="10"/>
    </row>
    <row r="589370" spans="14:14">
      <c r="N589370" s="10"/>
    </row>
    <row r="589371" spans="14:14">
      <c r="N589371" s="10"/>
    </row>
    <row r="589372" spans="14:14">
      <c r="N589372" s="10"/>
    </row>
    <row r="589373" spans="14:14">
      <c r="N589373" s="10"/>
    </row>
    <row r="589374" spans="14:14">
      <c r="N589374" s="10"/>
    </row>
    <row r="589375" spans="14:14">
      <c r="N589375" s="10"/>
    </row>
    <row r="589376" spans="14:14">
      <c r="N589376" s="10"/>
    </row>
    <row r="589377" spans="14:14">
      <c r="N589377" s="10"/>
    </row>
    <row r="589378" spans="14:14">
      <c r="N589378" s="10"/>
    </row>
    <row r="589379" spans="14:14">
      <c r="N589379" s="10"/>
    </row>
    <row r="589380" spans="14:14">
      <c r="N589380" s="10"/>
    </row>
    <row r="589381" spans="14:14">
      <c r="N589381" s="10"/>
    </row>
    <row r="589382" spans="14:14">
      <c r="N589382" s="10"/>
    </row>
    <row r="589383" spans="14:14">
      <c r="N589383" s="10"/>
    </row>
    <row r="589384" spans="14:14">
      <c r="N589384" s="10"/>
    </row>
    <row r="589385" spans="14:14">
      <c r="N589385" s="10"/>
    </row>
    <row r="589386" spans="14:14">
      <c r="N589386" s="10"/>
    </row>
    <row r="589387" spans="14:14">
      <c r="N589387" s="10"/>
    </row>
    <row r="589388" spans="14:14">
      <c r="N589388" s="10"/>
    </row>
    <row r="589389" spans="14:14">
      <c r="N589389" s="10"/>
    </row>
    <row r="589390" spans="14:14">
      <c r="N589390" s="10"/>
    </row>
    <row r="589391" spans="14:14">
      <c r="N589391" s="10"/>
    </row>
    <row r="589392" spans="14:14">
      <c r="N589392" s="10"/>
    </row>
    <row r="589393" spans="14:14">
      <c r="N589393" s="10"/>
    </row>
    <row r="589394" spans="14:14">
      <c r="N589394" s="10"/>
    </row>
    <row r="589395" spans="14:14">
      <c r="N589395" s="10"/>
    </row>
    <row r="589396" spans="14:14">
      <c r="N589396" s="10"/>
    </row>
    <row r="589397" spans="14:14">
      <c r="N589397" s="10"/>
    </row>
    <row r="589398" spans="14:14">
      <c r="N589398" s="10"/>
    </row>
    <row r="589399" spans="14:14">
      <c r="N589399" s="10"/>
    </row>
    <row r="589400" spans="14:14">
      <c r="N589400" s="10"/>
    </row>
    <row r="589401" spans="14:14">
      <c r="N589401" s="10"/>
    </row>
    <row r="589402" spans="14:14">
      <c r="N589402" s="10"/>
    </row>
    <row r="589403" spans="14:14">
      <c r="N589403" s="10"/>
    </row>
    <row r="589404" spans="14:14">
      <c r="N589404" s="10"/>
    </row>
    <row r="589405" spans="14:14">
      <c r="N589405" s="10"/>
    </row>
    <row r="589406" spans="14:14">
      <c r="N589406" s="10"/>
    </row>
    <row r="589407" spans="14:14">
      <c r="N589407" s="10"/>
    </row>
    <row r="589408" spans="14:14">
      <c r="N589408" s="10"/>
    </row>
    <row r="589409" spans="14:14">
      <c r="N589409" s="10"/>
    </row>
    <row r="589410" spans="14:14">
      <c r="N589410" s="10"/>
    </row>
    <row r="589411" spans="14:14">
      <c r="N589411" s="10"/>
    </row>
    <row r="589412" spans="14:14">
      <c r="N589412" s="10"/>
    </row>
    <row r="589413" spans="14:14">
      <c r="N589413" s="10"/>
    </row>
    <row r="589414" spans="14:14">
      <c r="N589414" s="10"/>
    </row>
    <row r="589415" spans="14:14">
      <c r="N589415" s="10"/>
    </row>
    <row r="589416" spans="14:14">
      <c r="N589416" s="10"/>
    </row>
    <row r="589417" spans="14:14">
      <c r="N589417" s="10"/>
    </row>
    <row r="589418" spans="14:14">
      <c r="N589418" s="10"/>
    </row>
    <row r="589419" spans="14:14">
      <c r="N589419" s="10"/>
    </row>
    <row r="589420" spans="14:14">
      <c r="N589420" s="10"/>
    </row>
    <row r="589421" spans="14:14">
      <c r="N589421" s="10"/>
    </row>
    <row r="589422" spans="14:14">
      <c r="N589422" s="10"/>
    </row>
    <row r="589423" spans="14:14">
      <c r="N589423" s="10"/>
    </row>
    <row r="589424" spans="14:14">
      <c r="N589424" s="10"/>
    </row>
    <row r="589425" spans="14:14">
      <c r="N589425" s="10"/>
    </row>
    <row r="589426" spans="14:14">
      <c r="N589426" s="10"/>
    </row>
    <row r="589427" spans="14:14">
      <c r="N589427" s="10"/>
    </row>
    <row r="589428" spans="14:14">
      <c r="N589428" s="10"/>
    </row>
    <row r="589429" spans="14:14">
      <c r="N589429" s="10"/>
    </row>
    <row r="589430" spans="14:14">
      <c r="N589430" s="10"/>
    </row>
    <row r="589431" spans="14:14">
      <c r="N589431" s="10"/>
    </row>
    <row r="589432" spans="14:14">
      <c r="N589432" s="10"/>
    </row>
    <row r="589433" spans="14:14">
      <c r="N589433" s="10"/>
    </row>
    <row r="589434" spans="14:14">
      <c r="N589434" s="10"/>
    </row>
    <row r="589435" spans="14:14">
      <c r="N589435" s="10"/>
    </row>
    <row r="589436" spans="14:14">
      <c r="N589436" s="10"/>
    </row>
    <row r="589437" spans="14:14">
      <c r="N589437" s="10"/>
    </row>
    <row r="589438" spans="14:14">
      <c r="N589438" s="10"/>
    </row>
    <row r="589439" spans="14:14">
      <c r="N589439" s="10"/>
    </row>
    <row r="589440" spans="14:14">
      <c r="N589440" s="10"/>
    </row>
    <row r="589441" spans="14:14">
      <c r="N589441" s="10"/>
    </row>
    <row r="589442" spans="14:14">
      <c r="N589442" s="10"/>
    </row>
    <row r="589443" spans="14:14">
      <c r="N589443" s="10"/>
    </row>
    <row r="589444" spans="14:14">
      <c r="N589444" s="10"/>
    </row>
    <row r="589445" spans="14:14">
      <c r="N589445" s="10"/>
    </row>
    <row r="589446" spans="14:14">
      <c r="N589446" s="10"/>
    </row>
    <row r="589447" spans="14:14">
      <c r="N589447" s="10"/>
    </row>
    <row r="589448" spans="14:14">
      <c r="N589448" s="10"/>
    </row>
    <row r="589449" spans="14:14">
      <c r="N589449" s="10"/>
    </row>
    <row r="589450" spans="14:14">
      <c r="N589450" s="10"/>
    </row>
    <row r="589451" spans="14:14">
      <c r="N589451" s="10"/>
    </row>
    <row r="589452" spans="14:14">
      <c r="N589452" s="10"/>
    </row>
    <row r="589453" spans="14:14">
      <c r="N589453" s="10"/>
    </row>
    <row r="589454" spans="14:14">
      <c r="N589454" s="10"/>
    </row>
    <row r="589455" spans="14:14">
      <c r="N589455" s="10"/>
    </row>
    <row r="589456" spans="14:14">
      <c r="N589456" s="10"/>
    </row>
    <row r="589457" spans="14:14">
      <c r="N589457" s="10"/>
    </row>
    <row r="589458" spans="14:14">
      <c r="N589458" s="10"/>
    </row>
    <row r="589459" spans="14:14">
      <c r="N589459" s="10"/>
    </row>
    <row r="589460" spans="14:14">
      <c r="N589460" s="10"/>
    </row>
    <row r="589461" spans="14:14">
      <c r="N589461" s="10"/>
    </row>
    <row r="589462" spans="14:14">
      <c r="N589462" s="10"/>
    </row>
    <row r="589463" spans="14:14">
      <c r="N589463" s="10"/>
    </row>
    <row r="589464" spans="14:14">
      <c r="N589464" s="10"/>
    </row>
    <row r="589465" spans="14:14">
      <c r="N589465" s="10"/>
    </row>
    <row r="589466" spans="14:14">
      <c r="N589466" s="10"/>
    </row>
    <row r="589467" spans="14:14">
      <c r="N589467" s="10"/>
    </row>
    <row r="589468" spans="14:14">
      <c r="N589468" s="10"/>
    </row>
    <row r="589469" spans="14:14">
      <c r="N589469" s="10"/>
    </row>
    <row r="589470" spans="14:14">
      <c r="N589470" s="10"/>
    </row>
    <row r="589471" spans="14:14">
      <c r="N589471" s="10"/>
    </row>
    <row r="589472" spans="14:14">
      <c r="N589472" s="10"/>
    </row>
    <row r="589473" spans="14:14">
      <c r="N589473" s="10"/>
    </row>
    <row r="589474" spans="14:14">
      <c r="N589474" s="10"/>
    </row>
    <row r="589475" spans="14:14">
      <c r="N589475" s="10"/>
    </row>
    <row r="589476" spans="14:14">
      <c r="N589476" s="10"/>
    </row>
    <row r="589477" spans="14:14">
      <c r="N589477" s="10"/>
    </row>
    <row r="589478" spans="14:14">
      <c r="N589478" s="10"/>
    </row>
    <row r="589479" spans="14:14">
      <c r="N589479" s="10"/>
    </row>
    <row r="589480" spans="14:14">
      <c r="N589480" s="10"/>
    </row>
    <row r="589481" spans="14:14">
      <c r="N589481" s="10"/>
    </row>
    <row r="589482" spans="14:14">
      <c r="N589482" s="10"/>
    </row>
    <row r="589483" spans="14:14">
      <c r="N589483" s="10"/>
    </row>
    <row r="589484" spans="14:14">
      <c r="N589484" s="10"/>
    </row>
    <row r="589485" spans="14:14">
      <c r="N589485" s="10"/>
    </row>
    <row r="589486" spans="14:14">
      <c r="N589486" s="10"/>
    </row>
    <row r="589487" spans="14:14">
      <c r="N589487" s="10"/>
    </row>
    <row r="589488" spans="14:14">
      <c r="N589488" s="10"/>
    </row>
    <row r="589489" spans="14:14">
      <c r="N589489" s="10"/>
    </row>
    <row r="589490" spans="14:14">
      <c r="N589490" s="10"/>
    </row>
    <row r="589491" spans="14:14">
      <c r="N589491" s="10"/>
    </row>
    <row r="589492" spans="14:14">
      <c r="N589492" s="10"/>
    </row>
    <row r="589493" spans="14:14">
      <c r="N589493" s="10"/>
    </row>
    <row r="589494" spans="14:14">
      <c r="N589494" s="10"/>
    </row>
    <row r="589495" spans="14:14">
      <c r="N589495" s="10"/>
    </row>
    <row r="589496" spans="14:14">
      <c r="N589496" s="10"/>
    </row>
    <row r="589497" spans="14:14">
      <c r="N589497" s="10"/>
    </row>
    <row r="589498" spans="14:14">
      <c r="N589498" s="10"/>
    </row>
    <row r="589499" spans="14:14">
      <c r="N589499" s="10"/>
    </row>
    <row r="589500" spans="14:14">
      <c r="N589500" s="10"/>
    </row>
    <row r="589501" spans="14:14">
      <c r="N589501" s="10"/>
    </row>
    <row r="589502" spans="14:14">
      <c r="N589502" s="10"/>
    </row>
    <row r="589503" spans="14:14">
      <c r="N589503" s="10"/>
    </row>
    <row r="589504" spans="14:14">
      <c r="N589504" s="10"/>
    </row>
    <row r="589505" spans="14:14">
      <c r="N589505" s="10"/>
    </row>
    <row r="589506" spans="14:14">
      <c r="N589506" s="10"/>
    </row>
    <row r="589507" spans="14:14">
      <c r="N589507" s="10"/>
    </row>
    <row r="589508" spans="14:14">
      <c r="N589508" s="10"/>
    </row>
    <row r="589509" spans="14:14">
      <c r="N589509" s="10"/>
    </row>
    <row r="589510" spans="14:14">
      <c r="N589510" s="10"/>
    </row>
    <row r="589511" spans="14:14">
      <c r="N589511" s="10"/>
    </row>
    <row r="589512" spans="14:14">
      <c r="N589512" s="10"/>
    </row>
    <row r="589513" spans="14:14">
      <c r="N589513" s="10"/>
    </row>
    <row r="589514" spans="14:14">
      <c r="N589514" s="10"/>
    </row>
    <row r="589515" spans="14:14">
      <c r="N589515" s="10"/>
    </row>
    <row r="589516" spans="14:14">
      <c r="N589516" s="10"/>
    </row>
    <row r="589517" spans="14:14">
      <c r="N589517" s="10"/>
    </row>
    <row r="589518" spans="14:14">
      <c r="N589518" s="10"/>
    </row>
    <row r="589519" spans="14:14">
      <c r="N589519" s="10"/>
    </row>
    <row r="589520" spans="14:14">
      <c r="N589520" s="10"/>
    </row>
    <row r="589521" spans="14:14">
      <c r="N589521" s="10"/>
    </row>
    <row r="589522" spans="14:14">
      <c r="N589522" s="10"/>
    </row>
    <row r="589523" spans="14:14">
      <c r="N589523" s="10"/>
    </row>
    <row r="589524" spans="14:14">
      <c r="N589524" s="10"/>
    </row>
    <row r="589525" spans="14:14">
      <c r="N589525" s="10"/>
    </row>
    <row r="589526" spans="14:14">
      <c r="N589526" s="10"/>
    </row>
    <row r="589527" spans="14:14">
      <c r="N589527" s="10"/>
    </row>
    <row r="589528" spans="14:14">
      <c r="N589528" s="10"/>
    </row>
    <row r="589529" spans="14:14">
      <c r="N589529" s="10"/>
    </row>
    <row r="589530" spans="14:14">
      <c r="N589530" s="10"/>
    </row>
    <row r="589531" spans="14:14">
      <c r="N589531" s="10"/>
    </row>
    <row r="589532" spans="14:14">
      <c r="N589532" s="10"/>
    </row>
    <row r="589533" spans="14:14">
      <c r="N589533" s="10"/>
    </row>
    <row r="589534" spans="14:14">
      <c r="N589534" s="10"/>
    </row>
    <row r="589535" spans="14:14">
      <c r="N589535" s="10"/>
    </row>
    <row r="589536" spans="14:14">
      <c r="N589536" s="10"/>
    </row>
    <row r="589537" spans="14:14">
      <c r="N589537" s="10"/>
    </row>
    <row r="589538" spans="14:14">
      <c r="N589538" s="10"/>
    </row>
    <row r="589539" spans="14:14">
      <c r="N589539" s="10"/>
    </row>
    <row r="589540" spans="14:14">
      <c r="N589540" s="10"/>
    </row>
    <row r="589541" spans="14:14">
      <c r="N589541" s="10"/>
    </row>
    <row r="589542" spans="14:14">
      <c r="N589542" s="10"/>
    </row>
    <row r="589543" spans="14:14">
      <c r="N589543" s="10"/>
    </row>
    <row r="589544" spans="14:14">
      <c r="N589544" s="10"/>
    </row>
    <row r="589545" spans="14:14">
      <c r="N589545" s="10"/>
    </row>
    <row r="589546" spans="14:14">
      <c r="N589546" s="10"/>
    </row>
    <row r="589547" spans="14:14">
      <c r="N589547" s="10"/>
    </row>
    <row r="589548" spans="14:14">
      <c r="N589548" s="10"/>
    </row>
    <row r="589549" spans="14:14">
      <c r="N589549" s="10"/>
    </row>
    <row r="589550" spans="14:14">
      <c r="N589550" s="10"/>
    </row>
    <row r="589551" spans="14:14">
      <c r="N589551" s="10"/>
    </row>
    <row r="589552" spans="14:14">
      <c r="N589552" s="10"/>
    </row>
    <row r="589553" spans="14:14">
      <c r="N589553" s="10"/>
    </row>
    <row r="589554" spans="14:14">
      <c r="N589554" s="10"/>
    </row>
    <row r="589555" spans="14:14">
      <c r="N589555" s="10"/>
    </row>
    <row r="589556" spans="14:14">
      <c r="N589556" s="10"/>
    </row>
    <row r="589557" spans="14:14">
      <c r="N589557" s="10"/>
    </row>
    <row r="589558" spans="14:14">
      <c r="N589558" s="10"/>
    </row>
    <row r="589559" spans="14:14">
      <c r="N589559" s="10"/>
    </row>
    <row r="589560" spans="14:14">
      <c r="N589560" s="10"/>
    </row>
    <row r="589561" spans="14:14">
      <c r="N589561" s="10"/>
    </row>
    <row r="589562" spans="14:14">
      <c r="N589562" s="10"/>
    </row>
    <row r="589563" spans="14:14">
      <c r="N589563" s="10"/>
    </row>
    <row r="589564" spans="14:14">
      <c r="N589564" s="10"/>
    </row>
    <row r="589565" spans="14:14">
      <c r="N589565" s="10"/>
    </row>
    <row r="589566" spans="14:14">
      <c r="N589566" s="10"/>
    </row>
    <row r="589567" spans="14:14">
      <c r="N589567" s="10"/>
    </row>
    <row r="589568" spans="14:14">
      <c r="N589568" s="10"/>
    </row>
    <row r="589569" spans="14:14">
      <c r="N589569" s="10"/>
    </row>
    <row r="589570" spans="14:14">
      <c r="N589570" s="10"/>
    </row>
    <row r="589571" spans="14:14">
      <c r="N589571" s="10"/>
    </row>
    <row r="589572" spans="14:14">
      <c r="N589572" s="10"/>
    </row>
    <row r="589573" spans="14:14">
      <c r="N589573" s="10"/>
    </row>
    <row r="589574" spans="14:14">
      <c r="N589574" s="10"/>
    </row>
    <row r="589575" spans="14:14">
      <c r="N589575" s="10"/>
    </row>
    <row r="589576" spans="14:14">
      <c r="N589576" s="10"/>
    </row>
    <row r="589577" spans="14:14">
      <c r="N589577" s="10"/>
    </row>
    <row r="589578" spans="14:14">
      <c r="N589578" s="10"/>
    </row>
    <row r="589579" spans="14:14">
      <c r="N589579" s="10"/>
    </row>
    <row r="589580" spans="14:14">
      <c r="N589580" s="10"/>
    </row>
    <row r="589581" spans="14:14">
      <c r="N589581" s="10"/>
    </row>
    <row r="589582" spans="14:14">
      <c r="N589582" s="10"/>
    </row>
    <row r="589583" spans="14:14">
      <c r="N589583" s="10"/>
    </row>
    <row r="589584" spans="14:14">
      <c r="N589584" s="10"/>
    </row>
    <row r="589585" spans="14:14">
      <c r="N589585" s="10"/>
    </row>
    <row r="589586" spans="14:14">
      <c r="N589586" s="10"/>
    </row>
    <row r="589587" spans="14:14">
      <c r="N589587" s="10"/>
    </row>
    <row r="589588" spans="14:14">
      <c r="N589588" s="10"/>
    </row>
    <row r="589589" spans="14:14">
      <c r="N589589" s="10"/>
    </row>
    <row r="589590" spans="14:14">
      <c r="N589590" s="10"/>
    </row>
    <row r="589591" spans="14:14">
      <c r="N589591" s="10"/>
    </row>
    <row r="589592" spans="14:14">
      <c r="N589592" s="10"/>
    </row>
    <row r="589593" spans="14:14">
      <c r="N589593" s="10"/>
    </row>
    <row r="589594" spans="14:14">
      <c r="N589594" s="10"/>
    </row>
    <row r="589595" spans="14:14">
      <c r="N589595" s="10"/>
    </row>
    <row r="589596" spans="14:14">
      <c r="N589596" s="10"/>
    </row>
    <row r="589597" spans="14:14">
      <c r="N589597" s="10"/>
    </row>
    <row r="589598" spans="14:14">
      <c r="N589598" s="10"/>
    </row>
    <row r="589599" spans="14:14">
      <c r="N589599" s="10"/>
    </row>
    <row r="589600" spans="14:14">
      <c r="N589600" s="10"/>
    </row>
    <row r="589601" spans="14:14">
      <c r="N589601" s="10"/>
    </row>
    <row r="589602" spans="14:14">
      <c r="N589602" s="10"/>
    </row>
    <row r="589603" spans="14:14">
      <c r="N589603" s="10"/>
    </row>
    <row r="589604" spans="14:14">
      <c r="N589604" s="10"/>
    </row>
    <row r="589605" spans="14:14">
      <c r="N589605" s="10"/>
    </row>
    <row r="589606" spans="14:14">
      <c r="N589606" s="10"/>
    </row>
    <row r="589607" spans="14:14">
      <c r="N589607" s="10"/>
    </row>
    <row r="589608" spans="14:14">
      <c r="N589608" s="10"/>
    </row>
    <row r="589609" spans="14:14">
      <c r="N589609" s="10"/>
    </row>
    <row r="589610" spans="14:14">
      <c r="N589610" s="10"/>
    </row>
    <row r="589611" spans="14:14">
      <c r="N589611" s="10"/>
    </row>
    <row r="589612" spans="14:14">
      <c r="N589612" s="10"/>
    </row>
    <row r="589613" spans="14:14">
      <c r="N589613" s="10"/>
    </row>
    <row r="589614" spans="14:14">
      <c r="N589614" s="10"/>
    </row>
    <row r="589615" spans="14:14">
      <c r="N589615" s="10"/>
    </row>
    <row r="589616" spans="14:14">
      <c r="N589616" s="10"/>
    </row>
    <row r="589617" spans="14:14">
      <c r="N589617" s="10"/>
    </row>
    <row r="589618" spans="14:14">
      <c r="N589618" s="10"/>
    </row>
    <row r="589619" spans="14:14">
      <c r="N589619" s="10"/>
    </row>
    <row r="589620" spans="14:14">
      <c r="N589620" s="10"/>
    </row>
    <row r="589621" spans="14:14">
      <c r="N589621" s="10"/>
    </row>
    <row r="589622" spans="14:14">
      <c r="N589622" s="10"/>
    </row>
    <row r="589623" spans="14:14">
      <c r="N589623" s="10"/>
    </row>
    <row r="589624" spans="14:14">
      <c r="N589624" s="10"/>
    </row>
    <row r="589625" spans="14:14">
      <c r="N589625" s="10"/>
    </row>
    <row r="589626" spans="14:14">
      <c r="N589626" s="10"/>
    </row>
    <row r="589627" spans="14:14">
      <c r="N589627" s="10"/>
    </row>
    <row r="589628" spans="14:14">
      <c r="N589628" s="10"/>
    </row>
    <row r="589629" spans="14:14">
      <c r="N589629" s="10"/>
    </row>
    <row r="589630" spans="14:14">
      <c r="N589630" s="10"/>
    </row>
    <row r="589631" spans="14:14">
      <c r="N589631" s="10"/>
    </row>
    <row r="589632" spans="14:14">
      <c r="N589632" s="10"/>
    </row>
    <row r="589633" spans="14:14">
      <c r="N589633" s="10"/>
    </row>
    <row r="589634" spans="14:14">
      <c r="N589634" s="10"/>
    </row>
    <row r="589635" spans="14:14">
      <c r="N589635" s="10"/>
    </row>
    <row r="589636" spans="14:14">
      <c r="N589636" s="10"/>
    </row>
    <row r="589637" spans="14:14">
      <c r="N589637" s="10"/>
    </row>
    <row r="589638" spans="14:14">
      <c r="N589638" s="10"/>
    </row>
    <row r="589639" spans="14:14">
      <c r="N589639" s="10"/>
    </row>
    <row r="589640" spans="14:14">
      <c r="N589640" s="10"/>
    </row>
    <row r="589641" spans="14:14">
      <c r="N589641" s="10"/>
    </row>
    <row r="589642" spans="14:14">
      <c r="N589642" s="10"/>
    </row>
    <row r="589643" spans="14:14">
      <c r="N589643" s="10"/>
    </row>
    <row r="589644" spans="14:14">
      <c r="N589644" s="10"/>
    </row>
    <row r="589645" spans="14:14">
      <c r="N589645" s="10"/>
    </row>
    <row r="589646" spans="14:14">
      <c r="N589646" s="10"/>
    </row>
    <row r="589647" spans="14:14">
      <c r="N589647" s="10"/>
    </row>
    <row r="589648" spans="14:14">
      <c r="N589648" s="10"/>
    </row>
    <row r="589649" spans="14:14">
      <c r="N589649" s="10"/>
    </row>
    <row r="589650" spans="14:14">
      <c r="N589650" s="10"/>
    </row>
    <row r="589651" spans="14:14">
      <c r="N589651" s="10"/>
    </row>
    <row r="589652" spans="14:14">
      <c r="N589652" s="10"/>
    </row>
    <row r="589653" spans="14:14">
      <c r="N589653" s="10"/>
    </row>
    <row r="589654" spans="14:14">
      <c r="N589654" s="10"/>
    </row>
    <row r="589655" spans="14:14">
      <c r="N589655" s="10"/>
    </row>
    <row r="589656" spans="14:14">
      <c r="N589656" s="10"/>
    </row>
    <row r="589657" spans="14:14">
      <c r="N589657" s="10"/>
    </row>
    <row r="589658" spans="14:14">
      <c r="N589658" s="10"/>
    </row>
    <row r="589659" spans="14:14">
      <c r="N589659" s="10"/>
    </row>
    <row r="589660" spans="14:14">
      <c r="N589660" s="10"/>
    </row>
    <row r="589661" spans="14:14">
      <c r="N589661" s="10"/>
    </row>
    <row r="589662" spans="14:14">
      <c r="N589662" s="10"/>
    </row>
    <row r="589663" spans="14:14">
      <c r="N589663" s="10"/>
    </row>
    <row r="589664" spans="14:14">
      <c r="N589664" s="10"/>
    </row>
    <row r="589665" spans="14:14">
      <c r="N589665" s="10"/>
    </row>
    <row r="589666" spans="14:14">
      <c r="N589666" s="10"/>
    </row>
    <row r="589667" spans="14:14">
      <c r="N589667" s="10"/>
    </row>
    <row r="589668" spans="14:14">
      <c r="N589668" s="10"/>
    </row>
    <row r="589669" spans="14:14">
      <c r="N589669" s="10"/>
    </row>
    <row r="589670" spans="14:14">
      <c r="N589670" s="10"/>
    </row>
    <row r="589671" spans="14:14">
      <c r="N589671" s="10"/>
    </row>
    <row r="589672" spans="14:14">
      <c r="N589672" s="10"/>
    </row>
    <row r="589673" spans="14:14">
      <c r="N589673" s="10"/>
    </row>
    <row r="589674" spans="14:14">
      <c r="N589674" s="10"/>
    </row>
    <row r="589675" spans="14:14">
      <c r="N589675" s="10"/>
    </row>
    <row r="589676" spans="14:14">
      <c r="N589676" s="10"/>
    </row>
    <row r="589677" spans="14:14">
      <c r="N589677" s="10"/>
    </row>
    <row r="589678" spans="14:14">
      <c r="N589678" s="10"/>
    </row>
    <row r="589679" spans="14:14">
      <c r="N589679" s="10"/>
    </row>
    <row r="589680" spans="14:14">
      <c r="N589680" s="10"/>
    </row>
    <row r="589681" spans="14:14">
      <c r="N589681" s="10"/>
    </row>
    <row r="589682" spans="14:14">
      <c r="N589682" s="10"/>
    </row>
    <row r="589683" spans="14:14">
      <c r="N589683" s="10"/>
    </row>
    <row r="589684" spans="14:14">
      <c r="N589684" s="10"/>
    </row>
    <row r="589685" spans="14:14">
      <c r="N589685" s="10"/>
    </row>
    <row r="589686" spans="14:14">
      <c r="N589686" s="10"/>
    </row>
    <row r="589687" spans="14:14">
      <c r="N589687" s="10"/>
    </row>
    <row r="589688" spans="14:14">
      <c r="N589688" s="10"/>
    </row>
    <row r="589689" spans="14:14">
      <c r="N589689" s="10"/>
    </row>
    <row r="589690" spans="14:14">
      <c r="N589690" s="10"/>
    </row>
    <row r="589691" spans="14:14">
      <c r="N589691" s="10"/>
    </row>
    <row r="589692" spans="14:14">
      <c r="N589692" s="10"/>
    </row>
    <row r="589693" spans="14:14">
      <c r="N589693" s="10"/>
    </row>
    <row r="589694" spans="14:14">
      <c r="N589694" s="10"/>
    </row>
    <row r="589695" spans="14:14">
      <c r="N589695" s="10"/>
    </row>
    <row r="589696" spans="14:14">
      <c r="N589696" s="10"/>
    </row>
    <row r="589697" spans="14:14">
      <c r="N589697" s="10"/>
    </row>
    <row r="589698" spans="14:14">
      <c r="N589698" s="10"/>
    </row>
    <row r="589699" spans="14:14">
      <c r="N589699" s="10"/>
    </row>
    <row r="589700" spans="14:14">
      <c r="N589700" s="10"/>
    </row>
    <row r="589701" spans="14:14">
      <c r="N589701" s="10"/>
    </row>
    <row r="589702" spans="14:14">
      <c r="N589702" s="10"/>
    </row>
    <row r="589703" spans="14:14">
      <c r="N589703" s="10"/>
    </row>
    <row r="589704" spans="14:14">
      <c r="N589704" s="10"/>
    </row>
    <row r="589705" spans="14:14">
      <c r="N589705" s="10"/>
    </row>
    <row r="589706" spans="14:14">
      <c r="N589706" s="10"/>
    </row>
    <row r="589707" spans="14:14">
      <c r="N589707" s="10"/>
    </row>
    <row r="589708" spans="14:14">
      <c r="N589708" s="10"/>
    </row>
    <row r="589709" spans="14:14">
      <c r="N589709" s="10"/>
    </row>
    <row r="589710" spans="14:14">
      <c r="N589710" s="10"/>
    </row>
    <row r="589711" spans="14:14">
      <c r="N589711" s="10"/>
    </row>
    <row r="589712" spans="14:14">
      <c r="N589712" s="10"/>
    </row>
    <row r="589713" spans="14:14">
      <c r="N589713" s="10"/>
    </row>
    <row r="589714" spans="14:14">
      <c r="N589714" s="10"/>
    </row>
    <row r="589715" spans="14:14">
      <c r="N589715" s="10"/>
    </row>
    <row r="589716" spans="14:14">
      <c r="N589716" s="10"/>
    </row>
    <row r="589717" spans="14:14">
      <c r="N589717" s="10"/>
    </row>
    <row r="589718" spans="14:14">
      <c r="N589718" s="10"/>
    </row>
    <row r="589719" spans="14:14">
      <c r="N589719" s="10"/>
    </row>
    <row r="589720" spans="14:14">
      <c r="N589720" s="10"/>
    </row>
    <row r="589721" spans="14:14">
      <c r="N589721" s="10"/>
    </row>
    <row r="589722" spans="14:14">
      <c r="N589722" s="10"/>
    </row>
    <row r="589723" spans="14:14">
      <c r="N589723" s="10"/>
    </row>
    <row r="589724" spans="14:14">
      <c r="N589724" s="10"/>
    </row>
    <row r="589725" spans="14:14">
      <c r="N589725" s="10"/>
    </row>
    <row r="589726" spans="14:14">
      <c r="N589726" s="10"/>
    </row>
    <row r="589727" spans="14:14">
      <c r="N589727" s="10"/>
    </row>
    <row r="589728" spans="14:14">
      <c r="N589728" s="10"/>
    </row>
    <row r="589729" spans="14:14">
      <c r="N589729" s="10"/>
    </row>
    <row r="589730" spans="14:14">
      <c r="N589730" s="10"/>
    </row>
    <row r="589731" spans="14:14">
      <c r="N589731" s="10"/>
    </row>
    <row r="589732" spans="14:14">
      <c r="N589732" s="10"/>
    </row>
    <row r="589733" spans="14:14">
      <c r="N589733" s="10"/>
    </row>
    <row r="589734" spans="14:14">
      <c r="N589734" s="10"/>
    </row>
    <row r="589735" spans="14:14">
      <c r="N589735" s="10"/>
    </row>
    <row r="589736" spans="14:14">
      <c r="N589736" s="10"/>
    </row>
    <row r="589737" spans="14:14">
      <c r="N589737" s="10"/>
    </row>
    <row r="589738" spans="14:14">
      <c r="N589738" s="10"/>
    </row>
    <row r="589739" spans="14:14">
      <c r="N589739" s="10"/>
    </row>
    <row r="589740" spans="14:14">
      <c r="N589740" s="10"/>
    </row>
    <row r="589741" spans="14:14">
      <c r="N589741" s="10"/>
    </row>
    <row r="589742" spans="14:14">
      <c r="N589742" s="10"/>
    </row>
    <row r="589743" spans="14:14">
      <c r="N589743" s="10"/>
    </row>
    <row r="589744" spans="14:14">
      <c r="N589744" s="10"/>
    </row>
    <row r="589745" spans="14:14">
      <c r="N589745" s="10"/>
    </row>
    <row r="589746" spans="14:14">
      <c r="N589746" s="10"/>
    </row>
    <row r="589747" spans="14:14">
      <c r="N589747" s="10"/>
    </row>
    <row r="589748" spans="14:14">
      <c r="N589748" s="10"/>
    </row>
    <row r="589749" spans="14:14">
      <c r="N589749" s="10"/>
    </row>
    <row r="589750" spans="14:14">
      <c r="N589750" s="10"/>
    </row>
    <row r="589751" spans="14:14">
      <c r="N589751" s="10"/>
    </row>
    <row r="589752" spans="14:14">
      <c r="N589752" s="10"/>
    </row>
    <row r="589753" spans="14:14">
      <c r="N589753" s="10"/>
    </row>
    <row r="589754" spans="14:14">
      <c r="N589754" s="10"/>
    </row>
    <row r="589755" spans="14:14">
      <c r="N589755" s="10"/>
    </row>
    <row r="589756" spans="14:14">
      <c r="N589756" s="10"/>
    </row>
    <row r="589757" spans="14:14">
      <c r="N589757" s="10"/>
    </row>
    <row r="589758" spans="14:14">
      <c r="N589758" s="10"/>
    </row>
    <row r="589759" spans="14:14">
      <c r="N589759" s="10"/>
    </row>
    <row r="589760" spans="14:14">
      <c r="N589760" s="10"/>
    </row>
    <row r="589761" spans="14:14">
      <c r="N589761" s="10"/>
    </row>
    <row r="589762" spans="14:14">
      <c r="N589762" s="10"/>
    </row>
    <row r="589763" spans="14:14">
      <c r="N589763" s="10"/>
    </row>
    <row r="589764" spans="14:14">
      <c r="N589764" s="10"/>
    </row>
    <row r="589765" spans="14:14">
      <c r="N589765" s="10"/>
    </row>
    <row r="589766" spans="14:14">
      <c r="N589766" s="10"/>
    </row>
    <row r="589767" spans="14:14">
      <c r="N589767" s="10"/>
    </row>
    <row r="589768" spans="14:14">
      <c r="N589768" s="10"/>
    </row>
    <row r="589769" spans="14:14">
      <c r="N589769" s="10"/>
    </row>
    <row r="589770" spans="14:14">
      <c r="N589770" s="10"/>
    </row>
    <row r="589771" spans="14:14">
      <c r="N589771" s="10"/>
    </row>
    <row r="589772" spans="14:14">
      <c r="N589772" s="10"/>
    </row>
    <row r="589773" spans="14:14">
      <c r="N589773" s="10"/>
    </row>
    <row r="589774" spans="14:14">
      <c r="N589774" s="10"/>
    </row>
    <row r="589775" spans="14:14">
      <c r="N589775" s="10"/>
    </row>
    <row r="589776" spans="14:14">
      <c r="N589776" s="10"/>
    </row>
    <row r="589777" spans="14:14">
      <c r="N589777" s="10"/>
    </row>
    <row r="589778" spans="14:14">
      <c r="N589778" s="10"/>
    </row>
    <row r="589779" spans="14:14">
      <c r="N589779" s="10"/>
    </row>
    <row r="589780" spans="14:14">
      <c r="N589780" s="10"/>
    </row>
    <row r="589781" spans="14:14">
      <c r="N589781" s="10"/>
    </row>
    <row r="589782" spans="14:14">
      <c r="N589782" s="10"/>
    </row>
    <row r="589783" spans="14:14">
      <c r="N589783" s="10"/>
    </row>
    <row r="589784" spans="14:14">
      <c r="N589784" s="10"/>
    </row>
    <row r="589785" spans="14:14">
      <c r="N589785" s="10"/>
    </row>
    <row r="589786" spans="14:14">
      <c r="N589786" s="10"/>
    </row>
    <row r="589787" spans="14:14">
      <c r="N589787" s="10"/>
    </row>
    <row r="589788" spans="14:14">
      <c r="N589788" s="10"/>
    </row>
    <row r="589789" spans="14:14">
      <c r="N589789" s="10"/>
    </row>
    <row r="589790" spans="14:14">
      <c r="N589790" s="10"/>
    </row>
    <row r="589791" spans="14:14">
      <c r="N589791" s="10"/>
    </row>
    <row r="589792" spans="14:14">
      <c r="N589792" s="10"/>
    </row>
    <row r="589793" spans="14:14">
      <c r="N589793" s="10"/>
    </row>
    <row r="589794" spans="14:14">
      <c r="N589794" s="10"/>
    </row>
    <row r="589795" spans="14:14">
      <c r="N589795" s="10"/>
    </row>
    <row r="589796" spans="14:14">
      <c r="N589796" s="10"/>
    </row>
    <row r="589797" spans="14:14">
      <c r="N589797" s="10"/>
    </row>
    <row r="589798" spans="14:14">
      <c r="N589798" s="10"/>
    </row>
    <row r="589799" spans="14:14">
      <c r="N589799" s="10"/>
    </row>
    <row r="589800" spans="14:14">
      <c r="N589800" s="10"/>
    </row>
    <row r="589801" spans="14:14">
      <c r="N589801" s="10"/>
    </row>
    <row r="589802" spans="14:14">
      <c r="N589802" s="10"/>
    </row>
    <row r="589803" spans="14:14">
      <c r="N589803" s="10"/>
    </row>
    <row r="589804" spans="14:14">
      <c r="N589804" s="10"/>
    </row>
    <row r="589805" spans="14:14">
      <c r="N589805" s="10"/>
    </row>
    <row r="589806" spans="14:14">
      <c r="N589806" s="10"/>
    </row>
    <row r="589807" spans="14:14">
      <c r="N589807" s="10"/>
    </row>
    <row r="589808" spans="14:14">
      <c r="N589808" s="10"/>
    </row>
    <row r="589809" spans="14:14">
      <c r="N589809" s="10"/>
    </row>
    <row r="589810" spans="14:14">
      <c r="N589810" s="10"/>
    </row>
    <row r="589811" spans="14:14">
      <c r="N589811" s="10"/>
    </row>
    <row r="589812" spans="14:14">
      <c r="N589812" s="10"/>
    </row>
    <row r="589813" spans="14:14">
      <c r="N589813" s="10"/>
    </row>
    <row r="589814" spans="14:14">
      <c r="N589814" s="10"/>
    </row>
    <row r="589815" spans="14:14">
      <c r="N589815" s="10"/>
    </row>
    <row r="589816" spans="14:14">
      <c r="N589816" s="10"/>
    </row>
    <row r="589817" spans="14:14">
      <c r="N589817" s="10"/>
    </row>
    <row r="589818" spans="14:14">
      <c r="N589818" s="10"/>
    </row>
    <row r="589819" spans="14:14">
      <c r="N589819" s="10"/>
    </row>
    <row r="589820" spans="14:14">
      <c r="N589820" s="10"/>
    </row>
    <row r="589821" spans="14:14">
      <c r="N589821" s="10"/>
    </row>
    <row r="589822" spans="14:14">
      <c r="N589822" s="10"/>
    </row>
    <row r="589823" spans="14:14">
      <c r="N589823" s="10"/>
    </row>
    <row r="589824" spans="14:14">
      <c r="N589824" s="10"/>
    </row>
    <row r="589825" spans="14:14">
      <c r="N589825" s="10"/>
    </row>
    <row r="589826" spans="14:14">
      <c r="N589826" s="10"/>
    </row>
    <row r="589827" spans="14:14">
      <c r="N589827" s="10"/>
    </row>
    <row r="589828" spans="14:14">
      <c r="N589828" s="10"/>
    </row>
    <row r="589829" spans="14:14">
      <c r="N589829" s="10"/>
    </row>
    <row r="589830" spans="14:14">
      <c r="N589830" s="10"/>
    </row>
    <row r="589831" spans="14:14">
      <c r="N589831" s="10"/>
    </row>
    <row r="589832" spans="14:14">
      <c r="N589832" s="10"/>
    </row>
    <row r="589833" spans="14:14">
      <c r="N589833" s="10"/>
    </row>
    <row r="589834" spans="14:14">
      <c r="N589834" s="10"/>
    </row>
    <row r="589835" spans="14:14">
      <c r="N589835" s="10"/>
    </row>
    <row r="589836" spans="14:14">
      <c r="N589836" s="10"/>
    </row>
    <row r="589837" spans="14:14">
      <c r="N589837" s="10"/>
    </row>
    <row r="589838" spans="14:14">
      <c r="N589838" s="10"/>
    </row>
    <row r="589839" spans="14:14">
      <c r="N589839" s="10"/>
    </row>
    <row r="589840" spans="14:14">
      <c r="N589840" s="10"/>
    </row>
    <row r="589841" spans="14:14">
      <c r="N589841" s="10"/>
    </row>
    <row r="589842" spans="14:14">
      <c r="N589842" s="10"/>
    </row>
    <row r="589843" spans="14:14">
      <c r="N589843" s="10"/>
    </row>
    <row r="589844" spans="14:14">
      <c r="N589844" s="10"/>
    </row>
    <row r="589845" spans="14:14">
      <c r="N589845" s="10"/>
    </row>
    <row r="589846" spans="14:14">
      <c r="N589846" s="10"/>
    </row>
    <row r="589847" spans="14:14">
      <c r="N589847" s="10"/>
    </row>
    <row r="589848" spans="14:14">
      <c r="N589848" s="10"/>
    </row>
    <row r="589849" spans="14:14">
      <c r="N589849" s="10"/>
    </row>
    <row r="589850" spans="14:14">
      <c r="N589850" s="10"/>
    </row>
    <row r="589851" spans="14:14">
      <c r="N589851" s="10"/>
    </row>
    <row r="589852" spans="14:14">
      <c r="N589852" s="10"/>
    </row>
    <row r="589853" spans="14:14">
      <c r="N589853" s="10"/>
    </row>
    <row r="589854" spans="14:14">
      <c r="N589854" s="10"/>
    </row>
    <row r="589855" spans="14:14">
      <c r="N589855" s="10"/>
    </row>
    <row r="589856" spans="14:14">
      <c r="N589856" s="10"/>
    </row>
    <row r="589857" spans="14:14">
      <c r="N589857" s="10"/>
    </row>
    <row r="589858" spans="14:14">
      <c r="N589858" s="10"/>
    </row>
    <row r="589859" spans="14:14">
      <c r="N589859" s="10"/>
    </row>
    <row r="589860" spans="14:14">
      <c r="N589860" s="10"/>
    </row>
    <row r="589861" spans="14:14">
      <c r="N589861" s="10"/>
    </row>
    <row r="589862" spans="14:14">
      <c r="N589862" s="10"/>
    </row>
    <row r="589863" spans="14:14">
      <c r="N589863" s="10"/>
    </row>
    <row r="589864" spans="14:14">
      <c r="N589864" s="10"/>
    </row>
    <row r="589865" spans="14:14">
      <c r="N589865" s="10"/>
    </row>
    <row r="589866" spans="14:14">
      <c r="N589866" s="10"/>
    </row>
    <row r="589867" spans="14:14">
      <c r="N589867" s="10"/>
    </row>
    <row r="589868" spans="14:14">
      <c r="N589868" s="10"/>
    </row>
    <row r="589869" spans="14:14">
      <c r="N589869" s="10"/>
    </row>
    <row r="589870" spans="14:14">
      <c r="N589870" s="10"/>
    </row>
    <row r="589871" spans="14:14">
      <c r="N589871" s="10"/>
    </row>
    <row r="589872" spans="14:14">
      <c r="N589872" s="10"/>
    </row>
    <row r="589873" spans="14:14">
      <c r="N589873" s="10"/>
    </row>
    <row r="589874" spans="14:14">
      <c r="N589874" s="10"/>
    </row>
    <row r="589875" spans="14:14">
      <c r="N589875" s="10"/>
    </row>
    <row r="589876" spans="14:14">
      <c r="N589876" s="10"/>
    </row>
    <row r="589877" spans="14:14">
      <c r="N589877" s="10"/>
    </row>
    <row r="589878" spans="14:14">
      <c r="N589878" s="10"/>
    </row>
    <row r="589879" spans="14:14">
      <c r="N589879" s="10"/>
    </row>
    <row r="589880" spans="14:14">
      <c r="N589880" s="10"/>
    </row>
    <row r="589881" spans="14:14">
      <c r="N589881" s="10"/>
    </row>
    <row r="589882" spans="14:14">
      <c r="N589882" s="10"/>
    </row>
    <row r="589883" spans="14:14">
      <c r="N589883" s="10"/>
    </row>
    <row r="589884" spans="14:14">
      <c r="N589884" s="10"/>
    </row>
    <row r="589885" spans="14:14">
      <c r="N589885" s="10"/>
    </row>
    <row r="589886" spans="14:14">
      <c r="N589886" s="10"/>
    </row>
    <row r="589887" spans="14:14">
      <c r="N589887" s="10"/>
    </row>
    <row r="589888" spans="14:14">
      <c r="N589888" s="10"/>
    </row>
    <row r="589889" spans="14:14">
      <c r="N589889" s="10"/>
    </row>
    <row r="589890" spans="14:14">
      <c r="N589890" s="10"/>
    </row>
    <row r="589891" spans="14:14">
      <c r="N589891" s="10"/>
    </row>
    <row r="589892" spans="14:14">
      <c r="N589892" s="10"/>
    </row>
    <row r="589893" spans="14:14">
      <c r="N589893" s="10"/>
    </row>
    <row r="589894" spans="14:14">
      <c r="N589894" s="10"/>
    </row>
    <row r="589895" spans="14:14">
      <c r="N589895" s="10"/>
    </row>
    <row r="589896" spans="14:14">
      <c r="N589896" s="10"/>
    </row>
    <row r="589897" spans="14:14">
      <c r="N589897" s="10"/>
    </row>
    <row r="589898" spans="14:14">
      <c r="N589898" s="10"/>
    </row>
    <row r="589899" spans="14:14">
      <c r="N589899" s="10"/>
    </row>
    <row r="589900" spans="14:14">
      <c r="N589900" s="10"/>
    </row>
    <row r="589901" spans="14:14">
      <c r="N589901" s="10"/>
    </row>
    <row r="589902" spans="14:14">
      <c r="N589902" s="10"/>
    </row>
    <row r="589903" spans="14:14">
      <c r="N589903" s="10"/>
    </row>
    <row r="589904" spans="14:14">
      <c r="N589904" s="10"/>
    </row>
    <row r="589905" spans="14:14">
      <c r="N589905" s="10"/>
    </row>
    <row r="589906" spans="14:14">
      <c r="N589906" s="10"/>
    </row>
    <row r="589907" spans="14:14">
      <c r="N589907" s="10"/>
    </row>
    <row r="589908" spans="14:14">
      <c r="N589908" s="10"/>
    </row>
    <row r="589909" spans="14:14">
      <c r="N589909" s="10"/>
    </row>
    <row r="589910" spans="14:14">
      <c r="N589910" s="10"/>
    </row>
    <row r="589911" spans="14:14">
      <c r="N589911" s="10"/>
    </row>
    <row r="589912" spans="14:14">
      <c r="N589912" s="10"/>
    </row>
    <row r="589913" spans="14:14">
      <c r="N589913" s="10"/>
    </row>
    <row r="589914" spans="14:14">
      <c r="N589914" s="10"/>
    </row>
    <row r="589915" spans="14:14">
      <c r="N589915" s="10"/>
    </row>
    <row r="589916" spans="14:14">
      <c r="N589916" s="10"/>
    </row>
    <row r="589917" spans="14:14">
      <c r="N589917" s="10"/>
    </row>
    <row r="589918" spans="14:14">
      <c r="N589918" s="10"/>
    </row>
    <row r="589919" spans="14:14">
      <c r="N589919" s="10"/>
    </row>
    <row r="589920" spans="14:14">
      <c r="N589920" s="10"/>
    </row>
    <row r="589921" spans="14:14">
      <c r="N589921" s="10"/>
    </row>
    <row r="589922" spans="14:14">
      <c r="N589922" s="10"/>
    </row>
    <row r="589923" spans="14:14">
      <c r="N589923" s="10"/>
    </row>
    <row r="589924" spans="14:14">
      <c r="N589924" s="10"/>
    </row>
    <row r="589925" spans="14:14">
      <c r="N589925" s="10"/>
    </row>
    <row r="589926" spans="14:14">
      <c r="N589926" s="10"/>
    </row>
    <row r="589927" spans="14:14">
      <c r="N589927" s="10"/>
    </row>
    <row r="589928" spans="14:14">
      <c r="N589928" s="10"/>
    </row>
    <row r="589929" spans="14:14">
      <c r="N589929" s="10"/>
    </row>
    <row r="589930" spans="14:14">
      <c r="N589930" s="10"/>
    </row>
    <row r="589931" spans="14:14">
      <c r="N589931" s="10"/>
    </row>
    <row r="589932" spans="14:14">
      <c r="N589932" s="10"/>
    </row>
    <row r="589933" spans="14:14">
      <c r="N589933" s="10"/>
    </row>
    <row r="589934" spans="14:14">
      <c r="N589934" s="10"/>
    </row>
    <row r="589935" spans="14:14">
      <c r="N589935" s="10"/>
    </row>
    <row r="589936" spans="14:14">
      <c r="N589936" s="10"/>
    </row>
    <row r="589937" spans="14:14">
      <c r="N589937" s="10"/>
    </row>
    <row r="589938" spans="14:14">
      <c r="N589938" s="10"/>
    </row>
    <row r="589939" spans="14:14">
      <c r="N589939" s="10"/>
    </row>
    <row r="589940" spans="14:14">
      <c r="N589940" s="10"/>
    </row>
    <row r="589941" spans="14:14">
      <c r="N589941" s="10"/>
    </row>
    <row r="589942" spans="14:14">
      <c r="N589942" s="10"/>
    </row>
    <row r="589943" spans="14:14">
      <c r="N589943" s="10"/>
    </row>
    <row r="589944" spans="14:14">
      <c r="N589944" s="10"/>
    </row>
    <row r="589945" spans="14:14">
      <c r="N589945" s="10"/>
    </row>
    <row r="589946" spans="14:14">
      <c r="N589946" s="10"/>
    </row>
    <row r="589947" spans="14:14">
      <c r="N589947" s="10"/>
    </row>
    <row r="589948" spans="14:14">
      <c r="N589948" s="10"/>
    </row>
    <row r="589949" spans="14:14">
      <c r="N589949" s="10"/>
    </row>
    <row r="589950" spans="14:14">
      <c r="N589950" s="10"/>
    </row>
    <row r="589951" spans="14:14">
      <c r="N589951" s="10"/>
    </row>
    <row r="589952" spans="14:14">
      <c r="N589952" s="10"/>
    </row>
    <row r="589953" spans="14:14">
      <c r="N589953" s="10"/>
    </row>
    <row r="589954" spans="14:14">
      <c r="N589954" s="10"/>
    </row>
    <row r="589955" spans="14:14">
      <c r="N589955" s="10"/>
    </row>
    <row r="589956" spans="14:14">
      <c r="N589956" s="10"/>
    </row>
    <row r="589957" spans="14:14">
      <c r="N589957" s="10"/>
    </row>
    <row r="589958" spans="14:14">
      <c r="N589958" s="10"/>
    </row>
    <row r="589959" spans="14:14">
      <c r="N589959" s="10"/>
    </row>
    <row r="589960" spans="14:14">
      <c r="N589960" s="10"/>
    </row>
    <row r="589961" spans="14:14">
      <c r="N589961" s="10"/>
    </row>
    <row r="589962" spans="14:14">
      <c r="N589962" s="10"/>
    </row>
    <row r="589963" spans="14:14">
      <c r="N589963" s="10"/>
    </row>
    <row r="589964" spans="14:14">
      <c r="N589964" s="10"/>
    </row>
    <row r="589965" spans="14:14">
      <c r="N589965" s="10"/>
    </row>
    <row r="589966" spans="14:14">
      <c r="N589966" s="10"/>
    </row>
    <row r="589967" spans="14:14">
      <c r="N589967" s="10"/>
    </row>
    <row r="589968" spans="14:14">
      <c r="N589968" s="10"/>
    </row>
    <row r="589969" spans="14:14">
      <c r="N589969" s="10"/>
    </row>
    <row r="589970" spans="14:14">
      <c r="N589970" s="10"/>
    </row>
    <row r="589971" spans="14:14">
      <c r="N589971" s="10"/>
    </row>
    <row r="589972" spans="14:14">
      <c r="N589972" s="10"/>
    </row>
    <row r="589973" spans="14:14">
      <c r="N589973" s="10"/>
    </row>
    <row r="589974" spans="14:14">
      <c r="N589974" s="10"/>
    </row>
    <row r="589975" spans="14:14">
      <c r="N589975" s="10"/>
    </row>
    <row r="589976" spans="14:14">
      <c r="N589976" s="10"/>
    </row>
    <row r="589977" spans="14:14">
      <c r="N589977" s="10"/>
    </row>
    <row r="589978" spans="14:14">
      <c r="N589978" s="10"/>
    </row>
    <row r="589979" spans="14:14">
      <c r="N589979" s="10"/>
    </row>
    <row r="589980" spans="14:14">
      <c r="N589980" s="10"/>
    </row>
    <row r="589981" spans="14:14">
      <c r="N589981" s="10"/>
    </row>
    <row r="589982" spans="14:14">
      <c r="N589982" s="10"/>
    </row>
    <row r="589983" spans="14:14">
      <c r="N589983" s="10"/>
    </row>
    <row r="589984" spans="14:14">
      <c r="N589984" s="10"/>
    </row>
    <row r="589985" spans="14:14">
      <c r="N589985" s="10"/>
    </row>
    <row r="589986" spans="14:14">
      <c r="N589986" s="10"/>
    </row>
    <row r="589987" spans="14:14">
      <c r="N589987" s="10"/>
    </row>
    <row r="589988" spans="14:14">
      <c r="N589988" s="10"/>
    </row>
    <row r="589989" spans="14:14">
      <c r="N589989" s="10"/>
    </row>
    <row r="589990" spans="14:14">
      <c r="N589990" s="10"/>
    </row>
    <row r="589991" spans="14:14">
      <c r="N589991" s="10"/>
    </row>
    <row r="589992" spans="14:14">
      <c r="N589992" s="10"/>
    </row>
    <row r="589993" spans="14:14">
      <c r="N589993" s="10"/>
    </row>
    <row r="589994" spans="14:14">
      <c r="N589994" s="10"/>
    </row>
    <row r="589995" spans="14:14">
      <c r="N589995" s="10"/>
    </row>
    <row r="589996" spans="14:14">
      <c r="N589996" s="10"/>
    </row>
    <row r="589997" spans="14:14">
      <c r="N589997" s="10"/>
    </row>
    <row r="589998" spans="14:14">
      <c r="N589998" s="10"/>
    </row>
    <row r="589999" spans="14:14">
      <c r="N589999" s="10"/>
    </row>
    <row r="590000" spans="14:14">
      <c r="N590000" s="10"/>
    </row>
    <row r="590001" spans="14:14">
      <c r="N590001" s="10"/>
    </row>
    <row r="590002" spans="14:14">
      <c r="N590002" s="10"/>
    </row>
    <row r="590003" spans="14:14">
      <c r="N590003" s="10"/>
    </row>
    <row r="590004" spans="14:14">
      <c r="N590004" s="10"/>
    </row>
    <row r="590005" spans="14:14">
      <c r="N590005" s="10"/>
    </row>
    <row r="590006" spans="14:14">
      <c r="N590006" s="10"/>
    </row>
    <row r="590007" spans="14:14">
      <c r="N590007" s="10"/>
    </row>
    <row r="590008" spans="14:14">
      <c r="N590008" s="10"/>
    </row>
    <row r="590009" spans="14:14">
      <c r="N590009" s="10"/>
    </row>
    <row r="590010" spans="14:14">
      <c r="N590010" s="10"/>
    </row>
    <row r="590011" spans="14:14">
      <c r="N590011" s="10"/>
    </row>
    <row r="590012" spans="14:14">
      <c r="N590012" s="10"/>
    </row>
    <row r="590013" spans="14:14">
      <c r="N590013" s="10"/>
    </row>
    <row r="590014" spans="14:14">
      <c r="N590014" s="10"/>
    </row>
    <row r="590015" spans="14:14">
      <c r="N590015" s="10"/>
    </row>
    <row r="590016" spans="14:14">
      <c r="N590016" s="10"/>
    </row>
    <row r="590017" spans="14:14">
      <c r="N590017" s="10"/>
    </row>
    <row r="590018" spans="14:14">
      <c r="N590018" s="10"/>
    </row>
    <row r="590019" spans="14:14">
      <c r="N590019" s="10"/>
    </row>
    <row r="590020" spans="14:14">
      <c r="N590020" s="10"/>
    </row>
    <row r="590021" spans="14:14">
      <c r="N590021" s="10"/>
    </row>
    <row r="590022" spans="14:14">
      <c r="N590022" s="10"/>
    </row>
    <row r="590023" spans="14:14">
      <c r="N590023" s="10"/>
    </row>
    <row r="590024" spans="14:14">
      <c r="N590024" s="10"/>
    </row>
    <row r="590025" spans="14:14">
      <c r="N590025" s="10"/>
    </row>
    <row r="590026" spans="14:14">
      <c r="N590026" s="10"/>
    </row>
    <row r="590027" spans="14:14">
      <c r="N590027" s="10"/>
    </row>
    <row r="590028" spans="14:14">
      <c r="N590028" s="10"/>
    </row>
    <row r="590029" spans="14:14">
      <c r="N590029" s="10"/>
    </row>
    <row r="590030" spans="14:14">
      <c r="N590030" s="10"/>
    </row>
    <row r="590031" spans="14:14">
      <c r="N590031" s="10"/>
    </row>
    <row r="590032" spans="14:14">
      <c r="N590032" s="10"/>
    </row>
    <row r="590033" spans="14:14">
      <c r="N590033" s="10"/>
    </row>
    <row r="590034" spans="14:14">
      <c r="N590034" s="10"/>
    </row>
    <row r="590035" spans="14:14">
      <c r="N590035" s="10"/>
    </row>
    <row r="590036" spans="14:14">
      <c r="N590036" s="10"/>
    </row>
    <row r="590037" spans="14:14">
      <c r="N590037" s="10"/>
    </row>
    <row r="590038" spans="14:14">
      <c r="N590038" s="10"/>
    </row>
    <row r="590039" spans="14:14">
      <c r="N590039" s="10"/>
    </row>
    <row r="590040" spans="14:14">
      <c r="N590040" s="10"/>
    </row>
    <row r="590041" spans="14:14">
      <c r="N590041" s="10"/>
    </row>
    <row r="590042" spans="14:14">
      <c r="N590042" s="10"/>
    </row>
    <row r="590043" spans="14:14">
      <c r="N590043" s="10"/>
    </row>
    <row r="590044" spans="14:14">
      <c r="N590044" s="10"/>
    </row>
    <row r="590045" spans="14:14">
      <c r="N590045" s="10"/>
    </row>
    <row r="590046" spans="14:14">
      <c r="N590046" s="10"/>
    </row>
    <row r="590047" spans="14:14">
      <c r="N590047" s="10"/>
    </row>
    <row r="590048" spans="14:14">
      <c r="N590048" s="10"/>
    </row>
    <row r="590049" spans="14:14">
      <c r="N590049" s="10"/>
    </row>
    <row r="590050" spans="14:14">
      <c r="N590050" s="10"/>
    </row>
    <row r="590051" spans="14:14">
      <c r="N590051" s="10"/>
    </row>
    <row r="590052" spans="14:14">
      <c r="N590052" s="10"/>
    </row>
    <row r="590053" spans="14:14">
      <c r="N590053" s="10"/>
    </row>
    <row r="590054" spans="14:14">
      <c r="N590054" s="10"/>
    </row>
    <row r="590055" spans="14:14">
      <c r="N590055" s="10"/>
    </row>
    <row r="590056" spans="14:14">
      <c r="N590056" s="10"/>
    </row>
    <row r="590057" spans="14:14">
      <c r="N590057" s="10"/>
    </row>
    <row r="590058" spans="14:14">
      <c r="N590058" s="10"/>
    </row>
    <row r="590059" spans="14:14">
      <c r="N590059" s="10"/>
    </row>
    <row r="590060" spans="14:14">
      <c r="N590060" s="10"/>
    </row>
    <row r="590061" spans="14:14">
      <c r="N590061" s="10"/>
    </row>
    <row r="590062" spans="14:14">
      <c r="N590062" s="10"/>
    </row>
    <row r="590063" spans="14:14">
      <c r="N590063" s="10"/>
    </row>
    <row r="590064" spans="14:14">
      <c r="N590064" s="10"/>
    </row>
    <row r="590065" spans="14:14">
      <c r="N590065" s="10"/>
    </row>
    <row r="590066" spans="14:14">
      <c r="N590066" s="10"/>
    </row>
    <row r="590067" spans="14:14">
      <c r="N590067" s="10"/>
    </row>
    <row r="590068" spans="14:14">
      <c r="N590068" s="10"/>
    </row>
    <row r="590069" spans="14:14">
      <c r="N590069" s="10"/>
    </row>
    <row r="590070" spans="14:14">
      <c r="N590070" s="10"/>
    </row>
    <row r="590071" spans="14:14">
      <c r="N590071" s="10"/>
    </row>
    <row r="590072" spans="14:14">
      <c r="N590072" s="10"/>
    </row>
    <row r="590073" spans="14:14">
      <c r="N590073" s="10"/>
    </row>
    <row r="590074" spans="14:14">
      <c r="N590074" s="10"/>
    </row>
    <row r="590075" spans="14:14">
      <c r="N590075" s="10"/>
    </row>
    <row r="590076" spans="14:14">
      <c r="N590076" s="10"/>
    </row>
    <row r="590077" spans="14:14">
      <c r="N590077" s="10"/>
    </row>
    <row r="590078" spans="14:14">
      <c r="N590078" s="10"/>
    </row>
    <row r="590079" spans="14:14">
      <c r="N590079" s="10"/>
    </row>
    <row r="590080" spans="14:14">
      <c r="N590080" s="10"/>
    </row>
    <row r="590081" spans="14:14">
      <c r="N590081" s="10"/>
    </row>
    <row r="590082" spans="14:14">
      <c r="N590082" s="10"/>
    </row>
    <row r="590083" spans="14:14">
      <c r="N590083" s="10"/>
    </row>
    <row r="590084" spans="14:14">
      <c r="N590084" s="10"/>
    </row>
    <row r="590085" spans="14:14">
      <c r="N590085" s="10"/>
    </row>
    <row r="590086" spans="14:14">
      <c r="N590086" s="10"/>
    </row>
    <row r="590087" spans="14:14">
      <c r="N590087" s="10"/>
    </row>
    <row r="590088" spans="14:14">
      <c r="N590088" s="10"/>
    </row>
    <row r="590089" spans="14:14">
      <c r="N590089" s="10"/>
    </row>
    <row r="590090" spans="14:14">
      <c r="N590090" s="10"/>
    </row>
    <row r="590091" spans="14:14">
      <c r="N590091" s="10"/>
    </row>
    <row r="590092" spans="14:14">
      <c r="N590092" s="10"/>
    </row>
    <row r="590093" spans="14:14">
      <c r="N590093" s="10"/>
    </row>
    <row r="590094" spans="14:14">
      <c r="N590094" s="10"/>
    </row>
    <row r="590095" spans="14:14">
      <c r="N590095" s="10"/>
    </row>
    <row r="590096" spans="14:14">
      <c r="N590096" s="10"/>
    </row>
    <row r="590097" spans="14:14">
      <c r="N590097" s="10"/>
    </row>
    <row r="590098" spans="14:14">
      <c r="N590098" s="10"/>
    </row>
    <row r="590099" spans="14:14">
      <c r="N590099" s="10"/>
    </row>
    <row r="590100" spans="14:14">
      <c r="N590100" s="10"/>
    </row>
    <row r="590101" spans="14:14">
      <c r="N590101" s="10"/>
    </row>
    <row r="590102" spans="14:14">
      <c r="N590102" s="10"/>
    </row>
    <row r="590103" spans="14:14">
      <c r="N590103" s="10"/>
    </row>
    <row r="590104" spans="14:14">
      <c r="N590104" s="10"/>
    </row>
    <row r="590105" spans="14:14">
      <c r="N590105" s="10"/>
    </row>
    <row r="590106" spans="14:14">
      <c r="N590106" s="10"/>
    </row>
    <row r="590107" spans="14:14">
      <c r="N590107" s="10"/>
    </row>
    <row r="590108" spans="14:14">
      <c r="N590108" s="10"/>
    </row>
    <row r="590109" spans="14:14">
      <c r="N590109" s="10"/>
    </row>
    <row r="590110" spans="14:14">
      <c r="N590110" s="10"/>
    </row>
    <row r="590111" spans="14:14">
      <c r="N590111" s="10"/>
    </row>
    <row r="590112" spans="14:14">
      <c r="N590112" s="10"/>
    </row>
    <row r="590113" spans="14:14">
      <c r="N590113" s="10"/>
    </row>
    <row r="590114" spans="14:14">
      <c r="N590114" s="10"/>
    </row>
    <row r="590115" spans="14:14">
      <c r="N590115" s="10"/>
    </row>
    <row r="590116" spans="14:14">
      <c r="N590116" s="10"/>
    </row>
    <row r="590117" spans="14:14">
      <c r="N590117" s="10"/>
    </row>
    <row r="590118" spans="14:14">
      <c r="N590118" s="10"/>
    </row>
    <row r="590119" spans="14:14">
      <c r="N590119" s="10"/>
    </row>
    <row r="590120" spans="14:14">
      <c r="N590120" s="10"/>
    </row>
    <row r="590121" spans="14:14">
      <c r="N590121" s="10"/>
    </row>
    <row r="590122" spans="14:14">
      <c r="N590122" s="10"/>
    </row>
    <row r="590123" spans="14:14">
      <c r="N590123" s="10"/>
    </row>
    <row r="590124" spans="14:14">
      <c r="N590124" s="10"/>
    </row>
    <row r="590125" spans="14:14">
      <c r="N590125" s="10"/>
    </row>
    <row r="590126" spans="14:14">
      <c r="N590126" s="10"/>
    </row>
    <row r="590127" spans="14:14">
      <c r="N590127" s="10"/>
    </row>
    <row r="590128" spans="14:14">
      <c r="N590128" s="10"/>
    </row>
    <row r="590129" spans="14:14">
      <c r="N590129" s="10"/>
    </row>
    <row r="590130" spans="14:14">
      <c r="N590130" s="10"/>
    </row>
    <row r="590131" spans="14:14">
      <c r="N590131" s="10"/>
    </row>
    <row r="590132" spans="14:14">
      <c r="N590132" s="10"/>
    </row>
    <row r="590133" spans="14:14">
      <c r="N590133" s="10"/>
    </row>
    <row r="590134" spans="14:14">
      <c r="N590134" s="10"/>
    </row>
    <row r="590135" spans="14:14">
      <c r="N590135" s="10"/>
    </row>
    <row r="590136" spans="14:14">
      <c r="N590136" s="10"/>
    </row>
    <row r="590137" spans="14:14">
      <c r="N590137" s="10"/>
    </row>
    <row r="590138" spans="14:14">
      <c r="N590138" s="10"/>
    </row>
    <row r="590139" spans="14:14">
      <c r="N590139" s="10"/>
    </row>
    <row r="590140" spans="14:14">
      <c r="N590140" s="10"/>
    </row>
    <row r="590141" spans="14:14">
      <c r="N590141" s="10"/>
    </row>
    <row r="590142" spans="14:14">
      <c r="N590142" s="10"/>
    </row>
    <row r="590143" spans="14:14">
      <c r="N590143" s="10"/>
    </row>
    <row r="590144" spans="14:14">
      <c r="N590144" s="10"/>
    </row>
    <row r="590145" spans="14:14">
      <c r="N590145" s="10"/>
    </row>
    <row r="590146" spans="14:14">
      <c r="N590146" s="10"/>
    </row>
    <row r="590147" spans="14:14">
      <c r="N590147" s="10"/>
    </row>
    <row r="590148" spans="14:14">
      <c r="N590148" s="10"/>
    </row>
    <row r="590149" spans="14:14">
      <c r="N590149" s="10"/>
    </row>
    <row r="590150" spans="14:14">
      <c r="N590150" s="10"/>
    </row>
    <row r="590151" spans="14:14">
      <c r="N590151" s="10"/>
    </row>
    <row r="590152" spans="14:14">
      <c r="N590152" s="10"/>
    </row>
    <row r="590153" spans="14:14">
      <c r="N590153" s="10"/>
    </row>
    <row r="590154" spans="14:14">
      <c r="N590154" s="10"/>
    </row>
    <row r="590155" spans="14:14">
      <c r="N590155" s="10"/>
    </row>
    <row r="590156" spans="14:14">
      <c r="N590156" s="10"/>
    </row>
    <row r="590157" spans="14:14">
      <c r="N590157" s="10"/>
    </row>
    <row r="590158" spans="14:14">
      <c r="N590158" s="10"/>
    </row>
    <row r="590159" spans="14:14">
      <c r="N590159" s="10"/>
    </row>
    <row r="590160" spans="14:14">
      <c r="N590160" s="10"/>
    </row>
    <row r="590161" spans="14:14">
      <c r="N590161" s="10"/>
    </row>
    <row r="590162" spans="14:14">
      <c r="N590162" s="10"/>
    </row>
    <row r="590163" spans="14:14">
      <c r="N590163" s="10"/>
    </row>
    <row r="590164" spans="14:14">
      <c r="N590164" s="10"/>
    </row>
    <row r="590165" spans="14:14">
      <c r="N590165" s="10"/>
    </row>
    <row r="590166" spans="14:14">
      <c r="N590166" s="10"/>
    </row>
    <row r="590167" spans="14:14">
      <c r="N590167" s="10"/>
    </row>
    <row r="590168" spans="14:14">
      <c r="N590168" s="10"/>
    </row>
    <row r="590169" spans="14:14">
      <c r="N590169" s="10"/>
    </row>
    <row r="590170" spans="14:14">
      <c r="N590170" s="10"/>
    </row>
    <row r="590171" spans="14:14">
      <c r="N590171" s="10"/>
    </row>
    <row r="590172" spans="14:14">
      <c r="N590172" s="10"/>
    </row>
    <row r="590173" spans="14:14">
      <c r="N590173" s="10"/>
    </row>
    <row r="590174" spans="14:14">
      <c r="N590174" s="10"/>
    </row>
    <row r="590175" spans="14:14">
      <c r="N590175" s="10"/>
    </row>
    <row r="590176" spans="14:14">
      <c r="N590176" s="10"/>
    </row>
    <row r="590177" spans="14:14">
      <c r="N590177" s="10"/>
    </row>
    <row r="590178" spans="14:14">
      <c r="N590178" s="10"/>
    </row>
    <row r="590179" spans="14:14">
      <c r="N590179" s="10"/>
    </row>
    <row r="590180" spans="14:14">
      <c r="N590180" s="10"/>
    </row>
    <row r="590181" spans="14:14">
      <c r="N590181" s="10"/>
    </row>
    <row r="590182" spans="14:14">
      <c r="N590182" s="10"/>
    </row>
    <row r="590183" spans="14:14">
      <c r="N590183" s="10"/>
    </row>
    <row r="590184" spans="14:14">
      <c r="N590184" s="10"/>
    </row>
    <row r="590185" spans="14:14">
      <c r="N590185" s="10"/>
    </row>
    <row r="590186" spans="14:14">
      <c r="N590186" s="10"/>
    </row>
    <row r="590187" spans="14:14">
      <c r="N590187" s="10"/>
    </row>
    <row r="590188" spans="14:14">
      <c r="N590188" s="10"/>
    </row>
    <row r="590189" spans="14:14">
      <c r="N590189" s="10"/>
    </row>
    <row r="590190" spans="14:14">
      <c r="N590190" s="10"/>
    </row>
    <row r="590191" spans="14:14">
      <c r="N590191" s="10"/>
    </row>
    <row r="590192" spans="14:14">
      <c r="N590192" s="10"/>
    </row>
    <row r="590193" spans="14:14">
      <c r="N590193" s="10"/>
    </row>
    <row r="590194" spans="14:14">
      <c r="N590194" s="10"/>
    </row>
    <row r="590195" spans="14:14">
      <c r="N590195" s="10"/>
    </row>
    <row r="590196" spans="14:14">
      <c r="N590196" s="10"/>
    </row>
    <row r="590197" spans="14:14">
      <c r="N590197" s="10"/>
    </row>
    <row r="590198" spans="14:14">
      <c r="N590198" s="10"/>
    </row>
    <row r="590199" spans="14:14">
      <c r="N590199" s="10"/>
    </row>
    <row r="590200" spans="14:14">
      <c r="N590200" s="10"/>
    </row>
    <row r="590201" spans="14:14">
      <c r="N590201" s="10"/>
    </row>
    <row r="590202" spans="14:14">
      <c r="N590202" s="10"/>
    </row>
    <row r="590203" spans="14:14">
      <c r="N590203" s="10"/>
    </row>
    <row r="590204" spans="14:14">
      <c r="N590204" s="10"/>
    </row>
    <row r="590205" spans="14:14">
      <c r="N590205" s="10"/>
    </row>
    <row r="590206" spans="14:14">
      <c r="N590206" s="10"/>
    </row>
    <row r="590207" spans="14:14">
      <c r="N590207" s="10"/>
    </row>
    <row r="590208" spans="14:14">
      <c r="N590208" s="10"/>
    </row>
    <row r="590209" spans="14:14">
      <c r="N590209" s="10"/>
    </row>
    <row r="590210" spans="14:14">
      <c r="N590210" s="10"/>
    </row>
    <row r="590211" spans="14:14">
      <c r="N590211" s="10"/>
    </row>
    <row r="590212" spans="14:14">
      <c r="N590212" s="10"/>
    </row>
    <row r="590213" spans="14:14">
      <c r="N590213" s="10"/>
    </row>
    <row r="590214" spans="14:14">
      <c r="N590214" s="10"/>
    </row>
    <row r="590215" spans="14:14">
      <c r="N590215" s="10"/>
    </row>
    <row r="590216" spans="14:14">
      <c r="N590216" s="10"/>
    </row>
    <row r="590217" spans="14:14">
      <c r="N590217" s="10"/>
    </row>
    <row r="590218" spans="14:14">
      <c r="N590218" s="10"/>
    </row>
    <row r="590219" spans="14:14">
      <c r="N590219" s="10"/>
    </row>
    <row r="590220" spans="14:14">
      <c r="N590220" s="10"/>
    </row>
    <row r="590221" spans="14:14">
      <c r="N590221" s="10"/>
    </row>
    <row r="590222" spans="14:14">
      <c r="N590222" s="10"/>
    </row>
    <row r="590223" spans="14:14">
      <c r="N590223" s="10"/>
    </row>
    <row r="590224" spans="14:14">
      <c r="N590224" s="10"/>
    </row>
    <row r="590225" spans="14:14">
      <c r="N590225" s="10"/>
    </row>
    <row r="590226" spans="14:14">
      <c r="N590226" s="10"/>
    </row>
    <row r="590227" spans="14:14">
      <c r="N590227" s="10"/>
    </row>
    <row r="590228" spans="14:14">
      <c r="N590228" s="10"/>
    </row>
    <row r="590229" spans="14:14">
      <c r="N590229" s="10"/>
    </row>
    <row r="590230" spans="14:14">
      <c r="N590230" s="10"/>
    </row>
    <row r="590231" spans="14:14">
      <c r="N590231" s="10"/>
    </row>
    <row r="590232" spans="14:14">
      <c r="N590232" s="10"/>
    </row>
    <row r="590233" spans="14:14">
      <c r="N590233" s="10"/>
    </row>
    <row r="590234" spans="14:14">
      <c r="N590234" s="10"/>
    </row>
    <row r="590235" spans="14:14">
      <c r="N590235" s="10"/>
    </row>
    <row r="590236" spans="14:14">
      <c r="N590236" s="10"/>
    </row>
    <row r="590237" spans="14:14">
      <c r="N590237" s="10"/>
    </row>
    <row r="590238" spans="14:14">
      <c r="N590238" s="10"/>
    </row>
    <row r="590239" spans="14:14">
      <c r="N590239" s="10"/>
    </row>
    <row r="590240" spans="14:14">
      <c r="N590240" s="10"/>
    </row>
    <row r="590241" spans="14:14">
      <c r="N590241" s="10"/>
    </row>
    <row r="590242" spans="14:14">
      <c r="N590242" s="10"/>
    </row>
    <row r="590243" spans="14:14">
      <c r="N590243" s="10"/>
    </row>
    <row r="590244" spans="14:14">
      <c r="N590244" s="10"/>
    </row>
    <row r="590245" spans="14:14">
      <c r="N590245" s="10"/>
    </row>
    <row r="590246" spans="14:14">
      <c r="N590246" s="10"/>
    </row>
    <row r="590247" spans="14:14">
      <c r="N590247" s="10"/>
    </row>
    <row r="590248" spans="14:14">
      <c r="N590248" s="10"/>
    </row>
    <row r="590249" spans="14:14">
      <c r="N590249" s="10"/>
    </row>
    <row r="590250" spans="14:14">
      <c r="N590250" s="10"/>
    </row>
    <row r="590251" spans="14:14">
      <c r="N590251" s="10"/>
    </row>
    <row r="590252" spans="14:14">
      <c r="N590252" s="10"/>
    </row>
    <row r="590253" spans="14:14">
      <c r="N590253" s="10"/>
    </row>
    <row r="590254" spans="14:14">
      <c r="N590254" s="10"/>
    </row>
    <row r="590255" spans="14:14">
      <c r="N590255" s="10"/>
    </row>
    <row r="590256" spans="14:14">
      <c r="N590256" s="10"/>
    </row>
    <row r="590257" spans="14:14">
      <c r="N590257" s="10"/>
    </row>
    <row r="590258" spans="14:14">
      <c r="N590258" s="10"/>
    </row>
    <row r="590259" spans="14:14">
      <c r="N590259" s="10"/>
    </row>
    <row r="590260" spans="14:14">
      <c r="N590260" s="10"/>
    </row>
    <row r="590261" spans="14:14">
      <c r="N590261" s="10"/>
    </row>
    <row r="590262" spans="14:14">
      <c r="N590262" s="10"/>
    </row>
    <row r="590263" spans="14:14">
      <c r="N590263" s="10"/>
    </row>
    <row r="590264" spans="14:14">
      <c r="N590264" s="10"/>
    </row>
    <row r="590265" spans="14:14">
      <c r="N590265" s="10"/>
    </row>
    <row r="590266" spans="14:14">
      <c r="N590266" s="10"/>
    </row>
    <row r="590267" spans="14:14">
      <c r="N590267" s="10"/>
    </row>
    <row r="590268" spans="14:14">
      <c r="N590268" s="10"/>
    </row>
    <row r="590269" spans="14:14">
      <c r="N590269" s="10"/>
    </row>
    <row r="590270" spans="14:14">
      <c r="N590270" s="10"/>
    </row>
    <row r="590271" spans="14:14">
      <c r="N590271" s="10"/>
    </row>
    <row r="590272" spans="14:14">
      <c r="N590272" s="10"/>
    </row>
    <row r="590273" spans="14:14">
      <c r="N590273" s="10"/>
    </row>
    <row r="590274" spans="14:14">
      <c r="N590274" s="10"/>
    </row>
    <row r="590275" spans="14:14">
      <c r="N590275" s="10"/>
    </row>
    <row r="590276" spans="14:14">
      <c r="N590276" s="10"/>
    </row>
    <row r="590277" spans="14:14">
      <c r="N590277" s="10"/>
    </row>
    <row r="590278" spans="14:14">
      <c r="N590278" s="10"/>
    </row>
    <row r="590279" spans="14:14">
      <c r="N590279" s="10"/>
    </row>
    <row r="590280" spans="14:14">
      <c r="N590280" s="10"/>
    </row>
    <row r="590281" spans="14:14">
      <c r="N590281" s="10"/>
    </row>
    <row r="590282" spans="14:14">
      <c r="N590282" s="10"/>
    </row>
    <row r="590283" spans="14:14">
      <c r="N590283" s="10"/>
    </row>
    <row r="590284" spans="14:14">
      <c r="N590284" s="10"/>
    </row>
    <row r="590285" spans="14:14">
      <c r="N590285" s="10"/>
    </row>
    <row r="590286" spans="14:14">
      <c r="N590286" s="10"/>
    </row>
    <row r="590287" spans="14:14">
      <c r="N590287" s="10"/>
    </row>
    <row r="590288" spans="14:14">
      <c r="N590288" s="10"/>
    </row>
    <row r="590289" spans="14:14">
      <c r="N590289" s="10"/>
    </row>
    <row r="590290" spans="14:14">
      <c r="N590290" s="10"/>
    </row>
    <row r="590291" spans="14:14">
      <c r="N590291" s="10"/>
    </row>
    <row r="590292" spans="14:14">
      <c r="N590292" s="10"/>
    </row>
    <row r="590293" spans="14:14">
      <c r="N590293" s="10"/>
    </row>
    <row r="590294" spans="14:14">
      <c r="N590294" s="10"/>
    </row>
    <row r="590295" spans="14:14">
      <c r="N590295" s="10"/>
    </row>
    <row r="590296" spans="14:14">
      <c r="N590296" s="10"/>
    </row>
    <row r="590297" spans="14:14">
      <c r="N590297" s="10"/>
    </row>
    <row r="590298" spans="14:14">
      <c r="N590298" s="10"/>
    </row>
    <row r="590299" spans="14:14">
      <c r="N590299" s="10"/>
    </row>
    <row r="590300" spans="14:14">
      <c r="N590300" s="10"/>
    </row>
    <row r="590301" spans="14:14">
      <c r="N590301" s="10"/>
    </row>
    <row r="590302" spans="14:14">
      <c r="N590302" s="10"/>
    </row>
    <row r="590303" spans="14:14">
      <c r="N590303" s="10"/>
    </row>
    <row r="590304" spans="14:14">
      <c r="N590304" s="10"/>
    </row>
    <row r="590305" spans="14:14">
      <c r="N590305" s="10"/>
    </row>
    <row r="590306" spans="14:14">
      <c r="N590306" s="10"/>
    </row>
    <row r="590307" spans="14:14">
      <c r="N590307" s="10"/>
    </row>
    <row r="590308" spans="14:14">
      <c r="N590308" s="10"/>
    </row>
    <row r="590309" spans="14:14">
      <c r="N590309" s="10"/>
    </row>
    <row r="590310" spans="14:14">
      <c r="N590310" s="10"/>
    </row>
    <row r="590311" spans="14:14">
      <c r="N590311" s="10"/>
    </row>
    <row r="590312" spans="14:14">
      <c r="N590312" s="10"/>
    </row>
    <row r="590313" spans="14:14">
      <c r="N590313" s="10"/>
    </row>
    <row r="590314" spans="14:14">
      <c r="N590314" s="10"/>
    </row>
    <row r="590315" spans="14:14">
      <c r="N590315" s="10"/>
    </row>
    <row r="590316" spans="14:14">
      <c r="N590316" s="10"/>
    </row>
    <row r="590317" spans="14:14">
      <c r="N590317" s="10"/>
    </row>
    <row r="590318" spans="14:14">
      <c r="N590318" s="10"/>
    </row>
    <row r="590319" spans="14:14">
      <c r="N590319" s="10"/>
    </row>
    <row r="590320" spans="14:14">
      <c r="N590320" s="10"/>
    </row>
    <row r="590321" spans="14:14">
      <c r="N590321" s="10"/>
    </row>
    <row r="590322" spans="14:14">
      <c r="N590322" s="10"/>
    </row>
    <row r="590323" spans="14:14">
      <c r="N590323" s="10"/>
    </row>
    <row r="590324" spans="14:14">
      <c r="N590324" s="10"/>
    </row>
    <row r="590325" spans="14:14">
      <c r="N590325" s="10"/>
    </row>
    <row r="590326" spans="14:14">
      <c r="N590326" s="10"/>
    </row>
    <row r="590327" spans="14:14">
      <c r="N590327" s="10"/>
    </row>
    <row r="590328" spans="14:14">
      <c r="N590328" s="10"/>
    </row>
    <row r="590329" spans="14:14">
      <c r="N590329" s="10"/>
    </row>
    <row r="590330" spans="14:14">
      <c r="N590330" s="10"/>
    </row>
    <row r="590331" spans="14:14">
      <c r="N590331" s="10"/>
    </row>
    <row r="590332" spans="14:14">
      <c r="N590332" s="10"/>
    </row>
    <row r="590333" spans="14:14">
      <c r="N590333" s="10"/>
    </row>
    <row r="590334" spans="14:14">
      <c r="N590334" s="10"/>
    </row>
    <row r="590335" spans="14:14">
      <c r="N590335" s="10"/>
    </row>
    <row r="590336" spans="14:14">
      <c r="N590336" s="10"/>
    </row>
    <row r="590337" spans="14:14">
      <c r="N590337" s="10"/>
    </row>
    <row r="590338" spans="14:14">
      <c r="N590338" s="10"/>
    </row>
    <row r="590339" spans="14:14">
      <c r="N590339" s="10"/>
    </row>
    <row r="590340" spans="14:14">
      <c r="N590340" s="10"/>
    </row>
    <row r="590341" spans="14:14">
      <c r="N590341" s="10"/>
    </row>
    <row r="590342" spans="14:14">
      <c r="N590342" s="10"/>
    </row>
    <row r="590343" spans="14:14">
      <c r="N590343" s="10"/>
    </row>
    <row r="590344" spans="14:14">
      <c r="N590344" s="10"/>
    </row>
    <row r="590345" spans="14:14">
      <c r="N590345" s="10"/>
    </row>
    <row r="590346" spans="14:14">
      <c r="N590346" s="10"/>
    </row>
    <row r="590347" spans="14:14">
      <c r="N590347" s="10"/>
    </row>
    <row r="590348" spans="14:14">
      <c r="N590348" s="10"/>
    </row>
    <row r="590349" spans="14:14">
      <c r="N590349" s="10"/>
    </row>
    <row r="590350" spans="14:14">
      <c r="N590350" s="10"/>
    </row>
    <row r="590351" spans="14:14">
      <c r="N590351" s="10"/>
    </row>
    <row r="590352" spans="14:14">
      <c r="N590352" s="10"/>
    </row>
    <row r="590353" spans="14:14">
      <c r="N590353" s="10"/>
    </row>
    <row r="590354" spans="14:14">
      <c r="N590354" s="10"/>
    </row>
    <row r="590355" spans="14:14">
      <c r="N590355" s="10"/>
    </row>
    <row r="590356" spans="14:14">
      <c r="N590356" s="10"/>
    </row>
    <row r="590357" spans="14:14">
      <c r="N590357" s="10"/>
    </row>
    <row r="590358" spans="14:14">
      <c r="N590358" s="10"/>
    </row>
    <row r="590359" spans="14:14">
      <c r="N590359" s="10"/>
    </row>
    <row r="590360" spans="14:14">
      <c r="N590360" s="10"/>
    </row>
    <row r="590361" spans="14:14">
      <c r="N590361" s="10"/>
    </row>
    <row r="590362" spans="14:14">
      <c r="N590362" s="10"/>
    </row>
    <row r="590363" spans="14:14">
      <c r="N590363" s="10"/>
    </row>
    <row r="590364" spans="14:14">
      <c r="N590364" s="10"/>
    </row>
    <row r="590365" spans="14:14">
      <c r="N590365" s="10"/>
    </row>
    <row r="590366" spans="14:14">
      <c r="N590366" s="10"/>
    </row>
    <row r="590367" spans="14:14">
      <c r="N590367" s="10"/>
    </row>
    <row r="590368" spans="14:14">
      <c r="N590368" s="10"/>
    </row>
    <row r="590369" spans="14:14">
      <c r="N590369" s="10"/>
    </row>
    <row r="590370" spans="14:14">
      <c r="N590370" s="10"/>
    </row>
    <row r="590371" spans="14:14">
      <c r="N590371" s="10"/>
    </row>
    <row r="590372" spans="14:14">
      <c r="N590372" s="10"/>
    </row>
    <row r="590373" spans="14:14">
      <c r="N590373" s="10"/>
    </row>
    <row r="590374" spans="14:14">
      <c r="N590374" s="10"/>
    </row>
    <row r="590375" spans="14:14">
      <c r="N590375" s="10"/>
    </row>
    <row r="590376" spans="14:14">
      <c r="N590376" s="10"/>
    </row>
    <row r="590377" spans="14:14">
      <c r="N590377" s="10"/>
    </row>
    <row r="590378" spans="14:14">
      <c r="N590378" s="10"/>
    </row>
    <row r="590379" spans="14:14">
      <c r="N590379" s="10"/>
    </row>
    <row r="590380" spans="14:14">
      <c r="N590380" s="10"/>
    </row>
    <row r="590381" spans="14:14">
      <c r="N590381" s="10"/>
    </row>
    <row r="590382" spans="14:14">
      <c r="N590382" s="10"/>
    </row>
    <row r="590383" spans="14:14">
      <c r="N590383" s="10"/>
    </row>
    <row r="590384" spans="14:14">
      <c r="N590384" s="10"/>
    </row>
    <row r="590385" spans="14:14">
      <c r="N590385" s="10"/>
    </row>
    <row r="590386" spans="14:14">
      <c r="N590386" s="10"/>
    </row>
    <row r="590387" spans="14:14">
      <c r="N590387" s="10"/>
    </row>
    <row r="590388" spans="14:14">
      <c r="N590388" s="10"/>
    </row>
    <row r="590389" spans="14:14">
      <c r="N590389" s="10"/>
    </row>
    <row r="590390" spans="14:14">
      <c r="N590390" s="10"/>
    </row>
    <row r="590391" spans="14:14">
      <c r="N590391" s="10"/>
    </row>
    <row r="590392" spans="14:14">
      <c r="N590392" s="10"/>
    </row>
    <row r="590393" spans="14:14">
      <c r="N590393" s="10"/>
    </row>
    <row r="590394" spans="14:14">
      <c r="N590394" s="10"/>
    </row>
    <row r="590395" spans="14:14">
      <c r="N590395" s="10"/>
    </row>
    <row r="590396" spans="14:14">
      <c r="N590396" s="10"/>
    </row>
    <row r="590397" spans="14:14">
      <c r="N590397" s="10"/>
    </row>
    <row r="590398" spans="14:14">
      <c r="N590398" s="10"/>
    </row>
    <row r="590399" spans="14:14">
      <c r="N590399" s="10"/>
    </row>
    <row r="590400" spans="14:14">
      <c r="N590400" s="10"/>
    </row>
    <row r="590401" spans="14:14">
      <c r="N590401" s="10"/>
    </row>
    <row r="590402" spans="14:14">
      <c r="N590402" s="10"/>
    </row>
    <row r="590403" spans="14:14">
      <c r="N590403" s="10"/>
    </row>
    <row r="590404" spans="14:14">
      <c r="N590404" s="10"/>
    </row>
    <row r="590405" spans="14:14">
      <c r="N590405" s="10"/>
    </row>
    <row r="590406" spans="14:14">
      <c r="N590406" s="10"/>
    </row>
    <row r="590407" spans="14:14">
      <c r="N590407" s="10"/>
    </row>
    <row r="590408" spans="14:14">
      <c r="N590408" s="10"/>
    </row>
    <row r="590409" spans="14:14">
      <c r="N590409" s="10"/>
    </row>
    <row r="590410" spans="14:14">
      <c r="N590410" s="10"/>
    </row>
    <row r="590411" spans="14:14">
      <c r="N590411" s="10"/>
    </row>
    <row r="590412" spans="14:14">
      <c r="N590412" s="10"/>
    </row>
    <row r="590413" spans="14:14">
      <c r="N590413" s="10"/>
    </row>
    <row r="590414" spans="14:14">
      <c r="N590414" s="10"/>
    </row>
    <row r="590415" spans="14:14">
      <c r="N590415" s="10"/>
    </row>
    <row r="590416" spans="14:14">
      <c r="N590416" s="10"/>
    </row>
    <row r="590417" spans="14:14">
      <c r="N590417" s="10"/>
    </row>
    <row r="590418" spans="14:14">
      <c r="N590418" s="10"/>
    </row>
    <row r="590419" spans="14:14">
      <c r="N590419" s="10"/>
    </row>
    <row r="590420" spans="14:14">
      <c r="N590420" s="10"/>
    </row>
    <row r="590421" spans="14:14">
      <c r="N590421" s="10"/>
    </row>
    <row r="590422" spans="14:14">
      <c r="N590422" s="10"/>
    </row>
    <row r="590423" spans="14:14">
      <c r="N590423" s="10"/>
    </row>
    <row r="590424" spans="14:14">
      <c r="N590424" s="10"/>
    </row>
    <row r="590425" spans="14:14">
      <c r="N590425" s="10"/>
    </row>
    <row r="590426" spans="14:14">
      <c r="N590426" s="10"/>
    </row>
    <row r="590427" spans="14:14">
      <c r="N590427" s="10"/>
    </row>
    <row r="590428" spans="14:14">
      <c r="N590428" s="10"/>
    </row>
    <row r="590429" spans="14:14">
      <c r="N590429" s="10"/>
    </row>
    <row r="590430" spans="14:14">
      <c r="N590430" s="10"/>
    </row>
    <row r="590431" spans="14:14">
      <c r="N590431" s="10"/>
    </row>
    <row r="590432" spans="14:14">
      <c r="N590432" s="10"/>
    </row>
    <row r="590433" spans="14:14">
      <c r="N590433" s="10"/>
    </row>
    <row r="590434" spans="14:14">
      <c r="N590434" s="10"/>
    </row>
    <row r="590435" spans="14:14">
      <c r="N590435" s="10"/>
    </row>
    <row r="590436" spans="14:14">
      <c r="N590436" s="10"/>
    </row>
    <row r="590437" spans="14:14">
      <c r="N590437" s="10"/>
    </row>
    <row r="590438" spans="14:14">
      <c r="N590438" s="10"/>
    </row>
    <row r="590439" spans="14:14">
      <c r="N590439" s="10"/>
    </row>
    <row r="590440" spans="14:14">
      <c r="N590440" s="10"/>
    </row>
    <row r="590441" spans="14:14">
      <c r="N590441" s="10"/>
    </row>
    <row r="590442" spans="14:14">
      <c r="N590442" s="10"/>
    </row>
    <row r="590443" spans="14:14">
      <c r="N590443" s="10"/>
    </row>
    <row r="590444" spans="14:14">
      <c r="N590444" s="10"/>
    </row>
    <row r="590445" spans="14:14">
      <c r="N590445" s="10"/>
    </row>
    <row r="590446" spans="14:14">
      <c r="N590446" s="10"/>
    </row>
    <row r="590447" spans="14:14">
      <c r="N590447" s="10"/>
    </row>
    <row r="590448" spans="14:14">
      <c r="N590448" s="10"/>
    </row>
    <row r="590449" spans="14:14">
      <c r="N590449" s="10"/>
    </row>
    <row r="590450" spans="14:14">
      <c r="N590450" s="10"/>
    </row>
    <row r="590451" spans="14:14">
      <c r="N590451" s="10"/>
    </row>
    <row r="590452" spans="14:14">
      <c r="N590452" s="10"/>
    </row>
    <row r="590453" spans="14:14">
      <c r="N590453" s="10"/>
    </row>
    <row r="590454" spans="14:14">
      <c r="N590454" s="10"/>
    </row>
    <row r="590455" spans="14:14">
      <c r="N590455" s="10"/>
    </row>
    <row r="590456" spans="14:14">
      <c r="N590456" s="10"/>
    </row>
    <row r="590457" spans="14:14">
      <c r="N590457" s="10"/>
    </row>
    <row r="590458" spans="14:14">
      <c r="N590458" s="10"/>
    </row>
    <row r="590459" spans="14:14">
      <c r="N590459" s="10"/>
    </row>
    <row r="590460" spans="14:14">
      <c r="N590460" s="10"/>
    </row>
    <row r="590461" spans="14:14">
      <c r="N590461" s="10"/>
    </row>
    <row r="590462" spans="14:14">
      <c r="N590462" s="10"/>
    </row>
    <row r="590463" spans="14:14">
      <c r="N590463" s="10"/>
    </row>
    <row r="590464" spans="14:14">
      <c r="N590464" s="10"/>
    </row>
    <row r="590465" spans="14:14">
      <c r="N590465" s="10"/>
    </row>
    <row r="590466" spans="14:14">
      <c r="N590466" s="10"/>
    </row>
    <row r="590467" spans="14:14">
      <c r="N590467" s="10"/>
    </row>
    <row r="590468" spans="14:14">
      <c r="N590468" s="10"/>
    </row>
    <row r="590469" spans="14:14">
      <c r="N590469" s="10"/>
    </row>
    <row r="590470" spans="14:14">
      <c r="N590470" s="10"/>
    </row>
    <row r="590471" spans="14:14">
      <c r="N590471" s="10"/>
    </row>
    <row r="590472" spans="14:14">
      <c r="N590472" s="10"/>
    </row>
    <row r="590473" spans="14:14">
      <c r="N590473" s="10"/>
    </row>
    <row r="590474" spans="14:14">
      <c r="N590474" s="10"/>
    </row>
    <row r="590475" spans="14:14">
      <c r="N590475" s="10"/>
    </row>
    <row r="590476" spans="14:14">
      <c r="N590476" s="10"/>
    </row>
    <row r="590477" spans="14:14">
      <c r="N590477" s="10"/>
    </row>
    <row r="590478" spans="14:14">
      <c r="N590478" s="10"/>
    </row>
    <row r="590479" spans="14:14">
      <c r="N590479" s="10"/>
    </row>
    <row r="590480" spans="14:14">
      <c r="N590480" s="10"/>
    </row>
    <row r="590481" spans="14:14">
      <c r="N590481" s="10"/>
    </row>
    <row r="590482" spans="14:14">
      <c r="N590482" s="10"/>
    </row>
    <row r="590483" spans="14:14">
      <c r="N590483" s="10"/>
    </row>
    <row r="590484" spans="14:14">
      <c r="N590484" s="10"/>
    </row>
    <row r="590485" spans="14:14">
      <c r="N590485" s="10"/>
    </row>
    <row r="590486" spans="14:14">
      <c r="N590486" s="10"/>
    </row>
    <row r="590487" spans="14:14">
      <c r="N590487" s="10"/>
    </row>
    <row r="590488" spans="14:14">
      <c r="N590488" s="10"/>
    </row>
    <row r="590489" spans="14:14">
      <c r="N590489" s="10"/>
    </row>
    <row r="590490" spans="14:14">
      <c r="N590490" s="10"/>
    </row>
    <row r="590491" spans="14:14">
      <c r="N590491" s="10"/>
    </row>
    <row r="590492" spans="14:14">
      <c r="N590492" s="10"/>
    </row>
    <row r="590493" spans="14:14">
      <c r="N590493" s="10"/>
    </row>
    <row r="590494" spans="14:14">
      <c r="N590494" s="10"/>
    </row>
    <row r="590495" spans="14:14">
      <c r="N590495" s="10"/>
    </row>
    <row r="590496" spans="14:14">
      <c r="N590496" s="10"/>
    </row>
    <row r="590497" spans="14:14">
      <c r="N590497" s="10"/>
    </row>
    <row r="590498" spans="14:14">
      <c r="N590498" s="10"/>
    </row>
    <row r="590499" spans="14:14">
      <c r="N590499" s="10"/>
    </row>
    <row r="590500" spans="14:14">
      <c r="N590500" s="10"/>
    </row>
    <row r="590501" spans="14:14">
      <c r="N590501" s="10"/>
    </row>
    <row r="590502" spans="14:14">
      <c r="N590502" s="10"/>
    </row>
    <row r="590503" spans="14:14">
      <c r="N590503" s="10"/>
    </row>
    <row r="590504" spans="14:14">
      <c r="N590504" s="10"/>
    </row>
    <row r="590505" spans="14:14">
      <c r="N590505" s="10"/>
    </row>
    <row r="590506" spans="14:14">
      <c r="N590506" s="10"/>
    </row>
    <row r="590507" spans="14:14">
      <c r="N590507" s="10"/>
    </row>
    <row r="590508" spans="14:14">
      <c r="N590508" s="10"/>
    </row>
    <row r="590509" spans="14:14">
      <c r="N590509" s="10"/>
    </row>
    <row r="590510" spans="14:14">
      <c r="N590510" s="10"/>
    </row>
    <row r="590511" spans="14:14">
      <c r="N590511" s="10"/>
    </row>
    <row r="590512" spans="14:14">
      <c r="N590512" s="10"/>
    </row>
    <row r="590513" spans="14:14">
      <c r="N590513" s="10"/>
    </row>
    <row r="590514" spans="14:14">
      <c r="N590514" s="10"/>
    </row>
    <row r="590515" spans="14:14">
      <c r="N590515" s="10"/>
    </row>
    <row r="590516" spans="14:14">
      <c r="N590516" s="10"/>
    </row>
    <row r="590517" spans="14:14">
      <c r="N590517" s="10"/>
    </row>
    <row r="590518" spans="14:14">
      <c r="N590518" s="10"/>
    </row>
    <row r="590519" spans="14:14">
      <c r="N590519" s="10"/>
    </row>
    <row r="590520" spans="14:14">
      <c r="N590520" s="10"/>
    </row>
    <row r="590521" spans="14:14">
      <c r="N590521" s="10"/>
    </row>
    <row r="590522" spans="14:14">
      <c r="N590522" s="10"/>
    </row>
    <row r="590523" spans="14:14">
      <c r="N590523" s="10"/>
    </row>
    <row r="590524" spans="14:14">
      <c r="N590524" s="10"/>
    </row>
    <row r="590525" spans="14:14">
      <c r="N590525" s="10"/>
    </row>
    <row r="590526" spans="14:14">
      <c r="N590526" s="10"/>
    </row>
    <row r="590527" spans="14:14">
      <c r="N590527" s="10"/>
    </row>
    <row r="590528" spans="14:14">
      <c r="N590528" s="10"/>
    </row>
    <row r="590529" spans="14:14">
      <c r="N590529" s="10"/>
    </row>
    <row r="590530" spans="14:14">
      <c r="N590530" s="10"/>
    </row>
    <row r="590531" spans="14:14">
      <c r="N590531" s="10"/>
    </row>
    <row r="590532" spans="14:14">
      <c r="N590532" s="10"/>
    </row>
    <row r="590533" spans="14:14">
      <c r="N590533" s="10"/>
    </row>
    <row r="590534" spans="14:14">
      <c r="N590534" s="10"/>
    </row>
    <row r="590535" spans="14:14">
      <c r="N590535" s="10"/>
    </row>
    <row r="590536" spans="14:14">
      <c r="N590536" s="10"/>
    </row>
    <row r="590537" spans="14:14">
      <c r="N590537" s="10"/>
    </row>
    <row r="590538" spans="14:14">
      <c r="N590538" s="10"/>
    </row>
    <row r="590539" spans="14:14">
      <c r="N590539" s="10"/>
    </row>
    <row r="590540" spans="14:14">
      <c r="N590540" s="10"/>
    </row>
    <row r="590541" spans="14:14">
      <c r="N590541" s="10"/>
    </row>
    <row r="590542" spans="14:14">
      <c r="N590542" s="10"/>
    </row>
    <row r="590543" spans="14:14">
      <c r="N590543" s="10"/>
    </row>
    <row r="590544" spans="14:14">
      <c r="N590544" s="10"/>
    </row>
    <row r="590545" spans="14:14">
      <c r="N590545" s="10"/>
    </row>
    <row r="590546" spans="14:14">
      <c r="N590546" s="10"/>
    </row>
    <row r="590547" spans="14:14">
      <c r="N590547" s="10"/>
    </row>
    <row r="590548" spans="14:14">
      <c r="N590548" s="10"/>
    </row>
    <row r="590549" spans="14:14">
      <c r="N590549" s="10"/>
    </row>
    <row r="590550" spans="14:14">
      <c r="N590550" s="10"/>
    </row>
    <row r="590551" spans="14:14">
      <c r="N590551" s="10"/>
    </row>
    <row r="590552" spans="14:14">
      <c r="N590552" s="10"/>
    </row>
    <row r="590553" spans="14:14">
      <c r="N590553" s="10"/>
    </row>
    <row r="590554" spans="14:14">
      <c r="N590554" s="10"/>
    </row>
    <row r="590555" spans="14:14">
      <c r="N590555" s="10"/>
    </row>
    <row r="590556" spans="14:14">
      <c r="N590556" s="10"/>
    </row>
    <row r="590557" spans="14:14">
      <c r="N590557" s="10"/>
    </row>
    <row r="590558" spans="14:14">
      <c r="N590558" s="10"/>
    </row>
    <row r="590559" spans="14:14">
      <c r="N590559" s="10"/>
    </row>
    <row r="590560" spans="14:14">
      <c r="N590560" s="10"/>
    </row>
    <row r="590561" spans="14:14">
      <c r="N590561" s="10"/>
    </row>
    <row r="590562" spans="14:14">
      <c r="N590562" s="10"/>
    </row>
    <row r="590563" spans="14:14">
      <c r="N590563" s="10"/>
    </row>
    <row r="590564" spans="14:14">
      <c r="N590564" s="10"/>
    </row>
    <row r="590565" spans="14:14">
      <c r="N590565" s="10"/>
    </row>
    <row r="590566" spans="14:14">
      <c r="N590566" s="10"/>
    </row>
    <row r="590567" spans="14:14">
      <c r="N590567" s="10"/>
    </row>
    <row r="590568" spans="14:14">
      <c r="N590568" s="10"/>
    </row>
    <row r="590569" spans="14:14">
      <c r="N590569" s="10"/>
    </row>
    <row r="590570" spans="14:14">
      <c r="N590570" s="10"/>
    </row>
    <row r="590571" spans="14:14">
      <c r="N590571" s="10"/>
    </row>
    <row r="590572" spans="14:14">
      <c r="N590572" s="10"/>
    </row>
    <row r="590573" spans="14:14">
      <c r="N590573" s="10"/>
    </row>
    <row r="590574" spans="14:14">
      <c r="N590574" s="10"/>
    </row>
    <row r="590575" spans="14:14">
      <c r="N590575" s="10"/>
    </row>
    <row r="590576" spans="14:14">
      <c r="N590576" s="10"/>
    </row>
    <row r="590577" spans="14:14">
      <c r="N590577" s="10"/>
    </row>
    <row r="590578" spans="14:14">
      <c r="N590578" s="10"/>
    </row>
    <row r="590579" spans="14:14">
      <c r="N590579" s="10"/>
    </row>
    <row r="590580" spans="14:14">
      <c r="N590580" s="10"/>
    </row>
    <row r="590581" spans="14:14">
      <c r="N590581" s="10"/>
    </row>
    <row r="590582" spans="14:14">
      <c r="N590582" s="10"/>
    </row>
    <row r="590583" spans="14:14">
      <c r="N590583" s="10"/>
    </row>
    <row r="590584" spans="14:14">
      <c r="N590584" s="10"/>
    </row>
    <row r="590585" spans="14:14">
      <c r="N590585" s="10"/>
    </row>
    <row r="590586" spans="14:14">
      <c r="N590586" s="10"/>
    </row>
    <row r="590587" spans="14:14">
      <c r="N590587" s="10"/>
    </row>
    <row r="590588" spans="14:14">
      <c r="N590588" s="10"/>
    </row>
    <row r="590589" spans="14:14">
      <c r="N590589" s="10"/>
    </row>
    <row r="590590" spans="14:14">
      <c r="N590590" s="10"/>
    </row>
    <row r="590591" spans="14:14">
      <c r="N590591" s="10"/>
    </row>
    <row r="590592" spans="14:14">
      <c r="N590592" s="10"/>
    </row>
    <row r="590593" spans="14:14">
      <c r="N590593" s="10"/>
    </row>
    <row r="590594" spans="14:14">
      <c r="N590594" s="10"/>
    </row>
    <row r="590595" spans="14:14">
      <c r="N590595" s="10"/>
    </row>
    <row r="590596" spans="14:14">
      <c r="N590596" s="10"/>
    </row>
    <row r="590597" spans="14:14">
      <c r="N590597" s="10"/>
    </row>
    <row r="590598" spans="14:14">
      <c r="N590598" s="10"/>
    </row>
    <row r="590599" spans="14:14">
      <c r="N590599" s="10"/>
    </row>
    <row r="590600" spans="14:14">
      <c r="N590600" s="10"/>
    </row>
    <row r="590601" spans="14:14">
      <c r="N590601" s="10"/>
    </row>
    <row r="590602" spans="14:14">
      <c r="N590602" s="10"/>
    </row>
    <row r="590603" spans="14:14">
      <c r="N590603" s="10"/>
    </row>
    <row r="590604" spans="14:14">
      <c r="N590604" s="10"/>
    </row>
    <row r="590605" spans="14:14">
      <c r="N590605" s="10"/>
    </row>
    <row r="590606" spans="14:14">
      <c r="N590606" s="10"/>
    </row>
    <row r="590607" spans="14:14">
      <c r="N590607" s="10"/>
    </row>
    <row r="590608" spans="14:14">
      <c r="N590608" s="10"/>
    </row>
    <row r="590609" spans="14:14">
      <c r="N590609" s="10"/>
    </row>
    <row r="590610" spans="14:14">
      <c r="N590610" s="10"/>
    </row>
    <row r="590611" spans="14:14">
      <c r="N590611" s="10"/>
    </row>
    <row r="590612" spans="14:14">
      <c r="N590612" s="10"/>
    </row>
    <row r="590613" spans="14:14">
      <c r="N590613" s="10"/>
    </row>
    <row r="590614" spans="14:14">
      <c r="N590614" s="10"/>
    </row>
    <row r="590615" spans="14:14">
      <c r="N590615" s="10"/>
    </row>
    <row r="590616" spans="14:14">
      <c r="N590616" s="10"/>
    </row>
    <row r="590617" spans="14:14">
      <c r="N590617" s="10"/>
    </row>
    <row r="590618" spans="14:14">
      <c r="N590618" s="10"/>
    </row>
    <row r="590619" spans="14:14">
      <c r="N590619" s="10"/>
    </row>
    <row r="590620" spans="14:14">
      <c r="N590620" s="10"/>
    </row>
    <row r="590621" spans="14:14">
      <c r="N590621" s="10"/>
    </row>
    <row r="590622" spans="14:14">
      <c r="N590622" s="10"/>
    </row>
    <row r="590623" spans="14:14">
      <c r="N590623" s="10"/>
    </row>
    <row r="590624" spans="14:14">
      <c r="N590624" s="10"/>
    </row>
    <row r="590625" spans="14:14">
      <c r="N590625" s="10"/>
    </row>
    <row r="590626" spans="14:14">
      <c r="N590626" s="10"/>
    </row>
    <row r="590627" spans="14:14">
      <c r="N590627" s="10"/>
    </row>
    <row r="590628" spans="14:14">
      <c r="N590628" s="10"/>
    </row>
    <row r="590629" spans="14:14">
      <c r="N590629" s="10"/>
    </row>
    <row r="590630" spans="14:14">
      <c r="N590630" s="10"/>
    </row>
    <row r="590631" spans="14:14">
      <c r="N590631" s="10"/>
    </row>
    <row r="590632" spans="14:14">
      <c r="N590632" s="10"/>
    </row>
    <row r="590633" spans="14:14">
      <c r="N590633" s="10"/>
    </row>
    <row r="590634" spans="14:14">
      <c r="N590634" s="10"/>
    </row>
    <row r="590635" spans="14:14">
      <c r="N590635" s="10"/>
    </row>
    <row r="590636" spans="14:14">
      <c r="N590636" s="10"/>
    </row>
    <row r="590637" spans="14:14">
      <c r="N590637" s="10"/>
    </row>
    <row r="590638" spans="14:14">
      <c r="N590638" s="10"/>
    </row>
    <row r="590639" spans="14:14">
      <c r="N590639" s="10"/>
    </row>
    <row r="590640" spans="14:14">
      <c r="N590640" s="10"/>
    </row>
    <row r="590641" spans="14:14">
      <c r="N590641" s="10"/>
    </row>
    <row r="590642" spans="14:14">
      <c r="N590642" s="10"/>
    </row>
    <row r="590643" spans="14:14">
      <c r="N590643" s="10"/>
    </row>
    <row r="590644" spans="14:14">
      <c r="N590644" s="10"/>
    </row>
    <row r="590645" spans="14:14">
      <c r="N590645" s="10"/>
    </row>
    <row r="590646" spans="14:14">
      <c r="N590646" s="10"/>
    </row>
    <row r="590647" spans="14:14">
      <c r="N590647" s="10"/>
    </row>
    <row r="590648" spans="14:14">
      <c r="N590648" s="10"/>
    </row>
    <row r="590649" spans="14:14">
      <c r="N590649" s="10"/>
    </row>
    <row r="590650" spans="14:14">
      <c r="N590650" s="10"/>
    </row>
    <row r="590651" spans="14:14">
      <c r="N590651" s="10"/>
    </row>
    <row r="590652" spans="14:14">
      <c r="N590652" s="10"/>
    </row>
    <row r="590653" spans="14:14">
      <c r="N590653" s="10"/>
    </row>
    <row r="590654" spans="14:14">
      <c r="N590654" s="10"/>
    </row>
    <row r="590655" spans="14:14">
      <c r="N590655" s="10"/>
    </row>
    <row r="590656" spans="14:14">
      <c r="N590656" s="10"/>
    </row>
    <row r="590657" spans="14:14">
      <c r="N590657" s="10"/>
    </row>
    <row r="590658" spans="14:14">
      <c r="N590658" s="10"/>
    </row>
    <row r="590659" spans="14:14">
      <c r="N590659" s="10"/>
    </row>
    <row r="590660" spans="14:14">
      <c r="N590660" s="10"/>
    </row>
    <row r="590661" spans="14:14">
      <c r="N590661" s="10"/>
    </row>
    <row r="590662" spans="14:14">
      <c r="N590662" s="10"/>
    </row>
    <row r="590663" spans="14:14">
      <c r="N590663" s="10"/>
    </row>
    <row r="590664" spans="14:14">
      <c r="N590664" s="10"/>
    </row>
    <row r="590665" spans="14:14">
      <c r="N590665" s="10"/>
    </row>
    <row r="590666" spans="14:14">
      <c r="N590666" s="10"/>
    </row>
    <row r="590667" spans="14:14">
      <c r="N590667" s="10"/>
    </row>
    <row r="590668" spans="14:14">
      <c r="N590668" s="10"/>
    </row>
    <row r="590669" spans="14:14">
      <c r="N590669" s="10"/>
    </row>
    <row r="590670" spans="14:14">
      <c r="N590670" s="10"/>
    </row>
    <row r="590671" spans="14:14">
      <c r="N590671" s="10"/>
    </row>
    <row r="590672" spans="14:14">
      <c r="N590672" s="10"/>
    </row>
    <row r="590673" spans="14:14">
      <c r="N590673" s="10"/>
    </row>
    <row r="590674" spans="14:14">
      <c r="N590674" s="10"/>
    </row>
    <row r="590675" spans="14:14">
      <c r="N590675" s="10"/>
    </row>
    <row r="590676" spans="14:14">
      <c r="N590676" s="10"/>
    </row>
    <row r="590677" spans="14:14">
      <c r="N590677" s="10"/>
    </row>
    <row r="590678" spans="14:14">
      <c r="N590678" s="10"/>
    </row>
    <row r="590679" spans="14:14">
      <c r="N590679" s="10"/>
    </row>
    <row r="590680" spans="14:14">
      <c r="N590680" s="10"/>
    </row>
    <row r="590681" spans="14:14">
      <c r="N590681" s="10"/>
    </row>
    <row r="590682" spans="14:14">
      <c r="N590682" s="10"/>
    </row>
    <row r="590683" spans="14:14">
      <c r="N590683" s="10"/>
    </row>
    <row r="590684" spans="14:14">
      <c r="N590684" s="10"/>
    </row>
    <row r="590685" spans="14:14">
      <c r="N590685" s="10"/>
    </row>
    <row r="590686" spans="14:14">
      <c r="N590686" s="10"/>
    </row>
    <row r="590687" spans="14:14">
      <c r="N590687" s="10"/>
    </row>
    <row r="590688" spans="14:14">
      <c r="N590688" s="10"/>
    </row>
    <row r="590689" spans="14:14">
      <c r="N590689" s="10"/>
    </row>
    <row r="590690" spans="14:14">
      <c r="N590690" s="10"/>
    </row>
    <row r="590691" spans="14:14">
      <c r="N590691" s="10"/>
    </row>
    <row r="590692" spans="14:14">
      <c r="N590692" s="10"/>
    </row>
    <row r="590693" spans="14:14">
      <c r="N590693" s="10"/>
    </row>
    <row r="590694" spans="14:14">
      <c r="N590694" s="10"/>
    </row>
    <row r="590695" spans="14:14">
      <c r="N590695" s="10"/>
    </row>
    <row r="590696" spans="14:14">
      <c r="N590696" s="10"/>
    </row>
    <row r="590697" spans="14:14">
      <c r="N590697" s="10"/>
    </row>
    <row r="590698" spans="14:14">
      <c r="N590698" s="10"/>
    </row>
    <row r="590699" spans="14:14">
      <c r="N590699" s="10"/>
    </row>
    <row r="590700" spans="14:14">
      <c r="N590700" s="10"/>
    </row>
    <row r="590701" spans="14:14">
      <c r="N590701" s="10"/>
    </row>
    <row r="590702" spans="14:14">
      <c r="N590702" s="10"/>
    </row>
    <row r="590703" spans="14:14">
      <c r="N590703" s="10"/>
    </row>
    <row r="590704" spans="14:14">
      <c r="N590704" s="10"/>
    </row>
    <row r="590705" spans="14:14">
      <c r="N590705" s="10"/>
    </row>
    <row r="590706" spans="14:14">
      <c r="N590706" s="10"/>
    </row>
    <row r="590707" spans="14:14">
      <c r="N590707" s="10"/>
    </row>
    <row r="590708" spans="14:14">
      <c r="N590708" s="10"/>
    </row>
    <row r="590709" spans="14:14">
      <c r="N590709" s="10"/>
    </row>
    <row r="590710" spans="14:14">
      <c r="N590710" s="10"/>
    </row>
    <row r="590711" spans="14:14">
      <c r="N590711" s="10"/>
    </row>
    <row r="590712" spans="14:14">
      <c r="N590712" s="10"/>
    </row>
    <row r="590713" spans="14:14">
      <c r="N590713" s="10"/>
    </row>
    <row r="590714" spans="14:14">
      <c r="N590714" s="10"/>
    </row>
    <row r="590715" spans="14:14">
      <c r="N590715" s="10"/>
    </row>
    <row r="590716" spans="14:14">
      <c r="N590716" s="10"/>
    </row>
    <row r="590717" spans="14:14">
      <c r="N590717" s="10"/>
    </row>
    <row r="590718" spans="14:14">
      <c r="N590718" s="10"/>
    </row>
    <row r="590719" spans="14:14">
      <c r="N590719" s="10"/>
    </row>
    <row r="590720" spans="14:14">
      <c r="N590720" s="10"/>
    </row>
    <row r="590721" spans="14:14">
      <c r="N590721" s="10"/>
    </row>
    <row r="590722" spans="14:14">
      <c r="N590722" s="10"/>
    </row>
    <row r="590723" spans="14:14">
      <c r="N590723" s="10"/>
    </row>
    <row r="590724" spans="14:14">
      <c r="N590724" s="10"/>
    </row>
    <row r="590725" spans="14:14">
      <c r="N590725" s="10"/>
    </row>
    <row r="590726" spans="14:14">
      <c r="N590726" s="10"/>
    </row>
    <row r="590727" spans="14:14">
      <c r="N590727" s="10"/>
    </row>
    <row r="590728" spans="14:14">
      <c r="N590728" s="10"/>
    </row>
    <row r="590729" spans="14:14">
      <c r="N590729" s="10"/>
    </row>
    <row r="590730" spans="14:14">
      <c r="N590730" s="10"/>
    </row>
    <row r="590731" spans="14:14">
      <c r="N590731" s="10"/>
    </row>
    <row r="590732" spans="14:14">
      <c r="N590732" s="10"/>
    </row>
    <row r="590733" spans="14:14">
      <c r="N590733" s="10"/>
    </row>
    <row r="590734" spans="14:14">
      <c r="N590734" s="10"/>
    </row>
    <row r="590735" spans="14:14">
      <c r="N590735" s="10"/>
    </row>
    <row r="590736" spans="14:14">
      <c r="N590736" s="10"/>
    </row>
    <row r="590737" spans="14:14">
      <c r="N590737" s="10"/>
    </row>
    <row r="590738" spans="14:14">
      <c r="N590738" s="10"/>
    </row>
    <row r="590739" spans="14:14">
      <c r="N590739" s="10"/>
    </row>
    <row r="590740" spans="14:14">
      <c r="N590740" s="10"/>
    </row>
    <row r="590741" spans="14:14">
      <c r="N590741" s="10"/>
    </row>
    <row r="590742" spans="14:14">
      <c r="N590742" s="10"/>
    </row>
    <row r="590743" spans="14:14">
      <c r="N590743" s="10"/>
    </row>
    <row r="590744" spans="14:14">
      <c r="N590744" s="10"/>
    </row>
    <row r="590745" spans="14:14">
      <c r="N590745" s="10"/>
    </row>
    <row r="590746" spans="14:14">
      <c r="N590746" s="10"/>
    </row>
    <row r="590747" spans="14:14">
      <c r="N590747" s="10"/>
    </row>
    <row r="590748" spans="14:14">
      <c r="N590748" s="10"/>
    </row>
    <row r="590749" spans="14:14">
      <c r="N590749" s="10"/>
    </row>
    <row r="590750" spans="14:14">
      <c r="N590750" s="10"/>
    </row>
    <row r="590751" spans="14:14">
      <c r="N590751" s="10"/>
    </row>
    <row r="590752" spans="14:14">
      <c r="N590752" s="10"/>
    </row>
    <row r="590753" spans="14:14">
      <c r="N590753" s="10"/>
    </row>
    <row r="590754" spans="14:14">
      <c r="N590754" s="10"/>
    </row>
    <row r="590755" spans="14:14">
      <c r="N590755" s="10"/>
    </row>
    <row r="590756" spans="14:14">
      <c r="N590756" s="10"/>
    </row>
    <row r="590757" spans="14:14">
      <c r="N590757" s="10"/>
    </row>
    <row r="590758" spans="14:14">
      <c r="N590758" s="10"/>
    </row>
    <row r="590759" spans="14:14">
      <c r="N590759" s="10"/>
    </row>
    <row r="590760" spans="14:14">
      <c r="N590760" s="10"/>
    </row>
    <row r="590761" spans="14:14">
      <c r="N590761" s="10"/>
    </row>
    <row r="590762" spans="14:14">
      <c r="N590762" s="10"/>
    </row>
    <row r="590763" spans="14:14">
      <c r="N590763" s="10"/>
    </row>
    <row r="590764" spans="14:14">
      <c r="N590764" s="10"/>
    </row>
    <row r="590765" spans="14:14">
      <c r="N590765" s="10"/>
    </row>
    <row r="590766" spans="14:14">
      <c r="N590766" s="10"/>
    </row>
    <row r="590767" spans="14:14">
      <c r="N590767" s="10"/>
    </row>
    <row r="590768" spans="14:14">
      <c r="N590768" s="10"/>
    </row>
    <row r="590769" spans="14:14">
      <c r="N590769" s="10"/>
    </row>
    <row r="590770" spans="14:14">
      <c r="N590770" s="10"/>
    </row>
    <row r="590771" spans="14:14">
      <c r="N590771" s="10"/>
    </row>
    <row r="590772" spans="14:14">
      <c r="N590772" s="10"/>
    </row>
    <row r="590773" spans="14:14">
      <c r="N590773" s="10"/>
    </row>
    <row r="590774" spans="14:14">
      <c r="N590774" s="10"/>
    </row>
    <row r="590775" spans="14:14">
      <c r="N590775" s="10"/>
    </row>
    <row r="590776" spans="14:14">
      <c r="N590776" s="10"/>
    </row>
    <row r="590777" spans="14:14">
      <c r="N590777" s="10"/>
    </row>
    <row r="590778" spans="14:14">
      <c r="N590778" s="10"/>
    </row>
    <row r="590779" spans="14:14">
      <c r="N590779" s="10"/>
    </row>
    <row r="590780" spans="14:14">
      <c r="N590780" s="10"/>
    </row>
    <row r="590781" spans="14:14">
      <c r="N590781" s="10"/>
    </row>
    <row r="590782" spans="14:14">
      <c r="N590782" s="10"/>
    </row>
    <row r="590783" spans="14:14">
      <c r="N590783" s="10"/>
    </row>
    <row r="590784" spans="14:14">
      <c r="N590784" s="10"/>
    </row>
    <row r="590785" spans="14:14">
      <c r="N590785" s="10"/>
    </row>
    <row r="590786" spans="14:14">
      <c r="N590786" s="10"/>
    </row>
    <row r="590787" spans="14:14">
      <c r="N590787" s="10"/>
    </row>
    <row r="590788" spans="14:14">
      <c r="N590788" s="10"/>
    </row>
    <row r="590789" spans="14:14">
      <c r="N590789" s="10"/>
    </row>
    <row r="590790" spans="14:14">
      <c r="N590790" s="10"/>
    </row>
    <row r="590791" spans="14:14">
      <c r="N590791" s="10"/>
    </row>
    <row r="590792" spans="14:14">
      <c r="N590792" s="10"/>
    </row>
    <row r="590793" spans="14:14">
      <c r="N590793" s="10"/>
    </row>
    <row r="590794" spans="14:14">
      <c r="N590794" s="10"/>
    </row>
    <row r="590795" spans="14:14">
      <c r="N590795" s="10"/>
    </row>
    <row r="590796" spans="14:14">
      <c r="N590796" s="10"/>
    </row>
    <row r="590797" spans="14:14">
      <c r="N590797" s="10"/>
    </row>
    <row r="590798" spans="14:14">
      <c r="N590798" s="10"/>
    </row>
    <row r="590799" spans="14:14">
      <c r="N590799" s="10"/>
    </row>
    <row r="590800" spans="14:14">
      <c r="N590800" s="10"/>
    </row>
    <row r="590801" spans="14:14">
      <c r="N590801" s="10"/>
    </row>
    <row r="590802" spans="14:14">
      <c r="N590802" s="10"/>
    </row>
    <row r="590803" spans="14:14">
      <c r="N590803" s="10"/>
    </row>
    <row r="590804" spans="14:14">
      <c r="N590804" s="10"/>
    </row>
    <row r="590805" spans="14:14">
      <c r="N590805" s="10"/>
    </row>
    <row r="590806" spans="14:14">
      <c r="N590806" s="10"/>
    </row>
    <row r="590807" spans="14:14">
      <c r="N590807" s="10"/>
    </row>
    <row r="590808" spans="14:14">
      <c r="N590808" s="10"/>
    </row>
    <row r="590809" spans="14:14">
      <c r="N590809" s="10"/>
    </row>
    <row r="590810" spans="14:14">
      <c r="N590810" s="10"/>
    </row>
    <row r="590811" spans="14:14">
      <c r="N590811" s="10"/>
    </row>
    <row r="590812" spans="14:14">
      <c r="N590812" s="10"/>
    </row>
    <row r="590813" spans="14:14">
      <c r="N590813" s="10"/>
    </row>
    <row r="590814" spans="14:14">
      <c r="N590814" s="10"/>
    </row>
    <row r="590815" spans="14:14">
      <c r="N590815" s="10"/>
    </row>
    <row r="590816" spans="14:14">
      <c r="N590816" s="10"/>
    </row>
    <row r="590817" spans="14:14">
      <c r="N590817" s="10"/>
    </row>
    <row r="590818" spans="14:14">
      <c r="N590818" s="10"/>
    </row>
    <row r="590819" spans="14:14">
      <c r="N590819" s="10"/>
    </row>
    <row r="590820" spans="14:14">
      <c r="N590820" s="10"/>
    </row>
    <row r="590821" spans="14:14">
      <c r="N590821" s="10"/>
    </row>
    <row r="590822" spans="14:14">
      <c r="N590822" s="10"/>
    </row>
    <row r="590823" spans="14:14">
      <c r="N590823" s="10"/>
    </row>
    <row r="590824" spans="14:14">
      <c r="N590824" s="10"/>
    </row>
    <row r="590825" spans="14:14">
      <c r="N590825" s="10"/>
    </row>
    <row r="590826" spans="14:14">
      <c r="N590826" s="10"/>
    </row>
    <row r="590827" spans="14:14">
      <c r="N590827" s="10"/>
    </row>
    <row r="590828" spans="14:14">
      <c r="N590828" s="10"/>
    </row>
    <row r="590829" spans="14:14">
      <c r="N590829" s="10"/>
    </row>
    <row r="590830" spans="14:14">
      <c r="N590830" s="10"/>
    </row>
    <row r="590831" spans="14:14">
      <c r="N590831" s="10"/>
    </row>
    <row r="590832" spans="14:14">
      <c r="N590832" s="10"/>
    </row>
    <row r="590833" spans="14:14">
      <c r="N590833" s="10"/>
    </row>
    <row r="590834" spans="14:14">
      <c r="N590834" s="10"/>
    </row>
    <row r="590835" spans="14:14">
      <c r="N590835" s="10"/>
    </row>
    <row r="590836" spans="14:14">
      <c r="N590836" s="10"/>
    </row>
    <row r="590837" spans="14:14">
      <c r="N590837" s="10"/>
    </row>
    <row r="590838" spans="14:14">
      <c r="N590838" s="10"/>
    </row>
    <row r="590839" spans="14:14">
      <c r="N590839" s="10"/>
    </row>
    <row r="590840" spans="14:14">
      <c r="N590840" s="10"/>
    </row>
    <row r="590841" spans="14:14">
      <c r="N590841" s="10"/>
    </row>
    <row r="590842" spans="14:14">
      <c r="N590842" s="10"/>
    </row>
    <row r="590843" spans="14:14">
      <c r="N590843" s="10"/>
    </row>
    <row r="590844" spans="14:14">
      <c r="N590844" s="10"/>
    </row>
    <row r="590845" spans="14:14">
      <c r="N590845" s="10"/>
    </row>
    <row r="590846" spans="14:14">
      <c r="N590846" s="10"/>
    </row>
    <row r="590847" spans="14:14">
      <c r="N590847" s="10"/>
    </row>
    <row r="590848" spans="14:14">
      <c r="N590848" s="10"/>
    </row>
    <row r="590849" spans="14:14">
      <c r="N590849" s="10"/>
    </row>
    <row r="590850" spans="14:14">
      <c r="N590850" s="10"/>
    </row>
    <row r="590851" spans="14:14">
      <c r="N590851" s="10"/>
    </row>
    <row r="590852" spans="14:14">
      <c r="N590852" s="10"/>
    </row>
    <row r="590853" spans="14:14">
      <c r="N590853" s="10"/>
    </row>
    <row r="590854" spans="14:14">
      <c r="N590854" s="10"/>
    </row>
    <row r="590855" spans="14:14">
      <c r="N590855" s="10"/>
    </row>
    <row r="590856" spans="14:14">
      <c r="N590856" s="10"/>
    </row>
    <row r="590857" spans="14:14">
      <c r="N590857" s="10"/>
    </row>
    <row r="590858" spans="14:14">
      <c r="N590858" s="10"/>
    </row>
    <row r="590859" spans="14:14">
      <c r="N590859" s="10"/>
    </row>
    <row r="590860" spans="14:14">
      <c r="N590860" s="10"/>
    </row>
    <row r="590861" spans="14:14">
      <c r="N590861" s="10"/>
    </row>
    <row r="590862" spans="14:14">
      <c r="N590862" s="10"/>
    </row>
    <row r="590863" spans="14:14">
      <c r="N590863" s="10"/>
    </row>
    <row r="590864" spans="14:14">
      <c r="N590864" s="10"/>
    </row>
    <row r="590865" spans="14:14">
      <c r="N590865" s="10"/>
    </row>
    <row r="590866" spans="14:14">
      <c r="N590866" s="10"/>
    </row>
    <row r="590867" spans="14:14">
      <c r="N590867" s="10"/>
    </row>
    <row r="590868" spans="14:14">
      <c r="N590868" s="10"/>
    </row>
    <row r="590869" spans="14:14">
      <c r="N590869" s="10"/>
    </row>
    <row r="590870" spans="14:14">
      <c r="N590870" s="10"/>
    </row>
    <row r="590871" spans="14:14">
      <c r="N590871" s="10"/>
    </row>
    <row r="590872" spans="14:14">
      <c r="N590872" s="10"/>
    </row>
    <row r="590873" spans="14:14">
      <c r="N590873" s="10"/>
    </row>
    <row r="590874" spans="14:14">
      <c r="N590874" s="10"/>
    </row>
    <row r="590875" spans="14:14">
      <c r="N590875" s="10"/>
    </row>
    <row r="590876" spans="14:14">
      <c r="N590876" s="10"/>
    </row>
    <row r="590877" spans="14:14">
      <c r="N590877" s="10"/>
    </row>
    <row r="590878" spans="14:14">
      <c r="N590878" s="10"/>
    </row>
    <row r="590879" spans="14:14">
      <c r="N590879" s="10"/>
    </row>
    <row r="590880" spans="14:14">
      <c r="N590880" s="10"/>
    </row>
    <row r="590881" spans="14:14">
      <c r="N590881" s="10"/>
    </row>
    <row r="590882" spans="14:14">
      <c r="N590882" s="10"/>
    </row>
    <row r="590883" spans="14:14">
      <c r="N590883" s="10"/>
    </row>
    <row r="590884" spans="14:14">
      <c r="N590884" s="10"/>
    </row>
    <row r="590885" spans="14:14">
      <c r="N590885" s="10"/>
    </row>
    <row r="590886" spans="14:14">
      <c r="N590886" s="10"/>
    </row>
    <row r="590887" spans="14:14">
      <c r="N590887" s="10"/>
    </row>
    <row r="590888" spans="14:14">
      <c r="N590888" s="10"/>
    </row>
    <row r="590889" spans="14:14">
      <c r="N590889" s="10"/>
    </row>
    <row r="590890" spans="14:14">
      <c r="N590890" s="10"/>
    </row>
    <row r="590891" spans="14:14">
      <c r="N590891" s="10"/>
    </row>
    <row r="590892" spans="14:14">
      <c r="N590892" s="10"/>
    </row>
    <row r="590893" spans="14:14">
      <c r="N590893" s="10"/>
    </row>
    <row r="590894" spans="14:14">
      <c r="N590894" s="10"/>
    </row>
    <row r="590895" spans="14:14">
      <c r="N590895" s="10"/>
    </row>
    <row r="590896" spans="14:14">
      <c r="N590896" s="10"/>
    </row>
    <row r="590897" spans="14:14">
      <c r="N590897" s="10"/>
    </row>
    <row r="590898" spans="14:14">
      <c r="N590898" s="10"/>
    </row>
    <row r="590899" spans="14:14">
      <c r="N590899" s="10"/>
    </row>
    <row r="590900" spans="14:14">
      <c r="N590900" s="10"/>
    </row>
    <row r="590901" spans="14:14">
      <c r="N590901" s="10"/>
    </row>
    <row r="590902" spans="14:14">
      <c r="N590902" s="10"/>
    </row>
    <row r="590903" spans="14:14">
      <c r="N590903" s="10"/>
    </row>
    <row r="590904" spans="14:14">
      <c r="N590904" s="10"/>
    </row>
    <row r="590905" spans="14:14">
      <c r="N590905" s="10"/>
    </row>
    <row r="590906" spans="14:14">
      <c r="N590906" s="10"/>
    </row>
    <row r="590907" spans="14:14">
      <c r="N590907" s="10"/>
    </row>
    <row r="590908" spans="14:14">
      <c r="N590908" s="10"/>
    </row>
    <row r="590909" spans="14:14">
      <c r="N590909" s="10"/>
    </row>
    <row r="590910" spans="14:14">
      <c r="N590910" s="10"/>
    </row>
    <row r="590911" spans="14:14">
      <c r="N590911" s="10"/>
    </row>
    <row r="590912" spans="14:14">
      <c r="N590912" s="10"/>
    </row>
    <row r="590913" spans="14:14">
      <c r="N590913" s="10"/>
    </row>
    <row r="590914" spans="14:14">
      <c r="N590914" s="10"/>
    </row>
    <row r="590915" spans="14:14">
      <c r="N590915" s="10"/>
    </row>
    <row r="590916" spans="14:14">
      <c r="N590916" s="10"/>
    </row>
    <row r="590917" spans="14:14">
      <c r="N590917" s="10"/>
    </row>
    <row r="590918" spans="14:14">
      <c r="N590918" s="10"/>
    </row>
    <row r="590919" spans="14:14">
      <c r="N590919" s="10"/>
    </row>
    <row r="590920" spans="14:14">
      <c r="N590920" s="10"/>
    </row>
    <row r="590921" spans="14:14">
      <c r="N590921" s="10"/>
    </row>
    <row r="590922" spans="14:14">
      <c r="N590922" s="10"/>
    </row>
    <row r="590923" spans="14:14">
      <c r="N590923" s="10"/>
    </row>
    <row r="590924" spans="14:14">
      <c r="N590924" s="10"/>
    </row>
    <row r="590925" spans="14:14">
      <c r="N590925" s="10"/>
    </row>
    <row r="590926" spans="14:14">
      <c r="N590926" s="10"/>
    </row>
    <row r="590927" spans="14:14">
      <c r="N590927" s="10"/>
    </row>
    <row r="590928" spans="14:14">
      <c r="N590928" s="10"/>
    </row>
    <row r="590929" spans="14:14">
      <c r="N590929" s="10"/>
    </row>
    <row r="590930" spans="14:14">
      <c r="N590930" s="10"/>
    </row>
    <row r="590931" spans="14:14">
      <c r="N590931" s="10"/>
    </row>
    <row r="590932" spans="14:14">
      <c r="N590932" s="10"/>
    </row>
    <row r="590933" spans="14:14">
      <c r="N590933" s="10"/>
    </row>
    <row r="590934" spans="14:14">
      <c r="N590934" s="10"/>
    </row>
    <row r="590935" spans="14:14">
      <c r="N590935" s="10"/>
    </row>
    <row r="590936" spans="14:14">
      <c r="N590936" s="10"/>
    </row>
    <row r="590937" spans="14:14">
      <c r="N590937" s="10"/>
    </row>
    <row r="590938" spans="14:14">
      <c r="N590938" s="10"/>
    </row>
    <row r="590939" spans="14:14">
      <c r="N590939" s="10"/>
    </row>
    <row r="590940" spans="14:14">
      <c r="N590940" s="10"/>
    </row>
    <row r="590941" spans="14:14">
      <c r="N590941" s="10"/>
    </row>
    <row r="590942" spans="14:14">
      <c r="N590942" s="10"/>
    </row>
    <row r="590943" spans="14:14">
      <c r="N590943" s="10"/>
    </row>
    <row r="590944" spans="14:14">
      <c r="N590944" s="10"/>
    </row>
    <row r="590945" spans="14:14">
      <c r="N590945" s="10"/>
    </row>
    <row r="590946" spans="14:14">
      <c r="N590946" s="10"/>
    </row>
    <row r="590947" spans="14:14">
      <c r="N590947" s="10"/>
    </row>
    <row r="590948" spans="14:14">
      <c r="N590948" s="10"/>
    </row>
    <row r="590949" spans="14:14">
      <c r="N590949" s="10"/>
    </row>
    <row r="590950" spans="14:14">
      <c r="N590950" s="10"/>
    </row>
    <row r="590951" spans="14:14">
      <c r="N590951" s="10"/>
    </row>
    <row r="590952" spans="14:14">
      <c r="N590952" s="10"/>
    </row>
    <row r="590953" spans="14:14">
      <c r="N590953" s="10"/>
    </row>
    <row r="590954" spans="14:14">
      <c r="N590954" s="10"/>
    </row>
    <row r="590955" spans="14:14">
      <c r="N590955" s="10"/>
    </row>
    <row r="590956" spans="14:14">
      <c r="N590956" s="10"/>
    </row>
    <row r="590957" spans="14:14">
      <c r="N590957" s="10"/>
    </row>
    <row r="590958" spans="14:14">
      <c r="N590958" s="10"/>
    </row>
    <row r="590959" spans="14:14">
      <c r="N590959" s="10"/>
    </row>
    <row r="590960" spans="14:14">
      <c r="N590960" s="10"/>
    </row>
    <row r="590961" spans="14:14">
      <c r="N590961" s="10"/>
    </row>
    <row r="590962" spans="14:14">
      <c r="N590962" s="10"/>
    </row>
    <row r="590963" spans="14:14">
      <c r="N590963" s="10"/>
    </row>
    <row r="590964" spans="14:14">
      <c r="N590964" s="10"/>
    </row>
    <row r="590965" spans="14:14">
      <c r="N590965" s="10"/>
    </row>
    <row r="590966" spans="14:14">
      <c r="N590966" s="10"/>
    </row>
    <row r="590967" spans="14:14">
      <c r="N590967" s="10"/>
    </row>
    <row r="590968" spans="14:14">
      <c r="N590968" s="10"/>
    </row>
    <row r="590969" spans="14:14">
      <c r="N590969" s="10"/>
    </row>
    <row r="590970" spans="14:14">
      <c r="N590970" s="10"/>
    </row>
    <row r="590971" spans="14:14">
      <c r="N590971" s="10"/>
    </row>
    <row r="590972" spans="14:14">
      <c r="N590972" s="10"/>
    </row>
    <row r="590973" spans="14:14">
      <c r="N590973" s="10"/>
    </row>
    <row r="590974" spans="14:14">
      <c r="N590974" s="10"/>
    </row>
    <row r="590975" spans="14:14">
      <c r="N590975" s="10"/>
    </row>
    <row r="590976" spans="14:14">
      <c r="N590976" s="10"/>
    </row>
    <row r="590977" spans="14:14">
      <c r="N590977" s="10"/>
    </row>
    <row r="590978" spans="14:14">
      <c r="N590978" s="10"/>
    </row>
    <row r="590979" spans="14:14">
      <c r="N590979" s="10"/>
    </row>
    <row r="590980" spans="14:14">
      <c r="N590980" s="10"/>
    </row>
    <row r="590981" spans="14:14">
      <c r="N590981" s="10"/>
    </row>
    <row r="590982" spans="14:14">
      <c r="N590982" s="10"/>
    </row>
    <row r="590983" spans="14:14">
      <c r="N590983" s="10"/>
    </row>
    <row r="590984" spans="14:14">
      <c r="N590984" s="10"/>
    </row>
    <row r="590985" spans="14:14">
      <c r="N590985" s="10"/>
    </row>
    <row r="590986" spans="14:14">
      <c r="N590986" s="10"/>
    </row>
    <row r="590987" spans="14:14">
      <c r="N590987" s="10"/>
    </row>
    <row r="590988" spans="14:14">
      <c r="N590988" s="10"/>
    </row>
    <row r="590989" spans="14:14">
      <c r="N590989" s="10"/>
    </row>
    <row r="590990" spans="14:14">
      <c r="N590990" s="10"/>
    </row>
    <row r="590991" spans="14:14">
      <c r="N590991" s="10"/>
    </row>
    <row r="590992" spans="14:14">
      <c r="N590992" s="10"/>
    </row>
    <row r="590993" spans="14:14">
      <c r="N590993" s="10"/>
    </row>
    <row r="590994" spans="14:14">
      <c r="N590994" s="10"/>
    </row>
    <row r="590995" spans="14:14">
      <c r="N590995" s="10"/>
    </row>
    <row r="590996" spans="14:14">
      <c r="N590996" s="10"/>
    </row>
    <row r="590997" spans="14:14">
      <c r="N590997" s="10"/>
    </row>
    <row r="590998" spans="14:14">
      <c r="N590998" s="10"/>
    </row>
    <row r="590999" spans="14:14">
      <c r="N590999" s="10"/>
    </row>
    <row r="591000" spans="14:14">
      <c r="N591000" s="10"/>
    </row>
    <row r="591001" spans="14:14">
      <c r="N591001" s="10"/>
    </row>
    <row r="591002" spans="14:14">
      <c r="N591002" s="10"/>
    </row>
    <row r="591003" spans="14:14">
      <c r="N591003" s="10"/>
    </row>
    <row r="591004" spans="14:14">
      <c r="N591004" s="10"/>
    </row>
    <row r="591005" spans="14:14">
      <c r="N591005" s="10"/>
    </row>
    <row r="591006" spans="14:14">
      <c r="N591006" s="10"/>
    </row>
    <row r="591007" spans="14:14">
      <c r="N591007" s="10"/>
    </row>
    <row r="591008" spans="14:14">
      <c r="N591008" s="10"/>
    </row>
    <row r="591009" spans="14:14">
      <c r="N591009" s="10"/>
    </row>
    <row r="591010" spans="14:14">
      <c r="N591010" s="10"/>
    </row>
    <row r="591011" spans="14:14">
      <c r="N591011" s="10"/>
    </row>
    <row r="591012" spans="14:14">
      <c r="N591012" s="10"/>
    </row>
    <row r="591013" spans="14:14">
      <c r="N591013" s="10"/>
    </row>
    <row r="591014" spans="14:14">
      <c r="N591014" s="10"/>
    </row>
    <row r="591015" spans="14:14">
      <c r="N591015" s="10"/>
    </row>
    <row r="591016" spans="14:14">
      <c r="N591016" s="10"/>
    </row>
    <row r="591017" spans="14:14">
      <c r="N591017" s="10"/>
    </row>
    <row r="591018" spans="14:14">
      <c r="N591018" s="10"/>
    </row>
    <row r="591019" spans="14:14">
      <c r="N591019" s="10"/>
    </row>
    <row r="591020" spans="14:14">
      <c r="N591020" s="10"/>
    </row>
    <row r="591021" spans="14:14">
      <c r="N591021" s="10"/>
    </row>
    <row r="591022" spans="14:14">
      <c r="N591022" s="10"/>
    </row>
    <row r="591023" spans="14:14">
      <c r="N591023" s="10"/>
    </row>
    <row r="591024" spans="14:14">
      <c r="N591024" s="10"/>
    </row>
    <row r="591025" spans="14:14">
      <c r="N591025" s="10"/>
    </row>
    <row r="591026" spans="14:14">
      <c r="N591026" s="10"/>
    </row>
    <row r="591027" spans="14:14">
      <c r="N591027" s="10"/>
    </row>
    <row r="591028" spans="14:14">
      <c r="N591028" s="10"/>
    </row>
    <row r="591029" spans="14:14">
      <c r="N591029" s="10"/>
    </row>
    <row r="591030" spans="14:14">
      <c r="N591030" s="10"/>
    </row>
    <row r="591031" spans="14:14">
      <c r="N591031" s="10"/>
    </row>
    <row r="591032" spans="14:14">
      <c r="N591032" s="10"/>
    </row>
    <row r="591033" spans="14:14">
      <c r="N591033" s="10"/>
    </row>
    <row r="591034" spans="14:14">
      <c r="N591034" s="10"/>
    </row>
    <row r="591035" spans="14:14">
      <c r="N591035" s="10"/>
    </row>
    <row r="591036" spans="14:14">
      <c r="N591036" s="10"/>
    </row>
    <row r="591037" spans="14:14">
      <c r="N591037" s="10"/>
    </row>
    <row r="591038" spans="14:14">
      <c r="N591038" s="10"/>
    </row>
    <row r="591039" spans="14:14">
      <c r="N591039" s="10"/>
    </row>
    <row r="591040" spans="14:14">
      <c r="N591040" s="10"/>
    </row>
    <row r="591041" spans="14:14">
      <c r="N591041" s="10"/>
    </row>
    <row r="591042" spans="14:14">
      <c r="N591042" s="10"/>
    </row>
    <row r="591043" spans="14:14">
      <c r="N591043" s="10"/>
    </row>
    <row r="591044" spans="14:14">
      <c r="N591044" s="10"/>
    </row>
    <row r="591045" spans="14:14">
      <c r="N591045" s="10"/>
    </row>
    <row r="591046" spans="14:14">
      <c r="N591046" s="10"/>
    </row>
    <row r="591047" spans="14:14">
      <c r="N591047" s="10"/>
    </row>
    <row r="591048" spans="14:14">
      <c r="N591048" s="10"/>
    </row>
    <row r="591049" spans="14:14">
      <c r="N591049" s="10"/>
    </row>
    <row r="591050" spans="14:14">
      <c r="N591050" s="10"/>
    </row>
    <row r="591051" spans="14:14">
      <c r="N591051" s="10"/>
    </row>
    <row r="591052" spans="14:14">
      <c r="N591052" s="10"/>
    </row>
    <row r="591053" spans="14:14">
      <c r="N591053" s="10"/>
    </row>
    <row r="591054" spans="14:14">
      <c r="N591054" s="10"/>
    </row>
    <row r="591055" spans="14:14">
      <c r="N591055" s="10"/>
    </row>
    <row r="591056" spans="14:14">
      <c r="N591056" s="10"/>
    </row>
    <row r="591057" spans="14:14">
      <c r="N591057" s="10"/>
    </row>
    <row r="591058" spans="14:14">
      <c r="N591058" s="10"/>
    </row>
    <row r="591059" spans="14:14">
      <c r="N591059" s="10"/>
    </row>
    <row r="591060" spans="14:14">
      <c r="N591060" s="10"/>
    </row>
    <row r="591061" spans="14:14">
      <c r="N591061" s="10"/>
    </row>
    <row r="591062" spans="14:14">
      <c r="N591062" s="10"/>
    </row>
    <row r="591063" spans="14:14">
      <c r="N591063" s="10"/>
    </row>
    <row r="591064" spans="14:14">
      <c r="N591064" s="10"/>
    </row>
    <row r="591065" spans="14:14">
      <c r="N591065" s="10"/>
    </row>
    <row r="591066" spans="14:14">
      <c r="N591066" s="10"/>
    </row>
    <row r="591067" spans="14:14">
      <c r="N591067" s="10"/>
    </row>
    <row r="591068" spans="14:14">
      <c r="N591068" s="10"/>
    </row>
    <row r="591069" spans="14:14">
      <c r="N591069" s="10"/>
    </row>
    <row r="591070" spans="14:14">
      <c r="N591070" s="10"/>
    </row>
    <row r="591071" spans="14:14">
      <c r="N591071" s="10"/>
    </row>
    <row r="591072" spans="14:14">
      <c r="N591072" s="10"/>
    </row>
    <row r="591073" spans="14:14">
      <c r="N591073" s="10"/>
    </row>
    <row r="591074" spans="14:14">
      <c r="N591074" s="10"/>
    </row>
    <row r="591075" spans="14:14">
      <c r="N591075" s="10"/>
    </row>
    <row r="591076" spans="14:14">
      <c r="N591076" s="10"/>
    </row>
    <row r="591077" spans="14:14">
      <c r="N591077" s="10"/>
    </row>
    <row r="591078" spans="14:14">
      <c r="N591078" s="10"/>
    </row>
    <row r="591079" spans="14:14">
      <c r="N591079" s="10"/>
    </row>
    <row r="591080" spans="14:14">
      <c r="N591080" s="10"/>
    </row>
    <row r="591081" spans="14:14">
      <c r="N591081" s="10"/>
    </row>
    <row r="591082" spans="14:14">
      <c r="N591082" s="10"/>
    </row>
    <row r="591083" spans="14:14">
      <c r="N591083" s="10"/>
    </row>
    <row r="591084" spans="14:14">
      <c r="N591084" s="10"/>
    </row>
    <row r="591085" spans="14:14">
      <c r="N591085" s="10"/>
    </row>
    <row r="591086" spans="14:14">
      <c r="N591086" s="10"/>
    </row>
    <row r="591087" spans="14:14">
      <c r="N591087" s="10"/>
    </row>
    <row r="591088" spans="14:14">
      <c r="N591088" s="10"/>
    </row>
    <row r="591089" spans="14:14">
      <c r="N591089" s="10"/>
    </row>
    <row r="591090" spans="14:14">
      <c r="N591090" s="10"/>
    </row>
    <row r="591091" spans="14:14">
      <c r="N591091" s="10"/>
    </row>
    <row r="591092" spans="14:14">
      <c r="N591092" s="10"/>
    </row>
    <row r="591093" spans="14:14">
      <c r="N591093" s="10"/>
    </row>
    <row r="591094" spans="14:14">
      <c r="N591094" s="10"/>
    </row>
    <row r="591095" spans="14:14">
      <c r="N591095" s="10"/>
    </row>
    <row r="591096" spans="14:14">
      <c r="N591096" s="10"/>
    </row>
    <row r="591097" spans="14:14">
      <c r="N591097" s="10"/>
    </row>
    <row r="591098" spans="14:14">
      <c r="N591098" s="10"/>
    </row>
    <row r="591099" spans="14:14">
      <c r="N591099" s="10"/>
    </row>
    <row r="591100" spans="14:14">
      <c r="N591100" s="10"/>
    </row>
    <row r="591101" spans="14:14">
      <c r="N591101" s="10"/>
    </row>
    <row r="591102" spans="14:14">
      <c r="N591102" s="10"/>
    </row>
    <row r="591103" spans="14:14">
      <c r="N591103" s="10"/>
    </row>
    <row r="591104" spans="14:14">
      <c r="N591104" s="10"/>
    </row>
    <row r="591105" spans="14:14">
      <c r="N591105" s="10"/>
    </row>
    <row r="591106" spans="14:14">
      <c r="N591106" s="10"/>
    </row>
    <row r="591107" spans="14:14">
      <c r="N591107" s="10"/>
    </row>
    <row r="591108" spans="14:14">
      <c r="N591108" s="10"/>
    </row>
    <row r="591109" spans="14:14">
      <c r="N591109" s="10"/>
    </row>
    <row r="591110" spans="14:14">
      <c r="N591110" s="10"/>
    </row>
    <row r="591111" spans="14:14">
      <c r="N591111" s="10"/>
    </row>
    <row r="591112" spans="14:14">
      <c r="N591112" s="10"/>
    </row>
    <row r="591113" spans="14:14">
      <c r="N591113" s="10"/>
    </row>
    <row r="591114" spans="14:14">
      <c r="N591114" s="10"/>
    </row>
    <row r="591115" spans="14:14">
      <c r="N591115" s="10"/>
    </row>
    <row r="591116" spans="14:14">
      <c r="N591116" s="10"/>
    </row>
    <row r="591117" spans="14:14">
      <c r="N591117" s="10"/>
    </row>
    <row r="591118" spans="14:14">
      <c r="N591118" s="10"/>
    </row>
    <row r="591119" spans="14:14">
      <c r="N591119" s="10"/>
    </row>
    <row r="591120" spans="14:14">
      <c r="N591120" s="10"/>
    </row>
    <row r="591121" spans="14:14">
      <c r="N591121" s="10"/>
    </row>
    <row r="591122" spans="14:14">
      <c r="N591122" s="10"/>
    </row>
    <row r="591123" spans="14:14">
      <c r="N591123" s="10"/>
    </row>
    <row r="591124" spans="14:14">
      <c r="N591124" s="10"/>
    </row>
    <row r="591125" spans="14:14">
      <c r="N591125" s="10"/>
    </row>
    <row r="591126" spans="14:14">
      <c r="N591126" s="10"/>
    </row>
    <row r="591127" spans="14:14">
      <c r="N591127" s="10"/>
    </row>
    <row r="591128" spans="14:14">
      <c r="N591128" s="10"/>
    </row>
    <row r="591129" spans="14:14">
      <c r="N591129" s="10"/>
    </row>
    <row r="591130" spans="14:14">
      <c r="N591130" s="10"/>
    </row>
    <row r="591131" spans="14:14">
      <c r="N591131" s="10"/>
    </row>
    <row r="591132" spans="14:14">
      <c r="N591132" s="10"/>
    </row>
    <row r="591133" spans="14:14">
      <c r="N591133" s="10"/>
    </row>
    <row r="591134" spans="14:14">
      <c r="N591134" s="10"/>
    </row>
    <row r="591135" spans="14:14">
      <c r="N591135" s="10"/>
    </row>
    <row r="591136" spans="14:14">
      <c r="N591136" s="10"/>
    </row>
    <row r="591137" spans="14:14">
      <c r="N591137" s="10"/>
    </row>
    <row r="591138" spans="14:14">
      <c r="N591138" s="10"/>
    </row>
    <row r="591139" spans="14:14">
      <c r="N591139" s="10"/>
    </row>
    <row r="591140" spans="14:14">
      <c r="N591140" s="10"/>
    </row>
    <row r="591141" spans="14:14">
      <c r="N591141" s="10"/>
    </row>
    <row r="591142" spans="14:14">
      <c r="N591142" s="10"/>
    </row>
    <row r="591143" spans="14:14">
      <c r="N591143" s="10"/>
    </row>
    <row r="591144" spans="14:14">
      <c r="N591144" s="10"/>
    </row>
    <row r="591145" spans="14:14">
      <c r="N591145" s="10"/>
    </row>
    <row r="591146" spans="14:14">
      <c r="N591146" s="10"/>
    </row>
    <row r="591147" spans="14:14">
      <c r="N591147" s="10"/>
    </row>
    <row r="591148" spans="14:14">
      <c r="N591148" s="10"/>
    </row>
    <row r="591149" spans="14:14">
      <c r="N591149" s="10"/>
    </row>
    <row r="591150" spans="14:14">
      <c r="N591150" s="10"/>
    </row>
    <row r="591151" spans="14:14">
      <c r="N591151" s="10"/>
    </row>
    <row r="591152" spans="14:14">
      <c r="N591152" s="10"/>
    </row>
    <row r="591153" spans="14:14">
      <c r="N591153" s="10"/>
    </row>
    <row r="591154" spans="14:14">
      <c r="N591154" s="10"/>
    </row>
    <row r="591155" spans="14:14">
      <c r="N591155" s="10"/>
    </row>
    <row r="591156" spans="14:14">
      <c r="N591156" s="10"/>
    </row>
    <row r="591157" spans="14:14">
      <c r="N591157" s="10"/>
    </row>
    <row r="591158" spans="14:14">
      <c r="N591158" s="10"/>
    </row>
    <row r="591159" spans="14:14">
      <c r="N591159" s="10"/>
    </row>
    <row r="591160" spans="14:14">
      <c r="N591160" s="10"/>
    </row>
    <row r="591161" spans="14:14">
      <c r="N591161" s="10"/>
    </row>
    <row r="591162" spans="14:14">
      <c r="N591162" s="10"/>
    </row>
    <row r="591163" spans="14:14">
      <c r="N591163" s="10"/>
    </row>
    <row r="591164" spans="14:14">
      <c r="N591164" s="10"/>
    </row>
    <row r="591165" spans="14:14">
      <c r="N591165" s="10"/>
    </row>
    <row r="591166" spans="14:14">
      <c r="N591166" s="10"/>
    </row>
    <row r="591167" spans="14:14">
      <c r="N591167" s="10"/>
    </row>
    <row r="591168" spans="14:14">
      <c r="N591168" s="10"/>
    </row>
    <row r="591169" spans="14:14">
      <c r="N591169" s="10"/>
    </row>
    <row r="591170" spans="14:14">
      <c r="N591170" s="10"/>
    </row>
    <row r="591171" spans="14:14">
      <c r="N591171" s="10"/>
    </row>
    <row r="591172" spans="14:14">
      <c r="N591172" s="10"/>
    </row>
    <row r="591173" spans="14:14">
      <c r="N591173" s="10"/>
    </row>
    <row r="591174" spans="14:14">
      <c r="N591174" s="10"/>
    </row>
    <row r="591175" spans="14:14">
      <c r="N591175" s="10"/>
    </row>
    <row r="591176" spans="14:14">
      <c r="N591176" s="10"/>
    </row>
    <row r="591177" spans="14:14">
      <c r="N591177" s="10"/>
    </row>
    <row r="591178" spans="14:14">
      <c r="N591178" s="10"/>
    </row>
    <row r="591179" spans="14:14">
      <c r="N591179" s="10"/>
    </row>
    <row r="591180" spans="14:14">
      <c r="N591180" s="10"/>
    </row>
    <row r="591181" spans="14:14">
      <c r="N591181" s="10"/>
    </row>
    <row r="591182" spans="14:14">
      <c r="N591182" s="10"/>
    </row>
    <row r="591183" spans="14:14">
      <c r="N591183" s="10"/>
    </row>
    <row r="591184" spans="14:14">
      <c r="N591184" s="10"/>
    </row>
    <row r="591185" spans="14:14">
      <c r="N591185" s="10"/>
    </row>
    <row r="591186" spans="14:14">
      <c r="N591186" s="10"/>
    </row>
    <row r="591187" spans="14:14">
      <c r="N591187" s="10"/>
    </row>
    <row r="591188" spans="14:14">
      <c r="N591188" s="10"/>
    </row>
    <row r="591189" spans="14:14">
      <c r="N591189" s="10"/>
    </row>
    <row r="591190" spans="14:14">
      <c r="N591190" s="10"/>
    </row>
    <row r="591191" spans="14:14">
      <c r="N591191" s="10"/>
    </row>
    <row r="591192" spans="14:14">
      <c r="N591192" s="10"/>
    </row>
    <row r="591193" spans="14:14">
      <c r="N591193" s="10"/>
    </row>
    <row r="591194" spans="14:14">
      <c r="N591194" s="10"/>
    </row>
    <row r="591195" spans="14:14">
      <c r="N591195" s="10"/>
    </row>
    <row r="591196" spans="14:14">
      <c r="N591196" s="10"/>
    </row>
    <row r="591197" spans="14:14">
      <c r="N591197" s="10"/>
    </row>
    <row r="591198" spans="14:14">
      <c r="N591198" s="10"/>
    </row>
    <row r="591199" spans="14:14">
      <c r="N591199" s="10"/>
    </row>
    <row r="591200" spans="14:14">
      <c r="N591200" s="10"/>
    </row>
    <row r="591201" spans="14:14">
      <c r="N591201" s="10"/>
    </row>
    <row r="591202" spans="14:14">
      <c r="N591202" s="10"/>
    </row>
    <row r="591203" spans="14:14">
      <c r="N591203" s="10"/>
    </row>
    <row r="591204" spans="14:14">
      <c r="N591204" s="10"/>
    </row>
    <row r="591205" spans="14:14">
      <c r="N591205" s="10"/>
    </row>
    <row r="591206" spans="14:14">
      <c r="N591206" s="10"/>
    </row>
    <row r="591207" spans="14:14">
      <c r="N591207" s="10"/>
    </row>
    <row r="591208" spans="14:14">
      <c r="N591208" s="10"/>
    </row>
    <row r="591209" spans="14:14">
      <c r="N591209" s="10"/>
    </row>
    <row r="591210" spans="14:14">
      <c r="N591210" s="10"/>
    </row>
    <row r="591211" spans="14:14">
      <c r="N591211" s="10"/>
    </row>
    <row r="591212" spans="14:14">
      <c r="N591212" s="10"/>
    </row>
    <row r="591213" spans="14:14">
      <c r="N591213" s="10"/>
    </row>
    <row r="591214" spans="14:14">
      <c r="N591214" s="10"/>
    </row>
    <row r="591215" spans="14:14">
      <c r="N591215" s="10"/>
    </row>
    <row r="591216" spans="14:14">
      <c r="N591216" s="10"/>
    </row>
    <row r="591217" spans="14:14">
      <c r="N591217" s="10"/>
    </row>
    <row r="591218" spans="14:14">
      <c r="N591218" s="10"/>
    </row>
    <row r="591219" spans="14:14">
      <c r="N591219" s="10"/>
    </row>
    <row r="591220" spans="14:14">
      <c r="N591220" s="10"/>
    </row>
    <row r="591221" spans="14:14">
      <c r="N591221" s="10"/>
    </row>
    <row r="591222" spans="14:14">
      <c r="N591222" s="10"/>
    </row>
    <row r="591223" spans="14:14">
      <c r="N591223" s="10"/>
    </row>
    <row r="591224" spans="14:14">
      <c r="N591224" s="10"/>
    </row>
    <row r="591225" spans="14:14">
      <c r="N591225" s="10"/>
    </row>
    <row r="591226" spans="14:14">
      <c r="N591226" s="10"/>
    </row>
    <row r="591227" spans="14:14">
      <c r="N591227" s="10"/>
    </row>
    <row r="591228" spans="14:14">
      <c r="N591228" s="10"/>
    </row>
    <row r="591229" spans="14:14">
      <c r="N591229" s="10"/>
    </row>
    <row r="591230" spans="14:14">
      <c r="N591230" s="10"/>
    </row>
    <row r="591231" spans="14:14">
      <c r="N591231" s="10"/>
    </row>
    <row r="591232" spans="14:14">
      <c r="N591232" s="10"/>
    </row>
    <row r="591233" spans="14:14">
      <c r="N591233" s="10"/>
    </row>
    <row r="591234" spans="14:14">
      <c r="N591234" s="10"/>
    </row>
    <row r="591235" spans="14:14">
      <c r="N591235" s="10"/>
    </row>
    <row r="591236" spans="14:14">
      <c r="N591236" s="10"/>
    </row>
    <row r="591237" spans="14:14">
      <c r="N591237" s="10"/>
    </row>
    <row r="591238" spans="14:14">
      <c r="N591238" s="10"/>
    </row>
    <row r="591239" spans="14:14">
      <c r="N591239" s="10"/>
    </row>
    <row r="591240" spans="14:14">
      <c r="N591240" s="10"/>
    </row>
    <row r="591241" spans="14:14">
      <c r="N591241" s="10"/>
    </row>
    <row r="591242" spans="14:14">
      <c r="N591242" s="10"/>
    </row>
    <row r="591243" spans="14:14">
      <c r="N591243" s="10"/>
    </row>
    <row r="591244" spans="14:14">
      <c r="N591244" s="10"/>
    </row>
    <row r="591245" spans="14:14">
      <c r="N591245" s="10"/>
    </row>
    <row r="591246" spans="14:14">
      <c r="N591246" s="10"/>
    </row>
    <row r="591247" spans="14:14">
      <c r="N591247" s="10"/>
    </row>
    <row r="591248" spans="14:14">
      <c r="N591248" s="10"/>
    </row>
    <row r="591249" spans="14:14">
      <c r="N591249" s="10"/>
    </row>
    <row r="591250" spans="14:14">
      <c r="N591250" s="10"/>
    </row>
    <row r="591251" spans="14:14">
      <c r="N591251" s="10"/>
    </row>
    <row r="591252" spans="14:14">
      <c r="N591252" s="10"/>
    </row>
    <row r="591253" spans="14:14">
      <c r="N591253" s="10"/>
    </row>
    <row r="591254" spans="14:14">
      <c r="N591254" s="10"/>
    </row>
    <row r="591255" spans="14:14">
      <c r="N591255" s="10"/>
    </row>
    <row r="591256" spans="14:14">
      <c r="N591256" s="10"/>
    </row>
    <row r="591257" spans="14:14">
      <c r="N591257" s="10"/>
    </row>
    <row r="591258" spans="14:14">
      <c r="N591258" s="10"/>
    </row>
    <row r="591259" spans="14:14">
      <c r="N591259" s="10"/>
    </row>
    <row r="591260" spans="14:14">
      <c r="N591260" s="10"/>
    </row>
    <row r="591261" spans="14:14">
      <c r="N591261" s="10"/>
    </row>
    <row r="591262" spans="14:14">
      <c r="N591262" s="10"/>
    </row>
    <row r="591263" spans="14:14">
      <c r="N591263" s="10"/>
    </row>
    <row r="591264" spans="14:14">
      <c r="N591264" s="10"/>
    </row>
    <row r="591265" spans="14:14">
      <c r="N591265" s="10"/>
    </row>
    <row r="591266" spans="14:14">
      <c r="N591266" s="10"/>
    </row>
    <row r="591267" spans="14:14">
      <c r="N591267" s="10"/>
    </row>
    <row r="591268" spans="14:14">
      <c r="N591268" s="10"/>
    </row>
    <row r="591269" spans="14:14">
      <c r="N591269" s="10"/>
    </row>
    <row r="591270" spans="14:14">
      <c r="N591270" s="10"/>
    </row>
    <row r="591271" spans="14:14">
      <c r="N591271" s="10"/>
    </row>
    <row r="591272" spans="14:14">
      <c r="N591272" s="10"/>
    </row>
    <row r="591273" spans="14:14">
      <c r="N591273" s="10"/>
    </row>
    <row r="591274" spans="14:14">
      <c r="N591274" s="10"/>
    </row>
    <row r="591275" spans="14:14">
      <c r="N591275" s="10"/>
    </row>
    <row r="591276" spans="14:14">
      <c r="N591276" s="10"/>
    </row>
    <row r="591277" spans="14:14">
      <c r="N591277" s="10"/>
    </row>
    <row r="591278" spans="14:14">
      <c r="N591278" s="10"/>
    </row>
    <row r="591279" spans="14:14">
      <c r="N591279" s="10"/>
    </row>
    <row r="591280" spans="14:14">
      <c r="N591280" s="10"/>
    </row>
    <row r="591281" spans="14:14">
      <c r="N591281" s="10"/>
    </row>
    <row r="591282" spans="14:14">
      <c r="N591282" s="10"/>
    </row>
    <row r="591283" spans="14:14">
      <c r="N591283" s="10"/>
    </row>
    <row r="591284" spans="14:14">
      <c r="N591284" s="10"/>
    </row>
    <row r="591285" spans="14:14">
      <c r="N591285" s="10"/>
    </row>
    <row r="591286" spans="14:14">
      <c r="N591286" s="10"/>
    </row>
    <row r="591287" spans="14:14">
      <c r="N591287" s="10"/>
    </row>
    <row r="591288" spans="14:14">
      <c r="N591288" s="10"/>
    </row>
    <row r="591289" spans="14:14">
      <c r="N591289" s="10"/>
    </row>
    <row r="591290" spans="14:14">
      <c r="N591290" s="10"/>
    </row>
    <row r="591291" spans="14:14">
      <c r="N591291" s="10"/>
    </row>
    <row r="591292" spans="14:14">
      <c r="N591292" s="10"/>
    </row>
    <row r="591293" spans="14:14">
      <c r="N591293" s="10"/>
    </row>
    <row r="591294" spans="14:14">
      <c r="N591294" s="10"/>
    </row>
    <row r="591295" spans="14:14">
      <c r="N591295" s="10"/>
    </row>
    <row r="591296" spans="14:14">
      <c r="N591296" s="10"/>
    </row>
    <row r="591297" spans="14:14">
      <c r="N591297" s="10"/>
    </row>
    <row r="591298" spans="14:14">
      <c r="N591298" s="10"/>
    </row>
    <row r="591299" spans="14:14">
      <c r="N591299" s="10"/>
    </row>
    <row r="591300" spans="14:14">
      <c r="N591300" s="10"/>
    </row>
    <row r="591301" spans="14:14">
      <c r="N591301" s="10"/>
    </row>
    <row r="591302" spans="14:14">
      <c r="N591302" s="10"/>
    </row>
    <row r="591303" spans="14:14">
      <c r="N591303" s="10"/>
    </row>
    <row r="591304" spans="14:14">
      <c r="N591304" s="10"/>
    </row>
    <row r="591305" spans="14:14">
      <c r="N591305" s="10"/>
    </row>
    <row r="591306" spans="14:14">
      <c r="N591306" s="10"/>
    </row>
    <row r="591307" spans="14:14">
      <c r="N591307" s="10"/>
    </row>
    <row r="591308" spans="14:14">
      <c r="N591308" s="10"/>
    </row>
    <row r="591309" spans="14:14">
      <c r="N591309" s="10"/>
    </row>
    <row r="591310" spans="14:14">
      <c r="N591310" s="10"/>
    </row>
    <row r="591311" spans="14:14">
      <c r="N591311" s="10"/>
    </row>
    <row r="591312" spans="14:14">
      <c r="N591312" s="10"/>
    </row>
    <row r="591313" spans="14:14">
      <c r="N591313" s="10"/>
    </row>
    <row r="591314" spans="14:14">
      <c r="N591314" s="10"/>
    </row>
    <row r="591315" spans="14:14">
      <c r="N591315" s="10"/>
    </row>
    <row r="591316" spans="14:14">
      <c r="N591316" s="10"/>
    </row>
    <row r="591317" spans="14:14">
      <c r="N591317" s="10"/>
    </row>
    <row r="591318" spans="14:14">
      <c r="N591318" s="10"/>
    </row>
    <row r="591319" spans="14:14">
      <c r="N591319" s="10"/>
    </row>
    <row r="591320" spans="14:14">
      <c r="N591320" s="10"/>
    </row>
    <row r="591321" spans="14:14">
      <c r="N591321" s="10"/>
    </row>
    <row r="591322" spans="14:14">
      <c r="N591322" s="10"/>
    </row>
    <row r="591323" spans="14:14">
      <c r="N591323" s="10"/>
    </row>
    <row r="591324" spans="14:14">
      <c r="N591324" s="10"/>
    </row>
    <row r="591325" spans="14:14">
      <c r="N591325" s="10"/>
    </row>
    <row r="591326" spans="14:14">
      <c r="N591326" s="10"/>
    </row>
    <row r="591327" spans="14:14">
      <c r="N591327" s="10"/>
    </row>
    <row r="591328" spans="14:14">
      <c r="N591328" s="10"/>
    </row>
    <row r="591329" spans="14:14">
      <c r="N591329" s="10"/>
    </row>
    <row r="591330" spans="14:14">
      <c r="N591330" s="10"/>
    </row>
    <row r="591331" spans="14:14">
      <c r="N591331" s="10"/>
    </row>
    <row r="591332" spans="14:14">
      <c r="N591332" s="10"/>
    </row>
    <row r="591333" spans="14:14">
      <c r="N591333" s="10"/>
    </row>
    <row r="591334" spans="14:14">
      <c r="N591334" s="10"/>
    </row>
    <row r="591335" spans="14:14">
      <c r="N591335" s="10"/>
    </row>
    <row r="591336" spans="14:14">
      <c r="N591336" s="10"/>
    </row>
    <row r="591337" spans="14:14">
      <c r="N591337" s="10"/>
    </row>
    <row r="591338" spans="14:14">
      <c r="N591338" s="10"/>
    </row>
    <row r="591339" spans="14:14">
      <c r="N591339" s="10"/>
    </row>
    <row r="591340" spans="14:14">
      <c r="N591340" s="10"/>
    </row>
    <row r="591341" spans="14:14">
      <c r="N591341" s="10"/>
    </row>
    <row r="591342" spans="14:14">
      <c r="N591342" s="10"/>
    </row>
    <row r="591343" spans="14:14">
      <c r="N591343" s="10"/>
    </row>
    <row r="591344" spans="14:14">
      <c r="N591344" s="10"/>
    </row>
    <row r="591345" spans="14:14">
      <c r="N591345" s="10"/>
    </row>
    <row r="591346" spans="14:14">
      <c r="N591346" s="10"/>
    </row>
    <row r="591347" spans="14:14">
      <c r="N591347" s="10"/>
    </row>
    <row r="591348" spans="14:14">
      <c r="N591348" s="10"/>
    </row>
    <row r="591349" spans="14:14">
      <c r="N591349" s="10"/>
    </row>
    <row r="591350" spans="14:14">
      <c r="N591350" s="10"/>
    </row>
    <row r="591351" spans="14:14">
      <c r="N591351" s="10"/>
    </row>
    <row r="591352" spans="14:14">
      <c r="N591352" s="10"/>
    </row>
    <row r="591353" spans="14:14">
      <c r="N591353" s="10"/>
    </row>
    <row r="591354" spans="14:14">
      <c r="N591354" s="10"/>
    </row>
    <row r="591355" spans="14:14">
      <c r="N591355" s="10"/>
    </row>
    <row r="591356" spans="14:14">
      <c r="N591356" s="10"/>
    </row>
    <row r="591357" spans="14:14">
      <c r="N591357" s="10"/>
    </row>
    <row r="591358" spans="14:14">
      <c r="N591358" s="10"/>
    </row>
    <row r="591359" spans="14:14">
      <c r="N591359" s="10"/>
    </row>
    <row r="591360" spans="14:14">
      <c r="N591360" s="10"/>
    </row>
    <row r="591361" spans="14:14">
      <c r="N591361" s="10"/>
    </row>
    <row r="591362" spans="14:14">
      <c r="N591362" s="10"/>
    </row>
    <row r="591363" spans="14:14">
      <c r="N591363" s="10"/>
    </row>
    <row r="591364" spans="14:14">
      <c r="N591364" s="10"/>
    </row>
    <row r="591365" spans="14:14">
      <c r="N591365" s="10"/>
    </row>
    <row r="591366" spans="14:14">
      <c r="N591366" s="10"/>
    </row>
    <row r="591367" spans="14:14">
      <c r="N591367" s="10"/>
    </row>
    <row r="591368" spans="14:14">
      <c r="N591368" s="10"/>
    </row>
    <row r="591369" spans="14:14">
      <c r="N591369" s="10"/>
    </row>
    <row r="591370" spans="14:14">
      <c r="N591370" s="10"/>
    </row>
    <row r="591371" spans="14:14">
      <c r="N591371" s="10"/>
    </row>
    <row r="591372" spans="14:14">
      <c r="N591372" s="10"/>
    </row>
    <row r="591373" spans="14:14">
      <c r="N591373" s="10"/>
    </row>
    <row r="591374" spans="14:14">
      <c r="N591374" s="10"/>
    </row>
    <row r="591375" spans="14:14">
      <c r="N591375" s="10"/>
    </row>
    <row r="591376" spans="14:14">
      <c r="N591376" s="10"/>
    </row>
    <row r="591377" spans="14:14">
      <c r="N591377" s="10"/>
    </row>
    <row r="591378" spans="14:14">
      <c r="N591378" s="10"/>
    </row>
    <row r="591379" spans="14:14">
      <c r="N591379" s="10"/>
    </row>
    <row r="591380" spans="14:14">
      <c r="N591380" s="10"/>
    </row>
    <row r="591381" spans="14:14">
      <c r="N591381" s="10"/>
    </row>
    <row r="591382" spans="14:14">
      <c r="N591382" s="10"/>
    </row>
    <row r="591383" spans="14:14">
      <c r="N591383" s="10"/>
    </row>
    <row r="591384" spans="14:14">
      <c r="N591384" s="10"/>
    </row>
    <row r="591385" spans="14:14">
      <c r="N591385" s="10"/>
    </row>
    <row r="591386" spans="14:14">
      <c r="N591386" s="10"/>
    </row>
    <row r="591387" spans="14:14">
      <c r="N591387" s="10"/>
    </row>
    <row r="591388" spans="14:14">
      <c r="N591388" s="10"/>
    </row>
    <row r="591389" spans="14:14">
      <c r="N591389" s="10"/>
    </row>
    <row r="591390" spans="14:14">
      <c r="N591390" s="10"/>
    </row>
    <row r="591391" spans="14:14">
      <c r="N591391" s="10"/>
    </row>
    <row r="591392" spans="14:14">
      <c r="N591392" s="10"/>
    </row>
    <row r="591393" spans="14:14">
      <c r="N591393" s="10"/>
    </row>
    <row r="591394" spans="14:14">
      <c r="N591394" s="10"/>
    </row>
    <row r="591395" spans="14:14">
      <c r="N591395" s="10"/>
    </row>
    <row r="591396" spans="14:14">
      <c r="N591396" s="10"/>
    </row>
    <row r="591397" spans="14:14">
      <c r="N591397" s="10"/>
    </row>
    <row r="591398" spans="14:14">
      <c r="N591398" s="10"/>
    </row>
    <row r="591399" spans="14:14">
      <c r="N591399" s="10"/>
    </row>
    <row r="591400" spans="14:14">
      <c r="N591400" s="10"/>
    </row>
    <row r="591401" spans="14:14">
      <c r="N591401" s="10"/>
    </row>
    <row r="591402" spans="14:14">
      <c r="N591402" s="10"/>
    </row>
    <row r="591403" spans="14:14">
      <c r="N591403" s="10"/>
    </row>
    <row r="591404" spans="14:14">
      <c r="N591404" s="10"/>
    </row>
    <row r="591405" spans="14:14">
      <c r="N591405" s="10"/>
    </row>
    <row r="591406" spans="14:14">
      <c r="N591406" s="10"/>
    </row>
    <row r="591407" spans="14:14">
      <c r="N591407" s="10"/>
    </row>
    <row r="591408" spans="14:14">
      <c r="N591408" s="10"/>
    </row>
    <row r="591409" spans="14:14">
      <c r="N591409" s="10"/>
    </row>
    <row r="591410" spans="14:14">
      <c r="N591410" s="10"/>
    </row>
    <row r="591411" spans="14:14">
      <c r="N591411" s="10"/>
    </row>
    <row r="591412" spans="14:14">
      <c r="N591412" s="10"/>
    </row>
    <row r="591413" spans="14:14">
      <c r="N591413" s="10"/>
    </row>
    <row r="591414" spans="14:14">
      <c r="N591414" s="10"/>
    </row>
    <row r="591415" spans="14:14">
      <c r="N591415" s="10"/>
    </row>
    <row r="591416" spans="14:14">
      <c r="N591416" s="10"/>
    </row>
    <row r="591417" spans="14:14">
      <c r="N591417" s="10"/>
    </row>
    <row r="591418" spans="14:14">
      <c r="N591418" s="10"/>
    </row>
    <row r="591419" spans="14:14">
      <c r="N591419" s="10"/>
    </row>
    <row r="591420" spans="14:14">
      <c r="N591420" s="10"/>
    </row>
    <row r="591421" spans="14:14">
      <c r="N591421" s="10"/>
    </row>
    <row r="591422" spans="14:14">
      <c r="N591422" s="10"/>
    </row>
    <row r="591423" spans="14:14">
      <c r="N591423" s="10"/>
    </row>
    <row r="591424" spans="14:14">
      <c r="N591424" s="10"/>
    </row>
    <row r="591425" spans="14:14">
      <c r="N591425" s="10"/>
    </row>
    <row r="591426" spans="14:14">
      <c r="N591426" s="10"/>
    </row>
    <row r="591427" spans="14:14">
      <c r="N591427" s="10"/>
    </row>
    <row r="591428" spans="14:14">
      <c r="N591428" s="10"/>
    </row>
    <row r="591429" spans="14:14">
      <c r="N591429" s="10"/>
    </row>
    <row r="591430" spans="14:14">
      <c r="N591430" s="10"/>
    </row>
    <row r="591431" spans="14:14">
      <c r="N591431" s="10"/>
    </row>
    <row r="591432" spans="14:14">
      <c r="N591432" s="10"/>
    </row>
    <row r="591433" spans="14:14">
      <c r="N591433" s="10"/>
    </row>
    <row r="591434" spans="14:14">
      <c r="N591434" s="10"/>
    </row>
    <row r="591435" spans="14:14">
      <c r="N591435" s="10"/>
    </row>
    <row r="591436" spans="14:14">
      <c r="N591436" s="10"/>
    </row>
    <row r="591437" spans="14:14">
      <c r="N591437" s="10"/>
    </row>
    <row r="591438" spans="14:14">
      <c r="N591438" s="10"/>
    </row>
    <row r="591439" spans="14:14">
      <c r="N591439" s="10"/>
    </row>
    <row r="591440" spans="14:14">
      <c r="N591440" s="10"/>
    </row>
    <row r="591441" spans="14:14">
      <c r="N591441" s="10"/>
    </row>
    <row r="591442" spans="14:14">
      <c r="N591442" s="10"/>
    </row>
    <row r="591443" spans="14:14">
      <c r="N591443" s="10"/>
    </row>
    <row r="591444" spans="14:14">
      <c r="N591444" s="10"/>
    </row>
    <row r="591445" spans="14:14">
      <c r="N591445" s="10"/>
    </row>
    <row r="591446" spans="14:14">
      <c r="N591446" s="10"/>
    </row>
    <row r="591447" spans="14:14">
      <c r="N591447" s="10"/>
    </row>
    <row r="591448" spans="14:14">
      <c r="N591448" s="10"/>
    </row>
    <row r="591449" spans="14:14">
      <c r="N591449" s="10"/>
    </row>
    <row r="591450" spans="14:14">
      <c r="N591450" s="10"/>
    </row>
    <row r="591451" spans="14:14">
      <c r="N591451" s="10"/>
    </row>
    <row r="591452" spans="14:14">
      <c r="N591452" s="10"/>
    </row>
    <row r="591453" spans="14:14">
      <c r="N591453" s="10"/>
    </row>
    <row r="591454" spans="14:14">
      <c r="N591454" s="10"/>
    </row>
    <row r="591455" spans="14:14">
      <c r="N591455" s="10"/>
    </row>
    <row r="591456" spans="14:14">
      <c r="N591456" s="10"/>
    </row>
    <row r="591457" spans="14:14">
      <c r="N591457" s="10"/>
    </row>
    <row r="591458" spans="14:14">
      <c r="N591458" s="10"/>
    </row>
    <row r="591459" spans="14:14">
      <c r="N591459" s="10"/>
    </row>
    <row r="591460" spans="14:14">
      <c r="N591460" s="10"/>
    </row>
    <row r="591461" spans="14:14">
      <c r="N591461" s="10"/>
    </row>
    <row r="591462" spans="14:14">
      <c r="N591462" s="10"/>
    </row>
    <row r="591463" spans="14:14">
      <c r="N591463" s="10"/>
    </row>
    <row r="591464" spans="14:14">
      <c r="N591464" s="10"/>
    </row>
    <row r="591465" spans="14:14">
      <c r="N591465" s="10"/>
    </row>
    <row r="591466" spans="14:14">
      <c r="N591466" s="10"/>
    </row>
    <row r="591467" spans="14:14">
      <c r="N591467" s="10"/>
    </row>
    <row r="591468" spans="14:14">
      <c r="N591468" s="10"/>
    </row>
    <row r="591469" spans="14:14">
      <c r="N591469" s="10"/>
    </row>
    <row r="591470" spans="14:14">
      <c r="N591470" s="10"/>
    </row>
    <row r="591471" spans="14:14">
      <c r="N591471" s="10"/>
    </row>
    <row r="591472" spans="14:14">
      <c r="N591472" s="10"/>
    </row>
    <row r="591473" spans="14:14">
      <c r="N591473" s="10"/>
    </row>
    <row r="591474" spans="14:14">
      <c r="N591474" s="10"/>
    </row>
    <row r="591475" spans="14:14">
      <c r="N591475" s="10"/>
    </row>
    <row r="591476" spans="14:14">
      <c r="N591476" s="10"/>
    </row>
    <row r="591477" spans="14:14">
      <c r="N591477" s="10"/>
    </row>
    <row r="591478" spans="14:14">
      <c r="N591478" s="10"/>
    </row>
    <row r="591479" spans="14:14">
      <c r="N591479" s="10"/>
    </row>
    <row r="591480" spans="14:14">
      <c r="N591480" s="10"/>
    </row>
    <row r="591481" spans="14:14">
      <c r="N591481" s="10"/>
    </row>
    <row r="591482" spans="14:14">
      <c r="N591482" s="10"/>
    </row>
    <row r="591483" spans="14:14">
      <c r="N591483" s="10"/>
    </row>
    <row r="591484" spans="14:14">
      <c r="N591484" s="10"/>
    </row>
    <row r="591485" spans="14:14">
      <c r="N591485" s="10"/>
    </row>
    <row r="591486" spans="14:14">
      <c r="N591486" s="10"/>
    </row>
    <row r="591487" spans="14:14">
      <c r="N591487" s="10"/>
    </row>
    <row r="591488" spans="14:14">
      <c r="N591488" s="10"/>
    </row>
    <row r="591489" spans="14:14">
      <c r="N591489" s="10"/>
    </row>
    <row r="591490" spans="14:14">
      <c r="N591490" s="10"/>
    </row>
    <row r="591491" spans="14:14">
      <c r="N591491" s="10"/>
    </row>
    <row r="591492" spans="14:14">
      <c r="N591492" s="10"/>
    </row>
    <row r="591493" spans="14:14">
      <c r="N591493" s="10"/>
    </row>
    <row r="591494" spans="14:14">
      <c r="N591494" s="10"/>
    </row>
    <row r="591495" spans="14:14">
      <c r="N591495" s="10"/>
    </row>
    <row r="591496" spans="14:14">
      <c r="N591496" s="10"/>
    </row>
    <row r="591497" spans="14:14">
      <c r="N591497" s="10"/>
    </row>
    <row r="591498" spans="14:14">
      <c r="N591498" s="10"/>
    </row>
    <row r="591499" spans="14:14">
      <c r="N591499" s="10"/>
    </row>
    <row r="591500" spans="14:14">
      <c r="N591500" s="10"/>
    </row>
    <row r="591501" spans="14:14">
      <c r="N591501" s="10"/>
    </row>
    <row r="591502" spans="14:14">
      <c r="N591502" s="10"/>
    </row>
    <row r="591503" spans="14:14">
      <c r="N591503" s="10"/>
    </row>
    <row r="591504" spans="14:14">
      <c r="N591504" s="10"/>
    </row>
    <row r="591505" spans="14:14">
      <c r="N591505" s="10"/>
    </row>
    <row r="591506" spans="14:14">
      <c r="N591506" s="10"/>
    </row>
    <row r="591507" spans="14:14">
      <c r="N591507" s="10"/>
    </row>
    <row r="591508" spans="14:14">
      <c r="N591508" s="10"/>
    </row>
    <row r="591509" spans="14:14">
      <c r="N591509" s="10"/>
    </row>
    <row r="591510" spans="14:14">
      <c r="N591510" s="10"/>
    </row>
    <row r="591511" spans="14:14">
      <c r="N591511" s="10"/>
    </row>
    <row r="591512" spans="14:14">
      <c r="N591512" s="10"/>
    </row>
    <row r="591513" spans="14:14">
      <c r="N591513" s="10"/>
    </row>
    <row r="591514" spans="14:14">
      <c r="N591514" s="10"/>
    </row>
    <row r="591515" spans="14:14">
      <c r="N591515" s="10"/>
    </row>
    <row r="591516" spans="14:14">
      <c r="N591516" s="10"/>
    </row>
    <row r="591517" spans="14:14">
      <c r="N591517" s="10"/>
    </row>
    <row r="591518" spans="14:14">
      <c r="N591518" s="10"/>
    </row>
    <row r="591519" spans="14:14">
      <c r="N591519" s="10"/>
    </row>
    <row r="591520" spans="14:14">
      <c r="N591520" s="10"/>
    </row>
    <row r="591521" spans="14:14">
      <c r="N591521" s="10"/>
    </row>
    <row r="591522" spans="14:14">
      <c r="N591522" s="10"/>
    </row>
    <row r="591523" spans="14:14">
      <c r="N591523" s="10"/>
    </row>
    <row r="591524" spans="14:14">
      <c r="N591524" s="10"/>
    </row>
    <row r="591525" spans="14:14">
      <c r="N591525" s="10"/>
    </row>
    <row r="591526" spans="14:14">
      <c r="N591526" s="10"/>
    </row>
    <row r="591527" spans="14:14">
      <c r="N591527" s="10"/>
    </row>
    <row r="591528" spans="14:14">
      <c r="N591528" s="10"/>
    </row>
    <row r="591529" spans="14:14">
      <c r="N591529" s="10"/>
    </row>
    <row r="591530" spans="14:14">
      <c r="N591530" s="10"/>
    </row>
    <row r="591531" spans="14:14">
      <c r="N591531" s="10"/>
    </row>
    <row r="591532" spans="14:14">
      <c r="N591532" s="10"/>
    </row>
    <row r="591533" spans="14:14">
      <c r="N591533" s="10"/>
    </row>
    <row r="591534" spans="14:14">
      <c r="N591534" s="10"/>
    </row>
    <row r="591535" spans="14:14">
      <c r="N591535" s="10"/>
    </row>
    <row r="591536" spans="14:14">
      <c r="N591536" s="10"/>
    </row>
    <row r="591537" spans="14:14">
      <c r="N591537" s="10"/>
    </row>
    <row r="591538" spans="14:14">
      <c r="N591538" s="10"/>
    </row>
    <row r="591539" spans="14:14">
      <c r="N591539" s="10"/>
    </row>
    <row r="591540" spans="14:14">
      <c r="N591540" s="10"/>
    </row>
    <row r="591541" spans="14:14">
      <c r="N591541" s="10"/>
    </row>
    <row r="591542" spans="14:14">
      <c r="N591542" s="10"/>
    </row>
    <row r="591543" spans="14:14">
      <c r="N591543" s="10"/>
    </row>
    <row r="591544" spans="14:14">
      <c r="N591544" s="10"/>
    </row>
    <row r="591545" spans="14:14">
      <c r="N591545" s="10"/>
    </row>
    <row r="591546" spans="14:14">
      <c r="N591546" s="10"/>
    </row>
    <row r="591547" spans="14:14">
      <c r="N591547" s="10"/>
    </row>
    <row r="591548" spans="14:14">
      <c r="N591548" s="10"/>
    </row>
    <row r="591549" spans="14:14">
      <c r="N591549" s="10"/>
    </row>
    <row r="591550" spans="14:14">
      <c r="N591550" s="10"/>
    </row>
    <row r="591551" spans="14:14">
      <c r="N591551" s="10"/>
    </row>
    <row r="591552" spans="14:14">
      <c r="N591552" s="10"/>
    </row>
    <row r="591553" spans="14:14">
      <c r="N591553" s="10"/>
    </row>
    <row r="591554" spans="14:14">
      <c r="N591554" s="10"/>
    </row>
    <row r="591555" spans="14:14">
      <c r="N591555" s="10"/>
    </row>
    <row r="591556" spans="14:14">
      <c r="N591556" s="10"/>
    </row>
    <row r="591557" spans="14:14">
      <c r="N591557" s="10"/>
    </row>
    <row r="591558" spans="14:14">
      <c r="N591558" s="10"/>
    </row>
    <row r="591559" spans="14:14">
      <c r="N591559" s="10"/>
    </row>
    <row r="591560" spans="14:14">
      <c r="N591560" s="10"/>
    </row>
    <row r="591561" spans="14:14">
      <c r="N591561" s="10"/>
    </row>
    <row r="591562" spans="14:14">
      <c r="N591562" s="10"/>
    </row>
    <row r="591563" spans="14:14">
      <c r="N591563" s="10"/>
    </row>
    <row r="591564" spans="14:14">
      <c r="N591564" s="10"/>
    </row>
    <row r="591565" spans="14:14">
      <c r="N591565" s="10"/>
    </row>
    <row r="591566" spans="14:14">
      <c r="N591566" s="10"/>
    </row>
    <row r="591567" spans="14:14">
      <c r="N591567" s="10"/>
    </row>
    <row r="591568" spans="14:14">
      <c r="N591568" s="10"/>
    </row>
    <row r="591569" spans="14:14">
      <c r="N591569" s="10"/>
    </row>
    <row r="591570" spans="14:14">
      <c r="N591570" s="10"/>
    </row>
    <row r="591571" spans="14:14">
      <c r="N591571" s="10"/>
    </row>
    <row r="591572" spans="14:14">
      <c r="N591572" s="10"/>
    </row>
    <row r="591573" spans="14:14">
      <c r="N591573" s="10"/>
    </row>
    <row r="591574" spans="14:14">
      <c r="N591574" s="10"/>
    </row>
    <row r="591575" spans="14:14">
      <c r="N591575" s="10"/>
    </row>
    <row r="591576" spans="14:14">
      <c r="N591576" s="10"/>
    </row>
    <row r="591577" spans="14:14">
      <c r="N591577" s="10"/>
    </row>
    <row r="591578" spans="14:14">
      <c r="N591578" s="10"/>
    </row>
    <row r="591579" spans="14:14">
      <c r="N591579" s="10"/>
    </row>
    <row r="591580" spans="14:14">
      <c r="N591580" s="10"/>
    </row>
    <row r="591581" spans="14:14">
      <c r="N591581" s="10"/>
    </row>
    <row r="591582" spans="14:14">
      <c r="N591582" s="10"/>
    </row>
    <row r="591583" spans="14:14">
      <c r="N591583" s="10"/>
    </row>
    <row r="591584" spans="14:14">
      <c r="N591584" s="10"/>
    </row>
    <row r="591585" spans="14:14">
      <c r="N591585" s="10"/>
    </row>
    <row r="591586" spans="14:14">
      <c r="N591586" s="10"/>
    </row>
    <row r="591587" spans="14:14">
      <c r="N591587" s="10"/>
    </row>
    <row r="591588" spans="14:14">
      <c r="N591588" s="10"/>
    </row>
    <row r="591589" spans="14:14">
      <c r="N591589" s="10"/>
    </row>
    <row r="591590" spans="14:14">
      <c r="N591590" s="10"/>
    </row>
    <row r="591591" spans="14:14">
      <c r="N591591" s="10"/>
    </row>
    <row r="591592" spans="14:14">
      <c r="N591592" s="10"/>
    </row>
    <row r="591593" spans="14:14">
      <c r="N591593" s="10"/>
    </row>
    <row r="591594" spans="14:14">
      <c r="N591594" s="10"/>
    </row>
    <row r="591595" spans="14:14">
      <c r="N591595" s="10"/>
    </row>
    <row r="591596" spans="14:14">
      <c r="N591596" s="10"/>
    </row>
    <row r="591597" spans="14:14">
      <c r="N591597" s="10"/>
    </row>
    <row r="591598" spans="14:14">
      <c r="N591598" s="10"/>
    </row>
    <row r="591599" spans="14:14">
      <c r="N591599" s="10"/>
    </row>
    <row r="591600" spans="14:14">
      <c r="N591600" s="10"/>
    </row>
    <row r="591601" spans="14:14">
      <c r="N591601" s="10"/>
    </row>
    <row r="591602" spans="14:14">
      <c r="N591602" s="10"/>
    </row>
    <row r="591603" spans="14:14">
      <c r="N591603" s="10"/>
    </row>
    <row r="591604" spans="14:14">
      <c r="N591604" s="10"/>
    </row>
    <row r="591605" spans="14:14">
      <c r="N591605" s="10"/>
    </row>
    <row r="591606" spans="14:14">
      <c r="N591606" s="10"/>
    </row>
    <row r="591607" spans="14:14">
      <c r="N591607" s="10"/>
    </row>
    <row r="591608" spans="14:14">
      <c r="N591608" s="10"/>
    </row>
    <row r="591609" spans="14:14">
      <c r="N591609" s="10"/>
    </row>
    <row r="591610" spans="14:14">
      <c r="N591610" s="10"/>
    </row>
    <row r="591611" spans="14:14">
      <c r="N591611" s="10"/>
    </row>
    <row r="591612" spans="14:14">
      <c r="N591612" s="10"/>
    </row>
    <row r="591613" spans="14:14">
      <c r="N591613" s="10"/>
    </row>
    <row r="591614" spans="14:14">
      <c r="N591614" s="10"/>
    </row>
    <row r="591615" spans="14:14">
      <c r="N591615" s="10"/>
    </row>
    <row r="591616" spans="14:14">
      <c r="N591616" s="10"/>
    </row>
    <row r="591617" spans="14:14">
      <c r="N591617" s="10"/>
    </row>
    <row r="591618" spans="14:14">
      <c r="N591618" s="10"/>
    </row>
    <row r="591619" spans="14:14">
      <c r="N591619" s="10"/>
    </row>
    <row r="591620" spans="14:14">
      <c r="N591620" s="10"/>
    </row>
    <row r="591621" spans="14:14">
      <c r="N591621" s="10"/>
    </row>
    <row r="591622" spans="14:14">
      <c r="N591622" s="10"/>
    </row>
    <row r="591623" spans="14:14">
      <c r="N591623" s="10"/>
    </row>
    <row r="591624" spans="14:14">
      <c r="N591624" s="10"/>
    </row>
    <row r="591625" spans="14:14">
      <c r="N591625" s="10"/>
    </row>
    <row r="591626" spans="14:14">
      <c r="N591626" s="10"/>
    </row>
    <row r="591627" spans="14:14">
      <c r="N591627" s="10"/>
    </row>
    <row r="591628" spans="14:14">
      <c r="N591628" s="10"/>
    </row>
    <row r="591629" spans="14:14">
      <c r="N591629" s="10"/>
    </row>
    <row r="591630" spans="14:14">
      <c r="N591630" s="10"/>
    </row>
    <row r="591631" spans="14:14">
      <c r="N591631" s="10"/>
    </row>
    <row r="591632" spans="14:14">
      <c r="N591632" s="10"/>
    </row>
    <row r="591633" spans="14:14">
      <c r="N591633" s="10"/>
    </row>
    <row r="591634" spans="14:14">
      <c r="N591634" s="10"/>
    </row>
    <row r="591635" spans="14:14">
      <c r="N591635" s="10"/>
    </row>
    <row r="591636" spans="14:14">
      <c r="N591636" s="10"/>
    </row>
    <row r="591637" spans="14:14">
      <c r="N591637" s="10"/>
    </row>
    <row r="591638" spans="14:14">
      <c r="N591638" s="10"/>
    </row>
    <row r="591639" spans="14:14">
      <c r="N591639" s="10"/>
    </row>
    <row r="591640" spans="14:14">
      <c r="N591640" s="10"/>
    </row>
    <row r="591641" spans="14:14">
      <c r="N591641" s="10"/>
    </row>
    <row r="591642" spans="14:14">
      <c r="N591642" s="10"/>
    </row>
    <row r="591643" spans="14:14">
      <c r="N591643" s="10"/>
    </row>
    <row r="591644" spans="14:14">
      <c r="N591644" s="10"/>
    </row>
    <row r="591645" spans="14:14">
      <c r="N591645" s="10"/>
    </row>
    <row r="591646" spans="14:14">
      <c r="N591646" s="10"/>
    </row>
    <row r="591647" spans="14:14">
      <c r="N591647" s="10"/>
    </row>
    <row r="591648" spans="14:14">
      <c r="N591648" s="10"/>
    </row>
    <row r="591649" spans="14:14">
      <c r="N591649" s="10"/>
    </row>
    <row r="591650" spans="14:14">
      <c r="N591650" s="10"/>
    </row>
    <row r="591651" spans="14:14">
      <c r="N591651" s="10"/>
    </row>
    <row r="591652" spans="14:14">
      <c r="N591652" s="10"/>
    </row>
    <row r="591653" spans="14:14">
      <c r="N591653" s="10"/>
    </row>
    <row r="591654" spans="14:14">
      <c r="N591654" s="10"/>
    </row>
    <row r="591655" spans="14:14">
      <c r="N591655" s="10"/>
    </row>
    <row r="591656" spans="14:14">
      <c r="N591656" s="10"/>
    </row>
    <row r="591657" spans="14:14">
      <c r="N591657" s="10"/>
    </row>
    <row r="591658" spans="14:14">
      <c r="N591658" s="10"/>
    </row>
    <row r="591659" spans="14:14">
      <c r="N591659" s="10"/>
    </row>
    <row r="591660" spans="14:14">
      <c r="N591660" s="10"/>
    </row>
    <row r="591661" spans="14:14">
      <c r="N591661" s="10"/>
    </row>
    <row r="591662" spans="14:14">
      <c r="N591662" s="10"/>
    </row>
    <row r="591663" spans="14:14">
      <c r="N591663" s="10"/>
    </row>
    <row r="591664" spans="14:14">
      <c r="N591664" s="10"/>
    </row>
    <row r="591665" spans="14:14">
      <c r="N591665" s="10"/>
    </row>
    <row r="591666" spans="14:14">
      <c r="N591666" s="10"/>
    </row>
    <row r="591667" spans="14:14">
      <c r="N591667" s="10"/>
    </row>
    <row r="591668" spans="14:14">
      <c r="N591668" s="10"/>
    </row>
    <row r="591669" spans="14:14">
      <c r="N591669" s="10"/>
    </row>
    <row r="591670" spans="14:14">
      <c r="N591670" s="10"/>
    </row>
    <row r="591671" spans="14:14">
      <c r="N591671" s="10"/>
    </row>
    <row r="591672" spans="14:14">
      <c r="N591672" s="10"/>
    </row>
    <row r="591673" spans="14:14">
      <c r="N591673" s="10"/>
    </row>
    <row r="591674" spans="14:14">
      <c r="N591674" s="10"/>
    </row>
    <row r="591675" spans="14:14">
      <c r="N591675" s="10"/>
    </row>
    <row r="591676" spans="14:14">
      <c r="N591676" s="10"/>
    </row>
    <row r="591677" spans="14:14">
      <c r="N591677" s="10"/>
    </row>
    <row r="591678" spans="14:14">
      <c r="N591678" s="10"/>
    </row>
    <row r="591679" spans="14:14">
      <c r="N591679" s="10"/>
    </row>
    <row r="591680" spans="14:14">
      <c r="N591680" s="10"/>
    </row>
    <row r="591681" spans="14:14">
      <c r="N591681" s="10"/>
    </row>
    <row r="591682" spans="14:14">
      <c r="N591682" s="10"/>
    </row>
    <row r="591683" spans="14:14">
      <c r="N591683" s="10"/>
    </row>
    <row r="591684" spans="14:14">
      <c r="N591684" s="10"/>
    </row>
    <row r="591685" spans="14:14">
      <c r="N591685" s="10"/>
    </row>
    <row r="591686" spans="14:14">
      <c r="N591686" s="10"/>
    </row>
    <row r="591687" spans="14:14">
      <c r="N591687" s="10"/>
    </row>
    <row r="591688" spans="14:14">
      <c r="N591688" s="10"/>
    </row>
    <row r="591689" spans="14:14">
      <c r="N591689" s="10"/>
    </row>
    <row r="591690" spans="14:14">
      <c r="N591690" s="10"/>
    </row>
    <row r="591691" spans="14:14">
      <c r="N591691" s="10"/>
    </row>
    <row r="591692" spans="14:14">
      <c r="N591692" s="10"/>
    </row>
    <row r="591693" spans="14:14">
      <c r="N591693" s="10"/>
    </row>
    <row r="591694" spans="14:14">
      <c r="N591694" s="10"/>
    </row>
    <row r="591695" spans="14:14">
      <c r="N591695" s="10"/>
    </row>
    <row r="591696" spans="14:14">
      <c r="N591696" s="10"/>
    </row>
    <row r="591697" spans="14:14">
      <c r="N591697" s="10"/>
    </row>
    <row r="591698" spans="14:14">
      <c r="N591698" s="10"/>
    </row>
    <row r="591699" spans="14:14">
      <c r="N591699" s="10"/>
    </row>
    <row r="591700" spans="14:14">
      <c r="N591700" s="10"/>
    </row>
    <row r="591701" spans="14:14">
      <c r="N591701" s="10"/>
    </row>
    <row r="591702" spans="14:14">
      <c r="N591702" s="10"/>
    </row>
    <row r="591703" spans="14:14">
      <c r="N591703" s="10"/>
    </row>
    <row r="591704" spans="14:14">
      <c r="N591704" s="10"/>
    </row>
    <row r="591705" spans="14:14">
      <c r="N591705" s="10"/>
    </row>
    <row r="591706" spans="14:14">
      <c r="N591706" s="10"/>
    </row>
    <row r="591707" spans="14:14">
      <c r="N591707" s="10"/>
    </row>
    <row r="591708" spans="14:14">
      <c r="N591708" s="10"/>
    </row>
    <row r="591709" spans="14:14">
      <c r="N591709" s="10"/>
    </row>
    <row r="591710" spans="14:14">
      <c r="N591710" s="10"/>
    </row>
    <row r="591711" spans="14:14">
      <c r="N591711" s="10"/>
    </row>
    <row r="591712" spans="14:14">
      <c r="N591712" s="10"/>
    </row>
    <row r="591713" spans="14:14">
      <c r="N591713" s="10"/>
    </row>
    <row r="591714" spans="14:14">
      <c r="N591714" s="10"/>
    </row>
    <row r="591715" spans="14:14">
      <c r="N591715" s="10"/>
    </row>
    <row r="591716" spans="14:14">
      <c r="N591716" s="10"/>
    </row>
    <row r="591717" spans="14:14">
      <c r="N591717" s="10"/>
    </row>
    <row r="591718" spans="14:14">
      <c r="N591718" s="10"/>
    </row>
    <row r="591719" spans="14:14">
      <c r="N591719" s="10"/>
    </row>
    <row r="591720" spans="14:14">
      <c r="N591720" s="10"/>
    </row>
    <row r="591721" spans="14:14">
      <c r="N591721" s="10"/>
    </row>
    <row r="591722" spans="14:14">
      <c r="N591722" s="10"/>
    </row>
    <row r="591723" spans="14:14">
      <c r="N591723" s="10"/>
    </row>
    <row r="591724" spans="14:14">
      <c r="N591724" s="10"/>
    </row>
    <row r="591725" spans="14:14">
      <c r="N591725" s="10"/>
    </row>
    <row r="591726" spans="14:14">
      <c r="N591726" s="10"/>
    </row>
    <row r="591727" spans="14:14">
      <c r="N591727" s="10"/>
    </row>
    <row r="591728" spans="14:14">
      <c r="N591728" s="10"/>
    </row>
    <row r="591729" spans="14:14">
      <c r="N591729" s="10"/>
    </row>
    <row r="591730" spans="14:14">
      <c r="N591730" s="10"/>
    </row>
    <row r="591731" spans="14:14">
      <c r="N591731" s="10"/>
    </row>
    <row r="591732" spans="14:14">
      <c r="N591732" s="10"/>
    </row>
    <row r="591733" spans="14:14">
      <c r="N591733" s="10"/>
    </row>
    <row r="591734" spans="14:14">
      <c r="N591734" s="10"/>
    </row>
    <row r="591735" spans="14:14">
      <c r="N591735" s="10"/>
    </row>
    <row r="591736" spans="14:14">
      <c r="N591736" s="10"/>
    </row>
    <row r="591737" spans="14:14">
      <c r="N591737" s="10"/>
    </row>
    <row r="591738" spans="14:14">
      <c r="N591738" s="10"/>
    </row>
    <row r="591739" spans="14:14">
      <c r="N591739" s="10"/>
    </row>
    <row r="591740" spans="14:14">
      <c r="N591740" s="10"/>
    </row>
    <row r="591741" spans="14:14">
      <c r="N591741" s="10"/>
    </row>
    <row r="591742" spans="14:14">
      <c r="N591742" s="10"/>
    </row>
    <row r="591743" spans="14:14">
      <c r="N591743" s="10"/>
    </row>
    <row r="591744" spans="14:14">
      <c r="N591744" s="10"/>
    </row>
    <row r="591745" spans="14:14">
      <c r="N591745" s="10"/>
    </row>
    <row r="591746" spans="14:14">
      <c r="N591746" s="10"/>
    </row>
    <row r="591747" spans="14:14">
      <c r="N591747" s="10"/>
    </row>
    <row r="591748" spans="14:14">
      <c r="N591748" s="10"/>
    </row>
    <row r="591749" spans="14:14">
      <c r="N591749" s="10"/>
    </row>
    <row r="591750" spans="14:14">
      <c r="N591750" s="10"/>
    </row>
    <row r="591751" spans="14:14">
      <c r="N591751" s="10"/>
    </row>
    <row r="591752" spans="14:14">
      <c r="N591752" s="10"/>
    </row>
    <row r="591753" spans="14:14">
      <c r="N591753" s="10"/>
    </row>
    <row r="591754" spans="14:14">
      <c r="N591754" s="10"/>
    </row>
    <row r="591755" spans="14:14">
      <c r="N591755" s="10"/>
    </row>
    <row r="591756" spans="14:14">
      <c r="N591756" s="10"/>
    </row>
    <row r="591757" spans="14:14">
      <c r="N591757" s="10"/>
    </row>
    <row r="591758" spans="14:14">
      <c r="N591758" s="10"/>
    </row>
    <row r="591759" spans="14:14">
      <c r="N591759" s="10"/>
    </row>
    <row r="591760" spans="14:14">
      <c r="N591760" s="10"/>
    </row>
    <row r="591761" spans="14:14">
      <c r="N591761" s="10"/>
    </row>
    <row r="591762" spans="14:14">
      <c r="N591762" s="10"/>
    </row>
    <row r="591763" spans="14:14">
      <c r="N591763" s="10"/>
    </row>
    <row r="591764" spans="14:14">
      <c r="N591764" s="10"/>
    </row>
    <row r="591765" spans="14:14">
      <c r="N591765" s="10"/>
    </row>
    <row r="591766" spans="14:14">
      <c r="N591766" s="10"/>
    </row>
    <row r="591767" spans="14:14">
      <c r="N591767" s="10"/>
    </row>
    <row r="591768" spans="14:14">
      <c r="N591768" s="10"/>
    </row>
    <row r="591769" spans="14:14">
      <c r="N591769" s="10"/>
    </row>
    <row r="591770" spans="14:14">
      <c r="N591770" s="10"/>
    </row>
    <row r="591771" spans="14:14">
      <c r="N591771" s="10"/>
    </row>
    <row r="591772" spans="14:14">
      <c r="N591772" s="10"/>
    </row>
    <row r="591773" spans="14:14">
      <c r="N591773" s="10"/>
    </row>
    <row r="591774" spans="14:14">
      <c r="N591774" s="10"/>
    </row>
    <row r="591775" spans="14:14">
      <c r="N591775" s="10"/>
    </row>
    <row r="591776" spans="14:14">
      <c r="N591776" s="10"/>
    </row>
    <row r="591777" spans="14:14">
      <c r="N591777" s="10"/>
    </row>
    <row r="591778" spans="14:14">
      <c r="N591778" s="10"/>
    </row>
    <row r="591779" spans="14:14">
      <c r="N591779" s="10"/>
    </row>
    <row r="591780" spans="14:14">
      <c r="N591780" s="10"/>
    </row>
    <row r="591781" spans="14:14">
      <c r="N591781" s="10"/>
    </row>
    <row r="591782" spans="14:14">
      <c r="N591782" s="10"/>
    </row>
    <row r="591783" spans="14:14">
      <c r="N591783" s="10"/>
    </row>
    <row r="591784" spans="14:14">
      <c r="N591784" s="10"/>
    </row>
    <row r="591785" spans="14:14">
      <c r="N591785" s="10"/>
    </row>
    <row r="591786" spans="14:14">
      <c r="N591786" s="10"/>
    </row>
    <row r="591787" spans="14:14">
      <c r="N591787" s="10"/>
    </row>
    <row r="591788" spans="14:14">
      <c r="N591788" s="10"/>
    </row>
    <row r="591789" spans="14:14">
      <c r="N591789" s="10"/>
    </row>
    <row r="591790" spans="14:14">
      <c r="N591790" s="10"/>
    </row>
    <row r="591791" spans="14:14">
      <c r="N591791" s="10"/>
    </row>
    <row r="591792" spans="14:14">
      <c r="N591792" s="10"/>
    </row>
    <row r="591793" spans="14:14">
      <c r="N591793" s="10"/>
    </row>
    <row r="591794" spans="14:14">
      <c r="N591794" s="10"/>
    </row>
    <row r="591795" spans="14:14">
      <c r="N591795" s="10"/>
    </row>
    <row r="591796" spans="14:14">
      <c r="N591796" s="10"/>
    </row>
    <row r="591797" spans="14:14">
      <c r="N591797" s="10"/>
    </row>
    <row r="591798" spans="14:14">
      <c r="N591798" s="10"/>
    </row>
    <row r="591799" spans="14:14">
      <c r="N591799" s="10"/>
    </row>
    <row r="591800" spans="14:14">
      <c r="N591800" s="10"/>
    </row>
    <row r="591801" spans="14:14">
      <c r="N591801" s="10"/>
    </row>
    <row r="591802" spans="14:14">
      <c r="N591802" s="10"/>
    </row>
    <row r="591803" spans="14:14">
      <c r="N591803" s="10"/>
    </row>
    <row r="591804" spans="14:14">
      <c r="N591804" s="10"/>
    </row>
    <row r="591805" spans="14:14">
      <c r="N591805" s="10"/>
    </row>
    <row r="591806" spans="14:14">
      <c r="N591806" s="10"/>
    </row>
    <row r="591807" spans="14:14">
      <c r="N591807" s="10"/>
    </row>
    <row r="591808" spans="14:14">
      <c r="N591808" s="10"/>
    </row>
    <row r="591809" spans="14:14">
      <c r="N591809" s="10"/>
    </row>
    <row r="591810" spans="14:14">
      <c r="N591810" s="10"/>
    </row>
    <row r="591811" spans="14:14">
      <c r="N591811" s="10"/>
    </row>
    <row r="591812" spans="14:14">
      <c r="N591812" s="10"/>
    </row>
    <row r="591813" spans="14:14">
      <c r="N591813" s="10"/>
    </row>
    <row r="591814" spans="14:14">
      <c r="N591814" s="10"/>
    </row>
    <row r="591815" spans="14:14">
      <c r="N591815" s="10"/>
    </row>
    <row r="591816" spans="14:14">
      <c r="N591816" s="10"/>
    </row>
    <row r="591817" spans="14:14">
      <c r="N591817" s="10"/>
    </row>
    <row r="591818" spans="14:14">
      <c r="N591818" s="10"/>
    </row>
    <row r="591819" spans="14:14">
      <c r="N591819" s="10"/>
    </row>
    <row r="591820" spans="14:14">
      <c r="N591820" s="10"/>
    </row>
    <row r="591821" spans="14:14">
      <c r="N591821" s="10"/>
    </row>
    <row r="591822" spans="14:14">
      <c r="N591822" s="10"/>
    </row>
    <row r="591823" spans="14:14">
      <c r="N591823" s="10"/>
    </row>
    <row r="591824" spans="14:14">
      <c r="N591824" s="10"/>
    </row>
    <row r="591825" spans="14:14">
      <c r="N591825" s="10"/>
    </row>
    <row r="591826" spans="14:14">
      <c r="N591826" s="10"/>
    </row>
    <row r="591827" spans="14:14">
      <c r="N591827" s="10"/>
    </row>
    <row r="591828" spans="14:14">
      <c r="N591828" s="10"/>
    </row>
    <row r="591829" spans="14:14">
      <c r="N591829" s="10"/>
    </row>
    <row r="591830" spans="14:14">
      <c r="N591830" s="10"/>
    </row>
    <row r="591831" spans="14:14">
      <c r="N591831" s="10"/>
    </row>
    <row r="591832" spans="14:14">
      <c r="N591832" s="10"/>
    </row>
    <row r="591833" spans="14:14">
      <c r="N591833" s="10"/>
    </row>
    <row r="591834" spans="14:14">
      <c r="N591834" s="10"/>
    </row>
    <row r="591835" spans="14:14">
      <c r="N591835" s="10"/>
    </row>
    <row r="591836" spans="14:14">
      <c r="N591836" s="10"/>
    </row>
    <row r="591837" spans="14:14">
      <c r="N591837" s="10"/>
    </row>
    <row r="591838" spans="14:14">
      <c r="N591838" s="10"/>
    </row>
    <row r="591839" spans="14:14">
      <c r="N591839" s="10"/>
    </row>
    <row r="591840" spans="14:14">
      <c r="N591840" s="10"/>
    </row>
    <row r="591841" spans="14:14">
      <c r="N591841" s="10"/>
    </row>
    <row r="591842" spans="14:14">
      <c r="N591842" s="10"/>
    </row>
    <row r="591843" spans="14:14">
      <c r="N591843" s="10"/>
    </row>
    <row r="591844" spans="14:14">
      <c r="N591844" s="10"/>
    </row>
    <row r="591845" spans="14:14">
      <c r="N591845" s="10"/>
    </row>
    <row r="591846" spans="14:14">
      <c r="N591846" s="10"/>
    </row>
    <row r="591847" spans="14:14">
      <c r="N591847" s="10"/>
    </row>
    <row r="591848" spans="14:14">
      <c r="N591848" s="10"/>
    </row>
    <row r="591849" spans="14:14">
      <c r="N591849" s="10"/>
    </row>
    <row r="591850" spans="14:14">
      <c r="N591850" s="10"/>
    </row>
    <row r="591851" spans="14:14">
      <c r="N591851" s="10"/>
    </row>
    <row r="591852" spans="14:14">
      <c r="N591852" s="10"/>
    </row>
    <row r="591853" spans="14:14">
      <c r="N591853" s="10"/>
    </row>
    <row r="591854" spans="14:14">
      <c r="N591854" s="10"/>
    </row>
    <row r="591855" spans="14:14">
      <c r="N591855" s="10"/>
    </row>
    <row r="591856" spans="14:14">
      <c r="N591856" s="10"/>
    </row>
    <row r="591857" spans="14:14">
      <c r="N591857" s="10"/>
    </row>
    <row r="591858" spans="14:14">
      <c r="N591858" s="10"/>
    </row>
    <row r="591859" spans="14:14">
      <c r="N591859" s="10"/>
    </row>
    <row r="591860" spans="14:14">
      <c r="N591860" s="10"/>
    </row>
    <row r="591861" spans="14:14">
      <c r="N591861" s="10"/>
    </row>
    <row r="591862" spans="14:14">
      <c r="N591862" s="10"/>
    </row>
    <row r="591863" spans="14:14">
      <c r="N591863" s="10"/>
    </row>
    <row r="591864" spans="14:14">
      <c r="N591864" s="10"/>
    </row>
    <row r="591865" spans="14:14">
      <c r="N591865" s="10"/>
    </row>
    <row r="591866" spans="14:14">
      <c r="N591866" s="10"/>
    </row>
    <row r="591867" spans="14:14">
      <c r="N591867" s="10"/>
    </row>
    <row r="591868" spans="14:14">
      <c r="N591868" s="10"/>
    </row>
    <row r="591869" spans="14:14">
      <c r="N591869" s="10"/>
    </row>
    <row r="591870" spans="14:14">
      <c r="N591870" s="10"/>
    </row>
    <row r="591871" spans="14:14">
      <c r="N591871" s="10"/>
    </row>
    <row r="591872" spans="14:14">
      <c r="N591872" s="10"/>
    </row>
    <row r="591873" spans="14:14">
      <c r="N591873" s="10"/>
    </row>
    <row r="591874" spans="14:14">
      <c r="N591874" s="10"/>
    </row>
    <row r="591875" spans="14:14">
      <c r="N591875" s="10"/>
    </row>
    <row r="591876" spans="14:14">
      <c r="N591876" s="10"/>
    </row>
    <row r="591877" spans="14:14">
      <c r="N591877" s="10"/>
    </row>
    <row r="591878" spans="14:14">
      <c r="N591878" s="10"/>
    </row>
    <row r="591879" spans="14:14">
      <c r="N591879" s="10"/>
    </row>
    <row r="591880" spans="14:14">
      <c r="N591880" s="10"/>
    </row>
    <row r="591881" spans="14:14">
      <c r="N591881" s="10"/>
    </row>
    <row r="591882" spans="14:14">
      <c r="N591882" s="10"/>
    </row>
    <row r="591883" spans="14:14">
      <c r="N591883" s="10"/>
    </row>
    <row r="591884" spans="14:14">
      <c r="N591884" s="10"/>
    </row>
    <row r="591885" spans="14:14">
      <c r="N591885" s="10"/>
    </row>
    <row r="591886" spans="14:14">
      <c r="N591886" s="10"/>
    </row>
    <row r="591887" spans="14:14">
      <c r="N591887" s="10"/>
    </row>
    <row r="591888" spans="14:14">
      <c r="N591888" s="10"/>
    </row>
    <row r="591889" spans="14:14">
      <c r="N591889" s="10"/>
    </row>
    <row r="591890" spans="14:14">
      <c r="N591890" s="10"/>
    </row>
    <row r="591891" spans="14:14">
      <c r="N591891" s="10"/>
    </row>
    <row r="591892" spans="14:14">
      <c r="N591892" s="10"/>
    </row>
    <row r="591893" spans="14:14">
      <c r="N591893" s="10"/>
    </row>
    <row r="591894" spans="14:14">
      <c r="N591894" s="10"/>
    </row>
    <row r="591895" spans="14:14">
      <c r="N591895" s="10"/>
    </row>
    <row r="591896" spans="14:14">
      <c r="N591896" s="10"/>
    </row>
    <row r="591897" spans="14:14">
      <c r="N591897" s="10"/>
    </row>
    <row r="591898" spans="14:14">
      <c r="N591898" s="10"/>
    </row>
    <row r="591899" spans="14:14">
      <c r="N591899" s="10"/>
    </row>
    <row r="591900" spans="14:14">
      <c r="N591900" s="10"/>
    </row>
    <row r="591901" spans="14:14">
      <c r="N591901" s="10"/>
    </row>
    <row r="591902" spans="14:14">
      <c r="N591902" s="10"/>
    </row>
    <row r="591903" spans="14:14">
      <c r="N591903" s="10"/>
    </row>
    <row r="591904" spans="14:14">
      <c r="N591904" s="10"/>
    </row>
    <row r="591905" spans="14:14">
      <c r="N591905" s="10"/>
    </row>
    <row r="591906" spans="14:14">
      <c r="N591906" s="10"/>
    </row>
    <row r="591907" spans="14:14">
      <c r="N591907" s="10"/>
    </row>
    <row r="591908" spans="14:14">
      <c r="N591908" s="10"/>
    </row>
    <row r="591909" spans="14:14">
      <c r="N591909" s="10"/>
    </row>
    <row r="591910" spans="14:14">
      <c r="N591910" s="10"/>
    </row>
    <row r="591911" spans="14:14">
      <c r="N591911" s="10"/>
    </row>
    <row r="591912" spans="14:14">
      <c r="N591912" s="10"/>
    </row>
    <row r="591913" spans="14:14">
      <c r="N591913" s="10"/>
    </row>
    <row r="591914" spans="14:14">
      <c r="N591914" s="10"/>
    </row>
    <row r="591915" spans="14:14">
      <c r="N591915" s="10"/>
    </row>
    <row r="591916" spans="14:14">
      <c r="N591916" s="10"/>
    </row>
    <row r="591917" spans="14:14">
      <c r="N591917" s="10"/>
    </row>
    <row r="591918" spans="14:14">
      <c r="N591918" s="10"/>
    </row>
    <row r="591919" spans="14:14">
      <c r="N591919" s="10"/>
    </row>
    <row r="591920" spans="14:14">
      <c r="N591920" s="10"/>
    </row>
    <row r="591921" spans="14:14">
      <c r="N591921" s="10"/>
    </row>
    <row r="591922" spans="14:14">
      <c r="N591922" s="10"/>
    </row>
    <row r="591923" spans="14:14">
      <c r="N591923" s="10"/>
    </row>
    <row r="591924" spans="14:14">
      <c r="N591924" s="10"/>
    </row>
    <row r="591925" spans="14:14">
      <c r="N591925" s="10"/>
    </row>
    <row r="591926" spans="14:14">
      <c r="N591926" s="10"/>
    </row>
    <row r="591927" spans="14:14">
      <c r="N591927" s="10"/>
    </row>
    <row r="591928" spans="14:14">
      <c r="N591928" s="10"/>
    </row>
    <row r="591929" spans="14:14">
      <c r="N591929" s="10"/>
    </row>
    <row r="591930" spans="14:14">
      <c r="N591930" s="10"/>
    </row>
    <row r="591931" spans="14:14">
      <c r="N591931" s="10"/>
    </row>
    <row r="591932" spans="14:14">
      <c r="N591932" s="10"/>
    </row>
    <row r="591933" spans="14:14">
      <c r="N591933" s="10"/>
    </row>
    <row r="591934" spans="14:14">
      <c r="N591934" s="10"/>
    </row>
    <row r="591935" spans="14:14">
      <c r="N591935" s="10"/>
    </row>
    <row r="591936" spans="14:14">
      <c r="N591936" s="10"/>
    </row>
    <row r="591937" spans="14:14">
      <c r="N591937" s="10"/>
    </row>
    <row r="591938" spans="14:14">
      <c r="N591938" s="10"/>
    </row>
    <row r="591939" spans="14:14">
      <c r="N591939" s="10"/>
    </row>
    <row r="591940" spans="14:14">
      <c r="N591940" s="10"/>
    </row>
    <row r="591941" spans="14:14">
      <c r="N591941" s="10"/>
    </row>
    <row r="591942" spans="14:14">
      <c r="N591942" s="10"/>
    </row>
    <row r="591943" spans="14:14">
      <c r="N591943" s="10"/>
    </row>
    <row r="591944" spans="14:14">
      <c r="N591944" s="10"/>
    </row>
    <row r="591945" spans="14:14">
      <c r="N591945" s="10"/>
    </row>
    <row r="591946" spans="14:14">
      <c r="N591946" s="10"/>
    </row>
    <row r="591947" spans="14:14">
      <c r="N591947" s="10"/>
    </row>
    <row r="591948" spans="14:14">
      <c r="N591948" s="10"/>
    </row>
    <row r="591949" spans="14:14">
      <c r="N591949" s="10"/>
    </row>
    <row r="591950" spans="14:14">
      <c r="N591950" s="10"/>
    </row>
    <row r="591951" spans="14:14">
      <c r="N591951" s="10"/>
    </row>
    <row r="591952" spans="14:14">
      <c r="N591952" s="10"/>
    </row>
    <row r="591953" spans="14:14">
      <c r="N591953" s="10"/>
    </row>
    <row r="591954" spans="14:14">
      <c r="N591954" s="10"/>
    </row>
    <row r="591955" spans="14:14">
      <c r="N591955" s="10"/>
    </row>
    <row r="591956" spans="14:14">
      <c r="N591956" s="10"/>
    </row>
    <row r="591957" spans="14:14">
      <c r="N591957" s="10"/>
    </row>
    <row r="591958" spans="14:14">
      <c r="N591958" s="10"/>
    </row>
    <row r="591959" spans="14:14">
      <c r="N591959" s="10"/>
    </row>
    <row r="591960" spans="14:14">
      <c r="N591960" s="10"/>
    </row>
    <row r="591961" spans="14:14">
      <c r="N591961" s="10"/>
    </row>
    <row r="591962" spans="14:14">
      <c r="N591962" s="10"/>
    </row>
    <row r="591963" spans="14:14">
      <c r="N591963" s="10"/>
    </row>
    <row r="591964" spans="14:14">
      <c r="N591964" s="10"/>
    </row>
    <row r="591965" spans="14:14">
      <c r="N591965" s="10"/>
    </row>
    <row r="591966" spans="14:14">
      <c r="N591966" s="10"/>
    </row>
    <row r="591967" spans="14:14">
      <c r="N591967" s="10"/>
    </row>
    <row r="591968" spans="14:14">
      <c r="N591968" s="10"/>
    </row>
    <row r="591969" spans="14:14">
      <c r="N591969" s="10"/>
    </row>
    <row r="591970" spans="14:14">
      <c r="N591970" s="10"/>
    </row>
    <row r="591971" spans="14:14">
      <c r="N591971" s="10"/>
    </row>
    <row r="591972" spans="14:14">
      <c r="N591972" s="10"/>
    </row>
    <row r="591973" spans="14:14">
      <c r="N591973" s="10"/>
    </row>
    <row r="591974" spans="14:14">
      <c r="N591974" s="10"/>
    </row>
    <row r="591975" spans="14:14">
      <c r="N591975" s="10"/>
    </row>
    <row r="591976" spans="14:14">
      <c r="N591976" s="10"/>
    </row>
    <row r="591977" spans="14:14">
      <c r="N591977" s="10"/>
    </row>
    <row r="591978" spans="14:14">
      <c r="N591978" s="10"/>
    </row>
    <row r="591979" spans="14:14">
      <c r="N591979" s="10"/>
    </row>
    <row r="591980" spans="14:14">
      <c r="N591980" s="10"/>
    </row>
    <row r="591981" spans="14:14">
      <c r="N591981" s="10"/>
    </row>
    <row r="591982" spans="14:14">
      <c r="N591982" s="10"/>
    </row>
    <row r="591983" spans="14:14">
      <c r="N591983" s="10"/>
    </row>
    <row r="591984" spans="14:14">
      <c r="N591984" s="10"/>
    </row>
    <row r="591985" spans="14:14">
      <c r="N591985" s="10"/>
    </row>
    <row r="591986" spans="14:14">
      <c r="N591986" s="10"/>
    </row>
    <row r="591987" spans="14:14">
      <c r="N591987" s="10"/>
    </row>
    <row r="591988" spans="14:14">
      <c r="N591988" s="10"/>
    </row>
    <row r="591989" spans="14:14">
      <c r="N591989" s="10"/>
    </row>
    <row r="591990" spans="14:14">
      <c r="N591990" s="10"/>
    </row>
    <row r="591991" spans="14:14">
      <c r="N591991" s="10"/>
    </row>
    <row r="591992" spans="14:14">
      <c r="N591992" s="10"/>
    </row>
    <row r="591993" spans="14:14">
      <c r="N591993" s="10"/>
    </row>
    <row r="591994" spans="14:14">
      <c r="N591994" s="10"/>
    </row>
    <row r="591995" spans="14:14">
      <c r="N591995" s="10"/>
    </row>
    <row r="591996" spans="14:14">
      <c r="N591996" s="10"/>
    </row>
    <row r="591997" spans="14:14">
      <c r="N591997" s="10"/>
    </row>
    <row r="591998" spans="14:14">
      <c r="N591998" s="10"/>
    </row>
    <row r="591999" spans="14:14">
      <c r="N591999" s="10"/>
    </row>
    <row r="592000" spans="14:14">
      <c r="N592000" s="10"/>
    </row>
    <row r="592001" spans="14:14">
      <c r="N592001" s="10"/>
    </row>
    <row r="592002" spans="14:14">
      <c r="N592002" s="10"/>
    </row>
    <row r="592003" spans="14:14">
      <c r="N592003" s="10"/>
    </row>
    <row r="592004" spans="14:14">
      <c r="N592004" s="10"/>
    </row>
    <row r="592005" spans="14:14">
      <c r="N592005" s="10"/>
    </row>
    <row r="592006" spans="14:14">
      <c r="N592006" s="10"/>
    </row>
    <row r="592007" spans="14:14">
      <c r="N592007" s="10"/>
    </row>
    <row r="592008" spans="14:14">
      <c r="N592008" s="10"/>
    </row>
    <row r="592009" spans="14:14">
      <c r="N592009" s="10"/>
    </row>
    <row r="592010" spans="14:14">
      <c r="N592010" s="10"/>
    </row>
    <row r="592011" spans="14:14">
      <c r="N592011" s="10"/>
    </row>
    <row r="592012" spans="14:14">
      <c r="N592012" s="10"/>
    </row>
    <row r="592013" spans="14:14">
      <c r="N592013" s="10"/>
    </row>
    <row r="592014" spans="14:14">
      <c r="N592014" s="10"/>
    </row>
    <row r="592015" spans="14:14">
      <c r="N592015" s="10"/>
    </row>
    <row r="592016" spans="14:14">
      <c r="N592016" s="10"/>
    </row>
    <row r="592017" spans="14:14">
      <c r="N592017" s="10"/>
    </row>
    <row r="592018" spans="14:14">
      <c r="N592018" s="10"/>
    </row>
    <row r="592019" spans="14:14">
      <c r="N592019" s="10"/>
    </row>
    <row r="592020" spans="14:14">
      <c r="N592020" s="10"/>
    </row>
    <row r="592021" spans="14:14">
      <c r="N592021" s="10"/>
    </row>
    <row r="592022" spans="14:14">
      <c r="N592022" s="10"/>
    </row>
    <row r="592023" spans="14:14">
      <c r="N592023" s="10"/>
    </row>
    <row r="592024" spans="14:14">
      <c r="N592024" s="10"/>
    </row>
    <row r="592025" spans="14:14">
      <c r="N592025" s="10"/>
    </row>
    <row r="592026" spans="14:14">
      <c r="N592026" s="10"/>
    </row>
    <row r="592027" spans="14:14">
      <c r="N592027" s="10"/>
    </row>
    <row r="592028" spans="14:14">
      <c r="N592028" s="10"/>
    </row>
    <row r="592029" spans="14:14">
      <c r="N592029" s="10"/>
    </row>
    <row r="592030" spans="14:14">
      <c r="N592030" s="10"/>
    </row>
    <row r="592031" spans="14:14">
      <c r="N592031" s="10"/>
    </row>
    <row r="592032" spans="14:14">
      <c r="N592032" s="10"/>
    </row>
    <row r="592033" spans="14:14">
      <c r="N592033" s="10"/>
    </row>
    <row r="592034" spans="14:14">
      <c r="N592034" s="10"/>
    </row>
    <row r="592035" spans="14:14">
      <c r="N592035" s="10"/>
    </row>
    <row r="592036" spans="14:14">
      <c r="N592036" s="10"/>
    </row>
    <row r="592037" spans="14:14">
      <c r="N592037" s="10"/>
    </row>
    <row r="592038" spans="14:14">
      <c r="N592038" s="10"/>
    </row>
    <row r="592039" spans="14:14">
      <c r="N592039" s="10"/>
    </row>
    <row r="592040" spans="14:14">
      <c r="N592040" s="10"/>
    </row>
    <row r="592041" spans="14:14">
      <c r="N592041" s="10"/>
    </row>
    <row r="592042" spans="14:14">
      <c r="N592042" s="10"/>
    </row>
    <row r="592043" spans="14:14">
      <c r="N592043" s="10"/>
    </row>
    <row r="592044" spans="14:14">
      <c r="N592044" s="10"/>
    </row>
    <row r="592045" spans="14:14">
      <c r="N592045" s="10"/>
    </row>
    <row r="592046" spans="14:14">
      <c r="N592046" s="10"/>
    </row>
    <row r="592047" spans="14:14">
      <c r="N592047" s="10"/>
    </row>
    <row r="592048" spans="14:14">
      <c r="N592048" s="10"/>
    </row>
    <row r="592049" spans="14:14">
      <c r="N592049" s="10"/>
    </row>
    <row r="592050" spans="14:14">
      <c r="N592050" s="10"/>
    </row>
    <row r="592051" spans="14:14">
      <c r="N592051" s="10"/>
    </row>
    <row r="592052" spans="14:14">
      <c r="N592052" s="10"/>
    </row>
    <row r="592053" spans="14:14">
      <c r="N592053" s="10"/>
    </row>
    <row r="592054" spans="14:14">
      <c r="N592054" s="10"/>
    </row>
    <row r="592055" spans="14:14">
      <c r="N592055" s="10"/>
    </row>
    <row r="592056" spans="14:14">
      <c r="N592056" s="10"/>
    </row>
    <row r="592057" spans="14:14">
      <c r="N592057" s="10"/>
    </row>
    <row r="592058" spans="14:14">
      <c r="N592058" s="10"/>
    </row>
    <row r="592059" spans="14:14">
      <c r="N592059" s="10"/>
    </row>
    <row r="592060" spans="14:14">
      <c r="N592060" s="10"/>
    </row>
    <row r="592061" spans="14:14">
      <c r="N592061" s="10"/>
    </row>
    <row r="592062" spans="14:14">
      <c r="N592062" s="10"/>
    </row>
    <row r="592063" spans="14:14">
      <c r="N592063" s="10"/>
    </row>
    <row r="592064" spans="14:14">
      <c r="N592064" s="10"/>
    </row>
    <row r="592065" spans="14:14">
      <c r="N592065" s="10"/>
    </row>
    <row r="592066" spans="14:14">
      <c r="N592066" s="10"/>
    </row>
    <row r="592067" spans="14:14">
      <c r="N592067" s="10"/>
    </row>
    <row r="592068" spans="14:14">
      <c r="N592068" s="10"/>
    </row>
    <row r="592069" spans="14:14">
      <c r="N592069" s="10"/>
    </row>
    <row r="592070" spans="14:14">
      <c r="N592070" s="10"/>
    </row>
    <row r="592071" spans="14:14">
      <c r="N592071" s="10"/>
    </row>
    <row r="592072" spans="14:14">
      <c r="N592072" s="10"/>
    </row>
    <row r="592073" spans="14:14">
      <c r="N592073" s="10"/>
    </row>
    <row r="592074" spans="14:14">
      <c r="N592074" s="10"/>
    </row>
    <row r="592075" spans="14:14">
      <c r="N592075" s="10"/>
    </row>
    <row r="592076" spans="14:14">
      <c r="N592076" s="10"/>
    </row>
    <row r="592077" spans="14:14">
      <c r="N592077" s="10"/>
    </row>
    <row r="592078" spans="14:14">
      <c r="N592078" s="10"/>
    </row>
    <row r="592079" spans="14:14">
      <c r="N592079" s="10"/>
    </row>
    <row r="592080" spans="14:14">
      <c r="N592080" s="10"/>
    </row>
    <row r="592081" spans="14:14">
      <c r="N592081" s="10"/>
    </row>
    <row r="592082" spans="14:14">
      <c r="N592082" s="10"/>
    </row>
    <row r="592083" spans="14:14">
      <c r="N592083" s="10"/>
    </row>
    <row r="592084" spans="14:14">
      <c r="N592084" s="10"/>
    </row>
    <row r="592085" spans="14:14">
      <c r="N592085" s="10"/>
    </row>
    <row r="592086" spans="14:14">
      <c r="N592086" s="10"/>
    </row>
    <row r="592087" spans="14:14">
      <c r="N592087" s="10"/>
    </row>
    <row r="592088" spans="14:14">
      <c r="N592088" s="10"/>
    </row>
    <row r="592089" spans="14:14">
      <c r="N592089" s="10"/>
    </row>
    <row r="592090" spans="14:14">
      <c r="N592090" s="10"/>
    </row>
    <row r="592091" spans="14:14">
      <c r="N592091" s="10"/>
    </row>
    <row r="592092" spans="14:14">
      <c r="N592092" s="10"/>
    </row>
    <row r="592093" spans="14:14">
      <c r="N592093" s="10"/>
    </row>
    <row r="592094" spans="14:14">
      <c r="N592094" s="10"/>
    </row>
    <row r="592095" spans="14:14">
      <c r="N592095" s="10"/>
    </row>
    <row r="592096" spans="14:14">
      <c r="N592096" s="10"/>
    </row>
    <row r="592097" spans="14:14">
      <c r="N592097" s="10"/>
    </row>
    <row r="592098" spans="14:14">
      <c r="N592098" s="10"/>
    </row>
    <row r="592099" spans="14:14">
      <c r="N592099" s="10"/>
    </row>
    <row r="592100" spans="14:14">
      <c r="N592100" s="10"/>
    </row>
    <row r="592101" spans="14:14">
      <c r="N592101" s="10"/>
    </row>
    <row r="592102" spans="14:14">
      <c r="N592102" s="10"/>
    </row>
    <row r="592103" spans="14:14">
      <c r="N592103" s="10"/>
    </row>
    <row r="592104" spans="14:14">
      <c r="N592104" s="10"/>
    </row>
    <row r="592105" spans="14:14">
      <c r="N592105" s="10"/>
    </row>
    <row r="592106" spans="14:14">
      <c r="N592106" s="10"/>
    </row>
    <row r="592107" spans="14:14">
      <c r="N592107" s="10"/>
    </row>
    <row r="592108" spans="14:14">
      <c r="N592108" s="10"/>
    </row>
    <row r="592109" spans="14:14">
      <c r="N592109" s="10"/>
    </row>
    <row r="592110" spans="14:14">
      <c r="N592110" s="10"/>
    </row>
    <row r="592111" spans="14:14">
      <c r="N592111" s="10"/>
    </row>
    <row r="592112" spans="14:14">
      <c r="N592112" s="10"/>
    </row>
    <row r="592113" spans="14:14">
      <c r="N592113" s="10"/>
    </row>
    <row r="592114" spans="14:14">
      <c r="N592114" s="10"/>
    </row>
    <row r="592115" spans="14:14">
      <c r="N592115" s="10"/>
    </row>
    <row r="592116" spans="14:14">
      <c r="N592116" s="10"/>
    </row>
    <row r="592117" spans="14:14">
      <c r="N592117" s="10"/>
    </row>
    <row r="592118" spans="14:14">
      <c r="N592118" s="10"/>
    </row>
    <row r="592119" spans="14:14">
      <c r="N592119" s="10"/>
    </row>
    <row r="592120" spans="14:14">
      <c r="N592120" s="10"/>
    </row>
    <row r="592121" spans="14:14">
      <c r="N592121" s="10"/>
    </row>
    <row r="592122" spans="14:14">
      <c r="N592122" s="10"/>
    </row>
    <row r="592123" spans="14:14">
      <c r="N592123" s="10"/>
    </row>
    <row r="592124" spans="14:14">
      <c r="N592124" s="10"/>
    </row>
    <row r="592125" spans="14:14">
      <c r="N592125" s="10"/>
    </row>
    <row r="592126" spans="14:14">
      <c r="N592126" s="10"/>
    </row>
    <row r="592127" spans="14:14">
      <c r="N592127" s="10"/>
    </row>
    <row r="592128" spans="14:14">
      <c r="N592128" s="10"/>
    </row>
    <row r="592129" spans="14:14">
      <c r="N592129" s="10"/>
    </row>
    <row r="592130" spans="14:14">
      <c r="N592130" s="10"/>
    </row>
    <row r="592131" spans="14:14">
      <c r="N592131" s="10"/>
    </row>
    <row r="592132" spans="14:14">
      <c r="N592132" s="10"/>
    </row>
    <row r="592133" spans="14:14">
      <c r="N592133" s="10"/>
    </row>
    <row r="592134" spans="14:14">
      <c r="N592134" s="10"/>
    </row>
    <row r="592135" spans="14:14">
      <c r="N592135" s="10"/>
    </row>
    <row r="592136" spans="14:14">
      <c r="N592136" s="10"/>
    </row>
    <row r="592137" spans="14:14">
      <c r="N592137" s="10"/>
    </row>
    <row r="592138" spans="14:14">
      <c r="N592138" s="10"/>
    </row>
    <row r="592139" spans="14:14">
      <c r="N592139" s="10"/>
    </row>
    <row r="592140" spans="14:14">
      <c r="N592140" s="10"/>
    </row>
    <row r="592141" spans="14:14">
      <c r="N592141" s="10"/>
    </row>
    <row r="592142" spans="14:14">
      <c r="N592142" s="10"/>
    </row>
    <row r="592143" spans="14:14">
      <c r="N592143" s="10"/>
    </row>
    <row r="592144" spans="14:14">
      <c r="N592144" s="10"/>
    </row>
    <row r="592145" spans="14:14">
      <c r="N592145" s="10"/>
    </row>
    <row r="592146" spans="14:14">
      <c r="N592146" s="10"/>
    </row>
    <row r="592147" spans="14:14">
      <c r="N592147" s="10"/>
    </row>
    <row r="592148" spans="14:14">
      <c r="N592148" s="10"/>
    </row>
    <row r="592149" spans="14:14">
      <c r="N592149" s="10"/>
    </row>
    <row r="592150" spans="14:14">
      <c r="N592150" s="10"/>
    </row>
    <row r="592151" spans="14:14">
      <c r="N592151" s="10"/>
    </row>
    <row r="592152" spans="14:14">
      <c r="N592152" s="10"/>
    </row>
    <row r="592153" spans="14:14">
      <c r="N592153" s="10"/>
    </row>
    <row r="592154" spans="14:14">
      <c r="N592154" s="10"/>
    </row>
    <row r="592155" spans="14:14">
      <c r="N592155" s="10"/>
    </row>
    <row r="592156" spans="14:14">
      <c r="N592156" s="10"/>
    </row>
    <row r="592157" spans="14:14">
      <c r="N592157" s="10"/>
    </row>
    <row r="592158" spans="14:14">
      <c r="N592158" s="10"/>
    </row>
    <row r="592159" spans="14:14">
      <c r="N592159" s="10"/>
    </row>
    <row r="592160" spans="14:14">
      <c r="N592160" s="10"/>
    </row>
    <row r="592161" spans="14:14">
      <c r="N592161" s="10"/>
    </row>
    <row r="592162" spans="14:14">
      <c r="N592162" s="10"/>
    </row>
    <row r="592163" spans="14:14">
      <c r="N592163" s="10"/>
    </row>
    <row r="592164" spans="14:14">
      <c r="N592164" s="10"/>
    </row>
    <row r="592165" spans="14:14">
      <c r="N592165" s="10"/>
    </row>
    <row r="592166" spans="14:14">
      <c r="N592166" s="10"/>
    </row>
    <row r="592167" spans="14:14">
      <c r="N592167" s="10"/>
    </row>
    <row r="592168" spans="14:14">
      <c r="N592168" s="10"/>
    </row>
    <row r="592169" spans="14:14">
      <c r="N592169" s="10"/>
    </row>
    <row r="592170" spans="14:14">
      <c r="N592170" s="10"/>
    </row>
    <row r="592171" spans="14:14">
      <c r="N592171" s="10"/>
    </row>
    <row r="592172" spans="14:14">
      <c r="N592172" s="10"/>
    </row>
    <row r="592173" spans="14:14">
      <c r="N592173" s="10"/>
    </row>
    <row r="592174" spans="14:14">
      <c r="N592174" s="10"/>
    </row>
    <row r="592175" spans="14:14">
      <c r="N592175" s="10"/>
    </row>
    <row r="592176" spans="14:14">
      <c r="N592176" s="10"/>
    </row>
    <row r="592177" spans="14:14">
      <c r="N592177" s="10"/>
    </row>
    <row r="592178" spans="14:14">
      <c r="N592178" s="10"/>
    </row>
    <row r="592179" spans="14:14">
      <c r="N592179" s="10"/>
    </row>
    <row r="592180" spans="14:14">
      <c r="N592180" s="10"/>
    </row>
    <row r="592181" spans="14:14">
      <c r="N592181" s="10"/>
    </row>
    <row r="592182" spans="14:14">
      <c r="N592182" s="10"/>
    </row>
    <row r="592183" spans="14:14">
      <c r="N592183" s="10"/>
    </row>
    <row r="592184" spans="14:14">
      <c r="N592184" s="10"/>
    </row>
    <row r="592185" spans="14:14">
      <c r="N592185" s="10"/>
    </row>
    <row r="592186" spans="14:14">
      <c r="N592186" s="10"/>
    </row>
    <row r="592187" spans="14:14">
      <c r="N592187" s="10"/>
    </row>
    <row r="592188" spans="14:14">
      <c r="N592188" s="10"/>
    </row>
    <row r="592189" spans="14:14">
      <c r="N592189" s="10"/>
    </row>
    <row r="592190" spans="14:14">
      <c r="N592190" s="10"/>
    </row>
    <row r="592191" spans="14:14">
      <c r="N592191" s="10"/>
    </row>
    <row r="592192" spans="14:14">
      <c r="N592192" s="10"/>
    </row>
    <row r="592193" spans="14:14">
      <c r="N592193" s="10"/>
    </row>
    <row r="592194" spans="14:14">
      <c r="N592194" s="10"/>
    </row>
    <row r="592195" spans="14:14">
      <c r="N592195" s="10"/>
    </row>
    <row r="592196" spans="14:14">
      <c r="N592196" s="10"/>
    </row>
    <row r="592197" spans="14:14">
      <c r="N592197" s="10"/>
    </row>
    <row r="592198" spans="14:14">
      <c r="N592198" s="10"/>
    </row>
    <row r="592199" spans="14:14">
      <c r="N592199" s="10"/>
    </row>
    <row r="592200" spans="14:14">
      <c r="N592200" s="10"/>
    </row>
    <row r="592201" spans="14:14">
      <c r="N592201" s="10"/>
    </row>
    <row r="592202" spans="14:14">
      <c r="N592202" s="10"/>
    </row>
    <row r="592203" spans="14:14">
      <c r="N592203" s="10"/>
    </row>
    <row r="592204" spans="14:14">
      <c r="N592204" s="10"/>
    </row>
    <row r="592205" spans="14:14">
      <c r="N592205" s="10"/>
    </row>
    <row r="592206" spans="14:14">
      <c r="N592206" s="10"/>
    </row>
    <row r="592207" spans="14:14">
      <c r="N592207" s="10"/>
    </row>
    <row r="592208" spans="14:14">
      <c r="N592208" s="10"/>
    </row>
    <row r="592209" spans="14:14">
      <c r="N592209" s="10"/>
    </row>
    <row r="592210" spans="14:14">
      <c r="N592210" s="10"/>
    </row>
    <row r="592211" spans="14:14">
      <c r="N592211" s="10"/>
    </row>
    <row r="592212" spans="14:14">
      <c r="N592212" s="10"/>
    </row>
    <row r="592213" spans="14:14">
      <c r="N592213" s="10"/>
    </row>
    <row r="592214" spans="14:14">
      <c r="N592214" s="10"/>
    </row>
    <row r="592215" spans="14:14">
      <c r="N592215" s="10"/>
    </row>
    <row r="592216" spans="14:14">
      <c r="N592216" s="10"/>
    </row>
    <row r="592217" spans="14:14">
      <c r="N592217" s="10"/>
    </row>
    <row r="592218" spans="14:14">
      <c r="N592218" s="10"/>
    </row>
    <row r="592219" spans="14:14">
      <c r="N592219" s="10"/>
    </row>
    <row r="592220" spans="14:14">
      <c r="N592220" s="10"/>
    </row>
    <row r="592221" spans="14:14">
      <c r="N592221" s="10"/>
    </row>
    <row r="592222" spans="14:14">
      <c r="N592222" s="10"/>
    </row>
    <row r="592223" spans="14:14">
      <c r="N592223" s="10"/>
    </row>
    <row r="592224" spans="14:14">
      <c r="N592224" s="10"/>
    </row>
    <row r="592225" spans="14:14">
      <c r="N592225" s="10"/>
    </row>
    <row r="592226" spans="14:14">
      <c r="N592226" s="10"/>
    </row>
    <row r="592227" spans="14:14">
      <c r="N592227" s="10"/>
    </row>
    <row r="592228" spans="14:14">
      <c r="N592228" s="10"/>
    </row>
    <row r="592229" spans="14:14">
      <c r="N592229" s="10"/>
    </row>
    <row r="592230" spans="14:14">
      <c r="N592230" s="10"/>
    </row>
    <row r="592231" spans="14:14">
      <c r="N592231" s="10"/>
    </row>
    <row r="592232" spans="14:14">
      <c r="N592232" s="10"/>
    </row>
    <row r="592233" spans="14:14">
      <c r="N592233" s="10"/>
    </row>
    <row r="592234" spans="14:14">
      <c r="N592234" s="10"/>
    </row>
    <row r="592235" spans="14:14">
      <c r="N592235" s="10"/>
    </row>
    <row r="592236" spans="14:14">
      <c r="N592236" s="10"/>
    </row>
    <row r="592237" spans="14:14">
      <c r="N592237" s="10"/>
    </row>
    <row r="592238" spans="14:14">
      <c r="N592238" s="10"/>
    </row>
    <row r="592239" spans="14:14">
      <c r="N592239" s="10"/>
    </row>
    <row r="592240" spans="14:14">
      <c r="N592240" s="10"/>
    </row>
    <row r="592241" spans="14:14">
      <c r="N592241" s="10"/>
    </row>
    <row r="592242" spans="14:14">
      <c r="N592242" s="10"/>
    </row>
    <row r="592243" spans="14:14">
      <c r="N592243" s="10"/>
    </row>
    <row r="592244" spans="14:14">
      <c r="N592244" s="10"/>
    </row>
    <row r="592245" spans="14:14">
      <c r="N592245" s="10"/>
    </row>
    <row r="592246" spans="14:14">
      <c r="N592246" s="10"/>
    </row>
    <row r="592247" spans="14:14">
      <c r="N592247" s="10"/>
    </row>
    <row r="592248" spans="14:14">
      <c r="N592248" s="10"/>
    </row>
    <row r="592249" spans="14:14">
      <c r="N592249" s="10"/>
    </row>
    <row r="592250" spans="14:14">
      <c r="N592250" s="10"/>
    </row>
    <row r="592251" spans="14:14">
      <c r="N592251" s="10"/>
    </row>
    <row r="592252" spans="14:14">
      <c r="N592252" s="10"/>
    </row>
    <row r="592253" spans="14:14">
      <c r="N592253" s="10"/>
    </row>
    <row r="592254" spans="14:14">
      <c r="N592254" s="10"/>
    </row>
    <row r="592255" spans="14:14">
      <c r="N592255" s="10"/>
    </row>
    <row r="592256" spans="14:14">
      <c r="N592256" s="10"/>
    </row>
    <row r="592257" spans="14:14">
      <c r="N592257" s="10"/>
    </row>
    <row r="592258" spans="14:14">
      <c r="N592258" s="10"/>
    </row>
    <row r="592259" spans="14:14">
      <c r="N592259" s="10"/>
    </row>
    <row r="592260" spans="14:14">
      <c r="N592260" s="10"/>
    </row>
    <row r="592261" spans="14:14">
      <c r="N592261" s="10"/>
    </row>
    <row r="592262" spans="14:14">
      <c r="N592262" s="10"/>
    </row>
    <row r="592263" spans="14:14">
      <c r="N592263" s="10"/>
    </row>
    <row r="592264" spans="14:14">
      <c r="N592264" s="10"/>
    </row>
    <row r="592265" spans="14:14">
      <c r="N592265" s="10"/>
    </row>
    <row r="592266" spans="14:14">
      <c r="N592266" s="10"/>
    </row>
    <row r="592267" spans="14:14">
      <c r="N592267" s="10"/>
    </row>
    <row r="592268" spans="14:14">
      <c r="N592268" s="10"/>
    </row>
    <row r="592269" spans="14:14">
      <c r="N592269" s="10"/>
    </row>
    <row r="592270" spans="14:14">
      <c r="N592270" s="10"/>
    </row>
    <row r="592271" spans="14:14">
      <c r="N592271" s="10"/>
    </row>
    <row r="592272" spans="14:14">
      <c r="N592272" s="10"/>
    </row>
    <row r="592273" spans="14:14">
      <c r="N592273" s="10"/>
    </row>
    <row r="592274" spans="14:14">
      <c r="N592274" s="10"/>
    </row>
    <row r="592275" spans="14:14">
      <c r="N592275" s="10"/>
    </row>
    <row r="592276" spans="14:14">
      <c r="N592276" s="10"/>
    </row>
    <row r="592277" spans="14:14">
      <c r="N592277" s="10"/>
    </row>
    <row r="592278" spans="14:14">
      <c r="N592278" s="10"/>
    </row>
    <row r="592279" spans="14:14">
      <c r="N592279" s="10"/>
    </row>
    <row r="592280" spans="14:14">
      <c r="N592280" s="10"/>
    </row>
    <row r="592281" spans="14:14">
      <c r="N592281" s="10"/>
    </row>
    <row r="592282" spans="14:14">
      <c r="N592282" s="10"/>
    </row>
    <row r="592283" spans="14:14">
      <c r="N592283" s="10"/>
    </row>
    <row r="592284" spans="14:14">
      <c r="N592284" s="10"/>
    </row>
    <row r="592285" spans="14:14">
      <c r="N592285" s="10"/>
    </row>
    <row r="592286" spans="14:14">
      <c r="N592286" s="10"/>
    </row>
    <row r="592287" spans="14:14">
      <c r="N592287" s="10"/>
    </row>
    <row r="592288" spans="14:14">
      <c r="N592288" s="10"/>
    </row>
    <row r="592289" spans="14:14">
      <c r="N592289" s="10"/>
    </row>
    <row r="592290" spans="14:14">
      <c r="N592290" s="10"/>
    </row>
    <row r="592291" spans="14:14">
      <c r="N592291" s="10"/>
    </row>
    <row r="592292" spans="14:14">
      <c r="N592292" s="10"/>
    </row>
    <row r="592293" spans="14:14">
      <c r="N592293" s="10"/>
    </row>
    <row r="592294" spans="14:14">
      <c r="N592294" s="10"/>
    </row>
    <row r="592295" spans="14:14">
      <c r="N592295" s="10"/>
    </row>
    <row r="592296" spans="14:14">
      <c r="N592296" s="10"/>
    </row>
    <row r="592297" spans="14:14">
      <c r="N592297" s="10"/>
    </row>
    <row r="592298" spans="14:14">
      <c r="N592298" s="10"/>
    </row>
    <row r="592299" spans="14:14">
      <c r="N592299" s="10"/>
    </row>
    <row r="592300" spans="14:14">
      <c r="N592300" s="10"/>
    </row>
    <row r="592301" spans="14:14">
      <c r="N592301" s="10"/>
    </row>
    <row r="592302" spans="14:14">
      <c r="N592302" s="10"/>
    </row>
    <row r="592303" spans="14:14">
      <c r="N592303" s="10"/>
    </row>
    <row r="592304" spans="14:14">
      <c r="N592304" s="10"/>
    </row>
    <row r="592305" spans="14:14">
      <c r="N592305" s="10"/>
    </row>
    <row r="592306" spans="14:14">
      <c r="N592306" s="10"/>
    </row>
    <row r="592307" spans="14:14">
      <c r="N592307" s="10"/>
    </row>
    <row r="592308" spans="14:14">
      <c r="N592308" s="10"/>
    </row>
    <row r="592309" spans="14:14">
      <c r="N592309" s="10"/>
    </row>
    <row r="592310" spans="14:14">
      <c r="N592310" s="10"/>
    </row>
    <row r="592311" spans="14:14">
      <c r="N592311" s="10"/>
    </row>
    <row r="592312" spans="14:14">
      <c r="N592312" s="10"/>
    </row>
    <row r="592313" spans="14:14">
      <c r="N592313" s="10"/>
    </row>
    <row r="592314" spans="14:14">
      <c r="N592314" s="10"/>
    </row>
    <row r="592315" spans="14:14">
      <c r="N592315" s="10"/>
    </row>
    <row r="592316" spans="14:14">
      <c r="N592316" s="10"/>
    </row>
    <row r="592317" spans="14:14">
      <c r="N592317" s="10"/>
    </row>
    <row r="592318" spans="14:14">
      <c r="N592318" s="10"/>
    </row>
    <row r="592319" spans="14:14">
      <c r="N592319" s="10"/>
    </row>
    <row r="592320" spans="14:14">
      <c r="N592320" s="10"/>
    </row>
    <row r="592321" spans="14:14">
      <c r="N592321" s="10"/>
    </row>
    <row r="592322" spans="14:14">
      <c r="N592322" s="10"/>
    </row>
    <row r="592323" spans="14:14">
      <c r="N592323" s="10"/>
    </row>
    <row r="592324" spans="14:14">
      <c r="N592324" s="10"/>
    </row>
    <row r="592325" spans="14:14">
      <c r="N592325" s="10"/>
    </row>
    <row r="592326" spans="14:14">
      <c r="N592326" s="10"/>
    </row>
    <row r="592327" spans="14:14">
      <c r="N592327" s="10"/>
    </row>
    <row r="592328" spans="14:14">
      <c r="N592328" s="10"/>
    </row>
    <row r="592329" spans="14:14">
      <c r="N592329" s="10"/>
    </row>
    <row r="592330" spans="14:14">
      <c r="N592330" s="10"/>
    </row>
    <row r="592331" spans="14:14">
      <c r="N592331" s="10"/>
    </row>
    <row r="592332" spans="14:14">
      <c r="N592332" s="10"/>
    </row>
    <row r="592333" spans="14:14">
      <c r="N592333" s="10"/>
    </row>
    <row r="592334" spans="14:14">
      <c r="N592334" s="10"/>
    </row>
    <row r="592335" spans="14:14">
      <c r="N592335" s="10"/>
    </row>
    <row r="592336" spans="14:14">
      <c r="N592336" s="10"/>
    </row>
    <row r="592337" spans="14:14">
      <c r="N592337" s="10"/>
    </row>
    <row r="592338" spans="14:14">
      <c r="N592338" s="10"/>
    </row>
    <row r="592339" spans="14:14">
      <c r="N592339" s="10"/>
    </row>
    <row r="592340" spans="14:14">
      <c r="N592340" s="10"/>
    </row>
    <row r="592341" spans="14:14">
      <c r="N592341" s="10"/>
    </row>
    <row r="592342" spans="14:14">
      <c r="N592342" s="10"/>
    </row>
    <row r="592343" spans="14:14">
      <c r="N592343" s="10"/>
    </row>
    <row r="592344" spans="14:14">
      <c r="N592344" s="10"/>
    </row>
    <row r="592345" spans="14:14">
      <c r="N592345" s="10"/>
    </row>
    <row r="592346" spans="14:14">
      <c r="N592346" s="10"/>
    </row>
    <row r="592347" spans="14:14">
      <c r="N592347" s="10"/>
    </row>
    <row r="592348" spans="14:14">
      <c r="N592348" s="10"/>
    </row>
    <row r="592349" spans="14:14">
      <c r="N592349" s="10"/>
    </row>
    <row r="592350" spans="14:14">
      <c r="N592350" s="10"/>
    </row>
    <row r="592351" spans="14:14">
      <c r="N592351" s="10"/>
    </row>
    <row r="592352" spans="14:14">
      <c r="N592352" s="10"/>
    </row>
    <row r="592353" spans="14:14">
      <c r="N592353" s="10"/>
    </row>
    <row r="592354" spans="14:14">
      <c r="N592354" s="10"/>
    </row>
    <row r="592355" spans="14:14">
      <c r="N592355" s="10"/>
    </row>
    <row r="592356" spans="14:14">
      <c r="N592356" s="10"/>
    </row>
    <row r="592357" spans="14:14">
      <c r="N592357" s="10"/>
    </row>
    <row r="592358" spans="14:14">
      <c r="N592358" s="10"/>
    </row>
    <row r="592359" spans="14:14">
      <c r="N592359" s="10"/>
    </row>
    <row r="592360" spans="14:14">
      <c r="N592360" s="10"/>
    </row>
    <row r="592361" spans="14:14">
      <c r="N592361" s="10"/>
    </row>
    <row r="592362" spans="14:14">
      <c r="N592362" s="10"/>
    </row>
    <row r="592363" spans="14:14">
      <c r="N592363" s="10"/>
    </row>
    <row r="592364" spans="14:14">
      <c r="N592364" s="10"/>
    </row>
    <row r="592365" spans="14:14">
      <c r="N592365" s="10"/>
    </row>
    <row r="592366" spans="14:14">
      <c r="N592366" s="10"/>
    </row>
    <row r="592367" spans="14:14">
      <c r="N592367" s="10"/>
    </row>
    <row r="592368" spans="14:14">
      <c r="N592368" s="10"/>
    </row>
    <row r="592369" spans="14:14">
      <c r="N592369" s="10"/>
    </row>
    <row r="592370" spans="14:14">
      <c r="N592370" s="10"/>
    </row>
    <row r="592371" spans="14:14">
      <c r="N592371" s="10"/>
    </row>
    <row r="592372" spans="14:14">
      <c r="N592372" s="10"/>
    </row>
    <row r="592373" spans="14:14">
      <c r="N592373" s="10"/>
    </row>
    <row r="592374" spans="14:14">
      <c r="N592374" s="10"/>
    </row>
    <row r="592375" spans="14:14">
      <c r="N592375" s="10"/>
    </row>
    <row r="592376" spans="14:14">
      <c r="N592376" s="10"/>
    </row>
    <row r="592377" spans="14:14">
      <c r="N592377" s="10"/>
    </row>
    <row r="592378" spans="14:14">
      <c r="N592378" s="10"/>
    </row>
    <row r="592379" spans="14:14">
      <c r="N592379" s="10"/>
    </row>
    <row r="592380" spans="14:14">
      <c r="N592380" s="10"/>
    </row>
    <row r="592381" spans="14:14">
      <c r="N592381" s="10"/>
    </row>
    <row r="592382" spans="14:14">
      <c r="N592382" s="10"/>
    </row>
    <row r="592383" spans="14:14">
      <c r="N592383" s="10"/>
    </row>
    <row r="592384" spans="14:14">
      <c r="N592384" s="10"/>
    </row>
    <row r="592385" spans="14:14">
      <c r="N592385" s="10"/>
    </row>
    <row r="592386" spans="14:14">
      <c r="N592386" s="10"/>
    </row>
    <row r="592387" spans="14:14">
      <c r="N592387" s="10"/>
    </row>
    <row r="592388" spans="14:14">
      <c r="N592388" s="10"/>
    </row>
    <row r="592389" spans="14:14">
      <c r="N592389" s="10"/>
    </row>
    <row r="592390" spans="14:14">
      <c r="N592390" s="10"/>
    </row>
    <row r="592391" spans="14:14">
      <c r="N592391" s="10"/>
    </row>
    <row r="592392" spans="14:14">
      <c r="N592392" s="10"/>
    </row>
    <row r="592393" spans="14:14">
      <c r="N592393" s="10"/>
    </row>
    <row r="592394" spans="14:14">
      <c r="N592394" s="10"/>
    </row>
    <row r="592395" spans="14:14">
      <c r="N592395" s="10"/>
    </row>
    <row r="592396" spans="14:14">
      <c r="N592396" s="10"/>
    </row>
    <row r="592397" spans="14:14">
      <c r="N592397" s="10"/>
    </row>
    <row r="592398" spans="14:14">
      <c r="N592398" s="10"/>
    </row>
    <row r="592399" spans="14:14">
      <c r="N592399" s="10"/>
    </row>
    <row r="592400" spans="14:14">
      <c r="N592400" s="10"/>
    </row>
    <row r="592401" spans="14:14">
      <c r="N592401" s="10"/>
    </row>
    <row r="592402" spans="14:14">
      <c r="N592402" s="10"/>
    </row>
    <row r="592403" spans="14:14">
      <c r="N592403" s="10"/>
    </row>
    <row r="592404" spans="14:14">
      <c r="N592404" s="10"/>
    </row>
    <row r="592405" spans="14:14">
      <c r="N592405" s="10"/>
    </row>
    <row r="592406" spans="14:14">
      <c r="N592406" s="10"/>
    </row>
    <row r="592407" spans="14:14">
      <c r="N592407" s="10"/>
    </row>
    <row r="592408" spans="14:14">
      <c r="N592408" s="10"/>
    </row>
    <row r="592409" spans="14:14">
      <c r="N592409" s="10"/>
    </row>
    <row r="592410" spans="14:14">
      <c r="N592410" s="10"/>
    </row>
    <row r="592411" spans="14:14">
      <c r="N592411" s="10"/>
    </row>
    <row r="592412" spans="14:14">
      <c r="N592412" s="10"/>
    </row>
    <row r="592413" spans="14:14">
      <c r="N592413" s="10"/>
    </row>
    <row r="592414" spans="14:14">
      <c r="N592414" s="10"/>
    </row>
    <row r="592415" spans="14:14">
      <c r="N592415" s="10"/>
    </row>
    <row r="592416" spans="14:14">
      <c r="N592416" s="10"/>
    </row>
    <row r="592417" spans="14:14">
      <c r="N592417" s="10"/>
    </row>
    <row r="592418" spans="14:14">
      <c r="N592418" s="10"/>
    </row>
    <row r="592419" spans="14:14">
      <c r="N592419" s="10"/>
    </row>
    <row r="592420" spans="14:14">
      <c r="N592420" s="10"/>
    </row>
    <row r="592421" spans="14:14">
      <c r="N592421" s="10"/>
    </row>
    <row r="592422" spans="14:14">
      <c r="N592422" s="10"/>
    </row>
    <row r="592423" spans="14:14">
      <c r="N592423" s="10"/>
    </row>
    <row r="592424" spans="14:14">
      <c r="N592424" s="10"/>
    </row>
    <row r="592425" spans="14:14">
      <c r="N592425" s="10"/>
    </row>
    <row r="592426" spans="14:14">
      <c r="N592426" s="10"/>
    </row>
    <row r="592427" spans="14:14">
      <c r="N592427" s="10"/>
    </row>
    <row r="592428" spans="14:14">
      <c r="N592428" s="10"/>
    </row>
    <row r="592429" spans="14:14">
      <c r="N592429" s="10"/>
    </row>
    <row r="592430" spans="14:14">
      <c r="N592430" s="10"/>
    </row>
    <row r="592431" spans="14:14">
      <c r="N592431" s="10"/>
    </row>
    <row r="592432" spans="14:14">
      <c r="N592432" s="10"/>
    </row>
    <row r="592433" spans="14:14">
      <c r="N592433" s="10"/>
    </row>
    <row r="592434" spans="14:14">
      <c r="N592434" s="10"/>
    </row>
    <row r="592435" spans="14:14">
      <c r="N592435" s="10"/>
    </row>
    <row r="592436" spans="14:14">
      <c r="N592436" s="10"/>
    </row>
    <row r="592437" spans="14:14">
      <c r="N592437" s="10"/>
    </row>
    <row r="592438" spans="14:14">
      <c r="N592438" s="10"/>
    </row>
    <row r="592439" spans="14:14">
      <c r="N592439" s="10"/>
    </row>
    <row r="592440" spans="14:14">
      <c r="N592440" s="10"/>
    </row>
    <row r="592441" spans="14:14">
      <c r="N592441" s="10"/>
    </row>
    <row r="592442" spans="14:14">
      <c r="N592442" s="10"/>
    </row>
    <row r="592443" spans="14:14">
      <c r="N592443" s="10"/>
    </row>
    <row r="592444" spans="14:14">
      <c r="N592444" s="10"/>
    </row>
    <row r="592445" spans="14:14">
      <c r="N592445" s="10"/>
    </row>
    <row r="592446" spans="14:14">
      <c r="N592446" s="10"/>
    </row>
    <row r="592447" spans="14:14">
      <c r="N592447" s="10"/>
    </row>
    <row r="592448" spans="14:14">
      <c r="N592448" s="10"/>
    </row>
    <row r="592449" spans="14:14">
      <c r="N592449" s="10"/>
    </row>
    <row r="592450" spans="14:14">
      <c r="N592450" s="10"/>
    </row>
    <row r="592451" spans="14:14">
      <c r="N592451" s="10"/>
    </row>
    <row r="592452" spans="14:14">
      <c r="N592452" s="10"/>
    </row>
    <row r="592453" spans="14:14">
      <c r="N592453" s="10"/>
    </row>
    <row r="592454" spans="14:14">
      <c r="N592454" s="10"/>
    </row>
    <row r="592455" spans="14:14">
      <c r="N592455" s="10"/>
    </row>
    <row r="592456" spans="14:14">
      <c r="N592456" s="10"/>
    </row>
    <row r="592457" spans="14:14">
      <c r="N592457" s="10"/>
    </row>
    <row r="592458" spans="14:14">
      <c r="N592458" s="10"/>
    </row>
    <row r="592459" spans="14:14">
      <c r="N592459" s="10"/>
    </row>
    <row r="592460" spans="14:14">
      <c r="N592460" s="10"/>
    </row>
    <row r="592461" spans="14:14">
      <c r="N592461" s="10"/>
    </row>
    <row r="592462" spans="14:14">
      <c r="N592462" s="10"/>
    </row>
    <row r="592463" spans="14:14">
      <c r="N592463" s="10"/>
    </row>
    <row r="592464" spans="14:14">
      <c r="N592464" s="10"/>
    </row>
    <row r="592465" spans="14:14">
      <c r="N592465" s="10"/>
    </row>
    <row r="592466" spans="14:14">
      <c r="N592466" s="10"/>
    </row>
    <row r="592467" spans="14:14">
      <c r="N592467" s="10"/>
    </row>
    <row r="592468" spans="14:14">
      <c r="N592468" s="10"/>
    </row>
    <row r="592469" spans="14:14">
      <c r="N592469" s="10"/>
    </row>
    <row r="592470" spans="14:14">
      <c r="N592470" s="10"/>
    </row>
    <row r="592471" spans="14:14">
      <c r="N592471" s="10"/>
    </row>
    <row r="592472" spans="14:14">
      <c r="N592472" s="10"/>
    </row>
    <row r="592473" spans="14:14">
      <c r="N592473" s="10"/>
    </row>
    <row r="592474" spans="14:14">
      <c r="N592474" s="10"/>
    </row>
    <row r="592475" spans="14:14">
      <c r="N592475" s="10"/>
    </row>
    <row r="592476" spans="14:14">
      <c r="N592476" s="10"/>
    </row>
    <row r="592477" spans="14:14">
      <c r="N592477" s="10"/>
    </row>
    <row r="592478" spans="14:14">
      <c r="N592478" s="10"/>
    </row>
    <row r="592479" spans="14:14">
      <c r="N592479" s="10"/>
    </row>
    <row r="592480" spans="14:14">
      <c r="N592480" s="10"/>
    </row>
    <row r="592481" spans="14:14">
      <c r="N592481" s="10"/>
    </row>
    <row r="592482" spans="14:14">
      <c r="N592482" s="10"/>
    </row>
    <row r="592483" spans="14:14">
      <c r="N592483" s="10"/>
    </row>
    <row r="592484" spans="14:14">
      <c r="N592484" s="10"/>
    </row>
    <row r="592485" spans="14:14">
      <c r="N592485" s="10"/>
    </row>
    <row r="592486" spans="14:14">
      <c r="N592486" s="10"/>
    </row>
    <row r="592487" spans="14:14">
      <c r="N592487" s="10"/>
    </row>
    <row r="592488" spans="14:14">
      <c r="N592488" s="10"/>
    </row>
    <row r="592489" spans="14:14">
      <c r="N592489" s="10"/>
    </row>
    <row r="592490" spans="14:14">
      <c r="N592490" s="10"/>
    </row>
    <row r="592491" spans="14:14">
      <c r="N592491" s="10"/>
    </row>
    <row r="592492" spans="14:14">
      <c r="N592492" s="10"/>
    </row>
    <row r="592493" spans="14:14">
      <c r="N592493" s="10"/>
    </row>
    <row r="592494" spans="14:14">
      <c r="N592494" s="10"/>
    </row>
    <row r="592495" spans="14:14">
      <c r="N592495" s="10"/>
    </row>
    <row r="592496" spans="14:14">
      <c r="N592496" s="10"/>
    </row>
    <row r="592497" spans="14:14">
      <c r="N592497" s="10"/>
    </row>
    <row r="592498" spans="14:14">
      <c r="N592498" s="10"/>
    </row>
    <row r="592499" spans="14:14">
      <c r="N592499" s="10"/>
    </row>
    <row r="592500" spans="14:14">
      <c r="N592500" s="10"/>
    </row>
    <row r="592501" spans="14:14">
      <c r="N592501" s="10"/>
    </row>
    <row r="592502" spans="14:14">
      <c r="N592502" s="10"/>
    </row>
    <row r="592503" spans="14:14">
      <c r="N592503" s="10"/>
    </row>
    <row r="592504" spans="14:14">
      <c r="N592504" s="10"/>
    </row>
    <row r="592505" spans="14:14">
      <c r="N592505" s="10"/>
    </row>
    <row r="592506" spans="14:14">
      <c r="N592506" s="10"/>
    </row>
    <row r="592507" spans="14:14">
      <c r="N592507" s="10"/>
    </row>
    <row r="592508" spans="14:14">
      <c r="N592508" s="10"/>
    </row>
    <row r="592509" spans="14:14">
      <c r="N592509" s="10"/>
    </row>
    <row r="592510" spans="14:14">
      <c r="N592510" s="10"/>
    </row>
    <row r="592511" spans="14:14">
      <c r="N592511" s="10"/>
    </row>
    <row r="592512" spans="14:14">
      <c r="N592512" s="10"/>
    </row>
    <row r="592513" spans="14:14">
      <c r="N592513" s="10"/>
    </row>
    <row r="592514" spans="14:14">
      <c r="N592514" s="10"/>
    </row>
    <row r="592515" spans="14:14">
      <c r="N592515" s="10"/>
    </row>
    <row r="592516" spans="14:14">
      <c r="N592516" s="10"/>
    </row>
    <row r="592517" spans="14:14">
      <c r="N592517" s="10"/>
    </row>
    <row r="592518" spans="14:14">
      <c r="N592518" s="10"/>
    </row>
    <row r="592519" spans="14:14">
      <c r="N592519" s="10"/>
    </row>
    <row r="592520" spans="14:14">
      <c r="N592520" s="10"/>
    </row>
    <row r="592521" spans="14:14">
      <c r="N592521" s="10"/>
    </row>
    <row r="592522" spans="14:14">
      <c r="N592522" s="10"/>
    </row>
    <row r="592523" spans="14:14">
      <c r="N592523" s="10"/>
    </row>
    <row r="592524" spans="14:14">
      <c r="N592524" s="10"/>
    </row>
    <row r="592525" spans="14:14">
      <c r="N592525" s="10"/>
    </row>
    <row r="592526" spans="14:14">
      <c r="N592526" s="10"/>
    </row>
    <row r="592527" spans="14:14">
      <c r="N592527" s="10"/>
    </row>
    <row r="592528" spans="14:14">
      <c r="N592528" s="10"/>
    </row>
    <row r="592529" spans="14:14">
      <c r="N592529" s="10"/>
    </row>
    <row r="592530" spans="14:14">
      <c r="N592530" s="10"/>
    </row>
    <row r="592531" spans="14:14">
      <c r="N592531" s="10"/>
    </row>
    <row r="592532" spans="14:14">
      <c r="N592532" s="10"/>
    </row>
    <row r="592533" spans="14:14">
      <c r="N592533" s="10"/>
    </row>
    <row r="592534" spans="14:14">
      <c r="N592534" s="10"/>
    </row>
    <row r="592535" spans="14:14">
      <c r="N592535" s="10"/>
    </row>
    <row r="592536" spans="14:14">
      <c r="N592536" s="10"/>
    </row>
    <row r="592537" spans="14:14">
      <c r="N592537" s="10"/>
    </row>
    <row r="592538" spans="14:14">
      <c r="N592538" s="10"/>
    </row>
    <row r="592539" spans="14:14">
      <c r="N592539" s="10"/>
    </row>
    <row r="592540" spans="14:14">
      <c r="N592540" s="10"/>
    </row>
    <row r="592541" spans="14:14">
      <c r="N592541" s="10"/>
    </row>
    <row r="592542" spans="14:14">
      <c r="N592542" s="10"/>
    </row>
    <row r="592543" spans="14:14">
      <c r="N592543" s="10"/>
    </row>
    <row r="592544" spans="14:14">
      <c r="N592544" s="10"/>
    </row>
    <row r="592545" spans="14:14">
      <c r="N592545" s="10"/>
    </row>
    <row r="592546" spans="14:14">
      <c r="N592546" s="10"/>
    </row>
    <row r="592547" spans="14:14">
      <c r="N592547" s="10"/>
    </row>
    <row r="592548" spans="14:14">
      <c r="N592548" s="10"/>
    </row>
    <row r="592549" spans="14:14">
      <c r="N592549" s="10"/>
    </row>
    <row r="592550" spans="14:14">
      <c r="N592550" s="10"/>
    </row>
    <row r="592551" spans="14:14">
      <c r="N592551" s="10"/>
    </row>
    <row r="592552" spans="14:14">
      <c r="N592552" s="10"/>
    </row>
    <row r="592553" spans="14:14">
      <c r="N592553" s="10"/>
    </row>
    <row r="592554" spans="14:14">
      <c r="N592554" s="10"/>
    </row>
    <row r="592555" spans="14:14">
      <c r="N592555" s="10"/>
    </row>
    <row r="592556" spans="14:14">
      <c r="N592556" s="10"/>
    </row>
    <row r="592557" spans="14:14">
      <c r="N592557" s="10"/>
    </row>
    <row r="592558" spans="14:14">
      <c r="N592558" s="10"/>
    </row>
    <row r="592559" spans="14:14">
      <c r="N592559" s="10"/>
    </row>
    <row r="592560" spans="14:14">
      <c r="N592560" s="10"/>
    </row>
    <row r="592561" spans="14:14">
      <c r="N592561" s="10"/>
    </row>
    <row r="592562" spans="14:14">
      <c r="N592562" s="10"/>
    </row>
    <row r="592563" spans="14:14">
      <c r="N592563" s="10"/>
    </row>
    <row r="592564" spans="14:14">
      <c r="N592564" s="10"/>
    </row>
    <row r="592565" spans="14:14">
      <c r="N592565" s="10"/>
    </row>
    <row r="592566" spans="14:14">
      <c r="N592566" s="10"/>
    </row>
    <row r="592567" spans="14:14">
      <c r="N592567" s="10"/>
    </row>
    <row r="592568" spans="14:14">
      <c r="N592568" s="10"/>
    </row>
    <row r="592569" spans="14:14">
      <c r="N592569" s="10"/>
    </row>
    <row r="592570" spans="14:14">
      <c r="N592570" s="10"/>
    </row>
    <row r="592571" spans="14:14">
      <c r="N592571" s="10"/>
    </row>
    <row r="592572" spans="14:14">
      <c r="N592572" s="10"/>
    </row>
    <row r="592573" spans="14:14">
      <c r="N592573" s="10"/>
    </row>
    <row r="592574" spans="14:14">
      <c r="N592574" s="10"/>
    </row>
    <row r="592575" spans="14:14">
      <c r="N592575" s="10"/>
    </row>
    <row r="592576" spans="14:14">
      <c r="N592576" s="10"/>
    </row>
    <row r="592577" spans="14:14">
      <c r="N592577" s="10"/>
    </row>
    <row r="592578" spans="14:14">
      <c r="N592578" s="10"/>
    </row>
    <row r="592579" spans="14:14">
      <c r="N592579" s="10"/>
    </row>
    <row r="592580" spans="14:14">
      <c r="N592580" s="10"/>
    </row>
    <row r="592581" spans="14:14">
      <c r="N592581" s="10"/>
    </row>
    <row r="592582" spans="14:14">
      <c r="N592582" s="10"/>
    </row>
    <row r="592583" spans="14:14">
      <c r="N592583" s="10"/>
    </row>
    <row r="592584" spans="14:14">
      <c r="N592584" s="10"/>
    </row>
    <row r="592585" spans="14:14">
      <c r="N592585" s="10"/>
    </row>
    <row r="592586" spans="14:14">
      <c r="N592586" s="10"/>
    </row>
    <row r="592587" spans="14:14">
      <c r="N592587" s="10"/>
    </row>
    <row r="592588" spans="14:14">
      <c r="N592588" s="10"/>
    </row>
    <row r="592589" spans="14:14">
      <c r="N592589" s="10"/>
    </row>
    <row r="592590" spans="14:14">
      <c r="N592590" s="10"/>
    </row>
    <row r="592591" spans="14:14">
      <c r="N592591" s="10"/>
    </row>
    <row r="592592" spans="14:14">
      <c r="N592592" s="10"/>
    </row>
    <row r="592593" spans="14:14">
      <c r="N592593" s="10"/>
    </row>
    <row r="592594" spans="14:14">
      <c r="N592594" s="10"/>
    </row>
    <row r="592595" spans="14:14">
      <c r="N592595" s="10"/>
    </row>
    <row r="592596" spans="14:14">
      <c r="N592596" s="10"/>
    </row>
    <row r="592597" spans="14:14">
      <c r="N592597" s="10"/>
    </row>
    <row r="592598" spans="14:14">
      <c r="N592598" s="10"/>
    </row>
    <row r="592599" spans="14:14">
      <c r="N592599" s="10"/>
    </row>
    <row r="592600" spans="14:14">
      <c r="N592600" s="10"/>
    </row>
    <row r="592601" spans="14:14">
      <c r="N592601" s="10"/>
    </row>
    <row r="592602" spans="14:14">
      <c r="N592602" s="10"/>
    </row>
    <row r="592603" spans="14:14">
      <c r="N592603" s="10"/>
    </row>
    <row r="592604" spans="14:14">
      <c r="N592604" s="10"/>
    </row>
    <row r="592605" spans="14:14">
      <c r="N592605" s="10"/>
    </row>
    <row r="592606" spans="14:14">
      <c r="N592606" s="10"/>
    </row>
    <row r="592607" spans="14:14">
      <c r="N592607" s="10"/>
    </row>
    <row r="592608" spans="14:14">
      <c r="N592608" s="10"/>
    </row>
    <row r="592609" spans="14:14">
      <c r="N592609" s="10"/>
    </row>
    <row r="592610" spans="14:14">
      <c r="N592610" s="10"/>
    </row>
    <row r="592611" spans="14:14">
      <c r="N592611" s="10"/>
    </row>
    <row r="592612" spans="14:14">
      <c r="N592612" s="10"/>
    </row>
    <row r="592613" spans="14:14">
      <c r="N592613" s="10"/>
    </row>
    <row r="592614" spans="14:14">
      <c r="N592614" s="10"/>
    </row>
    <row r="592615" spans="14:14">
      <c r="N592615" s="10"/>
    </row>
    <row r="592616" spans="14:14">
      <c r="N592616" s="10"/>
    </row>
    <row r="592617" spans="14:14">
      <c r="N592617" s="10"/>
    </row>
    <row r="592618" spans="14:14">
      <c r="N592618" s="10"/>
    </row>
    <row r="592619" spans="14:14">
      <c r="N592619" s="10"/>
    </row>
    <row r="592620" spans="14:14">
      <c r="N592620" s="10"/>
    </row>
    <row r="592621" spans="14:14">
      <c r="N592621" s="10"/>
    </row>
    <row r="592622" spans="14:14">
      <c r="N592622" s="10"/>
    </row>
    <row r="592623" spans="14:14">
      <c r="N592623" s="10"/>
    </row>
    <row r="592624" spans="14:14">
      <c r="N592624" s="10"/>
    </row>
    <row r="592625" spans="14:14">
      <c r="N592625" s="10"/>
    </row>
    <row r="592626" spans="14:14">
      <c r="N592626" s="10"/>
    </row>
    <row r="592627" spans="14:14">
      <c r="N592627" s="10"/>
    </row>
    <row r="592628" spans="14:14">
      <c r="N592628" s="10"/>
    </row>
    <row r="592629" spans="14:14">
      <c r="N592629" s="10"/>
    </row>
    <row r="592630" spans="14:14">
      <c r="N592630" s="10"/>
    </row>
    <row r="592631" spans="14:14">
      <c r="N592631" s="10"/>
    </row>
    <row r="592632" spans="14:14">
      <c r="N592632" s="10"/>
    </row>
    <row r="592633" spans="14:14">
      <c r="N592633" s="10"/>
    </row>
    <row r="592634" spans="14:14">
      <c r="N592634" s="10"/>
    </row>
    <row r="592635" spans="14:14">
      <c r="N592635" s="10"/>
    </row>
    <row r="592636" spans="14:14">
      <c r="N592636" s="10"/>
    </row>
    <row r="592637" spans="14:14">
      <c r="N592637" s="10"/>
    </row>
    <row r="592638" spans="14:14">
      <c r="N592638" s="10"/>
    </row>
    <row r="592639" spans="14:14">
      <c r="N592639" s="10"/>
    </row>
    <row r="592640" spans="14:14">
      <c r="N592640" s="10"/>
    </row>
    <row r="592641" spans="14:14">
      <c r="N592641" s="10"/>
    </row>
    <row r="592642" spans="14:14">
      <c r="N592642" s="10"/>
    </row>
    <row r="592643" spans="14:14">
      <c r="N592643" s="10"/>
    </row>
    <row r="592644" spans="14:14">
      <c r="N592644" s="10"/>
    </row>
    <row r="592645" spans="14:14">
      <c r="N592645" s="10"/>
    </row>
    <row r="592646" spans="14:14">
      <c r="N592646" s="10"/>
    </row>
    <row r="592647" spans="14:14">
      <c r="N592647" s="10"/>
    </row>
    <row r="592648" spans="14:14">
      <c r="N592648" s="10"/>
    </row>
    <row r="592649" spans="14:14">
      <c r="N592649" s="10"/>
    </row>
    <row r="592650" spans="14:14">
      <c r="N592650" s="10"/>
    </row>
    <row r="592651" spans="14:14">
      <c r="N592651" s="10"/>
    </row>
    <row r="592652" spans="14:14">
      <c r="N592652" s="10"/>
    </row>
    <row r="592653" spans="14:14">
      <c r="N592653" s="10"/>
    </row>
    <row r="592654" spans="14:14">
      <c r="N592654" s="10"/>
    </row>
    <row r="592655" spans="14:14">
      <c r="N592655" s="10"/>
    </row>
    <row r="592656" spans="14:14">
      <c r="N592656" s="10"/>
    </row>
    <row r="592657" spans="14:14">
      <c r="N592657" s="10"/>
    </row>
    <row r="592658" spans="14:14">
      <c r="N592658" s="10"/>
    </row>
    <row r="592659" spans="14:14">
      <c r="N592659" s="10"/>
    </row>
    <row r="592660" spans="14:14">
      <c r="N592660" s="10"/>
    </row>
    <row r="592661" spans="14:14">
      <c r="N592661" s="10"/>
    </row>
    <row r="592662" spans="14:14">
      <c r="N592662" s="10"/>
    </row>
    <row r="592663" spans="14:14">
      <c r="N592663" s="10"/>
    </row>
    <row r="592664" spans="14:14">
      <c r="N592664" s="10"/>
    </row>
    <row r="592665" spans="14:14">
      <c r="N592665" s="10"/>
    </row>
    <row r="592666" spans="14:14">
      <c r="N592666" s="10"/>
    </row>
    <row r="592667" spans="14:14">
      <c r="N592667" s="10"/>
    </row>
    <row r="592668" spans="14:14">
      <c r="N592668" s="10"/>
    </row>
    <row r="592669" spans="14:14">
      <c r="N592669" s="10"/>
    </row>
    <row r="592670" spans="14:14">
      <c r="N592670" s="10"/>
    </row>
    <row r="592671" spans="14:14">
      <c r="N592671" s="10"/>
    </row>
    <row r="592672" spans="14:14">
      <c r="N592672" s="10"/>
    </row>
    <row r="592673" spans="14:14">
      <c r="N592673" s="10"/>
    </row>
    <row r="592674" spans="14:14">
      <c r="N592674" s="10"/>
    </row>
    <row r="592675" spans="14:14">
      <c r="N592675" s="10"/>
    </row>
    <row r="592676" spans="14:14">
      <c r="N592676" s="10"/>
    </row>
    <row r="592677" spans="14:14">
      <c r="N592677" s="10"/>
    </row>
    <row r="592678" spans="14:14">
      <c r="N592678" s="10"/>
    </row>
    <row r="592679" spans="14:14">
      <c r="N592679" s="10"/>
    </row>
    <row r="592680" spans="14:14">
      <c r="N592680" s="10"/>
    </row>
    <row r="592681" spans="14:14">
      <c r="N592681" s="10"/>
    </row>
    <row r="592682" spans="14:14">
      <c r="N592682" s="10"/>
    </row>
    <row r="592683" spans="14:14">
      <c r="N592683" s="10"/>
    </row>
    <row r="592684" spans="14:14">
      <c r="N592684" s="10"/>
    </row>
    <row r="592685" spans="14:14">
      <c r="N592685" s="10"/>
    </row>
    <row r="592686" spans="14:14">
      <c r="N592686" s="10"/>
    </row>
    <row r="592687" spans="14:14">
      <c r="N592687" s="10"/>
    </row>
    <row r="592688" spans="14:14">
      <c r="N592688" s="10"/>
    </row>
    <row r="592689" spans="14:14">
      <c r="N592689" s="10"/>
    </row>
    <row r="592690" spans="14:14">
      <c r="N592690" s="10"/>
    </row>
    <row r="592691" spans="14:14">
      <c r="N592691" s="10"/>
    </row>
    <row r="592692" spans="14:14">
      <c r="N592692" s="10"/>
    </row>
    <row r="592693" spans="14:14">
      <c r="N592693" s="10"/>
    </row>
    <row r="592694" spans="14:14">
      <c r="N592694" s="10"/>
    </row>
    <row r="592695" spans="14:14">
      <c r="N592695" s="10"/>
    </row>
    <row r="592696" spans="14:14">
      <c r="N592696" s="10"/>
    </row>
    <row r="592697" spans="14:14">
      <c r="N592697" s="10"/>
    </row>
    <row r="592698" spans="14:14">
      <c r="N592698" s="10"/>
    </row>
    <row r="592699" spans="14:14">
      <c r="N592699" s="10"/>
    </row>
    <row r="592700" spans="14:14">
      <c r="N592700" s="10"/>
    </row>
    <row r="592701" spans="14:14">
      <c r="N592701" s="10"/>
    </row>
    <row r="592702" spans="14:14">
      <c r="N592702" s="10"/>
    </row>
    <row r="592703" spans="14:14">
      <c r="N592703" s="10"/>
    </row>
    <row r="592704" spans="14:14">
      <c r="N592704" s="10"/>
    </row>
    <row r="592705" spans="14:14">
      <c r="N592705" s="10"/>
    </row>
    <row r="592706" spans="14:14">
      <c r="N592706" s="10"/>
    </row>
    <row r="592707" spans="14:14">
      <c r="N592707" s="10"/>
    </row>
    <row r="592708" spans="14:14">
      <c r="N592708" s="10"/>
    </row>
    <row r="592709" spans="14:14">
      <c r="N592709" s="10"/>
    </row>
    <row r="592710" spans="14:14">
      <c r="N592710" s="10"/>
    </row>
    <row r="592711" spans="14:14">
      <c r="N592711" s="10"/>
    </row>
    <row r="592712" spans="14:14">
      <c r="N592712" s="10"/>
    </row>
    <row r="592713" spans="14:14">
      <c r="N592713" s="10"/>
    </row>
    <row r="592714" spans="14:14">
      <c r="N592714" s="10"/>
    </row>
    <row r="592715" spans="14:14">
      <c r="N592715" s="10"/>
    </row>
    <row r="592716" spans="14:14">
      <c r="N592716" s="10"/>
    </row>
    <row r="592717" spans="14:14">
      <c r="N592717" s="10"/>
    </row>
    <row r="592718" spans="14:14">
      <c r="N592718" s="10"/>
    </row>
    <row r="592719" spans="14:14">
      <c r="N592719" s="10"/>
    </row>
    <row r="592720" spans="14:14">
      <c r="N592720" s="10"/>
    </row>
    <row r="592721" spans="14:14">
      <c r="N592721" s="10"/>
    </row>
    <row r="592722" spans="14:14">
      <c r="N592722" s="10"/>
    </row>
    <row r="592723" spans="14:14">
      <c r="N592723" s="10"/>
    </row>
    <row r="592724" spans="14:14">
      <c r="N592724" s="10"/>
    </row>
    <row r="592725" spans="14:14">
      <c r="N592725" s="10"/>
    </row>
    <row r="592726" spans="14:14">
      <c r="N592726" s="10"/>
    </row>
    <row r="592727" spans="14:14">
      <c r="N592727" s="10"/>
    </row>
    <row r="592728" spans="14:14">
      <c r="N592728" s="10"/>
    </row>
    <row r="592729" spans="14:14">
      <c r="N592729" s="10"/>
    </row>
    <row r="592730" spans="14:14">
      <c r="N592730" s="10"/>
    </row>
    <row r="592731" spans="14:14">
      <c r="N592731" s="10"/>
    </row>
    <row r="592732" spans="14:14">
      <c r="N592732" s="10"/>
    </row>
    <row r="592733" spans="14:14">
      <c r="N592733" s="10"/>
    </row>
    <row r="592734" spans="14:14">
      <c r="N592734" s="10"/>
    </row>
    <row r="592735" spans="14:14">
      <c r="N592735" s="10"/>
    </row>
    <row r="592736" spans="14:14">
      <c r="N592736" s="10"/>
    </row>
    <row r="592737" spans="14:14">
      <c r="N592737" s="10"/>
    </row>
    <row r="592738" spans="14:14">
      <c r="N592738" s="10"/>
    </row>
    <row r="592739" spans="14:14">
      <c r="N592739" s="10"/>
    </row>
    <row r="592740" spans="14:14">
      <c r="N592740" s="10"/>
    </row>
    <row r="592741" spans="14:14">
      <c r="N592741" s="10"/>
    </row>
    <row r="592742" spans="14:14">
      <c r="N592742" s="10"/>
    </row>
    <row r="592743" spans="14:14">
      <c r="N592743" s="10"/>
    </row>
    <row r="592744" spans="14:14">
      <c r="N592744" s="10"/>
    </row>
    <row r="592745" spans="14:14">
      <c r="N592745" s="10"/>
    </row>
    <row r="592746" spans="14:14">
      <c r="N592746" s="10"/>
    </row>
    <row r="592747" spans="14:14">
      <c r="N592747" s="10"/>
    </row>
    <row r="592748" spans="14:14">
      <c r="N592748" s="10"/>
    </row>
    <row r="592749" spans="14:14">
      <c r="N592749" s="10"/>
    </row>
    <row r="592750" spans="14:14">
      <c r="N592750" s="10"/>
    </row>
    <row r="592751" spans="14:14">
      <c r="N592751" s="10"/>
    </row>
    <row r="592752" spans="14:14">
      <c r="N592752" s="10"/>
    </row>
    <row r="592753" spans="14:14">
      <c r="N592753" s="10"/>
    </row>
    <row r="592754" spans="14:14">
      <c r="N592754" s="10"/>
    </row>
    <row r="592755" spans="14:14">
      <c r="N592755" s="10"/>
    </row>
    <row r="592756" spans="14:14">
      <c r="N592756" s="10"/>
    </row>
    <row r="592757" spans="14:14">
      <c r="N592757" s="10"/>
    </row>
    <row r="592758" spans="14:14">
      <c r="N592758" s="10"/>
    </row>
    <row r="592759" spans="14:14">
      <c r="N592759" s="10"/>
    </row>
    <row r="592760" spans="14:14">
      <c r="N592760" s="10"/>
    </row>
    <row r="592761" spans="14:14">
      <c r="N592761" s="10"/>
    </row>
    <row r="592762" spans="14:14">
      <c r="N592762" s="10"/>
    </row>
    <row r="592763" spans="14:14">
      <c r="N592763" s="10"/>
    </row>
    <row r="592764" spans="14:14">
      <c r="N592764" s="10"/>
    </row>
    <row r="592765" spans="14:14">
      <c r="N592765" s="10"/>
    </row>
    <row r="592766" spans="14:14">
      <c r="N592766" s="10"/>
    </row>
    <row r="592767" spans="14:14">
      <c r="N592767" s="10"/>
    </row>
    <row r="592768" spans="14:14">
      <c r="N592768" s="10"/>
    </row>
    <row r="592769" spans="14:14">
      <c r="N592769" s="10"/>
    </row>
    <row r="592770" spans="14:14">
      <c r="N592770" s="10"/>
    </row>
    <row r="592771" spans="14:14">
      <c r="N592771" s="10"/>
    </row>
    <row r="592772" spans="14:14">
      <c r="N592772" s="10"/>
    </row>
    <row r="592773" spans="14:14">
      <c r="N592773" s="10"/>
    </row>
    <row r="592774" spans="14:14">
      <c r="N592774" s="10"/>
    </row>
    <row r="592775" spans="14:14">
      <c r="N592775" s="10"/>
    </row>
    <row r="592776" spans="14:14">
      <c r="N592776" s="10"/>
    </row>
    <row r="592777" spans="14:14">
      <c r="N592777" s="10"/>
    </row>
    <row r="592778" spans="14:14">
      <c r="N592778" s="10"/>
    </row>
    <row r="592779" spans="14:14">
      <c r="N592779" s="10"/>
    </row>
    <row r="592780" spans="14:14">
      <c r="N592780" s="10"/>
    </row>
    <row r="592781" spans="14:14">
      <c r="N592781" s="10"/>
    </row>
    <row r="592782" spans="14:14">
      <c r="N592782" s="10"/>
    </row>
    <row r="592783" spans="14:14">
      <c r="N592783" s="10"/>
    </row>
    <row r="592784" spans="14:14">
      <c r="N592784" s="10"/>
    </row>
    <row r="592785" spans="14:14">
      <c r="N592785" s="10"/>
    </row>
    <row r="592786" spans="14:14">
      <c r="N592786" s="10"/>
    </row>
    <row r="592787" spans="14:14">
      <c r="N592787" s="10"/>
    </row>
    <row r="592788" spans="14:14">
      <c r="N592788" s="10"/>
    </row>
    <row r="592789" spans="14:14">
      <c r="N592789" s="10"/>
    </row>
    <row r="592790" spans="14:14">
      <c r="N592790" s="10"/>
    </row>
    <row r="592791" spans="14:14">
      <c r="N592791" s="10"/>
    </row>
    <row r="592792" spans="14:14">
      <c r="N592792" s="10"/>
    </row>
    <row r="592793" spans="14:14">
      <c r="N592793" s="10"/>
    </row>
    <row r="592794" spans="14:14">
      <c r="N592794" s="10"/>
    </row>
    <row r="592795" spans="14:14">
      <c r="N592795" s="10"/>
    </row>
    <row r="592796" spans="14:14">
      <c r="N592796" s="10"/>
    </row>
    <row r="592797" spans="14:14">
      <c r="N592797" s="10"/>
    </row>
    <row r="592798" spans="14:14">
      <c r="N592798" s="10"/>
    </row>
    <row r="592799" spans="14:14">
      <c r="N592799" s="10"/>
    </row>
    <row r="592800" spans="14:14">
      <c r="N592800" s="10"/>
    </row>
    <row r="592801" spans="14:14">
      <c r="N592801" s="10"/>
    </row>
    <row r="592802" spans="14:14">
      <c r="N592802" s="10"/>
    </row>
    <row r="592803" spans="14:14">
      <c r="N592803" s="10"/>
    </row>
    <row r="592804" spans="14:14">
      <c r="N592804" s="10"/>
    </row>
    <row r="592805" spans="14:14">
      <c r="N592805" s="10"/>
    </row>
    <row r="592806" spans="14:14">
      <c r="N592806" s="10"/>
    </row>
    <row r="592807" spans="14:14">
      <c r="N592807" s="10"/>
    </row>
    <row r="592808" spans="14:14">
      <c r="N592808" s="10"/>
    </row>
    <row r="592809" spans="14:14">
      <c r="N592809" s="10"/>
    </row>
    <row r="592810" spans="14:14">
      <c r="N592810" s="10"/>
    </row>
    <row r="592811" spans="14:14">
      <c r="N592811" s="10"/>
    </row>
    <row r="592812" spans="14:14">
      <c r="N592812" s="10"/>
    </row>
    <row r="592813" spans="14:14">
      <c r="N592813" s="10"/>
    </row>
    <row r="592814" spans="14:14">
      <c r="N592814" s="10"/>
    </row>
    <row r="592815" spans="14:14">
      <c r="N592815" s="10"/>
    </row>
    <row r="592816" spans="14:14">
      <c r="N592816" s="10"/>
    </row>
    <row r="592817" spans="14:14">
      <c r="N592817" s="10"/>
    </row>
    <row r="592818" spans="14:14">
      <c r="N592818" s="10"/>
    </row>
    <row r="592819" spans="14:14">
      <c r="N592819" s="10"/>
    </row>
    <row r="592820" spans="14:14">
      <c r="N592820" s="10"/>
    </row>
    <row r="592821" spans="14:14">
      <c r="N592821" s="10"/>
    </row>
    <row r="592822" spans="14:14">
      <c r="N592822" s="10"/>
    </row>
    <row r="592823" spans="14:14">
      <c r="N592823" s="10"/>
    </row>
    <row r="592824" spans="14:14">
      <c r="N592824" s="10"/>
    </row>
    <row r="592825" spans="14:14">
      <c r="N592825" s="10"/>
    </row>
    <row r="592826" spans="14:14">
      <c r="N592826" s="10"/>
    </row>
    <row r="592827" spans="14:14">
      <c r="N592827" s="10"/>
    </row>
    <row r="592828" spans="14:14">
      <c r="N592828" s="10"/>
    </row>
    <row r="592829" spans="14:14">
      <c r="N592829" s="10"/>
    </row>
    <row r="592830" spans="14:14">
      <c r="N592830" s="10"/>
    </row>
    <row r="592831" spans="14:14">
      <c r="N592831" s="10"/>
    </row>
    <row r="592832" spans="14:14">
      <c r="N592832" s="10"/>
    </row>
    <row r="592833" spans="14:14">
      <c r="N592833" s="10"/>
    </row>
    <row r="592834" spans="14:14">
      <c r="N592834" s="10"/>
    </row>
    <row r="592835" spans="14:14">
      <c r="N592835" s="10"/>
    </row>
    <row r="592836" spans="14:14">
      <c r="N592836" s="10"/>
    </row>
    <row r="592837" spans="14:14">
      <c r="N592837" s="10"/>
    </row>
    <row r="592838" spans="14:14">
      <c r="N592838" s="10"/>
    </row>
    <row r="592839" spans="14:14">
      <c r="N592839" s="10"/>
    </row>
    <row r="592840" spans="14:14">
      <c r="N592840" s="10"/>
    </row>
    <row r="592841" spans="14:14">
      <c r="N592841" s="10"/>
    </row>
    <row r="592842" spans="14:14">
      <c r="N592842" s="10"/>
    </row>
    <row r="592843" spans="14:14">
      <c r="N592843" s="10"/>
    </row>
    <row r="592844" spans="14:14">
      <c r="N592844" s="10"/>
    </row>
    <row r="592845" spans="14:14">
      <c r="N592845" s="10"/>
    </row>
    <row r="592846" spans="14:14">
      <c r="N592846" s="10"/>
    </row>
    <row r="592847" spans="14:14">
      <c r="N592847" s="10"/>
    </row>
    <row r="592848" spans="14:14">
      <c r="N592848" s="10"/>
    </row>
    <row r="592849" spans="14:14">
      <c r="N592849" s="10"/>
    </row>
    <row r="592850" spans="14:14">
      <c r="N592850" s="10"/>
    </row>
    <row r="592851" spans="14:14">
      <c r="N592851" s="10"/>
    </row>
    <row r="592852" spans="14:14">
      <c r="N592852" s="10"/>
    </row>
    <row r="592853" spans="14:14">
      <c r="N592853" s="10"/>
    </row>
    <row r="592854" spans="14:14">
      <c r="N592854" s="10"/>
    </row>
    <row r="592855" spans="14:14">
      <c r="N592855" s="10"/>
    </row>
    <row r="592856" spans="14:14">
      <c r="N592856" s="10"/>
    </row>
    <row r="592857" spans="14:14">
      <c r="N592857" s="10"/>
    </row>
    <row r="592858" spans="14:14">
      <c r="N592858" s="10"/>
    </row>
    <row r="592859" spans="14:14">
      <c r="N592859" s="10"/>
    </row>
    <row r="592860" spans="14:14">
      <c r="N592860" s="10"/>
    </row>
    <row r="592861" spans="14:14">
      <c r="N592861" s="10"/>
    </row>
    <row r="592862" spans="14:14">
      <c r="N592862" s="10"/>
    </row>
    <row r="592863" spans="14:14">
      <c r="N592863" s="10"/>
    </row>
    <row r="592864" spans="14:14">
      <c r="N592864" s="10"/>
    </row>
    <row r="592865" spans="14:14">
      <c r="N592865" s="10"/>
    </row>
    <row r="592866" spans="14:14">
      <c r="N592866" s="10"/>
    </row>
    <row r="592867" spans="14:14">
      <c r="N592867" s="10"/>
    </row>
    <row r="592868" spans="14:14">
      <c r="N592868" s="10"/>
    </row>
    <row r="592869" spans="14:14">
      <c r="N592869" s="10"/>
    </row>
    <row r="592870" spans="14:14">
      <c r="N592870" s="10"/>
    </row>
    <row r="592871" spans="14:14">
      <c r="N592871" s="10"/>
    </row>
    <row r="592872" spans="14:14">
      <c r="N592872" s="10"/>
    </row>
    <row r="592873" spans="14:14">
      <c r="N592873" s="10"/>
    </row>
    <row r="592874" spans="14:14">
      <c r="N592874" s="10"/>
    </row>
    <row r="592875" spans="14:14">
      <c r="N592875" s="10"/>
    </row>
    <row r="592876" spans="14:14">
      <c r="N592876" s="10"/>
    </row>
    <row r="592877" spans="14:14">
      <c r="N592877" s="10"/>
    </row>
    <row r="592878" spans="14:14">
      <c r="N592878" s="10"/>
    </row>
    <row r="592879" spans="14:14">
      <c r="N592879" s="10"/>
    </row>
    <row r="592880" spans="14:14">
      <c r="N592880" s="10"/>
    </row>
    <row r="592881" spans="14:14">
      <c r="N592881" s="10"/>
    </row>
    <row r="592882" spans="14:14">
      <c r="N592882" s="10"/>
    </row>
    <row r="592883" spans="14:14">
      <c r="N592883" s="10"/>
    </row>
    <row r="592884" spans="14:14">
      <c r="N592884" s="10"/>
    </row>
    <row r="592885" spans="14:14">
      <c r="N592885" s="10"/>
    </row>
    <row r="592886" spans="14:14">
      <c r="N592886" s="10"/>
    </row>
    <row r="592887" spans="14:14">
      <c r="N592887" s="10"/>
    </row>
    <row r="592888" spans="14:14">
      <c r="N592888" s="10"/>
    </row>
    <row r="592889" spans="14:14">
      <c r="N592889" s="10"/>
    </row>
    <row r="592890" spans="14:14">
      <c r="N592890" s="10"/>
    </row>
    <row r="592891" spans="14:14">
      <c r="N592891" s="10"/>
    </row>
    <row r="592892" spans="14:14">
      <c r="N592892" s="10"/>
    </row>
    <row r="592893" spans="14:14">
      <c r="N592893" s="10"/>
    </row>
    <row r="592894" spans="14:14">
      <c r="N592894" s="10"/>
    </row>
    <row r="592895" spans="14:14">
      <c r="N592895" s="10"/>
    </row>
    <row r="592896" spans="14:14">
      <c r="N592896" s="10"/>
    </row>
    <row r="592897" spans="14:14">
      <c r="N592897" s="10"/>
    </row>
    <row r="592898" spans="14:14">
      <c r="N592898" s="10"/>
    </row>
    <row r="592899" spans="14:14">
      <c r="N592899" s="10"/>
    </row>
    <row r="592900" spans="14:14">
      <c r="N592900" s="10"/>
    </row>
    <row r="592901" spans="14:14">
      <c r="N592901" s="10"/>
    </row>
    <row r="592902" spans="14:14">
      <c r="N592902" s="10"/>
    </row>
    <row r="592903" spans="14:14">
      <c r="N592903" s="10"/>
    </row>
    <row r="592904" spans="14:14">
      <c r="N592904" s="10"/>
    </row>
    <row r="592905" spans="14:14">
      <c r="N592905" s="10"/>
    </row>
    <row r="592906" spans="14:14">
      <c r="N592906" s="10"/>
    </row>
    <row r="592907" spans="14:14">
      <c r="N592907" s="10"/>
    </row>
    <row r="592908" spans="14:14">
      <c r="N592908" s="10"/>
    </row>
    <row r="592909" spans="14:14">
      <c r="N592909" s="10"/>
    </row>
    <row r="592910" spans="14:14">
      <c r="N592910" s="10"/>
    </row>
    <row r="592911" spans="14:14">
      <c r="N592911" s="10"/>
    </row>
    <row r="592912" spans="14:14">
      <c r="N592912" s="10"/>
    </row>
    <row r="592913" spans="14:14">
      <c r="N592913" s="10"/>
    </row>
    <row r="592914" spans="14:14">
      <c r="N592914" s="10"/>
    </row>
    <row r="592915" spans="14:14">
      <c r="N592915" s="10"/>
    </row>
    <row r="592916" spans="14:14">
      <c r="N592916" s="10"/>
    </row>
    <row r="592917" spans="14:14">
      <c r="N592917" s="10"/>
    </row>
    <row r="592918" spans="14:14">
      <c r="N592918" s="10"/>
    </row>
    <row r="592919" spans="14:14">
      <c r="N592919" s="10"/>
    </row>
    <row r="592920" spans="14:14">
      <c r="N592920" s="10"/>
    </row>
    <row r="592921" spans="14:14">
      <c r="N592921" s="10"/>
    </row>
    <row r="592922" spans="14:14">
      <c r="N592922" s="10"/>
    </row>
    <row r="592923" spans="14:14">
      <c r="N592923" s="10"/>
    </row>
    <row r="592924" spans="14:14">
      <c r="N592924" s="10"/>
    </row>
    <row r="592925" spans="14:14">
      <c r="N592925" s="10"/>
    </row>
    <row r="592926" spans="14:14">
      <c r="N592926" s="10"/>
    </row>
    <row r="592927" spans="14:14">
      <c r="N592927" s="10"/>
    </row>
    <row r="592928" spans="14:14">
      <c r="N592928" s="10"/>
    </row>
    <row r="592929" spans="14:14">
      <c r="N592929" s="10"/>
    </row>
    <row r="592930" spans="14:14">
      <c r="N592930" s="10"/>
    </row>
    <row r="592931" spans="14:14">
      <c r="N592931" s="10"/>
    </row>
    <row r="592932" spans="14:14">
      <c r="N592932" s="10"/>
    </row>
    <row r="592933" spans="14:14">
      <c r="N592933" s="10"/>
    </row>
    <row r="592934" spans="14:14">
      <c r="N592934" s="10"/>
    </row>
    <row r="592935" spans="14:14">
      <c r="N592935" s="10"/>
    </row>
    <row r="592936" spans="14:14">
      <c r="N592936" s="10"/>
    </row>
    <row r="592937" spans="14:14">
      <c r="N592937" s="10"/>
    </row>
    <row r="592938" spans="14:14">
      <c r="N592938" s="10"/>
    </row>
    <row r="592939" spans="14:14">
      <c r="N592939" s="10"/>
    </row>
    <row r="592940" spans="14:14">
      <c r="N592940" s="10"/>
    </row>
    <row r="592941" spans="14:14">
      <c r="N592941" s="10"/>
    </row>
    <row r="592942" spans="14:14">
      <c r="N592942" s="10"/>
    </row>
    <row r="592943" spans="14:14">
      <c r="N592943" s="10"/>
    </row>
    <row r="592944" spans="14:14">
      <c r="N592944" s="10"/>
    </row>
    <row r="592945" spans="14:14">
      <c r="N592945" s="10"/>
    </row>
    <row r="592946" spans="14:14">
      <c r="N592946" s="10"/>
    </row>
    <row r="592947" spans="14:14">
      <c r="N592947" s="10"/>
    </row>
    <row r="592948" spans="14:14">
      <c r="N592948" s="10"/>
    </row>
    <row r="592949" spans="14:14">
      <c r="N592949" s="10"/>
    </row>
    <row r="592950" spans="14:14">
      <c r="N592950" s="10"/>
    </row>
    <row r="592951" spans="14:14">
      <c r="N592951" s="10"/>
    </row>
    <row r="592952" spans="14:14">
      <c r="N592952" s="10"/>
    </row>
    <row r="592953" spans="14:14">
      <c r="N592953" s="10"/>
    </row>
    <row r="592954" spans="14:14">
      <c r="N592954" s="10"/>
    </row>
    <row r="592955" spans="14:14">
      <c r="N592955" s="10"/>
    </row>
    <row r="592956" spans="14:14">
      <c r="N592956" s="10"/>
    </row>
    <row r="592957" spans="14:14">
      <c r="N592957" s="10"/>
    </row>
    <row r="592958" spans="14:14">
      <c r="N592958" s="10"/>
    </row>
    <row r="592959" spans="14:14">
      <c r="N592959" s="10"/>
    </row>
    <row r="592960" spans="14:14">
      <c r="N592960" s="10"/>
    </row>
    <row r="592961" spans="14:14">
      <c r="N592961" s="10"/>
    </row>
    <row r="592962" spans="14:14">
      <c r="N592962" s="10"/>
    </row>
    <row r="592963" spans="14:14">
      <c r="N592963" s="10"/>
    </row>
    <row r="592964" spans="14:14">
      <c r="N592964" s="10"/>
    </row>
    <row r="592965" spans="14:14">
      <c r="N592965" s="10"/>
    </row>
    <row r="592966" spans="14:14">
      <c r="N592966" s="10"/>
    </row>
    <row r="592967" spans="14:14">
      <c r="N592967" s="10"/>
    </row>
    <row r="592968" spans="14:14">
      <c r="N592968" s="10"/>
    </row>
    <row r="592969" spans="14:14">
      <c r="N592969" s="10"/>
    </row>
    <row r="592970" spans="14:14">
      <c r="N592970" s="10"/>
    </row>
    <row r="592971" spans="14:14">
      <c r="N592971" s="10"/>
    </row>
    <row r="592972" spans="14:14">
      <c r="N592972" s="10"/>
    </row>
    <row r="592973" spans="14:14">
      <c r="N592973" s="10"/>
    </row>
    <row r="592974" spans="14:14">
      <c r="N592974" s="10"/>
    </row>
    <row r="592975" spans="14:14">
      <c r="N592975" s="10"/>
    </row>
    <row r="592976" spans="14:14">
      <c r="N592976" s="10"/>
    </row>
    <row r="592977" spans="14:14">
      <c r="N592977" s="10"/>
    </row>
    <row r="592978" spans="14:14">
      <c r="N592978" s="10"/>
    </row>
    <row r="592979" spans="14:14">
      <c r="N592979" s="10"/>
    </row>
    <row r="592980" spans="14:14">
      <c r="N592980" s="10"/>
    </row>
    <row r="592981" spans="14:14">
      <c r="N592981" s="10"/>
    </row>
    <row r="592982" spans="14:14">
      <c r="N592982" s="10"/>
    </row>
    <row r="592983" spans="14:14">
      <c r="N592983" s="10"/>
    </row>
    <row r="592984" spans="14:14">
      <c r="N592984" s="10"/>
    </row>
    <row r="592985" spans="14:14">
      <c r="N592985" s="10"/>
    </row>
    <row r="592986" spans="14:14">
      <c r="N592986" s="10"/>
    </row>
    <row r="592987" spans="14:14">
      <c r="N592987" s="10"/>
    </row>
    <row r="592988" spans="14:14">
      <c r="N592988" s="10"/>
    </row>
    <row r="592989" spans="14:14">
      <c r="N592989" s="10"/>
    </row>
    <row r="592990" spans="14:14">
      <c r="N592990" s="10"/>
    </row>
    <row r="592991" spans="14:14">
      <c r="N592991" s="10"/>
    </row>
    <row r="592992" spans="14:14">
      <c r="N592992" s="10"/>
    </row>
    <row r="592993" spans="14:14">
      <c r="N592993" s="10"/>
    </row>
    <row r="592994" spans="14:14">
      <c r="N592994" s="10"/>
    </row>
    <row r="592995" spans="14:14">
      <c r="N592995" s="10"/>
    </row>
    <row r="592996" spans="14:14">
      <c r="N592996" s="10"/>
    </row>
    <row r="592997" spans="14:14">
      <c r="N592997" s="10"/>
    </row>
    <row r="592998" spans="14:14">
      <c r="N592998" s="10"/>
    </row>
    <row r="592999" spans="14:14">
      <c r="N592999" s="10"/>
    </row>
    <row r="593000" spans="14:14">
      <c r="N593000" s="10"/>
    </row>
    <row r="593001" spans="14:14">
      <c r="N593001" s="10"/>
    </row>
    <row r="593002" spans="14:14">
      <c r="N593002" s="10"/>
    </row>
    <row r="593003" spans="14:14">
      <c r="N593003" s="10"/>
    </row>
    <row r="593004" spans="14:14">
      <c r="N593004" s="10"/>
    </row>
    <row r="593005" spans="14:14">
      <c r="N593005" s="10"/>
    </row>
    <row r="593006" spans="14:14">
      <c r="N593006" s="10"/>
    </row>
    <row r="593007" spans="14:14">
      <c r="N593007" s="10"/>
    </row>
    <row r="593008" spans="14:14">
      <c r="N593008" s="10"/>
    </row>
    <row r="593009" spans="14:14">
      <c r="N593009" s="10"/>
    </row>
    <row r="593010" spans="14:14">
      <c r="N593010" s="10"/>
    </row>
    <row r="593011" spans="14:14">
      <c r="N593011" s="10"/>
    </row>
    <row r="593012" spans="14:14">
      <c r="N593012" s="10"/>
    </row>
    <row r="593013" spans="14:14">
      <c r="N593013" s="10"/>
    </row>
    <row r="593014" spans="14:14">
      <c r="N593014" s="10"/>
    </row>
    <row r="593015" spans="14:14">
      <c r="N593015" s="10"/>
    </row>
    <row r="593016" spans="14:14">
      <c r="N593016" s="10"/>
    </row>
    <row r="593017" spans="14:14">
      <c r="N593017" s="10"/>
    </row>
    <row r="593018" spans="14:14">
      <c r="N593018" s="10"/>
    </row>
    <row r="593019" spans="14:14">
      <c r="N593019" s="10"/>
    </row>
    <row r="593020" spans="14:14">
      <c r="N593020" s="10"/>
    </row>
    <row r="593021" spans="14:14">
      <c r="N593021" s="10"/>
    </row>
    <row r="593022" spans="14:14">
      <c r="N593022" s="10"/>
    </row>
    <row r="593023" spans="14:14">
      <c r="N593023" s="10"/>
    </row>
    <row r="593024" spans="14:14">
      <c r="N593024" s="10"/>
    </row>
    <row r="593025" spans="14:14">
      <c r="N593025" s="10"/>
    </row>
    <row r="593026" spans="14:14">
      <c r="N593026" s="10"/>
    </row>
    <row r="593027" spans="14:14">
      <c r="N593027" s="10"/>
    </row>
    <row r="593028" spans="14:14">
      <c r="N593028" s="10"/>
    </row>
    <row r="593029" spans="14:14">
      <c r="N593029" s="10"/>
    </row>
    <row r="593030" spans="14:14">
      <c r="N593030" s="10"/>
    </row>
    <row r="593031" spans="14:14">
      <c r="N593031" s="10"/>
    </row>
    <row r="593032" spans="14:14">
      <c r="N593032" s="10"/>
    </row>
    <row r="593033" spans="14:14">
      <c r="N593033" s="10"/>
    </row>
    <row r="593034" spans="14:14">
      <c r="N593034" s="10"/>
    </row>
    <row r="593035" spans="14:14">
      <c r="N593035" s="10"/>
    </row>
    <row r="593036" spans="14:14">
      <c r="N593036" s="10"/>
    </row>
    <row r="593037" spans="14:14">
      <c r="N593037" s="10"/>
    </row>
    <row r="593038" spans="14:14">
      <c r="N593038" s="10"/>
    </row>
    <row r="593039" spans="14:14">
      <c r="N593039" s="10"/>
    </row>
    <row r="593040" spans="14:14">
      <c r="N593040" s="10"/>
    </row>
    <row r="593041" spans="14:14">
      <c r="N593041" s="10"/>
    </row>
    <row r="593042" spans="14:14">
      <c r="N593042" s="10"/>
    </row>
    <row r="593043" spans="14:14">
      <c r="N593043" s="10"/>
    </row>
    <row r="593044" spans="14:14">
      <c r="N593044" s="10"/>
    </row>
    <row r="593045" spans="14:14">
      <c r="N593045" s="10"/>
    </row>
    <row r="593046" spans="14:14">
      <c r="N593046" s="10"/>
    </row>
    <row r="593047" spans="14:14">
      <c r="N593047" s="10"/>
    </row>
    <row r="593048" spans="14:14">
      <c r="N593048" s="10"/>
    </row>
    <row r="593049" spans="14:14">
      <c r="N593049" s="10"/>
    </row>
    <row r="593050" spans="14:14">
      <c r="N593050" s="10"/>
    </row>
    <row r="593051" spans="14:14">
      <c r="N593051" s="10"/>
    </row>
    <row r="593052" spans="14:14">
      <c r="N593052" s="10"/>
    </row>
    <row r="593053" spans="14:14">
      <c r="N593053" s="10"/>
    </row>
    <row r="593054" spans="14:14">
      <c r="N593054" s="10"/>
    </row>
    <row r="593055" spans="14:14">
      <c r="N593055" s="10"/>
    </row>
    <row r="593056" spans="14:14">
      <c r="N593056" s="10"/>
    </row>
    <row r="593057" spans="14:14">
      <c r="N593057" s="10"/>
    </row>
    <row r="593058" spans="14:14">
      <c r="N593058" s="10"/>
    </row>
    <row r="593059" spans="14:14">
      <c r="N593059" s="10"/>
    </row>
    <row r="593060" spans="14:14">
      <c r="N593060" s="10"/>
    </row>
    <row r="593061" spans="14:14">
      <c r="N593061" s="10"/>
    </row>
    <row r="593062" spans="14:14">
      <c r="N593062" s="10"/>
    </row>
    <row r="593063" spans="14:14">
      <c r="N593063" s="10"/>
    </row>
    <row r="593064" spans="14:14">
      <c r="N593064" s="10"/>
    </row>
    <row r="593065" spans="14:14">
      <c r="N593065" s="10"/>
    </row>
    <row r="593066" spans="14:14">
      <c r="N593066" s="10"/>
    </row>
    <row r="593067" spans="14:14">
      <c r="N593067" s="10"/>
    </row>
    <row r="593068" spans="14:14">
      <c r="N593068" s="10"/>
    </row>
    <row r="593069" spans="14:14">
      <c r="N593069" s="10"/>
    </row>
    <row r="593070" spans="14:14">
      <c r="N593070" s="10"/>
    </row>
    <row r="593071" spans="14:14">
      <c r="N593071" s="10"/>
    </row>
    <row r="593072" spans="14:14">
      <c r="N593072" s="10"/>
    </row>
    <row r="593073" spans="14:14">
      <c r="N593073" s="10"/>
    </row>
    <row r="593074" spans="14:14">
      <c r="N593074" s="10"/>
    </row>
    <row r="593075" spans="14:14">
      <c r="N593075" s="10"/>
    </row>
    <row r="593076" spans="14:14">
      <c r="N593076" s="10"/>
    </row>
    <row r="593077" spans="14:14">
      <c r="N593077" s="10"/>
    </row>
    <row r="593078" spans="14:14">
      <c r="N593078" s="10"/>
    </row>
    <row r="593079" spans="14:14">
      <c r="N593079" s="10"/>
    </row>
    <row r="593080" spans="14:14">
      <c r="N593080" s="10"/>
    </row>
    <row r="593081" spans="14:14">
      <c r="N593081" s="10"/>
    </row>
    <row r="593082" spans="14:14">
      <c r="N593082" s="10"/>
    </row>
    <row r="593083" spans="14:14">
      <c r="N593083" s="10"/>
    </row>
    <row r="593084" spans="14:14">
      <c r="N593084" s="10"/>
    </row>
    <row r="593085" spans="14:14">
      <c r="N593085" s="10"/>
    </row>
    <row r="593086" spans="14:14">
      <c r="N593086" s="10"/>
    </row>
    <row r="593087" spans="14:14">
      <c r="N593087" s="10"/>
    </row>
    <row r="593088" spans="14:14">
      <c r="N593088" s="10"/>
    </row>
    <row r="593089" spans="14:14">
      <c r="N593089" s="10"/>
    </row>
    <row r="593090" spans="14:14">
      <c r="N593090" s="10"/>
    </row>
    <row r="593091" spans="14:14">
      <c r="N593091" s="10"/>
    </row>
    <row r="593092" spans="14:14">
      <c r="N593092" s="10"/>
    </row>
    <row r="593093" spans="14:14">
      <c r="N593093" s="10"/>
    </row>
    <row r="593094" spans="14:14">
      <c r="N593094" s="10"/>
    </row>
    <row r="593095" spans="14:14">
      <c r="N593095" s="10"/>
    </row>
    <row r="593096" spans="14:14">
      <c r="N593096" s="10"/>
    </row>
    <row r="593097" spans="14:14">
      <c r="N593097" s="10"/>
    </row>
    <row r="593098" spans="14:14">
      <c r="N593098" s="10"/>
    </row>
    <row r="593099" spans="14:14">
      <c r="N593099" s="10"/>
    </row>
    <row r="593100" spans="14:14">
      <c r="N593100" s="10"/>
    </row>
    <row r="593101" spans="14:14">
      <c r="N593101" s="10"/>
    </row>
    <row r="593102" spans="14:14">
      <c r="N593102" s="10"/>
    </row>
    <row r="593103" spans="14:14">
      <c r="N593103" s="10"/>
    </row>
    <row r="593104" spans="14:14">
      <c r="N593104" s="10"/>
    </row>
    <row r="593105" spans="14:14">
      <c r="N593105" s="10"/>
    </row>
    <row r="593106" spans="14:14">
      <c r="N593106" s="10"/>
    </row>
    <row r="593107" spans="14:14">
      <c r="N593107" s="10"/>
    </row>
    <row r="593108" spans="14:14">
      <c r="N593108" s="10"/>
    </row>
    <row r="593109" spans="14:14">
      <c r="N593109" s="10"/>
    </row>
    <row r="593110" spans="14:14">
      <c r="N593110" s="10"/>
    </row>
    <row r="593111" spans="14:14">
      <c r="N593111" s="10"/>
    </row>
    <row r="593112" spans="14:14">
      <c r="N593112" s="10"/>
    </row>
    <row r="593113" spans="14:14">
      <c r="N593113" s="10"/>
    </row>
    <row r="593114" spans="14:14">
      <c r="N593114" s="10"/>
    </row>
    <row r="593115" spans="14:14">
      <c r="N593115" s="10"/>
    </row>
    <row r="593116" spans="14:14">
      <c r="N593116" s="10"/>
    </row>
    <row r="593117" spans="14:14">
      <c r="N593117" s="10"/>
    </row>
    <row r="593118" spans="14:14">
      <c r="N593118" s="10"/>
    </row>
    <row r="593119" spans="14:14">
      <c r="N593119" s="10"/>
    </row>
    <row r="593120" spans="14:14">
      <c r="N593120" s="10"/>
    </row>
    <row r="593121" spans="14:14">
      <c r="N593121" s="10"/>
    </row>
    <row r="593122" spans="14:14">
      <c r="N593122" s="10"/>
    </row>
    <row r="593123" spans="14:14">
      <c r="N593123" s="10"/>
    </row>
    <row r="593124" spans="14:14">
      <c r="N593124" s="10"/>
    </row>
    <row r="593125" spans="14:14">
      <c r="N593125" s="10"/>
    </row>
    <row r="593126" spans="14:14">
      <c r="N593126" s="10"/>
    </row>
    <row r="593127" spans="14:14">
      <c r="N593127" s="10"/>
    </row>
    <row r="593128" spans="14:14">
      <c r="N593128" s="10"/>
    </row>
    <row r="593129" spans="14:14">
      <c r="N593129" s="10"/>
    </row>
    <row r="593130" spans="14:14">
      <c r="N593130" s="10"/>
    </row>
    <row r="593131" spans="14:14">
      <c r="N593131" s="10"/>
    </row>
    <row r="593132" spans="14:14">
      <c r="N593132" s="10"/>
    </row>
    <row r="593133" spans="14:14">
      <c r="N593133" s="10"/>
    </row>
    <row r="593134" spans="14:14">
      <c r="N593134" s="10"/>
    </row>
    <row r="593135" spans="14:14">
      <c r="N593135" s="10"/>
    </row>
    <row r="593136" spans="14:14">
      <c r="N593136" s="10"/>
    </row>
    <row r="593137" spans="14:14">
      <c r="N593137" s="10"/>
    </row>
    <row r="593138" spans="14:14">
      <c r="N593138" s="10"/>
    </row>
    <row r="593139" spans="14:14">
      <c r="N593139" s="10"/>
    </row>
    <row r="593140" spans="14:14">
      <c r="N593140" s="10"/>
    </row>
    <row r="593141" spans="14:14">
      <c r="N593141" s="10"/>
    </row>
    <row r="593142" spans="14:14">
      <c r="N593142" s="10"/>
    </row>
    <row r="593143" spans="14:14">
      <c r="N593143" s="10"/>
    </row>
    <row r="593144" spans="14:14">
      <c r="N593144" s="10"/>
    </row>
    <row r="593145" spans="14:14">
      <c r="N593145" s="10"/>
    </row>
    <row r="593146" spans="14:14">
      <c r="N593146" s="10"/>
    </row>
    <row r="593147" spans="14:14">
      <c r="N593147" s="10"/>
    </row>
    <row r="593148" spans="14:14">
      <c r="N593148" s="10"/>
    </row>
    <row r="593149" spans="14:14">
      <c r="N593149" s="10"/>
    </row>
    <row r="593150" spans="14:14">
      <c r="N593150" s="10"/>
    </row>
    <row r="593151" spans="14:14">
      <c r="N593151" s="10"/>
    </row>
    <row r="593152" spans="14:14">
      <c r="N593152" s="10"/>
    </row>
    <row r="593153" spans="14:14">
      <c r="N593153" s="10"/>
    </row>
    <row r="593154" spans="14:14">
      <c r="N593154" s="10"/>
    </row>
    <row r="593155" spans="14:14">
      <c r="N593155" s="10"/>
    </row>
    <row r="593156" spans="14:14">
      <c r="N593156" s="10"/>
    </row>
    <row r="593157" spans="14:14">
      <c r="N593157" s="10"/>
    </row>
    <row r="593158" spans="14:14">
      <c r="N593158" s="10"/>
    </row>
    <row r="593159" spans="14:14">
      <c r="N593159" s="10"/>
    </row>
    <row r="593160" spans="14:14">
      <c r="N593160" s="10"/>
    </row>
    <row r="593161" spans="14:14">
      <c r="N593161" s="10"/>
    </row>
    <row r="593162" spans="14:14">
      <c r="N593162" s="10"/>
    </row>
    <row r="593163" spans="14:14">
      <c r="N593163" s="10"/>
    </row>
    <row r="593164" spans="14:14">
      <c r="N593164" s="10"/>
    </row>
    <row r="593165" spans="14:14">
      <c r="N593165" s="10"/>
    </row>
    <row r="593166" spans="14:14">
      <c r="N593166" s="10"/>
    </row>
    <row r="593167" spans="14:14">
      <c r="N593167" s="10"/>
    </row>
    <row r="593168" spans="14:14">
      <c r="N593168" s="10"/>
    </row>
    <row r="593169" spans="14:14">
      <c r="N593169" s="10"/>
    </row>
    <row r="593170" spans="14:14">
      <c r="N593170" s="10"/>
    </row>
    <row r="593171" spans="14:14">
      <c r="N593171" s="10"/>
    </row>
    <row r="593172" spans="14:14">
      <c r="N593172" s="10"/>
    </row>
    <row r="593173" spans="14:14">
      <c r="N593173" s="10"/>
    </row>
    <row r="593174" spans="14:14">
      <c r="N593174" s="10"/>
    </row>
    <row r="593175" spans="14:14">
      <c r="N593175" s="10"/>
    </row>
    <row r="593176" spans="14:14">
      <c r="N593176" s="10"/>
    </row>
    <row r="593177" spans="14:14">
      <c r="N593177" s="10"/>
    </row>
    <row r="593178" spans="14:14">
      <c r="N593178" s="10"/>
    </row>
    <row r="593179" spans="14:14">
      <c r="N593179" s="10"/>
    </row>
    <row r="593180" spans="14:14">
      <c r="N593180" s="10"/>
    </row>
    <row r="593181" spans="14:14">
      <c r="N593181" s="10"/>
    </row>
    <row r="593182" spans="14:14">
      <c r="N593182" s="10"/>
    </row>
    <row r="593183" spans="14:14">
      <c r="N593183" s="10"/>
    </row>
    <row r="593184" spans="14:14">
      <c r="N593184" s="10"/>
    </row>
    <row r="593185" spans="14:14">
      <c r="N593185" s="10"/>
    </row>
    <row r="593186" spans="14:14">
      <c r="N593186" s="10"/>
    </row>
    <row r="593187" spans="14:14">
      <c r="N593187" s="10"/>
    </row>
    <row r="593188" spans="14:14">
      <c r="N593188" s="10"/>
    </row>
    <row r="593189" spans="14:14">
      <c r="N593189" s="10"/>
    </row>
    <row r="593190" spans="14:14">
      <c r="N593190" s="10"/>
    </row>
    <row r="593191" spans="14:14">
      <c r="N593191" s="10"/>
    </row>
    <row r="593192" spans="14:14">
      <c r="N593192" s="10"/>
    </row>
    <row r="593193" spans="14:14">
      <c r="N593193" s="10"/>
    </row>
    <row r="593194" spans="14:14">
      <c r="N593194" s="10"/>
    </row>
    <row r="593195" spans="14:14">
      <c r="N593195" s="10"/>
    </row>
    <row r="593196" spans="14:14">
      <c r="N593196" s="10"/>
    </row>
    <row r="593197" spans="14:14">
      <c r="N593197" s="10"/>
    </row>
    <row r="593198" spans="14:14">
      <c r="N593198" s="10"/>
    </row>
    <row r="593199" spans="14:14">
      <c r="N593199" s="10"/>
    </row>
    <row r="593200" spans="14:14">
      <c r="N593200" s="10"/>
    </row>
    <row r="593201" spans="14:14">
      <c r="N593201" s="10"/>
    </row>
    <row r="593202" spans="14:14">
      <c r="N593202" s="10"/>
    </row>
    <row r="593203" spans="14:14">
      <c r="N593203" s="10"/>
    </row>
    <row r="593204" spans="14:14">
      <c r="N593204" s="10"/>
    </row>
    <row r="593205" spans="14:14">
      <c r="N593205" s="10"/>
    </row>
    <row r="593206" spans="14:14">
      <c r="N593206" s="10"/>
    </row>
    <row r="593207" spans="14:14">
      <c r="N593207" s="10"/>
    </row>
    <row r="593208" spans="14:14">
      <c r="N593208" s="10"/>
    </row>
    <row r="593209" spans="14:14">
      <c r="N593209" s="10"/>
    </row>
    <row r="593210" spans="14:14">
      <c r="N593210" s="10"/>
    </row>
    <row r="593211" spans="14:14">
      <c r="N593211" s="10"/>
    </row>
    <row r="593212" spans="14:14">
      <c r="N593212" s="10"/>
    </row>
    <row r="593213" spans="14:14">
      <c r="N593213" s="10"/>
    </row>
    <row r="593214" spans="14:14">
      <c r="N593214" s="10"/>
    </row>
    <row r="593215" spans="14:14">
      <c r="N593215" s="10"/>
    </row>
    <row r="593216" spans="14:14">
      <c r="N593216" s="10"/>
    </row>
    <row r="593217" spans="14:14">
      <c r="N593217" s="10"/>
    </row>
    <row r="593218" spans="14:14">
      <c r="N593218" s="10"/>
    </row>
    <row r="593219" spans="14:14">
      <c r="N593219" s="10"/>
    </row>
    <row r="593220" spans="14:14">
      <c r="N593220" s="10"/>
    </row>
    <row r="593221" spans="14:14">
      <c r="N593221" s="10"/>
    </row>
    <row r="593222" spans="14:14">
      <c r="N593222" s="10"/>
    </row>
    <row r="593223" spans="14:14">
      <c r="N593223" s="10"/>
    </row>
    <row r="593224" spans="14:14">
      <c r="N593224" s="10"/>
    </row>
    <row r="593225" spans="14:14">
      <c r="N593225" s="10"/>
    </row>
    <row r="593226" spans="14:14">
      <c r="N593226" s="10"/>
    </row>
    <row r="593227" spans="14:14">
      <c r="N593227" s="10"/>
    </row>
    <row r="593228" spans="14:14">
      <c r="N593228" s="10"/>
    </row>
    <row r="593229" spans="14:14">
      <c r="N593229" s="10"/>
    </row>
    <row r="593230" spans="14:14">
      <c r="N593230" s="10"/>
    </row>
    <row r="593231" spans="14:14">
      <c r="N593231" s="10"/>
    </row>
    <row r="593232" spans="14:14">
      <c r="N593232" s="10"/>
    </row>
    <row r="593233" spans="14:14">
      <c r="N593233" s="10"/>
    </row>
    <row r="593234" spans="14:14">
      <c r="N593234" s="10"/>
    </row>
    <row r="593235" spans="14:14">
      <c r="N593235" s="10"/>
    </row>
    <row r="593236" spans="14:14">
      <c r="N593236" s="10"/>
    </row>
    <row r="593237" spans="14:14">
      <c r="N593237" s="10"/>
    </row>
    <row r="593238" spans="14:14">
      <c r="N593238" s="10"/>
    </row>
    <row r="593239" spans="14:14">
      <c r="N593239" s="10"/>
    </row>
    <row r="593240" spans="14:14">
      <c r="N593240" s="10"/>
    </row>
    <row r="593241" spans="14:14">
      <c r="N593241" s="10"/>
    </row>
    <row r="593242" spans="14:14">
      <c r="N593242" s="10"/>
    </row>
    <row r="593243" spans="14:14">
      <c r="N593243" s="10"/>
    </row>
    <row r="593244" spans="14:14">
      <c r="N593244" s="10"/>
    </row>
    <row r="593245" spans="14:14">
      <c r="N593245" s="10"/>
    </row>
    <row r="593246" spans="14:14">
      <c r="N593246" s="10"/>
    </row>
    <row r="593247" spans="14:14">
      <c r="N593247" s="10"/>
    </row>
    <row r="593248" spans="14:14">
      <c r="N593248" s="10"/>
    </row>
    <row r="593249" spans="14:14">
      <c r="N593249" s="10"/>
    </row>
    <row r="593250" spans="14:14">
      <c r="N593250" s="10"/>
    </row>
    <row r="593251" spans="14:14">
      <c r="N593251" s="10"/>
    </row>
    <row r="593252" spans="14:14">
      <c r="N593252" s="10"/>
    </row>
    <row r="593253" spans="14:14">
      <c r="N593253" s="10"/>
    </row>
    <row r="593254" spans="14:14">
      <c r="N593254" s="10"/>
    </row>
    <row r="593255" spans="14:14">
      <c r="N593255" s="10"/>
    </row>
    <row r="593256" spans="14:14">
      <c r="N593256" s="10"/>
    </row>
    <row r="593257" spans="14:14">
      <c r="N593257" s="10"/>
    </row>
    <row r="593258" spans="14:14">
      <c r="N593258" s="10"/>
    </row>
    <row r="593259" spans="14:14">
      <c r="N593259" s="10"/>
    </row>
    <row r="593260" spans="14:14">
      <c r="N593260" s="10"/>
    </row>
    <row r="593261" spans="14:14">
      <c r="N593261" s="10"/>
    </row>
    <row r="593262" spans="14:14">
      <c r="N593262" s="10"/>
    </row>
    <row r="593263" spans="14:14">
      <c r="N593263" s="10"/>
    </row>
    <row r="593264" spans="14:14">
      <c r="N593264" s="10"/>
    </row>
    <row r="593265" spans="14:14">
      <c r="N593265" s="10"/>
    </row>
    <row r="593266" spans="14:14">
      <c r="N593266" s="10"/>
    </row>
    <row r="593267" spans="14:14">
      <c r="N593267" s="10"/>
    </row>
    <row r="593268" spans="14:14">
      <c r="N593268" s="10"/>
    </row>
    <row r="593269" spans="14:14">
      <c r="N593269" s="10"/>
    </row>
    <row r="593270" spans="14:14">
      <c r="N593270" s="10"/>
    </row>
    <row r="593271" spans="14:14">
      <c r="N593271" s="10"/>
    </row>
    <row r="593272" spans="14:14">
      <c r="N593272" s="10"/>
    </row>
    <row r="593273" spans="14:14">
      <c r="N593273" s="10"/>
    </row>
    <row r="593274" spans="14:14">
      <c r="N593274" s="10"/>
    </row>
    <row r="593275" spans="14:14">
      <c r="N593275" s="10"/>
    </row>
    <row r="593276" spans="14:14">
      <c r="N593276" s="10"/>
    </row>
    <row r="593277" spans="14:14">
      <c r="N593277" s="10"/>
    </row>
    <row r="593278" spans="14:14">
      <c r="N593278" s="10"/>
    </row>
    <row r="593279" spans="14:14">
      <c r="N593279" s="10"/>
    </row>
    <row r="593280" spans="14:14">
      <c r="N593280" s="10"/>
    </row>
    <row r="593281" spans="14:14">
      <c r="N593281" s="10"/>
    </row>
    <row r="593282" spans="14:14">
      <c r="N593282" s="10"/>
    </row>
    <row r="593283" spans="14:14">
      <c r="N593283" s="10"/>
    </row>
    <row r="593284" spans="14:14">
      <c r="N593284" s="10"/>
    </row>
    <row r="593285" spans="14:14">
      <c r="N593285" s="10"/>
    </row>
    <row r="593286" spans="14:14">
      <c r="N593286" s="10"/>
    </row>
    <row r="593287" spans="14:14">
      <c r="N593287" s="10"/>
    </row>
    <row r="593288" spans="14:14">
      <c r="N593288" s="10"/>
    </row>
    <row r="593289" spans="14:14">
      <c r="N593289" s="10"/>
    </row>
    <row r="593290" spans="14:14">
      <c r="N593290" s="10"/>
    </row>
    <row r="593291" spans="14:14">
      <c r="N593291" s="10"/>
    </row>
    <row r="593292" spans="14:14">
      <c r="N593292" s="10"/>
    </row>
    <row r="593293" spans="14:14">
      <c r="N593293" s="10"/>
    </row>
    <row r="593294" spans="14:14">
      <c r="N593294" s="10"/>
    </row>
    <row r="593295" spans="14:14">
      <c r="N593295" s="10"/>
    </row>
    <row r="593296" spans="14:14">
      <c r="N593296" s="10"/>
    </row>
    <row r="593297" spans="14:14">
      <c r="N593297" s="10"/>
    </row>
    <row r="593298" spans="14:14">
      <c r="N593298" s="10"/>
    </row>
    <row r="593299" spans="14:14">
      <c r="N593299" s="10"/>
    </row>
    <row r="593300" spans="14:14">
      <c r="N593300" s="10"/>
    </row>
    <row r="593301" spans="14:14">
      <c r="N593301" s="10"/>
    </row>
    <row r="593302" spans="14:14">
      <c r="N593302" s="10"/>
    </row>
    <row r="593303" spans="14:14">
      <c r="N593303" s="10"/>
    </row>
    <row r="593304" spans="14:14">
      <c r="N593304" s="10"/>
    </row>
    <row r="593305" spans="14:14">
      <c r="N593305" s="10"/>
    </row>
    <row r="593306" spans="14:14">
      <c r="N593306" s="10"/>
    </row>
    <row r="593307" spans="14:14">
      <c r="N593307" s="10"/>
    </row>
    <row r="593308" spans="14:14">
      <c r="N593308" s="10"/>
    </row>
    <row r="593309" spans="14:14">
      <c r="N593309" s="10"/>
    </row>
    <row r="593310" spans="14:14">
      <c r="N593310" s="10"/>
    </row>
    <row r="593311" spans="14:14">
      <c r="N593311" s="10"/>
    </row>
    <row r="593312" spans="14:14">
      <c r="N593312" s="10"/>
    </row>
    <row r="593313" spans="14:14">
      <c r="N593313" s="10"/>
    </row>
    <row r="593314" spans="14:14">
      <c r="N593314" s="10"/>
    </row>
    <row r="593315" spans="14:14">
      <c r="N593315" s="10"/>
    </row>
    <row r="593316" spans="14:14">
      <c r="N593316" s="10"/>
    </row>
    <row r="593317" spans="14:14">
      <c r="N593317" s="10"/>
    </row>
    <row r="593318" spans="14:14">
      <c r="N593318" s="10"/>
    </row>
    <row r="593319" spans="14:14">
      <c r="N593319" s="10"/>
    </row>
    <row r="593320" spans="14:14">
      <c r="N593320" s="10"/>
    </row>
    <row r="593321" spans="14:14">
      <c r="N593321" s="10"/>
    </row>
    <row r="593322" spans="14:14">
      <c r="N593322" s="10"/>
    </row>
    <row r="593323" spans="14:14">
      <c r="N593323" s="10"/>
    </row>
    <row r="593324" spans="14:14">
      <c r="N593324" s="10"/>
    </row>
    <row r="593325" spans="14:14">
      <c r="N593325" s="10"/>
    </row>
    <row r="593326" spans="14:14">
      <c r="N593326" s="10"/>
    </row>
    <row r="593327" spans="14:14">
      <c r="N593327" s="10"/>
    </row>
    <row r="593328" spans="14:14">
      <c r="N593328" s="10"/>
    </row>
    <row r="593329" spans="14:14">
      <c r="N593329" s="10"/>
    </row>
    <row r="593330" spans="14:14">
      <c r="N593330" s="10"/>
    </row>
    <row r="593331" spans="14:14">
      <c r="N593331" s="10"/>
    </row>
    <row r="593332" spans="14:14">
      <c r="N593332" s="10"/>
    </row>
    <row r="593333" spans="14:14">
      <c r="N593333" s="10"/>
    </row>
    <row r="593334" spans="14:14">
      <c r="N593334" s="10"/>
    </row>
    <row r="593335" spans="14:14">
      <c r="N593335" s="10"/>
    </row>
    <row r="593336" spans="14:14">
      <c r="N593336" s="10"/>
    </row>
    <row r="593337" spans="14:14">
      <c r="N593337" s="10"/>
    </row>
    <row r="593338" spans="14:14">
      <c r="N593338" s="10"/>
    </row>
    <row r="593339" spans="14:14">
      <c r="N593339" s="10"/>
    </row>
    <row r="593340" spans="14:14">
      <c r="N593340" s="10"/>
    </row>
    <row r="593341" spans="14:14">
      <c r="N593341" s="10"/>
    </row>
    <row r="593342" spans="14:14">
      <c r="N593342" s="10"/>
    </row>
    <row r="593343" spans="14:14">
      <c r="N593343" s="10"/>
    </row>
    <row r="593344" spans="14:14">
      <c r="N593344" s="10"/>
    </row>
    <row r="593345" spans="14:14">
      <c r="N593345" s="10"/>
    </row>
    <row r="593346" spans="14:14">
      <c r="N593346" s="10"/>
    </row>
    <row r="593347" spans="14:14">
      <c r="N593347" s="10"/>
    </row>
    <row r="593348" spans="14:14">
      <c r="N593348" s="10"/>
    </row>
    <row r="593349" spans="14:14">
      <c r="N593349" s="10"/>
    </row>
    <row r="593350" spans="14:14">
      <c r="N593350" s="10"/>
    </row>
    <row r="593351" spans="14:14">
      <c r="N593351" s="10"/>
    </row>
    <row r="593352" spans="14:14">
      <c r="N593352" s="10"/>
    </row>
    <row r="593353" spans="14:14">
      <c r="N593353" s="10"/>
    </row>
    <row r="593354" spans="14:14">
      <c r="N593354" s="10"/>
    </row>
    <row r="593355" spans="14:14">
      <c r="N593355" s="10"/>
    </row>
    <row r="593356" spans="14:14">
      <c r="N593356" s="10"/>
    </row>
    <row r="593357" spans="14:14">
      <c r="N593357" s="10"/>
    </row>
    <row r="593358" spans="14:14">
      <c r="N593358" s="10"/>
    </row>
    <row r="593359" spans="14:14">
      <c r="N593359" s="10"/>
    </row>
    <row r="593360" spans="14:14">
      <c r="N593360" s="10"/>
    </row>
    <row r="593361" spans="14:14">
      <c r="N593361" s="10"/>
    </row>
    <row r="593362" spans="14:14">
      <c r="N593362" s="10"/>
    </row>
    <row r="593363" spans="14:14">
      <c r="N593363" s="10"/>
    </row>
    <row r="593364" spans="14:14">
      <c r="N593364" s="10"/>
    </row>
    <row r="593365" spans="14:14">
      <c r="N593365" s="10"/>
    </row>
    <row r="593366" spans="14:14">
      <c r="N593366" s="10"/>
    </row>
    <row r="593367" spans="14:14">
      <c r="N593367" s="10"/>
    </row>
    <row r="593368" spans="14:14">
      <c r="N593368" s="10"/>
    </row>
    <row r="593369" spans="14:14">
      <c r="N593369" s="10"/>
    </row>
    <row r="593370" spans="14:14">
      <c r="N593370" s="10"/>
    </row>
    <row r="593371" spans="14:14">
      <c r="N593371" s="10"/>
    </row>
    <row r="593372" spans="14:14">
      <c r="N593372" s="10"/>
    </row>
    <row r="593373" spans="14:14">
      <c r="N593373" s="10"/>
    </row>
    <row r="593374" spans="14:14">
      <c r="N593374" s="10"/>
    </row>
    <row r="593375" spans="14:14">
      <c r="N593375" s="10"/>
    </row>
    <row r="593376" spans="14:14">
      <c r="N593376" s="10"/>
    </row>
    <row r="593377" spans="14:14">
      <c r="N593377" s="10"/>
    </row>
    <row r="593378" spans="14:14">
      <c r="N593378" s="10"/>
    </row>
    <row r="593379" spans="14:14">
      <c r="N593379" s="10"/>
    </row>
    <row r="593380" spans="14:14">
      <c r="N593380" s="10"/>
    </row>
    <row r="593381" spans="14:14">
      <c r="N593381" s="10"/>
    </row>
    <row r="593382" spans="14:14">
      <c r="N593382" s="10"/>
    </row>
    <row r="593383" spans="14:14">
      <c r="N593383" s="10"/>
    </row>
    <row r="593384" spans="14:14">
      <c r="N593384" s="10"/>
    </row>
    <row r="593385" spans="14:14">
      <c r="N593385" s="10"/>
    </row>
    <row r="593386" spans="14:14">
      <c r="N593386" s="10"/>
    </row>
    <row r="593387" spans="14:14">
      <c r="N593387" s="10"/>
    </row>
    <row r="593388" spans="14:14">
      <c r="N593388" s="10"/>
    </row>
    <row r="593389" spans="14:14">
      <c r="N593389" s="10"/>
    </row>
    <row r="593390" spans="14:14">
      <c r="N593390" s="10"/>
    </row>
    <row r="593391" spans="14:14">
      <c r="N593391" s="10"/>
    </row>
    <row r="593392" spans="14:14">
      <c r="N593392" s="10"/>
    </row>
    <row r="593393" spans="14:14">
      <c r="N593393" s="10"/>
    </row>
    <row r="593394" spans="14:14">
      <c r="N593394" s="10"/>
    </row>
    <row r="593395" spans="14:14">
      <c r="N593395" s="10"/>
    </row>
    <row r="593396" spans="14:14">
      <c r="N593396" s="10"/>
    </row>
    <row r="593397" spans="14:14">
      <c r="N593397" s="10"/>
    </row>
    <row r="593398" spans="14:14">
      <c r="N593398" s="10"/>
    </row>
    <row r="593399" spans="14:14">
      <c r="N593399" s="10"/>
    </row>
    <row r="593400" spans="14:14">
      <c r="N593400" s="10"/>
    </row>
    <row r="593401" spans="14:14">
      <c r="N593401" s="10"/>
    </row>
    <row r="593402" spans="14:14">
      <c r="N593402" s="10"/>
    </row>
    <row r="593403" spans="14:14">
      <c r="N593403" s="10"/>
    </row>
    <row r="593404" spans="14:14">
      <c r="N593404" s="10"/>
    </row>
    <row r="593405" spans="14:14">
      <c r="N593405" s="10"/>
    </row>
    <row r="593406" spans="14:14">
      <c r="N593406" s="10"/>
    </row>
    <row r="593407" spans="14:14">
      <c r="N593407" s="10"/>
    </row>
    <row r="593408" spans="14:14">
      <c r="N593408" s="10"/>
    </row>
    <row r="593409" spans="14:14">
      <c r="N593409" s="10"/>
    </row>
    <row r="593410" spans="14:14">
      <c r="N593410" s="10"/>
    </row>
    <row r="593411" spans="14:14">
      <c r="N593411" s="10"/>
    </row>
    <row r="593412" spans="14:14">
      <c r="N593412" s="10"/>
    </row>
    <row r="593413" spans="14:14">
      <c r="N593413" s="10"/>
    </row>
    <row r="593414" spans="14:14">
      <c r="N593414" s="10"/>
    </row>
    <row r="593415" spans="14:14">
      <c r="N593415" s="10"/>
    </row>
    <row r="593416" spans="14:14">
      <c r="N593416" s="10"/>
    </row>
    <row r="593417" spans="14:14">
      <c r="N593417" s="10"/>
    </row>
    <row r="593418" spans="14:14">
      <c r="N593418" s="10"/>
    </row>
    <row r="593419" spans="14:14">
      <c r="N593419" s="10"/>
    </row>
    <row r="593420" spans="14:14">
      <c r="N593420" s="10"/>
    </row>
    <row r="593421" spans="14:14">
      <c r="N593421" s="10"/>
    </row>
    <row r="593422" spans="14:14">
      <c r="N593422" s="10"/>
    </row>
    <row r="593423" spans="14:14">
      <c r="N593423" s="10"/>
    </row>
    <row r="593424" spans="14:14">
      <c r="N593424" s="10"/>
    </row>
    <row r="593425" spans="14:14">
      <c r="N593425" s="10"/>
    </row>
    <row r="593426" spans="14:14">
      <c r="N593426" s="10"/>
    </row>
    <row r="593427" spans="14:14">
      <c r="N593427" s="10"/>
    </row>
    <row r="593428" spans="14:14">
      <c r="N593428" s="10"/>
    </row>
    <row r="593429" spans="14:14">
      <c r="N593429" s="10"/>
    </row>
    <row r="593430" spans="14:14">
      <c r="N593430" s="10"/>
    </row>
    <row r="593431" spans="14:14">
      <c r="N593431" s="10"/>
    </row>
    <row r="593432" spans="14:14">
      <c r="N593432" s="10"/>
    </row>
    <row r="593433" spans="14:14">
      <c r="N593433" s="10"/>
    </row>
    <row r="593434" spans="14:14">
      <c r="N593434" s="10"/>
    </row>
    <row r="593435" spans="14:14">
      <c r="N593435" s="10"/>
    </row>
    <row r="593436" spans="14:14">
      <c r="N593436" s="10"/>
    </row>
    <row r="593437" spans="14:14">
      <c r="N593437" s="10"/>
    </row>
    <row r="593438" spans="14:14">
      <c r="N593438" s="10"/>
    </row>
    <row r="593439" spans="14:14">
      <c r="N593439" s="10"/>
    </row>
    <row r="593440" spans="14:14">
      <c r="N593440" s="10"/>
    </row>
    <row r="593441" spans="14:14">
      <c r="N593441" s="10"/>
    </row>
    <row r="593442" spans="14:14">
      <c r="N593442" s="10"/>
    </row>
    <row r="593443" spans="14:14">
      <c r="N593443" s="10"/>
    </row>
    <row r="593444" spans="14:14">
      <c r="N593444" s="10"/>
    </row>
    <row r="593445" spans="14:14">
      <c r="N593445" s="10"/>
    </row>
    <row r="593446" spans="14:14">
      <c r="N593446" s="10"/>
    </row>
    <row r="593447" spans="14:14">
      <c r="N593447" s="10"/>
    </row>
    <row r="593448" spans="14:14">
      <c r="N593448" s="10"/>
    </row>
    <row r="593449" spans="14:14">
      <c r="N593449" s="10"/>
    </row>
    <row r="593450" spans="14:14">
      <c r="N593450" s="10"/>
    </row>
    <row r="593451" spans="14:14">
      <c r="N593451" s="10"/>
    </row>
    <row r="593452" spans="14:14">
      <c r="N593452" s="10"/>
    </row>
    <row r="593453" spans="14:14">
      <c r="N593453" s="10"/>
    </row>
    <row r="593454" spans="14:14">
      <c r="N593454" s="10"/>
    </row>
    <row r="593455" spans="14:14">
      <c r="N593455" s="10"/>
    </row>
    <row r="593456" spans="14:14">
      <c r="N593456" s="10"/>
    </row>
    <row r="593457" spans="14:14">
      <c r="N593457" s="10"/>
    </row>
    <row r="593458" spans="14:14">
      <c r="N593458" s="10"/>
    </row>
    <row r="593459" spans="14:14">
      <c r="N593459" s="10"/>
    </row>
    <row r="593460" spans="14:14">
      <c r="N593460" s="10"/>
    </row>
    <row r="593461" spans="14:14">
      <c r="N593461" s="10"/>
    </row>
    <row r="593462" spans="14:14">
      <c r="N593462" s="10"/>
    </row>
    <row r="593463" spans="14:14">
      <c r="N593463" s="10"/>
    </row>
    <row r="593464" spans="14:14">
      <c r="N593464" s="10"/>
    </row>
    <row r="593465" spans="14:14">
      <c r="N593465" s="10"/>
    </row>
    <row r="593466" spans="14:14">
      <c r="N593466" s="10"/>
    </row>
    <row r="593467" spans="14:14">
      <c r="N593467" s="10"/>
    </row>
    <row r="593468" spans="14:14">
      <c r="N593468" s="10"/>
    </row>
    <row r="593469" spans="14:14">
      <c r="N593469" s="10"/>
    </row>
    <row r="593470" spans="14:14">
      <c r="N593470" s="10"/>
    </row>
    <row r="593471" spans="14:14">
      <c r="N593471" s="10"/>
    </row>
    <row r="593472" spans="14:14">
      <c r="N593472" s="10"/>
    </row>
    <row r="593473" spans="14:14">
      <c r="N593473" s="10"/>
    </row>
    <row r="593474" spans="14:14">
      <c r="N593474" s="10"/>
    </row>
    <row r="593475" spans="14:14">
      <c r="N593475" s="10"/>
    </row>
    <row r="593476" spans="14:14">
      <c r="N593476" s="10"/>
    </row>
    <row r="593477" spans="14:14">
      <c r="N593477" s="10"/>
    </row>
    <row r="593478" spans="14:14">
      <c r="N593478" s="10"/>
    </row>
    <row r="593479" spans="14:14">
      <c r="N593479" s="10"/>
    </row>
    <row r="593480" spans="14:14">
      <c r="N593480" s="10"/>
    </row>
    <row r="593481" spans="14:14">
      <c r="N593481" s="10"/>
    </row>
    <row r="593482" spans="14:14">
      <c r="N593482" s="10"/>
    </row>
    <row r="593483" spans="14:14">
      <c r="N593483" s="10"/>
    </row>
    <row r="593484" spans="14:14">
      <c r="N593484" s="10"/>
    </row>
    <row r="593485" spans="14:14">
      <c r="N593485" s="10"/>
    </row>
    <row r="593486" spans="14:14">
      <c r="N593486" s="10"/>
    </row>
    <row r="593487" spans="14:14">
      <c r="N593487" s="10"/>
    </row>
    <row r="593488" spans="14:14">
      <c r="N593488" s="10"/>
    </row>
    <row r="593489" spans="14:14">
      <c r="N593489" s="10"/>
    </row>
    <row r="593490" spans="14:14">
      <c r="N593490" s="10"/>
    </row>
    <row r="593491" spans="14:14">
      <c r="N593491" s="10"/>
    </row>
    <row r="593492" spans="14:14">
      <c r="N593492" s="10"/>
    </row>
    <row r="593493" spans="14:14">
      <c r="N593493" s="10"/>
    </row>
    <row r="593494" spans="14:14">
      <c r="N593494" s="10"/>
    </row>
    <row r="593495" spans="14:14">
      <c r="N593495" s="10"/>
    </row>
    <row r="593496" spans="14:14">
      <c r="N593496" s="10"/>
    </row>
    <row r="593497" spans="14:14">
      <c r="N593497" s="10"/>
    </row>
    <row r="593498" spans="14:14">
      <c r="N593498" s="10"/>
    </row>
    <row r="593499" spans="14:14">
      <c r="N593499" s="10"/>
    </row>
    <row r="593500" spans="14:14">
      <c r="N593500" s="10"/>
    </row>
    <row r="593501" spans="14:14">
      <c r="N593501" s="10"/>
    </row>
    <row r="593502" spans="14:14">
      <c r="N593502" s="10"/>
    </row>
    <row r="593503" spans="14:14">
      <c r="N593503" s="10"/>
    </row>
    <row r="593504" spans="14:14">
      <c r="N593504" s="10"/>
    </row>
    <row r="593505" spans="14:14">
      <c r="N593505" s="10"/>
    </row>
    <row r="593506" spans="14:14">
      <c r="N593506" s="10"/>
    </row>
    <row r="593507" spans="14:14">
      <c r="N593507" s="10"/>
    </row>
    <row r="593508" spans="14:14">
      <c r="N593508" s="10"/>
    </row>
    <row r="593509" spans="14:14">
      <c r="N593509" s="10"/>
    </row>
    <row r="593510" spans="14:14">
      <c r="N593510" s="10"/>
    </row>
    <row r="593511" spans="14:14">
      <c r="N593511" s="10"/>
    </row>
    <row r="593512" spans="14:14">
      <c r="N593512" s="10"/>
    </row>
    <row r="593513" spans="14:14">
      <c r="N593513" s="10"/>
    </row>
    <row r="593514" spans="14:14">
      <c r="N593514" s="10"/>
    </row>
    <row r="593515" spans="14:14">
      <c r="N593515" s="10"/>
    </row>
    <row r="593516" spans="14:14">
      <c r="N593516" s="10"/>
    </row>
    <row r="593517" spans="14:14">
      <c r="N593517" s="10"/>
    </row>
    <row r="593518" spans="14:14">
      <c r="N593518" s="10"/>
    </row>
    <row r="593519" spans="14:14">
      <c r="N593519" s="10"/>
    </row>
    <row r="593520" spans="14:14">
      <c r="N593520" s="10"/>
    </row>
    <row r="593521" spans="14:14">
      <c r="N593521" s="10"/>
    </row>
    <row r="593522" spans="14:14">
      <c r="N593522" s="10"/>
    </row>
    <row r="593523" spans="14:14">
      <c r="N593523" s="10"/>
    </row>
    <row r="593524" spans="14:14">
      <c r="N593524" s="10"/>
    </row>
    <row r="593525" spans="14:14">
      <c r="N593525" s="10"/>
    </row>
    <row r="593526" spans="14:14">
      <c r="N593526" s="10"/>
    </row>
    <row r="593527" spans="14:14">
      <c r="N593527" s="10"/>
    </row>
    <row r="593528" spans="14:14">
      <c r="N593528" s="10"/>
    </row>
    <row r="593529" spans="14:14">
      <c r="N593529" s="10"/>
    </row>
    <row r="593530" spans="14:14">
      <c r="N593530" s="10"/>
    </row>
    <row r="593531" spans="14:14">
      <c r="N593531" s="10"/>
    </row>
    <row r="593532" spans="14:14">
      <c r="N593532" s="10"/>
    </row>
    <row r="593533" spans="14:14">
      <c r="N593533" s="10"/>
    </row>
    <row r="593534" spans="14:14">
      <c r="N593534" s="10"/>
    </row>
    <row r="593535" spans="14:14">
      <c r="N593535" s="10"/>
    </row>
    <row r="593536" spans="14:14">
      <c r="N593536" s="10"/>
    </row>
    <row r="593537" spans="14:14">
      <c r="N593537" s="10"/>
    </row>
    <row r="593538" spans="14:14">
      <c r="N593538" s="10"/>
    </row>
    <row r="593539" spans="14:14">
      <c r="N593539" s="10"/>
    </row>
    <row r="593540" spans="14:14">
      <c r="N593540" s="10"/>
    </row>
    <row r="593541" spans="14:14">
      <c r="N593541" s="10"/>
    </row>
    <row r="593542" spans="14:14">
      <c r="N593542" s="10"/>
    </row>
    <row r="593543" spans="14:14">
      <c r="N593543" s="10"/>
    </row>
    <row r="593544" spans="14:14">
      <c r="N593544" s="10"/>
    </row>
    <row r="593545" spans="14:14">
      <c r="N593545" s="10"/>
    </row>
    <row r="593546" spans="14:14">
      <c r="N593546" s="10"/>
    </row>
    <row r="593547" spans="14:14">
      <c r="N593547" s="10"/>
    </row>
    <row r="593548" spans="14:14">
      <c r="N593548" s="10"/>
    </row>
    <row r="593549" spans="14:14">
      <c r="N593549" s="10"/>
    </row>
    <row r="593550" spans="14:14">
      <c r="N593550" s="10"/>
    </row>
    <row r="593551" spans="14:14">
      <c r="N593551" s="10"/>
    </row>
    <row r="593552" spans="14:14">
      <c r="N593552" s="10"/>
    </row>
    <row r="593553" spans="14:14">
      <c r="N593553" s="10"/>
    </row>
    <row r="593554" spans="14:14">
      <c r="N593554" s="10"/>
    </row>
    <row r="593555" spans="14:14">
      <c r="N593555" s="10"/>
    </row>
    <row r="593556" spans="14:14">
      <c r="N593556" s="10"/>
    </row>
    <row r="593557" spans="14:14">
      <c r="N593557" s="10"/>
    </row>
    <row r="593558" spans="14:14">
      <c r="N593558" s="10"/>
    </row>
    <row r="593559" spans="14:14">
      <c r="N593559" s="10"/>
    </row>
    <row r="593560" spans="14:14">
      <c r="N593560" s="10"/>
    </row>
    <row r="593561" spans="14:14">
      <c r="N593561" s="10"/>
    </row>
    <row r="593562" spans="14:14">
      <c r="N593562" s="10"/>
    </row>
    <row r="593563" spans="14:14">
      <c r="N593563" s="10"/>
    </row>
    <row r="593564" spans="14:14">
      <c r="N593564" s="10"/>
    </row>
    <row r="593565" spans="14:14">
      <c r="N593565" s="10"/>
    </row>
    <row r="593566" spans="14:14">
      <c r="N593566" s="10"/>
    </row>
    <row r="593567" spans="14:14">
      <c r="N593567" s="10"/>
    </row>
    <row r="593568" spans="14:14">
      <c r="N593568" s="10"/>
    </row>
    <row r="593569" spans="14:14">
      <c r="N593569" s="10"/>
    </row>
    <row r="593570" spans="14:14">
      <c r="N593570" s="10"/>
    </row>
    <row r="593571" spans="14:14">
      <c r="N593571" s="10"/>
    </row>
    <row r="593572" spans="14:14">
      <c r="N593572" s="10"/>
    </row>
    <row r="593573" spans="14:14">
      <c r="N593573" s="10"/>
    </row>
    <row r="593574" spans="14:14">
      <c r="N593574" s="10"/>
    </row>
    <row r="593575" spans="14:14">
      <c r="N593575" s="10"/>
    </row>
    <row r="593576" spans="14:14">
      <c r="N593576" s="10"/>
    </row>
    <row r="593577" spans="14:14">
      <c r="N593577" s="10"/>
    </row>
    <row r="593578" spans="14:14">
      <c r="N593578" s="10"/>
    </row>
    <row r="593579" spans="14:14">
      <c r="N593579" s="10"/>
    </row>
    <row r="593580" spans="14:14">
      <c r="N593580" s="10"/>
    </row>
    <row r="593581" spans="14:14">
      <c r="N593581" s="10"/>
    </row>
    <row r="593582" spans="14:14">
      <c r="N593582" s="10"/>
    </row>
    <row r="593583" spans="14:14">
      <c r="N593583" s="10"/>
    </row>
    <row r="593584" spans="14:14">
      <c r="N593584" s="10"/>
    </row>
    <row r="593585" spans="14:14">
      <c r="N593585" s="10"/>
    </row>
    <row r="593586" spans="14:14">
      <c r="N593586" s="10"/>
    </row>
    <row r="593587" spans="14:14">
      <c r="N593587" s="10"/>
    </row>
    <row r="593588" spans="14:14">
      <c r="N593588" s="10"/>
    </row>
    <row r="593589" spans="14:14">
      <c r="N593589" s="10"/>
    </row>
    <row r="593590" spans="14:14">
      <c r="N593590" s="10"/>
    </row>
    <row r="593591" spans="14:14">
      <c r="N593591" s="10"/>
    </row>
    <row r="593592" spans="14:14">
      <c r="N593592" s="10"/>
    </row>
    <row r="593593" spans="14:14">
      <c r="N593593" s="10"/>
    </row>
    <row r="593594" spans="14:14">
      <c r="N593594" s="10"/>
    </row>
    <row r="593595" spans="14:14">
      <c r="N593595" s="10"/>
    </row>
    <row r="593596" spans="14:14">
      <c r="N593596" s="10"/>
    </row>
    <row r="593597" spans="14:14">
      <c r="N593597" s="10"/>
    </row>
    <row r="593598" spans="14:14">
      <c r="N593598" s="10"/>
    </row>
    <row r="593599" spans="14:14">
      <c r="N593599" s="10"/>
    </row>
    <row r="593600" spans="14:14">
      <c r="N593600" s="10"/>
    </row>
    <row r="593601" spans="14:14">
      <c r="N593601" s="10"/>
    </row>
    <row r="593602" spans="14:14">
      <c r="N593602" s="10"/>
    </row>
    <row r="593603" spans="14:14">
      <c r="N593603" s="10"/>
    </row>
    <row r="593604" spans="14:14">
      <c r="N593604" s="10"/>
    </row>
    <row r="593605" spans="14:14">
      <c r="N593605" s="10"/>
    </row>
    <row r="593606" spans="14:14">
      <c r="N593606" s="10"/>
    </row>
    <row r="593607" spans="14:14">
      <c r="N593607" s="10"/>
    </row>
    <row r="593608" spans="14:14">
      <c r="N593608" s="10"/>
    </row>
    <row r="593609" spans="14:14">
      <c r="N593609" s="10"/>
    </row>
    <row r="593610" spans="14:14">
      <c r="N593610" s="10"/>
    </row>
    <row r="593611" spans="14:14">
      <c r="N593611" s="10"/>
    </row>
    <row r="593612" spans="14:14">
      <c r="N593612" s="10"/>
    </row>
    <row r="593613" spans="14:14">
      <c r="N593613" s="10"/>
    </row>
    <row r="593614" spans="14:14">
      <c r="N593614" s="10"/>
    </row>
    <row r="593615" spans="14:14">
      <c r="N593615" s="10"/>
    </row>
    <row r="593616" spans="14:14">
      <c r="N593616" s="10"/>
    </row>
    <row r="593617" spans="14:14">
      <c r="N593617" s="10"/>
    </row>
    <row r="593618" spans="14:14">
      <c r="N593618" s="10"/>
    </row>
    <row r="593619" spans="14:14">
      <c r="N593619" s="10"/>
    </row>
    <row r="593620" spans="14:14">
      <c r="N593620" s="10"/>
    </row>
    <row r="593621" spans="14:14">
      <c r="N593621" s="10"/>
    </row>
    <row r="593622" spans="14:14">
      <c r="N593622" s="10"/>
    </row>
    <row r="593623" spans="14:14">
      <c r="N593623" s="10"/>
    </row>
    <row r="593624" spans="14:14">
      <c r="N593624" s="10"/>
    </row>
    <row r="593625" spans="14:14">
      <c r="N593625" s="10"/>
    </row>
    <row r="593626" spans="14:14">
      <c r="N593626" s="10"/>
    </row>
    <row r="593627" spans="14:14">
      <c r="N593627" s="10"/>
    </row>
    <row r="593628" spans="14:14">
      <c r="N593628" s="10"/>
    </row>
    <row r="593629" spans="14:14">
      <c r="N593629" s="10"/>
    </row>
    <row r="593630" spans="14:14">
      <c r="N593630" s="10"/>
    </row>
    <row r="593631" spans="14:14">
      <c r="N593631" s="10"/>
    </row>
    <row r="593632" spans="14:14">
      <c r="N593632" s="10"/>
    </row>
    <row r="593633" spans="14:14">
      <c r="N593633" s="10"/>
    </row>
    <row r="593634" spans="14:14">
      <c r="N593634" s="10"/>
    </row>
    <row r="593635" spans="14:14">
      <c r="N593635" s="10"/>
    </row>
    <row r="593636" spans="14:14">
      <c r="N593636" s="10"/>
    </row>
    <row r="593637" spans="14:14">
      <c r="N593637" s="10"/>
    </row>
    <row r="593638" spans="14:14">
      <c r="N593638" s="10"/>
    </row>
    <row r="593639" spans="14:14">
      <c r="N593639" s="10"/>
    </row>
    <row r="593640" spans="14:14">
      <c r="N593640" s="10"/>
    </row>
    <row r="593641" spans="14:14">
      <c r="N593641" s="10"/>
    </row>
    <row r="593642" spans="14:14">
      <c r="N593642" s="10"/>
    </row>
    <row r="593643" spans="14:14">
      <c r="N593643" s="10"/>
    </row>
    <row r="593644" spans="14:14">
      <c r="N593644" s="10"/>
    </row>
    <row r="593645" spans="14:14">
      <c r="N593645" s="10"/>
    </row>
    <row r="593646" spans="14:14">
      <c r="N593646" s="10"/>
    </row>
    <row r="593647" spans="14:14">
      <c r="N593647" s="10"/>
    </row>
    <row r="593648" spans="14:14">
      <c r="N593648" s="10"/>
    </row>
    <row r="593649" spans="14:14">
      <c r="N593649" s="10"/>
    </row>
    <row r="593650" spans="14:14">
      <c r="N593650" s="10"/>
    </row>
    <row r="593651" spans="14:14">
      <c r="N593651" s="10"/>
    </row>
    <row r="593652" spans="14:14">
      <c r="N593652" s="10"/>
    </row>
    <row r="593653" spans="14:14">
      <c r="N593653" s="10"/>
    </row>
    <row r="593654" spans="14:14">
      <c r="N593654" s="10"/>
    </row>
    <row r="593655" spans="14:14">
      <c r="N593655" s="10"/>
    </row>
    <row r="593656" spans="14:14">
      <c r="N593656" s="10"/>
    </row>
    <row r="593657" spans="14:14">
      <c r="N593657" s="10"/>
    </row>
    <row r="593658" spans="14:14">
      <c r="N593658" s="10"/>
    </row>
    <row r="593659" spans="14:14">
      <c r="N593659" s="10"/>
    </row>
    <row r="593660" spans="14:14">
      <c r="N593660" s="10"/>
    </row>
    <row r="593661" spans="14:14">
      <c r="N593661" s="10"/>
    </row>
    <row r="593662" spans="14:14">
      <c r="N593662" s="10"/>
    </row>
    <row r="593663" spans="14:14">
      <c r="N593663" s="10"/>
    </row>
    <row r="593664" spans="14:14">
      <c r="N593664" s="10"/>
    </row>
    <row r="593665" spans="14:14">
      <c r="N593665" s="10"/>
    </row>
    <row r="593666" spans="14:14">
      <c r="N593666" s="10"/>
    </row>
    <row r="593667" spans="14:14">
      <c r="N593667" s="10"/>
    </row>
    <row r="593668" spans="14:14">
      <c r="N593668" s="10"/>
    </row>
    <row r="593669" spans="14:14">
      <c r="N593669" s="10"/>
    </row>
    <row r="593670" spans="14:14">
      <c r="N593670" s="10"/>
    </row>
    <row r="593671" spans="14:14">
      <c r="N593671" s="10"/>
    </row>
    <row r="593672" spans="14:14">
      <c r="N593672" s="10"/>
    </row>
    <row r="593673" spans="14:14">
      <c r="N593673" s="10"/>
    </row>
    <row r="593674" spans="14:14">
      <c r="N593674" s="10"/>
    </row>
    <row r="593675" spans="14:14">
      <c r="N593675" s="10"/>
    </row>
    <row r="593676" spans="14:14">
      <c r="N593676" s="10"/>
    </row>
    <row r="593677" spans="14:14">
      <c r="N593677" s="10"/>
    </row>
    <row r="593678" spans="14:14">
      <c r="N593678" s="10"/>
    </row>
    <row r="593679" spans="14:14">
      <c r="N593679" s="10"/>
    </row>
    <row r="593680" spans="14:14">
      <c r="N593680" s="10"/>
    </row>
    <row r="593681" spans="14:14">
      <c r="N593681" s="10"/>
    </row>
    <row r="593682" spans="14:14">
      <c r="N593682" s="10"/>
    </row>
    <row r="593683" spans="14:14">
      <c r="N593683" s="10"/>
    </row>
    <row r="593684" spans="14:14">
      <c r="N593684" s="10"/>
    </row>
    <row r="593685" spans="14:14">
      <c r="N593685" s="10"/>
    </row>
    <row r="593686" spans="14:14">
      <c r="N593686" s="10"/>
    </row>
    <row r="593687" spans="14:14">
      <c r="N593687" s="10"/>
    </row>
    <row r="593688" spans="14:14">
      <c r="N593688" s="10"/>
    </row>
    <row r="593689" spans="14:14">
      <c r="N593689" s="10"/>
    </row>
    <row r="593690" spans="14:14">
      <c r="N593690" s="10"/>
    </row>
    <row r="593691" spans="14:14">
      <c r="N593691" s="10"/>
    </row>
    <row r="593692" spans="14:14">
      <c r="N593692" s="10"/>
    </row>
    <row r="593693" spans="14:14">
      <c r="N593693" s="10"/>
    </row>
    <row r="593694" spans="14:14">
      <c r="N593694" s="10"/>
    </row>
    <row r="593695" spans="14:14">
      <c r="N593695" s="10"/>
    </row>
    <row r="593696" spans="14:14">
      <c r="N593696" s="10"/>
    </row>
    <row r="593697" spans="14:14">
      <c r="N593697" s="10"/>
    </row>
    <row r="593698" spans="14:14">
      <c r="N593698" s="10"/>
    </row>
    <row r="593699" spans="14:14">
      <c r="N593699" s="10"/>
    </row>
    <row r="593700" spans="14:14">
      <c r="N593700" s="10"/>
    </row>
    <row r="593701" spans="14:14">
      <c r="N593701" s="10"/>
    </row>
    <row r="593702" spans="14:14">
      <c r="N593702" s="10"/>
    </row>
    <row r="593703" spans="14:14">
      <c r="N593703" s="10"/>
    </row>
    <row r="593704" spans="14:14">
      <c r="N593704" s="10"/>
    </row>
    <row r="593705" spans="14:14">
      <c r="N593705" s="10"/>
    </row>
    <row r="593706" spans="14:14">
      <c r="N593706" s="10"/>
    </row>
    <row r="593707" spans="14:14">
      <c r="N593707" s="10"/>
    </row>
    <row r="593708" spans="14:14">
      <c r="N593708" s="10"/>
    </row>
    <row r="593709" spans="14:14">
      <c r="N593709" s="10"/>
    </row>
    <row r="593710" spans="14:14">
      <c r="N593710" s="10"/>
    </row>
    <row r="593711" spans="14:14">
      <c r="N593711" s="10"/>
    </row>
    <row r="593712" spans="14:14">
      <c r="N593712" s="10"/>
    </row>
    <row r="593713" spans="14:14">
      <c r="N593713" s="10"/>
    </row>
    <row r="593714" spans="14:14">
      <c r="N593714" s="10"/>
    </row>
    <row r="593715" spans="14:14">
      <c r="N593715" s="10"/>
    </row>
    <row r="593716" spans="14:14">
      <c r="N593716" s="10"/>
    </row>
    <row r="593717" spans="14:14">
      <c r="N593717" s="10"/>
    </row>
    <row r="593718" spans="14:14">
      <c r="N593718" s="10"/>
    </row>
    <row r="593719" spans="14:14">
      <c r="N593719" s="10"/>
    </row>
    <row r="593720" spans="14:14">
      <c r="N593720" s="10"/>
    </row>
    <row r="593721" spans="14:14">
      <c r="N593721" s="10"/>
    </row>
    <row r="593722" spans="14:14">
      <c r="N593722" s="10"/>
    </row>
    <row r="593723" spans="14:14">
      <c r="N593723" s="10"/>
    </row>
    <row r="593724" spans="14:14">
      <c r="N593724" s="10"/>
    </row>
    <row r="593725" spans="14:14">
      <c r="N593725" s="10"/>
    </row>
    <row r="593726" spans="14:14">
      <c r="N593726" s="10"/>
    </row>
    <row r="593727" spans="14:14">
      <c r="N593727" s="10"/>
    </row>
    <row r="593728" spans="14:14">
      <c r="N593728" s="10"/>
    </row>
    <row r="593729" spans="14:14">
      <c r="N593729" s="10"/>
    </row>
    <row r="593730" spans="14:14">
      <c r="N593730" s="10"/>
    </row>
    <row r="593731" spans="14:14">
      <c r="N593731" s="10"/>
    </row>
    <row r="593732" spans="14:14">
      <c r="N593732" s="10"/>
    </row>
    <row r="593733" spans="14:14">
      <c r="N593733" s="10"/>
    </row>
    <row r="593734" spans="14:14">
      <c r="N593734" s="10"/>
    </row>
    <row r="593735" spans="14:14">
      <c r="N593735" s="10"/>
    </row>
    <row r="593736" spans="14:14">
      <c r="N593736" s="10"/>
    </row>
    <row r="593737" spans="14:14">
      <c r="N593737" s="10"/>
    </row>
    <row r="593738" spans="14:14">
      <c r="N593738" s="10"/>
    </row>
    <row r="593739" spans="14:14">
      <c r="N593739" s="10"/>
    </row>
    <row r="593740" spans="14:14">
      <c r="N593740" s="10"/>
    </row>
    <row r="593741" spans="14:14">
      <c r="N593741" s="10"/>
    </row>
    <row r="593742" spans="14:14">
      <c r="N593742" s="10"/>
    </row>
    <row r="593743" spans="14:14">
      <c r="N593743" s="10"/>
    </row>
    <row r="593744" spans="14:14">
      <c r="N593744" s="10"/>
    </row>
    <row r="593745" spans="14:14">
      <c r="N593745" s="10"/>
    </row>
    <row r="593746" spans="14:14">
      <c r="N593746" s="10"/>
    </row>
    <row r="593747" spans="14:14">
      <c r="N593747" s="10"/>
    </row>
    <row r="593748" spans="14:14">
      <c r="N593748" s="10"/>
    </row>
    <row r="593749" spans="14:14">
      <c r="N593749" s="10"/>
    </row>
    <row r="593750" spans="14:14">
      <c r="N593750" s="10"/>
    </row>
    <row r="593751" spans="14:14">
      <c r="N593751" s="10"/>
    </row>
    <row r="593752" spans="14:14">
      <c r="N593752" s="10"/>
    </row>
    <row r="593753" spans="14:14">
      <c r="N593753" s="10"/>
    </row>
    <row r="593754" spans="14:14">
      <c r="N593754" s="10"/>
    </row>
    <row r="593755" spans="14:14">
      <c r="N593755" s="10"/>
    </row>
    <row r="593756" spans="14:14">
      <c r="N593756" s="10"/>
    </row>
    <row r="593757" spans="14:14">
      <c r="N593757" s="10"/>
    </row>
    <row r="593758" spans="14:14">
      <c r="N593758" s="10"/>
    </row>
    <row r="593759" spans="14:14">
      <c r="N593759" s="10"/>
    </row>
    <row r="593760" spans="14:14">
      <c r="N593760" s="10"/>
    </row>
    <row r="593761" spans="14:14">
      <c r="N593761" s="10"/>
    </row>
    <row r="593762" spans="14:14">
      <c r="N593762" s="10"/>
    </row>
    <row r="593763" spans="14:14">
      <c r="N593763" s="10"/>
    </row>
    <row r="593764" spans="14:14">
      <c r="N593764" s="10"/>
    </row>
    <row r="593765" spans="14:14">
      <c r="N593765" s="10"/>
    </row>
    <row r="593766" spans="14:14">
      <c r="N593766" s="10"/>
    </row>
    <row r="593767" spans="14:14">
      <c r="N593767" s="10"/>
    </row>
    <row r="593768" spans="14:14">
      <c r="N593768" s="10"/>
    </row>
    <row r="593769" spans="14:14">
      <c r="N593769" s="10"/>
    </row>
    <row r="593770" spans="14:14">
      <c r="N593770" s="10"/>
    </row>
    <row r="593771" spans="14:14">
      <c r="N593771" s="10"/>
    </row>
    <row r="593772" spans="14:14">
      <c r="N593772" s="10"/>
    </row>
    <row r="593773" spans="14:14">
      <c r="N593773" s="10"/>
    </row>
    <row r="593774" spans="14:14">
      <c r="N593774" s="10"/>
    </row>
    <row r="593775" spans="14:14">
      <c r="N593775" s="10"/>
    </row>
    <row r="593776" spans="14:14">
      <c r="N593776" s="10"/>
    </row>
    <row r="593777" spans="14:14">
      <c r="N593777" s="10"/>
    </row>
    <row r="593778" spans="14:14">
      <c r="N593778" s="10"/>
    </row>
    <row r="593779" spans="14:14">
      <c r="N593779" s="10"/>
    </row>
    <row r="593780" spans="14:14">
      <c r="N593780" s="10"/>
    </row>
    <row r="593781" spans="14:14">
      <c r="N593781" s="10"/>
    </row>
    <row r="593782" spans="14:14">
      <c r="N593782" s="10"/>
    </row>
    <row r="593783" spans="14:14">
      <c r="N593783" s="10"/>
    </row>
    <row r="593784" spans="14:14">
      <c r="N593784" s="10"/>
    </row>
    <row r="593785" spans="14:14">
      <c r="N593785" s="10"/>
    </row>
    <row r="593786" spans="14:14">
      <c r="N593786" s="10"/>
    </row>
    <row r="593787" spans="14:14">
      <c r="N593787" s="10"/>
    </row>
    <row r="593788" spans="14:14">
      <c r="N593788" s="10"/>
    </row>
    <row r="593789" spans="14:14">
      <c r="N593789" s="10"/>
    </row>
    <row r="593790" spans="14:14">
      <c r="N593790" s="10"/>
    </row>
    <row r="593791" spans="14:14">
      <c r="N593791" s="10"/>
    </row>
    <row r="593792" spans="14:14">
      <c r="N593792" s="10"/>
    </row>
    <row r="593793" spans="14:14">
      <c r="N593793" s="10"/>
    </row>
    <row r="593794" spans="14:14">
      <c r="N593794" s="10"/>
    </row>
    <row r="593795" spans="14:14">
      <c r="N593795" s="10"/>
    </row>
    <row r="593796" spans="14:14">
      <c r="N593796" s="10"/>
    </row>
    <row r="593797" spans="14:14">
      <c r="N593797" s="10"/>
    </row>
    <row r="593798" spans="14:14">
      <c r="N593798" s="10"/>
    </row>
    <row r="593799" spans="14:14">
      <c r="N593799" s="10"/>
    </row>
    <row r="593800" spans="14:14">
      <c r="N593800" s="10"/>
    </row>
    <row r="593801" spans="14:14">
      <c r="N593801" s="10"/>
    </row>
    <row r="593802" spans="14:14">
      <c r="N593802" s="10"/>
    </row>
    <row r="593803" spans="14:14">
      <c r="N593803" s="10"/>
    </row>
    <row r="593804" spans="14:14">
      <c r="N593804" s="10"/>
    </row>
    <row r="593805" spans="14:14">
      <c r="N593805" s="10"/>
    </row>
    <row r="593806" spans="14:14">
      <c r="N593806" s="10"/>
    </row>
    <row r="593807" spans="14:14">
      <c r="N593807" s="10"/>
    </row>
    <row r="593808" spans="14:14">
      <c r="N593808" s="10"/>
    </row>
    <row r="593809" spans="14:14">
      <c r="N593809" s="10"/>
    </row>
    <row r="593810" spans="14:14">
      <c r="N593810" s="10"/>
    </row>
    <row r="593811" spans="14:14">
      <c r="N593811" s="10"/>
    </row>
    <row r="593812" spans="14:14">
      <c r="N593812" s="10"/>
    </row>
    <row r="593813" spans="14:14">
      <c r="N593813" s="10"/>
    </row>
    <row r="593814" spans="14:14">
      <c r="N593814" s="10"/>
    </row>
    <row r="593815" spans="14:14">
      <c r="N593815" s="10"/>
    </row>
    <row r="593816" spans="14:14">
      <c r="N593816" s="10"/>
    </row>
    <row r="593817" spans="14:14">
      <c r="N593817" s="10"/>
    </row>
    <row r="593818" spans="14:14">
      <c r="N593818" s="10"/>
    </row>
    <row r="593819" spans="14:14">
      <c r="N593819" s="10"/>
    </row>
    <row r="593820" spans="14:14">
      <c r="N593820" s="10"/>
    </row>
    <row r="593821" spans="14:14">
      <c r="N593821" s="10"/>
    </row>
    <row r="593822" spans="14:14">
      <c r="N593822" s="10"/>
    </row>
    <row r="593823" spans="14:14">
      <c r="N593823" s="10"/>
    </row>
    <row r="593824" spans="14:14">
      <c r="N593824" s="10"/>
    </row>
    <row r="593825" spans="14:14">
      <c r="N593825" s="10"/>
    </row>
    <row r="593826" spans="14:14">
      <c r="N593826" s="10"/>
    </row>
    <row r="593827" spans="14:14">
      <c r="N593827" s="10"/>
    </row>
    <row r="593828" spans="14:14">
      <c r="N593828" s="10"/>
    </row>
    <row r="593829" spans="14:14">
      <c r="N593829" s="10"/>
    </row>
    <row r="593830" spans="14:14">
      <c r="N593830" s="10"/>
    </row>
    <row r="593831" spans="14:14">
      <c r="N593831" s="10"/>
    </row>
    <row r="593832" spans="14:14">
      <c r="N593832" s="10"/>
    </row>
    <row r="593833" spans="14:14">
      <c r="N593833" s="10"/>
    </row>
    <row r="593834" spans="14:14">
      <c r="N593834" s="10"/>
    </row>
    <row r="593835" spans="14:14">
      <c r="N593835" s="10"/>
    </row>
    <row r="593836" spans="14:14">
      <c r="N593836" s="10"/>
    </row>
    <row r="593837" spans="14:14">
      <c r="N593837" s="10"/>
    </row>
    <row r="593838" spans="14:14">
      <c r="N593838" s="10"/>
    </row>
    <row r="593839" spans="14:14">
      <c r="N593839" s="10"/>
    </row>
    <row r="593840" spans="14:14">
      <c r="N593840" s="10"/>
    </row>
    <row r="593841" spans="14:14">
      <c r="N593841" s="10"/>
    </row>
    <row r="593842" spans="14:14">
      <c r="N593842" s="10"/>
    </row>
    <row r="593843" spans="14:14">
      <c r="N593843" s="10"/>
    </row>
    <row r="593844" spans="14:14">
      <c r="N593844" s="10"/>
    </row>
    <row r="593845" spans="14:14">
      <c r="N593845" s="10"/>
    </row>
    <row r="593846" spans="14:14">
      <c r="N593846" s="10"/>
    </row>
    <row r="593847" spans="14:14">
      <c r="N593847" s="10"/>
    </row>
    <row r="593848" spans="14:14">
      <c r="N593848" s="10"/>
    </row>
    <row r="593849" spans="14:14">
      <c r="N593849" s="10"/>
    </row>
    <row r="593850" spans="14:14">
      <c r="N593850" s="10"/>
    </row>
    <row r="593851" spans="14:14">
      <c r="N593851" s="10"/>
    </row>
    <row r="593852" spans="14:14">
      <c r="N593852" s="10"/>
    </row>
    <row r="593853" spans="14:14">
      <c r="N593853" s="10"/>
    </row>
    <row r="593854" spans="14:14">
      <c r="N593854" s="10"/>
    </row>
    <row r="593855" spans="14:14">
      <c r="N593855" s="10"/>
    </row>
    <row r="593856" spans="14:14">
      <c r="N593856" s="10"/>
    </row>
    <row r="593857" spans="14:14">
      <c r="N593857" s="10"/>
    </row>
    <row r="593858" spans="14:14">
      <c r="N593858" s="10"/>
    </row>
    <row r="593859" spans="14:14">
      <c r="N593859" s="10"/>
    </row>
    <row r="593860" spans="14:14">
      <c r="N593860" s="10"/>
    </row>
    <row r="593861" spans="14:14">
      <c r="N593861" s="10"/>
    </row>
    <row r="593862" spans="14:14">
      <c r="N593862" s="10"/>
    </row>
    <row r="593863" spans="14:14">
      <c r="N593863" s="10"/>
    </row>
    <row r="593864" spans="14:14">
      <c r="N593864" s="10"/>
    </row>
    <row r="593865" spans="14:14">
      <c r="N593865" s="10"/>
    </row>
    <row r="593866" spans="14:14">
      <c r="N593866" s="10"/>
    </row>
    <row r="593867" spans="14:14">
      <c r="N593867" s="10"/>
    </row>
    <row r="593868" spans="14:14">
      <c r="N593868" s="10"/>
    </row>
    <row r="593869" spans="14:14">
      <c r="N593869" s="10"/>
    </row>
    <row r="593870" spans="14:14">
      <c r="N593870" s="10"/>
    </row>
    <row r="593871" spans="14:14">
      <c r="N593871" s="10"/>
    </row>
    <row r="593872" spans="14:14">
      <c r="N593872" s="10"/>
    </row>
    <row r="593873" spans="14:14">
      <c r="N593873" s="10"/>
    </row>
    <row r="593874" spans="14:14">
      <c r="N593874" s="10"/>
    </row>
    <row r="593875" spans="14:14">
      <c r="N593875" s="10"/>
    </row>
    <row r="593876" spans="14:14">
      <c r="N593876" s="10"/>
    </row>
    <row r="593877" spans="14:14">
      <c r="N593877" s="10"/>
    </row>
    <row r="593878" spans="14:14">
      <c r="N593878" s="10"/>
    </row>
    <row r="593879" spans="14:14">
      <c r="N593879" s="10"/>
    </row>
    <row r="593880" spans="14:14">
      <c r="N593880" s="10"/>
    </row>
    <row r="593881" spans="14:14">
      <c r="N593881" s="10"/>
    </row>
    <row r="593882" spans="14:14">
      <c r="N593882" s="10"/>
    </row>
    <row r="593883" spans="14:14">
      <c r="N593883" s="10"/>
    </row>
    <row r="593884" spans="14:14">
      <c r="N593884" s="10"/>
    </row>
    <row r="593885" spans="14:14">
      <c r="N593885" s="10"/>
    </row>
    <row r="593886" spans="14:14">
      <c r="N593886" s="10"/>
    </row>
    <row r="593887" spans="14:14">
      <c r="N593887" s="10"/>
    </row>
    <row r="593888" spans="14:14">
      <c r="N593888" s="10"/>
    </row>
    <row r="593889" spans="14:14">
      <c r="N593889" s="10"/>
    </row>
    <row r="593890" spans="14:14">
      <c r="N593890" s="10"/>
    </row>
    <row r="593891" spans="14:14">
      <c r="N593891" s="10"/>
    </row>
    <row r="593892" spans="14:14">
      <c r="N593892" s="10"/>
    </row>
    <row r="593893" spans="14:14">
      <c r="N593893" s="10"/>
    </row>
    <row r="593894" spans="14:14">
      <c r="N593894" s="10"/>
    </row>
    <row r="593895" spans="14:14">
      <c r="N593895" s="10"/>
    </row>
    <row r="593896" spans="14:14">
      <c r="N593896" s="10"/>
    </row>
    <row r="593897" spans="14:14">
      <c r="N593897" s="10"/>
    </row>
    <row r="593898" spans="14:14">
      <c r="N593898" s="10"/>
    </row>
    <row r="593899" spans="14:14">
      <c r="N593899" s="10"/>
    </row>
    <row r="593900" spans="14:14">
      <c r="N593900" s="10"/>
    </row>
    <row r="593901" spans="14:14">
      <c r="N593901" s="10"/>
    </row>
    <row r="593902" spans="14:14">
      <c r="N593902" s="10"/>
    </row>
    <row r="593903" spans="14:14">
      <c r="N593903" s="10"/>
    </row>
    <row r="593904" spans="14:14">
      <c r="N593904" s="10"/>
    </row>
    <row r="593905" spans="14:14">
      <c r="N593905" s="10"/>
    </row>
    <row r="593906" spans="14:14">
      <c r="N593906" s="10"/>
    </row>
    <row r="593907" spans="14:14">
      <c r="N593907" s="10"/>
    </row>
    <row r="593908" spans="14:14">
      <c r="N593908" s="10"/>
    </row>
    <row r="593909" spans="14:14">
      <c r="N593909" s="10"/>
    </row>
    <row r="593910" spans="14:14">
      <c r="N593910" s="10"/>
    </row>
    <row r="593911" spans="14:14">
      <c r="N593911" s="10"/>
    </row>
    <row r="593912" spans="14:14">
      <c r="N593912" s="10"/>
    </row>
    <row r="593913" spans="14:14">
      <c r="N593913" s="10"/>
    </row>
    <row r="593914" spans="14:14">
      <c r="N593914" s="10"/>
    </row>
    <row r="593915" spans="14:14">
      <c r="N593915" s="10"/>
    </row>
    <row r="593916" spans="14:14">
      <c r="N593916" s="10"/>
    </row>
    <row r="593917" spans="14:14">
      <c r="N593917" s="10"/>
    </row>
    <row r="593918" spans="14:14">
      <c r="N593918" s="10"/>
    </row>
    <row r="593919" spans="14:14">
      <c r="N593919" s="10"/>
    </row>
    <row r="593920" spans="14:14">
      <c r="N593920" s="10"/>
    </row>
    <row r="593921" spans="14:14">
      <c r="N593921" s="10"/>
    </row>
    <row r="593922" spans="14:14">
      <c r="N593922" s="10"/>
    </row>
    <row r="593923" spans="14:14">
      <c r="N593923" s="10"/>
    </row>
    <row r="593924" spans="14:14">
      <c r="N593924" s="10"/>
    </row>
    <row r="593925" spans="14:14">
      <c r="N593925" s="10"/>
    </row>
    <row r="593926" spans="14:14">
      <c r="N593926" s="10"/>
    </row>
    <row r="593927" spans="14:14">
      <c r="N593927" s="10"/>
    </row>
    <row r="593928" spans="14:14">
      <c r="N593928" s="10"/>
    </row>
    <row r="593929" spans="14:14">
      <c r="N593929" s="10"/>
    </row>
    <row r="593930" spans="14:14">
      <c r="N593930" s="10"/>
    </row>
    <row r="593931" spans="14:14">
      <c r="N593931" s="10"/>
    </row>
    <row r="593932" spans="14:14">
      <c r="N593932" s="10"/>
    </row>
    <row r="593933" spans="14:14">
      <c r="N593933" s="10"/>
    </row>
    <row r="593934" spans="14:14">
      <c r="N593934" s="10"/>
    </row>
    <row r="593935" spans="14:14">
      <c r="N593935" s="10"/>
    </row>
    <row r="593936" spans="14:14">
      <c r="N593936" s="10"/>
    </row>
    <row r="593937" spans="14:14">
      <c r="N593937" s="10"/>
    </row>
    <row r="593938" spans="14:14">
      <c r="N593938" s="10"/>
    </row>
    <row r="593939" spans="14:14">
      <c r="N593939" s="10"/>
    </row>
    <row r="593940" spans="14:14">
      <c r="N593940" s="10"/>
    </row>
    <row r="593941" spans="14:14">
      <c r="N593941" s="10"/>
    </row>
    <row r="593942" spans="14:14">
      <c r="N593942" s="10"/>
    </row>
    <row r="593943" spans="14:14">
      <c r="N593943" s="10"/>
    </row>
    <row r="593944" spans="14:14">
      <c r="N593944" s="10"/>
    </row>
    <row r="593945" spans="14:14">
      <c r="N593945" s="10"/>
    </row>
    <row r="593946" spans="14:14">
      <c r="N593946" s="10"/>
    </row>
    <row r="593947" spans="14:14">
      <c r="N593947" s="10"/>
    </row>
    <row r="593948" spans="14:14">
      <c r="N593948" s="10"/>
    </row>
    <row r="593949" spans="14:14">
      <c r="N593949" s="10"/>
    </row>
    <row r="593950" spans="14:14">
      <c r="N593950" s="10"/>
    </row>
    <row r="593951" spans="14:14">
      <c r="N593951" s="10"/>
    </row>
    <row r="593952" spans="14:14">
      <c r="N593952" s="10"/>
    </row>
    <row r="593953" spans="14:14">
      <c r="N593953" s="10"/>
    </row>
    <row r="593954" spans="14:14">
      <c r="N593954" s="10"/>
    </row>
    <row r="593955" spans="14:14">
      <c r="N593955" s="10"/>
    </row>
    <row r="593956" spans="14:14">
      <c r="N593956" s="10"/>
    </row>
    <row r="593957" spans="14:14">
      <c r="N593957" s="10"/>
    </row>
    <row r="593958" spans="14:14">
      <c r="N593958" s="10"/>
    </row>
    <row r="593959" spans="14:14">
      <c r="N593959" s="10"/>
    </row>
    <row r="593960" spans="14:14">
      <c r="N593960" s="10"/>
    </row>
    <row r="593961" spans="14:14">
      <c r="N593961" s="10"/>
    </row>
    <row r="593962" spans="14:14">
      <c r="N593962" s="10"/>
    </row>
    <row r="593963" spans="14:14">
      <c r="N593963" s="10"/>
    </row>
    <row r="593964" spans="14:14">
      <c r="N593964" s="10"/>
    </row>
    <row r="593965" spans="14:14">
      <c r="N593965" s="10"/>
    </row>
    <row r="593966" spans="14:14">
      <c r="N593966" s="10"/>
    </row>
    <row r="593967" spans="14:14">
      <c r="N593967" s="10"/>
    </row>
    <row r="593968" spans="14:14">
      <c r="N593968" s="10"/>
    </row>
    <row r="593969" spans="14:14">
      <c r="N593969" s="10"/>
    </row>
    <row r="593970" spans="14:14">
      <c r="N593970" s="10"/>
    </row>
    <row r="593971" spans="14:14">
      <c r="N593971" s="10"/>
    </row>
    <row r="593972" spans="14:14">
      <c r="N593972" s="10"/>
    </row>
    <row r="593973" spans="14:14">
      <c r="N593973" s="10"/>
    </row>
    <row r="593974" spans="14:14">
      <c r="N593974" s="10"/>
    </row>
    <row r="593975" spans="14:14">
      <c r="N593975" s="10"/>
    </row>
    <row r="593976" spans="14:14">
      <c r="N593976" s="10"/>
    </row>
    <row r="593977" spans="14:14">
      <c r="N593977" s="10"/>
    </row>
    <row r="593978" spans="14:14">
      <c r="N593978" s="10"/>
    </row>
    <row r="593979" spans="14:14">
      <c r="N593979" s="10"/>
    </row>
    <row r="593980" spans="14:14">
      <c r="N593980" s="10"/>
    </row>
    <row r="593981" spans="14:14">
      <c r="N593981" s="10"/>
    </row>
    <row r="593982" spans="14:14">
      <c r="N593982" s="10"/>
    </row>
    <row r="593983" spans="14:14">
      <c r="N593983" s="10"/>
    </row>
    <row r="593984" spans="14:14">
      <c r="N593984" s="10"/>
    </row>
    <row r="593985" spans="14:14">
      <c r="N593985" s="10"/>
    </row>
    <row r="593986" spans="14:14">
      <c r="N593986" s="10"/>
    </row>
    <row r="593987" spans="14:14">
      <c r="N593987" s="10"/>
    </row>
    <row r="593988" spans="14:14">
      <c r="N593988" s="10"/>
    </row>
    <row r="593989" spans="14:14">
      <c r="N593989" s="10"/>
    </row>
    <row r="593990" spans="14:14">
      <c r="N593990" s="10"/>
    </row>
    <row r="593991" spans="14:14">
      <c r="N593991" s="10"/>
    </row>
    <row r="593992" spans="14:14">
      <c r="N593992" s="10"/>
    </row>
    <row r="593993" spans="14:14">
      <c r="N593993" s="10"/>
    </row>
    <row r="593994" spans="14:14">
      <c r="N593994" s="10"/>
    </row>
    <row r="593995" spans="14:14">
      <c r="N593995" s="10"/>
    </row>
    <row r="593996" spans="14:14">
      <c r="N593996" s="10"/>
    </row>
    <row r="593997" spans="14:14">
      <c r="N593997" s="10"/>
    </row>
    <row r="593998" spans="14:14">
      <c r="N593998" s="10"/>
    </row>
    <row r="593999" spans="14:14">
      <c r="N593999" s="10"/>
    </row>
    <row r="594000" spans="14:14">
      <c r="N594000" s="10"/>
    </row>
    <row r="594001" spans="14:14">
      <c r="N594001" s="10"/>
    </row>
    <row r="594002" spans="14:14">
      <c r="N594002" s="10"/>
    </row>
    <row r="594003" spans="14:14">
      <c r="N594003" s="10"/>
    </row>
    <row r="594004" spans="14:14">
      <c r="N594004" s="10"/>
    </row>
    <row r="594005" spans="14:14">
      <c r="N594005" s="10"/>
    </row>
    <row r="594006" spans="14:14">
      <c r="N594006" s="10"/>
    </row>
    <row r="594007" spans="14:14">
      <c r="N594007" s="10"/>
    </row>
    <row r="594008" spans="14:14">
      <c r="N594008" s="10"/>
    </row>
    <row r="594009" spans="14:14">
      <c r="N594009" s="10"/>
    </row>
    <row r="594010" spans="14:14">
      <c r="N594010" s="10"/>
    </row>
    <row r="594011" spans="14:14">
      <c r="N594011" s="10"/>
    </row>
    <row r="594012" spans="14:14">
      <c r="N594012" s="10"/>
    </row>
    <row r="594013" spans="14:14">
      <c r="N594013" s="10"/>
    </row>
    <row r="594014" spans="14:14">
      <c r="N594014" s="10"/>
    </row>
    <row r="594015" spans="14:14">
      <c r="N594015" s="10"/>
    </row>
    <row r="594016" spans="14:14">
      <c r="N594016" s="10"/>
    </row>
    <row r="594017" spans="14:14">
      <c r="N594017" s="10"/>
    </row>
    <row r="594018" spans="14:14">
      <c r="N594018" s="10"/>
    </row>
    <row r="594019" spans="14:14">
      <c r="N594019" s="10"/>
    </row>
    <row r="594020" spans="14:14">
      <c r="N594020" s="10"/>
    </row>
    <row r="594021" spans="14:14">
      <c r="N594021" s="10"/>
    </row>
    <row r="594022" spans="14:14">
      <c r="N594022" s="10"/>
    </row>
    <row r="594023" spans="14:14">
      <c r="N594023" s="10"/>
    </row>
    <row r="594024" spans="14:14">
      <c r="N594024" s="10"/>
    </row>
    <row r="594025" spans="14:14">
      <c r="N594025" s="10"/>
    </row>
    <row r="594026" spans="14:14">
      <c r="N594026" s="10"/>
    </row>
    <row r="594027" spans="14:14">
      <c r="N594027" s="10"/>
    </row>
    <row r="594028" spans="14:14">
      <c r="N594028" s="10"/>
    </row>
    <row r="594029" spans="14:14">
      <c r="N594029" s="10"/>
    </row>
    <row r="594030" spans="14:14">
      <c r="N594030" s="10"/>
    </row>
    <row r="594031" spans="14:14">
      <c r="N594031" s="10"/>
    </row>
    <row r="594032" spans="14:14">
      <c r="N594032" s="10"/>
    </row>
    <row r="594033" spans="14:14">
      <c r="N594033" s="10"/>
    </row>
    <row r="594034" spans="14:14">
      <c r="N594034" s="10"/>
    </row>
    <row r="594035" spans="14:14">
      <c r="N594035" s="10"/>
    </row>
    <row r="594036" spans="14:14">
      <c r="N594036" s="10"/>
    </row>
    <row r="594037" spans="14:14">
      <c r="N594037" s="10"/>
    </row>
    <row r="594038" spans="14:14">
      <c r="N594038" s="10"/>
    </row>
    <row r="594039" spans="14:14">
      <c r="N594039" s="10"/>
    </row>
    <row r="594040" spans="14:14">
      <c r="N594040" s="10"/>
    </row>
    <row r="594041" spans="14:14">
      <c r="N594041" s="10"/>
    </row>
    <row r="594042" spans="14:14">
      <c r="N594042" s="10"/>
    </row>
    <row r="594043" spans="14:14">
      <c r="N594043" s="10"/>
    </row>
    <row r="594044" spans="14:14">
      <c r="N594044" s="10"/>
    </row>
    <row r="594045" spans="14:14">
      <c r="N594045" s="10"/>
    </row>
    <row r="594046" spans="14:14">
      <c r="N594046" s="10"/>
    </row>
    <row r="594047" spans="14:14">
      <c r="N594047" s="10"/>
    </row>
    <row r="594048" spans="14:14">
      <c r="N594048" s="10"/>
    </row>
    <row r="594049" spans="14:14">
      <c r="N594049" s="10"/>
    </row>
    <row r="594050" spans="14:14">
      <c r="N594050" s="10"/>
    </row>
    <row r="594051" spans="14:14">
      <c r="N594051" s="10"/>
    </row>
    <row r="594052" spans="14:14">
      <c r="N594052" s="10"/>
    </row>
    <row r="594053" spans="14:14">
      <c r="N594053" s="10"/>
    </row>
    <row r="594054" spans="14:14">
      <c r="N594054" s="10"/>
    </row>
    <row r="594055" spans="14:14">
      <c r="N594055" s="10"/>
    </row>
    <row r="594056" spans="14:14">
      <c r="N594056" s="10"/>
    </row>
    <row r="594057" spans="14:14">
      <c r="N594057" s="10"/>
    </row>
    <row r="594058" spans="14:14">
      <c r="N594058" s="10"/>
    </row>
    <row r="594059" spans="14:14">
      <c r="N594059" s="10"/>
    </row>
    <row r="594060" spans="14:14">
      <c r="N594060" s="10"/>
    </row>
    <row r="594061" spans="14:14">
      <c r="N594061" s="10"/>
    </row>
    <row r="594062" spans="14:14">
      <c r="N594062" s="10"/>
    </row>
    <row r="594063" spans="14:14">
      <c r="N594063" s="10"/>
    </row>
    <row r="594064" spans="14:14">
      <c r="N594064" s="10"/>
    </row>
    <row r="594065" spans="14:14">
      <c r="N594065" s="10"/>
    </row>
    <row r="594066" spans="14:14">
      <c r="N594066" s="10"/>
    </row>
    <row r="594067" spans="14:14">
      <c r="N594067" s="10"/>
    </row>
    <row r="594068" spans="14:14">
      <c r="N594068" s="10"/>
    </row>
    <row r="594069" spans="14:14">
      <c r="N594069" s="10"/>
    </row>
    <row r="594070" spans="14:14">
      <c r="N594070" s="10"/>
    </row>
    <row r="594071" spans="14:14">
      <c r="N594071" s="10"/>
    </row>
    <row r="594072" spans="14:14">
      <c r="N594072" s="10"/>
    </row>
    <row r="594073" spans="14:14">
      <c r="N594073" s="10"/>
    </row>
    <row r="594074" spans="14:14">
      <c r="N594074" s="10"/>
    </row>
    <row r="594075" spans="14:14">
      <c r="N594075" s="10"/>
    </row>
    <row r="594076" spans="14:14">
      <c r="N594076" s="10"/>
    </row>
    <row r="594077" spans="14:14">
      <c r="N594077" s="10"/>
    </row>
    <row r="594078" spans="14:14">
      <c r="N594078" s="10"/>
    </row>
    <row r="594079" spans="14:14">
      <c r="N594079" s="10"/>
    </row>
    <row r="594080" spans="14:14">
      <c r="N594080" s="10"/>
    </row>
    <row r="594081" spans="14:14">
      <c r="N594081" s="10"/>
    </row>
    <row r="594082" spans="14:14">
      <c r="N594082" s="10"/>
    </row>
    <row r="594083" spans="14:14">
      <c r="N594083" s="10"/>
    </row>
    <row r="594084" spans="14:14">
      <c r="N594084" s="10"/>
    </row>
    <row r="594085" spans="14:14">
      <c r="N594085" s="10"/>
    </row>
    <row r="594086" spans="14:14">
      <c r="N594086" s="10"/>
    </row>
    <row r="594087" spans="14:14">
      <c r="N594087" s="10"/>
    </row>
    <row r="594088" spans="14:14">
      <c r="N594088" s="10"/>
    </row>
    <row r="594089" spans="14:14">
      <c r="N594089" s="10"/>
    </row>
    <row r="594090" spans="14:14">
      <c r="N594090" s="10"/>
    </row>
    <row r="594091" spans="14:14">
      <c r="N594091" s="10"/>
    </row>
    <row r="594092" spans="14:14">
      <c r="N594092" s="10"/>
    </row>
    <row r="594093" spans="14:14">
      <c r="N594093" s="10"/>
    </row>
    <row r="594094" spans="14:14">
      <c r="N594094" s="10"/>
    </row>
    <row r="594095" spans="14:14">
      <c r="N594095" s="10"/>
    </row>
    <row r="594096" spans="14:14">
      <c r="N594096" s="10"/>
    </row>
    <row r="594097" spans="14:14">
      <c r="N594097" s="10"/>
    </row>
    <row r="594098" spans="14:14">
      <c r="N594098" s="10"/>
    </row>
    <row r="594099" spans="14:14">
      <c r="N594099" s="10"/>
    </row>
    <row r="594100" spans="14:14">
      <c r="N594100" s="10"/>
    </row>
    <row r="594101" spans="14:14">
      <c r="N594101" s="10"/>
    </row>
    <row r="594102" spans="14:14">
      <c r="N594102" s="10"/>
    </row>
    <row r="594103" spans="14:14">
      <c r="N594103" s="10"/>
    </row>
    <row r="594104" spans="14:14">
      <c r="N594104" s="10"/>
    </row>
    <row r="594105" spans="14:14">
      <c r="N594105" s="10"/>
    </row>
    <row r="594106" spans="14:14">
      <c r="N594106" s="10"/>
    </row>
    <row r="594107" spans="14:14">
      <c r="N594107" s="10"/>
    </row>
    <row r="594108" spans="14:14">
      <c r="N594108" s="10"/>
    </row>
    <row r="594109" spans="14:14">
      <c r="N594109" s="10"/>
    </row>
    <row r="594110" spans="14:14">
      <c r="N594110" s="10"/>
    </row>
    <row r="594111" spans="14:14">
      <c r="N594111" s="10"/>
    </row>
    <row r="594112" spans="14:14">
      <c r="N594112" s="10"/>
    </row>
    <row r="594113" spans="14:14">
      <c r="N594113" s="10"/>
    </row>
    <row r="594114" spans="14:14">
      <c r="N594114" s="10"/>
    </row>
    <row r="594115" spans="14:14">
      <c r="N594115" s="10"/>
    </row>
    <row r="594116" spans="14:14">
      <c r="N594116" s="10"/>
    </row>
    <row r="594117" spans="14:14">
      <c r="N594117" s="10"/>
    </row>
    <row r="594118" spans="14:14">
      <c r="N594118" s="10"/>
    </row>
    <row r="594119" spans="14:14">
      <c r="N594119" s="10"/>
    </row>
    <row r="594120" spans="14:14">
      <c r="N594120" s="10"/>
    </row>
    <row r="594121" spans="14:14">
      <c r="N594121" s="10"/>
    </row>
    <row r="594122" spans="14:14">
      <c r="N594122" s="10"/>
    </row>
    <row r="594123" spans="14:14">
      <c r="N594123" s="10"/>
    </row>
    <row r="594124" spans="14:14">
      <c r="N594124" s="10"/>
    </row>
    <row r="594125" spans="14:14">
      <c r="N594125" s="10"/>
    </row>
    <row r="594126" spans="14:14">
      <c r="N594126" s="10"/>
    </row>
    <row r="594127" spans="14:14">
      <c r="N594127" s="10"/>
    </row>
    <row r="594128" spans="14:14">
      <c r="N594128" s="10"/>
    </row>
    <row r="594129" spans="14:14">
      <c r="N594129" s="10"/>
    </row>
    <row r="594130" spans="14:14">
      <c r="N594130" s="10"/>
    </row>
    <row r="594131" spans="14:14">
      <c r="N594131" s="10"/>
    </row>
    <row r="594132" spans="14:14">
      <c r="N594132" s="10"/>
    </row>
    <row r="594133" spans="14:14">
      <c r="N594133" s="10"/>
    </row>
    <row r="594134" spans="14:14">
      <c r="N594134" s="10"/>
    </row>
    <row r="594135" spans="14:14">
      <c r="N594135" s="10"/>
    </row>
    <row r="594136" spans="14:14">
      <c r="N594136" s="10"/>
    </row>
    <row r="594137" spans="14:14">
      <c r="N594137" s="10"/>
    </row>
    <row r="594138" spans="14:14">
      <c r="N594138" s="10"/>
    </row>
    <row r="594139" spans="14:14">
      <c r="N594139" s="10"/>
    </row>
    <row r="594140" spans="14:14">
      <c r="N594140" s="10"/>
    </row>
    <row r="594141" spans="14:14">
      <c r="N594141" s="10"/>
    </row>
    <row r="594142" spans="14:14">
      <c r="N594142" s="10"/>
    </row>
    <row r="594143" spans="14:14">
      <c r="N594143" s="10"/>
    </row>
    <row r="594144" spans="14:14">
      <c r="N594144" s="10"/>
    </row>
    <row r="594145" spans="14:14">
      <c r="N594145" s="10"/>
    </row>
    <row r="594146" spans="14:14">
      <c r="N594146" s="10"/>
    </row>
    <row r="594147" spans="14:14">
      <c r="N594147" s="10"/>
    </row>
    <row r="594148" spans="14:14">
      <c r="N594148" s="10"/>
    </row>
    <row r="594149" spans="14:14">
      <c r="N594149" s="10"/>
    </row>
    <row r="594150" spans="14:14">
      <c r="N594150" s="10"/>
    </row>
    <row r="594151" spans="14:14">
      <c r="N594151" s="10"/>
    </row>
    <row r="594152" spans="14:14">
      <c r="N594152" s="10"/>
    </row>
    <row r="594153" spans="14:14">
      <c r="N594153" s="10"/>
    </row>
    <row r="594154" spans="14:14">
      <c r="N594154" s="10"/>
    </row>
    <row r="594155" spans="14:14">
      <c r="N594155" s="10"/>
    </row>
    <row r="594156" spans="14:14">
      <c r="N594156" s="10"/>
    </row>
    <row r="594157" spans="14:14">
      <c r="N594157" s="10"/>
    </row>
    <row r="594158" spans="14:14">
      <c r="N594158" s="10"/>
    </row>
    <row r="594159" spans="14:14">
      <c r="N594159" s="10"/>
    </row>
    <row r="594160" spans="14:14">
      <c r="N594160" s="10"/>
    </row>
    <row r="594161" spans="14:14">
      <c r="N594161" s="10"/>
    </row>
    <row r="594162" spans="14:14">
      <c r="N594162" s="10"/>
    </row>
    <row r="594163" spans="14:14">
      <c r="N594163" s="10"/>
    </row>
    <row r="594164" spans="14:14">
      <c r="N594164" s="10"/>
    </row>
    <row r="594165" spans="14:14">
      <c r="N594165" s="10"/>
    </row>
    <row r="594166" spans="14:14">
      <c r="N594166" s="10"/>
    </row>
    <row r="594167" spans="14:14">
      <c r="N594167" s="10"/>
    </row>
    <row r="594168" spans="14:14">
      <c r="N594168" s="10"/>
    </row>
    <row r="594169" spans="14:14">
      <c r="N594169" s="10"/>
    </row>
    <row r="594170" spans="14:14">
      <c r="N594170" s="10"/>
    </row>
    <row r="594171" spans="14:14">
      <c r="N594171" s="10"/>
    </row>
    <row r="594172" spans="14:14">
      <c r="N594172" s="10"/>
    </row>
    <row r="594173" spans="14:14">
      <c r="N594173" s="10"/>
    </row>
    <row r="594174" spans="14:14">
      <c r="N594174" s="10"/>
    </row>
    <row r="594175" spans="14:14">
      <c r="N594175" s="10"/>
    </row>
    <row r="594176" spans="14:14">
      <c r="N594176" s="10"/>
    </row>
    <row r="594177" spans="14:14">
      <c r="N594177" s="10"/>
    </row>
    <row r="594178" spans="14:14">
      <c r="N594178" s="10"/>
    </row>
    <row r="594179" spans="14:14">
      <c r="N594179" s="10"/>
    </row>
    <row r="594180" spans="14:14">
      <c r="N594180" s="10"/>
    </row>
    <row r="594181" spans="14:14">
      <c r="N594181" s="10"/>
    </row>
    <row r="594182" spans="14:14">
      <c r="N594182" s="10"/>
    </row>
    <row r="594183" spans="14:14">
      <c r="N594183" s="10"/>
    </row>
    <row r="594184" spans="14:14">
      <c r="N594184" s="10"/>
    </row>
    <row r="594185" spans="14:14">
      <c r="N594185" s="10"/>
    </row>
    <row r="594186" spans="14:14">
      <c r="N594186" s="10"/>
    </row>
    <row r="594187" spans="14:14">
      <c r="N594187" s="10"/>
    </row>
    <row r="594188" spans="14:14">
      <c r="N594188" s="10"/>
    </row>
    <row r="594189" spans="14:14">
      <c r="N594189" s="10"/>
    </row>
    <row r="594190" spans="14:14">
      <c r="N594190" s="10"/>
    </row>
    <row r="594191" spans="14:14">
      <c r="N594191" s="10"/>
    </row>
    <row r="594192" spans="14:14">
      <c r="N594192" s="10"/>
    </row>
    <row r="594193" spans="14:14">
      <c r="N594193" s="10"/>
    </row>
    <row r="594194" spans="14:14">
      <c r="N594194" s="10"/>
    </row>
    <row r="594195" spans="14:14">
      <c r="N594195" s="10"/>
    </row>
    <row r="594196" spans="14:14">
      <c r="N594196" s="10"/>
    </row>
    <row r="594197" spans="14:14">
      <c r="N594197" s="10"/>
    </row>
    <row r="594198" spans="14:14">
      <c r="N594198" s="10"/>
    </row>
    <row r="594199" spans="14:14">
      <c r="N594199" s="10"/>
    </row>
    <row r="594200" spans="14:14">
      <c r="N594200" s="10"/>
    </row>
    <row r="594201" spans="14:14">
      <c r="N594201" s="10"/>
    </row>
    <row r="594202" spans="14:14">
      <c r="N594202" s="10"/>
    </row>
    <row r="594203" spans="14:14">
      <c r="N594203" s="10"/>
    </row>
    <row r="594204" spans="14:14">
      <c r="N594204" s="10"/>
    </row>
    <row r="594205" spans="14:14">
      <c r="N594205" s="10"/>
    </row>
    <row r="594206" spans="14:14">
      <c r="N594206" s="10"/>
    </row>
    <row r="594207" spans="14:14">
      <c r="N594207" s="10"/>
    </row>
    <row r="594208" spans="14:14">
      <c r="N594208" s="10"/>
    </row>
    <row r="594209" spans="14:14">
      <c r="N594209" s="10"/>
    </row>
    <row r="594210" spans="14:14">
      <c r="N594210" s="10"/>
    </row>
    <row r="594211" spans="14:14">
      <c r="N594211" s="10"/>
    </row>
    <row r="594212" spans="14:14">
      <c r="N594212" s="10"/>
    </row>
    <row r="594213" spans="14:14">
      <c r="N594213" s="10"/>
    </row>
    <row r="594214" spans="14:14">
      <c r="N594214" s="10"/>
    </row>
    <row r="594215" spans="14:14">
      <c r="N594215" s="10"/>
    </row>
    <row r="594216" spans="14:14">
      <c r="N594216" s="10"/>
    </row>
    <row r="594217" spans="14:14">
      <c r="N594217" s="10"/>
    </row>
    <row r="594218" spans="14:14">
      <c r="N594218" s="10"/>
    </row>
    <row r="594219" spans="14:14">
      <c r="N594219" s="10"/>
    </row>
    <row r="594220" spans="14:14">
      <c r="N594220" s="10"/>
    </row>
    <row r="594221" spans="14:14">
      <c r="N594221" s="10"/>
    </row>
    <row r="594222" spans="14:14">
      <c r="N594222" s="10"/>
    </row>
    <row r="594223" spans="14:14">
      <c r="N594223" s="10"/>
    </row>
    <row r="594224" spans="14:14">
      <c r="N594224" s="10"/>
    </row>
    <row r="594225" spans="14:14">
      <c r="N594225" s="10"/>
    </row>
    <row r="594226" spans="14:14">
      <c r="N594226" s="10"/>
    </row>
    <row r="594227" spans="14:14">
      <c r="N594227" s="10"/>
    </row>
    <row r="594228" spans="14:14">
      <c r="N594228" s="10"/>
    </row>
    <row r="594229" spans="14:14">
      <c r="N594229" s="10"/>
    </row>
    <row r="594230" spans="14:14">
      <c r="N594230" s="10"/>
    </row>
    <row r="594231" spans="14:14">
      <c r="N594231" s="10"/>
    </row>
    <row r="594232" spans="14:14">
      <c r="N594232" s="10"/>
    </row>
    <row r="594233" spans="14:14">
      <c r="N594233" s="10"/>
    </row>
    <row r="594234" spans="14:14">
      <c r="N594234" s="10"/>
    </row>
    <row r="594235" spans="14:14">
      <c r="N594235" s="10"/>
    </row>
    <row r="594236" spans="14:14">
      <c r="N594236" s="10"/>
    </row>
    <row r="594237" spans="14:14">
      <c r="N594237" s="10"/>
    </row>
    <row r="594238" spans="14:14">
      <c r="N594238" s="10"/>
    </row>
    <row r="594239" spans="14:14">
      <c r="N594239" s="10"/>
    </row>
    <row r="594240" spans="14:14">
      <c r="N594240" s="10"/>
    </row>
    <row r="594241" spans="14:14">
      <c r="N594241" s="10"/>
    </row>
    <row r="594242" spans="14:14">
      <c r="N594242" s="10"/>
    </row>
    <row r="594243" spans="14:14">
      <c r="N594243" s="10"/>
    </row>
    <row r="594244" spans="14:14">
      <c r="N594244" s="10"/>
    </row>
    <row r="594245" spans="14:14">
      <c r="N594245" s="10"/>
    </row>
    <row r="594246" spans="14:14">
      <c r="N594246" s="10"/>
    </row>
    <row r="594247" spans="14:14">
      <c r="N594247" s="10"/>
    </row>
    <row r="594248" spans="14:14">
      <c r="N594248" s="10"/>
    </row>
    <row r="594249" spans="14:14">
      <c r="N594249" s="10"/>
    </row>
    <row r="594250" spans="14:14">
      <c r="N594250" s="10"/>
    </row>
    <row r="594251" spans="14:14">
      <c r="N594251" s="10"/>
    </row>
    <row r="594252" spans="14:14">
      <c r="N594252" s="10"/>
    </row>
    <row r="594253" spans="14:14">
      <c r="N594253" s="10"/>
    </row>
    <row r="594254" spans="14:14">
      <c r="N594254" s="10"/>
    </row>
    <row r="594255" spans="14:14">
      <c r="N594255" s="10"/>
    </row>
    <row r="594256" spans="14:14">
      <c r="N594256" s="10"/>
    </row>
    <row r="594257" spans="14:14">
      <c r="N594257" s="10"/>
    </row>
    <row r="594258" spans="14:14">
      <c r="N594258" s="10"/>
    </row>
    <row r="594259" spans="14:14">
      <c r="N594259" s="10"/>
    </row>
    <row r="594260" spans="14:14">
      <c r="N594260" s="10"/>
    </row>
    <row r="594261" spans="14:14">
      <c r="N594261" s="10"/>
    </row>
    <row r="594262" spans="14:14">
      <c r="N594262" s="10"/>
    </row>
    <row r="594263" spans="14:14">
      <c r="N594263" s="10"/>
    </row>
    <row r="594264" spans="14:14">
      <c r="N594264" s="10"/>
    </row>
    <row r="594265" spans="14:14">
      <c r="N594265" s="10"/>
    </row>
    <row r="594266" spans="14:14">
      <c r="N594266" s="10"/>
    </row>
    <row r="594267" spans="14:14">
      <c r="N594267" s="10"/>
    </row>
    <row r="594268" spans="14:14">
      <c r="N594268" s="10"/>
    </row>
    <row r="594269" spans="14:14">
      <c r="N594269" s="10"/>
    </row>
    <row r="594270" spans="14:14">
      <c r="N594270" s="10"/>
    </row>
    <row r="594271" spans="14:14">
      <c r="N594271" s="10"/>
    </row>
    <row r="594272" spans="14:14">
      <c r="N594272" s="10"/>
    </row>
    <row r="594273" spans="14:14">
      <c r="N594273" s="10"/>
    </row>
    <row r="594274" spans="14:14">
      <c r="N594274" s="10"/>
    </row>
    <row r="594275" spans="14:14">
      <c r="N594275" s="10"/>
    </row>
    <row r="594276" spans="14:14">
      <c r="N594276" s="10"/>
    </row>
    <row r="594277" spans="14:14">
      <c r="N594277" s="10"/>
    </row>
    <row r="594278" spans="14:14">
      <c r="N594278" s="10"/>
    </row>
    <row r="594279" spans="14:14">
      <c r="N594279" s="10"/>
    </row>
    <row r="594280" spans="14:14">
      <c r="N594280" s="10"/>
    </row>
    <row r="594281" spans="14:14">
      <c r="N594281" s="10"/>
    </row>
    <row r="594282" spans="14:14">
      <c r="N594282" s="10"/>
    </row>
    <row r="594283" spans="14:14">
      <c r="N594283" s="10"/>
    </row>
    <row r="594284" spans="14:14">
      <c r="N594284" s="10"/>
    </row>
    <row r="594285" spans="14:14">
      <c r="N594285" s="10"/>
    </row>
    <row r="594286" spans="14:14">
      <c r="N594286" s="10"/>
    </row>
    <row r="594287" spans="14:14">
      <c r="N594287" s="10"/>
    </row>
    <row r="594288" spans="14:14">
      <c r="N594288" s="10"/>
    </row>
    <row r="594289" spans="14:14">
      <c r="N594289" s="10"/>
    </row>
    <row r="594290" spans="14:14">
      <c r="N594290" s="10"/>
    </row>
    <row r="594291" spans="14:14">
      <c r="N594291" s="10"/>
    </row>
    <row r="594292" spans="14:14">
      <c r="N594292" s="10"/>
    </row>
    <row r="594293" spans="14:14">
      <c r="N594293" s="10"/>
    </row>
    <row r="594294" spans="14:14">
      <c r="N594294" s="10"/>
    </row>
    <row r="594295" spans="14:14">
      <c r="N594295" s="10"/>
    </row>
    <row r="594296" spans="14:14">
      <c r="N594296" s="10"/>
    </row>
    <row r="594297" spans="14:14">
      <c r="N594297" s="10"/>
    </row>
    <row r="594298" spans="14:14">
      <c r="N594298" s="10"/>
    </row>
    <row r="594299" spans="14:14">
      <c r="N594299" s="10"/>
    </row>
    <row r="594300" spans="14:14">
      <c r="N594300" s="10"/>
    </row>
    <row r="594301" spans="14:14">
      <c r="N594301" s="10"/>
    </row>
    <row r="594302" spans="14:14">
      <c r="N594302" s="10"/>
    </row>
    <row r="594303" spans="14:14">
      <c r="N594303" s="10"/>
    </row>
    <row r="594304" spans="14:14">
      <c r="N594304" s="10"/>
    </row>
    <row r="594305" spans="14:14">
      <c r="N594305" s="10"/>
    </row>
    <row r="594306" spans="14:14">
      <c r="N594306" s="10"/>
    </row>
    <row r="594307" spans="14:14">
      <c r="N594307" s="10"/>
    </row>
    <row r="594308" spans="14:14">
      <c r="N594308" s="10"/>
    </row>
    <row r="594309" spans="14:14">
      <c r="N594309" s="10"/>
    </row>
    <row r="594310" spans="14:14">
      <c r="N594310" s="10"/>
    </row>
    <row r="594311" spans="14:14">
      <c r="N594311" s="10"/>
    </row>
    <row r="594312" spans="14:14">
      <c r="N594312" s="10"/>
    </row>
    <row r="594313" spans="14:14">
      <c r="N594313" s="10"/>
    </row>
    <row r="594314" spans="14:14">
      <c r="N594314" s="10"/>
    </row>
    <row r="594315" spans="14:14">
      <c r="N594315" s="10"/>
    </row>
    <row r="594316" spans="14:14">
      <c r="N594316" s="10"/>
    </row>
    <row r="594317" spans="14:14">
      <c r="N594317" s="10"/>
    </row>
    <row r="594318" spans="14:14">
      <c r="N594318" s="10"/>
    </row>
    <row r="594319" spans="14:14">
      <c r="N594319" s="10"/>
    </row>
    <row r="594320" spans="14:14">
      <c r="N594320" s="10"/>
    </row>
    <row r="594321" spans="14:14">
      <c r="N594321" s="10"/>
    </row>
    <row r="594322" spans="14:14">
      <c r="N594322" s="10"/>
    </row>
    <row r="594323" spans="14:14">
      <c r="N594323" s="10"/>
    </row>
    <row r="594324" spans="14:14">
      <c r="N594324" s="10"/>
    </row>
    <row r="594325" spans="14:14">
      <c r="N594325" s="10"/>
    </row>
    <row r="594326" spans="14:14">
      <c r="N594326" s="10"/>
    </row>
    <row r="594327" spans="14:14">
      <c r="N594327" s="10"/>
    </row>
    <row r="594328" spans="14:14">
      <c r="N594328" s="10"/>
    </row>
    <row r="594329" spans="14:14">
      <c r="N594329" s="10"/>
    </row>
    <row r="594330" spans="14:14">
      <c r="N594330" s="10"/>
    </row>
    <row r="594331" spans="14:14">
      <c r="N594331" s="10"/>
    </row>
    <row r="594332" spans="14:14">
      <c r="N594332" s="10"/>
    </row>
    <row r="594333" spans="14:14">
      <c r="N594333" s="10"/>
    </row>
    <row r="594334" spans="14:14">
      <c r="N594334" s="10"/>
    </row>
    <row r="594335" spans="14:14">
      <c r="N594335" s="10"/>
    </row>
    <row r="594336" spans="14:14">
      <c r="N594336" s="10"/>
    </row>
    <row r="594337" spans="14:14">
      <c r="N594337" s="10"/>
    </row>
    <row r="594338" spans="14:14">
      <c r="N594338" s="10"/>
    </row>
    <row r="594339" spans="14:14">
      <c r="N594339" s="10"/>
    </row>
    <row r="594340" spans="14:14">
      <c r="N594340" s="10"/>
    </row>
    <row r="594341" spans="14:14">
      <c r="N594341" s="10"/>
    </row>
    <row r="594342" spans="14:14">
      <c r="N594342" s="10"/>
    </row>
    <row r="594343" spans="14:14">
      <c r="N594343" s="10"/>
    </row>
    <row r="594344" spans="14:14">
      <c r="N594344" s="10"/>
    </row>
    <row r="594345" spans="14:14">
      <c r="N594345" s="10"/>
    </row>
    <row r="594346" spans="14:14">
      <c r="N594346" s="10"/>
    </row>
    <row r="594347" spans="14:14">
      <c r="N594347" s="10"/>
    </row>
    <row r="594348" spans="14:14">
      <c r="N594348" s="10"/>
    </row>
    <row r="594349" spans="14:14">
      <c r="N594349" s="10"/>
    </row>
    <row r="594350" spans="14:14">
      <c r="N594350" s="10"/>
    </row>
    <row r="594351" spans="14:14">
      <c r="N594351" s="10"/>
    </row>
    <row r="594352" spans="14:14">
      <c r="N594352" s="10"/>
    </row>
    <row r="594353" spans="14:14">
      <c r="N594353" s="10"/>
    </row>
    <row r="594354" spans="14:14">
      <c r="N594354" s="10"/>
    </row>
    <row r="594355" spans="14:14">
      <c r="N594355" s="10"/>
    </row>
    <row r="594356" spans="14:14">
      <c r="N594356" s="10"/>
    </row>
    <row r="594357" spans="14:14">
      <c r="N594357" s="10"/>
    </row>
    <row r="594358" spans="14:14">
      <c r="N594358" s="10"/>
    </row>
    <row r="594359" spans="14:14">
      <c r="N594359" s="10"/>
    </row>
    <row r="594360" spans="14:14">
      <c r="N594360" s="10"/>
    </row>
    <row r="594361" spans="14:14">
      <c r="N594361" s="10"/>
    </row>
    <row r="594362" spans="14:14">
      <c r="N594362" s="10"/>
    </row>
    <row r="594363" spans="14:14">
      <c r="N594363" s="10"/>
    </row>
    <row r="594364" spans="14:14">
      <c r="N594364" s="10"/>
    </row>
    <row r="594365" spans="14:14">
      <c r="N594365" s="10"/>
    </row>
    <row r="594366" spans="14:14">
      <c r="N594366" s="10"/>
    </row>
    <row r="594367" spans="14:14">
      <c r="N594367" s="10"/>
    </row>
    <row r="594368" spans="14:14">
      <c r="N594368" s="10"/>
    </row>
    <row r="594369" spans="14:14">
      <c r="N594369" s="10"/>
    </row>
    <row r="594370" spans="14:14">
      <c r="N594370" s="10"/>
    </row>
    <row r="594371" spans="14:14">
      <c r="N594371" s="10"/>
    </row>
    <row r="594372" spans="14:14">
      <c r="N594372" s="10"/>
    </row>
    <row r="594373" spans="14:14">
      <c r="N594373" s="10"/>
    </row>
    <row r="594374" spans="14:14">
      <c r="N594374" s="10"/>
    </row>
    <row r="594375" spans="14:14">
      <c r="N594375" s="10"/>
    </row>
    <row r="594376" spans="14:14">
      <c r="N594376" s="10"/>
    </row>
    <row r="594377" spans="14:14">
      <c r="N594377" s="10"/>
    </row>
    <row r="594378" spans="14:14">
      <c r="N594378" s="10"/>
    </row>
    <row r="594379" spans="14:14">
      <c r="N594379" s="10"/>
    </row>
    <row r="594380" spans="14:14">
      <c r="N594380" s="10"/>
    </row>
    <row r="594381" spans="14:14">
      <c r="N594381" s="10"/>
    </row>
    <row r="594382" spans="14:14">
      <c r="N594382" s="10"/>
    </row>
    <row r="594383" spans="14:14">
      <c r="N594383" s="10"/>
    </row>
    <row r="594384" spans="14:14">
      <c r="N594384" s="10"/>
    </row>
    <row r="594385" spans="14:14">
      <c r="N594385" s="10"/>
    </row>
    <row r="594386" spans="14:14">
      <c r="N594386" s="10"/>
    </row>
    <row r="594387" spans="14:14">
      <c r="N594387" s="10"/>
    </row>
    <row r="594388" spans="14:14">
      <c r="N594388" s="10"/>
    </row>
    <row r="594389" spans="14:14">
      <c r="N594389" s="10"/>
    </row>
    <row r="594390" spans="14:14">
      <c r="N594390" s="10"/>
    </row>
    <row r="594391" spans="14:14">
      <c r="N594391" s="10"/>
    </row>
    <row r="594392" spans="14:14">
      <c r="N594392" s="10"/>
    </row>
    <row r="594393" spans="14:14">
      <c r="N594393" s="10"/>
    </row>
    <row r="594394" spans="14:14">
      <c r="N594394" s="10"/>
    </row>
    <row r="594395" spans="14:14">
      <c r="N594395" s="10"/>
    </row>
    <row r="594396" spans="14:14">
      <c r="N594396" s="10"/>
    </row>
    <row r="594397" spans="14:14">
      <c r="N594397" s="10"/>
    </row>
    <row r="594398" spans="14:14">
      <c r="N594398" s="10"/>
    </row>
    <row r="594399" spans="14:14">
      <c r="N594399" s="10"/>
    </row>
    <row r="594400" spans="14:14">
      <c r="N594400" s="10"/>
    </row>
    <row r="594401" spans="14:14">
      <c r="N594401" s="10"/>
    </row>
    <row r="594402" spans="14:14">
      <c r="N594402" s="10"/>
    </row>
    <row r="594403" spans="14:14">
      <c r="N594403" s="10"/>
    </row>
    <row r="594404" spans="14:14">
      <c r="N594404" s="10"/>
    </row>
    <row r="594405" spans="14:14">
      <c r="N594405" s="10"/>
    </row>
    <row r="594406" spans="14:14">
      <c r="N594406" s="10"/>
    </row>
    <row r="594407" spans="14:14">
      <c r="N594407" s="10"/>
    </row>
    <row r="594408" spans="14:14">
      <c r="N594408" s="10"/>
    </row>
    <row r="594409" spans="14:14">
      <c r="N594409" s="10"/>
    </row>
    <row r="594410" spans="14:14">
      <c r="N594410" s="10"/>
    </row>
    <row r="594411" spans="14:14">
      <c r="N594411" s="10"/>
    </row>
    <row r="594412" spans="14:14">
      <c r="N594412" s="10"/>
    </row>
    <row r="594413" spans="14:14">
      <c r="N594413" s="10"/>
    </row>
    <row r="594414" spans="14:14">
      <c r="N594414" s="10"/>
    </row>
    <row r="594415" spans="14:14">
      <c r="N594415" s="10"/>
    </row>
    <row r="594416" spans="14:14">
      <c r="N594416" s="10"/>
    </row>
    <row r="594417" spans="14:14">
      <c r="N594417" s="10"/>
    </row>
    <row r="594418" spans="14:14">
      <c r="N594418" s="10"/>
    </row>
    <row r="594419" spans="14:14">
      <c r="N594419" s="10"/>
    </row>
    <row r="594420" spans="14:14">
      <c r="N594420" s="10"/>
    </row>
    <row r="594421" spans="14:14">
      <c r="N594421" s="10"/>
    </row>
    <row r="594422" spans="14:14">
      <c r="N594422" s="10"/>
    </row>
    <row r="594423" spans="14:14">
      <c r="N594423" s="10"/>
    </row>
    <row r="594424" spans="14:14">
      <c r="N594424" s="10"/>
    </row>
    <row r="594425" spans="14:14">
      <c r="N594425" s="10"/>
    </row>
    <row r="594426" spans="14:14">
      <c r="N594426" s="10"/>
    </row>
    <row r="594427" spans="14:14">
      <c r="N594427" s="10"/>
    </row>
    <row r="594428" spans="14:14">
      <c r="N594428" s="10"/>
    </row>
    <row r="594429" spans="14:14">
      <c r="N594429" s="10"/>
    </row>
    <row r="594430" spans="14:14">
      <c r="N594430" s="10"/>
    </row>
    <row r="594431" spans="14:14">
      <c r="N594431" s="10"/>
    </row>
    <row r="594432" spans="14:14">
      <c r="N594432" s="10"/>
    </row>
    <row r="594433" spans="14:14">
      <c r="N594433" s="10"/>
    </row>
    <row r="594434" spans="14:14">
      <c r="N594434" s="10"/>
    </row>
    <row r="594435" spans="14:14">
      <c r="N594435" s="10"/>
    </row>
    <row r="594436" spans="14:14">
      <c r="N594436" s="10"/>
    </row>
    <row r="594437" spans="14:14">
      <c r="N594437" s="10"/>
    </row>
    <row r="594438" spans="14:14">
      <c r="N594438" s="10"/>
    </row>
    <row r="594439" spans="14:14">
      <c r="N594439" s="10"/>
    </row>
    <row r="594440" spans="14:14">
      <c r="N594440" s="10"/>
    </row>
    <row r="594441" spans="14:14">
      <c r="N594441" s="10"/>
    </row>
    <row r="594442" spans="14:14">
      <c r="N594442" s="10"/>
    </row>
    <row r="594443" spans="14:14">
      <c r="N594443" s="10"/>
    </row>
    <row r="594444" spans="14:14">
      <c r="N594444" s="10"/>
    </row>
    <row r="594445" spans="14:14">
      <c r="N594445" s="10"/>
    </row>
    <row r="594446" spans="14:14">
      <c r="N594446" s="10"/>
    </row>
    <row r="594447" spans="14:14">
      <c r="N594447" s="10"/>
    </row>
    <row r="594448" spans="14:14">
      <c r="N594448" s="10"/>
    </row>
    <row r="594449" spans="14:14">
      <c r="N594449" s="10"/>
    </row>
    <row r="594450" spans="14:14">
      <c r="N594450" s="10"/>
    </row>
    <row r="594451" spans="14:14">
      <c r="N594451" s="10"/>
    </row>
    <row r="594452" spans="14:14">
      <c r="N594452" s="10"/>
    </row>
    <row r="594453" spans="14:14">
      <c r="N594453" s="10"/>
    </row>
    <row r="594454" spans="14:14">
      <c r="N594454" s="10"/>
    </row>
    <row r="594455" spans="14:14">
      <c r="N594455" s="10"/>
    </row>
    <row r="594456" spans="14:14">
      <c r="N594456" s="10"/>
    </row>
    <row r="594457" spans="14:14">
      <c r="N594457" s="10"/>
    </row>
    <row r="594458" spans="14:14">
      <c r="N594458" s="10"/>
    </row>
    <row r="594459" spans="14:14">
      <c r="N594459" s="10"/>
    </row>
    <row r="594460" spans="14:14">
      <c r="N594460" s="10"/>
    </row>
    <row r="594461" spans="14:14">
      <c r="N594461" s="10"/>
    </row>
    <row r="594462" spans="14:14">
      <c r="N594462" s="10"/>
    </row>
    <row r="594463" spans="14:14">
      <c r="N594463" s="10"/>
    </row>
    <row r="594464" spans="14:14">
      <c r="N594464" s="10"/>
    </row>
    <row r="594465" spans="14:14">
      <c r="N594465" s="10"/>
    </row>
    <row r="594466" spans="14:14">
      <c r="N594466" s="10"/>
    </row>
    <row r="594467" spans="14:14">
      <c r="N594467" s="10"/>
    </row>
    <row r="594468" spans="14:14">
      <c r="N594468" s="10"/>
    </row>
    <row r="594469" spans="14:14">
      <c r="N594469" s="10"/>
    </row>
    <row r="594470" spans="14:14">
      <c r="N594470" s="10"/>
    </row>
    <row r="594471" spans="14:14">
      <c r="N594471" s="10"/>
    </row>
    <row r="594472" spans="14:14">
      <c r="N594472" s="10"/>
    </row>
    <row r="594473" spans="14:14">
      <c r="N594473" s="10"/>
    </row>
    <row r="594474" spans="14:14">
      <c r="N594474" s="10"/>
    </row>
    <row r="594475" spans="14:14">
      <c r="N594475" s="10"/>
    </row>
    <row r="594476" spans="14:14">
      <c r="N594476" s="10"/>
    </row>
    <row r="594477" spans="14:14">
      <c r="N594477" s="10"/>
    </row>
    <row r="594478" spans="14:14">
      <c r="N594478" s="10"/>
    </row>
    <row r="594479" spans="14:14">
      <c r="N594479" s="10"/>
    </row>
    <row r="594480" spans="14:14">
      <c r="N594480" s="10"/>
    </row>
    <row r="594481" spans="14:14">
      <c r="N594481" s="10"/>
    </row>
    <row r="594482" spans="14:14">
      <c r="N594482" s="10"/>
    </row>
    <row r="594483" spans="14:14">
      <c r="N594483" s="10"/>
    </row>
    <row r="594484" spans="14:14">
      <c r="N594484" s="10"/>
    </row>
    <row r="594485" spans="14:14">
      <c r="N594485" s="10"/>
    </row>
    <row r="594486" spans="14:14">
      <c r="N594486" s="10"/>
    </row>
    <row r="594487" spans="14:14">
      <c r="N594487" s="10"/>
    </row>
    <row r="594488" spans="14:14">
      <c r="N594488" s="10"/>
    </row>
    <row r="594489" spans="14:14">
      <c r="N594489" s="10"/>
    </row>
    <row r="594490" spans="14:14">
      <c r="N594490" s="10"/>
    </row>
    <row r="594491" spans="14:14">
      <c r="N594491" s="10"/>
    </row>
    <row r="594492" spans="14:14">
      <c r="N594492" s="10"/>
    </row>
    <row r="594493" spans="14:14">
      <c r="N594493" s="10"/>
    </row>
    <row r="594494" spans="14:14">
      <c r="N594494" s="10"/>
    </row>
    <row r="594495" spans="14:14">
      <c r="N594495" s="10"/>
    </row>
    <row r="594496" spans="14:14">
      <c r="N594496" s="10"/>
    </row>
    <row r="594497" spans="14:14">
      <c r="N594497" s="10"/>
    </row>
    <row r="594498" spans="14:14">
      <c r="N594498" s="10"/>
    </row>
    <row r="594499" spans="14:14">
      <c r="N594499" s="10"/>
    </row>
    <row r="594500" spans="14:14">
      <c r="N594500" s="10"/>
    </row>
    <row r="594501" spans="14:14">
      <c r="N594501" s="10"/>
    </row>
    <row r="594502" spans="14:14">
      <c r="N594502" s="10"/>
    </row>
    <row r="594503" spans="14:14">
      <c r="N594503" s="10"/>
    </row>
    <row r="594504" spans="14:14">
      <c r="N594504" s="10"/>
    </row>
    <row r="594505" spans="14:14">
      <c r="N594505" s="10"/>
    </row>
    <row r="594506" spans="14:14">
      <c r="N594506" s="10"/>
    </row>
    <row r="594507" spans="14:14">
      <c r="N594507" s="10"/>
    </row>
    <row r="594508" spans="14:14">
      <c r="N594508" s="10"/>
    </row>
    <row r="594509" spans="14:14">
      <c r="N594509" s="10"/>
    </row>
    <row r="594510" spans="14:14">
      <c r="N594510" s="10"/>
    </row>
    <row r="594511" spans="14:14">
      <c r="N594511" s="10"/>
    </row>
    <row r="594512" spans="14:14">
      <c r="N594512" s="10"/>
    </row>
    <row r="594513" spans="14:14">
      <c r="N594513" s="10"/>
    </row>
    <row r="594514" spans="14:14">
      <c r="N594514" s="10"/>
    </row>
    <row r="594515" spans="14:14">
      <c r="N594515" s="10"/>
    </row>
    <row r="594516" spans="14:14">
      <c r="N594516" s="10"/>
    </row>
    <row r="594517" spans="14:14">
      <c r="N594517" s="10"/>
    </row>
    <row r="594518" spans="14:14">
      <c r="N594518" s="10"/>
    </row>
    <row r="594519" spans="14:14">
      <c r="N594519" s="10"/>
    </row>
    <row r="594520" spans="14:14">
      <c r="N594520" s="10"/>
    </row>
    <row r="594521" spans="14:14">
      <c r="N594521" s="10"/>
    </row>
    <row r="594522" spans="14:14">
      <c r="N594522" s="10"/>
    </row>
    <row r="594523" spans="14:14">
      <c r="N594523" s="10"/>
    </row>
    <row r="594524" spans="14:14">
      <c r="N594524" s="10"/>
    </row>
    <row r="594525" spans="14:14">
      <c r="N594525" s="10"/>
    </row>
    <row r="594526" spans="14:14">
      <c r="N594526" s="10"/>
    </row>
    <row r="594527" spans="14:14">
      <c r="N594527" s="10"/>
    </row>
    <row r="594528" spans="14:14">
      <c r="N594528" s="10"/>
    </row>
    <row r="594529" spans="14:14">
      <c r="N594529" s="10"/>
    </row>
    <row r="594530" spans="14:14">
      <c r="N594530" s="10"/>
    </row>
    <row r="594531" spans="14:14">
      <c r="N594531" s="10"/>
    </row>
    <row r="594532" spans="14:14">
      <c r="N594532" s="10"/>
    </row>
    <row r="594533" spans="14:14">
      <c r="N594533" s="10"/>
    </row>
    <row r="594534" spans="14:14">
      <c r="N594534" s="10"/>
    </row>
    <row r="594535" spans="14:14">
      <c r="N594535" s="10"/>
    </row>
    <row r="594536" spans="14:14">
      <c r="N594536" s="10"/>
    </row>
    <row r="594537" spans="14:14">
      <c r="N594537" s="10"/>
    </row>
    <row r="594538" spans="14:14">
      <c r="N594538" s="10"/>
    </row>
    <row r="594539" spans="14:14">
      <c r="N594539" s="10"/>
    </row>
    <row r="594540" spans="14:14">
      <c r="N594540" s="10"/>
    </row>
    <row r="594541" spans="14:14">
      <c r="N594541" s="10"/>
    </row>
    <row r="594542" spans="14:14">
      <c r="N594542" s="10"/>
    </row>
    <row r="594543" spans="14:14">
      <c r="N594543" s="10"/>
    </row>
    <row r="594544" spans="14:14">
      <c r="N594544" s="10"/>
    </row>
    <row r="594545" spans="14:14">
      <c r="N594545" s="10"/>
    </row>
    <row r="594546" spans="14:14">
      <c r="N594546" s="10"/>
    </row>
    <row r="594547" spans="14:14">
      <c r="N594547" s="10"/>
    </row>
    <row r="594548" spans="14:14">
      <c r="N594548" s="10"/>
    </row>
    <row r="594549" spans="14:14">
      <c r="N594549" s="10"/>
    </row>
    <row r="594550" spans="14:14">
      <c r="N594550" s="10"/>
    </row>
    <row r="594551" spans="14:14">
      <c r="N594551" s="10"/>
    </row>
    <row r="594552" spans="14:14">
      <c r="N594552" s="10"/>
    </row>
    <row r="594553" spans="14:14">
      <c r="N594553" s="10"/>
    </row>
    <row r="594554" spans="14:14">
      <c r="N594554" s="10"/>
    </row>
    <row r="594555" spans="14:14">
      <c r="N594555" s="10"/>
    </row>
    <row r="594556" spans="14:14">
      <c r="N594556" s="10"/>
    </row>
    <row r="594557" spans="14:14">
      <c r="N594557" s="10"/>
    </row>
    <row r="594558" spans="14:14">
      <c r="N594558" s="10"/>
    </row>
    <row r="594559" spans="14:14">
      <c r="N594559" s="10"/>
    </row>
    <row r="594560" spans="14:14">
      <c r="N594560" s="10"/>
    </row>
    <row r="594561" spans="14:14">
      <c r="N594561" s="10"/>
    </row>
    <row r="594562" spans="14:14">
      <c r="N594562" s="10"/>
    </row>
    <row r="594563" spans="14:14">
      <c r="N594563" s="10"/>
    </row>
    <row r="594564" spans="14:14">
      <c r="N594564" s="10"/>
    </row>
    <row r="594565" spans="14:14">
      <c r="N594565" s="10"/>
    </row>
    <row r="594566" spans="14:14">
      <c r="N594566" s="10"/>
    </row>
    <row r="594567" spans="14:14">
      <c r="N594567" s="10"/>
    </row>
    <row r="594568" spans="14:14">
      <c r="N594568" s="10"/>
    </row>
    <row r="594569" spans="14:14">
      <c r="N594569" s="10"/>
    </row>
    <row r="594570" spans="14:14">
      <c r="N594570" s="10"/>
    </row>
    <row r="594571" spans="14:14">
      <c r="N594571" s="10"/>
    </row>
    <row r="594572" spans="14:14">
      <c r="N594572" s="10"/>
    </row>
    <row r="594573" spans="14:14">
      <c r="N594573" s="10"/>
    </row>
    <row r="594574" spans="14:14">
      <c r="N594574" s="10"/>
    </row>
    <row r="594575" spans="14:14">
      <c r="N594575" s="10"/>
    </row>
    <row r="594576" spans="14:14">
      <c r="N594576" s="10"/>
    </row>
    <row r="594577" spans="14:14">
      <c r="N594577" s="10"/>
    </row>
    <row r="594578" spans="14:14">
      <c r="N594578" s="10"/>
    </row>
    <row r="594579" spans="14:14">
      <c r="N594579" s="10"/>
    </row>
    <row r="594580" spans="14:14">
      <c r="N594580" s="10"/>
    </row>
    <row r="594581" spans="14:14">
      <c r="N594581" s="10"/>
    </row>
    <row r="594582" spans="14:14">
      <c r="N594582" s="10"/>
    </row>
    <row r="594583" spans="14:14">
      <c r="N594583" s="10"/>
    </row>
    <row r="594584" spans="14:14">
      <c r="N594584" s="10"/>
    </row>
    <row r="594585" spans="14:14">
      <c r="N594585" s="10"/>
    </row>
    <row r="594586" spans="14:14">
      <c r="N594586" s="10"/>
    </row>
    <row r="594587" spans="14:14">
      <c r="N594587" s="10"/>
    </row>
    <row r="594588" spans="14:14">
      <c r="N594588" s="10"/>
    </row>
    <row r="594589" spans="14:14">
      <c r="N594589" s="10"/>
    </row>
    <row r="594590" spans="14:14">
      <c r="N594590" s="10"/>
    </row>
    <row r="594591" spans="14:14">
      <c r="N594591" s="10"/>
    </row>
    <row r="594592" spans="14:14">
      <c r="N594592" s="10"/>
    </row>
    <row r="594593" spans="14:14">
      <c r="N594593" s="10"/>
    </row>
    <row r="594594" spans="14:14">
      <c r="N594594" s="10"/>
    </row>
    <row r="594595" spans="14:14">
      <c r="N594595" s="10"/>
    </row>
    <row r="594596" spans="14:14">
      <c r="N594596" s="10"/>
    </row>
    <row r="594597" spans="14:14">
      <c r="N594597" s="10"/>
    </row>
    <row r="594598" spans="14:14">
      <c r="N594598" s="10"/>
    </row>
    <row r="594599" spans="14:14">
      <c r="N594599" s="10"/>
    </row>
    <row r="594600" spans="14:14">
      <c r="N594600" s="10"/>
    </row>
    <row r="594601" spans="14:14">
      <c r="N594601" s="10"/>
    </row>
    <row r="594602" spans="14:14">
      <c r="N594602" s="10"/>
    </row>
    <row r="594603" spans="14:14">
      <c r="N594603" s="10"/>
    </row>
    <row r="594604" spans="14:14">
      <c r="N594604" s="10"/>
    </row>
    <row r="594605" spans="14:14">
      <c r="N594605" s="10"/>
    </row>
    <row r="594606" spans="14:14">
      <c r="N594606" s="10"/>
    </row>
    <row r="594607" spans="14:14">
      <c r="N594607" s="10"/>
    </row>
    <row r="594608" spans="14:14">
      <c r="N594608" s="10"/>
    </row>
    <row r="594609" spans="14:14">
      <c r="N594609" s="10"/>
    </row>
    <row r="594610" spans="14:14">
      <c r="N594610" s="10"/>
    </row>
    <row r="594611" spans="14:14">
      <c r="N594611" s="10"/>
    </row>
    <row r="594612" spans="14:14">
      <c r="N594612" s="10"/>
    </row>
    <row r="594613" spans="14:14">
      <c r="N594613" s="10"/>
    </row>
    <row r="594614" spans="14:14">
      <c r="N594614" s="10"/>
    </row>
    <row r="594615" spans="14:14">
      <c r="N594615" s="10"/>
    </row>
    <row r="594616" spans="14:14">
      <c r="N594616" s="10"/>
    </row>
    <row r="594617" spans="14:14">
      <c r="N594617" s="10"/>
    </row>
    <row r="594618" spans="14:14">
      <c r="N594618" s="10"/>
    </row>
    <row r="594619" spans="14:14">
      <c r="N594619" s="10"/>
    </row>
    <row r="594620" spans="14:14">
      <c r="N594620" s="10"/>
    </row>
    <row r="594621" spans="14:14">
      <c r="N594621" s="10"/>
    </row>
    <row r="594622" spans="14:14">
      <c r="N594622" s="10"/>
    </row>
    <row r="594623" spans="14:14">
      <c r="N594623" s="10"/>
    </row>
    <row r="594624" spans="14:14">
      <c r="N594624" s="10"/>
    </row>
    <row r="594625" spans="14:14">
      <c r="N594625" s="10"/>
    </row>
    <row r="594626" spans="14:14">
      <c r="N594626" s="10"/>
    </row>
    <row r="594627" spans="14:14">
      <c r="N594627" s="10"/>
    </row>
    <row r="594628" spans="14:14">
      <c r="N594628" s="10"/>
    </row>
    <row r="594629" spans="14:14">
      <c r="N594629" s="10"/>
    </row>
    <row r="594630" spans="14:14">
      <c r="N594630" s="10"/>
    </row>
    <row r="594631" spans="14:14">
      <c r="N594631" s="10"/>
    </row>
    <row r="594632" spans="14:14">
      <c r="N594632" s="10"/>
    </row>
    <row r="594633" spans="14:14">
      <c r="N594633" s="10"/>
    </row>
    <row r="594634" spans="14:14">
      <c r="N594634" s="10"/>
    </row>
    <row r="594635" spans="14:14">
      <c r="N594635" s="10"/>
    </row>
    <row r="594636" spans="14:14">
      <c r="N594636" s="10"/>
    </row>
    <row r="594637" spans="14:14">
      <c r="N594637" s="10"/>
    </row>
    <row r="594638" spans="14:14">
      <c r="N594638" s="10"/>
    </row>
    <row r="594639" spans="14:14">
      <c r="N594639" s="10"/>
    </row>
    <row r="594640" spans="14:14">
      <c r="N594640" s="10"/>
    </row>
    <row r="594641" spans="14:14">
      <c r="N594641" s="10"/>
    </row>
    <row r="594642" spans="14:14">
      <c r="N594642" s="10"/>
    </row>
    <row r="594643" spans="14:14">
      <c r="N594643" s="10"/>
    </row>
    <row r="594644" spans="14:14">
      <c r="N594644" s="10"/>
    </row>
    <row r="594645" spans="14:14">
      <c r="N594645" s="10"/>
    </row>
    <row r="594646" spans="14:14">
      <c r="N594646" s="10"/>
    </row>
    <row r="594647" spans="14:14">
      <c r="N594647" s="10"/>
    </row>
    <row r="594648" spans="14:14">
      <c r="N594648" s="10"/>
    </row>
    <row r="594649" spans="14:14">
      <c r="N594649" s="10"/>
    </row>
    <row r="594650" spans="14:14">
      <c r="N594650" s="10"/>
    </row>
    <row r="594651" spans="14:14">
      <c r="N594651" s="10"/>
    </row>
    <row r="594652" spans="14:14">
      <c r="N594652" s="10"/>
    </row>
    <row r="594653" spans="14:14">
      <c r="N594653" s="10"/>
    </row>
    <row r="594654" spans="14:14">
      <c r="N594654" s="10"/>
    </row>
    <row r="594655" spans="14:14">
      <c r="N594655" s="10"/>
    </row>
    <row r="594656" spans="14:14">
      <c r="N594656" s="10"/>
    </row>
    <row r="594657" spans="14:14">
      <c r="N594657" s="10"/>
    </row>
    <row r="594658" spans="14:14">
      <c r="N594658" s="10"/>
    </row>
    <row r="594659" spans="14:14">
      <c r="N594659" s="10"/>
    </row>
    <row r="594660" spans="14:14">
      <c r="N594660" s="10"/>
    </row>
    <row r="594661" spans="14:14">
      <c r="N594661" s="10"/>
    </row>
    <row r="594662" spans="14:14">
      <c r="N594662" s="10"/>
    </row>
    <row r="594663" spans="14:14">
      <c r="N594663" s="10"/>
    </row>
    <row r="594664" spans="14:14">
      <c r="N594664" s="10"/>
    </row>
    <row r="594665" spans="14:14">
      <c r="N594665" s="10"/>
    </row>
    <row r="594666" spans="14:14">
      <c r="N594666" s="10"/>
    </row>
    <row r="594667" spans="14:14">
      <c r="N594667" s="10"/>
    </row>
    <row r="594668" spans="14:14">
      <c r="N594668" s="10"/>
    </row>
    <row r="594669" spans="14:14">
      <c r="N594669" s="10"/>
    </row>
    <row r="594670" spans="14:14">
      <c r="N594670" s="10"/>
    </row>
    <row r="594671" spans="14:14">
      <c r="N594671" s="10"/>
    </row>
    <row r="594672" spans="14:14">
      <c r="N594672" s="10"/>
    </row>
    <row r="594673" spans="14:14">
      <c r="N594673" s="10"/>
    </row>
    <row r="594674" spans="14:14">
      <c r="N594674" s="10"/>
    </row>
    <row r="594675" spans="14:14">
      <c r="N594675" s="10"/>
    </row>
    <row r="594676" spans="14:14">
      <c r="N594676" s="10"/>
    </row>
    <row r="594677" spans="14:14">
      <c r="N594677" s="10"/>
    </row>
    <row r="594678" spans="14:14">
      <c r="N594678" s="10"/>
    </row>
    <row r="594679" spans="14:14">
      <c r="N594679" s="10"/>
    </row>
    <row r="594680" spans="14:14">
      <c r="N594680" s="10"/>
    </row>
    <row r="594681" spans="14:14">
      <c r="N594681" s="10"/>
    </row>
    <row r="594682" spans="14:14">
      <c r="N594682" s="10"/>
    </row>
    <row r="594683" spans="14:14">
      <c r="N594683" s="10"/>
    </row>
    <row r="594684" spans="14:14">
      <c r="N594684" s="10"/>
    </row>
    <row r="594685" spans="14:14">
      <c r="N594685" s="10"/>
    </row>
    <row r="594686" spans="14:14">
      <c r="N594686" s="10"/>
    </row>
    <row r="594687" spans="14:14">
      <c r="N594687" s="10"/>
    </row>
    <row r="594688" spans="14:14">
      <c r="N594688" s="10"/>
    </row>
    <row r="594689" spans="14:14">
      <c r="N594689" s="10"/>
    </row>
    <row r="594690" spans="14:14">
      <c r="N594690" s="10"/>
    </row>
    <row r="594691" spans="14:14">
      <c r="N594691" s="10"/>
    </row>
    <row r="594692" spans="14:14">
      <c r="N594692" s="10"/>
    </row>
    <row r="594693" spans="14:14">
      <c r="N594693" s="10"/>
    </row>
    <row r="594694" spans="14:14">
      <c r="N594694" s="10"/>
    </row>
    <row r="594695" spans="14:14">
      <c r="N594695" s="10"/>
    </row>
    <row r="594696" spans="14:14">
      <c r="N594696" s="10"/>
    </row>
    <row r="594697" spans="14:14">
      <c r="N594697" s="10"/>
    </row>
    <row r="594698" spans="14:14">
      <c r="N594698" s="10"/>
    </row>
    <row r="594699" spans="14:14">
      <c r="N594699" s="10"/>
    </row>
    <row r="594700" spans="14:14">
      <c r="N594700" s="10"/>
    </row>
    <row r="594701" spans="14:14">
      <c r="N594701" s="10"/>
    </row>
    <row r="594702" spans="14:14">
      <c r="N594702" s="10"/>
    </row>
    <row r="594703" spans="14:14">
      <c r="N594703" s="10"/>
    </row>
    <row r="594704" spans="14:14">
      <c r="N594704" s="10"/>
    </row>
    <row r="594705" spans="14:14">
      <c r="N594705" s="10"/>
    </row>
    <row r="594706" spans="14:14">
      <c r="N594706" s="10"/>
    </row>
    <row r="594707" spans="14:14">
      <c r="N594707" s="10"/>
    </row>
    <row r="594708" spans="14:14">
      <c r="N594708" s="10"/>
    </row>
    <row r="594709" spans="14:14">
      <c r="N594709" s="10"/>
    </row>
    <row r="594710" spans="14:14">
      <c r="N594710" s="10"/>
    </row>
    <row r="594711" spans="14:14">
      <c r="N594711" s="10"/>
    </row>
    <row r="594712" spans="14:14">
      <c r="N594712" s="10"/>
    </row>
    <row r="594713" spans="14:14">
      <c r="N594713" s="10"/>
    </row>
    <row r="594714" spans="14:14">
      <c r="N594714" s="10"/>
    </row>
    <row r="594715" spans="14:14">
      <c r="N594715" s="10"/>
    </row>
    <row r="594716" spans="14:14">
      <c r="N594716" s="10"/>
    </row>
    <row r="594717" spans="14:14">
      <c r="N594717" s="10"/>
    </row>
    <row r="594718" spans="14:14">
      <c r="N594718" s="10"/>
    </row>
    <row r="594719" spans="14:14">
      <c r="N594719" s="10"/>
    </row>
    <row r="594720" spans="14:14">
      <c r="N594720" s="10"/>
    </row>
    <row r="594721" spans="14:14">
      <c r="N594721" s="10"/>
    </row>
    <row r="594722" spans="14:14">
      <c r="N594722" s="10"/>
    </row>
    <row r="594723" spans="14:14">
      <c r="N594723" s="10"/>
    </row>
    <row r="594724" spans="14:14">
      <c r="N594724" s="10"/>
    </row>
    <row r="594725" spans="14:14">
      <c r="N594725" s="10"/>
    </row>
    <row r="594726" spans="14:14">
      <c r="N594726" s="10"/>
    </row>
    <row r="594727" spans="14:14">
      <c r="N594727" s="10"/>
    </row>
    <row r="594728" spans="14:14">
      <c r="N594728" s="10"/>
    </row>
    <row r="594729" spans="14:14">
      <c r="N594729" s="10"/>
    </row>
    <row r="594730" spans="14:14">
      <c r="N594730" s="10"/>
    </row>
    <row r="594731" spans="14:14">
      <c r="N594731" s="10"/>
    </row>
    <row r="594732" spans="14:14">
      <c r="N594732" s="10"/>
    </row>
    <row r="594733" spans="14:14">
      <c r="N594733" s="10"/>
    </row>
    <row r="594734" spans="14:14">
      <c r="N594734" s="10"/>
    </row>
    <row r="594735" spans="14:14">
      <c r="N594735" s="10"/>
    </row>
    <row r="594736" spans="14:14">
      <c r="N594736" s="10"/>
    </row>
    <row r="594737" spans="14:14">
      <c r="N594737" s="10"/>
    </row>
    <row r="594738" spans="14:14">
      <c r="N594738" s="10"/>
    </row>
    <row r="594739" spans="14:14">
      <c r="N594739" s="10"/>
    </row>
    <row r="594740" spans="14:14">
      <c r="N594740" s="10"/>
    </row>
    <row r="594741" spans="14:14">
      <c r="N594741" s="10"/>
    </row>
    <row r="594742" spans="14:14">
      <c r="N594742" s="10"/>
    </row>
    <row r="594743" spans="14:14">
      <c r="N594743" s="10"/>
    </row>
    <row r="594744" spans="14:14">
      <c r="N594744" s="10"/>
    </row>
    <row r="594745" spans="14:14">
      <c r="N594745" s="10"/>
    </row>
    <row r="594746" spans="14:14">
      <c r="N594746" s="10"/>
    </row>
    <row r="594747" spans="14:14">
      <c r="N594747" s="10"/>
    </row>
    <row r="594748" spans="14:14">
      <c r="N594748" s="10"/>
    </row>
    <row r="594749" spans="14:14">
      <c r="N594749" s="10"/>
    </row>
    <row r="594750" spans="14:14">
      <c r="N594750" s="10"/>
    </row>
    <row r="594751" spans="14:14">
      <c r="N594751" s="10"/>
    </row>
    <row r="594752" spans="14:14">
      <c r="N594752" s="10"/>
    </row>
    <row r="594753" spans="14:14">
      <c r="N594753" s="10"/>
    </row>
    <row r="594754" spans="14:14">
      <c r="N594754" s="10"/>
    </row>
    <row r="594755" spans="14:14">
      <c r="N594755" s="10"/>
    </row>
    <row r="594756" spans="14:14">
      <c r="N594756" s="10"/>
    </row>
    <row r="594757" spans="14:14">
      <c r="N594757" s="10"/>
    </row>
    <row r="594758" spans="14:14">
      <c r="N594758" s="10"/>
    </row>
    <row r="594759" spans="14:14">
      <c r="N594759" s="10"/>
    </row>
    <row r="594760" spans="14:14">
      <c r="N594760" s="10"/>
    </row>
    <row r="594761" spans="14:14">
      <c r="N594761" s="10"/>
    </row>
    <row r="594762" spans="14:14">
      <c r="N594762" s="10"/>
    </row>
    <row r="594763" spans="14:14">
      <c r="N594763" s="10"/>
    </row>
    <row r="594764" spans="14:14">
      <c r="N594764" s="10"/>
    </row>
    <row r="594765" spans="14:14">
      <c r="N594765" s="10"/>
    </row>
    <row r="594766" spans="14:14">
      <c r="N594766" s="10"/>
    </row>
    <row r="594767" spans="14:14">
      <c r="N594767" s="10"/>
    </row>
    <row r="594768" spans="14:14">
      <c r="N594768" s="10"/>
    </row>
    <row r="594769" spans="14:14">
      <c r="N594769" s="10"/>
    </row>
    <row r="594770" spans="14:14">
      <c r="N594770" s="10"/>
    </row>
    <row r="594771" spans="14:14">
      <c r="N594771" s="10"/>
    </row>
    <row r="594772" spans="14:14">
      <c r="N594772" s="10"/>
    </row>
    <row r="594773" spans="14:14">
      <c r="N594773" s="10"/>
    </row>
    <row r="594774" spans="14:14">
      <c r="N594774" s="10"/>
    </row>
    <row r="594775" spans="14:14">
      <c r="N594775" s="10"/>
    </row>
    <row r="594776" spans="14:14">
      <c r="N594776" s="10"/>
    </row>
    <row r="594777" spans="14:14">
      <c r="N594777" s="10"/>
    </row>
    <row r="594778" spans="14:14">
      <c r="N594778" s="10"/>
    </row>
    <row r="594779" spans="14:14">
      <c r="N594779" s="10"/>
    </row>
    <row r="594780" spans="14:14">
      <c r="N594780" s="10"/>
    </row>
    <row r="594781" spans="14:14">
      <c r="N594781" s="10"/>
    </row>
    <row r="594782" spans="14:14">
      <c r="N594782" s="10"/>
    </row>
    <row r="594783" spans="14:14">
      <c r="N594783" s="10"/>
    </row>
    <row r="594784" spans="14:14">
      <c r="N594784" s="10"/>
    </row>
    <row r="594785" spans="14:14">
      <c r="N594785" s="10"/>
    </row>
    <row r="594786" spans="14:14">
      <c r="N594786" s="10"/>
    </row>
    <row r="594787" spans="14:14">
      <c r="N594787" s="10"/>
    </row>
    <row r="594788" spans="14:14">
      <c r="N594788" s="10"/>
    </row>
    <row r="594789" spans="14:14">
      <c r="N594789" s="10"/>
    </row>
    <row r="594790" spans="14:14">
      <c r="N594790" s="10"/>
    </row>
    <row r="594791" spans="14:14">
      <c r="N594791" s="10"/>
    </row>
    <row r="594792" spans="14:14">
      <c r="N594792" s="10"/>
    </row>
    <row r="594793" spans="14:14">
      <c r="N594793" s="10"/>
    </row>
    <row r="594794" spans="14:14">
      <c r="N594794" s="10"/>
    </row>
    <row r="594795" spans="14:14">
      <c r="N594795" s="10"/>
    </row>
    <row r="594796" spans="14:14">
      <c r="N594796" s="10"/>
    </row>
    <row r="594797" spans="14:14">
      <c r="N594797" s="10"/>
    </row>
    <row r="594798" spans="14:14">
      <c r="N594798" s="10"/>
    </row>
    <row r="594799" spans="14:14">
      <c r="N594799" s="10"/>
    </row>
    <row r="594800" spans="14:14">
      <c r="N594800" s="10"/>
    </row>
    <row r="594801" spans="14:14">
      <c r="N594801" s="10"/>
    </row>
    <row r="594802" spans="14:14">
      <c r="N594802" s="10"/>
    </row>
    <row r="594803" spans="14:14">
      <c r="N594803" s="10"/>
    </row>
    <row r="594804" spans="14:14">
      <c r="N594804" s="10"/>
    </row>
    <row r="594805" spans="14:14">
      <c r="N594805" s="10"/>
    </row>
    <row r="594806" spans="14:14">
      <c r="N594806" s="10"/>
    </row>
    <row r="594807" spans="14:14">
      <c r="N594807" s="10"/>
    </row>
    <row r="594808" spans="14:14">
      <c r="N594808" s="10"/>
    </row>
    <row r="594809" spans="14:14">
      <c r="N594809" s="10"/>
    </row>
    <row r="594810" spans="14:14">
      <c r="N594810" s="10"/>
    </row>
    <row r="594811" spans="14:14">
      <c r="N594811" s="10"/>
    </row>
    <row r="594812" spans="14:14">
      <c r="N594812" s="10"/>
    </row>
    <row r="594813" spans="14:14">
      <c r="N594813" s="10"/>
    </row>
    <row r="594814" spans="14:14">
      <c r="N594814" s="10"/>
    </row>
    <row r="594815" spans="14:14">
      <c r="N594815" s="10"/>
    </row>
    <row r="594816" spans="14:14">
      <c r="N594816" s="10"/>
    </row>
    <row r="594817" spans="14:14">
      <c r="N594817" s="10"/>
    </row>
    <row r="594818" spans="14:14">
      <c r="N594818" s="10"/>
    </row>
    <row r="594819" spans="14:14">
      <c r="N594819" s="10"/>
    </row>
    <row r="594820" spans="14:14">
      <c r="N594820" s="10"/>
    </row>
    <row r="594821" spans="14:14">
      <c r="N594821" s="10"/>
    </row>
    <row r="594822" spans="14:14">
      <c r="N594822" s="10"/>
    </row>
    <row r="594823" spans="14:14">
      <c r="N594823" s="10"/>
    </row>
    <row r="594824" spans="14:14">
      <c r="N594824" s="10"/>
    </row>
    <row r="594825" spans="14:14">
      <c r="N594825" s="10"/>
    </row>
    <row r="594826" spans="14:14">
      <c r="N594826" s="10"/>
    </row>
    <row r="594827" spans="14:14">
      <c r="N594827" s="10"/>
    </row>
    <row r="594828" spans="14:14">
      <c r="N594828" s="10"/>
    </row>
    <row r="594829" spans="14:14">
      <c r="N594829" s="10"/>
    </row>
    <row r="594830" spans="14:14">
      <c r="N594830" s="10"/>
    </row>
    <row r="594831" spans="14:14">
      <c r="N594831" s="10"/>
    </row>
    <row r="594832" spans="14:14">
      <c r="N594832" s="10"/>
    </row>
    <row r="594833" spans="14:14">
      <c r="N594833" s="10"/>
    </row>
    <row r="594834" spans="14:14">
      <c r="N594834" s="10"/>
    </row>
    <row r="594835" spans="14:14">
      <c r="N594835" s="10"/>
    </row>
    <row r="594836" spans="14:14">
      <c r="N594836" s="10"/>
    </row>
    <row r="594837" spans="14:14">
      <c r="N594837" s="10"/>
    </row>
    <row r="594838" spans="14:14">
      <c r="N594838" s="10"/>
    </row>
    <row r="594839" spans="14:14">
      <c r="N594839" s="10"/>
    </row>
    <row r="594840" spans="14:14">
      <c r="N594840" s="10"/>
    </row>
    <row r="594841" spans="14:14">
      <c r="N594841" s="10"/>
    </row>
    <row r="594842" spans="14:14">
      <c r="N594842" s="10"/>
    </row>
    <row r="594843" spans="14:14">
      <c r="N594843" s="10"/>
    </row>
    <row r="594844" spans="14:14">
      <c r="N594844" s="10"/>
    </row>
    <row r="594845" spans="14:14">
      <c r="N594845" s="10"/>
    </row>
    <row r="594846" spans="14:14">
      <c r="N594846" s="10"/>
    </row>
    <row r="594847" spans="14:14">
      <c r="N594847" s="10"/>
    </row>
    <row r="594848" spans="14:14">
      <c r="N594848" s="10"/>
    </row>
    <row r="594849" spans="14:14">
      <c r="N594849" s="10"/>
    </row>
    <row r="594850" spans="14:14">
      <c r="N594850" s="10"/>
    </row>
    <row r="594851" spans="14:14">
      <c r="N594851" s="10"/>
    </row>
    <row r="594852" spans="14:14">
      <c r="N594852" s="10"/>
    </row>
    <row r="594853" spans="14:14">
      <c r="N594853" s="10"/>
    </row>
    <row r="594854" spans="14:14">
      <c r="N594854" s="10"/>
    </row>
    <row r="594855" spans="14:14">
      <c r="N594855" s="10"/>
    </row>
    <row r="594856" spans="14:14">
      <c r="N594856" s="10"/>
    </row>
    <row r="594857" spans="14:14">
      <c r="N594857" s="10"/>
    </row>
    <row r="594858" spans="14:14">
      <c r="N594858" s="10"/>
    </row>
    <row r="594859" spans="14:14">
      <c r="N594859" s="10"/>
    </row>
    <row r="594860" spans="14:14">
      <c r="N594860" s="10"/>
    </row>
    <row r="594861" spans="14:14">
      <c r="N594861" s="10"/>
    </row>
    <row r="594862" spans="14:14">
      <c r="N594862" s="10"/>
    </row>
    <row r="594863" spans="14:14">
      <c r="N594863" s="10"/>
    </row>
    <row r="594864" spans="14:14">
      <c r="N594864" s="10"/>
    </row>
    <row r="594865" spans="14:14">
      <c r="N594865" s="10"/>
    </row>
    <row r="594866" spans="14:14">
      <c r="N594866" s="10"/>
    </row>
    <row r="594867" spans="14:14">
      <c r="N594867" s="10"/>
    </row>
    <row r="594868" spans="14:14">
      <c r="N594868" s="10"/>
    </row>
    <row r="594869" spans="14:14">
      <c r="N594869" s="10"/>
    </row>
    <row r="594870" spans="14:14">
      <c r="N594870" s="10"/>
    </row>
    <row r="594871" spans="14:14">
      <c r="N594871" s="10"/>
    </row>
    <row r="594872" spans="14:14">
      <c r="N594872" s="10"/>
    </row>
    <row r="594873" spans="14:14">
      <c r="N594873" s="10"/>
    </row>
    <row r="594874" spans="14:14">
      <c r="N594874" s="10"/>
    </row>
    <row r="594875" spans="14:14">
      <c r="N594875" s="10"/>
    </row>
    <row r="594876" spans="14:14">
      <c r="N594876" s="10"/>
    </row>
    <row r="594877" spans="14:14">
      <c r="N594877" s="10"/>
    </row>
    <row r="594878" spans="14:14">
      <c r="N594878" s="10"/>
    </row>
    <row r="594879" spans="14:14">
      <c r="N594879" s="10"/>
    </row>
    <row r="594880" spans="14:14">
      <c r="N594880" s="10"/>
    </row>
    <row r="594881" spans="14:14">
      <c r="N594881" s="10"/>
    </row>
    <row r="594882" spans="14:14">
      <c r="N594882" s="10"/>
    </row>
    <row r="594883" spans="14:14">
      <c r="N594883" s="10"/>
    </row>
    <row r="594884" spans="14:14">
      <c r="N594884" s="10"/>
    </row>
    <row r="594885" spans="14:14">
      <c r="N594885" s="10"/>
    </row>
    <row r="594886" spans="14:14">
      <c r="N594886" s="10"/>
    </row>
    <row r="594887" spans="14:14">
      <c r="N594887" s="10"/>
    </row>
    <row r="594888" spans="14:14">
      <c r="N594888" s="10"/>
    </row>
    <row r="594889" spans="14:14">
      <c r="N594889" s="10"/>
    </row>
    <row r="594890" spans="14:14">
      <c r="N594890" s="10"/>
    </row>
    <row r="594891" spans="14:14">
      <c r="N594891" s="10"/>
    </row>
    <row r="594892" spans="14:14">
      <c r="N594892" s="10"/>
    </row>
    <row r="594893" spans="14:14">
      <c r="N594893" s="10"/>
    </row>
    <row r="594894" spans="14:14">
      <c r="N594894" s="10"/>
    </row>
    <row r="594895" spans="14:14">
      <c r="N594895" s="10"/>
    </row>
    <row r="594896" spans="14:14">
      <c r="N594896" s="10"/>
    </row>
    <row r="594897" spans="14:14">
      <c r="N594897" s="10"/>
    </row>
    <row r="594898" spans="14:14">
      <c r="N594898" s="10"/>
    </row>
    <row r="594899" spans="14:14">
      <c r="N594899" s="10"/>
    </row>
    <row r="594900" spans="14:14">
      <c r="N594900" s="10"/>
    </row>
    <row r="594901" spans="14:14">
      <c r="N594901" s="10"/>
    </row>
    <row r="594902" spans="14:14">
      <c r="N594902" s="10"/>
    </row>
    <row r="594903" spans="14:14">
      <c r="N594903" s="10"/>
    </row>
    <row r="594904" spans="14:14">
      <c r="N594904" s="10"/>
    </row>
    <row r="594905" spans="14:14">
      <c r="N594905" s="10"/>
    </row>
    <row r="594906" spans="14:14">
      <c r="N594906" s="10"/>
    </row>
    <row r="594907" spans="14:14">
      <c r="N594907" s="10"/>
    </row>
    <row r="594908" spans="14:14">
      <c r="N594908" s="10"/>
    </row>
    <row r="594909" spans="14:14">
      <c r="N594909" s="10"/>
    </row>
    <row r="594910" spans="14:14">
      <c r="N594910" s="10"/>
    </row>
    <row r="594911" spans="14:14">
      <c r="N594911" s="10"/>
    </row>
    <row r="594912" spans="14:14">
      <c r="N594912" s="10"/>
    </row>
    <row r="594913" spans="14:14">
      <c r="N594913" s="10"/>
    </row>
    <row r="594914" spans="14:14">
      <c r="N594914" s="10"/>
    </row>
    <row r="594915" spans="14:14">
      <c r="N594915" s="10"/>
    </row>
    <row r="594916" spans="14:14">
      <c r="N594916" s="10"/>
    </row>
    <row r="594917" spans="14:14">
      <c r="N594917" s="10"/>
    </row>
    <row r="594918" spans="14:14">
      <c r="N594918" s="10"/>
    </row>
    <row r="594919" spans="14:14">
      <c r="N594919" s="10"/>
    </row>
    <row r="594920" spans="14:14">
      <c r="N594920" s="10"/>
    </row>
    <row r="594921" spans="14:14">
      <c r="N594921" s="10"/>
    </row>
    <row r="594922" spans="14:14">
      <c r="N594922" s="10"/>
    </row>
    <row r="594923" spans="14:14">
      <c r="N594923" s="10"/>
    </row>
    <row r="594924" spans="14:14">
      <c r="N594924" s="10"/>
    </row>
    <row r="594925" spans="14:14">
      <c r="N594925" s="10"/>
    </row>
    <row r="594926" spans="14:14">
      <c r="N594926" s="10"/>
    </row>
    <row r="594927" spans="14:14">
      <c r="N594927" s="10"/>
    </row>
    <row r="594928" spans="14:14">
      <c r="N594928" s="10"/>
    </row>
    <row r="594929" spans="14:14">
      <c r="N594929" s="10"/>
    </row>
    <row r="594930" spans="14:14">
      <c r="N594930" s="10"/>
    </row>
    <row r="594931" spans="14:14">
      <c r="N594931" s="10"/>
    </row>
    <row r="594932" spans="14:14">
      <c r="N594932" s="10"/>
    </row>
    <row r="594933" spans="14:14">
      <c r="N594933" s="10"/>
    </row>
    <row r="594934" spans="14:14">
      <c r="N594934" s="10"/>
    </row>
    <row r="594935" spans="14:14">
      <c r="N594935" s="10"/>
    </row>
    <row r="594936" spans="14:14">
      <c r="N594936" s="10"/>
    </row>
    <row r="594937" spans="14:14">
      <c r="N594937" s="10"/>
    </row>
    <row r="594938" spans="14:14">
      <c r="N594938" s="10"/>
    </row>
    <row r="594939" spans="14:14">
      <c r="N594939" s="10"/>
    </row>
    <row r="594940" spans="14:14">
      <c r="N594940" s="10"/>
    </row>
    <row r="594941" spans="14:14">
      <c r="N594941" s="10"/>
    </row>
    <row r="594942" spans="14:14">
      <c r="N594942" s="10"/>
    </row>
    <row r="594943" spans="14:14">
      <c r="N594943" s="10"/>
    </row>
    <row r="594944" spans="14:14">
      <c r="N594944" s="10"/>
    </row>
    <row r="594945" spans="14:14">
      <c r="N594945" s="10"/>
    </row>
    <row r="594946" spans="14:14">
      <c r="N594946" s="10"/>
    </row>
    <row r="594947" spans="14:14">
      <c r="N594947" s="10"/>
    </row>
    <row r="594948" spans="14:14">
      <c r="N594948" s="10"/>
    </row>
    <row r="594949" spans="14:14">
      <c r="N594949" s="10"/>
    </row>
    <row r="594950" spans="14:14">
      <c r="N594950" s="10"/>
    </row>
    <row r="594951" spans="14:14">
      <c r="N594951" s="10"/>
    </row>
    <row r="594952" spans="14:14">
      <c r="N594952" s="10"/>
    </row>
    <row r="594953" spans="14:14">
      <c r="N594953" s="10"/>
    </row>
    <row r="594954" spans="14:14">
      <c r="N594954" s="10"/>
    </row>
    <row r="594955" spans="14:14">
      <c r="N594955" s="10"/>
    </row>
    <row r="594956" spans="14:14">
      <c r="N594956" s="10"/>
    </row>
    <row r="594957" spans="14:14">
      <c r="N594957" s="10"/>
    </row>
    <row r="594958" spans="14:14">
      <c r="N594958" s="10"/>
    </row>
    <row r="594959" spans="14:14">
      <c r="N594959" s="10"/>
    </row>
    <row r="594960" spans="14:14">
      <c r="N594960" s="10"/>
    </row>
    <row r="594961" spans="14:14">
      <c r="N594961" s="10"/>
    </row>
    <row r="594962" spans="14:14">
      <c r="N594962" s="10"/>
    </row>
    <row r="594963" spans="14:14">
      <c r="N594963" s="10"/>
    </row>
    <row r="594964" spans="14:14">
      <c r="N594964" s="10"/>
    </row>
    <row r="594965" spans="14:14">
      <c r="N594965" s="10"/>
    </row>
    <row r="594966" spans="14:14">
      <c r="N594966" s="10"/>
    </row>
    <row r="594967" spans="14:14">
      <c r="N594967" s="10"/>
    </row>
    <row r="594968" spans="14:14">
      <c r="N594968" s="10"/>
    </row>
    <row r="594969" spans="14:14">
      <c r="N594969" s="10"/>
    </row>
    <row r="594970" spans="14:14">
      <c r="N594970" s="10"/>
    </row>
    <row r="594971" spans="14:14">
      <c r="N594971" s="10"/>
    </row>
    <row r="594972" spans="14:14">
      <c r="N594972" s="10"/>
    </row>
    <row r="594973" spans="14:14">
      <c r="N594973" s="10"/>
    </row>
    <row r="594974" spans="14:14">
      <c r="N594974" s="10"/>
    </row>
    <row r="594975" spans="14:14">
      <c r="N594975" s="10"/>
    </row>
    <row r="594976" spans="14:14">
      <c r="N594976" s="10"/>
    </row>
    <row r="594977" spans="14:14">
      <c r="N594977" s="10"/>
    </row>
    <row r="594978" spans="14:14">
      <c r="N594978" s="10"/>
    </row>
    <row r="594979" spans="14:14">
      <c r="N594979" s="10"/>
    </row>
    <row r="594980" spans="14:14">
      <c r="N594980" s="10"/>
    </row>
    <row r="594981" spans="14:14">
      <c r="N594981" s="10"/>
    </row>
    <row r="594982" spans="14:14">
      <c r="N594982" s="10"/>
    </row>
    <row r="594983" spans="14:14">
      <c r="N594983" s="10"/>
    </row>
    <row r="594984" spans="14:14">
      <c r="N594984" s="10"/>
    </row>
    <row r="594985" spans="14:14">
      <c r="N594985" s="10"/>
    </row>
    <row r="594986" spans="14:14">
      <c r="N594986" s="10"/>
    </row>
    <row r="594987" spans="14:14">
      <c r="N594987" s="10"/>
    </row>
    <row r="594988" spans="14:14">
      <c r="N594988" s="10"/>
    </row>
    <row r="594989" spans="14:14">
      <c r="N594989" s="10"/>
    </row>
    <row r="594990" spans="14:14">
      <c r="N594990" s="10"/>
    </row>
    <row r="594991" spans="14:14">
      <c r="N594991" s="10"/>
    </row>
    <row r="594992" spans="14:14">
      <c r="N594992" s="10"/>
    </row>
    <row r="594993" spans="14:14">
      <c r="N594993" s="10"/>
    </row>
    <row r="594994" spans="14:14">
      <c r="N594994" s="10"/>
    </row>
    <row r="594995" spans="14:14">
      <c r="N594995" s="10"/>
    </row>
    <row r="594996" spans="14:14">
      <c r="N594996" s="10"/>
    </row>
    <row r="594997" spans="14:14">
      <c r="N594997" s="10"/>
    </row>
    <row r="594998" spans="14:14">
      <c r="N594998" s="10"/>
    </row>
    <row r="594999" spans="14:14">
      <c r="N594999" s="10"/>
    </row>
    <row r="595000" spans="14:14">
      <c r="N595000" s="10"/>
    </row>
    <row r="595001" spans="14:14">
      <c r="N595001" s="10"/>
    </row>
    <row r="595002" spans="14:14">
      <c r="N595002" s="10"/>
    </row>
    <row r="595003" spans="14:14">
      <c r="N595003" s="10"/>
    </row>
    <row r="595004" spans="14:14">
      <c r="N595004" s="10"/>
    </row>
    <row r="595005" spans="14:14">
      <c r="N595005" s="10"/>
    </row>
    <row r="595006" spans="14:14">
      <c r="N595006" s="10"/>
    </row>
    <row r="595007" spans="14:14">
      <c r="N595007" s="10"/>
    </row>
    <row r="595008" spans="14:14">
      <c r="N595008" s="10"/>
    </row>
    <row r="595009" spans="14:14">
      <c r="N595009" s="10"/>
    </row>
    <row r="595010" spans="14:14">
      <c r="N595010" s="10"/>
    </row>
    <row r="595011" spans="14:14">
      <c r="N595011" s="10"/>
    </row>
    <row r="595012" spans="14:14">
      <c r="N595012" s="10"/>
    </row>
    <row r="595013" spans="14:14">
      <c r="N595013" s="10"/>
    </row>
    <row r="595014" spans="14:14">
      <c r="N595014" s="10"/>
    </row>
    <row r="595015" spans="14:14">
      <c r="N595015" s="10"/>
    </row>
    <row r="595016" spans="14:14">
      <c r="N595016" s="10"/>
    </row>
    <row r="595017" spans="14:14">
      <c r="N595017" s="10"/>
    </row>
    <row r="595018" spans="14:14">
      <c r="N595018" s="10"/>
    </row>
    <row r="595019" spans="14:14">
      <c r="N595019" s="10"/>
    </row>
    <row r="595020" spans="14:14">
      <c r="N595020" s="10"/>
    </row>
    <row r="595021" spans="14:14">
      <c r="N595021" s="10"/>
    </row>
    <row r="595022" spans="14:14">
      <c r="N595022" s="10"/>
    </row>
    <row r="595023" spans="14:14">
      <c r="N595023" s="10"/>
    </row>
    <row r="595024" spans="14:14">
      <c r="N595024" s="10"/>
    </row>
    <row r="595025" spans="14:14">
      <c r="N595025" s="10"/>
    </row>
    <row r="595026" spans="14:14">
      <c r="N595026" s="10"/>
    </row>
    <row r="595027" spans="14:14">
      <c r="N595027" s="10"/>
    </row>
    <row r="595028" spans="14:14">
      <c r="N595028" s="10"/>
    </row>
    <row r="595029" spans="14:14">
      <c r="N595029" s="10"/>
    </row>
    <row r="595030" spans="14:14">
      <c r="N595030" s="10"/>
    </row>
    <row r="595031" spans="14:14">
      <c r="N595031" s="10"/>
    </row>
    <row r="595032" spans="14:14">
      <c r="N595032" s="10"/>
    </row>
    <row r="595033" spans="14:14">
      <c r="N595033" s="10"/>
    </row>
    <row r="595034" spans="14:14">
      <c r="N595034" s="10"/>
    </row>
    <row r="595035" spans="14:14">
      <c r="N595035" s="10"/>
    </row>
    <row r="595036" spans="14:14">
      <c r="N595036" s="10"/>
    </row>
    <row r="595037" spans="14:14">
      <c r="N595037" s="10"/>
    </row>
    <row r="595038" spans="14:14">
      <c r="N595038" s="10"/>
    </row>
    <row r="595039" spans="14:14">
      <c r="N595039" s="10"/>
    </row>
    <row r="595040" spans="14:14">
      <c r="N595040" s="10"/>
    </row>
    <row r="595041" spans="14:14">
      <c r="N595041" s="10"/>
    </row>
    <row r="595042" spans="14:14">
      <c r="N595042" s="10"/>
    </row>
    <row r="595043" spans="14:14">
      <c r="N595043" s="10"/>
    </row>
    <row r="595044" spans="14:14">
      <c r="N595044" s="10"/>
    </row>
    <row r="595045" spans="14:14">
      <c r="N595045" s="10"/>
    </row>
    <row r="595046" spans="14:14">
      <c r="N595046" s="10"/>
    </row>
    <row r="595047" spans="14:14">
      <c r="N595047" s="10"/>
    </row>
    <row r="595048" spans="14:14">
      <c r="N595048" s="10"/>
    </row>
    <row r="595049" spans="14:14">
      <c r="N595049" s="10"/>
    </row>
    <row r="595050" spans="14:14">
      <c r="N595050" s="10"/>
    </row>
    <row r="595051" spans="14:14">
      <c r="N595051" s="10"/>
    </row>
    <row r="595052" spans="14:14">
      <c r="N595052" s="10"/>
    </row>
    <row r="595053" spans="14:14">
      <c r="N595053" s="10"/>
    </row>
    <row r="595054" spans="14:14">
      <c r="N595054" s="10"/>
    </row>
    <row r="595055" spans="14:14">
      <c r="N595055" s="10"/>
    </row>
    <row r="595056" spans="14:14">
      <c r="N595056" s="10"/>
    </row>
    <row r="595057" spans="14:14">
      <c r="N595057" s="10"/>
    </row>
    <row r="595058" spans="14:14">
      <c r="N595058" s="10"/>
    </row>
    <row r="595059" spans="14:14">
      <c r="N595059" s="10"/>
    </row>
    <row r="595060" spans="14:14">
      <c r="N595060" s="10"/>
    </row>
    <row r="595061" spans="14:14">
      <c r="N595061" s="10"/>
    </row>
    <row r="595062" spans="14:14">
      <c r="N595062" s="10"/>
    </row>
    <row r="595063" spans="14:14">
      <c r="N595063" s="10"/>
    </row>
    <row r="595064" spans="14:14">
      <c r="N595064" s="10"/>
    </row>
    <row r="595065" spans="14:14">
      <c r="N595065" s="10"/>
    </row>
    <row r="595066" spans="14:14">
      <c r="N595066" s="10"/>
    </row>
    <row r="595067" spans="14:14">
      <c r="N595067" s="10"/>
    </row>
    <row r="595068" spans="14:14">
      <c r="N595068" s="10"/>
    </row>
    <row r="595069" spans="14:14">
      <c r="N595069" s="10"/>
    </row>
    <row r="595070" spans="14:14">
      <c r="N595070" s="10"/>
    </row>
    <row r="595071" spans="14:14">
      <c r="N595071" s="10"/>
    </row>
    <row r="595072" spans="14:14">
      <c r="N595072" s="10"/>
    </row>
    <row r="595073" spans="14:14">
      <c r="N595073" s="10"/>
    </row>
    <row r="595074" spans="14:14">
      <c r="N595074" s="10"/>
    </row>
    <row r="595075" spans="14:14">
      <c r="N595075" s="10"/>
    </row>
    <row r="595076" spans="14:14">
      <c r="N595076" s="10"/>
    </row>
    <row r="595077" spans="14:14">
      <c r="N595077" s="10"/>
    </row>
    <row r="595078" spans="14:14">
      <c r="N595078" s="10"/>
    </row>
    <row r="595079" spans="14:14">
      <c r="N595079" s="10"/>
    </row>
    <row r="595080" spans="14:14">
      <c r="N595080" s="10"/>
    </row>
    <row r="595081" spans="14:14">
      <c r="N595081" s="10"/>
    </row>
    <row r="595082" spans="14:14">
      <c r="N595082" s="10"/>
    </row>
    <row r="595083" spans="14:14">
      <c r="N595083" s="10"/>
    </row>
    <row r="595084" spans="14:14">
      <c r="N595084" s="10"/>
    </row>
    <row r="595085" spans="14:14">
      <c r="N595085" s="10"/>
    </row>
    <row r="595086" spans="14:14">
      <c r="N595086" s="10"/>
    </row>
    <row r="595087" spans="14:14">
      <c r="N595087" s="10"/>
    </row>
    <row r="595088" spans="14:14">
      <c r="N595088" s="10"/>
    </row>
    <row r="595089" spans="14:14">
      <c r="N595089" s="10"/>
    </row>
    <row r="595090" spans="14:14">
      <c r="N595090" s="10"/>
    </row>
    <row r="595091" spans="14:14">
      <c r="N595091" s="10"/>
    </row>
    <row r="595092" spans="14:14">
      <c r="N595092" s="10"/>
    </row>
    <row r="595093" spans="14:14">
      <c r="N595093" s="10"/>
    </row>
    <row r="595094" spans="14:14">
      <c r="N595094" s="10"/>
    </row>
    <row r="595095" spans="14:14">
      <c r="N595095" s="10"/>
    </row>
    <row r="595096" spans="14:14">
      <c r="N595096" s="10"/>
    </row>
    <row r="595097" spans="14:14">
      <c r="N595097" s="10"/>
    </row>
    <row r="595098" spans="14:14">
      <c r="N595098" s="10"/>
    </row>
    <row r="595099" spans="14:14">
      <c r="N595099" s="10"/>
    </row>
    <row r="595100" spans="14:14">
      <c r="N595100" s="10"/>
    </row>
    <row r="595101" spans="14:14">
      <c r="N595101" s="10"/>
    </row>
    <row r="595102" spans="14:14">
      <c r="N595102" s="10"/>
    </row>
    <row r="595103" spans="14:14">
      <c r="N595103" s="10"/>
    </row>
    <row r="595104" spans="14:14">
      <c r="N595104" s="10"/>
    </row>
    <row r="595105" spans="14:14">
      <c r="N595105" s="10"/>
    </row>
    <row r="595106" spans="14:14">
      <c r="N595106" s="10"/>
    </row>
    <row r="595107" spans="14:14">
      <c r="N595107" s="10"/>
    </row>
    <row r="595108" spans="14:14">
      <c r="N595108" s="10"/>
    </row>
    <row r="595109" spans="14:14">
      <c r="N595109" s="10"/>
    </row>
    <row r="595110" spans="14:14">
      <c r="N595110" s="10"/>
    </row>
    <row r="595111" spans="14:14">
      <c r="N595111" s="10"/>
    </row>
    <row r="595112" spans="14:14">
      <c r="N595112" s="10"/>
    </row>
    <row r="595113" spans="14:14">
      <c r="N595113" s="10"/>
    </row>
    <row r="595114" spans="14:14">
      <c r="N595114" s="10"/>
    </row>
    <row r="595115" spans="14:14">
      <c r="N595115" s="10"/>
    </row>
    <row r="595116" spans="14:14">
      <c r="N595116" s="10"/>
    </row>
    <row r="595117" spans="14:14">
      <c r="N595117" s="10"/>
    </row>
    <row r="595118" spans="14:14">
      <c r="N595118" s="10"/>
    </row>
    <row r="595119" spans="14:14">
      <c r="N595119" s="10"/>
    </row>
    <row r="595120" spans="14:14">
      <c r="N595120" s="10"/>
    </row>
    <row r="595121" spans="14:14">
      <c r="N595121" s="10"/>
    </row>
    <row r="595122" spans="14:14">
      <c r="N595122" s="10"/>
    </row>
    <row r="595123" spans="14:14">
      <c r="N595123" s="10"/>
    </row>
    <row r="595124" spans="14:14">
      <c r="N595124" s="10"/>
    </row>
    <row r="595125" spans="14:14">
      <c r="N595125" s="10"/>
    </row>
    <row r="595126" spans="14:14">
      <c r="N595126" s="10"/>
    </row>
    <row r="595127" spans="14:14">
      <c r="N595127" s="10"/>
    </row>
    <row r="595128" spans="14:14">
      <c r="N595128" s="10"/>
    </row>
    <row r="595129" spans="14:14">
      <c r="N595129" s="10"/>
    </row>
    <row r="595130" spans="14:14">
      <c r="N595130" s="10"/>
    </row>
    <row r="595131" spans="14:14">
      <c r="N595131" s="10"/>
    </row>
    <row r="595132" spans="14:14">
      <c r="N595132" s="10"/>
    </row>
    <row r="595133" spans="14:14">
      <c r="N595133" s="10"/>
    </row>
    <row r="595134" spans="14:14">
      <c r="N595134" s="10"/>
    </row>
    <row r="595135" spans="14:14">
      <c r="N595135" s="10"/>
    </row>
    <row r="595136" spans="14:14">
      <c r="N595136" s="10"/>
    </row>
    <row r="595137" spans="14:14">
      <c r="N595137" s="10"/>
    </row>
    <row r="595138" spans="14:14">
      <c r="N595138" s="10"/>
    </row>
    <row r="595139" spans="14:14">
      <c r="N595139" s="10"/>
    </row>
    <row r="595140" spans="14:14">
      <c r="N595140" s="10"/>
    </row>
    <row r="595141" spans="14:14">
      <c r="N595141" s="10"/>
    </row>
    <row r="595142" spans="14:14">
      <c r="N595142" s="10"/>
    </row>
    <row r="595143" spans="14:14">
      <c r="N595143" s="10"/>
    </row>
    <row r="595144" spans="14:14">
      <c r="N595144" s="10"/>
    </row>
    <row r="595145" spans="14:14">
      <c r="N595145" s="10"/>
    </row>
    <row r="595146" spans="14:14">
      <c r="N595146" s="10"/>
    </row>
    <row r="595147" spans="14:14">
      <c r="N595147" s="10"/>
    </row>
    <row r="595148" spans="14:14">
      <c r="N595148" s="10"/>
    </row>
    <row r="595149" spans="14:14">
      <c r="N595149" s="10"/>
    </row>
    <row r="595150" spans="14:14">
      <c r="N595150" s="10"/>
    </row>
    <row r="595151" spans="14:14">
      <c r="N595151" s="10"/>
    </row>
    <row r="595152" spans="14:14">
      <c r="N595152" s="10"/>
    </row>
    <row r="595153" spans="14:14">
      <c r="N595153" s="10"/>
    </row>
    <row r="595154" spans="14:14">
      <c r="N595154" s="10"/>
    </row>
    <row r="595155" spans="14:14">
      <c r="N595155" s="10"/>
    </row>
    <row r="595156" spans="14:14">
      <c r="N595156" s="10"/>
    </row>
    <row r="595157" spans="14:14">
      <c r="N595157" s="10"/>
    </row>
    <row r="595158" spans="14:14">
      <c r="N595158" s="10"/>
    </row>
    <row r="595159" spans="14:14">
      <c r="N595159" s="10"/>
    </row>
    <row r="595160" spans="14:14">
      <c r="N595160" s="10"/>
    </row>
    <row r="595161" spans="14:14">
      <c r="N595161" s="10"/>
    </row>
    <row r="595162" spans="14:14">
      <c r="N595162" s="10"/>
    </row>
    <row r="595163" spans="14:14">
      <c r="N595163" s="10"/>
    </row>
    <row r="595164" spans="14:14">
      <c r="N595164" s="10"/>
    </row>
    <row r="595165" spans="14:14">
      <c r="N595165" s="10"/>
    </row>
    <row r="595166" spans="14:14">
      <c r="N595166" s="10"/>
    </row>
    <row r="595167" spans="14:14">
      <c r="N595167" s="10"/>
    </row>
    <row r="595168" spans="14:14">
      <c r="N595168" s="10"/>
    </row>
    <row r="595169" spans="14:14">
      <c r="N595169" s="10"/>
    </row>
    <row r="595170" spans="14:14">
      <c r="N595170" s="10"/>
    </row>
    <row r="595171" spans="14:14">
      <c r="N595171" s="10"/>
    </row>
    <row r="595172" spans="14:14">
      <c r="N595172" s="10"/>
    </row>
    <row r="595173" spans="14:14">
      <c r="N595173" s="10"/>
    </row>
    <row r="595174" spans="14:14">
      <c r="N595174" s="10"/>
    </row>
    <row r="595175" spans="14:14">
      <c r="N595175" s="10"/>
    </row>
    <row r="595176" spans="14:14">
      <c r="N595176" s="10"/>
    </row>
    <row r="595177" spans="14:14">
      <c r="N595177" s="10"/>
    </row>
    <row r="595178" spans="14:14">
      <c r="N595178" s="10"/>
    </row>
    <row r="595179" spans="14:14">
      <c r="N595179" s="10"/>
    </row>
    <row r="595180" spans="14:14">
      <c r="N595180" s="10"/>
    </row>
    <row r="595181" spans="14:14">
      <c r="N595181" s="10"/>
    </row>
    <row r="595182" spans="14:14">
      <c r="N595182" s="10"/>
    </row>
    <row r="595183" spans="14:14">
      <c r="N595183" s="10"/>
    </row>
    <row r="595184" spans="14:14">
      <c r="N595184" s="10"/>
    </row>
    <row r="595185" spans="14:14">
      <c r="N595185" s="10"/>
    </row>
    <row r="595186" spans="14:14">
      <c r="N595186" s="10"/>
    </row>
    <row r="595187" spans="14:14">
      <c r="N595187" s="10"/>
    </row>
    <row r="595188" spans="14:14">
      <c r="N595188" s="10"/>
    </row>
    <row r="595189" spans="14:14">
      <c r="N595189" s="10"/>
    </row>
    <row r="595190" spans="14:14">
      <c r="N595190" s="10"/>
    </row>
    <row r="595191" spans="14:14">
      <c r="N595191" s="10"/>
    </row>
    <row r="595192" spans="14:14">
      <c r="N595192" s="10"/>
    </row>
    <row r="595193" spans="14:14">
      <c r="N595193" s="10"/>
    </row>
    <row r="595194" spans="14:14">
      <c r="N595194" s="10"/>
    </row>
    <row r="595195" spans="14:14">
      <c r="N595195" s="10"/>
    </row>
    <row r="595196" spans="14:14">
      <c r="N595196" s="10"/>
    </row>
    <row r="595197" spans="14:14">
      <c r="N595197" s="10"/>
    </row>
    <row r="595198" spans="14:14">
      <c r="N595198" s="10"/>
    </row>
    <row r="595199" spans="14:14">
      <c r="N595199" s="10"/>
    </row>
    <row r="595200" spans="14:14">
      <c r="N595200" s="10"/>
    </row>
    <row r="595201" spans="14:14">
      <c r="N595201" s="10"/>
    </row>
    <row r="595202" spans="14:14">
      <c r="N595202" s="10"/>
    </row>
    <row r="595203" spans="14:14">
      <c r="N595203" s="10"/>
    </row>
    <row r="595204" spans="14:14">
      <c r="N595204" s="10"/>
    </row>
    <row r="595205" spans="14:14">
      <c r="N595205" s="10"/>
    </row>
    <row r="595206" spans="14:14">
      <c r="N595206" s="10"/>
    </row>
    <row r="595207" spans="14:14">
      <c r="N595207" s="10"/>
    </row>
    <row r="595208" spans="14:14">
      <c r="N595208" s="10"/>
    </row>
    <row r="595209" spans="14:14">
      <c r="N595209" s="10"/>
    </row>
    <row r="595210" spans="14:14">
      <c r="N595210" s="10"/>
    </row>
    <row r="595211" spans="14:14">
      <c r="N595211" s="10"/>
    </row>
    <row r="595212" spans="14:14">
      <c r="N595212" s="10"/>
    </row>
    <row r="595213" spans="14:14">
      <c r="N595213" s="10"/>
    </row>
    <row r="595214" spans="14:14">
      <c r="N595214" s="10"/>
    </row>
    <row r="595215" spans="14:14">
      <c r="N595215" s="10"/>
    </row>
    <row r="595216" spans="14:14">
      <c r="N595216" s="10"/>
    </row>
    <row r="595217" spans="14:14">
      <c r="N595217" s="10"/>
    </row>
    <row r="595218" spans="14:14">
      <c r="N595218" s="10"/>
    </row>
    <row r="595219" spans="14:14">
      <c r="N595219" s="10"/>
    </row>
    <row r="595220" spans="14:14">
      <c r="N595220" s="10"/>
    </row>
    <row r="595221" spans="14:14">
      <c r="N595221" s="10"/>
    </row>
    <row r="595222" spans="14:14">
      <c r="N595222" s="10"/>
    </row>
    <row r="595223" spans="14:14">
      <c r="N595223" s="10"/>
    </row>
    <row r="595224" spans="14:14">
      <c r="N595224" s="10"/>
    </row>
    <row r="595225" spans="14:14">
      <c r="N595225" s="10"/>
    </row>
    <row r="595226" spans="14:14">
      <c r="N595226" s="10"/>
    </row>
    <row r="595227" spans="14:14">
      <c r="N595227" s="10"/>
    </row>
    <row r="595228" spans="14:14">
      <c r="N595228" s="10"/>
    </row>
    <row r="595229" spans="14:14">
      <c r="N595229" s="10"/>
    </row>
    <row r="595230" spans="14:14">
      <c r="N595230" s="10"/>
    </row>
    <row r="595231" spans="14:14">
      <c r="N595231" s="10"/>
    </row>
    <row r="595232" spans="14:14">
      <c r="N595232" s="10"/>
    </row>
    <row r="595233" spans="14:14">
      <c r="N595233" s="10"/>
    </row>
    <row r="595234" spans="14:14">
      <c r="N595234" s="10"/>
    </row>
    <row r="595235" spans="14:14">
      <c r="N595235" s="10"/>
    </row>
    <row r="595236" spans="14:14">
      <c r="N595236" s="10"/>
    </row>
    <row r="595237" spans="14:14">
      <c r="N595237" s="10"/>
    </row>
    <row r="595238" spans="14:14">
      <c r="N595238" s="10"/>
    </row>
    <row r="595239" spans="14:14">
      <c r="N595239" s="10"/>
    </row>
    <row r="595240" spans="14:14">
      <c r="N595240" s="10"/>
    </row>
    <row r="595241" spans="14:14">
      <c r="N595241" s="10"/>
    </row>
    <row r="595242" spans="14:14">
      <c r="N595242" s="10"/>
    </row>
    <row r="595243" spans="14:14">
      <c r="N595243" s="10"/>
    </row>
    <row r="595244" spans="14:14">
      <c r="N595244" s="10"/>
    </row>
    <row r="595245" spans="14:14">
      <c r="N595245" s="10"/>
    </row>
    <row r="595246" spans="14:14">
      <c r="N595246" s="10"/>
    </row>
    <row r="595247" spans="14:14">
      <c r="N595247" s="10"/>
    </row>
    <row r="595248" spans="14:14">
      <c r="N595248" s="10"/>
    </row>
    <row r="595249" spans="14:14">
      <c r="N595249" s="10"/>
    </row>
    <row r="595250" spans="14:14">
      <c r="N595250" s="10"/>
    </row>
    <row r="595251" spans="14:14">
      <c r="N595251" s="10"/>
    </row>
    <row r="595252" spans="14:14">
      <c r="N595252" s="10"/>
    </row>
    <row r="595253" spans="14:14">
      <c r="N595253" s="10"/>
    </row>
    <row r="595254" spans="14:14">
      <c r="N595254" s="10"/>
    </row>
    <row r="595255" spans="14:14">
      <c r="N595255" s="10"/>
    </row>
    <row r="595256" spans="14:14">
      <c r="N595256" s="10"/>
    </row>
    <row r="595257" spans="14:14">
      <c r="N595257" s="10"/>
    </row>
    <row r="595258" spans="14:14">
      <c r="N595258" s="10"/>
    </row>
    <row r="595259" spans="14:14">
      <c r="N595259" s="10"/>
    </row>
    <row r="595260" spans="14:14">
      <c r="N595260" s="10"/>
    </row>
    <row r="595261" spans="14:14">
      <c r="N595261" s="10"/>
    </row>
    <row r="595262" spans="14:14">
      <c r="N595262" s="10"/>
    </row>
    <row r="595263" spans="14:14">
      <c r="N595263" s="10"/>
    </row>
    <row r="595264" spans="14:14">
      <c r="N595264" s="10"/>
    </row>
    <row r="595265" spans="14:14">
      <c r="N595265" s="10"/>
    </row>
    <row r="595266" spans="14:14">
      <c r="N595266" s="10"/>
    </row>
    <row r="595267" spans="14:14">
      <c r="N595267" s="10"/>
    </row>
    <row r="595268" spans="14:14">
      <c r="N595268" s="10"/>
    </row>
    <row r="595269" spans="14:14">
      <c r="N595269" s="10"/>
    </row>
    <row r="595270" spans="14:14">
      <c r="N595270" s="10"/>
    </row>
    <row r="595271" spans="14:14">
      <c r="N595271" s="10"/>
    </row>
    <row r="595272" spans="14:14">
      <c r="N595272" s="10"/>
    </row>
    <row r="595273" spans="14:14">
      <c r="N595273" s="10"/>
    </row>
    <row r="595274" spans="14:14">
      <c r="N595274" s="10"/>
    </row>
    <row r="595275" spans="14:14">
      <c r="N595275" s="10"/>
    </row>
    <row r="595276" spans="14:14">
      <c r="N595276" s="10"/>
    </row>
    <row r="595277" spans="14:14">
      <c r="N595277" s="10"/>
    </row>
    <row r="595278" spans="14:14">
      <c r="N595278" s="10"/>
    </row>
    <row r="595279" spans="14:14">
      <c r="N595279" s="10"/>
    </row>
    <row r="595280" spans="14:14">
      <c r="N595280" s="10"/>
    </row>
    <row r="595281" spans="14:14">
      <c r="N595281" s="10"/>
    </row>
    <row r="595282" spans="14:14">
      <c r="N595282" s="10"/>
    </row>
    <row r="595283" spans="14:14">
      <c r="N595283" s="10"/>
    </row>
    <row r="595284" spans="14:14">
      <c r="N595284" s="10"/>
    </row>
    <row r="595285" spans="14:14">
      <c r="N595285" s="10"/>
    </row>
    <row r="595286" spans="14:14">
      <c r="N595286" s="10"/>
    </row>
    <row r="595287" spans="14:14">
      <c r="N595287" s="10"/>
    </row>
    <row r="595288" spans="14:14">
      <c r="N595288" s="10"/>
    </row>
    <row r="595289" spans="14:14">
      <c r="N595289" s="10"/>
    </row>
    <row r="595290" spans="14:14">
      <c r="N595290" s="10"/>
    </row>
    <row r="595291" spans="14:14">
      <c r="N595291" s="10"/>
    </row>
    <row r="595292" spans="14:14">
      <c r="N595292" s="10"/>
    </row>
    <row r="595293" spans="14:14">
      <c r="N595293" s="10"/>
    </row>
    <row r="595294" spans="14:14">
      <c r="N595294" s="10"/>
    </row>
    <row r="595295" spans="14:14">
      <c r="N595295" s="10"/>
    </row>
    <row r="595296" spans="14:14">
      <c r="N595296" s="10"/>
    </row>
    <row r="595297" spans="14:14">
      <c r="N595297" s="10"/>
    </row>
    <row r="595298" spans="14:14">
      <c r="N595298" s="10"/>
    </row>
    <row r="595299" spans="14:14">
      <c r="N595299" s="10"/>
    </row>
    <row r="595300" spans="14:14">
      <c r="N595300" s="10"/>
    </row>
    <row r="595301" spans="14:14">
      <c r="N595301" s="10"/>
    </row>
    <row r="595302" spans="14:14">
      <c r="N595302" s="10"/>
    </row>
    <row r="595303" spans="14:14">
      <c r="N595303" s="10"/>
    </row>
    <row r="595304" spans="14:14">
      <c r="N595304" s="10"/>
    </row>
    <row r="595305" spans="14:14">
      <c r="N595305" s="10"/>
    </row>
    <row r="595306" spans="14:14">
      <c r="N595306" s="10"/>
    </row>
    <row r="595307" spans="14:14">
      <c r="N595307" s="10"/>
    </row>
    <row r="595308" spans="14:14">
      <c r="N595308" s="10"/>
    </row>
    <row r="595309" spans="14:14">
      <c r="N595309" s="10"/>
    </row>
    <row r="595310" spans="14:14">
      <c r="N595310" s="10"/>
    </row>
    <row r="595311" spans="14:14">
      <c r="N595311" s="10"/>
    </row>
    <row r="595312" spans="14:14">
      <c r="N595312" s="10"/>
    </row>
    <row r="595313" spans="14:14">
      <c r="N595313" s="10"/>
    </row>
    <row r="595314" spans="14:14">
      <c r="N595314" s="10"/>
    </row>
    <row r="595315" spans="14:14">
      <c r="N595315" s="10"/>
    </row>
    <row r="595316" spans="14:14">
      <c r="N595316" s="10"/>
    </row>
    <row r="595317" spans="14:14">
      <c r="N595317" s="10"/>
    </row>
    <row r="595318" spans="14:14">
      <c r="N595318" s="10"/>
    </row>
    <row r="595319" spans="14:14">
      <c r="N595319" s="10"/>
    </row>
    <row r="595320" spans="14:14">
      <c r="N595320" s="10"/>
    </row>
    <row r="595321" spans="14:14">
      <c r="N595321" s="10"/>
    </row>
    <row r="595322" spans="14:14">
      <c r="N595322" s="10"/>
    </row>
    <row r="595323" spans="14:14">
      <c r="N595323" s="10"/>
    </row>
    <row r="595324" spans="14:14">
      <c r="N595324" s="10"/>
    </row>
    <row r="595325" spans="14:14">
      <c r="N595325" s="10"/>
    </row>
    <row r="595326" spans="14:14">
      <c r="N595326" s="10"/>
    </row>
    <row r="595327" spans="14:14">
      <c r="N595327" s="10"/>
    </row>
    <row r="595328" spans="14:14">
      <c r="N595328" s="10"/>
    </row>
    <row r="595329" spans="14:14">
      <c r="N595329" s="10"/>
    </row>
    <row r="595330" spans="14:14">
      <c r="N595330" s="10"/>
    </row>
    <row r="595331" spans="14:14">
      <c r="N595331" s="10"/>
    </row>
    <row r="595332" spans="14:14">
      <c r="N595332" s="10"/>
    </row>
    <row r="595333" spans="14:14">
      <c r="N595333" s="10"/>
    </row>
    <row r="595334" spans="14:14">
      <c r="N595334" s="10"/>
    </row>
    <row r="595335" spans="14:14">
      <c r="N595335" s="10"/>
    </row>
    <row r="595336" spans="14:14">
      <c r="N595336" s="10"/>
    </row>
    <row r="595337" spans="14:14">
      <c r="N595337" s="10"/>
    </row>
    <row r="595338" spans="14:14">
      <c r="N595338" s="10"/>
    </row>
    <row r="595339" spans="14:14">
      <c r="N595339" s="10"/>
    </row>
    <row r="595340" spans="14:14">
      <c r="N595340" s="10"/>
    </row>
    <row r="595341" spans="14:14">
      <c r="N595341" s="10"/>
    </row>
    <row r="595342" spans="14:14">
      <c r="N595342" s="10"/>
    </row>
    <row r="595343" spans="14:14">
      <c r="N595343" s="10"/>
    </row>
    <row r="595344" spans="14:14">
      <c r="N595344" s="10"/>
    </row>
    <row r="595345" spans="14:14">
      <c r="N595345" s="10"/>
    </row>
    <row r="595346" spans="14:14">
      <c r="N595346" s="10"/>
    </row>
    <row r="595347" spans="14:14">
      <c r="N595347" s="10"/>
    </row>
    <row r="595348" spans="14:14">
      <c r="N595348" s="10"/>
    </row>
    <row r="595349" spans="14:14">
      <c r="N595349" s="10"/>
    </row>
    <row r="595350" spans="14:14">
      <c r="N595350" s="10"/>
    </row>
    <row r="595351" spans="14:14">
      <c r="N595351" s="10"/>
    </row>
    <row r="595352" spans="14:14">
      <c r="N595352" s="10"/>
    </row>
    <row r="595353" spans="14:14">
      <c r="N595353" s="10"/>
    </row>
    <row r="595354" spans="14:14">
      <c r="N595354" s="10"/>
    </row>
    <row r="595355" spans="14:14">
      <c r="N595355" s="10"/>
    </row>
    <row r="595356" spans="14:14">
      <c r="N595356" s="10"/>
    </row>
    <row r="595357" spans="14:14">
      <c r="N595357" s="10"/>
    </row>
    <row r="595358" spans="14:14">
      <c r="N595358" s="10"/>
    </row>
    <row r="595359" spans="14:14">
      <c r="N595359" s="10"/>
    </row>
    <row r="595360" spans="14:14">
      <c r="N595360" s="10"/>
    </row>
    <row r="595361" spans="14:14">
      <c r="N595361" s="10"/>
    </row>
    <row r="595362" spans="14:14">
      <c r="N595362" s="10"/>
    </row>
    <row r="595363" spans="14:14">
      <c r="N595363" s="10"/>
    </row>
    <row r="595364" spans="14:14">
      <c r="N595364" s="10"/>
    </row>
    <row r="595365" spans="14:14">
      <c r="N595365" s="10"/>
    </row>
    <row r="595366" spans="14:14">
      <c r="N595366" s="10"/>
    </row>
    <row r="595367" spans="14:14">
      <c r="N595367" s="10"/>
    </row>
    <row r="595368" spans="14:14">
      <c r="N595368" s="10"/>
    </row>
    <row r="595369" spans="14:14">
      <c r="N595369" s="10"/>
    </row>
    <row r="595370" spans="14:14">
      <c r="N595370" s="10"/>
    </row>
    <row r="595371" spans="14:14">
      <c r="N595371" s="10"/>
    </row>
    <row r="595372" spans="14:14">
      <c r="N595372" s="10"/>
    </row>
    <row r="595373" spans="14:14">
      <c r="N595373" s="10"/>
    </row>
    <row r="595374" spans="14:14">
      <c r="N595374" s="10"/>
    </row>
    <row r="595375" spans="14:14">
      <c r="N595375" s="10"/>
    </row>
    <row r="595376" spans="14:14">
      <c r="N595376" s="10"/>
    </row>
    <row r="595377" spans="14:14">
      <c r="N595377" s="10"/>
    </row>
    <row r="595378" spans="14:14">
      <c r="N595378" s="10"/>
    </row>
    <row r="595379" spans="14:14">
      <c r="N595379" s="10"/>
    </row>
    <row r="595380" spans="14:14">
      <c r="N595380" s="10"/>
    </row>
    <row r="595381" spans="14:14">
      <c r="N595381" s="10"/>
    </row>
    <row r="595382" spans="14:14">
      <c r="N595382" s="10"/>
    </row>
    <row r="595383" spans="14:14">
      <c r="N595383" s="10"/>
    </row>
    <row r="595384" spans="14:14">
      <c r="N595384" s="10"/>
    </row>
    <row r="595385" spans="14:14">
      <c r="N595385" s="10"/>
    </row>
    <row r="595386" spans="14:14">
      <c r="N595386" s="10"/>
    </row>
    <row r="595387" spans="14:14">
      <c r="N595387" s="10"/>
    </row>
    <row r="595388" spans="14:14">
      <c r="N595388" s="10"/>
    </row>
    <row r="595389" spans="14:14">
      <c r="N595389" s="10"/>
    </row>
    <row r="595390" spans="14:14">
      <c r="N595390" s="10"/>
    </row>
    <row r="595391" spans="14:14">
      <c r="N595391" s="10"/>
    </row>
    <row r="595392" spans="14:14">
      <c r="N595392" s="10"/>
    </row>
    <row r="595393" spans="14:14">
      <c r="N595393" s="10"/>
    </row>
    <row r="595394" spans="14:14">
      <c r="N595394" s="10"/>
    </row>
    <row r="595395" spans="14:14">
      <c r="N595395" s="10"/>
    </row>
    <row r="595396" spans="14:14">
      <c r="N595396" s="10"/>
    </row>
    <row r="595397" spans="14:14">
      <c r="N595397" s="10"/>
    </row>
    <row r="595398" spans="14:14">
      <c r="N595398" s="10"/>
    </row>
    <row r="595399" spans="14:14">
      <c r="N595399" s="10"/>
    </row>
    <row r="595400" spans="14:14">
      <c r="N595400" s="10"/>
    </row>
    <row r="595401" spans="14:14">
      <c r="N595401" s="10"/>
    </row>
    <row r="595402" spans="14:14">
      <c r="N595402" s="10"/>
    </row>
    <row r="595403" spans="14:14">
      <c r="N595403" s="10"/>
    </row>
    <row r="595404" spans="14:14">
      <c r="N595404" s="10"/>
    </row>
    <row r="595405" spans="14:14">
      <c r="N595405" s="10"/>
    </row>
    <row r="595406" spans="14:14">
      <c r="N595406" s="10"/>
    </row>
    <row r="595407" spans="14:14">
      <c r="N595407" s="10"/>
    </row>
    <row r="595408" spans="14:14">
      <c r="N595408" s="10"/>
    </row>
    <row r="595409" spans="14:14">
      <c r="N595409" s="10"/>
    </row>
    <row r="595410" spans="14:14">
      <c r="N595410" s="10"/>
    </row>
    <row r="595411" spans="14:14">
      <c r="N595411" s="10"/>
    </row>
    <row r="595412" spans="14:14">
      <c r="N595412" s="10"/>
    </row>
    <row r="595413" spans="14:14">
      <c r="N595413" s="10"/>
    </row>
    <row r="595414" spans="14:14">
      <c r="N595414" s="10"/>
    </row>
    <row r="595415" spans="14:14">
      <c r="N595415" s="10"/>
    </row>
    <row r="595416" spans="14:14">
      <c r="N595416" s="10"/>
    </row>
    <row r="595417" spans="14:14">
      <c r="N595417" s="10"/>
    </row>
    <row r="595418" spans="14:14">
      <c r="N595418" s="10"/>
    </row>
    <row r="595419" spans="14:14">
      <c r="N595419" s="10"/>
    </row>
    <row r="595420" spans="14:14">
      <c r="N595420" s="10"/>
    </row>
    <row r="595421" spans="14:14">
      <c r="N595421" s="10"/>
    </row>
    <row r="595422" spans="14:14">
      <c r="N595422" s="10"/>
    </row>
    <row r="595423" spans="14:14">
      <c r="N595423" s="10"/>
    </row>
    <row r="595424" spans="14:14">
      <c r="N595424" s="10"/>
    </row>
    <row r="595425" spans="14:14">
      <c r="N595425" s="10"/>
    </row>
    <row r="595426" spans="14:14">
      <c r="N595426" s="10"/>
    </row>
    <row r="595427" spans="14:14">
      <c r="N595427" s="10"/>
    </row>
    <row r="595428" spans="14:14">
      <c r="N595428" s="10"/>
    </row>
    <row r="595429" spans="14:14">
      <c r="N595429" s="10"/>
    </row>
    <row r="595430" spans="14:14">
      <c r="N595430" s="10"/>
    </row>
    <row r="595431" spans="14:14">
      <c r="N595431" s="10"/>
    </row>
    <row r="595432" spans="14:14">
      <c r="N595432" s="10"/>
    </row>
    <row r="595433" spans="14:14">
      <c r="N595433" s="10"/>
    </row>
    <row r="595434" spans="14:14">
      <c r="N595434" s="10"/>
    </row>
    <row r="595435" spans="14:14">
      <c r="N595435" s="10"/>
    </row>
    <row r="595436" spans="14:14">
      <c r="N595436" s="10"/>
    </row>
    <row r="595437" spans="14:14">
      <c r="N595437" s="10"/>
    </row>
    <row r="595438" spans="14:14">
      <c r="N595438" s="10"/>
    </row>
    <row r="595439" spans="14:14">
      <c r="N595439" s="10"/>
    </row>
    <row r="595440" spans="14:14">
      <c r="N595440" s="10"/>
    </row>
    <row r="595441" spans="14:14">
      <c r="N595441" s="10"/>
    </row>
    <row r="595442" spans="14:14">
      <c r="N595442" s="10"/>
    </row>
    <row r="595443" spans="14:14">
      <c r="N595443" s="10"/>
    </row>
    <row r="595444" spans="14:14">
      <c r="N595444" s="10"/>
    </row>
    <row r="595445" spans="14:14">
      <c r="N595445" s="10"/>
    </row>
    <row r="595446" spans="14:14">
      <c r="N595446" s="10"/>
    </row>
    <row r="595447" spans="14:14">
      <c r="N595447" s="10"/>
    </row>
    <row r="595448" spans="14:14">
      <c r="N595448" s="10"/>
    </row>
    <row r="595449" spans="14:14">
      <c r="N595449" s="10"/>
    </row>
    <row r="595450" spans="14:14">
      <c r="N595450" s="10"/>
    </row>
    <row r="595451" spans="14:14">
      <c r="N595451" s="10"/>
    </row>
    <row r="595452" spans="14:14">
      <c r="N595452" s="10"/>
    </row>
    <row r="595453" spans="14:14">
      <c r="N595453" s="10"/>
    </row>
    <row r="595454" spans="14:14">
      <c r="N595454" s="10"/>
    </row>
    <row r="595455" spans="14:14">
      <c r="N595455" s="10"/>
    </row>
    <row r="595456" spans="14:14">
      <c r="N595456" s="10"/>
    </row>
    <row r="595457" spans="14:14">
      <c r="N595457" s="10"/>
    </row>
    <row r="595458" spans="14:14">
      <c r="N595458" s="10"/>
    </row>
    <row r="595459" spans="14:14">
      <c r="N595459" s="10"/>
    </row>
    <row r="595460" spans="14:14">
      <c r="N595460" s="10"/>
    </row>
    <row r="595461" spans="14:14">
      <c r="N595461" s="10"/>
    </row>
    <row r="595462" spans="14:14">
      <c r="N595462" s="10"/>
    </row>
    <row r="595463" spans="14:14">
      <c r="N595463" s="10"/>
    </row>
    <row r="595464" spans="14:14">
      <c r="N595464" s="10"/>
    </row>
    <row r="595465" spans="14:14">
      <c r="N595465" s="10"/>
    </row>
    <row r="595466" spans="14:14">
      <c r="N595466" s="10"/>
    </row>
    <row r="595467" spans="14:14">
      <c r="N595467" s="10"/>
    </row>
    <row r="595468" spans="14:14">
      <c r="N595468" s="10"/>
    </row>
    <row r="595469" spans="14:14">
      <c r="N595469" s="10"/>
    </row>
    <row r="595470" spans="14:14">
      <c r="N595470" s="10"/>
    </row>
    <row r="595471" spans="14:14">
      <c r="N595471" s="10"/>
    </row>
    <row r="595472" spans="14:14">
      <c r="N595472" s="10"/>
    </row>
    <row r="595473" spans="14:14">
      <c r="N595473" s="10"/>
    </row>
    <row r="595474" spans="14:14">
      <c r="N595474" s="10"/>
    </row>
    <row r="595475" spans="14:14">
      <c r="N595475" s="10"/>
    </row>
    <row r="595476" spans="14:14">
      <c r="N595476" s="10"/>
    </row>
    <row r="595477" spans="14:14">
      <c r="N595477" s="10"/>
    </row>
    <row r="595478" spans="14:14">
      <c r="N595478" s="10"/>
    </row>
    <row r="595479" spans="14:14">
      <c r="N595479" s="10"/>
    </row>
    <row r="595480" spans="14:14">
      <c r="N595480" s="10"/>
    </row>
    <row r="595481" spans="14:14">
      <c r="N595481" s="10"/>
    </row>
    <row r="595482" spans="14:14">
      <c r="N595482" s="10"/>
    </row>
    <row r="595483" spans="14:14">
      <c r="N595483" s="10"/>
    </row>
    <row r="595484" spans="14:14">
      <c r="N595484" s="10"/>
    </row>
    <row r="595485" spans="14:14">
      <c r="N595485" s="10"/>
    </row>
    <row r="595486" spans="14:14">
      <c r="N595486" s="10"/>
    </row>
    <row r="595487" spans="14:14">
      <c r="N595487" s="10"/>
    </row>
    <row r="595488" spans="14:14">
      <c r="N595488" s="10"/>
    </row>
    <row r="595489" spans="14:14">
      <c r="N595489" s="10"/>
    </row>
    <row r="595490" spans="14:14">
      <c r="N595490" s="10"/>
    </row>
    <row r="595491" spans="14:14">
      <c r="N595491" s="10"/>
    </row>
    <row r="595492" spans="14:14">
      <c r="N595492" s="10"/>
    </row>
    <row r="595493" spans="14:14">
      <c r="N595493" s="10"/>
    </row>
    <row r="595494" spans="14:14">
      <c r="N595494" s="10"/>
    </row>
    <row r="595495" spans="14:14">
      <c r="N595495" s="10"/>
    </row>
    <row r="595496" spans="14:14">
      <c r="N595496" s="10"/>
    </row>
    <row r="595497" spans="14:14">
      <c r="N595497" s="10"/>
    </row>
    <row r="595498" spans="14:14">
      <c r="N595498" s="10"/>
    </row>
    <row r="595499" spans="14:14">
      <c r="N595499" s="10"/>
    </row>
    <row r="595500" spans="14:14">
      <c r="N595500" s="10"/>
    </row>
    <row r="595501" spans="14:14">
      <c r="N595501" s="10"/>
    </row>
    <row r="595502" spans="14:14">
      <c r="N595502" s="10"/>
    </row>
    <row r="595503" spans="14:14">
      <c r="N595503" s="10"/>
    </row>
    <row r="595504" spans="14:14">
      <c r="N595504" s="10"/>
    </row>
    <row r="595505" spans="14:14">
      <c r="N595505" s="10"/>
    </row>
    <row r="595506" spans="14:14">
      <c r="N595506" s="10"/>
    </row>
    <row r="595507" spans="14:14">
      <c r="N595507" s="10"/>
    </row>
    <row r="595508" spans="14:14">
      <c r="N595508" s="10"/>
    </row>
    <row r="595509" spans="14:14">
      <c r="N595509" s="10"/>
    </row>
    <row r="595510" spans="14:14">
      <c r="N595510" s="10"/>
    </row>
    <row r="595511" spans="14:14">
      <c r="N595511" s="10"/>
    </row>
    <row r="595512" spans="14:14">
      <c r="N595512" s="10"/>
    </row>
    <row r="595513" spans="14:14">
      <c r="N595513" s="10"/>
    </row>
    <row r="595514" spans="14:14">
      <c r="N595514" s="10"/>
    </row>
    <row r="595515" spans="14:14">
      <c r="N595515" s="10"/>
    </row>
    <row r="595516" spans="14:14">
      <c r="N595516" s="10"/>
    </row>
    <row r="595517" spans="14:14">
      <c r="N595517" s="10"/>
    </row>
    <row r="595518" spans="14:14">
      <c r="N595518" s="10"/>
    </row>
    <row r="595519" spans="14:14">
      <c r="N595519" s="10"/>
    </row>
    <row r="595520" spans="14:14">
      <c r="N595520" s="10"/>
    </row>
    <row r="595521" spans="14:14">
      <c r="N595521" s="10"/>
    </row>
    <row r="595522" spans="14:14">
      <c r="N595522" s="10"/>
    </row>
    <row r="595523" spans="14:14">
      <c r="N595523" s="10"/>
    </row>
    <row r="595524" spans="14:14">
      <c r="N595524" s="10"/>
    </row>
    <row r="595525" spans="14:14">
      <c r="N595525" s="10"/>
    </row>
    <row r="595526" spans="14:14">
      <c r="N595526" s="10"/>
    </row>
    <row r="595527" spans="14:14">
      <c r="N595527" s="10"/>
    </row>
    <row r="595528" spans="14:14">
      <c r="N595528" s="10"/>
    </row>
    <row r="595529" spans="14:14">
      <c r="N595529" s="10"/>
    </row>
    <row r="595530" spans="14:14">
      <c r="N595530" s="10"/>
    </row>
    <row r="595531" spans="14:14">
      <c r="N595531" s="10"/>
    </row>
    <row r="595532" spans="14:14">
      <c r="N595532" s="10"/>
    </row>
    <row r="595533" spans="14:14">
      <c r="N595533" s="10"/>
    </row>
    <row r="595534" spans="14:14">
      <c r="N595534" s="10"/>
    </row>
    <row r="595535" spans="14:14">
      <c r="N595535" s="10"/>
    </row>
    <row r="595536" spans="14:14">
      <c r="N595536" s="10"/>
    </row>
    <row r="595537" spans="14:14">
      <c r="N595537" s="10"/>
    </row>
    <row r="595538" spans="14:14">
      <c r="N595538" s="10"/>
    </row>
    <row r="595539" spans="14:14">
      <c r="N595539" s="10"/>
    </row>
    <row r="595540" spans="14:14">
      <c r="N595540" s="10"/>
    </row>
    <row r="595541" spans="14:14">
      <c r="N595541" s="10"/>
    </row>
    <row r="595542" spans="14:14">
      <c r="N595542" s="10"/>
    </row>
    <row r="595543" spans="14:14">
      <c r="N595543" s="10"/>
    </row>
    <row r="595544" spans="14:14">
      <c r="N595544" s="10"/>
    </row>
    <row r="595545" spans="14:14">
      <c r="N595545" s="10"/>
    </row>
    <row r="595546" spans="14:14">
      <c r="N595546" s="10"/>
    </row>
    <row r="595547" spans="14:14">
      <c r="N595547" s="10"/>
    </row>
    <row r="595548" spans="14:14">
      <c r="N595548" s="10"/>
    </row>
    <row r="595549" spans="14:14">
      <c r="N595549" s="10"/>
    </row>
    <row r="595550" spans="14:14">
      <c r="N595550" s="10"/>
    </row>
    <row r="595551" spans="14:14">
      <c r="N595551" s="10"/>
    </row>
    <row r="595552" spans="14:14">
      <c r="N595552" s="10"/>
    </row>
    <row r="595553" spans="14:14">
      <c r="N595553" s="10"/>
    </row>
    <row r="595554" spans="14:14">
      <c r="N595554" s="10"/>
    </row>
    <row r="595555" spans="14:14">
      <c r="N595555" s="10"/>
    </row>
    <row r="595556" spans="14:14">
      <c r="N595556" s="10"/>
    </row>
    <row r="595557" spans="14:14">
      <c r="N595557" s="10"/>
    </row>
    <row r="595558" spans="14:14">
      <c r="N595558" s="10"/>
    </row>
    <row r="595559" spans="14:14">
      <c r="N595559" s="10"/>
    </row>
    <row r="595560" spans="14:14">
      <c r="N595560" s="10"/>
    </row>
    <row r="595561" spans="14:14">
      <c r="N595561" s="10"/>
    </row>
    <row r="595562" spans="14:14">
      <c r="N595562" s="10"/>
    </row>
    <row r="595563" spans="14:14">
      <c r="N595563" s="10"/>
    </row>
    <row r="595564" spans="14:14">
      <c r="N595564" s="10"/>
    </row>
    <row r="595565" spans="14:14">
      <c r="N595565" s="10"/>
    </row>
    <row r="595566" spans="14:14">
      <c r="N595566" s="10"/>
    </row>
    <row r="595567" spans="14:14">
      <c r="N595567" s="10"/>
    </row>
    <row r="595568" spans="14:14">
      <c r="N595568" s="10"/>
    </row>
    <row r="595569" spans="14:14">
      <c r="N595569" s="10"/>
    </row>
    <row r="595570" spans="14:14">
      <c r="N595570" s="10"/>
    </row>
    <row r="595571" spans="14:14">
      <c r="N595571" s="10"/>
    </row>
    <row r="595572" spans="14:14">
      <c r="N595572" s="10"/>
    </row>
    <row r="595573" spans="14:14">
      <c r="N595573" s="10"/>
    </row>
    <row r="595574" spans="14:14">
      <c r="N595574" s="10"/>
    </row>
    <row r="595575" spans="14:14">
      <c r="N595575" s="10"/>
    </row>
    <row r="595576" spans="14:14">
      <c r="N595576" s="10"/>
    </row>
    <row r="595577" spans="14:14">
      <c r="N595577" s="10"/>
    </row>
    <row r="595578" spans="14:14">
      <c r="N595578" s="10"/>
    </row>
    <row r="595579" spans="14:14">
      <c r="N595579" s="10"/>
    </row>
    <row r="595580" spans="14:14">
      <c r="N595580" s="10"/>
    </row>
    <row r="595581" spans="14:14">
      <c r="N595581" s="10"/>
    </row>
    <row r="595582" spans="14:14">
      <c r="N595582" s="10"/>
    </row>
    <row r="595583" spans="14:14">
      <c r="N595583" s="10"/>
    </row>
    <row r="595584" spans="14:14">
      <c r="N595584" s="10"/>
    </row>
    <row r="595585" spans="14:14">
      <c r="N595585" s="10"/>
    </row>
    <row r="595586" spans="14:14">
      <c r="N595586" s="10"/>
    </row>
    <row r="595587" spans="14:14">
      <c r="N595587" s="10"/>
    </row>
    <row r="595588" spans="14:14">
      <c r="N595588" s="10"/>
    </row>
    <row r="595589" spans="14:14">
      <c r="N595589" s="10"/>
    </row>
    <row r="595590" spans="14:14">
      <c r="N595590" s="10"/>
    </row>
    <row r="595591" spans="14:14">
      <c r="N595591" s="10"/>
    </row>
    <row r="595592" spans="14:14">
      <c r="N595592" s="10"/>
    </row>
    <row r="595593" spans="14:14">
      <c r="N595593" s="10"/>
    </row>
    <row r="595594" spans="14:14">
      <c r="N595594" s="10"/>
    </row>
    <row r="595595" spans="14:14">
      <c r="N595595" s="10"/>
    </row>
    <row r="595596" spans="14:14">
      <c r="N595596" s="10"/>
    </row>
    <row r="595597" spans="14:14">
      <c r="N595597" s="10"/>
    </row>
    <row r="595598" spans="14:14">
      <c r="N595598" s="10"/>
    </row>
    <row r="595599" spans="14:14">
      <c r="N595599" s="10"/>
    </row>
    <row r="595600" spans="14:14">
      <c r="N595600" s="10"/>
    </row>
    <row r="595601" spans="14:14">
      <c r="N595601" s="10"/>
    </row>
    <row r="595602" spans="14:14">
      <c r="N595602" s="10"/>
    </row>
    <row r="595603" spans="14:14">
      <c r="N595603" s="10"/>
    </row>
    <row r="595604" spans="14:14">
      <c r="N595604" s="10"/>
    </row>
    <row r="595605" spans="14:14">
      <c r="N595605" s="10"/>
    </row>
    <row r="595606" spans="14:14">
      <c r="N595606" s="10"/>
    </row>
    <row r="595607" spans="14:14">
      <c r="N595607" s="10"/>
    </row>
    <row r="595608" spans="14:14">
      <c r="N595608" s="10"/>
    </row>
    <row r="595609" spans="14:14">
      <c r="N595609" s="10"/>
    </row>
    <row r="595610" spans="14:14">
      <c r="N595610" s="10"/>
    </row>
    <row r="595611" spans="14:14">
      <c r="N595611" s="10"/>
    </row>
    <row r="595612" spans="14:14">
      <c r="N595612" s="10"/>
    </row>
    <row r="595613" spans="14:14">
      <c r="N595613" s="10"/>
    </row>
    <row r="595614" spans="14:14">
      <c r="N595614" s="10"/>
    </row>
    <row r="595615" spans="14:14">
      <c r="N595615" s="10"/>
    </row>
    <row r="595616" spans="14:14">
      <c r="N595616" s="10"/>
    </row>
    <row r="595617" spans="14:14">
      <c r="N595617" s="10"/>
    </row>
    <row r="595618" spans="14:14">
      <c r="N595618" s="10"/>
    </row>
    <row r="595619" spans="14:14">
      <c r="N595619" s="10"/>
    </row>
    <row r="595620" spans="14:14">
      <c r="N595620" s="10"/>
    </row>
    <row r="595621" spans="14:14">
      <c r="N595621" s="10"/>
    </row>
    <row r="595622" spans="14:14">
      <c r="N595622" s="10"/>
    </row>
    <row r="595623" spans="14:14">
      <c r="N595623" s="10"/>
    </row>
    <row r="595624" spans="14:14">
      <c r="N595624" s="10"/>
    </row>
    <row r="595625" spans="14:14">
      <c r="N595625" s="10"/>
    </row>
    <row r="595626" spans="14:14">
      <c r="N595626" s="10"/>
    </row>
    <row r="595627" spans="14:14">
      <c r="N595627" s="10"/>
    </row>
    <row r="595628" spans="14:14">
      <c r="N595628" s="10"/>
    </row>
    <row r="595629" spans="14:14">
      <c r="N595629" s="10"/>
    </row>
    <row r="595630" spans="14:14">
      <c r="N595630" s="10"/>
    </row>
    <row r="595631" spans="14:14">
      <c r="N595631" s="10"/>
    </row>
    <row r="595632" spans="14:14">
      <c r="N595632" s="10"/>
    </row>
    <row r="595633" spans="14:14">
      <c r="N595633" s="10"/>
    </row>
    <row r="595634" spans="14:14">
      <c r="N595634" s="10"/>
    </row>
    <row r="595635" spans="14:14">
      <c r="N595635" s="10"/>
    </row>
    <row r="595636" spans="14:14">
      <c r="N595636" s="10"/>
    </row>
    <row r="595637" spans="14:14">
      <c r="N595637" s="10"/>
    </row>
    <row r="595638" spans="14:14">
      <c r="N595638" s="10"/>
    </row>
    <row r="595639" spans="14:14">
      <c r="N595639" s="10"/>
    </row>
    <row r="595640" spans="14:14">
      <c r="N595640" s="10"/>
    </row>
    <row r="595641" spans="14:14">
      <c r="N595641" s="10"/>
    </row>
    <row r="595642" spans="14:14">
      <c r="N595642" s="10"/>
    </row>
    <row r="595643" spans="14:14">
      <c r="N595643" s="10"/>
    </row>
    <row r="595644" spans="14:14">
      <c r="N595644" s="10"/>
    </row>
    <row r="595645" spans="14:14">
      <c r="N595645" s="10"/>
    </row>
    <row r="595646" spans="14:14">
      <c r="N595646" s="10"/>
    </row>
    <row r="595647" spans="14:14">
      <c r="N595647" s="10"/>
    </row>
    <row r="595648" spans="14:14">
      <c r="N595648" s="10"/>
    </row>
    <row r="595649" spans="14:14">
      <c r="N595649" s="10"/>
    </row>
    <row r="595650" spans="14:14">
      <c r="N595650" s="10"/>
    </row>
    <row r="595651" spans="14:14">
      <c r="N595651" s="10"/>
    </row>
    <row r="595652" spans="14:14">
      <c r="N595652" s="10"/>
    </row>
    <row r="595653" spans="14:14">
      <c r="N595653" s="10"/>
    </row>
    <row r="595654" spans="14:14">
      <c r="N595654" s="10"/>
    </row>
    <row r="595655" spans="14:14">
      <c r="N595655" s="10"/>
    </row>
    <row r="595656" spans="14:14">
      <c r="N595656" s="10"/>
    </row>
    <row r="595657" spans="14:14">
      <c r="N595657" s="10"/>
    </row>
    <row r="595658" spans="14:14">
      <c r="N595658" s="10"/>
    </row>
    <row r="595659" spans="14:14">
      <c r="N595659" s="10"/>
    </row>
    <row r="595660" spans="14:14">
      <c r="N595660" s="10"/>
    </row>
    <row r="595661" spans="14:14">
      <c r="N595661" s="10"/>
    </row>
    <row r="595662" spans="14:14">
      <c r="N595662" s="10"/>
    </row>
    <row r="595663" spans="14:14">
      <c r="N595663" s="10"/>
    </row>
    <row r="595664" spans="14:14">
      <c r="N595664" s="10"/>
    </row>
    <row r="595665" spans="14:14">
      <c r="N595665" s="10"/>
    </row>
    <row r="595666" spans="14:14">
      <c r="N595666" s="10"/>
    </row>
    <row r="595667" spans="14:14">
      <c r="N595667" s="10"/>
    </row>
    <row r="595668" spans="14:14">
      <c r="N595668" s="10"/>
    </row>
    <row r="595669" spans="14:14">
      <c r="N595669" s="10"/>
    </row>
    <row r="595670" spans="14:14">
      <c r="N595670" s="10"/>
    </row>
    <row r="595671" spans="14:14">
      <c r="N595671" s="10"/>
    </row>
    <row r="595672" spans="14:14">
      <c r="N595672" s="10"/>
    </row>
    <row r="595673" spans="14:14">
      <c r="N595673" s="10"/>
    </row>
    <row r="595674" spans="14:14">
      <c r="N595674" s="10"/>
    </row>
    <row r="595675" spans="14:14">
      <c r="N595675" s="10"/>
    </row>
    <row r="595676" spans="14:14">
      <c r="N595676" s="10"/>
    </row>
    <row r="595677" spans="14:14">
      <c r="N595677" s="10"/>
    </row>
    <row r="595678" spans="14:14">
      <c r="N595678" s="10"/>
    </row>
    <row r="595679" spans="14:14">
      <c r="N595679" s="10"/>
    </row>
    <row r="595680" spans="14:14">
      <c r="N595680" s="10"/>
    </row>
    <row r="595681" spans="14:14">
      <c r="N595681" s="10"/>
    </row>
    <row r="595682" spans="14:14">
      <c r="N595682" s="10"/>
    </row>
    <row r="595683" spans="14:14">
      <c r="N595683" s="10"/>
    </row>
    <row r="595684" spans="14:14">
      <c r="N595684" s="10"/>
    </row>
    <row r="595685" spans="14:14">
      <c r="N595685" s="10"/>
    </row>
    <row r="595686" spans="14:14">
      <c r="N595686" s="10"/>
    </row>
    <row r="595687" spans="14:14">
      <c r="N595687" s="10"/>
    </row>
    <row r="595688" spans="14:14">
      <c r="N595688" s="10"/>
    </row>
    <row r="595689" spans="14:14">
      <c r="N595689" s="10"/>
    </row>
    <row r="595690" spans="14:14">
      <c r="N595690" s="10"/>
    </row>
    <row r="595691" spans="14:14">
      <c r="N595691" s="10"/>
    </row>
    <row r="595692" spans="14:14">
      <c r="N595692" s="10"/>
    </row>
    <row r="595693" spans="14:14">
      <c r="N595693" s="10"/>
    </row>
    <row r="595694" spans="14:14">
      <c r="N595694" s="10"/>
    </row>
    <row r="595695" spans="14:14">
      <c r="N595695" s="10"/>
    </row>
    <row r="595696" spans="14:14">
      <c r="N595696" s="10"/>
    </row>
    <row r="595697" spans="14:14">
      <c r="N595697" s="10"/>
    </row>
    <row r="595698" spans="14:14">
      <c r="N595698" s="10"/>
    </row>
    <row r="595699" spans="14:14">
      <c r="N595699" s="10"/>
    </row>
    <row r="595700" spans="14:14">
      <c r="N595700" s="10"/>
    </row>
    <row r="595701" spans="14:14">
      <c r="N595701" s="10"/>
    </row>
    <row r="595702" spans="14:14">
      <c r="N595702" s="10"/>
    </row>
    <row r="595703" spans="14:14">
      <c r="N595703" s="10"/>
    </row>
    <row r="595704" spans="14:14">
      <c r="N595704" s="10"/>
    </row>
    <row r="595705" spans="14:14">
      <c r="N595705" s="10"/>
    </row>
    <row r="595706" spans="14:14">
      <c r="N595706" s="10"/>
    </row>
    <row r="595707" spans="14:14">
      <c r="N595707" s="10"/>
    </row>
    <row r="595708" spans="14:14">
      <c r="N595708" s="10"/>
    </row>
    <row r="595709" spans="14:14">
      <c r="N595709" s="10"/>
    </row>
    <row r="595710" spans="14:14">
      <c r="N595710" s="10"/>
    </row>
    <row r="595711" spans="14:14">
      <c r="N595711" s="10"/>
    </row>
    <row r="595712" spans="14:14">
      <c r="N595712" s="10"/>
    </row>
    <row r="595713" spans="14:14">
      <c r="N595713" s="10"/>
    </row>
    <row r="595714" spans="14:14">
      <c r="N595714" s="10"/>
    </row>
    <row r="595715" spans="14:14">
      <c r="N595715" s="10"/>
    </row>
    <row r="595716" spans="14:14">
      <c r="N595716" s="10"/>
    </row>
    <row r="595717" spans="14:14">
      <c r="N595717" s="10"/>
    </row>
    <row r="595718" spans="14:14">
      <c r="N595718" s="10"/>
    </row>
    <row r="595719" spans="14:14">
      <c r="N595719" s="10"/>
    </row>
    <row r="595720" spans="14:14">
      <c r="N595720" s="10"/>
    </row>
    <row r="595721" spans="14:14">
      <c r="N595721" s="10"/>
    </row>
    <row r="595722" spans="14:14">
      <c r="N595722" s="10"/>
    </row>
    <row r="595723" spans="14:14">
      <c r="N595723" s="10"/>
    </row>
    <row r="595724" spans="14:14">
      <c r="N595724" s="10"/>
    </row>
    <row r="595725" spans="14:14">
      <c r="N595725" s="10"/>
    </row>
    <row r="595726" spans="14:14">
      <c r="N595726" s="10"/>
    </row>
    <row r="595727" spans="14:14">
      <c r="N595727" s="10"/>
    </row>
    <row r="595728" spans="14:14">
      <c r="N595728" s="10"/>
    </row>
    <row r="595729" spans="14:14">
      <c r="N595729" s="10"/>
    </row>
    <row r="595730" spans="14:14">
      <c r="N595730" s="10"/>
    </row>
    <row r="595731" spans="14:14">
      <c r="N595731" s="10"/>
    </row>
    <row r="595732" spans="14:14">
      <c r="N595732" s="10"/>
    </row>
    <row r="595733" spans="14:14">
      <c r="N595733" s="10"/>
    </row>
    <row r="595734" spans="14:14">
      <c r="N595734" s="10"/>
    </row>
    <row r="595735" spans="14:14">
      <c r="N595735" s="10"/>
    </row>
    <row r="595736" spans="14:14">
      <c r="N595736" s="10"/>
    </row>
    <row r="595737" spans="14:14">
      <c r="N595737" s="10"/>
    </row>
    <row r="595738" spans="14:14">
      <c r="N595738" s="10"/>
    </row>
    <row r="595739" spans="14:14">
      <c r="N595739" s="10"/>
    </row>
    <row r="595740" spans="14:14">
      <c r="N595740" s="10"/>
    </row>
    <row r="595741" spans="14:14">
      <c r="N595741" s="10"/>
    </row>
    <row r="595742" spans="14:14">
      <c r="N595742" s="10"/>
    </row>
    <row r="595743" spans="14:14">
      <c r="N595743" s="10"/>
    </row>
    <row r="595744" spans="14:14">
      <c r="N595744" s="10"/>
    </row>
    <row r="595745" spans="14:14">
      <c r="N595745" s="10"/>
    </row>
    <row r="595746" spans="14:14">
      <c r="N595746" s="10"/>
    </row>
    <row r="595747" spans="14:14">
      <c r="N595747" s="10"/>
    </row>
    <row r="595748" spans="14:14">
      <c r="N595748" s="10"/>
    </row>
    <row r="595749" spans="14:14">
      <c r="N595749" s="10"/>
    </row>
    <row r="595750" spans="14:14">
      <c r="N595750" s="10"/>
    </row>
    <row r="595751" spans="14:14">
      <c r="N595751" s="10"/>
    </row>
    <row r="595752" spans="14:14">
      <c r="N595752" s="10"/>
    </row>
    <row r="595753" spans="14:14">
      <c r="N595753" s="10"/>
    </row>
    <row r="595754" spans="14:14">
      <c r="N595754" s="10"/>
    </row>
    <row r="595755" spans="14:14">
      <c r="N595755" s="10"/>
    </row>
    <row r="595756" spans="14:14">
      <c r="N595756" s="10"/>
    </row>
    <row r="595757" spans="14:14">
      <c r="N595757" s="10"/>
    </row>
    <row r="595758" spans="14:14">
      <c r="N595758" s="10"/>
    </row>
    <row r="595759" spans="14:14">
      <c r="N595759" s="10"/>
    </row>
    <row r="595760" spans="14:14">
      <c r="N595760" s="10"/>
    </row>
    <row r="595761" spans="14:14">
      <c r="N595761" s="10"/>
    </row>
    <row r="595762" spans="14:14">
      <c r="N595762" s="10"/>
    </row>
    <row r="595763" spans="14:14">
      <c r="N595763" s="10"/>
    </row>
    <row r="595764" spans="14:14">
      <c r="N595764" s="10"/>
    </row>
    <row r="595765" spans="14:14">
      <c r="N595765" s="10"/>
    </row>
    <row r="595766" spans="14:14">
      <c r="N595766" s="10"/>
    </row>
    <row r="595767" spans="14:14">
      <c r="N595767" s="10"/>
    </row>
    <row r="595768" spans="14:14">
      <c r="N595768" s="10"/>
    </row>
    <row r="595769" spans="14:14">
      <c r="N595769" s="10"/>
    </row>
    <row r="595770" spans="14:14">
      <c r="N595770" s="10"/>
    </row>
    <row r="595771" spans="14:14">
      <c r="N595771" s="10"/>
    </row>
    <row r="595772" spans="14:14">
      <c r="N595772" s="10"/>
    </row>
    <row r="595773" spans="14:14">
      <c r="N595773" s="10"/>
    </row>
    <row r="595774" spans="14:14">
      <c r="N595774" s="10"/>
    </row>
    <row r="595775" spans="14:14">
      <c r="N595775" s="10"/>
    </row>
    <row r="595776" spans="14:14">
      <c r="N595776" s="10"/>
    </row>
    <row r="595777" spans="14:14">
      <c r="N595777" s="10"/>
    </row>
    <row r="595778" spans="14:14">
      <c r="N595778" s="10"/>
    </row>
    <row r="595779" spans="14:14">
      <c r="N595779" s="10"/>
    </row>
    <row r="595780" spans="14:14">
      <c r="N595780" s="10"/>
    </row>
    <row r="595781" spans="14:14">
      <c r="N595781" s="10"/>
    </row>
    <row r="595782" spans="14:14">
      <c r="N595782" s="10"/>
    </row>
    <row r="595783" spans="14:14">
      <c r="N595783" s="10"/>
    </row>
    <row r="595784" spans="14:14">
      <c r="N595784" s="10"/>
    </row>
    <row r="595785" spans="14:14">
      <c r="N595785" s="10"/>
    </row>
    <row r="595786" spans="14:14">
      <c r="N595786" s="10"/>
    </row>
    <row r="595787" spans="14:14">
      <c r="N595787" s="10"/>
    </row>
    <row r="595788" spans="14:14">
      <c r="N595788" s="10"/>
    </row>
    <row r="595789" spans="14:14">
      <c r="N595789" s="10"/>
    </row>
    <row r="595790" spans="14:14">
      <c r="N595790" s="10"/>
    </row>
    <row r="595791" spans="14:14">
      <c r="N595791" s="10"/>
    </row>
    <row r="595792" spans="14:14">
      <c r="N595792" s="10"/>
    </row>
    <row r="595793" spans="14:14">
      <c r="N595793" s="10"/>
    </row>
    <row r="595794" spans="14:14">
      <c r="N595794" s="10"/>
    </row>
    <row r="595795" spans="14:14">
      <c r="N595795" s="10"/>
    </row>
    <row r="595796" spans="14:14">
      <c r="N595796" s="10"/>
    </row>
    <row r="595797" spans="14:14">
      <c r="N595797" s="10"/>
    </row>
    <row r="595798" spans="14:14">
      <c r="N595798" s="10"/>
    </row>
    <row r="595799" spans="14:14">
      <c r="N595799" s="10"/>
    </row>
    <row r="595800" spans="14:14">
      <c r="N595800" s="10"/>
    </row>
    <row r="595801" spans="14:14">
      <c r="N595801" s="10"/>
    </row>
    <row r="595802" spans="14:14">
      <c r="N595802" s="10"/>
    </row>
    <row r="595803" spans="14:14">
      <c r="N595803" s="10"/>
    </row>
    <row r="595804" spans="14:14">
      <c r="N595804" s="10"/>
    </row>
    <row r="595805" spans="14:14">
      <c r="N595805" s="10"/>
    </row>
    <row r="595806" spans="14:14">
      <c r="N595806" s="10"/>
    </row>
    <row r="595807" spans="14:14">
      <c r="N595807" s="10"/>
    </row>
    <row r="595808" spans="14:14">
      <c r="N595808" s="10"/>
    </row>
    <row r="595809" spans="14:14">
      <c r="N595809" s="10"/>
    </row>
    <row r="595810" spans="14:14">
      <c r="N595810" s="10"/>
    </row>
    <row r="595811" spans="14:14">
      <c r="N595811" s="10"/>
    </row>
    <row r="595812" spans="14:14">
      <c r="N595812" s="10"/>
    </row>
    <row r="595813" spans="14:14">
      <c r="N595813" s="10"/>
    </row>
    <row r="595814" spans="14:14">
      <c r="N595814" s="10"/>
    </row>
    <row r="595815" spans="14:14">
      <c r="N595815" s="10"/>
    </row>
    <row r="595816" spans="14:14">
      <c r="N595816" s="10"/>
    </row>
    <row r="595817" spans="14:14">
      <c r="N595817" s="10"/>
    </row>
    <row r="595818" spans="14:14">
      <c r="N595818" s="10"/>
    </row>
    <row r="595819" spans="14:14">
      <c r="N595819" s="10"/>
    </row>
    <row r="595820" spans="14:14">
      <c r="N595820" s="10"/>
    </row>
    <row r="595821" spans="14:14">
      <c r="N595821" s="10"/>
    </row>
    <row r="595822" spans="14:14">
      <c r="N595822" s="10"/>
    </row>
    <row r="595823" spans="14:14">
      <c r="N595823" s="10"/>
    </row>
    <row r="595824" spans="14:14">
      <c r="N595824" s="10"/>
    </row>
    <row r="595825" spans="14:14">
      <c r="N595825" s="10"/>
    </row>
    <row r="595826" spans="14:14">
      <c r="N595826" s="10"/>
    </row>
    <row r="595827" spans="14:14">
      <c r="N595827" s="10"/>
    </row>
    <row r="595828" spans="14:14">
      <c r="N595828" s="10"/>
    </row>
    <row r="595829" spans="14:14">
      <c r="N595829" s="10"/>
    </row>
    <row r="595830" spans="14:14">
      <c r="N595830" s="10"/>
    </row>
    <row r="595831" spans="14:14">
      <c r="N595831" s="10"/>
    </row>
    <row r="595832" spans="14:14">
      <c r="N595832" s="10"/>
    </row>
    <row r="595833" spans="14:14">
      <c r="N595833" s="10"/>
    </row>
    <row r="595834" spans="14:14">
      <c r="N595834" s="10"/>
    </row>
    <row r="595835" spans="14:14">
      <c r="N595835" s="10"/>
    </row>
    <row r="595836" spans="14:14">
      <c r="N595836" s="10"/>
    </row>
    <row r="595837" spans="14:14">
      <c r="N595837" s="10"/>
    </row>
    <row r="595838" spans="14:14">
      <c r="N595838" s="10"/>
    </row>
    <row r="595839" spans="14:14">
      <c r="N595839" s="10"/>
    </row>
    <row r="595840" spans="14:14">
      <c r="N595840" s="10"/>
    </row>
    <row r="595841" spans="14:14">
      <c r="N595841" s="10"/>
    </row>
    <row r="595842" spans="14:14">
      <c r="N595842" s="10"/>
    </row>
    <row r="595843" spans="14:14">
      <c r="N595843" s="10"/>
    </row>
    <row r="595844" spans="14:14">
      <c r="N595844" s="10"/>
    </row>
    <row r="595845" spans="14:14">
      <c r="N595845" s="10"/>
    </row>
    <row r="595846" spans="14:14">
      <c r="N595846" s="10"/>
    </row>
    <row r="595847" spans="14:14">
      <c r="N595847" s="10"/>
    </row>
    <row r="595848" spans="14:14">
      <c r="N595848" s="10"/>
    </row>
    <row r="595849" spans="14:14">
      <c r="N595849" s="10"/>
    </row>
    <row r="595850" spans="14:14">
      <c r="N595850" s="10"/>
    </row>
    <row r="595851" spans="14:14">
      <c r="N595851" s="10"/>
    </row>
    <row r="595852" spans="14:14">
      <c r="N595852" s="10"/>
    </row>
    <row r="595853" spans="14:14">
      <c r="N595853" s="10"/>
    </row>
    <row r="595854" spans="14:14">
      <c r="N595854" s="10"/>
    </row>
    <row r="595855" spans="14:14">
      <c r="N595855" s="10"/>
    </row>
    <row r="595856" spans="14:14">
      <c r="N595856" s="10"/>
    </row>
    <row r="595857" spans="14:14">
      <c r="N595857" s="10"/>
    </row>
    <row r="595858" spans="14:14">
      <c r="N595858" s="10"/>
    </row>
    <row r="595859" spans="14:14">
      <c r="N595859" s="10"/>
    </row>
    <row r="595860" spans="14:14">
      <c r="N595860" s="10"/>
    </row>
    <row r="595861" spans="14:14">
      <c r="N595861" s="10"/>
    </row>
    <row r="595862" spans="14:14">
      <c r="N595862" s="10"/>
    </row>
    <row r="595863" spans="14:14">
      <c r="N595863" s="10"/>
    </row>
    <row r="595864" spans="14:14">
      <c r="N595864" s="10"/>
    </row>
    <row r="595865" spans="14:14">
      <c r="N595865" s="10"/>
    </row>
    <row r="595866" spans="14:14">
      <c r="N595866" s="10"/>
    </row>
    <row r="595867" spans="14:14">
      <c r="N595867" s="10"/>
    </row>
    <row r="595868" spans="14:14">
      <c r="N595868" s="10"/>
    </row>
    <row r="595869" spans="14:14">
      <c r="N595869" s="10"/>
    </row>
    <row r="595870" spans="14:14">
      <c r="N595870" s="10"/>
    </row>
    <row r="595871" spans="14:14">
      <c r="N595871" s="10"/>
    </row>
    <row r="595872" spans="14:14">
      <c r="N595872" s="10"/>
    </row>
    <row r="595873" spans="14:14">
      <c r="N595873" s="10"/>
    </row>
    <row r="595874" spans="14:14">
      <c r="N595874" s="10"/>
    </row>
    <row r="595875" spans="14:14">
      <c r="N595875" s="10"/>
    </row>
    <row r="595876" spans="14:14">
      <c r="N595876" s="10"/>
    </row>
    <row r="595877" spans="14:14">
      <c r="N595877" s="10"/>
    </row>
    <row r="595878" spans="14:14">
      <c r="N595878" s="10"/>
    </row>
    <row r="595879" spans="14:14">
      <c r="N595879" s="10"/>
    </row>
    <row r="595880" spans="14:14">
      <c r="N595880" s="10"/>
    </row>
    <row r="595881" spans="14:14">
      <c r="N595881" s="10"/>
    </row>
    <row r="595882" spans="14:14">
      <c r="N595882" s="10"/>
    </row>
    <row r="595883" spans="14:14">
      <c r="N595883" s="10"/>
    </row>
    <row r="595884" spans="14:14">
      <c r="N595884" s="10"/>
    </row>
    <row r="595885" spans="14:14">
      <c r="N595885" s="10"/>
    </row>
    <row r="595886" spans="14:14">
      <c r="N595886" s="10"/>
    </row>
    <row r="595887" spans="14:14">
      <c r="N595887" s="10"/>
    </row>
    <row r="595888" spans="14:14">
      <c r="N595888" s="10"/>
    </row>
    <row r="595889" spans="14:14">
      <c r="N595889" s="10"/>
    </row>
    <row r="595890" spans="14:14">
      <c r="N595890" s="10"/>
    </row>
    <row r="595891" spans="14:14">
      <c r="N595891" s="10"/>
    </row>
    <row r="595892" spans="14:14">
      <c r="N595892" s="10"/>
    </row>
    <row r="595893" spans="14:14">
      <c r="N595893" s="10"/>
    </row>
    <row r="595894" spans="14:14">
      <c r="N595894" s="10"/>
    </row>
    <row r="595895" spans="14:14">
      <c r="N595895" s="10"/>
    </row>
    <row r="595896" spans="14:14">
      <c r="N595896" s="10"/>
    </row>
    <row r="595897" spans="14:14">
      <c r="N595897" s="10"/>
    </row>
    <row r="595898" spans="14:14">
      <c r="N595898" s="10"/>
    </row>
    <row r="595899" spans="14:14">
      <c r="N595899" s="10"/>
    </row>
    <row r="595900" spans="14:14">
      <c r="N595900" s="10"/>
    </row>
    <row r="595901" spans="14:14">
      <c r="N595901" s="10"/>
    </row>
    <row r="595902" spans="14:14">
      <c r="N595902" s="10"/>
    </row>
    <row r="595903" spans="14:14">
      <c r="N595903" s="10"/>
    </row>
    <row r="595904" spans="14:14">
      <c r="N595904" s="10"/>
    </row>
    <row r="595905" spans="14:14">
      <c r="N595905" s="10"/>
    </row>
    <row r="595906" spans="14:14">
      <c r="N595906" s="10"/>
    </row>
    <row r="595907" spans="14:14">
      <c r="N595907" s="10"/>
    </row>
    <row r="595908" spans="14:14">
      <c r="N595908" s="10"/>
    </row>
    <row r="595909" spans="14:14">
      <c r="N595909" s="10"/>
    </row>
    <row r="595910" spans="14:14">
      <c r="N595910" s="10"/>
    </row>
    <row r="595911" spans="14:14">
      <c r="N595911" s="10"/>
    </row>
    <row r="595912" spans="14:14">
      <c r="N595912" s="10"/>
    </row>
    <row r="595913" spans="14:14">
      <c r="N595913" s="10"/>
    </row>
    <row r="595914" spans="14:14">
      <c r="N595914" s="10"/>
    </row>
    <row r="595915" spans="14:14">
      <c r="N595915" s="10"/>
    </row>
    <row r="595916" spans="14:14">
      <c r="N595916" s="10"/>
    </row>
    <row r="595917" spans="14:14">
      <c r="N595917" s="10"/>
    </row>
    <row r="595918" spans="14:14">
      <c r="N595918" s="10"/>
    </row>
    <row r="595919" spans="14:14">
      <c r="N595919" s="10"/>
    </row>
    <row r="595920" spans="14:14">
      <c r="N595920" s="10"/>
    </row>
    <row r="595921" spans="14:14">
      <c r="N595921" s="10"/>
    </row>
    <row r="595922" spans="14:14">
      <c r="N595922" s="10"/>
    </row>
    <row r="595923" spans="14:14">
      <c r="N595923" s="10"/>
    </row>
    <row r="595924" spans="14:14">
      <c r="N595924" s="10"/>
    </row>
    <row r="595925" spans="14:14">
      <c r="N595925" s="10"/>
    </row>
    <row r="595926" spans="14:14">
      <c r="N595926" s="10"/>
    </row>
    <row r="595927" spans="14:14">
      <c r="N595927" s="10"/>
    </row>
    <row r="595928" spans="14:14">
      <c r="N595928" s="10"/>
    </row>
    <row r="595929" spans="14:14">
      <c r="N595929" s="10"/>
    </row>
    <row r="595930" spans="14:14">
      <c r="N595930" s="10"/>
    </row>
    <row r="595931" spans="14:14">
      <c r="N595931" s="10"/>
    </row>
    <row r="595932" spans="14:14">
      <c r="N595932" s="10"/>
    </row>
    <row r="595933" spans="14:14">
      <c r="N595933" s="10"/>
    </row>
    <row r="595934" spans="14:14">
      <c r="N595934" s="10"/>
    </row>
    <row r="595935" spans="14:14">
      <c r="N595935" s="10"/>
    </row>
    <row r="595936" spans="14:14">
      <c r="N595936" s="10"/>
    </row>
    <row r="595937" spans="14:14">
      <c r="N595937" s="10"/>
    </row>
    <row r="595938" spans="14:14">
      <c r="N595938" s="10"/>
    </row>
    <row r="595939" spans="14:14">
      <c r="N595939" s="10"/>
    </row>
    <row r="595940" spans="14:14">
      <c r="N595940" s="10"/>
    </row>
    <row r="595941" spans="14:14">
      <c r="N595941" s="10"/>
    </row>
    <row r="595942" spans="14:14">
      <c r="N595942" s="10"/>
    </row>
    <row r="595943" spans="14:14">
      <c r="N595943" s="10"/>
    </row>
    <row r="595944" spans="14:14">
      <c r="N595944" s="10"/>
    </row>
    <row r="595945" spans="14:14">
      <c r="N595945" s="10"/>
    </row>
    <row r="595946" spans="14:14">
      <c r="N595946" s="10"/>
    </row>
    <row r="595947" spans="14:14">
      <c r="N595947" s="10"/>
    </row>
    <row r="595948" spans="14:14">
      <c r="N595948" s="10"/>
    </row>
    <row r="595949" spans="14:14">
      <c r="N595949" s="10"/>
    </row>
    <row r="595950" spans="14:14">
      <c r="N595950" s="10"/>
    </row>
    <row r="595951" spans="14:14">
      <c r="N595951" s="10"/>
    </row>
    <row r="595952" spans="14:14">
      <c r="N595952" s="10"/>
    </row>
    <row r="595953" spans="14:14">
      <c r="N595953" s="10"/>
    </row>
    <row r="595954" spans="14:14">
      <c r="N595954" s="10"/>
    </row>
    <row r="595955" spans="14:14">
      <c r="N595955" s="10"/>
    </row>
    <row r="595956" spans="14:14">
      <c r="N595956" s="10"/>
    </row>
    <row r="595957" spans="14:14">
      <c r="N595957" s="10"/>
    </row>
    <row r="595958" spans="14:14">
      <c r="N595958" s="10"/>
    </row>
    <row r="595959" spans="14:14">
      <c r="N595959" s="10"/>
    </row>
    <row r="595960" spans="14:14">
      <c r="N595960" s="10"/>
    </row>
    <row r="595961" spans="14:14">
      <c r="N595961" s="10"/>
    </row>
    <row r="595962" spans="14:14">
      <c r="N595962" s="10"/>
    </row>
    <row r="595963" spans="14:14">
      <c r="N595963" s="10"/>
    </row>
    <row r="595964" spans="14:14">
      <c r="N595964" s="10"/>
    </row>
    <row r="595965" spans="14:14">
      <c r="N595965" s="10"/>
    </row>
    <row r="595966" spans="14:14">
      <c r="N595966" s="10"/>
    </row>
    <row r="595967" spans="14:14">
      <c r="N595967" s="10"/>
    </row>
    <row r="595968" spans="14:14">
      <c r="N595968" s="10"/>
    </row>
    <row r="595969" spans="14:14">
      <c r="N595969" s="10"/>
    </row>
    <row r="595970" spans="14:14">
      <c r="N595970" s="10"/>
    </row>
    <row r="595971" spans="14:14">
      <c r="N595971" s="10"/>
    </row>
    <row r="595972" spans="14:14">
      <c r="N595972" s="10"/>
    </row>
    <row r="595973" spans="14:14">
      <c r="N595973" s="10"/>
    </row>
    <row r="595974" spans="14:14">
      <c r="N595974" s="10"/>
    </row>
    <row r="595975" spans="14:14">
      <c r="N595975" s="10"/>
    </row>
    <row r="595976" spans="14:14">
      <c r="N595976" s="10"/>
    </row>
    <row r="595977" spans="14:14">
      <c r="N595977" s="10"/>
    </row>
    <row r="595978" spans="14:14">
      <c r="N595978" s="10"/>
    </row>
    <row r="595979" spans="14:14">
      <c r="N595979" s="10"/>
    </row>
    <row r="595980" spans="14:14">
      <c r="N595980" s="10"/>
    </row>
    <row r="595981" spans="14:14">
      <c r="N595981" s="10"/>
    </row>
    <row r="595982" spans="14:14">
      <c r="N595982" s="10"/>
    </row>
    <row r="595983" spans="14:14">
      <c r="N595983" s="10"/>
    </row>
    <row r="595984" spans="14:14">
      <c r="N595984" s="10"/>
    </row>
    <row r="595985" spans="14:14">
      <c r="N595985" s="10"/>
    </row>
    <row r="595986" spans="14:14">
      <c r="N595986" s="10"/>
    </row>
    <row r="595987" spans="14:14">
      <c r="N595987" s="10"/>
    </row>
    <row r="595988" spans="14:14">
      <c r="N595988" s="10"/>
    </row>
    <row r="595989" spans="14:14">
      <c r="N595989" s="10"/>
    </row>
    <row r="595990" spans="14:14">
      <c r="N595990" s="10"/>
    </row>
    <row r="595991" spans="14:14">
      <c r="N595991" s="10"/>
    </row>
    <row r="595992" spans="14:14">
      <c r="N595992" s="10"/>
    </row>
    <row r="595993" spans="14:14">
      <c r="N595993" s="10"/>
    </row>
    <row r="595994" spans="14:14">
      <c r="N595994" s="10"/>
    </row>
    <row r="595995" spans="14:14">
      <c r="N595995" s="10"/>
    </row>
    <row r="595996" spans="14:14">
      <c r="N595996" s="10"/>
    </row>
    <row r="595997" spans="14:14">
      <c r="N595997" s="10"/>
    </row>
    <row r="595998" spans="14:14">
      <c r="N595998" s="10"/>
    </row>
    <row r="595999" spans="14:14">
      <c r="N595999" s="10"/>
    </row>
    <row r="596000" spans="14:14">
      <c r="N596000" s="10"/>
    </row>
    <row r="596001" spans="14:14">
      <c r="N596001" s="10"/>
    </row>
    <row r="596002" spans="14:14">
      <c r="N596002" s="10"/>
    </row>
    <row r="596003" spans="14:14">
      <c r="N596003" s="10"/>
    </row>
    <row r="596004" spans="14:14">
      <c r="N596004" s="10"/>
    </row>
    <row r="596005" spans="14:14">
      <c r="N596005" s="10"/>
    </row>
    <row r="596006" spans="14:14">
      <c r="N596006" s="10"/>
    </row>
    <row r="596007" spans="14:14">
      <c r="N596007" s="10"/>
    </row>
    <row r="596008" spans="14:14">
      <c r="N596008" s="10"/>
    </row>
    <row r="596009" spans="14:14">
      <c r="N596009" s="10"/>
    </row>
    <row r="596010" spans="14:14">
      <c r="N596010" s="10"/>
    </row>
    <row r="596011" spans="14:14">
      <c r="N596011" s="10"/>
    </row>
    <row r="596012" spans="14:14">
      <c r="N596012" s="10"/>
    </row>
    <row r="596013" spans="14:14">
      <c r="N596013" s="10"/>
    </row>
    <row r="596014" spans="14:14">
      <c r="N596014" s="10"/>
    </row>
    <row r="596015" spans="14:14">
      <c r="N596015" s="10"/>
    </row>
    <row r="596016" spans="14:14">
      <c r="N596016" s="10"/>
    </row>
    <row r="596017" spans="14:14">
      <c r="N596017" s="10"/>
    </row>
    <row r="596018" spans="14:14">
      <c r="N596018" s="10"/>
    </row>
    <row r="596019" spans="14:14">
      <c r="N596019" s="10"/>
    </row>
    <row r="596020" spans="14:14">
      <c r="N596020" s="10"/>
    </row>
    <row r="596021" spans="14:14">
      <c r="N596021" s="10"/>
    </row>
    <row r="596022" spans="14:14">
      <c r="N596022" s="10"/>
    </row>
    <row r="596023" spans="14:14">
      <c r="N596023" s="10"/>
    </row>
    <row r="596024" spans="14:14">
      <c r="N596024" s="10"/>
    </row>
    <row r="596025" spans="14:14">
      <c r="N596025" s="10"/>
    </row>
    <row r="596026" spans="14:14">
      <c r="N596026" s="10"/>
    </row>
    <row r="596027" spans="14:14">
      <c r="N596027" s="10"/>
    </row>
    <row r="596028" spans="14:14">
      <c r="N596028" s="10"/>
    </row>
    <row r="596029" spans="14:14">
      <c r="N596029" s="10"/>
    </row>
    <row r="596030" spans="14:14">
      <c r="N596030" s="10"/>
    </row>
    <row r="596031" spans="14:14">
      <c r="N596031" s="10"/>
    </row>
    <row r="596032" spans="14:14">
      <c r="N596032" s="10"/>
    </row>
    <row r="596033" spans="14:14">
      <c r="N596033" s="10"/>
    </row>
    <row r="596034" spans="14:14">
      <c r="N596034" s="10"/>
    </row>
    <row r="596035" spans="14:14">
      <c r="N596035" s="10"/>
    </row>
    <row r="596036" spans="14:14">
      <c r="N596036" s="10"/>
    </row>
    <row r="596037" spans="14:14">
      <c r="N596037" s="10"/>
    </row>
    <row r="596038" spans="14:14">
      <c r="N596038" s="10"/>
    </row>
    <row r="596039" spans="14:14">
      <c r="N596039" s="10"/>
    </row>
    <row r="596040" spans="14:14">
      <c r="N596040" s="10"/>
    </row>
    <row r="596041" spans="14:14">
      <c r="N596041" s="10"/>
    </row>
    <row r="596042" spans="14:14">
      <c r="N596042" s="10"/>
    </row>
    <row r="596043" spans="14:14">
      <c r="N596043" s="10"/>
    </row>
    <row r="596044" spans="14:14">
      <c r="N596044" s="10"/>
    </row>
    <row r="596045" spans="14:14">
      <c r="N596045" s="10"/>
    </row>
    <row r="596046" spans="14:14">
      <c r="N596046" s="10"/>
    </row>
    <row r="596047" spans="14:14">
      <c r="N596047" s="10"/>
    </row>
    <row r="596048" spans="14:14">
      <c r="N596048" s="10"/>
    </row>
    <row r="596049" spans="14:14">
      <c r="N596049" s="10"/>
    </row>
    <row r="596050" spans="14:14">
      <c r="N596050" s="10"/>
    </row>
    <row r="596051" spans="14:14">
      <c r="N596051" s="10"/>
    </row>
    <row r="596052" spans="14:14">
      <c r="N596052" s="10"/>
    </row>
    <row r="596053" spans="14:14">
      <c r="N596053" s="10"/>
    </row>
    <row r="596054" spans="14:14">
      <c r="N596054" s="10"/>
    </row>
    <row r="596055" spans="14:14">
      <c r="N596055" s="10"/>
    </row>
    <row r="596056" spans="14:14">
      <c r="N596056" s="10"/>
    </row>
    <row r="596057" spans="14:14">
      <c r="N596057" s="10"/>
    </row>
    <row r="596058" spans="14:14">
      <c r="N596058" s="10"/>
    </row>
    <row r="596059" spans="14:14">
      <c r="N596059" s="10"/>
    </row>
    <row r="596060" spans="14:14">
      <c r="N596060" s="10"/>
    </row>
    <row r="596061" spans="14:14">
      <c r="N596061" s="10"/>
    </row>
    <row r="596062" spans="14:14">
      <c r="N596062" s="10"/>
    </row>
    <row r="596063" spans="14:14">
      <c r="N596063" s="10"/>
    </row>
    <row r="596064" spans="14:14">
      <c r="N596064" s="10"/>
    </row>
    <row r="596065" spans="14:14">
      <c r="N596065" s="10"/>
    </row>
    <row r="596066" spans="14:14">
      <c r="N596066" s="10"/>
    </row>
    <row r="596067" spans="14:14">
      <c r="N596067" s="10"/>
    </row>
    <row r="596068" spans="14:14">
      <c r="N596068" s="10"/>
    </row>
    <row r="596069" spans="14:14">
      <c r="N596069" s="10"/>
    </row>
    <row r="596070" spans="14:14">
      <c r="N596070" s="10"/>
    </row>
    <row r="596071" spans="14:14">
      <c r="N596071" s="10"/>
    </row>
    <row r="596072" spans="14:14">
      <c r="N596072" s="10"/>
    </row>
    <row r="596073" spans="14:14">
      <c r="N596073" s="10"/>
    </row>
    <row r="596074" spans="14:14">
      <c r="N596074" s="10"/>
    </row>
    <row r="596075" spans="14:14">
      <c r="N596075" s="10"/>
    </row>
    <row r="596076" spans="14:14">
      <c r="N596076" s="10"/>
    </row>
    <row r="596077" spans="14:14">
      <c r="N596077" s="10"/>
    </row>
    <row r="596078" spans="14:14">
      <c r="N596078" s="10"/>
    </row>
    <row r="596079" spans="14:14">
      <c r="N596079" s="10"/>
    </row>
    <row r="596080" spans="14:14">
      <c r="N596080" s="10"/>
    </row>
    <row r="596081" spans="14:14">
      <c r="N596081" s="10"/>
    </row>
    <row r="596082" spans="14:14">
      <c r="N596082" s="10"/>
    </row>
    <row r="596083" spans="14:14">
      <c r="N596083" s="10"/>
    </row>
    <row r="596084" spans="14:14">
      <c r="N596084" s="10"/>
    </row>
    <row r="596085" spans="14:14">
      <c r="N596085" s="10"/>
    </row>
    <row r="596086" spans="14:14">
      <c r="N596086" s="10"/>
    </row>
    <row r="596087" spans="14:14">
      <c r="N596087" s="10"/>
    </row>
    <row r="596088" spans="14:14">
      <c r="N596088" s="10"/>
    </row>
    <row r="596089" spans="14:14">
      <c r="N596089" s="10"/>
    </row>
    <row r="596090" spans="14:14">
      <c r="N596090" s="10"/>
    </row>
    <row r="596091" spans="14:14">
      <c r="N596091" s="10"/>
    </row>
    <row r="596092" spans="14:14">
      <c r="N596092" s="10"/>
    </row>
    <row r="596093" spans="14:14">
      <c r="N596093" s="10"/>
    </row>
    <row r="596094" spans="14:14">
      <c r="N596094" s="10"/>
    </row>
    <row r="596095" spans="14:14">
      <c r="N596095" s="10"/>
    </row>
    <row r="596096" spans="14:14">
      <c r="N596096" s="10"/>
    </row>
    <row r="596097" spans="14:14">
      <c r="N596097" s="10"/>
    </row>
    <row r="596098" spans="14:14">
      <c r="N596098" s="10"/>
    </row>
    <row r="596099" spans="14:14">
      <c r="N596099" s="10"/>
    </row>
    <row r="596100" spans="14:14">
      <c r="N596100" s="10"/>
    </row>
    <row r="596101" spans="14:14">
      <c r="N596101" s="10"/>
    </row>
    <row r="596102" spans="14:14">
      <c r="N596102" s="10"/>
    </row>
    <row r="596103" spans="14:14">
      <c r="N596103" s="10"/>
    </row>
    <row r="596104" spans="14:14">
      <c r="N596104" s="10"/>
    </row>
    <row r="596105" spans="14:14">
      <c r="N596105" s="10"/>
    </row>
    <row r="596106" spans="14:14">
      <c r="N596106" s="10"/>
    </row>
    <row r="596107" spans="14:14">
      <c r="N596107" s="10"/>
    </row>
    <row r="596108" spans="14:14">
      <c r="N596108" s="10"/>
    </row>
    <row r="596109" spans="14:14">
      <c r="N596109" s="10"/>
    </row>
    <row r="596110" spans="14:14">
      <c r="N596110" s="10"/>
    </row>
    <row r="596111" spans="14:14">
      <c r="N596111" s="10"/>
    </row>
    <row r="596112" spans="14:14">
      <c r="N596112" s="10"/>
    </row>
    <row r="596113" spans="14:14">
      <c r="N596113" s="10"/>
    </row>
    <row r="596114" spans="14:14">
      <c r="N596114" s="10"/>
    </row>
    <row r="596115" spans="14:14">
      <c r="N596115" s="10"/>
    </row>
    <row r="596116" spans="14:14">
      <c r="N596116" s="10"/>
    </row>
    <row r="596117" spans="14:14">
      <c r="N596117" s="10"/>
    </row>
    <row r="596118" spans="14:14">
      <c r="N596118" s="10"/>
    </row>
    <row r="596119" spans="14:14">
      <c r="N596119" s="10"/>
    </row>
    <row r="596120" spans="14:14">
      <c r="N596120" s="10"/>
    </row>
    <row r="596121" spans="14:14">
      <c r="N596121" s="10"/>
    </row>
    <row r="596122" spans="14:14">
      <c r="N596122" s="10"/>
    </row>
    <row r="596123" spans="14:14">
      <c r="N596123" s="10"/>
    </row>
    <row r="596124" spans="14:14">
      <c r="N596124" s="10"/>
    </row>
    <row r="596125" spans="14:14">
      <c r="N596125" s="10"/>
    </row>
    <row r="596126" spans="14:14">
      <c r="N596126" s="10"/>
    </row>
    <row r="596127" spans="14:14">
      <c r="N596127" s="10"/>
    </row>
    <row r="596128" spans="14:14">
      <c r="N596128" s="10"/>
    </row>
    <row r="596129" spans="14:14">
      <c r="N596129" s="10"/>
    </row>
    <row r="596130" spans="14:14">
      <c r="N596130" s="10"/>
    </row>
    <row r="596131" spans="14:14">
      <c r="N596131" s="10"/>
    </row>
    <row r="596132" spans="14:14">
      <c r="N596132" s="10"/>
    </row>
    <row r="596133" spans="14:14">
      <c r="N596133" s="10"/>
    </row>
    <row r="596134" spans="14:14">
      <c r="N596134" s="10"/>
    </row>
    <row r="596135" spans="14:14">
      <c r="N596135" s="10"/>
    </row>
    <row r="596136" spans="14:14">
      <c r="N596136" s="10"/>
    </row>
    <row r="596137" spans="14:14">
      <c r="N596137" s="10"/>
    </row>
    <row r="596138" spans="14:14">
      <c r="N596138" s="10"/>
    </row>
    <row r="596139" spans="14:14">
      <c r="N596139" s="10"/>
    </row>
    <row r="596140" spans="14:14">
      <c r="N596140" s="10"/>
    </row>
    <row r="596141" spans="14:14">
      <c r="N596141" s="10"/>
    </row>
    <row r="596142" spans="14:14">
      <c r="N596142" s="10"/>
    </row>
    <row r="596143" spans="14:14">
      <c r="N596143" s="10"/>
    </row>
    <row r="596144" spans="14:14">
      <c r="N596144" s="10"/>
    </row>
    <row r="596145" spans="14:14">
      <c r="N596145" s="10"/>
    </row>
    <row r="596146" spans="14:14">
      <c r="N596146" s="10"/>
    </row>
    <row r="596147" spans="14:14">
      <c r="N596147" s="10"/>
    </row>
    <row r="596148" spans="14:14">
      <c r="N596148" s="10"/>
    </row>
    <row r="596149" spans="14:14">
      <c r="N596149" s="10"/>
    </row>
    <row r="596150" spans="14:14">
      <c r="N596150" s="10"/>
    </row>
    <row r="596151" spans="14:14">
      <c r="N596151" s="10"/>
    </row>
    <row r="596152" spans="14:14">
      <c r="N596152" s="10"/>
    </row>
    <row r="596153" spans="14:14">
      <c r="N596153" s="10"/>
    </row>
    <row r="596154" spans="14:14">
      <c r="N596154" s="10"/>
    </row>
    <row r="596155" spans="14:14">
      <c r="N596155" s="10"/>
    </row>
    <row r="596156" spans="14:14">
      <c r="N596156" s="10"/>
    </row>
    <row r="596157" spans="14:14">
      <c r="N596157" s="10"/>
    </row>
    <row r="596158" spans="14:14">
      <c r="N596158" s="10"/>
    </row>
    <row r="596159" spans="14:14">
      <c r="N596159" s="10"/>
    </row>
    <row r="596160" spans="14:14">
      <c r="N596160" s="10"/>
    </row>
    <row r="596161" spans="14:14">
      <c r="N596161" s="10"/>
    </row>
    <row r="596162" spans="14:14">
      <c r="N596162" s="10"/>
    </row>
    <row r="596163" spans="14:14">
      <c r="N596163" s="10"/>
    </row>
    <row r="596164" spans="14:14">
      <c r="N596164" s="10"/>
    </row>
    <row r="596165" spans="14:14">
      <c r="N596165" s="10"/>
    </row>
    <row r="596166" spans="14:14">
      <c r="N596166" s="10"/>
    </row>
    <row r="596167" spans="14:14">
      <c r="N596167" s="10"/>
    </row>
    <row r="596168" spans="14:14">
      <c r="N596168" s="10"/>
    </row>
    <row r="596169" spans="14:14">
      <c r="N596169" s="10"/>
    </row>
    <row r="596170" spans="14:14">
      <c r="N596170" s="10"/>
    </row>
    <row r="596171" spans="14:14">
      <c r="N596171" s="10"/>
    </row>
    <row r="596172" spans="14:14">
      <c r="N596172" s="10"/>
    </row>
    <row r="596173" spans="14:14">
      <c r="N596173" s="10"/>
    </row>
    <row r="596174" spans="14:14">
      <c r="N596174" s="10"/>
    </row>
    <row r="596175" spans="14:14">
      <c r="N596175" s="10"/>
    </row>
    <row r="596176" spans="14:14">
      <c r="N596176" s="10"/>
    </row>
    <row r="596177" spans="14:14">
      <c r="N596177" s="10"/>
    </row>
    <row r="596178" spans="14:14">
      <c r="N596178" s="10"/>
    </row>
    <row r="596179" spans="14:14">
      <c r="N596179" s="10"/>
    </row>
    <row r="596180" spans="14:14">
      <c r="N596180" s="10"/>
    </row>
    <row r="596181" spans="14:14">
      <c r="N596181" s="10"/>
    </row>
    <row r="596182" spans="14:14">
      <c r="N596182" s="10"/>
    </row>
    <row r="596183" spans="14:14">
      <c r="N596183" s="10"/>
    </row>
    <row r="596184" spans="14:14">
      <c r="N596184" s="10"/>
    </row>
    <row r="596185" spans="14:14">
      <c r="N596185" s="10"/>
    </row>
    <row r="596186" spans="14:14">
      <c r="N596186" s="10"/>
    </row>
    <row r="596187" spans="14:14">
      <c r="N596187" s="10"/>
    </row>
    <row r="596188" spans="14:14">
      <c r="N596188" s="10"/>
    </row>
    <row r="596189" spans="14:14">
      <c r="N596189" s="10"/>
    </row>
    <row r="596190" spans="14:14">
      <c r="N596190" s="10"/>
    </row>
    <row r="596191" spans="14:14">
      <c r="N596191" s="10"/>
    </row>
    <row r="596192" spans="14:14">
      <c r="N596192" s="10"/>
    </row>
    <row r="596193" spans="14:14">
      <c r="N596193" s="10"/>
    </row>
    <row r="596194" spans="14:14">
      <c r="N596194" s="10"/>
    </row>
    <row r="596195" spans="14:14">
      <c r="N596195" s="10"/>
    </row>
    <row r="596196" spans="14:14">
      <c r="N596196" s="10"/>
    </row>
    <row r="596197" spans="14:14">
      <c r="N596197" s="10"/>
    </row>
    <row r="596198" spans="14:14">
      <c r="N596198" s="10"/>
    </row>
    <row r="596199" spans="14:14">
      <c r="N596199" s="10"/>
    </row>
    <row r="596200" spans="14:14">
      <c r="N596200" s="10"/>
    </row>
    <row r="596201" spans="14:14">
      <c r="N596201" s="10"/>
    </row>
    <row r="596202" spans="14:14">
      <c r="N596202" s="10"/>
    </row>
    <row r="596203" spans="14:14">
      <c r="N596203" s="10"/>
    </row>
    <row r="596204" spans="14:14">
      <c r="N596204" s="10"/>
    </row>
    <row r="596205" spans="14:14">
      <c r="N596205" s="10"/>
    </row>
    <row r="596206" spans="14:14">
      <c r="N596206" s="10"/>
    </row>
    <row r="596207" spans="14:14">
      <c r="N596207" s="10"/>
    </row>
    <row r="596208" spans="14:14">
      <c r="N596208" s="10"/>
    </row>
    <row r="596209" spans="14:14">
      <c r="N596209" s="10"/>
    </row>
    <row r="596210" spans="14:14">
      <c r="N596210" s="10"/>
    </row>
    <row r="596211" spans="14:14">
      <c r="N596211" s="10"/>
    </row>
    <row r="596212" spans="14:14">
      <c r="N596212" s="10"/>
    </row>
    <row r="596213" spans="14:14">
      <c r="N596213" s="10"/>
    </row>
    <row r="596214" spans="14:14">
      <c r="N596214" s="10"/>
    </row>
    <row r="596215" spans="14:14">
      <c r="N596215" s="10"/>
    </row>
    <row r="596216" spans="14:14">
      <c r="N596216" s="10"/>
    </row>
    <row r="596217" spans="14:14">
      <c r="N596217" s="10"/>
    </row>
    <row r="596218" spans="14:14">
      <c r="N596218" s="10"/>
    </row>
    <row r="596219" spans="14:14">
      <c r="N596219" s="10"/>
    </row>
    <row r="596220" spans="14:14">
      <c r="N596220" s="10"/>
    </row>
    <row r="596221" spans="14:14">
      <c r="N596221" s="10"/>
    </row>
    <row r="596222" spans="14:14">
      <c r="N596222" s="10"/>
    </row>
    <row r="596223" spans="14:14">
      <c r="N596223" s="10"/>
    </row>
    <row r="596224" spans="14:14">
      <c r="N596224" s="10"/>
    </row>
    <row r="596225" spans="14:14">
      <c r="N596225" s="10"/>
    </row>
    <row r="596226" spans="14:14">
      <c r="N596226" s="10"/>
    </row>
    <row r="596227" spans="14:14">
      <c r="N596227" s="10"/>
    </row>
    <row r="596228" spans="14:14">
      <c r="N596228" s="10"/>
    </row>
    <row r="596229" spans="14:14">
      <c r="N596229" s="10"/>
    </row>
    <row r="596230" spans="14:14">
      <c r="N596230" s="10"/>
    </row>
    <row r="596231" spans="14:14">
      <c r="N596231" s="10"/>
    </row>
    <row r="596232" spans="14:14">
      <c r="N596232" s="10"/>
    </row>
    <row r="596233" spans="14:14">
      <c r="N596233" s="10"/>
    </row>
    <row r="596234" spans="14:14">
      <c r="N596234" s="10"/>
    </row>
    <row r="596235" spans="14:14">
      <c r="N596235" s="10"/>
    </row>
    <row r="596236" spans="14:14">
      <c r="N596236" s="10"/>
    </row>
    <row r="596237" spans="14:14">
      <c r="N596237" s="10"/>
    </row>
    <row r="596238" spans="14:14">
      <c r="N596238" s="10"/>
    </row>
    <row r="596239" spans="14:14">
      <c r="N596239" s="10"/>
    </row>
    <row r="596240" spans="14:14">
      <c r="N596240" s="10"/>
    </row>
    <row r="596241" spans="14:14">
      <c r="N596241" s="10"/>
    </row>
    <row r="596242" spans="14:14">
      <c r="N596242" s="10"/>
    </row>
    <row r="596243" spans="14:14">
      <c r="N596243" s="10"/>
    </row>
    <row r="596244" spans="14:14">
      <c r="N596244" s="10"/>
    </row>
    <row r="596245" spans="14:14">
      <c r="N596245" s="10"/>
    </row>
    <row r="596246" spans="14:14">
      <c r="N596246" s="10"/>
    </row>
    <row r="596247" spans="14:14">
      <c r="N596247" s="10"/>
    </row>
    <row r="596248" spans="14:14">
      <c r="N596248" s="10"/>
    </row>
    <row r="596249" spans="14:14">
      <c r="N596249" s="10"/>
    </row>
    <row r="596250" spans="14:14">
      <c r="N596250" s="10"/>
    </row>
    <row r="596251" spans="14:14">
      <c r="N596251" s="10"/>
    </row>
    <row r="596252" spans="14:14">
      <c r="N596252" s="10"/>
    </row>
    <row r="596253" spans="14:14">
      <c r="N596253" s="10"/>
    </row>
    <row r="596254" spans="14:14">
      <c r="N596254" s="10"/>
    </row>
    <row r="596255" spans="14:14">
      <c r="N596255" s="10"/>
    </row>
    <row r="596256" spans="14:14">
      <c r="N596256" s="10"/>
    </row>
    <row r="596257" spans="14:14">
      <c r="N596257" s="10"/>
    </row>
    <row r="596258" spans="14:14">
      <c r="N596258" s="10"/>
    </row>
    <row r="596259" spans="14:14">
      <c r="N596259" s="10"/>
    </row>
    <row r="596260" spans="14:14">
      <c r="N596260" s="10"/>
    </row>
    <row r="596261" spans="14:14">
      <c r="N596261" s="10"/>
    </row>
    <row r="596262" spans="14:14">
      <c r="N596262" s="10"/>
    </row>
    <row r="596263" spans="14:14">
      <c r="N596263" s="10"/>
    </row>
    <row r="596264" spans="14:14">
      <c r="N596264" s="10"/>
    </row>
    <row r="596265" spans="14:14">
      <c r="N596265" s="10"/>
    </row>
    <row r="596266" spans="14:14">
      <c r="N596266" s="10"/>
    </row>
    <row r="596267" spans="14:14">
      <c r="N596267" s="10"/>
    </row>
    <row r="596268" spans="14:14">
      <c r="N596268" s="10"/>
    </row>
    <row r="596269" spans="14:14">
      <c r="N596269" s="10"/>
    </row>
    <row r="596270" spans="14:14">
      <c r="N596270" s="10"/>
    </row>
    <row r="596271" spans="14:14">
      <c r="N596271" s="10"/>
    </row>
    <row r="596272" spans="14:14">
      <c r="N596272" s="10"/>
    </row>
    <row r="596273" spans="14:14">
      <c r="N596273" s="10"/>
    </row>
    <row r="596274" spans="14:14">
      <c r="N596274" s="10"/>
    </row>
    <row r="596275" spans="14:14">
      <c r="N596275" s="10"/>
    </row>
    <row r="596276" spans="14:14">
      <c r="N596276" s="10"/>
    </row>
    <row r="596277" spans="14:14">
      <c r="N596277" s="10"/>
    </row>
    <row r="596278" spans="14:14">
      <c r="N596278" s="10"/>
    </row>
    <row r="596279" spans="14:14">
      <c r="N596279" s="10"/>
    </row>
    <row r="596280" spans="14:14">
      <c r="N596280" s="10"/>
    </row>
    <row r="596281" spans="14:14">
      <c r="N596281" s="10"/>
    </row>
    <row r="596282" spans="14:14">
      <c r="N596282" s="10"/>
    </row>
    <row r="596283" spans="14:14">
      <c r="N596283" s="10"/>
    </row>
    <row r="596284" spans="14:14">
      <c r="N596284" s="10"/>
    </row>
    <row r="596285" spans="14:14">
      <c r="N596285" s="10"/>
    </row>
    <row r="596286" spans="14:14">
      <c r="N596286" s="10"/>
    </row>
    <row r="596287" spans="14:14">
      <c r="N596287" s="10"/>
    </row>
    <row r="596288" spans="14:14">
      <c r="N596288" s="10"/>
    </row>
    <row r="596289" spans="14:14">
      <c r="N596289" s="10"/>
    </row>
    <row r="596290" spans="14:14">
      <c r="N596290" s="10"/>
    </row>
    <row r="596291" spans="14:14">
      <c r="N596291" s="10"/>
    </row>
    <row r="596292" spans="14:14">
      <c r="N596292" s="10"/>
    </row>
    <row r="596293" spans="14:14">
      <c r="N596293" s="10"/>
    </row>
    <row r="596294" spans="14:14">
      <c r="N596294" s="10"/>
    </row>
    <row r="596295" spans="14:14">
      <c r="N596295" s="10"/>
    </row>
    <row r="596296" spans="14:14">
      <c r="N596296" s="10"/>
    </row>
    <row r="596297" spans="14:14">
      <c r="N596297" s="10"/>
    </row>
    <row r="596298" spans="14:14">
      <c r="N596298" s="10"/>
    </row>
    <row r="596299" spans="14:14">
      <c r="N596299" s="10"/>
    </row>
    <row r="596300" spans="14:14">
      <c r="N596300" s="10"/>
    </row>
    <row r="596301" spans="14:14">
      <c r="N596301" s="10"/>
    </row>
    <row r="596302" spans="14:14">
      <c r="N596302" s="10"/>
    </row>
    <row r="596303" spans="14:14">
      <c r="N596303" s="10"/>
    </row>
    <row r="596304" spans="14:14">
      <c r="N596304" s="10"/>
    </row>
    <row r="596305" spans="14:14">
      <c r="N596305" s="10"/>
    </row>
    <row r="596306" spans="14:14">
      <c r="N596306" s="10"/>
    </row>
    <row r="596307" spans="14:14">
      <c r="N596307" s="10"/>
    </row>
    <row r="596308" spans="14:14">
      <c r="N596308" s="10"/>
    </row>
    <row r="596309" spans="14:14">
      <c r="N596309" s="10"/>
    </row>
    <row r="596310" spans="14:14">
      <c r="N596310" s="10"/>
    </row>
    <row r="596311" spans="14:14">
      <c r="N596311" s="10"/>
    </row>
    <row r="596312" spans="14:14">
      <c r="N596312" s="10"/>
    </row>
    <row r="596313" spans="14:14">
      <c r="N596313" s="10"/>
    </row>
    <row r="596314" spans="14:14">
      <c r="N596314" s="10"/>
    </row>
    <row r="596315" spans="14:14">
      <c r="N596315" s="10"/>
    </row>
    <row r="596316" spans="14:14">
      <c r="N596316" s="10"/>
    </row>
    <row r="596317" spans="14:14">
      <c r="N596317" s="10"/>
    </row>
    <row r="596318" spans="14:14">
      <c r="N596318" s="10"/>
    </row>
    <row r="596319" spans="14:14">
      <c r="N596319" s="10"/>
    </row>
    <row r="596320" spans="14:14">
      <c r="N596320" s="10"/>
    </row>
    <row r="596321" spans="14:14">
      <c r="N596321" s="10"/>
    </row>
    <row r="596322" spans="14:14">
      <c r="N596322" s="10"/>
    </row>
    <row r="596323" spans="14:14">
      <c r="N596323" s="10"/>
    </row>
    <row r="596324" spans="14:14">
      <c r="N596324" s="10"/>
    </row>
    <row r="596325" spans="14:14">
      <c r="N596325" s="10"/>
    </row>
    <row r="596326" spans="14:14">
      <c r="N596326" s="10"/>
    </row>
    <row r="596327" spans="14:14">
      <c r="N596327" s="10"/>
    </row>
    <row r="596328" spans="14:14">
      <c r="N596328" s="10"/>
    </row>
    <row r="596329" spans="14:14">
      <c r="N596329" s="10"/>
    </row>
    <row r="596330" spans="14:14">
      <c r="N596330" s="10"/>
    </row>
    <row r="596331" spans="14:14">
      <c r="N596331" s="10"/>
    </row>
    <row r="596332" spans="14:14">
      <c r="N596332" s="10"/>
    </row>
    <row r="596333" spans="14:14">
      <c r="N596333" s="10"/>
    </row>
    <row r="596334" spans="14:14">
      <c r="N596334" s="10"/>
    </row>
    <row r="596335" spans="14:14">
      <c r="N596335" s="10"/>
    </row>
    <row r="596336" spans="14:14">
      <c r="N596336" s="10"/>
    </row>
    <row r="596337" spans="14:14">
      <c r="N596337" s="10"/>
    </row>
    <row r="596338" spans="14:14">
      <c r="N596338" s="10"/>
    </row>
    <row r="596339" spans="14:14">
      <c r="N596339" s="10"/>
    </row>
    <row r="596340" spans="14:14">
      <c r="N596340" s="10"/>
    </row>
    <row r="596341" spans="14:14">
      <c r="N596341" s="10"/>
    </row>
    <row r="596342" spans="14:14">
      <c r="N596342" s="10"/>
    </row>
    <row r="596343" spans="14:14">
      <c r="N596343" s="10"/>
    </row>
    <row r="596344" spans="14:14">
      <c r="N596344" s="10"/>
    </row>
    <row r="596345" spans="14:14">
      <c r="N596345" s="10"/>
    </row>
    <row r="596346" spans="14:14">
      <c r="N596346" s="10"/>
    </row>
    <row r="596347" spans="14:14">
      <c r="N596347" s="10"/>
    </row>
    <row r="596348" spans="14:14">
      <c r="N596348" s="10"/>
    </row>
    <row r="596349" spans="14:14">
      <c r="N596349" s="10"/>
    </row>
    <row r="596350" spans="14:14">
      <c r="N596350" s="10"/>
    </row>
    <row r="596351" spans="14:14">
      <c r="N596351" s="10"/>
    </row>
    <row r="596352" spans="14:14">
      <c r="N596352" s="10"/>
    </row>
    <row r="596353" spans="14:14">
      <c r="N596353" s="10"/>
    </row>
    <row r="596354" spans="14:14">
      <c r="N596354" s="10"/>
    </row>
    <row r="596355" spans="14:14">
      <c r="N596355" s="10"/>
    </row>
    <row r="596356" spans="14:14">
      <c r="N596356" s="10"/>
    </row>
    <row r="596357" spans="14:14">
      <c r="N596357" s="10"/>
    </row>
    <row r="596358" spans="14:14">
      <c r="N596358" s="10"/>
    </row>
    <row r="596359" spans="14:14">
      <c r="N596359" s="10"/>
    </row>
    <row r="596360" spans="14:14">
      <c r="N596360" s="10"/>
    </row>
    <row r="596361" spans="14:14">
      <c r="N596361" s="10"/>
    </row>
    <row r="596362" spans="14:14">
      <c r="N596362" s="10"/>
    </row>
    <row r="596363" spans="14:14">
      <c r="N596363" s="10"/>
    </row>
    <row r="596364" spans="14:14">
      <c r="N596364" s="10"/>
    </row>
    <row r="596365" spans="14:14">
      <c r="N596365" s="10"/>
    </row>
    <row r="596366" spans="14:14">
      <c r="N596366" s="10"/>
    </row>
    <row r="596367" spans="14:14">
      <c r="N596367" s="10"/>
    </row>
    <row r="596368" spans="14:14">
      <c r="N596368" s="10"/>
    </row>
    <row r="596369" spans="14:14">
      <c r="N596369" s="10"/>
    </row>
    <row r="596370" spans="14:14">
      <c r="N596370" s="10"/>
    </row>
    <row r="596371" spans="14:14">
      <c r="N596371" s="10"/>
    </row>
    <row r="596372" spans="14:14">
      <c r="N596372" s="10"/>
    </row>
    <row r="596373" spans="14:14">
      <c r="N596373" s="10"/>
    </row>
    <row r="596374" spans="14:14">
      <c r="N596374" s="10"/>
    </row>
    <row r="596375" spans="14:14">
      <c r="N596375" s="10"/>
    </row>
    <row r="596376" spans="14:14">
      <c r="N596376" s="10"/>
    </row>
    <row r="596377" spans="14:14">
      <c r="N596377" s="10"/>
    </row>
    <row r="596378" spans="14:14">
      <c r="N596378" s="10"/>
    </row>
    <row r="596379" spans="14:14">
      <c r="N596379" s="10"/>
    </row>
    <row r="596380" spans="14:14">
      <c r="N596380" s="10"/>
    </row>
    <row r="596381" spans="14:14">
      <c r="N596381" s="10"/>
    </row>
    <row r="596382" spans="14:14">
      <c r="N596382" s="10"/>
    </row>
    <row r="596383" spans="14:14">
      <c r="N596383" s="10"/>
    </row>
    <row r="596384" spans="14:14">
      <c r="N596384" s="10"/>
    </row>
    <row r="596385" spans="14:14">
      <c r="N596385" s="10"/>
    </row>
    <row r="596386" spans="14:14">
      <c r="N596386" s="10"/>
    </row>
    <row r="596387" spans="14:14">
      <c r="N596387" s="10"/>
    </row>
    <row r="596388" spans="14:14">
      <c r="N596388" s="10"/>
    </row>
    <row r="596389" spans="14:14">
      <c r="N596389" s="10"/>
    </row>
    <row r="596390" spans="14:14">
      <c r="N596390" s="10"/>
    </row>
    <row r="596391" spans="14:14">
      <c r="N596391" s="10"/>
    </row>
    <row r="596392" spans="14:14">
      <c r="N596392" s="10"/>
    </row>
    <row r="596393" spans="14:14">
      <c r="N596393" s="10"/>
    </row>
    <row r="596394" spans="14:14">
      <c r="N596394" s="10"/>
    </row>
    <row r="596395" spans="14:14">
      <c r="N596395" s="10"/>
    </row>
    <row r="596396" spans="14:14">
      <c r="N596396" s="10"/>
    </row>
    <row r="596397" spans="14:14">
      <c r="N596397" s="10"/>
    </row>
    <row r="596398" spans="14:14">
      <c r="N596398" s="10"/>
    </row>
    <row r="596399" spans="14:14">
      <c r="N596399" s="10"/>
    </row>
    <row r="596400" spans="14:14">
      <c r="N596400" s="10"/>
    </row>
    <row r="596401" spans="14:14">
      <c r="N596401" s="10"/>
    </row>
    <row r="596402" spans="14:14">
      <c r="N596402" s="10"/>
    </row>
    <row r="596403" spans="14:14">
      <c r="N596403" s="10"/>
    </row>
    <row r="596404" spans="14:14">
      <c r="N596404" s="10"/>
    </row>
    <row r="596405" spans="14:14">
      <c r="N596405" s="10"/>
    </row>
    <row r="596406" spans="14:14">
      <c r="N596406" s="10"/>
    </row>
    <row r="596407" spans="14:14">
      <c r="N596407" s="10"/>
    </row>
    <row r="596408" spans="14:14">
      <c r="N596408" s="10"/>
    </row>
    <row r="596409" spans="14:14">
      <c r="N596409" s="10"/>
    </row>
    <row r="596410" spans="14:14">
      <c r="N596410" s="10"/>
    </row>
    <row r="596411" spans="14:14">
      <c r="N596411" s="10"/>
    </row>
    <row r="596412" spans="14:14">
      <c r="N596412" s="10"/>
    </row>
    <row r="596413" spans="14:14">
      <c r="N596413" s="10"/>
    </row>
    <row r="596414" spans="14:14">
      <c r="N596414" s="10"/>
    </row>
    <row r="596415" spans="14:14">
      <c r="N596415" s="10"/>
    </row>
    <row r="596416" spans="14:14">
      <c r="N596416" s="10"/>
    </row>
    <row r="596417" spans="14:14">
      <c r="N596417" s="10"/>
    </row>
    <row r="596418" spans="14:14">
      <c r="N596418" s="10"/>
    </row>
    <row r="596419" spans="14:14">
      <c r="N596419" s="10"/>
    </row>
    <row r="596420" spans="14:14">
      <c r="N596420" s="10"/>
    </row>
    <row r="596421" spans="14:14">
      <c r="N596421" s="10"/>
    </row>
    <row r="596422" spans="14:14">
      <c r="N596422" s="10"/>
    </row>
    <row r="596423" spans="14:14">
      <c r="N596423" s="10"/>
    </row>
    <row r="596424" spans="14:14">
      <c r="N596424" s="10"/>
    </row>
    <row r="596425" spans="14:14">
      <c r="N596425" s="10"/>
    </row>
    <row r="596426" spans="14:14">
      <c r="N596426" s="10"/>
    </row>
    <row r="596427" spans="14:14">
      <c r="N596427" s="10"/>
    </row>
    <row r="596428" spans="14:14">
      <c r="N596428" s="10"/>
    </row>
    <row r="596429" spans="14:14">
      <c r="N596429" s="10"/>
    </row>
    <row r="596430" spans="14:14">
      <c r="N596430" s="10"/>
    </row>
    <row r="596431" spans="14:14">
      <c r="N596431" s="10"/>
    </row>
    <row r="596432" spans="14:14">
      <c r="N596432" s="10"/>
    </row>
    <row r="596433" spans="14:14">
      <c r="N596433" s="10"/>
    </row>
    <row r="596434" spans="14:14">
      <c r="N596434" s="10"/>
    </row>
    <row r="596435" spans="14:14">
      <c r="N596435" s="10"/>
    </row>
    <row r="596436" spans="14:14">
      <c r="N596436" s="10"/>
    </row>
    <row r="596437" spans="14:14">
      <c r="N596437" s="10"/>
    </row>
    <row r="596438" spans="14:14">
      <c r="N596438" s="10"/>
    </row>
    <row r="596439" spans="14:14">
      <c r="N596439" s="10"/>
    </row>
    <row r="596440" spans="14:14">
      <c r="N596440" s="10"/>
    </row>
    <row r="596441" spans="14:14">
      <c r="N596441" s="10"/>
    </row>
    <row r="596442" spans="14:14">
      <c r="N596442" s="10"/>
    </row>
    <row r="596443" spans="14:14">
      <c r="N596443" s="10"/>
    </row>
    <row r="596444" spans="14:14">
      <c r="N596444" s="10"/>
    </row>
    <row r="596445" spans="14:14">
      <c r="N596445" s="10"/>
    </row>
    <row r="596446" spans="14:14">
      <c r="N596446" s="10"/>
    </row>
    <row r="596447" spans="14:14">
      <c r="N596447" s="10"/>
    </row>
    <row r="596448" spans="14:14">
      <c r="N596448" s="10"/>
    </row>
    <row r="596449" spans="14:14">
      <c r="N596449" s="10"/>
    </row>
    <row r="596450" spans="14:14">
      <c r="N596450" s="10"/>
    </row>
    <row r="596451" spans="14:14">
      <c r="N596451" s="10"/>
    </row>
    <row r="596452" spans="14:14">
      <c r="N596452" s="10"/>
    </row>
    <row r="596453" spans="14:14">
      <c r="N596453" s="10"/>
    </row>
    <row r="596454" spans="14:14">
      <c r="N596454" s="10"/>
    </row>
    <row r="596455" spans="14:14">
      <c r="N596455" s="10"/>
    </row>
    <row r="596456" spans="14:14">
      <c r="N596456" s="10"/>
    </row>
    <row r="596457" spans="14:14">
      <c r="N596457" s="10"/>
    </row>
    <row r="596458" spans="14:14">
      <c r="N596458" s="10"/>
    </row>
    <row r="596459" spans="14:14">
      <c r="N596459" s="10"/>
    </row>
    <row r="596460" spans="14:14">
      <c r="N596460" s="10"/>
    </row>
    <row r="596461" spans="14:14">
      <c r="N596461" s="10"/>
    </row>
    <row r="596462" spans="14:14">
      <c r="N596462" s="10"/>
    </row>
    <row r="596463" spans="14:14">
      <c r="N596463" s="10"/>
    </row>
    <row r="596464" spans="14:14">
      <c r="N596464" s="10"/>
    </row>
    <row r="596465" spans="14:14">
      <c r="N596465" s="10"/>
    </row>
    <row r="596466" spans="14:14">
      <c r="N596466" s="10"/>
    </row>
    <row r="596467" spans="14:14">
      <c r="N596467" s="10"/>
    </row>
    <row r="596468" spans="14:14">
      <c r="N596468" s="10"/>
    </row>
    <row r="596469" spans="14:14">
      <c r="N596469" s="10"/>
    </row>
    <row r="596470" spans="14:14">
      <c r="N596470" s="10"/>
    </row>
    <row r="596471" spans="14:14">
      <c r="N596471" s="10"/>
    </row>
    <row r="596472" spans="14:14">
      <c r="N596472" s="10"/>
    </row>
    <row r="596473" spans="14:14">
      <c r="N596473" s="10"/>
    </row>
    <row r="596474" spans="14:14">
      <c r="N596474" s="10"/>
    </row>
    <row r="596475" spans="14:14">
      <c r="N596475" s="10"/>
    </row>
    <row r="596476" spans="14:14">
      <c r="N596476" s="10"/>
    </row>
    <row r="596477" spans="14:14">
      <c r="N596477" s="10"/>
    </row>
    <row r="596478" spans="14:14">
      <c r="N596478" s="10"/>
    </row>
    <row r="596479" spans="14:14">
      <c r="N596479" s="10"/>
    </row>
    <row r="596480" spans="14:14">
      <c r="N596480" s="10"/>
    </row>
    <row r="596481" spans="14:14">
      <c r="N596481" s="10"/>
    </row>
    <row r="596482" spans="14:14">
      <c r="N596482" s="10"/>
    </row>
    <row r="596483" spans="14:14">
      <c r="N596483" s="10"/>
    </row>
    <row r="596484" spans="14:14">
      <c r="N596484" s="10"/>
    </row>
    <row r="596485" spans="14:14">
      <c r="N596485" s="10"/>
    </row>
    <row r="596486" spans="14:14">
      <c r="N596486" s="10"/>
    </row>
    <row r="596487" spans="14:14">
      <c r="N596487" s="10"/>
    </row>
    <row r="596488" spans="14:14">
      <c r="N596488" s="10"/>
    </row>
    <row r="596489" spans="14:14">
      <c r="N596489" s="10"/>
    </row>
    <row r="596490" spans="14:14">
      <c r="N596490" s="10"/>
    </row>
    <row r="596491" spans="14:14">
      <c r="N596491" s="10"/>
    </row>
    <row r="596492" spans="14:14">
      <c r="N596492" s="10"/>
    </row>
    <row r="596493" spans="14:14">
      <c r="N596493" s="10"/>
    </row>
    <row r="596494" spans="14:14">
      <c r="N596494" s="10"/>
    </row>
    <row r="596495" spans="14:14">
      <c r="N596495" s="10"/>
    </row>
    <row r="596496" spans="14:14">
      <c r="N596496" s="10"/>
    </row>
    <row r="596497" spans="14:14">
      <c r="N596497" s="10"/>
    </row>
    <row r="596498" spans="14:14">
      <c r="N596498" s="10"/>
    </row>
    <row r="596499" spans="14:14">
      <c r="N596499" s="10"/>
    </row>
    <row r="596500" spans="14:14">
      <c r="N596500" s="10"/>
    </row>
    <row r="596501" spans="14:14">
      <c r="N596501" s="10"/>
    </row>
    <row r="596502" spans="14:14">
      <c r="N596502" s="10"/>
    </row>
    <row r="596503" spans="14:14">
      <c r="N596503" s="10"/>
    </row>
    <row r="596504" spans="14:14">
      <c r="N596504" s="10"/>
    </row>
    <row r="596505" spans="14:14">
      <c r="N596505" s="10"/>
    </row>
    <row r="596506" spans="14:14">
      <c r="N596506" s="10"/>
    </row>
    <row r="596507" spans="14:14">
      <c r="N596507" s="10"/>
    </row>
    <row r="596508" spans="14:14">
      <c r="N596508" s="10"/>
    </row>
    <row r="596509" spans="14:14">
      <c r="N596509" s="10"/>
    </row>
    <row r="596510" spans="14:14">
      <c r="N596510" s="10"/>
    </row>
    <row r="596511" spans="14:14">
      <c r="N596511" s="10"/>
    </row>
    <row r="596512" spans="14:14">
      <c r="N596512" s="10"/>
    </row>
    <row r="596513" spans="14:14">
      <c r="N596513" s="10"/>
    </row>
    <row r="596514" spans="14:14">
      <c r="N596514" s="10"/>
    </row>
    <row r="596515" spans="14:14">
      <c r="N596515" s="10"/>
    </row>
    <row r="596516" spans="14:14">
      <c r="N596516" s="10"/>
    </row>
    <row r="596517" spans="14:14">
      <c r="N596517" s="10"/>
    </row>
    <row r="596518" spans="14:14">
      <c r="N596518" s="10"/>
    </row>
    <row r="596519" spans="14:14">
      <c r="N596519" s="10"/>
    </row>
    <row r="596520" spans="14:14">
      <c r="N596520" s="10"/>
    </row>
    <row r="596521" spans="14:14">
      <c r="N596521" s="10"/>
    </row>
    <row r="596522" spans="14:14">
      <c r="N596522" s="10"/>
    </row>
    <row r="596523" spans="14:14">
      <c r="N596523" s="10"/>
    </row>
    <row r="596524" spans="14:14">
      <c r="N596524" s="10"/>
    </row>
    <row r="596525" spans="14:14">
      <c r="N596525" s="10"/>
    </row>
    <row r="596526" spans="14:14">
      <c r="N596526" s="10"/>
    </row>
    <row r="596527" spans="14:14">
      <c r="N596527" s="10"/>
    </row>
    <row r="596528" spans="14:14">
      <c r="N596528" s="10"/>
    </row>
    <row r="596529" spans="14:14">
      <c r="N596529" s="10"/>
    </row>
    <row r="596530" spans="14:14">
      <c r="N596530" s="10"/>
    </row>
    <row r="596531" spans="14:14">
      <c r="N596531" s="10"/>
    </row>
    <row r="596532" spans="14:14">
      <c r="N596532" s="10"/>
    </row>
    <row r="596533" spans="14:14">
      <c r="N596533" s="10"/>
    </row>
    <row r="596534" spans="14:14">
      <c r="N596534" s="10"/>
    </row>
    <row r="596535" spans="14:14">
      <c r="N596535" s="10"/>
    </row>
    <row r="596536" spans="14:14">
      <c r="N596536" s="10"/>
    </row>
    <row r="596537" spans="14:14">
      <c r="N596537" s="10"/>
    </row>
    <row r="596538" spans="14:14">
      <c r="N596538" s="10"/>
    </row>
    <row r="596539" spans="14:14">
      <c r="N596539" s="10"/>
    </row>
    <row r="596540" spans="14:14">
      <c r="N596540" s="10"/>
    </row>
    <row r="596541" spans="14:14">
      <c r="N596541" s="10"/>
    </row>
    <row r="596542" spans="14:14">
      <c r="N596542" s="10"/>
    </row>
    <row r="596543" spans="14:14">
      <c r="N596543" s="10"/>
    </row>
    <row r="596544" spans="14:14">
      <c r="N596544" s="10"/>
    </row>
    <row r="596545" spans="14:14">
      <c r="N596545" s="10"/>
    </row>
    <row r="596546" spans="14:14">
      <c r="N596546" s="10"/>
    </row>
    <row r="596547" spans="14:14">
      <c r="N596547" s="10"/>
    </row>
    <row r="596548" spans="14:14">
      <c r="N596548" s="10"/>
    </row>
    <row r="596549" spans="14:14">
      <c r="N596549" s="10"/>
    </row>
    <row r="596550" spans="14:14">
      <c r="N596550" s="10"/>
    </row>
    <row r="596551" spans="14:14">
      <c r="N596551" s="10"/>
    </row>
    <row r="596552" spans="14:14">
      <c r="N596552" s="10"/>
    </row>
    <row r="596553" spans="14:14">
      <c r="N596553" s="10"/>
    </row>
    <row r="596554" spans="14:14">
      <c r="N596554" s="10"/>
    </row>
    <row r="596555" spans="14:14">
      <c r="N596555" s="10"/>
    </row>
    <row r="596556" spans="14:14">
      <c r="N596556" s="10"/>
    </row>
    <row r="596557" spans="14:14">
      <c r="N596557" s="10"/>
    </row>
    <row r="596558" spans="14:14">
      <c r="N596558" s="10"/>
    </row>
    <row r="596559" spans="14:14">
      <c r="N596559" s="10"/>
    </row>
    <row r="596560" spans="14:14">
      <c r="N596560" s="10"/>
    </row>
    <row r="596561" spans="14:14">
      <c r="N596561" s="10"/>
    </row>
    <row r="596562" spans="14:14">
      <c r="N596562" s="10"/>
    </row>
    <row r="596563" spans="14:14">
      <c r="N596563" s="10"/>
    </row>
    <row r="596564" spans="14:14">
      <c r="N596564" s="10"/>
    </row>
    <row r="596565" spans="14:14">
      <c r="N596565" s="10"/>
    </row>
    <row r="596566" spans="14:14">
      <c r="N596566" s="10"/>
    </row>
    <row r="596567" spans="14:14">
      <c r="N596567" s="10"/>
    </row>
    <row r="596568" spans="14:14">
      <c r="N596568" s="10"/>
    </row>
    <row r="596569" spans="14:14">
      <c r="N596569" s="10"/>
    </row>
    <row r="596570" spans="14:14">
      <c r="N596570" s="10"/>
    </row>
    <row r="596571" spans="14:14">
      <c r="N596571" s="10"/>
    </row>
    <row r="596572" spans="14:14">
      <c r="N596572" s="10"/>
    </row>
    <row r="596573" spans="14:14">
      <c r="N596573" s="10"/>
    </row>
    <row r="596574" spans="14:14">
      <c r="N596574" s="10"/>
    </row>
    <row r="596575" spans="14:14">
      <c r="N596575" s="10"/>
    </row>
    <row r="596576" spans="14:14">
      <c r="N596576" s="10"/>
    </row>
    <row r="596577" spans="14:14">
      <c r="N596577" s="10"/>
    </row>
    <row r="596578" spans="14:14">
      <c r="N596578" s="10"/>
    </row>
    <row r="596579" spans="14:14">
      <c r="N596579" s="10"/>
    </row>
    <row r="596580" spans="14:14">
      <c r="N596580" s="10"/>
    </row>
    <row r="596581" spans="14:14">
      <c r="N596581" s="10"/>
    </row>
    <row r="596582" spans="14:14">
      <c r="N596582" s="10"/>
    </row>
    <row r="596583" spans="14:14">
      <c r="N596583" s="10"/>
    </row>
    <row r="596584" spans="14:14">
      <c r="N596584" s="10"/>
    </row>
    <row r="596585" spans="14:14">
      <c r="N596585" s="10"/>
    </row>
    <row r="596586" spans="14:14">
      <c r="N596586" s="10"/>
    </row>
    <row r="596587" spans="14:14">
      <c r="N596587" s="10"/>
    </row>
    <row r="596588" spans="14:14">
      <c r="N596588" s="10"/>
    </row>
    <row r="596589" spans="14:14">
      <c r="N596589" s="10"/>
    </row>
    <row r="596590" spans="14:14">
      <c r="N596590" s="10"/>
    </row>
    <row r="596591" spans="14:14">
      <c r="N596591" s="10"/>
    </row>
    <row r="596592" spans="14:14">
      <c r="N596592" s="10"/>
    </row>
    <row r="596593" spans="14:14">
      <c r="N596593" s="10"/>
    </row>
    <row r="596594" spans="14:14">
      <c r="N596594" s="10"/>
    </row>
    <row r="596595" spans="14:14">
      <c r="N596595" s="10"/>
    </row>
    <row r="596596" spans="14:14">
      <c r="N596596" s="10"/>
    </row>
    <row r="596597" spans="14:14">
      <c r="N596597" s="10"/>
    </row>
    <row r="596598" spans="14:14">
      <c r="N596598" s="10"/>
    </row>
    <row r="596599" spans="14:14">
      <c r="N596599" s="10"/>
    </row>
    <row r="596600" spans="14:14">
      <c r="N596600" s="10"/>
    </row>
    <row r="596601" spans="14:14">
      <c r="N596601" s="10"/>
    </row>
    <row r="596602" spans="14:14">
      <c r="N596602" s="10"/>
    </row>
    <row r="596603" spans="14:14">
      <c r="N596603" s="10"/>
    </row>
    <row r="596604" spans="14:14">
      <c r="N596604" s="10"/>
    </row>
    <row r="596605" spans="14:14">
      <c r="N596605" s="10"/>
    </row>
    <row r="596606" spans="14:14">
      <c r="N596606" s="10"/>
    </row>
    <row r="596607" spans="14:14">
      <c r="N596607" s="10"/>
    </row>
    <row r="596608" spans="14:14">
      <c r="N596608" s="10"/>
    </row>
    <row r="596609" spans="14:14">
      <c r="N596609" s="10"/>
    </row>
    <row r="596610" spans="14:14">
      <c r="N596610" s="10"/>
    </row>
    <row r="596611" spans="14:14">
      <c r="N596611" s="10"/>
    </row>
    <row r="596612" spans="14:14">
      <c r="N596612" s="10"/>
    </row>
    <row r="596613" spans="14:14">
      <c r="N596613" s="10"/>
    </row>
    <row r="596614" spans="14:14">
      <c r="N596614" s="10"/>
    </row>
    <row r="596615" spans="14:14">
      <c r="N596615" s="10"/>
    </row>
    <row r="596616" spans="14:14">
      <c r="N596616" s="10"/>
    </row>
    <row r="596617" spans="14:14">
      <c r="N596617" s="10"/>
    </row>
    <row r="596618" spans="14:14">
      <c r="N596618" s="10"/>
    </row>
    <row r="596619" spans="14:14">
      <c r="N596619" s="10"/>
    </row>
    <row r="596620" spans="14:14">
      <c r="N596620" s="10"/>
    </row>
    <row r="596621" spans="14:14">
      <c r="N596621" s="10"/>
    </row>
    <row r="596622" spans="14:14">
      <c r="N596622" s="10"/>
    </row>
    <row r="596623" spans="14:14">
      <c r="N596623" s="10"/>
    </row>
    <row r="596624" spans="14:14">
      <c r="N596624" s="10"/>
    </row>
    <row r="596625" spans="14:14">
      <c r="N596625" s="10"/>
    </row>
    <row r="596626" spans="14:14">
      <c r="N596626" s="10"/>
    </row>
    <row r="596627" spans="14:14">
      <c r="N596627" s="10"/>
    </row>
    <row r="596628" spans="14:14">
      <c r="N596628" s="10"/>
    </row>
    <row r="596629" spans="14:14">
      <c r="N596629" s="10"/>
    </row>
    <row r="596630" spans="14:14">
      <c r="N596630" s="10"/>
    </row>
    <row r="596631" spans="14:14">
      <c r="N596631" s="10"/>
    </row>
    <row r="596632" spans="14:14">
      <c r="N596632" s="10"/>
    </row>
    <row r="596633" spans="14:14">
      <c r="N596633" s="10"/>
    </row>
    <row r="596634" spans="14:14">
      <c r="N596634" s="10"/>
    </row>
    <row r="596635" spans="14:14">
      <c r="N596635" s="10"/>
    </row>
    <row r="596636" spans="14:14">
      <c r="N596636" s="10"/>
    </row>
    <row r="596637" spans="14:14">
      <c r="N596637" s="10"/>
    </row>
    <row r="596638" spans="14:14">
      <c r="N596638" s="10"/>
    </row>
    <row r="596639" spans="14:14">
      <c r="N596639" s="10"/>
    </row>
    <row r="596640" spans="14:14">
      <c r="N596640" s="10"/>
    </row>
    <row r="596641" spans="14:14">
      <c r="N596641" s="10"/>
    </row>
    <row r="596642" spans="14:14">
      <c r="N596642" s="10"/>
    </row>
    <row r="596643" spans="14:14">
      <c r="N596643" s="10"/>
    </row>
    <row r="596644" spans="14:14">
      <c r="N596644" s="10"/>
    </row>
    <row r="596645" spans="14:14">
      <c r="N596645" s="10"/>
    </row>
    <row r="596646" spans="14:14">
      <c r="N596646" s="10"/>
    </row>
    <row r="596647" spans="14:14">
      <c r="N596647" s="10"/>
    </row>
    <row r="596648" spans="14:14">
      <c r="N596648" s="10"/>
    </row>
    <row r="596649" spans="14:14">
      <c r="N596649" s="10"/>
    </row>
    <row r="596650" spans="14:14">
      <c r="N596650" s="10"/>
    </row>
    <row r="596651" spans="14:14">
      <c r="N596651" s="10"/>
    </row>
    <row r="596652" spans="14:14">
      <c r="N596652" s="10"/>
    </row>
    <row r="596653" spans="14:14">
      <c r="N596653" s="10"/>
    </row>
    <row r="596654" spans="14:14">
      <c r="N596654" s="10"/>
    </row>
    <row r="596655" spans="14:14">
      <c r="N596655" s="10"/>
    </row>
    <row r="596656" spans="14:14">
      <c r="N596656" s="10"/>
    </row>
    <row r="596657" spans="14:14">
      <c r="N596657" s="10"/>
    </row>
    <row r="596658" spans="14:14">
      <c r="N596658" s="10"/>
    </row>
    <row r="596659" spans="14:14">
      <c r="N596659" s="10"/>
    </row>
    <row r="596660" spans="14:14">
      <c r="N596660" s="10"/>
    </row>
    <row r="596661" spans="14:14">
      <c r="N596661" s="10"/>
    </row>
    <row r="596662" spans="14:14">
      <c r="N596662" s="10"/>
    </row>
    <row r="596663" spans="14:14">
      <c r="N596663" s="10"/>
    </row>
    <row r="596664" spans="14:14">
      <c r="N596664" s="10"/>
    </row>
    <row r="596665" spans="14:14">
      <c r="N596665" s="10"/>
    </row>
    <row r="596666" spans="14:14">
      <c r="N596666" s="10"/>
    </row>
    <row r="596667" spans="14:14">
      <c r="N596667" s="10"/>
    </row>
    <row r="596668" spans="14:14">
      <c r="N596668" s="10"/>
    </row>
    <row r="596669" spans="14:14">
      <c r="N596669" s="10"/>
    </row>
    <row r="596670" spans="14:14">
      <c r="N596670" s="10"/>
    </row>
    <row r="596671" spans="14:14">
      <c r="N596671" s="10"/>
    </row>
    <row r="596672" spans="14:14">
      <c r="N596672" s="10"/>
    </row>
    <row r="596673" spans="14:14">
      <c r="N596673" s="10"/>
    </row>
    <row r="596674" spans="14:14">
      <c r="N596674" s="10"/>
    </row>
    <row r="596675" spans="14:14">
      <c r="N596675" s="10"/>
    </row>
    <row r="596676" spans="14:14">
      <c r="N596676" s="10"/>
    </row>
    <row r="596677" spans="14:14">
      <c r="N596677" s="10"/>
    </row>
    <row r="596678" spans="14:14">
      <c r="N596678" s="10"/>
    </row>
    <row r="596679" spans="14:14">
      <c r="N596679" s="10"/>
    </row>
    <row r="596680" spans="14:14">
      <c r="N596680" s="10"/>
    </row>
    <row r="596681" spans="14:14">
      <c r="N596681" s="10"/>
    </row>
    <row r="596682" spans="14:14">
      <c r="N596682" s="10"/>
    </row>
    <row r="596683" spans="14:14">
      <c r="N596683" s="10"/>
    </row>
    <row r="596684" spans="14:14">
      <c r="N596684" s="10"/>
    </row>
    <row r="596685" spans="14:14">
      <c r="N596685" s="10"/>
    </row>
    <row r="596686" spans="14:14">
      <c r="N596686" s="10"/>
    </row>
    <row r="596687" spans="14:14">
      <c r="N596687" s="10"/>
    </row>
    <row r="596688" spans="14:14">
      <c r="N596688" s="10"/>
    </row>
    <row r="596689" spans="14:14">
      <c r="N596689" s="10"/>
    </row>
    <row r="596690" spans="14:14">
      <c r="N596690" s="10"/>
    </row>
    <row r="596691" spans="14:14">
      <c r="N596691" s="10"/>
    </row>
    <row r="596692" spans="14:14">
      <c r="N596692" s="10"/>
    </row>
    <row r="596693" spans="14:14">
      <c r="N596693" s="10"/>
    </row>
    <row r="596694" spans="14:14">
      <c r="N596694" s="10"/>
    </row>
    <row r="596695" spans="14:14">
      <c r="N596695" s="10"/>
    </row>
    <row r="596696" spans="14:14">
      <c r="N596696" s="10"/>
    </row>
    <row r="596697" spans="14:14">
      <c r="N596697" s="10"/>
    </row>
    <row r="596698" spans="14:14">
      <c r="N596698" s="10"/>
    </row>
    <row r="596699" spans="14:14">
      <c r="N596699" s="10"/>
    </row>
    <row r="596700" spans="14:14">
      <c r="N596700" s="10"/>
    </row>
    <row r="596701" spans="14:14">
      <c r="N596701" s="10"/>
    </row>
    <row r="596702" spans="14:14">
      <c r="N596702" s="10"/>
    </row>
    <row r="596703" spans="14:14">
      <c r="N596703" s="10"/>
    </row>
    <row r="596704" spans="14:14">
      <c r="N596704" s="10"/>
    </row>
    <row r="596705" spans="14:14">
      <c r="N596705" s="10"/>
    </row>
    <row r="596706" spans="14:14">
      <c r="N596706" s="10"/>
    </row>
    <row r="596707" spans="14:14">
      <c r="N596707" s="10"/>
    </row>
    <row r="596708" spans="14:14">
      <c r="N596708" s="10"/>
    </row>
    <row r="596709" spans="14:14">
      <c r="N596709" s="10"/>
    </row>
    <row r="596710" spans="14:14">
      <c r="N596710" s="10"/>
    </row>
    <row r="596711" spans="14:14">
      <c r="N596711" s="10"/>
    </row>
    <row r="596712" spans="14:14">
      <c r="N596712" s="10"/>
    </row>
    <row r="596713" spans="14:14">
      <c r="N596713" s="10"/>
    </row>
    <row r="596714" spans="14:14">
      <c r="N596714" s="10"/>
    </row>
    <row r="596715" spans="14:14">
      <c r="N596715" s="10"/>
    </row>
    <row r="596716" spans="14:14">
      <c r="N596716" s="10"/>
    </row>
    <row r="596717" spans="14:14">
      <c r="N596717" s="10"/>
    </row>
    <row r="596718" spans="14:14">
      <c r="N596718" s="10"/>
    </row>
    <row r="596719" spans="14:14">
      <c r="N596719" s="10"/>
    </row>
    <row r="596720" spans="14:14">
      <c r="N596720" s="10"/>
    </row>
    <row r="596721" spans="14:14">
      <c r="N596721" s="10"/>
    </row>
    <row r="596722" spans="14:14">
      <c r="N596722" s="10"/>
    </row>
    <row r="596723" spans="14:14">
      <c r="N596723" s="10"/>
    </row>
    <row r="596724" spans="14:14">
      <c r="N596724" s="10"/>
    </row>
    <row r="596725" spans="14:14">
      <c r="N596725" s="10"/>
    </row>
    <row r="596726" spans="14:14">
      <c r="N596726" s="10"/>
    </row>
    <row r="596727" spans="14:14">
      <c r="N596727" s="10"/>
    </row>
    <row r="596728" spans="14:14">
      <c r="N596728" s="10"/>
    </row>
    <row r="596729" spans="14:14">
      <c r="N596729" s="10"/>
    </row>
    <row r="596730" spans="14:14">
      <c r="N596730" s="10"/>
    </row>
    <row r="596731" spans="14:14">
      <c r="N596731" s="10"/>
    </row>
    <row r="596732" spans="14:14">
      <c r="N596732" s="10"/>
    </row>
    <row r="596733" spans="14:14">
      <c r="N596733" s="10"/>
    </row>
    <row r="596734" spans="14:14">
      <c r="N596734" s="10"/>
    </row>
    <row r="596735" spans="14:14">
      <c r="N596735" s="10"/>
    </row>
    <row r="596736" spans="14:14">
      <c r="N596736" s="10"/>
    </row>
    <row r="596737" spans="14:14">
      <c r="N596737" s="10"/>
    </row>
    <row r="596738" spans="14:14">
      <c r="N596738" s="10"/>
    </row>
    <row r="596739" spans="14:14">
      <c r="N596739" s="10"/>
    </row>
    <row r="596740" spans="14:14">
      <c r="N596740" s="10"/>
    </row>
    <row r="596741" spans="14:14">
      <c r="N596741" s="10"/>
    </row>
    <row r="596742" spans="14:14">
      <c r="N596742" s="10"/>
    </row>
    <row r="596743" spans="14:14">
      <c r="N596743" s="10"/>
    </row>
    <row r="596744" spans="14:14">
      <c r="N596744" s="10"/>
    </row>
    <row r="596745" spans="14:14">
      <c r="N596745" s="10"/>
    </row>
    <row r="596746" spans="14:14">
      <c r="N596746" s="10"/>
    </row>
    <row r="596747" spans="14:14">
      <c r="N596747" s="10"/>
    </row>
    <row r="596748" spans="14:14">
      <c r="N596748" s="10"/>
    </row>
    <row r="596749" spans="14:14">
      <c r="N596749" s="10"/>
    </row>
    <row r="596750" spans="14:14">
      <c r="N596750" s="10"/>
    </row>
    <row r="596751" spans="14:14">
      <c r="N596751" s="10"/>
    </row>
    <row r="596752" spans="14:14">
      <c r="N596752" s="10"/>
    </row>
    <row r="596753" spans="14:14">
      <c r="N596753" s="10"/>
    </row>
    <row r="596754" spans="14:14">
      <c r="N596754" s="10"/>
    </row>
    <row r="596755" spans="14:14">
      <c r="N596755" s="10"/>
    </row>
    <row r="596756" spans="14:14">
      <c r="N596756" s="10"/>
    </row>
    <row r="596757" spans="14:14">
      <c r="N596757" s="10"/>
    </row>
    <row r="596758" spans="14:14">
      <c r="N596758" s="10"/>
    </row>
    <row r="596759" spans="14:14">
      <c r="N596759" s="10"/>
    </row>
    <row r="596760" spans="14:14">
      <c r="N596760" s="10"/>
    </row>
    <row r="596761" spans="14:14">
      <c r="N596761" s="10"/>
    </row>
    <row r="596762" spans="14:14">
      <c r="N596762" s="10"/>
    </row>
    <row r="596763" spans="14:14">
      <c r="N596763" s="10"/>
    </row>
    <row r="596764" spans="14:14">
      <c r="N596764" s="10"/>
    </row>
    <row r="596765" spans="14:14">
      <c r="N596765" s="10"/>
    </row>
    <row r="596766" spans="14:14">
      <c r="N596766" s="10"/>
    </row>
    <row r="596767" spans="14:14">
      <c r="N596767" s="10"/>
    </row>
    <row r="596768" spans="14:14">
      <c r="N596768" s="10"/>
    </row>
    <row r="596769" spans="14:14">
      <c r="N596769" s="10"/>
    </row>
    <row r="596770" spans="14:14">
      <c r="N596770" s="10"/>
    </row>
    <row r="596771" spans="14:14">
      <c r="N596771" s="10"/>
    </row>
    <row r="596772" spans="14:14">
      <c r="N596772" s="10"/>
    </row>
    <row r="596773" spans="14:14">
      <c r="N596773" s="10"/>
    </row>
    <row r="596774" spans="14:14">
      <c r="N596774" s="10"/>
    </row>
    <row r="596775" spans="14:14">
      <c r="N596775" s="10"/>
    </row>
    <row r="596776" spans="14:14">
      <c r="N596776" s="10"/>
    </row>
    <row r="596777" spans="14:14">
      <c r="N596777" s="10"/>
    </row>
    <row r="596778" spans="14:14">
      <c r="N596778" s="10"/>
    </row>
    <row r="596779" spans="14:14">
      <c r="N596779" s="10"/>
    </row>
    <row r="596780" spans="14:14">
      <c r="N596780" s="10"/>
    </row>
    <row r="596781" spans="14:14">
      <c r="N596781" s="10"/>
    </row>
    <row r="596782" spans="14:14">
      <c r="N596782" s="10"/>
    </row>
    <row r="596783" spans="14:14">
      <c r="N596783" s="10"/>
    </row>
    <row r="596784" spans="14:14">
      <c r="N596784" s="10"/>
    </row>
    <row r="596785" spans="14:14">
      <c r="N596785" s="10"/>
    </row>
    <row r="596786" spans="14:14">
      <c r="N596786" s="10"/>
    </row>
    <row r="596787" spans="14:14">
      <c r="N596787" s="10"/>
    </row>
    <row r="596788" spans="14:14">
      <c r="N596788" s="10"/>
    </row>
    <row r="596789" spans="14:14">
      <c r="N596789" s="10"/>
    </row>
    <row r="596790" spans="14:14">
      <c r="N596790" s="10"/>
    </row>
    <row r="596791" spans="14:14">
      <c r="N596791" s="10"/>
    </row>
    <row r="596792" spans="14:14">
      <c r="N596792" s="10"/>
    </row>
    <row r="596793" spans="14:14">
      <c r="N596793" s="10"/>
    </row>
    <row r="596794" spans="14:14">
      <c r="N596794" s="10"/>
    </row>
    <row r="596795" spans="14:14">
      <c r="N596795" s="10"/>
    </row>
    <row r="596796" spans="14:14">
      <c r="N596796" s="10"/>
    </row>
    <row r="596797" spans="14:14">
      <c r="N596797" s="10"/>
    </row>
    <row r="596798" spans="14:14">
      <c r="N596798" s="10"/>
    </row>
    <row r="596799" spans="14:14">
      <c r="N596799" s="10"/>
    </row>
    <row r="596800" spans="14:14">
      <c r="N596800" s="10"/>
    </row>
    <row r="596801" spans="14:14">
      <c r="N596801" s="10"/>
    </row>
    <row r="596802" spans="14:14">
      <c r="N596802" s="10"/>
    </row>
    <row r="596803" spans="14:14">
      <c r="N596803" s="10"/>
    </row>
    <row r="596804" spans="14:14">
      <c r="N596804" s="10"/>
    </row>
    <row r="596805" spans="14:14">
      <c r="N596805" s="10"/>
    </row>
    <row r="596806" spans="14:14">
      <c r="N596806" s="10"/>
    </row>
    <row r="596807" spans="14:14">
      <c r="N596807" s="10"/>
    </row>
    <row r="596808" spans="14:14">
      <c r="N596808" s="10"/>
    </row>
    <row r="596809" spans="14:14">
      <c r="N596809" s="10"/>
    </row>
    <row r="596810" spans="14:14">
      <c r="N596810" s="10"/>
    </row>
    <row r="596811" spans="14:14">
      <c r="N596811" s="10"/>
    </row>
    <row r="596812" spans="14:14">
      <c r="N596812" s="10"/>
    </row>
    <row r="596813" spans="14:14">
      <c r="N596813" s="10"/>
    </row>
    <row r="596814" spans="14:14">
      <c r="N596814" s="10"/>
    </row>
    <row r="596815" spans="14:14">
      <c r="N596815" s="10"/>
    </row>
    <row r="596816" spans="14:14">
      <c r="N596816" s="10"/>
    </row>
    <row r="596817" spans="14:14">
      <c r="N596817" s="10"/>
    </row>
    <row r="596818" spans="14:14">
      <c r="N596818" s="10"/>
    </row>
    <row r="596819" spans="14:14">
      <c r="N596819" s="10"/>
    </row>
    <row r="596820" spans="14:14">
      <c r="N596820" s="10"/>
    </row>
    <row r="596821" spans="14:14">
      <c r="N596821" s="10"/>
    </row>
    <row r="596822" spans="14:14">
      <c r="N596822" s="10"/>
    </row>
    <row r="596823" spans="14:14">
      <c r="N596823" s="10"/>
    </row>
    <row r="596824" spans="14:14">
      <c r="N596824" s="10"/>
    </row>
    <row r="596825" spans="14:14">
      <c r="N596825" s="10"/>
    </row>
    <row r="596826" spans="14:14">
      <c r="N596826" s="10"/>
    </row>
    <row r="596827" spans="14:14">
      <c r="N596827" s="10"/>
    </row>
    <row r="596828" spans="14:14">
      <c r="N596828" s="10"/>
    </row>
    <row r="596829" spans="14:14">
      <c r="N596829" s="10"/>
    </row>
    <row r="596830" spans="14:14">
      <c r="N596830" s="10"/>
    </row>
    <row r="596831" spans="14:14">
      <c r="N596831" s="10"/>
    </row>
    <row r="596832" spans="14:14">
      <c r="N596832" s="10"/>
    </row>
    <row r="596833" spans="14:14">
      <c r="N596833" s="10"/>
    </row>
    <row r="596834" spans="14:14">
      <c r="N596834" s="10"/>
    </row>
    <row r="596835" spans="14:14">
      <c r="N596835" s="10"/>
    </row>
    <row r="596836" spans="14:14">
      <c r="N596836" s="10"/>
    </row>
    <row r="596837" spans="14:14">
      <c r="N596837" s="10"/>
    </row>
    <row r="596838" spans="14:14">
      <c r="N596838" s="10"/>
    </row>
    <row r="596839" spans="14:14">
      <c r="N596839" s="10"/>
    </row>
    <row r="596840" spans="14:14">
      <c r="N596840" s="10"/>
    </row>
    <row r="596841" spans="14:14">
      <c r="N596841" s="10"/>
    </row>
    <row r="596842" spans="14:14">
      <c r="N596842" s="10"/>
    </row>
    <row r="596843" spans="14:14">
      <c r="N596843" s="10"/>
    </row>
    <row r="596844" spans="14:14">
      <c r="N596844" s="10"/>
    </row>
    <row r="596845" spans="14:14">
      <c r="N596845" s="10"/>
    </row>
    <row r="596846" spans="14:14">
      <c r="N596846" s="10"/>
    </row>
    <row r="596847" spans="14:14">
      <c r="N596847" s="10"/>
    </row>
    <row r="596848" spans="14:14">
      <c r="N596848" s="10"/>
    </row>
    <row r="596849" spans="14:14">
      <c r="N596849" s="10"/>
    </row>
    <row r="596850" spans="14:14">
      <c r="N596850" s="10"/>
    </row>
    <row r="596851" spans="14:14">
      <c r="N596851" s="10"/>
    </row>
    <row r="596852" spans="14:14">
      <c r="N596852" s="10"/>
    </row>
    <row r="596853" spans="14:14">
      <c r="N596853" s="10"/>
    </row>
    <row r="596854" spans="14:14">
      <c r="N596854" s="10"/>
    </row>
    <row r="596855" spans="14:14">
      <c r="N596855" s="10"/>
    </row>
    <row r="596856" spans="14:14">
      <c r="N596856" s="10"/>
    </row>
    <row r="596857" spans="14:14">
      <c r="N596857" s="10"/>
    </row>
    <row r="596858" spans="14:14">
      <c r="N596858" s="10"/>
    </row>
    <row r="596859" spans="14:14">
      <c r="N596859" s="10"/>
    </row>
    <row r="596860" spans="14:14">
      <c r="N596860" s="10"/>
    </row>
    <row r="596861" spans="14:14">
      <c r="N596861" s="10"/>
    </row>
    <row r="596862" spans="14:14">
      <c r="N596862" s="10"/>
    </row>
    <row r="596863" spans="14:14">
      <c r="N596863" s="10"/>
    </row>
    <row r="596864" spans="14:14">
      <c r="N596864" s="10"/>
    </row>
    <row r="596865" spans="14:14">
      <c r="N596865" s="10"/>
    </row>
    <row r="596866" spans="14:14">
      <c r="N596866" s="10"/>
    </row>
    <row r="596867" spans="14:14">
      <c r="N596867" s="10"/>
    </row>
    <row r="596868" spans="14:14">
      <c r="N596868" s="10"/>
    </row>
    <row r="596869" spans="14:14">
      <c r="N596869" s="10"/>
    </row>
    <row r="596870" spans="14:14">
      <c r="N596870" s="10"/>
    </row>
    <row r="596871" spans="14:14">
      <c r="N596871" s="10"/>
    </row>
    <row r="596872" spans="14:14">
      <c r="N596872" s="10"/>
    </row>
    <row r="596873" spans="14:14">
      <c r="N596873" s="10"/>
    </row>
    <row r="596874" spans="14:14">
      <c r="N596874" s="10"/>
    </row>
    <row r="596875" spans="14:14">
      <c r="N596875" s="10"/>
    </row>
    <row r="596876" spans="14:14">
      <c r="N596876" s="10"/>
    </row>
    <row r="596877" spans="14:14">
      <c r="N596877" s="10"/>
    </row>
    <row r="596878" spans="14:14">
      <c r="N596878" s="10"/>
    </row>
    <row r="596879" spans="14:14">
      <c r="N596879" s="10"/>
    </row>
    <row r="596880" spans="14:14">
      <c r="N596880" s="10"/>
    </row>
    <row r="596881" spans="14:14">
      <c r="N596881" s="10"/>
    </row>
    <row r="596882" spans="14:14">
      <c r="N596882" s="10"/>
    </row>
    <row r="596883" spans="14:14">
      <c r="N596883" s="10"/>
    </row>
    <row r="596884" spans="14:14">
      <c r="N596884" s="10"/>
    </row>
    <row r="596885" spans="14:14">
      <c r="N596885" s="10"/>
    </row>
    <row r="596886" spans="14:14">
      <c r="N596886" s="10"/>
    </row>
    <row r="596887" spans="14:14">
      <c r="N596887" s="10"/>
    </row>
    <row r="596888" spans="14:14">
      <c r="N596888" s="10"/>
    </row>
    <row r="596889" spans="14:14">
      <c r="N596889" s="10"/>
    </row>
    <row r="596890" spans="14:14">
      <c r="N596890" s="10"/>
    </row>
    <row r="596891" spans="14:14">
      <c r="N596891" s="10"/>
    </row>
    <row r="596892" spans="14:14">
      <c r="N596892" s="10"/>
    </row>
    <row r="596893" spans="14:14">
      <c r="N596893" s="10"/>
    </row>
    <row r="596894" spans="14:14">
      <c r="N596894" s="10"/>
    </row>
    <row r="596895" spans="14:14">
      <c r="N596895" s="10"/>
    </row>
    <row r="596896" spans="14:14">
      <c r="N596896" s="10"/>
    </row>
    <row r="596897" spans="14:14">
      <c r="N596897" s="10"/>
    </row>
    <row r="596898" spans="14:14">
      <c r="N596898" s="10"/>
    </row>
    <row r="596899" spans="14:14">
      <c r="N596899" s="10"/>
    </row>
    <row r="596900" spans="14:14">
      <c r="N596900" s="10"/>
    </row>
    <row r="596901" spans="14:14">
      <c r="N596901" s="10"/>
    </row>
    <row r="596902" spans="14:14">
      <c r="N596902" s="10"/>
    </row>
    <row r="596903" spans="14:14">
      <c r="N596903" s="10"/>
    </row>
    <row r="596904" spans="14:14">
      <c r="N596904" s="10"/>
    </row>
    <row r="596905" spans="14:14">
      <c r="N596905" s="10"/>
    </row>
    <row r="596906" spans="14:14">
      <c r="N596906" s="10"/>
    </row>
    <row r="596907" spans="14:14">
      <c r="N596907" s="10"/>
    </row>
    <row r="596908" spans="14:14">
      <c r="N596908" s="10"/>
    </row>
    <row r="596909" spans="14:14">
      <c r="N596909" s="10"/>
    </row>
    <row r="596910" spans="14:14">
      <c r="N596910" s="10"/>
    </row>
    <row r="596911" spans="14:14">
      <c r="N596911" s="10"/>
    </row>
    <row r="596912" spans="14:14">
      <c r="N596912" s="10"/>
    </row>
    <row r="596913" spans="14:14">
      <c r="N596913" s="10"/>
    </row>
    <row r="596914" spans="14:14">
      <c r="N596914" s="10"/>
    </row>
    <row r="596915" spans="14:14">
      <c r="N596915" s="10"/>
    </row>
    <row r="596916" spans="14:14">
      <c r="N596916" s="10"/>
    </row>
    <row r="596917" spans="14:14">
      <c r="N596917" s="10"/>
    </row>
    <row r="596918" spans="14:14">
      <c r="N596918" s="10"/>
    </row>
    <row r="596919" spans="14:14">
      <c r="N596919" s="10"/>
    </row>
    <row r="596920" spans="14:14">
      <c r="N596920" s="10"/>
    </row>
    <row r="596921" spans="14:14">
      <c r="N596921" s="10"/>
    </row>
    <row r="596922" spans="14:14">
      <c r="N596922" s="10"/>
    </row>
    <row r="596923" spans="14:14">
      <c r="N596923" s="10"/>
    </row>
    <row r="596924" spans="14:14">
      <c r="N596924" s="10"/>
    </row>
    <row r="596925" spans="14:14">
      <c r="N596925" s="10"/>
    </row>
    <row r="596926" spans="14:14">
      <c r="N596926" s="10"/>
    </row>
    <row r="596927" spans="14:14">
      <c r="N596927" s="10"/>
    </row>
    <row r="596928" spans="14:14">
      <c r="N596928" s="10"/>
    </row>
    <row r="596929" spans="14:14">
      <c r="N596929" s="10"/>
    </row>
    <row r="596930" spans="14:14">
      <c r="N596930" s="10"/>
    </row>
    <row r="596931" spans="14:14">
      <c r="N596931" s="10"/>
    </row>
    <row r="596932" spans="14:14">
      <c r="N596932" s="10"/>
    </row>
    <row r="596933" spans="14:14">
      <c r="N596933" s="10"/>
    </row>
    <row r="596934" spans="14:14">
      <c r="N596934" s="10"/>
    </row>
    <row r="596935" spans="14:14">
      <c r="N596935" s="10"/>
    </row>
    <row r="596936" spans="14:14">
      <c r="N596936" s="10"/>
    </row>
    <row r="596937" spans="14:14">
      <c r="N596937" s="10"/>
    </row>
    <row r="596938" spans="14:14">
      <c r="N596938" s="10"/>
    </row>
    <row r="596939" spans="14:14">
      <c r="N596939" s="10"/>
    </row>
    <row r="596940" spans="14:14">
      <c r="N596940" s="10"/>
    </row>
    <row r="596941" spans="14:14">
      <c r="N596941" s="10"/>
    </row>
    <row r="596942" spans="14:14">
      <c r="N596942" s="10"/>
    </row>
    <row r="596943" spans="14:14">
      <c r="N596943" s="10"/>
    </row>
    <row r="596944" spans="14:14">
      <c r="N596944" s="10"/>
    </row>
    <row r="596945" spans="14:14">
      <c r="N596945" s="10"/>
    </row>
    <row r="596946" spans="14:14">
      <c r="N596946" s="10"/>
    </row>
    <row r="596947" spans="14:14">
      <c r="N596947" s="10"/>
    </row>
    <row r="596948" spans="14:14">
      <c r="N596948" s="10"/>
    </row>
    <row r="596949" spans="14:14">
      <c r="N596949" s="10"/>
    </row>
    <row r="596950" spans="14:14">
      <c r="N596950" s="10"/>
    </row>
    <row r="596951" spans="14:14">
      <c r="N596951" s="10"/>
    </row>
    <row r="596952" spans="14:14">
      <c r="N596952" s="10"/>
    </row>
    <row r="596953" spans="14:14">
      <c r="N596953" s="10"/>
    </row>
    <row r="596954" spans="14:14">
      <c r="N596954" s="10"/>
    </row>
    <row r="596955" spans="14:14">
      <c r="N596955" s="10"/>
    </row>
    <row r="596956" spans="14:14">
      <c r="N596956" s="10"/>
    </row>
    <row r="596957" spans="14:14">
      <c r="N596957" s="10"/>
    </row>
    <row r="596958" spans="14:14">
      <c r="N596958" s="10"/>
    </row>
    <row r="596959" spans="14:14">
      <c r="N596959" s="10"/>
    </row>
    <row r="596960" spans="14:14">
      <c r="N596960" s="10"/>
    </row>
    <row r="596961" spans="14:14">
      <c r="N596961" s="10"/>
    </row>
    <row r="596962" spans="14:14">
      <c r="N596962" s="10"/>
    </row>
    <row r="596963" spans="14:14">
      <c r="N596963" s="10"/>
    </row>
    <row r="596964" spans="14:14">
      <c r="N596964" s="10"/>
    </row>
    <row r="596965" spans="14:14">
      <c r="N596965" s="10"/>
    </row>
    <row r="596966" spans="14:14">
      <c r="N596966" s="10"/>
    </row>
    <row r="596967" spans="14:14">
      <c r="N596967" s="10"/>
    </row>
    <row r="596968" spans="14:14">
      <c r="N596968" s="10"/>
    </row>
    <row r="596969" spans="14:14">
      <c r="N596969" s="10"/>
    </row>
    <row r="596970" spans="14:14">
      <c r="N596970" s="10"/>
    </row>
    <row r="596971" spans="14:14">
      <c r="N596971" s="10"/>
    </row>
    <row r="596972" spans="14:14">
      <c r="N596972" s="10"/>
    </row>
    <row r="596973" spans="14:14">
      <c r="N596973" s="10"/>
    </row>
    <row r="596974" spans="14:14">
      <c r="N596974" s="10"/>
    </row>
    <row r="596975" spans="14:14">
      <c r="N596975" s="10"/>
    </row>
    <row r="596976" spans="14:14">
      <c r="N596976" s="10"/>
    </row>
    <row r="596977" spans="14:14">
      <c r="N596977" s="10"/>
    </row>
    <row r="596978" spans="14:14">
      <c r="N596978" s="10"/>
    </row>
    <row r="596979" spans="14:14">
      <c r="N596979" s="10"/>
    </row>
    <row r="596980" spans="14:14">
      <c r="N596980" s="10"/>
    </row>
    <row r="596981" spans="14:14">
      <c r="N596981" s="10"/>
    </row>
    <row r="596982" spans="14:14">
      <c r="N596982" s="10"/>
    </row>
    <row r="596983" spans="14:14">
      <c r="N596983" s="10"/>
    </row>
    <row r="596984" spans="14:14">
      <c r="N596984" s="10"/>
    </row>
    <row r="596985" spans="14:14">
      <c r="N596985" s="10"/>
    </row>
    <row r="596986" spans="14:14">
      <c r="N596986" s="10"/>
    </row>
    <row r="596987" spans="14:14">
      <c r="N596987" s="10"/>
    </row>
    <row r="596988" spans="14:14">
      <c r="N596988" s="10"/>
    </row>
    <row r="596989" spans="14:14">
      <c r="N596989" s="10"/>
    </row>
    <row r="596990" spans="14:14">
      <c r="N596990" s="10"/>
    </row>
    <row r="596991" spans="14:14">
      <c r="N596991" s="10"/>
    </row>
    <row r="596992" spans="14:14">
      <c r="N596992" s="10"/>
    </row>
    <row r="596993" spans="14:14">
      <c r="N596993" s="10"/>
    </row>
    <row r="596994" spans="14:14">
      <c r="N596994" s="10"/>
    </row>
    <row r="596995" spans="14:14">
      <c r="N596995" s="10"/>
    </row>
    <row r="596996" spans="14:14">
      <c r="N596996" s="10"/>
    </row>
    <row r="596997" spans="14:14">
      <c r="N596997" s="10"/>
    </row>
    <row r="596998" spans="14:14">
      <c r="N596998" s="10"/>
    </row>
    <row r="596999" spans="14:14">
      <c r="N596999" s="10"/>
    </row>
    <row r="597000" spans="14:14">
      <c r="N597000" s="10"/>
    </row>
    <row r="597001" spans="14:14">
      <c r="N597001" s="10"/>
    </row>
    <row r="597002" spans="14:14">
      <c r="N597002" s="10"/>
    </row>
    <row r="597003" spans="14:14">
      <c r="N597003" s="10"/>
    </row>
    <row r="597004" spans="14:14">
      <c r="N597004" s="10"/>
    </row>
    <row r="597005" spans="14:14">
      <c r="N597005" s="10"/>
    </row>
    <row r="597006" spans="14:14">
      <c r="N597006" s="10"/>
    </row>
    <row r="597007" spans="14:14">
      <c r="N597007" s="10"/>
    </row>
    <row r="597008" spans="14:14">
      <c r="N597008" s="10"/>
    </row>
    <row r="597009" spans="14:14">
      <c r="N597009" s="10"/>
    </row>
    <row r="597010" spans="14:14">
      <c r="N597010" s="10"/>
    </row>
    <row r="597011" spans="14:14">
      <c r="N597011" s="10"/>
    </row>
    <row r="597012" spans="14:14">
      <c r="N597012" s="10"/>
    </row>
    <row r="597013" spans="14:14">
      <c r="N597013" s="10"/>
    </row>
    <row r="597014" spans="14:14">
      <c r="N597014" s="10"/>
    </row>
    <row r="597015" spans="14:14">
      <c r="N597015" s="10"/>
    </row>
    <row r="597016" spans="14:14">
      <c r="N597016" s="10"/>
    </row>
    <row r="597017" spans="14:14">
      <c r="N597017" s="10"/>
    </row>
    <row r="597018" spans="14:14">
      <c r="N597018" s="10"/>
    </row>
    <row r="597019" spans="14:14">
      <c r="N597019" s="10"/>
    </row>
    <row r="597020" spans="14:14">
      <c r="N597020" s="10"/>
    </row>
    <row r="597021" spans="14:14">
      <c r="N597021" s="10"/>
    </row>
    <row r="597022" spans="14:14">
      <c r="N597022" s="10"/>
    </row>
    <row r="597023" spans="14:14">
      <c r="N597023" s="10"/>
    </row>
    <row r="597024" spans="14:14">
      <c r="N597024" s="10"/>
    </row>
    <row r="597025" spans="14:14">
      <c r="N597025" s="10"/>
    </row>
    <row r="597026" spans="14:14">
      <c r="N597026" s="10"/>
    </row>
    <row r="597027" spans="14:14">
      <c r="N597027" s="10"/>
    </row>
    <row r="597028" spans="14:14">
      <c r="N597028" s="10"/>
    </row>
    <row r="597029" spans="14:14">
      <c r="N597029" s="10"/>
    </row>
    <row r="597030" spans="14:14">
      <c r="N597030" s="10"/>
    </row>
    <row r="597031" spans="14:14">
      <c r="N597031" s="10"/>
    </row>
    <row r="597032" spans="14:14">
      <c r="N597032" s="10"/>
    </row>
    <row r="597033" spans="14:14">
      <c r="N597033" s="10"/>
    </row>
    <row r="597034" spans="14:14">
      <c r="N597034" s="10"/>
    </row>
    <row r="597035" spans="14:14">
      <c r="N597035" s="10"/>
    </row>
    <row r="597036" spans="14:14">
      <c r="N597036" s="10"/>
    </row>
    <row r="597037" spans="14:14">
      <c r="N597037" s="10"/>
    </row>
    <row r="597038" spans="14:14">
      <c r="N597038" s="10"/>
    </row>
    <row r="597039" spans="14:14">
      <c r="N597039" s="10"/>
    </row>
    <row r="597040" spans="14:14">
      <c r="N597040" s="10"/>
    </row>
    <row r="597041" spans="14:14">
      <c r="N597041" s="10"/>
    </row>
    <row r="597042" spans="14:14">
      <c r="N597042" s="10"/>
    </row>
    <row r="597043" spans="14:14">
      <c r="N597043" s="10"/>
    </row>
    <row r="597044" spans="14:14">
      <c r="N597044" s="10"/>
    </row>
    <row r="597045" spans="14:14">
      <c r="N597045" s="10"/>
    </row>
    <row r="597046" spans="14:14">
      <c r="N597046" s="10"/>
    </row>
    <row r="597047" spans="14:14">
      <c r="N597047" s="10"/>
    </row>
    <row r="597048" spans="14:14">
      <c r="N597048" s="10"/>
    </row>
    <row r="597049" spans="14:14">
      <c r="N597049" s="10"/>
    </row>
    <row r="597050" spans="14:14">
      <c r="N597050" s="10"/>
    </row>
    <row r="597051" spans="14:14">
      <c r="N597051" s="10"/>
    </row>
    <row r="597052" spans="14:14">
      <c r="N597052" s="10"/>
    </row>
    <row r="597053" spans="14:14">
      <c r="N597053" s="10"/>
    </row>
    <row r="597054" spans="14:14">
      <c r="N597054" s="10"/>
    </row>
    <row r="597055" spans="14:14">
      <c r="N597055" s="10"/>
    </row>
    <row r="597056" spans="14:14">
      <c r="N597056" s="10"/>
    </row>
    <row r="597057" spans="14:14">
      <c r="N597057" s="10"/>
    </row>
    <row r="597058" spans="14:14">
      <c r="N597058" s="10"/>
    </row>
    <row r="597059" spans="14:14">
      <c r="N597059" s="10"/>
    </row>
    <row r="597060" spans="14:14">
      <c r="N597060" s="10"/>
    </row>
    <row r="597061" spans="14:14">
      <c r="N597061" s="10"/>
    </row>
    <row r="597062" spans="14:14">
      <c r="N597062" s="10"/>
    </row>
    <row r="597063" spans="14:14">
      <c r="N597063" s="10"/>
    </row>
    <row r="597064" spans="14:14">
      <c r="N597064" s="10"/>
    </row>
    <row r="597065" spans="14:14">
      <c r="N597065" s="10"/>
    </row>
    <row r="597066" spans="14:14">
      <c r="N597066" s="10"/>
    </row>
    <row r="597067" spans="14:14">
      <c r="N597067" s="10"/>
    </row>
    <row r="597068" spans="14:14">
      <c r="N597068" s="10"/>
    </row>
    <row r="597069" spans="14:14">
      <c r="N597069" s="10"/>
    </row>
    <row r="597070" spans="14:14">
      <c r="N597070" s="10"/>
    </row>
    <row r="597071" spans="14:14">
      <c r="N597071" s="10"/>
    </row>
    <row r="597072" spans="14:14">
      <c r="N597072" s="10"/>
    </row>
    <row r="597073" spans="14:14">
      <c r="N597073" s="10"/>
    </row>
    <row r="597074" spans="14:14">
      <c r="N597074" s="10"/>
    </row>
    <row r="597075" spans="14:14">
      <c r="N597075" s="10"/>
    </row>
    <row r="597076" spans="14:14">
      <c r="N597076" s="10"/>
    </row>
    <row r="597077" spans="14:14">
      <c r="N597077" s="10"/>
    </row>
    <row r="597078" spans="14:14">
      <c r="N597078" s="10"/>
    </row>
    <row r="597079" spans="14:14">
      <c r="N597079" s="10"/>
    </row>
    <row r="597080" spans="14:14">
      <c r="N597080" s="10"/>
    </row>
    <row r="597081" spans="14:14">
      <c r="N597081" s="10"/>
    </row>
    <row r="597082" spans="14:14">
      <c r="N597082" s="10"/>
    </row>
    <row r="597083" spans="14:14">
      <c r="N597083" s="10"/>
    </row>
    <row r="597084" spans="14:14">
      <c r="N597084" s="10"/>
    </row>
    <row r="597085" spans="14:14">
      <c r="N597085" s="10"/>
    </row>
    <row r="597086" spans="14:14">
      <c r="N597086" s="10"/>
    </row>
    <row r="597087" spans="14:14">
      <c r="N597087" s="10"/>
    </row>
    <row r="597088" spans="14:14">
      <c r="N597088" s="10"/>
    </row>
    <row r="597089" spans="14:14">
      <c r="N597089" s="10"/>
    </row>
    <row r="597090" spans="14:14">
      <c r="N597090" s="10"/>
    </row>
    <row r="597091" spans="14:14">
      <c r="N597091" s="10"/>
    </row>
    <row r="597092" spans="14:14">
      <c r="N597092" s="10"/>
    </row>
    <row r="597093" spans="14:14">
      <c r="N597093" s="10"/>
    </row>
    <row r="597094" spans="14:14">
      <c r="N597094" s="10"/>
    </row>
    <row r="597095" spans="14:14">
      <c r="N597095" s="10"/>
    </row>
    <row r="597096" spans="14:14">
      <c r="N597096" s="10"/>
    </row>
    <row r="597097" spans="14:14">
      <c r="N597097" s="10"/>
    </row>
    <row r="597098" spans="14:14">
      <c r="N597098" s="10"/>
    </row>
    <row r="597099" spans="14:14">
      <c r="N597099" s="10"/>
    </row>
    <row r="597100" spans="14:14">
      <c r="N597100" s="10"/>
    </row>
    <row r="597101" spans="14:14">
      <c r="N597101" s="10"/>
    </row>
    <row r="597102" spans="14:14">
      <c r="N597102" s="10"/>
    </row>
    <row r="597103" spans="14:14">
      <c r="N597103" s="10"/>
    </row>
    <row r="597104" spans="14:14">
      <c r="N597104" s="10"/>
    </row>
    <row r="597105" spans="14:14">
      <c r="N597105" s="10"/>
    </row>
    <row r="597106" spans="14:14">
      <c r="N597106" s="10"/>
    </row>
    <row r="597107" spans="14:14">
      <c r="N597107" s="10"/>
    </row>
    <row r="597108" spans="14:14">
      <c r="N597108" s="10"/>
    </row>
    <row r="597109" spans="14:14">
      <c r="N597109" s="10"/>
    </row>
    <row r="597110" spans="14:14">
      <c r="N597110" s="10"/>
    </row>
    <row r="597111" spans="14:14">
      <c r="N597111" s="10"/>
    </row>
    <row r="597112" spans="14:14">
      <c r="N597112" s="10"/>
    </row>
    <row r="597113" spans="14:14">
      <c r="N597113" s="10"/>
    </row>
    <row r="597114" spans="14:14">
      <c r="N597114" s="10"/>
    </row>
    <row r="597115" spans="14:14">
      <c r="N597115" s="10"/>
    </row>
    <row r="597116" spans="14:14">
      <c r="N597116" s="10"/>
    </row>
    <row r="597117" spans="14:14">
      <c r="N597117" s="10"/>
    </row>
    <row r="597118" spans="14:14">
      <c r="N597118" s="10"/>
    </row>
    <row r="597119" spans="14:14">
      <c r="N597119" s="10"/>
    </row>
    <row r="597120" spans="14:14">
      <c r="N597120" s="10"/>
    </row>
    <row r="597121" spans="14:14">
      <c r="N597121" s="10"/>
    </row>
    <row r="597122" spans="14:14">
      <c r="N597122" s="10"/>
    </row>
    <row r="597123" spans="14:14">
      <c r="N597123" s="10"/>
    </row>
    <row r="597124" spans="14:14">
      <c r="N597124" s="10"/>
    </row>
    <row r="597125" spans="14:14">
      <c r="N597125" s="10"/>
    </row>
    <row r="597126" spans="14:14">
      <c r="N597126" s="10"/>
    </row>
    <row r="597127" spans="14:14">
      <c r="N597127" s="10"/>
    </row>
    <row r="597128" spans="14:14">
      <c r="N597128" s="10"/>
    </row>
    <row r="597129" spans="14:14">
      <c r="N597129" s="10"/>
    </row>
    <row r="597130" spans="14:14">
      <c r="N597130" s="10"/>
    </row>
    <row r="597131" spans="14:14">
      <c r="N597131" s="10"/>
    </row>
    <row r="597132" spans="14:14">
      <c r="N597132" s="10"/>
    </row>
    <row r="597133" spans="14:14">
      <c r="N597133" s="10"/>
    </row>
    <row r="597134" spans="14:14">
      <c r="N597134" s="10"/>
    </row>
    <row r="597135" spans="14:14">
      <c r="N597135" s="10"/>
    </row>
    <row r="597136" spans="14:14">
      <c r="N597136" s="10"/>
    </row>
    <row r="597137" spans="14:14">
      <c r="N597137" s="10"/>
    </row>
    <row r="597138" spans="14:14">
      <c r="N597138" s="10"/>
    </row>
    <row r="597139" spans="14:14">
      <c r="N597139" s="10"/>
    </row>
    <row r="597140" spans="14:14">
      <c r="N597140" s="10"/>
    </row>
    <row r="597141" spans="14:14">
      <c r="N597141" s="10"/>
    </row>
    <row r="597142" spans="14:14">
      <c r="N597142" s="10"/>
    </row>
    <row r="597143" spans="14:14">
      <c r="N597143" s="10"/>
    </row>
    <row r="597144" spans="14:14">
      <c r="N597144" s="10"/>
    </row>
    <row r="597145" spans="14:14">
      <c r="N597145" s="10"/>
    </row>
    <row r="597146" spans="14:14">
      <c r="N597146" s="10"/>
    </row>
    <row r="597147" spans="14:14">
      <c r="N597147" s="10"/>
    </row>
    <row r="597148" spans="14:14">
      <c r="N597148" s="10"/>
    </row>
    <row r="597149" spans="14:14">
      <c r="N597149" s="10"/>
    </row>
    <row r="597150" spans="14:14">
      <c r="N597150" s="10"/>
    </row>
    <row r="597151" spans="14:14">
      <c r="N597151" s="10"/>
    </row>
    <row r="597152" spans="14:14">
      <c r="N597152" s="10"/>
    </row>
    <row r="597153" spans="14:14">
      <c r="N597153" s="10"/>
    </row>
    <row r="597154" spans="14:14">
      <c r="N597154" s="10"/>
    </row>
    <row r="597155" spans="14:14">
      <c r="N597155" s="10"/>
    </row>
    <row r="597156" spans="14:14">
      <c r="N597156" s="10"/>
    </row>
    <row r="597157" spans="14:14">
      <c r="N597157" s="10"/>
    </row>
    <row r="597158" spans="14:14">
      <c r="N597158" s="10"/>
    </row>
    <row r="597159" spans="14:14">
      <c r="N597159" s="10"/>
    </row>
    <row r="597160" spans="14:14">
      <c r="N597160" s="10"/>
    </row>
    <row r="597161" spans="14:14">
      <c r="N597161" s="10"/>
    </row>
    <row r="597162" spans="14:14">
      <c r="N597162" s="10"/>
    </row>
    <row r="597163" spans="14:14">
      <c r="N597163" s="10"/>
    </row>
    <row r="597164" spans="14:14">
      <c r="N597164" s="10"/>
    </row>
    <row r="597165" spans="14:14">
      <c r="N597165" s="10"/>
    </row>
    <row r="597166" spans="14:14">
      <c r="N597166" s="10"/>
    </row>
    <row r="597167" spans="14:14">
      <c r="N597167" s="10"/>
    </row>
    <row r="597168" spans="14:14">
      <c r="N597168" s="10"/>
    </row>
    <row r="597169" spans="14:14">
      <c r="N597169" s="10"/>
    </row>
    <row r="597170" spans="14:14">
      <c r="N597170" s="10"/>
    </row>
    <row r="597171" spans="14:14">
      <c r="N597171" s="10"/>
    </row>
    <row r="597172" spans="14:14">
      <c r="N597172" s="10"/>
    </row>
    <row r="597173" spans="14:14">
      <c r="N597173" s="10"/>
    </row>
    <row r="597174" spans="14:14">
      <c r="N597174" s="10"/>
    </row>
    <row r="597175" spans="14:14">
      <c r="N597175" s="10"/>
    </row>
    <row r="597176" spans="14:14">
      <c r="N597176" s="10"/>
    </row>
    <row r="597177" spans="14:14">
      <c r="N597177" s="10"/>
    </row>
    <row r="597178" spans="14:14">
      <c r="N597178" s="10"/>
    </row>
    <row r="597179" spans="14:14">
      <c r="N597179" s="10"/>
    </row>
    <row r="597180" spans="14:14">
      <c r="N597180" s="10"/>
    </row>
    <row r="597181" spans="14:14">
      <c r="N597181" s="10"/>
    </row>
    <row r="597182" spans="14:14">
      <c r="N597182" s="10"/>
    </row>
    <row r="597183" spans="14:14">
      <c r="N597183" s="10"/>
    </row>
    <row r="597184" spans="14:14">
      <c r="N597184" s="10"/>
    </row>
    <row r="597185" spans="14:14">
      <c r="N597185" s="10"/>
    </row>
    <row r="597186" spans="14:14">
      <c r="N597186" s="10"/>
    </row>
    <row r="597187" spans="14:14">
      <c r="N597187" s="10"/>
    </row>
    <row r="597188" spans="14:14">
      <c r="N597188" s="10"/>
    </row>
    <row r="597189" spans="14:14">
      <c r="N597189" s="10"/>
    </row>
    <row r="597190" spans="14:14">
      <c r="N597190" s="10"/>
    </row>
    <row r="597191" spans="14:14">
      <c r="N597191" s="10"/>
    </row>
    <row r="597192" spans="14:14">
      <c r="N597192" s="10"/>
    </row>
    <row r="597193" spans="14:14">
      <c r="N597193" s="10"/>
    </row>
    <row r="597194" spans="14:14">
      <c r="N597194" s="10"/>
    </row>
    <row r="597195" spans="14:14">
      <c r="N597195" s="10"/>
    </row>
    <row r="597196" spans="14:14">
      <c r="N597196" s="10"/>
    </row>
    <row r="597197" spans="14:14">
      <c r="N597197" s="10"/>
    </row>
    <row r="597198" spans="14:14">
      <c r="N597198" s="10"/>
    </row>
    <row r="597199" spans="14:14">
      <c r="N597199" s="10"/>
    </row>
    <row r="597200" spans="14:14">
      <c r="N597200" s="10"/>
    </row>
    <row r="597201" spans="14:14">
      <c r="N597201" s="10"/>
    </row>
    <row r="597202" spans="14:14">
      <c r="N597202" s="10"/>
    </row>
    <row r="597203" spans="14:14">
      <c r="N597203" s="10"/>
    </row>
    <row r="597204" spans="14:14">
      <c r="N597204" s="10"/>
    </row>
    <row r="597205" spans="14:14">
      <c r="N597205" s="10"/>
    </row>
    <row r="597206" spans="14:14">
      <c r="N597206" s="10"/>
    </row>
    <row r="597207" spans="14:14">
      <c r="N597207" s="10"/>
    </row>
    <row r="597208" spans="14:14">
      <c r="N597208" s="10"/>
    </row>
    <row r="597209" spans="14:14">
      <c r="N597209" s="10"/>
    </row>
    <row r="597210" spans="14:14">
      <c r="N597210" s="10"/>
    </row>
    <row r="597211" spans="14:14">
      <c r="N597211" s="10"/>
    </row>
    <row r="597212" spans="14:14">
      <c r="N597212" s="10"/>
    </row>
    <row r="597213" spans="14:14">
      <c r="N597213" s="10"/>
    </row>
    <row r="597214" spans="14:14">
      <c r="N597214" s="10"/>
    </row>
    <row r="597215" spans="14:14">
      <c r="N597215" s="10"/>
    </row>
    <row r="597216" spans="14:14">
      <c r="N597216" s="10"/>
    </row>
    <row r="597217" spans="14:14">
      <c r="N597217" s="10"/>
    </row>
    <row r="597218" spans="14:14">
      <c r="N597218" s="10"/>
    </row>
    <row r="597219" spans="14:14">
      <c r="N597219" s="10"/>
    </row>
    <row r="597220" spans="14:14">
      <c r="N597220" s="10"/>
    </row>
    <row r="597221" spans="14:14">
      <c r="N597221" s="10"/>
    </row>
    <row r="597222" spans="14:14">
      <c r="N597222" s="10"/>
    </row>
    <row r="597223" spans="14:14">
      <c r="N597223" s="10"/>
    </row>
    <row r="597224" spans="14:14">
      <c r="N597224" s="10"/>
    </row>
    <row r="597225" spans="14:14">
      <c r="N597225" s="10"/>
    </row>
    <row r="597226" spans="14:14">
      <c r="N597226" s="10"/>
    </row>
    <row r="597227" spans="14:14">
      <c r="N597227" s="10"/>
    </row>
    <row r="597228" spans="14:14">
      <c r="N597228" s="10"/>
    </row>
    <row r="597229" spans="14:14">
      <c r="N597229" s="10"/>
    </row>
    <row r="597230" spans="14:14">
      <c r="N597230" s="10"/>
    </row>
    <row r="597231" spans="14:14">
      <c r="N597231" s="10"/>
    </row>
    <row r="597232" spans="14:14">
      <c r="N597232" s="10"/>
    </row>
    <row r="597233" spans="14:14">
      <c r="N597233" s="10"/>
    </row>
    <row r="597234" spans="14:14">
      <c r="N597234" s="10"/>
    </row>
    <row r="597235" spans="14:14">
      <c r="N597235" s="10"/>
    </row>
    <row r="597236" spans="14:14">
      <c r="N597236" s="10"/>
    </row>
    <row r="597237" spans="14:14">
      <c r="N597237" s="10"/>
    </row>
    <row r="597238" spans="14:14">
      <c r="N597238" s="10"/>
    </row>
    <row r="597239" spans="14:14">
      <c r="N597239" s="10"/>
    </row>
    <row r="597240" spans="14:14">
      <c r="N597240" s="10"/>
    </row>
    <row r="597241" spans="14:14">
      <c r="N597241" s="10"/>
    </row>
    <row r="597242" spans="14:14">
      <c r="N597242" s="10"/>
    </row>
    <row r="597243" spans="14:14">
      <c r="N597243" s="10"/>
    </row>
    <row r="597244" spans="14:14">
      <c r="N597244" s="10"/>
    </row>
    <row r="597245" spans="14:14">
      <c r="N597245" s="10"/>
    </row>
    <row r="597246" spans="14:14">
      <c r="N597246" s="10"/>
    </row>
    <row r="597247" spans="14:14">
      <c r="N597247" s="10"/>
    </row>
    <row r="597248" spans="14:14">
      <c r="N597248" s="10"/>
    </row>
    <row r="597249" spans="14:14">
      <c r="N597249" s="10"/>
    </row>
    <row r="597250" spans="14:14">
      <c r="N597250" s="10"/>
    </row>
    <row r="597251" spans="14:14">
      <c r="N597251" s="10"/>
    </row>
    <row r="597252" spans="14:14">
      <c r="N597252" s="10"/>
    </row>
    <row r="597253" spans="14:14">
      <c r="N597253" s="10"/>
    </row>
    <row r="597254" spans="14:14">
      <c r="N597254" s="10"/>
    </row>
    <row r="597255" spans="14:14">
      <c r="N597255" s="10"/>
    </row>
    <row r="597256" spans="14:14">
      <c r="N597256" s="10"/>
    </row>
    <row r="597257" spans="14:14">
      <c r="N597257" s="10"/>
    </row>
    <row r="597258" spans="14:14">
      <c r="N597258" s="10"/>
    </row>
    <row r="597259" spans="14:14">
      <c r="N597259" s="10"/>
    </row>
    <row r="597260" spans="14:14">
      <c r="N597260" s="10"/>
    </row>
    <row r="597261" spans="14:14">
      <c r="N597261" s="10"/>
    </row>
    <row r="597262" spans="14:14">
      <c r="N597262" s="10"/>
    </row>
    <row r="597263" spans="14:14">
      <c r="N597263" s="10"/>
    </row>
    <row r="597264" spans="14:14">
      <c r="N597264" s="10"/>
    </row>
    <row r="597265" spans="14:14">
      <c r="N597265" s="10"/>
    </row>
    <row r="597266" spans="14:14">
      <c r="N597266" s="10"/>
    </row>
    <row r="597267" spans="14:14">
      <c r="N597267" s="10"/>
    </row>
    <row r="597268" spans="14:14">
      <c r="N597268" s="10"/>
    </row>
    <row r="597269" spans="14:14">
      <c r="N597269" s="10"/>
    </row>
    <row r="597270" spans="14:14">
      <c r="N597270" s="10"/>
    </row>
    <row r="597271" spans="14:14">
      <c r="N597271" s="10"/>
    </row>
    <row r="597272" spans="14:14">
      <c r="N597272" s="10"/>
    </row>
    <row r="597273" spans="14:14">
      <c r="N597273" s="10"/>
    </row>
    <row r="597274" spans="14:14">
      <c r="N597274" s="10"/>
    </row>
    <row r="597275" spans="14:14">
      <c r="N597275" s="10"/>
    </row>
    <row r="597276" spans="14:14">
      <c r="N597276" s="10"/>
    </row>
    <row r="597277" spans="14:14">
      <c r="N597277" s="10"/>
    </row>
    <row r="597278" spans="14:14">
      <c r="N597278" s="10"/>
    </row>
    <row r="597279" spans="14:14">
      <c r="N597279" s="10"/>
    </row>
    <row r="597280" spans="14:14">
      <c r="N597280" s="10"/>
    </row>
    <row r="597281" spans="14:14">
      <c r="N597281" s="10"/>
    </row>
    <row r="597282" spans="14:14">
      <c r="N597282" s="10"/>
    </row>
    <row r="597283" spans="14:14">
      <c r="N597283" s="10"/>
    </row>
    <row r="597284" spans="14:14">
      <c r="N597284" s="10"/>
    </row>
    <row r="597285" spans="14:14">
      <c r="N597285" s="10"/>
    </row>
    <row r="597286" spans="14:14">
      <c r="N597286" s="10"/>
    </row>
    <row r="597287" spans="14:14">
      <c r="N597287" s="10"/>
    </row>
    <row r="597288" spans="14:14">
      <c r="N597288" s="10"/>
    </row>
    <row r="597289" spans="14:14">
      <c r="N597289" s="10"/>
    </row>
    <row r="597290" spans="14:14">
      <c r="N597290" s="10"/>
    </row>
    <row r="597291" spans="14:14">
      <c r="N597291" s="10"/>
    </row>
    <row r="597292" spans="14:14">
      <c r="N597292" s="10"/>
    </row>
    <row r="597293" spans="14:14">
      <c r="N597293" s="10"/>
    </row>
    <row r="597294" spans="14:14">
      <c r="N597294" s="10"/>
    </row>
    <row r="597295" spans="14:14">
      <c r="N597295" s="10"/>
    </row>
    <row r="597296" spans="14:14">
      <c r="N597296" s="10"/>
    </row>
    <row r="597297" spans="14:14">
      <c r="N597297" s="10"/>
    </row>
    <row r="597298" spans="14:14">
      <c r="N597298" s="10"/>
    </row>
    <row r="597299" spans="14:14">
      <c r="N597299" s="10"/>
    </row>
    <row r="597300" spans="14:14">
      <c r="N597300" s="10"/>
    </row>
    <row r="597301" spans="14:14">
      <c r="N597301" s="10"/>
    </row>
    <row r="597302" spans="14:14">
      <c r="N597302" s="10"/>
    </row>
    <row r="597303" spans="14:14">
      <c r="N597303" s="10"/>
    </row>
    <row r="597304" spans="14:14">
      <c r="N597304" s="10"/>
    </row>
    <row r="597305" spans="14:14">
      <c r="N597305" s="10"/>
    </row>
    <row r="597306" spans="14:14">
      <c r="N597306" s="10"/>
    </row>
    <row r="597307" spans="14:14">
      <c r="N597307" s="10"/>
    </row>
    <row r="597308" spans="14:14">
      <c r="N597308" s="10"/>
    </row>
    <row r="597309" spans="14:14">
      <c r="N597309" s="10"/>
    </row>
    <row r="597310" spans="14:14">
      <c r="N597310" s="10"/>
    </row>
    <row r="597311" spans="14:14">
      <c r="N597311" s="10"/>
    </row>
    <row r="597312" spans="14:14">
      <c r="N597312" s="10"/>
    </row>
    <row r="597313" spans="14:14">
      <c r="N597313" s="10"/>
    </row>
    <row r="597314" spans="14:14">
      <c r="N597314" s="10"/>
    </row>
    <row r="597315" spans="14:14">
      <c r="N597315" s="10"/>
    </row>
    <row r="597316" spans="14:14">
      <c r="N597316" s="10"/>
    </row>
    <row r="597317" spans="14:14">
      <c r="N597317" s="10"/>
    </row>
    <row r="597318" spans="14:14">
      <c r="N597318" s="10"/>
    </row>
    <row r="597319" spans="14:14">
      <c r="N597319" s="10"/>
    </row>
    <row r="597320" spans="14:14">
      <c r="N597320" s="10"/>
    </row>
    <row r="597321" spans="14:14">
      <c r="N597321" s="10"/>
    </row>
    <row r="597322" spans="14:14">
      <c r="N597322" s="10"/>
    </row>
    <row r="597323" spans="14:14">
      <c r="N597323" s="10"/>
    </row>
    <row r="597324" spans="14:14">
      <c r="N597324" s="10"/>
    </row>
    <row r="597325" spans="14:14">
      <c r="N597325" s="10"/>
    </row>
    <row r="597326" spans="14:14">
      <c r="N597326" s="10"/>
    </row>
    <row r="597327" spans="14:14">
      <c r="N597327" s="10"/>
    </row>
    <row r="597328" spans="14:14">
      <c r="N597328" s="10"/>
    </row>
    <row r="597329" spans="14:14">
      <c r="N597329" s="10"/>
    </row>
    <row r="597330" spans="14:14">
      <c r="N597330" s="10"/>
    </row>
    <row r="597331" spans="14:14">
      <c r="N597331" s="10"/>
    </row>
    <row r="597332" spans="14:14">
      <c r="N597332" s="10"/>
    </row>
    <row r="597333" spans="14:14">
      <c r="N597333" s="10"/>
    </row>
    <row r="597334" spans="14:14">
      <c r="N597334" s="10"/>
    </row>
    <row r="597335" spans="14:14">
      <c r="N597335" s="10"/>
    </row>
    <row r="597336" spans="14:14">
      <c r="N597336" s="10"/>
    </row>
    <row r="597337" spans="14:14">
      <c r="N597337" s="10"/>
    </row>
    <row r="597338" spans="14:14">
      <c r="N597338" s="10"/>
    </row>
    <row r="597339" spans="14:14">
      <c r="N597339" s="10"/>
    </row>
    <row r="597340" spans="14:14">
      <c r="N597340" s="10"/>
    </row>
    <row r="597341" spans="14:14">
      <c r="N597341" s="10"/>
    </row>
    <row r="597342" spans="14:14">
      <c r="N597342" s="10"/>
    </row>
    <row r="597343" spans="14:14">
      <c r="N597343" s="10"/>
    </row>
    <row r="597344" spans="14:14">
      <c r="N597344" s="10"/>
    </row>
    <row r="597345" spans="14:14">
      <c r="N597345" s="10"/>
    </row>
    <row r="597346" spans="14:14">
      <c r="N597346" s="10"/>
    </row>
    <row r="597347" spans="14:14">
      <c r="N597347" s="10"/>
    </row>
    <row r="597348" spans="14:14">
      <c r="N597348" s="10"/>
    </row>
    <row r="597349" spans="14:14">
      <c r="N597349" s="10"/>
    </row>
    <row r="597350" spans="14:14">
      <c r="N597350" s="10"/>
    </row>
    <row r="597351" spans="14:14">
      <c r="N597351" s="10"/>
    </row>
    <row r="597352" spans="14:14">
      <c r="N597352" s="10"/>
    </row>
    <row r="597353" spans="14:14">
      <c r="N597353" s="10"/>
    </row>
    <row r="597354" spans="14:14">
      <c r="N597354" s="10"/>
    </row>
    <row r="597355" spans="14:14">
      <c r="N597355" s="10"/>
    </row>
    <row r="597356" spans="14:14">
      <c r="N597356" s="10"/>
    </row>
    <row r="597357" spans="14:14">
      <c r="N597357" s="10"/>
    </row>
    <row r="597358" spans="14:14">
      <c r="N597358" s="10"/>
    </row>
    <row r="597359" spans="14:14">
      <c r="N597359" s="10"/>
    </row>
    <row r="597360" spans="14:14">
      <c r="N597360" s="10"/>
    </row>
    <row r="597361" spans="14:14">
      <c r="N597361" s="10"/>
    </row>
    <row r="597362" spans="14:14">
      <c r="N597362" s="10"/>
    </row>
    <row r="597363" spans="14:14">
      <c r="N597363" s="10"/>
    </row>
    <row r="597364" spans="14:14">
      <c r="N597364" s="10"/>
    </row>
    <row r="597365" spans="14:14">
      <c r="N597365" s="10"/>
    </row>
    <row r="597366" spans="14:14">
      <c r="N597366" s="10"/>
    </row>
    <row r="597367" spans="14:14">
      <c r="N597367" s="10"/>
    </row>
    <row r="597368" spans="14:14">
      <c r="N597368" s="10"/>
    </row>
    <row r="597369" spans="14:14">
      <c r="N597369" s="10"/>
    </row>
    <row r="597370" spans="14:14">
      <c r="N597370" s="10"/>
    </row>
    <row r="597371" spans="14:14">
      <c r="N597371" s="10"/>
    </row>
    <row r="597372" spans="14:14">
      <c r="N597372" s="10"/>
    </row>
    <row r="597373" spans="14:14">
      <c r="N597373" s="10"/>
    </row>
    <row r="597374" spans="14:14">
      <c r="N597374" s="10"/>
    </row>
    <row r="597375" spans="14:14">
      <c r="N597375" s="10"/>
    </row>
    <row r="597376" spans="14:14">
      <c r="N597376" s="10"/>
    </row>
    <row r="597377" spans="14:14">
      <c r="N597377" s="10"/>
    </row>
    <row r="597378" spans="14:14">
      <c r="N597378" s="10"/>
    </row>
    <row r="597379" spans="14:14">
      <c r="N597379" s="10"/>
    </row>
    <row r="597380" spans="14:14">
      <c r="N597380" s="10"/>
    </row>
    <row r="597381" spans="14:14">
      <c r="N597381" s="10"/>
    </row>
    <row r="597382" spans="14:14">
      <c r="N597382" s="10"/>
    </row>
    <row r="597383" spans="14:14">
      <c r="N597383" s="10"/>
    </row>
    <row r="597384" spans="14:14">
      <c r="N597384" s="10"/>
    </row>
    <row r="597385" spans="14:14">
      <c r="N597385" s="10"/>
    </row>
    <row r="597386" spans="14:14">
      <c r="N597386" s="10"/>
    </row>
    <row r="597387" spans="14:14">
      <c r="N597387" s="10"/>
    </row>
    <row r="597388" spans="14:14">
      <c r="N597388" s="10"/>
    </row>
    <row r="597389" spans="14:14">
      <c r="N597389" s="10"/>
    </row>
    <row r="597390" spans="14:14">
      <c r="N597390" s="10"/>
    </row>
    <row r="597391" spans="14:14">
      <c r="N597391" s="10"/>
    </row>
    <row r="597392" spans="14:14">
      <c r="N597392" s="10"/>
    </row>
    <row r="597393" spans="14:14">
      <c r="N597393" s="10"/>
    </row>
    <row r="597394" spans="14:14">
      <c r="N597394" s="10"/>
    </row>
    <row r="597395" spans="14:14">
      <c r="N597395" s="10"/>
    </row>
    <row r="597396" spans="14:14">
      <c r="N597396" s="10"/>
    </row>
    <row r="597397" spans="14:14">
      <c r="N597397" s="10"/>
    </row>
    <row r="597398" spans="14:14">
      <c r="N597398" s="10"/>
    </row>
    <row r="597399" spans="14:14">
      <c r="N597399" s="10"/>
    </row>
    <row r="597400" spans="14:14">
      <c r="N597400" s="10"/>
    </row>
    <row r="597401" spans="14:14">
      <c r="N597401" s="10"/>
    </row>
    <row r="597402" spans="14:14">
      <c r="N597402" s="10"/>
    </row>
    <row r="597403" spans="14:14">
      <c r="N597403" s="10"/>
    </row>
    <row r="597404" spans="14:14">
      <c r="N597404" s="10"/>
    </row>
    <row r="597405" spans="14:14">
      <c r="N597405" s="10"/>
    </row>
    <row r="597406" spans="14:14">
      <c r="N597406" s="10"/>
    </row>
    <row r="597407" spans="14:14">
      <c r="N597407" s="10"/>
    </row>
    <row r="597408" spans="14:14">
      <c r="N597408" s="10"/>
    </row>
    <row r="597409" spans="14:14">
      <c r="N597409" s="10"/>
    </row>
    <row r="597410" spans="14:14">
      <c r="N597410" s="10"/>
    </row>
    <row r="597411" spans="14:14">
      <c r="N597411" s="10"/>
    </row>
    <row r="597412" spans="14:14">
      <c r="N597412" s="10"/>
    </row>
    <row r="597413" spans="14:14">
      <c r="N597413" s="10"/>
    </row>
    <row r="597414" spans="14:14">
      <c r="N597414" s="10"/>
    </row>
    <row r="597415" spans="14:14">
      <c r="N597415" s="10"/>
    </row>
    <row r="597416" spans="14:14">
      <c r="N597416" s="10"/>
    </row>
    <row r="597417" spans="14:14">
      <c r="N597417" s="10"/>
    </row>
    <row r="597418" spans="14:14">
      <c r="N597418" s="10"/>
    </row>
    <row r="597419" spans="14:14">
      <c r="N597419" s="10"/>
    </row>
    <row r="597420" spans="14:14">
      <c r="N597420" s="10"/>
    </row>
    <row r="597421" spans="14:14">
      <c r="N597421" s="10"/>
    </row>
    <row r="597422" spans="14:14">
      <c r="N597422" s="10"/>
    </row>
    <row r="597423" spans="14:14">
      <c r="N597423" s="10"/>
    </row>
    <row r="597424" spans="14:14">
      <c r="N597424" s="10"/>
    </row>
    <row r="597425" spans="14:14">
      <c r="N597425" s="10"/>
    </row>
    <row r="597426" spans="14:14">
      <c r="N597426" s="10"/>
    </row>
    <row r="597427" spans="14:14">
      <c r="N597427" s="10"/>
    </row>
    <row r="597428" spans="14:14">
      <c r="N597428" s="10"/>
    </row>
    <row r="597429" spans="14:14">
      <c r="N597429" s="10"/>
    </row>
    <row r="597430" spans="14:14">
      <c r="N597430" s="10"/>
    </row>
    <row r="597431" spans="14:14">
      <c r="N597431" s="10"/>
    </row>
    <row r="597432" spans="14:14">
      <c r="N597432" s="10"/>
    </row>
    <row r="597433" spans="14:14">
      <c r="N597433" s="10"/>
    </row>
    <row r="597434" spans="14:14">
      <c r="N597434" s="10"/>
    </row>
    <row r="597435" spans="14:14">
      <c r="N597435" s="10"/>
    </row>
    <row r="597436" spans="14:14">
      <c r="N597436" s="10"/>
    </row>
    <row r="597437" spans="14:14">
      <c r="N597437" s="10"/>
    </row>
    <row r="597438" spans="14:14">
      <c r="N597438" s="10"/>
    </row>
    <row r="597439" spans="14:14">
      <c r="N597439" s="10"/>
    </row>
    <row r="597440" spans="14:14">
      <c r="N597440" s="10"/>
    </row>
    <row r="597441" spans="14:14">
      <c r="N597441" s="10"/>
    </row>
    <row r="597442" spans="14:14">
      <c r="N597442" s="10"/>
    </row>
    <row r="597443" spans="14:14">
      <c r="N597443" s="10"/>
    </row>
    <row r="597444" spans="14:14">
      <c r="N597444" s="10"/>
    </row>
    <row r="597445" spans="14:14">
      <c r="N597445" s="10"/>
    </row>
    <row r="597446" spans="14:14">
      <c r="N597446" s="10"/>
    </row>
    <row r="597447" spans="14:14">
      <c r="N597447" s="10"/>
    </row>
    <row r="597448" spans="14:14">
      <c r="N597448" s="10"/>
    </row>
    <row r="597449" spans="14:14">
      <c r="N597449" s="10"/>
    </row>
    <row r="597450" spans="14:14">
      <c r="N597450" s="10"/>
    </row>
    <row r="597451" spans="14:14">
      <c r="N597451" s="10"/>
    </row>
    <row r="597452" spans="14:14">
      <c r="N597452" s="10"/>
    </row>
    <row r="597453" spans="14:14">
      <c r="N597453" s="10"/>
    </row>
    <row r="597454" spans="14:14">
      <c r="N597454" s="10"/>
    </row>
    <row r="597455" spans="14:14">
      <c r="N597455" s="10"/>
    </row>
    <row r="597456" spans="14:14">
      <c r="N597456" s="10"/>
    </row>
    <row r="597457" spans="14:14">
      <c r="N597457" s="10"/>
    </row>
    <row r="597458" spans="14:14">
      <c r="N597458" s="10"/>
    </row>
    <row r="597459" spans="14:14">
      <c r="N597459" s="10"/>
    </row>
    <row r="597460" spans="14:14">
      <c r="N597460" s="10"/>
    </row>
    <row r="597461" spans="14:14">
      <c r="N597461" s="10"/>
    </row>
    <row r="597462" spans="14:14">
      <c r="N597462" s="10"/>
    </row>
    <row r="597463" spans="14:14">
      <c r="N597463" s="10"/>
    </row>
    <row r="597464" spans="14:14">
      <c r="N597464" s="10"/>
    </row>
    <row r="597465" spans="14:14">
      <c r="N597465" s="10"/>
    </row>
    <row r="597466" spans="14:14">
      <c r="N597466" s="10"/>
    </row>
    <row r="597467" spans="14:14">
      <c r="N597467" s="10"/>
    </row>
    <row r="597468" spans="14:14">
      <c r="N597468" s="10"/>
    </row>
    <row r="597469" spans="14:14">
      <c r="N597469" s="10"/>
    </row>
    <row r="597470" spans="14:14">
      <c r="N597470" s="10"/>
    </row>
    <row r="597471" spans="14:14">
      <c r="N597471" s="10"/>
    </row>
    <row r="597472" spans="14:14">
      <c r="N597472" s="10"/>
    </row>
    <row r="597473" spans="14:14">
      <c r="N597473" s="10"/>
    </row>
    <row r="597474" spans="14:14">
      <c r="N597474" s="10"/>
    </row>
    <row r="597475" spans="14:14">
      <c r="N597475" s="10"/>
    </row>
    <row r="597476" spans="14:14">
      <c r="N597476" s="10"/>
    </row>
    <row r="597477" spans="14:14">
      <c r="N597477" s="10"/>
    </row>
    <row r="597478" spans="14:14">
      <c r="N597478" s="10"/>
    </row>
    <row r="597479" spans="14:14">
      <c r="N597479" s="10"/>
    </row>
    <row r="597480" spans="14:14">
      <c r="N597480" s="10"/>
    </row>
    <row r="597481" spans="14:14">
      <c r="N597481" s="10"/>
    </row>
    <row r="597482" spans="14:14">
      <c r="N597482" s="10"/>
    </row>
    <row r="597483" spans="14:14">
      <c r="N597483" s="10"/>
    </row>
    <row r="597484" spans="14:14">
      <c r="N597484" s="10"/>
    </row>
    <row r="597485" spans="14:14">
      <c r="N597485" s="10"/>
    </row>
    <row r="597486" spans="14:14">
      <c r="N597486" s="10"/>
    </row>
    <row r="597487" spans="14:14">
      <c r="N597487" s="10"/>
    </row>
    <row r="597488" spans="14:14">
      <c r="N597488" s="10"/>
    </row>
    <row r="597489" spans="14:14">
      <c r="N597489" s="10"/>
    </row>
    <row r="597490" spans="14:14">
      <c r="N597490" s="10"/>
    </row>
    <row r="597491" spans="14:14">
      <c r="N597491" s="10"/>
    </row>
    <row r="597492" spans="14:14">
      <c r="N597492" s="10"/>
    </row>
    <row r="597493" spans="14:14">
      <c r="N597493" s="10"/>
    </row>
    <row r="597494" spans="14:14">
      <c r="N597494" s="10"/>
    </row>
    <row r="597495" spans="14:14">
      <c r="N597495" s="10"/>
    </row>
    <row r="597496" spans="14:14">
      <c r="N597496" s="10"/>
    </row>
    <row r="597497" spans="14:14">
      <c r="N597497" s="10"/>
    </row>
    <row r="597498" spans="14:14">
      <c r="N597498" s="10"/>
    </row>
    <row r="597499" spans="14:14">
      <c r="N597499" s="10"/>
    </row>
    <row r="597500" spans="14:14">
      <c r="N597500" s="10"/>
    </row>
    <row r="597501" spans="14:14">
      <c r="N597501" s="10"/>
    </row>
    <row r="597502" spans="14:14">
      <c r="N597502" s="10"/>
    </row>
    <row r="597503" spans="14:14">
      <c r="N597503" s="10"/>
    </row>
    <row r="597504" spans="14:14">
      <c r="N597504" s="10"/>
    </row>
    <row r="597505" spans="14:14">
      <c r="N597505" s="10"/>
    </row>
    <row r="597506" spans="14:14">
      <c r="N597506" s="10"/>
    </row>
    <row r="597507" spans="14:14">
      <c r="N597507" s="10"/>
    </row>
    <row r="597508" spans="14:14">
      <c r="N597508" s="10"/>
    </row>
    <row r="597509" spans="14:14">
      <c r="N597509" s="10"/>
    </row>
    <row r="597510" spans="14:14">
      <c r="N597510" s="10"/>
    </row>
    <row r="597511" spans="14:14">
      <c r="N597511" s="10"/>
    </row>
    <row r="597512" spans="14:14">
      <c r="N597512" s="10"/>
    </row>
    <row r="597513" spans="14:14">
      <c r="N597513" s="10"/>
    </row>
    <row r="597514" spans="14:14">
      <c r="N597514" s="10"/>
    </row>
    <row r="597515" spans="14:14">
      <c r="N597515" s="10"/>
    </row>
    <row r="597516" spans="14:14">
      <c r="N597516" s="10"/>
    </row>
    <row r="597517" spans="14:14">
      <c r="N597517" s="10"/>
    </row>
    <row r="597518" spans="14:14">
      <c r="N597518" s="10"/>
    </row>
    <row r="597519" spans="14:14">
      <c r="N597519" s="10"/>
    </row>
    <row r="597520" spans="14:14">
      <c r="N597520" s="10"/>
    </row>
    <row r="597521" spans="14:14">
      <c r="N597521" s="10"/>
    </row>
    <row r="597522" spans="14:14">
      <c r="N597522" s="10"/>
    </row>
    <row r="597523" spans="14:14">
      <c r="N597523" s="10"/>
    </row>
    <row r="597524" spans="14:14">
      <c r="N597524" s="10"/>
    </row>
    <row r="597525" spans="14:14">
      <c r="N597525" s="10"/>
    </row>
    <row r="597526" spans="14:14">
      <c r="N597526" s="10"/>
    </row>
    <row r="597527" spans="14:14">
      <c r="N597527" s="10"/>
    </row>
    <row r="597528" spans="14:14">
      <c r="N597528" s="10"/>
    </row>
    <row r="597529" spans="14:14">
      <c r="N597529" s="10"/>
    </row>
    <row r="597530" spans="14:14">
      <c r="N597530" s="10"/>
    </row>
    <row r="597531" spans="14:14">
      <c r="N597531" s="10"/>
    </row>
    <row r="597532" spans="14:14">
      <c r="N597532" s="10"/>
    </row>
    <row r="597533" spans="14:14">
      <c r="N597533" s="10"/>
    </row>
    <row r="597534" spans="14:14">
      <c r="N597534" s="10"/>
    </row>
    <row r="597535" spans="14:14">
      <c r="N597535" s="10"/>
    </row>
    <row r="597536" spans="14:14">
      <c r="N597536" s="10"/>
    </row>
    <row r="597537" spans="14:14">
      <c r="N597537" s="10"/>
    </row>
    <row r="597538" spans="14:14">
      <c r="N597538" s="10"/>
    </row>
    <row r="597539" spans="14:14">
      <c r="N597539" s="10"/>
    </row>
    <row r="597540" spans="14:14">
      <c r="N597540" s="10"/>
    </row>
    <row r="597541" spans="14:14">
      <c r="N597541" s="10"/>
    </row>
    <row r="597542" spans="14:14">
      <c r="N597542" s="10"/>
    </row>
    <row r="597543" spans="14:14">
      <c r="N597543" s="10"/>
    </row>
    <row r="597544" spans="14:14">
      <c r="N597544" s="10"/>
    </row>
    <row r="597545" spans="14:14">
      <c r="N597545" s="10"/>
    </row>
    <row r="597546" spans="14:14">
      <c r="N597546" s="10"/>
    </row>
    <row r="597547" spans="14:14">
      <c r="N597547" s="10"/>
    </row>
    <row r="597548" spans="14:14">
      <c r="N597548" s="10"/>
    </row>
    <row r="597549" spans="14:14">
      <c r="N597549" s="10"/>
    </row>
    <row r="597550" spans="14:14">
      <c r="N597550" s="10"/>
    </row>
    <row r="597551" spans="14:14">
      <c r="N597551" s="10"/>
    </row>
    <row r="597552" spans="14:14">
      <c r="N597552" s="10"/>
    </row>
    <row r="597553" spans="14:14">
      <c r="N597553" s="10"/>
    </row>
    <row r="597554" spans="14:14">
      <c r="N597554" s="10"/>
    </row>
    <row r="597555" spans="14:14">
      <c r="N597555" s="10"/>
    </row>
    <row r="597556" spans="14:14">
      <c r="N597556" s="10"/>
    </row>
    <row r="597557" spans="14:14">
      <c r="N597557" s="10"/>
    </row>
    <row r="597558" spans="14:14">
      <c r="N597558" s="10"/>
    </row>
    <row r="597559" spans="14:14">
      <c r="N597559" s="10"/>
    </row>
    <row r="597560" spans="14:14">
      <c r="N597560" s="10"/>
    </row>
    <row r="597561" spans="14:14">
      <c r="N597561" s="10"/>
    </row>
    <row r="597562" spans="14:14">
      <c r="N597562" s="10"/>
    </row>
    <row r="597563" spans="14:14">
      <c r="N597563" s="10"/>
    </row>
    <row r="597564" spans="14:14">
      <c r="N597564" s="10"/>
    </row>
    <row r="597565" spans="14:14">
      <c r="N597565" s="10"/>
    </row>
    <row r="597566" spans="14:14">
      <c r="N597566" s="10"/>
    </row>
    <row r="597567" spans="14:14">
      <c r="N597567" s="10"/>
    </row>
    <row r="597568" spans="14:14">
      <c r="N597568" s="10"/>
    </row>
    <row r="597569" spans="14:14">
      <c r="N597569" s="10"/>
    </row>
    <row r="597570" spans="14:14">
      <c r="N597570" s="10"/>
    </row>
    <row r="597571" spans="14:14">
      <c r="N597571" s="10"/>
    </row>
    <row r="597572" spans="14:14">
      <c r="N597572" s="10"/>
    </row>
    <row r="597573" spans="14:14">
      <c r="N597573" s="10"/>
    </row>
    <row r="597574" spans="14:14">
      <c r="N597574" s="10"/>
    </row>
    <row r="597575" spans="14:14">
      <c r="N597575" s="10"/>
    </row>
    <row r="597576" spans="14:14">
      <c r="N597576" s="10"/>
    </row>
    <row r="597577" spans="14:14">
      <c r="N597577" s="10"/>
    </row>
    <row r="597578" spans="14:14">
      <c r="N597578" s="10"/>
    </row>
    <row r="597579" spans="14:14">
      <c r="N597579" s="10"/>
    </row>
    <row r="597580" spans="14:14">
      <c r="N597580" s="10"/>
    </row>
    <row r="597581" spans="14:14">
      <c r="N597581" s="10"/>
    </row>
    <row r="597582" spans="14:14">
      <c r="N597582" s="10"/>
    </row>
    <row r="597583" spans="14:14">
      <c r="N597583" s="10"/>
    </row>
    <row r="597584" spans="14:14">
      <c r="N597584" s="10"/>
    </row>
    <row r="597585" spans="14:14">
      <c r="N597585" s="10"/>
    </row>
    <row r="597586" spans="14:14">
      <c r="N597586" s="10"/>
    </row>
    <row r="597587" spans="14:14">
      <c r="N597587" s="10"/>
    </row>
    <row r="597588" spans="14:14">
      <c r="N597588" s="10"/>
    </row>
    <row r="597589" spans="14:14">
      <c r="N597589" s="10"/>
    </row>
    <row r="597590" spans="14:14">
      <c r="N597590" s="10"/>
    </row>
    <row r="597591" spans="14:14">
      <c r="N597591" s="10"/>
    </row>
    <row r="597592" spans="14:14">
      <c r="N597592" s="10"/>
    </row>
    <row r="597593" spans="14:14">
      <c r="N597593" s="10"/>
    </row>
    <row r="597594" spans="14:14">
      <c r="N597594" s="10"/>
    </row>
    <row r="597595" spans="14:14">
      <c r="N597595" s="10"/>
    </row>
    <row r="597596" spans="14:14">
      <c r="N597596" s="10"/>
    </row>
    <row r="597597" spans="14:14">
      <c r="N597597" s="10"/>
    </row>
    <row r="597598" spans="14:14">
      <c r="N597598" s="10"/>
    </row>
    <row r="597599" spans="14:14">
      <c r="N597599" s="10"/>
    </row>
    <row r="597600" spans="14:14">
      <c r="N597600" s="10"/>
    </row>
    <row r="597601" spans="14:14">
      <c r="N597601" s="10"/>
    </row>
    <row r="597602" spans="14:14">
      <c r="N597602" s="10"/>
    </row>
    <row r="597603" spans="14:14">
      <c r="N597603" s="10"/>
    </row>
    <row r="597604" spans="14:14">
      <c r="N597604" s="10"/>
    </row>
    <row r="597605" spans="14:14">
      <c r="N597605" s="10"/>
    </row>
    <row r="597606" spans="14:14">
      <c r="N597606" s="10"/>
    </row>
    <row r="597607" spans="14:14">
      <c r="N597607" s="10"/>
    </row>
    <row r="597608" spans="14:14">
      <c r="N597608" s="10"/>
    </row>
    <row r="597609" spans="14:14">
      <c r="N597609" s="10"/>
    </row>
    <row r="597610" spans="14:14">
      <c r="N597610" s="10"/>
    </row>
    <row r="597611" spans="14:14">
      <c r="N597611" s="10"/>
    </row>
    <row r="597612" spans="14:14">
      <c r="N597612" s="10"/>
    </row>
    <row r="597613" spans="14:14">
      <c r="N597613" s="10"/>
    </row>
    <row r="597614" spans="14:14">
      <c r="N597614" s="10"/>
    </row>
    <row r="597615" spans="14:14">
      <c r="N597615" s="10"/>
    </row>
    <row r="597616" spans="14:14">
      <c r="N597616" s="10"/>
    </row>
    <row r="597617" spans="14:14">
      <c r="N597617" s="10"/>
    </row>
    <row r="597618" spans="14:14">
      <c r="N597618" s="10"/>
    </row>
    <row r="597619" spans="14:14">
      <c r="N597619" s="10"/>
    </row>
    <row r="597620" spans="14:14">
      <c r="N597620" s="10"/>
    </row>
    <row r="597621" spans="14:14">
      <c r="N597621" s="10"/>
    </row>
    <row r="597622" spans="14:14">
      <c r="N597622" s="10"/>
    </row>
    <row r="597623" spans="14:14">
      <c r="N597623" s="10"/>
    </row>
    <row r="597624" spans="14:14">
      <c r="N597624" s="10"/>
    </row>
    <row r="597625" spans="14:14">
      <c r="N597625" s="10"/>
    </row>
    <row r="597626" spans="14:14">
      <c r="N597626" s="10"/>
    </row>
    <row r="597627" spans="14:14">
      <c r="N597627" s="10"/>
    </row>
    <row r="597628" spans="14:14">
      <c r="N597628" s="10"/>
    </row>
    <row r="597629" spans="14:14">
      <c r="N597629" s="10"/>
    </row>
    <row r="597630" spans="14:14">
      <c r="N597630" s="10"/>
    </row>
    <row r="597631" spans="14:14">
      <c r="N597631" s="10"/>
    </row>
    <row r="597632" spans="14:14">
      <c r="N597632" s="10"/>
    </row>
    <row r="597633" spans="14:14">
      <c r="N597633" s="10"/>
    </row>
    <row r="597634" spans="14:14">
      <c r="N597634" s="10"/>
    </row>
    <row r="597635" spans="14:14">
      <c r="N597635" s="10"/>
    </row>
    <row r="597636" spans="14:14">
      <c r="N597636" s="10"/>
    </row>
    <row r="597637" spans="14:14">
      <c r="N597637" s="10"/>
    </row>
    <row r="597638" spans="14:14">
      <c r="N597638" s="10"/>
    </row>
    <row r="597639" spans="14:14">
      <c r="N597639" s="10"/>
    </row>
    <row r="597640" spans="14:14">
      <c r="N597640" s="10"/>
    </row>
    <row r="597641" spans="14:14">
      <c r="N597641" s="10"/>
    </row>
    <row r="597642" spans="14:14">
      <c r="N597642" s="10"/>
    </row>
    <row r="597643" spans="14:14">
      <c r="N597643" s="10"/>
    </row>
    <row r="597644" spans="14:14">
      <c r="N597644" s="10"/>
    </row>
    <row r="597645" spans="14:14">
      <c r="N597645" s="10"/>
    </row>
    <row r="597646" spans="14:14">
      <c r="N597646" s="10"/>
    </row>
    <row r="597647" spans="14:14">
      <c r="N597647" s="10"/>
    </row>
    <row r="597648" spans="14:14">
      <c r="N597648" s="10"/>
    </row>
    <row r="597649" spans="14:14">
      <c r="N597649" s="10"/>
    </row>
    <row r="597650" spans="14:14">
      <c r="N597650" s="10"/>
    </row>
    <row r="597651" spans="14:14">
      <c r="N597651" s="10"/>
    </row>
    <row r="597652" spans="14:14">
      <c r="N597652" s="10"/>
    </row>
    <row r="597653" spans="14:14">
      <c r="N597653" s="10"/>
    </row>
    <row r="597654" spans="14:14">
      <c r="N597654" s="10"/>
    </row>
    <row r="597655" spans="14:14">
      <c r="N597655" s="10"/>
    </row>
    <row r="597656" spans="14:14">
      <c r="N597656" s="10"/>
    </row>
    <row r="597657" spans="14:14">
      <c r="N597657" s="10"/>
    </row>
    <row r="597658" spans="14:14">
      <c r="N597658" s="10"/>
    </row>
    <row r="597659" spans="14:14">
      <c r="N597659" s="10"/>
    </row>
    <row r="597660" spans="14:14">
      <c r="N597660" s="10"/>
    </row>
    <row r="597661" spans="14:14">
      <c r="N597661" s="10"/>
    </row>
    <row r="597662" spans="14:14">
      <c r="N597662" s="10"/>
    </row>
    <row r="597663" spans="14:14">
      <c r="N597663" s="10"/>
    </row>
    <row r="597664" spans="14:14">
      <c r="N597664" s="10"/>
    </row>
    <row r="597665" spans="14:14">
      <c r="N597665" s="10"/>
    </row>
    <row r="597666" spans="14:14">
      <c r="N597666" s="10"/>
    </row>
    <row r="597667" spans="14:14">
      <c r="N597667" s="10"/>
    </row>
    <row r="597668" spans="14:14">
      <c r="N597668" s="10"/>
    </row>
    <row r="597669" spans="14:14">
      <c r="N597669" s="10"/>
    </row>
    <row r="597670" spans="14:14">
      <c r="N597670" s="10"/>
    </row>
    <row r="597671" spans="14:14">
      <c r="N597671" s="10"/>
    </row>
    <row r="597672" spans="14:14">
      <c r="N597672" s="10"/>
    </row>
    <row r="597673" spans="14:14">
      <c r="N597673" s="10"/>
    </row>
    <row r="597674" spans="14:14">
      <c r="N597674" s="10"/>
    </row>
    <row r="597675" spans="14:14">
      <c r="N597675" s="10"/>
    </row>
    <row r="597676" spans="14:14">
      <c r="N597676" s="10"/>
    </row>
    <row r="597677" spans="14:14">
      <c r="N597677" s="10"/>
    </row>
    <row r="597678" spans="14:14">
      <c r="N597678" s="10"/>
    </row>
    <row r="597679" spans="14:14">
      <c r="N597679" s="10"/>
    </row>
    <row r="597680" spans="14:14">
      <c r="N597680" s="10"/>
    </row>
    <row r="597681" spans="14:14">
      <c r="N597681" s="10"/>
    </row>
    <row r="597682" spans="14:14">
      <c r="N597682" s="10"/>
    </row>
    <row r="597683" spans="14:14">
      <c r="N597683" s="10"/>
    </row>
    <row r="597684" spans="14:14">
      <c r="N597684" s="10"/>
    </row>
    <row r="597685" spans="14:14">
      <c r="N597685" s="10"/>
    </row>
    <row r="597686" spans="14:14">
      <c r="N597686" s="10"/>
    </row>
    <row r="597687" spans="14:14">
      <c r="N597687" s="10"/>
    </row>
    <row r="597688" spans="14:14">
      <c r="N597688" s="10"/>
    </row>
    <row r="597689" spans="14:14">
      <c r="N597689" s="10"/>
    </row>
    <row r="597690" spans="14:14">
      <c r="N597690" s="10"/>
    </row>
    <row r="597691" spans="14:14">
      <c r="N597691" s="10"/>
    </row>
    <row r="597692" spans="14:14">
      <c r="N597692" s="10"/>
    </row>
    <row r="597693" spans="14:14">
      <c r="N597693" s="10"/>
    </row>
    <row r="597694" spans="14:14">
      <c r="N597694" s="10"/>
    </row>
    <row r="597695" spans="14:14">
      <c r="N597695" s="10"/>
    </row>
    <row r="597696" spans="14:14">
      <c r="N597696" s="10"/>
    </row>
    <row r="597697" spans="14:14">
      <c r="N597697" s="10"/>
    </row>
    <row r="597698" spans="14:14">
      <c r="N597698" s="10"/>
    </row>
    <row r="597699" spans="14:14">
      <c r="N597699" s="10"/>
    </row>
    <row r="597700" spans="14:14">
      <c r="N597700" s="10"/>
    </row>
    <row r="597701" spans="14:14">
      <c r="N597701" s="10"/>
    </row>
    <row r="597702" spans="14:14">
      <c r="N597702" s="10"/>
    </row>
    <row r="597703" spans="14:14">
      <c r="N597703" s="10"/>
    </row>
    <row r="597704" spans="14:14">
      <c r="N597704" s="10"/>
    </row>
    <row r="597705" spans="14:14">
      <c r="N597705" s="10"/>
    </row>
    <row r="597706" spans="14:14">
      <c r="N597706" s="10"/>
    </row>
    <row r="597707" spans="14:14">
      <c r="N597707" s="10"/>
    </row>
    <row r="597708" spans="14:14">
      <c r="N597708" s="10"/>
    </row>
    <row r="597709" spans="14:14">
      <c r="N597709" s="10"/>
    </row>
    <row r="597710" spans="14:14">
      <c r="N597710" s="10"/>
    </row>
    <row r="597711" spans="14:14">
      <c r="N597711" s="10"/>
    </row>
    <row r="597712" spans="14:14">
      <c r="N597712" s="10"/>
    </row>
    <row r="597713" spans="14:14">
      <c r="N597713" s="10"/>
    </row>
    <row r="597714" spans="14:14">
      <c r="N597714" s="10"/>
    </row>
    <row r="597715" spans="14:14">
      <c r="N597715" s="10"/>
    </row>
    <row r="597716" spans="14:14">
      <c r="N597716" s="10"/>
    </row>
    <row r="597717" spans="14:14">
      <c r="N597717" s="10"/>
    </row>
    <row r="597718" spans="14:14">
      <c r="N597718" s="10"/>
    </row>
    <row r="597719" spans="14:14">
      <c r="N597719" s="10"/>
    </row>
    <row r="597720" spans="14:14">
      <c r="N597720" s="10"/>
    </row>
    <row r="597721" spans="14:14">
      <c r="N597721" s="10"/>
    </row>
    <row r="597722" spans="14:14">
      <c r="N597722" s="10"/>
    </row>
    <row r="597723" spans="14:14">
      <c r="N597723" s="10"/>
    </row>
    <row r="597724" spans="14:14">
      <c r="N597724" s="10"/>
    </row>
    <row r="597725" spans="14:14">
      <c r="N597725" s="10"/>
    </row>
    <row r="597726" spans="14:14">
      <c r="N597726" s="10"/>
    </row>
    <row r="597727" spans="14:14">
      <c r="N597727" s="10"/>
    </row>
    <row r="597728" spans="14:14">
      <c r="N597728" s="10"/>
    </row>
    <row r="597729" spans="14:14">
      <c r="N597729" s="10"/>
    </row>
    <row r="597730" spans="14:14">
      <c r="N597730" s="10"/>
    </row>
    <row r="597731" spans="14:14">
      <c r="N597731" s="10"/>
    </row>
    <row r="597732" spans="14:14">
      <c r="N597732" s="10"/>
    </row>
    <row r="597733" spans="14:14">
      <c r="N597733" s="10"/>
    </row>
    <row r="597734" spans="14:14">
      <c r="N597734" s="10"/>
    </row>
    <row r="597735" spans="14:14">
      <c r="N597735" s="10"/>
    </row>
    <row r="597736" spans="14:14">
      <c r="N597736" s="10"/>
    </row>
    <row r="597737" spans="14:14">
      <c r="N597737" s="10"/>
    </row>
    <row r="597738" spans="14:14">
      <c r="N597738" s="10"/>
    </row>
    <row r="597739" spans="14:14">
      <c r="N597739" s="10"/>
    </row>
    <row r="597740" spans="14:14">
      <c r="N597740" s="10"/>
    </row>
    <row r="597741" spans="14:14">
      <c r="N597741" s="10"/>
    </row>
    <row r="597742" spans="14:14">
      <c r="N597742" s="10"/>
    </row>
    <row r="597743" spans="14:14">
      <c r="N597743" s="10"/>
    </row>
    <row r="597744" spans="14:14">
      <c r="N597744" s="10"/>
    </row>
    <row r="597745" spans="14:14">
      <c r="N597745" s="10"/>
    </row>
    <row r="597746" spans="14:14">
      <c r="N597746" s="10"/>
    </row>
    <row r="597747" spans="14:14">
      <c r="N597747" s="10"/>
    </row>
    <row r="597748" spans="14:14">
      <c r="N597748" s="10"/>
    </row>
    <row r="597749" spans="14:14">
      <c r="N597749" s="10"/>
    </row>
    <row r="597750" spans="14:14">
      <c r="N597750" s="10"/>
    </row>
    <row r="597751" spans="14:14">
      <c r="N597751" s="10"/>
    </row>
    <row r="597752" spans="14:14">
      <c r="N597752" s="10"/>
    </row>
    <row r="597753" spans="14:14">
      <c r="N597753" s="10"/>
    </row>
    <row r="597754" spans="14:14">
      <c r="N597754" s="10"/>
    </row>
    <row r="597755" spans="14:14">
      <c r="N597755" s="10"/>
    </row>
    <row r="597756" spans="14:14">
      <c r="N597756" s="10"/>
    </row>
    <row r="597757" spans="14:14">
      <c r="N597757" s="10"/>
    </row>
    <row r="597758" spans="14:14">
      <c r="N597758" s="10"/>
    </row>
    <row r="597759" spans="14:14">
      <c r="N597759" s="10"/>
    </row>
    <row r="597760" spans="14:14">
      <c r="N597760" s="10"/>
    </row>
    <row r="597761" spans="14:14">
      <c r="N597761" s="10"/>
    </row>
    <row r="597762" spans="14:14">
      <c r="N597762" s="10"/>
    </row>
    <row r="597763" spans="14:14">
      <c r="N597763" s="10"/>
    </row>
    <row r="597764" spans="14:14">
      <c r="N597764" s="10"/>
    </row>
    <row r="597765" spans="14:14">
      <c r="N597765" s="10"/>
    </row>
    <row r="597766" spans="14:14">
      <c r="N597766" s="10"/>
    </row>
    <row r="597767" spans="14:14">
      <c r="N597767" s="10"/>
    </row>
    <row r="597768" spans="14:14">
      <c r="N597768" s="10"/>
    </row>
    <row r="597769" spans="14:14">
      <c r="N597769" s="10"/>
    </row>
    <row r="597770" spans="14:14">
      <c r="N597770" s="10"/>
    </row>
    <row r="597771" spans="14:14">
      <c r="N597771" s="10"/>
    </row>
    <row r="597772" spans="14:14">
      <c r="N597772" s="10"/>
    </row>
    <row r="597773" spans="14:14">
      <c r="N597773" s="10"/>
    </row>
    <row r="597774" spans="14:14">
      <c r="N597774" s="10"/>
    </row>
    <row r="597775" spans="14:14">
      <c r="N597775" s="10"/>
    </row>
    <row r="597776" spans="14:14">
      <c r="N597776" s="10"/>
    </row>
    <row r="597777" spans="14:14">
      <c r="N597777" s="10"/>
    </row>
    <row r="597778" spans="14:14">
      <c r="N597778" s="10"/>
    </row>
    <row r="597779" spans="14:14">
      <c r="N597779" s="10"/>
    </row>
    <row r="597780" spans="14:14">
      <c r="N597780" s="10"/>
    </row>
    <row r="597781" spans="14:14">
      <c r="N597781" s="10"/>
    </row>
    <row r="597782" spans="14:14">
      <c r="N597782" s="10"/>
    </row>
    <row r="597783" spans="14:14">
      <c r="N597783" s="10"/>
    </row>
    <row r="597784" spans="14:14">
      <c r="N597784" s="10"/>
    </row>
    <row r="597785" spans="14:14">
      <c r="N597785" s="10"/>
    </row>
    <row r="597786" spans="14:14">
      <c r="N597786" s="10"/>
    </row>
    <row r="597787" spans="14:14">
      <c r="N597787" s="10"/>
    </row>
    <row r="597788" spans="14:14">
      <c r="N597788" s="10"/>
    </row>
    <row r="597789" spans="14:14">
      <c r="N597789" s="10"/>
    </row>
    <row r="597790" spans="14:14">
      <c r="N597790" s="10"/>
    </row>
    <row r="597791" spans="14:14">
      <c r="N597791" s="10"/>
    </row>
    <row r="597792" spans="14:14">
      <c r="N597792" s="10"/>
    </row>
    <row r="597793" spans="14:14">
      <c r="N597793" s="10"/>
    </row>
    <row r="597794" spans="14:14">
      <c r="N597794" s="10"/>
    </row>
    <row r="597795" spans="14:14">
      <c r="N597795" s="10"/>
    </row>
    <row r="597796" spans="14:14">
      <c r="N597796" s="10"/>
    </row>
    <row r="597797" spans="14:14">
      <c r="N597797" s="10"/>
    </row>
    <row r="597798" spans="14:14">
      <c r="N597798" s="10"/>
    </row>
    <row r="597799" spans="14:14">
      <c r="N597799" s="10"/>
    </row>
    <row r="597800" spans="14:14">
      <c r="N597800" s="10"/>
    </row>
    <row r="597801" spans="14:14">
      <c r="N597801" s="10"/>
    </row>
    <row r="597802" spans="14:14">
      <c r="N597802" s="10"/>
    </row>
    <row r="597803" spans="14:14">
      <c r="N597803" s="10"/>
    </row>
    <row r="597804" spans="14:14">
      <c r="N597804" s="10"/>
    </row>
    <row r="597805" spans="14:14">
      <c r="N597805" s="10"/>
    </row>
    <row r="597806" spans="14:14">
      <c r="N597806" s="10"/>
    </row>
    <row r="597807" spans="14:14">
      <c r="N597807" s="10"/>
    </row>
    <row r="597808" spans="14:14">
      <c r="N597808" s="10"/>
    </row>
    <row r="597809" spans="14:14">
      <c r="N597809" s="10"/>
    </row>
    <row r="597810" spans="14:14">
      <c r="N597810" s="10"/>
    </row>
    <row r="597811" spans="14:14">
      <c r="N597811" s="10"/>
    </row>
    <row r="597812" spans="14:14">
      <c r="N597812" s="10"/>
    </row>
    <row r="597813" spans="14:14">
      <c r="N597813" s="10"/>
    </row>
    <row r="597814" spans="14:14">
      <c r="N597814" s="10"/>
    </row>
    <row r="597815" spans="14:14">
      <c r="N597815" s="10"/>
    </row>
    <row r="597816" spans="14:14">
      <c r="N597816" s="10"/>
    </row>
    <row r="597817" spans="14:14">
      <c r="N597817" s="10"/>
    </row>
    <row r="597818" spans="14:14">
      <c r="N597818" s="10"/>
    </row>
    <row r="597819" spans="14:14">
      <c r="N597819" s="10"/>
    </row>
    <row r="597820" spans="14:14">
      <c r="N597820" s="10"/>
    </row>
    <row r="597821" spans="14:14">
      <c r="N597821" s="10"/>
    </row>
    <row r="597822" spans="14:14">
      <c r="N597822" s="10"/>
    </row>
    <row r="597823" spans="14:14">
      <c r="N597823" s="10"/>
    </row>
    <row r="597824" spans="14:14">
      <c r="N597824" s="10"/>
    </row>
    <row r="597825" spans="14:14">
      <c r="N597825" s="10"/>
    </row>
    <row r="597826" spans="14:14">
      <c r="N597826" s="10"/>
    </row>
    <row r="597827" spans="14:14">
      <c r="N597827" s="10"/>
    </row>
    <row r="597828" spans="14:14">
      <c r="N597828" s="10"/>
    </row>
    <row r="597829" spans="14:14">
      <c r="N597829" s="10"/>
    </row>
    <row r="597830" spans="14:14">
      <c r="N597830" s="10"/>
    </row>
    <row r="597831" spans="14:14">
      <c r="N597831" s="10"/>
    </row>
    <row r="597832" spans="14:14">
      <c r="N597832" s="10"/>
    </row>
    <row r="597833" spans="14:14">
      <c r="N597833" s="10"/>
    </row>
    <row r="597834" spans="14:14">
      <c r="N597834" s="10"/>
    </row>
    <row r="597835" spans="14:14">
      <c r="N597835" s="10"/>
    </row>
    <row r="597836" spans="14:14">
      <c r="N597836" s="10"/>
    </row>
    <row r="597837" spans="14:14">
      <c r="N597837" s="10"/>
    </row>
    <row r="597838" spans="14:14">
      <c r="N597838" s="10"/>
    </row>
    <row r="597839" spans="14:14">
      <c r="N597839" s="10"/>
    </row>
    <row r="597840" spans="14:14">
      <c r="N597840" s="10"/>
    </row>
    <row r="597841" spans="14:14">
      <c r="N597841" s="10"/>
    </row>
    <row r="597842" spans="14:14">
      <c r="N597842" s="10"/>
    </row>
    <row r="597843" spans="14:14">
      <c r="N597843" s="10"/>
    </row>
    <row r="597844" spans="14:14">
      <c r="N597844" s="10"/>
    </row>
    <row r="597845" spans="14:14">
      <c r="N597845" s="10"/>
    </row>
    <row r="597846" spans="14:14">
      <c r="N597846" s="10"/>
    </row>
    <row r="597847" spans="14:14">
      <c r="N597847" s="10"/>
    </row>
    <row r="597848" spans="14:14">
      <c r="N597848" s="10"/>
    </row>
    <row r="597849" spans="14:14">
      <c r="N597849" s="10"/>
    </row>
    <row r="597850" spans="14:14">
      <c r="N597850" s="10"/>
    </row>
    <row r="597851" spans="14:14">
      <c r="N597851" s="10"/>
    </row>
    <row r="597852" spans="14:14">
      <c r="N597852" s="10"/>
    </row>
    <row r="597853" spans="14:14">
      <c r="N597853" s="10"/>
    </row>
    <row r="597854" spans="14:14">
      <c r="N597854" s="10"/>
    </row>
    <row r="597855" spans="14:14">
      <c r="N597855" s="10"/>
    </row>
    <row r="597856" spans="14:14">
      <c r="N597856" s="10"/>
    </row>
    <row r="597857" spans="14:14">
      <c r="N597857" s="10"/>
    </row>
    <row r="597858" spans="14:14">
      <c r="N597858" s="10"/>
    </row>
    <row r="597859" spans="14:14">
      <c r="N597859" s="10"/>
    </row>
    <row r="597860" spans="14:14">
      <c r="N597860" s="10"/>
    </row>
    <row r="597861" spans="14:14">
      <c r="N597861" s="10"/>
    </row>
    <row r="597862" spans="14:14">
      <c r="N597862" s="10"/>
    </row>
    <row r="597863" spans="14:14">
      <c r="N597863" s="10"/>
    </row>
    <row r="597864" spans="14:14">
      <c r="N597864" s="10"/>
    </row>
    <row r="597865" spans="14:14">
      <c r="N597865" s="10"/>
    </row>
    <row r="597866" spans="14:14">
      <c r="N597866" s="10"/>
    </row>
    <row r="597867" spans="14:14">
      <c r="N597867" s="10"/>
    </row>
    <row r="597868" spans="14:14">
      <c r="N597868" s="10"/>
    </row>
    <row r="597869" spans="14:14">
      <c r="N597869" s="10"/>
    </row>
    <row r="597870" spans="14:14">
      <c r="N597870" s="10"/>
    </row>
    <row r="597871" spans="14:14">
      <c r="N597871" s="10"/>
    </row>
    <row r="597872" spans="14:14">
      <c r="N597872" s="10"/>
    </row>
    <row r="597873" spans="14:14">
      <c r="N597873" s="10"/>
    </row>
    <row r="597874" spans="14:14">
      <c r="N597874" s="10"/>
    </row>
    <row r="597875" spans="14:14">
      <c r="N597875" s="10"/>
    </row>
    <row r="597876" spans="14:14">
      <c r="N597876" s="10"/>
    </row>
    <row r="597877" spans="14:14">
      <c r="N597877" s="10"/>
    </row>
    <row r="597878" spans="14:14">
      <c r="N597878" s="10"/>
    </row>
    <row r="597879" spans="14:14">
      <c r="N597879" s="10"/>
    </row>
    <row r="597880" spans="14:14">
      <c r="N597880" s="10"/>
    </row>
    <row r="597881" spans="14:14">
      <c r="N597881" s="10"/>
    </row>
    <row r="597882" spans="14:14">
      <c r="N597882" s="10"/>
    </row>
    <row r="597883" spans="14:14">
      <c r="N597883" s="10"/>
    </row>
    <row r="597884" spans="14:14">
      <c r="N597884" s="10"/>
    </row>
    <row r="597885" spans="14:14">
      <c r="N597885" s="10"/>
    </row>
    <row r="597886" spans="14:14">
      <c r="N597886" s="10"/>
    </row>
    <row r="597887" spans="14:14">
      <c r="N597887" s="10"/>
    </row>
    <row r="597888" spans="14:14">
      <c r="N597888" s="10"/>
    </row>
    <row r="597889" spans="14:14">
      <c r="N597889" s="10"/>
    </row>
    <row r="597890" spans="14:14">
      <c r="N597890" s="10"/>
    </row>
    <row r="597891" spans="14:14">
      <c r="N597891" s="10"/>
    </row>
    <row r="597892" spans="14:14">
      <c r="N597892" s="10"/>
    </row>
    <row r="597893" spans="14:14">
      <c r="N597893" s="10"/>
    </row>
    <row r="597894" spans="14:14">
      <c r="N597894" s="10"/>
    </row>
    <row r="597895" spans="14:14">
      <c r="N597895" s="10"/>
    </row>
    <row r="597896" spans="14:14">
      <c r="N597896" s="10"/>
    </row>
    <row r="597897" spans="14:14">
      <c r="N597897" s="10"/>
    </row>
    <row r="597898" spans="14:14">
      <c r="N597898" s="10"/>
    </row>
    <row r="597899" spans="14:14">
      <c r="N597899" s="10"/>
    </row>
    <row r="597900" spans="14:14">
      <c r="N597900" s="10"/>
    </row>
    <row r="597901" spans="14:14">
      <c r="N597901" s="10"/>
    </row>
    <row r="597902" spans="14:14">
      <c r="N597902" s="10"/>
    </row>
    <row r="597903" spans="14:14">
      <c r="N597903" s="10"/>
    </row>
    <row r="597904" spans="14:14">
      <c r="N597904" s="10"/>
    </row>
    <row r="597905" spans="14:14">
      <c r="N597905" s="10"/>
    </row>
    <row r="597906" spans="14:14">
      <c r="N597906" s="10"/>
    </row>
    <row r="597907" spans="14:14">
      <c r="N597907" s="10"/>
    </row>
    <row r="597908" spans="14:14">
      <c r="N597908" s="10"/>
    </row>
    <row r="597909" spans="14:14">
      <c r="N597909" s="10"/>
    </row>
    <row r="597910" spans="14:14">
      <c r="N597910" s="10"/>
    </row>
    <row r="597911" spans="14:14">
      <c r="N597911" s="10"/>
    </row>
    <row r="597912" spans="14:14">
      <c r="N597912" s="10"/>
    </row>
    <row r="597913" spans="14:14">
      <c r="N597913" s="10"/>
    </row>
    <row r="597914" spans="14:14">
      <c r="N597914" s="10"/>
    </row>
    <row r="597915" spans="14:14">
      <c r="N597915" s="10"/>
    </row>
    <row r="597916" spans="14:14">
      <c r="N597916" s="10"/>
    </row>
    <row r="597917" spans="14:14">
      <c r="N597917" s="10"/>
    </row>
    <row r="597918" spans="14:14">
      <c r="N597918" s="10"/>
    </row>
    <row r="597919" spans="14:14">
      <c r="N597919" s="10"/>
    </row>
    <row r="597920" spans="14:14">
      <c r="N597920" s="10"/>
    </row>
    <row r="597921" spans="14:14">
      <c r="N597921" s="10"/>
    </row>
    <row r="597922" spans="14:14">
      <c r="N597922" s="10"/>
    </row>
    <row r="597923" spans="14:14">
      <c r="N597923" s="10"/>
    </row>
    <row r="597924" spans="14:14">
      <c r="N597924" s="10"/>
    </row>
    <row r="597925" spans="14:14">
      <c r="N597925" s="10"/>
    </row>
    <row r="597926" spans="14:14">
      <c r="N597926" s="10"/>
    </row>
    <row r="597927" spans="14:14">
      <c r="N597927" s="10"/>
    </row>
    <row r="597928" spans="14:14">
      <c r="N597928" s="10"/>
    </row>
    <row r="597929" spans="14:14">
      <c r="N597929" s="10"/>
    </row>
    <row r="597930" spans="14:14">
      <c r="N597930" s="10"/>
    </row>
    <row r="597931" spans="14:14">
      <c r="N597931" s="10"/>
    </row>
    <row r="597932" spans="14:14">
      <c r="N597932" s="10"/>
    </row>
    <row r="597933" spans="14:14">
      <c r="N597933" s="10"/>
    </row>
    <row r="597934" spans="14:14">
      <c r="N597934" s="10"/>
    </row>
    <row r="597935" spans="14:14">
      <c r="N597935" s="10"/>
    </row>
    <row r="597936" spans="14:14">
      <c r="N597936" s="10"/>
    </row>
    <row r="597937" spans="14:14">
      <c r="N597937" s="10"/>
    </row>
    <row r="597938" spans="14:14">
      <c r="N597938" s="10"/>
    </row>
    <row r="597939" spans="14:14">
      <c r="N597939" s="10"/>
    </row>
    <row r="597940" spans="14:14">
      <c r="N597940" s="10"/>
    </row>
    <row r="597941" spans="14:14">
      <c r="N597941" s="10"/>
    </row>
    <row r="597942" spans="14:14">
      <c r="N597942" s="10"/>
    </row>
    <row r="597943" spans="14:14">
      <c r="N597943" s="10"/>
    </row>
    <row r="597944" spans="14:14">
      <c r="N597944" s="10"/>
    </row>
    <row r="597945" spans="14:14">
      <c r="N597945" s="10"/>
    </row>
    <row r="597946" spans="14:14">
      <c r="N597946" s="10"/>
    </row>
    <row r="597947" spans="14:14">
      <c r="N597947" s="10"/>
    </row>
    <row r="597948" spans="14:14">
      <c r="N597948" s="10"/>
    </row>
    <row r="597949" spans="14:14">
      <c r="N597949" s="10"/>
    </row>
    <row r="597950" spans="14:14">
      <c r="N597950" s="10"/>
    </row>
    <row r="597951" spans="14:14">
      <c r="N597951" s="10"/>
    </row>
    <row r="597952" spans="14:14">
      <c r="N597952" s="10"/>
    </row>
    <row r="597953" spans="14:14">
      <c r="N597953" s="10"/>
    </row>
    <row r="597954" spans="14:14">
      <c r="N597954" s="10"/>
    </row>
    <row r="597955" spans="14:14">
      <c r="N597955" s="10"/>
    </row>
    <row r="597956" spans="14:14">
      <c r="N597956" s="10"/>
    </row>
    <row r="597957" spans="14:14">
      <c r="N597957" s="10"/>
    </row>
    <row r="597958" spans="14:14">
      <c r="N597958" s="10"/>
    </row>
    <row r="597959" spans="14:14">
      <c r="N597959" s="10"/>
    </row>
    <row r="597960" spans="14:14">
      <c r="N597960" s="10"/>
    </row>
    <row r="597961" spans="14:14">
      <c r="N597961" s="10"/>
    </row>
    <row r="597962" spans="14:14">
      <c r="N597962" s="10"/>
    </row>
    <row r="597963" spans="14:14">
      <c r="N597963" s="10"/>
    </row>
    <row r="597964" spans="14:14">
      <c r="N597964" s="10"/>
    </row>
    <row r="597965" spans="14:14">
      <c r="N597965" s="10"/>
    </row>
    <row r="597966" spans="14:14">
      <c r="N597966" s="10"/>
    </row>
    <row r="597967" spans="14:14">
      <c r="N597967" s="10"/>
    </row>
    <row r="597968" spans="14:14">
      <c r="N597968" s="10"/>
    </row>
    <row r="597969" spans="14:14">
      <c r="N597969" s="10"/>
    </row>
    <row r="597970" spans="14:14">
      <c r="N597970" s="10"/>
    </row>
    <row r="597971" spans="14:14">
      <c r="N597971" s="10"/>
    </row>
    <row r="597972" spans="14:14">
      <c r="N597972" s="10"/>
    </row>
    <row r="597973" spans="14:14">
      <c r="N597973" s="10"/>
    </row>
    <row r="597974" spans="14:14">
      <c r="N597974" s="10"/>
    </row>
    <row r="597975" spans="14:14">
      <c r="N597975" s="10"/>
    </row>
    <row r="597976" spans="14:14">
      <c r="N597976" s="10"/>
    </row>
    <row r="597977" spans="14:14">
      <c r="N597977" s="10"/>
    </row>
    <row r="597978" spans="14:14">
      <c r="N597978" s="10"/>
    </row>
    <row r="597979" spans="14:14">
      <c r="N597979" s="10"/>
    </row>
    <row r="597980" spans="14:14">
      <c r="N597980" s="10"/>
    </row>
    <row r="597981" spans="14:14">
      <c r="N597981" s="10"/>
    </row>
    <row r="597982" spans="14:14">
      <c r="N597982" s="10"/>
    </row>
    <row r="597983" spans="14:14">
      <c r="N597983" s="10"/>
    </row>
    <row r="597984" spans="14:14">
      <c r="N597984" s="10"/>
    </row>
    <row r="597985" spans="14:14">
      <c r="N597985" s="10"/>
    </row>
    <row r="597986" spans="14:14">
      <c r="N597986" s="10"/>
    </row>
    <row r="597987" spans="14:14">
      <c r="N597987" s="10"/>
    </row>
    <row r="597988" spans="14:14">
      <c r="N597988" s="10"/>
    </row>
    <row r="597989" spans="14:14">
      <c r="N597989" s="10"/>
    </row>
    <row r="597990" spans="14:14">
      <c r="N597990" s="10"/>
    </row>
    <row r="597991" spans="14:14">
      <c r="N597991" s="10"/>
    </row>
    <row r="597992" spans="14:14">
      <c r="N597992" s="10"/>
    </row>
    <row r="597993" spans="14:14">
      <c r="N597993" s="10"/>
    </row>
    <row r="597994" spans="14:14">
      <c r="N597994" s="10"/>
    </row>
    <row r="597995" spans="14:14">
      <c r="N597995" s="10"/>
    </row>
    <row r="597996" spans="14:14">
      <c r="N597996" s="10"/>
    </row>
    <row r="597997" spans="14:14">
      <c r="N597997" s="10"/>
    </row>
    <row r="597998" spans="14:14">
      <c r="N597998" s="10"/>
    </row>
    <row r="597999" spans="14:14">
      <c r="N597999" s="10"/>
    </row>
    <row r="598000" spans="14:14">
      <c r="N598000" s="10"/>
    </row>
    <row r="598001" spans="14:14">
      <c r="N598001" s="10"/>
    </row>
    <row r="598002" spans="14:14">
      <c r="N598002" s="10"/>
    </row>
    <row r="598003" spans="14:14">
      <c r="N598003" s="10"/>
    </row>
    <row r="598004" spans="14:14">
      <c r="N598004" s="10"/>
    </row>
    <row r="598005" spans="14:14">
      <c r="N598005" s="10"/>
    </row>
    <row r="598006" spans="14:14">
      <c r="N598006" s="10"/>
    </row>
    <row r="598007" spans="14:14">
      <c r="N598007" s="10"/>
    </row>
    <row r="598008" spans="14:14">
      <c r="N598008" s="10"/>
    </row>
    <row r="598009" spans="14:14">
      <c r="N598009" s="10"/>
    </row>
    <row r="598010" spans="14:14">
      <c r="N598010" s="10"/>
    </row>
    <row r="598011" spans="14:14">
      <c r="N598011" s="10"/>
    </row>
    <row r="598012" spans="14:14">
      <c r="N598012" s="10"/>
    </row>
    <row r="598013" spans="14:14">
      <c r="N598013" s="10"/>
    </row>
    <row r="598014" spans="14:14">
      <c r="N598014" s="10"/>
    </row>
    <row r="598015" spans="14:14">
      <c r="N598015" s="10"/>
    </row>
    <row r="598016" spans="14:14">
      <c r="N598016" s="10"/>
    </row>
    <row r="598017" spans="14:14">
      <c r="N598017" s="10"/>
    </row>
    <row r="598018" spans="14:14">
      <c r="N598018" s="10"/>
    </row>
    <row r="598019" spans="14:14">
      <c r="N598019" s="10"/>
    </row>
    <row r="598020" spans="14:14">
      <c r="N598020" s="10"/>
    </row>
    <row r="598021" spans="14:14">
      <c r="N598021" s="10"/>
    </row>
    <row r="598022" spans="14:14">
      <c r="N598022" s="10"/>
    </row>
    <row r="598023" spans="14:14">
      <c r="N598023" s="10"/>
    </row>
    <row r="598024" spans="14:14">
      <c r="N598024" s="10"/>
    </row>
    <row r="598025" spans="14:14">
      <c r="N598025" s="10"/>
    </row>
    <row r="598026" spans="14:14">
      <c r="N598026" s="10"/>
    </row>
    <row r="598027" spans="14:14">
      <c r="N598027" s="10"/>
    </row>
    <row r="598028" spans="14:14">
      <c r="N598028" s="10"/>
    </row>
    <row r="598029" spans="14:14">
      <c r="N598029" s="10"/>
    </row>
    <row r="598030" spans="14:14">
      <c r="N598030" s="10"/>
    </row>
    <row r="598031" spans="14:14">
      <c r="N598031" s="10"/>
    </row>
    <row r="598032" spans="14:14">
      <c r="N598032" s="10"/>
    </row>
    <row r="598033" spans="14:14">
      <c r="N598033" s="10"/>
    </row>
    <row r="598034" spans="14:14">
      <c r="N598034" s="10"/>
    </row>
    <row r="598035" spans="14:14">
      <c r="N598035" s="10"/>
    </row>
    <row r="598036" spans="14:14">
      <c r="N598036" s="10"/>
    </row>
    <row r="598037" spans="14:14">
      <c r="N598037" s="10"/>
    </row>
    <row r="598038" spans="14:14">
      <c r="N598038" s="10"/>
    </row>
    <row r="598039" spans="14:14">
      <c r="N598039" s="10"/>
    </row>
    <row r="598040" spans="14:14">
      <c r="N598040" s="10"/>
    </row>
    <row r="598041" spans="14:14">
      <c r="N598041" s="10"/>
    </row>
    <row r="598042" spans="14:14">
      <c r="N598042" s="10"/>
    </row>
    <row r="598043" spans="14:14">
      <c r="N598043" s="10"/>
    </row>
    <row r="598044" spans="14:14">
      <c r="N598044" s="10"/>
    </row>
    <row r="598045" spans="14:14">
      <c r="N598045" s="10"/>
    </row>
    <row r="598046" spans="14:14">
      <c r="N598046" s="10"/>
    </row>
    <row r="598047" spans="14:14">
      <c r="N598047" s="10"/>
    </row>
    <row r="598048" spans="14:14">
      <c r="N598048" s="10"/>
    </row>
    <row r="598049" spans="14:14">
      <c r="N598049" s="10"/>
    </row>
    <row r="598050" spans="14:14">
      <c r="N598050" s="10"/>
    </row>
    <row r="598051" spans="14:14">
      <c r="N598051" s="10"/>
    </row>
    <row r="598052" spans="14:14">
      <c r="N598052" s="10"/>
    </row>
    <row r="598053" spans="14:14">
      <c r="N598053" s="10"/>
    </row>
    <row r="598054" spans="14:14">
      <c r="N598054" s="10"/>
    </row>
    <row r="598055" spans="14:14">
      <c r="N598055" s="10"/>
    </row>
    <row r="598056" spans="14:14">
      <c r="N598056" s="10"/>
    </row>
    <row r="598057" spans="14:14">
      <c r="N598057" s="10"/>
    </row>
    <row r="598058" spans="14:14">
      <c r="N598058" s="10"/>
    </row>
    <row r="598059" spans="14:14">
      <c r="N598059" s="10"/>
    </row>
    <row r="598060" spans="14:14">
      <c r="N598060" s="10"/>
    </row>
    <row r="598061" spans="14:14">
      <c r="N598061" s="10"/>
    </row>
    <row r="598062" spans="14:14">
      <c r="N598062" s="10"/>
    </row>
    <row r="598063" spans="14:14">
      <c r="N598063" s="10"/>
    </row>
    <row r="598064" spans="14:14">
      <c r="N598064" s="10"/>
    </row>
    <row r="598065" spans="14:14">
      <c r="N598065" s="10"/>
    </row>
    <row r="598066" spans="14:14">
      <c r="N598066" s="10"/>
    </row>
    <row r="598067" spans="14:14">
      <c r="N598067" s="10"/>
    </row>
    <row r="598068" spans="14:14">
      <c r="N598068" s="10"/>
    </row>
    <row r="598069" spans="14:14">
      <c r="N598069" s="10"/>
    </row>
    <row r="598070" spans="14:14">
      <c r="N598070" s="10"/>
    </row>
    <row r="598071" spans="14:14">
      <c r="N598071" s="10"/>
    </row>
    <row r="598072" spans="14:14">
      <c r="N598072" s="10"/>
    </row>
    <row r="598073" spans="14:14">
      <c r="N598073" s="10"/>
    </row>
    <row r="598074" spans="14:14">
      <c r="N598074" s="10"/>
    </row>
    <row r="598075" spans="14:14">
      <c r="N598075" s="10"/>
    </row>
    <row r="598076" spans="14:14">
      <c r="N598076" s="10"/>
    </row>
    <row r="598077" spans="14:14">
      <c r="N598077" s="10"/>
    </row>
    <row r="598078" spans="14:14">
      <c r="N598078" s="10"/>
    </row>
    <row r="598079" spans="14:14">
      <c r="N598079" s="10"/>
    </row>
    <row r="598080" spans="14:14">
      <c r="N598080" s="10"/>
    </row>
    <row r="598081" spans="14:14">
      <c r="N598081" s="10"/>
    </row>
    <row r="598082" spans="14:14">
      <c r="N598082" s="10"/>
    </row>
    <row r="598083" spans="14:14">
      <c r="N598083" s="10"/>
    </row>
    <row r="598084" spans="14:14">
      <c r="N598084" s="10"/>
    </row>
    <row r="598085" spans="14:14">
      <c r="N598085" s="10"/>
    </row>
    <row r="598086" spans="14:14">
      <c r="N598086" s="10"/>
    </row>
    <row r="598087" spans="14:14">
      <c r="N598087" s="10"/>
    </row>
    <row r="598088" spans="14:14">
      <c r="N598088" s="10"/>
    </row>
    <row r="598089" spans="14:14">
      <c r="N598089" s="10"/>
    </row>
    <row r="598090" spans="14:14">
      <c r="N598090" s="10"/>
    </row>
    <row r="598091" spans="14:14">
      <c r="N598091" s="10"/>
    </row>
    <row r="598092" spans="14:14">
      <c r="N598092" s="10"/>
    </row>
    <row r="598093" spans="14:14">
      <c r="N598093" s="10"/>
    </row>
    <row r="598094" spans="14:14">
      <c r="N598094" s="10"/>
    </row>
    <row r="598095" spans="14:14">
      <c r="N598095" s="10"/>
    </row>
    <row r="598096" spans="14:14">
      <c r="N598096" s="10"/>
    </row>
    <row r="598097" spans="14:14">
      <c r="N598097" s="10"/>
    </row>
    <row r="598098" spans="14:14">
      <c r="N598098" s="10"/>
    </row>
    <row r="598099" spans="14:14">
      <c r="N598099" s="10"/>
    </row>
    <row r="598100" spans="14:14">
      <c r="N598100" s="10"/>
    </row>
    <row r="598101" spans="14:14">
      <c r="N598101" s="10"/>
    </row>
    <row r="598102" spans="14:14">
      <c r="N598102" s="10"/>
    </row>
    <row r="598103" spans="14:14">
      <c r="N598103" s="10"/>
    </row>
    <row r="598104" spans="14:14">
      <c r="N598104" s="10"/>
    </row>
    <row r="598105" spans="14:14">
      <c r="N598105" s="10"/>
    </row>
    <row r="598106" spans="14:14">
      <c r="N598106" s="10"/>
    </row>
    <row r="598107" spans="14:14">
      <c r="N598107" s="10"/>
    </row>
    <row r="598108" spans="14:14">
      <c r="N598108" s="10"/>
    </row>
    <row r="598109" spans="14:14">
      <c r="N598109" s="10"/>
    </row>
    <row r="598110" spans="14:14">
      <c r="N598110" s="10"/>
    </row>
    <row r="598111" spans="14:14">
      <c r="N598111" s="10"/>
    </row>
    <row r="598112" spans="14:14">
      <c r="N598112" s="10"/>
    </row>
    <row r="598113" spans="14:14">
      <c r="N598113" s="10"/>
    </row>
    <row r="598114" spans="14:14">
      <c r="N598114" s="10"/>
    </row>
    <row r="598115" spans="14:14">
      <c r="N598115" s="10"/>
    </row>
    <row r="598116" spans="14:14">
      <c r="N598116" s="10"/>
    </row>
    <row r="598117" spans="14:14">
      <c r="N598117" s="10"/>
    </row>
    <row r="598118" spans="14:14">
      <c r="N598118" s="10"/>
    </row>
    <row r="598119" spans="14:14">
      <c r="N598119" s="10"/>
    </row>
    <row r="598120" spans="14:14">
      <c r="N598120" s="10"/>
    </row>
    <row r="598121" spans="14:14">
      <c r="N598121" s="10"/>
    </row>
    <row r="598122" spans="14:14">
      <c r="N598122" s="10"/>
    </row>
    <row r="598123" spans="14:14">
      <c r="N598123" s="10"/>
    </row>
    <row r="598124" spans="14:14">
      <c r="N598124" s="10"/>
    </row>
    <row r="598125" spans="14:14">
      <c r="N598125" s="10"/>
    </row>
    <row r="598126" spans="14:14">
      <c r="N598126" s="10"/>
    </row>
    <row r="598127" spans="14:14">
      <c r="N598127" s="10"/>
    </row>
    <row r="598128" spans="14:14">
      <c r="N598128" s="10"/>
    </row>
    <row r="598129" spans="14:14">
      <c r="N598129" s="10"/>
    </row>
    <row r="598130" spans="14:14">
      <c r="N598130" s="10"/>
    </row>
    <row r="598131" spans="14:14">
      <c r="N598131" s="10"/>
    </row>
    <row r="598132" spans="14:14">
      <c r="N598132" s="10"/>
    </row>
    <row r="598133" spans="14:14">
      <c r="N598133" s="10"/>
    </row>
    <row r="598134" spans="14:14">
      <c r="N598134" s="10"/>
    </row>
    <row r="598135" spans="14:14">
      <c r="N598135" s="10"/>
    </row>
    <row r="598136" spans="14:14">
      <c r="N598136" s="10"/>
    </row>
    <row r="598137" spans="14:14">
      <c r="N598137" s="10"/>
    </row>
    <row r="598138" spans="14:14">
      <c r="N598138" s="10"/>
    </row>
    <row r="598139" spans="14:14">
      <c r="N598139" s="10"/>
    </row>
    <row r="598140" spans="14:14">
      <c r="N598140" s="10"/>
    </row>
    <row r="598141" spans="14:14">
      <c r="N598141" s="10"/>
    </row>
    <row r="598142" spans="14:14">
      <c r="N598142" s="10"/>
    </row>
    <row r="598143" spans="14:14">
      <c r="N598143" s="10"/>
    </row>
    <row r="598144" spans="14:14">
      <c r="N598144" s="10"/>
    </row>
    <row r="598145" spans="14:14">
      <c r="N598145" s="10"/>
    </row>
    <row r="598146" spans="14:14">
      <c r="N598146" s="10"/>
    </row>
    <row r="598147" spans="14:14">
      <c r="N598147" s="10"/>
    </row>
    <row r="598148" spans="14:14">
      <c r="N598148" s="10"/>
    </row>
    <row r="598149" spans="14:14">
      <c r="N598149" s="10"/>
    </row>
    <row r="598150" spans="14:14">
      <c r="N598150" s="10"/>
    </row>
    <row r="598151" spans="14:14">
      <c r="N598151" s="10"/>
    </row>
    <row r="598152" spans="14:14">
      <c r="N598152" s="10"/>
    </row>
    <row r="598153" spans="14:14">
      <c r="N598153" s="10"/>
    </row>
    <row r="598154" spans="14:14">
      <c r="N598154" s="10"/>
    </row>
    <row r="598155" spans="14:14">
      <c r="N598155" s="10"/>
    </row>
    <row r="598156" spans="14:14">
      <c r="N598156" s="10"/>
    </row>
    <row r="598157" spans="14:14">
      <c r="N598157" s="10"/>
    </row>
    <row r="598158" spans="14:14">
      <c r="N598158" s="10"/>
    </row>
    <row r="598159" spans="14:14">
      <c r="N598159" s="10"/>
    </row>
    <row r="598160" spans="14:14">
      <c r="N598160" s="10"/>
    </row>
    <row r="598161" spans="14:14">
      <c r="N598161" s="10"/>
    </row>
    <row r="598162" spans="14:14">
      <c r="N598162" s="10"/>
    </row>
    <row r="598163" spans="14:14">
      <c r="N598163" s="10"/>
    </row>
    <row r="598164" spans="14:14">
      <c r="N598164" s="10"/>
    </row>
    <row r="598165" spans="14:14">
      <c r="N598165" s="10"/>
    </row>
    <row r="598166" spans="14:14">
      <c r="N598166" s="10"/>
    </row>
    <row r="598167" spans="14:14">
      <c r="N598167" s="10"/>
    </row>
    <row r="598168" spans="14:14">
      <c r="N598168" s="10"/>
    </row>
    <row r="598169" spans="14:14">
      <c r="N598169" s="10"/>
    </row>
    <row r="598170" spans="14:14">
      <c r="N598170" s="10"/>
    </row>
    <row r="598171" spans="14:14">
      <c r="N598171" s="10"/>
    </row>
    <row r="598172" spans="14:14">
      <c r="N598172" s="10"/>
    </row>
    <row r="598173" spans="14:14">
      <c r="N598173" s="10"/>
    </row>
    <row r="598174" spans="14:14">
      <c r="N598174" s="10"/>
    </row>
    <row r="598175" spans="14:14">
      <c r="N598175" s="10"/>
    </row>
    <row r="598176" spans="14:14">
      <c r="N598176" s="10"/>
    </row>
    <row r="598177" spans="14:14">
      <c r="N598177" s="10"/>
    </row>
    <row r="598178" spans="14:14">
      <c r="N598178" s="10"/>
    </row>
    <row r="598179" spans="14:14">
      <c r="N598179" s="10"/>
    </row>
    <row r="598180" spans="14:14">
      <c r="N598180" s="10"/>
    </row>
    <row r="598181" spans="14:14">
      <c r="N598181" s="10"/>
    </row>
    <row r="598182" spans="14:14">
      <c r="N598182" s="10"/>
    </row>
    <row r="598183" spans="14:14">
      <c r="N598183" s="10"/>
    </row>
    <row r="598184" spans="14:14">
      <c r="N598184" s="10"/>
    </row>
    <row r="598185" spans="14:14">
      <c r="N598185" s="10"/>
    </row>
    <row r="598186" spans="14:14">
      <c r="N598186" s="10"/>
    </row>
    <row r="598187" spans="14:14">
      <c r="N598187" s="10"/>
    </row>
    <row r="598188" spans="14:14">
      <c r="N598188" s="10"/>
    </row>
    <row r="598189" spans="14:14">
      <c r="N598189" s="10"/>
    </row>
    <row r="598190" spans="14:14">
      <c r="N598190" s="10"/>
    </row>
    <row r="598191" spans="14:14">
      <c r="N598191" s="10"/>
    </row>
    <row r="598192" spans="14:14">
      <c r="N598192" s="10"/>
    </row>
    <row r="598193" spans="14:14">
      <c r="N598193" s="10"/>
    </row>
    <row r="598194" spans="14:14">
      <c r="N598194" s="10"/>
    </row>
    <row r="598195" spans="14:14">
      <c r="N598195" s="10"/>
    </row>
    <row r="598196" spans="14:14">
      <c r="N598196" s="10"/>
    </row>
    <row r="598197" spans="14:14">
      <c r="N598197" s="10"/>
    </row>
    <row r="598198" spans="14:14">
      <c r="N598198" s="10"/>
    </row>
    <row r="598199" spans="14:14">
      <c r="N598199" s="10"/>
    </row>
    <row r="598200" spans="14:14">
      <c r="N598200" s="10"/>
    </row>
    <row r="598201" spans="14:14">
      <c r="N598201" s="10"/>
    </row>
    <row r="598202" spans="14:14">
      <c r="N598202" s="10"/>
    </row>
    <row r="598203" spans="14:14">
      <c r="N598203" s="10"/>
    </row>
    <row r="598204" spans="14:14">
      <c r="N598204" s="10"/>
    </row>
    <row r="598205" spans="14:14">
      <c r="N598205" s="10"/>
    </row>
    <row r="598206" spans="14:14">
      <c r="N598206" s="10"/>
    </row>
    <row r="598207" spans="14:14">
      <c r="N598207" s="10"/>
    </row>
    <row r="598208" spans="14:14">
      <c r="N598208" s="10"/>
    </row>
    <row r="598209" spans="14:14">
      <c r="N598209" s="10"/>
    </row>
    <row r="598210" spans="14:14">
      <c r="N598210" s="10"/>
    </row>
    <row r="598211" spans="14:14">
      <c r="N598211" s="10"/>
    </row>
    <row r="598212" spans="14:14">
      <c r="N598212" s="10"/>
    </row>
    <row r="598213" spans="14:14">
      <c r="N598213" s="10"/>
    </row>
    <row r="598214" spans="14:14">
      <c r="N598214" s="10"/>
    </row>
    <row r="598215" spans="14:14">
      <c r="N598215" s="10"/>
    </row>
    <row r="598216" spans="14:14">
      <c r="N598216" s="10"/>
    </row>
    <row r="598217" spans="14:14">
      <c r="N598217" s="10"/>
    </row>
    <row r="598218" spans="14:14">
      <c r="N598218" s="10"/>
    </row>
    <row r="598219" spans="14:14">
      <c r="N598219" s="10"/>
    </row>
    <row r="598220" spans="14:14">
      <c r="N598220" s="10"/>
    </row>
    <row r="598221" spans="14:14">
      <c r="N598221" s="10"/>
    </row>
    <row r="598222" spans="14:14">
      <c r="N598222" s="10"/>
    </row>
    <row r="598223" spans="14:14">
      <c r="N598223" s="10"/>
    </row>
    <row r="598224" spans="14:14">
      <c r="N598224" s="10"/>
    </row>
    <row r="598225" spans="14:14">
      <c r="N598225" s="10"/>
    </row>
    <row r="598226" spans="14:14">
      <c r="N598226" s="10"/>
    </row>
    <row r="598227" spans="14:14">
      <c r="N598227" s="10"/>
    </row>
    <row r="598228" spans="14:14">
      <c r="N598228" s="10"/>
    </row>
    <row r="598229" spans="14:14">
      <c r="N598229" s="10"/>
    </row>
    <row r="598230" spans="14:14">
      <c r="N598230" s="10"/>
    </row>
    <row r="598231" spans="14:14">
      <c r="N598231" s="10"/>
    </row>
    <row r="598232" spans="14:14">
      <c r="N598232" s="10"/>
    </row>
    <row r="598233" spans="14:14">
      <c r="N598233" s="10"/>
    </row>
    <row r="598234" spans="14:14">
      <c r="N598234" s="10"/>
    </row>
    <row r="598235" spans="14:14">
      <c r="N598235" s="10"/>
    </row>
    <row r="598236" spans="14:14">
      <c r="N598236" s="10"/>
    </row>
    <row r="598237" spans="14:14">
      <c r="N598237" s="10"/>
    </row>
    <row r="598238" spans="14:14">
      <c r="N598238" s="10"/>
    </row>
    <row r="598239" spans="14:14">
      <c r="N598239" s="10"/>
    </row>
    <row r="598240" spans="14:14">
      <c r="N598240" s="10"/>
    </row>
    <row r="598241" spans="14:14">
      <c r="N598241" s="10"/>
    </row>
    <row r="598242" spans="14:14">
      <c r="N598242" s="10"/>
    </row>
    <row r="598243" spans="14:14">
      <c r="N598243" s="10"/>
    </row>
    <row r="598244" spans="14:14">
      <c r="N598244" s="10"/>
    </row>
    <row r="598245" spans="14:14">
      <c r="N598245" s="10"/>
    </row>
    <row r="598246" spans="14:14">
      <c r="N598246" s="10"/>
    </row>
    <row r="598247" spans="14:14">
      <c r="N598247" s="10"/>
    </row>
    <row r="598248" spans="14:14">
      <c r="N598248" s="10"/>
    </row>
    <row r="598249" spans="14:14">
      <c r="N598249" s="10"/>
    </row>
    <row r="598250" spans="14:14">
      <c r="N598250" s="10"/>
    </row>
    <row r="598251" spans="14:14">
      <c r="N598251" s="10"/>
    </row>
    <row r="598252" spans="14:14">
      <c r="N598252" s="10"/>
    </row>
    <row r="598253" spans="14:14">
      <c r="N598253" s="10"/>
    </row>
    <row r="598254" spans="14:14">
      <c r="N598254" s="10"/>
    </row>
    <row r="598255" spans="14:14">
      <c r="N598255" s="10"/>
    </row>
    <row r="598256" spans="14:14">
      <c r="N598256" s="10"/>
    </row>
    <row r="598257" spans="14:14">
      <c r="N598257" s="10"/>
    </row>
    <row r="598258" spans="14:14">
      <c r="N598258" s="10"/>
    </row>
    <row r="598259" spans="14:14">
      <c r="N598259" s="10"/>
    </row>
    <row r="598260" spans="14:14">
      <c r="N598260" s="10"/>
    </row>
    <row r="598261" spans="14:14">
      <c r="N598261" s="10"/>
    </row>
    <row r="598262" spans="14:14">
      <c r="N598262" s="10"/>
    </row>
    <row r="598263" spans="14:14">
      <c r="N598263" s="10"/>
    </row>
    <row r="598264" spans="14:14">
      <c r="N598264" s="10"/>
    </row>
    <row r="598265" spans="14:14">
      <c r="N598265" s="10"/>
    </row>
    <row r="598266" spans="14:14">
      <c r="N598266" s="10"/>
    </row>
    <row r="598267" spans="14:14">
      <c r="N598267" s="10"/>
    </row>
    <row r="598268" spans="14:14">
      <c r="N598268" s="10"/>
    </row>
    <row r="598269" spans="14:14">
      <c r="N598269" s="10"/>
    </row>
    <row r="598270" spans="14:14">
      <c r="N598270" s="10"/>
    </row>
    <row r="598271" spans="14:14">
      <c r="N598271" s="10"/>
    </row>
    <row r="598272" spans="14:14">
      <c r="N598272" s="10"/>
    </row>
    <row r="598273" spans="14:14">
      <c r="N598273" s="10"/>
    </row>
    <row r="598274" spans="14:14">
      <c r="N598274" s="10"/>
    </row>
    <row r="598275" spans="14:14">
      <c r="N598275" s="10"/>
    </row>
    <row r="598276" spans="14:14">
      <c r="N598276" s="10"/>
    </row>
    <row r="598277" spans="14:14">
      <c r="N598277" s="10"/>
    </row>
    <row r="598278" spans="14:14">
      <c r="N598278" s="10"/>
    </row>
    <row r="598279" spans="14:14">
      <c r="N598279" s="10"/>
    </row>
    <row r="598280" spans="14:14">
      <c r="N598280" s="10"/>
    </row>
    <row r="598281" spans="14:14">
      <c r="N598281" s="10"/>
    </row>
    <row r="598282" spans="14:14">
      <c r="N598282" s="10"/>
    </row>
    <row r="598283" spans="14:14">
      <c r="N598283" s="10"/>
    </row>
    <row r="598284" spans="14:14">
      <c r="N598284" s="10"/>
    </row>
    <row r="598285" spans="14:14">
      <c r="N598285" s="10"/>
    </row>
    <row r="598286" spans="14:14">
      <c r="N598286" s="10"/>
    </row>
    <row r="598287" spans="14:14">
      <c r="N598287" s="10"/>
    </row>
    <row r="598288" spans="14:14">
      <c r="N598288" s="10"/>
    </row>
    <row r="598289" spans="14:14">
      <c r="N598289" s="10"/>
    </row>
    <row r="598290" spans="14:14">
      <c r="N598290" s="10"/>
    </row>
    <row r="598291" spans="14:14">
      <c r="N598291" s="10"/>
    </row>
    <row r="598292" spans="14:14">
      <c r="N598292" s="10"/>
    </row>
    <row r="598293" spans="14:14">
      <c r="N598293" s="10"/>
    </row>
    <row r="598294" spans="14:14">
      <c r="N598294" s="10"/>
    </row>
    <row r="598295" spans="14:14">
      <c r="N598295" s="10"/>
    </row>
    <row r="598296" spans="14:14">
      <c r="N598296" s="10"/>
    </row>
    <row r="598297" spans="14:14">
      <c r="N598297" s="10"/>
    </row>
    <row r="598298" spans="14:14">
      <c r="N598298" s="10"/>
    </row>
    <row r="598299" spans="14:14">
      <c r="N598299" s="10"/>
    </row>
    <row r="598300" spans="14:14">
      <c r="N598300" s="10"/>
    </row>
    <row r="598301" spans="14:14">
      <c r="N598301" s="10"/>
    </row>
    <row r="598302" spans="14:14">
      <c r="N598302" s="10"/>
    </row>
    <row r="598303" spans="14:14">
      <c r="N598303" s="10"/>
    </row>
    <row r="598304" spans="14:14">
      <c r="N598304" s="10"/>
    </row>
    <row r="598305" spans="14:14">
      <c r="N598305" s="10"/>
    </row>
    <row r="598306" spans="14:14">
      <c r="N598306" s="10"/>
    </row>
    <row r="598307" spans="14:14">
      <c r="N598307" s="10"/>
    </row>
    <row r="598308" spans="14:14">
      <c r="N598308" s="10"/>
    </row>
    <row r="598309" spans="14:14">
      <c r="N598309" s="10"/>
    </row>
    <row r="598310" spans="14:14">
      <c r="N598310" s="10"/>
    </row>
    <row r="598311" spans="14:14">
      <c r="N598311" s="10"/>
    </row>
    <row r="598312" spans="14:14">
      <c r="N598312" s="10"/>
    </row>
    <row r="598313" spans="14:14">
      <c r="N598313" s="10"/>
    </row>
    <row r="598314" spans="14:14">
      <c r="N598314" s="10"/>
    </row>
    <row r="598315" spans="14:14">
      <c r="N598315" s="10"/>
    </row>
    <row r="598316" spans="14:14">
      <c r="N598316" s="10"/>
    </row>
    <row r="598317" spans="14:14">
      <c r="N598317" s="10"/>
    </row>
    <row r="598318" spans="14:14">
      <c r="N598318" s="10"/>
    </row>
    <row r="598319" spans="14:14">
      <c r="N598319" s="10"/>
    </row>
    <row r="598320" spans="14:14">
      <c r="N598320" s="10"/>
    </row>
    <row r="598321" spans="14:14">
      <c r="N598321" s="10"/>
    </row>
    <row r="598322" spans="14:14">
      <c r="N598322" s="10"/>
    </row>
    <row r="598323" spans="14:14">
      <c r="N598323" s="10"/>
    </row>
    <row r="598324" spans="14:14">
      <c r="N598324" s="10"/>
    </row>
    <row r="598325" spans="14:14">
      <c r="N598325" s="10"/>
    </row>
    <row r="598326" spans="14:14">
      <c r="N598326" s="10"/>
    </row>
    <row r="598327" spans="14:14">
      <c r="N598327" s="10"/>
    </row>
    <row r="598328" spans="14:14">
      <c r="N598328" s="10"/>
    </row>
    <row r="598329" spans="14:14">
      <c r="N598329" s="10"/>
    </row>
    <row r="598330" spans="14:14">
      <c r="N598330" s="10"/>
    </row>
    <row r="598331" spans="14:14">
      <c r="N598331" s="10"/>
    </row>
    <row r="598332" spans="14:14">
      <c r="N598332" s="10"/>
    </row>
    <row r="598333" spans="14:14">
      <c r="N598333" s="10"/>
    </row>
    <row r="598334" spans="14:14">
      <c r="N598334" s="10"/>
    </row>
    <row r="598335" spans="14:14">
      <c r="N598335" s="10"/>
    </row>
    <row r="598336" spans="14:14">
      <c r="N598336" s="10"/>
    </row>
    <row r="598337" spans="14:14">
      <c r="N598337" s="10"/>
    </row>
    <row r="598338" spans="14:14">
      <c r="N598338" s="10"/>
    </row>
    <row r="598339" spans="14:14">
      <c r="N598339" s="10"/>
    </row>
    <row r="598340" spans="14:14">
      <c r="N598340" s="10"/>
    </row>
    <row r="598341" spans="14:14">
      <c r="N598341" s="10"/>
    </row>
    <row r="598342" spans="14:14">
      <c r="N598342" s="10"/>
    </row>
    <row r="598343" spans="14:14">
      <c r="N598343" s="10"/>
    </row>
    <row r="598344" spans="14:14">
      <c r="N598344" s="10"/>
    </row>
    <row r="598345" spans="14:14">
      <c r="N598345" s="10"/>
    </row>
    <row r="598346" spans="14:14">
      <c r="N598346" s="10"/>
    </row>
    <row r="598347" spans="14:14">
      <c r="N598347" s="10"/>
    </row>
    <row r="598348" spans="14:14">
      <c r="N598348" s="10"/>
    </row>
    <row r="598349" spans="14:14">
      <c r="N598349" s="10"/>
    </row>
    <row r="598350" spans="14:14">
      <c r="N598350" s="10"/>
    </row>
    <row r="598351" spans="14:14">
      <c r="N598351" s="10"/>
    </row>
    <row r="598352" spans="14:14">
      <c r="N598352" s="10"/>
    </row>
    <row r="598353" spans="14:14">
      <c r="N598353" s="10"/>
    </row>
    <row r="598354" spans="14:14">
      <c r="N598354" s="10"/>
    </row>
    <row r="598355" spans="14:14">
      <c r="N598355" s="10"/>
    </row>
    <row r="598356" spans="14:14">
      <c r="N598356" s="10"/>
    </row>
    <row r="598357" spans="14:14">
      <c r="N598357" s="10"/>
    </row>
    <row r="598358" spans="14:14">
      <c r="N598358" s="10"/>
    </row>
    <row r="598359" spans="14:14">
      <c r="N598359" s="10"/>
    </row>
    <row r="598360" spans="14:14">
      <c r="N598360" s="10"/>
    </row>
    <row r="598361" spans="14:14">
      <c r="N598361" s="10"/>
    </row>
    <row r="598362" spans="14:14">
      <c r="N598362" s="10"/>
    </row>
    <row r="598363" spans="14:14">
      <c r="N598363" s="10"/>
    </row>
    <row r="598364" spans="14:14">
      <c r="N598364" s="10"/>
    </row>
    <row r="598365" spans="14:14">
      <c r="N598365" s="10"/>
    </row>
    <row r="598366" spans="14:14">
      <c r="N598366" s="10"/>
    </row>
    <row r="598367" spans="14:14">
      <c r="N598367" s="10"/>
    </row>
    <row r="598368" spans="14:14">
      <c r="N598368" s="10"/>
    </row>
    <row r="598369" spans="14:14">
      <c r="N598369" s="10"/>
    </row>
    <row r="598370" spans="14:14">
      <c r="N598370" s="10"/>
    </row>
    <row r="598371" spans="14:14">
      <c r="N598371" s="10"/>
    </row>
    <row r="598372" spans="14:14">
      <c r="N598372" s="10"/>
    </row>
    <row r="598373" spans="14:14">
      <c r="N598373" s="10"/>
    </row>
    <row r="598374" spans="14:14">
      <c r="N598374" s="10"/>
    </row>
    <row r="598375" spans="14:14">
      <c r="N598375" s="10"/>
    </row>
    <row r="598376" spans="14:14">
      <c r="N598376" s="10"/>
    </row>
    <row r="598377" spans="14:14">
      <c r="N598377" s="10"/>
    </row>
    <row r="598378" spans="14:14">
      <c r="N598378" s="10"/>
    </row>
    <row r="598379" spans="14:14">
      <c r="N598379" s="10"/>
    </row>
    <row r="598380" spans="14:14">
      <c r="N598380" s="10"/>
    </row>
    <row r="598381" spans="14:14">
      <c r="N598381" s="10"/>
    </row>
    <row r="598382" spans="14:14">
      <c r="N598382" s="10"/>
    </row>
    <row r="598383" spans="14:14">
      <c r="N598383" s="10"/>
    </row>
    <row r="598384" spans="14:14">
      <c r="N598384" s="10"/>
    </row>
    <row r="598385" spans="14:14">
      <c r="N598385" s="10"/>
    </row>
    <row r="598386" spans="14:14">
      <c r="N598386" s="10"/>
    </row>
    <row r="598387" spans="14:14">
      <c r="N598387" s="10"/>
    </row>
    <row r="598388" spans="14:14">
      <c r="N598388" s="10"/>
    </row>
    <row r="598389" spans="14:14">
      <c r="N598389" s="10"/>
    </row>
    <row r="598390" spans="14:14">
      <c r="N598390" s="10"/>
    </row>
    <row r="598391" spans="14:14">
      <c r="N598391" s="10"/>
    </row>
    <row r="598392" spans="14:14">
      <c r="N598392" s="10"/>
    </row>
    <row r="598393" spans="14:14">
      <c r="N598393" s="10"/>
    </row>
    <row r="598394" spans="14:14">
      <c r="N598394" s="10"/>
    </row>
    <row r="598395" spans="14:14">
      <c r="N598395" s="10"/>
    </row>
    <row r="598396" spans="14:14">
      <c r="N598396" s="10"/>
    </row>
    <row r="598397" spans="14:14">
      <c r="N598397" s="10"/>
    </row>
    <row r="598398" spans="14:14">
      <c r="N598398" s="10"/>
    </row>
    <row r="598399" spans="14:14">
      <c r="N598399" s="10"/>
    </row>
    <row r="598400" spans="14:14">
      <c r="N598400" s="10"/>
    </row>
    <row r="598401" spans="14:14">
      <c r="N598401" s="10"/>
    </row>
    <row r="598402" spans="14:14">
      <c r="N598402" s="10"/>
    </row>
    <row r="598403" spans="14:14">
      <c r="N598403" s="10"/>
    </row>
    <row r="598404" spans="14:14">
      <c r="N598404" s="10"/>
    </row>
    <row r="598405" spans="14:14">
      <c r="N598405" s="10"/>
    </row>
    <row r="598406" spans="14:14">
      <c r="N598406" s="10"/>
    </row>
    <row r="598407" spans="14:14">
      <c r="N598407" s="10"/>
    </row>
    <row r="598408" spans="14:14">
      <c r="N598408" s="10"/>
    </row>
    <row r="598409" spans="14:14">
      <c r="N598409" s="10"/>
    </row>
    <row r="598410" spans="14:14">
      <c r="N598410" s="10"/>
    </row>
    <row r="598411" spans="14:14">
      <c r="N598411" s="10"/>
    </row>
    <row r="598412" spans="14:14">
      <c r="N598412" s="10"/>
    </row>
    <row r="598413" spans="14:14">
      <c r="N598413" s="10"/>
    </row>
    <row r="598414" spans="14:14">
      <c r="N598414" s="10"/>
    </row>
    <row r="598415" spans="14:14">
      <c r="N598415" s="10"/>
    </row>
    <row r="598416" spans="14:14">
      <c r="N598416" s="10"/>
    </row>
    <row r="598417" spans="14:14">
      <c r="N598417" s="10"/>
    </row>
    <row r="598418" spans="14:14">
      <c r="N598418" s="10"/>
    </row>
    <row r="598419" spans="14:14">
      <c r="N598419" s="10"/>
    </row>
    <row r="598420" spans="14:14">
      <c r="N598420" s="10"/>
    </row>
    <row r="598421" spans="14:14">
      <c r="N598421" s="10"/>
    </row>
    <row r="598422" spans="14:14">
      <c r="N598422" s="10"/>
    </row>
    <row r="598423" spans="14:14">
      <c r="N598423" s="10"/>
    </row>
    <row r="598424" spans="14:14">
      <c r="N598424" s="10"/>
    </row>
    <row r="598425" spans="14:14">
      <c r="N598425" s="10"/>
    </row>
    <row r="598426" spans="14:14">
      <c r="N598426" s="10"/>
    </row>
    <row r="598427" spans="14:14">
      <c r="N598427" s="10"/>
    </row>
    <row r="598428" spans="14:14">
      <c r="N598428" s="10"/>
    </row>
    <row r="598429" spans="14:14">
      <c r="N598429" s="10"/>
    </row>
    <row r="598430" spans="14:14">
      <c r="N598430" s="10"/>
    </row>
    <row r="598431" spans="14:14">
      <c r="N598431" s="10"/>
    </row>
    <row r="598432" spans="14:14">
      <c r="N598432" s="10"/>
    </row>
    <row r="598433" spans="14:14">
      <c r="N598433" s="10"/>
    </row>
    <row r="598434" spans="14:14">
      <c r="N598434" s="10"/>
    </row>
    <row r="598435" spans="14:14">
      <c r="N598435" s="10"/>
    </row>
    <row r="598436" spans="14:14">
      <c r="N598436" s="10"/>
    </row>
    <row r="598437" spans="14:14">
      <c r="N598437" s="10"/>
    </row>
    <row r="598438" spans="14:14">
      <c r="N598438" s="10"/>
    </row>
    <row r="598439" spans="14:14">
      <c r="N598439" s="10"/>
    </row>
    <row r="598440" spans="14:14">
      <c r="N598440" s="10"/>
    </row>
    <row r="598441" spans="14:14">
      <c r="N598441" s="10"/>
    </row>
    <row r="598442" spans="14:14">
      <c r="N598442" s="10"/>
    </row>
    <row r="598443" spans="14:14">
      <c r="N598443" s="10"/>
    </row>
    <row r="598444" spans="14:14">
      <c r="N598444" s="10"/>
    </row>
    <row r="598445" spans="14:14">
      <c r="N598445" s="10"/>
    </row>
    <row r="598446" spans="14:14">
      <c r="N598446" s="10"/>
    </row>
    <row r="598447" spans="14:14">
      <c r="N598447" s="10"/>
    </row>
    <row r="598448" spans="14:14">
      <c r="N598448" s="10"/>
    </row>
    <row r="598449" spans="14:14">
      <c r="N598449" s="10"/>
    </row>
    <row r="598450" spans="14:14">
      <c r="N598450" s="10"/>
    </row>
    <row r="598451" spans="14:14">
      <c r="N598451" s="10"/>
    </row>
    <row r="598452" spans="14:14">
      <c r="N598452" s="10"/>
    </row>
    <row r="598453" spans="14:14">
      <c r="N598453" s="10"/>
    </row>
    <row r="598454" spans="14:14">
      <c r="N598454" s="10"/>
    </row>
    <row r="598455" spans="14:14">
      <c r="N598455" s="10"/>
    </row>
    <row r="598456" spans="14:14">
      <c r="N598456" s="10"/>
    </row>
    <row r="598457" spans="14:14">
      <c r="N598457" s="10"/>
    </row>
    <row r="598458" spans="14:14">
      <c r="N598458" s="10"/>
    </row>
    <row r="598459" spans="14:14">
      <c r="N598459" s="10"/>
    </row>
    <row r="598460" spans="14:14">
      <c r="N598460" s="10"/>
    </row>
    <row r="598461" spans="14:14">
      <c r="N598461" s="10"/>
    </row>
    <row r="598462" spans="14:14">
      <c r="N598462" s="10"/>
    </row>
    <row r="598463" spans="14:14">
      <c r="N598463" s="10"/>
    </row>
    <row r="598464" spans="14:14">
      <c r="N598464" s="10"/>
    </row>
    <row r="598465" spans="14:14">
      <c r="N598465" s="10"/>
    </row>
    <row r="598466" spans="14:14">
      <c r="N598466" s="10"/>
    </row>
    <row r="598467" spans="14:14">
      <c r="N598467" s="10"/>
    </row>
    <row r="598468" spans="14:14">
      <c r="N598468" s="10"/>
    </row>
    <row r="598469" spans="14:14">
      <c r="N598469" s="10"/>
    </row>
    <row r="598470" spans="14:14">
      <c r="N598470" s="10"/>
    </row>
    <row r="598471" spans="14:14">
      <c r="N598471" s="10"/>
    </row>
    <row r="598472" spans="14:14">
      <c r="N598472" s="10"/>
    </row>
    <row r="598473" spans="14:14">
      <c r="N598473" s="10"/>
    </row>
    <row r="598474" spans="14:14">
      <c r="N598474" s="10"/>
    </row>
    <row r="598475" spans="14:14">
      <c r="N598475" s="10"/>
    </row>
    <row r="598476" spans="14:14">
      <c r="N598476" s="10"/>
    </row>
    <row r="598477" spans="14:14">
      <c r="N598477" s="10"/>
    </row>
    <row r="598478" spans="14:14">
      <c r="N598478" s="10"/>
    </row>
    <row r="598479" spans="14:14">
      <c r="N598479" s="10"/>
    </row>
    <row r="598480" spans="14:14">
      <c r="N598480" s="10"/>
    </row>
    <row r="598481" spans="14:14">
      <c r="N598481" s="10"/>
    </row>
    <row r="598482" spans="14:14">
      <c r="N598482" s="10"/>
    </row>
    <row r="598483" spans="14:14">
      <c r="N598483" s="10"/>
    </row>
    <row r="598484" spans="14:14">
      <c r="N598484" s="10"/>
    </row>
    <row r="598485" spans="14:14">
      <c r="N598485" s="10"/>
    </row>
    <row r="598486" spans="14:14">
      <c r="N598486" s="10"/>
    </row>
    <row r="598487" spans="14:14">
      <c r="N598487" s="10"/>
    </row>
    <row r="598488" spans="14:14">
      <c r="N598488" s="10"/>
    </row>
    <row r="598489" spans="14:14">
      <c r="N598489" s="10"/>
    </row>
    <row r="598490" spans="14:14">
      <c r="N598490" s="10"/>
    </row>
    <row r="598491" spans="14:14">
      <c r="N598491" s="10"/>
    </row>
    <row r="598492" spans="14:14">
      <c r="N598492" s="10"/>
    </row>
    <row r="598493" spans="14:14">
      <c r="N598493" s="10"/>
    </row>
    <row r="598494" spans="14:14">
      <c r="N598494" s="10"/>
    </row>
    <row r="598495" spans="14:14">
      <c r="N598495" s="10"/>
    </row>
    <row r="598496" spans="14:14">
      <c r="N598496" s="10"/>
    </row>
    <row r="598497" spans="14:14">
      <c r="N598497" s="10"/>
    </row>
    <row r="598498" spans="14:14">
      <c r="N598498" s="10"/>
    </row>
    <row r="598499" spans="14:14">
      <c r="N598499" s="10"/>
    </row>
    <row r="598500" spans="14:14">
      <c r="N598500" s="10"/>
    </row>
    <row r="598501" spans="14:14">
      <c r="N598501" s="10"/>
    </row>
    <row r="598502" spans="14:14">
      <c r="N598502" s="10"/>
    </row>
    <row r="598503" spans="14:14">
      <c r="N598503" s="10"/>
    </row>
    <row r="598504" spans="14:14">
      <c r="N598504" s="10"/>
    </row>
    <row r="598505" spans="14:14">
      <c r="N598505" s="10"/>
    </row>
    <row r="598506" spans="14:14">
      <c r="N598506" s="10"/>
    </row>
    <row r="598507" spans="14:14">
      <c r="N598507" s="10"/>
    </row>
    <row r="598508" spans="14:14">
      <c r="N598508" s="10"/>
    </row>
    <row r="598509" spans="14:14">
      <c r="N598509" s="10"/>
    </row>
    <row r="598510" spans="14:14">
      <c r="N598510" s="10"/>
    </row>
    <row r="598511" spans="14:14">
      <c r="N598511" s="10"/>
    </row>
    <row r="598512" spans="14:14">
      <c r="N598512" s="10"/>
    </row>
    <row r="598513" spans="14:14">
      <c r="N598513" s="10"/>
    </row>
    <row r="598514" spans="14:14">
      <c r="N598514" s="10"/>
    </row>
    <row r="598515" spans="14:14">
      <c r="N598515" s="10"/>
    </row>
    <row r="598516" spans="14:14">
      <c r="N598516" s="10"/>
    </row>
    <row r="598517" spans="14:14">
      <c r="N598517" s="10"/>
    </row>
    <row r="598518" spans="14:14">
      <c r="N598518" s="10"/>
    </row>
    <row r="598519" spans="14:14">
      <c r="N598519" s="10"/>
    </row>
    <row r="598520" spans="14:14">
      <c r="N598520" s="10"/>
    </row>
    <row r="598521" spans="14:14">
      <c r="N598521" s="10"/>
    </row>
    <row r="598522" spans="14:14">
      <c r="N598522" s="10"/>
    </row>
    <row r="598523" spans="14:14">
      <c r="N598523" s="10"/>
    </row>
    <row r="598524" spans="14:14">
      <c r="N598524" s="10"/>
    </row>
    <row r="598525" spans="14:14">
      <c r="N598525" s="10"/>
    </row>
    <row r="598526" spans="14:14">
      <c r="N598526" s="10"/>
    </row>
    <row r="598527" spans="14:14">
      <c r="N598527" s="10"/>
    </row>
    <row r="598528" spans="14:14">
      <c r="N598528" s="10"/>
    </row>
    <row r="598529" spans="14:14">
      <c r="N598529" s="10"/>
    </row>
    <row r="598530" spans="14:14">
      <c r="N598530" s="10"/>
    </row>
    <row r="598531" spans="14:14">
      <c r="N598531" s="10"/>
    </row>
    <row r="598532" spans="14:14">
      <c r="N598532" s="10"/>
    </row>
    <row r="598533" spans="14:14">
      <c r="N598533" s="10"/>
    </row>
    <row r="598534" spans="14:14">
      <c r="N598534" s="10"/>
    </row>
    <row r="598535" spans="14:14">
      <c r="N598535" s="10"/>
    </row>
    <row r="598536" spans="14:14">
      <c r="N598536" s="10"/>
    </row>
    <row r="598537" spans="14:14">
      <c r="N598537" s="10"/>
    </row>
    <row r="598538" spans="14:14">
      <c r="N598538" s="10"/>
    </row>
    <row r="598539" spans="14:14">
      <c r="N598539" s="10"/>
    </row>
    <row r="598540" spans="14:14">
      <c r="N598540" s="10"/>
    </row>
    <row r="598541" spans="14:14">
      <c r="N598541" s="10"/>
    </row>
    <row r="598542" spans="14:14">
      <c r="N598542" s="10"/>
    </row>
    <row r="598543" spans="14:14">
      <c r="N598543" s="10"/>
    </row>
    <row r="598544" spans="14:14">
      <c r="N598544" s="10"/>
    </row>
    <row r="598545" spans="14:14">
      <c r="N598545" s="10"/>
    </row>
    <row r="598546" spans="14:14">
      <c r="N598546" s="10"/>
    </row>
    <row r="598547" spans="14:14">
      <c r="N598547" s="10"/>
    </row>
    <row r="598548" spans="14:14">
      <c r="N598548" s="10"/>
    </row>
    <row r="598549" spans="14:14">
      <c r="N598549" s="10"/>
    </row>
    <row r="598550" spans="14:14">
      <c r="N598550" s="10"/>
    </row>
    <row r="598551" spans="14:14">
      <c r="N598551" s="10"/>
    </row>
    <row r="598552" spans="14:14">
      <c r="N598552" s="10"/>
    </row>
    <row r="598553" spans="14:14">
      <c r="N598553" s="10"/>
    </row>
    <row r="598554" spans="14:14">
      <c r="N598554" s="10"/>
    </row>
    <row r="598555" spans="14:14">
      <c r="N598555" s="10"/>
    </row>
    <row r="598556" spans="14:14">
      <c r="N598556" s="10"/>
    </row>
    <row r="598557" spans="14:14">
      <c r="N598557" s="10"/>
    </row>
    <row r="598558" spans="14:14">
      <c r="N598558" s="10"/>
    </row>
    <row r="598559" spans="14:14">
      <c r="N598559" s="10"/>
    </row>
    <row r="598560" spans="14:14">
      <c r="N598560" s="10"/>
    </row>
    <row r="598561" spans="14:14">
      <c r="N598561" s="10"/>
    </row>
    <row r="598562" spans="14:14">
      <c r="N598562" s="10"/>
    </row>
    <row r="598563" spans="14:14">
      <c r="N598563" s="10"/>
    </row>
    <row r="598564" spans="14:14">
      <c r="N598564" s="10"/>
    </row>
    <row r="598565" spans="14:14">
      <c r="N598565" s="10"/>
    </row>
    <row r="598566" spans="14:14">
      <c r="N598566" s="10"/>
    </row>
    <row r="598567" spans="14:14">
      <c r="N598567" s="10"/>
    </row>
    <row r="598568" spans="14:14">
      <c r="N598568" s="10"/>
    </row>
    <row r="598569" spans="14:14">
      <c r="N598569" s="10"/>
    </row>
    <row r="598570" spans="14:14">
      <c r="N598570" s="10"/>
    </row>
    <row r="598571" spans="14:14">
      <c r="N598571" s="10"/>
    </row>
    <row r="598572" spans="14:14">
      <c r="N598572" s="10"/>
    </row>
    <row r="598573" spans="14:14">
      <c r="N598573" s="10"/>
    </row>
    <row r="598574" spans="14:14">
      <c r="N598574" s="10"/>
    </row>
    <row r="598575" spans="14:14">
      <c r="N598575" s="10"/>
    </row>
    <row r="598576" spans="14:14">
      <c r="N598576" s="10"/>
    </row>
    <row r="598577" spans="14:14">
      <c r="N598577" s="10"/>
    </row>
    <row r="598578" spans="14:14">
      <c r="N598578" s="10"/>
    </row>
    <row r="598579" spans="14:14">
      <c r="N598579" s="10"/>
    </row>
    <row r="598580" spans="14:14">
      <c r="N598580" s="10"/>
    </row>
    <row r="598581" spans="14:14">
      <c r="N598581" s="10"/>
    </row>
    <row r="598582" spans="14:14">
      <c r="N598582" s="10"/>
    </row>
    <row r="598583" spans="14:14">
      <c r="N598583" s="10"/>
    </row>
    <row r="598584" spans="14:14">
      <c r="N598584" s="10"/>
    </row>
    <row r="598585" spans="14:14">
      <c r="N598585" s="10"/>
    </row>
    <row r="598586" spans="14:14">
      <c r="N598586" s="10"/>
    </row>
    <row r="598587" spans="14:14">
      <c r="N598587" s="10"/>
    </row>
    <row r="598588" spans="14:14">
      <c r="N598588" s="10"/>
    </row>
    <row r="598589" spans="14:14">
      <c r="N598589" s="10"/>
    </row>
    <row r="598590" spans="14:14">
      <c r="N598590" s="10"/>
    </row>
    <row r="598591" spans="14:14">
      <c r="N598591" s="10"/>
    </row>
    <row r="598592" spans="14:14">
      <c r="N598592" s="10"/>
    </row>
    <row r="598593" spans="14:14">
      <c r="N598593" s="10"/>
    </row>
    <row r="598594" spans="14:14">
      <c r="N598594" s="10"/>
    </row>
    <row r="598595" spans="14:14">
      <c r="N598595" s="10"/>
    </row>
    <row r="598596" spans="14:14">
      <c r="N598596" s="10"/>
    </row>
    <row r="598597" spans="14:14">
      <c r="N598597" s="10"/>
    </row>
    <row r="598598" spans="14:14">
      <c r="N598598" s="10"/>
    </row>
    <row r="598599" spans="14:14">
      <c r="N598599" s="10"/>
    </row>
    <row r="598600" spans="14:14">
      <c r="N598600" s="10"/>
    </row>
    <row r="598601" spans="14:14">
      <c r="N598601" s="10"/>
    </row>
    <row r="598602" spans="14:14">
      <c r="N598602" s="10"/>
    </row>
    <row r="598603" spans="14:14">
      <c r="N598603" s="10"/>
    </row>
    <row r="598604" spans="14:14">
      <c r="N598604" s="10"/>
    </row>
    <row r="598605" spans="14:14">
      <c r="N598605" s="10"/>
    </row>
    <row r="598606" spans="14:14">
      <c r="N598606" s="10"/>
    </row>
    <row r="598607" spans="14:14">
      <c r="N598607" s="10"/>
    </row>
    <row r="598608" spans="14:14">
      <c r="N598608" s="10"/>
    </row>
    <row r="598609" spans="14:14">
      <c r="N598609" s="10"/>
    </row>
    <row r="598610" spans="14:14">
      <c r="N598610" s="10"/>
    </row>
    <row r="598611" spans="14:14">
      <c r="N598611" s="10"/>
    </row>
    <row r="598612" spans="14:14">
      <c r="N598612" s="10"/>
    </row>
    <row r="598613" spans="14:14">
      <c r="N598613" s="10"/>
    </row>
    <row r="598614" spans="14:14">
      <c r="N598614" s="10"/>
    </row>
    <row r="598615" spans="14:14">
      <c r="N598615" s="10"/>
    </row>
    <row r="598616" spans="14:14">
      <c r="N598616" s="10"/>
    </row>
    <row r="598617" spans="14:14">
      <c r="N598617" s="10"/>
    </row>
    <row r="598618" spans="14:14">
      <c r="N598618" s="10"/>
    </row>
    <row r="598619" spans="14:14">
      <c r="N598619" s="10"/>
    </row>
    <row r="598620" spans="14:14">
      <c r="N598620" s="10"/>
    </row>
    <row r="598621" spans="14:14">
      <c r="N598621" s="10"/>
    </row>
    <row r="598622" spans="14:14">
      <c r="N598622" s="10"/>
    </row>
    <row r="598623" spans="14:14">
      <c r="N598623" s="10"/>
    </row>
    <row r="598624" spans="14:14">
      <c r="N598624" s="10"/>
    </row>
    <row r="598625" spans="14:14">
      <c r="N598625" s="10"/>
    </row>
    <row r="598626" spans="14:14">
      <c r="N598626" s="10"/>
    </row>
    <row r="598627" spans="14:14">
      <c r="N598627" s="10"/>
    </row>
    <row r="598628" spans="14:14">
      <c r="N598628" s="10"/>
    </row>
    <row r="598629" spans="14:14">
      <c r="N598629" s="10"/>
    </row>
    <row r="598630" spans="14:14">
      <c r="N598630" s="10"/>
    </row>
    <row r="598631" spans="14:14">
      <c r="N598631" s="10"/>
    </row>
    <row r="598632" spans="14:14">
      <c r="N598632" s="10"/>
    </row>
    <row r="598633" spans="14:14">
      <c r="N598633" s="10"/>
    </row>
    <row r="598634" spans="14:14">
      <c r="N598634" s="10"/>
    </row>
    <row r="598635" spans="14:14">
      <c r="N598635" s="10"/>
    </row>
    <row r="598636" spans="14:14">
      <c r="N598636" s="10"/>
    </row>
    <row r="598637" spans="14:14">
      <c r="N598637" s="10"/>
    </row>
    <row r="598638" spans="14:14">
      <c r="N598638" s="10"/>
    </row>
    <row r="598639" spans="14:14">
      <c r="N598639" s="10"/>
    </row>
    <row r="598640" spans="14:14">
      <c r="N598640" s="10"/>
    </row>
    <row r="598641" spans="14:14">
      <c r="N598641" s="10"/>
    </row>
    <row r="598642" spans="14:14">
      <c r="N598642" s="10"/>
    </row>
    <row r="598643" spans="14:14">
      <c r="N598643" s="10"/>
    </row>
    <row r="598644" spans="14:14">
      <c r="N598644" s="10"/>
    </row>
    <row r="598645" spans="14:14">
      <c r="N598645" s="10"/>
    </row>
    <row r="598646" spans="14:14">
      <c r="N598646" s="10"/>
    </row>
    <row r="598647" spans="14:14">
      <c r="N598647" s="10"/>
    </row>
    <row r="598648" spans="14:14">
      <c r="N598648" s="10"/>
    </row>
    <row r="598649" spans="14:14">
      <c r="N598649" s="10"/>
    </row>
    <row r="598650" spans="14:14">
      <c r="N598650" s="10"/>
    </row>
    <row r="598651" spans="14:14">
      <c r="N598651" s="10"/>
    </row>
    <row r="598652" spans="14:14">
      <c r="N598652" s="10"/>
    </row>
    <row r="598653" spans="14:14">
      <c r="N598653" s="10"/>
    </row>
    <row r="598654" spans="14:14">
      <c r="N598654" s="10"/>
    </row>
    <row r="598655" spans="14:14">
      <c r="N598655" s="10"/>
    </row>
    <row r="598656" spans="14:14">
      <c r="N598656" s="10"/>
    </row>
    <row r="598657" spans="14:14">
      <c r="N598657" s="10"/>
    </row>
    <row r="598658" spans="14:14">
      <c r="N598658" s="10"/>
    </row>
    <row r="598659" spans="14:14">
      <c r="N598659" s="10"/>
    </row>
    <row r="598660" spans="14:14">
      <c r="N598660" s="10"/>
    </row>
    <row r="598661" spans="14:14">
      <c r="N598661" s="10"/>
    </row>
    <row r="598662" spans="14:14">
      <c r="N598662" s="10"/>
    </row>
    <row r="598663" spans="14:14">
      <c r="N598663" s="10"/>
    </row>
    <row r="598664" spans="14:14">
      <c r="N598664" s="10"/>
    </row>
    <row r="598665" spans="14:14">
      <c r="N598665" s="10"/>
    </row>
    <row r="598666" spans="14:14">
      <c r="N598666" s="10"/>
    </row>
    <row r="598667" spans="14:14">
      <c r="N598667" s="10"/>
    </row>
    <row r="598668" spans="14:14">
      <c r="N598668" s="10"/>
    </row>
    <row r="598669" spans="14:14">
      <c r="N598669" s="10"/>
    </row>
    <row r="598670" spans="14:14">
      <c r="N598670" s="10"/>
    </row>
    <row r="598671" spans="14:14">
      <c r="N598671" s="10"/>
    </row>
    <row r="598672" spans="14:14">
      <c r="N598672" s="10"/>
    </row>
    <row r="598673" spans="14:14">
      <c r="N598673" s="10"/>
    </row>
    <row r="598674" spans="14:14">
      <c r="N598674" s="10"/>
    </row>
    <row r="598675" spans="14:14">
      <c r="N598675" s="10"/>
    </row>
    <row r="598676" spans="14:14">
      <c r="N598676" s="10"/>
    </row>
    <row r="598677" spans="14:14">
      <c r="N598677" s="10"/>
    </row>
    <row r="598678" spans="14:14">
      <c r="N598678" s="10"/>
    </row>
    <row r="598679" spans="14:14">
      <c r="N598679" s="10"/>
    </row>
    <row r="598680" spans="14:14">
      <c r="N598680" s="10"/>
    </row>
    <row r="598681" spans="14:14">
      <c r="N598681" s="10"/>
    </row>
    <row r="598682" spans="14:14">
      <c r="N598682" s="10"/>
    </row>
    <row r="598683" spans="14:14">
      <c r="N598683" s="10"/>
    </row>
    <row r="598684" spans="14:14">
      <c r="N598684" s="10"/>
    </row>
    <row r="598685" spans="14:14">
      <c r="N598685" s="10"/>
    </row>
    <row r="598686" spans="14:14">
      <c r="N598686" s="10"/>
    </row>
    <row r="598687" spans="14:14">
      <c r="N598687" s="10"/>
    </row>
    <row r="598688" spans="14:14">
      <c r="N598688" s="10"/>
    </row>
    <row r="598689" spans="14:14">
      <c r="N598689" s="10"/>
    </row>
    <row r="598690" spans="14:14">
      <c r="N598690" s="10"/>
    </row>
    <row r="598691" spans="14:14">
      <c r="N598691" s="10"/>
    </row>
    <row r="598692" spans="14:14">
      <c r="N598692" s="10"/>
    </row>
    <row r="598693" spans="14:14">
      <c r="N598693" s="10"/>
    </row>
    <row r="598694" spans="14:14">
      <c r="N598694" s="10"/>
    </row>
    <row r="598695" spans="14:14">
      <c r="N598695" s="10"/>
    </row>
    <row r="598696" spans="14:14">
      <c r="N598696" s="10"/>
    </row>
    <row r="598697" spans="14:14">
      <c r="N598697" s="10"/>
    </row>
    <row r="598698" spans="14:14">
      <c r="N598698" s="10"/>
    </row>
    <row r="598699" spans="14:14">
      <c r="N598699" s="10"/>
    </row>
    <row r="598700" spans="14:14">
      <c r="N598700" s="10"/>
    </row>
    <row r="598701" spans="14:14">
      <c r="N598701" s="10"/>
    </row>
    <row r="598702" spans="14:14">
      <c r="N598702" s="10"/>
    </row>
    <row r="598703" spans="14:14">
      <c r="N598703" s="10"/>
    </row>
    <row r="598704" spans="14:14">
      <c r="N598704" s="10"/>
    </row>
    <row r="598705" spans="14:14">
      <c r="N598705" s="10"/>
    </row>
    <row r="598706" spans="14:14">
      <c r="N598706" s="10"/>
    </row>
    <row r="598707" spans="14:14">
      <c r="N598707" s="10"/>
    </row>
    <row r="598708" spans="14:14">
      <c r="N598708" s="10"/>
    </row>
    <row r="598709" spans="14:14">
      <c r="N598709" s="10"/>
    </row>
    <row r="598710" spans="14:14">
      <c r="N598710" s="10"/>
    </row>
    <row r="598711" spans="14:14">
      <c r="N598711" s="10"/>
    </row>
    <row r="598712" spans="14:14">
      <c r="N598712" s="10"/>
    </row>
    <row r="598713" spans="14:14">
      <c r="N598713" s="10"/>
    </row>
    <row r="598714" spans="14:14">
      <c r="N598714" s="10"/>
    </row>
    <row r="598715" spans="14:14">
      <c r="N598715" s="10"/>
    </row>
    <row r="598716" spans="14:14">
      <c r="N598716" s="10"/>
    </row>
    <row r="598717" spans="14:14">
      <c r="N598717" s="10"/>
    </row>
    <row r="598718" spans="14:14">
      <c r="N598718" s="10"/>
    </row>
    <row r="598719" spans="14:14">
      <c r="N598719" s="10"/>
    </row>
    <row r="598720" spans="14:14">
      <c r="N598720" s="10"/>
    </row>
    <row r="598721" spans="14:14">
      <c r="N598721" s="10"/>
    </row>
    <row r="598722" spans="14:14">
      <c r="N598722" s="10"/>
    </row>
    <row r="598723" spans="14:14">
      <c r="N598723" s="10"/>
    </row>
    <row r="598724" spans="14:14">
      <c r="N598724" s="10"/>
    </row>
    <row r="598725" spans="14:14">
      <c r="N598725" s="10"/>
    </row>
    <row r="598726" spans="14:14">
      <c r="N598726" s="10"/>
    </row>
    <row r="598727" spans="14:14">
      <c r="N598727" s="10"/>
    </row>
    <row r="598728" spans="14:14">
      <c r="N598728" s="10"/>
    </row>
    <row r="598729" spans="14:14">
      <c r="N598729" s="10"/>
    </row>
    <row r="598730" spans="14:14">
      <c r="N598730" s="10"/>
    </row>
    <row r="598731" spans="14:14">
      <c r="N598731" s="10"/>
    </row>
    <row r="598732" spans="14:14">
      <c r="N598732" s="10"/>
    </row>
    <row r="598733" spans="14:14">
      <c r="N598733" s="10"/>
    </row>
    <row r="598734" spans="14:14">
      <c r="N598734" s="10"/>
    </row>
    <row r="598735" spans="14:14">
      <c r="N598735" s="10"/>
    </row>
    <row r="598736" spans="14:14">
      <c r="N598736" s="10"/>
    </row>
    <row r="598737" spans="14:14">
      <c r="N598737" s="10"/>
    </row>
    <row r="598738" spans="14:14">
      <c r="N598738" s="10"/>
    </row>
    <row r="598739" spans="14:14">
      <c r="N598739" s="10"/>
    </row>
    <row r="598740" spans="14:14">
      <c r="N598740" s="10"/>
    </row>
    <row r="598741" spans="14:14">
      <c r="N598741" s="10"/>
    </row>
    <row r="598742" spans="14:14">
      <c r="N598742" s="10"/>
    </row>
    <row r="598743" spans="14:14">
      <c r="N598743" s="10"/>
    </row>
    <row r="598744" spans="14:14">
      <c r="N598744" s="10"/>
    </row>
    <row r="598745" spans="14:14">
      <c r="N598745" s="10"/>
    </row>
    <row r="598746" spans="14:14">
      <c r="N598746" s="10"/>
    </row>
    <row r="598747" spans="14:14">
      <c r="N598747" s="10"/>
    </row>
    <row r="598748" spans="14:14">
      <c r="N598748" s="10"/>
    </row>
    <row r="598749" spans="14:14">
      <c r="N598749" s="10"/>
    </row>
    <row r="598750" spans="14:14">
      <c r="N598750" s="10"/>
    </row>
    <row r="598751" spans="14:14">
      <c r="N598751" s="10"/>
    </row>
    <row r="598752" spans="14:14">
      <c r="N598752" s="10"/>
    </row>
    <row r="598753" spans="14:14">
      <c r="N598753" s="10"/>
    </row>
    <row r="598754" spans="14:14">
      <c r="N598754" s="10"/>
    </row>
    <row r="598755" spans="14:14">
      <c r="N598755" s="10"/>
    </row>
    <row r="598756" spans="14:14">
      <c r="N598756" s="10"/>
    </row>
    <row r="598757" spans="14:14">
      <c r="N598757" s="10"/>
    </row>
    <row r="598758" spans="14:14">
      <c r="N598758" s="10"/>
    </row>
    <row r="598759" spans="14:14">
      <c r="N598759" s="10"/>
    </row>
    <row r="598760" spans="14:14">
      <c r="N598760" s="10"/>
    </row>
    <row r="598761" spans="14:14">
      <c r="N598761" s="10"/>
    </row>
    <row r="598762" spans="14:14">
      <c r="N598762" s="10"/>
    </row>
    <row r="598763" spans="14:14">
      <c r="N598763" s="10"/>
    </row>
    <row r="598764" spans="14:14">
      <c r="N598764" s="10"/>
    </row>
    <row r="598765" spans="14:14">
      <c r="N598765" s="10"/>
    </row>
    <row r="598766" spans="14:14">
      <c r="N598766" s="10"/>
    </row>
    <row r="598767" spans="14:14">
      <c r="N598767" s="10"/>
    </row>
    <row r="598768" spans="14:14">
      <c r="N598768" s="10"/>
    </row>
    <row r="598769" spans="14:14">
      <c r="N598769" s="10"/>
    </row>
    <row r="598770" spans="14:14">
      <c r="N598770" s="10"/>
    </row>
    <row r="598771" spans="14:14">
      <c r="N598771" s="10"/>
    </row>
    <row r="598772" spans="14:14">
      <c r="N598772" s="10"/>
    </row>
    <row r="598773" spans="14:14">
      <c r="N598773" s="10"/>
    </row>
    <row r="598774" spans="14:14">
      <c r="N598774" s="10"/>
    </row>
    <row r="598775" spans="14:14">
      <c r="N598775" s="10"/>
    </row>
    <row r="598776" spans="14:14">
      <c r="N598776" s="10"/>
    </row>
    <row r="598777" spans="14:14">
      <c r="N598777" s="10"/>
    </row>
    <row r="598778" spans="14:14">
      <c r="N598778" s="10"/>
    </row>
    <row r="598779" spans="14:14">
      <c r="N598779" s="10"/>
    </row>
    <row r="598780" spans="14:14">
      <c r="N598780" s="10"/>
    </row>
    <row r="598781" spans="14:14">
      <c r="N598781" s="10"/>
    </row>
    <row r="598782" spans="14:14">
      <c r="N598782" s="10"/>
    </row>
    <row r="598783" spans="14:14">
      <c r="N598783" s="10"/>
    </row>
    <row r="598784" spans="14:14">
      <c r="N598784" s="10"/>
    </row>
    <row r="598785" spans="14:14">
      <c r="N598785" s="10"/>
    </row>
    <row r="598786" spans="14:14">
      <c r="N598786" s="10"/>
    </row>
    <row r="598787" spans="14:14">
      <c r="N598787" s="10"/>
    </row>
    <row r="598788" spans="14:14">
      <c r="N598788" s="10"/>
    </row>
    <row r="598789" spans="14:14">
      <c r="N598789" s="10"/>
    </row>
    <row r="598790" spans="14:14">
      <c r="N598790" s="10"/>
    </row>
    <row r="598791" spans="14:14">
      <c r="N598791" s="10"/>
    </row>
    <row r="598792" spans="14:14">
      <c r="N598792" s="10"/>
    </row>
    <row r="598793" spans="14:14">
      <c r="N598793" s="10"/>
    </row>
    <row r="598794" spans="14:14">
      <c r="N598794" s="10"/>
    </row>
    <row r="598795" spans="14:14">
      <c r="N598795" s="10"/>
    </row>
    <row r="598796" spans="14:14">
      <c r="N598796" s="10"/>
    </row>
    <row r="598797" spans="14:14">
      <c r="N598797" s="10"/>
    </row>
    <row r="598798" spans="14:14">
      <c r="N598798" s="10"/>
    </row>
    <row r="598799" spans="14:14">
      <c r="N598799" s="10"/>
    </row>
    <row r="598800" spans="14:14">
      <c r="N598800" s="10"/>
    </row>
    <row r="598801" spans="14:14">
      <c r="N598801" s="10"/>
    </row>
    <row r="598802" spans="14:14">
      <c r="N598802" s="10"/>
    </row>
    <row r="598803" spans="14:14">
      <c r="N598803" s="10"/>
    </row>
    <row r="598804" spans="14:14">
      <c r="N598804" s="10"/>
    </row>
    <row r="598805" spans="14:14">
      <c r="N598805" s="10"/>
    </row>
    <row r="598806" spans="14:14">
      <c r="N598806" s="10"/>
    </row>
    <row r="598807" spans="14:14">
      <c r="N598807" s="10"/>
    </row>
    <row r="598808" spans="14:14">
      <c r="N598808" s="10"/>
    </row>
    <row r="598809" spans="14:14">
      <c r="N598809" s="10"/>
    </row>
    <row r="598810" spans="14:14">
      <c r="N598810" s="10"/>
    </row>
    <row r="598811" spans="14:14">
      <c r="N598811" s="10"/>
    </row>
    <row r="598812" spans="14:14">
      <c r="N598812" s="10"/>
    </row>
    <row r="598813" spans="14:14">
      <c r="N598813" s="10"/>
    </row>
    <row r="598814" spans="14:14">
      <c r="N598814" s="10"/>
    </row>
    <row r="598815" spans="14:14">
      <c r="N598815" s="10"/>
    </row>
    <row r="598816" spans="14:14">
      <c r="N598816" s="10"/>
    </row>
    <row r="598817" spans="14:14">
      <c r="N598817" s="10"/>
    </row>
    <row r="598818" spans="14:14">
      <c r="N598818" s="10"/>
    </row>
    <row r="598819" spans="14:14">
      <c r="N598819" s="10"/>
    </row>
    <row r="598820" spans="14:14">
      <c r="N598820" s="10"/>
    </row>
    <row r="598821" spans="14:14">
      <c r="N598821" s="10"/>
    </row>
    <row r="598822" spans="14:14">
      <c r="N598822" s="10"/>
    </row>
    <row r="598823" spans="14:14">
      <c r="N598823" s="10"/>
    </row>
    <row r="598824" spans="14:14">
      <c r="N598824" s="10"/>
    </row>
    <row r="598825" spans="14:14">
      <c r="N598825" s="10"/>
    </row>
    <row r="598826" spans="14:14">
      <c r="N598826" s="10"/>
    </row>
    <row r="598827" spans="14:14">
      <c r="N598827" s="10"/>
    </row>
    <row r="598828" spans="14:14">
      <c r="N598828" s="10"/>
    </row>
    <row r="598829" spans="14:14">
      <c r="N598829" s="10"/>
    </row>
    <row r="598830" spans="14:14">
      <c r="N598830" s="10"/>
    </row>
    <row r="598831" spans="14:14">
      <c r="N598831" s="10"/>
    </row>
    <row r="598832" spans="14:14">
      <c r="N598832" s="10"/>
    </row>
    <row r="598833" spans="14:14">
      <c r="N598833" s="10"/>
    </row>
    <row r="598834" spans="14:14">
      <c r="N598834" s="10"/>
    </row>
    <row r="598835" spans="14:14">
      <c r="N598835" s="10"/>
    </row>
    <row r="598836" spans="14:14">
      <c r="N598836" s="10"/>
    </row>
    <row r="598837" spans="14:14">
      <c r="N598837" s="10"/>
    </row>
    <row r="598838" spans="14:14">
      <c r="N598838" s="10"/>
    </row>
    <row r="598839" spans="14:14">
      <c r="N598839" s="10"/>
    </row>
    <row r="598840" spans="14:14">
      <c r="N598840" s="10"/>
    </row>
    <row r="598841" spans="14:14">
      <c r="N598841" s="10"/>
    </row>
    <row r="598842" spans="14:14">
      <c r="N598842" s="10"/>
    </row>
    <row r="598843" spans="14:14">
      <c r="N598843" s="10"/>
    </row>
    <row r="598844" spans="14:14">
      <c r="N598844" s="10"/>
    </row>
    <row r="598845" spans="14:14">
      <c r="N598845" s="10"/>
    </row>
    <row r="598846" spans="14:14">
      <c r="N598846" s="10"/>
    </row>
    <row r="598847" spans="14:14">
      <c r="N598847" s="10"/>
    </row>
    <row r="598848" spans="14:14">
      <c r="N598848" s="10"/>
    </row>
    <row r="598849" spans="14:14">
      <c r="N598849" s="10"/>
    </row>
    <row r="598850" spans="14:14">
      <c r="N598850" s="10"/>
    </row>
    <row r="598851" spans="14:14">
      <c r="N598851" s="10"/>
    </row>
    <row r="598852" spans="14:14">
      <c r="N598852" s="10"/>
    </row>
    <row r="598853" spans="14:14">
      <c r="N598853" s="10"/>
    </row>
    <row r="598854" spans="14:14">
      <c r="N598854" s="10"/>
    </row>
    <row r="598855" spans="14:14">
      <c r="N598855" s="10"/>
    </row>
    <row r="598856" spans="14:14">
      <c r="N598856" s="10"/>
    </row>
    <row r="598857" spans="14:14">
      <c r="N598857" s="10"/>
    </row>
    <row r="598858" spans="14:14">
      <c r="N598858" s="10"/>
    </row>
    <row r="598859" spans="14:14">
      <c r="N598859" s="10"/>
    </row>
    <row r="598860" spans="14:14">
      <c r="N598860" s="10"/>
    </row>
    <row r="598861" spans="14:14">
      <c r="N598861" s="10"/>
    </row>
    <row r="598862" spans="14:14">
      <c r="N598862" s="10"/>
    </row>
    <row r="598863" spans="14:14">
      <c r="N598863" s="10"/>
    </row>
    <row r="598864" spans="14:14">
      <c r="N598864" s="10"/>
    </row>
    <row r="598865" spans="14:14">
      <c r="N598865" s="10"/>
    </row>
    <row r="598866" spans="14:14">
      <c r="N598866" s="10"/>
    </row>
    <row r="598867" spans="14:14">
      <c r="N598867" s="10"/>
    </row>
    <row r="598868" spans="14:14">
      <c r="N598868" s="10"/>
    </row>
    <row r="598869" spans="14:14">
      <c r="N598869" s="10"/>
    </row>
    <row r="598870" spans="14:14">
      <c r="N598870" s="10"/>
    </row>
    <row r="598871" spans="14:14">
      <c r="N598871" s="10"/>
    </row>
    <row r="598872" spans="14:14">
      <c r="N598872" s="10"/>
    </row>
    <row r="598873" spans="14:14">
      <c r="N598873" s="10"/>
    </row>
    <row r="598874" spans="14:14">
      <c r="N598874" s="10"/>
    </row>
    <row r="598875" spans="14:14">
      <c r="N598875" s="10"/>
    </row>
    <row r="598876" spans="14:14">
      <c r="N598876" s="10"/>
    </row>
    <row r="598877" spans="14:14">
      <c r="N598877" s="10"/>
    </row>
    <row r="598878" spans="14:14">
      <c r="N598878" s="10"/>
    </row>
    <row r="598879" spans="14:14">
      <c r="N598879" s="10"/>
    </row>
    <row r="598880" spans="14:14">
      <c r="N598880" s="10"/>
    </row>
    <row r="598881" spans="14:14">
      <c r="N598881" s="10"/>
    </row>
    <row r="598882" spans="14:14">
      <c r="N598882" s="10"/>
    </row>
    <row r="598883" spans="14:14">
      <c r="N598883" s="10"/>
    </row>
    <row r="598884" spans="14:14">
      <c r="N598884" s="10"/>
    </row>
    <row r="598885" spans="14:14">
      <c r="N598885" s="10"/>
    </row>
    <row r="598886" spans="14:14">
      <c r="N598886" s="10"/>
    </row>
    <row r="598887" spans="14:14">
      <c r="N598887" s="10"/>
    </row>
    <row r="598888" spans="14:14">
      <c r="N598888" s="10"/>
    </row>
    <row r="598889" spans="14:14">
      <c r="N598889" s="10"/>
    </row>
    <row r="598890" spans="14:14">
      <c r="N598890" s="10"/>
    </row>
    <row r="598891" spans="14:14">
      <c r="N598891" s="10"/>
    </row>
    <row r="598892" spans="14:14">
      <c r="N598892" s="10"/>
    </row>
    <row r="598893" spans="14:14">
      <c r="N598893" s="10"/>
    </row>
    <row r="598894" spans="14:14">
      <c r="N598894" s="10"/>
    </row>
    <row r="598895" spans="14:14">
      <c r="N598895" s="10"/>
    </row>
    <row r="598896" spans="14:14">
      <c r="N598896" s="10"/>
    </row>
    <row r="598897" spans="14:14">
      <c r="N598897" s="10"/>
    </row>
    <row r="598898" spans="14:14">
      <c r="N598898" s="10"/>
    </row>
    <row r="598899" spans="14:14">
      <c r="N598899" s="10"/>
    </row>
    <row r="598900" spans="14:14">
      <c r="N598900" s="10"/>
    </row>
    <row r="598901" spans="14:14">
      <c r="N598901" s="10"/>
    </row>
    <row r="598902" spans="14:14">
      <c r="N598902" s="10"/>
    </row>
    <row r="598903" spans="14:14">
      <c r="N598903" s="10"/>
    </row>
    <row r="598904" spans="14:14">
      <c r="N598904" s="10"/>
    </row>
    <row r="598905" spans="14:14">
      <c r="N598905" s="10"/>
    </row>
    <row r="598906" spans="14:14">
      <c r="N598906" s="10"/>
    </row>
    <row r="598907" spans="14:14">
      <c r="N598907" s="10"/>
    </row>
    <row r="598908" spans="14:14">
      <c r="N598908" s="10"/>
    </row>
    <row r="598909" spans="14:14">
      <c r="N598909" s="10"/>
    </row>
    <row r="598910" spans="14:14">
      <c r="N598910" s="10"/>
    </row>
    <row r="598911" spans="14:14">
      <c r="N598911" s="10"/>
    </row>
    <row r="598912" spans="14:14">
      <c r="N598912" s="10"/>
    </row>
    <row r="598913" spans="14:14">
      <c r="N598913" s="10"/>
    </row>
    <row r="598914" spans="14:14">
      <c r="N598914" s="10"/>
    </row>
    <row r="598915" spans="14:14">
      <c r="N598915" s="10"/>
    </row>
    <row r="598916" spans="14:14">
      <c r="N598916" s="10"/>
    </row>
    <row r="598917" spans="14:14">
      <c r="N598917" s="10"/>
    </row>
    <row r="598918" spans="14:14">
      <c r="N598918" s="10"/>
    </row>
    <row r="598919" spans="14:14">
      <c r="N598919" s="10"/>
    </row>
    <row r="598920" spans="14:14">
      <c r="N598920" s="10"/>
    </row>
    <row r="598921" spans="14:14">
      <c r="N598921" s="10"/>
    </row>
    <row r="598922" spans="14:14">
      <c r="N598922" s="10"/>
    </row>
    <row r="598923" spans="14:14">
      <c r="N598923" s="10"/>
    </row>
    <row r="598924" spans="14:14">
      <c r="N598924" s="10"/>
    </row>
    <row r="598925" spans="14:14">
      <c r="N598925" s="10"/>
    </row>
    <row r="598926" spans="14:14">
      <c r="N598926" s="10"/>
    </row>
    <row r="598927" spans="14:14">
      <c r="N598927" s="10"/>
    </row>
    <row r="598928" spans="14:14">
      <c r="N598928" s="10"/>
    </row>
    <row r="598929" spans="14:14">
      <c r="N598929" s="10"/>
    </row>
    <row r="598930" spans="14:14">
      <c r="N598930" s="10"/>
    </row>
    <row r="598931" spans="14:14">
      <c r="N598931" s="10"/>
    </row>
    <row r="598932" spans="14:14">
      <c r="N598932" s="10"/>
    </row>
    <row r="598933" spans="14:14">
      <c r="N598933" s="10"/>
    </row>
    <row r="598934" spans="14:14">
      <c r="N598934" s="10"/>
    </row>
    <row r="598935" spans="14:14">
      <c r="N598935" s="10"/>
    </row>
    <row r="598936" spans="14:14">
      <c r="N598936" s="10"/>
    </row>
    <row r="598937" spans="14:14">
      <c r="N598937" s="10"/>
    </row>
    <row r="598938" spans="14:14">
      <c r="N598938" s="10"/>
    </row>
    <row r="598939" spans="14:14">
      <c r="N598939" s="10"/>
    </row>
    <row r="598940" spans="14:14">
      <c r="N598940" s="10"/>
    </row>
    <row r="598941" spans="14:14">
      <c r="N598941" s="10"/>
    </row>
    <row r="598942" spans="14:14">
      <c r="N598942" s="10"/>
    </row>
    <row r="598943" spans="14:14">
      <c r="N598943" s="10"/>
    </row>
    <row r="598944" spans="14:14">
      <c r="N598944" s="10"/>
    </row>
    <row r="598945" spans="14:14">
      <c r="N598945" s="10"/>
    </row>
    <row r="598946" spans="14:14">
      <c r="N598946" s="10"/>
    </row>
    <row r="598947" spans="14:14">
      <c r="N598947" s="10"/>
    </row>
    <row r="598948" spans="14:14">
      <c r="N598948" s="10"/>
    </row>
    <row r="598949" spans="14:14">
      <c r="N598949" s="10"/>
    </row>
    <row r="598950" spans="14:14">
      <c r="N598950" s="10"/>
    </row>
    <row r="598951" spans="14:14">
      <c r="N598951" s="10"/>
    </row>
    <row r="598952" spans="14:14">
      <c r="N598952" s="10"/>
    </row>
    <row r="598953" spans="14:14">
      <c r="N598953" s="10"/>
    </row>
    <row r="598954" spans="14:14">
      <c r="N598954" s="10"/>
    </row>
    <row r="598955" spans="14:14">
      <c r="N598955" s="10"/>
    </row>
    <row r="598956" spans="14:14">
      <c r="N598956" s="10"/>
    </row>
    <row r="598957" spans="14:14">
      <c r="N598957" s="10"/>
    </row>
    <row r="598958" spans="14:14">
      <c r="N598958" s="10"/>
    </row>
    <row r="598959" spans="14:14">
      <c r="N598959" s="10"/>
    </row>
    <row r="598960" spans="14:14">
      <c r="N598960" s="10"/>
    </row>
    <row r="598961" spans="14:14">
      <c r="N598961" s="10"/>
    </row>
    <row r="598962" spans="14:14">
      <c r="N598962" s="10"/>
    </row>
    <row r="598963" spans="14:14">
      <c r="N598963" s="10"/>
    </row>
    <row r="598964" spans="14:14">
      <c r="N598964" s="10"/>
    </row>
    <row r="598965" spans="14:14">
      <c r="N598965" s="10"/>
    </row>
    <row r="598966" spans="14:14">
      <c r="N598966" s="10"/>
    </row>
    <row r="598967" spans="14:14">
      <c r="N598967" s="10"/>
    </row>
    <row r="598968" spans="14:14">
      <c r="N598968" s="10"/>
    </row>
    <row r="598969" spans="14:14">
      <c r="N598969" s="10"/>
    </row>
    <row r="598970" spans="14:14">
      <c r="N598970" s="10"/>
    </row>
    <row r="598971" spans="14:14">
      <c r="N598971" s="10"/>
    </row>
    <row r="598972" spans="14:14">
      <c r="N598972" s="10"/>
    </row>
    <row r="598973" spans="14:14">
      <c r="N598973" s="10"/>
    </row>
    <row r="598974" spans="14:14">
      <c r="N598974" s="10"/>
    </row>
    <row r="598975" spans="14:14">
      <c r="N598975" s="10"/>
    </row>
    <row r="598976" spans="14:14">
      <c r="N598976" s="10"/>
    </row>
    <row r="598977" spans="14:14">
      <c r="N598977" s="10"/>
    </row>
    <row r="598978" spans="14:14">
      <c r="N598978" s="10"/>
    </row>
    <row r="598979" spans="14:14">
      <c r="N598979" s="10"/>
    </row>
    <row r="598980" spans="14:14">
      <c r="N598980" s="10"/>
    </row>
    <row r="598981" spans="14:14">
      <c r="N598981" s="10"/>
    </row>
    <row r="598982" spans="14:14">
      <c r="N598982" s="10"/>
    </row>
    <row r="598983" spans="14:14">
      <c r="N598983" s="10"/>
    </row>
    <row r="598984" spans="14:14">
      <c r="N598984" s="10"/>
    </row>
    <row r="598985" spans="14:14">
      <c r="N598985" s="10"/>
    </row>
    <row r="598986" spans="14:14">
      <c r="N598986" s="10"/>
    </row>
    <row r="598987" spans="14:14">
      <c r="N598987" s="10"/>
    </row>
    <row r="598988" spans="14:14">
      <c r="N598988" s="10"/>
    </row>
    <row r="598989" spans="14:14">
      <c r="N598989" s="10"/>
    </row>
    <row r="598990" spans="14:14">
      <c r="N598990" s="10"/>
    </row>
    <row r="598991" spans="14:14">
      <c r="N598991" s="10"/>
    </row>
    <row r="598992" spans="14:14">
      <c r="N598992" s="10"/>
    </row>
    <row r="598993" spans="14:14">
      <c r="N598993" s="10"/>
    </row>
    <row r="598994" spans="14:14">
      <c r="N598994" s="10"/>
    </row>
    <row r="598995" spans="14:14">
      <c r="N598995" s="10"/>
    </row>
    <row r="598996" spans="14:14">
      <c r="N598996" s="10"/>
    </row>
    <row r="598997" spans="14:14">
      <c r="N598997" s="10"/>
    </row>
    <row r="598998" spans="14:14">
      <c r="N598998" s="10"/>
    </row>
    <row r="598999" spans="14:14">
      <c r="N598999" s="10"/>
    </row>
    <row r="599000" spans="14:14">
      <c r="N599000" s="10"/>
    </row>
    <row r="599001" spans="14:14">
      <c r="N599001" s="10"/>
    </row>
    <row r="599002" spans="14:14">
      <c r="N599002" s="10"/>
    </row>
    <row r="599003" spans="14:14">
      <c r="N599003" s="10"/>
    </row>
    <row r="599004" spans="14:14">
      <c r="N599004" s="10"/>
    </row>
    <row r="599005" spans="14:14">
      <c r="N599005" s="10"/>
    </row>
    <row r="599006" spans="14:14">
      <c r="N599006" s="10"/>
    </row>
    <row r="599007" spans="14:14">
      <c r="N599007" s="10"/>
    </row>
    <row r="599008" spans="14:14">
      <c r="N599008" s="10"/>
    </row>
    <row r="599009" spans="14:14">
      <c r="N599009" s="10"/>
    </row>
    <row r="599010" spans="14:14">
      <c r="N599010" s="10"/>
    </row>
    <row r="599011" spans="14:14">
      <c r="N599011" s="10"/>
    </row>
    <row r="599012" spans="14:14">
      <c r="N599012" s="10"/>
    </row>
    <row r="599013" spans="14:14">
      <c r="N599013" s="10"/>
    </row>
    <row r="599014" spans="14:14">
      <c r="N599014" s="10"/>
    </row>
    <row r="599015" spans="14:14">
      <c r="N599015" s="10"/>
    </row>
    <row r="599016" spans="14:14">
      <c r="N599016" s="10"/>
    </row>
    <row r="599017" spans="14:14">
      <c r="N599017" s="10"/>
    </row>
    <row r="599018" spans="14:14">
      <c r="N599018" s="10"/>
    </row>
    <row r="599019" spans="14:14">
      <c r="N599019" s="10"/>
    </row>
    <row r="599020" spans="14:14">
      <c r="N599020" s="10"/>
    </row>
    <row r="599021" spans="14:14">
      <c r="N599021" s="10"/>
    </row>
    <row r="599022" spans="14:14">
      <c r="N599022" s="10"/>
    </row>
    <row r="599023" spans="14:14">
      <c r="N599023" s="10"/>
    </row>
    <row r="599024" spans="14:14">
      <c r="N599024" s="10"/>
    </row>
    <row r="599025" spans="14:14">
      <c r="N599025" s="10"/>
    </row>
    <row r="599026" spans="14:14">
      <c r="N599026" s="10"/>
    </row>
    <row r="599027" spans="14:14">
      <c r="N599027" s="10"/>
    </row>
    <row r="599028" spans="14:14">
      <c r="N599028" s="10"/>
    </row>
    <row r="599029" spans="14:14">
      <c r="N599029" s="10"/>
    </row>
    <row r="599030" spans="14:14">
      <c r="N599030" s="10"/>
    </row>
    <row r="599031" spans="14:14">
      <c r="N599031" s="10"/>
    </row>
    <row r="599032" spans="14:14">
      <c r="N599032" s="10"/>
    </row>
    <row r="599033" spans="14:14">
      <c r="N599033" s="10"/>
    </row>
    <row r="599034" spans="14:14">
      <c r="N599034" s="10"/>
    </row>
    <row r="599035" spans="14:14">
      <c r="N599035" s="10"/>
    </row>
    <row r="599036" spans="14:14">
      <c r="N599036" s="10"/>
    </row>
    <row r="599037" spans="14:14">
      <c r="N599037" s="10"/>
    </row>
    <row r="599038" spans="14:14">
      <c r="N599038" s="10"/>
    </row>
    <row r="599039" spans="14:14">
      <c r="N599039" s="10"/>
    </row>
    <row r="599040" spans="14:14">
      <c r="N599040" s="10"/>
    </row>
    <row r="599041" spans="14:14">
      <c r="N599041" s="10"/>
    </row>
    <row r="599042" spans="14:14">
      <c r="N599042" s="10"/>
    </row>
    <row r="599043" spans="14:14">
      <c r="N599043" s="10"/>
    </row>
    <row r="599044" spans="14:14">
      <c r="N599044" s="10"/>
    </row>
    <row r="599045" spans="14:14">
      <c r="N599045" s="10"/>
    </row>
    <row r="599046" spans="14:14">
      <c r="N599046" s="10"/>
    </row>
    <row r="599047" spans="14:14">
      <c r="N599047" s="10"/>
    </row>
    <row r="599048" spans="14:14">
      <c r="N599048" s="10"/>
    </row>
    <row r="599049" spans="14:14">
      <c r="N599049" s="10"/>
    </row>
    <row r="599050" spans="14:14">
      <c r="N599050" s="10"/>
    </row>
    <row r="599051" spans="14:14">
      <c r="N599051" s="10"/>
    </row>
    <row r="599052" spans="14:14">
      <c r="N599052" s="10"/>
    </row>
    <row r="599053" spans="14:14">
      <c r="N599053" s="10"/>
    </row>
    <row r="599054" spans="14:14">
      <c r="N599054" s="10"/>
    </row>
    <row r="599055" spans="14:14">
      <c r="N599055" s="10"/>
    </row>
    <row r="599056" spans="14:14">
      <c r="N599056" s="10"/>
    </row>
    <row r="599057" spans="14:14">
      <c r="N599057" s="10"/>
    </row>
    <row r="599058" spans="14:14">
      <c r="N599058" s="10"/>
    </row>
    <row r="599059" spans="14:14">
      <c r="N599059" s="10"/>
    </row>
    <row r="599060" spans="14:14">
      <c r="N599060" s="10"/>
    </row>
    <row r="599061" spans="14:14">
      <c r="N599061" s="10"/>
    </row>
    <row r="599062" spans="14:14">
      <c r="N599062" s="10"/>
    </row>
    <row r="599063" spans="14:14">
      <c r="N599063" s="10"/>
    </row>
    <row r="599064" spans="14:14">
      <c r="N599064" s="10"/>
    </row>
    <row r="599065" spans="14:14">
      <c r="N599065" s="10"/>
    </row>
    <row r="599066" spans="14:14">
      <c r="N599066" s="10"/>
    </row>
    <row r="599067" spans="14:14">
      <c r="N599067" s="10"/>
    </row>
    <row r="599068" spans="14:14">
      <c r="N599068" s="10"/>
    </row>
    <row r="599069" spans="14:14">
      <c r="N599069" s="10"/>
    </row>
    <row r="599070" spans="14:14">
      <c r="N599070" s="10"/>
    </row>
    <row r="599071" spans="14:14">
      <c r="N599071" s="10"/>
    </row>
    <row r="599072" spans="14:14">
      <c r="N599072" s="10"/>
    </row>
    <row r="599073" spans="14:14">
      <c r="N599073" s="10"/>
    </row>
    <row r="599074" spans="14:14">
      <c r="N599074" s="10"/>
    </row>
    <row r="599075" spans="14:14">
      <c r="N599075" s="10"/>
    </row>
    <row r="599076" spans="14:14">
      <c r="N599076" s="10"/>
    </row>
    <row r="599077" spans="14:14">
      <c r="N599077" s="10"/>
    </row>
    <row r="599078" spans="14:14">
      <c r="N599078" s="10"/>
    </row>
    <row r="599079" spans="14:14">
      <c r="N599079" s="10"/>
    </row>
    <row r="599080" spans="14:14">
      <c r="N599080" s="10"/>
    </row>
    <row r="599081" spans="14:14">
      <c r="N599081" s="10"/>
    </row>
    <row r="599082" spans="14:14">
      <c r="N599082" s="10"/>
    </row>
    <row r="599083" spans="14:14">
      <c r="N599083" s="10"/>
    </row>
    <row r="599084" spans="14:14">
      <c r="N599084" s="10"/>
    </row>
    <row r="599085" spans="14:14">
      <c r="N599085" s="10"/>
    </row>
    <row r="599086" spans="14:14">
      <c r="N599086" s="10"/>
    </row>
    <row r="599087" spans="14:14">
      <c r="N599087" s="10"/>
    </row>
    <row r="599088" spans="14:14">
      <c r="N599088" s="10"/>
    </row>
    <row r="599089" spans="14:14">
      <c r="N599089" s="10"/>
    </row>
    <row r="599090" spans="14:14">
      <c r="N599090" s="10"/>
    </row>
    <row r="599091" spans="14:14">
      <c r="N599091" s="10"/>
    </row>
    <row r="599092" spans="14:14">
      <c r="N599092" s="10"/>
    </row>
    <row r="599093" spans="14:14">
      <c r="N599093" s="10"/>
    </row>
    <row r="599094" spans="14:14">
      <c r="N599094" s="10"/>
    </row>
    <row r="599095" spans="14:14">
      <c r="N599095" s="10"/>
    </row>
    <row r="599096" spans="14:14">
      <c r="N599096" s="10"/>
    </row>
    <row r="599097" spans="14:14">
      <c r="N599097" s="10"/>
    </row>
    <row r="599098" spans="14:14">
      <c r="N599098" s="10"/>
    </row>
    <row r="599099" spans="14:14">
      <c r="N599099" s="10"/>
    </row>
    <row r="599100" spans="14:14">
      <c r="N599100" s="10"/>
    </row>
    <row r="599101" spans="14:14">
      <c r="N599101" s="10"/>
    </row>
    <row r="599102" spans="14:14">
      <c r="N599102" s="10"/>
    </row>
    <row r="599103" spans="14:14">
      <c r="N599103" s="10"/>
    </row>
    <row r="599104" spans="14:14">
      <c r="N599104" s="10"/>
    </row>
    <row r="599105" spans="14:14">
      <c r="N599105" s="10"/>
    </row>
    <row r="599106" spans="14:14">
      <c r="N599106" s="10"/>
    </row>
    <row r="599107" spans="14:14">
      <c r="N599107" s="10"/>
    </row>
    <row r="599108" spans="14:14">
      <c r="N599108" s="10"/>
    </row>
    <row r="599109" spans="14:14">
      <c r="N599109" s="10"/>
    </row>
    <row r="599110" spans="14:14">
      <c r="N599110" s="10"/>
    </row>
    <row r="599111" spans="14:14">
      <c r="N599111" s="10"/>
    </row>
    <row r="599112" spans="14:14">
      <c r="N599112" s="10"/>
    </row>
    <row r="599113" spans="14:14">
      <c r="N599113" s="10"/>
    </row>
    <row r="599114" spans="14:14">
      <c r="N599114" s="10"/>
    </row>
    <row r="599115" spans="14:14">
      <c r="N599115" s="10"/>
    </row>
    <row r="599116" spans="14:14">
      <c r="N599116" s="10"/>
    </row>
    <row r="599117" spans="14:14">
      <c r="N599117" s="10"/>
    </row>
    <row r="599118" spans="14:14">
      <c r="N599118" s="10"/>
    </row>
    <row r="599119" spans="14:14">
      <c r="N599119" s="10"/>
    </row>
    <row r="599120" spans="14:14">
      <c r="N599120" s="10"/>
    </row>
    <row r="599121" spans="14:14">
      <c r="N599121" s="10"/>
    </row>
    <row r="599122" spans="14:14">
      <c r="N599122" s="10"/>
    </row>
    <row r="599123" spans="14:14">
      <c r="N599123" s="10"/>
    </row>
    <row r="599124" spans="14:14">
      <c r="N599124" s="10"/>
    </row>
    <row r="599125" spans="14:14">
      <c r="N599125" s="10"/>
    </row>
    <row r="599126" spans="14:14">
      <c r="N599126" s="10"/>
    </row>
    <row r="599127" spans="14:14">
      <c r="N599127" s="10"/>
    </row>
    <row r="599128" spans="14:14">
      <c r="N599128" s="10"/>
    </row>
    <row r="599129" spans="14:14">
      <c r="N599129" s="10"/>
    </row>
    <row r="599130" spans="14:14">
      <c r="N599130" s="10"/>
    </row>
    <row r="599131" spans="14:14">
      <c r="N599131" s="10"/>
    </row>
    <row r="599132" spans="14:14">
      <c r="N599132" s="10"/>
    </row>
    <row r="599133" spans="14:14">
      <c r="N599133" s="10"/>
    </row>
    <row r="599134" spans="14:14">
      <c r="N599134" s="10"/>
    </row>
    <row r="599135" spans="14:14">
      <c r="N599135" s="10"/>
    </row>
    <row r="599136" spans="14:14">
      <c r="N599136" s="10"/>
    </row>
    <row r="599137" spans="14:14">
      <c r="N599137" s="10"/>
    </row>
    <row r="599138" spans="14:14">
      <c r="N599138" s="10"/>
    </row>
    <row r="599139" spans="14:14">
      <c r="N599139" s="10"/>
    </row>
    <row r="599140" spans="14:14">
      <c r="N599140" s="10"/>
    </row>
    <row r="599141" spans="14:14">
      <c r="N599141" s="10"/>
    </row>
    <row r="599142" spans="14:14">
      <c r="N599142" s="10"/>
    </row>
    <row r="599143" spans="14:14">
      <c r="N599143" s="10"/>
    </row>
    <row r="599144" spans="14:14">
      <c r="N599144" s="10"/>
    </row>
    <row r="599145" spans="14:14">
      <c r="N599145" s="10"/>
    </row>
    <row r="599146" spans="14:14">
      <c r="N599146" s="10"/>
    </row>
    <row r="599147" spans="14:14">
      <c r="N599147" s="10"/>
    </row>
    <row r="599148" spans="14:14">
      <c r="N599148" s="10"/>
    </row>
    <row r="599149" spans="14:14">
      <c r="N599149" s="10"/>
    </row>
    <row r="599150" spans="14:14">
      <c r="N599150" s="10"/>
    </row>
    <row r="599151" spans="14:14">
      <c r="N599151" s="10"/>
    </row>
    <row r="599152" spans="14:14">
      <c r="N599152" s="10"/>
    </row>
    <row r="599153" spans="14:14">
      <c r="N599153" s="10"/>
    </row>
    <row r="599154" spans="14:14">
      <c r="N599154" s="10"/>
    </row>
    <row r="599155" spans="14:14">
      <c r="N599155" s="10"/>
    </row>
    <row r="599156" spans="14:14">
      <c r="N599156" s="10"/>
    </row>
    <row r="599157" spans="14:14">
      <c r="N599157" s="10"/>
    </row>
    <row r="599158" spans="14:14">
      <c r="N599158" s="10"/>
    </row>
    <row r="599159" spans="14:14">
      <c r="N599159" s="10"/>
    </row>
    <row r="599160" spans="14:14">
      <c r="N599160" s="10"/>
    </row>
    <row r="599161" spans="14:14">
      <c r="N599161" s="10"/>
    </row>
    <row r="599162" spans="14:14">
      <c r="N599162" s="10"/>
    </row>
    <row r="599163" spans="14:14">
      <c r="N599163" s="10"/>
    </row>
    <row r="599164" spans="14:14">
      <c r="N599164" s="10"/>
    </row>
    <row r="599165" spans="14:14">
      <c r="N599165" s="10"/>
    </row>
    <row r="599166" spans="14:14">
      <c r="N599166" s="10"/>
    </row>
    <row r="599167" spans="14:14">
      <c r="N599167" s="10"/>
    </row>
    <row r="599168" spans="14:14">
      <c r="N599168" s="10"/>
    </row>
    <row r="599169" spans="14:14">
      <c r="N599169" s="10"/>
    </row>
    <row r="599170" spans="14:14">
      <c r="N599170" s="10"/>
    </row>
    <row r="599171" spans="14:14">
      <c r="N599171" s="10"/>
    </row>
    <row r="599172" spans="14:14">
      <c r="N599172" s="10"/>
    </row>
    <row r="599173" spans="14:14">
      <c r="N599173" s="10"/>
    </row>
    <row r="599174" spans="14:14">
      <c r="N599174" s="10"/>
    </row>
    <row r="599175" spans="14:14">
      <c r="N599175" s="10"/>
    </row>
    <row r="599176" spans="14:14">
      <c r="N599176" s="10"/>
    </row>
    <row r="599177" spans="14:14">
      <c r="N599177" s="10"/>
    </row>
    <row r="599178" spans="14:14">
      <c r="N599178" s="10"/>
    </row>
    <row r="599179" spans="14:14">
      <c r="N599179" s="10"/>
    </row>
    <row r="599180" spans="14:14">
      <c r="N599180" s="10"/>
    </row>
    <row r="599181" spans="14:14">
      <c r="N599181" s="10"/>
    </row>
    <row r="599182" spans="14:14">
      <c r="N599182" s="10"/>
    </row>
    <row r="599183" spans="14:14">
      <c r="N599183" s="10"/>
    </row>
    <row r="599184" spans="14:14">
      <c r="N599184" s="10"/>
    </row>
    <row r="599185" spans="14:14">
      <c r="N599185" s="10"/>
    </row>
    <row r="599186" spans="14:14">
      <c r="N599186" s="10"/>
    </row>
    <row r="599187" spans="14:14">
      <c r="N599187" s="10"/>
    </row>
    <row r="599188" spans="14:14">
      <c r="N599188" s="10"/>
    </row>
    <row r="599189" spans="14:14">
      <c r="N599189" s="10"/>
    </row>
    <row r="599190" spans="14:14">
      <c r="N599190" s="10"/>
    </row>
    <row r="599191" spans="14:14">
      <c r="N599191" s="10"/>
    </row>
    <row r="599192" spans="14:14">
      <c r="N599192" s="10"/>
    </row>
    <row r="599193" spans="14:14">
      <c r="N599193" s="10"/>
    </row>
    <row r="599194" spans="14:14">
      <c r="N599194" s="10"/>
    </row>
    <row r="599195" spans="14:14">
      <c r="N599195" s="10"/>
    </row>
    <row r="599196" spans="14:14">
      <c r="N599196" s="10"/>
    </row>
    <row r="599197" spans="14:14">
      <c r="N599197" s="10"/>
    </row>
    <row r="599198" spans="14:14">
      <c r="N599198" s="10"/>
    </row>
    <row r="599199" spans="14:14">
      <c r="N599199" s="10"/>
    </row>
    <row r="599200" spans="14:14">
      <c r="N599200" s="10"/>
    </row>
    <row r="599201" spans="14:14">
      <c r="N599201" s="10"/>
    </row>
    <row r="599202" spans="14:14">
      <c r="N599202" s="10"/>
    </row>
    <row r="599203" spans="14:14">
      <c r="N599203" s="10"/>
    </row>
    <row r="599204" spans="14:14">
      <c r="N599204" s="10"/>
    </row>
    <row r="599205" spans="14:14">
      <c r="N599205" s="10"/>
    </row>
    <row r="599206" spans="14:14">
      <c r="N599206" s="10"/>
    </row>
    <row r="599207" spans="14:14">
      <c r="N599207" s="10"/>
    </row>
    <row r="599208" spans="14:14">
      <c r="N599208" s="10"/>
    </row>
    <row r="599209" spans="14:14">
      <c r="N599209" s="10"/>
    </row>
    <row r="599210" spans="14:14">
      <c r="N599210" s="10"/>
    </row>
    <row r="599211" spans="14:14">
      <c r="N599211" s="10"/>
    </row>
    <row r="599212" spans="14:14">
      <c r="N599212" s="10"/>
    </row>
    <row r="599213" spans="14:14">
      <c r="N599213" s="10"/>
    </row>
    <row r="599214" spans="14:14">
      <c r="N599214" s="10"/>
    </row>
    <row r="599215" spans="14:14">
      <c r="N599215" s="10"/>
    </row>
    <row r="599216" spans="14:14">
      <c r="N599216" s="10"/>
    </row>
    <row r="599217" spans="14:14">
      <c r="N599217" s="10"/>
    </row>
    <row r="599218" spans="14:14">
      <c r="N599218" s="10"/>
    </row>
    <row r="599219" spans="14:14">
      <c r="N599219" s="10"/>
    </row>
    <row r="599220" spans="14:14">
      <c r="N599220" s="10"/>
    </row>
    <row r="599221" spans="14:14">
      <c r="N599221" s="10"/>
    </row>
    <row r="599222" spans="14:14">
      <c r="N599222" s="10"/>
    </row>
    <row r="599223" spans="14:14">
      <c r="N599223" s="10"/>
    </row>
    <row r="599224" spans="14:14">
      <c r="N599224" s="10"/>
    </row>
    <row r="599225" spans="14:14">
      <c r="N599225" s="10"/>
    </row>
    <row r="599226" spans="14:14">
      <c r="N599226" s="10"/>
    </row>
    <row r="599227" spans="14:14">
      <c r="N599227" s="10"/>
    </row>
    <row r="599228" spans="14:14">
      <c r="N599228" s="10"/>
    </row>
    <row r="599229" spans="14:14">
      <c r="N599229" s="10"/>
    </row>
    <row r="599230" spans="14:14">
      <c r="N599230" s="10"/>
    </row>
    <row r="599231" spans="14:14">
      <c r="N599231" s="10"/>
    </row>
    <row r="599232" spans="14:14">
      <c r="N599232" s="10"/>
    </row>
    <row r="599233" spans="14:14">
      <c r="N599233" s="10"/>
    </row>
    <row r="599234" spans="14:14">
      <c r="N599234" s="10"/>
    </row>
    <row r="599235" spans="14:14">
      <c r="N599235" s="10"/>
    </row>
    <row r="599236" spans="14:14">
      <c r="N599236" s="10"/>
    </row>
    <row r="599237" spans="14:14">
      <c r="N599237" s="10"/>
    </row>
    <row r="599238" spans="14:14">
      <c r="N599238" s="10"/>
    </row>
    <row r="599239" spans="14:14">
      <c r="N599239" s="10"/>
    </row>
    <row r="599240" spans="14:14">
      <c r="N599240" s="10"/>
    </row>
    <row r="599241" spans="14:14">
      <c r="N599241" s="10"/>
    </row>
    <row r="599242" spans="14:14">
      <c r="N599242" s="10"/>
    </row>
    <row r="599243" spans="14:14">
      <c r="N599243" s="10"/>
    </row>
    <row r="599244" spans="14:14">
      <c r="N599244" s="10"/>
    </row>
    <row r="599245" spans="14:14">
      <c r="N599245" s="10"/>
    </row>
    <row r="599246" spans="14:14">
      <c r="N599246" s="10"/>
    </row>
    <row r="599247" spans="14:14">
      <c r="N599247" s="10"/>
    </row>
    <row r="599248" spans="14:14">
      <c r="N599248" s="10"/>
    </row>
    <row r="599249" spans="14:14">
      <c r="N599249" s="10"/>
    </row>
    <row r="599250" spans="14:14">
      <c r="N599250" s="10"/>
    </row>
    <row r="599251" spans="14:14">
      <c r="N599251" s="10"/>
    </row>
    <row r="599252" spans="14:14">
      <c r="N599252" s="10"/>
    </row>
    <row r="599253" spans="14:14">
      <c r="N599253" s="10"/>
    </row>
    <row r="599254" spans="14:14">
      <c r="N599254" s="10"/>
    </row>
    <row r="599255" spans="14:14">
      <c r="N599255" s="10"/>
    </row>
    <row r="599256" spans="14:14">
      <c r="N599256" s="10"/>
    </row>
    <row r="599257" spans="14:14">
      <c r="N599257" s="10"/>
    </row>
    <row r="599258" spans="14:14">
      <c r="N599258" s="10"/>
    </row>
    <row r="599259" spans="14:14">
      <c r="N599259" s="10"/>
    </row>
    <row r="599260" spans="14:14">
      <c r="N599260" s="10"/>
    </row>
    <row r="599261" spans="14:14">
      <c r="N599261" s="10"/>
    </row>
    <row r="599262" spans="14:14">
      <c r="N599262" s="10"/>
    </row>
    <row r="599263" spans="14:14">
      <c r="N599263" s="10"/>
    </row>
    <row r="599264" spans="14:14">
      <c r="N599264" s="10"/>
    </row>
    <row r="599265" spans="14:14">
      <c r="N599265" s="10"/>
    </row>
    <row r="599266" spans="14:14">
      <c r="N599266" s="10"/>
    </row>
    <row r="599267" spans="14:14">
      <c r="N599267" s="10"/>
    </row>
    <row r="599268" spans="14:14">
      <c r="N599268" s="10"/>
    </row>
    <row r="599269" spans="14:14">
      <c r="N599269" s="10"/>
    </row>
    <row r="599270" spans="14:14">
      <c r="N599270" s="10"/>
    </row>
    <row r="599271" spans="14:14">
      <c r="N599271" s="10"/>
    </row>
    <row r="599272" spans="14:14">
      <c r="N599272" s="10"/>
    </row>
    <row r="599273" spans="14:14">
      <c r="N599273" s="10"/>
    </row>
    <row r="599274" spans="14:14">
      <c r="N599274" s="10"/>
    </row>
    <row r="599275" spans="14:14">
      <c r="N599275" s="10"/>
    </row>
    <row r="599276" spans="14:14">
      <c r="N599276" s="10"/>
    </row>
    <row r="599277" spans="14:14">
      <c r="N599277" s="10"/>
    </row>
    <row r="599278" spans="14:14">
      <c r="N599278" s="10"/>
    </row>
    <row r="599279" spans="14:14">
      <c r="N599279" s="10"/>
    </row>
    <row r="599280" spans="14:14">
      <c r="N599280" s="10"/>
    </row>
    <row r="599281" spans="14:14">
      <c r="N599281" s="10"/>
    </row>
    <row r="599282" spans="14:14">
      <c r="N599282" s="10"/>
    </row>
    <row r="599283" spans="14:14">
      <c r="N599283" s="10"/>
    </row>
    <row r="599284" spans="14:14">
      <c r="N599284" s="10"/>
    </row>
    <row r="599285" spans="14:14">
      <c r="N599285" s="10"/>
    </row>
    <row r="599286" spans="14:14">
      <c r="N599286" s="10"/>
    </row>
    <row r="599287" spans="14:14">
      <c r="N599287" s="10"/>
    </row>
    <row r="599288" spans="14:14">
      <c r="N599288" s="10"/>
    </row>
    <row r="599289" spans="14:14">
      <c r="N599289" s="10"/>
    </row>
    <row r="599290" spans="14:14">
      <c r="N599290" s="10"/>
    </row>
    <row r="599291" spans="14:14">
      <c r="N599291" s="10"/>
    </row>
    <row r="599292" spans="14:14">
      <c r="N599292" s="10"/>
    </row>
    <row r="599293" spans="14:14">
      <c r="N599293" s="10"/>
    </row>
    <row r="599294" spans="14:14">
      <c r="N599294" s="10"/>
    </row>
    <row r="599295" spans="14:14">
      <c r="N599295" s="10"/>
    </row>
    <row r="599296" spans="14:14">
      <c r="N599296" s="10"/>
    </row>
    <row r="599297" spans="14:14">
      <c r="N599297" s="10"/>
    </row>
    <row r="599298" spans="14:14">
      <c r="N599298" s="10"/>
    </row>
    <row r="599299" spans="14:14">
      <c r="N599299" s="10"/>
    </row>
    <row r="599300" spans="14:14">
      <c r="N599300" s="10"/>
    </row>
    <row r="599301" spans="14:14">
      <c r="N599301" s="10"/>
    </row>
    <row r="599302" spans="14:14">
      <c r="N599302" s="10"/>
    </row>
    <row r="599303" spans="14:14">
      <c r="N599303" s="10"/>
    </row>
    <row r="599304" spans="14:14">
      <c r="N599304" s="10"/>
    </row>
    <row r="599305" spans="14:14">
      <c r="N599305" s="10"/>
    </row>
    <row r="599306" spans="14:14">
      <c r="N599306" s="10"/>
    </row>
    <row r="599307" spans="14:14">
      <c r="N599307" s="10"/>
    </row>
    <row r="599308" spans="14:14">
      <c r="N599308" s="10"/>
    </row>
    <row r="599309" spans="14:14">
      <c r="N599309" s="10"/>
    </row>
    <row r="599310" spans="14:14">
      <c r="N599310" s="10"/>
    </row>
    <row r="599311" spans="14:14">
      <c r="N599311" s="10"/>
    </row>
    <row r="599312" spans="14:14">
      <c r="N599312" s="10"/>
    </row>
    <row r="599313" spans="14:14">
      <c r="N599313" s="10"/>
    </row>
    <row r="599314" spans="14:14">
      <c r="N599314" s="10"/>
    </row>
    <row r="599315" spans="14:14">
      <c r="N599315" s="10"/>
    </row>
    <row r="599316" spans="14:14">
      <c r="N599316" s="10"/>
    </row>
    <row r="599317" spans="14:14">
      <c r="N599317" s="10"/>
    </row>
    <row r="599318" spans="14:14">
      <c r="N599318" s="10"/>
    </row>
    <row r="599319" spans="14:14">
      <c r="N599319" s="10"/>
    </row>
    <row r="599320" spans="14:14">
      <c r="N599320" s="10"/>
    </row>
    <row r="599321" spans="14:14">
      <c r="N599321" s="10"/>
    </row>
    <row r="599322" spans="14:14">
      <c r="N599322" s="10"/>
    </row>
    <row r="599323" spans="14:14">
      <c r="N599323" s="10"/>
    </row>
    <row r="599324" spans="14:14">
      <c r="N599324" s="10"/>
    </row>
    <row r="599325" spans="14:14">
      <c r="N599325" s="10"/>
    </row>
    <row r="599326" spans="14:14">
      <c r="N599326" s="10"/>
    </row>
    <row r="599327" spans="14:14">
      <c r="N599327" s="10"/>
    </row>
    <row r="599328" spans="14:14">
      <c r="N599328" s="10"/>
    </row>
    <row r="599329" spans="14:14">
      <c r="N599329" s="10"/>
    </row>
    <row r="599330" spans="14:14">
      <c r="N599330" s="10"/>
    </row>
    <row r="599331" spans="14:14">
      <c r="N599331" s="10"/>
    </row>
    <row r="599332" spans="14:14">
      <c r="N599332" s="10"/>
    </row>
    <row r="599333" spans="14:14">
      <c r="N599333" s="10"/>
    </row>
    <row r="599334" spans="14:14">
      <c r="N599334" s="10"/>
    </row>
    <row r="599335" spans="14:14">
      <c r="N599335" s="10"/>
    </row>
    <row r="599336" spans="14:14">
      <c r="N599336" s="10"/>
    </row>
    <row r="599337" spans="14:14">
      <c r="N599337" s="10"/>
    </row>
    <row r="599338" spans="14:14">
      <c r="N599338" s="10"/>
    </row>
    <row r="599339" spans="14:14">
      <c r="N599339" s="10"/>
    </row>
    <row r="599340" spans="14:14">
      <c r="N599340" s="10"/>
    </row>
    <row r="599341" spans="14:14">
      <c r="N599341" s="10"/>
    </row>
    <row r="599342" spans="14:14">
      <c r="N599342" s="10"/>
    </row>
    <row r="599343" spans="14:14">
      <c r="N599343" s="10"/>
    </row>
    <row r="599344" spans="14:14">
      <c r="N599344" s="10"/>
    </row>
    <row r="599345" spans="14:14">
      <c r="N599345" s="10"/>
    </row>
    <row r="599346" spans="14:14">
      <c r="N599346" s="10"/>
    </row>
    <row r="599347" spans="14:14">
      <c r="N599347" s="10"/>
    </row>
    <row r="599348" spans="14:14">
      <c r="N599348" s="10"/>
    </row>
    <row r="599349" spans="14:14">
      <c r="N599349" s="10"/>
    </row>
    <row r="599350" spans="14:14">
      <c r="N599350" s="10"/>
    </row>
    <row r="599351" spans="14:14">
      <c r="N599351" s="10"/>
    </row>
    <row r="599352" spans="14:14">
      <c r="N599352" s="10"/>
    </row>
    <row r="599353" spans="14:14">
      <c r="N599353" s="10"/>
    </row>
    <row r="599354" spans="14:14">
      <c r="N599354" s="10"/>
    </row>
    <row r="599355" spans="14:14">
      <c r="N599355" s="10"/>
    </row>
    <row r="599356" spans="14:14">
      <c r="N599356" s="10"/>
    </row>
    <row r="599357" spans="14:14">
      <c r="N599357" s="10"/>
    </row>
    <row r="599358" spans="14:14">
      <c r="N599358" s="10"/>
    </row>
    <row r="599359" spans="14:14">
      <c r="N599359" s="10"/>
    </row>
    <row r="599360" spans="14:14">
      <c r="N599360" s="10"/>
    </row>
    <row r="599361" spans="14:14">
      <c r="N599361" s="10"/>
    </row>
    <row r="599362" spans="14:14">
      <c r="N599362" s="10"/>
    </row>
    <row r="599363" spans="14:14">
      <c r="N599363" s="10"/>
    </row>
    <row r="599364" spans="14:14">
      <c r="N599364" s="10"/>
    </row>
    <row r="599365" spans="14:14">
      <c r="N599365" s="10"/>
    </row>
    <row r="599366" spans="14:14">
      <c r="N599366" s="10"/>
    </row>
    <row r="599367" spans="14:14">
      <c r="N599367" s="10"/>
    </row>
    <row r="599368" spans="14:14">
      <c r="N599368" s="10"/>
    </row>
    <row r="599369" spans="14:14">
      <c r="N599369" s="10"/>
    </row>
    <row r="599370" spans="14:14">
      <c r="N599370" s="10"/>
    </row>
    <row r="599371" spans="14:14">
      <c r="N599371" s="10"/>
    </row>
    <row r="599372" spans="14:14">
      <c r="N599372" s="10"/>
    </row>
    <row r="599373" spans="14:14">
      <c r="N599373" s="10"/>
    </row>
    <row r="599374" spans="14:14">
      <c r="N599374" s="10"/>
    </row>
    <row r="599375" spans="14:14">
      <c r="N599375" s="10"/>
    </row>
    <row r="599376" spans="14:14">
      <c r="N599376" s="10"/>
    </row>
    <row r="599377" spans="14:14">
      <c r="N599377" s="10"/>
    </row>
    <row r="599378" spans="14:14">
      <c r="N599378" s="10"/>
    </row>
    <row r="599379" spans="14:14">
      <c r="N599379" s="10"/>
    </row>
    <row r="599380" spans="14:14">
      <c r="N599380" s="10"/>
    </row>
    <row r="599381" spans="14:14">
      <c r="N599381" s="10"/>
    </row>
    <row r="599382" spans="14:14">
      <c r="N599382" s="10"/>
    </row>
    <row r="599383" spans="14:14">
      <c r="N599383" s="10"/>
    </row>
    <row r="599384" spans="14:14">
      <c r="N599384" s="10"/>
    </row>
    <row r="599385" spans="14:14">
      <c r="N599385" s="10"/>
    </row>
    <row r="599386" spans="14:14">
      <c r="N599386" s="10"/>
    </row>
    <row r="599387" spans="14:14">
      <c r="N599387" s="10"/>
    </row>
    <row r="599388" spans="14:14">
      <c r="N599388" s="10"/>
    </row>
    <row r="599389" spans="14:14">
      <c r="N599389" s="10"/>
    </row>
    <row r="599390" spans="14:14">
      <c r="N599390" s="10"/>
    </row>
    <row r="599391" spans="14:14">
      <c r="N599391" s="10"/>
    </row>
    <row r="599392" spans="14:14">
      <c r="N599392" s="10"/>
    </row>
    <row r="599393" spans="14:14">
      <c r="N599393" s="10"/>
    </row>
    <row r="599394" spans="14:14">
      <c r="N599394" s="10"/>
    </row>
    <row r="599395" spans="14:14">
      <c r="N599395" s="10"/>
    </row>
    <row r="599396" spans="14:14">
      <c r="N599396" s="10"/>
    </row>
    <row r="599397" spans="14:14">
      <c r="N599397" s="10"/>
    </row>
    <row r="599398" spans="14:14">
      <c r="N599398" s="10"/>
    </row>
    <row r="599399" spans="14:14">
      <c r="N599399" s="10"/>
    </row>
    <row r="599400" spans="14:14">
      <c r="N599400" s="10"/>
    </row>
    <row r="599401" spans="14:14">
      <c r="N599401" s="10"/>
    </row>
    <row r="599402" spans="14:14">
      <c r="N599402" s="10"/>
    </row>
    <row r="599403" spans="14:14">
      <c r="N599403" s="10"/>
    </row>
    <row r="599404" spans="14:14">
      <c r="N599404" s="10"/>
    </row>
    <row r="599405" spans="14:14">
      <c r="N599405" s="10"/>
    </row>
    <row r="599406" spans="14:14">
      <c r="N599406" s="10"/>
    </row>
    <row r="599407" spans="14:14">
      <c r="N599407" s="10"/>
    </row>
    <row r="599408" spans="14:14">
      <c r="N599408" s="10"/>
    </row>
    <row r="599409" spans="14:14">
      <c r="N599409" s="10"/>
    </row>
    <row r="599410" spans="14:14">
      <c r="N599410" s="10"/>
    </row>
    <row r="599411" spans="14:14">
      <c r="N599411" s="10"/>
    </row>
    <row r="599412" spans="14:14">
      <c r="N599412" s="10"/>
    </row>
    <row r="599413" spans="14:14">
      <c r="N599413" s="10"/>
    </row>
    <row r="599414" spans="14:14">
      <c r="N599414" s="10"/>
    </row>
    <row r="599415" spans="14:14">
      <c r="N599415" s="10"/>
    </row>
    <row r="599416" spans="14:14">
      <c r="N599416" s="10"/>
    </row>
    <row r="599417" spans="14:14">
      <c r="N599417" s="10"/>
    </row>
    <row r="599418" spans="14:14">
      <c r="N599418" s="10"/>
    </row>
    <row r="599419" spans="14:14">
      <c r="N599419" s="10"/>
    </row>
    <row r="599420" spans="14:14">
      <c r="N599420" s="10"/>
    </row>
    <row r="599421" spans="14:14">
      <c r="N599421" s="10"/>
    </row>
    <row r="599422" spans="14:14">
      <c r="N599422" s="10"/>
    </row>
    <row r="599423" spans="14:14">
      <c r="N599423" s="10"/>
    </row>
    <row r="599424" spans="14:14">
      <c r="N599424" s="10"/>
    </row>
    <row r="599425" spans="14:14">
      <c r="N599425" s="10"/>
    </row>
    <row r="599426" spans="14:14">
      <c r="N599426" s="10"/>
    </row>
    <row r="599427" spans="14:14">
      <c r="N599427" s="10"/>
    </row>
    <row r="599428" spans="14:14">
      <c r="N599428" s="10"/>
    </row>
    <row r="599429" spans="14:14">
      <c r="N599429" s="10"/>
    </row>
    <row r="599430" spans="14:14">
      <c r="N599430" s="10"/>
    </row>
    <row r="599431" spans="14:14">
      <c r="N599431" s="10"/>
    </row>
    <row r="599432" spans="14:14">
      <c r="N599432" s="10"/>
    </row>
    <row r="599433" spans="14:14">
      <c r="N599433" s="10"/>
    </row>
    <row r="599434" spans="14:14">
      <c r="N599434" s="10"/>
    </row>
    <row r="599435" spans="14:14">
      <c r="N599435" s="10"/>
    </row>
    <row r="599436" spans="14:14">
      <c r="N599436" s="10"/>
    </row>
    <row r="599437" spans="14:14">
      <c r="N599437" s="10"/>
    </row>
    <row r="599438" spans="14:14">
      <c r="N599438" s="10"/>
    </row>
    <row r="599439" spans="14:14">
      <c r="N599439" s="10"/>
    </row>
    <row r="599440" spans="14:14">
      <c r="N599440" s="10"/>
    </row>
    <row r="599441" spans="14:14">
      <c r="N599441" s="10"/>
    </row>
    <row r="599442" spans="14:14">
      <c r="N599442" s="10"/>
    </row>
    <row r="599443" spans="14:14">
      <c r="N599443" s="10"/>
    </row>
    <row r="599444" spans="14:14">
      <c r="N599444" s="10"/>
    </row>
    <row r="599445" spans="14:14">
      <c r="N599445" s="10"/>
    </row>
    <row r="599446" spans="14:14">
      <c r="N599446" s="10"/>
    </row>
    <row r="599447" spans="14:14">
      <c r="N599447" s="10"/>
    </row>
    <row r="599448" spans="14:14">
      <c r="N599448" s="10"/>
    </row>
    <row r="599449" spans="14:14">
      <c r="N599449" s="10"/>
    </row>
    <row r="599450" spans="14:14">
      <c r="N599450" s="10"/>
    </row>
    <row r="599451" spans="14:14">
      <c r="N599451" s="10"/>
    </row>
    <row r="599452" spans="14:14">
      <c r="N599452" s="10"/>
    </row>
    <row r="599453" spans="14:14">
      <c r="N599453" s="10"/>
    </row>
    <row r="599454" spans="14:14">
      <c r="N599454" s="10"/>
    </row>
    <row r="599455" spans="14:14">
      <c r="N599455" s="10"/>
    </row>
    <row r="599456" spans="14:14">
      <c r="N599456" s="10"/>
    </row>
    <row r="599457" spans="14:14">
      <c r="N599457" s="10"/>
    </row>
    <row r="599458" spans="14:14">
      <c r="N599458" s="10"/>
    </row>
    <row r="599459" spans="14:14">
      <c r="N599459" s="10"/>
    </row>
    <row r="599460" spans="14:14">
      <c r="N599460" s="10"/>
    </row>
    <row r="599461" spans="14:14">
      <c r="N599461" s="10"/>
    </row>
    <row r="599462" spans="14:14">
      <c r="N599462" s="10"/>
    </row>
    <row r="599463" spans="14:14">
      <c r="N599463" s="10"/>
    </row>
    <row r="599464" spans="14:14">
      <c r="N599464" s="10"/>
    </row>
    <row r="599465" spans="14:14">
      <c r="N599465" s="10"/>
    </row>
    <row r="599466" spans="14:14">
      <c r="N599466" s="10"/>
    </row>
    <row r="599467" spans="14:14">
      <c r="N599467" s="10"/>
    </row>
    <row r="599468" spans="14:14">
      <c r="N599468" s="10"/>
    </row>
    <row r="599469" spans="14:14">
      <c r="N599469" s="10"/>
    </row>
    <row r="599470" spans="14:14">
      <c r="N599470" s="10"/>
    </row>
    <row r="599471" spans="14:14">
      <c r="N599471" s="10"/>
    </row>
    <row r="599472" spans="14:14">
      <c r="N599472" s="10"/>
    </row>
    <row r="599473" spans="14:14">
      <c r="N599473" s="10"/>
    </row>
    <row r="599474" spans="14:14">
      <c r="N599474" s="10"/>
    </row>
    <row r="599475" spans="14:14">
      <c r="N599475" s="10"/>
    </row>
    <row r="599476" spans="14:14">
      <c r="N599476" s="10"/>
    </row>
    <row r="599477" spans="14:14">
      <c r="N599477" s="10"/>
    </row>
    <row r="599478" spans="14:14">
      <c r="N599478" s="10"/>
    </row>
    <row r="599479" spans="14:14">
      <c r="N599479" s="10"/>
    </row>
    <row r="599480" spans="14:14">
      <c r="N599480" s="10"/>
    </row>
    <row r="599481" spans="14:14">
      <c r="N599481" s="10"/>
    </row>
    <row r="599482" spans="14:14">
      <c r="N599482" s="10"/>
    </row>
    <row r="599483" spans="14:14">
      <c r="N599483" s="10"/>
    </row>
    <row r="599484" spans="14:14">
      <c r="N599484" s="10"/>
    </row>
    <row r="599485" spans="14:14">
      <c r="N599485" s="10"/>
    </row>
    <row r="599486" spans="14:14">
      <c r="N599486" s="10"/>
    </row>
    <row r="599487" spans="14:14">
      <c r="N599487" s="10"/>
    </row>
    <row r="599488" spans="14:14">
      <c r="N599488" s="10"/>
    </row>
    <row r="599489" spans="14:14">
      <c r="N599489" s="10"/>
    </row>
    <row r="599490" spans="14:14">
      <c r="N599490" s="10"/>
    </row>
    <row r="599491" spans="14:14">
      <c r="N599491" s="10"/>
    </row>
    <row r="599492" spans="14:14">
      <c r="N599492" s="10"/>
    </row>
    <row r="599493" spans="14:14">
      <c r="N599493" s="10"/>
    </row>
    <row r="599494" spans="14:14">
      <c r="N599494" s="10"/>
    </row>
    <row r="599495" spans="14:14">
      <c r="N599495" s="10"/>
    </row>
    <row r="599496" spans="14:14">
      <c r="N599496" s="10"/>
    </row>
    <row r="599497" spans="14:14">
      <c r="N599497" s="10"/>
    </row>
    <row r="599498" spans="14:14">
      <c r="N599498" s="10"/>
    </row>
    <row r="599499" spans="14:14">
      <c r="N599499" s="10"/>
    </row>
    <row r="599500" spans="14:14">
      <c r="N599500" s="10"/>
    </row>
    <row r="599501" spans="14:14">
      <c r="N599501" s="10"/>
    </row>
    <row r="599502" spans="14:14">
      <c r="N599502" s="10"/>
    </row>
    <row r="599503" spans="14:14">
      <c r="N599503" s="10"/>
    </row>
    <row r="599504" spans="14:14">
      <c r="N599504" s="10"/>
    </row>
    <row r="599505" spans="14:14">
      <c r="N599505" s="10"/>
    </row>
    <row r="599506" spans="14:14">
      <c r="N599506" s="10"/>
    </row>
    <row r="599507" spans="14:14">
      <c r="N599507" s="10"/>
    </row>
    <row r="599508" spans="14:14">
      <c r="N599508" s="10"/>
    </row>
    <row r="599509" spans="14:14">
      <c r="N599509" s="10"/>
    </row>
    <row r="599510" spans="14:14">
      <c r="N599510" s="10"/>
    </row>
    <row r="599511" spans="14:14">
      <c r="N599511" s="10"/>
    </row>
    <row r="599512" spans="14:14">
      <c r="N599512" s="10"/>
    </row>
    <row r="599513" spans="14:14">
      <c r="N599513" s="10"/>
    </row>
    <row r="599514" spans="14:14">
      <c r="N599514" s="10"/>
    </row>
    <row r="599515" spans="14:14">
      <c r="N599515" s="10"/>
    </row>
    <row r="599516" spans="14:14">
      <c r="N599516" s="10"/>
    </row>
    <row r="599517" spans="14:14">
      <c r="N599517" s="10"/>
    </row>
    <row r="599518" spans="14:14">
      <c r="N599518" s="10"/>
    </row>
    <row r="599519" spans="14:14">
      <c r="N599519" s="10"/>
    </row>
    <row r="599520" spans="14:14">
      <c r="N599520" s="10"/>
    </row>
    <row r="599521" spans="14:14">
      <c r="N599521" s="10"/>
    </row>
    <row r="599522" spans="14:14">
      <c r="N599522" s="10"/>
    </row>
    <row r="599523" spans="14:14">
      <c r="N599523" s="10"/>
    </row>
    <row r="599524" spans="14:14">
      <c r="N599524" s="10"/>
    </row>
    <row r="599525" spans="14:14">
      <c r="N599525" s="10"/>
    </row>
    <row r="599526" spans="14:14">
      <c r="N599526" s="10"/>
    </row>
    <row r="599527" spans="14:14">
      <c r="N599527" s="10"/>
    </row>
    <row r="599528" spans="14:14">
      <c r="N599528" s="10"/>
    </row>
    <row r="599529" spans="14:14">
      <c r="N599529" s="10"/>
    </row>
    <row r="599530" spans="14:14">
      <c r="N599530" s="10"/>
    </row>
    <row r="599531" spans="14:14">
      <c r="N599531" s="10"/>
    </row>
    <row r="599532" spans="14:14">
      <c r="N599532" s="10"/>
    </row>
    <row r="599533" spans="14:14">
      <c r="N599533" s="10"/>
    </row>
    <row r="599534" spans="14:14">
      <c r="N599534" s="10"/>
    </row>
    <row r="599535" spans="14:14">
      <c r="N599535" s="10"/>
    </row>
    <row r="599536" spans="14:14">
      <c r="N599536" s="10"/>
    </row>
    <row r="599537" spans="14:14">
      <c r="N599537" s="10"/>
    </row>
    <row r="599538" spans="14:14">
      <c r="N599538" s="10"/>
    </row>
    <row r="599539" spans="14:14">
      <c r="N599539" s="10"/>
    </row>
    <row r="599540" spans="14:14">
      <c r="N599540" s="10"/>
    </row>
    <row r="599541" spans="14:14">
      <c r="N599541" s="10"/>
    </row>
    <row r="599542" spans="14:14">
      <c r="N599542" s="10"/>
    </row>
    <row r="599543" spans="14:14">
      <c r="N599543" s="10"/>
    </row>
    <row r="599544" spans="14:14">
      <c r="N599544" s="10"/>
    </row>
    <row r="599545" spans="14:14">
      <c r="N599545" s="10"/>
    </row>
    <row r="599546" spans="14:14">
      <c r="N599546" s="10"/>
    </row>
    <row r="599547" spans="14:14">
      <c r="N599547" s="10"/>
    </row>
    <row r="599548" spans="14:14">
      <c r="N599548" s="10"/>
    </row>
    <row r="599549" spans="14:14">
      <c r="N599549" s="10"/>
    </row>
    <row r="599550" spans="14:14">
      <c r="N599550" s="10"/>
    </row>
    <row r="599551" spans="14:14">
      <c r="N599551" s="10"/>
    </row>
    <row r="599552" spans="14:14">
      <c r="N599552" s="10"/>
    </row>
    <row r="599553" spans="14:14">
      <c r="N599553" s="10"/>
    </row>
    <row r="599554" spans="14:14">
      <c r="N599554" s="10"/>
    </row>
    <row r="599555" spans="14:14">
      <c r="N599555" s="10"/>
    </row>
    <row r="599556" spans="14:14">
      <c r="N599556" s="10"/>
    </row>
    <row r="599557" spans="14:14">
      <c r="N599557" s="10"/>
    </row>
    <row r="599558" spans="14:14">
      <c r="N599558" s="10"/>
    </row>
    <row r="599559" spans="14:14">
      <c r="N599559" s="10"/>
    </row>
    <row r="599560" spans="14:14">
      <c r="N599560" s="10"/>
    </row>
    <row r="599561" spans="14:14">
      <c r="N599561" s="10"/>
    </row>
    <row r="599562" spans="14:14">
      <c r="N599562" s="10"/>
    </row>
    <row r="599563" spans="14:14">
      <c r="N599563" s="10"/>
    </row>
    <row r="599564" spans="14:14">
      <c r="N599564" s="10"/>
    </row>
    <row r="599565" spans="14:14">
      <c r="N599565" s="10"/>
    </row>
    <row r="599566" spans="14:14">
      <c r="N599566" s="10"/>
    </row>
    <row r="599567" spans="14:14">
      <c r="N599567" s="10"/>
    </row>
    <row r="599568" spans="14:14">
      <c r="N599568" s="10"/>
    </row>
    <row r="599569" spans="14:14">
      <c r="N599569" s="10"/>
    </row>
    <row r="599570" spans="14:14">
      <c r="N599570" s="10"/>
    </row>
    <row r="599571" spans="14:14">
      <c r="N599571" s="10"/>
    </row>
    <row r="599572" spans="14:14">
      <c r="N599572" s="10"/>
    </row>
    <row r="599573" spans="14:14">
      <c r="N599573" s="10"/>
    </row>
    <row r="599574" spans="14:14">
      <c r="N599574" s="10"/>
    </row>
    <row r="599575" spans="14:14">
      <c r="N599575" s="10"/>
    </row>
    <row r="599576" spans="14:14">
      <c r="N599576" s="10"/>
    </row>
    <row r="599577" spans="14:14">
      <c r="N599577" s="10"/>
    </row>
    <row r="599578" spans="14:14">
      <c r="N599578" s="10"/>
    </row>
    <row r="599579" spans="14:14">
      <c r="N599579" s="10"/>
    </row>
    <row r="599580" spans="14:14">
      <c r="N599580" s="10"/>
    </row>
    <row r="599581" spans="14:14">
      <c r="N599581" s="10"/>
    </row>
    <row r="599582" spans="14:14">
      <c r="N599582" s="10"/>
    </row>
    <row r="599583" spans="14:14">
      <c r="N599583" s="10"/>
    </row>
    <row r="599584" spans="14:14">
      <c r="N599584" s="10"/>
    </row>
    <row r="599585" spans="14:14">
      <c r="N599585" s="10"/>
    </row>
    <row r="599586" spans="14:14">
      <c r="N599586" s="10"/>
    </row>
    <row r="599587" spans="14:14">
      <c r="N599587" s="10"/>
    </row>
    <row r="599588" spans="14:14">
      <c r="N599588" s="10"/>
    </row>
    <row r="599589" spans="14:14">
      <c r="N599589" s="10"/>
    </row>
    <row r="599590" spans="14:14">
      <c r="N599590" s="10"/>
    </row>
    <row r="599591" spans="14:14">
      <c r="N599591" s="10"/>
    </row>
    <row r="599592" spans="14:14">
      <c r="N599592" s="10"/>
    </row>
    <row r="599593" spans="14:14">
      <c r="N599593" s="10"/>
    </row>
    <row r="599594" spans="14:14">
      <c r="N599594" s="10"/>
    </row>
    <row r="599595" spans="14:14">
      <c r="N599595" s="10"/>
    </row>
    <row r="599596" spans="14:14">
      <c r="N599596" s="10"/>
    </row>
    <row r="599597" spans="14:14">
      <c r="N599597" s="10"/>
    </row>
    <row r="599598" spans="14:14">
      <c r="N599598" s="10"/>
    </row>
    <row r="599599" spans="14:14">
      <c r="N599599" s="10"/>
    </row>
    <row r="599600" spans="14:14">
      <c r="N599600" s="10"/>
    </row>
    <row r="599601" spans="14:14">
      <c r="N599601" s="10"/>
    </row>
    <row r="599602" spans="14:14">
      <c r="N599602" s="10"/>
    </row>
    <row r="599603" spans="14:14">
      <c r="N599603" s="10"/>
    </row>
    <row r="599604" spans="14:14">
      <c r="N599604" s="10"/>
    </row>
    <row r="599605" spans="14:14">
      <c r="N599605" s="10"/>
    </row>
    <row r="599606" spans="14:14">
      <c r="N599606" s="10"/>
    </row>
    <row r="599607" spans="14:14">
      <c r="N599607" s="10"/>
    </row>
    <row r="599608" spans="14:14">
      <c r="N599608" s="10"/>
    </row>
    <row r="599609" spans="14:14">
      <c r="N599609" s="10"/>
    </row>
    <row r="599610" spans="14:14">
      <c r="N599610" s="10"/>
    </row>
    <row r="599611" spans="14:14">
      <c r="N599611" s="10"/>
    </row>
    <row r="599612" spans="14:14">
      <c r="N599612" s="10"/>
    </row>
    <row r="599613" spans="14:14">
      <c r="N599613" s="10"/>
    </row>
    <row r="599614" spans="14:14">
      <c r="N599614" s="10"/>
    </row>
    <row r="599615" spans="14:14">
      <c r="N599615" s="10"/>
    </row>
    <row r="599616" spans="14:14">
      <c r="N599616" s="10"/>
    </row>
    <row r="599617" spans="14:14">
      <c r="N599617" s="10"/>
    </row>
    <row r="599618" spans="14:14">
      <c r="N599618" s="10"/>
    </row>
    <row r="599619" spans="14:14">
      <c r="N599619" s="10"/>
    </row>
    <row r="599620" spans="14:14">
      <c r="N599620" s="10"/>
    </row>
    <row r="599621" spans="14:14">
      <c r="N599621" s="10"/>
    </row>
    <row r="599622" spans="14:14">
      <c r="N599622" s="10"/>
    </row>
    <row r="599623" spans="14:14">
      <c r="N599623" s="10"/>
    </row>
    <row r="599624" spans="14:14">
      <c r="N599624" s="10"/>
    </row>
    <row r="599625" spans="14:14">
      <c r="N599625" s="10"/>
    </row>
    <row r="599626" spans="14:14">
      <c r="N599626" s="10"/>
    </row>
    <row r="599627" spans="14:14">
      <c r="N599627" s="10"/>
    </row>
    <row r="599628" spans="14:14">
      <c r="N599628" s="10"/>
    </row>
    <row r="599629" spans="14:14">
      <c r="N599629" s="10"/>
    </row>
    <row r="599630" spans="14:14">
      <c r="N599630" s="10"/>
    </row>
    <row r="599631" spans="14:14">
      <c r="N599631" s="10"/>
    </row>
    <row r="599632" spans="14:14">
      <c r="N599632" s="10"/>
    </row>
    <row r="599633" spans="14:14">
      <c r="N599633" s="10"/>
    </row>
    <row r="599634" spans="14:14">
      <c r="N599634" s="10"/>
    </row>
    <row r="599635" spans="14:14">
      <c r="N599635" s="10"/>
    </row>
    <row r="599636" spans="14:14">
      <c r="N599636" s="10"/>
    </row>
    <row r="599637" spans="14:14">
      <c r="N599637" s="10"/>
    </row>
    <row r="599638" spans="14:14">
      <c r="N599638" s="10"/>
    </row>
    <row r="599639" spans="14:14">
      <c r="N599639" s="10"/>
    </row>
    <row r="599640" spans="14:14">
      <c r="N599640" s="10"/>
    </row>
    <row r="599641" spans="14:14">
      <c r="N599641" s="10"/>
    </row>
    <row r="599642" spans="14:14">
      <c r="N599642" s="10"/>
    </row>
    <row r="599643" spans="14:14">
      <c r="N599643" s="10"/>
    </row>
    <row r="599644" spans="14:14">
      <c r="N599644" s="10"/>
    </row>
    <row r="599645" spans="14:14">
      <c r="N599645" s="10"/>
    </row>
    <row r="599646" spans="14:14">
      <c r="N599646" s="10"/>
    </row>
    <row r="599647" spans="14:14">
      <c r="N599647" s="10"/>
    </row>
    <row r="599648" spans="14:14">
      <c r="N599648" s="10"/>
    </row>
    <row r="599649" spans="14:14">
      <c r="N599649" s="10"/>
    </row>
    <row r="599650" spans="14:14">
      <c r="N599650" s="10"/>
    </row>
    <row r="599651" spans="14:14">
      <c r="N599651" s="10"/>
    </row>
    <row r="599652" spans="14:14">
      <c r="N599652" s="10"/>
    </row>
    <row r="599653" spans="14:14">
      <c r="N599653" s="10"/>
    </row>
    <row r="599654" spans="14:14">
      <c r="N599654" s="10"/>
    </row>
    <row r="599655" spans="14:14">
      <c r="N599655" s="10"/>
    </row>
    <row r="599656" spans="14:14">
      <c r="N599656" s="10"/>
    </row>
    <row r="599657" spans="14:14">
      <c r="N599657" s="10"/>
    </row>
    <row r="599658" spans="14:14">
      <c r="N599658" s="10"/>
    </row>
    <row r="599659" spans="14:14">
      <c r="N599659" s="10"/>
    </row>
    <row r="599660" spans="14:14">
      <c r="N599660" s="10"/>
    </row>
    <row r="599661" spans="14:14">
      <c r="N599661" s="10"/>
    </row>
    <row r="599662" spans="14:14">
      <c r="N599662" s="10"/>
    </row>
    <row r="599663" spans="14:14">
      <c r="N599663" s="10"/>
    </row>
    <row r="599664" spans="14:14">
      <c r="N599664" s="10"/>
    </row>
    <row r="599665" spans="14:14">
      <c r="N599665" s="10"/>
    </row>
    <row r="599666" spans="14:14">
      <c r="N599666" s="10"/>
    </row>
    <row r="599667" spans="14:14">
      <c r="N599667" s="10"/>
    </row>
    <row r="599668" spans="14:14">
      <c r="N599668" s="10"/>
    </row>
    <row r="599669" spans="14:14">
      <c r="N599669" s="10"/>
    </row>
    <row r="599670" spans="14:14">
      <c r="N599670" s="10"/>
    </row>
    <row r="599671" spans="14:14">
      <c r="N599671" s="10"/>
    </row>
    <row r="599672" spans="14:14">
      <c r="N599672" s="10"/>
    </row>
    <row r="599673" spans="14:14">
      <c r="N599673" s="10"/>
    </row>
    <row r="599674" spans="14:14">
      <c r="N599674" s="10"/>
    </row>
    <row r="599675" spans="14:14">
      <c r="N599675" s="10"/>
    </row>
    <row r="599676" spans="14:14">
      <c r="N599676" s="10"/>
    </row>
    <row r="599677" spans="14:14">
      <c r="N599677" s="10"/>
    </row>
    <row r="599678" spans="14:14">
      <c r="N599678" s="10"/>
    </row>
    <row r="599679" spans="14:14">
      <c r="N599679" s="10"/>
    </row>
    <row r="599680" spans="14:14">
      <c r="N599680" s="10"/>
    </row>
    <row r="599681" spans="14:14">
      <c r="N599681" s="10"/>
    </row>
    <row r="599682" spans="14:14">
      <c r="N599682" s="10"/>
    </row>
    <row r="599683" spans="14:14">
      <c r="N599683" s="10"/>
    </row>
    <row r="599684" spans="14:14">
      <c r="N599684" s="10"/>
    </row>
    <row r="599685" spans="14:14">
      <c r="N599685" s="10"/>
    </row>
    <row r="599686" spans="14:14">
      <c r="N599686" s="10"/>
    </row>
    <row r="599687" spans="14:14">
      <c r="N599687" s="10"/>
    </row>
    <row r="599688" spans="14:14">
      <c r="N599688" s="10"/>
    </row>
    <row r="599689" spans="14:14">
      <c r="N599689" s="10"/>
    </row>
    <row r="599690" spans="14:14">
      <c r="N599690" s="10"/>
    </row>
    <row r="599691" spans="14:14">
      <c r="N599691" s="10"/>
    </row>
    <row r="599692" spans="14:14">
      <c r="N599692" s="10"/>
    </row>
    <row r="599693" spans="14:14">
      <c r="N599693" s="10"/>
    </row>
    <row r="599694" spans="14:14">
      <c r="N599694" s="10"/>
    </row>
    <row r="599695" spans="14:14">
      <c r="N599695" s="10"/>
    </row>
    <row r="599696" spans="14:14">
      <c r="N599696" s="10"/>
    </row>
    <row r="599697" spans="14:14">
      <c r="N599697" s="10"/>
    </row>
    <row r="599698" spans="14:14">
      <c r="N599698" s="10"/>
    </row>
    <row r="599699" spans="14:14">
      <c r="N599699" s="10"/>
    </row>
    <row r="599700" spans="14:14">
      <c r="N599700" s="10"/>
    </row>
    <row r="599701" spans="14:14">
      <c r="N599701" s="10"/>
    </row>
    <row r="599702" spans="14:14">
      <c r="N599702" s="10"/>
    </row>
    <row r="599703" spans="14:14">
      <c r="N599703" s="10"/>
    </row>
    <row r="599704" spans="14:14">
      <c r="N599704" s="10"/>
    </row>
    <row r="599705" spans="14:14">
      <c r="N599705" s="10"/>
    </row>
    <row r="599706" spans="14:14">
      <c r="N599706" s="10"/>
    </row>
    <row r="599707" spans="14:14">
      <c r="N599707" s="10"/>
    </row>
    <row r="599708" spans="14:14">
      <c r="N599708" s="10"/>
    </row>
    <row r="599709" spans="14:14">
      <c r="N599709" s="10"/>
    </row>
    <row r="599710" spans="14:14">
      <c r="N599710" s="10"/>
    </row>
    <row r="599711" spans="14:14">
      <c r="N599711" s="10"/>
    </row>
    <row r="599712" spans="14:14">
      <c r="N599712" s="10"/>
    </row>
    <row r="599713" spans="14:14">
      <c r="N599713" s="10"/>
    </row>
    <row r="599714" spans="14:14">
      <c r="N599714" s="10"/>
    </row>
    <row r="599715" spans="14:14">
      <c r="N599715" s="10"/>
    </row>
    <row r="599716" spans="14:14">
      <c r="N599716" s="10"/>
    </row>
    <row r="599717" spans="14:14">
      <c r="N599717" s="10"/>
    </row>
    <row r="599718" spans="14:14">
      <c r="N599718" s="10"/>
    </row>
    <row r="599719" spans="14:14">
      <c r="N599719" s="10"/>
    </row>
    <row r="599720" spans="14:14">
      <c r="N599720" s="10"/>
    </row>
    <row r="599721" spans="14:14">
      <c r="N599721" s="10"/>
    </row>
    <row r="599722" spans="14:14">
      <c r="N599722" s="10"/>
    </row>
    <row r="599723" spans="14:14">
      <c r="N599723" s="10"/>
    </row>
    <row r="599724" spans="14:14">
      <c r="N599724" s="10"/>
    </row>
    <row r="599725" spans="14:14">
      <c r="N599725" s="10"/>
    </row>
    <row r="599726" spans="14:14">
      <c r="N599726" s="10"/>
    </row>
    <row r="599727" spans="14:14">
      <c r="N599727" s="10"/>
    </row>
    <row r="599728" spans="14:14">
      <c r="N599728" s="10"/>
    </row>
    <row r="599729" spans="14:14">
      <c r="N599729" s="10"/>
    </row>
    <row r="599730" spans="14:14">
      <c r="N599730" s="10"/>
    </row>
    <row r="599731" spans="14:14">
      <c r="N599731" s="10"/>
    </row>
    <row r="599732" spans="14:14">
      <c r="N599732" s="10"/>
    </row>
    <row r="599733" spans="14:14">
      <c r="N599733" s="10"/>
    </row>
    <row r="599734" spans="14:14">
      <c r="N599734" s="10"/>
    </row>
    <row r="599735" spans="14:14">
      <c r="N599735" s="10"/>
    </row>
    <row r="599736" spans="14:14">
      <c r="N599736" s="10"/>
    </row>
    <row r="599737" spans="14:14">
      <c r="N599737" s="10"/>
    </row>
    <row r="599738" spans="14:14">
      <c r="N599738" s="10"/>
    </row>
    <row r="599739" spans="14:14">
      <c r="N599739" s="10"/>
    </row>
    <row r="599740" spans="14:14">
      <c r="N599740" s="10"/>
    </row>
    <row r="599741" spans="14:14">
      <c r="N599741" s="10"/>
    </row>
    <row r="599742" spans="14:14">
      <c r="N599742" s="10"/>
    </row>
    <row r="599743" spans="14:14">
      <c r="N599743" s="10"/>
    </row>
    <row r="599744" spans="14:14">
      <c r="N599744" s="10"/>
    </row>
    <row r="599745" spans="14:14">
      <c r="N599745" s="10"/>
    </row>
    <row r="599746" spans="14:14">
      <c r="N599746" s="10"/>
    </row>
    <row r="599747" spans="14:14">
      <c r="N599747" s="10"/>
    </row>
    <row r="599748" spans="14:14">
      <c r="N599748" s="10"/>
    </row>
    <row r="599749" spans="14:14">
      <c r="N599749" s="10"/>
    </row>
    <row r="599750" spans="14:14">
      <c r="N599750" s="10"/>
    </row>
    <row r="599751" spans="14:14">
      <c r="N599751" s="10"/>
    </row>
    <row r="599752" spans="14:14">
      <c r="N599752" s="10"/>
    </row>
    <row r="599753" spans="14:14">
      <c r="N599753" s="10"/>
    </row>
    <row r="599754" spans="14:14">
      <c r="N599754" s="10"/>
    </row>
    <row r="599755" spans="14:14">
      <c r="N599755" s="10"/>
    </row>
    <row r="599756" spans="14:14">
      <c r="N599756" s="10"/>
    </row>
    <row r="599757" spans="14:14">
      <c r="N599757" s="10"/>
    </row>
    <row r="599758" spans="14:14">
      <c r="N599758" s="10"/>
    </row>
    <row r="599759" spans="14:14">
      <c r="N599759" s="10"/>
    </row>
    <row r="599760" spans="14:14">
      <c r="N599760" s="10"/>
    </row>
    <row r="599761" spans="14:14">
      <c r="N599761" s="10"/>
    </row>
    <row r="599762" spans="14:14">
      <c r="N599762" s="10"/>
    </row>
    <row r="599763" spans="14:14">
      <c r="N599763" s="10"/>
    </row>
    <row r="599764" spans="14:14">
      <c r="N599764" s="10"/>
    </row>
    <row r="599765" spans="14:14">
      <c r="N599765" s="10"/>
    </row>
    <row r="599766" spans="14:14">
      <c r="N599766" s="10"/>
    </row>
    <row r="599767" spans="14:14">
      <c r="N599767" s="10"/>
    </row>
    <row r="599768" spans="14:14">
      <c r="N599768" s="10"/>
    </row>
    <row r="599769" spans="14:14">
      <c r="N599769" s="10"/>
    </row>
    <row r="599770" spans="14:14">
      <c r="N599770" s="10"/>
    </row>
    <row r="599771" spans="14:14">
      <c r="N599771" s="10"/>
    </row>
    <row r="599772" spans="14:14">
      <c r="N599772" s="10"/>
    </row>
    <row r="599773" spans="14:14">
      <c r="N599773" s="10"/>
    </row>
    <row r="599774" spans="14:14">
      <c r="N599774" s="10"/>
    </row>
    <row r="599775" spans="14:14">
      <c r="N599775" s="10"/>
    </row>
    <row r="599776" spans="14:14">
      <c r="N599776" s="10"/>
    </row>
    <row r="599777" spans="14:14">
      <c r="N599777" s="10"/>
    </row>
    <row r="599778" spans="14:14">
      <c r="N599778" s="10"/>
    </row>
    <row r="599779" spans="14:14">
      <c r="N599779" s="10"/>
    </row>
    <row r="599780" spans="14:14">
      <c r="N599780" s="10"/>
    </row>
    <row r="599781" spans="14:14">
      <c r="N599781" s="10"/>
    </row>
    <row r="599782" spans="14:14">
      <c r="N599782" s="10"/>
    </row>
    <row r="599783" spans="14:14">
      <c r="N599783" s="10"/>
    </row>
    <row r="599784" spans="14:14">
      <c r="N599784" s="10"/>
    </row>
    <row r="599785" spans="14:14">
      <c r="N599785" s="10"/>
    </row>
    <row r="599786" spans="14:14">
      <c r="N599786" s="10"/>
    </row>
    <row r="599787" spans="14:14">
      <c r="N599787" s="10"/>
    </row>
    <row r="599788" spans="14:14">
      <c r="N599788" s="10"/>
    </row>
    <row r="599789" spans="14:14">
      <c r="N599789" s="10"/>
    </row>
    <row r="599790" spans="14:14">
      <c r="N599790" s="10"/>
    </row>
    <row r="599791" spans="14:14">
      <c r="N599791" s="10"/>
    </row>
    <row r="599792" spans="14:14">
      <c r="N599792" s="10"/>
    </row>
    <row r="599793" spans="14:14">
      <c r="N599793" s="10"/>
    </row>
    <row r="599794" spans="14:14">
      <c r="N599794" s="10"/>
    </row>
    <row r="599795" spans="14:14">
      <c r="N599795" s="10"/>
    </row>
    <row r="599796" spans="14:14">
      <c r="N599796" s="10"/>
    </row>
    <row r="599797" spans="14:14">
      <c r="N599797" s="10"/>
    </row>
    <row r="599798" spans="14:14">
      <c r="N599798" s="10"/>
    </row>
    <row r="599799" spans="14:14">
      <c r="N599799" s="10"/>
    </row>
    <row r="599800" spans="14:14">
      <c r="N599800" s="10"/>
    </row>
    <row r="599801" spans="14:14">
      <c r="N599801" s="10"/>
    </row>
    <row r="599802" spans="14:14">
      <c r="N599802" s="10"/>
    </row>
    <row r="599803" spans="14:14">
      <c r="N599803" s="10"/>
    </row>
    <row r="599804" spans="14:14">
      <c r="N599804" s="10"/>
    </row>
    <row r="599805" spans="14:14">
      <c r="N599805" s="10"/>
    </row>
    <row r="599806" spans="14:14">
      <c r="N599806" s="10"/>
    </row>
    <row r="599807" spans="14:14">
      <c r="N599807" s="10"/>
    </row>
    <row r="599808" spans="14:14">
      <c r="N599808" s="10"/>
    </row>
    <row r="599809" spans="14:14">
      <c r="N599809" s="10"/>
    </row>
    <row r="599810" spans="14:14">
      <c r="N599810" s="10"/>
    </row>
    <row r="599811" spans="14:14">
      <c r="N599811" s="10"/>
    </row>
    <row r="599812" spans="14:14">
      <c r="N599812" s="10"/>
    </row>
    <row r="599813" spans="14:14">
      <c r="N599813" s="10"/>
    </row>
    <row r="599814" spans="14:14">
      <c r="N599814" s="10"/>
    </row>
    <row r="599815" spans="14:14">
      <c r="N599815" s="10"/>
    </row>
    <row r="599816" spans="14:14">
      <c r="N599816" s="10"/>
    </row>
    <row r="599817" spans="14:14">
      <c r="N599817" s="10"/>
    </row>
    <row r="599818" spans="14:14">
      <c r="N599818" s="10"/>
    </row>
    <row r="599819" spans="14:14">
      <c r="N599819" s="10"/>
    </row>
    <row r="599820" spans="14:14">
      <c r="N599820" s="10"/>
    </row>
    <row r="599821" spans="14:14">
      <c r="N599821" s="10"/>
    </row>
    <row r="599822" spans="14:14">
      <c r="N599822" s="10"/>
    </row>
    <row r="599823" spans="14:14">
      <c r="N599823" s="10"/>
    </row>
    <row r="599824" spans="14:14">
      <c r="N599824" s="10"/>
    </row>
    <row r="599825" spans="14:14">
      <c r="N599825" s="10"/>
    </row>
    <row r="599826" spans="14:14">
      <c r="N599826" s="10"/>
    </row>
    <row r="599827" spans="14:14">
      <c r="N599827" s="10"/>
    </row>
    <row r="599828" spans="14:14">
      <c r="N599828" s="10"/>
    </row>
    <row r="599829" spans="14:14">
      <c r="N599829" s="10"/>
    </row>
    <row r="599830" spans="14:14">
      <c r="N599830" s="10"/>
    </row>
    <row r="599831" spans="14:14">
      <c r="N599831" s="10"/>
    </row>
    <row r="599832" spans="14:14">
      <c r="N599832" s="10"/>
    </row>
    <row r="599833" spans="14:14">
      <c r="N599833" s="10"/>
    </row>
    <row r="599834" spans="14:14">
      <c r="N599834" s="10"/>
    </row>
    <row r="599835" spans="14:14">
      <c r="N599835" s="10"/>
    </row>
    <row r="599836" spans="14:14">
      <c r="N599836" s="10"/>
    </row>
    <row r="599837" spans="14:14">
      <c r="N599837" s="10"/>
    </row>
    <row r="599838" spans="14:14">
      <c r="N599838" s="10"/>
    </row>
    <row r="599839" spans="14:14">
      <c r="N599839" s="10"/>
    </row>
    <row r="599840" spans="14:14">
      <c r="N599840" s="10"/>
    </row>
    <row r="599841" spans="14:14">
      <c r="N599841" s="10"/>
    </row>
    <row r="599842" spans="14:14">
      <c r="N599842" s="10"/>
    </row>
    <row r="599843" spans="14:14">
      <c r="N599843" s="10"/>
    </row>
    <row r="599844" spans="14:14">
      <c r="N599844" s="10"/>
    </row>
    <row r="599845" spans="14:14">
      <c r="N599845" s="10"/>
    </row>
    <row r="599846" spans="14:14">
      <c r="N599846" s="10"/>
    </row>
    <row r="599847" spans="14:14">
      <c r="N599847" s="10"/>
    </row>
    <row r="599848" spans="14:14">
      <c r="N599848" s="10"/>
    </row>
    <row r="599849" spans="14:14">
      <c r="N599849" s="10"/>
    </row>
    <row r="599850" spans="14:14">
      <c r="N599850" s="10"/>
    </row>
    <row r="599851" spans="14:14">
      <c r="N599851" s="10"/>
    </row>
    <row r="599852" spans="14:14">
      <c r="N599852" s="10"/>
    </row>
    <row r="599853" spans="14:14">
      <c r="N599853" s="10"/>
    </row>
    <row r="599854" spans="14:14">
      <c r="N599854" s="10"/>
    </row>
    <row r="599855" spans="14:14">
      <c r="N599855" s="10"/>
    </row>
    <row r="599856" spans="14:14">
      <c r="N599856" s="10"/>
    </row>
    <row r="599857" spans="14:14">
      <c r="N599857" s="10"/>
    </row>
    <row r="599858" spans="14:14">
      <c r="N599858" s="10"/>
    </row>
    <row r="599859" spans="14:14">
      <c r="N599859" s="10"/>
    </row>
    <row r="599860" spans="14:14">
      <c r="N599860" s="10"/>
    </row>
    <row r="599861" spans="14:14">
      <c r="N599861" s="10"/>
    </row>
    <row r="599862" spans="14:14">
      <c r="N599862" s="10"/>
    </row>
    <row r="599863" spans="14:14">
      <c r="N599863" s="10"/>
    </row>
    <row r="599864" spans="14:14">
      <c r="N599864" s="10"/>
    </row>
    <row r="599865" spans="14:14">
      <c r="N599865" s="10"/>
    </row>
    <row r="599866" spans="14:14">
      <c r="N599866" s="10"/>
    </row>
    <row r="599867" spans="14:14">
      <c r="N599867" s="10"/>
    </row>
    <row r="599868" spans="14:14">
      <c r="N599868" s="10"/>
    </row>
    <row r="599869" spans="14:14">
      <c r="N599869" s="10"/>
    </row>
    <row r="599870" spans="14:14">
      <c r="N599870" s="10"/>
    </row>
    <row r="599871" spans="14:14">
      <c r="N599871" s="10"/>
    </row>
    <row r="599872" spans="14:14">
      <c r="N599872" s="10"/>
    </row>
    <row r="599873" spans="14:14">
      <c r="N599873" s="10"/>
    </row>
    <row r="599874" spans="14:14">
      <c r="N599874" s="10"/>
    </row>
    <row r="599875" spans="14:14">
      <c r="N599875" s="10"/>
    </row>
    <row r="599876" spans="14:14">
      <c r="N599876" s="10"/>
    </row>
    <row r="599877" spans="14:14">
      <c r="N599877" s="10"/>
    </row>
    <row r="599878" spans="14:14">
      <c r="N599878" s="10"/>
    </row>
    <row r="599879" spans="14:14">
      <c r="N599879" s="10"/>
    </row>
    <row r="599880" spans="14:14">
      <c r="N599880" s="10"/>
    </row>
    <row r="599881" spans="14:14">
      <c r="N599881" s="10"/>
    </row>
    <row r="599882" spans="14:14">
      <c r="N599882" s="10"/>
    </row>
    <row r="599883" spans="14:14">
      <c r="N599883" s="10"/>
    </row>
    <row r="599884" spans="14:14">
      <c r="N599884" s="10"/>
    </row>
    <row r="599885" spans="14:14">
      <c r="N599885" s="10"/>
    </row>
    <row r="599886" spans="14:14">
      <c r="N599886" s="10"/>
    </row>
    <row r="599887" spans="14:14">
      <c r="N599887" s="10"/>
    </row>
    <row r="599888" spans="14:14">
      <c r="N599888" s="10"/>
    </row>
    <row r="599889" spans="14:14">
      <c r="N599889" s="10"/>
    </row>
    <row r="599890" spans="14:14">
      <c r="N599890" s="10"/>
    </row>
    <row r="599891" spans="14:14">
      <c r="N599891" s="10"/>
    </row>
    <row r="599892" spans="14:14">
      <c r="N599892" s="10"/>
    </row>
    <row r="599893" spans="14:14">
      <c r="N599893" s="10"/>
    </row>
    <row r="599894" spans="14:14">
      <c r="N599894" s="10"/>
    </row>
    <row r="599895" spans="14:14">
      <c r="N599895" s="10"/>
    </row>
    <row r="599896" spans="14:14">
      <c r="N599896" s="10"/>
    </row>
    <row r="599897" spans="14:14">
      <c r="N599897" s="10"/>
    </row>
    <row r="599898" spans="14:14">
      <c r="N599898" s="10"/>
    </row>
    <row r="599899" spans="14:14">
      <c r="N599899" s="10"/>
    </row>
    <row r="599900" spans="14:14">
      <c r="N599900" s="10"/>
    </row>
    <row r="599901" spans="14:14">
      <c r="N599901" s="10"/>
    </row>
    <row r="599902" spans="14:14">
      <c r="N599902" s="10"/>
    </row>
    <row r="599903" spans="14:14">
      <c r="N599903" s="10"/>
    </row>
    <row r="599904" spans="14:14">
      <c r="N599904" s="10"/>
    </row>
    <row r="599905" spans="14:14">
      <c r="N599905" s="10"/>
    </row>
    <row r="599906" spans="14:14">
      <c r="N599906" s="10"/>
    </row>
    <row r="599907" spans="14:14">
      <c r="N599907" s="10"/>
    </row>
    <row r="599908" spans="14:14">
      <c r="N599908" s="10"/>
    </row>
    <row r="599909" spans="14:14">
      <c r="N599909" s="10"/>
    </row>
    <row r="599910" spans="14:14">
      <c r="N599910" s="10"/>
    </row>
    <row r="599911" spans="14:14">
      <c r="N599911" s="10"/>
    </row>
    <row r="599912" spans="14:14">
      <c r="N599912" s="10"/>
    </row>
    <row r="599913" spans="14:14">
      <c r="N599913" s="10"/>
    </row>
    <row r="599914" spans="14:14">
      <c r="N599914" s="10"/>
    </row>
    <row r="599915" spans="14:14">
      <c r="N599915" s="10"/>
    </row>
    <row r="599916" spans="14:14">
      <c r="N599916" s="10"/>
    </row>
    <row r="599917" spans="14:14">
      <c r="N599917" s="10"/>
    </row>
    <row r="599918" spans="14:14">
      <c r="N599918" s="10"/>
    </row>
    <row r="599919" spans="14:14">
      <c r="N599919" s="10"/>
    </row>
    <row r="599920" spans="14:14">
      <c r="N599920" s="10"/>
    </row>
    <row r="599921" spans="14:14">
      <c r="N599921" s="10"/>
    </row>
    <row r="599922" spans="14:14">
      <c r="N599922" s="10"/>
    </row>
    <row r="599923" spans="14:14">
      <c r="N599923" s="10"/>
    </row>
    <row r="599924" spans="14:14">
      <c r="N599924" s="10"/>
    </row>
    <row r="599925" spans="14:14">
      <c r="N599925" s="10"/>
    </row>
    <row r="599926" spans="14:14">
      <c r="N599926" s="10"/>
    </row>
    <row r="599927" spans="14:14">
      <c r="N599927" s="10"/>
    </row>
    <row r="599928" spans="14:14">
      <c r="N599928" s="10"/>
    </row>
    <row r="599929" spans="14:14">
      <c r="N599929" s="10"/>
    </row>
    <row r="599930" spans="14:14">
      <c r="N599930" s="10"/>
    </row>
    <row r="599931" spans="14:14">
      <c r="N599931" s="10"/>
    </row>
    <row r="599932" spans="14:14">
      <c r="N599932" s="10"/>
    </row>
    <row r="599933" spans="14:14">
      <c r="N599933" s="10"/>
    </row>
    <row r="599934" spans="14:14">
      <c r="N599934" s="10"/>
    </row>
    <row r="599935" spans="14:14">
      <c r="N599935" s="10"/>
    </row>
    <row r="599936" spans="14:14">
      <c r="N599936" s="10"/>
    </row>
    <row r="599937" spans="14:14">
      <c r="N599937" s="10"/>
    </row>
    <row r="599938" spans="14:14">
      <c r="N599938" s="10"/>
    </row>
    <row r="599939" spans="14:14">
      <c r="N599939" s="10"/>
    </row>
    <row r="599940" spans="14:14">
      <c r="N599940" s="10"/>
    </row>
    <row r="599941" spans="14:14">
      <c r="N599941" s="10"/>
    </row>
    <row r="599942" spans="14:14">
      <c r="N599942" s="10"/>
    </row>
    <row r="599943" spans="14:14">
      <c r="N599943" s="10"/>
    </row>
    <row r="599944" spans="14:14">
      <c r="N599944" s="10"/>
    </row>
    <row r="599945" spans="14:14">
      <c r="N599945" s="10"/>
    </row>
    <row r="599946" spans="14:14">
      <c r="N599946" s="10"/>
    </row>
    <row r="599947" spans="14:14">
      <c r="N599947" s="10"/>
    </row>
    <row r="599948" spans="14:14">
      <c r="N599948" s="10"/>
    </row>
    <row r="599949" spans="14:14">
      <c r="N599949" s="10"/>
    </row>
    <row r="599950" spans="14:14">
      <c r="N599950" s="10"/>
    </row>
    <row r="599951" spans="14:14">
      <c r="N599951" s="10"/>
    </row>
    <row r="599952" spans="14:14">
      <c r="N599952" s="10"/>
    </row>
    <row r="599953" spans="14:14">
      <c r="N599953" s="10"/>
    </row>
    <row r="599954" spans="14:14">
      <c r="N599954" s="10"/>
    </row>
    <row r="599955" spans="14:14">
      <c r="N599955" s="10"/>
    </row>
    <row r="599956" spans="14:14">
      <c r="N599956" s="10"/>
    </row>
    <row r="599957" spans="14:14">
      <c r="N599957" s="10"/>
    </row>
    <row r="599958" spans="14:14">
      <c r="N599958" s="10"/>
    </row>
    <row r="599959" spans="14:14">
      <c r="N599959" s="10"/>
    </row>
    <row r="599960" spans="14:14">
      <c r="N599960" s="10"/>
    </row>
    <row r="599961" spans="14:14">
      <c r="N599961" s="10"/>
    </row>
    <row r="599962" spans="14:14">
      <c r="N599962" s="10"/>
    </row>
    <row r="599963" spans="14:14">
      <c r="N599963" s="10"/>
    </row>
    <row r="599964" spans="14:14">
      <c r="N599964" s="10"/>
    </row>
    <row r="599965" spans="14:14">
      <c r="N599965" s="10"/>
    </row>
    <row r="599966" spans="14:14">
      <c r="N599966" s="10"/>
    </row>
    <row r="599967" spans="14:14">
      <c r="N599967" s="10"/>
    </row>
    <row r="599968" spans="14:14">
      <c r="N599968" s="10"/>
    </row>
    <row r="599969" spans="14:14">
      <c r="N599969" s="10"/>
    </row>
    <row r="599970" spans="14:14">
      <c r="N599970" s="10"/>
    </row>
    <row r="599971" spans="14:14">
      <c r="N599971" s="10"/>
    </row>
    <row r="599972" spans="14:14">
      <c r="N599972" s="10"/>
    </row>
    <row r="599973" spans="14:14">
      <c r="N599973" s="10"/>
    </row>
    <row r="599974" spans="14:14">
      <c r="N599974" s="10"/>
    </row>
    <row r="599975" spans="14:14">
      <c r="N599975" s="10"/>
    </row>
    <row r="599976" spans="14:14">
      <c r="N599976" s="10"/>
    </row>
    <row r="599977" spans="14:14">
      <c r="N599977" s="10"/>
    </row>
    <row r="599978" spans="14:14">
      <c r="N599978" s="10"/>
    </row>
    <row r="599979" spans="14:14">
      <c r="N599979" s="10"/>
    </row>
    <row r="599980" spans="14:14">
      <c r="N599980" s="10"/>
    </row>
    <row r="599981" spans="14:14">
      <c r="N599981" s="10"/>
    </row>
    <row r="599982" spans="14:14">
      <c r="N599982" s="10"/>
    </row>
    <row r="599983" spans="14:14">
      <c r="N599983" s="10"/>
    </row>
    <row r="599984" spans="14:14">
      <c r="N599984" s="10"/>
    </row>
    <row r="599985" spans="14:14">
      <c r="N599985" s="10"/>
    </row>
    <row r="599986" spans="14:14">
      <c r="N599986" s="10"/>
    </row>
    <row r="599987" spans="14:14">
      <c r="N599987" s="10"/>
    </row>
    <row r="599988" spans="14:14">
      <c r="N599988" s="10"/>
    </row>
    <row r="599989" spans="14:14">
      <c r="N599989" s="10"/>
    </row>
    <row r="599990" spans="14:14">
      <c r="N599990" s="10"/>
    </row>
    <row r="599991" spans="14:14">
      <c r="N599991" s="10"/>
    </row>
    <row r="599992" spans="14:14">
      <c r="N599992" s="10"/>
    </row>
    <row r="599993" spans="14:14">
      <c r="N599993" s="10"/>
    </row>
    <row r="599994" spans="14:14">
      <c r="N599994" s="10"/>
    </row>
    <row r="599995" spans="14:14">
      <c r="N599995" s="10"/>
    </row>
    <row r="599996" spans="14:14">
      <c r="N599996" s="10"/>
    </row>
    <row r="599997" spans="14:14">
      <c r="N599997" s="10"/>
    </row>
    <row r="599998" spans="14:14">
      <c r="N599998" s="10"/>
    </row>
    <row r="599999" spans="14:14">
      <c r="N599999" s="10"/>
    </row>
    <row r="600000" spans="14:14">
      <c r="N600000" s="10"/>
    </row>
    <row r="600001" spans="14:14">
      <c r="N600001" s="10"/>
    </row>
    <row r="600002" spans="14:14">
      <c r="N600002" s="10"/>
    </row>
    <row r="600003" spans="14:14">
      <c r="N600003" s="10"/>
    </row>
    <row r="600004" spans="14:14">
      <c r="N600004" s="10"/>
    </row>
    <row r="600005" spans="14:14">
      <c r="N600005" s="10"/>
    </row>
    <row r="600006" spans="14:14">
      <c r="N600006" s="10"/>
    </row>
    <row r="600007" spans="14:14">
      <c r="N600007" s="10"/>
    </row>
    <row r="600008" spans="14:14">
      <c r="N600008" s="10"/>
    </row>
    <row r="600009" spans="14:14">
      <c r="N600009" s="10"/>
    </row>
    <row r="600010" spans="14:14">
      <c r="N600010" s="10"/>
    </row>
    <row r="600011" spans="14:14">
      <c r="N600011" s="10"/>
    </row>
    <row r="600012" spans="14:14">
      <c r="N600012" s="10"/>
    </row>
    <row r="600013" spans="14:14">
      <c r="N600013" s="10"/>
    </row>
    <row r="600014" spans="14:14">
      <c r="N600014" s="10"/>
    </row>
    <row r="600015" spans="14:14">
      <c r="N600015" s="10"/>
    </row>
    <row r="600016" spans="14:14">
      <c r="N600016" s="10"/>
    </row>
    <row r="600017" spans="14:14">
      <c r="N600017" s="10"/>
    </row>
    <row r="600018" spans="14:14">
      <c r="N600018" s="10"/>
    </row>
    <row r="600019" spans="14:14">
      <c r="N600019" s="10"/>
    </row>
    <row r="600020" spans="14:14">
      <c r="N600020" s="10"/>
    </row>
    <row r="600021" spans="14:14">
      <c r="N600021" s="10"/>
    </row>
    <row r="600022" spans="14:14">
      <c r="N600022" s="10"/>
    </row>
    <row r="600023" spans="14:14">
      <c r="N600023" s="10"/>
    </row>
    <row r="600024" spans="14:14">
      <c r="N600024" s="10"/>
    </row>
    <row r="600025" spans="14:14">
      <c r="N600025" s="10"/>
    </row>
    <row r="600026" spans="14:14">
      <c r="N600026" s="10"/>
    </row>
    <row r="600027" spans="14:14">
      <c r="N600027" s="10"/>
    </row>
    <row r="600028" spans="14:14">
      <c r="N600028" s="10"/>
    </row>
    <row r="600029" spans="14:14">
      <c r="N600029" s="10"/>
    </row>
    <row r="600030" spans="14:14">
      <c r="N600030" s="10"/>
    </row>
    <row r="600031" spans="14:14">
      <c r="N600031" s="10"/>
    </row>
    <row r="600032" spans="14:14">
      <c r="N600032" s="10"/>
    </row>
    <row r="600033" spans="14:14">
      <c r="N600033" s="10"/>
    </row>
    <row r="600034" spans="14:14">
      <c r="N600034" s="10"/>
    </row>
    <row r="600035" spans="14:14">
      <c r="N600035" s="10"/>
    </row>
    <row r="600036" spans="14:14">
      <c r="N600036" s="10"/>
    </row>
    <row r="600037" spans="14:14">
      <c r="N600037" s="10"/>
    </row>
    <row r="600038" spans="14:14">
      <c r="N600038" s="10"/>
    </row>
    <row r="600039" spans="14:14">
      <c r="N600039" s="10"/>
    </row>
    <row r="600040" spans="14:14">
      <c r="N600040" s="10"/>
    </row>
    <row r="600041" spans="14:14">
      <c r="N600041" s="10"/>
    </row>
    <row r="600042" spans="14:14">
      <c r="N600042" s="10"/>
    </row>
    <row r="600043" spans="14:14">
      <c r="N600043" s="10"/>
    </row>
    <row r="600044" spans="14:14">
      <c r="N600044" s="10"/>
    </row>
    <row r="600045" spans="14:14">
      <c r="N600045" s="10"/>
    </row>
    <row r="600046" spans="14:14">
      <c r="N600046" s="10"/>
    </row>
    <row r="600047" spans="14:14">
      <c r="N600047" s="10"/>
    </row>
    <row r="600048" spans="14:14">
      <c r="N600048" s="10"/>
    </row>
    <row r="600049" spans="14:14">
      <c r="N600049" s="10"/>
    </row>
    <row r="600050" spans="14:14">
      <c r="N600050" s="10"/>
    </row>
    <row r="600051" spans="14:14">
      <c r="N600051" s="10"/>
    </row>
    <row r="600052" spans="14:14">
      <c r="N600052" s="10"/>
    </row>
    <row r="600053" spans="14:14">
      <c r="N600053" s="10"/>
    </row>
    <row r="600054" spans="14:14">
      <c r="N600054" s="10"/>
    </row>
    <row r="600055" spans="14:14">
      <c r="N600055" s="10"/>
    </row>
    <row r="600056" spans="14:14">
      <c r="N600056" s="10"/>
    </row>
    <row r="600057" spans="14:14">
      <c r="N600057" s="10"/>
    </row>
    <row r="600058" spans="14:14">
      <c r="N600058" s="10"/>
    </row>
    <row r="600059" spans="14:14">
      <c r="N600059" s="10"/>
    </row>
    <row r="600060" spans="14:14">
      <c r="N600060" s="10"/>
    </row>
    <row r="600061" spans="14:14">
      <c r="N600061" s="10"/>
    </row>
    <row r="600062" spans="14:14">
      <c r="N600062" s="10"/>
    </row>
    <row r="600063" spans="14:14">
      <c r="N600063" s="10"/>
    </row>
    <row r="600064" spans="14:14">
      <c r="N600064" s="10"/>
    </row>
    <row r="600065" spans="14:14">
      <c r="N600065" s="10"/>
    </row>
    <row r="600066" spans="14:14">
      <c r="N600066" s="10"/>
    </row>
    <row r="600067" spans="14:14">
      <c r="N600067" s="10"/>
    </row>
    <row r="600068" spans="14:14">
      <c r="N600068" s="10"/>
    </row>
    <row r="600069" spans="14:14">
      <c r="N600069" s="10"/>
    </row>
    <row r="600070" spans="14:14">
      <c r="N600070" s="10"/>
    </row>
    <row r="600071" spans="14:14">
      <c r="N600071" s="10"/>
    </row>
    <row r="600072" spans="14:14">
      <c r="N600072" s="10"/>
    </row>
    <row r="600073" spans="14:14">
      <c r="N600073" s="10"/>
    </row>
    <row r="600074" spans="14:14">
      <c r="N600074" s="10"/>
    </row>
    <row r="600075" spans="14:14">
      <c r="N600075" s="10"/>
    </row>
    <row r="600076" spans="14:14">
      <c r="N600076" s="10"/>
    </row>
    <row r="600077" spans="14:14">
      <c r="N600077" s="10"/>
    </row>
    <row r="600078" spans="14:14">
      <c r="N600078" s="10"/>
    </row>
    <row r="600079" spans="14:14">
      <c r="N600079" s="10"/>
    </row>
    <row r="600080" spans="14:14">
      <c r="N600080" s="10"/>
    </row>
    <row r="600081" spans="14:14">
      <c r="N600081" s="10"/>
    </row>
    <row r="600082" spans="14:14">
      <c r="N600082" s="10"/>
    </row>
    <row r="600083" spans="14:14">
      <c r="N600083" s="10"/>
    </row>
    <row r="600084" spans="14:14">
      <c r="N600084" s="10"/>
    </row>
    <row r="600085" spans="14:14">
      <c r="N600085" s="10"/>
    </row>
    <row r="600086" spans="14:14">
      <c r="N600086" s="10"/>
    </row>
    <row r="600087" spans="14:14">
      <c r="N600087" s="10"/>
    </row>
    <row r="600088" spans="14:14">
      <c r="N600088" s="10"/>
    </row>
    <row r="600089" spans="14:14">
      <c r="N600089" s="10"/>
    </row>
    <row r="600090" spans="14:14">
      <c r="N600090" s="10"/>
    </row>
    <row r="600091" spans="14:14">
      <c r="N600091" s="10"/>
    </row>
    <row r="600092" spans="14:14">
      <c r="N600092" s="10"/>
    </row>
    <row r="600093" spans="14:14">
      <c r="N600093" s="10"/>
    </row>
    <row r="600094" spans="14:14">
      <c r="N600094" s="10"/>
    </row>
    <row r="600095" spans="14:14">
      <c r="N600095" s="10"/>
    </row>
    <row r="600096" spans="14:14">
      <c r="N600096" s="10"/>
    </row>
    <row r="600097" spans="14:14">
      <c r="N600097" s="10"/>
    </row>
    <row r="600098" spans="14:14">
      <c r="N600098" s="10"/>
    </row>
    <row r="600099" spans="14:14">
      <c r="N600099" s="10"/>
    </row>
    <row r="600100" spans="14:14">
      <c r="N600100" s="10"/>
    </row>
    <row r="600101" spans="14:14">
      <c r="N600101" s="10"/>
    </row>
    <row r="600102" spans="14:14">
      <c r="N600102" s="10"/>
    </row>
    <row r="600103" spans="14:14">
      <c r="N600103" s="10"/>
    </row>
    <row r="600104" spans="14:14">
      <c r="N600104" s="10"/>
    </row>
    <row r="600105" spans="14:14">
      <c r="N600105" s="10"/>
    </row>
    <row r="600106" spans="14:14">
      <c r="N600106" s="10"/>
    </row>
    <row r="600107" spans="14:14">
      <c r="N600107" s="10"/>
    </row>
    <row r="600108" spans="14:14">
      <c r="N600108" s="10"/>
    </row>
    <row r="600109" spans="14:14">
      <c r="N600109" s="10"/>
    </row>
    <row r="600110" spans="14:14">
      <c r="N600110" s="10"/>
    </row>
    <row r="600111" spans="14:14">
      <c r="N600111" s="10"/>
    </row>
    <row r="600112" spans="14:14">
      <c r="N600112" s="10"/>
    </row>
    <row r="600113" spans="14:14">
      <c r="N600113" s="10"/>
    </row>
    <row r="600114" spans="14:14">
      <c r="N600114" s="10"/>
    </row>
    <row r="600115" spans="14:14">
      <c r="N600115" s="10"/>
    </row>
    <row r="600116" spans="14:14">
      <c r="N600116" s="10"/>
    </row>
    <row r="600117" spans="14:14">
      <c r="N600117" s="10"/>
    </row>
    <row r="600118" spans="14:14">
      <c r="N600118" s="10"/>
    </row>
    <row r="600119" spans="14:14">
      <c r="N600119" s="10"/>
    </row>
    <row r="600120" spans="14:14">
      <c r="N600120" s="10"/>
    </row>
    <row r="600121" spans="14:14">
      <c r="N600121" s="10"/>
    </row>
    <row r="600122" spans="14:14">
      <c r="N600122" s="10"/>
    </row>
    <row r="600123" spans="14:14">
      <c r="N600123" s="10"/>
    </row>
    <row r="600124" spans="14:14">
      <c r="N600124" s="10"/>
    </row>
    <row r="600125" spans="14:14">
      <c r="N600125" s="10"/>
    </row>
    <row r="600126" spans="14:14">
      <c r="N600126" s="10"/>
    </row>
    <row r="600127" spans="14:14">
      <c r="N600127" s="10"/>
    </row>
    <row r="600128" spans="14:14">
      <c r="N600128" s="10"/>
    </row>
    <row r="600129" spans="14:14">
      <c r="N600129" s="10"/>
    </row>
    <row r="600130" spans="14:14">
      <c r="N600130" s="10"/>
    </row>
    <row r="600131" spans="14:14">
      <c r="N600131" s="10"/>
    </row>
    <row r="600132" spans="14:14">
      <c r="N600132" s="10"/>
    </row>
    <row r="600133" spans="14:14">
      <c r="N600133" s="10"/>
    </row>
    <row r="600134" spans="14:14">
      <c r="N600134" s="10"/>
    </row>
    <row r="600135" spans="14:14">
      <c r="N600135" s="10"/>
    </row>
    <row r="600136" spans="14:14">
      <c r="N600136" s="10"/>
    </row>
    <row r="600137" spans="14:14">
      <c r="N600137" s="10"/>
    </row>
    <row r="600138" spans="14:14">
      <c r="N600138" s="10"/>
    </row>
    <row r="600139" spans="14:14">
      <c r="N600139" s="10"/>
    </row>
    <row r="600140" spans="14:14">
      <c r="N600140" s="10"/>
    </row>
    <row r="600141" spans="14:14">
      <c r="N600141" s="10"/>
    </row>
    <row r="600142" spans="14:14">
      <c r="N600142" s="10"/>
    </row>
    <row r="600143" spans="14:14">
      <c r="N600143" s="10"/>
    </row>
    <row r="600144" spans="14:14">
      <c r="N600144" s="10"/>
    </row>
    <row r="600145" spans="14:14">
      <c r="N600145" s="10"/>
    </row>
    <row r="600146" spans="14:14">
      <c r="N600146" s="10"/>
    </row>
    <row r="600147" spans="14:14">
      <c r="N600147" s="10"/>
    </row>
    <row r="600148" spans="14:14">
      <c r="N600148" s="10"/>
    </row>
    <row r="600149" spans="14:14">
      <c r="N600149" s="10"/>
    </row>
    <row r="600150" spans="14:14">
      <c r="N600150" s="10"/>
    </row>
    <row r="600151" spans="14:14">
      <c r="N600151" s="10"/>
    </row>
    <row r="600152" spans="14:14">
      <c r="N600152" s="10"/>
    </row>
    <row r="600153" spans="14:14">
      <c r="N600153" s="10"/>
    </row>
    <row r="600154" spans="14:14">
      <c r="N600154" s="10"/>
    </row>
    <row r="600155" spans="14:14">
      <c r="N600155" s="10"/>
    </row>
    <row r="600156" spans="14:14">
      <c r="N600156" s="10"/>
    </row>
    <row r="600157" spans="14:14">
      <c r="N600157" s="10"/>
    </row>
    <row r="600158" spans="14:14">
      <c r="N600158" s="10"/>
    </row>
    <row r="600159" spans="14:14">
      <c r="N600159" s="10"/>
    </row>
    <row r="600160" spans="14:14">
      <c r="N600160" s="10"/>
    </row>
    <row r="600161" spans="14:14">
      <c r="N600161" s="10"/>
    </row>
    <row r="600162" spans="14:14">
      <c r="N600162" s="10"/>
    </row>
    <row r="600163" spans="14:14">
      <c r="N600163" s="10"/>
    </row>
    <row r="600164" spans="14:14">
      <c r="N600164" s="10"/>
    </row>
    <row r="600165" spans="14:14">
      <c r="N600165" s="10"/>
    </row>
    <row r="600166" spans="14:14">
      <c r="N600166" s="10"/>
    </row>
    <row r="600167" spans="14:14">
      <c r="N600167" s="10"/>
    </row>
    <row r="600168" spans="14:14">
      <c r="N600168" s="10"/>
    </row>
    <row r="600169" spans="14:14">
      <c r="N600169" s="10"/>
    </row>
    <row r="600170" spans="14:14">
      <c r="N600170" s="10"/>
    </row>
    <row r="600171" spans="14:14">
      <c r="N600171" s="10"/>
    </row>
    <row r="600172" spans="14:14">
      <c r="N600172" s="10"/>
    </row>
    <row r="600173" spans="14:14">
      <c r="N600173" s="10"/>
    </row>
    <row r="600174" spans="14:14">
      <c r="N600174" s="10"/>
    </row>
    <row r="600175" spans="14:14">
      <c r="N600175" s="10"/>
    </row>
    <row r="600176" spans="14:14">
      <c r="N600176" s="10"/>
    </row>
    <row r="600177" spans="14:14">
      <c r="N600177" s="10"/>
    </row>
    <row r="600178" spans="14:14">
      <c r="N600178" s="10"/>
    </row>
    <row r="600179" spans="14:14">
      <c r="N600179" s="10"/>
    </row>
    <row r="600180" spans="14:14">
      <c r="N600180" s="10"/>
    </row>
    <row r="600181" spans="14:14">
      <c r="N600181" s="10"/>
    </row>
    <row r="600182" spans="14:14">
      <c r="N600182" s="10"/>
    </row>
    <row r="600183" spans="14:14">
      <c r="N600183" s="10"/>
    </row>
    <row r="600184" spans="14:14">
      <c r="N600184" s="10"/>
    </row>
    <row r="600185" spans="14:14">
      <c r="N600185" s="10"/>
    </row>
    <row r="600186" spans="14:14">
      <c r="N600186" s="10"/>
    </row>
    <row r="600187" spans="14:14">
      <c r="N600187" s="10"/>
    </row>
    <row r="600188" spans="14:14">
      <c r="N600188" s="10"/>
    </row>
    <row r="600189" spans="14:14">
      <c r="N600189" s="10"/>
    </row>
    <row r="600190" spans="14:14">
      <c r="N600190" s="10"/>
    </row>
    <row r="600191" spans="14:14">
      <c r="N600191" s="10"/>
    </row>
    <row r="600192" spans="14:14">
      <c r="N600192" s="10"/>
    </row>
    <row r="600193" spans="14:14">
      <c r="N600193" s="10"/>
    </row>
    <row r="600194" spans="14:14">
      <c r="N600194" s="10"/>
    </row>
    <row r="600195" spans="14:14">
      <c r="N600195" s="10"/>
    </row>
    <row r="600196" spans="14:14">
      <c r="N600196" s="10"/>
    </row>
    <row r="600197" spans="14:14">
      <c r="N600197" s="10"/>
    </row>
    <row r="600198" spans="14:14">
      <c r="N600198" s="10"/>
    </row>
    <row r="600199" spans="14:14">
      <c r="N600199" s="10"/>
    </row>
    <row r="600200" spans="14:14">
      <c r="N600200" s="10"/>
    </row>
    <row r="600201" spans="14:14">
      <c r="N600201" s="10"/>
    </row>
    <row r="600202" spans="14:14">
      <c r="N600202" s="10"/>
    </row>
    <row r="600203" spans="14:14">
      <c r="N600203" s="10"/>
    </row>
    <row r="600204" spans="14:14">
      <c r="N600204" s="10"/>
    </row>
    <row r="600205" spans="14:14">
      <c r="N600205" s="10"/>
    </row>
    <row r="600206" spans="14:14">
      <c r="N600206" s="10"/>
    </row>
    <row r="600207" spans="14:14">
      <c r="N600207" s="10"/>
    </row>
    <row r="600208" spans="14:14">
      <c r="N600208" s="10"/>
    </row>
    <row r="600209" spans="14:14">
      <c r="N600209" s="10"/>
    </row>
    <row r="600210" spans="14:14">
      <c r="N600210" s="10"/>
    </row>
    <row r="600211" spans="14:14">
      <c r="N600211" s="10"/>
    </row>
    <row r="600212" spans="14:14">
      <c r="N600212" s="10"/>
    </row>
    <row r="600213" spans="14:14">
      <c r="N600213" s="10"/>
    </row>
    <row r="600214" spans="14:14">
      <c r="N600214" s="10"/>
    </row>
    <row r="600215" spans="14:14">
      <c r="N600215" s="10"/>
    </row>
    <row r="600216" spans="14:14">
      <c r="N600216" s="10"/>
    </row>
    <row r="600217" spans="14:14">
      <c r="N600217" s="10"/>
    </row>
    <row r="600218" spans="14:14">
      <c r="N600218" s="10"/>
    </row>
    <row r="600219" spans="14:14">
      <c r="N600219" s="10"/>
    </row>
    <row r="600220" spans="14:14">
      <c r="N600220" s="10"/>
    </row>
    <row r="600221" spans="14:14">
      <c r="N600221" s="10"/>
    </row>
    <row r="600222" spans="14:14">
      <c r="N600222" s="10"/>
    </row>
    <row r="600223" spans="14:14">
      <c r="N600223" s="10"/>
    </row>
    <row r="600224" spans="14:14">
      <c r="N600224" s="10"/>
    </row>
    <row r="600225" spans="14:14">
      <c r="N600225" s="10"/>
    </row>
    <row r="600226" spans="14:14">
      <c r="N600226" s="10"/>
    </row>
    <row r="600227" spans="14:14">
      <c r="N600227" s="10"/>
    </row>
    <row r="600228" spans="14:14">
      <c r="N600228" s="10"/>
    </row>
    <row r="600229" spans="14:14">
      <c r="N600229" s="10"/>
    </row>
    <row r="600230" spans="14:14">
      <c r="N600230" s="10"/>
    </row>
    <row r="600231" spans="14:14">
      <c r="N600231" s="10"/>
    </row>
    <row r="600232" spans="14:14">
      <c r="N600232" s="10"/>
    </row>
    <row r="600233" spans="14:14">
      <c r="N600233" s="10"/>
    </row>
    <row r="600234" spans="14:14">
      <c r="N600234" s="10"/>
    </row>
    <row r="600235" spans="14:14">
      <c r="N600235" s="10"/>
    </row>
    <row r="600236" spans="14:14">
      <c r="N600236" s="10"/>
    </row>
    <row r="600237" spans="14:14">
      <c r="N600237" s="10"/>
    </row>
    <row r="600238" spans="14:14">
      <c r="N600238" s="10"/>
    </row>
    <row r="600239" spans="14:14">
      <c r="N600239" s="10"/>
    </row>
    <row r="600240" spans="14:14">
      <c r="N600240" s="10"/>
    </row>
    <row r="600241" spans="14:14">
      <c r="N600241" s="10"/>
    </row>
    <row r="600242" spans="14:14">
      <c r="N600242" s="10"/>
    </row>
    <row r="600243" spans="14:14">
      <c r="N600243" s="10"/>
    </row>
    <row r="600244" spans="14:14">
      <c r="N600244" s="10"/>
    </row>
    <row r="600245" spans="14:14">
      <c r="N600245" s="10"/>
    </row>
    <row r="600246" spans="14:14">
      <c r="N600246" s="10"/>
    </row>
    <row r="600247" spans="14:14">
      <c r="N600247" s="10"/>
    </row>
    <row r="600248" spans="14:14">
      <c r="N600248" s="10"/>
    </row>
    <row r="600249" spans="14:14">
      <c r="N600249" s="10"/>
    </row>
    <row r="600250" spans="14:14">
      <c r="N600250" s="10"/>
    </row>
    <row r="600251" spans="14:14">
      <c r="N600251" s="10"/>
    </row>
    <row r="600252" spans="14:14">
      <c r="N600252" s="10"/>
    </row>
    <row r="600253" spans="14:14">
      <c r="N600253" s="10"/>
    </row>
    <row r="600254" spans="14:14">
      <c r="N600254" s="10"/>
    </row>
    <row r="600255" spans="14:14">
      <c r="N600255" s="10"/>
    </row>
    <row r="600256" spans="14:14">
      <c r="N600256" s="10"/>
    </row>
    <row r="600257" spans="14:14">
      <c r="N600257" s="10"/>
    </row>
    <row r="600258" spans="14:14">
      <c r="N600258" s="10"/>
    </row>
    <row r="600259" spans="14:14">
      <c r="N600259" s="10"/>
    </row>
    <row r="600260" spans="14:14">
      <c r="N600260" s="10"/>
    </row>
    <row r="600261" spans="14:14">
      <c r="N600261" s="10"/>
    </row>
    <row r="600262" spans="14:14">
      <c r="N600262" s="10"/>
    </row>
    <row r="600263" spans="14:14">
      <c r="N600263" s="10"/>
    </row>
    <row r="600264" spans="14:14">
      <c r="N600264" s="10"/>
    </row>
    <row r="600265" spans="14:14">
      <c r="N600265" s="10"/>
    </row>
    <row r="600266" spans="14:14">
      <c r="N600266" s="10"/>
    </row>
    <row r="600267" spans="14:14">
      <c r="N600267" s="10"/>
    </row>
    <row r="600268" spans="14:14">
      <c r="N600268" s="10"/>
    </row>
    <row r="600269" spans="14:14">
      <c r="N600269" s="10"/>
    </row>
    <row r="600270" spans="14:14">
      <c r="N600270" s="10"/>
    </row>
    <row r="600271" spans="14:14">
      <c r="N600271" s="10"/>
    </row>
    <row r="600272" spans="14:14">
      <c r="N600272" s="10"/>
    </row>
    <row r="600273" spans="14:14">
      <c r="N600273" s="10"/>
    </row>
    <row r="600274" spans="14:14">
      <c r="N600274" s="10"/>
    </row>
    <row r="600275" spans="14:14">
      <c r="N600275" s="10"/>
    </row>
    <row r="600276" spans="14:14">
      <c r="N600276" s="10"/>
    </row>
    <row r="600277" spans="14:14">
      <c r="N600277" s="10"/>
    </row>
    <row r="600278" spans="14:14">
      <c r="N600278" s="10"/>
    </row>
    <row r="600279" spans="14:14">
      <c r="N600279" s="10"/>
    </row>
    <row r="600280" spans="14:14">
      <c r="N600280" s="10"/>
    </row>
    <row r="600281" spans="14:14">
      <c r="N600281" s="10"/>
    </row>
    <row r="600282" spans="14:14">
      <c r="N600282" s="10"/>
    </row>
    <row r="600283" spans="14:14">
      <c r="N600283" s="10"/>
    </row>
    <row r="600284" spans="14:14">
      <c r="N600284" s="10"/>
    </row>
    <row r="600285" spans="14:14">
      <c r="N600285" s="10"/>
    </row>
    <row r="600286" spans="14:14">
      <c r="N600286" s="10"/>
    </row>
    <row r="600287" spans="14:14">
      <c r="N600287" s="10"/>
    </row>
    <row r="600288" spans="14:14">
      <c r="N600288" s="10"/>
    </row>
    <row r="600289" spans="14:14">
      <c r="N600289" s="10"/>
    </row>
    <row r="600290" spans="14:14">
      <c r="N600290" s="10"/>
    </row>
    <row r="600291" spans="14:14">
      <c r="N600291" s="10"/>
    </row>
    <row r="600292" spans="14:14">
      <c r="N600292" s="10"/>
    </row>
    <row r="600293" spans="14:14">
      <c r="N600293" s="10"/>
    </row>
    <row r="600294" spans="14:14">
      <c r="N600294" s="10"/>
    </row>
    <row r="600295" spans="14:14">
      <c r="N600295" s="10"/>
    </row>
    <row r="600296" spans="14:14">
      <c r="N600296" s="10"/>
    </row>
    <row r="600297" spans="14:14">
      <c r="N600297" s="10"/>
    </row>
    <row r="600298" spans="14:14">
      <c r="N600298" s="10"/>
    </row>
    <row r="600299" spans="14:14">
      <c r="N600299" s="10"/>
    </row>
    <row r="600300" spans="14:14">
      <c r="N600300" s="10"/>
    </row>
    <row r="600301" spans="14:14">
      <c r="N600301" s="10"/>
    </row>
    <row r="600302" spans="14:14">
      <c r="N600302" s="10"/>
    </row>
    <row r="600303" spans="14:14">
      <c r="N600303" s="10"/>
    </row>
    <row r="600304" spans="14:14">
      <c r="N600304" s="10"/>
    </row>
    <row r="600305" spans="14:14">
      <c r="N600305" s="10"/>
    </row>
    <row r="600306" spans="14:14">
      <c r="N600306" s="10"/>
    </row>
    <row r="600307" spans="14:14">
      <c r="N600307" s="10"/>
    </row>
    <row r="600308" spans="14:14">
      <c r="N600308" s="10"/>
    </row>
    <row r="600309" spans="14:14">
      <c r="N600309" s="10"/>
    </row>
    <row r="600310" spans="14:14">
      <c r="N600310" s="10"/>
    </row>
    <row r="600311" spans="14:14">
      <c r="N600311" s="10"/>
    </row>
    <row r="600312" spans="14:14">
      <c r="N600312" s="10"/>
    </row>
    <row r="600313" spans="14:14">
      <c r="N600313" s="10"/>
    </row>
    <row r="600314" spans="14:14">
      <c r="N600314" s="10"/>
    </row>
    <row r="600315" spans="14:14">
      <c r="N600315" s="10"/>
    </row>
    <row r="600316" spans="14:14">
      <c r="N600316" s="10"/>
    </row>
    <row r="600317" spans="14:14">
      <c r="N600317" s="10"/>
    </row>
    <row r="600318" spans="14:14">
      <c r="N600318" s="10"/>
    </row>
    <row r="600319" spans="14:14">
      <c r="N600319" s="10"/>
    </row>
    <row r="600320" spans="14:14">
      <c r="N600320" s="10"/>
    </row>
    <row r="600321" spans="14:14">
      <c r="N600321" s="10"/>
    </row>
    <row r="600322" spans="14:14">
      <c r="N600322" s="10"/>
    </row>
    <row r="600323" spans="14:14">
      <c r="N600323" s="10"/>
    </row>
    <row r="600324" spans="14:14">
      <c r="N600324" s="10"/>
    </row>
    <row r="600325" spans="14:14">
      <c r="N600325" s="10"/>
    </row>
    <row r="600326" spans="14:14">
      <c r="N600326" s="10"/>
    </row>
    <row r="600327" spans="14:14">
      <c r="N600327" s="10"/>
    </row>
    <row r="600328" spans="14:14">
      <c r="N600328" s="10"/>
    </row>
    <row r="600329" spans="14:14">
      <c r="N600329" s="10"/>
    </row>
    <row r="600330" spans="14:14">
      <c r="N600330" s="10"/>
    </row>
    <row r="600331" spans="14:14">
      <c r="N600331" s="10"/>
    </row>
    <row r="600332" spans="14:14">
      <c r="N600332" s="10"/>
    </row>
    <row r="600333" spans="14:14">
      <c r="N600333" s="10"/>
    </row>
    <row r="600334" spans="14:14">
      <c r="N600334" s="10"/>
    </row>
    <row r="600335" spans="14:14">
      <c r="N600335" s="10"/>
    </row>
    <row r="600336" spans="14:14">
      <c r="N600336" s="10"/>
    </row>
    <row r="600337" spans="14:14">
      <c r="N600337" s="10"/>
    </row>
    <row r="600338" spans="14:14">
      <c r="N600338" s="10"/>
    </row>
    <row r="600339" spans="14:14">
      <c r="N600339" s="10"/>
    </row>
    <row r="600340" spans="14:14">
      <c r="N600340" s="10"/>
    </row>
    <row r="600341" spans="14:14">
      <c r="N600341" s="10"/>
    </row>
    <row r="600342" spans="14:14">
      <c r="N600342" s="10"/>
    </row>
    <row r="600343" spans="14:14">
      <c r="N600343" s="10"/>
    </row>
    <row r="600344" spans="14:14">
      <c r="N600344" s="10"/>
    </row>
    <row r="600345" spans="14:14">
      <c r="N600345" s="10"/>
    </row>
    <row r="600346" spans="14:14">
      <c r="N600346" s="10"/>
    </row>
    <row r="600347" spans="14:14">
      <c r="N600347" s="10"/>
    </row>
    <row r="600348" spans="14:14">
      <c r="N600348" s="10"/>
    </row>
    <row r="600349" spans="14:14">
      <c r="N600349" s="10"/>
    </row>
    <row r="600350" spans="14:14">
      <c r="N600350" s="10"/>
    </row>
    <row r="600351" spans="14:14">
      <c r="N600351" s="10"/>
    </row>
    <row r="600352" spans="14:14">
      <c r="N600352" s="10"/>
    </row>
    <row r="600353" spans="14:14">
      <c r="N600353" s="10"/>
    </row>
    <row r="600354" spans="14:14">
      <c r="N600354" s="10"/>
    </row>
    <row r="600355" spans="14:14">
      <c r="N600355" s="10"/>
    </row>
    <row r="600356" spans="14:14">
      <c r="N600356" s="10"/>
    </row>
    <row r="600357" spans="14:14">
      <c r="N600357" s="10"/>
    </row>
    <row r="600358" spans="14:14">
      <c r="N600358" s="10"/>
    </row>
    <row r="600359" spans="14:14">
      <c r="N600359" s="10"/>
    </row>
    <row r="600360" spans="14:14">
      <c r="N600360" s="10"/>
    </row>
    <row r="600361" spans="14:14">
      <c r="N600361" s="10"/>
    </row>
    <row r="600362" spans="14:14">
      <c r="N600362" s="10"/>
    </row>
    <row r="600363" spans="14:14">
      <c r="N600363" s="10"/>
    </row>
    <row r="600364" spans="14:14">
      <c r="N600364" s="10"/>
    </row>
    <row r="600365" spans="14:14">
      <c r="N600365" s="10"/>
    </row>
    <row r="600366" spans="14:14">
      <c r="N600366" s="10"/>
    </row>
    <row r="600367" spans="14:14">
      <c r="N600367" s="10"/>
    </row>
    <row r="600368" spans="14:14">
      <c r="N600368" s="10"/>
    </row>
    <row r="600369" spans="14:14">
      <c r="N600369" s="10"/>
    </row>
    <row r="600370" spans="14:14">
      <c r="N600370" s="10"/>
    </row>
    <row r="600371" spans="14:14">
      <c r="N600371" s="10"/>
    </row>
    <row r="600372" spans="14:14">
      <c r="N600372" s="10"/>
    </row>
    <row r="600373" spans="14:14">
      <c r="N600373" s="10"/>
    </row>
    <row r="600374" spans="14:14">
      <c r="N600374" s="10"/>
    </row>
    <row r="600375" spans="14:14">
      <c r="N600375" s="10"/>
    </row>
    <row r="600376" spans="14:14">
      <c r="N600376" s="10"/>
    </row>
    <row r="600377" spans="14:14">
      <c r="N600377" s="10"/>
    </row>
    <row r="600378" spans="14:14">
      <c r="N600378" s="10"/>
    </row>
    <row r="600379" spans="14:14">
      <c r="N600379" s="10"/>
    </row>
    <row r="600380" spans="14:14">
      <c r="N600380" s="10"/>
    </row>
    <row r="600381" spans="14:14">
      <c r="N600381" s="10"/>
    </row>
    <row r="600382" spans="14:14">
      <c r="N600382" s="10"/>
    </row>
    <row r="600383" spans="14:14">
      <c r="N600383" s="10"/>
    </row>
    <row r="600384" spans="14:14">
      <c r="N600384" s="10"/>
    </row>
    <row r="600385" spans="14:14">
      <c r="N600385" s="10"/>
    </row>
    <row r="600386" spans="14:14">
      <c r="N600386" s="10"/>
    </row>
    <row r="600387" spans="14:14">
      <c r="N600387" s="10"/>
    </row>
    <row r="600388" spans="14:14">
      <c r="N600388" s="10"/>
    </row>
    <row r="600389" spans="14:14">
      <c r="N600389" s="10"/>
    </row>
    <row r="600390" spans="14:14">
      <c r="N600390" s="10"/>
    </row>
    <row r="600391" spans="14:14">
      <c r="N600391" s="10"/>
    </row>
    <row r="600392" spans="14:14">
      <c r="N600392" s="10"/>
    </row>
    <row r="600393" spans="14:14">
      <c r="N600393" s="10"/>
    </row>
    <row r="600394" spans="14:14">
      <c r="N600394" s="10"/>
    </row>
    <row r="600395" spans="14:14">
      <c r="N600395" s="10"/>
    </row>
    <row r="600396" spans="14:14">
      <c r="N600396" s="10"/>
    </row>
    <row r="600397" spans="14:14">
      <c r="N600397" s="10"/>
    </row>
    <row r="600398" spans="14:14">
      <c r="N600398" s="10"/>
    </row>
    <row r="600399" spans="14:14">
      <c r="N600399" s="10"/>
    </row>
    <row r="600400" spans="14:14">
      <c r="N600400" s="10"/>
    </row>
    <row r="600401" spans="14:14">
      <c r="N600401" s="10"/>
    </row>
    <row r="600402" spans="14:14">
      <c r="N600402" s="10"/>
    </row>
    <row r="600403" spans="14:14">
      <c r="N600403" s="10"/>
    </row>
    <row r="600404" spans="14:14">
      <c r="N600404" s="10"/>
    </row>
    <row r="600405" spans="14:14">
      <c r="N600405" s="10"/>
    </row>
    <row r="600406" spans="14:14">
      <c r="N600406" s="10"/>
    </row>
    <row r="600407" spans="14:14">
      <c r="N600407" s="10"/>
    </row>
    <row r="600408" spans="14:14">
      <c r="N600408" s="10"/>
    </row>
    <row r="600409" spans="14:14">
      <c r="N600409" s="10"/>
    </row>
    <row r="600410" spans="14:14">
      <c r="N600410" s="10"/>
    </row>
    <row r="600411" spans="14:14">
      <c r="N600411" s="10"/>
    </row>
    <row r="600412" spans="14:14">
      <c r="N600412" s="10"/>
    </row>
    <row r="600413" spans="14:14">
      <c r="N600413" s="10"/>
    </row>
    <row r="600414" spans="14:14">
      <c r="N600414" s="10"/>
    </row>
    <row r="600415" spans="14:14">
      <c r="N600415" s="10"/>
    </row>
    <row r="600416" spans="14:14">
      <c r="N600416" s="10"/>
    </row>
    <row r="600417" spans="14:14">
      <c r="N600417" s="10"/>
    </row>
    <row r="600418" spans="14:14">
      <c r="N600418" s="10"/>
    </row>
    <row r="600419" spans="14:14">
      <c r="N600419" s="10"/>
    </row>
    <row r="600420" spans="14:14">
      <c r="N600420" s="10"/>
    </row>
    <row r="600421" spans="14:14">
      <c r="N600421" s="10"/>
    </row>
    <row r="600422" spans="14:14">
      <c r="N600422" s="10"/>
    </row>
    <row r="600423" spans="14:14">
      <c r="N600423" s="10"/>
    </row>
    <row r="600424" spans="14:14">
      <c r="N600424" s="10"/>
    </row>
    <row r="600425" spans="14:14">
      <c r="N600425" s="10"/>
    </row>
    <row r="600426" spans="14:14">
      <c r="N600426" s="10"/>
    </row>
    <row r="600427" spans="14:14">
      <c r="N600427" s="10"/>
    </row>
    <row r="600428" spans="14:14">
      <c r="N600428" s="10"/>
    </row>
    <row r="600429" spans="14:14">
      <c r="N600429" s="10"/>
    </row>
    <row r="600430" spans="14:14">
      <c r="N600430" s="10"/>
    </row>
    <row r="600431" spans="14:14">
      <c r="N600431" s="10"/>
    </row>
    <row r="600432" spans="14:14">
      <c r="N600432" s="10"/>
    </row>
    <row r="600433" spans="14:14">
      <c r="N600433" s="10"/>
    </row>
    <row r="600434" spans="14:14">
      <c r="N600434" s="10"/>
    </row>
    <row r="600435" spans="14:14">
      <c r="N600435" s="10"/>
    </row>
    <row r="600436" spans="14:14">
      <c r="N600436" s="10"/>
    </row>
    <row r="600437" spans="14:14">
      <c r="N600437" s="10"/>
    </row>
    <row r="600438" spans="14:14">
      <c r="N600438" s="10"/>
    </row>
    <row r="600439" spans="14:14">
      <c r="N600439" s="10"/>
    </row>
    <row r="600440" spans="14:14">
      <c r="N600440" s="10"/>
    </row>
    <row r="600441" spans="14:14">
      <c r="N600441" s="10"/>
    </row>
    <row r="600442" spans="14:14">
      <c r="N600442" s="10"/>
    </row>
    <row r="600443" spans="14:14">
      <c r="N600443" s="10"/>
    </row>
    <row r="600444" spans="14:14">
      <c r="N600444" s="10"/>
    </row>
    <row r="600445" spans="14:14">
      <c r="N600445" s="10"/>
    </row>
    <row r="600446" spans="14:14">
      <c r="N600446" s="10"/>
    </row>
    <row r="600447" spans="14:14">
      <c r="N600447" s="10"/>
    </row>
    <row r="600448" spans="14:14">
      <c r="N600448" s="10"/>
    </row>
    <row r="600449" spans="14:14">
      <c r="N600449" s="10"/>
    </row>
    <row r="600450" spans="14:14">
      <c r="N600450" s="10"/>
    </row>
    <row r="600451" spans="14:14">
      <c r="N600451" s="10"/>
    </row>
    <row r="600452" spans="14:14">
      <c r="N600452" s="10"/>
    </row>
    <row r="600453" spans="14:14">
      <c r="N600453" s="10"/>
    </row>
    <row r="600454" spans="14:14">
      <c r="N600454" s="10"/>
    </row>
    <row r="600455" spans="14:14">
      <c r="N600455" s="10"/>
    </row>
    <row r="600456" spans="14:14">
      <c r="N600456" s="10"/>
    </row>
    <row r="600457" spans="14:14">
      <c r="N600457" s="10"/>
    </row>
    <row r="600458" spans="14:14">
      <c r="N600458" s="10"/>
    </row>
    <row r="600459" spans="14:14">
      <c r="N600459" s="10"/>
    </row>
    <row r="600460" spans="14:14">
      <c r="N600460" s="10"/>
    </row>
    <row r="600461" spans="14:14">
      <c r="N600461" s="10"/>
    </row>
    <row r="600462" spans="14:14">
      <c r="N600462" s="10"/>
    </row>
    <row r="600463" spans="14:14">
      <c r="N600463" s="10"/>
    </row>
    <row r="600464" spans="14:14">
      <c r="N600464" s="10"/>
    </row>
    <row r="600465" spans="14:14">
      <c r="N600465" s="10"/>
    </row>
    <row r="600466" spans="14:14">
      <c r="N600466" s="10"/>
    </row>
    <row r="600467" spans="14:14">
      <c r="N600467" s="10"/>
    </row>
    <row r="600468" spans="14:14">
      <c r="N600468" s="10"/>
    </row>
    <row r="600469" spans="14:14">
      <c r="N600469" s="10"/>
    </row>
    <row r="600470" spans="14:14">
      <c r="N600470" s="10"/>
    </row>
    <row r="600471" spans="14:14">
      <c r="N600471" s="10"/>
    </row>
    <row r="600472" spans="14:14">
      <c r="N600472" s="10"/>
    </row>
    <row r="600473" spans="14:14">
      <c r="N600473" s="10"/>
    </row>
    <row r="600474" spans="14:14">
      <c r="N600474" s="10"/>
    </row>
    <row r="600475" spans="14:14">
      <c r="N600475" s="10"/>
    </row>
    <row r="600476" spans="14:14">
      <c r="N600476" s="10"/>
    </row>
    <row r="600477" spans="14:14">
      <c r="N600477" s="10"/>
    </row>
    <row r="600478" spans="14:14">
      <c r="N600478" s="10"/>
    </row>
    <row r="600479" spans="14:14">
      <c r="N600479" s="10"/>
    </row>
    <row r="600480" spans="14:14">
      <c r="N600480" s="10"/>
    </row>
    <row r="600481" spans="14:14">
      <c r="N600481" s="10"/>
    </row>
    <row r="600482" spans="14:14">
      <c r="N600482" s="10"/>
    </row>
    <row r="600483" spans="14:14">
      <c r="N600483" s="10"/>
    </row>
    <row r="600484" spans="14:14">
      <c r="N600484" s="10"/>
    </row>
    <row r="600485" spans="14:14">
      <c r="N600485" s="10"/>
    </row>
    <row r="600486" spans="14:14">
      <c r="N600486" s="10"/>
    </row>
    <row r="600487" spans="14:14">
      <c r="N600487" s="10"/>
    </row>
    <row r="600488" spans="14:14">
      <c r="N600488" s="10"/>
    </row>
    <row r="600489" spans="14:14">
      <c r="N600489" s="10"/>
    </row>
    <row r="600490" spans="14:14">
      <c r="N600490" s="10"/>
    </row>
    <row r="600491" spans="14:14">
      <c r="N600491" s="10"/>
    </row>
    <row r="600492" spans="14:14">
      <c r="N600492" s="10"/>
    </row>
    <row r="600493" spans="14:14">
      <c r="N600493" s="10"/>
    </row>
    <row r="600494" spans="14:14">
      <c r="N600494" s="10"/>
    </row>
    <row r="600495" spans="14:14">
      <c r="N600495" s="10"/>
    </row>
    <row r="600496" spans="14:14">
      <c r="N600496" s="10"/>
    </row>
    <row r="600497" spans="14:14">
      <c r="N600497" s="10"/>
    </row>
    <row r="600498" spans="14:14">
      <c r="N600498" s="10"/>
    </row>
    <row r="600499" spans="14:14">
      <c r="N600499" s="10"/>
    </row>
    <row r="600500" spans="14:14">
      <c r="N600500" s="10"/>
    </row>
    <row r="600501" spans="14:14">
      <c r="N600501" s="10"/>
    </row>
    <row r="600502" spans="14:14">
      <c r="N600502" s="10"/>
    </row>
    <row r="600503" spans="14:14">
      <c r="N600503" s="10"/>
    </row>
    <row r="600504" spans="14:14">
      <c r="N600504" s="10"/>
    </row>
    <row r="600505" spans="14:14">
      <c r="N600505" s="10"/>
    </row>
    <row r="600506" spans="14:14">
      <c r="N600506" s="10"/>
    </row>
    <row r="600507" spans="14:14">
      <c r="N600507" s="10"/>
    </row>
    <row r="600508" spans="14:14">
      <c r="N600508" s="10"/>
    </row>
    <row r="600509" spans="14:14">
      <c r="N600509" s="10"/>
    </row>
    <row r="600510" spans="14:14">
      <c r="N600510" s="10"/>
    </row>
    <row r="600511" spans="14:14">
      <c r="N600511" s="10"/>
    </row>
    <row r="600512" spans="14:14">
      <c r="N600512" s="10"/>
    </row>
    <row r="600513" spans="14:14">
      <c r="N600513" s="10"/>
    </row>
    <row r="600514" spans="14:14">
      <c r="N600514" s="10"/>
    </row>
    <row r="600515" spans="14:14">
      <c r="N600515" s="10"/>
    </row>
    <row r="600516" spans="14:14">
      <c r="N600516" s="10"/>
    </row>
    <row r="600517" spans="14:14">
      <c r="N600517" s="10"/>
    </row>
    <row r="600518" spans="14:14">
      <c r="N600518" s="10"/>
    </row>
    <row r="600519" spans="14:14">
      <c r="N600519" s="10"/>
    </row>
    <row r="600520" spans="14:14">
      <c r="N600520" s="10"/>
    </row>
    <row r="600521" spans="14:14">
      <c r="N600521" s="10"/>
    </row>
    <row r="600522" spans="14:14">
      <c r="N600522" s="10"/>
    </row>
    <row r="600523" spans="14:14">
      <c r="N600523" s="10"/>
    </row>
    <row r="600524" spans="14:14">
      <c r="N600524" s="10"/>
    </row>
    <row r="600525" spans="14:14">
      <c r="N600525" s="10"/>
    </row>
    <row r="600526" spans="14:14">
      <c r="N600526" s="10"/>
    </row>
    <row r="600527" spans="14:14">
      <c r="N600527" s="10"/>
    </row>
    <row r="600528" spans="14:14">
      <c r="N600528" s="10"/>
    </row>
    <row r="600529" spans="14:14">
      <c r="N600529" s="10"/>
    </row>
    <row r="600530" spans="14:14">
      <c r="N600530" s="10"/>
    </row>
    <row r="600531" spans="14:14">
      <c r="N600531" s="10"/>
    </row>
    <row r="600532" spans="14:14">
      <c r="N600532" s="10"/>
    </row>
    <row r="600533" spans="14:14">
      <c r="N600533" s="10"/>
    </row>
    <row r="600534" spans="14:14">
      <c r="N600534" s="10"/>
    </row>
    <row r="600535" spans="14:14">
      <c r="N600535" s="10"/>
    </row>
    <row r="600536" spans="14:14">
      <c r="N600536" s="10"/>
    </row>
    <row r="600537" spans="14:14">
      <c r="N600537" s="10"/>
    </row>
    <row r="600538" spans="14:14">
      <c r="N600538" s="10"/>
    </row>
    <row r="600539" spans="14:14">
      <c r="N600539" s="10"/>
    </row>
    <row r="600540" spans="14:14">
      <c r="N600540" s="10"/>
    </row>
    <row r="600541" spans="14:14">
      <c r="N600541" s="10"/>
    </row>
    <row r="600542" spans="14:14">
      <c r="N600542" s="10"/>
    </row>
    <row r="600543" spans="14:14">
      <c r="N600543" s="10"/>
    </row>
    <row r="600544" spans="14:14">
      <c r="N600544" s="10"/>
    </row>
    <row r="600545" spans="14:14">
      <c r="N600545" s="10"/>
    </row>
    <row r="600546" spans="14:14">
      <c r="N600546" s="10"/>
    </row>
    <row r="600547" spans="14:14">
      <c r="N600547" s="10"/>
    </row>
    <row r="600548" spans="14:14">
      <c r="N600548" s="10"/>
    </row>
    <row r="600549" spans="14:14">
      <c r="N600549" s="10"/>
    </row>
    <row r="600550" spans="14:14">
      <c r="N600550" s="10"/>
    </row>
    <row r="600551" spans="14:14">
      <c r="N600551" s="10"/>
    </row>
    <row r="600552" spans="14:14">
      <c r="N600552" s="10"/>
    </row>
    <row r="600553" spans="14:14">
      <c r="N600553" s="10"/>
    </row>
    <row r="600554" spans="14:14">
      <c r="N600554" s="10"/>
    </row>
    <row r="600555" spans="14:14">
      <c r="N600555" s="10"/>
    </row>
    <row r="600556" spans="14:14">
      <c r="N600556" s="10"/>
    </row>
    <row r="600557" spans="14:14">
      <c r="N600557" s="10"/>
    </row>
    <row r="600558" spans="14:14">
      <c r="N600558" s="10"/>
    </row>
    <row r="600559" spans="14:14">
      <c r="N600559" s="10"/>
    </row>
    <row r="600560" spans="14:14">
      <c r="N600560" s="10"/>
    </row>
    <row r="600561" spans="14:14">
      <c r="N600561" s="10"/>
    </row>
    <row r="600562" spans="14:14">
      <c r="N600562" s="10"/>
    </row>
    <row r="600563" spans="14:14">
      <c r="N600563" s="10"/>
    </row>
    <row r="600564" spans="14:14">
      <c r="N600564" s="10"/>
    </row>
    <row r="600565" spans="14:14">
      <c r="N600565" s="10"/>
    </row>
    <row r="600566" spans="14:14">
      <c r="N600566" s="10"/>
    </row>
    <row r="600567" spans="14:14">
      <c r="N600567" s="10"/>
    </row>
    <row r="600568" spans="14:14">
      <c r="N600568" s="10"/>
    </row>
    <row r="600569" spans="14:14">
      <c r="N600569" s="10"/>
    </row>
    <row r="600570" spans="14:14">
      <c r="N600570" s="10"/>
    </row>
    <row r="600571" spans="14:14">
      <c r="N600571" s="10"/>
    </row>
    <row r="600572" spans="14:14">
      <c r="N600572" s="10"/>
    </row>
    <row r="600573" spans="14:14">
      <c r="N600573" s="10"/>
    </row>
    <row r="600574" spans="14:14">
      <c r="N600574" s="10"/>
    </row>
    <row r="600575" spans="14:14">
      <c r="N600575" s="10"/>
    </row>
    <row r="600576" spans="14:14">
      <c r="N600576" s="10"/>
    </row>
    <row r="600577" spans="14:14">
      <c r="N600577" s="10"/>
    </row>
    <row r="600578" spans="14:14">
      <c r="N600578" s="10"/>
    </row>
    <row r="600579" spans="14:14">
      <c r="N600579" s="10"/>
    </row>
    <row r="600580" spans="14:14">
      <c r="N600580" s="10"/>
    </row>
    <row r="600581" spans="14:14">
      <c r="N600581" s="10"/>
    </row>
    <row r="600582" spans="14:14">
      <c r="N600582" s="10"/>
    </row>
    <row r="600583" spans="14:14">
      <c r="N600583" s="10"/>
    </row>
    <row r="600584" spans="14:14">
      <c r="N600584" s="10"/>
    </row>
    <row r="600585" spans="14:14">
      <c r="N600585" s="10"/>
    </row>
    <row r="600586" spans="14:14">
      <c r="N600586" s="10"/>
    </row>
    <row r="600587" spans="14:14">
      <c r="N600587" s="10"/>
    </row>
    <row r="600588" spans="14:14">
      <c r="N600588" s="10"/>
    </row>
    <row r="600589" spans="14:14">
      <c r="N600589" s="10"/>
    </row>
    <row r="600590" spans="14:14">
      <c r="N600590" s="10"/>
    </row>
    <row r="600591" spans="14:14">
      <c r="N600591" s="10"/>
    </row>
    <row r="600592" spans="14:14">
      <c r="N600592" s="10"/>
    </row>
    <row r="600593" spans="14:14">
      <c r="N600593" s="10"/>
    </row>
    <row r="600594" spans="14:14">
      <c r="N600594" s="10"/>
    </row>
    <row r="600595" spans="14:14">
      <c r="N600595" s="10"/>
    </row>
    <row r="600596" spans="14:14">
      <c r="N600596" s="10"/>
    </row>
    <row r="600597" spans="14:14">
      <c r="N600597" s="10"/>
    </row>
    <row r="600598" spans="14:14">
      <c r="N600598" s="10"/>
    </row>
    <row r="600599" spans="14:14">
      <c r="N600599" s="10"/>
    </row>
    <row r="600600" spans="14:14">
      <c r="N600600" s="10"/>
    </row>
    <row r="600601" spans="14:14">
      <c r="N600601" s="10"/>
    </row>
    <row r="600602" spans="14:14">
      <c r="N600602" s="10"/>
    </row>
    <row r="600603" spans="14:14">
      <c r="N600603" s="10"/>
    </row>
    <row r="600604" spans="14:14">
      <c r="N600604" s="10"/>
    </row>
    <row r="600605" spans="14:14">
      <c r="N600605" s="10"/>
    </row>
    <row r="600606" spans="14:14">
      <c r="N600606" s="10"/>
    </row>
    <row r="600607" spans="14:14">
      <c r="N600607" s="10"/>
    </row>
    <row r="600608" spans="14:14">
      <c r="N600608" s="10"/>
    </row>
    <row r="600609" spans="14:14">
      <c r="N600609" s="10"/>
    </row>
    <row r="600610" spans="14:14">
      <c r="N600610" s="10"/>
    </row>
    <row r="600611" spans="14:14">
      <c r="N600611" s="10"/>
    </row>
    <row r="600612" spans="14:14">
      <c r="N600612" s="10"/>
    </row>
    <row r="600613" spans="14:14">
      <c r="N600613" s="10"/>
    </row>
    <row r="600614" spans="14:14">
      <c r="N600614" s="10"/>
    </row>
    <row r="600615" spans="14:14">
      <c r="N600615" s="10"/>
    </row>
    <row r="600616" spans="14:14">
      <c r="N600616" s="10"/>
    </row>
    <row r="600617" spans="14:14">
      <c r="N600617" s="10"/>
    </row>
    <row r="600618" spans="14:14">
      <c r="N600618" s="10"/>
    </row>
    <row r="600619" spans="14:14">
      <c r="N600619" s="10"/>
    </row>
    <row r="600620" spans="14:14">
      <c r="N600620" s="10"/>
    </row>
    <row r="600621" spans="14:14">
      <c r="N600621" s="10"/>
    </row>
    <row r="600622" spans="14:14">
      <c r="N600622" s="10"/>
    </row>
    <row r="600623" spans="14:14">
      <c r="N600623" s="10"/>
    </row>
    <row r="600624" spans="14:14">
      <c r="N600624" s="10"/>
    </row>
    <row r="600625" spans="14:14">
      <c r="N600625" s="10"/>
    </row>
    <row r="600626" spans="14:14">
      <c r="N600626" s="10"/>
    </row>
    <row r="600627" spans="14:14">
      <c r="N600627" s="10"/>
    </row>
    <row r="600628" spans="14:14">
      <c r="N600628" s="10"/>
    </row>
    <row r="600629" spans="14:14">
      <c r="N600629" s="10"/>
    </row>
    <row r="600630" spans="14:14">
      <c r="N600630" s="10"/>
    </row>
    <row r="600631" spans="14:14">
      <c r="N600631" s="10"/>
    </row>
    <row r="600632" spans="14:14">
      <c r="N600632" s="10"/>
    </row>
    <row r="600633" spans="14:14">
      <c r="N600633" s="10"/>
    </row>
    <row r="600634" spans="14:14">
      <c r="N600634" s="10"/>
    </row>
    <row r="600635" spans="14:14">
      <c r="N600635" s="10"/>
    </row>
    <row r="600636" spans="14:14">
      <c r="N600636" s="10"/>
    </row>
    <row r="600637" spans="14:14">
      <c r="N600637" s="10"/>
    </row>
    <row r="600638" spans="14:14">
      <c r="N600638" s="10"/>
    </row>
    <row r="600639" spans="14:14">
      <c r="N600639" s="10"/>
    </row>
    <row r="600640" spans="14:14">
      <c r="N600640" s="10"/>
    </row>
    <row r="600641" spans="14:14">
      <c r="N600641" s="10"/>
    </row>
    <row r="600642" spans="14:14">
      <c r="N600642" s="10"/>
    </row>
    <row r="600643" spans="14:14">
      <c r="N600643" s="10"/>
    </row>
    <row r="600644" spans="14:14">
      <c r="N600644" s="10"/>
    </row>
    <row r="600645" spans="14:14">
      <c r="N600645" s="10"/>
    </row>
    <row r="600646" spans="14:14">
      <c r="N600646" s="10"/>
    </row>
    <row r="600647" spans="14:14">
      <c r="N600647" s="10"/>
    </row>
    <row r="600648" spans="14:14">
      <c r="N600648" s="10"/>
    </row>
    <row r="600649" spans="14:14">
      <c r="N600649" s="10"/>
    </row>
    <row r="600650" spans="14:14">
      <c r="N600650" s="10"/>
    </row>
    <row r="600651" spans="14:14">
      <c r="N600651" s="10"/>
    </row>
    <row r="600652" spans="14:14">
      <c r="N600652" s="10"/>
    </row>
    <row r="600653" spans="14:14">
      <c r="N600653" s="10"/>
    </row>
    <row r="600654" spans="14:14">
      <c r="N600654" s="10"/>
    </row>
    <row r="600655" spans="14:14">
      <c r="N600655" s="10"/>
    </row>
    <row r="600656" spans="14:14">
      <c r="N600656" s="10"/>
    </row>
    <row r="600657" spans="14:14">
      <c r="N600657" s="10"/>
    </row>
    <row r="600658" spans="14:14">
      <c r="N600658" s="10"/>
    </row>
    <row r="600659" spans="14:14">
      <c r="N600659" s="10"/>
    </row>
    <row r="600660" spans="14:14">
      <c r="N600660" s="10"/>
    </row>
    <row r="600661" spans="14:14">
      <c r="N600661" s="10"/>
    </row>
    <row r="600662" spans="14:14">
      <c r="N600662" s="10"/>
    </row>
    <row r="600663" spans="14:14">
      <c r="N600663" s="10"/>
    </row>
    <row r="600664" spans="14:14">
      <c r="N600664" s="10"/>
    </row>
    <row r="600665" spans="14:14">
      <c r="N600665" s="10"/>
    </row>
    <row r="600666" spans="14:14">
      <c r="N600666" s="10"/>
    </row>
    <row r="600667" spans="14:14">
      <c r="N600667" s="10"/>
    </row>
    <row r="600668" spans="14:14">
      <c r="N600668" s="10"/>
    </row>
    <row r="600669" spans="14:14">
      <c r="N600669" s="10"/>
    </row>
    <row r="600670" spans="14:14">
      <c r="N600670" s="10"/>
    </row>
    <row r="600671" spans="14:14">
      <c r="N600671" s="10"/>
    </row>
    <row r="600672" spans="14:14">
      <c r="N600672" s="10"/>
    </row>
    <row r="600673" spans="14:14">
      <c r="N600673" s="10"/>
    </row>
    <row r="600674" spans="14:14">
      <c r="N600674" s="10"/>
    </row>
    <row r="600675" spans="14:14">
      <c r="N600675" s="10"/>
    </row>
    <row r="600676" spans="14:14">
      <c r="N600676" s="10"/>
    </row>
    <row r="600677" spans="14:14">
      <c r="N600677" s="10"/>
    </row>
    <row r="600678" spans="14:14">
      <c r="N600678" s="10"/>
    </row>
    <row r="600679" spans="14:14">
      <c r="N600679" s="10"/>
    </row>
    <row r="600680" spans="14:14">
      <c r="N600680" s="10"/>
    </row>
    <row r="600681" spans="14:14">
      <c r="N600681" s="10"/>
    </row>
    <row r="600682" spans="14:14">
      <c r="N600682" s="10"/>
    </row>
    <row r="600683" spans="14:14">
      <c r="N600683" s="10"/>
    </row>
    <row r="600684" spans="14:14">
      <c r="N600684" s="10"/>
    </row>
    <row r="600685" spans="14:14">
      <c r="N600685" s="10"/>
    </row>
    <row r="600686" spans="14:14">
      <c r="N600686" s="10"/>
    </row>
    <row r="600687" spans="14:14">
      <c r="N600687" s="10"/>
    </row>
    <row r="600688" spans="14:14">
      <c r="N600688" s="10"/>
    </row>
    <row r="600689" spans="14:14">
      <c r="N600689" s="10"/>
    </row>
    <row r="600690" spans="14:14">
      <c r="N600690" s="10"/>
    </row>
    <row r="600691" spans="14:14">
      <c r="N600691" s="10"/>
    </row>
    <row r="600692" spans="14:14">
      <c r="N600692" s="10"/>
    </row>
    <row r="600693" spans="14:14">
      <c r="N600693" s="10"/>
    </row>
    <row r="600694" spans="14:14">
      <c r="N600694" s="10"/>
    </row>
    <row r="600695" spans="14:14">
      <c r="N600695" s="10"/>
    </row>
    <row r="600696" spans="14:14">
      <c r="N600696" s="10"/>
    </row>
    <row r="600697" spans="14:14">
      <c r="N600697" s="10"/>
    </row>
    <row r="600698" spans="14:14">
      <c r="N600698" s="10"/>
    </row>
    <row r="600699" spans="14:14">
      <c r="N600699" s="10"/>
    </row>
    <row r="600700" spans="14:14">
      <c r="N600700" s="10"/>
    </row>
    <row r="600701" spans="14:14">
      <c r="N600701" s="10"/>
    </row>
    <row r="600702" spans="14:14">
      <c r="N600702" s="10"/>
    </row>
    <row r="600703" spans="14:14">
      <c r="N600703" s="10"/>
    </row>
    <row r="600704" spans="14:14">
      <c r="N600704" s="10"/>
    </row>
    <row r="600705" spans="14:14">
      <c r="N600705" s="10"/>
    </row>
    <row r="600706" spans="14:14">
      <c r="N600706" s="10"/>
    </row>
    <row r="600707" spans="14:14">
      <c r="N600707" s="10"/>
    </row>
    <row r="600708" spans="14:14">
      <c r="N600708" s="10"/>
    </row>
    <row r="600709" spans="14:14">
      <c r="N600709" s="10"/>
    </row>
    <row r="600710" spans="14:14">
      <c r="N600710" s="10"/>
    </row>
    <row r="600711" spans="14:14">
      <c r="N600711" s="10"/>
    </row>
    <row r="600712" spans="14:14">
      <c r="N600712" s="10"/>
    </row>
    <row r="600713" spans="14:14">
      <c r="N600713" s="10"/>
    </row>
    <row r="600714" spans="14:14">
      <c r="N600714" s="10"/>
    </row>
    <row r="600715" spans="14:14">
      <c r="N600715" s="10"/>
    </row>
    <row r="600716" spans="14:14">
      <c r="N600716" s="10"/>
    </row>
    <row r="600717" spans="14:14">
      <c r="N600717" s="10"/>
    </row>
    <row r="600718" spans="14:14">
      <c r="N600718" s="10"/>
    </row>
    <row r="600719" spans="14:14">
      <c r="N600719" s="10"/>
    </row>
    <row r="600720" spans="14:14">
      <c r="N600720" s="10"/>
    </row>
    <row r="600721" spans="14:14">
      <c r="N600721" s="10"/>
    </row>
    <row r="600722" spans="14:14">
      <c r="N600722" s="10"/>
    </row>
    <row r="600723" spans="14:14">
      <c r="N600723" s="10"/>
    </row>
    <row r="600724" spans="14:14">
      <c r="N600724" s="10"/>
    </row>
    <row r="600725" spans="14:14">
      <c r="N600725" s="10"/>
    </row>
    <row r="600726" spans="14:14">
      <c r="N600726" s="10"/>
    </row>
    <row r="600727" spans="14:14">
      <c r="N600727" s="10"/>
    </row>
    <row r="600728" spans="14:14">
      <c r="N600728" s="10"/>
    </row>
    <row r="600729" spans="14:14">
      <c r="N600729" s="10"/>
    </row>
    <row r="600730" spans="14:14">
      <c r="N600730" s="10"/>
    </row>
    <row r="600731" spans="14:14">
      <c r="N600731" s="10"/>
    </row>
    <row r="600732" spans="14:14">
      <c r="N600732" s="10"/>
    </row>
    <row r="600733" spans="14:14">
      <c r="N600733" s="10"/>
    </row>
    <row r="600734" spans="14:14">
      <c r="N600734" s="10"/>
    </row>
    <row r="600735" spans="14:14">
      <c r="N600735" s="10"/>
    </row>
    <row r="600736" spans="14:14">
      <c r="N600736" s="10"/>
    </row>
    <row r="600737" spans="14:14">
      <c r="N600737" s="10"/>
    </row>
    <row r="600738" spans="14:14">
      <c r="N600738" s="10"/>
    </row>
    <row r="600739" spans="14:14">
      <c r="N600739" s="10"/>
    </row>
    <row r="600740" spans="14:14">
      <c r="N600740" s="10"/>
    </row>
    <row r="600741" spans="14:14">
      <c r="N600741" s="10"/>
    </row>
    <row r="600742" spans="14:14">
      <c r="N600742" s="10"/>
    </row>
    <row r="600743" spans="14:14">
      <c r="N600743" s="10"/>
    </row>
    <row r="600744" spans="14:14">
      <c r="N600744" s="10"/>
    </row>
    <row r="600745" spans="14:14">
      <c r="N600745" s="10"/>
    </row>
    <row r="600746" spans="14:14">
      <c r="N600746" s="10"/>
    </row>
    <row r="600747" spans="14:14">
      <c r="N600747" s="10"/>
    </row>
    <row r="600748" spans="14:14">
      <c r="N600748" s="10"/>
    </row>
    <row r="600749" spans="14:14">
      <c r="N600749" s="10"/>
    </row>
    <row r="600750" spans="14:14">
      <c r="N600750" s="10"/>
    </row>
    <row r="600751" spans="14:14">
      <c r="N600751" s="10"/>
    </row>
    <row r="600752" spans="14:14">
      <c r="N600752" s="10"/>
    </row>
    <row r="600753" spans="14:14">
      <c r="N600753" s="10"/>
    </row>
    <row r="600754" spans="14:14">
      <c r="N600754" s="10"/>
    </row>
    <row r="600755" spans="14:14">
      <c r="N600755" s="10"/>
    </row>
    <row r="600756" spans="14:14">
      <c r="N600756" s="10"/>
    </row>
    <row r="600757" spans="14:14">
      <c r="N600757" s="10"/>
    </row>
    <row r="600758" spans="14:14">
      <c r="N600758" s="10"/>
    </row>
    <row r="600759" spans="14:14">
      <c r="N600759" s="10"/>
    </row>
    <row r="600760" spans="14:14">
      <c r="N600760" s="10"/>
    </row>
    <row r="600761" spans="14:14">
      <c r="N600761" s="10"/>
    </row>
    <row r="600762" spans="14:14">
      <c r="N600762" s="10"/>
    </row>
    <row r="600763" spans="14:14">
      <c r="N600763" s="10"/>
    </row>
    <row r="600764" spans="14:14">
      <c r="N600764" s="10"/>
    </row>
    <row r="600765" spans="14:14">
      <c r="N600765" s="10"/>
    </row>
    <row r="600766" spans="14:14">
      <c r="N600766" s="10"/>
    </row>
    <row r="600767" spans="14:14">
      <c r="N600767" s="10"/>
    </row>
    <row r="600768" spans="14:14">
      <c r="N600768" s="10"/>
    </row>
    <row r="600769" spans="14:14">
      <c r="N600769" s="10"/>
    </row>
    <row r="600770" spans="14:14">
      <c r="N600770" s="10"/>
    </row>
    <row r="600771" spans="14:14">
      <c r="N600771" s="10"/>
    </row>
    <row r="600772" spans="14:14">
      <c r="N600772" s="10"/>
    </row>
    <row r="600773" spans="14:14">
      <c r="N600773" s="10"/>
    </row>
    <row r="600774" spans="14:14">
      <c r="N600774" s="10"/>
    </row>
    <row r="600775" spans="14:14">
      <c r="N600775" s="10"/>
    </row>
    <row r="600776" spans="14:14">
      <c r="N600776" s="10"/>
    </row>
    <row r="600777" spans="14:14">
      <c r="N600777" s="10"/>
    </row>
    <row r="600778" spans="14:14">
      <c r="N600778" s="10"/>
    </row>
    <row r="600779" spans="14:14">
      <c r="N600779" s="10"/>
    </row>
    <row r="600780" spans="14:14">
      <c r="N600780" s="10"/>
    </row>
    <row r="600781" spans="14:14">
      <c r="N600781" s="10"/>
    </row>
    <row r="600782" spans="14:14">
      <c r="N600782" s="10"/>
    </row>
    <row r="600783" spans="14:14">
      <c r="N600783" s="10"/>
    </row>
    <row r="600784" spans="14:14">
      <c r="N600784" s="10"/>
    </row>
    <row r="600785" spans="14:14">
      <c r="N600785" s="10"/>
    </row>
    <row r="600786" spans="14:14">
      <c r="N600786" s="10"/>
    </row>
    <row r="600787" spans="14:14">
      <c r="N600787" s="10"/>
    </row>
    <row r="600788" spans="14:14">
      <c r="N600788" s="10"/>
    </row>
    <row r="600789" spans="14:14">
      <c r="N600789" s="10"/>
    </row>
    <row r="600790" spans="14:14">
      <c r="N600790" s="10"/>
    </row>
    <row r="600791" spans="14:14">
      <c r="N600791" s="10"/>
    </row>
    <row r="600792" spans="14:14">
      <c r="N600792" s="10"/>
    </row>
    <row r="600793" spans="14:14">
      <c r="N600793" s="10"/>
    </row>
    <row r="600794" spans="14:14">
      <c r="N600794" s="10"/>
    </row>
    <row r="600795" spans="14:14">
      <c r="N600795" s="10"/>
    </row>
    <row r="600796" spans="14:14">
      <c r="N600796" s="10"/>
    </row>
    <row r="600797" spans="14:14">
      <c r="N600797" s="10"/>
    </row>
    <row r="600798" spans="14:14">
      <c r="N600798" s="10"/>
    </row>
    <row r="600799" spans="14:14">
      <c r="N600799" s="10"/>
    </row>
    <row r="600800" spans="14:14">
      <c r="N600800" s="10"/>
    </row>
    <row r="600801" spans="14:14">
      <c r="N600801" s="10"/>
    </row>
    <row r="600802" spans="14:14">
      <c r="N600802" s="10"/>
    </row>
    <row r="600803" spans="14:14">
      <c r="N600803" s="10"/>
    </row>
    <row r="600804" spans="14:14">
      <c r="N600804" s="10"/>
    </row>
    <row r="600805" spans="14:14">
      <c r="N600805" s="10"/>
    </row>
    <row r="600806" spans="14:14">
      <c r="N600806" s="10"/>
    </row>
    <row r="600807" spans="14:14">
      <c r="N600807" s="10"/>
    </row>
    <row r="600808" spans="14:14">
      <c r="N600808" s="10"/>
    </row>
    <row r="600809" spans="14:14">
      <c r="N600809" s="10"/>
    </row>
    <row r="600810" spans="14:14">
      <c r="N600810" s="10"/>
    </row>
    <row r="600811" spans="14:14">
      <c r="N600811" s="10"/>
    </row>
    <row r="600812" spans="14:14">
      <c r="N600812" s="10"/>
    </row>
    <row r="600813" spans="14:14">
      <c r="N600813" s="10"/>
    </row>
    <row r="600814" spans="14:14">
      <c r="N600814" s="10"/>
    </row>
    <row r="600815" spans="14:14">
      <c r="N600815" s="10"/>
    </row>
    <row r="600816" spans="14:14">
      <c r="N600816" s="10"/>
    </row>
    <row r="600817" spans="14:14">
      <c r="N600817" s="10"/>
    </row>
    <row r="600818" spans="14:14">
      <c r="N600818" s="10"/>
    </row>
    <row r="600819" spans="14:14">
      <c r="N600819" s="10"/>
    </row>
    <row r="600820" spans="14:14">
      <c r="N600820" s="10"/>
    </row>
    <row r="600821" spans="14:14">
      <c r="N600821" s="10"/>
    </row>
    <row r="600822" spans="14:14">
      <c r="N600822" s="10"/>
    </row>
    <row r="600823" spans="14:14">
      <c r="N600823" s="10"/>
    </row>
    <row r="600824" spans="14:14">
      <c r="N600824" s="10"/>
    </row>
    <row r="600825" spans="14:14">
      <c r="N600825" s="10"/>
    </row>
    <row r="600826" spans="14:14">
      <c r="N600826" s="10"/>
    </row>
    <row r="600827" spans="14:14">
      <c r="N600827" s="10"/>
    </row>
    <row r="600828" spans="14:14">
      <c r="N600828" s="10"/>
    </row>
    <row r="600829" spans="14:14">
      <c r="N600829" s="10"/>
    </row>
    <row r="600830" spans="14:14">
      <c r="N600830" s="10"/>
    </row>
    <row r="600831" spans="14:14">
      <c r="N600831" s="10"/>
    </row>
    <row r="600832" spans="14:14">
      <c r="N600832" s="10"/>
    </row>
    <row r="600833" spans="14:14">
      <c r="N600833" s="10"/>
    </row>
    <row r="600834" spans="14:14">
      <c r="N600834" s="10"/>
    </row>
    <row r="600835" spans="14:14">
      <c r="N600835" s="10"/>
    </row>
    <row r="600836" spans="14:14">
      <c r="N600836" s="10"/>
    </row>
    <row r="600837" spans="14:14">
      <c r="N600837" s="10"/>
    </row>
    <row r="600838" spans="14:14">
      <c r="N600838" s="10"/>
    </row>
    <row r="600839" spans="14:14">
      <c r="N600839" s="10"/>
    </row>
    <row r="600840" spans="14:14">
      <c r="N600840" s="10"/>
    </row>
    <row r="600841" spans="14:14">
      <c r="N600841" s="10"/>
    </row>
    <row r="600842" spans="14:14">
      <c r="N600842" s="10"/>
    </row>
    <row r="600843" spans="14:14">
      <c r="N600843" s="10"/>
    </row>
    <row r="600844" spans="14:14">
      <c r="N600844" s="10"/>
    </row>
    <row r="600845" spans="14:14">
      <c r="N600845" s="10"/>
    </row>
    <row r="600846" spans="14:14">
      <c r="N600846" s="10"/>
    </row>
    <row r="600847" spans="14:14">
      <c r="N600847" s="10"/>
    </row>
    <row r="600848" spans="14:14">
      <c r="N600848" s="10"/>
    </row>
    <row r="600849" spans="14:14">
      <c r="N600849" s="10"/>
    </row>
    <row r="600850" spans="14:14">
      <c r="N600850" s="10"/>
    </row>
    <row r="600851" spans="14:14">
      <c r="N600851" s="10"/>
    </row>
    <row r="600852" spans="14:14">
      <c r="N600852" s="10"/>
    </row>
    <row r="600853" spans="14:14">
      <c r="N600853" s="10"/>
    </row>
    <row r="600854" spans="14:14">
      <c r="N600854" s="10"/>
    </row>
    <row r="600855" spans="14:14">
      <c r="N600855" s="10"/>
    </row>
    <row r="600856" spans="14:14">
      <c r="N600856" s="10"/>
    </row>
    <row r="600857" spans="14:14">
      <c r="N600857" s="10"/>
    </row>
    <row r="600858" spans="14:14">
      <c r="N600858" s="10"/>
    </row>
    <row r="600859" spans="14:14">
      <c r="N600859" s="10"/>
    </row>
    <row r="600860" spans="14:14">
      <c r="N600860" s="10"/>
    </row>
    <row r="600861" spans="14:14">
      <c r="N600861" s="10"/>
    </row>
    <row r="600862" spans="14:14">
      <c r="N600862" s="10"/>
    </row>
    <row r="600863" spans="14:14">
      <c r="N600863" s="10"/>
    </row>
    <row r="600864" spans="14:14">
      <c r="N600864" s="10"/>
    </row>
    <row r="600865" spans="14:14">
      <c r="N600865" s="10"/>
    </row>
    <row r="600866" spans="14:14">
      <c r="N600866" s="10"/>
    </row>
    <row r="600867" spans="14:14">
      <c r="N600867" s="10"/>
    </row>
    <row r="600868" spans="14:14">
      <c r="N600868" s="10"/>
    </row>
    <row r="600869" spans="14:14">
      <c r="N600869" s="10"/>
    </row>
    <row r="600870" spans="14:14">
      <c r="N600870" s="10"/>
    </row>
    <row r="600871" spans="14:14">
      <c r="N600871" s="10"/>
    </row>
    <row r="600872" spans="14:14">
      <c r="N600872" s="10"/>
    </row>
    <row r="600873" spans="14:14">
      <c r="N600873" s="10"/>
    </row>
    <row r="600874" spans="14:14">
      <c r="N600874" s="10"/>
    </row>
    <row r="600875" spans="14:14">
      <c r="N600875" s="10"/>
    </row>
    <row r="600876" spans="14:14">
      <c r="N600876" s="10"/>
    </row>
    <row r="600877" spans="14:14">
      <c r="N600877" s="10"/>
    </row>
    <row r="600878" spans="14:14">
      <c r="N600878" s="10"/>
    </row>
    <row r="600879" spans="14:14">
      <c r="N600879" s="10"/>
    </row>
    <row r="600880" spans="14:14">
      <c r="N600880" s="10"/>
    </row>
    <row r="600881" spans="14:14">
      <c r="N600881" s="10"/>
    </row>
    <row r="600882" spans="14:14">
      <c r="N600882" s="10"/>
    </row>
    <row r="600883" spans="14:14">
      <c r="N600883" s="10"/>
    </row>
    <row r="600884" spans="14:14">
      <c r="N600884" s="10"/>
    </row>
    <row r="600885" spans="14:14">
      <c r="N600885" s="10"/>
    </row>
    <row r="600886" spans="14:14">
      <c r="N600886" s="10"/>
    </row>
    <row r="600887" spans="14:14">
      <c r="N600887" s="10"/>
    </row>
    <row r="600888" spans="14:14">
      <c r="N600888" s="10"/>
    </row>
    <row r="600889" spans="14:14">
      <c r="N600889" s="10"/>
    </row>
    <row r="600890" spans="14:14">
      <c r="N600890" s="10"/>
    </row>
    <row r="600891" spans="14:14">
      <c r="N600891" s="10"/>
    </row>
    <row r="600892" spans="14:14">
      <c r="N600892" s="10"/>
    </row>
    <row r="600893" spans="14:14">
      <c r="N600893" s="10"/>
    </row>
    <row r="600894" spans="14:14">
      <c r="N600894" s="10"/>
    </row>
    <row r="600895" spans="14:14">
      <c r="N600895" s="10"/>
    </row>
    <row r="600896" spans="14:14">
      <c r="N600896" s="10"/>
    </row>
    <row r="600897" spans="14:14">
      <c r="N600897" s="10"/>
    </row>
    <row r="600898" spans="14:14">
      <c r="N600898" s="10"/>
    </row>
    <row r="600899" spans="14:14">
      <c r="N600899" s="10"/>
    </row>
    <row r="600900" spans="14:14">
      <c r="N600900" s="10"/>
    </row>
    <row r="600901" spans="14:14">
      <c r="N600901" s="10"/>
    </row>
    <row r="600902" spans="14:14">
      <c r="N600902" s="10"/>
    </row>
    <row r="600903" spans="14:14">
      <c r="N600903" s="10"/>
    </row>
    <row r="600904" spans="14:14">
      <c r="N600904" s="10"/>
    </row>
    <row r="600905" spans="14:14">
      <c r="N600905" s="10"/>
    </row>
    <row r="600906" spans="14:14">
      <c r="N600906" s="10"/>
    </row>
    <row r="600907" spans="14:14">
      <c r="N600907" s="10"/>
    </row>
    <row r="600908" spans="14:14">
      <c r="N600908" s="10"/>
    </row>
    <row r="600909" spans="14:14">
      <c r="N600909" s="10"/>
    </row>
    <row r="600910" spans="14:14">
      <c r="N600910" s="10"/>
    </row>
    <row r="600911" spans="14:14">
      <c r="N600911" s="10"/>
    </row>
    <row r="600912" spans="14:14">
      <c r="N600912" s="10"/>
    </row>
    <row r="600913" spans="14:14">
      <c r="N600913" s="10"/>
    </row>
    <row r="600914" spans="14:14">
      <c r="N600914" s="10"/>
    </row>
    <row r="600915" spans="14:14">
      <c r="N600915" s="10"/>
    </row>
    <row r="600916" spans="14:14">
      <c r="N600916" s="10"/>
    </row>
    <row r="600917" spans="14:14">
      <c r="N600917" s="10"/>
    </row>
    <row r="600918" spans="14:14">
      <c r="N600918" s="10"/>
    </row>
    <row r="600919" spans="14:14">
      <c r="N600919" s="10"/>
    </row>
    <row r="600920" spans="14:14">
      <c r="N600920" s="10"/>
    </row>
    <row r="600921" spans="14:14">
      <c r="N600921" s="10"/>
    </row>
    <row r="600922" spans="14:14">
      <c r="N600922" s="10"/>
    </row>
    <row r="600923" spans="14:14">
      <c r="N600923" s="10"/>
    </row>
    <row r="600924" spans="14:14">
      <c r="N600924" s="10"/>
    </row>
    <row r="600925" spans="14:14">
      <c r="N600925" s="10"/>
    </row>
    <row r="600926" spans="14:14">
      <c r="N600926" s="10"/>
    </row>
    <row r="600927" spans="14:14">
      <c r="N600927" s="10"/>
    </row>
    <row r="600928" spans="14:14">
      <c r="N600928" s="10"/>
    </row>
    <row r="600929" spans="14:14">
      <c r="N600929" s="10"/>
    </row>
    <row r="600930" spans="14:14">
      <c r="N600930" s="10"/>
    </row>
    <row r="600931" spans="14:14">
      <c r="N600931" s="10"/>
    </row>
    <row r="600932" spans="14:14">
      <c r="N600932" s="10"/>
    </row>
    <row r="600933" spans="14:14">
      <c r="N600933" s="10"/>
    </row>
    <row r="600934" spans="14:14">
      <c r="N600934" s="10"/>
    </row>
    <row r="600935" spans="14:14">
      <c r="N600935" s="10"/>
    </row>
    <row r="600936" spans="14:14">
      <c r="N600936" s="10"/>
    </row>
    <row r="600937" spans="14:14">
      <c r="N600937" s="10"/>
    </row>
    <row r="600938" spans="14:14">
      <c r="N600938" s="10"/>
    </row>
    <row r="600939" spans="14:14">
      <c r="N600939" s="10"/>
    </row>
    <row r="600940" spans="14:14">
      <c r="N600940" s="10"/>
    </row>
    <row r="600941" spans="14:14">
      <c r="N600941" s="10"/>
    </row>
    <row r="600942" spans="14:14">
      <c r="N600942" s="10"/>
    </row>
    <row r="600943" spans="14:14">
      <c r="N600943" s="10"/>
    </row>
    <row r="600944" spans="14:14">
      <c r="N600944" s="10"/>
    </row>
    <row r="600945" spans="14:14">
      <c r="N600945" s="10"/>
    </row>
    <row r="600946" spans="14:14">
      <c r="N600946" s="10"/>
    </row>
    <row r="600947" spans="14:14">
      <c r="N600947" s="10"/>
    </row>
    <row r="600948" spans="14:14">
      <c r="N600948" s="10"/>
    </row>
    <row r="600949" spans="14:14">
      <c r="N600949" s="10"/>
    </row>
    <row r="600950" spans="14:14">
      <c r="N600950" s="10"/>
    </row>
    <row r="600951" spans="14:14">
      <c r="N600951" s="10"/>
    </row>
    <row r="600952" spans="14:14">
      <c r="N600952" s="10"/>
    </row>
    <row r="600953" spans="14:14">
      <c r="N600953" s="10"/>
    </row>
    <row r="600954" spans="14:14">
      <c r="N600954" s="10"/>
    </row>
    <row r="600955" spans="14:14">
      <c r="N600955" s="10"/>
    </row>
    <row r="600956" spans="14:14">
      <c r="N600956" s="10"/>
    </row>
    <row r="600957" spans="14:14">
      <c r="N600957" s="10"/>
    </row>
    <row r="600958" spans="14:14">
      <c r="N600958" s="10"/>
    </row>
    <row r="600959" spans="14:14">
      <c r="N600959" s="10"/>
    </row>
    <row r="600960" spans="14:14">
      <c r="N600960" s="10"/>
    </row>
    <row r="600961" spans="14:14">
      <c r="N600961" s="10"/>
    </row>
    <row r="600962" spans="14:14">
      <c r="N600962" s="10"/>
    </row>
    <row r="600963" spans="14:14">
      <c r="N600963" s="10"/>
    </row>
    <row r="600964" spans="14:14">
      <c r="N600964" s="10"/>
    </row>
    <row r="600965" spans="14:14">
      <c r="N600965" s="10"/>
    </row>
    <row r="600966" spans="14:14">
      <c r="N600966" s="10"/>
    </row>
    <row r="600967" spans="14:14">
      <c r="N600967" s="10"/>
    </row>
    <row r="600968" spans="14:14">
      <c r="N600968" s="10"/>
    </row>
    <row r="600969" spans="14:14">
      <c r="N600969" s="10"/>
    </row>
    <row r="600970" spans="14:14">
      <c r="N600970" s="10"/>
    </row>
    <row r="600971" spans="14:14">
      <c r="N600971" s="10"/>
    </row>
    <row r="600972" spans="14:14">
      <c r="N600972" s="10"/>
    </row>
    <row r="600973" spans="14:14">
      <c r="N600973" s="10"/>
    </row>
    <row r="600974" spans="14:14">
      <c r="N600974" s="10"/>
    </row>
    <row r="600975" spans="14:14">
      <c r="N600975" s="10"/>
    </row>
    <row r="600976" spans="14:14">
      <c r="N600976" s="10"/>
    </row>
    <row r="600977" spans="14:14">
      <c r="N600977" s="10"/>
    </row>
    <row r="600978" spans="14:14">
      <c r="N600978" s="10"/>
    </row>
    <row r="600979" spans="14:14">
      <c r="N600979" s="10"/>
    </row>
    <row r="600980" spans="14:14">
      <c r="N600980" s="10"/>
    </row>
    <row r="600981" spans="14:14">
      <c r="N600981" s="10"/>
    </row>
    <row r="600982" spans="14:14">
      <c r="N600982" s="10"/>
    </row>
    <row r="600983" spans="14:14">
      <c r="N600983" s="10"/>
    </row>
    <row r="600984" spans="14:14">
      <c r="N600984" s="10"/>
    </row>
    <row r="600985" spans="14:14">
      <c r="N600985" s="10"/>
    </row>
    <row r="600986" spans="14:14">
      <c r="N600986" s="10"/>
    </row>
    <row r="600987" spans="14:14">
      <c r="N600987" s="10"/>
    </row>
    <row r="600988" spans="14:14">
      <c r="N600988" s="10"/>
    </row>
    <row r="600989" spans="14:14">
      <c r="N600989" s="10"/>
    </row>
    <row r="600990" spans="14:14">
      <c r="N600990" s="10"/>
    </row>
    <row r="600991" spans="14:14">
      <c r="N600991" s="10"/>
    </row>
    <row r="600992" spans="14:14">
      <c r="N600992" s="10"/>
    </row>
    <row r="600993" spans="14:14">
      <c r="N600993" s="10"/>
    </row>
    <row r="600994" spans="14:14">
      <c r="N600994" s="10"/>
    </row>
    <row r="600995" spans="14:14">
      <c r="N600995" s="10"/>
    </row>
    <row r="600996" spans="14:14">
      <c r="N600996" s="10"/>
    </row>
    <row r="600997" spans="14:14">
      <c r="N600997" s="10"/>
    </row>
    <row r="600998" spans="14:14">
      <c r="N600998" s="10"/>
    </row>
    <row r="600999" spans="14:14">
      <c r="N600999" s="10"/>
    </row>
    <row r="601000" spans="14:14">
      <c r="N601000" s="10"/>
    </row>
    <row r="601001" spans="14:14">
      <c r="N601001" s="10"/>
    </row>
    <row r="601002" spans="14:14">
      <c r="N601002" s="10"/>
    </row>
    <row r="601003" spans="14:14">
      <c r="N601003" s="10"/>
    </row>
    <row r="601004" spans="14:14">
      <c r="N601004" s="10"/>
    </row>
    <row r="601005" spans="14:14">
      <c r="N601005" s="10"/>
    </row>
    <row r="601006" spans="14:14">
      <c r="N601006" s="10"/>
    </row>
    <row r="601007" spans="14:14">
      <c r="N601007" s="10"/>
    </row>
    <row r="601008" spans="14:14">
      <c r="N601008" s="10"/>
    </row>
    <row r="601009" spans="14:14">
      <c r="N601009" s="10"/>
    </row>
    <row r="601010" spans="14:14">
      <c r="N601010" s="10"/>
    </row>
    <row r="601011" spans="14:14">
      <c r="N601011" s="10"/>
    </row>
    <row r="601012" spans="14:14">
      <c r="N601012" s="10"/>
    </row>
    <row r="601013" spans="14:14">
      <c r="N601013" s="10"/>
    </row>
    <row r="601014" spans="14:14">
      <c r="N601014" s="10"/>
    </row>
    <row r="601015" spans="14:14">
      <c r="N601015" s="10"/>
    </row>
    <row r="601016" spans="14:14">
      <c r="N601016" s="10"/>
    </row>
    <row r="601017" spans="14:14">
      <c r="N601017" s="10"/>
    </row>
    <row r="601018" spans="14:14">
      <c r="N601018" s="10"/>
    </row>
    <row r="601019" spans="14:14">
      <c r="N601019" s="10"/>
    </row>
    <row r="601020" spans="14:14">
      <c r="N601020" s="10"/>
    </row>
    <row r="601021" spans="14:14">
      <c r="N601021" s="10"/>
    </row>
    <row r="601022" spans="14:14">
      <c r="N601022" s="10"/>
    </row>
    <row r="601023" spans="14:14">
      <c r="N601023" s="10"/>
    </row>
    <row r="601024" spans="14:14">
      <c r="N601024" s="10"/>
    </row>
    <row r="601025" spans="14:14">
      <c r="N601025" s="10"/>
    </row>
    <row r="601026" spans="14:14">
      <c r="N601026" s="10"/>
    </row>
    <row r="601027" spans="14:14">
      <c r="N601027" s="10"/>
    </row>
    <row r="601028" spans="14:14">
      <c r="N601028" s="10"/>
    </row>
    <row r="601029" spans="14:14">
      <c r="N601029" s="10"/>
    </row>
    <row r="601030" spans="14:14">
      <c r="N601030" s="10"/>
    </row>
    <row r="601031" spans="14:14">
      <c r="N601031" s="10"/>
    </row>
    <row r="601032" spans="14:14">
      <c r="N601032" s="10"/>
    </row>
    <row r="601033" spans="14:14">
      <c r="N601033" s="10"/>
    </row>
    <row r="601034" spans="14:14">
      <c r="N601034" s="10"/>
    </row>
    <row r="601035" spans="14:14">
      <c r="N601035" s="10"/>
    </row>
    <row r="601036" spans="14:14">
      <c r="N601036" s="10"/>
    </row>
    <row r="601037" spans="14:14">
      <c r="N601037" s="10"/>
    </row>
    <row r="601038" spans="14:14">
      <c r="N601038" s="10"/>
    </row>
    <row r="601039" spans="14:14">
      <c r="N601039" s="10"/>
    </row>
    <row r="601040" spans="14:14">
      <c r="N601040" s="10"/>
    </row>
    <row r="601041" spans="14:14">
      <c r="N601041" s="10"/>
    </row>
    <row r="601042" spans="14:14">
      <c r="N601042" s="10"/>
    </row>
    <row r="601043" spans="14:14">
      <c r="N601043" s="10"/>
    </row>
    <row r="601044" spans="14:14">
      <c r="N601044" s="10"/>
    </row>
    <row r="601045" spans="14:14">
      <c r="N601045" s="10"/>
    </row>
    <row r="601046" spans="14:14">
      <c r="N601046" s="10"/>
    </row>
    <row r="601047" spans="14:14">
      <c r="N601047" s="10"/>
    </row>
    <row r="601048" spans="14:14">
      <c r="N601048" s="10"/>
    </row>
    <row r="601049" spans="14:14">
      <c r="N601049" s="10"/>
    </row>
    <row r="601050" spans="14:14">
      <c r="N601050" s="10"/>
    </row>
    <row r="601051" spans="14:14">
      <c r="N601051" s="10"/>
    </row>
    <row r="601052" spans="14:14">
      <c r="N601052" s="10"/>
    </row>
    <row r="601053" spans="14:14">
      <c r="N601053" s="10"/>
    </row>
    <row r="601054" spans="14:14">
      <c r="N601054" s="10"/>
    </row>
    <row r="601055" spans="14:14">
      <c r="N601055" s="10"/>
    </row>
    <row r="601056" spans="14:14">
      <c r="N601056" s="10"/>
    </row>
    <row r="601057" spans="14:14">
      <c r="N601057" s="10"/>
    </row>
    <row r="601058" spans="14:14">
      <c r="N601058" s="10"/>
    </row>
    <row r="601059" spans="14:14">
      <c r="N601059" s="10"/>
    </row>
    <row r="601060" spans="14:14">
      <c r="N601060" s="10"/>
    </row>
    <row r="601061" spans="14:14">
      <c r="N601061" s="10"/>
    </row>
    <row r="601062" spans="14:14">
      <c r="N601062" s="10"/>
    </row>
    <row r="601063" spans="14:14">
      <c r="N601063" s="10"/>
    </row>
    <row r="601064" spans="14:14">
      <c r="N601064" s="10"/>
    </row>
    <row r="601065" spans="14:14">
      <c r="N601065" s="10"/>
    </row>
    <row r="601066" spans="14:14">
      <c r="N601066" s="10"/>
    </row>
    <row r="601067" spans="14:14">
      <c r="N601067" s="10"/>
    </row>
    <row r="601068" spans="14:14">
      <c r="N601068" s="10"/>
    </row>
    <row r="601069" spans="14:14">
      <c r="N601069" s="10"/>
    </row>
    <row r="601070" spans="14:14">
      <c r="N601070" s="10"/>
    </row>
    <row r="601071" spans="14:14">
      <c r="N601071" s="10"/>
    </row>
    <row r="601072" spans="14:14">
      <c r="N601072" s="10"/>
    </row>
    <row r="601073" spans="14:14">
      <c r="N601073" s="10"/>
    </row>
    <row r="601074" spans="14:14">
      <c r="N601074" s="10"/>
    </row>
    <row r="601075" spans="14:14">
      <c r="N601075" s="10"/>
    </row>
    <row r="601076" spans="14:14">
      <c r="N601076" s="10"/>
    </row>
    <row r="601077" spans="14:14">
      <c r="N601077" s="10"/>
    </row>
    <row r="601078" spans="14:14">
      <c r="N601078" s="10"/>
    </row>
    <row r="601079" spans="14:14">
      <c r="N601079" s="10"/>
    </row>
    <row r="601080" spans="14:14">
      <c r="N601080" s="10"/>
    </row>
    <row r="601081" spans="14:14">
      <c r="N601081" s="10"/>
    </row>
    <row r="601082" spans="14:14">
      <c r="N601082" s="10"/>
    </row>
    <row r="601083" spans="14:14">
      <c r="N601083" s="10"/>
    </row>
    <row r="601084" spans="14:14">
      <c r="N601084" s="10"/>
    </row>
    <row r="601085" spans="14:14">
      <c r="N601085" s="10"/>
    </row>
    <row r="601086" spans="14:14">
      <c r="N601086" s="10"/>
    </row>
    <row r="601087" spans="14:14">
      <c r="N601087" s="10"/>
    </row>
    <row r="601088" spans="14:14">
      <c r="N601088" s="10"/>
    </row>
    <row r="601089" spans="14:14">
      <c r="N601089" s="10"/>
    </row>
    <row r="601090" spans="14:14">
      <c r="N601090" s="10"/>
    </row>
    <row r="601091" spans="14:14">
      <c r="N601091" s="10"/>
    </row>
    <row r="601092" spans="14:14">
      <c r="N601092" s="10"/>
    </row>
    <row r="601093" spans="14:14">
      <c r="N601093" s="10"/>
    </row>
    <row r="601094" spans="14:14">
      <c r="N601094" s="10"/>
    </row>
    <row r="601095" spans="14:14">
      <c r="N601095" s="10"/>
    </row>
    <row r="601096" spans="14:14">
      <c r="N601096" s="10"/>
    </row>
    <row r="601097" spans="14:14">
      <c r="N601097" s="10"/>
    </row>
    <row r="601098" spans="14:14">
      <c r="N601098" s="10"/>
    </row>
    <row r="601099" spans="14:14">
      <c r="N601099" s="10"/>
    </row>
    <row r="601100" spans="14:14">
      <c r="N601100" s="10"/>
    </row>
    <row r="601101" spans="14:14">
      <c r="N601101" s="10"/>
    </row>
    <row r="601102" spans="14:14">
      <c r="N601102" s="10"/>
    </row>
    <row r="601103" spans="14:14">
      <c r="N601103" s="10"/>
    </row>
    <row r="601104" spans="14:14">
      <c r="N601104" s="10"/>
    </row>
    <row r="601105" spans="14:14">
      <c r="N601105" s="10"/>
    </row>
    <row r="601106" spans="14:14">
      <c r="N601106" s="10"/>
    </row>
    <row r="601107" spans="14:14">
      <c r="N601107" s="10"/>
    </row>
    <row r="601108" spans="14:14">
      <c r="N601108" s="10"/>
    </row>
    <row r="601109" spans="14:14">
      <c r="N601109" s="10"/>
    </row>
    <row r="601110" spans="14:14">
      <c r="N601110" s="10"/>
    </row>
    <row r="601111" spans="14:14">
      <c r="N601111" s="10"/>
    </row>
    <row r="601112" spans="14:14">
      <c r="N601112" s="10"/>
    </row>
    <row r="601113" spans="14:14">
      <c r="N601113" s="10"/>
    </row>
    <row r="601114" spans="14:14">
      <c r="N601114" s="10"/>
    </row>
    <row r="601115" spans="14:14">
      <c r="N601115" s="10"/>
    </row>
    <row r="601116" spans="14:14">
      <c r="N601116" s="10"/>
    </row>
    <row r="601117" spans="14:14">
      <c r="N601117" s="10"/>
    </row>
    <row r="601118" spans="14:14">
      <c r="N601118" s="10"/>
    </row>
    <row r="601119" spans="14:14">
      <c r="N601119" s="10"/>
    </row>
    <row r="601120" spans="14:14">
      <c r="N601120" s="10"/>
    </row>
    <row r="601121" spans="14:14">
      <c r="N601121" s="10"/>
    </row>
    <row r="601122" spans="14:14">
      <c r="N601122" s="10"/>
    </row>
    <row r="601123" spans="14:14">
      <c r="N601123" s="10"/>
    </row>
    <row r="601124" spans="14:14">
      <c r="N601124" s="10"/>
    </row>
    <row r="601125" spans="14:14">
      <c r="N601125" s="10"/>
    </row>
    <row r="601126" spans="14:14">
      <c r="N601126" s="10"/>
    </row>
    <row r="601127" spans="14:14">
      <c r="N601127" s="10"/>
    </row>
    <row r="601128" spans="14:14">
      <c r="N601128" s="10"/>
    </row>
    <row r="601129" spans="14:14">
      <c r="N601129" s="10"/>
    </row>
    <row r="601130" spans="14:14">
      <c r="N601130" s="10"/>
    </row>
    <row r="601131" spans="14:14">
      <c r="N601131" s="10"/>
    </row>
    <row r="601132" spans="14:14">
      <c r="N601132" s="10"/>
    </row>
    <row r="601133" spans="14:14">
      <c r="N601133" s="10"/>
    </row>
    <row r="601134" spans="14:14">
      <c r="N601134" s="10"/>
    </row>
    <row r="601135" spans="14:14">
      <c r="N601135" s="10"/>
    </row>
    <row r="601136" spans="14:14">
      <c r="N601136" s="10"/>
    </row>
    <row r="601137" spans="14:14">
      <c r="N601137" s="10"/>
    </row>
    <row r="601138" spans="14:14">
      <c r="N601138" s="10"/>
    </row>
    <row r="601139" spans="14:14">
      <c r="N601139" s="10"/>
    </row>
    <row r="601140" spans="14:14">
      <c r="N601140" s="10"/>
    </row>
    <row r="601141" spans="14:14">
      <c r="N601141" s="10"/>
    </row>
    <row r="601142" spans="14:14">
      <c r="N601142" s="10"/>
    </row>
    <row r="601143" spans="14:14">
      <c r="N601143" s="10"/>
    </row>
    <row r="601144" spans="14:14">
      <c r="N601144" s="10"/>
    </row>
    <row r="601145" spans="14:14">
      <c r="N601145" s="10"/>
    </row>
    <row r="601146" spans="14:14">
      <c r="N601146" s="10"/>
    </row>
    <row r="601147" spans="14:14">
      <c r="N601147" s="10"/>
    </row>
    <row r="601148" spans="14:14">
      <c r="N601148" s="10"/>
    </row>
    <row r="601149" spans="14:14">
      <c r="N601149" s="10"/>
    </row>
    <row r="601150" spans="14:14">
      <c r="N601150" s="10"/>
    </row>
    <row r="601151" spans="14:14">
      <c r="N601151" s="10"/>
    </row>
    <row r="601152" spans="14:14">
      <c r="N601152" s="10"/>
    </row>
    <row r="601153" spans="14:14">
      <c r="N601153" s="10"/>
    </row>
    <row r="601154" spans="14:14">
      <c r="N601154" s="10"/>
    </row>
    <row r="601155" spans="14:14">
      <c r="N601155" s="10"/>
    </row>
    <row r="601156" spans="14:14">
      <c r="N601156" s="10"/>
    </row>
    <row r="601157" spans="14:14">
      <c r="N601157" s="10"/>
    </row>
    <row r="601158" spans="14:14">
      <c r="N601158" s="10"/>
    </row>
    <row r="601159" spans="14:14">
      <c r="N601159" s="10"/>
    </row>
    <row r="601160" spans="14:14">
      <c r="N601160" s="10"/>
    </row>
    <row r="601161" spans="14:14">
      <c r="N601161" s="10"/>
    </row>
    <row r="601162" spans="14:14">
      <c r="N601162" s="10"/>
    </row>
    <row r="601163" spans="14:14">
      <c r="N601163" s="10"/>
    </row>
    <row r="601164" spans="14:14">
      <c r="N601164" s="10"/>
    </row>
    <row r="601165" spans="14:14">
      <c r="N601165" s="10"/>
    </row>
    <row r="601166" spans="14:14">
      <c r="N601166" s="10"/>
    </row>
    <row r="601167" spans="14:14">
      <c r="N601167" s="10"/>
    </row>
    <row r="601168" spans="14:14">
      <c r="N601168" s="10"/>
    </row>
    <row r="601169" spans="14:14">
      <c r="N601169" s="10"/>
    </row>
    <row r="601170" spans="14:14">
      <c r="N601170" s="10"/>
    </row>
    <row r="601171" spans="14:14">
      <c r="N601171" s="10"/>
    </row>
    <row r="601172" spans="14:14">
      <c r="N601172" s="10"/>
    </row>
    <row r="601173" spans="14:14">
      <c r="N601173" s="10"/>
    </row>
    <row r="601174" spans="14:14">
      <c r="N601174" s="10"/>
    </row>
    <row r="601175" spans="14:14">
      <c r="N601175" s="10"/>
    </row>
    <row r="601176" spans="14:14">
      <c r="N601176" s="10"/>
    </row>
    <row r="601177" spans="14:14">
      <c r="N601177" s="10"/>
    </row>
    <row r="601178" spans="14:14">
      <c r="N601178" s="10"/>
    </row>
    <row r="601179" spans="14:14">
      <c r="N601179" s="10"/>
    </row>
    <row r="601180" spans="14:14">
      <c r="N601180" s="10"/>
    </row>
    <row r="601181" spans="14:14">
      <c r="N601181" s="10"/>
    </row>
    <row r="601182" spans="14:14">
      <c r="N601182" s="10"/>
    </row>
    <row r="601183" spans="14:14">
      <c r="N601183" s="10"/>
    </row>
    <row r="601184" spans="14:14">
      <c r="N601184" s="10"/>
    </row>
    <row r="601185" spans="14:14">
      <c r="N601185" s="10"/>
    </row>
    <row r="601186" spans="14:14">
      <c r="N601186" s="10"/>
    </row>
    <row r="601187" spans="14:14">
      <c r="N601187" s="10"/>
    </row>
    <row r="601188" spans="14:14">
      <c r="N601188" s="10"/>
    </row>
    <row r="601189" spans="14:14">
      <c r="N601189" s="10"/>
    </row>
    <row r="601190" spans="14:14">
      <c r="N601190" s="10"/>
    </row>
    <row r="601191" spans="14:14">
      <c r="N601191" s="10"/>
    </row>
    <row r="601192" spans="14:14">
      <c r="N601192" s="10"/>
    </row>
    <row r="601193" spans="14:14">
      <c r="N601193" s="10"/>
    </row>
    <row r="601194" spans="14:14">
      <c r="N601194" s="10"/>
    </row>
    <row r="601195" spans="14:14">
      <c r="N601195" s="10"/>
    </row>
    <row r="601196" spans="14:14">
      <c r="N601196" s="10"/>
    </row>
    <row r="601197" spans="14:14">
      <c r="N601197" s="10"/>
    </row>
    <row r="601198" spans="14:14">
      <c r="N601198" s="10"/>
    </row>
    <row r="601199" spans="14:14">
      <c r="N601199" s="10"/>
    </row>
    <row r="601200" spans="14:14">
      <c r="N601200" s="10"/>
    </row>
    <row r="601201" spans="14:14">
      <c r="N601201" s="10"/>
    </row>
    <row r="601202" spans="14:14">
      <c r="N601202" s="10"/>
    </row>
    <row r="601203" spans="14:14">
      <c r="N601203" s="10"/>
    </row>
    <row r="601204" spans="14:14">
      <c r="N601204" s="10"/>
    </row>
    <row r="601205" spans="14:14">
      <c r="N601205" s="10"/>
    </row>
    <row r="601206" spans="14:14">
      <c r="N601206" s="10"/>
    </row>
    <row r="601207" spans="14:14">
      <c r="N601207" s="10"/>
    </row>
    <row r="601208" spans="14:14">
      <c r="N601208" s="10"/>
    </row>
    <row r="601209" spans="14:14">
      <c r="N601209" s="10"/>
    </row>
    <row r="601210" spans="14:14">
      <c r="N601210" s="10"/>
    </row>
    <row r="601211" spans="14:14">
      <c r="N601211" s="10"/>
    </row>
    <row r="601212" spans="14:14">
      <c r="N601212" s="10"/>
    </row>
    <row r="601213" spans="14:14">
      <c r="N601213" s="10"/>
    </row>
    <row r="601214" spans="14:14">
      <c r="N601214" s="10"/>
    </row>
    <row r="601215" spans="14:14">
      <c r="N601215" s="10"/>
    </row>
    <row r="601216" spans="14:14">
      <c r="N601216" s="10"/>
    </row>
    <row r="601217" spans="14:14">
      <c r="N601217" s="10"/>
    </row>
    <row r="601218" spans="14:14">
      <c r="N601218" s="10"/>
    </row>
    <row r="601219" spans="14:14">
      <c r="N601219" s="10"/>
    </row>
    <row r="601220" spans="14:14">
      <c r="N601220" s="10"/>
    </row>
    <row r="601221" spans="14:14">
      <c r="N601221" s="10"/>
    </row>
    <row r="601222" spans="14:14">
      <c r="N601222" s="10"/>
    </row>
    <row r="601223" spans="14:14">
      <c r="N601223" s="10"/>
    </row>
    <row r="601224" spans="14:14">
      <c r="N601224" s="10"/>
    </row>
    <row r="601225" spans="14:14">
      <c r="N601225" s="10"/>
    </row>
    <row r="601226" spans="14:14">
      <c r="N601226" s="10"/>
    </row>
    <row r="601227" spans="14:14">
      <c r="N601227" s="10"/>
    </row>
    <row r="601228" spans="14:14">
      <c r="N601228" s="10"/>
    </row>
    <row r="601229" spans="14:14">
      <c r="N601229" s="10"/>
    </row>
    <row r="601230" spans="14:14">
      <c r="N601230" s="10"/>
    </row>
    <row r="601231" spans="14:14">
      <c r="N601231" s="10"/>
    </row>
    <row r="601232" spans="14:14">
      <c r="N601232" s="10"/>
    </row>
    <row r="601233" spans="14:14">
      <c r="N601233" s="10"/>
    </row>
    <row r="601234" spans="14:14">
      <c r="N601234" s="10"/>
    </row>
    <row r="601235" spans="14:14">
      <c r="N601235" s="10"/>
    </row>
    <row r="601236" spans="14:14">
      <c r="N601236" s="10"/>
    </row>
    <row r="601237" spans="14:14">
      <c r="N601237" s="10"/>
    </row>
    <row r="601238" spans="14:14">
      <c r="N601238" s="10"/>
    </row>
    <row r="601239" spans="14:14">
      <c r="N601239" s="10"/>
    </row>
    <row r="601240" spans="14:14">
      <c r="N601240" s="10"/>
    </row>
    <row r="601241" spans="14:14">
      <c r="N601241" s="10"/>
    </row>
    <row r="601242" spans="14:14">
      <c r="N601242" s="10"/>
    </row>
    <row r="601243" spans="14:14">
      <c r="N601243" s="10"/>
    </row>
    <row r="601244" spans="14:14">
      <c r="N601244" s="10"/>
    </row>
    <row r="601245" spans="14:14">
      <c r="N601245" s="10"/>
    </row>
    <row r="601246" spans="14:14">
      <c r="N601246" s="10"/>
    </row>
    <row r="601247" spans="14:14">
      <c r="N601247" s="10"/>
    </row>
    <row r="601248" spans="14:14">
      <c r="N601248" s="10"/>
    </row>
    <row r="601249" spans="14:14">
      <c r="N601249" s="10"/>
    </row>
    <row r="601250" spans="14:14">
      <c r="N601250" s="10"/>
    </row>
    <row r="601251" spans="14:14">
      <c r="N601251" s="10"/>
    </row>
    <row r="601252" spans="14:14">
      <c r="N601252" s="10"/>
    </row>
    <row r="601253" spans="14:14">
      <c r="N601253" s="10"/>
    </row>
    <row r="601254" spans="14:14">
      <c r="N601254" s="10"/>
    </row>
    <row r="601255" spans="14:14">
      <c r="N601255" s="10"/>
    </row>
    <row r="601256" spans="14:14">
      <c r="N601256" s="10"/>
    </row>
    <row r="601257" spans="14:14">
      <c r="N601257" s="10"/>
    </row>
    <row r="601258" spans="14:14">
      <c r="N601258" s="10"/>
    </row>
    <row r="601259" spans="14:14">
      <c r="N601259" s="10"/>
    </row>
    <row r="601260" spans="14:14">
      <c r="N601260" s="10"/>
    </row>
    <row r="601261" spans="14:14">
      <c r="N601261" s="10"/>
    </row>
    <row r="601262" spans="14:14">
      <c r="N601262" s="10"/>
    </row>
    <row r="601263" spans="14:14">
      <c r="N601263" s="10"/>
    </row>
    <row r="601264" spans="14:14">
      <c r="N601264" s="10"/>
    </row>
    <row r="601265" spans="14:14">
      <c r="N601265" s="10"/>
    </row>
    <row r="601266" spans="14:14">
      <c r="N601266" s="10"/>
    </row>
    <row r="601267" spans="14:14">
      <c r="N601267" s="10"/>
    </row>
    <row r="601268" spans="14:14">
      <c r="N601268" s="10"/>
    </row>
    <row r="601269" spans="14:14">
      <c r="N601269" s="10"/>
    </row>
    <row r="601270" spans="14:14">
      <c r="N601270" s="10"/>
    </row>
    <row r="601271" spans="14:14">
      <c r="N601271" s="10"/>
    </row>
    <row r="601272" spans="14:14">
      <c r="N601272" s="10"/>
    </row>
    <row r="601273" spans="14:14">
      <c r="N601273" s="10"/>
    </row>
    <row r="601274" spans="14:14">
      <c r="N601274" s="10"/>
    </row>
    <row r="601275" spans="14:14">
      <c r="N601275" s="10"/>
    </row>
    <row r="601276" spans="14:14">
      <c r="N601276" s="10"/>
    </row>
    <row r="601277" spans="14:14">
      <c r="N601277" s="10"/>
    </row>
    <row r="601278" spans="14:14">
      <c r="N601278" s="10"/>
    </row>
    <row r="601279" spans="14:14">
      <c r="N601279" s="10"/>
    </row>
    <row r="601280" spans="14:14">
      <c r="N601280" s="10"/>
    </row>
    <row r="601281" spans="14:14">
      <c r="N601281" s="10"/>
    </row>
    <row r="601282" spans="14:14">
      <c r="N601282" s="10"/>
    </row>
    <row r="601283" spans="14:14">
      <c r="N601283" s="10"/>
    </row>
    <row r="601284" spans="14:14">
      <c r="N601284" s="10"/>
    </row>
    <row r="601285" spans="14:14">
      <c r="N601285" s="10"/>
    </row>
    <row r="601286" spans="14:14">
      <c r="N601286" s="10"/>
    </row>
    <row r="601287" spans="14:14">
      <c r="N601287" s="10"/>
    </row>
    <row r="601288" spans="14:14">
      <c r="N601288" s="10"/>
    </row>
    <row r="601289" spans="14:14">
      <c r="N601289" s="10"/>
    </row>
    <row r="601290" spans="14:14">
      <c r="N601290" s="10"/>
    </row>
    <row r="601291" spans="14:14">
      <c r="N601291" s="10"/>
    </row>
    <row r="601292" spans="14:14">
      <c r="N601292" s="10"/>
    </row>
    <row r="601293" spans="14:14">
      <c r="N601293" s="10"/>
    </row>
    <row r="601294" spans="14:14">
      <c r="N601294" s="10"/>
    </row>
    <row r="601295" spans="14:14">
      <c r="N601295" s="10"/>
    </row>
    <row r="601296" spans="14:14">
      <c r="N601296" s="10"/>
    </row>
    <row r="601297" spans="14:14">
      <c r="N601297" s="10"/>
    </row>
    <row r="601298" spans="14:14">
      <c r="N601298" s="10"/>
    </row>
    <row r="601299" spans="14:14">
      <c r="N601299" s="10"/>
    </row>
    <row r="601300" spans="14:14">
      <c r="N601300" s="10"/>
    </row>
    <row r="601301" spans="14:14">
      <c r="N601301" s="10"/>
    </row>
    <row r="601302" spans="14:14">
      <c r="N601302" s="10"/>
    </row>
    <row r="601303" spans="14:14">
      <c r="N601303" s="10"/>
    </row>
    <row r="601304" spans="14:14">
      <c r="N601304" s="10"/>
    </row>
    <row r="601305" spans="14:14">
      <c r="N601305" s="10"/>
    </row>
    <row r="601306" spans="14:14">
      <c r="N601306" s="10"/>
    </row>
    <row r="601307" spans="14:14">
      <c r="N601307" s="10"/>
    </row>
    <row r="601308" spans="14:14">
      <c r="N601308" s="10"/>
    </row>
    <row r="601309" spans="14:14">
      <c r="N601309" s="10"/>
    </row>
    <row r="601310" spans="14:14">
      <c r="N601310" s="10"/>
    </row>
    <row r="601311" spans="14:14">
      <c r="N601311" s="10"/>
    </row>
    <row r="601312" spans="14:14">
      <c r="N601312" s="10"/>
    </row>
    <row r="601313" spans="14:14">
      <c r="N601313" s="10"/>
    </row>
    <row r="601314" spans="14:14">
      <c r="N601314" s="10"/>
    </row>
    <row r="601315" spans="14:14">
      <c r="N601315" s="10"/>
    </row>
    <row r="601316" spans="14:14">
      <c r="N601316" s="10"/>
    </row>
    <row r="601317" spans="14:14">
      <c r="N601317" s="10"/>
    </row>
    <row r="601318" spans="14:14">
      <c r="N601318" s="10"/>
    </row>
    <row r="601319" spans="14:14">
      <c r="N601319" s="10"/>
    </row>
    <row r="601320" spans="14:14">
      <c r="N601320" s="10"/>
    </row>
    <row r="601321" spans="14:14">
      <c r="N601321" s="10"/>
    </row>
    <row r="601322" spans="14:14">
      <c r="N601322" s="10"/>
    </row>
    <row r="601323" spans="14:14">
      <c r="N601323" s="10"/>
    </row>
    <row r="601324" spans="14:14">
      <c r="N601324" s="10"/>
    </row>
    <row r="601325" spans="14:14">
      <c r="N601325" s="10"/>
    </row>
    <row r="601326" spans="14:14">
      <c r="N601326" s="10"/>
    </row>
    <row r="601327" spans="14:14">
      <c r="N601327" s="10"/>
    </row>
    <row r="601328" spans="14:14">
      <c r="N601328" s="10"/>
    </row>
    <row r="601329" spans="14:14">
      <c r="N601329" s="10"/>
    </row>
    <row r="601330" spans="14:14">
      <c r="N601330" s="10"/>
    </row>
    <row r="601331" spans="14:14">
      <c r="N601331" s="10"/>
    </row>
    <row r="601332" spans="14:14">
      <c r="N601332" s="10"/>
    </row>
    <row r="601333" spans="14:14">
      <c r="N601333" s="10"/>
    </row>
    <row r="601334" spans="14:14">
      <c r="N601334" s="10"/>
    </row>
    <row r="601335" spans="14:14">
      <c r="N601335" s="10"/>
    </row>
    <row r="601336" spans="14:14">
      <c r="N601336" s="10"/>
    </row>
    <row r="601337" spans="14:14">
      <c r="N601337" s="10"/>
    </row>
    <row r="601338" spans="14:14">
      <c r="N601338" s="10"/>
    </row>
    <row r="601339" spans="14:14">
      <c r="N601339" s="10"/>
    </row>
    <row r="601340" spans="14:14">
      <c r="N601340" s="10"/>
    </row>
    <row r="601341" spans="14:14">
      <c r="N601341" s="10"/>
    </row>
    <row r="601342" spans="14:14">
      <c r="N601342" s="10"/>
    </row>
    <row r="601343" spans="14:14">
      <c r="N601343" s="10"/>
    </row>
    <row r="601344" spans="14:14">
      <c r="N601344" s="10"/>
    </row>
    <row r="601345" spans="14:14">
      <c r="N601345" s="10"/>
    </row>
    <row r="601346" spans="14:14">
      <c r="N601346" s="10"/>
    </row>
    <row r="601347" spans="14:14">
      <c r="N601347" s="10"/>
    </row>
    <row r="601348" spans="14:14">
      <c r="N601348" s="10"/>
    </row>
    <row r="601349" spans="14:14">
      <c r="N601349" s="10"/>
    </row>
    <row r="601350" spans="14:14">
      <c r="N601350" s="10"/>
    </row>
    <row r="601351" spans="14:14">
      <c r="N601351" s="10"/>
    </row>
    <row r="601352" spans="14:14">
      <c r="N601352" s="10"/>
    </row>
    <row r="601353" spans="14:14">
      <c r="N601353" s="10"/>
    </row>
    <row r="601354" spans="14:14">
      <c r="N601354" s="10"/>
    </row>
    <row r="601355" spans="14:14">
      <c r="N601355" s="10"/>
    </row>
    <row r="601356" spans="14:14">
      <c r="N601356" s="10"/>
    </row>
    <row r="601357" spans="14:14">
      <c r="N601357" s="10"/>
    </row>
    <row r="601358" spans="14:14">
      <c r="N601358" s="10"/>
    </row>
    <row r="601359" spans="14:14">
      <c r="N601359" s="10"/>
    </row>
    <row r="601360" spans="14:14">
      <c r="N601360" s="10"/>
    </row>
    <row r="601361" spans="14:14">
      <c r="N601361" s="10"/>
    </row>
    <row r="601362" spans="14:14">
      <c r="N601362" s="10"/>
    </row>
    <row r="601363" spans="14:14">
      <c r="N601363" s="10"/>
    </row>
    <row r="601364" spans="14:14">
      <c r="N601364" s="10"/>
    </row>
    <row r="601365" spans="14:14">
      <c r="N601365" s="10"/>
    </row>
    <row r="601366" spans="14:14">
      <c r="N601366" s="10"/>
    </row>
    <row r="601367" spans="14:14">
      <c r="N601367" s="10"/>
    </row>
    <row r="601368" spans="14:14">
      <c r="N601368" s="10"/>
    </row>
    <row r="601369" spans="14:14">
      <c r="N601369" s="10"/>
    </row>
    <row r="601370" spans="14:14">
      <c r="N601370" s="10"/>
    </row>
    <row r="601371" spans="14:14">
      <c r="N601371" s="10"/>
    </row>
    <row r="601372" spans="14:14">
      <c r="N601372" s="10"/>
    </row>
    <row r="601373" spans="14:14">
      <c r="N601373" s="10"/>
    </row>
    <row r="601374" spans="14:14">
      <c r="N601374" s="10"/>
    </row>
    <row r="601375" spans="14:14">
      <c r="N601375" s="10"/>
    </row>
    <row r="601376" spans="14:14">
      <c r="N601376" s="10"/>
    </row>
    <row r="601377" spans="14:14">
      <c r="N601377" s="10"/>
    </row>
    <row r="601378" spans="14:14">
      <c r="N601378" s="10"/>
    </row>
    <row r="601379" spans="14:14">
      <c r="N601379" s="10"/>
    </row>
    <row r="601380" spans="14:14">
      <c r="N601380" s="10"/>
    </row>
    <row r="601381" spans="14:14">
      <c r="N601381" s="10"/>
    </row>
    <row r="601382" spans="14:14">
      <c r="N601382" s="10"/>
    </row>
    <row r="601383" spans="14:14">
      <c r="N601383" s="10"/>
    </row>
    <row r="601384" spans="14:14">
      <c r="N601384" s="10"/>
    </row>
    <row r="601385" spans="14:14">
      <c r="N601385" s="10"/>
    </row>
    <row r="601386" spans="14:14">
      <c r="N601386" s="10"/>
    </row>
    <row r="601387" spans="14:14">
      <c r="N601387" s="10"/>
    </row>
    <row r="601388" spans="14:14">
      <c r="N601388" s="10"/>
    </row>
    <row r="601389" spans="14:14">
      <c r="N601389" s="10"/>
    </row>
    <row r="601390" spans="14:14">
      <c r="N601390" s="10"/>
    </row>
    <row r="601391" spans="14:14">
      <c r="N601391" s="10"/>
    </row>
    <row r="601392" spans="14:14">
      <c r="N601392" s="10"/>
    </row>
    <row r="601393" spans="14:14">
      <c r="N601393" s="10"/>
    </row>
    <row r="601394" spans="14:14">
      <c r="N601394" s="10"/>
    </row>
    <row r="601395" spans="14:14">
      <c r="N601395" s="10"/>
    </row>
    <row r="601396" spans="14:14">
      <c r="N601396" s="10"/>
    </row>
    <row r="601397" spans="14:14">
      <c r="N601397" s="10"/>
    </row>
    <row r="601398" spans="14:14">
      <c r="N601398" s="10"/>
    </row>
    <row r="601399" spans="14:14">
      <c r="N601399" s="10"/>
    </row>
    <row r="601400" spans="14:14">
      <c r="N601400" s="10"/>
    </row>
    <row r="601401" spans="14:14">
      <c r="N601401" s="10"/>
    </row>
    <row r="601402" spans="14:14">
      <c r="N601402" s="10"/>
    </row>
    <row r="601403" spans="14:14">
      <c r="N601403" s="10"/>
    </row>
    <row r="601404" spans="14:14">
      <c r="N601404" s="10"/>
    </row>
    <row r="601405" spans="14:14">
      <c r="N601405" s="10"/>
    </row>
    <row r="601406" spans="14:14">
      <c r="N601406" s="10"/>
    </row>
    <row r="601407" spans="14:14">
      <c r="N601407" s="10"/>
    </row>
    <row r="601408" spans="14:14">
      <c r="N601408" s="10"/>
    </row>
    <row r="601409" spans="14:14">
      <c r="N601409" s="10"/>
    </row>
    <row r="601410" spans="14:14">
      <c r="N601410" s="10"/>
    </row>
    <row r="601411" spans="14:14">
      <c r="N601411" s="10"/>
    </row>
    <row r="601412" spans="14:14">
      <c r="N601412" s="10"/>
    </row>
    <row r="601413" spans="14:14">
      <c r="N601413" s="10"/>
    </row>
    <row r="601414" spans="14:14">
      <c r="N601414" s="10"/>
    </row>
    <row r="601415" spans="14:14">
      <c r="N601415" s="10"/>
    </row>
    <row r="601416" spans="14:14">
      <c r="N601416" s="10"/>
    </row>
    <row r="601417" spans="14:14">
      <c r="N601417" s="10"/>
    </row>
    <row r="601418" spans="14:14">
      <c r="N601418" s="10"/>
    </row>
    <row r="601419" spans="14:14">
      <c r="N601419" s="10"/>
    </row>
    <row r="601420" spans="14:14">
      <c r="N601420" s="10"/>
    </row>
    <row r="601421" spans="14:14">
      <c r="N601421" s="10"/>
    </row>
    <row r="601422" spans="14:14">
      <c r="N601422" s="10"/>
    </row>
    <row r="601423" spans="14:14">
      <c r="N601423" s="10"/>
    </row>
    <row r="601424" spans="14:14">
      <c r="N601424" s="10"/>
    </row>
    <row r="601425" spans="14:14">
      <c r="N601425" s="10"/>
    </row>
    <row r="601426" spans="14:14">
      <c r="N601426" s="10"/>
    </row>
    <row r="601427" spans="14:14">
      <c r="N601427" s="10"/>
    </row>
    <row r="601428" spans="14:14">
      <c r="N601428" s="10"/>
    </row>
    <row r="601429" spans="14:14">
      <c r="N601429" s="10"/>
    </row>
    <row r="601430" spans="14:14">
      <c r="N601430" s="10"/>
    </row>
    <row r="601431" spans="14:14">
      <c r="N601431" s="10"/>
    </row>
    <row r="601432" spans="14:14">
      <c r="N601432" s="10"/>
    </row>
    <row r="601433" spans="14:14">
      <c r="N601433" s="10"/>
    </row>
    <row r="601434" spans="14:14">
      <c r="N601434" s="10"/>
    </row>
    <row r="601435" spans="14:14">
      <c r="N601435" s="10"/>
    </row>
    <row r="601436" spans="14:14">
      <c r="N601436" s="10"/>
    </row>
    <row r="601437" spans="14:14">
      <c r="N601437" s="10"/>
    </row>
    <row r="601438" spans="14:14">
      <c r="N601438" s="10"/>
    </row>
    <row r="601439" spans="14:14">
      <c r="N601439" s="10"/>
    </row>
    <row r="601440" spans="14:14">
      <c r="N601440" s="10"/>
    </row>
    <row r="601441" spans="14:14">
      <c r="N601441" s="10"/>
    </row>
    <row r="601442" spans="14:14">
      <c r="N601442" s="10"/>
    </row>
    <row r="601443" spans="14:14">
      <c r="N601443" s="10"/>
    </row>
    <row r="601444" spans="14:14">
      <c r="N601444" s="10"/>
    </row>
    <row r="601445" spans="14:14">
      <c r="N601445" s="10"/>
    </row>
    <row r="601446" spans="14:14">
      <c r="N601446" s="10"/>
    </row>
    <row r="601447" spans="14:14">
      <c r="N601447" s="10"/>
    </row>
    <row r="601448" spans="14:14">
      <c r="N601448" s="10"/>
    </row>
    <row r="601449" spans="14:14">
      <c r="N601449" s="10"/>
    </row>
    <row r="601450" spans="14:14">
      <c r="N601450" s="10"/>
    </row>
    <row r="601451" spans="14:14">
      <c r="N601451" s="10"/>
    </row>
    <row r="601452" spans="14:14">
      <c r="N601452" s="10"/>
    </row>
    <row r="601453" spans="14:14">
      <c r="N601453" s="10"/>
    </row>
    <row r="601454" spans="14:14">
      <c r="N601454" s="10"/>
    </row>
    <row r="601455" spans="14:14">
      <c r="N601455" s="10"/>
    </row>
    <row r="601456" spans="14:14">
      <c r="N601456" s="10"/>
    </row>
    <row r="601457" spans="14:14">
      <c r="N601457" s="10"/>
    </row>
    <row r="601458" spans="14:14">
      <c r="N601458" s="10"/>
    </row>
    <row r="601459" spans="14:14">
      <c r="N601459" s="10"/>
    </row>
    <row r="601460" spans="14:14">
      <c r="N601460" s="10"/>
    </row>
    <row r="601461" spans="14:14">
      <c r="N601461" s="10"/>
    </row>
    <row r="601462" spans="14:14">
      <c r="N601462" s="10"/>
    </row>
    <row r="601463" spans="14:14">
      <c r="N601463" s="10"/>
    </row>
    <row r="601464" spans="14:14">
      <c r="N601464" s="10"/>
    </row>
    <row r="601465" spans="14:14">
      <c r="N601465" s="10"/>
    </row>
    <row r="601466" spans="14:14">
      <c r="N601466" s="10"/>
    </row>
    <row r="601467" spans="14:14">
      <c r="N601467" s="10"/>
    </row>
    <row r="601468" spans="14:14">
      <c r="N601468" s="10"/>
    </row>
    <row r="601469" spans="14:14">
      <c r="N601469" s="10"/>
    </row>
    <row r="601470" spans="14:14">
      <c r="N601470" s="10"/>
    </row>
    <row r="601471" spans="14:14">
      <c r="N601471" s="10"/>
    </row>
    <row r="601472" spans="14:14">
      <c r="N601472" s="10"/>
    </row>
    <row r="601473" spans="14:14">
      <c r="N601473" s="10"/>
    </row>
    <row r="601474" spans="14:14">
      <c r="N601474" s="10"/>
    </row>
    <row r="601475" spans="14:14">
      <c r="N601475" s="10"/>
    </row>
    <row r="601476" spans="14:14">
      <c r="N601476" s="10"/>
    </row>
    <row r="601477" spans="14:14">
      <c r="N601477" s="10"/>
    </row>
    <row r="601478" spans="14:14">
      <c r="N601478" s="10"/>
    </row>
    <row r="601479" spans="14:14">
      <c r="N601479" s="10"/>
    </row>
    <row r="601480" spans="14:14">
      <c r="N601480" s="10"/>
    </row>
    <row r="601481" spans="14:14">
      <c r="N601481" s="10"/>
    </row>
    <row r="601482" spans="14:14">
      <c r="N601482" s="10"/>
    </row>
    <row r="601483" spans="14:14">
      <c r="N601483" s="10"/>
    </row>
    <row r="601484" spans="14:14">
      <c r="N601484" s="10"/>
    </row>
    <row r="601485" spans="14:14">
      <c r="N601485" s="10"/>
    </row>
    <row r="601486" spans="14:14">
      <c r="N601486" s="10"/>
    </row>
    <row r="601487" spans="14:14">
      <c r="N601487" s="10"/>
    </row>
    <row r="601488" spans="14:14">
      <c r="N601488" s="10"/>
    </row>
    <row r="601489" spans="14:14">
      <c r="N601489" s="10"/>
    </row>
    <row r="601490" spans="14:14">
      <c r="N601490" s="10"/>
    </row>
    <row r="601491" spans="14:14">
      <c r="N601491" s="10"/>
    </row>
    <row r="601492" spans="14:14">
      <c r="N601492" s="10"/>
    </row>
    <row r="601493" spans="14:14">
      <c r="N601493" s="10"/>
    </row>
    <row r="601494" spans="14:14">
      <c r="N601494" s="10"/>
    </row>
    <row r="601495" spans="14:14">
      <c r="N601495" s="10"/>
    </row>
    <row r="601496" spans="14:14">
      <c r="N601496" s="10"/>
    </row>
    <row r="601497" spans="14:14">
      <c r="N601497" s="10"/>
    </row>
    <row r="601498" spans="14:14">
      <c r="N601498" s="10"/>
    </row>
    <row r="601499" spans="14:14">
      <c r="N601499" s="10"/>
    </row>
    <row r="601500" spans="14:14">
      <c r="N601500" s="10"/>
    </row>
    <row r="601501" spans="14:14">
      <c r="N601501" s="10"/>
    </row>
    <row r="601502" spans="14:14">
      <c r="N601502" s="10"/>
    </row>
    <row r="601503" spans="14:14">
      <c r="N601503" s="10"/>
    </row>
    <row r="601504" spans="14:14">
      <c r="N601504" s="10"/>
    </row>
    <row r="601505" spans="14:14">
      <c r="N601505" s="10"/>
    </row>
    <row r="601506" spans="14:14">
      <c r="N601506" s="10"/>
    </row>
    <row r="601507" spans="14:14">
      <c r="N601507" s="10"/>
    </row>
    <row r="601508" spans="14:14">
      <c r="N601508" s="10"/>
    </row>
    <row r="601509" spans="14:14">
      <c r="N601509" s="10"/>
    </row>
    <row r="601510" spans="14:14">
      <c r="N601510" s="10"/>
    </row>
    <row r="601511" spans="14:14">
      <c r="N601511" s="10"/>
    </row>
    <row r="601512" spans="14:14">
      <c r="N601512" s="10"/>
    </row>
    <row r="601513" spans="14:14">
      <c r="N601513" s="10"/>
    </row>
    <row r="601514" spans="14:14">
      <c r="N601514" s="10"/>
    </row>
    <row r="601515" spans="14:14">
      <c r="N601515" s="10"/>
    </row>
    <row r="601516" spans="14:14">
      <c r="N601516" s="10"/>
    </row>
    <row r="601517" spans="14:14">
      <c r="N601517" s="10"/>
    </row>
    <row r="601518" spans="14:14">
      <c r="N601518" s="10"/>
    </row>
    <row r="601519" spans="14:14">
      <c r="N601519" s="10"/>
    </row>
    <row r="601520" spans="14:14">
      <c r="N601520" s="10"/>
    </row>
    <row r="601521" spans="14:14">
      <c r="N601521" s="10"/>
    </row>
    <row r="601522" spans="14:14">
      <c r="N601522" s="10"/>
    </row>
    <row r="601523" spans="14:14">
      <c r="N601523" s="10"/>
    </row>
    <row r="601524" spans="14:14">
      <c r="N601524" s="10"/>
    </row>
    <row r="601525" spans="14:14">
      <c r="N601525" s="10"/>
    </row>
    <row r="601526" spans="14:14">
      <c r="N601526" s="10"/>
    </row>
    <row r="601527" spans="14:14">
      <c r="N601527" s="10"/>
    </row>
    <row r="601528" spans="14:14">
      <c r="N601528" s="10"/>
    </row>
    <row r="601529" spans="14:14">
      <c r="N601529" s="10"/>
    </row>
    <row r="601530" spans="14:14">
      <c r="N601530" s="10"/>
    </row>
    <row r="601531" spans="14:14">
      <c r="N601531" s="10"/>
    </row>
    <row r="601532" spans="14:14">
      <c r="N601532" s="10"/>
    </row>
    <row r="601533" spans="14:14">
      <c r="N601533" s="10"/>
    </row>
    <row r="601534" spans="14:14">
      <c r="N601534" s="10"/>
    </row>
    <row r="601535" spans="14:14">
      <c r="N601535" s="10"/>
    </row>
    <row r="601536" spans="14:14">
      <c r="N601536" s="10"/>
    </row>
    <row r="601537" spans="14:14">
      <c r="N601537" s="10"/>
    </row>
    <row r="601538" spans="14:14">
      <c r="N601538" s="10"/>
    </row>
    <row r="601539" spans="14:14">
      <c r="N601539" s="10"/>
    </row>
    <row r="601540" spans="14:14">
      <c r="N601540" s="10"/>
    </row>
    <row r="601541" spans="14:14">
      <c r="N601541" s="10"/>
    </row>
    <row r="601542" spans="14:14">
      <c r="N601542" s="10"/>
    </row>
    <row r="601543" spans="14:14">
      <c r="N601543" s="10"/>
    </row>
    <row r="601544" spans="14:14">
      <c r="N601544" s="10"/>
    </row>
    <row r="601545" spans="14:14">
      <c r="N601545" s="10"/>
    </row>
    <row r="601546" spans="14:14">
      <c r="N601546" s="10"/>
    </row>
    <row r="601547" spans="14:14">
      <c r="N601547" s="10"/>
    </row>
    <row r="601548" spans="14:14">
      <c r="N601548" s="10"/>
    </row>
    <row r="601549" spans="14:14">
      <c r="N601549" s="10"/>
    </row>
    <row r="601550" spans="14:14">
      <c r="N601550" s="10"/>
    </row>
    <row r="601551" spans="14:14">
      <c r="N601551" s="10"/>
    </row>
    <row r="601552" spans="14:14">
      <c r="N601552" s="10"/>
    </row>
    <row r="601553" spans="14:14">
      <c r="N601553" s="10"/>
    </row>
    <row r="601554" spans="14:14">
      <c r="N601554" s="10"/>
    </row>
    <row r="601555" spans="14:14">
      <c r="N601555" s="10"/>
    </row>
    <row r="601556" spans="14:14">
      <c r="N601556" s="10"/>
    </row>
    <row r="601557" spans="14:14">
      <c r="N601557" s="10"/>
    </row>
    <row r="601558" spans="14:14">
      <c r="N601558" s="10"/>
    </row>
    <row r="601559" spans="14:14">
      <c r="N601559" s="10"/>
    </row>
    <row r="601560" spans="14:14">
      <c r="N601560" s="10"/>
    </row>
    <row r="601561" spans="14:14">
      <c r="N601561" s="10"/>
    </row>
    <row r="601562" spans="14:14">
      <c r="N601562" s="10"/>
    </row>
    <row r="601563" spans="14:14">
      <c r="N601563" s="10"/>
    </row>
    <row r="601564" spans="14:14">
      <c r="N601564" s="10"/>
    </row>
    <row r="601565" spans="14:14">
      <c r="N601565" s="10"/>
    </row>
    <row r="601566" spans="14:14">
      <c r="N601566" s="10"/>
    </row>
    <row r="601567" spans="14:14">
      <c r="N601567" s="10"/>
    </row>
    <row r="601568" spans="14:14">
      <c r="N601568" s="10"/>
    </row>
    <row r="601569" spans="14:14">
      <c r="N601569" s="10"/>
    </row>
    <row r="601570" spans="14:14">
      <c r="N601570" s="10"/>
    </row>
    <row r="601571" spans="14:14">
      <c r="N601571" s="10"/>
    </row>
    <row r="601572" spans="14:14">
      <c r="N601572" s="10"/>
    </row>
    <row r="601573" spans="14:14">
      <c r="N601573" s="10"/>
    </row>
    <row r="601574" spans="14:14">
      <c r="N601574" s="10"/>
    </row>
    <row r="601575" spans="14:14">
      <c r="N601575" s="10"/>
    </row>
    <row r="601576" spans="14:14">
      <c r="N601576" s="10"/>
    </row>
    <row r="601577" spans="14:14">
      <c r="N601577" s="10"/>
    </row>
    <row r="601578" spans="14:14">
      <c r="N601578" s="10"/>
    </row>
    <row r="601579" spans="14:14">
      <c r="N601579" s="10"/>
    </row>
    <row r="601580" spans="14:14">
      <c r="N601580" s="10"/>
    </row>
    <row r="601581" spans="14:14">
      <c r="N601581" s="10"/>
    </row>
    <row r="601582" spans="14:14">
      <c r="N601582" s="10"/>
    </row>
    <row r="601583" spans="14:14">
      <c r="N601583" s="10"/>
    </row>
    <row r="601584" spans="14:14">
      <c r="N601584" s="10"/>
    </row>
    <row r="601585" spans="14:14">
      <c r="N601585" s="10"/>
    </row>
    <row r="601586" spans="14:14">
      <c r="N601586" s="10"/>
    </row>
    <row r="601587" spans="14:14">
      <c r="N601587" s="10"/>
    </row>
    <row r="601588" spans="14:14">
      <c r="N601588" s="10"/>
    </row>
    <row r="601589" spans="14:14">
      <c r="N601589" s="10"/>
    </row>
    <row r="601590" spans="14:14">
      <c r="N601590" s="10"/>
    </row>
    <row r="601591" spans="14:14">
      <c r="N601591" s="10"/>
    </row>
    <row r="601592" spans="14:14">
      <c r="N601592" s="10"/>
    </row>
    <row r="601593" spans="14:14">
      <c r="N601593" s="10"/>
    </row>
    <row r="601594" spans="14:14">
      <c r="N601594" s="10"/>
    </row>
    <row r="601595" spans="14:14">
      <c r="N601595" s="10"/>
    </row>
    <row r="601596" spans="14:14">
      <c r="N601596" s="10"/>
    </row>
    <row r="601597" spans="14:14">
      <c r="N601597" s="10"/>
    </row>
    <row r="601598" spans="14:14">
      <c r="N601598" s="10"/>
    </row>
    <row r="601599" spans="14:14">
      <c r="N601599" s="10"/>
    </row>
    <row r="601600" spans="14:14">
      <c r="N601600" s="10"/>
    </row>
    <row r="601601" spans="14:14">
      <c r="N601601" s="10"/>
    </row>
    <row r="601602" spans="14:14">
      <c r="N601602" s="10"/>
    </row>
    <row r="601603" spans="14:14">
      <c r="N601603" s="10"/>
    </row>
    <row r="601604" spans="14:14">
      <c r="N601604" s="10"/>
    </row>
    <row r="601605" spans="14:14">
      <c r="N601605" s="10"/>
    </row>
    <row r="601606" spans="14:14">
      <c r="N601606" s="10"/>
    </row>
    <row r="601607" spans="14:14">
      <c r="N601607" s="10"/>
    </row>
    <row r="601608" spans="14:14">
      <c r="N601608" s="10"/>
    </row>
    <row r="601609" spans="14:14">
      <c r="N601609" s="10"/>
    </row>
    <row r="601610" spans="14:14">
      <c r="N601610" s="10"/>
    </row>
    <row r="601611" spans="14:14">
      <c r="N601611" s="10"/>
    </row>
    <row r="601612" spans="14:14">
      <c r="N601612" s="10"/>
    </row>
    <row r="601613" spans="14:14">
      <c r="N601613" s="10"/>
    </row>
    <row r="601614" spans="14:14">
      <c r="N601614" s="10"/>
    </row>
    <row r="601615" spans="14:14">
      <c r="N601615" s="10"/>
    </row>
    <row r="601616" spans="14:14">
      <c r="N601616" s="10"/>
    </row>
    <row r="601617" spans="14:14">
      <c r="N601617" s="10"/>
    </row>
    <row r="601618" spans="14:14">
      <c r="N601618" s="10"/>
    </row>
    <row r="601619" spans="14:14">
      <c r="N601619" s="10"/>
    </row>
    <row r="601620" spans="14:14">
      <c r="N601620" s="10"/>
    </row>
    <row r="601621" spans="14:14">
      <c r="N601621" s="10"/>
    </row>
    <row r="601622" spans="14:14">
      <c r="N601622" s="10"/>
    </row>
    <row r="601623" spans="14:14">
      <c r="N601623" s="10"/>
    </row>
    <row r="601624" spans="14:14">
      <c r="N601624" s="10"/>
    </row>
    <row r="601625" spans="14:14">
      <c r="N601625" s="10"/>
    </row>
    <row r="601626" spans="14:14">
      <c r="N601626" s="10"/>
    </row>
    <row r="601627" spans="14:14">
      <c r="N601627" s="10"/>
    </row>
    <row r="601628" spans="14:14">
      <c r="N601628" s="10"/>
    </row>
    <row r="601629" spans="14:14">
      <c r="N601629" s="10"/>
    </row>
    <row r="601630" spans="14:14">
      <c r="N601630" s="10"/>
    </row>
    <row r="601631" spans="14:14">
      <c r="N601631" s="10"/>
    </row>
    <row r="601632" spans="14:14">
      <c r="N601632" s="10"/>
    </row>
    <row r="601633" spans="14:14">
      <c r="N601633" s="10"/>
    </row>
    <row r="601634" spans="14:14">
      <c r="N601634" s="10"/>
    </row>
    <row r="601635" spans="14:14">
      <c r="N601635" s="10"/>
    </row>
    <row r="601636" spans="14:14">
      <c r="N601636" s="10"/>
    </row>
    <row r="601637" spans="14:14">
      <c r="N601637" s="10"/>
    </row>
    <row r="601638" spans="14:14">
      <c r="N601638" s="10"/>
    </row>
    <row r="601639" spans="14:14">
      <c r="N601639" s="10"/>
    </row>
    <row r="601640" spans="14:14">
      <c r="N601640" s="10"/>
    </row>
    <row r="601641" spans="14:14">
      <c r="N601641" s="10"/>
    </row>
    <row r="601642" spans="14:14">
      <c r="N601642" s="10"/>
    </row>
    <row r="601643" spans="14:14">
      <c r="N601643" s="10"/>
    </row>
    <row r="601644" spans="14:14">
      <c r="N601644" s="10"/>
    </row>
    <row r="601645" spans="14:14">
      <c r="N601645" s="10"/>
    </row>
    <row r="601646" spans="14:14">
      <c r="N601646" s="10"/>
    </row>
    <row r="601647" spans="14:14">
      <c r="N601647" s="10"/>
    </row>
    <row r="601648" spans="14:14">
      <c r="N601648" s="10"/>
    </row>
    <row r="601649" spans="14:14">
      <c r="N601649" s="10"/>
    </row>
    <row r="601650" spans="14:14">
      <c r="N601650" s="10"/>
    </row>
    <row r="601651" spans="14:14">
      <c r="N601651" s="10"/>
    </row>
    <row r="601652" spans="14:14">
      <c r="N601652" s="10"/>
    </row>
    <row r="601653" spans="14:14">
      <c r="N601653" s="10"/>
    </row>
    <row r="601654" spans="14:14">
      <c r="N601654" s="10"/>
    </row>
    <row r="601655" spans="14:14">
      <c r="N601655" s="10"/>
    </row>
    <row r="601656" spans="14:14">
      <c r="N601656" s="10"/>
    </row>
    <row r="601657" spans="14:14">
      <c r="N601657" s="10"/>
    </row>
    <row r="601658" spans="14:14">
      <c r="N601658" s="10"/>
    </row>
    <row r="601659" spans="14:14">
      <c r="N601659" s="10"/>
    </row>
    <row r="601660" spans="14:14">
      <c r="N601660" s="10"/>
    </row>
    <row r="601661" spans="14:14">
      <c r="N601661" s="10"/>
    </row>
    <row r="601662" spans="14:14">
      <c r="N601662" s="10"/>
    </row>
    <row r="601663" spans="14:14">
      <c r="N601663" s="10"/>
    </row>
    <row r="601664" spans="14:14">
      <c r="N601664" s="10"/>
    </row>
    <row r="601665" spans="14:14">
      <c r="N601665" s="10"/>
    </row>
    <row r="601666" spans="14:14">
      <c r="N601666" s="10"/>
    </row>
    <row r="601667" spans="14:14">
      <c r="N601667" s="10"/>
    </row>
    <row r="601668" spans="14:14">
      <c r="N601668" s="10"/>
    </row>
    <row r="601669" spans="14:14">
      <c r="N601669" s="10"/>
    </row>
    <row r="601670" spans="14:14">
      <c r="N601670" s="10"/>
    </row>
    <row r="601671" spans="14:14">
      <c r="N601671" s="10"/>
    </row>
    <row r="601672" spans="14:14">
      <c r="N601672" s="10"/>
    </row>
    <row r="601673" spans="14:14">
      <c r="N601673" s="10"/>
    </row>
    <row r="601674" spans="14:14">
      <c r="N601674" s="10"/>
    </row>
    <row r="601675" spans="14:14">
      <c r="N601675" s="10"/>
    </row>
    <row r="601676" spans="14:14">
      <c r="N601676" s="10"/>
    </row>
    <row r="601677" spans="14:14">
      <c r="N601677" s="10"/>
    </row>
    <row r="601678" spans="14:14">
      <c r="N601678" s="10"/>
    </row>
    <row r="601679" spans="14:14">
      <c r="N601679" s="10"/>
    </row>
    <row r="601680" spans="14:14">
      <c r="N601680" s="10"/>
    </row>
    <row r="601681" spans="14:14">
      <c r="N601681" s="10"/>
    </row>
    <row r="601682" spans="14:14">
      <c r="N601682" s="10"/>
    </row>
    <row r="601683" spans="14:14">
      <c r="N601683" s="10"/>
    </row>
    <row r="601684" spans="14:14">
      <c r="N601684" s="10"/>
    </row>
    <row r="601685" spans="14:14">
      <c r="N601685" s="10"/>
    </row>
    <row r="601686" spans="14:14">
      <c r="N601686" s="10"/>
    </row>
    <row r="601687" spans="14:14">
      <c r="N601687" s="10"/>
    </row>
    <row r="601688" spans="14:14">
      <c r="N601688" s="10"/>
    </row>
    <row r="601689" spans="14:14">
      <c r="N601689" s="10"/>
    </row>
    <row r="601690" spans="14:14">
      <c r="N601690" s="10"/>
    </row>
    <row r="601691" spans="14:14">
      <c r="N601691" s="10"/>
    </row>
    <row r="601692" spans="14:14">
      <c r="N601692" s="10"/>
    </row>
    <row r="601693" spans="14:14">
      <c r="N601693" s="10"/>
    </row>
    <row r="601694" spans="14:14">
      <c r="N601694" s="10"/>
    </row>
    <row r="601695" spans="14:14">
      <c r="N601695" s="10"/>
    </row>
    <row r="601696" spans="14:14">
      <c r="N601696" s="10"/>
    </row>
    <row r="601697" spans="14:14">
      <c r="N601697" s="10"/>
    </row>
    <row r="601698" spans="14:14">
      <c r="N601698" s="10"/>
    </row>
    <row r="601699" spans="14:14">
      <c r="N601699" s="10"/>
    </row>
    <row r="601700" spans="14:14">
      <c r="N601700" s="10"/>
    </row>
    <row r="601701" spans="14:14">
      <c r="N601701" s="10"/>
    </row>
    <row r="601702" spans="14:14">
      <c r="N601702" s="10"/>
    </row>
    <row r="601703" spans="14:14">
      <c r="N601703" s="10"/>
    </row>
    <row r="601704" spans="14:14">
      <c r="N601704" s="10"/>
    </row>
    <row r="601705" spans="14:14">
      <c r="N601705" s="10"/>
    </row>
    <row r="601706" spans="14:14">
      <c r="N601706" s="10"/>
    </row>
    <row r="601707" spans="14:14">
      <c r="N601707" s="10"/>
    </row>
    <row r="601708" spans="14:14">
      <c r="N601708" s="10"/>
    </row>
    <row r="601709" spans="14:14">
      <c r="N601709" s="10"/>
    </row>
    <row r="601710" spans="14:14">
      <c r="N601710" s="10"/>
    </row>
    <row r="601711" spans="14:14">
      <c r="N601711" s="10"/>
    </row>
    <row r="601712" spans="14:14">
      <c r="N601712" s="10"/>
    </row>
    <row r="601713" spans="14:14">
      <c r="N601713" s="10"/>
    </row>
    <row r="601714" spans="14:14">
      <c r="N601714" s="10"/>
    </row>
    <row r="601715" spans="14:14">
      <c r="N601715" s="10"/>
    </row>
    <row r="601716" spans="14:14">
      <c r="N601716" s="10"/>
    </row>
    <row r="601717" spans="14:14">
      <c r="N601717" s="10"/>
    </row>
    <row r="601718" spans="14:14">
      <c r="N601718" s="10"/>
    </row>
    <row r="601719" spans="14:14">
      <c r="N601719" s="10"/>
    </row>
    <row r="601720" spans="14:14">
      <c r="N601720" s="10"/>
    </row>
    <row r="601721" spans="14:14">
      <c r="N601721" s="10"/>
    </row>
    <row r="601722" spans="14:14">
      <c r="N601722" s="10"/>
    </row>
    <row r="601723" spans="14:14">
      <c r="N601723" s="10"/>
    </row>
    <row r="601724" spans="14:14">
      <c r="N601724" s="10"/>
    </row>
    <row r="601725" spans="14:14">
      <c r="N601725" s="10"/>
    </row>
    <row r="601726" spans="14:14">
      <c r="N601726" s="10"/>
    </row>
    <row r="601727" spans="14:14">
      <c r="N601727" s="10"/>
    </row>
    <row r="601728" spans="14:14">
      <c r="N601728" s="10"/>
    </row>
    <row r="601729" spans="14:14">
      <c r="N601729" s="10"/>
    </row>
    <row r="601730" spans="14:14">
      <c r="N601730" s="10"/>
    </row>
    <row r="601731" spans="14:14">
      <c r="N601731" s="10"/>
    </row>
    <row r="601732" spans="14:14">
      <c r="N601732" s="10"/>
    </row>
    <row r="601733" spans="14:14">
      <c r="N601733" s="10"/>
    </row>
    <row r="601734" spans="14:14">
      <c r="N601734" s="10"/>
    </row>
    <row r="601735" spans="14:14">
      <c r="N601735" s="10"/>
    </row>
    <row r="601736" spans="14:14">
      <c r="N601736" s="10"/>
    </row>
    <row r="601737" spans="14:14">
      <c r="N601737" s="10"/>
    </row>
    <row r="601738" spans="14:14">
      <c r="N601738" s="10"/>
    </row>
    <row r="601739" spans="14:14">
      <c r="N601739" s="10"/>
    </row>
    <row r="601740" spans="14:14">
      <c r="N601740" s="10"/>
    </row>
    <row r="601741" spans="14:14">
      <c r="N601741" s="10"/>
    </row>
    <row r="601742" spans="14:14">
      <c r="N601742" s="10"/>
    </row>
    <row r="601743" spans="14:14">
      <c r="N601743" s="10"/>
    </row>
    <row r="601744" spans="14:14">
      <c r="N601744" s="10"/>
    </row>
    <row r="601745" spans="14:14">
      <c r="N601745" s="10"/>
    </row>
    <row r="601746" spans="14:14">
      <c r="N601746" s="10"/>
    </row>
    <row r="601747" spans="14:14">
      <c r="N601747" s="10"/>
    </row>
    <row r="601748" spans="14:14">
      <c r="N601748" s="10"/>
    </row>
    <row r="601749" spans="14:14">
      <c r="N601749" s="10"/>
    </row>
    <row r="601750" spans="14:14">
      <c r="N601750" s="10"/>
    </row>
    <row r="601751" spans="14:14">
      <c r="N601751" s="10"/>
    </row>
    <row r="601752" spans="14:14">
      <c r="N601752" s="10"/>
    </row>
    <row r="601753" spans="14:14">
      <c r="N601753" s="10"/>
    </row>
    <row r="601754" spans="14:14">
      <c r="N601754" s="10"/>
    </row>
    <row r="601755" spans="14:14">
      <c r="N601755" s="10"/>
    </row>
    <row r="601756" spans="14:14">
      <c r="N601756" s="10"/>
    </row>
    <row r="601757" spans="14:14">
      <c r="N601757" s="10"/>
    </row>
    <row r="601758" spans="14:14">
      <c r="N601758" s="10"/>
    </row>
    <row r="601759" spans="14:14">
      <c r="N601759" s="10"/>
    </row>
    <row r="601760" spans="14:14">
      <c r="N601760" s="10"/>
    </row>
    <row r="601761" spans="14:14">
      <c r="N601761" s="10"/>
    </row>
    <row r="601762" spans="14:14">
      <c r="N601762" s="10"/>
    </row>
    <row r="601763" spans="14:14">
      <c r="N601763" s="10"/>
    </row>
    <row r="601764" spans="14:14">
      <c r="N601764" s="10"/>
    </row>
    <row r="601765" spans="14:14">
      <c r="N601765" s="10"/>
    </row>
    <row r="601766" spans="14:14">
      <c r="N601766" s="10"/>
    </row>
    <row r="601767" spans="14:14">
      <c r="N601767" s="10"/>
    </row>
    <row r="601768" spans="14:14">
      <c r="N601768" s="10"/>
    </row>
    <row r="601769" spans="14:14">
      <c r="N601769" s="10"/>
    </row>
    <row r="601770" spans="14:14">
      <c r="N601770" s="10"/>
    </row>
    <row r="601771" spans="14:14">
      <c r="N601771" s="10"/>
    </row>
    <row r="601772" spans="14:14">
      <c r="N601772" s="10"/>
    </row>
    <row r="601773" spans="14:14">
      <c r="N601773" s="10"/>
    </row>
    <row r="601774" spans="14:14">
      <c r="N601774" s="10"/>
    </row>
    <row r="601775" spans="14:14">
      <c r="N601775" s="10"/>
    </row>
    <row r="601776" spans="14:14">
      <c r="N601776" s="10"/>
    </row>
    <row r="601777" spans="14:14">
      <c r="N601777" s="10"/>
    </row>
    <row r="601778" spans="14:14">
      <c r="N601778" s="10"/>
    </row>
    <row r="601779" spans="14:14">
      <c r="N601779" s="10"/>
    </row>
    <row r="601780" spans="14:14">
      <c r="N601780" s="10"/>
    </row>
    <row r="601781" spans="14:14">
      <c r="N601781" s="10"/>
    </row>
    <row r="601782" spans="14:14">
      <c r="N601782" s="10"/>
    </row>
    <row r="601783" spans="14:14">
      <c r="N601783" s="10"/>
    </row>
    <row r="601784" spans="14:14">
      <c r="N601784" s="10"/>
    </row>
    <row r="601785" spans="14:14">
      <c r="N601785" s="10"/>
    </row>
    <row r="601786" spans="14:14">
      <c r="N601786" s="10"/>
    </row>
    <row r="601787" spans="14:14">
      <c r="N601787" s="10"/>
    </row>
    <row r="601788" spans="14:14">
      <c r="N601788" s="10"/>
    </row>
    <row r="601789" spans="14:14">
      <c r="N601789" s="10"/>
    </row>
    <row r="601790" spans="14:14">
      <c r="N601790" s="10"/>
    </row>
    <row r="601791" spans="14:14">
      <c r="N601791" s="10"/>
    </row>
    <row r="601792" spans="14:14">
      <c r="N601792" s="10"/>
    </row>
    <row r="601793" spans="14:14">
      <c r="N601793" s="10"/>
    </row>
    <row r="601794" spans="14:14">
      <c r="N601794" s="10"/>
    </row>
    <row r="601795" spans="14:14">
      <c r="N601795" s="10"/>
    </row>
    <row r="601796" spans="14:14">
      <c r="N601796" s="10"/>
    </row>
    <row r="601797" spans="14:14">
      <c r="N601797" s="10"/>
    </row>
    <row r="601798" spans="14:14">
      <c r="N601798" s="10"/>
    </row>
    <row r="601799" spans="14:14">
      <c r="N601799" s="10"/>
    </row>
    <row r="601800" spans="14:14">
      <c r="N601800" s="10"/>
    </row>
    <row r="601801" spans="14:14">
      <c r="N601801" s="10"/>
    </row>
    <row r="601802" spans="14:14">
      <c r="N601802" s="10"/>
    </row>
    <row r="601803" spans="14:14">
      <c r="N601803" s="10"/>
    </row>
    <row r="601804" spans="14:14">
      <c r="N601804" s="10"/>
    </row>
    <row r="601805" spans="14:14">
      <c r="N601805" s="10"/>
    </row>
    <row r="601806" spans="14:14">
      <c r="N601806" s="10"/>
    </row>
    <row r="601807" spans="14:14">
      <c r="N601807" s="10"/>
    </row>
    <row r="601808" spans="14:14">
      <c r="N601808" s="10"/>
    </row>
    <row r="601809" spans="14:14">
      <c r="N601809" s="10"/>
    </row>
    <row r="601810" spans="14:14">
      <c r="N601810" s="10"/>
    </row>
    <row r="601811" spans="14:14">
      <c r="N601811" s="10"/>
    </row>
    <row r="601812" spans="14:14">
      <c r="N601812" s="10"/>
    </row>
    <row r="601813" spans="14:14">
      <c r="N601813" s="10"/>
    </row>
    <row r="601814" spans="14:14">
      <c r="N601814" s="10"/>
    </row>
    <row r="601815" spans="14:14">
      <c r="N601815" s="10"/>
    </row>
    <row r="601816" spans="14:14">
      <c r="N601816" s="10"/>
    </row>
    <row r="601817" spans="14:14">
      <c r="N601817" s="10"/>
    </row>
    <row r="601818" spans="14:14">
      <c r="N601818" s="10"/>
    </row>
    <row r="601819" spans="14:14">
      <c r="N601819" s="10"/>
    </row>
    <row r="601820" spans="14:14">
      <c r="N601820" s="10"/>
    </row>
    <row r="601821" spans="14:14">
      <c r="N601821" s="10"/>
    </row>
    <row r="601822" spans="14:14">
      <c r="N601822" s="10"/>
    </row>
    <row r="601823" spans="14:14">
      <c r="N601823" s="10"/>
    </row>
    <row r="601824" spans="14:14">
      <c r="N601824" s="10"/>
    </row>
    <row r="601825" spans="14:14">
      <c r="N601825" s="10"/>
    </row>
    <row r="601826" spans="14:14">
      <c r="N601826" s="10"/>
    </row>
    <row r="601827" spans="14:14">
      <c r="N601827" s="10"/>
    </row>
    <row r="601828" spans="14:14">
      <c r="N601828" s="10"/>
    </row>
    <row r="601829" spans="14:14">
      <c r="N601829" s="10"/>
    </row>
    <row r="601830" spans="14:14">
      <c r="N601830" s="10"/>
    </row>
    <row r="601831" spans="14:14">
      <c r="N601831" s="10"/>
    </row>
    <row r="601832" spans="14:14">
      <c r="N601832" s="10"/>
    </row>
    <row r="601833" spans="14:14">
      <c r="N601833" s="10"/>
    </row>
    <row r="601834" spans="14:14">
      <c r="N601834" s="10"/>
    </row>
    <row r="601835" spans="14:14">
      <c r="N601835" s="10"/>
    </row>
    <row r="601836" spans="14:14">
      <c r="N601836" s="10"/>
    </row>
    <row r="601837" spans="14:14">
      <c r="N601837" s="10"/>
    </row>
    <row r="601838" spans="14:14">
      <c r="N601838" s="10"/>
    </row>
    <row r="601839" spans="14:14">
      <c r="N601839" s="10"/>
    </row>
    <row r="601840" spans="14:14">
      <c r="N601840" s="10"/>
    </row>
    <row r="601841" spans="14:14">
      <c r="N601841" s="10"/>
    </row>
    <row r="601842" spans="14:14">
      <c r="N601842" s="10"/>
    </row>
    <row r="601843" spans="14:14">
      <c r="N601843" s="10"/>
    </row>
    <row r="601844" spans="14:14">
      <c r="N601844" s="10"/>
    </row>
    <row r="601845" spans="14:14">
      <c r="N601845" s="10"/>
    </row>
    <row r="601846" spans="14:14">
      <c r="N601846" s="10"/>
    </row>
    <row r="601847" spans="14:14">
      <c r="N601847" s="10"/>
    </row>
    <row r="601848" spans="14:14">
      <c r="N601848" s="10"/>
    </row>
    <row r="601849" spans="14:14">
      <c r="N601849" s="10"/>
    </row>
    <row r="601850" spans="14:14">
      <c r="N601850" s="10"/>
    </row>
    <row r="601851" spans="14:14">
      <c r="N601851" s="10"/>
    </row>
    <row r="601852" spans="14:14">
      <c r="N601852" s="10"/>
    </row>
    <row r="601853" spans="14:14">
      <c r="N601853" s="10"/>
    </row>
    <row r="601854" spans="14:14">
      <c r="N601854" s="10"/>
    </row>
    <row r="601855" spans="14:14">
      <c r="N601855" s="10"/>
    </row>
    <row r="601856" spans="14:14">
      <c r="N601856" s="10"/>
    </row>
    <row r="601857" spans="14:14">
      <c r="N601857" s="10"/>
    </row>
    <row r="601858" spans="14:14">
      <c r="N601858" s="10"/>
    </row>
    <row r="601859" spans="14:14">
      <c r="N601859" s="10"/>
    </row>
    <row r="601860" spans="14:14">
      <c r="N601860" s="10"/>
    </row>
    <row r="601861" spans="14:14">
      <c r="N601861" s="10"/>
    </row>
    <row r="601862" spans="14:14">
      <c r="N601862" s="10"/>
    </row>
    <row r="601863" spans="14:14">
      <c r="N601863" s="10"/>
    </row>
    <row r="601864" spans="14:14">
      <c r="N601864" s="10"/>
    </row>
    <row r="601865" spans="14:14">
      <c r="N601865" s="10"/>
    </row>
    <row r="601866" spans="14:14">
      <c r="N601866" s="10"/>
    </row>
    <row r="601867" spans="14:14">
      <c r="N601867" s="10"/>
    </row>
    <row r="601868" spans="14:14">
      <c r="N601868" s="10"/>
    </row>
    <row r="601869" spans="14:14">
      <c r="N601869" s="10"/>
    </row>
    <row r="601870" spans="14:14">
      <c r="N601870" s="10"/>
    </row>
    <row r="601871" spans="14:14">
      <c r="N601871" s="10"/>
    </row>
    <row r="601872" spans="14:14">
      <c r="N601872" s="10"/>
    </row>
    <row r="601873" spans="14:14">
      <c r="N601873" s="10"/>
    </row>
    <row r="601874" spans="14:14">
      <c r="N601874" s="10"/>
    </row>
    <row r="601875" spans="14:14">
      <c r="N601875" s="10"/>
    </row>
    <row r="601876" spans="14:14">
      <c r="N601876" s="10"/>
    </row>
    <row r="601877" spans="14:14">
      <c r="N601877" s="10"/>
    </row>
    <row r="601878" spans="14:14">
      <c r="N601878" s="10"/>
    </row>
    <row r="601879" spans="14:14">
      <c r="N601879" s="10"/>
    </row>
    <row r="601880" spans="14:14">
      <c r="N601880" s="10"/>
    </row>
    <row r="601881" spans="14:14">
      <c r="N601881" s="10"/>
    </row>
    <row r="601882" spans="14:14">
      <c r="N601882" s="10"/>
    </row>
    <row r="601883" spans="14:14">
      <c r="N601883" s="10"/>
    </row>
    <row r="601884" spans="14:14">
      <c r="N601884" s="10"/>
    </row>
    <row r="601885" spans="14:14">
      <c r="N601885" s="10"/>
    </row>
    <row r="601886" spans="14:14">
      <c r="N601886" s="10"/>
    </row>
    <row r="601887" spans="14:14">
      <c r="N601887" s="10"/>
    </row>
    <row r="601888" spans="14:14">
      <c r="N601888" s="10"/>
    </row>
    <row r="601889" spans="14:14">
      <c r="N601889" s="10"/>
    </row>
    <row r="601890" spans="14:14">
      <c r="N601890" s="10"/>
    </row>
    <row r="601891" spans="14:14">
      <c r="N601891" s="10"/>
    </row>
    <row r="601892" spans="14:14">
      <c r="N601892" s="10"/>
    </row>
    <row r="601893" spans="14:14">
      <c r="N601893" s="10"/>
    </row>
    <row r="601894" spans="14:14">
      <c r="N601894" s="10"/>
    </row>
    <row r="601895" spans="14:14">
      <c r="N601895" s="10"/>
    </row>
    <row r="601896" spans="14:14">
      <c r="N601896" s="10"/>
    </row>
    <row r="601897" spans="14:14">
      <c r="N601897" s="10"/>
    </row>
    <row r="601898" spans="14:14">
      <c r="N601898" s="10"/>
    </row>
    <row r="601899" spans="14:14">
      <c r="N601899" s="10"/>
    </row>
    <row r="601900" spans="14:14">
      <c r="N601900" s="10"/>
    </row>
    <row r="601901" spans="14:14">
      <c r="N601901" s="10"/>
    </row>
    <row r="601902" spans="14:14">
      <c r="N601902" s="10"/>
    </row>
    <row r="601903" spans="14:14">
      <c r="N601903" s="10"/>
    </row>
    <row r="601904" spans="14:14">
      <c r="N601904" s="10"/>
    </row>
    <row r="601905" spans="14:14">
      <c r="N601905" s="10"/>
    </row>
    <row r="601906" spans="14:14">
      <c r="N601906" s="10"/>
    </row>
    <row r="601907" spans="14:14">
      <c r="N601907" s="10"/>
    </row>
    <row r="601908" spans="14:14">
      <c r="N601908" s="10"/>
    </row>
    <row r="601909" spans="14:14">
      <c r="N601909" s="10"/>
    </row>
    <row r="601910" spans="14:14">
      <c r="N601910" s="10"/>
    </row>
    <row r="601911" spans="14:14">
      <c r="N601911" s="10"/>
    </row>
    <row r="601912" spans="14:14">
      <c r="N601912" s="10"/>
    </row>
    <row r="601913" spans="14:14">
      <c r="N601913" s="10"/>
    </row>
    <row r="601914" spans="14:14">
      <c r="N601914" s="10"/>
    </row>
    <row r="601915" spans="14:14">
      <c r="N601915" s="10"/>
    </row>
    <row r="601916" spans="14:14">
      <c r="N601916" s="10"/>
    </row>
    <row r="601917" spans="14:14">
      <c r="N601917" s="10"/>
    </row>
    <row r="601918" spans="14:14">
      <c r="N601918" s="10"/>
    </row>
    <row r="601919" spans="14:14">
      <c r="N601919" s="10"/>
    </row>
    <row r="601920" spans="14:14">
      <c r="N601920" s="10"/>
    </row>
    <row r="601921" spans="14:14">
      <c r="N601921" s="10"/>
    </row>
    <row r="601922" spans="14:14">
      <c r="N601922" s="10"/>
    </row>
    <row r="601923" spans="14:14">
      <c r="N601923" s="10"/>
    </row>
    <row r="601924" spans="14:14">
      <c r="N601924" s="10"/>
    </row>
    <row r="601925" spans="14:14">
      <c r="N601925" s="10"/>
    </row>
    <row r="601926" spans="14:14">
      <c r="N601926" s="10"/>
    </row>
    <row r="601927" spans="14:14">
      <c r="N601927" s="10"/>
    </row>
    <row r="601928" spans="14:14">
      <c r="N601928" s="10"/>
    </row>
    <row r="601929" spans="14:14">
      <c r="N601929" s="10"/>
    </row>
    <row r="601930" spans="14:14">
      <c r="N601930" s="10"/>
    </row>
    <row r="601931" spans="14:14">
      <c r="N601931" s="10"/>
    </row>
    <row r="601932" spans="14:14">
      <c r="N601932" s="10"/>
    </row>
    <row r="601933" spans="14:14">
      <c r="N601933" s="10"/>
    </row>
    <row r="601934" spans="14:14">
      <c r="N601934" s="10"/>
    </row>
    <row r="601935" spans="14:14">
      <c r="N601935" s="10"/>
    </row>
    <row r="601936" spans="14:14">
      <c r="N601936" s="10"/>
    </row>
    <row r="601937" spans="14:14">
      <c r="N601937" s="10"/>
    </row>
    <row r="601938" spans="14:14">
      <c r="N601938" s="10"/>
    </row>
    <row r="601939" spans="14:14">
      <c r="N601939" s="10"/>
    </row>
    <row r="601940" spans="14:14">
      <c r="N601940" s="10"/>
    </row>
    <row r="601941" spans="14:14">
      <c r="N601941" s="10"/>
    </row>
    <row r="601942" spans="14:14">
      <c r="N601942" s="10"/>
    </row>
    <row r="601943" spans="14:14">
      <c r="N601943" s="10"/>
    </row>
    <row r="601944" spans="14:14">
      <c r="N601944" s="10"/>
    </row>
    <row r="601945" spans="14:14">
      <c r="N601945" s="10"/>
    </row>
    <row r="601946" spans="14:14">
      <c r="N601946" s="10"/>
    </row>
    <row r="601947" spans="14:14">
      <c r="N601947" s="10"/>
    </row>
    <row r="601948" spans="14:14">
      <c r="N601948" s="10"/>
    </row>
    <row r="601949" spans="14:14">
      <c r="N601949" s="10"/>
    </row>
    <row r="601950" spans="14:14">
      <c r="N601950" s="10"/>
    </row>
    <row r="601951" spans="14:14">
      <c r="N601951" s="10"/>
    </row>
    <row r="601952" spans="14:14">
      <c r="N601952" s="10"/>
    </row>
    <row r="601953" spans="14:14">
      <c r="N601953" s="10"/>
    </row>
    <row r="601954" spans="14:14">
      <c r="N601954" s="10"/>
    </row>
    <row r="601955" spans="14:14">
      <c r="N601955" s="10"/>
    </row>
    <row r="601956" spans="14:14">
      <c r="N601956" s="10"/>
    </row>
    <row r="601957" spans="14:14">
      <c r="N601957" s="10"/>
    </row>
    <row r="601958" spans="14:14">
      <c r="N601958" s="10"/>
    </row>
    <row r="601959" spans="14:14">
      <c r="N601959" s="10"/>
    </row>
    <row r="601960" spans="14:14">
      <c r="N601960" s="10"/>
    </row>
    <row r="601961" spans="14:14">
      <c r="N601961" s="10"/>
    </row>
    <row r="601962" spans="14:14">
      <c r="N601962" s="10"/>
    </row>
    <row r="601963" spans="14:14">
      <c r="N601963" s="10"/>
    </row>
    <row r="601964" spans="14:14">
      <c r="N601964" s="10"/>
    </row>
    <row r="601965" spans="14:14">
      <c r="N601965" s="10"/>
    </row>
    <row r="601966" spans="14:14">
      <c r="N601966" s="10"/>
    </row>
    <row r="601967" spans="14:14">
      <c r="N601967" s="10"/>
    </row>
    <row r="601968" spans="14:14">
      <c r="N601968" s="10"/>
    </row>
    <row r="601969" spans="14:14">
      <c r="N601969" s="10"/>
    </row>
    <row r="601970" spans="14:14">
      <c r="N601970" s="10"/>
    </row>
    <row r="601971" spans="14:14">
      <c r="N601971" s="10"/>
    </row>
    <row r="601972" spans="14:14">
      <c r="N601972" s="10"/>
    </row>
    <row r="601973" spans="14:14">
      <c r="N601973" s="10"/>
    </row>
    <row r="601974" spans="14:14">
      <c r="N601974" s="10"/>
    </row>
    <row r="601975" spans="14:14">
      <c r="N601975" s="10"/>
    </row>
    <row r="601976" spans="14:14">
      <c r="N601976" s="10"/>
    </row>
    <row r="601977" spans="14:14">
      <c r="N601977" s="10"/>
    </row>
    <row r="601978" spans="14:14">
      <c r="N601978" s="10"/>
    </row>
    <row r="601979" spans="14:14">
      <c r="N601979" s="10"/>
    </row>
    <row r="601980" spans="14:14">
      <c r="N601980" s="10"/>
    </row>
    <row r="601981" spans="14:14">
      <c r="N601981" s="10"/>
    </row>
    <row r="601982" spans="14:14">
      <c r="N601982" s="10"/>
    </row>
    <row r="601983" spans="14:14">
      <c r="N601983" s="10"/>
    </row>
    <row r="601984" spans="14:14">
      <c r="N601984" s="10"/>
    </row>
    <row r="601985" spans="14:14">
      <c r="N601985" s="10"/>
    </row>
    <row r="601986" spans="14:14">
      <c r="N601986" s="10"/>
    </row>
    <row r="601987" spans="14:14">
      <c r="N601987" s="10"/>
    </row>
    <row r="601988" spans="14:14">
      <c r="N601988" s="10"/>
    </row>
    <row r="601989" spans="14:14">
      <c r="N601989" s="10"/>
    </row>
    <row r="601990" spans="14:14">
      <c r="N601990" s="10"/>
    </row>
    <row r="601991" spans="14:14">
      <c r="N601991" s="10"/>
    </row>
    <row r="601992" spans="14:14">
      <c r="N601992" s="10"/>
    </row>
    <row r="601993" spans="14:14">
      <c r="N601993" s="10"/>
    </row>
    <row r="601994" spans="14:14">
      <c r="N601994" s="10"/>
    </row>
    <row r="601995" spans="14:14">
      <c r="N601995" s="10"/>
    </row>
    <row r="601996" spans="14:14">
      <c r="N601996" s="10"/>
    </row>
    <row r="601997" spans="14:14">
      <c r="N601997" s="10"/>
    </row>
    <row r="601998" spans="14:14">
      <c r="N601998" s="10"/>
    </row>
    <row r="601999" spans="14:14">
      <c r="N601999" s="10"/>
    </row>
    <row r="602000" spans="14:14">
      <c r="N602000" s="10"/>
    </row>
    <row r="602001" spans="14:14">
      <c r="N602001" s="10"/>
    </row>
    <row r="602002" spans="14:14">
      <c r="N602002" s="10"/>
    </row>
    <row r="602003" spans="14:14">
      <c r="N602003" s="10"/>
    </row>
    <row r="602004" spans="14:14">
      <c r="N602004" s="10"/>
    </row>
    <row r="602005" spans="14:14">
      <c r="N602005" s="10"/>
    </row>
    <row r="602006" spans="14:14">
      <c r="N602006" s="10"/>
    </row>
    <row r="602007" spans="14:14">
      <c r="N602007" s="10"/>
    </row>
    <row r="602008" spans="14:14">
      <c r="N602008" s="10"/>
    </row>
    <row r="602009" spans="14:14">
      <c r="N602009" s="10"/>
    </row>
    <row r="602010" spans="14:14">
      <c r="N602010" s="10"/>
    </row>
    <row r="602011" spans="14:14">
      <c r="N602011" s="10"/>
    </row>
    <row r="602012" spans="14:14">
      <c r="N602012" s="10"/>
    </row>
    <row r="602013" spans="14:14">
      <c r="N602013" s="10"/>
    </row>
    <row r="602014" spans="14:14">
      <c r="N602014" s="10"/>
    </row>
    <row r="602015" spans="14:14">
      <c r="N602015" s="10"/>
    </row>
    <row r="602016" spans="14:14">
      <c r="N602016" s="10"/>
    </row>
    <row r="602017" spans="14:14">
      <c r="N602017" s="10"/>
    </row>
    <row r="602018" spans="14:14">
      <c r="N602018" s="10"/>
    </row>
    <row r="602019" spans="14:14">
      <c r="N602019" s="10"/>
    </row>
    <row r="602020" spans="14:14">
      <c r="N602020" s="10"/>
    </row>
    <row r="602021" spans="14:14">
      <c r="N602021" s="10"/>
    </row>
    <row r="602022" spans="14:14">
      <c r="N602022" s="10"/>
    </row>
    <row r="602023" spans="14:14">
      <c r="N602023" s="10"/>
    </row>
    <row r="602024" spans="14:14">
      <c r="N602024" s="10"/>
    </row>
    <row r="602025" spans="14:14">
      <c r="N602025" s="10"/>
    </row>
    <row r="602026" spans="14:14">
      <c r="N602026" s="10"/>
    </row>
    <row r="602027" spans="14:14">
      <c r="N602027" s="10"/>
    </row>
    <row r="602028" spans="14:14">
      <c r="N602028" s="10"/>
    </row>
    <row r="602029" spans="14:14">
      <c r="N602029" s="10"/>
    </row>
    <row r="602030" spans="14:14">
      <c r="N602030" s="10"/>
    </row>
    <row r="602031" spans="14:14">
      <c r="N602031" s="10"/>
    </row>
    <row r="602032" spans="14:14">
      <c r="N602032" s="10"/>
    </row>
    <row r="602033" spans="14:14">
      <c r="N602033" s="10"/>
    </row>
    <row r="602034" spans="14:14">
      <c r="N602034" s="10"/>
    </row>
    <row r="602035" spans="14:14">
      <c r="N602035" s="10"/>
    </row>
    <row r="602036" spans="14:14">
      <c r="N602036" s="10"/>
    </row>
    <row r="602037" spans="14:14">
      <c r="N602037" s="10"/>
    </row>
    <row r="602038" spans="14:14">
      <c r="N602038" s="10"/>
    </row>
    <row r="602039" spans="14:14">
      <c r="N602039" s="10"/>
    </row>
    <row r="602040" spans="14:14">
      <c r="N602040" s="10"/>
    </row>
    <row r="602041" spans="14:14">
      <c r="N602041" s="10"/>
    </row>
    <row r="602042" spans="14:14">
      <c r="N602042" s="10"/>
    </row>
    <row r="602043" spans="14:14">
      <c r="N602043" s="10"/>
    </row>
    <row r="602044" spans="14:14">
      <c r="N602044" s="10"/>
    </row>
    <row r="602045" spans="14:14">
      <c r="N602045" s="10"/>
    </row>
    <row r="602046" spans="14:14">
      <c r="N602046" s="10"/>
    </row>
    <row r="602047" spans="14:14">
      <c r="N602047" s="10"/>
    </row>
    <row r="602048" spans="14:14">
      <c r="N602048" s="10"/>
    </row>
    <row r="602049" spans="14:14">
      <c r="N602049" s="10"/>
    </row>
    <row r="602050" spans="14:14">
      <c r="N602050" s="10"/>
    </row>
    <row r="602051" spans="14:14">
      <c r="N602051" s="10"/>
    </row>
    <row r="602052" spans="14:14">
      <c r="N602052" s="10"/>
    </row>
    <row r="602053" spans="14:14">
      <c r="N602053" s="10"/>
    </row>
    <row r="602054" spans="14:14">
      <c r="N602054" s="10"/>
    </row>
    <row r="602055" spans="14:14">
      <c r="N602055" s="10"/>
    </row>
    <row r="602056" spans="14:14">
      <c r="N602056" s="10"/>
    </row>
    <row r="602057" spans="14:14">
      <c r="N602057" s="10"/>
    </row>
    <row r="602058" spans="14:14">
      <c r="N602058" s="10"/>
    </row>
    <row r="602059" spans="14:14">
      <c r="N602059" s="10"/>
    </row>
    <row r="602060" spans="14:14">
      <c r="N602060" s="10"/>
    </row>
    <row r="602061" spans="14:14">
      <c r="N602061" s="10"/>
    </row>
    <row r="602062" spans="14:14">
      <c r="N602062" s="10"/>
    </row>
    <row r="602063" spans="14:14">
      <c r="N602063" s="10"/>
    </row>
    <row r="602064" spans="14:14">
      <c r="N602064" s="10"/>
    </row>
    <row r="602065" spans="14:14">
      <c r="N602065" s="10"/>
    </row>
    <row r="602066" spans="14:14">
      <c r="N602066" s="10"/>
    </row>
    <row r="602067" spans="14:14">
      <c r="N602067" s="10"/>
    </row>
    <row r="602068" spans="14:14">
      <c r="N602068" s="10"/>
    </row>
    <row r="602069" spans="14:14">
      <c r="N602069" s="10"/>
    </row>
    <row r="602070" spans="14:14">
      <c r="N602070" s="10"/>
    </row>
    <row r="602071" spans="14:14">
      <c r="N602071" s="10"/>
    </row>
    <row r="602072" spans="14:14">
      <c r="N602072" s="10"/>
    </row>
    <row r="602073" spans="14:14">
      <c r="N602073" s="10"/>
    </row>
    <row r="602074" spans="14:14">
      <c r="N602074" s="10"/>
    </row>
    <row r="602075" spans="14:14">
      <c r="N602075" s="10"/>
    </row>
    <row r="602076" spans="14:14">
      <c r="N602076" s="10"/>
    </row>
    <row r="602077" spans="14:14">
      <c r="N602077" s="10"/>
    </row>
    <row r="602078" spans="14:14">
      <c r="N602078" s="10"/>
    </row>
    <row r="602079" spans="14:14">
      <c r="N602079" s="10"/>
    </row>
    <row r="602080" spans="14:14">
      <c r="N602080" s="10"/>
    </row>
    <row r="602081" spans="14:14">
      <c r="N602081" s="10"/>
    </row>
    <row r="602082" spans="14:14">
      <c r="N602082" s="10"/>
    </row>
    <row r="602083" spans="14:14">
      <c r="N602083" s="10"/>
    </row>
    <row r="602084" spans="14:14">
      <c r="N602084" s="10"/>
    </row>
    <row r="602085" spans="14:14">
      <c r="N602085" s="10"/>
    </row>
    <row r="602086" spans="14:14">
      <c r="N602086" s="10"/>
    </row>
    <row r="602087" spans="14:14">
      <c r="N602087" s="10"/>
    </row>
    <row r="602088" spans="14:14">
      <c r="N602088" s="10"/>
    </row>
    <row r="602089" spans="14:14">
      <c r="N602089" s="10"/>
    </row>
    <row r="602090" spans="14:14">
      <c r="N602090" s="10"/>
    </row>
    <row r="602091" spans="14:14">
      <c r="N602091" s="10"/>
    </row>
    <row r="602092" spans="14:14">
      <c r="N602092" s="10"/>
    </row>
    <row r="602093" spans="14:14">
      <c r="N602093" s="10"/>
    </row>
    <row r="602094" spans="14:14">
      <c r="N602094" s="10"/>
    </row>
    <row r="602095" spans="14:14">
      <c r="N602095" s="10"/>
    </row>
    <row r="602096" spans="14:14">
      <c r="N602096" s="10"/>
    </row>
    <row r="602097" spans="14:14">
      <c r="N602097" s="10"/>
    </row>
    <row r="602098" spans="14:14">
      <c r="N602098" s="10"/>
    </row>
    <row r="602099" spans="14:14">
      <c r="N602099" s="10"/>
    </row>
    <row r="602100" spans="14:14">
      <c r="N602100" s="10"/>
    </row>
    <row r="602101" spans="14:14">
      <c r="N602101" s="10"/>
    </row>
    <row r="602102" spans="14:14">
      <c r="N602102" s="10"/>
    </row>
    <row r="602103" spans="14:14">
      <c r="N602103" s="10"/>
    </row>
    <row r="602104" spans="14:14">
      <c r="N602104" s="10"/>
    </row>
    <row r="602105" spans="14:14">
      <c r="N602105" s="10"/>
    </row>
    <row r="602106" spans="14:14">
      <c r="N602106" s="10"/>
    </row>
    <row r="602107" spans="14:14">
      <c r="N602107" s="10"/>
    </row>
    <row r="602108" spans="14:14">
      <c r="N602108" s="10"/>
    </row>
    <row r="602109" spans="14:14">
      <c r="N602109" s="10"/>
    </row>
    <row r="602110" spans="14:14">
      <c r="N602110" s="10"/>
    </row>
    <row r="602111" spans="14:14">
      <c r="N602111" s="10"/>
    </row>
    <row r="602112" spans="14:14">
      <c r="N602112" s="10"/>
    </row>
    <row r="602113" spans="14:14">
      <c r="N602113" s="10"/>
    </row>
    <row r="602114" spans="14:14">
      <c r="N602114" s="10"/>
    </row>
    <row r="602115" spans="14:14">
      <c r="N602115" s="10"/>
    </row>
    <row r="602116" spans="14:14">
      <c r="N602116" s="10"/>
    </row>
    <row r="602117" spans="14:14">
      <c r="N602117" s="10"/>
    </row>
    <row r="602118" spans="14:14">
      <c r="N602118" s="10"/>
    </row>
    <row r="602119" spans="14:14">
      <c r="N602119" s="10"/>
    </row>
    <row r="602120" spans="14:14">
      <c r="N602120" s="10"/>
    </row>
    <row r="602121" spans="14:14">
      <c r="N602121" s="10"/>
    </row>
    <row r="602122" spans="14:14">
      <c r="N602122" s="10"/>
    </row>
    <row r="602123" spans="14:14">
      <c r="N602123" s="10"/>
    </row>
    <row r="602124" spans="14:14">
      <c r="N602124" s="10"/>
    </row>
    <row r="602125" spans="14:14">
      <c r="N602125" s="10"/>
    </row>
    <row r="602126" spans="14:14">
      <c r="N602126" s="10"/>
    </row>
    <row r="602127" spans="14:14">
      <c r="N602127" s="10"/>
    </row>
    <row r="602128" spans="14:14">
      <c r="N602128" s="10"/>
    </row>
    <row r="602129" spans="14:14">
      <c r="N602129" s="10"/>
    </row>
    <row r="602130" spans="14:14">
      <c r="N602130" s="10"/>
    </row>
    <row r="602131" spans="14:14">
      <c r="N602131" s="10"/>
    </row>
    <row r="602132" spans="14:14">
      <c r="N602132" s="10"/>
    </row>
    <row r="602133" spans="14:14">
      <c r="N602133" s="10"/>
    </row>
    <row r="602134" spans="14:14">
      <c r="N602134" s="10"/>
    </row>
    <row r="602135" spans="14:14">
      <c r="N602135" s="10"/>
    </row>
    <row r="602136" spans="14:14">
      <c r="N602136" s="10"/>
    </row>
    <row r="602137" spans="14:14">
      <c r="N602137" s="10"/>
    </row>
    <row r="602138" spans="14:14">
      <c r="N602138" s="10"/>
    </row>
    <row r="602139" spans="14:14">
      <c r="N602139" s="10"/>
    </row>
    <row r="602140" spans="14:14">
      <c r="N602140" s="10"/>
    </row>
    <row r="602141" spans="14:14">
      <c r="N602141" s="10"/>
    </row>
    <row r="602142" spans="14:14">
      <c r="N602142" s="10"/>
    </row>
    <row r="602143" spans="14:14">
      <c r="N602143" s="10"/>
    </row>
    <row r="602144" spans="14:14">
      <c r="N602144" s="10"/>
    </row>
    <row r="602145" spans="14:14">
      <c r="N602145" s="10"/>
    </row>
    <row r="602146" spans="14:14">
      <c r="N602146" s="10"/>
    </row>
    <row r="602147" spans="14:14">
      <c r="N602147" s="10"/>
    </row>
    <row r="602148" spans="14:14">
      <c r="N602148" s="10"/>
    </row>
    <row r="602149" spans="14:14">
      <c r="N602149" s="10"/>
    </row>
    <row r="602150" spans="14:14">
      <c r="N602150" s="10"/>
    </row>
    <row r="602151" spans="14:14">
      <c r="N602151" s="10"/>
    </row>
    <row r="602152" spans="14:14">
      <c r="N602152" s="10"/>
    </row>
    <row r="602153" spans="14:14">
      <c r="N602153" s="10"/>
    </row>
    <row r="602154" spans="14:14">
      <c r="N602154" s="10"/>
    </row>
    <row r="602155" spans="14:14">
      <c r="N602155" s="10"/>
    </row>
    <row r="602156" spans="14:14">
      <c r="N602156" s="10"/>
    </row>
    <row r="602157" spans="14:14">
      <c r="N602157" s="10"/>
    </row>
    <row r="602158" spans="14:14">
      <c r="N602158" s="10"/>
    </row>
    <row r="602159" spans="14:14">
      <c r="N602159" s="10"/>
    </row>
    <row r="602160" spans="14:14">
      <c r="N602160" s="10"/>
    </row>
    <row r="602161" spans="14:14">
      <c r="N602161" s="10"/>
    </row>
    <row r="602162" spans="14:14">
      <c r="N602162" s="10"/>
    </row>
    <row r="602163" spans="14:14">
      <c r="N602163" s="10"/>
    </row>
    <row r="602164" spans="14:14">
      <c r="N602164" s="10"/>
    </row>
    <row r="602165" spans="14:14">
      <c r="N602165" s="10"/>
    </row>
    <row r="602166" spans="14:14">
      <c r="N602166" s="10"/>
    </row>
    <row r="602167" spans="14:14">
      <c r="N602167" s="10"/>
    </row>
    <row r="602168" spans="14:14">
      <c r="N602168" s="10"/>
    </row>
    <row r="602169" spans="14:14">
      <c r="N602169" s="10"/>
    </row>
    <row r="602170" spans="14:14">
      <c r="N602170" s="10"/>
    </row>
    <row r="602171" spans="14:14">
      <c r="N602171" s="10"/>
    </row>
    <row r="602172" spans="14:14">
      <c r="N602172" s="10"/>
    </row>
    <row r="602173" spans="14:14">
      <c r="N602173" s="10"/>
    </row>
    <row r="602174" spans="14:14">
      <c r="N602174" s="10"/>
    </row>
    <row r="602175" spans="14:14">
      <c r="N602175" s="10"/>
    </row>
    <row r="602176" spans="14:14">
      <c r="N602176" s="10"/>
    </row>
    <row r="602177" spans="14:14">
      <c r="N602177" s="10"/>
    </row>
    <row r="602178" spans="14:14">
      <c r="N602178" s="10"/>
    </row>
    <row r="602179" spans="14:14">
      <c r="N602179" s="10"/>
    </row>
    <row r="602180" spans="14:14">
      <c r="N602180" s="10"/>
    </row>
    <row r="602181" spans="14:14">
      <c r="N602181" s="10"/>
    </row>
    <row r="602182" spans="14:14">
      <c r="N602182" s="10"/>
    </row>
    <row r="602183" spans="14:14">
      <c r="N602183" s="10"/>
    </row>
    <row r="602184" spans="14:14">
      <c r="N602184" s="10"/>
    </row>
    <row r="602185" spans="14:14">
      <c r="N602185" s="10"/>
    </row>
    <row r="602186" spans="14:14">
      <c r="N602186" s="10"/>
    </row>
    <row r="602187" spans="14:14">
      <c r="N602187" s="10"/>
    </row>
    <row r="602188" spans="14:14">
      <c r="N602188" s="10"/>
    </row>
    <row r="602189" spans="14:14">
      <c r="N602189" s="10"/>
    </row>
    <row r="602190" spans="14:14">
      <c r="N602190" s="10"/>
    </row>
    <row r="602191" spans="14:14">
      <c r="N602191" s="10"/>
    </row>
    <row r="602192" spans="14:14">
      <c r="N602192" s="10"/>
    </row>
    <row r="602193" spans="14:14">
      <c r="N602193" s="10"/>
    </row>
    <row r="602194" spans="14:14">
      <c r="N602194" s="10"/>
    </row>
    <row r="602195" spans="14:14">
      <c r="N602195" s="10"/>
    </row>
    <row r="602196" spans="14:14">
      <c r="N602196" s="10"/>
    </row>
    <row r="602197" spans="14:14">
      <c r="N602197" s="10"/>
    </row>
    <row r="602198" spans="14:14">
      <c r="N602198" s="10"/>
    </row>
    <row r="602199" spans="14:14">
      <c r="N602199" s="10"/>
    </row>
    <row r="602200" spans="14:14">
      <c r="N602200" s="10"/>
    </row>
    <row r="602201" spans="14:14">
      <c r="N602201" s="10"/>
    </row>
    <row r="602202" spans="14:14">
      <c r="N602202" s="10"/>
    </row>
    <row r="602203" spans="14:14">
      <c r="N602203" s="10"/>
    </row>
    <row r="602204" spans="14:14">
      <c r="N602204" s="10"/>
    </row>
    <row r="602205" spans="14:14">
      <c r="N602205" s="10"/>
    </row>
    <row r="602206" spans="14:14">
      <c r="N602206" s="10"/>
    </row>
    <row r="602207" spans="14:14">
      <c r="N602207" s="10"/>
    </row>
    <row r="602208" spans="14:14">
      <c r="N602208" s="10"/>
    </row>
    <row r="602209" spans="14:14">
      <c r="N602209" s="10"/>
    </row>
    <row r="602210" spans="14:14">
      <c r="N602210" s="10"/>
    </row>
    <row r="602211" spans="14:14">
      <c r="N602211" s="10"/>
    </row>
    <row r="602212" spans="14:14">
      <c r="N602212" s="10"/>
    </row>
    <row r="602213" spans="14:14">
      <c r="N602213" s="10"/>
    </row>
    <row r="602214" spans="14:14">
      <c r="N602214" s="10"/>
    </row>
    <row r="602215" spans="14:14">
      <c r="N602215" s="10"/>
    </row>
    <row r="602216" spans="14:14">
      <c r="N602216" s="10"/>
    </row>
    <row r="602217" spans="14:14">
      <c r="N602217" s="10"/>
    </row>
    <row r="602218" spans="14:14">
      <c r="N602218" s="10"/>
    </row>
    <row r="602219" spans="14:14">
      <c r="N602219" s="10"/>
    </row>
    <row r="602220" spans="14:14">
      <c r="N602220" s="10"/>
    </row>
    <row r="602221" spans="14:14">
      <c r="N602221" s="10"/>
    </row>
    <row r="602222" spans="14:14">
      <c r="N602222" s="10"/>
    </row>
    <row r="602223" spans="14:14">
      <c r="N602223" s="10"/>
    </row>
    <row r="602224" spans="14:14">
      <c r="N602224" s="10"/>
    </row>
    <row r="602225" spans="14:14">
      <c r="N602225" s="10"/>
    </row>
    <row r="602226" spans="14:14">
      <c r="N602226" s="10"/>
    </row>
    <row r="602227" spans="14:14">
      <c r="N602227" s="10"/>
    </row>
    <row r="602228" spans="14:14">
      <c r="N602228" s="10"/>
    </row>
    <row r="602229" spans="14:14">
      <c r="N602229" s="10"/>
    </row>
    <row r="602230" spans="14:14">
      <c r="N602230" s="10"/>
    </row>
    <row r="602231" spans="14:14">
      <c r="N602231" s="10"/>
    </row>
    <row r="602232" spans="14:14">
      <c r="N602232" s="10"/>
    </row>
    <row r="602233" spans="14:14">
      <c r="N602233" s="10"/>
    </row>
    <row r="602234" spans="14:14">
      <c r="N602234" s="10"/>
    </row>
    <row r="602235" spans="14:14">
      <c r="N602235" s="10"/>
    </row>
    <row r="602236" spans="14:14">
      <c r="N602236" s="10"/>
    </row>
    <row r="602237" spans="14:14">
      <c r="N602237" s="10"/>
    </row>
    <row r="602238" spans="14:14">
      <c r="N602238" s="10"/>
    </row>
    <row r="602239" spans="14:14">
      <c r="N602239" s="10"/>
    </row>
    <row r="602240" spans="14:14">
      <c r="N602240" s="10"/>
    </row>
    <row r="602241" spans="14:14">
      <c r="N602241" s="10"/>
    </row>
    <row r="602242" spans="14:14">
      <c r="N602242" s="10"/>
    </row>
    <row r="602243" spans="14:14">
      <c r="N602243" s="10"/>
    </row>
    <row r="602244" spans="14:14">
      <c r="N602244" s="10"/>
    </row>
    <row r="602245" spans="14:14">
      <c r="N602245" s="10"/>
    </row>
    <row r="602246" spans="14:14">
      <c r="N602246" s="10"/>
    </row>
    <row r="602247" spans="14:14">
      <c r="N602247" s="10"/>
    </row>
    <row r="602248" spans="14:14">
      <c r="N602248" s="10"/>
    </row>
    <row r="602249" spans="14:14">
      <c r="N602249" s="10"/>
    </row>
    <row r="602250" spans="14:14">
      <c r="N602250" s="10"/>
    </row>
    <row r="602251" spans="14:14">
      <c r="N602251" s="10"/>
    </row>
    <row r="602252" spans="14:14">
      <c r="N602252" s="10"/>
    </row>
    <row r="602253" spans="14:14">
      <c r="N602253" s="10"/>
    </row>
    <row r="602254" spans="14:14">
      <c r="N602254" s="10"/>
    </row>
    <row r="602255" spans="14:14">
      <c r="N602255" s="10"/>
    </row>
    <row r="602256" spans="14:14">
      <c r="N602256" s="10"/>
    </row>
    <row r="602257" spans="14:14">
      <c r="N602257" s="10"/>
    </row>
    <row r="602258" spans="14:14">
      <c r="N602258" s="10"/>
    </row>
    <row r="602259" spans="14:14">
      <c r="N602259" s="10"/>
    </row>
    <row r="602260" spans="14:14">
      <c r="N602260" s="10"/>
    </row>
    <row r="602261" spans="14:14">
      <c r="N602261" s="10"/>
    </row>
    <row r="602262" spans="14:14">
      <c r="N602262" s="10"/>
    </row>
    <row r="602263" spans="14:14">
      <c r="N602263" s="10"/>
    </row>
    <row r="602264" spans="14:14">
      <c r="N602264" s="10"/>
    </row>
    <row r="602265" spans="14:14">
      <c r="N602265" s="10"/>
    </row>
    <row r="602266" spans="14:14">
      <c r="N602266" s="10"/>
    </row>
    <row r="602267" spans="14:14">
      <c r="N602267" s="10"/>
    </row>
    <row r="602268" spans="14:14">
      <c r="N602268" s="10"/>
    </row>
    <row r="602269" spans="14:14">
      <c r="N602269" s="10"/>
    </row>
    <row r="602270" spans="14:14">
      <c r="N602270" s="10"/>
    </row>
    <row r="602271" spans="14:14">
      <c r="N602271" s="10"/>
    </row>
    <row r="602272" spans="14:14">
      <c r="N602272" s="10"/>
    </row>
    <row r="602273" spans="14:14">
      <c r="N602273" s="10"/>
    </row>
    <row r="602274" spans="14:14">
      <c r="N602274" s="10"/>
    </row>
    <row r="602275" spans="14:14">
      <c r="N602275" s="10"/>
    </row>
    <row r="602276" spans="14:14">
      <c r="N602276" s="10"/>
    </row>
    <row r="602277" spans="14:14">
      <c r="N602277" s="10"/>
    </row>
    <row r="602278" spans="14:14">
      <c r="N602278" s="10"/>
    </row>
    <row r="602279" spans="14:14">
      <c r="N602279" s="10"/>
    </row>
    <row r="602280" spans="14:14">
      <c r="N602280" s="10"/>
    </row>
    <row r="602281" spans="14:14">
      <c r="N602281" s="10"/>
    </row>
    <row r="602282" spans="14:14">
      <c r="N602282" s="10"/>
    </row>
    <row r="602283" spans="14:14">
      <c r="N602283" s="10"/>
    </row>
    <row r="602284" spans="14:14">
      <c r="N602284" s="10"/>
    </row>
    <row r="602285" spans="14:14">
      <c r="N602285" s="10"/>
    </row>
    <row r="602286" spans="14:14">
      <c r="N602286" s="10"/>
    </row>
    <row r="602287" spans="14:14">
      <c r="N602287" s="10"/>
    </row>
    <row r="602288" spans="14:14">
      <c r="N602288" s="10"/>
    </row>
    <row r="602289" spans="14:14">
      <c r="N602289" s="10"/>
    </row>
    <row r="602290" spans="14:14">
      <c r="N602290" s="10"/>
    </row>
    <row r="602291" spans="14:14">
      <c r="N602291" s="10"/>
    </row>
    <row r="602292" spans="14:14">
      <c r="N602292" s="10"/>
    </row>
    <row r="602293" spans="14:14">
      <c r="N602293" s="10"/>
    </row>
    <row r="602294" spans="14:14">
      <c r="N602294" s="10"/>
    </row>
    <row r="602295" spans="14:14">
      <c r="N602295" s="10"/>
    </row>
    <row r="602296" spans="14:14">
      <c r="N602296" s="10"/>
    </row>
    <row r="602297" spans="14:14">
      <c r="N602297" s="10"/>
    </row>
    <row r="602298" spans="14:14">
      <c r="N602298" s="10"/>
    </row>
    <row r="602299" spans="14:14">
      <c r="N602299" s="10"/>
    </row>
    <row r="602300" spans="14:14">
      <c r="N602300" s="10"/>
    </row>
    <row r="602301" spans="14:14">
      <c r="N602301" s="10"/>
    </row>
    <row r="602302" spans="14:14">
      <c r="N602302" s="10"/>
    </row>
    <row r="602303" spans="14:14">
      <c r="N602303" s="10"/>
    </row>
    <row r="602304" spans="14:14">
      <c r="N602304" s="10"/>
    </row>
    <row r="602305" spans="14:14">
      <c r="N602305" s="10"/>
    </row>
    <row r="602306" spans="14:14">
      <c r="N602306" s="10"/>
    </row>
    <row r="602307" spans="14:14">
      <c r="N602307" s="10"/>
    </row>
    <row r="602308" spans="14:14">
      <c r="N602308" s="10"/>
    </row>
    <row r="602309" spans="14:14">
      <c r="N602309" s="10"/>
    </row>
    <row r="602310" spans="14:14">
      <c r="N602310" s="10"/>
    </row>
    <row r="602311" spans="14:14">
      <c r="N602311" s="10"/>
    </row>
    <row r="602312" spans="14:14">
      <c r="N602312" s="10"/>
    </row>
    <row r="602313" spans="14:14">
      <c r="N602313" s="10"/>
    </row>
    <row r="602314" spans="14:14">
      <c r="N602314" s="10"/>
    </row>
    <row r="602315" spans="14:14">
      <c r="N602315" s="10"/>
    </row>
    <row r="602316" spans="14:14">
      <c r="N602316" s="10"/>
    </row>
    <row r="602317" spans="14:14">
      <c r="N602317" s="10"/>
    </row>
    <row r="602318" spans="14:14">
      <c r="N602318" s="10"/>
    </row>
    <row r="602319" spans="14:14">
      <c r="N602319" s="10"/>
    </row>
    <row r="602320" spans="14:14">
      <c r="N602320" s="10"/>
    </row>
    <row r="602321" spans="14:14">
      <c r="N602321" s="10"/>
    </row>
    <row r="602322" spans="14:14">
      <c r="N602322" s="10"/>
    </row>
    <row r="602323" spans="14:14">
      <c r="N602323" s="10"/>
    </row>
    <row r="602324" spans="14:14">
      <c r="N602324" s="10"/>
    </row>
    <row r="602325" spans="14:14">
      <c r="N602325" s="10"/>
    </row>
    <row r="602326" spans="14:14">
      <c r="N602326" s="10"/>
    </row>
    <row r="602327" spans="14:14">
      <c r="N602327" s="10"/>
    </row>
    <row r="602328" spans="14:14">
      <c r="N602328" s="10"/>
    </row>
    <row r="602329" spans="14:14">
      <c r="N602329" s="10"/>
    </row>
    <row r="602330" spans="14:14">
      <c r="N602330" s="10"/>
    </row>
    <row r="602331" spans="14:14">
      <c r="N602331" s="10"/>
    </row>
    <row r="602332" spans="14:14">
      <c r="N602332" s="10"/>
    </row>
    <row r="602333" spans="14:14">
      <c r="N602333" s="10"/>
    </row>
    <row r="602334" spans="14:14">
      <c r="N602334" s="10"/>
    </row>
    <row r="602335" spans="14:14">
      <c r="N602335" s="10"/>
    </row>
    <row r="602336" spans="14:14">
      <c r="N602336" s="10"/>
    </row>
    <row r="602337" spans="14:14">
      <c r="N602337" s="10"/>
    </row>
    <row r="602338" spans="14:14">
      <c r="N602338" s="10"/>
    </row>
    <row r="602339" spans="14:14">
      <c r="N602339" s="10"/>
    </row>
    <row r="602340" spans="14:14">
      <c r="N602340" s="10"/>
    </row>
    <row r="602341" spans="14:14">
      <c r="N602341" s="10"/>
    </row>
    <row r="602342" spans="14:14">
      <c r="N602342" s="10"/>
    </row>
    <row r="602343" spans="14:14">
      <c r="N602343" s="10"/>
    </row>
    <row r="602344" spans="14:14">
      <c r="N602344" s="10"/>
    </row>
    <row r="602345" spans="14:14">
      <c r="N602345" s="10"/>
    </row>
    <row r="602346" spans="14:14">
      <c r="N602346" s="10"/>
    </row>
    <row r="602347" spans="14:14">
      <c r="N602347" s="10"/>
    </row>
    <row r="602348" spans="14:14">
      <c r="N602348" s="10"/>
    </row>
    <row r="602349" spans="14:14">
      <c r="N602349" s="10"/>
    </row>
    <row r="602350" spans="14:14">
      <c r="N602350" s="10"/>
    </row>
    <row r="602351" spans="14:14">
      <c r="N602351" s="10"/>
    </row>
    <row r="602352" spans="14:14">
      <c r="N602352" s="10"/>
    </row>
    <row r="602353" spans="14:14">
      <c r="N602353" s="10"/>
    </row>
    <row r="602354" spans="14:14">
      <c r="N602354" s="10"/>
    </row>
    <row r="602355" spans="14:14">
      <c r="N602355" s="10"/>
    </row>
    <row r="602356" spans="14:14">
      <c r="N602356" s="10"/>
    </row>
    <row r="602357" spans="14:14">
      <c r="N602357" s="10"/>
    </row>
    <row r="602358" spans="14:14">
      <c r="N602358" s="10"/>
    </row>
    <row r="602359" spans="14:14">
      <c r="N602359" s="10"/>
    </row>
    <row r="602360" spans="14:14">
      <c r="N602360" s="10"/>
    </row>
    <row r="602361" spans="14:14">
      <c r="N602361" s="10"/>
    </row>
    <row r="602362" spans="14:14">
      <c r="N602362" s="10"/>
    </row>
    <row r="602363" spans="14:14">
      <c r="N602363" s="10"/>
    </row>
    <row r="602364" spans="14:14">
      <c r="N602364" s="10"/>
    </row>
    <row r="602365" spans="14:14">
      <c r="N602365" s="10"/>
    </row>
    <row r="602366" spans="14:14">
      <c r="N602366" s="10"/>
    </row>
    <row r="602367" spans="14:14">
      <c r="N602367" s="10"/>
    </row>
    <row r="602368" spans="14:14">
      <c r="N602368" s="10"/>
    </row>
    <row r="602369" spans="14:14">
      <c r="N602369" s="10"/>
    </row>
    <row r="602370" spans="14:14">
      <c r="N602370" s="10"/>
    </row>
    <row r="602371" spans="14:14">
      <c r="N602371" s="10"/>
    </row>
    <row r="602372" spans="14:14">
      <c r="N602372" s="10"/>
    </row>
    <row r="602373" spans="14:14">
      <c r="N602373" s="10"/>
    </row>
    <row r="602374" spans="14:14">
      <c r="N602374" s="10"/>
    </row>
    <row r="602375" spans="14:14">
      <c r="N602375" s="10"/>
    </row>
    <row r="602376" spans="14:14">
      <c r="N602376" s="10"/>
    </row>
    <row r="602377" spans="14:14">
      <c r="N602377" s="10"/>
    </row>
    <row r="602378" spans="14:14">
      <c r="N602378" s="10"/>
    </row>
    <row r="602379" spans="14:14">
      <c r="N602379" s="10"/>
    </row>
    <row r="602380" spans="14:14">
      <c r="N602380" s="10"/>
    </row>
    <row r="602381" spans="14:14">
      <c r="N602381" s="10"/>
    </row>
    <row r="602382" spans="14:14">
      <c r="N602382" s="10"/>
    </row>
    <row r="602383" spans="14:14">
      <c r="N602383" s="10"/>
    </row>
    <row r="602384" spans="14:14">
      <c r="N602384" s="10"/>
    </row>
    <row r="602385" spans="14:14">
      <c r="N602385" s="10"/>
    </row>
    <row r="602386" spans="14:14">
      <c r="N602386" s="10"/>
    </row>
    <row r="602387" spans="14:14">
      <c r="N602387" s="10"/>
    </row>
    <row r="602388" spans="14:14">
      <c r="N602388" s="10"/>
    </row>
    <row r="602389" spans="14:14">
      <c r="N602389" s="10"/>
    </row>
    <row r="602390" spans="14:14">
      <c r="N602390" s="10"/>
    </row>
    <row r="602391" spans="14:14">
      <c r="N602391" s="10"/>
    </row>
    <row r="602392" spans="14:14">
      <c r="N602392" s="10"/>
    </row>
    <row r="602393" spans="14:14">
      <c r="N602393" s="10"/>
    </row>
    <row r="602394" spans="14:14">
      <c r="N602394" s="10"/>
    </row>
    <row r="602395" spans="14:14">
      <c r="N602395" s="10"/>
    </row>
    <row r="602396" spans="14:14">
      <c r="N602396" s="10"/>
    </row>
    <row r="602397" spans="14:14">
      <c r="N602397" s="10"/>
    </row>
    <row r="602398" spans="14:14">
      <c r="N602398" s="10"/>
    </row>
    <row r="602399" spans="14:14">
      <c r="N602399" s="10"/>
    </row>
    <row r="602400" spans="14:14">
      <c r="N602400" s="10"/>
    </row>
    <row r="602401" spans="14:14">
      <c r="N602401" s="10"/>
    </row>
    <row r="602402" spans="14:14">
      <c r="N602402" s="10"/>
    </row>
    <row r="602403" spans="14:14">
      <c r="N602403" s="10"/>
    </row>
    <row r="602404" spans="14:14">
      <c r="N602404" s="10"/>
    </row>
    <row r="602405" spans="14:14">
      <c r="N602405" s="10"/>
    </row>
    <row r="602406" spans="14:14">
      <c r="N602406" s="10"/>
    </row>
    <row r="602407" spans="14:14">
      <c r="N602407" s="10"/>
    </row>
    <row r="602408" spans="14:14">
      <c r="N602408" s="10"/>
    </row>
    <row r="602409" spans="14:14">
      <c r="N602409" s="10"/>
    </row>
    <row r="602410" spans="14:14">
      <c r="N602410" s="10"/>
    </row>
    <row r="602411" spans="14:14">
      <c r="N602411" s="10"/>
    </row>
    <row r="602412" spans="14:14">
      <c r="N602412" s="10"/>
    </row>
    <row r="602413" spans="14:14">
      <c r="N602413" s="10"/>
    </row>
    <row r="602414" spans="14:14">
      <c r="N602414" s="10"/>
    </row>
    <row r="602415" spans="14:14">
      <c r="N602415" s="10"/>
    </row>
    <row r="602416" spans="14:14">
      <c r="N602416" s="10"/>
    </row>
    <row r="602417" spans="14:14">
      <c r="N602417" s="10"/>
    </row>
    <row r="602418" spans="14:14">
      <c r="N602418" s="10"/>
    </row>
    <row r="602419" spans="14:14">
      <c r="N602419" s="10"/>
    </row>
    <row r="602420" spans="14:14">
      <c r="N602420" s="10"/>
    </row>
    <row r="602421" spans="14:14">
      <c r="N602421" s="10"/>
    </row>
    <row r="602422" spans="14:14">
      <c r="N602422" s="10"/>
    </row>
    <row r="602423" spans="14:14">
      <c r="N602423" s="10"/>
    </row>
    <row r="602424" spans="14:14">
      <c r="N602424" s="10"/>
    </row>
    <row r="602425" spans="14:14">
      <c r="N602425" s="10"/>
    </row>
    <row r="602426" spans="14:14">
      <c r="N602426" s="10"/>
    </row>
    <row r="602427" spans="14:14">
      <c r="N602427" s="10"/>
    </row>
    <row r="602428" spans="14:14">
      <c r="N602428" s="10"/>
    </row>
    <row r="602429" spans="14:14">
      <c r="N602429" s="10"/>
    </row>
    <row r="602430" spans="14:14">
      <c r="N602430" s="10"/>
    </row>
    <row r="602431" spans="14:14">
      <c r="N602431" s="10"/>
    </row>
    <row r="602432" spans="14:14">
      <c r="N602432" s="10"/>
    </row>
    <row r="602433" spans="14:14">
      <c r="N602433" s="10"/>
    </row>
    <row r="602434" spans="14:14">
      <c r="N602434" s="10"/>
    </row>
    <row r="602435" spans="14:14">
      <c r="N602435" s="10"/>
    </row>
    <row r="602436" spans="14:14">
      <c r="N602436" s="10"/>
    </row>
    <row r="602437" spans="14:14">
      <c r="N602437" s="10"/>
    </row>
    <row r="602438" spans="14:14">
      <c r="N602438" s="10"/>
    </row>
    <row r="602439" spans="14:14">
      <c r="N602439" s="10"/>
    </row>
    <row r="602440" spans="14:14">
      <c r="N602440" s="10"/>
    </row>
    <row r="602441" spans="14:14">
      <c r="N602441" s="10"/>
    </row>
    <row r="602442" spans="14:14">
      <c r="N602442" s="10"/>
    </row>
    <row r="602443" spans="14:14">
      <c r="N602443" s="10"/>
    </row>
    <row r="602444" spans="14:14">
      <c r="N602444" s="10"/>
    </row>
    <row r="602445" spans="14:14">
      <c r="N602445" s="10"/>
    </row>
    <row r="602446" spans="14:14">
      <c r="N602446" s="10"/>
    </row>
    <row r="602447" spans="14:14">
      <c r="N602447" s="10"/>
    </row>
    <row r="602448" spans="14:14">
      <c r="N602448" s="10"/>
    </row>
    <row r="602449" spans="14:14">
      <c r="N602449" s="10"/>
    </row>
    <row r="602450" spans="14:14">
      <c r="N602450" s="10"/>
    </row>
    <row r="602451" spans="14:14">
      <c r="N602451" s="10"/>
    </row>
    <row r="602452" spans="14:14">
      <c r="N602452" s="10"/>
    </row>
    <row r="602453" spans="14:14">
      <c r="N602453" s="10"/>
    </row>
    <row r="602454" spans="14:14">
      <c r="N602454" s="10"/>
    </row>
    <row r="602455" spans="14:14">
      <c r="N602455" s="10"/>
    </row>
    <row r="602456" spans="14:14">
      <c r="N602456" s="10"/>
    </row>
    <row r="602457" spans="14:14">
      <c r="N602457" s="10"/>
    </row>
    <row r="602458" spans="14:14">
      <c r="N602458" s="10"/>
    </row>
    <row r="602459" spans="14:14">
      <c r="N602459" s="10"/>
    </row>
    <row r="602460" spans="14:14">
      <c r="N602460" s="10"/>
    </row>
    <row r="602461" spans="14:14">
      <c r="N602461" s="10"/>
    </row>
    <row r="602462" spans="14:14">
      <c r="N602462" s="10"/>
    </row>
    <row r="602463" spans="14:14">
      <c r="N602463" s="10"/>
    </row>
    <row r="602464" spans="14:14">
      <c r="N602464" s="10"/>
    </row>
    <row r="602465" spans="14:14">
      <c r="N602465" s="10"/>
    </row>
    <row r="602466" spans="14:14">
      <c r="N602466" s="10"/>
    </row>
    <row r="602467" spans="14:14">
      <c r="N602467" s="10"/>
    </row>
    <row r="602468" spans="14:14">
      <c r="N602468" s="10"/>
    </row>
    <row r="602469" spans="14:14">
      <c r="N602469" s="10"/>
    </row>
    <row r="602470" spans="14:14">
      <c r="N602470" s="10"/>
    </row>
    <row r="602471" spans="14:14">
      <c r="N602471" s="10"/>
    </row>
    <row r="602472" spans="14:14">
      <c r="N602472" s="10"/>
    </row>
    <row r="602473" spans="14:14">
      <c r="N602473" s="10"/>
    </row>
    <row r="602474" spans="14:14">
      <c r="N602474" s="10"/>
    </row>
    <row r="602475" spans="14:14">
      <c r="N602475" s="10"/>
    </row>
    <row r="602476" spans="14:14">
      <c r="N602476" s="10"/>
    </row>
    <row r="602477" spans="14:14">
      <c r="N602477" s="10"/>
    </row>
    <row r="602478" spans="14:14">
      <c r="N602478" s="10"/>
    </row>
    <row r="602479" spans="14:14">
      <c r="N602479" s="10"/>
    </row>
    <row r="602480" spans="14:14">
      <c r="N602480" s="10"/>
    </row>
    <row r="602481" spans="14:14">
      <c r="N602481" s="10"/>
    </row>
    <row r="602482" spans="14:14">
      <c r="N602482" s="10"/>
    </row>
    <row r="602483" spans="14:14">
      <c r="N602483" s="10"/>
    </row>
    <row r="602484" spans="14:14">
      <c r="N602484" s="10"/>
    </row>
    <row r="602485" spans="14:14">
      <c r="N602485" s="10"/>
    </row>
    <row r="602486" spans="14:14">
      <c r="N602486" s="10"/>
    </row>
    <row r="602487" spans="14:14">
      <c r="N602487" s="10"/>
    </row>
    <row r="602488" spans="14:14">
      <c r="N602488" s="10"/>
    </row>
    <row r="602489" spans="14:14">
      <c r="N602489" s="10"/>
    </row>
    <row r="602490" spans="14:14">
      <c r="N602490" s="10"/>
    </row>
    <row r="602491" spans="14:14">
      <c r="N602491" s="10"/>
    </row>
    <row r="602492" spans="14:14">
      <c r="N602492" s="10"/>
    </row>
    <row r="602493" spans="14:14">
      <c r="N602493" s="10"/>
    </row>
    <row r="602494" spans="14:14">
      <c r="N602494" s="10"/>
    </row>
    <row r="602495" spans="14:14">
      <c r="N602495" s="10"/>
    </row>
    <row r="602496" spans="14:14">
      <c r="N602496" s="10"/>
    </row>
    <row r="602497" spans="14:14">
      <c r="N602497" s="10"/>
    </row>
    <row r="602498" spans="14:14">
      <c r="N602498" s="10"/>
    </row>
    <row r="602499" spans="14:14">
      <c r="N602499" s="10"/>
    </row>
    <row r="602500" spans="14:14">
      <c r="N602500" s="10"/>
    </row>
    <row r="602501" spans="14:14">
      <c r="N602501" s="10"/>
    </row>
    <row r="602502" spans="14:14">
      <c r="N602502" s="10"/>
    </row>
    <row r="602503" spans="14:14">
      <c r="N602503" s="10"/>
    </row>
    <row r="602504" spans="14:14">
      <c r="N602504" s="10"/>
    </row>
    <row r="602505" spans="14:14">
      <c r="N602505" s="10"/>
    </row>
    <row r="602506" spans="14:14">
      <c r="N602506" s="10"/>
    </row>
    <row r="602507" spans="14:14">
      <c r="N602507" s="10"/>
    </row>
    <row r="602508" spans="14:14">
      <c r="N602508" s="10"/>
    </row>
    <row r="602509" spans="14:14">
      <c r="N602509" s="10"/>
    </row>
    <row r="602510" spans="14:14">
      <c r="N602510" s="10"/>
    </row>
    <row r="602511" spans="14:14">
      <c r="N602511" s="10"/>
    </row>
    <row r="602512" spans="14:14">
      <c r="N602512" s="10"/>
    </row>
    <row r="602513" spans="14:14">
      <c r="N602513" s="10"/>
    </row>
    <row r="602514" spans="14:14">
      <c r="N602514" s="10"/>
    </row>
    <row r="602515" spans="14:14">
      <c r="N602515" s="10"/>
    </row>
    <row r="602516" spans="14:14">
      <c r="N602516" s="10"/>
    </row>
    <row r="602517" spans="14:14">
      <c r="N602517" s="10"/>
    </row>
    <row r="602518" spans="14:14">
      <c r="N602518" s="10"/>
    </row>
    <row r="602519" spans="14:14">
      <c r="N602519" s="10"/>
    </row>
    <row r="602520" spans="14:14">
      <c r="N602520" s="10"/>
    </row>
    <row r="602521" spans="14:14">
      <c r="N602521" s="10"/>
    </row>
    <row r="602522" spans="14:14">
      <c r="N602522" s="10"/>
    </row>
    <row r="602523" spans="14:14">
      <c r="N602523" s="10"/>
    </row>
    <row r="602524" spans="14:14">
      <c r="N602524" s="10"/>
    </row>
    <row r="602525" spans="14:14">
      <c r="N602525" s="10"/>
    </row>
    <row r="602526" spans="14:14">
      <c r="N602526" s="10"/>
    </row>
    <row r="602527" spans="14:14">
      <c r="N602527" s="10"/>
    </row>
    <row r="602528" spans="14:14">
      <c r="N602528" s="10"/>
    </row>
    <row r="602529" spans="14:14">
      <c r="N602529" s="10"/>
    </row>
    <row r="602530" spans="14:14">
      <c r="N602530" s="10"/>
    </row>
    <row r="602531" spans="14:14">
      <c r="N602531" s="10"/>
    </row>
    <row r="602532" spans="14:14">
      <c r="N602532" s="10"/>
    </row>
    <row r="602533" spans="14:14">
      <c r="N602533" s="10"/>
    </row>
    <row r="602534" spans="14:14">
      <c r="N602534" s="10"/>
    </row>
    <row r="602535" spans="14:14">
      <c r="N602535" s="10"/>
    </row>
    <row r="602536" spans="14:14">
      <c r="N602536" s="10"/>
    </row>
    <row r="602537" spans="14:14">
      <c r="N602537" s="10"/>
    </row>
    <row r="602538" spans="14:14">
      <c r="N602538" s="10"/>
    </row>
    <row r="602539" spans="14:14">
      <c r="N602539" s="10"/>
    </row>
    <row r="602540" spans="14:14">
      <c r="N602540" s="10"/>
    </row>
    <row r="602541" spans="14:14">
      <c r="N602541" s="10"/>
    </row>
    <row r="602542" spans="14:14">
      <c r="N602542" s="10"/>
    </row>
    <row r="602543" spans="14:14">
      <c r="N602543" s="10"/>
    </row>
    <row r="602544" spans="14:14">
      <c r="N602544" s="10"/>
    </row>
    <row r="602545" spans="14:14">
      <c r="N602545" s="10"/>
    </row>
    <row r="602546" spans="14:14">
      <c r="N602546" s="10"/>
    </row>
    <row r="602547" spans="14:14">
      <c r="N602547" s="10"/>
    </row>
    <row r="602548" spans="14:14">
      <c r="N602548" s="10"/>
    </row>
    <row r="602549" spans="14:14">
      <c r="N602549" s="10"/>
    </row>
    <row r="602550" spans="14:14">
      <c r="N602550" s="10"/>
    </row>
    <row r="602551" spans="14:14">
      <c r="N602551" s="10"/>
    </row>
    <row r="602552" spans="14:14">
      <c r="N602552" s="10"/>
    </row>
    <row r="602553" spans="14:14">
      <c r="N602553" s="10"/>
    </row>
    <row r="602554" spans="14:14">
      <c r="N602554" s="10"/>
    </row>
    <row r="602555" spans="14:14">
      <c r="N602555" s="10"/>
    </row>
    <row r="602556" spans="14:14">
      <c r="N602556" s="10"/>
    </row>
    <row r="602557" spans="14:14">
      <c r="N602557" s="10"/>
    </row>
    <row r="602558" spans="14:14">
      <c r="N602558" s="10"/>
    </row>
    <row r="602559" spans="14:14">
      <c r="N602559" s="10"/>
    </row>
    <row r="602560" spans="14:14">
      <c r="N602560" s="10"/>
    </row>
    <row r="602561" spans="14:14">
      <c r="N602561" s="10"/>
    </row>
    <row r="602562" spans="14:14">
      <c r="N602562" s="10"/>
    </row>
    <row r="602563" spans="14:14">
      <c r="N602563" s="10"/>
    </row>
    <row r="602564" spans="14:14">
      <c r="N602564" s="10"/>
    </row>
    <row r="602565" spans="14:14">
      <c r="N602565" s="10"/>
    </row>
    <row r="602566" spans="14:14">
      <c r="N602566" s="10"/>
    </row>
    <row r="602567" spans="14:14">
      <c r="N602567" s="10"/>
    </row>
    <row r="602568" spans="14:14">
      <c r="N602568" s="10"/>
    </row>
    <row r="602569" spans="14:14">
      <c r="N602569" s="10"/>
    </row>
    <row r="602570" spans="14:14">
      <c r="N602570" s="10"/>
    </row>
    <row r="602571" spans="14:14">
      <c r="N602571" s="10"/>
    </row>
    <row r="602572" spans="14:14">
      <c r="N602572" s="10"/>
    </row>
    <row r="602573" spans="14:14">
      <c r="N602573" s="10"/>
    </row>
    <row r="602574" spans="14:14">
      <c r="N602574" s="10"/>
    </row>
    <row r="602575" spans="14:14">
      <c r="N602575" s="10"/>
    </row>
    <row r="602576" spans="14:14">
      <c r="N602576" s="10"/>
    </row>
    <row r="602577" spans="14:14">
      <c r="N602577" s="10"/>
    </row>
    <row r="602578" spans="14:14">
      <c r="N602578" s="10"/>
    </row>
    <row r="602579" spans="14:14">
      <c r="N602579" s="10"/>
    </row>
    <row r="602580" spans="14:14">
      <c r="N602580" s="10"/>
    </row>
    <row r="602581" spans="14:14">
      <c r="N602581" s="10"/>
    </row>
    <row r="602582" spans="14:14">
      <c r="N602582" s="10"/>
    </row>
    <row r="602583" spans="14:14">
      <c r="N602583" s="10"/>
    </row>
    <row r="602584" spans="14:14">
      <c r="N602584" s="10"/>
    </row>
    <row r="602585" spans="14:14">
      <c r="N602585" s="10"/>
    </row>
    <row r="602586" spans="14:14">
      <c r="N602586" s="10"/>
    </row>
    <row r="602587" spans="14:14">
      <c r="N602587" s="10"/>
    </row>
    <row r="602588" spans="14:14">
      <c r="N602588" s="10"/>
    </row>
    <row r="602589" spans="14:14">
      <c r="N602589" s="10"/>
    </row>
    <row r="602590" spans="14:14">
      <c r="N602590" s="10"/>
    </row>
    <row r="602591" spans="14:14">
      <c r="N602591" s="10"/>
    </row>
    <row r="602592" spans="14:14">
      <c r="N602592" s="10"/>
    </row>
    <row r="602593" spans="14:14">
      <c r="N602593" s="10"/>
    </row>
    <row r="602594" spans="14:14">
      <c r="N602594" s="10"/>
    </row>
    <row r="602595" spans="14:14">
      <c r="N602595" s="10"/>
    </row>
    <row r="602596" spans="14:14">
      <c r="N602596" s="10"/>
    </row>
    <row r="602597" spans="14:14">
      <c r="N602597" s="10"/>
    </row>
    <row r="602598" spans="14:14">
      <c r="N602598" s="10"/>
    </row>
    <row r="602599" spans="14:14">
      <c r="N602599" s="10"/>
    </row>
    <row r="602600" spans="14:14">
      <c r="N602600" s="10"/>
    </row>
    <row r="602601" spans="14:14">
      <c r="N602601" s="10"/>
    </row>
    <row r="602602" spans="14:14">
      <c r="N602602" s="10"/>
    </row>
    <row r="602603" spans="14:14">
      <c r="N602603" s="10"/>
    </row>
    <row r="602604" spans="14:14">
      <c r="N602604" s="10"/>
    </row>
    <row r="602605" spans="14:14">
      <c r="N602605" s="10"/>
    </row>
    <row r="602606" spans="14:14">
      <c r="N602606" s="10"/>
    </row>
    <row r="602607" spans="14:14">
      <c r="N602607" s="10"/>
    </row>
    <row r="602608" spans="14:14">
      <c r="N602608" s="10"/>
    </row>
    <row r="602609" spans="14:14">
      <c r="N602609" s="10"/>
    </row>
    <row r="602610" spans="14:14">
      <c r="N602610" s="10"/>
    </row>
    <row r="602611" spans="14:14">
      <c r="N602611" s="10"/>
    </row>
    <row r="602612" spans="14:14">
      <c r="N602612" s="10"/>
    </row>
    <row r="602613" spans="14:14">
      <c r="N602613" s="10"/>
    </row>
    <row r="602614" spans="14:14">
      <c r="N602614" s="10"/>
    </row>
    <row r="602615" spans="14:14">
      <c r="N602615" s="10"/>
    </row>
    <row r="602616" spans="14:14">
      <c r="N602616" s="10"/>
    </row>
    <row r="602617" spans="14:14">
      <c r="N602617" s="10"/>
    </row>
    <row r="602618" spans="14:14">
      <c r="N602618" s="10"/>
    </row>
    <row r="602619" spans="14:14">
      <c r="N602619" s="10"/>
    </row>
    <row r="602620" spans="14:14">
      <c r="N602620" s="10"/>
    </row>
    <row r="602621" spans="14:14">
      <c r="N602621" s="10"/>
    </row>
    <row r="602622" spans="14:14">
      <c r="N602622" s="10"/>
    </row>
    <row r="602623" spans="14:14">
      <c r="N602623" s="10"/>
    </row>
    <row r="602624" spans="14:14">
      <c r="N602624" s="10"/>
    </row>
    <row r="602625" spans="14:14">
      <c r="N602625" s="10"/>
    </row>
    <row r="602626" spans="14:14">
      <c r="N602626" s="10"/>
    </row>
    <row r="602627" spans="14:14">
      <c r="N602627" s="10"/>
    </row>
    <row r="602628" spans="14:14">
      <c r="N602628" s="10"/>
    </row>
    <row r="602629" spans="14:14">
      <c r="N602629" s="10"/>
    </row>
    <row r="602630" spans="14:14">
      <c r="N602630" s="10"/>
    </row>
    <row r="602631" spans="14:14">
      <c r="N602631" s="10"/>
    </row>
    <row r="602632" spans="14:14">
      <c r="N602632" s="10"/>
    </row>
    <row r="602633" spans="14:14">
      <c r="N602633" s="10"/>
    </row>
    <row r="602634" spans="14:14">
      <c r="N602634" s="10"/>
    </row>
    <row r="602635" spans="14:14">
      <c r="N602635" s="10"/>
    </row>
    <row r="602636" spans="14:14">
      <c r="N602636" s="10"/>
    </row>
    <row r="602637" spans="14:14">
      <c r="N602637" s="10"/>
    </row>
    <row r="602638" spans="14:14">
      <c r="N602638" s="10"/>
    </row>
    <row r="602639" spans="14:14">
      <c r="N602639" s="10"/>
    </row>
    <row r="602640" spans="14:14">
      <c r="N602640" s="10"/>
    </row>
    <row r="602641" spans="14:14">
      <c r="N602641" s="10"/>
    </row>
    <row r="602642" spans="14:14">
      <c r="N602642" s="10"/>
    </row>
    <row r="602643" spans="14:14">
      <c r="N602643" s="10"/>
    </row>
    <row r="602644" spans="14:14">
      <c r="N602644" s="10"/>
    </row>
    <row r="602645" spans="14:14">
      <c r="N602645" s="10"/>
    </row>
    <row r="602646" spans="14:14">
      <c r="N602646" s="10"/>
    </row>
    <row r="602647" spans="14:14">
      <c r="N602647" s="10"/>
    </row>
    <row r="602648" spans="14:14">
      <c r="N602648" s="10"/>
    </row>
    <row r="602649" spans="14:14">
      <c r="N602649" s="10"/>
    </row>
    <row r="602650" spans="14:14">
      <c r="N602650" s="10"/>
    </row>
    <row r="602651" spans="14:14">
      <c r="N602651" s="10"/>
    </row>
    <row r="602652" spans="14:14">
      <c r="N602652" s="10"/>
    </row>
    <row r="602653" spans="14:14">
      <c r="N602653" s="10"/>
    </row>
    <row r="602654" spans="14:14">
      <c r="N602654" s="10"/>
    </row>
    <row r="602655" spans="14:14">
      <c r="N602655" s="10"/>
    </row>
    <row r="602656" spans="14:14">
      <c r="N602656" s="10"/>
    </row>
    <row r="602657" spans="14:14">
      <c r="N602657" s="10"/>
    </row>
    <row r="602658" spans="14:14">
      <c r="N602658" s="10"/>
    </row>
    <row r="602659" spans="14:14">
      <c r="N602659" s="10"/>
    </row>
    <row r="602660" spans="14:14">
      <c r="N602660" s="10"/>
    </row>
    <row r="602661" spans="14:14">
      <c r="N602661" s="10"/>
    </row>
    <row r="602662" spans="14:14">
      <c r="N602662" s="10"/>
    </row>
    <row r="602663" spans="14:14">
      <c r="N602663" s="10"/>
    </row>
    <row r="602664" spans="14:14">
      <c r="N602664" s="10"/>
    </row>
    <row r="602665" spans="14:14">
      <c r="N602665" s="10"/>
    </row>
    <row r="602666" spans="14:14">
      <c r="N602666" s="10"/>
    </row>
    <row r="602667" spans="14:14">
      <c r="N602667" s="10"/>
    </row>
    <row r="602668" spans="14:14">
      <c r="N602668" s="10"/>
    </row>
    <row r="602669" spans="14:14">
      <c r="N602669" s="10"/>
    </row>
    <row r="602670" spans="14:14">
      <c r="N602670" s="10"/>
    </row>
    <row r="602671" spans="14:14">
      <c r="N602671" s="10"/>
    </row>
    <row r="602672" spans="14:14">
      <c r="N602672" s="10"/>
    </row>
    <row r="602673" spans="14:14">
      <c r="N602673" s="10"/>
    </row>
    <row r="602674" spans="14:14">
      <c r="N602674" s="10"/>
    </row>
    <row r="602675" spans="14:14">
      <c r="N602675" s="10"/>
    </row>
    <row r="602676" spans="14:14">
      <c r="N602676" s="10"/>
    </row>
    <row r="602677" spans="14:14">
      <c r="N602677" s="10"/>
    </row>
    <row r="602678" spans="14:14">
      <c r="N602678" s="10"/>
    </row>
    <row r="602679" spans="14:14">
      <c r="N602679" s="10"/>
    </row>
    <row r="602680" spans="14:14">
      <c r="N602680" s="10"/>
    </row>
    <row r="602681" spans="14:14">
      <c r="N602681" s="10"/>
    </row>
    <row r="602682" spans="14:14">
      <c r="N602682" s="10"/>
    </row>
    <row r="602683" spans="14:14">
      <c r="N602683" s="10"/>
    </row>
    <row r="602684" spans="14:14">
      <c r="N602684" s="10"/>
    </row>
    <row r="602685" spans="14:14">
      <c r="N602685" s="10"/>
    </row>
    <row r="602686" spans="14:14">
      <c r="N602686" s="10"/>
    </row>
    <row r="602687" spans="14:14">
      <c r="N602687" s="10"/>
    </row>
    <row r="602688" spans="14:14">
      <c r="N602688" s="10"/>
    </row>
    <row r="602689" spans="14:14">
      <c r="N602689" s="10"/>
    </row>
    <row r="602690" spans="14:14">
      <c r="N602690" s="10"/>
    </row>
    <row r="602691" spans="14:14">
      <c r="N602691" s="10"/>
    </row>
    <row r="602692" spans="14:14">
      <c r="N602692" s="10"/>
    </row>
    <row r="602693" spans="14:14">
      <c r="N602693" s="10"/>
    </row>
    <row r="602694" spans="14:14">
      <c r="N602694" s="10"/>
    </row>
    <row r="602695" spans="14:14">
      <c r="N602695" s="10"/>
    </row>
    <row r="602696" spans="14:14">
      <c r="N602696" s="10"/>
    </row>
    <row r="602697" spans="14:14">
      <c r="N602697" s="10"/>
    </row>
    <row r="602698" spans="14:14">
      <c r="N602698" s="10"/>
    </row>
    <row r="602699" spans="14:14">
      <c r="N602699" s="10"/>
    </row>
    <row r="602700" spans="14:14">
      <c r="N602700" s="10"/>
    </row>
    <row r="602701" spans="14:14">
      <c r="N602701" s="10"/>
    </row>
    <row r="602702" spans="14:14">
      <c r="N602702" s="10"/>
    </row>
    <row r="602703" spans="14:14">
      <c r="N602703" s="10"/>
    </row>
    <row r="602704" spans="14:14">
      <c r="N602704" s="10"/>
    </row>
    <row r="602705" spans="14:14">
      <c r="N602705" s="10"/>
    </row>
    <row r="602706" spans="14:14">
      <c r="N602706" s="10"/>
    </row>
    <row r="602707" spans="14:14">
      <c r="N602707" s="10"/>
    </row>
    <row r="602708" spans="14:14">
      <c r="N602708" s="10"/>
    </row>
    <row r="602709" spans="14:14">
      <c r="N602709" s="10"/>
    </row>
    <row r="602710" spans="14:14">
      <c r="N602710" s="10"/>
    </row>
    <row r="602711" spans="14:14">
      <c r="N602711" s="10"/>
    </row>
    <row r="602712" spans="14:14">
      <c r="N602712" s="10"/>
    </row>
    <row r="602713" spans="14:14">
      <c r="N602713" s="10"/>
    </row>
    <row r="602714" spans="14:14">
      <c r="N602714" s="10"/>
    </row>
    <row r="602715" spans="14:14">
      <c r="N602715" s="10"/>
    </row>
    <row r="602716" spans="14:14">
      <c r="N602716" s="10"/>
    </row>
    <row r="602717" spans="14:14">
      <c r="N602717" s="10"/>
    </row>
    <row r="602718" spans="14:14">
      <c r="N602718" s="10"/>
    </row>
    <row r="602719" spans="14:14">
      <c r="N602719" s="10"/>
    </row>
    <row r="602720" spans="14:14">
      <c r="N602720" s="10"/>
    </row>
    <row r="602721" spans="14:14">
      <c r="N602721" s="10"/>
    </row>
    <row r="602722" spans="14:14">
      <c r="N602722" s="10"/>
    </row>
    <row r="602723" spans="14:14">
      <c r="N602723" s="10"/>
    </row>
    <row r="602724" spans="14:14">
      <c r="N602724" s="10"/>
    </row>
    <row r="602725" spans="14:14">
      <c r="N602725" s="10"/>
    </row>
    <row r="602726" spans="14:14">
      <c r="N602726" s="10"/>
    </row>
    <row r="602727" spans="14:14">
      <c r="N602727" s="10"/>
    </row>
    <row r="602728" spans="14:14">
      <c r="N602728" s="10"/>
    </row>
    <row r="602729" spans="14:14">
      <c r="N602729" s="10"/>
    </row>
    <row r="602730" spans="14:14">
      <c r="N602730" s="10"/>
    </row>
    <row r="602731" spans="14:14">
      <c r="N602731" s="10"/>
    </row>
    <row r="602732" spans="14:14">
      <c r="N602732" s="10"/>
    </row>
    <row r="602733" spans="14:14">
      <c r="N602733" s="10"/>
    </row>
    <row r="602734" spans="14:14">
      <c r="N602734" s="10"/>
    </row>
    <row r="602735" spans="14:14">
      <c r="N602735" s="10"/>
    </row>
    <row r="602736" spans="14:14">
      <c r="N602736" s="10"/>
    </row>
    <row r="602737" spans="14:14">
      <c r="N602737" s="10"/>
    </row>
    <row r="602738" spans="14:14">
      <c r="N602738" s="10"/>
    </row>
    <row r="602739" spans="14:14">
      <c r="N602739" s="10"/>
    </row>
    <row r="602740" spans="14:14">
      <c r="N602740" s="10"/>
    </row>
    <row r="602741" spans="14:14">
      <c r="N602741" s="10"/>
    </row>
    <row r="602742" spans="14:14">
      <c r="N602742" s="10"/>
    </row>
    <row r="602743" spans="14:14">
      <c r="N602743" s="10"/>
    </row>
    <row r="602744" spans="14:14">
      <c r="N602744" s="10"/>
    </row>
    <row r="602745" spans="14:14">
      <c r="N602745" s="10"/>
    </row>
    <row r="602746" spans="14:14">
      <c r="N602746" s="10"/>
    </row>
    <row r="602747" spans="14:14">
      <c r="N602747" s="10"/>
    </row>
    <row r="602748" spans="14:14">
      <c r="N602748" s="10"/>
    </row>
    <row r="602749" spans="14:14">
      <c r="N602749" s="10"/>
    </row>
    <row r="602750" spans="14:14">
      <c r="N602750" s="10"/>
    </row>
    <row r="602751" spans="14:14">
      <c r="N602751" s="10"/>
    </row>
    <row r="602752" spans="14:14">
      <c r="N602752" s="10"/>
    </row>
    <row r="602753" spans="14:14">
      <c r="N602753" s="10"/>
    </row>
    <row r="602754" spans="14:14">
      <c r="N602754" s="10"/>
    </row>
    <row r="602755" spans="14:14">
      <c r="N602755" s="10"/>
    </row>
    <row r="602756" spans="14:14">
      <c r="N602756" s="10"/>
    </row>
    <row r="602757" spans="14:14">
      <c r="N602757" s="10"/>
    </row>
    <row r="602758" spans="14:14">
      <c r="N602758" s="10"/>
    </row>
    <row r="602759" spans="14:14">
      <c r="N602759" s="10"/>
    </row>
    <row r="602760" spans="14:14">
      <c r="N602760" s="10"/>
    </row>
    <row r="602761" spans="14:14">
      <c r="N602761" s="10"/>
    </row>
    <row r="602762" spans="14:14">
      <c r="N602762" s="10"/>
    </row>
    <row r="602763" spans="14:14">
      <c r="N602763" s="10"/>
    </row>
    <row r="602764" spans="14:14">
      <c r="N602764" s="10"/>
    </row>
    <row r="602765" spans="14:14">
      <c r="N602765" s="10"/>
    </row>
    <row r="602766" spans="14:14">
      <c r="N602766" s="10"/>
    </row>
    <row r="602767" spans="14:14">
      <c r="N602767" s="10"/>
    </row>
    <row r="602768" spans="14:14">
      <c r="N602768" s="10"/>
    </row>
    <row r="602769" spans="14:14">
      <c r="N602769" s="10"/>
    </row>
    <row r="602770" spans="14:14">
      <c r="N602770" s="10"/>
    </row>
    <row r="602771" spans="14:14">
      <c r="N602771" s="10"/>
    </row>
    <row r="602772" spans="14:14">
      <c r="N602772" s="10"/>
    </row>
    <row r="602773" spans="14:14">
      <c r="N602773" s="10"/>
    </row>
    <row r="602774" spans="14:14">
      <c r="N602774" s="10"/>
    </row>
    <row r="602775" spans="14:14">
      <c r="N602775" s="10"/>
    </row>
    <row r="602776" spans="14:14">
      <c r="N602776" s="10"/>
    </row>
    <row r="602777" spans="14:14">
      <c r="N602777" s="10"/>
    </row>
    <row r="602778" spans="14:14">
      <c r="N602778" s="10"/>
    </row>
    <row r="602779" spans="14:14">
      <c r="N602779" s="10"/>
    </row>
    <row r="602780" spans="14:14">
      <c r="N602780" s="10"/>
    </row>
    <row r="602781" spans="14:14">
      <c r="N602781" s="10"/>
    </row>
    <row r="602782" spans="14:14">
      <c r="N602782" s="10"/>
    </row>
    <row r="602783" spans="14:14">
      <c r="N602783" s="10"/>
    </row>
    <row r="602784" spans="14:14">
      <c r="N602784" s="10"/>
    </row>
    <row r="602785" spans="14:14">
      <c r="N602785" s="10"/>
    </row>
    <row r="602786" spans="14:14">
      <c r="N602786" s="10"/>
    </row>
    <row r="602787" spans="14:14">
      <c r="N602787" s="10"/>
    </row>
    <row r="602788" spans="14:14">
      <c r="N602788" s="10"/>
    </row>
    <row r="602789" spans="14:14">
      <c r="N602789" s="10"/>
    </row>
    <row r="602790" spans="14:14">
      <c r="N602790" s="10"/>
    </row>
    <row r="602791" spans="14:14">
      <c r="N602791" s="10"/>
    </row>
    <row r="602792" spans="14:14">
      <c r="N602792" s="10"/>
    </row>
    <row r="602793" spans="14:14">
      <c r="N602793" s="10"/>
    </row>
    <row r="602794" spans="14:14">
      <c r="N602794" s="10"/>
    </row>
    <row r="602795" spans="14:14">
      <c r="N602795" s="10"/>
    </row>
    <row r="602796" spans="14:14">
      <c r="N602796" s="10"/>
    </row>
    <row r="602797" spans="14:14">
      <c r="N602797" s="10"/>
    </row>
    <row r="602798" spans="14:14">
      <c r="N602798" s="10"/>
    </row>
    <row r="602799" spans="14:14">
      <c r="N602799" s="10"/>
    </row>
    <row r="602800" spans="14:14">
      <c r="N602800" s="10"/>
    </row>
    <row r="602801" spans="14:14">
      <c r="N602801" s="10"/>
    </row>
    <row r="602802" spans="14:14">
      <c r="N602802" s="10"/>
    </row>
    <row r="602803" spans="14:14">
      <c r="N602803" s="10"/>
    </row>
    <row r="602804" spans="14:14">
      <c r="N602804" s="10"/>
    </row>
    <row r="602805" spans="14:14">
      <c r="N602805" s="10"/>
    </row>
    <row r="602806" spans="14:14">
      <c r="N602806" s="10"/>
    </row>
    <row r="602807" spans="14:14">
      <c r="N602807" s="10"/>
    </row>
    <row r="602808" spans="14:14">
      <c r="N602808" s="10"/>
    </row>
    <row r="602809" spans="14:14">
      <c r="N602809" s="10"/>
    </row>
    <row r="602810" spans="14:14">
      <c r="N602810" s="10"/>
    </row>
    <row r="602811" spans="14:14">
      <c r="N602811" s="10"/>
    </row>
    <row r="602812" spans="14:14">
      <c r="N602812" s="10"/>
    </row>
    <row r="602813" spans="14:14">
      <c r="N602813" s="10"/>
    </row>
    <row r="602814" spans="14:14">
      <c r="N602814" s="10"/>
    </row>
    <row r="602815" spans="14:14">
      <c r="N602815" s="10"/>
    </row>
    <row r="602816" spans="14:14">
      <c r="N602816" s="10"/>
    </row>
    <row r="602817" spans="14:14">
      <c r="N602817" s="10"/>
    </row>
    <row r="602818" spans="14:14">
      <c r="N602818" s="10"/>
    </row>
    <row r="602819" spans="14:14">
      <c r="N602819" s="10"/>
    </row>
    <row r="602820" spans="14:14">
      <c r="N602820" s="10"/>
    </row>
    <row r="602821" spans="14:14">
      <c r="N602821" s="10"/>
    </row>
    <row r="602822" spans="14:14">
      <c r="N602822" s="10"/>
    </row>
    <row r="602823" spans="14:14">
      <c r="N602823" s="10"/>
    </row>
    <row r="602824" spans="14:14">
      <c r="N602824" s="10"/>
    </row>
    <row r="602825" spans="14:14">
      <c r="N602825" s="10"/>
    </row>
    <row r="602826" spans="14:14">
      <c r="N602826" s="10"/>
    </row>
    <row r="602827" spans="14:14">
      <c r="N602827" s="10"/>
    </row>
    <row r="602828" spans="14:14">
      <c r="N602828" s="10"/>
    </row>
    <row r="602829" spans="14:14">
      <c r="N602829" s="10"/>
    </row>
    <row r="602830" spans="14:14">
      <c r="N602830" s="10"/>
    </row>
    <row r="602831" spans="14:14">
      <c r="N602831" s="10"/>
    </row>
    <row r="602832" spans="14:14">
      <c r="N602832" s="10"/>
    </row>
    <row r="602833" spans="14:14">
      <c r="N602833" s="10"/>
    </row>
    <row r="602834" spans="14:14">
      <c r="N602834" s="10"/>
    </row>
    <row r="602835" spans="14:14">
      <c r="N602835" s="10"/>
    </row>
    <row r="602836" spans="14:14">
      <c r="N602836" s="10"/>
    </row>
    <row r="602837" spans="14:14">
      <c r="N602837" s="10"/>
    </row>
    <row r="602838" spans="14:14">
      <c r="N602838" s="10"/>
    </row>
    <row r="602839" spans="14:14">
      <c r="N602839" s="10"/>
    </row>
    <row r="602840" spans="14:14">
      <c r="N602840" s="10"/>
    </row>
    <row r="602841" spans="14:14">
      <c r="N602841" s="10"/>
    </row>
    <row r="602842" spans="14:14">
      <c r="N602842" s="10"/>
    </row>
    <row r="602843" spans="14:14">
      <c r="N602843" s="10"/>
    </row>
    <row r="602844" spans="14:14">
      <c r="N602844" s="10"/>
    </row>
    <row r="602845" spans="14:14">
      <c r="N602845" s="10"/>
    </row>
    <row r="602846" spans="14:14">
      <c r="N602846" s="10"/>
    </row>
    <row r="602847" spans="14:14">
      <c r="N602847" s="10"/>
    </row>
    <row r="602848" spans="14:14">
      <c r="N602848" s="10"/>
    </row>
    <row r="602849" spans="14:14">
      <c r="N602849" s="10"/>
    </row>
    <row r="602850" spans="14:14">
      <c r="N602850" s="10"/>
    </row>
    <row r="602851" spans="14:14">
      <c r="N602851" s="10"/>
    </row>
    <row r="602852" spans="14:14">
      <c r="N602852" s="10"/>
    </row>
    <row r="602853" spans="14:14">
      <c r="N602853" s="10"/>
    </row>
    <row r="602854" spans="14:14">
      <c r="N602854" s="10"/>
    </row>
    <row r="602855" spans="14:14">
      <c r="N602855" s="10"/>
    </row>
    <row r="602856" spans="14:14">
      <c r="N602856" s="10"/>
    </row>
    <row r="602857" spans="14:14">
      <c r="N602857" s="10"/>
    </row>
    <row r="602858" spans="14:14">
      <c r="N602858" s="10"/>
    </row>
    <row r="602859" spans="14:14">
      <c r="N602859" s="10"/>
    </row>
    <row r="602860" spans="14:14">
      <c r="N602860" s="10"/>
    </row>
    <row r="602861" spans="14:14">
      <c r="N602861" s="10"/>
    </row>
    <row r="602862" spans="14:14">
      <c r="N602862" s="10"/>
    </row>
    <row r="602863" spans="14:14">
      <c r="N602863" s="10"/>
    </row>
    <row r="602864" spans="14:14">
      <c r="N602864" s="10"/>
    </row>
    <row r="602865" spans="14:14">
      <c r="N602865" s="10"/>
    </row>
    <row r="602866" spans="14:14">
      <c r="N602866" s="10"/>
    </row>
    <row r="602867" spans="14:14">
      <c r="N602867" s="10"/>
    </row>
    <row r="602868" spans="14:14">
      <c r="N602868" s="10"/>
    </row>
    <row r="602869" spans="14:14">
      <c r="N602869" s="10"/>
    </row>
    <row r="602870" spans="14:14">
      <c r="N602870" s="10"/>
    </row>
    <row r="602871" spans="14:14">
      <c r="N602871" s="10"/>
    </row>
    <row r="602872" spans="14:14">
      <c r="N602872" s="10"/>
    </row>
    <row r="602873" spans="14:14">
      <c r="N602873" s="10"/>
    </row>
    <row r="602874" spans="14:14">
      <c r="N602874" s="10"/>
    </row>
    <row r="602875" spans="14:14">
      <c r="N602875" s="10"/>
    </row>
    <row r="602876" spans="14:14">
      <c r="N602876" s="10"/>
    </row>
    <row r="602877" spans="14:14">
      <c r="N602877" s="10"/>
    </row>
    <row r="602878" spans="14:14">
      <c r="N602878" s="10"/>
    </row>
    <row r="602879" spans="14:14">
      <c r="N602879" s="10"/>
    </row>
    <row r="602880" spans="14:14">
      <c r="N602880" s="10"/>
    </row>
    <row r="602881" spans="14:14">
      <c r="N602881" s="10"/>
    </row>
    <row r="602882" spans="14:14">
      <c r="N602882" s="10"/>
    </row>
    <row r="602883" spans="14:14">
      <c r="N602883" s="10"/>
    </row>
    <row r="602884" spans="14:14">
      <c r="N602884" s="10"/>
    </row>
    <row r="602885" spans="14:14">
      <c r="N602885" s="10"/>
    </row>
    <row r="602886" spans="14:14">
      <c r="N602886" s="10"/>
    </row>
    <row r="602887" spans="14:14">
      <c r="N602887" s="10"/>
    </row>
    <row r="602888" spans="14:14">
      <c r="N602888" s="10"/>
    </row>
    <row r="602889" spans="14:14">
      <c r="N602889" s="10"/>
    </row>
    <row r="602890" spans="14:14">
      <c r="N602890" s="10"/>
    </row>
    <row r="602891" spans="14:14">
      <c r="N602891" s="10"/>
    </row>
    <row r="602892" spans="14:14">
      <c r="N602892" s="10"/>
    </row>
    <row r="602893" spans="14:14">
      <c r="N602893" s="10"/>
    </row>
    <row r="602894" spans="14:14">
      <c r="N602894" s="10"/>
    </row>
    <row r="602895" spans="14:14">
      <c r="N602895" s="10"/>
    </row>
    <row r="602896" spans="14:14">
      <c r="N602896" s="10"/>
    </row>
    <row r="602897" spans="14:14">
      <c r="N602897" s="10"/>
    </row>
    <row r="602898" spans="14:14">
      <c r="N602898" s="10"/>
    </row>
    <row r="602899" spans="14:14">
      <c r="N602899" s="10"/>
    </row>
    <row r="602900" spans="14:14">
      <c r="N602900" s="10"/>
    </row>
    <row r="602901" spans="14:14">
      <c r="N602901" s="10"/>
    </row>
    <row r="602902" spans="14:14">
      <c r="N602902" s="10"/>
    </row>
    <row r="602903" spans="14:14">
      <c r="N602903" s="10"/>
    </row>
    <row r="602904" spans="14:14">
      <c r="N602904" s="10"/>
    </row>
    <row r="602905" spans="14:14">
      <c r="N602905" s="10"/>
    </row>
    <row r="602906" spans="14:14">
      <c r="N602906" s="10"/>
    </row>
    <row r="602907" spans="14:14">
      <c r="N602907" s="10"/>
    </row>
    <row r="602908" spans="14:14">
      <c r="N602908" s="10"/>
    </row>
    <row r="602909" spans="14:14">
      <c r="N602909" s="10"/>
    </row>
    <row r="602910" spans="14:14">
      <c r="N602910" s="10"/>
    </row>
    <row r="602911" spans="14:14">
      <c r="N602911" s="10"/>
    </row>
    <row r="602912" spans="14:14">
      <c r="N602912" s="10"/>
    </row>
    <row r="602913" spans="14:14">
      <c r="N602913" s="10"/>
    </row>
    <row r="602914" spans="14:14">
      <c r="N602914" s="10"/>
    </row>
    <row r="602915" spans="14:14">
      <c r="N602915" s="10"/>
    </row>
    <row r="602916" spans="14:14">
      <c r="N602916" s="10"/>
    </row>
    <row r="602917" spans="14:14">
      <c r="N602917" s="10"/>
    </row>
    <row r="602918" spans="14:14">
      <c r="N602918" s="10"/>
    </row>
    <row r="602919" spans="14:14">
      <c r="N602919" s="10"/>
    </row>
    <row r="602920" spans="14:14">
      <c r="N602920" s="10"/>
    </row>
    <row r="602921" spans="14:14">
      <c r="N602921" s="10"/>
    </row>
    <row r="602922" spans="14:14">
      <c r="N602922" s="10"/>
    </row>
    <row r="602923" spans="14:14">
      <c r="N602923" s="10"/>
    </row>
    <row r="602924" spans="14:14">
      <c r="N602924" s="10"/>
    </row>
    <row r="602925" spans="14:14">
      <c r="N602925" s="10"/>
    </row>
    <row r="602926" spans="14:14">
      <c r="N602926" s="10"/>
    </row>
    <row r="602927" spans="14:14">
      <c r="N602927" s="10"/>
    </row>
    <row r="602928" spans="14:14">
      <c r="N602928" s="10"/>
    </row>
    <row r="602929" spans="14:14">
      <c r="N602929" s="10"/>
    </row>
    <row r="602930" spans="14:14">
      <c r="N602930" s="10"/>
    </row>
    <row r="602931" spans="14:14">
      <c r="N602931" s="10"/>
    </row>
    <row r="602932" spans="14:14">
      <c r="N602932" s="10"/>
    </row>
    <row r="602933" spans="14:14">
      <c r="N602933" s="10"/>
    </row>
    <row r="602934" spans="14:14">
      <c r="N602934" s="10"/>
    </row>
    <row r="602935" spans="14:14">
      <c r="N602935" s="10"/>
    </row>
    <row r="602936" spans="14:14">
      <c r="N602936" s="10"/>
    </row>
    <row r="602937" spans="14:14">
      <c r="N602937" s="10"/>
    </row>
    <row r="602938" spans="14:14">
      <c r="N602938" s="10"/>
    </row>
    <row r="602939" spans="14:14">
      <c r="N602939" s="10"/>
    </row>
    <row r="602940" spans="14:14">
      <c r="N602940" s="10"/>
    </row>
    <row r="602941" spans="14:14">
      <c r="N602941" s="10"/>
    </row>
    <row r="602942" spans="14:14">
      <c r="N602942" s="10"/>
    </row>
    <row r="602943" spans="14:14">
      <c r="N602943" s="10"/>
    </row>
    <row r="602944" spans="14:14">
      <c r="N602944" s="10"/>
    </row>
    <row r="602945" spans="14:14">
      <c r="N602945" s="10"/>
    </row>
    <row r="602946" spans="14:14">
      <c r="N602946" s="10"/>
    </row>
    <row r="602947" spans="14:14">
      <c r="N602947" s="10"/>
    </row>
    <row r="602948" spans="14:14">
      <c r="N602948" s="10"/>
    </row>
    <row r="602949" spans="14:14">
      <c r="N602949" s="10"/>
    </row>
    <row r="602950" spans="14:14">
      <c r="N602950" s="10"/>
    </row>
    <row r="602951" spans="14:14">
      <c r="N602951" s="10"/>
    </row>
    <row r="602952" spans="14:14">
      <c r="N602952" s="10"/>
    </row>
    <row r="602953" spans="14:14">
      <c r="N602953" s="10"/>
    </row>
    <row r="602954" spans="14:14">
      <c r="N602954" s="10"/>
    </row>
    <row r="602955" spans="14:14">
      <c r="N602955" s="10"/>
    </row>
    <row r="602956" spans="14:14">
      <c r="N602956" s="10"/>
    </row>
    <row r="602957" spans="14:14">
      <c r="N602957" s="10"/>
    </row>
    <row r="602958" spans="14:14">
      <c r="N602958" s="10"/>
    </row>
    <row r="602959" spans="14:14">
      <c r="N602959" s="10"/>
    </row>
    <row r="602960" spans="14:14">
      <c r="N602960" s="10"/>
    </row>
    <row r="602961" spans="14:14">
      <c r="N602961" s="10"/>
    </row>
    <row r="602962" spans="14:14">
      <c r="N602962" s="10"/>
    </row>
    <row r="602963" spans="14:14">
      <c r="N602963" s="10"/>
    </row>
    <row r="602964" spans="14:14">
      <c r="N602964" s="10"/>
    </row>
    <row r="602965" spans="14:14">
      <c r="N602965" s="10"/>
    </row>
    <row r="602966" spans="14:14">
      <c r="N602966" s="10"/>
    </row>
    <row r="602967" spans="14:14">
      <c r="N602967" s="10"/>
    </row>
    <row r="602968" spans="14:14">
      <c r="N602968" s="10"/>
    </row>
    <row r="602969" spans="14:14">
      <c r="N602969" s="10"/>
    </row>
    <row r="602970" spans="14:14">
      <c r="N602970" s="10"/>
    </row>
    <row r="602971" spans="14:14">
      <c r="N602971" s="10"/>
    </row>
    <row r="602972" spans="14:14">
      <c r="N602972" s="10"/>
    </row>
    <row r="602973" spans="14:14">
      <c r="N602973" s="10"/>
    </row>
    <row r="602974" spans="14:14">
      <c r="N602974" s="10"/>
    </row>
    <row r="602975" spans="14:14">
      <c r="N602975" s="10"/>
    </row>
    <row r="602976" spans="14:14">
      <c r="N602976" s="10"/>
    </row>
    <row r="602977" spans="14:14">
      <c r="N602977" s="10"/>
    </row>
    <row r="602978" spans="14:14">
      <c r="N602978" s="10"/>
    </row>
    <row r="602979" spans="14:14">
      <c r="N602979" s="10"/>
    </row>
    <row r="602980" spans="14:14">
      <c r="N602980" s="10"/>
    </row>
    <row r="602981" spans="14:14">
      <c r="N602981" s="10"/>
    </row>
    <row r="602982" spans="14:14">
      <c r="N602982" s="10"/>
    </row>
    <row r="602983" spans="14:14">
      <c r="N602983" s="10"/>
    </row>
    <row r="602984" spans="14:14">
      <c r="N602984" s="10"/>
    </row>
    <row r="602985" spans="14:14">
      <c r="N602985" s="10"/>
    </row>
    <row r="602986" spans="14:14">
      <c r="N602986" s="10"/>
    </row>
    <row r="602987" spans="14:14">
      <c r="N602987" s="10"/>
    </row>
    <row r="602988" spans="14:14">
      <c r="N602988" s="10"/>
    </row>
    <row r="602989" spans="14:14">
      <c r="N602989" s="10"/>
    </row>
    <row r="602990" spans="14:14">
      <c r="N602990" s="10"/>
    </row>
    <row r="602991" spans="14:14">
      <c r="N602991" s="10"/>
    </row>
    <row r="602992" spans="14:14">
      <c r="N602992" s="10"/>
    </row>
    <row r="602993" spans="14:14">
      <c r="N602993" s="10"/>
    </row>
    <row r="602994" spans="14:14">
      <c r="N602994" s="10"/>
    </row>
    <row r="602995" spans="14:14">
      <c r="N602995" s="10"/>
    </row>
    <row r="602996" spans="14:14">
      <c r="N602996" s="10"/>
    </row>
    <row r="602997" spans="14:14">
      <c r="N602997" s="10"/>
    </row>
    <row r="602998" spans="14:14">
      <c r="N602998" s="10"/>
    </row>
    <row r="602999" spans="14:14">
      <c r="N602999" s="10"/>
    </row>
    <row r="603000" spans="14:14">
      <c r="N603000" s="10"/>
    </row>
    <row r="603001" spans="14:14">
      <c r="N603001" s="10"/>
    </row>
    <row r="603002" spans="14:14">
      <c r="N603002" s="10"/>
    </row>
    <row r="603003" spans="14:14">
      <c r="N603003" s="10"/>
    </row>
    <row r="603004" spans="14:14">
      <c r="N603004" s="10"/>
    </row>
    <row r="603005" spans="14:14">
      <c r="N603005" s="10"/>
    </row>
    <row r="603006" spans="14:14">
      <c r="N603006" s="10"/>
    </row>
    <row r="603007" spans="14:14">
      <c r="N603007" s="10"/>
    </row>
    <row r="603008" spans="14:14">
      <c r="N603008" s="10"/>
    </row>
    <row r="603009" spans="14:14">
      <c r="N603009" s="10"/>
    </row>
    <row r="603010" spans="14:14">
      <c r="N603010" s="10"/>
    </row>
    <row r="603011" spans="14:14">
      <c r="N603011" s="10"/>
    </row>
    <row r="603012" spans="14:14">
      <c r="N603012" s="10"/>
    </row>
    <row r="603013" spans="14:14">
      <c r="N603013" s="10"/>
    </row>
    <row r="603014" spans="14:14">
      <c r="N603014" s="10"/>
    </row>
    <row r="603015" spans="14:14">
      <c r="N603015" s="10"/>
    </row>
    <row r="603016" spans="14:14">
      <c r="N603016" s="10"/>
    </row>
    <row r="603017" spans="14:14">
      <c r="N603017" s="10"/>
    </row>
    <row r="603018" spans="14:14">
      <c r="N603018" s="10"/>
    </row>
    <row r="603019" spans="14:14">
      <c r="N603019" s="10"/>
    </row>
    <row r="603020" spans="14:14">
      <c r="N603020" s="10"/>
    </row>
    <row r="603021" spans="14:14">
      <c r="N603021" s="10"/>
    </row>
    <row r="603022" spans="14:14">
      <c r="N603022" s="10"/>
    </row>
    <row r="603023" spans="14:14">
      <c r="N603023" s="10"/>
    </row>
    <row r="603024" spans="14:14">
      <c r="N603024" s="10"/>
    </row>
    <row r="603025" spans="14:14">
      <c r="N603025" s="10"/>
    </row>
    <row r="603026" spans="14:14">
      <c r="N603026" s="10"/>
    </row>
    <row r="603027" spans="14:14">
      <c r="N603027" s="10"/>
    </row>
    <row r="603028" spans="14:14">
      <c r="N603028" s="10"/>
    </row>
    <row r="603029" spans="14:14">
      <c r="N603029" s="10"/>
    </row>
    <row r="603030" spans="14:14">
      <c r="N603030" s="10"/>
    </row>
    <row r="603031" spans="14:14">
      <c r="N603031" s="10"/>
    </row>
    <row r="603032" spans="14:14">
      <c r="N603032" s="10"/>
    </row>
    <row r="603033" spans="14:14">
      <c r="N603033" s="10"/>
    </row>
    <row r="603034" spans="14:14">
      <c r="N603034" s="10"/>
    </row>
    <row r="603035" spans="14:14">
      <c r="N603035" s="10"/>
    </row>
    <row r="603036" spans="14:14">
      <c r="N603036" s="10"/>
    </row>
    <row r="603037" spans="14:14">
      <c r="N603037" s="10"/>
    </row>
    <row r="603038" spans="14:14">
      <c r="N603038" s="10"/>
    </row>
    <row r="603039" spans="14:14">
      <c r="N603039" s="10"/>
    </row>
    <row r="603040" spans="14:14">
      <c r="N603040" s="10"/>
    </row>
    <row r="603041" spans="14:14">
      <c r="N603041" s="10"/>
    </row>
    <row r="603042" spans="14:14">
      <c r="N603042" s="10"/>
    </row>
    <row r="603043" spans="14:14">
      <c r="N603043" s="10"/>
    </row>
    <row r="603044" spans="14:14">
      <c r="N603044" s="10"/>
    </row>
    <row r="603045" spans="14:14">
      <c r="N603045" s="10"/>
    </row>
    <row r="603046" spans="14:14">
      <c r="N603046" s="10"/>
    </row>
    <row r="603047" spans="14:14">
      <c r="N603047" s="10"/>
    </row>
    <row r="603048" spans="14:14">
      <c r="N603048" s="10"/>
    </row>
    <row r="603049" spans="14:14">
      <c r="N603049" s="10"/>
    </row>
    <row r="603050" spans="14:14">
      <c r="N603050" s="10"/>
    </row>
    <row r="603051" spans="14:14">
      <c r="N603051" s="10"/>
    </row>
    <row r="603052" spans="14:14">
      <c r="N603052" s="10"/>
    </row>
    <row r="603053" spans="14:14">
      <c r="N603053" s="10"/>
    </row>
    <row r="603054" spans="14:14">
      <c r="N603054" s="10"/>
    </row>
    <row r="603055" spans="14:14">
      <c r="N603055" s="10"/>
    </row>
    <row r="603056" spans="14:14">
      <c r="N603056" s="10"/>
    </row>
    <row r="603057" spans="14:14">
      <c r="N603057" s="10"/>
    </row>
    <row r="603058" spans="14:14">
      <c r="N603058" s="10"/>
    </row>
    <row r="603059" spans="14:14">
      <c r="N603059" s="10"/>
    </row>
    <row r="603060" spans="14:14">
      <c r="N603060" s="10"/>
    </row>
    <row r="603061" spans="14:14">
      <c r="N603061" s="10"/>
    </row>
    <row r="603062" spans="14:14">
      <c r="N603062" s="10"/>
    </row>
    <row r="603063" spans="14:14">
      <c r="N603063" s="10"/>
    </row>
    <row r="603064" spans="14:14">
      <c r="N603064" s="10"/>
    </row>
    <row r="603065" spans="14:14">
      <c r="N603065" s="10"/>
    </row>
    <row r="603066" spans="14:14">
      <c r="N603066" s="10"/>
    </row>
    <row r="603067" spans="14:14">
      <c r="N603067" s="10"/>
    </row>
    <row r="603068" spans="14:14">
      <c r="N603068" s="10"/>
    </row>
    <row r="603069" spans="14:14">
      <c r="N603069" s="10"/>
    </row>
    <row r="603070" spans="14:14">
      <c r="N603070" s="10"/>
    </row>
    <row r="603071" spans="14:14">
      <c r="N603071" s="10"/>
    </row>
    <row r="603072" spans="14:14">
      <c r="N603072" s="10"/>
    </row>
    <row r="603073" spans="14:14">
      <c r="N603073" s="10"/>
    </row>
    <row r="603074" spans="14:14">
      <c r="N603074" s="10"/>
    </row>
    <row r="603075" spans="14:14">
      <c r="N603075" s="10"/>
    </row>
    <row r="603076" spans="14:14">
      <c r="N603076" s="10"/>
    </row>
    <row r="603077" spans="14:14">
      <c r="N603077" s="10"/>
    </row>
    <row r="603078" spans="14:14">
      <c r="N603078" s="10"/>
    </row>
    <row r="603079" spans="14:14">
      <c r="N603079" s="10"/>
    </row>
    <row r="603080" spans="14:14">
      <c r="N603080" s="10"/>
    </row>
    <row r="603081" spans="14:14">
      <c r="N603081" s="10"/>
    </row>
    <row r="603082" spans="14:14">
      <c r="N603082" s="10"/>
    </row>
    <row r="603083" spans="14:14">
      <c r="N603083" s="10"/>
    </row>
    <row r="603084" spans="14:14">
      <c r="N603084" s="10"/>
    </row>
    <row r="603085" spans="14:14">
      <c r="N603085" s="10"/>
    </row>
    <row r="603086" spans="14:14">
      <c r="N603086" s="10"/>
    </row>
    <row r="603087" spans="14:14">
      <c r="N603087" s="10"/>
    </row>
    <row r="603088" spans="14:14">
      <c r="N603088" s="10"/>
    </row>
    <row r="603089" spans="14:14">
      <c r="N603089" s="10"/>
    </row>
    <row r="603090" spans="14:14">
      <c r="N603090" s="10"/>
    </row>
    <row r="603091" spans="14:14">
      <c r="N603091" s="10"/>
    </row>
    <row r="603092" spans="14:14">
      <c r="N603092" s="10"/>
    </row>
    <row r="603093" spans="14:14">
      <c r="N603093" s="10"/>
    </row>
    <row r="603094" spans="14:14">
      <c r="N603094" s="10"/>
    </row>
    <row r="603095" spans="14:14">
      <c r="N603095" s="10"/>
    </row>
    <row r="603096" spans="14:14">
      <c r="N603096" s="10"/>
    </row>
    <row r="603097" spans="14:14">
      <c r="N603097" s="10"/>
    </row>
    <row r="603098" spans="14:14">
      <c r="N603098" s="10"/>
    </row>
    <row r="603099" spans="14:14">
      <c r="N603099" s="10"/>
    </row>
    <row r="603100" spans="14:14">
      <c r="N603100" s="10"/>
    </row>
    <row r="603101" spans="14:14">
      <c r="N603101" s="10"/>
    </row>
    <row r="603102" spans="14:14">
      <c r="N603102" s="10"/>
    </row>
    <row r="603103" spans="14:14">
      <c r="N603103" s="10"/>
    </row>
    <row r="603104" spans="14:14">
      <c r="N603104" s="10"/>
    </row>
    <row r="603105" spans="14:14">
      <c r="N603105" s="10"/>
    </row>
    <row r="603106" spans="14:14">
      <c r="N603106" s="10"/>
    </row>
    <row r="603107" spans="14:14">
      <c r="N603107" s="10"/>
    </row>
    <row r="603108" spans="14:14">
      <c r="N603108" s="10"/>
    </row>
    <row r="603109" spans="14:14">
      <c r="N603109" s="10"/>
    </row>
    <row r="603110" spans="14:14">
      <c r="N603110" s="10"/>
    </row>
    <row r="603111" spans="14:14">
      <c r="N603111" s="10"/>
    </row>
    <row r="603112" spans="14:14">
      <c r="N603112" s="10"/>
    </row>
    <row r="603113" spans="14:14">
      <c r="N603113" s="10"/>
    </row>
    <row r="603114" spans="14:14">
      <c r="N603114" s="10"/>
    </row>
    <row r="603115" spans="14:14">
      <c r="N603115" s="10"/>
    </row>
    <row r="603116" spans="14:14">
      <c r="N603116" s="10"/>
    </row>
    <row r="603117" spans="14:14">
      <c r="N603117" s="10"/>
    </row>
    <row r="603118" spans="14:14">
      <c r="N603118" s="10"/>
    </row>
    <row r="603119" spans="14:14">
      <c r="N603119" s="10"/>
    </row>
    <row r="603120" spans="14:14">
      <c r="N603120" s="10"/>
    </row>
    <row r="603121" spans="14:14">
      <c r="N603121" s="10"/>
    </row>
    <row r="603122" spans="14:14">
      <c r="N603122" s="10"/>
    </row>
    <row r="603123" spans="14:14">
      <c r="N603123" s="10"/>
    </row>
    <row r="603124" spans="14:14">
      <c r="N603124" s="10"/>
    </row>
    <row r="603125" spans="14:14">
      <c r="N603125" s="10"/>
    </row>
    <row r="603126" spans="14:14">
      <c r="N603126" s="10"/>
    </row>
    <row r="603127" spans="14:14">
      <c r="N603127" s="10"/>
    </row>
    <row r="603128" spans="14:14">
      <c r="N603128" s="10"/>
    </row>
    <row r="603129" spans="14:14">
      <c r="N603129" s="10"/>
    </row>
    <row r="603130" spans="14:14">
      <c r="N603130" s="10"/>
    </row>
    <row r="603131" spans="14:14">
      <c r="N603131" s="10"/>
    </row>
    <row r="603132" spans="14:14">
      <c r="N603132" s="10"/>
    </row>
    <row r="603133" spans="14:14">
      <c r="N603133" s="10"/>
    </row>
    <row r="603134" spans="14:14">
      <c r="N603134" s="10"/>
    </row>
    <row r="603135" spans="14:14">
      <c r="N603135" s="10"/>
    </row>
    <row r="603136" spans="14:14">
      <c r="N603136" s="10"/>
    </row>
    <row r="603137" spans="14:14">
      <c r="N603137" s="10"/>
    </row>
    <row r="603138" spans="14:14">
      <c r="N603138" s="10"/>
    </row>
    <row r="603139" spans="14:14">
      <c r="N603139" s="10"/>
    </row>
    <row r="603140" spans="14:14">
      <c r="N603140" s="10"/>
    </row>
    <row r="603141" spans="14:14">
      <c r="N603141" s="10"/>
    </row>
    <row r="603142" spans="14:14">
      <c r="N603142" s="10"/>
    </row>
    <row r="603143" spans="14:14">
      <c r="N603143" s="10"/>
    </row>
    <row r="603144" spans="14:14">
      <c r="N603144" s="10"/>
    </row>
    <row r="603145" spans="14:14">
      <c r="N603145" s="10"/>
    </row>
    <row r="603146" spans="14:14">
      <c r="N603146" s="10"/>
    </row>
    <row r="603147" spans="14:14">
      <c r="N603147" s="10"/>
    </row>
    <row r="603148" spans="14:14">
      <c r="N603148" s="10"/>
    </row>
    <row r="603149" spans="14:14">
      <c r="N603149" s="10"/>
    </row>
    <row r="603150" spans="14:14">
      <c r="N603150" s="10"/>
    </row>
    <row r="603151" spans="14:14">
      <c r="N603151" s="10"/>
    </row>
    <row r="603152" spans="14:14">
      <c r="N603152" s="10"/>
    </row>
    <row r="603153" spans="14:14">
      <c r="N603153" s="10"/>
    </row>
    <row r="603154" spans="14:14">
      <c r="N603154" s="10"/>
    </row>
    <row r="603155" spans="14:14">
      <c r="N603155" s="10"/>
    </row>
    <row r="603156" spans="14:14">
      <c r="N603156" s="10"/>
    </row>
    <row r="603157" spans="14:14">
      <c r="N603157" s="10"/>
    </row>
    <row r="603158" spans="14:14">
      <c r="N603158" s="10"/>
    </row>
    <row r="603159" spans="14:14">
      <c r="N603159" s="10"/>
    </row>
    <row r="603160" spans="14:14">
      <c r="N603160" s="10"/>
    </row>
    <row r="603161" spans="14:14">
      <c r="N603161" s="10"/>
    </row>
    <row r="603162" spans="14:14">
      <c r="N603162" s="10"/>
    </row>
    <row r="603163" spans="14:14">
      <c r="N603163" s="10"/>
    </row>
    <row r="603164" spans="14:14">
      <c r="N603164" s="10"/>
    </row>
    <row r="603165" spans="14:14">
      <c r="N603165" s="10"/>
    </row>
    <row r="603166" spans="14:14">
      <c r="N603166" s="10"/>
    </row>
    <row r="603167" spans="14:14">
      <c r="N603167" s="10"/>
    </row>
    <row r="603168" spans="14:14">
      <c r="N603168" s="10"/>
    </row>
    <row r="603169" spans="14:14">
      <c r="N603169" s="10"/>
    </row>
    <row r="603170" spans="14:14">
      <c r="N603170" s="10"/>
    </row>
    <row r="603171" spans="14:14">
      <c r="N603171" s="10"/>
    </row>
    <row r="603172" spans="14:14">
      <c r="N603172" s="10"/>
    </row>
    <row r="603173" spans="14:14">
      <c r="N603173" s="10"/>
    </row>
    <row r="603174" spans="14:14">
      <c r="N603174" s="10"/>
    </row>
    <row r="603175" spans="14:14">
      <c r="N603175" s="10"/>
    </row>
    <row r="603176" spans="14:14">
      <c r="N603176" s="10"/>
    </row>
    <row r="603177" spans="14:14">
      <c r="N603177" s="10"/>
    </row>
    <row r="603178" spans="14:14">
      <c r="N603178" s="10"/>
    </row>
    <row r="603179" spans="14:14">
      <c r="N603179" s="10"/>
    </row>
    <row r="603180" spans="14:14">
      <c r="N603180" s="10"/>
    </row>
    <row r="603181" spans="14:14">
      <c r="N603181" s="10"/>
    </row>
    <row r="603182" spans="14:14">
      <c r="N603182" s="10"/>
    </row>
    <row r="603183" spans="14:14">
      <c r="N603183" s="10"/>
    </row>
    <row r="603184" spans="14:14">
      <c r="N603184" s="10"/>
    </row>
    <row r="603185" spans="14:14">
      <c r="N603185" s="10"/>
    </row>
    <row r="603186" spans="14:14">
      <c r="N603186" s="10"/>
    </row>
    <row r="603187" spans="14:14">
      <c r="N603187" s="10"/>
    </row>
    <row r="603188" spans="14:14">
      <c r="N603188" s="10"/>
    </row>
    <row r="603189" spans="14:14">
      <c r="N603189" s="10"/>
    </row>
    <row r="603190" spans="14:14">
      <c r="N603190" s="10"/>
    </row>
    <row r="603191" spans="14:14">
      <c r="N603191" s="10"/>
    </row>
    <row r="603192" spans="14:14">
      <c r="N603192" s="10"/>
    </row>
    <row r="603193" spans="14:14">
      <c r="N603193" s="10"/>
    </row>
    <row r="603194" spans="14:14">
      <c r="N603194" s="10"/>
    </row>
    <row r="603195" spans="14:14">
      <c r="N603195" s="10"/>
    </row>
    <row r="603196" spans="14:14">
      <c r="N603196" s="10"/>
    </row>
    <row r="603197" spans="14:14">
      <c r="N603197" s="10"/>
    </row>
    <row r="603198" spans="14:14">
      <c r="N603198" s="10"/>
    </row>
    <row r="603199" spans="14:14">
      <c r="N603199" s="10"/>
    </row>
    <row r="603200" spans="14:14">
      <c r="N603200" s="10"/>
    </row>
    <row r="603201" spans="14:14">
      <c r="N603201" s="10"/>
    </row>
    <row r="603202" spans="14:14">
      <c r="N603202" s="10"/>
    </row>
    <row r="603203" spans="14:14">
      <c r="N603203" s="10"/>
    </row>
    <row r="603204" spans="14:14">
      <c r="N603204" s="10"/>
    </row>
    <row r="603205" spans="14:14">
      <c r="N603205" s="10"/>
    </row>
    <row r="603206" spans="14:14">
      <c r="N603206" s="10"/>
    </row>
    <row r="603207" spans="14:14">
      <c r="N603207" s="10"/>
    </row>
    <row r="603208" spans="14:14">
      <c r="N603208" s="10"/>
    </row>
    <row r="603209" spans="14:14">
      <c r="N603209" s="10"/>
    </row>
    <row r="603210" spans="14:14">
      <c r="N603210" s="10"/>
    </row>
    <row r="603211" spans="14:14">
      <c r="N603211" s="10"/>
    </row>
    <row r="603212" spans="14:14">
      <c r="N603212" s="10"/>
    </row>
    <row r="603213" spans="14:14">
      <c r="N603213" s="10"/>
    </row>
    <row r="603214" spans="14:14">
      <c r="N603214" s="10"/>
    </row>
    <row r="603215" spans="14:14">
      <c r="N603215" s="10"/>
    </row>
    <row r="603216" spans="14:14">
      <c r="N603216" s="10"/>
    </row>
    <row r="603217" spans="14:14">
      <c r="N603217" s="10"/>
    </row>
    <row r="603218" spans="14:14">
      <c r="N603218" s="10"/>
    </row>
    <row r="603219" spans="14:14">
      <c r="N603219" s="10"/>
    </row>
    <row r="603220" spans="14:14">
      <c r="N603220" s="10"/>
    </row>
    <row r="603221" spans="14:14">
      <c r="N603221" s="10"/>
    </row>
    <row r="603222" spans="14:14">
      <c r="N603222" s="10"/>
    </row>
    <row r="603223" spans="14:14">
      <c r="N603223" s="10"/>
    </row>
    <row r="603224" spans="14:14">
      <c r="N603224" s="10"/>
    </row>
    <row r="603225" spans="14:14">
      <c r="N603225" s="10"/>
    </row>
    <row r="603226" spans="14:14">
      <c r="N603226" s="10"/>
    </row>
    <row r="603227" spans="14:14">
      <c r="N603227" s="10"/>
    </row>
    <row r="603228" spans="14:14">
      <c r="N603228" s="10"/>
    </row>
    <row r="603229" spans="14:14">
      <c r="N603229" s="10"/>
    </row>
    <row r="603230" spans="14:14">
      <c r="N603230" s="10"/>
    </row>
    <row r="603231" spans="14:14">
      <c r="N603231" s="10"/>
    </row>
    <row r="603232" spans="14:14">
      <c r="N603232" s="10"/>
    </row>
    <row r="603233" spans="14:14">
      <c r="N603233" s="10"/>
    </row>
    <row r="603234" spans="14:14">
      <c r="N603234" s="10"/>
    </row>
    <row r="603235" spans="14:14">
      <c r="N603235" s="10"/>
    </row>
    <row r="603236" spans="14:14">
      <c r="N603236" s="10"/>
    </row>
    <row r="603237" spans="14:14">
      <c r="N603237" s="10"/>
    </row>
    <row r="603238" spans="14:14">
      <c r="N603238" s="10"/>
    </row>
    <row r="603239" spans="14:14">
      <c r="N603239" s="10"/>
    </row>
    <row r="603240" spans="14:14">
      <c r="N603240" s="10"/>
    </row>
    <row r="603241" spans="14:14">
      <c r="N603241" s="10"/>
    </row>
    <row r="603242" spans="14:14">
      <c r="N603242" s="10"/>
    </row>
    <row r="603243" spans="14:14">
      <c r="N603243" s="10"/>
    </row>
    <row r="603244" spans="14:14">
      <c r="N603244" s="10"/>
    </row>
    <row r="603245" spans="14:14">
      <c r="N603245" s="10"/>
    </row>
    <row r="603246" spans="14:14">
      <c r="N603246" s="10"/>
    </row>
    <row r="603247" spans="14:14">
      <c r="N603247" s="10"/>
    </row>
    <row r="603248" spans="14:14">
      <c r="N603248" s="10"/>
    </row>
    <row r="603249" spans="14:14">
      <c r="N603249" s="10"/>
    </row>
    <row r="603250" spans="14:14">
      <c r="N603250" s="10"/>
    </row>
    <row r="603251" spans="14:14">
      <c r="N603251" s="10"/>
    </row>
    <row r="603252" spans="14:14">
      <c r="N603252" s="10"/>
    </row>
    <row r="603253" spans="14:14">
      <c r="N603253" s="10"/>
    </row>
    <row r="603254" spans="14:14">
      <c r="N603254" s="10"/>
    </row>
    <row r="603255" spans="14:14">
      <c r="N603255" s="10"/>
    </row>
    <row r="603256" spans="14:14">
      <c r="N603256" s="10"/>
    </row>
    <row r="603257" spans="14:14">
      <c r="N603257" s="10"/>
    </row>
    <row r="603258" spans="14:14">
      <c r="N603258" s="10"/>
    </row>
    <row r="603259" spans="14:14">
      <c r="N603259" s="10"/>
    </row>
    <row r="603260" spans="14:14">
      <c r="N603260" s="10"/>
    </row>
    <row r="603261" spans="14:14">
      <c r="N603261" s="10"/>
    </row>
    <row r="603262" spans="14:14">
      <c r="N603262" s="10"/>
    </row>
    <row r="603263" spans="14:14">
      <c r="N603263" s="10"/>
    </row>
    <row r="603264" spans="14:14">
      <c r="N603264" s="10"/>
    </row>
    <row r="603265" spans="14:14">
      <c r="N603265" s="10"/>
    </row>
    <row r="603266" spans="14:14">
      <c r="N603266" s="10"/>
    </row>
    <row r="603267" spans="14:14">
      <c r="N603267" s="10"/>
    </row>
    <row r="603268" spans="14:14">
      <c r="N603268" s="10"/>
    </row>
    <row r="603269" spans="14:14">
      <c r="N603269" s="10"/>
    </row>
    <row r="603270" spans="14:14">
      <c r="N603270" s="10"/>
    </row>
    <row r="603271" spans="14:14">
      <c r="N603271" s="10"/>
    </row>
    <row r="603272" spans="14:14">
      <c r="N603272" s="10"/>
    </row>
    <row r="603273" spans="14:14">
      <c r="N603273" s="10"/>
    </row>
    <row r="603274" spans="14:14">
      <c r="N603274" s="10"/>
    </row>
    <row r="603275" spans="14:14">
      <c r="N603275" s="10"/>
    </row>
    <row r="603276" spans="14:14">
      <c r="N603276" s="10"/>
    </row>
    <row r="603277" spans="14:14">
      <c r="N603277" s="10"/>
    </row>
    <row r="603278" spans="14:14">
      <c r="N603278" s="10"/>
    </row>
    <row r="603279" spans="14:14">
      <c r="N603279" s="10"/>
    </row>
    <row r="603280" spans="14:14">
      <c r="N603280" s="10"/>
    </row>
    <row r="603281" spans="14:14">
      <c r="N603281" s="10"/>
    </row>
    <row r="603282" spans="14:14">
      <c r="N603282" s="10"/>
    </row>
    <row r="603283" spans="14:14">
      <c r="N603283" s="10"/>
    </row>
    <row r="603284" spans="14:14">
      <c r="N603284" s="10"/>
    </row>
    <row r="603285" spans="14:14">
      <c r="N603285" s="10"/>
    </row>
    <row r="603286" spans="14:14">
      <c r="N603286" s="10"/>
    </row>
    <row r="603287" spans="14:14">
      <c r="N603287" s="10"/>
    </row>
    <row r="603288" spans="14:14">
      <c r="N603288" s="10"/>
    </row>
    <row r="603289" spans="14:14">
      <c r="N603289" s="10"/>
    </row>
    <row r="603290" spans="14:14">
      <c r="N603290" s="10"/>
    </row>
    <row r="603291" spans="14:14">
      <c r="N603291" s="10"/>
    </row>
    <row r="603292" spans="14:14">
      <c r="N603292" s="10"/>
    </row>
    <row r="603293" spans="14:14">
      <c r="N603293" s="10"/>
    </row>
    <row r="603294" spans="14:14">
      <c r="N603294" s="10"/>
    </row>
    <row r="603295" spans="14:14">
      <c r="N603295" s="10"/>
    </row>
    <row r="603296" spans="14:14">
      <c r="N603296" s="10"/>
    </row>
    <row r="603297" spans="14:14">
      <c r="N603297" s="10"/>
    </row>
    <row r="603298" spans="14:14">
      <c r="N603298" s="10"/>
    </row>
    <row r="603299" spans="14:14">
      <c r="N603299" s="10"/>
    </row>
    <row r="603300" spans="14:14">
      <c r="N603300" s="10"/>
    </row>
    <row r="603301" spans="14:14">
      <c r="N603301" s="10"/>
    </row>
    <row r="603302" spans="14:14">
      <c r="N603302" s="10"/>
    </row>
    <row r="603303" spans="14:14">
      <c r="N603303" s="10"/>
    </row>
    <row r="603304" spans="14:14">
      <c r="N603304" s="10"/>
    </row>
    <row r="603305" spans="14:14">
      <c r="N603305" s="10"/>
    </row>
    <row r="603306" spans="14:14">
      <c r="N603306" s="10"/>
    </row>
    <row r="603307" spans="14:14">
      <c r="N603307" s="10"/>
    </row>
    <row r="603308" spans="14:14">
      <c r="N603308" s="10"/>
    </row>
    <row r="603309" spans="14:14">
      <c r="N603309" s="10"/>
    </row>
    <row r="603310" spans="14:14">
      <c r="N603310" s="10"/>
    </row>
    <row r="603311" spans="14:14">
      <c r="N603311" s="10"/>
    </row>
    <row r="603312" spans="14:14">
      <c r="N603312" s="10"/>
    </row>
    <row r="603313" spans="14:14">
      <c r="N603313" s="10"/>
    </row>
    <row r="603314" spans="14:14">
      <c r="N603314" s="10"/>
    </row>
    <row r="603315" spans="14:14">
      <c r="N603315" s="10"/>
    </row>
    <row r="603316" spans="14:14">
      <c r="N603316" s="10"/>
    </row>
    <row r="603317" spans="14:14">
      <c r="N603317" s="10"/>
    </row>
    <row r="603318" spans="14:14">
      <c r="N603318" s="10"/>
    </row>
    <row r="603319" spans="14:14">
      <c r="N603319" s="10"/>
    </row>
    <row r="603320" spans="14:14">
      <c r="N603320" s="10"/>
    </row>
    <row r="603321" spans="14:14">
      <c r="N603321" s="10"/>
    </row>
    <row r="603322" spans="14:14">
      <c r="N603322" s="10"/>
    </row>
    <row r="603323" spans="14:14">
      <c r="N603323" s="10"/>
    </row>
    <row r="603324" spans="14:14">
      <c r="N603324" s="10"/>
    </row>
    <row r="603325" spans="14:14">
      <c r="N603325" s="10"/>
    </row>
    <row r="603326" spans="14:14">
      <c r="N603326" s="10"/>
    </row>
    <row r="603327" spans="14:14">
      <c r="N603327" s="10"/>
    </row>
    <row r="603328" spans="14:14">
      <c r="N603328" s="10"/>
    </row>
    <row r="603329" spans="14:14">
      <c r="N603329" s="10"/>
    </row>
    <row r="603330" spans="14:14">
      <c r="N603330" s="10"/>
    </row>
    <row r="603331" spans="14:14">
      <c r="N603331" s="10"/>
    </row>
    <row r="603332" spans="14:14">
      <c r="N603332" s="10"/>
    </row>
    <row r="603333" spans="14:14">
      <c r="N603333" s="10"/>
    </row>
    <row r="603334" spans="14:14">
      <c r="N603334" s="10"/>
    </row>
    <row r="603335" spans="14:14">
      <c r="N603335" s="10"/>
    </row>
    <row r="603336" spans="14:14">
      <c r="N603336" s="10"/>
    </row>
    <row r="603337" spans="14:14">
      <c r="N603337" s="10"/>
    </row>
    <row r="603338" spans="14:14">
      <c r="N603338" s="10"/>
    </row>
    <row r="603339" spans="14:14">
      <c r="N603339" s="10"/>
    </row>
    <row r="603340" spans="14:14">
      <c r="N603340" s="10"/>
    </row>
    <row r="603341" spans="14:14">
      <c r="N603341" s="10"/>
    </row>
    <row r="603342" spans="14:14">
      <c r="N603342" s="10"/>
    </row>
    <row r="603343" spans="14:14">
      <c r="N603343" s="10"/>
    </row>
    <row r="603344" spans="14:14">
      <c r="N603344" s="10"/>
    </row>
    <row r="603345" spans="14:14">
      <c r="N603345" s="10"/>
    </row>
    <row r="603346" spans="14:14">
      <c r="N603346" s="10"/>
    </row>
    <row r="603347" spans="14:14">
      <c r="N603347" s="10"/>
    </row>
    <row r="603348" spans="14:14">
      <c r="N603348" s="10"/>
    </row>
    <row r="603349" spans="14:14">
      <c r="N603349" s="10"/>
    </row>
    <row r="603350" spans="14:14">
      <c r="N603350" s="10"/>
    </row>
    <row r="603351" spans="14:14">
      <c r="N603351" s="10"/>
    </row>
    <row r="603352" spans="14:14">
      <c r="N603352" s="10"/>
    </row>
    <row r="603353" spans="14:14">
      <c r="N603353" s="10"/>
    </row>
    <row r="603354" spans="14:14">
      <c r="N603354" s="10"/>
    </row>
    <row r="603355" spans="14:14">
      <c r="N603355" s="10"/>
    </row>
    <row r="603356" spans="14:14">
      <c r="N603356" s="10"/>
    </row>
    <row r="603357" spans="14:14">
      <c r="N603357" s="10"/>
    </row>
    <row r="603358" spans="14:14">
      <c r="N603358" s="10"/>
    </row>
    <row r="603359" spans="14:14">
      <c r="N603359" s="10"/>
    </row>
    <row r="603360" spans="14:14">
      <c r="N603360" s="10"/>
    </row>
    <row r="603361" spans="14:14">
      <c r="N603361" s="10"/>
    </row>
    <row r="603362" spans="14:14">
      <c r="N603362" s="10"/>
    </row>
    <row r="603363" spans="14:14">
      <c r="N603363" s="10"/>
    </row>
    <row r="603364" spans="14:14">
      <c r="N603364" s="10"/>
    </row>
    <row r="603365" spans="14:14">
      <c r="N603365" s="10"/>
    </row>
    <row r="603366" spans="14:14">
      <c r="N603366" s="10"/>
    </row>
    <row r="603367" spans="14:14">
      <c r="N603367" s="10"/>
    </row>
    <row r="603368" spans="14:14">
      <c r="N603368" s="10"/>
    </row>
    <row r="603369" spans="14:14">
      <c r="N603369" s="10"/>
    </row>
    <row r="603370" spans="14:14">
      <c r="N603370" s="10"/>
    </row>
    <row r="603371" spans="14:14">
      <c r="N603371" s="10"/>
    </row>
    <row r="603372" spans="14:14">
      <c r="N603372" s="10"/>
    </row>
    <row r="603373" spans="14:14">
      <c r="N603373" s="10"/>
    </row>
    <row r="603374" spans="14:14">
      <c r="N603374" s="10"/>
    </row>
    <row r="603375" spans="14:14">
      <c r="N603375" s="10"/>
    </row>
    <row r="603376" spans="14:14">
      <c r="N603376" s="10"/>
    </row>
    <row r="603377" spans="14:14">
      <c r="N603377" s="10"/>
    </row>
    <row r="603378" spans="14:14">
      <c r="N603378" s="10"/>
    </row>
    <row r="603379" spans="14:14">
      <c r="N603379" s="10"/>
    </row>
    <row r="603380" spans="14:14">
      <c r="N603380" s="10"/>
    </row>
    <row r="603381" spans="14:14">
      <c r="N603381" s="10"/>
    </row>
    <row r="603382" spans="14:14">
      <c r="N603382" s="10"/>
    </row>
    <row r="603383" spans="14:14">
      <c r="N603383" s="10"/>
    </row>
    <row r="603384" spans="14:14">
      <c r="N603384" s="10"/>
    </row>
    <row r="603385" spans="14:14">
      <c r="N603385" s="10"/>
    </row>
    <row r="603386" spans="14:14">
      <c r="N603386" s="10"/>
    </row>
    <row r="603387" spans="14:14">
      <c r="N603387" s="10"/>
    </row>
    <row r="603388" spans="14:14">
      <c r="N603388" s="10"/>
    </row>
    <row r="603389" spans="14:14">
      <c r="N603389" s="10"/>
    </row>
    <row r="603390" spans="14:14">
      <c r="N603390" s="10"/>
    </row>
    <row r="603391" spans="14:14">
      <c r="N603391" s="10"/>
    </row>
    <row r="603392" spans="14:14">
      <c r="N603392" s="10"/>
    </row>
    <row r="603393" spans="14:14">
      <c r="N603393" s="10"/>
    </row>
    <row r="603394" spans="14:14">
      <c r="N603394" s="10"/>
    </row>
    <row r="603395" spans="14:14">
      <c r="N603395" s="10"/>
    </row>
    <row r="603396" spans="14:14">
      <c r="N603396" s="10"/>
    </row>
    <row r="603397" spans="14:14">
      <c r="N603397" s="10"/>
    </row>
    <row r="603398" spans="14:14">
      <c r="N603398" s="10"/>
    </row>
    <row r="603399" spans="14:14">
      <c r="N603399" s="10"/>
    </row>
    <row r="603400" spans="14:14">
      <c r="N603400" s="10"/>
    </row>
    <row r="603401" spans="14:14">
      <c r="N603401" s="10"/>
    </row>
    <row r="603402" spans="14:14">
      <c r="N603402" s="10"/>
    </row>
    <row r="603403" spans="14:14">
      <c r="N603403" s="10"/>
    </row>
    <row r="603404" spans="14:14">
      <c r="N603404" s="10"/>
    </row>
    <row r="603405" spans="14:14">
      <c r="N603405" s="10"/>
    </row>
    <row r="603406" spans="14:14">
      <c r="N603406" s="10"/>
    </row>
    <row r="603407" spans="14:14">
      <c r="N603407" s="10"/>
    </row>
    <row r="603408" spans="14:14">
      <c r="N603408" s="10"/>
    </row>
    <row r="603409" spans="14:14">
      <c r="N603409" s="10"/>
    </row>
    <row r="603410" spans="14:14">
      <c r="N603410" s="10"/>
    </row>
    <row r="603411" spans="14:14">
      <c r="N603411" s="10"/>
    </row>
    <row r="603412" spans="14:14">
      <c r="N603412" s="10"/>
    </row>
    <row r="603413" spans="14:14">
      <c r="N603413" s="10"/>
    </row>
    <row r="603414" spans="14:14">
      <c r="N603414" s="10"/>
    </row>
    <row r="603415" spans="14:14">
      <c r="N603415" s="10"/>
    </row>
    <row r="603416" spans="14:14">
      <c r="N603416" s="10"/>
    </row>
    <row r="603417" spans="14:14">
      <c r="N603417" s="10"/>
    </row>
    <row r="603418" spans="14:14">
      <c r="N603418" s="10"/>
    </row>
    <row r="603419" spans="14:14">
      <c r="N603419" s="10"/>
    </row>
    <row r="603420" spans="14:14">
      <c r="N603420" s="10"/>
    </row>
    <row r="603421" spans="14:14">
      <c r="N603421" s="10"/>
    </row>
    <row r="603422" spans="14:14">
      <c r="N603422" s="10"/>
    </row>
    <row r="603423" spans="14:14">
      <c r="N603423" s="10"/>
    </row>
    <row r="603424" spans="14:14">
      <c r="N603424" s="10"/>
    </row>
    <row r="603425" spans="14:14">
      <c r="N603425" s="10"/>
    </row>
    <row r="603426" spans="14:14">
      <c r="N603426" s="10"/>
    </row>
    <row r="603427" spans="14:14">
      <c r="N603427" s="10"/>
    </row>
    <row r="603428" spans="14:14">
      <c r="N603428" s="10"/>
    </row>
    <row r="603429" spans="14:14">
      <c r="N603429" s="10"/>
    </row>
    <row r="603430" spans="14:14">
      <c r="N603430" s="10"/>
    </row>
    <row r="603431" spans="14:14">
      <c r="N603431" s="10"/>
    </row>
    <row r="603432" spans="14:14">
      <c r="N603432" s="10"/>
    </row>
    <row r="603433" spans="14:14">
      <c r="N603433" s="10"/>
    </row>
    <row r="603434" spans="14:14">
      <c r="N603434" s="10"/>
    </row>
    <row r="603435" spans="14:14">
      <c r="N603435" s="10"/>
    </row>
    <row r="603436" spans="14:14">
      <c r="N603436" s="10"/>
    </row>
    <row r="603437" spans="14:14">
      <c r="N603437" s="10"/>
    </row>
    <row r="603438" spans="14:14">
      <c r="N603438" s="10"/>
    </row>
    <row r="603439" spans="14:14">
      <c r="N603439" s="10"/>
    </row>
    <row r="603440" spans="14:14">
      <c r="N603440" s="10"/>
    </row>
    <row r="603441" spans="14:14">
      <c r="N603441" s="10"/>
    </row>
    <row r="603442" spans="14:14">
      <c r="N603442" s="10"/>
    </row>
    <row r="603443" spans="14:14">
      <c r="N603443" s="10"/>
    </row>
    <row r="603444" spans="14:14">
      <c r="N603444" s="10"/>
    </row>
    <row r="603445" spans="14:14">
      <c r="N603445" s="10"/>
    </row>
    <row r="603446" spans="14:14">
      <c r="N603446" s="10"/>
    </row>
    <row r="603447" spans="14:14">
      <c r="N603447" s="10"/>
    </row>
    <row r="603448" spans="14:14">
      <c r="N603448" s="10"/>
    </row>
    <row r="603449" spans="14:14">
      <c r="N603449" s="10"/>
    </row>
    <row r="603450" spans="14:14">
      <c r="N603450" s="10"/>
    </row>
    <row r="603451" spans="14:14">
      <c r="N603451" s="10"/>
    </row>
    <row r="603452" spans="14:14">
      <c r="N603452" s="10"/>
    </row>
    <row r="603453" spans="14:14">
      <c r="N603453" s="10"/>
    </row>
    <row r="603454" spans="14:14">
      <c r="N603454" s="10"/>
    </row>
    <row r="603455" spans="14:14">
      <c r="N603455" s="10"/>
    </row>
    <row r="603456" spans="14:14">
      <c r="N603456" s="10"/>
    </row>
    <row r="603457" spans="14:14">
      <c r="N603457" s="10"/>
    </row>
    <row r="603458" spans="14:14">
      <c r="N603458" s="10"/>
    </row>
    <row r="603459" spans="14:14">
      <c r="N603459" s="10"/>
    </row>
    <row r="603460" spans="14:14">
      <c r="N603460" s="10"/>
    </row>
    <row r="603461" spans="14:14">
      <c r="N603461" s="10"/>
    </row>
    <row r="603462" spans="14:14">
      <c r="N603462" s="10"/>
    </row>
    <row r="603463" spans="14:14">
      <c r="N603463" s="10"/>
    </row>
    <row r="603464" spans="14:14">
      <c r="N603464" s="10"/>
    </row>
    <row r="603465" spans="14:14">
      <c r="N603465" s="10"/>
    </row>
    <row r="603466" spans="14:14">
      <c r="N603466" s="10"/>
    </row>
    <row r="603467" spans="14:14">
      <c r="N603467" s="10"/>
    </row>
    <row r="603468" spans="14:14">
      <c r="N603468" s="10"/>
    </row>
    <row r="603469" spans="14:14">
      <c r="N603469" s="10"/>
    </row>
    <row r="603470" spans="14:14">
      <c r="N603470" s="10"/>
    </row>
    <row r="603471" spans="14:14">
      <c r="N603471" s="10"/>
    </row>
    <row r="603472" spans="14:14">
      <c r="N603472" s="10"/>
    </row>
    <row r="603473" spans="14:14">
      <c r="N603473" s="10"/>
    </row>
    <row r="603474" spans="14:14">
      <c r="N603474" s="10"/>
    </row>
    <row r="603475" spans="14:14">
      <c r="N603475" s="10"/>
    </row>
    <row r="603476" spans="14:14">
      <c r="N603476" s="10"/>
    </row>
    <row r="603477" spans="14:14">
      <c r="N603477" s="10"/>
    </row>
    <row r="603478" spans="14:14">
      <c r="N603478" s="10"/>
    </row>
    <row r="603479" spans="14:14">
      <c r="N603479" s="10"/>
    </row>
    <row r="603480" spans="14:14">
      <c r="N603480" s="10"/>
    </row>
    <row r="603481" spans="14:14">
      <c r="N603481" s="10"/>
    </row>
    <row r="603482" spans="14:14">
      <c r="N603482" s="10"/>
    </row>
    <row r="603483" spans="14:14">
      <c r="N603483" s="10"/>
    </row>
    <row r="603484" spans="14:14">
      <c r="N603484" s="10"/>
    </row>
    <row r="603485" spans="14:14">
      <c r="N603485" s="10"/>
    </row>
    <row r="603486" spans="14:14">
      <c r="N603486" s="10"/>
    </row>
    <row r="603487" spans="14:14">
      <c r="N603487" s="10"/>
    </row>
    <row r="603488" spans="14:14">
      <c r="N603488" s="10"/>
    </row>
    <row r="603489" spans="14:14">
      <c r="N603489" s="10"/>
    </row>
    <row r="603490" spans="14:14">
      <c r="N603490" s="10"/>
    </row>
    <row r="603491" spans="14:14">
      <c r="N603491" s="10"/>
    </row>
    <row r="603492" spans="14:14">
      <c r="N603492" s="10"/>
    </row>
    <row r="603493" spans="14:14">
      <c r="N603493" s="10"/>
    </row>
    <row r="603494" spans="14:14">
      <c r="N603494" s="10"/>
    </row>
    <row r="603495" spans="14:14">
      <c r="N603495" s="10"/>
    </row>
    <row r="603496" spans="14:14">
      <c r="N603496" s="10"/>
    </row>
    <row r="603497" spans="14:14">
      <c r="N603497" s="10"/>
    </row>
    <row r="603498" spans="14:14">
      <c r="N603498" s="10"/>
    </row>
    <row r="603499" spans="14:14">
      <c r="N603499" s="10"/>
    </row>
    <row r="603500" spans="14:14">
      <c r="N603500" s="10"/>
    </row>
    <row r="603501" spans="14:14">
      <c r="N603501" s="10"/>
    </row>
    <row r="603502" spans="14:14">
      <c r="N603502" s="10"/>
    </row>
    <row r="603503" spans="14:14">
      <c r="N603503" s="10"/>
    </row>
    <row r="603504" spans="14:14">
      <c r="N603504" s="10"/>
    </row>
    <row r="603505" spans="14:14">
      <c r="N603505" s="10"/>
    </row>
    <row r="603506" spans="14:14">
      <c r="N603506" s="10"/>
    </row>
    <row r="603507" spans="14:14">
      <c r="N603507" s="10"/>
    </row>
    <row r="603508" spans="14:14">
      <c r="N603508" s="10"/>
    </row>
    <row r="603509" spans="14:14">
      <c r="N603509" s="10"/>
    </row>
    <row r="603510" spans="14:14">
      <c r="N603510" s="10"/>
    </row>
    <row r="603511" spans="14:14">
      <c r="N603511" s="10"/>
    </row>
    <row r="603512" spans="14:14">
      <c r="N603512" s="10"/>
    </row>
    <row r="603513" spans="14:14">
      <c r="N603513" s="10"/>
    </row>
    <row r="603514" spans="14:14">
      <c r="N603514" s="10"/>
    </row>
    <row r="603515" spans="14:14">
      <c r="N603515" s="10"/>
    </row>
    <row r="603516" spans="14:14">
      <c r="N603516" s="10"/>
    </row>
    <row r="603517" spans="14:14">
      <c r="N603517" s="10"/>
    </row>
    <row r="603518" spans="14:14">
      <c r="N603518" s="10"/>
    </row>
    <row r="603519" spans="14:14">
      <c r="N603519" s="10"/>
    </row>
    <row r="603520" spans="14:14">
      <c r="N603520" s="10"/>
    </row>
    <row r="603521" spans="14:14">
      <c r="N603521" s="10"/>
    </row>
    <row r="603522" spans="14:14">
      <c r="N603522" s="10"/>
    </row>
    <row r="603523" spans="14:14">
      <c r="N603523" s="10"/>
    </row>
    <row r="603524" spans="14:14">
      <c r="N603524" s="10"/>
    </row>
    <row r="603525" spans="14:14">
      <c r="N603525" s="10"/>
    </row>
    <row r="603526" spans="14:14">
      <c r="N603526" s="10"/>
    </row>
    <row r="603527" spans="14:14">
      <c r="N603527" s="10"/>
    </row>
    <row r="603528" spans="14:14">
      <c r="N603528" s="10"/>
    </row>
    <row r="603529" spans="14:14">
      <c r="N603529" s="10"/>
    </row>
    <row r="603530" spans="14:14">
      <c r="N603530" s="10"/>
    </row>
    <row r="603531" spans="14:14">
      <c r="N603531" s="10"/>
    </row>
    <row r="603532" spans="14:14">
      <c r="N603532" s="10"/>
    </row>
    <row r="603533" spans="14:14">
      <c r="N603533" s="10"/>
    </row>
    <row r="603534" spans="14:14">
      <c r="N603534" s="10"/>
    </row>
    <row r="603535" spans="14:14">
      <c r="N603535" s="10"/>
    </row>
    <row r="603536" spans="14:14">
      <c r="N603536" s="10"/>
    </row>
    <row r="603537" spans="14:14">
      <c r="N603537" s="10"/>
    </row>
    <row r="603538" spans="14:14">
      <c r="N603538" s="10"/>
    </row>
    <row r="603539" spans="14:14">
      <c r="N603539" s="10"/>
    </row>
    <row r="603540" spans="14:14">
      <c r="N603540" s="10"/>
    </row>
    <row r="603541" spans="14:14">
      <c r="N603541" s="10"/>
    </row>
    <row r="603542" spans="14:14">
      <c r="N603542" s="10"/>
    </row>
    <row r="603543" spans="14:14">
      <c r="N603543" s="10"/>
    </row>
    <row r="603544" spans="14:14">
      <c r="N603544" s="10"/>
    </row>
    <row r="603545" spans="14:14">
      <c r="N603545" s="10"/>
    </row>
    <row r="603546" spans="14:14">
      <c r="N603546" s="10"/>
    </row>
    <row r="603547" spans="14:14">
      <c r="N603547" s="10"/>
    </row>
    <row r="603548" spans="14:14">
      <c r="N603548" s="10"/>
    </row>
    <row r="603549" spans="14:14">
      <c r="N603549" s="10"/>
    </row>
    <row r="603550" spans="14:14">
      <c r="N603550" s="10"/>
    </row>
    <row r="603551" spans="14:14">
      <c r="N603551" s="10"/>
    </row>
    <row r="603552" spans="14:14">
      <c r="N603552" s="10"/>
    </row>
    <row r="603553" spans="14:14">
      <c r="N603553" s="10"/>
    </row>
    <row r="603554" spans="14:14">
      <c r="N603554" s="10"/>
    </row>
    <row r="603555" spans="14:14">
      <c r="N603555" s="10"/>
    </row>
    <row r="603556" spans="14:14">
      <c r="N603556" s="10"/>
    </row>
    <row r="603557" spans="14:14">
      <c r="N603557" s="10"/>
    </row>
    <row r="603558" spans="14:14">
      <c r="N603558" s="10"/>
    </row>
    <row r="603559" spans="14:14">
      <c r="N603559" s="10"/>
    </row>
    <row r="603560" spans="14:14">
      <c r="N603560" s="10"/>
    </row>
    <row r="603561" spans="14:14">
      <c r="N603561" s="10"/>
    </row>
    <row r="603562" spans="14:14">
      <c r="N603562" s="10"/>
    </row>
    <row r="603563" spans="14:14">
      <c r="N603563" s="10"/>
    </row>
    <row r="603564" spans="14:14">
      <c r="N603564" s="10"/>
    </row>
    <row r="603565" spans="14:14">
      <c r="N603565" s="10"/>
    </row>
    <row r="603566" spans="14:14">
      <c r="N603566" s="10"/>
    </row>
    <row r="603567" spans="14:14">
      <c r="N603567" s="10"/>
    </row>
    <row r="603568" spans="14:14">
      <c r="N603568" s="10"/>
    </row>
    <row r="603569" spans="14:14">
      <c r="N603569" s="10"/>
    </row>
    <row r="603570" spans="14:14">
      <c r="N603570" s="10"/>
    </row>
    <row r="603571" spans="14:14">
      <c r="N603571" s="10"/>
    </row>
    <row r="603572" spans="14:14">
      <c r="N603572" s="10"/>
    </row>
    <row r="603573" spans="14:14">
      <c r="N603573" s="10"/>
    </row>
    <row r="603574" spans="14:14">
      <c r="N603574" s="10"/>
    </row>
    <row r="603575" spans="14:14">
      <c r="N603575" s="10"/>
    </row>
    <row r="603576" spans="14:14">
      <c r="N603576" s="10"/>
    </row>
    <row r="603577" spans="14:14">
      <c r="N603577" s="10"/>
    </row>
    <row r="603578" spans="14:14">
      <c r="N603578" s="10"/>
    </row>
    <row r="603579" spans="14:14">
      <c r="N603579" s="10"/>
    </row>
    <row r="603580" spans="14:14">
      <c r="N603580" s="10"/>
    </row>
    <row r="603581" spans="14:14">
      <c r="N603581" s="10"/>
    </row>
    <row r="603582" spans="14:14">
      <c r="N603582" s="10"/>
    </row>
    <row r="603583" spans="14:14">
      <c r="N603583" s="10"/>
    </row>
    <row r="603584" spans="14:14">
      <c r="N603584" s="10"/>
    </row>
    <row r="603585" spans="14:14">
      <c r="N603585" s="10"/>
    </row>
    <row r="603586" spans="14:14">
      <c r="N603586" s="10"/>
    </row>
    <row r="603587" spans="14:14">
      <c r="N603587" s="10"/>
    </row>
    <row r="603588" spans="14:14">
      <c r="N603588" s="10"/>
    </row>
    <row r="603589" spans="14:14">
      <c r="N603589" s="10"/>
    </row>
    <row r="603590" spans="14:14">
      <c r="N603590" s="10"/>
    </row>
    <row r="603591" spans="14:14">
      <c r="N603591" s="10"/>
    </row>
    <row r="603592" spans="14:14">
      <c r="N603592" s="10"/>
    </row>
    <row r="603593" spans="14:14">
      <c r="N603593" s="10"/>
    </row>
    <row r="603594" spans="14:14">
      <c r="N603594" s="10"/>
    </row>
    <row r="603595" spans="14:14">
      <c r="N603595" s="10"/>
    </row>
    <row r="603596" spans="14:14">
      <c r="N603596" s="10"/>
    </row>
    <row r="603597" spans="14:14">
      <c r="N603597" s="10"/>
    </row>
    <row r="603598" spans="14:14">
      <c r="N603598" s="10"/>
    </row>
    <row r="603599" spans="14:14">
      <c r="N603599" s="10"/>
    </row>
    <row r="603600" spans="14:14">
      <c r="N603600" s="10"/>
    </row>
    <row r="603601" spans="14:14">
      <c r="N603601" s="10"/>
    </row>
    <row r="603602" spans="14:14">
      <c r="N603602" s="10"/>
    </row>
    <row r="603603" spans="14:14">
      <c r="N603603" s="10"/>
    </row>
    <row r="603604" spans="14:14">
      <c r="N603604" s="10"/>
    </row>
    <row r="603605" spans="14:14">
      <c r="N603605" s="10"/>
    </row>
    <row r="603606" spans="14:14">
      <c r="N603606" s="10"/>
    </row>
    <row r="603607" spans="14:14">
      <c r="N603607" s="10"/>
    </row>
    <row r="603608" spans="14:14">
      <c r="N603608" s="10"/>
    </row>
    <row r="603609" spans="14:14">
      <c r="N603609" s="10"/>
    </row>
    <row r="603610" spans="14:14">
      <c r="N603610" s="10"/>
    </row>
    <row r="603611" spans="14:14">
      <c r="N603611" s="10"/>
    </row>
    <row r="603612" spans="14:14">
      <c r="N603612" s="10"/>
    </row>
    <row r="603613" spans="14:14">
      <c r="N603613" s="10"/>
    </row>
    <row r="603614" spans="14:14">
      <c r="N603614" s="10"/>
    </row>
    <row r="603615" spans="14:14">
      <c r="N603615" s="10"/>
    </row>
    <row r="603616" spans="14:14">
      <c r="N603616" s="10"/>
    </row>
    <row r="603617" spans="14:14">
      <c r="N603617" s="10"/>
    </row>
    <row r="603618" spans="14:14">
      <c r="N603618" s="10"/>
    </row>
    <row r="603619" spans="14:14">
      <c r="N603619" s="10"/>
    </row>
    <row r="603620" spans="14:14">
      <c r="N603620" s="10"/>
    </row>
    <row r="603621" spans="14:14">
      <c r="N603621" s="10"/>
    </row>
    <row r="603622" spans="14:14">
      <c r="N603622" s="10"/>
    </row>
    <row r="603623" spans="14:14">
      <c r="N603623" s="10"/>
    </row>
    <row r="603624" spans="14:14">
      <c r="N603624" s="10"/>
    </row>
    <row r="603625" spans="14:14">
      <c r="N603625" s="10"/>
    </row>
    <row r="603626" spans="14:14">
      <c r="N603626" s="10"/>
    </row>
    <row r="603627" spans="14:14">
      <c r="N603627" s="10"/>
    </row>
    <row r="603628" spans="14:14">
      <c r="N603628" s="10"/>
    </row>
    <row r="603629" spans="14:14">
      <c r="N603629" s="10"/>
    </row>
    <row r="603630" spans="14:14">
      <c r="N603630" s="10"/>
    </row>
    <row r="603631" spans="14:14">
      <c r="N603631" s="10"/>
    </row>
    <row r="603632" spans="14:14">
      <c r="N603632" s="10"/>
    </row>
    <row r="603633" spans="14:14">
      <c r="N603633" s="10"/>
    </row>
    <row r="603634" spans="14:14">
      <c r="N603634" s="10"/>
    </row>
    <row r="603635" spans="14:14">
      <c r="N603635" s="10"/>
    </row>
    <row r="603636" spans="14:14">
      <c r="N603636" s="10"/>
    </row>
    <row r="603637" spans="14:14">
      <c r="N603637" s="10"/>
    </row>
    <row r="603638" spans="14:14">
      <c r="N603638" s="10"/>
    </row>
    <row r="603639" spans="14:14">
      <c r="N603639" s="10"/>
    </row>
    <row r="603640" spans="14:14">
      <c r="N603640" s="10"/>
    </row>
    <row r="603641" spans="14:14">
      <c r="N603641" s="10"/>
    </row>
    <row r="603642" spans="14:14">
      <c r="N603642" s="10"/>
    </row>
    <row r="603643" spans="14:14">
      <c r="N603643" s="10"/>
    </row>
    <row r="603644" spans="14:14">
      <c r="N603644" s="10"/>
    </row>
    <row r="603645" spans="14:14">
      <c r="N603645" s="10"/>
    </row>
    <row r="603646" spans="14:14">
      <c r="N603646" s="10"/>
    </row>
    <row r="603647" spans="14:14">
      <c r="N603647" s="10"/>
    </row>
    <row r="603648" spans="14:14">
      <c r="N603648" s="10"/>
    </row>
    <row r="603649" spans="14:14">
      <c r="N603649" s="10"/>
    </row>
    <row r="603650" spans="14:14">
      <c r="N603650" s="10"/>
    </row>
    <row r="603651" spans="14:14">
      <c r="N603651" s="10"/>
    </row>
    <row r="603652" spans="14:14">
      <c r="N603652" s="10"/>
    </row>
    <row r="603653" spans="14:14">
      <c r="N603653" s="10"/>
    </row>
    <row r="603654" spans="14:14">
      <c r="N603654" s="10"/>
    </row>
    <row r="603655" spans="14:14">
      <c r="N603655" s="10"/>
    </row>
    <row r="603656" spans="14:14">
      <c r="N603656" s="10"/>
    </row>
    <row r="603657" spans="14:14">
      <c r="N603657" s="10"/>
    </row>
    <row r="603658" spans="14:14">
      <c r="N603658" s="10"/>
    </row>
    <row r="603659" spans="14:14">
      <c r="N603659" s="10"/>
    </row>
    <row r="603660" spans="14:14">
      <c r="N603660" s="10"/>
    </row>
    <row r="603661" spans="14:14">
      <c r="N603661" s="10"/>
    </row>
    <row r="603662" spans="14:14">
      <c r="N603662" s="10"/>
    </row>
    <row r="603663" spans="14:14">
      <c r="N603663" s="10"/>
    </row>
    <row r="603664" spans="14:14">
      <c r="N603664" s="10"/>
    </row>
    <row r="603665" spans="14:14">
      <c r="N603665" s="10"/>
    </row>
    <row r="603666" spans="14:14">
      <c r="N603666" s="10"/>
    </row>
    <row r="603667" spans="14:14">
      <c r="N603667" s="10"/>
    </row>
    <row r="603668" spans="14:14">
      <c r="N603668" s="10"/>
    </row>
    <row r="603669" spans="14:14">
      <c r="N603669" s="10"/>
    </row>
    <row r="603670" spans="14:14">
      <c r="N603670" s="10"/>
    </row>
    <row r="603671" spans="14:14">
      <c r="N603671" s="10"/>
    </row>
    <row r="603672" spans="14:14">
      <c r="N603672" s="10"/>
    </row>
    <row r="603673" spans="14:14">
      <c r="N603673" s="10"/>
    </row>
    <row r="603674" spans="14:14">
      <c r="N603674" s="10"/>
    </row>
    <row r="603675" spans="14:14">
      <c r="N603675" s="10"/>
    </row>
    <row r="603676" spans="14:14">
      <c r="N603676" s="10"/>
    </row>
    <row r="603677" spans="14:14">
      <c r="N603677" s="10"/>
    </row>
    <row r="603678" spans="14:14">
      <c r="N603678" s="10"/>
    </row>
    <row r="603679" spans="14:14">
      <c r="N603679" s="10"/>
    </row>
    <row r="603680" spans="14:14">
      <c r="N603680" s="10"/>
    </row>
    <row r="603681" spans="14:14">
      <c r="N603681" s="10"/>
    </row>
    <row r="603682" spans="14:14">
      <c r="N603682" s="10"/>
    </row>
    <row r="603683" spans="14:14">
      <c r="N603683" s="10"/>
    </row>
    <row r="603684" spans="14:14">
      <c r="N603684" s="10"/>
    </row>
    <row r="603685" spans="14:14">
      <c r="N603685" s="10"/>
    </row>
    <row r="603686" spans="14:14">
      <c r="N603686" s="10"/>
    </row>
    <row r="603687" spans="14:14">
      <c r="N603687" s="10"/>
    </row>
    <row r="603688" spans="14:14">
      <c r="N603688" s="10"/>
    </row>
    <row r="603689" spans="14:14">
      <c r="N603689" s="10"/>
    </row>
    <row r="603690" spans="14:14">
      <c r="N603690" s="10"/>
    </row>
    <row r="603691" spans="14:14">
      <c r="N603691" s="10"/>
    </row>
    <row r="603692" spans="14:14">
      <c r="N603692" s="10"/>
    </row>
    <row r="603693" spans="14:14">
      <c r="N603693" s="10"/>
    </row>
    <row r="603694" spans="14:14">
      <c r="N603694" s="10"/>
    </row>
    <row r="603695" spans="14:14">
      <c r="N603695" s="10"/>
    </row>
    <row r="603696" spans="14:14">
      <c r="N603696" s="10"/>
    </row>
    <row r="603697" spans="14:14">
      <c r="N603697" s="10"/>
    </row>
    <row r="603698" spans="14:14">
      <c r="N603698" s="10"/>
    </row>
    <row r="603699" spans="14:14">
      <c r="N603699" s="10"/>
    </row>
    <row r="603700" spans="14:14">
      <c r="N603700" s="10"/>
    </row>
    <row r="603701" spans="14:14">
      <c r="N603701" s="10"/>
    </row>
    <row r="603702" spans="14:14">
      <c r="N603702" s="10"/>
    </row>
    <row r="603703" spans="14:14">
      <c r="N603703" s="10"/>
    </row>
    <row r="603704" spans="14:14">
      <c r="N603704" s="10"/>
    </row>
    <row r="603705" spans="14:14">
      <c r="N603705" s="10"/>
    </row>
    <row r="603706" spans="14:14">
      <c r="N603706" s="10"/>
    </row>
    <row r="603707" spans="14:14">
      <c r="N603707" s="10"/>
    </row>
    <row r="603708" spans="14:14">
      <c r="N603708" s="10"/>
    </row>
    <row r="603709" spans="14:14">
      <c r="N603709" s="10"/>
    </row>
    <row r="603710" spans="14:14">
      <c r="N603710" s="10"/>
    </row>
    <row r="603711" spans="14:14">
      <c r="N603711" s="10"/>
    </row>
    <row r="603712" spans="14:14">
      <c r="N603712" s="10"/>
    </row>
    <row r="603713" spans="14:14">
      <c r="N603713" s="10"/>
    </row>
    <row r="603714" spans="14:14">
      <c r="N603714" s="10"/>
    </row>
    <row r="603715" spans="14:14">
      <c r="N603715" s="10"/>
    </row>
    <row r="603716" spans="14:14">
      <c r="N603716" s="10"/>
    </row>
    <row r="603717" spans="14:14">
      <c r="N603717" s="10"/>
    </row>
    <row r="603718" spans="14:14">
      <c r="N603718" s="10"/>
    </row>
    <row r="603719" spans="14:14">
      <c r="N603719" s="10"/>
    </row>
    <row r="603720" spans="14:14">
      <c r="N603720" s="10"/>
    </row>
    <row r="603721" spans="14:14">
      <c r="N603721" s="10"/>
    </row>
    <row r="603722" spans="14:14">
      <c r="N603722" s="10"/>
    </row>
    <row r="603723" spans="14:14">
      <c r="N603723" s="10"/>
    </row>
    <row r="603724" spans="14:14">
      <c r="N603724" s="10"/>
    </row>
    <row r="603725" spans="14:14">
      <c r="N603725" s="10"/>
    </row>
    <row r="603726" spans="14:14">
      <c r="N603726" s="10"/>
    </row>
    <row r="603727" spans="14:14">
      <c r="N603727" s="10"/>
    </row>
    <row r="603728" spans="14:14">
      <c r="N603728" s="10"/>
    </row>
    <row r="603729" spans="14:14">
      <c r="N603729" s="10"/>
    </row>
    <row r="603730" spans="14:14">
      <c r="N603730" s="10"/>
    </row>
    <row r="603731" spans="14:14">
      <c r="N603731" s="10"/>
    </row>
    <row r="603732" spans="14:14">
      <c r="N603732" s="10"/>
    </row>
    <row r="603733" spans="14:14">
      <c r="N603733" s="10"/>
    </row>
    <row r="603734" spans="14:14">
      <c r="N603734" s="10"/>
    </row>
    <row r="603735" spans="14:14">
      <c r="N603735" s="10"/>
    </row>
    <row r="603736" spans="14:14">
      <c r="N603736" s="10"/>
    </row>
    <row r="603737" spans="14:14">
      <c r="N603737" s="10"/>
    </row>
    <row r="603738" spans="14:14">
      <c r="N603738" s="10"/>
    </row>
    <row r="603739" spans="14:14">
      <c r="N603739" s="10"/>
    </row>
    <row r="603740" spans="14:14">
      <c r="N603740" s="10"/>
    </row>
    <row r="603741" spans="14:14">
      <c r="N603741" s="10"/>
    </row>
    <row r="603742" spans="14:14">
      <c r="N603742" s="10"/>
    </row>
    <row r="603743" spans="14:14">
      <c r="N603743" s="10"/>
    </row>
    <row r="603744" spans="14:14">
      <c r="N603744" s="10"/>
    </row>
    <row r="603745" spans="14:14">
      <c r="N603745" s="10"/>
    </row>
    <row r="603746" spans="14:14">
      <c r="N603746" s="10"/>
    </row>
    <row r="603747" spans="14:14">
      <c r="N603747" s="10"/>
    </row>
    <row r="603748" spans="14:14">
      <c r="N603748" s="10"/>
    </row>
    <row r="603749" spans="14:14">
      <c r="N603749" s="10"/>
    </row>
    <row r="603750" spans="14:14">
      <c r="N603750" s="10"/>
    </row>
    <row r="603751" spans="14:14">
      <c r="N603751" s="10"/>
    </row>
    <row r="603752" spans="14:14">
      <c r="N603752" s="10"/>
    </row>
    <row r="603753" spans="14:14">
      <c r="N603753" s="10"/>
    </row>
    <row r="603754" spans="14:14">
      <c r="N603754" s="10"/>
    </row>
    <row r="603755" spans="14:14">
      <c r="N603755" s="10"/>
    </row>
    <row r="603756" spans="14:14">
      <c r="N603756" s="10"/>
    </row>
    <row r="603757" spans="14:14">
      <c r="N603757" s="10"/>
    </row>
    <row r="603758" spans="14:14">
      <c r="N603758" s="10"/>
    </row>
    <row r="603759" spans="14:14">
      <c r="N603759" s="10"/>
    </row>
    <row r="603760" spans="14:14">
      <c r="N603760" s="10"/>
    </row>
    <row r="603761" spans="14:14">
      <c r="N603761" s="10"/>
    </row>
    <row r="603762" spans="14:14">
      <c r="N603762" s="10"/>
    </row>
    <row r="603763" spans="14:14">
      <c r="N603763" s="10"/>
    </row>
    <row r="603764" spans="14:14">
      <c r="N603764" s="10"/>
    </row>
    <row r="603765" spans="14:14">
      <c r="N603765" s="10"/>
    </row>
    <row r="603766" spans="14:14">
      <c r="N603766" s="10"/>
    </row>
    <row r="603767" spans="14:14">
      <c r="N603767" s="10"/>
    </row>
    <row r="603768" spans="14:14">
      <c r="N603768" s="10"/>
    </row>
    <row r="603769" spans="14:14">
      <c r="N603769" s="10"/>
    </row>
    <row r="603770" spans="14:14">
      <c r="N603770" s="10"/>
    </row>
    <row r="603771" spans="14:14">
      <c r="N603771" s="10"/>
    </row>
    <row r="603772" spans="14:14">
      <c r="N603772" s="10"/>
    </row>
    <row r="603773" spans="14:14">
      <c r="N603773" s="10"/>
    </row>
    <row r="603774" spans="14:14">
      <c r="N603774" s="10"/>
    </row>
    <row r="603775" spans="14:14">
      <c r="N603775" s="10"/>
    </row>
    <row r="603776" spans="14:14">
      <c r="N603776" s="10"/>
    </row>
    <row r="603777" spans="14:14">
      <c r="N603777" s="10"/>
    </row>
    <row r="603778" spans="14:14">
      <c r="N603778" s="10"/>
    </row>
    <row r="603779" spans="14:14">
      <c r="N603779" s="10"/>
    </row>
    <row r="603780" spans="14:14">
      <c r="N603780" s="10"/>
    </row>
    <row r="603781" spans="14:14">
      <c r="N603781" s="10"/>
    </row>
    <row r="603782" spans="14:14">
      <c r="N603782" s="10"/>
    </row>
    <row r="603783" spans="14:14">
      <c r="N603783" s="10"/>
    </row>
    <row r="603784" spans="14:14">
      <c r="N603784" s="10"/>
    </row>
    <row r="603785" spans="14:14">
      <c r="N603785" s="10"/>
    </row>
    <row r="603786" spans="14:14">
      <c r="N603786" s="10"/>
    </row>
    <row r="603787" spans="14:14">
      <c r="N603787" s="10"/>
    </row>
    <row r="603788" spans="14:14">
      <c r="N603788" s="10"/>
    </row>
    <row r="603789" spans="14:14">
      <c r="N603789" s="10"/>
    </row>
    <row r="603790" spans="14:14">
      <c r="N603790" s="10"/>
    </row>
    <row r="603791" spans="14:14">
      <c r="N603791" s="10"/>
    </row>
    <row r="603792" spans="14:14">
      <c r="N603792" s="10"/>
    </row>
    <row r="603793" spans="14:14">
      <c r="N603793" s="10"/>
    </row>
    <row r="603794" spans="14:14">
      <c r="N603794" s="10"/>
    </row>
    <row r="603795" spans="14:14">
      <c r="N603795" s="10"/>
    </row>
    <row r="603796" spans="14:14">
      <c r="N603796" s="10"/>
    </row>
    <row r="603797" spans="14:14">
      <c r="N603797" s="10"/>
    </row>
    <row r="603798" spans="14:14">
      <c r="N603798" s="10"/>
    </row>
    <row r="603799" spans="14:14">
      <c r="N603799" s="10"/>
    </row>
    <row r="603800" spans="14:14">
      <c r="N603800" s="10"/>
    </row>
    <row r="603801" spans="14:14">
      <c r="N603801" s="10"/>
    </row>
    <row r="603802" spans="14:14">
      <c r="N603802" s="10"/>
    </row>
    <row r="603803" spans="14:14">
      <c r="N603803" s="10"/>
    </row>
    <row r="603804" spans="14:14">
      <c r="N603804" s="10"/>
    </row>
    <row r="603805" spans="14:14">
      <c r="N603805" s="10"/>
    </row>
    <row r="603806" spans="14:14">
      <c r="N603806" s="10"/>
    </row>
    <row r="603807" spans="14:14">
      <c r="N603807" s="10"/>
    </row>
    <row r="603808" spans="14:14">
      <c r="N603808" s="10"/>
    </row>
    <row r="603809" spans="14:14">
      <c r="N603809" s="10"/>
    </row>
    <row r="603810" spans="14:14">
      <c r="N603810" s="10"/>
    </row>
    <row r="603811" spans="14:14">
      <c r="N603811" s="10"/>
    </row>
    <row r="603812" spans="14:14">
      <c r="N603812" s="10"/>
    </row>
    <row r="603813" spans="14:14">
      <c r="N603813" s="10"/>
    </row>
    <row r="603814" spans="14:14">
      <c r="N603814" s="10"/>
    </row>
    <row r="603815" spans="14:14">
      <c r="N603815" s="10"/>
    </row>
    <row r="603816" spans="14:14">
      <c r="N603816" s="10"/>
    </row>
    <row r="603817" spans="14:14">
      <c r="N603817" s="10"/>
    </row>
    <row r="603818" spans="14:14">
      <c r="N603818" s="10"/>
    </row>
    <row r="603819" spans="14:14">
      <c r="N603819" s="10"/>
    </row>
    <row r="603820" spans="14:14">
      <c r="N603820" s="10"/>
    </row>
    <row r="603821" spans="14:14">
      <c r="N603821" s="10"/>
    </row>
    <row r="603822" spans="14:14">
      <c r="N603822" s="10"/>
    </row>
    <row r="603823" spans="14:14">
      <c r="N603823" s="10"/>
    </row>
    <row r="603824" spans="14:14">
      <c r="N603824" s="10"/>
    </row>
    <row r="603825" spans="14:14">
      <c r="N603825" s="10"/>
    </row>
    <row r="603826" spans="14:14">
      <c r="N603826" s="10"/>
    </row>
    <row r="603827" spans="14:14">
      <c r="N603827" s="10"/>
    </row>
    <row r="603828" spans="14:14">
      <c r="N603828" s="10"/>
    </row>
    <row r="603829" spans="14:14">
      <c r="N603829" s="10"/>
    </row>
    <row r="603830" spans="14:14">
      <c r="N603830" s="10"/>
    </row>
    <row r="603831" spans="14:14">
      <c r="N603831" s="10"/>
    </row>
    <row r="603832" spans="14:14">
      <c r="N603832" s="10"/>
    </row>
    <row r="603833" spans="14:14">
      <c r="N603833" s="10"/>
    </row>
    <row r="603834" spans="14:14">
      <c r="N603834" s="10"/>
    </row>
    <row r="603835" spans="14:14">
      <c r="N603835" s="10"/>
    </row>
    <row r="603836" spans="14:14">
      <c r="N603836" s="10"/>
    </row>
    <row r="603837" spans="14:14">
      <c r="N603837" s="10"/>
    </row>
    <row r="603838" spans="14:14">
      <c r="N603838" s="10"/>
    </row>
    <row r="603839" spans="14:14">
      <c r="N603839" s="10"/>
    </row>
    <row r="603840" spans="14:14">
      <c r="N603840" s="10"/>
    </row>
    <row r="603841" spans="14:14">
      <c r="N603841" s="10"/>
    </row>
    <row r="603842" spans="14:14">
      <c r="N603842" s="10"/>
    </row>
    <row r="603843" spans="14:14">
      <c r="N603843" s="10"/>
    </row>
    <row r="603844" spans="14:14">
      <c r="N603844" s="10"/>
    </row>
    <row r="603845" spans="14:14">
      <c r="N603845" s="10"/>
    </row>
    <row r="603846" spans="14:14">
      <c r="N603846" s="10"/>
    </row>
    <row r="603847" spans="14:14">
      <c r="N603847" s="10"/>
    </row>
    <row r="603848" spans="14:14">
      <c r="N603848" s="10"/>
    </row>
    <row r="603849" spans="14:14">
      <c r="N603849" s="10"/>
    </row>
    <row r="603850" spans="14:14">
      <c r="N603850" s="10"/>
    </row>
    <row r="603851" spans="14:14">
      <c r="N603851" s="10"/>
    </row>
    <row r="603852" spans="14:14">
      <c r="N603852" s="10"/>
    </row>
    <row r="603853" spans="14:14">
      <c r="N603853" s="10"/>
    </row>
    <row r="603854" spans="14:14">
      <c r="N603854" s="10"/>
    </row>
    <row r="603855" spans="14:14">
      <c r="N603855" s="10"/>
    </row>
    <row r="603856" spans="14:14">
      <c r="N603856" s="10"/>
    </row>
    <row r="603857" spans="14:14">
      <c r="N603857" s="10"/>
    </row>
    <row r="603858" spans="14:14">
      <c r="N603858" s="10"/>
    </row>
    <row r="603859" spans="14:14">
      <c r="N603859" s="10"/>
    </row>
    <row r="603860" spans="14:14">
      <c r="N603860" s="10"/>
    </row>
    <row r="603861" spans="14:14">
      <c r="N603861" s="10"/>
    </row>
    <row r="603862" spans="14:14">
      <c r="N603862" s="10"/>
    </row>
    <row r="603863" spans="14:14">
      <c r="N603863" s="10"/>
    </row>
    <row r="603864" spans="14:14">
      <c r="N603864" s="10"/>
    </row>
    <row r="603865" spans="14:14">
      <c r="N603865" s="10"/>
    </row>
    <row r="603866" spans="14:14">
      <c r="N603866" s="10"/>
    </row>
    <row r="603867" spans="14:14">
      <c r="N603867" s="10"/>
    </row>
    <row r="603868" spans="14:14">
      <c r="N603868" s="10"/>
    </row>
    <row r="603869" spans="14:14">
      <c r="N603869" s="10"/>
    </row>
    <row r="603870" spans="14:14">
      <c r="N603870" s="10"/>
    </row>
    <row r="603871" spans="14:14">
      <c r="N603871" s="10"/>
    </row>
    <row r="603872" spans="14:14">
      <c r="N603872" s="10"/>
    </row>
    <row r="603873" spans="14:14">
      <c r="N603873" s="10"/>
    </row>
    <row r="603874" spans="14:14">
      <c r="N603874" s="10"/>
    </row>
    <row r="603875" spans="14:14">
      <c r="N603875" s="10"/>
    </row>
    <row r="603876" spans="14:14">
      <c r="N603876" s="10"/>
    </row>
    <row r="603877" spans="14:14">
      <c r="N603877" s="10"/>
    </row>
    <row r="603878" spans="14:14">
      <c r="N603878" s="10"/>
    </row>
    <row r="603879" spans="14:14">
      <c r="N603879" s="10"/>
    </row>
    <row r="603880" spans="14:14">
      <c r="N603880" s="10"/>
    </row>
    <row r="603881" spans="14:14">
      <c r="N603881" s="10"/>
    </row>
    <row r="603882" spans="14:14">
      <c r="N603882" s="10"/>
    </row>
    <row r="603883" spans="14:14">
      <c r="N603883" s="10"/>
    </row>
    <row r="603884" spans="14:14">
      <c r="N603884" s="10"/>
    </row>
    <row r="603885" spans="14:14">
      <c r="N603885" s="10"/>
    </row>
    <row r="603886" spans="14:14">
      <c r="N603886" s="10"/>
    </row>
    <row r="603887" spans="14:14">
      <c r="N603887" s="10"/>
    </row>
    <row r="603888" spans="14:14">
      <c r="N603888" s="10"/>
    </row>
    <row r="603889" spans="14:14">
      <c r="N603889" s="10"/>
    </row>
    <row r="603890" spans="14:14">
      <c r="N603890" s="10"/>
    </row>
    <row r="603891" spans="14:14">
      <c r="N603891" s="10"/>
    </row>
    <row r="603892" spans="14:14">
      <c r="N603892" s="10"/>
    </row>
    <row r="603893" spans="14:14">
      <c r="N603893" s="10"/>
    </row>
    <row r="603894" spans="14:14">
      <c r="N603894" s="10"/>
    </row>
    <row r="603895" spans="14:14">
      <c r="N603895" s="10"/>
    </row>
    <row r="603896" spans="14:14">
      <c r="N603896" s="10"/>
    </row>
    <row r="603897" spans="14:14">
      <c r="N603897" s="10"/>
    </row>
    <row r="603898" spans="14:14">
      <c r="N603898" s="10"/>
    </row>
    <row r="603899" spans="14:14">
      <c r="N603899" s="10"/>
    </row>
    <row r="603900" spans="14:14">
      <c r="N603900" s="10"/>
    </row>
    <row r="603901" spans="14:14">
      <c r="N603901" s="10"/>
    </row>
    <row r="603902" spans="14:14">
      <c r="N603902" s="10"/>
    </row>
    <row r="603903" spans="14:14">
      <c r="N603903" s="10"/>
    </row>
    <row r="603904" spans="14:14">
      <c r="N603904" s="10"/>
    </row>
    <row r="603905" spans="14:14">
      <c r="N603905" s="10"/>
    </row>
    <row r="603906" spans="14:14">
      <c r="N603906" s="10"/>
    </row>
    <row r="603907" spans="14:14">
      <c r="N603907" s="10"/>
    </row>
    <row r="603908" spans="14:14">
      <c r="N603908" s="10"/>
    </row>
    <row r="603909" spans="14:14">
      <c r="N603909" s="10"/>
    </row>
    <row r="603910" spans="14:14">
      <c r="N603910" s="10"/>
    </row>
    <row r="603911" spans="14:14">
      <c r="N603911" s="10"/>
    </row>
    <row r="603912" spans="14:14">
      <c r="N603912" s="10"/>
    </row>
    <row r="603913" spans="14:14">
      <c r="N603913" s="10"/>
    </row>
    <row r="603914" spans="14:14">
      <c r="N603914" s="10"/>
    </row>
    <row r="603915" spans="14:14">
      <c r="N603915" s="10"/>
    </row>
    <row r="603916" spans="14:14">
      <c r="N603916" s="10"/>
    </row>
    <row r="603917" spans="14:14">
      <c r="N603917" s="10"/>
    </row>
    <row r="603918" spans="14:14">
      <c r="N603918" s="10"/>
    </row>
    <row r="603919" spans="14:14">
      <c r="N603919" s="10"/>
    </row>
    <row r="603920" spans="14:14">
      <c r="N603920" s="10"/>
    </row>
    <row r="603921" spans="14:14">
      <c r="N603921" s="10"/>
    </row>
    <row r="603922" spans="14:14">
      <c r="N603922" s="10"/>
    </row>
    <row r="603923" spans="14:14">
      <c r="N603923" s="10"/>
    </row>
    <row r="603924" spans="14:14">
      <c r="N603924" s="10"/>
    </row>
    <row r="603925" spans="14:14">
      <c r="N603925" s="10"/>
    </row>
    <row r="603926" spans="14:14">
      <c r="N603926" s="10"/>
    </row>
    <row r="603927" spans="14:14">
      <c r="N603927" s="10"/>
    </row>
    <row r="603928" spans="14:14">
      <c r="N603928" s="10"/>
    </row>
    <row r="603929" spans="14:14">
      <c r="N603929" s="10"/>
    </row>
    <row r="603930" spans="14:14">
      <c r="N603930" s="10"/>
    </row>
    <row r="603931" spans="14:14">
      <c r="N603931" s="10"/>
    </row>
    <row r="603932" spans="14:14">
      <c r="N603932" s="10"/>
    </row>
    <row r="603933" spans="14:14">
      <c r="N603933" s="10"/>
    </row>
    <row r="603934" spans="14:14">
      <c r="N603934" s="10"/>
    </row>
    <row r="603935" spans="14:14">
      <c r="N603935" s="10"/>
    </row>
    <row r="603936" spans="14:14">
      <c r="N603936" s="10"/>
    </row>
    <row r="603937" spans="14:14">
      <c r="N603937" s="10"/>
    </row>
    <row r="603938" spans="14:14">
      <c r="N603938" s="10"/>
    </row>
    <row r="603939" spans="14:14">
      <c r="N603939" s="10"/>
    </row>
    <row r="603940" spans="14:14">
      <c r="N603940" s="10"/>
    </row>
    <row r="603941" spans="14:14">
      <c r="N603941" s="10"/>
    </row>
    <row r="603942" spans="14:14">
      <c r="N603942" s="10"/>
    </row>
    <row r="603943" spans="14:14">
      <c r="N603943" s="10"/>
    </row>
    <row r="603944" spans="14:14">
      <c r="N603944" s="10"/>
    </row>
    <row r="603945" spans="14:14">
      <c r="N603945" s="10"/>
    </row>
    <row r="603946" spans="14:14">
      <c r="N603946" s="10"/>
    </row>
    <row r="603947" spans="14:14">
      <c r="N603947" s="10"/>
    </row>
    <row r="603948" spans="14:14">
      <c r="N603948" s="10"/>
    </row>
    <row r="603949" spans="14:14">
      <c r="N603949" s="10"/>
    </row>
    <row r="603950" spans="14:14">
      <c r="N603950" s="10"/>
    </row>
    <row r="603951" spans="14:14">
      <c r="N603951" s="10"/>
    </row>
    <row r="603952" spans="14:14">
      <c r="N603952" s="10"/>
    </row>
    <row r="603953" spans="14:14">
      <c r="N603953" s="10"/>
    </row>
    <row r="603954" spans="14:14">
      <c r="N603954" s="10"/>
    </row>
    <row r="603955" spans="14:14">
      <c r="N603955" s="10"/>
    </row>
    <row r="603956" spans="14:14">
      <c r="N603956" s="10"/>
    </row>
    <row r="603957" spans="14:14">
      <c r="N603957" s="10"/>
    </row>
    <row r="603958" spans="14:14">
      <c r="N603958" s="10"/>
    </row>
    <row r="603959" spans="14:14">
      <c r="N603959" s="10"/>
    </row>
    <row r="603960" spans="14:14">
      <c r="N603960" s="10"/>
    </row>
    <row r="603961" spans="14:14">
      <c r="N603961" s="10"/>
    </row>
    <row r="603962" spans="14:14">
      <c r="N603962" s="10"/>
    </row>
    <row r="603963" spans="14:14">
      <c r="N603963" s="10"/>
    </row>
    <row r="603964" spans="14:14">
      <c r="N603964" s="10"/>
    </row>
    <row r="603965" spans="14:14">
      <c r="N603965" s="10"/>
    </row>
    <row r="603966" spans="14:14">
      <c r="N603966" s="10"/>
    </row>
    <row r="603967" spans="14:14">
      <c r="N603967" s="10"/>
    </row>
    <row r="603968" spans="14:14">
      <c r="N603968" s="10"/>
    </row>
    <row r="603969" spans="14:14">
      <c r="N603969" s="10"/>
    </row>
    <row r="603970" spans="14:14">
      <c r="N603970" s="10"/>
    </row>
    <row r="603971" spans="14:14">
      <c r="N603971" s="10"/>
    </row>
    <row r="603972" spans="14:14">
      <c r="N603972" s="10"/>
    </row>
    <row r="603973" spans="14:14">
      <c r="N603973" s="10"/>
    </row>
    <row r="603974" spans="14:14">
      <c r="N603974" s="10"/>
    </row>
    <row r="603975" spans="14:14">
      <c r="N603975" s="10"/>
    </row>
    <row r="603976" spans="14:14">
      <c r="N603976" s="10"/>
    </row>
    <row r="603977" spans="14:14">
      <c r="N603977" s="10"/>
    </row>
    <row r="603978" spans="14:14">
      <c r="N603978" s="10"/>
    </row>
    <row r="603979" spans="14:14">
      <c r="N603979" s="10"/>
    </row>
    <row r="603980" spans="14:14">
      <c r="N603980" s="10"/>
    </row>
    <row r="603981" spans="14:14">
      <c r="N603981" s="10"/>
    </row>
    <row r="603982" spans="14:14">
      <c r="N603982" s="10"/>
    </row>
    <row r="603983" spans="14:14">
      <c r="N603983" s="10"/>
    </row>
    <row r="603984" spans="14:14">
      <c r="N603984" s="10"/>
    </row>
    <row r="603985" spans="14:14">
      <c r="N603985" s="10"/>
    </row>
    <row r="603986" spans="14:14">
      <c r="N603986" s="10"/>
    </row>
    <row r="603987" spans="14:14">
      <c r="N603987" s="10"/>
    </row>
    <row r="603988" spans="14:14">
      <c r="N603988" s="10"/>
    </row>
    <row r="603989" spans="14:14">
      <c r="N603989" s="10"/>
    </row>
    <row r="603990" spans="14:14">
      <c r="N603990" s="10"/>
    </row>
    <row r="603991" spans="14:14">
      <c r="N603991" s="10"/>
    </row>
    <row r="603992" spans="14:14">
      <c r="N603992" s="10"/>
    </row>
    <row r="603993" spans="14:14">
      <c r="N603993" s="10"/>
    </row>
    <row r="603994" spans="14:14">
      <c r="N603994" s="10"/>
    </row>
    <row r="603995" spans="14:14">
      <c r="N603995" s="10"/>
    </row>
    <row r="603996" spans="14:14">
      <c r="N603996" s="10"/>
    </row>
    <row r="603997" spans="14:14">
      <c r="N603997" s="10"/>
    </row>
    <row r="603998" spans="14:14">
      <c r="N603998" s="10"/>
    </row>
    <row r="603999" spans="14:14">
      <c r="N603999" s="10"/>
    </row>
    <row r="604000" spans="14:14">
      <c r="N604000" s="10"/>
    </row>
    <row r="604001" spans="14:14">
      <c r="N604001" s="10"/>
    </row>
    <row r="604002" spans="14:14">
      <c r="N604002" s="10"/>
    </row>
    <row r="604003" spans="14:14">
      <c r="N604003" s="10"/>
    </row>
    <row r="604004" spans="14:14">
      <c r="N604004" s="10"/>
    </row>
    <row r="604005" spans="14:14">
      <c r="N604005" s="10"/>
    </row>
    <row r="604006" spans="14:14">
      <c r="N604006" s="10"/>
    </row>
    <row r="604007" spans="14:14">
      <c r="N604007" s="10"/>
    </row>
    <row r="604008" spans="14:14">
      <c r="N604008" s="10"/>
    </row>
    <row r="604009" spans="14:14">
      <c r="N604009" s="10"/>
    </row>
    <row r="604010" spans="14:14">
      <c r="N604010" s="10"/>
    </row>
    <row r="604011" spans="14:14">
      <c r="N604011" s="10"/>
    </row>
    <row r="604012" spans="14:14">
      <c r="N604012" s="10"/>
    </row>
    <row r="604013" spans="14:14">
      <c r="N604013" s="10"/>
    </row>
    <row r="604014" spans="14:14">
      <c r="N604014" s="10"/>
    </row>
    <row r="604015" spans="14:14">
      <c r="N604015" s="10"/>
    </row>
    <row r="604016" spans="14:14">
      <c r="N604016" s="10"/>
    </row>
    <row r="604017" spans="14:14">
      <c r="N604017" s="10"/>
    </row>
    <row r="604018" spans="14:14">
      <c r="N604018" s="10"/>
    </row>
    <row r="604019" spans="14:14">
      <c r="N604019" s="10"/>
    </row>
    <row r="604020" spans="14:14">
      <c r="N604020" s="10"/>
    </row>
    <row r="604021" spans="14:14">
      <c r="N604021" s="10"/>
    </row>
    <row r="604022" spans="14:14">
      <c r="N604022" s="10"/>
    </row>
    <row r="604023" spans="14:14">
      <c r="N604023" s="10"/>
    </row>
    <row r="604024" spans="14:14">
      <c r="N604024" s="10"/>
    </row>
    <row r="604025" spans="14:14">
      <c r="N604025" s="10"/>
    </row>
    <row r="604026" spans="14:14">
      <c r="N604026" s="10"/>
    </row>
    <row r="604027" spans="14:14">
      <c r="N604027" s="10"/>
    </row>
    <row r="604028" spans="14:14">
      <c r="N604028" s="10"/>
    </row>
    <row r="604029" spans="14:14">
      <c r="N604029" s="10"/>
    </row>
    <row r="604030" spans="14:14">
      <c r="N604030" s="10"/>
    </row>
    <row r="604031" spans="14:14">
      <c r="N604031" s="10"/>
    </row>
    <row r="604032" spans="14:14">
      <c r="N604032" s="10"/>
    </row>
    <row r="604033" spans="14:14">
      <c r="N604033" s="10"/>
    </row>
    <row r="604034" spans="14:14">
      <c r="N604034" s="10"/>
    </row>
    <row r="604035" spans="14:14">
      <c r="N604035" s="10"/>
    </row>
    <row r="604036" spans="14:14">
      <c r="N604036" s="10"/>
    </row>
    <row r="604037" spans="14:14">
      <c r="N604037" s="10"/>
    </row>
    <row r="604038" spans="14:14">
      <c r="N604038" s="10"/>
    </row>
    <row r="604039" spans="14:14">
      <c r="N604039" s="10"/>
    </row>
    <row r="604040" spans="14:14">
      <c r="N604040" s="10"/>
    </row>
    <row r="604041" spans="14:14">
      <c r="N604041" s="10"/>
    </row>
    <row r="604042" spans="14:14">
      <c r="N604042" s="10"/>
    </row>
    <row r="604043" spans="14:14">
      <c r="N604043" s="10"/>
    </row>
    <row r="604044" spans="14:14">
      <c r="N604044" s="10"/>
    </row>
    <row r="604045" spans="14:14">
      <c r="N604045" s="10"/>
    </row>
    <row r="604046" spans="14:14">
      <c r="N604046" s="10"/>
    </row>
    <row r="604047" spans="14:14">
      <c r="N604047" s="10"/>
    </row>
    <row r="604048" spans="14:14">
      <c r="N604048" s="10"/>
    </row>
    <row r="604049" spans="14:14">
      <c r="N604049" s="10"/>
    </row>
    <row r="604050" spans="14:14">
      <c r="N604050" s="10"/>
    </row>
    <row r="604051" spans="14:14">
      <c r="N604051" s="10"/>
    </row>
    <row r="604052" spans="14:14">
      <c r="N604052" s="10"/>
    </row>
    <row r="604053" spans="14:14">
      <c r="N604053" s="10"/>
    </row>
    <row r="604054" spans="14:14">
      <c r="N604054" s="10"/>
    </row>
    <row r="604055" spans="14:14">
      <c r="N604055" s="10"/>
    </row>
    <row r="604056" spans="14:14">
      <c r="N604056" s="10"/>
    </row>
    <row r="604057" spans="14:14">
      <c r="N604057" s="10"/>
    </row>
    <row r="604058" spans="14:14">
      <c r="N604058" s="10"/>
    </row>
    <row r="604059" spans="14:14">
      <c r="N604059" s="10"/>
    </row>
    <row r="604060" spans="14:14">
      <c r="N604060" s="10"/>
    </row>
    <row r="604061" spans="14:14">
      <c r="N604061" s="10"/>
    </row>
    <row r="604062" spans="14:14">
      <c r="N604062" s="10"/>
    </row>
    <row r="604063" spans="14:14">
      <c r="N604063" s="10"/>
    </row>
    <row r="604064" spans="14:14">
      <c r="N604064" s="10"/>
    </row>
    <row r="604065" spans="14:14">
      <c r="N604065" s="10"/>
    </row>
    <row r="604066" spans="14:14">
      <c r="N604066" s="10"/>
    </row>
    <row r="604067" spans="14:14">
      <c r="N604067" s="10"/>
    </row>
    <row r="604068" spans="14:14">
      <c r="N604068" s="10"/>
    </row>
    <row r="604069" spans="14:14">
      <c r="N604069" s="10"/>
    </row>
    <row r="604070" spans="14:14">
      <c r="N604070" s="10"/>
    </row>
    <row r="604071" spans="14:14">
      <c r="N604071" s="10"/>
    </row>
    <row r="604072" spans="14:14">
      <c r="N604072" s="10"/>
    </row>
    <row r="604073" spans="14:14">
      <c r="N604073" s="10"/>
    </row>
    <row r="604074" spans="14:14">
      <c r="N604074" s="10"/>
    </row>
    <row r="604075" spans="14:14">
      <c r="N604075" s="10"/>
    </row>
    <row r="604076" spans="14:14">
      <c r="N604076" s="10"/>
    </row>
    <row r="604077" spans="14:14">
      <c r="N604077" s="10"/>
    </row>
    <row r="604078" spans="14:14">
      <c r="N604078" s="10"/>
    </row>
    <row r="604079" spans="14:14">
      <c r="N604079" s="10"/>
    </row>
    <row r="604080" spans="14:14">
      <c r="N604080" s="10"/>
    </row>
    <row r="604081" spans="14:14">
      <c r="N604081" s="10"/>
    </row>
    <row r="604082" spans="14:14">
      <c r="N604082" s="10"/>
    </row>
    <row r="604083" spans="14:14">
      <c r="N604083" s="10"/>
    </row>
    <row r="604084" spans="14:14">
      <c r="N604084" s="10"/>
    </row>
    <row r="604085" spans="14:14">
      <c r="N604085" s="10"/>
    </row>
    <row r="604086" spans="14:14">
      <c r="N604086" s="10"/>
    </row>
    <row r="604087" spans="14:14">
      <c r="N604087" s="10"/>
    </row>
    <row r="604088" spans="14:14">
      <c r="N604088" s="10"/>
    </row>
    <row r="604089" spans="14:14">
      <c r="N604089" s="10"/>
    </row>
    <row r="604090" spans="14:14">
      <c r="N604090" s="10"/>
    </row>
    <row r="604091" spans="14:14">
      <c r="N604091" s="10"/>
    </row>
    <row r="604092" spans="14:14">
      <c r="N604092" s="10"/>
    </row>
    <row r="604093" spans="14:14">
      <c r="N604093" s="10"/>
    </row>
    <row r="604094" spans="14:14">
      <c r="N604094" s="10"/>
    </row>
    <row r="604095" spans="14:14">
      <c r="N604095" s="10"/>
    </row>
    <row r="604096" spans="14:14">
      <c r="N604096" s="10"/>
    </row>
    <row r="604097" spans="14:14">
      <c r="N604097" s="10"/>
    </row>
    <row r="604098" spans="14:14">
      <c r="N604098" s="10"/>
    </row>
    <row r="604099" spans="14:14">
      <c r="N604099" s="10"/>
    </row>
    <row r="604100" spans="14:14">
      <c r="N604100" s="10"/>
    </row>
    <row r="604101" spans="14:14">
      <c r="N604101" s="10"/>
    </row>
    <row r="604102" spans="14:14">
      <c r="N604102" s="10"/>
    </row>
    <row r="604103" spans="14:14">
      <c r="N604103" s="10"/>
    </row>
    <row r="604104" spans="14:14">
      <c r="N604104" s="10"/>
    </row>
    <row r="604105" spans="14:14">
      <c r="N604105" s="10"/>
    </row>
    <row r="604106" spans="14:14">
      <c r="N604106" s="10"/>
    </row>
    <row r="604107" spans="14:14">
      <c r="N604107" s="10"/>
    </row>
    <row r="604108" spans="14:14">
      <c r="N604108" s="10"/>
    </row>
    <row r="604109" spans="14:14">
      <c r="N604109" s="10"/>
    </row>
    <row r="604110" spans="14:14">
      <c r="N604110" s="10"/>
    </row>
    <row r="604111" spans="14:14">
      <c r="N604111" s="10"/>
    </row>
    <row r="604112" spans="14:14">
      <c r="N604112" s="10"/>
    </row>
    <row r="604113" spans="14:14">
      <c r="N604113" s="10"/>
    </row>
    <row r="604114" spans="14:14">
      <c r="N604114" s="10"/>
    </row>
    <row r="604115" spans="14:14">
      <c r="N604115" s="10"/>
    </row>
    <row r="604116" spans="14:14">
      <c r="N604116" s="10"/>
    </row>
    <row r="604117" spans="14:14">
      <c r="N604117" s="10"/>
    </row>
    <row r="604118" spans="14:14">
      <c r="N604118" s="10"/>
    </row>
    <row r="604119" spans="14:14">
      <c r="N604119" s="10"/>
    </row>
    <row r="604120" spans="14:14">
      <c r="N604120" s="10"/>
    </row>
    <row r="604121" spans="14:14">
      <c r="N604121" s="10"/>
    </row>
    <row r="604122" spans="14:14">
      <c r="N604122" s="10"/>
    </row>
    <row r="604123" spans="14:14">
      <c r="N604123" s="10"/>
    </row>
    <row r="604124" spans="14:14">
      <c r="N604124" s="10"/>
    </row>
    <row r="604125" spans="14:14">
      <c r="N604125" s="10"/>
    </row>
    <row r="604126" spans="14:14">
      <c r="N604126" s="10"/>
    </row>
    <row r="604127" spans="14:14">
      <c r="N604127" s="10"/>
    </row>
    <row r="604128" spans="14:14">
      <c r="N604128" s="10"/>
    </row>
    <row r="604129" spans="14:14">
      <c r="N604129" s="10"/>
    </row>
    <row r="604130" spans="14:14">
      <c r="N604130" s="10"/>
    </row>
    <row r="604131" spans="14:14">
      <c r="N604131" s="10"/>
    </row>
    <row r="604132" spans="14:14">
      <c r="N604132" s="10"/>
    </row>
    <row r="604133" spans="14:14">
      <c r="N604133" s="10"/>
    </row>
    <row r="604134" spans="14:14">
      <c r="N604134" s="10"/>
    </row>
    <row r="604135" spans="14:14">
      <c r="N604135" s="10"/>
    </row>
    <row r="604136" spans="14:14">
      <c r="N604136" s="10"/>
    </row>
    <row r="604137" spans="14:14">
      <c r="N604137" s="10"/>
    </row>
    <row r="604138" spans="14:14">
      <c r="N604138" s="10"/>
    </row>
    <row r="604139" spans="14:14">
      <c r="N604139" s="10"/>
    </row>
    <row r="604140" spans="14:14">
      <c r="N604140" s="10"/>
    </row>
    <row r="604141" spans="14:14">
      <c r="N604141" s="10"/>
    </row>
    <row r="604142" spans="14:14">
      <c r="N604142" s="10"/>
    </row>
    <row r="604143" spans="14:14">
      <c r="N604143" s="10"/>
    </row>
    <row r="604144" spans="14:14">
      <c r="N604144" s="10"/>
    </row>
    <row r="604145" spans="14:14">
      <c r="N604145" s="10"/>
    </row>
    <row r="604146" spans="14:14">
      <c r="N604146" s="10"/>
    </row>
    <row r="604147" spans="14:14">
      <c r="N604147" s="10"/>
    </row>
    <row r="604148" spans="14:14">
      <c r="N604148" s="10"/>
    </row>
    <row r="604149" spans="14:14">
      <c r="N604149" s="10"/>
    </row>
    <row r="604150" spans="14:14">
      <c r="N604150" s="10"/>
    </row>
    <row r="604151" spans="14:14">
      <c r="N604151" s="10"/>
    </row>
    <row r="604152" spans="14:14">
      <c r="N604152" s="10"/>
    </row>
    <row r="604153" spans="14:14">
      <c r="N604153" s="10"/>
    </row>
    <row r="604154" spans="14:14">
      <c r="N604154" s="10"/>
    </row>
    <row r="604155" spans="14:14">
      <c r="N604155" s="10"/>
    </row>
    <row r="604156" spans="14:14">
      <c r="N604156" s="10"/>
    </row>
    <row r="604157" spans="14:14">
      <c r="N604157" s="10"/>
    </row>
    <row r="604158" spans="14:14">
      <c r="N604158" s="10"/>
    </row>
    <row r="604159" spans="14:14">
      <c r="N604159" s="10"/>
    </row>
    <row r="604160" spans="14:14">
      <c r="N604160" s="10"/>
    </row>
    <row r="604161" spans="14:14">
      <c r="N604161" s="10"/>
    </row>
    <row r="604162" spans="14:14">
      <c r="N604162" s="10"/>
    </row>
    <row r="604163" spans="14:14">
      <c r="N604163" s="10"/>
    </row>
    <row r="604164" spans="14:14">
      <c r="N604164" s="10"/>
    </row>
    <row r="604165" spans="14:14">
      <c r="N604165" s="10"/>
    </row>
    <row r="604166" spans="14:14">
      <c r="N604166" s="10"/>
    </row>
    <row r="604167" spans="14:14">
      <c r="N604167" s="10"/>
    </row>
    <row r="604168" spans="14:14">
      <c r="N604168" s="10"/>
    </row>
    <row r="604169" spans="14:14">
      <c r="N604169" s="10"/>
    </row>
    <row r="604170" spans="14:14">
      <c r="N604170" s="10"/>
    </row>
    <row r="604171" spans="14:14">
      <c r="N604171" s="10"/>
    </row>
    <row r="604172" spans="14:14">
      <c r="N604172" s="10"/>
    </row>
    <row r="604173" spans="14:14">
      <c r="N604173" s="10"/>
    </row>
    <row r="604174" spans="14:14">
      <c r="N604174" s="10"/>
    </row>
    <row r="604175" spans="14:14">
      <c r="N604175" s="10"/>
    </row>
    <row r="604176" spans="14:14">
      <c r="N604176" s="10"/>
    </row>
    <row r="604177" spans="14:14">
      <c r="N604177" s="10"/>
    </row>
    <row r="604178" spans="14:14">
      <c r="N604178" s="10"/>
    </row>
    <row r="604179" spans="14:14">
      <c r="N604179" s="10"/>
    </row>
    <row r="604180" spans="14:14">
      <c r="N604180" s="10"/>
    </row>
    <row r="604181" spans="14:14">
      <c r="N604181" s="10"/>
    </row>
    <row r="604182" spans="14:14">
      <c r="N604182" s="10"/>
    </row>
    <row r="604183" spans="14:14">
      <c r="N604183" s="10"/>
    </row>
    <row r="604184" spans="14:14">
      <c r="N604184" s="10"/>
    </row>
    <row r="604185" spans="14:14">
      <c r="N604185" s="10"/>
    </row>
    <row r="604186" spans="14:14">
      <c r="N604186" s="10"/>
    </row>
    <row r="604187" spans="14:14">
      <c r="N604187" s="10"/>
    </row>
    <row r="604188" spans="14:14">
      <c r="N604188" s="10"/>
    </row>
    <row r="604189" spans="14:14">
      <c r="N604189" s="10"/>
    </row>
    <row r="604190" spans="14:14">
      <c r="N604190" s="10"/>
    </row>
    <row r="604191" spans="14:14">
      <c r="N604191" s="10"/>
    </row>
    <row r="604192" spans="14:14">
      <c r="N604192" s="10"/>
    </row>
    <row r="604193" spans="14:14">
      <c r="N604193" s="10"/>
    </row>
    <row r="604194" spans="14:14">
      <c r="N604194" s="10"/>
    </row>
    <row r="604195" spans="14:14">
      <c r="N604195" s="10"/>
    </row>
    <row r="604196" spans="14:14">
      <c r="N604196" s="10"/>
    </row>
    <row r="604197" spans="14:14">
      <c r="N604197" s="10"/>
    </row>
    <row r="604198" spans="14:14">
      <c r="N604198" s="10"/>
    </row>
    <row r="604199" spans="14:14">
      <c r="N604199" s="10"/>
    </row>
    <row r="604200" spans="14:14">
      <c r="N604200" s="10"/>
    </row>
    <row r="604201" spans="14:14">
      <c r="N604201" s="10"/>
    </row>
    <row r="604202" spans="14:14">
      <c r="N604202" s="10"/>
    </row>
    <row r="604203" spans="14:14">
      <c r="N604203" s="10"/>
    </row>
    <row r="604204" spans="14:14">
      <c r="N604204" s="10"/>
    </row>
    <row r="604205" spans="14:14">
      <c r="N604205" s="10"/>
    </row>
    <row r="604206" spans="14:14">
      <c r="N604206" s="10"/>
    </row>
    <row r="604207" spans="14:14">
      <c r="N604207" s="10"/>
    </row>
    <row r="604208" spans="14:14">
      <c r="N604208" s="10"/>
    </row>
    <row r="604209" spans="14:14">
      <c r="N604209" s="10"/>
    </row>
    <row r="604210" spans="14:14">
      <c r="N604210" s="10"/>
    </row>
    <row r="604211" spans="14:14">
      <c r="N604211" s="10"/>
    </row>
    <row r="604212" spans="14:14">
      <c r="N604212" s="10"/>
    </row>
    <row r="604213" spans="14:14">
      <c r="N604213" s="10"/>
    </row>
    <row r="604214" spans="14:14">
      <c r="N604214" s="10"/>
    </row>
    <row r="604215" spans="14:14">
      <c r="N604215" s="10"/>
    </row>
    <row r="604216" spans="14:14">
      <c r="N604216" s="10"/>
    </row>
    <row r="604217" spans="14:14">
      <c r="N604217" s="10"/>
    </row>
    <row r="604218" spans="14:14">
      <c r="N604218" s="10"/>
    </row>
    <row r="604219" spans="14:14">
      <c r="N604219" s="10"/>
    </row>
    <row r="604220" spans="14:14">
      <c r="N604220" s="10"/>
    </row>
    <row r="604221" spans="14:14">
      <c r="N604221" s="10"/>
    </row>
    <row r="604222" spans="14:14">
      <c r="N604222" s="10"/>
    </row>
    <row r="604223" spans="14:14">
      <c r="N604223" s="10"/>
    </row>
    <row r="604224" spans="14:14">
      <c r="N604224" s="10"/>
    </row>
    <row r="604225" spans="14:14">
      <c r="N604225" s="10"/>
    </row>
    <row r="604226" spans="14:14">
      <c r="N604226" s="10"/>
    </row>
    <row r="604227" spans="14:14">
      <c r="N604227" s="10"/>
    </row>
    <row r="604228" spans="14:14">
      <c r="N604228" s="10"/>
    </row>
    <row r="604229" spans="14:14">
      <c r="N604229" s="10"/>
    </row>
    <row r="604230" spans="14:14">
      <c r="N604230" s="10"/>
    </row>
    <row r="604231" spans="14:14">
      <c r="N604231" s="10"/>
    </row>
    <row r="604232" spans="14:14">
      <c r="N604232" s="10"/>
    </row>
    <row r="604233" spans="14:14">
      <c r="N604233" s="10"/>
    </row>
    <row r="604234" spans="14:14">
      <c r="N604234" s="10"/>
    </row>
    <row r="604235" spans="14:14">
      <c r="N604235" s="10"/>
    </row>
    <row r="604236" spans="14:14">
      <c r="N604236" s="10"/>
    </row>
    <row r="604237" spans="14:14">
      <c r="N604237" s="10"/>
    </row>
    <row r="604238" spans="14:14">
      <c r="N604238" s="10"/>
    </row>
    <row r="604239" spans="14:14">
      <c r="N604239" s="10"/>
    </row>
    <row r="604240" spans="14:14">
      <c r="N604240" s="10"/>
    </row>
    <row r="604241" spans="14:14">
      <c r="N604241" s="10"/>
    </row>
    <row r="604242" spans="14:14">
      <c r="N604242" s="10"/>
    </row>
    <row r="604243" spans="14:14">
      <c r="N604243" s="10"/>
    </row>
    <row r="604244" spans="14:14">
      <c r="N604244" s="10"/>
    </row>
    <row r="604245" spans="14:14">
      <c r="N604245" s="10"/>
    </row>
    <row r="604246" spans="14:14">
      <c r="N604246" s="10"/>
    </row>
    <row r="604247" spans="14:14">
      <c r="N604247" s="10"/>
    </row>
    <row r="604248" spans="14:14">
      <c r="N604248" s="10"/>
    </row>
    <row r="604249" spans="14:14">
      <c r="N604249" s="10"/>
    </row>
    <row r="604250" spans="14:14">
      <c r="N604250" s="10"/>
    </row>
    <row r="604251" spans="14:14">
      <c r="N604251" s="10"/>
    </row>
    <row r="604252" spans="14:14">
      <c r="N604252" s="10"/>
    </row>
    <row r="604253" spans="14:14">
      <c r="N604253" s="10"/>
    </row>
    <row r="604254" spans="14:14">
      <c r="N604254" s="10"/>
    </row>
    <row r="604255" spans="14:14">
      <c r="N604255" s="10"/>
    </row>
    <row r="604256" spans="14:14">
      <c r="N604256" s="10"/>
    </row>
    <row r="604257" spans="14:14">
      <c r="N604257" s="10"/>
    </row>
    <row r="604258" spans="14:14">
      <c r="N604258" s="10"/>
    </row>
    <row r="604259" spans="14:14">
      <c r="N604259" s="10"/>
    </row>
    <row r="604260" spans="14:14">
      <c r="N604260" s="10"/>
    </row>
    <row r="604261" spans="14:14">
      <c r="N604261" s="10"/>
    </row>
    <row r="604262" spans="14:14">
      <c r="N604262" s="10"/>
    </row>
    <row r="604263" spans="14:14">
      <c r="N604263" s="10"/>
    </row>
    <row r="604264" spans="14:14">
      <c r="N604264" s="10"/>
    </row>
    <row r="604265" spans="14:14">
      <c r="N604265" s="10"/>
    </row>
    <row r="604266" spans="14:14">
      <c r="N604266" s="10"/>
    </row>
    <row r="604267" spans="14:14">
      <c r="N604267" s="10"/>
    </row>
    <row r="604268" spans="14:14">
      <c r="N604268" s="10"/>
    </row>
    <row r="604269" spans="14:14">
      <c r="N604269" s="10"/>
    </row>
    <row r="604270" spans="14:14">
      <c r="N604270" s="10"/>
    </row>
    <row r="604271" spans="14:14">
      <c r="N604271" s="10"/>
    </row>
    <row r="604272" spans="14:14">
      <c r="N604272" s="10"/>
    </row>
    <row r="604273" spans="14:14">
      <c r="N604273" s="10"/>
    </row>
    <row r="604274" spans="14:14">
      <c r="N604274" s="10"/>
    </row>
    <row r="604275" spans="14:14">
      <c r="N604275" s="10"/>
    </row>
    <row r="604276" spans="14:14">
      <c r="N604276" s="10"/>
    </row>
    <row r="604277" spans="14:14">
      <c r="N604277" s="10"/>
    </row>
    <row r="604278" spans="14:14">
      <c r="N604278" s="10"/>
    </row>
    <row r="604279" spans="14:14">
      <c r="N604279" s="10"/>
    </row>
    <row r="604280" spans="14:14">
      <c r="N604280" s="10"/>
    </row>
    <row r="604281" spans="14:14">
      <c r="N604281" s="10"/>
    </row>
    <row r="604282" spans="14:14">
      <c r="N604282" s="10"/>
    </row>
    <row r="604283" spans="14:14">
      <c r="N604283" s="10"/>
    </row>
    <row r="604284" spans="14:14">
      <c r="N604284" s="10"/>
    </row>
    <row r="604285" spans="14:14">
      <c r="N604285" s="10"/>
    </row>
    <row r="604286" spans="14:14">
      <c r="N604286" s="10"/>
    </row>
    <row r="604287" spans="14:14">
      <c r="N604287" s="10"/>
    </row>
    <row r="604288" spans="14:14">
      <c r="N604288" s="10"/>
    </row>
    <row r="604289" spans="14:14">
      <c r="N604289" s="10"/>
    </row>
    <row r="604290" spans="14:14">
      <c r="N604290" s="10"/>
    </row>
    <row r="604291" spans="14:14">
      <c r="N604291" s="10"/>
    </row>
    <row r="604292" spans="14:14">
      <c r="N604292" s="10"/>
    </row>
    <row r="604293" spans="14:14">
      <c r="N604293" s="10"/>
    </row>
    <row r="604294" spans="14:14">
      <c r="N604294" s="10"/>
    </row>
    <row r="604295" spans="14:14">
      <c r="N604295" s="10"/>
    </row>
    <row r="604296" spans="14:14">
      <c r="N604296" s="10"/>
    </row>
    <row r="604297" spans="14:14">
      <c r="N604297" s="10"/>
    </row>
    <row r="604298" spans="14:14">
      <c r="N604298" s="10"/>
    </row>
    <row r="604299" spans="14:14">
      <c r="N604299" s="10"/>
    </row>
    <row r="604300" spans="14:14">
      <c r="N604300" s="10"/>
    </row>
    <row r="604301" spans="14:14">
      <c r="N604301" s="10"/>
    </row>
    <row r="604302" spans="14:14">
      <c r="N604302" s="10"/>
    </row>
    <row r="604303" spans="14:14">
      <c r="N604303" s="10"/>
    </row>
    <row r="604304" spans="14:14">
      <c r="N604304" s="10"/>
    </row>
    <row r="604305" spans="14:14">
      <c r="N604305" s="10"/>
    </row>
    <row r="604306" spans="14:14">
      <c r="N604306" s="10"/>
    </row>
    <row r="604307" spans="14:14">
      <c r="N604307" s="10"/>
    </row>
    <row r="604308" spans="14:14">
      <c r="N604308" s="10"/>
    </row>
    <row r="604309" spans="14:14">
      <c r="N604309" s="10"/>
    </row>
    <row r="604310" spans="14:14">
      <c r="N604310" s="10"/>
    </row>
    <row r="604311" spans="14:14">
      <c r="N604311" s="10"/>
    </row>
    <row r="604312" spans="14:14">
      <c r="N604312" s="10"/>
    </row>
    <row r="604313" spans="14:14">
      <c r="N604313" s="10"/>
    </row>
    <row r="604314" spans="14:14">
      <c r="N604314" s="10"/>
    </row>
    <row r="604315" spans="14:14">
      <c r="N604315" s="10"/>
    </row>
    <row r="604316" spans="14:14">
      <c r="N604316" s="10"/>
    </row>
    <row r="604317" spans="14:14">
      <c r="N604317" s="10"/>
    </row>
    <row r="604318" spans="14:14">
      <c r="N604318" s="10"/>
    </row>
    <row r="604319" spans="14:14">
      <c r="N604319" s="10"/>
    </row>
    <row r="604320" spans="14:14">
      <c r="N604320" s="10"/>
    </row>
    <row r="604321" spans="14:14">
      <c r="N604321" s="10"/>
    </row>
    <row r="604322" spans="14:14">
      <c r="N604322" s="10"/>
    </row>
    <row r="604323" spans="14:14">
      <c r="N604323" s="10"/>
    </row>
    <row r="604324" spans="14:14">
      <c r="N604324" s="10"/>
    </row>
    <row r="604325" spans="14:14">
      <c r="N604325" s="10"/>
    </row>
    <row r="604326" spans="14:14">
      <c r="N604326" s="10"/>
    </row>
    <row r="604327" spans="14:14">
      <c r="N604327" s="10"/>
    </row>
    <row r="604328" spans="14:14">
      <c r="N604328" s="10"/>
    </row>
    <row r="604329" spans="14:14">
      <c r="N604329" s="10"/>
    </row>
    <row r="604330" spans="14:14">
      <c r="N604330" s="10"/>
    </row>
    <row r="604331" spans="14:14">
      <c r="N604331" s="10"/>
    </row>
    <row r="604332" spans="14:14">
      <c r="N604332" s="10"/>
    </row>
    <row r="604333" spans="14:14">
      <c r="N604333" s="10"/>
    </row>
    <row r="604334" spans="14:14">
      <c r="N604334" s="10"/>
    </row>
    <row r="604335" spans="14:14">
      <c r="N604335" s="10"/>
    </row>
    <row r="604336" spans="14:14">
      <c r="N604336" s="10"/>
    </row>
    <row r="604337" spans="14:14">
      <c r="N604337" s="10"/>
    </row>
    <row r="604338" spans="14:14">
      <c r="N604338" s="10"/>
    </row>
    <row r="604339" spans="14:14">
      <c r="N604339" s="10"/>
    </row>
    <row r="604340" spans="14:14">
      <c r="N604340" s="10"/>
    </row>
    <row r="604341" spans="14:14">
      <c r="N604341" s="10"/>
    </row>
    <row r="604342" spans="14:14">
      <c r="N604342" s="10"/>
    </row>
    <row r="604343" spans="14:14">
      <c r="N604343" s="10"/>
    </row>
    <row r="604344" spans="14:14">
      <c r="N604344" s="10"/>
    </row>
    <row r="604345" spans="14:14">
      <c r="N604345" s="10"/>
    </row>
    <row r="604346" spans="14:14">
      <c r="N604346" s="10"/>
    </row>
    <row r="604347" spans="14:14">
      <c r="N604347" s="10"/>
    </row>
    <row r="604348" spans="14:14">
      <c r="N604348" s="10"/>
    </row>
    <row r="604349" spans="14:14">
      <c r="N604349" s="10"/>
    </row>
    <row r="604350" spans="14:14">
      <c r="N604350" s="10"/>
    </row>
    <row r="604351" spans="14:14">
      <c r="N604351" s="10"/>
    </row>
    <row r="604352" spans="14:14">
      <c r="N604352" s="10"/>
    </row>
    <row r="604353" spans="14:14">
      <c r="N604353" s="10"/>
    </row>
    <row r="604354" spans="14:14">
      <c r="N604354" s="10"/>
    </row>
    <row r="604355" spans="14:14">
      <c r="N604355" s="10"/>
    </row>
    <row r="604356" spans="14:14">
      <c r="N604356" s="10"/>
    </row>
    <row r="604357" spans="14:14">
      <c r="N604357" s="10"/>
    </row>
    <row r="604358" spans="14:14">
      <c r="N604358" s="10"/>
    </row>
    <row r="604359" spans="14:14">
      <c r="N604359" s="10"/>
    </row>
    <row r="604360" spans="14:14">
      <c r="N604360" s="10"/>
    </row>
    <row r="604361" spans="14:14">
      <c r="N604361" s="10"/>
    </row>
    <row r="604362" spans="14:14">
      <c r="N604362" s="10"/>
    </row>
    <row r="604363" spans="14:14">
      <c r="N604363" s="10"/>
    </row>
    <row r="604364" spans="14:14">
      <c r="N604364" s="10"/>
    </row>
    <row r="604365" spans="14:14">
      <c r="N604365" s="10"/>
    </row>
    <row r="604366" spans="14:14">
      <c r="N604366" s="10"/>
    </row>
    <row r="604367" spans="14:14">
      <c r="N604367" s="10"/>
    </row>
    <row r="604368" spans="14:14">
      <c r="N604368" s="10"/>
    </row>
    <row r="604369" spans="14:14">
      <c r="N604369" s="10"/>
    </row>
    <row r="604370" spans="14:14">
      <c r="N604370" s="10"/>
    </row>
    <row r="604371" spans="14:14">
      <c r="N604371" s="10"/>
    </row>
    <row r="604372" spans="14:14">
      <c r="N604372" s="10"/>
    </row>
    <row r="604373" spans="14:14">
      <c r="N604373" s="10"/>
    </row>
    <row r="604374" spans="14:14">
      <c r="N604374" s="10"/>
    </row>
    <row r="604375" spans="14:14">
      <c r="N604375" s="10"/>
    </row>
    <row r="604376" spans="14:14">
      <c r="N604376" s="10"/>
    </row>
    <row r="604377" spans="14:14">
      <c r="N604377" s="10"/>
    </row>
    <row r="604378" spans="14:14">
      <c r="N604378" s="10"/>
    </row>
    <row r="604379" spans="14:14">
      <c r="N604379" s="10"/>
    </row>
    <row r="604380" spans="14:14">
      <c r="N604380" s="10"/>
    </row>
    <row r="604381" spans="14:14">
      <c r="N604381" s="10"/>
    </row>
    <row r="604382" spans="14:14">
      <c r="N604382" s="10"/>
    </row>
    <row r="604383" spans="14:14">
      <c r="N604383" s="10"/>
    </row>
    <row r="604384" spans="14:14">
      <c r="N604384" s="10"/>
    </row>
    <row r="604385" spans="14:14">
      <c r="N604385" s="10"/>
    </row>
    <row r="604386" spans="14:14">
      <c r="N604386" s="10"/>
    </row>
    <row r="604387" spans="14:14">
      <c r="N604387" s="10"/>
    </row>
    <row r="604388" spans="14:14">
      <c r="N604388" s="10"/>
    </row>
    <row r="604389" spans="14:14">
      <c r="N604389" s="10"/>
    </row>
    <row r="604390" spans="14:14">
      <c r="N604390" s="10"/>
    </row>
    <row r="604391" spans="14:14">
      <c r="N604391" s="10"/>
    </row>
    <row r="604392" spans="14:14">
      <c r="N604392" s="10"/>
    </row>
    <row r="604393" spans="14:14">
      <c r="N604393" s="10"/>
    </row>
    <row r="604394" spans="14:14">
      <c r="N604394" s="10"/>
    </row>
    <row r="604395" spans="14:14">
      <c r="N604395" s="10"/>
    </row>
    <row r="604396" spans="14:14">
      <c r="N604396" s="10"/>
    </row>
    <row r="604397" spans="14:14">
      <c r="N604397" s="10"/>
    </row>
    <row r="604398" spans="14:14">
      <c r="N604398" s="10"/>
    </row>
    <row r="604399" spans="14:14">
      <c r="N604399" s="10"/>
    </row>
    <row r="604400" spans="14:14">
      <c r="N604400" s="10"/>
    </row>
    <row r="604401" spans="14:14">
      <c r="N604401" s="10"/>
    </row>
    <row r="604402" spans="14:14">
      <c r="N604402" s="10"/>
    </row>
    <row r="604403" spans="14:14">
      <c r="N604403" s="10"/>
    </row>
    <row r="604404" spans="14:14">
      <c r="N604404" s="10"/>
    </row>
    <row r="604405" spans="14:14">
      <c r="N604405" s="10"/>
    </row>
    <row r="604406" spans="14:14">
      <c r="N604406" s="10"/>
    </row>
    <row r="604407" spans="14:14">
      <c r="N604407" s="10"/>
    </row>
    <row r="604408" spans="14:14">
      <c r="N604408" s="10"/>
    </row>
    <row r="604409" spans="14:14">
      <c r="N604409" s="10"/>
    </row>
    <row r="604410" spans="14:14">
      <c r="N604410" s="10"/>
    </row>
    <row r="604411" spans="14:14">
      <c r="N604411" s="10"/>
    </row>
    <row r="604412" spans="14:14">
      <c r="N604412" s="10"/>
    </row>
    <row r="604413" spans="14:14">
      <c r="N604413" s="10"/>
    </row>
    <row r="604414" spans="14:14">
      <c r="N604414" s="10"/>
    </row>
    <row r="604415" spans="14:14">
      <c r="N604415" s="10"/>
    </row>
    <row r="604416" spans="14:14">
      <c r="N604416" s="10"/>
    </row>
    <row r="604417" spans="14:14">
      <c r="N604417" s="10"/>
    </row>
    <row r="604418" spans="14:14">
      <c r="N604418" s="10"/>
    </row>
    <row r="604419" spans="14:14">
      <c r="N604419" s="10"/>
    </row>
    <row r="604420" spans="14:14">
      <c r="N604420" s="10"/>
    </row>
    <row r="604421" spans="14:14">
      <c r="N604421" s="10"/>
    </row>
    <row r="604422" spans="14:14">
      <c r="N604422" s="10"/>
    </row>
    <row r="604423" spans="14:14">
      <c r="N604423" s="10"/>
    </row>
    <row r="604424" spans="14:14">
      <c r="N604424" s="10"/>
    </row>
    <row r="604425" spans="14:14">
      <c r="N604425" s="10"/>
    </row>
    <row r="604426" spans="14:14">
      <c r="N604426" s="10"/>
    </row>
    <row r="604427" spans="14:14">
      <c r="N604427" s="10"/>
    </row>
    <row r="604428" spans="14:14">
      <c r="N604428" s="10"/>
    </row>
    <row r="604429" spans="14:14">
      <c r="N604429" s="10"/>
    </row>
    <row r="604430" spans="14:14">
      <c r="N604430" s="10"/>
    </row>
    <row r="604431" spans="14:14">
      <c r="N604431" s="10"/>
    </row>
    <row r="604432" spans="14:14">
      <c r="N604432" s="10"/>
    </row>
    <row r="604433" spans="14:14">
      <c r="N604433" s="10"/>
    </row>
    <row r="604434" spans="14:14">
      <c r="N604434" s="10"/>
    </row>
    <row r="604435" spans="14:14">
      <c r="N604435" s="10"/>
    </row>
    <row r="604436" spans="14:14">
      <c r="N604436" s="10"/>
    </row>
    <row r="604437" spans="14:14">
      <c r="N604437" s="10"/>
    </row>
    <row r="604438" spans="14:14">
      <c r="N604438" s="10"/>
    </row>
    <row r="604439" spans="14:14">
      <c r="N604439" s="10"/>
    </row>
    <row r="604440" spans="14:14">
      <c r="N604440" s="10"/>
    </row>
    <row r="604441" spans="14:14">
      <c r="N604441" s="10"/>
    </row>
    <row r="604442" spans="14:14">
      <c r="N604442" s="10"/>
    </row>
    <row r="604443" spans="14:14">
      <c r="N604443" s="10"/>
    </row>
    <row r="604444" spans="14:14">
      <c r="N604444" s="10"/>
    </row>
    <row r="604445" spans="14:14">
      <c r="N604445" s="10"/>
    </row>
    <row r="604446" spans="14:14">
      <c r="N604446" s="10"/>
    </row>
    <row r="604447" spans="14:14">
      <c r="N604447" s="10"/>
    </row>
    <row r="604448" spans="14:14">
      <c r="N604448" s="10"/>
    </row>
    <row r="604449" spans="14:14">
      <c r="N604449" s="10"/>
    </row>
    <row r="604450" spans="14:14">
      <c r="N604450" s="10"/>
    </row>
    <row r="604451" spans="14:14">
      <c r="N604451" s="10"/>
    </row>
    <row r="604452" spans="14:14">
      <c r="N604452" s="10"/>
    </row>
    <row r="604453" spans="14:14">
      <c r="N604453" s="10"/>
    </row>
    <row r="604454" spans="14:14">
      <c r="N604454" s="10"/>
    </row>
    <row r="604455" spans="14:14">
      <c r="N604455" s="10"/>
    </row>
    <row r="604456" spans="14:14">
      <c r="N604456" s="10"/>
    </row>
    <row r="604457" spans="14:14">
      <c r="N604457" s="10"/>
    </row>
    <row r="604458" spans="14:14">
      <c r="N604458" s="10"/>
    </row>
    <row r="604459" spans="14:14">
      <c r="N604459" s="10"/>
    </row>
    <row r="604460" spans="14:14">
      <c r="N604460" s="10"/>
    </row>
    <row r="604461" spans="14:14">
      <c r="N604461" s="10"/>
    </row>
    <row r="604462" spans="14:14">
      <c r="N604462" s="10"/>
    </row>
    <row r="604463" spans="14:14">
      <c r="N604463" s="10"/>
    </row>
    <row r="604464" spans="14:14">
      <c r="N604464" s="10"/>
    </row>
    <row r="604465" spans="14:14">
      <c r="N604465" s="10"/>
    </row>
    <row r="604466" spans="14:14">
      <c r="N604466" s="10"/>
    </row>
    <row r="604467" spans="14:14">
      <c r="N604467" s="10"/>
    </row>
    <row r="604468" spans="14:14">
      <c r="N604468" s="10"/>
    </row>
    <row r="604469" spans="14:14">
      <c r="N604469" s="10"/>
    </row>
    <row r="604470" spans="14:14">
      <c r="N604470" s="10"/>
    </row>
    <row r="604471" spans="14:14">
      <c r="N604471" s="10"/>
    </row>
    <row r="604472" spans="14:14">
      <c r="N604472" s="10"/>
    </row>
    <row r="604473" spans="14:14">
      <c r="N604473" s="10"/>
    </row>
    <row r="604474" spans="14:14">
      <c r="N604474" s="10"/>
    </row>
    <row r="604475" spans="14:14">
      <c r="N604475" s="10"/>
    </row>
    <row r="604476" spans="14:14">
      <c r="N604476" s="10"/>
    </row>
    <row r="604477" spans="14:14">
      <c r="N604477" s="10"/>
    </row>
    <row r="604478" spans="14:14">
      <c r="N604478" s="10"/>
    </row>
    <row r="604479" spans="14:14">
      <c r="N604479" s="10"/>
    </row>
    <row r="604480" spans="14:14">
      <c r="N604480" s="10"/>
    </row>
    <row r="604481" spans="14:14">
      <c r="N604481" s="10"/>
    </row>
    <row r="604482" spans="14:14">
      <c r="N604482" s="10"/>
    </row>
    <row r="604483" spans="14:14">
      <c r="N604483" s="10"/>
    </row>
    <row r="604484" spans="14:14">
      <c r="N604484" s="10"/>
    </row>
    <row r="604485" spans="14:14">
      <c r="N604485" s="10"/>
    </row>
    <row r="604486" spans="14:14">
      <c r="N604486" s="10"/>
    </row>
    <row r="604487" spans="14:14">
      <c r="N604487" s="10"/>
    </row>
    <row r="604488" spans="14:14">
      <c r="N604488" s="10"/>
    </row>
    <row r="604489" spans="14:14">
      <c r="N604489" s="10"/>
    </row>
    <row r="604490" spans="14:14">
      <c r="N604490" s="10"/>
    </row>
    <row r="604491" spans="14:14">
      <c r="N604491" s="10"/>
    </row>
    <row r="604492" spans="14:14">
      <c r="N604492" s="10"/>
    </row>
    <row r="604493" spans="14:14">
      <c r="N604493" s="10"/>
    </row>
    <row r="604494" spans="14:14">
      <c r="N604494" s="10"/>
    </row>
    <row r="604495" spans="14:14">
      <c r="N604495" s="10"/>
    </row>
    <row r="604496" spans="14:14">
      <c r="N604496" s="10"/>
    </row>
    <row r="604497" spans="14:14">
      <c r="N604497" s="10"/>
    </row>
    <row r="604498" spans="14:14">
      <c r="N604498" s="10"/>
    </row>
    <row r="604499" spans="14:14">
      <c r="N604499" s="10"/>
    </row>
    <row r="604500" spans="14:14">
      <c r="N604500" s="10"/>
    </row>
    <row r="604501" spans="14:14">
      <c r="N604501" s="10"/>
    </row>
    <row r="604502" spans="14:14">
      <c r="N604502" s="10"/>
    </row>
    <row r="604503" spans="14:14">
      <c r="N604503" s="10"/>
    </row>
    <row r="604504" spans="14:14">
      <c r="N604504" s="10"/>
    </row>
    <row r="604505" spans="14:14">
      <c r="N604505" s="10"/>
    </row>
    <row r="604506" spans="14:14">
      <c r="N604506" s="10"/>
    </row>
    <row r="604507" spans="14:14">
      <c r="N604507" s="10"/>
    </row>
    <row r="604508" spans="14:14">
      <c r="N604508" s="10"/>
    </row>
    <row r="604509" spans="14:14">
      <c r="N604509" s="10"/>
    </row>
    <row r="604510" spans="14:14">
      <c r="N604510" s="10"/>
    </row>
    <row r="604511" spans="14:14">
      <c r="N604511" s="10"/>
    </row>
    <row r="604512" spans="14:14">
      <c r="N604512" s="10"/>
    </row>
    <row r="604513" spans="14:14">
      <c r="N604513" s="10"/>
    </row>
    <row r="604514" spans="14:14">
      <c r="N604514" s="10"/>
    </row>
    <row r="604515" spans="14:14">
      <c r="N604515" s="10"/>
    </row>
    <row r="604516" spans="14:14">
      <c r="N604516" s="10"/>
    </row>
    <row r="604517" spans="14:14">
      <c r="N604517" s="10"/>
    </row>
    <row r="604518" spans="14:14">
      <c r="N604518" s="10"/>
    </row>
    <row r="604519" spans="14:14">
      <c r="N604519" s="10"/>
    </row>
    <row r="604520" spans="14:14">
      <c r="N604520" s="10"/>
    </row>
    <row r="604521" spans="14:14">
      <c r="N604521" s="10"/>
    </row>
    <row r="604522" spans="14:14">
      <c r="N604522" s="10"/>
    </row>
    <row r="604523" spans="14:14">
      <c r="N604523" s="10"/>
    </row>
    <row r="604524" spans="14:14">
      <c r="N604524" s="10"/>
    </row>
    <row r="604525" spans="14:14">
      <c r="N604525" s="10"/>
    </row>
    <row r="604526" spans="14:14">
      <c r="N604526" s="10"/>
    </row>
    <row r="604527" spans="14:14">
      <c r="N604527" s="10"/>
    </row>
    <row r="604528" spans="14:14">
      <c r="N604528" s="10"/>
    </row>
    <row r="604529" spans="14:14">
      <c r="N604529" s="10"/>
    </row>
    <row r="604530" spans="14:14">
      <c r="N604530" s="10"/>
    </row>
    <row r="604531" spans="14:14">
      <c r="N604531" s="10"/>
    </row>
    <row r="604532" spans="14:14">
      <c r="N604532" s="10"/>
    </row>
    <row r="604533" spans="14:14">
      <c r="N604533" s="10"/>
    </row>
    <row r="604534" spans="14:14">
      <c r="N604534" s="10"/>
    </row>
    <row r="604535" spans="14:14">
      <c r="N604535" s="10"/>
    </row>
    <row r="604536" spans="14:14">
      <c r="N604536" s="10"/>
    </row>
    <row r="604537" spans="14:14">
      <c r="N604537" s="10"/>
    </row>
    <row r="604538" spans="14:14">
      <c r="N604538" s="10"/>
    </row>
    <row r="604539" spans="14:14">
      <c r="N604539" s="10"/>
    </row>
    <row r="604540" spans="14:14">
      <c r="N604540" s="10"/>
    </row>
    <row r="604541" spans="14:14">
      <c r="N604541" s="10"/>
    </row>
    <row r="604542" spans="14:14">
      <c r="N604542" s="10"/>
    </row>
    <row r="604543" spans="14:14">
      <c r="N604543" s="10"/>
    </row>
    <row r="604544" spans="14:14">
      <c r="N604544" s="10"/>
    </row>
    <row r="604545" spans="14:14">
      <c r="N604545" s="10"/>
    </row>
    <row r="604546" spans="14:14">
      <c r="N604546" s="10"/>
    </row>
    <row r="604547" spans="14:14">
      <c r="N604547" s="10"/>
    </row>
    <row r="604548" spans="14:14">
      <c r="N604548" s="10"/>
    </row>
    <row r="604549" spans="14:14">
      <c r="N604549" s="10"/>
    </row>
    <row r="604550" spans="14:14">
      <c r="N604550" s="10"/>
    </row>
    <row r="604551" spans="14:14">
      <c r="N604551" s="10"/>
    </row>
    <row r="604552" spans="14:14">
      <c r="N604552" s="10"/>
    </row>
    <row r="604553" spans="14:14">
      <c r="N604553" s="10"/>
    </row>
    <row r="604554" spans="14:14">
      <c r="N604554" s="10"/>
    </row>
    <row r="604555" spans="14:14">
      <c r="N604555" s="10"/>
    </row>
    <row r="604556" spans="14:14">
      <c r="N604556" s="10"/>
    </row>
    <row r="604557" spans="14:14">
      <c r="N604557" s="10"/>
    </row>
    <row r="604558" spans="14:14">
      <c r="N604558" s="10"/>
    </row>
    <row r="604559" spans="14:14">
      <c r="N604559" s="10"/>
    </row>
    <row r="604560" spans="14:14">
      <c r="N604560" s="10"/>
    </row>
    <row r="604561" spans="14:14">
      <c r="N604561" s="10"/>
    </row>
    <row r="604562" spans="14:14">
      <c r="N604562" s="10"/>
    </row>
    <row r="604563" spans="14:14">
      <c r="N604563" s="10"/>
    </row>
    <row r="604564" spans="14:14">
      <c r="N604564" s="10"/>
    </row>
    <row r="604565" spans="14:14">
      <c r="N604565" s="10"/>
    </row>
    <row r="604566" spans="14:14">
      <c r="N604566" s="10"/>
    </row>
    <row r="604567" spans="14:14">
      <c r="N604567" s="10"/>
    </row>
    <row r="604568" spans="14:14">
      <c r="N604568" s="10"/>
    </row>
    <row r="604569" spans="14:14">
      <c r="N604569" s="10"/>
    </row>
    <row r="604570" spans="14:14">
      <c r="N604570" s="10"/>
    </row>
    <row r="604571" spans="14:14">
      <c r="N604571" s="10"/>
    </row>
    <row r="604572" spans="14:14">
      <c r="N604572" s="10"/>
    </row>
    <row r="604573" spans="14:14">
      <c r="N604573" s="10"/>
    </row>
    <row r="604574" spans="14:14">
      <c r="N604574" s="10"/>
    </row>
    <row r="604575" spans="14:14">
      <c r="N604575" s="10"/>
    </row>
    <row r="604576" spans="14:14">
      <c r="N604576" s="10"/>
    </row>
    <row r="604577" spans="14:14">
      <c r="N604577" s="10"/>
    </row>
    <row r="604578" spans="14:14">
      <c r="N604578" s="10"/>
    </row>
    <row r="604579" spans="14:14">
      <c r="N604579" s="10"/>
    </row>
    <row r="604580" spans="14:14">
      <c r="N604580" s="10"/>
    </row>
    <row r="604581" spans="14:14">
      <c r="N604581" s="10"/>
    </row>
    <row r="604582" spans="14:14">
      <c r="N604582" s="10"/>
    </row>
    <row r="604583" spans="14:14">
      <c r="N604583" s="10"/>
    </row>
    <row r="604584" spans="14:14">
      <c r="N604584" s="10"/>
    </row>
    <row r="604585" spans="14:14">
      <c r="N604585" s="10"/>
    </row>
    <row r="604586" spans="14:14">
      <c r="N604586" s="10"/>
    </row>
    <row r="604587" spans="14:14">
      <c r="N604587" s="10"/>
    </row>
    <row r="604588" spans="14:14">
      <c r="N604588" s="10"/>
    </row>
    <row r="604589" spans="14:14">
      <c r="N604589" s="10"/>
    </row>
    <row r="604590" spans="14:14">
      <c r="N604590" s="10"/>
    </row>
    <row r="604591" spans="14:14">
      <c r="N604591" s="10"/>
    </row>
    <row r="604592" spans="14:14">
      <c r="N604592" s="10"/>
    </row>
    <row r="604593" spans="14:14">
      <c r="N604593" s="10"/>
    </row>
    <row r="604594" spans="14:14">
      <c r="N604594" s="10"/>
    </row>
    <row r="604595" spans="14:14">
      <c r="N604595" s="10"/>
    </row>
    <row r="604596" spans="14:14">
      <c r="N604596" s="10"/>
    </row>
    <row r="604597" spans="14:14">
      <c r="N604597" s="10"/>
    </row>
    <row r="604598" spans="14:14">
      <c r="N604598" s="10"/>
    </row>
    <row r="604599" spans="14:14">
      <c r="N604599" s="10"/>
    </row>
    <row r="604600" spans="14:14">
      <c r="N604600" s="10"/>
    </row>
    <row r="604601" spans="14:14">
      <c r="N604601" s="10"/>
    </row>
    <row r="604602" spans="14:14">
      <c r="N604602" s="10"/>
    </row>
    <row r="604603" spans="14:14">
      <c r="N604603" s="10"/>
    </row>
    <row r="604604" spans="14:14">
      <c r="N604604" s="10"/>
    </row>
    <row r="604605" spans="14:14">
      <c r="N604605" s="10"/>
    </row>
    <row r="604606" spans="14:14">
      <c r="N604606" s="10"/>
    </row>
    <row r="604607" spans="14:14">
      <c r="N604607" s="10"/>
    </row>
    <row r="604608" spans="14:14">
      <c r="N604608" s="10"/>
    </row>
    <row r="604609" spans="14:14">
      <c r="N604609" s="10"/>
    </row>
    <row r="604610" spans="14:14">
      <c r="N604610" s="10"/>
    </row>
    <row r="604611" spans="14:14">
      <c r="N604611" s="10"/>
    </row>
    <row r="604612" spans="14:14">
      <c r="N604612" s="10"/>
    </row>
    <row r="604613" spans="14:14">
      <c r="N604613" s="10"/>
    </row>
    <row r="604614" spans="14:14">
      <c r="N604614" s="10"/>
    </row>
    <row r="604615" spans="14:14">
      <c r="N604615" s="10"/>
    </row>
    <row r="604616" spans="14:14">
      <c r="N604616" s="10"/>
    </row>
    <row r="604617" spans="14:14">
      <c r="N604617" s="10"/>
    </row>
    <row r="604618" spans="14:14">
      <c r="N604618" s="10"/>
    </row>
    <row r="604619" spans="14:14">
      <c r="N604619" s="10"/>
    </row>
    <row r="604620" spans="14:14">
      <c r="N604620" s="10"/>
    </row>
    <row r="604621" spans="14:14">
      <c r="N604621" s="10"/>
    </row>
    <row r="604622" spans="14:14">
      <c r="N604622" s="10"/>
    </row>
    <row r="604623" spans="14:14">
      <c r="N604623" s="10"/>
    </row>
    <row r="604624" spans="14:14">
      <c r="N604624" s="10"/>
    </row>
    <row r="604625" spans="14:14">
      <c r="N604625" s="10"/>
    </row>
    <row r="604626" spans="14:14">
      <c r="N604626" s="10"/>
    </row>
    <row r="604627" spans="14:14">
      <c r="N604627" s="10"/>
    </row>
    <row r="604628" spans="14:14">
      <c r="N604628" s="10"/>
    </row>
    <row r="604629" spans="14:14">
      <c r="N604629" s="10"/>
    </row>
    <row r="604630" spans="14:14">
      <c r="N604630" s="10"/>
    </row>
    <row r="604631" spans="14:14">
      <c r="N604631" s="10"/>
    </row>
    <row r="604632" spans="14:14">
      <c r="N604632" s="10"/>
    </row>
    <row r="604633" spans="14:14">
      <c r="N604633" s="10"/>
    </row>
    <row r="604634" spans="14:14">
      <c r="N604634" s="10"/>
    </row>
    <row r="604635" spans="14:14">
      <c r="N604635" s="10"/>
    </row>
    <row r="604636" spans="14:14">
      <c r="N604636" s="10"/>
    </row>
    <row r="604637" spans="14:14">
      <c r="N604637" s="10"/>
    </row>
    <row r="604638" spans="14:14">
      <c r="N604638" s="10"/>
    </row>
    <row r="604639" spans="14:14">
      <c r="N604639" s="10"/>
    </row>
    <row r="604640" spans="14:14">
      <c r="N604640" s="10"/>
    </row>
    <row r="604641" spans="14:14">
      <c r="N604641" s="10"/>
    </row>
    <row r="604642" spans="14:14">
      <c r="N604642" s="10"/>
    </row>
    <row r="604643" spans="14:14">
      <c r="N604643" s="10"/>
    </row>
    <row r="604644" spans="14:14">
      <c r="N604644" s="10"/>
    </row>
    <row r="604645" spans="14:14">
      <c r="N604645" s="10"/>
    </row>
    <row r="604646" spans="14:14">
      <c r="N604646" s="10"/>
    </row>
    <row r="604647" spans="14:14">
      <c r="N604647" s="10"/>
    </row>
    <row r="604648" spans="14:14">
      <c r="N604648" s="10"/>
    </row>
    <row r="604649" spans="14:14">
      <c r="N604649" s="10"/>
    </row>
    <row r="604650" spans="14:14">
      <c r="N604650" s="10"/>
    </row>
    <row r="604651" spans="14:14">
      <c r="N604651" s="10"/>
    </row>
    <row r="604652" spans="14:14">
      <c r="N604652" s="10"/>
    </row>
    <row r="604653" spans="14:14">
      <c r="N604653" s="10"/>
    </row>
    <row r="604654" spans="14:14">
      <c r="N604654" s="10"/>
    </row>
    <row r="604655" spans="14:14">
      <c r="N604655" s="10"/>
    </row>
    <row r="604656" spans="14:14">
      <c r="N604656" s="10"/>
    </row>
    <row r="604657" spans="14:14">
      <c r="N604657" s="10"/>
    </row>
    <row r="604658" spans="14:14">
      <c r="N604658" s="10"/>
    </row>
    <row r="604659" spans="14:14">
      <c r="N604659" s="10"/>
    </row>
    <row r="604660" spans="14:14">
      <c r="N604660" s="10"/>
    </row>
    <row r="604661" spans="14:14">
      <c r="N604661" s="10"/>
    </row>
    <row r="604662" spans="14:14">
      <c r="N604662" s="10"/>
    </row>
    <row r="604663" spans="14:14">
      <c r="N604663" s="10"/>
    </row>
    <row r="604664" spans="14:14">
      <c r="N604664" s="10"/>
    </row>
    <row r="604665" spans="14:14">
      <c r="N604665" s="10"/>
    </row>
    <row r="604666" spans="14:14">
      <c r="N604666" s="10"/>
    </row>
    <row r="604667" spans="14:14">
      <c r="N604667" s="10"/>
    </row>
    <row r="604668" spans="14:14">
      <c r="N604668" s="10"/>
    </row>
    <row r="604669" spans="14:14">
      <c r="N604669" s="10"/>
    </row>
    <row r="604670" spans="14:14">
      <c r="N604670" s="10"/>
    </row>
    <row r="604671" spans="14:14">
      <c r="N604671" s="10"/>
    </row>
    <row r="604672" spans="14:14">
      <c r="N604672" s="10"/>
    </row>
    <row r="604673" spans="14:14">
      <c r="N604673" s="10"/>
    </row>
    <row r="604674" spans="14:14">
      <c r="N604674" s="10"/>
    </row>
    <row r="604675" spans="14:14">
      <c r="N604675" s="10"/>
    </row>
    <row r="604676" spans="14:14">
      <c r="N604676" s="10"/>
    </row>
    <row r="604677" spans="14:14">
      <c r="N604677" s="10"/>
    </row>
    <row r="604678" spans="14:14">
      <c r="N604678" s="10"/>
    </row>
    <row r="604679" spans="14:14">
      <c r="N604679" s="10"/>
    </row>
    <row r="604680" spans="14:14">
      <c r="N604680" s="10"/>
    </row>
    <row r="604681" spans="14:14">
      <c r="N604681" s="10"/>
    </row>
    <row r="604682" spans="14:14">
      <c r="N604682" s="10"/>
    </row>
    <row r="604683" spans="14:14">
      <c r="N604683" s="10"/>
    </row>
    <row r="604684" spans="14:14">
      <c r="N604684" s="10"/>
    </row>
    <row r="604685" spans="14:14">
      <c r="N604685" s="10"/>
    </row>
    <row r="604686" spans="14:14">
      <c r="N604686" s="10"/>
    </row>
    <row r="604687" spans="14:14">
      <c r="N604687" s="10"/>
    </row>
    <row r="604688" spans="14:14">
      <c r="N604688" s="10"/>
    </row>
    <row r="604689" spans="14:14">
      <c r="N604689" s="10"/>
    </row>
    <row r="604690" spans="14:14">
      <c r="N604690" s="10"/>
    </row>
    <row r="604691" spans="14:14">
      <c r="N604691" s="10"/>
    </row>
    <row r="604692" spans="14:14">
      <c r="N604692" s="10"/>
    </row>
    <row r="604693" spans="14:14">
      <c r="N604693" s="10"/>
    </row>
    <row r="604694" spans="14:14">
      <c r="N604694" s="10"/>
    </row>
    <row r="604695" spans="14:14">
      <c r="N604695" s="10"/>
    </row>
    <row r="604696" spans="14:14">
      <c r="N604696" s="10"/>
    </row>
    <row r="604697" spans="14:14">
      <c r="N604697" s="10"/>
    </row>
    <row r="604698" spans="14:14">
      <c r="N604698" s="10"/>
    </row>
    <row r="604699" spans="14:14">
      <c r="N604699" s="10"/>
    </row>
    <row r="604700" spans="14:14">
      <c r="N604700" s="10"/>
    </row>
    <row r="604701" spans="14:14">
      <c r="N604701" s="10"/>
    </row>
    <row r="604702" spans="14:14">
      <c r="N604702" s="10"/>
    </row>
    <row r="604703" spans="14:14">
      <c r="N604703" s="10"/>
    </row>
    <row r="604704" spans="14:14">
      <c r="N604704" s="10"/>
    </row>
    <row r="604705" spans="14:14">
      <c r="N604705" s="10"/>
    </row>
    <row r="604706" spans="14:14">
      <c r="N604706" s="10"/>
    </row>
    <row r="604707" spans="14:14">
      <c r="N604707" s="10"/>
    </row>
    <row r="604708" spans="14:14">
      <c r="N604708" s="10"/>
    </row>
    <row r="604709" spans="14:14">
      <c r="N604709" s="10"/>
    </row>
    <row r="604710" spans="14:14">
      <c r="N604710" s="10"/>
    </row>
    <row r="604711" spans="14:14">
      <c r="N604711" s="10"/>
    </row>
    <row r="604712" spans="14:14">
      <c r="N604712" s="10"/>
    </row>
    <row r="604713" spans="14:14">
      <c r="N604713" s="10"/>
    </row>
    <row r="604714" spans="14:14">
      <c r="N604714" s="10"/>
    </row>
    <row r="604715" spans="14:14">
      <c r="N604715" s="10"/>
    </row>
    <row r="604716" spans="14:14">
      <c r="N604716" s="10"/>
    </row>
    <row r="604717" spans="14:14">
      <c r="N604717" s="10"/>
    </row>
    <row r="604718" spans="14:14">
      <c r="N604718" s="10"/>
    </row>
    <row r="604719" spans="14:14">
      <c r="N604719" s="10"/>
    </row>
    <row r="604720" spans="14:14">
      <c r="N604720" s="10"/>
    </row>
    <row r="604721" spans="14:14">
      <c r="N604721" s="10"/>
    </row>
    <row r="604722" spans="14:14">
      <c r="N604722" s="10"/>
    </row>
    <row r="604723" spans="14:14">
      <c r="N604723" s="10"/>
    </row>
    <row r="604724" spans="14:14">
      <c r="N604724" s="10"/>
    </row>
    <row r="604725" spans="14:14">
      <c r="N604725" s="10"/>
    </row>
    <row r="604726" spans="14:14">
      <c r="N604726" s="10"/>
    </row>
    <row r="604727" spans="14:14">
      <c r="N604727" s="10"/>
    </row>
    <row r="604728" spans="14:14">
      <c r="N604728" s="10"/>
    </row>
    <row r="604729" spans="14:14">
      <c r="N604729" s="10"/>
    </row>
    <row r="604730" spans="14:14">
      <c r="N604730" s="10"/>
    </row>
    <row r="604731" spans="14:14">
      <c r="N604731" s="10"/>
    </row>
    <row r="604732" spans="14:14">
      <c r="N604732" s="10"/>
    </row>
    <row r="604733" spans="14:14">
      <c r="N604733" s="10"/>
    </row>
    <row r="604734" spans="14:14">
      <c r="N604734" s="10"/>
    </row>
    <row r="604735" spans="14:14">
      <c r="N604735" s="10"/>
    </row>
    <row r="604736" spans="14:14">
      <c r="N604736" s="10"/>
    </row>
    <row r="604737" spans="14:14">
      <c r="N604737" s="10"/>
    </row>
    <row r="604738" spans="14:14">
      <c r="N604738" s="10"/>
    </row>
    <row r="604739" spans="14:14">
      <c r="N604739" s="10"/>
    </row>
    <row r="604740" spans="14:14">
      <c r="N604740" s="10"/>
    </row>
    <row r="604741" spans="14:14">
      <c r="N604741" s="10"/>
    </row>
    <row r="604742" spans="14:14">
      <c r="N604742" s="10"/>
    </row>
    <row r="604743" spans="14:14">
      <c r="N604743" s="10"/>
    </row>
    <row r="604744" spans="14:14">
      <c r="N604744" s="10"/>
    </row>
    <row r="604745" spans="14:14">
      <c r="N604745" s="10"/>
    </row>
    <row r="604746" spans="14:14">
      <c r="N604746" s="10"/>
    </row>
    <row r="604747" spans="14:14">
      <c r="N604747" s="10"/>
    </row>
    <row r="604748" spans="14:14">
      <c r="N604748" s="10"/>
    </row>
    <row r="604749" spans="14:14">
      <c r="N604749" s="10"/>
    </row>
    <row r="604750" spans="14:14">
      <c r="N604750" s="10"/>
    </row>
    <row r="604751" spans="14:14">
      <c r="N604751" s="10"/>
    </row>
    <row r="604752" spans="14:14">
      <c r="N604752" s="10"/>
    </row>
    <row r="604753" spans="14:14">
      <c r="N604753" s="10"/>
    </row>
    <row r="604754" spans="14:14">
      <c r="N604754" s="10"/>
    </row>
    <row r="604755" spans="14:14">
      <c r="N604755" s="10"/>
    </row>
    <row r="604756" spans="14:14">
      <c r="N604756" s="10"/>
    </row>
    <row r="604757" spans="14:14">
      <c r="N604757" s="10"/>
    </row>
    <row r="604758" spans="14:14">
      <c r="N604758" s="10"/>
    </row>
    <row r="604759" spans="14:14">
      <c r="N604759" s="10"/>
    </row>
    <row r="604760" spans="14:14">
      <c r="N604760" s="10"/>
    </row>
    <row r="604761" spans="14:14">
      <c r="N604761" s="10"/>
    </row>
    <row r="604762" spans="14:14">
      <c r="N604762" s="10"/>
    </row>
    <row r="604763" spans="14:14">
      <c r="N604763" s="10"/>
    </row>
    <row r="604764" spans="14:14">
      <c r="N604764" s="10"/>
    </row>
    <row r="604765" spans="14:14">
      <c r="N604765" s="10"/>
    </row>
    <row r="604766" spans="14:14">
      <c r="N604766" s="10"/>
    </row>
    <row r="604767" spans="14:14">
      <c r="N604767" s="10"/>
    </row>
    <row r="604768" spans="14:14">
      <c r="N604768" s="10"/>
    </row>
    <row r="604769" spans="14:14">
      <c r="N604769" s="10"/>
    </row>
    <row r="604770" spans="14:14">
      <c r="N604770" s="10"/>
    </row>
    <row r="604771" spans="14:14">
      <c r="N604771" s="10"/>
    </row>
    <row r="604772" spans="14:14">
      <c r="N604772" s="10"/>
    </row>
    <row r="604773" spans="14:14">
      <c r="N604773" s="10"/>
    </row>
    <row r="604774" spans="14:14">
      <c r="N604774" s="10"/>
    </row>
    <row r="604775" spans="14:14">
      <c r="N604775" s="10"/>
    </row>
    <row r="604776" spans="14:14">
      <c r="N604776" s="10"/>
    </row>
    <row r="604777" spans="14:14">
      <c r="N604777" s="10"/>
    </row>
    <row r="604778" spans="14:14">
      <c r="N604778" s="10"/>
    </row>
    <row r="604779" spans="14:14">
      <c r="N604779" s="10"/>
    </row>
    <row r="604780" spans="14:14">
      <c r="N604780" s="10"/>
    </row>
    <row r="604781" spans="14:14">
      <c r="N604781" s="10"/>
    </row>
    <row r="604782" spans="14:14">
      <c r="N604782" s="10"/>
    </row>
    <row r="604783" spans="14:14">
      <c r="N604783" s="10"/>
    </row>
    <row r="604784" spans="14:14">
      <c r="N604784" s="10"/>
    </row>
    <row r="604785" spans="14:14">
      <c r="N604785" s="10"/>
    </row>
    <row r="604786" spans="14:14">
      <c r="N604786" s="10"/>
    </row>
    <row r="604787" spans="14:14">
      <c r="N604787" s="10"/>
    </row>
    <row r="604788" spans="14:14">
      <c r="N604788" s="10"/>
    </row>
    <row r="604789" spans="14:14">
      <c r="N604789" s="10"/>
    </row>
    <row r="604790" spans="14:14">
      <c r="N604790" s="10"/>
    </row>
    <row r="604791" spans="14:14">
      <c r="N604791" s="10"/>
    </row>
    <row r="604792" spans="14:14">
      <c r="N604792" s="10"/>
    </row>
    <row r="604793" spans="14:14">
      <c r="N604793" s="10"/>
    </row>
    <row r="604794" spans="14:14">
      <c r="N604794" s="10"/>
    </row>
    <row r="604795" spans="14:14">
      <c r="N604795" s="10"/>
    </row>
    <row r="604796" spans="14:14">
      <c r="N604796" s="10"/>
    </row>
    <row r="604797" spans="14:14">
      <c r="N604797" s="10"/>
    </row>
    <row r="604798" spans="14:14">
      <c r="N604798" s="10"/>
    </row>
    <row r="604799" spans="14:14">
      <c r="N604799" s="10"/>
    </row>
    <row r="604800" spans="14:14">
      <c r="N604800" s="10"/>
    </row>
    <row r="604801" spans="14:14">
      <c r="N604801" s="10"/>
    </row>
    <row r="604802" spans="14:14">
      <c r="N604802" s="10"/>
    </row>
    <row r="604803" spans="14:14">
      <c r="N604803" s="10"/>
    </row>
    <row r="604804" spans="14:14">
      <c r="N604804" s="10"/>
    </row>
    <row r="604805" spans="14:14">
      <c r="N604805" s="10"/>
    </row>
    <row r="604806" spans="14:14">
      <c r="N604806" s="10"/>
    </row>
    <row r="604807" spans="14:14">
      <c r="N604807" s="10"/>
    </row>
    <row r="604808" spans="14:14">
      <c r="N604808" s="10"/>
    </row>
    <row r="604809" spans="14:14">
      <c r="N604809" s="10"/>
    </row>
    <row r="604810" spans="14:14">
      <c r="N604810" s="10"/>
    </row>
    <row r="604811" spans="14:14">
      <c r="N604811" s="10"/>
    </row>
    <row r="604812" spans="14:14">
      <c r="N604812" s="10"/>
    </row>
    <row r="604813" spans="14:14">
      <c r="N604813" s="10"/>
    </row>
    <row r="604814" spans="14:14">
      <c r="N604814" s="10"/>
    </row>
    <row r="604815" spans="14:14">
      <c r="N604815" s="10"/>
    </row>
    <row r="604816" spans="14:14">
      <c r="N604816" s="10"/>
    </row>
    <row r="604817" spans="14:14">
      <c r="N604817" s="10"/>
    </row>
    <row r="604818" spans="14:14">
      <c r="N604818" s="10"/>
    </row>
    <row r="604819" spans="14:14">
      <c r="N604819" s="10"/>
    </row>
    <row r="604820" spans="14:14">
      <c r="N604820" s="10"/>
    </row>
    <row r="604821" spans="14:14">
      <c r="N604821" s="10"/>
    </row>
    <row r="604822" spans="14:14">
      <c r="N604822" s="10"/>
    </row>
    <row r="604823" spans="14:14">
      <c r="N604823" s="10"/>
    </row>
    <row r="604824" spans="14:14">
      <c r="N604824" s="10"/>
    </row>
    <row r="604825" spans="14:14">
      <c r="N604825" s="10"/>
    </row>
    <row r="604826" spans="14:14">
      <c r="N604826" s="10"/>
    </row>
    <row r="604827" spans="14:14">
      <c r="N604827" s="10"/>
    </row>
    <row r="604828" spans="14:14">
      <c r="N604828" s="10"/>
    </row>
    <row r="604829" spans="14:14">
      <c r="N604829" s="10"/>
    </row>
    <row r="604830" spans="14:14">
      <c r="N604830" s="10"/>
    </row>
    <row r="604831" spans="14:14">
      <c r="N604831" s="10"/>
    </row>
    <row r="604832" spans="14:14">
      <c r="N604832" s="10"/>
    </row>
    <row r="604833" spans="14:14">
      <c r="N604833" s="10"/>
    </row>
    <row r="604834" spans="14:14">
      <c r="N604834" s="10"/>
    </row>
    <row r="604835" spans="14:14">
      <c r="N604835" s="10"/>
    </row>
    <row r="604836" spans="14:14">
      <c r="N604836" s="10"/>
    </row>
    <row r="604837" spans="14:14">
      <c r="N604837" s="10"/>
    </row>
    <row r="604838" spans="14:14">
      <c r="N604838" s="10"/>
    </row>
    <row r="604839" spans="14:14">
      <c r="N604839" s="10"/>
    </row>
    <row r="604840" spans="14:14">
      <c r="N604840" s="10"/>
    </row>
    <row r="604841" spans="14:14">
      <c r="N604841" s="10"/>
    </row>
    <row r="604842" spans="14:14">
      <c r="N604842" s="10"/>
    </row>
    <row r="604843" spans="14:14">
      <c r="N604843" s="10"/>
    </row>
    <row r="604844" spans="14:14">
      <c r="N604844" s="10"/>
    </row>
    <row r="604845" spans="14:14">
      <c r="N604845" s="10"/>
    </row>
    <row r="604846" spans="14:14">
      <c r="N604846" s="10"/>
    </row>
    <row r="604847" spans="14:14">
      <c r="N604847" s="10"/>
    </row>
    <row r="604848" spans="14:14">
      <c r="N604848" s="10"/>
    </row>
    <row r="604849" spans="14:14">
      <c r="N604849" s="10"/>
    </row>
    <row r="604850" spans="14:14">
      <c r="N604850" s="10"/>
    </row>
    <row r="604851" spans="14:14">
      <c r="N604851" s="10"/>
    </row>
    <row r="604852" spans="14:14">
      <c r="N604852" s="10"/>
    </row>
    <row r="604853" spans="14:14">
      <c r="N604853" s="10"/>
    </row>
    <row r="604854" spans="14:14">
      <c r="N604854" s="10"/>
    </row>
    <row r="604855" spans="14:14">
      <c r="N604855" s="10"/>
    </row>
    <row r="604856" spans="14:14">
      <c r="N604856" s="10"/>
    </row>
    <row r="604857" spans="14:14">
      <c r="N604857" s="10"/>
    </row>
    <row r="604858" spans="14:14">
      <c r="N604858" s="10"/>
    </row>
    <row r="604859" spans="14:14">
      <c r="N604859" s="10"/>
    </row>
    <row r="604860" spans="14:14">
      <c r="N604860" s="10"/>
    </row>
    <row r="604861" spans="14:14">
      <c r="N604861" s="10"/>
    </row>
    <row r="604862" spans="14:14">
      <c r="N604862" s="10"/>
    </row>
    <row r="604863" spans="14:14">
      <c r="N604863" s="10"/>
    </row>
    <row r="604864" spans="14:14">
      <c r="N604864" s="10"/>
    </row>
    <row r="604865" spans="14:14">
      <c r="N604865" s="10"/>
    </row>
    <row r="604866" spans="14:14">
      <c r="N604866" s="10"/>
    </row>
    <row r="604867" spans="14:14">
      <c r="N604867" s="10"/>
    </row>
    <row r="604868" spans="14:14">
      <c r="N604868" s="10"/>
    </row>
    <row r="604869" spans="14:14">
      <c r="N604869" s="10"/>
    </row>
    <row r="604870" spans="14:14">
      <c r="N604870" s="10"/>
    </row>
    <row r="604871" spans="14:14">
      <c r="N604871" s="10"/>
    </row>
    <row r="604872" spans="14:14">
      <c r="N604872" s="10"/>
    </row>
    <row r="604873" spans="14:14">
      <c r="N604873" s="10"/>
    </row>
    <row r="604874" spans="14:14">
      <c r="N604874" s="10"/>
    </row>
    <row r="604875" spans="14:14">
      <c r="N604875" s="10"/>
    </row>
    <row r="604876" spans="14:14">
      <c r="N604876" s="10"/>
    </row>
    <row r="604877" spans="14:14">
      <c r="N604877" s="10"/>
    </row>
    <row r="604878" spans="14:14">
      <c r="N604878" s="10"/>
    </row>
    <row r="604879" spans="14:14">
      <c r="N604879" s="10"/>
    </row>
    <row r="604880" spans="14:14">
      <c r="N604880" s="10"/>
    </row>
    <row r="604881" spans="14:14">
      <c r="N604881" s="10"/>
    </row>
    <row r="604882" spans="14:14">
      <c r="N604882" s="10"/>
    </row>
    <row r="604883" spans="14:14">
      <c r="N604883" s="10"/>
    </row>
    <row r="604884" spans="14:14">
      <c r="N604884" s="10"/>
    </row>
    <row r="604885" spans="14:14">
      <c r="N604885" s="10"/>
    </row>
    <row r="604886" spans="14:14">
      <c r="N604886" s="10"/>
    </row>
    <row r="604887" spans="14:14">
      <c r="N604887" s="10"/>
    </row>
    <row r="604888" spans="14:14">
      <c r="N604888" s="10"/>
    </row>
    <row r="604889" spans="14:14">
      <c r="N604889" s="10"/>
    </row>
    <row r="604890" spans="14:14">
      <c r="N604890" s="10"/>
    </row>
    <row r="604891" spans="14:14">
      <c r="N604891" s="10"/>
    </row>
    <row r="604892" spans="14:14">
      <c r="N604892" s="10"/>
    </row>
    <row r="604893" spans="14:14">
      <c r="N604893" s="10"/>
    </row>
    <row r="604894" spans="14:14">
      <c r="N604894" s="10"/>
    </row>
    <row r="604895" spans="14:14">
      <c r="N604895" s="10"/>
    </row>
    <row r="604896" spans="14:14">
      <c r="N604896" s="10"/>
    </row>
    <row r="604897" spans="14:14">
      <c r="N604897" s="10"/>
    </row>
    <row r="604898" spans="14:14">
      <c r="N604898" s="10"/>
    </row>
    <row r="604899" spans="14:14">
      <c r="N604899" s="10"/>
    </row>
    <row r="604900" spans="14:14">
      <c r="N604900" s="10"/>
    </row>
    <row r="604901" spans="14:14">
      <c r="N604901" s="10"/>
    </row>
    <row r="604902" spans="14:14">
      <c r="N604902" s="10"/>
    </row>
    <row r="604903" spans="14:14">
      <c r="N604903" s="10"/>
    </row>
    <row r="604904" spans="14:14">
      <c r="N604904" s="10"/>
    </row>
    <row r="604905" spans="14:14">
      <c r="N604905" s="10"/>
    </row>
    <row r="604906" spans="14:14">
      <c r="N604906" s="10"/>
    </row>
    <row r="604907" spans="14:14">
      <c r="N604907" s="10"/>
    </row>
    <row r="604908" spans="14:14">
      <c r="N604908" s="10"/>
    </row>
    <row r="604909" spans="14:14">
      <c r="N604909" s="10"/>
    </row>
    <row r="604910" spans="14:14">
      <c r="N604910" s="10"/>
    </row>
    <row r="604911" spans="14:14">
      <c r="N604911" s="10"/>
    </row>
    <row r="604912" spans="14:14">
      <c r="N604912" s="10"/>
    </row>
    <row r="604913" spans="14:14">
      <c r="N604913" s="10"/>
    </row>
    <row r="604914" spans="14:14">
      <c r="N604914" s="10"/>
    </row>
    <row r="604915" spans="14:14">
      <c r="N604915" s="10"/>
    </row>
    <row r="604916" spans="14:14">
      <c r="N604916" s="10"/>
    </row>
    <row r="604917" spans="14:14">
      <c r="N604917" s="10"/>
    </row>
    <row r="604918" spans="14:14">
      <c r="N604918" s="10"/>
    </row>
    <row r="604919" spans="14:14">
      <c r="N604919" s="10"/>
    </row>
    <row r="604920" spans="14:14">
      <c r="N604920" s="10"/>
    </row>
    <row r="604921" spans="14:14">
      <c r="N604921" s="10"/>
    </row>
    <row r="604922" spans="14:14">
      <c r="N604922" s="10"/>
    </row>
    <row r="604923" spans="14:14">
      <c r="N604923" s="10"/>
    </row>
    <row r="604924" spans="14:14">
      <c r="N604924" s="10"/>
    </row>
    <row r="604925" spans="14:14">
      <c r="N604925" s="10"/>
    </row>
    <row r="604926" spans="14:14">
      <c r="N604926" s="10"/>
    </row>
    <row r="604927" spans="14:14">
      <c r="N604927" s="10"/>
    </row>
    <row r="604928" spans="14:14">
      <c r="N604928" s="10"/>
    </row>
    <row r="604929" spans="14:14">
      <c r="N604929" s="10"/>
    </row>
    <row r="604930" spans="14:14">
      <c r="N604930" s="10"/>
    </row>
    <row r="604931" spans="14:14">
      <c r="N604931" s="10"/>
    </row>
    <row r="604932" spans="14:14">
      <c r="N604932" s="10"/>
    </row>
    <row r="604933" spans="14:14">
      <c r="N604933" s="10"/>
    </row>
    <row r="604934" spans="14:14">
      <c r="N604934" s="10"/>
    </row>
    <row r="604935" spans="14:14">
      <c r="N604935" s="10"/>
    </row>
    <row r="604936" spans="14:14">
      <c r="N604936" s="10"/>
    </row>
    <row r="604937" spans="14:14">
      <c r="N604937" s="10"/>
    </row>
    <row r="604938" spans="14:14">
      <c r="N604938" s="10"/>
    </row>
    <row r="604939" spans="14:14">
      <c r="N604939" s="10"/>
    </row>
    <row r="604940" spans="14:14">
      <c r="N604940" s="10"/>
    </row>
    <row r="604941" spans="14:14">
      <c r="N604941" s="10"/>
    </row>
    <row r="604942" spans="14:14">
      <c r="N604942" s="10"/>
    </row>
    <row r="604943" spans="14:14">
      <c r="N604943" s="10"/>
    </row>
    <row r="604944" spans="14:14">
      <c r="N604944" s="10"/>
    </row>
    <row r="604945" spans="14:14">
      <c r="N604945" s="10"/>
    </row>
    <row r="604946" spans="14:14">
      <c r="N604946" s="10"/>
    </row>
    <row r="604947" spans="14:14">
      <c r="N604947" s="10"/>
    </row>
    <row r="604948" spans="14:14">
      <c r="N604948" s="10"/>
    </row>
    <row r="604949" spans="14:14">
      <c r="N604949" s="10"/>
    </row>
    <row r="604950" spans="14:14">
      <c r="N604950" s="10"/>
    </row>
    <row r="604951" spans="14:14">
      <c r="N604951" s="10"/>
    </row>
    <row r="604952" spans="14:14">
      <c r="N604952" s="10"/>
    </row>
    <row r="604953" spans="14:14">
      <c r="N604953" s="10"/>
    </row>
    <row r="604954" spans="14:14">
      <c r="N604954" s="10"/>
    </row>
    <row r="604955" spans="14:14">
      <c r="N604955" s="10"/>
    </row>
    <row r="604956" spans="14:14">
      <c r="N604956" s="10"/>
    </row>
    <row r="604957" spans="14:14">
      <c r="N604957" s="10"/>
    </row>
    <row r="604958" spans="14:14">
      <c r="N604958" s="10"/>
    </row>
    <row r="604959" spans="14:14">
      <c r="N604959" s="10"/>
    </row>
    <row r="604960" spans="14:14">
      <c r="N604960" s="10"/>
    </row>
    <row r="604961" spans="14:14">
      <c r="N604961" s="10"/>
    </row>
    <row r="604962" spans="14:14">
      <c r="N604962" s="10"/>
    </row>
    <row r="604963" spans="14:14">
      <c r="N604963" s="10"/>
    </row>
    <row r="604964" spans="14:14">
      <c r="N604964" s="10"/>
    </row>
    <row r="604965" spans="14:14">
      <c r="N604965" s="10"/>
    </row>
    <row r="604966" spans="14:14">
      <c r="N604966" s="10"/>
    </row>
    <row r="604967" spans="14:14">
      <c r="N604967" s="10"/>
    </row>
    <row r="604968" spans="14:14">
      <c r="N604968" s="10"/>
    </row>
    <row r="604969" spans="14:14">
      <c r="N604969" s="10"/>
    </row>
    <row r="604970" spans="14:14">
      <c r="N604970" s="10"/>
    </row>
    <row r="604971" spans="14:14">
      <c r="N604971" s="10"/>
    </row>
    <row r="604972" spans="14:14">
      <c r="N604972" s="10"/>
    </row>
    <row r="604973" spans="14:14">
      <c r="N604973" s="10"/>
    </row>
    <row r="604974" spans="14:14">
      <c r="N604974" s="10"/>
    </row>
    <row r="604975" spans="14:14">
      <c r="N604975" s="10"/>
    </row>
    <row r="604976" spans="14:14">
      <c r="N604976" s="10"/>
    </row>
    <row r="604977" spans="14:14">
      <c r="N604977" s="10"/>
    </row>
    <row r="604978" spans="14:14">
      <c r="N604978" s="10"/>
    </row>
    <row r="604979" spans="14:14">
      <c r="N604979" s="10"/>
    </row>
    <row r="604980" spans="14:14">
      <c r="N604980" s="10"/>
    </row>
    <row r="604981" spans="14:14">
      <c r="N604981" s="10"/>
    </row>
    <row r="604982" spans="14:14">
      <c r="N604982" s="10"/>
    </row>
    <row r="604983" spans="14:14">
      <c r="N604983" s="10"/>
    </row>
    <row r="604984" spans="14:14">
      <c r="N604984" s="10"/>
    </row>
    <row r="604985" spans="14:14">
      <c r="N604985" s="10"/>
    </row>
    <row r="604986" spans="14:14">
      <c r="N604986" s="10"/>
    </row>
    <row r="604987" spans="14:14">
      <c r="N604987" s="10"/>
    </row>
    <row r="604988" spans="14:14">
      <c r="N604988" s="10"/>
    </row>
    <row r="604989" spans="14:14">
      <c r="N604989" s="10"/>
    </row>
    <row r="604990" spans="14:14">
      <c r="N604990" s="10"/>
    </row>
    <row r="604991" spans="14:14">
      <c r="N604991" s="10"/>
    </row>
    <row r="604992" spans="14:14">
      <c r="N604992" s="10"/>
    </row>
    <row r="604993" spans="14:14">
      <c r="N604993" s="10"/>
    </row>
    <row r="604994" spans="14:14">
      <c r="N604994" s="10"/>
    </row>
    <row r="604995" spans="14:14">
      <c r="N604995" s="10"/>
    </row>
    <row r="604996" spans="14:14">
      <c r="N604996" s="10"/>
    </row>
    <row r="604997" spans="14:14">
      <c r="N604997" s="10"/>
    </row>
    <row r="604998" spans="14:14">
      <c r="N604998" s="10"/>
    </row>
    <row r="604999" spans="14:14">
      <c r="N604999" s="10"/>
    </row>
    <row r="605000" spans="14:14">
      <c r="N605000" s="10"/>
    </row>
    <row r="605001" spans="14:14">
      <c r="N605001" s="10"/>
    </row>
    <row r="605002" spans="14:14">
      <c r="N605002" s="10"/>
    </row>
    <row r="605003" spans="14:14">
      <c r="N605003" s="10"/>
    </row>
    <row r="605004" spans="14:14">
      <c r="N605004" s="10"/>
    </row>
    <row r="605005" spans="14:14">
      <c r="N605005" s="10"/>
    </row>
    <row r="605006" spans="14:14">
      <c r="N605006" s="10"/>
    </row>
    <row r="605007" spans="14:14">
      <c r="N605007" s="10"/>
    </row>
    <row r="605008" spans="14:14">
      <c r="N605008" s="10"/>
    </row>
    <row r="605009" spans="14:14">
      <c r="N605009" s="10"/>
    </row>
    <row r="605010" spans="14:14">
      <c r="N605010" s="10"/>
    </row>
    <row r="605011" spans="14:14">
      <c r="N605011" s="10"/>
    </row>
    <row r="605012" spans="14:14">
      <c r="N605012" s="10"/>
    </row>
    <row r="605013" spans="14:14">
      <c r="N605013" s="10"/>
    </row>
    <row r="605014" spans="14:14">
      <c r="N605014" s="10"/>
    </row>
    <row r="605015" spans="14:14">
      <c r="N605015" s="10"/>
    </row>
    <row r="605016" spans="14:14">
      <c r="N605016" s="10"/>
    </row>
    <row r="605017" spans="14:14">
      <c r="N605017" s="10"/>
    </row>
    <row r="605018" spans="14:14">
      <c r="N605018" s="10"/>
    </row>
    <row r="605019" spans="14:14">
      <c r="N605019" s="10"/>
    </row>
    <row r="605020" spans="14:14">
      <c r="N605020" s="10"/>
    </row>
    <row r="605021" spans="14:14">
      <c r="N605021" s="10"/>
    </row>
    <row r="605022" spans="14:14">
      <c r="N605022" s="10"/>
    </row>
    <row r="605023" spans="14:14">
      <c r="N605023" s="10"/>
    </row>
    <row r="605024" spans="14:14">
      <c r="N605024" s="10"/>
    </row>
    <row r="605025" spans="14:14">
      <c r="N605025" s="10"/>
    </row>
    <row r="605026" spans="14:14">
      <c r="N605026" s="10"/>
    </row>
    <row r="605027" spans="14:14">
      <c r="N605027" s="10"/>
    </row>
    <row r="605028" spans="14:14">
      <c r="N605028" s="10"/>
    </row>
    <row r="605029" spans="14:14">
      <c r="N605029" s="10"/>
    </row>
    <row r="605030" spans="14:14">
      <c r="N605030" s="10"/>
    </row>
    <row r="605031" spans="14:14">
      <c r="N605031" s="10"/>
    </row>
    <row r="605032" spans="14:14">
      <c r="N605032" s="10"/>
    </row>
    <row r="605033" spans="14:14">
      <c r="N605033" s="10"/>
    </row>
    <row r="605034" spans="14:14">
      <c r="N605034" s="10"/>
    </row>
    <row r="605035" spans="14:14">
      <c r="N605035" s="10"/>
    </row>
    <row r="605036" spans="14:14">
      <c r="N605036" s="10"/>
    </row>
    <row r="605037" spans="14:14">
      <c r="N605037" s="10"/>
    </row>
    <row r="605038" spans="14:14">
      <c r="N605038" s="10"/>
    </row>
    <row r="605039" spans="14:14">
      <c r="N605039" s="10"/>
    </row>
    <row r="605040" spans="14:14">
      <c r="N605040" s="10"/>
    </row>
    <row r="605041" spans="14:14">
      <c r="N605041" s="10"/>
    </row>
    <row r="605042" spans="14:14">
      <c r="N605042" s="10"/>
    </row>
    <row r="605043" spans="14:14">
      <c r="N605043" s="10"/>
    </row>
    <row r="605044" spans="14:14">
      <c r="N605044" s="10"/>
    </row>
    <row r="605045" spans="14:14">
      <c r="N605045" s="10"/>
    </row>
    <row r="605046" spans="14:14">
      <c r="N605046" s="10"/>
    </row>
    <row r="605047" spans="14:14">
      <c r="N605047" s="10"/>
    </row>
    <row r="605048" spans="14:14">
      <c r="N605048" s="10"/>
    </row>
    <row r="605049" spans="14:14">
      <c r="N605049" s="10"/>
    </row>
    <row r="605050" spans="14:14">
      <c r="N605050" s="10"/>
    </row>
    <row r="605051" spans="14:14">
      <c r="N605051" s="10"/>
    </row>
    <row r="605052" spans="14:14">
      <c r="N605052" s="10"/>
    </row>
    <row r="605053" spans="14:14">
      <c r="N605053" s="10"/>
    </row>
    <row r="605054" spans="14:14">
      <c r="N605054" s="10"/>
    </row>
    <row r="605055" spans="14:14">
      <c r="N605055" s="10"/>
    </row>
    <row r="605056" spans="14:14">
      <c r="N605056" s="10"/>
    </row>
    <row r="605057" spans="14:14">
      <c r="N605057" s="10"/>
    </row>
    <row r="605058" spans="14:14">
      <c r="N605058" s="10"/>
    </row>
    <row r="605059" spans="14:14">
      <c r="N605059" s="10"/>
    </row>
    <row r="605060" spans="14:14">
      <c r="N605060" s="10"/>
    </row>
    <row r="605061" spans="14:14">
      <c r="N605061" s="10"/>
    </row>
    <row r="605062" spans="14:14">
      <c r="N605062" s="10"/>
    </row>
    <row r="605063" spans="14:14">
      <c r="N605063" s="10"/>
    </row>
    <row r="605064" spans="14:14">
      <c r="N605064" s="10"/>
    </row>
    <row r="605065" spans="14:14">
      <c r="N605065" s="10"/>
    </row>
    <row r="605066" spans="14:14">
      <c r="N605066" s="10"/>
    </row>
    <row r="605067" spans="14:14">
      <c r="N605067" s="10"/>
    </row>
    <row r="605068" spans="14:14">
      <c r="N605068" s="10"/>
    </row>
    <row r="605069" spans="14:14">
      <c r="N605069" s="10"/>
    </row>
    <row r="605070" spans="14:14">
      <c r="N605070" s="10"/>
    </row>
    <row r="605071" spans="14:14">
      <c r="N605071" s="10"/>
    </row>
    <row r="605072" spans="14:14">
      <c r="N605072" s="10"/>
    </row>
    <row r="605073" spans="14:14">
      <c r="N605073" s="10"/>
    </row>
    <row r="605074" spans="14:14">
      <c r="N605074" s="10"/>
    </row>
    <row r="605075" spans="14:14">
      <c r="N605075" s="10"/>
    </row>
    <row r="605076" spans="14:14">
      <c r="N605076" s="10"/>
    </row>
    <row r="605077" spans="14:14">
      <c r="N605077" s="10"/>
    </row>
    <row r="605078" spans="14:14">
      <c r="N605078" s="10"/>
    </row>
    <row r="605079" spans="14:14">
      <c r="N605079" s="10"/>
    </row>
    <row r="605080" spans="14:14">
      <c r="N605080" s="10"/>
    </row>
    <row r="605081" spans="14:14">
      <c r="N605081" s="10"/>
    </row>
    <row r="605082" spans="14:14">
      <c r="N605082" s="10"/>
    </row>
    <row r="605083" spans="14:14">
      <c r="N605083" s="10"/>
    </row>
    <row r="605084" spans="14:14">
      <c r="N605084" s="10"/>
    </row>
    <row r="605085" spans="14:14">
      <c r="N605085" s="10"/>
    </row>
    <row r="605086" spans="14:14">
      <c r="N605086" s="10"/>
    </row>
    <row r="605087" spans="14:14">
      <c r="N605087" s="10"/>
    </row>
    <row r="605088" spans="14:14">
      <c r="N605088" s="10"/>
    </row>
    <row r="605089" spans="14:14">
      <c r="N605089" s="10"/>
    </row>
    <row r="605090" spans="14:14">
      <c r="N605090" s="10"/>
    </row>
    <row r="605091" spans="14:14">
      <c r="N605091" s="10"/>
    </row>
    <row r="605092" spans="14:14">
      <c r="N605092" s="10"/>
    </row>
    <row r="605093" spans="14:14">
      <c r="N605093" s="10"/>
    </row>
    <row r="605094" spans="14:14">
      <c r="N605094" s="10"/>
    </row>
    <row r="605095" spans="14:14">
      <c r="N605095" s="10"/>
    </row>
    <row r="605096" spans="14:14">
      <c r="N605096" s="10"/>
    </row>
    <row r="605097" spans="14:14">
      <c r="N605097" s="10"/>
    </row>
    <row r="605098" spans="14:14">
      <c r="N605098" s="10"/>
    </row>
    <row r="605099" spans="14:14">
      <c r="N605099" s="10"/>
    </row>
    <row r="605100" spans="14:14">
      <c r="N605100" s="10"/>
    </row>
    <row r="605101" spans="14:14">
      <c r="N605101" s="10"/>
    </row>
    <row r="605102" spans="14:14">
      <c r="N605102" s="10"/>
    </row>
    <row r="605103" spans="14:14">
      <c r="N605103" s="10"/>
    </row>
    <row r="605104" spans="14:14">
      <c r="N605104" s="10"/>
    </row>
    <row r="605105" spans="14:14">
      <c r="N605105" s="10"/>
    </row>
    <row r="605106" spans="14:14">
      <c r="N605106" s="10"/>
    </row>
    <row r="605107" spans="14:14">
      <c r="N605107" s="10"/>
    </row>
    <row r="605108" spans="14:14">
      <c r="N605108" s="10"/>
    </row>
    <row r="605109" spans="14:14">
      <c r="N605109" s="10"/>
    </row>
    <row r="605110" spans="14:14">
      <c r="N605110" s="10"/>
    </row>
    <row r="605111" spans="14:14">
      <c r="N605111" s="10"/>
    </row>
    <row r="605112" spans="14:14">
      <c r="N605112" s="10"/>
    </row>
    <row r="605113" spans="14:14">
      <c r="N605113" s="10"/>
    </row>
    <row r="605114" spans="14:14">
      <c r="N605114" s="10"/>
    </row>
    <row r="605115" spans="14:14">
      <c r="N605115" s="10"/>
    </row>
    <row r="605116" spans="14:14">
      <c r="N605116" s="10"/>
    </row>
    <row r="605117" spans="14:14">
      <c r="N605117" s="10"/>
    </row>
    <row r="605118" spans="14:14">
      <c r="N605118" s="10"/>
    </row>
    <row r="605119" spans="14:14">
      <c r="N605119" s="10"/>
    </row>
    <row r="605120" spans="14:14">
      <c r="N605120" s="10"/>
    </row>
    <row r="605121" spans="14:14">
      <c r="N605121" s="10"/>
    </row>
    <row r="605122" spans="14:14">
      <c r="N605122" s="10"/>
    </row>
    <row r="605123" spans="14:14">
      <c r="N605123" s="10"/>
    </row>
    <row r="605124" spans="14:14">
      <c r="N605124" s="10"/>
    </row>
    <row r="605125" spans="14:14">
      <c r="N605125" s="10"/>
    </row>
    <row r="605126" spans="14:14">
      <c r="N605126" s="10"/>
    </row>
    <row r="605127" spans="14:14">
      <c r="N605127" s="10"/>
    </row>
    <row r="605128" spans="14:14">
      <c r="N605128" s="10"/>
    </row>
    <row r="605129" spans="14:14">
      <c r="N605129" s="10"/>
    </row>
    <row r="605130" spans="14:14">
      <c r="N605130" s="10"/>
    </row>
    <row r="605131" spans="14:14">
      <c r="N605131" s="10"/>
    </row>
    <row r="605132" spans="14:14">
      <c r="N605132" s="10"/>
    </row>
    <row r="605133" spans="14:14">
      <c r="N605133" s="10"/>
    </row>
    <row r="605134" spans="14:14">
      <c r="N605134" s="10"/>
    </row>
    <row r="605135" spans="14:14">
      <c r="N605135" s="10"/>
    </row>
    <row r="605136" spans="14:14">
      <c r="N605136" s="10"/>
    </row>
    <row r="605137" spans="14:14">
      <c r="N605137" s="10"/>
    </row>
    <row r="605138" spans="14:14">
      <c r="N605138" s="10"/>
    </row>
    <row r="605139" spans="14:14">
      <c r="N605139" s="10"/>
    </row>
    <row r="605140" spans="14:14">
      <c r="N605140" s="10"/>
    </row>
    <row r="605141" spans="14:14">
      <c r="N605141" s="10"/>
    </row>
    <row r="605142" spans="14:14">
      <c r="N605142" s="10"/>
    </row>
    <row r="605143" spans="14:14">
      <c r="N605143" s="10"/>
    </row>
    <row r="605144" spans="14:14">
      <c r="N605144" s="10"/>
    </row>
    <row r="605145" spans="14:14">
      <c r="N605145" s="10"/>
    </row>
    <row r="605146" spans="14:14">
      <c r="N605146" s="10"/>
    </row>
    <row r="605147" spans="14:14">
      <c r="N605147" s="10"/>
    </row>
    <row r="605148" spans="14:14">
      <c r="N605148" s="10"/>
    </row>
    <row r="605149" spans="14:14">
      <c r="N605149" s="10"/>
    </row>
    <row r="605150" spans="14:14">
      <c r="N605150" s="10"/>
    </row>
    <row r="605151" spans="14:14">
      <c r="N605151" s="10"/>
    </row>
    <row r="605152" spans="14:14">
      <c r="N605152" s="10"/>
    </row>
    <row r="605153" spans="14:14">
      <c r="N605153" s="10"/>
    </row>
    <row r="605154" spans="14:14">
      <c r="N605154" s="10"/>
    </row>
    <row r="605155" spans="14:14">
      <c r="N605155" s="10"/>
    </row>
    <row r="605156" spans="14:14">
      <c r="N605156" s="10"/>
    </row>
    <row r="605157" spans="14:14">
      <c r="N605157" s="10"/>
    </row>
    <row r="605158" spans="14:14">
      <c r="N605158" s="10"/>
    </row>
    <row r="605159" spans="14:14">
      <c r="N605159" s="10"/>
    </row>
    <row r="605160" spans="14:14">
      <c r="N605160" s="10"/>
    </row>
    <row r="605161" spans="14:14">
      <c r="N605161" s="10"/>
    </row>
    <row r="605162" spans="14:14">
      <c r="N605162" s="10"/>
    </row>
    <row r="605163" spans="14:14">
      <c r="N605163" s="10"/>
    </row>
    <row r="605164" spans="14:14">
      <c r="N605164" s="10"/>
    </row>
    <row r="605165" spans="14:14">
      <c r="N605165" s="10"/>
    </row>
    <row r="605166" spans="14:14">
      <c r="N605166" s="10"/>
    </row>
    <row r="605167" spans="14:14">
      <c r="N605167" s="10"/>
    </row>
    <row r="605168" spans="14:14">
      <c r="N605168" s="10"/>
    </row>
    <row r="605169" spans="14:14">
      <c r="N605169" s="10"/>
    </row>
    <row r="605170" spans="14:14">
      <c r="N605170" s="10"/>
    </row>
    <row r="605171" spans="14:14">
      <c r="N605171" s="10"/>
    </row>
    <row r="605172" spans="14:14">
      <c r="N605172" s="10"/>
    </row>
    <row r="605173" spans="14:14">
      <c r="N605173" s="10"/>
    </row>
    <row r="605174" spans="14:14">
      <c r="N605174" s="10"/>
    </row>
    <row r="605175" spans="14:14">
      <c r="N605175" s="10"/>
    </row>
    <row r="605176" spans="14:14">
      <c r="N605176" s="10"/>
    </row>
    <row r="605177" spans="14:14">
      <c r="N605177" s="10"/>
    </row>
    <row r="605178" spans="14:14">
      <c r="N605178" s="10"/>
    </row>
    <row r="605179" spans="14:14">
      <c r="N605179" s="10"/>
    </row>
    <row r="605180" spans="14:14">
      <c r="N605180" s="10"/>
    </row>
    <row r="605181" spans="14:14">
      <c r="N605181" s="10"/>
    </row>
    <row r="605182" spans="14:14">
      <c r="N605182" s="10"/>
    </row>
    <row r="605183" spans="14:14">
      <c r="N605183" s="10"/>
    </row>
    <row r="605184" spans="14:14">
      <c r="N605184" s="10"/>
    </row>
    <row r="605185" spans="14:14">
      <c r="N605185" s="10"/>
    </row>
    <row r="605186" spans="14:14">
      <c r="N605186" s="10"/>
    </row>
    <row r="605187" spans="14:14">
      <c r="N605187" s="10"/>
    </row>
    <row r="605188" spans="14:14">
      <c r="N605188" s="10"/>
    </row>
    <row r="605189" spans="14:14">
      <c r="N605189" s="10"/>
    </row>
    <row r="605190" spans="14:14">
      <c r="N605190" s="10"/>
    </row>
    <row r="605191" spans="14:14">
      <c r="N605191" s="10"/>
    </row>
    <row r="605192" spans="14:14">
      <c r="N605192" s="10"/>
    </row>
    <row r="605193" spans="14:14">
      <c r="N605193" s="10"/>
    </row>
    <row r="605194" spans="14:14">
      <c r="N605194" s="10"/>
    </row>
    <row r="605195" spans="14:14">
      <c r="N605195" s="10"/>
    </row>
    <row r="605196" spans="14:14">
      <c r="N605196" s="10"/>
    </row>
    <row r="605197" spans="14:14">
      <c r="N605197" s="10"/>
    </row>
    <row r="605198" spans="14:14">
      <c r="N605198" s="10"/>
    </row>
    <row r="605199" spans="14:14">
      <c r="N605199" s="10"/>
    </row>
    <row r="605200" spans="14:14">
      <c r="N605200" s="10"/>
    </row>
    <row r="605201" spans="14:14">
      <c r="N605201" s="10"/>
    </row>
    <row r="605202" spans="14:14">
      <c r="N605202" s="10"/>
    </row>
    <row r="605203" spans="14:14">
      <c r="N605203" s="10"/>
    </row>
    <row r="605204" spans="14:14">
      <c r="N605204" s="10"/>
    </row>
    <row r="605205" spans="14:14">
      <c r="N605205" s="10"/>
    </row>
    <row r="605206" spans="14:14">
      <c r="N605206" s="10"/>
    </row>
    <row r="605207" spans="14:14">
      <c r="N605207" s="10"/>
    </row>
    <row r="605208" spans="14:14">
      <c r="N605208" s="10"/>
    </row>
    <row r="605209" spans="14:14">
      <c r="N605209" s="10"/>
    </row>
    <row r="605210" spans="14:14">
      <c r="N605210" s="10"/>
    </row>
    <row r="605211" spans="14:14">
      <c r="N605211" s="10"/>
    </row>
    <row r="605212" spans="14:14">
      <c r="N605212" s="10"/>
    </row>
    <row r="605213" spans="14:14">
      <c r="N605213" s="10"/>
    </row>
    <row r="605214" spans="14:14">
      <c r="N605214" s="10"/>
    </row>
    <row r="605215" spans="14:14">
      <c r="N605215" s="10"/>
    </row>
    <row r="605216" spans="14:14">
      <c r="N605216" s="10"/>
    </row>
    <row r="605217" spans="14:14">
      <c r="N605217" s="10"/>
    </row>
    <row r="605218" spans="14:14">
      <c r="N605218" s="10"/>
    </row>
    <row r="605219" spans="14:14">
      <c r="N605219" s="10"/>
    </row>
    <row r="605220" spans="14:14">
      <c r="N605220" s="10"/>
    </row>
    <row r="605221" spans="14:14">
      <c r="N605221" s="10"/>
    </row>
    <row r="605222" spans="14:14">
      <c r="N605222" s="10"/>
    </row>
    <row r="605223" spans="14:14">
      <c r="N605223" s="10"/>
    </row>
    <row r="605224" spans="14:14">
      <c r="N605224" s="10"/>
    </row>
    <row r="605225" spans="14:14">
      <c r="N605225" s="10"/>
    </row>
    <row r="605226" spans="14:14">
      <c r="N605226" s="10"/>
    </row>
    <row r="605227" spans="14:14">
      <c r="N605227" s="10"/>
    </row>
    <row r="605228" spans="14:14">
      <c r="N605228" s="10"/>
    </row>
    <row r="605229" spans="14:14">
      <c r="N605229" s="10"/>
    </row>
    <row r="605230" spans="14:14">
      <c r="N605230" s="10"/>
    </row>
    <row r="605231" spans="14:14">
      <c r="N605231" s="10"/>
    </row>
    <row r="605232" spans="14:14">
      <c r="N605232" s="10"/>
    </row>
    <row r="605233" spans="14:14">
      <c r="N605233" s="10"/>
    </row>
    <row r="605234" spans="14:14">
      <c r="N605234" s="10"/>
    </row>
    <row r="605235" spans="14:14">
      <c r="N605235" s="10"/>
    </row>
    <row r="605236" spans="14:14">
      <c r="N605236" s="10"/>
    </row>
    <row r="605237" spans="14:14">
      <c r="N605237" s="10"/>
    </row>
    <row r="605238" spans="14:14">
      <c r="N605238" s="10"/>
    </row>
    <row r="605239" spans="14:14">
      <c r="N605239" s="10"/>
    </row>
    <row r="605240" spans="14:14">
      <c r="N605240" s="10"/>
    </row>
    <row r="605241" spans="14:14">
      <c r="N605241" s="10"/>
    </row>
    <row r="605242" spans="14:14">
      <c r="N605242" s="10"/>
    </row>
    <row r="605243" spans="14:14">
      <c r="N605243" s="10"/>
    </row>
    <row r="605244" spans="14:14">
      <c r="N605244" s="10"/>
    </row>
    <row r="605245" spans="14:14">
      <c r="N605245" s="10"/>
    </row>
    <row r="605246" spans="14:14">
      <c r="N605246" s="10"/>
    </row>
    <row r="605247" spans="14:14">
      <c r="N605247" s="10"/>
    </row>
    <row r="605248" spans="14:14">
      <c r="N605248" s="10"/>
    </row>
    <row r="605249" spans="14:14">
      <c r="N605249" s="10"/>
    </row>
    <row r="605250" spans="14:14">
      <c r="N605250" s="10"/>
    </row>
    <row r="605251" spans="14:14">
      <c r="N605251" s="10"/>
    </row>
    <row r="605252" spans="14:14">
      <c r="N605252" s="10"/>
    </row>
    <row r="605253" spans="14:14">
      <c r="N605253" s="10"/>
    </row>
    <row r="605254" spans="14:14">
      <c r="N605254" s="10"/>
    </row>
    <row r="605255" spans="14:14">
      <c r="N605255" s="10"/>
    </row>
    <row r="605256" spans="14:14">
      <c r="N605256" s="10"/>
    </row>
    <row r="605257" spans="14:14">
      <c r="N605257" s="10"/>
    </row>
    <row r="605258" spans="14:14">
      <c r="N605258" s="10"/>
    </row>
    <row r="605259" spans="14:14">
      <c r="N605259" s="10"/>
    </row>
    <row r="605260" spans="14:14">
      <c r="N605260" s="10"/>
    </row>
    <row r="605261" spans="14:14">
      <c r="N605261" s="10"/>
    </row>
    <row r="605262" spans="14:14">
      <c r="N605262" s="10"/>
    </row>
    <row r="605263" spans="14:14">
      <c r="N605263" s="10"/>
    </row>
    <row r="605264" spans="14:14">
      <c r="N605264" s="10"/>
    </row>
    <row r="605265" spans="14:14">
      <c r="N605265" s="10"/>
    </row>
    <row r="605266" spans="14:14">
      <c r="N605266" s="10"/>
    </row>
    <row r="605267" spans="14:14">
      <c r="N605267" s="10"/>
    </row>
    <row r="605268" spans="14:14">
      <c r="N605268" s="10"/>
    </row>
    <row r="605269" spans="14:14">
      <c r="N605269" s="10"/>
    </row>
    <row r="605270" spans="14:14">
      <c r="N605270" s="10"/>
    </row>
    <row r="605271" spans="14:14">
      <c r="N605271" s="10"/>
    </row>
    <row r="605272" spans="14:14">
      <c r="N605272" s="10"/>
    </row>
    <row r="605273" spans="14:14">
      <c r="N605273" s="10"/>
    </row>
    <row r="605274" spans="14:14">
      <c r="N605274" s="10"/>
    </row>
    <row r="605275" spans="14:14">
      <c r="N605275" s="10"/>
    </row>
    <row r="605276" spans="14:14">
      <c r="N605276" s="10"/>
    </row>
    <row r="605277" spans="14:14">
      <c r="N605277" s="10"/>
    </row>
    <row r="605278" spans="14:14">
      <c r="N605278" s="10"/>
    </row>
    <row r="605279" spans="14:14">
      <c r="N605279" s="10"/>
    </row>
    <row r="605280" spans="14:14">
      <c r="N605280" s="10"/>
    </row>
    <row r="605281" spans="14:14">
      <c r="N605281" s="10"/>
    </row>
    <row r="605282" spans="14:14">
      <c r="N605282" s="10"/>
    </row>
    <row r="605283" spans="14:14">
      <c r="N605283" s="10"/>
    </row>
    <row r="605284" spans="14:14">
      <c r="N605284" s="10"/>
    </row>
    <row r="605285" spans="14:14">
      <c r="N605285" s="10"/>
    </row>
    <row r="605286" spans="14:14">
      <c r="N605286" s="10"/>
    </row>
    <row r="605287" spans="14:14">
      <c r="N605287" s="10"/>
    </row>
    <row r="605288" spans="14:14">
      <c r="N605288" s="10"/>
    </row>
    <row r="605289" spans="14:14">
      <c r="N605289" s="10"/>
    </row>
    <row r="605290" spans="14:14">
      <c r="N605290" s="10"/>
    </row>
    <row r="605291" spans="14:14">
      <c r="N605291" s="10"/>
    </row>
    <row r="605292" spans="14:14">
      <c r="N605292" s="10"/>
    </row>
    <row r="605293" spans="14:14">
      <c r="N605293" s="10"/>
    </row>
    <row r="605294" spans="14:14">
      <c r="N605294" s="10"/>
    </row>
    <row r="605295" spans="14:14">
      <c r="N605295" s="10"/>
    </row>
    <row r="605296" spans="14:14">
      <c r="N605296" s="10"/>
    </row>
    <row r="605297" spans="14:14">
      <c r="N605297" s="10"/>
    </row>
    <row r="605298" spans="14:14">
      <c r="N605298" s="10"/>
    </row>
    <row r="605299" spans="14:14">
      <c r="N605299" s="10"/>
    </row>
    <row r="605300" spans="14:14">
      <c r="N605300" s="10"/>
    </row>
    <row r="605301" spans="14:14">
      <c r="N605301" s="10"/>
    </row>
    <row r="605302" spans="14:14">
      <c r="N605302" s="10"/>
    </row>
    <row r="605303" spans="14:14">
      <c r="N605303" s="10"/>
    </row>
    <row r="605304" spans="14:14">
      <c r="N605304" s="10"/>
    </row>
    <row r="605305" spans="14:14">
      <c r="N605305" s="10"/>
    </row>
    <row r="605306" spans="14:14">
      <c r="N605306" s="10"/>
    </row>
    <row r="605307" spans="14:14">
      <c r="N605307" s="10"/>
    </row>
    <row r="605308" spans="14:14">
      <c r="N605308" s="10"/>
    </row>
    <row r="605309" spans="14:14">
      <c r="N605309" s="10"/>
    </row>
    <row r="605310" spans="14:14">
      <c r="N605310" s="10"/>
    </row>
    <row r="605311" spans="14:14">
      <c r="N605311" s="10"/>
    </row>
    <row r="605312" spans="14:14">
      <c r="N605312" s="10"/>
    </row>
    <row r="605313" spans="14:14">
      <c r="N605313" s="10"/>
    </row>
    <row r="605314" spans="14:14">
      <c r="N605314" s="10"/>
    </row>
    <row r="605315" spans="14:14">
      <c r="N605315" s="10"/>
    </row>
    <row r="605316" spans="14:14">
      <c r="N605316" s="10"/>
    </row>
    <row r="605317" spans="14:14">
      <c r="N605317" s="10"/>
    </row>
    <row r="605318" spans="14:14">
      <c r="N605318" s="10"/>
    </row>
    <row r="605319" spans="14:14">
      <c r="N605319" s="10"/>
    </row>
    <row r="605320" spans="14:14">
      <c r="N605320" s="10"/>
    </row>
    <row r="605321" spans="14:14">
      <c r="N605321" s="10"/>
    </row>
    <row r="605322" spans="14:14">
      <c r="N605322" s="10"/>
    </row>
    <row r="605323" spans="14:14">
      <c r="N605323" s="10"/>
    </row>
    <row r="605324" spans="14:14">
      <c r="N605324" s="10"/>
    </row>
    <row r="605325" spans="14:14">
      <c r="N605325" s="10"/>
    </row>
    <row r="605326" spans="14:14">
      <c r="N605326" s="10"/>
    </row>
    <row r="605327" spans="14:14">
      <c r="N605327" s="10"/>
    </row>
    <row r="605328" spans="14:14">
      <c r="N605328" s="10"/>
    </row>
    <row r="605329" spans="14:14">
      <c r="N605329" s="10"/>
    </row>
    <row r="605330" spans="14:14">
      <c r="N605330" s="10"/>
    </row>
    <row r="605331" spans="14:14">
      <c r="N605331" s="10"/>
    </row>
    <row r="605332" spans="14:14">
      <c r="N605332" s="10"/>
    </row>
    <row r="605333" spans="14:14">
      <c r="N605333" s="10"/>
    </row>
    <row r="605334" spans="14:14">
      <c r="N605334" s="10"/>
    </row>
    <row r="605335" spans="14:14">
      <c r="N605335" s="10"/>
    </row>
    <row r="605336" spans="14:14">
      <c r="N605336" s="10"/>
    </row>
    <row r="605337" spans="14:14">
      <c r="N605337" s="10"/>
    </row>
    <row r="605338" spans="14:14">
      <c r="N605338" s="10"/>
    </row>
    <row r="605339" spans="14:14">
      <c r="N605339" s="10"/>
    </row>
    <row r="605340" spans="14:14">
      <c r="N605340" s="10"/>
    </row>
    <row r="605341" spans="14:14">
      <c r="N605341" s="10"/>
    </row>
    <row r="605342" spans="14:14">
      <c r="N605342" s="10"/>
    </row>
    <row r="605343" spans="14:14">
      <c r="N605343" s="10"/>
    </row>
    <row r="605344" spans="14:14">
      <c r="N605344" s="10"/>
    </row>
    <row r="605345" spans="14:14">
      <c r="N605345" s="10"/>
    </row>
    <row r="605346" spans="14:14">
      <c r="N605346" s="10"/>
    </row>
    <row r="605347" spans="14:14">
      <c r="N605347" s="10"/>
    </row>
    <row r="605348" spans="14:14">
      <c r="N605348" s="10"/>
    </row>
    <row r="605349" spans="14:14">
      <c r="N605349" s="10"/>
    </row>
    <row r="605350" spans="14:14">
      <c r="N605350" s="10"/>
    </row>
    <row r="605351" spans="14:14">
      <c r="N605351" s="10"/>
    </row>
    <row r="605352" spans="14:14">
      <c r="N605352" s="10"/>
    </row>
    <row r="605353" spans="14:14">
      <c r="N605353" s="10"/>
    </row>
    <row r="605354" spans="14:14">
      <c r="N605354" s="10"/>
    </row>
    <row r="605355" spans="14:14">
      <c r="N605355" s="10"/>
    </row>
    <row r="605356" spans="14:14">
      <c r="N605356" s="10"/>
    </row>
    <row r="605357" spans="14:14">
      <c r="N605357" s="10"/>
    </row>
    <row r="605358" spans="14:14">
      <c r="N605358" s="10"/>
    </row>
    <row r="605359" spans="14:14">
      <c r="N605359" s="10"/>
    </row>
    <row r="605360" spans="14:14">
      <c r="N605360" s="10"/>
    </row>
    <row r="605361" spans="14:14">
      <c r="N605361" s="10"/>
    </row>
    <row r="605362" spans="14:14">
      <c r="N605362" s="10"/>
    </row>
    <row r="605363" spans="14:14">
      <c r="N605363" s="10"/>
    </row>
    <row r="605364" spans="14:14">
      <c r="N605364" s="10"/>
    </row>
    <row r="605365" spans="14:14">
      <c r="N605365" s="10"/>
    </row>
    <row r="605366" spans="14:14">
      <c r="N605366" s="10"/>
    </row>
    <row r="605367" spans="14:14">
      <c r="N605367" s="10"/>
    </row>
    <row r="605368" spans="14:14">
      <c r="N605368" s="10"/>
    </row>
    <row r="605369" spans="14:14">
      <c r="N605369" s="10"/>
    </row>
    <row r="605370" spans="14:14">
      <c r="N605370" s="10"/>
    </row>
    <row r="605371" spans="14:14">
      <c r="N605371" s="10"/>
    </row>
    <row r="605372" spans="14:14">
      <c r="N605372" s="10"/>
    </row>
    <row r="605373" spans="14:14">
      <c r="N605373" s="10"/>
    </row>
    <row r="605374" spans="14:14">
      <c r="N605374" s="10"/>
    </row>
    <row r="605375" spans="14:14">
      <c r="N605375" s="10"/>
    </row>
    <row r="605376" spans="14:14">
      <c r="N605376" s="10"/>
    </row>
    <row r="605377" spans="14:14">
      <c r="N605377" s="10"/>
    </row>
    <row r="605378" spans="14:14">
      <c r="N605378" s="10"/>
    </row>
    <row r="605379" spans="14:14">
      <c r="N605379" s="10"/>
    </row>
    <row r="605380" spans="14:14">
      <c r="N605380" s="10"/>
    </row>
    <row r="605381" spans="14:14">
      <c r="N605381" s="10"/>
    </row>
    <row r="605382" spans="14:14">
      <c r="N605382" s="10"/>
    </row>
    <row r="605383" spans="14:14">
      <c r="N605383" s="10"/>
    </row>
    <row r="605384" spans="14:14">
      <c r="N605384" s="10"/>
    </row>
    <row r="605385" spans="14:14">
      <c r="N605385" s="10"/>
    </row>
    <row r="605386" spans="14:14">
      <c r="N605386" s="10"/>
    </row>
    <row r="605387" spans="14:14">
      <c r="N605387" s="10"/>
    </row>
    <row r="605388" spans="14:14">
      <c r="N605388" s="10"/>
    </row>
    <row r="605389" spans="14:14">
      <c r="N605389" s="10"/>
    </row>
    <row r="605390" spans="14:14">
      <c r="N605390" s="10"/>
    </row>
    <row r="605391" spans="14:14">
      <c r="N605391" s="10"/>
    </row>
    <row r="605392" spans="14:14">
      <c r="N605392" s="10"/>
    </row>
    <row r="605393" spans="14:14">
      <c r="N605393" s="10"/>
    </row>
    <row r="605394" spans="14:14">
      <c r="N605394" s="10"/>
    </row>
    <row r="605395" spans="14:14">
      <c r="N605395" s="10"/>
    </row>
    <row r="605396" spans="14:14">
      <c r="N605396" s="10"/>
    </row>
    <row r="605397" spans="14:14">
      <c r="N605397" s="10"/>
    </row>
    <row r="605398" spans="14:14">
      <c r="N605398" s="10"/>
    </row>
    <row r="605399" spans="14:14">
      <c r="N605399" s="10"/>
    </row>
    <row r="605400" spans="14:14">
      <c r="N605400" s="10"/>
    </row>
    <row r="605401" spans="14:14">
      <c r="N605401" s="10"/>
    </row>
    <row r="605402" spans="14:14">
      <c r="N605402" s="10"/>
    </row>
    <row r="605403" spans="14:14">
      <c r="N605403" s="10"/>
    </row>
    <row r="605404" spans="14:14">
      <c r="N605404" s="10"/>
    </row>
    <row r="605405" spans="14:14">
      <c r="N605405" s="10"/>
    </row>
    <row r="605406" spans="14:14">
      <c r="N605406" s="10"/>
    </row>
    <row r="605407" spans="14:14">
      <c r="N605407" s="10"/>
    </row>
    <row r="605408" spans="14:14">
      <c r="N605408" s="10"/>
    </row>
    <row r="605409" spans="14:14">
      <c r="N605409" s="10"/>
    </row>
    <row r="605410" spans="14:14">
      <c r="N605410" s="10"/>
    </row>
    <row r="605411" spans="14:14">
      <c r="N605411" s="10"/>
    </row>
    <row r="605412" spans="14:14">
      <c r="N605412" s="10"/>
    </row>
    <row r="605413" spans="14:14">
      <c r="N605413" s="10"/>
    </row>
    <row r="605414" spans="14:14">
      <c r="N605414" s="10"/>
    </row>
    <row r="605415" spans="14:14">
      <c r="N605415" s="10"/>
    </row>
    <row r="605416" spans="14:14">
      <c r="N605416" s="10"/>
    </row>
    <row r="605417" spans="14:14">
      <c r="N605417" s="10"/>
    </row>
    <row r="605418" spans="14:14">
      <c r="N605418" s="10"/>
    </row>
    <row r="605419" spans="14:14">
      <c r="N605419" s="10"/>
    </row>
    <row r="605420" spans="14:14">
      <c r="N605420" s="10"/>
    </row>
    <row r="605421" spans="14:14">
      <c r="N605421" s="10"/>
    </row>
    <row r="605422" spans="14:14">
      <c r="N605422" s="10"/>
    </row>
    <row r="605423" spans="14:14">
      <c r="N605423" s="10"/>
    </row>
    <row r="605424" spans="14:14">
      <c r="N605424" s="10"/>
    </row>
    <row r="605425" spans="14:14">
      <c r="N605425" s="10"/>
    </row>
    <row r="605426" spans="14:14">
      <c r="N605426" s="10"/>
    </row>
    <row r="605427" spans="14:14">
      <c r="N605427" s="10"/>
    </row>
    <row r="605428" spans="14:14">
      <c r="N605428" s="10"/>
    </row>
    <row r="605429" spans="14:14">
      <c r="N605429" s="10"/>
    </row>
    <row r="605430" spans="14:14">
      <c r="N605430" s="10"/>
    </row>
    <row r="605431" spans="14:14">
      <c r="N605431" s="10"/>
    </row>
    <row r="605432" spans="14:14">
      <c r="N605432" s="10"/>
    </row>
    <row r="605433" spans="14:14">
      <c r="N605433" s="10"/>
    </row>
    <row r="605434" spans="14:14">
      <c r="N605434" s="10"/>
    </row>
    <row r="605435" spans="14:14">
      <c r="N605435" s="10"/>
    </row>
    <row r="605436" spans="14:14">
      <c r="N605436" s="10"/>
    </row>
    <row r="605437" spans="14:14">
      <c r="N605437" s="10"/>
    </row>
    <row r="605438" spans="14:14">
      <c r="N605438" s="10"/>
    </row>
    <row r="605439" spans="14:14">
      <c r="N605439" s="10"/>
    </row>
    <row r="605440" spans="14:14">
      <c r="N605440" s="10"/>
    </row>
    <row r="605441" spans="14:14">
      <c r="N605441" s="10"/>
    </row>
    <row r="605442" spans="14:14">
      <c r="N605442" s="10"/>
    </row>
    <row r="605443" spans="14:14">
      <c r="N605443" s="10"/>
    </row>
    <row r="605444" spans="14:14">
      <c r="N605444" s="10"/>
    </row>
    <row r="605445" spans="14:14">
      <c r="N605445" s="10"/>
    </row>
    <row r="605446" spans="14:14">
      <c r="N605446" s="10"/>
    </row>
    <row r="605447" spans="14:14">
      <c r="N605447" s="10"/>
    </row>
    <row r="605448" spans="14:14">
      <c r="N605448" s="10"/>
    </row>
    <row r="605449" spans="14:14">
      <c r="N605449" s="10"/>
    </row>
    <row r="605450" spans="14:14">
      <c r="N605450" s="10"/>
    </row>
    <row r="605451" spans="14:14">
      <c r="N605451" s="10"/>
    </row>
    <row r="605452" spans="14:14">
      <c r="N605452" s="10"/>
    </row>
    <row r="605453" spans="14:14">
      <c r="N605453" s="10"/>
    </row>
    <row r="605454" spans="14:14">
      <c r="N605454" s="10"/>
    </row>
    <row r="605455" spans="14:14">
      <c r="N605455" s="10"/>
    </row>
    <row r="605456" spans="14:14">
      <c r="N605456" s="10"/>
    </row>
    <row r="605457" spans="14:14">
      <c r="N605457" s="10"/>
    </row>
    <row r="605458" spans="14:14">
      <c r="N605458" s="10"/>
    </row>
    <row r="605459" spans="14:14">
      <c r="N605459" s="10"/>
    </row>
    <row r="605460" spans="14:14">
      <c r="N605460" s="10"/>
    </row>
    <row r="605461" spans="14:14">
      <c r="N605461" s="10"/>
    </row>
    <row r="605462" spans="14:14">
      <c r="N605462" s="10"/>
    </row>
    <row r="605463" spans="14:14">
      <c r="N605463" s="10"/>
    </row>
    <row r="605464" spans="14:14">
      <c r="N605464" s="10"/>
    </row>
    <row r="605465" spans="14:14">
      <c r="N605465" s="10"/>
    </row>
    <row r="605466" spans="14:14">
      <c r="N605466" s="10"/>
    </row>
    <row r="605467" spans="14:14">
      <c r="N605467" s="10"/>
    </row>
    <row r="605468" spans="14:14">
      <c r="N605468" s="10"/>
    </row>
    <row r="605469" spans="14:14">
      <c r="N605469" s="10"/>
    </row>
    <row r="605470" spans="14:14">
      <c r="N605470" s="10"/>
    </row>
    <row r="605471" spans="14:14">
      <c r="N605471" s="10"/>
    </row>
    <row r="605472" spans="14:14">
      <c r="N605472" s="10"/>
    </row>
    <row r="605473" spans="14:14">
      <c r="N605473" s="10"/>
    </row>
    <row r="605474" spans="14:14">
      <c r="N605474" s="10"/>
    </row>
    <row r="605475" spans="14:14">
      <c r="N605475" s="10"/>
    </row>
    <row r="605476" spans="14:14">
      <c r="N605476" s="10"/>
    </row>
    <row r="605477" spans="14:14">
      <c r="N605477" s="10"/>
    </row>
    <row r="605478" spans="14:14">
      <c r="N605478" s="10"/>
    </row>
    <row r="605479" spans="14:14">
      <c r="N605479" s="10"/>
    </row>
    <row r="605480" spans="14:14">
      <c r="N605480" s="10"/>
    </row>
    <row r="605481" spans="14:14">
      <c r="N605481" s="10"/>
    </row>
    <row r="605482" spans="14:14">
      <c r="N605482" s="10"/>
    </row>
    <row r="605483" spans="14:14">
      <c r="N605483" s="10"/>
    </row>
    <row r="605484" spans="14:14">
      <c r="N605484" s="10"/>
    </row>
    <row r="605485" spans="14:14">
      <c r="N605485" s="10"/>
    </row>
    <row r="605486" spans="14:14">
      <c r="N605486" s="10"/>
    </row>
    <row r="605487" spans="14:14">
      <c r="N605487" s="10"/>
    </row>
    <row r="605488" spans="14:14">
      <c r="N605488" s="10"/>
    </row>
    <row r="605489" spans="14:14">
      <c r="N605489" s="10"/>
    </row>
    <row r="605490" spans="14:14">
      <c r="N605490" s="10"/>
    </row>
    <row r="605491" spans="14:14">
      <c r="N605491" s="10"/>
    </row>
    <row r="605492" spans="14:14">
      <c r="N605492" s="10"/>
    </row>
    <row r="605493" spans="14:14">
      <c r="N605493" s="10"/>
    </row>
    <row r="605494" spans="14:14">
      <c r="N605494" s="10"/>
    </row>
    <row r="605495" spans="14:14">
      <c r="N605495" s="10"/>
    </row>
    <row r="605496" spans="14:14">
      <c r="N605496" s="10"/>
    </row>
    <row r="605497" spans="14:14">
      <c r="N605497" s="10"/>
    </row>
    <row r="605498" spans="14:14">
      <c r="N605498" s="10"/>
    </row>
    <row r="605499" spans="14:14">
      <c r="N605499" s="10"/>
    </row>
    <row r="605500" spans="14:14">
      <c r="N605500" s="10"/>
    </row>
    <row r="605501" spans="14:14">
      <c r="N605501" s="10"/>
    </row>
    <row r="605502" spans="14:14">
      <c r="N605502" s="10"/>
    </row>
    <row r="605503" spans="14:14">
      <c r="N605503" s="10"/>
    </row>
    <row r="605504" spans="14:14">
      <c r="N605504" s="10"/>
    </row>
    <row r="605505" spans="14:14">
      <c r="N605505" s="10"/>
    </row>
    <row r="605506" spans="14:14">
      <c r="N605506" s="10"/>
    </row>
    <row r="605507" spans="14:14">
      <c r="N605507" s="10"/>
    </row>
    <row r="605508" spans="14:14">
      <c r="N605508" s="10"/>
    </row>
    <row r="605509" spans="14:14">
      <c r="N605509" s="10"/>
    </row>
    <row r="605510" spans="14:14">
      <c r="N605510" s="10"/>
    </row>
    <row r="605511" spans="14:14">
      <c r="N605511" s="10"/>
    </row>
    <row r="605512" spans="14:14">
      <c r="N605512" s="10"/>
    </row>
    <row r="605513" spans="14:14">
      <c r="N605513" s="10"/>
    </row>
    <row r="605514" spans="14:14">
      <c r="N605514" s="10"/>
    </row>
    <row r="605515" spans="14:14">
      <c r="N605515" s="10"/>
    </row>
    <row r="605516" spans="14:14">
      <c r="N605516" s="10"/>
    </row>
    <row r="605517" spans="14:14">
      <c r="N605517" s="10"/>
    </row>
    <row r="605518" spans="14:14">
      <c r="N605518" s="10"/>
    </row>
    <row r="605519" spans="14:14">
      <c r="N605519" s="10"/>
    </row>
    <row r="605520" spans="14:14">
      <c r="N605520" s="10"/>
    </row>
    <row r="605521" spans="14:14">
      <c r="N605521" s="10"/>
    </row>
    <row r="605522" spans="14:14">
      <c r="N605522" s="10"/>
    </row>
    <row r="605523" spans="14:14">
      <c r="N605523" s="10"/>
    </row>
    <row r="605524" spans="14:14">
      <c r="N605524" s="10"/>
    </row>
    <row r="605525" spans="14:14">
      <c r="N605525" s="10"/>
    </row>
    <row r="605526" spans="14:14">
      <c r="N605526" s="10"/>
    </row>
    <row r="605527" spans="14:14">
      <c r="N605527" s="10"/>
    </row>
    <row r="605528" spans="14:14">
      <c r="N605528" s="10"/>
    </row>
    <row r="605529" spans="14:14">
      <c r="N605529" s="10"/>
    </row>
    <row r="605530" spans="14:14">
      <c r="N605530" s="10"/>
    </row>
    <row r="605531" spans="14:14">
      <c r="N605531" s="10"/>
    </row>
    <row r="605532" spans="14:14">
      <c r="N605532" s="10"/>
    </row>
    <row r="605533" spans="14:14">
      <c r="N605533" s="10"/>
    </row>
    <row r="605534" spans="14:14">
      <c r="N605534" s="10"/>
    </row>
    <row r="605535" spans="14:14">
      <c r="N605535" s="10"/>
    </row>
    <row r="605536" spans="14:14">
      <c r="N605536" s="10"/>
    </row>
    <row r="605537" spans="14:14">
      <c r="N605537" s="10"/>
    </row>
    <row r="605538" spans="14:14">
      <c r="N605538" s="10"/>
    </row>
    <row r="605539" spans="14:14">
      <c r="N605539" s="10"/>
    </row>
    <row r="605540" spans="14:14">
      <c r="N605540" s="10"/>
    </row>
    <row r="605541" spans="14:14">
      <c r="N605541" s="10"/>
    </row>
    <row r="605542" spans="14:14">
      <c r="N605542" s="10"/>
    </row>
    <row r="605543" spans="14:14">
      <c r="N605543" s="10"/>
    </row>
    <row r="605544" spans="14:14">
      <c r="N605544" s="10"/>
    </row>
    <row r="605545" spans="14:14">
      <c r="N605545" s="10"/>
    </row>
    <row r="605546" spans="14:14">
      <c r="N605546" s="10"/>
    </row>
    <row r="605547" spans="14:14">
      <c r="N605547" s="10"/>
    </row>
    <row r="605548" spans="14:14">
      <c r="N605548" s="10"/>
    </row>
    <row r="605549" spans="14:14">
      <c r="N605549" s="10"/>
    </row>
    <row r="605550" spans="14:14">
      <c r="N605550" s="10"/>
    </row>
    <row r="605551" spans="14:14">
      <c r="N605551" s="10"/>
    </row>
    <row r="605552" spans="14:14">
      <c r="N605552" s="10"/>
    </row>
    <row r="605553" spans="14:14">
      <c r="N605553" s="10"/>
    </row>
    <row r="605554" spans="14:14">
      <c r="N605554" s="10"/>
    </row>
    <row r="605555" spans="14:14">
      <c r="N605555" s="10"/>
    </row>
    <row r="605556" spans="14:14">
      <c r="N605556" s="10"/>
    </row>
    <row r="605557" spans="14:14">
      <c r="N605557" s="10"/>
    </row>
    <row r="605558" spans="14:14">
      <c r="N605558" s="10"/>
    </row>
    <row r="605559" spans="14:14">
      <c r="N605559" s="10"/>
    </row>
    <row r="605560" spans="14:14">
      <c r="N605560" s="10"/>
    </row>
    <row r="605561" spans="14:14">
      <c r="N605561" s="10"/>
    </row>
    <row r="605562" spans="14:14">
      <c r="N605562" s="10"/>
    </row>
    <row r="605563" spans="14:14">
      <c r="N605563" s="10"/>
    </row>
    <row r="605564" spans="14:14">
      <c r="N605564" s="10"/>
    </row>
    <row r="605565" spans="14:14">
      <c r="N605565" s="10"/>
    </row>
    <row r="605566" spans="14:14">
      <c r="N605566" s="10"/>
    </row>
    <row r="605567" spans="14:14">
      <c r="N605567" s="10"/>
    </row>
    <row r="605568" spans="14:14">
      <c r="N605568" s="10"/>
    </row>
    <row r="605569" spans="14:14">
      <c r="N605569" s="10"/>
    </row>
    <row r="605570" spans="14:14">
      <c r="N605570" s="10"/>
    </row>
    <row r="605571" spans="14:14">
      <c r="N605571" s="10"/>
    </row>
    <row r="605572" spans="14:14">
      <c r="N605572" s="10"/>
    </row>
    <row r="605573" spans="14:14">
      <c r="N605573" s="10"/>
    </row>
    <row r="605574" spans="14:14">
      <c r="N605574" s="10"/>
    </row>
    <row r="605575" spans="14:14">
      <c r="N605575" s="10"/>
    </row>
    <row r="605576" spans="14:14">
      <c r="N605576" s="10"/>
    </row>
    <row r="605577" spans="14:14">
      <c r="N605577" s="10"/>
    </row>
    <row r="605578" spans="14:14">
      <c r="N605578" s="10"/>
    </row>
    <row r="605579" spans="14:14">
      <c r="N605579" s="10"/>
    </row>
    <row r="605580" spans="14:14">
      <c r="N605580" s="10"/>
    </row>
    <row r="605581" spans="14:14">
      <c r="N605581" s="10"/>
    </row>
    <row r="605582" spans="14:14">
      <c r="N605582" s="10"/>
    </row>
    <row r="605583" spans="14:14">
      <c r="N605583" s="10"/>
    </row>
    <row r="605584" spans="14:14">
      <c r="N605584" s="10"/>
    </row>
    <row r="605585" spans="14:14">
      <c r="N605585" s="10"/>
    </row>
    <row r="605586" spans="14:14">
      <c r="N605586" s="10"/>
    </row>
    <row r="605587" spans="14:14">
      <c r="N605587" s="10"/>
    </row>
    <row r="605588" spans="14:14">
      <c r="N605588" s="10"/>
    </row>
    <row r="605589" spans="14:14">
      <c r="N605589" s="10"/>
    </row>
    <row r="605590" spans="14:14">
      <c r="N605590" s="10"/>
    </row>
    <row r="605591" spans="14:14">
      <c r="N605591" s="10"/>
    </row>
    <row r="605592" spans="14:14">
      <c r="N605592" s="10"/>
    </row>
    <row r="605593" spans="14:14">
      <c r="N605593" s="10"/>
    </row>
    <row r="605594" spans="14:14">
      <c r="N605594" s="10"/>
    </row>
    <row r="605595" spans="14:14">
      <c r="N605595" s="10"/>
    </row>
    <row r="605596" spans="14:14">
      <c r="N605596" s="10"/>
    </row>
    <row r="605597" spans="14:14">
      <c r="N605597" s="10"/>
    </row>
    <row r="605598" spans="14:14">
      <c r="N605598" s="10"/>
    </row>
    <row r="605599" spans="14:14">
      <c r="N605599" s="10"/>
    </row>
    <row r="605600" spans="14:14">
      <c r="N605600" s="10"/>
    </row>
    <row r="605601" spans="14:14">
      <c r="N605601" s="10"/>
    </row>
    <row r="605602" spans="14:14">
      <c r="N605602" s="10"/>
    </row>
    <row r="605603" spans="14:14">
      <c r="N605603" s="10"/>
    </row>
    <row r="605604" spans="14:14">
      <c r="N605604" s="10"/>
    </row>
    <row r="605605" spans="14:14">
      <c r="N605605" s="10"/>
    </row>
    <row r="605606" spans="14:14">
      <c r="N605606" s="10"/>
    </row>
    <row r="605607" spans="14:14">
      <c r="N605607" s="10"/>
    </row>
    <row r="605608" spans="14:14">
      <c r="N605608" s="10"/>
    </row>
    <row r="605609" spans="14:14">
      <c r="N605609" s="10"/>
    </row>
    <row r="605610" spans="14:14">
      <c r="N605610" s="10"/>
    </row>
    <row r="605611" spans="14:14">
      <c r="N605611" s="10"/>
    </row>
    <row r="605612" spans="14:14">
      <c r="N605612" s="10"/>
    </row>
    <row r="605613" spans="14:14">
      <c r="N605613" s="10"/>
    </row>
    <row r="605614" spans="14:14">
      <c r="N605614" s="10"/>
    </row>
    <row r="605615" spans="14:14">
      <c r="N605615" s="10"/>
    </row>
    <row r="605616" spans="14:14">
      <c r="N605616" s="10"/>
    </row>
    <row r="605617" spans="14:14">
      <c r="N605617" s="10"/>
    </row>
    <row r="605618" spans="14:14">
      <c r="N605618" s="10"/>
    </row>
    <row r="605619" spans="14:14">
      <c r="N605619" s="10"/>
    </row>
    <row r="605620" spans="14:14">
      <c r="N605620" s="10"/>
    </row>
    <row r="605621" spans="14:14">
      <c r="N605621" s="10"/>
    </row>
    <row r="605622" spans="14:14">
      <c r="N605622" s="10"/>
    </row>
    <row r="605623" spans="14:14">
      <c r="N605623" s="10"/>
    </row>
    <row r="605624" spans="14:14">
      <c r="N605624" s="10"/>
    </row>
    <row r="605625" spans="14:14">
      <c r="N605625" s="10"/>
    </row>
    <row r="605626" spans="14:14">
      <c r="N605626" s="10"/>
    </row>
    <row r="605627" spans="14:14">
      <c r="N605627" s="10"/>
    </row>
    <row r="605628" spans="14:14">
      <c r="N605628" s="10"/>
    </row>
    <row r="605629" spans="14:14">
      <c r="N605629" s="10"/>
    </row>
    <row r="605630" spans="14:14">
      <c r="N605630" s="10"/>
    </row>
    <row r="605631" spans="14:14">
      <c r="N605631" s="10"/>
    </row>
    <row r="605632" spans="14:14">
      <c r="N605632" s="10"/>
    </row>
    <row r="605633" spans="14:14">
      <c r="N605633" s="10"/>
    </row>
    <row r="605634" spans="14:14">
      <c r="N605634" s="10"/>
    </row>
    <row r="605635" spans="14:14">
      <c r="N605635" s="10"/>
    </row>
    <row r="605636" spans="14:14">
      <c r="N605636" s="10"/>
    </row>
    <row r="605637" spans="14:14">
      <c r="N605637" s="10"/>
    </row>
    <row r="605638" spans="14:14">
      <c r="N605638" s="10"/>
    </row>
    <row r="605639" spans="14:14">
      <c r="N605639" s="10"/>
    </row>
    <row r="605640" spans="14:14">
      <c r="N605640" s="10"/>
    </row>
    <row r="605641" spans="14:14">
      <c r="N605641" s="10"/>
    </row>
    <row r="605642" spans="14:14">
      <c r="N605642" s="10"/>
    </row>
    <row r="605643" spans="14:14">
      <c r="N605643" s="10"/>
    </row>
    <row r="605644" spans="14:14">
      <c r="N605644" s="10"/>
    </row>
    <row r="605645" spans="14:14">
      <c r="N605645" s="10"/>
    </row>
    <row r="605646" spans="14:14">
      <c r="N605646" s="10"/>
    </row>
    <row r="605647" spans="14:14">
      <c r="N605647" s="10"/>
    </row>
    <row r="605648" spans="14:14">
      <c r="N605648" s="10"/>
    </row>
    <row r="605649" spans="14:14">
      <c r="N605649" s="10"/>
    </row>
    <row r="605650" spans="14:14">
      <c r="N605650" s="10"/>
    </row>
    <row r="605651" spans="14:14">
      <c r="N605651" s="10"/>
    </row>
    <row r="605652" spans="14:14">
      <c r="N605652" s="10"/>
    </row>
    <row r="605653" spans="14:14">
      <c r="N605653" s="10"/>
    </row>
    <row r="605654" spans="14:14">
      <c r="N605654" s="10"/>
    </row>
    <row r="605655" spans="14:14">
      <c r="N605655" s="10"/>
    </row>
    <row r="605656" spans="14:14">
      <c r="N605656" s="10"/>
    </row>
    <row r="605657" spans="14:14">
      <c r="N605657" s="10"/>
    </row>
    <row r="605658" spans="14:14">
      <c r="N605658" s="10"/>
    </row>
    <row r="605659" spans="14:14">
      <c r="N605659" s="10"/>
    </row>
    <row r="605660" spans="14:14">
      <c r="N605660" s="10"/>
    </row>
    <row r="605661" spans="14:14">
      <c r="N605661" s="10"/>
    </row>
    <row r="605662" spans="14:14">
      <c r="N605662" s="10"/>
    </row>
    <row r="605663" spans="14:14">
      <c r="N605663" s="10"/>
    </row>
    <row r="605664" spans="14:14">
      <c r="N605664" s="10"/>
    </row>
    <row r="605665" spans="14:14">
      <c r="N605665" s="10"/>
    </row>
    <row r="605666" spans="14:14">
      <c r="N605666" s="10"/>
    </row>
    <row r="605667" spans="14:14">
      <c r="N605667" s="10"/>
    </row>
    <row r="605668" spans="14:14">
      <c r="N605668" s="10"/>
    </row>
    <row r="605669" spans="14:14">
      <c r="N605669" s="10"/>
    </row>
    <row r="605670" spans="14:14">
      <c r="N605670" s="10"/>
    </row>
    <row r="605671" spans="14:14">
      <c r="N605671" s="10"/>
    </row>
    <row r="605672" spans="14:14">
      <c r="N605672" s="10"/>
    </row>
    <row r="605673" spans="14:14">
      <c r="N605673" s="10"/>
    </row>
    <row r="605674" spans="14:14">
      <c r="N605674" s="10"/>
    </row>
    <row r="605675" spans="14:14">
      <c r="N605675" s="10"/>
    </row>
    <row r="605676" spans="14:14">
      <c r="N605676" s="10"/>
    </row>
    <row r="605677" spans="14:14">
      <c r="N605677" s="10"/>
    </row>
    <row r="605678" spans="14:14">
      <c r="N605678" s="10"/>
    </row>
    <row r="605679" spans="14:14">
      <c r="N605679" s="10"/>
    </row>
    <row r="605680" spans="14:14">
      <c r="N605680" s="10"/>
    </row>
    <row r="605681" spans="14:14">
      <c r="N605681" s="10"/>
    </row>
    <row r="605682" spans="14:14">
      <c r="N605682" s="10"/>
    </row>
    <row r="605683" spans="14:14">
      <c r="N605683" s="10"/>
    </row>
    <row r="605684" spans="14:14">
      <c r="N605684" s="10"/>
    </row>
    <row r="605685" spans="14:14">
      <c r="N605685" s="10"/>
    </row>
    <row r="605686" spans="14:14">
      <c r="N605686" s="10"/>
    </row>
    <row r="605687" spans="14:14">
      <c r="N605687" s="10"/>
    </row>
    <row r="605688" spans="14:14">
      <c r="N605688" s="10"/>
    </row>
    <row r="605689" spans="14:14">
      <c r="N605689" s="10"/>
    </row>
    <row r="605690" spans="14:14">
      <c r="N605690" s="10"/>
    </row>
    <row r="605691" spans="14:14">
      <c r="N605691" s="10"/>
    </row>
    <row r="605692" spans="14:14">
      <c r="N605692" s="10"/>
    </row>
    <row r="605693" spans="14:14">
      <c r="N605693" s="10"/>
    </row>
    <row r="605694" spans="14:14">
      <c r="N605694" s="10"/>
    </row>
    <row r="605695" spans="14:14">
      <c r="N605695" s="10"/>
    </row>
    <row r="605696" spans="14:14">
      <c r="N605696" s="10"/>
    </row>
    <row r="605697" spans="14:14">
      <c r="N605697" s="10"/>
    </row>
    <row r="605698" spans="14:14">
      <c r="N605698" s="10"/>
    </row>
    <row r="605699" spans="14:14">
      <c r="N605699" s="10"/>
    </row>
    <row r="605700" spans="14:14">
      <c r="N605700" s="10"/>
    </row>
    <row r="605701" spans="14:14">
      <c r="N605701" s="10"/>
    </row>
    <row r="605702" spans="14:14">
      <c r="N605702" s="10"/>
    </row>
    <row r="605703" spans="14:14">
      <c r="N605703" s="10"/>
    </row>
    <row r="605704" spans="14:14">
      <c r="N605704" s="10"/>
    </row>
    <row r="605705" spans="14:14">
      <c r="N605705" s="10"/>
    </row>
    <row r="605706" spans="14:14">
      <c r="N605706" s="10"/>
    </row>
    <row r="605707" spans="14:14">
      <c r="N605707" s="10"/>
    </row>
    <row r="605708" spans="14:14">
      <c r="N605708" s="10"/>
    </row>
    <row r="605709" spans="14:14">
      <c r="N605709" s="10"/>
    </row>
    <row r="605710" spans="14:14">
      <c r="N605710" s="10"/>
    </row>
    <row r="605711" spans="14:14">
      <c r="N605711" s="10"/>
    </row>
    <row r="605712" spans="14:14">
      <c r="N605712" s="10"/>
    </row>
    <row r="605713" spans="14:14">
      <c r="N605713" s="10"/>
    </row>
    <row r="605714" spans="14:14">
      <c r="N605714" s="10"/>
    </row>
    <row r="605715" spans="14:14">
      <c r="N605715" s="10"/>
    </row>
    <row r="605716" spans="14:14">
      <c r="N605716" s="10"/>
    </row>
    <row r="605717" spans="14:14">
      <c r="N605717" s="10"/>
    </row>
    <row r="605718" spans="14:14">
      <c r="N605718" s="10"/>
    </row>
    <row r="605719" spans="14:14">
      <c r="N605719" s="10"/>
    </row>
    <row r="605720" spans="14:14">
      <c r="N605720" s="10"/>
    </row>
    <row r="605721" spans="14:14">
      <c r="N605721" s="10"/>
    </row>
    <row r="605722" spans="14:14">
      <c r="N605722" s="10"/>
    </row>
    <row r="605723" spans="14:14">
      <c r="N605723" s="10"/>
    </row>
    <row r="605724" spans="14:14">
      <c r="N605724" s="10"/>
    </row>
    <row r="605725" spans="14:14">
      <c r="N605725" s="10"/>
    </row>
    <row r="605726" spans="14:14">
      <c r="N605726" s="10"/>
    </row>
    <row r="605727" spans="14:14">
      <c r="N605727" s="10"/>
    </row>
    <row r="605728" spans="14:14">
      <c r="N605728" s="10"/>
    </row>
    <row r="605729" spans="14:14">
      <c r="N605729" s="10"/>
    </row>
    <row r="605730" spans="14:14">
      <c r="N605730" s="10"/>
    </row>
    <row r="605731" spans="14:14">
      <c r="N605731" s="10"/>
    </row>
    <row r="605732" spans="14:14">
      <c r="N605732" s="10"/>
    </row>
    <row r="605733" spans="14:14">
      <c r="N605733" s="10"/>
    </row>
    <row r="605734" spans="14:14">
      <c r="N605734" s="10"/>
    </row>
    <row r="605735" spans="14:14">
      <c r="N605735" s="10"/>
    </row>
    <row r="605736" spans="14:14">
      <c r="N605736" s="10"/>
    </row>
    <row r="605737" spans="14:14">
      <c r="N605737" s="10"/>
    </row>
    <row r="605738" spans="14:14">
      <c r="N605738" s="10"/>
    </row>
    <row r="605739" spans="14:14">
      <c r="N605739" s="10"/>
    </row>
    <row r="605740" spans="14:14">
      <c r="N605740" s="10"/>
    </row>
    <row r="605741" spans="14:14">
      <c r="N605741" s="10"/>
    </row>
    <row r="605742" spans="14:14">
      <c r="N605742" s="10"/>
    </row>
    <row r="605743" spans="14:14">
      <c r="N605743" s="10"/>
    </row>
    <row r="605744" spans="14:14">
      <c r="N605744" s="10"/>
    </row>
    <row r="605745" spans="14:14">
      <c r="N605745" s="10"/>
    </row>
    <row r="605746" spans="14:14">
      <c r="N605746" s="10"/>
    </row>
    <row r="605747" spans="14:14">
      <c r="N605747" s="10"/>
    </row>
    <row r="605748" spans="14:14">
      <c r="N605748" s="10"/>
    </row>
    <row r="605749" spans="14:14">
      <c r="N605749" s="10"/>
    </row>
    <row r="605750" spans="14:14">
      <c r="N605750" s="10"/>
    </row>
    <row r="605751" spans="14:14">
      <c r="N605751" s="10"/>
    </row>
    <row r="605752" spans="14:14">
      <c r="N605752" s="10"/>
    </row>
    <row r="605753" spans="14:14">
      <c r="N605753" s="10"/>
    </row>
    <row r="605754" spans="14:14">
      <c r="N605754" s="10"/>
    </row>
    <row r="605755" spans="14:14">
      <c r="N605755" s="10"/>
    </row>
    <row r="605756" spans="14:14">
      <c r="N605756" s="10"/>
    </row>
    <row r="605757" spans="14:14">
      <c r="N605757" s="10"/>
    </row>
    <row r="605758" spans="14:14">
      <c r="N605758" s="10"/>
    </row>
    <row r="605759" spans="14:14">
      <c r="N605759" s="10"/>
    </row>
    <row r="605760" spans="14:14">
      <c r="N605760" s="10"/>
    </row>
    <row r="605761" spans="14:14">
      <c r="N605761" s="10"/>
    </row>
    <row r="605762" spans="14:14">
      <c r="N605762" s="10"/>
    </row>
    <row r="605763" spans="14:14">
      <c r="N605763" s="10"/>
    </row>
    <row r="605764" spans="14:14">
      <c r="N605764" s="10"/>
    </row>
    <row r="605765" spans="14:14">
      <c r="N605765" s="10"/>
    </row>
    <row r="605766" spans="14:14">
      <c r="N605766" s="10"/>
    </row>
    <row r="605767" spans="14:14">
      <c r="N605767" s="10"/>
    </row>
    <row r="605768" spans="14:14">
      <c r="N605768" s="10"/>
    </row>
    <row r="605769" spans="14:14">
      <c r="N605769" s="10"/>
    </row>
    <row r="605770" spans="14:14">
      <c r="N605770" s="10"/>
    </row>
    <row r="605771" spans="14:14">
      <c r="N605771" s="10"/>
    </row>
    <row r="605772" spans="14:14">
      <c r="N605772" s="10"/>
    </row>
    <row r="605773" spans="14:14">
      <c r="N605773" s="10"/>
    </row>
    <row r="605774" spans="14:14">
      <c r="N605774" s="10"/>
    </row>
    <row r="605775" spans="14:14">
      <c r="N605775" s="10"/>
    </row>
    <row r="605776" spans="14:14">
      <c r="N605776" s="10"/>
    </row>
    <row r="605777" spans="14:14">
      <c r="N605777" s="10"/>
    </row>
    <row r="605778" spans="14:14">
      <c r="N605778" s="10"/>
    </row>
    <row r="605779" spans="14:14">
      <c r="N605779" s="10"/>
    </row>
    <row r="605780" spans="14:14">
      <c r="N605780" s="10"/>
    </row>
    <row r="605781" spans="14:14">
      <c r="N605781" s="10"/>
    </row>
    <row r="605782" spans="14:14">
      <c r="N605782" s="10"/>
    </row>
    <row r="605783" spans="14:14">
      <c r="N605783" s="10"/>
    </row>
    <row r="605784" spans="14:14">
      <c r="N605784" s="10"/>
    </row>
    <row r="605785" spans="14:14">
      <c r="N605785" s="10"/>
    </row>
    <row r="605786" spans="14:14">
      <c r="N605786" s="10"/>
    </row>
    <row r="605787" spans="14:14">
      <c r="N605787" s="10"/>
    </row>
    <row r="605788" spans="14:14">
      <c r="N605788" s="10"/>
    </row>
    <row r="605789" spans="14:14">
      <c r="N605789" s="10"/>
    </row>
    <row r="605790" spans="14:14">
      <c r="N605790" s="10"/>
    </row>
    <row r="605791" spans="14:14">
      <c r="N605791" s="10"/>
    </row>
    <row r="605792" spans="14:14">
      <c r="N605792" s="10"/>
    </row>
    <row r="605793" spans="14:14">
      <c r="N605793" s="10"/>
    </row>
    <row r="605794" spans="14:14">
      <c r="N605794" s="10"/>
    </row>
    <row r="605795" spans="14:14">
      <c r="N605795" s="10"/>
    </row>
    <row r="605796" spans="14:14">
      <c r="N605796" s="10"/>
    </row>
    <row r="605797" spans="14:14">
      <c r="N605797" s="10"/>
    </row>
    <row r="605798" spans="14:14">
      <c r="N605798" s="10"/>
    </row>
    <row r="605799" spans="14:14">
      <c r="N605799" s="10"/>
    </row>
    <row r="605800" spans="14:14">
      <c r="N605800" s="10"/>
    </row>
    <row r="605801" spans="14:14">
      <c r="N605801" s="10"/>
    </row>
    <row r="605802" spans="14:14">
      <c r="N605802" s="10"/>
    </row>
    <row r="605803" spans="14:14">
      <c r="N605803" s="10"/>
    </row>
    <row r="605804" spans="14:14">
      <c r="N605804" s="10"/>
    </row>
    <row r="605805" spans="14:14">
      <c r="N605805" s="10"/>
    </row>
    <row r="605806" spans="14:14">
      <c r="N605806" s="10"/>
    </row>
    <row r="605807" spans="14:14">
      <c r="N605807" s="10"/>
    </row>
    <row r="605808" spans="14:14">
      <c r="N605808" s="10"/>
    </row>
    <row r="605809" spans="14:14">
      <c r="N605809" s="10"/>
    </row>
    <row r="605810" spans="14:14">
      <c r="N605810" s="10"/>
    </row>
    <row r="605811" spans="14:14">
      <c r="N605811" s="10"/>
    </row>
    <row r="605812" spans="14:14">
      <c r="N605812" s="10"/>
    </row>
    <row r="605813" spans="14:14">
      <c r="N605813" s="10"/>
    </row>
    <row r="605814" spans="14:14">
      <c r="N605814" s="10"/>
    </row>
    <row r="605815" spans="14:14">
      <c r="N605815" s="10"/>
    </row>
    <row r="605816" spans="14:14">
      <c r="N605816" s="10"/>
    </row>
    <row r="605817" spans="14:14">
      <c r="N605817" s="10"/>
    </row>
    <row r="605818" spans="14:14">
      <c r="N605818" s="10"/>
    </row>
    <row r="605819" spans="14:14">
      <c r="N605819" s="10"/>
    </row>
    <row r="605820" spans="14:14">
      <c r="N605820" s="10"/>
    </row>
    <row r="605821" spans="14:14">
      <c r="N605821" s="10"/>
    </row>
    <row r="605822" spans="14:14">
      <c r="N605822" s="10"/>
    </row>
    <row r="605823" spans="14:14">
      <c r="N605823" s="10"/>
    </row>
    <row r="605824" spans="14:14">
      <c r="N605824" s="10"/>
    </row>
    <row r="605825" spans="14:14">
      <c r="N605825" s="10"/>
    </row>
    <row r="605826" spans="14:14">
      <c r="N605826" s="10"/>
    </row>
    <row r="605827" spans="14:14">
      <c r="N605827" s="10"/>
    </row>
    <row r="605828" spans="14:14">
      <c r="N605828" s="10"/>
    </row>
    <row r="605829" spans="14:14">
      <c r="N605829" s="10"/>
    </row>
    <row r="605830" spans="14:14">
      <c r="N605830" s="10"/>
    </row>
    <row r="605831" spans="14:14">
      <c r="N605831" s="10"/>
    </row>
    <row r="605832" spans="14:14">
      <c r="N605832" s="10"/>
    </row>
    <row r="605833" spans="14:14">
      <c r="N605833" s="10"/>
    </row>
    <row r="605834" spans="14:14">
      <c r="N605834" s="10"/>
    </row>
    <row r="605835" spans="14:14">
      <c r="N605835" s="10"/>
    </row>
    <row r="605836" spans="14:14">
      <c r="N605836" s="10"/>
    </row>
    <row r="605837" spans="14:14">
      <c r="N605837" s="10"/>
    </row>
    <row r="605838" spans="14:14">
      <c r="N605838" s="10"/>
    </row>
    <row r="605839" spans="14:14">
      <c r="N605839" s="10"/>
    </row>
    <row r="605840" spans="14:14">
      <c r="N605840" s="10"/>
    </row>
    <row r="605841" spans="14:14">
      <c r="N605841" s="10"/>
    </row>
    <row r="605842" spans="14:14">
      <c r="N605842" s="10"/>
    </row>
    <row r="605843" spans="14:14">
      <c r="N605843" s="10"/>
    </row>
    <row r="605844" spans="14:14">
      <c r="N605844" s="10"/>
    </row>
    <row r="605845" spans="14:14">
      <c r="N605845" s="10"/>
    </row>
    <row r="605846" spans="14:14">
      <c r="N605846" s="10"/>
    </row>
    <row r="605847" spans="14:14">
      <c r="N605847" s="10"/>
    </row>
    <row r="605848" spans="14:14">
      <c r="N605848" s="10"/>
    </row>
    <row r="605849" spans="14:14">
      <c r="N605849" s="10"/>
    </row>
    <row r="605850" spans="14:14">
      <c r="N605850" s="10"/>
    </row>
    <row r="605851" spans="14:14">
      <c r="N605851" s="10"/>
    </row>
    <row r="605852" spans="14:14">
      <c r="N605852" s="10"/>
    </row>
    <row r="605853" spans="14:14">
      <c r="N605853" s="10"/>
    </row>
    <row r="605854" spans="14:14">
      <c r="N605854" s="10"/>
    </row>
    <row r="605855" spans="14:14">
      <c r="N605855" s="10"/>
    </row>
    <row r="605856" spans="14:14">
      <c r="N605856" s="10"/>
    </row>
    <row r="605857" spans="14:14">
      <c r="N605857" s="10"/>
    </row>
    <row r="605858" spans="14:14">
      <c r="N605858" s="10"/>
    </row>
    <row r="605859" spans="14:14">
      <c r="N605859" s="10"/>
    </row>
    <row r="605860" spans="14:14">
      <c r="N605860" s="10"/>
    </row>
    <row r="605861" spans="14:14">
      <c r="N605861" s="10"/>
    </row>
    <row r="605862" spans="14:14">
      <c r="N605862" s="10"/>
    </row>
    <row r="605863" spans="14:14">
      <c r="N605863" s="10"/>
    </row>
    <row r="605864" spans="14:14">
      <c r="N605864" s="10"/>
    </row>
    <row r="605865" spans="14:14">
      <c r="N605865" s="10"/>
    </row>
    <row r="605866" spans="14:14">
      <c r="N605866" s="10"/>
    </row>
    <row r="605867" spans="14:14">
      <c r="N605867" s="10"/>
    </row>
    <row r="605868" spans="14:14">
      <c r="N605868" s="10"/>
    </row>
    <row r="605869" spans="14:14">
      <c r="N605869" s="10"/>
    </row>
    <row r="605870" spans="14:14">
      <c r="N605870" s="10"/>
    </row>
    <row r="605871" spans="14:14">
      <c r="N605871" s="10"/>
    </row>
    <row r="605872" spans="14:14">
      <c r="N605872" s="10"/>
    </row>
    <row r="605873" spans="14:14">
      <c r="N605873" s="10"/>
    </row>
    <row r="605874" spans="14:14">
      <c r="N605874" s="10"/>
    </row>
    <row r="605875" spans="14:14">
      <c r="N605875" s="10"/>
    </row>
    <row r="605876" spans="14:14">
      <c r="N605876" s="10"/>
    </row>
    <row r="605877" spans="14:14">
      <c r="N605877" s="10"/>
    </row>
    <row r="605878" spans="14:14">
      <c r="N605878" s="10"/>
    </row>
    <row r="605879" spans="14:14">
      <c r="N605879" s="10"/>
    </row>
    <row r="605880" spans="14:14">
      <c r="N605880" s="10"/>
    </row>
    <row r="605881" spans="14:14">
      <c r="N605881" s="10"/>
    </row>
    <row r="605882" spans="14:14">
      <c r="N605882" s="10"/>
    </row>
    <row r="605883" spans="14:14">
      <c r="N605883" s="10"/>
    </row>
    <row r="605884" spans="14:14">
      <c r="N605884" s="10"/>
    </row>
    <row r="605885" spans="14:14">
      <c r="N605885" s="10"/>
    </row>
    <row r="605886" spans="14:14">
      <c r="N605886" s="10"/>
    </row>
    <row r="605887" spans="14:14">
      <c r="N605887" s="10"/>
    </row>
    <row r="605888" spans="14:14">
      <c r="N605888" s="10"/>
    </row>
    <row r="605889" spans="14:14">
      <c r="N605889" s="10"/>
    </row>
    <row r="605890" spans="14:14">
      <c r="N605890" s="10"/>
    </row>
    <row r="605891" spans="14:14">
      <c r="N605891" s="10"/>
    </row>
    <row r="605892" spans="14:14">
      <c r="N605892" s="10"/>
    </row>
    <row r="605893" spans="14:14">
      <c r="N605893" s="10"/>
    </row>
    <row r="605894" spans="14:14">
      <c r="N605894" s="10"/>
    </row>
    <row r="605895" spans="14:14">
      <c r="N605895" s="10"/>
    </row>
    <row r="605896" spans="14:14">
      <c r="N605896" s="10"/>
    </row>
    <row r="605897" spans="14:14">
      <c r="N605897" s="10"/>
    </row>
    <row r="605898" spans="14:14">
      <c r="N605898" s="10"/>
    </row>
    <row r="605899" spans="14:14">
      <c r="N605899" s="10"/>
    </row>
    <row r="605900" spans="14:14">
      <c r="N605900" s="10"/>
    </row>
    <row r="605901" spans="14:14">
      <c r="N605901" s="10"/>
    </row>
    <row r="605902" spans="14:14">
      <c r="N605902" s="10"/>
    </row>
    <row r="605903" spans="14:14">
      <c r="N605903" s="10"/>
    </row>
    <row r="605904" spans="14:14">
      <c r="N605904" s="10"/>
    </row>
    <row r="605905" spans="14:14">
      <c r="N605905" s="10"/>
    </row>
    <row r="605906" spans="14:14">
      <c r="N605906" s="10"/>
    </row>
    <row r="605907" spans="14:14">
      <c r="N605907" s="10"/>
    </row>
    <row r="605908" spans="14:14">
      <c r="N605908" s="10"/>
    </row>
    <row r="605909" spans="14:14">
      <c r="N605909" s="10"/>
    </row>
    <row r="605910" spans="14:14">
      <c r="N605910" s="10"/>
    </row>
    <row r="605911" spans="14:14">
      <c r="N605911" s="10"/>
    </row>
    <row r="605912" spans="14:14">
      <c r="N605912" s="10"/>
    </row>
    <row r="605913" spans="14:14">
      <c r="N605913" s="10"/>
    </row>
    <row r="605914" spans="14:14">
      <c r="N605914" s="10"/>
    </row>
    <row r="605915" spans="14:14">
      <c r="N605915" s="10"/>
    </row>
    <row r="605916" spans="14:14">
      <c r="N605916" s="10"/>
    </row>
    <row r="605917" spans="14:14">
      <c r="N605917" s="10"/>
    </row>
    <row r="605918" spans="14:14">
      <c r="N605918" s="10"/>
    </row>
    <row r="605919" spans="14:14">
      <c r="N605919" s="10"/>
    </row>
    <row r="605920" spans="14:14">
      <c r="N605920" s="10"/>
    </row>
    <row r="605921" spans="14:14">
      <c r="N605921" s="10"/>
    </row>
    <row r="605922" spans="14:14">
      <c r="N605922" s="10"/>
    </row>
    <row r="605923" spans="14:14">
      <c r="N605923" s="10"/>
    </row>
    <row r="605924" spans="14:14">
      <c r="N605924" s="10"/>
    </row>
    <row r="605925" spans="14:14">
      <c r="N605925" s="10"/>
    </row>
    <row r="605926" spans="14:14">
      <c r="N605926" s="10"/>
    </row>
    <row r="605927" spans="14:14">
      <c r="N605927" s="10"/>
    </row>
    <row r="605928" spans="14:14">
      <c r="N605928" s="10"/>
    </row>
    <row r="605929" spans="14:14">
      <c r="N605929" s="10"/>
    </row>
    <row r="605930" spans="14:14">
      <c r="N605930" s="10"/>
    </row>
    <row r="605931" spans="14:14">
      <c r="N605931" s="10"/>
    </row>
    <row r="605932" spans="14:14">
      <c r="N605932" s="10"/>
    </row>
    <row r="605933" spans="14:14">
      <c r="N605933" s="10"/>
    </row>
    <row r="605934" spans="14:14">
      <c r="N605934" s="10"/>
    </row>
    <row r="605935" spans="14:14">
      <c r="N605935" s="10"/>
    </row>
    <row r="605936" spans="14:14">
      <c r="N605936" s="10"/>
    </row>
    <row r="605937" spans="14:14">
      <c r="N605937" s="10"/>
    </row>
    <row r="605938" spans="14:14">
      <c r="N605938" s="10"/>
    </row>
    <row r="605939" spans="14:14">
      <c r="N605939" s="10"/>
    </row>
    <row r="605940" spans="14:14">
      <c r="N605940" s="10"/>
    </row>
    <row r="605941" spans="14:14">
      <c r="N605941" s="10"/>
    </row>
    <row r="605942" spans="14:14">
      <c r="N605942" s="10"/>
    </row>
    <row r="605943" spans="14:14">
      <c r="N605943" s="10"/>
    </row>
    <row r="605944" spans="14:14">
      <c r="N605944" s="10"/>
    </row>
    <row r="605945" spans="14:14">
      <c r="N605945" s="10"/>
    </row>
    <row r="605946" spans="14:14">
      <c r="N605946" s="10"/>
    </row>
    <row r="605947" spans="14:14">
      <c r="N605947" s="10"/>
    </row>
    <row r="605948" spans="14:14">
      <c r="N605948" s="10"/>
    </row>
    <row r="605949" spans="14:14">
      <c r="N605949" s="10"/>
    </row>
    <row r="605950" spans="14:14">
      <c r="N605950" s="10"/>
    </row>
    <row r="605951" spans="14:14">
      <c r="N605951" s="10"/>
    </row>
    <row r="605952" spans="14:14">
      <c r="N605952" s="10"/>
    </row>
    <row r="605953" spans="14:14">
      <c r="N605953" s="10"/>
    </row>
    <row r="605954" spans="14:14">
      <c r="N605954" s="10"/>
    </row>
    <row r="605955" spans="14:14">
      <c r="N605955" s="10"/>
    </row>
    <row r="605956" spans="14:14">
      <c r="N605956" s="10"/>
    </row>
    <row r="605957" spans="14:14">
      <c r="N605957" s="10"/>
    </row>
    <row r="605958" spans="14:14">
      <c r="N605958" s="10"/>
    </row>
    <row r="605959" spans="14:14">
      <c r="N605959" s="10"/>
    </row>
    <row r="605960" spans="14:14">
      <c r="N605960" s="10"/>
    </row>
    <row r="605961" spans="14:14">
      <c r="N605961" s="10"/>
    </row>
    <row r="605962" spans="14:14">
      <c r="N605962" s="10"/>
    </row>
    <row r="605963" spans="14:14">
      <c r="N605963" s="10"/>
    </row>
    <row r="605964" spans="14:14">
      <c r="N605964" s="10"/>
    </row>
    <row r="605965" spans="14:14">
      <c r="N605965" s="10"/>
    </row>
    <row r="605966" spans="14:14">
      <c r="N605966" s="10"/>
    </row>
    <row r="605967" spans="14:14">
      <c r="N605967" s="10"/>
    </row>
    <row r="605968" spans="14:14">
      <c r="N605968" s="10"/>
    </row>
    <row r="605969" spans="14:14">
      <c r="N605969" s="10"/>
    </row>
    <row r="605970" spans="14:14">
      <c r="N605970" s="10"/>
    </row>
    <row r="605971" spans="14:14">
      <c r="N605971" s="10"/>
    </row>
    <row r="605972" spans="14:14">
      <c r="N605972" s="10"/>
    </row>
    <row r="605973" spans="14:14">
      <c r="N605973" s="10"/>
    </row>
    <row r="605974" spans="14:14">
      <c r="N605974" s="10"/>
    </row>
    <row r="605975" spans="14:14">
      <c r="N605975" s="10"/>
    </row>
    <row r="605976" spans="14:14">
      <c r="N605976" s="10"/>
    </row>
    <row r="605977" spans="14:14">
      <c r="N605977" s="10"/>
    </row>
    <row r="605978" spans="14:14">
      <c r="N605978" s="10"/>
    </row>
    <row r="605979" spans="14:14">
      <c r="N605979" s="10"/>
    </row>
    <row r="605980" spans="14:14">
      <c r="N605980" s="10"/>
    </row>
    <row r="605981" spans="14:14">
      <c r="N605981" s="10"/>
    </row>
    <row r="605982" spans="14:14">
      <c r="N605982" s="10"/>
    </row>
    <row r="605983" spans="14:14">
      <c r="N605983" s="10"/>
    </row>
    <row r="605984" spans="14:14">
      <c r="N605984" s="10"/>
    </row>
    <row r="605985" spans="14:14">
      <c r="N605985" s="10"/>
    </row>
    <row r="605986" spans="14:14">
      <c r="N605986" s="10"/>
    </row>
    <row r="605987" spans="14:14">
      <c r="N605987" s="10"/>
    </row>
    <row r="605988" spans="14:14">
      <c r="N605988" s="10"/>
    </row>
    <row r="605989" spans="14:14">
      <c r="N605989" s="10"/>
    </row>
    <row r="605990" spans="14:14">
      <c r="N605990" s="10"/>
    </row>
    <row r="605991" spans="14:14">
      <c r="N605991" s="10"/>
    </row>
    <row r="605992" spans="14:14">
      <c r="N605992" s="10"/>
    </row>
    <row r="605993" spans="14:14">
      <c r="N605993" s="10"/>
    </row>
    <row r="605994" spans="14:14">
      <c r="N605994" s="10"/>
    </row>
    <row r="605995" spans="14:14">
      <c r="N605995" s="10"/>
    </row>
    <row r="605996" spans="14:14">
      <c r="N605996" s="10"/>
    </row>
    <row r="605997" spans="14:14">
      <c r="N605997" s="10"/>
    </row>
    <row r="605998" spans="14:14">
      <c r="N605998" s="10"/>
    </row>
    <row r="605999" spans="14:14">
      <c r="N605999" s="10"/>
    </row>
    <row r="606000" spans="14:14">
      <c r="N606000" s="10"/>
    </row>
    <row r="606001" spans="14:14">
      <c r="N606001" s="10"/>
    </row>
    <row r="606002" spans="14:14">
      <c r="N606002" s="10"/>
    </row>
    <row r="606003" spans="14:14">
      <c r="N606003" s="10"/>
    </row>
    <row r="606004" spans="14:14">
      <c r="N606004" s="10"/>
    </row>
    <row r="606005" spans="14:14">
      <c r="N606005" s="10"/>
    </row>
    <row r="606006" spans="14:14">
      <c r="N606006" s="10"/>
    </row>
    <row r="606007" spans="14:14">
      <c r="N606007" s="10"/>
    </row>
    <row r="606008" spans="14:14">
      <c r="N606008" s="10"/>
    </row>
    <row r="606009" spans="14:14">
      <c r="N606009" s="10"/>
    </row>
    <row r="606010" spans="14:14">
      <c r="N606010" s="10"/>
    </row>
    <row r="606011" spans="14:14">
      <c r="N606011" s="10"/>
    </row>
    <row r="606012" spans="14:14">
      <c r="N606012" s="10"/>
    </row>
    <row r="606013" spans="14:14">
      <c r="N606013" s="10"/>
    </row>
    <row r="606014" spans="14:14">
      <c r="N606014" s="10"/>
    </row>
    <row r="606015" spans="14:14">
      <c r="N606015" s="10"/>
    </row>
    <row r="606016" spans="14:14">
      <c r="N606016" s="10"/>
    </row>
    <row r="606017" spans="14:14">
      <c r="N606017" s="10"/>
    </row>
    <row r="606018" spans="14:14">
      <c r="N606018" s="10"/>
    </row>
    <row r="606019" spans="14:14">
      <c r="N606019" s="10"/>
    </row>
    <row r="606020" spans="14:14">
      <c r="N606020" s="10"/>
    </row>
    <row r="606021" spans="14:14">
      <c r="N606021" s="10"/>
    </row>
    <row r="606022" spans="14:14">
      <c r="N606022" s="10"/>
    </row>
    <row r="606023" spans="14:14">
      <c r="N606023" s="10"/>
    </row>
    <row r="606024" spans="14:14">
      <c r="N606024" s="10"/>
    </row>
    <row r="606025" spans="14:14">
      <c r="N606025" s="10"/>
    </row>
    <row r="606026" spans="14:14">
      <c r="N606026" s="10"/>
    </row>
    <row r="606027" spans="14:14">
      <c r="N606027" s="10"/>
    </row>
    <row r="606028" spans="14:14">
      <c r="N606028" s="10"/>
    </row>
    <row r="606029" spans="14:14">
      <c r="N606029" s="10"/>
    </row>
    <row r="606030" spans="14:14">
      <c r="N606030" s="10"/>
    </row>
    <row r="606031" spans="14:14">
      <c r="N606031" s="10"/>
    </row>
    <row r="606032" spans="14:14">
      <c r="N606032" s="10"/>
    </row>
    <row r="606033" spans="14:14">
      <c r="N606033" s="10"/>
    </row>
    <row r="606034" spans="14:14">
      <c r="N606034" s="10"/>
    </row>
    <row r="606035" spans="14:14">
      <c r="N606035" s="10"/>
    </row>
    <row r="606036" spans="14:14">
      <c r="N606036" s="10"/>
    </row>
    <row r="606037" spans="14:14">
      <c r="N606037" s="10"/>
    </row>
    <row r="606038" spans="14:14">
      <c r="N606038" s="10"/>
    </row>
    <row r="606039" spans="14:14">
      <c r="N606039" s="10"/>
    </row>
    <row r="606040" spans="14:14">
      <c r="N606040" s="10"/>
    </row>
    <row r="606041" spans="14:14">
      <c r="N606041" s="10"/>
    </row>
    <row r="606042" spans="14:14">
      <c r="N606042" s="10"/>
    </row>
    <row r="606043" spans="14:14">
      <c r="N606043" s="10"/>
    </row>
    <row r="606044" spans="14:14">
      <c r="N606044" s="10"/>
    </row>
    <row r="606045" spans="14:14">
      <c r="N606045" s="10"/>
    </row>
    <row r="606046" spans="14:14">
      <c r="N606046" s="10"/>
    </row>
    <row r="606047" spans="14:14">
      <c r="N606047" s="10"/>
    </row>
    <row r="606048" spans="14:14">
      <c r="N606048" s="10"/>
    </row>
    <row r="606049" spans="14:14">
      <c r="N606049" s="10"/>
    </row>
    <row r="606050" spans="14:14">
      <c r="N606050" s="10"/>
    </row>
    <row r="606051" spans="14:14">
      <c r="N606051" s="10"/>
    </row>
    <row r="606052" spans="14:14">
      <c r="N606052" s="10"/>
    </row>
    <row r="606053" spans="14:14">
      <c r="N606053" s="10"/>
    </row>
    <row r="606054" spans="14:14">
      <c r="N606054" s="10"/>
    </row>
    <row r="606055" spans="14:14">
      <c r="N606055" s="10"/>
    </row>
    <row r="606056" spans="14:14">
      <c r="N606056" s="10"/>
    </row>
    <row r="606057" spans="14:14">
      <c r="N606057" s="10"/>
    </row>
    <row r="606058" spans="14:14">
      <c r="N606058" s="10"/>
    </row>
    <row r="606059" spans="14:14">
      <c r="N606059" s="10"/>
    </row>
    <row r="606060" spans="14:14">
      <c r="N606060" s="10"/>
    </row>
    <row r="606061" spans="14:14">
      <c r="N606061" s="10"/>
    </row>
    <row r="606062" spans="14:14">
      <c r="N606062" s="10"/>
    </row>
    <row r="606063" spans="14:14">
      <c r="N606063" s="10"/>
    </row>
    <row r="606064" spans="14:14">
      <c r="N606064" s="10"/>
    </row>
    <row r="606065" spans="14:14">
      <c r="N606065" s="10"/>
    </row>
    <row r="606066" spans="14:14">
      <c r="N606066" s="10"/>
    </row>
    <row r="606067" spans="14:14">
      <c r="N606067" s="10"/>
    </row>
    <row r="606068" spans="14:14">
      <c r="N606068" s="10"/>
    </row>
    <row r="606069" spans="14:14">
      <c r="N606069" s="10"/>
    </row>
    <row r="606070" spans="14:14">
      <c r="N606070" s="10"/>
    </row>
    <row r="606071" spans="14:14">
      <c r="N606071" s="10"/>
    </row>
    <row r="606072" spans="14:14">
      <c r="N606072" s="10"/>
    </row>
    <row r="606073" spans="14:14">
      <c r="N606073" s="10"/>
    </row>
    <row r="606074" spans="14:14">
      <c r="N606074" s="10"/>
    </row>
    <row r="606075" spans="14:14">
      <c r="N606075" s="10"/>
    </row>
    <row r="606076" spans="14:14">
      <c r="N606076" s="10"/>
    </row>
    <row r="606077" spans="14:14">
      <c r="N606077" s="10"/>
    </row>
    <row r="606078" spans="14:14">
      <c r="N606078" s="10"/>
    </row>
    <row r="606079" spans="14:14">
      <c r="N606079" s="10"/>
    </row>
    <row r="606080" spans="14:14">
      <c r="N606080" s="10"/>
    </row>
    <row r="606081" spans="14:14">
      <c r="N606081" s="10"/>
    </row>
    <row r="606082" spans="14:14">
      <c r="N606082" s="10"/>
    </row>
    <row r="606083" spans="14:14">
      <c r="N606083" s="10"/>
    </row>
    <row r="606084" spans="14:14">
      <c r="N606084" s="10"/>
    </row>
    <row r="606085" spans="14:14">
      <c r="N606085" s="10"/>
    </row>
    <row r="606086" spans="14:14">
      <c r="N606086" s="10"/>
    </row>
    <row r="606087" spans="14:14">
      <c r="N606087" s="10"/>
    </row>
    <row r="606088" spans="14:14">
      <c r="N606088" s="10"/>
    </row>
    <row r="606089" spans="14:14">
      <c r="N606089" s="10"/>
    </row>
    <row r="606090" spans="14:14">
      <c r="N606090" s="10"/>
    </row>
    <row r="606091" spans="14:14">
      <c r="N606091" s="10"/>
    </row>
    <row r="606092" spans="14:14">
      <c r="N606092" s="10"/>
    </row>
    <row r="606093" spans="14:14">
      <c r="N606093" s="10"/>
    </row>
    <row r="606094" spans="14:14">
      <c r="N606094" s="10"/>
    </row>
    <row r="606095" spans="14:14">
      <c r="N606095" s="10"/>
    </row>
    <row r="606096" spans="14:14">
      <c r="N606096" s="10"/>
    </row>
    <row r="606097" spans="14:14">
      <c r="N606097" s="10"/>
    </row>
    <row r="606098" spans="14:14">
      <c r="N606098" s="10"/>
    </row>
    <row r="606099" spans="14:14">
      <c r="N606099" s="10"/>
    </row>
    <row r="606100" spans="14:14">
      <c r="N606100" s="10"/>
    </row>
    <row r="606101" spans="14:14">
      <c r="N606101" s="10"/>
    </row>
    <row r="606102" spans="14:14">
      <c r="N606102" s="10"/>
    </row>
    <row r="606103" spans="14:14">
      <c r="N606103" s="10"/>
    </row>
    <row r="606104" spans="14:14">
      <c r="N606104" s="10"/>
    </row>
    <row r="606105" spans="14:14">
      <c r="N606105" s="10"/>
    </row>
    <row r="606106" spans="14:14">
      <c r="N606106" s="10"/>
    </row>
    <row r="606107" spans="14:14">
      <c r="N606107" s="10"/>
    </row>
    <row r="606108" spans="14:14">
      <c r="N606108" s="10"/>
    </row>
    <row r="606109" spans="14:14">
      <c r="N606109" s="10"/>
    </row>
    <row r="606110" spans="14:14">
      <c r="N606110" s="10"/>
    </row>
    <row r="606111" spans="14:14">
      <c r="N606111" s="10"/>
    </row>
    <row r="606112" spans="14:14">
      <c r="N606112" s="10"/>
    </row>
    <row r="606113" spans="14:14">
      <c r="N606113" s="10"/>
    </row>
    <row r="606114" spans="14:14">
      <c r="N606114" s="10"/>
    </row>
    <row r="606115" spans="14:14">
      <c r="N606115" s="10"/>
    </row>
    <row r="606116" spans="14:14">
      <c r="N606116" s="10"/>
    </row>
    <row r="606117" spans="14:14">
      <c r="N606117" s="10"/>
    </row>
    <row r="606118" spans="14:14">
      <c r="N606118" s="10"/>
    </row>
    <row r="606119" spans="14:14">
      <c r="N606119" s="10"/>
    </row>
    <row r="606120" spans="14:14">
      <c r="N606120" s="10"/>
    </row>
    <row r="606121" spans="14:14">
      <c r="N606121" s="10"/>
    </row>
    <row r="606122" spans="14:14">
      <c r="N606122" s="10"/>
    </row>
    <row r="606123" spans="14:14">
      <c r="N606123" s="10"/>
    </row>
    <row r="606124" spans="14:14">
      <c r="N606124" s="10"/>
    </row>
    <row r="606125" spans="14:14">
      <c r="N606125" s="10"/>
    </row>
    <row r="606126" spans="14:14">
      <c r="N606126" s="10"/>
    </row>
    <row r="606127" spans="14:14">
      <c r="N606127" s="10"/>
    </row>
    <row r="606128" spans="14:14">
      <c r="N606128" s="10"/>
    </row>
    <row r="606129" spans="14:14">
      <c r="N606129" s="10"/>
    </row>
    <row r="606130" spans="14:14">
      <c r="N606130" s="10"/>
    </row>
    <row r="606131" spans="14:14">
      <c r="N606131" s="10"/>
    </row>
    <row r="606132" spans="14:14">
      <c r="N606132" s="10"/>
    </row>
    <row r="606133" spans="14:14">
      <c r="N606133" s="10"/>
    </row>
    <row r="606134" spans="14:14">
      <c r="N606134" s="10"/>
    </row>
    <row r="606135" spans="14:14">
      <c r="N606135" s="10"/>
    </row>
    <row r="606136" spans="14:14">
      <c r="N606136" s="10"/>
    </row>
    <row r="606137" spans="14:14">
      <c r="N606137" s="10"/>
    </row>
    <row r="606138" spans="14:14">
      <c r="N606138" s="10"/>
    </row>
    <row r="606139" spans="14:14">
      <c r="N606139" s="10"/>
    </row>
    <row r="606140" spans="14:14">
      <c r="N606140" s="10"/>
    </row>
    <row r="606141" spans="14:14">
      <c r="N606141" s="10"/>
    </row>
    <row r="606142" spans="14:14">
      <c r="N606142" s="10"/>
    </row>
    <row r="606143" spans="14:14">
      <c r="N606143" s="10"/>
    </row>
    <row r="606144" spans="14:14">
      <c r="N606144" s="10"/>
    </row>
    <row r="606145" spans="14:14">
      <c r="N606145" s="10"/>
    </row>
    <row r="606146" spans="14:14">
      <c r="N606146" s="10"/>
    </row>
    <row r="606147" spans="14:14">
      <c r="N606147" s="10"/>
    </row>
    <row r="606148" spans="14:14">
      <c r="N606148" s="10"/>
    </row>
    <row r="606149" spans="14:14">
      <c r="N606149" s="10"/>
    </row>
    <row r="606150" spans="14:14">
      <c r="N606150" s="10"/>
    </row>
    <row r="606151" spans="14:14">
      <c r="N606151" s="10"/>
    </row>
    <row r="606152" spans="14:14">
      <c r="N606152" s="10"/>
    </row>
    <row r="606153" spans="14:14">
      <c r="N606153" s="10"/>
    </row>
    <row r="606154" spans="14:14">
      <c r="N606154" s="10"/>
    </row>
    <row r="606155" spans="14:14">
      <c r="N606155" s="10"/>
    </row>
    <row r="606156" spans="14:14">
      <c r="N606156" s="10"/>
    </row>
    <row r="606157" spans="14:14">
      <c r="N606157" s="10"/>
    </row>
    <row r="606158" spans="14:14">
      <c r="N606158" s="10"/>
    </row>
    <row r="606159" spans="14:14">
      <c r="N606159" s="10"/>
    </row>
    <row r="606160" spans="14:14">
      <c r="N606160" s="10"/>
    </row>
    <row r="606161" spans="14:14">
      <c r="N606161" s="10"/>
    </row>
    <row r="606162" spans="14:14">
      <c r="N606162" s="10"/>
    </row>
    <row r="606163" spans="14:14">
      <c r="N606163" s="10"/>
    </row>
    <row r="606164" spans="14:14">
      <c r="N606164" s="10"/>
    </row>
    <row r="606165" spans="14:14">
      <c r="N606165" s="10"/>
    </row>
    <row r="606166" spans="14:14">
      <c r="N606166" s="10"/>
    </row>
    <row r="606167" spans="14:14">
      <c r="N606167" s="10"/>
    </row>
    <row r="606168" spans="14:14">
      <c r="N606168" s="10"/>
    </row>
    <row r="606169" spans="14:14">
      <c r="N606169" s="10"/>
    </row>
    <row r="606170" spans="14:14">
      <c r="N606170" s="10"/>
    </row>
    <row r="606171" spans="14:14">
      <c r="N606171" s="10"/>
    </row>
    <row r="606172" spans="14:14">
      <c r="N606172" s="10"/>
    </row>
    <row r="606173" spans="14:14">
      <c r="N606173" s="10"/>
    </row>
    <row r="606174" spans="14:14">
      <c r="N606174" s="10"/>
    </row>
    <row r="606175" spans="14:14">
      <c r="N606175" s="10"/>
    </row>
    <row r="606176" spans="14:14">
      <c r="N606176" s="10"/>
    </row>
    <row r="606177" spans="14:14">
      <c r="N606177" s="10"/>
    </row>
    <row r="606178" spans="14:14">
      <c r="N606178" s="10"/>
    </row>
    <row r="606179" spans="14:14">
      <c r="N606179" s="10"/>
    </row>
    <row r="606180" spans="14:14">
      <c r="N606180" s="10"/>
    </row>
    <row r="606181" spans="14:14">
      <c r="N606181" s="10"/>
    </row>
    <row r="606182" spans="14:14">
      <c r="N606182" s="10"/>
    </row>
    <row r="606183" spans="14:14">
      <c r="N606183" s="10"/>
    </row>
    <row r="606184" spans="14:14">
      <c r="N606184" s="10"/>
    </row>
    <row r="606185" spans="14:14">
      <c r="N606185" s="10"/>
    </row>
    <row r="606186" spans="14:14">
      <c r="N606186" s="10"/>
    </row>
    <row r="606187" spans="14:14">
      <c r="N606187" s="10"/>
    </row>
    <row r="606188" spans="14:14">
      <c r="N606188" s="10"/>
    </row>
    <row r="606189" spans="14:14">
      <c r="N606189" s="10"/>
    </row>
    <row r="606190" spans="14:14">
      <c r="N606190" s="10"/>
    </row>
    <row r="606191" spans="14:14">
      <c r="N606191" s="10"/>
    </row>
    <row r="606192" spans="14:14">
      <c r="N606192" s="10"/>
    </row>
    <row r="606193" spans="14:14">
      <c r="N606193" s="10"/>
    </row>
    <row r="606194" spans="14:14">
      <c r="N606194" s="10"/>
    </row>
    <row r="606195" spans="14:14">
      <c r="N606195" s="10"/>
    </row>
    <row r="606196" spans="14:14">
      <c r="N606196" s="10"/>
    </row>
    <row r="606197" spans="14:14">
      <c r="N606197" s="10"/>
    </row>
    <row r="606198" spans="14:14">
      <c r="N606198" s="10"/>
    </row>
    <row r="606199" spans="14:14">
      <c r="N606199" s="10"/>
    </row>
    <row r="606200" spans="14:14">
      <c r="N606200" s="10"/>
    </row>
    <row r="606201" spans="14:14">
      <c r="N606201" s="10"/>
    </row>
    <row r="606202" spans="14:14">
      <c r="N606202" s="10"/>
    </row>
    <row r="606203" spans="14:14">
      <c r="N606203" s="10"/>
    </row>
    <row r="606204" spans="14:14">
      <c r="N606204" s="10"/>
    </row>
    <row r="606205" spans="14:14">
      <c r="N606205" s="10"/>
    </row>
    <row r="606206" spans="14:14">
      <c r="N606206" s="10"/>
    </row>
    <row r="606207" spans="14:14">
      <c r="N606207" s="10"/>
    </row>
    <row r="606208" spans="14:14">
      <c r="N606208" s="10"/>
    </row>
    <row r="606209" spans="14:14">
      <c r="N606209" s="10"/>
    </row>
    <row r="606210" spans="14:14">
      <c r="N606210" s="10"/>
    </row>
    <row r="606211" spans="14:14">
      <c r="N606211" s="10"/>
    </row>
    <row r="606212" spans="14:14">
      <c r="N606212" s="10"/>
    </row>
    <row r="606213" spans="14:14">
      <c r="N606213" s="10"/>
    </row>
    <row r="606214" spans="14:14">
      <c r="N606214" s="10"/>
    </row>
    <row r="606215" spans="14:14">
      <c r="N606215" s="10"/>
    </row>
    <row r="606216" spans="14:14">
      <c r="N606216" s="10"/>
    </row>
    <row r="606217" spans="14:14">
      <c r="N606217" s="10"/>
    </row>
    <row r="606218" spans="14:14">
      <c r="N606218" s="10"/>
    </row>
    <row r="606219" spans="14:14">
      <c r="N606219" s="10"/>
    </row>
    <row r="606220" spans="14:14">
      <c r="N606220" s="10"/>
    </row>
    <row r="606221" spans="14:14">
      <c r="N606221" s="10"/>
    </row>
    <row r="606222" spans="14:14">
      <c r="N606222" s="10"/>
    </row>
    <row r="606223" spans="14:14">
      <c r="N606223" s="10"/>
    </row>
    <row r="606224" spans="14:14">
      <c r="N606224" s="10"/>
    </row>
    <row r="606225" spans="14:14">
      <c r="N606225" s="10"/>
    </row>
    <row r="606226" spans="14:14">
      <c r="N606226" s="10"/>
    </row>
    <row r="606227" spans="14:14">
      <c r="N606227" s="10"/>
    </row>
    <row r="606228" spans="14:14">
      <c r="N606228" s="10"/>
    </row>
    <row r="606229" spans="14:14">
      <c r="N606229" s="10"/>
    </row>
    <row r="606230" spans="14:14">
      <c r="N606230" s="10"/>
    </row>
    <row r="606231" spans="14:14">
      <c r="N606231" s="10"/>
    </row>
    <row r="606232" spans="14:14">
      <c r="N606232" s="10"/>
    </row>
    <row r="606233" spans="14:14">
      <c r="N606233" s="10"/>
    </row>
    <row r="606234" spans="14:14">
      <c r="N606234" s="10"/>
    </row>
    <row r="606235" spans="14:14">
      <c r="N606235" s="10"/>
    </row>
    <row r="606236" spans="14:14">
      <c r="N606236" s="10"/>
    </row>
    <row r="606237" spans="14:14">
      <c r="N606237" s="10"/>
    </row>
    <row r="606238" spans="14:14">
      <c r="N606238" s="10"/>
    </row>
    <row r="606239" spans="14:14">
      <c r="N606239" s="10"/>
    </row>
    <row r="606240" spans="14:14">
      <c r="N606240" s="10"/>
    </row>
    <row r="606241" spans="14:14">
      <c r="N606241" s="10"/>
    </row>
    <row r="606242" spans="14:14">
      <c r="N606242" s="10"/>
    </row>
    <row r="606243" spans="14:14">
      <c r="N606243" s="10"/>
    </row>
    <row r="606244" spans="14:14">
      <c r="N606244" s="10"/>
    </row>
    <row r="606245" spans="14:14">
      <c r="N606245" s="10"/>
    </row>
    <row r="606246" spans="14:14">
      <c r="N606246" s="10"/>
    </row>
    <row r="606247" spans="14:14">
      <c r="N606247" s="10"/>
    </row>
    <row r="606248" spans="14:14">
      <c r="N606248" s="10"/>
    </row>
    <row r="606249" spans="14:14">
      <c r="N606249" s="10"/>
    </row>
    <row r="606250" spans="14:14">
      <c r="N606250" s="10"/>
    </row>
    <row r="606251" spans="14:14">
      <c r="N606251" s="10"/>
    </row>
    <row r="606252" spans="14:14">
      <c r="N606252" s="10"/>
    </row>
    <row r="606253" spans="14:14">
      <c r="N606253" s="10"/>
    </row>
    <row r="606254" spans="14:14">
      <c r="N606254" s="10"/>
    </row>
    <row r="606255" spans="14:14">
      <c r="N606255" s="10"/>
    </row>
    <row r="606256" spans="14:14">
      <c r="N606256" s="10"/>
    </row>
    <row r="606257" spans="14:14">
      <c r="N606257" s="10"/>
    </row>
    <row r="606258" spans="14:14">
      <c r="N606258" s="10"/>
    </row>
    <row r="606259" spans="14:14">
      <c r="N606259" s="10"/>
    </row>
    <row r="606260" spans="14:14">
      <c r="N606260" s="10"/>
    </row>
    <row r="606261" spans="14:14">
      <c r="N606261" s="10"/>
    </row>
    <row r="606262" spans="14:14">
      <c r="N606262" s="10"/>
    </row>
    <row r="606263" spans="14:14">
      <c r="N606263" s="10"/>
    </row>
    <row r="606264" spans="14:14">
      <c r="N606264" s="10"/>
    </row>
    <row r="606265" spans="14:14">
      <c r="N606265" s="10"/>
    </row>
    <row r="606266" spans="14:14">
      <c r="N606266" s="10"/>
    </row>
    <row r="606267" spans="14:14">
      <c r="N606267" s="10"/>
    </row>
    <row r="606268" spans="14:14">
      <c r="N606268" s="10"/>
    </row>
    <row r="606269" spans="14:14">
      <c r="N606269" s="10"/>
    </row>
    <row r="606270" spans="14:14">
      <c r="N606270" s="10"/>
    </row>
    <row r="606271" spans="14:14">
      <c r="N606271" s="10"/>
    </row>
    <row r="606272" spans="14:14">
      <c r="N606272" s="10"/>
    </row>
    <row r="606273" spans="14:14">
      <c r="N606273" s="10"/>
    </row>
    <row r="606274" spans="14:14">
      <c r="N606274" s="10"/>
    </row>
    <row r="606275" spans="14:14">
      <c r="N606275" s="10"/>
    </row>
    <row r="606276" spans="14:14">
      <c r="N606276" s="10"/>
    </row>
    <row r="606277" spans="14:14">
      <c r="N606277" s="10"/>
    </row>
    <row r="606278" spans="14:14">
      <c r="N606278" s="10"/>
    </row>
    <row r="606279" spans="14:14">
      <c r="N606279" s="10"/>
    </row>
    <row r="606280" spans="14:14">
      <c r="N606280" s="10"/>
    </row>
    <row r="606281" spans="14:14">
      <c r="N606281" s="10"/>
    </row>
    <row r="606282" spans="14:14">
      <c r="N606282" s="10"/>
    </row>
    <row r="606283" spans="14:14">
      <c r="N606283" s="10"/>
    </row>
    <row r="606284" spans="14:14">
      <c r="N606284" s="10"/>
    </row>
    <row r="606285" spans="14:14">
      <c r="N606285" s="10"/>
    </row>
    <row r="606286" spans="14:14">
      <c r="N606286" s="10"/>
    </row>
    <row r="606287" spans="14:14">
      <c r="N606287" s="10"/>
    </row>
    <row r="606288" spans="14:14">
      <c r="N606288" s="10"/>
    </row>
    <row r="606289" spans="14:14">
      <c r="N606289" s="10"/>
    </row>
    <row r="606290" spans="14:14">
      <c r="N606290" s="10"/>
    </row>
    <row r="606291" spans="14:14">
      <c r="N606291" s="10"/>
    </row>
    <row r="606292" spans="14:14">
      <c r="N606292" s="10"/>
    </row>
    <row r="606293" spans="14:14">
      <c r="N606293" s="10"/>
    </row>
    <row r="606294" spans="14:14">
      <c r="N606294" s="10"/>
    </row>
    <row r="606295" spans="14:14">
      <c r="N606295" s="10"/>
    </row>
    <row r="606296" spans="14:14">
      <c r="N606296" s="10"/>
    </row>
    <row r="606297" spans="14:14">
      <c r="N606297" s="10"/>
    </row>
    <row r="606298" spans="14:14">
      <c r="N606298" s="10"/>
    </row>
    <row r="606299" spans="14:14">
      <c r="N606299" s="10"/>
    </row>
    <row r="606300" spans="14:14">
      <c r="N606300" s="10"/>
    </row>
    <row r="606301" spans="14:14">
      <c r="N606301" s="10"/>
    </row>
    <row r="606302" spans="14:14">
      <c r="N606302" s="10"/>
    </row>
    <row r="606303" spans="14:14">
      <c r="N606303" s="10"/>
    </row>
    <row r="606304" spans="14:14">
      <c r="N606304" s="10"/>
    </row>
    <row r="606305" spans="14:14">
      <c r="N606305" s="10"/>
    </row>
    <row r="606306" spans="14:14">
      <c r="N606306" s="10"/>
    </row>
    <row r="606307" spans="14:14">
      <c r="N606307" s="10"/>
    </row>
    <row r="606308" spans="14:14">
      <c r="N606308" s="10"/>
    </row>
    <row r="606309" spans="14:14">
      <c r="N606309" s="10"/>
    </row>
    <row r="606310" spans="14:14">
      <c r="N606310" s="10"/>
    </row>
    <row r="606311" spans="14:14">
      <c r="N606311" s="10"/>
    </row>
    <row r="606312" spans="14:14">
      <c r="N606312" s="10"/>
    </row>
    <row r="606313" spans="14:14">
      <c r="N606313" s="10"/>
    </row>
    <row r="606314" spans="14:14">
      <c r="N606314" s="10"/>
    </row>
    <row r="606315" spans="14:14">
      <c r="N606315" s="10"/>
    </row>
    <row r="606316" spans="14:14">
      <c r="N606316" s="10"/>
    </row>
    <row r="606317" spans="14:14">
      <c r="N606317" s="10"/>
    </row>
    <row r="606318" spans="14:14">
      <c r="N606318" s="10"/>
    </row>
    <row r="606319" spans="14:14">
      <c r="N606319" s="10"/>
    </row>
    <row r="606320" spans="14:14">
      <c r="N606320" s="10"/>
    </row>
    <row r="606321" spans="14:14">
      <c r="N606321" s="10"/>
    </row>
    <row r="606322" spans="14:14">
      <c r="N606322" s="10"/>
    </row>
    <row r="606323" spans="14:14">
      <c r="N606323" s="10"/>
    </row>
    <row r="606324" spans="14:14">
      <c r="N606324" s="10"/>
    </row>
    <row r="606325" spans="14:14">
      <c r="N606325" s="10"/>
    </row>
    <row r="606326" spans="14:14">
      <c r="N606326" s="10"/>
    </row>
    <row r="606327" spans="14:14">
      <c r="N606327" s="10"/>
    </row>
    <row r="606328" spans="14:14">
      <c r="N606328" s="10"/>
    </row>
    <row r="606329" spans="14:14">
      <c r="N606329" s="10"/>
    </row>
    <row r="606330" spans="14:14">
      <c r="N606330" s="10"/>
    </row>
    <row r="606331" spans="14:14">
      <c r="N606331" s="10"/>
    </row>
    <row r="606332" spans="14:14">
      <c r="N606332" s="10"/>
    </row>
    <row r="606333" spans="14:14">
      <c r="N606333" s="10"/>
    </row>
    <row r="606334" spans="14:14">
      <c r="N606334" s="10"/>
    </row>
    <row r="606335" spans="14:14">
      <c r="N606335" s="10"/>
    </row>
    <row r="606336" spans="14:14">
      <c r="N606336" s="10"/>
    </row>
    <row r="606337" spans="14:14">
      <c r="N606337" s="10"/>
    </row>
    <row r="606338" spans="14:14">
      <c r="N606338" s="10"/>
    </row>
    <row r="606339" spans="14:14">
      <c r="N606339" s="10"/>
    </row>
    <row r="606340" spans="14:14">
      <c r="N606340" s="10"/>
    </row>
    <row r="606341" spans="14:14">
      <c r="N606341" s="10"/>
    </row>
    <row r="606342" spans="14:14">
      <c r="N606342" s="10"/>
    </row>
    <row r="606343" spans="14:14">
      <c r="N606343" s="10"/>
    </row>
    <row r="606344" spans="14:14">
      <c r="N606344" s="10"/>
    </row>
    <row r="606345" spans="14:14">
      <c r="N606345" s="10"/>
    </row>
    <row r="606346" spans="14:14">
      <c r="N606346" s="10"/>
    </row>
    <row r="606347" spans="14:14">
      <c r="N606347" s="10"/>
    </row>
    <row r="606348" spans="14:14">
      <c r="N606348" s="10"/>
    </row>
    <row r="606349" spans="14:14">
      <c r="N606349" s="10"/>
    </row>
    <row r="606350" spans="14:14">
      <c r="N606350" s="10"/>
    </row>
    <row r="606351" spans="14:14">
      <c r="N606351" s="10"/>
    </row>
    <row r="606352" spans="14:14">
      <c r="N606352" s="10"/>
    </row>
    <row r="606353" spans="14:14">
      <c r="N606353" s="10"/>
    </row>
    <row r="606354" spans="14:14">
      <c r="N606354" s="10"/>
    </row>
    <row r="606355" spans="14:14">
      <c r="N606355" s="10"/>
    </row>
    <row r="606356" spans="14:14">
      <c r="N606356" s="10"/>
    </row>
    <row r="606357" spans="14:14">
      <c r="N606357" s="10"/>
    </row>
    <row r="606358" spans="14:14">
      <c r="N606358" s="10"/>
    </row>
    <row r="606359" spans="14:14">
      <c r="N606359" s="10"/>
    </row>
    <row r="606360" spans="14:14">
      <c r="N606360" s="10"/>
    </row>
    <row r="606361" spans="14:14">
      <c r="N606361" s="10"/>
    </row>
    <row r="606362" spans="14:14">
      <c r="N606362" s="10"/>
    </row>
    <row r="606363" spans="14:14">
      <c r="N606363" s="10"/>
    </row>
    <row r="606364" spans="14:14">
      <c r="N606364" s="10"/>
    </row>
    <row r="606365" spans="14:14">
      <c r="N606365" s="10"/>
    </row>
    <row r="606366" spans="14:14">
      <c r="N606366" s="10"/>
    </row>
    <row r="606367" spans="14:14">
      <c r="N606367" s="10"/>
    </row>
    <row r="606368" spans="14:14">
      <c r="N606368" s="10"/>
    </row>
    <row r="606369" spans="14:14">
      <c r="N606369" s="10"/>
    </row>
    <row r="606370" spans="14:14">
      <c r="N606370" s="10"/>
    </row>
    <row r="606371" spans="14:14">
      <c r="N606371" s="10"/>
    </row>
    <row r="606372" spans="14:14">
      <c r="N606372" s="10"/>
    </row>
    <row r="606373" spans="14:14">
      <c r="N606373" s="10"/>
    </row>
    <row r="606374" spans="14:14">
      <c r="N606374" s="10"/>
    </row>
    <row r="606375" spans="14:14">
      <c r="N606375" s="10"/>
    </row>
    <row r="606376" spans="14:14">
      <c r="N606376" s="10"/>
    </row>
    <row r="606377" spans="14:14">
      <c r="N606377" s="10"/>
    </row>
    <row r="606378" spans="14:14">
      <c r="N606378" s="10"/>
    </row>
    <row r="606379" spans="14:14">
      <c r="N606379" s="10"/>
    </row>
    <row r="606380" spans="14:14">
      <c r="N606380" s="10"/>
    </row>
    <row r="606381" spans="14:14">
      <c r="N606381" s="10"/>
    </row>
    <row r="606382" spans="14:14">
      <c r="N606382" s="10"/>
    </row>
    <row r="606383" spans="14:14">
      <c r="N606383" s="10"/>
    </row>
    <row r="606384" spans="14:14">
      <c r="N606384" s="10"/>
    </row>
    <row r="606385" spans="14:14">
      <c r="N606385" s="10"/>
    </row>
    <row r="606386" spans="14:14">
      <c r="N606386" s="10"/>
    </row>
    <row r="606387" spans="14:14">
      <c r="N606387" s="10"/>
    </row>
    <row r="606388" spans="14:14">
      <c r="N606388" s="10"/>
    </row>
    <row r="606389" spans="14:14">
      <c r="N606389" s="10"/>
    </row>
    <row r="606390" spans="14:14">
      <c r="N606390" s="10"/>
    </row>
    <row r="606391" spans="14:14">
      <c r="N606391" s="10"/>
    </row>
    <row r="606392" spans="14:14">
      <c r="N606392" s="10"/>
    </row>
    <row r="606393" spans="14:14">
      <c r="N606393" s="10"/>
    </row>
    <row r="606394" spans="14:14">
      <c r="N606394" s="10"/>
    </row>
    <row r="606395" spans="14:14">
      <c r="N606395" s="10"/>
    </row>
    <row r="606396" spans="14:14">
      <c r="N606396" s="10"/>
    </row>
    <row r="606397" spans="14:14">
      <c r="N606397" s="10"/>
    </row>
    <row r="606398" spans="14:14">
      <c r="N606398" s="10"/>
    </row>
    <row r="606399" spans="14:14">
      <c r="N606399" s="10"/>
    </row>
    <row r="606400" spans="14:14">
      <c r="N606400" s="10"/>
    </row>
    <row r="606401" spans="14:14">
      <c r="N606401" s="10"/>
    </row>
    <row r="606402" spans="14:14">
      <c r="N606402" s="10"/>
    </row>
    <row r="606403" spans="14:14">
      <c r="N606403" s="10"/>
    </row>
    <row r="606404" spans="14:14">
      <c r="N606404" s="10"/>
    </row>
    <row r="606405" spans="14:14">
      <c r="N606405" s="10"/>
    </row>
    <row r="606406" spans="14:14">
      <c r="N606406" s="10"/>
    </row>
    <row r="606407" spans="14:14">
      <c r="N606407" s="10"/>
    </row>
    <row r="606408" spans="14:14">
      <c r="N606408" s="10"/>
    </row>
    <row r="606409" spans="14:14">
      <c r="N606409" s="10"/>
    </row>
    <row r="606410" spans="14:14">
      <c r="N606410" s="10"/>
    </row>
    <row r="606411" spans="14:14">
      <c r="N606411" s="10"/>
    </row>
    <row r="606412" spans="14:14">
      <c r="N606412" s="10"/>
    </row>
    <row r="606413" spans="14:14">
      <c r="N606413" s="10"/>
    </row>
    <row r="606414" spans="14:14">
      <c r="N606414" s="10"/>
    </row>
    <row r="606415" spans="14:14">
      <c r="N606415" s="10"/>
    </row>
    <row r="606416" spans="14:14">
      <c r="N606416" s="10"/>
    </row>
    <row r="606417" spans="14:14">
      <c r="N606417" s="10"/>
    </row>
    <row r="606418" spans="14:14">
      <c r="N606418" s="10"/>
    </row>
    <row r="606419" spans="14:14">
      <c r="N606419" s="10"/>
    </row>
    <row r="606420" spans="14:14">
      <c r="N606420" s="10"/>
    </row>
    <row r="606421" spans="14:14">
      <c r="N606421" s="10"/>
    </row>
    <row r="606422" spans="14:14">
      <c r="N606422" s="10"/>
    </row>
    <row r="606423" spans="14:14">
      <c r="N606423" s="10"/>
    </row>
    <row r="606424" spans="14:14">
      <c r="N606424" s="10"/>
    </row>
    <row r="606425" spans="14:14">
      <c r="N606425" s="10"/>
    </row>
    <row r="606426" spans="14:14">
      <c r="N606426" s="10"/>
    </row>
    <row r="606427" spans="14:14">
      <c r="N606427" s="10"/>
    </row>
    <row r="606428" spans="14:14">
      <c r="N606428" s="10"/>
    </row>
    <row r="606429" spans="14:14">
      <c r="N606429" s="10"/>
    </row>
    <row r="606430" spans="14:14">
      <c r="N606430" s="10"/>
    </row>
    <row r="606431" spans="14:14">
      <c r="N606431" s="10"/>
    </row>
    <row r="606432" spans="14:14">
      <c r="N606432" s="10"/>
    </row>
    <row r="606433" spans="14:14">
      <c r="N606433" s="10"/>
    </row>
    <row r="606434" spans="14:14">
      <c r="N606434" s="10"/>
    </row>
    <row r="606435" spans="14:14">
      <c r="N606435" s="10"/>
    </row>
    <row r="606436" spans="14:14">
      <c r="N606436" s="10"/>
    </row>
    <row r="606437" spans="14:14">
      <c r="N606437" s="10"/>
    </row>
    <row r="606438" spans="14:14">
      <c r="N606438" s="10"/>
    </row>
    <row r="606439" spans="14:14">
      <c r="N606439" s="10"/>
    </row>
    <row r="606440" spans="14:14">
      <c r="N606440" s="10"/>
    </row>
    <row r="606441" spans="14:14">
      <c r="N606441" s="10"/>
    </row>
    <row r="606442" spans="14:14">
      <c r="N606442" s="10"/>
    </row>
    <row r="606443" spans="14:14">
      <c r="N606443" s="10"/>
    </row>
    <row r="606444" spans="14:14">
      <c r="N606444" s="10"/>
    </row>
    <row r="606445" spans="14:14">
      <c r="N606445" s="10"/>
    </row>
    <row r="606446" spans="14:14">
      <c r="N606446" s="10"/>
    </row>
    <row r="606447" spans="14:14">
      <c r="N606447" s="10"/>
    </row>
    <row r="606448" spans="14:14">
      <c r="N606448" s="10"/>
    </row>
    <row r="606449" spans="14:14">
      <c r="N606449" s="10"/>
    </row>
    <row r="606450" spans="14:14">
      <c r="N606450" s="10"/>
    </row>
    <row r="606451" spans="14:14">
      <c r="N606451" s="10"/>
    </row>
    <row r="606452" spans="14:14">
      <c r="N606452" s="10"/>
    </row>
    <row r="606453" spans="14:14">
      <c r="N606453" s="10"/>
    </row>
    <row r="606454" spans="14:14">
      <c r="N606454" s="10"/>
    </row>
    <row r="606455" spans="14:14">
      <c r="N606455" s="10"/>
    </row>
    <row r="606456" spans="14:14">
      <c r="N606456" s="10"/>
    </row>
    <row r="606457" spans="14:14">
      <c r="N606457" s="10"/>
    </row>
    <row r="606458" spans="14:14">
      <c r="N606458" s="10"/>
    </row>
    <row r="606459" spans="14:14">
      <c r="N606459" s="10"/>
    </row>
    <row r="606460" spans="14:14">
      <c r="N606460" s="10"/>
    </row>
    <row r="606461" spans="14:14">
      <c r="N606461" s="10"/>
    </row>
    <row r="606462" spans="14:14">
      <c r="N606462" s="10"/>
    </row>
    <row r="606463" spans="14:14">
      <c r="N606463" s="10"/>
    </row>
    <row r="606464" spans="14:14">
      <c r="N606464" s="10"/>
    </row>
    <row r="606465" spans="14:14">
      <c r="N606465" s="10"/>
    </row>
    <row r="606466" spans="14:14">
      <c r="N606466" s="10"/>
    </row>
    <row r="606467" spans="14:14">
      <c r="N606467" s="10"/>
    </row>
    <row r="606468" spans="14:14">
      <c r="N606468" s="10"/>
    </row>
    <row r="606469" spans="14:14">
      <c r="N606469" s="10"/>
    </row>
    <row r="606470" spans="14:14">
      <c r="N606470" s="10"/>
    </row>
    <row r="606471" spans="14:14">
      <c r="N606471" s="10"/>
    </row>
    <row r="606472" spans="14:14">
      <c r="N606472" s="10"/>
    </row>
    <row r="606473" spans="14:14">
      <c r="N606473" s="10"/>
    </row>
    <row r="606474" spans="14:14">
      <c r="N606474" s="10"/>
    </row>
    <row r="606475" spans="14:14">
      <c r="N606475" s="10"/>
    </row>
    <row r="606476" spans="14:14">
      <c r="N606476" s="10"/>
    </row>
    <row r="606477" spans="14:14">
      <c r="N606477" s="10"/>
    </row>
    <row r="606478" spans="14:14">
      <c r="N606478" s="10"/>
    </row>
    <row r="606479" spans="14:14">
      <c r="N606479" s="10"/>
    </row>
    <row r="606480" spans="14:14">
      <c r="N606480" s="10"/>
    </row>
    <row r="606481" spans="14:14">
      <c r="N606481" s="10"/>
    </row>
    <row r="606482" spans="14:14">
      <c r="N606482" s="10"/>
    </row>
    <row r="606483" spans="14:14">
      <c r="N606483" s="10"/>
    </row>
    <row r="606484" spans="14:14">
      <c r="N606484" s="10"/>
    </row>
    <row r="606485" spans="14:14">
      <c r="N606485" s="10"/>
    </row>
    <row r="606486" spans="14:14">
      <c r="N606486" s="10"/>
    </row>
    <row r="606487" spans="14:14">
      <c r="N606487" s="10"/>
    </row>
    <row r="606488" spans="14:14">
      <c r="N606488" s="10"/>
    </row>
    <row r="606489" spans="14:14">
      <c r="N606489" s="10"/>
    </row>
    <row r="606490" spans="14:14">
      <c r="N606490" s="10"/>
    </row>
    <row r="606491" spans="14:14">
      <c r="N606491" s="10"/>
    </row>
    <row r="606492" spans="14:14">
      <c r="N606492" s="10"/>
    </row>
    <row r="606493" spans="14:14">
      <c r="N606493" s="10"/>
    </row>
    <row r="606494" spans="14:14">
      <c r="N606494" s="10"/>
    </row>
    <row r="606495" spans="14:14">
      <c r="N606495" s="10"/>
    </row>
    <row r="606496" spans="14:14">
      <c r="N606496" s="10"/>
    </row>
    <row r="606497" spans="14:14">
      <c r="N606497" s="10"/>
    </row>
    <row r="606498" spans="14:14">
      <c r="N606498" s="10"/>
    </row>
    <row r="606499" spans="14:14">
      <c r="N606499" s="10"/>
    </row>
    <row r="606500" spans="14:14">
      <c r="N606500" s="10"/>
    </row>
    <row r="606501" spans="14:14">
      <c r="N606501" s="10"/>
    </row>
    <row r="606502" spans="14:14">
      <c r="N606502" s="10"/>
    </row>
    <row r="606503" spans="14:14">
      <c r="N606503" s="10"/>
    </row>
    <row r="606504" spans="14:14">
      <c r="N606504" s="10"/>
    </row>
    <row r="606505" spans="14:14">
      <c r="N606505" s="10"/>
    </row>
    <row r="606506" spans="14:14">
      <c r="N606506" s="10"/>
    </row>
    <row r="606507" spans="14:14">
      <c r="N606507" s="10"/>
    </row>
    <row r="606508" spans="14:14">
      <c r="N606508" s="10"/>
    </row>
    <row r="606509" spans="14:14">
      <c r="N606509" s="10"/>
    </row>
    <row r="606510" spans="14:14">
      <c r="N606510" s="10"/>
    </row>
    <row r="606511" spans="14:14">
      <c r="N606511" s="10"/>
    </row>
    <row r="606512" spans="14:14">
      <c r="N606512" s="10"/>
    </row>
    <row r="606513" spans="14:14">
      <c r="N606513" s="10"/>
    </row>
    <row r="606514" spans="14:14">
      <c r="N606514" s="10"/>
    </row>
    <row r="606515" spans="14:14">
      <c r="N606515" s="10"/>
    </row>
    <row r="606516" spans="14:14">
      <c r="N606516" s="10"/>
    </row>
    <row r="606517" spans="14:14">
      <c r="N606517" s="10"/>
    </row>
    <row r="606518" spans="14:14">
      <c r="N606518" s="10"/>
    </row>
    <row r="606519" spans="14:14">
      <c r="N606519" s="10"/>
    </row>
    <row r="606520" spans="14:14">
      <c r="N606520" s="10"/>
    </row>
    <row r="606521" spans="14:14">
      <c r="N606521" s="10"/>
    </row>
    <row r="606522" spans="14:14">
      <c r="N606522" s="10"/>
    </row>
    <row r="606523" spans="14:14">
      <c r="N606523" s="10"/>
    </row>
    <row r="606524" spans="14:14">
      <c r="N606524" s="10"/>
    </row>
    <row r="606525" spans="14:14">
      <c r="N606525" s="10"/>
    </row>
    <row r="606526" spans="14:14">
      <c r="N606526" s="10"/>
    </row>
    <row r="606527" spans="14:14">
      <c r="N606527" s="10"/>
    </row>
    <row r="606528" spans="14:14">
      <c r="N606528" s="10"/>
    </row>
    <row r="606529" spans="14:14">
      <c r="N606529" s="10"/>
    </row>
    <row r="606530" spans="14:14">
      <c r="N606530" s="10"/>
    </row>
    <row r="606531" spans="14:14">
      <c r="N606531" s="10"/>
    </row>
    <row r="606532" spans="14:14">
      <c r="N606532" s="10"/>
    </row>
    <row r="606533" spans="14:14">
      <c r="N606533" s="10"/>
    </row>
    <row r="606534" spans="14:14">
      <c r="N606534" s="10"/>
    </row>
    <row r="606535" spans="14:14">
      <c r="N606535" s="10"/>
    </row>
    <row r="606536" spans="14:14">
      <c r="N606536" s="10"/>
    </row>
    <row r="606537" spans="14:14">
      <c r="N606537" s="10"/>
    </row>
    <row r="606538" spans="14:14">
      <c r="N606538" s="10"/>
    </row>
    <row r="606539" spans="14:14">
      <c r="N606539" s="10"/>
    </row>
    <row r="606540" spans="14:14">
      <c r="N606540" s="10"/>
    </row>
    <row r="606541" spans="14:14">
      <c r="N606541" s="10"/>
    </row>
    <row r="606542" spans="14:14">
      <c r="N606542" s="10"/>
    </row>
    <row r="606543" spans="14:14">
      <c r="N606543" s="10"/>
    </row>
    <row r="606544" spans="14:14">
      <c r="N606544" s="10"/>
    </row>
    <row r="606545" spans="14:14">
      <c r="N606545" s="10"/>
    </row>
    <row r="606546" spans="14:14">
      <c r="N606546" s="10"/>
    </row>
    <row r="606547" spans="14:14">
      <c r="N606547" s="10"/>
    </row>
    <row r="606548" spans="14:14">
      <c r="N606548" s="10"/>
    </row>
    <row r="606549" spans="14:14">
      <c r="N606549" s="10"/>
    </row>
    <row r="606550" spans="14:14">
      <c r="N606550" s="10"/>
    </row>
    <row r="606551" spans="14:14">
      <c r="N606551" s="10"/>
    </row>
    <row r="606552" spans="14:14">
      <c r="N606552" s="10"/>
    </row>
    <row r="606553" spans="14:14">
      <c r="N606553" s="10"/>
    </row>
    <row r="606554" spans="14:14">
      <c r="N606554" s="10"/>
    </row>
    <row r="606555" spans="14:14">
      <c r="N606555" s="10"/>
    </row>
    <row r="606556" spans="14:14">
      <c r="N606556" s="10"/>
    </row>
    <row r="606557" spans="14:14">
      <c r="N606557" s="10"/>
    </row>
    <row r="606558" spans="14:14">
      <c r="N606558" s="10"/>
    </row>
    <row r="606559" spans="14:14">
      <c r="N606559" s="10"/>
    </row>
    <row r="606560" spans="14:14">
      <c r="N606560" s="10"/>
    </row>
    <row r="606561" spans="14:14">
      <c r="N606561" s="10"/>
    </row>
    <row r="606562" spans="14:14">
      <c r="N606562" s="10"/>
    </row>
    <row r="606563" spans="14:14">
      <c r="N606563" s="10"/>
    </row>
    <row r="606564" spans="14:14">
      <c r="N606564" s="10"/>
    </row>
    <row r="606565" spans="14:14">
      <c r="N606565" s="10"/>
    </row>
    <row r="606566" spans="14:14">
      <c r="N606566" s="10"/>
    </row>
    <row r="606567" spans="14:14">
      <c r="N606567" s="10"/>
    </row>
    <row r="606568" spans="14:14">
      <c r="N606568" s="10"/>
    </row>
    <row r="606569" spans="14:14">
      <c r="N606569" s="10"/>
    </row>
    <row r="606570" spans="14:14">
      <c r="N606570" s="10"/>
    </row>
    <row r="606571" spans="14:14">
      <c r="N606571" s="10"/>
    </row>
    <row r="606572" spans="14:14">
      <c r="N606572" s="10"/>
    </row>
    <row r="606573" spans="14:14">
      <c r="N606573" s="10"/>
    </row>
    <row r="606574" spans="14:14">
      <c r="N606574" s="10"/>
    </row>
    <row r="606575" spans="14:14">
      <c r="N606575" s="10"/>
    </row>
    <row r="606576" spans="14:14">
      <c r="N606576" s="10"/>
    </row>
    <row r="606577" spans="14:14">
      <c r="N606577" s="10"/>
    </row>
    <row r="606578" spans="14:14">
      <c r="N606578" s="10"/>
    </row>
    <row r="606579" spans="14:14">
      <c r="N606579" s="10"/>
    </row>
    <row r="606580" spans="14:14">
      <c r="N606580" s="10"/>
    </row>
    <row r="606581" spans="14:14">
      <c r="N606581" s="10"/>
    </row>
    <row r="606582" spans="14:14">
      <c r="N606582" s="10"/>
    </row>
    <row r="606583" spans="14:14">
      <c r="N606583" s="10"/>
    </row>
    <row r="606584" spans="14:14">
      <c r="N606584" s="10"/>
    </row>
    <row r="606585" spans="14:14">
      <c r="N606585" s="10"/>
    </row>
    <row r="606586" spans="14:14">
      <c r="N606586" s="10"/>
    </row>
    <row r="606587" spans="14:14">
      <c r="N606587" s="10"/>
    </row>
    <row r="606588" spans="14:14">
      <c r="N606588" s="10"/>
    </row>
    <row r="606589" spans="14:14">
      <c r="N606589" s="10"/>
    </row>
    <row r="606590" spans="14:14">
      <c r="N606590" s="10"/>
    </row>
    <row r="606591" spans="14:14">
      <c r="N606591" s="10"/>
    </row>
    <row r="606592" spans="14:14">
      <c r="N606592" s="10"/>
    </row>
    <row r="606593" spans="14:14">
      <c r="N606593" s="10"/>
    </row>
    <row r="606594" spans="14:14">
      <c r="N606594" s="10"/>
    </row>
    <row r="606595" spans="14:14">
      <c r="N606595" s="10"/>
    </row>
    <row r="606596" spans="14:14">
      <c r="N606596" s="10"/>
    </row>
    <row r="606597" spans="14:14">
      <c r="N606597" s="10"/>
    </row>
    <row r="606598" spans="14:14">
      <c r="N606598" s="10"/>
    </row>
    <row r="606599" spans="14:14">
      <c r="N606599" s="10"/>
    </row>
    <row r="606600" spans="14:14">
      <c r="N606600" s="10"/>
    </row>
    <row r="606601" spans="14:14">
      <c r="N606601" s="10"/>
    </row>
    <row r="606602" spans="14:14">
      <c r="N606602" s="10"/>
    </row>
    <row r="606603" spans="14:14">
      <c r="N606603" s="10"/>
    </row>
    <row r="606604" spans="14:14">
      <c r="N606604" s="10"/>
    </row>
    <row r="606605" spans="14:14">
      <c r="N606605" s="10"/>
    </row>
    <row r="606606" spans="14:14">
      <c r="N606606" s="10"/>
    </row>
    <row r="606607" spans="14:14">
      <c r="N606607" s="10"/>
    </row>
    <row r="606608" spans="14:14">
      <c r="N606608" s="10"/>
    </row>
    <row r="606609" spans="14:14">
      <c r="N606609" s="10"/>
    </row>
    <row r="606610" spans="14:14">
      <c r="N606610" s="10"/>
    </row>
    <row r="606611" spans="14:14">
      <c r="N606611" s="10"/>
    </row>
    <row r="606612" spans="14:14">
      <c r="N606612" s="10"/>
    </row>
    <row r="606613" spans="14:14">
      <c r="N606613" s="10"/>
    </row>
    <row r="606614" spans="14:14">
      <c r="N606614" s="10"/>
    </row>
    <row r="606615" spans="14:14">
      <c r="N606615" s="10"/>
    </row>
    <row r="606616" spans="14:14">
      <c r="N606616" s="10"/>
    </row>
    <row r="606617" spans="14:14">
      <c r="N606617" s="10"/>
    </row>
    <row r="606618" spans="14:14">
      <c r="N606618" s="10"/>
    </row>
    <row r="606619" spans="14:14">
      <c r="N606619" s="10"/>
    </row>
    <row r="606620" spans="14:14">
      <c r="N606620" s="10"/>
    </row>
    <row r="606621" spans="14:14">
      <c r="N606621" s="10"/>
    </row>
    <row r="606622" spans="14:14">
      <c r="N606622" s="10"/>
    </row>
    <row r="606623" spans="14:14">
      <c r="N606623" s="10"/>
    </row>
    <row r="606624" spans="14:14">
      <c r="N606624" s="10"/>
    </row>
    <row r="606625" spans="14:14">
      <c r="N606625" s="10"/>
    </row>
    <row r="606626" spans="14:14">
      <c r="N606626" s="10"/>
    </row>
    <row r="606627" spans="14:14">
      <c r="N606627" s="10"/>
    </row>
    <row r="606628" spans="14:14">
      <c r="N606628" s="10"/>
    </row>
    <row r="606629" spans="14:14">
      <c r="N606629" s="10"/>
    </row>
    <row r="606630" spans="14:14">
      <c r="N606630" s="10"/>
    </row>
    <row r="606631" spans="14:14">
      <c r="N606631" s="10"/>
    </row>
    <row r="606632" spans="14:14">
      <c r="N606632" s="10"/>
    </row>
    <row r="606633" spans="14:14">
      <c r="N606633" s="10"/>
    </row>
    <row r="606634" spans="14:14">
      <c r="N606634" s="10"/>
    </row>
    <row r="606635" spans="14:14">
      <c r="N606635" s="10"/>
    </row>
    <row r="606636" spans="14:14">
      <c r="N606636" s="10"/>
    </row>
    <row r="606637" spans="14:14">
      <c r="N606637" s="10"/>
    </row>
    <row r="606638" spans="14:14">
      <c r="N606638" s="10"/>
    </row>
    <row r="606639" spans="14:14">
      <c r="N606639" s="10"/>
    </row>
    <row r="606640" spans="14:14">
      <c r="N606640" s="10"/>
    </row>
    <row r="606641" spans="14:14">
      <c r="N606641" s="10"/>
    </row>
    <row r="606642" spans="14:14">
      <c r="N606642" s="10"/>
    </row>
    <row r="606643" spans="14:14">
      <c r="N606643" s="10"/>
    </row>
    <row r="606644" spans="14:14">
      <c r="N606644" s="10"/>
    </row>
    <row r="606645" spans="14:14">
      <c r="N606645" s="10"/>
    </row>
    <row r="606646" spans="14:14">
      <c r="N606646" s="10"/>
    </row>
    <row r="606647" spans="14:14">
      <c r="N606647" s="10"/>
    </row>
    <row r="606648" spans="14:14">
      <c r="N606648" s="10"/>
    </row>
    <row r="606649" spans="14:14">
      <c r="N606649" s="10"/>
    </row>
    <row r="606650" spans="14:14">
      <c r="N606650" s="10"/>
    </row>
    <row r="606651" spans="14:14">
      <c r="N606651" s="10"/>
    </row>
    <row r="606652" spans="14:14">
      <c r="N606652" s="10"/>
    </row>
    <row r="606653" spans="14:14">
      <c r="N606653" s="10"/>
    </row>
    <row r="606654" spans="14:14">
      <c r="N606654" s="10"/>
    </row>
    <row r="606655" spans="14:14">
      <c r="N606655" s="10"/>
    </row>
    <row r="606656" spans="14:14">
      <c r="N606656" s="10"/>
    </row>
    <row r="606657" spans="14:14">
      <c r="N606657" s="10"/>
    </row>
    <row r="606658" spans="14:14">
      <c r="N606658" s="10"/>
    </row>
    <row r="606659" spans="14:14">
      <c r="N606659" s="10"/>
    </row>
    <row r="606660" spans="14:14">
      <c r="N606660" s="10"/>
    </row>
    <row r="606661" spans="14:14">
      <c r="N606661" s="10"/>
    </row>
    <row r="606662" spans="14:14">
      <c r="N606662" s="10"/>
    </row>
    <row r="606663" spans="14:14">
      <c r="N606663" s="10"/>
    </row>
    <row r="606664" spans="14:14">
      <c r="N606664" s="10"/>
    </row>
    <row r="606665" spans="14:14">
      <c r="N606665" s="10"/>
    </row>
    <row r="606666" spans="14:14">
      <c r="N606666" s="10"/>
    </row>
    <row r="606667" spans="14:14">
      <c r="N606667" s="10"/>
    </row>
    <row r="606668" spans="14:14">
      <c r="N606668" s="10"/>
    </row>
    <row r="606669" spans="14:14">
      <c r="N606669" s="10"/>
    </row>
    <row r="606670" spans="14:14">
      <c r="N606670" s="10"/>
    </row>
    <row r="606671" spans="14:14">
      <c r="N606671" s="10"/>
    </row>
    <row r="606672" spans="14:14">
      <c r="N606672" s="10"/>
    </row>
    <row r="606673" spans="14:14">
      <c r="N606673" s="10"/>
    </row>
    <row r="606674" spans="14:14">
      <c r="N606674" s="10"/>
    </row>
    <row r="606675" spans="14:14">
      <c r="N606675" s="10"/>
    </row>
    <row r="606676" spans="14:14">
      <c r="N606676" s="10"/>
    </row>
    <row r="606677" spans="14:14">
      <c r="N606677" s="10"/>
    </row>
    <row r="606678" spans="14:14">
      <c r="N606678" s="10"/>
    </row>
    <row r="606679" spans="14:14">
      <c r="N606679" s="10"/>
    </row>
    <row r="606680" spans="14:14">
      <c r="N606680" s="10"/>
    </row>
    <row r="606681" spans="14:14">
      <c r="N606681" s="10"/>
    </row>
    <row r="606682" spans="14:14">
      <c r="N606682" s="10"/>
    </row>
    <row r="606683" spans="14:14">
      <c r="N606683" s="10"/>
    </row>
    <row r="606684" spans="14:14">
      <c r="N606684" s="10"/>
    </row>
    <row r="606685" spans="14:14">
      <c r="N606685" s="10"/>
    </row>
    <row r="606686" spans="14:14">
      <c r="N606686" s="10"/>
    </row>
    <row r="606687" spans="14:14">
      <c r="N606687" s="10"/>
    </row>
    <row r="606688" spans="14:14">
      <c r="N606688" s="10"/>
    </row>
    <row r="606689" spans="14:14">
      <c r="N606689" s="10"/>
    </row>
    <row r="606690" spans="14:14">
      <c r="N606690" s="10"/>
    </row>
    <row r="606691" spans="14:14">
      <c r="N606691" s="10"/>
    </row>
    <row r="606692" spans="14:14">
      <c r="N606692" s="10"/>
    </row>
    <row r="606693" spans="14:14">
      <c r="N606693" s="10"/>
    </row>
    <row r="606694" spans="14:14">
      <c r="N606694" s="10"/>
    </row>
    <row r="606695" spans="14:14">
      <c r="N606695" s="10"/>
    </row>
    <row r="606696" spans="14:14">
      <c r="N606696" s="10"/>
    </row>
    <row r="606697" spans="14:14">
      <c r="N606697" s="10"/>
    </row>
    <row r="606698" spans="14:14">
      <c r="N606698" s="10"/>
    </row>
    <row r="606699" spans="14:14">
      <c r="N606699" s="10"/>
    </row>
    <row r="606700" spans="14:14">
      <c r="N606700" s="10"/>
    </row>
    <row r="606701" spans="14:14">
      <c r="N606701" s="10"/>
    </row>
    <row r="606702" spans="14:14">
      <c r="N606702" s="10"/>
    </row>
    <row r="606703" spans="14:14">
      <c r="N606703" s="10"/>
    </row>
    <row r="606704" spans="14:14">
      <c r="N606704" s="10"/>
    </row>
    <row r="606705" spans="14:14">
      <c r="N606705" s="10"/>
    </row>
    <row r="606706" spans="14:14">
      <c r="N606706" s="10"/>
    </row>
    <row r="606707" spans="14:14">
      <c r="N606707" s="10"/>
    </row>
    <row r="606708" spans="14:14">
      <c r="N606708" s="10"/>
    </row>
    <row r="606709" spans="14:14">
      <c r="N606709" s="10"/>
    </row>
    <row r="606710" spans="14:14">
      <c r="N606710" s="10"/>
    </row>
    <row r="606711" spans="14:14">
      <c r="N606711" s="10"/>
    </row>
    <row r="606712" spans="14:14">
      <c r="N606712" s="10"/>
    </row>
    <row r="606713" spans="14:14">
      <c r="N606713" s="10"/>
    </row>
    <row r="606714" spans="14:14">
      <c r="N606714" s="10"/>
    </row>
    <row r="606715" spans="14:14">
      <c r="N606715" s="10"/>
    </row>
    <row r="606716" spans="14:14">
      <c r="N606716" s="10"/>
    </row>
    <row r="606717" spans="14:14">
      <c r="N606717" s="10"/>
    </row>
    <row r="606718" spans="14:14">
      <c r="N606718" s="10"/>
    </row>
    <row r="606719" spans="14:14">
      <c r="N606719" s="10"/>
    </row>
    <row r="606720" spans="14:14">
      <c r="N606720" s="10"/>
    </row>
    <row r="606721" spans="14:14">
      <c r="N606721" s="10"/>
    </row>
    <row r="606722" spans="14:14">
      <c r="N606722" s="10"/>
    </row>
    <row r="606723" spans="14:14">
      <c r="N606723" s="10"/>
    </row>
    <row r="606724" spans="14:14">
      <c r="N606724" s="10"/>
    </row>
    <row r="606725" spans="14:14">
      <c r="N606725" s="10"/>
    </row>
    <row r="606726" spans="14:14">
      <c r="N606726" s="10"/>
    </row>
    <row r="606727" spans="14:14">
      <c r="N606727" s="10"/>
    </row>
    <row r="606728" spans="14:14">
      <c r="N606728" s="10"/>
    </row>
    <row r="606729" spans="14:14">
      <c r="N606729" s="10"/>
    </row>
    <row r="606730" spans="14:14">
      <c r="N606730" s="10"/>
    </row>
    <row r="606731" spans="14:14">
      <c r="N606731" s="10"/>
    </row>
    <row r="606732" spans="14:14">
      <c r="N606732" s="10"/>
    </row>
    <row r="606733" spans="14:14">
      <c r="N606733" s="10"/>
    </row>
    <row r="606734" spans="14:14">
      <c r="N606734" s="10"/>
    </row>
    <row r="606735" spans="14:14">
      <c r="N606735" s="10"/>
    </row>
    <row r="606736" spans="14:14">
      <c r="N606736" s="10"/>
    </row>
    <row r="606737" spans="14:14">
      <c r="N606737" s="10"/>
    </row>
    <row r="606738" spans="14:14">
      <c r="N606738" s="10"/>
    </row>
    <row r="606739" spans="14:14">
      <c r="N606739" s="10"/>
    </row>
    <row r="606740" spans="14:14">
      <c r="N606740" s="10"/>
    </row>
    <row r="606741" spans="14:14">
      <c r="N606741" s="10"/>
    </row>
    <row r="606742" spans="14:14">
      <c r="N606742" s="10"/>
    </row>
    <row r="606743" spans="14:14">
      <c r="N606743" s="10"/>
    </row>
    <row r="606744" spans="14:14">
      <c r="N606744" s="10"/>
    </row>
    <row r="606745" spans="14:14">
      <c r="N606745" s="10"/>
    </row>
    <row r="606746" spans="14:14">
      <c r="N606746" s="10"/>
    </row>
    <row r="606747" spans="14:14">
      <c r="N606747" s="10"/>
    </row>
    <row r="606748" spans="14:14">
      <c r="N606748" s="10"/>
    </row>
    <row r="606749" spans="14:14">
      <c r="N606749" s="10"/>
    </row>
    <row r="606750" spans="14:14">
      <c r="N606750" s="10"/>
    </row>
    <row r="606751" spans="14:14">
      <c r="N606751" s="10"/>
    </row>
    <row r="606752" spans="14:14">
      <c r="N606752" s="10"/>
    </row>
    <row r="606753" spans="14:14">
      <c r="N606753" s="10"/>
    </row>
    <row r="606754" spans="14:14">
      <c r="N606754" s="10"/>
    </row>
    <row r="606755" spans="14:14">
      <c r="N606755" s="10"/>
    </row>
    <row r="606756" spans="14:14">
      <c r="N606756" s="10"/>
    </row>
    <row r="606757" spans="14:14">
      <c r="N606757" s="10"/>
    </row>
    <row r="606758" spans="14:14">
      <c r="N606758" s="10"/>
    </row>
    <row r="606759" spans="14:14">
      <c r="N606759" s="10"/>
    </row>
    <row r="606760" spans="14:14">
      <c r="N606760" s="10"/>
    </row>
    <row r="606761" spans="14:14">
      <c r="N606761" s="10"/>
    </row>
    <row r="606762" spans="14:14">
      <c r="N606762" s="10"/>
    </row>
    <row r="606763" spans="14:14">
      <c r="N606763" s="10"/>
    </row>
    <row r="606764" spans="14:14">
      <c r="N606764" s="10"/>
    </row>
    <row r="606765" spans="14:14">
      <c r="N606765" s="10"/>
    </row>
    <row r="606766" spans="14:14">
      <c r="N606766" s="10"/>
    </row>
    <row r="606767" spans="14:14">
      <c r="N606767" s="10"/>
    </row>
    <row r="606768" spans="14:14">
      <c r="N606768" s="10"/>
    </row>
    <row r="606769" spans="14:14">
      <c r="N606769" s="10"/>
    </row>
    <row r="606770" spans="14:14">
      <c r="N606770" s="10"/>
    </row>
    <row r="606771" spans="14:14">
      <c r="N606771" s="10"/>
    </row>
    <row r="606772" spans="14:14">
      <c r="N606772" s="10"/>
    </row>
    <row r="606773" spans="14:14">
      <c r="N606773" s="10"/>
    </row>
    <row r="606774" spans="14:14">
      <c r="N606774" s="10"/>
    </row>
    <row r="606775" spans="14:14">
      <c r="N606775" s="10"/>
    </row>
    <row r="606776" spans="14:14">
      <c r="N606776" s="10"/>
    </row>
    <row r="606777" spans="14:14">
      <c r="N606777" s="10"/>
    </row>
    <row r="606778" spans="14:14">
      <c r="N606778" s="10"/>
    </row>
    <row r="606779" spans="14:14">
      <c r="N606779" s="10"/>
    </row>
    <row r="606780" spans="14:14">
      <c r="N606780" s="10"/>
    </row>
    <row r="606781" spans="14:14">
      <c r="N606781" s="10"/>
    </row>
    <row r="606782" spans="14:14">
      <c r="N606782" s="10"/>
    </row>
    <row r="606783" spans="14:14">
      <c r="N606783" s="10"/>
    </row>
    <row r="606784" spans="14:14">
      <c r="N606784" s="10"/>
    </row>
    <row r="606785" spans="14:14">
      <c r="N606785" s="10"/>
    </row>
    <row r="606786" spans="14:14">
      <c r="N606786" s="10"/>
    </row>
    <row r="606787" spans="14:14">
      <c r="N606787" s="10"/>
    </row>
    <row r="606788" spans="14:14">
      <c r="N606788" s="10"/>
    </row>
    <row r="606789" spans="14:14">
      <c r="N606789" s="10"/>
    </row>
    <row r="606790" spans="14:14">
      <c r="N606790" s="10"/>
    </row>
    <row r="606791" spans="14:14">
      <c r="N606791" s="10"/>
    </row>
    <row r="606792" spans="14:14">
      <c r="N606792" s="10"/>
    </row>
    <row r="606793" spans="14:14">
      <c r="N606793" s="10"/>
    </row>
    <row r="606794" spans="14:14">
      <c r="N606794" s="10"/>
    </row>
    <row r="606795" spans="14:14">
      <c r="N606795" s="10"/>
    </row>
    <row r="606796" spans="14:14">
      <c r="N606796" s="10"/>
    </row>
    <row r="606797" spans="14:14">
      <c r="N606797" s="10"/>
    </row>
    <row r="606798" spans="14:14">
      <c r="N606798" s="10"/>
    </row>
    <row r="606799" spans="14:14">
      <c r="N606799" s="10"/>
    </row>
    <row r="606800" spans="14:14">
      <c r="N606800" s="10"/>
    </row>
    <row r="606801" spans="14:14">
      <c r="N606801" s="10"/>
    </row>
    <row r="606802" spans="14:14">
      <c r="N606802" s="10"/>
    </row>
    <row r="606803" spans="14:14">
      <c r="N606803" s="10"/>
    </row>
    <row r="606804" spans="14:14">
      <c r="N606804" s="10"/>
    </row>
    <row r="606805" spans="14:14">
      <c r="N606805" s="10"/>
    </row>
    <row r="606806" spans="14:14">
      <c r="N606806" s="10"/>
    </row>
    <row r="606807" spans="14:14">
      <c r="N606807" s="10"/>
    </row>
    <row r="606808" spans="14:14">
      <c r="N606808" s="10"/>
    </row>
    <row r="606809" spans="14:14">
      <c r="N606809" s="10"/>
    </row>
    <row r="606810" spans="14:14">
      <c r="N606810" s="10"/>
    </row>
    <row r="606811" spans="14:14">
      <c r="N606811" s="10"/>
    </row>
    <row r="606812" spans="14:14">
      <c r="N606812" s="10"/>
    </row>
    <row r="606813" spans="14:14">
      <c r="N606813" s="10"/>
    </row>
    <row r="606814" spans="14:14">
      <c r="N606814" s="10"/>
    </row>
    <row r="606815" spans="14:14">
      <c r="N606815" s="10"/>
    </row>
    <row r="606816" spans="14:14">
      <c r="N606816" s="10"/>
    </row>
    <row r="606817" spans="14:14">
      <c r="N606817" s="10"/>
    </row>
    <row r="606818" spans="14:14">
      <c r="N606818" s="10"/>
    </row>
    <row r="606819" spans="14:14">
      <c r="N606819" s="10"/>
    </row>
    <row r="606820" spans="14:14">
      <c r="N606820" s="10"/>
    </row>
    <row r="606821" spans="14:14">
      <c r="N606821" s="10"/>
    </row>
    <row r="606822" spans="14:14">
      <c r="N606822" s="10"/>
    </row>
    <row r="606823" spans="14:14">
      <c r="N606823" s="10"/>
    </row>
    <row r="606824" spans="14:14">
      <c r="N606824" s="10"/>
    </row>
    <row r="606825" spans="14:14">
      <c r="N606825" s="10"/>
    </row>
    <row r="606826" spans="14:14">
      <c r="N606826" s="10"/>
    </row>
    <row r="606827" spans="14:14">
      <c r="N606827" s="10"/>
    </row>
    <row r="606828" spans="14:14">
      <c r="N606828" s="10"/>
    </row>
    <row r="606829" spans="14:14">
      <c r="N606829" s="10"/>
    </row>
    <row r="606830" spans="14:14">
      <c r="N606830" s="10"/>
    </row>
    <row r="606831" spans="14:14">
      <c r="N606831" s="10"/>
    </row>
    <row r="606832" spans="14:14">
      <c r="N606832" s="10"/>
    </row>
    <row r="606833" spans="14:14">
      <c r="N606833" s="10"/>
    </row>
    <row r="606834" spans="14:14">
      <c r="N606834" s="10"/>
    </row>
    <row r="606835" spans="14:14">
      <c r="N606835" s="10"/>
    </row>
    <row r="606836" spans="14:14">
      <c r="N606836" s="10"/>
    </row>
    <row r="606837" spans="14:14">
      <c r="N606837" s="10"/>
    </row>
    <row r="606838" spans="14:14">
      <c r="N606838" s="10"/>
    </row>
    <row r="606839" spans="14:14">
      <c r="N606839" s="10"/>
    </row>
    <row r="606840" spans="14:14">
      <c r="N606840" s="10"/>
    </row>
    <row r="606841" spans="14:14">
      <c r="N606841" s="10"/>
    </row>
    <row r="606842" spans="14:14">
      <c r="N606842" s="10"/>
    </row>
    <row r="606843" spans="14:14">
      <c r="N606843" s="10"/>
    </row>
    <row r="606844" spans="14:14">
      <c r="N606844" s="10"/>
    </row>
    <row r="606845" spans="14:14">
      <c r="N606845" s="10"/>
    </row>
    <row r="606846" spans="14:14">
      <c r="N606846" s="10"/>
    </row>
    <row r="606847" spans="14:14">
      <c r="N606847" s="10"/>
    </row>
    <row r="606848" spans="14:14">
      <c r="N606848" s="10"/>
    </row>
    <row r="606849" spans="14:14">
      <c r="N606849" s="10"/>
    </row>
    <row r="606850" spans="14:14">
      <c r="N606850" s="10"/>
    </row>
    <row r="606851" spans="14:14">
      <c r="N606851" s="10"/>
    </row>
    <row r="606852" spans="14:14">
      <c r="N606852" s="10"/>
    </row>
    <row r="606853" spans="14:14">
      <c r="N606853" s="10"/>
    </row>
    <row r="606854" spans="14:14">
      <c r="N606854" s="10"/>
    </row>
    <row r="606855" spans="14:14">
      <c r="N606855" s="10"/>
    </row>
    <row r="606856" spans="14:14">
      <c r="N606856" s="10"/>
    </row>
    <row r="606857" spans="14:14">
      <c r="N606857" s="10"/>
    </row>
    <row r="606858" spans="14:14">
      <c r="N606858" s="10"/>
    </row>
    <row r="606859" spans="14:14">
      <c r="N606859" s="10"/>
    </row>
    <row r="606860" spans="14:14">
      <c r="N606860" s="10"/>
    </row>
    <row r="606861" spans="14:14">
      <c r="N606861" s="10"/>
    </row>
    <row r="606862" spans="14:14">
      <c r="N606862" s="10"/>
    </row>
    <row r="606863" spans="14:14">
      <c r="N606863" s="10"/>
    </row>
    <row r="606864" spans="14:14">
      <c r="N606864" s="10"/>
    </row>
    <row r="606865" spans="14:14">
      <c r="N606865" s="10"/>
    </row>
    <row r="606866" spans="14:14">
      <c r="N606866" s="10"/>
    </row>
    <row r="606867" spans="14:14">
      <c r="N606867" s="10"/>
    </row>
    <row r="606868" spans="14:14">
      <c r="N606868" s="10"/>
    </row>
    <row r="606869" spans="14:14">
      <c r="N606869" s="10"/>
    </row>
    <row r="606870" spans="14:14">
      <c r="N606870" s="10"/>
    </row>
    <row r="606871" spans="14:14">
      <c r="N606871" s="10"/>
    </row>
    <row r="606872" spans="14:14">
      <c r="N606872" s="10"/>
    </row>
    <row r="606873" spans="14:14">
      <c r="N606873" s="10"/>
    </row>
    <row r="606874" spans="14:14">
      <c r="N606874" s="10"/>
    </row>
    <row r="606875" spans="14:14">
      <c r="N606875" s="10"/>
    </row>
    <row r="606876" spans="14:14">
      <c r="N606876" s="10"/>
    </row>
    <row r="606877" spans="14:14">
      <c r="N606877" s="10"/>
    </row>
    <row r="606878" spans="14:14">
      <c r="N606878" s="10"/>
    </row>
    <row r="606879" spans="14:14">
      <c r="N606879" s="10"/>
    </row>
    <row r="606880" spans="14:14">
      <c r="N606880" s="10"/>
    </row>
    <row r="606881" spans="14:14">
      <c r="N606881" s="10"/>
    </row>
    <row r="606882" spans="14:14">
      <c r="N606882" s="10"/>
    </row>
    <row r="606883" spans="14:14">
      <c r="N606883" s="10"/>
    </row>
    <row r="606884" spans="14:14">
      <c r="N606884" s="10"/>
    </row>
    <row r="606885" spans="14:14">
      <c r="N606885" s="10"/>
    </row>
    <row r="606886" spans="14:14">
      <c r="N606886" s="10"/>
    </row>
    <row r="606887" spans="14:14">
      <c r="N606887" s="10"/>
    </row>
    <row r="606888" spans="14:14">
      <c r="N606888" s="10"/>
    </row>
    <row r="606889" spans="14:14">
      <c r="N606889" s="10"/>
    </row>
    <row r="606890" spans="14:14">
      <c r="N606890" s="10"/>
    </row>
    <row r="606891" spans="14:14">
      <c r="N606891" s="10"/>
    </row>
    <row r="606892" spans="14:14">
      <c r="N606892" s="10"/>
    </row>
    <row r="606893" spans="14:14">
      <c r="N606893" s="10"/>
    </row>
    <row r="606894" spans="14:14">
      <c r="N606894" s="10"/>
    </row>
    <row r="606895" spans="14:14">
      <c r="N606895" s="10"/>
    </row>
    <row r="606896" spans="14:14">
      <c r="N606896" s="10"/>
    </row>
    <row r="606897" spans="14:14">
      <c r="N606897" s="10"/>
    </row>
    <row r="606898" spans="14:14">
      <c r="N606898" s="10"/>
    </row>
    <row r="606899" spans="14:14">
      <c r="N606899" s="10"/>
    </row>
    <row r="606900" spans="14:14">
      <c r="N606900" s="10"/>
    </row>
    <row r="606901" spans="14:14">
      <c r="N606901" s="10"/>
    </row>
    <row r="606902" spans="14:14">
      <c r="N606902" s="10"/>
    </row>
    <row r="606903" spans="14:14">
      <c r="N606903" s="10"/>
    </row>
    <row r="606904" spans="14:14">
      <c r="N606904" s="10"/>
    </row>
    <row r="606905" spans="14:14">
      <c r="N606905" s="10"/>
    </row>
    <row r="606906" spans="14:14">
      <c r="N606906" s="10"/>
    </row>
    <row r="606907" spans="14:14">
      <c r="N606907" s="10"/>
    </row>
    <row r="606908" spans="14:14">
      <c r="N606908" s="10"/>
    </row>
    <row r="606909" spans="14:14">
      <c r="N606909" s="10"/>
    </row>
    <row r="606910" spans="14:14">
      <c r="N606910" s="10"/>
    </row>
    <row r="606911" spans="14:14">
      <c r="N606911" s="10"/>
    </row>
    <row r="606912" spans="14:14">
      <c r="N606912" s="10"/>
    </row>
    <row r="606913" spans="14:14">
      <c r="N606913" s="10"/>
    </row>
    <row r="606914" spans="14:14">
      <c r="N606914" s="10"/>
    </row>
    <row r="606915" spans="14:14">
      <c r="N606915" s="10"/>
    </row>
    <row r="606916" spans="14:14">
      <c r="N606916" s="10"/>
    </row>
    <row r="606917" spans="14:14">
      <c r="N606917" s="10"/>
    </row>
    <row r="606918" spans="14:14">
      <c r="N606918" s="10"/>
    </row>
    <row r="606919" spans="14:14">
      <c r="N606919" s="10"/>
    </row>
    <row r="606920" spans="14:14">
      <c r="N606920" s="10"/>
    </row>
    <row r="606921" spans="14:14">
      <c r="N606921" s="10"/>
    </row>
    <row r="606922" spans="14:14">
      <c r="N606922" s="10"/>
    </row>
    <row r="606923" spans="14:14">
      <c r="N606923" s="10"/>
    </row>
    <row r="606924" spans="14:14">
      <c r="N606924" s="10"/>
    </row>
    <row r="606925" spans="14:14">
      <c r="N606925" s="10"/>
    </row>
    <row r="606926" spans="14:14">
      <c r="N606926" s="10"/>
    </row>
    <row r="606927" spans="14:14">
      <c r="N606927" s="10"/>
    </row>
    <row r="606928" spans="14:14">
      <c r="N606928" s="10"/>
    </row>
    <row r="606929" spans="14:14">
      <c r="N606929" s="10"/>
    </row>
    <row r="606930" spans="14:14">
      <c r="N606930" s="10"/>
    </row>
    <row r="606931" spans="14:14">
      <c r="N606931" s="10"/>
    </row>
    <row r="606932" spans="14:14">
      <c r="N606932" s="10"/>
    </row>
    <row r="606933" spans="14:14">
      <c r="N606933" s="10"/>
    </row>
    <row r="606934" spans="14:14">
      <c r="N606934" s="10"/>
    </row>
    <row r="606935" spans="14:14">
      <c r="N606935" s="10"/>
    </row>
    <row r="606936" spans="14:14">
      <c r="N606936" s="10"/>
    </row>
    <row r="606937" spans="14:14">
      <c r="N606937" s="10"/>
    </row>
    <row r="606938" spans="14:14">
      <c r="N606938" s="10"/>
    </row>
    <row r="606939" spans="14:14">
      <c r="N606939" s="10"/>
    </row>
    <row r="606940" spans="14:14">
      <c r="N606940" s="10"/>
    </row>
    <row r="606941" spans="14:14">
      <c r="N606941" s="10"/>
    </row>
    <row r="606942" spans="14:14">
      <c r="N606942" s="10"/>
    </row>
    <row r="606943" spans="14:14">
      <c r="N606943" s="10"/>
    </row>
    <row r="606944" spans="14:14">
      <c r="N606944" s="10"/>
    </row>
    <row r="606945" spans="14:14">
      <c r="N606945" s="10"/>
    </row>
    <row r="606946" spans="14:14">
      <c r="N606946" s="10"/>
    </row>
    <row r="606947" spans="14:14">
      <c r="N606947" s="10"/>
    </row>
    <row r="606948" spans="14:14">
      <c r="N606948" s="10"/>
    </row>
    <row r="606949" spans="14:14">
      <c r="N606949" s="10"/>
    </row>
    <row r="606950" spans="14:14">
      <c r="N606950" s="10"/>
    </row>
    <row r="606951" spans="14:14">
      <c r="N606951" s="10"/>
    </row>
    <row r="606952" spans="14:14">
      <c r="N606952" s="10"/>
    </row>
    <row r="606953" spans="14:14">
      <c r="N606953" s="10"/>
    </row>
    <row r="606954" spans="14:14">
      <c r="N606954" s="10"/>
    </row>
    <row r="606955" spans="14:14">
      <c r="N606955" s="10"/>
    </row>
    <row r="606956" spans="14:14">
      <c r="N606956" s="10"/>
    </row>
    <row r="606957" spans="14:14">
      <c r="N606957" s="10"/>
    </row>
    <row r="606958" spans="14:14">
      <c r="N606958" s="10"/>
    </row>
    <row r="606959" spans="14:14">
      <c r="N606959" s="10"/>
    </row>
    <row r="606960" spans="14:14">
      <c r="N606960" s="10"/>
    </row>
    <row r="606961" spans="14:14">
      <c r="N606961" s="10"/>
    </row>
    <row r="606962" spans="14:14">
      <c r="N606962" s="10"/>
    </row>
    <row r="606963" spans="14:14">
      <c r="N606963" s="10"/>
    </row>
    <row r="606964" spans="14:14">
      <c r="N606964" s="10"/>
    </row>
    <row r="606965" spans="14:14">
      <c r="N606965" s="10"/>
    </row>
    <row r="606966" spans="14:14">
      <c r="N606966" s="10"/>
    </row>
    <row r="606967" spans="14:14">
      <c r="N606967" s="10"/>
    </row>
    <row r="606968" spans="14:14">
      <c r="N606968" s="10"/>
    </row>
    <row r="606969" spans="14:14">
      <c r="N606969" s="10"/>
    </row>
    <row r="606970" spans="14:14">
      <c r="N606970" s="10"/>
    </row>
    <row r="606971" spans="14:14">
      <c r="N606971" s="10"/>
    </row>
    <row r="606972" spans="14:14">
      <c r="N606972" s="10"/>
    </row>
    <row r="606973" spans="14:14">
      <c r="N606973" s="10"/>
    </row>
    <row r="606974" spans="14:14">
      <c r="N606974" s="10"/>
    </row>
    <row r="606975" spans="14:14">
      <c r="N606975" s="10"/>
    </row>
    <row r="606976" spans="14:14">
      <c r="N606976" s="10"/>
    </row>
    <row r="606977" spans="14:14">
      <c r="N606977" s="10"/>
    </row>
    <row r="606978" spans="14:14">
      <c r="N606978" s="10"/>
    </row>
    <row r="606979" spans="14:14">
      <c r="N606979" s="10"/>
    </row>
    <row r="606980" spans="14:14">
      <c r="N606980" s="10"/>
    </row>
    <row r="606981" spans="14:14">
      <c r="N606981" s="10"/>
    </row>
    <row r="606982" spans="14:14">
      <c r="N606982" s="10"/>
    </row>
    <row r="606983" spans="14:14">
      <c r="N606983" s="10"/>
    </row>
    <row r="606984" spans="14:14">
      <c r="N606984" s="10"/>
    </row>
    <row r="606985" spans="14:14">
      <c r="N606985" s="10"/>
    </row>
    <row r="606986" spans="14:14">
      <c r="N606986" s="10"/>
    </row>
    <row r="606987" spans="14:14">
      <c r="N606987" s="10"/>
    </row>
    <row r="606988" spans="14:14">
      <c r="N606988" s="10"/>
    </row>
    <row r="606989" spans="14:14">
      <c r="N606989" s="10"/>
    </row>
    <row r="606990" spans="14:14">
      <c r="N606990" s="10"/>
    </row>
    <row r="606991" spans="14:14">
      <c r="N606991" s="10"/>
    </row>
    <row r="606992" spans="14:14">
      <c r="N606992" s="10"/>
    </row>
    <row r="606993" spans="14:14">
      <c r="N606993" s="10"/>
    </row>
    <row r="606994" spans="14:14">
      <c r="N606994" s="10"/>
    </row>
    <row r="606995" spans="14:14">
      <c r="N606995" s="10"/>
    </row>
    <row r="606996" spans="14:14">
      <c r="N606996" s="10"/>
    </row>
    <row r="606997" spans="14:14">
      <c r="N606997" s="10"/>
    </row>
    <row r="606998" spans="14:14">
      <c r="N606998" s="10"/>
    </row>
    <row r="606999" spans="14:14">
      <c r="N606999" s="10"/>
    </row>
    <row r="607000" spans="14:14">
      <c r="N607000" s="10"/>
    </row>
    <row r="607001" spans="14:14">
      <c r="N607001" s="10"/>
    </row>
    <row r="607002" spans="14:14">
      <c r="N607002" s="10"/>
    </row>
    <row r="607003" spans="14:14">
      <c r="N607003" s="10"/>
    </row>
    <row r="607004" spans="14:14">
      <c r="N607004" s="10"/>
    </row>
    <row r="607005" spans="14:14">
      <c r="N607005" s="10"/>
    </row>
    <row r="607006" spans="14:14">
      <c r="N607006" s="10"/>
    </row>
    <row r="607007" spans="14:14">
      <c r="N607007" s="10"/>
    </row>
    <row r="607008" spans="14:14">
      <c r="N607008" s="10"/>
    </row>
    <row r="607009" spans="14:14">
      <c r="N607009" s="10"/>
    </row>
    <row r="607010" spans="14:14">
      <c r="N607010" s="10"/>
    </row>
    <row r="607011" spans="14:14">
      <c r="N607011" s="10"/>
    </row>
    <row r="607012" spans="14:14">
      <c r="N607012" s="10"/>
    </row>
    <row r="607013" spans="14:14">
      <c r="N607013" s="10"/>
    </row>
    <row r="607014" spans="14:14">
      <c r="N607014" s="10"/>
    </row>
    <row r="607015" spans="14:14">
      <c r="N607015" s="10"/>
    </row>
    <row r="607016" spans="14:14">
      <c r="N607016" s="10"/>
    </row>
    <row r="607017" spans="14:14">
      <c r="N607017" s="10"/>
    </row>
    <row r="607018" spans="14:14">
      <c r="N607018" s="10"/>
    </row>
    <row r="607019" spans="14:14">
      <c r="N607019" s="10"/>
    </row>
    <row r="607020" spans="14:14">
      <c r="N607020" s="10"/>
    </row>
    <row r="607021" spans="14:14">
      <c r="N607021" s="10"/>
    </row>
    <row r="607022" spans="14:14">
      <c r="N607022" s="10"/>
    </row>
    <row r="607023" spans="14:14">
      <c r="N607023" s="10"/>
    </row>
    <row r="607024" spans="14:14">
      <c r="N607024" s="10"/>
    </row>
    <row r="607025" spans="14:14">
      <c r="N607025" s="10"/>
    </row>
    <row r="607026" spans="14:14">
      <c r="N607026" s="10"/>
    </row>
    <row r="607027" spans="14:14">
      <c r="N607027" s="10"/>
    </row>
    <row r="607028" spans="14:14">
      <c r="N607028" s="10"/>
    </row>
    <row r="607029" spans="14:14">
      <c r="N607029" s="10"/>
    </row>
    <row r="607030" spans="14:14">
      <c r="N607030" s="10"/>
    </row>
    <row r="607031" spans="14:14">
      <c r="N607031" s="10"/>
    </row>
    <row r="607032" spans="14:14">
      <c r="N607032" s="10"/>
    </row>
    <row r="607033" spans="14:14">
      <c r="N607033" s="10"/>
    </row>
    <row r="607034" spans="14:14">
      <c r="N607034" s="10"/>
    </row>
    <row r="607035" spans="14:14">
      <c r="N607035" s="10"/>
    </row>
    <row r="607036" spans="14:14">
      <c r="N607036" s="10"/>
    </row>
    <row r="607037" spans="14:14">
      <c r="N607037" s="10"/>
    </row>
    <row r="607038" spans="14:14">
      <c r="N607038" s="10"/>
    </row>
    <row r="607039" spans="14:14">
      <c r="N607039" s="10"/>
    </row>
    <row r="607040" spans="14:14">
      <c r="N607040" s="10"/>
    </row>
    <row r="607041" spans="14:14">
      <c r="N607041" s="10"/>
    </row>
    <row r="607042" spans="14:14">
      <c r="N607042" s="10"/>
    </row>
    <row r="607043" spans="14:14">
      <c r="N607043" s="10"/>
    </row>
    <row r="607044" spans="14:14">
      <c r="N607044" s="10"/>
    </row>
    <row r="607045" spans="14:14">
      <c r="N607045" s="10"/>
    </row>
    <row r="607046" spans="14:14">
      <c r="N607046" s="10"/>
    </row>
    <row r="607047" spans="14:14">
      <c r="N607047" s="10"/>
    </row>
    <row r="607048" spans="14:14">
      <c r="N607048" s="10"/>
    </row>
    <row r="607049" spans="14:14">
      <c r="N607049" s="10"/>
    </row>
    <row r="607050" spans="14:14">
      <c r="N607050" s="10"/>
    </row>
    <row r="607051" spans="14:14">
      <c r="N607051" s="10"/>
    </row>
    <row r="607052" spans="14:14">
      <c r="N607052" s="10"/>
    </row>
    <row r="607053" spans="14:14">
      <c r="N607053" s="10"/>
    </row>
    <row r="607054" spans="14:14">
      <c r="N607054" s="10"/>
    </row>
    <row r="607055" spans="14:14">
      <c r="N607055" s="10"/>
    </row>
    <row r="607056" spans="14:14">
      <c r="N607056" s="10"/>
    </row>
    <row r="607057" spans="14:14">
      <c r="N607057" s="10"/>
    </row>
    <row r="607058" spans="14:14">
      <c r="N607058" s="10"/>
    </row>
    <row r="607059" spans="14:14">
      <c r="N607059" s="10"/>
    </row>
    <row r="607060" spans="14:14">
      <c r="N607060" s="10"/>
    </row>
    <row r="607061" spans="14:14">
      <c r="N607061" s="10"/>
    </row>
    <row r="607062" spans="14:14">
      <c r="N607062" s="10"/>
    </row>
    <row r="607063" spans="14:14">
      <c r="N607063" s="10"/>
    </row>
    <row r="607064" spans="14:14">
      <c r="N607064" s="10"/>
    </row>
    <row r="607065" spans="14:14">
      <c r="N607065" s="10"/>
    </row>
    <row r="607066" spans="14:14">
      <c r="N607066" s="10"/>
    </row>
    <row r="607067" spans="14:14">
      <c r="N607067" s="10"/>
    </row>
    <row r="607068" spans="14:14">
      <c r="N607068" s="10"/>
    </row>
    <row r="607069" spans="14:14">
      <c r="N607069" s="10"/>
    </row>
    <row r="607070" spans="14:14">
      <c r="N607070" s="10"/>
    </row>
    <row r="607071" spans="14:14">
      <c r="N607071" s="10"/>
    </row>
    <row r="607072" spans="14:14">
      <c r="N607072" s="10"/>
    </row>
    <row r="607073" spans="14:14">
      <c r="N607073" s="10"/>
    </row>
    <row r="607074" spans="14:14">
      <c r="N607074" s="10"/>
    </row>
    <row r="607075" spans="14:14">
      <c r="N607075" s="10"/>
    </row>
    <row r="607076" spans="14:14">
      <c r="N607076" s="10"/>
    </row>
    <row r="607077" spans="14:14">
      <c r="N607077" s="10"/>
    </row>
    <row r="607078" spans="14:14">
      <c r="N607078" s="10"/>
    </row>
    <row r="607079" spans="14:14">
      <c r="N607079" s="10"/>
    </row>
    <row r="607080" spans="14:14">
      <c r="N607080" s="10"/>
    </row>
    <row r="607081" spans="14:14">
      <c r="N607081" s="10"/>
    </row>
    <row r="607082" spans="14:14">
      <c r="N607082" s="10"/>
    </row>
    <row r="607083" spans="14:14">
      <c r="N607083" s="10"/>
    </row>
    <row r="607084" spans="14:14">
      <c r="N607084" s="10"/>
    </row>
    <row r="607085" spans="14:14">
      <c r="N607085" s="10"/>
    </row>
    <row r="607086" spans="14:14">
      <c r="N607086" s="10"/>
    </row>
    <row r="607087" spans="14:14">
      <c r="N607087" s="10"/>
    </row>
    <row r="607088" spans="14:14">
      <c r="N607088" s="10"/>
    </row>
    <row r="607089" spans="14:14">
      <c r="N607089" s="10"/>
    </row>
    <row r="607090" spans="14:14">
      <c r="N607090" s="10"/>
    </row>
    <row r="607091" spans="14:14">
      <c r="N607091" s="10"/>
    </row>
    <row r="607092" spans="14:14">
      <c r="N607092" s="10"/>
    </row>
    <row r="607093" spans="14:14">
      <c r="N607093" s="10"/>
    </row>
    <row r="607094" spans="14:14">
      <c r="N607094" s="10"/>
    </row>
    <row r="607095" spans="14:14">
      <c r="N607095" s="10"/>
    </row>
    <row r="607096" spans="14:14">
      <c r="N607096" s="10"/>
    </row>
    <row r="607097" spans="14:14">
      <c r="N607097" s="10"/>
    </row>
    <row r="607098" spans="14:14">
      <c r="N607098" s="10"/>
    </row>
    <row r="607099" spans="14:14">
      <c r="N607099" s="10"/>
    </row>
    <row r="607100" spans="14:14">
      <c r="N607100" s="10"/>
    </row>
    <row r="607101" spans="14:14">
      <c r="N607101" s="10"/>
    </row>
    <row r="607102" spans="14:14">
      <c r="N607102" s="10"/>
    </row>
    <row r="607103" spans="14:14">
      <c r="N607103" s="10"/>
    </row>
    <row r="607104" spans="14:14">
      <c r="N607104" s="10"/>
    </row>
    <row r="607105" spans="14:14">
      <c r="N607105" s="10"/>
    </row>
    <row r="607106" spans="14:14">
      <c r="N607106" s="10"/>
    </row>
    <row r="607107" spans="14:14">
      <c r="N607107" s="10"/>
    </row>
    <row r="607108" spans="14:14">
      <c r="N607108" s="10"/>
    </row>
    <row r="607109" spans="14:14">
      <c r="N607109" s="10"/>
    </row>
    <row r="607110" spans="14:14">
      <c r="N607110" s="10"/>
    </row>
    <row r="607111" spans="14:14">
      <c r="N607111" s="10"/>
    </row>
    <row r="607112" spans="14:14">
      <c r="N607112" s="10"/>
    </row>
    <row r="607113" spans="14:14">
      <c r="N607113" s="10"/>
    </row>
    <row r="607114" spans="14:14">
      <c r="N607114" s="10"/>
    </row>
    <row r="607115" spans="14:14">
      <c r="N607115" s="10"/>
    </row>
    <row r="607116" spans="14:14">
      <c r="N607116" s="10"/>
    </row>
    <row r="607117" spans="14:14">
      <c r="N607117" s="10"/>
    </row>
    <row r="607118" spans="14:14">
      <c r="N607118" s="10"/>
    </row>
    <row r="607119" spans="14:14">
      <c r="N607119" s="10"/>
    </row>
    <row r="607120" spans="14:14">
      <c r="N607120" s="10"/>
    </row>
    <row r="607121" spans="14:14">
      <c r="N607121" s="10"/>
    </row>
    <row r="607122" spans="14:14">
      <c r="N607122" s="10"/>
    </row>
    <row r="607123" spans="14:14">
      <c r="N607123" s="10"/>
    </row>
    <row r="607124" spans="14:14">
      <c r="N607124" s="10"/>
    </row>
    <row r="607125" spans="14:14">
      <c r="N607125" s="10"/>
    </row>
    <row r="607126" spans="14:14">
      <c r="N607126" s="10"/>
    </row>
    <row r="607127" spans="14:14">
      <c r="N607127" s="10"/>
    </row>
    <row r="607128" spans="14:14">
      <c r="N607128" s="10"/>
    </row>
    <row r="607129" spans="14:14">
      <c r="N607129" s="10"/>
    </row>
    <row r="607130" spans="14:14">
      <c r="N607130" s="10"/>
    </row>
    <row r="607131" spans="14:14">
      <c r="N607131" s="10"/>
    </row>
    <row r="607132" spans="14:14">
      <c r="N607132" s="10"/>
    </row>
    <row r="607133" spans="14:14">
      <c r="N607133" s="10"/>
    </row>
    <row r="607134" spans="14:14">
      <c r="N607134" s="10"/>
    </row>
    <row r="607135" spans="14:14">
      <c r="N607135" s="10"/>
    </row>
    <row r="607136" spans="14:14">
      <c r="N607136" s="10"/>
    </row>
    <row r="607137" spans="14:14">
      <c r="N607137" s="10"/>
    </row>
    <row r="607138" spans="14:14">
      <c r="N607138" s="10"/>
    </row>
    <row r="607139" spans="14:14">
      <c r="N607139" s="10"/>
    </row>
    <row r="607140" spans="14:14">
      <c r="N607140" s="10"/>
    </row>
    <row r="607141" spans="14:14">
      <c r="N607141" s="10"/>
    </row>
    <row r="607142" spans="14:14">
      <c r="N607142" s="10"/>
    </row>
    <row r="607143" spans="14:14">
      <c r="N607143" s="10"/>
    </row>
    <row r="607144" spans="14:14">
      <c r="N607144" s="10"/>
    </row>
    <row r="607145" spans="14:14">
      <c r="N607145" s="10"/>
    </row>
    <row r="607146" spans="14:14">
      <c r="N607146" s="10"/>
    </row>
    <row r="607147" spans="14:14">
      <c r="N607147" s="10"/>
    </row>
    <row r="607148" spans="14:14">
      <c r="N607148" s="10"/>
    </row>
    <row r="607149" spans="14:14">
      <c r="N607149" s="10"/>
    </row>
    <row r="607150" spans="14:14">
      <c r="N607150" s="10"/>
    </row>
    <row r="607151" spans="14:14">
      <c r="N607151" s="10"/>
    </row>
    <row r="607152" spans="14:14">
      <c r="N607152" s="10"/>
    </row>
    <row r="607153" spans="14:14">
      <c r="N607153" s="10"/>
    </row>
    <row r="607154" spans="14:14">
      <c r="N607154" s="10"/>
    </row>
    <row r="607155" spans="14:14">
      <c r="N607155" s="10"/>
    </row>
    <row r="607156" spans="14:14">
      <c r="N607156" s="10"/>
    </row>
    <row r="607157" spans="14:14">
      <c r="N607157" s="10"/>
    </row>
    <row r="607158" spans="14:14">
      <c r="N607158" s="10"/>
    </row>
    <row r="607159" spans="14:14">
      <c r="N607159" s="10"/>
    </row>
    <row r="607160" spans="14:14">
      <c r="N607160" s="10"/>
    </row>
    <row r="607161" spans="14:14">
      <c r="N607161" s="10"/>
    </row>
    <row r="607162" spans="14:14">
      <c r="N607162" s="10"/>
    </row>
    <row r="607163" spans="14:14">
      <c r="N607163" s="10"/>
    </row>
    <row r="607164" spans="14:14">
      <c r="N607164" s="10"/>
    </row>
    <row r="607165" spans="14:14">
      <c r="N607165" s="10"/>
    </row>
    <row r="607166" spans="14:14">
      <c r="N607166" s="10"/>
    </row>
    <row r="607167" spans="14:14">
      <c r="N607167" s="10"/>
    </row>
    <row r="607168" spans="14:14">
      <c r="N607168" s="10"/>
    </row>
    <row r="607169" spans="14:14">
      <c r="N607169" s="10"/>
    </row>
    <row r="607170" spans="14:14">
      <c r="N607170" s="10"/>
    </row>
    <row r="607171" spans="14:14">
      <c r="N607171" s="10"/>
    </row>
    <row r="607172" spans="14:14">
      <c r="N607172" s="10"/>
    </row>
    <row r="607173" spans="14:14">
      <c r="N607173" s="10"/>
    </row>
    <row r="607174" spans="14:14">
      <c r="N607174" s="10"/>
    </row>
    <row r="607175" spans="14:14">
      <c r="N607175" s="10"/>
    </row>
    <row r="607176" spans="14:14">
      <c r="N607176" s="10"/>
    </row>
    <row r="607177" spans="14:14">
      <c r="N607177" s="10"/>
    </row>
    <row r="607178" spans="14:14">
      <c r="N607178" s="10"/>
    </row>
    <row r="607179" spans="14:14">
      <c r="N607179" s="10"/>
    </row>
    <row r="607180" spans="14:14">
      <c r="N607180" s="10"/>
    </row>
    <row r="607181" spans="14:14">
      <c r="N607181" s="10"/>
    </row>
    <row r="607182" spans="14:14">
      <c r="N607182" s="10"/>
    </row>
    <row r="607183" spans="14:14">
      <c r="N607183" s="10"/>
    </row>
    <row r="607184" spans="14:14">
      <c r="N607184" s="10"/>
    </row>
    <row r="607185" spans="14:14">
      <c r="N607185" s="10"/>
    </row>
    <row r="607186" spans="14:14">
      <c r="N607186" s="10"/>
    </row>
    <row r="607187" spans="14:14">
      <c r="N607187" s="10"/>
    </row>
    <row r="607188" spans="14:14">
      <c r="N607188" s="10"/>
    </row>
    <row r="607189" spans="14:14">
      <c r="N607189" s="10"/>
    </row>
    <row r="607190" spans="14:14">
      <c r="N607190" s="10"/>
    </row>
    <row r="607191" spans="14:14">
      <c r="N607191" s="10"/>
    </row>
    <row r="607192" spans="14:14">
      <c r="N607192" s="10"/>
    </row>
    <row r="607193" spans="14:14">
      <c r="N607193" s="10"/>
    </row>
    <row r="607194" spans="14:14">
      <c r="N607194" s="10"/>
    </row>
    <row r="607195" spans="14:14">
      <c r="N607195" s="10"/>
    </row>
    <row r="607196" spans="14:14">
      <c r="N607196" s="10"/>
    </row>
    <row r="607197" spans="14:14">
      <c r="N607197" s="10"/>
    </row>
    <row r="607198" spans="14:14">
      <c r="N607198" s="10"/>
    </row>
    <row r="607199" spans="14:14">
      <c r="N607199" s="10"/>
    </row>
    <row r="607200" spans="14:14">
      <c r="N607200" s="10"/>
    </row>
    <row r="607201" spans="14:14">
      <c r="N607201" s="10"/>
    </row>
    <row r="607202" spans="14:14">
      <c r="N607202" s="10"/>
    </row>
    <row r="607203" spans="14:14">
      <c r="N607203" s="10"/>
    </row>
    <row r="607204" spans="14:14">
      <c r="N607204" s="10"/>
    </row>
    <row r="607205" spans="14:14">
      <c r="N607205" s="10"/>
    </row>
    <row r="607206" spans="14:14">
      <c r="N607206" s="10"/>
    </row>
    <row r="607207" spans="14:14">
      <c r="N607207" s="10"/>
    </row>
    <row r="607208" spans="14:14">
      <c r="N607208" s="10"/>
    </row>
    <row r="607209" spans="14:14">
      <c r="N607209" s="10"/>
    </row>
    <row r="607210" spans="14:14">
      <c r="N607210" s="10"/>
    </row>
    <row r="607211" spans="14:14">
      <c r="N607211" s="10"/>
    </row>
    <row r="607212" spans="14:14">
      <c r="N607212" s="10"/>
    </row>
    <row r="607213" spans="14:14">
      <c r="N607213" s="10"/>
    </row>
    <row r="607214" spans="14:14">
      <c r="N607214" s="10"/>
    </row>
    <row r="607215" spans="14:14">
      <c r="N607215" s="10"/>
    </row>
    <row r="607216" spans="14:14">
      <c r="N607216" s="10"/>
    </row>
    <row r="607217" spans="14:14">
      <c r="N607217" s="10"/>
    </row>
    <row r="607218" spans="14:14">
      <c r="N607218" s="10"/>
    </row>
    <row r="607219" spans="14:14">
      <c r="N607219" s="10"/>
    </row>
    <row r="607220" spans="14:14">
      <c r="N607220" s="10"/>
    </row>
    <row r="607221" spans="14:14">
      <c r="N607221" s="10"/>
    </row>
    <row r="607222" spans="14:14">
      <c r="N607222" s="10"/>
    </row>
    <row r="607223" spans="14:14">
      <c r="N607223" s="10"/>
    </row>
    <row r="607224" spans="14:14">
      <c r="N607224" s="10"/>
    </row>
    <row r="607225" spans="14:14">
      <c r="N607225" s="10"/>
    </row>
    <row r="607226" spans="14:14">
      <c r="N607226" s="10"/>
    </row>
    <row r="607227" spans="14:14">
      <c r="N607227" s="10"/>
    </row>
    <row r="607228" spans="14:14">
      <c r="N607228" s="10"/>
    </row>
    <row r="607229" spans="14:14">
      <c r="N607229" s="10"/>
    </row>
    <row r="607230" spans="14:14">
      <c r="N607230" s="10"/>
    </row>
    <row r="607231" spans="14:14">
      <c r="N607231" s="10"/>
    </row>
    <row r="607232" spans="14:14">
      <c r="N607232" s="10"/>
    </row>
    <row r="607233" spans="14:14">
      <c r="N607233" s="10"/>
    </row>
    <row r="607234" spans="14:14">
      <c r="N607234" s="10"/>
    </row>
    <row r="607235" spans="14:14">
      <c r="N607235" s="10"/>
    </row>
    <row r="607236" spans="14:14">
      <c r="N607236" s="10"/>
    </row>
    <row r="607237" spans="14:14">
      <c r="N607237" s="10"/>
    </row>
    <row r="607238" spans="14:14">
      <c r="N607238" s="10"/>
    </row>
    <row r="607239" spans="14:14">
      <c r="N607239" s="10"/>
    </row>
    <row r="607240" spans="14:14">
      <c r="N607240" s="10"/>
    </row>
    <row r="607241" spans="14:14">
      <c r="N607241" s="10"/>
    </row>
    <row r="607242" spans="14:14">
      <c r="N607242" s="10"/>
    </row>
    <row r="607243" spans="14:14">
      <c r="N607243" s="10"/>
    </row>
    <row r="607244" spans="14:14">
      <c r="N607244" s="10"/>
    </row>
    <row r="607245" spans="14:14">
      <c r="N607245" s="10"/>
    </row>
    <row r="607246" spans="14:14">
      <c r="N607246" s="10"/>
    </row>
    <row r="607247" spans="14:14">
      <c r="N607247" s="10"/>
    </row>
    <row r="607248" spans="14:14">
      <c r="N607248" s="10"/>
    </row>
    <row r="607249" spans="14:14">
      <c r="N607249" s="10"/>
    </row>
    <row r="607250" spans="14:14">
      <c r="N607250" s="10"/>
    </row>
    <row r="607251" spans="14:14">
      <c r="N607251" s="10"/>
    </row>
    <row r="607252" spans="14:14">
      <c r="N607252" s="10"/>
    </row>
    <row r="607253" spans="14:14">
      <c r="N607253" s="10"/>
    </row>
    <row r="607254" spans="14:14">
      <c r="N607254" s="10"/>
    </row>
    <row r="607255" spans="14:14">
      <c r="N607255" s="10"/>
    </row>
    <row r="607256" spans="14:14">
      <c r="N607256" s="10"/>
    </row>
    <row r="607257" spans="14:14">
      <c r="N607257" s="10"/>
    </row>
    <row r="607258" spans="14:14">
      <c r="N607258" s="10"/>
    </row>
    <row r="607259" spans="14:14">
      <c r="N607259" s="10"/>
    </row>
    <row r="607260" spans="14:14">
      <c r="N607260" s="10"/>
    </row>
    <row r="607261" spans="14:14">
      <c r="N607261" s="10"/>
    </row>
    <row r="607262" spans="14:14">
      <c r="N607262" s="10"/>
    </row>
    <row r="607263" spans="14:14">
      <c r="N607263" s="10"/>
    </row>
    <row r="607264" spans="14:14">
      <c r="N607264" s="10"/>
    </row>
    <row r="607265" spans="14:14">
      <c r="N607265" s="10"/>
    </row>
    <row r="607266" spans="14:14">
      <c r="N607266" s="10"/>
    </row>
    <row r="607267" spans="14:14">
      <c r="N607267" s="10"/>
    </row>
    <row r="607268" spans="14:14">
      <c r="N607268" s="10"/>
    </row>
    <row r="607269" spans="14:14">
      <c r="N607269" s="10"/>
    </row>
    <row r="607270" spans="14:14">
      <c r="N607270" s="10"/>
    </row>
    <row r="607271" spans="14:14">
      <c r="N607271" s="10"/>
    </row>
    <row r="607272" spans="14:14">
      <c r="N607272" s="10"/>
    </row>
    <row r="607273" spans="14:14">
      <c r="N607273" s="10"/>
    </row>
    <row r="607274" spans="14:14">
      <c r="N607274" s="10"/>
    </row>
    <row r="607275" spans="14:14">
      <c r="N607275" s="10"/>
    </row>
    <row r="607276" spans="14:14">
      <c r="N607276" s="10"/>
    </row>
    <row r="607277" spans="14:14">
      <c r="N607277" s="10"/>
    </row>
    <row r="607278" spans="14:14">
      <c r="N607278" s="10"/>
    </row>
    <row r="607279" spans="14:14">
      <c r="N607279" s="10"/>
    </row>
    <row r="607280" spans="14:14">
      <c r="N607280" s="10"/>
    </row>
    <row r="607281" spans="14:14">
      <c r="N607281" s="10"/>
    </row>
    <row r="607282" spans="14:14">
      <c r="N607282" s="10"/>
    </row>
    <row r="607283" spans="14:14">
      <c r="N607283" s="10"/>
    </row>
    <row r="607284" spans="14:14">
      <c r="N607284" s="10"/>
    </row>
    <row r="607285" spans="14:14">
      <c r="N607285" s="10"/>
    </row>
    <row r="607286" spans="14:14">
      <c r="N607286" s="10"/>
    </row>
    <row r="607287" spans="14:14">
      <c r="N607287" s="10"/>
    </row>
    <row r="607288" spans="14:14">
      <c r="N607288" s="10"/>
    </row>
    <row r="607289" spans="14:14">
      <c r="N607289" s="10"/>
    </row>
    <row r="607290" spans="14:14">
      <c r="N607290" s="10"/>
    </row>
    <row r="607291" spans="14:14">
      <c r="N607291" s="10"/>
    </row>
    <row r="607292" spans="14:14">
      <c r="N607292" s="10"/>
    </row>
    <row r="607293" spans="14:14">
      <c r="N607293" s="10"/>
    </row>
    <row r="607294" spans="14:14">
      <c r="N607294" s="10"/>
    </row>
    <row r="607295" spans="14:14">
      <c r="N607295" s="10"/>
    </row>
    <row r="607296" spans="14:14">
      <c r="N607296" s="10"/>
    </row>
    <row r="607297" spans="14:14">
      <c r="N607297" s="10"/>
    </row>
    <row r="607298" spans="14:14">
      <c r="N607298" s="10"/>
    </row>
    <row r="607299" spans="14:14">
      <c r="N607299" s="10"/>
    </row>
    <row r="607300" spans="14:14">
      <c r="N607300" s="10"/>
    </row>
    <row r="607301" spans="14:14">
      <c r="N607301" s="10"/>
    </row>
    <row r="607302" spans="14:14">
      <c r="N607302" s="10"/>
    </row>
    <row r="607303" spans="14:14">
      <c r="N607303" s="10"/>
    </row>
    <row r="607304" spans="14:14">
      <c r="N607304" s="10"/>
    </row>
    <row r="607305" spans="14:14">
      <c r="N607305" s="10"/>
    </row>
    <row r="607306" spans="14:14">
      <c r="N607306" s="10"/>
    </row>
    <row r="607307" spans="14:14">
      <c r="N607307" s="10"/>
    </row>
    <row r="607308" spans="14:14">
      <c r="N607308" s="10"/>
    </row>
    <row r="607309" spans="14:14">
      <c r="N607309" s="10"/>
    </row>
    <row r="607310" spans="14:14">
      <c r="N607310" s="10"/>
    </row>
    <row r="607311" spans="14:14">
      <c r="N607311" s="10"/>
    </row>
    <row r="607312" spans="14:14">
      <c r="N607312" s="10"/>
    </row>
    <row r="607313" spans="14:14">
      <c r="N607313" s="10"/>
    </row>
    <row r="607314" spans="14:14">
      <c r="N607314" s="10"/>
    </row>
    <row r="607315" spans="14:14">
      <c r="N607315" s="10"/>
    </row>
    <row r="607316" spans="14:14">
      <c r="N607316" s="10"/>
    </row>
    <row r="607317" spans="14:14">
      <c r="N607317" s="10"/>
    </row>
    <row r="607318" spans="14:14">
      <c r="N607318" s="10"/>
    </row>
    <row r="607319" spans="14:14">
      <c r="N607319" s="10"/>
    </row>
    <row r="607320" spans="14:14">
      <c r="N607320" s="10"/>
    </row>
    <row r="607321" spans="14:14">
      <c r="N607321" s="10"/>
    </row>
    <row r="607322" spans="14:14">
      <c r="N607322" s="10"/>
    </row>
    <row r="607323" spans="14:14">
      <c r="N607323" s="10"/>
    </row>
    <row r="607324" spans="14:14">
      <c r="N607324" s="10"/>
    </row>
    <row r="607325" spans="14:14">
      <c r="N607325" s="10"/>
    </row>
    <row r="607326" spans="14:14">
      <c r="N607326" s="10"/>
    </row>
    <row r="607327" spans="14:14">
      <c r="N607327" s="10"/>
    </row>
    <row r="607328" spans="14:14">
      <c r="N607328" s="10"/>
    </row>
    <row r="607329" spans="14:14">
      <c r="N607329" s="10"/>
    </row>
    <row r="607330" spans="14:14">
      <c r="N607330" s="10"/>
    </row>
    <row r="607331" spans="14:14">
      <c r="N607331" s="10"/>
    </row>
    <row r="607332" spans="14:14">
      <c r="N607332" s="10"/>
    </row>
    <row r="607333" spans="14:14">
      <c r="N607333" s="10"/>
    </row>
    <row r="607334" spans="14:14">
      <c r="N607334" s="10"/>
    </row>
    <row r="607335" spans="14:14">
      <c r="N607335" s="10"/>
    </row>
    <row r="607336" spans="14:14">
      <c r="N607336" s="10"/>
    </row>
    <row r="607337" spans="14:14">
      <c r="N607337" s="10"/>
    </row>
    <row r="607338" spans="14:14">
      <c r="N607338" s="10"/>
    </row>
    <row r="607339" spans="14:14">
      <c r="N607339" s="10"/>
    </row>
    <row r="607340" spans="14:14">
      <c r="N607340" s="10"/>
    </row>
    <row r="607341" spans="14:14">
      <c r="N607341" s="10"/>
    </row>
    <row r="607342" spans="14:14">
      <c r="N607342" s="10"/>
    </row>
    <row r="607343" spans="14:14">
      <c r="N607343" s="10"/>
    </row>
    <row r="607344" spans="14:14">
      <c r="N607344" s="10"/>
    </row>
    <row r="607345" spans="14:14">
      <c r="N607345" s="10"/>
    </row>
    <row r="607346" spans="14:14">
      <c r="N607346" s="10"/>
    </row>
    <row r="607347" spans="14:14">
      <c r="N607347" s="10"/>
    </row>
    <row r="607348" spans="14:14">
      <c r="N607348" s="10"/>
    </row>
    <row r="607349" spans="14:14">
      <c r="N607349" s="10"/>
    </row>
    <row r="607350" spans="14:14">
      <c r="N607350" s="10"/>
    </row>
    <row r="607351" spans="14:14">
      <c r="N607351" s="10"/>
    </row>
    <row r="607352" spans="14:14">
      <c r="N607352" s="10"/>
    </row>
    <row r="607353" spans="14:14">
      <c r="N607353" s="10"/>
    </row>
    <row r="607354" spans="14:14">
      <c r="N607354" s="10"/>
    </row>
    <row r="607355" spans="14:14">
      <c r="N607355" s="10"/>
    </row>
    <row r="607356" spans="14:14">
      <c r="N607356" s="10"/>
    </row>
    <row r="607357" spans="14:14">
      <c r="N607357" s="10"/>
    </row>
    <row r="607358" spans="14:14">
      <c r="N607358" s="10"/>
    </row>
    <row r="607359" spans="14:14">
      <c r="N607359" s="10"/>
    </row>
    <row r="607360" spans="14:14">
      <c r="N607360" s="10"/>
    </row>
    <row r="607361" spans="14:14">
      <c r="N607361" s="10"/>
    </row>
    <row r="607362" spans="14:14">
      <c r="N607362" s="10"/>
    </row>
    <row r="607363" spans="14:14">
      <c r="N607363" s="10"/>
    </row>
    <row r="607364" spans="14:14">
      <c r="N607364" s="10"/>
    </row>
    <row r="607365" spans="14:14">
      <c r="N607365" s="10"/>
    </row>
    <row r="607366" spans="14:14">
      <c r="N607366" s="10"/>
    </row>
    <row r="607367" spans="14:14">
      <c r="N607367" s="10"/>
    </row>
    <row r="607368" spans="14:14">
      <c r="N607368" s="10"/>
    </row>
    <row r="607369" spans="14:14">
      <c r="N607369" s="10"/>
    </row>
    <row r="607370" spans="14:14">
      <c r="N607370" s="10"/>
    </row>
    <row r="607371" spans="14:14">
      <c r="N607371" s="10"/>
    </row>
    <row r="607372" spans="14:14">
      <c r="N607372" s="10"/>
    </row>
    <row r="607373" spans="14:14">
      <c r="N607373" s="10"/>
    </row>
    <row r="607374" spans="14:14">
      <c r="N607374" s="10"/>
    </row>
    <row r="607375" spans="14:14">
      <c r="N607375" s="10"/>
    </row>
    <row r="607376" spans="14:14">
      <c r="N607376" s="10"/>
    </row>
    <row r="607377" spans="14:14">
      <c r="N607377" s="10"/>
    </row>
    <row r="607378" spans="14:14">
      <c r="N607378" s="10"/>
    </row>
    <row r="607379" spans="14:14">
      <c r="N607379" s="10"/>
    </row>
    <row r="607380" spans="14:14">
      <c r="N607380" s="10"/>
    </row>
    <row r="607381" spans="14:14">
      <c r="N607381" s="10"/>
    </row>
    <row r="607382" spans="14:14">
      <c r="N607382" s="10"/>
    </row>
    <row r="607383" spans="14:14">
      <c r="N607383" s="10"/>
    </row>
    <row r="607384" spans="14:14">
      <c r="N607384" s="10"/>
    </row>
    <row r="607385" spans="14:14">
      <c r="N607385" s="10"/>
    </row>
    <row r="607386" spans="14:14">
      <c r="N607386" s="10"/>
    </row>
    <row r="607387" spans="14:14">
      <c r="N607387" s="10"/>
    </row>
    <row r="607388" spans="14:14">
      <c r="N607388" s="10"/>
    </row>
    <row r="607389" spans="14:14">
      <c r="N607389" s="10"/>
    </row>
    <row r="607390" spans="14:14">
      <c r="N607390" s="10"/>
    </row>
    <row r="607391" spans="14:14">
      <c r="N607391" s="10"/>
    </row>
    <row r="607392" spans="14:14">
      <c r="N607392" s="10"/>
    </row>
    <row r="607393" spans="14:14">
      <c r="N607393" s="10"/>
    </row>
    <row r="607394" spans="14:14">
      <c r="N607394" s="10"/>
    </row>
    <row r="607395" spans="14:14">
      <c r="N607395" s="10"/>
    </row>
    <row r="607396" spans="14:14">
      <c r="N607396" s="10"/>
    </row>
    <row r="607397" spans="14:14">
      <c r="N607397" s="10"/>
    </row>
    <row r="607398" spans="14:14">
      <c r="N607398" s="10"/>
    </row>
    <row r="607399" spans="14:14">
      <c r="N607399" s="10"/>
    </row>
    <row r="607400" spans="14:14">
      <c r="N607400" s="10"/>
    </row>
    <row r="607401" spans="14:14">
      <c r="N607401" s="10"/>
    </row>
    <row r="607402" spans="14:14">
      <c r="N607402" s="10"/>
    </row>
    <row r="607403" spans="14:14">
      <c r="N607403" s="10"/>
    </row>
    <row r="607404" spans="14:14">
      <c r="N607404" s="10"/>
    </row>
    <row r="607405" spans="14:14">
      <c r="N607405" s="10"/>
    </row>
    <row r="607406" spans="14:14">
      <c r="N607406" s="10"/>
    </row>
    <row r="607407" spans="14:14">
      <c r="N607407" s="10"/>
    </row>
    <row r="607408" spans="14:14">
      <c r="N607408" s="10"/>
    </row>
    <row r="607409" spans="14:14">
      <c r="N607409" s="10"/>
    </row>
    <row r="607410" spans="14:14">
      <c r="N607410" s="10"/>
    </row>
    <row r="607411" spans="14:14">
      <c r="N607411" s="10"/>
    </row>
    <row r="607412" spans="14:14">
      <c r="N607412" s="10"/>
    </row>
    <row r="607413" spans="14:14">
      <c r="N607413" s="10"/>
    </row>
    <row r="607414" spans="14:14">
      <c r="N607414" s="10"/>
    </row>
    <row r="607415" spans="14:14">
      <c r="N607415" s="10"/>
    </row>
    <row r="607416" spans="14:14">
      <c r="N607416" s="10"/>
    </row>
    <row r="607417" spans="14:14">
      <c r="N607417" s="10"/>
    </row>
    <row r="607418" spans="14:14">
      <c r="N607418" s="10"/>
    </row>
    <row r="607419" spans="14:14">
      <c r="N607419" s="10"/>
    </row>
    <row r="607420" spans="14:14">
      <c r="N607420" s="10"/>
    </row>
    <row r="607421" spans="14:14">
      <c r="N607421" s="10"/>
    </row>
    <row r="607422" spans="14:14">
      <c r="N607422" s="10"/>
    </row>
    <row r="607423" spans="14:14">
      <c r="N607423" s="10"/>
    </row>
    <row r="607424" spans="14:14">
      <c r="N607424" s="10"/>
    </row>
    <row r="607425" spans="14:14">
      <c r="N607425" s="10"/>
    </row>
    <row r="607426" spans="14:14">
      <c r="N607426" s="10"/>
    </row>
    <row r="607427" spans="14:14">
      <c r="N607427" s="10"/>
    </row>
    <row r="607428" spans="14:14">
      <c r="N607428" s="10"/>
    </row>
    <row r="607429" spans="14:14">
      <c r="N607429" s="10"/>
    </row>
    <row r="607430" spans="14:14">
      <c r="N607430" s="10"/>
    </row>
    <row r="607431" spans="14:14">
      <c r="N607431" s="10"/>
    </row>
    <row r="607432" spans="14:14">
      <c r="N607432" s="10"/>
    </row>
    <row r="607433" spans="14:14">
      <c r="N607433" s="10"/>
    </row>
    <row r="607434" spans="14:14">
      <c r="N607434" s="10"/>
    </row>
    <row r="607435" spans="14:14">
      <c r="N607435" s="10"/>
    </row>
    <row r="607436" spans="14:14">
      <c r="N607436" s="10"/>
    </row>
    <row r="607437" spans="14:14">
      <c r="N607437" s="10"/>
    </row>
    <row r="607438" spans="14:14">
      <c r="N607438" s="10"/>
    </row>
    <row r="607439" spans="14:14">
      <c r="N607439" s="10"/>
    </row>
    <row r="607440" spans="14:14">
      <c r="N607440" s="10"/>
    </row>
    <row r="607441" spans="14:14">
      <c r="N607441" s="10"/>
    </row>
    <row r="607442" spans="14:14">
      <c r="N607442" s="10"/>
    </row>
    <row r="607443" spans="14:14">
      <c r="N607443" s="10"/>
    </row>
    <row r="607444" spans="14:14">
      <c r="N607444" s="10"/>
    </row>
    <row r="607445" spans="14:14">
      <c r="N607445" s="10"/>
    </row>
    <row r="607446" spans="14:14">
      <c r="N607446" s="10"/>
    </row>
    <row r="607447" spans="14:14">
      <c r="N607447" s="10"/>
    </row>
    <row r="607448" spans="14:14">
      <c r="N607448" s="10"/>
    </row>
    <row r="607449" spans="14:14">
      <c r="N607449" s="10"/>
    </row>
    <row r="607450" spans="14:14">
      <c r="N607450" s="10"/>
    </row>
    <row r="607451" spans="14:14">
      <c r="N607451" s="10"/>
    </row>
    <row r="607452" spans="14:14">
      <c r="N607452" s="10"/>
    </row>
    <row r="607453" spans="14:14">
      <c r="N607453" s="10"/>
    </row>
    <row r="607454" spans="14:14">
      <c r="N607454" s="10"/>
    </row>
    <row r="607455" spans="14:14">
      <c r="N607455" s="10"/>
    </row>
    <row r="607456" spans="14:14">
      <c r="N607456" s="10"/>
    </row>
    <row r="607457" spans="14:14">
      <c r="N607457" s="10"/>
    </row>
    <row r="607458" spans="14:14">
      <c r="N607458" s="10"/>
    </row>
    <row r="607459" spans="14:14">
      <c r="N607459" s="10"/>
    </row>
    <row r="607460" spans="14:14">
      <c r="N607460" s="10"/>
    </row>
    <row r="607461" spans="14:14">
      <c r="N607461" s="10"/>
    </row>
    <row r="607462" spans="14:14">
      <c r="N607462" s="10"/>
    </row>
    <row r="607463" spans="14:14">
      <c r="N607463" s="10"/>
    </row>
    <row r="607464" spans="14:14">
      <c r="N607464" s="10"/>
    </row>
    <row r="607465" spans="14:14">
      <c r="N607465" s="10"/>
    </row>
    <row r="607466" spans="14:14">
      <c r="N607466" s="10"/>
    </row>
    <row r="607467" spans="14:14">
      <c r="N607467" s="10"/>
    </row>
    <row r="607468" spans="14:14">
      <c r="N607468" s="10"/>
    </row>
    <row r="607469" spans="14:14">
      <c r="N607469" s="10"/>
    </row>
    <row r="607470" spans="14:14">
      <c r="N607470" s="10"/>
    </row>
    <row r="607471" spans="14:14">
      <c r="N607471" s="10"/>
    </row>
    <row r="607472" spans="14:14">
      <c r="N607472" s="10"/>
    </row>
    <row r="607473" spans="14:14">
      <c r="N607473" s="10"/>
    </row>
    <row r="607474" spans="14:14">
      <c r="N607474" s="10"/>
    </row>
    <row r="607475" spans="14:14">
      <c r="N607475" s="10"/>
    </row>
    <row r="607476" spans="14:14">
      <c r="N607476" s="10"/>
    </row>
    <row r="607477" spans="14:14">
      <c r="N607477" s="10"/>
    </row>
    <row r="607478" spans="14:14">
      <c r="N607478" s="10"/>
    </row>
    <row r="607479" spans="14:14">
      <c r="N607479" s="10"/>
    </row>
    <row r="607480" spans="14:14">
      <c r="N607480" s="10"/>
    </row>
    <row r="607481" spans="14:14">
      <c r="N607481" s="10"/>
    </row>
    <row r="607482" spans="14:14">
      <c r="N607482" s="10"/>
    </row>
    <row r="607483" spans="14:14">
      <c r="N607483" s="10"/>
    </row>
    <row r="607484" spans="14:14">
      <c r="N607484" s="10"/>
    </row>
    <row r="607485" spans="14:14">
      <c r="N607485" s="10"/>
    </row>
    <row r="607486" spans="14:14">
      <c r="N607486" s="10"/>
    </row>
    <row r="607487" spans="14:14">
      <c r="N607487" s="10"/>
    </row>
    <row r="607488" spans="14:14">
      <c r="N607488" s="10"/>
    </row>
    <row r="607489" spans="14:14">
      <c r="N607489" s="10"/>
    </row>
    <row r="607490" spans="14:14">
      <c r="N607490" s="10"/>
    </row>
    <row r="607491" spans="14:14">
      <c r="N607491" s="10"/>
    </row>
    <row r="607492" spans="14:14">
      <c r="N607492" s="10"/>
    </row>
    <row r="607493" spans="14:14">
      <c r="N607493" s="10"/>
    </row>
    <row r="607494" spans="14:14">
      <c r="N607494" s="10"/>
    </row>
    <row r="607495" spans="14:14">
      <c r="N607495" s="10"/>
    </row>
    <row r="607496" spans="14:14">
      <c r="N607496" s="10"/>
    </row>
    <row r="607497" spans="14:14">
      <c r="N607497" s="10"/>
    </row>
    <row r="607498" spans="14:14">
      <c r="N607498" s="10"/>
    </row>
    <row r="607499" spans="14:14">
      <c r="N607499" s="10"/>
    </row>
    <row r="607500" spans="14:14">
      <c r="N607500" s="10"/>
    </row>
    <row r="607501" spans="14:14">
      <c r="N607501" s="10"/>
    </row>
    <row r="607502" spans="14:14">
      <c r="N607502" s="10"/>
    </row>
    <row r="607503" spans="14:14">
      <c r="N607503" s="10"/>
    </row>
    <row r="607504" spans="14:14">
      <c r="N607504" s="10"/>
    </row>
    <row r="607505" spans="14:14">
      <c r="N607505" s="10"/>
    </row>
    <row r="607506" spans="14:14">
      <c r="N607506" s="10"/>
    </row>
    <row r="607507" spans="14:14">
      <c r="N607507" s="10"/>
    </row>
    <row r="607508" spans="14:14">
      <c r="N607508" s="10"/>
    </row>
    <row r="607509" spans="14:14">
      <c r="N607509" s="10"/>
    </row>
    <row r="607510" spans="14:14">
      <c r="N607510" s="10"/>
    </row>
    <row r="607511" spans="14:14">
      <c r="N607511" s="10"/>
    </row>
    <row r="607512" spans="14:14">
      <c r="N607512" s="10"/>
    </row>
    <row r="607513" spans="14:14">
      <c r="N607513" s="10"/>
    </row>
    <row r="607514" spans="14:14">
      <c r="N607514" s="10"/>
    </row>
    <row r="607515" spans="14:14">
      <c r="N607515" s="10"/>
    </row>
    <row r="607516" spans="14:14">
      <c r="N607516" s="10"/>
    </row>
    <row r="607517" spans="14:14">
      <c r="N607517" s="10"/>
    </row>
    <row r="607518" spans="14:14">
      <c r="N607518" s="10"/>
    </row>
    <row r="607519" spans="14:14">
      <c r="N607519" s="10"/>
    </row>
    <row r="607520" spans="14:14">
      <c r="N607520" s="10"/>
    </row>
    <row r="607521" spans="14:14">
      <c r="N607521" s="10"/>
    </row>
    <row r="607522" spans="14:14">
      <c r="N607522" s="10"/>
    </row>
    <row r="607523" spans="14:14">
      <c r="N607523" s="10"/>
    </row>
    <row r="607524" spans="14:14">
      <c r="N607524" s="10"/>
    </row>
    <row r="607525" spans="14:14">
      <c r="N607525" s="10"/>
    </row>
    <row r="607526" spans="14:14">
      <c r="N607526" s="10"/>
    </row>
    <row r="607527" spans="14:14">
      <c r="N607527" s="10"/>
    </row>
    <row r="607528" spans="14:14">
      <c r="N607528" s="10"/>
    </row>
    <row r="607529" spans="14:14">
      <c r="N607529" s="10"/>
    </row>
    <row r="607530" spans="14:14">
      <c r="N607530" s="10"/>
    </row>
    <row r="607531" spans="14:14">
      <c r="N607531" s="10"/>
    </row>
    <row r="607532" spans="14:14">
      <c r="N607532" s="10"/>
    </row>
    <row r="607533" spans="14:14">
      <c r="N607533" s="10"/>
    </row>
    <row r="607534" spans="14:14">
      <c r="N607534" s="10"/>
    </row>
    <row r="607535" spans="14:14">
      <c r="N607535" s="10"/>
    </row>
    <row r="607536" spans="14:14">
      <c r="N607536" s="10"/>
    </row>
    <row r="607537" spans="14:14">
      <c r="N607537" s="10"/>
    </row>
    <row r="607538" spans="14:14">
      <c r="N607538" s="10"/>
    </row>
    <row r="607539" spans="14:14">
      <c r="N607539" s="10"/>
    </row>
    <row r="607540" spans="14:14">
      <c r="N607540" s="10"/>
    </row>
    <row r="607541" spans="14:14">
      <c r="N607541" s="10"/>
    </row>
    <row r="607542" spans="14:14">
      <c r="N607542" s="10"/>
    </row>
    <row r="607543" spans="14:14">
      <c r="N607543" s="10"/>
    </row>
    <row r="607544" spans="14:14">
      <c r="N607544" s="10"/>
    </row>
    <row r="607545" spans="14:14">
      <c r="N607545" s="10"/>
    </row>
    <row r="607546" spans="14:14">
      <c r="N607546" s="10"/>
    </row>
    <row r="607547" spans="14:14">
      <c r="N607547" s="10"/>
    </row>
    <row r="607548" spans="14:14">
      <c r="N607548" s="10"/>
    </row>
    <row r="607549" spans="14:14">
      <c r="N607549" s="10"/>
    </row>
    <row r="607550" spans="14:14">
      <c r="N607550" s="10"/>
    </row>
    <row r="607551" spans="14:14">
      <c r="N607551" s="10"/>
    </row>
    <row r="607552" spans="14:14">
      <c r="N607552" s="10"/>
    </row>
    <row r="607553" spans="14:14">
      <c r="N607553" s="10"/>
    </row>
    <row r="607554" spans="14:14">
      <c r="N607554" s="10"/>
    </row>
    <row r="607555" spans="14:14">
      <c r="N607555" s="10"/>
    </row>
    <row r="607556" spans="14:14">
      <c r="N607556" s="10"/>
    </row>
    <row r="607557" spans="14:14">
      <c r="N607557" s="10"/>
    </row>
    <row r="607558" spans="14:14">
      <c r="N607558" s="10"/>
    </row>
    <row r="607559" spans="14:14">
      <c r="N607559" s="10"/>
    </row>
    <row r="607560" spans="14:14">
      <c r="N607560" s="10"/>
    </row>
    <row r="607561" spans="14:14">
      <c r="N607561" s="10"/>
    </row>
    <row r="607562" spans="14:14">
      <c r="N607562" s="10"/>
    </row>
    <row r="607563" spans="14:14">
      <c r="N607563" s="10"/>
    </row>
    <row r="607564" spans="14:14">
      <c r="N607564" s="10"/>
    </row>
    <row r="607565" spans="14:14">
      <c r="N607565" s="10"/>
    </row>
    <row r="607566" spans="14:14">
      <c r="N607566" s="10"/>
    </row>
    <row r="607567" spans="14:14">
      <c r="N607567" s="10"/>
    </row>
    <row r="607568" spans="14:14">
      <c r="N607568" s="10"/>
    </row>
    <row r="607569" spans="14:14">
      <c r="N607569" s="10"/>
    </row>
    <row r="607570" spans="14:14">
      <c r="N607570" s="10"/>
    </row>
    <row r="607571" spans="14:14">
      <c r="N607571" s="10"/>
    </row>
    <row r="607572" spans="14:14">
      <c r="N607572" s="10"/>
    </row>
    <row r="607573" spans="14:14">
      <c r="N607573" s="10"/>
    </row>
    <row r="607574" spans="14:14">
      <c r="N607574" s="10"/>
    </row>
    <row r="607575" spans="14:14">
      <c r="N607575" s="10"/>
    </row>
    <row r="607576" spans="14:14">
      <c r="N607576" s="10"/>
    </row>
    <row r="607577" spans="14:14">
      <c r="N607577" s="10"/>
    </row>
    <row r="607578" spans="14:14">
      <c r="N607578" s="10"/>
    </row>
    <row r="607579" spans="14:14">
      <c r="N607579" s="10"/>
    </row>
    <row r="607580" spans="14:14">
      <c r="N607580" s="10"/>
    </row>
    <row r="607581" spans="14:14">
      <c r="N607581" s="10"/>
    </row>
    <row r="607582" spans="14:14">
      <c r="N607582" s="10"/>
    </row>
    <row r="607583" spans="14:14">
      <c r="N607583" s="10"/>
    </row>
    <row r="607584" spans="14:14">
      <c r="N607584" s="10"/>
    </row>
    <row r="607585" spans="14:14">
      <c r="N607585" s="10"/>
    </row>
    <row r="607586" spans="14:14">
      <c r="N607586" s="10"/>
    </row>
    <row r="607587" spans="14:14">
      <c r="N607587" s="10"/>
    </row>
    <row r="607588" spans="14:14">
      <c r="N607588" s="10"/>
    </row>
    <row r="607589" spans="14:14">
      <c r="N607589" s="10"/>
    </row>
    <row r="607590" spans="14:14">
      <c r="N607590" s="10"/>
    </row>
    <row r="607591" spans="14:14">
      <c r="N607591" s="10"/>
    </row>
    <row r="607592" spans="14:14">
      <c r="N607592" s="10"/>
    </row>
    <row r="607593" spans="14:14">
      <c r="N607593" s="10"/>
    </row>
    <row r="607594" spans="14:14">
      <c r="N607594" s="10"/>
    </row>
    <row r="607595" spans="14:14">
      <c r="N607595" s="10"/>
    </row>
    <row r="607596" spans="14:14">
      <c r="N607596" s="10"/>
    </row>
    <row r="607597" spans="14:14">
      <c r="N607597" s="10"/>
    </row>
    <row r="607598" spans="14:14">
      <c r="N607598" s="10"/>
    </row>
    <row r="607599" spans="14:14">
      <c r="N607599" s="10"/>
    </row>
    <row r="607600" spans="14:14">
      <c r="N607600" s="10"/>
    </row>
    <row r="607601" spans="14:14">
      <c r="N607601" s="10"/>
    </row>
    <row r="607602" spans="14:14">
      <c r="N607602" s="10"/>
    </row>
    <row r="607603" spans="14:14">
      <c r="N607603" s="10"/>
    </row>
    <row r="607604" spans="14:14">
      <c r="N607604" s="10"/>
    </row>
    <row r="607605" spans="14:14">
      <c r="N607605" s="10"/>
    </row>
    <row r="607606" spans="14:14">
      <c r="N607606" s="10"/>
    </row>
    <row r="607607" spans="14:14">
      <c r="N607607" s="10"/>
    </row>
    <row r="607608" spans="14:14">
      <c r="N607608" s="10"/>
    </row>
    <row r="607609" spans="14:14">
      <c r="N607609" s="10"/>
    </row>
    <row r="607610" spans="14:14">
      <c r="N607610" s="10"/>
    </row>
    <row r="607611" spans="14:14">
      <c r="N607611" s="10"/>
    </row>
    <row r="607612" spans="14:14">
      <c r="N607612" s="10"/>
    </row>
    <row r="607613" spans="14:14">
      <c r="N607613" s="10"/>
    </row>
    <row r="607614" spans="14:14">
      <c r="N607614" s="10"/>
    </row>
    <row r="607615" spans="14:14">
      <c r="N607615" s="10"/>
    </row>
    <row r="607616" spans="14:14">
      <c r="N607616" s="10"/>
    </row>
    <row r="607617" spans="14:14">
      <c r="N607617" s="10"/>
    </row>
    <row r="607618" spans="14:14">
      <c r="N607618" s="10"/>
    </row>
    <row r="607619" spans="14:14">
      <c r="N607619" s="10"/>
    </row>
    <row r="607620" spans="14:14">
      <c r="N607620" s="10"/>
    </row>
    <row r="607621" spans="14:14">
      <c r="N607621" s="10"/>
    </row>
    <row r="607622" spans="14:14">
      <c r="N607622" s="10"/>
    </row>
    <row r="607623" spans="14:14">
      <c r="N607623" s="10"/>
    </row>
    <row r="607624" spans="14:14">
      <c r="N607624" s="10"/>
    </row>
    <row r="607625" spans="14:14">
      <c r="N607625" s="10"/>
    </row>
    <row r="607626" spans="14:14">
      <c r="N607626" s="10"/>
    </row>
    <row r="607627" spans="14:14">
      <c r="N607627" s="10"/>
    </row>
    <row r="607628" spans="14:14">
      <c r="N607628" s="10"/>
    </row>
    <row r="607629" spans="14:14">
      <c r="N607629" s="10"/>
    </row>
    <row r="607630" spans="14:14">
      <c r="N607630" s="10"/>
    </row>
    <row r="607631" spans="14:14">
      <c r="N607631" s="10"/>
    </row>
    <row r="607632" spans="14:14">
      <c r="N607632" s="10"/>
    </row>
    <row r="607633" spans="14:14">
      <c r="N607633" s="10"/>
    </row>
    <row r="607634" spans="14:14">
      <c r="N607634" s="10"/>
    </row>
    <row r="607635" spans="14:14">
      <c r="N607635" s="10"/>
    </row>
    <row r="607636" spans="14:14">
      <c r="N607636" s="10"/>
    </row>
    <row r="607637" spans="14:14">
      <c r="N607637" s="10"/>
    </row>
    <row r="607638" spans="14:14">
      <c r="N607638" s="10"/>
    </row>
    <row r="607639" spans="14:14">
      <c r="N607639" s="10"/>
    </row>
    <row r="607640" spans="14:14">
      <c r="N607640" s="10"/>
    </row>
    <row r="607641" spans="14:14">
      <c r="N607641" s="10"/>
    </row>
    <row r="607642" spans="14:14">
      <c r="N607642" s="10"/>
    </row>
    <row r="607643" spans="14:14">
      <c r="N607643" s="10"/>
    </row>
    <row r="607644" spans="14:14">
      <c r="N607644" s="10"/>
    </row>
    <row r="607645" spans="14:14">
      <c r="N607645" s="10"/>
    </row>
    <row r="607646" spans="14:14">
      <c r="N607646" s="10"/>
    </row>
    <row r="607647" spans="14:14">
      <c r="N607647" s="10"/>
    </row>
    <row r="607648" spans="14:14">
      <c r="N607648" s="10"/>
    </row>
    <row r="607649" spans="14:14">
      <c r="N607649" s="10"/>
    </row>
    <row r="607650" spans="14:14">
      <c r="N607650" s="10"/>
    </row>
    <row r="607651" spans="14:14">
      <c r="N607651" s="10"/>
    </row>
    <row r="607652" spans="14:14">
      <c r="N607652" s="10"/>
    </row>
    <row r="607653" spans="14:14">
      <c r="N607653" s="10"/>
    </row>
    <row r="607654" spans="14:14">
      <c r="N607654" s="10"/>
    </row>
    <row r="607655" spans="14:14">
      <c r="N607655" s="10"/>
    </row>
    <row r="607656" spans="14:14">
      <c r="N607656" s="10"/>
    </row>
    <row r="607657" spans="14:14">
      <c r="N607657" s="10"/>
    </row>
    <row r="607658" spans="14:14">
      <c r="N607658" s="10"/>
    </row>
    <row r="607659" spans="14:14">
      <c r="N607659" s="10"/>
    </row>
    <row r="607660" spans="14:14">
      <c r="N607660" s="10"/>
    </row>
    <row r="607661" spans="14:14">
      <c r="N607661" s="10"/>
    </row>
    <row r="607662" spans="14:14">
      <c r="N607662" s="10"/>
    </row>
    <row r="607663" spans="14:14">
      <c r="N607663" s="10"/>
    </row>
    <row r="607664" spans="14:14">
      <c r="N607664" s="10"/>
    </row>
    <row r="607665" spans="14:14">
      <c r="N607665" s="10"/>
    </row>
    <row r="607666" spans="14:14">
      <c r="N607666" s="10"/>
    </row>
    <row r="607667" spans="14:14">
      <c r="N607667" s="10"/>
    </row>
    <row r="607668" spans="14:14">
      <c r="N607668" s="10"/>
    </row>
    <row r="607669" spans="14:14">
      <c r="N607669" s="10"/>
    </row>
    <row r="607670" spans="14:14">
      <c r="N607670" s="10"/>
    </row>
    <row r="607671" spans="14:14">
      <c r="N607671" s="10"/>
    </row>
    <row r="607672" spans="14:14">
      <c r="N607672" s="10"/>
    </row>
    <row r="607673" spans="14:14">
      <c r="N607673" s="10"/>
    </row>
    <row r="607674" spans="14:14">
      <c r="N607674" s="10"/>
    </row>
    <row r="607675" spans="14:14">
      <c r="N607675" s="10"/>
    </row>
    <row r="607676" spans="14:14">
      <c r="N607676" s="10"/>
    </row>
    <row r="607677" spans="14:14">
      <c r="N607677" s="10"/>
    </row>
    <row r="607678" spans="14:14">
      <c r="N607678" s="10"/>
    </row>
    <row r="607679" spans="14:14">
      <c r="N607679" s="10"/>
    </row>
    <row r="607680" spans="14:14">
      <c r="N607680" s="10"/>
    </row>
    <row r="607681" spans="14:14">
      <c r="N607681" s="10"/>
    </row>
    <row r="607682" spans="14:14">
      <c r="N607682" s="10"/>
    </row>
    <row r="607683" spans="14:14">
      <c r="N607683" s="10"/>
    </row>
    <row r="607684" spans="14:14">
      <c r="N607684" s="10"/>
    </row>
    <row r="607685" spans="14:14">
      <c r="N607685" s="10"/>
    </row>
    <row r="607686" spans="14:14">
      <c r="N607686" s="10"/>
    </row>
    <row r="607687" spans="14:14">
      <c r="N607687" s="10"/>
    </row>
    <row r="607688" spans="14:14">
      <c r="N607688" s="10"/>
    </row>
    <row r="607689" spans="14:14">
      <c r="N607689" s="10"/>
    </row>
    <row r="607690" spans="14:14">
      <c r="N607690" s="10"/>
    </row>
    <row r="607691" spans="14:14">
      <c r="N607691" s="10"/>
    </row>
    <row r="607692" spans="14:14">
      <c r="N607692" s="10"/>
    </row>
    <row r="607693" spans="14:14">
      <c r="N607693" s="10"/>
    </row>
    <row r="607694" spans="14:14">
      <c r="N607694" s="10"/>
    </row>
    <row r="607695" spans="14:14">
      <c r="N607695" s="10"/>
    </row>
    <row r="607696" spans="14:14">
      <c r="N607696" s="10"/>
    </row>
    <row r="607697" spans="14:14">
      <c r="N607697" s="10"/>
    </row>
    <row r="607698" spans="14:14">
      <c r="N607698" s="10"/>
    </row>
    <row r="607699" spans="14:14">
      <c r="N607699" s="10"/>
    </row>
    <row r="607700" spans="14:14">
      <c r="N607700" s="10"/>
    </row>
    <row r="607701" spans="14:14">
      <c r="N607701" s="10"/>
    </row>
    <row r="607702" spans="14:14">
      <c r="N607702" s="10"/>
    </row>
    <row r="607703" spans="14:14">
      <c r="N607703" s="10"/>
    </row>
    <row r="607704" spans="14:14">
      <c r="N607704" s="10"/>
    </row>
    <row r="607705" spans="14:14">
      <c r="N607705" s="10"/>
    </row>
    <row r="607706" spans="14:14">
      <c r="N607706" s="10"/>
    </row>
    <row r="607707" spans="14:14">
      <c r="N607707" s="10"/>
    </row>
    <row r="607708" spans="14:14">
      <c r="N607708" s="10"/>
    </row>
    <row r="607709" spans="14:14">
      <c r="N607709" s="10"/>
    </row>
    <row r="607710" spans="14:14">
      <c r="N607710" s="10"/>
    </row>
    <row r="607711" spans="14:14">
      <c r="N607711" s="10"/>
    </row>
    <row r="607712" spans="14:14">
      <c r="N607712" s="10"/>
    </row>
    <row r="607713" spans="14:14">
      <c r="N607713" s="10"/>
    </row>
    <row r="607714" spans="14:14">
      <c r="N607714" s="10"/>
    </row>
    <row r="607715" spans="14:14">
      <c r="N607715" s="10"/>
    </row>
    <row r="607716" spans="14:14">
      <c r="N607716" s="10"/>
    </row>
    <row r="607717" spans="14:14">
      <c r="N607717" s="10"/>
    </row>
    <row r="607718" spans="14:14">
      <c r="N607718" s="10"/>
    </row>
    <row r="607719" spans="14:14">
      <c r="N607719" s="10"/>
    </row>
    <row r="607720" spans="14:14">
      <c r="N607720" s="10"/>
    </row>
    <row r="607721" spans="14:14">
      <c r="N607721" s="10"/>
    </row>
    <row r="607722" spans="14:14">
      <c r="N607722" s="10"/>
    </row>
    <row r="607723" spans="14:14">
      <c r="N607723" s="10"/>
    </row>
    <row r="607724" spans="14:14">
      <c r="N607724" s="10"/>
    </row>
    <row r="607725" spans="14:14">
      <c r="N607725" s="10"/>
    </row>
    <row r="607726" spans="14:14">
      <c r="N607726" s="10"/>
    </row>
    <row r="607727" spans="14:14">
      <c r="N607727" s="10"/>
    </row>
    <row r="607728" spans="14:14">
      <c r="N607728" s="10"/>
    </row>
    <row r="607729" spans="14:14">
      <c r="N607729" s="10"/>
    </row>
    <row r="607730" spans="14:14">
      <c r="N607730" s="10"/>
    </row>
    <row r="607731" spans="14:14">
      <c r="N607731" s="10"/>
    </row>
    <row r="607732" spans="14:14">
      <c r="N607732" s="10"/>
    </row>
    <row r="607733" spans="14:14">
      <c r="N607733" s="10"/>
    </row>
    <row r="607734" spans="14:14">
      <c r="N607734" s="10"/>
    </row>
    <row r="607735" spans="14:14">
      <c r="N607735" s="10"/>
    </row>
    <row r="607736" spans="14:14">
      <c r="N607736" s="10"/>
    </row>
    <row r="607737" spans="14:14">
      <c r="N607737" s="10"/>
    </row>
    <row r="607738" spans="14:14">
      <c r="N607738" s="10"/>
    </row>
    <row r="607739" spans="14:14">
      <c r="N607739" s="10"/>
    </row>
    <row r="607740" spans="14:14">
      <c r="N607740" s="10"/>
    </row>
    <row r="607741" spans="14:14">
      <c r="N607741" s="10"/>
    </row>
    <row r="607742" spans="14:14">
      <c r="N607742" s="10"/>
    </row>
    <row r="607743" spans="14:14">
      <c r="N607743" s="10"/>
    </row>
    <row r="607744" spans="14:14">
      <c r="N607744" s="10"/>
    </row>
    <row r="607745" spans="14:14">
      <c r="N607745" s="10"/>
    </row>
    <row r="607746" spans="14:14">
      <c r="N607746" s="10"/>
    </row>
    <row r="607747" spans="14:14">
      <c r="N607747" s="10"/>
    </row>
    <row r="607748" spans="14:14">
      <c r="N607748" s="10"/>
    </row>
    <row r="607749" spans="14:14">
      <c r="N607749" s="10"/>
    </row>
    <row r="607750" spans="14:14">
      <c r="N607750" s="10"/>
    </row>
    <row r="607751" spans="14:14">
      <c r="N607751" s="10"/>
    </row>
    <row r="607752" spans="14:14">
      <c r="N607752" s="10"/>
    </row>
    <row r="607753" spans="14:14">
      <c r="N607753" s="10"/>
    </row>
    <row r="607754" spans="14:14">
      <c r="N607754" s="10"/>
    </row>
    <row r="607755" spans="14:14">
      <c r="N607755" s="10"/>
    </row>
    <row r="607756" spans="14:14">
      <c r="N607756" s="10"/>
    </row>
    <row r="607757" spans="14:14">
      <c r="N607757" s="10"/>
    </row>
    <row r="607758" spans="14:14">
      <c r="N607758" s="10"/>
    </row>
    <row r="607759" spans="14:14">
      <c r="N607759" s="10"/>
    </row>
    <row r="607760" spans="14:14">
      <c r="N607760" s="10"/>
    </row>
    <row r="607761" spans="14:14">
      <c r="N607761" s="10"/>
    </row>
    <row r="607762" spans="14:14">
      <c r="N607762" s="10"/>
    </row>
    <row r="607763" spans="14:14">
      <c r="N607763" s="10"/>
    </row>
    <row r="607764" spans="14:14">
      <c r="N607764" s="10"/>
    </row>
    <row r="607765" spans="14:14">
      <c r="N607765" s="10"/>
    </row>
    <row r="607766" spans="14:14">
      <c r="N607766" s="10"/>
    </row>
    <row r="607767" spans="14:14">
      <c r="N607767" s="10"/>
    </row>
    <row r="607768" spans="14:14">
      <c r="N607768" s="10"/>
    </row>
    <row r="607769" spans="14:14">
      <c r="N607769" s="10"/>
    </row>
    <row r="607770" spans="14:14">
      <c r="N607770" s="10"/>
    </row>
    <row r="607771" spans="14:14">
      <c r="N607771" s="10"/>
    </row>
    <row r="607772" spans="14:14">
      <c r="N607772" s="10"/>
    </row>
    <row r="607773" spans="14:14">
      <c r="N607773" s="10"/>
    </row>
    <row r="607774" spans="14:14">
      <c r="N607774" s="10"/>
    </row>
    <row r="607775" spans="14:14">
      <c r="N607775" s="10"/>
    </row>
    <row r="607776" spans="14:14">
      <c r="N607776" s="10"/>
    </row>
    <row r="607777" spans="14:14">
      <c r="N607777" s="10"/>
    </row>
    <row r="607778" spans="14:14">
      <c r="N607778" s="10"/>
    </row>
    <row r="607779" spans="14:14">
      <c r="N607779" s="10"/>
    </row>
    <row r="607780" spans="14:14">
      <c r="N607780" s="10"/>
    </row>
    <row r="607781" spans="14:14">
      <c r="N607781" s="10"/>
    </row>
    <row r="607782" spans="14:14">
      <c r="N607782" s="10"/>
    </row>
    <row r="607783" spans="14:14">
      <c r="N607783" s="10"/>
    </row>
    <row r="607784" spans="14:14">
      <c r="N607784" s="10"/>
    </row>
    <row r="607785" spans="14:14">
      <c r="N607785" s="10"/>
    </row>
    <row r="607786" spans="14:14">
      <c r="N607786" s="10"/>
    </row>
    <row r="607787" spans="14:14">
      <c r="N607787" s="10"/>
    </row>
    <row r="607788" spans="14:14">
      <c r="N607788" s="10"/>
    </row>
    <row r="607789" spans="14:14">
      <c r="N607789" s="10"/>
    </row>
    <row r="607790" spans="14:14">
      <c r="N607790" s="10"/>
    </row>
    <row r="607791" spans="14:14">
      <c r="N607791" s="10"/>
    </row>
    <row r="607792" spans="14:14">
      <c r="N607792" s="10"/>
    </row>
    <row r="607793" spans="14:14">
      <c r="N607793" s="10"/>
    </row>
    <row r="607794" spans="14:14">
      <c r="N607794" s="10"/>
    </row>
    <row r="607795" spans="14:14">
      <c r="N607795" s="10"/>
    </row>
    <row r="607796" spans="14:14">
      <c r="N607796" s="10"/>
    </row>
    <row r="607797" spans="14:14">
      <c r="N607797" s="10"/>
    </row>
    <row r="607798" spans="14:14">
      <c r="N607798" s="10"/>
    </row>
    <row r="607799" spans="14:14">
      <c r="N607799" s="10"/>
    </row>
    <row r="607800" spans="14:14">
      <c r="N607800" s="10"/>
    </row>
    <row r="607801" spans="14:14">
      <c r="N607801" s="10"/>
    </row>
    <row r="607802" spans="14:14">
      <c r="N607802" s="10"/>
    </row>
    <row r="607803" spans="14:14">
      <c r="N607803" s="10"/>
    </row>
    <row r="607804" spans="14:14">
      <c r="N607804" s="10"/>
    </row>
    <row r="607805" spans="14:14">
      <c r="N607805" s="10"/>
    </row>
    <row r="607806" spans="14:14">
      <c r="N607806" s="10"/>
    </row>
    <row r="607807" spans="14:14">
      <c r="N607807" s="10"/>
    </row>
    <row r="607808" spans="14:14">
      <c r="N607808" s="10"/>
    </row>
    <row r="607809" spans="14:14">
      <c r="N607809" s="10"/>
    </row>
    <row r="607810" spans="14:14">
      <c r="N607810" s="10"/>
    </row>
    <row r="607811" spans="14:14">
      <c r="N607811" s="10"/>
    </row>
    <row r="607812" spans="14:14">
      <c r="N607812" s="10"/>
    </row>
    <row r="607813" spans="14:14">
      <c r="N607813" s="10"/>
    </row>
    <row r="607814" spans="14:14">
      <c r="N607814" s="10"/>
    </row>
    <row r="607815" spans="14:14">
      <c r="N607815" s="10"/>
    </row>
    <row r="607816" spans="14:14">
      <c r="N607816" s="10"/>
    </row>
    <row r="607817" spans="14:14">
      <c r="N607817" s="10"/>
    </row>
    <row r="607818" spans="14:14">
      <c r="N607818" s="10"/>
    </row>
    <row r="607819" spans="14:14">
      <c r="N607819" s="10"/>
    </row>
    <row r="607820" spans="14:14">
      <c r="N607820" s="10"/>
    </row>
    <row r="607821" spans="14:14">
      <c r="N607821" s="10"/>
    </row>
    <row r="607822" spans="14:14">
      <c r="N607822" s="10"/>
    </row>
    <row r="607823" spans="14:14">
      <c r="N607823" s="10"/>
    </row>
    <row r="607824" spans="14:14">
      <c r="N607824" s="10"/>
    </row>
    <row r="607825" spans="14:14">
      <c r="N607825" s="10"/>
    </row>
    <row r="607826" spans="14:14">
      <c r="N607826" s="10"/>
    </row>
    <row r="607827" spans="14:14">
      <c r="N607827" s="10"/>
    </row>
    <row r="607828" spans="14:14">
      <c r="N607828" s="10"/>
    </row>
    <row r="607829" spans="14:14">
      <c r="N607829" s="10"/>
    </row>
    <row r="607830" spans="14:14">
      <c r="N607830" s="10"/>
    </row>
    <row r="607831" spans="14:14">
      <c r="N607831" s="10"/>
    </row>
    <row r="607832" spans="14:14">
      <c r="N607832" s="10"/>
    </row>
    <row r="607833" spans="14:14">
      <c r="N607833" s="10"/>
    </row>
    <row r="607834" spans="14:14">
      <c r="N607834" s="10"/>
    </row>
    <row r="607835" spans="14:14">
      <c r="N607835" s="10"/>
    </row>
    <row r="607836" spans="14:14">
      <c r="N607836" s="10"/>
    </row>
    <row r="607837" spans="14:14">
      <c r="N607837" s="10"/>
    </row>
    <row r="607838" spans="14:14">
      <c r="N607838" s="10"/>
    </row>
    <row r="607839" spans="14:14">
      <c r="N607839" s="10"/>
    </row>
    <row r="607840" spans="14:14">
      <c r="N607840" s="10"/>
    </row>
    <row r="607841" spans="14:14">
      <c r="N607841" s="10"/>
    </row>
    <row r="607842" spans="14:14">
      <c r="N607842" s="10"/>
    </row>
    <row r="607843" spans="14:14">
      <c r="N607843" s="10"/>
    </row>
    <row r="607844" spans="14:14">
      <c r="N607844" s="10"/>
    </row>
    <row r="607845" spans="14:14">
      <c r="N607845" s="10"/>
    </row>
    <row r="607846" spans="14:14">
      <c r="N607846" s="10"/>
    </row>
    <row r="607847" spans="14:14">
      <c r="N607847" s="10"/>
    </row>
    <row r="607848" spans="14:14">
      <c r="N607848" s="10"/>
    </row>
    <row r="607849" spans="14:14">
      <c r="N607849" s="10"/>
    </row>
    <row r="607850" spans="14:14">
      <c r="N607850" s="10"/>
    </row>
    <row r="607851" spans="14:14">
      <c r="N607851" s="10"/>
    </row>
    <row r="607852" spans="14:14">
      <c r="N607852" s="10"/>
    </row>
    <row r="607853" spans="14:14">
      <c r="N607853" s="10"/>
    </row>
    <row r="607854" spans="14:14">
      <c r="N607854" s="10"/>
    </row>
    <row r="607855" spans="14:14">
      <c r="N607855" s="10"/>
    </row>
    <row r="607856" spans="14:14">
      <c r="N607856" s="10"/>
    </row>
    <row r="607857" spans="14:14">
      <c r="N607857" s="10"/>
    </row>
    <row r="607858" spans="14:14">
      <c r="N607858" s="10"/>
    </row>
    <row r="607859" spans="14:14">
      <c r="N607859" s="10"/>
    </row>
    <row r="607860" spans="14:14">
      <c r="N607860" s="10"/>
    </row>
    <row r="607861" spans="14:14">
      <c r="N607861" s="10"/>
    </row>
    <row r="607862" spans="14:14">
      <c r="N607862" s="10"/>
    </row>
    <row r="607863" spans="14:14">
      <c r="N607863" s="10"/>
    </row>
    <row r="607864" spans="14:14">
      <c r="N607864" s="10"/>
    </row>
    <row r="607865" spans="14:14">
      <c r="N607865" s="10"/>
    </row>
    <row r="607866" spans="14:14">
      <c r="N607866" s="10"/>
    </row>
    <row r="607867" spans="14:14">
      <c r="N607867" s="10"/>
    </row>
    <row r="607868" spans="14:14">
      <c r="N607868" s="10"/>
    </row>
    <row r="607869" spans="14:14">
      <c r="N607869" s="10"/>
    </row>
    <row r="607870" spans="14:14">
      <c r="N607870" s="10"/>
    </row>
    <row r="607871" spans="14:14">
      <c r="N607871" s="10"/>
    </row>
    <row r="607872" spans="14:14">
      <c r="N607872" s="10"/>
    </row>
    <row r="607873" spans="14:14">
      <c r="N607873" s="10"/>
    </row>
    <row r="607874" spans="14:14">
      <c r="N607874" s="10"/>
    </row>
    <row r="607875" spans="14:14">
      <c r="N607875" s="10"/>
    </row>
    <row r="607876" spans="14:14">
      <c r="N607876" s="10"/>
    </row>
    <row r="607877" spans="14:14">
      <c r="N607877" s="10"/>
    </row>
    <row r="607878" spans="14:14">
      <c r="N607878" s="10"/>
    </row>
    <row r="607879" spans="14:14">
      <c r="N607879" s="10"/>
    </row>
    <row r="607880" spans="14:14">
      <c r="N607880" s="10"/>
    </row>
    <row r="607881" spans="14:14">
      <c r="N607881" s="10"/>
    </row>
    <row r="607882" spans="14:14">
      <c r="N607882" s="10"/>
    </row>
    <row r="607883" spans="14:14">
      <c r="N607883" s="10"/>
    </row>
    <row r="607884" spans="14:14">
      <c r="N607884" s="10"/>
    </row>
    <row r="607885" spans="14:14">
      <c r="N607885" s="10"/>
    </row>
    <row r="607886" spans="14:14">
      <c r="N607886" s="10"/>
    </row>
    <row r="607887" spans="14:14">
      <c r="N607887" s="10"/>
    </row>
    <row r="607888" spans="14:14">
      <c r="N607888" s="10"/>
    </row>
    <row r="607889" spans="14:14">
      <c r="N607889" s="10"/>
    </row>
    <row r="607890" spans="14:14">
      <c r="N607890" s="10"/>
    </row>
    <row r="607891" spans="14:14">
      <c r="N607891" s="10"/>
    </row>
    <row r="607892" spans="14:14">
      <c r="N607892" s="10"/>
    </row>
    <row r="607893" spans="14:14">
      <c r="N607893" s="10"/>
    </row>
    <row r="607894" spans="14:14">
      <c r="N607894" s="10"/>
    </row>
    <row r="607895" spans="14:14">
      <c r="N607895" s="10"/>
    </row>
    <row r="607896" spans="14:14">
      <c r="N607896" s="10"/>
    </row>
    <row r="607897" spans="14:14">
      <c r="N607897" s="10"/>
    </row>
    <row r="607898" spans="14:14">
      <c r="N607898" s="10"/>
    </row>
    <row r="607899" spans="14:14">
      <c r="N607899" s="10"/>
    </row>
    <row r="607900" spans="14:14">
      <c r="N607900" s="10"/>
    </row>
    <row r="607901" spans="14:14">
      <c r="N607901" s="10"/>
    </row>
    <row r="607902" spans="14:14">
      <c r="N607902" s="10"/>
    </row>
    <row r="607903" spans="14:14">
      <c r="N607903" s="10"/>
    </row>
    <row r="607904" spans="14:14">
      <c r="N607904" s="10"/>
    </row>
    <row r="607905" spans="14:14">
      <c r="N607905" s="10"/>
    </row>
    <row r="607906" spans="14:14">
      <c r="N607906" s="10"/>
    </row>
    <row r="607907" spans="14:14">
      <c r="N607907" s="10"/>
    </row>
    <row r="607908" spans="14:14">
      <c r="N607908" s="10"/>
    </row>
    <row r="607909" spans="14:14">
      <c r="N607909" s="10"/>
    </row>
    <row r="607910" spans="14:14">
      <c r="N607910" s="10"/>
    </row>
    <row r="607911" spans="14:14">
      <c r="N607911" s="10"/>
    </row>
    <row r="607912" spans="14:14">
      <c r="N607912" s="10"/>
    </row>
    <row r="607913" spans="14:14">
      <c r="N607913" s="10"/>
    </row>
    <row r="607914" spans="14:14">
      <c r="N607914" s="10"/>
    </row>
    <row r="607915" spans="14:14">
      <c r="N607915" s="10"/>
    </row>
    <row r="607916" spans="14:14">
      <c r="N607916" s="10"/>
    </row>
    <row r="607917" spans="14:14">
      <c r="N607917" s="10"/>
    </row>
    <row r="607918" spans="14:14">
      <c r="N607918" s="10"/>
    </row>
    <row r="607919" spans="14:14">
      <c r="N607919" s="10"/>
    </row>
    <row r="607920" spans="14:14">
      <c r="N607920" s="10"/>
    </row>
    <row r="607921" spans="14:14">
      <c r="N607921" s="10"/>
    </row>
    <row r="607922" spans="14:14">
      <c r="N607922" s="10"/>
    </row>
    <row r="607923" spans="14:14">
      <c r="N607923" s="10"/>
    </row>
    <row r="607924" spans="14:14">
      <c r="N607924" s="10"/>
    </row>
    <row r="607925" spans="14:14">
      <c r="N607925" s="10"/>
    </row>
    <row r="607926" spans="14:14">
      <c r="N607926" s="10"/>
    </row>
    <row r="607927" spans="14:14">
      <c r="N607927" s="10"/>
    </row>
    <row r="607928" spans="14:14">
      <c r="N607928" s="10"/>
    </row>
    <row r="607929" spans="14:14">
      <c r="N607929" s="10"/>
    </row>
    <row r="607930" spans="14:14">
      <c r="N607930" s="10"/>
    </row>
    <row r="607931" spans="14:14">
      <c r="N607931" s="10"/>
    </row>
    <row r="607932" spans="14:14">
      <c r="N607932" s="10"/>
    </row>
    <row r="607933" spans="14:14">
      <c r="N607933" s="10"/>
    </row>
    <row r="607934" spans="14:14">
      <c r="N607934" s="10"/>
    </row>
    <row r="607935" spans="14:14">
      <c r="N607935" s="10"/>
    </row>
    <row r="607936" spans="14:14">
      <c r="N607936" s="10"/>
    </row>
    <row r="607937" spans="14:14">
      <c r="N607937" s="10"/>
    </row>
    <row r="607938" spans="14:14">
      <c r="N607938" s="10"/>
    </row>
    <row r="607939" spans="14:14">
      <c r="N607939" s="10"/>
    </row>
    <row r="607940" spans="14:14">
      <c r="N607940" s="10"/>
    </row>
    <row r="607941" spans="14:14">
      <c r="N607941" s="10"/>
    </row>
    <row r="607942" spans="14:14">
      <c r="N607942" s="10"/>
    </row>
    <row r="607943" spans="14:14">
      <c r="N607943" s="10"/>
    </row>
    <row r="607944" spans="14:14">
      <c r="N607944" s="10"/>
    </row>
    <row r="607945" spans="14:14">
      <c r="N607945" s="10"/>
    </row>
    <row r="607946" spans="14:14">
      <c r="N607946" s="10"/>
    </row>
    <row r="607947" spans="14:14">
      <c r="N607947" s="10"/>
    </row>
    <row r="607948" spans="14:14">
      <c r="N607948" s="10"/>
    </row>
    <row r="607949" spans="14:14">
      <c r="N607949" s="10"/>
    </row>
    <row r="607950" spans="14:14">
      <c r="N607950" s="10"/>
    </row>
    <row r="607951" spans="14:14">
      <c r="N607951" s="10"/>
    </row>
    <row r="607952" spans="14:14">
      <c r="N607952" s="10"/>
    </row>
    <row r="607953" spans="14:14">
      <c r="N607953" s="10"/>
    </row>
    <row r="607954" spans="14:14">
      <c r="N607954" s="10"/>
    </row>
    <row r="607955" spans="14:14">
      <c r="N607955" s="10"/>
    </row>
    <row r="607956" spans="14:14">
      <c r="N607956" s="10"/>
    </row>
    <row r="607957" spans="14:14">
      <c r="N607957" s="10"/>
    </row>
    <row r="607958" spans="14:14">
      <c r="N607958" s="10"/>
    </row>
    <row r="607959" spans="14:14">
      <c r="N607959" s="10"/>
    </row>
    <row r="607960" spans="14:14">
      <c r="N607960" s="10"/>
    </row>
    <row r="607961" spans="14:14">
      <c r="N607961" s="10"/>
    </row>
    <row r="607962" spans="14:14">
      <c r="N607962" s="10"/>
    </row>
    <row r="607963" spans="14:14">
      <c r="N607963" s="10"/>
    </row>
    <row r="607964" spans="14:14">
      <c r="N607964" s="10"/>
    </row>
    <row r="607965" spans="14:14">
      <c r="N607965" s="10"/>
    </row>
    <row r="607966" spans="14:14">
      <c r="N607966" s="10"/>
    </row>
    <row r="607967" spans="14:14">
      <c r="N607967" s="10"/>
    </row>
    <row r="607968" spans="14:14">
      <c r="N607968" s="10"/>
    </row>
    <row r="607969" spans="14:14">
      <c r="N607969" s="10"/>
    </row>
    <row r="607970" spans="14:14">
      <c r="N607970" s="10"/>
    </row>
    <row r="607971" spans="14:14">
      <c r="N607971" s="10"/>
    </row>
    <row r="607972" spans="14:14">
      <c r="N607972" s="10"/>
    </row>
    <row r="607973" spans="14:14">
      <c r="N607973" s="10"/>
    </row>
    <row r="607974" spans="14:14">
      <c r="N607974" s="10"/>
    </row>
    <row r="607975" spans="14:14">
      <c r="N607975" s="10"/>
    </row>
    <row r="607976" spans="14:14">
      <c r="N607976" s="10"/>
    </row>
    <row r="607977" spans="14:14">
      <c r="N607977" s="10"/>
    </row>
    <row r="607978" spans="14:14">
      <c r="N607978" s="10"/>
    </row>
    <row r="607979" spans="14:14">
      <c r="N607979" s="10"/>
    </row>
    <row r="607980" spans="14:14">
      <c r="N607980" s="10"/>
    </row>
    <row r="607981" spans="14:14">
      <c r="N607981" s="10"/>
    </row>
    <row r="607982" spans="14:14">
      <c r="N607982" s="10"/>
    </row>
    <row r="607983" spans="14:14">
      <c r="N607983" s="10"/>
    </row>
    <row r="607984" spans="14:14">
      <c r="N607984" s="10"/>
    </row>
    <row r="607985" spans="14:14">
      <c r="N607985" s="10"/>
    </row>
    <row r="607986" spans="14:14">
      <c r="N607986" s="10"/>
    </row>
    <row r="607987" spans="14:14">
      <c r="N607987" s="10"/>
    </row>
    <row r="607988" spans="14:14">
      <c r="N607988" s="10"/>
    </row>
    <row r="607989" spans="14:14">
      <c r="N607989" s="10"/>
    </row>
    <row r="607990" spans="14:14">
      <c r="N607990" s="10"/>
    </row>
    <row r="607991" spans="14:14">
      <c r="N607991" s="10"/>
    </row>
    <row r="607992" spans="14:14">
      <c r="N607992" s="10"/>
    </row>
    <row r="607993" spans="14:14">
      <c r="N607993" s="10"/>
    </row>
    <row r="607994" spans="14:14">
      <c r="N607994" s="10"/>
    </row>
    <row r="607995" spans="14:14">
      <c r="N607995" s="10"/>
    </row>
    <row r="607996" spans="14:14">
      <c r="N607996" s="10"/>
    </row>
    <row r="607997" spans="14:14">
      <c r="N607997" s="10"/>
    </row>
    <row r="607998" spans="14:14">
      <c r="N607998" s="10"/>
    </row>
    <row r="607999" spans="14:14">
      <c r="N607999" s="10"/>
    </row>
    <row r="608000" spans="14:14">
      <c r="N608000" s="10"/>
    </row>
    <row r="608001" spans="14:14">
      <c r="N608001" s="10"/>
    </row>
    <row r="608002" spans="14:14">
      <c r="N608002" s="10"/>
    </row>
    <row r="608003" spans="14:14">
      <c r="N608003" s="10"/>
    </row>
    <row r="608004" spans="14:14">
      <c r="N608004" s="10"/>
    </row>
    <row r="608005" spans="14:14">
      <c r="N608005" s="10"/>
    </row>
    <row r="608006" spans="14:14">
      <c r="N608006" s="10"/>
    </row>
    <row r="608007" spans="14:14">
      <c r="N608007" s="10"/>
    </row>
    <row r="608008" spans="14:14">
      <c r="N608008" s="10"/>
    </row>
    <row r="608009" spans="14:14">
      <c r="N608009" s="10"/>
    </row>
    <row r="608010" spans="14:14">
      <c r="N608010" s="10"/>
    </row>
    <row r="608011" spans="14:14">
      <c r="N608011" s="10"/>
    </row>
    <row r="608012" spans="14:14">
      <c r="N608012" s="10"/>
    </row>
    <row r="608013" spans="14:14">
      <c r="N608013" s="10"/>
    </row>
    <row r="608014" spans="14:14">
      <c r="N608014" s="10"/>
    </row>
    <row r="608015" spans="14:14">
      <c r="N608015" s="10"/>
    </row>
    <row r="608016" spans="14:14">
      <c r="N608016" s="10"/>
    </row>
    <row r="608017" spans="14:14">
      <c r="N608017" s="10"/>
    </row>
    <row r="608018" spans="14:14">
      <c r="N608018" s="10"/>
    </row>
    <row r="608019" spans="14:14">
      <c r="N608019" s="10"/>
    </row>
    <row r="608020" spans="14:14">
      <c r="N608020" s="10"/>
    </row>
    <row r="608021" spans="14:14">
      <c r="N608021" s="10"/>
    </row>
    <row r="608022" spans="14:14">
      <c r="N608022" s="10"/>
    </row>
    <row r="608023" spans="14:14">
      <c r="N608023" s="10"/>
    </row>
    <row r="608024" spans="14:14">
      <c r="N608024" s="10"/>
    </row>
    <row r="608025" spans="14:14">
      <c r="N608025" s="10"/>
    </row>
    <row r="608026" spans="14:14">
      <c r="N608026" s="10"/>
    </row>
    <row r="608027" spans="14:14">
      <c r="N608027" s="10"/>
    </row>
    <row r="608028" spans="14:14">
      <c r="N608028" s="10"/>
    </row>
    <row r="608029" spans="14:14">
      <c r="N608029" s="10"/>
    </row>
    <row r="608030" spans="14:14">
      <c r="N608030" s="10"/>
    </row>
    <row r="608031" spans="14:14">
      <c r="N608031" s="10"/>
    </row>
    <row r="608032" spans="14:14">
      <c r="N608032" s="10"/>
    </row>
    <row r="608033" spans="14:14">
      <c r="N608033" s="10"/>
    </row>
    <row r="608034" spans="14:14">
      <c r="N608034" s="10"/>
    </row>
    <row r="608035" spans="14:14">
      <c r="N608035" s="10"/>
    </row>
    <row r="608036" spans="14:14">
      <c r="N608036" s="10"/>
    </row>
    <row r="608037" spans="14:14">
      <c r="N608037" s="10"/>
    </row>
    <row r="608038" spans="14:14">
      <c r="N608038" s="10"/>
    </row>
    <row r="608039" spans="14:14">
      <c r="N608039" s="10"/>
    </row>
    <row r="608040" spans="14:14">
      <c r="N608040" s="10"/>
    </row>
    <row r="608041" spans="14:14">
      <c r="N608041" s="10"/>
    </row>
    <row r="608042" spans="14:14">
      <c r="N608042" s="10"/>
    </row>
    <row r="608043" spans="14:14">
      <c r="N608043" s="10"/>
    </row>
    <row r="608044" spans="14:14">
      <c r="N608044" s="10"/>
    </row>
    <row r="608045" spans="14:14">
      <c r="N608045" s="10"/>
    </row>
    <row r="608046" spans="14:14">
      <c r="N608046" s="10"/>
    </row>
    <row r="608047" spans="14:14">
      <c r="N608047" s="10"/>
    </row>
    <row r="608048" spans="14:14">
      <c r="N608048" s="10"/>
    </row>
    <row r="608049" spans="14:14">
      <c r="N608049" s="10"/>
    </row>
    <row r="608050" spans="14:14">
      <c r="N608050" s="10"/>
    </row>
    <row r="608051" spans="14:14">
      <c r="N608051" s="10"/>
    </row>
    <row r="608052" spans="14:14">
      <c r="N608052" s="10"/>
    </row>
    <row r="608053" spans="14:14">
      <c r="N608053" s="10"/>
    </row>
    <row r="608054" spans="14:14">
      <c r="N608054" s="10"/>
    </row>
    <row r="608055" spans="14:14">
      <c r="N608055" s="10"/>
    </row>
    <row r="608056" spans="14:14">
      <c r="N608056" s="10"/>
    </row>
    <row r="608057" spans="14:14">
      <c r="N608057" s="10"/>
    </row>
    <row r="608058" spans="14:14">
      <c r="N608058" s="10"/>
    </row>
    <row r="608059" spans="14:14">
      <c r="N608059" s="10"/>
    </row>
    <row r="608060" spans="14:14">
      <c r="N608060" s="10"/>
    </row>
    <row r="608061" spans="14:14">
      <c r="N608061" s="10"/>
    </row>
    <row r="608062" spans="14:14">
      <c r="N608062" s="10"/>
    </row>
    <row r="608063" spans="14:14">
      <c r="N608063" s="10"/>
    </row>
    <row r="608064" spans="14:14">
      <c r="N608064" s="10"/>
    </row>
    <row r="608065" spans="14:14">
      <c r="N608065" s="10"/>
    </row>
    <row r="608066" spans="14:14">
      <c r="N608066" s="10"/>
    </row>
    <row r="608067" spans="14:14">
      <c r="N608067" s="10"/>
    </row>
    <row r="608068" spans="14:14">
      <c r="N608068" s="10"/>
    </row>
    <row r="608069" spans="14:14">
      <c r="N608069" s="10"/>
    </row>
    <row r="608070" spans="14:14">
      <c r="N608070" s="10"/>
    </row>
    <row r="608071" spans="14:14">
      <c r="N608071" s="10"/>
    </row>
    <row r="608072" spans="14:14">
      <c r="N608072" s="10"/>
    </row>
    <row r="608073" spans="14:14">
      <c r="N608073" s="10"/>
    </row>
    <row r="608074" spans="14:14">
      <c r="N608074" s="10"/>
    </row>
    <row r="608075" spans="14:14">
      <c r="N608075" s="10"/>
    </row>
    <row r="608076" spans="14:14">
      <c r="N608076" s="10"/>
    </row>
    <row r="608077" spans="14:14">
      <c r="N608077" s="10"/>
    </row>
    <row r="608078" spans="14:14">
      <c r="N608078" s="10"/>
    </row>
    <row r="608079" spans="14:14">
      <c r="N608079" s="10"/>
    </row>
    <row r="608080" spans="14:14">
      <c r="N608080" s="10"/>
    </row>
    <row r="608081" spans="14:14">
      <c r="N608081" s="10"/>
    </row>
    <row r="608082" spans="14:14">
      <c r="N608082" s="10"/>
    </row>
    <row r="608083" spans="14:14">
      <c r="N608083" s="10"/>
    </row>
    <row r="608084" spans="14:14">
      <c r="N608084" s="10"/>
    </row>
    <row r="608085" spans="14:14">
      <c r="N608085" s="10"/>
    </row>
    <row r="608086" spans="14:14">
      <c r="N608086" s="10"/>
    </row>
    <row r="608087" spans="14:14">
      <c r="N608087" s="10"/>
    </row>
    <row r="608088" spans="14:14">
      <c r="N608088" s="10"/>
    </row>
    <row r="608089" spans="14:14">
      <c r="N608089" s="10"/>
    </row>
    <row r="608090" spans="14:14">
      <c r="N608090" s="10"/>
    </row>
    <row r="608091" spans="14:14">
      <c r="N608091" s="10"/>
    </row>
    <row r="608092" spans="14:14">
      <c r="N608092" s="10"/>
    </row>
    <row r="608093" spans="14:14">
      <c r="N608093" s="10"/>
    </row>
    <row r="608094" spans="14:14">
      <c r="N608094" s="10"/>
    </row>
    <row r="608095" spans="14:14">
      <c r="N608095" s="10"/>
    </row>
    <row r="608096" spans="14:14">
      <c r="N608096" s="10"/>
    </row>
    <row r="608097" spans="14:14">
      <c r="N608097" s="10"/>
    </row>
    <row r="608098" spans="14:14">
      <c r="N608098" s="10"/>
    </row>
    <row r="608099" spans="14:14">
      <c r="N608099" s="10"/>
    </row>
    <row r="608100" spans="14:14">
      <c r="N608100" s="10"/>
    </row>
    <row r="608101" spans="14:14">
      <c r="N608101" s="10"/>
    </row>
    <row r="608102" spans="14:14">
      <c r="N608102" s="10"/>
    </row>
    <row r="608103" spans="14:14">
      <c r="N608103" s="10"/>
    </row>
    <row r="608104" spans="14:14">
      <c r="N608104" s="10"/>
    </row>
    <row r="608105" spans="14:14">
      <c r="N608105" s="10"/>
    </row>
    <row r="608106" spans="14:14">
      <c r="N608106" s="10"/>
    </row>
    <row r="608107" spans="14:14">
      <c r="N608107" s="10"/>
    </row>
    <row r="608108" spans="14:14">
      <c r="N608108" s="10"/>
    </row>
    <row r="608109" spans="14:14">
      <c r="N608109" s="10"/>
    </row>
    <row r="608110" spans="14:14">
      <c r="N608110" s="10"/>
    </row>
    <row r="608111" spans="14:14">
      <c r="N608111" s="10"/>
    </row>
    <row r="608112" spans="14:14">
      <c r="N608112" s="10"/>
    </row>
    <row r="608113" spans="14:14">
      <c r="N608113" s="10"/>
    </row>
    <row r="608114" spans="14:14">
      <c r="N608114" s="10"/>
    </row>
    <row r="608115" spans="14:14">
      <c r="N608115" s="10"/>
    </row>
    <row r="608116" spans="14:14">
      <c r="N608116" s="10"/>
    </row>
    <row r="608117" spans="14:14">
      <c r="N608117" s="10"/>
    </row>
    <row r="608118" spans="14:14">
      <c r="N608118" s="10"/>
    </row>
    <row r="608119" spans="14:14">
      <c r="N608119" s="10"/>
    </row>
    <row r="608120" spans="14:14">
      <c r="N608120" s="10"/>
    </row>
    <row r="608121" spans="14:14">
      <c r="N608121" s="10"/>
    </row>
    <row r="608122" spans="14:14">
      <c r="N608122" s="10"/>
    </row>
    <row r="608123" spans="14:14">
      <c r="N608123" s="10"/>
    </row>
    <row r="608124" spans="14:14">
      <c r="N608124" s="10"/>
    </row>
    <row r="608125" spans="14:14">
      <c r="N608125" s="10"/>
    </row>
    <row r="608126" spans="14:14">
      <c r="N608126" s="10"/>
    </row>
    <row r="608127" spans="14:14">
      <c r="N608127" s="10"/>
    </row>
    <row r="608128" spans="14:14">
      <c r="N608128" s="10"/>
    </row>
    <row r="608129" spans="14:14">
      <c r="N608129" s="10"/>
    </row>
    <row r="608130" spans="14:14">
      <c r="N608130" s="10"/>
    </row>
    <row r="608131" spans="14:14">
      <c r="N608131" s="10"/>
    </row>
    <row r="608132" spans="14:14">
      <c r="N608132" s="10"/>
    </row>
    <row r="608133" spans="14:14">
      <c r="N608133" s="10"/>
    </row>
    <row r="608134" spans="14:14">
      <c r="N608134" s="10"/>
    </row>
    <row r="608135" spans="14:14">
      <c r="N608135" s="10"/>
    </row>
    <row r="608136" spans="14:14">
      <c r="N608136" s="10"/>
    </row>
    <row r="608137" spans="14:14">
      <c r="N608137" s="10"/>
    </row>
    <row r="608138" spans="14:14">
      <c r="N608138" s="10"/>
    </row>
    <row r="608139" spans="14:14">
      <c r="N608139" s="10"/>
    </row>
    <row r="608140" spans="14:14">
      <c r="N608140" s="10"/>
    </row>
    <row r="608141" spans="14:14">
      <c r="N608141" s="10"/>
    </row>
    <row r="608142" spans="14:14">
      <c r="N608142" s="10"/>
    </row>
    <row r="608143" spans="14:14">
      <c r="N608143" s="10"/>
    </row>
    <row r="608144" spans="14:14">
      <c r="N608144" s="10"/>
    </row>
    <row r="608145" spans="14:14">
      <c r="N608145" s="10"/>
    </row>
    <row r="608146" spans="14:14">
      <c r="N608146" s="10"/>
    </row>
    <row r="608147" spans="14:14">
      <c r="N608147" s="10"/>
    </row>
    <row r="608148" spans="14:14">
      <c r="N608148" s="10"/>
    </row>
    <row r="608149" spans="14:14">
      <c r="N608149" s="10"/>
    </row>
    <row r="608150" spans="14:14">
      <c r="N608150" s="10"/>
    </row>
    <row r="608151" spans="14:14">
      <c r="N608151" s="10"/>
    </row>
    <row r="608152" spans="14:14">
      <c r="N608152" s="10"/>
    </row>
    <row r="608153" spans="14:14">
      <c r="N608153" s="10"/>
    </row>
    <row r="608154" spans="14:14">
      <c r="N608154" s="10"/>
    </row>
    <row r="608155" spans="14:14">
      <c r="N608155" s="10"/>
    </row>
    <row r="608156" spans="14:14">
      <c r="N608156" s="10"/>
    </row>
    <row r="608157" spans="14:14">
      <c r="N608157" s="10"/>
    </row>
    <row r="608158" spans="14:14">
      <c r="N608158" s="10"/>
    </row>
    <row r="608159" spans="14:14">
      <c r="N608159" s="10"/>
    </row>
    <row r="608160" spans="14:14">
      <c r="N608160" s="10"/>
    </row>
    <row r="608161" spans="14:14">
      <c r="N608161" s="10"/>
    </row>
    <row r="608162" spans="14:14">
      <c r="N608162" s="10"/>
    </row>
    <row r="608163" spans="14:14">
      <c r="N608163" s="10"/>
    </row>
    <row r="608164" spans="14:14">
      <c r="N608164" s="10"/>
    </row>
    <row r="608165" spans="14:14">
      <c r="N608165" s="10"/>
    </row>
    <row r="608166" spans="14:14">
      <c r="N608166" s="10"/>
    </row>
    <row r="608167" spans="14:14">
      <c r="N608167" s="10"/>
    </row>
    <row r="608168" spans="14:14">
      <c r="N608168" s="10"/>
    </row>
    <row r="608169" spans="14:14">
      <c r="N608169" s="10"/>
    </row>
    <row r="608170" spans="14:14">
      <c r="N608170" s="10"/>
    </row>
    <row r="608171" spans="14:14">
      <c r="N608171" s="10"/>
    </row>
    <row r="608172" spans="14:14">
      <c r="N608172" s="10"/>
    </row>
    <row r="608173" spans="14:14">
      <c r="N608173" s="10"/>
    </row>
    <row r="608174" spans="14:14">
      <c r="N608174" s="10"/>
    </row>
    <row r="608175" spans="14:14">
      <c r="N608175" s="10"/>
    </row>
    <row r="608176" spans="14:14">
      <c r="N608176" s="10"/>
    </row>
    <row r="608177" spans="14:14">
      <c r="N608177" s="10"/>
    </row>
    <row r="608178" spans="14:14">
      <c r="N608178" s="10"/>
    </row>
    <row r="608179" spans="14:14">
      <c r="N608179" s="10"/>
    </row>
    <row r="608180" spans="14:14">
      <c r="N608180" s="10"/>
    </row>
    <row r="608181" spans="14:14">
      <c r="N608181" s="10"/>
    </row>
    <row r="608182" spans="14:14">
      <c r="N608182" s="10"/>
    </row>
    <row r="608183" spans="14:14">
      <c r="N608183" s="10"/>
    </row>
    <row r="608184" spans="14:14">
      <c r="N608184" s="10"/>
    </row>
    <row r="608185" spans="14:14">
      <c r="N608185" s="10"/>
    </row>
    <row r="608186" spans="14:14">
      <c r="N608186" s="10"/>
    </row>
    <row r="608187" spans="14:14">
      <c r="N608187" s="10"/>
    </row>
    <row r="608188" spans="14:14">
      <c r="N608188" s="10"/>
    </row>
    <row r="608189" spans="14:14">
      <c r="N608189" s="10"/>
    </row>
    <row r="608190" spans="14:14">
      <c r="N608190" s="10"/>
    </row>
    <row r="608191" spans="14:14">
      <c r="N608191" s="10"/>
    </row>
    <row r="608192" spans="14:14">
      <c r="N608192" s="10"/>
    </row>
    <row r="608193" spans="14:14">
      <c r="N608193" s="10"/>
    </row>
    <row r="608194" spans="14:14">
      <c r="N608194" s="10"/>
    </row>
    <row r="608195" spans="14:14">
      <c r="N608195" s="10"/>
    </row>
    <row r="608196" spans="14:14">
      <c r="N608196" s="10"/>
    </row>
    <row r="608197" spans="14:14">
      <c r="N608197" s="10"/>
    </row>
    <row r="608198" spans="14:14">
      <c r="N608198" s="10"/>
    </row>
    <row r="608199" spans="14:14">
      <c r="N608199" s="10"/>
    </row>
    <row r="608200" spans="14:14">
      <c r="N608200" s="10"/>
    </row>
    <row r="608201" spans="14:14">
      <c r="N608201" s="10"/>
    </row>
    <row r="608202" spans="14:14">
      <c r="N608202" s="10"/>
    </row>
    <row r="608203" spans="14:14">
      <c r="N608203" s="10"/>
    </row>
    <row r="608204" spans="14:14">
      <c r="N608204" s="10"/>
    </row>
    <row r="608205" spans="14:14">
      <c r="N608205" s="10"/>
    </row>
    <row r="608206" spans="14:14">
      <c r="N608206" s="10"/>
    </row>
    <row r="608207" spans="14:14">
      <c r="N608207" s="10"/>
    </row>
    <row r="608208" spans="14:14">
      <c r="N608208" s="10"/>
    </row>
    <row r="608209" spans="14:14">
      <c r="N608209" s="10"/>
    </row>
    <row r="608210" spans="14:14">
      <c r="N608210" s="10"/>
    </row>
    <row r="608211" spans="14:14">
      <c r="N608211" s="10"/>
    </row>
    <row r="608212" spans="14:14">
      <c r="N608212" s="10"/>
    </row>
    <row r="608213" spans="14:14">
      <c r="N608213" s="10"/>
    </row>
    <row r="608214" spans="14:14">
      <c r="N608214" s="10"/>
    </row>
    <row r="608215" spans="14:14">
      <c r="N608215" s="10"/>
    </row>
    <row r="608216" spans="14:14">
      <c r="N608216" s="10"/>
    </row>
    <row r="608217" spans="14:14">
      <c r="N608217" s="10"/>
    </row>
    <row r="608218" spans="14:14">
      <c r="N608218" s="10"/>
    </row>
    <row r="608219" spans="14:14">
      <c r="N608219" s="10"/>
    </row>
    <row r="608220" spans="14:14">
      <c r="N608220" s="10"/>
    </row>
    <row r="608221" spans="14:14">
      <c r="N608221" s="10"/>
    </row>
    <row r="608222" spans="14:14">
      <c r="N608222" s="10"/>
    </row>
    <row r="608223" spans="14:14">
      <c r="N608223" s="10"/>
    </row>
    <row r="608224" spans="14:14">
      <c r="N608224" s="10"/>
    </row>
    <row r="608225" spans="14:14">
      <c r="N608225" s="10"/>
    </row>
    <row r="608226" spans="14:14">
      <c r="N608226" s="10"/>
    </row>
    <row r="608227" spans="14:14">
      <c r="N608227" s="10"/>
    </row>
    <row r="608228" spans="14:14">
      <c r="N608228" s="10"/>
    </row>
    <row r="608229" spans="14:14">
      <c r="N608229" s="10"/>
    </row>
    <row r="608230" spans="14:14">
      <c r="N608230" s="10"/>
    </row>
    <row r="608231" spans="14:14">
      <c r="N608231" s="10"/>
    </row>
    <row r="608232" spans="14:14">
      <c r="N608232" s="10"/>
    </row>
    <row r="608233" spans="14:14">
      <c r="N608233" s="10"/>
    </row>
    <row r="608234" spans="14:14">
      <c r="N608234" s="10"/>
    </row>
    <row r="608235" spans="14:14">
      <c r="N608235" s="10"/>
    </row>
    <row r="608236" spans="14:14">
      <c r="N608236" s="10"/>
    </row>
    <row r="608237" spans="14:14">
      <c r="N608237" s="10"/>
    </row>
    <row r="608238" spans="14:14">
      <c r="N608238" s="10"/>
    </row>
    <row r="608239" spans="14:14">
      <c r="N608239" s="10"/>
    </row>
    <row r="608240" spans="14:14">
      <c r="N608240" s="10"/>
    </row>
    <row r="608241" spans="14:14">
      <c r="N608241" s="10"/>
    </row>
    <row r="608242" spans="14:14">
      <c r="N608242" s="10"/>
    </row>
    <row r="608243" spans="14:14">
      <c r="N608243" s="10"/>
    </row>
    <row r="608244" spans="14:14">
      <c r="N608244" s="10"/>
    </row>
    <row r="608245" spans="14:14">
      <c r="N608245" s="10"/>
    </row>
    <row r="608246" spans="14:14">
      <c r="N608246" s="10"/>
    </row>
    <row r="608247" spans="14:14">
      <c r="N608247" s="10"/>
    </row>
    <row r="608248" spans="14:14">
      <c r="N608248" s="10"/>
    </row>
    <row r="608249" spans="14:14">
      <c r="N608249" s="10"/>
    </row>
    <row r="608250" spans="14:14">
      <c r="N608250" s="10"/>
    </row>
    <row r="608251" spans="14:14">
      <c r="N608251" s="10"/>
    </row>
    <row r="608252" spans="14:14">
      <c r="N608252" s="10"/>
    </row>
    <row r="608253" spans="14:14">
      <c r="N608253" s="10"/>
    </row>
    <row r="608254" spans="14:14">
      <c r="N608254" s="10"/>
    </row>
    <row r="608255" spans="14:14">
      <c r="N608255" s="10"/>
    </row>
    <row r="608256" spans="14:14">
      <c r="N608256" s="10"/>
    </row>
    <row r="608257" spans="14:14">
      <c r="N608257" s="10"/>
    </row>
    <row r="608258" spans="14:14">
      <c r="N608258" s="10"/>
    </row>
    <row r="608259" spans="14:14">
      <c r="N608259" s="10"/>
    </row>
    <row r="608260" spans="14:14">
      <c r="N608260" s="10"/>
    </row>
    <row r="608261" spans="14:14">
      <c r="N608261" s="10"/>
    </row>
    <row r="608262" spans="14:14">
      <c r="N608262" s="10"/>
    </row>
    <row r="608263" spans="14:14">
      <c r="N608263" s="10"/>
    </row>
    <row r="608264" spans="14:14">
      <c r="N608264" s="10"/>
    </row>
    <row r="608265" spans="14:14">
      <c r="N608265" s="10"/>
    </row>
    <row r="608266" spans="14:14">
      <c r="N608266" s="10"/>
    </row>
    <row r="608267" spans="14:14">
      <c r="N608267" s="10"/>
    </row>
    <row r="608268" spans="14:14">
      <c r="N608268" s="10"/>
    </row>
    <row r="608269" spans="14:14">
      <c r="N608269" s="10"/>
    </row>
    <row r="608270" spans="14:14">
      <c r="N608270" s="10"/>
    </row>
    <row r="608271" spans="14:14">
      <c r="N608271" s="10"/>
    </row>
    <row r="608272" spans="14:14">
      <c r="N608272" s="10"/>
    </row>
    <row r="608273" spans="14:14">
      <c r="N608273" s="10"/>
    </row>
    <row r="608274" spans="14:14">
      <c r="N608274" s="10"/>
    </row>
    <row r="608275" spans="14:14">
      <c r="N608275" s="10"/>
    </row>
    <row r="608276" spans="14:14">
      <c r="N608276" s="10"/>
    </row>
    <row r="608277" spans="14:14">
      <c r="N608277" s="10"/>
    </row>
    <row r="608278" spans="14:14">
      <c r="N608278" s="10"/>
    </row>
    <row r="608279" spans="14:14">
      <c r="N608279" s="10"/>
    </row>
    <row r="608280" spans="14:14">
      <c r="N608280" s="10"/>
    </row>
    <row r="608281" spans="14:14">
      <c r="N608281" s="10"/>
    </row>
    <row r="608282" spans="14:14">
      <c r="N608282" s="10"/>
    </row>
    <row r="608283" spans="14:14">
      <c r="N608283" s="10"/>
    </row>
    <row r="608284" spans="14:14">
      <c r="N608284" s="10"/>
    </row>
    <row r="608285" spans="14:14">
      <c r="N608285" s="10"/>
    </row>
    <row r="608286" spans="14:14">
      <c r="N608286" s="10"/>
    </row>
    <row r="608287" spans="14:14">
      <c r="N608287" s="10"/>
    </row>
    <row r="608288" spans="14:14">
      <c r="N608288" s="10"/>
    </row>
    <row r="608289" spans="14:14">
      <c r="N608289" s="10"/>
    </row>
    <row r="608290" spans="14:14">
      <c r="N608290" s="10"/>
    </row>
    <row r="608291" spans="14:14">
      <c r="N608291" s="10"/>
    </row>
    <row r="608292" spans="14:14">
      <c r="N608292" s="10"/>
    </row>
    <row r="608293" spans="14:14">
      <c r="N608293" s="10"/>
    </row>
    <row r="608294" spans="14:14">
      <c r="N608294" s="10"/>
    </row>
    <row r="608295" spans="14:14">
      <c r="N608295" s="10"/>
    </row>
    <row r="608296" spans="14:14">
      <c r="N608296" s="10"/>
    </row>
    <row r="608297" spans="14:14">
      <c r="N608297" s="10"/>
    </row>
    <row r="608298" spans="14:14">
      <c r="N608298" s="10"/>
    </row>
    <row r="608299" spans="14:14">
      <c r="N608299" s="10"/>
    </row>
    <row r="608300" spans="14:14">
      <c r="N608300" s="10"/>
    </row>
    <row r="608301" spans="14:14">
      <c r="N608301" s="10"/>
    </row>
    <row r="608302" spans="14:14">
      <c r="N608302" s="10"/>
    </row>
    <row r="608303" spans="14:14">
      <c r="N608303" s="10"/>
    </row>
    <row r="608304" spans="14:14">
      <c r="N608304" s="10"/>
    </row>
    <row r="608305" spans="14:14">
      <c r="N608305" s="10"/>
    </row>
    <row r="608306" spans="14:14">
      <c r="N608306" s="10"/>
    </row>
    <row r="608307" spans="14:14">
      <c r="N608307" s="10"/>
    </row>
    <row r="608308" spans="14:14">
      <c r="N608308" s="10"/>
    </row>
    <row r="608309" spans="14:14">
      <c r="N608309" s="10"/>
    </row>
    <row r="608310" spans="14:14">
      <c r="N608310" s="10"/>
    </row>
    <row r="608311" spans="14:14">
      <c r="N608311" s="10"/>
    </row>
    <row r="608312" spans="14:14">
      <c r="N608312" s="10"/>
    </row>
    <row r="608313" spans="14:14">
      <c r="N608313" s="10"/>
    </row>
    <row r="608314" spans="14:14">
      <c r="N608314" s="10"/>
    </row>
    <row r="608315" spans="14:14">
      <c r="N608315" s="10"/>
    </row>
    <row r="608316" spans="14:14">
      <c r="N608316" s="10"/>
    </row>
    <row r="608317" spans="14:14">
      <c r="N608317" s="10"/>
    </row>
    <row r="608318" spans="14:14">
      <c r="N608318" s="10"/>
    </row>
    <row r="608319" spans="14:14">
      <c r="N608319" s="10"/>
    </row>
    <row r="608320" spans="14:14">
      <c r="N608320" s="10"/>
    </row>
    <row r="608321" spans="14:14">
      <c r="N608321" s="10"/>
    </row>
    <row r="608322" spans="14:14">
      <c r="N608322" s="10"/>
    </row>
    <row r="608323" spans="14:14">
      <c r="N608323" s="10"/>
    </row>
    <row r="608324" spans="14:14">
      <c r="N608324" s="10"/>
    </row>
    <row r="608325" spans="14:14">
      <c r="N608325" s="10"/>
    </row>
    <row r="608326" spans="14:14">
      <c r="N608326" s="10"/>
    </row>
    <row r="608327" spans="14:14">
      <c r="N608327" s="10"/>
    </row>
    <row r="608328" spans="14:14">
      <c r="N608328" s="10"/>
    </row>
    <row r="608329" spans="14:14">
      <c r="N608329" s="10"/>
    </row>
    <row r="608330" spans="14:14">
      <c r="N608330" s="10"/>
    </row>
    <row r="608331" spans="14:14">
      <c r="N608331" s="10"/>
    </row>
    <row r="608332" spans="14:14">
      <c r="N608332" s="10"/>
    </row>
    <row r="608333" spans="14:14">
      <c r="N608333" s="10"/>
    </row>
    <row r="608334" spans="14:14">
      <c r="N608334" s="10"/>
    </row>
    <row r="608335" spans="14:14">
      <c r="N608335" s="10"/>
    </row>
    <row r="608336" spans="14:14">
      <c r="N608336" s="10"/>
    </row>
    <row r="608337" spans="14:14">
      <c r="N608337" s="10"/>
    </row>
    <row r="608338" spans="14:14">
      <c r="N608338" s="10"/>
    </row>
    <row r="608339" spans="14:14">
      <c r="N608339" s="10"/>
    </row>
    <row r="608340" spans="14:14">
      <c r="N608340" s="10"/>
    </row>
    <row r="608341" spans="14:14">
      <c r="N608341" s="10"/>
    </row>
    <row r="608342" spans="14:14">
      <c r="N608342" s="10"/>
    </row>
    <row r="608343" spans="14:14">
      <c r="N608343" s="10"/>
    </row>
    <row r="608344" spans="14:14">
      <c r="N608344" s="10"/>
    </row>
    <row r="608345" spans="14:14">
      <c r="N608345" s="10"/>
    </row>
    <row r="608346" spans="14:14">
      <c r="N608346" s="10"/>
    </row>
    <row r="608347" spans="14:14">
      <c r="N608347" s="10"/>
    </row>
    <row r="608348" spans="14:14">
      <c r="N608348" s="10"/>
    </row>
    <row r="608349" spans="14:14">
      <c r="N608349" s="10"/>
    </row>
    <row r="608350" spans="14:14">
      <c r="N608350" s="10"/>
    </row>
    <row r="608351" spans="14:14">
      <c r="N608351" s="10"/>
    </row>
    <row r="608352" spans="14:14">
      <c r="N608352" s="10"/>
    </row>
    <row r="608353" spans="14:14">
      <c r="N608353" s="10"/>
    </row>
    <row r="608354" spans="14:14">
      <c r="N608354" s="10"/>
    </row>
    <row r="608355" spans="14:14">
      <c r="N608355" s="10"/>
    </row>
    <row r="608356" spans="14:14">
      <c r="N608356" s="10"/>
    </row>
    <row r="608357" spans="14:14">
      <c r="N608357" s="10"/>
    </row>
    <row r="608358" spans="14:14">
      <c r="N608358" s="10"/>
    </row>
    <row r="608359" spans="14:14">
      <c r="N608359" s="10"/>
    </row>
    <row r="608360" spans="14:14">
      <c r="N608360" s="10"/>
    </row>
    <row r="608361" spans="14:14">
      <c r="N608361" s="10"/>
    </row>
    <row r="608362" spans="14:14">
      <c r="N608362" s="10"/>
    </row>
    <row r="608363" spans="14:14">
      <c r="N608363" s="10"/>
    </row>
    <row r="608364" spans="14:14">
      <c r="N608364" s="10"/>
    </row>
    <row r="608365" spans="14:14">
      <c r="N608365" s="10"/>
    </row>
    <row r="608366" spans="14:14">
      <c r="N608366" s="10"/>
    </row>
    <row r="608367" spans="14:14">
      <c r="N608367" s="10"/>
    </row>
    <row r="608368" spans="14:14">
      <c r="N608368" s="10"/>
    </row>
    <row r="608369" spans="14:14">
      <c r="N608369" s="10"/>
    </row>
    <row r="608370" spans="14:14">
      <c r="N608370" s="10"/>
    </row>
    <row r="608371" spans="14:14">
      <c r="N608371" s="10"/>
    </row>
    <row r="608372" spans="14:14">
      <c r="N608372" s="10"/>
    </row>
    <row r="608373" spans="14:14">
      <c r="N608373" s="10"/>
    </row>
    <row r="608374" spans="14:14">
      <c r="N608374" s="10"/>
    </row>
    <row r="608375" spans="14:14">
      <c r="N608375" s="10"/>
    </row>
    <row r="608376" spans="14:14">
      <c r="N608376" s="10"/>
    </row>
    <row r="608377" spans="14:14">
      <c r="N608377" s="10"/>
    </row>
    <row r="608378" spans="14:14">
      <c r="N608378" s="10"/>
    </row>
    <row r="608379" spans="14:14">
      <c r="N608379" s="10"/>
    </row>
    <row r="608380" spans="14:14">
      <c r="N608380" s="10"/>
    </row>
    <row r="608381" spans="14:14">
      <c r="N608381" s="10"/>
    </row>
    <row r="608382" spans="14:14">
      <c r="N608382" s="10"/>
    </row>
    <row r="608383" spans="14:14">
      <c r="N608383" s="10"/>
    </row>
    <row r="608384" spans="14:14">
      <c r="N608384" s="10"/>
    </row>
    <row r="608385" spans="14:14">
      <c r="N608385" s="10"/>
    </row>
    <row r="608386" spans="14:14">
      <c r="N608386" s="10"/>
    </row>
    <row r="608387" spans="14:14">
      <c r="N608387" s="10"/>
    </row>
    <row r="608388" spans="14:14">
      <c r="N608388" s="10"/>
    </row>
    <row r="608389" spans="14:14">
      <c r="N608389" s="10"/>
    </row>
    <row r="608390" spans="14:14">
      <c r="N608390" s="10"/>
    </row>
    <row r="608391" spans="14:14">
      <c r="N608391" s="10"/>
    </row>
    <row r="608392" spans="14:14">
      <c r="N608392" s="10"/>
    </row>
    <row r="608393" spans="14:14">
      <c r="N608393" s="10"/>
    </row>
    <row r="608394" spans="14:14">
      <c r="N608394" s="10"/>
    </row>
    <row r="608395" spans="14:14">
      <c r="N608395" s="10"/>
    </row>
    <row r="608396" spans="14:14">
      <c r="N608396" s="10"/>
    </row>
    <row r="608397" spans="14:14">
      <c r="N608397" s="10"/>
    </row>
    <row r="608398" spans="14:14">
      <c r="N608398" s="10"/>
    </row>
    <row r="608399" spans="14:14">
      <c r="N608399" s="10"/>
    </row>
    <row r="608400" spans="14:14">
      <c r="N608400" s="10"/>
    </row>
    <row r="608401" spans="14:14">
      <c r="N608401" s="10"/>
    </row>
    <row r="608402" spans="14:14">
      <c r="N608402" s="10"/>
    </row>
    <row r="608403" spans="14:14">
      <c r="N608403" s="10"/>
    </row>
    <row r="608404" spans="14:14">
      <c r="N608404" s="10"/>
    </row>
    <row r="608405" spans="14:14">
      <c r="N608405" s="10"/>
    </row>
    <row r="608406" spans="14:14">
      <c r="N608406" s="10"/>
    </row>
    <row r="608407" spans="14:14">
      <c r="N608407" s="10"/>
    </row>
    <row r="608408" spans="14:14">
      <c r="N608408" s="10"/>
    </row>
    <row r="608409" spans="14:14">
      <c r="N608409" s="10"/>
    </row>
    <row r="608410" spans="14:14">
      <c r="N608410" s="10"/>
    </row>
    <row r="608411" spans="14:14">
      <c r="N608411" s="10"/>
    </row>
    <row r="608412" spans="14:14">
      <c r="N608412" s="10"/>
    </row>
    <row r="608413" spans="14:14">
      <c r="N608413" s="10"/>
    </row>
    <row r="608414" spans="14:14">
      <c r="N608414" s="10"/>
    </row>
    <row r="608415" spans="14:14">
      <c r="N608415" s="10"/>
    </row>
    <row r="608416" spans="14:14">
      <c r="N608416" s="10"/>
    </row>
    <row r="608417" spans="14:14">
      <c r="N608417" s="10"/>
    </row>
    <row r="608418" spans="14:14">
      <c r="N608418" s="10"/>
    </row>
    <row r="608419" spans="14:14">
      <c r="N608419" s="10"/>
    </row>
    <row r="608420" spans="14:14">
      <c r="N608420" s="10"/>
    </row>
    <row r="608421" spans="14:14">
      <c r="N608421" s="10"/>
    </row>
    <row r="608422" spans="14:14">
      <c r="N608422" s="10"/>
    </row>
    <row r="608423" spans="14:14">
      <c r="N608423" s="10"/>
    </row>
    <row r="608424" spans="14:14">
      <c r="N608424" s="10"/>
    </row>
    <row r="608425" spans="14:14">
      <c r="N608425" s="10"/>
    </row>
    <row r="608426" spans="14:14">
      <c r="N608426" s="10"/>
    </row>
    <row r="608427" spans="14:14">
      <c r="N608427" s="10"/>
    </row>
    <row r="608428" spans="14:14">
      <c r="N608428" s="10"/>
    </row>
    <row r="608429" spans="14:14">
      <c r="N608429" s="10"/>
    </row>
    <row r="608430" spans="14:14">
      <c r="N608430" s="10"/>
    </row>
    <row r="608431" spans="14:14">
      <c r="N608431" s="10"/>
    </row>
    <row r="608432" spans="14:14">
      <c r="N608432" s="10"/>
    </row>
    <row r="608433" spans="14:14">
      <c r="N608433" s="10"/>
    </row>
    <row r="608434" spans="14:14">
      <c r="N608434" s="10"/>
    </row>
    <row r="608435" spans="14:14">
      <c r="N608435" s="10"/>
    </row>
    <row r="608436" spans="14:14">
      <c r="N608436" s="10"/>
    </row>
    <row r="608437" spans="14:14">
      <c r="N608437" s="10"/>
    </row>
    <row r="608438" spans="14:14">
      <c r="N608438" s="10"/>
    </row>
    <row r="608439" spans="14:14">
      <c r="N608439" s="10"/>
    </row>
    <row r="608440" spans="14:14">
      <c r="N608440" s="10"/>
    </row>
    <row r="608441" spans="14:14">
      <c r="N608441" s="10"/>
    </row>
    <row r="608442" spans="14:14">
      <c r="N608442" s="10"/>
    </row>
    <row r="608443" spans="14:14">
      <c r="N608443" s="10"/>
    </row>
    <row r="608444" spans="14:14">
      <c r="N608444" s="10"/>
    </row>
    <row r="608445" spans="14:14">
      <c r="N608445" s="10"/>
    </row>
    <row r="608446" spans="14:14">
      <c r="N608446" s="10"/>
    </row>
    <row r="608447" spans="14:14">
      <c r="N608447" s="10"/>
    </row>
    <row r="608448" spans="14:14">
      <c r="N608448" s="10"/>
    </row>
    <row r="608449" spans="14:14">
      <c r="N608449" s="10"/>
    </row>
    <row r="608450" spans="14:14">
      <c r="N608450" s="10"/>
    </row>
    <row r="608451" spans="14:14">
      <c r="N608451" s="10"/>
    </row>
    <row r="608452" spans="14:14">
      <c r="N608452" s="10"/>
    </row>
    <row r="608453" spans="14:14">
      <c r="N608453" s="10"/>
    </row>
    <row r="608454" spans="14:14">
      <c r="N608454" s="10"/>
    </row>
    <row r="608455" spans="14:14">
      <c r="N608455" s="10"/>
    </row>
    <row r="608456" spans="14:14">
      <c r="N608456" s="10"/>
    </row>
    <row r="608457" spans="14:14">
      <c r="N608457" s="10"/>
    </row>
    <row r="608458" spans="14:14">
      <c r="N608458" s="10"/>
    </row>
    <row r="608459" spans="14:14">
      <c r="N608459" s="10"/>
    </row>
    <row r="608460" spans="14:14">
      <c r="N608460" s="10"/>
    </row>
    <row r="608461" spans="14:14">
      <c r="N608461" s="10"/>
    </row>
    <row r="608462" spans="14:14">
      <c r="N608462" s="10"/>
    </row>
    <row r="608463" spans="14:14">
      <c r="N608463" s="10"/>
    </row>
    <row r="608464" spans="14:14">
      <c r="N608464" s="10"/>
    </row>
    <row r="608465" spans="14:14">
      <c r="N608465" s="10"/>
    </row>
    <row r="608466" spans="14:14">
      <c r="N608466" s="10"/>
    </row>
    <row r="608467" spans="14:14">
      <c r="N608467" s="10"/>
    </row>
    <row r="608468" spans="14:14">
      <c r="N608468" s="10"/>
    </row>
    <row r="608469" spans="14:14">
      <c r="N608469" s="10"/>
    </row>
    <row r="608470" spans="14:14">
      <c r="N608470" s="10"/>
    </row>
    <row r="608471" spans="14:14">
      <c r="N608471" s="10"/>
    </row>
    <row r="608472" spans="14:14">
      <c r="N608472" s="10"/>
    </row>
    <row r="608473" spans="14:14">
      <c r="N608473" s="10"/>
    </row>
    <row r="608474" spans="14:14">
      <c r="N608474" s="10"/>
    </row>
    <row r="608475" spans="14:14">
      <c r="N608475" s="10"/>
    </row>
    <row r="608476" spans="14:14">
      <c r="N608476" s="10"/>
    </row>
    <row r="608477" spans="14:14">
      <c r="N608477" s="10"/>
    </row>
    <row r="608478" spans="14:14">
      <c r="N608478" s="10"/>
    </row>
    <row r="608479" spans="14:14">
      <c r="N608479" s="10"/>
    </row>
    <row r="608480" spans="14:14">
      <c r="N608480" s="10"/>
    </row>
    <row r="608481" spans="14:14">
      <c r="N608481" s="10"/>
    </row>
    <row r="608482" spans="14:14">
      <c r="N608482" s="10"/>
    </row>
    <row r="608483" spans="14:14">
      <c r="N608483" s="10"/>
    </row>
    <row r="608484" spans="14:14">
      <c r="N608484" s="10"/>
    </row>
    <row r="608485" spans="14:14">
      <c r="N608485" s="10"/>
    </row>
    <row r="608486" spans="14:14">
      <c r="N608486" s="10"/>
    </row>
    <row r="608487" spans="14:14">
      <c r="N608487" s="10"/>
    </row>
    <row r="608488" spans="14:14">
      <c r="N608488" s="10"/>
    </row>
    <row r="608489" spans="14:14">
      <c r="N608489" s="10"/>
    </row>
    <row r="608490" spans="14:14">
      <c r="N608490" s="10"/>
    </row>
    <row r="608491" spans="14:14">
      <c r="N608491" s="10"/>
    </row>
    <row r="608492" spans="14:14">
      <c r="N608492" s="10"/>
    </row>
    <row r="608493" spans="14:14">
      <c r="N608493" s="10"/>
    </row>
    <row r="608494" spans="14:14">
      <c r="N608494" s="10"/>
    </row>
    <row r="608495" spans="14:14">
      <c r="N608495" s="10"/>
    </row>
    <row r="608496" spans="14:14">
      <c r="N608496" s="10"/>
    </row>
    <row r="608497" spans="14:14">
      <c r="N608497" s="10"/>
    </row>
    <row r="608498" spans="14:14">
      <c r="N608498" s="10"/>
    </row>
    <row r="608499" spans="14:14">
      <c r="N608499" s="10"/>
    </row>
    <row r="608500" spans="14:14">
      <c r="N608500" s="10"/>
    </row>
    <row r="608501" spans="14:14">
      <c r="N608501" s="10"/>
    </row>
    <row r="608502" spans="14:14">
      <c r="N608502" s="10"/>
    </row>
    <row r="608503" spans="14:14">
      <c r="N608503" s="10"/>
    </row>
    <row r="608504" spans="14:14">
      <c r="N608504" s="10"/>
    </row>
    <row r="608505" spans="14:14">
      <c r="N608505" s="10"/>
    </row>
    <row r="608506" spans="14:14">
      <c r="N608506" s="10"/>
    </row>
    <row r="608507" spans="14:14">
      <c r="N608507" s="10"/>
    </row>
    <row r="608508" spans="14:14">
      <c r="N608508" s="10"/>
    </row>
    <row r="608509" spans="14:14">
      <c r="N608509" s="10"/>
    </row>
    <row r="608510" spans="14:14">
      <c r="N608510" s="10"/>
    </row>
    <row r="608511" spans="14:14">
      <c r="N608511" s="10"/>
    </row>
    <row r="608512" spans="14:14">
      <c r="N608512" s="10"/>
    </row>
    <row r="608513" spans="14:14">
      <c r="N608513" s="10"/>
    </row>
    <row r="608514" spans="14:14">
      <c r="N608514" s="10"/>
    </row>
    <row r="608515" spans="14:14">
      <c r="N608515" s="10"/>
    </row>
    <row r="608516" spans="14:14">
      <c r="N608516" s="10"/>
    </row>
    <row r="608517" spans="14:14">
      <c r="N608517" s="10"/>
    </row>
    <row r="608518" spans="14:14">
      <c r="N608518" s="10"/>
    </row>
    <row r="608519" spans="14:14">
      <c r="N608519" s="10"/>
    </row>
    <row r="608520" spans="14:14">
      <c r="N608520" s="10"/>
    </row>
    <row r="608521" spans="14:14">
      <c r="N608521" s="10"/>
    </row>
    <row r="608522" spans="14:14">
      <c r="N608522" s="10"/>
    </row>
    <row r="608523" spans="14:14">
      <c r="N608523" s="10"/>
    </row>
    <row r="608524" spans="14:14">
      <c r="N608524" s="10"/>
    </row>
    <row r="608525" spans="14:14">
      <c r="N608525" s="10"/>
    </row>
    <row r="608526" spans="14:14">
      <c r="N608526" s="10"/>
    </row>
    <row r="608527" spans="14:14">
      <c r="N608527" s="10"/>
    </row>
    <row r="608528" spans="14:14">
      <c r="N608528" s="10"/>
    </row>
    <row r="608529" spans="14:14">
      <c r="N608529" s="10"/>
    </row>
    <row r="608530" spans="14:14">
      <c r="N608530" s="10"/>
    </row>
    <row r="608531" spans="14:14">
      <c r="N608531" s="10"/>
    </row>
    <row r="608532" spans="14:14">
      <c r="N608532" s="10"/>
    </row>
    <row r="608533" spans="14:14">
      <c r="N608533" s="10"/>
    </row>
    <row r="608534" spans="14:14">
      <c r="N608534" s="10"/>
    </row>
    <row r="608535" spans="14:14">
      <c r="N608535" s="10"/>
    </row>
    <row r="608536" spans="14:14">
      <c r="N608536" s="10"/>
    </row>
    <row r="608537" spans="14:14">
      <c r="N608537" s="10"/>
    </row>
    <row r="608538" spans="14:14">
      <c r="N608538" s="10"/>
    </row>
    <row r="608539" spans="14:14">
      <c r="N608539" s="10"/>
    </row>
    <row r="608540" spans="14:14">
      <c r="N608540" s="10"/>
    </row>
    <row r="608541" spans="14:14">
      <c r="N608541" s="10"/>
    </row>
    <row r="608542" spans="14:14">
      <c r="N608542" s="10"/>
    </row>
    <row r="608543" spans="14:14">
      <c r="N608543" s="10"/>
    </row>
    <row r="608544" spans="14:14">
      <c r="N608544" s="10"/>
    </row>
    <row r="608545" spans="14:14">
      <c r="N608545" s="10"/>
    </row>
    <row r="608546" spans="14:14">
      <c r="N608546" s="10"/>
    </row>
    <row r="608547" spans="14:14">
      <c r="N608547" s="10"/>
    </row>
    <row r="608548" spans="14:14">
      <c r="N608548" s="10"/>
    </row>
    <row r="608549" spans="14:14">
      <c r="N608549" s="10"/>
    </row>
    <row r="608550" spans="14:14">
      <c r="N608550" s="10"/>
    </row>
    <row r="608551" spans="14:14">
      <c r="N608551" s="10"/>
    </row>
    <row r="608552" spans="14:14">
      <c r="N608552" s="10"/>
    </row>
    <row r="608553" spans="14:14">
      <c r="N608553" s="10"/>
    </row>
    <row r="608554" spans="14:14">
      <c r="N608554" s="10"/>
    </row>
    <row r="608555" spans="14:14">
      <c r="N608555" s="10"/>
    </row>
    <row r="608556" spans="14:14">
      <c r="N608556" s="10"/>
    </row>
    <row r="608557" spans="14:14">
      <c r="N608557" s="10"/>
    </row>
    <row r="608558" spans="14:14">
      <c r="N608558" s="10"/>
    </row>
    <row r="608559" spans="14:14">
      <c r="N608559" s="10"/>
    </row>
    <row r="608560" spans="14:14">
      <c r="N608560" s="10"/>
    </row>
    <row r="608561" spans="14:14">
      <c r="N608561" s="10"/>
    </row>
    <row r="608562" spans="14:14">
      <c r="N608562" s="10"/>
    </row>
    <row r="608563" spans="14:14">
      <c r="N608563" s="10"/>
    </row>
    <row r="608564" spans="14:14">
      <c r="N608564" s="10"/>
    </row>
    <row r="608565" spans="14:14">
      <c r="N608565" s="10"/>
    </row>
    <row r="608566" spans="14:14">
      <c r="N608566" s="10"/>
    </row>
    <row r="608567" spans="14:14">
      <c r="N608567" s="10"/>
    </row>
    <row r="608568" spans="14:14">
      <c r="N608568" s="10"/>
    </row>
    <row r="608569" spans="14:14">
      <c r="N608569" s="10"/>
    </row>
    <row r="608570" spans="14:14">
      <c r="N608570" s="10"/>
    </row>
    <row r="608571" spans="14:14">
      <c r="N608571" s="10"/>
    </row>
    <row r="608572" spans="14:14">
      <c r="N608572" s="10"/>
    </row>
    <row r="608573" spans="14:14">
      <c r="N608573" s="10"/>
    </row>
    <row r="608574" spans="14:14">
      <c r="N608574" s="10"/>
    </row>
    <row r="608575" spans="14:14">
      <c r="N608575" s="10"/>
    </row>
    <row r="608576" spans="14:14">
      <c r="N608576" s="10"/>
    </row>
    <row r="608577" spans="14:14">
      <c r="N608577" s="10"/>
    </row>
    <row r="608578" spans="14:14">
      <c r="N608578" s="10"/>
    </row>
    <row r="608579" spans="14:14">
      <c r="N608579" s="10"/>
    </row>
    <row r="608580" spans="14:14">
      <c r="N608580" s="10"/>
    </row>
    <row r="608581" spans="14:14">
      <c r="N608581" s="10"/>
    </row>
    <row r="608582" spans="14:14">
      <c r="N608582" s="10"/>
    </row>
    <row r="608583" spans="14:14">
      <c r="N608583" s="10"/>
    </row>
    <row r="608584" spans="14:14">
      <c r="N608584" s="10"/>
    </row>
    <row r="608585" spans="14:14">
      <c r="N608585" s="10"/>
    </row>
    <row r="608586" spans="14:14">
      <c r="N608586" s="10"/>
    </row>
    <row r="608587" spans="14:14">
      <c r="N608587" s="10"/>
    </row>
    <row r="608588" spans="14:14">
      <c r="N608588" s="10"/>
    </row>
    <row r="608589" spans="14:14">
      <c r="N608589" s="10"/>
    </row>
    <row r="608590" spans="14:14">
      <c r="N608590" s="10"/>
    </row>
    <row r="608591" spans="14:14">
      <c r="N608591" s="10"/>
    </row>
    <row r="608592" spans="14:14">
      <c r="N608592" s="10"/>
    </row>
    <row r="608593" spans="14:14">
      <c r="N608593" s="10"/>
    </row>
    <row r="608594" spans="14:14">
      <c r="N608594" s="10"/>
    </row>
    <row r="608595" spans="14:14">
      <c r="N608595" s="10"/>
    </row>
    <row r="608596" spans="14:14">
      <c r="N608596" s="10"/>
    </row>
    <row r="608597" spans="14:14">
      <c r="N608597" s="10"/>
    </row>
    <row r="608598" spans="14:14">
      <c r="N608598" s="10"/>
    </row>
    <row r="608599" spans="14:14">
      <c r="N608599" s="10"/>
    </row>
    <row r="608600" spans="14:14">
      <c r="N608600" s="10"/>
    </row>
    <row r="608601" spans="14:14">
      <c r="N608601" s="10"/>
    </row>
    <row r="608602" spans="14:14">
      <c r="N608602" s="10"/>
    </row>
    <row r="608603" spans="14:14">
      <c r="N608603" s="10"/>
    </row>
    <row r="608604" spans="14:14">
      <c r="N608604" s="10"/>
    </row>
    <row r="608605" spans="14:14">
      <c r="N608605" s="10"/>
    </row>
    <row r="608606" spans="14:14">
      <c r="N608606" s="10"/>
    </row>
    <row r="608607" spans="14:14">
      <c r="N608607" s="10"/>
    </row>
    <row r="608608" spans="14:14">
      <c r="N608608" s="10"/>
    </row>
    <row r="608609" spans="14:14">
      <c r="N608609" s="10"/>
    </row>
    <row r="608610" spans="14:14">
      <c r="N608610" s="10"/>
    </row>
    <row r="608611" spans="14:14">
      <c r="N608611" s="10"/>
    </row>
    <row r="608612" spans="14:14">
      <c r="N608612" s="10"/>
    </row>
    <row r="608613" spans="14:14">
      <c r="N608613" s="10"/>
    </row>
    <row r="608614" spans="14:14">
      <c r="N608614" s="10"/>
    </row>
    <row r="608615" spans="14:14">
      <c r="N608615" s="10"/>
    </row>
    <row r="608616" spans="14:14">
      <c r="N608616" s="10"/>
    </row>
    <row r="608617" spans="14:14">
      <c r="N608617" s="10"/>
    </row>
    <row r="608618" spans="14:14">
      <c r="N608618" s="10"/>
    </row>
    <row r="608619" spans="14:14">
      <c r="N608619" s="10"/>
    </row>
    <row r="608620" spans="14:14">
      <c r="N608620" s="10"/>
    </row>
    <row r="608621" spans="14:14">
      <c r="N608621" s="10"/>
    </row>
    <row r="608622" spans="14:14">
      <c r="N608622" s="10"/>
    </row>
    <row r="608623" spans="14:14">
      <c r="N608623" s="10"/>
    </row>
    <row r="608624" spans="14:14">
      <c r="N608624" s="10"/>
    </row>
    <row r="608625" spans="14:14">
      <c r="N608625" s="10"/>
    </row>
    <row r="608626" spans="14:14">
      <c r="N608626" s="10"/>
    </row>
    <row r="608627" spans="14:14">
      <c r="N608627" s="10"/>
    </row>
    <row r="608628" spans="14:14">
      <c r="N608628" s="10"/>
    </row>
    <row r="608629" spans="14:14">
      <c r="N608629" s="10"/>
    </row>
    <row r="608630" spans="14:14">
      <c r="N608630" s="10"/>
    </row>
    <row r="608631" spans="14:14">
      <c r="N608631" s="10"/>
    </row>
    <row r="608632" spans="14:14">
      <c r="N608632" s="10"/>
    </row>
    <row r="608633" spans="14:14">
      <c r="N608633" s="10"/>
    </row>
    <row r="608634" spans="14:14">
      <c r="N608634" s="10"/>
    </row>
    <row r="608635" spans="14:14">
      <c r="N608635" s="10"/>
    </row>
    <row r="608636" spans="14:14">
      <c r="N608636" s="10"/>
    </row>
    <row r="608637" spans="14:14">
      <c r="N608637" s="10"/>
    </row>
    <row r="608638" spans="14:14">
      <c r="N608638" s="10"/>
    </row>
    <row r="608639" spans="14:14">
      <c r="N608639" s="10"/>
    </row>
    <row r="608640" spans="14:14">
      <c r="N608640" s="10"/>
    </row>
    <row r="608641" spans="14:14">
      <c r="N608641" s="10"/>
    </row>
    <row r="608642" spans="14:14">
      <c r="N608642" s="10"/>
    </row>
    <row r="608643" spans="14:14">
      <c r="N608643" s="10"/>
    </row>
    <row r="608644" spans="14:14">
      <c r="N608644" s="10"/>
    </row>
    <row r="608645" spans="14:14">
      <c r="N608645" s="10"/>
    </row>
    <row r="608646" spans="14:14">
      <c r="N608646" s="10"/>
    </row>
    <row r="608647" spans="14:14">
      <c r="N608647" s="10"/>
    </row>
    <row r="608648" spans="14:14">
      <c r="N608648" s="10"/>
    </row>
    <row r="608649" spans="14:14">
      <c r="N608649" s="10"/>
    </row>
    <row r="608650" spans="14:14">
      <c r="N608650" s="10"/>
    </row>
    <row r="608651" spans="14:14">
      <c r="N608651" s="10"/>
    </row>
    <row r="608652" spans="14:14">
      <c r="N608652" s="10"/>
    </row>
    <row r="608653" spans="14:14">
      <c r="N608653" s="10"/>
    </row>
    <row r="608654" spans="14:14">
      <c r="N608654" s="10"/>
    </row>
    <row r="608655" spans="14:14">
      <c r="N608655" s="10"/>
    </row>
    <row r="608656" spans="14:14">
      <c r="N608656" s="10"/>
    </row>
    <row r="608657" spans="14:14">
      <c r="N608657" s="10"/>
    </row>
    <row r="608658" spans="14:14">
      <c r="N608658" s="10"/>
    </row>
    <row r="608659" spans="14:14">
      <c r="N608659" s="10"/>
    </row>
    <row r="608660" spans="14:14">
      <c r="N608660" s="10"/>
    </row>
    <row r="608661" spans="14:14">
      <c r="N608661" s="10"/>
    </row>
    <row r="608662" spans="14:14">
      <c r="N608662" s="10"/>
    </row>
    <row r="608663" spans="14:14">
      <c r="N608663" s="10"/>
    </row>
    <row r="608664" spans="14:14">
      <c r="N608664" s="10"/>
    </row>
    <row r="608665" spans="14:14">
      <c r="N608665" s="10"/>
    </row>
    <row r="608666" spans="14:14">
      <c r="N608666" s="10"/>
    </row>
    <row r="608667" spans="14:14">
      <c r="N608667" s="10"/>
    </row>
    <row r="608668" spans="14:14">
      <c r="N608668" s="10"/>
    </row>
    <row r="608669" spans="14:14">
      <c r="N608669" s="10"/>
    </row>
    <row r="608670" spans="14:14">
      <c r="N608670" s="10"/>
    </row>
    <row r="608671" spans="14:14">
      <c r="N608671" s="10"/>
    </row>
    <row r="608672" spans="14:14">
      <c r="N608672" s="10"/>
    </row>
    <row r="608673" spans="14:14">
      <c r="N608673" s="10"/>
    </row>
    <row r="608674" spans="14:14">
      <c r="N608674" s="10"/>
    </row>
    <row r="608675" spans="14:14">
      <c r="N608675" s="10"/>
    </row>
    <row r="608676" spans="14:14">
      <c r="N608676" s="10"/>
    </row>
    <row r="608677" spans="14:14">
      <c r="N608677" s="10"/>
    </row>
    <row r="608678" spans="14:14">
      <c r="N608678" s="10"/>
    </row>
    <row r="608679" spans="14:14">
      <c r="N608679" s="10"/>
    </row>
    <row r="608680" spans="14:14">
      <c r="N608680" s="10"/>
    </row>
    <row r="608681" spans="14:14">
      <c r="N608681" s="10"/>
    </row>
    <row r="608682" spans="14:14">
      <c r="N608682" s="10"/>
    </row>
    <row r="608683" spans="14:14">
      <c r="N608683" s="10"/>
    </row>
    <row r="608684" spans="14:14">
      <c r="N608684" s="10"/>
    </row>
    <row r="608685" spans="14:14">
      <c r="N608685" s="10"/>
    </row>
    <row r="608686" spans="14:14">
      <c r="N608686" s="10"/>
    </row>
    <row r="608687" spans="14:14">
      <c r="N608687" s="10"/>
    </row>
    <row r="608688" spans="14:14">
      <c r="N608688" s="10"/>
    </row>
    <row r="608689" spans="14:14">
      <c r="N608689" s="10"/>
    </row>
    <row r="608690" spans="14:14">
      <c r="N608690" s="10"/>
    </row>
    <row r="608691" spans="14:14">
      <c r="N608691" s="10"/>
    </row>
    <row r="608692" spans="14:14">
      <c r="N608692" s="10"/>
    </row>
    <row r="608693" spans="14:14">
      <c r="N608693" s="10"/>
    </row>
    <row r="608694" spans="14:14">
      <c r="N608694" s="10"/>
    </row>
    <row r="608695" spans="14:14">
      <c r="N608695" s="10"/>
    </row>
    <row r="608696" spans="14:14">
      <c r="N608696" s="10"/>
    </row>
    <row r="608697" spans="14:14">
      <c r="N608697" s="10"/>
    </row>
    <row r="608698" spans="14:14">
      <c r="N608698" s="10"/>
    </row>
    <row r="608699" spans="14:14">
      <c r="N608699" s="10"/>
    </row>
    <row r="608700" spans="14:14">
      <c r="N608700" s="10"/>
    </row>
    <row r="608701" spans="14:14">
      <c r="N608701" s="10"/>
    </row>
    <row r="608702" spans="14:14">
      <c r="N608702" s="10"/>
    </row>
    <row r="608703" spans="14:14">
      <c r="N608703" s="10"/>
    </row>
    <row r="608704" spans="14:14">
      <c r="N608704" s="10"/>
    </row>
    <row r="608705" spans="14:14">
      <c r="N608705" s="10"/>
    </row>
    <row r="608706" spans="14:14">
      <c r="N608706" s="10"/>
    </row>
    <row r="608707" spans="14:14">
      <c r="N608707" s="10"/>
    </row>
    <row r="608708" spans="14:14">
      <c r="N608708" s="10"/>
    </row>
    <row r="608709" spans="14:14">
      <c r="N608709" s="10"/>
    </row>
    <row r="608710" spans="14:14">
      <c r="N608710" s="10"/>
    </row>
    <row r="608711" spans="14:14">
      <c r="N608711" s="10"/>
    </row>
    <row r="608712" spans="14:14">
      <c r="N608712" s="10"/>
    </row>
    <row r="608713" spans="14:14">
      <c r="N608713" s="10"/>
    </row>
    <row r="608714" spans="14:14">
      <c r="N608714" s="10"/>
    </row>
    <row r="608715" spans="14:14">
      <c r="N608715" s="10"/>
    </row>
    <row r="608716" spans="14:14">
      <c r="N608716" s="10"/>
    </row>
    <row r="608717" spans="14:14">
      <c r="N608717" s="10"/>
    </row>
    <row r="608718" spans="14:14">
      <c r="N608718" s="10"/>
    </row>
    <row r="608719" spans="14:14">
      <c r="N608719" s="10"/>
    </row>
    <row r="608720" spans="14:14">
      <c r="N608720" s="10"/>
    </row>
    <row r="608721" spans="14:14">
      <c r="N608721" s="10"/>
    </row>
    <row r="608722" spans="14:14">
      <c r="N608722" s="10"/>
    </row>
    <row r="608723" spans="14:14">
      <c r="N608723" s="10"/>
    </row>
    <row r="608724" spans="14:14">
      <c r="N608724" s="10"/>
    </row>
    <row r="608725" spans="14:14">
      <c r="N608725" s="10"/>
    </row>
    <row r="608726" spans="14:14">
      <c r="N608726" s="10"/>
    </row>
    <row r="608727" spans="14:14">
      <c r="N608727" s="10"/>
    </row>
    <row r="608728" spans="14:14">
      <c r="N608728" s="10"/>
    </row>
    <row r="608729" spans="14:14">
      <c r="N608729" s="10"/>
    </row>
    <row r="608730" spans="14:14">
      <c r="N608730" s="10"/>
    </row>
    <row r="608731" spans="14:14">
      <c r="N608731" s="10"/>
    </row>
    <row r="608732" spans="14:14">
      <c r="N608732" s="10"/>
    </row>
    <row r="608733" spans="14:14">
      <c r="N608733" s="10"/>
    </row>
    <row r="608734" spans="14:14">
      <c r="N608734" s="10"/>
    </row>
    <row r="608735" spans="14:14">
      <c r="N608735" s="10"/>
    </row>
    <row r="608736" spans="14:14">
      <c r="N608736" s="10"/>
    </row>
    <row r="608737" spans="14:14">
      <c r="N608737" s="10"/>
    </row>
    <row r="608738" spans="14:14">
      <c r="N608738" s="10"/>
    </row>
    <row r="608739" spans="14:14">
      <c r="N608739" s="10"/>
    </row>
    <row r="608740" spans="14:14">
      <c r="N608740" s="10"/>
    </row>
    <row r="608741" spans="14:14">
      <c r="N608741" s="10"/>
    </row>
    <row r="608742" spans="14:14">
      <c r="N608742" s="10"/>
    </row>
    <row r="608743" spans="14:14">
      <c r="N608743" s="10"/>
    </row>
    <row r="608744" spans="14:14">
      <c r="N608744" s="10"/>
    </row>
    <row r="608745" spans="14:14">
      <c r="N608745" s="10"/>
    </row>
    <row r="608746" spans="14:14">
      <c r="N608746" s="10"/>
    </row>
    <row r="608747" spans="14:14">
      <c r="N608747" s="10"/>
    </row>
    <row r="608748" spans="14:14">
      <c r="N608748" s="10"/>
    </row>
    <row r="608749" spans="14:14">
      <c r="N608749" s="10"/>
    </row>
    <row r="608750" spans="14:14">
      <c r="N608750" s="10"/>
    </row>
    <row r="608751" spans="14:14">
      <c r="N608751" s="10"/>
    </row>
    <row r="608752" spans="14:14">
      <c r="N608752" s="10"/>
    </row>
    <row r="608753" spans="14:14">
      <c r="N608753" s="10"/>
    </row>
    <row r="608754" spans="14:14">
      <c r="N608754" s="10"/>
    </row>
    <row r="608755" spans="14:14">
      <c r="N608755" s="10"/>
    </row>
    <row r="608756" spans="14:14">
      <c r="N608756" s="10"/>
    </row>
    <row r="608757" spans="14:14">
      <c r="N608757" s="10"/>
    </row>
    <row r="608758" spans="14:14">
      <c r="N608758" s="10"/>
    </row>
    <row r="608759" spans="14:14">
      <c r="N608759" s="10"/>
    </row>
    <row r="608760" spans="14:14">
      <c r="N608760" s="10"/>
    </row>
    <row r="608761" spans="14:14">
      <c r="N608761" s="10"/>
    </row>
    <row r="608762" spans="14:14">
      <c r="N608762" s="10"/>
    </row>
    <row r="608763" spans="14:14">
      <c r="N608763" s="10"/>
    </row>
    <row r="608764" spans="14:14">
      <c r="N608764" s="10"/>
    </row>
    <row r="608765" spans="14:14">
      <c r="N608765" s="10"/>
    </row>
    <row r="608766" spans="14:14">
      <c r="N608766" s="10"/>
    </row>
    <row r="608767" spans="14:14">
      <c r="N608767" s="10"/>
    </row>
    <row r="608768" spans="14:14">
      <c r="N608768" s="10"/>
    </row>
    <row r="608769" spans="14:14">
      <c r="N608769" s="10"/>
    </row>
    <row r="608770" spans="14:14">
      <c r="N608770" s="10"/>
    </row>
    <row r="608771" spans="14:14">
      <c r="N608771" s="10"/>
    </row>
    <row r="608772" spans="14:14">
      <c r="N608772" s="10"/>
    </row>
    <row r="608773" spans="14:14">
      <c r="N608773" s="10"/>
    </row>
    <row r="608774" spans="14:14">
      <c r="N608774" s="10"/>
    </row>
    <row r="608775" spans="14:14">
      <c r="N608775" s="10"/>
    </row>
    <row r="608776" spans="14:14">
      <c r="N608776" s="10"/>
    </row>
    <row r="608777" spans="14:14">
      <c r="N608777" s="10"/>
    </row>
    <row r="608778" spans="14:14">
      <c r="N608778" s="10"/>
    </row>
    <row r="608779" spans="14:14">
      <c r="N608779" s="10"/>
    </row>
    <row r="608780" spans="14:14">
      <c r="N608780" s="10"/>
    </row>
    <row r="608781" spans="14:14">
      <c r="N608781" s="10"/>
    </row>
    <row r="608782" spans="14:14">
      <c r="N608782" s="10"/>
    </row>
    <row r="608783" spans="14:14">
      <c r="N608783" s="10"/>
    </row>
    <row r="608784" spans="14:14">
      <c r="N608784" s="10"/>
    </row>
    <row r="608785" spans="14:14">
      <c r="N608785" s="10"/>
    </row>
    <row r="608786" spans="14:14">
      <c r="N608786" s="10"/>
    </row>
    <row r="608787" spans="14:14">
      <c r="N608787" s="10"/>
    </row>
    <row r="608788" spans="14:14">
      <c r="N608788" s="10"/>
    </row>
    <row r="608789" spans="14:14">
      <c r="N608789" s="10"/>
    </row>
    <row r="608790" spans="14:14">
      <c r="N608790" s="10"/>
    </row>
    <row r="608791" spans="14:14">
      <c r="N608791" s="10"/>
    </row>
    <row r="608792" spans="14:14">
      <c r="N608792" s="10"/>
    </row>
    <row r="608793" spans="14:14">
      <c r="N608793" s="10"/>
    </row>
    <row r="608794" spans="14:14">
      <c r="N608794" s="10"/>
    </row>
    <row r="608795" spans="14:14">
      <c r="N608795" s="10"/>
    </row>
    <row r="608796" spans="14:14">
      <c r="N608796" s="10"/>
    </row>
    <row r="608797" spans="14:14">
      <c r="N608797" s="10"/>
    </row>
    <row r="608798" spans="14:14">
      <c r="N608798" s="10"/>
    </row>
    <row r="608799" spans="14:14">
      <c r="N608799" s="10"/>
    </row>
    <row r="608800" spans="14:14">
      <c r="N608800" s="10"/>
    </row>
    <row r="608801" spans="14:14">
      <c r="N608801" s="10"/>
    </row>
    <row r="608802" spans="14:14">
      <c r="N608802" s="10"/>
    </row>
    <row r="608803" spans="14:14">
      <c r="N608803" s="10"/>
    </row>
    <row r="608804" spans="14:14">
      <c r="N608804" s="10"/>
    </row>
    <row r="608805" spans="14:14">
      <c r="N608805" s="10"/>
    </row>
    <row r="608806" spans="14:14">
      <c r="N608806" s="10"/>
    </row>
    <row r="608807" spans="14:14">
      <c r="N608807" s="10"/>
    </row>
    <row r="608808" spans="14:14">
      <c r="N608808" s="10"/>
    </row>
    <row r="608809" spans="14:14">
      <c r="N608809" s="10"/>
    </row>
    <row r="608810" spans="14:14">
      <c r="N608810" s="10"/>
    </row>
    <row r="608811" spans="14:14">
      <c r="N608811" s="10"/>
    </row>
    <row r="608812" spans="14:14">
      <c r="N608812" s="10"/>
    </row>
    <row r="608813" spans="14:14">
      <c r="N608813" s="10"/>
    </row>
    <row r="608814" spans="14:14">
      <c r="N608814" s="10"/>
    </row>
    <row r="608815" spans="14:14">
      <c r="N608815" s="10"/>
    </row>
    <row r="608816" spans="14:14">
      <c r="N608816" s="10"/>
    </row>
    <row r="608817" spans="14:14">
      <c r="N608817" s="10"/>
    </row>
    <row r="608818" spans="14:14">
      <c r="N608818" s="10"/>
    </row>
    <row r="608819" spans="14:14">
      <c r="N608819" s="10"/>
    </row>
    <row r="608820" spans="14:14">
      <c r="N608820" s="10"/>
    </row>
    <row r="608821" spans="14:14">
      <c r="N608821" s="10"/>
    </row>
    <row r="608822" spans="14:14">
      <c r="N608822" s="10"/>
    </row>
    <row r="608823" spans="14:14">
      <c r="N608823" s="10"/>
    </row>
    <row r="608824" spans="14:14">
      <c r="N608824" s="10"/>
    </row>
    <row r="608825" spans="14:14">
      <c r="N608825" s="10"/>
    </row>
    <row r="608826" spans="14:14">
      <c r="N608826" s="10"/>
    </row>
    <row r="608827" spans="14:14">
      <c r="N608827" s="10"/>
    </row>
    <row r="608828" spans="14:14">
      <c r="N608828" s="10"/>
    </row>
    <row r="608829" spans="14:14">
      <c r="N608829" s="10"/>
    </row>
    <row r="608830" spans="14:14">
      <c r="N608830" s="10"/>
    </row>
    <row r="608831" spans="14:14">
      <c r="N608831" s="10"/>
    </row>
    <row r="608832" spans="14:14">
      <c r="N608832" s="10"/>
    </row>
    <row r="608833" spans="14:14">
      <c r="N608833" s="10"/>
    </row>
    <row r="608834" spans="14:14">
      <c r="N608834" s="10"/>
    </row>
    <row r="608835" spans="14:14">
      <c r="N608835" s="10"/>
    </row>
    <row r="608836" spans="14:14">
      <c r="N608836" s="10"/>
    </row>
    <row r="608837" spans="14:14">
      <c r="N608837" s="10"/>
    </row>
    <row r="608838" spans="14:14">
      <c r="N608838" s="10"/>
    </row>
    <row r="608839" spans="14:14">
      <c r="N608839" s="10"/>
    </row>
    <row r="608840" spans="14:14">
      <c r="N608840" s="10"/>
    </row>
    <row r="608841" spans="14:14">
      <c r="N608841" s="10"/>
    </row>
    <row r="608842" spans="14:14">
      <c r="N608842" s="10"/>
    </row>
    <row r="608843" spans="14:14">
      <c r="N608843" s="10"/>
    </row>
    <row r="608844" spans="14:14">
      <c r="N608844" s="10"/>
    </row>
    <row r="608845" spans="14:14">
      <c r="N608845" s="10"/>
    </row>
    <row r="608846" spans="14:14">
      <c r="N608846" s="10"/>
    </row>
    <row r="608847" spans="14:14">
      <c r="N608847" s="10"/>
    </row>
    <row r="608848" spans="14:14">
      <c r="N608848" s="10"/>
    </row>
    <row r="608849" spans="14:14">
      <c r="N608849" s="10"/>
    </row>
    <row r="608850" spans="14:14">
      <c r="N608850" s="10"/>
    </row>
    <row r="608851" spans="14:14">
      <c r="N608851" s="10"/>
    </row>
    <row r="608852" spans="14:14">
      <c r="N608852" s="10"/>
    </row>
    <row r="608853" spans="14:14">
      <c r="N608853" s="10"/>
    </row>
    <row r="608854" spans="14:14">
      <c r="N608854" s="10"/>
    </row>
    <row r="608855" spans="14:14">
      <c r="N608855" s="10"/>
    </row>
    <row r="608856" spans="14:14">
      <c r="N608856" s="10"/>
    </row>
    <row r="608857" spans="14:14">
      <c r="N608857" s="10"/>
    </row>
    <row r="608858" spans="14:14">
      <c r="N608858" s="10"/>
    </row>
    <row r="608859" spans="14:14">
      <c r="N608859" s="10"/>
    </row>
    <row r="608860" spans="14:14">
      <c r="N608860" s="10"/>
    </row>
    <row r="608861" spans="14:14">
      <c r="N608861" s="10"/>
    </row>
    <row r="608862" spans="14:14">
      <c r="N608862" s="10"/>
    </row>
    <row r="608863" spans="14:14">
      <c r="N608863" s="10"/>
    </row>
    <row r="608864" spans="14:14">
      <c r="N608864" s="10"/>
    </row>
    <row r="608865" spans="14:14">
      <c r="N608865" s="10"/>
    </row>
    <row r="608866" spans="14:14">
      <c r="N608866" s="10"/>
    </row>
    <row r="608867" spans="14:14">
      <c r="N608867" s="10"/>
    </row>
    <row r="608868" spans="14:14">
      <c r="N608868" s="10"/>
    </row>
    <row r="608869" spans="14:14">
      <c r="N608869" s="10"/>
    </row>
    <row r="608870" spans="14:14">
      <c r="N608870" s="10"/>
    </row>
    <row r="608871" spans="14:14">
      <c r="N608871" s="10"/>
    </row>
    <row r="608872" spans="14:14">
      <c r="N608872" s="10"/>
    </row>
    <row r="608873" spans="14:14">
      <c r="N608873" s="10"/>
    </row>
    <row r="608874" spans="14:14">
      <c r="N608874" s="10"/>
    </row>
    <row r="608875" spans="14:14">
      <c r="N608875" s="10"/>
    </row>
    <row r="608876" spans="14:14">
      <c r="N608876" s="10"/>
    </row>
    <row r="608877" spans="14:14">
      <c r="N608877" s="10"/>
    </row>
    <row r="608878" spans="14:14">
      <c r="N608878" s="10"/>
    </row>
    <row r="608879" spans="14:14">
      <c r="N608879" s="10"/>
    </row>
    <row r="608880" spans="14:14">
      <c r="N608880" s="10"/>
    </row>
    <row r="608881" spans="14:14">
      <c r="N608881" s="10"/>
    </row>
    <row r="608882" spans="14:14">
      <c r="N608882" s="10"/>
    </row>
    <row r="608883" spans="14:14">
      <c r="N608883" s="10"/>
    </row>
    <row r="608884" spans="14:14">
      <c r="N608884" s="10"/>
    </row>
    <row r="608885" spans="14:14">
      <c r="N608885" s="10"/>
    </row>
    <row r="608886" spans="14:14">
      <c r="N608886" s="10"/>
    </row>
    <row r="608887" spans="14:14">
      <c r="N608887" s="10"/>
    </row>
    <row r="608888" spans="14:14">
      <c r="N608888" s="10"/>
    </row>
    <row r="608889" spans="14:14">
      <c r="N608889" s="10"/>
    </row>
    <row r="608890" spans="14:14">
      <c r="N608890" s="10"/>
    </row>
    <row r="608891" spans="14:14">
      <c r="N608891" s="10"/>
    </row>
    <row r="608892" spans="14:14">
      <c r="N608892" s="10"/>
    </row>
    <row r="608893" spans="14:14">
      <c r="N608893" s="10"/>
    </row>
    <row r="608894" spans="14:14">
      <c r="N608894" s="10"/>
    </row>
    <row r="608895" spans="14:14">
      <c r="N608895" s="10"/>
    </row>
    <row r="608896" spans="14:14">
      <c r="N608896" s="10"/>
    </row>
    <row r="608897" spans="14:14">
      <c r="N608897" s="10"/>
    </row>
    <row r="608898" spans="14:14">
      <c r="N608898" s="10"/>
    </row>
    <row r="608899" spans="14:14">
      <c r="N608899" s="10"/>
    </row>
    <row r="608900" spans="14:14">
      <c r="N608900" s="10"/>
    </row>
    <row r="608901" spans="14:14">
      <c r="N608901" s="10"/>
    </row>
    <row r="608902" spans="14:14">
      <c r="N608902" s="10"/>
    </row>
    <row r="608903" spans="14:14">
      <c r="N608903" s="10"/>
    </row>
    <row r="608904" spans="14:14">
      <c r="N608904" s="10"/>
    </row>
    <row r="608905" spans="14:14">
      <c r="N608905" s="10"/>
    </row>
    <row r="608906" spans="14:14">
      <c r="N608906" s="10"/>
    </row>
    <row r="608907" spans="14:14">
      <c r="N608907" s="10"/>
    </row>
    <row r="608908" spans="14:14">
      <c r="N608908" s="10"/>
    </row>
    <row r="608909" spans="14:14">
      <c r="N608909" s="10"/>
    </row>
    <row r="608910" spans="14:14">
      <c r="N608910" s="10"/>
    </row>
    <row r="608911" spans="14:14">
      <c r="N608911" s="10"/>
    </row>
    <row r="608912" spans="14:14">
      <c r="N608912" s="10"/>
    </row>
    <row r="608913" spans="14:14">
      <c r="N608913" s="10"/>
    </row>
    <row r="608914" spans="14:14">
      <c r="N608914" s="10"/>
    </row>
    <row r="608915" spans="14:14">
      <c r="N608915" s="10"/>
    </row>
    <row r="608916" spans="14:14">
      <c r="N608916" s="10"/>
    </row>
    <row r="608917" spans="14:14">
      <c r="N608917" s="10"/>
    </row>
    <row r="608918" spans="14:14">
      <c r="N608918" s="10"/>
    </row>
    <row r="608919" spans="14:14">
      <c r="N608919" s="10"/>
    </row>
    <row r="608920" spans="14:14">
      <c r="N608920" s="10"/>
    </row>
    <row r="608921" spans="14:14">
      <c r="N608921" s="10"/>
    </row>
    <row r="608922" spans="14:14">
      <c r="N608922" s="10"/>
    </row>
    <row r="608923" spans="14:14">
      <c r="N608923" s="10"/>
    </row>
    <row r="608924" spans="14:14">
      <c r="N608924" s="10"/>
    </row>
    <row r="608925" spans="14:14">
      <c r="N608925" s="10"/>
    </row>
    <row r="608926" spans="14:14">
      <c r="N608926" s="10"/>
    </row>
    <row r="608927" spans="14:14">
      <c r="N608927" s="10"/>
    </row>
    <row r="608928" spans="14:14">
      <c r="N608928" s="10"/>
    </row>
    <row r="608929" spans="14:14">
      <c r="N608929" s="10"/>
    </row>
    <row r="608930" spans="14:14">
      <c r="N608930" s="10"/>
    </row>
    <row r="608931" spans="14:14">
      <c r="N608931" s="10"/>
    </row>
    <row r="608932" spans="14:14">
      <c r="N608932" s="10"/>
    </row>
    <row r="608933" spans="14:14">
      <c r="N608933" s="10"/>
    </row>
    <row r="608934" spans="14:14">
      <c r="N608934" s="10"/>
    </row>
    <row r="608935" spans="14:14">
      <c r="N608935" s="10"/>
    </row>
    <row r="608936" spans="14:14">
      <c r="N608936" s="10"/>
    </row>
    <row r="608937" spans="14:14">
      <c r="N608937" s="10"/>
    </row>
    <row r="608938" spans="14:14">
      <c r="N608938" s="10"/>
    </row>
    <row r="608939" spans="14:14">
      <c r="N608939" s="10"/>
    </row>
    <row r="608940" spans="14:14">
      <c r="N608940" s="10"/>
    </row>
    <row r="608941" spans="14:14">
      <c r="N608941" s="10"/>
    </row>
    <row r="608942" spans="14:14">
      <c r="N608942" s="10"/>
    </row>
    <row r="608943" spans="14:14">
      <c r="N608943" s="10"/>
    </row>
    <row r="608944" spans="14:14">
      <c r="N608944" s="10"/>
    </row>
    <row r="608945" spans="14:14">
      <c r="N608945" s="10"/>
    </row>
    <row r="608946" spans="14:14">
      <c r="N608946" s="10"/>
    </row>
    <row r="608947" spans="14:14">
      <c r="N608947" s="10"/>
    </row>
    <row r="608948" spans="14:14">
      <c r="N608948" s="10"/>
    </row>
    <row r="608949" spans="14:14">
      <c r="N608949" s="10"/>
    </row>
    <row r="608950" spans="14:14">
      <c r="N608950" s="10"/>
    </row>
    <row r="608951" spans="14:14">
      <c r="N608951" s="10"/>
    </row>
    <row r="608952" spans="14:14">
      <c r="N608952" s="10"/>
    </row>
    <row r="608953" spans="14:14">
      <c r="N608953" s="10"/>
    </row>
    <row r="608954" spans="14:14">
      <c r="N608954" s="10"/>
    </row>
    <row r="608955" spans="14:14">
      <c r="N608955" s="10"/>
    </row>
    <row r="608956" spans="14:14">
      <c r="N608956" s="10"/>
    </row>
    <row r="608957" spans="14:14">
      <c r="N608957" s="10"/>
    </row>
    <row r="608958" spans="14:14">
      <c r="N608958" s="10"/>
    </row>
    <row r="608959" spans="14:14">
      <c r="N608959" s="10"/>
    </row>
    <row r="608960" spans="14:14">
      <c r="N608960" s="10"/>
    </row>
    <row r="608961" spans="14:14">
      <c r="N608961" s="10"/>
    </row>
    <row r="608962" spans="14:14">
      <c r="N608962" s="10"/>
    </row>
    <row r="608963" spans="14:14">
      <c r="N608963" s="10"/>
    </row>
    <row r="608964" spans="14:14">
      <c r="N608964" s="10"/>
    </row>
    <row r="608965" spans="14:14">
      <c r="N608965" s="10"/>
    </row>
    <row r="608966" spans="14:14">
      <c r="N608966" s="10"/>
    </row>
    <row r="608967" spans="14:14">
      <c r="N608967" s="10"/>
    </row>
    <row r="608968" spans="14:14">
      <c r="N608968" s="10"/>
    </row>
    <row r="608969" spans="14:14">
      <c r="N608969" s="10"/>
    </row>
    <row r="608970" spans="14:14">
      <c r="N608970" s="10"/>
    </row>
    <row r="608971" spans="14:14">
      <c r="N608971" s="10"/>
    </row>
    <row r="608972" spans="14:14">
      <c r="N608972" s="10"/>
    </row>
    <row r="608973" spans="14:14">
      <c r="N608973" s="10"/>
    </row>
    <row r="608974" spans="14:14">
      <c r="N608974" s="10"/>
    </row>
    <row r="608975" spans="14:14">
      <c r="N608975" s="10"/>
    </row>
    <row r="608976" spans="14:14">
      <c r="N608976" s="10"/>
    </row>
    <row r="608977" spans="14:14">
      <c r="N608977" s="10"/>
    </row>
    <row r="608978" spans="14:14">
      <c r="N608978" s="10"/>
    </row>
    <row r="608979" spans="14:14">
      <c r="N608979" s="10"/>
    </row>
    <row r="608980" spans="14:14">
      <c r="N608980" s="10"/>
    </row>
    <row r="608981" spans="14:14">
      <c r="N608981" s="10"/>
    </row>
    <row r="608982" spans="14:14">
      <c r="N608982" s="10"/>
    </row>
    <row r="608983" spans="14:14">
      <c r="N608983" s="10"/>
    </row>
    <row r="608984" spans="14:14">
      <c r="N608984" s="10"/>
    </row>
    <row r="608985" spans="14:14">
      <c r="N608985" s="10"/>
    </row>
    <row r="608986" spans="14:14">
      <c r="N608986" s="10"/>
    </row>
    <row r="608987" spans="14:14">
      <c r="N608987" s="10"/>
    </row>
    <row r="608988" spans="14:14">
      <c r="N608988" s="10"/>
    </row>
    <row r="608989" spans="14:14">
      <c r="N608989" s="10"/>
    </row>
    <row r="608990" spans="14:14">
      <c r="N608990" s="10"/>
    </row>
    <row r="608991" spans="14:14">
      <c r="N608991" s="10"/>
    </row>
    <row r="608992" spans="14:14">
      <c r="N608992" s="10"/>
    </row>
    <row r="608993" spans="14:14">
      <c r="N608993" s="10"/>
    </row>
    <row r="608994" spans="14:14">
      <c r="N608994" s="10"/>
    </row>
    <row r="608995" spans="14:14">
      <c r="N608995" s="10"/>
    </row>
    <row r="608996" spans="14:14">
      <c r="N608996" s="10"/>
    </row>
    <row r="608997" spans="14:14">
      <c r="N608997" s="10"/>
    </row>
    <row r="608998" spans="14:14">
      <c r="N608998" s="10"/>
    </row>
    <row r="608999" spans="14:14">
      <c r="N608999" s="10"/>
    </row>
    <row r="609000" spans="14:14">
      <c r="N609000" s="10"/>
    </row>
    <row r="609001" spans="14:14">
      <c r="N609001" s="10"/>
    </row>
    <row r="609002" spans="14:14">
      <c r="N609002" s="10"/>
    </row>
    <row r="609003" spans="14:14">
      <c r="N609003" s="10"/>
    </row>
    <row r="609004" spans="14:14">
      <c r="N609004" s="10"/>
    </row>
    <row r="609005" spans="14:14">
      <c r="N609005" s="10"/>
    </row>
    <row r="609006" spans="14:14">
      <c r="N609006" s="10"/>
    </row>
    <row r="609007" spans="14:14">
      <c r="N609007" s="10"/>
    </row>
    <row r="609008" spans="14:14">
      <c r="N609008" s="10"/>
    </row>
    <row r="609009" spans="14:14">
      <c r="N609009" s="10"/>
    </row>
    <row r="609010" spans="14:14">
      <c r="N609010" s="10"/>
    </row>
    <row r="609011" spans="14:14">
      <c r="N609011" s="10"/>
    </row>
    <row r="609012" spans="14:14">
      <c r="N609012" s="10"/>
    </row>
    <row r="609013" spans="14:14">
      <c r="N609013" s="10"/>
    </row>
    <row r="609014" spans="14:14">
      <c r="N609014" s="10"/>
    </row>
    <row r="609015" spans="14:14">
      <c r="N609015" s="10"/>
    </row>
    <row r="609016" spans="14:14">
      <c r="N609016" s="10"/>
    </row>
    <row r="609017" spans="14:14">
      <c r="N609017" s="10"/>
    </row>
    <row r="609018" spans="14:14">
      <c r="N609018" s="10"/>
    </row>
    <row r="609019" spans="14:14">
      <c r="N609019" s="10"/>
    </row>
    <row r="609020" spans="14:14">
      <c r="N609020" s="10"/>
    </row>
    <row r="609021" spans="14:14">
      <c r="N609021" s="10"/>
    </row>
    <row r="609022" spans="14:14">
      <c r="N609022" s="10"/>
    </row>
    <row r="609023" spans="14:14">
      <c r="N609023" s="10"/>
    </row>
    <row r="609024" spans="14:14">
      <c r="N609024" s="10"/>
    </row>
    <row r="609025" spans="14:14">
      <c r="N609025" s="10"/>
    </row>
    <row r="609026" spans="14:14">
      <c r="N609026" s="10"/>
    </row>
    <row r="609027" spans="14:14">
      <c r="N609027" s="10"/>
    </row>
    <row r="609028" spans="14:14">
      <c r="N609028" s="10"/>
    </row>
    <row r="609029" spans="14:14">
      <c r="N609029" s="10"/>
    </row>
    <row r="609030" spans="14:14">
      <c r="N609030" s="10"/>
    </row>
    <row r="609031" spans="14:14">
      <c r="N609031" s="10"/>
    </row>
    <row r="609032" spans="14:14">
      <c r="N609032" s="10"/>
    </row>
    <row r="609033" spans="14:14">
      <c r="N609033" s="10"/>
    </row>
    <row r="609034" spans="14:14">
      <c r="N609034" s="10"/>
    </row>
    <row r="609035" spans="14:14">
      <c r="N609035" s="10"/>
    </row>
    <row r="609036" spans="14:14">
      <c r="N609036" s="10"/>
    </row>
    <row r="609037" spans="14:14">
      <c r="N609037" s="10"/>
    </row>
    <row r="609038" spans="14:14">
      <c r="N609038" s="10"/>
    </row>
    <row r="609039" spans="14:14">
      <c r="N609039" s="10"/>
    </row>
    <row r="609040" spans="14:14">
      <c r="N609040" s="10"/>
    </row>
    <row r="609041" spans="14:14">
      <c r="N609041" s="10"/>
    </row>
    <row r="609042" spans="14:14">
      <c r="N609042" s="10"/>
    </row>
    <row r="609043" spans="14:14">
      <c r="N609043" s="10"/>
    </row>
    <row r="609044" spans="14:14">
      <c r="N609044" s="10"/>
    </row>
    <row r="609045" spans="14:14">
      <c r="N609045" s="10"/>
    </row>
    <row r="609046" spans="14:14">
      <c r="N609046" s="10"/>
    </row>
    <row r="609047" spans="14:14">
      <c r="N609047" s="10"/>
    </row>
    <row r="609048" spans="14:14">
      <c r="N609048" s="10"/>
    </row>
    <row r="609049" spans="14:14">
      <c r="N609049" s="10"/>
    </row>
    <row r="609050" spans="14:14">
      <c r="N609050" s="10"/>
    </row>
    <row r="609051" spans="14:14">
      <c r="N609051" s="10"/>
    </row>
    <row r="609052" spans="14:14">
      <c r="N609052" s="10"/>
    </row>
    <row r="609053" spans="14:14">
      <c r="N609053" s="10"/>
    </row>
    <row r="609054" spans="14:14">
      <c r="N609054" s="10"/>
    </row>
    <row r="609055" spans="14:14">
      <c r="N609055" s="10"/>
    </row>
    <row r="609056" spans="14:14">
      <c r="N609056" s="10"/>
    </row>
    <row r="609057" spans="14:14">
      <c r="N609057" s="10"/>
    </row>
    <row r="609058" spans="14:14">
      <c r="N609058" s="10"/>
    </row>
    <row r="609059" spans="14:14">
      <c r="N609059" s="10"/>
    </row>
    <row r="609060" spans="14:14">
      <c r="N609060" s="10"/>
    </row>
    <row r="609061" spans="14:14">
      <c r="N609061" s="10"/>
    </row>
    <row r="609062" spans="14:14">
      <c r="N609062" s="10"/>
    </row>
    <row r="609063" spans="14:14">
      <c r="N609063" s="10"/>
    </row>
    <row r="609064" spans="14:14">
      <c r="N609064" s="10"/>
    </row>
    <row r="609065" spans="14:14">
      <c r="N609065" s="10"/>
    </row>
    <row r="609066" spans="14:14">
      <c r="N609066" s="10"/>
    </row>
    <row r="609067" spans="14:14">
      <c r="N609067" s="10"/>
    </row>
    <row r="609068" spans="14:14">
      <c r="N609068" s="10"/>
    </row>
    <row r="609069" spans="14:14">
      <c r="N609069" s="10"/>
    </row>
    <row r="609070" spans="14:14">
      <c r="N609070" s="10"/>
    </row>
    <row r="609071" spans="14:14">
      <c r="N609071" s="10"/>
    </row>
    <row r="609072" spans="14:14">
      <c r="N609072" s="10"/>
    </row>
    <row r="609073" spans="14:14">
      <c r="N609073" s="10"/>
    </row>
    <row r="609074" spans="14:14">
      <c r="N609074" s="10"/>
    </row>
    <row r="609075" spans="14:14">
      <c r="N609075" s="10"/>
    </row>
    <row r="609076" spans="14:14">
      <c r="N609076" s="10"/>
    </row>
    <row r="609077" spans="14:14">
      <c r="N609077" s="10"/>
    </row>
    <row r="609078" spans="14:14">
      <c r="N609078" s="10"/>
    </row>
    <row r="609079" spans="14:14">
      <c r="N609079" s="10"/>
    </row>
    <row r="609080" spans="14:14">
      <c r="N609080" s="10"/>
    </row>
    <row r="609081" spans="14:14">
      <c r="N609081" s="10"/>
    </row>
    <row r="609082" spans="14:14">
      <c r="N609082" s="10"/>
    </row>
    <row r="609083" spans="14:14">
      <c r="N609083" s="10"/>
    </row>
    <row r="609084" spans="14:14">
      <c r="N609084" s="10"/>
    </row>
    <row r="609085" spans="14:14">
      <c r="N609085" s="10"/>
    </row>
    <row r="609086" spans="14:14">
      <c r="N609086" s="10"/>
    </row>
    <row r="609087" spans="14:14">
      <c r="N609087" s="10"/>
    </row>
    <row r="609088" spans="14:14">
      <c r="N609088" s="10"/>
    </row>
    <row r="609089" spans="14:14">
      <c r="N609089" s="10"/>
    </row>
    <row r="609090" spans="14:14">
      <c r="N609090" s="10"/>
    </row>
    <row r="609091" spans="14:14">
      <c r="N609091" s="10"/>
    </row>
    <row r="609092" spans="14:14">
      <c r="N609092" s="10"/>
    </row>
    <row r="609093" spans="14:14">
      <c r="N609093" s="10"/>
    </row>
    <row r="609094" spans="14:14">
      <c r="N609094" s="10"/>
    </row>
    <row r="609095" spans="14:14">
      <c r="N609095" s="10"/>
    </row>
    <row r="609096" spans="14:14">
      <c r="N609096" s="10"/>
    </row>
    <row r="609097" spans="14:14">
      <c r="N609097" s="10"/>
    </row>
    <row r="609098" spans="14:14">
      <c r="N609098" s="10"/>
    </row>
    <row r="609099" spans="14:14">
      <c r="N609099" s="10"/>
    </row>
    <row r="609100" spans="14:14">
      <c r="N609100" s="10"/>
    </row>
    <row r="609101" spans="14:14">
      <c r="N609101" s="10"/>
    </row>
    <row r="609102" spans="14:14">
      <c r="N609102" s="10"/>
    </row>
    <row r="609103" spans="14:14">
      <c r="N609103" s="10"/>
    </row>
    <row r="609104" spans="14:14">
      <c r="N609104" s="10"/>
    </row>
    <row r="609105" spans="14:14">
      <c r="N609105" s="10"/>
    </row>
    <row r="609106" spans="14:14">
      <c r="N609106" s="10"/>
    </row>
    <row r="609107" spans="14:14">
      <c r="N609107" s="10"/>
    </row>
    <row r="609108" spans="14:14">
      <c r="N609108" s="10"/>
    </row>
    <row r="609109" spans="14:14">
      <c r="N609109" s="10"/>
    </row>
    <row r="609110" spans="14:14">
      <c r="N609110" s="10"/>
    </row>
    <row r="609111" spans="14:14">
      <c r="N609111" s="10"/>
    </row>
    <row r="609112" spans="14:14">
      <c r="N609112" s="10"/>
    </row>
    <row r="609113" spans="14:14">
      <c r="N609113" s="10"/>
    </row>
    <row r="609114" spans="14:14">
      <c r="N609114" s="10"/>
    </row>
    <row r="609115" spans="14:14">
      <c r="N609115" s="10"/>
    </row>
    <row r="609116" spans="14:14">
      <c r="N609116" s="10"/>
    </row>
    <row r="609117" spans="14:14">
      <c r="N609117" s="10"/>
    </row>
    <row r="609118" spans="14:14">
      <c r="N609118" s="10"/>
    </row>
    <row r="609119" spans="14:14">
      <c r="N609119" s="10"/>
    </row>
    <row r="609120" spans="14:14">
      <c r="N609120" s="10"/>
    </row>
    <row r="609121" spans="14:14">
      <c r="N609121" s="10"/>
    </row>
    <row r="609122" spans="14:14">
      <c r="N609122" s="10"/>
    </row>
    <row r="609123" spans="14:14">
      <c r="N609123" s="10"/>
    </row>
    <row r="609124" spans="14:14">
      <c r="N609124" s="10"/>
    </row>
    <row r="609125" spans="14:14">
      <c r="N609125" s="10"/>
    </row>
    <row r="609126" spans="14:14">
      <c r="N609126" s="10"/>
    </row>
    <row r="609127" spans="14:14">
      <c r="N609127" s="10"/>
    </row>
    <row r="609128" spans="14:14">
      <c r="N609128" s="10"/>
    </row>
    <row r="609129" spans="14:14">
      <c r="N609129" s="10"/>
    </row>
    <row r="609130" spans="14:14">
      <c r="N609130" s="10"/>
    </row>
    <row r="609131" spans="14:14">
      <c r="N609131" s="10"/>
    </row>
    <row r="609132" spans="14:14">
      <c r="N609132" s="10"/>
    </row>
    <row r="609133" spans="14:14">
      <c r="N609133" s="10"/>
    </row>
    <row r="609134" spans="14:14">
      <c r="N609134" s="10"/>
    </row>
    <row r="609135" spans="14:14">
      <c r="N609135" s="10"/>
    </row>
    <row r="609136" spans="14:14">
      <c r="N609136" s="10"/>
    </row>
    <row r="609137" spans="14:14">
      <c r="N609137" s="10"/>
    </row>
    <row r="609138" spans="14:14">
      <c r="N609138" s="10"/>
    </row>
    <row r="609139" spans="14:14">
      <c r="N609139" s="10"/>
    </row>
    <row r="609140" spans="14:14">
      <c r="N609140" s="10"/>
    </row>
    <row r="609141" spans="14:14">
      <c r="N609141" s="10"/>
    </row>
    <row r="609142" spans="14:14">
      <c r="N609142" s="10"/>
    </row>
    <row r="609143" spans="14:14">
      <c r="N609143" s="10"/>
    </row>
    <row r="609144" spans="14:14">
      <c r="N609144" s="10"/>
    </row>
    <row r="609145" spans="14:14">
      <c r="N609145" s="10"/>
    </row>
    <row r="609146" spans="14:14">
      <c r="N609146" s="10"/>
    </row>
    <row r="609147" spans="14:14">
      <c r="N609147" s="10"/>
    </row>
    <row r="609148" spans="14:14">
      <c r="N609148" s="10"/>
    </row>
    <row r="609149" spans="14:14">
      <c r="N609149" s="10"/>
    </row>
    <row r="609150" spans="14:14">
      <c r="N609150" s="10"/>
    </row>
    <row r="609151" spans="14:14">
      <c r="N609151" s="10"/>
    </row>
    <row r="609152" spans="14:14">
      <c r="N609152" s="10"/>
    </row>
    <row r="609153" spans="14:14">
      <c r="N609153" s="10"/>
    </row>
    <row r="609154" spans="14:14">
      <c r="N609154" s="10"/>
    </row>
    <row r="609155" spans="14:14">
      <c r="N609155" s="10"/>
    </row>
    <row r="609156" spans="14:14">
      <c r="N609156" s="10"/>
    </row>
    <row r="609157" spans="14:14">
      <c r="N609157" s="10"/>
    </row>
    <row r="609158" spans="14:14">
      <c r="N609158" s="10"/>
    </row>
    <row r="609159" spans="14:14">
      <c r="N609159" s="10"/>
    </row>
    <row r="609160" spans="14:14">
      <c r="N609160" s="10"/>
    </row>
    <row r="609161" spans="14:14">
      <c r="N609161" s="10"/>
    </row>
    <row r="609162" spans="14:14">
      <c r="N609162" s="10"/>
    </row>
    <row r="609163" spans="14:14">
      <c r="N609163" s="10"/>
    </row>
    <row r="609164" spans="14:14">
      <c r="N609164" s="10"/>
    </row>
    <row r="609165" spans="14:14">
      <c r="N609165" s="10"/>
    </row>
    <row r="609166" spans="14:14">
      <c r="N609166" s="10"/>
    </row>
    <row r="609167" spans="14:14">
      <c r="N609167" s="10"/>
    </row>
    <row r="609168" spans="14:14">
      <c r="N609168" s="10"/>
    </row>
    <row r="609169" spans="14:14">
      <c r="N609169" s="10"/>
    </row>
    <row r="609170" spans="14:14">
      <c r="N609170" s="10"/>
    </row>
    <row r="609171" spans="14:14">
      <c r="N609171" s="10"/>
    </row>
    <row r="609172" spans="14:14">
      <c r="N609172" s="10"/>
    </row>
    <row r="609173" spans="14:14">
      <c r="N609173" s="10"/>
    </row>
    <row r="609174" spans="14:14">
      <c r="N609174" s="10"/>
    </row>
    <row r="609175" spans="14:14">
      <c r="N609175" s="10"/>
    </row>
    <row r="609176" spans="14:14">
      <c r="N609176" s="10"/>
    </row>
    <row r="609177" spans="14:14">
      <c r="N609177" s="10"/>
    </row>
    <row r="609178" spans="14:14">
      <c r="N609178" s="10"/>
    </row>
    <row r="609179" spans="14:14">
      <c r="N609179" s="10"/>
    </row>
    <row r="609180" spans="14:14">
      <c r="N609180" s="10"/>
    </row>
    <row r="609181" spans="14:14">
      <c r="N609181" s="10"/>
    </row>
    <row r="609182" spans="14:14">
      <c r="N609182" s="10"/>
    </row>
    <row r="609183" spans="14:14">
      <c r="N609183" s="10"/>
    </row>
    <row r="609184" spans="14:14">
      <c r="N609184" s="10"/>
    </row>
    <row r="609185" spans="14:14">
      <c r="N609185" s="10"/>
    </row>
    <row r="609186" spans="14:14">
      <c r="N609186" s="10"/>
    </row>
    <row r="609187" spans="14:14">
      <c r="N609187" s="10"/>
    </row>
    <row r="609188" spans="14:14">
      <c r="N609188" s="10"/>
    </row>
    <row r="609189" spans="14:14">
      <c r="N609189" s="10"/>
    </row>
    <row r="609190" spans="14:14">
      <c r="N609190" s="10"/>
    </row>
    <row r="609191" spans="14:14">
      <c r="N609191" s="10"/>
    </row>
    <row r="609192" spans="14:14">
      <c r="N609192" s="10"/>
    </row>
    <row r="609193" spans="14:14">
      <c r="N609193" s="10"/>
    </row>
    <row r="609194" spans="14:14">
      <c r="N609194" s="10"/>
    </row>
    <row r="609195" spans="14:14">
      <c r="N609195" s="10"/>
    </row>
    <row r="609196" spans="14:14">
      <c r="N609196" s="10"/>
    </row>
    <row r="609197" spans="14:14">
      <c r="N609197" s="10"/>
    </row>
    <row r="609198" spans="14:14">
      <c r="N609198" s="10"/>
    </row>
    <row r="609199" spans="14:14">
      <c r="N609199" s="10"/>
    </row>
    <row r="609200" spans="14:14">
      <c r="N609200" s="10"/>
    </row>
    <row r="609201" spans="14:14">
      <c r="N609201" s="10"/>
    </row>
    <row r="609202" spans="14:14">
      <c r="N609202" s="10"/>
    </row>
    <row r="609203" spans="14:14">
      <c r="N609203" s="10"/>
    </row>
    <row r="609204" spans="14:14">
      <c r="N609204" s="10"/>
    </row>
    <row r="609205" spans="14:14">
      <c r="N609205" s="10"/>
    </row>
    <row r="609206" spans="14:14">
      <c r="N609206" s="10"/>
    </row>
    <row r="609207" spans="14:14">
      <c r="N609207" s="10"/>
    </row>
    <row r="609208" spans="14:14">
      <c r="N609208" s="10"/>
    </row>
    <row r="609209" spans="14:14">
      <c r="N609209" s="10"/>
    </row>
    <row r="609210" spans="14:14">
      <c r="N609210" s="10"/>
    </row>
    <row r="609211" spans="14:14">
      <c r="N609211" s="10"/>
    </row>
    <row r="609212" spans="14:14">
      <c r="N609212" s="10"/>
    </row>
    <row r="609213" spans="14:14">
      <c r="N609213" s="10"/>
    </row>
    <row r="609214" spans="14:14">
      <c r="N609214" s="10"/>
    </row>
    <row r="609215" spans="14:14">
      <c r="N609215" s="10"/>
    </row>
    <row r="609216" spans="14:14">
      <c r="N609216" s="10"/>
    </row>
    <row r="609217" spans="14:14">
      <c r="N609217" s="10"/>
    </row>
    <row r="609218" spans="14:14">
      <c r="N609218" s="10"/>
    </row>
    <row r="609219" spans="14:14">
      <c r="N609219" s="10"/>
    </row>
    <row r="609220" spans="14:14">
      <c r="N609220" s="10"/>
    </row>
    <row r="609221" spans="14:14">
      <c r="N609221" s="10"/>
    </row>
    <row r="609222" spans="14:14">
      <c r="N609222" s="10"/>
    </row>
    <row r="609223" spans="14:14">
      <c r="N609223" s="10"/>
    </row>
    <row r="609224" spans="14:14">
      <c r="N609224" s="10"/>
    </row>
    <row r="609225" spans="14:14">
      <c r="N609225" s="10"/>
    </row>
    <row r="609226" spans="14:14">
      <c r="N609226" s="10"/>
    </row>
    <row r="609227" spans="14:14">
      <c r="N609227" s="10"/>
    </row>
    <row r="609228" spans="14:14">
      <c r="N609228" s="10"/>
    </row>
    <row r="609229" spans="14:14">
      <c r="N609229" s="10"/>
    </row>
    <row r="609230" spans="14:14">
      <c r="N609230" s="10"/>
    </row>
    <row r="609231" spans="14:14">
      <c r="N609231" s="10"/>
    </row>
    <row r="609232" spans="14:14">
      <c r="N609232" s="10"/>
    </row>
    <row r="609233" spans="14:14">
      <c r="N609233" s="10"/>
    </row>
    <row r="609234" spans="14:14">
      <c r="N609234" s="10"/>
    </row>
    <row r="609235" spans="14:14">
      <c r="N609235" s="10"/>
    </row>
    <row r="609236" spans="14:14">
      <c r="N609236" s="10"/>
    </row>
    <row r="609237" spans="14:14">
      <c r="N609237" s="10"/>
    </row>
    <row r="609238" spans="14:14">
      <c r="N609238" s="10"/>
    </row>
    <row r="609239" spans="14:14">
      <c r="N609239" s="10"/>
    </row>
    <row r="609240" spans="14:14">
      <c r="N609240" s="10"/>
    </row>
    <row r="609241" spans="14:14">
      <c r="N609241" s="10"/>
    </row>
    <row r="609242" spans="14:14">
      <c r="N609242" s="10"/>
    </row>
    <row r="609243" spans="14:14">
      <c r="N609243" s="10"/>
    </row>
    <row r="609244" spans="14:14">
      <c r="N609244" s="10"/>
    </row>
    <row r="609245" spans="14:14">
      <c r="N609245" s="10"/>
    </row>
    <row r="609246" spans="14:14">
      <c r="N609246" s="10"/>
    </row>
    <row r="609247" spans="14:14">
      <c r="N609247" s="10"/>
    </row>
    <row r="609248" spans="14:14">
      <c r="N609248" s="10"/>
    </row>
    <row r="609249" spans="14:14">
      <c r="N609249" s="10"/>
    </row>
    <row r="609250" spans="14:14">
      <c r="N609250" s="10"/>
    </row>
    <row r="609251" spans="14:14">
      <c r="N609251" s="10"/>
    </row>
    <row r="609252" spans="14:14">
      <c r="N609252" s="10"/>
    </row>
    <row r="609253" spans="14:14">
      <c r="N609253" s="10"/>
    </row>
    <row r="609254" spans="14:14">
      <c r="N609254" s="10"/>
    </row>
    <row r="609255" spans="14:14">
      <c r="N609255" s="10"/>
    </row>
    <row r="609256" spans="14:14">
      <c r="N609256" s="10"/>
    </row>
    <row r="609257" spans="14:14">
      <c r="N609257" s="10"/>
    </row>
    <row r="609258" spans="14:14">
      <c r="N609258" s="10"/>
    </row>
    <row r="609259" spans="14:14">
      <c r="N609259" s="10"/>
    </row>
    <row r="609260" spans="14:14">
      <c r="N609260" s="10"/>
    </row>
    <row r="609261" spans="14:14">
      <c r="N609261" s="10"/>
    </row>
    <row r="609262" spans="14:14">
      <c r="N609262" s="10"/>
    </row>
    <row r="609263" spans="14:14">
      <c r="N609263" s="10"/>
    </row>
    <row r="609264" spans="14:14">
      <c r="N609264" s="10"/>
    </row>
    <row r="609265" spans="14:14">
      <c r="N609265" s="10"/>
    </row>
    <row r="609266" spans="14:14">
      <c r="N609266" s="10"/>
    </row>
    <row r="609267" spans="14:14">
      <c r="N609267" s="10"/>
    </row>
    <row r="609268" spans="14:14">
      <c r="N609268" s="10"/>
    </row>
    <row r="609269" spans="14:14">
      <c r="N609269" s="10"/>
    </row>
    <row r="609270" spans="14:14">
      <c r="N609270" s="10"/>
    </row>
    <row r="609271" spans="14:14">
      <c r="N609271" s="10"/>
    </row>
    <row r="609272" spans="14:14">
      <c r="N609272" s="10"/>
    </row>
    <row r="609273" spans="14:14">
      <c r="N609273" s="10"/>
    </row>
    <row r="609274" spans="14:14">
      <c r="N609274" s="10"/>
    </row>
    <row r="609275" spans="14:14">
      <c r="N609275" s="10"/>
    </row>
    <row r="609276" spans="14:14">
      <c r="N609276" s="10"/>
    </row>
    <row r="609277" spans="14:14">
      <c r="N609277" s="10"/>
    </row>
    <row r="609278" spans="14:14">
      <c r="N609278" s="10"/>
    </row>
    <row r="609279" spans="14:14">
      <c r="N609279" s="10"/>
    </row>
    <row r="609280" spans="14:14">
      <c r="N609280" s="10"/>
    </row>
    <row r="609281" spans="14:14">
      <c r="N609281" s="10"/>
    </row>
    <row r="609282" spans="14:14">
      <c r="N609282" s="10"/>
    </row>
    <row r="609283" spans="14:14">
      <c r="N609283" s="10"/>
    </row>
    <row r="609284" spans="14:14">
      <c r="N609284" s="10"/>
    </row>
    <row r="609285" spans="14:14">
      <c r="N609285" s="10"/>
    </row>
    <row r="609286" spans="14:14">
      <c r="N609286" s="10"/>
    </row>
    <row r="609287" spans="14:14">
      <c r="N609287" s="10"/>
    </row>
    <row r="609288" spans="14:14">
      <c r="N609288" s="10"/>
    </row>
    <row r="609289" spans="14:14">
      <c r="N609289" s="10"/>
    </row>
    <row r="609290" spans="14:14">
      <c r="N609290" s="10"/>
    </row>
    <row r="609291" spans="14:14">
      <c r="N609291" s="10"/>
    </row>
    <row r="609292" spans="14:14">
      <c r="N609292" s="10"/>
    </row>
    <row r="609293" spans="14:14">
      <c r="N609293" s="10"/>
    </row>
    <row r="609294" spans="14:14">
      <c r="N609294" s="10"/>
    </row>
    <row r="609295" spans="14:14">
      <c r="N609295" s="10"/>
    </row>
    <row r="609296" spans="14:14">
      <c r="N609296" s="10"/>
    </row>
    <row r="609297" spans="14:14">
      <c r="N609297" s="10"/>
    </row>
    <row r="609298" spans="14:14">
      <c r="N609298" s="10"/>
    </row>
    <row r="609299" spans="14:14">
      <c r="N609299" s="10"/>
    </row>
    <row r="609300" spans="14:14">
      <c r="N609300" s="10"/>
    </row>
    <row r="609301" spans="14:14">
      <c r="N609301" s="10"/>
    </row>
    <row r="609302" spans="14:14">
      <c r="N609302" s="10"/>
    </row>
    <row r="609303" spans="14:14">
      <c r="N609303" s="10"/>
    </row>
    <row r="609304" spans="14:14">
      <c r="N609304" s="10"/>
    </row>
    <row r="609305" spans="14:14">
      <c r="N609305" s="10"/>
    </row>
    <row r="609306" spans="14:14">
      <c r="N609306" s="10"/>
    </row>
    <row r="609307" spans="14:14">
      <c r="N609307" s="10"/>
    </row>
    <row r="609308" spans="14:14">
      <c r="N609308" s="10"/>
    </row>
    <row r="609309" spans="14:14">
      <c r="N609309" s="10"/>
    </row>
    <row r="609310" spans="14:14">
      <c r="N609310" s="10"/>
    </row>
    <row r="609311" spans="14:14">
      <c r="N609311" s="10"/>
    </row>
    <row r="609312" spans="14:14">
      <c r="N609312" s="10"/>
    </row>
    <row r="609313" spans="14:14">
      <c r="N609313" s="10"/>
    </row>
    <row r="609314" spans="14:14">
      <c r="N609314" s="10"/>
    </row>
    <row r="609315" spans="14:14">
      <c r="N609315" s="10"/>
    </row>
    <row r="609316" spans="14:14">
      <c r="N609316" s="10"/>
    </row>
    <row r="609317" spans="14:14">
      <c r="N609317" s="10"/>
    </row>
    <row r="609318" spans="14:14">
      <c r="N609318" s="10"/>
    </row>
    <row r="609319" spans="14:14">
      <c r="N609319" s="10"/>
    </row>
    <row r="609320" spans="14:14">
      <c r="N609320" s="10"/>
    </row>
    <row r="609321" spans="14:14">
      <c r="N609321" s="10"/>
    </row>
    <row r="609322" spans="14:14">
      <c r="N609322" s="10"/>
    </row>
    <row r="609323" spans="14:14">
      <c r="N609323" s="10"/>
    </row>
    <row r="609324" spans="14:14">
      <c r="N609324" s="10"/>
    </row>
    <row r="609325" spans="14:14">
      <c r="N609325" s="10"/>
    </row>
    <row r="609326" spans="14:14">
      <c r="N609326" s="10"/>
    </row>
    <row r="609327" spans="14:14">
      <c r="N609327" s="10"/>
    </row>
    <row r="609328" spans="14:14">
      <c r="N609328" s="10"/>
    </row>
    <row r="609329" spans="14:14">
      <c r="N609329" s="10"/>
    </row>
    <row r="609330" spans="14:14">
      <c r="N609330" s="10"/>
    </row>
    <row r="609331" spans="14:14">
      <c r="N609331" s="10"/>
    </row>
    <row r="609332" spans="14:14">
      <c r="N609332" s="10"/>
    </row>
    <row r="609333" spans="14:14">
      <c r="N609333" s="10"/>
    </row>
    <row r="609334" spans="14:14">
      <c r="N609334" s="10"/>
    </row>
    <row r="609335" spans="14:14">
      <c r="N609335" s="10"/>
    </row>
    <row r="609336" spans="14:14">
      <c r="N609336" s="10"/>
    </row>
    <row r="609337" spans="14:14">
      <c r="N609337" s="10"/>
    </row>
    <row r="609338" spans="14:14">
      <c r="N609338" s="10"/>
    </row>
    <row r="609339" spans="14:14">
      <c r="N609339" s="10"/>
    </row>
    <row r="609340" spans="14:14">
      <c r="N609340" s="10"/>
    </row>
    <row r="609341" spans="14:14">
      <c r="N609341" s="10"/>
    </row>
    <row r="609342" spans="14:14">
      <c r="N609342" s="10"/>
    </row>
    <row r="609343" spans="14:14">
      <c r="N609343" s="10"/>
    </row>
    <row r="609344" spans="14:14">
      <c r="N609344" s="10"/>
    </row>
    <row r="609345" spans="14:14">
      <c r="N609345" s="10"/>
    </row>
    <row r="609346" spans="14:14">
      <c r="N609346" s="10"/>
    </row>
    <row r="609347" spans="14:14">
      <c r="N609347" s="10"/>
    </row>
    <row r="609348" spans="14:14">
      <c r="N609348" s="10"/>
    </row>
    <row r="609349" spans="14:14">
      <c r="N609349" s="10"/>
    </row>
    <row r="609350" spans="14:14">
      <c r="N609350" s="10"/>
    </row>
    <row r="609351" spans="14:14">
      <c r="N609351" s="10"/>
    </row>
    <row r="609352" spans="14:14">
      <c r="N609352" s="10"/>
    </row>
    <row r="609353" spans="14:14">
      <c r="N609353" s="10"/>
    </row>
    <row r="609354" spans="14:14">
      <c r="N609354" s="10"/>
    </row>
    <row r="609355" spans="14:14">
      <c r="N609355" s="10"/>
    </row>
    <row r="609356" spans="14:14">
      <c r="N609356" s="10"/>
    </row>
    <row r="609357" spans="14:14">
      <c r="N609357" s="10"/>
    </row>
    <row r="609358" spans="14:14">
      <c r="N609358" s="10"/>
    </row>
    <row r="609359" spans="14:14">
      <c r="N609359" s="10"/>
    </row>
    <row r="609360" spans="14:14">
      <c r="N609360" s="10"/>
    </row>
    <row r="609361" spans="14:14">
      <c r="N609361" s="10"/>
    </row>
    <row r="609362" spans="14:14">
      <c r="N609362" s="10"/>
    </row>
    <row r="609363" spans="14:14">
      <c r="N609363" s="10"/>
    </row>
    <row r="609364" spans="14:14">
      <c r="N609364" s="10"/>
    </row>
    <row r="609365" spans="14:14">
      <c r="N609365" s="10"/>
    </row>
    <row r="609366" spans="14:14">
      <c r="N609366" s="10"/>
    </row>
    <row r="609367" spans="14:14">
      <c r="N609367" s="10"/>
    </row>
    <row r="609368" spans="14:14">
      <c r="N609368" s="10"/>
    </row>
    <row r="609369" spans="14:14">
      <c r="N609369" s="10"/>
    </row>
    <row r="609370" spans="14:14">
      <c r="N609370" s="10"/>
    </row>
    <row r="609371" spans="14:14">
      <c r="N609371" s="10"/>
    </row>
    <row r="609372" spans="14:14">
      <c r="N609372" s="10"/>
    </row>
    <row r="609373" spans="14:14">
      <c r="N609373" s="10"/>
    </row>
    <row r="609374" spans="14:14">
      <c r="N609374" s="10"/>
    </row>
    <row r="609375" spans="14:14">
      <c r="N609375" s="10"/>
    </row>
    <row r="609376" spans="14:14">
      <c r="N609376" s="10"/>
    </row>
    <row r="609377" spans="14:14">
      <c r="N609377" s="10"/>
    </row>
    <row r="609378" spans="14:14">
      <c r="N609378" s="10"/>
    </row>
    <row r="609379" spans="14:14">
      <c r="N609379" s="10"/>
    </row>
    <row r="609380" spans="14:14">
      <c r="N609380" s="10"/>
    </row>
    <row r="609381" spans="14:14">
      <c r="N609381" s="10"/>
    </row>
    <row r="609382" spans="14:14">
      <c r="N609382" s="10"/>
    </row>
    <row r="609383" spans="14:14">
      <c r="N609383" s="10"/>
    </row>
    <row r="609384" spans="14:14">
      <c r="N609384" s="10"/>
    </row>
    <row r="609385" spans="14:14">
      <c r="N609385" s="10"/>
    </row>
    <row r="609386" spans="14:14">
      <c r="N609386" s="10"/>
    </row>
    <row r="609387" spans="14:14">
      <c r="N609387" s="10"/>
    </row>
    <row r="609388" spans="14:14">
      <c r="N609388" s="10"/>
    </row>
    <row r="609389" spans="14:14">
      <c r="N609389" s="10"/>
    </row>
    <row r="609390" spans="14:14">
      <c r="N609390" s="10"/>
    </row>
    <row r="609391" spans="14:14">
      <c r="N609391" s="10"/>
    </row>
    <row r="609392" spans="14:14">
      <c r="N609392" s="10"/>
    </row>
    <row r="609393" spans="14:14">
      <c r="N609393" s="10"/>
    </row>
    <row r="609394" spans="14:14">
      <c r="N609394" s="10"/>
    </row>
    <row r="609395" spans="14:14">
      <c r="N609395" s="10"/>
    </row>
    <row r="609396" spans="14:14">
      <c r="N609396" s="10"/>
    </row>
    <row r="609397" spans="14:14">
      <c r="N609397" s="10"/>
    </row>
    <row r="609398" spans="14:14">
      <c r="N609398" s="10"/>
    </row>
    <row r="609399" spans="14:14">
      <c r="N609399" s="10"/>
    </row>
    <row r="609400" spans="14:14">
      <c r="N609400" s="10"/>
    </row>
    <row r="609401" spans="14:14">
      <c r="N609401" s="10"/>
    </row>
    <row r="609402" spans="14:14">
      <c r="N609402" s="10"/>
    </row>
    <row r="609403" spans="14:14">
      <c r="N609403" s="10"/>
    </row>
    <row r="609404" spans="14:14">
      <c r="N609404" s="10"/>
    </row>
    <row r="609405" spans="14:14">
      <c r="N609405" s="10"/>
    </row>
    <row r="609406" spans="14:14">
      <c r="N609406" s="10"/>
    </row>
    <row r="609407" spans="14:14">
      <c r="N609407" s="10"/>
    </row>
    <row r="609408" spans="14:14">
      <c r="N609408" s="10"/>
    </row>
    <row r="609409" spans="14:14">
      <c r="N609409" s="10"/>
    </row>
    <row r="609410" spans="14:14">
      <c r="N609410" s="10"/>
    </row>
    <row r="609411" spans="14:14">
      <c r="N609411" s="10"/>
    </row>
    <row r="609412" spans="14:14">
      <c r="N609412" s="10"/>
    </row>
    <row r="609413" spans="14:14">
      <c r="N609413" s="10"/>
    </row>
    <row r="609414" spans="14:14">
      <c r="N609414" s="10"/>
    </row>
    <row r="609415" spans="14:14">
      <c r="N609415" s="10"/>
    </row>
    <row r="609416" spans="14:14">
      <c r="N609416" s="10"/>
    </row>
    <row r="609417" spans="14:14">
      <c r="N609417" s="10"/>
    </row>
    <row r="609418" spans="14:14">
      <c r="N609418" s="10"/>
    </row>
    <row r="609419" spans="14:14">
      <c r="N609419" s="10"/>
    </row>
    <row r="609420" spans="14:14">
      <c r="N609420" s="10"/>
    </row>
    <row r="609421" spans="14:14">
      <c r="N609421" s="10"/>
    </row>
    <row r="609422" spans="14:14">
      <c r="N609422" s="10"/>
    </row>
    <row r="609423" spans="14:14">
      <c r="N609423" s="10"/>
    </row>
    <row r="609424" spans="14:14">
      <c r="N609424" s="10"/>
    </row>
    <row r="609425" spans="14:14">
      <c r="N609425" s="10"/>
    </row>
    <row r="609426" spans="14:14">
      <c r="N609426" s="10"/>
    </row>
    <row r="609427" spans="14:14">
      <c r="N609427" s="10"/>
    </row>
    <row r="609428" spans="14:14">
      <c r="N609428" s="10"/>
    </row>
    <row r="609429" spans="14:14">
      <c r="N609429" s="10"/>
    </row>
    <row r="609430" spans="14:14">
      <c r="N609430" s="10"/>
    </row>
    <row r="609431" spans="14:14">
      <c r="N609431" s="10"/>
    </row>
    <row r="609432" spans="14:14">
      <c r="N609432" s="10"/>
    </row>
    <row r="609433" spans="14:14">
      <c r="N609433" s="10"/>
    </row>
    <row r="609434" spans="14:14">
      <c r="N609434" s="10"/>
    </row>
    <row r="609435" spans="14:14">
      <c r="N609435" s="10"/>
    </row>
    <row r="609436" spans="14:14">
      <c r="N609436" s="10"/>
    </row>
    <row r="609437" spans="14:14">
      <c r="N609437" s="10"/>
    </row>
    <row r="609438" spans="14:14">
      <c r="N609438" s="10"/>
    </row>
    <row r="609439" spans="14:14">
      <c r="N609439" s="10"/>
    </row>
    <row r="609440" spans="14:14">
      <c r="N609440" s="10"/>
    </row>
    <row r="609441" spans="14:14">
      <c r="N609441" s="10"/>
    </row>
    <row r="609442" spans="14:14">
      <c r="N609442" s="10"/>
    </row>
    <row r="609443" spans="14:14">
      <c r="N609443" s="10"/>
    </row>
    <row r="609444" spans="14:14">
      <c r="N609444" s="10"/>
    </row>
    <row r="609445" spans="14:14">
      <c r="N609445" s="10"/>
    </row>
    <row r="609446" spans="14:14">
      <c r="N609446" s="10"/>
    </row>
    <row r="609447" spans="14:14">
      <c r="N609447" s="10"/>
    </row>
    <row r="609448" spans="14:14">
      <c r="N609448" s="10"/>
    </row>
    <row r="609449" spans="14:14">
      <c r="N609449" s="10"/>
    </row>
    <row r="609450" spans="14:14">
      <c r="N609450" s="10"/>
    </row>
    <row r="609451" spans="14:14">
      <c r="N609451" s="10"/>
    </row>
    <row r="609452" spans="14:14">
      <c r="N609452" s="10"/>
    </row>
    <row r="609453" spans="14:14">
      <c r="N609453" s="10"/>
    </row>
    <row r="609454" spans="14:14">
      <c r="N609454" s="10"/>
    </row>
    <row r="609455" spans="14:14">
      <c r="N609455" s="10"/>
    </row>
    <row r="609456" spans="14:14">
      <c r="N609456" s="10"/>
    </row>
    <row r="609457" spans="14:14">
      <c r="N609457" s="10"/>
    </row>
    <row r="609458" spans="14:14">
      <c r="N609458" s="10"/>
    </row>
    <row r="609459" spans="14:14">
      <c r="N609459" s="10"/>
    </row>
    <row r="609460" spans="14:14">
      <c r="N609460" s="10"/>
    </row>
    <row r="609461" spans="14:14">
      <c r="N609461" s="10"/>
    </row>
    <row r="609462" spans="14:14">
      <c r="N609462" s="10"/>
    </row>
    <row r="609463" spans="14:14">
      <c r="N609463" s="10"/>
    </row>
    <row r="609464" spans="14:14">
      <c r="N609464" s="10"/>
    </row>
    <row r="609465" spans="14:14">
      <c r="N609465" s="10"/>
    </row>
    <row r="609466" spans="14:14">
      <c r="N609466" s="10"/>
    </row>
    <row r="609467" spans="14:14">
      <c r="N609467" s="10"/>
    </row>
    <row r="609468" spans="14:14">
      <c r="N609468" s="10"/>
    </row>
    <row r="609469" spans="14:14">
      <c r="N609469" s="10"/>
    </row>
    <row r="609470" spans="14:14">
      <c r="N609470" s="10"/>
    </row>
    <row r="609471" spans="14:14">
      <c r="N609471" s="10"/>
    </row>
    <row r="609472" spans="14:14">
      <c r="N609472" s="10"/>
    </row>
    <row r="609473" spans="14:14">
      <c r="N609473" s="10"/>
    </row>
    <row r="609474" spans="14:14">
      <c r="N609474" s="10"/>
    </row>
    <row r="609475" spans="14:14">
      <c r="N609475" s="10"/>
    </row>
    <row r="609476" spans="14:14">
      <c r="N609476" s="10"/>
    </row>
    <row r="609477" spans="14:14">
      <c r="N609477" s="10"/>
    </row>
    <row r="609478" spans="14:14">
      <c r="N609478" s="10"/>
    </row>
    <row r="609479" spans="14:14">
      <c r="N609479" s="10"/>
    </row>
    <row r="609480" spans="14:14">
      <c r="N609480" s="10"/>
    </row>
    <row r="609481" spans="14:14">
      <c r="N609481" s="10"/>
    </row>
    <row r="609482" spans="14:14">
      <c r="N609482" s="10"/>
    </row>
    <row r="609483" spans="14:14">
      <c r="N609483" s="10"/>
    </row>
    <row r="609484" spans="14:14">
      <c r="N609484" s="10"/>
    </row>
    <row r="609485" spans="14:14">
      <c r="N609485" s="10"/>
    </row>
    <row r="609486" spans="14:14">
      <c r="N609486" s="10"/>
    </row>
    <row r="609487" spans="14:14">
      <c r="N609487" s="10"/>
    </row>
    <row r="609488" spans="14:14">
      <c r="N609488" s="10"/>
    </row>
    <row r="609489" spans="14:14">
      <c r="N609489" s="10"/>
    </row>
    <row r="609490" spans="14:14">
      <c r="N609490" s="10"/>
    </row>
    <row r="609491" spans="14:14">
      <c r="N609491" s="10"/>
    </row>
    <row r="609492" spans="14:14">
      <c r="N609492" s="10"/>
    </row>
    <row r="609493" spans="14:14">
      <c r="N609493" s="10"/>
    </row>
    <row r="609494" spans="14:14">
      <c r="N609494" s="10"/>
    </row>
    <row r="609495" spans="14:14">
      <c r="N609495" s="10"/>
    </row>
    <row r="609496" spans="14:14">
      <c r="N609496" s="10"/>
    </row>
    <row r="609497" spans="14:14">
      <c r="N609497" s="10"/>
    </row>
    <row r="609498" spans="14:14">
      <c r="N609498" s="10"/>
    </row>
    <row r="609499" spans="14:14">
      <c r="N609499" s="10"/>
    </row>
    <row r="609500" spans="14:14">
      <c r="N609500" s="10"/>
    </row>
    <row r="609501" spans="14:14">
      <c r="N609501" s="10"/>
    </row>
    <row r="609502" spans="14:14">
      <c r="N609502" s="10"/>
    </row>
    <row r="609503" spans="14:14">
      <c r="N609503" s="10"/>
    </row>
    <row r="609504" spans="14:14">
      <c r="N609504" s="10"/>
    </row>
    <row r="609505" spans="14:14">
      <c r="N609505" s="10"/>
    </row>
    <row r="609506" spans="14:14">
      <c r="N609506" s="10"/>
    </row>
    <row r="609507" spans="14:14">
      <c r="N609507" s="10"/>
    </row>
    <row r="609508" spans="14:14">
      <c r="N609508" s="10"/>
    </row>
    <row r="609509" spans="14:14">
      <c r="N609509" s="10"/>
    </row>
    <row r="609510" spans="14:14">
      <c r="N609510" s="10"/>
    </row>
    <row r="609511" spans="14:14">
      <c r="N609511" s="10"/>
    </row>
    <row r="609512" spans="14:14">
      <c r="N609512" s="10"/>
    </row>
    <row r="609513" spans="14:14">
      <c r="N609513" s="10"/>
    </row>
    <row r="609514" spans="14:14">
      <c r="N609514" s="10"/>
    </row>
    <row r="609515" spans="14:14">
      <c r="N609515" s="10"/>
    </row>
    <row r="609516" spans="14:14">
      <c r="N609516" s="10"/>
    </row>
    <row r="609517" spans="14:14">
      <c r="N609517" s="10"/>
    </row>
    <row r="609518" spans="14:14">
      <c r="N609518" s="10"/>
    </row>
    <row r="609519" spans="14:14">
      <c r="N609519" s="10"/>
    </row>
    <row r="609520" spans="14:14">
      <c r="N609520" s="10"/>
    </row>
    <row r="609521" spans="14:14">
      <c r="N609521" s="10"/>
    </row>
    <row r="609522" spans="14:14">
      <c r="N609522" s="10"/>
    </row>
    <row r="609523" spans="14:14">
      <c r="N609523" s="10"/>
    </row>
    <row r="609524" spans="14:14">
      <c r="N609524" s="10"/>
    </row>
    <row r="609525" spans="14:14">
      <c r="N609525" s="10"/>
    </row>
    <row r="609526" spans="14:14">
      <c r="N609526" s="10"/>
    </row>
    <row r="609527" spans="14:14">
      <c r="N609527" s="10"/>
    </row>
    <row r="609528" spans="14:14">
      <c r="N609528" s="10"/>
    </row>
    <row r="609529" spans="14:14">
      <c r="N609529" s="10"/>
    </row>
    <row r="609530" spans="14:14">
      <c r="N609530" s="10"/>
    </row>
    <row r="609531" spans="14:14">
      <c r="N609531" s="10"/>
    </row>
    <row r="609532" spans="14:14">
      <c r="N609532" s="10"/>
    </row>
    <row r="609533" spans="14:14">
      <c r="N609533" s="10"/>
    </row>
    <row r="609534" spans="14:14">
      <c r="N609534" s="10"/>
    </row>
    <row r="609535" spans="14:14">
      <c r="N609535" s="10"/>
    </row>
    <row r="609536" spans="14:14">
      <c r="N609536" s="10"/>
    </row>
    <row r="609537" spans="14:14">
      <c r="N609537" s="10"/>
    </row>
    <row r="609538" spans="14:14">
      <c r="N609538" s="10"/>
    </row>
    <row r="609539" spans="14:14">
      <c r="N609539" s="10"/>
    </row>
    <row r="609540" spans="14:14">
      <c r="N609540" s="10"/>
    </row>
    <row r="609541" spans="14:14">
      <c r="N609541" s="10"/>
    </row>
    <row r="609542" spans="14:14">
      <c r="N609542" s="10"/>
    </row>
    <row r="609543" spans="14:14">
      <c r="N609543" s="10"/>
    </row>
    <row r="609544" spans="14:14">
      <c r="N609544" s="10"/>
    </row>
    <row r="609545" spans="14:14">
      <c r="N609545" s="10"/>
    </row>
    <row r="609546" spans="14:14">
      <c r="N609546" s="10"/>
    </row>
    <row r="609547" spans="14:14">
      <c r="N609547" s="10"/>
    </row>
    <row r="609548" spans="14:14">
      <c r="N609548" s="10"/>
    </row>
    <row r="609549" spans="14:14">
      <c r="N609549" s="10"/>
    </row>
    <row r="609550" spans="14:14">
      <c r="N609550" s="10"/>
    </row>
    <row r="609551" spans="14:14">
      <c r="N609551" s="10"/>
    </row>
    <row r="609552" spans="14:14">
      <c r="N609552" s="10"/>
    </row>
    <row r="609553" spans="14:14">
      <c r="N609553" s="10"/>
    </row>
    <row r="609554" spans="14:14">
      <c r="N609554" s="10"/>
    </row>
    <row r="609555" spans="14:14">
      <c r="N609555" s="10"/>
    </row>
    <row r="609556" spans="14:14">
      <c r="N609556" s="10"/>
    </row>
    <row r="609557" spans="14:14">
      <c r="N609557" s="10"/>
    </row>
    <row r="609558" spans="14:14">
      <c r="N609558" s="10"/>
    </row>
    <row r="609559" spans="14:14">
      <c r="N609559" s="10"/>
    </row>
    <row r="609560" spans="14:14">
      <c r="N609560" s="10"/>
    </row>
    <row r="609561" spans="14:14">
      <c r="N609561" s="10"/>
    </row>
    <row r="609562" spans="14:14">
      <c r="N609562" s="10"/>
    </row>
    <row r="609563" spans="14:14">
      <c r="N609563" s="10"/>
    </row>
    <row r="609564" spans="14:14">
      <c r="N609564" s="10"/>
    </row>
    <row r="609565" spans="14:14">
      <c r="N609565" s="10"/>
    </row>
    <row r="609566" spans="14:14">
      <c r="N609566" s="10"/>
    </row>
    <row r="609567" spans="14:14">
      <c r="N609567" s="10"/>
    </row>
    <row r="609568" spans="14:14">
      <c r="N609568" s="10"/>
    </row>
    <row r="609569" spans="14:14">
      <c r="N609569" s="10"/>
    </row>
    <row r="609570" spans="14:14">
      <c r="N609570" s="10"/>
    </row>
    <row r="609571" spans="14:14">
      <c r="N609571" s="10"/>
    </row>
    <row r="609572" spans="14:14">
      <c r="N609572" s="10"/>
    </row>
    <row r="609573" spans="14:14">
      <c r="N609573" s="10"/>
    </row>
    <row r="609574" spans="14:14">
      <c r="N609574" s="10"/>
    </row>
    <row r="609575" spans="14:14">
      <c r="N609575" s="10"/>
    </row>
    <row r="609576" spans="14:14">
      <c r="N609576" s="10"/>
    </row>
    <row r="609577" spans="14:14">
      <c r="N609577" s="10"/>
    </row>
    <row r="609578" spans="14:14">
      <c r="N609578" s="10"/>
    </row>
    <row r="609579" spans="14:14">
      <c r="N609579" s="10"/>
    </row>
    <row r="609580" spans="14:14">
      <c r="N609580" s="10"/>
    </row>
    <row r="609581" spans="14:14">
      <c r="N609581" s="10"/>
    </row>
    <row r="609582" spans="14:14">
      <c r="N609582" s="10"/>
    </row>
    <row r="609583" spans="14:14">
      <c r="N609583" s="10"/>
    </row>
    <row r="609584" spans="14:14">
      <c r="N609584" s="10"/>
    </row>
    <row r="609585" spans="14:14">
      <c r="N609585" s="10"/>
    </row>
    <row r="609586" spans="14:14">
      <c r="N609586" s="10"/>
    </row>
    <row r="609587" spans="14:14">
      <c r="N609587" s="10"/>
    </row>
    <row r="609588" spans="14:14">
      <c r="N609588" s="10"/>
    </row>
    <row r="609589" spans="14:14">
      <c r="N609589" s="10"/>
    </row>
    <row r="609590" spans="14:14">
      <c r="N609590" s="10"/>
    </row>
    <row r="609591" spans="14:14">
      <c r="N609591" s="10"/>
    </row>
    <row r="609592" spans="14:14">
      <c r="N609592" s="10"/>
    </row>
    <row r="609593" spans="14:14">
      <c r="N609593" s="10"/>
    </row>
    <row r="609594" spans="14:14">
      <c r="N609594" s="10"/>
    </row>
    <row r="609595" spans="14:14">
      <c r="N609595" s="10"/>
    </row>
    <row r="609596" spans="14:14">
      <c r="N609596" s="10"/>
    </row>
    <row r="609597" spans="14:14">
      <c r="N609597" s="10"/>
    </row>
    <row r="609598" spans="14:14">
      <c r="N609598" s="10"/>
    </row>
    <row r="609599" spans="14:14">
      <c r="N609599" s="10"/>
    </row>
    <row r="609600" spans="14:14">
      <c r="N609600" s="10"/>
    </row>
    <row r="609601" spans="14:14">
      <c r="N609601" s="10"/>
    </row>
    <row r="609602" spans="14:14">
      <c r="N609602" s="10"/>
    </row>
    <row r="609603" spans="14:14">
      <c r="N609603" s="10"/>
    </row>
    <row r="609604" spans="14:14">
      <c r="N609604" s="10"/>
    </row>
    <row r="609605" spans="14:14">
      <c r="N609605" s="10"/>
    </row>
    <row r="609606" spans="14:14">
      <c r="N609606" s="10"/>
    </row>
    <row r="609607" spans="14:14">
      <c r="N609607" s="10"/>
    </row>
    <row r="609608" spans="14:14">
      <c r="N609608" s="10"/>
    </row>
    <row r="609609" spans="14:14">
      <c r="N609609" s="10"/>
    </row>
    <row r="609610" spans="14:14">
      <c r="N609610" s="10"/>
    </row>
    <row r="609611" spans="14:14">
      <c r="N609611" s="10"/>
    </row>
    <row r="609612" spans="14:14">
      <c r="N609612" s="10"/>
    </row>
    <row r="609613" spans="14:14">
      <c r="N609613" s="10"/>
    </row>
    <row r="609614" spans="14:14">
      <c r="N609614" s="10"/>
    </row>
    <row r="609615" spans="14:14">
      <c r="N609615" s="10"/>
    </row>
    <row r="609616" spans="14:14">
      <c r="N609616" s="10"/>
    </row>
    <row r="609617" spans="14:14">
      <c r="N609617" s="10"/>
    </row>
    <row r="609618" spans="14:14">
      <c r="N609618" s="10"/>
    </row>
    <row r="609619" spans="14:14">
      <c r="N609619" s="10"/>
    </row>
    <row r="609620" spans="14:14">
      <c r="N609620" s="10"/>
    </row>
    <row r="609621" spans="14:14">
      <c r="N609621" s="10"/>
    </row>
    <row r="609622" spans="14:14">
      <c r="N609622" s="10"/>
    </row>
    <row r="609623" spans="14:14">
      <c r="N609623" s="10"/>
    </row>
    <row r="609624" spans="14:14">
      <c r="N609624" s="10"/>
    </row>
    <row r="609625" spans="14:14">
      <c r="N609625" s="10"/>
    </row>
    <row r="609626" spans="14:14">
      <c r="N609626" s="10"/>
    </row>
    <row r="609627" spans="14:14">
      <c r="N609627" s="10"/>
    </row>
    <row r="609628" spans="14:14">
      <c r="N609628" s="10"/>
    </row>
    <row r="609629" spans="14:14">
      <c r="N609629" s="10"/>
    </row>
    <row r="609630" spans="14:14">
      <c r="N609630" s="10"/>
    </row>
    <row r="609631" spans="14:14">
      <c r="N609631" s="10"/>
    </row>
    <row r="609632" spans="14:14">
      <c r="N609632" s="10"/>
    </row>
    <row r="609633" spans="14:14">
      <c r="N609633" s="10"/>
    </row>
    <row r="609634" spans="14:14">
      <c r="N609634" s="10"/>
    </row>
    <row r="609635" spans="14:14">
      <c r="N609635" s="10"/>
    </row>
    <row r="609636" spans="14:14">
      <c r="N609636" s="10"/>
    </row>
    <row r="609637" spans="14:14">
      <c r="N609637" s="10"/>
    </row>
    <row r="609638" spans="14:14">
      <c r="N609638" s="10"/>
    </row>
    <row r="609639" spans="14:14">
      <c r="N609639" s="10"/>
    </row>
    <row r="609640" spans="14:14">
      <c r="N609640" s="10"/>
    </row>
    <row r="609641" spans="14:14">
      <c r="N609641" s="10"/>
    </row>
    <row r="609642" spans="14:14">
      <c r="N609642" s="10"/>
    </row>
    <row r="609643" spans="14:14">
      <c r="N609643" s="10"/>
    </row>
    <row r="609644" spans="14:14">
      <c r="N609644" s="10"/>
    </row>
    <row r="609645" spans="14:14">
      <c r="N609645" s="10"/>
    </row>
    <row r="609646" spans="14:14">
      <c r="N609646" s="10"/>
    </row>
    <row r="609647" spans="14:14">
      <c r="N609647" s="10"/>
    </row>
    <row r="609648" spans="14:14">
      <c r="N609648" s="10"/>
    </row>
    <row r="609649" spans="14:14">
      <c r="N609649" s="10"/>
    </row>
    <row r="609650" spans="14:14">
      <c r="N609650" s="10"/>
    </row>
    <row r="609651" spans="14:14">
      <c r="N609651" s="10"/>
    </row>
    <row r="609652" spans="14:14">
      <c r="N609652" s="10"/>
    </row>
    <row r="609653" spans="14:14">
      <c r="N609653" s="10"/>
    </row>
    <row r="609654" spans="14:14">
      <c r="N609654" s="10"/>
    </row>
    <row r="609655" spans="14:14">
      <c r="N609655" s="10"/>
    </row>
    <row r="609656" spans="14:14">
      <c r="N609656" s="10"/>
    </row>
    <row r="609657" spans="14:14">
      <c r="N609657" s="10"/>
    </row>
    <row r="609658" spans="14:14">
      <c r="N609658" s="10"/>
    </row>
    <row r="609659" spans="14:14">
      <c r="N609659" s="10"/>
    </row>
    <row r="609660" spans="14:14">
      <c r="N609660" s="10"/>
    </row>
    <row r="609661" spans="14:14">
      <c r="N609661" s="10"/>
    </row>
    <row r="609662" spans="14:14">
      <c r="N609662" s="10"/>
    </row>
    <row r="609663" spans="14:14">
      <c r="N609663" s="10"/>
    </row>
    <row r="609664" spans="14:14">
      <c r="N609664" s="10"/>
    </row>
    <row r="609665" spans="14:14">
      <c r="N609665" s="10"/>
    </row>
    <row r="609666" spans="14:14">
      <c r="N609666" s="10"/>
    </row>
    <row r="609667" spans="14:14">
      <c r="N609667" s="10"/>
    </row>
    <row r="609668" spans="14:14">
      <c r="N609668" s="10"/>
    </row>
    <row r="609669" spans="14:14">
      <c r="N609669" s="10"/>
    </row>
    <row r="609670" spans="14:14">
      <c r="N609670" s="10"/>
    </row>
    <row r="609671" spans="14:14">
      <c r="N609671" s="10"/>
    </row>
    <row r="609672" spans="14:14">
      <c r="N609672" s="10"/>
    </row>
    <row r="609673" spans="14:14">
      <c r="N609673" s="10"/>
    </row>
    <row r="609674" spans="14:14">
      <c r="N609674" s="10"/>
    </row>
    <row r="609675" spans="14:14">
      <c r="N609675" s="10"/>
    </row>
    <row r="609676" spans="14:14">
      <c r="N609676" s="10"/>
    </row>
    <row r="609677" spans="14:14">
      <c r="N609677" s="10"/>
    </row>
    <row r="609678" spans="14:14">
      <c r="N609678" s="10"/>
    </row>
    <row r="609679" spans="14:14">
      <c r="N609679" s="10"/>
    </row>
    <row r="609680" spans="14:14">
      <c r="N609680" s="10"/>
    </row>
    <row r="609681" spans="14:14">
      <c r="N609681" s="10"/>
    </row>
    <row r="609682" spans="14:14">
      <c r="N609682" s="10"/>
    </row>
    <row r="609683" spans="14:14">
      <c r="N609683" s="10"/>
    </row>
    <row r="609684" spans="14:14">
      <c r="N609684" s="10"/>
    </row>
    <row r="609685" spans="14:14">
      <c r="N609685" s="10"/>
    </row>
    <row r="609686" spans="14:14">
      <c r="N609686" s="10"/>
    </row>
    <row r="609687" spans="14:14">
      <c r="N609687" s="10"/>
    </row>
    <row r="609688" spans="14:14">
      <c r="N609688" s="10"/>
    </row>
    <row r="609689" spans="14:14">
      <c r="N609689" s="10"/>
    </row>
    <row r="609690" spans="14:14">
      <c r="N609690" s="10"/>
    </row>
    <row r="609691" spans="14:14">
      <c r="N609691" s="10"/>
    </row>
    <row r="609692" spans="14:14">
      <c r="N609692" s="10"/>
    </row>
    <row r="609693" spans="14:14">
      <c r="N609693" s="10"/>
    </row>
    <row r="609694" spans="14:14">
      <c r="N609694" s="10"/>
    </row>
    <row r="609695" spans="14:14">
      <c r="N609695" s="10"/>
    </row>
    <row r="609696" spans="14:14">
      <c r="N609696" s="10"/>
    </row>
    <row r="609697" spans="14:14">
      <c r="N609697" s="10"/>
    </row>
    <row r="609698" spans="14:14">
      <c r="N609698" s="10"/>
    </row>
    <row r="609699" spans="14:14">
      <c r="N609699" s="10"/>
    </row>
    <row r="609700" spans="14:14">
      <c r="N609700" s="10"/>
    </row>
    <row r="609701" spans="14:14">
      <c r="N609701" s="10"/>
    </row>
    <row r="609702" spans="14:14">
      <c r="N609702" s="10"/>
    </row>
    <row r="609703" spans="14:14">
      <c r="N609703" s="10"/>
    </row>
    <row r="609704" spans="14:14">
      <c r="N609704" s="10"/>
    </row>
    <row r="609705" spans="14:14">
      <c r="N609705" s="10"/>
    </row>
    <row r="609706" spans="14:14">
      <c r="N609706" s="10"/>
    </row>
    <row r="609707" spans="14:14">
      <c r="N609707" s="10"/>
    </row>
    <row r="609708" spans="14:14">
      <c r="N609708" s="10"/>
    </row>
    <row r="609709" spans="14:14">
      <c r="N609709" s="10"/>
    </row>
    <row r="609710" spans="14:14">
      <c r="N609710" s="10"/>
    </row>
    <row r="609711" spans="14:14">
      <c r="N609711" s="10"/>
    </row>
    <row r="609712" spans="14:14">
      <c r="N609712" s="10"/>
    </row>
    <row r="609713" spans="14:14">
      <c r="N609713" s="10"/>
    </row>
    <row r="609714" spans="14:14">
      <c r="N609714" s="10"/>
    </row>
    <row r="609715" spans="14:14">
      <c r="N609715" s="10"/>
    </row>
    <row r="609716" spans="14:14">
      <c r="N609716" s="10"/>
    </row>
    <row r="609717" spans="14:14">
      <c r="N609717" s="10"/>
    </row>
    <row r="609718" spans="14:14">
      <c r="N609718" s="10"/>
    </row>
    <row r="609719" spans="14:14">
      <c r="N609719" s="10"/>
    </row>
    <row r="609720" spans="14:14">
      <c r="N609720" s="10"/>
    </row>
    <row r="609721" spans="14:14">
      <c r="N609721" s="10"/>
    </row>
    <row r="609722" spans="14:14">
      <c r="N609722" s="10"/>
    </row>
    <row r="609723" spans="14:14">
      <c r="N609723" s="10"/>
    </row>
    <row r="609724" spans="14:14">
      <c r="N609724" s="10"/>
    </row>
    <row r="609725" spans="14:14">
      <c r="N609725" s="10"/>
    </row>
    <row r="609726" spans="14:14">
      <c r="N609726" s="10"/>
    </row>
    <row r="609727" spans="14:14">
      <c r="N609727" s="10"/>
    </row>
    <row r="609728" spans="14:14">
      <c r="N609728" s="10"/>
    </row>
    <row r="609729" spans="14:14">
      <c r="N609729" s="10"/>
    </row>
    <row r="609730" spans="14:14">
      <c r="N609730" s="10"/>
    </row>
    <row r="609731" spans="14:14">
      <c r="N609731" s="10"/>
    </row>
    <row r="609732" spans="14:14">
      <c r="N609732" s="10"/>
    </row>
    <row r="609733" spans="14:14">
      <c r="N609733" s="10"/>
    </row>
    <row r="609734" spans="14:14">
      <c r="N609734" s="10"/>
    </row>
    <row r="609735" spans="14:14">
      <c r="N609735" s="10"/>
    </row>
    <row r="609736" spans="14:14">
      <c r="N609736" s="10"/>
    </row>
    <row r="609737" spans="14:14">
      <c r="N609737" s="10"/>
    </row>
    <row r="609738" spans="14:14">
      <c r="N609738" s="10"/>
    </row>
    <row r="609739" spans="14:14">
      <c r="N609739" s="10"/>
    </row>
    <row r="609740" spans="14:14">
      <c r="N609740" s="10"/>
    </row>
    <row r="609741" spans="14:14">
      <c r="N609741" s="10"/>
    </row>
    <row r="609742" spans="14:14">
      <c r="N609742" s="10"/>
    </row>
    <row r="609743" spans="14:14">
      <c r="N609743" s="10"/>
    </row>
    <row r="609744" spans="14:14">
      <c r="N609744" s="10"/>
    </row>
    <row r="609745" spans="14:14">
      <c r="N609745" s="10"/>
    </row>
    <row r="609746" spans="14:14">
      <c r="N609746" s="10"/>
    </row>
    <row r="609747" spans="14:14">
      <c r="N609747" s="10"/>
    </row>
    <row r="609748" spans="14:14">
      <c r="N609748" s="10"/>
    </row>
    <row r="609749" spans="14:14">
      <c r="N609749" s="10"/>
    </row>
    <row r="609750" spans="14:14">
      <c r="N609750" s="10"/>
    </row>
    <row r="609751" spans="14:14">
      <c r="N609751" s="10"/>
    </row>
    <row r="609752" spans="14:14">
      <c r="N609752" s="10"/>
    </row>
    <row r="609753" spans="14:14">
      <c r="N609753" s="10"/>
    </row>
    <row r="609754" spans="14:14">
      <c r="N609754" s="10"/>
    </row>
    <row r="609755" spans="14:14">
      <c r="N609755" s="10"/>
    </row>
    <row r="609756" spans="14:14">
      <c r="N609756" s="10"/>
    </row>
    <row r="609757" spans="14:14">
      <c r="N609757" s="10"/>
    </row>
    <row r="609758" spans="14:14">
      <c r="N609758" s="10"/>
    </row>
    <row r="609759" spans="14:14">
      <c r="N609759" s="10"/>
    </row>
    <row r="609760" spans="14:14">
      <c r="N609760" s="10"/>
    </row>
    <row r="609761" spans="14:14">
      <c r="N609761" s="10"/>
    </row>
    <row r="609762" spans="14:14">
      <c r="N609762" s="10"/>
    </row>
    <row r="609763" spans="14:14">
      <c r="N609763" s="10"/>
    </row>
    <row r="609764" spans="14:14">
      <c r="N609764" s="10"/>
    </row>
    <row r="609765" spans="14:14">
      <c r="N609765" s="10"/>
    </row>
    <row r="609766" spans="14:14">
      <c r="N609766" s="10"/>
    </row>
    <row r="609767" spans="14:14">
      <c r="N609767" s="10"/>
    </row>
    <row r="609768" spans="14:14">
      <c r="N609768" s="10"/>
    </row>
    <row r="609769" spans="14:14">
      <c r="N609769" s="10"/>
    </row>
    <row r="609770" spans="14:14">
      <c r="N609770" s="10"/>
    </row>
    <row r="609771" spans="14:14">
      <c r="N609771" s="10"/>
    </row>
    <row r="609772" spans="14:14">
      <c r="N609772" s="10"/>
    </row>
    <row r="609773" spans="14:14">
      <c r="N609773" s="10"/>
    </row>
    <row r="609774" spans="14:14">
      <c r="N609774" s="10"/>
    </row>
    <row r="609775" spans="14:14">
      <c r="N609775" s="10"/>
    </row>
    <row r="609776" spans="14:14">
      <c r="N609776" s="10"/>
    </row>
    <row r="609777" spans="14:14">
      <c r="N609777" s="10"/>
    </row>
    <row r="609778" spans="14:14">
      <c r="N609778" s="10"/>
    </row>
    <row r="609779" spans="14:14">
      <c r="N609779" s="10"/>
    </row>
    <row r="609780" spans="14:14">
      <c r="N609780" s="10"/>
    </row>
    <row r="609781" spans="14:14">
      <c r="N609781" s="10"/>
    </row>
    <row r="609782" spans="14:14">
      <c r="N609782" s="10"/>
    </row>
    <row r="609783" spans="14:14">
      <c r="N609783" s="10"/>
    </row>
    <row r="609784" spans="14:14">
      <c r="N609784" s="10"/>
    </row>
    <row r="609785" spans="14:14">
      <c r="N609785" s="10"/>
    </row>
    <row r="609786" spans="14:14">
      <c r="N609786" s="10"/>
    </row>
    <row r="609787" spans="14:14">
      <c r="N609787" s="10"/>
    </row>
    <row r="609788" spans="14:14">
      <c r="N609788" s="10"/>
    </row>
    <row r="609789" spans="14:14">
      <c r="N609789" s="10"/>
    </row>
    <row r="609790" spans="14:14">
      <c r="N609790" s="10"/>
    </row>
    <row r="609791" spans="14:14">
      <c r="N609791" s="10"/>
    </row>
    <row r="609792" spans="14:14">
      <c r="N609792" s="10"/>
    </row>
    <row r="609793" spans="14:14">
      <c r="N609793" s="10"/>
    </row>
    <row r="609794" spans="14:14">
      <c r="N609794" s="10"/>
    </row>
    <row r="609795" spans="14:14">
      <c r="N609795" s="10"/>
    </row>
    <row r="609796" spans="14:14">
      <c r="N609796" s="10"/>
    </row>
    <row r="609797" spans="14:14">
      <c r="N609797" s="10"/>
    </row>
    <row r="609798" spans="14:14">
      <c r="N609798" s="10"/>
    </row>
    <row r="609799" spans="14:14">
      <c r="N609799" s="10"/>
    </row>
    <row r="609800" spans="14:14">
      <c r="N609800" s="10"/>
    </row>
    <row r="609801" spans="14:14">
      <c r="N609801" s="10"/>
    </row>
    <row r="609802" spans="14:14">
      <c r="N609802" s="10"/>
    </row>
    <row r="609803" spans="14:14">
      <c r="N609803" s="10"/>
    </row>
    <row r="609804" spans="14:14">
      <c r="N609804" s="10"/>
    </row>
    <row r="609805" spans="14:14">
      <c r="N609805" s="10"/>
    </row>
    <row r="609806" spans="14:14">
      <c r="N609806" s="10"/>
    </row>
    <row r="609807" spans="14:14">
      <c r="N609807" s="10"/>
    </row>
    <row r="609808" spans="14:14">
      <c r="N609808" s="10"/>
    </row>
    <row r="609809" spans="14:14">
      <c r="N609809" s="10"/>
    </row>
    <row r="609810" spans="14:14">
      <c r="N609810" s="10"/>
    </row>
    <row r="609811" spans="14:14">
      <c r="N609811" s="10"/>
    </row>
    <row r="609812" spans="14:14">
      <c r="N609812" s="10"/>
    </row>
    <row r="609813" spans="14:14">
      <c r="N609813" s="10"/>
    </row>
    <row r="609814" spans="14:14">
      <c r="N609814" s="10"/>
    </row>
    <row r="609815" spans="14:14">
      <c r="N609815" s="10"/>
    </row>
    <row r="609816" spans="14:14">
      <c r="N609816" s="10"/>
    </row>
    <row r="609817" spans="14:14">
      <c r="N609817" s="10"/>
    </row>
    <row r="609818" spans="14:14">
      <c r="N609818" s="10"/>
    </row>
    <row r="609819" spans="14:14">
      <c r="N609819" s="10"/>
    </row>
    <row r="609820" spans="14:14">
      <c r="N609820" s="10"/>
    </row>
    <row r="609821" spans="14:14">
      <c r="N609821" s="10"/>
    </row>
    <row r="609822" spans="14:14">
      <c r="N609822" s="10"/>
    </row>
    <row r="609823" spans="14:14">
      <c r="N609823" s="10"/>
    </row>
    <row r="609824" spans="14:14">
      <c r="N609824" s="10"/>
    </row>
    <row r="609825" spans="14:14">
      <c r="N609825" s="10"/>
    </row>
    <row r="609826" spans="14:14">
      <c r="N609826" s="10"/>
    </row>
    <row r="609827" spans="14:14">
      <c r="N609827" s="10"/>
    </row>
    <row r="609828" spans="14:14">
      <c r="N609828" s="10"/>
    </row>
    <row r="609829" spans="14:14">
      <c r="N609829" s="10"/>
    </row>
    <row r="609830" spans="14:14">
      <c r="N609830" s="10"/>
    </row>
    <row r="609831" spans="14:14">
      <c r="N609831" s="10"/>
    </row>
    <row r="609832" spans="14:14">
      <c r="N609832" s="10"/>
    </row>
    <row r="609833" spans="14:14">
      <c r="N609833" s="10"/>
    </row>
    <row r="609834" spans="14:14">
      <c r="N609834" s="10"/>
    </row>
    <row r="609835" spans="14:14">
      <c r="N609835" s="10"/>
    </row>
    <row r="609836" spans="14:14">
      <c r="N609836" s="10"/>
    </row>
    <row r="609837" spans="14:14">
      <c r="N609837" s="10"/>
    </row>
    <row r="609838" spans="14:14">
      <c r="N609838" s="10"/>
    </row>
    <row r="609839" spans="14:14">
      <c r="N609839" s="10"/>
    </row>
    <row r="609840" spans="14:14">
      <c r="N609840" s="10"/>
    </row>
    <row r="609841" spans="14:14">
      <c r="N609841" s="10"/>
    </row>
    <row r="609842" spans="14:14">
      <c r="N609842" s="10"/>
    </row>
    <row r="609843" spans="14:14">
      <c r="N609843" s="10"/>
    </row>
    <row r="609844" spans="14:14">
      <c r="N609844" s="10"/>
    </row>
    <row r="609845" spans="14:14">
      <c r="N609845" s="10"/>
    </row>
    <row r="609846" spans="14:14">
      <c r="N609846" s="10"/>
    </row>
    <row r="609847" spans="14:14">
      <c r="N609847" s="10"/>
    </row>
    <row r="609848" spans="14:14">
      <c r="N609848" s="10"/>
    </row>
    <row r="609849" spans="14:14">
      <c r="N609849" s="10"/>
    </row>
    <row r="609850" spans="14:14">
      <c r="N609850" s="10"/>
    </row>
    <row r="609851" spans="14:14">
      <c r="N609851" s="10"/>
    </row>
    <row r="609852" spans="14:14">
      <c r="N609852" s="10"/>
    </row>
    <row r="609853" spans="14:14">
      <c r="N609853" s="10"/>
    </row>
    <row r="609854" spans="14:14">
      <c r="N609854" s="10"/>
    </row>
    <row r="609855" spans="14:14">
      <c r="N609855" s="10"/>
    </row>
    <row r="609856" spans="14:14">
      <c r="N609856" s="10"/>
    </row>
    <row r="609857" spans="14:14">
      <c r="N609857" s="10"/>
    </row>
    <row r="609858" spans="14:14">
      <c r="N609858" s="10"/>
    </row>
    <row r="609859" spans="14:14">
      <c r="N609859" s="10"/>
    </row>
    <row r="609860" spans="14:14">
      <c r="N609860" s="10"/>
    </row>
    <row r="609861" spans="14:14">
      <c r="N609861" s="10"/>
    </row>
    <row r="609862" spans="14:14">
      <c r="N609862" s="10"/>
    </row>
    <row r="609863" spans="14:14">
      <c r="N609863" s="10"/>
    </row>
    <row r="609864" spans="14:14">
      <c r="N609864" s="10"/>
    </row>
    <row r="609865" spans="14:14">
      <c r="N609865" s="10"/>
    </row>
    <row r="609866" spans="14:14">
      <c r="N609866" s="10"/>
    </row>
    <row r="609867" spans="14:14">
      <c r="N609867" s="10"/>
    </row>
    <row r="609868" spans="14:14">
      <c r="N609868" s="10"/>
    </row>
    <row r="609869" spans="14:14">
      <c r="N609869" s="10"/>
    </row>
    <row r="609870" spans="14:14">
      <c r="N609870" s="10"/>
    </row>
    <row r="609871" spans="14:14">
      <c r="N609871" s="10"/>
    </row>
    <row r="609872" spans="14:14">
      <c r="N609872" s="10"/>
    </row>
    <row r="609873" spans="14:14">
      <c r="N609873" s="10"/>
    </row>
    <row r="609874" spans="14:14">
      <c r="N609874" s="10"/>
    </row>
    <row r="609875" spans="14:14">
      <c r="N609875" s="10"/>
    </row>
    <row r="609876" spans="14:14">
      <c r="N609876" s="10"/>
    </row>
    <row r="609877" spans="14:14">
      <c r="N609877" s="10"/>
    </row>
    <row r="609878" spans="14:14">
      <c r="N609878" s="10"/>
    </row>
    <row r="609879" spans="14:14">
      <c r="N609879" s="10"/>
    </row>
    <row r="609880" spans="14:14">
      <c r="N609880" s="10"/>
    </row>
    <row r="609881" spans="14:14">
      <c r="N609881" s="10"/>
    </row>
    <row r="609882" spans="14:14">
      <c r="N609882" s="10"/>
    </row>
    <row r="609883" spans="14:14">
      <c r="N609883" s="10"/>
    </row>
    <row r="609884" spans="14:14">
      <c r="N609884" s="10"/>
    </row>
    <row r="609885" spans="14:14">
      <c r="N609885" s="10"/>
    </row>
    <row r="609886" spans="14:14">
      <c r="N609886" s="10"/>
    </row>
    <row r="609887" spans="14:14">
      <c r="N609887" s="10"/>
    </row>
    <row r="609888" spans="14:14">
      <c r="N609888" s="10"/>
    </row>
    <row r="609889" spans="14:14">
      <c r="N609889" s="10"/>
    </row>
    <row r="609890" spans="14:14">
      <c r="N609890" s="10"/>
    </row>
    <row r="609891" spans="14:14">
      <c r="N609891" s="10"/>
    </row>
    <row r="609892" spans="14:14">
      <c r="N609892" s="10"/>
    </row>
    <row r="609893" spans="14:14">
      <c r="N609893" s="10"/>
    </row>
    <row r="609894" spans="14:14">
      <c r="N609894" s="10"/>
    </row>
    <row r="609895" spans="14:14">
      <c r="N609895" s="10"/>
    </row>
    <row r="609896" spans="14:14">
      <c r="N609896" s="10"/>
    </row>
    <row r="609897" spans="14:14">
      <c r="N609897" s="10"/>
    </row>
    <row r="609898" spans="14:14">
      <c r="N609898" s="10"/>
    </row>
    <row r="609899" spans="14:14">
      <c r="N609899" s="10"/>
    </row>
    <row r="609900" spans="14:14">
      <c r="N609900" s="10"/>
    </row>
    <row r="609901" spans="14:14">
      <c r="N609901" s="10"/>
    </row>
    <row r="609902" spans="14:14">
      <c r="N609902" s="10"/>
    </row>
    <row r="609903" spans="14:14">
      <c r="N609903" s="10"/>
    </row>
    <row r="609904" spans="14:14">
      <c r="N609904" s="10"/>
    </row>
    <row r="609905" spans="14:14">
      <c r="N609905" s="10"/>
    </row>
    <row r="609906" spans="14:14">
      <c r="N609906" s="10"/>
    </row>
    <row r="609907" spans="14:14">
      <c r="N609907" s="10"/>
    </row>
    <row r="609908" spans="14:14">
      <c r="N609908" s="10"/>
    </row>
    <row r="609909" spans="14:14">
      <c r="N609909" s="10"/>
    </row>
    <row r="609910" spans="14:14">
      <c r="N609910" s="10"/>
    </row>
    <row r="609911" spans="14:14">
      <c r="N609911" s="10"/>
    </row>
    <row r="609912" spans="14:14">
      <c r="N609912" s="10"/>
    </row>
    <row r="609913" spans="14:14">
      <c r="N609913" s="10"/>
    </row>
    <row r="609914" spans="14:14">
      <c r="N609914" s="10"/>
    </row>
    <row r="609915" spans="14:14">
      <c r="N609915" s="10"/>
    </row>
    <row r="609916" spans="14:14">
      <c r="N609916" s="10"/>
    </row>
    <row r="609917" spans="14:14">
      <c r="N609917" s="10"/>
    </row>
    <row r="609918" spans="14:14">
      <c r="N609918" s="10"/>
    </row>
    <row r="609919" spans="14:14">
      <c r="N609919" s="10"/>
    </row>
    <row r="609920" spans="14:14">
      <c r="N609920" s="10"/>
    </row>
    <row r="609921" spans="14:14">
      <c r="N609921" s="10"/>
    </row>
    <row r="609922" spans="14:14">
      <c r="N609922" s="10"/>
    </row>
    <row r="609923" spans="14:14">
      <c r="N609923" s="10"/>
    </row>
    <row r="609924" spans="14:14">
      <c r="N609924" s="10"/>
    </row>
    <row r="609925" spans="14:14">
      <c r="N609925" s="10"/>
    </row>
    <row r="609926" spans="14:14">
      <c r="N609926" s="10"/>
    </row>
    <row r="609927" spans="14:14">
      <c r="N609927" s="10"/>
    </row>
    <row r="609928" spans="14:14">
      <c r="N609928" s="10"/>
    </row>
    <row r="609929" spans="14:14">
      <c r="N609929" s="10"/>
    </row>
    <row r="609930" spans="14:14">
      <c r="N609930" s="10"/>
    </row>
    <row r="609931" spans="14:14">
      <c r="N609931" s="10"/>
    </row>
    <row r="609932" spans="14:14">
      <c r="N609932" s="10"/>
    </row>
    <row r="609933" spans="14:14">
      <c r="N609933" s="10"/>
    </row>
    <row r="609934" spans="14:14">
      <c r="N609934" s="10"/>
    </row>
    <row r="609935" spans="14:14">
      <c r="N609935" s="10"/>
    </row>
    <row r="609936" spans="14:14">
      <c r="N609936" s="10"/>
    </row>
    <row r="609937" spans="14:14">
      <c r="N609937" s="10"/>
    </row>
    <row r="609938" spans="14:14">
      <c r="N609938" s="10"/>
    </row>
    <row r="609939" spans="14:14">
      <c r="N609939" s="10"/>
    </row>
    <row r="609940" spans="14:14">
      <c r="N609940" s="10"/>
    </row>
    <row r="609941" spans="14:14">
      <c r="N609941" s="10"/>
    </row>
    <row r="609942" spans="14:14">
      <c r="N609942" s="10"/>
    </row>
    <row r="609943" spans="14:14">
      <c r="N609943" s="10"/>
    </row>
    <row r="609944" spans="14:14">
      <c r="N609944" s="10"/>
    </row>
    <row r="609945" spans="14:14">
      <c r="N609945" s="10"/>
    </row>
    <row r="609946" spans="14:14">
      <c r="N609946" s="10"/>
    </row>
    <row r="609947" spans="14:14">
      <c r="N609947" s="10"/>
    </row>
    <row r="609948" spans="14:14">
      <c r="N609948" s="10"/>
    </row>
    <row r="609949" spans="14:14">
      <c r="N609949" s="10"/>
    </row>
    <row r="609950" spans="14:14">
      <c r="N609950" s="10"/>
    </row>
    <row r="609951" spans="14:14">
      <c r="N609951" s="10"/>
    </row>
    <row r="609952" spans="14:14">
      <c r="N609952" s="10"/>
    </row>
    <row r="609953" spans="14:14">
      <c r="N609953" s="10"/>
    </row>
    <row r="609954" spans="14:14">
      <c r="N609954" s="10"/>
    </row>
    <row r="609955" spans="14:14">
      <c r="N609955" s="10"/>
    </row>
    <row r="609956" spans="14:14">
      <c r="N609956" s="10"/>
    </row>
    <row r="609957" spans="14:14">
      <c r="N609957" s="10"/>
    </row>
    <row r="609958" spans="14:14">
      <c r="N609958" s="10"/>
    </row>
    <row r="609959" spans="14:14">
      <c r="N609959" s="10"/>
    </row>
    <row r="609960" spans="14:14">
      <c r="N609960" s="10"/>
    </row>
    <row r="609961" spans="14:14">
      <c r="N609961" s="10"/>
    </row>
    <row r="609962" spans="14:14">
      <c r="N609962" s="10"/>
    </row>
    <row r="609963" spans="14:14">
      <c r="N609963" s="10"/>
    </row>
    <row r="609964" spans="14:14">
      <c r="N609964" s="10"/>
    </row>
    <row r="609965" spans="14:14">
      <c r="N609965" s="10"/>
    </row>
    <row r="609966" spans="14:14">
      <c r="N609966" s="10"/>
    </row>
    <row r="609967" spans="14:14">
      <c r="N609967" s="10"/>
    </row>
    <row r="609968" spans="14:14">
      <c r="N609968" s="10"/>
    </row>
    <row r="609969" spans="14:14">
      <c r="N609969" s="10"/>
    </row>
    <row r="609970" spans="14:14">
      <c r="N609970" s="10"/>
    </row>
    <row r="609971" spans="14:14">
      <c r="N609971" s="10"/>
    </row>
    <row r="609972" spans="14:14">
      <c r="N609972" s="10"/>
    </row>
    <row r="609973" spans="14:14">
      <c r="N609973" s="10"/>
    </row>
    <row r="609974" spans="14:14">
      <c r="N609974" s="10"/>
    </row>
    <row r="609975" spans="14:14">
      <c r="N609975" s="10"/>
    </row>
    <row r="609976" spans="14:14">
      <c r="N609976" s="10"/>
    </row>
    <row r="609977" spans="14:14">
      <c r="N609977" s="10"/>
    </row>
    <row r="609978" spans="14:14">
      <c r="N609978" s="10"/>
    </row>
    <row r="609979" spans="14:14">
      <c r="N609979" s="10"/>
    </row>
    <row r="609980" spans="14:14">
      <c r="N609980" s="10"/>
    </row>
    <row r="609981" spans="14:14">
      <c r="N609981" s="10"/>
    </row>
    <row r="609982" spans="14:14">
      <c r="N609982" s="10"/>
    </row>
    <row r="609983" spans="14:14">
      <c r="N609983" s="10"/>
    </row>
    <row r="609984" spans="14:14">
      <c r="N609984" s="10"/>
    </row>
    <row r="609985" spans="14:14">
      <c r="N609985" s="10"/>
    </row>
    <row r="609986" spans="14:14">
      <c r="N609986" s="10"/>
    </row>
    <row r="609987" spans="14:14">
      <c r="N609987" s="10"/>
    </row>
    <row r="609988" spans="14:14">
      <c r="N609988" s="10"/>
    </row>
    <row r="609989" spans="14:14">
      <c r="N609989" s="10"/>
    </row>
    <row r="609990" spans="14:14">
      <c r="N609990" s="10"/>
    </row>
    <row r="609991" spans="14:14">
      <c r="N609991" s="10"/>
    </row>
    <row r="609992" spans="14:14">
      <c r="N609992" s="10"/>
    </row>
    <row r="609993" spans="14:14">
      <c r="N609993" s="10"/>
    </row>
    <row r="609994" spans="14:14">
      <c r="N609994" s="10"/>
    </row>
    <row r="609995" spans="14:14">
      <c r="N609995" s="10"/>
    </row>
    <row r="609996" spans="14:14">
      <c r="N609996" s="10"/>
    </row>
    <row r="609997" spans="14:14">
      <c r="N609997" s="10"/>
    </row>
    <row r="609998" spans="14:14">
      <c r="N609998" s="10"/>
    </row>
    <row r="609999" spans="14:14">
      <c r="N609999" s="10"/>
    </row>
    <row r="610000" spans="14:14">
      <c r="N610000" s="10"/>
    </row>
    <row r="610001" spans="14:14">
      <c r="N610001" s="10"/>
    </row>
    <row r="610002" spans="14:14">
      <c r="N610002" s="10"/>
    </row>
    <row r="610003" spans="14:14">
      <c r="N610003" s="10"/>
    </row>
    <row r="610004" spans="14:14">
      <c r="N610004" s="10"/>
    </row>
    <row r="610005" spans="14:14">
      <c r="N610005" s="10"/>
    </row>
    <row r="610006" spans="14:14">
      <c r="N610006" s="10"/>
    </row>
    <row r="610007" spans="14:14">
      <c r="N610007" s="10"/>
    </row>
    <row r="610008" spans="14:14">
      <c r="N610008" s="10"/>
    </row>
    <row r="610009" spans="14:14">
      <c r="N610009" s="10"/>
    </row>
    <row r="610010" spans="14:14">
      <c r="N610010" s="10"/>
    </row>
    <row r="610011" spans="14:14">
      <c r="N610011" s="10"/>
    </row>
    <row r="610012" spans="14:14">
      <c r="N610012" s="10"/>
    </row>
    <row r="610013" spans="14:14">
      <c r="N610013" s="10"/>
    </row>
    <row r="610014" spans="14:14">
      <c r="N610014" s="10"/>
    </row>
    <row r="610015" spans="14:14">
      <c r="N610015" s="10"/>
    </row>
    <row r="610016" spans="14:14">
      <c r="N610016" s="10"/>
    </row>
    <row r="610017" spans="14:14">
      <c r="N610017" s="10"/>
    </row>
    <row r="610018" spans="14:14">
      <c r="N610018" s="10"/>
    </row>
    <row r="610019" spans="14:14">
      <c r="N610019" s="10"/>
    </row>
    <row r="610020" spans="14:14">
      <c r="N610020" s="10"/>
    </row>
    <row r="610021" spans="14:14">
      <c r="N610021" s="10"/>
    </row>
    <row r="610022" spans="14:14">
      <c r="N610022" s="10"/>
    </row>
    <row r="610023" spans="14:14">
      <c r="N610023" s="10"/>
    </row>
    <row r="610024" spans="14:14">
      <c r="N610024" s="10"/>
    </row>
    <row r="610025" spans="14:14">
      <c r="N610025" s="10"/>
    </row>
    <row r="610026" spans="14:14">
      <c r="N610026" s="10"/>
    </row>
    <row r="610027" spans="14:14">
      <c r="N610027" s="10"/>
    </row>
    <row r="610028" spans="14:14">
      <c r="N610028" s="10"/>
    </row>
    <row r="610029" spans="14:14">
      <c r="N610029" s="10"/>
    </row>
    <row r="610030" spans="14:14">
      <c r="N610030" s="10"/>
    </row>
    <row r="610031" spans="14:14">
      <c r="N610031" s="10"/>
    </row>
    <row r="610032" spans="14:14">
      <c r="N610032" s="10"/>
    </row>
    <row r="610033" spans="14:14">
      <c r="N610033" s="10"/>
    </row>
    <row r="610034" spans="14:14">
      <c r="N610034" s="10"/>
    </row>
    <row r="610035" spans="14:14">
      <c r="N610035" s="10"/>
    </row>
    <row r="610036" spans="14:14">
      <c r="N610036" s="10"/>
    </row>
    <row r="610037" spans="14:14">
      <c r="N610037" s="10"/>
    </row>
    <row r="610038" spans="14:14">
      <c r="N610038" s="10"/>
    </row>
    <row r="610039" spans="14:14">
      <c r="N610039" s="10"/>
    </row>
    <row r="610040" spans="14:14">
      <c r="N610040" s="10"/>
    </row>
    <row r="610041" spans="14:14">
      <c r="N610041" s="10"/>
    </row>
    <row r="610042" spans="14:14">
      <c r="N610042" s="10"/>
    </row>
    <row r="610043" spans="14:14">
      <c r="N610043" s="10"/>
    </row>
    <row r="610044" spans="14:14">
      <c r="N610044" s="10"/>
    </row>
    <row r="610045" spans="14:14">
      <c r="N610045" s="10"/>
    </row>
    <row r="610046" spans="14:14">
      <c r="N610046" s="10"/>
    </row>
    <row r="610047" spans="14:14">
      <c r="N610047" s="10"/>
    </row>
    <row r="610048" spans="14:14">
      <c r="N610048" s="10"/>
    </row>
    <row r="610049" spans="14:14">
      <c r="N610049" s="10"/>
    </row>
    <row r="610050" spans="14:14">
      <c r="N610050" s="10"/>
    </row>
    <row r="610051" spans="14:14">
      <c r="N610051" s="10"/>
    </row>
    <row r="610052" spans="14:14">
      <c r="N610052" s="10"/>
    </row>
    <row r="610053" spans="14:14">
      <c r="N610053" s="10"/>
    </row>
    <row r="610054" spans="14:14">
      <c r="N610054" s="10"/>
    </row>
    <row r="610055" spans="14:14">
      <c r="N610055" s="10"/>
    </row>
    <row r="610056" spans="14:14">
      <c r="N610056" s="10"/>
    </row>
    <row r="610057" spans="14:14">
      <c r="N610057" s="10"/>
    </row>
    <row r="610058" spans="14:14">
      <c r="N610058" s="10"/>
    </row>
    <row r="610059" spans="14:14">
      <c r="N610059" s="10"/>
    </row>
    <row r="610060" spans="14:14">
      <c r="N610060" s="10"/>
    </row>
    <row r="610061" spans="14:14">
      <c r="N610061" s="10"/>
    </row>
    <row r="610062" spans="14:14">
      <c r="N610062" s="10"/>
    </row>
    <row r="610063" spans="14:14">
      <c r="N610063" s="10"/>
    </row>
    <row r="610064" spans="14:14">
      <c r="N610064" s="10"/>
    </row>
    <row r="610065" spans="14:14">
      <c r="N610065" s="10"/>
    </row>
    <row r="610066" spans="14:14">
      <c r="N610066" s="10"/>
    </row>
    <row r="610067" spans="14:14">
      <c r="N610067" s="10"/>
    </row>
    <row r="610068" spans="14:14">
      <c r="N610068" s="10"/>
    </row>
    <row r="610069" spans="14:14">
      <c r="N610069" s="10"/>
    </row>
    <row r="610070" spans="14:14">
      <c r="N610070" s="10"/>
    </row>
    <row r="610071" spans="14:14">
      <c r="N610071" s="10"/>
    </row>
    <row r="610072" spans="14:14">
      <c r="N610072" s="10"/>
    </row>
    <row r="610073" spans="14:14">
      <c r="N610073" s="10"/>
    </row>
    <row r="610074" spans="14:14">
      <c r="N610074" s="10"/>
    </row>
    <row r="610075" spans="14:14">
      <c r="N610075" s="10"/>
    </row>
    <row r="610076" spans="14:14">
      <c r="N610076" s="10"/>
    </row>
    <row r="610077" spans="14:14">
      <c r="N610077" s="10"/>
    </row>
    <row r="610078" spans="14:14">
      <c r="N610078" s="10"/>
    </row>
    <row r="610079" spans="14:14">
      <c r="N610079" s="10"/>
    </row>
    <row r="610080" spans="14:14">
      <c r="N610080" s="10"/>
    </row>
    <row r="610081" spans="14:14">
      <c r="N610081" s="10"/>
    </row>
    <row r="610082" spans="14:14">
      <c r="N610082" s="10"/>
    </row>
    <row r="610083" spans="14:14">
      <c r="N610083" s="10"/>
    </row>
    <row r="610084" spans="14:14">
      <c r="N610084" s="10"/>
    </row>
    <row r="610085" spans="14:14">
      <c r="N610085" s="10"/>
    </row>
    <row r="610086" spans="14:14">
      <c r="N610086" s="10"/>
    </row>
    <row r="610087" spans="14:14">
      <c r="N610087" s="10"/>
    </row>
    <row r="610088" spans="14:14">
      <c r="N610088" s="10"/>
    </row>
    <row r="610089" spans="14:14">
      <c r="N610089" s="10"/>
    </row>
    <row r="610090" spans="14:14">
      <c r="N610090" s="10"/>
    </row>
    <row r="610091" spans="14:14">
      <c r="N610091" s="10"/>
    </row>
    <row r="610092" spans="14:14">
      <c r="N610092" s="10"/>
    </row>
    <row r="610093" spans="14:14">
      <c r="N610093" s="10"/>
    </row>
    <row r="610094" spans="14:14">
      <c r="N610094" s="10"/>
    </row>
    <row r="610095" spans="14:14">
      <c r="N610095" s="10"/>
    </row>
    <row r="610096" spans="14:14">
      <c r="N610096" s="10"/>
    </row>
    <row r="610097" spans="14:14">
      <c r="N610097" s="10"/>
    </row>
    <row r="610098" spans="14:14">
      <c r="N610098" s="10"/>
    </row>
    <row r="610099" spans="14:14">
      <c r="N610099" s="10"/>
    </row>
    <row r="610100" spans="14:14">
      <c r="N610100" s="10"/>
    </row>
    <row r="610101" spans="14:14">
      <c r="N610101" s="10"/>
    </row>
    <row r="610102" spans="14:14">
      <c r="N610102" s="10"/>
    </row>
    <row r="610103" spans="14:14">
      <c r="N610103" s="10"/>
    </row>
    <row r="610104" spans="14:14">
      <c r="N610104" s="10"/>
    </row>
    <row r="610105" spans="14:14">
      <c r="N610105" s="10"/>
    </row>
    <row r="610106" spans="14:14">
      <c r="N610106" s="10"/>
    </row>
    <row r="610107" spans="14:14">
      <c r="N610107" s="10"/>
    </row>
    <row r="610108" spans="14:14">
      <c r="N610108" s="10"/>
    </row>
    <row r="610109" spans="14:14">
      <c r="N610109" s="10"/>
    </row>
    <row r="610110" spans="14:14">
      <c r="N610110" s="10"/>
    </row>
    <row r="610111" spans="14:14">
      <c r="N610111" s="10"/>
    </row>
    <row r="610112" spans="14:14">
      <c r="N610112" s="10"/>
    </row>
    <row r="610113" spans="14:14">
      <c r="N610113" s="10"/>
    </row>
    <row r="610114" spans="14:14">
      <c r="N610114" s="10"/>
    </row>
    <row r="610115" spans="14:14">
      <c r="N610115" s="10"/>
    </row>
    <row r="610116" spans="14:14">
      <c r="N610116" s="10"/>
    </row>
    <row r="610117" spans="14:14">
      <c r="N610117" s="10"/>
    </row>
    <row r="610118" spans="14:14">
      <c r="N610118" s="10"/>
    </row>
    <row r="610119" spans="14:14">
      <c r="N610119" s="10"/>
    </row>
    <row r="610120" spans="14:14">
      <c r="N610120" s="10"/>
    </row>
    <row r="610121" spans="14:14">
      <c r="N610121" s="10"/>
    </row>
    <row r="610122" spans="14:14">
      <c r="N610122" s="10"/>
    </row>
    <row r="610123" spans="14:14">
      <c r="N610123" s="10"/>
    </row>
    <row r="610124" spans="14:14">
      <c r="N610124" s="10"/>
    </row>
    <row r="610125" spans="14:14">
      <c r="N610125" s="10"/>
    </row>
    <row r="610126" spans="14:14">
      <c r="N610126" s="10"/>
    </row>
    <row r="610127" spans="14:14">
      <c r="N610127" s="10"/>
    </row>
    <row r="610128" spans="14:14">
      <c r="N610128" s="10"/>
    </row>
    <row r="610129" spans="14:14">
      <c r="N610129" s="10"/>
    </row>
    <row r="610130" spans="14:14">
      <c r="N610130" s="10"/>
    </row>
    <row r="610131" spans="14:14">
      <c r="N610131" s="10"/>
    </row>
    <row r="610132" spans="14:14">
      <c r="N610132" s="10"/>
    </row>
    <row r="610133" spans="14:14">
      <c r="N610133" s="10"/>
    </row>
    <row r="610134" spans="14:14">
      <c r="N610134" s="10"/>
    </row>
    <row r="610135" spans="14:14">
      <c r="N610135" s="10"/>
    </row>
    <row r="610136" spans="14:14">
      <c r="N610136" s="10"/>
    </row>
    <row r="610137" spans="14:14">
      <c r="N610137" s="10"/>
    </row>
    <row r="610138" spans="14:14">
      <c r="N610138" s="10"/>
    </row>
    <row r="610139" spans="14:14">
      <c r="N610139" s="10"/>
    </row>
    <row r="610140" spans="14:14">
      <c r="N610140" s="10"/>
    </row>
    <row r="610141" spans="14:14">
      <c r="N610141" s="10"/>
    </row>
    <row r="610142" spans="14:14">
      <c r="N610142" s="10"/>
    </row>
    <row r="610143" spans="14:14">
      <c r="N610143" s="10"/>
    </row>
    <row r="610144" spans="14:14">
      <c r="N610144" s="10"/>
    </row>
    <row r="610145" spans="14:14">
      <c r="N610145" s="10"/>
    </row>
    <row r="610146" spans="14:14">
      <c r="N610146" s="10"/>
    </row>
    <row r="610147" spans="14:14">
      <c r="N610147" s="10"/>
    </row>
    <row r="610148" spans="14:14">
      <c r="N610148" s="10"/>
    </row>
    <row r="610149" spans="14:14">
      <c r="N610149" s="10"/>
    </row>
    <row r="610150" spans="14:14">
      <c r="N610150" s="10"/>
    </row>
    <row r="610151" spans="14:14">
      <c r="N610151" s="10"/>
    </row>
    <row r="610152" spans="14:14">
      <c r="N610152" s="10"/>
    </row>
    <row r="610153" spans="14:14">
      <c r="N610153" s="10"/>
    </row>
    <row r="610154" spans="14:14">
      <c r="N610154" s="10"/>
    </row>
    <row r="610155" spans="14:14">
      <c r="N610155" s="10"/>
    </row>
    <row r="610156" spans="14:14">
      <c r="N610156" s="10"/>
    </row>
    <row r="610157" spans="14:14">
      <c r="N610157" s="10"/>
    </row>
    <row r="610158" spans="14:14">
      <c r="N610158" s="10"/>
    </row>
    <row r="610159" spans="14:14">
      <c r="N610159" s="10"/>
    </row>
    <row r="610160" spans="14:14">
      <c r="N610160" s="10"/>
    </row>
    <row r="610161" spans="14:14">
      <c r="N610161" s="10"/>
    </row>
    <row r="610162" spans="14:14">
      <c r="N610162" s="10"/>
    </row>
    <row r="610163" spans="14:14">
      <c r="N610163" s="10"/>
    </row>
    <row r="610164" spans="14:14">
      <c r="N610164" s="10"/>
    </row>
    <row r="610165" spans="14:14">
      <c r="N610165" s="10"/>
    </row>
    <row r="610166" spans="14:14">
      <c r="N610166" s="10"/>
    </row>
    <row r="610167" spans="14:14">
      <c r="N610167" s="10"/>
    </row>
    <row r="610168" spans="14:14">
      <c r="N610168" s="10"/>
    </row>
    <row r="610169" spans="14:14">
      <c r="N610169" s="10"/>
    </row>
    <row r="610170" spans="14:14">
      <c r="N610170" s="10"/>
    </row>
    <row r="610171" spans="14:14">
      <c r="N610171" s="10"/>
    </row>
    <row r="610172" spans="14:14">
      <c r="N610172" s="10"/>
    </row>
    <row r="610173" spans="14:14">
      <c r="N610173" s="10"/>
    </row>
    <row r="610174" spans="14:14">
      <c r="N610174" s="10"/>
    </row>
    <row r="610175" spans="14:14">
      <c r="N610175" s="10"/>
    </row>
    <row r="610176" spans="14:14">
      <c r="N610176" s="10"/>
    </row>
    <row r="610177" spans="14:14">
      <c r="N610177" s="10"/>
    </row>
    <row r="610178" spans="14:14">
      <c r="N610178" s="10"/>
    </row>
    <row r="610179" spans="14:14">
      <c r="N610179" s="10"/>
    </row>
    <row r="610180" spans="14:14">
      <c r="N610180" s="10"/>
    </row>
    <row r="610181" spans="14:14">
      <c r="N610181" s="10"/>
    </row>
    <row r="610182" spans="14:14">
      <c r="N610182" s="10"/>
    </row>
    <row r="610183" spans="14:14">
      <c r="N610183" s="10"/>
    </row>
    <row r="610184" spans="14:14">
      <c r="N610184" s="10"/>
    </row>
    <row r="610185" spans="14:14">
      <c r="N610185" s="10"/>
    </row>
    <row r="610186" spans="14:14">
      <c r="N610186" s="10"/>
    </row>
    <row r="610187" spans="14:14">
      <c r="N610187" s="10"/>
    </row>
    <row r="610188" spans="14:14">
      <c r="N610188" s="10"/>
    </row>
    <row r="610189" spans="14:14">
      <c r="N610189" s="10"/>
    </row>
    <row r="610190" spans="14:14">
      <c r="N610190" s="10"/>
    </row>
    <row r="610191" spans="14:14">
      <c r="N610191" s="10"/>
    </row>
    <row r="610192" spans="14:14">
      <c r="N610192" s="10"/>
    </row>
    <row r="610193" spans="14:14">
      <c r="N610193" s="10"/>
    </row>
    <row r="610194" spans="14:14">
      <c r="N610194" s="10"/>
    </row>
    <row r="610195" spans="14:14">
      <c r="N610195" s="10"/>
    </row>
    <row r="610196" spans="14:14">
      <c r="N610196" s="10"/>
    </row>
    <row r="610197" spans="14:14">
      <c r="N610197" s="10"/>
    </row>
    <row r="610198" spans="14:14">
      <c r="N610198" s="10"/>
    </row>
    <row r="610199" spans="14:14">
      <c r="N610199" s="10"/>
    </row>
    <row r="610200" spans="14:14">
      <c r="N610200" s="10"/>
    </row>
    <row r="610201" spans="14:14">
      <c r="N610201" s="10"/>
    </row>
    <row r="610202" spans="14:14">
      <c r="N610202" s="10"/>
    </row>
    <row r="610203" spans="14:14">
      <c r="N610203" s="10"/>
    </row>
    <row r="610204" spans="14:14">
      <c r="N610204" s="10"/>
    </row>
    <row r="610205" spans="14:14">
      <c r="N610205" s="10"/>
    </row>
    <row r="610206" spans="14:14">
      <c r="N610206" s="10"/>
    </row>
    <row r="610207" spans="14:14">
      <c r="N610207" s="10"/>
    </row>
    <row r="610208" spans="14:14">
      <c r="N610208" s="10"/>
    </row>
    <row r="610209" spans="14:14">
      <c r="N610209" s="10"/>
    </row>
    <row r="610210" spans="14:14">
      <c r="N610210" s="10"/>
    </row>
    <row r="610211" spans="14:14">
      <c r="N610211" s="10"/>
    </row>
    <row r="610212" spans="14:14">
      <c r="N610212" s="10"/>
    </row>
    <row r="610213" spans="14:14">
      <c r="N610213" s="10"/>
    </row>
    <row r="610214" spans="14:14">
      <c r="N610214" s="10"/>
    </row>
    <row r="610215" spans="14:14">
      <c r="N610215" s="10"/>
    </row>
    <row r="610216" spans="14:14">
      <c r="N610216" s="10"/>
    </row>
    <row r="610217" spans="14:14">
      <c r="N610217" s="10"/>
    </row>
    <row r="610218" spans="14:14">
      <c r="N610218" s="10"/>
    </row>
    <row r="610219" spans="14:14">
      <c r="N610219" s="10"/>
    </row>
    <row r="610220" spans="14:14">
      <c r="N610220" s="10"/>
    </row>
    <row r="610221" spans="14:14">
      <c r="N610221" s="10"/>
    </row>
    <row r="610222" spans="14:14">
      <c r="N610222" s="10"/>
    </row>
    <row r="610223" spans="14:14">
      <c r="N610223" s="10"/>
    </row>
    <row r="610224" spans="14:14">
      <c r="N610224" s="10"/>
    </row>
    <row r="610225" spans="14:14">
      <c r="N610225" s="10"/>
    </row>
    <row r="610226" spans="14:14">
      <c r="N610226" s="10"/>
    </row>
    <row r="610227" spans="14:14">
      <c r="N610227" s="10"/>
    </row>
    <row r="610228" spans="14:14">
      <c r="N610228" s="10"/>
    </row>
    <row r="610229" spans="14:14">
      <c r="N610229" s="10"/>
    </row>
    <row r="610230" spans="14:14">
      <c r="N610230" s="10"/>
    </row>
    <row r="610231" spans="14:14">
      <c r="N610231" s="10"/>
    </row>
    <row r="610232" spans="14:14">
      <c r="N610232" s="10"/>
    </row>
    <row r="610233" spans="14:14">
      <c r="N610233" s="10"/>
    </row>
    <row r="610234" spans="14:14">
      <c r="N610234" s="10"/>
    </row>
    <row r="610235" spans="14:14">
      <c r="N610235" s="10"/>
    </row>
    <row r="610236" spans="14:14">
      <c r="N610236" s="10"/>
    </row>
    <row r="610237" spans="14:14">
      <c r="N610237" s="10"/>
    </row>
    <row r="610238" spans="14:14">
      <c r="N610238" s="10"/>
    </row>
    <row r="610239" spans="14:14">
      <c r="N610239" s="10"/>
    </row>
    <row r="610240" spans="14:14">
      <c r="N610240" s="10"/>
    </row>
    <row r="610241" spans="14:14">
      <c r="N610241" s="10"/>
    </row>
    <row r="610242" spans="14:14">
      <c r="N610242" s="10"/>
    </row>
    <row r="610243" spans="14:14">
      <c r="N610243" s="10"/>
    </row>
    <row r="610244" spans="14:14">
      <c r="N610244" s="10"/>
    </row>
    <row r="610245" spans="14:14">
      <c r="N610245" s="10"/>
    </row>
    <row r="610246" spans="14:14">
      <c r="N610246" s="10"/>
    </row>
    <row r="610247" spans="14:14">
      <c r="N610247" s="10"/>
    </row>
    <row r="610248" spans="14:14">
      <c r="N610248" s="10"/>
    </row>
    <row r="610249" spans="14:14">
      <c r="N610249" s="10"/>
    </row>
    <row r="610250" spans="14:14">
      <c r="N610250" s="10"/>
    </row>
    <row r="610251" spans="14:14">
      <c r="N610251" s="10"/>
    </row>
    <row r="610252" spans="14:14">
      <c r="N610252" s="10"/>
    </row>
    <row r="610253" spans="14:14">
      <c r="N610253" s="10"/>
    </row>
    <row r="610254" spans="14:14">
      <c r="N610254" s="10"/>
    </row>
    <row r="610255" spans="14:14">
      <c r="N610255" s="10"/>
    </row>
    <row r="610256" spans="14:14">
      <c r="N610256" s="10"/>
    </row>
    <row r="610257" spans="14:14">
      <c r="N610257" s="10"/>
    </row>
    <row r="610258" spans="14:14">
      <c r="N610258" s="10"/>
    </row>
    <row r="610259" spans="14:14">
      <c r="N610259" s="10"/>
    </row>
    <row r="610260" spans="14:14">
      <c r="N610260" s="10"/>
    </row>
    <row r="610261" spans="14:14">
      <c r="N610261" s="10"/>
    </row>
    <row r="610262" spans="14:14">
      <c r="N610262" s="10"/>
    </row>
    <row r="610263" spans="14:14">
      <c r="N610263" s="10"/>
    </row>
    <row r="610264" spans="14:14">
      <c r="N610264" s="10"/>
    </row>
    <row r="610265" spans="14:14">
      <c r="N610265" s="10"/>
    </row>
    <row r="610266" spans="14:14">
      <c r="N610266" s="10"/>
    </row>
    <row r="610267" spans="14:14">
      <c r="N610267" s="10"/>
    </row>
    <row r="610268" spans="14:14">
      <c r="N610268" s="10"/>
    </row>
    <row r="610269" spans="14:14">
      <c r="N610269" s="10"/>
    </row>
    <row r="610270" spans="14:14">
      <c r="N610270" s="10"/>
    </row>
    <row r="610271" spans="14:14">
      <c r="N610271" s="10"/>
    </row>
    <row r="610272" spans="14:14">
      <c r="N610272" s="10"/>
    </row>
    <row r="610273" spans="14:14">
      <c r="N610273" s="10"/>
    </row>
    <row r="610274" spans="14:14">
      <c r="N610274" s="10"/>
    </row>
    <row r="610275" spans="14:14">
      <c r="N610275" s="10"/>
    </row>
    <row r="610276" spans="14:14">
      <c r="N610276" s="10"/>
    </row>
    <row r="610277" spans="14:14">
      <c r="N610277" s="10"/>
    </row>
    <row r="610278" spans="14:14">
      <c r="N610278" s="10"/>
    </row>
    <row r="610279" spans="14:14">
      <c r="N610279" s="10"/>
    </row>
    <row r="610280" spans="14:14">
      <c r="N610280" s="10"/>
    </row>
    <row r="610281" spans="14:14">
      <c r="N610281" s="10"/>
    </row>
    <row r="610282" spans="14:14">
      <c r="N610282" s="10"/>
    </row>
    <row r="610283" spans="14:14">
      <c r="N610283" s="10"/>
    </row>
    <row r="610284" spans="14:14">
      <c r="N610284" s="10"/>
    </row>
    <row r="610285" spans="14:14">
      <c r="N610285" s="10"/>
    </row>
    <row r="610286" spans="14:14">
      <c r="N610286" s="10"/>
    </row>
    <row r="610287" spans="14:14">
      <c r="N610287" s="10"/>
    </row>
    <row r="610288" spans="14:14">
      <c r="N610288" s="10"/>
    </row>
    <row r="610289" spans="14:14">
      <c r="N610289" s="10"/>
    </row>
    <row r="610290" spans="14:14">
      <c r="N610290" s="10"/>
    </row>
    <row r="610291" spans="14:14">
      <c r="N610291" s="10"/>
    </row>
    <row r="610292" spans="14:14">
      <c r="N610292" s="10"/>
    </row>
    <row r="610293" spans="14:14">
      <c r="N610293" s="10"/>
    </row>
    <row r="610294" spans="14:14">
      <c r="N610294" s="10"/>
    </row>
    <row r="610295" spans="14:14">
      <c r="N610295" s="10"/>
    </row>
    <row r="610296" spans="14:14">
      <c r="N610296" s="10"/>
    </row>
    <row r="610297" spans="14:14">
      <c r="N610297" s="10"/>
    </row>
    <row r="610298" spans="14:14">
      <c r="N610298" s="10"/>
    </row>
    <row r="610299" spans="14:14">
      <c r="N610299" s="10"/>
    </row>
    <row r="610300" spans="14:14">
      <c r="N610300" s="10"/>
    </row>
    <row r="610301" spans="14:14">
      <c r="N610301" s="10"/>
    </row>
    <row r="610302" spans="14:14">
      <c r="N610302" s="10"/>
    </row>
    <row r="610303" spans="14:14">
      <c r="N610303" s="10"/>
    </row>
    <row r="610304" spans="14:14">
      <c r="N610304" s="10"/>
    </row>
    <row r="610305" spans="14:14">
      <c r="N610305" s="10"/>
    </row>
    <row r="610306" spans="14:14">
      <c r="N610306" s="10"/>
    </row>
    <row r="610307" spans="14:14">
      <c r="N610307" s="10"/>
    </row>
    <row r="610308" spans="14:14">
      <c r="N610308" s="10"/>
    </row>
    <row r="610309" spans="14:14">
      <c r="N610309" s="10"/>
    </row>
    <row r="610310" spans="14:14">
      <c r="N610310" s="10"/>
    </row>
    <row r="610311" spans="14:14">
      <c r="N610311" s="10"/>
    </row>
    <row r="610312" spans="14:14">
      <c r="N610312" s="10"/>
    </row>
    <row r="610313" spans="14:14">
      <c r="N610313" s="10"/>
    </row>
    <row r="610314" spans="14:14">
      <c r="N610314" s="10"/>
    </row>
    <row r="610315" spans="14:14">
      <c r="N610315" s="10"/>
    </row>
    <row r="610316" spans="14:14">
      <c r="N610316" s="10"/>
    </row>
    <row r="610317" spans="14:14">
      <c r="N610317" s="10"/>
    </row>
    <row r="610318" spans="14:14">
      <c r="N610318" s="10"/>
    </row>
    <row r="610319" spans="14:14">
      <c r="N610319" s="10"/>
    </row>
    <row r="610320" spans="14:14">
      <c r="N610320" s="10"/>
    </row>
    <row r="610321" spans="14:14">
      <c r="N610321" s="10"/>
    </row>
    <row r="610322" spans="14:14">
      <c r="N610322" s="10"/>
    </row>
    <row r="610323" spans="14:14">
      <c r="N610323" s="10"/>
    </row>
    <row r="610324" spans="14:14">
      <c r="N610324" s="10"/>
    </row>
    <row r="610325" spans="14:14">
      <c r="N610325" s="10"/>
    </row>
    <row r="610326" spans="14:14">
      <c r="N610326" s="10"/>
    </row>
    <row r="610327" spans="14:14">
      <c r="N610327" s="10"/>
    </row>
    <row r="610328" spans="14:14">
      <c r="N610328" s="10"/>
    </row>
    <row r="610329" spans="14:14">
      <c r="N610329" s="10"/>
    </row>
    <row r="610330" spans="14:14">
      <c r="N610330" s="10"/>
    </row>
    <row r="610331" spans="14:14">
      <c r="N610331" s="10"/>
    </row>
    <row r="610332" spans="14:14">
      <c r="N610332" s="10"/>
    </row>
    <row r="610333" spans="14:14">
      <c r="N610333" s="10"/>
    </row>
    <row r="610334" spans="14:14">
      <c r="N610334" s="10"/>
    </row>
    <row r="610335" spans="14:14">
      <c r="N610335" s="10"/>
    </row>
    <row r="610336" spans="14:14">
      <c r="N610336" s="10"/>
    </row>
    <row r="610337" spans="14:14">
      <c r="N610337" s="10"/>
    </row>
    <row r="610338" spans="14:14">
      <c r="N610338" s="10"/>
    </row>
    <row r="610339" spans="14:14">
      <c r="N610339" s="10"/>
    </row>
    <row r="610340" spans="14:14">
      <c r="N610340" s="10"/>
    </row>
    <row r="610341" spans="14:14">
      <c r="N610341" s="10"/>
    </row>
    <row r="610342" spans="14:14">
      <c r="N610342" s="10"/>
    </row>
    <row r="610343" spans="14:14">
      <c r="N610343" s="10"/>
    </row>
    <row r="610344" spans="14:14">
      <c r="N610344" s="10"/>
    </row>
    <row r="610345" spans="14:14">
      <c r="N610345" s="10"/>
    </row>
    <row r="610346" spans="14:14">
      <c r="N610346" s="10"/>
    </row>
    <row r="610347" spans="14:14">
      <c r="N610347" s="10"/>
    </row>
    <row r="610348" spans="14:14">
      <c r="N610348" s="10"/>
    </row>
    <row r="610349" spans="14:14">
      <c r="N610349" s="10"/>
    </row>
    <row r="610350" spans="14:14">
      <c r="N610350" s="10"/>
    </row>
    <row r="610351" spans="14:14">
      <c r="N610351" s="10"/>
    </row>
    <row r="610352" spans="14:14">
      <c r="N610352" s="10"/>
    </row>
    <row r="610353" spans="14:14">
      <c r="N610353" s="10"/>
    </row>
    <row r="610354" spans="14:14">
      <c r="N610354" s="10"/>
    </row>
    <row r="610355" spans="14:14">
      <c r="N610355" s="10"/>
    </row>
    <row r="610356" spans="14:14">
      <c r="N610356" s="10"/>
    </row>
    <row r="610357" spans="14:14">
      <c r="N610357" s="10"/>
    </row>
    <row r="610358" spans="14:14">
      <c r="N610358" s="10"/>
    </row>
    <row r="610359" spans="14:14">
      <c r="N610359" s="10"/>
    </row>
    <row r="610360" spans="14:14">
      <c r="N610360" s="10"/>
    </row>
    <row r="610361" spans="14:14">
      <c r="N610361" s="10"/>
    </row>
    <row r="610362" spans="14:14">
      <c r="N610362" s="10"/>
    </row>
    <row r="610363" spans="14:14">
      <c r="N610363" s="10"/>
    </row>
    <row r="610364" spans="14:14">
      <c r="N610364" s="10"/>
    </row>
    <row r="610365" spans="14:14">
      <c r="N610365" s="10"/>
    </row>
    <row r="610366" spans="14:14">
      <c r="N610366" s="10"/>
    </row>
    <row r="610367" spans="14:14">
      <c r="N610367" s="10"/>
    </row>
    <row r="610368" spans="14:14">
      <c r="N610368" s="10"/>
    </row>
    <row r="610369" spans="14:14">
      <c r="N610369" s="10"/>
    </row>
    <row r="610370" spans="14:14">
      <c r="N610370" s="10"/>
    </row>
    <row r="610371" spans="14:14">
      <c r="N610371" s="10"/>
    </row>
    <row r="610372" spans="14:14">
      <c r="N610372" s="10"/>
    </row>
    <row r="610373" spans="14:14">
      <c r="N610373" s="10"/>
    </row>
    <row r="610374" spans="14:14">
      <c r="N610374" s="10"/>
    </row>
    <row r="610375" spans="14:14">
      <c r="N610375" s="10"/>
    </row>
    <row r="610376" spans="14:14">
      <c r="N610376" s="10"/>
    </row>
    <row r="610377" spans="14:14">
      <c r="N610377" s="10"/>
    </row>
    <row r="610378" spans="14:14">
      <c r="N610378" s="10"/>
    </row>
    <row r="610379" spans="14:14">
      <c r="N610379" s="10"/>
    </row>
    <row r="610380" spans="14:14">
      <c r="N610380" s="10"/>
    </row>
    <row r="610381" spans="14:14">
      <c r="N610381" s="10"/>
    </row>
    <row r="610382" spans="14:14">
      <c r="N610382" s="10"/>
    </row>
    <row r="610383" spans="14:14">
      <c r="N610383" s="10"/>
    </row>
    <row r="610384" spans="14:14">
      <c r="N610384" s="10"/>
    </row>
    <row r="610385" spans="14:14">
      <c r="N610385" s="10"/>
    </row>
    <row r="610386" spans="14:14">
      <c r="N610386" s="10"/>
    </row>
    <row r="610387" spans="14:14">
      <c r="N610387" s="10"/>
    </row>
    <row r="610388" spans="14:14">
      <c r="N610388" s="10"/>
    </row>
    <row r="610389" spans="14:14">
      <c r="N610389" s="10"/>
    </row>
    <row r="610390" spans="14:14">
      <c r="N610390" s="10"/>
    </row>
    <row r="610391" spans="14:14">
      <c r="N610391" s="10"/>
    </row>
    <row r="610392" spans="14:14">
      <c r="N610392" s="10"/>
    </row>
    <row r="610393" spans="14:14">
      <c r="N610393" s="10"/>
    </row>
    <row r="610394" spans="14:14">
      <c r="N610394" s="10"/>
    </row>
    <row r="610395" spans="14:14">
      <c r="N610395" s="10"/>
    </row>
    <row r="610396" spans="14:14">
      <c r="N610396" s="10"/>
    </row>
    <row r="610397" spans="14:14">
      <c r="N610397" s="10"/>
    </row>
    <row r="610398" spans="14:14">
      <c r="N610398" s="10"/>
    </row>
    <row r="610399" spans="14:14">
      <c r="N610399" s="10"/>
    </row>
    <row r="610400" spans="14:14">
      <c r="N610400" s="10"/>
    </row>
    <row r="610401" spans="14:14">
      <c r="N610401" s="10"/>
    </row>
    <row r="610402" spans="14:14">
      <c r="N610402" s="10"/>
    </row>
    <row r="610403" spans="14:14">
      <c r="N610403" s="10"/>
    </row>
    <row r="610404" spans="14:14">
      <c r="N610404" s="10"/>
    </row>
    <row r="610405" spans="14:14">
      <c r="N610405" s="10"/>
    </row>
    <row r="610406" spans="14:14">
      <c r="N610406" s="10"/>
    </row>
    <row r="610407" spans="14:14">
      <c r="N610407" s="10"/>
    </row>
    <row r="610408" spans="14:14">
      <c r="N610408" s="10"/>
    </row>
    <row r="610409" spans="14:14">
      <c r="N610409" s="10"/>
    </row>
    <row r="610410" spans="14:14">
      <c r="N610410" s="10"/>
    </row>
    <row r="610411" spans="14:14">
      <c r="N610411" s="10"/>
    </row>
    <row r="610412" spans="14:14">
      <c r="N610412" s="10"/>
    </row>
    <row r="610413" spans="14:14">
      <c r="N610413" s="10"/>
    </row>
    <row r="610414" spans="14:14">
      <c r="N610414" s="10"/>
    </row>
    <row r="610415" spans="14:14">
      <c r="N610415" s="10"/>
    </row>
    <row r="610416" spans="14:14">
      <c r="N610416" s="10"/>
    </row>
    <row r="610417" spans="14:14">
      <c r="N610417" s="10"/>
    </row>
    <row r="610418" spans="14:14">
      <c r="N610418" s="10"/>
    </row>
    <row r="610419" spans="14:14">
      <c r="N610419" s="10"/>
    </row>
    <row r="610420" spans="14:14">
      <c r="N610420" s="10"/>
    </row>
    <row r="610421" spans="14:14">
      <c r="N610421" s="10"/>
    </row>
    <row r="610422" spans="14:14">
      <c r="N610422" s="10"/>
    </row>
    <row r="610423" spans="14:14">
      <c r="N610423" s="10"/>
    </row>
    <row r="610424" spans="14:14">
      <c r="N610424" s="10"/>
    </row>
    <row r="610425" spans="14:14">
      <c r="N610425" s="10"/>
    </row>
    <row r="610426" spans="14:14">
      <c r="N610426" s="10"/>
    </row>
    <row r="610427" spans="14:14">
      <c r="N610427" s="10"/>
    </row>
    <row r="610428" spans="14:14">
      <c r="N610428" s="10"/>
    </row>
    <row r="610429" spans="14:14">
      <c r="N610429" s="10"/>
    </row>
    <row r="610430" spans="14:14">
      <c r="N610430" s="10"/>
    </row>
    <row r="610431" spans="14:14">
      <c r="N610431" s="10"/>
    </row>
    <row r="610432" spans="14:14">
      <c r="N610432" s="10"/>
    </row>
    <row r="610433" spans="14:14">
      <c r="N610433" s="10"/>
    </row>
    <row r="610434" spans="14:14">
      <c r="N610434" s="10"/>
    </row>
    <row r="610435" spans="14:14">
      <c r="N610435" s="10"/>
    </row>
    <row r="610436" spans="14:14">
      <c r="N610436" s="10"/>
    </row>
    <row r="610437" spans="14:14">
      <c r="N610437" s="10"/>
    </row>
    <row r="610438" spans="14:14">
      <c r="N610438" s="10"/>
    </row>
    <row r="610439" spans="14:14">
      <c r="N610439" s="10"/>
    </row>
    <row r="610440" spans="14:14">
      <c r="N610440" s="10"/>
    </row>
    <row r="610441" spans="14:14">
      <c r="N610441" s="10"/>
    </row>
    <row r="610442" spans="14:14">
      <c r="N610442" s="10"/>
    </row>
    <row r="610443" spans="14:14">
      <c r="N610443" s="10"/>
    </row>
    <row r="610444" spans="14:14">
      <c r="N610444" s="10"/>
    </row>
    <row r="610445" spans="14:14">
      <c r="N610445" s="10"/>
    </row>
    <row r="610446" spans="14:14">
      <c r="N610446" s="10"/>
    </row>
    <row r="610447" spans="14:14">
      <c r="N610447" s="10"/>
    </row>
    <row r="610448" spans="14:14">
      <c r="N610448" s="10"/>
    </row>
    <row r="610449" spans="14:14">
      <c r="N610449" s="10"/>
    </row>
    <row r="610450" spans="14:14">
      <c r="N610450" s="10"/>
    </row>
    <row r="610451" spans="14:14">
      <c r="N610451" s="10"/>
    </row>
    <row r="610452" spans="14:14">
      <c r="N610452" s="10"/>
    </row>
    <row r="610453" spans="14:14">
      <c r="N610453" s="10"/>
    </row>
    <row r="610454" spans="14:14">
      <c r="N610454" s="10"/>
    </row>
    <row r="610455" spans="14:14">
      <c r="N610455" s="10"/>
    </row>
    <row r="610456" spans="14:14">
      <c r="N610456" s="10"/>
    </row>
    <row r="610457" spans="14:14">
      <c r="N610457" s="10"/>
    </row>
    <row r="610458" spans="14:14">
      <c r="N610458" s="10"/>
    </row>
    <row r="610459" spans="14:14">
      <c r="N610459" s="10"/>
    </row>
    <row r="610460" spans="14:14">
      <c r="N610460" s="10"/>
    </row>
    <row r="610461" spans="14:14">
      <c r="N610461" s="10"/>
    </row>
    <row r="610462" spans="14:14">
      <c r="N610462" s="10"/>
    </row>
    <row r="610463" spans="14:14">
      <c r="N610463" s="10"/>
    </row>
    <row r="610464" spans="14:14">
      <c r="N610464" s="10"/>
    </row>
    <row r="610465" spans="14:14">
      <c r="N610465" s="10"/>
    </row>
    <row r="610466" spans="14:14">
      <c r="N610466" s="10"/>
    </row>
    <row r="610467" spans="14:14">
      <c r="N610467" s="10"/>
    </row>
    <row r="610468" spans="14:14">
      <c r="N610468" s="10"/>
    </row>
    <row r="610469" spans="14:14">
      <c r="N610469" s="10"/>
    </row>
    <row r="610470" spans="14:14">
      <c r="N610470" s="10"/>
    </row>
    <row r="610471" spans="14:14">
      <c r="N610471" s="10"/>
    </row>
    <row r="610472" spans="14:14">
      <c r="N610472" s="10"/>
    </row>
    <row r="610473" spans="14:14">
      <c r="N610473" s="10"/>
    </row>
    <row r="610474" spans="14:14">
      <c r="N610474" s="10"/>
    </row>
    <row r="610475" spans="14:14">
      <c r="N610475" s="10"/>
    </row>
    <row r="610476" spans="14:14">
      <c r="N610476" s="10"/>
    </row>
    <row r="610477" spans="14:14">
      <c r="N610477" s="10"/>
    </row>
    <row r="610478" spans="14:14">
      <c r="N610478" s="10"/>
    </row>
    <row r="610479" spans="14:14">
      <c r="N610479" s="10"/>
    </row>
    <row r="610480" spans="14:14">
      <c r="N610480" s="10"/>
    </row>
    <row r="610481" spans="14:14">
      <c r="N610481" s="10"/>
    </row>
    <row r="610482" spans="14:14">
      <c r="N610482" s="10"/>
    </row>
    <row r="610483" spans="14:14">
      <c r="N610483" s="10"/>
    </row>
    <row r="610484" spans="14:14">
      <c r="N610484" s="10"/>
    </row>
    <row r="610485" spans="14:14">
      <c r="N610485" s="10"/>
    </row>
    <row r="610486" spans="14:14">
      <c r="N610486" s="10"/>
    </row>
    <row r="610487" spans="14:14">
      <c r="N610487" s="10"/>
    </row>
    <row r="610488" spans="14:14">
      <c r="N610488" s="10"/>
    </row>
    <row r="610489" spans="14:14">
      <c r="N610489" s="10"/>
    </row>
    <row r="610490" spans="14:14">
      <c r="N610490" s="10"/>
    </row>
    <row r="610491" spans="14:14">
      <c r="N610491" s="10"/>
    </row>
    <row r="610492" spans="14:14">
      <c r="N610492" s="10"/>
    </row>
    <row r="610493" spans="14:14">
      <c r="N610493" s="10"/>
    </row>
    <row r="610494" spans="14:14">
      <c r="N610494" s="10"/>
    </row>
    <row r="610495" spans="14:14">
      <c r="N610495" s="10"/>
    </row>
    <row r="610496" spans="14:14">
      <c r="N610496" s="10"/>
    </row>
    <row r="610497" spans="14:14">
      <c r="N610497" s="10"/>
    </row>
    <row r="610498" spans="14:14">
      <c r="N610498" s="10"/>
    </row>
    <row r="610499" spans="14:14">
      <c r="N610499" s="10"/>
    </row>
    <row r="610500" spans="14:14">
      <c r="N610500" s="10"/>
    </row>
    <row r="610501" spans="14:14">
      <c r="N610501" s="10"/>
    </row>
    <row r="610502" spans="14:14">
      <c r="N610502" s="10"/>
    </row>
    <row r="610503" spans="14:14">
      <c r="N610503" s="10"/>
    </row>
    <row r="610504" spans="14:14">
      <c r="N610504" s="10"/>
    </row>
    <row r="610505" spans="14:14">
      <c r="N610505" s="10"/>
    </row>
    <row r="610506" spans="14:14">
      <c r="N610506" s="10"/>
    </row>
    <row r="610507" spans="14:14">
      <c r="N610507" s="10"/>
    </row>
    <row r="610508" spans="14:14">
      <c r="N610508" s="10"/>
    </row>
    <row r="610509" spans="14:14">
      <c r="N610509" s="10"/>
    </row>
    <row r="610510" spans="14:14">
      <c r="N610510" s="10"/>
    </row>
    <row r="610511" spans="14:14">
      <c r="N610511" s="10"/>
    </row>
    <row r="610512" spans="14:14">
      <c r="N610512" s="10"/>
    </row>
    <row r="610513" spans="14:14">
      <c r="N610513" s="10"/>
    </row>
    <row r="610514" spans="14:14">
      <c r="N610514" s="10"/>
    </row>
    <row r="610515" spans="14:14">
      <c r="N610515" s="10"/>
    </row>
    <row r="610516" spans="14:14">
      <c r="N610516" s="10"/>
    </row>
    <row r="610517" spans="14:14">
      <c r="N610517" s="10"/>
    </row>
    <row r="610518" spans="14:14">
      <c r="N610518" s="10"/>
    </row>
    <row r="610519" spans="14:14">
      <c r="N610519" s="10"/>
    </row>
    <row r="610520" spans="14:14">
      <c r="N610520" s="10"/>
    </row>
    <row r="610521" spans="14:14">
      <c r="N610521" s="10"/>
    </row>
    <row r="610522" spans="14:14">
      <c r="N610522" s="10"/>
    </row>
    <row r="610523" spans="14:14">
      <c r="N610523" s="10"/>
    </row>
    <row r="610524" spans="14:14">
      <c r="N610524" s="10"/>
    </row>
    <row r="610525" spans="14:14">
      <c r="N610525" s="10"/>
    </row>
    <row r="610526" spans="14:14">
      <c r="N610526" s="10"/>
    </row>
    <row r="610527" spans="14:14">
      <c r="N610527" s="10"/>
    </row>
    <row r="610528" spans="14:14">
      <c r="N610528" s="10"/>
    </row>
    <row r="610529" spans="14:14">
      <c r="N610529" s="10"/>
    </row>
    <row r="610530" spans="14:14">
      <c r="N610530" s="10"/>
    </row>
    <row r="610531" spans="14:14">
      <c r="N610531" s="10"/>
    </row>
    <row r="610532" spans="14:14">
      <c r="N610532" s="10"/>
    </row>
    <row r="610533" spans="14:14">
      <c r="N610533" s="10"/>
    </row>
    <row r="610534" spans="14:14">
      <c r="N610534" s="10"/>
    </row>
    <row r="610535" spans="14:14">
      <c r="N610535" s="10"/>
    </row>
    <row r="610536" spans="14:14">
      <c r="N610536" s="10"/>
    </row>
    <row r="610537" spans="14:14">
      <c r="N610537" s="10"/>
    </row>
    <row r="610538" spans="14:14">
      <c r="N610538" s="10"/>
    </row>
    <row r="610539" spans="14:14">
      <c r="N610539" s="10"/>
    </row>
    <row r="610540" spans="14:14">
      <c r="N610540" s="10"/>
    </row>
    <row r="610541" spans="14:14">
      <c r="N610541" s="10"/>
    </row>
    <row r="610542" spans="14:14">
      <c r="N610542" s="10"/>
    </row>
    <row r="610543" spans="14:14">
      <c r="N610543" s="10"/>
    </row>
    <row r="610544" spans="14:14">
      <c r="N610544" s="10"/>
    </row>
    <row r="610545" spans="14:14">
      <c r="N610545" s="10"/>
    </row>
    <row r="610546" spans="14:14">
      <c r="N610546" s="10"/>
    </row>
    <row r="610547" spans="14:14">
      <c r="N610547" s="10"/>
    </row>
    <row r="610548" spans="14:14">
      <c r="N610548" s="10"/>
    </row>
    <row r="610549" spans="14:14">
      <c r="N610549" s="10"/>
    </row>
    <row r="610550" spans="14:14">
      <c r="N610550" s="10"/>
    </row>
    <row r="610551" spans="14:14">
      <c r="N610551" s="10"/>
    </row>
    <row r="610552" spans="14:14">
      <c r="N610552" s="10"/>
    </row>
    <row r="610553" spans="14:14">
      <c r="N610553" s="10"/>
    </row>
    <row r="610554" spans="14:14">
      <c r="N610554" s="10"/>
    </row>
    <row r="610555" spans="14:14">
      <c r="N610555" s="10"/>
    </row>
    <row r="610556" spans="14:14">
      <c r="N610556" s="10"/>
    </row>
    <row r="610557" spans="14:14">
      <c r="N610557" s="10"/>
    </row>
    <row r="610558" spans="14:14">
      <c r="N610558" s="10"/>
    </row>
    <row r="610559" spans="14:14">
      <c r="N610559" s="10"/>
    </row>
    <row r="610560" spans="14:14">
      <c r="N610560" s="10"/>
    </row>
    <row r="610561" spans="14:14">
      <c r="N610561" s="10"/>
    </row>
    <row r="610562" spans="14:14">
      <c r="N610562" s="10"/>
    </row>
    <row r="610563" spans="14:14">
      <c r="N610563" s="10"/>
    </row>
    <row r="610564" spans="14:14">
      <c r="N610564" s="10"/>
    </row>
    <row r="610565" spans="14:14">
      <c r="N610565" s="10"/>
    </row>
    <row r="610566" spans="14:14">
      <c r="N610566" s="10"/>
    </row>
    <row r="610567" spans="14:14">
      <c r="N610567" s="10"/>
    </row>
    <row r="610568" spans="14:14">
      <c r="N610568" s="10"/>
    </row>
    <row r="610569" spans="14:14">
      <c r="N610569" s="10"/>
    </row>
    <row r="610570" spans="14:14">
      <c r="N610570" s="10"/>
    </row>
    <row r="610571" spans="14:14">
      <c r="N610571" s="10"/>
    </row>
    <row r="610572" spans="14:14">
      <c r="N610572" s="10"/>
    </row>
    <row r="610573" spans="14:14">
      <c r="N610573" s="10"/>
    </row>
    <row r="610574" spans="14:14">
      <c r="N610574" s="10"/>
    </row>
    <row r="610575" spans="14:14">
      <c r="N610575" s="10"/>
    </row>
    <row r="610576" spans="14:14">
      <c r="N610576" s="10"/>
    </row>
    <row r="610577" spans="14:14">
      <c r="N610577" s="10"/>
    </row>
    <row r="610578" spans="14:14">
      <c r="N610578" s="10"/>
    </row>
    <row r="610579" spans="14:14">
      <c r="N610579" s="10"/>
    </row>
    <row r="610580" spans="14:14">
      <c r="N610580" s="10"/>
    </row>
    <row r="610581" spans="14:14">
      <c r="N610581" s="10"/>
    </row>
    <row r="610582" spans="14:14">
      <c r="N610582" s="10"/>
    </row>
    <row r="610583" spans="14:14">
      <c r="N610583" s="10"/>
    </row>
    <row r="610584" spans="14:14">
      <c r="N610584" s="10"/>
    </row>
    <row r="610585" spans="14:14">
      <c r="N610585" s="10"/>
    </row>
    <row r="610586" spans="14:14">
      <c r="N610586" s="10"/>
    </row>
    <row r="610587" spans="14:14">
      <c r="N610587" s="10"/>
    </row>
    <row r="610588" spans="14:14">
      <c r="N610588" s="10"/>
    </row>
    <row r="610589" spans="14:14">
      <c r="N610589" s="10"/>
    </row>
    <row r="610590" spans="14:14">
      <c r="N610590" s="10"/>
    </row>
    <row r="610591" spans="14:14">
      <c r="N610591" s="10"/>
    </row>
    <row r="610592" spans="14:14">
      <c r="N610592" s="10"/>
    </row>
    <row r="610593" spans="14:14">
      <c r="N610593" s="10"/>
    </row>
    <row r="610594" spans="14:14">
      <c r="N610594" s="10"/>
    </row>
    <row r="610595" spans="14:14">
      <c r="N610595" s="10"/>
    </row>
    <row r="610596" spans="14:14">
      <c r="N610596" s="10"/>
    </row>
    <row r="610597" spans="14:14">
      <c r="N610597" s="10"/>
    </row>
    <row r="610598" spans="14:14">
      <c r="N610598" s="10"/>
    </row>
    <row r="610599" spans="14:14">
      <c r="N610599" s="10"/>
    </row>
    <row r="610600" spans="14:14">
      <c r="N610600" s="10"/>
    </row>
    <row r="610601" spans="14:14">
      <c r="N610601" s="10"/>
    </row>
    <row r="610602" spans="14:14">
      <c r="N610602" s="10"/>
    </row>
    <row r="610603" spans="14:14">
      <c r="N610603" s="10"/>
    </row>
    <row r="610604" spans="14:14">
      <c r="N610604" s="10"/>
    </row>
    <row r="610605" spans="14:14">
      <c r="N610605" s="10"/>
    </row>
    <row r="610606" spans="14:14">
      <c r="N610606" s="10"/>
    </row>
    <row r="610607" spans="14:14">
      <c r="N610607" s="10"/>
    </row>
    <row r="610608" spans="14:14">
      <c r="N610608" s="10"/>
    </row>
    <row r="610609" spans="14:14">
      <c r="N610609" s="10"/>
    </row>
    <row r="610610" spans="14:14">
      <c r="N610610" s="10"/>
    </row>
    <row r="610611" spans="14:14">
      <c r="N610611" s="10"/>
    </row>
    <row r="610612" spans="14:14">
      <c r="N610612" s="10"/>
    </row>
    <row r="610613" spans="14:14">
      <c r="N610613" s="10"/>
    </row>
    <row r="610614" spans="14:14">
      <c r="N610614" s="10"/>
    </row>
    <row r="610615" spans="14:14">
      <c r="N610615" s="10"/>
    </row>
    <row r="610616" spans="14:14">
      <c r="N610616" s="10"/>
    </row>
    <row r="610617" spans="14:14">
      <c r="N610617" s="10"/>
    </row>
    <row r="610618" spans="14:14">
      <c r="N610618" s="10"/>
    </row>
    <row r="610619" spans="14:14">
      <c r="N610619" s="10"/>
    </row>
    <row r="610620" spans="14:14">
      <c r="N610620" s="10"/>
    </row>
    <row r="610621" spans="14:14">
      <c r="N610621" s="10"/>
    </row>
    <row r="610622" spans="14:14">
      <c r="N610622" s="10"/>
    </row>
    <row r="610623" spans="14:14">
      <c r="N610623" s="10"/>
    </row>
    <row r="610624" spans="14:14">
      <c r="N610624" s="10"/>
    </row>
    <row r="610625" spans="14:14">
      <c r="N610625" s="10"/>
    </row>
    <row r="610626" spans="14:14">
      <c r="N610626" s="10"/>
    </row>
    <row r="610627" spans="14:14">
      <c r="N610627" s="10"/>
    </row>
    <row r="610628" spans="14:14">
      <c r="N610628" s="10"/>
    </row>
    <row r="610629" spans="14:14">
      <c r="N610629" s="10"/>
    </row>
    <row r="610630" spans="14:14">
      <c r="N610630" s="10"/>
    </row>
    <row r="610631" spans="14:14">
      <c r="N610631" s="10"/>
    </row>
    <row r="610632" spans="14:14">
      <c r="N610632" s="10"/>
    </row>
    <row r="610633" spans="14:14">
      <c r="N610633" s="10"/>
    </row>
    <row r="610634" spans="14:14">
      <c r="N610634" s="10"/>
    </row>
    <row r="610635" spans="14:14">
      <c r="N610635" s="10"/>
    </row>
    <row r="610636" spans="14:14">
      <c r="N610636" s="10"/>
    </row>
    <row r="610637" spans="14:14">
      <c r="N610637" s="10"/>
    </row>
    <row r="610638" spans="14:14">
      <c r="N610638" s="10"/>
    </row>
    <row r="610639" spans="14:14">
      <c r="N610639" s="10"/>
    </row>
    <row r="610640" spans="14:14">
      <c r="N610640" s="10"/>
    </row>
    <row r="610641" spans="14:14">
      <c r="N610641" s="10"/>
    </row>
    <row r="610642" spans="14:14">
      <c r="N610642" s="10"/>
    </row>
    <row r="610643" spans="14:14">
      <c r="N610643" s="10"/>
    </row>
    <row r="610644" spans="14:14">
      <c r="N610644" s="10"/>
    </row>
    <row r="610645" spans="14:14">
      <c r="N610645" s="10"/>
    </row>
    <row r="610646" spans="14:14">
      <c r="N610646" s="10"/>
    </row>
    <row r="610647" spans="14:14">
      <c r="N610647" s="10"/>
    </row>
    <row r="610648" spans="14:14">
      <c r="N610648" s="10"/>
    </row>
    <row r="610649" spans="14:14">
      <c r="N610649" s="10"/>
    </row>
    <row r="610650" spans="14:14">
      <c r="N610650" s="10"/>
    </row>
    <row r="610651" spans="14:14">
      <c r="N610651" s="10"/>
    </row>
    <row r="610652" spans="14:14">
      <c r="N610652" s="10"/>
    </row>
    <row r="610653" spans="14:14">
      <c r="N610653" s="10"/>
    </row>
    <row r="610654" spans="14:14">
      <c r="N610654" s="10"/>
    </row>
    <row r="610655" spans="14:14">
      <c r="N610655" s="10"/>
    </row>
    <row r="610656" spans="14:14">
      <c r="N610656" s="10"/>
    </row>
    <row r="610657" spans="14:14">
      <c r="N610657" s="10"/>
    </row>
    <row r="610658" spans="14:14">
      <c r="N610658" s="10"/>
    </row>
    <row r="610659" spans="14:14">
      <c r="N610659" s="10"/>
    </row>
    <row r="610660" spans="14:14">
      <c r="N610660" s="10"/>
    </row>
    <row r="610661" spans="14:14">
      <c r="N610661" s="10"/>
    </row>
    <row r="610662" spans="14:14">
      <c r="N610662" s="10"/>
    </row>
    <row r="610663" spans="14:14">
      <c r="N610663" s="10"/>
    </row>
    <row r="610664" spans="14:14">
      <c r="N610664" s="10"/>
    </row>
    <row r="610665" spans="14:14">
      <c r="N610665" s="10"/>
    </row>
    <row r="610666" spans="14:14">
      <c r="N610666" s="10"/>
    </row>
    <row r="610667" spans="14:14">
      <c r="N610667" s="10"/>
    </row>
    <row r="610668" spans="14:14">
      <c r="N610668" s="10"/>
    </row>
    <row r="610669" spans="14:14">
      <c r="N610669" s="10"/>
    </row>
    <row r="610670" spans="14:14">
      <c r="N610670" s="10"/>
    </row>
    <row r="610671" spans="14:14">
      <c r="N610671" s="10"/>
    </row>
    <row r="610672" spans="14:14">
      <c r="N610672" s="10"/>
    </row>
    <row r="610673" spans="14:14">
      <c r="N610673" s="10"/>
    </row>
    <row r="610674" spans="14:14">
      <c r="N610674" s="10"/>
    </row>
    <row r="610675" spans="14:14">
      <c r="N610675" s="10"/>
    </row>
    <row r="610676" spans="14:14">
      <c r="N610676" s="10"/>
    </row>
    <row r="610677" spans="14:14">
      <c r="N610677" s="10"/>
    </row>
    <row r="610678" spans="14:14">
      <c r="N610678" s="10"/>
    </row>
    <row r="610679" spans="14:14">
      <c r="N610679" s="10"/>
    </row>
    <row r="610680" spans="14:14">
      <c r="N610680" s="10"/>
    </row>
    <row r="610681" spans="14:14">
      <c r="N610681" s="10"/>
    </row>
    <row r="610682" spans="14:14">
      <c r="N610682" s="10"/>
    </row>
    <row r="610683" spans="14:14">
      <c r="N610683" s="10"/>
    </row>
    <row r="610684" spans="14:14">
      <c r="N610684" s="10"/>
    </row>
    <row r="610685" spans="14:14">
      <c r="N610685" s="10"/>
    </row>
    <row r="610686" spans="14:14">
      <c r="N610686" s="10"/>
    </row>
    <row r="610687" spans="14:14">
      <c r="N610687" s="10"/>
    </row>
    <row r="610688" spans="14:14">
      <c r="N610688" s="10"/>
    </row>
    <row r="610689" spans="14:14">
      <c r="N610689" s="10"/>
    </row>
    <row r="610690" spans="14:14">
      <c r="N610690" s="10"/>
    </row>
    <row r="610691" spans="14:14">
      <c r="N610691" s="10"/>
    </row>
    <row r="610692" spans="14:14">
      <c r="N610692" s="10"/>
    </row>
    <row r="610693" spans="14:14">
      <c r="N610693" s="10"/>
    </row>
    <row r="610694" spans="14:14">
      <c r="N610694" s="10"/>
    </row>
    <row r="610695" spans="14:14">
      <c r="N610695" s="10"/>
    </row>
    <row r="610696" spans="14:14">
      <c r="N610696" s="10"/>
    </row>
    <row r="610697" spans="14:14">
      <c r="N610697" s="10"/>
    </row>
    <row r="610698" spans="14:14">
      <c r="N610698" s="10"/>
    </row>
    <row r="610699" spans="14:14">
      <c r="N610699" s="10"/>
    </row>
    <row r="610700" spans="14:14">
      <c r="N610700" s="10"/>
    </row>
    <row r="610701" spans="14:14">
      <c r="N610701" s="10"/>
    </row>
    <row r="610702" spans="14:14">
      <c r="N610702" s="10"/>
    </row>
    <row r="610703" spans="14:14">
      <c r="N610703" s="10"/>
    </row>
    <row r="610704" spans="14:14">
      <c r="N610704" s="10"/>
    </row>
    <row r="610705" spans="14:14">
      <c r="N610705" s="10"/>
    </row>
    <row r="610706" spans="14:14">
      <c r="N610706" s="10"/>
    </row>
    <row r="610707" spans="14:14">
      <c r="N610707" s="10"/>
    </row>
    <row r="610708" spans="14:14">
      <c r="N610708" s="10"/>
    </row>
    <row r="610709" spans="14:14">
      <c r="N610709" s="10"/>
    </row>
    <row r="610710" spans="14:14">
      <c r="N610710" s="10"/>
    </row>
    <row r="610711" spans="14:14">
      <c r="N610711" s="10"/>
    </row>
    <row r="610712" spans="14:14">
      <c r="N610712" s="10"/>
    </row>
    <row r="610713" spans="14:14">
      <c r="N610713" s="10"/>
    </row>
    <row r="610714" spans="14:14">
      <c r="N610714" s="10"/>
    </row>
    <row r="610715" spans="14:14">
      <c r="N610715" s="10"/>
    </row>
    <row r="610716" spans="14:14">
      <c r="N610716" s="10"/>
    </row>
    <row r="610717" spans="14:14">
      <c r="N610717" s="10"/>
    </row>
    <row r="610718" spans="14:14">
      <c r="N610718" s="10"/>
    </row>
    <row r="610719" spans="14:14">
      <c r="N610719" s="10"/>
    </row>
    <row r="610720" spans="14:14">
      <c r="N610720" s="10"/>
    </row>
    <row r="610721" spans="14:14">
      <c r="N610721" s="10"/>
    </row>
    <row r="610722" spans="14:14">
      <c r="N610722" s="10"/>
    </row>
    <row r="610723" spans="14:14">
      <c r="N610723" s="10"/>
    </row>
    <row r="610724" spans="14:14">
      <c r="N610724" s="10"/>
    </row>
    <row r="610725" spans="14:14">
      <c r="N610725" s="10"/>
    </row>
    <row r="610726" spans="14:14">
      <c r="N610726" s="10"/>
    </row>
    <row r="610727" spans="14:14">
      <c r="N610727" s="10"/>
    </row>
    <row r="610728" spans="14:14">
      <c r="N610728" s="10"/>
    </row>
    <row r="610729" spans="14:14">
      <c r="N610729" s="10"/>
    </row>
    <row r="610730" spans="14:14">
      <c r="N610730" s="10"/>
    </row>
    <row r="610731" spans="14:14">
      <c r="N610731" s="10"/>
    </row>
    <row r="610732" spans="14:14">
      <c r="N610732" s="10"/>
    </row>
    <row r="610733" spans="14:14">
      <c r="N610733" s="10"/>
    </row>
    <row r="610734" spans="14:14">
      <c r="N610734" s="10"/>
    </row>
    <row r="610735" spans="14:14">
      <c r="N610735" s="10"/>
    </row>
    <row r="610736" spans="14:14">
      <c r="N610736" s="10"/>
    </row>
    <row r="610737" spans="14:14">
      <c r="N610737" s="10"/>
    </row>
    <row r="610738" spans="14:14">
      <c r="N610738" s="10"/>
    </row>
    <row r="610739" spans="14:14">
      <c r="N610739" s="10"/>
    </row>
    <row r="610740" spans="14:14">
      <c r="N610740" s="10"/>
    </row>
    <row r="610741" spans="14:14">
      <c r="N610741" s="10"/>
    </row>
    <row r="610742" spans="14:14">
      <c r="N610742" s="10"/>
    </row>
    <row r="610743" spans="14:14">
      <c r="N610743" s="10"/>
    </row>
    <row r="610744" spans="14:14">
      <c r="N610744" s="10"/>
    </row>
    <row r="610745" spans="14:14">
      <c r="N610745" s="10"/>
    </row>
    <row r="610746" spans="14:14">
      <c r="N610746" s="10"/>
    </row>
    <row r="610747" spans="14:14">
      <c r="N610747" s="10"/>
    </row>
    <row r="610748" spans="14:14">
      <c r="N610748" s="10"/>
    </row>
    <row r="610749" spans="14:14">
      <c r="N610749" s="10"/>
    </row>
    <row r="610750" spans="14:14">
      <c r="N610750" s="10"/>
    </row>
    <row r="610751" spans="14:14">
      <c r="N610751" s="10"/>
    </row>
    <row r="610752" spans="14:14">
      <c r="N610752" s="10"/>
    </row>
    <row r="610753" spans="14:14">
      <c r="N610753" s="10"/>
    </row>
    <row r="610754" spans="14:14">
      <c r="N610754" s="10"/>
    </row>
    <row r="610755" spans="14:14">
      <c r="N610755" s="10"/>
    </row>
    <row r="610756" spans="14:14">
      <c r="N610756" s="10"/>
    </row>
    <row r="610757" spans="14:14">
      <c r="N610757" s="10"/>
    </row>
    <row r="610758" spans="14:14">
      <c r="N610758" s="10"/>
    </row>
    <row r="610759" spans="14:14">
      <c r="N610759" s="10"/>
    </row>
    <row r="610760" spans="14:14">
      <c r="N610760" s="10"/>
    </row>
    <row r="610761" spans="14:14">
      <c r="N610761" s="10"/>
    </row>
    <row r="610762" spans="14:14">
      <c r="N610762" s="10"/>
    </row>
    <row r="610763" spans="14:14">
      <c r="N610763" s="10"/>
    </row>
    <row r="610764" spans="14:14">
      <c r="N610764" s="10"/>
    </row>
    <row r="610765" spans="14:14">
      <c r="N610765" s="10"/>
    </row>
    <row r="610766" spans="14:14">
      <c r="N610766" s="10"/>
    </row>
    <row r="610767" spans="14:14">
      <c r="N610767" s="10"/>
    </row>
    <row r="610768" spans="14:14">
      <c r="N610768" s="10"/>
    </row>
    <row r="610769" spans="14:14">
      <c r="N610769" s="10"/>
    </row>
    <row r="610770" spans="14:14">
      <c r="N610770" s="10"/>
    </row>
    <row r="610771" spans="14:14">
      <c r="N610771" s="10"/>
    </row>
    <row r="610772" spans="14:14">
      <c r="N610772" s="10"/>
    </row>
    <row r="610773" spans="14:14">
      <c r="N610773" s="10"/>
    </row>
    <row r="610774" spans="14:14">
      <c r="N610774" s="10"/>
    </row>
    <row r="610775" spans="14:14">
      <c r="N610775" s="10"/>
    </row>
    <row r="610776" spans="14:14">
      <c r="N610776" s="10"/>
    </row>
    <row r="610777" spans="14:14">
      <c r="N610777" s="10"/>
    </row>
    <row r="610778" spans="14:14">
      <c r="N610778" s="10"/>
    </row>
    <row r="610779" spans="14:14">
      <c r="N610779" s="10"/>
    </row>
    <row r="610780" spans="14:14">
      <c r="N610780" s="10"/>
    </row>
    <row r="610781" spans="14:14">
      <c r="N610781" s="10"/>
    </row>
    <row r="610782" spans="14:14">
      <c r="N610782" s="10"/>
    </row>
    <row r="610783" spans="14:14">
      <c r="N610783" s="10"/>
    </row>
    <row r="610784" spans="14:14">
      <c r="N610784" s="10"/>
    </row>
    <row r="610785" spans="14:14">
      <c r="N610785" s="10"/>
    </row>
    <row r="610786" spans="14:14">
      <c r="N610786" s="10"/>
    </row>
    <row r="610787" spans="14:14">
      <c r="N610787" s="10"/>
    </row>
    <row r="610788" spans="14:14">
      <c r="N610788" s="10"/>
    </row>
    <row r="610789" spans="14:14">
      <c r="N610789" s="10"/>
    </row>
    <row r="610790" spans="14:14">
      <c r="N610790" s="10"/>
    </row>
    <row r="610791" spans="14:14">
      <c r="N610791" s="10"/>
    </row>
    <row r="610792" spans="14:14">
      <c r="N610792" s="10"/>
    </row>
    <row r="610793" spans="14:14">
      <c r="N610793" s="10"/>
    </row>
    <row r="610794" spans="14:14">
      <c r="N610794" s="10"/>
    </row>
    <row r="610795" spans="14:14">
      <c r="N610795" s="10"/>
    </row>
    <row r="610796" spans="14:14">
      <c r="N610796" s="10"/>
    </row>
    <row r="610797" spans="14:14">
      <c r="N610797" s="10"/>
    </row>
    <row r="610798" spans="14:14">
      <c r="N610798" s="10"/>
    </row>
    <row r="610799" spans="14:14">
      <c r="N610799" s="10"/>
    </row>
    <row r="610800" spans="14:14">
      <c r="N610800" s="10"/>
    </row>
    <row r="610801" spans="14:14">
      <c r="N610801" s="10"/>
    </row>
    <row r="610802" spans="14:14">
      <c r="N610802" s="10"/>
    </row>
    <row r="610803" spans="14:14">
      <c r="N610803" s="10"/>
    </row>
    <row r="610804" spans="14:14">
      <c r="N610804" s="10"/>
    </row>
    <row r="610805" spans="14:14">
      <c r="N610805" s="10"/>
    </row>
    <row r="610806" spans="14:14">
      <c r="N610806" s="10"/>
    </row>
    <row r="610807" spans="14:14">
      <c r="N610807" s="10"/>
    </row>
    <row r="610808" spans="14:14">
      <c r="N610808" s="10"/>
    </row>
    <row r="610809" spans="14:14">
      <c r="N610809" s="10"/>
    </row>
    <row r="610810" spans="14:14">
      <c r="N610810" s="10"/>
    </row>
    <row r="610811" spans="14:14">
      <c r="N610811" s="10"/>
    </row>
    <row r="610812" spans="14:14">
      <c r="N610812" s="10"/>
    </row>
    <row r="610813" spans="14:14">
      <c r="N610813" s="10"/>
    </row>
    <row r="610814" spans="14:14">
      <c r="N610814" s="10"/>
    </row>
    <row r="610815" spans="14:14">
      <c r="N610815" s="10"/>
    </row>
    <row r="610816" spans="14:14">
      <c r="N610816" s="10"/>
    </row>
    <row r="610817" spans="14:14">
      <c r="N610817" s="10"/>
    </row>
    <row r="610818" spans="14:14">
      <c r="N610818" s="10"/>
    </row>
    <row r="610819" spans="14:14">
      <c r="N610819" s="10"/>
    </row>
    <row r="610820" spans="14:14">
      <c r="N610820" s="10"/>
    </row>
    <row r="610821" spans="14:14">
      <c r="N610821" s="10"/>
    </row>
    <row r="610822" spans="14:14">
      <c r="N610822" s="10"/>
    </row>
    <row r="610823" spans="14:14">
      <c r="N610823" s="10"/>
    </row>
    <row r="610824" spans="14:14">
      <c r="N610824" s="10"/>
    </row>
    <row r="610825" spans="14:14">
      <c r="N610825" s="10"/>
    </row>
    <row r="610826" spans="14:14">
      <c r="N610826" s="10"/>
    </row>
    <row r="610827" spans="14:14">
      <c r="N610827" s="10"/>
    </row>
    <row r="610828" spans="14:14">
      <c r="N610828" s="10"/>
    </row>
    <row r="610829" spans="14:14">
      <c r="N610829" s="10"/>
    </row>
    <row r="610830" spans="14:14">
      <c r="N610830" s="10"/>
    </row>
    <row r="610831" spans="14:14">
      <c r="N610831" s="10"/>
    </row>
    <row r="610832" spans="14:14">
      <c r="N610832" s="10"/>
    </row>
    <row r="610833" spans="14:14">
      <c r="N610833" s="10"/>
    </row>
    <row r="610834" spans="14:14">
      <c r="N610834" s="10"/>
    </row>
    <row r="610835" spans="14:14">
      <c r="N610835" s="10"/>
    </row>
    <row r="610836" spans="14:14">
      <c r="N610836" s="10"/>
    </row>
    <row r="610837" spans="14:14">
      <c r="N610837" s="10"/>
    </row>
    <row r="610838" spans="14:14">
      <c r="N610838" s="10"/>
    </row>
    <row r="610839" spans="14:14">
      <c r="N610839" s="10"/>
    </row>
    <row r="610840" spans="14:14">
      <c r="N610840" s="10"/>
    </row>
    <row r="610841" spans="14:14">
      <c r="N610841" s="10"/>
    </row>
    <row r="610842" spans="14:14">
      <c r="N610842" s="10"/>
    </row>
    <row r="610843" spans="14:14">
      <c r="N610843" s="10"/>
    </row>
    <row r="610844" spans="14:14">
      <c r="N610844" s="10"/>
    </row>
    <row r="610845" spans="14:14">
      <c r="N610845" s="10"/>
    </row>
    <row r="610846" spans="14:14">
      <c r="N610846" s="10"/>
    </row>
    <row r="610847" spans="14:14">
      <c r="N610847" s="10"/>
    </row>
    <row r="610848" spans="14:14">
      <c r="N610848" s="10"/>
    </row>
    <row r="610849" spans="14:14">
      <c r="N610849" s="10"/>
    </row>
    <row r="610850" spans="14:14">
      <c r="N610850" s="10"/>
    </row>
    <row r="610851" spans="14:14">
      <c r="N610851" s="10"/>
    </row>
    <row r="610852" spans="14:14">
      <c r="N610852" s="10"/>
    </row>
    <row r="610853" spans="14:14">
      <c r="N610853" s="10"/>
    </row>
    <row r="610854" spans="14:14">
      <c r="N610854" s="10"/>
    </row>
    <row r="610855" spans="14:14">
      <c r="N610855" s="10"/>
    </row>
    <row r="610856" spans="14:14">
      <c r="N610856" s="10"/>
    </row>
    <row r="610857" spans="14:14">
      <c r="N610857" s="10"/>
    </row>
    <row r="610858" spans="14:14">
      <c r="N610858" s="10"/>
    </row>
    <row r="610859" spans="14:14">
      <c r="N610859" s="10"/>
    </row>
    <row r="610860" spans="14:14">
      <c r="N610860" s="10"/>
    </row>
    <row r="610861" spans="14:14">
      <c r="N610861" s="10"/>
    </row>
    <row r="610862" spans="14:14">
      <c r="N610862" s="10"/>
    </row>
    <row r="610863" spans="14:14">
      <c r="N610863" s="10"/>
    </row>
    <row r="610864" spans="14:14">
      <c r="N610864" s="10"/>
    </row>
    <row r="610865" spans="14:14">
      <c r="N610865" s="10"/>
    </row>
    <row r="610866" spans="14:14">
      <c r="N610866" s="10"/>
    </row>
    <row r="610867" spans="14:14">
      <c r="N610867" s="10"/>
    </row>
    <row r="610868" spans="14:14">
      <c r="N610868" s="10"/>
    </row>
    <row r="610869" spans="14:14">
      <c r="N610869" s="10"/>
    </row>
    <row r="610870" spans="14:14">
      <c r="N610870" s="10"/>
    </row>
    <row r="610871" spans="14:14">
      <c r="N610871" s="10"/>
    </row>
    <row r="610872" spans="14:14">
      <c r="N610872" s="10"/>
    </row>
    <row r="610873" spans="14:14">
      <c r="N610873" s="10"/>
    </row>
    <row r="610874" spans="14:14">
      <c r="N610874" s="10"/>
    </row>
    <row r="610875" spans="14:14">
      <c r="N610875" s="10"/>
    </row>
    <row r="610876" spans="14:14">
      <c r="N610876" s="10"/>
    </row>
    <row r="610877" spans="14:14">
      <c r="N610877" s="10"/>
    </row>
    <row r="610878" spans="14:14">
      <c r="N610878" s="10"/>
    </row>
    <row r="610879" spans="14:14">
      <c r="N610879" s="10"/>
    </row>
    <row r="610880" spans="14:14">
      <c r="N610880" s="10"/>
    </row>
    <row r="610881" spans="14:14">
      <c r="N610881" s="10"/>
    </row>
    <row r="610882" spans="14:14">
      <c r="N610882" s="10"/>
    </row>
    <row r="610883" spans="14:14">
      <c r="N610883" s="10"/>
    </row>
    <row r="610884" spans="14:14">
      <c r="N610884" s="10"/>
    </row>
    <row r="610885" spans="14:14">
      <c r="N610885" s="10"/>
    </row>
    <row r="610886" spans="14:14">
      <c r="N610886" s="10"/>
    </row>
    <row r="610887" spans="14:14">
      <c r="N610887" s="10"/>
    </row>
    <row r="610888" spans="14:14">
      <c r="N610888" s="10"/>
    </row>
    <row r="610889" spans="14:14">
      <c r="N610889" s="10"/>
    </row>
    <row r="610890" spans="14:14">
      <c r="N610890" s="10"/>
    </row>
    <row r="610891" spans="14:14">
      <c r="N610891" s="10"/>
    </row>
    <row r="610892" spans="14:14">
      <c r="N610892" s="10"/>
    </row>
    <row r="610893" spans="14:14">
      <c r="N610893" s="10"/>
    </row>
    <row r="610894" spans="14:14">
      <c r="N610894" s="10"/>
    </row>
    <row r="610895" spans="14:14">
      <c r="N610895" s="10"/>
    </row>
    <row r="610896" spans="14:14">
      <c r="N610896" s="10"/>
    </row>
    <row r="610897" spans="14:14">
      <c r="N610897" s="10"/>
    </row>
    <row r="610898" spans="14:14">
      <c r="N610898" s="10"/>
    </row>
    <row r="610899" spans="14:14">
      <c r="N610899" s="10"/>
    </row>
    <row r="610900" spans="14:14">
      <c r="N610900" s="10"/>
    </row>
    <row r="610901" spans="14:14">
      <c r="N610901" s="10"/>
    </row>
    <row r="610902" spans="14:14">
      <c r="N610902" s="10"/>
    </row>
    <row r="610903" spans="14:14">
      <c r="N610903" s="10"/>
    </row>
    <row r="610904" spans="14:14">
      <c r="N610904" s="10"/>
    </row>
    <row r="610905" spans="14:14">
      <c r="N610905" s="10"/>
    </row>
    <row r="610906" spans="14:14">
      <c r="N610906" s="10"/>
    </row>
    <row r="610907" spans="14:14">
      <c r="N610907" s="10"/>
    </row>
    <row r="610908" spans="14:14">
      <c r="N610908" s="10"/>
    </row>
    <row r="610909" spans="14:14">
      <c r="N610909" s="10"/>
    </row>
    <row r="610910" spans="14:14">
      <c r="N610910" s="10"/>
    </row>
    <row r="610911" spans="14:14">
      <c r="N610911" s="10"/>
    </row>
    <row r="610912" spans="14:14">
      <c r="N610912" s="10"/>
    </row>
    <row r="610913" spans="14:14">
      <c r="N610913" s="10"/>
    </row>
    <row r="610914" spans="14:14">
      <c r="N610914" s="10"/>
    </row>
    <row r="610915" spans="14:14">
      <c r="N610915" s="10"/>
    </row>
    <row r="610916" spans="14:14">
      <c r="N610916" s="10"/>
    </row>
    <row r="610917" spans="14:14">
      <c r="N610917" s="10"/>
    </row>
    <row r="610918" spans="14:14">
      <c r="N610918" s="10"/>
    </row>
    <row r="610919" spans="14:14">
      <c r="N610919" s="10"/>
    </row>
    <row r="610920" spans="14:14">
      <c r="N610920" s="10"/>
    </row>
    <row r="610921" spans="14:14">
      <c r="N610921" s="10"/>
    </row>
    <row r="610922" spans="14:14">
      <c r="N610922" s="10"/>
    </row>
    <row r="610923" spans="14:14">
      <c r="N610923" s="10"/>
    </row>
    <row r="610924" spans="14:14">
      <c r="N610924" s="10"/>
    </row>
    <row r="610925" spans="14:14">
      <c r="N610925" s="10"/>
    </row>
    <row r="610926" spans="14:14">
      <c r="N610926" s="10"/>
    </row>
    <row r="610927" spans="14:14">
      <c r="N610927" s="10"/>
    </row>
    <row r="610928" spans="14:14">
      <c r="N610928" s="10"/>
    </row>
    <row r="610929" spans="14:14">
      <c r="N610929" s="10"/>
    </row>
    <row r="610930" spans="14:14">
      <c r="N610930" s="10"/>
    </row>
    <row r="610931" spans="14:14">
      <c r="N610931" s="10"/>
    </row>
    <row r="610932" spans="14:14">
      <c r="N610932" s="10"/>
    </row>
    <row r="610933" spans="14:14">
      <c r="N610933" s="10"/>
    </row>
    <row r="610934" spans="14:14">
      <c r="N610934" s="10"/>
    </row>
    <row r="610935" spans="14:14">
      <c r="N610935" s="10"/>
    </row>
    <row r="610936" spans="14:14">
      <c r="N610936" s="10"/>
    </row>
    <row r="610937" spans="14:14">
      <c r="N610937" s="10"/>
    </row>
    <row r="610938" spans="14:14">
      <c r="N610938" s="10"/>
    </row>
    <row r="610939" spans="14:14">
      <c r="N610939" s="10"/>
    </row>
    <row r="610940" spans="14:14">
      <c r="N610940" s="10"/>
    </row>
    <row r="610941" spans="14:14">
      <c r="N610941" s="10"/>
    </row>
    <row r="610942" spans="14:14">
      <c r="N610942" s="10"/>
    </row>
    <row r="610943" spans="14:14">
      <c r="N610943" s="10"/>
    </row>
    <row r="610944" spans="14:14">
      <c r="N610944" s="10"/>
    </row>
    <row r="610945" spans="14:14">
      <c r="N610945" s="10"/>
    </row>
    <row r="610946" spans="14:14">
      <c r="N610946" s="10"/>
    </row>
    <row r="610947" spans="14:14">
      <c r="N610947" s="10"/>
    </row>
    <row r="610948" spans="14:14">
      <c r="N610948" s="10"/>
    </row>
    <row r="610949" spans="14:14">
      <c r="N610949" s="10"/>
    </row>
    <row r="610950" spans="14:14">
      <c r="N610950" s="10"/>
    </row>
    <row r="610951" spans="14:14">
      <c r="N610951" s="10"/>
    </row>
    <row r="610952" spans="14:14">
      <c r="N610952" s="10"/>
    </row>
    <row r="610953" spans="14:14">
      <c r="N610953" s="10"/>
    </row>
    <row r="610954" spans="14:14">
      <c r="N610954" s="10"/>
    </row>
    <row r="610955" spans="14:14">
      <c r="N610955" s="10"/>
    </row>
    <row r="610956" spans="14:14">
      <c r="N610956" s="10"/>
    </row>
    <row r="610957" spans="14:14">
      <c r="N610957" s="10"/>
    </row>
    <row r="610958" spans="14:14">
      <c r="N610958" s="10"/>
    </row>
    <row r="610959" spans="14:14">
      <c r="N610959" s="10"/>
    </row>
    <row r="610960" spans="14:14">
      <c r="N610960" s="10"/>
    </row>
    <row r="610961" spans="14:14">
      <c r="N610961" s="10"/>
    </row>
    <row r="610962" spans="14:14">
      <c r="N610962" s="10"/>
    </row>
    <row r="610963" spans="14:14">
      <c r="N610963" s="10"/>
    </row>
    <row r="610964" spans="14:14">
      <c r="N610964" s="10"/>
    </row>
    <row r="610965" spans="14:14">
      <c r="N610965" s="10"/>
    </row>
    <row r="610966" spans="14:14">
      <c r="N610966" s="10"/>
    </row>
    <row r="610967" spans="14:14">
      <c r="N610967" s="10"/>
    </row>
    <row r="610968" spans="14:14">
      <c r="N610968" s="10"/>
    </row>
    <row r="610969" spans="14:14">
      <c r="N610969" s="10"/>
    </row>
    <row r="610970" spans="14:14">
      <c r="N610970" s="10"/>
    </row>
    <row r="610971" spans="14:14">
      <c r="N610971" s="10"/>
    </row>
    <row r="610972" spans="14:14">
      <c r="N610972" s="10"/>
    </row>
    <row r="610973" spans="14:14">
      <c r="N610973" s="10"/>
    </row>
    <row r="610974" spans="14:14">
      <c r="N610974" s="10"/>
    </row>
    <row r="610975" spans="14:14">
      <c r="N610975" s="10"/>
    </row>
    <row r="610976" spans="14:14">
      <c r="N610976" s="10"/>
    </row>
    <row r="610977" spans="14:14">
      <c r="N610977" s="10"/>
    </row>
    <row r="610978" spans="14:14">
      <c r="N610978" s="10"/>
    </row>
    <row r="610979" spans="14:14">
      <c r="N610979" s="10"/>
    </row>
    <row r="610980" spans="14:14">
      <c r="N610980" s="10"/>
    </row>
    <row r="610981" spans="14:14">
      <c r="N610981" s="10"/>
    </row>
    <row r="610982" spans="14:14">
      <c r="N610982" s="10"/>
    </row>
    <row r="610983" spans="14:14">
      <c r="N610983" s="10"/>
    </row>
    <row r="610984" spans="14:14">
      <c r="N610984" s="10"/>
    </row>
    <row r="610985" spans="14:14">
      <c r="N610985" s="10"/>
    </row>
    <row r="610986" spans="14:14">
      <c r="N610986" s="10"/>
    </row>
    <row r="610987" spans="14:14">
      <c r="N610987" s="10"/>
    </row>
    <row r="610988" spans="14:14">
      <c r="N610988" s="10"/>
    </row>
    <row r="610989" spans="14:14">
      <c r="N610989" s="10"/>
    </row>
    <row r="610990" spans="14:14">
      <c r="N610990" s="10"/>
    </row>
    <row r="610991" spans="14:14">
      <c r="N610991" s="10"/>
    </row>
    <row r="610992" spans="14:14">
      <c r="N610992" s="10"/>
    </row>
    <row r="610993" spans="14:14">
      <c r="N610993" s="10"/>
    </row>
    <row r="610994" spans="14:14">
      <c r="N610994" s="10"/>
    </row>
    <row r="610995" spans="14:14">
      <c r="N610995" s="10"/>
    </row>
    <row r="610996" spans="14:14">
      <c r="N610996" s="10"/>
    </row>
    <row r="610997" spans="14:14">
      <c r="N610997" s="10"/>
    </row>
    <row r="610998" spans="14:14">
      <c r="N610998" s="10"/>
    </row>
    <row r="610999" spans="14:14">
      <c r="N610999" s="10"/>
    </row>
    <row r="611000" spans="14:14">
      <c r="N611000" s="10"/>
    </row>
    <row r="611001" spans="14:14">
      <c r="N611001" s="10"/>
    </row>
    <row r="611002" spans="14:14">
      <c r="N611002" s="10"/>
    </row>
    <row r="611003" spans="14:14">
      <c r="N611003" s="10"/>
    </row>
    <row r="611004" spans="14:14">
      <c r="N611004" s="10"/>
    </row>
    <row r="611005" spans="14:14">
      <c r="N611005" s="10"/>
    </row>
    <row r="611006" spans="14:14">
      <c r="N611006" s="10"/>
    </row>
    <row r="611007" spans="14:14">
      <c r="N611007" s="10"/>
    </row>
    <row r="611008" spans="14:14">
      <c r="N611008" s="10"/>
    </row>
    <row r="611009" spans="14:14">
      <c r="N611009" s="10"/>
    </row>
    <row r="611010" spans="14:14">
      <c r="N611010" s="10"/>
    </row>
    <row r="611011" spans="14:14">
      <c r="N611011" s="10"/>
    </row>
    <row r="611012" spans="14:14">
      <c r="N611012" s="10"/>
    </row>
    <row r="611013" spans="14:14">
      <c r="N611013" s="10"/>
    </row>
    <row r="611014" spans="14:14">
      <c r="N611014" s="10"/>
    </row>
    <row r="611015" spans="14:14">
      <c r="N611015" s="10"/>
    </row>
    <row r="611016" spans="14:14">
      <c r="N611016" s="10"/>
    </row>
    <row r="611017" spans="14:14">
      <c r="N611017" s="10"/>
    </row>
    <row r="611018" spans="14:14">
      <c r="N611018" s="10"/>
    </row>
    <row r="611019" spans="14:14">
      <c r="N611019" s="10"/>
    </row>
    <row r="611020" spans="14:14">
      <c r="N611020" s="10"/>
    </row>
    <row r="611021" spans="14:14">
      <c r="N611021" s="10"/>
    </row>
    <row r="611022" spans="14:14">
      <c r="N611022" s="10"/>
    </row>
    <row r="611023" spans="14:14">
      <c r="N611023" s="10"/>
    </row>
    <row r="611024" spans="14:14">
      <c r="N611024" s="10"/>
    </row>
    <row r="611025" spans="14:14">
      <c r="N611025" s="10"/>
    </row>
    <row r="611026" spans="14:14">
      <c r="N611026" s="10"/>
    </row>
    <row r="611027" spans="14:14">
      <c r="N611027" s="10"/>
    </row>
    <row r="611028" spans="14:14">
      <c r="N611028" s="10"/>
    </row>
    <row r="611029" spans="14:14">
      <c r="N611029" s="10"/>
    </row>
    <row r="611030" spans="14:14">
      <c r="N611030" s="10"/>
    </row>
    <row r="611031" spans="14:14">
      <c r="N611031" s="10"/>
    </row>
    <row r="611032" spans="14:14">
      <c r="N611032" s="10"/>
    </row>
    <row r="611033" spans="14:14">
      <c r="N611033" s="10"/>
    </row>
    <row r="611034" spans="14:14">
      <c r="N611034" s="10"/>
    </row>
    <row r="611035" spans="14:14">
      <c r="N611035" s="10"/>
    </row>
    <row r="611036" spans="14:14">
      <c r="N611036" s="10"/>
    </row>
    <row r="611037" spans="14:14">
      <c r="N611037" s="10"/>
    </row>
    <row r="611038" spans="14:14">
      <c r="N611038" s="10"/>
    </row>
    <row r="611039" spans="14:14">
      <c r="N611039" s="10"/>
    </row>
    <row r="611040" spans="14:14">
      <c r="N611040" s="10"/>
    </row>
    <row r="611041" spans="14:14">
      <c r="N611041" s="10"/>
    </row>
    <row r="611042" spans="14:14">
      <c r="N611042" s="10"/>
    </row>
    <row r="611043" spans="14:14">
      <c r="N611043" s="10"/>
    </row>
    <row r="611044" spans="14:14">
      <c r="N611044" s="10"/>
    </row>
    <row r="611045" spans="14:14">
      <c r="N611045" s="10"/>
    </row>
    <row r="611046" spans="14:14">
      <c r="N611046" s="10"/>
    </row>
    <row r="611047" spans="14:14">
      <c r="N611047" s="10"/>
    </row>
    <row r="611048" spans="14:14">
      <c r="N611048" s="10"/>
    </row>
    <row r="611049" spans="14:14">
      <c r="N611049" s="10"/>
    </row>
    <row r="611050" spans="14:14">
      <c r="N611050" s="10"/>
    </row>
    <row r="611051" spans="14:14">
      <c r="N611051" s="10"/>
    </row>
    <row r="611052" spans="14:14">
      <c r="N611052" s="10"/>
    </row>
    <row r="611053" spans="14:14">
      <c r="N611053" s="10"/>
    </row>
    <row r="611054" spans="14:14">
      <c r="N611054" s="10"/>
    </row>
    <row r="611055" spans="14:14">
      <c r="N611055" s="10"/>
    </row>
    <row r="611056" spans="14:14">
      <c r="N611056" s="10"/>
    </row>
    <row r="611057" spans="14:14">
      <c r="N611057" s="10"/>
    </row>
    <row r="611058" spans="14:14">
      <c r="N611058" s="10"/>
    </row>
    <row r="611059" spans="14:14">
      <c r="N611059" s="10"/>
    </row>
    <row r="611060" spans="14:14">
      <c r="N611060" s="10"/>
    </row>
    <row r="611061" spans="14:14">
      <c r="N611061" s="10"/>
    </row>
    <row r="611062" spans="14:14">
      <c r="N611062" s="10"/>
    </row>
    <row r="611063" spans="14:14">
      <c r="N611063" s="10"/>
    </row>
    <row r="611064" spans="14:14">
      <c r="N611064" s="10"/>
    </row>
    <row r="611065" spans="14:14">
      <c r="N611065" s="10"/>
    </row>
    <row r="611066" spans="14:14">
      <c r="N611066" s="10"/>
    </row>
    <row r="611067" spans="14:14">
      <c r="N611067" s="10"/>
    </row>
    <row r="611068" spans="14:14">
      <c r="N611068" s="10"/>
    </row>
    <row r="611069" spans="14:14">
      <c r="N611069" s="10"/>
    </row>
    <row r="611070" spans="14:14">
      <c r="N611070" s="10"/>
    </row>
    <row r="611071" spans="14:14">
      <c r="N611071" s="10"/>
    </row>
    <row r="611072" spans="14:14">
      <c r="N611072" s="10"/>
    </row>
    <row r="611073" spans="14:14">
      <c r="N611073" s="10"/>
    </row>
    <row r="611074" spans="14:14">
      <c r="N611074" s="10"/>
    </row>
    <row r="611075" spans="14:14">
      <c r="N611075" s="10"/>
    </row>
    <row r="611076" spans="14:14">
      <c r="N611076" s="10"/>
    </row>
    <row r="611077" spans="14:14">
      <c r="N611077" s="10"/>
    </row>
    <row r="611078" spans="14:14">
      <c r="N611078" s="10"/>
    </row>
    <row r="611079" spans="14:14">
      <c r="N611079" s="10"/>
    </row>
    <row r="611080" spans="14:14">
      <c r="N611080" s="10"/>
    </row>
    <row r="611081" spans="14:14">
      <c r="N611081" s="10"/>
    </row>
    <row r="611082" spans="14:14">
      <c r="N611082" s="10"/>
    </row>
    <row r="611083" spans="14:14">
      <c r="N611083" s="10"/>
    </row>
    <row r="611084" spans="14:14">
      <c r="N611084" s="10"/>
    </row>
    <row r="611085" spans="14:14">
      <c r="N611085" s="10"/>
    </row>
    <row r="611086" spans="14:14">
      <c r="N611086" s="10"/>
    </row>
    <row r="611087" spans="14:14">
      <c r="N611087" s="10"/>
    </row>
    <row r="611088" spans="14:14">
      <c r="N611088" s="10"/>
    </row>
    <row r="611089" spans="14:14">
      <c r="N611089" s="10"/>
    </row>
    <row r="611090" spans="14:14">
      <c r="N611090" s="10"/>
    </row>
    <row r="611091" spans="14:14">
      <c r="N611091" s="10"/>
    </row>
    <row r="611092" spans="14:14">
      <c r="N611092" s="10"/>
    </row>
    <row r="611093" spans="14:14">
      <c r="N611093" s="10"/>
    </row>
    <row r="611094" spans="14:14">
      <c r="N611094" s="10"/>
    </row>
    <row r="611095" spans="14:14">
      <c r="N611095" s="10"/>
    </row>
    <row r="611096" spans="14:14">
      <c r="N611096" s="10"/>
    </row>
    <row r="611097" spans="14:14">
      <c r="N611097" s="10"/>
    </row>
    <row r="611098" spans="14:14">
      <c r="N611098" s="10"/>
    </row>
    <row r="611099" spans="14:14">
      <c r="N611099" s="10"/>
    </row>
    <row r="611100" spans="14:14">
      <c r="N611100" s="10"/>
    </row>
    <row r="611101" spans="14:14">
      <c r="N611101" s="10"/>
    </row>
    <row r="611102" spans="14:14">
      <c r="N611102" s="10"/>
    </row>
    <row r="611103" spans="14:14">
      <c r="N611103" s="10"/>
    </row>
    <row r="611104" spans="14:14">
      <c r="N611104" s="10"/>
    </row>
    <row r="611105" spans="14:14">
      <c r="N611105" s="10"/>
    </row>
    <row r="611106" spans="14:14">
      <c r="N611106" s="10"/>
    </row>
    <row r="611107" spans="14:14">
      <c r="N611107" s="10"/>
    </row>
    <row r="611108" spans="14:14">
      <c r="N611108" s="10"/>
    </row>
    <row r="611109" spans="14:14">
      <c r="N611109" s="10"/>
    </row>
    <row r="611110" spans="14:14">
      <c r="N611110" s="10"/>
    </row>
    <row r="611111" spans="14:14">
      <c r="N611111" s="10"/>
    </row>
    <row r="611112" spans="14:14">
      <c r="N611112" s="10"/>
    </row>
    <row r="611113" spans="14:14">
      <c r="N611113" s="10"/>
    </row>
    <row r="611114" spans="14:14">
      <c r="N611114" s="10"/>
    </row>
    <row r="611115" spans="14:14">
      <c r="N611115" s="10"/>
    </row>
    <row r="611116" spans="14:14">
      <c r="N611116" s="10"/>
    </row>
    <row r="611117" spans="14:14">
      <c r="N611117" s="10"/>
    </row>
    <row r="611118" spans="14:14">
      <c r="N611118" s="10"/>
    </row>
    <row r="611119" spans="14:14">
      <c r="N611119" s="10"/>
    </row>
    <row r="611120" spans="14:14">
      <c r="N611120" s="10"/>
    </row>
    <row r="611121" spans="14:14">
      <c r="N611121" s="10"/>
    </row>
    <row r="611122" spans="14:14">
      <c r="N611122" s="10"/>
    </row>
    <row r="611123" spans="14:14">
      <c r="N611123" s="10"/>
    </row>
    <row r="611124" spans="14:14">
      <c r="N611124" s="10"/>
    </row>
    <row r="611125" spans="14:14">
      <c r="N611125" s="10"/>
    </row>
    <row r="611126" spans="14:14">
      <c r="N611126" s="10"/>
    </row>
    <row r="611127" spans="14:14">
      <c r="N611127" s="10"/>
    </row>
    <row r="611128" spans="14:14">
      <c r="N611128" s="10"/>
    </row>
    <row r="611129" spans="14:14">
      <c r="N611129" s="10"/>
    </row>
    <row r="611130" spans="14:14">
      <c r="N611130" s="10"/>
    </row>
    <row r="611131" spans="14:14">
      <c r="N611131" s="10"/>
    </row>
    <row r="611132" spans="14:14">
      <c r="N611132" s="10"/>
    </row>
    <row r="611133" spans="14:14">
      <c r="N611133" s="10"/>
    </row>
    <row r="611134" spans="14:14">
      <c r="N611134" s="10"/>
    </row>
    <row r="611135" spans="14:14">
      <c r="N611135" s="10"/>
    </row>
    <row r="611136" spans="14:14">
      <c r="N611136" s="10"/>
    </row>
    <row r="611137" spans="14:14">
      <c r="N611137" s="10"/>
    </row>
    <row r="611138" spans="14:14">
      <c r="N611138" s="10"/>
    </row>
    <row r="611139" spans="14:14">
      <c r="N611139" s="10"/>
    </row>
    <row r="611140" spans="14:14">
      <c r="N611140" s="10"/>
    </row>
    <row r="611141" spans="14:14">
      <c r="N611141" s="10"/>
    </row>
    <row r="611142" spans="14:14">
      <c r="N611142" s="10"/>
    </row>
    <row r="611143" spans="14:14">
      <c r="N611143" s="10"/>
    </row>
    <row r="611144" spans="14:14">
      <c r="N611144" s="10"/>
    </row>
    <row r="611145" spans="14:14">
      <c r="N611145" s="10"/>
    </row>
    <row r="611146" spans="14:14">
      <c r="N611146" s="10"/>
    </row>
    <row r="611147" spans="14:14">
      <c r="N611147" s="10"/>
    </row>
    <row r="611148" spans="14:14">
      <c r="N611148" s="10"/>
    </row>
    <row r="611149" spans="14:14">
      <c r="N611149" s="10"/>
    </row>
    <row r="611150" spans="14:14">
      <c r="N611150" s="10"/>
    </row>
    <row r="611151" spans="14:14">
      <c r="N611151" s="10"/>
    </row>
    <row r="611152" spans="14:14">
      <c r="N611152" s="10"/>
    </row>
    <row r="611153" spans="14:14">
      <c r="N611153" s="10"/>
    </row>
    <row r="611154" spans="14:14">
      <c r="N611154" s="10"/>
    </row>
    <row r="611155" spans="14:14">
      <c r="N611155" s="10"/>
    </row>
    <row r="611156" spans="14:14">
      <c r="N611156" s="10"/>
    </row>
    <row r="611157" spans="14:14">
      <c r="N611157" s="10"/>
    </row>
    <row r="611158" spans="14:14">
      <c r="N611158" s="10"/>
    </row>
    <row r="611159" spans="14:14">
      <c r="N611159" s="10"/>
    </row>
    <row r="611160" spans="14:14">
      <c r="N611160" s="10"/>
    </row>
    <row r="611161" spans="14:14">
      <c r="N611161" s="10"/>
    </row>
    <row r="611162" spans="14:14">
      <c r="N611162" s="10"/>
    </row>
    <row r="611163" spans="14:14">
      <c r="N611163" s="10"/>
    </row>
    <row r="611164" spans="14:14">
      <c r="N611164" s="10"/>
    </row>
    <row r="611165" spans="14:14">
      <c r="N611165" s="10"/>
    </row>
    <row r="611166" spans="14:14">
      <c r="N611166" s="10"/>
    </row>
    <row r="611167" spans="14:14">
      <c r="N611167" s="10"/>
    </row>
    <row r="611168" spans="14:14">
      <c r="N611168" s="10"/>
    </row>
    <row r="611169" spans="14:14">
      <c r="N611169" s="10"/>
    </row>
    <row r="611170" spans="14:14">
      <c r="N611170" s="10"/>
    </row>
    <row r="611171" spans="14:14">
      <c r="N611171" s="10"/>
    </row>
    <row r="611172" spans="14:14">
      <c r="N611172" s="10"/>
    </row>
    <row r="611173" spans="14:14">
      <c r="N611173" s="10"/>
    </row>
    <row r="611174" spans="14:14">
      <c r="N611174" s="10"/>
    </row>
    <row r="611175" spans="14:14">
      <c r="N611175" s="10"/>
    </row>
    <row r="611176" spans="14:14">
      <c r="N611176" s="10"/>
    </row>
    <row r="611177" spans="14:14">
      <c r="N611177" s="10"/>
    </row>
    <row r="611178" spans="14:14">
      <c r="N611178" s="10"/>
    </row>
    <row r="611179" spans="14:14">
      <c r="N611179" s="10"/>
    </row>
    <row r="611180" spans="14:14">
      <c r="N611180" s="10"/>
    </row>
    <row r="611181" spans="14:14">
      <c r="N611181" s="10"/>
    </row>
    <row r="611182" spans="14:14">
      <c r="N611182" s="10"/>
    </row>
    <row r="611183" spans="14:14">
      <c r="N611183" s="10"/>
    </row>
    <row r="611184" spans="14:14">
      <c r="N611184" s="10"/>
    </row>
    <row r="611185" spans="14:14">
      <c r="N611185" s="10"/>
    </row>
    <row r="611186" spans="14:14">
      <c r="N611186" s="10"/>
    </row>
    <row r="611187" spans="14:14">
      <c r="N611187" s="10"/>
    </row>
    <row r="611188" spans="14:14">
      <c r="N611188" s="10"/>
    </row>
    <row r="611189" spans="14:14">
      <c r="N611189" s="10"/>
    </row>
    <row r="611190" spans="14:14">
      <c r="N611190" s="10"/>
    </row>
    <row r="611191" spans="14:14">
      <c r="N611191" s="10"/>
    </row>
    <row r="611192" spans="14:14">
      <c r="N611192" s="10"/>
    </row>
    <row r="611193" spans="14:14">
      <c r="N611193" s="10"/>
    </row>
    <row r="611194" spans="14:14">
      <c r="N611194" s="10"/>
    </row>
    <row r="611195" spans="14:14">
      <c r="N611195" s="10"/>
    </row>
    <row r="611196" spans="14:14">
      <c r="N611196" s="10"/>
    </row>
    <row r="611197" spans="14:14">
      <c r="N611197" s="10"/>
    </row>
    <row r="611198" spans="14:14">
      <c r="N611198" s="10"/>
    </row>
    <row r="611199" spans="14:14">
      <c r="N611199" s="10"/>
    </row>
    <row r="611200" spans="14:14">
      <c r="N611200" s="10"/>
    </row>
    <row r="611201" spans="14:14">
      <c r="N611201" s="10"/>
    </row>
    <row r="611202" spans="14:14">
      <c r="N611202" s="10"/>
    </row>
    <row r="611203" spans="14:14">
      <c r="N611203" s="10"/>
    </row>
    <row r="611204" spans="14:14">
      <c r="N611204" s="10"/>
    </row>
    <row r="611205" spans="14:14">
      <c r="N611205" s="10"/>
    </row>
    <row r="611206" spans="14:14">
      <c r="N611206" s="10"/>
    </row>
    <row r="611207" spans="14:14">
      <c r="N611207" s="10"/>
    </row>
    <row r="611208" spans="14:14">
      <c r="N611208" s="10"/>
    </row>
    <row r="611209" spans="14:14">
      <c r="N611209" s="10"/>
    </row>
    <row r="611210" spans="14:14">
      <c r="N611210" s="10"/>
    </row>
    <row r="611211" spans="14:14">
      <c r="N611211" s="10"/>
    </row>
    <row r="611212" spans="14:14">
      <c r="N611212" s="10"/>
    </row>
    <row r="611213" spans="14:14">
      <c r="N611213" s="10"/>
    </row>
    <row r="611214" spans="14:14">
      <c r="N611214" s="10"/>
    </row>
    <row r="611215" spans="14:14">
      <c r="N611215" s="10"/>
    </row>
    <row r="611216" spans="14:14">
      <c r="N611216" s="10"/>
    </row>
    <row r="611217" spans="14:14">
      <c r="N611217" s="10"/>
    </row>
    <row r="611218" spans="14:14">
      <c r="N611218" s="10"/>
    </row>
    <row r="611219" spans="14:14">
      <c r="N611219" s="10"/>
    </row>
    <row r="611220" spans="14:14">
      <c r="N611220" s="10"/>
    </row>
    <row r="611221" spans="14:14">
      <c r="N611221" s="10"/>
    </row>
    <row r="611222" spans="14:14">
      <c r="N611222" s="10"/>
    </row>
    <row r="611223" spans="14:14">
      <c r="N611223" s="10"/>
    </row>
    <row r="611224" spans="14:14">
      <c r="N611224" s="10"/>
    </row>
    <row r="611225" spans="14:14">
      <c r="N611225" s="10"/>
    </row>
    <row r="611226" spans="14:14">
      <c r="N611226" s="10"/>
    </row>
    <row r="611227" spans="14:14">
      <c r="N611227" s="10"/>
    </row>
    <row r="611228" spans="14:14">
      <c r="N611228" s="10"/>
    </row>
    <row r="611229" spans="14:14">
      <c r="N611229" s="10"/>
    </row>
    <row r="611230" spans="14:14">
      <c r="N611230" s="10"/>
    </row>
    <row r="611231" spans="14:14">
      <c r="N611231" s="10"/>
    </row>
    <row r="611232" spans="14:14">
      <c r="N611232" s="10"/>
    </row>
    <row r="611233" spans="14:14">
      <c r="N611233" s="10"/>
    </row>
    <row r="611234" spans="14:14">
      <c r="N611234" s="10"/>
    </row>
    <row r="611235" spans="14:14">
      <c r="N611235" s="10"/>
    </row>
    <row r="611236" spans="14:14">
      <c r="N611236" s="10"/>
    </row>
    <row r="611237" spans="14:14">
      <c r="N611237" s="10"/>
    </row>
    <row r="611238" spans="14:14">
      <c r="N611238" s="10"/>
    </row>
    <row r="611239" spans="14:14">
      <c r="N611239" s="10"/>
    </row>
    <row r="611240" spans="14:14">
      <c r="N611240" s="10"/>
    </row>
    <row r="611241" spans="14:14">
      <c r="N611241" s="10"/>
    </row>
    <row r="611242" spans="14:14">
      <c r="N611242" s="10"/>
    </row>
    <row r="611243" spans="14:14">
      <c r="N611243" s="10"/>
    </row>
    <row r="611244" spans="14:14">
      <c r="N611244" s="10"/>
    </row>
    <row r="611245" spans="14:14">
      <c r="N611245" s="10"/>
    </row>
    <row r="611246" spans="14:14">
      <c r="N611246" s="10"/>
    </row>
    <row r="611247" spans="14:14">
      <c r="N611247" s="10"/>
    </row>
    <row r="611248" spans="14:14">
      <c r="N611248" s="10"/>
    </row>
    <row r="611249" spans="14:14">
      <c r="N611249" s="10"/>
    </row>
    <row r="611250" spans="14:14">
      <c r="N611250" s="10"/>
    </row>
    <row r="611251" spans="14:14">
      <c r="N611251" s="10"/>
    </row>
    <row r="611252" spans="14:14">
      <c r="N611252" s="10"/>
    </row>
    <row r="611253" spans="14:14">
      <c r="N611253" s="10"/>
    </row>
    <row r="611254" spans="14:14">
      <c r="N611254" s="10"/>
    </row>
    <row r="611255" spans="14:14">
      <c r="N611255" s="10"/>
    </row>
    <row r="611256" spans="14:14">
      <c r="N611256" s="10"/>
    </row>
    <row r="611257" spans="14:14">
      <c r="N611257" s="10"/>
    </row>
    <row r="611258" spans="14:14">
      <c r="N611258" s="10"/>
    </row>
    <row r="611259" spans="14:14">
      <c r="N611259" s="10"/>
    </row>
    <row r="611260" spans="14:14">
      <c r="N611260" s="10"/>
    </row>
    <row r="611261" spans="14:14">
      <c r="N611261" s="10"/>
    </row>
    <row r="611262" spans="14:14">
      <c r="N611262" s="10"/>
    </row>
    <row r="611263" spans="14:14">
      <c r="N611263" s="10"/>
    </row>
    <row r="611264" spans="14:14">
      <c r="N611264" s="10"/>
    </row>
    <row r="611265" spans="14:14">
      <c r="N611265" s="10"/>
    </row>
    <row r="611266" spans="14:14">
      <c r="N611266" s="10"/>
    </row>
    <row r="611267" spans="14:14">
      <c r="N611267" s="10"/>
    </row>
    <row r="611268" spans="14:14">
      <c r="N611268" s="10"/>
    </row>
    <row r="611269" spans="14:14">
      <c r="N611269" s="10"/>
    </row>
    <row r="611270" spans="14:14">
      <c r="N611270" s="10"/>
    </row>
    <row r="611271" spans="14:14">
      <c r="N611271" s="10"/>
    </row>
    <row r="611272" spans="14:14">
      <c r="N611272" s="10"/>
    </row>
    <row r="611273" spans="14:14">
      <c r="N611273" s="10"/>
    </row>
    <row r="611274" spans="14:14">
      <c r="N611274" s="10"/>
    </row>
    <row r="611275" spans="14:14">
      <c r="N611275" s="10"/>
    </row>
    <row r="611276" spans="14:14">
      <c r="N611276" s="10"/>
    </row>
    <row r="611277" spans="14:14">
      <c r="N611277" s="10"/>
    </row>
    <row r="611278" spans="14:14">
      <c r="N611278" s="10"/>
    </row>
    <row r="611279" spans="14:14">
      <c r="N611279" s="10"/>
    </row>
    <row r="611280" spans="14:14">
      <c r="N611280" s="10"/>
    </row>
    <row r="611281" spans="14:14">
      <c r="N611281" s="10"/>
    </row>
    <row r="611282" spans="14:14">
      <c r="N611282" s="10"/>
    </row>
    <row r="611283" spans="14:14">
      <c r="N611283" s="10"/>
    </row>
    <row r="611284" spans="14:14">
      <c r="N611284" s="10"/>
    </row>
    <row r="611285" spans="14:14">
      <c r="N611285" s="10"/>
    </row>
    <row r="611286" spans="14:14">
      <c r="N611286" s="10"/>
    </row>
    <row r="611287" spans="14:14">
      <c r="N611287" s="10"/>
    </row>
    <row r="611288" spans="14:14">
      <c r="N611288" s="10"/>
    </row>
    <row r="611289" spans="14:14">
      <c r="N611289" s="10"/>
    </row>
    <row r="611290" spans="14:14">
      <c r="N611290" s="10"/>
    </row>
    <row r="611291" spans="14:14">
      <c r="N611291" s="10"/>
    </row>
    <row r="611292" spans="14:14">
      <c r="N611292" s="10"/>
    </row>
    <row r="611293" spans="14:14">
      <c r="N611293" s="10"/>
    </row>
    <row r="611294" spans="14:14">
      <c r="N611294" s="10"/>
    </row>
    <row r="611295" spans="14:14">
      <c r="N611295" s="10"/>
    </row>
    <row r="611296" spans="14:14">
      <c r="N611296" s="10"/>
    </row>
    <row r="611297" spans="14:14">
      <c r="N611297" s="10"/>
    </row>
    <row r="611298" spans="14:14">
      <c r="N611298" s="10"/>
    </row>
    <row r="611299" spans="14:14">
      <c r="N611299" s="10"/>
    </row>
    <row r="611300" spans="14:14">
      <c r="N611300" s="10"/>
    </row>
    <row r="611301" spans="14:14">
      <c r="N611301" s="10"/>
    </row>
    <row r="611302" spans="14:14">
      <c r="N611302" s="10"/>
    </row>
    <row r="611303" spans="14:14">
      <c r="N611303" s="10"/>
    </row>
    <row r="611304" spans="14:14">
      <c r="N611304" s="10"/>
    </row>
    <row r="611305" spans="14:14">
      <c r="N611305" s="10"/>
    </row>
    <row r="611306" spans="14:14">
      <c r="N611306" s="10"/>
    </row>
    <row r="611307" spans="14:14">
      <c r="N611307" s="10"/>
    </row>
    <row r="611308" spans="14:14">
      <c r="N611308" s="10"/>
    </row>
    <row r="611309" spans="14:14">
      <c r="N611309" s="10"/>
    </row>
    <row r="611310" spans="14:14">
      <c r="N611310" s="10"/>
    </row>
    <row r="611311" spans="14:14">
      <c r="N611311" s="10"/>
    </row>
    <row r="611312" spans="14:14">
      <c r="N611312" s="10"/>
    </row>
    <row r="611313" spans="14:14">
      <c r="N611313" s="10"/>
    </row>
    <row r="611314" spans="14:14">
      <c r="N611314" s="10"/>
    </row>
    <row r="611315" spans="14:14">
      <c r="N611315" s="10"/>
    </row>
    <row r="611316" spans="14:14">
      <c r="N611316" s="10"/>
    </row>
    <row r="611317" spans="14:14">
      <c r="N611317" s="10"/>
    </row>
    <row r="611318" spans="14:14">
      <c r="N611318" s="10"/>
    </row>
    <row r="611319" spans="14:14">
      <c r="N611319" s="10"/>
    </row>
    <row r="611320" spans="14:14">
      <c r="N611320" s="10"/>
    </row>
    <row r="611321" spans="14:14">
      <c r="N611321" s="10"/>
    </row>
    <row r="611322" spans="14:14">
      <c r="N611322" s="10"/>
    </row>
    <row r="611323" spans="14:14">
      <c r="N611323" s="10"/>
    </row>
    <row r="611324" spans="14:14">
      <c r="N611324" s="10"/>
    </row>
    <row r="611325" spans="14:14">
      <c r="N611325" s="10"/>
    </row>
    <row r="611326" spans="14:14">
      <c r="N611326" s="10"/>
    </row>
    <row r="611327" spans="14:14">
      <c r="N611327" s="10"/>
    </row>
    <row r="611328" spans="14:14">
      <c r="N611328" s="10"/>
    </row>
    <row r="611329" spans="14:14">
      <c r="N611329" s="10"/>
    </row>
    <row r="611330" spans="14:14">
      <c r="N611330" s="10"/>
    </row>
    <row r="611331" spans="14:14">
      <c r="N611331" s="10"/>
    </row>
    <row r="611332" spans="14:14">
      <c r="N611332" s="10"/>
    </row>
    <row r="611333" spans="14:14">
      <c r="N611333" s="10"/>
    </row>
    <row r="611334" spans="14:14">
      <c r="N611334" s="10"/>
    </row>
    <row r="611335" spans="14:14">
      <c r="N611335" s="10"/>
    </row>
    <row r="611336" spans="14:14">
      <c r="N611336" s="10"/>
    </row>
    <row r="611337" spans="14:14">
      <c r="N611337" s="10"/>
    </row>
    <row r="611338" spans="14:14">
      <c r="N611338" s="10"/>
    </row>
    <row r="611339" spans="14:14">
      <c r="N611339" s="10"/>
    </row>
    <row r="611340" spans="14:14">
      <c r="N611340" s="10"/>
    </row>
    <row r="611341" spans="14:14">
      <c r="N611341" s="10"/>
    </row>
    <row r="611342" spans="14:14">
      <c r="N611342" s="10"/>
    </row>
    <row r="611343" spans="14:14">
      <c r="N611343" s="10"/>
    </row>
    <row r="611344" spans="14:14">
      <c r="N611344" s="10"/>
    </row>
    <row r="611345" spans="14:14">
      <c r="N611345" s="10"/>
    </row>
    <row r="611346" spans="14:14">
      <c r="N611346" s="10"/>
    </row>
    <row r="611347" spans="14:14">
      <c r="N611347" s="10"/>
    </row>
    <row r="611348" spans="14:14">
      <c r="N611348" s="10"/>
    </row>
    <row r="611349" spans="14:14">
      <c r="N611349" s="10"/>
    </row>
    <row r="611350" spans="14:14">
      <c r="N611350" s="10"/>
    </row>
    <row r="611351" spans="14:14">
      <c r="N611351" s="10"/>
    </row>
    <row r="611352" spans="14:14">
      <c r="N611352" s="10"/>
    </row>
    <row r="611353" spans="14:14">
      <c r="N611353" s="10"/>
    </row>
    <row r="611354" spans="14:14">
      <c r="N611354" s="10"/>
    </row>
    <row r="611355" spans="14:14">
      <c r="N611355" s="10"/>
    </row>
    <row r="611356" spans="14:14">
      <c r="N611356" s="10"/>
    </row>
    <row r="611357" spans="14:14">
      <c r="N611357" s="10"/>
    </row>
    <row r="611358" spans="14:14">
      <c r="N611358" s="10"/>
    </row>
    <row r="611359" spans="14:14">
      <c r="N611359" s="10"/>
    </row>
    <row r="611360" spans="14:14">
      <c r="N611360" s="10"/>
    </row>
    <row r="611361" spans="14:14">
      <c r="N611361" s="10"/>
    </row>
    <row r="611362" spans="14:14">
      <c r="N611362" s="10"/>
    </row>
    <row r="611363" spans="14:14">
      <c r="N611363" s="10"/>
    </row>
    <row r="611364" spans="14:14">
      <c r="N611364" s="10"/>
    </row>
    <row r="611365" spans="14:14">
      <c r="N611365" s="10"/>
    </row>
    <row r="611366" spans="14:14">
      <c r="N611366" s="10"/>
    </row>
    <row r="611367" spans="14:14">
      <c r="N611367" s="10"/>
    </row>
    <row r="611368" spans="14:14">
      <c r="N611368" s="10"/>
    </row>
    <row r="611369" spans="14:14">
      <c r="N611369" s="10"/>
    </row>
    <row r="611370" spans="14:14">
      <c r="N611370" s="10"/>
    </row>
    <row r="611371" spans="14:14">
      <c r="N611371" s="10"/>
    </row>
    <row r="611372" spans="14:14">
      <c r="N611372" s="10"/>
    </row>
    <row r="611373" spans="14:14">
      <c r="N611373" s="10"/>
    </row>
    <row r="611374" spans="14:14">
      <c r="N611374" s="10"/>
    </row>
    <row r="611375" spans="14:14">
      <c r="N611375" s="10"/>
    </row>
    <row r="611376" spans="14:14">
      <c r="N611376" s="10"/>
    </row>
    <row r="611377" spans="14:14">
      <c r="N611377" s="10"/>
    </row>
    <row r="611378" spans="14:14">
      <c r="N611378" s="10"/>
    </row>
    <row r="611379" spans="14:14">
      <c r="N611379" s="10"/>
    </row>
    <row r="611380" spans="14:14">
      <c r="N611380" s="10"/>
    </row>
    <row r="611381" spans="14:14">
      <c r="N611381" s="10"/>
    </row>
    <row r="611382" spans="14:14">
      <c r="N611382" s="10"/>
    </row>
    <row r="611383" spans="14:14">
      <c r="N611383" s="10"/>
    </row>
    <row r="611384" spans="14:14">
      <c r="N611384" s="10"/>
    </row>
    <row r="611385" spans="14:14">
      <c r="N611385" s="10"/>
    </row>
    <row r="611386" spans="14:14">
      <c r="N611386" s="10"/>
    </row>
    <row r="611387" spans="14:14">
      <c r="N611387" s="10"/>
    </row>
    <row r="611388" spans="14:14">
      <c r="N611388" s="10"/>
    </row>
    <row r="611389" spans="14:14">
      <c r="N611389" s="10"/>
    </row>
    <row r="611390" spans="14:14">
      <c r="N611390" s="10"/>
    </row>
    <row r="611391" spans="14:14">
      <c r="N611391" s="10"/>
    </row>
    <row r="611392" spans="14:14">
      <c r="N611392" s="10"/>
    </row>
    <row r="611393" spans="14:14">
      <c r="N611393" s="10"/>
    </row>
    <row r="611394" spans="14:14">
      <c r="N611394" s="10"/>
    </row>
    <row r="611395" spans="14:14">
      <c r="N611395" s="10"/>
    </row>
    <row r="611396" spans="14:14">
      <c r="N611396" s="10"/>
    </row>
    <row r="611397" spans="14:14">
      <c r="N611397" s="10"/>
    </row>
    <row r="611398" spans="14:14">
      <c r="N611398" s="10"/>
    </row>
    <row r="611399" spans="14:14">
      <c r="N611399" s="10"/>
    </row>
    <row r="611400" spans="14:14">
      <c r="N611400" s="10"/>
    </row>
    <row r="611401" spans="14:14">
      <c r="N611401" s="10"/>
    </row>
    <row r="611402" spans="14:14">
      <c r="N611402" s="10"/>
    </row>
    <row r="611403" spans="14:14">
      <c r="N611403" s="10"/>
    </row>
    <row r="611404" spans="14:14">
      <c r="N611404" s="10"/>
    </row>
    <row r="611405" spans="14:14">
      <c r="N611405" s="10"/>
    </row>
    <row r="611406" spans="14:14">
      <c r="N611406" s="10"/>
    </row>
    <row r="611407" spans="14:14">
      <c r="N611407" s="10"/>
    </row>
    <row r="611408" spans="14:14">
      <c r="N611408" s="10"/>
    </row>
    <row r="611409" spans="14:14">
      <c r="N611409" s="10"/>
    </row>
    <row r="611410" spans="14:14">
      <c r="N611410" s="10"/>
    </row>
    <row r="611411" spans="14:14">
      <c r="N611411" s="10"/>
    </row>
    <row r="611412" spans="14:14">
      <c r="N611412" s="10"/>
    </row>
    <row r="611413" spans="14:14">
      <c r="N611413" s="10"/>
    </row>
    <row r="611414" spans="14:14">
      <c r="N611414" s="10"/>
    </row>
    <row r="611415" spans="14:14">
      <c r="N611415" s="10"/>
    </row>
    <row r="611416" spans="14:14">
      <c r="N611416" s="10"/>
    </row>
    <row r="611417" spans="14:14">
      <c r="N611417" s="10"/>
    </row>
    <row r="611418" spans="14:14">
      <c r="N611418" s="10"/>
    </row>
    <row r="611419" spans="14:14">
      <c r="N611419" s="10"/>
    </row>
    <row r="611420" spans="14:14">
      <c r="N611420" s="10"/>
    </row>
    <row r="611421" spans="14:14">
      <c r="N611421" s="10"/>
    </row>
    <row r="611422" spans="14:14">
      <c r="N611422" s="10"/>
    </row>
    <row r="611423" spans="14:14">
      <c r="N611423" s="10"/>
    </row>
    <row r="611424" spans="14:14">
      <c r="N611424" s="10"/>
    </row>
    <row r="611425" spans="14:14">
      <c r="N611425" s="10"/>
    </row>
    <row r="611426" spans="14:14">
      <c r="N611426" s="10"/>
    </row>
    <row r="611427" spans="14:14">
      <c r="N611427" s="10"/>
    </row>
    <row r="611428" spans="14:14">
      <c r="N611428" s="10"/>
    </row>
    <row r="611429" spans="14:14">
      <c r="N611429" s="10"/>
    </row>
    <row r="611430" spans="14:14">
      <c r="N611430" s="10"/>
    </row>
    <row r="611431" spans="14:14">
      <c r="N611431" s="10"/>
    </row>
    <row r="611432" spans="14:14">
      <c r="N611432" s="10"/>
    </row>
    <row r="611433" spans="14:14">
      <c r="N611433" s="10"/>
    </row>
    <row r="611434" spans="14:14">
      <c r="N611434" s="10"/>
    </row>
    <row r="611435" spans="14:14">
      <c r="N611435" s="10"/>
    </row>
    <row r="611436" spans="14:14">
      <c r="N611436" s="10"/>
    </row>
    <row r="611437" spans="14:14">
      <c r="N611437" s="10"/>
    </row>
    <row r="611438" spans="14:14">
      <c r="N611438" s="10"/>
    </row>
    <row r="611439" spans="14:14">
      <c r="N611439" s="10"/>
    </row>
    <row r="611440" spans="14:14">
      <c r="N611440" s="10"/>
    </row>
    <row r="611441" spans="14:14">
      <c r="N611441" s="10"/>
    </row>
    <row r="611442" spans="14:14">
      <c r="N611442" s="10"/>
    </row>
    <row r="611443" spans="14:14">
      <c r="N611443" s="10"/>
    </row>
    <row r="611444" spans="14:14">
      <c r="N611444" s="10"/>
    </row>
    <row r="611445" spans="14:14">
      <c r="N611445" s="10"/>
    </row>
    <row r="611446" spans="14:14">
      <c r="N611446" s="10"/>
    </row>
    <row r="611447" spans="14:14">
      <c r="N611447" s="10"/>
    </row>
    <row r="611448" spans="14:14">
      <c r="N611448" s="10"/>
    </row>
    <row r="611449" spans="14:14">
      <c r="N611449" s="10"/>
    </row>
    <row r="611450" spans="14:14">
      <c r="N611450" s="10"/>
    </row>
    <row r="611451" spans="14:14">
      <c r="N611451" s="10"/>
    </row>
    <row r="611452" spans="14:14">
      <c r="N611452" s="10"/>
    </row>
    <row r="611453" spans="14:14">
      <c r="N611453" s="10"/>
    </row>
    <row r="611454" spans="14:14">
      <c r="N611454" s="10"/>
    </row>
    <row r="611455" spans="14:14">
      <c r="N611455" s="10"/>
    </row>
    <row r="611456" spans="14:14">
      <c r="N611456" s="10"/>
    </row>
    <row r="611457" spans="14:14">
      <c r="N611457" s="10"/>
    </row>
    <row r="611458" spans="14:14">
      <c r="N611458" s="10"/>
    </row>
    <row r="611459" spans="14:14">
      <c r="N611459" s="10"/>
    </row>
    <row r="611460" spans="14:14">
      <c r="N611460" s="10"/>
    </row>
    <row r="611461" spans="14:14">
      <c r="N611461" s="10"/>
    </row>
    <row r="611462" spans="14:14">
      <c r="N611462" s="10"/>
    </row>
    <row r="611463" spans="14:14">
      <c r="N611463" s="10"/>
    </row>
    <row r="611464" spans="14:14">
      <c r="N611464" s="10"/>
    </row>
    <row r="611465" spans="14:14">
      <c r="N611465" s="10"/>
    </row>
    <row r="611466" spans="14:14">
      <c r="N611466" s="10"/>
    </row>
    <row r="611467" spans="14:14">
      <c r="N611467" s="10"/>
    </row>
    <row r="611468" spans="14:14">
      <c r="N611468" s="10"/>
    </row>
    <row r="611469" spans="14:14">
      <c r="N611469" s="10"/>
    </row>
    <row r="611470" spans="14:14">
      <c r="N611470" s="10"/>
    </row>
    <row r="611471" spans="14:14">
      <c r="N611471" s="10"/>
    </row>
    <row r="611472" spans="14:14">
      <c r="N611472" s="10"/>
    </row>
    <row r="611473" spans="14:14">
      <c r="N611473" s="10"/>
    </row>
    <row r="611474" spans="14:14">
      <c r="N611474" s="10"/>
    </row>
    <row r="611475" spans="14:14">
      <c r="N611475" s="10"/>
    </row>
    <row r="611476" spans="14:14">
      <c r="N611476" s="10"/>
    </row>
    <row r="611477" spans="14:14">
      <c r="N611477" s="10"/>
    </row>
    <row r="611478" spans="14:14">
      <c r="N611478" s="10"/>
    </row>
    <row r="611479" spans="14:14">
      <c r="N611479" s="10"/>
    </row>
    <row r="611480" spans="14:14">
      <c r="N611480" s="10"/>
    </row>
    <row r="611481" spans="14:14">
      <c r="N611481" s="10"/>
    </row>
    <row r="611482" spans="14:14">
      <c r="N611482" s="10"/>
    </row>
    <row r="611483" spans="14:14">
      <c r="N611483" s="10"/>
    </row>
    <row r="611484" spans="14:14">
      <c r="N611484" s="10"/>
    </row>
    <row r="611485" spans="14:14">
      <c r="N611485" s="10"/>
    </row>
    <row r="611486" spans="14:14">
      <c r="N611486" s="10"/>
    </row>
    <row r="611487" spans="14:14">
      <c r="N611487" s="10"/>
    </row>
    <row r="611488" spans="14:14">
      <c r="N611488" s="10"/>
    </row>
    <row r="611489" spans="14:14">
      <c r="N611489" s="10"/>
    </row>
    <row r="611490" spans="14:14">
      <c r="N611490" s="10"/>
    </row>
    <row r="611491" spans="14:14">
      <c r="N611491" s="10"/>
    </row>
    <row r="611492" spans="14:14">
      <c r="N611492" s="10"/>
    </row>
    <row r="611493" spans="14:14">
      <c r="N611493" s="10"/>
    </row>
    <row r="611494" spans="14:14">
      <c r="N611494" s="10"/>
    </row>
    <row r="611495" spans="14:14">
      <c r="N611495" s="10"/>
    </row>
    <row r="611496" spans="14:14">
      <c r="N611496" s="10"/>
    </row>
    <row r="611497" spans="14:14">
      <c r="N611497" s="10"/>
    </row>
    <row r="611498" spans="14:14">
      <c r="N611498" s="10"/>
    </row>
    <row r="611499" spans="14:14">
      <c r="N611499" s="10"/>
    </row>
    <row r="611500" spans="14:14">
      <c r="N611500" s="10"/>
    </row>
    <row r="611501" spans="14:14">
      <c r="N611501" s="10"/>
    </row>
    <row r="611502" spans="14:14">
      <c r="N611502" s="10"/>
    </row>
    <row r="611503" spans="14:14">
      <c r="N611503" s="10"/>
    </row>
    <row r="611504" spans="14:14">
      <c r="N611504" s="10"/>
    </row>
    <row r="611505" spans="14:14">
      <c r="N611505" s="10"/>
    </row>
    <row r="611506" spans="14:14">
      <c r="N611506" s="10"/>
    </row>
    <row r="611507" spans="14:14">
      <c r="N611507" s="10"/>
    </row>
    <row r="611508" spans="14:14">
      <c r="N611508" s="10"/>
    </row>
    <row r="611509" spans="14:14">
      <c r="N611509" s="10"/>
    </row>
    <row r="611510" spans="14:14">
      <c r="N611510" s="10"/>
    </row>
    <row r="611511" spans="14:14">
      <c r="N611511" s="10"/>
    </row>
    <row r="611512" spans="14:14">
      <c r="N611512" s="10"/>
    </row>
    <row r="611513" spans="14:14">
      <c r="N611513" s="10"/>
    </row>
    <row r="611514" spans="14:14">
      <c r="N611514" s="10"/>
    </row>
    <row r="611515" spans="14:14">
      <c r="N611515" s="10"/>
    </row>
    <row r="611516" spans="14:14">
      <c r="N611516" s="10"/>
    </row>
    <row r="611517" spans="14:14">
      <c r="N611517" s="10"/>
    </row>
    <row r="611518" spans="14:14">
      <c r="N611518" s="10"/>
    </row>
    <row r="611519" spans="14:14">
      <c r="N611519" s="10"/>
    </row>
    <row r="611520" spans="14:14">
      <c r="N611520" s="10"/>
    </row>
    <row r="611521" spans="14:14">
      <c r="N611521" s="10"/>
    </row>
    <row r="611522" spans="14:14">
      <c r="N611522" s="10"/>
    </row>
    <row r="611523" spans="14:14">
      <c r="N611523" s="10"/>
    </row>
    <row r="611524" spans="14:14">
      <c r="N611524" s="10"/>
    </row>
    <row r="611525" spans="14:14">
      <c r="N611525" s="10"/>
    </row>
    <row r="611526" spans="14:14">
      <c r="N611526" s="10"/>
    </row>
    <row r="611527" spans="14:14">
      <c r="N611527" s="10"/>
    </row>
    <row r="611528" spans="14:14">
      <c r="N611528" s="10"/>
    </row>
    <row r="611529" spans="14:14">
      <c r="N611529" s="10"/>
    </row>
    <row r="611530" spans="14:14">
      <c r="N611530" s="10"/>
    </row>
    <row r="611531" spans="14:14">
      <c r="N611531" s="10"/>
    </row>
    <row r="611532" spans="14:14">
      <c r="N611532" s="10"/>
    </row>
    <row r="611533" spans="14:14">
      <c r="N611533" s="10"/>
    </row>
    <row r="611534" spans="14:14">
      <c r="N611534" s="10"/>
    </row>
    <row r="611535" spans="14:14">
      <c r="N611535" s="10"/>
    </row>
    <row r="611536" spans="14:14">
      <c r="N611536" s="10"/>
    </row>
    <row r="611537" spans="14:14">
      <c r="N611537" s="10"/>
    </row>
    <row r="611538" spans="14:14">
      <c r="N611538" s="10"/>
    </row>
    <row r="611539" spans="14:14">
      <c r="N611539" s="10"/>
    </row>
    <row r="611540" spans="14:14">
      <c r="N611540" s="10"/>
    </row>
    <row r="611541" spans="14:14">
      <c r="N611541" s="10"/>
    </row>
    <row r="611542" spans="14:14">
      <c r="N611542" s="10"/>
    </row>
    <row r="611543" spans="14:14">
      <c r="N611543" s="10"/>
    </row>
    <row r="611544" spans="14:14">
      <c r="N611544" s="10"/>
    </row>
    <row r="611545" spans="14:14">
      <c r="N611545" s="10"/>
    </row>
    <row r="611546" spans="14:14">
      <c r="N611546" s="10"/>
    </row>
    <row r="611547" spans="14:14">
      <c r="N611547" s="10"/>
    </row>
    <row r="611548" spans="14:14">
      <c r="N611548" s="10"/>
    </row>
    <row r="611549" spans="14:14">
      <c r="N611549" s="10"/>
    </row>
    <row r="611550" spans="14:14">
      <c r="N611550" s="10"/>
    </row>
    <row r="611551" spans="14:14">
      <c r="N611551" s="10"/>
    </row>
    <row r="611552" spans="14:14">
      <c r="N611552" s="10"/>
    </row>
    <row r="611553" spans="14:14">
      <c r="N611553" s="10"/>
    </row>
    <row r="611554" spans="14:14">
      <c r="N611554" s="10"/>
    </row>
    <row r="611555" spans="14:14">
      <c r="N611555" s="10"/>
    </row>
    <row r="611556" spans="14:14">
      <c r="N611556" s="10"/>
    </row>
    <row r="611557" spans="14:14">
      <c r="N611557" s="10"/>
    </row>
    <row r="611558" spans="14:14">
      <c r="N611558" s="10"/>
    </row>
    <row r="611559" spans="14:14">
      <c r="N611559" s="10"/>
    </row>
    <row r="611560" spans="14:14">
      <c r="N611560" s="10"/>
    </row>
    <row r="611561" spans="14:14">
      <c r="N611561" s="10"/>
    </row>
    <row r="611562" spans="14:14">
      <c r="N611562" s="10"/>
    </row>
    <row r="611563" spans="14:14">
      <c r="N611563" s="10"/>
    </row>
    <row r="611564" spans="14:14">
      <c r="N611564" s="10"/>
    </row>
    <row r="611565" spans="14:14">
      <c r="N611565" s="10"/>
    </row>
    <row r="611566" spans="14:14">
      <c r="N611566" s="10"/>
    </row>
    <row r="611567" spans="14:14">
      <c r="N611567" s="10"/>
    </row>
    <row r="611568" spans="14:14">
      <c r="N611568" s="10"/>
    </row>
    <row r="611569" spans="14:14">
      <c r="N611569" s="10"/>
    </row>
    <row r="611570" spans="14:14">
      <c r="N611570" s="10"/>
    </row>
    <row r="611571" spans="14:14">
      <c r="N611571" s="10"/>
    </row>
    <row r="611572" spans="14:14">
      <c r="N611572" s="10"/>
    </row>
    <row r="611573" spans="14:14">
      <c r="N611573" s="10"/>
    </row>
    <row r="611574" spans="14:14">
      <c r="N611574" s="10"/>
    </row>
    <row r="611575" spans="14:14">
      <c r="N611575" s="10"/>
    </row>
    <row r="611576" spans="14:14">
      <c r="N611576" s="10"/>
    </row>
    <row r="611577" spans="14:14">
      <c r="N611577" s="10"/>
    </row>
    <row r="611578" spans="14:14">
      <c r="N611578" s="10"/>
    </row>
    <row r="611579" spans="14:14">
      <c r="N611579" s="10"/>
    </row>
    <row r="611580" spans="14:14">
      <c r="N611580" s="10"/>
    </row>
    <row r="611581" spans="14:14">
      <c r="N611581" s="10"/>
    </row>
    <row r="611582" spans="14:14">
      <c r="N611582" s="10"/>
    </row>
    <row r="611583" spans="14:14">
      <c r="N611583" s="10"/>
    </row>
    <row r="611584" spans="14:14">
      <c r="N611584" s="10"/>
    </row>
    <row r="611585" spans="14:14">
      <c r="N611585" s="10"/>
    </row>
    <row r="611586" spans="14:14">
      <c r="N611586" s="10"/>
    </row>
    <row r="611587" spans="14:14">
      <c r="N611587" s="10"/>
    </row>
    <row r="611588" spans="14:14">
      <c r="N611588" s="10"/>
    </row>
    <row r="611589" spans="14:14">
      <c r="N611589" s="10"/>
    </row>
    <row r="611590" spans="14:14">
      <c r="N611590" s="10"/>
    </row>
    <row r="611591" spans="14:14">
      <c r="N611591" s="10"/>
    </row>
    <row r="611592" spans="14:14">
      <c r="N611592" s="10"/>
    </row>
    <row r="611593" spans="14:14">
      <c r="N611593" s="10"/>
    </row>
    <row r="611594" spans="14:14">
      <c r="N611594" s="10"/>
    </row>
    <row r="611595" spans="14:14">
      <c r="N611595" s="10"/>
    </row>
    <row r="611596" spans="14:14">
      <c r="N611596" s="10"/>
    </row>
    <row r="611597" spans="14:14">
      <c r="N611597" s="10"/>
    </row>
    <row r="611598" spans="14:14">
      <c r="N611598" s="10"/>
    </row>
    <row r="611599" spans="14:14">
      <c r="N611599" s="10"/>
    </row>
    <row r="611600" spans="14:14">
      <c r="N611600" s="10"/>
    </row>
    <row r="611601" spans="14:14">
      <c r="N611601" s="10"/>
    </row>
    <row r="611602" spans="14:14">
      <c r="N611602" s="10"/>
    </row>
    <row r="611603" spans="14:14">
      <c r="N611603" s="10"/>
    </row>
    <row r="611604" spans="14:14">
      <c r="N611604" s="10"/>
    </row>
    <row r="611605" spans="14:14">
      <c r="N611605" s="10"/>
    </row>
    <row r="611606" spans="14:14">
      <c r="N611606" s="10"/>
    </row>
    <row r="611607" spans="14:14">
      <c r="N611607" s="10"/>
    </row>
    <row r="611608" spans="14:14">
      <c r="N611608" s="10"/>
    </row>
    <row r="611609" spans="14:14">
      <c r="N611609" s="10"/>
    </row>
    <row r="611610" spans="14:14">
      <c r="N611610" s="10"/>
    </row>
    <row r="611611" spans="14:14">
      <c r="N611611" s="10"/>
    </row>
    <row r="611612" spans="14:14">
      <c r="N611612" s="10"/>
    </row>
    <row r="611613" spans="14:14">
      <c r="N611613" s="10"/>
    </row>
    <row r="611614" spans="14:14">
      <c r="N611614" s="10"/>
    </row>
    <row r="611615" spans="14:14">
      <c r="N611615" s="10"/>
    </row>
    <row r="611616" spans="14:14">
      <c r="N611616" s="10"/>
    </row>
    <row r="611617" spans="14:14">
      <c r="N611617" s="10"/>
    </row>
    <row r="611618" spans="14:14">
      <c r="N611618" s="10"/>
    </row>
    <row r="611619" spans="14:14">
      <c r="N611619" s="10"/>
    </row>
    <row r="611620" spans="14:14">
      <c r="N611620" s="10"/>
    </row>
    <row r="611621" spans="14:14">
      <c r="N611621" s="10"/>
    </row>
    <row r="611622" spans="14:14">
      <c r="N611622" s="10"/>
    </row>
    <row r="611623" spans="14:14">
      <c r="N611623" s="10"/>
    </row>
    <row r="611624" spans="14:14">
      <c r="N611624" s="10"/>
    </row>
    <row r="611625" spans="14:14">
      <c r="N611625" s="10"/>
    </row>
    <row r="611626" spans="14:14">
      <c r="N611626" s="10"/>
    </row>
    <row r="611627" spans="14:14">
      <c r="N611627" s="10"/>
    </row>
    <row r="611628" spans="14:14">
      <c r="N611628" s="10"/>
    </row>
    <row r="611629" spans="14:14">
      <c r="N611629" s="10"/>
    </row>
    <row r="611630" spans="14:14">
      <c r="N611630" s="10"/>
    </row>
    <row r="611631" spans="14:14">
      <c r="N611631" s="10"/>
    </row>
    <row r="611632" spans="14:14">
      <c r="N611632" s="10"/>
    </row>
    <row r="611633" spans="14:14">
      <c r="N611633" s="10"/>
    </row>
    <row r="611634" spans="14:14">
      <c r="N611634" s="10"/>
    </row>
    <row r="611635" spans="14:14">
      <c r="N611635" s="10"/>
    </row>
    <row r="611636" spans="14:14">
      <c r="N611636" s="10"/>
    </row>
    <row r="611637" spans="14:14">
      <c r="N611637" s="10"/>
    </row>
    <row r="611638" spans="14:14">
      <c r="N611638" s="10"/>
    </row>
    <row r="611639" spans="14:14">
      <c r="N611639" s="10"/>
    </row>
    <row r="611640" spans="14:14">
      <c r="N611640" s="10"/>
    </row>
    <row r="611641" spans="14:14">
      <c r="N611641" s="10"/>
    </row>
    <row r="611642" spans="14:14">
      <c r="N611642" s="10"/>
    </row>
    <row r="611643" spans="14:14">
      <c r="N611643" s="10"/>
    </row>
    <row r="611644" spans="14:14">
      <c r="N611644" s="10"/>
    </row>
    <row r="611645" spans="14:14">
      <c r="N611645" s="10"/>
    </row>
    <row r="611646" spans="14:14">
      <c r="N611646" s="10"/>
    </row>
    <row r="611647" spans="14:14">
      <c r="N611647" s="10"/>
    </row>
    <row r="611648" spans="14:14">
      <c r="N611648" s="10"/>
    </row>
    <row r="611649" spans="14:14">
      <c r="N611649" s="10"/>
    </row>
    <row r="611650" spans="14:14">
      <c r="N611650" s="10"/>
    </row>
    <row r="611651" spans="14:14">
      <c r="N611651" s="10"/>
    </row>
    <row r="611652" spans="14:14">
      <c r="N611652" s="10"/>
    </row>
    <row r="611653" spans="14:14">
      <c r="N611653" s="10"/>
    </row>
    <row r="611654" spans="14:14">
      <c r="N611654" s="10"/>
    </row>
    <row r="611655" spans="14:14">
      <c r="N611655" s="10"/>
    </row>
    <row r="611656" spans="14:14">
      <c r="N611656" s="10"/>
    </row>
    <row r="611657" spans="14:14">
      <c r="N611657" s="10"/>
    </row>
    <row r="611658" spans="14:14">
      <c r="N611658" s="10"/>
    </row>
    <row r="611659" spans="14:14">
      <c r="N611659" s="10"/>
    </row>
    <row r="611660" spans="14:14">
      <c r="N611660" s="10"/>
    </row>
    <row r="611661" spans="14:14">
      <c r="N611661" s="10"/>
    </row>
    <row r="611662" spans="14:14">
      <c r="N611662" s="10"/>
    </row>
    <row r="611663" spans="14:14">
      <c r="N611663" s="10"/>
    </row>
    <row r="611664" spans="14:14">
      <c r="N611664" s="10"/>
    </row>
    <row r="611665" spans="14:14">
      <c r="N611665" s="10"/>
    </row>
    <row r="611666" spans="14:14">
      <c r="N611666" s="10"/>
    </row>
    <row r="611667" spans="14:14">
      <c r="N611667" s="10"/>
    </row>
    <row r="611668" spans="14:14">
      <c r="N611668" s="10"/>
    </row>
    <row r="611669" spans="14:14">
      <c r="N611669" s="10"/>
    </row>
    <row r="611670" spans="14:14">
      <c r="N611670" s="10"/>
    </row>
    <row r="611671" spans="14:14">
      <c r="N611671" s="10"/>
    </row>
    <row r="611672" spans="14:14">
      <c r="N611672" s="10"/>
    </row>
    <row r="611673" spans="14:14">
      <c r="N611673" s="10"/>
    </row>
    <row r="611674" spans="14:14">
      <c r="N611674" s="10"/>
    </row>
    <row r="611675" spans="14:14">
      <c r="N611675" s="10"/>
    </row>
    <row r="611676" spans="14:14">
      <c r="N611676" s="10"/>
    </row>
    <row r="611677" spans="14:14">
      <c r="N611677" s="10"/>
    </row>
    <row r="611678" spans="14:14">
      <c r="N611678" s="10"/>
    </row>
    <row r="611679" spans="14:14">
      <c r="N611679" s="10"/>
    </row>
    <row r="611680" spans="14:14">
      <c r="N611680" s="10"/>
    </row>
    <row r="611681" spans="14:14">
      <c r="N611681" s="10"/>
    </row>
    <row r="611682" spans="14:14">
      <c r="N611682" s="10"/>
    </row>
    <row r="611683" spans="14:14">
      <c r="N611683" s="10"/>
    </row>
    <row r="611684" spans="14:14">
      <c r="N611684" s="10"/>
    </row>
    <row r="611685" spans="14:14">
      <c r="N611685" s="10"/>
    </row>
    <row r="611686" spans="14:14">
      <c r="N611686" s="10"/>
    </row>
    <row r="611687" spans="14:14">
      <c r="N611687" s="10"/>
    </row>
    <row r="611688" spans="14:14">
      <c r="N611688" s="10"/>
    </row>
    <row r="611689" spans="14:14">
      <c r="N611689" s="10"/>
    </row>
    <row r="611690" spans="14:14">
      <c r="N611690" s="10"/>
    </row>
    <row r="611691" spans="14:14">
      <c r="N611691" s="10"/>
    </row>
    <row r="611692" spans="14:14">
      <c r="N611692" s="10"/>
    </row>
    <row r="611693" spans="14:14">
      <c r="N611693" s="10"/>
    </row>
    <row r="611694" spans="14:14">
      <c r="N611694" s="10"/>
    </row>
    <row r="611695" spans="14:14">
      <c r="N611695" s="10"/>
    </row>
    <row r="611696" spans="14:14">
      <c r="N611696" s="10"/>
    </row>
    <row r="611697" spans="14:14">
      <c r="N611697" s="10"/>
    </row>
    <row r="611698" spans="14:14">
      <c r="N611698" s="10"/>
    </row>
    <row r="611699" spans="14:14">
      <c r="N611699" s="10"/>
    </row>
    <row r="611700" spans="14:14">
      <c r="N611700" s="10"/>
    </row>
    <row r="611701" spans="14:14">
      <c r="N611701" s="10"/>
    </row>
    <row r="611702" spans="14:14">
      <c r="N611702" s="10"/>
    </row>
    <row r="611703" spans="14:14">
      <c r="N611703" s="10"/>
    </row>
    <row r="611704" spans="14:14">
      <c r="N611704" s="10"/>
    </row>
    <row r="611705" spans="14:14">
      <c r="N611705" s="10"/>
    </row>
    <row r="611706" spans="14:14">
      <c r="N611706" s="10"/>
    </row>
    <row r="611707" spans="14:14">
      <c r="N611707" s="10"/>
    </row>
    <row r="611708" spans="14:14">
      <c r="N611708" s="10"/>
    </row>
    <row r="611709" spans="14:14">
      <c r="N611709" s="10"/>
    </row>
    <row r="611710" spans="14:14">
      <c r="N611710" s="10"/>
    </row>
    <row r="611711" spans="14:14">
      <c r="N611711" s="10"/>
    </row>
    <row r="611712" spans="14:14">
      <c r="N611712" s="10"/>
    </row>
    <row r="611713" spans="14:14">
      <c r="N611713" s="10"/>
    </row>
    <row r="611714" spans="14:14">
      <c r="N611714" s="10"/>
    </row>
    <row r="611715" spans="14:14">
      <c r="N611715" s="10"/>
    </row>
    <row r="611716" spans="14:14">
      <c r="N611716" s="10"/>
    </row>
    <row r="611717" spans="14:14">
      <c r="N611717" s="10"/>
    </row>
    <row r="611718" spans="14:14">
      <c r="N611718" s="10"/>
    </row>
    <row r="611719" spans="14:14">
      <c r="N611719" s="10"/>
    </row>
    <row r="611720" spans="14:14">
      <c r="N611720" s="10"/>
    </row>
    <row r="611721" spans="14:14">
      <c r="N611721" s="10"/>
    </row>
    <row r="611722" spans="14:14">
      <c r="N611722" s="10"/>
    </row>
    <row r="611723" spans="14:14">
      <c r="N611723" s="10"/>
    </row>
    <row r="611724" spans="14:14">
      <c r="N611724" s="10"/>
    </row>
    <row r="611725" spans="14:14">
      <c r="N611725" s="10"/>
    </row>
    <row r="611726" spans="14:14">
      <c r="N611726" s="10"/>
    </row>
    <row r="611727" spans="14:14">
      <c r="N611727" s="10"/>
    </row>
    <row r="611728" spans="14:14">
      <c r="N611728" s="10"/>
    </row>
    <row r="611729" spans="14:14">
      <c r="N611729" s="10"/>
    </row>
    <row r="611730" spans="14:14">
      <c r="N611730" s="10"/>
    </row>
    <row r="611731" spans="14:14">
      <c r="N611731" s="10"/>
    </row>
    <row r="611732" spans="14:14">
      <c r="N611732" s="10"/>
    </row>
    <row r="611733" spans="14:14">
      <c r="N611733" s="10"/>
    </row>
    <row r="611734" spans="14:14">
      <c r="N611734" s="10"/>
    </row>
    <row r="611735" spans="14:14">
      <c r="N611735" s="10"/>
    </row>
    <row r="611736" spans="14:14">
      <c r="N611736" s="10"/>
    </row>
    <row r="611737" spans="14:14">
      <c r="N611737" s="10"/>
    </row>
    <row r="611738" spans="14:14">
      <c r="N611738" s="10"/>
    </row>
    <row r="611739" spans="14:14">
      <c r="N611739" s="10"/>
    </row>
    <row r="611740" spans="14:14">
      <c r="N611740" s="10"/>
    </row>
    <row r="611741" spans="14:14">
      <c r="N611741" s="10"/>
    </row>
    <row r="611742" spans="14:14">
      <c r="N611742" s="10"/>
    </row>
    <row r="611743" spans="14:14">
      <c r="N611743" s="10"/>
    </row>
    <row r="611744" spans="14:14">
      <c r="N611744" s="10"/>
    </row>
    <row r="611745" spans="14:14">
      <c r="N611745" s="10"/>
    </row>
    <row r="611746" spans="14:14">
      <c r="N611746" s="10"/>
    </row>
    <row r="611747" spans="14:14">
      <c r="N611747" s="10"/>
    </row>
    <row r="611748" spans="14:14">
      <c r="N611748" s="10"/>
    </row>
    <row r="611749" spans="14:14">
      <c r="N611749" s="10"/>
    </row>
    <row r="611750" spans="14:14">
      <c r="N611750" s="10"/>
    </row>
    <row r="611751" spans="14:14">
      <c r="N611751" s="10"/>
    </row>
    <row r="611752" spans="14:14">
      <c r="N611752" s="10"/>
    </row>
    <row r="611753" spans="14:14">
      <c r="N611753" s="10"/>
    </row>
    <row r="611754" spans="14:14">
      <c r="N611754" s="10"/>
    </row>
    <row r="611755" spans="14:14">
      <c r="N611755" s="10"/>
    </row>
    <row r="611756" spans="14:14">
      <c r="N611756" s="10"/>
    </row>
    <row r="611757" spans="14:14">
      <c r="N611757" s="10"/>
    </row>
    <row r="611758" spans="14:14">
      <c r="N611758" s="10"/>
    </row>
    <row r="611759" spans="14:14">
      <c r="N611759" s="10"/>
    </row>
    <row r="611760" spans="14:14">
      <c r="N611760" s="10"/>
    </row>
    <row r="611761" spans="14:14">
      <c r="N611761" s="10"/>
    </row>
    <row r="611762" spans="14:14">
      <c r="N611762" s="10"/>
    </row>
    <row r="611763" spans="14:14">
      <c r="N611763" s="10"/>
    </row>
    <row r="611764" spans="14:14">
      <c r="N611764" s="10"/>
    </row>
    <row r="611765" spans="14:14">
      <c r="N611765" s="10"/>
    </row>
    <row r="611766" spans="14:14">
      <c r="N611766" s="10"/>
    </row>
    <row r="611767" spans="14:14">
      <c r="N611767" s="10"/>
    </row>
    <row r="611768" spans="14:14">
      <c r="N611768" s="10"/>
    </row>
    <row r="611769" spans="14:14">
      <c r="N611769" s="10"/>
    </row>
    <row r="611770" spans="14:14">
      <c r="N611770" s="10"/>
    </row>
    <row r="611771" spans="14:14">
      <c r="N611771" s="10"/>
    </row>
    <row r="611772" spans="14:14">
      <c r="N611772" s="10"/>
    </row>
    <row r="611773" spans="14:14">
      <c r="N611773" s="10"/>
    </row>
    <row r="611774" spans="14:14">
      <c r="N611774" s="10"/>
    </row>
    <row r="611775" spans="14:14">
      <c r="N611775" s="10"/>
    </row>
    <row r="611776" spans="14:14">
      <c r="N611776" s="10"/>
    </row>
    <row r="611777" spans="14:14">
      <c r="N611777" s="10"/>
    </row>
    <row r="611778" spans="14:14">
      <c r="N611778" s="10"/>
    </row>
    <row r="611779" spans="14:14">
      <c r="N611779" s="10"/>
    </row>
    <row r="611780" spans="14:14">
      <c r="N611780" s="10"/>
    </row>
    <row r="611781" spans="14:14">
      <c r="N611781" s="10"/>
    </row>
    <row r="611782" spans="14:14">
      <c r="N611782" s="10"/>
    </row>
    <row r="611783" spans="14:14">
      <c r="N611783" s="10"/>
    </row>
    <row r="611784" spans="14:14">
      <c r="N611784" s="10"/>
    </row>
    <row r="611785" spans="14:14">
      <c r="N611785" s="10"/>
    </row>
    <row r="611786" spans="14:14">
      <c r="N611786" s="10"/>
    </row>
    <row r="611787" spans="14:14">
      <c r="N611787" s="10"/>
    </row>
    <row r="611788" spans="14:14">
      <c r="N611788" s="10"/>
    </row>
    <row r="611789" spans="14:14">
      <c r="N611789" s="10"/>
    </row>
    <row r="611790" spans="14:14">
      <c r="N611790" s="10"/>
    </row>
    <row r="611791" spans="14:14">
      <c r="N611791" s="10"/>
    </row>
    <row r="611792" spans="14:14">
      <c r="N611792" s="10"/>
    </row>
    <row r="611793" spans="14:14">
      <c r="N611793" s="10"/>
    </row>
    <row r="611794" spans="14:14">
      <c r="N611794" s="10"/>
    </row>
    <row r="611795" spans="14:14">
      <c r="N611795" s="10"/>
    </row>
    <row r="611796" spans="14:14">
      <c r="N611796" s="10"/>
    </row>
    <row r="611797" spans="14:14">
      <c r="N611797" s="10"/>
    </row>
    <row r="611798" spans="14:14">
      <c r="N611798" s="10"/>
    </row>
    <row r="611799" spans="14:14">
      <c r="N611799" s="10"/>
    </row>
    <row r="611800" spans="14:14">
      <c r="N611800" s="10"/>
    </row>
    <row r="611801" spans="14:14">
      <c r="N611801" s="10"/>
    </row>
    <row r="611802" spans="14:14">
      <c r="N611802" s="10"/>
    </row>
    <row r="611803" spans="14:14">
      <c r="N611803" s="10"/>
    </row>
    <row r="611804" spans="14:14">
      <c r="N611804" s="10"/>
    </row>
    <row r="611805" spans="14:14">
      <c r="N611805" s="10"/>
    </row>
    <row r="611806" spans="14:14">
      <c r="N611806" s="10"/>
    </row>
    <row r="611807" spans="14:14">
      <c r="N611807" s="10"/>
    </row>
    <row r="611808" spans="14:14">
      <c r="N611808" s="10"/>
    </row>
    <row r="611809" spans="14:14">
      <c r="N611809" s="10"/>
    </row>
    <row r="611810" spans="14:14">
      <c r="N611810" s="10"/>
    </row>
    <row r="611811" spans="14:14">
      <c r="N611811" s="10"/>
    </row>
    <row r="611812" spans="14:14">
      <c r="N611812" s="10"/>
    </row>
    <row r="611813" spans="14:14">
      <c r="N611813" s="10"/>
    </row>
    <row r="611814" spans="14:14">
      <c r="N611814" s="10"/>
    </row>
    <row r="611815" spans="14:14">
      <c r="N611815" s="10"/>
    </row>
    <row r="611816" spans="14:14">
      <c r="N611816" s="10"/>
    </row>
    <row r="611817" spans="14:14">
      <c r="N611817" s="10"/>
    </row>
    <row r="611818" spans="14:14">
      <c r="N611818" s="10"/>
    </row>
    <row r="611819" spans="14:14">
      <c r="N611819" s="10"/>
    </row>
    <row r="611820" spans="14:14">
      <c r="N611820" s="10"/>
    </row>
    <row r="611821" spans="14:14">
      <c r="N611821" s="10"/>
    </row>
    <row r="611822" spans="14:14">
      <c r="N611822" s="10"/>
    </row>
    <row r="611823" spans="14:14">
      <c r="N611823" s="10"/>
    </row>
    <row r="611824" spans="14:14">
      <c r="N611824" s="10"/>
    </row>
    <row r="611825" spans="14:14">
      <c r="N611825" s="10"/>
    </row>
    <row r="611826" spans="14:14">
      <c r="N611826" s="10"/>
    </row>
    <row r="611827" spans="14:14">
      <c r="N611827" s="10"/>
    </row>
    <row r="611828" spans="14:14">
      <c r="N611828" s="10"/>
    </row>
    <row r="611829" spans="14:14">
      <c r="N611829" s="10"/>
    </row>
    <row r="611830" spans="14:14">
      <c r="N611830" s="10"/>
    </row>
    <row r="611831" spans="14:14">
      <c r="N611831" s="10"/>
    </row>
    <row r="611832" spans="14:14">
      <c r="N611832" s="10"/>
    </row>
    <row r="611833" spans="14:14">
      <c r="N611833" s="10"/>
    </row>
    <row r="611834" spans="14:14">
      <c r="N611834" s="10"/>
    </row>
    <row r="611835" spans="14:14">
      <c r="N611835" s="10"/>
    </row>
    <row r="611836" spans="14:14">
      <c r="N611836" s="10"/>
    </row>
    <row r="611837" spans="14:14">
      <c r="N611837" s="10"/>
    </row>
    <row r="611838" spans="14:14">
      <c r="N611838" s="10"/>
    </row>
    <row r="611839" spans="14:14">
      <c r="N611839" s="10"/>
    </row>
    <row r="611840" spans="14:14">
      <c r="N611840" s="10"/>
    </row>
    <row r="611841" spans="14:14">
      <c r="N611841" s="10"/>
    </row>
    <row r="611842" spans="14:14">
      <c r="N611842" s="10"/>
    </row>
    <row r="611843" spans="14:14">
      <c r="N611843" s="10"/>
    </row>
    <row r="611844" spans="14:14">
      <c r="N611844" s="10"/>
    </row>
    <row r="611845" spans="14:14">
      <c r="N611845" s="10"/>
    </row>
    <row r="611846" spans="14:14">
      <c r="N611846" s="10"/>
    </row>
    <row r="611847" spans="14:14">
      <c r="N611847" s="10"/>
    </row>
    <row r="611848" spans="14:14">
      <c r="N611848" s="10"/>
    </row>
    <row r="611849" spans="14:14">
      <c r="N611849" s="10"/>
    </row>
    <row r="611850" spans="14:14">
      <c r="N611850" s="10"/>
    </row>
    <row r="611851" spans="14:14">
      <c r="N611851" s="10"/>
    </row>
    <row r="611852" spans="14:14">
      <c r="N611852" s="10"/>
    </row>
    <row r="611853" spans="14:14">
      <c r="N611853" s="10"/>
    </row>
    <row r="611854" spans="14:14">
      <c r="N611854" s="10"/>
    </row>
    <row r="611855" spans="14:14">
      <c r="N611855" s="10"/>
    </row>
    <row r="611856" spans="14:14">
      <c r="N611856" s="10"/>
    </row>
    <row r="611857" spans="14:14">
      <c r="N611857" s="10"/>
    </row>
    <row r="611858" spans="14:14">
      <c r="N611858" s="10"/>
    </row>
    <row r="611859" spans="14:14">
      <c r="N611859" s="10"/>
    </row>
    <row r="611860" spans="14:14">
      <c r="N611860" s="10"/>
    </row>
    <row r="611861" spans="14:14">
      <c r="N611861" s="10"/>
    </row>
    <row r="611862" spans="14:14">
      <c r="N611862" s="10"/>
    </row>
    <row r="611863" spans="14:14">
      <c r="N611863" s="10"/>
    </row>
    <row r="611864" spans="14:14">
      <c r="N611864" s="10"/>
    </row>
    <row r="611865" spans="14:14">
      <c r="N611865" s="10"/>
    </row>
    <row r="611866" spans="14:14">
      <c r="N611866" s="10"/>
    </row>
    <row r="611867" spans="14:14">
      <c r="N611867" s="10"/>
    </row>
    <row r="611868" spans="14:14">
      <c r="N611868" s="10"/>
    </row>
    <row r="611869" spans="14:14">
      <c r="N611869" s="10"/>
    </row>
    <row r="611870" spans="14:14">
      <c r="N611870" s="10"/>
    </row>
    <row r="611871" spans="14:14">
      <c r="N611871" s="10"/>
    </row>
    <row r="611872" spans="14:14">
      <c r="N611872" s="10"/>
    </row>
    <row r="611873" spans="14:14">
      <c r="N611873" s="10"/>
    </row>
    <row r="611874" spans="14:14">
      <c r="N611874" s="10"/>
    </row>
    <row r="611875" spans="14:14">
      <c r="N611875" s="10"/>
    </row>
    <row r="611876" spans="14:14">
      <c r="N611876" s="10"/>
    </row>
    <row r="611877" spans="14:14">
      <c r="N611877" s="10"/>
    </row>
    <row r="611878" spans="14:14">
      <c r="N611878" s="10"/>
    </row>
    <row r="611879" spans="14:14">
      <c r="N611879" s="10"/>
    </row>
    <row r="611880" spans="14:14">
      <c r="N611880" s="10"/>
    </row>
    <row r="611881" spans="14:14">
      <c r="N611881" s="10"/>
    </row>
    <row r="611882" spans="14:14">
      <c r="N611882" s="10"/>
    </row>
    <row r="611883" spans="14:14">
      <c r="N611883" s="10"/>
    </row>
    <row r="611884" spans="14:14">
      <c r="N611884" s="10"/>
    </row>
    <row r="611885" spans="14:14">
      <c r="N611885" s="10"/>
    </row>
    <row r="611886" spans="14:14">
      <c r="N611886" s="10"/>
    </row>
    <row r="611887" spans="14:14">
      <c r="N611887" s="10"/>
    </row>
    <row r="611888" spans="14:14">
      <c r="N611888" s="10"/>
    </row>
    <row r="611889" spans="14:14">
      <c r="N611889" s="10"/>
    </row>
    <row r="611890" spans="14:14">
      <c r="N611890" s="10"/>
    </row>
    <row r="611891" spans="14:14">
      <c r="N611891" s="10"/>
    </row>
    <row r="611892" spans="14:14">
      <c r="N611892" s="10"/>
    </row>
    <row r="611893" spans="14:14">
      <c r="N611893" s="10"/>
    </row>
    <row r="611894" spans="14:14">
      <c r="N611894" s="10"/>
    </row>
    <row r="611895" spans="14:14">
      <c r="N611895" s="10"/>
    </row>
    <row r="611896" spans="14:14">
      <c r="N611896" s="10"/>
    </row>
    <row r="611897" spans="14:14">
      <c r="N611897" s="10"/>
    </row>
    <row r="611898" spans="14:14">
      <c r="N611898" s="10"/>
    </row>
    <row r="611899" spans="14:14">
      <c r="N611899" s="10"/>
    </row>
    <row r="611900" spans="14:14">
      <c r="N611900" s="10"/>
    </row>
    <row r="611901" spans="14:14">
      <c r="N611901" s="10"/>
    </row>
    <row r="611902" spans="14:14">
      <c r="N611902" s="10"/>
    </row>
    <row r="611903" spans="14:14">
      <c r="N611903" s="10"/>
    </row>
    <row r="611904" spans="14:14">
      <c r="N611904" s="10"/>
    </row>
    <row r="611905" spans="14:14">
      <c r="N611905" s="10"/>
    </row>
    <row r="611906" spans="14:14">
      <c r="N611906" s="10"/>
    </row>
    <row r="611907" spans="14:14">
      <c r="N611907" s="10"/>
    </row>
    <row r="611908" spans="14:14">
      <c r="N611908" s="10"/>
    </row>
    <row r="611909" spans="14:14">
      <c r="N611909" s="10"/>
    </row>
    <row r="611910" spans="14:14">
      <c r="N611910" s="10"/>
    </row>
    <row r="611911" spans="14:14">
      <c r="N611911" s="10"/>
    </row>
    <row r="611912" spans="14:14">
      <c r="N611912" s="10"/>
    </row>
    <row r="611913" spans="14:14">
      <c r="N611913" s="10"/>
    </row>
    <row r="611914" spans="14:14">
      <c r="N611914" s="10"/>
    </row>
    <row r="611915" spans="14:14">
      <c r="N611915" s="10"/>
    </row>
    <row r="611916" spans="14:14">
      <c r="N611916" s="10"/>
    </row>
    <row r="611917" spans="14:14">
      <c r="N611917" s="10"/>
    </row>
    <row r="611918" spans="14:14">
      <c r="N611918" s="10"/>
    </row>
    <row r="611919" spans="14:14">
      <c r="N611919" s="10"/>
    </row>
    <row r="611920" spans="14:14">
      <c r="N611920" s="10"/>
    </row>
    <row r="611921" spans="14:14">
      <c r="N611921" s="10"/>
    </row>
    <row r="611922" spans="14:14">
      <c r="N611922" s="10"/>
    </row>
    <row r="611923" spans="14:14">
      <c r="N611923" s="10"/>
    </row>
    <row r="611924" spans="14:14">
      <c r="N611924" s="10"/>
    </row>
    <row r="611925" spans="14:14">
      <c r="N611925" s="10"/>
    </row>
    <row r="611926" spans="14:14">
      <c r="N611926" s="10"/>
    </row>
    <row r="611927" spans="14:14">
      <c r="N611927" s="10"/>
    </row>
    <row r="611928" spans="14:14">
      <c r="N611928" s="10"/>
    </row>
    <row r="611929" spans="14:14">
      <c r="N611929" s="10"/>
    </row>
    <row r="611930" spans="14:14">
      <c r="N611930" s="10"/>
    </row>
    <row r="611931" spans="14:14">
      <c r="N611931" s="10"/>
    </row>
    <row r="611932" spans="14:14">
      <c r="N611932" s="10"/>
    </row>
    <row r="611933" spans="14:14">
      <c r="N611933" s="10"/>
    </row>
    <row r="611934" spans="14:14">
      <c r="N611934" s="10"/>
    </row>
    <row r="611935" spans="14:14">
      <c r="N611935" s="10"/>
    </row>
    <row r="611936" spans="14:14">
      <c r="N611936" s="10"/>
    </row>
    <row r="611937" spans="14:14">
      <c r="N611937" s="10"/>
    </row>
    <row r="611938" spans="14:14">
      <c r="N611938" s="10"/>
    </row>
    <row r="611939" spans="14:14">
      <c r="N611939" s="10"/>
    </row>
    <row r="611940" spans="14:14">
      <c r="N611940" s="10"/>
    </row>
    <row r="611941" spans="14:14">
      <c r="N611941" s="10"/>
    </row>
    <row r="611942" spans="14:14">
      <c r="N611942" s="10"/>
    </row>
    <row r="611943" spans="14:14">
      <c r="N611943" s="10"/>
    </row>
    <row r="611944" spans="14:14">
      <c r="N611944" s="10"/>
    </row>
    <row r="611945" spans="14:14">
      <c r="N611945" s="10"/>
    </row>
    <row r="611946" spans="14:14">
      <c r="N611946" s="10"/>
    </row>
    <row r="611947" spans="14:14">
      <c r="N611947" s="10"/>
    </row>
    <row r="611948" spans="14:14">
      <c r="N611948" s="10"/>
    </row>
    <row r="611949" spans="14:14">
      <c r="N611949" s="10"/>
    </row>
    <row r="611950" spans="14:14">
      <c r="N611950" s="10"/>
    </row>
    <row r="611951" spans="14:14">
      <c r="N611951" s="10"/>
    </row>
    <row r="611952" spans="14:14">
      <c r="N611952" s="10"/>
    </row>
    <row r="611953" spans="14:14">
      <c r="N611953" s="10"/>
    </row>
    <row r="611954" spans="14:14">
      <c r="N611954" s="10"/>
    </row>
    <row r="611955" spans="14:14">
      <c r="N611955" s="10"/>
    </row>
    <row r="611956" spans="14:14">
      <c r="N611956" s="10"/>
    </row>
    <row r="611957" spans="14:14">
      <c r="N611957" s="10"/>
    </row>
    <row r="611958" spans="14:14">
      <c r="N611958" s="10"/>
    </row>
    <row r="611959" spans="14:14">
      <c r="N611959" s="10"/>
    </row>
    <row r="611960" spans="14:14">
      <c r="N611960" s="10"/>
    </row>
    <row r="611961" spans="14:14">
      <c r="N611961" s="10"/>
    </row>
    <row r="611962" spans="14:14">
      <c r="N611962" s="10"/>
    </row>
    <row r="611963" spans="14:14">
      <c r="N611963" s="10"/>
    </row>
    <row r="611964" spans="14:14">
      <c r="N611964" s="10"/>
    </row>
    <row r="611965" spans="14:14">
      <c r="N611965" s="10"/>
    </row>
    <row r="611966" spans="14:14">
      <c r="N611966" s="10"/>
    </row>
    <row r="611967" spans="14:14">
      <c r="N611967" s="10"/>
    </row>
    <row r="611968" spans="14:14">
      <c r="N611968" s="10"/>
    </row>
    <row r="611969" spans="14:14">
      <c r="N611969" s="10"/>
    </row>
    <row r="611970" spans="14:14">
      <c r="N611970" s="10"/>
    </row>
    <row r="611971" spans="14:14">
      <c r="N611971" s="10"/>
    </row>
    <row r="611972" spans="14:14">
      <c r="N611972" s="10"/>
    </row>
    <row r="611973" spans="14:14">
      <c r="N611973" s="10"/>
    </row>
    <row r="611974" spans="14:14">
      <c r="N611974" s="10"/>
    </row>
    <row r="611975" spans="14:14">
      <c r="N611975" s="10"/>
    </row>
    <row r="611976" spans="14:14">
      <c r="N611976" s="10"/>
    </row>
    <row r="611977" spans="14:14">
      <c r="N611977" s="10"/>
    </row>
    <row r="611978" spans="14:14">
      <c r="N611978" s="10"/>
    </row>
    <row r="611979" spans="14:14">
      <c r="N611979" s="10"/>
    </row>
    <row r="611980" spans="14:14">
      <c r="N611980" s="10"/>
    </row>
    <row r="611981" spans="14:14">
      <c r="N611981" s="10"/>
    </row>
    <row r="611982" spans="14:14">
      <c r="N611982" s="10"/>
    </row>
    <row r="611983" spans="14:14">
      <c r="N611983" s="10"/>
    </row>
    <row r="611984" spans="14:14">
      <c r="N611984" s="10"/>
    </row>
    <row r="611985" spans="14:14">
      <c r="N611985" s="10"/>
    </row>
    <row r="611986" spans="14:14">
      <c r="N611986" s="10"/>
    </row>
    <row r="611987" spans="14:14">
      <c r="N611987" s="10"/>
    </row>
    <row r="611988" spans="14:14">
      <c r="N611988" s="10"/>
    </row>
    <row r="611989" spans="14:14">
      <c r="N611989" s="10"/>
    </row>
    <row r="611990" spans="14:14">
      <c r="N611990" s="10"/>
    </row>
    <row r="611991" spans="14:14">
      <c r="N611991" s="10"/>
    </row>
    <row r="611992" spans="14:14">
      <c r="N611992" s="10"/>
    </row>
    <row r="611993" spans="14:14">
      <c r="N611993" s="10"/>
    </row>
    <row r="611994" spans="14:14">
      <c r="N611994" s="10"/>
    </row>
    <row r="611995" spans="14:14">
      <c r="N611995" s="10"/>
    </row>
    <row r="611996" spans="14:14">
      <c r="N611996" s="10"/>
    </row>
    <row r="611997" spans="14:14">
      <c r="N611997" s="10"/>
    </row>
    <row r="611998" spans="14:14">
      <c r="N611998" s="10"/>
    </row>
    <row r="611999" spans="14:14">
      <c r="N611999" s="10"/>
    </row>
    <row r="612000" spans="14:14">
      <c r="N612000" s="10"/>
    </row>
    <row r="612001" spans="14:14">
      <c r="N612001" s="10"/>
    </row>
    <row r="612002" spans="14:14">
      <c r="N612002" s="10"/>
    </row>
    <row r="612003" spans="14:14">
      <c r="N612003" s="10"/>
    </row>
    <row r="612004" spans="14:14">
      <c r="N612004" s="10"/>
    </row>
    <row r="612005" spans="14:14">
      <c r="N612005" s="10"/>
    </row>
    <row r="612006" spans="14:14">
      <c r="N612006" s="10"/>
    </row>
    <row r="612007" spans="14:14">
      <c r="N612007" s="10"/>
    </row>
    <row r="612008" spans="14:14">
      <c r="N612008" s="10"/>
    </row>
    <row r="612009" spans="14:14">
      <c r="N612009" s="10"/>
    </row>
    <row r="612010" spans="14:14">
      <c r="N612010" s="10"/>
    </row>
    <row r="612011" spans="14:14">
      <c r="N612011" s="10"/>
    </row>
    <row r="612012" spans="14:14">
      <c r="N612012" s="10"/>
    </row>
    <row r="612013" spans="14:14">
      <c r="N612013" s="10"/>
    </row>
    <row r="612014" spans="14:14">
      <c r="N612014" s="10"/>
    </row>
    <row r="612015" spans="14:14">
      <c r="N612015" s="10"/>
    </row>
    <row r="612016" spans="14:14">
      <c r="N612016" s="10"/>
    </row>
    <row r="612017" spans="14:14">
      <c r="N612017" s="10"/>
    </row>
    <row r="612018" spans="14:14">
      <c r="N612018" s="10"/>
    </row>
    <row r="612019" spans="14:14">
      <c r="N612019" s="10"/>
    </row>
    <row r="612020" spans="14:14">
      <c r="N612020" s="10"/>
    </row>
    <row r="612021" spans="14:14">
      <c r="N612021" s="10"/>
    </row>
    <row r="612022" spans="14:14">
      <c r="N612022" s="10"/>
    </row>
    <row r="612023" spans="14:14">
      <c r="N612023" s="10"/>
    </row>
    <row r="612024" spans="14:14">
      <c r="N612024" s="10"/>
    </row>
    <row r="612025" spans="14:14">
      <c r="N612025" s="10"/>
    </row>
    <row r="612026" spans="14:14">
      <c r="N612026" s="10"/>
    </row>
    <row r="612027" spans="14:14">
      <c r="N612027" s="10"/>
    </row>
    <row r="612028" spans="14:14">
      <c r="N612028" s="10"/>
    </row>
    <row r="612029" spans="14:14">
      <c r="N612029" s="10"/>
    </row>
    <row r="612030" spans="14:14">
      <c r="N612030" s="10"/>
    </row>
    <row r="612031" spans="14:14">
      <c r="N612031" s="10"/>
    </row>
    <row r="612032" spans="14:14">
      <c r="N612032" s="10"/>
    </row>
    <row r="612033" spans="14:14">
      <c r="N612033" s="10"/>
    </row>
    <row r="612034" spans="14:14">
      <c r="N612034" s="10"/>
    </row>
    <row r="612035" spans="14:14">
      <c r="N612035" s="10"/>
    </row>
    <row r="612036" spans="14:14">
      <c r="N612036" s="10"/>
    </row>
    <row r="612037" spans="14:14">
      <c r="N612037" s="10"/>
    </row>
    <row r="612038" spans="14:14">
      <c r="N612038" s="10"/>
    </row>
    <row r="612039" spans="14:14">
      <c r="N612039" s="10"/>
    </row>
    <row r="612040" spans="14:14">
      <c r="N612040" s="10"/>
    </row>
    <row r="612041" spans="14:14">
      <c r="N612041" s="10"/>
    </row>
    <row r="612042" spans="14:14">
      <c r="N612042" s="10"/>
    </row>
    <row r="612043" spans="14:14">
      <c r="N612043" s="10"/>
    </row>
    <row r="612044" spans="14:14">
      <c r="N612044" s="10"/>
    </row>
    <row r="612045" spans="14:14">
      <c r="N612045" s="10"/>
    </row>
    <row r="612046" spans="14:14">
      <c r="N612046" s="10"/>
    </row>
    <row r="612047" spans="14:14">
      <c r="N612047" s="10"/>
    </row>
    <row r="612048" spans="14:14">
      <c r="N612048" s="10"/>
    </row>
    <row r="612049" spans="14:14">
      <c r="N612049" s="10"/>
    </row>
    <row r="612050" spans="14:14">
      <c r="N612050" s="10"/>
    </row>
    <row r="612051" spans="14:14">
      <c r="N612051" s="10"/>
    </row>
    <row r="612052" spans="14:14">
      <c r="N612052" s="10"/>
    </row>
    <row r="612053" spans="14:14">
      <c r="N612053" s="10"/>
    </row>
    <row r="612054" spans="14:14">
      <c r="N612054" s="10"/>
    </row>
    <row r="612055" spans="14:14">
      <c r="N612055" s="10"/>
    </row>
    <row r="612056" spans="14:14">
      <c r="N612056" s="10"/>
    </row>
    <row r="612057" spans="14:14">
      <c r="N612057" s="10"/>
    </row>
    <row r="612058" spans="14:14">
      <c r="N612058" s="10"/>
    </row>
    <row r="612059" spans="14:14">
      <c r="N612059" s="10"/>
    </row>
    <row r="612060" spans="14:14">
      <c r="N612060" s="10"/>
    </row>
    <row r="612061" spans="14:14">
      <c r="N612061" s="10"/>
    </row>
    <row r="612062" spans="14:14">
      <c r="N612062" s="10"/>
    </row>
    <row r="612063" spans="14:14">
      <c r="N612063" s="10"/>
    </row>
    <row r="612064" spans="14:14">
      <c r="N612064" s="10"/>
    </row>
    <row r="612065" spans="14:14">
      <c r="N612065" s="10"/>
    </row>
    <row r="612066" spans="14:14">
      <c r="N612066" s="10"/>
    </row>
    <row r="612067" spans="14:14">
      <c r="N612067" s="10"/>
    </row>
    <row r="612068" spans="14:14">
      <c r="N612068" s="10"/>
    </row>
    <row r="612069" spans="14:14">
      <c r="N612069" s="10"/>
    </row>
    <row r="612070" spans="14:14">
      <c r="N612070" s="10"/>
    </row>
    <row r="612071" spans="14:14">
      <c r="N612071" s="10"/>
    </row>
    <row r="612072" spans="14:14">
      <c r="N612072" s="10"/>
    </row>
    <row r="612073" spans="14:14">
      <c r="N612073" s="10"/>
    </row>
    <row r="612074" spans="14:14">
      <c r="N612074" s="10"/>
    </row>
    <row r="612075" spans="14:14">
      <c r="N612075" s="10"/>
    </row>
    <row r="612076" spans="14:14">
      <c r="N612076" s="10"/>
    </row>
    <row r="612077" spans="14:14">
      <c r="N612077" s="10"/>
    </row>
    <row r="612078" spans="14:14">
      <c r="N612078" s="10"/>
    </row>
    <row r="612079" spans="14:14">
      <c r="N612079" s="10"/>
    </row>
    <row r="612080" spans="14:14">
      <c r="N612080" s="10"/>
    </row>
    <row r="612081" spans="14:14">
      <c r="N612081" s="10"/>
    </row>
    <row r="612082" spans="14:14">
      <c r="N612082" s="10"/>
    </row>
    <row r="612083" spans="14:14">
      <c r="N612083" s="10"/>
    </row>
    <row r="612084" spans="14:14">
      <c r="N612084" s="10"/>
    </row>
    <row r="612085" spans="14:14">
      <c r="N612085" s="10"/>
    </row>
    <row r="612086" spans="14:14">
      <c r="N612086" s="10"/>
    </row>
    <row r="612087" spans="14:14">
      <c r="N612087" s="10"/>
    </row>
    <row r="612088" spans="14:14">
      <c r="N612088" s="10"/>
    </row>
    <row r="612089" spans="14:14">
      <c r="N612089" s="10"/>
    </row>
    <row r="612090" spans="14:14">
      <c r="N612090" s="10"/>
    </row>
    <row r="612091" spans="14:14">
      <c r="N612091" s="10"/>
    </row>
    <row r="612092" spans="14:14">
      <c r="N612092" s="10"/>
    </row>
    <row r="612093" spans="14:14">
      <c r="N612093" s="10"/>
    </row>
    <row r="612094" spans="14:14">
      <c r="N612094" s="10"/>
    </row>
    <row r="612095" spans="14:14">
      <c r="N612095" s="10"/>
    </row>
    <row r="612096" spans="14:14">
      <c r="N612096" s="10"/>
    </row>
    <row r="612097" spans="14:14">
      <c r="N612097" s="10"/>
    </row>
    <row r="612098" spans="14:14">
      <c r="N612098" s="10"/>
    </row>
    <row r="612099" spans="14:14">
      <c r="N612099" s="10"/>
    </row>
    <row r="612100" spans="14:14">
      <c r="N612100" s="10"/>
    </row>
    <row r="612101" spans="14:14">
      <c r="N612101" s="10"/>
    </row>
    <row r="612102" spans="14:14">
      <c r="N612102" s="10"/>
    </row>
    <row r="612103" spans="14:14">
      <c r="N612103" s="10"/>
    </row>
    <row r="612104" spans="14:14">
      <c r="N612104" s="10"/>
    </row>
    <row r="612105" spans="14:14">
      <c r="N612105" s="10"/>
    </row>
    <row r="612106" spans="14:14">
      <c r="N612106" s="10"/>
    </row>
    <row r="612107" spans="14:14">
      <c r="N612107" s="10"/>
    </row>
    <row r="612108" spans="14:14">
      <c r="N612108" s="10"/>
    </row>
    <row r="612109" spans="14:14">
      <c r="N612109" s="10"/>
    </row>
    <row r="612110" spans="14:14">
      <c r="N612110" s="10"/>
    </row>
    <row r="612111" spans="14:14">
      <c r="N612111" s="10"/>
    </row>
    <row r="612112" spans="14:14">
      <c r="N612112" s="10"/>
    </row>
    <row r="612113" spans="14:14">
      <c r="N612113" s="10"/>
    </row>
    <row r="612114" spans="14:14">
      <c r="N612114" s="10"/>
    </row>
    <row r="612115" spans="14:14">
      <c r="N612115" s="10"/>
    </row>
    <row r="612116" spans="14:14">
      <c r="N612116" s="10"/>
    </row>
    <row r="612117" spans="14:14">
      <c r="N612117" s="10"/>
    </row>
    <row r="612118" spans="14:14">
      <c r="N612118" s="10"/>
    </row>
    <row r="612119" spans="14:14">
      <c r="N612119" s="10"/>
    </row>
    <row r="612120" spans="14:14">
      <c r="N612120" s="10"/>
    </row>
    <row r="612121" spans="14:14">
      <c r="N612121" s="10"/>
    </row>
    <row r="612122" spans="14:14">
      <c r="N612122" s="10"/>
    </row>
    <row r="612123" spans="14:14">
      <c r="N612123" s="10"/>
    </row>
    <row r="612124" spans="14:14">
      <c r="N612124" s="10"/>
    </row>
    <row r="612125" spans="14:14">
      <c r="N612125" s="10"/>
    </row>
    <row r="612126" spans="14:14">
      <c r="N612126" s="10"/>
    </row>
    <row r="612127" spans="14:14">
      <c r="N612127" s="10"/>
    </row>
    <row r="612128" spans="14:14">
      <c r="N612128" s="10"/>
    </row>
    <row r="612129" spans="14:14">
      <c r="N612129" s="10"/>
    </row>
    <row r="612130" spans="14:14">
      <c r="N612130" s="10"/>
    </row>
    <row r="612131" spans="14:14">
      <c r="N612131" s="10"/>
    </row>
    <row r="612132" spans="14:14">
      <c r="N612132" s="10"/>
    </row>
    <row r="612133" spans="14:14">
      <c r="N612133" s="10"/>
    </row>
    <row r="612134" spans="14:14">
      <c r="N612134" s="10"/>
    </row>
    <row r="612135" spans="14:14">
      <c r="N612135" s="10"/>
    </row>
    <row r="612136" spans="14:14">
      <c r="N612136" s="10"/>
    </row>
    <row r="612137" spans="14:14">
      <c r="N612137" s="10"/>
    </row>
    <row r="612138" spans="14:14">
      <c r="N612138" s="10"/>
    </row>
    <row r="612139" spans="14:14">
      <c r="N612139" s="10"/>
    </row>
    <row r="612140" spans="14:14">
      <c r="N612140" s="10"/>
    </row>
    <row r="612141" spans="14:14">
      <c r="N612141" s="10"/>
    </row>
    <row r="612142" spans="14:14">
      <c r="N612142" s="10"/>
    </row>
    <row r="612143" spans="14:14">
      <c r="N612143" s="10"/>
    </row>
    <row r="612144" spans="14:14">
      <c r="N612144" s="10"/>
    </row>
    <row r="612145" spans="14:14">
      <c r="N612145" s="10"/>
    </row>
    <row r="612146" spans="14:14">
      <c r="N612146" s="10"/>
    </row>
    <row r="612147" spans="14:14">
      <c r="N612147" s="10"/>
    </row>
    <row r="612148" spans="14:14">
      <c r="N612148" s="10"/>
    </row>
    <row r="612149" spans="14:14">
      <c r="N612149" s="10"/>
    </row>
    <row r="612150" spans="14:14">
      <c r="N612150" s="10"/>
    </row>
    <row r="612151" spans="14:14">
      <c r="N612151" s="10"/>
    </row>
    <row r="612152" spans="14:14">
      <c r="N612152" s="10"/>
    </row>
    <row r="612153" spans="14:14">
      <c r="N612153" s="10"/>
    </row>
    <row r="612154" spans="14:14">
      <c r="N612154" s="10"/>
    </row>
    <row r="612155" spans="14:14">
      <c r="N612155" s="10"/>
    </row>
    <row r="612156" spans="14:14">
      <c r="N612156" s="10"/>
    </row>
    <row r="612157" spans="14:14">
      <c r="N612157" s="10"/>
    </row>
    <row r="612158" spans="14:14">
      <c r="N612158" s="10"/>
    </row>
    <row r="612159" spans="14:14">
      <c r="N612159" s="10"/>
    </row>
    <row r="612160" spans="14:14">
      <c r="N612160" s="10"/>
    </row>
    <row r="612161" spans="14:14">
      <c r="N612161" s="10"/>
    </row>
    <row r="612162" spans="14:14">
      <c r="N612162" s="10"/>
    </row>
    <row r="612163" spans="14:14">
      <c r="N612163" s="10"/>
    </row>
    <row r="612164" spans="14:14">
      <c r="N612164" s="10"/>
    </row>
    <row r="612165" spans="14:14">
      <c r="N612165" s="10"/>
    </row>
    <row r="612166" spans="14:14">
      <c r="N612166" s="10"/>
    </row>
    <row r="612167" spans="14:14">
      <c r="N612167" s="10"/>
    </row>
    <row r="612168" spans="14:14">
      <c r="N612168" s="10"/>
    </row>
    <row r="612169" spans="14:14">
      <c r="N612169" s="10"/>
    </row>
    <row r="612170" spans="14:14">
      <c r="N612170" s="10"/>
    </row>
    <row r="612171" spans="14:14">
      <c r="N612171" s="10"/>
    </row>
    <row r="612172" spans="14:14">
      <c r="N612172" s="10"/>
    </row>
    <row r="612173" spans="14:14">
      <c r="N612173" s="10"/>
    </row>
    <row r="612174" spans="14:14">
      <c r="N612174" s="10"/>
    </row>
    <row r="612175" spans="14:14">
      <c r="N612175" s="10"/>
    </row>
    <row r="612176" spans="14:14">
      <c r="N612176" s="10"/>
    </row>
    <row r="612177" spans="14:14">
      <c r="N612177" s="10"/>
    </row>
    <row r="612178" spans="14:14">
      <c r="N612178" s="10"/>
    </row>
    <row r="612179" spans="14:14">
      <c r="N612179" s="10"/>
    </row>
    <row r="612180" spans="14:14">
      <c r="N612180" s="10"/>
    </row>
    <row r="612181" spans="14:14">
      <c r="N612181" s="10"/>
    </row>
    <row r="612182" spans="14:14">
      <c r="N612182" s="10"/>
    </row>
    <row r="612183" spans="14:14">
      <c r="N612183" s="10"/>
    </row>
    <row r="612184" spans="14:14">
      <c r="N612184" s="10"/>
    </row>
    <row r="612185" spans="14:14">
      <c r="N612185" s="10"/>
    </row>
    <row r="612186" spans="14:14">
      <c r="N612186" s="10"/>
    </row>
    <row r="612187" spans="14:14">
      <c r="N612187" s="10"/>
    </row>
    <row r="612188" spans="14:14">
      <c r="N612188" s="10"/>
    </row>
    <row r="612189" spans="14:14">
      <c r="N612189" s="10"/>
    </row>
    <row r="612190" spans="14:14">
      <c r="N612190" s="10"/>
    </row>
    <row r="612191" spans="14:14">
      <c r="N612191" s="10"/>
    </row>
    <row r="612192" spans="14:14">
      <c r="N612192" s="10"/>
    </row>
    <row r="612193" spans="14:14">
      <c r="N612193" s="10"/>
    </row>
    <row r="612194" spans="14:14">
      <c r="N612194" s="10"/>
    </row>
    <row r="612195" spans="14:14">
      <c r="N612195" s="10"/>
    </row>
    <row r="612196" spans="14:14">
      <c r="N612196" s="10"/>
    </row>
    <row r="612197" spans="14:14">
      <c r="N612197" s="10"/>
    </row>
    <row r="612198" spans="14:14">
      <c r="N612198" s="10"/>
    </row>
    <row r="612199" spans="14:14">
      <c r="N612199" s="10"/>
    </row>
    <row r="612200" spans="14:14">
      <c r="N612200" s="10"/>
    </row>
    <row r="612201" spans="14:14">
      <c r="N612201" s="10"/>
    </row>
    <row r="612202" spans="14:14">
      <c r="N612202" s="10"/>
    </row>
    <row r="612203" spans="14:14">
      <c r="N612203" s="10"/>
    </row>
    <row r="612204" spans="14:14">
      <c r="N612204" s="10"/>
    </row>
    <row r="612205" spans="14:14">
      <c r="N612205" s="10"/>
    </row>
    <row r="612206" spans="14:14">
      <c r="N612206" s="10"/>
    </row>
    <row r="612207" spans="14:14">
      <c r="N612207" s="10"/>
    </row>
    <row r="612208" spans="14:14">
      <c r="N612208" s="10"/>
    </row>
    <row r="612209" spans="14:14">
      <c r="N612209" s="10"/>
    </row>
    <row r="612210" spans="14:14">
      <c r="N612210" s="10"/>
    </row>
    <row r="612211" spans="14:14">
      <c r="N612211" s="10"/>
    </row>
    <row r="612212" spans="14:14">
      <c r="N612212" s="10"/>
    </row>
    <row r="612213" spans="14:14">
      <c r="N612213" s="10"/>
    </row>
    <row r="612214" spans="14:14">
      <c r="N612214" s="10"/>
    </row>
    <row r="612215" spans="14:14">
      <c r="N612215" s="10"/>
    </row>
    <row r="612216" spans="14:14">
      <c r="N612216" s="10"/>
    </row>
    <row r="612217" spans="14:14">
      <c r="N612217" s="10"/>
    </row>
    <row r="612218" spans="14:14">
      <c r="N612218" s="10"/>
    </row>
    <row r="612219" spans="14:14">
      <c r="N612219" s="10"/>
    </row>
    <row r="612220" spans="14:14">
      <c r="N612220" s="10"/>
    </row>
    <row r="612221" spans="14:14">
      <c r="N612221" s="10"/>
    </row>
    <row r="612222" spans="14:14">
      <c r="N612222" s="10"/>
    </row>
    <row r="612223" spans="14:14">
      <c r="N612223" s="10"/>
    </row>
    <row r="612224" spans="14:14">
      <c r="N612224" s="10"/>
    </row>
    <row r="612225" spans="14:14">
      <c r="N612225" s="10"/>
    </row>
    <row r="612226" spans="14:14">
      <c r="N612226" s="10"/>
    </row>
    <row r="612227" spans="14:14">
      <c r="N612227" s="10"/>
    </row>
    <row r="612228" spans="14:14">
      <c r="N612228" s="10"/>
    </row>
    <row r="612229" spans="14:14">
      <c r="N612229" s="10"/>
    </row>
    <row r="612230" spans="14:14">
      <c r="N612230" s="10"/>
    </row>
    <row r="612231" spans="14:14">
      <c r="N612231" s="10"/>
    </row>
    <row r="612232" spans="14:14">
      <c r="N612232" s="10"/>
    </row>
    <row r="612233" spans="14:14">
      <c r="N612233" s="10"/>
    </row>
    <row r="612234" spans="14:14">
      <c r="N612234" s="10"/>
    </row>
    <row r="612235" spans="14:14">
      <c r="N612235" s="10"/>
    </row>
    <row r="612236" spans="14:14">
      <c r="N612236" s="10"/>
    </row>
    <row r="612237" spans="14:14">
      <c r="N612237" s="10"/>
    </row>
    <row r="612238" spans="14:14">
      <c r="N612238" s="10"/>
    </row>
    <row r="612239" spans="14:14">
      <c r="N612239" s="10"/>
    </row>
    <row r="612240" spans="14:14">
      <c r="N612240" s="10"/>
    </row>
    <row r="612241" spans="14:14">
      <c r="N612241" s="10"/>
    </row>
    <row r="612242" spans="14:14">
      <c r="N612242" s="10"/>
    </row>
    <row r="612243" spans="14:14">
      <c r="N612243" s="10"/>
    </row>
    <row r="612244" spans="14:14">
      <c r="N612244" s="10"/>
    </row>
    <row r="612245" spans="14:14">
      <c r="N612245" s="10"/>
    </row>
    <row r="612246" spans="14:14">
      <c r="N612246" s="10"/>
    </row>
    <row r="612247" spans="14:14">
      <c r="N612247" s="10"/>
    </row>
    <row r="612248" spans="14:14">
      <c r="N612248" s="10"/>
    </row>
    <row r="612249" spans="14:14">
      <c r="N612249" s="10"/>
    </row>
    <row r="612250" spans="14:14">
      <c r="N612250" s="10"/>
    </row>
    <row r="612251" spans="14:14">
      <c r="N612251" s="10"/>
    </row>
    <row r="612252" spans="14:14">
      <c r="N612252" s="10"/>
    </row>
    <row r="612253" spans="14:14">
      <c r="N612253" s="10"/>
    </row>
    <row r="612254" spans="14:14">
      <c r="N612254" s="10"/>
    </row>
    <row r="612255" spans="14:14">
      <c r="N612255" s="10"/>
    </row>
    <row r="612256" spans="14:14">
      <c r="N612256" s="10"/>
    </row>
    <row r="612257" spans="14:14">
      <c r="N612257" s="10"/>
    </row>
    <row r="612258" spans="14:14">
      <c r="N612258" s="10"/>
    </row>
    <row r="612259" spans="14:14">
      <c r="N612259" s="10"/>
    </row>
    <row r="612260" spans="14:14">
      <c r="N612260" s="10"/>
    </row>
    <row r="612261" spans="14:14">
      <c r="N612261" s="10"/>
    </row>
    <row r="612262" spans="14:14">
      <c r="N612262" s="10"/>
    </row>
    <row r="612263" spans="14:14">
      <c r="N612263" s="10"/>
    </row>
    <row r="612264" spans="14:14">
      <c r="N612264" s="10"/>
    </row>
    <row r="612265" spans="14:14">
      <c r="N612265" s="10"/>
    </row>
    <row r="612266" spans="14:14">
      <c r="N612266" s="10"/>
    </row>
    <row r="612267" spans="14:14">
      <c r="N612267" s="10"/>
    </row>
    <row r="612268" spans="14:14">
      <c r="N612268" s="10"/>
    </row>
    <row r="612269" spans="14:14">
      <c r="N612269" s="10"/>
    </row>
    <row r="612270" spans="14:14">
      <c r="N612270" s="10"/>
    </row>
    <row r="612271" spans="14:14">
      <c r="N612271" s="10"/>
    </row>
    <row r="612272" spans="14:14">
      <c r="N612272" s="10"/>
    </row>
    <row r="612273" spans="14:14">
      <c r="N612273" s="10"/>
    </row>
    <row r="612274" spans="14:14">
      <c r="N612274" s="10"/>
    </row>
    <row r="612275" spans="14:14">
      <c r="N612275" s="10"/>
    </row>
    <row r="612276" spans="14:14">
      <c r="N612276" s="10"/>
    </row>
    <row r="612277" spans="14:14">
      <c r="N612277" s="10"/>
    </row>
    <row r="612278" spans="14:14">
      <c r="N612278" s="10"/>
    </row>
    <row r="612279" spans="14:14">
      <c r="N612279" s="10"/>
    </row>
    <row r="612280" spans="14:14">
      <c r="N612280" s="10"/>
    </row>
    <row r="612281" spans="14:14">
      <c r="N612281" s="10"/>
    </row>
    <row r="612282" spans="14:14">
      <c r="N612282" s="10"/>
    </row>
    <row r="612283" spans="14:14">
      <c r="N612283" s="10"/>
    </row>
    <row r="612284" spans="14:14">
      <c r="N612284" s="10"/>
    </row>
    <row r="612285" spans="14:14">
      <c r="N612285" s="10"/>
    </row>
    <row r="612286" spans="14:14">
      <c r="N612286" s="10"/>
    </row>
    <row r="612287" spans="14:14">
      <c r="N612287" s="10"/>
    </row>
    <row r="612288" spans="14:14">
      <c r="N612288" s="10"/>
    </row>
    <row r="612289" spans="14:14">
      <c r="N612289" s="10"/>
    </row>
    <row r="612290" spans="14:14">
      <c r="N612290" s="10"/>
    </row>
    <row r="612291" spans="14:14">
      <c r="N612291" s="10"/>
    </row>
    <row r="612292" spans="14:14">
      <c r="N612292" s="10"/>
    </row>
    <row r="612293" spans="14:14">
      <c r="N612293" s="10"/>
    </row>
    <row r="612294" spans="14:14">
      <c r="N612294" s="10"/>
    </row>
    <row r="612295" spans="14:14">
      <c r="N612295" s="10"/>
    </row>
    <row r="612296" spans="14:14">
      <c r="N612296" s="10"/>
    </row>
    <row r="612297" spans="14:14">
      <c r="N612297" s="10"/>
    </row>
    <row r="612298" spans="14:14">
      <c r="N612298" s="10"/>
    </row>
    <row r="612299" spans="14:14">
      <c r="N612299" s="10"/>
    </row>
    <row r="612300" spans="14:14">
      <c r="N612300" s="10"/>
    </row>
    <row r="612301" spans="14:14">
      <c r="N612301" s="10"/>
    </row>
    <row r="612302" spans="14:14">
      <c r="N612302" s="10"/>
    </row>
    <row r="612303" spans="14:14">
      <c r="N612303" s="10"/>
    </row>
    <row r="612304" spans="14:14">
      <c r="N612304" s="10"/>
    </row>
    <row r="612305" spans="14:14">
      <c r="N612305" s="10"/>
    </row>
    <row r="612306" spans="14:14">
      <c r="N612306" s="10"/>
    </row>
    <row r="612307" spans="14:14">
      <c r="N612307" s="10"/>
    </row>
    <row r="612308" spans="14:14">
      <c r="N612308" s="10"/>
    </row>
    <row r="612309" spans="14:14">
      <c r="N612309" s="10"/>
    </row>
    <row r="612310" spans="14:14">
      <c r="N612310" s="10"/>
    </row>
    <row r="612311" spans="14:14">
      <c r="N612311" s="10"/>
    </row>
    <row r="612312" spans="14:14">
      <c r="N612312" s="10"/>
    </row>
    <row r="612313" spans="14:14">
      <c r="N612313" s="10"/>
    </row>
    <row r="612314" spans="14:14">
      <c r="N612314" s="10"/>
    </row>
    <row r="612315" spans="14:14">
      <c r="N612315" s="10"/>
    </row>
    <row r="612316" spans="14:14">
      <c r="N612316" s="10"/>
    </row>
    <row r="612317" spans="14:14">
      <c r="N612317" s="10"/>
    </row>
    <row r="612318" spans="14:14">
      <c r="N612318" s="10"/>
    </row>
    <row r="612319" spans="14:14">
      <c r="N612319" s="10"/>
    </row>
    <row r="612320" spans="14:14">
      <c r="N612320" s="10"/>
    </row>
    <row r="612321" spans="14:14">
      <c r="N612321" s="10"/>
    </row>
    <row r="612322" spans="14:14">
      <c r="N612322" s="10"/>
    </row>
    <row r="612323" spans="14:14">
      <c r="N612323" s="10"/>
    </row>
    <row r="612324" spans="14:14">
      <c r="N612324" s="10"/>
    </row>
    <row r="612325" spans="14:14">
      <c r="N612325" s="10"/>
    </row>
    <row r="612326" spans="14:14">
      <c r="N612326" s="10"/>
    </row>
    <row r="612327" spans="14:14">
      <c r="N612327" s="10"/>
    </row>
    <row r="612328" spans="14:14">
      <c r="N612328" s="10"/>
    </row>
    <row r="612329" spans="14:14">
      <c r="N612329" s="10"/>
    </row>
    <row r="612330" spans="14:14">
      <c r="N612330" s="10"/>
    </row>
    <row r="612331" spans="14:14">
      <c r="N612331" s="10"/>
    </row>
    <row r="612332" spans="14:14">
      <c r="N612332" s="10"/>
    </row>
    <row r="612333" spans="14:14">
      <c r="N612333" s="10"/>
    </row>
    <row r="612334" spans="14:14">
      <c r="N612334" s="10"/>
    </row>
    <row r="612335" spans="14:14">
      <c r="N612335" s="10"/>
    </row>
    <row r="612336" spans="14:14">
      <c r="N612336" s="10"/>
    </row>
    <row r="612337" spans="14:14">
      <c r="N612337" s="10"/>
    </row>
    <row r="612338" spans="14:14">
      <c r="N612338" s="10"/>
    </row>
    <row r="612339" spans="14:14">
      <c r="N612339" s="10"/>
    </row>
    <row r="612340" spans="14:14">
      <c r="N612340" s="10"/>
    </row>
    <row r="612341" spans="14:14">
      <c r="N612341" s="10"/>
    </row>
    <row r="612342" spans="14:14">
      <c r="N612342" s="10"/>
    </row>
    <row r="612343" spans="14:14">
      <c r="N612343" s="10"/>
    </row>
    <row r="612344" spans="14:14">
      <c r="N612344" s="10"/>
    </row>
    <row r="612345" spans="14:14">
      <c r="N612345" s="10"/>
    </row>
    <row r="612346" spans="14:14">
      <c r="N612346" s="10"/>
    </row>
    <row r="612347" spans="14:14">
      <c r="N612347" s="10"/>
    </row>
    <row r="612348" spans="14:14">
      <c r="N612348" s="10"/>
    </row>
    <row r="612349" spans="14:14">
      <c r="N612349" s="10"/>
    </row>
    <row r="612350" spans="14:14">
      <c r="N612350" s="10"/>
    </row>
    <row r="612351" spans="14:14">
      <c r="N612351" s="10"/>
    </row>
    <row r="612352" spans="14:14">
      <c r="N612352" s="10"/>
    </row>
    <row r="612353" spans="14:14">
      <c r="N612353" s="10"/>
    </row>
    <row r="612354" spans="14:14">
      <c r="N612354" s="10"/>
    </row>
    <row r="612355" spans="14:14">
      <c r="N612355" s="10"/>
    </row>
    <row r="612356" spans="14:14">
      <c r="N612356" s="10"/>
    </row>
    <row r="612357" spans="14:14">
      <c r="N612357" s="10"/>
    </row>
    <row r="612358" spans="14:14">
      <c r="N612358" s="10"/>
    </row>
    <row r="612359" spans="14:14">
      <c r="N612359" s="10"/>
    </row>
    <row r="612360" spans="14:14">
      <c r="N612360" s="10"/>
    </row>
    <row r="612361" spans="14:14">
      <c r="N612361" s="10"/>
    </row>
    <row r="612362" spans="14:14">
      <c r="N612362" s="10"/>
    </row>
    <row r="612363" spans="14:14">
      <c r="N612363" s="10"/>
    </row>
    <row r="612364" spans="14:14">
      <c r="N612364" s="10"/>
    </row>
    <row r="612365" spans="14:14">
      <c r="N612365" s="10"/>
    </row>
    <row r="612366" spans="14:14">
      <c r="N612366" s="10"/>
    </row>
    <row r="612367" spans="14:14">
      <c r="N612367" s="10"/>
    </row>
    <row r="612368" spans="14:14">
      <c r="N612368" s="10"/>
    </row>
    <row r="612369" spans="14:14">
      <c r="N612369" s="10"/>
    </row>
    <row r="612370" spans="14:14">
      <c r="N612370" s="10"/>
    </row>
    <row r="612371" spans="14:14">
      <c r="N612371" s="10"/>
    </row>
    <row r="612372" spans="14:14">
      <c r="N612372" s="10"/>
    </row>
    <row r="612373" spans="14:14">
      <c r="N612373" s="10"/>
    </row>
    <row r="612374" spans="14:14">
      <c r="N612374" s="10"/>
    </row>
    <row r="612375" spans="14:14">
      <c r="N612375" s="10"/>
    </row>
    <row r="612376" spans="14:14">
      <c r="N612376" s="10"/>
    </row>
    <row r="612377" spans="14:14">
      <c r="N612377" s="10"/>
    </row>
    <row r="612378" spans="14:14">
      <c r="N612378" s="10"/>
    </row>
    <row r="612379" spans="14:14">
      <c r="N612379" s="10"/>
    </row>
    <row r="612380" spans="14:14">
      <c r="N612380" s="10"/>
    </row>
    <row r="612381" spans="14:14">
      <c r="N612381" s="10"/>
    </row>
    <row r="612382" spans="14:14">
      <c r="N612382" s="10"/>
    </row>
    <row r="612383" spans="14:14">
      <c r="N612383" s="10"/>
    </row>
    <row r="612384" spans="14:14">
      <c r="N612384" s="10"/>
    </row>
    <row r="612385" spans="14:14">
      <c r="N612385" s="10"/>
    </row>
    <row r="612386" spans="14:14">
      <c r="N612386" s="10"/>
    </row>
    <row r="612387" spans="14:14">
      <c r="N612387" s="10"/>
    </row>
    <row r="612388" spans="14:14">
      <c r="N612388" s="10"/>
    </row>
    <row r="612389" spans="14:14">
      <c r="N612389" s="10"/>
    </row>
    <row r="612390" spans="14:14">
      <c r="N612390" s="10"/>
    </row>
    <row r="612391" spans="14:14">
      <c r="N612391" s="10"/>
    </row>
    <row r="612392" spans="14:14">
      <c r="N612392" s="10"/>
    </row>
    <row r="612393" spans="14:14">
      <c r="N612393" s="10"/>
    </row>
    <row r="612394" spans="14:14">
      <c r="N612394" s="10"/>
    </row>
    <row r="612395" spans="14:14">
      <c r="N612395" s="10"/>
    </row>
    <row r="612396" spans="14:14">
      <c r="N612396" s="10"/>
    </row>
    <row r="612397" spans="14:14">
      <c r="N612397" s="10"/>
    </row>
    <row r="612398" spans="14:14">
      <c r="N612398" s="10"/>
    </row>
    <row r="612399" spans="14:14">
      <c r="N612399" s="10"/>
    </row>
    <row r="612400" spans="14:14">
      <c r="N612400" s="10"/>
    </row>
    <row r="612401" spans="14:14">
      <c r="N612401" s="10"/>
    </row>
    <row r="612402" spans="14:14">
      <c r="N612402" s="10"/>
    </row>
    <row r="612403" spans="14:14">
      <c r="N612403" s="10"/>
    </row>
    <row r="612404" spans="14:14">
      <c r="N612404" s="10"/>
    </row>
    <row r="612405" spans="14:14">
      <c r="N612405" s="10"/>
    </row>
    <row r="612406" spans="14:14">
      <c r="N612406" s="10"/>
    </row>
    <row r="612407" spans="14:14">
      <c r="N612407" s="10"/>
    </row>
    <row r="612408" spans="14:14">
      <c r="N612408" s="10"/>
    </row>
    <row r="612409" spans="14:14">
      <c r="N612409" s="10"/>
    </row>
    <row r="612410" spans="14:14">
      <c r="N612410" s="10"/>
    </row>
    <row r="612411" spans="14:14">
      <c r="N612411" s="10"/>
    </row>
    <row r="612412" spans="14:14">
      <c r="N612412" s="10"/>
    </row>
    <row r="612413" spans="14:14">
      <c r="N612413" s="10"/>
    </row>
    <row r="612414" spans="14:14">
      <c r="N612414" s="10"/>
    </row>
    <row r="612415" spans="14:14">
      <c r="N612415" s="10"/>
    </row>
    <row r="612416" spans="14:14">
      <c r="N612416" s="10"/>
    </row>
    <row r="612417" spans="14:14">
      <c r="N612417" s="10"/>
    </row>
    <row r="612418" spans="14:14">
      <c r="N612418" s="10"/>
    </row>
    <row r="612419" spans="14:14">
      <c r="N612419" s="10"/>
    </row>
    <row r="612420" spans="14:14">
      <c r="N612420" s="10"/>
    </row>
    <row r="612421" spans="14:14">
      <c r="N612421" s="10"/>
    </row>
    <row r="612422" spans="14:14">
      <c r="N612422" s="10"/>
    </row>
    <row r="612423" spans="14:14">
      <c r="N612423" s="10"/>
    </row>
    <row r="612424" spans="14:14">
      <c r="N612424" s="10"/>
    </row>
    <row r="612425" spans="14:14">
      <c r="N612425" s="10"/>
    </row>
    <row r="612426" spans="14:14">
      <c r="N612426" s="10"/>
    </row>
    <row r="612427" spans="14:14">
      <c r="N612427" s="10"/>
    </row>
    <row r="612428" spans="14:14">
      <c r="N612428" s="10"/>
    </row>
    <row r="612429" spans="14:14">
      <c r="N612429" s="10"/>
    </row>
    <row r="612430" spans="14:14">
      <c r="N612430" s="10"/>
    </row>
    <row r="612431" spans="14:14">
      <c r="N612431" s="10"/>
    </row>
    <row r="612432" spans="14:14">
      <c r="N612432" s="10"/>
    </row>
    <row r="612433" spans="14:14">
      <c r="N612433" s="10"/>
    </row>
    <row r="612434" spans="14:14">
      <c r="N612434" s="10"/>
    </row>
    <row r="612435" spans="14:14">
      <c r="N612435" s="10"/>
    </row>
    <row r="612436" spans="14:14">
      <c r="N612436" s="10"/>
    </row>
    <row r="612437" spans="14:14">
      <c r="N612437" s="10"/>
    </row>
    <row r="612438" spans="14:14">
      <c r="N612438" s="10"/>
    </row>
    <row r="612439" spans="14:14">
      <c r="N612439" s="10"/>
    </row>
    <row r="612440" spans="14:14">
      <c r="N612440" s="10"/>
    </row>
    <row r="612441" spans="14:14">
      <c r="N612441" s="10"/>
    </row>
    <row r="612442" spans="14:14">
      <c r="N612442" s="10"/>
    </row>
    <row r="612443" spans="14:14">
      <c r="N612443" s="10"/>
    </row>
    <row r="612444" spans="14:14">
      <c r="N612444" s="10"/>
    </row>
    <row r="612445" spans="14:14">
      <c r="N612445" s="10"/>
    </row>
    <row r="612446" spans="14:14">
      <c r="N612446" s="10"/>
    </row>
    <row r="612447" spans="14:14">
      <c r="N612447" s="10"/>
    </row>
    <row r="612448" spans="14:14">
      <c r="N612448" s="10"/>
    </row>
    <row r="612449" spans="14:14">
      <c r="N612449" s="10"/>
    </row>
    <row r="612450" spans="14:14">
      <c r="N612450" s="10"/>
    </row>
    <row r="612451" spans="14:14">
      <c r="N612451" s="10"/>
    </row>
    <row r="612452" spans="14:14">
      <c r="N612452" s="10"/>
    </row>
    <row r="612453" spans="14:14">
      <c r="N612453" s="10"/>
    </row>
    <row r="612454" spans="14:14">
      <c r="N612454" s="10"/>
    </row>
    <row r="612455" spans="14:14">
      <c r="N612455" s="10"/>
    </row>
    <row r="612456" spans="14:14">
      <c r="N612456" s="10"/>
    </row>
    <row r="612457" spans="14:14">
      <c r="N612457" s="10"/>
    </row>
    <row r="612458" spans="14:14">
      <c r="N612458" s="10"/>
    </row>
    <row r="612459" spans="14:14">
      <c r="N612459" s="10"/>
    </row>
    <row r="612460" spans="14:14">
      <c r="N612460" s="10"/>
    </row>
    <row r="612461" spans="14:14">
      <c r="N612461" s="10"/>
    </row>
    <row r="612462" spans="14:14">
      <c r="N612462" s="10"/>
    </row>
    <row r="612463" spans="14:14">
      <c r="N612463" s="10"/>
    </row>
    <row r="612464" spans="14:14">
      <c r="N612464" s="10"/>
    </row>
    <row r="612465" spans="14:14">
      <c r="N612465" s="10"/>
    </row>
    <row r="612466" spans="14:14">
      <c r="N612466" s="10"/>
    </row>
    <row r="612467" spans="14:14">
      <c r="N612467" s="10"/>
    </row>
    <row r="612468" spans="14:14">
      <c r="N612468" s="10"/>
    </row>
    <row r="612469" spans="14:14">
      <c r="N612469" s="10"/>
    </row>
    <row r="612470" spans="14:14">
      <c r="N612470" s="10"/>
    </row>
    <row r="612471" spans="14:14">
      <c r="N612471" s="10"/>
    </row>
    <row r="612472" spans="14:14">
      <c r="N612472" s="10"/>
    </row>
    <row r="612473" spans="14:14">
      <c r="N612473" s="10"/>
    </row>
    <row r="612474" spans="14:14">
      <c r="N612474" s="10"/>
    </row>
    <row r="612475" spans="14:14">
      <c r="N612475" s="10"/>
    </row>
    <row r="612476" spans="14:14">
      <c r="N612476" s="10"/>
    </row>
    <row r="612477" spans="14:14">
      <c r="N612477" s="10"/>
    </row>
    <row r="612478" spans="14:14">
      <c r="N612478" s="10"/>
    </row>
    <row r="612479" spans="14:14">
      <c r="N612479" s="10"/>
    </row>
    <row r="612480" spans="14:14">
      <c r="N612480" s="10"/>
    </row>
    <row r="612481" spans="14:14">
      <c r="N612481" s="10"/>
    </row>
    <row r="612482" spans="14:14">
      <c r="N612482" s="10"/>
    </row>
    <row r="612483" spans="14:14">
      <c r="N612483" s="10"/>
    </row>
    <row r="612484" spans="14:14">
      <c r="N612484" s="10"/>
    </row>
    <row r="612485" spans="14:14">
      <c r="N612485" s="10"/>
    </row>
    <row r="612486" spans="14:14">
      <c r="N612486" s="10"/>
    </row>
    <row r="612487" spans="14:14">
      <c r="N612487" s="10"/>
    </row>
    <row r="612488" spans="14:14">
      <c r="N612488" s="10"/>
    </row>
    <row r="612489" spans="14:14">
      <c r="N612489" s="10"/>
    </row>
    <row r="612490" spans="14:14">
      <c r="N612490" s="10"/>
    </row>
    <row r="612491" spans="14:14">
      <c r="N612491" s="10"/>
    </row>
    <row r="612492" spans="14:14">
      <c r="N612492" s="10"/>
    </row>
    <row r="612493" spans="14:14">
      <c r="N612493" s="10"/>
    </row>
    <row r="612494" spans="14:14">
      <c r="N612494" s="10"/>
    </row>
    <row r="612495" spans="14:14">
      <c r="N612495" s="10"/>
    </row>
    <row r="612496" spans="14:14">
      <c r="N612496" s="10"/>
    </row>
    <row r="612497" spans="14:14">
      <c r="N612497" s="10"/>
    </row>
    <row r="612498" spans="14:14">
      <c r="N612498" s="10"/>
    </row>
    <row r="612499" spans="14:14">
      <c r="N612499" s="10"/>
    </row>
    <row r="612500" spans="14:14">
      <c r="N612500" s="10"/>
    </row>
    <row r="612501" spans="14:14">
      <c r="N612501" s="10"/>
    </row>
    <row r="612502" spans="14:14">
      <c r="N612502" s="10"/>
    </row>
    <row r="612503" spans="14:14">
      <c r="N612503" s="10"/>
    </row>
    <row r="612504" spans="14:14">
      <c r="N612504" s="10"/>
    </row>
    <row r="612505" spans="14:14">
      <c r="N612505" s="10"/>
    </row>
    <row r="612506" spans="14:14">
      <c r="N612506" s="10"/>
    </row>
    <row r="612507" spans="14:14">
      <c r="N612507" s="10"/>
    </row>
    <row r="612508" spans="14:14">
      <c r="N612508" s="10"/>
    </row>
    <row r="612509" spans="14:14">
      <c r="N612509" s="10"/>
    </row>
    <row r="612510" spans="14:14">
      <c r="N612510" s="10"/>
    </row>
    <row r="612511" spans="14:14">
      <c r="N612511" s="10"/>
    </row>
    <row r="612512" spans="14:14">
      <c r="N612512" s="10"/>
    </row>
    <row r="612513" spans="14:14">
      <c r="N612513" s="10"/>
    </row>
    <row r="612514" spans="14:14">
      <c r="N612514" s="10"/>
    </row>
    <row r="612515" spans="14:14">
      <c r="N612515" s="10"/>
    </row>
    <row r="612516" spans="14:14">
      <c r="N612516" s="10"/>
    </row>
    <row r="612517" spans="14:14">
      <c r="N612517" s="10"/>
    </row>
    <row r="612518" spans="14:14">
      <c r="N612518" s="10"/>
    </row>
    <row r="612519" spans="14:14">
      <c r="N612519" s="10"/>
    </row>
    <row r="612520" spans="14:14">
      <c r="N612520" s="10"/>
    </row>
    <row r="612521" spans="14:14">
      <c r="N612521" s="10"/>
    </row>
    <row r="612522" spans="14:14">
      <c r="N612522" s="10"/>
    </row>
    <row r="612523" spans="14:14">
      <c r="N612523" s="10"/>
    </row>
    <row r="612524" spans="14:14">
      <c r="N612524" s="10"/>
    </row>
    <row r="612525" spans="14:14">
      <c r="N612525" s="10"/>
    </row>
    <row r="612526" spans="14:14">
      <c r="N612526" s="10"/>
    </row>
    <row r="612527" spans="14:14">
      <c r="N612527" s="10"/>
    </row>
    <row r="612528" spans="14:14">
      <c r="N612528" s="10"/>
    </row>
    <row r="612529" spans="14:14">
      <c r="N612529" s="10"/>
    </row>
    <row r="612530" spans="14:14">
      <c r="N612530" s="10"/>
    </row>
    <row r="612531" spans="14:14">
      <c r="N612531" s="10"/>
    </row>
    <row r="612532" spans="14:14">
      <c r="N612532" s="10"/>
    </row>
    <row r="612533" spans="14:14">
      <c r="N612533" s="10"/>
    </row>
    <row r="612534" spans="14:14">
      <c r="N612534" s="10"/>
    </row>
    <row r="612535" spans="14:14">
      <c r="N612535" s="10"/>
    </row>
    <row r="612536" spans="14:14">
      <c r="N612536" s="10"/>
    </row>
    <row r="612537" spans="14:14">
      <c r="N612537" s="10"/>
    </row>
    <row r="612538" spans="14:14">
      <c r="N612538" s="10"/>
    </row>
    <row r="612539" spans="14:14">
      <c r="N612539" s="10"/>
    </row>
    <row r="612540" spans="14:14">
      <c r="N612540" s="10"/>
    </row>
    <row r="612541" spans="14:14">
      <c r="N612541" s="10"/>
    </row>
    <row r="612542" spans="14:14">
      <c r="N612542" s="10"/>
    </row>
    <row r="612543" spans="14:14">
      <c r="N612543" s="10"/>
    </row>
    <row r="612544" spans="14:14">
      <c r="N612544" s="10"/>
    </row>
    <row r="612545" spans="14:14">
      <c r="N612545" s="10"/>
    </row>
    <row r="612546" spans="14:14">
      <c r="N612546" s="10"/>
    </row>
    <row r="612547" spans="14:14">
      <c r="N612547" s="10"/>
    </row>
    <row r="612548" spans="14:14">
      <c r="N612548" s="10"/>
    </row>
    <row r="612549" spans="14:14">
      <c r="N612549" s="10"/>
    </row>
    <row r="612550" spans="14:14">
      <c r="N612550" s="10"/>
    </row>
    <row r="612551" spans="14:14">
      <c r="N612551" s="10"/>
    </row>
    <row r="612552" spans="14:14">
      <c r="N612552" s="10"/>
    </row>
    <row r="612553" spans="14:14">
      <c r="N612553" s="10"/>
    </row>
    <row r="612554" spans="14:14">
      <c r="N612554" s="10"/>
    </row>
    <row r="612555" spans="14:14">
      <c r="N612555" s="10"/>
    </row>
    <row r="612556" spans="14:14">
      <c r="N612556" s="10"/>
    </row>
    <row r="612557" spans="14:14">
      <c r="N612557" s="10"/>
    </row>
    <row r="612558" spans="14:14">
      <c r="N612558" s="10"/>
    </row>
    <row r="612559" spans="14:14">
      <c r="N612559" s="10"/>
    </row>
    <row r="612560" spans="14:14">
      <c r="N612560" s="10"/>
    </row>
    <row r="612561" spans="14:14">
      <c r="N612561" s="10"/>
    </row>
    <row r="612562" spans="14:14">
      <c r="N612562" s="10"/>
    </row>
    <row r="612563" spans="14:14">
      <c r="N612563" s="10"/>
    </row>
    <row r="612564" spans="14:14">
      <c r="N612564" s="10"/>
    </row>
    <row r="612565" spans="14:14">
      <c r="N612565" s="10"/>
    </row>
    <row r="612566" spans="14:14">
      <c r="N612566" s="10"/>
    </row>
    <row r="612567" spans="14:14">
      <c r="N612567" s="10"/>
    </row>
    <row r="612568" spans="14:14">
      <c r="N612568" s="10"/>
    </row>
    <row r="612569" spans="14:14">
      <c r="N612569" s="10"/>
    </row>
    <row r="612570" spans="14:14">
      <c r="N612570" s="10"/>
    </row>
    <row r="612571" spans="14:14">
      <c r="N612571" s="10"/>
    </row>
    <row r="612572" spans="14:14">
      <c r="N612572" s="10"/>
    </row>
    <row r="612573" spans="14:14">
      <c r="N612573" s="10"/>
    </row>
    <row r="612574" spans="14:14">
      <c r="N612574" s="10"/>
    </row>
    <row r="612575" spans="14:14">
      <c r="N612575" s="10"/>
    </row>
    <row r="612576" spans="14:14">
      <c r="N612576" s="10"/>
    </row>
    <row r="612577" spans="14:14">
      <c r="N612577" s="10"/>
    </row>
    <row r="612578" spans="14:14">
      <c r="N612578" s="10"/>
    </row>
    <row r="612579" spans="14:14">
      <c r="N612579" s="10"/>
    </row>
    <row r="612580" spans="14:14">
      <c r="N612580" s="10"/>
    </row>
    <row r="612581" spans="14:14">
      <c r="N612581" s="10"/>
    </row>
    <row r="612582" spans="14:14">
      <c r="N612582" s="10"/>
    </row>
    <row r="612583" spans="14:14">
      <c r="N612583" s="10"/>
    </row>
    <row r="612584" spans="14:14">
      <c r="N612584" s="10"/>
    </row>
    <row r="612585" spans="14:14">
      <c r="N612585" s="10"/>
    </row>
    <row r="612586" spans="14:14">
      <c r="N612586" s="10"/>
    </row>
    <row r="612587" spans="14:14">
      <c r="N612587" s="10"/>
    </row>
    <row r="612588" spans="14:14">
      <c r="N612588" s="10"/>
    </row>
    <row r="612589" spans="14:14">
      <c r="N612589" s="10"/>
    </row>
    <row r="612590" spans="14:14">
      <c r="N612590" s="10"/>
    </row>
    <row r="612591" spans="14:14">
      <c r="N612591" s="10"/>
    </row>
    <row r="612592" spans="14:14">
      <c r="N612592" s="10"/>
    </row>
    <row r="612593" spans="14:14">
      <c r="N612593" s="10"/>
    </row>
    <row r="612594" spans="14:14">
      <c r="N612594" s="10"/>
    </row>
    <row r="612595" spans="14:14">
      <c r="N612595" s="10"/>
    </row>
    <row r="612596" spans="14:14">
      <c r="N612596" s="10"/>
    </row>
    <row r="612597" spans="14:14">
      <c r="N612597" s="10"/>
    </row>
    <row r="612598" spans="14:14">
      <c r="N612598" s="10"/>
    </row>
    <row r="612599" spans="14:14">
      <c r="N612599" s="10"/>
    </row>
    <row r="612600" spans="14:14">
      <c r="N612600" s="10"/>
    </row>
    <row r="612601" spans="14:14">
      <c r="N612601" s="10"/>
    </row>
    <row r="612602" spans="14:14">
      <c r="N612602" s="10"/>
    </row>
    <row r="612603" spans="14:14">
      <c r="N612603" s="10"/>
    </row>
    <row r="612604" spans="14:14">
      <c r="N612604" s="10"/>
    </row>
    <row r="612605" spans="14:14">
      <c r="N612605" s="10"/>
    </row>
    <row r="612606" spans="14:14">
      <c r="N612606" s="10"/>
    </row>
    <row r="612607" spans="14:14">
      <c r="N612607" s="10"/>
    </row>
    <row r="612608" spans="14:14">
      <c r="N612608" s="10"/>
    </row>
    <row r="612609" spans="14:14">
      <c r="N612609" s="10"/>
    </row>
    <row r="612610" spans="14:14">
      <c r="N612610" s="10"/>
    </row>
    <row r="612611" spans="14:14">
      <c r="N612611" s="10"/>
    </row>
    <row r="612612" spans="14:14">
      <c r="N612612" s="10"/>
    </row>
    <row r="612613" spans="14:14">
      <c r="N612613" s="10"/>
    </row>
    <row r="612614" spans="14:14">
      <c r="N612614" s="10"/>
    </row>
    <row r="612615" spans="14:14">
      <c r="N612615" s="10"/>
    </row>
    <row r="612616" spans="14:14">
      <c r="N612616" s="10"/>
    </row>
    <row r="612617" spans="14:14">
      <c r="N612617" s="10"/>
    </row>
    <row r="612618" spans="14:14">
      <c r="N612618" s="10"/>
    </row>
    <row r="612619" spans="14:14">
      <c r="N612619" s="10"/>
    </row>
    <row r="612620" spans="14:14">
      <c r="N612620" s="10"/>
    </row>
    <row r="612621" spans="14:14">
      <c r="N612621" s="10"/>
    </row>
    <row r="612622" spans="14:14">
      <c r="N612622" s="10"/>
    </row>
    <row r="612623" spans="14:14">
      <c r="N612623" s="10"/>
    </row>
    <row r="612624" spans="14:14">
      <c r="N612624" s="10"/>
    </row>
    <row r="612625" spans="14:14">
      <c r="N612625" s="10"/>
    </row>
    <row r="612626" spans="14:14">
      <c r="N612626" s="10"/>
    </row>
    <row r="612627" spans="14:14">
      <c r="N612627" s="10"/>
    </row>
    <row r="612628" spans="14:14">
      <c r="N612628" s="10"/>
    </row>
    <row r="612629" spans="14:14">
      <c r="N612629" s="10"/>
    </row>
    <row r="612630" spans="14:14">
      <c r="N612630" s="10"/>
    </row>
    <row r="612631" spans="14:14">
      <c r="N612631" s="10"/>
    </row>
    <row r="612632" spans="14:14">
      <c r="N612632" s="10"/>
    </row>
    <row r="612633" spans="14:14">
      <c r="N612633" s="10"/>
    </row>
    <row r="612634" spans="14:14">
      <c r="N612634" s="10"/>
    </row>
    <row r="612635" spans="14:14">
      <c r="N612635" s="10"/>
    </row>
    <row r="612636" spans="14:14">
      <c r="N612636" s="10"/>
    </row>
    <row r="612637" spans="14:14">
      <c r="N612637" s="10"/>
    </row>
    <row r="612638" spans="14:14">
      <c r="N612638" s="10"/>
    </row>
    <row r="612639" spans="14:14">
      <c r="N612639" s="10"/>
    </row>
    <row r="612640" spans="14:14">
      <c r="N612640" s="10"/>
    </row>
    <row r="612641" spans="14:14">
      <c r="N612641" s="10"/>
    </row>
    <row r="612642" spans="14:14">
      <c r="N612642" s="10"/>
    </row>
    <row r="612643" spans="14:14">
      <c r="N612643" s="10"/>
    </row>
    <row r="612644" spans="14:14">
      <c r="N612644" s="10"/>
    </row>
    <row r="612645" spans="14:14">
      <c r="N612645" s="10"/>
    </row>
    <row r="612646" spans="14:14">
      <c r="N612646" s="10"/>
    </row>
    <row r="612647" spans="14:14">
      <c r="N612647" s="10"/>
    </row>
    <row r="612648" spans="14:14">
      <c r="N612648" s="10"/>
    </row>
    <row r="612649" spans="14:14">
      <c r="N612649" s="10"/>
    </row>
    <row r="612650" spans="14:14">
      <c r="N612650" s="10"/>
    </row>
    <row r="612651" spans="14:14">
      <c r="N612651" s="10"/>
    </row>
    <row r="612652" spans="14:14">
      <c r="N612652" s="10"/>
    </row>
    <row r="612653" spans="14:14">
      <c r="N612653" s="10"/>
    </row>
    <row r="612654" spans="14:14">
      <c r="N612654" s="10"/>
    </row>
    <row r="612655" spans="14:14">
      <c r="N612655" s="10"/>
    </row>
    <row r="612656" spans="14:14">
      <c r="N612656" s="10"/>
    </row>
    <row r="612657" spans="14:14">
      <c r="N612657" s="10"/>
    </row>
    <row r="612658" spans="14:14">
      <c r="N612658" s="10"/>
    </row>
    <row r="612659" spans="14:14">
      <c r="N612659" s="10"/>
    </row>
    <row r="612660" spans="14:14">
      <c r="N612660" s="10"/>
    </row>
    <row r="612661" spans="14:14">
      <c r="N612661" s="10"/>
    </row>
    <row r="612662" spans="14:14">
      <c r="N612662" s="10"/>
    </row>
    <row r="612663" spans="14:14">
      <c r="N612663" s="10"/>
    </row>
    <row r="612664" spans="14:14">
      <c r="N612664" s="10"/>
    </row>
    <row r="612665" spans="14:14">
      <c r="N612665" s="10"/>
    </row>
    <row r="612666" spans="14:14">
      <c r="N612666" s="10"/>
    </row>
    <row r="612667" spans="14:14">
      <c r="N612667" s="10"/>
    </row>
    <row r="612668" spans="14:14">
      <c r="N612668" s="10"/>
    </row>
    <row r="612669" spans="14:14">
      <c r="N612669" s="10"/>
    </row>
    <row r="612670" spans="14:14">
      <c r="N612670" s="10"/>
    </row>
    <row r="612671" spans="14:14">
      <c r="N612671" s="10"/>
    </row>
    <row r="612672" spans="14:14">
      <c r="N612672" s="10"/>
    </row>
    <row r="612673" spans="14:14">
      <c r="N612673" s="10"/>
    </row>
    <row r="612674" spans="14:14">
      <c r="N612674" s="10"/>
    </row>
    <row r="612675" spans="14:14">
      <c r="N612675" s="10"/>
    </row>
    <row r="612676" spans="14:14">
      <c r="N612676" s="10"/>
    </row>
    <row r="612677" spans="14:14">
      <c r="N612677" s="10"/>
    </row>
    <row r="612678" spans="14:14">
      <c r="N612678" s="10"/>
    </row>
    <row r="612679" spans="14:14">
      <c r="N612679" s="10"/>
    </row>
    <row r="612680" spans="14:14">
      <c r="N612680" s="10"/>
    </row>
    <row r="612681" spans="14:14">
      <c r="N612681" s="10"/>
    </row>
    <row r="612682" spans="14:14">
      <c r="N612682" s="10"/>
    </row>
    <row r="612683" spans="14:14">
      <c r="N612683" s="10"/>
    </row>
    <row r="612684" spans="14:14">
      <c r="N612684" s="10"/>
    </row>
    <row r="612685" spans="14:14">
      <c r="N612685" s="10"/>
    </row>
    <row r="612686" spans="14:14">
      <c r="N612686" s="10"/>
    </row>
    <row r="612687" spans="14:14">
      <c r="N612687" s="10"/>
    </row>
    <row r="612688" spans="14:14">
      <c r="N612688" s="10"/>
    </row>
    <row r="612689" spans="14:14">
      <c r="N612689" s="10"/>
    </row>
    <row r="612690" spans="14:14">
      <c r="N612690" s="10"/>
    </row>
    <row r="612691" spans="14:14">
      <c r="N612691" s="10"/>
    </row>
    <row r="612692" spans="14:14">
      <c r="N612692" s="10"/>
    </row>
    <row r="612693" spans="14:14">
      <c r="N612693" s="10"/>
    </row>
    <row r="612694" spans="14:14">
      <c r="N612694" s="10"/>
    </row>
    <row r="612695" spans="14:14">
      <c r="N612695" s="10"/>
    </row>
    <row r="612696" spans="14:14">
      <c r="N612696" s="10"/>
    </row>
    <row r="612697" spans="14:14">
      <c r="N612697" s="10"/>
    </row>
    <row r="612698" spans="14:14">
      <c r="N612698" s="10"/>
    </row>
    <row r="612699" spans="14:14">
      <c r="N612699" s="10"/>
    </row>
    <row r="612700" spans="14:14">
      <c r="N612700" s="10"/>
    </row>
    <row r="612701" spans="14:14">
      <c r="N612701" s="10"/>
    </row>
    <row r="612702" spans="14:14">
      <c r="N612702" s="10"/>
    </row>
    <row r="612703" spans="14:14">
      <c r="N612703" s="10"/>
    </row>
    <row r="612704" spans="14:14">
      <c r="N612704" s="10"/>
    </row>
    <row r="612705" spans="14:14">
      <c r="N612705" s="10"/>
    </row>
    <row r="612706" spans="14:14">
      <c r="N612706" s="10"/>
    </row>
    <row r="612707" spans="14:14">
      <c r="N612707" s="10"/>
    </row>
    <row r="612708" spans="14:14">
      <c r="N612708" s="10"/>
    </row>
    <row r="612709" spans="14:14">
      <c r="N612709" s="10"/>
    </row>
    <row r="612710" spans="14:14">
      <c r="N612710" s="10"/>
    </row>
    <row r="612711" spans="14:14">
      <c r="N612711" s="10"/>
    </row>
    <row r="612712" spans="14:14">
      <c r="N612712" s="10"/>
    </row>
    <row r="612713" spans="14:14">
      <c r="N612713" s="10"/>
    </row>
    <row r="612714" spans="14:14">
      <c r="N612714" s="10"/>
    </row>
    <row r="612715" spans="14:14">
      <c r="N612715" s="10"/>
    </row>
    <row r="612716" spans="14:14">
      <c r="N612716" s="10"/>
    </row>
    <row r="612717" spans="14:14">
      <c r="N612717" s="10"/>
    </row>
    <row r="612718" spans="14:14">
      <c r="N612718" s="10"/>
    </row>
    <row r="612719" spans="14:14">
      <c r="N612719" s="10"/>
    </row>
    <row r="612720" spans="14:14">
      <c r="N612720" s="10"/>
    </row>
    <row r="612721" spans="14:14">
      <c r="N612721" s="10"/>
    </row>
    <row r="612722" spans="14:14">
      <c r="N612722" s="10"/>
    </row>
    <row r="612723" spans="14:14">
      <c r="N612723" s="10"/>
    </row>
    <row r="612724" spans="14:14">
      <c r="N612724" s="10"/>
    </row>
    <row r="612725" spans="14:14">
      <c r="N612725" s="10"/>
    </row>
    <row r="612726" spans="14:14">
      <c r="N612726" s="10"/>
    </row>
    <row r="612727" spans="14:14">
      <c r="N612727" s="10"/>
    </row>
    <row r="612728" spans="14:14">
      <c r="N612728" s="10"/>
    </row>
    <row r="612729" spans="14:14">
      <c r="N612729" s="10"/>
    </row>
    <row r="612730" spans="14:14">
      <c r="N612730" s="10"/>
    </row>
    <row r="612731" spans="14:14">
      <c r="N612731" s="10"/>
    </row>
    <row r="612732" spans="14:14">
      <c r="N612732" s="10"/>
    </row>
    <row r="612733" spans="14:14">
      <c r="N612733" s="10"/>
    </row>
    <row r="612734" spans="14:14">
      <c r="N612734" s="10"/>
    </row>
    <row r="612735" spans="14:14">
      <c r="N612735" s="10"/>
    </row>
    <row r="612736" spans="14:14">
      <c r="N612736" s="10"/>
    </row>
    <row r="612737" spans="14:14">
      <c r="N612737" s="10"/>
    </row>
    <row r="612738" spans="14:14">
      <c r="N612738" s="10"/>
    </row>
    <row r="612739" spans="14:14">
      <c r="N612739" s="10"/>
    </row>
    <row r="612740" spans="14:14">
      <c r="N612740" s="10"/>
    </row>
    <row r="612741" spans="14:14">
      <c r="N612741" s="10"/>
    </row>
    <row r="612742" spans="14:14">
      <c r="N612742" s="10"/>
    </row>
    <row r="612743" spans="14:14">
      <c r="N612743" s="10"/>
    </row>
    <row r="612744" spans="14:14">
      <c r="N612744" s="10"/>
    </row>
    <row r="612745" spans="14:14">
      <c r="N612745" s="10"/>
    </row>
    <row r="612746" spans="14:14">
      <c r="N612746" s="10"/>
    </row>
    <row r="612747" spans="14:14">
      <c r="N612747" s="10"/>
    </row>
    <row r="612748" spans="14:14">
      <c r="N612748" s="10"/>
    </row>
    <row r="612749" spans="14:14">
      <c r="N612749" s="10"/>
    </row>
    <row r="612750" spans="14:14">
      <c r="N612750" s="10"/>
    </row>
    <row r="612751" spans="14:14">
      <c r="N612751" s="10"/>
    </row>
    <row r="612752" spans="14:14">
      <c r="N612752" s="10"/>
    </row>
    <row r="612753" spans="14:14">
      <c r="N612753" s="10"/>
    </row>
    <row r="612754" spans="14:14">
      <c r="N612754" s="10"/>
    </row>
    <row r="612755" spans="14:14">
      <c r="N612755" s="10"/>
    </row>
    <row r="612756" spans="14:14">
      <c r="N612756" s="10"/>
    </row>
    <row r="612757" spans="14:14">
      <c r="N612757" s="10"/>
    </row>
    <row r="612758" spans="14:14">
      <c r="N612758" s="10"/>
    </row>
    <row r="612759" spans="14:14">
      <c r="N612759" s="10"/>
    </row>
    <row r="612760" spans="14:14">
      <c r="N612760" s="10"/>
    </row>
    <row r="612761" spans="14:14">
      <c r="N612761" s="10"/>
    </row>
    <row r="612762" spans="14:14">
      <c r="N612762" s="10"/>
    </row>
    <row r="612763" spans="14:14">
      <c r="N612763" s="10"/>
    </row>
    <row r="612764" spans="14:14">
      <c r="N612764" s="10"/>
    </row>
    <row r="612765" spans="14:14">
      <c r="N612765" s="10"/>
    </row>
    <row r="612766" spans="14:14">
      <c r="N612766" s="10"/>
    </row>
    <row r="612767" spans="14:14">
      <c r="N612767" s="10"/>
    </row>
    <row r="612768" spans="14:14">
      <c r="N612768" s="10"/>
    </row>
    <row r="612769" spans="14:14">
      <c r="N612769" s="10"/>
    </row>
    <row r="612770" spans="14:14">
      <c r="N612770" s="10"/>
    </row>
    <row r="612771" spans="14:14">
      <c r="N612771" s="10"/>
    </row>
    <row r="612772" spans="14:14">
      <c r="N612772" s="10"/>
    </row>
    <row r="612773" spans="14:14">
      <c r="N612773" s="10"/>
    </row>
    <row r="612774" spans="14:14">
      <c r="N612774" s="10"/>
    </row>
    <row r="612775" spans="14:14">
      <c r="N612775" s="10"/>
    </row>
    <row r="612776" spans="14:14">
      <c r="N612776" s="10"/>
    </row>
    <row r="612777" spans="14:14">
      <c r="N612777" s="10"/>
    </row>
    <row r="612778" spans="14:14">
      <c r="N612778" s="10"/>
    </row>
    <row r="612779" spans="14:14">
      <c r="N612779" s="10"/>
    </row>
    <row r="612780" spans="14:14">
      <c r="N612780" s="10"/>
    </row>
    <row r="612781" spans="14:14">
      <c r="N612781" s="10"/>
    </row>
    <row r="612782" spans="14:14">
      <c r="N612782" s="10"/>
    </row>
    <row r="612783" spans="14:14">
      <c r="N612783" s="10"/>
    </row>
    <row r="612784" spans="14:14">
      <c r="N612784" s="10"/>
    </row>
    <row r="612785" spans="14:14">
      <c r="N612785" s="10"/>
    </row>
    <row r="612786" spans="14:14">
      <c r="N612786" s="10"/>
    </row>
    <row r="612787" spans="14:14">
      <c r="N612787" s="10"/>
    </row>
    <row r="612788" spans="14:14">
      <c r="N612788" s="10"/>
    </row>
    <row r="612789" spans="14:14">
      <c r="N612789" s="10"/>
    </row>
    <row r="612790" spans="14:14">
      <c r="N612790" s="10"/>
    </row>
    <row r="612791" spans="14:14">
      <c r="N612791" s="10"/>
    </row>
    <row r="612792" spans="14:14">
      <c r="N612792" s="10"/>
    </row>
    <row r="612793" spans="14:14">
      <c r="N612793" s="10"/>
    </row>
    <row r="612794" spans="14:14">
      <c r="N612794" s="10"/>
    </row>
    <row r="612795" spans="14:14">
      <c r="N612795" s="10"/>
    </row>
    <row r="612796" spans="14:14">
      <c r="N612796" s="10"/>
    </row>
    <row r="612797" spans="14:14">
      <c r="N612797" s="10"/>
    </row>
    <row r="612798" spans="14:14">
      <c r="N612798" s="10"/>
    </row>
    <row r="612799" spans="14:14">
      <c r="N612799" s="10"/>
    </row>
    <row r="612800" spans="14:14">
      <c r="N612800" s="10"/>
    </row>
    <row r="612801" spans="14:14">
      <c r="N612801" s="10"/>
    </row>
    <row r="612802" spans="14:14">
      <c r="N612802" s="10"/>
    </row>
    <row r="612803" spans="14:14">
      <c r="N612803" s="10"/>
    </row>
    <row r="612804" spans="14:14">
      <c r="N612804" s="10"/>
    </row>
    <row r="612805" spans="14:14">
      <c r="N612805" s="10"/>
    </row>
    <row r="612806" spans="14:14">
      <c r="N612806" s="10"/>
    </row>
    <row r="612807" spans="14:14">
      <c r="N612807" s="10"/>
    </row>
    <row r="612808" spans="14:14">
      <c r="N612808" s="10"/>
    </row>
    <row r="612809" spans="14:14">
      <c r="N612809" s="10"/>
    </row>
    <row r="612810" spans="14:14">
      <c r="N612810" s="10"/>
    </row>
    <row r="612811" spans="14:14">
      <c r="N612811" s="10"/>
    </row>
    <row r="612812" spans="14:14">
      <c r="N612812" s="10"/>
    </row>
    <row r="612813" spans="14:14">
      <c r="N612813" s="10"/>
    </row>
    <row r="612814" spans="14:14">
      <c r="N612814" s="10"/>
    </row>
    <row r="612815" spans="14:14">
      <c r="N612815" s="10"/>
    </row>
    <row r="612816" spans="14:14">
      <c r="N612816" s="10"/>
    </row>
    <row r="612817" spans="14:14">
      <c r="N612817" s="10"/>
    </row>
    <row r="612818" spans="14:14">
      <c r="N612818" s="10"/>
    </row>
    <row r="612819" spans="14:14">
      <c r="N612819" s="10"/>
    </row>
    <row r="612820" spans="14:14">
      <c r="N612820" s="10"/>
    </row>
    <row r="612821" spans="14:14">
      <c r="N612821" s="10"/>
    </row>
    <row r="612822" spans="14:14">
      <c r="N612822" s="10"/>
    </row>
    <row r="612823" spans="14:14">
      <c r="N612823" s="10"/>
    </row>
    <row r="612824" spans="14:14">
      <c r="N612824" s="10"/>
    </row>
    <row r="612825" spans="14:14">
      <c r="N612825" s="10"/>
    </row>
    <row r="612826" spans="14:14">
      <c r="N612826" s="10"/>
    </row>
    <row r="612827" spans="14:14">
      <c r="N612827" s="10"/>
    </row>
    <row r="612828" spans="14:14">
      <c r="N612828" s="10"/>
    </row>
    <row r="612829" spans="14:14">
      <c r="N612829" s="10"/>
    </row>
    <row r="612830" spans="14:14">
      <c r="N612830" s="10"/>
    </row>
    <row r="612831" spans="14:14">
      <c r="N612831" s="10"/>
    </row>
    <row r="612832" spans="14:14">
      <c r="N612832" s="10"/>
    </row>
    <row r="612833" spans="14:14">
      <c r="N612833" s="10"/>
    </row>
    <row r="612834" spans="14:14">
      <c r="N612834" s="10"/>
    </row>
    <row r="612835" spans="14:14">
      <c r="N612835" s="10"/>
    </row>
    <row r="612836" spans="14:14">
      <c r="N612836" s="10"/>
    </row>
    <row r="612837" spans="14:14">
      <c r="N612837" s="10"/>
    </row>
    <row r="612838" spans="14:14">
      <c r="N612838" s="10"/>
    </row>
    <row r="612839" spans="14:14">
      <c r="N612839" s="10"/>
    </row>
    <row r="612840" spans="14:14">
      <c r="N612840" s="10"/>
    </row>
    <row r="612841" spans="14:14">
      <c r="N612841" s="10"/>
    </row>
    <row r="612842" spans="14:14">
      <c r="N612842" s="10"/>
    </row>
    <row r="612843" spans="14:14">
      <c r="N612843" s="10"/>
    </row>
    <row r="612844" spans="14:14">
      <c r="N612844" s="10"/>
    </row>
    <row r="612845" spans="14:14">
      <c r="N612845" s="10"/>
    </row>
    <row r="612846" spans="14:14">
      <c r="N612846" s="10"/>
    </row>
    <row r="612847" spans="14:14">
      <c r="N612847" s="10"/>
    </row>
    <row r="612848" spans="14:14">
      <c r="N612848" s="10"/>
    </row>
    <row r="612849" spans="14:14">
      <c r="N612849" s="10"/>
    </row>
    <row r="612850" spans="14:14">
      <c r="N612850" s="10"/>
    </row>
    <row r="612851" spans="14:14">
      <c r="N612851" s="10"/>
    </row>
    <row r="612852" spans="14:14">
      <c r="N612852" s="10"/>
    </row>
    <row r="612853" spans="14:14">
      <c r="N612853" s="10"/>
    </row>
    <row r="612854" spans="14:14">
      <c r="N612854" s="10"/>
    </row>
    <row r="612855" spans="14:14">
      <c r="N612855" s="10"/>
    </row>
    <row r="612856" spans="14:14">
      <c r="N612856" s="10"/>
    </row>
    <row r="612857" spans="14:14">
      <c r="N612857" s="10"/>
    </row>
    <row r="612858" spans="14:14">
      <c r="N612858" s="10"/>
    </row>
    <row r="612859" spans="14:14">
      <c r="N612859" s="10"/>
    </row>
    <row r="612860" spans="14:14">
      <c r="N612860" s="10"/>
    </row>
    <row r="612861" spans="14:14">
      <c r="N612861" s="10"/>
    </row>
    <row r="612862" spans="14:14">
      <c r="N612862" s="10"/>
    </row>
    <row r="612863" spans="14:14">
      <c r="N612863" s="10"/>
    </row>
    <row r="612864" spans="14:14">
      <c r="N612864" s="10"/>
    </row>
    <row r="612865" spans="14:14">
      <c r="N612865" s="10"/>
    </row>
    <row r="612866" spans="14:14">
      <c r="N612866" s="10"/>
    </row>
    <row r="612867" spans="14:14">
      <c r="N612867" s="10"/>
    </row>
    <row r="612868" spans="14:14">
      <c r="N612868" s="10"/>
    </row>
    <row r="612869" spans="14:14">
      <c r="N612869" s="10"/>
    </row>
    <row r="612870" spans="14:14">
      <c r="N612870" s="10"/>
    </row>
    <row r="612871" spans="14:14">
      <c r="N612871" s="10"/>
    </row>
    <row r="612872" spans="14:14">
      <c r="N612872" s="10"/>
    </row>
    <row r="612873" spans="14:14">
      <c r="N612873" s="10"/>
    </row>
    <row r="612874" spans="14:14">
      <c r="N612874" s="10"/>
    </row>
    <row r="612875" spans="14:14">
      <c r="N612875" s="10"/>
    </row>
    <row r="612876" spans="14:14">
      <c r="N612876" s="10"/>
    </row>
    <row r="612877" spans="14:14">
      <c r="N612877" s="10"/>
    </row>
    <row r="612878" spans="14:14">
      <c r="N612878" s="10"/>
    </row>
    <row r="612879" spans="14:14">
      <c r="N612879" s="10"/>
    </row>
    <row r="612880" spans="14:14">
      <c r="N612880" s="10"/>
    </row>
    <row r="612881" spans="14:14">
      <c r="N612881" s="10"/>
    </row>
    <row r="612882" spans="14:14">
      <c r="N612882" s="10"/>
    </row>
    <row r="612883" spans="14:14">
      <c r="N612883" s="10"/>
    </row>
    <row r="612884" spans="14:14">
      <c r="N612884" s="10"/>
    </row>
    <row r="612885" spans="14:14">
      <c r="N612885" s="10"/>
    </row>
    <row r="612886" spans="14:14">
      <c r="N612886" s="10"/>
    </row>
    <row r="612887" spans="14:14">
      <c r="N612887" s="10"/>
    </row>
    <row r="612888" spans="14:14">
      <c r="N612888" s="10"/>
    </row>
    <row r="612889" spans="14:14">
      <c r="N612889" s="10"/>
    </row>
    <row r="612890" spans="14:14">
      <c r="N612890" s="10"/>
    </row>
    <row r="612891" spans="14:14">
      <c r="N612891" s="10"/>
    </row>
    <row r="612892" spans="14:14">
      <c r="N612892" s="10"/>
    </row>
    <row r="612893" spans="14:14">
      <c r="N612893" s="10"/>
    </row>
    <row r="612894" spans="14:14">
      <c r="N612894" s="10"/>
    </row>
    <row r="612895" spans="14:14">
      <c r="N612895" s="10"/>
    </row>
    <row r="612896" spans="14:14">
      <c r="N612896" s="10"/>
    </row>
    <row r="612897" spans="14:14">
      <c r="N612897" s="10"/>
    </row>
    <row r="612898" spans="14:14">
      <c r="N612898" s="10"/>
    </row>
    <row r="612899" spans="14:14">
      <c r="N612899" s="10"/>
    </row>
    <row r="612900" spans="14:14">
      <c r="N612900" s="10"/>
    </row>
    <row r="612901" spans="14:14">
      <c r="N612901" s="10"/>
    </row>
    <row r="612902" spans="14:14">
      <c r="N612902" s="10"/>
    </row>
    <row r="612903" spans="14:14">
      <c r="N612903" s="10"/>
    </row>
    <row r="612904" spans="14:14">
      <c r="N612904" s="10"/>
    </row>
    <row r="612905" spans="14:14">
      <c r="N612905" s="10"/>
    </row>
    <row r="612906" spans="14:14">
      <c r="N612906" s="10"/>
    </row>
    <row r="612907" spans="14:14">
      <c r="N612907" s="10"/>
    </row>
    <row r="612908" spans="14:14">
      <c r="N612908" s="10"/>
    </row>
    <row r="612909" spans="14:14">
      <c r="N612909" s="10"/>
    </row>
    <row r="612910" spans="14:14">
      <c r="N612910" s="10"/>
    </row>
    <row r="612911" spans="14:14">
      <c r="N612911" s="10"/>
    </row>
    <row r="612912" spans="14:14">
      <c r="N612912" s="10"/>
    </row>
    <row r="612913" spans="14:14">
      <c r="N612913" s="10"/>
    </row>
    <row r="612914" spans="14:14">
      <c r="N612914" s="10"/>
    </row>
    <row r="612915" spans="14:14">
      <c r="N612915" s="10"/>
    </row>
    <row r="612916" spans="14:14">
      <c r="N612916" s="10"/>
    </row>
    <row r="612917" spans="14:14">
      <c r="N612917" s="10"/>
    </row>
    <row r="612918" spans="14:14">
      <c r="N612918" s="10"/>
    </row>
    <row r="612919" spans="14:14">
      <c r="N612919" s="10"/>
    </row>
    <row r="612920" spans="14:14">
      <c r="N612920" s="10"/>
    </row>
    <row r="612921" spans="14:14">
      <c r="N612921" s="10"/>
    </row>
    <row r="612922" spans="14:14">
      <c r="N612922" s="10"/>
    </row>
    <row r="612923" spans="14:14">
      <c r="N612923" s="10"/>
    </row>
    <row r="612924" spans="14:14">
      <c r="N612924" s="10"/>
    </row>
    <row r="612925" spans="14:14">
      <c r="N612925" s="10"/>
    </row>
    <row r="612926" spans="14:14">
      <c r="N612926" s="10"/>
    </row>
    <row r="612927" spans="14:14">
      <c r="N612927" s="10"/>
    </row>
    <row r="612928" spans="14:14">
      <c r="N612928" s="10"/>
    </row>
    <row r="612929" spans="14:14">
      <c r="N612929" s="10"/>
    </row>
    <row r="612930" spans="14:14">
      <c r="N612930" s="10"/>
    </row>
    <row r="612931" spans="14:14">
      <c r="N612931" s="10"/>
    </row>
    <row r="612932" spans="14:14">
      <c r="N612932" s="10"/>
    </row>
    <row r="612933" spans="14:14">
      <c r="N612933" s="10"/>
    </row>
    <row r="612934" spans="14:14">
      <c r="N612934" s="10"/>
    </row>
    <row r="612935" spans="14:14">
      <c r="N612935" s="10"/>
    </row>
    <row r="612936" spans="14:14">
      <c r="N612936" s="10"/>
    </row>
    <row r="612937" spans="14:14">
      <c r="N612937" s="10"/>
    </row>
    <row r="612938" spans="14:14">
      <c r="N612938" s="10"/>
    </row>
    <row r="612939" spans="14:14">
      <c r="N612939" s="10"/>
    </row>
    <row r="612940" spans="14:14">
      <c r="N612940" s="10"/>
    </row>
    <row r="612941" spans="14:14">
      <c r="N612941" s="10"/>
    </row>
    <row r="612942" spans="14:14">
      <c r="N612942" s="10"/>
    </row>
    <row r="612943" spans="14:14">
      <c r="N612943" s="10"/>
    </row>
    <row r="612944" spans="14:14">
      <c r="N612944" s="10"/>
    </row>
    <row r="612945" spans="14:14">
      <c r="N612945" s="10"/>
    </row>
    <row r="612946" spans="14:14">
      <c r="N612946" s="10"/>
    </row>
    <row r="612947" spans="14:14">
      <c r="N612947" s="10"/>
    </row>
    <row r="612948" spans="14:14">
      <c r="N612948" s="10"/>
    </row>
    <row r="612949" spans="14:14">
      <c r="N612949" s="10"/>
    </row>
    <row r="612950" spans="14:14">
      <c r="N612950" s="10"/>
    </row>
    <row r="612951" spans="14:14">
      <c r="N612951" s="10"/>
    </row>
    <row r="612952" spans="14:14">
      <c r="N612952" s="10"/>
    </row>
    <row r="612953" spans="14:14">
      <c r="N612953" s="10"/>
    </row>
    <row r="612954" spans="14:14">
      <c r="N612954" s="10"/>
    </row>
    <row r="612955" spans="14:14">
      <c r="N612955" s="10"/>
    </row>
    <row r="612956" spans="14:14">
      <c r="N612956" s="10"/>
    </row>
    <row r="612957" spans="14:14">
      <c r="N612957" s="10"/>
    </row>
    <row r="612958" spans="14:14">
      <c r="N612958" s="10"/>
    </row>
    <row r="612959" spans="14:14">
      <c r="N612959" s="10"/>
    </row>
    <row r="612960" spans="14:14">
      <c r="N612960" s="10"/>
    </row>
    <row r="612961" spans="14:14">
      <c r="N612961" s="10"/>
    </row>
    <row r="612962" spans="14:14">
      <c r="N612962" s="10"/>
    </row>
    <row r="612963" spans="14:14">
      <c r="N612963" s="10"/>
    </row>
    <row r="612964" spans="14:14">
      <c r="N612964" s="10"/>
    </row>
    <row r="612965" spans="14:14">
      <c r="N612965" s="10"/>
    </row>
    <row r="612966" spans="14:14">
      <c r="N612966" s="10"/>
    </row>
    <row r="612967" spans="14:14">
      <c r="N612967" s="10"/>
    </row>
    <row r="612968" spans="14:14">
      <c r="N612968" s="10"/>
    </row>
    <row r="612969" spans="14:14">
      <c r="N612969" s="10"/>
    </row>
    <row r="612970" spans="14:14">
      <c r="N612970" s="10"/>
    </row>
    <row r="612971" spans="14:14">
      <c r="N612971" s="10"/>
    </row>
    <row r="612972" spans="14:14">
      <c r="N612972" s="10"/>
    </row>
    <row r="612973" spans="14:14">
      <c r="N612973" s="10"/>
    </row>
    <row r="612974" spans="14:14">
      <c r="N612974" s="10"/>
    </row>
    <row r="612975" spans="14:14">
      <c r="N612975" s="10"/>
    </row>
    <row r="612976" spans="14:14">
      <c r="N612976" s="10"/>
    </row>
    <row r="612977" spans="14:14">
      <c r="N612977" s="10"/>
    </row>
    <row r="612978" spans="14:14">
      <c r="N612978" s="10"/>
    </row>
    <row r="612979" spans="14:14">
      <c r="N612979" s="10"/>
    </row>
    <row r="612980" spans="14:14">
      <c r="N612980" s="10"/>
    </row>
    <row r="612981" spans="14:14">
      <c r="N612981" s="10"/>
    </row>
    <row r="612982" spans="14:14">
      <c r="N612982" s="10"/>
    </row>
    <row r="612983" spans="14:14">
      <c r="N612983" s="10"/>
    </row>
    <row r="612984" spans="14:14">
      <c r="N612984" s="10"/>
    </row>
    <row r="612985" spans="14:14">
      <c r="N612985" s="10"/>
    </row>
    <row r="612986" spans="14:14">
      <c r="N612986" s="10"/>
    </row>
    <row r="612987" spans="14:14">
      <c r="N612987" s="10"/>
    </row>
    <row r="612988" spans="14:14">
      <c r="N612988" s="10"/>
    </row>
    <row r="612989" spans="14:14">
      <c r="N612989" s="10"/>
    </row>
    <row r="612990" spans="14:14">
      <c r="N612990" s="10"/>
    </row>
    <row r="612991" spans="14:14">
      <c r="N612991" s="10"/>
    </row>
    <row r="612992" spans="14:14">
      <c r="N612992" s="10"/>
    </row>
    <row r="612993" spans="14:14">
      <c r="N612993" s="10"/>
    </row>
    <row r="612994" spans="14:14">
      <c r="N612994" s="10"/>
    </row>
    <row r="612995" spans="14:14">
      <c r="N612995" s="10"/>
    </row>
    <row r="612996" spans="14:14">
      <c r="N612996" s="10"/>
    </row>
    <row r="612997" spans="14:14">
      <c r="N612997" s="10"/>
    </row>
    <row r="612998" spans="14:14">
      <c r="N612998" s="10"/>
    </row>
    <row r="612999" spans="14:14">
      <c r="N612999" s="10"/>
    </row>
    <row r="613000" spans="14:14">
      <c r="N613000" s="10"/>
    </row>
    <row r="613001" spans="14:14">
      <c r="N613001" s="10"/>
    </row>
    <row r="613002" spans="14:14">
      <c r="N613002" s="10"/>
    </row>
    <row r="613003" spans="14:14">
      <c r="N613003" s="10"/>
    </row>
    <row r="613004" spans="14:14">
      <c r="N613004" s="10"/>
    </row>
    <row r="613005" spans="14:14">
      <c r="N613005" s="10"/>
    </row>
    <row r="613006" spans="14:14">
      <c r="N613006" s="10"/>
    </row>
    <row r="613007" spans="14:14">
      <c r="N613007" s="10"/>
    </row>
    <row r="613008" spans="14:14">
      <c r="N613008" s="10"/>
    </row>
    <row r="613009" spans="14:14">
      <c r="N613009" s="10"/>
    </row>
    <row r="613010" spans="14:14">
      <c r="N613010" s="10"/>
    </row>
    <row r="613011" spans="14:14">
      <c r="N613011" s="10"/>
    </row>
    <row r="613012" spans="14:14">
      <c r="N613012" s="10"/>
    </row>
    <row r="613013" spans="14:14">
      <c r="N613013" s="10"/>
    </row>
    <row r="613014" spans="14:14">
      <c r="N613014" s="10"/>
    </row>
    <row r="613015" spans="14:14">
      <c r="N613015" s="10"/>
    </row>
    <row r="613016" spans="14:14">
      <c r="N613016" s="10"/>
    </row>
    <row r="613017" spans="14:14">
      <c r="N613017" s="10"/>
    </row>
    <row r="613018" spans="14:14">
      <c r="N613018" s="10"/>
    </row>
    <row r="613019" spans="14:14">
      <c r="N613019" s="10"/>
    </row>
    <row r="613020" spans="14:14">
      <c r="N613020" s="10"/>
    </row>
    <row r="613021" spans="14:14">
      <c r="N613021" s="10"/>
    </row>
    <row r="613022" spans="14:14">
      <c r="N613022" s="10"/>
    </row>
    <row r="613023" spans="14:14">
      <c r="N613023" s="10"/>
    </row>
    <row r="613024" spans="14:14">
      <c r="N613024" s="10"/>
    </row>
    <row r="613025" spans="14:14">
      <c r="N613025" s="10"/>
    </row>
    <row r="613026" spans="14:14">
      <c r="N613026" s="10"/>
    </row>
    <row r="613027" spans="14:14">
      <c r="N613027" s="10"/>
    </row>
    <row r="613028" spans="14:14">
      <c r="N613028" s="10"/>
    </row>
    <row r="613029" spans="14:14">
      <c r="N613029" s="10"/>
    </row>
    <row r="613030" spans="14:14">
      <c r="N613030" s="10"/>
    </row>
    <row r="613031" spans="14:14">
      <c r="N613031" s="10"/>
    </row>
    <row r="613032" spans="14:14">
      <c r="N613032" s="10"/>
    </row>
    <row r="613033" spans="14:14">
      <c r="N613033" s="10"/>
    </row>
    <row r="613034" spans="14:14">
      <c r="N613034" s="10"/>
    </row>
    <row r="613035" spans="14:14">
      <c r="N613035" s="10"/>
    </row>
    <row r="613036" spans="14:14">
      <c r="N613036" s="10"/>
    </row>
    <row r="613037" spans="14:14">
      <c r="N613037" s="10"/>
    </row>
    <row r="613038" spans="14:14">
      <c r="N613038" s="10"/>
    </row>
    <row r="613039" spans="14:14">
      <c r="N613039" s="10"/>
    </row>
    <row r="613040" spans="14:14">
      <c r="N613040" s="10"/>
    </row>
    <row r="613041" spans="14:14">
      <c r="N613041" s="10"/>
    </row>
    <row r="613042" spans="14:14">
      <c r="N613042" s="10"/>
    </row>
    <row r="613043" spans="14:14">
      <c r="N613043" s="10"/>
    </row>
    <row r="613044" spans="14:14">
      <c r="N613044" s="10"/>
    </row>
    <row r="613045" spans="14:14">
      <c r="N613045" s="10"/>
    </row>
    <row r="613046" spans="14:14">
      <c r="N613046" s="10"/>
    </row>
    <row r="613047" spans="14:14">
      <c r="N613047" s="10"/>
    </row>
    <row r="613048" spans="14:14">
      <c r="N613048" s="10"/>
    </row>
    <row r="613049" spans="14:14">
      <c r="N613049" s="10"/>
    </row>
    <row r="613050" spans="14:14">
      <c r="N613050" s="10"/>
    </row>
    <row r="613051" spans="14:14">
      <c r="N613051" s="10"/>
    </row>
    <row r="613052" spans="14:14">
      <c r="N613052" s="10"/>
    </row>
    <row r="613053" spans="14:14">
      <c r="N613053" s="10"/>
    </row>
    <row r="613054" spans="14:14">
      <c r="N613054" s="10"/>
    </row>
    <row r="613055" spans="14:14">
      <c r="N613055" s="10"/>
    </row>
    <row r="613056" spans="14:14">
      <c r="N613056" s="10"/>
    </row>
    <row r="613057" spans="14:14">
      <c r="N613057" s="10"/>
    </row>
    <row r="613058" spans="14:14">
      <c r="N613058" s="10"/>
    </row>
    <row r="613059" spans="14:14">
      <c r="N613059" s="10"/>
    </row>
    <row r="613060" spans="14:14">
      <c r="N613060" s="10"/>
    </row>
    <row r="613061" spans="14:14">
      <c r="N613061" s="10"/>
    </row>
    <row r="613062" spans="14:14">
      <c r="N613062" s="10"/>
    </row>
    <row r="613063" spans="14:14">
      <c r="N613063" s="10"/>
    </row>
    <row r="613064" spans="14:14">
      <c r="N613064" s="10"/>
    </row>
    <row r="613065" spans="14:14">
      <c r="N613065" s="10"/>
    </row>
    <row r="613066" spans="14:14">
      <c r="N613066" s="10"/>
    </row>
    <row r="613067" spans="14:14">
      <c r="N613067" s="10"/>
    </row>
    <row r="613068" spans="14:14">
      <c r="N613068" s="10"/>
    </row>
    <row r="613069" spans="14:14">
      <c r="N613069" s="10"/>
    </row>
    <row r="613070" spans="14:14">
      <c r="N613070" s="10"/>
    </row>
    <row r="613071" spans="14:14">
      <c r="N613071" s="10"/>
    </row>
    <row r="613072" spans="14:14">
      <c r="N613072" s="10"/>
    </row>
    <row r="613073" spans="14:14">
      <c r="N613073" s="10"/>
    </row>
    <row r="613074" spans="14:14">
      <c r="N613074" s="10"/>
    </row>
    <row r="613075" spans="14:14">
      <c r="N613075" s="10"/>
    </row>
    <row r="613076" spans="14:14">
      <c r="N613076" s="10"/>
    </row>
    <row r="613077" spans="14:14">
      <c r="N613077" s="10"/>
    </row>
    <row r="613078" spans="14:14">
      <c r="N613078" s="10"/>
    </row>
    <row r="613079" spans="14:14">
      <c r="N613079" s="10"/>
    </row>
    <row r="613080" spans="14:14">
      <c r="N613080" s="10"/>
    </row>
    <row r="613081" spans="14:14">
      <c r="N613081" s="10"/>
    </row>
    <row r="613082" spans="14:14">
      <c r="N613082" s="10"/>
    </row>
    <row r="613083" spans="14:14">
      <c r="N613083" s="10"/>
    </row>
    <row r="613084" spans="14:14">
      <c r="N613084" s="10"/>
    </row>
    <row r="613085" spans="14:14">
      <c r="N613085" s="10"/>
    </row>
    <row r="613086" spans="14:14">
      <c r="N613086" s="10"/>
    </row>
    <row r="613087" spans="14:14">
      <c r="N613087" s="10"/>
    </row>
    <row r="613088" spans="14:14">
      <c r="N613088" s="10"/>
    </row>
    <row r="613089" spans="14:14">
      <c r="N613089" s="10"/>
    </row>
    <row r="613090" spans="14:14">
      <c r="N613090" s="10"/>
    </row>
    <row r="613091" spans="14:14">
      <c r="N613091" s="10"/>
    </row>
    <row r="613092" spans="14:14">
      <c r="N613092" s="10"/>
    </row>
    <row r="613093" spans="14:14">
      <c r="N613093" s="10"/>
    </row>
    <row r="613094" spans="14:14">
      <c r="N613094" s="10"/>
    </row>
    <row r="613095" spans="14:14">
      <c r="N613095" s="10"/>
    </row>
    <row r="613096" spans="14:14">
      <c r="N613096" s="10"/>
    </row>
    <row r="613097" spans="14:14">
      <c r="N613097" s="10"/>
    </row>
    <row r="613098" spans="14:14">
      <c r="N613098" s="10"/>
    </row>
    <row r="613099" spans="14:14">
      <c r="N613099" s="10"/>
    </row>
    <row r="613100" spans="14:14">
      <c r="N613100" s="10"/>
    </row>
    <row r="613101" spans="14:14">
      <c r="N613101" s="10"/>
    </row>
    <row r="613102" spans="14:14">
      <c r="N613102" s="10"/>
    </row>
    <row r="613103" spans="14:14">
      <c r="N613103" s="10"/>
    </row>
    <row r="613104" spans="14:14">
      <c r="N613104" s="10"/>
    </row>
    <row r="613105" spans="14:14">
      <c r="N613105" s="10"/>
    </row>
    <row r="613106" spans="14:14">
      <c r="N613106" s="10"/>
    </row>
    <row r="613107" spans="14:14">
      <c r="N613107" s="10"/>
    </row>
    <row r="613108" spans="14:14">
      <c r="N613108" s="10"/>
    </row>
    <row r="613109" spans="14:14">
      <c r="N613109" s="10"/>
    </row>
    <row r="613110" spans="14:14">
      <c r="N613110" s="10"/>
    </row>
    <row r="613111" spans="14:14">
      <c r="N613111" s="10"/>
    </row>
    <row r="613112" spans="14:14">
      <c r="N613112" s="10"/>
    </row>
    <row r="613113" spans="14:14">
      <c r="N613113" s="10"/>
    </row>
    <row r="613114" spans="14:14">
      <c r="N613114" s="10"/>
    </row>
    <row r="613115" spans="14:14">
      <c r="N613115" s="10"/>
    </row>
    <row r="613116" spans="14:14">
      <c r="N613116" s="10"/>
    </row>
    <row r="613117" spans="14:14">
      <c r="N613117" s="10"/>
    </row>
    <row r="613118" spans="14:14">
      <c r="N613118" s="10"/>
    </row>
    <row r="613119" spans="14:14">
      <c r="N613119" s="10"/>
    </row>
    <row r="613120" spans="14:14">
      <c r="N613120" s="10"/>
    </row>
    <row r="613121" spans="14:14">
      <c r="N613121" s="10"/>
    </row>
    <row r="613122" spans="14:14">
      <c r="N613122" s="10"/>
    </row>
    <row r="613123" spans="14:14">
      <c r="N613123" s="10"/>
    </row>
    <row r="613124" spans="14:14">
      <c r="N613124" s="10"/>
    </row>
    <row r="613125" spans="14:14">
      <c r="N613125" s="10"/>
    </row>
    <row r="613126" spans="14:14">
      <c r="N613126" s="10"/>
    </row>
    <row r="613127" spans="14:14">
      <c r="N613127" s="10"/>
    </row>
    <row r="613128" spans="14:14">
      <c r="N613128" s="10"/>
    </row>
    <row r="613129" spans="14:14">
      <c r="N613129" s="10"/>
    </row>
    <row r="613130" spans="14:14">
      <c r="N613130" s="10"/>
    </row>
    <row r="613131" spans="14:14">
      <c r="N613131" s="10"/>
    </row>
    <row r="613132" spans="14:14">
      <c r="N613132" s="10"/>
    </row>
    <row r="613133" spans="14:14">
      <c r="N613133" s="10"/>
    </row>
    <row r="613134" spans="14:14">
      <c r="N613134" s="10"/>
    </row>
    <row r="613135" spans="14:14">
      <c r="N613135" s="10"/>
    </row>
    <row r="613136" spans="14:14">
      <c r="N613136" s="10"/>
    </row>
    <row r="613137" spans="14:14">
      <c r="N613137" s="10"/>
    </row>
    <row r="613138" spans="14:14">
      <c r="N613138" s="10"/>
    </row>
    <row r="613139" spans="14:14">
      <c r="N613139" s="10"/>
    </row>
    <row r="613140" spans="14:14">
      <c r="N613140" s="10"/>
    </row>
    <row r="613141" spans="14:14">
      <c r="N613141" s="10"/>
    </row>
    <row r="613142" spans="14:14">
      <c r="N613142" s="10"/>
    </row>
    <row r="613143" spans="14:14">
      <c r="N613143" s="10"/>
    </row>
    <row r="613144" spans="14:14">
      <c r="N613144" s="10"/>
    </row>
    <row r="613145" spans="14:14">
      <c r="N613145" s="10"/>
    </row>
    <row r="613146" spans="14:14">
      <c r="N613146" s="10"/>
    </row>
    <row r="613147" spans="14:14">
      <c r="N613147" s="10"/>
    </row>
    <row r="613148" spans="14:14">
      <c r="N613148" s="10"/>
    </row>
    <row r="613149" spans="14:14">
      <c r="N613149" s="10"/>
    </row>
    <row r="613150" spans="14:14">
      <c r="N613150" s="10"/>
    </row>
    <row r="613151" spans="14:14">
      <c r="N613151" s="10"/>
    </row>
    <row r="613152" spans="14:14">
      <c r="N613152" s="10"/>
    </row>
    <row r="613153" spans="14:14">
      <c r="N613153" s="10"/>
    </row>
    <row r="613154" spans="14:14">
      <c r="N613154" s="10"/>
    </row>
    <row r="613155" spans="14:14">
      <c r="N613155" s="10"/>
    </row>
    <row r="613156" spans="14:14">
      <c r="N613156" s="10"/>
    </row>
    <row r="613157" spans="14:14">
      <c r="N613157" s="10"/>
    </row>
    <row r="613158" spans="14:14">
      <c r="N613158" s="10"/>
    </row>
    <row r="613159" spans="14:14">
      <c r="N613159" s="10"/>
    </row>
    <row r="613160" spans="14:14">
      <c r="N613160" s="10"/>
    </row>
    <row r="613161" spans="14:14">
      <c r="N613161" s="10"/>
    </row>
    <row r="613162" spans="14:14">
      <c r="N613162" s="10"/>
    </row>
    <row r="613163" spans="14:14">
      <c r="N613163" s="10"/>
    </row>
    <row r="613164" spans="14:14">
      <c r="N613164" s="10"/>
    </row>
    <row r="613165" spans="14:14">
      <c r="N613165" s="10"/>
    </row>
    <row r="613166" spans="14:14">
      <c r="N613166" s="10"/>
    </row>
    <row r="613167" spans="14:14">
      <c r="N613167" s="10"/>
    </row>
    <row r="613168" spans="14:14">
      <c r="N613168" s="10"/>
    </row>
    <row r="613169" spans="14:14">
      <c r="N613169" s="10"/>
    </row>
    <row r="613170" spans="14:14">
      <c r="N613170" s="10"/>
    </row>
    <row r="613171" spans="14:14">
      <c r="N613171" s="10"/>
    </row>
    <row r="613172" spans="14:14">
      <c r="N613172" s="10"/>
    </row>
    <row r="613173" spans="14:14">
      <c r="N613173" s="10"/>
    </row>
    <row r="613174" spans="14:14">
      <c r="N613174" s="10"/>
    </row>
    <row r="613175" spans="14:14">
      <c r="N613175" s="10"/>
    </row>
    <row r="613176" spans="14:14">
      <c r="N613176" s="10"/>
    </row>
    <row r="613177" spans="14:14">
      <c r="N613177" s="10"/>
    </row>
    <row r="613178" spans="14:14">
      <c r="N613178" s="10"/>
    </row>
    <row r="613179" spans="14:14">
      <c r="N613179" s="10"/>
    </row>
    <row r="613180" spans="14:14">
      <c r="N613180" s="10"/>
    </row>
    <row r="613181" spans="14:14">
      <c r="N613181" s="10"/>
    </row>
    <row r="613182" spans="14:14">
      <c r="N613182" s="10"/>
    </row>
    <row r="613183" spans="14:14">
      <c r="N613183" s="10"/>
    </row>
    <row r="613184" spans="14:14">
      <c r="N613184" s="10"/>
    </row>
    <row r="613185" spans="14:14">
      <c r="N613185" s="10"/>
    </row>
    <row r="613186" spans="14:14">
      <c r="N613186" s="10"/>
    </row>
    <row r="613187" spans="14:14">
      <c r="N613187" s="10"/>
    </row>
    <row r="613188" spans="14:14">
      <c r="N613188" s="10"/>
    </row>
    <row r="613189" spans="14:14">
      <c r="N613189" s="10"/>
    </row>
    <row r="613190" spans="14:14">
      <c r="N613190" s="10"/>
    </row>
    <row r="613191" spans="14:14">
      <c r="N613191" s="10"/>
    </row>
    <row r="613192" spans="14:14">
      <c r="N613192" s="10"/>
    </row>
    <row r="613193" spans="14:14">
      <c r="N613193" s="10"/>
    </row>
    <row r="613194" spans="14:14">
      <c r="N613194" s="10"/>
    </row>
    <row r="613195" spans="14:14">
      <c r="N613195" s="10"/>
    </row>
    <row r="613196" spans="14:14">
      <c r="N613196" s="10"/>
    </row>
    <row r="613197" spans="14:14">
      <c r="N613197" s="10"/>
    </row>
    <row r="613198" spans="14:14">
      <c r="N613198" s="10"/>
    </row>
    <row r="613199" spans="14:14">
      <c r="N613199" s="10"/>
    </row>
    <row r="613200" spans="14:14">
      <c r="N613200" s="10"/>
    </row>
    <row r="613201" spans="14:14">
      <c r="N613201" s="10"/>
    </row>
    <row r="613202" spans="14:14">
      <c r="N613202" s="10"/>
    </row>
    <row r="613203" spans="14:14">
      <c r="N613203" s="10"/>
    </row>
    <row r="613204" spans="14:14">
      <c r="N613204" s="10"/>
    </row>
    <row r="613205" spans="14:14">
      <c r="N613205" s="10"/>
    </row>
    <row r="613206" spans="14:14">
      <c r="N613206" s="10"/>
    </row>
    <row r="613207" spans="14:14">
      <c r="N613207" s="10"/>
    </row>
    <row r="613208" spans="14:14">
      <c r="N613208" s="10"/>
    </row>
    <row r="613209" spans="14:14">
      <c r="N613209" s="10"/>
    </row>
    <row r="613210" spans="14:14">
      <c r="N613210" s="10"/>
    </row>
    <row r="613211" spans="14:14">
      <c r="N613211" s="10"/>
    </row>
    <row r="613212" spans="14:14">
      <c r="N613212" s="10"/>
    </row>
    <row r="613213" spans="14:14">
      <c r="N613213" s="10"/>
    </row>
    <row r="613214" spans="14:14">
      <c r="N613214" s="10"/>
    </row>
    <row r="613215" spans="14:14">
      <c r="N613215" s="10"/>
    </row>
    <row r="613216" spans="14:14">
      <c r="N613216" s="10"/>
    </row>
    <row r="613217" spans="14:14">
      <c r="N613217" s="10"/>
    </row>
    <row r="613218" spans="14:14">
      <c r="N613218" s="10"/>
    </row>
    <row r="613219" spans="14:14">
      <c r="N613219" s="10"/>
    </row>
    <row r="613220" spans="14:14">
      <c r="N613220" s="10"/>
    </row>
    <row r="613221" spans="14:14">
      <c r="N613221" s="10"/>
    </row>
    <row r="613222" spans="14:14">
      <c r="N613222" s="10"/>
    </row>
    <row r="613223" spans="14:14">
      <c r="N613223" s="10"/>
    </row>
    <row r="613224" spans="14:14">
      <c r="N613224" s="10"/>
    </row>
    <row r="613225" spans="14:14">
      <c r="N613225" s="10"/>
    </row>
    <row r="613226" spans="14:14">
      <c r="N613226" s="10"/>
    </row>
    <row r="613227" spans="14:14">
      <c r="N613227" s="10"/>
    </row>
    <row r="613228" spans="14:14">
      <c r="N613228" s="10"/>
    </row>
    <row r="613229" spans="14:14">
      <c r="N613229" s="10"/>
    </row>
    <row r="613230" spans="14:14">
      <c r="N613230" s="10"/>
    </row>
    <row r="613231" spans="14:14">
      <c r="N613231" s="10"/>
    </row>
    <row r="613232" spans="14:14">
      <c r="N613232" s="10"/>
    </row>
    <row r="613233" spans="14:14">
      <c r="N613233" s="10"/>
    </row>
    <row r="613234" spans="14:14">
      <c r="N613234" s="10"/>
    </row>
    <row r="613235" spans="14:14">
      <c r="N613235" s="10"/>
    </row>
    <row r="613236" spans="14:14">
      <c r="N613236" s="10"/>
    </row>
    <row r="613237" spans="14:14">
      <c r="N613237" s="10"/>
    </row>
    <row r="613238" spans="14:14">
      <c r="N613238" s="10"/>
    </row>
    <row r="613239" spans="14:14">
      <c r="N613239" s="10"/>
    </row>
    <row r="613240" spans="14:14">
      <c r="N613240" s="10"/>
    </row>
    <row r="613241" spans="14:14">
      <c r="N613241" s="10"/>
    </row>
    <row r="613242" spans="14:14">
      <c r="N613242" s="10"/>
    </row>
    <row r="613243" spans="14:14">
      <c r="N613243" s="10"/>
    </row>
    <row r="613244" spans="14:14">
      <c r="N613244" s="10"/>
    </row>
    <row r="613245" spans="14:14">
      <c r="N613245" s="10"/>
    </row>
    <row r="613246" spans="14:14">
      <c r="N613246" s="10"/>
    </row>
    <row r="613247" spans="14:14">
      <c r="N613247" s="10"/>
    </row>
    <row r="613248" spans="14:14">
      <c r="N613248" s="10"/>
    </row>
    <row r="613249" spans="14:14">
      <c r="N613249" s="10"/>
    </row>
    <row r="613250" spans="14:14">
      <c r="N613250" s="10"/>
    </row>
    <row r="613251" spans="14:14">
      <c r="N613251" s="10"/>
    </row>
    <row r="613252" spans="14:14">
      <c r="N613252" s="10"/>
    </row>
    <row r="613253" spans="14:14">
      <c r="N613253" s="10"/>
    </row>
    <row r="613254" spans="14:14">
      <c r="N613254" s="10"/>
    </row>
    <row r="613255" spans="14:14">
      <c r="N613255" s="10"/>
    </row>
    <row r="613256" spans="14:14">
      <c r="N613256" s="10"/>
    </row>
    <row r="613257" spans="14:14">
      <c r="N613257" s="10"/>
    </row>
    <row r="613258" spans="14:14">
      <c r="N613258" s="10"/>
    </row>
    <row r="613259" spans="14:14">
      <c r="N613259" s="10"/>
    </row>
    <row r="613260" spans="14:14">
      <c r="N613260" s="10"/>
    </row>
    <row r="613261" spans="14:14">
      <c r="N613261" s="10"/>
    </row>
    <row r="613262" spans="14:14">
      <c r="N613262" s="10"/>
    </row>
    <row r="613263" spans="14:14">
      <c r="N613263" s="10"/>
    </row>
    <row r="613264" spans="14:14">
      <c r="N613264" s="10"/>
    </row>
    <row r="613265" spans="14:14">
      <c r="N613265" s="10"/>
    </row>
    <row r="613266" spans="14:14">
      <c r="N613266" s="10"/>
    </row>
    <row r="613267" spans="14:14">
      <c r="N613267" s="10"/>
    </row>
    <row r="613268" spans="14:14">
      <c r="N613268" s="10"/>
    </row>
    <row r="613269" spans="14:14">
      <c r="N613269" s="10"/>
    </row>
    <row r="613270" spans="14:14">
      <c r="N613270" s="10"/>
    </row>
    <row r="613271" spans="14:14">
      <c r="N613271" s="10"/>
    </row>
    <row r="613272" spans="14:14">
      <c r="N613272" s="10"/>
    </row>
    <row r="613273" spans="14:14">
      <c r="N613273" s="10"/>
    </row>
    <row r="613274" spans="14:14">
      <c r="N613274" s="10"/>
    </row>
    <row r="613275" spans="14:14">
      <c r="N613275" s="10"/>
    </row>
    <row r="613276" spans="14:14">
      <c r="N613276" s="10"/>
    </row>
    <row r="613277" spans="14:14">
      <c r="N613277" s="10"/>
    </row>
    <row r="613278" spans="14:14">
      <c r="N613278" s="10"/>
    </row>
    <row r="613279" spans="14:14">
      <c r="N613279" s="10"/>
    </row>
    <row r="613280" spans="14:14">
      <c r="N613280" s="10"/>
    </row>
    <row r="613281" spans="14:14">
      <c r="N613281" s="10"/>
    </row>
    <row r="613282" spans="14:14">
      <c r="N613282" s="10"/>
    </row>
    <row r="613283" spans="14:14">
      <c r="N613283" s="10"/>
    </row>
    <row r="613284" spans="14:14">
      <c r="N613284" s="10"/>
    </row>
    <row r="613285" spans="14:14">
      <c r="N613285" s="10"/>
    </row>
    <row r="613286" spans="14:14">
      <c r="N613286" s="10"/>
    </row>
    <row r="613287" spans="14:14">
      <c r="N613287" s="10"/>
    </row>
    <row r="613288" spans="14:14">
      <c r="N613288" s="10"/>
    </row>
    <row r="613289" spans="14:14">
      <c r="N613289" s="10"/>
    </row>
    <row r="613290" spans="14:14">
      <c r="N613290" s="10"/>
    </row>
    <row r="613291" spans="14:14">
      <c r="N613291" s="10"/>
    </row>
    <row r="613292" spans="14:14">
      <c r="N613292" s="10"/>
    </row>
    <row r="613293" spans="14:14">
      <c r="N613293" s="10"/>
    </row>
    <row r="613294" spans="14:14">
      <c r="N613294" s="10"/>
    </row>
    <row r="613295" spans="14:14">
      <c r="N613295" s="10"/>
    </row>
    <row r="613296" spans="14:14">
      <c r="N613296" s="10"/>
    </row>
    <row r="613297" spans="14:14">
      <c r="N613297" s="10"/>
    </row>
    <row r="613298" spans="14:14">
      <c r="N613298" s="10"/>
    </row>
    <row r="613299" spans="14:14">
      <c r="N613299" s="10"/>
    </row>
    <row r="613300" spans="14:14">
      <c r="N613300" s="10"/>
    </row>
    <row r="613301" spans="14:14">
      <c r="N613301" s="10"/>
    </row>
    <row r="613302" spans="14:14">
      <c r="N613302" s="10"/>
    </row>
    <row r="613303" spans="14:14">
      <c r="N613303" s="10"/>
    </row>
    <row r="613304" spans="14:14">
      <c r="N613304" s="10"/>
    </row>
    <row r="613305" spans="14:14">
      <c r="N613305" s="10"/>
    </row>
    <row r="613306" spans="14:14">
      <c r="N613306" s="10"/>
    </row>
    <row r="613307" spans="14:14">
      <c r="N613307" s="10"/>
    </row>
    <row r="613308" spans="14:14">
      <c r="N613308" s="10"/>
    </row>
    <row r="613309" spans="14:14">
      <c r="N613309" s="10"/>
    </row>
    <row r="613310" spans="14:14">
      <c r="N613310" s="10"/>
    </row>
    <row r="613311" spans="14:14">
      <c r="N613311" s="10"/>
    </row>
    <row r="613312" spans="14:14">
      <c r="N613312" s="10"/>
    </row>
    <row r="613313" spans="14:14">
      <c r="N613313" s="10"/>
    </row>
    <row r="613314" spans="14:14">
      <c r="N613314" s="10"/>
    </row>
    <row r="613315" spans="14:14">
      <c r="N613315" s="10"/>
    </row>
    <row r="613316" spans="14:14">
      <c r="N613316" s="10"/>
    </row>
    <row r="613317" spans="14:14">
      <c r="N613317" s="10"/>
    </row>
    <row r="613318" spans="14:14">
      <c r="N613318" s="10"/>
    </row>
    <row r="613319" spans="14:14">
      <c r="N613319" s="10"/>
    </row>
    <row r="613320" spans="14:14">
      <c r="N613320" s="10"/>
    </row>
    <row r="613321" spans="14:14">
      <c r="N613321" s="10"/>
    </row>
    <row r="613322" spans="14:14">
      <c r="N613322" s="10"/>
    </row>
    <row r="613323" spans="14:14">
      <c r="N613323" s="10"/>
    </row>
    <row r="613324" spans="14:14">
      <c r="N613324" s="10"/>
    </row>
    <row r="613325" spans="14:14">
      <c r="N613325" s="10"/>
    </row>
    <row r="613326" spans="14:14">
      <c r="N613326" s="10"/>
    </row>
    <row r="613327" spans="14:14">
      <c r="N613327" s="10"/>
    </row>
    <row r="613328" spans="14:14">
      <c r="N613328" s="10"/>
    </row>
    <row r="613329" spans="14:14">
      <c r="N613329" s="10"/>
    </row>
    <row r="613330" spans="14:14">
      <c r="N613330" s="10"/>
    </row>
    <row r="613331" spans="14:14">
      <c r="N613331" s="10"/>
    </row>
    <row r="613332" spans="14:14">
      <c r="N613332" s="10"/>
    </row>
    <row r="613333" spans="14:14">
      <c r="N613333" s="10"/>
    </row>
    <row r="613334" spans="14:14">
      <c r="N613334" s="10"/>
    </row>
    <row r="613335" spans="14:14">
      <c r="N613335" s="10"/>
    </row>
    <row r="613336" spans="14:14">
      <c r="N613336" s="10"/>
    </row>
    <row r="613337" spans="14:14">
      <c r="N613337" s="10"/>
    </row>
    <row r="613338" spans="14:14">
      <c r="N613338" s="10"/>
    </row>
    <row r="613339" spans="14:14">
      <c r="N613339" s="10"/>
    </row>
    <row r="613340" spans="14:14">
      <c r="N613340" s="10"/>
    </row>
    <row r="613341" spans="14:14">
      <c r="N613341" s="10"/>
    </row>
    <row r="613342" spans="14:14">
      <c r="N613342" s="10"/>
    </row>
    <row r="613343" spans="14:14">
      <c r="N613343" s="10"/>
    </row>
    <row r="613344" spans="14:14">
      <c r="N613344" s="10"/>
    </row>
    <row r="613345" spans="14:14">
      <c r="N613345" s="10"/>
    </row>
    <row r="613346" spans="14:14">
      <c r="N613346" s="10"/>
    </row>
    <row r="613347" spans="14:14">
      <c r="N613347" s="10"/>
    </row>
    <row r="613348" spans="14:14">
      <c r="N613348" s="10"/>
    </row>
    <row r="613349" spans="14:14">
      <c r="N613349" s="10"/>
    </row>
    <row r="613350" spans="14:14">
      <c r="N613350" s="10"/>
    </row>
    <row r="613351" spans="14:14">
      <c r="N613351" s="10"/>
    </row>
    <row r="613352" spans="14:14">
      <c r="N613352" s="10"/>
    </row>
    <row r="613353" spans="14:14">
      <c r="N613353" s="10"/>
    </row>
    <row r="613354" spans="14:14">
      <c r="N613354" s="10"/>
    </row>
    <row r="613355" spans="14:14">
      <c r="N613355" s="10"/>
    </row>
    <row r="613356" spans="14:14">
      <c r="N613356" s="10"/>
    </row>
    <row r="613357" spans="14:14">
      <c r="N613357" s="10"/>
    </row>
    <row r="613358" spans="14:14">
      <c r="N613358" s="10"/>
    </row>
    <row r="613359" spans="14:14">
      <c r="N613359" s="10"/>
    </row>
    <row r="613360" spans="14:14">
      <c r="N613360" s="10"/>
    </row>
    <row r="613361" spans="14:14">
      <c r="N613361" s="10"/>
    </row>
    <row r="613362" spans="14:14">
      <c r="N613362" s="10"/>
    </row>
    <row r="613363" spans="14:14">
      <c r="N613363" s="10"/>
    </row>
    <row r="613364" spans="14:14">
      <c r="N613364" s="10"/>
    </row>
    <row r="613365" spans="14:14">
      <c r="N613365" s="10"/>
    </row>
    <row r="613366" spans="14:14">
      <c r="N613366" s="10"/>
    </row>
    <row r="613367" spans="14:14">
      <c r="N613367" s="10"/>
    </row>
    <row r="613368" spans="14:14">
      <c r="N613368" s="10"/>
    </row>
    <row r="613369" spans="14:14">
      <c r="N613369" s="10"/>
    </row>
    <row r="613370" spans="14:14">
      <c r="N613370" s="10"/>
    </row>
    <row r="613371" spans="14:14">
      <c r="N613371" s="10"/>
    </row>
    <row r="613372" spans="14:14">
      <c r="N613372" s="10"/>
    </row>
    <row r="613373" spans="14:14">
      <c r="N613373" s="10"/>
    </row>
    <row r="613374" spans="14:14">
      <c r="N613374" s="10"/>
    </row>
    <row r="613375" spans="14:14">
      <c r="N613375" s="10"/>
    </row>
    <row r="613376" spans="14:14">
      <c r="N613376" s="10"/>
    </row>
    <row r="613377" spans="14:14">
      <c r="N613377" s="10"/>
    </row>
    <row r="613378" spans="14:14">
      <c r="N613378" s="10"/>
    </row>
    <row r="613379" spans="14:14">
      <c r="N613379" s="10"/>
    </row>
    <row r="613380" spans="14:14">
      <c r="N613380" s="10"/>
    </row>
    <row r="613381" spans="14:14">
      <c r="N613381" s="10"/>
    </row>
    <row r="613382" spans="14:14">
      <c r="N613382" s="10"/>
    </row>
    <row r="613383" spans="14:14">
      <c r="N613383" s="10"/>
    </row>
    <row r="613384" spans="14:14">
      <c r="N613384" s="10"/>
    </row>
    <row r="613385" spans="14:14">
      <c r="N613385" s="10"/>
    </row>
    <row r="613386" spans="14:14">
      <c r="N613386" s="10"/>
    </row>
    <row r="613387" spans="14:14">
      <c r="N613387" s="10"/>
    </row>
    <row r="613388" spans="14:14">
      <c r="N613388" s="10"/>
    </row>
    <row r="613389" spans="14:14">
      <c r="N613389" s="10"/>
    </row>
    <row r="613390" spans="14:14">
      <c r="N613390" s="10"/>
    </row>
    <row r="613391" spans="14:14">
      <c r="N613391" s="10"/>
    </row>
    <row r="613392" spans="14:14">
      <c r="N613392" s="10"/>
    </row>
    <row r="613393" spans="14:14">
      <c r="N613393" s="10"/>
    </row>
    <row r="613394" spans="14:14">
      <c r="N613394" s="10"/>
    </row>
    <row r="613395" spans="14:14">
      <c r="N613395" s="10"/>
    </row>
    <row r="613396" spans="14:14">
      <c r="N613396" s="10"/>
    </row>
    <row r="613397" spans="14:14">
      <c r="N613397" s="10"/>
    </row>
    <row r="613398" spans="14:14">
      <c r="N613398" s="10"/>
    </row>
    <row r="613399" spans="14:14">
      <c r="N613399" s="10"/>
    </row>
    <row r="613400" spans="14:14">
      <c r="N613400" s="10"/>
    </row>
    <row r="613401" spans="14:14">
      <c r="N613401" s="10"/>
    </row>
    <row r="613402" spans="14:14">
      <c r="N613402" s="10"/>
    </row>
    <row r="613403" spans="14:14">
      <c r="N613403" s="10"/>
    </row>
    <row r="613404" spans="14:14">
      <c r="N613404" s="10"/>
    </row>
    <row r="613405" spans="14:14">
      <c r="N613405" s="10"/>
    </row>
    <row r="613406" spans="14:14">
      <c r="N613406" s="10"/>
    </row>
    <row r="613407" spans="14:14">
      <c r="N613407" s="10"/>
    </row>
    <row r="613408" spans="14:14">
      <c r="N613408" s="10"/>
    </row>
    <row r="613409" spans="14:14">
      <c r="N613409" s="10"/>
    </row>
    <row r="613410" spans="14:14">
      <c r="N613410" s="10"/>
    </row>
    <row r="613411" spans="14:14">
      <c r="N613411" s="10"/>
    </row>
    <row r="613412" spans="14:14">
      <c r="N613412" s="10"/>
    </row>
    <row r="613413" spans="14:14">
      <c r="N613413" s="10"/>
    </row>
    <row r="613414" spans="14:14">
      <c r="N613414" s="10"/>
    </row>
    <row r="613415" spans="14:14">
      <c r="N613415" s="10"/>
    </row>
    <row r="613416" spans="14:14">
      <c r="N613416" s="10"/>
    </row>
    <row r="613417" spans="14:14">
      <c r="N613417" s="10"/>
    </row>
    <row r="613418" spans="14:14">
      <c r="N613418" s="10"/>
    </row>
    <row r="613419" spans="14:14">
      <c r="N613419" s="10"/>
    </row>
    <row r="613420" spans="14:14">
      <c r="N613420" s="10"/>
    </row>
    <row r="613421" spans="14:14">
      <c r="N613421" s="10"/>
    </row>
    <row r="613422" spans="14:14">
      <c r="N613422" s="10"/>
    </row>
    <row r="613423" spans="14:14">
      <c r="N613423" s="10"/>
    </row>
    <row r="613424" spans="14:14">
      <c r="N613424" s="10"/>
    </row>
    <row r="613425" spans="14:14">
      <c r="N613425" s="10"/>
    </row>
    <row r="613426" spans="14:14">
      <c r="N613426" s="10"/>
    </row>
    <row r="613427" spans="14:14">
      <c r="N613427" s="10"/>
    </row>
    <row r="613428" spans="14:14">
      <c r="N613428" s="10"/>
    </row>
    <row r="613429" spans="14:14">
      <c r="N613429" s="10"/>
    </row>
    <row r="613430" spans="14:14">
      <c r="N613430" s="10"/>
    </row>
    <row r="613431" spans="14:14">
      <c r="N613431" s="10"/>
    </row>
    <row r="613432" spans="14:14">
      <c r="N613432" s="10"/>
    </row>
    <row r="613433" spans="14:14">
      <c r="N613433" s="10"/>
    </row>
    <row r="613434" spans="14:14">
      <c r="N613434" s="10"/>
    </row>
    <row r="613435" spans="14:14">
      <c r="N613435" s="10"/>
    </row>
    <row r="613436" spans="14:14">
      <c r="N613436" s="10"/>
    </row>
    <row r="613437" spans="14:14">
      <c r="N613437" s="10"/>
    </row>
    <row r="613438" spans="14:14">
      <c r="N613438" s="10"/>
    </row>
    <row r="613439" spans="14:14">
      <c r="N613439" s="10"/>
    </row>
    <row r="613440" spans="14:14">
      <c r="N613440" s="10"/>
    </row>
    <row r="613441" spans="14:14">
      <c r="N613441" s="10"/>
    </row>
    <row r="613442" spans="14:14">
      <c r="N613442" s="10"/>
    </row>
    <row r="613443" spans="14:14">
      <c r="N613443" s="10"/>
    </row>
    <row r="613444" spans="14:14">
      <c r="N613444" s="10"/>
    </row>
    <row r="613445" spans="14:14">
      <c r="N613445" s="10"/>
    </row>
    <row r="613446" spans="14:14">
      <c r="N613446" s="10"/>
    </row>
    <row r="613447" spans="14:14">
      <c r="N613447" s="10"/>
    </row>
    <row r="613448" spans="14:14">
      <c r="N613448" s="10"/>
    </row>
    <row r="613449" spans="14:14">
      <c r="N613449" s="10"/>
    </row>
    <row r="613450" spans="14:14">
      <c r="N613450" s="10"/>
    </row>
    <row r="613451" spans="14:14">
      <c r="N613451" s="10"/>
    </row>
    <row r="613452" spans="14:14">
      <c r="N613452" s="10"/>
    </row>
    <row r="613453" spans="14:14">
      <c r="N613453" s="10"/>
    </row>
    <row r="613454" spans="14:14">
      <c r="N613454" s="10"/>
    </row>
    <row r="613455" spans="14:14">
      <c r="N613455" s="10"/>
    </row>
    <row r="613456" spans="14:14">
      <c r="N613456" s="10"/>
    </row>
    <row r="613457" spans="14:14">
      <c r="N613457" s="10"/>
    </row>
    <row r="613458" spans="14:14">
      <c r="N613458" s="10"/>
    </row>
    <row r="613459" spans="14:14">
      <c r="N613459" s="10"/>
    </row>
    <row r="613460" spans="14:14">
      <c r="N613460" s="10"/>
    </row>
    <row r="613461" spans="14:14">
      <c r="N613461" s="10"/>
    </row>
    <row r="613462" spans="14:14">
      <c r="N613462" s="10"/>
    </row>
    <row r="613463" spans="14:14">
      <c r="N613463" s="10"/>
    </row>
    <row r="613464" spans="14:14">
      <c r="N613464" s="10"/>
    </row>
    <row r="613465" spans="14:14">
      <c r="N613465" s="10"/>
    </row>
    <row r="613466" spans="14:14">
      <c r="N613466" s="10"/>
    </row>
    <row r="613467" spans="14:14">
      <c r="N613467" s="10"/>
    </row>
    <row r="613468" spans="14:14">
      <c r="N613468" s="10"/>
    </row>
    <row r="613469" spans="14:14">
      <c r="N613469" s="10"/>
    </row>
    <row r="613470" spans="14:14">
      <c r="N613470" s="10"/>
    </row>
    <row r="613471" spans="14:14">
      <c r="N613471" s="10"/>
    </row>
    <row r="613472" spans="14:14">
      <c r="N613472" s="10"/>
    </row>
    <row r="613473" spans="14:14">
      <c r="N613473" s="10"/>
    </row>
    <row r="613474" spans="14:14">
      <c r="N613474" s="10"/>
    </row>
    <row r="613475" spans="14:14">
      <c r="N613475" s="10"/>
    </row>
    <row r="613476" spans="14:14">
      <c r="N613476" s="10"/>
    </row>
    <row r="613477" spans="14:14">
      <c r="N613477" s="10"/>
    </row>
    <row r="613478" spans="14:14">
      <c r="N613478" s="10"/>
    </row>
    <row r="613479" spans="14:14">
      <c r="N613479" s="10"/>
    </row>
    <row r="613480" spans="14:14">
      <c r="N613480" s="10"/>
    </row>
    <row r="613481" spans="14:14">
      <c r="N613481" s="10"/>
    </row>
    <row r="613482" spans="14:14">
      <c r="N613482" s="10"/>
    </row>
    <row r="613483" spans="14:14">
      <c r="N613483" s="10"/>
    </row>
    <row r="613484" spans="14:14">
      <c r="N613484" s="10"/>
    </row>
    <row r="613485" spans="14:14">
      <c r="N613485" s="10"/>
    </row>
    <row r="613486" spans="14:14">
      <c r="N613486" s="10"/>
    </row>
    <row r="613487" spans="14:14">
      <c r="N613487" s="10"/>
    </row>
    <row r="613488" spans="14:14">
      <c r="N613488" s="10"/>
    </row>
    <row r="613489" spans="14:14">
      <c r="N613489" s="10"/>
    </row>
    <row r="613490" spans="14:14">
      <c r="N613490" s="10"/>
    </row>
    <row r="613491" spans="14:14">
      <c r="N613491" s="10"/>
    </row>
    <row r="613492" spans="14:14">
      <c r="N613492" s="10"/>
    </row>
    <row r="613493" spans="14:14">
      <c r="N613493" s="10"/>
    </row>
    <row r="613494" spans="14:14">
      <c r="N613494" s="10"/>
    </row>
    <row r="613495" spans="14:14">
      <c r="N613495" s="10"/>
    </row>
    <row r="613496" spans="14:14">
      <c r="N613496" s="10"/>
    </row>
    <row r="613497" spans="14:14">
      <c r="N613497" s="10"/>
    </row>
    <row r="613498" spans="14:14">
      <c r="N613498" s="10"/>
    </row>
    <row r="613499" spans="14:14">
      <c r="N613499" s="10"/>
    </row>
    <row r="613500" spans="14:14">
      <c r="N613500" s="10"/>
    </row>
    <row r="613501" spans="14:14">
      <c r="N613501" s="10"/>
    </row>
    <row r="613502" spans="14:14">
      <c r="N613502" s="10"/>
    </row>
    <row r="613503" spans="14:14">
      <c r="N613503" s="10"/>
    </row>
    <row r="613504" spans="14:14">
      <c r="N613504" s="10"/>
    </row>
    <row r="613505" spans="14:14">
      <c r="N613505" s="10"/>
    </row>
    <row r="613506" spans="14:14">
      <c r="N613506" s="10"/>
    </row>
    <row r="613507" spans="14:14">
      <c r="N613507" s="10"/>
    </row>
    <row r="613508" spans="14:14">
      <c r="N613508" s="10"/>
    </row>
    <row r="613509" spans="14:14">
      <c r="N613509" s="10"/>
    </row>
    <row r="613510" spans="14:14">
      <c r="N613510" s="10"/>
    </row>
    <row r="613511" spans="14:14">
      <c r="N613511" s="10"/>
    </row>
    <row r="613512" spans="14:14">
      <c r="N613512" s="10"/>
    </row>
    <row r="613513" spans="14:14">
      <c r="N613513" s="10"/>
    </row>
    <row r="613514" spans="14:14">
      <c r="N613514" s="10"/>
    </row>
    <row r="613515" spans="14:14">
      <c r="N613515" s="10"/>
    </row>
    <row r="613516" spans="14:14">
      <c r="N613516" s="10"/>
    </row>
    <row r="613517" spans="14:14">
      <c r="N613517" s="10"/>
    </row>
    <row r="613518" spans="14:14">
      <c r="N613518" s="10"/>
    </row>
    <row r="613519" spans="14:14">
      <c r="N613519" s="10"/>
    </row>
    <row r="613520" spans="14:14">
      <c r="N613520" s="10"/>
    </row>
    <row r="613521" spans="14:14">
      <c r="N613521" s="10"/>
    </row>
    <row r="613522" spans="14:14">
      <c r="N613522" s="10"/>
    </row>
    <row r="613523" spans="14:14">
      <c r="N613523" s="10"/>
    </row>
    <row r="613524" spans="14:14">
      <c r="N613524" s="10"/>
    </row>
    <row r="613525" spans="14:14">
      <c r="N613525" s="10"/>
    </row>
    <row r="613526" spans="14:14">
      <c r="N613526" s="10"/>
    </row>
    <row r="613527" spans="14:14">
      <c r="N613527" s="10"/>
    </row>
    <row r="613528" spans="14:14">
      <c r="N613528" s="10"/>
    </row>
    <row r="613529" spans="14:14">
      <c r="N613529" s="10"/>
    </row>
    <row r="613530" spans="14:14">
      <c r="N613530" s="10"/>
    </row>
    <row r="613531" spans="14:14">
      <c r="N613531" s="10"/>
    </row>
    <row r="613532" spans="14:14">
      <c r="N613532" s="10"/>
    </row>
    <row r="613533" spans="14:14">
      <c r="N613533" s="10"/>
    </row>
    <row r="613534" spans="14:14">
      <c r="N613534" s="10"/>
    </row>
    <row r="613535" spans="14:14">
      <c r="N613535" s="10"/>
    </row>
    <row r="613536" spans="14:14">
      <c r="N613536" s="10"/>
    </row>
    <row r="613537" spans="14:14">
      <c r="N613537" s="10"/>
    </row>
    <row r="613538" spans="14:14">
      <c r="N613538" s="10"/>
    </row>
    <row r="613539" spans="14:14">
      <c r="N613539" s="10"/>
    </row>
    <row r="613540" spans="14:14">
      <c r="N613540" s="10"/>
    </row>
    <row r="613541" spans="14:14">
      <c r="N613541" s="10"/>
    </row>
    <row r="613542" spans="14:14">
      <c r="N613542" s="10"/>
    </row>
    <row r="613543" spans="14:14">
      <c r="N613543" s="10"/>
    </row>
    <row r="613544" spans="14:14">
      <c r="N613544" s="10"/>
    </row>
    <row r="613545" spans="14:14">
      <c r="N613545" s="10"/>
    </row>
    <row r="613546" spans="14:14">
      <c r="N613546" s="10"/>
    </row>
    <row r="613547" spans="14:14">
      <c r="N613547" s="10"/>
    </row>
    <row r="613548" spans="14:14">
      <c r="N613548" s="10"/>
    </row>
    <row r="613549" spans="14:14">
      <c r="N613549" s="10"/>
    </row>
    <row r="613550" spans="14:14">
      <c r="N613550" s="10"/>
    </row>
    <row r="613551" spans="14:14">
      <c r="N613551" s="10"/>
    </row>
    <row r="613552" spans="14:14">
      <c r="N613552" s="10"/>
    </row>
    <row r="613553" spans="14:14">
      <c r="N613553" s="10"/>
    </row>
    <row r="613554" spans="14:14">
      <c r="N613554" s="10"/>
    </row>
    <row r="613555" spans="14:14">
      <c r="N613555" s="10"/>
    </row>
    <row r="613556" spans="14:14">
      <c r="N613556" s="10"/>
    </row>
    <row r="613557" spans="14:14">
      <c r="N613557" s="10"/>
    </row>
    <row r="613558" spans="14:14">
      <c r="N613558" s="10"/>
    </row>
    <row r="613559" spans="14:14">
      <c r="N613559" s="10"/>
    </row>
    <row r="613560" spans="14:14">
      <c r="N613560" s="10"/>
    </row>
    <row r="613561" spans="14:14">
      <c r="N613561" s="10"/>
    </row>
    <row r="613562" spans="14:14">
      <c r="N613562" s="10"/>
    </row>
    <row r="613563" spans="14:14">
      <c r="N613563" s="10"/>
    </row>
    <row r="613564" spans="14:14">
      <c r="N613564" s="10"/>
    </row>
    <row r="613565" spans="14:14">
      <c r="N613565" s="10"/>
    </row>
    <row r="613566" spans="14:14">
      <c r="N613566" s="10"/>
    </row>
    <row r="613567" spans="14:14">
      <c r="N613567" s="10"/>
    </row>
    <row r="613568" spans="14:14">
      <c r="N613568" s="10"/>
    </row>
    <row r="613569" spans="14:14">
      <c r="N613569" s="10"/>
    </row>
    <row r="613570" spans="14:14">
      <c r="N613570" s="10"/>
    </row>
    <row r="613571" spans="14:14">
      <c r="N613571" s="10"/>
    </row>
    <row r="613572" spans="14:14">
      <c r="N613572" s="10"/>
    </row>
    <row r="613573" spans="14:14">
      <c r="N613573" s="10"/>
    </row>
    <row r="613574" spans="14:14">
      <c r="N613574" s="10"/>
    </row>
    <row r="613575" spans="14:14">
      <c r="N613575" s="10"/>
    </row>
    <row r="613576" spans="14:14">
      <c r="N613576" s="10"/>
    </row>
    <row r="613577" spans="14:14">
      <c r="N613577" s="10"/>
    </row>
    <row r="613578" spans="14:14">
      <c r="N613578" s="10"/>
    </row>
    <row r="613579" spans="14:14">
      <c r="N613579" s="10"/>
    </row>
    <row r="613580" spans="14:14">
      <c r="N613580" s="10"/>
    </row>
    <row r="613581" spans="14:14">
      <c r="N613581" s="10"/>
    </row>
    <row r="613582" spans="14:14">
      <c r="N613582" s="10"/>
    </row>
    <row r="613583" spans="14:14">
      <c r="N613583" s="10"/>
    </row>
    <row r="613584" spans="14:14">
      <c r="N613584" s="10"/>
    </row>
    <row r="613585" spans="14:14">
      <c r="N613585" s="10"/>
    </row>
    <row r="613586" spans="14:14">
      <c r="N613586" s="10"/>
    </row>
    <row r="613587" spans="14:14">
      <c r="N613587" s="10"/>
    </row>
    <row r="613588" spans="14:14">
      <c r="N613588" s="10"/>
    </row>
    <row r="613589" spans="14:14">
      <c r="N613589" s="10"/>
    </row>
    <row r="613590" spans="14:14">
      <c r="N613590" s="10"/>
    </row>
    <row r="613591" spans="14:14">
      <c r="N613591" s="10"/>
    </row>
    <row r="613592" spans="14:14">
      <c r="N613592" s="10"/>
    </row>
    <row r="613593" spans="14:14">
      <c r="N613593" s="10"/>
    </row>
    <row r="613594" spans="14:14">
      <c r="N613594" s="10"/>
    </row>
    <row r="613595" spans="14:14">
      <c r="N613595" s="10"/>
    </row>
    <row r="613596" spans="14:14">
      <c r="N613596" s="10"/>
    </row>
    <row r="613597" spans="14:14">
      <c r="N613597" s="10"/>
    </row>
    <row r="613598" spans="14:14">
      <c r="N613598" s="10"/>
    </row>
    <row r="613599" spans="14:14">
      <c r="N613599" s="10"/>
    </row>
    <row r="613600" spans="14:14">
      <c r="N613600" s="10"/>
    </row>
    <row r="613601" spans="14:14">
      <c r="N613601" s="10"/>
    </row>
    <row r="613602" spans="14:14">
      <c r="N613602" s="10"/>
    </row>
    <row r="613603" spans="14:14">
      <c r="N613603" s="10"/>
    </row>
    <row r="613604" spans="14:14">
      <c r="N613604" s="10"/>
    </row>
    <row r="613605" spans="14:14">
      <c r="N613605" s="10"/>
    </row>
    <row r="613606" spans="14:14">
      <c r="N613606" s="10"/>
    </row>
    <row r="613607" spans="14:14">
      <c r="N613607" s="10"/>
    </row>
    <row r="613608" spans="14:14">
      <c r="N613608" s="10"/>
    </row>
    <row r="613609" spans="14:14">
      <c r="N613609" s="10"/>
    </row>
    <row r="613610" spans="14:14">
      <c r="N613610" s="10"/>
    </row>
    <row r="613611" spans="14:14">
      <c r="N613611" s="10"/>
    </row>
    <row r="613612" spans="14:14">
      <c r="N613612" s="10"/>
    </row>
    <row r="613613" spans="14:14">
      <c r="N613613" s="10"/>
    </row>
    <row r="613614" spans="14:14">
      <c r="N613614" s="10"/>
    </row>
    <row r="613615" spans="14:14">
      <c r="N613615" s="10"/>
    </row>
    <row r="613616" spans="14:14">
      <c r="N613616" s="10"/>
    </row>
    <row r="613617" spans="14:14">
      <c r="N613617" s="10"/>
    </row>
    <row r="613618" spans="14:14">
      <c r="N613618" s="10"/>
    </row>
    <row r="613619" spans="14:14">
      <c r="N613619" s="10"/>
    </row>
    <row r="613620" spans="14:14">
      <c r="N613620" s="10"/>
    </row>
    <row r="613621" spans="14:14">
      <c r="N613621" s="10"/>
    </row>
    <row r="613622" spans="14:14">
      <c r="N613622" s="10"/>
    </row>
    <row r="613623" spans="14:14">
      <c r="N613623" s="10"/>
    </row>
    <row r="613624" spans="14:14">
      <c r="N613624" s="10"/>
    </row>
    <row r="613625" spans="14:14">
      <c r="N613625" s="10"/>
    </row>
    <row r="613626" spans="14:14">
      <c r="N613626" s="10"/>
    </row>
    <row r="613627" spans="14:14">
      <c r="N613627" s="10"/>
    </row>
    <row r="613628" spans="14:14">
      <c r="N613628" s="10"/>
    </row>
    <row r="613629" spans="14:14">
      <c r="N613629" s="10"/>
    </row>
    <row r="613630" spans="14:14">
      <c r="N613630" s="10"/>
    </row>
    <row r="613631" spans="14:14">
      <c r="N613631" s="10"/>
    </row>
    <row r="613632" spans="14:14">
      <c r="N613632" s="10"/>
    </row>
    <row r="613633" spans="14:14">
      <c r="N613633" s="10"/>
    </row>
    <row r="613634" spans="14:14">
      <c r="N613634" s="10"/>
    </row>
    <row r="613635" spans="14:14">
      <c r="N613635" s="10"/>
    </row>
    <row r="613636" spans="14:14">
      <c r="N613636" s="10"/>
    </row>
    <row r="613637" spans="14:14">
      <c r="N613637" s="10"/>
    </row>
    <row r="613638" spans="14:14">
      <c r="N613638" s="10"/>
    </row>
    <row r="613639" spans="14:14">
      <c r="N613639" s="10"/>
    </row>
    <row r="613640" spans="14:14">
      <c r="N613640" s="10"/>
    </row>
    <row r="613641" spans="14:14">
      <c r="N613641" s="10"/>
    </row>
    <row r="613642" spans="14:14">
      <c r="N613642" s="10"/>
    </row>
    <row r="613643" spans="14:14">
      <c r="N613643" s="10"/>
    </row>
    <row r="613644" spans="14:14">
      <c r="N613644" s="10"/>
    </row>
    <row r="613645" spans="14:14">
      <c r="N613645" s="10"/>
    </row>
    <row r="613646" spans="14:14">
      <c r="N613646" s="10"/>
    </row>
    <row r="613647" spans="14:14">
      <c r="N613647" s="10"/>
    </row>
    <row r="613648" spans="14:14">
      <c r="N613648" s="10"/>
    </row>
    <row r="613649" spans="14:14">
      <c r="N613649" s="10"/>
    </row>
    <row r="613650" spans="14:14">
      <c r="N613650" s="10"/>
    </row>
    <row r="613651" spans="14:14">
      <c r="N613651" s="10"/>
    </row>
    <row r="613652" spans="14:14">
      <c r="N613652" s="10"/>
    </row>
    <row r="613653" spans="14:14">
      <c r="N613653" s="10"/>
    </row>
    <row r="613654" spans="14:14">
      <c r="N613654" s="10"/>
    </row>
    <row r="613655" spans="14:14">
      <c r="N613655" s="10"/>
    </row>
    <row r="613656" spans="14:14">
      <c r="N613656" s="10"/>
    </row>
    <row r="613657" spans="14:14">
      <c r="N613657" s="10"/>
    </row>
    <row r="613658" spans="14:14">
      <c r="N613658" s="10"/>
    </row>
    <row r="613659" spans="14:14">
      <c r="N613659" s="10"/>
    </row>
    <row r="613660" spans="14:14">
      <c r="N613660" s="10"/>
    </row>
    <row r="613661" spans="14:14">
      <c r="N613661" s="10"/>
    </row>
    <row r="613662" spans="14:14">
      <c r="N613662" s="10"/>
    </row>
    <row r="613663" spans="14:14">
      <c r="N613663" s="10"/>
    </row>
    <row r="613664" spans="14:14">
      <c r="N613664" s="10"/>
    </row>
    <row r="613665" spans="14:14">
      <c r="N613665" s="10"/>
    </row>
    <row r="613666" spans="14:14">
      <c r="N613666" s="10"/>
    </row>
    <row r="613667" spans="14:14">
      <c r="N613667" s="10"/>
    </row>
    <row r="613668" spans="14:14">
      <c r="N613668" s="10"/>
    </row>
    <row r="613669" spans="14:14">
      <c r="N613669" s="10"/>
    </row>
    <row r="613670" spans="14:14">
      <c r="N613670" s="10"/>
    </row>
    <row r="613671" spans="14:14">
      <c r="N613671" s="10"/>
    </row>
    <row r="613672" spans="14:14">
      <c r="N613672" s="10"/>
    </row>
    <row r="613673" spans="14:14">
      <c r="N613673" s="10"/>
    </row>
    <row r="613674" spans="14:14">
      <c r="N613674" s="10"/>
    </row>
    <row r="613675" spans="14:14">
      <c r="N613675" s="10"/>
    </row>
    <row r="613676" spans="14:14">
      <c r="N613676" s="10"/>
    </row>
    <row r="613677" spans="14:14">
      <c r="N613677" s="10"/>
    </row>
    <row r="613678" spans="14:14">
      <c r="N613678" s="10"/>
    </row>
    <row r="613679" spans="14:14">
      <c r="N613679" s="10"/>
    </row>
    <row r="613680" spans="14:14">
      <c r="N613680" s="10"/>
    </row>
    <row r="613681" spans="14:14">
      <c r="N613681" s="10"/>
    </row>
    <row r="613682" spans="14:14">
      <c r="N613682" s="10"/>
    </row>
    <row r="613683" spans="14:14">
      <c r="N613683" s="10"/>
    </row>
    <row r="613684" spans="14:14">
      <c r="N613684" s="10"/>
    </row>
    <row r="613685" spans="14:14">
      <c r="N613685" s="10"/>
    </row>
    <row r="613686" spans="14:14">
      <c r="N613686" s="10"/>
    </row>
    <row r="613687" spans="14:14">
      <c r="N613687" s="10"/>
    </row>
    <row r="613688" spans="14:14">
      <c r="N613688" s="10"/>
    </row>
    <row r="613689" spans="14:14">
      <c r="N613689" s="10"/>
    </row>
    <row r="613690" spans="14:14">
      <c r="N613690" s="10"/>
    </row>
    <row r="613691" spans="14:14">
      <c r="N613691" s="10"/>
    </row>
    <row r="613692" spans="14:14">
      <c r="N613692" s="10"/>
    </row>
    <row r="613693" spans="14:14">
      <c r="N613693" s="10"/>
    </row>
    <row r="613694" spans="14:14">
      <c r="N613694" s="10"/>
    </row>
    <row r="613695" spans="14:14">
      <c r="N613695" s="10"/>
    </row>
    <row r="613696" spans="14:14">
      <c r="N613696" s="10"/>
    </row>
    <row r="613697" spans="14:14">
      <c r="N613697" s="10"/>
    </row>
    <row r="613698" spans="14:14">
      <c r="N613698" s="10"/>
    </row>
    <row r="613699" spans="14:14">
      <c r="N613699" s="10"/>
    </row>
    <row r="613700" spans="14:14">
      <c r="N613700" s="10"/>
    </row>
    <row r="613701" spans="14:14">
      <c r="N613701" s="10"/>
    </row>
    <row r="613702" spans="14:14">
      <c r="N613702" s="10"/>
    </row>
    <row r="613703" spans="14:14">
      <c r="N613703" s="10"/>
    </row>
    <row r="613704" spans="14:14">
      <c r="N613704" s="10"/>
    </row>
    <row r="613705" spans="14:14">
      <c r="N613705" s="10"/>
    </row>
    <row r="613706" spans="14:14">
      <c r="N613706" s="10"/>
    </row>
    <row r="613707" spans="14:14">
      <c r="N613707" s="10"/>
    </row>
    <row r="613708" spans="14:14">
      <c r="N613708" s="10"/>
    </row>
    <row r="613709" spans="14:14">
      <c r="N613709" s="10"/>
    </row>
    <row r="613710" spans="14:14">
      <c r="N613710" s="10"/>
    </row>
    <row r="613711" spans="14:14">
      <c r="N613711" s="10"/>
    </row>
    <row r="613712" spans="14:14">
      <c r="N613712" s="10"/>
    </row>
    <row r="613713" spans="14:14">
      <c r="N613713" s="10"/>
    </row>
    <row r="613714" spans="14:14">
      <c r="N613714" s="10"/>
    </row>
    <row r="613715" spans="14:14">
      <c r="N613715" s="10"/>
    </row>
    <row r="613716" spans="14:14">
      <c r="N613716" s="10"/>
    </row>
    <row r="613717" spans="14:14">
      <c r="N613717" s="10"/>
    </row>
    <row r="613718" spans="14:14">
      <c r="N613718" s="10"/>
    </row>
    <row r="613719" spans="14:14">
      <c r="N613719" s="10"/>
    </row>
    <row r="613720" spans="14:14">
      <c r="N613720" s="10"/>
    </row>
    <row r="613721" spans="14:14">
      <c r="N613721" s="10"/>
    </row>
    <row r="613722" spans="14:14">
      <c r="N613722" s="10"/>
    </row>
    <row r="613723" spans="14:14">
      <c r="N613723" s="10"/>
    </row>
    <row r="613724" spans="14:14">
      <c r="N613724" s="10"/>
    </row>
    <row r="613725" spans="14:14">
      <c r="N613725" s="10"/>
    </row>
    <row r="613726" spans="14:14">
      <c r="N613726" s="10"/>
    </row>
    <row r="613727" spans="14:14">
      <c r="N613727" s="10"/>
    </row>
    <row r="613728" spans="14:14">
      <c r="N613728" s="10"/>
    </row>
    <row r="613729" spans="14:14">
      <c r="N613729" s="10"/>
    </row>
    <row r="613730" spans="14:14">
      <c r="N613730" s="10"/>
    </row>
    <row r="613731" spans="14:14">
      <c r="N613731" s="10"/>
    </row>
    <row r="613732" spans="14:14">
      <c r="N613732" s="10"/>
    </row>
    <row r="613733" spans="14:14">
      <c r="N613733" s="10"/>
    </row>
    <row r="613734" spans="14:14">
      <c r="N613734" s="10"/>
    </row>
    <row r="613735" spans="14:14">
      <c r="N613735" s="10"/>
    </row>
    <row r="613736" spans="14:14">
      <c r="N613736" s="10"/>
    </row>
    <row r="613737" spans="14:14">
      <c r="N613737" s="10"/>
    </row>
    <row r="613738" spans="14:14">
      <c r="N613738" s="10"/>
    </row>
    <row r="613739" spans="14:14">
      <c r="N613739" s="10"/>
    </row>
    <row r="613740" spans="14:14">
      <c r="N613740" s="10"/>
    </row>
    <row r="613741" spans="14:14">
      <c r="N613741" s="10"/>
    </row>
    <row r="613742" spans="14:14">
      <c r="N613742" s="10"/>
    </row>
    <row r="613743" spans="14:14">
      <c r="N613743" s="10"/>
    </row>
    <row r="613744" spans="14:14">
      <c r="N613744" s="10"/>
    </row>
    <row r="613745" spans="14:14">
      <c r="N613745" s="10"/>
    </row>
    <row r="613746" spans="14:14">
      <c r="N613746" s="10"/>
    </row>
    <row r="613747" spans="14:14">
      <c r="N613747" s="10"/>
    </row>
    <row r="613748" spans="14:14">
      <c r="N613748" s="10"/>
    </row>
    <row r="613749" spans="14:14">
      <c r="N613749" s="10"/>
    </row>
    <row r="613750" spans="14:14">
      <c r="N613750" s="10"/>
    </row>
    <row r="613751" spans="14:14">
      <c r="N613751" s="10"/>
    </row>
    <row r="613752" spans="14:14">
      <c r="N613752" s="10"/>
    </row>
    <row r="613753" spans="14:14">
      <c r="N613753" s="10"/>
    </row>
    <row r="613754" spans="14:14">
      <c r="N613754" s="10"/>
    </row>
    <row r="613755" spans="14:14">
      <c r="N613755" s="10"/>
    </row>
    <row r="613756" spans="14:14">
      <c r="N613756" s="10"/>
    </row>
    <row r="613757" spans="14:14">
      <c r="N613757" s="10"/>
    </row>
    <row r="613758" spans="14:14">
      <c r="N613758" s="10"/>
    </row>
    <row r="613759" spans="14:14">
      <c r="N613759" s="10"/>
    </row>
    <row r="613760" spans="14:14">
      <c r="N613760" s="10"/>
    </row>
    <row r="613761" spans="14:14">
      <c r="N613761" s="10"/>
    </row>
    <row r="613762" spans="14:14">
      <c r="N613762" s="10"/>
    </row>
    <row r="613763" spans="14:14">
      <c r="N613763" s="10"/>
    </row>
    <row r="613764" spans="14:14">
      <c r="N613764" s="10"/>
    </row>
    <row r="613765" spans="14:14">
      <c r="N613765" s="10"/>
    </row>
    <row r="613766" spans="14:14">
      <c r="N613766" s="10"/>
    </row>
    <row r="613767" spans="14:14">
      <c r="N613767" s="10"/>
    </row>
    <row r="613768" spans="14:14">
      <c r="N613768" s="10"/>
    </row>
    <row r="613769" spans="14:14">
      <c r="N613769" s="10"/>
    </row>
    <row r="613770" spans="14:14">
      <c r="N613770" s="10"/>
    </row>
    <row r="613771" spans="14:14">
      <c r="N613771" s="10"/>
    </row>
    <row r="613772" spans="14:14">
      <c r="N613772" s="10"/>
    </row>
    <row r="613773" spans="14:14">
      <c r="N613773" s="10"/>
    </row>
    <row r="613774" spans="14:14">
      <c r="N613774" s="10"/>
    </row>
    <row r="613775" spans="14:14">
      <c r="N613775" s="10"/>
    </row>
    <row r="613776" spans="14:14">
      <c r="N613776" s="10"/>
    </row>
    <row r="613777" spans="14:14">
      <c r="N613777" s="10"/>
    </row>
    <row r="613778" spans="14:14">
      <c r="N613778" s="10"/>
    </row>
    <row r="613779" spans="14:14">
      <c r="N613779" s="10"/>
    </row>
    <row r="613780" spans="14:14">
      <c r="N613780" s="10"/>
    </row>
    <row r="613781" spans="14:14">
      <c r="N613781" s="10"/>
    </row>
    <row r="613782" spans="14:14">
      <c r="N613782" s="10"/>
    </row>
    <row r="613783" spans="14:14">
      <c r="N613783" s="10"/>
    </row>
    <row r="613784" spans="14:14">
      <c r="N613784" s="10"/>
    </row>
    <row r="613785" spans="14:14">
      <c r="N613785" s="10"/>
    </row>
    <row r="613786" spans="14:14">
      <c r="N613786" s="10"/>
    </row>
    <row r="613787" spans="14:14">
      <c r="N613787" s="10"/>
    </row>
    <row r="613788" spans="14:14">
      <c r="N613788" s="10"/>
    </row>
    <row r="613789" spans="14:14">
      <c r="N613789" s="10"/>
    </row>
    <row r="613790" spans="14:14">
      <c r="N613790" s="10"/>
    </row>
    <row r="613791" spans="14:14">
      <c r="N613791" s="10"/>
    </row>
    <row r="613792" spans="14:14">
      <c r="N613792" s="10"/>
    </row>
    <row r="613793" spans="14:14">
      <c r="N613793" s="10"/>
    </row>
    <row r="613794" spans="14:14">
      <c r="N613794" s="10"/>
    </row>
    <row r="613795" spans="14:14">
      <c r="N613795" s="10"/>
    </row>
    <row r="613796" spans="14:14">
      <c r="N613796" s="10"/>
    </row>
    <row r="613797" spans="14:14">
      <c r="N613797" s="10"/>
    </row>
    <row r="613798" spans="14:14">
      <c r="N613798" s="10"/>
    </row>
    <row r="613799" spans="14:14">
      <c r="N613799" s="10"/>
    </row>
    <row r="613800" spans="14:14">
      <c r="N613800" s="10"/>
    </row>
    <row r="613801" spans="14:14">
      <c r="N613801" s="10"/>
    </row>
    <row r="613802" spans="14:14">
      <c r="N613802" s="10"/>
    </row>
    <row r="613803" spans="14:14">
      <c r="N613803" s="10"/>
    </row>
    <row r="613804" spans="14:14">
      <c r="N613804" s="10"/>
    </row>
    <row r="613805" spans="14:14">
      <c r="N613805" s="10"/>
    </row>
    <row r="613806" spans="14:14">
      <c r="N613806" s="10"/>
    </row>
    <row r="613807" spans="14:14">
      <c r="N613807" s="10"/>
    </row>
    <row r="613808" spans="14:14">
      <c r="N613808" s="10"/>
    </row>
    <row r="613809" spans="14:14">
      <c r="N613809" s="10"/>
    </row>
    <row r="613810" spans="14:14">
      <c r="N613810" s="10"/>
    </row>
    <row r="613811" spans="14:14">
      <c r="N613811" s="10"/>
    </row>
    <row r="613812" spans="14:14">
      <c r="N613812" s="10"/>
    </row>
    <row r="613813" spans="14:14">
      <c r="N613813" s="10"/>
    </row>
    <row r="613814" spans="14:14">
      <c r="N613814" s="10"/>
    </row>
    <row r="613815" spans="14:14">
      <c r="N613815" s="10"/>
    </row>
    <row r="613816" spans="14:14">
      <c r="N613816" s="10"/>
    </row>
    <row r="613817" spans="14:14">
      <c r="N613817" s="10"/>
    </row>
    <row r="613818" spans="14:14">
      <c r="N613818" s="10"/>
    </row>
    <row r="613819" spans="14:14">
      <c r="N613819" s="10"/>
    </row>
    <row r="613820" spans="14:14">
      <c r="N613820" s="10"/>
    </row>
    <row r="613821" spans="14:14">
      <c r="N613821" s="10"/>
    </row>
    <row r="613822" spans="14:14">
      <c r="N613822" s="10"/>
    </row>
    <row r="613823" spans="14:14">
      <c r="N613823" s="10"/>
    </row>
    <row r="613824" spans="14:14">
      <c r="N613824" s="10"/>
    </row>
    <row r="613825" spans="14:14">
      <c r="N613825" s="10"/>
    </row>
    <row r="613826" spans="14:14">
      <c r="N613826" s="10"/>
    </row>
    <row r="613827" spans="14:14">
      <c r="N613827" s="10"/>
    </row>
    <row r="613828" spans="14:14">
      <c r="N613828" s="10"/>
    </row>
    <row r="613829" spans="14:14">
      <c r="N613829" s="10"/>
    </row>
    <row r="613830" spans="14:14">
      <c r="N613830" s="10"/>
    </row>
    <row r="613831" spans="14:14">
      <c r="N613831" s="10"/>
    </row>
    <row r="613832" spans="14:14">
      <c r="N613832" s="10"/>
    </row>
    <row r="613833" spans="14:14">
      <c r="N613833" s="10"/>
    </row>
    <row r="613834" spans="14:14">
      <c r="N613834" s="10"/>
    </row>
    <row r="613835" spans="14:14">
      <c r="N613835" s="10"/>
    </row>
    <row r="613836" spans="14:14">
      <c r="N613836" s="10"/>
    </row>
    <row r="613837" spans="14:14">
      <c r="N613837" s="10"/>
    </row>
    <row r="613838" spans="14:14">
      <c r="N613838" s="10"/>
    </row>
    <row r="613839" spans="14:14">
      <c r="N613839" s="10"/>
    </row>
    <row r="613840" spans="14:14">
      <c r="N613840" s="10"/>
    </row>
    <row r="613841" spans="14:14">
      <c r="N613841" s="10"/>
    </row>
    <row r="613842" spans="14:14">
      <c r="N613842" s="10"/>
    </row>
    <row r="613843" spans="14:14">
      <c r="N613843" s="10"/>
    </row>
    <row r="613844" spans="14:14">
      <c r="N613844" s="10"/>
    </row>
    <row r="613845" spans="14:14">
      <c r="N613845" s="10"/>
    </row>
    <row r="613846" spans="14:14">
      <c r="N613846" s="10"/>
    </row>
    <row r="613847" spans="14:14">
      <c r="N613847" s="10"/>
    </row>
    <row r="613848" spans="14:14">
      <c r="N613848" s="10"/>
    </row>
    <row r="613849" spans="14:14">
      <c r="N613849" s="10"/>
    </row>
    <row r="613850" spans="14:14">
      <c r="N613850" s="10"/>
    </row>
    <row r="613851" spans="14:14">
      <c r="N613851" s="10"/>
    </row>
    <row r="613852" spans="14:14">
      <c r="N613852" s="10"/>
    </row>
    <row r="613853" spans="14:14">
      <c r="N613853" s="10"/>
    </row>
    <row r="613854" spans="14:14">
      <c r="N613854" s="10"/>
    </row>
    <row r="613855" spans="14:14">
      <c r="N613855" s="10"/>
    </row>
    <row r="613856" spans="14:14">
      <c r="N613856" s="10"/>
    </row>
    <row r="613857" spans="14:14">
      <c r="N613857" s="10"/>
    </row>
    <row r="613858" spans="14:14">
      <c r="N613858" s="10"/>
    </row>
    <row r="613859" spans="14:14">
      <c r="N613859" s="10"/>
    </row>
    <row r="613860" spans="14:14">
      <c r="N613860" s="10"/>
    </row>
    <row r="613861" spans="14:14">
      <c r="N613861" s="10"/>
    </row>
    <row r="613862" spans="14:14">
      <c r="N613862" s="10"/>
    </row>
    <row r="613863" spans="14:14">
      <c r="N613863" s="10"/>
    </row>
    <row r="613864" spans="14:14">
      <c r="N613864" s="10"/>
    </row>
    <row r="613865" spans="14:14">
      <c r="N613865" s="10"/>
    </row>
    <row r="613866" spans="14:14">
      <c r="N613866" s="10"/>
    </row>
    <row r="613867" spans="14:14">
      <c r="N613867" s="10"/>
    </row>
    <row r="613868" spans="14:14">
      <c r="N613868" s="10"/>
    </row>
    <row r="613869" spans="14:14">
      <c r="N613869" s="10"/>
    </row>
    <row r="613870" spans="14:14">
      <c r="N613870" s="10"/>
    </row>
    <row r="613871" spans="14:14">
      <c r="N613871" s="10"/>
    </row>
    <row r="613872" spans="14:14">
      <c r="N613872" s="10"/>
    </row>
    <row r="613873" spans="14:14">
      <c r="N613873" s="10"/>
    </row>
    <row r="613874" spans="14:14">
      <c r="N613874" s="10"/>
    </row>
    <row r="613875" spans="14:14">
      <c r="N613875" s="10"/>
    </row>
    <row r="613876" spans="14:14">
      <c r="N613876" s="10"/>
    </row>
    <row r="613877" spans="14:14">
      <c r="N613877" s="10"/>
    </row>
    <row r="613878" spans="14:14">
      <c r="N613878" s="10"/>
    </row>
    <row r="613879" spans="14:14">
      <c r="N613879" s="10"/>
    </row>
    <row r="613880" spans="14:14">
      <c r="N613880" s="10"/>
    </row>
    <row r="613881" spans="14:14">
      <c r="N613881" s="10"/>
    </row>
    <row r="613882" spans="14:14">
      <c r="N613882" s="10"/>
    </row>
    <row r="613883" spans="14:14">
      <c r="N613883" s="10"/>
    </row>
    <row r="613884" spans="14:14">
      <c r="N613884" s="10"/>
    </row>
    <row r="613885" spans="14:14">
      <c r="N613885" s="10"/>
    </row>
    <row r="613886" spans="14:14">
      <c r="N613886" s="10"/>
    </row>
    <row r="613887" spans="14:14">
      <c r="N613887" s="10"/>
    </row>
    <row r="613888" spans="14:14">
      <c r="N613888" s="10"/>
    </row>
    <row r="613889" spans="14:14">
      <c r="N613889" s="10"/>
    </row>
    <row r="613890" spans="14:14">
      <c r="N613890" s="10"/>
    </row>
    <row r="613891" spans="14:14">
      <c r="N613891" s="10"/>
    </row>
    <row r="613892" spans="14:14">
      <c r="N613892" s="10"/>
    </row>
    <row r="613893" spans="14:14">
      <c r="N613893" s="10"/>
    </row>
    <row r="613894" spans="14:14">
      <c r="N613894" s="10"/>
    </row>
    <row r="613895" spans="14:14">
      <c r="N613895" s="10"/>
    </row>
    <row r="613896" spans="14:14">
      <c r="N613896" s="10"/>
    </row>
    <row r="613897" spans="14:14">
      <c r="N613897" s="10"/>
    </row>
    <row r="613898" spans="14:14">
      <c r="N613898" s="10"/>
    </row>
    <row r="613899" spans="14:14">
      <c r="N613899" s="10"/>
    </row>
    <row r="613900" spans="14:14">
      <c r="N613900" s="10"/>
    </row>
    <row r="613901" spans="14:14">
      <c r="N613901" s="10"/>
    </row>
    <row r="613902" spans="14:14">
      <c r="N613902" s="10"/>
    </row>
    <row r="613903" spans="14:14">
      <c r="N613903" s="10"/>
    </row>
    <row r="613904" spans="14:14">
      <c r="N613904" s="10"/>
    </row>
    <row r="613905" spans="14:14">
      <c r="N613905" s="10"/>
    </row>
    <row r="613906" spans="14:14">
      <c r="N613906" s="10"/>
    </row>
    <row r="613907" spans="14:14">
      <c r="N613907" s="10"/>
    </row>
    <row r="613908" spans="14:14">
      <c r="N613908" s="10"/>
    </row>
    <row r="613909" spans="14:14">
      <c r="N613909" s="10"/>
    </row>
    <row r="613910" spans="14:14">
      <c r="N613910" s="10"/>
    </row>
    <row r="613911" spans="14:14">
      <c r="N613911" s="10"/>
    </row>
    <row r="613912" spans="14:14">
      <c r="N613912" s="10"/>
    </row>
    <row r="613913" spans="14:14">
      <c r="N613913" s="10"/>
    </row>
    <row r="613914" spans="14:14">
      <c r="N613914" s="10"/>
    </row>
    <row r="613915" spans="14:14">
      <c r="N613915" s="10"/>
    </row>
    <row r="613916" spans="14:14">
      <c r="N613916" s="10"/>
    </row>
    <row r="613917" spans="14:14">
      <c r="N613917" s="10"/>
    </row>
    <row r="613918" spans="14:14">
      <c r="N613918" s="10"/>
    </row>
    <row r="613919" spans="14:14">
      <c r="N613919" s="10"/>
    </row>
    <row r="613920" spans="14:14">
      <c r="N613920" s="10"/>
    </row>
    <row r="613921" spans="14:14">
      <c r="N613921" s="10"/>
    </row>
    <row r="613922" spans="14:14">
      <c r="N613922" s="10"/>
    </row>
    <row r="613923" spans="14:14">
      <c r="N613923" s="10"/>
    </row>
    <row r="613924" spans="14:14">
      <c r="N613924" s="10"/>
    </row>
    <row r="613925" spans="14:14">
      <c r="N613925" s="10"/>
    </row>
    <row r="613926" spans="14:14">
      <c r="N613926" s="10"/>
    </row>
    <row r="613927" spans="14:14">
      <c r="N613927" s="10"/>
    </row>
    <row r="613928" spans="14:14">
      <c r="N613928" s="10"/>
    </row>
    <row r="613929" spans="14:14">
      <c r="N613929" s="10"/>
    </row>
    <row r="613930" spans="14:14">
      <c r="N613930" s="10"/>
    </row>
    <row r="613931" spans="14:14">
      <c r="N613931" s="10"/>
    </row>
    <row r="613932" spans="14:14">
      <c r="N613932" s="10"/>
    </row>
    <row r="613933" spans="14:14">
      <c r="N613933" s="10"/>
    </row>
    <row r="613934" spans="14:14">
      <c r="N613934" s="10"/>
    </row>
    <row r="613935" spans="14:14">
      <c r="N613935" s="10"/>
    </row>
    <row r="613936" spans="14:14">
      <c r="N613936" s="10"/>
    </row>
    <row r="613937" spans="14:14">
      <c r="N613937" s="10"/>
    </row>
    <row r="613938" spans="14:14">
      <c r="N613938" s="10"/>
    </row>
    <row r="613939" spans="14:14">
      <c r="N613939" s="10"/>
    </row>
    <row r="613940" spans="14:14">
      <c r="N613940" s="10"/>
    </row>
    <row r="613941" spans="14:14">
      <c r="N613941" s="10"/>
    </row>
    <row r="613942" spans="14:14">
      <c r="N613942" s="10"/>
    </row>
    <row r="613943" spans="14:14">
      <c r="N613943" s="10"/>
    </row>
    <row r="613944" spans="14:14">
      <c r="N613944" s="10"/>
    </row>
    <row r="613945" spans="14:14">
      <c r="N613945" s="10"/>
    </row>
    <row r="613946" spans="14:14">
      <c r="N613946" s="10"/>
    </row>
    <row r="613947" spans="14:14">
      <c r="N613947" s="10"/>
    </row>
    <row r="613948" spans="14:14">
      <c r="N613948" s="10"/>
    </row>
    <row r="613949" spans="14:14">
      <c r="N613949" s="10"/>
    </row>
    <row r="613950" spans="14:14">
      <c r="N613950" s="10"/>
    </row>
    <row r="613951" spans="14:14">
      <c r="N613951" s="10"/>
    </row>
    <row r="613952" spans="14:14">
      <c r="N613952" s="10"/>
    </row>
    <row r="613953" spans="14:14">
      <c r="N613953" s="10"/>
    </row>
    <row r="613954" spans="14:14">
      <c r="N613954" s="10"/>
    </row>
    <row r="613955" spans="14:14">
      <c r="N613955" s="10"/>
    </row>
    <row r="613956" spans="14:14">
      <c r="N613956" s="10"/>
    </row>
    <row r="613957" spans="14:14">
      <c r="N613957" s="10"/>
    </row>
    <row r="613958" spans="14:14">
      <c r="N613958" s="10"/>
    </row>
    <row r="613959" spans="14:14">
      <c r="N613959" s="10"/>
    </row>
    <row r="613960" spans="14:14">
      <c r="N613960" s="10"/>
    </row>
    <row r="613961" spans="14:14">
      <c r="N613961" s="10"/>
    </row>
    <row r="613962" spans="14:14">
      <c r="N613962" s="10"/>
    </row>
    <row r="613963" spans="14:14">
      <c r="N613963" s="10"/>
    </row>
    <row r="613964" spans="14:14">
      <c r="N613964" s="10"/>
    </row>
    <row r="613965" spans="14:14">
      <c r="N613965" s="10"/>
    </row>
    <row r="613966" spans="14:14">
      <c r="N613966" s="10"/>
    </row>
    <row r="613967" spans="14:14">
      <c r="N613967" s="10"/>
    </row>
    <row r="613968" spans="14:14">
      <c r="N613968" s="10"/>
    </row>
    <row r="613969" spans="14:14">
      <c r="N613969" s="10"/>
    </row>
    <row r="613970" spans="14:14">
      <c r="N613970" s="10"/>
    </row>
    <row r="613971" spans="14:14">
      <c r="N613971" s="10"/>
    </row>
    <row r="613972" spans="14:14">
      <c r="N613972" s="10"/>
    </row>
    <row r="613973" spans="14:14">
      <c r="N613973" s="10"/>
    </row>
    <row r="613974" spans="14:14">
      <c r="N613974" s="10"/>
    </row>
    <row r="613975" spans="14:14">
      <c r="N613975" s="10"/>
    </row>
    <row r="613976" spans="14:14">
      <c r="N613976" s="10"/>
    </row>
    <row r="613977" spans="14:14">
      <c r="N613977" s="10"/>
    </row>
    <row r="613978" spans="14:14">
      <c r="N613978" s="10"/>
    </row>
    <row r="613979" spans="14:14">
      <c r="N613979" s="10"/>
    </row>
    <row r="613980" spans="14:14">
      <c r="N613980" s="10"/>
    </row>
    <row r="613981" spans="14:14">
      <c r="N613981" s="10"/>
    </row>
    <row r="613982" spans="14:14">
      <c r="N613982" s="10"/>
    </row>
    <row r="613983" spans="14:14">
      <c r="N613983" s="10"/>
    </row>
    <row r="613984" spans="14:14">
      <c r="N613984" s="10"/>
    </row>
    <row r="613985" spans="14:14">
      <c r="N613985" s="10"/>
    </row>
    <row r="613986" spans="14:14">
      <c r="N613986" s="10"/>
    </row>
    <row r="613987" spans="14:14">
      <c r="N613987" s="10"/>
    </row>
    <row r="613988" spans="14:14">
      <c r="N613988" s="10"/>
    </row>
    <row r="613989" spans="14:14">
      <c r="N613989" s="10"/>
    </row>
    <row r="613990" spans="14:14">
      <c r="N613990" s="10"/>
    </row>
    <row r="613991" spans="14:14">
      <c r="N613991" s="10"/>
    </row>
    <row r="613992" spans="14:14">
      <c r="N613992" s="10"/>
    </row>
    <row r="613993" spans="14:14">
      <c r="N613993" s="10"/>
    </row>
    <row r="613994" spans="14:14">
      <c r="N613994" s="10"/>
    </row>
    <row r="613995" spans="14:14">
      <c r="N613995" s="10"/>
    </row>
    <row r="613996" spans="14:14">
      <c r="N613996" s="10"/>
    </row>
    <row r="613997" spans="14:14">
      <c r="N613997" s="10"/>
    </row>
    <row r="613998" spans="14:14">
      <c r="N613998" s="10"/>
    </row>
    <row r="613999" spans="14:14">
      <c r="N613999" s="10"/>
    </row>
    <row r="614000" spans="14:14">
      <c r="N614000" s="10"/>
    </row>
    <row r="614001" spans="14:14">
      <c r="N614001" s="10"/>
    </row>
    <row r="614002" spans="14:14">
      <c r="N614002" s="10"/>
    </row>
    <row r="614003" spans="14:14">
      <c r="N614003" s="10"/>
    </row>
    <row r="614004" spans="14:14">
      <c r="N614004" s="10"/>
    </row>
    <row r="614005" spans="14:14">
      <c r="N614005" s="10"/>
    </row>
    <row r="614006" spans="14:14">
      <c r="N614006" s="10"/>
    </row>
    <row r="614007" spans="14:14">
      <c r="N614007" s="10"/>
    </row>
    <row r="614008" spans="14:14">
      <c r="N614008" s="10"/>
    </row>
    <row r="614009" spans="14:14">
      <c r="N614009" s="10"/>
    </row>
    <row r="614010" spans="14:14">
      <c r="N614010" s="10"/>
    </row>
    <row r="614011" spans="14:14">
      <c r="N614011" s="10"/>
    </row>
    <row r="614012" spans="14:14">
      <c r="N614012" s="10"/>
    </row>
    <row r="614013" spans="14:14">
      <c r="N614013" s="10"/>
    </row>
    <row r="614014" spans="14:14">
      <c r="N614014" s="10"/>
    </row>
    <row r="614015" spans="14:14">
      <c r="N614015" s="10"/>
    </row>
    <row r="614016" spans="14:14">
      <c r="N614016" s="10"/>
    </row>
    <row r="614017" spans="14:14">
      <c r="N614017" s="10"/>
    </row>
    <row r="614018" spans="14:14">
      <c r="N614018" s="10"/>
    </row>
    <row r="614019" spans="14:14">
      <c r="N614019" s="10"/>
    </row>
    <row r="614020" spans="14:14">
      <c r="N614020" s="10"/>
    </row>
    <row r="614021" spans="14:14">
      <c r="N614021" s="10"/>
    </row>
    <row r="614022" spans="14:14">
      <c r="N614022" s="10"/>
    </row>
    <row r="614023" spans="14:14">
      <c r="N614023" s="10"/>
    </row>
    <row r="614024" spans="14:14">
      <c r="N614024" s="10"/>
    </row>
    <row r="614025" spans="14:14">
      <c r="N614025" s="10"/>
    </row>
    <row r="614026" spans="14:14">
      <c r="N614026" s="10"/>
    </row>
    <row r="614027" spans="14:14">
      <c r="N614027" s="10"/>
    </row>
    <row r="614028" spans="14:14">
      <c r="N614028" s="10"/>
    </row>
    <row r="614029" spans="14:14">
      <c r="N614029" s="10"/>
    </row>
    <row r="614030" spans="14:14">
      <c r="N614030" s="10"/>
    </row>
    <row r="614031" spans="14:14">
      <c r="N614031" s="10"/>
    </row>
    <row r="614032" spans="14:14">
      <c r="N614032" s="10"/>
    </row>
    <row r="614033" spans="14:14">
      <c r="N614033" s="10"/>
    </row>
    <row r="614034" spans="14:14">
      <c r="N614034" s="10"/>
    </row>
    <row r="614035" spans="14:14">
      <c r="N614035" s="10"/>
    </row>
    <row r="614036" spans="14:14">
      <c r="N614036" s="10"/>
    </row>
    <row r="614037" spans="14:14">
      <c r="N614037" s="10"/>
    </row>
    <row r="614038" spans="14:14">
      <c r="N614038" s="10"/>
    </row>
    <row r="614039" spans="14:14">
      <c r="N614039" s="10"/>
    </row>
    <row r="614040" spans="14:14">
      <c r="N614040" s="10"/>
    </row>
    <row r="614041" spans="14:14">
      <c r="N614041" s="10"/>
    </row>
    <row r="614042" spans="14:14">
      <c r="N614042" s="10"/>
    </row>
    <row r="614043" spans="14:14">
      <c r="N614043" s="10"/>
    </row>
    <row r="614044" spans="14:14">
      <c r="N614044" s="10"/>
    </row>
    <row r="614045" spans="14:14">
      <c r="N614045" s="10"/>
    </row>
    <row r="614046" spans="14:14">
      <c r="N614046" s="10"/>
    </row>
    <row r="614047" spans="14:14">
      <c r="N614047" s="10"/>
    </row>
    <row r="614048" spans="14:14">
      <c r="N614048" s="10"/>
    </row>
    <row r="614049" spans="14:14">
      <c r="N614049" s="10"/>
    </row>
    <row r="614050" spans="14:14">
      <c r="N614050" s="10"/>
    </row>
    <row r="614051" spans="14:14">
      <c r="N614051" s="10"/>
    </row>
    <row r="614052" spans="14:14">
      <c r="N614052" s="10"/>
    </row>
    <row r="614053" spans="14:14">
      <c r="N614053" s="10"/>
    </row>
    <row r="614054" spans="14:14">
      <c r="N614054" s="10"/>
    </row>
    <row r="614055" spans="14:14">
      <c r="N614055" s="10"/>
    </row>
    <row r="614056" spans="14:14">
      <c r="N614056" s="10"/>
    </row>
    <row r="614057" spans="14:14">
      <c r="N614057" s="10"/>
    </row>
    <row r="614058" spans="14:14">
      <c r="N614058" s="10"/>
    </row>
    <row r="614059" spans="14:14">
      <c r="N614059" s="10"/>
    </row>
    <row r="614060" spans="14:14">
      <c r="N614060" s="10"/>
    </row>
    <row r="614061" spans="14:14">
      <c r="N614061" s="10"/>
    </row>
    <row r="614062" spans="14:14">
      <c r="N614062" s="10"/>
    </row>
    <row r="614063" spans="14:14">
      <c r="N614063" s="10"/>
    </row>
    <row r="614064" spans="14:14">
      <c r="N614064" s="10"/>
    </row>
    <row r="614065" spans="14:14">
      <c r="N614065" s="10"/>
    </row>
    <row r="614066" spans="14:14">
      <c r="N614066" s="10"/>
    </row>
    <row r="614067" spans="14:14">
      <c r="N614067" s="10"/>
    </row>
    <row r="614068" spans="14:14">
      <c r="N614068" s="10"/>
    </row>
    <row r="614069" spans="14:14">
      <c r="N614069" s="10"/>
    </row>
    <row r="614070" spans="14:14">
      <c r="N614070" s="10"/>
    </row>
    <row r="614071" spans="14:14">
      <c r="N614071" s="10"/>
    </row>
    <row r="614072" spans="14:14">
      <c r="N614072" s="10"/>
    </row>
    <row r="614073" spans="14:14">
      <c r="N614073" s="10"/>
    </row>
    <row r="614074" spans="14:14">
      <c r="N614074" s="10"/>
    </row>
    <row r="614075" spans="14:14">
      <c r="N614075" s="10"/>
    </row>
    <row r="614076" spans="14:14">
      <c r="N614076" s="10"/>
    </row>
    <row r="614077" spans="14:14">
      <c r="N614077" s="10"/>
    </row>
    <row r="614078" spans="14:14">
      <c r="N614078" s="10"/>
    </row>
    <row r="614079" spans="14:14">
      <c r="N614079" s="10"/>
    </row>
    <row r="614080" spans="14:14">
      <c r="N614080" s="10"/>
    </row>
    <row r="614081" spans="14:14">
      <c r="N614081" s="10"/>
    </row>
    <row r="614082" spans="14:14">
      <c r="N614082" s="10"/>
    </row>
    <row r="614083" spans="14:14">
      <c r="N614083" s="10"/>
    </row>
    <row r="614084" spans="14:14">
      <c r="N614084" s="10"/>
    </row>
    <row r="614085" spans="14:14">
      <c r="N614085" s="10"/>
    </row>
    <row r="614086" spans="14:14">
      <c r="N614086" s="10"/>
    </row>
    <row r="614087" spans="14:14">
      <c r="N614087" s="10"/>
    </row>
    <row r="614088" spans="14:14">
      <c r="N614088" s="10"/>
    </row>
    <row r="614089" spans="14:14">
      <c r="N614089" s="10"/>
    </row>
    <row r="614090" spans="14:14">
      <c r="N614090" s="10"/>
    </row>
    <row r="614091" spans="14:14">
      <c r="N614091" s="10"/>
    </row>
    <row r="614092" spans="14:14">
      <c r="N614092" s="10"/>
    </row>
    <row r="614093" spans="14:14">
      <c r="N614093" s="10"/>
    </row>
    <row r="614094" spans="14:14">
      <c r="N614094" s="10"/>
    </row>
    <row r="614095" spans="14:14">
      <c r="N614095" s="10"/>
    </row>
    <row r="614096" spans="14:14">
      <c r="N614096" s="10"/>
    </row>
    <row r="614097" spans="14:14">
      <c r="N614097" s="10"/>
    </row>
    <row r="614098" spans="14:14">
      <c r="N614098" s="10"/>
    </row>
    <row r="614099" spans="14:14">
      <c r="N614099" s="10"/>
    </row>
    <row r="614100" spans="14:14">
      <c r="N614100" s="10"/>
    </row>
    <row r="614101" spans="14:14">
      <c r="N614101" s="10"/>
    </row>
    <row r="614102" spans="14:14">
      <c r="N614102" s="10"/>
    </row>
    <row r="614103" spans="14:14">
      <c r="N614103" s="10"/>
    </row>
    <row r="614104" spans="14:14">
      <c r="N614104" s="10"/>
    </row>
    <row r="614105" spans="14:14">
      <c r="N614105" s="10"/>
    </row>
    <row r="614106" spans="14:14">
      <c r="N614106" s="10"/>
    </row>
    <row r="614107" spans="14:14">
      <c r="N614107" s="10"/>
    </row>
    <row r="614108" spans="14:14">
      <c r="N614108" s="10"/>
    </row>
    <row r="614109" spans="14:14">
      <c r="N614109" s="10"/>
    </row>
    <row r="614110" spans="14:14">
      <c r="N614110" s="10"/>
    </row>
    <row r="614111" spans="14:14">
      <c r="N614111" s="10"/>
    </row>
    <row r="614112" spans="14:14">
      <c r="N614112" s="10"/>
    </row>
    <row r="614113" spans="14:14">
      <c r="N614113" s="10"/>
    </row>
    <row r="614114" spans="14:14">
      <c r="N614114" s="10"/>
    </row>
    <row r="614115" spans="14:14">
      <c r="N614115" s="10"/>
    </row>
    <row r="614116" spans="14:14">
      <c r="N614116" s="10"/>
    </row>
    <row r="614117" spans="14:14">
      <c r="N614117" s="10"/>
    </row>
    <row r="614118" spans="14:14">
      <c r="N614118" s="10"/>
    </row>
    <row r="614119" spans="14:14">
      <c r="N614119" s="10"/>
    </row>
    <row r="614120" spans="14:14">
      <c r="N614120" s="10"/>
    </row>
    <row r="614121" spans="14:14">
      <c r="N614121" s="10"/>
    </row>
    <row r="614122" spans="14:14">
      <c r="N614122" s="10"/>
    </row>
    <row r="614123" spans="14:14">
      <c r="N614123" s="10"/>
    </row>
    <row r="614124" spans="14:14">
      <c r="N614124" s="10"/>
    </row>
    <row r="614125" spans="14:14">
      <c r="N614125" s="10"/>
    </row>
    <row r="614126" spans="14:14">
      <c r="N614126" s="10"/>
    </row>
    <row r="614127" spans="14:14">
      <c r="N614127" s="10"/>
    </row>
    <row r="614128" spans="14:14">
      <c r="N614128" s="10"/>
    </row>
    <row r="614129" spans="14:14">
      <c r="N614129" s="10"/>
    </row>
    <row r="614130" spans="14:14">
      <c r="N614130" s="10"/>
    </row>
    <row r="614131" spans="14:14">
      <c r="N614131" s="10"/>
    </row>
    <row r="614132" spans="14:14">
      <c r="N614132" s="10"/>
    </row>
    <row r="614133" spans="14:14">
      <c r="N614133" s="10"/>
    </row>
    <row r="614134" spans="14:14">
      <c r="N614134" s="10"/>
    </row>
    <row r="614135" spans="14:14">
      <c r="N614135" s="10"/>
    </row>
    <row r="614136" spans="14:14">
      <c r="N614136" s="10"/>
    </row>
    <row r="614137" spans="14:14">
      <c r="N614137" s="10"/>
    </row>
    <row r="614138" spans="14:14">
      <c r="N614138" s="10"/>
    </row>
    <row r="614139" spans="14:14">
      <c r="N614139" s="10"/>
    </row>
    <row r="614140" spans="14:14">
      <c r="N614140" s="10"/>
    </row>
    <row r="614141" spans="14:14">
      <c r="N614141" s="10"/>
    </row>
    <row r="614142" spans="14:14">
      <c r="N614142" s="10"/>
    </row>
    <row r="614143" spans="14:14">
      <c r="N614143" s="10"/>
    </row>
    <row r="614144" spans="14:14">
      <c r="N614144" s="10"/>
    </row>
    <row r="614145" spans="14:14">
      <c r="N614145" s="10"/>
    </row>
    <row r="614146" spans="14:14">
      <c r="N614146" s="10"/>
    </row>
    <row r="614147" spans="14:14">
      <c r="N614147" s="10"/>
    </row>
    <row r="614148" spans="14:14">
      <c r="N614148" s="10"/>
    </row>
    <row r="614149" spans="14:14">
      <c r="N614149" s="10"/>
    </row>
    <row r="614150" spans="14:14">
      <c r="N614150" s="10"/>
    </row>
    <row r="614151" spans="14:14">
      <c r="N614151" s="10"/>
    </row>
    <row r="614152" spans="14:14">
      <c r="N614152" s="10"/>
    </row>
    <row r="614153" spans="14:14">
      <c r="N614153" s="10"/>
    </row>
    <row r="614154" spans="14:14">
      <c r="N614154" s="10"/>
    </row>
    <row r="614155" spans="14:14">
      <c r="N614155" s="10"/>
    </row>
    <row r="614156" spans="14:14">
      <c r="N614156" s="10"/>
    </row>
    <row r="614157" spans="14:14">
      <c r="N614157" s="10"/>
    </row>
    <row r="614158" spans="14:14">
      <c r="N614158" s="10"/>
    </row>
    <row r="614159" spans="14:14">
      <c r="N614159" s="10"/>
    </row>
    <row r="614160" spans="14:14">
      <c r="N614160" s="10"/>
    </row>
    <row r="614161" spans="14:14">
      <c r="N614161" s="10"/>
    </row>
    <row r="614162" spans="14:14">
      <c r="N614162" s="10"/>
    </row>
    <row r="614163" spans="14:14">
      <c r="N614163" s="10"/>
    </row>
    <row r="614164" spans="14:14">
      <c r="N614164" s="10"/>
    </row>
    <row r="614165" spans="14:14">
      <c r="N614165" s="10"/>
    </row>
    <row r="614166" spans="14:14">
      <c r="N614166" s="10"/>
    </row>
    <row r="614167" spans="14:14">
      <c r="N614167" s="10"/>
    </row>
    <row r="614168" spans="14:14">
      <c r="N614168" s="10"/>
    </row>
    <row r="614169" spans="14:14">
      <c r="N614169" s="10"/>
    </row>
    <row r="614170" spans="14:14">
      <c r="N614170" s="10"/>
    </row>
    <row r="614171" spans="14:14">
      <c r="N614171" s="10"/>
    </row>
    <row r="614172" spans="14:14">
      <c r="N614172" s="10"/>
    </row>
    <row r="614173" spans="14:14">
      <c r="N614173" s="10"/>
    </row>
    <row r="614174" spans="14:14">
      <c r="N614174" s="10"/>
    </row>
    <row r="614175" spans="14:14">
      <c r="N614175" s="10"/>
    </row>
    <row r="614176" spans="14:14">
      <c r="N614176" s="10"/>
    </row>
    <row r="614177" spans="14:14">
      <c r="N614177" s="10"/>
    </row>
    <row r="614178" spans="14:14">
      <c r="N614178" s="10"/>
    </row>
    <row r="614179" spans="14:14">
      <c r="N614179" s="10"/>
    </row>
    <row r="614180" spans="14:14">
      <c r="N614180" s="10"/>
    </row>
    <row r="614181" spans="14:14">
      <c r="N614181" s="10"/>
    </row>
    <row r="614182" spans="14:14">
      <c r="N614182" s="10"/>
    </row>
    <row r="614183" spans="14:14">
      <c r="N614183" s="10"/>
    </row>
    <row r="614184" spans="14:14">
      <c r="N614184" s="10"/>
    </row>
    <row r="614185" spans="14:14">
      <c r="N614185" s="10"/>
    </row>
    <row r="614186" spans="14:14">
      <c r="N614186" s="10"/>
    </row>
    <row r="614187" spans="14:14">
      <c r="N614187" s="10"/>
    </row>
    <row r="614188" spans="14:14">
      <c r="N614188" s="10"/>
    </row>
    <row r="614189" spans="14:14">
      <c r="N614189" s="10"/>
    </row>
    <row r="614190" spans="14:14">
      <c r="N614190" s="10"/>
    </row>
    <row r="614191" spans="14:14">
      <c r="N614191" s="10"/>
    </row>
    <row r="614192" spans="14:14">
      <c r="N614192" s="10"/>
    </row>
    <row r="614193" spans="14:14">
      <c r="N614193" s="10"/>
    </row>
    <row r="614194" spans="14:14">
      <c r="N614194" s="10"/>
    </row>
    <row r="614195" spans="14:14">
      <c r="N614195" s="10"/>
    </row>
    <row r="614196" spans="14:14">
      <c r="N614196" s="10"/>
    </row>
    <row r="614197" spans="14:14">
      <c r="N614197" s="10"/>
    </row>
    <row r="614198" spans="14:14">
      <c r="N614198" s="10"/>
    </row>
    <row r="614199" spans="14:14">
      <c r="N614199" s="10"/>
    </row>
    <row r="614200" spans="14:14">
      <c r="N614200" s="10"/>
    </row>
    <row r="614201" spans="14:14">
      <c r="N614201" s="10"/>
    </row>
    <row r="614202" spans="14:14">
      <c r="N614202" s="10"/>
    </row>
    <row r="614203" spans="14:14">
      <c r="N614203" s="10"/>
    </row>
    <row r="614204" spans="14:14">
      <c r="N614204" s="10"/>
    </row>
    <row r="614205" spans="14:14">
      <c r="N614205" s="10"/>
    </row>
    <row r="614206" spans="14:14">
      <c r="N614206" s="10"/>
    </row>
    <row r="614207" spans="14:14">
      <c r="N614207" s="10"/>
    </row>
    <row r="614208" spans="14:14">
      <c r="N614208" s="10"/>
    </row>
    <row r="614209" spans="14:14">
      <c r="N614209" s="10"/>
    </row>
    <row r="614210" spans="14:14">
      <c r="N614210" s="10"/>
    </row>
    <row r="614211" spans="14:14">
      <c r="N614211" s="10"/>
    </row>
    <row r="614212" spans="14:14">
      <c r="N614212" s="10"/>
    </row>
    <row r="614213" spans="14:14">
      <c r="N614213" s="10"/>
    </row>
    <row r="614214" spans="14:14">
      <c r="N614214" s="10"/>
    </row>
    <row r="614215" spans="14:14">
      <c r="N614215" s="10"/>
    </row>
    <row r="614216" spans="14:14">
      <c r="N614216" s="10"/>
    </row>
    <row r="614217" spans="14:14">
      <c r="N614217" s="10"/>
    </row>
    <row r="614218" spans="14:14">
      <c r="N614218" s="10"/>
    </row>
    <row r="614219" spans="14:14">
      <c r="N614219" s="10"/>
    </row>
    <row r="614220" spans="14:14">
      <c r="N614220" s="10"/>
    </row>
    <row r="614221" spans="14:14">
      <c r="N614221" s="10"/>
    </row>
    <row r="614222" spans="14:14">
      <c r="N614222" s="10"/>
    </row>
    <row r="614223" spans="14:14">
      <c r="N614223" s="10"/>
    </row>
    <row r="614224" spans="14:14">
      <c r="N614224" s="10"/>
    </row>
    <row r="614225" spans="14:14">
      <c r="N614225" s="10"/>
    </row>
    <row r="614226" spans="14:14">
      <c r="N614226" s="10"/>
    </row>
    <row r="614227" spans="14:14">
      <c r="N614227" s="10"/>
    </row>
    <row r="614228" spans="14:14">
      <c r="N614228" s="10"/>
    </row>
    <row r="614229" spans="14:14">
      <c r="N614229" s="10"/>
    </row>
    <row r="614230" spans="14:14">
      <c r="N614230" s="10"/>
    </row>
    <row r="614231" spans="14:14">
      <c r="N614231" s="10"/>
    </row>
    <row r="614232" spans="14:14">
      <c r="N614232" s="10"/>
    </row>
    <row r="614233" spans="14:14">
      <c r="N614233" s="10"/>
    </row>
    <row r="614234" spans="14:14">
      <c r="N614234" s="10"/>
    </row>
    <row r="614235" spans="14:14">
      <c r="N614235" s="10"/>
    </row>
    <row r="614236" spans="14:14">
      <c r="N614236" s="10"/>
    </row>
    <row r="614237" spans="14:14">
      <c r="N614237" s="10"/>
    </row>
    <row r="614238" spans="14:14">
      <c r="N614238" s="10"/>
    </row>
    <row r="614239" spans="14:14">
      <c r="N614239" s="10"/>
    </row>
    <row r="614240" spans="14:14">
      <c r="N614240" s="10"/>
    </row>
    <row r="614241" spans="14:14">
      <c r="N614241" s="10"/>
    </row>
    <row r="614242" spans="14:14">
      <c r="N614242" s="10"/>
    </row>
    <row r="614243" spans="14:14">
      <c r="N614243" s="10"/>
    </row>
    <row r="614244" spans="14:14">
      <c r="N614244" s="10"/>
    </row>
    <row r="614245" spans="14:14">
      <c r="N614245" s="10"/>
    </row>
    <row r="614246" spans="14:14">
      <c r="N614246" s="10"/>
    </row>
    <row r="614247" spans="14:14">
      <c r="N614247" s="10"/>
    </row>
    <row r="614248" spans="14:14">
      <c r="N614248" s="10"/>
    </row>
    <row r="614249" spans="14:14">
      <c r="N614249" s="10"/>
    </row>
    <row r="614250" spans="14:14">
      <c r="N614250" s="10"/>
    </row>
    <row r="614251" spans="14:14">
      <c r="N614251" s="10"/>
    </row>
    <row r="614252" spans="14:14">
      <c r="N614252" s="10"/>
    </row>
    <row r="614253" spans="14:14">
      <c r="N614253" s="10"/>
    </row>
    <row r="614254" spans="14:14">
      <c r="N614254" s="10"/>
    </row>
    <row r="614255" spans="14:14">
      <c r="N614255" s="10"/>
    </row>
    <row r="614256" spans="14:14">
      <c r="N614256" s="10"/>
    </row>
    <row r="614257" spans="14:14">
      <c r="N614257" s="10"/>
    </row>
    <row r="614258" spans="14:14">
      <c r="N614258" s="10"/>
    </row>
    <row r="614259" spans="14:14">
      <c r="N614259" s="10"/>
    </row>
    <row r="614260" spans="14:14">
      <c r="N614260" s="10"/>
    </row>
    <row r="614261" spans="14:14">
      <c r="N614261" s="10"/>
    </row>
    <row r="614262" spans="14:14">
      <c r="N614262" s="10"/>
    </row>
    <row r="614263" spans="14:14">
      <c r="N614263" s="10"/>
    </row>
    <row r="614264" spans="14:14">
      <c r="N614264" s="10"/>
    </row>
    <row r="614265" spans="14:14">
      <c r="N614265" s="10"/>
    </row>
    <row r="614266" spans="14:14">
      <c r="N614266" s="10"/>
    </row>
    <row r="614267" spans="14:14">
      <c r="N614267" s="10"/>
    </row>
    <row r="614268" spans="14:14">
      <c r="N614268" s="10"/>
    </row>
    <row r="614269" spans="14:14">
      <c r="N614269" s="10"/>
    </row>
    <row r="614270" spans="14:14">
      <c r="N614270" s="10"/>
    </row>
    <row r="614271" spans="14:14">
      <c r="N614271" s="10"/>
    </row>
    <row r="614272" spans="14:14">
      <c r="N614272" s="10"/>
    </row>
    <row r="614273" spans="14:14">
      <c r="N614273" s="10"/>
    </row>
    <row r="614274" spans="14:14">
      <c r="N614274" s="10"/>
    </row>
    <row r="614275" spans="14:14">
      <c r="N614275" s="10"/>
    </row>
    <row r="614276" spans="14:14">
      <c r="N614276" s="10"/>
    </row>
    <row r="614277" spans="14:14">
      <c r="N614277" s="10"/>
    </row>
    <row r="614278" spans="14:14">
      <c r="N614278" s="10"/>
    </row>
    <row r="614279" spans="14:14">
      <c r="N614279" s="10"/>
    </row>
    <row r="614280" spans="14:14">
      <c r="N614280" s="10"/>
    </row>
    <row r="614281" spans="14:14">
      <c r="N614281" s="10"/>
    </row>
    <row r="614282" spans="14:14">
      <c r="N614282" s="10"/>
    </row>
    <row r="614283" spans="14:14">
      <c r="N614283" s="10"/>
    </row>
    <row r="614284" spans="14:14">
      <c r="N614284" s="10"/>
    </row>
    <row r="614285" spans="14:14">
      <c r="N614285" s="10"/>
    </row>
    <row r="614286" spans="14:14">
      <c r="N614286" s="10"/>
    </row>
    <row r="614287" spans="14:14">
      <c r="N614287" s="10"/>
    </row>
    <row r="614288" spans="14:14">
      <c r="N614288" s="10"/>
    </row>
    <row r="614289" spans="14:14">
      <c r="N614289" s="10"/>
    </row>
    <row r="614290" spans="14:14">
      <c r="N614290" s="10"/>
    </row>
    <row r="614291" spans="14:14">
      <c r="N614291" s="10"/>
    </row>
    <row r="614292" spans="14:14">
      <c r="N614292" s="10"/>
    </row>
    <row r="614293" spans="14:14">
      <c r="N614293" s="10"/>
    </row>
    <row r="614294" spans="14:14">
      <c r="N614294" s="10"/>
    </row>
    <row r="614295" spans="14:14">
      <c r="N614295" s="10"/>
    </row>
    <row r="614296" spans="14:14">
      <c r="N614296" s="10"/>
    </row>
    <row r="614297" spans="14:14">
      <c r="N614297" s="10"/>
    </row>
    <row r="614298" spans="14:14">
      <c r="N614298" s="10"/>
    </row>
    <row r="614299" spans="14:14">
      <c r="N614299" s="10"/>
    </row>
    <row r="614300" spans="14:14">
      <c r="N614300" s="10"/>
    </row>
    <row r="614301" spans="14:14">
      <c r="N614301" s="10"/>
    </row>
    <row r="614302" spans="14:14">
      <c r="N614302" s="10"/>
    </row>
    <row r="614303" spans="14:14">
      <c r="N614303" s="10"/>
    </row>
    <row r="614304" spans="14:14">
      <c r="N614304" s="10"/>
    </row>
    <row r="614305" spans="14:14">
      <c r="N614305" s="10"/>
    </row>
    <row r="614306" spans="14:14">
      <c r="N614306" s="10"/>
    </row>
    <row r="614307" spans="14:14">
      <c r="N614307" s="10"/>
    </row>
    <row r="614308" spans="14:14">
      <c r="N614308" s="10"/>
    </row>
    <row r="614309" spans="14:14">
      <c r="N614309" s="10"/>
    </row>
    <row r="614310" spans="14:14">
      <c r="N614310" s="10"/>
    </row>
    <row r="614311" spans="14:14">
      <c r="N614311" s="10"/>
    </row>
    <row r="614312" spans="14:14">
      <c r="N614312" s="10"/>
    </row>
    <row r="614313" spans="14:14">
      <c r="N614313" s="10"/>
    </row>
    <row r="614314" spans="14:14">
      <c r="N614314" s="10"/>
    </row>
    <row r="614315" spans="14:14">
      <c r="N614315" s="10"/>
    </row>
    <row r="614316" spans="14:14">
      <c r="N614316" s="10"/>
    </row>
    <row r="614317" spans="14:14">
      <c r="N614317" s="10"/>
    </row>
    <row r="614318" spans="14:14">
      <c r="N614318" s="10"/>
    </row>
    <row r="614319" spans="14:14">
      <c r="N614319" s="10"/>
    </row>
    <row r="614320" spans="14:14">
      <c r="N614320" s="10"/>
    </row>
    <row r="614321" spans="14:14">
      <c r="N614321" s="10"/>
    </row>
    <row r="614322" spans="14:14">
      <c r="N614322" s="10"/>
    </row>
    <row r="614323" spans="14:14">
      <c r="N614323" s="10"/>
    </row>
    <row r="614324" spans="14:14">
      <c r="N614324" s="10"/>
    </row>
    <row r="614325" spans="14:14">
      <c r="N614325" s="10"/>
    </row>
    <row r="614326" spans="14:14">
      <c r="N614326" s="10"/>
    </row>
    <row r="614327" spans="14:14">
      <c r="N614327" s="10"/>
    </row>
    <row r="614328" spans="14:14">
      <c r="N614328" s="10"/>
    </row>
    <row r="614329" spans="14:14">
      <c r="N614329" s="10"/>
    </row>
    <row r="614330" spans="14:14">
      <c r="N614330" s="10"/>
    </row>
    <row r="614331" spans="14:14">
      <c r="N614331" s="10"/>
    </row>
    <row r="614332" spans="14:14">
      <c r="N614332" s="10"/>
    </row>
    <row r="614333" spans="14:14">
      <c r="N614333" s="10"/>
    </row>
    <row r="614334" spans="14:14">
      <c r="N614334" s="10"/>
    </row>
    <row r="614335" spans="14:14">
      <c r="N614335" s="10"/>
    </row>
    <row r="614336" spans="14:14">
      <c r="N614336" s="10"/>
    </row>
    <row r="614337" spans="14:14">
      <c r="N614337" s="10"/>
    </row>
    <row r="614338" spans="14:14">
      <c r="N614338" s="10"/>
    </row>
    <row r="614339" spans="14:14">
      <c r="N614339" s="10"/>
    </row>
    <row r="614340" spans="14:14">
      <c r="N614340" s="10"/>
    </row>
    <row r="614341" spans="14:14">
      <c r="N614341" s="10"/>
    </row>
    <row r="614342" spans="14:14">
      <c r="N614342" s="10"/>
    </row>
    <row r="614343" spans="14:14">
      <c r="N614343" s="10"/>
    </row>
    <row r="614344" spans="14:14">
      <c r="N614344" s="10"/>
    </row>
    <row r="614345" spans="14:14">
      <c r="N614345" s="10"/>
    </row>
    <row r="614346" spans="14:14">
      <c r="N614346" s="10"/>
    </row>
    <row r="614347" spans="14:14">
      <c r="N614347" s="10"/>
    </row>
    <row r="614348" spans="14:14">
      <c r="N614348" s="10"/>
    </row>
    <row r="614349" spans="14:14">
      <c r="N614349" s="10"/>
    </row>
    <row r="614350" spans="14:14">
      <c r="N614350" s="10"/>
    </row>
    <row r="614351" spans="14:14">
      <c r="N614351" s="10"/>
    </row>
    <row r="614352" spans="14:14">
      <c r="N614352" s="10"/>
    </row>
    <row r="614353" spans="14:14">
      <c r="N614353" s="10"/>
    </row>
    <row r="614354" spans="14:14">
      <c r="N614354" s="10"/>
    </row>
    <row r="614355" spans="14:14">
      <c r="N614355" s="10"/>
    </row>
    <row r="614356" spans="14:14">
      <c r="N614356" s="10"/>
    </row>
    <row r="614357" spans="14:14">
      <c r="N614357" s="10"/>
    </row>
    <row r="614358" spans="14:14">
      <c r="N614358" s="10"/>
    </row>
    <row r="614359" spans="14:14">
      <c r="N614359" s="10"/>
    </row>
    <row r="614360" spans="14:14">
      <c r="N614360" s="10"/>
    </row>
    <row r="614361" spans="14:14">
      <c r="N614361" s="10"/>
    </row>
    <row r="614362" spans="14:14">
      <c r="N614362" s="10"/>
    </row>
    <row r="614363" spans="14:14">
      <c r="N614363" s="10"/>
    </row>
    <row r="614364" spans="14:14">
      <c r="N614364" s="10"/>
    </row>
    <row r="614365" spans="14:14">
      <c r="N614365" s="10"/>
    </row>
    <row r="614366" spans="14:14">
      <c r="N614366" s="10"/>
    </row>
    <row r="614367" spans="14:14">
      <c r="N614367" s="10"/>
    </row>
    <row r="614368" spans="14:14">
      <c r="N614368" s="10"/>
    </row>
    <row r="614369" spans="14:14">
      <c r="N614369" s="10"/>
    </row>
    <row r="614370" spans="14:14">
      <c r="N614370" s="10"/>
    </row>
    <row r="614371" spans="14:14">
      <c r="N614371" s="10"/>
    </row>
    <row r="614372" spans="14:14">
      <c r="N614372" s="10"/>
    </row>
    <row r="614373" spans="14:14">
      <c r="N614373" s="10"/>
    </row>
    <row r="614374" spans="14:14">
      <c r="N614374" s="10"/>
    </row>
    <row r="614375" spans="14:14">
      <c r="N614375" s="10"/>
    </row>
    <row r="614376" spans="14:14">
      <c r="N614376" s="10"/>
    </row>
    <row r="614377" spans="14:14">
      <c r="N614377" s="10"/>
    </row>
    <row r="614378" spans="14:14">
      <c r="N614378" s="10"/>
    </row>
    <row r="614379" spans="14:14">
      <c r="N614379" s="10"/>
    </row>
    <row r="614380" spans="14:14">
      <c r="N614380" s="10"/>
    </row>
    <row r="614381" spans="14:14">
      <c r="N614381" s="10"/>
    </row>
    <row r="614382" spans="14:14">
      <c r="N614382" s="10"/>
    </row>
    <row r="614383" spans="14:14">
      <c r="N614383" s="10"/>
    </row>
    <row r="614384" spans="14:14">
      <c r="N614384" s="10"/>
    </row>
    <row r="614385" spans="14:14">
      <c r="N614385" s="10"/>
    </row>
    <row r="614386" spans="14:14">
      <c r="N614386" s="10"/>
    </row>
    <row r="614387" spans="14:14">
      <c r="N614387" s="10"/>
    </row>
    <row r="614388" spans="14:14">
      <c r="N614388" s="10"/>
    </row>
    <row r="614389" spans="14:14">
      <c r="N614389" s="10"/>
    </row>
    <row r="614390" spans="14:14">
      <c r="N614390" s="10"/>
    </row>
    <row r="614391" spans="14:14">
      <c r="N614391" s="10"/>
    </row>
    <row r="614392" spans="14:14">
      <c r="N614392" s="10"/>
    </row>
    <row r="614393" spans="14:14">
      <c r="N614393" s="10"/>
    </row>
    <row r="614394" spans="14:14">
      <c r="N614394" s="10"/>
    </row>
    <row r="614395" spans="14:14">
      <c r="N614395" s="10"/>
    </row>
    <row r="614396" spans="14:14">
      <c r="N614396" s="10"/>
    </row>
    <row r="614397" spans="14:14">
      <c r="N614397" s="10"/>
    </row>
    <row r="614398" spans="14:14">
      <c r="N614398" s="10"/>
    </row>
    <row r="614399" spans="14:14">
      <c r="N614399" s="10"/>
    </row>
    <row r="614400" spans="14:14">
      <c r="N614400" s="10"/>
    </row>
    <row r="614401" spans="14:14">
      <c r="N614401" s="10"/>
    </row>
    <row r="614402" spans="14:14">
      <c r="N614402" s="10"/>
    </row>
    <row r="614403" spans="14:14">
      <c r="N614403" s="10"/>
    </row>
    <row r="614404" spans="14:14">
      <c r="N614404" s="10"/>
    </row>
    <row r="614405" spans="14:14">
      <c r="N614405" s="10"/>
    </row>
    <row r="614406" spans="14:14">
      <c r="N614406" s="10"/>
    </row>
    <row r="614407" spans="14:14">
      <c r="N614407" s="10"/>
    </row>
    <row r="614408" spans="14:14">
      <c r="N614408" s="10"/>
    </row>
    <row r="614409" spans="14:14">
      <c r="N614409" s="10"/>
    </row>
    <row r="614410" spans="14:14">
      <c r="N614410" s="10"/>
    </row>
    <row r="614411" spans="14:14">
      <c r="N614411" s="10"/>
    </row>
    <row r="614412" spans="14:14">
      <c r="N614412" s="10"/>
    </row>
    <row r="614413" spans="14:14">
      <c r="N614413" s="10"/>
    </row>
    <row r="614414" spans="14:14">
      <c r="N614414" s="10"/>
    </row>
    <row r="614415" spans="14:14">
      <c r="N614415" s="10"/>
    </row>
    <row r="614416" spans="14:14">
      <c r="N614416" s="10"/>
    </row>
    <row r="614417" spans="14:14">
      <c r="N614417" s="10"/>
    </row>
    <row r="614418" spans="14:14">
      <c r="N614418" s="10"/>
    </row>
    <row r="614419" spans="14:14">
      <c r="N614419" s="10"/>
    </row>
    <row r="614420" spans="14:14">
      <c r="N614420" s="10"/>
    </row>
    <row r="614421" spans="14:14">
      <c r="N614421" s="10"/>
    </row>
    <row r="614422" spans="14:14">
      <c r="N614422" s="10"/>
    </row>
    <row r="614423" spans="14:14">
      <c r="N614423" s="10"/>
    </row>
    <row r="614424" spans="14:14">
      <c r="N614424" s="10"/>
    </row>
    <row r="614425" spans="14:14">
      <c r="N614425" s="10"/>
    </row>
    <row r="614426" spans="14:14">
      <c r="N614426" s="10"/>
    </row>
    <row r="614427" spans="14:14">
      <c r="N614427" s="10"/>
    </row>
    <row r="614428" spans="14:14">
      <c r="N614428" s="10"/>
    </row>
    <row r="614429" spans="14:14">
      <c r="N614429" s="10"/>
    </row>
    <row r="614430" spans="14:14">
      <c r="N614430" s="10"/>
    </row>
    <row r="614431" spans="14:14">
      <c r="N614431" s="10"/>
    </row>
    <row r="614432" spans="14:14">
      <c r="N614432" s="10"/>
    </row>
    <row r="614433" spans="14:14">
      <c r="N614433" s="10"/>
    </row>
    <row r="614434" spans="14:14">
      <c r="N614434" s="10"/>
    </row>
    <row r="614435" spans="14:14">
      <c r="N614435" s="10"/>
    </row>
    <row r="614436" spans="14:14">
      <c r="N614436" s="10"/>
    </row>
    <row r="614437" spans="14:14">
      <c r="N614437" s="10"/>
    </row>
    <row r="614438" spans="14:14">
      <c r="N614438" s="10"/>
    </row>
    <row r="614439" spans="14:14">
      <c r="N614439" s="10"/>
    </row>
    <row r="614440" spans="14:14">
      <c r="N614440" s="10"/>
    </row>
    <row r="614441" spans="14:14">
      <c r="N614441" s="10"/>
    </row>
    <row r="614442" spans="14:14">
      <c r="N614442" s="10"/>
    </row>
    <row r="614443" spans="14:14">
      <c r="N614443" s="10"/>
    </row>
    <row r="614444" spans="14:14">
      <c r="N614444" s="10"/>
    </row>
    <row r="614445" spans="14:14">
      <c r="N614445" s="10"/>
    </row>
    <row r="614446" spans="14:14">
      <c r="N614446" s="10"/>
    </row>
    <row r="614447" spans="14:14">
      <c r="N614447" s="10"/>
    </row>
    <row r="614448" spans="14:14">
      <c r="N614448" s="10"/>
    </row>
    <row r="614449" spans="14:14">
      <c r="N614449" s="10"/>
    </row>
    <row r="614450" spans="14:14">
      <c r="N614450" s="10"/>
    </row>
    <row r="614451" spans="14:14">
      <c r="N614451" s="10"/>
    </row>
    <row r="614452" spans="14:14">
      <c r="N614452" s="10"/>
    </row>
    <row r="614453" spans="14:14">
      <c r="N614453" s="10"/>
    </row>
    <row r="614454" spans="14:14">
      <c r="N614454" s="10"/>
    </row>
    <row r="614455" spans="14:14">
      <c r="N614455" s="10"/>
    </row>
    <row r="614456" spans="14:14">
      <c r="N614456" s="10"/>
    </row>
    <row r="614457" spans="14:14">
      <c r="N614457" s="10"/>
    </row>
    <row r="614458" spans="14:14">
      <c r="N614458" s="10"/>
    </row>
    <row r="614459" spans="14:14">
      <c r="N614459" s="10"/>
    </row>
    <row r="614460" spans="14:14">
      <c r="N614460" s="10"/>
    </row>
    <row r="614461" spans="14:14">
      <c r="N614461" s="10"/>
    </row>
    <row r="614462" spans="14:14">
      <c r="N614462" s="10"/>
    </row>
    <row r="614463" spans="14:14">
      <c r="N614463" s="10"/>
    </row>
    <row r="614464" spans="14:14">
      <c r="N614464" s="10"/>
    </row>
    <row r="614465" spans="14:14">
      <c r="N614465" s="10"/>
    </row>
    <row r="614466" spans="14:14">
      <c r="N614466" s="10"/>
    </row>
    <row r="614467" spans="14:14">
      <c r="N614467" s="10"/>
    </row>
    <row r="614468" spans="14:14">
      <c r="N614468" s="10"/>
    </row>
    <row r="614469" spans="14:14">
      <c r="N614469" s="10"/>
    </row>
    <row r="614470" spans="14:14">
      <c r="N614470" s="10"/>
    </row>
    <row r="614471" spans="14:14">
      <c r="N614471" s="10"/>
    </row>
    <row r="614472" spans="14:14">
      <c r="N614472" s="10"/>
    </row>
    <row r="614473" spans="14:14">
      <c r="N614473" s="10"/>
    </row>
    <row r="614474" spans="14:14">
      <c r="N614474" s="10"/>
    </row>
    <row r="614475" spans="14:14">
      <c r="N614475" s="10"/>
    </row>
    <row r="614476" spans="14:14">
      <c r="N614476" s="10"/>
    </row>
    <row r="614477" spans="14:14">
      <c r="N614477" s="10"/>
    </row>
    <row r="614478" spans="14:14">
      <c r="N614478" s="10"/>
    </row>
    <row r="614479" spans="14:14">
      <c r="N614479" s="10"/>
    </row>
    <row r="614480" spans="14:14">
      <c r="N614480" s="10"/>
    </row>
    <row r="614481" spans="14:14">
      <c r="N614481" s="10"/>
    </row>
    <row r="614482" spans="14:14">
      <c r="N614482" s="10"/>
    </row>
    <row r="614483" spans="14:14">
      <c r="N614483" s="10"/>
    </row>
    <row r="614484" spans="14:14">
      <c r="N614484" s="10"/>
    </row>
    <row r="614485" spans="14:14">
      <c r="N614485" s="10"/>
    </row>
    <row r="614486" spans="14:14">
      <c r="N614486" s="10"/>
    </row>
    <row r="614487" spans="14:14">
      <c r="N614487" s="10"/>
    </row>
    <row r="614488" spans="14:14">
      <c r="N614488" s="10"/>
    </row>
    <row r="614489" spans="14:14">
      <c r="N614489" s="10"/>
    </row>
    <row r="614490" spans="14:14">
      <c r="N614490" s="10"/>
    </row>
    <row r="614491" spans="14:14">
      <c r="N614491" s="10"/>
    </row>
    <row r="614492" spans="14:14">
      <c r="N614492" s="10"/>
    </row>
    <row r="614493" spans="14:14">
      <c r="N614493" s="10"/>
    </row>
    <row r="614494" spans="14:14">
      <c r="N614494" s="10"/>
    </row>
    <row r="614495" spans="14:14">
      <c r="N614495" s="10"/>
    </row>
    <row r="614496" spans="14:14">
      <c r="N614496" s="10"/>
    </row>
    <row r="614497" spans="14:14">
      <c r="N614497" s="10"/>
    </row>
    <row r="614498" spans="14:14">
      <c r="N614498" s="10"/>
    </row>
    <row r="614499" spans="14:14">
      <c r="N614499" s="10"/>
    </row>
    <row r="614500" spans="14:14">
      <c r="N614500" s="10"/>
    </row>
    <row r="614501" spans="14:14">
      <c r="N614501" s="10"/>
    </row>
    <row r="614502" spans="14:14">
      <c r="N614502" s="10"/>
    </row>
    <row r="614503" spans="14:14">
      <c r="N614503" s="10"/>
    </row>
    <row r="614504" spans="14:14">
      <c r="N614504" s="10"/>
    </row>
    <row r="614505" spans="14:14">
      <c r="N614505" s="10"/>
    </row>
    <row r="614506" spans="14:14">
      <c r="N614506" s="10"/>
    </row>
    <row r="614507" spans="14:14">
      <c r="N614507" s="10"/>
    </row>
    <row r="614508" spans="14:14">
      <c r="N614508" s="10"/>
    </row>
    <row r="614509" spans="14:14">
      <c r="N614509" s="10"/>
    </row>
    <row r="614510" spans="14:14">
      <c r="N614510" s="10"/>
    </row>
    <row r="614511" spans="14:14">
      <c r="N614511" s="10"/>
    </row>
    <row r="614512" spans="14:14">
      <c r="N614512" s="10"/>
    </row>
    <row r="614513" spans="14:14">
      <c r="N614513" s="10"/>
    </row>
    <row r="614514" spans="14:14">
      <c r="N614514" s="10"/>
    </row>
    <row r="614515" spans="14:14">
      <c r="N614515" s="10"/>
    </row>
    <row r="614516" spans="14:14">
      <c r="N614516" s="10"/>
    </row>
    <row r="614517" spans="14:14">
      <c r="N614517" s="10"/>
    </row>
    <row r="614518" spans="14:14">
      <c r="N614518" s="10"/>
    </row>
    <row r="614519" spans="14:14">
      <c r="N614519" s="10"/>
    </row>
    <row r="614520" spans="14:14">
      <c r="N614520" s="10"/>
    </row>
    <row r="614521" spans="14:14">
      <c r="N614521" s="10"/>
    </row>
    <row r="614522" spans="14:14">
      <c r="N614522" s="10"/>
    </row>
    <row r="614523" spans="14:14">
      <c r="N614523" s="10"/>
    </row>
    <row r="614524" spans="14:14">
      <c r="N614524" s="10"/>
    </row>
    <row r="614525" spans="14:14">
      <c r="N614525" s="10"/>
    </row>
    <row r="614526" spans="14:14">
      <c r="N614526" s="10"/>
    </row>
    <row r="614527" spans="14:14">
      <c r="N614527" s="10"/>
    </row>
    <row r="614528" spans="14:14">
      <c r="N614528" s="10"/>
    </row>
    <row r="614529" spans="14:14">
      <c r="N614529" s="10"/>
    </row>
    <row r="614530" spans="14:14">
      <c r="N614530" s="10"/>
    </row>
    <row r="614531" spans="14:14">
      <c r="N614531" s="10"/>
    </row>
    <row r="614532" spans="14:14">
      <c r="N614532" s="10"/>
    </row>
    <row r="614533" spans="14:14">
      <c r="N614533" s="10"/>
    </row>
    <row r="614534" spans="14:14">
      <c r="N614534" s="10"/>
    </row>
    <row r="614535" spans="14:14">
      <c r="N614535" s="10"/>
    </row>
    <row r="614536" spans="14:14">
      <c r="N614536" s="10"/>
    </row>
    <row r="614537" spans="14:14">
      <c r="N614537" s="10"/>
    </row>
    <row r="614538" spans="14:14">
      <c r="N614538" s="10"/>
    </row>
    <row r="614539" spans="14:14">
      <c r="N614539" s="10"/>
    </row>
    <row r="614540" spans="14:14">
      <c r="N614540" s="10"/>
    </row>
    <row r="614541" spans="14:14">
      <c r="N614541" s="10"/>
    </row>
    <row r="614542" spans="14:14">
      <c r="N614542" s="10"/>
    </row>
    <row r="614543" spans="14:14">
      <c r="N614543" s="10"/>
    </row>
    <row r="614544" spans="14:14">
      <c r="N614544" s="10"/>
    </row>
    <row r="614545" spans="14:14">
      <c r="N614545" s="10"/>
    </row>
    <row r="614546" spans="14:14">
      <c r="N614546" s="10"/>
    </row>
    <row r="614547" spans="14:14">
      <c r="N614547" s="10"/>
    </row>
    <row r="614548" spans="14:14">
      <c r="N614548" s="10"/>
    </row>
    <row r="614549" spans="14:14">
      <c r="N614549" s="10"/>
    </row>
    <row r="614550" spans="14:14">
      <c r="N614550" s="10"/>
    </row>
    <row r="614551" spans="14:14">
      <c r="N614551" s="10"/>
    </row>
    <row r="614552" spans="14:14">
      <c r="N614552" s="10"/>
    </row>
    <row r="614553" spans="14:14">
      <c r="N614553" s="10"/>
    </row>
    <row r="614554" spans="14:14">
      <c r="N614554" s="10"/>
    </row>
    <row r="614555" spans="14:14">
      <c r="N614555" s="10"/>
    </row>
    <row r="614556" spans="14:14">
      <c r="N614556" s="10"/>
    </row>
    <row r="614557" spans="14:14">
      <c r="N614557" s="10"/>
    </row>
    <row r="614558" spans="14:14">
      <c r="N614558" s="10"/>
    </row>
    <row r="614559" spans="14:14">
      <c r="N614559" s="10"/>
    </row>
    <row r="614560" spans="14:14">
      <c r="N614560" s="10"/>
    </row>
    <row r="614561" spans="14:14">
      <c r="N614561" s="10"/>
    </row>
    <row r="614562" spans="14:14">
      <c r="N614562" s="10"/>
    </row>
    <row r="614563" spans="14:14">
      <c r="N614563" s="10"/>
    </row>
    <row r="614564" spans="14:14">
      <c r="N614564" s="10"/>
    </row>
    <row r="614565" spans="14:14">
      <c r="N614565" s="10"/>
    </row>
    <row r="614566" spans="14:14">
      <c r="N614566" s="10"/>
    </row>
    <row r="614567" spans="14:14">
      <c r="N614567" s="10"/>
    </row>
    <row r="614568" spans="14:14">
      <c r="N614568" s="10"/>
    </row>
    <row r="614569" spans="14:14">
      <c r="N614569" s="10"/>
    </row>
    <row r="614570" spans="14:14">
      <c r="N614570" s="10"/>
    </row>
    <row r="614571" spans="14:14">
      <c r="N614571" s="10"/>
    </row>
    <row r="614572" spans="14:14">
      <c r="N614572" s="10"/>
    </row>
    <row r="614573" spans="14:14">
      <c r="N614573" s="10"/>
    </row>
    <row r="614574" spans="14:14">
      <c r="N614574" s="10"/>
    </row>
    <row r="614575" spans="14:14">
      <c r="N614575" s="10"/>
    </row>
    <row r="614576" spans="14:14">
      <c r="N614576" s="10"/>
    </row>
    <row r="614577" spans="14:14">
      <c r="N614577" s="10"/>
    </row>
    <row r="614578" spans="14:14">
      <c r="N614578" s="10"/>
    </row>
    <row r="614579" spans="14:14">
      <c r="N614579" s="10"/>
    </row>
    <row r="614580" spans="14:14">
      <c r="N614580" s="10"/>
    </row>
    <row r="614581" spans="14:14">
      <c r="N614581" s="10"/>
    </row>
    <row r="614582" spans="14:14">
      <c r="N614582" s="10"/>
    </row>
    <row r="614583" spans="14:14">
      <c r="N614583" s="10"/>
    </row>
    <row r="614584" spans="14:14">
      <c r="N614584" s="10"/>
    </row>
    <row r="614585" spans="14:14">
      <c r="N614585" s="10"/>
    </row>
    <row r="614586" spans="14:14">
      <c r="N614586" s="10"/>
    </row>
    <row r="614587" spans="14:14">
      <c r="N614587" s="10"/>
    </row>
    <row r="614588" spans="14:14">
      <c r="N614588" s="10"/>
    </row>
    <row r="614589" spans="14:14">
      <c r="N614589" s="10"/>
    </row>
    <row r="614590" spans="14:14">
      <c r="N614590" s="10"/>
    </row>
    <row r="614591" spans="14:14">
      <c r="N614591" s="10"/>
    </row>
    <row r="614592" spans="14:14">
      <c r="N614592" s="10"/>
    </row>
    <row r="614593" spans="14:14">
      <c r="N614593" s="10"/>
    </row>
    <row r="614594" spans="14:14">
      <c r="N614594" s="10"/>
    </row>
    <row r="614595" spans="14:14">
      <c r="N614595" s="10"/>
    </row>
    <row r="614596" spans="14:14">
      <c r="N614596" s="10"/>
    </row>
    <row r="614597" spans="14:14">
      <c r="N614597" s="10"/>
    </row>
    <row r="614598" spans="14:14">
      <c r="N614598" s="10"/>
    </row>
    <row r="614599" spans="14:14">
      <c r="N614599" s="10"/>
    </row>
    <row r="614600" spans="14:14">
      <c r="N614600" s="10"/>
    </row>
    <row r="614601" spans="14:14">
      <c r="N614601" s="10"/>
    </row>
    <row r="614602" spans="14:14">
      <c r="N614602" s="10"/>
    </row>
    <row r="614603" spans="14:14">
      <c r="N614603" s="10"/>
    </row>
    <row r="614604" spans="14:14">
      <c r="N614604" s="10"/>
    </row>
    <row r="614605" spans="14:14">
      <c r="N614605" s="10"/>
    </row>
    <row r="614606" spans="14:14">
      <c r="N614606" s="10"/>
    </row>
    <row r="614607" spans="14:14">
      <c r="N614607" s="10"/>
    </row>
    <row r="614608" spans="14:14">
      <c r="N614608" s="10"/>
    </row>
    <row r="614609" spans="14:14">
      <c r="N614609" s="10"/>
    </row>
    <row r="614610" spans="14:14">
      <c r="N614610" s="10"/>
    </row>
    <row r="614611" spans="14:14">
      <c r="N614611" s="10"/>
    </row>
    <row r="614612" spans="14:14">
      <c r="N614612" s="10"/>
    </row>
    <row r="614613" spans="14:14">
      <c r="N614613" s="10"/>
    </row>
    <row r="614614" spans="14:14">
      <c r="N614614" s="10"/>
    </row>
    <row r="614615" spans="14:14">
      <c r="N614615" s="10"/>
    </row>
    <row r="614616" spans="14:14">
      <c r="N614616" s="10"/>
    </row>
    <row r="614617" spans="14:14">
      <c r="N614617" s="10"/>
    </row>
    <row r="614618" spans="14:14">
      <c r="N614618" s="10"/>
    </row>
    <row r="614619" spans="14:14">
      <c r="N614619" s="10"/>
    </row>
    <row r="614620" spans="14:14">
      <c r="N614620" s="10"/>
    </row>
    <row r="614621" spans="14:14">
      <c r="N614621" s="10"/>
    </row>
    <row r="614622" spans="14:14">
      <c r="N614622" s="10"/>
    </row>
    <row r="614623" spans="14:14">
      <c r="N614623" s="10"/>
    </row>
    <row r="614624" spans="14:14">
      <c r="N614624" s="10"/>
    </row>
    <row r="614625" spans="14:14">
      <c r="N614625" s="10"/>
    </row>
    <row r="614626" spans="14:14">
      <c r="N614626" s="10"/>
    </row>
    <row r="614627" spans="14:14">
      <c r="N614627" s="10"/>
    </row>
    <row r="614628" spans="14:14">
      <c r="N614628" s="10"/>
    </row>
    <row r="614629" spans="14:14">
      <c r="N614629" s="10"/>
    </row>
    <row r="614630" spans="14:14">
      <c r="N614630" s="10"/>
    </row>
    <row r="614631" spans="14:14">
      <c r="N614631" s="10"/>
    </row>
    <row r="614632" spans="14:14">
      <c r="N614632" s="10"/>
    </row>
    <row r="614633" spans="14:14">
      <c r="N614633" s="10"/>
    </row>
    <row r="614634" spans="14:14">
      <c r="N614634" s="10"/>
    </row>
    <row r="614635" spans="14:14">
      <c r="N614635" s="10"/>
    </row>
    <row r="614636" spans="14:14">
      <c r="N614636" s="10"/>
    </row>
    <row r="614637" spans="14:14">
      <c r="N614637" s="10"/>
    </row>
    <row r="614638" spans="14:14">
      <c r="N614638" s="10"/>
    </row>
    <row r="614639" spans="14:14">
      <c r="N614639" s="10"/>
    </row>
    <row r="614640" spans="14:14">
      <c r="N614640" s="10"/>
    </row>
    <row r="614641" spans="14:14">
      <c r="N614641" s="10"/>
    </row>
    <row r="614642" spans="14:14">
      <c r="N614642" s="10"/>
    </row>
    <row r="614643" spans="14:14">
      <c r="N614643" s="10"/>
    </row>
    <row r="614644" spans="14:14">
      <c r="N614644" s="10"/>
    </row>
    <row r="614645" spans="14:14">
      <c r="N614645" s="10"/>
    </row>
    <row r="614646" spans="14:14">
      <c r="N614646" s="10"/>
    </row>
    <row r="614647" spans="14:14">
      <c r="N614647" s="10"/>
    </row>
    <row r="614648" spans="14:14">
      <c r="N614648" s="10"/>
    </row>
    <row r="614649" spans="14:14">
      <c r="N614649" s="10"/>
    </row>
    <row r="614650" spans="14:14">
      <c r="N614650" s="10"/>
    </row>
    <row r="614651" spans="14:14">
      <c r="N614651" s="10"/>
    </row>
    <row r="614652" spans="14:14">
      <c r="N614652" s="10"/>
    </row>
    <row r="614653" spans="14:14">
      <c r="N614653" s="10"/>
    </row>
    <row r="614654" spans="14:14">
      <c r="N614654" s="10"/>
    </row>
    <row r="614655" spans="14:14">
      <c r="N614655" s="10"/>
    </row>
    <row r="614656" spans="14:14">
      <c r="N614656" s="10"/>
    </row>
    <row r="614657" spans="14:14">
      <c r="N614657" s="10"/>
    </row>
    <row r="614658" spans="14:14">
      <c r="N614658" s="10"/>
    </row>
    <row r="614659" spans="14:14">
      <c r="N614659" s="10"/>
    </row>
    <row r="614660" spans="14:14">
      <c r="N614660" s="10"/>
    </row>
    <row r="614661" spans="14:14">
      <c r="N614661" s="10"/>
    </row>
    <row r="614662" spans="14:14">
      <c r="N614662" s="10"/>
    </row>
    <row r="614663" spans="14:14">
      <c r="N614663" s="10"/>
    </row>
    <row r="614664" spans="14:14">
      <c r="N614664" s="10"/>
    </row>
    <row r="614665" spans="14:14">
      <c r="N614665" s="10"/>
    </row>
    <row r="614666" spans="14:14">
      <c r="N614666" s="10"/>
    </row>
    <row r="614667" spans="14:14">
      <c r="N614667" s="10"/>
    </row>
    <row r="614668" spans="14:14">
      <c r="N614668" s="10"/>
    </row>
    <row r="614669" spans="14:14">
      <c r="N614669" s="10"/>
    </row>
    <row r="614670" spans="14:14">
      <c r="N614670" s="10"/>
    </row>
    <row r="614671" spans="14:14">
      <c r="N614671" s="10"/>
    </row>
    <row r="614672" spans="14:14">
      <c r="N614672" s="10"/>
    </row>
    <row r="614673" spans="14:14">
      <c r="N614673" s="10"/>
    </row>
    <row r="614674" spans="14:14">
      <c r="N614674" s="10"/>
    </row>
    <row r="614675" spans="14:14">
      <c r="N614675" s="10"/>
    </row>
    <row r="614676" spans="14:14">
      <c r="N614676" s="10"/>
    </row>
    <row r="614677" spans="14:14">
      <c r="N614677" s="10"/>
    </row>
    <row r="614678" spans="14:14">
      <c r="N614678" s="10"/>
    </row>
    <row r="614679" spans="14:14">
      <c r="N614679" s="10"/>
    </row>
    <row r="614680" spans="14:14">
      <c r="N614680" s="10"/>
    </row>
    <row r="614681" spans="14:14">
      <c r="N614681" s="10"/>
    </row>
    <row r="614682" spans="14:14">
      <c r="N614682" s="10"/>
    </row>
    <row r="614683" spans="14:14">
      <c r="N614683" s="10"/>
    </row>
    <row r="614684" spans="14:14">
      <c r="N614684" s="10"/>
    </row>
    <row r="614685" spans="14:14">
      <c r="N614685" s="10"/>
    </row>
    <row r="614686" spans="14:14">
      <c r="N614686" s="10"/>
    </row>
    <row r="614687" spans="14:14">
      <c r="N614687" s="10"/>
    </row>
    <row r="614688" spans="14:14">
      <c r="N614688" s="10"/>
    </row>
    <row r="614689" spans="14:14">
      <c r="N614689" s="10"/>
    </row>
    <row r="614690" spans="14:14">
      <c r="N614690" s="10"/>
    </row>
    <row r="614691" spans="14:14">
      <c r="N614691" s="10"/>
    </row>
    <row r="614692" spans="14:14">
      <c r="N614692" s="10"/>
    </row>
    <row r="614693" spans="14:14">
      <c r="N614693" s="10"/>
    </row>
    <row r="614694" spans="14:14">
      <c r="N614694" s="10"/>
    </row>
    <row r="614695" spans="14:14">
      <c r="N614695" s="10"/>
    </row>
    <row r="614696" spans="14:14">
      <c r="N614696" s="10"/>
    </row>
    <row r="614697" spans="14:14">
      <c r="N614697" s="10"/>
    </row>
    <row r="614698" spans="14:14">
      <c r="N614698" s="10"/>
    </row>
    <row r="614699" spans="14:14">
      <c r="N614699" s="10"/>
    </row>
    <row r="614700" spans="14:14">
      <c r="N614700" s="10"/>
    </row>
    <row r="614701" spans="14:14">
      <c r="N614701" s="10"/>
    </row>
    <row r="614702" spans="14:14">
      <c r="N614702" s="10"/>
    </row>
    <row r="614703" spans="14:14">
      <c r="N614703" s="10"/>
    </row>
    <row r="614704" spans="14:14">
      <c r="N614704" s="10"/>
    </row>
    <row r="614705" spans="14:14">
      <c r="N614705" s="10"/>
    </row>
    <row r="614706" spans="14:14">
      <c r="N614706" s="10"/>
    </row>
    <row r="614707" spans="14:14">
      <c r="N614707" s="10"/>
    </row>
    <row r="614708" spans="14:14">
      <c r="N614708" s="10"/>
    </row>
    <row r="614709" spans="14:14">
      <c r="N614709" s="10"/>
    </row>
    <row r="614710" spans="14:14">
      <c r="N614710" s="10"/>
    </row>
    <row r="614711" spans="14:14">
      <c r="N614711" s="10"/>
    </row>
    <row r="614712" spans="14:14">
      <c r="N614712" s="10"/>
    </row>
    <row r="614713" spans="14:14">
      <c r="N614713" s="10"/>
    </row>
    <row r="614714" spans="14:14">
      <c r="N614714" s="10"/>
    </row>
    <row r="614715" spans="14:14">
      <c r="N614715" s="10"/>
    </row>
    <row r="614716" spans="14:14">
      <c r="N614716" s="10"/>
    </row>
    <row r="614717" spans="14:14">
      <c r="N614717" s="10"/>
    </row>
    <row r="614718" spans="14:14">
      <c r="N614718" s="10"/>
    </row>
    <row r="614719" spans="14:14">
      <c r="N614719" s="10"/>
    </row>
    <row r="614720" spans="14:14">
      <c r="N614720" s="10"/>
    </row>
    <row r="614721" spans="14:14">
      <c r="N614721" s="10"/>
    </row>
    <row r="614722" spans="14:14">
      <c r="N614722" s="10"/>
    </row>
    <row r="614723" spans="14:14">
      <c r="N614723" s="10"/>
    </row>
    <row r="614724" spans="14:14">
      <c r="N614724" s="10"/>
    </row>
    <row r="614725" spans="14:14">
      <c r="N614725" s="10"/>
    </row>
    <row r="614726" spans="14:14">
      <c r="N614726" s="10"/>
    </row>
    <row r="614727" spans="14:14">
      <c r="N614727" s="10"/>
    </row>
    <row r="614728" spans="14:14">
      <c r="N614728" s="10"/>
    </row>
    <row r="614729" spans="14:14">
      <c r="N614729" s="10"/>
    </row>
    <row r="614730" spans="14:14">
      <c r="N614730" s="10"/>
    </row>
    <row r="614731" spans="14:14">
      <c r="N614731" s="10"/>
    </row>
    <row r="614732" spans="14:14">
      <c r="N614732" s="10"/>
    </row>
    <row r="614733" spans="14:14">
      <c r="N614733" s="10"/>
    </row>
    <row r="614734" spans="14:14">
      <c r="N614734" s="10"/>
    </row>
    <row r="614735" spans="14:14">
      <c r="N614735" s="10"/>
    </row>
    <row r="614736" spans="14:14">
      <c r="N614736" s="10"/>
    </row>
    <row r="614737" spans="14:14">
      <c r="N614737" s="10"/>
    </row>
    <row r="614738" spans="14:14">
      <c r="N614738" s="10"/>
    </row>
    <row r="614739" spans="14:14">
      <c r="N614739" s="10"/>
    </row>
    <row r="614740" spans="14:14">
      <c r="N614740" s="10"/>
    </row>
    <row r="614741" spans="14:14">
      <c r="N614741" s="10"/>
    </row>
    <row r="614742" spans="14:14">
      <c r="N614742" s="10"/>
    </row>
    <row r="614743" spans="14:14">
      <c r="N614743" s="10"/>
    </row>
    <row r="614744" spans="14:14">
      <c r="N614744" s="10"/>
    </row>
    <row r="614745" spans="14:14">
      <c r="N614745" s="10"/>
    </row>
    <row r="614746" spans="14:14">
      <c r="N614746" s="10"/>
    </row>
    <row r="614747" spans="14:14">
      <c r="N614747" s="10"/>
    </row>
    <row r="614748" spans="14:14">
      <c r="N614748" s="10"/>
    </row>
    <row r="614749" spans="14:14">
      <c r="N614749" s="10"/>
    </row>
    <row r="614750" spans="14:14">
      <c r="N614750" s="10"/>
    </row>
    <row r="614751" spans="14:14">
      <c r="N614751" s="10"/>
    </row>
    <row r="614752" spans="14:14">
      <c r="N614752" s="10"/>
    </row>
    <row r="614753" spans="14:14">
      <c r="N614753" s="10"/>
    </row>
    <row r="614754" spans="14:14">
      <c r="N614754" s="10"/>
    </row>
    <row r="614755" spans="14:14">
      <c r="N614755" s="10"/>
    </row>
    <row r="614756" spans="14:14">
      <c r="N614756" s="10"/>
    </row>
    <row r="614757" spans="14:14">
      <c r="N614757" s="10"/>
    </row>
    <row r="614758" spans="14:14">
      <c r="N614758" s="10"/>
    </row>
    <row r="614759" spans="14:14">
      <c r="N614759" s="10"/>
    </row>
    <row r="614760" spans="14:14">
      <c r="N614760" s="10"/>
    </row>
    <row r="614761" spans="14:14">
      <c r="N614761" s="10"/>
    </row>
    <row r="614762" spans="14:14">
      <c r="N614762" s="10"/>
    </row>
    <row r="614763" spans="14:14">
      <c r="N614763" s="10"/>
    </row>
    <row r="614764" spans="14:14">
      <c r="N614764" s="10"/>
    </row>
    <row r="614765" spans="14:14">
      <c r="N614765" s="10"/>
    </row>
    <row r="614766" spans="14:14">
      <c r="N614766" s="10"/>
    </row>
    <row r="614767" spans="14:14">
      <c r="N614767" s="10"/>
    </row>
    <row r="614768" spans="14:14">
      <c r="N614768" s="10"/>
    </row>
    <row r="614769" spans="14:14">
      <c r="N614769" s="10"/>
    </row>
    <row r="614770" spans="14:14">
      <c r="N614770" s="10"/>
    </row>
    <row r="614771" spans="14:14">
      <c r="N614771" s="10"/>
    </row>
    <row r="614772" spans="14:14">
      <c r="N614772" s="10"/>
    </row>
    <row r="614773" spans="14:14">
      <c r="N614773" s="10"/>
    </row>
    <row r="614774" spans="14:14">
      <c r="N614774" s="10"/>
    </row>
    <row r="614775" spans="14:14">
      <c r="N614775" s="10"/>
    </row>
    <row r="614776" spans="14:14">
      <c r="N614776" s="10"/>
    </row>
    <row r="614777" spans="14:14">
      <c r="N614777" s="10"/>
    </row>
    <row r="614778" spans="14:14">
      <c r="N614778" s="10"/>
    </row>
    <row r="614779" spans="14:14">
      <c r="N614779" s="10"/>
    </row>
    <row r="614780" spans="14:14">
      <c r="N614780" s="10"/>
    </row>
    <row r="614781" spans="14:14">
      <c r="N614781" s="10"/>
    </row>
    <row r="614782" spans="14:14">
      <c r="N614782" s="10"/>
    </row>
    <row r="614783" spans="14:14">
      <c r="N614783" s="10"/>
    </row>
    <row r="614784" spans="14:14">
      <c r="N614784" s="10"/>
    </row>
    <row r="614785" spans="14:14">
      <c r="N614785" s="10"/>
    </row>
    <row r="614786" spans="14:14">
      <c r="N614786" s="10"/>
    </row>
    <row r="614787" spans="14:14">
      <c r="N614787" s="10"/>
    </row>
    <row r="614788" spans="14:14">
      <c r="N614788" s="10"/>
    </row>
    <row r="614789" spans="14:14">
      <c r="N614789" s="10"/>
    </row>
    <row r="614790" spans="14:14">
      <c r="N614790" s="10"/>
    </row>
    <row r="614791" spans="14:14">
      <c r="N614791" s="10"/>
    </row>
    <row r="614792" spans="14:14">
      <c r="N614792" s="10"/>
    </row>
    <row r="614793" spans="14:14">
      <c r="N614793" s="10"/>
    </row>
    <row r="614794" spans="14:14">
      <c r="N614794" s="10"/>
    </row>
    <row r="614795" spans="14:14">
      <c r="N614795" s="10"/>
    </row>
    <row r="614796" spans="14:14">
      <c r="N614796" s="10"/>
    </row>
    <row r="614797" spans="14:14">
      <c r="N614797" s="10"/>
    </row>
    <row r="614798" spans="14:14">
      <c r="N614798" s="10"/>
    </row>
    <row r="614799" spans="14:14">
      <c r="N614799" s="10"/>
    </row>
    <row r="614800" spans="14:14">
      <c r="N614800" s="10"/>
    </row>
    <row r="614801" spans="14:14">
      <c r="N614801" s="10"/>
    </row>
    <row r="614802" spans="14:14">
      <c r="N614802" s="10"/>
    </row>
    <row r="614803" spans="14:14">
      <c r="N614803" s="10"/>
    </row>
    <row r="614804" spans="14:14">
      <c r="N614804" s="10"/>
    </row>
    <row r="614805" spans="14:14">
      <c r="N614805" s="10"/>
    </row>
    <row r="614806" spans="14:14">
      <c r="N614806" s="10"/>
    </row>
    <row r="614807" spans="14:14">
      <c r="N614807" s="10"/>
    </row>
    <row r="614808" spans="14:14">
      <c r="N614808" s="10"/>
    </row>
    <row r="614809" spans="14:14">
      <c r="N614809" s="10"/>
    </row>
    <row r="614810" spans="14:14">
      <c r="N614810" s="10"/>
    </row>
    <row r="614811" spans="14:14">
      <c r="N614811" s="10"/>
    </row>
    <row r="614812" spans="14:14">
      <c r="N614812" s="10"/>
    </row>
    <row r="614813" spans="14:14">
      <c r="N614813" s="10"/>
    </row>
    <row r="614814" spans="14:14">
      <c r="N614814" s="10"/>
    </row>
    <row r="614815" spans="14:14">
      <c r="N614815" s="10"/>
    </row>
    <row r="614816" spans="14:14">
      <c r="N614816" s="10"/>
    </row>
    <row r="614817" spans="14:14">
      <c r="N614817" s="10"/>
    </row>
    <row r="614818" spans="14:14">
      <c r="N614818" s="10"/>
    </row>
    <row r="614819" spans="14:14">
      <c r="N614819" s="10"/>
    </row>
    <row r="614820" spans="14:14">
      <c r="N614820" s="10"/>
    </row>
    <row r="614821" spans="14:14">
      <c r="N614821" s="10"/>
    </row>
    <row r="614822" spans="14:14">
      <c r="N614822" s="10"/>
    </row>
    <row r="614823" spans="14:14">
      <c r="N614823" s="10"/>
    </row>
    <row r="614824" spans="14:14">
      <c r="N614824" s="10"/>
    </row>
    <row r="614825" spans="14:14">
      <c r="N614825" s="10"/>
    </row>
    <row r="614826" spans="14:14">
      <c r="N614826" s="10"/>
    </row>
    <row r="614827" spans="14:14">
      <c r="N614827" s="10"/>
    </row>
    <row r="614828" spans="14:14">
      <c r="N614828" s="10"/>
    </row>
    <row r="614829" spans="14:14">
      <c r="N614829" s="10"/>
    </row>
    <row r="614830" spans="14:14">
      <c r="N614830" s="10"/>
    </row>
    <row r="614831" spans="14:14">
      <c r="N614831" s="10"/>
    </row>
    <row r="614832" spans="14:14">
      <c r="N614832" s="10"/>
    </row>
    <row r="614833" spans="14:14">
      <c r="N614833" s="10"/>
    </row>
    <row r="614834" spans="14:14">
      <c r="N614834" s="10"/>
    </row>
    <row r="614835" spans="14:14">
      <c r="N614835" s="10"/>
    </row>
    <row r="614836" spans="14:14">
      <c r="N614836" s="10"/>
    </row>
    <row r="614837" spans="14:14">
      <c r="N614837" s="10"/>
    </row>
    <row r="614838" spans="14:14">
      <c r="N614838" s="10"/>
    </row>
    <row r="614839" spans="14:14">
      <c r="N614839" s="10"/>
    </row>
    <row r="614840" spans="14:14">
      <c r="N614840" s="10"/>
    </row>
    <row r="614841" spans="14:14">
      <c r="N614841" s="10"/>
    </row>
    <row r="614842" spans="14:14">
      <c r="N614842" s="10"/>
    </row>
    <row r="614843" spans="14:14">
      <c r="N614843" s="10"/>
    </row>
    <row r="614844" spans="14:14">
      <c r="N614844" s="10"/>
    </row>
    <row r="614845" spans="14:14">
      <c r="N614845" s="10"/>
    </row>
    <row r="614846" spans="14:14">
      <c r="N614846" s="10"/>
    </row>
    <row r="614847" spans="14:14">
      <c r="N614847" s="10"/>
    </row>
    <row r="614848" spans="14:14">
      <c r="N614848" s="10"/>
    </row>
    <row r="614849" spans="14:14">
      <c r="N614849" s="10"/>
    </row>
    <row r="614850" spans="14:14">
      <c r="N614850" s="10"/>
    </row>
    <row r="614851" spans="14:14">
      <c r="N614851" s="10"/>
    </row>
    <row r="614852" spans="14:14">
      <c r="N614852" s="10"/>
    </row>
    <row r="614853" spans="14:14">
      <c r="N614853" s="10"/>
    </row>
    <row r="614854" spans="14:14">
      <c r="N614854" s="10"/>
    </row>
    <row r="614855" spans="14:14">
      <c r="N614855" s="10"/>
    </row>
    <row r="614856" spans="14:14">
      <c r="N614856" s="10"/>
    </row>
    <row r="614857" spans="14:14">
      <c r="N614857" s="10"/>
    </row>
    <row r="614858" spans="14:14">
      <c r="N614858" s="10"/>
    </row>
    <row r="614859" spans="14:14">
      <c r="N614859" s="10"/>
    </row>
    <row r="614860" spans="14:14">
      <c r="N614860" s="10"/>
    </row>
    <row r="614861" spans="14:14">
      <c r="N614861" s="10"/>
    </row>
    <row r="614862" spans="14:14">
      <c r="N614862" s="10"/>
    </row>
    <row r="614863" spans="14:14">
      <c r="N614863" s="10"/>
    </row>
    <row r="614864" spans="14:14">
      <c r="N614864" s="10"/>
    </row>
    <row r="614865" spans="14:14">
      <c r="N614865" s="10"/>
    </row>
    <row r="614866" spans="14:14">
      <c r="N614866" s="10"/>
    </row>
    <row r="614867" spans="14:14">
      <c r="N614867" s="10"/>
    </row>
    <row r="614868" spans="14:14">
      <c r="N614868" s="10"/>
    </row>
    <row r="614869" spans="14:14">
      <c r="N614869" s="10"/>
    </row>
    <row r="614870" spans="14:14">
      <c r="N614870" s="10"/>
    </row>
    <row r="614871" spans="14:14">
      <c r="N614871" s="10"/>
    </row>
    <row r="614872" spans="14:14">
      <c r="N614872" s="10"/>
    </row>
    <row r="614873" spans="14:14">
      <c r="N614873" s="10"/>
    </row>
    <row r="614874" spans="14:14">
      <c r="N614874" s="10"/>
    </row>
    <row r="614875" spans="14:14">
      <c r="N614875" s="10"/>
    </row>
    <row r="614876" spans="14:14">
      <c r="N614876" s="10"/>
    </row>
    <row r="614877" spans="14:14">
      <c r="N614877" s="10"/>
    </row>
    <row r="614878" spans="14:14">
      <c r="N614878" s="10"/>
    </row>
    <row r="614879" spans="14:14">
      <c r="N614879" s="10"/>
    </row>
    <row r="614880" spans="14:14">
      <c r="N614880" s="10"/>
    </row>
    <row r="614881" spans="14:14">
      <c r="N614881" s="10"/>
    </row>
    <row r="614882" spans="14:14">
      <c r="N614882" s="10"/>
    </row>
    <row r="614883" spans="14:14">
      <c r="N614883" s="10"/>
    </row>
    <row r="614884" spans="14:14">
      <c r="N614884" s="10"/>
    </row>
    <row r="614885" spans="14:14">
      <c r="N614885" s="10"/>
    </row>
    <row r="614886" spans="14:14">
      <c r="N614886" s="10"/>
    </row>
    <row r="614887" spans="14:14">
      <c r="N614887" s="10"/>
    </row>
    <row r="614888" spans="14:14">
      <c r="N614888" s="10"/>
    </row>
    <row r="614889" spans="14:14">
      <c r="N614889" s="10"/>
    </row>
    <row r="614890" spans="14:14">
      <c r="N614890" s="10"/>
    </row>
    <row r="614891" spans="14:14">
      <c r="N614891" s="10"/>
    </row>
    <row r="614892" spans="14:14">
      <c r="N614892" s="10"/>
    </row>
    <row r="614893" spans="14:14">
      <c r="N614893" s="10"/>
    </row>
    <row r="614894" spans="14:14">
      <c r="N614894" s="10"/>
    </row>
    <row r="614895" spans="14:14">
      <c r="N614895" s="10"/>
    </row>
    <row r="614896" spans="14:14">
      <c r="N614896" s="10"/>
    </row>
    <row r="614897" spans="14:14">
      <c r="N614897" s="10"/>
    </row>
    <row r="614898" spans="14:14">
      <c r="N614898" s="10"/>
    </row>
    <row r="614899" spans="14:14">
      <c r="N614899" s="10"/>
    </row>
    <row r="614900" spans="14:14">
      <c r="N614900" s="10"/>
    </row>
    <row r="614901" spans="14:14">
      <c r="N614901" s="10"/>
    </row>
    <row r="614902" spans="14:14">
      <c r="N614902" s="10"/>
    </row>
    <row r="614903" spans="14:14">
      <c r="N614903" s="10"/>
    </row>
    <row r="614904" spans="14:14">
      <c r="N614904" s="10"/>
    </row>
    <row r="614905" spans="14:14">
      <c r="N614905" s="10"/>
    </row>
    <row r="614906" spans="14:14">
      <c r="N614906" s="10"/>
    </row>
    <row r="614907" spans="14:14">
      <c r="N614907" s="10"/>
    </row>
    <row r="614908" spans="14:14">
      <c r="N614908" s="10"/>
    </row>
    <row r="614909" spans="14:14">
      <c r="N614909" s="10"/>
    </row>
    <row r="614910" spans="14:14">
      <c r="N614910" s="10"/>
    </row>
    <row r="614911" spans="14:14">
      <c r="N614911" s="10"/>
    </row>
    <row r="614912" spans="14:14">
      <c r="N614912" s="10"/>
    </row>
    <row r="614913" spans="14:14">
      <c r="N614913" s="10"/>
    </row>
    <row r="614914" spans="14:14">
      <c r="N614914" s="10"/>
    </row>
    <row r="614915" spans="14:14">
      <c r="N614915" s="10"/>
    </row>
    <row r="614916" spans="14:14">
      <c r="N614916" s="10"/>
    </row>
    <row r="614917" spans="14:14">
      <c r="N614917" s="10"/>
    </row>
    <row r="614918" spans="14:14">
      <c r="N614918" s="10"/>
    </row>
    <row r="614919" spans="14:14">
      <c r="N614919" s="10"/>
    </row>
    <row r="614920" spans="14:14">
      <c r="N614920" s="10"/>
    </row>
    <row r="614921" spans="14:14">
      <c r="N614921" s="10"/>
    </row>
    <row r="614922" spans="14:14">
      <c r="N614922" s="10"/>
    </row>
    <row r="614923" spans="14:14">
      <c r="N614923" s="10"/>
    </row>
    <row r="614924" spans="14:14">
      <c r="N614924" s="10"/>
    </row>
    <row r="614925" spans="14:14">
      <c r="N614925" s="10"/>
    </row>
    <row r="614926" spans="14:14">
      <c r="N614926" s="10"/>
    </row>
    <row r="614927" spans="14:14">
      <c r="N614927" s="10"/>
    </row>
    <row r="614928" spans="14:14">
      <c r="N614928" s="10"/>
    </row>
    <row r="614929" spans="14:14">
      <c r="N614929" s="10"/>
    </row>
    <row r="614930" spans="14:14">
      <c r="N614930" s="10"/>
    </row>
    <row r="614931" spans="14:14">
      <c r="N614931" s="10"/>
    </row>
    <row r="614932" spans="14:14">
      <c r="N614932" s="10"/>
    </row>
    <row r="614933" spans="14:14">
      <c r="N614933" s="10"/>
    </row>
    <row r="614934" spans="14:14">
      <c r="N614934" s="10"/>
    </row>
    <row r="614935" spans="14:14">
      <c r="N614935" s="10"/>
    </row>
    <row r="614936" spans="14:14">
      <c r="N614936" s="10"/>
    </row>
    <row r="614937" spans="14:14">
      <c r="N614937" s="10"/>
    </row>
    <row r="614938" spans="14:14">
      <c r="N614938" s="10"/>
    </row>
    <row r="614939" spans="14:14">
      <c r="N614939" s="10"/>
    </row>
    <row r="614940" spans="14:14">
      <c r="N614940" s="10"/>
    </row>
    <row r="614941" spans="14:14">
      <c r="N614941" s="10"/>
    </row>
    <row r="614942" spans="14:14">
      <c r="N614942" s="10"/>
    </row>
    <row r="614943" spans="14:14">
      <c r="N614943" s="10"/>
    </row>
    <row r="614944" spans="14:14">
      <c r="N614944" s="10"/>
    </row>
    <row r="614945" spans="14:14">
      <c r="N614945" s="10"/>
    </row>
    <row r="614946" spans="14:14">
      <c r="N614946" s="10"/>
    </row>
    <row r="614947" spans="14:14">
      <c r="N614947" s="10"/>
    </row>
    <row r="614948" spans="14:14">
      <c r="N614948" s="10"/>
    </row>
    <row r="614949" spans="14:14">
      <c r="N614949" s="10"/>
    </row>
    <row r="614950" spans="14:14">
      <c r="N614950" s="10"/>
    </row>
    <row r="614951" spans="14:14">
      <c r="N614951" s="10"/>
    </row>
    <row r="614952" spans="14:14">
      <c r="N614952" s="10"/>
    </row>
    <row r="614953" spans="14:14">
      <c r="N614953" s="10"/>
    </row>
    <row r="614954" spans="14:14">
      <c r="N614954" s="10"/>
    </row>
    <row r="614955" spans="14:14">
      <c r="N614955" s="10"/>
    </row>
    <row r="614956" spans="14:14">
      <c r="N614956" s="10"/>
    </row>
    <row r="614957" spans="14:14">
      <c r="N614957" s="10"/>
    </row>
    <row r="614958" spans="14:14">
      <c r="N614958" s="10"/>
    </row>
    <row r="614959" spans="14:14">
      <c r="N614959" s="10"/>
    </row>
    <row r="614960" spans="14:14">
      <c r="N614960" s="10"/>
    </row>
    <row r="614961" spans="14:14">
      <c r="N614961" s="10"/>
    </row>
    <row r="614962" spans="14:14">
      <c r="N614962" s="10"/>
    </row>
    <row r="614963" spans="14:14">
      <c r="N614963" s="10"/>
    </row>
    <row r="614964" spans="14:14">
      <c r="N614964" s="10"/>
    </row>
    <row r="614965" spans="14:14">
      <c r="N614965" s="10"/>
    </row>
    <row r="614966" spans="14:14">
      <c r="N614966" s="10"/>
    </row>
    <row r="614967" spans="14:14">
      <c r="N614967" s="10"/>
    </row>
    <row r="614968" spans="14:14">
      <c r="N614968" s="10"/>
    </row>
    <row r="614969" spans="14:14">
      <c r="N614969" s="10"/>
    </row>
    <row r="614970" spans="14:14">
      <c r="N614970" s="10"/>
    </row>
    <row r="614971" spans="14:14">
      <c r="N614971" s="10"/>
    </row>
    <row r="614972" spans="14:14">
      <c r="N614972" s="10"/>
    </row>
    <row r="614973" spans="14:14">
      <c r="N614973" s="10"/>
    </row>
    <row r="614974" spans="14:14">
      <c r="N614974" s="10"/>
    </row>
    <row r="614975" spans="14:14">
      <c r="N614975" s="10"/>
    </row>
    <row r="614976" spans="14:14">
      <c r="N614976" s="10"/>
    </row>
    <row r="614977" spans="14:14">
      <c r="N614977" s="10"/>
    </row>
    <row r="614978" spans="14:14">
      <c r="N614978" s="10"/>
    </row>
    <row r="614979" spans="14:14">
      <c r="N614979" s="10"/>
    </row>
    <row r="614980" spans="14:14">
      <c r="N614980" s="10"/>
    </row>
    <row r="614981" spans="14:14">
      <c r="N614981" s="10"/>
    </row>
    <row r="614982" spans="14:14">
      <c r="N614982" s="10"/>
    </row>
    <row r="614983" spans="14:14">
      <c r="N614983" s="10"/>
    </row>
    <row r="614984" spans="14:14">
      <c r="N614984" s="10"/>
    </row>
    <row r="614985" spans="14:14">
      <c r="N614985" s="10"/>
    </row>
    <row r="614986" spans="14:14">
      <c r="N614986" s="10"/>
    </row>
    <row r="614987" spans="14:14">
      <c r="N614987" s="10"/>
    </row>
    <row r="614988" spans="14:14">
      <c r="N614988" s="10"/>
    </row>
    <row r="614989" spans="14:14">
      <c r="N614989" s="10"/>
    </row>
    <row r="614990" spans="14:14">
      <c r="N614990" s="10"/>
    </row>
    <row r="614991" spans="14:14">
      <c r="N614991" s="10"/>
    </row>
    <row r="614992" spans="14:14">
      <c r="N614992" s="10"/>
    </row>
    <row r="614993" spans="14:14">
      <c r="N614993" s="10"/>
    </row>
    <row r="614994" spans="14:14">
      <c r="N614994" s="10"/>
    </row>
    <row r="614995" spans="14:14">
      <c r="N614995" s="10"/>
    </row>
    <row r="614996" spans="14:14">
      <c r="N614996" s="10"/>
    </row>
    <row r="614997" spans="14:14">
      <c r="N614997" s="10"/>
    </row>
    <row r="614998" spans="14:14">
      <c r="N614998" s="10"/>
    </row>
    <row r="614999" spans="14:14">
      <c r="N614999" s="10"/>
    </row>
    <row r="615000" spans="14:14">
      <c r="N615000" s="10"/>
    </row>
    <row r="615001" spans="14:14">
      <c r="N615001" s="10"/>
    </row>
    <row r="615002" spans="14:14">
      <c r="N615002" s="10"/>
    </row>
    <row r="615003" spans="14:14">
      <c r="N615003" s="10"/>
    </row>
    <row r="615004" spans="14:14">
      <c r="N615004" s="10"/>
    </row>
    <row r="615005" spans="14:14">
      <c r="N615005" s="10"/>
    </row>
    <row r="615006" spans="14:14">
      <c r="N615006" s="10"/>
    </row>
    <row r="615007" spans="14:14">
      <c r="N615007" s="10"/>
    </row>
    <row r="615008" spans="14:14">
      <c r="N615008" s="10"/>
    </row>
    <row r="615009" spans="14:14">
      <c r="N615009" s="10"/>
    </row>
    <row r="615010" spans="14:14">
      <c r="N615010" s="10"/>
    </row>
    <row r="615011" spans="14:14">
      <c r="N615011" s="10"/>
    </row>
    <row r="615012" spans="14:14">
      <c r="N615012" s="10"/>
    </row>
    <row r="615013" spans="14:14">
      <c r="N615013" s="10"/>
    </row>
    <row r="615014" spans="14:14">
      <c r="N615014" s="10"/>
    </row>
    <row r="615015" spans="14:14">
      <c r="N615015" s="10"/>
    </row>
    <row r="615016" spans="14:14">
      <c r="N615016" s="10"/>
    </row>
    <row r="615017" spans="14:14">
      <c r="N615017" s="10"/>
    </row>
    <row r="615018" spans="14:14">
      <c r="N615018" s="10"/>
    </row>
    <row r="615019" spans="14:14">
      <c r="N615019" s="10"/>
    </row>
    <row r="615020" spans="14:14">
      <c r="N615020" s="10"/>
    </row>
    <row r="615021" spans="14:14">
      <c r="N615021" s="10"/>
    </row>
    <row r="615022" spans="14:14">
      <c r="N615022" s="10"/>
    </row>
    <row r="615023" spans="14:14">
      <c r="N615023" s="10"/>
    </row>
    <row r="615024" spans="14:14">
      <c r="N615024" s="10"/>
    </row>
    <row r="615025" spans="14:14">
      <c r="N615025" s="10"/>
    </row>
    <row r="615026" spans="14:14">
      <c r="N615026" s="10"/>
    </row>
    <row r="615027" spans="14:14">
      <c r="N615027" s="10"/>
    </row>
    <row r="615028" spans="14:14">
      <c r="N615028" s="10"/>
    </row>
    <row r="615029" spans="14:14">
      <c r="N615029" s="10"/>
    </row>
    <row r="615030" spans="14:14">
      <c r="N615030" s="10"/>
    </row>
    <row r="615031" spans="14:14">
      <c r="N615031" s="10"/>
    </row>
    <row r="615032" spans="14:14">
      <c r="N615032" s="10"/>
    </row>
    <row r="615033" spans="14:14">
      <c r="N615033" s="10"/>
    </row>
    <row r="615034" spans="14:14">
      <c r="N615034" s="10"/>
    </row>
    <row r="615035" spans="14:14">
      <c r="N615035" s="10"/>
    </row>
    <row r="615036" spans="14:14">
      <c r="N615036" s="10"/>
    </row>
    <row r="615037" spans="14:14">
      <c r="N615037" s="10"/>
    </row>
    <row r="615038" spans="14:14">
      <c r="N615038" s="10"/>
    </row>
    <row r="615039" spans="14:14">
      <c r="N615039" s="10"/>
    </row>
    <row r="615040" spans="14:14">
      <c r="N615040" s="10"/>
    </row>
    <row r="615041" spans="14:14">
      <c r="N615041" s="10"/>
    </row>
    <row r="615042" spans="14:14">
      <c r="N615042" s="10"/>
    </row>
    <row r="615043" spans="14:14">
      <c r="N615043" s="10"/>
    </row>
    <row r="615044" spans="14:14">
      <c r="N615044" s="10"/>
    </row>
    <row r="615045" spans="14:14">
      <c r="N615045" s="10"/>
    </row>
    <row r="615046" spans="14:14">
      <c r="N615046" s="10"/>
    </row>
    <row r="615047" spans="14:14">
      <c r="N615047" s="10"/>
    </row>
    <row r="615048" spans="14:14">
      <c r="N615048" s="10"/>
    </row>
    <row r="615049" spans="14:14">
      <c r="N615049" s="10"/>
    </row>
    <row r="615050" spans="14:14">
      <c r="N615050" s="10"/>
    </row>
    <row r="615051" spans="14:14">
      <c r="N615051" s="10"/>
    </row>
    <row r="615052" spans="14:14">
      <c r="N615052" s="10"/>
    </row>
    <row r="615053" spans="14:14">
      <c r="N615053" s="10"/>
    </row>
    <row r="615054" spans="14:14">
      <c r="N615054" s="10"/>
    </row>
    <row r="615055" spans="14:14">
      <c r="N615055" s="10"/>
    </row>
    <row r="615056" spans="14:14">
      <c r="N615056" s="10"/>
    </row>
    <row r="615057" spans="14:14">
      <c r="N615057" s="10"/>
    </row>
    <row r="615058" spans="14:14">
      <c r="N615058" s="10"/>
    </row>
    <row r="615059" spans="14:14">
      <c r="N615059" s="10"/>
    </row>
    <row r="615060" spans="14:14">
      <c r="N615060" s="10"/>
    </row>
    <row r="615061" spans="14:14">
      <c r="N615061" s="10"/>
    </row>
    <row r="615062" spans="14:14">
      <c r="N615062" s="10"/>
    </row>
    <row r="615063" spans="14:14">
      <c r="N615063" s="10"/>
    </row>
    <row r="615064" spans="14:14">
      <c r="N615064" s="10"/>
    </row>
    <row r="615065" spans="14:14">
      <c r="N615065" s="10"/>
    </row>
    <row r="615066" spans="14:14">
      <c r="N615066" s="10"/>
    </row>
    <row r="615067" spans="14:14">
      <c r="N615067" s="10"/>
    </row>
    <row r="615068" spans="14:14">
      <c r="N615068" s="10"/>
    </row>
    <row r="615069" spans="14:14">
      <c r="N615069" s="10"/>
    </row>
    <row r="615070" spans="14:14">
      <c r="N615070" s="10"/>
    </row>
    <row r="615071" spans="14:14">
      <c r="N615071" s="10"/>
    </row>
    <row r="615072" spans="14:14">
      <c r="N615072" s="10"/>
    </row>
    <row r="615073" spans="14:14">
      <c r="N615073" s="10"/>
    </row>
    <row r="615074" spans="14:14">
      <c r="N615074" s="10"/>
    </row>
    <row r="615075" spans="14:14">
      <c r="N615075" s="10"/>
    </row>
    <row r="615076" spans="14:14">
      <c r="N615076" s="10"/>
    </row>
    <row r="615077" spans="14:14">
      <c r="N615077" s="10"/>
    </row>
    <row r="615078" spans="14:14">
      <c r="N615078" s="10"/>
    </row>
    <row r="615079" spans="14:14">
      <c r="N615079" s="10"/>
    </row>
    <row r="615080" spans="14:14">
      <c r="N615080" s="10"/>
    </row>
    <row r="615081" spans="14:14">
      <c r="N615081" s="10"/>
    </row>
    <row r="615082" spans="14:14">
      <c r="N615082" s="10"/>
    </row>
    <row r="615083" spans="14:14">
      <c r="N615083" s="10"/>
    </row>
    <row r="615084" spans="14:14">
      <c r="N615084" s="10"/>
    </row>
    <row r="615085" spans="14:14">
      <c r="N615085" s="10"/>
    </row>
    <row r="615086" spans="14:14">
      <c r="N615086" s="10"/>
    </row>
    <row r="615087" spans="14:14">
      <c r="N615087" s="10"/>
    </row>
    <row r="615088" spans="14:14">
      <c r="N615088" s="10"/>
    </row>
    <row r="615089" spans="14:14">
      <c r="N615089" s="10"/>
    </row>
    <row r="615090" spans="14:14">
      <c r="N615090" s="10"/>
    </row>
    <row r="615091" spans="14:14">
      <c r="N615091" s="10"/>
    </row>
    <row r="615092" spans="14:14">
      <c r="N615092" s="10"/>
    </row>
    <row r="615093" spans="14:14">
      <c r="N615093" s="10"/>
    </row>
    <row r="615094" spans="14:14">
      <c r="N615094" s="10"/>
    </row>
    <row r="615095" spans="14:14">
      <c r="N615095" s="10"/>
    </row>
    <row r="615096" spans="14:14">
      <c r="N615096" s="10"/>
    </row>
    <row r="615097" spans="14:14">
      <c r="N615097" s="10"/>
    </row>
    <row r="615098" spans="14:14">
      <c r="N615098" s="10"/>
    </row>
    <row r="615099" spans="14:14">
      <c r="N615099" s="10"/>
    </row>
    <row r="615100" spans="14:14">
      <c r="N615100" s="10"/>
    </row>
    <row r="615101" spans="14:14">
      <c r="N615101" s="10"/>
    </row>
    <row r="615102" spans="14:14">
      <c r="N615102" s="10"/>
    </row>
    <row r="615103" spans="14:14">
      <c r="N615103" s="10"/>
    </row>
    <row r="615104" spans="14:14">
      <c r="N615104" s="10"/>
    </row>
    <row r="615105" spans="14:14">
      <c r="N615105" s="10"/>
    </row>
    <row r="615106" spans="14:14">
      <c r="N615106" s="10"/>
    </row>
    <row r="615107" spans="14:14">
      <c r="N615107" s="10"/>
    </row>
    <row r="615108" spans="14:14">
      <c r="N615108" s="10"/>
    </row>
    <row r="615109" spans="14:14">
      <c r="N615109" s="10"/>
    </row>
    <row r="615110" spans="14:14">
      <c r="N615110" s="10"/>
    </row>
    <row r="615111" spans="14:14">
      <c r="N615111" s="10"/>
    </row>
    <row r="615112" spans="14:14">
      <c r="N615112" s="10"/>
    </row>
    <row r="615113" spans="14:14">
      <c r="N615113" s="10"/>
    </row>
    <row r="615114" spans="14:14">
      <c r="N615114" s="10"/>
    </row>
    <row r="615115" spans="14:14">
      <c r="N615115" s="10"/>
    </row>
    <row r="615116" spans="14:14">
      <c r="N615116" s="10"/>
    </row>
    <row r="615117" spans="14:14">
      <c r="N615117" s="10"/>
    </row>
    <row r="615118" spans="14:14">
      <c r="N615118" s="10"/>
    </row>
    <row r="615119" spans="14:14">
      <c r="N615119" s="10"/>
    </row>
    <row r="615120" spans="14:14">
      <c r="N615120" s="10"/>
    </row>
    <row r="615121" spans="14:14">
      <c r="N615121" s="10"/>
    </row>
    <row r="615122" spans="14:14">
      <c r="N615122" s="10"/>
    </row>
    <row r="615123" spans="14:14">
      <c r="N615123" s="10"/>
    </row>
    <row r="615124" spans="14:14">
      <c r="N615124" s="10"/>
    </row>
    <row r="615125" spans="14:14">
      <c r="N615125" s="10"/>
    </row>
    <row r="615126" spans="14:14">
      <c r="N615126" s="10"/>
    </row>
    <row r="615127" spans="14:14">
      <c r="N615127" s="10"/>
    </row>
    <row r="615128" spans="14:14">
      <c r="N615128" s="10"/>
    </row>
    <row r="615129" spans="14:14">
      <c r="N615129" s="10"/>
    </row>
    <row r="615130" spans="14:14">
      <c r="N615130" s="10"/>
    </row>
    <row r="615131" spans="14:14">
      <c r="N615131" s="10"/>
    </row>
    <row r="615132" spans="14:14">
      <c r="N615132" s="10"/>
    </row>
    <row r="615133" spans="14:14">
      <c r="N615133" s="10"/>
    </row>
    <row r="615134" spans="14:14">
      <c r="N615134" s="10"/>
    </row>
    <row r="615135" spans="14:14">
      <c r="N615135" s="10"/>
    </row>
    <row r="615136" spans="14:14">
      <c r="N615136" s="10"/>
    </row>
    <row r="615137" spans="14:14">
      <c r="N615137" s="10"/>
    </row>
    <row r="615138" spans="14:14">
      <c r="N615138" s="10"/>
    </row>
    <row r="615139" spans="14:14">
      <c r="N615139" s="10"/>
    </row>
    <row r="615140" spans="14:14">
      <c r="N615140" s="10"/>
    </row>
    <row r="615141" spans="14:14">
      <c r="N615141" s="10"/>
    </row>
    <row r="615142" spans="14:14">
      <c r="N615142" s="10"/>
    </row>
    <row r="615143" spans="14:14">
      <c r="N615143" s="10"/>
    </row>
    <row r="615144" spans="14:14">
      <c r="N615144" s="10"/>
    </row>
    <row r="615145" spans="14:14">
      <c r="N615145" s="10"/>
    </row>
    <row r="615146" spans="14:14">
      <c r="N615146" s="10"/>
    </row>
    <row r="615147" spans="14:14">
      <c r="N615147" s="10"/>
    </row>
    <row r="615148" spans="14:14">
      <c r="N615148" s="10"/>
    </row>
    <row r="615149" spans="14:14">
      <c r="N615149" s="10"/>
    </row>
    <row r="615150" spans="14:14">
      <c r="N615150" s="10"/>
    </row>
    <row r="615151" spans="14:14">
      <c r="N615151" s="10"/>
    </row>
    <row r="615152" spans="14:14">
      <c r="N615152" s="10"/>
    </row>
    <row r="615153" spans="14:14">
      <c r="N615153" s="10"/>
    </row>
    <row r="615154" spans="14:14">
      <c r="N615154" s="10"/>
    </row>
    <row r="615155" spans="14:14">
      <c r="N615155" s="10"/>
    </row>
    <row r="615156" spans="14:14">
      <c r="N615156" s="10"/>
    </row>
    <row r="615157" spans="14:14">
      <c r="N615157" s="10"/>
    </row>
    <row r="615158" spans="14:14">
      <c r="N615158" s="10"/>
    </row>
    <row r="615159" spans="14:14">
      <c r="N615159" s="10"/>
    </row>
    <row r="615160" spans="14:14">
      <c r="N615160" s="10"/>
    </row>
    <row r="615161" spans="14:14">
      <c r="N615161" s="10"/>
    </row>
    <row r="615162" spans="14:14">
      <c r="N615162" s="10"/>
    </row>
    <row r="615163" spans="14:14">
      <c r="N615163" s="10"/>
    </row>
    <row r="615164" spans="14:14">
      <c r="N615164" s="10"/>
    </row>
    <row r="615165" spans="14:14">
      <c r="N615165" s="10"/>
    </row>
    <row r="615166" spans="14:14">
      <c r="N615166" s="10"/>
    </row>
    <row r="615167" spans="14:14">
      <c r="N615167" s="10"/>
    </row>
    <row r="615168" spans="14:14">
      <c r="N615168" s="10"/>
    </row>
    <row r="615169" spans="14:14">
      <c r="N615169" s="10"/>
    </row>
    <row r="615170" spans="14:14">
      <c r="N615170" s="10"/>
    </row>
    <row r="615171" spans="14:14">
      <c r="N615171" s="10"/>
    </row>
    <row r="615172" spans="14:14">
      <c r="N615172" s="10"/>
    </row>
    <row r="615173" spans="14:14">
      <c r="N615173" s="10"/>
    </row>
    <row r="615174" spans="14:14">
      <c r="N615174" s="10"/>
    </row>
    <row r="615175" spans="14:14">
      <c r="N615175" s="10"/>
    </row>
    <row r="615176" spans="14:14">
      <c r="N615176" s="10"/>
    </row>
    <row r="615177" spans="14:14">
      <c r="N615177" s="10"/>
    </row>
    <row r="615178" spans="14:14">
      <c r="N615178" s="10"/>
    </row>
    <row r="615179" spans="14:14">
      <c r="N615179" s="10"/>
    </row>
    <row r="615180" spans="14:14">
      <c r="N615180" s="10"/>
    </row>
    <row r="615181" spans="14:14">
      <c r="N615181" s="10"/>
    </row>
    <row r="615182" spans="14:14">
      <c r="N615182" s="10"/>
    </row>
    <row r="615183" spans="14:14">
      <c r="N615183" s="10"/>
    </row>
    <row r="615184" spans="14:14">
      <c r="N615184" s="10"/>
    </row>
    <row r="615185" spans="14:14">
      <c r="N615185" s="10"/>
    </row>
    <row r="615186" spans="14:14">
      <c r="N615186" s="10"/>
    </row>
    <row r="615187" spans="14:14">
      <c r="N615187" s="10"/>
    </row>
    <row r="615188" spans="14:14">
      <c r="N615188" s="10"/>
    </row>
    <row r="615189" spans="14:14">
      <c r="N615189" s="10"/>
    </row>
    <row r="615190" spans="14:14">
      <c r="N615190" s="10"/>
    </row>
    <row r="615191" spans="14:14">
      <c r="N615191" s="10"/>
    </row>
    <row r="615192" spans="14:14">
      <c r="N615192" s="10"/>
    </row>
    <row r="615193" spans="14:14">
      <c r="N615193" s="10"/>
    </row>
    <row r="615194" spans="14:14">
      <c r="N615194" s="10"/>
    </row>
    <row r="615195" spans="14:14">
      <c r="N615195" s="10"/>
    </row>
    <row r="615196" spans="14:14">
      <c r="N615196" s="10"/>
    </row>
    <row r="615197" spans="14:14">
      <c r="N615197" s="10"/>
    </row>
    <row r="615198" spans="14:14">
      <c r="N615198" s="10"/>
    </row>
    <row r="615199" spans="14:14">
      <c r="N615199" s="10"/>
    </row>
    <row r="615200" spans="14:14">
      <c r="N615200" s="10"/>
    </row>
    <row r="615201" spans="14:14">
      <c r="N615201" s="10"/>
    </row>
    <row r="615202" spans="14:14">
      <c r="N615202" s="10"/>
    </row>
    <row r="615203" spans="14:14">
      <c r="N615203" s="10"/>
    </row>
    <row r="615204" spans="14:14">
      <c r="N615204" s="10"/>
    </row>
    <row r="615205" spans="14:14">
      <c r="N615205" s="10"/>
    </row>
    <row r="615206" spans="14:14">
      <c r="N615206" s="10"/>
    </row>
    <row r="615207" spans="14:14">
      <c r="N615207" s="10"/>
    </row>
    <row r="615208" spans="14:14">
      <c r="N615208" s="10"/>
    </row>
    <row r="615209" spans="14:14">
      <c r="N615209" s="10"/>
    </row>
    <row r="615210" spans="14:14">
      <c r="N615210" s="10"/>
    </row>
    <row r="615211" spans="14:14">
      <c r="N615211" s="10"/>
    </row>
    <row r="615212" spans="14:14">
      <c r="N615212" s="10"/>
    </row>
    <row r="615213" spans="14:14">
      <c r="N615213" s="10"/>
    </row>
    <row r="615214" spans="14:14">
      <c r="N615214" s="10"/>
    </row>
    <row r="615215" spans="14:14">
      <c r="N615215" s="10"/>
    </row>
    <row r="615216" spans="14:14">
      <c r="N615216" s="10"/>
    </row>
    <row r="615217" spans="14:14">
      <c r="N615217" s="10"/>
    </row>
    <row r="615218" spans="14:14">
      <c r="N615218" s="10"/>
    </row>
    <row r="615219" spans="14:14">
      <c r="N615219" s="10"/>
    </row>
    <row r="615220" spans="14:14">
      <c r="N615220" s="10"/>
    </row>
    <row r="615221" spans="14:14">
      <c r="N615221" s="10"/>
    </row>
    <row r="615222" spans="14:14">
      <c r="N615222" s="10"/>
    </row>
    <row r="615223" spans="14:14">
      <c r="N615223" s="10"/>
    </row>
    <row r="615224" spans="14:14">
      <c r="N615224" s="10"/>
    </row>
    <row r="615225" spans="14:14">
      <c r="N615225" s="10"/>
    </row>
    <row r="615226" spans="14:14">
      <c r="N615226" s="10"/>
    </row>
    <row r="615227" spans="14:14">
      <c r="N615227" s="10"/>
    </row>
    <row r="615228" spans="14:14">
      <c r="N615228" s="10"/>
    </row>
    <row r="615229" spans="14:14">
      <c r="N615229" s="10"/>
    </row>
    <row r="615230" spans="14:14">
      <c r="N615230" s="10"/>
    </row>
    <row r="615231" spans="14:14">
      <c r="N615231" s="10"/>
    </row>
    <row r="615232" spans="14:14">
      <c r="N615232" s="10"/>
    </row>
    <row r="615233" spans="14:14">
      <c r="N615233" s="10"/>
    </row>
    <row r="615234" spans="14:14">
      <c r="N615234" s="10"/>
    </row>
    <row r="615235" spans="14:14">
      <c r="N615235" s="10"/>
    </row>
    <row r="615236" spans="14:14">
      <c r="N615236" s="10"/>
    </row>
    <row r="615237" spans="14:14">
      <c r="N615237" s="10"/>
    </row>
    <row r="615238" spans="14:14">
      <c r="N615238" s="10"/>
    </row>
    <row r="615239" spans="14:14">
      <c r="N615239" s="10"/>
    </row>
    <row r="615240" spans="14:14">
      <c r="N615240" s="10"/>
    </row>
    <row r="615241" spans="14:14">
      <c r="N615241" s="10"/>
    </row>
    <row r="615242" spans="14:14">
      <c r="N615242" s="10"/>
    </row>
    <row r="615243" spans="14:14">
      <c r="N615243" s="10"/>
    </row>
    <row r="615244" spans="14:14">
      <c r="N615244" s="10"/>
    </row>
    <row r="615245" spans="14:14">
      <c r="N615245" s="10"/>
    </row>
    <row r="615246" spans="14:14">
      <c r="N615246" s="10"/>
    </row>
    <row r="615247" spans="14:14">
      <c r="N615247" s="10"/>
    </row>
    <row r="615248" spans="14:14">
      <c r="N615248" s="10"/>
    </row>
    <row r="615249" spans="14:14">
      <c r="N615249" s="10"/>
    </row>
    <row r="615250" spans="14:14">
      <c r="N615250" s="10"/>
    </row>
    <row r="615251" spans="14:14">
      <c r="N615251" s="10"/>
    </row>
    <row r="615252" spans="14:14">
      <c r="N615252" s="10"/>
    </row>
    <row r="615253" spans="14:14">
      <c r="N615253" s="10"/>
    </row>
    <row r="615254" spans="14:14">
      <c r="N615254" s="10"/>
    </row>
    <row r="615255" spans="14:14">
      <c r="N615255" s="10"/>
    </row>
    <row r="615256" spans="14:14">
      <c r="N615256" s="10"/>
    </row>
    <row r="615257" spans="14:14">
      <c r="N615257" s="10"/>
    </row>
    <row r="615258" spans="14:14">
      <c r="N615258" s="10"/>
    </row>
    <row r="615259" spans="14:14">
      <c r="N615259" s="10"/>
    </row>
    <row r="615260" spans="14:14">
      <c r="N615260" s="10"/>
    </row>
    <row r="615261" spans="14:14">
      <c r="N615261" s="10"/>
    </row>
    <row r="615262" spans="14:14">
      <c r="N615262" s="10"/>
    </row>
    <row r="615263" spans="14:14">
      <c r="N615263" s="10"/>
    </row>
    <row r="615264" spans="14:14">
      <c r="N615264" s="10"/>
    </row>
    <row r="615265" spans="14:14">
      <c r="N615265" s="10"/>
    </row>
    <row r="615266" spans="14:14">
      <c r="N615266" s="10"/>
    </row>
    <row r="615267" spans="14:14">
      <c r="N615267" s="10"/>
    </row>
    <row r="615268" spans="14:14">
      <c r="N615268" s="10"/>
    </row>
    <row r="615269" spans="14:14">
      <c r="N615269" s="10"/>
    </row>
    <row r="615270" spans="14:14">
      <c r="N615270" s="10"/>
    </row>
    <row r="615271" spans="14:14">
      <c r="N615271" s="10"/>
    </row>
    <row r="615272" spans="14:14">
      <c r="N615272" s="10"/>
    </row>
    <row r="615273" spans="14:14">
      <c r="N615273" s="10"/>
    </row>
    <row r="615274" spans="14:14">
      <c r="N615274" s="10"/>
    </row>
    <row r="615275" spans="14:14">
      <c r="N615275" s="10"/>
    </row>
    <row r="615276" spans="14:14">
      <c r="N615276" s="10"/>
    </row>
    <row r="615277" spans="14:14">
      <c r="N615277" s="10"/>
    </row>
    <row r="615278" spans="14:14">
      <c r="N615278" s="10"/>
    </row>
    <row r="615279" spans="14:14">
      <c r="N615279" s="10"/>
    </row>
    <row r="615280" spans="14:14">
      <c r="N615280" s="10"/>
    </row>
    <row r="615281" spans="14:14">
      <c r="N615281" s="10"/>
    </row>
    <row r="615282" spans="14:14">
      <c r="N615282" s="10"/>
    </row>
    <row r="615283" spans="14:14">
      <c r="N615283" s="10"/>
    </row>
    <row r="615284" spans="14:14">
      <c r="N615284" s="10"/>
    </row>
    <row r="615285" spans="14:14">
      <c r="N615285" s="10"/>
    </row>
    <row r="615286" spans="14:14">
      <c r="N615286" s="10"/>
    </row>
    <row r="615287" spans="14:14">
      <c r="N615287" s="10"/>
    </row>
    <row r="615288" spans="14:14">
      <c r="N615288" s="10"/>
    </row>
    <row r="615289" spans="14:14">
      <c r="N615289" s="10"/>
    </row>
    <row r="615290" spans="14:14">
      <c r="N615290" s="10"/>
    </row>
    <row r="615291" spans="14:14">
      <c r="N615291" s="10"/>
    </row>
    <row r="615292" spans="14:14">
      <c r="N615292" s="10"/>
    </row>
    <row r="615293" spans="14:14">
      <c r="N615293" s="10"/>
    </row>
    <row r="615294" spans="14:14">
      <c r="N615294" s="10"/>
    </row>
    <row r="615295" spans="14:14">
      <c r="N615295" s="10"/>
    </row>
    <row r="615296" spans="14:14">
      <c r="N615296" s="10"/>
    </row>
    <row r="615297" spans="14:14">
      <c r="N615297" s="10"/>
    </row>
    <row r="615298" spans="14:14">
      <c r="N615298" s="10"/>
    </row>
    <row r="615299" spans="14:14">
      <c r="N615299" s="10"/>
    </row>
    <row r="615300" spans="14:14">
      <c r="N615300" s="10"/>
    </row>
    <row r="615301" spans="14:14">
      <c r="N615301" s="10"/>
    </row>
    <row r="615302" spans="14:14">
      <c r="N615302" s="10"/>
    </row>
    <row r="615303" spans="14:14">
      <c r="N615303" s="10"/>
    </row>
    <row r="615304" spans="14:14">
      <c r="N615304" s="10"/>
    </row>
    <row r="615305" spans="14:14">
      <c r="N615305" s="10"/>
    </row>
    <row r="615306" spans="14:14">
      <c r="N615306" s="10"/>
    </row>
    <row r="615307" spans="14:14">
      <c r="N615307" s="10"/>
    </row>
    <row r="615308" spans="14:14">
      <c r="N615308" s="10"/>
    </row>
    <row r="615309" spans="14:14">
      <c r="N615309" s="10"/>
    </row>
    <row r="615310" spans="14:14">
      <c r="N615310" s="10"/>
    </row>
    <row r="615311" spans="14:14">
      <c r="N615311" s="10"/>
    </row>
    <row r="615312" spans="14:14">
      <c r="N615312" s="10"/>
    </row>
    <row r="615313" spans="14:14">
      <c r="N615313" s="10"/>
    </row>
    <row r="615314" spans="14:14">
      <c r="N615314" s="10"/>
    </row>
    <row r="615315" spans="14:14">
      <c r="N615315" s="10"/>
    </row>
    <row r="615316" spans="14:14">
      <c r="N615316" s="10"/>
    </row>
    <row r="615317" spans="14:14">
      <c r="N615317" s="10"/>
    </row>
    <row r="615318" spans="14:14">
      <c r="N615318" s="10"/>
    </row>
    <row r="615319" spans="14:14">
      <c r="N615319" s="10"/>
    </row>
    <row r="615320" spans="14:14">
      <c r="N615320" s="10"/>
    </row>
    <row r="615321" spans="14:14">
      <c r="N615321" s="10"/>
    </row>
    <row r="615322" spans="14:14">
      <c r="N615322" s="10"/>
    </row>
    <row r="615323" spans="14:14">
      <c r="N615323" s="10"/>
    </row>
    <row r="615324" spans="14:14">
      <c r="N615324" s="10"/>
    </row>
    <row r="615325" spans="14:14">
      <c r="N615325" s="10"/>
    </row>
    <row r="615326" spans="14:14">
      <c r="N615326" s="10"/>
    </row>
    <row r="615327" spans="14:14">
      <c r="N615327" s="10"/>
    </row>
    <row r="615328" spans="14:14">
      <c r="N615328" s="10"/>
    </row>
    <row r="615329" spans="14:14">
      <c r="N615329" s="10"/>
    </row>
    <row r="615330" spans="14:14">
      <c r="N615330" s="10"/>
    </row>
    <row r="615331" spans="14:14">
      <c r="N615331" s="10"/>
    </row>
    <row r="615332" spans="14:14">
      <c r="N615332" s="10"/>
    </row>
    <row r="615333" spans="14:14">
      <c r="N615333" s="10"/>
    </row>
    <row r="615334" spans="14:14">
      <c r="N615334" s="10"/>
    </row>
    <row r="615335" spans="14:14">
      <c r="N615335" s="10"/>
    </row>
    <row r="615336" spans="14:14">
      <c r="N615336" s="10"/>
    </row>
    <row r="615337" spans="14:14">
      <c r="N615337" s="10"/>
    </row>
    <row r="615338" spans="14:14">
      <c r="N615338" s="10"/>
    </row>
    <row r="615339" spans="14:14">
      <c r="N615339" s="10"/>
    </row>
    <row r="615340" spans="14:14">
      <c r="N615340" s="10"/>
    </row>
    <row r="615341" spans="14:14">
      <c r="N615341" s="10"/>
    </row>
    <row r="615342" spans="14:14">
      <c r="N615342" s="10"/>
    </row>
    <row r="615343" spans="14:14">
      <c r="N615343" s="10"/>
    </row>
    <row r="615344" spans="14:14">
      <c r="N615344" s="10"/>
    </row>
    <row r="615345" spans="14:14">
      <c r="N615345" s="10"/>
    </row>
    <row r="615346" spans="14:14">
      <c r="N615346" s="10"/>
    </row>
    <row r="615347" spans="14:14">
      <c r="N615347" s="10"/>
    </row>
    <row r="615348" spans="14:14">
      <c r="N615348" s="10"/>
    </row>
    <row r="615349" spans="14:14">
      <c r="N615349" s="10"/>
    </row>
    <row r="615350" spans="14:14">
      <c r="N615350" s="10"/>
    </row>
    <row r="615351" spans="14:14">
      <c r="N615351" s="10"/>
    </row>
    <row r="615352" spans="14:14">
      <c r="N615352" s="10"/>
    </row>
    <row r="615353" spans="14:14">
      <c r="N615353" s="10"/>
    </row>
    <row r="615354" spans="14:14">
      <c r="N615354" s="10"/>
    </row>
    <row r="615355" spans="14:14">
      <c r="N615355" s="10"/>
    </row>
    <row r="615356" spans="14:14">
      <c r="N615356" s="10"/>
    </row>
    <row r="615357" spans="14:14">
      <c r="N615357" s="10"/>
    </row>
    <row r="615358" spans="14:14">
      <c r="N615358" s="10"/>
    </row>
    <row r="615359" spans="14:14">
      <c r="N615359" s="10"/>
    </row>
    <row r="615360" spans="14:14">
      <c r="N615360" s="10"/>
    </row>
    <row r="615361" spans="14:14">
      <c r="N615361" s="10"/>
    </row>
    <row r="615362" spans="14:14">
      <c r="N615362" s="10"/>
    </row>
    <row r="615363" spans="14:14">
      <c r="N615363" s="10"/>
    </row>
    <row r="615364" spans="14:14">
      <c r="N615364" s="10"/>
    </row>
    <row r="615365" spans="14:14">
      <c r="N615365" s="10"/>
    </row>
    <row r="615366" spans="14:14">
      <c r="N615366" s="10"/>
    </row>
    <row r="615367" spans="14:14">
      <c r="N615367" s="10"/>
    </row>
    <row r="615368" spans="14:14">
      <c r="N615368" s="10"/>
    </row>
    <row r="615369" spans="14:14">
      <c r="N615369" s="10"/>
    </row>
    <row r="615370" spans="14:14">
      <c r="N615370" s="10"/>
    </row>
    <row r="615371" spans="14:14">
      <c r="N615371" s="10"/>
    </row>
    <row r="615372" spans="14:14">
      <c r="N615372" s="10"/>
    </row>
    <row r="615373" spans="14:14">
      <c r="N615373" s="10"/>
    </row>
    <row r="615374" spans="14:14">
      <c r="N615374" s="10"/>
    </row>
    <row r="615375" spans="14:14">
      <c r="N615375" s="10"/>
    </row>
    <row r="615376" spans="14:14">
      <c r="N615376" s="10"/>
    </row>
    <row r="615377" spans="14:14">
      <c r="N615377" s="10"/>
    </row>
    <row r="615378" spans="14:14">
      <c r="N615378" s="10"/>
    </row>
    <row r="615379" spans="14:14">
      <c r="N615379" s="10"/>
    </row>
    <row r="615380" spans="14:14">
      <c r="N615380" s="10"/>
    </row>
    <row r="615381" spans="14:14">
      <c r="N615381" s="10"/>
    </row>
    <row r="615382" spans="14:14">
      <c r="N615382" s="10"/>
    </row>
    <row r="615383" spans="14:14">
      <c r="N615383" s="10"/>
    </row>
    <row r="615384" spans="14:14">
      <c r="N615384" s="10"/>
    </row>
    <row r="615385" spans="14:14">
      <c r="N615385" s="10"/>
    </row>
    <row r="615386" spans="14:14">
      <c r="N615386" s="10"/>
    </row>
    <row r="615387" spans="14:14">
      <c r="N615387" s="10"/>
    </row>
    <row r="615388" spans="14:14">
      <c r="N615388" s="10"/>
    </row>
    <row r="615389" spans="14:14">
      <c r="N615389" s="10"/>
    </row>
    <row r="615390" spans="14:14">
      <c r="N615390" s="10"/>
    </row>
    <row r="615391" spans="14:14">
      <c r="N615391" s="10"/>
    </row>
    <row r="615392" spans="14:14">
      <c r="N615392" s="10"/>
    </row>
    <row r="615393" spans="14:14">
      <c r="N615393" s="10"/>
    </row>
    <row r="615394" spans="14:14">
      <c r="N615394" s="10"/>
    </row>
    <row r="615395" spans="14:14">
      <c r="N615395" s="10"/>
    </row>
    <row r="615396" spans="14:14">
      <c r="N615396" s="10"/>
    </row>
    <row r="615397" spans="14:14">
      <c r="N615397" s="10"/>
    </row>
    <row r="615398" spans="14:14">
      <c r="N615398" s="10"/>
    </row>
    <row r="615399" spans="14:14">
      <c r="N615399" s="10"/>
    </row>
    <row r="615400" spans="14:14">
      <c r="N615400" s="10"/>
    </row>
    <row r="615401" spans="14:14">
      <c r="N615401" s="10"/>
    </row>
    <row r="615402" spans="14:14">
      <c r="N615402" s="10"/>
    </row>
    <row r="615403" spans="14:14">
      <c r="N615403" s="10"/>
    </row>
    <row r="615404" spans="14:14">
      <c r="N615404" s="10"/>
    </row>
    <row r="615405" spans="14:14">
      <c r="N615405" s="10"/>
    </row>
    <row r="615406" spans="14:14">
      <c r="N615406" s="10"/>
    </row>
    <row r="615407" spans="14:14">
      <c r="N615407" s="10"/>
    </row>
    <row r="615408" spans="14:14">
      <c r="N615408" s="10"/>
    </row>
    <row r="615409" spans="14:14">
      <c r="N615409" s="10"/>
    </row>
    <row r="615410" spans="14:14">
      <c r="N615410" s="10"/>
    </row>
    <row r="615411" spans="14:14">
      <c r="N615411" s="10"/>
    </row>
    <row r="615412" spans="14:14">
      <c r="N615412" s="10"/>
    </row>
    <row r="615413" spans="14:14">
      <c r="N615413" s="10"/>
    </row>
    <row r="615414" spans="14:14">
      <c r="N615414" s="10"/>
    </row>
    <row r="615415" spans="14:14">
      <c r="N615415" s="10"/>
    </row>
    <row r="615416" spans="14:14">
      <c r="N615416" s="10"/>
    </row>
    <row r="615417" spans="14:14">
      <c r="N615417" s="10"/>
    </row>
    <row r="615418" spans="14:14">
      <c r="N615418" s="10"/>
    </row>
    <row r="615419" spans="14:14">
      <c r="N615419" s="10"/>
    </row>
    <row r="615420" spans="14:14">
      <c r="N615420" s="10"/>
    </row>
    <row r="615421" spans="14:14">
      <c r="N615421" s="10"/>
    </row>
    <row r="615422" spans="14:14">
      <c r="N615422" s="10"/>
    </row>
    <row r="615423" spans="14:14">
      <c r="N615423" s="10"/>
    </row>
    <row r="615424" spans="14:14">
      <c r="N615424" s="10"/>
    </row>
    <row r="615425" spans="14:14">
      <c r="N615425" s="10"/>
    </row>
    <row r="615426" spans="14:14">
      <c r="N615426" s="10"/>
    </row>
    <row r="615427" spans="14:14">
      <c r="N615427" s="10"/>
    </row>
    <row r="615428" spans="14:14">
      <c r="N615428" s="10"/>
    </row>
    <row r="615429" spans="14:14">
      <c r="N615429" s="10"/>
    </row>
    <row r="615430" spans="14:14">
      <c r="N615430" s="10"/>
    </row>
    <row r="615431" spans="14:14">
      <c r="N615431" s="10"/>
    </row>
    <row r="615432" spans="14:14">
      <c r="N615432" s="10"/>
    </row>
    <row r="615433" spans="14:14">
      <c r="N615433" s="10"/>
    </row>
    <row r="615434" spans="14:14">
      <c r="N615434" s="10"/>
    </row>
    <row r="615435" spans="14:14">
      <c r="N615435" s="10"/>
    </row>
    <row r="615436" spans="14:14">
      <c r="N615436" s="10"/>
    </row>
    <row r="615437" spans="14:14">
      <c r="N615437" s="10"/>
    </row>
    <row r="615438" spans="14:14">
      <c r="N615438" s="10"/>
    </row>
    <row r="615439" spans="14:14">
      <c r="N615439" s="10"/>
    </row>
    <row r="615440" spans="14:14">
      <c r="N615440" s="10"/>
    </row>
    <row r="615441" spans="14:14">
      <c r="N615441" s="10"/>
    </row>
    <row r="615442" spans="14:14">
      <c r="N615442" s="10"/>
    </row>
    <row r="615443" spans="14:14">
      <c r="N615443" s="10"/>
    </row>
    <row r="615444" spans="14:14">
      <c r="N615444" s="10"/>
    </row>
    <row r="615445" spans="14:14">
      <c r="N615445" s="10"/>
    </row>
    <row r="615446" spans="14:14">
      <c r="N615446" s="10"/>
    </row>
    <row r="615447" spans="14:14">
      <c r="N615447" s="10"/>
    </row>
    <row r="615448" spans="14:14">
      <c r="N615448" s="10"/>
    </row>
    <row r="615449" spans="14:14">
      <c r="N615449" s="10"/>
    </row>
    <row r="615450" spans="14:14">
      <c r="N615450" s="10"/>
    </row>
    <row r="615451" spans="14:14">
      <c r="N615451" s="10"/>
    </row>
    <row r="615452" spans="14:14">
      <c r="N615452" s="10"/>
    </row>
    <row r="615453" spans="14:14">
      <c r="N615453" s="10"/>
    </row>
    <row r="615454" spans="14:14">
      <c r="N615454" s="10"/>
    </row>
    <row r="615455" spans="14:14">
      <c r="N615455" s="10"/>
    </row>
    <row r="615456" spans="14:14">
      <c r="N615456" s="10"/>
    </row>
    <row r="615457" spans="14:14">
      <c r="N615457" s="10"/>
    </row>
    <row r="615458" spans="14:14">
      <c r="N615458" s="10"/>
    </row>
    <row r="615459" spans="14:14">
      <c r="N615459" s="10"/>
    </row>
    <row r="615460" spans="14:14">
      <c r="N615460" s="10"/>
    </row>
    <row r="615461" spans="14:14">
      <c r="N615461" s="10"/>
    </row>
    <row r="615462" spans="14:14">
      <c r="N615462" s="10"/>
    </row>
    <row r="615463" spans="14:14">
      <c r="N615463" s="10"/>
    </row>
    <row r="615464" spans="14:14">
      <c r="N615464" s="10"/>
    </row>
    <row r="615465" spans="14:14">
      <c r="N615465" s="10"/>
    </row>
    <row r="615466" spans="14:14">
      <c r="N615466" s="10"/>
    </row>
    <row r="615467" spans="14:14">
      <c r="N615467" s="10"/>
    </row>
    <row r="615468" spans="14:14">
      <c r="N615468" s="10"/>
    </row>
    <row r="615469" spans="14:14">
      <c r="N615469" s="10"/>
    </row>
    <row r="615470" spans="14:14">
      <c r="N615470" s="10"/>
    </row>
    <row r="615471" spans="14:14">
      <c r="N615471" s="10"/>
    </row>
    <row r="615472" spans="14:14">
      <c r="N615472" s="10"/>
    </row>
    <row r="615473" spans="14:14">
      <c r="N615473" s="10"/>
    </row>
    <row r="615474" spans="14:14">
      <c r="N615474" s="10"/>
    </row>
    <row r="615475" spans="14:14">
      <c r="N615475" s="10"/>
    </row>
    <row r="615476" spans="14:14">
      <c r="N615476" s="10"/>
    </row>
    <row r="615477" spans="14:14">
      <c r="N615477" s="10"/>
    </row>
    <row r="615478" spans="14:14">
      <c r="N615478" s="10"/>
    </row>
    <row r="615479" spans="14:14">
      <c r="N615479" s="10"/>
    </row>
    <row r="615480" spans="14:14">
      <c r="N615480" s="10"/>
    </row>
    <row r="615481" spans="14:14">
      <c r="N615481" s="10"/>
    </row>
    <row r="615482" spans="14:14">
      <c r="N615482" s="10"/>
    </row>
    <row r="615483" spans="14:14">
      <c r="N615483" s="10"/>
    </row>
    <row r="615484" spans="14:14">
      <c r="N615484" s="10"/>
    </row>
    <row r="615485" spans="14:14">
      <c r="N615485" s="10"/>
    </row>
    <row r="615486" spans="14:14">
      <c r="N615486" s="10"/>
    </row>
    <row r="615487" spans="14:14">
      <c r="N615487" s="10"/>
    </row>
    <row r="615488" spans="14:14">
      <c r="N615488" s="10"/>
    </row>
    <row r="615489" spans="14:14">
      <c r="N615489" s="10"/>
    </row>
    <row r="615490" spans="14:14">
      <c r="N615490" s="10"/>
    </row>
    <row r="615491" spans="14:14">
      <c r="N615491" s="10"/>
    </row>
    <row r="615492" spans="14:14">
      <c r="N615492" s="10"/>
    </row>
    <row r="615493" spans="14:14">
      <c r="N615493" s="10"/>
    </row>
    <row r="615494" spans="14:14">
      <c r="N615494" s="10"/>
    </row>
    <row r="615495" spans="14:14">
      <c r="N615495" s="10"/>
    </row>
    <row r="615496" spans="14:14">
      <c r="N615496" s="10"/>
    </row>
    <row r="615497" spans="14:14">
      <c r="N615497" s="10"/>
    </row>
    <row r="615498" spans="14:14">
      <c r="N615498" s="10"/>
    </row>
    <row r="615499" spans="14:14">
      <c r="N615499" s="10"/>
    </row>
    <row r="615500" spans="14:14">
      <c r="N615500" s="10"/>
    </row>
    <row r="615501" spans="14:14">
      <c r="N615501" s="10"/>
    </row>
    <row r="615502" spans="14:14">
      <c r="N615502" s="10"/>
    </row>
    <row r="615503" spans="14:14">
      <c r="N615503" s="10"/>
    </row>
    <row r="615504" spans="14:14">
      <c r="N615504" s="10"/>
    </row>
    <row r="615505" spans="14:14">
      <c r="N615505" s="10"/>
    </row>
    <row r="615506" spans="14:14">
      <c r="N615506" s="10"/>
    </row>
    <row r="615507" spans="14:14">
      <c r="N615507" s="10"/>
    </row>
    <row r="615508" spans="14:14">
      <c r="N615508" s="10"/>
    </row>
    <row r="615509" spans="14:14">
      <c r="N615509" s="10"/>
    </row>
    <row r="615510" spans="14:14">
      <c r="N615510" s="10"/>
    </row>
    <row r="615511" spans="14:14">
      <c r="N615511" s="10"/>
    </row>
    <row r="615512" spans="14:14">
      <c r="N615512" s="10"/>
    </row>
    <row r="615513" spans="14:14">
      <c r="N615513" s="10"/>
    </row>
    <row r="615514" spans="14:14">
      <c r="N615514" s="10"/>
    </row>
    <row r="615515" spans="14:14">
      <c r="N615515" s="10"/>
    </row>
    <row r="615516" spans="14:14">
      <c r="N615516" s="10"/>
    </row>
    <row r="615517" spans="14:14">
      <c r="N615517" s="10"/>
    </row>
    <row r="615518" spans="14:14">
      <c r="N615518" s="10"/>
    </row>
    <row r="615519" spans="14:14">
      <c r="N615519" s="10"/>
    </row>
    <row r="615520" spans="14:14">
      <c r="N615520" s="10"/>
    </row>
    <row r="615521" spans="14:14">
      <c r="N615521" s="10"/>
    </row>
    <row r="615522" spans="14:14">
      <c r="N615522" s="10"/>
    </row>
    <row r="615523" spans="14:14">
      <c r="N615523" s="10"/>
    </row>
    <row r="615524" spans="14:14">
      <c r="N615524" s="10"/>
    </row>
    <row r="615525" spans="14:14">
      <c r="N615525" s="10"/>
    </row>
    <row r="615526" spans="14:14">
      <c r="N615526" s="10"/>
    </row>
    <row r="615527" spans="14:14">
      <c r="N615527" s="10"/>
    </row>
    <row r="615528" spans="14:14">
      <c r="N615528" s="10"/>
    </row>
    <row r="615529" spans="14:14">
      <c r="N615529" s="10"/>
    </row>
    <row r="615530" spans="14:14">
      <c r="N615530" s="10"/>
    </row>
    <row r="615531" spans="14:14">
      <c r="N615531" s="10"/>
    </row>
    <row r="615532" spans="14:14">
      <c r="N615532" s="10"/>
    </row>
    <row r="615533" spans="14:14">
      <c r="N615533" s="10"/>
    </row>
    <row r="615534" spans="14:14">
      <c r="N615534" s="10"/>
    </row>
    <row r="615535" spans="14:14">
      <c r="N615535" s="10"/>
    </row>
    <row r="615536" spans="14:14">
      <c r="N615536" s="10"/>
    </row>
    <row r="615537" spans="14:14">
      <c r="N615537" s="10"/>
    </row>
    <row r="615538" spans="14:14">
      <c r="N615538" s="10"/>
    </row>
    <row r="615539" spans="14:14">
      <c r="N615539" s="10"/>
    </row>
    <row r="615540" spans="14:14">
      <c r="N615540" s="10"/>
    </row>
    <row r="615541" spans="14:14">
      <c r="N615541" s="10"/>
    </row>
    <row r="615542" spans="14:14">
      <c r="N615542" s="10"/>
    </row>
    <row r="615543" spans="14:14">
      <c r="N615543" s="10"/>
    </row>
    <row r="615544" spans="14:14">
      <c r="N615544" s="10"/>
    </row>
    <row r="615545" spans="14:14">
      <c r="N615545" s="10"/>
    </row>
    <row r="615546" spans="14:14">
      <c r="N615546" s="10"/>
    </row>
    <row r="615547" spans="14:14">
      <c r="N615547" s="10"/>
    </row>
    <row r="615548" spans="14:14">
      <c r="N615548" s="10"/>
    </row>
    <row r="615549" spans="14:14">
      <c r="N615549" s="10"/>
    </row>
    <row r="615550" spans="14:14">
      <c r="N615550" s="10"/>
    </row>
    <row r="615551" spans="14:14">
      <c r="N615551" s="10"/>
    </row>
    <row r="615552" spans="14:14">
      <c r="N615552" s="10"/>
    </row>
    <row r="615553" spans="14:14">
      <c r="N615553" s="10"/>
    </row>
    <row r="615554" spans="14:14">
      <c r="N615554" s="10"/>
    </row>
    <row r="615555" spans="14:14">
      <c r="N615555" s="10"/>
    </row>
    <row r="615556" spans="14:14">
      <c r="N615556" s="10"/>
    </row>
    <row r="615557" spans="14:14">
      <c r="N615557" s="10"/>
    </row>
    <row r="615558" spans="14:14">
      <c r="N615558" s="10"/>
    </row>
    <row r="615559" spans="14:14">
      <c r="N615559" s="10"/>
    </row>
    <row r="615560" spans="14:14">
      <c r="N615560" s="10"/>
    </row>
    <row r="615561" spans="14:14">
      <c r="N615561" s="10"/>
    </row>
    <row r="615562" spans="14:14">
      <c r="N615562" s="10"/>
    </row>
    <row r="615563" spans="14:14">
      <c r="N615563" s="10"/>
    </row>
    <row r="615564" spans="14:14">
      <c r="N615564" s="10"/>
    </row>
    <row r="615565" spans="14:14">
      <c r="N615565" s="10"/>
    </row>
    <row r="615566" spans="14:14">
      <c r="N615566" s="10"/>
    </row>
    <row r="615567" spans="14:14">
      <c r="N615567" s="10"/>
    </row>
    <row r="615568" spans="14:14">
      <c r="N615568" s="10"/>
    </row>
    <row r="615569" spans="14:14">
      <c r="N615569" s="10"/>
    </row>
    <row r="615570" spans="14:14">
      <c r="N615570" s="10"/>
    </row>
    <row r="615571" spans="14:14">
      <c r="N615571" s="10"/>
    </row>
    <row r="615572" spans="14:14">
      <c r="N615572" s="10"/>
    </row>
    <row r="615573" spans="14:14">
      <c r="N615573" s="10"/>
    </row>
    <row r="615574" spans="14:14">
      <c r="N615574" s="10"/>
    </row>
    <row r="615575" spans="14:14">
      <c r="N615575" s="10"/>
    </row>
    <row r="615576" spans="14:14">
      <c r="N615576" s="10"/>
    </row>
    <row r="615577" spans="14:14">
      <c r="N615577" s="10"/>
    </row>
    <row r="615578" spans="14:14">
      <c r="N615578" s="10"/>
    </row>
    <row r="615579" spans="14:14">
      <c r="N615579" s="10"/>
    </row>
    <row r="615580" spans="14:14">
      <c r="N615580" s="10"/>
    </row>
    <row r="615581" spans="14:14">
      <c r="N615581" s="10"/>
    </row>
    <row r="615582" spans="14:14">
      <c r="N615582" s="10"/>
    </row>
    <row r="615583" spans="14:14">
      <c r="N615583" s="10"/>
    </row>
    <row r="615584" spans="14:14">
      <c r="N615584" s="10"/>
    </row>
    <row r="615585" spans="14:14">
      <c r="N615585" s="10"/>
    </row>
    <row r="615586" spans="14:14">
      <c r="N615586" s="10"/>
    </row>
    <row r="615587" spans="14:14">
      <c r="N615587" s="10"/>
    </row>
    <row r="615588" spans="14:14">
      <c r="N615588" s="10"/>
    </row>
    <row r="615589" spans="14:14">
      <c r="N615589" s="10"/>
    </row>
    <row r="615590" spans="14:14">
      <c r="N615590" s="10"/>
    </row>
    <row r="615591" spans="14:14">
      <c r="N615591" s="10"/>
    </row>
    <row r="615592" spans="14:14">
      <c r="N615592" s="10"/>
    </row>
    <row r="615593" spans="14:14">
      <c r="N615593" s="10"/>
    </row>
    <row r="615594" spans="14:14">
      <c r="N615594" s="10"/>
    </row>
    <row r="615595" spans="14:14">
      <c r="N615595" s="10"/>
    </row>
    <row r="615596" spans="14:14">
      <c r="N615596" s="10"/>
    </row>
    <row r="615597" spans="14:14">
      <c r="N615597" s="10"/>
    </row>
    <row r="615598" spans="14:14">
      <c r="N615598" s="10"/>
    </row>
    <row r="615599" spans="14:14">
      <c r="N615599" s="10"/>
    </row>
    <row r="615600" spans="14:14">
      <c r="N615600" s="10"/>
    </row>
    <row r="615601" spans="14:14">
      <c r="N615601" s="10"/>
    </row>
    <row r="615602" spans="14:14">
      <c r="N615602" s="10"/>
    </row>
    <row r="615603" spans="14:14">
      <c r="N615603" s="10"/>
    </row>
    <row r="615604" spans="14:14">
      <c r="N615604" s="10"/>
    </row>
    <row r="615605" spans="14:14">
      <c r="N615605" s="10"/>
    </row>
    <row r="615606" spans="14:14">
      <c r="N615606" s="10"/>
    </row>
    <row r="615607" spans="14:14">
      <c r="N615607" s="10"/>
    </row>
    <row r="615608" spans="14:14">
      <c r="N615608" s="10"/>
    </row>
    <row r="615609" spans="14:14">
      <c r="N615609" s="10"/>
    </row>
    <row r="615610" spans="14:14">
      <c r="N615610" s="10"/>
    </row>
    <row r="615611" spans="14:14">
      <c r="N615611" s="10"/>
    </row>
    <row r="615612" spans="14:14">
      <c r="N615612" s="10"/>
    </row>
    <row r="615613" spans="14:14">
      <c r="N615613" s="10"/>
    </row>
    <row r="615614" spans="14:14">
      <c r="N615614" s="10"/>
    </row>
    <row r="615615" spans="14:14">
      <c r="N615615" s="10"/>
    </row>
    <row r="615616" spans="14:14">
      <c r="N615616" s="10"/>
    </row>
    <row r="615617" spans="14:14">
      <c r="N615617" s="10"/>
    </row>
    <row r="615618" spans="14:14">
      <c r="N615618" s="10"/>
    </row>
    <row r="615619" spans="14:14">
      <c r="N615619" s="10"/>
    </row>
    <row r="615620" spans="14:14">
      <c r="N615620" s="10"/>
    </row>
    <row r="615621" spans="14:14">
      <c r="N615621" s="10"/>
    </row>
    <row r="615622" spans="14:14">
      <c r="N615622" s="10"/>
    </row>
    <row r="615623" spans="14:14">
      <c r="N615623" s="10"/>
    </row>
    <row r="615624" spans="14:14">
      <c r="N615624" s="10"/>
    </row>
    <row r="615625" spans="14:14">
      <c r="N615625" s="10"/>
    </row>
    <row r="615626" spans="14:14">
      <c r="N615626" s="10"/>
    </row>
    <row r="615627" spans="14:14">
      <c r="N615627" s="10"/>
    </row>
    <row r="615628" spans="14:14">
      <c r="N615628" s="10"/>
    </row>
    <row r="615629" spans="14:14">
      <c r="N615629" s="10"/>
    </row>
    <row r="615630" spans="14:14">
      <c r="N615630" s="10"/>
    </row>
    <row r="615631" spans="14:14">
      <c r="N615631" s="10"/>
    </row>
    <row r="615632" spans="14:14">
      <c r="N615632" s="10"/>
    </row>
    <row r="615633" spans="14:14">
      <c r="N615633" s="10"/>
    </row>
    <row r="615634" spans="14:14">
      <c r="N615634" s="10"/>
    </row>
    <row r="615635" spans="14:14">
      <c r="N615635" s="10"/>
    </row>
    <row r="615636" spans="14:14">
      <c r="N615636" s="10"/>
    </row>
    <row r="615637" spans="14:14">
      <c r="N615637" s="10"/>
    </row>
    <row r="615638" spans="14:14">
      <c r="N615638" s="10"/>
    </row>
    <row r="615639" spans="14:14">
      <c r="N615639" s="10"/>
    </row>
    <row r="615640" spans="14:14">
      <c r="N615640" s="10"/>
    </row>
    <row r="615641" spans="14:14">
      <c r="N615641" s="10"/>
    </row>
    <row r="615642" spans="14:14">
      <c r="N615642" s="10"/>
    </row>
    <row r="615643" spans="14:14">
      <c r="N615643" s="10"/>
    </row>
    <row r="615644" spans="14:14">
      <c r="N615644" s="10"/>
    </row>
    <row r="615645" spans="14:14">
      <c r="N615645" s="10"/>
    </row>
    <row r="615646" spans="14:14">
      <c r="N615646" s="10"/>
    </row>
    <row r="615647" spans="14:14">
      <c r="N615647" s="10"/>
    </row>
    <row r="615648" spans="14:14">
      <c r="N615648" s="10"/>
    </row>
    <row r="615649" spans="14:14">
      <c r="N615649" s="10"/>
    </row>
    <row r="615650" spans="14:14">
      <c r="N615650" s="10"/>
    </row>
    <row r="615651" spans="14:14">
      <c r="N615651" s="10"/>
    </row>
    <row r="615652" spans="14:14">
      <c r="N615652" s="10"/>
    </row>
    <row r="615653" spans="14:14">
      <c r="N615653" s="10"/>
    </row>
    <row r="615654" spans="14:14">
      <c r="N615654" s="10"/>
    </row>
    <row r="615655" spans="14:14">
      <c r="N615655" s="10"/>
    </row>
    <row r="615656" spans="14:14">
      <c r="N615656" s="10"/>
    </row>
    <row r="615657" spans="14:14">
      <c r="N615657" s="10"/>
    </row>
    <row r="615658" spans="14:14">
      <c r="N615658" s="10"/>
    </row>
    <row r="615659" spans="14:14">
      <c r="N615659" s="10"/>
    </row>
    <row r="615660" spans="14:14">
      <c r="N615660" s="10"/>
    </row>
    <row r="615661" spans="14:14">
      <c r="N615661" s="10"/>
    </row>
    <row r="615662" spans="14:14">
      <c r="N615662" s="10"/>
    </row>
    <row r="615663" spans="14:14">
      <c r="N615663" s="10"/>
    </row>
    <row r="615664" spans="14:14">
      <c r="N615664" s="10"/>
    </row>
    <row r="615665" spans="14:14">
      <c r="N615665" s="10"/>
    </row>
    <row r="615666" spans="14:14">
      <c r="N615666" s="10"/>
    </row>
    <row r="615667" spans="14:14">
      <c r="N615667" s="10"/>
    </row>
    <row r="615668" spans="14:14">
      <c r="N615668" s="10"/>
    </row>
    <row r="615669" spans="14:14">
      <c r="N615669" s="10"/>
    </row>
    <row r="615670" spans="14:14">
      <c r="N615670" s="10"/>
    </row>
    <row r="615671" spans="14:14">
      <c r="N615671" s="10"/>
    </row>
    <row r="615672" spans="14:14">
      <c r="N615672" s="10"/>
    </row>
    <row r="615673" spans="14:14">
      <c r="N615673" s="10"/>
    </row>
    <row r="615674" spans="14:14">
      <c r="N615674" s="10"/>
    </row>
    <row r="615675" spans="14:14">
      <c r="N615675" s="10"/>
    </row>
    <row r="615676" spans="14:14">
      <c r="N615676" s="10"/>
    </row>
    <row r="615677" spans="14:14">
      <c r="N615677" s="10"/>
    </row>
    <row r="615678" spans="14:14">
      <c r="N615678" s="10"/>
    </row>
    <row r="615679" spans="14:14">
      <c r="N615679" s="10"/>
    </row>
    <row r="615680" spans="14:14">
      <c r="N615680" s="10"/>
    </row>
    <row r="615681" spans="14:14">
      <c r="N615681" s="10"/>
    </row>
    <row r="615682" spans="14:14">
      <c r="N615682" s="10"/>
    </row>
    <row r="615683" spans="14:14">
      <c r="N615683" s="10"/>
    </row>
    <row r="615684" spans="14:14">
      <c r="N615684" s="10"/>
    </row>
    <row r="615685" spans="14:14">
      <c r="N615685" s="10"/>
    </row>
    <row r="615686" spans="14:14">
      <c r="N615686" s="10"/>
    </row>
    <row r="615687" spans="14:14">
      <c r="N615687" s="10"/>
    </row>
    <row r="615688" spans="14:14">
      <c r="N615688" s="10"/>
    </row>
    <row r="615689" spans="14:14">
      <c r="N615689" s="10"/>
    </row>
    <row r="615690" spans="14:14">
      <c r="N615690" s="10"/>
    </row>
    <row r="615691" spans="14:14">
      <c r="N615691" s="10"/>
    </row>
    <row r="615692" spans="14:14">
      <c r="N615692" s="10"/>
    </row>
    <row r="615693" spans="14:14">
      <c r="N615693" s="10"/>
    </row>
    <row r="615694" spans="14:14">
      <c r="N615694" s="10"/>
    </row>
    <row r="615695" spans="14:14">
      <c r="N615695" s="10"/>
    </row>
    <row r="615696" spans="14:14">
      <c r="N615696" s="10"/>
    </row>
    <row r="615697" spans="14:14">
      <c r="N615697" s="10"/>
    </row>
    <row r="615698" spans="14:14">
      <c r="N615698" s="10"/>
    </row>
    <row r="615699" spans="14:14">
      <c r="N615699" s="10"/>
    </row>
    <row r="615700" spans="14:14">
      <c r="N615700" s="10"/>
    </row>
    <row r="615701" spans="14:14">
      <c r="N615701" s="10"/>
    </row>
    <row r="615702" spans="14:14">
      <c r="N615702" s="10"/>
    </row>
    <row r="615703" spans="14:14">
      <c r="N615703" s="10"/>
    </row>
    <row r="615704" spans="14:14">
      <c r="N615704" s="10"/>
    </row>
    <row r="615705" spans="14:14">
      <c r="N615705" s="10"/>
    </row>
    <row r="615706" spans="14:14">
      <c r="N615706" s="10"/>
    </row>
    <row r="615707" spans="14:14">
      <c r="N615707" s="10"/>
    </row>
    <row r="615708" spans="14:14">
      <c r="N615708" s="10"/>
    </row>
    <row r="615709" spans="14:14">
      <c r="N615709" s="10"/>
    </row>
    <row r="615710" spans="14:14">
      <c r="N615710" s="10"/>
    </row>
    <row r="615711" spans="14:14">
      <c r="N615711" s="10"/>
    </row>
    <row r="615712" spans="14:14">
      <c r="N615712" s="10"/>
    </row>
    <row r="615713" spans="14:14">
      <c r="N615713" s="10"/>
    </row>
    <row r="615714" spans="14:14">
      <c r="N615714" s="10"/>
    </row>
    <row r="615715" spans="14:14">
      <c r="N615715" s="10"/>
    </row>
    <row r="615716" spans="14:14">
      <c r="N615716" s="10"/>
    </row>
    <row r="615717" spans="14:14">
      <c r="N615717" s="10"/>
    </row>
    <row r="615718" spans="14:14">
      <c r="N615718" s="10"/>
    </row>
    <row r="615719" spans="14:14">
      <c r="N615719" s="10"/>
    </row>
    <row r="615720" spans="14:14">
      <c r="N615720" s="10"/>
    </row>
    <row r="615721" spans="14:14">
      <c r="N615721" s="10"/>
    </row>
    <row r="615722" spans="14:14">
      <c r="N615722" s="10"/>
    </row>
    <row r="615723" spans="14:14">
      <c r="N615723" s="10"/>
    </row>
    <row r="615724" spans="14:14">
      <c r="N615724" s="10"/>
    </row>
    <row r="615725" spans="14:14">
      <c r="N615725" s="10"/>
    </row>
    <row r="615726" spans="14:14">
      <c r="N615726" s="10"/>
    </row>
    <row r="615727" spans="14:14">
      <c r="N615727" s="10"/>
    </row>
    <row r="615728" spans="14:14">
      <c r="N615728" s="10"/>
    </row>
    <row r="615729" spans="14:14">
      <c r="N615729" s="10"/>
    </row>
    <row r="615730" spans="14:14">
      <c r="N615730" s="10"/>
    </row>
    <row r="615731" spans="14:14">
      <c r="N615731" s="10"/>
    </row>
    <row r="615732" spans="14:14">
      <c r="N615732" s="10"/>
    </row>
    <row r="615733" spans="14:14">
      <c r="N615733" s="10"/>
    </row>
    <row r="615734" spans="14:14">
      <c r="N615734" s="10"/>
    </row>
    <row r="615735" spans="14:14">
      <c r="N615735" s="10"/>
    </row>
    <row r="615736" spans="14:14">
      <c r="N615736" s="10"/>
    </row>
    <row r="615737" spans="14:14">
      <c r="N615737" s="10"/>
    </row>
    <row r="615738" spans="14:14">
      <c r="N615738" s="10"/>
    </row>
    <row r="615739" spans="14:14">
      <c r="N615739" s="10"/>
    </row>
    <row r="615740" spans="14:14">
      <c r="N615740" s="10"/>
    </row>
    <row r="615741" spans="14:14">
      <c r="N615741" s="10"/>
    </row>
    <row r="615742" spans="14:14">
      <c r="N615742" s="10"/>
    </row>
    <row r="615743" spans="14:14">
      <c r="N615743" s="10"/>
    </row>
    <row r="615744" spans="14:14">
      <c r="N615744" s="10"/>
    </row>
    <row r="615745" spans="14:14">
      <c r="N615745" s="10"/>
    </row>
    <row r="615746" spans="14:14">
      <c r="N615746" s="10"/>
    </row>
    <row r="615747" spans="14:14">
      <c r="N615747" s="10"/>
    </row>
    <row r="615748" spans="14:14">
      <c r="N615748" s="10"/>
    </row>
    <row r="615749" spans="14:14">
      <c r="N615749" s="10"/>
    </row>
    <row r="615750" spans="14:14">
      <c r="N615750" s="10"/>
    </row>
    <row r="615751" spans="14:14">
      <c r="N615751" s="10"/>
    </row>
    <row r="615752" spans="14:14">
      <c r="N615752" s="10"/>
    </row>
    <row r="615753" spans="14:14">
      <c r="N615753" s="10"/>
    </row>
    <row r="615754" spans="14:14">
      <c r="N615754" s="10"/>
    </row>
    <row r="615755" spans="14:14">
      <c r="N615755" s="10"/>
    </row>
    <row r="615756" spans="14:14">
      <c r="N615756" s="10"/>
    </row>
    <row r="615757" spans="14:14">
      <c r="N615757" s="10"/>
    </row>
    <row r="615758" spans="14:14">
      <c r="N615758" s="10"/>
    </row>
    <row r="615759" spans="14:14">
      <c r="N615759" s="10"/>
    </row>
    <row r="615760" spans="14:14">
      <c r="N615760" s="10"/>
    </row>
    <row r="615761" spans="14:14">
      <c r="N615761" s="10"/>
    </row>
    <row r="615762" spans="14:14">
      <c r="N615762" s="10"/>
    </row>
    <row r="615763" spans="14:14">
      <c r="N615763" s="10"/>
    </row>
    <row r="615764" spans="14:14">
      <c r="N615764" s="10"/>
    </row>
    <row r="615765" spans="14:14">
      <c r="N615765" s="10"/>
    </row>
    <row r="615766" spans="14:14">
      <c r="N615766" s="10"/>
    </row>
    <row r="615767" spans="14:14">
      <c r="N615767" s="10"/>
    </row>
    <row r="615768" spans="14:14">
      <c r="N615768" s="10"/>
    </row>
    <row r="615769" spans="14:14">
      <c r="N615769" s="10"/>
    </row>
    <row r="615770" spans="14:14">
      <c r="N615770" s="10"/>
    </row>
    <row r="615771" spans="14:14">
      <c r="N615771" s="10"/>
    </row>
    <row r="615772" spans="14:14">
      <c r="N615772" s="10"/>
    </row>
    <row r="615773" spans="14:14">
      <c r="N615773" s="10"/>
    </row>
    <row r="615774" spans="14:14">
      <c r="N615774" s="10"/>
    </row>
    <row r="615775" spans="14:14">
      <c r="N615775" s="10"/>
    </row>
    <row r="615776" spans="14:14">
      <c r="N615776" s="10"/>
    </row>
    <row r="615777" spans="14:14">
      <c r="N615777" s="10"/>
    </row>
    <row r="615778" spans="14:14">
      <c r="N615778" s="10"/>
    </row>
    <row r="615779" spans="14:14">
      <c r="N615779" s="10"/>
    </row>
    <row r="615780" spans="14:14">
      <c r="N615780" s="10"/>
    </row>
    <row r="615781" spans="14:14">
      <c r="N615781" s="10"/>
    </row>
    <row r="615782" spans="14:14">
      <c r="N615782" s="10"/>
    </row>
    <row r="615783" spans="14:14">
      <c r="N615783" s="10"/>
    </row>
    <row r="615784" spans="14:14">
      <c r="N615784" s="10"/>
    </row>
    <row r="615785" spans="14:14">
      <c r="N615785" s="10"/>
    </row>
    <row r="615786" spans="14:14">
      <c r="N615786" s="10"/>
    </row>
    <row r="615787" spans="14:14">
      <c r="N615787" s="10"/>
    </row>
    <row r="615788" spans="14:14">
      <c r="N615788" s="10"/>
    </row>
    <row r="615789" spans="14:14">
      <c r="N615789" s="10"/>
    </row>
    <row r="615790" spans="14:14">
      <c r="N615790" s="10"/>
    </row>
    <row r="615791" spans="14:14">
      <c r="N615791" s="10"/>
    </row>
    <row r="615792" spans="14:14">
      <c r="N615792" s="10"/>
    </row>
    <row r="615793" spans="14:14">
      <c r="N615793" s="10"/>
    </row>
    <row r="615794" spans="14:14">
      <c r="N615794" s="10"/>
    </row>
    <row r="615795" spans="14:14">
      <c r="N615795" s="10"/>
    </row>
    <row r="615796" spans="14:14">
      <c r="N615796" s="10"/>
    </row>
    <row r="615797" spans="14:14">
      <c r="N615797" s="10"/>
    </row>
    <row r="615798" spans="14:14">
      <c r="N615798" s="10"/>
    </row>
    <row r="615799" spans="14:14">
      <c r="N615799" s="10"/>
    </row>
    <row r="615800" spans="14:14">
      <c r="N615800" s="10"/>
    </row>
    <row r="615801" spans="14:14">
      <c r="N615801" s="10"/>
    </row>
    <row r="615802" spans="14:14">
      <c r="N615802" s="10"/>
    </row>
    <row r="615803" spans="14:14">
      <c r="N615803" s="10"/>
    </row>
    <row r="615804" spans="14:14">
      <c r="N615804" s="10"/>
    </row>
    <row r="615805" spans="14:14">
      <c r="N615805" s="10"/>
    </row>
    <row r="615806" spans="14:14">
      <c r="N615806" s="10"/>
    </row>
    <row r="615807" spans="14:14">
      <c r="N615807" s="10"/>
    </row>
    <row r="615808" spans="14:14">
      <c r="N615808" s="10"/>
    </row>
    <row r="615809" spans="14:14">
      <c r="N615809" s="10"/>
    </row>
    <row r="615810" spans="14:14">
      <c r="N615810" s="10"/>
    </row>
    <row r="615811" spans="14:14">
      <c r="N615811" s="10"/>
    </row>
    <row r="615812" spans="14:14">
      <c r="N615812" s="10"/>
    </row>
    <row r="615813" spans="14:14">
      <c r="N615813" s="10"/>
    </row>
    <row r="615814" spans="14:14">
      <c r="N615814" s="10"/>
    </row>
    <row r="615815" spans="14:14">
      <c r="N615815" s="10"/>
    </row>
    <row r="615816" spans="14:14">
      <c r="N615816" s="10"/>
    </row>
    <row r="615817" spans="14:14">
      <c r="N615817" s="10"/>
    </row>
    <row r="615818" spans="14:14">
      <c r="N615818" s="10"/>
    </row>
    <row r="615819" spans="14:14">
      <c r="N615819" s="10"/>
    </row>
    <row r="615820" spans="14:14">
      <c r="N615820" s="10"/>
    </row>
    <row r="615821" spans="14:14">
      <c r="N615821" s="10"/>
    </row>
    <row r="615822" spans="14:14">
      <c r="N615822" s="10"/>
    </row>
    <row r="615823" spans="14:14">
      <c r="N615823" s="10"/>
    </row>
    <row r="615824" spans="14:14">
      <c r="N615824" s="10"/>
    </row>
    <row r="615825" spans="14:14">
      <c r="N615825" s="10"/>
    </row>
    <row r="615826" spans="14:14">
      <c r="N615826" s="10"/>
    </row>
    <row r="615827" spans="14:14">
      <c r="N615827" s="10"/>
    </row>
    <row r="615828" spans="14:14">
      <c r="N615828" s="10"/>
    </row>
    <row r="615829" spans="14:14">
      <c r="N615829" s="10"/>
    </row>
    <row r="615830" spans="14:14">
      <c r="N615830" s="10"/>
    </row>
    <row r="615831" spans="14:14">
      <c r="N615831" s="10"/>
    </row>
    <row r="615832" spans="14:14">
      <c r="N615832" s="10"/>
    </row>
    <row r="615833" spans="14:14">
      <c r="N615833" s="10"/>
    </row>
    <row r="615834" spans="14:14">
      <c r="N615834" s="10"/>
    </row>
    <row r="615835" spans="14:14">
      <c r="N615835" s="10"/>
    </row>
    <row r="615836" spans="14:14">
      <c r="N615836" s="10"/>
    </row>
    <row r="615837" spans="14:14">
      <c r="N615837" s="10"/>
    </row>
    <row r="615838" spans="14:14">
      <c r="N615838" s="10"/>
    </row>
    <row r="615839" spans="14:14">
      <c r="N615839" s="10"/>
    </row>
    <row r="615840" spans="14:14">
      <c r="N615840" s="10"/>
    </row>
    <row r="615841" spans="14:14">
      <c r="N615841" s="10"/>
    </row>
    <row r="615842" spans="14:14">
      <c r="N615842" s="10"/>
    </row>
    <row r="615843" spans="14:14">
      <c r="N615843" s="10"/>
    </row>
    <row r="615844" spans="14:14">
      <c r="N615844" s="10"/>
    </row>
    <row r="615845" spans="14:14">
      <c r="N615845" s="10"/>
    </row>
    <row r="615846" spans="14:14">
      <c r="N615846" s="10"/>
    </row>
    <row r="615847" spans="14:14">
      <c r="N615847" s="10"/>
    </row>
    <row r="615848" spans="14:14">
      <c r="N615848" s="10"/>
    </row>
    <row r="615849" spans="14:14">
      <c r="N615849" s="10"/>
    </row>
    <row r="615850" spans="14:14">
      <c r="N615850" s="10"/>
    </row>
    <row r="615851" spans="14:14">
      <c r="N615851" s="10"/>
    </row>
    <row r="615852" spans="14:14">
      <c r="N615852" s="10"/>
    </row>
    <row r="615853" spans="14:14">
      <c r="N615853" s="10"/>
    </row>
    <row r="615854" spans="14:14">
      <c r="N615854" s="10"/>
    </row>
    <row r="615855" spans="14:14">
      <c r="N615855" s="10"/>
    </row>
    <row r="615856" spans="14:14">
      <c r="N615856" s="10"/>
    </row>
    <row r="615857" spans="14:14">
      <c r="N615857" s="10"/>
    </row>
    <row r="615858" spans="14:14">
      <c r="N615858" s="10"/>
    </row>
    <row r="615859" spans="14:14">
      <c r="N615859" s="10"/>
    </row>
    <row r="615860" spans="14:14">
      <c r="N615860" s="10"/>
    </row>
    <row r="615861" spans="14:14">
      <c r="N615861" s="10"/>
    </row>
    <row r="615862" spans="14:14">
      <c r="N615862" s="10"/>
    </row>
    <row r="615863" spans="14:14">
      <c r="N615863" s="10"/>
    </row>
    <row r="615864" spans="14:14">
      <c r="N615864" s="10"/>
    </row>
    <row r="615865" spans="14:14">
      <c r="N615865" s="10"/>
    </row>
    <row r="615866" spans="14:14">
      <c r="N615866" s="10"/>
    </row>
    <row r="615867" spans="14:14">
      <c r="N615867" s="10"/>
    </row>
    <row r="615868" spans="14:14">
      <c r="N615868" s="10"/>
    </row>
    <row r="615869" spans="14:14">
      <c r="N615869" s="10"/>
    </row>
    <row r="615870" spans="14:14">
      <c r="N615870" s="10"/>
    </row>
    <row r="615871" spans="14:14">
      <c r="N615871" s="10"/>
    </row>
    <row r="615872" spans="14:14">
      <c r="N615872" s="10"/>
    </row>
    <row r="615873" spans="14:14">
      <c r="N615873" s="10"/>
    </row>
    <row r="615874" spans="14:14">
      <c r="N615874" s="10"/>
    </row>
    <row r="615875" spans="14:14">
      <c r="N615875" s="10"/>
    </row>
    <row r="615876" spans="14:14">
      <c r="N615876" s="10"/>
    </row>
    <row r="615877" spans="14:14">
      <c r="N615877" s="10"/>
    </row>
    <row r="615878" spans="14:14">
      <c r="N615878" s="10"/>
    </row>
    <row r="615879" spans="14:14">
      <c r="N615879" s="10"/>
    </row>
    <row r="615880" spans="14:14">
      <c r="N615880" s="10"/>
    </row>
    <row r="615881" spans="14:14">
      <c r="N615881" s="10"/>
    </row>
    <row r="615882" spans="14:14">
      <c r="N615882" s="10"/>
    </row>
    <row r="615883" spans="14:14">
      <c r="N615883" s="10"/>
    </row>
    <row r="615884" spans="14:14">
      <c r="N615884" s="10"/>
    </row>
    <row r="615885" spans="14:14">
      <c r="N615885" s="10"/>
    </row>
    <row r="615886" spans="14:14">
      <c r="N615886" s="10"/>
    </row>
    <row r="615887" spans="14:14">
      <c r="N615887" s="10"/>
    </row>
    <row r="615888" spans="14:14">
      <c r="N615888" s="10"/>
    </row>
    <row r="615889" spans="14:14">
      <c r="N615889" s="10"/>
    </row>
    <row r="615890" spans="14:14">
      <c r="N615890" s="10"/>
    </row>
    <row r="615891" spans="14:14">
      <c r="N615891" s="10"/>
    </row>
    <row r="615892" spans="14:14">
      <c r="N615892" s="10"/>
    </row>
    <row r="615893" spans="14:14">
      <c r="N615893" s="10"/>
    </row>
    <row r="615894" spans="14:14">
      <c r="N615894" s="10"/>
    </row>
    <row r="615895" spans="14:14">
      <c r="N615895" s="10"/>
    </row>
    <row r="615896" spans="14:14">
      <c r="N615896" s="10"/>
    </row>
    <row r="615897" spans="14:14">
      <c r="N615897" s="10"/>
    </row>
    <row r="615898" spans="14:14">
      <c r="N615898" s="10"/>
    </row>
    <row r="615899" spans="14:14">
      <c r="N615899" s="10"/>
    </row>
    <row r="615900" spans="14:14">
      <c r="N615900" s="10"/>
    </row>
    <row r="615901" spans="14:14">
      <c r="N615901" s="10"/>
    </row>
    <row r="615902" spans="14:14">
      <c r="N615902" s="10"/>
    </row>
    <row r="615903" spans="14:14">
      <c r="N615903" s="10"/>
    </row>
    <row r="615904" spans="14:14">
      <c r="N615904" s="10"/>
    </row>
    <row r="615905" spans="14:14">
      <c r="N615905" s="10"/>
    </row>
    <row r="615906" spans="14:14">
      <c r="N615906" s="10"/>
    </row>
    <row r="615907" spans="14:14">
      <c r="N615907" s="10"/>
    </row>
    <row r="615908" spans="14:14">
      <c r="N615908" s="10"/>
    </row>
    <row r="615909" spans="14:14">
      <c r="N615909" s="10"/>
    </row>
    <row r="615910" spans="14:14">
      <c r="N615910" s="10"/>
    </row>
    <row r="615911" spans="14:14">
      <c r="N615911" s="10"/>
    </row>
    <row r="615912" spans="14:14">
      <c r="N615912" s="10"/>
    </row>
    <row r="615913" spans="14:14">
      <c r="N615913" s="10"/>
    </row>
    <row r="615914" spans="14:14">
      <c r="N615914" s="10"/>
    </row>
    <row r="615915" spans="14:14">
      <c r="N615915" s="10"/>
    </row>
    <row r="615916" spans="14:14">
      <c r="N615916" s="10"/>
    </row>
    <row r="615917" spans="14:14">
      <c r="N615917" s="10"/>
    </row>
    <row r="615918" spans="14:14">
      <c r="N615918" s="10"/>
    </row>
    <row r="615919" spans="14:14">
      <c r="N615919" s="10"/>
    </row>
    <row r="615920" spans="14:14">
      <c r="N615920" s="10"/>
    </row>
    <row r="615921" spans="14:14">
      <c r="N615921" s="10"/>
    </row>
    <row r="615922" spans="14:14">
      <c r="N615922" s="10"/>
    </row>
    <row r="615923" spans="14:14">
      <c r="N615923" s="10"/>
    </row>
    <row r="615924" spans="14:14">
      <c r="N615924" s="10"/>
    </row>
    <row r="615925" spans="14:14">
      <c r="N615925" s="10"/>
    </row>
    <row r="615926" spans="14:14">
      <c r="N615926" s="10"/>
    </row>
    <row r="615927" spans="14:14">
      <c r="N615927" s="10"/>
    </row>
    <row r="615928" spans="14:14">
      <c r="N615928" s="10"/>
    </row>
    <row r="615929" spans="14:14">
      <c r="N615929" s="10"/>
    </row>
    <row r="615930" spans="14:14">
      <c r="N615930" s="10"/>
    </row>
    <row r="615931" spans="14:14">
      <c r="N615931" s="10"/>
    </row>
    <row r="615932" spans="14:14">
      <c r="N615932" s="10"/>
    </row>
    <row r="615933" spans="14:14">
      <c r="N615933" s="10"/>
    </row>
    <row r="615934" spans="14:14">
      <c r="N615934" s="10"/>
    </row>
    <row r="615935" spans="14:14">
      <c r="N615935" s="10"/>
    </row>
    <row r="615936" spans="14:14">
      <c r="N615936" s="10"/>
    </row>
    <row r="615937" spans="14:14">
      <c r="N615937" s="10"/>
    </row>
    <row r="615938" spans="14:14">
      <c r="N615938" s="10"/>
    </row>
    <row r="615939" spans="14:14">
      <c r="N615939" s="10"/>
    </row>
    <row r="615940" spans="14:14">
      <c r="N615940" s="10"/>
    </row>
    <row r="615941" spans="14:14">
      <c r="N615941" s="10"/>
    </row>
    <row r="615942" spans="14:14">
      <c r="N615942" s="10"/>
    </row>
    <row r="615943" spans="14:14">
      <c r="N615943" s="10"/>
    </row>
    <row r="615944" spans="14:14">
      <c r="N615944" s="10"/>
    </row>
    <row r="615945" spans="14:14">
      <c r="N615945" s="10"/>
    </row>
    <row r="615946" spans="14:14">
      <c r="N615946" s="10"/>
    </row>
    <row r="615947" spans="14:14">
      <c r="N615947" s="10"/>
    </row>
    <row r="615948" spans="14:14">
      <c r="N615948" s="10"/>
    </row>
    <row r="615949" spans="14:14">
      <c r="N615949" s="10"/>
    </row>
    <row r="615950" spans="14:14">
      <c r="N615950" s="10"/>
    </row>
    <row r="615951" spans="14:14">
      <c r="N615951" s="10"/>
    </row>
    <row r="615952" spans="14:14">
      <c r="N615952" s="10"/>
    </row>
    <row r="615953" spans="14:14">
      <c r="N615953" s="10"/>
    </row>
    <row r="615954" spans="14:14">
      <c r="N615954" s="10"/>
    </row>
    <row r="615955" spans="14:14">
      <c r="N615955" s="10"/>
    </row>
    <row r="615956" spans="14:14">
      <c r="N615956" s="10"/>
    </row>
    <row r="615957" spans="14:14">
      <c r="N615957" s="10"/>
    </row>
    <row r="615958" spans="14:14">
      <c r="N615958" s="10"/>
    </row>
    <row r="615959" spans="14:14">
      <c r="N615959" s="10"/>
    </row>
    <row r="615960" spans="14:14">
      <c r="N615960" s="10"/>
    </row>
    <row r="615961" spans="14:14">
      <c r="N615961" s="10"/>
    </row>
    <row r="615962" spans="14:14">
      <c r="N615962" s="10"/>
    </row>
    <row r="615963" spans="14:14">
      <c r="N615963" s="10"/>
    </row>
    <row r="615964" spans="14:14">
      <c r="N615964" s="10"/>
    </row>
    <row r="615965" spans="14:14">
      <c r="N615965" s="10"/>
    </row>
    <row r="615966" spans="14:14">
      <c r="N615966" s="10"/>
    </row>
    <row r="615967" spans="14:14">
      <c r="N615967" s="10"/>
    </row>
    <row r="615968" spans="14:14">
      <c r="N615968" s="10"/>
    </row>
    <row r="615969" spans="14:14">
      <c r="N615969" s="10"/>
    </row>
    <row r="615970" spans="14:14">
      <c r="N615970" s="10"/>
    </row>
    <row r="615971" spans="14:14">
      <c r="N615971" s="10"/>
    </row>
    <row r="615972" spans="14:14">
      <c r="N615972" s="10"/>
    </row>
    <row r="615973" spans="14:14">
      <c r="N615973" s="10"/>
    </row>
    <row r="615974" spans="14:14">
      <c r="N615974" s="10"/>
    </row>
    <row r="615975" spans="14:14">
      <c r="N615975" s="10"/>
    </row>
    <row r="615976" spans="14:14">
      <c r="N615976" s="10"/>
    </row>
    <row r="615977" spans="14:14">
      <c r="N615977" s="10"/>
    </row>
    <row r="615978" spans="14:14">
      <c r="N615978" s="10"/>
    </row>
    <row r="615979" spans="14:14">
      <c r="N615979" s="10"/>
    </row>
    <row r="615980" spans="14:14">
      <c r="N615980" s="10"/>
    </row>
    <row r="615981" spans="14:14">
      <c r="N615981" s="10"/>
    </row>
    <row r="615982" spans="14:14">
      <c r="N615982" s="10"/>
    </row>
    <row r="615983" spans="14:14">
      <c r="N615983" s="10"/>
    </row>
    <row r="615984" spans="14:14">
      <c r="N615984" s="10"/>
    </row>
    <row r="615985" spans="14:14">
      <c r="N615985" s="10"/>
    </row>
    <row r="615986" spans="14:14">
      <c r="N615986" s="10"/>
    </row>
    <row r="615987" spans="14:14">
      <c r="N615987" s="10"/>
    </row>
    <row r="615988" spans="14:14">
      <c r="N615988" s="10"/>
    </row>
    <row r="615989" spans="14:14">
      <c r="N615989" s="10"/>
    </row>
    <row r="615990" spans="14:14">
      <c r="N615990" s="10"/>
    </row>
    <row r="615991" spans="14:14">
      <c r="N615991" s="10"/>
    </row>
    <row r="615992" spans="14:14">
      <c r="N615992" s="10"/>
    </row>
    <row r="615993" spans="14:14">
      <c r="N615993" s="10"/>
    </row>
    <row r="615994" spans="14:14">
      <c r="N615994" s="10"/>
    </row>
    <row r="615995" spans="14:14">
      <c r="N615995" s="10"/>
    </row>
    <row r="615996" spans="14:14">
      <c r="N615996" s="10"/>
    </row>
    <row r="615997" spans="14:14">
      <c r="N615997" s="10"/>
    </row>
    <row r="615998" spans="14:14">
      <c r="N615998" s="10"/>
    </row>
    <row r="615999" spans="14:14">
      <c r="N615999" s="10"/>
    </row>
    <row r="616000" spans="14:14">
      <c r="N616000" s="10"/>
    </row>
    <row r="616001" spans="14:14">
      <c r="N616001" s="10"/>
    </row>
    <row r="616002" spans="14:14">
      <c r="N616002" s="10"/>
    </row>
    <row r="616003" spans="14:14">
      <c r="N616003" s="10"/>
    </row>
    <row r="616004" spans="14:14">
      <c r="N616004" s="10"/>
    </row>
    <row r="616005" spans="14:14">
      <c r="N616005" s="10"/>
    </row>
    <row r="616006" spans="14:14">
      <c r="N616006" s="10"/>
    </row>
    <row r="616007" spans="14:14">
      <c r="N616007" s="10"/>
    </row>
    <row r="616008" spans="14:14">
      <c r="N616008" s="10"/>
    </row>
    <row r="616009" spans="14:14">
      <c r="N616009" s="10"/>
    </row>
    <row r="616010" spans="14:14">
      <c r="N616010" s="10"/>
    </row>
    <row r="616011" spans="14:14">
      <c r="N616011" s="10"/>
    </row>
    <row r="616012" spans="14:14">
      <c r="N616012" s="10"/>
    </row>
    <row r="616013" spans="14:14">
      <c r="N616013" s="10"/>
    </row>
    <row r="616014" spans="14:14">
      <c r="N616014" s="10"/>
    </row>
    <row r="616015" spans="14:14">
      <c r="N616015" s="10"/>
    </row>
    <row r="616016" spans="14:14">
      <c r="N616016" s="10"/>
    </row>
    <row r="616017" spans="14:14">
      <c r="N616017" s="10"/>
    </row>
    <row r="616018" spans="14:14">
      <c r="N616018" s="10"/>
    </row>
    <row r="616019" spans="14:14">
      <c r="N616019" s="10"/>
    </row>
    <row r="616020" spans="14:14">
      <c r="N616020" s="10"/>
    </row>
    <row r="616021" spans="14:14">
      <c r="N616021" s="10"/>
    </row>
    <row r="616022" spans="14:14">
      <c r="N616022" s="10"/>
    </row>
    <row r="616023" spans="14:14">
      <c r="N616023" s="10"/>
    </row>
    <row r="616024" spans="14:14">
      <c r="N616024" s="10"/>
    </row>
    <row r="616025" spans="14:14">
      <c r="N616025" s="10"/>
    </row>
    <row r="616026" spans="14:14">
      <c r="N616026" s="10"/>
    </row>
    <row r="616027" spans="14:14">
      <c r="N616027" s="10"/>
    </row>
    <row r="616028" spans="14:14">
      <c r="N616028" s="10"/>
    </row>
    <row r="616029" spans="14:14">
      <c r="N616029" s="10"/>
    </row>
    <row r="616030" spans="14:14">
      <c r="N616030" s="10"/>
    </row>
    <row r="616031" spans="14:14">
      <c r="N616031" s="10"/>
    </row>
    <row r="616032" spans="14:14">
      <c r="N616032" s="10"/>
    </row>
    <row r="616033" spans="14:14">
      <c r="N616033" s="10"/>
    </row>
    <row r="616034" spans="14:14">
      <c r="N616034" s="10"/>
    </row>
    <row r="616035" spans="14:14">
      <c r="N616035" s="10"/>
    </row>
    <row r="616036" spans="14:14">
      <c r="N616036" s="10"/>
    </row>
    <row r="616037" spans="14:14">
      <c r="N616037" s="10"/>
    </row>
    <row r="616038" spans="14:14">
      <c r="N616038" s="10"/>
    </row>
    <row r="616039" spans="14:14">
      <c r="N616039" s="10"/>
    </row>
    <row r="616040" spans="14:14">
      <c r="N616040" s="10"/>
    </row>
    <row r="616041" spans="14:14">
      <c r="N616041" s="10"/>
    </row>
    <row r="616042" spans="14:14">
      <c r="N616042" s="10"/>
    </row>
    <row r="616043" spans="14:14">
      <c r="N616043" s="10"/>
    </row>
    <row r="616044" spans="14:14">
      <c r="N616044" s="10"/>
    </row>
    <row r="616045" spans="14:14">
      <c r="N616045" s="10"/>
    </row>
    <row r="616046" spans="14:14">
      <c r="N616046" s="10"/>
    </row>
    <row r="616047" spans="14:14">
      <c r="N616047" s="10"/>
    </row>
    <row r="616048" spans="14:14">
      <c r="N616048" s="10"/>
    </row>
    <row r="616049" spans="14:14">
      <c r="N616049" s="10"/>
    </row>
    <row r="616050" spans="14:14">
      <c r="N616050" s="10"/>
    </row>
    <row r="616051" spans="14:14">
      <c r="N616051" s="10"/>
    </row>
    <row r="616052" spans="14:14">
      <c r="N616052" s="10"/>
    </row>
    <row r="616053" spans="14:14">
      <c r="N616053" s="10"/>
    </row>
    <row r="616054" spans="14:14">
      <c r="N616054" s="10"/>
    </row>
    <row r="616055" spans="14:14">
      <c r="N616055" s="10"/>
    </row>
    <row r="616056" spans="14:14">
      <c r="N616056" s="10"/>
    </row>
    <row r="616057" spans="14:14">
      <c r="N616057" s="10"/>
    </row>
    <row r="616058" spans="14:14">
      <c r="N616058" s="10"/>
    </row>
    <row r="616059" spans="14:14">
      <c r="N616059" s="10"/>
    </row>
    <row r="616060" spans="14:14">
      <c r="N616060" s="10"/>
    </row>
    <row r="616061" spans="14:14">
      <c r="N616061" s="10"/>
    </row>
    <row r="616062" spans="14:14">
      <c r="N616062" s="10"/>
    </row>
    <row r="616063" spans="14:14">
      <c r="N616063" s="10"/>
    </row>
    <row r="616064" spans="14:14">
      <c r="N616064" s="10"/>
    </row>
    <row r="616065" spans="14:14">
      <c r="N616065" s="10"/>
    </row>
    <row r="616066" spans="14:14">
      <c r="N616066" s="10"/>
    </row>
    <row r="616067" spans="14:14">
      <c r="N616067" s="10"/>
    </row>
    <row r="616068" spans="14:14">
      <c r="N616068" s="10"/>
    </row>
    <row r="616069" spans="14:14">
      <c r="N616069" s="10"/>
    </row>
    <row r="616070" spans="14:14">
      <c r="N616070" s="10"/>
    </row>
    <row r="616071" spans="14:14">
      <c r="N616071" s="10"/>
    </row>
    <row r="616072" spans="14:14">
      <c r="N616072" s="10"/>
    </row>
    <row r="616073" spans="14:14">
      <c r="N616073" s="10"/>
    </row>
    <row r="616074" spans="14:14">
      <c r="N616074" s="10"/>
    </row>
    <row r="616075" spans="14:14">
      <c r="N616075" s="10"/>
    </row>
    <row r="616076" spans="14:14">
      <c r="N616076" s="10"/>
    </row>
    <row r="616077" spans="14:14">
      <c r="N616077" s="10"/>
    </row>
    <row r="616078" spans="14:14">
      <c r="N616078" s="10"/>
    </row>
    <row r="616079" spans="14:14">
      <c r="N616079" s="10"/>
    </row>
    <row r="616080" spans="14:14">
      <c r="N616080" s="10"/>
    </row>
    <row r="616081" spans="14:14">
      <c r="N616081" s="10"/>
    </row>
    <row r="616082" spans="14:14">
      <c r="N616082" s="10"/>
    </row>
    <row r="616083" spans="14:14">
      <c r="N616083" s="10"/>
    </row>
    <row r="616084" spans="14:14">
      <c r="N616084" s="10"/>
    </row>
    <row r="616085" spans="14:14">
      <c r="N616085" s="10"/>
    </row>
    <row r="616086" spans="14:14">
      <c r="N616086" s="10"/>
    </row>
    <row r="616087" spans="14:14">
      <c r="N616087" s="10"/>
    </row>
    <row r="616088" spans="14:14">
      <c r="N616088" s="10"/>
    </row>
    <row r="616089" spans="14:14">
      <c r="N616089" s="10"/>
    </row>
    <row r="616090" spans="14:14">
      <c r="N616090" s="10"/>
    </row>
    <row r="616091" spans="14:14">
      <c r="N616091" s="10"/>
    </row>
    <row r="616092" spans="14:14">
      <c r="N616092" s="10"/>
    </row>
    <row r="616093" spans="14:14">
      <c r="N616093" s="10"/>
    </row>
    <row r="616094" spans="14:14">
      <c r="N616094" s="10"/>
    </row>
    <row r="616095" spans="14:14">
      <c r="N616095" s="10"/>
    </row>
    <row r="616096" spans="14:14">
      <c r="N616096" s="10"/>
    </row>
    <row r="616097" spans="14:14">
      <c r="N616097" s="10"/>
    </row>
    <row r="616098" spans="14:14">
      <c r="N616098" s="10"/>
    </row>
    <row r="616099" spans="14:14">
      <c r="N616099" s="10"/>
    </row>
    <row r="616100" spans="14:14">
      <c r="N616100" s="10"/>
    </row>
    <row r="616101" spans="14:14">
      <c r="N616101" s="10"/>
    </row>
    <row r="616102" spans="14:14">
      <c r="N616102" s="10"/>
    </row>
    <row r="616103" spans="14:14">
      <c r="N616103" s="10"/>
    </row>
    <row r="616104" spans="14:14">
      <c r="N616104" s="10"/>
    </row>
    <row r="616105" spans="14:14">
      <c r="N616105" s="10"/>
    </row>
    <row r="616106" spans="14:14">
      <c r="N616106" s="10"/>
    </row>
    <row r="616107" spans="14:14">
      <c r="N616107" s="10"/>
    </row>
    <row r="616108" spans="14:14">
      <c r="N616108" s="10"/>
    </row>
    <row r="616109" spans="14:14">
      <c r="N616109" s="10"/>
    </row>
    <row r="616110" spans="14:14">
      <c r="N616110" s="10"/>
    </row>
    <row r="616111" spans="14:14">
      <c r="N616111" s="10"/>
    </row>
    <row r="616112" spans="14:14">
      <c r="N616112" s="10"/>
    </row>
    <row r="616113" spans="14:14">
      <c r="N616113" s="10"/>
    </row>
    <row r="616114" spans="14:14">
      <c r="N616114" s="10"/>
    </row>
    <row r="616115" spans="14:14">
      <c r="N616115" s="10"/>
    </row>
    <row r="616116" spans="14:14">
      <c r="N616116" s="10"/>
    </row>
    <row r="616117" spans="14:14">
      <c r="N616117" s="10"/>
    </row>
    <row r="616118" spans="14:14">
      <c r="N616118" s="10"/>
    </row>
    <row r="616119" spans="14:14">
      <c r="N616119" s="10"/>
    </row>
    <row r="616120" spans="14:14">
      <c r="N616120" s="10"/>
    </row>
    <row r="616121" spans="14:14">
      <c r="N616121" s="10"/>
    </row>
    <row r="616122" spans="14:14">
      <c r="N616122" s="10"/>
    </row>
    <row r="616123" spans="14:14">
      <c r="N616123" s="10"/>
    </row>
    <row r="616124" spans="14:14">
      <c r="N616124" s="10"/>
    </row>
    <row r="616125" spans="14:14">
      <c r="N616125" s="10"/>
    </row>
    <row r="616126" spans="14:14">
      <c r="N616126" s="10"/>
    </row>
    <row r="616127" spans="14:14">
      <c r="N616127" s="10"/>
    </row>
    <row r="616128" spans="14:14">
      <c r="N616128" s="10"/>
    </row>
    <row r="616129" spans="14:14">
      <c r="N616129" s="10"/>
    </row>
    <row r="616130" spans="14:14">
      <c r="N616130" s="10"/>
    </row>
    <row r="616131" spans="14:14">
      <c r="N616131" s="10"/>
    </row>
    <row r="616132" spans="14:14">
      <c r="N616132" s="10"/>
    </row>
    <row r="616133" spans="14:14">
      <c r="N616133" s="10"/>
    </row>
    <row r="616134" spans="14:14">
      <c r="N616134" s="10"/>
    </row>
    <row r="616135" spans="14:14">
      <c r="N616135" s="10"/>
    </row>
    <row r="616136" spans="14:14">
      <c r="N616136" s="10"/>
    </row>
    <row r="616137" spans="14:14">
      <c r="N616137" s="10"/>
    </row>
    <row r="616138" spans="14:14">
      <c r="N616138" s="10"/>
    </row>
    <row r="616139" spans="14:14">
      <c r="N616139" s="10"/>
    </row>
    <row r="616140" spans="14:14">
      <c r="N616140" s="10"/>
    </row>
    <row r="616141" spans="14:14">
      <c r="N616141" s="10"/>
    </row>
    <row r="616142" spans="14:14">
      <c r="N616142" s="10"/>
    </row>
    <row r="616143" spans="14:14">
      <c r="N616143" s="10"/>
    </row>
    <row r="616144" spans="14:14">
      <c r="N616144" s="10"/>
    </row>
    <row r="616145" spans="14:14">
      <c r="N616145" s="10"/>
    </row>
    <row r="616146" spans="14:14">
      <c r="N616146" s="10"/>
    </row>
    <row r="616147" spans="14:14">
      <c r="N616147" s="10"/>
    </row>
    <row r="616148" spans="14:14">
      <c r="N616148" s="10"/>
    </row>
    <row r="616149" spans="14:14">
      <c r="N616149" s="10"/>
    </row>
    <row r="616150" spans="14:14">
      <c r="N616150" s="10"/>
    </row>
    <row r="616151" spans="14:14">
      <c r="N616151" s="10"/>
    </row>
    <row r="616152" spans="14:14">
      <c r="N616152" s="10"/>
    </row>
    <row r="616153" spans="14:14">
      <c r="N616153" s="10"/>
    </row>
    <row r="616154" spans="14:14">
      <c r="N616154" s="10"/>
    </row>
    <row r="616155" spans="14:14">
      <c r="N616155" s="10"/>
    </row>
    <row r="616156" spans="14:14">
      <c r="N616156" s="10"/>
    </row>
    <row r="616157" spans="14:14">
      <c r="N616157" s="10"/>
    </row>
    <row r="616158" spans="14:14">
      <c r="N616158" s="10"/>
    </row>
    <row r="616159" spans="14:14">
      <c r="N616159" s="10"/>
    </row>
    <row r="616160" spans="14:14">
      <c r="N616160" s="10"/>
    </row>
    <row r="616161" spans="14:14">
      <c r="N616161" s="10"/>
    </row>
    <row r="616162" spans="14:14">
      <c r="N616162" s="10"/>
    </row>
    <row r="616163" spans="14:14">
      <c r="N616163" s="10"/>
    </row>
    <row r="616164" spans="14:14">
      <c r="N616164" s="10"/>
    </row>
    <row r="616165" spans="14:14">
      <c r="N616165" s="10"/>
    </row>
    <row r="616166" spans="14:14">
      <c r="N616166" s="10"/>
    </row>
    <row r="616167" spans="14:14">
      <c r="N616167" s="10"/>
    </row>
    <row r="616168" spans="14:14">
      <c r="N616168" s="10"/>
    </row>
    <row r="616169" spans="14:14">
      <c r="N616169" s="10"/>
    </row>
    <row r="616170" spans="14:14">
      <c r="N616170" s="10"/>
    </row>
    <row r="616171" spans="14:14">
      <c r="N616171" s="10"/>
    </row>
    <row r="616172" spans="14:14">
      <c r="N616172" s="10"/>
    </row>
    <row r="616173" spans="14:14">
      <c r="N616173" s="10"/>
    </row>
    <row r="616174" spans="14:14">
      <c r="N616174" s="10"/>
    </row>
    <row r="616175" spans="14:14">
      <c r="N616175" s="10"/>
    </row>
    <row r="616176" spans="14:14">
      <c r="N616176" s="10"/>
    </row>
    <row r="616177" spans="14:14">
      <c r="N616177" s="10"/>
    </row>
    <row r="616178" spans="14:14">
      <c r="N616178" s="10"/>
    </row>
    <row r="616179" spans="14:14">
      <c r="N616179" s="10"/>
    </row>
    <row r="616180" spans="14:14">
      <c r="N616180" s="10"/>
    </row>
    <row r="616181" spans="14:14">
      <c r="N616181" s="10"/>
    </row>
    <row r="616182" spans="14:14">
      <c r="N616182" s="10"/>
    </row>
    <row r="616183" spans="14:14">
      <c r="N616183" s="10"/>
    </row>
    <row r="616184" spans="14:14">
      <c r="N616184" s="10"/>
    </row>
    <row r="616185" spans="14:14">
      <c r="N616185" s="10"/>
    </row>
    <row r="616186" spans="14:14">
      <c r="N616186" s="10"/>
    </row>
    <row r="616187" spans="14:14">
      <c r="N616187" s="10"/>
    </row>
    <row r="616188" spans="14:14">
      <c r="N616188" s="10"/>
    </row>
    <row r="616189" spans="14:14">
      <c r="N616189" s="10"/>
    </row>
    <row r="616190" spans="14:14">
      <c r="N616190" s="10"/>
    </row>
    <row r="616191" spans="14:14">
      <c r="N616191" s="10"/>
    </row>
    <row r="616192" spans="14:14">
      <c r="N616192" s="10"/>
    </row>
    <row r="616193" spans="14:14">
      <c r="N616193" s="10"/>
    </row>
    <row r="616194" spans="14:14">
      <c r="N616194" s="10"/>
    </row>
    <row r="616195" spans="14:14">
      <c r="N616195" s="10"/>
    </row>
    <row r="616196" spans="14:14">
      <c r="N616196" s="10"/>
    </row>
    <row r="616197" spans="14:14">
      <c r="N616197" s="10"/>
    </row>
    <row r="616198" spans="14:14">
      <c r="N616198" s="10"/>
    </row>
    <row r="616199" spans="14:14">
      <c r="N616199" s="10"/>
    </row>
    <row r="616200" spans="14:14">
      <c r="N616200" s="10"/>
    </row>
    <row r="616201" spans="14:14">
      <c r="N616201" s="10"/>
    </row>
    <row r="616202" spans="14:14">
      <c r="N616202" s="10"/>
    </row>
    <row r="616203" spans="14:14">
      <c r="N616203" s="10"/>
    </row>
    <row r="616204" spans="14:14">
      <c r="N616204" s="10"/>
    </row>
    <row r="616205" spans="14:14">
      <c r="N616205" s="10"/>
    </row>
    <row r="616206" spans="14:14">
      <c r="N616206" s="10"/>
    </row>
    <row r="616207" spans="14:14">
      <c r="N616207" s="10"/>
    </row>
    <row r="616208" spans="14:14">
      <c r="N616208" s="10"/>
    </row>
    <row r="616209" spans="14:14">
      <c r="N616209" s="10"/>
    </row>
    <row r="616210" spans="14:14">
      <c r="N616210" s="10"/>
    </row>
    <row r="616211" spans="14:14">
      <c r="N616211" s="10"/>
    </row>
    <row r="616212" spans="14:14">
      <c r="N616212" s="10"/>
    </row>
    <row r="616213" spans="14:14">
      <c r="N616213" s="10"/>
    </row>
    <row r="616214" spans="14:14">
      <c r="N616214" s="10"/>
    </row>
    <row r="616215" spans="14:14">
      <c r="N616215" s="10"/>
    </row>
    <row r="616216" spans="14:14">
      <c r="N616216" s="10"/>
    </row>
    <row r="616217" spans="14:14">
      <c r="N616217" s="10"/>
    </row>
    <row r="616218" spans="14:14">
      <c r="N616218" s="10"/>
    </row>
    <row r="616219" spans="14:14">
      <c r="N616219" s="10"/>
    </row>
    <row r="616220" spans="14:14">
      <c r="N616220" s="10"/>
    </row>
    <row r="616221" spans="14:14">
      <c r="N616221" s="10"/>
    </row>
    <row r="616222" spans="14:14">
      <c r="N616222" s="10"/>
    </row>
    <row r="616223" spans="14:14">
      <c r="N616223" s="10"/>
    </row>
    <row r="616224" spans="14:14">
      <c r="N616224" s="10"/>
    </row>
    <row r="616225" spans="14:14">
      <c r="N616225" s="10"/>
    </row>
    <row r="616226" spans="14:14">
      <c r="N616226" s="10"/>
    </row>
    <row r="616227" spans="14:14">
      <c r="N616227" s="10"/>
    </row>
    <row r="616228" spans="14:14">
      <c r="N616228" s="10"/>
    </row>
    <row r="616229" spans="14:14">
      <c r="N616229" s="10"/>
    </row>
    <row r="616230" spans="14:14">
      <c r="N616230" s="10"/>
    </row>
    <row r="616231" spans="14:14">
      <c r="N616231" s="10"/>
    </row>
    <row r="616232" spans="14:14">
      <c r="N616232" s="10"/>
    </row>
    <row r="616233" spans="14:14">
      <c r="N616233" s="10"/>
    </row>
    <row r="616234" spans="14:14">
      <c r="N616234" s="10"/>
    </row>
    <row r="616235" spans="14:14">
      <c r="N616235" s="10"/>
    </row>
    <row r="616236" spans="14:14">
      <c r="N616236" s="10"/>
    </row>
    <row r="616237" spans="14:14">
      <c r="N616237" s="10"/>
    </row>
    <row r="616238" spans="14:14">
      <c r="N616238" s="10"/>
    </row>
    <row r="616239" spans="14:14">
      <c r="N616239" s="10"/>
    </row>
    <row r="616240" spans="14:14">
      <c r="N616240" s="10"/>
    </row>
    <row r="616241" spans="14:14">
      <c r="N616241" s="10"/>
    </row>
    <row r="616242" spans="14:14">
      <c r="N616242" s="10"/>
    </row>
    <row r="616243" spans="14:14">
      <c r="N616243" s="10"/>
    </row>
    <row r="616244" spans="14:14">
      <c r="N616244" s="10"/>
    </row>
    <row r="616245" spans="14:14">
      <c r="N616245" s="10"/>
    </row>
    <row r="616246" spans="14:14">
      <c r="N616246" s="10"/>
    </row>
    <row r="616247" spans="14:14">
      <c r="N616247" s="10"/>
    </row>
    <row r="616248" spans="14:14">
      <c r="N616248" s="10"/>
    </row>
    <row r="616249" spans="14:14">
      <c r="N616249" s="10"/>
    </row>
    <row r="616250" spans="14:14">
      <c r="N616250" s="10"/>
    </row>
    <row r="616251" spans="14:14">
      <c r="N616251" s="10"/>
    </row>
    <row r="616252" spans="14:14">
      <c r="N616252" s="10"/>
    </row>
    <row r="616253" spans="14:14">
      <c r="N616253" s="10"/>
    </row>
    <row r="616254" spans="14:14">
      <c r="N616254" s="10"/>
    </row>
    <row r="616255" spans="14:14">
      <c r="N616255" s="10"/>
    </row>
    <row r="616256" spans="14:14">
      <c r="N616256" s="10"/>
    </row>
    <row r="616257" spans="14:14">
      <c r="N616257" s="10"/>
    </row>
    <row r="616258" spans="14:14">
      <c r="N616258" s="10"/>
    </row>
    <row r="616259" spans="14:14">
      <c r="N616259" s="10"/>
    </row>
    <row r="616260" spans="14:14">
      <c r="N616260" s="10"/>
    </row>
    <row r="616261" spans="14:14">
      <c r="N616261" s="10"/>
    </row>
    <row r="616262" spans="14:14">
      <c r="N616262" s="10"/>
    </row>
    <row r="616263" spans="14:14">
      <c r="N616263" s="10"/>
    </row>
    <row r="616264" spans="14:14">
      <c r="N616264" s="10"/>
    </row>
    <row r="616265" spans="14:14">
      <c r="N616265" s="10"/>
    </row>
    <row r="616266" spans="14:14">
      <c r="N616266" s="10"/>
    </row>
    <row r="616267" spans="14:14">
      <c r="N616267" s="10"/>
    </row>
    <row r="616268" spans="14:14">
      <c r="N616268" s="10"/>
    </row>
    <row r="616269" spans="14:14">
      <c r="N616269" s="10"/>
    </row>
    <row r="616270" spans="14:14">
      <c r="N616270" s="10"/>
    </row>
    <row r="616271" spans="14:14">
      <c r="N616271" s="10"/>
    </row>
    <row r="616272" spans="14:14">
      <c r="N616272" s="10"/>
    </row>
    <row r="616273" spans="14:14">
      <c r="N616273" s="10"/>
    </row>
    <row r="616274" spans="14:14">
      <c r="N616274" s="10"/>
    </row>
    <row r="616275" spans="14:14">
      <c r="N616275" s="10"/>
    </row>
    <row r="616276" spans="14:14">
      <c r="N616276" s="10"/>
    </row>
    <row r="616277" spans="14:14">
      <c r="N616277" s="10"/>
    </row>
    <row r="616278" spans="14:14">
      <c r="N616278" s="10"/>
    </row>
    <row r="616279" spans="14:14">
      <c r="N616279" s="10"/>
    </row>
    <row r="616280" spans="14:14">
      <c r="N616280" s="10"/>
    </row>
    <row r="616281" spans="14:14">
      <c r="N616281" s="10"/>
    </row>
    <row r="616282" spans="14:14">
      <c r="N616282" s="10"/>
    </row>
    <row r="616283" spans="14:14">
      <c r="N616283" s="10"/>
    </row>
    <row r="616284" spans="14:14">
      <c r="N616284" s="10"/>
    </row>
    <row r="616285" spans="14:14">
      <c r="N616285" s="10"/>
    </row>
    <row r="616286" spans="14:14">
      <c r="N616286" s="10"/>
    </row>
    <row r="616287" spans="14:14">
      <c r="N616287" s="10"/>
    </row>
    <row r="616288" spans="14:14">
      <c r="N616288" s="10"/>
    </row>
    <row r="616289" spans="14:14">
      <c r="N616289" s="10"/>
    </row>
    <row r="616290" spans="14:14">
      <c r="N616290" s="10"/>
    </row>
    <row r="616291" spans="14:14">
      <c r="N616291" s="10"/>
    </row>
    <row r="616292" spans="14:14">
      <c r="N616292" s="10"/>
    </row>
    <row r="616293" spans="14:14">
      <c r="N616293" s="10"/>
    </row>
    <row r="616294" spans="14:14">
      <c r="N616294" s="10"/>
    </row>
    <row r="616295" spans="14:14">
      <c r="N616295" s="10"/>
    </row>
    <row r="616296" spans="14:14">
      <c r="N616296" s="10"/>
    </row>
    <row r="616297" spans="14:14">
      <c r="N616297" s="10"/>
    </row>
    <row r="616298" spans="14:14">
      <c r="N616298" s="10"/>
    </row>
    <row r="616299" spans="14:14">
      <c r="N616299" s="10"/>
    </row>
    <row r="616300" spans="14:14">
      <c r="N616300" s="10"/>
    </row>
    <row r="616301" spans="14:14">
      <c r="N616301" s="10"/>
    </row>
    <row r="616302" spans="14:14">
      <c r="N616302" s="10"/>
    </row>
    <row r="616303" spans="14:14">
      <c r="N616303" s="10"/>
    </row>
    <row r="616304" spans="14:14">
      <c r="N616304" s="10"/>
    </row>
    <row r="616305" spans="14:14">
      <c r="N616305" s="10"/>
    </row>
    <row r="616306" spans="14:14">
      <c r="N616306" s="10"/>
    </row>
    <row r="616307" spans="14:14">
      <c r="N616307" s="10"/>
    </row>
    <row r="616308" spans="14:14">
      <c r="N616308" s="10"/>
    </row>
    <row r="616309" spans="14:14">
      <c r="N616309" s="10"/>
    </row>
    <row r="616310" spans="14:14">
      <c r="N616310" s="10"/>
    </row>
    <row r="616311" spans="14:14">
      <c r="N616311" s="10"/>
    </row>
    <row r="616312" spans="14:14">
      <c r="N616312" s="10"/>
    </row>
    <row r="616313" spans="14:14">
      <c r="N616313" s="10"/>
    </row>
    <row r="616314" spans="14:14">
      <c r="N616314" s="10"/>
    </row>
    <row r="616315" spans="14:14">
      <c r="N616315" s="10"/>
    </row>
    <row r="616316" spans="14:14">
      <c r="N616316" s="10"/>
    </row>
    <row r="616317" spans="14:14">
      <c r="N616317" s="10"/>
    </row>
    <row r="616318" spans="14:14">
      <c r="N616318" s="10"/>
    </row>
    <row r="616319" spans="14:14">
      <c r="N616319" s="10"/>
    </row>
    <row r="616320" spans="14:14">
      <c r="N616320" s="10"/>
    </row>
    <row r="616321" spans="14:14">
      <c r="N616321" s="10"/>
    </row>
    <row r="616322" spans="14:14">
      <c r="N616322" s="10"/>
    </row>
    <row r="616323" spans="14:14">
      <c r="N616323" s="10"/>
    </row>
    <row r="616324" spans="14:14">
      <c r="N616324" s="10"/>
    </row>
    <row r="616325" spans="14:14">
      <c r="N616325" s="10"/>
    </row>
    <row r="616326" spans="14:14">
      <c r="N616326" s="10"/>
    </row>
    <row r="616327" spans="14:14">
      <c r="N616327" s="10"/>
    </row>
    <row r="616328" spans="14:14">
      <c r="N616328" s="10"/>
    </row>
    <row r="616329" spans="14:14">
      <c r="N616329" s="10"/>
    </row>
    <row r="616330" spans="14:14">
      <c r="N616330" s="10"/>
    </row>
    <row r="616331" spans="14:14">
      <c r="N616331" s="10"/>
    </row>
    <row r="616332" spans="14:14">
      <c r="N616332" s="10"/>
    </row>
    <row r="616333" spans="14:14">
      <c r="N616333" s="10"/>
    </row>
    <row r="616334" spans="14:14">
      <c r="N616334" s="10"/>
    </row>
    <row r="616335" spans="14:14">
      <c r="N616335" s="10"/>
    </row>
    <row r="616336" spans="14:14">
      <c r="N616336" s="10"/>
    </row>
    <row r="616337" spans="14:14">
      <c r="N616337" s="10"/>
    </row>
    <row r="616338" spans="14:14">
      <c r="N616338" s="10"/>
    </row>
    <row r="616339" spans="14:14">
      <c r="N616339" s="10"/>
    </row>
    <row r="616340" spans="14:14">
      <c r="N616340" s="10"/>
    </row>
    <row r="616341" spans="14:14">
      <c r="N616341" s="10"/>
    </row>
    <row r="616342" spans="14:14">
      <c r="N616342" s="10"/>
    </row>
    <row r="616343" spans="14:14">
      <c r="N616343" s="10"/>
    </row>
    <row r="616344" spans="14:14">
      <c r="N616344" s="10"/>
    </row>
    <row r="616345" spans="14:14">
      <c r="N616345" s="10"/>
    </row>
    <row r="616346" spans="14:14">
      <c r="N616346" s="10"/>
    </row>
    <row r="616347" spans="14:14">
      <c r="N616347" s="10"/>
    </row>
    <row r="616348" spans="14:14">
      <c r="N616348" s="10"/>
    </row>
    <row r="616349" spans="14:14">
      <c r="N616349" s="10"/>
    </row>
    <row r="616350" spans="14:14">
      <c r="N616350" s="10"/>
    </row>
    <row r="616351" spans="14:14">
      <c r="N616351" s="10"/>
    </row>
    <row r="616352" spans="14:14">
      <c r="N616352" s="10"/>
    </row>
    <row r="616353" spans="14:14">
      <c r="N616353" s="10"/>
    </row>
    <row r="616354" spans="14:14">
      <c r="N616354" s="10"/>
    </row>
    <row r="616355" spans="14:14">
      <c r="N616355" s="10"/>
    </row>
    <row r="616356" spans="14:14">
      <c r="N616356" s="10"/>
    </row>
    <row r="616357" spans="14:14">
      <c r="N616357" s="10"/>
    </row>
    <row r="616358" spans="14:14">
      <c r="N616358" s="10"/>
    </row>
    <row r="616359" spans="14:14">
      <c r="N616359" s="10"/>
    </row>
    <row r="616360" spans="14:14">
      <c r="N616360" s="10"/>
    </row>
    <row r="616361" spans="14:14">
      <c r="N616361" s="10"/>
    </row>
    <row r="616362" spans="14:14">
      <c r="N616362" s="10"/>
    </row>
    <row r="616363" spans="14:14">
      <c r="N616363" s="10"/>
    </row>
    <row r="616364" spans="14:14">
      <c r="N616364" s="10"/>
    </row>
    <row r="616365" spans="14:14">
      <c r="N616365" s="10"/>
    </row>
    <row r="616366" spans="14:14">
      <c r="N616366" s="10"/>
    </row>
    <row r="616367" spans="14:14">
      <c r="N616367" s="10"/>
    </row>
    <row r="616368" spans="14:14">
      <c r="N616368" s="10"/>
    </row>
    <row r="616369" spans="14:14">
      <c r="N616369" s="10"/>
    </row>
    <row r="616370" spans="14:14">
      <c r="N616370" s="10"/>
    </row>
    <row r="616371" spans="14:14">
      <c r="N616371" s="10"/>
    </row>
    <row r="616372" spans="14:14">
      <c r="N616372" s="10"/>
    </row>
    <row r="616373" spans="14:14">
      <c r="N616373" s="10"/>
    </row>
    <row r="616374" spans="14:14">
      <c r="N616374" s="10"/>
    </row>
    <row r="616375" spans="14:14">
      <c r="N616375" s="10"/>
    </row>
    <row r="616376" spans="14:14">
      <c r="N616376" s="10"/>
    </row>
    <row r="616377" spans="14:14">
      <c r="N616377" s="10"/>
    </row>
    <row r="616378" spans="14:14">
      <c r="N616378" s="10"/>
    </row>
    <row r="616379" spans="14:14">
      <c r="N616379" s="10"/>
    </row>
    <row r="616380" spans="14:14">
      <c r="N616380" s="10"/>
    </row>
    <row r="616381" spans="14:14">
      <c r="N616381" s="10"/>
    </row>
    <row r="616382" spans="14:14">
      <c r="N616382" s="10"/>
    </row>
    <row r="616383" spans="14:14">
      <c r="N616383" s="10"/>
    </row>
    <row r="616384" spans="14:14">
      <c r="N616384" s="10"/>
    </row>
    <row r="616385" spans="14:14">
      <c r="N616385" s="10"/>
    </row>
    <row r="616386" spans="14:14">
      <c r="N616386" s="10"/>
    </row>
    <row r="616387" spans="14:14">
      <c r="N616387" s="10"/>
    </row>
    <row r="616388" spans="14:14">
      <c r="N616388" s="10"/>
    </row>
    <row r="616389" spans="14:14">
      <c r="N616389" s="10"/>
    </row>
    <row r="616390" spans="14:14">
      <c r="N616390" s="10"/>
    </row>
    <row r="616391" spans="14:14">
      <c r="N616391" s="10"/>
    </row>
    <row r="616392" spans="14:14">
      <c r="N616392" s="10"/>
    </row>
    <row r="616393" spans="14:14">
      <c r="N616393" s="10"/>
    </row>
    <row r="616394" spans="14:14">
      <c r="N616394" s="10"/>
    </row>
    <row r="616395" spans="14:14">
      <c r="N616395" s="10"/>
    </row>
    <row r="616396" spans="14:14">
      <c r="N616396" s="10"/>
    </row>
    <row r="616397" spans="14:14">
      <c r="N616397" s="10"/>
    </row>
    <row r="616398" spans="14:14">
      <c r="N616398" s="10"/>
    </row>
    <row r="616399" spans="14:14">
      <c r="N616399" s="10"/>
    </row>
    <row r="616400" spans="14:14">
      <c r="N616400" s="10"/>
    </row>
    <row r="616401" spans="14:14">
      <c r="N616401" s="10"/>
    </row>
    <row r="616402" spans="14:14">
      <c r="N616402" s="10"/>
    </row>
    <row r="616403" spans="14:14">
      <c r="N616403" s="10"/>
    </row>
    <row r="616404" spans="14:14">
      <c r="N616404" s="10"/>
    </row>
    <row r="616405" spans="14:14">
      <c r="N616405" s="10"/>
    </row>
    <row r="616406" spans="14:14">
      <c r="N616406" s="10"/>
    </row>
    <row r="616407" spans="14:14">
      <c r="N616407" s="10"/>
    </row>
    <row r="616408" spans="14:14">
      <c r="N616408" s="10"/>
    </row>
    <row r="616409" spans="14:14">
      <c r="N616409" s="10"/>
    </row>
    <row r="616410" spans="14:14">
      <c r="N616410" s="10"/>
    </row>
    <row r="616411" spans="14:14">
      <c r="N616411" s="10"/>
    </row>
    <row r="616412" spans="14:14">
      <c r="N616412" s="10"/>
    </row>
    <row r="616413" spans="14:14">
      <c r="N616413" s="10"/>
    </row>
    <row r="616414" spans="14:14">
      <c r="N616414" s="10"/>
    </row>
    <row r="616415" spans="14:14">
      <c r="N616415" s="10"/>
    </row>
    <row r="616416" spans="14:14">
      <c r="N616416" s="10"/>
    </row>
    <row r="616417" spans="14:14">
      <c r="N616417" s="10"/>
    </row>
    <row r="616418" spans="14:14">
      <c r="N616418" s="10"/>
    </row>
    <row r="616419" spans="14:14">
      <c r="N616419" s="10"/>
    </row>
    <row r="616420" spans="14:14">
      <c r="N616420" s="10"/>
    </row>
    <row r="616421" spans="14:14">
      <c r="N616421" s="10"/>
    </row>
    <row r="616422" spans="14:14">
      <c r="N616422" s="10"/>
    </row>
    <row r="616423" spans="14:14">
      <c r="N616423" s="10"/>
    </row>
    <row r="616424" spans="14:14">
      <c r="N616424" s="10"/>
    </row>
    <row r="616425" spans="14:14">
      <c r="N616425" s="10"/>
    </row>
    <row r="616426" spans="14:14">
      <c r="N616426" s="10"/>
    </row>
    <row r="616427" spans="14:14">
      <c r="N616427" s="10"/>
    </row>
    <row r="616428" spans="14:14">
      <c r="N616428" s="10"/>
    </row>
    <row r="616429" spans="14:14">
      <c r="N616429" s="10"/>
    </row>
    <row r="616430" spans="14:14">
      <c r="N616430" s="10"/>
    </row>
    <row r="616431" spans="14:14">
      <c r="N616431" s="10"/>
    </row>
    <row r="616432" spans="14:14">
      <c r="N616432" s="10"/>
    </row>
    <row r="616433" spans="14:14">
      <c r="N616433" s="10"/>
    </row>
    <row r="616434" spans="14:14">
      <c r="N616434" s="10"/>
    </row>
    <row r="616435" spans="14:14">
      <c r="N616435" s="10"/>
    </row>
    <row r="616436" spans="14:14">
      <c r="N616436" s="10"/>
    </row>
    <row r="616437" spans="14:14">
      <c r="N616437" s="10"/>
    </row>
    <row r="616438" spans="14:14">
      <c r="N616438" s="10"/>
    </row>
    <row r="616439" spans="14:14">
      <c r="N616439" s="10"/>
    </row>
    <row r="616440" spans="14:14">
      <c r="N616440" s="10"/>
    </row>
    <row r="616441" spans="14:14">
      <c r="N616441" s="10"/>
    </row>
    <row r="616442" spans="14:14">
      <c r="N616442" s="10"/>
    </row>
    <row r="616443" spans="14:14">
      <c r="N616443" s="10"/>
    </row>
    <row r="616444" spans="14:14">
      <c r="N616444" s="10"/>
    </row>
    <row r="616445" spans="14:14">
      <c r="N616445" s="10"/>
    </row>
    <row r="616446" spans="14:14">
      <c r="N616446" s="10"/>
    </row>
    <row r="616447" spans="14:14">
      <c r="N616447" s="10"/>
    </row>
    <row r="616448" spans="14:14">
      <c r="N616448" s="10"/>
    </row>
    <row r="616449" spans="14:14">
      <c r="N616449" s="10"/>
    </row>
    <row r="616450" spans="14:14">
      <c r="N616450" s="10"/>
    </row>
    <row r="616451" spans="14:14">
      <c r="N616451" s="10"/>
    </row>
    <row r="616452" spans="14:14">
      <c r="N616452" s="10"/>
    </row>
    <row r="616453" spans="14:14">
      <c r="N616453" s="10"/>
    </row>
    <row r="616454" spans="14:14">
      <c r="N616454" s="10"/>
    </row>
    <row r="616455" spans="14:14">
      <c r="N616455" s="10"/>
    </row>
    <row r="616456" spans="14:14">
      <c r="N616456" s="10"/>
    </row>
    <row r="616457" spans="14:14">
      <c r="N616457" s="10"/>
    </row>
    <row r="616458" spans="14:14">
      <c r="N616458" s="10"/>
    </row>
    <row r="616459" spans="14:14">
      <c r="N616459" s="10"/>
    </row>
    <row r="616460" spans="14:14">
      <c r="N616460" s="10"/>
    </row>
    <row r="616461" spans="14:14">
      <c r="N616461" s="10"/>
    </row>
    <row r="616462" spans="14:14">
      <c r="N616462" s="10"/>
    </row>
    <row r="616463" spans="14:14">
      <c r="N616463" s="10"/>
    </row>
    <row r="616464" spans="14:14">
      <c r="N616464" s="10"/>
    </row>
    <row r="616465" spans="14:14">
      <c r="N616465" s="10"/>
    </row>
    <row r="616466" spans="14:14">
      <c r="N616466" s="10"/>
    </row>
    <row r="616467" spans="14:14">
      <c r="N616467" s="10"/>
    </row>
    <row r="616468" spans="14:14">
      <c r="N616468" s="10"/>
    </row>
    <row r="616469" spans="14:14">
      <c r="N616469" s="10"/>
    </row>
    <row r="616470" spans="14:14">
      <c r="N616470" s="10"/>
    </row>
    <row r="616471" spans="14:14">
      <c r="N616471" s="10"/>
    </row>
    <row r="616472" spans="14:14">
      <c r="N616472" s="10"/>
    </row>
    <row r="616473" spans="14:14">
      <c r="N616473" s="10"/>
    </row>
    <row r="616474" spans="14:14">
      <c r="N616474" s="10"/>
    </row>
    <row r="616475" spans="14:14">
      <c r="N616475" s="10"/>
    </row>
    <row r="616476" spans="14:14">
      <c r="N616476" s="10"/>
    </row>
    <row r="616477" spans="14:14">
      <c r="N616477" s="10"/>
    </row>
    <row r="616478" spans="14:14">
      <c r="N616478" s="10"/>
    </row>
    <row r="616479" spans="14:14">
      <c r="N616479" s="10"/>
    </row>
    <row r="616480" spans="14:14">
      <c r="N616480" s="10"/>
    </row>
    <row r="616481" spans="14:14">
      <c r="N616481" s="10"/>
    </row>
    <row r="616482" spans="14:14">
      <c r="N616482" s="10"/>
    </row>
    <row r="616483" spans="14:14">
      <c r="N616483" s="10"/>
    </row>
    <row r="616484" spans="14:14">
      <c r="N616484" s="10"/>
    </row>
    <row r="616485" spans="14:14">
      <c r="N616485" s="10"/>
    </row>
    <row r="616486" spans="14:14">
      <c r="N616486" s="10"/>
    </row>
    <row r="616487" spans="14:14">
      <c r="N616487" s="10"/>
    </row>
    <row r="616488" spans="14:14">
      <c r="N616488" s="10"/>
    </row>
    <row r="616489" spans="14:14">
      <c r="N616489" s="10"/>
    </row>
    <row r="616490" spans="14:14">
      <c r="N616490" s="10"/>
    </row>
    <row r="616491" spans="14:14">
      <c r="N616491" s="10"/>
    </row>
    <row r="616492" spans="14:14">
      <c r="N616492" s="10"/>
    </row>
    <row r="616493" spans="14:14">
      <c r="N616493" s="10"/>
    </row>
    <row r="616494" spans="14:14">
      <c r="N616494" s="10"/>
    </row>
    <row r="616495" spans="14:14">
      <c r="N616495" s="10"/>
    </row>
    <row r="616496" spans="14:14">
      <c r="N616496" s="10"/>
    </row>
    <row r="616497" spans="14:14">
      <c r="N616497" s="10"/>
    </row>
    <row r="616498" spans="14:14">
      <c r="N616498" s="10"/>
    </row>
    <row r="616499" spans="14:14">
      <c r="N616499" s="10"/>
    </row>
    <row r="616500" spans="14:14">
      <c r="N616500" s="10"/>
    </row>
    <row r="616501" spans="14:14">
      <c r="N616501" s="10"/>
    </row>
    <row r="616502" spans="14:14">
      <c r="N616502" s="10"/>
    </row>
    <row r="616503" spans="14:14">
      <c r="N616503" s="10"/>
    </row>
    <row r="616504" spans="14:14">
      <c r="N616504" s="10"/>
    </row>
    <row r="616505" spans="14:14">
      <c r="N616505" s="10"/>
    </row>
    <row r="616506" spans="14:14">
      <c r="N616506" s="10"/>
    </row>
    <row r="616507" spans="14:14">
      <c r="N616507" s="10"/>
    </row>
    <row r="616508" spans="14:14">
      <c r="N616508" s="10"/>
    </row>
    <row r="616509" spans="14:14">
      <c r="N616509" s="10"/>
    </row>
    <row r="616510" spans="14:14">
      <c r="N616510" s="10"/>
    </row>
    <row r="616511" spans="14:14">
      <c r="N616511" s="10"/>
    </row>
    <row r="616512" spans="14:14">
      <c r="N616512" s="10"/>
    </row>
    <row r="616513" spans="14:14">
      <c r="N616513" s="10"/>
    </row>
    <row r="616514" spans="14:14">
      <c r="N616514" s="10"/>
    </row>
    <row r="616515" spans="14:14">
      <c r="N616515" s="10"/>
    </row>
    <row r="616516" spans="14:14">
      <c r="N616516" s="10"/>
    </row>
    <row r="616517" spans="14:14">
      <c r="N616517" s="10"/>
    </row>
    <row r="616518" spans="14:14">
      <c r="N616518" s="10"/>
    </row>
    <row r="616519" spans="14:14">
      <c r="N616519" s="10"/>
    </row>
    <row r="616520" spans="14:14">
      <c r="N616520" s="10"/>
    </row>
    <row r="616521" spans="14:14">
      <c r="N616521" s="10"/>
    </row>
    <row r="616522" spans="14:14">
      <c r="N616522" s="10"/>
    </row>
    <row r="616523" spans="14:14">
      <c r="N616523" s="10"/>
    </row>
    <row r="616524" spans="14:14">
      <c r="N616524" s="10"/>
    </row>
    <row r="616525" spans="14:14">
      <c r="N616525" s="10"/>
    </row>
    <row r="616526" spans="14:14">
      <c r="N616526" s="10"/>
    </row>
    <row r="616527" spans="14:14">
      <c r="N616527" s="10"/>
    </row>
    <row r="616528" spans="14:14">
      <c r="N616528" s="10"/>
    </row>
    <row r="616529" spans="14:14">
      <c r="N616529" s="10"/>
    </row>
    <row r="616530" spans="14:14">
      <c r="N616530" s="10"/>
    </row>
    <row r="616531" spans="14:14">
      <c r="N616531" s="10"/>
    </row>
    <row r="616532" spans="14:14">
      <c r="N616532" s="10"/>
    </row>
    <row r="616533" spans="14:14">
      <c r="N616533" s="10"/>
    </row>
    <row r="616534" spans="14:14">
      <c r="N616534" s="10"/>
    </row>
    <row r="616535" spans="14:14">
      <c r="N616535" s="10"/>
    </row>
    <row r="616536" spans="14:14">
      <c r="N616536" s="10"/>
    </row>
    <row r="616537" spans="14:14">
      <c r="N616537" s="10"/>
    </row>
    <row r="616538" spans="14:14">
      <c r="N616538" s="10"/>
    </row>
    <row r="616539" spans="14:14">
      <c r="N616539" s="10"/>
    </row>
    <row r="616540" spans="14:14">
      <c r="N616540" s="10"/>
    </row>
    <row r="616541" spans="14:14">
      <c r="N616541" s="10"/>
    </row>
    <row r="616542" spans="14:14">
      <c r="N616542" s="10"/>
    </row>
    <row r="616543" spans="14:14">
      <c r="N616543" s="10"/>
    </row>
    <row r="616544" spans="14:14">
      <c r="N616544" s="10"/>
    </row>
    <row r="616545" spans="14:14">
      <c r="N616545" s="10"/>
    </row>
    <row r="616546" spans="14:14">
      <c r="N616546" s="10"/>
    </row>
    <row r="616547" spans="14:14">
      <c r="N616547" s="10"/>
    </row>
    <row r="616548" spans="14:14">
      <c r="N616548" s="10"/>
    </row>
    <row r="616549" spans="14:14">
      <c r="N616549" s="10"/>
    </row>
    <row r="616550" spans="14:14">
      <c r="N616550" s="10"/>
    </row>
    <row r="616551" spans="14:14">
      <c r="N616551" s="10"/>
    </row>
    <row r="616552" spans="14:14">
      <c r="N616552" s="10"/>
    </row>
    <row r="616553" spans="14:14">
      <c r="N616553" s="10"/>
    </row>
    <row r="616554" spans="14:14">
      <c r="N616554" s="10"/>
    </row>
    <row r="616555" spans="14:14">
      <c r="N616555" s="10"/>
    </row>
    <row r="616556" spans="14:14">
      <c r="N616556" s="10"/>
    </row>
    <row r="616557" spans="14:14">
      <c r="N616557" s="10"/>
    </row>
    <row r="616558" spans="14:14">
      <c r="N616558" s="10"/>
    </row>
    <row r="616559" spans="14:14">
      <c r="N616559" s="10"/>
    </row>
    <row r="616560" spans="14:14">
      <c r="N616560" s="10"/>
    </row>
    <row r="616561" spans="14:14">
      <c r="N616561" s="10"/>
    </row>
    <row r="616562" spans="14:14">
      <c r="N616562" s="10"/>
    </row>
    <row r="616563" spans="14:14">
      <c r="N616563" s="10"/>
    </row>
    <row r="616564" spans="14:14">
      <c r="N616564" s="10"/>
    </row>
    <row r="616565" spans="14:14">
      <c r="N616565" s="10"/>
    </row>
    <row r="616566" spans="14:14">
      <c r="N616566" s="10"/>
    </row>
    <row r="616567" spans="14:14">
      <c r="N616567" s="10"/>
    </row>
    <row r="616568" spans="14:14">
      <c r="N616568" s="10"/>
    </row>
    <row r="616569" spans="14:14">
      <c r="N616569" s="10"/>
    </row>
    <row r="616570" spans="14:14">
      <c r="N616570" s="10"/>
    </row>
    <row r="616571" spans="14:14">
      <c r="N616571" s="10"/>
    </row>
    <row r="616572" spans="14:14">
      <c r="N616572" s="10"/>
    </row>
    <row r="616573" spans="14:14">
      <c r="N616573" s="10"/>
    </row>
    <row r="616574" spans="14:14">
      <c r="N616574" s="10"/>
    </row>
    <row r="616575" spans="14:14">
      <c r="N616575" s="10"/>
    </row>
    <row r="616576" spans="14:14">
      <c r="N616576" s="10"/>
    </row>
    <row r="616577" spans="14:14">
      <c r="N616577" s="10"/>
    </row>
    <row r="616578" spans="14:14">
      <c r="N616578" s="10"/>
    </row>
    <row r="616579" spans="14:14">
      <c r="N616579" s="10"/>
    </row>
    <row r="616580" spans="14:14">
      <c r="N616580" s="10"/>
    </row>
    <row r="616581" spans="14:14">
      <c r="N616581" s="10"/>
    </row>
    <row r="616582" spans="14:14">
      <c r="N616582" s="10"/>
    </row>
    <row r="616583" spans="14:14">
      <c r="N616583" s="10"/>
    </row>
    <row r="616584" spans="14:14">
      <c r="N616584" s="10"/>
    </row>
    <row r="616585" spans="14:14">
      <c r="N616585" s="10"/>
    </row>
    <row r="616586" spans="14:14">
      <c r="N616586" s="10"/>
    </row>
    <row r="616587" spans="14:14">
      <c r="N616587" s="10"/>
    </row>
    <row r="616588" spans="14:14">
      <c r="N616588" s="10"/>
    </row>
    <row r="616589" spans="14:14">
      <c r="N616589" s="10"/>
    </row>
    <row r="616590" spans="14:14">
      <c r="N616590" s="10"/>
    </row>
    <row r="616591" spans="14:14">
      <c r="N616591" s="10"/>
    </row>
    <row r="616592" spans="14:14">
      <c r="N616592" s="10"/>
    </row>
    <row r="616593" spans="14:14">
      <c r="N616593" s="10"/>
    </row>
    <row r="616594" spans="14:14">
      <c r="N616594" s="10"/>
    </row>
    <row r="616595" spans="14:14">
      <c r="N616595" s="10"/>
    </row>
    <row r="616596" spans="14:14">
      <c r="N616596" s="10"/>
    </row>
    <row r="616597" spans="14:14">
      <c r="N616597" s="10"/>
    </row>
    <row r="616598" spans="14:14">
      <c r="N616598" s="10"/>
    </row>
    <row r="616599" spans="14:14">
      <c r="N616599" s="10"/>
    </row>
    <row r="616600" spans="14:14">
      <c r="N616600" s="10"/>
    </row>
    <row r="616601" spans="14:14">
      <c r="N616601" s="10"/>
    </row>
    <row r="616602" spans="14:14">
      <c r="N616602" s="10"/>
    </row>
    <row r="616603" spans="14:14">
      <c r="N616603" s="10"/>
    </row>
    <row r="616604" spans="14:14">
      <c r="N616604" s="10"/>
    </row>
    <row r="616605" spans="14:14">
      <c r="N616605" s="10"/>
    </row>
    <row r="616606" spans="14:14">
      <c r="N616606" s="10"/>
    </row>
    <row r="616607" spans="14:14">
      <c r="N616607" s="10"/>
    </row>
    <row r="616608" spans="14:14">
      <c r="N616608" s="10"/>
    </row>
    <row r="616609" spans="14:14">
      <c r="N616609" s="10"/>
    </row>
    <row r="616610" spans="14:14">
      <c r="N616610" s="10"/>
    </row>
    <row r="616611" spans="14:14">
      <c r="N616611" s="10"/>
    </row>
    <row r="616612" spans="14:14">
      <c r="N616612" s="10"/>
    </row>
    <row r="616613" spans="14:14">
      <c r="N616613" s="10"/>
    </row>
    <row r="616614" spans="14:14">
      <c r="N616614" s="10"/>
    </row>
    <row r="616615" spans="14:14">
      <c r="N616615" s="10"/>
    </row>
    <row r="616616" spans="14:14">
      <c r="N616616" s="10"/>
    </row>
    <row r="616617" spans="14:14">
      <c r="N616617" s="10"/>
    </row>
    <row r="616618" spans="14:14">
      <c r="N616618" s="10"/>
    </row>
    <row r="616619" spans="14:14">
      <c r="N616619" s="10"/>
    </row>
    <row r="616620" spans="14:14">
      <c r="N616620" s="10"/>
    </row>
    <row r="616621" spans="14:14">
      <c r="N616621" s="10"/>
    </row>
    <row r="616622" spans="14:14">
      <c r="N616622" s="10"/>
    </row>
    <row r="616623" spans="14:14">
      <c r="N616623" s="10"/>
    </row>
    <row r="616624" spans="14:14">
      <c r="N616624" s="10"/>
    </row>
    <row r="616625" spans="14:14">
      <c r="N616625" s="10"/>
    </row>
    <row r="616626" spans="14:14">
      <c r="N616626" s="10"/>
    </row>
    <row r="616627" spans="14:14">
      <c r="N616627" s="10"/>
    </row>
    <row r="616628" spans="14:14">
      <c r="N616628" s="10"/>
    </row>
    <row r="616629" spans="14:14">
      <c r="N616629" s="10"/>
    </row>
    <row r="616630" spans="14:14">
      <c r="N616630" s="10"/>
    </row>
    <row r="616631" spans="14:14">
      <c r="N616631" s="10"/>
    </row>
    <row r="616632" spans="14:14">
      <c r="N616632" s="10"/>
    </row>
    <row r="616633" spans="14:14">
      <c r="N616633" s="10"/>
    </row>
    <row r="616634" spans="14:14">
      <c r="N616634" s="10"/>
    </row>
    <row r="616635" spans="14:14">
      <c r="N616635" s="10"/>
    </row>
    <row r="616636" spans="14:14">
      <c r="N616636" s="10"/>
    </row>
    <row r="616637" spans="14:14">
      <c r="N616637" s="10"/>
    </row>
    <row r="616638" spans="14:14">
      <c r="N616638" s="10"/>
    </row>
    <row r="616639" spans="14:14">
      <c r="N616639" s="10"/>
    </row>
    <row r="616640" spans="14:14">
      <c r="N616640" s="10"/>
    </row>
    <row r="616641" spans="14:14">
      <c r="N616641" s="10"/>
    </row>
    <row r="616642" spans="14:14">
      <c r="N616642" s="10"/>
    </row>
    <row r="616643" spans="14:14">
      <c r="N616643" s="10"/>
    </row>
    <row r="616644" spans="14:14">
      <c r="N616644" s="10"/>
    </row>
    <row r="616645" spans="14:14">
      <c r="N616645" s="10"/>
    </row>
    <row r="616646" spans="14:14">
      <c r="N616646" s="10"/>
    </row>
    <row r="616647" spans="14:14">
      <c r="N616647" s="10"/>
    </row>
    <row r="616648" spans="14:14">
      <c r="N616648" s="10"/>
    </row>
    <row r="616649" spans="14:14">
      <c r="N616649" s="10"/>
    </row>
    <row r="616650" spans="14:14">
      <c r="N616650" s="10"/>
    </row>
    <row r="616651" spans="14:14">
      <c r="N616651" s="10"/>
    </row>
    <row r="616652" spans="14:14">
      <c r="N616652" s="10"/>
    </row>
    <row r="616653" spans="14:14">
      <c r="N616653" s="10"/>
    </row>
    <row r="616654" spans="14:14">
      <c r="N616654" s="10"/>
    </row>
    <row r="616655" spans="14:14">
      <c r="N616655" s="10"/>
    </row>
    <row r="616656" spans="14:14">
      <c r="N616656" s="10"/>
    </row>
    <row r="616657" spans="14:14">
      <c r="N616657" s="10"/>
    </row>
    <row r="616658" spans="14:14">
      <c r="N616658" s="10"/>
    </row>
    <row r="616659" spans="14:14">
      <c r="N616659" s="10"/>
    </row>
    <row r="616660" spans="14:14">
      <c r="N616660" s="10"/>
    </row>
    <row r="616661" spans="14:14">
      <c r="N616661" s="10"/>
    </row>
    <row r="616662" spans="14:14">
      <c r="N616662" s="10"/>
    </row>
    <row r="616663" spans="14:14">
      <c r="N616663" s="10"/>
    </row>
    <row r="616664" spans="14:14">
      <c r="N616664" s="10"/>
    </row>
    <row r="616665" spans="14:14">
      <c r="N616665" s="10"/>
    </row>
    <row r="616666" spans="14:14">
      <c r="N616666" s="10"/>
    </row>
    <row r="616667" spans="14:14">
      <c r="N616667" s="10"/>
    </row>
    <row r="616668" spans="14:14">
      <c r="N616668" s="10"/>
    </row>
    <row r="616669" spans="14:14">
      <c r="N616669" s="10"/>
    </row>
    <row r="616670" spans="14:14">
      <c r="N616670" s="10"/>
    </row>
    <row r="616671" spans="14:14">
      <c r="N616671" s="10"/>
    </row>
    <row r="616672" spans="14:14">
      <c r="N616672" s="10"/>
    </row>
    <row r="616673" spans="14:14">
      <c r="N616673" s="10"/>
    </row>
    <row r="616674" spans="14:14">
      <c r="N616674" s="10"/>
    </row>
    <row r="616675" spans="14:14">
      <c r="N616675" s="10"/>
    </row>
    <row r="616676" spans="14:14">
      <c r="N616676" s="10"/>
    </row>
    <row r="616677" spans="14:14">
      <c r="N616677" s="10"/>
    </row>
    <row r="616678" spans="14:14">
      <c r="N616678" s="10"/>
    </row>
    <row r="616679" spans="14:14">
      <c r="N616679" s="10"/>
    </row>
    <row r="616680" spans="14:14">
      <c r="N616680" s="10"/>
    </row>
    <row r="616681" spans="14:14">
      <c r="N616681" s="10"/>
    </row>
    <row r="616682" spans="14:14">
      <c r="N616682" s="10"/>
    </row>
    <row r="616683" spans="14:14">
      <c r="N616683" s="10"/>
    </row>
    <row r="616684" spans="14:14">
      <c r="N616684" s="10"/>
    </row>
    <row r="616685" spans="14:14">
      <c r="N616685" s="10"/>
    </row>
    <row r="616686" spans="14:14">
      <c r="N616686" s="10"/>
    </row>
    <row r="616687" spans="14:14">
      <c r="N616687" s="10"/>
    </row>
    <row r="616688" spans="14:14">
      <c r="N616688" s="10"/>
    </row>
    <row r="616689" spans="14:14">
      <c r="N616689" s="10"/>
    </row>
    <row r="616690" spans="14:14">
      <c r="N616690" s="10"/>
    </row>
    <row r="616691" spans="14:14">
      <c r="N616691" s="10"/>
    </row>
    <row r="616692" spans="14:14">
      <c r="N616692" s="10"/>
    </row>
    <row r="616693" spans="14:14">
      <c r="N616693" s="10"/>
    </row>
    <row r="616694" spans="14:14">
      <c r="N616694" s="10"/>
    </row>
    <row r="616695" spans="14:14">
      <c r="N616695" s="10"/>
    </row>
    <row r="616696" spans="14:14">
      <c r="N616696" s="10"/>
    </row>
    <row r="616697" spans="14:14">
      <c r="N616697" s="10"/>
    </row>
    <row r="616698" spans="14:14">
      <c r="N616698" s="10"/>
    </row>
    <row r="616699" spans="14:14">
      <c r="N616699" s="10"/>
    </row>
    <row r="616700" spans="14:14">
      <c r="N616700" s="10"/>
    </row>
    <row r="616701" spans="14:14">
      <c r="N616701" s="10"/>
    </row>
    <row r="616702" spans="14:14">
      <c r="N616702" s="10"/>
    </row>
    <row r="616703" spans="14:14">
      <c r="N616703" s="10"/>
    </row>
    <row r="616704" spans="14:14">
      <c r="N616704" s="10"/>
    </row>
    <row r="616705" spans="14:14">
      <c r="N616705" s="10"/>
    </row>
    <row r="616706" spans="14:14">
      <c r="N616706" s="10"/>
    </row>
    <row r="616707" spans="14:14">
      <c r="N616707" s="10"/>
    </row>
    <row r="616708" spans="14:14">
      <c r="N616708" s="10"/>
    </row>
    <row r="616709" spans="14:14">
      <c r="N616709" s="10"/>
    </row>
    <row r="616710" spans="14:14">
      <c r="N616710" s="10"/>
    </row>
    <row r="616711" spans="14:14">
      <c r="N616711" s="10"/>
    </row>
    <row r="616712" spans="14:14">
      <c r="N616712" s="10"/>
    </row>
    <row r="616713" spans="14:14">
      <c r="N616713" s="10"/>
    </row>
    <row r="616714" spans="14:14">
      <c r="N616714" s="10"/>
    </row>
    <row r="616715" spans="14:14">
      <c r="N616715" s="10"/>
    </row>
    <row r="616716" spans="14:14">
      <c r="N616716" s="10"/>
    </row>
    <row r="616717" spans="14:14">
      <c r="N616717" s="10"/>
    </row>
    <row r="616718" spans="14:14">
      <c r="N616718" s="10"/>
    </row>
    <row r="616719" spans="14:14">
      <c r="N616719" s="10"/>
    </row>
    <row r="616720" spans="14:14">
      <c r="N616720" s="10"/>
    </row>
    <row r="616721" spans="14:14">
      <c r="N616721" s="10"/>
    </row>
    <row r="616722" spans="14:14">
      <c r="N616722" s="10"/>
    </row>
    <row r="616723" spans="14:14">
      <c r="N616723" s="10"/>
    </row>
    <row r="616724" spans="14:14">
      <c r="N616724" s="10"/>
    </row>
    <row r="616725" spans="14:14">
      <c r="N616725" s="10"/>
    </row>
    <row r="616726" spans="14:14">
      <c r="N616726" s="10"/>
    </row>
    <row r="616727" spans="14:14">
      <c r="N616727" s="10"/>
    </row>
    <row r="616728" spans="14:14">
      <c r="N616728" s="10"/>
    </row>
    <row r="616729" spans="14:14">
      <c r="N616729" s="10"/>
    </row>
    <row r="616730" spans="14:14">
      <c r="N616730" s="10"/>
    </row>
    <row r="616731" spans="14:14">
      <c r="N616731" s="10"/>
    </row>
    <row r="616732" spans="14:14">
      <c r="N616732" s="10"/>
    </row>
    <row r="616733" spans="14:14">
      <c r="N616733" s="10"/>
    </row>
    <row r="616734" spans="14:14">
      <c r="N616734" s="10"/>
    </row>
    <row r="616735" spans="14:14">
      <c r="N616735" s="10"/>
    </row>
    <row r="616736" spans="14:14">
      <c r="N616736" s="10"/>
    </row>
    <row r="616737" spans="14:14">
      <c r="N616737" s="10"/>
    </row>
    <row r="616738" spans="14:14">
      <c r="N616738" s="10"/>
    </row>
    <row r="616739" spans="14:14">
      <c r="N616739" s="10"/>
    </row>
    <row r="616740" spans="14:14">
      <c r="N616740" s="10"/>
    </row>
    <row r="616741" spans="14:14">
      <c r="N616741" s="10"/>
    </row>
    <row r="616742" spans="14:14">
      <c r="N616742" s="10"/>
    </row>
    <row r="616743" spans="14:14">
      <c r="N616743" s="10"/>
    </row>
    <row r="616744" spans="14:14">
      <c r="N616744" s="10"/>
    </row>
    <row r="616745" spans="14:14">
      <c r="N616745" s="10"/>
    </row>
    <row r="616746" spans="14:14">
      <c r="N616746" s="10"/>
    </row>
    <row r="616747" spans="14:14">
      <c r="N616747" s="10"/>
    </row>
    <row r="616748" spans="14:14">
      <c r="N616748" s="10"/>
    </row>
    <row r="616749" spans="14:14">
      <c r="N616749" s="10"/>
    </row>
    <row r="616750" spans="14:14">
      <c r="N616750" s="10"/>
    </row>
    <row r="616751" spans="14:14">
      <c r="N616751" s="10"/>
    </row>
    <row r="616752" spans="14:14">
      <c r="N616752" s="10"/>
    </row>
    <row r="616753" spans="14:14">
      <c r="N616753" s="10"/>
    </row>
    <row r="616754" spans="14:14">
      <c r="N616754" s="10"/>
    </row>
    <row r="616755" spans="14:14">
      <c r="N616755" s="10"/>
    </row>
    <row r="616756" spans="14:14">
      <c r="N616756" s="10"/>
    </row>
    <row r="616757" spans="14:14">
      <c r="N616757" s="10"/>
    </row>
    <row r="616758" spans="14:14">
      <c r="N616758" s="10"/>
    </row>
    <row r="616759" spans="14:14">
      <c r="N616759" s="10"/>
    </row>
    <row r="616760" spans="14:14">
      <c r="N616760" s="10"/>
    </row>
    <row r="616761" spans="14:14">
      <c r="N616761" s="10"/>
    </row>
    <row r="616762" spans="14:14">
      <c r="N616762" s="10"/>
    </row>
    <row r="616763" spans="14:14">
      <c r="N616763" s="10"/>
    </row>
    <row r="616764" spans="14:14">
      <c r="N616764" s="10"/>
    </row>
    <row r="616765" spans="14:14">
      <c r="N616765" s="10"/>
    </row>
    <row r="616766" spans="14:14">
      <c r="N616766" s="10"/>
    </row>
    <row r="616767" spans="14:14">
      <c r="N616767" s="10"/>
    </row>
    <row r="616768" spans="14:14">
      <c r="N616768" s="10"/>
    </row>
    <row r="616769" spans="14:14">
      <c r="N616769" s="10"/>
    </row>
    <row r="616770" spans="14:14">
      <c r="N616770" s="10"/>
    </row>
    <row r="616771" spans="14:14">
      <c r="N616771" s="10"/>
    </row>
    <row r="616772" spans="14:14">
      <c r="N616772" s="10"/>
    </row>
    <row r="616773" spans="14:14">
      <c r="N616773" s="10"/>
    </row>
    <row r="616774" spans="14:14">
      <c r="N616774" s="10"/>
    </row>
    <row r="616775" spans="14:14">
      <c r="N616775" s="10"/>
    </row>
    <row r="616776" spans="14:14">
      <c r="N616776" s="10"/>
    </row>
    <row r="616777" spans="14:14">
      <c r="N616777" s="10"/>
    </row>
    <row r="616778" spans="14:14">
      <c r="N616778" s="10"/>
    </row>
    <row r="616779" spans="14:14">
      <c r="N616779" s="10"/>
    </row>
    <row r="616780" spans="14:14">
      <c r="N616780" s="10"/>
    </row>
    <row r="616781" spans="14:14">
      <c r="N616781" s="10"/>
    </row>
    <row r="616782" spans="14:14">
      <c r="N616782" s="10"/>
    </row>
    <row r="616783" spans="14:14">
      <c r="N616783" s="10"/>
    </row>
    <row r="616784" spans="14:14">
      <c r="N616784" s="10"/>
    </row>
    <row r="616785" spans="14:14">
      <c r="N616785" s="10"/>
    </row>
    <row r="616786" spans="14:14">
      <c r="N616786" s="10"/>
    </row>
    <row r="616787" spans="14:14">
      <c r="N616787" s="10"/>
    </row>
    <row r="616788" spans="14:14">
      <c r="N616788" s="10"/>
    </row>
    <row r="616789" spans="14:14">
      <c r="N616789" s="10"/>
    </row>
    <row r="616790" spans="14:14">
      <c r="N616790" s="10"/>
    </row>
    <row r="616791" spans="14:14">
      <c r="N616791" s="10"/>
    </row>
    <row r="616792" spans="14:14">
      <c r="N616792" s="10"/>
    </row>
    <row r="616793" spans="14:14">
      <c r="N616793" s="10"/>
    </row>
    <row r="616794" spans="14:14">
      <c r="N616794" s="10"/>
    </row>
    <row r="616795" spans="14:14">
      <c r="N616795" s="10"/>
    </row>
    <row r="616796" spans="14:14">
      <c r="N616796" s="10"/>
    </row>
    <row r="616797" spans="14:14">
      <c r="N616797" s="10"/>
    </row>
    <row r="616798" spans="14:14">
      <c r="N616798" s="10"/>
    </row>
    <row r="616799" spans="14:14">
      <c r="N616799" s="10"/>
    </row>
    <row r="616800" spans="14:14">
      <c r="N616800" s="10"/>
    </row>
    <row r="616801" spans="14:14">
      <c r="N616801" s="10"/>
    </row>
    <row r="616802" spans="14:14">
      <c r="N616802" s="10"/>
    </row>
    <row r="616803" spans="14:14">
      <c r="N616803" s="10"/>
    </row>
    <row r="616804" spans="14:14">
      <c r="N616804" s="10"/>
    </row>
    <row r="616805" spans="14:14">
      <c r="N616805" s="10"/>
    </row>
    <row r="616806" spans="14:14">
      <c r="N616806" s="10"/>
    </row>
    <row r="616807" spans="14:14">
      <c r="N616807" s="10"/>
    </row>
    <row r="616808" spans="14:14">
      <c r="N616808" s="10"/>
    </row>
    <row r="616809" spans="14:14">
      <c r="N616809" s="10"/>
    </row>
    <row r="616810" spans="14:14">
      <c r="N616810" s="10"/>
    </row>
    <row r="616811" spans="14:14">
      <c r="N616811" s="10"/>
    </row>
    <row r="616812" spans="14:14">
      <c r="N616812" s="10"/>
    </row>
    <row r="616813" spans="14:14">
      <c r="N616813" s="10"/>
    </row>
    <row r="616814" spans="14:14">
      <c r="N616814" s="10"/>
    </row>
    <row r="616815" spans="14:14">
      <c r="N616815" s="10"/>
    </row>
    <row r="616816" spans="14:14">
      <c r="N616816" s="10"/>
    </row>
    <row r="616817" spans="14:14">
      <c r="N616817" s="10"/>
    </row>
    <row r="616818" spans="14:14">
      <c r="N616818" s="10"/>
    </row>
    <row r="616819" spans="14:14">
      <c r="N616819" s="10"/>
    </row>
    <row r="616820" spans="14:14">
      <c r="N616820" s="10"/>
    </row>
    <row r="616821" spans="14:14">
      <c r="N616821" s="10"/>
    </row>
    <row r="616822" spans="14:14">
      <c r="N616822" s="10"/>
    </row>
    <row r="616823" spans="14:14">
      <c r="N616823" s="10"/>
    </row>
    <row r="616824" spans="14:14">
      <c r="N616824" s="10"/>
    </row>
    <row r="616825" spans="14:14">
      <c r="N616825" s="10"/>
    </row>
    <row r="616826" spans="14:14">
      <c r="N616826" s="10"/>
    </row>
    <row r="616827" spans="14:14">
      <c r="N616827" s="10"/>
    </row>
    <row r="616828" spans="14:14">
      <c r="N616828" s="10"/>
    </row>
    <row r="616829" spans="14:14">
      <c r="N616829" s="10"/>
    </row>
    <row r="616830" spans="14:14">
      <c r="N616830" s="10"/>
    </row>
    <row r="616831" spans="14:14">
      <c r="N616831" s="10"/>
    </row>
    <row r="616832" spans="14:14">
      <c r="N616832" s="10"/>
    </row>
    <row r="616833" spans="14:14">
      <c r="N616833" s="10"/>
    </row>
    <row r="616834" spans="14:14">
      <c r="N616834" s="10"/>
    </row>
    <row r="616835" spans="14:14">
      <c r="N616835" s="10"/>
    </row>
    <row r="616836" spans="14:14">
      <c r="N616836" s="10"/>
    </row>
    <row r="616837" spans="14:14">
      <c r="N616837" s="10"/>
    </row>
    <row r="616838" spans="14:14">
      <c r="N616838" s="10"/>
    </row>
    <row r="616839" spans="14:14">
      <c r="N616839" s="10"/>
    </row>
    <row r="616840" spans="14:14">
      <c r="N616840" s="10"/>
    </row>
    <row r="616841" spans="14:14">
      <c r="N616841" s="10"/>
    </row>
    <row r="616842" spans="14:14">
      <c r="N616842" s="10"/>
    </row>
    <row r="616843" spans="14:14">
      <c r="N616843" s="10"/>
    </row>
    <row r="616844" spans="14:14">
      <c r="N616844" s="10"/>
    </row>
    <row r="616845" spans="14:14">
      <c r="N616845" s="10"/>
    </row>
    <row r="616846" spans="14:14">
      <c r="N616846" s="10"/>
    </row>
    <row r="616847" spans="14:14">
      <c r="N616847" s="10"/>
    </row>
    <row r="616848" spans="14:14">
      <c r="N616848" s="10"/>
    </row>
    <row r="616849" spans="14:14">
      <c r="N616849" s="10"/>
    </row>
    <row r="616850" spans="14:14">
      <c r="N616850" s="10"/>
    </row>
    <row r="616851" spans="14:14">
      <c r="N616851" s="10"/>
    </row>
    <row r="616852" spans="14:14">
      <c r="N616852" s="10"/>
    </row>
    <row r="616853" spans="14:14">
      <c r="N616853" s="10"/>
    </row>
    <row r="616854" spans="14:14">
      <c r="N616854" s="10"/>
    </row>
    <row r="616855" spans="14:14">
      <c r="N616855" s="10"/>
    </row>
    <row r="616856" spans="14:14">
      <c r="N616856" s="10"/>
    </row>
    <row r="616857" spans="14:14">
      <c r="N616857" s="10"/>
    </row>
    <row r="616858" spans="14:14">
      <c r="N616858" s="10"/>
    </row>
    <row r="616859" spans="14:14">
      <c r="N616859" s="10"/>
    </row>
    <row r="616860" spans="14:14">
      <c r="N616860" s="10"/>
    </row>
    <row r="616861" spans="14:14">
      <c r="N616861" s="10"/>
    </row>
    <row r="616862" spans="14:14">
      <c r="N616862" s="10"/>
    </row>
    <row r="616863" spans="14:14">
      <c r="N616863" s="10"/>
    </row>
    <row r="616864" spans="14:14">
      <c r="N616864" s="10"/>
    </row>
    <row r="616865" spans="14:14">
      <c r="N616865" s="10"/>
    </row>
    <row r="616866" spans="14:14">
      <c r="N616866" s="10"/>
    </row>
    <row r="616867" spans="14:14">
      <c r="N616867" s="10"/>
    </row>
    <row r="616868" spans="14:14">
      <c r="N616868" s="10"/>
    </row>
    <row r="616869" spans="14:14">
      <c r="N616869" s="10"/>
    </row>
    <row r="616870" spans="14:14">
      <c r="N616870" s="10"/>
    </row>
    <row r="616871" spans="14:14">
      <c r="N616871" s="10"/>
    </row>
    <row r="616872" spans="14:14">
      <c r="N616872" s="10"/>
    </row>
    <row r="616873" spans="14:14">
      <c r="N616873" s="10"/>
    </row>
    <row r="616874" spans="14:14">
      <c r="N616874" s="10"/>
    </row>
    <row r="616875" spans="14:14">
      <c r="N616875" s="10"/>
    </row>
    <row r="616876" spans="14:14">
      <c r="N616876" s="10"/>
    </row>
    <row r="616877" spans="14:14">
      <c r="N616877" s="10"/>
    </row>
    <row r="616878" spans="14:14">
      <c r="N616878" s="10"/>
    </row>
    <row r="616879" spans="14:14">
      <c r="N616879" s="10"/>
    </row>
    <row r="616880" spans="14:14">
      <c r="N616880" s="10"/>
    </row>
    <row r="616881" spans="14:14">
      <c r="N616881" s="10"/>
    </row>
    <row r="616882" spans="14:14">
      <c r="N616882" s="10"/>
    </row>
    <row r="616883" spans="14:14">
      <c r="N616883" s="10"/>
    </row>
    <row r="616884" spans="14:14">
      <c r="N616884" s="10"/>
    </row>
    <row r="616885" spans="14:14">
      <c r="N616885" s="10"/>
    </row>
    <row r="616886" spans="14:14">
      <c r="N616886" s="10"/>
    </row>
    <row r="616887" spans="14:14">
      <c r="N616887" s="10"/>
    </row>
    <row r="616888" spans="14:14">
      <c r="N616888" s="10"/>
    </row>
    <row r="616889" spans="14:14">
      <c r="N616889" s="10"/>
    </row>
    <row r="616890" spans="14:14">
      <c r="N616890" s="10"/>
    </row>
    <row r="616891" spans="14:14">
      <c r="N616891" s="10"/>
    </row>
    <row r="616892" spans="14:14">
      <c r="N616892" s="10"/>
    </row>
    <row r="616893" spans="14:14">
      <c r="N616893" s="10"/>
    </row>
    <row r="616894" spans="14:14">
      <c r="N616894" s="10"/>
    </row>
    <row r="616895" spans="14:14">
      <c r="N616895" s="10"/>
    </row>
    <row r="616896" spans="14:14">
      <c r="N616896" s="10"/>
    </row>
    <row r="616897" spans="14:14">
      <c r="N616897" s="10"/>
    </row>
    <row r="616898" spans="14:14">
      <c r="N616898" s="10"/>
    </row>
    <row r="616899" spans="14:14">
      <c r="N616899" s="10"/>
    </row>
    <row r="616900" spans="14:14">
      <c r="N616900" s="10"/>
    </row>
    <row r="616901" spans="14:14">
      <c r="N616901" s="10"/>
    </row>
    <row r="616902" spans="14:14">
      <c r="N616902" s="10"/>
    </row>
    <row r="616903" spans="14:14">
      <c r="N616903" s="10"/>
    </row>
    <row r="616904" spans="14:14">
      <c r="N616904" s="10"/>
    </row>
    <row r="616905" spans="14:14">
      <c r="N616905" s="10"/>
    </row>
    <row r="616906" spans="14:14">
      <c r="N616906" s="10"/>
    </row>
    <row r="616907" spans="14:14">
      <c r="N616907" s="10"/>
    </row>
    <row r="616908" spans="14:14">
      <c r="N616908" s="10"/>
    </row>
    <row r="616909" spans="14:14">
      <c r="N616909" s="10"/>
    </row>
    <row r="616910" spans="14:14">
      <c r="N616910" s="10"/>
    </row>
    <row r="616911" spans="14:14">
      <c r="N616911" s="10"/>
    </row>
    <row r="616912" spans="14:14">
      <c r="N616912" s="10"/>
    </row>
    <row r="616913" spans="14:14">
      <c r="N616913" s="10"/>
    </row>
    <row r="616914" spans="14:14">
      <c r="N616914" s="10"/>
    </row>
    <row r="616915" spans="14:14">
      <c r="N616915" s="10"/>
    </row>
    <row r="616916" spans="14:14">
      <c r="N616916" s="10"/>
    </row>
    <row r="616917" spans="14:14">
      <c r="N616917" s="10"/>
    </row>
    <row r="616918" spans="14:14">
      <c r="N616918" s="10"/>
    </row>
    <row r="616919" spans="14:14">
      <c r="N616919" s="10"/>
    </row>
    <row r="616920" spans="14:14">
      <c r="N616920" s="10"/>
    </row>
    <row r="616921" spans="14:14">
      <c r="N616921" s="10"/>
    </row>
    <row r="616922" spans="14:14">
      <c r="N616922" s="10"/>
    </row>
    <row r="616923" spans="14:14">
      <c r="N616923" s="10"/>
    </row>
    <row r="616924" spans="14:14">
      <c r="N616924" s="10"/>
    </row>
    <row r="616925" spans="14:14">
      <c r="N616925" s="10"/>
    </row>
    <row r="616926" spans="14:14">
      <c r="N616926" s="10"/>
    </row>
    <row r="616927" spans="14:14">
      <c r="N616927" s="10"/>
    </row>
    <row r="616928" spans="14:14">
      <c r="N616928" s="10"/>
    </row>
    <row r="616929" spans="14:14">
      <c r="N616929" s="10"/>
    </row>
    <row r="616930" spans="14:14">
      <c r="N616930" s="10"/>
    </row>
    <row r="616931" spans="14:14">
      <c r="N616931" s="10"/>
    </row>
    <row r="616932" spans="14:14">
      <c r="N616932" s="10"/>
    </row>
    <row r="616933" spans="14:14">
      <c r="N616933" s="10"/>
    </row>
    <row r="616934" spans="14:14">
      <c r="N616934" s="10"/>
    </row>
    <row r="616935" spans="14:14">
      <c r="N616935" s="10"/>
    </row>
    <row r="616936" spans="14:14">
      <c r="N616936" s="10"/>
    </row>
    <row r="616937" spans="14:14">
      <c r="N616937" s="10"/>
    </row>
    <row r="616938" spans="14:14">
      <c r="N616938" s="10"/>
    </row>
    <row r="616939" spans="14:14">
      <c r="N616939" s="10"/>
    </row>
    <row r="616940" spans="14:14">
      <c r="N616940" s="10"/>
    </row>
    <row r="616941" spans="14:14">
      <c r="N616941" s="10"/>
    </row>
    <row r="616942" spans="14:14">
      <c r="N616942" s="10"/>
    </row>
    <row r="616943" spans="14:14">
      <c r="N616943" s="10"/>
    </row>
    <row r="616944" spans="14:14">
      <c r="N616944" s="10"/>
    </row>
    <row r="616945" spans="14:14">
      <c r="N616945" s="10"/>
    </row>
    <row r="616946" spans="14:14">
      <c r="N616946" s="10"/>
    </row>
    <row r="616947" spans="14:14">
      <c r="N616947" s="10"/>
    </row>
    <row r="616948" spans="14:14">
      <c r="N616948" s="10"/>
    </row>
    <row r="616949" spans="14:14">
      <c r="N616949" s="10"/>
    </row>
    <row r="616950" spans="14:14">
      <c r="N616950" s="10"/>
    </row>
    <row r="616951" spans="14:14">
      <c r="N616951" s="10"/>
    </row>
    <row r="616952" spans="14:14">
      <c r="N616952" s="10"/>
    </row>
    <row r="616953" spans="14:14">
      <c r="N616953" s="10"/>
    </row>
    <row r="616954" spans="14:14">
      <c r="N616954" s="10"/>
    </row>
    <row r="616955" spans="14:14">
      <c r="N616955" s="10"/>
    </row>
    <row r="616956" spans="14:14">
      <c r="N616956" s="10"/>
    </row>
    <row r="616957" spans="14:14">
      <c r="N616957" s="10"/>
    </row>
    <row r="616958" spans="14:14">
      <c r="N616958" s="10"/>
    </row>
    <row r="616959" spans="14:14">
      <c r="N616959" s="10"/>
    </row>
    <row r="616960" spans="14:14">
      <c r="N616960" s="10"/>
    </row>
    <row r="616961" spans="14:14">
      <c r="N616961" s="10"/>
    </row>
    <row r="616962" spans="14:14">
      <c r="N616962" s="10"/>
    </row>
    <row r="616963" spans="14:14">
      <c r="N616963" s="10"/>
    </row>
    <row r="616964" spans="14:14">
      <c r="N616964" s="10"/>
    </row>
    <row r="616965" spans="14:14">
      <c r="N616965" s="10"/>
    </row>
    <row r="616966" spans="14:14">
      <c r="N616966" s="10"/>
    </row>
    <row r="616967" spans="14:14">
      <c r="N616967" s="10"/>
    </row>
    <row r="616968" spans="14:14">
      <c r="N616968" s="10"/>
    </row>
    <row r="616969" spans="14:14">
      <c r="N616969" s="10"/>
    </row>
    <row r="616970" spans="14:14">
      <c r="N616970" s="10"/>
    </row>
    <row r="616971" spans="14:14">
      <c r="N616971" s="10"/>
    </row>
    <row r="616972" spans="14:14">
      <c r="N616972" s="10"/>
    </row>
    <row r="616973" spans="14:14">
      <c r="N616973" s="10"/>
    </row>
    <row r="616974" spans="14:14">
      <c r="N616974" s="10"/>
    </row>
    <row r="616975" spans="14:14">
      <c r="N616975" s="10"/>
    </row>
    <row r="616976" spans="14:14">
      <c r="N616976" s="10"/>
    </row>
    <row r="616977" spans="14:14">
      <c r="N616977" s="10"/>
    </row>
    <row r="616978" spans="14:14">
      <c r="N616978" s="10"/>
    </row>
    <row r="616979" spans="14:14">
      <c r="N616979" s="10"/>
    </row>
    <row r="616980" spans="14:14">
      <c r="N616980" s="10"/>
    </row>
    <row r="616981" spans="14:14">
      <c r="N616981" s="10"/>
    </row>
    <row r="616982" spans="14:14">
      <c r="N616982" s="10"/>
    </row>
    <row r="616983" spans="14:14">
      <c r="N616983" s="10"/>
    </row>
    <row r="616984" spans="14:14">
      <c r="N616984" s="10"/>
    </row>
    <row r="616985" spans="14:14">
      <c r="N616985" s="10"/>
    </row>
    <row r="616986" spans="14:14">
      <c r="N616986" s="10"/>
    </row>
    <row r="616987" spans="14:14">
      <c r="N616987" s="10"/>
    </row>
    <row r="616988" spans="14:14">
      <c r="N616988" s="10"/>
    </row>
    <row r="616989" spans="14:14">
      <c r="N616989" s="10"/>
    </row>
    <row r="616990" spans="14:14">
      <c r="N616990" s="10"/>
    </row>
    <row r="616991" spans="14:14">
      <c r="N616991" s="10"/>
    </row>
    <row r="616992" spans="14:14">
      <c r="N616992" s="10"/>
    </row>
    <row r="616993" spans="14:14">
      <c r="N616993" s="10"/>
    </row>
    <row r="616994" spans="14:14">
      <c r="N616994" s="10"/>
    </row>
    <row r="616995" spans="14:14">
      <c r="N616995" s="10"/>
    </row>
    <row r="616996" spans="14:14">
      <c r="N616996" s="10"/>
    </row>
    <row r="616997" spans="14:14">
      <c r="N616997" s="10"/>
    </row>
    <row r="616998" spans="14:14">
      <c r="N616998" s="10"/>
    </row>
    <row r="616999" spans="14:14">
      <c r="N616999" s="10"/>
    </row>
    <row r="617000" spans="14:14">
      <c r="N617000" s="10"/>
    </row>
    <row r="617001" spans="14:14">
      <c r="N617001" s="10"/>
    </row>
    <row r="617002" spans="14:14">
      <c r="N617002" s="10"/>
    </row>
    <row r="617003" spans="14:14">
      <c r="N617003" s="10"/>
    </row>
    <row r="617004" spans="14:14">
      <c r="N617004" s="10"/>
    </row>
    <row r="617005" spans="14:14">
      <c r="N617005" s="10"/>
    </row>
    <row r="617006" spans="14:14">
      <c r="N617006" s="10"/>
    </row>
    <row r="617007" spans="14:14">
      <c r="N617007" s="10"/>
    </row>
    <row r="617008" spans="14:14">
      <c r="N617008" s="10"/>
    </row>
    <row r="617009" spans="14:14">
      <c r="N617009" s="10"/>
    </row>
    <row r="617010" spans="14:14">
      <c r="N617010" s="10"/>
    </row>
    <row r="617011" spans="14:14">
      <c r="N617011" s="10"/>
    </row>
    <row r="617012" spans="14:14">
      <c r="N617012" s="10"/>
    </row>
    <row r="617013" spans="14:14">
      <c r="N617013" s="10"/>
    </row>
    <row r="617014" spans="14:14">
      <c r="N617014" s="10"/>
    </row>
    <row r="617015" spans="14:14">
      <c r="N617015" s="10"/>
    </row>
    <row r="617016" spans="14:14">
      <c r="N617016" s="10"/>
    </row>
    <row r="617017" spans="14:14">
      <c r="N617017" s="10"/>
    </row>
    <row r="617018" spans="14:14">
      <c r="N617018" s="10"/>
    </row>
    <row r="617019" spans="14:14">
      <c r="N617019" s="10"/>
    </row>
    <row r="617020" spans="14:14">
      <c r="N617020" s="10"/>
    </row>
    <row r="617021" spans="14:14">
      <c r="N617021" s="10"/>
    </row>
    <row r="617022" spans="14:14">
      <c r="N617022" s="10"/>
    </row>
    <row r="617023" spans="14:14">
      <c r="N617023" s="10"/>
    </row>
    <row r="617024" spans="14:14">
      <c r="N617024" s="10"/>
    </row>
    <row r="617025" spans="14:14">
      <c r="N617025" s="10"/>
    </row>
    <row r="617026" spans="14:14">
      <c r="N617026" s="10"/>
    </row>
    <row r="617027" spans="14:14">
      <c r="N617027" s="10"/>
    </row>
    <row r="617028" spans="14:14">
      <c r="N617028" s="10"/>
    </row>
    <row r="617029" spans="14:14">
      <c r="N617029" s="10"/>
    </row>
    <row r="617030" spans="14:14">
      <c r="N617030" s="10"/>
    </row>
    <row r="617031" spans="14:14">
      <c r="N617031" s="10"/>
    </row>
    <row r="617032" spans="14:14">
      <c r="N617032" s="10"/>
    </row>
    <row r="617033" spans="14:14">
      <c r="N617033" s="10"/>
    </row>
    <row r="617034" spans="14:14">
      <c r="N617034" s="10"/>
    </row>
    <row r="617035" spans="14:14">
      <c r="N617035" s="10"/>
    </row>
    <row r="617036" spans="14:14">
      <c r="N617036" s="10"/>
    </row>
    <row r="617037" spans="14:14">
      <c r="N617037" s="10"/>
    </row>
    <row r="617038" spans="14:14">
      <c r="N617038" s="10"/>
    </row>
    <row r="617039" spans="14:14">
      <c r="N617039" s="10"/>
    </row>
    <row r="617040" spans="14:14">
      <c r="N617040" s="10"/>
    </row>
    <row r="617041" spans="14:14">
      <c r="N617041" s="10"/>
    </row>
    <row r="617042" spans="14:14">
      <c r="N617042" s="10"/>
    </row>
    <row r="617043" spans="14:14">
      <c r="N617043" s="10"/>
    </row>
    <row r="617044" spans="14:14">
      <c r="N617044" s="10"/>
    </row>
    <row r="617045" spans="14:14">
      <c r="N617045" s="10"/>
    </row>
    <row r="617046" spans="14:14">
      <c r="N617046" s="10"/>
    </row>
    <row r="617047" spans="14:14">
      <c r="N617047" s="10"/>
    </row>
    <row r="617048" spans="14:14">
      <c r="N617048" s="10"/>
    </row>
    <row r="617049" spans="14:14">
      <c r="N617049" s="10"/>
    </row>
    <row r="617050" spans="14:14">
      <c r="N617050" s="10"/>
    </row>
    <row r="617051" spans="14:14">
      <c r="N617051" s="10"/>
    </row>
    <row r="617052" spans="14:14">
      <c r="N617052" s="10"/>
    </row>
    <row r="617053" spans="14:14">
      <c r="N617053" s="10"/>
    </row>
    <row r="617054" spans="14:14">
      <c r="N617054" s="10"/>
    </row>
    <row r="617055" spans="14:14">
      <c r="N617055" s="10"/>
    </row>
    <row r="617056" spans="14:14">
      <c r="N617056" s="10"/>
    </row>
    <row r="617057" spans="14:14">
      <c r="N617057" s="10"/>
    </row>
    <row r="617058" spans="14:14">
      <c r="N617058" s="10"/>
    </row>
    <row r="617059" spans="14:14">
      <c r="N617059" s="10"/>
    </row>
    <row r="617060" spans="14:14">
      <c r="N617060" s="10"/>
    </row>
    <row r="617061" spans="14:14">
      <c r="N617061" s="10"/>
    </row>
    <row r="617062" spans="14:14">
      <c r="N617062" s="10"/>
    </row>
    <row r="617063" spans="14:14">
      <c r="N617063" s="10"/>
    </row>
    <row r="617064" spans="14:14">
      <c r="N617064" s="10"/>
    </row>
    <row r="617065" spans="14:14">
      <c r="N617065" s="10"/>
    </row>
    <row r="617066" spans="14:14">
      <c r="N617066" s="10"/>
    </row>
    <row r="617067" spans="14:14">
      <c r="N617067" s="10"/>
    </row>
    <row r="617068" spans="14:14">
      <c r="N617068" s="10"/>
    </row>
    <row r="617069" spans="14:14">
      <c r="N617069" s="10"/>
    </row>
    <row r="617070" spans="14:14">
      <c r="N617070" s="10"/>
    </row>
    <row r="617071" spans="14:14">
      <c r="N617071" s="10"/>
    </row>
    <row r="617072" spans="14:14">
      <c r="N617072" s="10"/>
    </row>
    <row r="617073" spans="14:14">
      <c r="N617073" s="10"/>
    </row>
    <row r="617074" spans="14:14">
      <c r="N617074" s="10"/>
    </row>
    <row r="617075" spans="14:14">
      <c r="N617075" s="10"/>
    </row>
    <row r="617076" spans="14:14">
      <c r="N617076" s="10"/>
    </row>
    <row r="617077" spans="14:14">
      <c r="N617077" s="10"/>
    </row>
    <row r="617078" spans="14:14">
      <c r="N617078" s="10"/>
    </row>
    <row r="617079" spans="14:14">
      <c r="N617079" s="10"/>
    </row>
    <row r="617080" spans="14:14">
      <c r="N617080" s="10"/>
    </row>
    <row r="617081" spans="14:14">
      <c r="N617081" s="10"/>
    </row>
    <row r="617082" spans="14:14">
      <c r="N617082" s="10"/>
    </row>
    <row r="617083" spans="14:14">
      <c r="N617083" s="10"/>
    </row>
    <row r="617084" spans="14:14">
      <c r="N617084" s="10"/>
    </row>
    <row r="617085" spans="14:14">
      <c r="N617085" s="10"/>
    </row>
    <row r="617086" spans="14:14">
      <c r="N617086" s="10"/>
    </row>
    <row r="617087" spans="14:14">
      <c r="N617087" s="10"/>
    </row>
    <row r="617088" spans="14:14">
      <c r="N617088" s="10"/>
    </row>
    <row r="617089" spans="14:14">
      <c r="N617089" s="10"/>
    </row>
    <row r="617090" spans="14:14">
      <c r="N617090" s="10"/>
    </row>
    <row r="617091" spans="14:14">
      <c r="N617091" s="10"/>
    </row>
    <row r="617092" spans="14:14">
      <c r="N617092" s="10"/>
    </row>
    <row r="617093" spans="14:14">
      <c r="N617093" s="10"/>
    </row>
    <row r="617094" spans="14:14">
      <c r="N617094" s="10"/>
    </row>
    <row r="617095" spans="14:14">
      <c r="N617095" s="10"/>
    </row>
    <row r="617096" spans="14:14">
      <c r="N617096" s="10"/>
    </row>
    <row r="617097" spans="14:14">
      <c r="N617097" s="10"/>
    </row>
    <row r="617098" spans="14:14">
      <c r="N617098" s="10"/>
    </row>
    <row r="617099" spans="14:14">
      <c r="N617099" s="10"/>
    </row>
    <row r="617100" spans="14:14">
      <c r="N617100" s="10"/>
    </row>
    <row r="617101" spans="14:14">
      <c r="N617101" s="10"/>
    </row>
    <row r="617102" spans="14:14">
      <c r="N617102" s="10"/>
    </row>
    <row r="617103" spans="14:14">
      <c r="N617103" s="10"/>
    </row>
    <row r="617104" spans="14:14">
      <c r="N617104" s="10"/>
    </row>
    <row r="617105" spans="14:14">
      <c r="N617105" s="10"/>
    </row>
    <row r="617106" spans="14:14">
      <c r="N617106" s="10"/>
    </row>
    <row r="617107" spans="14:14">
      <c r="N617107" s="10"/>
    </row>
    <row r="617108" spans="14:14">
      <c r="N617108" s="10"/>
    </row>
    <row r="617109" spans="14:14">
      <c r="N617109" s="10"/>
    </row>
    <row r="617110" spans="14:14">
      <c r="N617110" s="10"/>
    </row>
    <row r="617111" spans="14:14">
      <c r="N617111" s="10"/>
    </row>
    <row r="617112" spans="14:14">
      <c r="N617112" s="10"/>
    </row>
    <row r="617113" spans="14:14">
      <c r="N617113" s="10"/>
    </row>
    <row r="617114" spans="14:14">
      <c r="N617114" s="10"/>
    </row>
    <row r="617115" spans="14:14">
      <c r="N617115" s="10"/>
    </row>
    <row r="617116" spans="14:14">
      <c r="N617116" s="10"/>
    </row>
    <row r="617117" spans="14:14">
      <c r="N617117" s="10"/>
    </row>
    <row r="617118" spans="14:14">
      <c r="N617118" s="10"/>
    </row>
    <row r="617119" spans="14:14">
      <c r="N617119" s="10"/>
    </row>
    <row r="617120" spans="14:14">
      <c r="N617120" s="10"/>
    </row>
    <row r="617121" spans="14:14">
      <c r="N617121" s="10"/>
    </row>
    <row r="617122" spans="14:14">
      <c r="N617122" s="10"/>
    </row>
    <row r="617123" spans="14:14">
      <c r="N617123" s="10"/>
    </row>
    <row r="617124" spans="14:14">
      <c r="N617124" s="10"/>
    </row>
    <row r="617125" spans="14:14">
      <c r="N617125" s="10"/>
    </row>
    <row r="617126" spans="14:14">
      <c r="N617126" s="10"/>
    </row>
    <row r="617127" spans="14:14">
      <c r="N617127" s="10"/>
    </row>
    <row r="617128" spans="14:14">
      <c r="N617128" s="10"/>
    </row>
    <row r="617129" spans="14:14">
      <c r="N617129" s="10"/>
    </row>
    <row r="617130" spans="14:14">
      <c r="N617130" s="10"/>
    </row>
    <row r="617131" spans="14:14">
      <c r="N617131" s="10"/>
    </row>
    <row r="617132" spans="14:14">
      <c r="N617132" s="10"/>
    </row>
    <row r="617133" spans="14:14">
      <c r="N617133" s="10"/>
    </row>
    <row r="617134" spans="14:14">
      <c r="N617134" s="10"/>
    </row>
    <row r="617135" spans="14:14">
      <c r="N617135" s="10"/>
    </row>
    <row r="617136" spans="14:14">
      <c r="N617136" s="10"/>
    </row>
    <row r="617137" spans="14:14">
      <c r="N617137" s="10"/>
    </row>
    <row r="617138" spans="14:14">
      <c r="N617138" s="10"/>
    </row>
    <row r="617139" spans="14:14">
      <c r="N617139" s="10"/>
    </row>
    <row r="617140" spans="14:14">
      <c r="N617140" s="10"/>
    </row>
    <row r="617141" spans="14:14">
      <c r="N617141" s="10"/>
    </row>
    <row r="617142" spans="14:14">
      <c r="N617142" s="10"/>
    </row>
    <row r="617143" spans="14:14">
      <c r="N617143" s="10"/>
    </row>
    <row r="617144" spans="14:14">
      <c r="N617144" s="10"/>
    </row>
    <row r="617145" spans="14:14">
      <c r="N617145" s="10"/>
    </row>
    <row r="617146" spans="14:14">
      <c r="N617146" s="10"/>
    </row>
    <row r="617147" spans="14:14">
      <c r="N617147" s="10"/>
    </row>
    <row r="617148" spans="14:14">
      <c r="N617148" s="10"/>
    </row>
    <row r="617149" spans="14:14">
      <c r="N617149" s="10"/>
    </row>
    <row r="617150" spans="14:14">
      <c r="N617150" s="10"/>
    </row>
    <row r="617151" spans="14:14">
      <c r="N617151" s="10"/>
    </row>
    <row r="617152" spans="14:14">
      <c r="N617152" s="10"/>
    </row>
    <row r="617153" spans="14:14">
      <c r="N617153" s="10"/>
    </row>
    <row r="617154" spans="14:14">
      <c r="N617154" s="10"/>
    </row>
    <row r="617155" spans="14:14">
      <c r="N617155" s="10"/>
    </row>
    <row r="617156" spans="14:14">
      <c r="N617156" s="10"/>
    </row>
    <row r="617157" spans="14:14">
      <c r="N617157" s="10"/>
    </row>
    <row r="617158" spans="14:14">
      <c r="N617158" s="10"/>
    </row>
    <row r="617159" spans="14:14">
      <c r="N617159" s="10"/>
    </row>
    <row r="617160" spans="14:14">
      <c r="N617160" s="10"/>
    </row>
    <row r="617161" spans="14:14">
      <c r="N617161" s="10"/>
    </row>
    <row r="617162" spans="14:14">
      <c r="N617162" s="10"/>
    </row>
    <row r="617163" spans="14:14">
      <c r="N617163" s="10"/>
    </row>
    <row r="617164" spans="14:14">
      <c r="N617164" s="10"/>
    </row>
    <row r="617165" spans="14:14">
      <c r="N617165" s="10"/>
    </row>
    <row r="617166" spans="14:14">
      <c r="N617166" s="10"/>
    </row>
    <row r="617167" spans="14:14">
      <c r="N617167" s="10"/>
    </row>
    <row r="617168" spans="14:14">
      <c r="N617168" s="10"/>
    </row>
    <row r="617169" spans="14:14">
      <c r="N617169" s="10"/>
    </row>
    <row r="617170" spans="14:14">
      <c r="N617170" s="10"/>
    </row>
    <row r="617171" spans="14:14">
      <c r="N617171" s="10"/>
    </row>
    <row r="617172" spans="14:14">
      <c r="N617172" s="10"/>
    </row>
    <row r="617173" spans="14:14">
      <c r="N617173" s="10"/>
    </row>
    <row r="617174" spans="14:14">
      <c r="N617174" s="10"/>
    </row>
    <row r="617175" spans="14:14">
      <c r="N617175" s="10"/>
    </row>
    <row r="617176" spans="14:14">
      <c r="N617176" s="10"/>
    </row>
    <row r="617177" spans="14:14">
      <c r="N617177" s="10"/>
    </row>
    <row r="617178" spans="14:14">
      <c r="N617178" s="10"/>
    </row>
    <row r="617179" spans="14:14">
      <c r="N617179" s="10"/>
    </row>
    <row r="617180" spans="14:14">
      <c r="N617180" s="10"/>
    </row>
    <row r="617181" spans="14:14">
      <c r="N617181" s="10"/>
    </row>
    <row r="617182" spans="14:14">
      <c r="N617182" s="10"/>
    </row>
    <row r="617183" spans="14:14">
      <c r="N617183" s="10"/>
    </row>
    <row r="617184" spans="14:14">
      <c r="N617184" s="10"/>
    </row>
    <row r="617185" spans="14:14">
      <c r="N617185" s="10"/>
    </row>
    <row r="617186" spans="14:14">
      <c r="N617186" s="10"/>
    </row>
    <row r="617187" spans="14:14">
      <c r="N617187" s="10"/>
    </row>
    <row r="617188" spans="14:14">
      <c r="N617188" s="10"/>
    </row>
    <row r="617189" spans="14:14">
      <c r="N617189" s="10"/>
    </row>
    <row r="617190" spans="14:14">
      <c r="N617190" s="10"/>
    </row>
    <row r="617191" spans="14:14">
      <c r="N617191" s="10"/>
    </row>
    <row r="617192" spans="14:14">
      <c r="N617192" s="10"/>
    </row>
    <row r="617193" spans="14:14">
      <c r="N617193" s="10"/>
    </row>
    <row r="617194" spans="14:14">
      <c r="N617194" s="10"/>
    </row>
    <row r="617195" spans="14:14">
      <c r="N617195" s="10"/>
    </row>
    <row r="617196" spans="14:14">
      <c r="N617196" s="10"/>
    </row>
    <row r="617197" spans="14:14">
      <c r="N617197" s="10"/>
    </row>
    <row r="617198" spans="14:14">
      <c r="N617198" s="10"/>
    </row>
    <row r="617199" spans="14:14">
      <c r="N617199" s="10"/>
    </row>
    <row r="617200" spans="14:14">
      <c r="N617200" s="10"/>
    </row>
    <row r="617201" spans="14:14">
      <c r="N617201" s="10"/>
    </row>
    <row r="617202" spans="14:14">
      <c r="N617202" s="10"/>
    </row>
    <row r="617203" spans="14:14">
      <c r="N617203" s="10"/>
    </row>
    <row r="617204" spans="14:14">
      <c r="N617204" s="10"/>
    </row>
    <row r="617205" spans="14:14">
      <c r="N617205" s="10"/>
    </row>
    <row r="617206" spans="14:14">
      <c r="N617206" s="10"/>
    </row>
    <row r="617207" spans="14:14">
      <c r="N617207" s="10"/>
    </row>
    <row r="617208" spans="14:14">
      <c r="N617208" s="10"/>
    </row>
    <row r="617209" spans="14:14">
      <c r="N617209" s="10"/>
    </row>
    <row r="617210" spans="14:14">
      <c r="N617210" s="10"/>
    </row>
    <row r="617211" spans="14:14">
      <c r="N617211" s="10"/>
    </row>
    <row r="617212" spans="14:14">
      <c r="N617212" s="10"/>
    </row>
    <row r="617213" spans="14:14">
      <c r="N617213" s="10"/>
    </row>
    <row r="617214" spans="14:14">
      <c r="N617214" s="10"/>
    </row>
    <row r="617215" spans="14:14">
      <c r="N617215" s="10"/>
    </row>
    <row r="617216" spans="14:14">
      <c r="N617216" s="10"/>
    </row>
    <row r="617217" spans="14:14">
      <c r="N617217" s="10"/>
    </row>
    <row r="617218" spans="14:14">
      <c r="N617218" s="10"/>
    </row>
    <row r="617219" spans="14:14">
      <c r="N617219" s="10"/>
    </row>
    <row r="617220" spans="14:14">
      <c r="N617220" s="10"/>
    </row>
    <row r="617221" spans="14:14">
      <c r="N617221" s="10"/>
    </row>
    <row r="617222" spans="14:14">
      <c r="N617222" s="10"/>
    </row>
    <row r="617223" spans="14:14">
      <c r="N617223" s="10"/>
    </row>
    <row r="617224" spans="14:14">
      <c r="N617224" s="10"/>
    </row>
    <row r="617225" spans="14:14">
      <c r="N617225" s="10"/>
    </row>
    <row r="617226" spans="14:14">
      <c r="N617226" s="10"/>
    </row>
    <row r="617227" spans="14:14">
      <c r="N617227" s="10"/>
    </row>
    <row r="617228" spans="14:14">
      <c r="N617228" s="10"/>
    </row>
    <row r="617229" spans="14:14">
      <c r="N617229" s="10"/>
    </row>
    <row r="617230" spans="14:14">
      <c r="N617230" s="10"/>
    </row>
    <row r="617231" spans="14:14">
      <c r="N617231" s="10"/>
    </row>
    <row r="617232" spans="14:14">
      <c r="N617232" s="10"/>
    </row>
    <row r="617233" spans="14:14">
      <c r="N617233" s="10"/>
    </row>
    <row r="617234" spans="14:14">
      <c r="N617234" s="10"/>
    </row>
    <row r="617235" spans="14:14">
      <c r="N617235" s="10"/>
    </row>
    <row r="617236" spans="14:14">
      <c r="N617236" s="10"/>
    </row>
    <row r="617237" spans="14:14">
      <c r="N617237" s="10"/>
    </row>
    <row r="617238" spans="14:14">
      <c r="N617238" s="10"/>
    </row>
    <row r="617239" spans="14:14">
      <c r="N617239" s="10"/>
    </row>
    <row r="617240" spans="14:14">
      <c r="N617240" s="10"/>
    </row>
    <row r="617241" spans="14:14">
      <c r="N617241" s="10"/>
    </row>
    <row r="617242" spans="14:14">
      <c r="N617242" s="10"/>
    </row>
    <row r="617243" spans="14:14">
      <c r="N617243" s="10"/>
    </row>
    <row r="617244" spans="14:14">
      <c r="N617244" s="10"/>
    </row>
    <row r="617245" spans="14:14">
      <c r="N617245" s="10"/>
    </row>
    <row r="617246" spans="14:14">
      <c r="N617246" s="10"/>
    </row>
    <row r="617247" spans="14:14">
      <c r="N617247" s="10"/>
    </row>
    <row r="617248" spans="14:14">
      <c r="N617248" s="10"/>
    </row>
    <row r="617249" spans="14:14">
      <c r="N617249" s="10"/>
    </row>
    <row r="617250" spans="14:14">
      <c r="N617250" s="10"/>
    </row>
    <row r="617251" spans="14:14">
      <c r="N617251" s="10"/>
    </row>
    <row r="617252" spans="14:14">
      <c r="N617252" s="10"/>
    </row>
    <row r="617253" spans="14:14">
      <c r="N617253" s="10"/>
    </row>
    <row r="617254" spans="14:14">
      <c r="N617254" s="10"/>
    </row>
    <row r="617255" spans="14:14">
      <c r="N617255" s="10"/>
    </row>
    <row r="617256" spans="14:14">
      <c r="N617256" s="10"/>
    </row>
    <row r="617257" spans="14:14">
      <c r="N617257" s="10"/>
    </row>
    <row r="617258" spans="14:14">
      <c r="N617258" s="10"/>
    </row>
    <row r="617259" spans="14:14">
      <c r="N617259" s="10"/>
    </row>
    <row r="617260" spans="14:14">
      <c r="N617260" s="10"/>
    </row>
    <row r="617261" spans="14:14">
      <c r="N617261" s="10"/>
    </row>
    <row r="617262" spans="14:14">
      <c r="N617262" s="10"/>
    </row>
    <row r="617263" spans="14:14">
      <c r="N617263" s="10"/>
    </row>
    <row r="617264" spans="14:14">
      <c r="N617264" s="10"/>
    </row>
    <row r="617265" spans="14:14">
      <c r="N617265" s="10"/>
    </row>
    <row r="617266" spans="14:14">
      <c r="N617266" s="10"/>
    </row>
    <row r="617267" spans="14:14">
      <c r="N617267" s="10"/>
    </row>
    <row r="617268" spans="14:14">
      <c r="N617268" s="10"/>
    </row>
    <row r="617269" spans="14:14">
      <c r="N617269" s="10"/>
    </row>
    <row r="617270" spans="14:14">
      <c r="N617270" s="10"/>
    </row>
    <row r="617271" spans="14:14">
      <c r="N617271" s="10"/>
    </row>
    <row r="617272" spans="14:14">
      <c r="N617272" s="10"/>
    </row>
    <row r="617273" spans="14:14">
      <c r="N617273" s="10"/>
    </row>
    <row r="617274" spans="14:14">
      <c r="N617274" s="10"/>
    </row>
    <row r="617275" spans="14:14">
      <c r="N617275" s="10"/>
    </row>
    <row r="617276" spans="14:14">
      <c r="N617276" s="10"/>
    </row>
    <row r="617277" spans="14:14">
      <c r="N617277" s="10"/>
    </row>
    <row r="617278" spans="14:14">
      <c r="N617278" s="10"/>
    </row>
    <row r="617279" spans="14:14">
      <c r="N617279" s="10"/>
    </row>
    <row r="617280" spans="14:14">
      <c r="N617280" s="10"/>
    </row>
    <row r="617281" spans="14:14">
      <c r="N617281" s="10"/>
    </row>
    <row r="617282" spans="14:14">
      <c r="N617282" s="10"/>
    </row>
    <row r="617283" spans="14:14">
      <c r="N617283" s="10"/>
    </row>
    <row r="617284" spans="14:14">
      <c r="N617284" s="10"/>
    </row>
    <row r="617285" spans="14:14">
      <c r="N617285" s="10"/>
    </row>
    <row r="617286" spans="14:14">
      <c r="N617286" s="10"/>
    </row>
    <row r="617287" spans="14:14">
      <c r="N617287" s="10"/>
    </row>
    <row r="617288" spans="14:14">
      <c r="N617288" s="10"/>
    </row>
    <row r="617289" spans="14:14">
      <c r="N617289" s="10"/>
    </row>
    <row r="617290" spans="14:14">
      <c r="N617290" s="10"/>
    </row>
    <row r="617291" spans="14:14">
      <c r="N617291" s="10"/>
    </row>
    <row r="617292" spans="14:14">
      <c r="N617292" s="10"/>
    </row>
    <row r="617293" spans="14:14">
      <c r="N617293" s="10"/>
    </row>
    <row r="617294" spans="14:14">
      <c r="N617294" s="10"/>
    </row>
    <row r="617295" spans="14:14">
      <c r="N617295" s="10"/>
    </row>
    <row r="617296" spans="14:14">
      <c r="N617296" s="10"/>
    </row>
    <row r="617297" spans="14:14">
      <c r="N617297" s="10"/>
    </row>
    <row r="617298" spans="14:14">
      <c r="N617298" s="10"/>
    </row>
    <row r="617299" spans="14:14">
      <c r="N617299" s="10"/>
    </row>
    <row r="617300" spans="14:14">
      <c r="N617300" s="10"/>
    </row>
    <row r="617301" spans="14:14">
      <c r="N617301" s="10"/>
    </row>
    <row r="617302" spans="14:14">
      <c r="N617302" s="10"/>
    </row>
    <row r="617303" spans="14:14">
      <c r="N617303" s="10"/>
    </row>
    <row r="617304" spans="14:14">
      <c r="N617304" s="10"/>
    </row>
    <row r="617305" spans="14:14">
      <c r="N617305" s="10"/>
    </row>
    <row r="617306" spans="14:14">
      <c r="N617306" s="10"/>
    </row>
    <row r="617307" spans="14:14">
      <c r="N617307" s="10"/>
    </row>
    <row r="617308" spans="14:14">
      <c r="N617308" s="10"/>
    </row>
    <row r="617309" spans="14:14">
      <c r="N617309" s="10"/>
    </row>
    <row r="617310" spans="14:14">
      <c r="N617310" s="10"/>
    </row>
    <row r="617311" spans="14:14">
      <c r="N617311" s="10"/>
    </row>
    <row r="617312" spans="14:14">
      <c r="N617312" s="10"/>
    </row>
    <row r="617313" spans="14:14">
      <c r="N617313" s="10"/>
    </row>
    <row r="617314" spans="14:14">
      <c r="N617314" s="10"/>
    </row>
    <row r="617315" spans="14:14">
      <c r="N617315" s="10"/>
    </row>
    <row r="617316" spans="14:14">
      <c r="N617316" s="10"/>
    </row>
    <row r="617317" spans="14:14">
      <c r="N617317" s="10"/>
    </row>
    <row r="617318" spans="14:14">
      <c r="N617318" s="10"/>
    </row>
    <row r="617319" spans="14:14">
      <c r="N617319" s="10"/>
    </row>
    <row r="617320" spans="14:14">
      <c r="N617320" s="10"/>
    </row>
    <row r="617321" spans="14:14">
      <c r="N617321" s="10"/>
    </row>
    <row r="617322" spans="14:14">
      <c r="N617322" s="10"/>
    </row>
    <row r="617323" spans="14:14">
      <c r="N617323" s="10"/>
    </row>
    <row r="617324" spans="14:14">
      <c r="N617324" s="10"/>
    </row>
    <row r="617325" spans="14:14">
      <c r="N617325" s="10"/>
    </row>
    <row r="617326" spans="14:14">
      <c r="N617326" s="10"/>
    </row>
    <row r="617327" spans="14:14">
      <c r="N617327" s="10"/>
    </row>
    <row r="617328" spans="14:14">
      <c r="N617328" s="10"/>
    </row>
    <row r="617329" spans="14:14">
      <c r="N617329" s="10"/>
    </row>
    <row r="617330" spans="14:14">
      <c r="N617330" s="10"/>
    </row>
    <row r="617331" spans="14:14">
      <c r="N617331" s="10"/>
    </row>
    <row r="617332" spans="14:14">
      <c r="N617332" s="10"/>
    </row>
    <row r="617333" spans="14:14">
      <c r="N617333" s="10"/>
    </row>
    <row r="617334" spans="14:14">
      <c r="N617334" s="10"/>
    </row>
    <row r="617335" spans="14:14">
      <c r="N617335" s="10"/>
    </row>
    <row r="617336" spans="14:14">
      <c r="N617336" s="10"/>
    </row>
    <row r="617337" spans="14:14">
      <c r="N617337" s="10"/>
    </row>
    <row r="617338" spans="14:14">
      <c r="N617338" s="10"/>
    </row>
    <row r="617339" spans="14:14">
      <c r="N617339" s="10"/>
    </row>
    <row r="617340" spans="14:14">
      <c r="N617340" s="10"/>
    </row>
    <row r="617341" spans="14:14">
      <c r="N617341" s="10"/>
    </row>
    <row r="617342" spans="14:14">
      <c r="N617342" s="10"/>
    </row>
    <row r="617343" spans="14:14">
      <c r="N617343" s="10"/>
    </row>
    <row r="617344" spans="14:14">
      <c r="N617344" s="10"/>
    </row>
    <row r="617345" spans="14:14">
      <c r="N617345" s="10"/>
    </row>
    <row r="617346" spans="14:14">
      <c r="N617346" s="10"/>
    </row>
    <row r="617347" spans="14:14">
      <c r="N617347" s="10"/>
    </row>
    <row r="617348" spans="14:14">
      <c r="N617348" s="10"/>
    </row>
    <row r="617349" spans="14:14">
      <c r="N617349" s="10"/>
    </row>
    <row r="617350" spans="14:14">
      <c r="N617350" s="10"/>
    </row>
    <row r="617351" spans="14:14">
      <c r="N617351" s="10"/>
    </row>
    <row r="617352" spans="14:14">
      <c r="N617352" s="10"/>
    </row>
    <row r="617353" spans="14:14">
      <c r="N617353" s="10"/>
    </row>
    <row r="617354" spans="14:14">
      <c r="N617354" s="10"/>
    </row>
    <row r="617355" spans="14:14">
      <c r="N617355" s="10"/>
    </row>
    <row r="617356" spans="14:14">
      <c r="N617356" s="10"/>
    </row>
    <row r="617357" spans="14:14">
      <c r="N617357" s="10"/>
    </row>
    <row r="617358" spans="14:14">
      <c r="N617358" s="10"/>
    </row>
    <row r="617359" spans="14:14">
      <c r="N617359" s="10"/>
    </row>
    <row r="617360" spans="14:14">
      <c r="N617360" s="10"/>
    </row>
    <row r="617361" spans="14:14">
      <c r="N617361" s="10"/>
    </row>
    <row r="617362" spans="14:14">
      <c r="N617362" s="10"/>
    </row>
    <row r="617363" spans="14:14">
      <c r="N617363" s="10"/>
    </row>
    <row r="617364" spans="14:14">
      <c r="N617364" s="10"/>
    </row>
    <row r="617365" spans="14:14">
      <c r="N617365" s="10"/>
    </row>
    <row r="617366" spans="14:14">
      <c r="N617366" s="10"/>
    </row>
    <row r="617367" spans="14:14">
      <c r="N617367" s="10"/>
    </row>
    <row r="617368" spans="14:14">
      <c r="N617368" s="10"/>
    </row>
    <row r="617369" spans="14:14">
      <c r="N617369" s="10"/>
    </row>
    <row r="617370" spans="14:14">
      <c r="N617370" s="10"/>
    </row>
    <row r="617371" spans="14:14">
      <c r="N617371" s="10"/>
    </row>
    <row r="617372" spans="14:14">
      <c r="N617372" s="10"/>
    </row>
    <row r="617373" spans="14:14">
      <c r="N617373" s="10"/>
    </row>
    <row r="617374" spans="14:14">
      <c r="N617374" s="10"/>
    </row>
    <row r="617375" spans="14:14">
      <c r="N617375" s="10"/>
    </row>
    <row r="617376" spans="14:14">
      <c r="N617376" s="10"/>
    </row>
    <row r="617377" spans="14:14">
      <c r="N617377" s="10"/>
    </row>
    <row r="617378" spans="14:14">
      <c r="N617378" s="10"/>
    </row>
    <row r="617379" spans="14:14">
      <c r="N617379" s="10"/>
    </row>
    <row r="617380" spans="14:14">
      <c r="N617380" s="10"/>
    </row>
    <row r="617381" spans="14:14">
      <c r="N617381" s="10"/>
    </row>
    <row r="617382" spans="14:14">
      <c r="N617382" s="10"/>
    </row>
    <row r="617383" spans="14:14">
      <c r="N617383" s="10"/>
    </row>
    <row r="617384" spans="14:14">
      <c r="N617384" s="10"/>
    </row>
    <row r="617385" spans="14:14">
      <c r="N617385" s="10"/>
    </row>
    <row r="617386" spans="14:14">
      <c r="N617386" s="10"/>
    </row>
    <row r="617387" spans="14:14">
      <c r="N617387" s="10"/>
    </row>
    <row r="617388" spans="14:14">
      <c r="N617388" s="10"/>
    </row>
    <row r="617389" spans="14:14">
      <c r="N617389" s="10"/>
    </row>
    <row r="617390" spans="14:14">
      <c r="N617390" s="10"/>
    </row>
    <row r="617391" spans="14:14">
      <c r="N617391" s="10"/>
    </row>
    <row r="617392" spans="14:14">
      <c r="N617392" s="10"/>
    </row>
    <row r="617393" spans="14:14">
      <c r="N617393" s="10"/>
    </row>
    <row r="617394" spans="14:14">
      <c r="N617394" s="10"/>
    </row>
    <row r="617395" spans="14:14">
      <c r="N617395" s="10"/>
    </row>
    <row r="617396" spans="14:14">
      <c r="N617396" s="10"/>
    </row>
    <row r="617397" spans="14:14">
      <c r="N617397" s="10"/>
    </row>
    <row r="617398" spans="14:14">
      <c r="N617398" s="10"/>
    </row>
    <row r="617399" spans="14:14">
      <c r="N617399" s="10"/>
    </row>
    <row r="617400" spans="14:14">
      <c r="N617400" s="10"/>
    </row>
    <row r="617401" spans="14:14">
      <c r="N617401" s="10"/>
    </row>
    <row r="617402" spans="14:14">
      <c r="N617402" s="10"/>
    </row>
    <row r="617403" spans="14:14">
      <c r="N617403" s="10"/>
    </row>
    <row r="617404" spans="14:14">
      <c r="N617404" s="10"/>
    </row>
    <row r="617405" spans="14:14">
      <c r="N617405" s="10"/>
    </row>
    <row r="617406" spans="14:14">
      <c r="N617406" s="10"/>
    </row>
    <row r="617407" spans="14:14">
      <c r="N617407" s="10"/>
    </row>
    <row r="617408" spans="14:14">
      <c r="N617408" s="10"/>
    </row>
    <row r="617409" spans="14:14">
      <c r="N617409" s="10"/>
    </row>
    <row r="617410" spans="14:14">
      <c r="N617410" s="10"/>
    </row>
    <row r="617411" spans="14:14">
      <c r="N617411" s="10"/>
    </row>
    <row r="617412" spans="14:14">
      <c r="N617412" s="10"/>
    </row>
    <row r="617413" spans="14:14">
      <c r="N617413" s="10"/>
    </row>
    <row r="617414" spans="14:14">
      <c r="N617414" s="10"/>
    </row>
    <row r="617415" spans="14:14">
      <c r="N617415" s="10"/>
    </row>
    <row r="617416" spans="14:14">
      <c r="N617416" s="10"/>
    </row>
    <row r="617417" spans="14:14">
      <c r="N617417" s="10"/>
    </row>
    <row r="617418" spans="14:14">
      <c r="N617418" s="10"/>
    </row>
    <row r="617419" spans="14:14">
      <c r="N617419" s="10"/>
    </row>
    <row r="617420" spans="14:14">
      <c r="N617420" s="10"/>
    </row>
    <row r="617421" spans="14:14">
      <c r="N617421" s="10"/>
    </row>
    <row r="617422" spans="14:14">
      <c r="N617422" s="10"/>
    </row>
    <row r="617423" spans="14:14">
      <c r="N617423" s="10"/>
    </row>
    <row r="617424" spans="14:14">
      <c r="N617424" s="10"/>
    </row>
    <row r="617425" spans="14:14">
      <c r="N617425" s="10"/>
    </row>
    <row r="617426" spans="14:14">
      <c r="N617426" s="10"/>
    </row>
    <row r="617427" spans="14:14">
      <c r="N617427" s="10"/>
    </row>
    <row r="617428" spans="14:14">
      <c r="N617428" s="10"/>
    </row>
    <row r="617429" spans="14:14">
      <c r="N617429" s="10"/>
    </row>
    <row r="617430" spans="14:14">
      <c r="N617430" s="10"/>
    </row>
    <row r="617431" spans="14:14">
      <c r="N617431" s="10"/>
    </row>
    <row r="617432" spans="14:14">
      <c r="N617432" s="10"/>
    </row>
    <row r="617433" spans="14:14">
      <c r="N617433" s="10"/>
    </row>
    <row r="617434" spans="14:14">
      <c r="N617434" s="10"/>
    </row>
    <row r="617435" spans="14:14">
      <c r="N617435" s="10"/>
    </row>
    <row r="617436" spans="14:14">
      <c r="N617436" s="10"/>
    </row>
    <row r="617437" spans="14:14">
      <c r="N617437" s="10"/>
    </row>
    <row r="617438" spans="14:14">
      <c r="N617438" s="10"/>
    </row>
    <row r="617439" spans="14:14">
      <c r="N617439" s="10"/>
    </row>
    <row r="617440" spans="14:14">
      <c r="N617440" s="10"/>
    </row>
    <row r="617441" spans="14:14">
      <c r="N617441" s="10"/>
    </row>
    <row r="617442" spans="14:14">
      <c r="N617442" s="10"/>
    </row>
    <row r="617443" spans="14:14">
      <c r="N617443" s="10"/>
    </row>
    <row r="617444" spans="14:14">
      <c r="N617444" s="10"/>
    </row>
    <row r="617445" spans="14:14">
      <c r="N617445" s="10"/>
    </row>
    <row r="617446" spans="14:14">
      <c r="N617446" s="10"/>
    </row>
    <row r="617447" spans="14:14">
      <c r="N617447" s="10"/>
    </row>
    <row r="617448" spans="14:14">
      <c r="N617448" s="10"/>
    </row>
    <row r="617449" spans="14:14">
      <c r="N617449" s="10"/>
    </row>
    <row r="617450" spans="14:14">
      <c r="N617450" s="10"/>
    </row>
    <row r="617451" spans="14:14">
      <c r="N617451" s="10"/>
    </row>
    <row r="617452" spans="14:14">
      <c r="N617452" s="10"/>
    </row>
    <row r="617453" spans="14:14">
      <c r="N617453" s="10"/>
    </row>
    <row r="617454" spans="14:14">
      <c r="N617454" s="10"/>
    </row>
    <row r="617455" spans="14:14">
      <c r="N617455" s="10"/>
    </row>
    <row r="617456" spans="14:14">
      <c r="N617456" s="10"/>
    </row>
    <row r="617457" spans="14:14">
      <c r="N617457" s="10"/>
    </row>
    <row r="617458" spans="14:14">
      <c r="N617458" s="10"/>
    </row>
    <row r="617459" spans="14:14">
      <c r="N617459" s="10"/>
    </row>
    <row r="617460" spans="14:14">
      <c r="N617460" s="10"/>
    </row>
    <row r="617461" spans="14:14">
      <c r="N617461" s="10"/>
    </row>
    <row r="617462" spans="14:14">
      <c r="N617462" s="10"/>
    </row>
    <row r="617463" spans="14:14">
      <c r="N617463" s="10"/>
    </row>
    <row r="617464" spans="14:14">
      <c r="N617464" s="10"/>
    </row>
    <row r="617465" spans="14:14">
      <c r="N617465" s="10"/>
    </row>
    <row r="617466" spans="14:14">
      <c r="N617466" s="10"/>
    </row>
    <row r="617467" spans="14:14">
      <c r="N617467" s="10"/>
    </row>
    <row r="617468" spans="14:14">
      <c r="N617468" s="10"/>
    </row>
    <row r="617469" spans="14:14">
      <c r="N617469" s="10"/>
    </row>
    <row r="617470" spans="14:14">
      <c r="N617470" s="10"/>
    </row>
    <row r="617471" spans="14:14">
      <c r="N617471" s="10"/>
    </row>
    <row r="617472" spans="14:14">
      <c r="N617472" s="10"/>
    </row>
    <row r="617473" spans="14:14">
      <c r="N617473" s="10"/>
    </row>
    <row r="617474" spans="14:14">
      <c r="N617474" s="10"/>
    </row>
    <row r="617475" spans="14:14">
      <c r="N617475" s="10"/>
    </row>
    <row r="617476" spans="14:14">
      <c r="N617476" s="10"/>
    </row>
    <row r="617477" spans="14:14">
      <c r="N617477" s="10"/>
    </row>
    <row r="617478" spans="14:14">
      <c r="N617478" s="10"/>
    </row>
    <row r="617479" spans="14:14">
      <c r="N617479" s="10"/>
    </row>
    <row r="617480" spans="14:14">
      <c r="N617480" s="10"/>
    </row>
    <row r="617481" spans="14:14">
      <c r="N617481" s="10"/>
    </row>
    <row r="617482" spans="14:14">
      <c r="N617482" s="10"/>
    </row>
    <row r="617483" spans="14:14">
      <c r="N617483" s="10"/>
    </row>
    <row r="617484" spans="14:14">
      <c r="N617484" s="10"/>
    </row>
    <row r="617485" spans="14:14">
      <c r="N617485" s="10"/>
    </row>
    <row r="617486" spans="14:14">
      <c r="N617486" s="10"/>
    </row>
    <row r="617487" spans="14:14">
      <c r="N617487" s="10"/>
    </row>
    <row r="617488" spans="14:14">
      <c r="N617488" s="10"/>
    </row>
    <row r="617489" spans="14:14">
      <c r="N617489" s="10"/>
    </row>
    <row r="617490" spans="14:14">
      <c r="N617490" s="10"/>
    </row>
    <row r="617491" spans="14:14">
      <c r="N617491" s="10"/>
    </row>
    <row r="617492" spans="14:14">
      <c r="N617492" s="10"/>
    </row>
    <row r="617493" spans="14:14">
      <c r="N617493" s="10"/>
    </row>
    <row r="617494" spans="14:14">
      <c r="N617494" s="10"/>
    </row>
    <row r="617495" spans="14:14">
      <c r="N617495" s="10"/>
    </row>
    <row r="617496" spans="14:14">
      <c r="N617496" s="10"/>
    </row>
    <row r="617497" spans="14:14">
      <c r="N617497" s="10"/>
    </row>
    <row r="617498" spans="14:14">
      <c r="N617498" s="10"/>
    </row>
    <row r="617499" spans="14:14">
      <c r="N617499" s="10"/>
    </row>
    <row r="617500" spans="14:14">
      <c r="N617500" s="10"/>
    </row>
    <row r="617501" spans="14:14">
      <c r="N617501" s="10"/>
    </row>
    <row r="617502" spans="14:14">
      <c r="N617502" s="10"/>
    </row>
    <row r="617503" spans="14:14">
      <c r="N617503" s="10"/>
    </row>
    <row r="617504" spans="14:14">
      <c r="N617504" s="10"/>
    </row>
    <row r="617505" spans="14:14">
      <c r="N617505" s="10"/>
    </row>
    <row r="617506" spans="14:14">
      <c r="N617506" s="10"/>
    </row>
    <row r="617507" spans="14:14">
      <c r="N617507" s="10"/>
    </row>
    <row r="617508" spans="14:14">
      <c r="N617508" s="10"/>
    </row>
    <row r="617509" spans="14:14">
      <c r="N617509" s="10"/>
    </row>
    <row r="617510" spans="14:14">
      <c r="N617510" s="10"/>
    </row>
    <row r="617511" spans="14:14">
      <c r="N617511" s="10"/>
    </row>
    <row r="617512" spans="14:14">
      <c r="N617512" s="10"/>
    </row>
    <row r="617513" spans="14:14">
      <c r="N617513" s="10"/>
    </row>
    <row r="617514" spans="14:14">
      <c r="N617514" s="10"/>
    </row>
    <row r="617515" spans="14:14">
      <c r="N617515" s="10"/>
    </row>
    <row r="617516" spans="14:14">
      <c r="N617516" s="10"/>
    </row>
    <row r="617517" spans="14:14">
      <c r="N617517" s="10"/>
    </row>
    <row r="617518" spans="14:14">
      <c r="N617518" s="10"/>
    </row>
    <row r="617519" spans="14:14">
      <c r="N617519" s="10"/>
    </row>
    <row r="617520" spans="14:14">
      <c r="N617520" s="10"/>
    </row>
    <row r="617521" spans="14:14">
      <c r="N617521" s="10"/>
    </row>
    <row r="617522" spans="14:14">
      <c r="N617522" s="10"/>
    </row>
    <row r="617523" spans="14:14">
      <c r="N617523" s="10"/>
    </row>
    <row r="617524" spans="14:14">
      <c r="N617524" s="10"/>
    </row>
    <row r="617525" spans="14:14">
      <c r="N617525" s="10"/>
    </row>
    <row r="617526" spans="14:14">
      <c r="N617526" s="10"/>
    </row>
    <row r="617527" spans="14:14">
      <c r="N617527" s="10"/>
    </row>
    <row r="617528" spans="14:14">
      <c r="N617528" s="10"/>
    </row>
    <row r="617529" spans="14:14">
      <c r="N617529" s="10"/>
    </row>
    <row r="617530" spans="14:14">
      <c r="N617530" s="10"/>
    </row>
    <row r="617531" spans="14:14">
      <c r="N617531" s="10"/>
    </row>
    <row r="617532" spans="14:14">
      <c r="N617532" s="10"/>
    </row>
    <row r="617533" spans="14:14">
      <c r="N617533" s="10"/>
    </row>
    <row r="617534" spans="14:14">
      <c r="N617534" s="10"/>
    </row>
    <row r="617535" spans="14:14">
      <c r="N617535" s="10"/>
    </row>
    <row r="617536" spans="14:14">
      <c r="N617536" s="10"/>
    </row>
    <row r="617537" spans="14:14">
      <c r="N617537" s="10"/>
    </row>
    <row r="617538" spans="14:14">
      <c r="N617538" s="10"/>
    </row>
    <row r="617539" spans="14:14">
      <c r="N617539" s="10"/>
    </row>
    <row r="617540" spans="14:14">
      <c r="N617540" s="10"/>
    </row>
    <row r="617541" spans="14:14">
      <c r="N617541" s="10"/>
    </row>
    <row r="617542" spans="14:14">
      <c r="N617542" s="10"/>
    </row>
    <row r="617543" spans="14:14">
      <c r="N617543" s="10"/>
    </row>
    <row r="617544" spans="14:14">
      <c r="N617544" s="10"/>
    </row>
    <row r="617545" spans="14:14">
      <c r="N617545" s="10"/>
    </row>
    <row r="617546" spans="14:14">
      <c r="N617546" s="10"/>
    </row>
    <row r="617547" spans="14:14">
      <c r="N617547" s="10"/>
    </row>
    <row r="617548" spans="14:14">
      <c r="N617548" s="10"/>
    </row>
    <row r="617549" spans="14:14">
      <c r="N617549" s="10"/>
    </row>
    <row r="617550" spans="14:14">
      <c r="N617550" s="10"/>
    </row>
    <row r="617551" spans="14:14">
      <c r="N617551" s="10"/>
    </row>
    <row r="617552" spans="14:14">
      <c r="N617552" s="10"/>
    </row>
    <row r="617553" spans="14:14">
      <c r="N617553" s="10"/>
    </row>
    <row r="617554" spans="14:14">
      <c r="N617554" s="10"/>
    </row>
    <row r="617555" spans="14:14">
      <c r="N617555" s="10"/>
    </row>
    <row r="617556" spans="14:14">
      <c r="N617556" s="10"/>
    </row>
    <row r="617557" spans="14:14">
      <c r="N617557" s="10"/>
    </row>
    <row r="617558" spans="14:14">
      <c r="N617558" s="10"/>
    </row>
    <row r="617559" spans="14:14">
      <c r="N617559" s="10"/>
    </row>
    <row r="617560" spans="14:14">
      <c r="N617560" s="10"/>
    </row>
    <row r="617561" spans="14:14">
      <c r="N617561" s="10"/>
    </row>
    <row r="617562" spans="14:14">
      <c r="N617562" s="10"/>
    </row>
    <row r="617563" spans="14:14">
      <c r="N617563" s="10"/>
    </row>
    <row r="617564" spans="14:14">
      <c r="N617564" s="10"/>
    </row>
    <row r="617565" spans="14:14">
      <c r="N617565" s="10"/>
    </row>
    <row r="617566" spans="14:14">
      <c r="N617566" s="10"/>
    </row>
    <row r="617567" spans="14:14">
      <c r="N617567" s="10"/>
    </row>
    <row r="617568" spans="14:14">
      <c r="N617568" s="10"/>
    </row>
    <row r="617569" spans="14:14">
      <c r="N617569" s="10"/>
    </row>
    <row r="617570" spans="14:14">
      <c r="N617570" s="10"/>
    </row>
    <row r="617571" spans="14:14">
      <c r="N617571" s="10"/>
    </row>
    <row r="617572" spans="14:14">
      <c r="N617572" s="10"/>
    </row>
    <row r="617573" spans="14:14">
      <c r="N617573" s="10"/>
    </row>
    <row r="617574" spans="14:14">
      <c r="N617574" s="10"/>
    </row>
    <row r="617575" spans="14:14">
      <c r="N617575" s="10"/>
    </row>
    <row r="617576" spans="14:14">
      <c r="N617576" s="10"/>
    </row>
    <row r="617577" spans="14:14">
      <c r="N617577" s="10"/>
    </row>
    <row r="617578" spans="14:14">
      <c r="N617578" s="10"/>
    </row>
    <row r="617579" spans="14:14">
      <c r="N617579" s="10"/>
    </row>
    <row r="617580" spans="14:14">
      <c r="N617580" s="10"/>
    </row>
    <row r="617581" spans="14:14">
      <c r="N617581" s="10"/>
    </row>
    <row r="617582" spans="14:14">
      <c r="N617582" s="10"/>
    </row>
    <row r="617583" spans="14:14">
      <c r="N617583" s="10"/>
    </row>
    <row r="617584" spans="14:14">
      <c r="N617584" s="10"/>
    </row>
    <row r="617585" spans="14:14">
      <c r="N617585" s="10"/>
    </row>
    <row r="617586" spans="14:14">
      <c r="N617586" s="10"/>
    </row>
    <row r="617587" spans="14:14">
      <c r="N617587" s="10"/>
    </row>
    <row r="617588" spans="14:14">
      <c r="N617588" s="10"/>
    </row>
    <row r="617589" spans="14:14">
      <c r="N617589" s="10"/>
    </row>
    <row r="617590" spans="14:14">
      <c r="N617590" s="10"/>
    </row>
    <row r="617591" spans="14:14">
      <c r="N617591" s="10"/>
    </row>
    <row r="617592" spans="14:14">
      <c r="N617592" s="10"/>
    </row>
    <row r="617593" spans="14:14">
      <c r="N617593" s="10"/>
    </row>
    <row r="617594" spans="14:14">
      <c r="N617594" s="10"/>
    </row>
    <row r="617595" spans="14:14">
      <c r="N617595" s="10"/>
    </row>
    <row r="617596" spans="14:14">
      <c r="N617596" s="10"/>
    </row>
    <row r="617597" spans="14:14">
      <c r="N617597" s="10"/>
    </row>
    <row r="617598" spans="14:14">
      <c r="N617598" s="10"/>
    </row>
    <row r="617599" spans="14:14">
      <c r="N617599" s="10"/>
    </row>
    <row r="617600" spans="14:14">
      <c r="N617600" s="10"/>
    </row>
    <row r="617601" spans="14:14">
      <c r="N617601" s="10"/>
    </row>
    <row r="617602" spans="14:14">
      <c r="N617602" s="10"/>
    </row>
    <row r="617603" spans="14:14">
      <c r="N617603" s="10"/>
    </row>
    <row r="617604" spans="14:14">
      <c r="N617604" s="10"/>
    </row>
    <row r="617605" spans="14:14">
      <c r="N617605" s="10"/>
    </row>
    <row r="617606" spans="14:14">
      <c r="N617606" s="10"/>
    </row>
    <row r="617607" spans="14:14">
      <c r="N617607" s="10"/>
    </row>
    <row r="617608" spans="14:14">
      <c r="N617608" s="10"/>
    </row>
    <row r="617609" spans="14:14">
      <c r="N617609" s="10"/>
    </row>
    <row r="617610" spans="14:14">
      <c r="N617610" s="10"/>
    </row>
    <row r="617611" spans="14:14">
      <c r="N617611" s="10"/>
    </row>
    <row r="617612" spans="14:14">
      <c r="N617612" s="10"/>
    </row>
    <row r="617613" spans="14:14">
      <c r="N617613" s="10"/>
    </row>
    <row r="617614" spans="14:14">
      <c r="N617614" s="10"/>
    </row>
    <row r="617615" spans="14:14">
      <c r="N617615" s="10"/>
    </row>
    <row r="617616" spans="14:14">
      <c r="N617616" s="10"/>
    </row>
    <row r="617617" spans="14:14">
      <c r="N617617" s="10"/>
    </row>
    <row r="617618" spans="14:14">
      <c r="N617618" s="10"/>
    </row>
    <row r="617619" spans="14:14">
      <c r="N617619" s="10"/>
    </row>
    <row r="617620" spans="14:14">
      <c r="N617620" s="10"/>
    </row>
    <row r="617621" spans="14:14">
      <c r="N617621" s="10"/>
    </row>
    <row r="617622" spans="14:14">
      <c r="N617622" s="10"/>
    </row>
    <row r="617623" spans="14:14">
      <c r="N617623" s="10"/>
    </row>
    <row r="617624" spans="14:14">
      <c r="N617624" s="10"/>
    </row>
    <row r="617625" spans="14:14">
      <c r="N617625" s="10"/>
    </row>
    <row r="617626" spans="14:14">
      <c r="N617626" s="10"/>
    </row>
    <row r="617627" spans="14:14">
      <c r="N617627" s="10"/>
    </row>
    <row r="617628" spans="14:14">
      <c r="N617628" s="10"/>
    </row>
    <row r="617629" spans="14:14">
      <c r="N617629" s="10"/>
    </row>
    <row r="617630" spans="14:14">
      <c r="N617630" s="10"/>
    </row>
    <row r="617631" spans="14:14">
      <c r="N617631" s="10"/>
    </row>
    <row r="617632" spans="14:14">
      <c r="N617632" s="10"/>
    </row>
    <row r="617633" spans="14:14">
      <c r="N617633" s="10"/>
    </row>
    <row r="617634" spans="14:14">
      <c r="N617634" s="10"/>
    </row>
    <row r="617635" spans="14:14">
      <c r="N617635" s="10"/>
    </row>
    <row r="617636" spans="14:14">
      <c r="N617636" s="10"/>
    </row>
    <row r="617637" spans="14:14">
      <c r="N617637" s="10"/>
    </row>
    <row r="617638" spans="14:14">
      <c r="N617638" s="10"/>
    </row>
    <row r="617639" spans="14:14">
      <c r="N617639" s="10"/>
    </row>
    <row r="617640" spans="14:14">
      <c r="N617640" s="10"/>
    </row>
    <row r="617641" spans="14:14">
      <c r="N617641" s="10"/>
    </row>
    <row r="617642" spans="14:14">
      <c r="N617642" s="10"/>
    </row>
    <row r="617643" spans="14:14">
      <c r="N617643" s="10"/>
    </row>
    <row r="617644" spans="14:14">
      <c r="N617644" s="10"/>
    </row>
    <row r="617645" spans="14:14">
      <c r="N617645" s="10"/>
    </row>
    <row r="617646" spans="14:14">
      <c r="N617646" s="10"/>
    </row>
    <row r="617647" spans="14:14">
      <c r="N617647" s="10"/>
    </row>
    <row r="617648" spans="14:14">
      <c r="N617648" s="10"/>
    </row>
    <row r="617649" spans="14:14">
      <c r="N617649" s="10"/>
    </row>
    <row r="617650" spans="14:14">
      <c r="N617650" s="10"/>
    </row>
    <row r="617651" spans="14:14">
      <c r="N617651" s="10"/>
    </row>
    <row r="617652" spans="14:14">
      <c r="N617652" s="10"/>
    </row>
    <row r="617653" spans="14:14">
      <c r="N617653" s="10"/>
    </row>
    <row r="617654" spans="14:14">
      <c r="N617654" s="10"/>
    </row>
    <row r="617655" spans="14:14">
      <c r="N617655" s="10"/>
    </row>
    <row r="617656" spans="14:14">
      <c r="N617656" s="10"/>
    </row>
    <row r="617657" spans="14:14">
      <c r="N617657" s="10"/>
    </row>
    <row r="617658" spans="14:14">
      <c r="N617658" s="10"/>
    </row>
    <row r="617659" spans="14:14">
      <c r="N617659" s="10"/>
    </row>
    <row r="617660" spans="14:14">
      <c r="N617660" s="10"/>
    </row>
    <row r="617661" spans="14:14">
      <c r="N617661" s="10"/>
    </row>
    <row r="617662" spans="14:14">
      <c r="N617662" s="10"/>
    </row>
    <row r="617663" spans="14:14">
      <c r="N617663" s="10"/>
    </row>
    <row r="617664" spans="14:14">
      <c r="N617664" s="10"/>
    </row>
    <row r="617665" spans="14:14">
      <c r="N617665" s="10"/>
    </row>
    <row r="617666" spans="14:14">
      <c r="N617666" s="10"/>
    </row>
    <row r="617667" spans="14:14">
      <c r="N617667" s="10"/>
    </row>
    <row r="617668" spans="14:14">
      <c r="N617668" s="10"/>
    </row>
    <row r="617669" spans="14:14">
      <c r="N617669" s="10"/>
    </row>
    <row r="617670" spans="14:14">
      <c r="N617670" s="10"/>
    </row>
    <row r="617671" spans="14:14">
      <c r="N617671" s="10"/>
    </row>
    <row r="617672" spans="14:14">
      <c r="N617672" s="10"/>
    </row>
    <row r="617673" spans="14:14">
      <c r="N617673" s="10"/>
    </row>
    <row r="617674" spans="14:14">
      <c r="N617674" s="10"/>
    </row>
    <row r="617675" spans="14:14">
      <c r="N617675" s="10"/>
    </row>
    <row r="617676" spans="14:14">
      <c r="N617676" s="10"/>
    </row>
    <row r="617677" spans="14:14">
      <c r="N617677" s="10"/>
    </row>
    <row r="617678" spans="14:14">
      <c r="N617678" s="10"/>
    </row>
    <row r="617679" spans="14:14">
      <c r="N617679" s="10"/>
    </row>
    <row r="617680" spans="14:14">
      <c r="N617680" s="10"/>
    </row>
    <row r="617681" spans="14:14">
      <c r="N617681" s="10"/>
    </row>
    <row r="617682" spans="14:14">
      <c r="N617682" s="10"/>
    </row>
    <row r="617683" spans="14:14">
      <c r="N617683" s="10"/>
    </row>
    <row r="617684" spans="14:14">
      <c r="N617684" s="10"/>
    </row>
    <row r="617685" spans="14:14">
      <c r="N617685" s="10"/>
    </row>
    <row r="617686" spans="14:14">
      <c r="N617686" s="10"/>
    </row>
    <row r="617687" spans="14:14">
      <c r="N617687" s="10"/>
    </row>
    <row r="617688" spans="14:14">
      <c r="N617688" s="10"/>
    </row>
    <row r="617689" spans="14:14">
      <c r="N617689" s="10"/>
    </row>
    <row r="617690" spans="14:14">
      <c r="N617690" s="10"/>
    </row>
    <row r="617691" spans="14:14">
      <c r="N617691" s="10"/>
    </row>
    <row r="617692" spans="14:14">
      <c r="N617692" s="10"/>
    </row>
    <row r="617693" spans="14:14">
      <c r="N617693" s="10"/>
    </row>
    <row r="617694" spans="14:14">
      <c r="N617694" s="10"/>
    </row>
    <row r="617695" spans="14:14">
      <c r="N617695" s="10"/>
    </row>
    <row r="617696" spans="14:14">
      <c r="N617696" s="10"/>
    </row>
    <row r="617697" spans="14:14">
      <c r="N617697" s="10"/>
    </row>
    <row r="617698" spans="14:14">
      <c r="N617698" s="10"/>
    </row>
    <row r="617699" spans="14:14">
      <c r="N617699" s="10"/>
    </row>
    <row r="617700" spans="14:14">
      <c r="N617700" s="10"/>
    </row>
    <row r="617701" spans="14:14">
      <c r="N617701" s="10"/>
    </row>
    <row r="617702" spans="14:14">
      <c r="N617702" s="10"/>
    </row>
    <row r="617703" spans="14:14">
      <c r="N617703" s="10"/>
    </row>
    <row r="617704" spans="14:14">
      <c r="N617704" s="10"/>
    </row>
    <row r="617705" spans="14:14">
      <c r="N617705" s="10"/>
    </row>
    <row r="617706" spans="14:14">
      <c r="N617706" s="10"/>
    </row>
    <row r="617707" spans="14:14">
      <c r="N617707" s="10"/>
    </row>
    <row r="617708" spans="14:14">
      <c r="N617708" s="10"/>
    </row>
    <row r="617709" spans="14:14">
      <c r="N617709" s="10"/>
    </row>
    <row r="617710" spans="14:14">
      <c r="N617710" s="10"/>
    </row>
    <row r="617711" spans="14:14">
      <c r="N617711" s="10"/>
    </row>
    <row r="617712" spans="14:14">
      <c r="N617712" s="10"/>
    </row>
    <row r="617713" spans="14:14">
      <c r="N617713" s="10"/>
    </row>
    <row r="617714" spans="14:14">
      <c r="N617714" s="10"/>
    </row>
    <row r="617715" spans="14:14">
      <c r="N617715" s="10"/>
    </row>
    <row r="617716" spans="14:14">
      <c r="N617716" s="10"/>
    </row>
    <row r="617717" spans="14:14">
      <c r="N617717" s="10"/>
    </row>
    <row r="617718" spans="14:14">
      <c r="N617718" s="10"/>
    </row>
    <row r="617719" spans="14:14">
      <c r="N617719" s="10"/>
    </row>
    <row r="617720" spans="14:14">
      <c r="N617720" s="10"/>
    </row>
    <row r="617721" spans="14:14">
      <c r="N617721" s="10"/>
    </row>
    <row r="617722" spans="14:14">
      <c r="N617722" s="10"/>
    </row>
    <row r="617723" spans="14:14">
      <c r="N617723" s="10"/>
    </row>
    <row r="617724" spans="14:14">
      <c r="N617724" s="10"/>
    </row>
    <row r="617725" spans="14:14">
      <c r="N617725" s="10"/>
    </row>
    <row r="617726" spans="14:14">
      <c r="N617726" s="10"/>
    </row>
    <row r="617727" spans="14:14">
      <c r="N617727" s="10"/>
    </row>
    <row r="617728" spans="14:14">
      <c r="N617728" s="10"/>
    </row>
    <row r="617729" spans="14:14">
      <c r="N617729" s="10"/>
    </row>
    <row r="617730" spans="14:14">
      <c r="N617730" s="10"/>
    </row>
    <row r="617731" spans="14:14">
      <c r="N617731" s="10"/>
    </row>
    <row r="617732" spans="14:14">
      <c r="N617732" s="10"/>
    </row>
    <row r="617733" spans="14:14">
      <c r="N617733" s="10"/>
    </row>
    <row r="617734" spans="14:14">
      <c r="N617734" s="10"/>
    </row>
    <row r="617735" spans="14:14">
      <c r="N617735" s="10"/>
    </row>
    <row r="617736" spans="14:14">
      <c r="N617736" s="10"/>
    </row>
    <row r="617737" spans="14:14">
      <c r="N617737" s="10"/>
    </row>
    <row r="617738" spans="14:14">
      <c r="N617738" s="10"/>
    </row>
    <row r="617739" spans="14:14">
      <c r="N617739" s="10"/>
    </row>
    <row r="617740" spans="14:14">
      <c r="N617740" s="10"/>
    </row>
    <row r="617741" spans="14:14">
      <c r="N617741" s="10"/>
    </row>
    <row r="617742" spans="14:14">
      <c r="N617742" s="10"/>
    </row>
    <row r="617743" spans="14:14">
      <c r="N617743" s="10"/>
    </row>
    <row r="617744" spans="14:14">
      <c r="N617744" s="10"/>
    </row>
    <row r="617745" spans="14:14">
      <c r="N617745" s="10"/>
    </row>
    <row r="617746" spans="14:14">
      <c r="N617746" s="10"/>
    </row>
    <row r="617747" spans="14:14">
      <c r="N617747" s="10"/>
    </row>
    <row r="617748" spans="14:14">
      <c r="N617748" s="10"/>
    </row>
    <row r="617749" spans="14:14">
      <c r="N617749" s="10"/>
    </row>
    <row r="617750" spans="14:14">
      <c r="N617750" s="10"/>
    </row>
    <row r="617751" spans="14:14">
      <c r="N617751" s="10"/>
    </row>
    <row r="617752" spans="14:14">
      <c r="N617752" s="10"/>
    </row>
    <row r="617753" spans="14:14">
      <c r="N617753" s="10"/>
    </row>
    <row r="617754" spans="14:14">
      <c r="N617754" s="10"/>
    </row>
    <row r="617755" spans="14:14">
      <c r="N617755" s="10"/>
    </row>
    <row r="617756" spans="14:14">
      <c r="N617756" s="10"/>
    </row>
    <row r="617757" spans="14:14">
      <c r="N617757" s="10"/>
    </row>
    <row r="617758" spans="14:14">
      <c r="N617758" s="10"/>
    </row>
    <row r="617759" spans="14:14">
      <c r="N617759" s="10"/>
    </row>
    <row r="617760" spans="14:14">
      <c r="N617760" s="10"/>
    </row>
    <row r="617761" spans="14:14">
      <c r="N617761" s="10"/>
    </row>
    <row r="617762" spans="14:14">
      <c r="N617762" s="10"/>
    </row>
    <row r="617763" spans="14:14">
      <c r="N617763" s="10"/>
    </row>
    <row r="617764" spans="14:14">
      <c r="N617764" s="10"/>
    </row>
    <row r="617765" spans="14:14">
      <c r="N617765" s="10"/>
    </row>
    <row r="617766" spans="14:14">
      <c r="N617766" s="10"/>
    </row>
    <row r="617767" spans="14:14">
      <c r="N617767" s="10"/>
    </row>
    <row r="617768" spans="14:14">
      <c r="N617768" s="10"/>
    </row>
    <row r="617769" spans="14:14">
      <c r="N617769" s="10"/>
    </row>
    <row r="617770" spans="14:14">
      <c r="N617770" s="10"/>
    </row>
    <row r="617771" spans="14:14">
      <c r="N617771" s="10"/>
    </row>
    <row r="617772" spans="14:14">
      <c r="N617772" s="10"/>
    </row>
    <row r="617773" spans="14:14">
      <c r="N617773" s="10"/>
    </row>
    <row r="617774" spans="14:14">
      <c r="N617774" s="10"/>
    </row>
    <row r="617775" spans="14:14">
      <c r="N617775" s="10"/>
    </row>
    <row r="617776" spans="14:14">
      <c r="N617776" s="10"/>
    </row>
    <row r="617777" spans="14:14">
      <c r="N617777" s="10"/>
    </row>
    <row r="617778" spans="14:14">
      <c r="N617778" s="10"/>
    </row>
    <row r="617779" spans="14:14">
      <c r="N617779" s="10"/>
    </row>
    <row r="617780" spans="14:14">
      <c r="N617780" s="10"/>
    </row>
    <row r="617781" spans="14:14">
      <c r="N617781" s="10"/>
    </row>
    <row r="617782" spans="14:14">
      <c r="N617782" s="10"/>
    </row>
    <row r="617783" spans="14:14">
      <c r="N617783" s="10"/>
    </row>
    <row r="617784" spans="14:14">
      <c r="N617784" s="10"/>
    </row>
    <row r="617785" spans="14:14">
      <c r="N617785" s="10"/>
    </row>
    <row r="617786" spans="14:14">
      <c r="N617786" s="10"/>
    </row>
    <row r="617787" spans="14:14">
      <c r="N617787" s="10"/>
    </row>
    <row r="617788" spans="14:14">
      <c r="N617788" s="10"/>
    </row>
    <row r="617789" spans="14:14">
      <c r="N617789" s="10"/>
    </row>
    <row r="617790" spans="14:14">
      <c r="N617790" s="10"/>
    </row>
    <row r="617791" spans="14:14">
      <c r="N617791" s="10"/>
    </row>
    <row r="617792" spans="14:14">
      <c r="N617792" s="10"/>
    </row>
    <row r="617793" spans="14:14">
      <c r="N617793" s="10"/>
    </row>
    <row r="617794" spans="14:14">
      <c r="N617794" s="10"/>
    </row>
    <row r="617795" spans="14:14">
      <c r="N617795" s="10"/>
    </row>
    <row r="617796" spans="14:14">
      <c r="N617796" s="10"/>
    </row>
    <row r="617797" spans="14:14">
      <c r="N617797" s="10"/>
    </row>
    <row r="617798" spans="14:14">
      <c r="N617798" s="10"/>
    </row>
    <row r="617799" spans="14:14">
      <c r="N617799" s="10"/>
    </row>
    <row r="617800" spans="14:14">
      <c r="N617800" s="10"/>
    </row>
    <row r="617801" spans="14:14">
      <c r="N617801" s="10"/>
    </row>
    <row r="617802" spans="14:14">
      <c r="N617802" s="10"/>
    </row>
    <row r="617803" spans="14:14">
      <c r="N617803" s="10"/>
    </row>
    <row r="617804" spans="14:14">
      <c r="N617804" s="10"/>
    </row>
    <row r="617805" spans="14:14">
      <c r="N617805" s="10"/>
    </row>
    <row r="617806" spans="14:14">
      <c r="N617806" s="10"/>
    </row>
    <row r="617807" spans="14:14">
      <c r="N617807" s="10"/>
    </row>
    <row r="617808" spans="14:14">
      <c r="N617808" s="10"/>
    </row>
    <row r="617809" spans="14:14">
      <c r="N617809" s="10"/>
    </row>
    <row r="617810" spans="14:14">
      <c r="N617810" s="10"/>
    </row>
    <row r="617811" spans="14:14">
      <c r="N617811" s="10"/>
    </row>
    <row r="617812" spans="14:14">
      <c r="N617812" s="10"/>
    </row>
    <row r="617813" spans="14:14">
      <c r="N617813" s="10"/>
    </row>
    <row r="617814" spans="14:14">
      <c r="N617814" s="10"/>
    </row>
    <row r="617815" spans="14:14">
      <c r="N617815" s="10"/>
    </row>
    <row r="617816" spans="14:14">
      <c r="N617816" s="10"/>
    </row>
    <row r="617817" spans="14:14">
      <c r="N617817" s="10"/>
    </row>
    <row r="617818" spans="14:14">
      <c r="N617818" s="10"/>
    </row>
    <row r="617819" spans="14:14">
      <c r="N617819" s="10"/>
    </row>
    <row r="617820" spans="14:14">
      <c r="N617820" s="10"/>
    </row>
    <row r="617821" spans="14:14">
      <c r="N617821" s="10"/>
    </row>
    <row r="617822" spans="14:14">
      <c r="N617822" s="10"/>
    </row>
    <row r="617823" spans="14:14">
      <c r="N617823" s="10"/>
    </row>
    <row r="617824" spans="14:14">
      <c r="N617824" s="10"/>
    </row>
    <row r="617825" spans="14:14">
      <c r="N617825" s="10"/>
    </row>
    <row r="617826" spans="14:14">
      <c r="N617826" s="10"/>
    </row>
    <row r="617827" spans="14:14">
      <c r="N617827" s="10"/>
    </row>
    <row r="617828" spans="14:14">
      <c r="N617828" s="10"/>
    </row>
    <row r="617829" spans="14:14">
      <c r="N617829" s="10"/>
    </row>
    <row r="617830" spans="14:14">
      <c r="N617830" s="10"/>
    </row>
    <row r="617831" spans="14:14">
      <c r="N617831" s="10"/>
    </row>
    <row r="617832" spans="14:14">
      <c r="N617832" s="10"/>
    </row>
    <row r="617833" spans="14:14">
      <c r="N617833" s="10"/>
    </row>
    <row r="617834" spans="14:14">
      <c r="N617834" s="10"/>
    </row>
    <row r="617835" spans="14:14">
      <c r="N617835" s="10"/>
    </row>
    <row r="617836" spans="14:14">
      <c r="N617836" s="10"/>
    </row>
    <row r="617837" spans="14:14">
      <c r="N617837" s="10"/>
    </row>
    <row r="617838" spans="14:14">
      <c r="N617838" s="10"/>
    </row>
    <row r="617839" spans="14:14">
      <c r="N617839" s="10"/>
    </row>
    <row r="617840" spans="14:14">
      <c r="N617840" s="10"/>
    </row>
    <row r="617841" spans="14:14">
      <c r="N617841" s="10"/>
    </row>
    <row r="617842" spans="14:14">
      <c r="N617842" s="10"/>
    </row>
    <row r="617843" spans="14:14">
      <c r="N617843" s="10"/>
    </row>
    <row r="617844" spans="14:14">
      <c r="N617844" s="10"/>
    </row>
    <row r="617845" spans="14:14">
      <c r="N617845" s="10"/>
    </row>
    <row r="617846" spans="14:14">
      <c r="N617846" s="10"/>
    </row>
    <row r="617847" spans="14:14">
      <c r="N617847" s="10"/>
    </row>
    <row r="617848" spans="14:14">
      <c r="N617848" s="10"/>
    </row>
    <row r="617849" spans="14:14">
      <c r="N617849" s="10"/>
    </row>
    <row r="617850" spans="14:14">
      <c r="N617850" s="10"/>
    </row>
    <row r="617851" spans="14:14">
      <c r="N617851" s="10"/>
    </row>
    <row r="617852" spans="14:14">
      <c r="N617852" s="10"/>
    </row>
    <row r="617853" spans="14:14">
      <c r="N617853" s="10"/>
    </row>
    <row r="617854" spans="14:14">
      <c r="N617854" s="10"/>
    </row>
    <row r="617855" spans="14:14">
      <c r="N617855" s="10"/>
    </row>
    <row r="617856" spans="14:14">
      <c r="N617856" s="10"/>
    </row>
    <row r="617857" spans="14:14">
      <c r="N617857" s="10"/>
    </row>
    <row r="617858" spans="14:14">
      <c r="N617858" s="10"/>
    </row>
    <row r="617859" spans="14:14">
      <c r="N617859" s="10"/>
    </row>
    <row r="617860" spans="14:14">
      <c r="N617860" s="10"/>
    </row>
    <row r="617861" spans="14:14">
      <c r="N617861" s="10"/>
    </row>
    <row r="617862" spans="14:14">
      <c r="N617862" s="10"/>
    </row>
    <row r="617863" spans="14:14">
      <c r="N617863" s="10"/>
    </row>
    <row r="617864" spans="14:14">
      <c r="N617864" s="10"/>
    </row>
    <row r="617865" spans="14:14">
      <c r="N617865" s="10"/>
    </row>
    <row r="617866" spans="14:14">
      <c r="N617866" s="10"/>
    </row>
    <row r="617867" spans="14:14">
      <c r="N617867" s="10"/>
    </row>
    <row r="617868" spans="14:14">
      <c r="N617868" s="10"/>
    </row>
    <row r="617869" spans="14:14">
      <c r="N617869" s="10"/>
    </row>
    <row r="617870" spans="14:14">
      <c r="N617870" s="10"/>
    </row>
    <row r="617871" spans="14:14">
      <c r="N617871" s="10"/>
    </row>
    <row r="617872" spans="14:14">
      <c r="N617872" s="10"/>
    </row>
    <row r="617873" spans="14:14">
      <c r="N617873" s="10"/>
    </row>
    <row r="617874" spans="14:14">
      <c r="N617874" s="10"/>
    </row>
    <row r="617875" spans="14:14">
      <c r="N617875" s="10"/>
    </row>
    <row r="617876" spans="14:14">
      <c r="N617876" s="10"/>
    </row>
    <row r="617877" spans="14:14">
      <c r="N617877" s="10"/>
    </row>
    <row r="617878" spans="14:14">
      <c r="N617878" s="10"/>
    </row>
    <row r="617879" spans="14:14">
      <c r="N617879" s="10"/>
    </row>
    <row r="617880" spans="14:14">
      <c r="N617880" s="10"/>
    </row>
    <row r="617881" spans="14:14">
      <c r="N617881" s="10"/>
    </row>
    <row r="617882" spans="14:14">
      <c r="N617882" s="10"/>
    </row>
    <row r="617883" spans="14:14">
      <c r="N617883" s="10"/>
    </row>
    <row r="617884" spans="14:14">
      <c r="N617884" s="10"/>
    </row>
    <row r="617885" spans="14:14">
      <c r="N617885" s="10"/>
    </row>
    <row r="617886" spans="14:14">
      <c r="N617886" s="10"/>
    </row>
    <row r="617887" spans="14:14">
      <c r="N617887" s="10"/>
    </row>
    <row r="617888" spans="14:14">
      <c r="N617888" s="10"/>
    </row>
    <row r="617889" spans="14:14">
      <c r="N617889" s="10"/>
    </row>
    <row r="617890" spans="14:14">
      <c r="N617890" s="10"/>
    </row>
    <row r="617891" spans="14:14">
      <c r="N617891" s="10"/>
    </row>
    <row r="617892" spans="14:14">
      <c r="N617892" s="10"/>
    </row>
    <row r="617893" spans="14:14">
      <c r="N617893" s="10"/>
    </row>
    <row r="617894" spans="14:14">
      <c r="N617894" s="10"/>
    </row>
    <row r="617895" spans="14:14">
      <c r="N617895" s="10"/>
    </row>
    <row r="617896" spans="14:14">
      <c r="N617896" s="10"/>
    </row>
    <row r="617897" spans="14:14">
      <c r="N617897" s="10"/>
    </row>
    <row r="617898" spans="14:14">
      <c r="N617898" s="10"/>
    </row>
    <row r="617899" spans="14:14">
      <c r="N617899" s="10"/>
    </row>
    <row r="617900" spans="14:14">
      <c r="N617900" s="10"/>
    </row>
    <row r="617901" spans="14:14">
      <c r="N617901" s="10"/>
    </row>
    <row r="617902" spans="14:14">
      <c r="N617902" s="10"/>
    </row>
    <row r="617903" spans="14:14">
      <c r="N617903" s="10"/>
    </row>
    <row r="617904" spans="14:14">
      <c r="N617904" s="10"/>
    </row>
    <row r="617905" spans="14:14">
      <c r="N617905" s="10"/>
    </row>
    <row r="617906" spans="14:14">
      <c r="N617906" s="10"/>
    </row>
    <row r="617907" spans="14:14">
      <c r="N617907" s="10"/>
    </row>
    <row r="617908" spans="14:14">
      <c r="N617908" s="10"/>
    </row>
    <row r="617909" spans="14:14">
      <c r="N617909" s="10"/>
    </row>
    <row r="617910" spans="14:14">
      <c r="N617910" s="10"/>
    </row>
    <row r="617911" spans="14:14">
      <c r="N617911" s="10"/>
    </row>
    <row r="617912" spans="14:14">
      <c r="N617912" s="10"/>
    </row>
    <row r="617913" spans="14:14">
      <c r="N617913" s="10"/>
    </row>
    <row r="617914" spans="14:14">
      <c r="N617914" s="10"/>
    </row>
    <row r="617915" spans="14:14">
      <c r="N617915" s="10"/>
    </row>
    <row r="617916" spans="14:14">
      <c r="N617916" s="10"/>
    </row>
    <row r="617917" spans="14:14">
      <c r="N617917" s="10"/>
    </row>
    <row r="617918" spans="14:14">
      <c r="N617918" s="10"/>
    </row>
    <row r="617919" spans="14:14">
      <c r="N617919" s="10"/>
    </row>
    <row r="617920" spans="14:14">
      <c r="N617920" s="10"/>
    </row>
    <row r="617921" spans="14:14">
      <c r="N617921" s="10"/>
    </row>
    <row r="617922" spans="14:14">
      <c r="N617922" s="10"/>
    </row>
    <row r="617923" spans="14:14">
      <c r="N617923" s="10"/>
    </row>
    <row r="617924" spans="14:14">
      <c r="N617924" s="10"/>
    </row>
    <row r="617925" spans="14:14">
      <c r="N617925" s="10"/>
    </row>
    <row r="617926" spans="14:14">
      <c r="N617926" s="10"/>
    </row>
    <row r="617927" spans="14:14">
      <c r="N617927" s="10"/>
    </row>
    <row r="617928" spans="14:14">
      <c r="N617928" s="10"/>
    </row>
    <row r="617929" spans="14:14">
      <c r="N617929" s="10"/>
    </row>
    <row r="617930" spans="14:14">
      <c r="N617930" s="10"/>
    </row>
    <row r="617931" spans="14:14">
      <c r="N617931" s="10"/>
    </row>
    <row r="617932" spans="14:14">
      <c r="N617932" s="10"/>
    </row>
    <row r="617933" spans="14:14">
      <c r="N617933" s="10"/>
    </row>
    <row r="617934" spans="14:14">
      <c r="N617934" s="10"/>
    </row>
    <row r="617935" spans="14:14">
      <c r="N617935" s="10"/>
    </row>
    <row r="617936" spans="14:14">
      <c r="N617936" s="10"/>
    </row>
    <row r="617937" spans="14:14">
      <c r="N617937" s="10"/>
    </row>
    <row r="617938" spans="14:14">
      <c r="N617938" s="10"/>
    </row>
    <row r="617939" spans="14:14">
      <c r="N617939" s="10"/>
    </row>
    <row r="617940" spans="14:14">
      <c r="N617940" s="10"/>
    </row>
    <row r="617941" spans="14:14">
      <c r="N617941" s="10"/>
    </row>
    <row r="617942" spans="14:14">
      <c r="N617942" s="10"/>
    </row>
    <row r="617943" spans="14:14">
      <c r="N617943" s="10"/>
    </row>
    <row r="617944" spans="14:14">
      <c r="N617944" s="10"/>
    </row>
    <row r="617945" spans="14:14">
      <c r="N617945" s="10"/>
    </row>
    <row r="617946" spans="14:14">
      <c r="N617946" s="10"/>
    </row>
    <row r="617947" spans="14:14">
      <c r="N617947" s="10"/>
    </row>
    <row r="617948" spans="14:14">
      <c r="N617948" s="10"/>
    </row>
    <row r="617949" spans="14:14">
      <c r="N617949" s="10"/>
    </row>
    <row r="617950" spans="14:14">
      <c r="N617950" s="10"/>
    </row>
    <row r="617951" spans="14:14">
      <c r="N617951" s="10"/>
    </row>
    <row r="617952" spans="14:14">
      <c r="N617952" s="10"/>
    </row>
    <row r="617953" spans="14:14">
      <c r="N617953" s="10"/>
    </row>
    <row r="617954" spans="14:14">
      <c r="N617954" s="10"/>
    </row>
    <row r="617955" spans="14:14">
      <c r="N617955" s="10"/>
    </row>
    <row r="617956" spans="14:14">
      <c r="N617956" s="10"/>
    </row>
    <row r="617957" spans="14:14">
      <c r="N617957" s="10"/>
    </row>
    <row r="617958" spans="14:14">
      <c r="N617958" s="10"/>
    </row>
    <row r="617959" spans="14:14">
      <c r="N617959" s="10"/>
    </row>
    <row r="617960" spans="14:14">
      <c r="N617960" s="10"/>
    </row>
    <row r="617961" spans="14:14">
      <c r="N617961" s="10"/>
    </row>
    <row r="617962" spans="14:14">
      <c r="N617962" s="10"/>
    </row>
    <row r="617963" spans="14:14">
      <c r="N617963" s="10"/>
    </row>
    <row r="617964" spans="14:14">
      <c r="N617964" s="10"/>
    </row>
    <row r="617965" spans="14:14">
      <c r="N617965" s="10"/>
    </row>
    <row r="617966" spans="14:14">
      <c r="N617966" s="10"/>
    </row>
    <row r="617967" spans="14:14">
      <c r="N617967" s="10"/>
    </row>
    <row r="617968" spans="14:14">
      <c r="N617968" s="10"/>
    </row>
    <row r="617969" spans="14:14">
      <c r="N617969" s="10"/>
    </row>
    <row r="617970" spans="14:14">
      <c r="N617970" s="10"/>
    </row>
    <row r="617971" spans="14:14">
      <c r="N617971" s="10"/>
    </row>
    <row r="617972" spans="14:14">
      <c r="N617972" s="10"/>
    </row>
    <row r="617973" spans="14:14">
      <c r="N617973" s="10"/>
    </row>
    <row r="617974" spans="14:14">
      <c r="N617974" s="10"/>
    </row>
    <row r="617975" spans="14:14">
      <c r="N617975" s="10"/>
    </row>
    <row r="617976" spans="14:14">
      <c r="N617976" s="10"/>
    </row>
    <row r="617977" spans="14:14">
      <c r="N617977" s="10"/>
    </row>
    <row r="617978" spans="14:14">
      <c r="N617978" s="10"/>
    </row>
    <row r="617979" spans="14:14">
      <c r="N617979" s="10"/>
    </row>
    <row r="617980" spans="14:14">
      <c r="N617980" s="10"/>
    </row>
    <row r="617981" spans="14:14">
      <c r="N617981" s="10"/>
    </row>
    <row r="617982" spans="14:14">
      <c r="N617982" s="10"/>
    </row>
    <row r="617983" spans="14:14">
      <c r="N617983" s="10"/>
    </row>
    <row r="617984" spans="14:14">
      <c r="N617984" s="10"/>
    </row>
    <row r="617985" spans="14:14">
      <c r="N617985" s="10"/>
    </row>
    <row r="617986" spans="14:14">
      <c r="N617986" s="10"/>
    </row>
    <row r="617987" spans="14:14">
      <c r="N617987" s="10"/>
    </row>
    <row r="617988" spans="14:14">
      <c r="N617988" s="10"/>
    </row>
    <row r="617989" spans="14:14">
      <c r="N617989" s="10"/>
    </row>
    <row r="617990" spans="14:14">
      <c r="N617990" s="10"/>
    </row>
    <row r="617991" spans="14:14">
      <c r="N617991" s="10"/>
    </row>
    <row r="617992" spans="14:14">
      <c r="N617992" s="10"/>
    </row>
    <row r="617993" spans="14:14">
      <c r="N617993" s="10"/>
    </row>
    <row r="617994" spans="14:14">
      <c r="N617994" s="10"/>
    </row>
    <row r="617995" spans="14:14">
      <c r="N617995" s="10"/>
    </row>
    <row r="617996" spans="14:14">
      <c r="N617996" s="10"/>
    </row>
    <row r="617997" spans="14:14">
      <c r="N617997" s="10"/>
    </row>
    <row r="617998" spans="14:14">
      <c r="N617998" s="10"/>
    </row>
    <row r="617999" spans="14:14">
      <c r="N617999" s="10"/>
    </row>
    <row r="618000" spans="14:14">
      <c r="N618000" s="10"/>
    </row>
    <row r="618001" spans="14:14">
      <c r="N618001" s="10"/>
    </row>
    <row r="618002" spans="14:14">
      <c r="N618002" s="10"/>
    </row>
    <row r="618003" spans="14:14">
      <c r="N618003" s="10"/>
    </row>
    <row r="618004" spans="14:14">
      <c r="N618004" s="10"/>
    </row>
    <row r="618005" spans="14:14">
      <c r="N618005" s="10"/>
    </row>
    <row r="618006" spans="14:14">
      <c r="N618006" s="10"/>
    </row>
    <row r="618007" spans="14:14">
      <c r="N618007" s="10"/>
    </row>
    <row r="618008" spans="14:14">
      <c r="N618008" s="10"/>
    </row>
    <row r="618009" spans="14:14">
      <c r="N618009" s="10"/>
    </row>
    <row r="618010" spans="14:14">
      <c r="N618010" s="10"/>
    </row>
    <row r="618011" spans="14:14">
      <c r="N618011" s="10"/>
    </row>
    <row r="618012" spans="14:14">
      <c r="N618012" s="10"/>
    </row>
    <row r="618013" spans="14:14">
      <c r="N618013" s="10"/>
    </row>
    <row r="618014" spans="14:14">
      <c r="N618014" s="10"/>
    </row>
    <row r="618015" spans="14:14">
      <c r="N618015" s="10"/>
    </row>
    <row r="618016" spans="14:14">
      <c r="N618016" s="10"/>
    </row>
    <row r="618017" spans="14:14">
      <c r="N618017" s="10"/>
    </row>
    <row r="618018" spans="14:14">
      <c r="N618018" s="10"/>
    </row>
    <row r="618019" spans="14:14">
      <c r="N618019" s="10"/>
    </row>
    <row r="618020" spans="14:14">
      <c r="N618020" s="10"/>
    </row>
    <row r="618021" spans="14:14">
      <c r="N618021" s="10"/>
    </row>
    <row r="618022" spans="14:14">
      <c r="N618022" s="10"/>
    </row>
    <row r="618023" spans="14:14">
      <c r="N618023" s="10"/>
    </row>
    <row r="618024" spans="14:14">
      <c r="N618024" s="10"/>
    </row>
    <row r="618025" spans="14:14">
      <c r="N618025" s="10"/>
    </row>
    <row r="618026" spans="14:14">
      <c r="N618026" s="10"/>
    </row>
    <row r="618027" spans="14:14">
      <c r="N618027" s="10"/>
    </row>
    <row r="618028" spans="14:14">
      <c r="N618028" s="10"/>
    </row>
    <row r="618029" spans="14:14">
      <c r="N618029" s="10"/>
    </row>
    <row r="618030" spans="14:14">
      <c r="N618030" s="10"/>
    </row>
    <row r="618031" spans="14:14">
      <c r="N618031" s="10"/>
    </row>
    <row r="618032" spans="14:14">
      <c r="N618032" s="10"/>
    </row>
    <row r="618033" spans="14:14">
      <c r="N618033" s="10"/>
    </row>
    <row r="618034" spans="14:14">
      <c r="N618034" s="10"/>
    </row>
    <row r="618035" spans="14:14">
      <c r="N618035" s="10"/>
    </row>
    <row r="618036" spans="14:14">
      <c r="N618036" s="10"/>
    </row>
    <row r="618037" spans="14:14">
      <c r="N618037" s="10"/>
    </row>
    <row r="618038" spans="14:14">
      <c r="N618038" s="10"/>
    </row>
    <row r="618039" spans="14:14">
      <c r="N618039" s="10"/>
    </row>
    <row r="618040" spans="14:14">
      <c r="N618040" s="10"/>
    </row>
    <row r="618041" spans="14:14">
      <c r="N618041" s="10"/>
    </row>
    <row r="618042" spans="14:14">
      <c r="N618042" s="10"/>
    </row>
    <row r="618043" spans="14:14">
      <c r="N618043" s="10"/>
    </row>
    <row r="618044" spans="14:14">
      <c r="N618044" s="10"/>
    </row>
    <row r="618045" spans="14:14">
      <c r="N618045" s="10"/>
    </row>
    <row r="618046" spans="14:14">
      <c r="N618046" s="10"/>
    </row>
    <row r="618047" spans="14:14">
      <c r="N618047" s="10"/>
    </row>
    <row r="618048" spans="14:14">
      <c r="N618048" s="10"/>
    </row>
    <row r="618049" spans="14:14">
      <c r="N618049" s="10"/>
    </row>
    <row r="618050" spans="14:14">
      <c r="N618050" s="10"/>
    </row>
    <row r="618051" spans="14:14">
      <c r="N618051" s="10"/>
    </row>
    <row r="618052" spans="14:14">
      <c r="N618052" s="10"/>
    </row>
    <row r="618053" spans="14:14">
      <c r="N618053" s="10"/>
    </row>
    <row r="618054" spans="14:14">
      <c r="N618054" s="10"/>
    </row>
    <row r="618055" spans="14:14">
      <c r="N618055" s="10"/>
    </row>
    <row r="618056" spans="14:14">
      <c r="N618056" s="10"/>
    </row>
    <row r="618057" spans="14:14">
      <c r="N618057" s="10"/>
    </row>
    <row r="618058" spans="14:14">
      <c r="N618058" s="10"/>
    </row>
    <row r="618059" spans="14:14">
      <c r="N618059" s="10"/>
    </row>
    <row r="618060" spans="14:14">
      <c r="N618060" s="10"/>
    </row>
    <row r="618061" spans="14:14">
      <c r="N618061" s="10"/>
    </row>
    <row r="618062" spans="14:14">
      <c r="N618062" s="10"/>
    </row>
    <row r="618063" spans="14:14">
      <c r="N618063" s="10"/>
    </row>
    <row r="618064" spans="14:14">
      <c r="N618064" s="10"/>
    </row>
    <row r="618065" spans="14:14">
      <c r="N618065" s="10"/>
    </row>
    <row r="618066" spans="14:14">
      <c r="N618066" s="10"/>
    </row>
    <row r="618067" spans="14:14">
      <c r="N618067" s="10"/>
    </row>
    <row r="618068" spans="14:14">
      <c r="N618068" s="10"/>
    </row>
    <row r="618069" spans="14:14">
      <c r="N618069" s="10"/>
    </row>
    <row r="618070" spans="14:14">
      <c r="N618070" s="10"/>
    </row>
    <row r="618071" spans="14:14">
      <c r="N618071" s="10"/>
    </row>
    <row r="618072" spans="14:14">
      <c r="N618072" s="10"/>
    </row>
    <row r="618073" spans="14:14">
      <c r="N618073" s="10"/>
    </row>
    <row r="618074" spans="14:14">
      <c r="N618074" s="10"/>
    </row>
    <row r="618075" spans="14:14">
      <c r="N618075" s="10"/>
    </row>
    <row r="618076" spans="14:14">
      <c r="N618076" s="10"/>
    </row>
    <row r="618077" spans="14:14">
      <c r="N618077" s="10"/>
    </row>
    <row r="618078" spans="14:14">
      <c r="N618078" s="10"/>
    </row>
    <row r="618079" spans="14:14">
      <c r="N618079" s="10"/>
    </row>
    <row r="618080" spans="14:14">
      <c r="N618080" s="10"/>
    </row>
    <row r="618081" spans="14:14">
      <c r="N618081" s="10"/>
    </row>
    <row r="618082" spans="14:14">
      <c r="N618082" s="10"/>
    </row>
    <row r="618083" spans="14:14">
      <c r="N618083" s="10"/>
    </row>
    <row r="618084" spans="14:14">
      <c r="N618084" s="10"/>
    </row>
    <row r="618085" spans="14:14">
      <c r="N618085" s="10"/>
    </row>
    <row r="618086" spans="14:14">
      <c r="N618086" s="10"/>
    </row>
    <row r="618087" spans="14:14">
      <c r="N618087" s="10"/>
    </row>
    <row r="618088" spans="14:14">
      <c r="N618088" s="10"/>
    </row>
    <row r="618089" spans="14:14">
      <c r="N618089" s="10"/>
    </row>
    <row r="618090" spans="14:14">
      <c r="N618090" s="10"/>
    </row>
    <row r="618091" spans="14:14">
      <c r="N618091" s="10"/>
    </row>
    <row r="618092" spans="14:14">
      <c r="N618092" s="10"/>
    </row>
    <row r="618093" spans="14:14">
      <c r="N618093" s="10"/>
    </row>
    <row r="618094" spans="14:14">
      <c r="N618094" s="10"/>
    </row>
    <row r="618095" spans="14:14">
      <c r="N618095" s="10"/>
    </row>
    <row r="618096" spans="14:14">
      <c r="N618096" s="10"/>
    </row>
    <row r="618097" spans="14:14">
      <c r="N618097" s="10"/>
    </row>
    <row r="618098" spans="14:14">
      <c r="N618098" s="10"/>
    </row>
    <row r="618099" spans="14:14">
      <c r="N618099" s="10"/>
    </row>
    <row r="618100" spans="14:14">
      <c r="N618100" s="10"/>
    </row>
    <row r="618101" spans="14:14">
      <c r="N618101" s="10"/>
    </row>
    <row r="618102" spans="14:14">
      <c r="N618102" s="10"/>
    </row>
    <row r="618103" spans="14:14">
      <c r="N618103" s="10"/>
    </row>
    <row r="618104" spans="14:14">
      <c r="N618104" s="10"/>
    </row>
    <row r="618105" spans="14:14">
      <c r="N618105" s="10"/>
    </row>
    <row r="618106" spans="14:14">
      <c r="N618106" s="10"/>
    </row>
    <row r="618107" spans="14:14">
      <c r="N618107" s="10"/>
    </row>
    <row r="618108" spans="14:14">
      <c r="N618108" s="10"/>
    </row>
    <row r="618109" spans="14:14">
      <c r="N618109" s="10"/>
    </row>
    <row r="618110" spans="14:14">
      <c r="N618110" s="10"/>
    </row>
    <row r="618111" spans="14:14">
      <c r="N618111" s="10"/>
    </row>
    <row r="618112" spans="14:14">
      <c r="N618112" s="10"/>
    </row>
    <row r="618113" spans="14:14">
      <c r="N618113" s="10"/>
    </row>
    <row r="618114" spans="14:14">
      <c r="N618114" s="10"/>
    </row>
    <row r="618115" spans="14:14">
      <c r="N618115" s="10"/>
    </row>
    <row r="618116" spans="14:14">
      <c r="N618116" s="10"/>
    </row>
    <row r="618117" spans="14:14">
      <c r="N618117" s="10"/>
    </row>
    <row r="618118" spans="14:14">
      <c r="N618118" s="10"/>
    </row>
    <row r="618119" spans="14:14">
      <c r="N618119" s="10"/>
    </row>
    <row r="618120" spans="14:14">
      <c r="N618120" s="10"/>
    </row>
    <row r="618121" spans="14:14">
      <c r="N618121" s="10"/>
    </row>
    <row r="618122" spans="14:14">
      <c r="N618122" s="10"/>
    </row>
    <row r="618123" spans="14:14">
      <c r="N618123" s="10"/>
    </row>
    <row r="618124" spans="14:14">
      <c r="N618124" s="10"/>
    </row>
    <row r="618125" spans="14:14">
      <c r="N618125" s="10"/>
    </row>
    <row r="618126" spans="14:14">
      <c r="N618126" s="10"/>
    </row>
    <row r="618127" spans="14:14">
      <c r="N618127" s="10"/>
    </row>
    <row r="618128" spans="14:14">
      <c r="N618128" s="10"/>
    </row>
    <row r="618129" spans="14:14">
      <c r="N618129" s="10"/>
    </row>
    <row r="618130" spans="14:14">
      <c r="N618130" s="10"/>
    </row>
    <row r="618131" spans="14:14">
      <c r="N618131" s="10"/>
    </row>
    <row r="618132" spans="14:14">
      <c r="N618132" s="10"/>
    </row>
    <row r="618133" spans="14:14">
      <c r="N618133" s="10"/>
    </row>
    <row r="618134" spans="14:14">
      <c r="N618134" s="10"/>
    </row>
    <row r="618135" spans="14:14">
      <c r="N618135" s="10"/>
    </row>
    <row r="618136" spans="14:14">
      <c r="N618136" s="10"/>
    </row>
    <row r="618137" spans="14:14">
      <c r="N618137" s="10"/>
    </row>
    <row r="618138" spans="14:14">
      <c r="N618138" s="10"/>
    </row>
    <row r="618139" spans="14:14">
      <c r="N618139" s="10"/>
    </row>
    <row r="618140" spans="14:14">
      <c r="N618140" s="10"/>
    </row>
    <row r="618141" spans="14:14">
      <c r="N618141" s="10"/>
    </row>
    <row r="618142" spans="14:14">
      <c r="N618142" s="10"/>
    </row>
    <row r="618143" spans="14:14">
      <c r="N618143" s="10"/>
    </row>
    <row r="618144" spans="14:14">
      <c r="N618144" s="10"/>
    </row>
    <row r="618145" spans="14:14">
      <c r="N618145" s="10"/>
    </row>
    <row r="618146" spans="14:14">
      <c r="N618146" s="10"/>
    </row>
    <row r="618147" spans="14:14">
      <c r="N618147" s="10"/>
    </row>
    <row r="618148" spans="14:14">
      <c r="N618148" s="10"/>
    </row>
    <row r="618149" spans="14:14">
      <c r="N618149" s="10"/>
    </row>
    <row r="618150" spans="14:14">
      <c r="N618150" s="10"/>
    </row>
    <row r="618151" spans="14:14">
      <c r="N618151" s="10"/>
    </row>
    <row r="618152" spans="14:14">
      <c r="N618152" s="10"/>
    </row>
    <row r="618153" spans="14:14">
      <c r="N618153" s="10"/>
    </row>
    <row r="618154" spans="14:14">
      <c r="N618154" s="10"/>
    </row>
    <row r="618155" spans="14:14">
      <c r="N618155" s="10"/>
    </row>
    <row r="618156" spans="14:14">
      <c r="N618156" s="10"/>
    </row>
    <row r="618157" spans="14:14">
      <c r="N618157" s="10"/>
    </row>
    <row r="618158" spans="14:14">
      <c r="N618158" s="10"/>
    </row>
    <row r="618159" spans="14:14">
      <c r="N618159" s="10"/>
    </row>
    <row r="618160" spans="14:14">
      <c r="N618160" s="10"/>
    </row>
    <row r="618161" spans="14:14">
      <c r="N618161" s="10"/>
    </row>
    <row r="618162" spans="14:14">
      <c r="N618162" s="10"/>
    </row>
    <row r="618163" spans="14:14">
      <c r="N618163" s="10"/>
    </row>
    <row r="618164" spans="14:14">
      <c r="N618164" s="10"/>
    </row>
    <row r="618165" spans="14:14">
      <c r="N618165" s="10"/>
    </row>
    <row r="618166" spans="14:14">
      <c r="N618166" s="10"/>
    </row>
    <row r="618167" spans="14:14">
      <c r="N618167" s="10"/>
    </row>
    <row r="618168" spans="14:14">
      <c r="N618168" s="10"/>
    </row>
    <row r="618169" spans="14:14">
      <c r="N618169" s="10"/>
    </row>
    <row r="618170" spans="14:14">
      <c r="N618170" s="10"/>
    </row>
    <row r="618171" spans="14:14">
      <c r="N618171" s="10"/>
    </row>
    <row r="618172" spans="14:14">
      <c r="N618172" s="10"/>
    </row>
    <row r="618173" spans="14:14">
      <c r="N618173" s="10"/>
    </row>
    <row r="618174" spans="14:14">
      <c r="N618174" s="10"/>
    </row>
    <row r="618175" spans="14:14">
      <c r="N618175" s="10"/>
    </row>
    <row r="618176" spans="14:14">
      <c r="N618176" s="10"/>
    </row>
    <row r="618177" spans="14:14">
      <c r="N618177" s="10"/>
    </row>
    <row r="618178" spans="14:14">
      <c r="N618178" s="10"/>
    </row>
    <row r="618179" spans="14:14">
      <c r="N618179" s="10"/>
    </row>
    <row r="618180" spans="14:14">
      <c r="N618180" s="10"/>
    </row>
    <row r="618181" spans="14:14">
      <c r="N618181" s="10"/>
    </row>
    <row r="618182" spans="14:14">
      <c r="N618182" s="10"/>
    </row>
    <row r="618183" spans="14:14">
      <c r="N618183" s="10"/>
    </row>
    <row r="618184" spans="14:14">
      <c r="N618184" s="10"/>
    </row>
    <row r="618185" spans="14:14">
      <c r="N618185" s="10"/>
    </row>
    <row r="618186" spans="14:14">
      <c r="N618186" s="10"/>
    </row>
    <row r="618187" spans="14:14">
      <c r="N618187" s="10"/>
    </row>
    <row r="618188" spans="14:14">
      <c r="N618188" s="10"/>
    </row>
    <row r="618189" spans="14:14">
      <c r="N618189" s="10"/>
    </row>
    <row r="618190" spans="14:14">
      <c r="N618190" s="10"/>
    </row>
    <row r="618191" spans="14:14">
      <c r="N618191" s="10"/>
    </row>
    <row r="618192" spans="14:14">
      <c r="N618192" s="10"/>
    </row>
    <row r="618193" spans="14:14">
      <c r="N618193" s="10"/>
    </row>
    <row r="618194" spans="14:14">
      <c r="N618194" s="10"/>
    </row>
    <row r="618195" spans="14:14">
      <c r="N618195" s="10"/>
    </row>
    <row r="618196" spans="14:14">
      <c r="N618196" s="10"/>
    </row>
    <row r="618197" spans="14:14">
      <c r="N618197" s="10"/>
    </row>
    <row r="618198" spans="14:14">
      <c r="N618198" s="10"/>
    </row>
    <row r="618199" spans="14:14">
      <c r="N618199" s="10"/>
    </row>
    <row r="618200" spans="14:14">
      <c r="N618200" s="10"/>
    </row>
    <row r="618201" spans="14:14">
      <c r="N618201" s="10"/>
    </row>
    <row r="618202" spans="14:14">
      <c r="N618202" s="10"/>
    </row>
    <row r="618203" spans="14:14">
      <c r="N618203" s="10"/>
    </row>
    <row r="618204" spans="14:14">
      <c r="N618204" s="10"/>
    </row>
    <row r="618205" spans="14:14">
      <c r="N618205" s="10"/>
    </row>
    <row r="618206" spans="14:14">
      <c r="N618206" s="10"/>
    </row>
    <row r="618207" spans="14:14">
      <c r="N618207" s="10"/>
    </row>
    <row r="618208" spans="14:14">
      <c r="N618208" s="10"/>
    </row>
    <row r="618209" spans="14:14">
      <c r="N618209" s="10"/>
    </row>
    <row r="618210" spans="14:14">
      <c r="N618210" s="10"/>
    </row>
    <row r="618211" spans="14:14">
      <c r="N618211" s="10"/>
    </row>
    <row r="618212" spans="14:14">
      <c r="N618212" s="10"/>
    </row>
    <row r="618213" spans="14:14">
      <c r="N618213" s="10"/>
    </row>
    <row r="618214" spans="14:14">
      <c r="N618214" s="10"/>
    </row>
    <row r="618215" spans="14:14">
      <c r="N618215" s="10"/>
    </row>
    <row r="618216" spans="14:14">
      <c r="N618216" s="10"/>
    </row>
    <row r="618217" spans="14:14">
      <c r="N618217" s="10"/>
    </row>
    <row r="618218" spans="14:14">
      <c r="N618218" s="10"/>
    </row>
    <row r="618219" spans="14:14">
      <c r="N618219" s="10"/>
    </row>
    <row r="618220" spans="14:14">
      <c r="N618220" s="10"/>
    </row>
    <row r="618221" spans="14:14">
      <c r="N618221" s="10"/>
    </row>
    <row r="618222" spans="14:14">
      <c r="N618222" s="10"/>
    </row>
    <row r="618223" spans="14:14">
      <c r="N618223" s="10"/>
    </row>
    <row r="618224" spans="14:14">
      <c r="N618224" s="10"/>
    </row>
    <row r="618225" spans="14:14">
      <c r="N618225" s="10"/>
    </row>
    <row r="618226" spans="14:14">
      <c r="N618226" s="10"/>
    </row>
    <row r="618227" spans="14:14">
      <c r="N618227" s="10"/>
    </row>
    <row r="618228" spans="14:14">
      <c r="N618228" s="10"/>
    </row>
    <row r="618229" spans="14:14">
      <c r="N618229" s="10"/>
    </row>
    <row r="618230" spans="14:14">
      <c r="N618230" s="10"/>
    </row>
    <row r="618231" spans="14:14">
      <c r="N618231" s="10"/>
    </row>
    <row r="618232" spans="14:14">
      <c r="N618232" s="10"/>
    </row>
    <row r="618233" spans="14:14">
      <c r="N618233" s="10"/>
    </row>
    <row r="618234" spans="14:14">
      <c r="N618234" s="10"/>
    </row>
    <row r="618235" spans="14:14">
      <c r="N618235" s="10"/>
    </row>
    <row r="618236" spans="14:14">
      <c r="N618236" s="10"/>
    </row>
    <row r="618237" spans="14:14">
      <c r="N618237" s="10"/>
    </row>
    <row r="618238" spans="14:14">
      <c r="N618238" s="10"/>
    </row>
    <row r="618239" spans="14:14">
      <c r="N618239" s="10"/>
    </row>
    <row r="618240" spans="14:14">
      <c r="N618240" s="10"/>
    </row>
    <row r="618241" spans="14:14">
      <c r="N618241" s="10"/>
    </row>
    <row r="618242" spans="14:14">
      <c r="N618242" s="10"/>
    </row>
    <row r="618243" spans="14:14">
      <c r="N618243" s="10"/>
    </row>
    <row r="618244" spans="14:14">
      <c r="N618244" s="10"/>
    </row>
    <row r="618245" spans="14:14">
      <c r="N618245" s="10"/>
    </row>
    <row r="618246" spans="14:14">
      <c r="N618246" s="10"/>
    </row>
    <row r="618247" spans="14:14">
      <c r="N618247" s="10"/>
    </row>
    <row r="618248" spans="14:14">
      <c r="N618248" s="10"/>
    </row>
    <row r="618249" spans="14:14">
      <c r="N618249" s="10"/>
    </row>
    <row r="618250" spans="14:14">
      <c r="N618250" s="10"/>
    </row>
    <row r="618251" spans="14:14">
      <c r="N618251" s="10"/>
    </row>
    <row r="618252" spans="14:14">
      <c r="N618252" s="10"/>
    </row>
    <row r="618253" spans="14:14">
      <c r="N618253" s="10"/>
    </row>
    <row r="618254" spans="14:14">
      <c r="N618254" s="10"/>
    </row>
    <row r="618255" spans="14:14">
      <c r="N618255" s="10"/>
    </row>
    <row r="618256" spans="14:14">
      <c r="N618256" s="10"/>
    </row>
    <row r="618257" spans="14:14">
      <c r="N618257" s="10"/>
    </row>
    <row r="618258" spans="14:14">
      <c r="N618258" s="10"/>
    </row>
    <row r="618259" spans="14:14">
      <c r="N618259" s="10"/>
    </row>
    <row r="618260" spans="14:14">
      <c r="N618260" s="10"/>
    </row>
    <row r="618261" spans="14:14">
      <c r="N618261" s="10"/>
    </row>
    <row r="618262" spans="14:14">
      <c r="N618262" s="10"/>
    </row>
    <row r="618263" spans="14:14">
      <c r="N618263" s="10"/>
    </row>
    <row r="618264" spans="14:14">
      <c r="N618264" s="10"/>
    </row>
    <row r="618265" spans="14:14">
      <c r="N618265" s="10"/>
    </row>
    <row r="618266" spans="14:14">
      <c r="N618266" s="10"/>
    </row>
    <row r="618267" spans="14:14">
      <c r="N618267" s="10"/>
    </row>
    <row r="618268" spans="14:14">
      <c r="N618268" s="10"/>
    </row>
    <row r="618269" spans="14:14">
      <c r="N618269" s="10"/>
    </row>
    <row r="618270" spans="14:14">
      <c r="N618270" s="10"/>
    </row>
    <row r="618271" spans="14:14">
      <c r="N618271" s="10"/>
    </row>
    <row r="618272" spans="14:14">
      <c r="N618272" s="10"/>
    </row>
    <row r="618273" spans="14:14">
      <c r="N618273" s="10"/>
    </row>
    <row r="618274" spans="14:14">
      <c r="N618274" s="10"/>
    </row>
    <row r="618275" spans="14:14">
      <c r="N618275" s="10"/>
    </row>
    <row r="618276" spans="14:14">
      <c r="N618276" s="10"/>
    </row>
    <row r="618277" spans="14:14">
      <c r="N618277" s="10"/>
    </row>
    <row r="618278" spans="14:14">
      <c r="N618278" s="10"/>
    </row>
    <row r="618279" spans="14:14">
      <c r="N618279" s="10"/>
    </row>
    <row r="618280" spans="14:14">
      <c r="N618280" s="10"/>
    </row>
    <row r="618281" spans="14:14">
      <c r="N618281" s="10"/>
    </row>
    <row r="618282" spans="14:14">
      <c r="N618282" s="10"/>
    </row>
    <row r="618283" spans="14:14">
      <c r="N618283" s="10"/>
    </row>
    <row r="618284" spans="14:14">
      <c r="N618284" s="10"/>
    </row>
    <row r="618285" spans="14:14">
      <c r="N618285" s="10"/>
    </row>
    <row r="618286" spans="14:14">
      <c r="N618286" s="10"/>
    </row>
    <row r="618287" spans="14:14">
      <c r="N618287" s="10"/>
    </row>
    <row r="618288" spans="14:14">
      <c r="N618288" s="10"/>
    </row>
    <row r="618289" spans="14:14">
      <c r="N618289" s="10"/>
    </row>
    <row r="618290" spans="14:14">
      <c r="N618290" s="10"/>
    </row>
    <row r="618291" spans="14:14">
      <c r="N618291" s="10"/>
    </row>
    <row r="618292" spans="14:14">
      <c r="N618292" s="10"/>
    </row>
    <row r="618293" spans="14:14">
      <c r="N618293" s="10"/>
    </row>
    <row r="618294" spans="14:14">
      <c r="N618294" s="10"/>
    </row>
    <row r="618295" spans="14:14">
      <c r="N618295" s="10"/>
    </row>
    <row r="618296" spans="14:14">
      <c r="N618296" s="10"/>
    </row>
    <row r="618297" spans="14:14">
      <c r="N618297" s="10"/>
    </row>
    <row r="618298" spans="14:14">
      <c r="N618298" s="10"/>
    </row>
    <row r="618299" spans="14:14">
      <c r="N618299" s="10"/>
    </row>
    <row r="618300" spans="14:14">
      <c r="N618300" s="10"/>
    </row>
    <row r="618301" spans="14:14">
      <c r="N618301" s="10"/>
    </row>
    <row r="618302" spans="14:14">
      <c r="N618302" s="10"/>
    </row>
    <row r="618303" spans="14:14">
      <c r="N618303" s="10"/>
    </row>
    <row r="618304" spans="14:14">
      <c r="N618304" s="10"/>
    </row>
    <row r="618305" spans="14:14">
      <c r="N618305" s="10"/>
    </row>
    <row r="618306" spans="14:14">
      <c r="N618306" s="10"/>
    </row>
    <row r="618307" spans="14:14">
      <c r="N618307" s="10"/>
    </row>
    <row r="618308" spans="14:14">
      <c r="N618308" s="10"/>
    </row>
    <row r="618309" spans="14:14">
      <c r="N618309" s="10"/>
    </row>
    <row r="618310" spans="14:14">
      <c r="N618310" s="10"/>
    </row>
    <row r="618311" spans="14:14">
      <c r="N618311" s="10"/>
    </row>
    <row r="618312" spans="14:14">
      <c r="N618312" s="10"/>
    </row>
    <row r="618313" spans="14:14">
      <c r="N618313" s="10"/>
    </row>
    <row r="618314" spans="14:14">
      <c r="N618314" s="10"/>
    </row>
    <row r="618315" spans="14:14">
      <c r="N618315" s="10"/>
    </row>
    <row r="618316" spans="14:14">
      <c r="N618316" s="10"/>
    </row>
    <row r="618317" spans="14:14">
      <c r="N618317" s="10"/>
    </row>
    <row r="618318" spans="14:14">
      <c r="N618318" s="10"/>
    </row>
    <row r="618319" spans="14:14">
      <c r="N618319" s="10"/>
    </row>
    <row r="618320" spans="14:14">
      <c r="N618320" s="10"/>
    </row>
    <row r="618321" spans="14:14">
      <c r="N618321" s="10"/>
    </row>
    <row r="618322" spans="14:14">
      <c r="N618322" s="10"/>
    </row>
    <row r="618323" spans="14:14">
      <c r="N618323" s="10"/>
    </row>
    <row r="618324" spans="14:14">
      <c r="N618324" s="10"/>
    </row>
    <row r="618325" spans="14:14">
      <c r="N618325" s="10"/>
    </row>
    <row r="618326" spans="14:14">
      <c r="N618326" s="10"/>
    </row>
    <row r="618327" spans="14:14">
      <c r="N618327" s="10"/>
    </row>
    <row r="618328" spans="14:14">
      <c r="N618328" s="10"/>
    </row>
    <row r="618329" spans="14:14">
      <c r="N618329" s="10"/>
    </row>
    <row r="618330" spans="14:14">
      <c r="N618330" s="10"/>
    </row>
    <row r="618331" spans="14:14">
      <c r="N618331" s="10"/>
    </row>
    <row r="618332" spans="14:14">
      <c r="N618332" s="10"/>
    </row>
    <row r="618333" spans="14:14">
      <c r="N618333" s="10"/>
    </row>
    <row r="618334" spans="14:14">
      <c r="N618334" s="10"/>
    </row>
    <row r="618335" spans="14:14">
      <c r="N618335" s="10"/>
    </row>
    <row r="618336" spans="14:14">
      <c r="N618336" s="10"/>
    </row>
    <row r="618337" spans="14:14">
      <c r="N618337" s="10"/>
    </row>
    <row r="618338" spans="14:14">
      <c r="N618338" s="10"/>
    </row>
    <row r="618339" spans="14:14">
      <c r="N618339" s="10"/>
    </row>
    <row r="618340" spans="14:14">
      <c r="N618340" s="10"/>
    </row>
    <row r="618341" spans="14:14">
      <c r="N618341" s="10"/>
    </row>
    <row r="618342" spans="14:14">
      <c r="N618342" s="10"/>
    </row>
    <row r="618343" spans="14:14">
      <c r="N618343" s="10"/>
    </row>
    <row r="618344" spans="14:14">
      <c r="N618344" s="10"/>
    </row>
    <row r="618345" spans="14:14">
      <c r="N618345" s="10"/>
    </row>
    <row r="618346" spans="14:14">
      <c r="N618346" s="10"/>
    </row>
    <row r="618347" spans="14:14">
      <c r="N618347" s="10"/>
    </row>
    <row r="618348" spans="14:14">
      <c r="N618348" s="10"/>
    </row>
    <row r="618349" spans="14:14">
      <c r="N618349" s="10"/>
    </row>
    <row r="618350" spans="14:14">
      <c r="N618350" s="10"/>
    </row>
    <row r="618351" spans="14:14">
      <c r="N618351" s="10"/>
    </row>
    <row r="618352" spans="14:14">
      <c r="N618352" s="10"/>
    </row>
    <row r="618353" spans="14:14">
      <c r="N618353" s="10"/>
    </row>
    <row r="618354" spans="14:14">
      <c r="N618354" s="10"/>
    </row>
    <row r="618355" spans="14:14">
      <c r="N618355" s="10"/>
    </row>
    <row r="618356" spans="14:14">
      <c r="N618356" s="10"/>
    </row>
    <row r="618357" spans="14:14">
      <c r="N618357" s="10"/>
    </row>
    <row r="618358" spans="14:14">
      <c r="N618358" s="10"/>
    </row>
    <row r="618359" spans="14:14">
      <c r="N618359" s="10"/>
    </row>
    <row r="618360" spans="14:14">
      <c r="N618360" s="10"/>
    </row>
    <row r="618361" spans="14:14">
      <c r="N618361" s="10"/>
    </row>
    <row r="618362" spans="14:14">
      <c r="N618362" s="10"/>
    </row>
    <row r="618363" spans="14:14">
      <c r="N618363" s="10"/>
    </row>
    <row r="618364" spans="14:14">
      <c r="N618364" s="10"/>
    </row>
    <row r="618365" spans="14:14">
      <c r="N618365" s="10"/>
    </row>
    <row r="618366" spans="14:14">
      <c r="N618366" s="10"/>
    </row>
    <row r="618367" spans="14:14">
      <c r="N618367" s="10"/>
    </row>
    <row r="618368" spans="14:14">
      <c r="N618368" s="10"/>
    </row>
    <row r="618369" spans="14:14">
      <c r="N618369" s="10"/>
    </row>
    <row r="618370" spans="14:14">
      <c r="N618370" s="10"/>
    </row>
    <row r="618371" spans="14:14">
      <c r="N618371" s="10"/>
    </row>
    <row r="618372" spans="14:14">
      <c r="N618372" s="10"/>
    </row>
    <row r="618373" spans="14:14">
      <c r="N618373" s="10"/>
    </row>
    <row r="618374" spans="14:14">
      <c r="N618374" s="10"/>
    </row>
    <row r="618375" spans="14:14">
      <c r="N618375" s="10"/>
    </row>
    <row r="618376" spans="14:14">
      <c r="N618376" s="10"/>
    </row>
    <row r="618377" spans="14:14">
      <c r="N618377" s="10"/>
    </row>
    <row r="618378" spans="14:14">
      <c r="N618378" s="10"/>
    </row>
    <row r="618379" spans="14:14">
      <c r="N618379" s="10"/>
    </row>
    <row r="618380" spans="14:14">
      <c r="N618380" s="10"/>
    </row>
    <row r="618381" spans="14:14">
      <c r="N618381" s="10"/>
    </row>
    <row r="618382" spans="14:14">
      <c r="N618382" s="10"/>
    </row>
    <row r="618383" spans="14:14">
      <c r="N618383" s="10"/>
    </row>
    <row r="618384" spans="14:14">
      <c r="N618384" s="10"/>
    </row>
    <row r="618385" spans="14:14">
      <c r="N618385" s="10"/>
    </row>
    <row r="618386" spans="14:14">
      <c r="N618386" s="10"/>
    </row>
    <row r="618387" spans="14:14">
      <c r="N618387" s="10"/>
    </row>
    <row r="618388" spans="14:14">
      <c r="N618388" s="10"/>
    </row>
    <row r="618389" spans="14:14">
      <c r="N618389" s="10"/>
    </row>
    <row r="618390" spans="14:14">
      <c r="N618390" s="10"/>
    </row>
    <row r="618391" spans="14:14">
      <c r="N618391" s="10"/>
    </row>
    <row r="618392" spans="14:14">
      <c r="N618392" s="10"/>
    </row>
    <row r="618393" spans="14:14">
      <c r="N618393" s="10"/>
    </row>
    <row r="618394" spans="14:14">
      <c r="N618394" s="10"/>
    </row>
    <row r="618395" spans="14:14">
      <c r="N618395" s="10"/>
    </row>
    <row r="618396" spans="14:14">
      <c r="N618396" s="10"/>
    </row>
    <row r="618397" spans="14:14">
      <c r="N618397" s="10"/>
    </row>
    <row r="618398" spans="14:14">
      <c r="N618398" s="10"/>
    </row>
    <row r="618399" spans="14:14">
      <c r="N618399" s="10"/>
    </row>
    <row r="618400" spans="14:14">
      <c r="N618400" s="10"/>
    </row>
    <row r="618401" spans="14:14">
      <c r="N618401" s="10"/>
    </row>
    <row r="618402" spans="14:14">
      <c r="N618402" s="10"/>
    </row>
    <row r="618403" spans="14:14">
      <c r="N618403" s="10"/>
    </row>
    <row r="618404" spans="14:14">
      <c r="N618404" s="10"/>
    </row>
    <row r="618405" spans="14:14">
      <c r="N618405" s="10"/>
    </row>
    <row r="618406" spans="14:14">
      <c r="N618406" s="10"/>
    </row>
    <row r="618407" spans="14:14">
      <c r="N618407" s="10"/>
    </row>
    <row r="618408" spans="14:14">
      <c r="N618408" s="10"/>
    </row>
    <row r="618409" spans="14:14">
      <c r="N618409" s="10"/>
    </row>
    <row r="618410" spans="14:14">
      <c r="N618410" s="10"/>
    </row>
    <row r="618411" spans="14:14">
      <c r="N618411" s="10"/>
    </row>
    <row r="618412" spans="14:14">
      <c r="N618412" s="10"/>
    </row>
    <row r="618413" spans="14:14">
      <c r="N618413" s="10"/>
    </row>
    <row r="618414" spans="14:14">
      <c r="N618414" s="10"/>
    </row>
    <row r="618415" spans="14:14">
      <c r="N618415" s="10"/>
    </row>
    <row r="618416" spans="14:14">
      <c r="N618416" s="10"/>
    </row>
    <row r="618417" spans="14:14">
      <c r="N618417" s="10"/>
    </row>
    <row r="618418" spans="14:14">
      <c r="N618418" s="10"/>
    </row>
    <row r="618419" spans="14:14">
      <c r="N618419" s="10"/>
    </row>
    <row r="618420" spans="14:14">
      <c r="N618420" s="10"/>
    </row>
    <row r="618421" spans="14:14">
      <c r="N618421" s="10"/>
    </row>
    <row r="618422" spans="14:14">
      <c r="N618422" s="10"/>
    </row>
    <row r="618423" spans="14:14">
      <c r="N618423" s="10"/>
    </row>
    <row r="618424" spans="14:14">
      <c r="N618424" s="10"/>
    </row>
    <row r="618425" spans="14:14">
      <c r="N618425" s="10"/>
    </row>
    <row r="618426" spans="14:14">
      <c r="N618426" s="10"/>
    </row>
    <row r="618427" spans="14:14">
      <c r="N618427" s="10"/>
    </row>
    <row r="618428" spans="14:14">
      <c r="N618428" s="10"/>
    </row>
    <row r="618429" spans="14:14">
      <c r="N618429" s="10"/>
    </row>
    <row r="618430" spans="14:14">
      <c r="N618430" s="10"/>
    </row>
    <row r="618431" spans="14:14">
      <c r="N618431" s="10"/>
    </row>
    <row r="618432" spans="14:14">
      <c r="N618432" s="10"/>
    </row>
    <row r="618433" spans="14:14">
      <c r="N618433" s="10"/>
    </row>
    <row r="618434" spans="14:14">
      <c r="N618434" s="10"/>
    </row>
    <row r="618435" spans="14:14">
      <c r="N618435" s="10"/>
    </row>
    <row r="618436" spans="14:14">
      <c r="N618436" s="10"/>
    </row>
    <row r="618437" spans="14:14">
      <c r="N618437" s="10"/>
    </row>
    <row r="618438" spans="14:14">
      <c r="N618438" s="10"/>
    </row>
    <row r="618439" spans="14:14">
      <c r="N618439" s="10"/>
    </row>
    <row r="618440" spans="14:14">
      <c r="N618440" s="10"/>
    </row>
    <row r="618441" spans="14:14">
      <c r="N618441" s="10"/>
    </row>
    <row r="618442" spans="14:14">
      <c r="N618442" s="10"/>
    </row>
    <row r="618443" spans="14:14">
      <c r="N618443" s="10"/>
    </row>
    <row r="618444" spans="14:14">
      <c r="N618444" s="10"/>
    </row>
    <row r="618445" spans="14:14">
      <c r="N618445" s="10"/>
    </row>
    <row r="618446" spans="14:14">
      <c r="N618446" s="10"/>
    </row>
    <row r="618447" spans="14:14">
      <c r="N618447" s="10"/>
    </row>
    <row r="618448" spans="14:14">
      <c r="N618448" s="10"/>
    </row>
    <row r="618449" spans="14:14">
      <c r="N618449" s="10"/>
    </row>
    <row r="618450" spans="14:14">
      <c r="N618450" s="10"/>
    </row>
    <row r="618451" spans="14:14">
      <c r="N618451" s="10"/>
    </row>
    <row r="618452" spans="14:14">
      <c r="N618452" s="10"/>
    </row>
    <row r="618453" spans="14:14">
      <c r="N618453" s="10"/>
    </row>
    <row r="618454" spans="14:14">
      <c r="N618454" s="10"/>
    </row>
    <row r="618455" spans="14:14">
      <c r="N618455" s="10"/>
    </row>
    <row r="618456" spans="14:14">
      <c r="N618456" s="10"/>
    </row>
    <row r="618457" spans="14:14">
      <c r="N618457" s="10"/>
    </row>
    <row r="618458" spans="14:14">
      <c r="N618458" s="10"/>
    </row>
    <row r="618459" spans="14:14">
      <c r="N618459" s="10"/>
    </row>
    <row r="618460" spans="14:14">
      <c r="N618460" s="10"/>
    </row>
    <row r="618461" spans="14:14">
      <c r="N618461" s="10"/>
    </row>
    <row r="618462" spans="14:14">
      <c r="N618462" s="10"/>
    </row>
    <row r="618463" spans="14:14">
      <c r="N618463" s="10"/>
    </row>
    <row r="618464" spans="14:14">
      <c r="N618464" s="10"/>
    </row>
    <row r="618465" spans="14:14">
      <c r="N618465" s="10"/>
    </row>
    <row r="618466" spans="14:14">
      <c r="N618466" s="10"/>
    </row>
    <row r="618467" spans="14:14">
      <c r="N618467" s="10"/>
    </row>
    <row r="618468" spans="14:14">
      <c r="N618468" s="10"/>
    </row>
    <row r="618469" spans="14:14">
      <c r="N618469" s="10"/>
    </row>
    <row r="618470" spans="14:14">
      <c r="N618470" s="10"/>
    </row>
    <row r="618471" spans="14:14">
      <c r="N618471" s="10"/>
    </row>
    <row r="618472" spans="14:14">
      <c r="N618472" s="10"/>
    </row>
    <row r="618473" spans="14:14">
      <c r="N618473" s="10"/>
    </row>
    <row r="618474" spans="14:14">
      <c r="N618474" s="10"/>
    </row>
    <row r="618475" spans="14:14">
      <c r="N618475" s="10"/>
    </row>
    <row r="618476" spans="14:14">
      <c r="N618476" s="10"/>
    </row>
    <row r="618477" spans="14:14">
      <c r="N618477" s="10"/>
    </row>
    <row r="618478" spans="14:14">
      <c r="N618478" s="10"/>
    </row>
    <row r="618479" spans="14:14">
      <c r="N618479" s="10"/>
    </row>
    <row r="618480" spans="14:14">
      <c r="N618480" s="10"/>
    </row>
    <row r="618481" spans="14:14">
      <c r="N618481" s="10"/>
    </row>
    <row r="618482" spans="14:14">
      <c r="N618482" s="10"/>
    </row>
    <row r="618483" spans="14:14">
      <c r="N618483" s="10"/>
    </row>
    <row r="618484" spans="14:14">
      <c r="N618484" s="10"/>
    </row>
    <row r="618485" spans="14:14">
      <c r="N618485" s="10"/>
    </row>
    <row r="618486" spans="14:14">
      <c r="N618486" s="10"/>
    </row>
    <row r="618487" spans="14:14">
      <c r="N618487" s="10"/>
    </row>
    <row r="618488" spans="14:14">
      <c r="N618488" s="10"/>
    </row>
    <row r="618489" spans="14:14">
      <c r="N618489" s="10"/>
    </row>
    <row r="618490" spans="14:14">
      <c r="N618490" s="10"/>
    </row>
    <row r="618491" spans="14:14">
      <c r="N618491" s="10"/>
    </row>
    <row r="618492" spans="14:14">
      <c r="N618492" s="10"/>
    </row>
    <row r="618493" spans="14:14">
      <c r="N618493" s="10"/>
    </row>
    <row r="618494" spans="14:14">
      <c r="N618494" s="10"/>
    </row>
    <row r="618495" spans="14:14">
      <c r="N618495" s="10"/>
    </row>
    <row r="618496" spans="14:14">
      <c r="N618496" s="10"/>
    </row>
    <row r="618497" spans="14:14">
      <c r="N618497" s="10"/>
    </row>
    <row r="618498" spans="14:14">
      <c r="N618498" s="10"/>
    </row>
    <row r="618499" spans="14:14">
      <c r="N618499" s="10"/>
    </row>
    <row r="618500" spans="14:14">
      <c r="N618500" s="10"/>
    </row>
    <row r="618501" spans="14:14">
      <c r="N618501" s="10"/>
    </row>
    <row r="618502" spans="14:14">
      <c r="N618502" s="10"/>
    </row>
    <row r="618503" spans="14:14">
      <c r="N618503" s="10"/>
    </row>
    <row r="618504" spans="14:14">
      <c r="N618504" s="10"/>
    </row>
    <row r="618505" spans="14:14">
      <c r="N618505" s="10"/>
    </row>
    <row r="618506" spans="14:14">
      <c r="N618506" s="10"/>
    </row>
    <row r="618507" spans="14:14">
      <c r="N618507" s="10"/>
    </row>
    <row r="618508" spans="14:14">
      <c r="N618508" s="10"/>
    </row>
    <row r="618509" spans="14:14">
      <c r="N618509" s="10"/>
    </row>
    <row r="618510" spans="14:14">
      <c r="N618510" s="10"/>
    </row>
    <row r="618511" spans="14:14">
      <c r="N618511" s="10"/>
    </row>
    <row r="618512" spans="14:14">
      <c r="N618512" s="10"/>
    </row>
    <row r="618513" spans="14:14">
      <c r="N618513" s="10"/>
    </row>
    <row r="618514" spans="14:14">
      <c r="N618514" s="10"/>
    </row>
    <row r="618515" spans="14:14">
      <c r="N618515" s="10"/>
    </row>
    <row r="618516" spans="14:14">
      <c r="N618516" s="10"/>
    </row>
    <row r="618517" spans="14:14">
      <c r="N618517" s="10"/>
    </row>
    <row r="618518" spans="14:14">
      <c r="N618518" s="10"/>
    </row>
    <row r="618519" spans="14:14">
      <c r="N618519" s="10"/>
    </row>
    <row r="618520" spans="14:14">
      <c r="N618520" s="10"/>
    </row>
    <row r="618521" spans="14:14">
      <c r="N618521" s="10"/>
    </row>
    <row r="618522" spans="14:14">
      <c r="N618522" s="10"/>
    </row>
    <row r="618523" spans="14:14">
      <c r="N618523" s="10"/>
    </row>
    <row r="618524" spans="14:14">
      <c r="N618524" s="10"/>
    </row>
    <row r="618525" spans="14:14">
      <c r="N618525" s="10"/>
    </row>
    <row r="618526" spans="14:14">
      <c r="N618526" s="10"/>
    </row>
    <row r="618527" spans="14:14">
      <c r="N618527" s="10"/>
    </row>
    <row r="618528" spans="14:14">
      <c r="N618528" s="10"/>
    </row>
    <row r="618529" spans="14:14">
      <c r="N618529" s="10"/>
    </row>
    <row r="618530" spans="14:14">
      <c r="N618530" s="10"/>
    </row>
    <row r="618531" spans="14:14">
      <c r="N618531" s="10"/>
    </row>
    <row r="618532" spans="14:14">
      <c r="N618532" s="10"/>
    </row>
    <row r="618533" spans="14:14">
      <c r="N618533" s="10"/>
    </row>
    <row r="618534" spans="14:14">
      <c r="N618534" s="10"/>
    </row>
    <row r="618535" spans="14:14">
      <c r="N618535" s="10"/>
    </row>
    <row r="618536" spans="14:14">
      <c r="N618536" s="10"/>
    </row>
    <row r="618537" spans="14:14">
      <c r="N618537" s="10"/>
    </row>
    <row r="618538" spans="14:14">
      <c r="N618538" s="10"/>
    </row>
    <row r="618539" spans="14:14">
      <c r="N618539" s="10"/>
    </row>
    <row r="618540" spans="14:14">
      <c r="N618540" s="10"/>
    </row>
    <row r="618541" spans="14:14">
      <c r="N618541" s="10"/>
    </row>
    <row r="618542" spans="14:14">
      <c r="N618542" s="10"/>
    </row>
    <row r="618543" spans="14:14">
      <c r="N618543" s="10"/>
    </row>
    <row r="618544" spans="14:14">
      <c r="N618544" s="10"/>
    </row>
    <row r="618545" spans="14:14">
      <c r="N618545" s="10"/>
    </row>
    <row r="618546" spans="14:14">
      <c r="N618546" s="10"/>
    </row>
    <row r="618547" spans="14:14">
      <c r="N618547" s="10"/>
    </row>
    <row r="618548" spans="14:14">
      <c r="N618548" s="10"/>
    </row>
    <row r="618549" spans="14:14">
      <c r="N618549" s="10"/>
    </row>
    <row r="618550" spans="14:14">
      <c r="N618550" s="10"/>
    </row>
    <row r="618551" spans="14:14">
      <c r="N618551" s="10"/>
    </row>
    <row r="618552" spans="14:14">
      <c r="N618552" s="10"/>
    </row>
    <row r="618553" spans="14:14">
      <c r="N618553" s="10"/>
    </row>
    <row r="618554" spans="14:14">
      <c r="N618554" s="10"/>
    </row>
    <row r="618555" spans="14:14">
      <c r="N618555" s="10"/>
    </row>
    <row r="618556" spans="14:14">
      <c r="N618556" s="10"/>
    </row>
    <row r="618557" spans="14:14">
      <c r="N618557" s="10"/>
    </row>
    <row r="618558" spans="14:14">
      <c r="N618558" s="10"/>
    </row>
    <row r="618559" spans="14:14">
      <c r="N618559" s="10"/>
    </row>
    <row r="618560" spans="14:14">
      <c r="N618560" s="10"/>
    </row>
    <row r="618561" spans="14:14">
      <c r="N618561" s="10"/>
    </row>
    <row r="618562" spans="14:14">
      <c r="N618562" s="10"/>
    </row>
    <row r="618563" spans="14:14">
      <c r="N618563" s="10"/>
    </row>
    <row r="618564" spans="14:14">
      <c r="N618564" s="10"/>
    </row>
    <row r="618565" spans="14:14">
      <c r="N618565" s="10"/>
    </row>
    <row r="618566" spans="14:14">
      <c r="N618566" s="10"/>
    </row>
    <row r="618567" spans="14:14">
      <c r="N618567" s="10"/>
    </row>
    <row r="618568" spans="14:14">
      <c r="N618568" s="10"/>
    </row>
    <row r="618569" spans="14:14">
      <c r="N618569" s="10"/>
    </row>
    <row r="618570" spans="14:14">
      <c r="N618570" s="10"/>
    </row>
    <row r="618571" spans="14:14">
      <c r="N618571" s="10"/>
    </row>
    <row r="618572" spans="14:14">
      <c r="N618572" s="10"/>
    </row>
    <row r="618573" spans="14:14">
      <c r="N618573" s="10"/>
    </row>
    <row r="618574" spans="14:14">
      <c r="N618574" s="10"/>
    </row>
    <row r="618575" spans="14:14">
      <c r="N618575" s="10"/>
    </row>
    <row r="618576" spans="14:14">
      <c r="N618576" s="10"/>
    </row>
    <row r="618577" spans="14:14">
      <c r="N618577" s="10"/>
    </row>
    <row r="618578" spans="14:14">
      <c r="N618578" s="10"/>
    </row>
    <row r="618579" spans="14:14">
      <c r="N618579" s="10"/>
    </row>
    <row r="618580" spans="14:14">
      <c r="N618580" s="10"/>
    </row>
    <row r="618581" spans="14:14">
      <c r="N618581" s="10"/>
    </row>
    <row r="618582" spans="14:14">
      <c r="N618582" s="10"/>
    </row>
    <row r="618583" spans="14:14">
      <c r="N618583" s="10"/>
    </row>
    <row r="618584" spans="14:14">
      <c r="N618584" s="10"/>
    </row>
    <row r="618585" spans="14:14">
      <c r="N618585" s="10"/>
    </row>
    <row r="618586" spans="14:14">
      <c r="N618586" s="10"/>
    </row>
    <row r="618587" spans="14:14">
      <c r="N618587" s="10"/>
    </row>
    <row r="618588" spans="14:14">
      <c r="N618588" s="10"/>
    </row>
    <row r="618589" spans="14:14">
      <c r="N618589" s="10"/>
    </row>
    <row r="618590" spans="14:14">
      <c r="N618590" s="10"/>
    </row>
    <row r="618591" spans="14:14">
      <c r="N618591" s="10"/>
    </row>
    <row r="618592" spans="14:14">
      <c r="N618592" s="10"/>
    </row>
    <row r="618593" spans="14:14">
      <c r="N618593" s="10"/>
    </row>
    <row r="618594" spans="14:14">
      <c r="N618594" s="10"/>
    </row>
    <row r="618595" spans="14:14">
      <c r="N618595" s="10"/>
    </row>
    <row r="618596" spans="14:14">
      <c r="N618596" s="10"/>
    </row>
    <row r="618597" spans="14:14">
      <c r="N618597" s="10"/>
    </row>
    <row r="618598" spans="14:14">
      <c r="N618598" s="10"/>
    </row>
    <row r="618599" spans="14:14">
      <c r="N618599" s="10"/>
    </row>
    <row r="618600" spans="14:14">
      <c r="N618600" s="10"/>
    </row>
    <row r="618601" spans="14:14">
      <c r="N618601" s="10"/>
    </row>
    <row r="618602" spans="14:14">
      <c r="N618602" s="10"/>
    </row>
    <row r="618603" spans="14:14">
      <c r="N618603" s="10"/>
    </row>
    <row r="618604" spans="14:14">
      <c r="N618604" s="10"/>
    </row>
    <row r="618605" spans="14:14">
      <c r="N618605" s="10"/>
    </row>
    <row r="618606" spans="14:14">
      <c r="N618606" s="10"/>
    </row>
    <row r="618607" spans="14:14">
      <c r="N618607" s="10"/>
    </row>
    <row r="618608" spans="14:14">
      <c r="N618608" s="10"/>
    </row>
    <row r="618609" spans="14:14">
      <c r="N618609" s="10"/>
    </row>
    <row r="618610" spans="14:14">
      <c r="N618610" s="10"/>
    </row>
    <row r="618611" spans="14:14">
      <c r="N618611" s="10"/>
    </row>
    <row r="618612" spans="14:14">
      <c r="N618612" s="10"/>
    </row>
    <row r="618613" spans="14:14">
      <c r="N618613" s="10"/>
    </row>
    <row r="618614" spans="14:14">
      <c r="N618614" s="10"/>
    </row>
    <row r="618615" spans="14:14">
      <c r="N618615" s="10"/>
    </row>
    <row r="618616" spans="14:14">
      <c r="N618616" s="10"/>
    </row>
    <row r="618617" spans="14:14">
      <c r="N618617" s="10"/>
    </row>
    <row r="618618" spans="14:14">
      <c r="N618618" s="10"/>
    </row>
    <row r="618619" spans="14:14">
      <c r="N618619" s="10"/>
    </row>
    <row r="618620" spans="14:14">
      <c r="N618620" s="10"/>
    </row>
    <row r="618621" spans="14:14">
      <c r="N618621" s="10"/>
    </row>
    <row r="618622" spans="14:14">
      <c r="N618622" s="10"/>
    </row>
    <row r="618623" spans="14:14">
      <c r="N618623" s="10"/>
    </row>
    <row r="618624" spans="14:14">
      <c r="N618624" s="10"/>
    </row>
    <row r="618625" spans="14:14">
      <c r="N618625" s="10"/>
    </row>
    <row r="618626" spans="14:14">
      <c r="N618626" s="10"/>
    </row>
    <row r="618627" spans="14:14">
      <c r="N618627" s="10"/>
    </row>
    <row r="618628" spans="14:14">
      <c r="N618628" s="10"/>
    </row>
    <row r="618629" spans="14:14">
      <c r="N618629" s="10"/>
    </row>
    <row r="618630" spans="14:14">
      <c r="N618630" s="10"/>
    </row>
    <row r="618631" spans="14:14">
      <c r="N618631" s="10"/>
    </row>
    <row r="618632" spans="14:14">
      <c r="N618632" s="10"/>
    </row>
    <row r="618633" spans="14:14">
      <c r="N618633" s="10"/>
    </row>
    <row r="618634" spans="14:14">
      <c r="N618634" s="10"/>
    </row>
    <row r="618635" spans="14:14">
      <c r="N618635" s="10"/>
    </row>
    <row r="618636" spans="14:14">
      <c r="N618636" s="10"/>
    </row>
    <row r="618637" spans="14:14">
      <c r="N618637" s="10"/>
    </row>
    <row r="618638" spans="14:14">
      <c r="N618638" s="10"/>
    </row>
    <row r="618639" spans="14:14">
      <c r="N618639" s="10"/>
    </row>
    <row r="618640" spans="14:14">
      <c r="N618640" s="10"/>
    </row>
    <row r="618641" spans="14:14">
      <c r="N618641" s="10"/>
    </row>
    <row r="618642" spans="14:14">
      <c r="N618642" s="10"/>
    </row>
    <row r="618643" spans="14:14">
      <c r="N618643" s="10"/>
    </row>
    <row r="618644" spans="14:14">
      <c r="N618644" s="10"/>
    </row>
    <row r="618645" spans="14:14">
      <c r="N618645" s="10"/>
    </row>
    <row r="618646" spans="14:14">
      <c r="N618646" s="10"/>
    </row>
    <row r="618647" spans="14:14">
      <c r="N618647" s="10"/>
    </row>
    <row r="618648" spans="14:14">
      <c r="N618648" s="10"/>
    </row>
    <row r="618649" spans="14:14">
      <c r="N618649" s="10"/>
    </row>
    <row r="618650" spans="14:14">
      <c r="N618650" s="10"/>
    </row>
    <row r="618651" spans="14:14">
      <c r="N618651" s="10"/>
    </row>
    <row r="618652" spans="14:14">
      <c r="N618652" s="10"/>
    </row>
    <row r="618653" spans="14:14">
      <c r="N618653" s="10"/>
    </row>
    <row r="618654" spans="14:14">
      <c r="N618654" s="10"/>
    </row>
    <row r="618655" spans="14:14">
      <c r="N618655" s="10"/>
    </row>
    <row r="618656" spans="14:14">
      <c r="N618656" s="10"/>
    </row>
    <row r="618657" spans="14:14">
      <c r="N618657" s="10"/>
    </row>
    <row r="618658" spans="14:14">
      <c r="N618658" s="10"/>
    </row>
    <row r="618659" spans="14:14">
      <c r="N618659" s="10"/>
    </row>
    <row r="618660" spans="14:14">
      <c r="N618660" s="10"/>
    </row>
    <row r="618661" spans="14:14">
      <c r="N618661" s="10"/>
    </row>
    <row r="618662" spans="14:14">
      <c r="N618662" s="10"/>
    </row>
    <row r="618663" spans="14:14">
      <c r="N618663" s="10"/>
    </row>
    <row r="618664" spans="14:14">
      <c r="N618664" s="10"/>
    </row>
    <row r="618665" spans="14:14">
      <c r="N618665" s="10"/>
    </row>
    <row r="618666" spans="14:14">
      <c r="N618666" s="10"/>
    </row>
    <row r="618667" spans="14:14">
      <c r="N618667" s="10"/>
    </row>
    <row r="618668" spans="14:14">
      <c r="N618668" s="10"/>
    </row>
    <row r="618669" spans="14:14">
      <c r="N618669" s="10"/>
    </row>
    <row r="618670" spans="14:14">
      <c r="N618670" s="10"/>
    </row>
    <row r="618671" spans="14:14">
      <c r="N618671" s="10"/>
    </row>
    <row r="618672" spans="14:14">
      <c r="N618672" s="10"/>
    </row>
    <row r="618673" spans="14:14">
      <c r="N618673" s="10"/>
    </row>
    <row r="618674" spans="14:14">
      <c r="N618674" s="10"/>
    </row>
    <row r="618675" spans="14:14">
      <c r="N618675" s="10"/>
    </row>
    <row r="618676" spans="14:14">
      <c r="N618676" s="10"/>
    </row>
    <row r="618677" spans="14:14">
      <c r="N618677" s="10"/>
    </row>
    <row r="618678" spans="14:14">
      <c r="N618678" s="10"/>
    </row>
    <row r="618679" spans="14:14">
      <c r="N618679" s="10"/>
    </row>
    <row r="618680" spans="14:14">
      <c r="N618680" s="10"/>
    </row>
    <row r="618681" spans="14:14">
      <c r="N618681" s="10"/>
    </row>
    <row r="618682" spans="14:14">
      <c r="N618682" s="10"/>
    </row>
    <row r="618683" spans="14:14">
      <c r="N618683" s="10"/>
    </row>
    <row r="618684" spans="14:14">
      <c r="N618684" s="10"/>
    </row>
    <row r="618685" spans="14:14">
      <c r="N618685" s="10"/>
    </row>
    <row r="618686" spans="14:14">
      <c r="N618686" s="10"/>
    </row>
    <row r="618687" spans="14:14">
      <c r="N618687" s="10"/>
    </row>
    <row r="618688" spans="14:14">
      <c r="N618688" s="10"/>
    </row>
    <row r="618689" spans="14:14">
      <c r="N618689" s="10"/>
    </row>
    <row r="618690" spans="14:14">
      <c r="N618690" s="10"/>
    </row>
    <row r="618691" spans="14:14">
      <c r="N618691" s="10"/>
    </row>
    <row r="618692" spans="14:14">
      <c r="N618692" s="10"/>
    </row>
    <row r="618693" spans="14:14">
      <c r="N618693" s="10"/>
    </row>
    <row r="618694" spans="14:14">
      <c r="N618694" s="10"/>
    </row>
    <row r="618695" spans="14:14">
      <c r="N618695" s="10"/>
    </row>
    <row r="618696" spans="14:14">
      <c r="N618696" s="10"/>
    </row>
    <row r="618697" spans="14:14">
      <c r="N618697" s="10"/>
    </row>
    <row r="618698" spans="14:14">
      <c r="N618698" s="10"/>
    </row>
    <row r="618699" spans="14:14">
      <c r="N618699" s="10"/>
    </row>
    <row r="618700" spans="14:14">
      <c r="N618700" s="10"/>
    </row>
    <row r="618701" spans="14:14">
      <c r="N618701" s="10"/>
    </row>
    <row r="618702" spans="14:14">
      <c r="N618702" s="10"/>
    </row>
    <row r="618703" spans="14:14">
      <c r="N618703" s="10"/>
    </row>
    <row r="618704" spans="14:14">
      <c r="N618704" s="10"/>
    </row>
    <row r="618705" spans="14:14">
      <c r="N618705" s="10"/>
    </row>
    <row r="618706" spans="14:14">
      <c r="N618706" s="10"/>
    </row>
    <row r="618707" spans="14:14">
      <c r="N618707" s="10"/>
    </row>
    <row r="618708" spans="14:14">
      <c r="N618708" s="10"/>
    </row>
    <row r="618709" spans="14:14">
      <c r="N618709" s="10"/>
    </row>
    <row r="618710" spans="14:14">
      <c r="N618710" s="10"/>
    </row>
    <row r="618711" spans="14:14">
      <c r="N618711" s="10"/>
    </row>
    <row r="618712" spans="14:14">
      <c r="N618712" s="10"/>
    </row>
    <row r="618713" spans="14:14">
      <c r="N618713" s="10"/>
    </row>
    <row r="618714" spans="14:14">
      <c r="N618714" s="10"/>
    </row>
    <row r="618715" spans="14:14">
      <c r="N618715" s="10"/>
    </row>
    <row r="618716" spans="14:14">
      <c r="N618716" s="10"/>
    </row>
    <row r="618717" spans="14:14">
      <c r="N618717" s="10"/>
    </row>
    <row r="618718" spans="14:14">
      <c r="N618718" s="10"/>
    </row>
    <row r="618719" spans="14:14">
      <c r="N618719" s="10"/>
    </row>
    <row r="618720" spans="14:14">
      <c r="N618720" s="10"/>
    </row>
    <row r="618721" spans="14:14">
      <c r="N618721" s="10"/>
    </row>
    <row r="618722" spans="14:14">
      <c r="N618722" s="10"/>
    </row>
    <row r="618723" spans="14:14">
      <c r="N618723" s="10"/>
    </row>
    <row r="618724" spans="14:14">
      <c r="N618724" s="10"/>
    </row>
    <row r="618725" spans="14:14">
      <c r="N618725" s="10"/>
    </row>
    <row r="618726" spans="14:14">
      <c r="N618726" s="10"/>
    </row>
    <row r="618727" spans="14:14">
      <c r="N618727" s="10"/>
    </row>
    <row r="618728" spans="14:14">
      <c r="N618728" s="10"/>
    </row>
    <row r="618729" spans="14:14">
      <c r="N618729" s="10"/>
    </row>
    <row r="618730" spans="14:14">
      <c r="N618730" s="10"/>
    </row>
    <row r="618731" spans="14:14">
      <c r="N618731" s="10"/>
    </row>
    <row r="618732" spans="14:14">
      <c r="N618732" s="10"/>
    </row>
    <row r="618733" spans="14:14">
      <c r="N618733" s="10"/>
    </row>
    <row r="618734" spans="14:14">
      <c r="N618734" s="10"/>
    </row>
    <row r="618735" spans="14:14">
      <c r="N618735" s="10"/>
    </row>
    <row r="618736" spans="14:14">
      <c r="N618736" s="10"/>
    </row>
    <row r="618737" spans="14:14">
      <c r="N618737" s="10"/>
    </row>
    <row r="618738" spans="14:14">
      <c r="N618738" s="10"/>
    </row>
    <row r="618739" spans="14:14">
      <c r="N618739" s="10"/>
    </row>
    <row r="618740" spans="14:14">
      <c r="N618740" s="10"/>
    </row>
    <row r="618741" spans="14:14">
      <c r="N618741" s="10"/>
    </row>
    <row r="618742" spans="14:14">
      <c r="N618742" s="10"/>
    </row>
    <row r="618743" spans="14:14">
      <c r="N618743" s="10"/>
    </row>
    <row r="618744" spans="14:14">
      <c r="N618744" s="10"/>
    </row>
    <row r="618745" spans="14:14">
      <c r="N618745" s="10"/>
    </row>
    <row r="618746" spans="14:14">
      <c r="N618746" s="10"/>
    </row>
    <row r="618747" spans="14:14">
      <c r="N618747" s="10"/>
    </row>
    <row r="618748" spans="14:14">
      <c r="N618748" s="10"/>
    </row>
    <row r="618749" spans="14:14">
      <c r="N618749" s="10"/>
    </row>
    <row r="618750" spans="14:14">
      <c r="N618750" s="10"/>
    </row>
    <row r="618751" spans="14:14">
      <c r="N618751" s="10"/>
    </row>
    <row r="618752" spans="14:14">
      <c r="N618752" s="10"/>
    </row>
    <row r="618753" spans="14:14">
      <c r="N618753" s="10"/>
    </row>
    <row r="618754" spans="14:14">
      <c r="N618754" s="10"/>
    </row>
    <row r="618755" spans="14:14">
      <c r="N618755" s="10"/>
    </row>
    <row r="618756" spans="14:14">
      <c r="N618756" s="10"/>
    </row>
    <row r="618757" spans="14:14">
      <c r="N618757" s="10"/>
    </row>
    <row r="618758" spans="14:14">
      <c r="N618758" s="10"/>
    </row>
    <row r="618759" spans="14:14">
      <c r="N618759" s="10"/>
    </row>
    <row r="618760" spans="14:14">
      <c r="N618760" s="10"/>
    </row>
    <row r="618761" spans="14:14">
      <c r="N618761" s="10"/>
    </row>
    <row r="618762" spans="14:14">
      <c r="N618762" s="10"/>
    </row>
    <row r="618763" spans="14:14">
      <c r="N618763" s="10"/>
    </row>
    <row r="618764" spans="14:14">
      <c r="N618764" s="10"/>
    </row>
    <row r="618765" spans="14:14">
      <c r="N618765" s="10"/>
    </row>
    <row r="618766" spans="14:14">
      <c r="N618766" s="10"/>
    </row>
    <row r="618767" spans="14:14">
      <c r="N618767" s="10"/>
    </row>
    <row r="618768" spans="14:14">
      <c r="N618768" s="10"/>
    </row>
    <row r="618769" spans="14:14">
      <c r="N618769" s="10"/>
    </row>
    <row r="618770" spans="14:14">
      <c r="N618770" s="10"/>
    </row>
    <row r="618771" spans="14:14">
      <c r="N618771" s="10"/>
    </row>
    <row r="618772" spans="14:14">
      <c r="N618772" s="10"/>
    </row>
    <row r="618773" spans="14:14">
      <c r="N618773" s="10"/>
    </row>
    <row r="618774" spans="14:14">
      <c r="N618774" s="10"/>
    </row>
    <row r="618775" spans="14:14">
      <c r="N618775" s="10"/>
    </row>
    <row r="618776" spans="14:14">
      <c r="N618776" s="10"/>
    </row>
    <row r="618777" spans="14:14">
      <c r="N618777" s="10"/>
    </row>
    <row r="618778" spans="14:14">
      <c r="N618778" s="10"/>
    </row>
    <row r="618779" spans="14:14">
      <c r="N618779" s="10"/>
    </row>
    <row r="618780" spans="14:14">
      <c r="N618780" s="10"/>
    </row>
    <row r="618781" spans="14:14">
      <c r="N618781" s="10"/>
    </row>
    <row r="618782" spans="14:14">
      <c r="N618782" s="10"/>
    </row>
    <row r="618783" spans="14:14">
      <c r="N618783" s="10"/>
    </row>
    <row r="618784" spans="14:14">
      <c r="N618784" s="10"/>
    </row>
    <row r="618785" spans="14:14">
      <c r="N618785" s="10"/>
    </row>
    <row r="618786" spans="14:14">
      <c r="N618786" s="10"/>
    </row>
    <row r="618787" spans="14:14">
      <c r="N618787" s="10"/>
    </row>
    <row r="618788" spans="14:14">
      <c r="N618788" s="10"/>
    </row>
    <row r="618789" spans="14:14">
      <c r="N618789" s="10"/>
    </row>
    <row r="618790" spans="14:14">
      <c r="N618790" s="10"/>
    </row>
    <row r="618791" spans="14:14">
      <c r="N618791" s="10"/>
    </row>
    <row r="618792" spans="14:14">
      <c r="N618792" s="10"/>
    </row>
    <row r="618793" spans="14:14">
      <c r="N618793" s="10"/>
    </row>
    <row r="618794" spans="14:14">
      <c r="N618794" s="10"/>
    </row>
    <row r="618795" spans="14:14">
      <c r="N618795" s="10"/>
    </row>
    <row r="618796" spans="14:14">
      <c r="N618796" s="10"/>
    </row>
    <row r="618797" spans="14:14">
      <c r="N618797" s="10"/>
    </row>
    <row r="618798" spans="14:14">
      <c r="N618798" s="10"/>
    </row>
    <row r="618799" spans="14:14">
      <c r="N618799" s="10"/>
    </row>
    <row r="618800" spans="14:14">
      <c r="N618800" s="10"/>
    </row>
    <row r="618801" spans="14:14">
      <c r="N618801" s="10"/>
    </row>
    <row r="618802" spans="14:14">
      <c r="N618802" s="10"/>
    </row>
    <row r="618803" spans="14:14">
      <c r="N618803" s="10"/>
    </row>
    <row r="618804" spans="14:14">
      <c r="N618804" s="10"/>
    </row>
    <row r="618805" spans="14:14">
      <c r="N618805" s="10"/>
    </row>
    <row r="618806" spans="14:14">
      <c r="N618806" s="10"/>
    </row>
    <row r="618807" spans="14:14">
      <c r="N618807" s="10"/>
    </row>
    <row r="618808" spans="14:14">
      <c r="N618808" s="10"/>
    </row>
    <row r="618809" spans="14:14">
      <c r="N618809" s="10"/>
    </row>
    <row r="618810" spans="14:14">
      <c r="N618810" s="10"/>
    </row>
    <row r="618811" spans="14:14">
      <c r="N618811" s="10"/>
    </row>
    <row r="618812" spans="14:14">
      <c r="N618812" s="10"/>
    </row>
    <row r="618813" spans="14:14">
      <c r="N618813" s="10"/>
    </row>
    <row r="618814" spans="14:14">
      <c r="N618814" s="10"/>
    </row>
    <row r="618815" spans="14:14">
      <c r="N618815" s="10"/>
    </row>
    <row r="618816" spans="14:14">
      <c r="N618816" s="10"/>
    </row>
    <row r="618817" spans="14:14">
      <c r="N618817" s="10"/>
    </row>
    <row r="618818" spans="14:14">
      <c r="N618818" s="10"/>
    </row>
    <row r="618819" spans="14:14">
      <c r="N618819" s="10"/>
    </row>
    <row r="618820" spans="14:14">
      <c r="N618820" s="10"/>
    </row>
    <row r="618821" spans="14:14">
      <c r="N618821" s="10"/>
    </row>
    <row r="618822" spans="14:14">
      <c r="N618822" s="10"/>
    </row>
    <row r="618823" spans="14:14">
      <c r="N618823" s="10"/>
    </row>
    <row r="618824" spans="14:14">
      <c r="N618824" s="10"/>
    </row>
    <row r="618825" spans="14:14">
      <c r="N618825" s="10"/>
    </row>
    <row r="618826" spans="14:14">
      <c r="N618826" s="10"/>
    </row>
    <row r="618827" spans="14:14">
      <c r="N618827" s="10"/>
    </row>
    <row r="618828" spans="14:14">
      <c r="N618828" s="10"/>
    </row>
    <row r="618829" spans="14:14">
      <c r="N618829" s="10"/>
    </row>
    <row r="618830" spans="14:14">
      <c r="N618830" s="10"/>
    </row>
    <row r="618831" spans="14:14">
      <c r="N618831" s="10"/>
    </row>
    <row r="618832" spans="14:14">
      <c r="N618832" s="10"/>
    </row>
    <row r="618833" spans="14:14">
      <c r="N618833" s="10"/>
    </row>
    <row r="618834" spans="14:14">
      <c r="N618834" s="10"/>
    </row>
    <row r="618835" spans="14:14">
      <c r="N618835" s="10"/>
    </row>
    <row r="618836" spans="14:14">
      <c r="N618836" s="10"/>
    </row>
    <row r="618837" spans="14:14">
      <c r="N618837" s="10"/>
    </row>
    <row r="618838" spans="14:14">
      <c r="N618838" s="10"/>
    </row>
    <row r="618839" spans="14:14">
      <c r="N618839" s="10"/>
    </row>
    <row r="618840" spans="14:14">
      <c r="N618840" s="10"/>
    </row>
    <row r="618841" spans="14:14">
      <c r="N618841" s="10"/>
    </row>
    <row r="618842" spans="14:14">
      <c r="N618842" s="10"/>
    </row>
    <row r="618843" spans="14:14">
      <c r="N618843" s="10"/>
    </row>
    <row r="618844" spans="14:14">
      <c r="N618844" s="10"/>
    </row>
    <row r="618845" spans="14:14">
      <c r="N618845" s="10"/>
    </row>
    <row r="618846" spans="14:14">
      <c r="N618846" s="10"/>
    </row>
    <row r="618847" spans="14:14">
      <c r="N618847" s="10"/>
    </row>
    <row r="618848" spans="14:14">
      <c r="N618848" s="10"/>
    </row>
    <row r="618849" spans="14:14">
      <c r="N618849" s="10"/>
    </row>
    <row r="618850" spans="14:14">
      <c r="N618850" s="10"/>
    </row>
    <row r="618851" spans="14:14">
      <c r="N618851" s="10"/>
    </row>
    <row r="618852" spans="14:14">
      <c r="N618852" s="10"/>
    </row>
    <row r="618853" spans="14:14">
      <c r="N618853" s="10"/>
    </row>
    <row r="618854" spans="14:14">
      <c r="N618854" s="10"/>
    </row>
    <row r="618855" spans="14:14">
      <c r="N618855" s="10"/>
    </row>
    <row r="618856" spans="14:14">
      <c r="N618856" s="10"/>
    </row>
    <row r="618857" spans="14:14">
      <c r="N618857" s="10"/>
    </row>
    <row r="618858" spans="14:14">
      <c r="N618858" s="10"/>
    </row>
    <row r="618859" spans="14:14">
      <c r="N618859" s="10"/>
    </row>
    <row r="618860" spans="14:14">
      <c r="N618860" s="10"/>
    </row>
    <row r="618861" spans="14:14">
      <c r="N618861" s="10"/>
    </row>
    <row r="618862" spans="14:14">
      <c r="N618862" s="10"/>
    </row>
    <row r="618863" spans="14:14">
      <c r="N618863" s="10"/>
    </row>
    <row r="618864" spans="14:14">
      <c r="N618864" s="10"/>
    </row>
    <row r="618865" spans="14:14">
      <c r="N618865" s="10"/>
    </row>
    <row r="618866" spans="14:14">
      <c r="N618866" s="10"/>
    </row>
    <row r="618867" spans="14:14">
      <c r="N618867" s="10"/>
    </row>
    <row r="618868" spans="14:14">
      <c r="N618868" s="10"/>
    </row>
    <row r="618869" spans="14:14">
      <c r="N618869" s="10"/>
    </row>
    <row r="618870" spans="14:14">
      <c r="N618870" s="10"/>
    </row>
    <row r="618871" spans="14:14">
      <c r="N618871" s="10"/>
    </row>
    <row r="618872" spans="14:14">
      <c r="N618872" s="10"/>
    </row>
    <row r="618873" spans="14:14">
      <c r="N618873" s="10"/>
    </row>
    <row r="618874" spans="14:14">
      <c r="N618874" s="10"/>
    </row>
    <row r="618875" spans="14:14">
      <c r="N618875" s="10"/>
    </row>
    <row r="618876" spans="14:14">
      <c r="N618876" s="10"/>
    </row>
    <row r="618877" spans="14:14">
      <c r="N618877" s="10"/>
    </row>
    <row r="618878" spans="14:14">
      <c r="N618878" s="10"/>
    </row>
    <row r="618879" spans="14:14">
      <c r="N618879" s="10"/>
    </row>
    <row r="618880" spans="14:14">
      <c r="N618880" s="10"/>
    </row>
    <row r="618881" spans="14:14">
      <c r="N618881" s="10"/>
    </row>
    <row r="618882" spans="14:14">
      <c r="N618882" s="10"/>
    </row>
    <row r="618883" spans="14:14">
      <c r="N618883" s="10"/>
    </row>
    <row r="618884" spans="14:14">
      <c r="N618884" s="10"/>
    </row>
    <row r="618885" spans="14:14">
      <c r="N618885" s="10"/>
    </row>
    <row r="618886" spans="14:14">
      <c r="N618886" s="10"/>
    </row>
    <row r="618887" spans="14:14">
      <c r="N618887" s="10"/>
    </row>
    <row r="618888" spans="14:14">
      <c r="N618888" s="10"/>
    </row>
    <row r="618889" spans="14:14">
      <c r="N618889" s="10"/>
    </row>
    <row r="618890" spans="14:14">
      <c r="N618890" s="10"/>
    </row>
    <row r="618891" spans="14:14">
      <c r="N618891" s="10"/>
    </row>
    <row r="618892" spans="14:14">
      <c r="N618892" s="10"/>
    </row>
    <row r="618893" spans="14:14">
      <c r="N618893" s="10"/>
    </row>
    <row r="618894" spans="14:14">
      <c r="N618894" s="10"/>
    </row>
    <row r="618895" spans="14:14">
      <c r="N618895" s="10"/>
    </row>
    <row r="618896" spans="14:14">
      <c r="N618896" s="10"/>
    </row>
    <row r="618897" spans="14:14">
      <c r="N618897" s="10"/>
    </row>
    <row r="618898" spans="14:14">
      <c r="N618898" s="10"/>
    </row>
    <row r="618899" spans="14:14">
      <c r="N618899" s="10"/>
    </row>
    <row r="618900" spans="14:14">
      <c r="N618900" s="10"/>
    </row>
    <row r="618901" spans="14:14">
      <c r="N618901" s="10"/>
    </row>
    <row r="618902" spans="14:14">
      <c r="N618902" s="10"/>
    </row>
    <row r="618903" spans="14:14">
      <c r="N618903" s="10"/>
    </row>
    <row r="618904" spans="14:14">
      <c r="N618904" s="10"/>
    </row>
    <row r="618905" spans="14:14">
      <c r="N618905" s="10"/>
    </row>
    <row r="618906" spans="14:14">
      <c r="N618906" s="10"/>
    </row>
    <row r="618907" spans="14:14">
      <c r="N618907" s="10"/>
    </row>
    <row r="618908" spans="14:14">
      <c r="N618908" s="10"/>
    </row>
    <row r="618909" spans="14:14">
      <c r="N618909" s="10"/>
    </row>
    <row r="618910" spans="14:14">
      <c r="N618910" s="10"/>
    </row>
    <row r="618911" spans="14:14">
      <c r="N618911" s="10"/>
    </row>
    <row r="618912" spans="14:14">
      <c r="N618912" s="10"/>
    </row>
    <row r="618913" spans="14:14">
      <c r="N618913" s="10"/>
    </row>
    <row r="618914" spans="14:14">
      <c r="N618914" s="10"/>
    </row>
    <row r="618915" spans="14:14">
      <c r="N618915" s="10"/>
    </row>
    <row r="618916" spans="14:14">
      <c r="N618916" s="10"/>
    </row>
    <row r="618917" spans="14:14">
      <c r="N618917" s="10"/>
    </row>
    <row r="618918" spans="14:14">
      <c r="N618918" s="10"/>
    </row>
    <row r="618919" spans="14:14">
      <c r="N618919" s="10"/>
    </row>
    <row r="618920" spans="14:14">
      <c r="N618920" s="10"/>
    </row>
    <row r="618921" spans="14:14">
      <c r="N618921" s="10"/>
    </row>
    <row r="618922" spans="14:14">
      <c r="N618922" s="10"/>
    </row>
    <row r="618923" spans="14:14">
      <c r="N618923" s="10"/>
    </row>
    <row r="618924" spans="14:14">
      <c r="N618924" s="10"/>
    </row>
    <row r="618925" spans="14:14">
      <c r="N618925" s="10"/>
    </row>
    <row r="618926" spans="14:14">
      <c r="N618926" s="10"/>
    </row>
    <row r="618927" spans="14:14">
      <c r="N618927" s="10"/>
    </row>
    <row r="618928" spans="14:14">
      <c r="N618928" s="10"/>
    </row>
    <row r="618929" spans="14:14">
      <c r="N618929" s="10"/>
    </row>
    <row r="618930" spans="14:14">
      <c r="N618930" s="10"/>
    </row>
    <row r="618931" spans="14:14">
      <c r="N618931" s="10"/>
    </row>
    <row r="618932" spans="14:14">
      <c r="N618932" s="10"/>
    </row>
    <row r="618933" spans="14:14">
      <c r="N618933" s="10"/>
    </row>
    <row r="618934" spans="14:14">
      <c r="N618934" s="10"/>
    </row>
    <row r="618935" spans="14:14">
      <c r="N618935" s="10"/>
    </row>
    <row r="618936" spans="14:14">
      <c r="N618936" s="10"/>
    </row>
    <row r="618937" spans="14:14">
      <c r="N618937" s="10"/>
    </row>
    <row r="618938" spans="14:14">
      <c r="N618938" s="10"/>
    </row>
    <row r="618939" spans="14:14">
      <c r="N618939" s="10"/>
    </row>
    <row r="618940" spans="14:14">
      <c r="N618940" s="10"/>
    </row>
    <row r="618941" spans="14:14">
      <c r="N618941" s="10"/>
    </row>
    <row r="618942" spans="14:14">
      <c r="N618942" s="10"/>
    </row>
    <row r="618943" spans="14:14">
      <c r="N618943" s="10"/>
    </row>
    <row r="618944" spans="14:14">
      <c r="N618944" s="10"/>
    </row>
    <row r="618945" spans="14:14">
      <c r="N618945" s="10"/>
    </row>
    <row r="618946" spans="14:14">
      <c r="N618946" s="10"/>
    </row>
    <row r="618947" spans="14:14">
      <c r="N618947" s="10"/>
    </row>
    <row r="618948" spans="14:14">
      <c r="N618948" s="10"/>
    </row>
    <row r="618949" spans="14:14">
      <c r="N618949" s="10"/>
    </row>
    <row r="618950" spans="14:14">
      <c r="N618950" s="10"/>
    </row>
    <row r="618951" spans="14:14">
      <c r="N618951" s="10"/>
    </row>
    <row r="618952" spans="14:14">
      <c r="N618952" s="10"/>
    </row>
    <row r="618953" spans="14:14">
      <c r="N618953" s="10"/>
    </row>
    <row r="618954" spans="14:14">
      <c r="N618954" s="10"/>
    </row>
    <row r="618955" spans="14:14">
      <c r="N618955" s="10"/>
    </row>
    <row r="618956" spans="14:14">
      <c r="N618956" s="10"/>
    </row>
    <row r="618957" spans="14:14">
      <c r="N618957" s="10"/>
    </row>
    <row r="618958" spans="14:14">
      <c r="N618958" s="10"/>
    </row>
    <row r="618959" spans="14:14">
      <c r="N618959" s="10"/>
    </row>
    <row r="618960" spans="14:14">
      <c r="N618960" s="10"/>
    </row>
    <row r="618961" spans="14:14">
      <c r="N618961" s="10"/>
    </row>
    <row r="618962" spans="14:14">
      <c r="N618962" s="10"/>
    </row>
    <row r="618963" spans="14:14">
      <c r="N618963" s="10"/>
    </row>
    <row r="618964" spans="14:14">
      <c r="N618964" s="10"/>
    </row>
    <row r="618965" spans="14:14">
      <c r="N618965" s="10"/>
    </row>
    <row r="618966" spans="14:14">
      <c r="N618966" s="10"/>
    </row>
    <row r="618967" spans="14:14">
      <c r="N618967" s="10"/>
    </row>
    <row r="618968" spans="14:14">
      <c r="N618968" s="10"/>
    </row>
    <row r="618969" spans="14:14">
      <c r="N618969" s="10"/>
    </row>
    <row r="618970" spans="14:14">
      <c r="N618970" s="10"/>
    </row>
    <row r="618971" spans="14:14">
      <c r="N618971" s="10"/>
    </row>
    <row r="618972" spans="14:14">
      <c r="N618972" s="10"/>
    </row>
    <row r="618973" spans="14:14">
      <c r="N618973" s="10"/>
    </row>
    <row r="618974" spans="14:14">
      <c r="N618974" s="10"/>
    </row>
    <row r="618975" spans="14:14">
      <c r="N618975" s="10"/>
    </row>
    <row r="618976" spans="14:14">
      <c r="N618976" s="10"/>
    </row>
    <row r="618977" spans="14:14">
      <c r="N618977" s="10"/>
    </row>
    <row r="618978" spans="14:14">
      <c r="N618978" s="10"/>
    </row>
    <row r="618979" spans="14:14">
      <c r="N618979" s="10"/>
    </row>
    <row r="618980" spans="14:14">
      <c r="N618980" s="10"/>
    </row>
    <row r="618981" spans="14:14">
      <c r="N618981" s="10"/>
    </row>
    <row r="618982" spans="14:14">
      <c r="N618982" s="10"/>
    </row>
    <row r="618983" spans="14:14">
      <c r="N618983" s="10"/>
    </row>
    <row r="618984" spans="14:14">
      <c r="N618984" s="10"/>
    </row>
    <row r="618985" spans="14:14">
      <c r="N618985" s="10"/>
    </row>
    <row r="618986" spans="14:14">
      <c r="N618986" s="10"/>
    </row>
    <row r="618987" spans="14:14">
      <c r="N618987" s="10"/>
    </row>
    <row r="618988" spans="14:14">
      <c r="N618988" s="10"/>
    </row>
    <row r="618989" spans="14:14">
      <c r="N618989" s="10"/>
    </row>
    <row r="618990" spans="14:14">
      <c r="N618990" s="10"/>
    </row>
    <row r="618991" spans="14:14">
      <c r="N618991" s="10"/>
    </row>
    <row r="618992" spans="14:14">
      <c r="N618992" s="10"/>
    </row>
    <row r="618993" spans="14:14">
      <c r="N618993" s="10"/>
    </row>
    <row r="618994" spans="14:14">
      <c r="N618994" s="10"/>
    </row>
    <row r="618995" spans="14:14">
      <c r="N618995" s="10"/>
    </row>
    <row r="618996" spans="14:14">
      <c r="N618996" s="10"/>
    </row>
    <row r="618997" spans="14:14">
      <c r="N618997" s="10"/>
    </row>
    <row r="618998" spans="14:14">
      <c r="N618998" s="10"/>
    </row>
    <row r="618999" spans="14:14">
      <c r="N618999" s="10"/>
    </row>
    <row r="619000" spans="14:14">
      <c r="N619000" s="10"/>
    </row>
    <row r="619001" spans="14:14">
      <c r="N619001" s="10"/>
    </row>
    <row r="619002" spans="14:14">
      <c r="N619002" s="10"/>
    </row>
    <row r="619003" spans="14:14">
      <c r="N619003" s="10"/>
    </row>
    <row r="619004" spans="14:14">
      <c r="N619004" s="10"/>
    </row>
    <row r="619005" spans="14:14">
      <c r="N619005" s="10"/>
    </row>
    <row r="619006" spans="14:14">
      <c r="N619006" s="10"/>
    </row>
    <row r="619007" spans="14:14">
      <c r="N619007" s="10"/>
    </row>
    <row r="619008" spans="14:14">
      <c r="N619008" s="10"/>
    </row>
    <row r="619009" spans="14:14">
      <c r="N619009" s="10"/>
    </row>
    <row r="619010" spans="14:14">
      <c r="N619010" s="10"/>
    </row>
    <row r="619011" spans="14:14">
      <c r="N619011" s="10"/>
    </row>
    <row r="619012" spans="14:14">
      <c r="N619012" s="10"/>
    </row>
    <row r="619013" spans="14:14">
      <c r="N619013" s="10"/>
    </row>
    <row r="619014" spans="14:14">
      <c r="N619014" s="10"/>
    </row>
    <row r="619015" spans="14:14">
      <c r="N619015" s="10"/>
    </row>
    <row r="619016" spans="14:14">
      <c r="N619016" s="10"/>
    </row>
    <row r="619017" spans="14:14">
      <c r="N619017" s="10"/>
    </row>
    <row r="619018" spans="14:14">
      <c r="N619018" s="10"/>
    </row>
    <row r="619019" spans="14:14">
      <c r="N619019" s="10"/>
    </row>
    <row r="619020" spans="14:14">
      <c r="N619020" s="10"/>
    </row>
    <row r="619021" spans="14:14">
      <c r="N619021" s="10"/>
    </row>
    <row r="619022" spans="14:14">
      <c r="N619022" s="10"/>
    </row>
    <row r="619023" spans="14:14">
      <c r="N619023" s="10"/>
    </row>
    <row r="619024" spans="14:14">
      <c r="N619024" s="10"/>
    </row>
    <row r="619025" spans="14:14">
      <c r="N619025" s="10"/>
    </row>
    <row r="619026" spans="14:14">
      <c r="N619026" s="10"/>
    </row>
    <row r="619027" spans="14:14">
      <c r="N619027" s="10"/>
    </row>
    <row r="619028" spans="14:14">
      <c r="N619028" s="10"/>
    </row>
    <row r="619029" spans="14:14">
      <c r="N619029" s="10"/>
    </row>
    <row r="619030" spans="14:14">
      <c r="N619030" s="10"/>
    </row>
    <row r="619031" spans="14:14">
      <c r="N619031" s="10"/>
    </row>
    <row r="619032" spans="14:14">
      <c r="N619032" s="10"/>
    </row>
    <row r="619033" spans="14:14">
      <c r="N619033" s="10"/>
    </row>
    <row r="619034" spans="14:14">
      <c r="N619034" s="10"/>
    </row>
    <row r="619035" spans="14:14">
      <c r="N619035" s="10"/>
    </row>
    <row r="619036" spans="14:14">
      <c r="N619036" s="10"/>
    </row>
    <row r="619037" spans="14:14">
      <c r="N619037" s="10"/>
    </row>
    <row r="619038" spans="14:14">
      <c r="N619038" s="10"/>
    </row>
    <row r="619039" spans="14:14">
      <c r="N619039" s="10"/>
    </row>
    <row r="619040" spans="14:14">
      <c r="N619040" s="10"/>
    </row>
    <row r="619041" spans="14:14">
      <c r="N619041" s="10"/>
    </row>
    <row r="619042" spans="14:14">
      <c r="N619042" s="10"/>
    </row>
    <row r="619043" spans="14:14">
      <c r="N619043" s="10"/>
    </row>
    <row r="619044" spans="14:14">
      <c r="N619044" s="10"/>
    </row>
    <row r="619045" spans="14:14">
      <c r="N619045" s="10"/>
    </row>
    <row r="619046" spans="14:14">
      <c r="N619046" s="10"/>
    </row>
    <row r="619047" spans="14:14">
      <c r="N619047" s="10"/>
    </row>
    <row r="619048" spans="14:14">
      <c r="N619048" s="10"/>
    </row>
    <row r="619049" spans="14:14">
      <c r="N619049" s="10"/>
    </row>
    <row r="619050" spans="14:14">
      <c r="N619050" s="10"/>
    </row>
    <row r="619051" spans="14:14">
      <c r="N619051" s="10"/>
    </row>
    <row r="619052" spans="14:14">
      <c r="N619052" s="10"/>
    </row>
    <row r="619053" spans="14:14">
      <c r="N619053" s="10"/>
    </row>
    <row r="619054" spans="14:14">
      <c r="N619054" s="10"/>
    </row>
    <row r="619055" spans="14:14">
      <c r="N619055" s="10"/>
    </row>
    <row r="619056" spans="14:14">
      <c r="N619056" s="10"/>
    </row>
    <row r="619057" spans="14:14">
      <c r="N619057" s="10"/>
    </row>
    <row r="619058" spans="14:14">
      <c r="N619058" s="10"/>
    </row>
    <row r="619059" spans="14:14">
      <c r="N619059" s="10"/>
    </row>
    <row r="619060" spans="14:14">
      <c r="N619060" s="10"/>
    </row>
    <row r="619061" spans="14:14">
      <c r="N619061" s="10"/>
    </row>
    <row r="619062" spans="14:14">
      <c r="N619062" s="10"/>
    </row>
    <row r="619063" spans="14:14">
      <c r="N619063" s="10"/>
    </row>
    <row r="619064" spans="14:14">
      <c r="N619064" s="10"/>
    </row>
    <row r="619065" spans="14:14">
      <c r="N619065" s="10"/>
    </row>
    <row r="619066" spans="14:14">
      <c r="N619066" s="10"/>
    </row>
    <row r="619067" spans="14:14">
      <c r="N619067" s="10"/>
    </row>
    <row r="619068" spans="14:14">
      <c r="N619068" s="10"/>
    </row>
    <row r="619069" spans="14:14">
      <c r="N619069" s="10"/>
    </row>
    <row r="619070" spans="14:14">
      <c r="N619070" s="10"/>
    </row>
    <row r="619071" spans="14:14">
      <c r="N619071" s="10"/>
    </row>
    <row r="619072" spans="14:14">
      <c r="N619072" s="10"/>
    </row>
    <row r="619073" spans="14:14">
      <c r="N619073" s="10"/>
    </row>
    <row r="619074" spans="14:14">
      <c r="N619074" s="10"/>
    </row>
    <row r="619075" spans="14:14">
      <c r="N619075" s="10"/>
    </row>
    <row r="619076" spans="14:14">
      <c r="N619076" s="10"/>
    </row>
    <row r="619077" spans="14:14">
      <c r="N619077" s="10"/>
    </row>
    <row r="619078" spans="14:14">
      <c r="N619078" s="10"/>
    </row>
    <row r="619079" spans="14:14">
      <c r="N619079" s="10"/>
    </row>
    <row r="619080" spans="14:14">
      <c r="N619080" s="10"/>
    </row>
    <row r="619081" spans="14:14">
      <c r="N619081" s="10"/>
    </row>
    <row r="619082" spans="14:14">
      <c r="N619082" s="10"/>
    </row>
    <row r="619083" spans="14:14">
      <c r="N619083" s="10"/>
    </row>
    <row r="619084" spans="14:14">
      <c r="N619084" s="10"/>
    </row>
    <row r="619085" spans="14:14">
      <c r="N619085" s="10"/>
    </row>
    <row r="619086" spans="14:14">
      <c r="N619086" s="10"/>
    </row>
    <row r="619087" spans="14:14">
      <c r="N619087" s="10"/>
    </row>
    <row r="619088" spans="14:14">
      <c r="N619088" s="10"/>
    </row>
    <row r="619089" spans="14:14">
      <c r="N619089" s="10"/>
    </row>
    <row r="619090" spans="14:14">
      <c r="N619090" s="10"/>
    </row>
    <row r="619091" spans="14:14">
      <c r="N619091" s="10"/>
    </row>
    <row r="619092" spans="14:14">
      <c r="N619092" s="10"/>
    </row>
    <row r="619093" spans="14:14">
      <c r="N619093" s="10"/>
    </row>
    <row r="619094" spans="14:14">
      <c r="N619094" s="10"/>
    </row>
    <row r="619095" spans="14:14">
      <c r="N619095" s="10"/>
    </row>
    <row r="619096" spans="14:14">
      <c r="N619096" s="10"/>
    </row>
    <row r="619097" spans="14:14">
      <c r="N619097" s="10"/>
    </row>
    <row r="619098" spans="14:14">
      <c r="N619098" s="10"/>
    </row>
    <row r="619099" spans="14:14">
      <c r="N619099" s="10"/>
    </row>
    <row r="619100" spans="14:14">
      <c r="N619100" s="10"/>
    </row>
    <row r="619101" spans="14:14">
      <c r="N619101" s="10"/>
    </row>
    <row r="619102" spans="14:14">
      <c r="N619102" s="10"/>
    </row>
    <row r="619103" spans="14:14">
      <c r="N619103" s="10"/>
    </row>
    <row r="619104" spans="14:14">
      <c r="N619104" s="10"/>
    </row>
    <row r="619105" spans="14:14">
      <c r="N619105" s="10"/>
    </row>
    <row r="619106" spans="14:14">
      <c r="N619106" s="10"/>
    </row>
    <row r="619107" spans="14:14">
      <c r="N619107" s="10"/>
    </row>
    <row r="619108" spans="14:14">
      <c r="N619108" s="10"/>
    </row>
    <row r="619109" spans="14:14">
      <c r="N619109" s="10"/>
    </row>
    <row r="619110" spans="14:14">
      <c r="N619110" s="10"/>
    </row>
    <row r="619111" spans="14:14">
      <c r="N619111" s="10"/>
    </row>
    <row r="619112" spans="14:14">
      <c r="N619112" s="10"/>
    </row>
    <row r="619113" spans="14:14">
      <c r="N619113" s="10"/>
    </row>
    <row r="619114" spans="14:14">
      <c r="N619114" s="10"/>
    </row>
    <row r="619115" spans="14:14">
      <c r="N619115" s="10"/>
    </row>
    <row r="619116" spans="14:14">
      <c r="N619116" s="10"/>
    </row>
    <row r="619117" spans="14:14">
      <c r="N619117" s="10"/>
    </row>
    <row r="619118" spans="14:14">
      <c r="N619118" s="10"/>
    </row>
    <row r="619119" spans="14:14">
      <c r="N619119" s="10"/>
    </row>
    <row r="619120" spans="14:14">
      <c r="N619120" s="10"/>
    </row>
    <row r="619121" spans="14:14">
      <c r="N619121" s="10"/>
    </row>
    <row r="619122" spans="14:14">
      <c r="N619122" s="10"/>
    </row>
    <row r="619123" spans="14:14">
      <c r="N619123" s="10"/>
    </row>
    <row r="619124" spans="14:14">
      <c r="N619124" s="10"/>
    </row>
    <row r="619125" spans="14:14">
      <c r="N619125" s="10"/>
    </row>
    <row r="619126" spans="14:14">
      <c r="N619126" s="10"/>
    </row>
    <row r="619127" spans="14:14">
      <c r="N619127" s="10"/>
    </row>
    <row r="619128" spans="14:14">
      <c r="N619128" s="10"/>
    </row>
    <row r="619129" spans="14:14">
      <c r="N619129" s="10"/>
    </row>
    <row r="619130" spans="14:14">
      <c r="N619130" s="10"/>
    </row>
    <row r="619131" spans="14:14">
      <c r="N619131" s="10"/>
    </row>
    <row r="619132" spans="14:14">
      <c r="N619132" s="10"/>
    </row>
    <row r="619133" spans="14:14">
      <c r="N619133" s="10"/>
    </row>
    <row r="619134" spans="14:14">
      <c r="N619134" s="10"/>
    </row>
    <row r="619135" spans="14:14">
      <c r="N619135" s="10"/>
    </row>
    <row r="619136" spans="14:14">
      <c r="N619136" s="10"/>
    </row>
    <row r="619137" spans="14:14">
      <c r="N619137" s="10"/>
    </row>
    <row r="619138" spans="14:14">
      <c r="N619138" s="10"/>
    </row>
    <row r="619139" spans="14:14">
      <c r="N619139" s="10"/>
    </row>
    <row r="619140" spans="14:14">
      <c r="N619140" s="10"/>
    </row>
    <row r="619141" spans="14:14">
      <c r="N619141" s="10"/>
    </row>
    <row r="619142" spans="14:14">
      <c r="N619142" s="10"/>
    </row>
    <row r="619143" spans="14:14">
      <c r="N619143" s="10"/>
    </row>
    <row r="619144" spans="14:14">
      <c r="N619144" s="10"/>
    </row>
    <row r="619145" spans="14:14">
      <c r="N619145" s="10"/>
    </row>
    <row r="619146" spans="14:14">
      <c r="N619146" s="10"/>
    </row>
    <row r="619147" spans="14:14">
      <c r="N619147" s="10"/>
    </row>
    <row r="619148" spans="14:14">
      <c r="N619148" s="10"/>
    </row>
    <row r="619149" spans="14:14">
      <c r="N619149" s="10"/>
    </row>
    <row r="619150" spans="14:14">
      <c r="N619150" s="10"/>
    </row>
    <row r="619151" spans="14:14">
      <c r="N619151" s="10"/>
    </row>
    <row r="619152" spans="14:14">
      <c r="N619152" s="10"/>
    </row>
    <row r="619153" spans="14:14">
      <c r="N619153" s="10"/>
    </row>
    <row r="619154" spans="14:14">
      <c r="N619154" s="10"/>
    </row>
    <row r="619155" spans="14:14">
      <c r="N619155" s="10"/>
    </row>
    <row r="619156" spans="14:14">
      <c r="N619156" s="10"/>
    </row>
    <row r="619157" spans="14:14">
      <c r="N619157" s="10"/>
    </row>
    <row r="619158" spans="14:14">
      <c r="N619158" s="10"/>
    </row>
    <row r="619159" spans="14:14">
      <c r="N619159" s="10"/>
    </row>
    <row r="619160" spans="14:14">
      <c r="N619160" s="10"/>
    </row>
    <row r="619161" spans="14:14">
      <c r="N619161" s="10"/>
    </row>
    <row r="619162" spans="14:14">
      <c r="N619162" s="10"/>
    </row>
    <row r="619163" spans="14:14">
      <c r="N619163" s="10"/>
    </row>
    <row r="619164" spans="14:14">
      <c r="N619164" s="10"/>
    </row>
    <row r="619165" spans="14:14">
      <c r="N619165" s="10"/>
    </row>
    <row r="619166" spans="14:14">
      <c r="N619166" s="10"/>
    </row>
    <row r="619167" spans="14:14">
      <c r="N619167" s="10"/>
    </row>
    <row r="619168" spans="14:14">
      <c r="N619168" s="10"/>
    </row>
    <row r="619169" spans="14:14">
      <c r="N619169" s="10"/>
    </row>
    <row r="619170" spans="14:14">
      <c r="N619170" s="10"/>
    </row>
    <row r="619171" spans="14:14">
      <c r="N619171" s="10"/>
    </row>
    <row r="619172" spans="14:14">
      <c r="N619172" s="10"/>
    </row>
    <row r="619173" spans="14:14">
      <c r="N619173" s="10"/>
    </row>
    <row r="619174" spans="14:14">
      <c r="N619174" s="10"/>
    </row>
    <row r="619175" spans="14:14">
      <c r="N619175" s="10"/>
    </row>
    <row r="619176" spans="14:14">
      <c r="N619176" s="10"/>
    </row>
    <row r="619177" spans="14:14">
      <c r="N619177" s="10"/>
    </row>
    <row r="619178" spans="14:14">
      <c r="N619178" s="10"/>
    </row>
    <row r="619179" spans="14:14">
      <c r="N619179" s="10"/>
    </row>
    <row r="619180" spans="14:14">
      <c r="N619180" s="10"/>
    </row>
    <row r="619181" spans="14:14">
      <c r="N619181" s="10"/>
    </row>
    <row r="619182" spans="14:14">
      <c r="N619182" s="10"/>
    </row>
    <row r="619183" spans="14:14">
      <c r="N619183" s="10"/>
    </row>
    <row r="619184" spans="14:14">
      <c r="N619184" s="10"/>
    </row>
    <row r="619185" spans="14:14">
      <c r="N619185" s="10"/>
    </row>
    <row r="619186" spans="14:14">
      <c r="N619186" s="10"/>
    </row>
    <row r="619187" spans="14:14">
      <c r="N619187" s="10"/>
    </row>
    <row r="619188" spans="14:14">
      <c r="N619188" s="10"/>
    </row>
    <row r="619189" spans="14:14">
      <c r="N619189" s="10"/>
    </row>
    <row r="619190" spans="14:14">
      <c r="N619190" s="10"/>
    </row>
    <row r="619191" spans="14:14">
      <c r="N619191" s="10"/>
    </row>
    <row r="619192" spans="14:14">
      <c r="N619192" s="10"/>
    </row>
    <row r="619193" spans="14:14">
      <c r="N619193" s="10"/>
    </row>
    <row r="619194" spans="14:14">
      <c r="N619194" s="10"/>
    </row>
    <row r="619195" spans="14:14">
      <c r="N619195" s="10"/>
    </row>
    <row r="619196" spans="14:14">
      <c r="N619196" s="10"/>
    </row>
    <row r="619197" spans="14:14">
      <c r="N619197" s="10"/>
    </row>
    <row r="619198" spans="14:14">
      <c r="N619198" s="10"/>
    </row>
    <row r="619199" spans="14:14">
      <c r="N619199" s="10"/>
    </row>
    <row r="619200" spans="14:14">
      <c r="N619200" s="10"/>
    </row>
    <row r="619201" spans="14:14">
      <c r="N619201" s="10"/>
    </row>
    <row r="619202" spans="14:14">
      <c r="N619202" s="10"/>
    </row>
    <row r="619203" spans="14:14">
      <c r="N619203" s="10"/>
    </row>
    <row r="619204" spans="14:14">
      <c r="N619204" s="10"/>
    </row>
    <row r="619205" spans="14:14">
      <c r="N619205" s="10"/>
    </row>
    <row r="619206" spans="14:14">
      <c r="N619206" s="10"/>
    </row>
    <row r="619207" spans="14:14">
      <c r="N619207" s="10"/>
    </row>
    <row r="619208" spans="14:14">
      <c r="N619208" s="10"/>
    </row>
    <row r="619209" spans="14:14">
      <c r="N619209" s="10"/>
    </row>
    <row r="619210" spans="14:14">
      <c r="N619210" s="10"/>
    </row>
    <row r="619211" spans="14:14">
      <c r="N619211" s="10"/>
    </row>
    <row r="619212" spans="14:14">
      <c r="N619212" s="10"/>
    </row>
    <row r="619213" spans="14:14">
      <c r="N619213" s="10"/>
    </row>
    <row r="619214" spans="14:14">
      <c r="N619214" s="10"/>
    </row>
    <row r="619215" spans="14:14">
      <c r="N619215" s="10"/>
    </row>
    <row r="619216" spans="14:14">
      <c r="N619216" s="10"/>
    </row>
    <row r="619217" spans="14:14">
      <c r="N619217" s="10"/>
    </row>
    <row r="619218" spans="14:14">
      <c r="N619218" s="10"/>
    </row>
    <row r="619219" spans="14:14">
      <c r="N619219" s="10"/>
    </row>
    <row r="619220" spans="14:14">
      <c r="N619220" s="10"/>
    </row>
    <row r="619221" spans="14:14">
      <c r="N619221" s="10"/>
    </row>
    <row r="619222" spans="14:14">
      <c r="N619222" s="10"/>
    </row>
    <row r="619223" spans="14:14">
      <c r="N619223" s="10"/>
    </row>
    <row r="619224" spans="14:14">
      <c r="N619224" s="10"/>
    </row>
    <row r="619225" spans="14:14">
      <c r="N619225" s="10"/>
    </row>
    <row r="619226" spans="14:14">
      <c r="N619226" s="10"/>
    </row>
    <row r="619227" spans="14:14">
      <c r="N619227" s="10"/>
    </row>
    <row r="619228" spans="14:14">
      <c r="N619228" s="10"/>
    </row>
    <row r="619229" spans="14:14">
      <c r="N619229" s="10"/>
    </row>
    <row r="619230" spans="14:14">
      <c r="N619230" s="10"/>
    </row>
    <row r="619231" spans="14:14">
      <c r="N619231" s="10"/>
    </row>
    <row r="619232" spans="14:14">
      <c r="N619232" s="10"/>
    </row>
    <row r="619233" spans="14:14">
      <c r="N619233" s="10"/>
    </row>
    <row r="619234" spans="14:14">
      <c r="N619234" s="10"/>
    </row>
    <row r="619235" spans="14:14">
      <c r="N619235" s="10"/>
    </row>
    <row r="619236" spans="14:14">
      <c r="N619236" s="10"/>
    </row>
    <row r="619237" spans="14:14">
      <c r="N619237" s="10"/>
    </row>
    <row r="619238" spans="14:14">
      <c r="N619238" s="10"/>
    </row>
    <row r="619239" spans="14:14">
      <c r="N619239" s="10"/>
    </row>
    <row r="619240" spans="14:14">
      <c r="N619240" s="10"/>
    </row>
    <row r="619241" spans="14:14">
      <c r="N619241" s="10"/>
    </row>
    <row r="619242" spans="14:14">
      <c r="N619242" s="10"/>
    </row>
    <row r="619243" spans="14:14">
      <c r="N619243" s="10"/>
    </row>
    <row r="619244" spans="14:14">
      <c r="N619244" s="10"/>
    </row>
    <row r="619245" spans="14:14">
      <c r="N619245" s="10"/>
    </row>
    <row r="619246" spans="14:14">
      <c r="N619246" s="10"/>
    </row>
    <row r="619247" spans="14:14">
      <c r="N619247" s="10"/>
    </row>
    <row r="619248" spans="14:14">
      <c r="N619248" s="10"/>
    </row>
    <row r="619249" spans="14:14">
      <c r="N619249" s="10"/>
    </row>
    <row r="619250" spans="14:14">
      <c r="N619250" s="10"/>
    </row>
    <row r="619251" spans="14:14">
      <c r="N619251" s="10"/>
    </row>
    <row r="619252" spans="14:14">
      <c r="N619252" s="10"/>
    </row>
    <row r="619253" spans="14:14">
      <c r="N619253" s="10"/>
    </row>
    <row r="619254" spans="14:14">
      <c r="N619254" s="10"/>
    </row>
    <row r="619255" spans="14:14">
      <c r="N619255" s="10"/>
    </row>
    <row r="619256" spans="14:14">
      <c r="N619256" s="10"/>
    </row>
    <row r="619257" spans="14:14">
      <c r="N619257" s="10"/>
    </row>
    <row r="619258" spans="14:14">
      <c r="N619258" s="10"/>
    </row>
    <row r="619259" spans="14:14">
      <c r="N619259" s="10"/>
    </row>
    <row r="619260" spans="14:14">
      <c r="N619260" s="10"/>
    </row>
    <row r="619261" spans="14:14">
      <c r="N619261" s="10"/>
    </row>
    <row r="619262" spans="14:14">
      <c r="N619262" s="10"/>
    </row>
    <row r="619263" spans="14:14">
      <c r="N619263" s="10"/>
    </row>
    <row r="619264" spans="14:14">
      <c r="N619264" s="10"/>
    </row>
    <row r="619265" spans="14:14">
      <c r="N619265" s="10"/>
    </row>
    <row r="619266" spans="14:14">
      <c r="N619266" s="10"/>
    </row>
    <row r="619267" spans="14:14">
      <c r="N619267" s="10"/>
    </row>
    <row r="619268" spans="14:14">
      <c r="N619268" s="10"/>
    </row>
    <row r="619269" spans="14:14">
      <c r="N619269" s="10"/>
    </row>
    <row r="619270" spans="14:14">
      <c r="N619270" s="10"/>
    </row>
    <row r="619271" spans="14:14">
      <c r="N619271" s="10"/>
    </row>
    <row r="619272" spans="14:14">
      <c r="N619272" s="10"/>
    </row>
    <row r="619273" spans="14:14">
      <c r="N619273" s="10"/>
    </row>
    <row r="619274" spans="14:14">
      <c r="N619274" s="10"/>
    </row>
    <row r="619275" spans="14:14">
      <c r="N619275" s="10"/>
    </row>
    <row r="619276" spans="14:14">
      <c r="N619276" s="10"/>
    </row>
    <row r="619277" spans="14:14">
      <c r="N619277" s="10"/>
    </row>
    <row r="619278" spans="14:14">
      <c r="N619278" s="10"/>
    </row>
    <row r="619279" spans="14:14">
      <c r="N619279" s="10"/>
    </row>
    <row r="619280" spans="14:14">
      <c r="N619280" s="10"/>
    </row>
    <row r="619281" spans="14:14">
      <c r="N619281" s="10"/>
    </row>
    <row r="619282" spans="14:14">
      <c r="N619282" s="10"/>
    </row>
    <row r="619283" spans="14:14">
      <c r="N619283" s="10"/>
    </row>
    <row r="619284" spans="14:14">
      <c r="N619284" s="10"/>
    </row>
    <row r="619285" spans="14:14">
      <c r="N619285" s="10"/>
    </row>
    <row r="619286" spans="14:14">
      <c r="N619286" s="10"/>
    </row>
    <row r="619287" spans="14:14">
      <c r="N619287" s="10"/>
    </row>
    <row r="619288" spans="14:14">
      <c r="N619288" s="10"/>
    </row>
    <row r="619289" spans="14:14">
      <c r="N619289" s="10"/>
    </row>
    <row r="619290" spans="14:14">
      <c r="N619290" s="10"/>
    </row>
    <row r="619291" spans="14:14">
      <c r="N619291" s="10"/>
    </row>
    <row r="619292" spans="14:14">
      <c r="N619292" s="10"/>
    </row>
    <row r="619293" spans="14:14">
      <c r="N619293" s="10"/>
    </row>
    <row r="619294" spans="14:14">
      <c r="N619294" s="10"/>
    </row>
    <row r="619295" spans="14:14">
      <c r="N619295" s="10"/>
    </row>
    <row r="619296" spans="14:14">
      <c r="N619296" s="10"/>
    </row>
    <row r="619297" spans="14:14">
      <c r="N619297" s="10"/>
    </row>
    <row r="619298" spans="14:14">
      <c r="N619298" s="10"/>
    </row>
    <row r="619299" spans="14:14">
      <c r="N619299" s="10"/>
    </row>
    <row r="619300" spans="14:14">
      <c r="N619300" s="10"/>
    </row>
    <row r="619301" spans="14:14">
      <c r="N619301" s="10"/>
    </row>
    <row r="619302" spans="14:14">
      <c r="N619302" s="10"/>
    </row>
    <row r="619303" spans="14:14">
      <c r="N619303" s="10"/>
    </row>
    <row r="619304" spans="14:14">
      <c r="N619304" s="10"/>
    </row>
    <row r="619305" spans="14:14">
      <c r="N619305" s="10"/>
    </row>
    <row r="619306" spans="14:14">
      <c r="N619306" s="10"/>
    </row>
    <row r="619307" spans="14:14">
      <c r="N619307" s="10"/>
    </row>
    <row r="619308" spans="14:14">
      <c r="N619308" s="10"/>
    </row>
    <row r="619309" spans="14:14">
      <c r="N619309" s="10"/>
    </row>
    <row r="619310" spans="14:14">
      <c r="N619310" s="10"/>
    </row>
    <row r="619311" spans="14:14">
      <c r="N619311" s="10"/>
    </row>
    <row r="619312" spans="14:14">
      <c r="N619312" s="10"/>
    </row>
    <row r="619313" spans="14:14">
      <c r="N619313" s="10"/>
    </row>
    <row r="619314" spans="14:14">
      <c r="N619314" s="10"/>
    </row>
    <row r="619315" spans="14:14">
      <c r="N619315" s="10"/>
    </row>
    <row r="619316" spans="14:14">
      <c r="N619316" s="10"/>
    </row>
    <row r="619317" spans="14:14">
      <c r="N619317" s="10"/>
    </row>
    <row r="619318" spans="14:14">
      <c r="N619318" s="10"/>
    </row>
    <row r="619319" spans="14:14">
      <c r="N619319" s="10"/>
    </row>
    <row r="619320" spans="14:14">
      <c r="N619320" s="10"/>
    </row>
    <row r="619321" spans="14:14">
      <c r="N619321" s="10"/>
    </row>
    <row r="619322" spans="14:14">
      <c r="N619322" s="10"/>
    </row>
    <row r="619323" spans="14:14">
      <c r="N619323" s="10"/>
    </row>
    <row r="619324" spans="14:14">
      <c r="N619324" s="10"/>
    </row>
    <row r="619325" spans="14:14">
      <c r="N619325" s="10"/>
    </row>
    <row r="619326" spans="14:14">
      <c r="N619326" s="10"/>
    </row>
    <row r="619327" spans="14:14">
      <c r="N619327" s="10"/>
    </row>
    <row r="619328" spans="14:14">
      <c r="N619328" s="10"/>
    </row>
    <row r="619329" spans="14:14">
      <c r="N619329" s="10"/>
    </row>
    <row r="619330" spans="14:14">
      <c r="N619330" s="10"/>
    </row>
    <row r="619331" spans="14:14">
      <c r="N619331" s="10"/>
    </row>
    <row r="619332" spans="14:14">
      <c r="N619332" s="10"/>
    </row>
    <row r="619333" spans="14:14">
      <c r="N619333" s="10"/>
    </row>
    <row r="619334" spans="14:14">
      <c r="N619334" s="10"/>
    </row>
    <row r="619335" spans="14:14">
      <c r="N619335" s="10"/>
    </row>
    <row r="619336" spans="14:14">
      <c r="N619336" s="10"/>
    </row>
    <row r="619337" spans="14:14">
      <c r="N619337" s="10"/>
    </row>
    <row r="619338" spans="14:14">
      <c r="N619338" s="10"/>
    </row>
    <row r="619339" spans="14:14">
      <c r="N619339" s="10"/>
    </row>
    <row r="619340" spans="14:14">
      <c r="N619340" s="10"/>
    </row>
    <row r="619341" spans="14:14">
      <c r="N619341" s="10"/>
    </row>
    <row r="619342" spans="14:14">
      <c r="N619342" s="10"/>
    </row>
    <row r="619343" spans="14:14">
      <c r="N619343" s="10"/>
    </row>
    <row r="619344" spans="14:14">
      <c r="N619344" s="10"/>
    </row>
    <row r="619345" spans="14:14">
      <c r="N619345" s="10"/>
    </row>
    <row r="619346" spans="14:14">
      <c r="N619346" s="10"/>
    </row>
    <row r="619347" spans="14:14">
      <c r="N619347" s="10"/>
    </row>
    <row r="619348" spans="14:14">
      <c r="N619348" s="10"/>
    </row>
    <row r="619349" spans="14:14">
      <c r="N619349" s="10"/>
    </row>
    <row r="619350" spans="14:14">
      <c r="N619350" s="10"/>
    </row>
    <row r="619351" spans="14:14">
      <c r="N619351" s="10"/>
    </row>
    <row r="619352" spans="14:14">
      <c r="N619352" s="10"/>
    </row>
    <row r="619353" spans="14:14">
      <c r="N619353" s="10"/>
    </row>
    <row r="619354" spans="14:14">
      <c r="N619354" s="10"/>
    </row>
    <row r="619355" spans="14:14">
      <c r="N619355" s="10"/>
    </row>
    <row r="619356" spans="14:14">
      <c r="N619356" s="10"/>
    </row>
    <row r="619357" spans="14:14">
      <c r="N619357" s="10"/>
    </row>
    <row r="619358" spans="14:14">
      <c r="N619358" s="10"/>
    </row>
    <row r="619359" spans="14:14">
      <c r="N619359" s="10"/>
    </row>
    <row r="619360" spans="14:14">
      <c r="N619360" s="10"/>
    </row>
    <row r="619361" spans="14:14">
      <c r="N619361" s="10"/>
    </row>
    <row r="619362" spans="14:14">
      <c r="N619362" s="10"/>
    </row>
    <row r="619363" spans="14:14">
      <c r="N619363" s="10"/>
    </row>
    <row r="619364" spans="14:14">
      <c r="N619364" s="10"/>
    </row>
    <row r="619365" spans="14:14">
      <c r="N619365" s="10"/>
    </row>
    <row r="619366" spans="14:14">
      <c r="N619366" s="10"/>
    </row>
    <row r="619367" spans="14:14">
      <c r="N619367" s="10"/>
    </row>
    <row r="619368" spans="14:14">
      <c r="N619368" s="10"/>
    </row>
    <row r="619369" spans="14:14">
      <c r="N619369" s="10"/>
    </row>
    <row r="619370" spans="14:14">
      <c r="N619370" s="10"/>
    </row>
    <row r="619371" spans="14:14">
      <c r="N619371" s="10"/>
    </row>
    <row r="619372" spans="14:14">
      <c r="N619372" s="10"/>
    </row>
    <row r="619373" spans="14:14">
      <c r="N619373" s="10"/>
    </row>
    <row r="619374" spans="14:14">
      <c r="N619374" s="10"/>
    </row>
    <row r="619375" spans="14:14">
      <c r="N619375" s="10"/>
    </row>
    <row r="619376" spans="14:14">
      <c r="N619376" s="10"/>
    </row>
    <row r="619377" spans="14:14">
      <c r="N619377" s="10"/>
    </row>
    <row r="619378" spans="14:14">
      <c r="N619378" s="10"/>
    </row>
    <row r="619379" spans="14:14">
      <c r="N619379" s="10"/>
    </row>
    <row r="619380" spans="14:14">
      <c r="N619380" s="10"/>
    </row>
    <row r="619381" spans="14:14">
      <c r="N619381" s="10"/>
    </row>
    <row r="619382" spans="14:14">
      <c r="N619382" s="10"/>
    </row>
    <row r="619383" spans="14:14">
      <c r="N619383" s="10"/>
    </row>
    <row r="619384" spans="14:14">
      <c r="N619384" s="10"/>
    </row>
    <row r="619385" spans="14:14">
      <c r="N619385" s="10"/>
    </row>
    <row r="619386" spans="14:14">
      <c r="N619386" s="10"/>
    </row>
    <row r="619387" spans="14:14">
      <c r="N619387" s="10"/>
    </row>
    <row r="619388" spans="14:14">
      <c r="N619388" s="10"/>
    </row>
    <row r="619389" spans="14:14">
      <c r="N619389" s="10"/>
    </row>
    <row r="619390" spans="14:14">
      <c r="N619390" s="10"/>
    </row>
    <row r="619391" spans="14:14">
      <c r="N619391" s="10"/>
    </row>
    <row r="619392" spans="14:14">
      <c r="N619392" s="10"/>
    </row>
    <row r="619393" spans="14:14">
      <c r="N619393" s="10"/>
    </row>
    <row r="619394" spans="14:14">
      <c r="N619394" s="10"/>
    </row>
    <row r="619395" spans="14:14">
      <c r="N619395" s="10"/>
    </row>
    <row r="619396" spans="14:14">
      <c r="N619396" s="10"/>
    </row>
    <row r="619397" spans="14:14">
      <c r="N619397" s="10"/>
    </row>
    <row r="619398" spans="14:14">
      <c r="N619398" s="10"/>
    </row>
    <row r="619399" spans="14:14">
      <c r="N619399" s="10"/>
    </row>
    <row r="619400" spans="14:14">
      <c r="N619400" s="10"/>
    </row>
    <row r="619401" spans="14:14">
      <c r="N619401" s="10"/>
    </row>
    <row r="619402" spans="14:14">
      <c r="N619402" s="10"/>
    </row>
    <row r="619403" spans="14:14">
      <c r="N619403" s="10"/>
    </row>
    <row r="619404" spans="14:14">
      <c r="N619404" s="10"/>
    </row>
    <row r="619405" spans="14:14">
      <c r="N619405" s="10"/>
    </row>
    <row r="619406" spans="14:14">
      <c r="N619406" s="10"/>
    </row>
    <row r="619407" spans="14:14">
      <c r="N619407" s="10"/>
    </row>
    <row r="619408" spans="14:14">
      <c r="N619408" s="10"/>
    </row>
    <row r="619409" spans="14:14">
      <c r="N619409" s="10"/>
    </row>
    <row r="619410" spans="14:14">
      <c r="N619410" s="10"/>
    </row>
    <row r="619411" spans="14:14">
      <c r="N619411" s="10"/>
    </row>
    <row r="619412" spans="14:14">
      <c r="N619412" s="10"/>
    </row>
    <row r="619413" spans="14:14">
      <c r="N619413" s="10"/>
    </row>
    <row r="619414" spans="14:14">
      <c r="N619414" s="10"/>
    </row>
    <row r="619415" spans="14:14">
      <c r="N619415" s="10"/>
    </row>
    <row r="619416" spans="14:14">
      <c r="N619416" s="10"/>
    </row>
    <row r="619417" spans="14:14">
      <c r="N619417" s="10"/>
    </row>
    <row r="619418" spans="14:14">
      <c r="N619418" s="10"/>
    </row>
    <row r="619419" spans="14:14">
      <c r="N619419" s="10"/>
    </row>
    <row r="619420" spans="14:14">
      <c r="N619420" s="10"/>
    </row>
    <row r="619421" spans="14:14">
      <c r="N619421" s="10"/>
    </row>
    <row r="619422" spans="14:14">
      <c r="N619422" s="10"/>
    </row>
    <row r="619423" spans="14:14">
      <c r="N619423" s="10"/>
    </row>
    <row r="619424" spans="14:14">
      <c r="N619424" s="10"/>
    </row>
    <row r="619425" spans="14:14">
      <c r="N619425" s="10"/>
    </row>
    <row r="619426" spans="14:14">
      <c r="N619426" s="10"/>
    </row>
    <row r="619427" spans="14:14">
      <c r="N619427" s="10"/>
    </row>
    <row r="619428" spans="14:14">
      <c r="N619428" s="10"/>
    </row>
    <row r="619429" spans="14:14">
      <c r="N619429" s="10"/>
    </row>
    <row r="619430" spans="14:14">
      <c r="N619430" s="10"/>
    </row>
    <row r="619431" spans="14:14">
      <c r="N619431" s="10"/>
    </row>
    <row r="619432" spans="14:14">
      <c r="N619432" s="10"/>
    </row>
    <row r="619433" spans="14:14">
      <c r="N619433" s="10"/>
    </row>
    <row r="619434" spans="14:14">
      <c r="N619434" s="10"/>
    </row>
    <row r="619435" spans="14:14">
      <c r="N619435" s="10"/>
    </row>
    <row r="619436" spans="14:14">
      <c r="N619436" s="10"/>
    </row>
    <row r="619437" spans="14:14">
      <c r="N619437" s="10"/>
    </row>
    <row r="619438" spans="14:14">
      <c r="N619438" s="10"/>
    </row>
    <row r="619439" spans="14:14">
      <c r="N619439" s="10"/>
    </row>
    <row r="619440" spans="14:14">
      <c r="N619440" s="10"/>
    </row>
    <row r="619441" spans="14:14">
      <c r="N619441" s="10"/>
    </row>
    <row r="619442" spans="14:14">
      <c r="N619442" s="10"/>
    </row>
    <row r="619443" spans="14:14">
      <c r="N619443" s="10"/>
    </row>
    <row r="619444" spans="14:14">
      <c r="N619444" s="10"/>
    </row>
    <row r="619445" spans="14:14">
      <c r="N619445" s="10"/>
    </row>
    <row r="619446" spans="14:14">
      <c r="N619446" s="10"/>
    </row>
    <row r="619447" spans="14:14">
      <c r="N619447" s="10"/>
    </row>
    <row r="619448" spans="14:14">
      <c r="N619448" s="10"/>
    </row>
    <row r="619449" spans="14:14">
      <c r="N619449" s="10"/>
    </row>
    <row r="619450" spans="14:14">
      <c r="N619450" s="10"/>
    </row>
    <row r="619451" spans="14:14">
      <c r="N619451" s="10"/>
    </row>
    <row r="619452" spans="14:14">
      <c r="N619452" s="10"/>
    </row>
    <row r="619453" spans="14:14">
      <c r="N619453" s="10"/>
    </row>
    <row r="619454" spans="14:14">
      <c r="N619454" s="10"/>
    </row>
    <row r="619455" spans="14:14">
      <c r="N619455" s="10"/>
    </row>
    <row r="619456" spans="14:14">
      <c r="N619456" s="10"/>
    </row>
    <row r="619457" spans="14:14">
      <c r="N619457" s="10"/>
    </row>
    <row r="619458" spans="14:14">
      <c r="N619458" s="10"/>
    </row>
    <row r="619459" spans="14:14">
      <c r="N619459" s="10"/>
    </row>
    <row r="619460" spans="14:14">
      <c r="N619460" s="10"/>
    </row>
    <row r="619461" spans="14:14">
      <c r="N619461" s="10"/>
    </row>
    <row r="619462" spans="14:14">
      <c r="N619462" s="10"/>
    </row>
    <row r="619463" spans="14:14">
      <c r="N619463" s="10"/>
    </row>
    <row r="619464" spans="14:14">
      <c r="N619464" s="10"/>
    </row>
    <row r="619465" spans="14:14">
      <c r="N619465" s="10"/>
    </row>
    <row r="619466" spans="14:14">
      <c r="N619466" s="10"/>
    </row>
    <row r="619467" spans="14:14">
      <c r="N619467" s="10"/>
    </row>
    <row r="619468" spans="14:14">
      <c r="N619468" s="10"/>
    </row>
    <row r="619469" spans="14:14">
      <c r="N619469" s="10"/>
    </row>
    <row r="619470" spans="14:14">
      <c r="N619470" s="10"/>
    </row>
    <row r="619471" spans="14:14">
      <c r="N619471" s="10"/>
    </row>
    <row r="619472" spans="14:14">
      <c r="N619472" s="10"/>
    </row>
    <row r="619473" spans="14:14">
      <c r="N619473" s="10"/>
    </row>
    <row r="619474" spans="14:14">
      <c r="N619474" s="10"/>
    </row>
    <row r="619475" spans="14:14">
      <c r="N619475" s="10"/>
    </row>
    <row r="619476" spans="14:14">
      <c r="N619476" s="10"/>
    </row>
    <row r="619477" spans="14:14">
      <c r="N619477" s="10"/>
    </row>
    <row r="619478" spans="14:14">
      <c r="N619478" s="10"/>
    </row>
    <row r="619479" spans="14:14">
      <c r="N619479" s="10"/>
    </row>
    <row r="619480" spans="14:14">
      <c r="N619480" s="10"/>
    </row>
    <row r="619481" spans="14:14">
      <c r="N619481" s="10"/>
    </row>
    <row r="619482" spans="14:14">
      <c r="N619482" s="10"/>
    </row>
    <row r="619483" spans="14:14">
      <c r="N619483" s="10"/>
    </row>
    <row r="619484" spans="14:14">
      <c r="N619484" s="10"/>
    </row>
    <row r="619485" spans="14:14">
      <c r="N619485" s="10"/>
    </row>
    <row r="619486" spans="14:14">
      <c r="N619486" s="10"/>
    </row>
    <row r="619487" spans="14:14">
      <c r="N619487" s="10"/>
    </row>
    <row r="619488" spans="14:14">
      <c r="N619488" s="10"/>
    </row>
    <row r="619489" spans="14:14">
      <c r="N619489" s="10"/>
    </row>
    <row r="619490" spans="14:14">
      <c r="N619490" s="10"/>
    </row>
    <row r="619491" spans="14:14">
      <c r="N619491" s="10"/>
    </row>
    <row r="619492" spans="14:14">
      <c r="N619492" s="10"/>
    </row>
    <row r="619493" spans="14:14">
      <c r="N619493" s="10"/>
    </row>
    <row r="619494" spans="14:14">
      <c r="N619494" s="10"/>
    </row>
    <row r="619495" spans="14:14">
      <c r="N619495" s="10"/>
    </row>
    <row r="619496" spans="14:14">
      <c r="N619496" s="10"/>
    </row>
    <row r="619497" spans="14:14">
      <c r="N619497" s="10"/>
    </row>
    <row r="619498" spans="14:14">
      <c r="N619498" s="10"/>
    </row>
    <row r="619499" spans="14:14">
      <c r="N619499" s="10"/>
    </row>
    <row r="619500" spans="14:14">
      <c r="N619500" s="10"/>
    </row>
    <row r="619501" spans="14:14">
      <c r="N619501" s="10"/>
    </row>
    <row r="619502" spans="14:14">
      <c r="N619502" s="10"/>
    </row>
    <row r="619503" spans="14:14">
      <c r="N619503" s="10"/>
    </row>
    <row r="619504" spans="14:14">
      <c r="N619504" s="10"/>
    </row>
    <row r="619505" spans="14:14">
      <c r="N619505" s="10"/>
    </row>
    <row r="619506" spans="14:14">
      <c r="N619506" s="10"/>
    </row>
    <row r="619507" spans="14:14">
      <c r="N619507" s="10"/>
    </row>
    <row r="619508" spans="14:14">
      <c r="N619508" s="10"/>
    </row>
    <row r="619509" spans="14:14">
      <c r="N619509" s="10"/>
    </row>
    <row r="619510" spans="14:14">
      <c r="N619510" s="10"/>
    </row>
    <row r="619511" spans="14:14">
      <c r="N619511" s="10"/>
    </row>
    <row r="619512" spans="14:14">
      <c r="N619512" s="10"/>
    </row>
    <row r="619513" spans="14:14">
      <c r="N619513" s="10"/>
    </row>
    <row r="619514" spans="14:14">
      <c r="N619514" s="10"/>
    </row>
    <row r="619515" spans="14:14">
      <c r="N619515" s="10"/>
    </row>
    <row r="619516" spans="14:14">
      <c r="N619516" s="10"/>
    </row>
    <row r="619517" spans="14:14">
      <c r="N619517" s="10"/>
    </row>
    <row r="619518" spans="14:14">
      <c r="N619518" s="10"/>
    </row>
    <row r="619519" spans="14:14">
      <c r="N619519" s="10"/>
    </row>
    <row r="619520" spans="14:14">
      <c r="N619520" s="10"/>
    </row>
    <row r="619521" spans="14:14">
      <c r="N619521" s="10"/>
    </row>
    <row r="619522" spans="14:14">
      <c r="N619522" s="10"/>
    </row>
    <row r="619523" spans="14:14">
      <c r="N619523" s="10"/>
    </row>
    <row r="619524" spans="14:14">
      <c r="N619524" s="10"/>
    </row>
    <row r="619525" spans="14:14">
      <c r="N619525" s="10"/>
    </row>
    <row r="619526" spans="14:14">
      <c r="N619526" s="10"/>
    </row>
    <row r="619527" spans="14:14">
      <c r="N619527" s="10"/>
    </row>
    <row r="619528" spans="14:14">
      <c r="N619528" s="10"/>
    </row>
    <row r="619529" spans="14:14">
      <c r="N619529" s="10"/>
    </row>
    <row r="619530" spans="14:14">
      <c r="N619530" s="10"/>
    </row>
    <row r="619531" spans="14:14">
      <c r="N619531" s="10"/>
    </row>
    <row r="619532" spans="14:14">
      <c r="N619532" s="10"/>
    </row>
    <row r="619533" spans="14:14">
      <c r="N619533" s="10"/>
    </row>
    <row r="619534" spans="14:14">
      <c r="N619534" s="10"/>
    </row>
    <row r="619535" spans="14:14">
      <c r="N619535" s="10"/>
    </row>
    <row r="619536" spans="14:14">
      <c r="N619536" s="10"/>
    </row>
    <row r="619537" spans="14:14">
      <c r="N619537" s="10"/>
    </row>
    <row r="619538" spans="14:14">
      <c r="N619538" s="10"/>
    </row>
    <row r="619539" spans="14:14">
      <c r="N619539" s="10"/>
    </row>
    <row r="619540" spans="14:14">
      <c r="N619540" s="10"/>
    </row>
    <row r="619541" spans="14:14">
      <c r="N619541" s="10"/>
    </row>
    <row r="619542" spans="14:14">
      <c r="N619542" s="10"/>
    </row>
    <row r="619543" spans="14:14">
      <c r="N619543" s="10"/>
    </row>
    <row r="619544" spans="14:14">
      <c r="N619544" s="10"/>
    </row>
    <row r="619545" spans="14:14">
      <c r="N619545" s="10"/>
    </row>
    <row r="619546" spans="14:14">
      <c r="N619546" s="10"/>
    </row>
    <row r="619547" spans="14:14">
      <c r="N619547" s="10"/>
    </row>
    <row r="619548" spans="14:14">
      <c r="N619548" s="10"/>
    </row>
    <row r="619549" spans="14:14">
      <c r="N619549" s="10"/>
    </row>
    <row r="619550" spans="14:14">
      <c r="N619550" s="10"/>
    </row>
    <row r="619551" spans="14:14">
      <c r="N619551" s="10"/>
    </row>
    <row r="619552" spans="14:14">
      <c r="N619552" s="10"/>
    </row>
    <row r="619553" spans="14:14">
      <c r="N619553" s="10"/>
    </row>
    <row r="619554" spans="14:14">
      <c r="N619554" s="10"/>
    </row>
    <row r="619555" spans="14:14">
      <c r="N619555" s="10"/>
    </row>
    <row r="619556" spans="14:14">
      <c r="N619556" s="10"/>
    </row>
    <row r="619557" spans="14:14">
      <c r="N619557" s="10"/>
    </row>
    <row r="619558" spans="14:14">
      <c r="N619558" s="10"/>
    </row>
    <row r="619559" spans="14:14">
      <c r="N619559" s="10"/>
    </row>
    <row r="619560" spans="14:14">
      <c r="N619560" s="10"/>
    </row>
    <row r="619561" spans="14:14">
      <c r="N619561" s="10"/>
    </row>
    <row r="619562" spans="14:14">
      <c r="N619562" s="10"/>
    </row>
    <row r="619563" spans="14:14">
      <c r="N619563" s="10"/>
    </row>
    <row r="619564" spans="14:14">
      <c r="N619564" s="10"/>
    </row>
    <row r="619565" spans="14:14">
      <c r="N619565" s="10"/>
    </row>
    <row r="619566" spans="14:14">
      <c r="N619566" s="10"/>
    </row>
    <row r="619567" spans="14:14">
      <c r="N619567" s="10"/>
    </row>
    <row r="619568" spans="14:14">
      <c r="N619568" s="10"/>
    </row>
    <row r="619569" spans="14:14">
      <c r="N619569" s="10"/>
    </row>
    <row r="619570" spans="14:14">
      <c r="N619570" s="10"/>
    </row>
    <row r="619571" spans="14:14">
      <c r="N619571" s="10"/>
    </row>
    <row r="619572" spans="14:14">
      <c r="N619572" s="10"/>
    </row>
    <row r="619573" spans="14:14">
      <c r="N619573" s="10"/>
    </row>
    <row r="619574" spans="14:14">
      <c r="N619574" s="10"/>
    </row>
    <row r="619575" spans="14:14">
      <c r="N619575" s="10"/>
    </row>
    <row r="619576" spans="14:14">
      <c r="N619576" s="10"/>
    </row>
    <row r="619577" spans="14:14">
      <c r="N619577" s="10"/>
    </row>
    <row r="619578" spans="14:14">
      <c r="N619578" s="10"/>
    </row>
    <row r="619579" spans="14:14">
      <c r="N619579" s="10"/>
    </row>
    <row r="619580" spans="14:14">
      <c r="N619580" s="10"/>
    </row>
    <row r="619581" spans="14:14">
      <c r="N619581" s="10"/>
    </row>
    <row r="619582" spans="14:14">
      <c r="N619582" s="10"/>
    </row>
    <row r="619583" spans="14:14">
      <c r="N619583" s="10"/>
    </row>
    <row r="619584" spans="14:14">
      <c r="N619584" s="10"/>
    </row>
    <row r="619585" spans="14:14">
      <c r="N619585" s="10"/>
    </row>
    <row r="619586" spans="14:14">
      <c r="N619586" s="10"/>
    </row>
    <row r="619587" spans="14:14">
      <c r="N619587" s="10"/>
    </row>
    <row r="619588" spans="14:14">
      <c r="N619588" s="10"/>
    </row>
    <row r="619589" spans="14:14">
      <c r="N619589" s="10"/>
    </row>
    <row r="619590" spans="14:14">
      <c r="N619590" s="10"/>
    </row>
    <row r="619591" spans="14:14">
      <c r="N619591" s="10"/>
    </row>
    <row r="619592" spans="14:14">
      <c r="N619592" s="10"/>
    </row>
    <row r="619593" spans="14:14">
      <c r="N619593" s="10"/>
    </row>
    <row r="619594" spans="14:14">
      <c r="N619594" s="10"/>
    </row>
    <row r="619595" spans="14:14">
      <c r="N619595" s="10"/>
    </row>
    <row r="619596" spans="14:14">
      <c r="N619596" s="10"/>
    </row>
    <row r="619597" spans="14:14">
      <c r="N619597" s="10"/>
    </row>
    <row r="619598" spans="14:14">
      <c r="N619598" s="10"/>
    </row>
    <row r="619599" spans="14:14">
      <c r="N619599" s="10"/>
    </row>
    <row r="619600" spans="14:14">
      <c r="N619600" s="10"/>
    </row>
    <row r="619601" spans="14:14">
      <c r="N619601" s="10"/>
    </row>
    <row r="619602" spans="14:14">
      <c r="N619602" s="10"/>
    </row>
    <row r="619603" spans="14:14">
      <c r="N619603" s="10"/>
    </row>
    <row r="619604" spans="14:14">
      <c r="N619604" s="10"/>
    </row>
    <row r="619605" spans="14:14">
      <c r="N619605" s="10"/>
    </row>
    <row r="619606" spans="14:14">
      <c r="N619606" s="10"/>
    </row>
    <row r="619607" spans="14:14">
      <c r="N619607" s="10"/>
    </row>
    <row r="619608" spans="14:14">
      <c r="N619608" s="10"/>
    </row>
    <row r="619609" spans="14:14">
      <c r="N619609" s="10"/>
    </row>
    <row r="619610" spans="14:14">
      <c r="N619610" s="10"/>
    </row>
    <row r="619611" spans="14:14">
      <c r="N619611" s="10"/>
    </row>
    <row r="619612" spans="14:14">
      <c r="N619612" s="10"/>
    </row>
    <row r="619613" spans="14:14">
      <c r="N619613" s="10"/>
    </row>
    <row r="619614" spans="14:14">
      <c r="N619614" s="10"/>
    </row>
    <row r="619615" spans="14:14">
      <c r="N619615" s="10"/>
    </row>
    <row r="619616" spans="14:14">
      <c r="N619616" s="10"/>
    </row>
    <row r="619617" spans="14:14">
      <c r="N619617" s="10"/>
    </row>
    <row r="619618" spans="14:14">
      <c r="N619618" s="10"/>
    </row>
    <row r="619619" spans="14:14">
      <c r="N619619" s="10"/>
    </row>
    <row r="619620" spans="14:14">
      <c r="N619620" s="10"/>
    </row>
    <row r="619621" spans="14:14">
      <c r="N619621" s="10"/>
    </row>
    <row r="619622" spans="14:14">
      <c r="N619622" s="10"/>
    </row>
    <row r="619623" spans="14:14">
      <c r="N619623" s="10"/>
    </row>
    <row r="619624" spans="14:14">
      <c r="N619624" s="10"/>
    </row>
    <row r="619625" spans="14:14">
      <c r="N619625" s="10"/>
    </row>
    <row r="619626" spans="14:14">
      <c r="N619626" s="10"/>
    </row>
    <row r="619627" spans="14:14">
      <c r="N619627" s="10"/>
    </row>
    <row r="619628" spans="14:14">
      <c r="N619628" s="10"/>
    </row>
    <row r="619629" spans="14:14">
      <c r="N619629" s="10"/>
    </row>
    <row r="619630" spans="14:14">
      <c r="N619630" s="10"/>
    </row>
    <row r="619631" spans="14:14">
      <c r="N619631" s="10"/>
    </row>
    <row r="619632" spans="14:14">
      <c r="N619632" s="10"/>
    </row>
    <row r="619633" spans="14:14">
      <c r="N619633" s="10"/>
    </row>
    <row r="619634" spans="14:14">
      <c r="N619634" s="10"/>
    </row>
    <row r="619635" spans="14:14">
      <c r="N619635" s="10"/>
    </row>
    <row r="619636" spans="14:14">
      <c r="N619636" s="10"/>
    </row>
    <row r="619637" spans="14:14">
      <c r="N619637" s="10"/>
    </row>
    <row r="619638" spans="14:14">
      <c r="N619638" s="10"/>
    </row>
    <row r="619639" spans="14:14">
      <c r="N619639" s="10"/>
    </row>
    <row r="619640" spans="14:14">
      <c r="N619640" s="10"/>
    </row>
    <row r="619641" spans="14:14">
      <c r="N619641" s="10"/>
    </row>
    <row r="619642" spans="14:14">
      <c r="N619642" s="10"/>
    </row>
    <row r="619643" spans="14:14">
      <c r="N619643" s="10"/>
    </row>
    <row r="619644" spans="14:14">
      <c r="N619644" s="10"/>
    </row>
    <row r="619645" spans="14:14">
      <c r="N619645" s="10"/>
    </row>
    <row r="619646" spans="14:14">
      <c r="N619646" s="10"/>
    </row>
    <row r="619647" spans="14:14">
      <c r="N619647" s="10"/>
    </row>
    <row r="619648" spans="14:14">
      <c r="N619648" s="10"/>
    </row>
    <row r="619649" spans="14:14">
      <c r="N619649" s="10"/>
    </row>
    <row r="619650" spans="14:14">
      <c r="N619650" s="10"/>
    </row>
    <row r="619651" spans="14:14">
      <c r="N619651" s="10"/>
    </row>
    <row r="619652" spans="14:14">
      <c r="N619652" s="10"/>
    </row>
    <row r="619653" spans="14:14">
      <c r="N619653" s="10"/>
    </row>
    <row r="619654" spans="14:14">
      <c r="N619654" s="10"/>
    </row>
    <row r="619655" spans="14:14">
      <c r="N619655" s="10"/>
    </row>
    <row r="619656" spans="14:14">
      <c r="N619656" s="10"/>
    </row>
    <row r="619657" spans="14:14">
      <c r="N619657" s="10"/>
    </row>
    <row r="619658" spans="14:14">
      <c r="N619658" s="10"/>
    </row>
    <row r="619659" spans="14:14">
      <c r="N619659" s="10"/>
    </row>
    <row r="619660" spans="14:14">
      <c r="N619660" s="10"/>
    </row>
    <row r="619661" spans="14:14">
      <c r="N619661" s="10"/>
    </row>
    <row r="619662" spans="14:14">
      <c r="N619662" s="10"/>
    </row>
    <row r="619663" spans="14:14">
      <c r="N619663" s="10"/>
    </row>
    <row r="619664" spans="14:14">
      <c r="N619664" s="10"/>
    </row>
    <row r="619665" spans="14:14">
      <c r="N619665" s="10"/>
    </row>
    <row r="619666" spans="14:14">
      <c r="N619666" s="10"/>
    </row>
    <row r="619667" spans="14:14">
      <c r="N619667" s="10"/>
    </row>
    <row r="619668" spans="14:14">
      <c r="N619668" s="10"/>
    </row>
    <row r="619669" spans="14:14">
      <c r="N619669" s="10"/>
    </row>
    <row r="619670" spans="14:14">
      <c r="N619670" s="10"/>
    </row>
    <row r="619671" spans="14:14">
      <c r="N619671" s="10"/>
    </row>
    <row r="619672" spans="14:14">
      <c r="N619672" s="10"/>
    </row>
    <row r="619673" spans="14:14">
      <c r="N619673" s="10"/>
    </row>
    <row r="619674" spans="14:14">
      <c r="N619674" s="10"/>
    </row>
    <row r="619675" spans="14:14">
      <c r="N619675" s="10"/>
    </row>
    <row r="619676" spans="14:14">
      <c r="N619676" s="10"/>
    </row>
    <row r="619677" spans="14:14">
      <c r="N619677" s="10"/>
    </row>
    <row r="619678" spans="14:14">
      <c r="N619678" s="10"/>
    </row>
    <row r="619679" spans="14:14">
      <c r="N619679" s="10"/>
    </row>
    <row r="619680" spans="14:14">
      <c r="N619680" s="10"/>
    </row>
    <row r="619681" spans="14:14">
      <c r="N619681" s="10"/>
    </row>
    <row r="619682" spans="14:14">
      <c r="N619682" s="10"/>
    </row>
    <row r="619683" spans="14:14">
      <c r="N619683" s="10"/>
    </row>
    <row r="619684" spans="14:14">
      <c r="N619684" s="10"/>
    </row>
    <row r="619685" spans="14:14">
      <c r="N619685" s="10"/>
    </row>
    <row r="619686" spans="14:14">
      <c r="N619686" s="10"/>
    </row>
    <row r="619687" spans="14:14">
      <c r="N619687" s="10"/>
    </row>
    <row r="619688" spans="14:14">
      <c r="N619688" s="10"/>
    </row>
    <row r="619689" spans="14:14">
      <c r="N619689" s="10"/>
    </row>
    <row r="619690" spans="14:14">
      <c r="N619690" s="10"/>
    </row>
    <row r="619691" spans="14:14">
      <c r="N619691" s="10"/>
    </row>
    <row r="619692" spans="14:14">
      <c r="N619692" s="10"/>
    </row>
    <row r="619693" spans="14:14">
      <c r="N619693" s="10"/>
    </row>
    <row r="619694" spans="14:14">
      <c r="N619694" s="10"/>
    </row>
    <row r="619695" spans="14:14">
      <c r="N619695" s="10"/>
    </row>
    <row r="619696" spans="14:14">
      <c r="N619696" s="10"/>
    </row>
    <row r="619697" spans="14:14">
      <c r="N619697" s="10"/>
    </row>
    <row r="619698" spans="14:14">
      <c r="N619698" s="10"/>
    </row>
    <row r="619699" spans="14:14">
      <c r="N619699" s="10"/>
    </row>
    <row r="619700" spans="14:14">
      <c r="N619700" s="10"/>
    </row>
    <row r="619701" spans="14:14">
      <c r="N619701" s="10"/>
    </row>
    <row r="619702" spans="14:14">
      <c r="N619702" s="10"/>
    </row>
    <row r="619703" spans="14:14">
      <c r="N619703" s="10"/>
    </row>
    <row r="619704" spans="14:14">
      <c r="N619704" s="10"/>
    </row>
    <row r="619705" spans="14:14">
      <c r="N619705" s="10"/>
    </row>
    <row r="619706" spans="14:14">
      <c r="N619706" s="10"/>
    </row>
    <row r="619707" spans="14:14">
      <c r="N619707" s="10"/>
    </row>
    <row r="619708" spans="14:14">
      <c r="N619708" s="10"/>
    </row>
    <row r="619709" spans="14:14">
      <c r="N619709" s="10"/>
    </row>
    <row r="619710" spans="14:14">
      <c r="N619710" s="10"/>
    </row>
    <row r="619711" spans="14:14">
      <c r="N619711" s="10"/>
    </row>
    <row r="619712" spans="14:14">
      <c r="N619712" s="10"/>
    </row>
    <row r="619713" spans="14:14">
      <c r="N619713" s="10"/>
    </row>
    <row r="619714" spans="14:14">
      <c r="N619714" s="10"/>
    </row>
    <row r="619715" spans="14:14">
      <c r="N619715" s="10"/>
    </row>
    <row r="619716" spans="14:14">
      <c r="N619716" s="10"/>
    </row>
    <row r="619717" spans="14:14">
      <c r="N619717" s="10"/>
    </row>
    <row r="619718" spans="14:14">
      <c r="N619718" s="10"/>
    </row>
    <row r="619719" spans="14:14">
      <c r="N619719" s="10"/>
    </row>
    <row r="619720" spans="14:14">
      <c r="N619720" s="10"/>
    </row>
    <row r="619721" spans="14:14">
      <c r="N619721" s="10"/>
    </row>
    <row r="619722" spans="14:14">
      <c r="N619722" s="10"/>
    </row>
    <row r="619723" spans="14:14">
      <c r="N619723" s="10"/>
    </row>
    <row r="619724" spans="14:14">
      <c r="N619724" s="10"/>
    </row>
    <row r="619725" spans="14:14">
      <c r="N619725" s="10"/>
    </row>
    <row r="619726" spans="14:14">
      <c r="N619726" s="10"/>
    </row>
    <row r="619727" spans="14:14">
      <c r="N619727" s="10"/>
    </row>
    <row r="619728" spans="14:14">
      <c r="N619728" s="10"/>
    </row>
    <row r="619729" spans="14:14">
      <c r="N619729" s="10"/>
    </row>
    <row r="619730" spans="14:14">
      <c r="N619730" s="10"/>
    </row>
    <row r="619731" spans="14:14">
      <c r="N619731" s="10"/>
    </row>
    <row r="619732" spans="14:14">
      <c r="N619732" s="10"/>
    </row>
    <row r="619733" spans="14:14">
      <c r="N619733" s="10"/>
    </row>
    <row r="619734" spans="14:14">
      <c r="N619734" s="10"/>
    </row>
    <row r="619735" spans="14:14">
      <c r="N619735" s="10"/>
    </row>
    <row r="619736" spans="14:14">
      <c r="N619736" s="10"/>
    </row>
    <row r="619737" spans="14:14">
      <c r="N619737" s="10"/>
    </row>
    <row r="619738" spans="14:14">
      <c r="N619738" s="10"/>
    </row>
    <row r="619739" spans="14:14">
      <c r="N619739" s="10"/>
    </row>
    <row r="619740" spans="14:14">
      <c r="N619740" s="10"/>
    </row>
    <row r="619741" spans="14:14">
      <c r="N619741" s="10"/>
    </row>
    <row r="619742" spans="14:14">
      <c r="N619742" s="10"/>
    </row>
    <row r="619743" spans="14:14">
      <c r="N619743" s="10"/>
    </row>
    <row r="619744" spans="14:14">
      <c r="N619744" s="10"/>
    </row>
    <row r="619745" spans="14:14">
      <c r="N619745" s="10"/>
    </row>
    <row r="619746" spans="14:14">
      <c r="N619746" s="10"/>
    </row>
    <row r="619747" spans="14:14">
      <c r="N619747" s="10"/>
    </row>
    <row r="619748" spans="14:14">
      <c r="N619748" s="10"/>
    </row>
    <row r="619749" spans="14:14">
      <c r="N619749" s="10"/>
    </row>
    <row r="619750" spans="14:14">
      <c r="N619750" s="10"/>
    </row>
    <row r="619751" spans="14:14">
      <c r="N619751" s="10"/>
    </row>
    <row r="619752" spans="14:14">
      <c r="N619752" s="10"/>
    </row>
    <row r="619753" spans="14:14">
      <c r="N619753" s="10"/>
    </row>
    <row r="619754" spans="14:14">
      <c r="N619754" s="10"/>
    </row>
    <row r="619755" spans="14:14">
      <c r="N619755" s="10"/>
    </row>
    <row r="619756" spans="14:14">
      <c r="N619756" s="10"/>
    </row>
    <row r="619757" spans="14:14">
      <c r="N619757" s="10"/>
    </row>
    <row r="619758" spans="14:14">
      <c r="N619758" s="10"/>
    </row>
    <row r="619759" spans="14:14">
      <c r="N619759" s="10"/>
    </row>
    <row r="619760" spans="14:14">
      <c r="N619760" s="10"/>
    </row>
    <row r="619761" spans="14:14">
      <c r="N619761" s="10"/>
    </row>
    <row r="619762" spans="14:14">
      <c r="N619762" s="10"/>
    </row>
    <row r="619763" spans="14:14">
      <c r="N619763" s="10"/>
    </row>
    <row r="619764" spans="14:14">
      <c r="N619764" s="10"/>
    </row>
    <row r="619765" spans="14:14">
      <c r="N619765" s="10"/>
    </row>
    <row r="619766" spans="14:14">
      <c r="N619766" s="10"/>
    </row>
    <row r="619767" spans="14:14">
      <c r="N619767" s="10"/>
    </row>
    <row r="619768" spans="14:14">
      <c r="N619768" s="10"/>
    </row>
    <row r="619769" spans="14:14">
      <c r="N619769" s="10"/>
    </row>
    <row r="619770" spans="14:14">
      <c r="N619770" s="10"/>
    </row>
    <row r="619771" spans="14:14">
      <c r="N619771" s="10"/>
    </row>
    <row r="619772" spans="14:14">
      <c r="N619772" s="10"/>
    </row>
    <row r="619773" spans="14:14">
      <c r="N619773" s="10"/>
    </row>
    <row r="619774" spans="14:14">
      <c r="N619774" s="10"/>
    </row>
    <row r="619775" spans="14:14">
      <c r="N619775" s="10"/>
    </row>
    <row r="619776" spans="14:14">
      <c r="N619776" s="10"/>
    </row>
    <row r="619777" spans="14:14">
      <c r="N619777" s="10"/>
    </row>
    <row r="619778" spans="14:14">
      <c r="N619778" s="10"/>
    </row>
    <row r="619779" spans="14:14">
      <c r="N619779" s="10"/>
    </row>
    <row r="619780" spans="14:14">
      <c r="N619780" s="10"/>
    </row>
    <row r="619781" spans="14:14">
      <c r="N619781" s="10"/>
    </row>
    <row r="619782" spans="14:14">
      <c r="N619782" s="10"/>
    </row>
    <row r="619783" spans="14:14">
      <c r="N619783" s="10"/>
    </row>
    <row r="619784" spans="14:14">
      <c r="N619784" s="10"/>
    </row>
    <row r="619785" spans="14:14">
      <c r="N619785" s="10"/>
    </row>
    <row r="619786" spans="14:14">
      <c r="N619786" s="10"/>
    </row>
    <row r="619787" spans="14:14">
      <c r="N619787" s="10"/>
    </row>
    <row r="619788" spans="14:14">
      <c r="N619788" s="10"/>
    </row>
    <row r="619789" spans="14:14">
      <c r="N619789" s="10"/>
    </row>
    <row r="619790" spans="14:14">
      <c r="N619790" s="10"/>
    </row>
    <row r="619791" spans="14:14">
      <c r="N619791" s="10"/>
    </row>
    <row r="619792" spans="14:14">
      <c r="N619792" s="10"/>
    </row>
    <row r="619793" spans="14:14">
      <c r="N619793" s="10"/>
    </row>
    <row r="619794" spans="14:14">
      <c r="N619794" s="10"/>
    </row>
    <row r="619795" spans="14:14">
      <c r="N619795" s="10"/>
    </row>
    <row r="619796" spans="14:14">
      <c r="N619796" s="10"/>
    </row>
    <row r="619797" spans="14:14">
      <c r="N619797" s="10"/>
    </row>
    <row r="619798" spans="14:14">
      <c r="N619798" s="10"/>
    </row>
    <row r="619799" spans="14:14">
      <c r="N619799" s="10"/>
    </row>
    <row r="619800" spans="14:14">
      <c r="N619800" s="10"/>
    </row>
    <row r="619801" spans="14:14">
      <c r="N619801" s="10"/>
    </row>
    <row r="619802" spans="14:14">
      <c r="N619802" s="10"/>
    </row>
    <row r="619803" spans="14:14">
      <c r="N619803" s="10"/>
    </row>
    <row r="619804" spans="14:14">
      <c r="N619804" s="10"/>
    </row>
    <row r="619805" spans="14:14">
      <c r="N619805" s="10"/>
    </row>
    <row r="619806" spans="14:14">
      <c r="N619806" s="10"/>
    </row>
    <row r="619807" spans="14:14">
      <c r="N619807" s="10"/>
    </row>
    <row r="619808" spans="14:14">
      <c r="N619808" s="10"/>
    </row>
    <row r="619809" spans="14:14">
      <c r="N619809" s="10"/>
    </row>
    <row r="619810" spans="14:14">
      <c r="N619810" s="10"/>
    </row>
    <row r="619811" spans="14:14">
      <c r="N619811" s="10"/>
    </row>
    <row r="619812" spans="14:14">
      <c r="N619812" s="10"/>
    </row>
    <row r="619813" spans="14:14">
      <c r="N619813" s="10"/>
    </row>
    <row r="619814" spans="14:14">
      <c r="N619814" s="10"/>
    </row>
    <row r="619815" spans="14:14">
      <c r="N619815" s="10"/>
    </row>
    <row r="619816" spans="14:14">
      <c r="N619816" s="10"/>
    </row>
    <row r="619817" spans="14:14">
      <c r="N619817" s="10"/>
    </row>
    <row r="619818" spans="14:14">
      <c r="N619818" s="10"/>
    </row>
    <row r="619819" spans="14:14">
      <c r="N619819" s="10"/>
    </row>
    <row r="619820" spans="14:14">
      <c r="N619820" s="10"/>
    </row>
    <row r="619821" spans="14:14">
      <c r="N619821" s="10"/>
    </row>
    <row r="619822" spans="14:14">
      <c r="N619822" s="10"/>
    </row>
    <row r="619823" spans="14:14">
      <c r="N619823" s="10"/>
    </row>
    <row r="619824" spans="14:14">
      <c r="N619824" s="10"/>
    </row>
    <row r="619825" spans="14:14">
      <c r="N619825" s="10"/>
    </row>
    <row r="619826" spans="14:14">
      <c r="N619826" s="10"/>
    </row>
    <row r="619827" spans="14:14">
      <c r="N619827" s="10"/>
    </row>
    <row r="619828" spans="14:14">
      <c r="N619828" s="10"/>
    </row>
    <row r="619829" spans="14:14">
      <c r="N619829" s="10"/>
    </row>
    <row r="619830" spans="14:14">
      <c r="N619830" s="10"/>
    </row>
    <row r="619831" spans="14:14">
      <c r="N619831" s="10"/>
    </row>
    <row r="619832" spans="14:14">
      <c r="N619832" s="10"/>
    </row>
    <row r="619833" spans="14:14">
      <c r="N619833" s="10"/>
    </row>
    <row r="619834" spans="14:14">
      <c r="N619834" s="10"/>
    </row>
    <row r="619835" spans="14:14">
      <c r="N619835" s="10"/>
    </row>
    <row r="619836" spans="14:14">
      <c r="N619836" s="10"/>
    </row>
    <row r="619837" spans="14:14">
      <c r="N619837" s="10"/>
    </row>
    <row r="619838" spans="14:14">
      <c r="N619838" s="10"/>
    </row>
    <row r="619839" spans="14:14">
      <c r="N619839" s="10"/>
    </row>
    <row r="619840" spans="14:14">
      <c r="N619840" s="10"/>
    </row>
    <row r="619841" spans="14:14">
      <c r="N619841" s="10"/>
    </row>
    <row r="619842" spans="14:14">
      <c r="N619842" s="10"/>
    </row>
    <row r="619843" spans="14:14">
      <c r="N619843" s="10"/>
    </row>
    <row r="619844" spans="14:14">
      <c r="N619844" s="10"/>
    </row>
    <row r="619845" spans="14:14">
      <c r="N619845" s="10"/>
    </row>
    <row r="619846" spans="14:14">
      <c r="N619846" s="10"/>
    </row>
    <row r="619847" spans="14:14">
      <c r="N619847" s="10"/>
    </row>
    <row r="619848" spans="14:14">
      <c r="N619848" s="10"/>
    </row>
    <row r="619849" spans="14:14">
      <c r="N619849" s="10"/>
    </row>
    <row r="619850" spans="14:14">
      <c r="N619850" s="10"/>
    </row>
    <row r="619851" spans="14:14">
      <c r="N619851" s="10"/>
    </row>
    <row r="619852" spans="14:14">
      <c r="N619852" s="10"/>
    </row>
    <row r="619853" spans="14:14">
      <c r="N619853" s="10"/>
    </row>
    <row r="619854" spans="14:14">
      <c r="N619854" s="10"/>
    </row>
    <row r="619855" spans="14:14">
      <c r="N619855" s="10"/>
    </row>
    <row r="619856" spans="14:14">
      <c r="N619856" s="10"/>
    </row>
    <row r="619857" spans="14:14">
      <c r="N619857" s="10"/>
    </row>
    <row r="619858" spans="14:14">
      <c r="N619858" s="10"/>
    </row>
    <row r="619859" spans="14:14">
      <c r="N619859" s="10"/>
    </row>
    <row r="619860" spans="14:14">
      <c r="N619860" s="10"/>
    </row>
    <row r="619861" spans="14:14">
      <c r="N619861" s="10"/>
    </row>
    <row r="619862" spans="14:14">
      <c r="N619862" s="10"/>
    </row>
    <row r="619863" spans="14:14">
      <c r="N619863" s="10"/>
    </row>
    <row r="619864" spans="14:14">
      <c r="N619864" s="10"/>
    </row>
    <row r="619865" spans="14:14">
      <c r="N619865" s="10"/>
    </row>
    <row r="619866" spans="14:14">
      <c r="N619866" s="10"/>
    </row>
    <row r="619867" spans="14:14">
      <c r="N619867" s="10"/>
    </row>
    <row r="619868" spans="14:14">
      <c r="N619868" s="10"/>
    </row>
    <row r="619869" spans="14:14">
      <c r="N619869" s="10"/>
    </row>
    <row r="619870" spans="14:14">
      <c r="N619870" s="10"/>
    </row>
    <row r="619871" spans="14:14">
      <c r="N619871" s="10"/>
    </row>
    <row r="619872" spans="14:14">
      <c r="N619872" s="10"/>
    </row>
    <row r="619873" spans="14:14">
      <c r="N619873" s="10"/>
    </row>
    <row r="619874" spans="14:14">
      <c r="N619874" s="10"/>
    </row>
    <row r="619875" spans="14:14">
      <c r="N619875" s="10"/>
    </row>
    <row r="619876" spans="14:14">
      <c r="N619876" s="10"/>
    </row>
    <row r="619877" spans="14:14">
      <c r="N619877" s="10"/>
    </row>
    <row r="619878" spans="14:14">
      <c r="N619878" s="10"/>
    </row>
    <row r="619879" spans="14:14">
      <c r="N619879" s="10"/>
    </row>
    <row r="619880" spans="14:14">
      <c r="N619880" s="10"/>
    </row>
    <row r="619881" spans="14:14">
      <c r="N619881" s="10"/>
    </row>
    <row r="619882" spans="14:14">
      <c r="N619882" s="10"/>
    </row>
    <row r="619883" spans="14:14">
      <c r="N619883" s="10"/>
    </row>
    <row r="619884" spans="14:14">
      <c r="N619884" s="10"/>
    </row>
    <row r="619885" spans="14:14">
      <c r="N619885" s="10"/>
    </row>
    <row r="619886" spans="14:14">
      <c r="N619886" s="10"/>
    </row>
    <row r="619887" spans="14:14">
      <c r="N619887" s="10"/>
    </row>
    <row r="619888" spans="14:14">
      <c r="N619888" s="10"/>
    </row>
    <row r="619889" spans="14:14">
      <c r="N619889" s="10"/>
    </row>
    <row r="619890" spans="14:14">
      <c r="N619890" s="10"/>
    </row>
    <row r="619891" spans="14:14">
      <c r="N619891" s="10"/>
    </row>
    <row r="619892" spans="14:14">
      <c r="N619892" s="10"/>
    </row>
    <row r="619893" spans="14:14">
      <c r="N619893" s="10"/>
    </row>
    <row r="619894" spans="14:14">
      <c r="N619894" s="10"/>
    </row>
    <row r="619895" spans="14:14">
      <c r="N619895" s="10"/>
    </row>
    <row r="619896" spans="14:14">
      <c r="N619896" s="10"/>
    </row>
    <row r="619897" spans="14:14">
      <c r="N619897" s="10"/>
    </row>
    <row r="619898" spans="14:14">
      <c r="N619898" s="10"/>
    </row>
    <row r="619899" spans="14:14">
      <c r="N619899" s="10"/>
    </row>
    <row r="619900" spans="14:14">
      <c r="N619900" s="10"/>
    </row>
    <row r="619901" spans="14:14">
      <c r="N619901" s="10"/>
    </row>
    <row r="619902" spans="14:14">
      <c r="N619902" s="10"/>
    </row>
    <row r="619903" spans="14:14">
      <c r="N619903" s="10"/>
    </row>
    <row r="619904" spans="14:14">
      <c r="N619904" s="10"/>
    </row>
    <row r="619905" spans="14:14">
      <c r="N619905" s="10"/>
    </row>
    <row r="619906" spans="14:14">
      <c r="N619906" s="10"/>
    </row>
    <row r="619907" spans="14:14">
      <c r="N619907" s="10"/>
    </row>
    <row r="619908" spans="14:14">
      <c r="N619908" s="10"/>
    </row>
    <row r="619909" spans="14:14">
      <c r="N619909" s="10"/>
    </row>
    <row r="619910" spans="14:14">
      <c r="N619910" s="10"/>
    </row>
    <row r="619911" spans="14:14">
      <c r="N619911" s="10"/>
    </row>
    <row r="619912" spans="14:14">
      <c r="N619912" s="10"/>
    </row>
    <row r="619913" spans="14:14">
      <c r="N619913" s="10"/>
    </row>
    <row r="619914" spans="14:14">
      <c r="N619914" s="10"/>
    </row>
    <row r="619915" spans="14:14">
      <c r="N619915" s="10"/>
    </row>
    <row r="619916" spans="14:14">
      <c r="N619916" s="10"/>
    </row>
    <row r="619917" spans="14:14">
      <c r="N619917" s="10"/>
    </row>
    <row r="619918" spans="14:14">
      <c r="N619918" s="10"/>
    </row>
    <row r="619919" spans="14:14">
      <c r="N619919" s="10"/>
    </row>
    <row r="619920" spans="14:14">
      <c r="N619920" s="10"/>
    </row>
    <row r="619921" spans="14:14">
      <c r="N619921" s="10"/>
    </row>
    <row r="619922" spans="14:14">
      <c r="N619922" s="10"/>
    </row>
    <row r="619923" spans="14:14">
      <c r="N619923" s="10"/>
    </row>
    <row r="619924" spans="14:14">
      <c r="N619924" s="10"/>
    </row>
    <row r="619925" spans="14:14">
      <c r="N619925" s="10"/>
    </row>
    <row r="619926" spans="14:14">
      <c r="N619926" s="10"/>
    </row>
    <row r="619927" spans="14:14">
      <c r="N619927" s="10"/>
    </row>
    <row r="619928" spans="14:14">
      <c r="N619928" s="10"/>
    </row>
    <row r="619929" spans="14:14">
      <c r="N619929" s="10"/>
    </row>
    <row r="619930" spans="14:14">
      <c r="N619930" s="10"/>
    </row>
    <row r="619931" spans="14:14">
      <c r="N619931" s="10"/>
    </row>
    <row r="619932" spans="14:14">
      <c r="N619932" s="10"/>
    </row>
    <row r="619933" spans="14:14">
      <c r="N619933" s="10"/>
    </row>
    <row r="619934" spans="14:14">
      <c r="N619934" s="10"/>
    </row>
    <row r="619935" spans="14:14">
      <c r="N619935" s="10"/>
    </row>
    <row r="619936" spans="14:14">
      <c r="N619936" s="10"/>
    </row>
    <row r="619937" spans="14:14">
      <c r="N619937" s="10"/>
    </row>
    <row r="619938" spans="14:14">
      <c r="N619938" s="10"/>
    </row>
    <row r="619939" spans="14:14">
      <c r="N619939" s="10"/>
    </row>
    <row r="619940" spans="14:14">
      <c r="N619940" s="10"/>
    </row>
    <row r="619941" spans="14:14">
      <c r="N619941" s="10"/>
    </row>
    <row r="619942" spans="14:14">
      <c r="N619942" s="10"/>
    </row>
    <row r="619943" spans="14:14">
      <c r="N619943" s="10"/>
    </row>
    <row r="619944" spans="14:14">
      <c r="N619944" s="10"/>
    </row>
    <row r="619945" spans="14:14">
      <c r="N619945" s="10"/>
    </row>
    <row r="619946" spans="14:14">
      <c r="N619946" s="10"/>
    </row>
    <row r="619947" spans="14:14">
      <c r="N619947" s="10"/>
    </row>
    <row r="619948" spans="14:14">
      <c r="N619948" s="10"/>
    </row>
    <row r="619949" spans="14:14">
      <c r="N619949" s="10"/>
    </row>
    <row r="619950" spans="14:14">
      <c r="N619950" s="10"/>
    </row>
    <row r="619951" spans="14:14">
      <c r="N619951" s="10"/>
    </row>
    <row r="619952" spans="14:14">
      <c r="N619952" s="10"/>
    </row>
    <row r="619953" spans="14:14">
      <c r="N619953" s="10"/>
    </row>
    <row r="619954" spans="14:14">
      <c r="N619954" s="10"/>
    </row>
    <row r="619955" spans="14:14">
      <c r="N619955" s="10"/>
    </row>
    <row r="619956" spans="14:14">
      <c r="N619956" s="10"/>
    </row>
    <row r="619957" spans="14:14">
      <c r="N619957" s="10"/>
    </row>
    <row r="619958" spans="14:14">
      <c r="N619958" s="10"/>
    </row>
    <row r="619959" spans="14:14">
      <c r="N619959" s="10"/>
    </row>
    <row r="619960" spans="14:14">
      <c r="N619960" s="10"/>
    </row>
    <row r="619961" spans="14:14">
      <c r="N619961" s="10"/>
    </row>
    <row r="619962" spans="14:14">
      <c r="N619962" s="10"/>
    </row>
    <row r="619963" spans="14:14">
      <c r="N619963" s="10"/>
    </row>
    <row r="619964" spans="14:14">
      <c r="N619964" s="10"/>
    </row>
    <row r="619965" spans="14:14">
      <c r="N619965" s="10"/>
    </row>
    <row r="619966" spans="14:14">
      <c r="N619966" s="10"/>
    </row>
    <row r="619967" spans="14:14">
      <c r="N619967" s="10"/>
    </row>
    <row r="619968" spans="14:14">
      <c r="N619968" s="10"/>
    </row>
    <row r="619969" spans="14:14">
      <c r="N619969" s="10"/>
    </row>
    <row r="619970" spans="14:14">
      <c r="N619970" s="10"/>
    </row>
    <row r="619971" spans="14:14">
      <c r="N619971" s="10"/>
    </row>
    <row r="619972" spans="14:14">
      <c r="N619972" s="10"/>
    </row>
    <row r="619973" spans="14:14">
      <c r="N619973" s="10"/>
    </row>
    <row r="619974" spans="14:14">
      <c r="N619974" s="10"/>
    </row>
    <row r="619975" spans="14:14">
      <c r="N619975" s="10"/>
    </row>
    <row r="619976" spans="14:14">
      <c r="N619976" s="10"/>
    </row>
    <row r="619977" spans="14:14">
      <c r="N619977" s="10"/>
    </row>
    <row r="619978" spans="14:14">
      <c r="N619978" s="10"/>
    </row>
    <row r="619979" spans="14:14">
      <c r="N619979" s="10"/>
    </row>
    <row r="619980" spans="14:14">
      <c r="N619980" s="10"/>
    </row>
    <row r="619981" spans="14:14">
      <c r="N619981" s="10"/>
    </row>
    <row r="619982" spans="14:14">
      <c r="N619982" s="10"/>
    </row>
    <row r="619983" spans="14:14">
      <c r="N619983" s="10"/>
    </row>
    <row r="619984" spans="14:14">
      <c r="N619984" s="10"/>
    </row>
    <row r="619985" spans="14:14">
      <c r="N619985" s="10"/>
    </row>
    <row r="619986" spans="14:14">
      <c r="N619986" s="10"/>
    </row>
    <row r="619987" spans="14:14">
      <c r="N619987" s="10"/>
    </row>
    <row r="619988" spans="14:14">
      <c r="N619988" s="10"/>
    </row>
    <row r="619989" spans="14:14">
      <c r="N619989" s="10"/>
    </row>
    <row r="619990" spans="14:14">
      <c r="N619990" s="10"/>
    </row>
    <row r="619991" spans="14:14">
      <c r="N619991" s="10"/>
    </row>
    <row r="619992" spans="14:14">
      <c r="N619992" s="10"/>
    </row>
    <row r="619993" spans="14:14">
      <c r="N619993" s="10"/>
    </row>
    <row r="619994" spans="14:14">
      <c r="N619994" s="10"/>
    </row>
    <row r="619995" spans="14:14">
      <c r="N619995" s="10"/>
    </row>
    <row r="619996" spans="14:14">
      <c r="N619996" s="10"/>
    </row>
    <row r="619997" spans="14:14">
      <c r="N619997" s="10"/>
    </row>
    <row r="619998" spans="14:14">
      <c r="N619998" s="10"/>
    </row>
    <row r="619999" spans="14:14">
      <c r="N619999" s="10"/>
    </row>
    <row r="620000" spans="14:14">
      <c r="N620000" s="10"/>
    </row>
    <row r="620001" spans="14:14">
      <c r="N620001" s="10"/>
    </row>
    <row r="620002" spans="14:14">
      <c r="N620002" s="10"/>
    </row>
    <row r="620003" spans="14:14">
      <c r="N620003" s="10"/>
    </row>
    <row r="620004" spans="14:14">
      <c r="N620004" s="10"/>
    </row>
    <row r="620005" spans="14:14">
      <c r="N620005" s="10"/>
    </row>
    <row r="620006" spans="14:14">
      <c r="N620006" s="10"/>
    </row>
    <row r="620007" spans="14:14">
      <c r="N620007" s="10"/>
    </row>
    <row r="620008" spans="14:14">
      <c r="N620008" s="10"/>
    </row>
    <row r="620009" spans="14:14">
      <c r="N620009" s="10"/>
    </row>
    <row r="620010" spans="14:14">
      <c r="N620010" s="10"/>
    </row>
    <row r="620011" spans="14:14">
      <c r="N620011" s="10"/>
    </row>
    <row r="620012" spans="14:14">
      <c r="N620012" s="10"/>
    </row>
    <row r="620013" spans="14:14">
      <c r="N620013" s="10"/>
    </row>
    <row r="620014" spans="14:14">
      <c r="N620014" s="10"/>
    </row>
    <row r="620015" spans="14:14">
      <c r="N620015" s="10"/>
    </row>
    <row r="620016" spans="14:14">
      <c r="N620016" s="10"/>
    </row>
    <row r="620017" spans="14:14">
      <c r="N620017" s="10"/>
    </row>
    <row r="620018" spans="14:14">
      <c r="N620018" s="10"/>
    </row>
    <row r="620019" spans="14:14">
      <c r="N620019" s="10"/>
    </row>
    <row r="620020" spans="14:14">
      <c r="N620020" s="10"/>
    </row>
    <row r="620021" spans="14:14">
      <c r="N620021" s="10"/>
    </row>
    <row r="620022" spans="14:14">
      <c r="N620022" s="10"/>
    </row>
    <row r="620023" spans="14:14">
      <c r="N620023" s="10"/>
    </row>
    <row r="620024" spans="14:14">
      <c r="N620024" s="10"/>
    </row>
    <row r="620025" spans="14:14">
      <c r="N620025" s="10"/>
    </row>
    <row r="620026" spans="14:14">
      <c r="N620026" s="10"/>
    </row>
    <row r="620027" spans="14:14">
      <c r="N620027" s="10"/>
    </row>
    <row r="620028" spans="14:14">
      <c r="N620028" s="10"/>
    </row>
    <row r="620029" spans="14:14">
      <c r="N620029" s="10"/>
    </row>
    <row r="620030" spans="14:14">
      <c r="N620030" s="10"/>
    </row>
    <row r="620031" spans="14:14">
      <c r="N620031" s="10"/>
    </row>
    <row r="620032" spans="14:14">
      <c r="N620032" s="10"/>
    </row>
    <row r="620033" spans="14:14">
      <c r="N620033" s="10"/>
    </row>
    <row r="620034" spans="14:14">
      <c r="N620034" s="10"/>
    </row>
    <row r="620035" spans="14:14">
      <c r="N620035" s="10"/>
    </row>
    <row r="620036" spans="14:14">
      <c r="N620036" s="10"/>
    </row>
    <row r="620037" spans="14:14">
      <c r="N620037" s="10"/>
    </row>
    <row r="620038" spans="14:14">
      <c r="N620038" s="10"/>
    </row>
    <row r="620039" spans="14:14">
      <c r="N620039" s="10"/>
    </row>
    <row r="620040" spans="14:14">
      <c r="N620040" s="10"/>
    </row>
    <row r="620041" spans="14:14">
      <c r="N620041" s="10"/>
    </row>
    <row r="620042" spans="14:14">
      <c r="N620042" s="10"/>
    </row>
    <row r="620043" spans="14:14">
      <c r="N620043" s="10"/>
    </row>
    <row r="620044" spans="14:14">
      <c r="N620044" s="10"/>
    </row>
    <row r="620045" spans="14:14">
      <c r="N620045" s="10"/>
    </row>
    <row r="620046" spans="14:14">
      <c r="N620046" s="10"/>
    </row>
    <row r="620047" spans="14:14">
      <c r="N620047" s="10"/>
    </row>
    <row r="620048" spans="14:14">
      <c r="N620048" s="10"/>
    </row>
    <row r="620049" spans="14:14">
      <c r="N620049" s="10"/>
    </row>
    <row r="620050" spans="14:14">
      <c r="N620050" s="10"/>
    </row>
    <row r="620051" spans="14:14">
      <c r="N620051" s="10"/>
    </row>
    <row r="620052" spans="14:14">
      <c r="N620052" s="10"/>
    </row>
    <row r="620053" spans="14:14">
      <c r="N620053" s="10"/>
    </row>
    <row r="620054" spans="14:14">
      <c r="N620054" s="10"/>
    </row>
    <row r="620055" spans="14:14">
      <c r="N620055" s="10"/>
    </row>
    <row r="620056" spans="14:14">
      <c r="N620056" s="10"/>
    </row>
    <row r="620057" spans="14:14">
      <c r="N620057" s="10"/>
    </row>
    <row r="620058" spans="14:14">
      <c r="N620058" s="10"/>
    </row>
    <row r="620059" spans="14:14">
      <c r="N620059" s="10"/>
    </row>
    <row r="620060" spans="14:14">
      <c r="N620060" s="10"/>
    </row>
    <row r="620061" spans="14:14">
      <c r="N620061" s="10"/>
    </row>
    <row r="620062" spans="14:14">
      <c r="N620062" s="10"/>
    </row>
    <row r="620063" spans="14:14">
      <c r="N620063" s="10"/>
    </row>
    <row r="620064" spans="14:14">
      <c r="N620064" s="10"/>
    </row>
    <row r="620065" spans="14:14">
      <c r="N620065" s="10"/>
    </row>
    <row r="620066" spans="14:14">
      <c r="N620066" s="10"/>
    </row>
    <row r="620067" spans="14:14">
      <c r="N620067" s="10"/>
    </row>
    <row r="620068" spans="14:14">
      <c r="N620068" s="10"/>
    </row>
    <row r="620069" spans="14:14">
      <c r="N620069" s="10"/>
    </row>
    <row r="620070" spans="14:14">
      <c r="N620070" s="10"/>
    </row>
    <row r="620071" spans="14:14">
      <c r="N620071" s="10"/>
    </row>
    <row r="620072" spans="14:14">
      <c r="N620072" s="10"/>
    </row>
    <row r="620073" spans="14:14">
      <c r="N620073" s="10"/>
    </row>
    <row r="620074" spans="14:14">
      <c r="N620074" s="10"/>
    </row>
    <row r="620075" spans="14:14">
      <c r="N620075" s="10"/>
    </row>
    <row r="620076" spans="14:14">
      <c r="N620076" s="10"/>
    </row>
    <row r="620077" spans="14:14">
      <c r="N620077" s="10"/>
    </row>
    <row r="620078" spans="14:14">
      <c r="N620078" s="10"/>
    </row>
    <row r="620079" spans="14:14">
      <c r="N620079" s="10"/>
    </row>
    <row r="620080" spans="14:14">
      <c r="N620080" s="10"/>
    </row>
    <row r="620081" spans="14:14">
      <c r="N620081" s="10"/>
    </row>
    <row r="620082" spans="14:14">
      <c r="N620082" s="10"/>
    </row>
    <row r="620083" spans="14:14">
      <c r="N620083" s="10"/>
    </row>
    <row r="620084" spans="14:14">
      <c r="N620084" s="10"/>
    </row>
    <row r="620085" spans="14:14">
      <c r="N620085" s="10"/>
    </row>
    <row r="620086" spans="14:14">
      <c r="N620086" s="10"/>
    </row>
    <row r="620087" spans="14:14">
      <c r="N620087" s="10"/>
    </row>
    <row r="620088" spans="14:14">
      <c r="N620088" s="10"/>
    </row>
    <row r="620089" spans="14:14">
      <c r="N620089" s="10"/>
    </row>
    <row r="620090" spans="14:14">
      <c r="N620090" s="10"/>
    </row>
    <row r="620091" spans="14:14">
      <c r="N620091" s="10"/>
    </row>
    <row r="620092" spans="14:14">
      <c r="N620092" s="10"/>
    </row>
    <row r="620093" spans="14:14">
      <c r="N620093" s="10"/>
    </row>
    <row r="620094" spans="14:14">
      <c r="N620094" s="10"/>
    </row>
    <row r="620095" spans="14:14">
      <c r="N620095" s="10"/>
    </row>
    <row r="620096" spans="14:14">
      <c r="N620096" s="10"/>
    </row>
    <row r="620097" spans="14:14">
      <c r="N620097" s="10"/>
    </row>
    <row r="620098" spans="14:14">
      <c r="N620098" s="10"/>
    </row>
    <row r="620099" spans="14:14">
      <c r="N620099" s="10"/>
    </row>
    <row r="620100" spans="14:14">
      <c r="N620100" s="10"/>
    </row>
    <row r="620101" spans="14:14">
      <c r="N620101" s="10"/>
    </row>
    <row r="620102" spans="14:14">
      <c r="N620102" s="10"/>
    </row>
    <row r="620103" spans="14:14">
      <c r="N620103" s="10"/>
    </row>
    <row r="620104" spans="14:14">
      <c r="N620104" s="10"/>
    </row>
    <row r="620105" spans="14:14">
      <c r="N620105" s="10"/>
    </row>
    <row r="620106" spans="14:14">
      <c r="N620106" s="10"/>
    </row>
    <row r="620107" spans="14:14">
      <c r="N620107" s="10"/>
    </row>
    <row r="620108" spans="14:14">
      <c r="N620108" s="10"/>
    </row>
    <row r="620109" spans="14:14">
      <c r="N620109" s="10"/>
    </row>
    <row r="620110" spans="14:14">
      <c r="N620110" s="10"/>
    </row>
    <row r="620111" spans="14:14">
      <c r="N620111" s="10"/>
    </row>
    <row r="620112" spans="14:14">
      <c r="N620112" s="10"/>
    </row>
    <row r="620113" spans="14:14">
      <c r="N620113" s="10"/>
    </row>
    <row r="620114" spans="14:14">
      <c r="N620114" s="10"/>
    </row>
    <row r="620115" spans="14:14">
      <c r="N620115" s="10"/>
    </row>
    <row r="620116" spans="14:14">
      <c r="N620116" s="10"/>
    </row>
    <row r="620117" spans="14:14">
      <c r="N620117" s="10"/>
    </row>
    <row r="620118" spans="14:14">
      <c r="N620118" s="10"/>
    </row>
    <row r="620119" spans="14:14">
      <c r="N620119" s="10"/>
    </row>
    <row r="620120" spans="14:14">
      <c r="N620120" s="10"/>
    </row>
    <row r="620121" spans="14:14">
      <c r="N620121" s="10"/>
    </row>
    <row r="620122" spans="14:14">
      <c r="N620122" s="10"/>
    </row>
    <row r="620123" spans="14:14">
      <c r="N620123" s="10"/>
    </row>
    <row r="620124" spans="14:14">
      <c r="N620124" s="10"/>
    </row>
    <row r="620125" spans="14:14">
      <c r="N620125" s="10"/>
    </row>
    <row r="620126" spans="14:14">
      <c r="N620126" s="10"/>
    </row>
    <row r="620127" spans="14:14">
      <c r="N620127" s="10"/>
    </row>
    <row r="620128" spans="14:14">
      <c r="N620128" s="10"/>
    </row>
    <row r="620129" spans="14:14">
      <c r="N620129" s="10"/>
    </row>
    <row r="620130" spans="14:14">
      <c r="N620130" s="10"/>
    </row>
    <row r="620131" spans="14:14">
      <c r="N620131" s="10"/>
    </row>
    <row r="620132" spans="14:14">
      <c r="N620132" s="10"/>
    </row>
    <row r="620133" spans="14:14">
      <c r="N620133" s="10"/>
    </row>
    <row r="620134" spans="14:14">
      <c r="N620134" s="10"/>
    </row>
    <row r="620135" spans="14:14">
      <c r="N620135" s="10"/>
    </row>
    <row r="620136" spans="14:14">
      <c r="N620136" s="10"/>
    </row>
    <row r="620137" spans="14:14">
      <c r="N620137" s="10"/>
    </row>
    <row r="620138" spans="14:14">
      <c r="N620138" s="10"/>
    </row>
    <row r="620139" spans="14:14">
      <c r="N620139" s="10"/>
    </row>
    <row r="620140" spans="14:14">
      <c r="N620140" s="10"/>
    </row>
    <row r="620141" spans="14:14">
      <c r="N620141" s="10"/>
    </row>
    <row r="620142" spans="14:14">
      <c r="N620142" s="10"/>
    </row>
    <row r="620143" spans="14:14">
      <c r="N620143" s="10"/>
    </row>
    <row r="620144" spans="14:14">
      <c r="N620144" s="10"/>
    </row>
    <row r="620145" spans="14:14">
      <c r="N620145" s="10"/>
    </row>
    <row r="620146" spans="14:14">
      <c r="N620146" s="10"/>
    </row>
    <row r="620147" spans="14:14">
      <c r="N620147" s="10"/>
    </row>
    <row r="620148" spans="14:14">
      <c r="N620148" s="10"/>
    </row>
    <row r="620149" spans="14:14">
      <c r="N620149" s="10"/>
    </row>
    <row r="620150" spans="14:14">
      <c r="N620150" s="10"/>
    </row>
    <row r="620151" spans="14:14">
      <c r="N620151" s="10"/>
    </row>
    <row r="620152" spans="14:14">
      <c r="N620152" s="10"/>
    </row>
    <row r="620153" spans="14:14">
      <c r="N620153" s="10"/>
    </row>
    <row r="620154" spans="14:14">
      <c r="N620154" s="10"/>
    </row>
    <row r="620155" spans="14:14">
      <c r="N620155" s="10"/>
    </row>
    <row r="620156" spans="14:14">
      <c r="N620156" s="10"/>
    </row>
    <row r="620157" spans="14:14">
      <c r="N620157" s="10"/>
    </row>
    <row r="620158" spans="14:14">
      <c r="N620158" s="10"/>
    </row>
    <row r="620159" spans="14:14">
      <c r="N620159" s="10"/>
    </row>
    <row r="620160" spans="14:14">
      <c r="N620160" s="10"/>
    </row>
    <row r="620161" spans="14:14">
      <c r="N620161" s="10"/>
    </row>
    <row r="620162" spans="14:14">
      <c r="N620162" s="10"/>
    </row>
    <row r="620163" spans="14:14">
      <c r="N620163" s="10"/>
    </row>
    <row r="620164" spans="14:14">
      <c r="N620164" s="10"/>
    </row>
    <row r="620165" spans="14:14">
      <c r="N620165" s="10"/>
    </row>
    <row r="620166" spans="14:14">
      <c r="N620166" s="10"/>
    </row>
    <row r="620167" spans="14:14">
      <c r="N620167" s="10"/>
    </row>
    <row r="620168" spans="14:14">
      <c r="N620168" s="10"/>
    </row>
    <row r="620169" spans="14:14">
      <c r="N620169" s="10"/>
    </row>
    <row r="620170" spans="14:14">
      <c r="N620170" s="10"/>
    </row>
    <row r="620171" spans="14:14">
      <c r="N620171" s="10"/>
    </row>
    <row r="620172" spans="14:14">
      <c r="N620172" s="10"/>
    </row>
    <row r="620173" spans="14:14">
      <c r="N620173" s="10"/>
    </row>
    <row r="620174" spans="14:14">
      <c r="N620174" s="10"/>
    </row>
    <row r="620175" spans="14:14">
      <c r="N620175" s="10"/>
    </row>
    <row r="620176" spans="14:14">
      <c r="N620176" s="10"/>
    </row>
    <row r="620177" spans="14:14">
      <c r="N620177" s="10"/>
    </row>
    <row r="620178" spans="14:14">
      <c r="N620178" s="10"/>
    </row>
    <row r="620179" spans="14:14">
      <c r="N620179" s="10"/>
    </row>
    <row r="620180" spans="14:14">
      <c r="N620180" s="10"/>
    </row>
    <row r="620181" spans="14:14">
      <c r="N620181" s="10"/>
    </row>
    <row r="620182" spans="14:14">
      <c r="N620182" s="10"/>
    </row>
    <row r="620183" spans="14:14">
      <c r="N620183" s="10"/>
    </row>
    <row r="620184" spans="14:14">
      <c r="N620184" s="10"/>
    </row>
    <row r="620185" spans="14:14">
      <c r="N620185" s="10"/>
    </row>
    <row r="620186" spans="14:14">
      <c r="N620186" s="10"/>
    </row>
    <row r="620187" spans="14:14">
      <c r="N620187" s="10"/>
    </row>
    <row r="620188" spans="14:14">
      <c r="N620188" s="10"/>
    </row>
    <row r="620189" spans="14:14">
      <c r="N620189" s="10"/>
    </row>
    <row r="620190" spans="14:14">
      <c r="N620190" s="10"/>
    </row>
    <row r="620191" spans="14:14">
      <c r="N620191" s="10"/>
    </row>
    <row r="620192" spans="14:14">
      <c r="N620192" s="10"/>
    </row>
    <row r="620193" spans="14:14">
      <c r="N620193" s="10"/>
    </row>
    <row r="620194" spans="14:14">
      <c r="N620194" s="10"/>
    </row>
    <row r="620195" spans="14:14">
      <c r="N620195" s="10"/>
    </row>
    <row r="620196" spans="14:14">
      <c r="N620196" s="10"/>
    </row>
    <row r="620197" spans="14:14">
      <c r="N620197" s="10"/>
    </row>
    <row r="620198" spans="14:14">
      <c r="N620198" s="10"/>
    </row>
    <row r="620199" spans="14:14">
      <c r="N620199" s="10"/>
    </row>
    <row r="620200" spans="14:14">
      <c r="N620200" s="10"/>
    </row>
    <row r="620201" spans="14:14">
      <c r="N620201" s="10"/>
    </row>
    <row r="620202" spans="14:14">
      <c r="N620202" s="10"/>
    </row>
    <row r="620203" spans="14:14">
      <c r="N620203" s="10"/>
    </row>
    <row r="620204" spans="14:14">
      <c r="N620204" s="10"/>
    </row>
    <row r="620205" spans="14:14">
      <c r="N620205" s="10"/>
    </row>
    <row r="620206" spans="14:14">
      <c r="N620206" s="10"/>
    </row>
    <row r="620207" spans="14:14">
      <c r="N620207" s="10"/>
    </row>
    <row r="620208" spans="14:14">
      <c r="N620208" s="10"/>
    </row>
    <row r="620209" spans="14:14">
      <c r="N620209" s="10"/>
    </row>
    <row r="620210" spans="14:14">
      <c r="N620210" s="10"/>
    </row>
    <row r="620211" spans="14:14">
      <c r="N620211" s="10"/>
    </row>
    <row r="620212" spans="14:14">
      <c r="N620212" s="10"/>
    </row>
    <row r="620213" spans="14:14">
      <c r="N620213" s="10"/>
    </row>
    <row r="620214" spans="14:14">
      <c r="N620214" s="10"/>
    </row>
    <row r="620215" spans="14:14">
      <c r="N620215" s="10"/>
    </row>
    <row r="620216" spans="14:14">
      <c r="N620216" s="10"/>
    </row>
    <row r="620217" spans="14:14">
      <c r="N620217" s="10"/>
    </row>
    <row r="620218" spans="14:14">
      <c r="N620218" s="10"/>
    </row>
    <row r="620219" spans="14:14">
      <c r="N620219" s="10"/>
    </row>
    <row r="620220" spans="14:14">
      <c r="N620220" s="10"/>
    </row>
    <row r="620221" spans="14:14">
      <c r="N620221" s="10"/>
    </row>
    <row r="620222" spans="14:14">
      <c r="N620222" s="10"/>
    </row>
    <row r="620223" spans="14:14">
      <c r="N620223" s="10"/>
    </row>
    <row r="620224" spans="14:14">
      <c r="N620224" s="10"/>
    </row>
    <row r="620225" spans="14:14">
      <c r="N620225" s="10"/>
    </row>
    <row r="620226" spans="14:14">
      <c r="N620226" s="10"/>
    </row>
    <row r="620227" spans="14:14">
      <c r="N620227" s="10"/>
    </row>
    <row r="620228" spans="14:14">
      <c r="N620228" s="10"/>
    </row>
    <row r="620229" spans="14:14">
      <c r="N620229" s="10"/>
    </row>
    <row r="620230" spans="14:14">
      <c r="N620230" s="10"/>
    </row>
    <row r="620231" spans="14:14">
      <c r="N620231" s="10"/>
    </row>
    <row r="620232" spans="14:14">
      <c r="N620232" s="10"/>
    </row>
    <row r="620233" spans="14:14">
      <c r="N620233" s="10"/>
    </row>
    <row r="620234" spans="14:14">
      <c r="N620234" s="10"/>
    </row>
    <row r="620235" spans="14:14">
      <c r="N620235" s="10"/>
    </row>
    <row r="620236" spans="14:14">
      <c r="N620236" s="10"/>
    </row>
    <row r="620237" spans="14:14">
      <c r="N620237" s="10"/>
    </row>
    <row r="620238" spans="14:14">
      <c r="N620238" s="10"/>
    </row>
    <row r="620239" spans="14:14">
      <c r="N620239" s="10"/>
    </row>
    <row r="620240" spans="14:14">
      <c r="N620240" s="10"/>
    </row>
    <row r="620241" spans="14:14">
      <c r="N620241" s="10"/>
    </row>
    <row r="620242" spans="14:14">
      <c r="N620242" s="10"/>
    </row>
    <row r="620243" spans="14:14">
      <c r="N620243" s="10"/>
    </row>
    <row r="620244" spans="14:14">
      <c r="N620244" s="10"/>
    </row>
    <row r="620245" spans="14:14">
      <c r="N620245" s="10"/>
    </row>
    <row r="620246" spans="14:14">
      <c r="N620246" s="10"/>
    </row>
    <row r="620247" spans="14:14">
      <c r="N620247" s="10"/>
    </row>
    <row r="620248" spans="14:14">
      <c r="N620248" s="10"/>
    </row>
    <row r="620249" spans="14:14">
      <c r="N620249" s="10"/>
    </row>
    <row r="620250" spans="14:14">
      <c r="N620250" s="10"/>
    </row>
    <row r="620251" spans="14:14">
      <c r="N620251" s="10"/>
    </row>
    <row r="620252" spans="14:14">
      <c r="N620252" s="10"/>
    </row>
    <row r="620253" spans="14:14">
      <c r="N620253" s="10"/>
    </row>
    <row r="620254" spans="14:14">
      <c r="N620254" s="10"/>
    </row>
    <row r="620255" spans="14:14">
      <c r="N620255" s="10"/>
    </row>
    <row r="620256" spans="14:14">
      <c r="N620256" s="10"/>
    </row>
    <row r="620257" spans="14:14">
      <c r="N620257" s="10"/>
    </row>
    <row r="620258" spans="14:14">
      <c r="N620258" s="10"/>
    </row>
    <row r="620259" spans="14:14">
      <c r="N620259" s="10"/>
    </row>
    <row r="620260" spans="14:14">
      <c r="N620260" s="10"/>
    </row>
    <row r="620261" spans="14:14">
      <c r="N620261" s="10"/>
    </row>
    <row r="620262" spans="14:14">
      <c r="N620262" s="10"/>
    </row>
    <row r="620263" spans="14:14">
      <c r="N620263" s="10"/>
    </row>
    <row r="620264" spans="14:14">
      <c r="N620264" s="10"/>
    </row>
    <row r="620265" spans="14:14">
      <c r="N620265" s="10"/>
    </row>
    <row r="620266" spans="14:14">
      <c r="N620266" s="10"/>
    </row>
    <row r="620267" spans="14:14">
      <c r="N620267" s="10"/>
    </row>
    <row r="620268" spans="14:14">
      <c r="N620268" s="10"/>
    </row>
    <row r="620269" spans="14:14">
      <c r="N620269" s="10"/>
    </row>
    <row r="620270" spans="14:14">
      <c r="N620270" s="10"/>
    </row>
    <row r="620271" spans="14:14">
      <c r="N620271" s="10"/>
    </row>
    <row r="620272" spans="14:14">
      <c r="N620272" s="10"/>
    </row>
    <row r="620273" spans="14:14">
      <c r="N620273" s="10"/>
    </row>
    <row r="620274" spans="14:14">
      <c r="N620274" s="10"/>
    </row>
    <row r="620275" spans="14:14">
      <c r="N620275" s="10"/>
    </row>
    <row r="620276" spans="14:14">
      <c r="N620276" s="10"/>
    </row>
    <row r="620277" spans="14:14">
      <c r="N620277" s="10"/>
    </row>
    <row r="620278" spans="14:14">
      <c r="N620278" s="10"/>
    </row>
    <row r="620279" spans="14:14">
      <c r="N620279" s="10"/>
    </row>
    <row r="620280" spans="14:14">
      <c r="N620280" s="10"/>
    </row>
    <row r="620281" spans="14:14">
      <c r="N620281" s="10"/>
    </row>
    <row r="620282" spans="14:14">
      <c r="N620282" s="10"/>
    </row>
    <row r="620283" spans="14:14">
      <c r="N620283" s="10"/>
    </row>
    <row r="620284" spans="14:14">
      <c r="N620284" s="10"/>
    </row>
    <row r="620285" spans="14:14">
      <c r="N620285" s="10"/>
    </row>
    <row r="620286" spans="14:14">
      <c r="N620286" s="10"/>
    </row>
    <row r="620287" spans="14:14">
      <c r="N620287" s="10"/>
    </row>
    <row r="620288" spans="14:14">
      <c r="N620288" s="10"/>
    </row>
    <row r="620289" spans="14:14">
      <c r="N620289" s="10"/>
    </row>
    <row r="620290" spans="14:14">
      <c r="N620290" s="10"/>
    </row>
    <row r="620291" spans="14:14">
      <c r="N620291" s="10"/>
    </row>
    <row r="620292" spans="14:14">
      <c r="N620292" s="10"/>
    </row>
    <row r="620293" spans="14:14">
      <c r="N620293" s="10"/>
    </row>
    <row r="620294" spans="14:14">
      <c r="N620294" s="10"/>
    </row>
    <row r="620295" spans="14:14">
      <c r="N620295" s="10"/>
    </row>
    <row r="620296" spans="14:14">
      <c r="N620296" s="10"/>
    </row>
    <row r="620297" spans="14:14">
      <c r="N620297" s="10"/>
    </row>
    <row r="620298" spans="14:14">
      <c r="N620298" s="10"/>
    </row>
    <row r="620299" spans="14:14">
      <c r="N620299" s="10"/>
    </row>
    <row r="620300" spans="14:14">
      <c r="N620300" s="10"/>
    </row>
    <row r="620301" spans="14:14">
      <c r="N620301" s="10"/>
    </row>
    <row r="620302" spans="14:14">
      <c r="N620302" s="10"/>
    </row>
    <row r="620303" spans="14:14">
      <c r="N620303" s="10"/>
    </row>
    <row r="620304" spans="14:14">
      <c r="N620304" s="10"/>
    </row>
    <row r="620305" spans="14:14">
      <c r="N620305" s="10"/>
    </row>
    <row r="620306" spans="14:14">
      <c r="N620306" s="10"/>
    </row>
    <row r="620307" spans="14:14">
      <c r="N620307" s="10"/>
    </row>
    <row r="620308" spans="14:14">
      <c r="N620308" s="10"/>
    </row>
    <row r="620309" spans="14:14">
      <c r="N620309" s="10"/>
    </row>
    <row r="620310" spans="14:14">
      <c r="N620310" s="10"/>
    </row>
    <row r="620311" spans="14:14">
      <c r="N620311" s="10"/>
    </row>
    <row r="620312" spans="14:14">
      <c r="N620312" s="10"/>
    </row>
    <row r="620313" spans="14:14">
      <c r="N620313" s="10"/>
    </row>
    <row r="620314" spans="14:14">
      <c r="N620314" s="10"/>
    </row>
    <row r="620315" spans="14:14">
      <c r="N620315" s="10"/>
    </row>
    <row r="620316" spans="14:14">
      <c r="N620316" s="10"/>
    </row>
    <row r="620317" spans="14:14">
      <c r="N620317" s="10"/>
    </row>
    <row r="620318" spans="14:14">
      <c r="N620318" s="10"/>
    </row>
    <row r="620319" spans="14:14">
      <c r="N620319" s="10"/>
    </row>
    <row r="620320" spans="14:14">
      <c r="N620320" s="10"/>
    </row>
    <row r="620321" spans="14:14">
      <c r="N620321" s="10"/>
    </row>
    <row r="620322" spans="14:14">
      <c r="N620322" s="10"/>
    </row>
    <row r="620323" spans="14:14">
      <c r="N620323" s="10"/>
    </row>
    <row r="620324" spans="14:14">
      <c r="N620324" s="10"/>
    </row>
    <row r="620325" spans="14:14">
      <c r="N620325" s="10"/>
    </row>
    <row r="620326" spans="14:14">
      <c r="N620326" s="10"/>
    </row>
    <row r="620327" spans="14:14">
      <c r="N620327" s="10"/>
    </row>
    <row r="620328" spans="14:14">
      <c r="N620328" s="10"/>
    </row>
    <row r="620329" spans="14:14">
      <c r="N620329" s="10"/>
    </row>
    <row r="620330" spans="14:14">
      <c r="N620330" s="10"/>
    </row>
    <row r="620331" spans="14:14">
      <c r="N620331" s="10"/>
    </row>
    <row r="620332" spans="14:14">
      <c r="N620332" s="10"/>
    </row>
    <row r="620333" spans="14:14">
      <c r="N620333" s="10"/>
    </row>
    <row r="620334" spans="14:14">
      <c r="N620334" s="10"/>
    </row>
    <row r="620335" spans="14:14">
      <c r="N620335" s="10"/>
    </row>
    <row r="620336" spans="14:14">
      <c r="N620336" s="10"/>
    </row>
    <row r="620337" spans="14:14">
      <c r="N620337" s="10"/>
    </row>
    <row r="620338" spans="14:14">
      <c r="N620338" s="10"/>
    </row>
    <row r="620339" spans="14:14">
      <c r="N620339" s="10"/>
    </row>
    <row r="620340" spans="14:14">
      <c r="N620340" s="10"/>
    </row>
    <row r="620341" spans="14:14">
      <c r="N620341" s="10"/>
    </row>
    <row r="620342" spans="14:14">
      <c r="N620342" s="10"/>
    </row>
    <row r="620343" spans="14:14">
      <c r="N620343" s="10"/>
    </row>
    <row r="620344" spans="14:14">
      <c r="N620344" s="10"/>
    </row>
    <row r="620345" spans="14:14">
      <c r="N620345" s="10"/>
    </row>
    <row r="620346" spans="14:14">
      <c r="N620346" s="10"/>
    </row>
    <row r="620347" spans="14:14">
      <c r="N620347" s="10"/>
    </row>
    <row r="620348" spans="14:14">
      <c r="N620348" s="10"/>
    </row>
    <row r="620349" spans="14:14">
      <c r="N620349" s="10"/>
    </row>
    <row r="620350" spans="14:14">
      <c r="N620350" s="10"/>
    </row>
    <row r="620351" spans="14:14">
      <c r="N620351" s="10"/>
    </row>
    <row r="620352" spans="14:14">
      <c r="N620352" s="10"/>
    </row>
    <row r="620353" spans="14:14">
      <c r="N620353" s="10"/>
    </row>
    <row r="620354" spans="14:14">
      <c r="N620354" s="10"/>
    </row>
    <row r="620355" spans="14:14">
      <c r="N620355" s="10"/>
    </row>
    <row r="620356" spans="14:14">
      <c r="N620356" s="10"/>
    </row>
    <row r="620357" spans="14:14">
      <c r="N620357" s="10"/>
    </row>
    <row r="620358" spans="14:14">
      <c r="N620358" s="10"/>
    </row>
    <row r="620359" spans="14:14">
      <c r="N620359" s="10"/>
    </row>
    <row r="620360" spans="14:14">
      <c r="N620360" s="10"/>
    </row>
    <row r="620361" spans="14:14">
      <c r="N620361" s="10"/>
    </row>
    <row r="620362" spans="14:14">
      <c r="N620362" s="10"/>
    </row>
    <row r="620363" spans="14:14">
      <c r="N620363" s="10"/>
    </row>
    <row r="620364" spans="14:14">
      <c r="N620364" s="10"/>
    </row>
    <row r="620365" spans="14:14">
      <c r="N620365" s="10"/>
    </row>
    <row r="620366" spans="14:14">
      <c r="N620366" s="10"/>
    </row>
    <row r="620367" spans="14:14">
      <c r="N620367" s="10"/>
    </row>
    <row r="620368" spans="14:14">
      <c r="N620368" s="10"/>
    </row>
    <row r="620369" spans="14:14">
      <c r="N620369" s="10"/>
    </row>
    <row r="620370" spans="14:14">
      <c r="N620370" s="10"/>
    </row>
    <row r="620371" spans="14:14">
      <c r="N620371" s="10"/>
    </row>
    <row r="620372" spans="14:14">
      <c r="N620372" s="10"/>
    </row>
    <row r="620373" spans="14:14">
      <c r="N620373" s="10"/>
    </row>
    <row r="620374" spans="14:14">
      <c r="N620374" s="10"/>
    </row>
    <row r="620375" spans="14:14">
      <c r="N620375" s="10"/>
    </row>
    <row r="620376" spans="14:14">
      <c r="N620376" s="10"/>
    </row>
    <row r="620377" spans="14:14">
      <c r="N620377" s="10"/>
    </row>
    <row r="620378" spans="14:14">
      <c r="N620378" s="10"/>
    </row>
    <row r="620379" spans="14:14">
      <c r="N620379" s="10"/>
    </row>
    <row r="620380" spans="14:14">
      <c r="N620380" s="10"/>
    </row>
    <row r="620381" spans="14:14">
      <c r="N620381" s="10"/>
    </row>
    <row r="620382" spans="14:14">
      <c r="N620382" s="10"/>
    </row>
    <row r="620383" spans="14:14">
      <c r="N620383" s="10"/>
    </row>
    <row r="620384" spans="14:14">
      <c r="N620384" s="10"/>
    </row>
    <row r="620385" spans="14:14">
      <c r="N620385" s="10"/>
    </row>
    <row r="620386" spans="14:14">
      <c r="N620386" s="10"/>
    </row>
    <row r="620387" spans="14:14">
      <c r="N620387" s="10"/>
    </row>
    <row r="620388" spans="14:14">
      <c r="N620388" s="10"/>
    </row>
    <row r="620389" spans="14:14">
      <c r="N620389" s="10"/>
    </row>
    <row r="620390" spans="14:14">
      <c r="N620390" s="10"/>
    </row>
    <row r="620391" spans="14:14">
      <c r="N620391" s="10"/>
    </row>
    <row r="620392" spans="14:14">
      <c r="N620392" s="10"/>
    </row>
    <row r="620393" spans="14:14">
      <c r="N620393" s="10"/>
    </row>
    <row r="620394" spans="14:14">
      <c r="N620394" s="10"/>
    </row>
    <row r="620395" spans="14:14">
      <c r="N620395" s="10"/>
    </row>
    <row r="620396" spans="14:14">
      <c r="N620396" s="10"/>
    </row>
    <row r="620397" spans="14:14">
      <c r="N620397" s="10"/>
    </row>
    <row r="620398" spans="14:14">
      <c r="N620398" s="10"/>
    </row>
    <row r="620399" spans="14:14">
      <c r="N620399" s="10"/>
    </row>
    <row r="620400" spans="14:14">
      <c r="N620400" s="10"/>
    </row>
    <row r="620401" spans="14:14">
      <c r="N620401" s="10"/>
    </row>
    <row r="620402" spans="14:14">
      <c r="N620402" s="10"/>
    </row>
    <row r="620403" spans="14:14">
      <c r="N620403" s="10"/>
    </row>
    <row r="620404" spans="14:14">
      <c r="N620404" s="10"/>
    </row>
    <row r="620405" spans="14:14">
      <c r="N620405" s="10"/>
    </row>
    <row r="620406" spans="14:14">
      <c r="N620406" s="10"/>
    </row>
    <row r="620407" spans="14:14">
      <c r="N620407" s="10"/>
    </row>
    <row r="620408" spans="14:14">
      <c r="N620408" s="10"/>
    </row>
    <row r="620409" spans="14:14">
      <c r="N620409" s="10"/>
    </row>
    <row r="620410" spans="14:14">
      <c r="N620410" s="10"/>
    </row>
    <row r="620411" spans="14:14">
      <c r="N620411" s="10"/>
    </row>
    <row r="620412" spans="14:14">
      <c r="N620412" s="10"/>
    </row>
    <row r="620413" spans="14:14">
      <c r="N620413" s="10"/>
    </row>
    <row r="620414" spans="14:14">
      <c r="N620414" s="10"/>
    </row>
    <row r="620415" spans="14:14">
      <c r="N620415" s="10"/>
    </row>
    <row r="620416" spans="14:14">
      <c r="N620416" s="10"/>
    </row>
    <row r="620417" spans="14:14">
      <c r="N620417" s="10"/>
    </row>
    <row r="620418" spans="14:14">
      <c r="N620418" s="10"/>
    </row>
    <row r="620419" spans="14:14">
      <c r="N620419" s="10"/>
    </row>
    <row r="620420" spans="14:14">
      <c r="N620420" s="10"/>
    </row>
    <row r="620421" spans="14:14">
      <c r="N620421" s="10"/>
    </row>
    <row r="620422" spans="14:14">
      <c r="N620422" s="10"/>
    </row>
    <row r="620423" spans="14:14">
      <c r="N620423" s="10"/>
    </row>
    <row r="620424" spans="14:14">
      <c r="N620424" s="10"/>
    </row>
    <row r="620425" spans="14:14">
      <c r="N620425" s="10"/>
    </row>
    <row r="620426" spans="14:14">
      <c r="N620426" s="10"/>
    </row>
    <row r="620427" spans="14:14">
      <c r="N620427" s="10"/>
    </row>
    <row r="620428" spans="14:14">
      <c r="N620428" s="10"/>
    </row>
    <row r="620429" spans="14:14">
      <c r="N620429" s="10"/>
    </row>
    <row r="620430" spans="14:14">
      <c r="N620430" s="10"/>
    </row>
    <row r="620431" spans="14:14">
      <c r="N620431" s="10"/>
    </row>
    <row r="620432" spans="14:14">
      <c r="N620432" s="10"/>
    </row>
    <row r="620433" spans="14:14">
      <c r="N620433" s="10"/>
    </row>
    <row r="620434" spans="14:14">
      <c r="N620434" s="10"/>
    </row>
    <row r="620435" spans="14:14">
      <c r="N620435" s="10"/>
    </row>
    <row r="620436" spans="14:14">
      <c r="N620436" s="10"/>
    </row>
    <row r="620437" spans="14:14">
      <c r="N620437" s="10"/>
    </row>
    <row r="620438" spans="14:14">
      <c r="N620438" s="10"/>
    </row>
    <row r="620439" spans="14:14">
      <c r="N620439" s="10"/>
    </row>
    <row r="620440" spans="14:14">
      <c r="N620440" s="10"/>
    </row>
    <row r="620441" spans="14:14">
      <c r="N620441" s="10"/>
    </row>
    <row r="620442" spans="14:14">
      <c r="N620442" s="10"/>
    </row>
    <row r="620443" spans="14:14">
      <c r="N620443" s="10"/>
    </row>
    <row r="620444" spans="14:14">
      <c r="N620444" s="10"/>
    </row>
    <row r="620445" spans="14:14">
      <c r="N620445" s="10"/>
    </row>
    <row r="620446" spans="14:14">
      <c r="N620446" s="10"/>
    </row>
    <row r="620447" spans="14:14">
      <c r="N620447" s="10"/>
    </row>
    <row r="620448" spans="14:14">
      <c r="N620448" s="10"/>
    </row>
    <row r="620449" spans="14:14">
      <c r="N620449" s="10"/>
    </row>
    <row r="620450" spans="14:14">
      <c r="N620450" s="10"/>
    </row>
    <row r="620451" spans="14:14">
      <c r="N620451" s="10"/>
    </row>
    <row r="620452" spans="14:14">
      <c r="N620452" s="10"/>
    </row>
    <row r="620453" spans="14:14">
      <c r="N620453" s="10"/>
    </row>
    <row r="620454" spans="14:14">
      <c r="N620454" s="10"/>
    </row>
    <row r="620455" spans="14:14">
      <c r="N620455" s="10"/>
    </row>
    <row r="620456" spans="14:14">
      <c r="N620456" s="10"/>
    </row>
    <row r="620457" spans="14:14">
      <c r="N620457" s="10"/>
    </row>
    <row r="620458" spans="14:14">
      <c r="N620458" s="10"/>
    </row>
    <row r="620459" spans="14:14">
      <c r="N620459" s="10"/>
    </row>
    <row r="620460" spans="14:14">
      <c r="N620460" s="10"/>
    </row>
    <row r="620461" spans="14:14">
      <c r="N620461" s="10"/>
    </row>
    <row r="620462" spans="14:14">
      <c r="N620462" s="10"/>
    </row>
    <row r="620463" spans="14:14">
      <c r="N620463" s="10"/>
    </row>
    <row r="620464" spans="14:14">
      <c r="N620464" s="10"/>
    </row>
    <row r="620465" spans="14:14">
      <c r="N620465" s="10"/>
    </row>
    <row r="620466" spans="14:14">
      <c r="N620466" s="10"/>
    </row>
    <row r="620467" spans="14:14">
      <c r="N620467" s="10"/>
    </row>
    <row r="620468" spans="14:14">
      <c r="N620468" s="10"/>
    </row>
    <row r="620469" spans="14:14">
      <c r="N620469" s="10"/>
    </row>
    <row r="620470" spans="14:14">
      <c r="N620470" s="10"/>
    </row>
    <row r="620471" spans="14:14">
      <c r="N620471" s="10"/>
    </row>
    <row r="620472" spans="14:14">
      <c r="N620472" s="10"/>
    </row>
    <row r="620473" spans="14:14">
      <c r="N620473" s="10"/>
    </row>
    <row r="620474" spans="14:14">
      <c r="N620474" s="10"/>
    </row>
    <row r="620475" spans="14:14">
      <c r="N620475" s="10"/>
    </row>
    <row r="620476" spans="14:14">
      <c r="N620476" s="10"/>
    </row>
    <row r="620477" spans="14:14">
      <c r="N620477" s="10"/>
    </row>
    <row r="620478" spans="14:14">
      <c r="N620478" s="10"/>
    </row>
    <row r="620479" spans="14:14">
      <c r="N620479" s="10"/>
    </row>
    <row r="620480" spans="14:14">
      <c r="N620480" s="10"/>
    </row>
    <row r="620481" spans="14:14">
      <c r="N620481" s="10"/>
    </row>
    <row r="620482" spans="14:14">
      <c r="N620482" s="10"/>
    </row>
    <row r="620483" spans="14:14">
      <c r="N620483" s="10"/>
    </row>
    <row r="620484" spans="14:14">
      <c r="N620484" s="10"/>
    </row>
    <row r="620485" spans="14:14">
      <c r="N620485" s="10"/>
    </row>
    <row r="620486" spans="14:14">
      <c r="N620486" s="10"/>
    </row>
    <row r="620487" spans="14:14">
      <c r="N620487" s="10"/>
    </row>
    <row r="620488" spans="14:14">
      <c r="N620488" s="10"/>
    </row>
    <row r="620489" spans="14:14">
      <c r="N620489" s="10"/>
    </row>
    <row r="620490" spans="14:14">
      <c r="N620490" s="10"/>
    </row>
    <row r="620491" spans="14:14">
      <c r="N620491" s="10"/>
    </row>
    <row r="620492" spans="14:14">
      <c r="N620492" s="10"/>
    </row>
    <row r="620493" spans="14:14">
      <c r="N620493" s="10"/>
    </row>
    <row r="620494" spans="14:14">
      <c r="N620494" s="10"/>
    </row>
    <row r="620495" spans="14:14">
      <c r="N620495" s="10"/>
    </row>
    <row r="620496" spans="14:14">
      <c r="N620496" s="10"/>
    </row>
    <row r="620497" spans="14:14">
      <c r="N620497" s="10"/>
    </row>
    <row r="620498" spans="14:14">
      <c r="N620498" s="10"/>
    </row>
    <row r="620499" spans="14:14">
      <c r="N620499" s="10"/>
    </row>
    <row r="620500" spans="14:14">
      <c r="N620500" s="10"/>
    </row>
    <row r="620501" spans="14:14">
      <c r="N620501" s="10"/>
    </row>
    <row r="620502" spans="14:14">
      <c r="N620502" s="10"/>
    </row>
    <row r="620503" spans="14:14">
      <c r="N620503" s="10"/>
    </row>
    <row r="620504" spans="14:14">
      <c r="N620504" s="10"/>
    </row>
    <row r="620505" spans="14:14">
      <c r="N620505" s="10"/>
    </row>
    <row r="620506" spans="14:14">
      <c r="N620506" s="10"/>
    </row>
    <row r="620507" spans="14:14">
      <c r="N620507" s="10"/>
    </row>
    <row r="620508" spans="14:14">
      <c r="N620508" s="10"/>
    </row>
    <row r="620509" spans="14:14">
      <c r="N620509" s="10"/>
    </row>
    <row r="620510" spans="14:14">
      <c r="N620510" s="10"/>
    </row>
    <row r="620511" spans="14:14">
      <c r="N620511" s="10"/>
    </row>
    <row r="620512" spans="14:14">
      <c r="N620512" s="10"/>
    </row>
    <row r="620513" spans="14:14">
      <c r="N620513" s="10"/>
    </row>
    <row r="620514" spans="14:14">
      <c r="N620514" s="10"/>
    </row>
    <row r="620515" spans="14:14">
      <c r="N620515" s="10"/>
    </row>
    <row r="620516" spans="14:14">
      <c r="N620516" s="10"/>
    </row>
    <row r="620517" spans="14:14">
      <c r="N620517" s="10"/>
    </row>
    <row r="620518" spans="14:14">
      <c r="N620518" s="10"/>
    </row>
    <row r="620519" spans="14:14">
      <c r="N620519" s="10"/>
    </row>
    <row r="620520" spans="14:14">
      <c r="N620520" s="10"/>
    </row>
    <row r="620521" spans="14:14">
      <c r="N620521" s="10"/>
    </row>
    <row r="620522" spans="14:14">
      <c r="N620522" s="10"/>
    </row>
    <row r="620523" spans="14:14">
      <c r="N620523" s="10"/>
    </row>
    <row r="620524" spans="14:14">
      <c r="N620524" s="10"/>
    </row>
    <row r="620525" spans="14:14">
      <c r="N620525" s="10"/>
    </row>
    <row r="620526" spans="14:14">
      <c r="N620526" s="10"/>
    </row>
    <row r="620527" spans="14:14">
      <c r="N620527" s="10"/>
    </row>
    <row r="620528" spans="14:14">
      <c r="N620528" s="10"/>
    </row>
    <row r="620529" spans="14:14">
      <c r="N620529" s="10"/>
    </row>
    <row r="620530" spans="14:14">
      <c r="N620530" s="10"/>
    </row>
    <row r="620531" spans="14:14">
      <c r="N620531" s="10"/>
    </row>
    <row r="620532" spans="14:14">
      <c r="N620532" s="10"/>
    </row>
    <row r="620533" spans="14:14">
      <c r="N620533" s="10"/>
    </row>
    <row r="620534" spans="14:14">
      <c r="N620534" s="10"/>
    </row>
    <row r="620535" spans="14:14">
      <c r="N620535" s="10"/>
    </row>
    <row r="620536" spans="14:14">
      <c r="N620536" s="10"/>
    </row>
    <row r="620537" spans="14:14">
      <c r="N620537" s="10"/>
    </row>
    <row r="620538" spans="14:14">
      <c r="N620538" s="10"/>
    </row>
    <row r="620539" spans="14:14">
      <c r="N620539" s="10"/>
    </row>
    <row r="620540" spans="14:14">
      <c r="N620540" s="10"/>
    </row>
    <row r="620541" spans="14:14">
      <c r="N620541" s="10"/>
    </row>
    <row r="620542" spans="14:14">
      <c r="N620542" s="10"/>
    </row>
    <row r="620543" spans="14:14">
      <c r="N620543" s="10"/>
    </row>
    <row r="620544" spans="14:14">
      <c r="N620544" s="10"/>
    </row>
    <row r="620545" spans="14:14">
      <c r="N620545" s="10"/>
    </row>
    <row r="620546" spans="14:14">
      <c r="N620546" s="10"/>
    </row>
    <row r="620547" spans="14:14">
      <c r="N620547" s="10"/>
    </row>
    <row r="620548" spans="14:14">
      <c r="N620548" s="10"/>
    </row>
    <row r="620549" spans="14:14">
      <c r="N620549" s="10"/>
    </row>
    <row r="620550" spans="14:14">
      <c r="N620550" s="10"/>
    </row>
    <row r="620551" spans="14:14">
      <c r="N620551" s="10"/>
    </row>
    <row r="620552" spans="14:14">
      <c r="N620552" s="10"/>
    </row>
    <row r="620553" spans="14:14">
      <c r="N620553" s="10"/>
    </row>
    <row r="620554" spans="14:14">
      <c r="N620554" s="10"/>
    </row>
    <row r="620555" spans="14:14">
      <c r="N620555" s="10"/>
    </row>
    <row r="620556" spans="14:14">
      <c r="N620556" s="10"/>
    </row>
    <row r="620557" spans="14:14">
      <c r="N620557" s="10"/>
    </row>
    <row r="620558" spans="14:14">
      <c r="N620558" s="10"/>
    </row>
    <row r="620559" spans="14:14">
      <c r="N620559" s="10"/>
    </row>
    <row r="620560" spans="14:14">
      <c r="N620560" s="10"/>
    </row>
    <row r="620561" spans="14:14">
      <c r="N620561" s="10"/>
    </row>
    <row r="620562" spans="14:14">
      <c r="N620562" s="10"/>
    </row>
    <row r="620563" spans="14:14">
      <c r="N620563" s="10"/>
    </row>
    <row r="620564" spans="14:14">
      <c r="N620564" s="10"/>
    </row>
    <row r="620565" spans="14:14">
      <c r="N620565" s="10"/>
    </row>
    <row r="620566" spans="14:14">
      <c r="N620566" s="10"/>
    </row>
    <row r="620567" spans="14:14">
      <c r="N620567" s="10"/>
    </row>
    <row r="620568" spans="14:14">
      <c r="N620568" s="10"/>
    </row>
    <row r="620569" spans="14:14">
      <c r="N620569" s="10"/>
    </row>
    <row r="620570" spans="14:14">
      <c r="N620570" s="10"/>
    </row>
    <row r="620571" spans="14:14">
      <c r="N620571" s="10"/>
    </row>
    <row r="620572" spans="14:14">
      <c r="N620572" s="10"/>
    </row>
    <row r="620573" spans="14:14">
      <c r="N620573" s="10"/>
    </row>
    <row r="620574" spans="14:14">
      <c r="N620574" s="10"/>
    </row>
    <row r="620575" spans="14:14">
      <c r="N620575" s="10"/>
    </row>
    <row r="620576" spans="14:14">
      <c r="N620576" s="10"/>
    </row>
    <row r="620577" spans="14:14">
      <c r="N620577" s="10"/>
    </row>
    <row r="620578" spans="14:14">
      <c r="N620578" s="10"/>
    </row>
    <row r="620579" spans="14:14">
      <c r="N620579" s="10"/>
    </row>
    <row r="620580" spans="14:14">
      <c r="N620580" s="10"/>
    </row>
    <row r="620581" spans="14:14">
      <c r="N620581" s="10"/>
    </row>
    <row r="620582" spans="14:14">
      <c r="N620582" s="10"/>
    </row>
    <row r="620583" spans="14:14">
      <c r="N620583" s="10"/>
    </row>
    <row r="620584" spans="14:14">
      <c r="N620584" s="10"/>
    </row>
    <row r="620585" spans="14:14">
      <c r="N620585" s="10"/>
    </row>
    <row r="620586" spans="14:14">
      <c r="N620586" s="10"/>
    </row>
    <row r="620587" spans="14:14">
      <c r="N620587" s="10"/>
    </row>
    <row r="620588" spans="14:14">
      <c r="N620588" s="10"/>
    </row>
    <row r="620589" spans="14:14">
      <c r="N620589" s="10"/>
    </row>
    <row r="620590" spans="14:14">
      <c r="N620590" s="10"/>
    </row>
    <row r="620591" spans="14:14">
      <c r="N620591" s="10"/>
    </row>
    <row r="620592" spans="14:14">
      <c r="N620592" s="10"/>
    </row>
    <row r="620593" spans="14:14">
      <c r="N620593" s="10"/>
    </row>
    <row r="620594" spans="14:14">
      <c r="N620594" s="10"/>
    </row>
    <row r="620595" spans="14:14">
      <c r="N620595" s="10"/>
    </row>
    <row r="620596" spans="14:14">
      <c r="N620596" s="10"/>
    </row>
    <row r="620597" spans="14:14">
      <c r="N620597" s="10"/>
    </row>
    <row r="620598" spans="14:14">
      <c r="N620598" s="10"/>
    </row>
    <row r="620599" spans="14:14">
      <c r="N620599" s="10"/>
    </row>
    <row r="620600" spans="14:14">
      <c r="N620600" s="10"/>
    </row>
    <row r="620601" spans="14:14">
      <c r="N620601" s="10"/>
    </row>
    <row r="620602" spans="14:14">
      <c r="N620602" s="10"/>
    </row>
    <row r="620603" spans="14:14">
      <c r="N620603" s="10"/>
    </row>
    <row r="620604" spans="14:14">
      <c r="N620604" s="10"/>
    </row>
    <row r="620605" spans="14:14">
      <c r="N620605" s="10"/>
    </row>
    <row r="620606" spans="14:14">
      <c r="N620606" s="10"/>
    </row>
    <row r="620607" spans="14:14">
      <c r="N620607" s="10"/>
    </row>
    <row r="620608" spans="14:14">
      <c r="N620608" s="10"/>
    </row>
    <row r="620609" spans="14:14">
      <c r="N620609" s="10"/>
    </row>
    <row r="620610" spans="14:14">
      <c r="N620610" s="10"/>
    </row>
    <row r="620611" spans="14:14">
      <c r="N620611" s="10"/>
    </row>
    <row r="620612" spans="14:14">
      <c r="N620612" s="10"/>
    </row>
    <row r="620613" spans="14:14">
      <c r="N620613" s="10"/>
    </row>
    <row r="620614" spans="14:14">
      <c r="N620614" s="10"/>
    </row>
    <row r="620615" spans="14:14">
      <c r="N620615" s="10"/>
    </row>
    <row r="620616" spans="14:14">
      <c r="N620616" s="10"/>
    </row>
    <row r="620617" spans="14:14">
      <c r="N620617" s="10"/>
    </row>
    <row r="620618" spans="14:14">
      <c r="N620618" s="10"/>
    </row>
    <row r="620619" spans="14:14">
      <c r="N620619" s="10"/>
    </row>
    <row r="620620" spans="14:14">
      <c r="N620620" s="10"/>
    </row>
    <row r="620621" spans="14:14">
      <c r="N620621" s="10"/>
    </row>
    <row r="620622" spans="14:14">
      <c r="N620622" s="10"/>
    </row>
    <row r="620623" spans="14:14">
      <c r="N620623" s="10"/>
    </row>
    <row r="620624" spans="14:14">
      <c r="N620624" s="10"/>
    </row>
    <row r="620625" spans="14:14">
      <c r="N620625" s="10"/>
    </row>
    <row r="620626" spans="14:14">
      <c r="N620626" s="10"/>
    </row>
    <row r="620627" spans="14:14">
      <c r="N620627" s="10"/>
    </row>
    <row r="620628" spans="14:14">
      <c r="N620628" s="10"/>
    </row>
    <row r="620629" spans="14:14">
      <c r="N620629" s="10"/>
    </row>
    <row r="620630" spans="14:14">
      <c r="N620630" s="10"/>
    </row>
    <row r="620631" spans="14:14">
      <c r="N620631" s="10"/>
    </row>
    <row r="620632" spans="14:14">
      <c r="N620632" s="10"/>
    </row>
    <row r="620633" spans="14:14">
      <c r="N620633" s="10"/>
    </row>
    <row r="620634" spans="14:14">
      <c r="N620634" s="10"/>
    </row>
    <row r="620635" spans="14:14">
      <c r="N620635" s="10"/>
    </row>
    <row r="620636" spans="14:14">
      <c r="N620636" s="10"/>
    </row>
    <row r="620637" spans="14:14">
      <c r="N620637" s="10"/>
    </row>
    <row r="620638" spans="14:14">
      <c r="N620638" s="10"/>
    </row>
    <row r="620639" spans="14:14">
      <c r="N620639" s="10"/>
    </row>
    <row r="620640" spans="14:14">
      <c r="N620640" s="10"/>
    </row>
    <row r="620641" spans="14:14">
      <c r="N620641" s="10"/>
    </row>
    <row r="620642" spans="14:14">
      <c r="N620642" s="10"/>
    </row>
    <row r="620643" spans="14:14">
      <c r="N620643" s="10"/>
    </row>
    <row r="620644" spans="14:14">
      <c r="N620644" s="10"/>
    </row>
    <row r="620645" spans="14:14">
      <c r="N620645" s="10"/>
    </row>
    <row r="620646" spans="14:14">
      <c r="N620646" s="10"/>
    </row>
    <row r="620647" spans="14:14">
      <c r="N620647" s="10"/>
    </row>
    <row r="620648" spans="14:14">
      <c r="N620648" s="10"/>
    </row>
    <row r="620649" spans="14:14">
      <c r="N620649" s="10"/>
    </row>
    <row r="620650" spans="14:14">
      <c r="N620650" s="10"/>
    </row>
    <row r="620651" spans="14:14">
      <c r="N620651" s="10"/>
    </row>
    <row r="620652" spans="14:14">
      <c r="N620652" s="10"/>
    </row>
    <row r="620653" spans="14:14">
      <c r="N620653" s="10"/>
    </row>
    <row r="620654" spans="14:14">
      <c r="N620654" s="10"/>
    </row>
    <row r="620655" spans="14:14">
      <c r="N620655" s="10"/>
    </row>
    <row r="620656" spans="14:14">
      <c r="N620656" s="10"/>
    </row>
    <row r="620657" spans="14:14">
      <c r="N620657" s="10"/>
    </row>
    <row r="620658" spans="14:14">
      <c r="N620658" s="10"/>
    </row>
    <row r="620659" spans="14:14">
      <c r="N620659" s="10"/>
    </row>
    <row r="620660" spans="14:14">
      <c r="N620660" s="10"/>
    </row>
    <row r="620661" spans="14:14">
      <c r="N620661" s="10"/>
    </row>
    <row r="620662" spans="14:14">
      <c r="N620662" s="10"/>
    </row>
    <row r="620663" spans="14:14">
      <c r="N620663" s="10"/>
    </row>
    <row r="620664" spans="14:14">
      <c r="N620664" s="10"/>
    </row>
    <row r="620665" spans="14:14">
      <c r="N620665" s="10"/>
    </row>
    <row r="620666" spans="14:14">
      <c r="N620666" s="10"/>
    </row>
    <row r="620667" spans="14:14">
      <c r="N620667" s="10"/>
    </row>
    <row r="620668" spans="14:14">
      <c r="N620668" s="10"/>
    </row>
    <row r="620669" spans="14:14">
      <c r="N620669" s="10"/>
    </row>
    <row r="620670" spans="14:14">
      <c r="N620670" s="10"/>
    </row>
    <row r="620671" spans="14:14">
      <c r="N620671" s="10"/>
    </row>
    <row r="620672" spans="14:14">
      <c r="N620672" s="10"/>
    </row>
    <row r="620673" spans="14:14">
      <c r="N620673" s="10"/>
    </row>
    <row r="620674" spans="14:14">
      <c r="N620674" s="10"/>
    </row>
    <row r="620675" spans="14:14">
      <c r="N620675" s="10"/>
    </row>
    <row r="620676" spans="14:14">
      <c r="N620676" s="10"/>
    </row>
    <row r="620677" spans="14:14">
      <c r="N620677" s="10"/>
    </row>
    <row r="620678" spans="14:14">
      <c r="N620678" s="10"/>
    </row>
    <row r="620679" spans="14:14">
      <c r="N620679" s="10"/>
    </row>
    <row r="620680" spans="14:14">
      <c r="N620680" s="10"/>
    </row>
    <row r="620681" spans="14:14">
      <c r="N620681" s="10"/>
    </row>
    <row r="620682" spans="14:14">
      <c r="N620682" s="10"/>
    </row>
    <row r="620683" spans="14:14">
      <c r="N620683" s="10"/>
    </row>
    <row r="620684" spans="14:14">
      <c r="N620684" s="10"/>
    </row>
    <row r="620685" spans="14:14">
      <c r="N620685" s="10"/>
    </row>
    <row r="620686" spans="14:14">
      <c r="N620686" s="10"/>
    </row>
    <row r="620687" spans="14:14">
      <c r="N620687" s="10"/>
    </row>
    <row r="620688" spans="14:14">
      <c r="N620688" s="10"/>
    </row>
    <row r="620689" spans="14:14">
      <c r="N620689" s="10"/>
    </row>
    <row r="620690" spans="14:14">
      <c r="N620690" s="10"/>
    </row>
    <row r="620691" spans="14:14">
      <c r="N620691" s="10"/>
    </row>
    <row r="620692" spans="14:14">
      <c r="N620692" s="10"/>
    </row>
    <row r="620693" spans="14:14">
      <c r="N620693" s="10"/>
    </row>
    <row r="620694" spans="14:14">
      <c r="N620694" s="10"/>
    </row>
    <row r="620695" spans="14:14">
      <c r="N620695" s="10"/>
    </row>
    <row r="620696" spans="14:14">
      <c r="N620696" s="10"/>
    </row>
    <row r="620697" spans="14:14">
      <c r="N620697" s="10"/>
    </row>
    <row r="620698" spans="14:14">
      <c r="N620698" s="10"/>
    </row>
    <row r="620699" spans="14:14">
      <c r="N620699" s="10"/>
    </row>
    <row r="620700" spans="14:14">
      <c r="N620700" s="10"/>
    </row>
    <row r="620701" spans="14:14">
      <c r="N620701" s="10"/>
    </row>
    <row r="620702" spans="14:14">
      <c r="N620702" s="10"/>
    </row>
    <row r="620703" spans="14:14">
      <c r="N620703" s="10"/>
    </row>
    <row r="620704" spans="14:14">
      <c r="N620704" s="10"/>
    </row>
    <row r="620705" spans="14:14">
      <c r="N620705" s="10"/>
    </row>
    <row r="620706" spans="14:14">
      <c r="N620706" s="10"/>
    </row>
    <row r="620707" spans="14:14">
      <c r="N620707" s="10"/>
    </row>
    <row r="620708" spans="14:14">
      <c r="N620708" s="10"/>
    </row>
    <row r="620709" spans="14:14">
      <c r="N620709" s="10"/>
    </row>
    <row r="620710" spans="14:14">
      <c r="N620710" s="10"/>
    </row>
    <row r="620711" spans="14:14">
      <c r="N620711" s="10"/>
    </row>
    <row r="620712" spans="14:14">
      <c r="N620712" s="10"/>
    </row>
    <row r="620713" spans="14:14">
      <c r="N620713" s="10"/>
    </row>
    <row r="620714" spans="14:14">
      <c r="N620714" s="10"/>
    </row>
    <row r="620715" spans="14:14">
      <c r="N620715" s="10"/>
    </row>
    <row r="620716" spans="14:14">
      <c r="N620716" s="10"/>
    </row>
    <row r="620717" spans="14:14">
      <c r="N620717" s="10"/>
    </row>
    <row r="620718" spans="14:14">
      <c r="N620718" s="10"/>
    </row>
    <row r="620719" spans="14:14">
      <c r="N620719" s="10"/>
    </row>
    <row r="620720" spans="14:14">
      <c r="N620720" s="10"/>
    </row>
    <row r="620721" spans="14:14">
      <c r="N620721" s="10"/>
    </row>
    <row r="620722" spans="14:14">
      <c r="N620722" s="10"/>
    </row>
    <row r="620723" spans="14:14">
      <c r="N620723" s="10"/>
    </row>
    <row r="620724" spans="14:14">
      <c r="N620724" s="10"/>
    </row>
    <row r="620725" spans="14:14">
      <c r="N620725" s="10"/>
    </row>
    <row r="620726" spans="14:14">
      <c r="N620726" s="10"/>
    </row>
    <row r="620727" spans="14:14">
      <c r="N620727" s="10"/>
    </row>
    <row r="620728" spans="14:14">
      <c r="N620728" s="10"/>
    </row>
    <row r="620729" spans="14:14">
      <c r="N620729" s="10"/>
    </row>
    <row r="620730" spans="14:14">
      <c r="N620730" s="10"/>
    </row>
    <row r="620731" spans="14:14">
      <c r="N620731" s="10"/>
    </row>
    <row r="620732" spans="14:14">
      <c r="N620732" s="10"/>
    </row>
    <row r="620733" spans="14:14">
      <c r="N620733" s="10"/>
    </row>
    <row r="620734" spans="14:14">
      <c r="N620734" s="10"/>
    </row>
    <row r="620735" spans="14:14">
      <c r="N620735" s="10"/>
    </row>
    <row r="620736" spans="14:14">
      <c r="N620736" s="10"/>
    </row>
    <row r="620737" spans="14:14">
      <c r="N620737" s="10"/>
    </row>
    <row r="620738" spans="14:14">
      <c r="N620738" s="10"/>
    </row>
    <row r="620739" spans="14:14">
      <c r="N620739" s="10"/>
    </row>
    <row r="620740" spans="14:14">
      <c r="N620740" s="10"/>
    </row>
    <row r="620741" spans="14:14">
      <c r="N620741" s="10"/>
    </row>
    <row r="620742" spans="14:14">
      <c r="N620742" s="10"/>
    </row>
    <row r="620743" spans="14:14">
      <c r="N620743" s="10"/>
    </row>
    <row r="620744" spans="14:14">
      <c r="N620744" s="10"/>
    </row>
    <row r="620745" spans="14:14">
      <c r="N620745" s="10"/>
    </row>
    <row r="620746" spans="14:14">
      <c r="N620746" s="10"/>
    </row>
    <row r="620747" spans="14:14">
      <c r="N620747" s="10"/>
    </row>
    <row r="620748" spans="14:14">
      <c r="N620748" s="10"/>
    </row>
    <row r="620749" spans="14:14">
      <c r="N620749" s="10"/>
    </row>
    <row r="620750" spans="14:14">
      <c r="N620750" s="10"/>
    </row>
    <row r="620751" spans="14:14">
      <c r="N620751" s="10"/>
    </row>
    <row r="620752" spans="14:14">
      <c r="N620752" s="10"/>
    </row>
    <row r="620753" spans="14:14">
      <c r="N620753" s="10"/>
    </row>
    <row r="620754" spans="14:14">
      <c r="N620754" s="10"/>
    </row>
    <row r="620755" spans="14:14">
      <c r="N620755" s="10"/>
    </row>
    <row r="620756" spans="14:14">
      <c r="N620756" s="10"/>
    </row>
    <row r="620757" spans="14:14">
      <c r="N620757" s="10"/>
    </row>
    <row r="620758" spans="14:14">
      <c r="N620758" s="10"/>
    </row>
    <row r="620759" spans="14:14">
      <c r="N620759" s="10"/>
    </row>
    <row r="620760" spans="14:14">
      <c r="N620760" s="10"/>
    </row>
    <row r="620761" spans="14:14">
      <c r="N620761" s="10"/>
    </row>
    <row r="620762" spans="14:14">
      <c r="N620762" s="10"/>
    </row>
    <row r="620763" spans="14:14">
      <c r="N620763" s="10"/>
    </row>
    <row r="620764" spans="14:14">
      <c r="N620764" s="10"/>
    </row>
    <row r="620765" spans="14:14">
      <c r="N620765" s="10"/>
    </row>
    <row r="620766" spans="14:14">
      <c r="N620766" s="10"/>
    </row>
    <row r="620767" spans="14:14">
      <c r="N620767" s="10"/>
    </row>
    <row r="620768" spans="14:14">
      <c r="N620768" s="10"/>
    </row>
    <row r="620769" spans="14:14">
      <c r="N620769" s="10"/>
    </row>
    <row r="620770" spans="14:14">
      <c r="N620770" s="10"/>
    </row>
    <row r="620771" spans="14:14">
      <c r="N620771" s="10"/>
    </row>
    <row r="620772" spans="14:14">
      <c r="N620772" s="10"/>
    </row>
    <row r="620773" spans="14:14">
      <c r="N620773" s="10"/>
    </row>
    <row r="620774" spans="14:14">
      <c r="N620774" s="10"/>
    </row>
    <row r="620775" spans="14:14">
      <c r="N620775" s="10"/>
    </row>
    <row r="620776" spans="14:14">
      <c r="N620776" s="10"/>
    </row>
    <row r="620777" spans="14:14">
      <c r="N620777" s="10"/>
    </row>
    <row r="620778" spans="14:14">
      <c r="N620778" s="10"/>
    </row>
    <row r="620779" spans="14:14">
      <c r="N620779" s="10"/>
    </row>
    <row r="620780" spans="14:14">
      <c r="N620780" s="10"/>
    </row>
    <row r="620781" spans="14:14">
      <c r="N620781" s="10"/>
    </row>
    <row r="620782" spans="14:14">
      <c r="N620782" s="10"/>
    </row>
    <row r="620783" spans="14:14">
      <c r="N620783" s="10"/>
    </row>
    <row r="620784" spans="14:14">
      <c r="N620784" s="10"/>
    </row>
    <row r="620785" spans="14:14">
      <c r="N620785" s="10"/>
    </row>
    <row r="620786" spans="14:14">
      <c r="N620786" s="10"/>
    </row>
    <row r="620787" spans="14:14">
      <c r="N620787" s="10"/>
    </row>
    <row r="620788" spans="14:14">
      <c r="N620788" s="10"/>
    </row>
    <row r="620789" spans="14:14">
      <c r="N620789" s="10"/>
    </row>
    <row r="620790" spans="14:14">
      <c r="N620790" s="10"/>
    </row>
    <row r="620791" spans="14:14">
      <c r="N620791" s="10"/>
    </row>
    <row r="620792" spans="14:14">
      <c r="N620792" s="10"/>
    </row>
    <row r="620793" spans="14:14">
      <c r="N620793" s="10"/>
    </row>
    <row r="620794" spans="14:14">
      <c r="N620794" s="10"/>
    </row>
    <row r="620795" spans="14:14">
      <c r="N620795" s="10"/>
    </row>
    <row r="620796" spans="14:14">
      <c r="N620796" s="10"/>
    </row>
    <row r="620797" spans="14:14">
      <c r="N620797" s="10"/>
    </row>
    <row r="620798" spans="14:14">
      <c r="N620798" s="10"/>
    </row>
    <row r="620799" spans="14:14">
      <c r="N620799" s="10"/>
    </row>
    <row r="620800" spans="14:14">
      <c r="N620800" s="10"/>
    </row>
    <row r="620801" spans="14:14">
      <c r="N620801" s="10"/>
    </row>
    <row r="620802" spans="14:14">
      <c r="N620802" s="10"/>
    </row>
    <row r="620803" spans="14:14">
      <c r="N620803" s="10"/>
    </row>
    <row r="620804" spans="14:14">
      <c r="N620804" s="10"/>
    </row>
    <row r="620805" spans="14:14">
      <c r="N620805" s="10"/>
    </row>
    <row r="620806" spans="14:14">
      <c r="N620806" s="10"/>
    </row>
    <row r="620807" spans="14:14">
      <c r="N620807" s="10"/>
    </row>
    <row r="620808" spans="14:14">
      <c r="N620808" s="10"/>
    </row>
    <row r="620809" spans="14:14">
      <c r="N620809" s="10"/>
    </row>
    <row r="620810" spans="14:14">
      <c r="N620810" s="10"/>
    </row>
    <row r="620811" spans="14:14">
      <c r="N620811" s="10"/>
    </row>
    <row r="620812" spans="14:14">
      <c r="N620812" s="10"/>
    </row>
    <row r="620813" spans="14:14">
      <c r="N620813" s="10"/>
    </row>
    <row r="620814" spans="14:14">
      <c r="N620814" s="10"/>
    </row>
    <row r="620815" spans="14:14">
      <c r="N620815" s="10"/>
    </row>
    <row r="620816" spans="14:14">
      <c r="N620816" s="10"/>
    </row>
    <row r="620817" spans="14:14">
      <c r="N620817" s="10"/>
    </row>
    <row r="620818" spans="14:14">
      <c r="N620818" s="10"/>
    </row>
    <row r="620819" spans="14:14">
      <c r="N620819" s="10"/>
    </row>
    <row r="620820" spans="14:14">
      <c r="N620820" s="10"/>
    </row>
    <row r="620821" spans="14:14">
      <c r="N620821" s="10"/>
    </row>
    <row r="620822" spans="14:14">
      <c r="N620822" s="10"/>
    </row>
    <row r="620823" spans="14:14">
      <c r="N620823" s="10"/>
    </row>
    <row r="620824" spans="14:14">
      <c r="N620824" s="10"/>
    </row>
    <row r="620825" spans="14:14">
      <c r="N620825" s="10"/>
    </row>
    <row r="620826" spans="14:14">
      <c r="N620826" s="10"/>
    </row>
    <row r="620827" spans="14:14">
      <c r="N620827" s="10"/>
    </row>
    <row r="620828" spans="14:14">
      <c r="N620828" s="10"/>
    </row>
    <row r="620829" spans="14:14">
      <c r="N620829" s="10"/>
    </row>
    <row r="620830" spans="14:14">
      <c r="N620830" s="10"/>
    </row>
    <row r="620831" spans="14:14">
      <c r="N620831" s="10"/>
    </row>
    <row r="620832" spans="14:14">
      <c r="N620832" s="10"/>
    </row>
    <row r="620833" spans="14:14">
      <c r="N620833" s="10"/>
    </row>
    <row r="620834" spans="14:14">
      <c r="N620834" s="10"/>
    </row>
    <row r="620835" spans="14:14">
      <c r="N620835" s="10"/>
    </row>
    <row r="620836" spans="14:14">
      <c r="N620836" s="10"/>
    </row>
    <row r="620837" spans="14:14">
      <c r="N620837" s="10"/>
    </row>
    <row r="620838" spans="14:14">
      <c r="N620838" s="10"/>
    </row>
    <row r="620839" spans="14:14">
      <c r="N620839" s="10"/>
    </row>
    <row r="620840" spans="14:14">
      <c r="N620840" s="10"/>
    </row>
    <row r="620841" spans="14:14">
      <c r="N620841" s="10"/>
    </row>
    <row r="620842" spans="14:14">
      <c r="N620842" s="10"/>
    </row>
    <row r="620843" spans="14:14">
      <c r="N620843" s="10"/>
    </row>
    <row r="620844" spans="14:14">
      <c r="N620844" s="10"/>
    </row>
    <row r="620845" spans="14:14">
      <c r="N620845" s="10"/>
    </row>
    <row r="620846" spans="14:14">
      <c r="N620846" s="10"/>
    </row>
    <row r="620847" spans="14:14">
      <c r="N620847" s="10"/>
    </row>
    <row r="620848" spans="14:14">
      <c r="N620848" s="10"/>
    </row>
    <row r="620849" spans="14:14">
      <c r="N620849" s="10"/>
    </row>
    <row r="620850" spans="14:14">
      <c r="N620850" s="10"/>
    </row>
    <row r="620851" spans="14:14">
      <c r="N620851" s="10"/>
    </row>
    <row r="620852" spans="14:14">
      <c r="N620852" s="10"/>
    </row>
    <row r="620853" spans="14:14">
      <c r="N620853" s="10"/>
    </row>
    <row r="620854" spans="14:14">
      <c r="N620854" s="10"/>
    </row>
    <row r="620855" spans="14:14">
      <c r="N620855" s="10"/>
    </row>
    <row r="620856" spans="14:14">
      <c r="N620856" s="10"/>
    </row>
    <row r="620857" spans="14:14">
      <c r="N620857" s="10"/>
    </row>
    <row r="620858" spans="14:14">
      <c r="N620858" s="10"/>
    </row>
    <row r="620859" spans="14:14">
      <c r="N620859" s="10"/>
    </row>
    <row r="620860" spans="14:14">
      <c r="N620860" s="10"/>
    </row>
    <row r="620861" spans="14:14">
      <c r="N620861" s="10"/>
    </row>
    <row r="620862" spans="14:14">
      <c r="N620862" s="10"/>
    </row>
    <row r="620863" spans="14:14">
      <c r="N620863" s="10"/>
    </row>
    <row r="620864" spans="14:14">
      <c r="N620864" s="10"/>
    </row>
    <row r="620865" spans="14:14">
      <c r="N620865" s="10"/>
    </row>
    <row r="620866" spans="14:14">
      <c r="N620866" s="10"/>
    </row>
    <row r="620867" spans="14:14">
      <c r="N620867" s="10"/>
    </row>
    <row r="620868" spans="14:14">
      <c r="N620868" s="10"/>
    </row>
    <row r="620869" spans="14:14">
      <c r="N620869" s="10"/>
    </row>
    <row r="620870" spans="14:14">
      <c r="N620870" s="10"/>
    </row>
    <row r="620871" spans="14:14">
      <c r="N620871" s="10"/>
    </row>
    <row r="620872" spans="14:14">
      <c r="N620872" s="10"/>
    </row>
    <row r="620873" spans="14:14">
      <c r="N620873" s="10"/>
    </row>
    <row r="620874" spans="14:14">
      <c r="N620874" s="10"/>
    </row>
    <row r="620875" spans="14:14">
      <c r="N620875" s="10"/>
    </row>
    <row r="620876" spans="14:14">
      <c r="N620876" s="10"/>
    </row>
    <row r="620877" spans="14:14">
      <c r="N620877" s="10"/>
    </row>
    <row r="620878" spans="14:14">
      <c r="N620878" s="10"/>
    </row>
    <row r="620879" spans="14:14">
      <c r="N620879" s="10"/>
    </row>
    <row r="620880" spans="14:14">
      <c r="N620880" s="10"/>
    </row>
    <row r="620881" spans="14:14">
      <c r="N620881" s="10"/>
    </row>
    <row r="620882" spans="14:14">
      <c r="N620882" s="10"/>
    </row>
    <row r="620883" spans="14:14">
      <c r="N620883" s="10"/>
    </row>
    <row r="620884" spans="14:14">
      <c r="N620884" s="10"/>
    </row>
    <row r="620885" spans="14:14">
      <c r="N620885" s="10"/>
    </row>
    <row r="620886" spans="14:14">
      <c r="N620886" s="10"/>
    </row>
    <row r="620887" spans="14:14">
      <c r="N620887" s="10"/>
    </row>
    <row r="620888" spans="14:14">
      <c r="N620888" s="10"/>
    </row>
    <row r="620889" spans="14:14">
      <c r="N620889" s="10"/>
    </row>
    <row r="620890" spans="14:14">
      <c r="N620890" s="10"/>
    </row>
    <row r="620891" spans="14:14">
      <c r="N620891" s="10"/>
    </row>
    <row r="620892" spans="14:14">
      <c r="N620892" s="10"/>
    </row>
    <row r="620893" spans="14:14">
      <c r="N620893" s="10"/>
    </row>
    <row r="620894" spans="14:14">
      <c r="N620894" s="10"/>
    </row>
    <row r="620895" spans="14:14">
      <c r="N620895" s="10"/>
    </row>
    <row r="620896" spans="14:14">
      <c r="N620896" s="10"/>
    </row>
    <row r="620897" spans="14:14">
      <c r="N620897" s="10"/>
    </row>
    <row r="620898" spans="14:14">
      <c r="N620898" s="10"/>
    </row>
    <row r="620899" spans="14:14">
      <c r="N620899" s="10"/>
    </row>
    <row r="620900" spans="14:14">
      <c r="N620900" s="10"/>
    </row>
    <row r="620901" spans="14:14">
      <c r="N620901" s="10"/>
    </row>
    <row r="620902" spans="14:14">
      <c r="N620902" s="10"/>
    </row>
    <row r="620903" spans="14:14">
      <c r="N620903" s="10"/>
    </row>
    <row r="620904" spans="14:14">
      <c r="N620904" s="10"/>
    </row>
    <row r="620905" spans="14:14">
      <c r="N620905" s="10"/>
    </row>
    <row r="620906" spans="14:14">
      <c r="N620906" s="10"/>
    </row>
    <row r="620907" spans="14:14">
      <c r="N620907" s="10"/>
    </row>
    <row r="620908" spans="14:14">
      <c r="N620908" s="10"/>
    </row>
    <row r="620909" spans="14:14">
      <c r="N620909" s="10"/>
    </row>
    <row r="620910" spans="14:14">
      <c r="N620910" s="10"/>
    </row>
    <row r="620911" spans="14:14">
      <c r="N620911" s="10"/>
    </row>
    <row r="620912" spans="14:14">
      <c r="N620912" s="10"/>
    </row>
    <row r="620913" spans="14:14">
      <c r="N620913" s="10"/>
    </row>
    <row r="620914" spans="14:14">
      <c r="N620914" s="10"/>
    </row>
    <row r="620915" spans="14:14">
      <c r="N620915" s="10"/>
    </row>
    <row r="620916" spans="14:14">
      <c r="N620916" s="10"/>
    </row>
    <row r="620917" spans="14:14">
      <c r="N620917" s="10"/>
    </row>
    <row r="620918" spans="14:14">
      <c r="N620918" s="10"/>
    </row>
    <row r="620919" spans="14:14">
      <c r="N620919" s="10"/>
    </row>
    <row r="620920" spans="14:14">
      <c r="N620920" s="10"/>
    </row>
    <row r="620921" spans="14:14">
      <c r="N620921" s="10"/>
    </row>
    <row r="620922" spans="14:14">
      <c r="N620922" s="10"/>
    </row>
    <row r="620923" spans="14:14">
      <c r="N620923" s="10"/>
    </row>
    <row r="620924" spans="14:14">
      <c r="N620924" s="10"/>
    </row>
    <row r="620925" spans="14:14">
      <c r="N620925" s="10"/>
    </row>
    <row r="620926" spans="14:14">
      <c r="N620926" s="10"/>
    </row>
    <row r="620927" spans="14:14">
      <c r="N620927" s="10"/>
    </row>
    <row r="620928" spans="14:14">
      <c r="N620928" s="10"/>
    </row>
    <row r="620929" spans="14:14">
      <c r="N620929" s="10"/>
    </row>
    <row r="620930" spans="14:14">
      <c r="N620930" s="10"/>
    </row>
    <row r="620931" spans="14:14">
      <c r="N620931" s="10"/>
    </row>
    <row r="620932" spans="14:14">
      <c r="N620932" s="10"/>
    </row>
    <row r="620933" spans="14:14">
      <c r="N620933" s="10"/>
    </row>
    <row r="620934" spans="14:14">
      <c r="N620934" s="10"/>
    </row>
    <row r="620935" spans="14:14">
      <c r="N620935" s="10"/>
    </row>
    <row r="620936" spans="14:14">
      <c r="N620936" s="10"/>
    </row>
    <row r="620937" spans="14:14">
      <c r="N620937" s="10"/>
    </row>
    <row r="620938" spans="14:14">
      <c r="N620938" s="10"/>
    </row>
    <row r="620939" spans="14:14">
      <c r="N620939" s="10"/>
    </row>
    <row r="620940" spans="14:14">
      <c r="N620940" s="10"/>
    </row>
    <row r="620941" spans="14:14">
      <c r="N620941" s="10"/>
    </row>
    <row r="620942" spans="14:14">
      <c r="N620942" s="10"/>
    </row>
    <row r="620943" spans="14:14">
      <c r="N620943" s="10"/>
    </row>
    <row r="620944" spans="14:14">
      <c r="N620944" s="10"/>
    </row>
    <row r="620945" spans="14:14">
      <c r="N620945" s="10"/>
    </row>
    <row r="620946" spans="14:14">
      <c r="N620946" s="10"/>
    </row>
    <row r="620947" spans="14:14">
      <c r="N620947" s="10"/>
    </row>
    <row r="620948" spans="14:14">
      <c r="N620948" s="10"/>
    </row>
    <row r="620949" spans="14:14">
      <c r="N620949" s="10"/>
    </row>
    <row r="620950" spans="14:14">
      <c r="N620950" s="10"/>
    </row>
    <row r="620951" spans="14:14">
      <c r="N620951" s="10"/>
    </row>
    <row r="620952" spans="14:14">
      <c r="N620952" s="10"/>
    </row>
    <row r="620953" spans="14:14">
      <c r="N620953" s="10"/>
    </row>
    <row r="620954" spans="14:14">
      <c r="N620954" s="10"/>
    </row>
    <row r="620955" spans="14:14">
      <c r="N620955" s="10"/>
    </row>
    <row r="620956" spans="14:14">
      <c r="N620956" s="10"/>
    </row>
    <row r="620957" spans="14:14">
      <c r="N620957" s="10"/>
    </row>
    <row r="620958" spans="14:14">
      <c r="N620958" s="10"/>
    </row>
    <row r="620959" spans="14:14">
      <c r="N620959" s="10"/>
    </row>
    <row r="620960" spans="14:14">
      <c r="N620960" s="10"/>
    </row>
    <row r="620961" spans="14:14">
      <c r="N620961" s="10"/>
    </row>
    <row r="620962" spans="14:14">
      <c r="N620962" s="10"/>
    </row>
    <row r="620963" spans="14:14">
      <c r="N620963" s="10"/>
    </row>
    <row r="620964" spans="14:14">
      <c r="N620964" s="10"/>
    </row>
    <row r="620965" spans="14:14">
      <c r="N620965" s="10"/>
    </row>
    <row r="620966" spans="14:14">
      <c r="N620966" s="10"/>
    </row>
    <row r="620967" spans="14:14">
      <c r="N620967" s="10"/>
    </row>
    <row r="620968" spans="14:14">
      <c r="N620968" s="10"/>
    </row>
    <row r="620969" spans="14:14">
      <c r="N620969" s="10"/>
    </row>
    <row r="620970" spans="14:14">
      <c r="N620970" s="10"/>
    </row>
    <row r="620971" spans="14:14">
      <c r="N620971" s="10"/>
    </row>
    <row r="620972" spans="14:14">
      <c r="N620972" s="10"/>
    </row>
    <row r="620973" spans="14:14">
      <c r="N620973" s="10"/>
    </row>
    <row r="620974" spans="14:14">
      <c r="N620974" s="10"/>
    </row>
    <row r="620975" spans="14:14">
      <c r="N620975" s="10"/>
    </row>
    <row r="620976" spans="14:14">
      <c r="N620976" s="10"/>
    </row>
    <row r="620977" spans="14:14">
      <c r="N620977" s="10"/>
    </row>
    <row r="620978" spans="14:14">
      <c r="N620978" s="10"/>
    </row>
    <row r="620979" spans="14:14">
      <c r="N620979" s="10"/>
    </row>
    <row r="620980" spans="14:14">
      <c r="N620980" s="10"/>
    </row>
    <row r="620981" spans="14:14">
      <c r="N620981" s="10"/>
    </row>
    <row r="620982" spans="14:14">
      <c r="N620982" s="10"/>
    </row>
    <row r="620983" spans="14:14">
      <c r="N620983" s="10"/>
    </row>
    <row r="620984" spans="14:14">
      <c r="N620984" s="10"/>
    </row>
    <row r="620985" spans="14:14">
      <c r="N620985" s="10"/>
    </row>
    <row r="620986" spans="14:14">
      <c r="N620986" s="10"/>
    </row>
    <row r="620987" spans="14:14">
      <c r="N620987" s="10"/>
    </row>
    <row r="620988" spans="14:14">
      <c r="N620988" s="10"/>
    </row>
    <row r="620989" spans="14:14">
      <c r="N620989" s="10"/>
    </row>
    <row r="620990" spans="14:14">
      <c r="N620990" s="10"/>
    </row>
    <row r="620991" spans="14:14">
      <c r="N620991" s="10"/>
    </row>
    <row r="620992" spans="14:14">
      <c r="N620992" s="10"/>
    </row>
    <row r="620993" spans="14:14">
      <c r="N620993" s="10"/>
    </row>
    <row r="620994" spans="14:14">
      <c r="N620994" s="10"/>
    </row>
    <row r="620995" spans="14:14">
      <c r="N620995" s="10"/>
    </row>
    <row r="620996" spans="14:14">
      <c r="N620996" s="10"/>
    </row>
    <row r="620997" spans="14:14">
      <c r="N620997" s="10"/>
    </row>
    <row r="620998" spans="14:14">
      <c r="N620998" s="10"/>
    </row>
    <row r="620999" spans="14:14">
      <c r="N620999" s="10"/>
    </row>
    <row r="621000" spans="14:14">
      <c r="N621000" s="10"/>
    </row>
    <row r="621001" spans="14:14">
      <c r="N621001" s="10"/>
    </row>
    <row r="621002" spans="14:14">
      <c r="N621002" s="10"/>
    </row>
    <row r="621003" spans="14:14">
      <c r="N621003" s="10"/>
    </row>
    <row r="621004" spans="14:14">
      <c r="N621004" s="10"/>
    </row>
    <row r="621005" spans="14:14">
      <c r="N621005" s="10"/>
    </row>
    <row r="621006" spans="14:14">
      <c r="N621006" s="10"/>
    </row>
    <row r="621007" spans="14:14">
      <c r="N621007" s="10"/>
    </row>
    <row r="621008" spans="14:14">
      <c r="N621008" s="10"/>
    </row>
    <row r="621009" spans="14:14">
      <c r="N621009" s="10"/>
    </row>
    <row r="621010" spans="14:14">
      <c r="N621010" s="10"/>
    </row>
    <row r="621011" spans="14:14">
      <c r="N621011" s="10"/>
    </row>
    <row r="621012" spans="14:14">
      <c r="N621012" s="10"/>
    </row>
    <row r="621013" spans="14:14">
      <c r="N621013" s="10"/>
    </row>
    <row r="621014" spans="14:14">
      <c r="N621014" s="10"/>
    </row>
    <row r="621015" spans="14:14">
      <c r="N621015" s="10"/>
    </row>
    <row r="621016" spans="14:14">
      <c r="N621016" s="10"/>
    </row>
    <row r="621017" spans="14:14">
      <c r="N621017" s="10"/>
    </row>
    <row r="621018" spans="14:14">
      <c r="N621018" s="10"/>
    </row>
    <row r="621019" spans="14:14">
      <c r="N621019" s="10"/>
    </row>
    <row r="621020" spans="14:14">
      <c r="N621020" s="10"/>
    </row>
    <row r="621021" spans="14:14">
      <c r="N621021" s="10"/>
    </row>
    <row r="621022" spans="14:14">
      <c r="N621022" s="10"/>
    </row>
    <row r="621023" spans="14:14">
      <c r="N621023" s="10"/>
    </row>
    <row r="621024" spans="14:14">
      <c r="N621024" s="10"/>
    </row>
    <row r="621025" spans="14:14">
      <c r="N621025" s="10"/>
    </row>
    <row r="621026" spans="14:14">
      <c r="N621026" s="10"/>
    </row>
    <row r="621027" spans="14:14">
      <c r="N621027" s="10"/>
    </row>
    <row r="621028" spans="14:14">
      <c r="N621028" s="10"/>
    </row>
    <row r="621029" spans="14:14">
      <c r="N621029" s="10"/>
    </row>
    <row r="621030" spans="14:14">
      <c r="N621030" s="10"/>
    </row>
    <row r="621031" spans="14:14">
      <c r="N621031" s="10"/>
    </row>
    <row r="621032" spans="14:14">
      <c r="N621032" s="10"/>
    </row>
    <row r="621033" spans="14:14">
      <c r="N621033" s="10"/>
    </row>
    <row r="621034" spans="14:14">
      <c r="N621034" s="10"/>
    </row>
    <row r="621035" spans="14:14">
      <c r="N621035" s="10"/>
    </row>
    <row r="621036" spans="14:14">
      <c r="N621036" s="10"/>
    </row>
    <row r="621037" spans="14:14">
      <c r="N621037" s="10"/>
    </row>
    <row r="621038" spans="14:14">
      <c r="N621038" s="10"/>
    </row>
    <row r="621039" spans="14:14">
      <c r="N621039" s="10"/>
    </row>
    <row r="621040" spans="14:14">
      <c r="N621040" s="10"/>
    </row>
    <row r="621041" spans="14:14">
      <c r="N621041" s="10"/>
    </row>
    <row r="621042" spans="14:14">
      <c r="N621042" s="10"/>
    </row>
    <row r="621043" spans="14:14">
      <c r="N621043" s="10"/>
    </row>
    <row r="621044" spans="14:14">
      <c r="N621044" s="10"/>
    </row>
    <row r="621045" spans="14:14">
      <c r="N621045" s="10"/>
    </row>
    <row r="621046" spans="14:14">
      <c r="N621046" s="10"/>
    </row>
    <row r="621047" spans="14:14">
      <c r="N621047" s="10"/>
    </row>
    <row r="621048" spans="14:14">
      <c r="N621048" s="10"/>
    </row>
    <row r="621049" spans="14:14">
      <c r="N621049" s="10"/>
    </row>
    <row r="621050" spans="14:14">
      <c r="N621050" s="10"/>
    </row>
    <row r="621051" spans="14:14">
      <c r="N621051" s="10"/>
    </row>
    <row r="621052" spans="14:14">
      <c r="N621052" s="10"/>
    </row>
    <row r="621053" spans="14:14">
      <c r="N621053" s="10"/>
    </row>
    <row r="621054" spans="14:14">
      <c r="N621054" s="10"/>
    </row>
    <row r="621055" spans="14:14">
      <c r="N621055" s="10"/>
    </row>
    <row r="621056" spans="14:14">
      <c r="N621056" s="10"/>
    </row>
    <row r="621057" spans="14:14">
      <c r="N621057" s="10"/>
    </row>
    <row r="621058" spans="14:14">
      <c r="N621058" s="10"/>
    </row>
    <row r="621059" spans="14:14">
      <c r="N621059" s="10"/>
    </row>
    <row r="621060" spans="14:14">
      <c r="N621060" s="10"/>
    </row>
    <row r="621061" spans="14:14">
      <c r="N621061" s="10"/>
    </row>
    <row r="621062" spans="14:14">
      <c r="N621062" s="10"/>
    </row>
    <row r="621063" spans="14:14">
      <c r="N621063" s="10"/>
    </row>
    <row r="621064" spans="14:14">
      <c r="N621064" s="10"/>
    </row>
    <row r="621065" spans="14:14">
      <c r="N621065" s="10"/>
    </row>
    <row r="621066" spans="14:14">
      <c r="N621066" s="10"/>
    </row>
    <row r="621067" spans="14:14">
      <c r="N621067" s="10"/>
    </row>
    <row r="621068" spans="14:14">
      <c r="N621068" s="10"/>
    </row>
    <row r="621069" spans="14:14">
      <c r="N621069" s="10"/>
    </row>
    <row r="621070" spans="14:14">
      <c r="N621070" s="10"/>
    </row>
    <row r="621071" spans="14:14">
      <c r="N621071" s="10"/>
    </row>
    <row r="621072" spans="14:14">
      <c r="N621072" s="10"/>
    </row>
    <row r="621073" spans="14:14">
      <c r="N621073" s="10"/>
    </row>
    <row r="621074" spans="14:14">
      <c r="N621074" s="10"/>
    </row>
    <row r="621075" spans="14:14">
      <c r="N621075" s="10"/>
    </row>
    <row r="621076" spans="14:14">
      <c r="N621076" s="10"/>
    </row>
    <row r="621077" spans="14:14">
      <c r="N621077" s="10"/>
    </row>
    <row r="621078" spans="14:14">
      <c r="N621078" s="10"/>
    </row>
    <row r="621079" spans="14:14">
      <c r="N621079" s="10"/>
    </row>
    <row r="621080" spans="14:14">
      <c r="N621080" s="10"/>
    </row>
    <row r="621081" spans="14:14">
      <c r="N621081" s="10"/>
    </row>
    <row r="621082" spans="14:14">
      <c r="N621082" s="10"/>
    </row>
    <row r="621083" spans="14:14">
      <c r="N621083" s="10"/>
    </row>
    <row r="621084" spans="14:14">
      <c r="N621084" s="10"/>
    </row>
    <row r="621085" spans="14:14">
      <c r="N621085" s="10"/>
    </row>
    <row r="621086" spans="14:14">
      <c r="N621086" s="10"/>
    </row>
    <row r="621087" spans="14:14">
      <c r="N621087" s="10"/>
    </row>
    <row r="621088" spans="14:14">
      <c r="N621088" s="10"/>
    </row>
    <row r="621089" spans="14:14">
      <c r="N621089" s="10"/>
    </row>
    <row r="621090" spans="14:14">
      <c r="N621090" s="10"/>
    </row>
    <row r="621091" spans="14:14">
      <c r="N621091" s="10"/>
    </row>
    <row r="621092" spans="14:14">
      <c r="N621092" s="10"/>
    </row>
    <row r="621093" spans="14:14">
      <c r="N621093" s="10"/>
    </row>
    <row r="621094" spans="14:14">
      <c r="N621094" s="10"/>
    </row>
    <row r="621095" spans="14:14">
      <c r="N621095" s="10"/>
    </row>
    <row r="621096" spans="14:14">
      <c r="N621096" s="10"/>
    </row>
    <row r="621097" spans="14:14">
      <c r="N621097" s="10"/>
    </row>
    <row r="621098" spans="14:14">
      <c r="N621098" s="10"/>
    </row>
    <row r="621099" spans="14:14">
      <c r="N621099" s="10"/>
    </row>
    <row r="621100" spans="14:14">
      <c r="N621100" s="10"/>
    </row>
    <row r="621101" spans="14:14">
      <c r="N621101" s="10"/>
    </row>
    <row r="621102" spans="14:14">
      <c r="N621102" s="10"/>
    </row>
    <row r="621103" spans="14:14">
      <c r="N621103" s="10"/>
    </row>
    <row r="621104" spans="14:14">
      <c r="N621104" s="10"/>
    </row>
    <row r="621105" spans="14:14">
      <c r="N621105" s="10"/>
    </row>
    <row r="621106" spans="14:14">
      <c r="N621106" s="10"/>
    </row>
    <row r="621107" spans="14:14">
      <c r="N621107" s="10"/>
    </row>
    <row r="621108" spans="14:14">
      <c r="N621108" s="10"/>
    </row>
    <row r="621109" spans="14:14">
      <c r="N621109" s="10"/>
    </row>
    <row r="621110" spans="14:14">
      <c r="N621110" s="10"/>
    </row>
    <row r="621111" spans="14:14">
      <c r="N621111" s="10"/>
    </row>
    <row r="621112" spans="14:14">
      <c r="N621112" s="10"/>
    </row>
    <row r="621113" spans="14:14">
      <c r="N621113" s="10"/>
    </row>
    <row r="621114" spans="14:14">
      <c r="N621114" s="10"/>
    </row>
    <row r="621115" spans="14:14">
      <c r="N621115" s="10"/>
    </row>
    <row r="621116" spans="14:14">
      <c r="N621116" s="10"/>
    </row>
    <row r="621117" spans="14:14">
      <c r="N621117" s="10"/>
    </row>
    <row r="621118" spans="14:14">
      <c r="N621118" s="10"/>
    </row>
    <row r="621119" spans="14:14">
      <c r="N621119" s="10"/>
    </row>
    <row r="621120" spans="14:14">
      <c r="N621120" s="10"/>
    </row>
    <row r="621121" spans="14:14">
      <c r="N621121" s="10"/>
    </row>
    <row r="621122" spans="14:14">
      <c r="N621122" s="10"/>
    </row>
    <row r="621123" spans="14:14">
      <c r="N621123" s="10"/>
    </row>
    <row r="621124" spans="14:14">
      <c r="N621124" s="10"/>
    </row>
    <row r="621125" spans="14:14">
      <c r="N621125" s="10"/>
    </row>
    <row r="621126" spans="14:14">
      <c r="N621126" s="10"/>
    </row>
    <row r="621127" spans="14:14">
      <c r="N621127" s="10"/>
    </row>
    <row r="621128" spans="14:14">
      <c r="N621128" s="10"/>
    </row>
    <row r="621129" spans="14:14">
      <c r="N621129" s="10"/>
    </row>
    <row r="621130" spans="14:14">
      <c r="N621130" s="10"/>
    </row>
    <row r="621131" spans="14:14">
      <c r="N621131" s="10"/>
    </row>
    <row r="621132" spans="14:14">
      <c r="N621132" s="10"/>
    </row>
    <row r="621133" spans="14:14">
      <c r="N621133" s="10"/>
    </row>
    <row r="621134" spans="14:14">
      <c r="N621134" s="10"/>
    </row>
    <row r="621135" spans="14:14">
      <c r="N621135" s="10"/>
    </row>
    <row r="621136" spans="14:14">
      <c r="N621136" s="10"/>
    </row>
    <row r="621137" spans="14:14">
      <c r="N621137" s="10"/>
    </row>
    <row r="621138" spans="14:14">
      <c r="N621138" s="10"/>
    </row>
    <row r="621139" spans="14:14">
      <c r="N621139" s="10"/>
    </row>
    <row r="621140" spans="14:14">
      <c r="N621140" s="10"/>
    </row>
    <row r="621141" spans="14:14">
      <c r="N621141" s="10"/>
    </row>
    <row r="621142" spans="14:14">
      <c r="N621142" s="10"/>
    </row>
    <row r="621143" spans="14:14">
      <c r="N621143" s="10"/>
    </row>
    <row r="621144" spans="14:14">
      <c r="N621144" s="10"/>
    </row>
    <row r="621145" spans="14:14">
      <c r="N621145" s="10"/>
    </row>
    <row r="621146" spans="14:14">
      <c r="N621146" s="10"/>
    </row>
    <row r="621147" spans="14:14">
      <c r="N621147" s="10"/>
    </row>
    <row r="621148" spans="14:14">
      <c r="N621148" s="10"/>
    </row>
    <row r="621149" spans="14:14">
      <c r="N621149" s="10"/>
    </row>
    <row r="621150" spans="14:14">
      <c r="N621150" s="10"/>
    </row>
    <row r="621151" spans="14:14">
      <c r="N621151" s="10"/>
    </row>
    <row r="621152" spans="14:14">
      <c r="N621152" s="10"/>
    </row>
    <row r="621153" spans="14:14">
      <c r="N621153" s="10"/>
    </row>
    <row r="621154" spans="14:14">
      <c r="N621154" s="10"/>
    </row>
    <row r="621155" spans="14:14">
      <c r="N621155" s="10"/>
    </row>
    <row r="621156" spans="14:14">
      <c r="N621156" s="10"/>
    </row>
    <row r="621157" spans="14:14">
      <c r="N621157" s="10"/>
    </row>
    <row r="621158" spans="14:14">
      <c r="N621158" s="10"/>
    </row>
    <row r="621159" spans="14:14">
      <c r="N621159" s="10"/>
    </row>
    <row r="621160" spans="14:14">
      <c r="N621160" s="10"/>
    </row>
    <row r="621161" spans="14:14">
      <c r="N621161" s="10"/>
    </row>
    <row r="621162" spans="14:14">
      <c r="N621162" s="10"/>
    </row>
    <row r="621163" spans="14:14">
      <c r="N621163" s="10"/>
    </row>
    <row r="621164" spans="14:14">
      <c r="N621164" s="10"/>
    </row>
    <row r="621165" spans="14:14">
      <c r="N621165" s="10"/>
    </row>
    <row r="621166" spans="14:14">
      <c r="N621166" s="10"/>
    </row>
    <row r="621167" spans="14:14">
      <c r="N621167" s="10"/>
    </row>
    <row r="621168" spans="14:14">
      <c r="N621168" s="10"/>
    </row>
    <row r="621169" spans="14:14">
      <c r="N621169" s="10"/>
    </row>
    <row r="621170" spans="14:14">
      <c r="N621170" s="10"/>
    </row>
    <row r="621171" spans="14:14">
      <c r="N621171" s="10"/>
    </row>
    <row r="621172" spans="14:14">
      <c r="N621172" s="10"/>
    </row>
    <row r="621173" spans="14:14">
      <c r="N621173" s="10"/>
    </row>
    <row r="621174" spans="14:14">
      <c r="N621174" s="10"/>
    </row>
    <row r="621175" spans="14:14">
      <c r="N621175" s="10"/>
    </row>
    <row r="621176" spans="14:14">
      <c r="N621176" s="10"/>
    </row>
    <row r="621177" spans="14:14">
      <c r="N621177" s="10"/>
    </row>
    <row r="621178" spans="14:14">
      <c r="N621178" s="10"/>
    </row>
    <row r="621179" spans="14:14">
      <c r="N621179" s="10"/>
    </row>
    <row r="621180" spans="14:14">
      <c r="N621180" s="10"/>
    </row>
    <row r="621181" spans="14:14">
      <c r="N621181" s="10"/>
    </row>
    <row r="621182" spans="14:14">
      <c r="N621182" s="10"/>
    </row>
    <row r="621183" spans="14:14">
      <c r="N621183" s="10"/>
    </row>
    <row r="621184" spans="14:14">
      <c r="N621184" s="10"/>
    </row>
    <row r="621185" spans="14:14">
      <c r="N621185" s="10"/>
    </row>
    <row r="621186" spans="14:14">
      <c r="N621186" s="10"/>
    </row>
    <row r="621187" spans="14:14">
      <c r="N621187" s="10"/>
    </row>
    <row r="621188" spans="14:14">
      <c r="N621188" s="10"/>
    </row>
    <row r="621189" spans="14:14">
      <c r="N621189" s="10"/>
    </row>
    <row r="621190" spans="14:14">
      <c r="N621190" s="10"/>
    </row>
    <row r="621191" spans="14:14">
      <c r="N621191" s="10"/>
    </row>
    <row r="621192" spans="14:14">
      <c r="N621192" s="10"/>
    </row>
    <row r="621193" spans="14:14">
      <c r="N621193" s="10"/>
    </row>
    <row r="621194" spans="14:14">
      <c r="N621194" s="10"/>
    </row>
    <row r="621195" spans="14:14">
      <c r="N621195" s="10"/>
    </row>
    <row r="621196" spans="14:14">
      <c r="N621196" s="10"/>
    </row>
    <row r="621197" spans="14:14">
      <c r="N621197" s="10"/>
    </row>
    <row r="621198" spans="14:14">
      <c r="N621198" s="10"/>
    </row>
    <row r="621199" spans="14:14">
      <c r="N621199" s="10"/>
    </row>
    <row r="621200" spans="14:14">
      <c r="N621200" s="10"/>
    </row>
    <row r="621201" spans="14:14">
      <c r="N621201" s="10"/>
    </row>
    <row r="621202" spans="14:14">
      <c r="N621202" s="10"/>
    </row>
    <row r="621203" spans="14:14">
      <c r="N621203" s="10"/>
    </row>
    <row r="621204" spans="14:14">
      <c r="N621204" s="10"/>
    </row>
    <row r="621205" spans="14:14">
      <c r="N621205" s="10"/>
    </row>
    <row r="621206" spans="14:14">
      <c r="N621206" s="10"/>
    </row>
    <row r="621207" spans="14:14">
      <c r="N621207" s="10"/>
    </row>
    <row r="621208" spans="14:14">
      <c r="N621208" s="10"/>
    </row>
    <row r="621209" spans="14:14">
      <c r="N621209" s="10"/>
    </row>
    <row r="621210" spans="14:14">
      <c r="N621210" s="10"/>
    </row>
    <row r="621211" spans="14:14">
      <c r="N621211" s="10"/>
    </row>
    <row r="621212" spans="14:14">
      <c r="N621212" s="10"/>
    </row>
    <row r="621213" spans="14:14">
      <c r="N621213" s="10"/>
    </row>
    <row r="621214" spans="14:14">
      <c r="N621214" s="10"/>
    </row>
    <row r="621215" spans="14:14">
      <c r="N621215" s="10"/>
    </row>
    <row r="621216" spans="14:14">
      <c r="N621216" s="10"/>
    </row>
    <row r="621217" spans="14:14">
      <c r="N621217" s="10"/>
    </row>
    <row r="621218" spans="14:14">
      <c r="N621218" s="10"/>
    </row>
    <row r="621219" spans="14:14">
      <c r="N621219" s="10"/>
    </row>
    <row r="621220" spans="14:14">
      <c r="N621220" s="10"/>
    </row>
    <row r="621221" spans="14:14">
      <c r="N621221" s="10"/>
    </row>
    <row r="621222" spans="14:14">
      <c r="N621222" s="10"/>
    </row>
    <row r="621223" spans="14:14">
      <c r="N621223" s="10"/>
    </row>
    <row r="621224" spans="14:14">
      <c r="N621224" s="10"/>
    </row>
    <row r="621225" spans="14:14">
      <c r="N621225" s="10"/>
    </row>
    <row r="621226" spans="14:14">
      <c r="N621226" s="10"/>
    </row>
    <row r="621227" spans="14:14">
      <c r="N621227" s="10"/>
    </row>
    <row r="621228" spans="14:14">
      <c r="N621228" s="10"/>
    </row>
    <row r="621229" spans="14:14">
      <c r="N621229" s="10"/>
    </row>
    <row r="621230" spans="14:14">
      <c r="N621230" s="10"/>
    </row>
    <row r="621231" spans="14:14">
      <c r="N621231" s="10"/>
    </row>
    <row r="621232" spans="14:14">
      <c r="N621232" s="10"/>
    </row>
    <row r="621233" spans="14:14">
      <c r="N621233" s="10"/>
    </row>
    <row r="621234" spans="14:14">
      <c r="N621234" s="10"/>
    </row>
    <row r="621235" spans="14:14">
      <c r="N621235" s="10"/>
    </row>
    <row r="621236" spans="14:14">
      <c r="N621236" s="10"/>
    </row>
    <row r="621237" spans="14:14">
      <c r="N621237" s="10"/>
    </row>
    <row r="621238" spans="14:14">
      <c r="N621238" s="10"/>
    </row>
    <row r="621239" spans="14:14">
      <c r="N621239" s="10"/>
    </row>
    <row r="621240" spans="14:14">
      <c r="N621240" s="10"/>
    </row>
    <row r="621241" spans="14:14">
      <c r="N621241" s="10"/>
    </row>
    <row r="621242" spans="14:14">
      <c r="N621242" s="10"/>
    </row>
    <row r="621243" spans="14:14">
      <c r="N621243" s="10"/>
    </row>
    <row r="621244" spans="14:14">
      <c r="N621244" s="10"/>
    </row>
    <row r="621245" spans="14:14">
      <c r="N621245" s="10"/>
    </row>
    <row r="621246" spans="14:14">
      <c r="N621246" s="10"/>
    </row>
    <row r="621247" spans="14:14">
      <c r="N621247" s="10"/>
    </row>
    <row r="621248" spans="14:14">
      <c r="N621248" s="10"/>
    </row>
    <row r="621249" spans="14:14">
      <c r="N621249" s="10"/>
    </row>
    <row r="621250" spans="14:14">
      <c r="N621250" s="10"/>
    </row>
    <row r="621251" spans="14:14">
      <c r="N621251" s="10"/>
    </row>
    <row r="621252" spans="14:14">
      <c r="N621252" s="10"/>
    </row>
    <row r="621253" spans="14:14">
      <c r="N621253" s="10"/>
    </row>
    <row r="621254" spans="14:14">
      <c r="N621254" s="10"/>
    </row>
    <row r="621255" spans="14:14">
      <c r="N621255" s="10"/>
    </row>
    <row r="621256" spans="14:14">
      <c r="N621256" s="10"/>
    </row>
    <row r="621257" spans="14:14">
      <c r="N621257" s="10"/>
    </row>
    <row r="621258" spans="14:14">
      <c r="N621258" s="10"/>
    </row>
    <row r="621259" spans="14:14">
      <c r="N621259" s="10"/>
    </row>
    <row r="621260" spans="14:14">
      <c r="N621260" s="10"/>
    </row>
    <row r="621261" spans="14:14">
      <c r="N621261" s="10"/>
    </row>
    <row r="621262" spans="14:14">
      <c r="N621262" s="10"/>
    </row>
    <row r="621263" spans="14:14">
      <c r="N621263" s="10"/>
    </row>
    <row r="621264" spans="14:14">
      <c r="N621264" s="10"/>
    </row>
    <row r="621265" spans="14:14">
      <c r="N621265" s="10"/>
    </row>
    <row r="621266" spans="14:14">
      <c r="N621266" s="10"/>
    </row>
    <row r="621267" spans="14:14">
      <c r="N621267" s="10"/>
    </row>
    <row r="621268" spans="14:14">
      <c r="N621268" s="10"/>
    </row>
    <row r="621269" spans="14:14">
      <c r="N621269" s="10"/>
    </row>
    <row r="621270" spans="14:14">
      <c r="N621270" s="10"/>
    </row>
    <row r="621271" spans="14:14">
      <c r="N621271" s="10"/>
    </row>
    <row r="621272" spans="14:14">
      <c r="N621272" s="10"/>
    </row>
    <row r="621273" spans="14:14">
      <c r="N621273" s="10"/>
    </row>
    <row r="621274" spans="14:14">
      <c r="N621274" s="10"/>
    </row>
    <row r="621275" spans="14:14">
      <c r="N621275" s="10"/>
    </row>
    <row r="621276" spans="14:14">
      <c r="N621276" s="10"/>
    </row>
    <row r="621277" spans="14:14">
      <c r="N621277" s="10"/>
    </row>
    <row r="621278" spans="14:14">
      <c r="N621278" s="10"/>
    </row>
    <row r="621279" spans="14:14">
      <c r="N621279" s="10"/>
    </row>
    <row r="621280" spans="14:14">
      <c r="N621280" s="10"/>
    </row>
    <row r="621281" spans="14:14">
      <c r="N621281" s="10"/>
    </row>
    <row r="621282" spans="14:14">
      <c r="N621282" s="10"/>
    </row>
    <row r="621283" spans="14:14">
      <c r="N621283" s="10"/>
    </row>
    <row r="621284" spans="14:14">
      <c r="N621284" s="10"/>
    </row>
    <row r="621285" spans="14:14">
      <c r="N621285" s="10"/>
    </row>
    <row r="621286" spans="14:14">
      <c r="N621286" s="10"/>
    </row>
    <row r="621287" spans="14:14">
      <c r="N621287" s="10"/>
    </row>
    <row r="621288" spans="14:14">
      <c r="N621288" s="10"/>
    </row>
    <row r="621289" spans="14:14">
      <c r="N621289" s="10"/>
    </row>
    <row r="621290" spans="14:14">
      <c r="N621290" s="10"/>
    </row>
    <row r="621291" spans="14:14">
      <c r="N621291" s="10"/>
    </row>
    <row r="621292" spans="14:14">
      <c r="N621292" s="10"/>
    </row>
    <row r="621293" spans="14:14">
      <c r="N621293" s="10"/>
    </row>
    <row r="621294" spans="14:14">
      <c r="N621294" s="10"/>
    </row>
    <row r="621295" spans="14:14">
      <c r="N621295" s="10"/>
    </row>
    <row r="621296" spans="14:14">
      <c r="N621296" s="10"/>
    </row>
    <row r="621297" spans="14:14">
      <c r="N621297" s="10"/>
    </row>
    <row r="621298" spans="14:14">
      <c r="N621298" s="10"/>
    </row>
    <row r="621299" spans="14:14">
      <c r="N621299" s="10"/>
    </row>
    <row r="621300" spans="14:14">
      <c r="N621300" s="10"/>
    </row>
    <row r="621301" spans="14:14">
      <c r="N621301" s="10"/>
    </row>
    <row r="621302" spans="14:14">
      <c r="N621302" s="10"/>
    </row>
    <row r="621303" spans="14:14">
      <c r="N621303" s="10"/>
    </row>
    <row r="621304" spans="14:14">
      <c r="N621304" s="10"/>
    </row>
    <row r="621305" spans="14:14">
      <c r="N621305" s="10"/>
    </row>
    <row r="621306" spans="14:14">
      <c r="N621306" s="10"/>
    </row>
    <row r="621307" spans="14:14">
      <c r="N621307" s="10"/>
    </row>
    <row r="621308" spans="14:14">
      <c r="N621308" s="10"/>
    </row>
    <row r="621309" spans="14:14">
      <c r="N621309" s="10"/>
    </row>
    <row r="621310" spans="14:14">
      <c r="N621310" s="10"/>
    </row>
    <row r="621311" spans="14:14">
      <c r="N621311" s="10"/>
    </row>
    <row r="621312" spans="14:14">
      <c r="N621312" s="10"/>
    </row>
    <row r="621313" spans="14:14">
      <c r="N621313" s="10"/>
    </row>
    <row r="621314" spans="14:14">
      <c r="N621314" s="10"/>
    </row>
    <row r="621315" spans="14:14">
      <c r="N621315" s="10"/>
    </row>
    <row r="621316" spans="14:14">
      <c r="N621316" s="10"/>
    </row>
    <row r="621317" spans="14:14">
      <c r="N621317" s="10"/>
    </row>
    <row r="621318" spans="14:14">
      <c r="N621318" s="10"/>
    </row>
    <row r="621319" spans="14:14">
      <c r="N621319" s="10"/>
    </row>
    <row r="621320" spans="14:14">
      <c r="N621320" s="10"/>
    </row>
    <row r="621321" spans="14:14">
      <c r="N621321" s="10"/>
    </row>
    <row r="621322" spans="14:14">
      <c r="N621322" s="10"/>
    </row>
    <row r="621323" spans="14:14">
      <c r="N621323" s="10"/>
    </row>
    <row r="621324" spans="14:14">
      <c r="N621324" s="10"/>
    </row>
    <row r="621325" spans="14:14">
      <c r="N621325" s="10"/>
    </row>
    <row r="621326" spans="14:14">
      <c r="N621326" s="10"/>
    </row>
    <row r="621327" spans="14:14">
      <c r="N621327" s="10"/>
    </row>
    <row r="621328" spans="14:14">
      <c r="N621328" s="10"/>
    </row>
    <row r="621329" spans="14:14">
      <c r="N621329" s="10"/>
    </row>
    <row r="621330" spans="14:14">
      <c r="N621330" s="10"/>
    </row>
    <row r="621331" spans="14:14">
      <c r="N621331" s="10"/>
    </row>
    <row r="621332" spans="14:14">
      <c r="N621332" s="10"/>
    </row>
    <row r="621333" spans="14:14">
      <c r="N621333" s="10"/>
    </row>
    <row r="621334" spans="14:14">
      <c r="N621334" s="10"/>
    </row>
    <row r="621335" spans="14:14">
      <c r="N621335" s="10"/>
    </row>
    <row r="621336" spans="14:14">
      <c r="N621336" s="10"/>
    </row>
    <row r="621337" spans="14:14">
      <c r="N621337" s="10"/>
    </row>
    <row r="621338" spans="14:14">
      <c r="N621338" s="10"/>
    </row>
    <row r="621339" spans="14:14">
      <c r="N621339" s="10"/>
    </row>
    <row r="621340" spans="14:14">
      <c r="N621340" s="10"/>
    </row>
    <row r="621341" spans="14:14">
      <c r="N621341" s="10"/>
    </row>
    <row r="621342" spans="14:14">
      <c r="N621342" s="10"/>
    </row>
    <row r="621343" spans="14:14">
      <c r="N621343" s="10"/>
    </row>
    <row r="621344" spans="14:14">
      <c r="N621344" s="10"/>
    </row>
    <row r="621345" spans="14:14">
      <c r="N621345" s="10"/>
    </row>
    <row r="621346" spans="14:14">
      <c r="N621346" s="10"/>
    </row>
    <row r="621347" spans="14:14">
      <c r="N621347" s="10"/>
    </row>
    <row r="621348" spans="14:14">
      <c r="N621348" s="10"/>
    </row>
    <row r="621349" spans="14:14">
      <c r="N621349" s="10"/>
    </row>
    <row r="621350" spans="14:14">
      <c r="N621350" s="10"/>
    </row>
    <row r="621351" spans="14:14">
      <c r="N621351" s="10"/>
    </row>
    <row r="621352" spans="14:14">
      <c r="N621352" s="10"/>
    </row>
    <row r="621353" spans="14:14">
      <c r="N621353" s="10"/>
    </row>
    <row r="621354" spans="14:14">
      <c r="N621354" s="10"/>
    </row>
    <row r="621355" spans="14:14">
      <c r="N621355" s="10"/>
    </row>
    <row r="621356" spans="14:14">
      <c r="N621356" s="10"/>
    </row>
    <row r="621357" spans="14:14">
      <c r="N621357" s="10"/>
    </row>
    <row r="621358" spans="14:14">
      <c r="N621358" s="10"/>
    </row>
    <row r="621359" spans="14:14">
      <c r="N621359" s="10"/>
    </row>
    <row r="621360" spans="14:14">
      <c r="N621360" s="10"/>
    </row>
    <row r="621361" spans="14:14">
      <c r="N621361" s="10"/>
    </row>
    <row r="621362" spans="14:14">
      <c r="N621362" s="10"/>
    </row>
    <row r="621363" spans="14:14">
      <c r="N621363" s="10"/>
    </row>
    <row r="621364" spans="14:14">
      <c r="N621364" s="10"/>
    </row>
    <row r="621365" spans="14:14">
      <c r="N621365" s="10"/>
    </row>
    <row r="621366" spans="14:14">
      <c r="N621366" s="10"/>
    </row>
    <row r="621367" spans="14:14">
      <c r="N621367" s="10"/>
    </row>
    <row r="621368" spans="14:14">
      <c r="N621368" s="10"/>
    </row>
    <row r="621369" spans="14:14">
      <c r="N621369" s="10"/>
    </row>
    <row r="621370" spans="14:14">
      <c r="N621370" s="10"/>
    </row>
    <row r="621371" spans="14:14">
      <c r="N621371" s="10"/>
    </row>
    <row r="621372" spans="14:14">
      <c r="N621372" s="10"/>
    </row>
    <row r="621373" spans="14:14">
      <c r="N621373" s="10"/>
    </row>
    <row r="621374" spans="14:14">
      <c r="N621374" s="10"/>
    </row>
    <row r="621375" spans="14:14">
      <c r="N621375" s="10"/>
    </row>
    <row r="621376" spans="14:14">
      <c r="N621376" s="10"/>
    </row>
    <row r="621377" spans="14:14">
      <c r="N621377" s="10"/>
    </row>
    <row r="621378" spans="14:14">
      <c r="N621378" s="10"/>
    </row>
    <row r="621379" spans="14:14">
      <c r="N621379" s="10"/>
    </row>
    <row r="621380" spans="14:14">
      <c r="N621380" s="10"/>
    </row>
    <row r="621381" spans="14:14">
      <c r="N621381" s="10"/>
    </row>
    <row r="621382" spans="14:14">
      <c r="N621382" s="10"/>
    </row>
    <row r="621383" spans="14:14">
      <c r="N621383" s="10"/>
    </row>
    <row r="621384" spans="14:14">
      <c r="N621384" s="10"/>
    </row>
    <row r="621385" spans="14:14">
      <c r="N621385" s="10"/>
    </row>
    <row r="621386" spans="14:14">
      <c r="N621386" s="10"/>
    </row>
    <row r="621387" spans="14:14">
      <c r="N621387" s="10"/>
    </row>
    <row r="621388" spans="14:14">
      <c r="N621388" s="10"/>
    </row>
    <row r="621389" spans="14:14">
      <c r="N621389" s="10"/>
    </row>
    <row r="621390" spans="14:14">
      <c r="N621390" s="10"/>
    </row>
    <row r="621391" spans="14:14">
      <c r="N621391" s="10"/>
    </row>
    <row r="621392" spans="14:14">
      <c r="N621392" s="10"/>
    </row>
    <row r="621393" spans="14:14">
      <c r="N621393" s="10"/>
    </row>
    <row r="621394" spans="14:14">
      <c r="N621394" s="10"/>
    </row>
    <row r="621395" spans="14:14">
      <c r="N621395" s="10"/>
    </row>
    <row r="621396" spans="14:14">
      <c r="N621396" s="10"/>
    </row>
    <row r="621397" spans="14:14">
      <c r="N621397" s="10"/>
    </row>
    <row r="621398" spans="14:14">
      <c r="N621398" s="10"/>
    </row>
    <row r="621399" spans="14:14">
      <c r="N621399" s="10"/>
    </row>
    <row r="621400" spans="14:14">
      <c r="N621400" s="10"/>
    </row>
    <row r="621401" spans="14:14">
      <c r="N621401" s="10"/>
    </row>
    <row r="621402" spans="14:14">
      <c r="N621402" s="10"/>
    </row>
    <row r="621403" spans="14:14">
      <c r="N621403" s="10"/>
    </row>
    <row r="621404" spans="14:14">
      <c r="N621404" s="10"/>
    </row>
    <row r="621405" spans="14:14">
      <c r="N621405" s="10"/>
    </row>
    <row r="621406" spans="14:14">
      <c r="N621406" s="10"/>
    </row>
    <row r="621407" spans="14:14">
      <c r="N621407" s="10"/>
    </row>
    <row r="621408" spans="14:14">
      <c r="N621408" s="10"/>
    </row>
    <row r="621409" spans="14:14">
      <c r="N621409" s="10"/>
    </row>
    <row r="621410" spans="14:14">
      <c r="N621410" s="10"/>
    </row>
    <row r="621411" spans="14:14">
      <c r="N621411" s="10"/>
    </row>
    <row r="621412" spans="14:14">
      <c r="N621412" s="10"/>
    </row>
    <row r="621413" spans="14:14">
      <c r="N621413" s="10"/>
    </row>
    <row r="621414" spans="14:14">
      <c r="N621414" s="10"/>
    </row>
    <row r="621415" spans="14:14">
      <c r="N621415" s="10"/>
    </row>
    <row r="621416" spans="14:14">
      <c r="N621416" s="10"/>
    </row>
    <row r="621417" spans="14:14">
      <c r="N621417" s="10"/>
    </row>
    <row r="621418" spans="14:14">
      <c r="N621418" s="10"/>
    </row>
    <row r="621419" spans="14:14">
      <c r="N621419" s="10"/>
    </row>
    <row r="621420" spans="14:14">
      <c r="N621420" s="10"/>
    </row>
    <row r="621421" spans="14:14">
      <c r="N621421" s="10"/>
    </row>
    <row r="621422" spans="14:14">
      <c r="N621422" s="10"/>
    </row>
    <row r="621423" spans="14:14">
      <c r="N621423" s="10"/>
    </row>
    <row r="621424" spans="14:14">
      <c r="N621424" s="10"/>
    </row>
    <row r="621425" spans="14:14">
      <c r="N621425" s="10"/>
    </row>
    <row r="621426" spans="14:14">
      <c r="N621426" s="10"/>
    </row>
    <row r="621427" spans="14:14">
      <c r="N621427" s="10"/>
    </row>
    <row r="621428" spans="14:14">
      <c r="N621428" s="10"/>
    </row>
    <row r="621429" spans="14:14">
      <c r="N621429" s="10"/>
    </row>
    <row r="621430" spans="14:14">
      <c r="N621430" s="10"/>
    </row>
    <row r="621431" spans="14:14">
      <c r="N621431" s="10"/>
    </row>
    <row r="621432" spans="14:14">
      <c r="N621432" s="10"/>
    </row>
    <row r="621433" spans="14:14">
      <c r="N621433" s="10"/>
    </row>
    <row r="621434" spans="14:14">
      <c r="N621434" s="10"/>
    </row>
    <row r="621435" spans="14:14">
      <c r="N621435" s="10"/>
    </row>
    <row r="621436" spans="14:14">
      <c r="N621436" s="10"/>
    </row>
    <row r="621437" spans="14:14">
      <c r="N621437" s="10"/>
    </row>
    <row r="621438" spans="14:14">
      <c r="N621438" s="10"/>
    </row>
    <row r="621439" spans="14:14">
      <c r="N621439" s="10"/>
    </row>
    <row r="621440" spans="14:14">
      <c r="N621440" s="10"/>
    </row>
    <row r="621441" spans="14:14">
      <c r="N621441" s="10"/>
    </row>
    <row r="621442" spans="14:14">
      <c r="N621442" s="10"/>
    </row>
    <row r="621443" spans="14:14">
      <c r="N621443" s="10"/>
    </row>
    <row r="621444" spans="14:14">
      <c r="N621444" s="10"/>
    </row>
    <row r="621445" spans="14:14">
      <c r="N621445" s="10"/>
    </row>
    <row r="621446" spans="14:14">
      <c r="N621446" s="10"/>
    </row>
    <row r="621447" spans="14:14">
      <c r="N621447" s="10"/>
    </row>
    <row r="621448" spans="14:14">
      <c r="N621448" s="10"/>
    </row>
    <row r="621449" spans="14:14">
      <c r="N621449" s="10"/>
    </row>
    <row r="621450" spans="14:14">
      <c r="N621450" s="10"/>
    </row>
    <row r="621451" spans="14:14">
      <c r="N621451" s="10"/>
    </row>
    <row r="621452" spans="14:14">
      <c r="N621452" s="10"/>
    </row>
    <row r="621453" spans="14:14">
      <c r="N621453" s="10"/>
    </row>
    <row r="621454" spans="14:14">
      <c r="N621454" s="10"/>
    </row>
    <row r="621455" spans="14:14">
      <c r="N621455" s="10"/>
    </row>
    <row r="621456" spans="14:14">
      <c r="N621456" s="10"/>
    </row>
    <row r="621457" spans="14:14">
      <c r="N621457" s="10"/>
    </row>
    <row r="621458" spans="14:14">
      <c r="N621458" s="10"/>
    </row>
    <row r="621459" spans="14:14">
      <c r="N621459" s="10"/>
    </row>
    <row r="621460" spans="14:14">
      <c r="N621460" s="10"/>
    </row>
    <row r="621461" spans="14:14">
      <c r="N621461" s="10"/>
    </row>
    <row r="621462" spans="14:14">
      <c r="N621462" s="10"/>
    </row>
    <row r="621463" spans="14:14">
      <c r="N621463" s="10"/>
    </row>
    <row r="621464" spans="14:14">
      <c r="N621464" s="10"/>
    </row>
    <row r="621465" spans="14:14">
      <c r="N621465" s="10"/>
    </row>
    <row r="621466" spans="14:14">
      <c r="N621466" s="10"/>
    </row>
    <row r="621467" spans="14:14">
      <c r="N621467" s="10"/>
    </row>
    <row r="621468" spans="14:14">
      <c r="N621468" s="10"/>
    </row>
    <row r="621469" spans="14:14">
      <c r="N621469" s="10"/>
    </row>
    <row r="621470" spans="14:14">
      <c r="N621470" s="10"/>
    </row>
    <row r="621471" spans="14:14">
      <c r="N621471" s="10"/>
    </row>
    <row r="621472" spans="14:14">
      <c r="N621472" s="10"/>
    </row>
    <row r="621473" spans="14:14">
      <c r="N621473" s="10"/>
    </row>
    <row r="621474" spans="14:14">
      <c r="N621474" s="10"/>
    </row>
    <row r="621475" spans="14:14">
      <c r="N621475" s="10"/>
    </row>
    <row r="621476" spans="14:14">
      <c r="N621476" s="10"/>
    </row>
    <row r="621477" spans="14:14">
      <c r="N621477" s="10"/>
    </row>
    <row r="621478" spans="14:14">
      <c r="N621478" s="10"/>
    </row>
    <row r="621479" spans="14:14">
      <c r="N621479" s="10"/>
    </row>
    <row r="621480" spans="14:14">
      <c r="N621480" s="10"/>
    </row>
    <row r="621481" spans="14:14">
      <c r="N621481" s="10"/>
    </row>
    <row r="621482" spans="14:14">
      <c r="N621482" s="10"/>
    </row>
    <row r="621483" spans="14:14">
      <c r="N621483" s="10"/>
    </row>
    <row r="621484" spans="14:14">
      <c r="N621484" s="10"/>
    </row>
    <row r="621485" spans="14:14">
      <c r="N621485" s="10"/>
    </row>
    <row r="621486" spans="14:14">
      <c r="N621486" s="10"/>
    </row>
    <row r="621487" spans="14:14">
      <c r="N621487" s="10"/>
    </row>
    <row r="621488" spans="14:14">
      <c r="N621488" s="10"/>
    </row>
    <row r="621489" spans="14:14">
      <c r="N621489" s="10"/>
    </row>
    <row r="621490" spans="14:14">
      <c r="N621490" s="10"/>
    </row>
    <row r="621491" spans="14:14">
      <c r="N621491" s="10"/>
    </row>
    <row r="621492" spans="14:14">
      <c r="N621492" s="10"/>
    </row>
    <row r="621493" spans="14:14">
      <c r="N621493" s="10"/>
    </row>
    <row r="621494" spans="14:14">
      <c r="N621494" s="10"/>
    </row>
    <row r="621495" spans="14:14">
      <c r="N621495" s="10"/>
    </row>
    <row r="621496" spans="14:14">
      <c r="N621496" s="10"/>
    </row>
    <row r="621497" spans="14:14">
      <c r="N621497" s="10"/>
    </row>
    <row r="621498" spans="14:14">
      <c r="N621498" s="10"/>
    </row>
    <row r="621499" spans="14:14">
      <c r="N621499" s="10"/>
    </row>
    <row r="621500" spans="14:14">
      <c r="N621500" s="10"/>
    </row>
    <row r="621501" spans="14:14">
      <c r="N621501" s="10"/>
    </row>
    <row r="621502" spans="14:14">
      <c r="N621502" s="10"/>
    </row>
    <row r="621503" spans="14:14">
      <c r="N621503" s="10"/>
    </row>
    <row r="621504" spans="14:14">
      <c r="N621504" s="10"/>
    </row>
    <row r="621505" spans="14:14">
      <c r="N621505" s="10"/>
    </row>
    <row r="621506" spans="14:14">
      <c r="N621506" s="10"/>
    </row>
    <row r="621507" spans="14:14">
      <c r="N621507" s="10"/>
    </row>
    <row r="621508" spans="14:14">
      <c r="N621508" s="10"/>
    </row>
    <row r="621509" spans="14:14">
      <c r="N621509" s="10"/>
    </row>
    <row r="621510" spans="14:14">
      <c r="N621510" s="10"/>
    </row>
    <row r="621511" spans="14:14">
      <c r="N621511" s="10"/>
    </row>
    <row r="621512" spans="14:14">
      <c r="N621512" s="10"/>
    </row>
    <row r="621513" spans="14:14">
      <c r="N621513" s="10"/>
    </row>
    <row r="621514" spans="14:14">
      <c r="N621514" s="10"/>
    </row>
    <row r="621515" spans="14:14">
      <c r="N621515" s="10"/>
    </row>
    <row r="621516" spans="14:14">
      <c r="N621516" s="10"/>
    </row>
    <row r="621517" spans="14:14">
      <c r="N621517" s="10"/>
    </row>
    <row r="621518" spans="14:14">
      <c r="N621518" s="10"/>
    </row>
    <row r="621519" spans="14:14">
      <c r="N621519" s="10"/>
    </row>
    <row r="621520" spans="14:14">
      <c r="N621520" s="10"/>
    </row>
    <row r="621521" spans="14:14">
      <c r="N621521" s="10"/>
    </row>
    <row r="621522" spans="14:14">
      <c r="N621522" s="10"/>
    </row>
    <row r="621523" spans="14:14">
      <c r="N621523" s="10"/>
    </row>
    <row r="621524" spans="14:14">
      <c r="N621524" s="10"/>
    </row>
    <row r="621525" spans="14:14">
      <c r="N621525" s="10"/>
    </row>
    <row r="621526" spans="14:14">
      <c r="N621526" s="10"/>
    </row>
    <row r="621527" spans="14:14">
      <c r="N621527" s="10"/>
    </row>
    <row r="621528" spans="14:14">
      <c r="N621528" s="10"/>
    </row>
    <row r="621529" spans="14:14">
      <c r="N621529" s="10"/>
    </row>
    <row r="621530" spans="14:14">
      <c r="N621530" s="10"/>
    </row>
    <row r="621531" spans="14:14">
      <c r="N621531" s="10"/>
    </row>
    <row r="621532" spans="14:14">
      <c r="N621532" s="10"/>
    </row>
    <row r="621533" spans="14:14">
      <c r="N621533" s="10"/>
    </row>
    <row r="621534" spans="14:14">
      <c r="N621534" s="10"/>
    </row>
    <row r="621535" spans="14:14">
      <c r="N621535" s="10"/>
    </row>
    <row r="621536" spans="14:14">
      <c r="N621536" s="10"/>
    </row>
    <row r="621537" spans="14:14">
      <c r="N621537" s="10"/>
    </row>
    <row r="621538" spans="14:14">
      <c r="N621538" s="10"/>
    </row>
    <row r="621539" spans="14:14">
      <c r="N621539" s="10"/>
    </row>
    <row r="621540" spans="14:14">
      <c r="N621540" s="10"/>
    </row>
    <row r="621541" spans="14:14">
      <c r="N621541" s="10"/>
    </row>
    <row r="621542" spans="14:14">
      <c r="N621542" s="10"/>
    </row>
    <row r="621543" spans="14:14">
      <c r="N621543" s="10"/>
    </row>
    <row r="621544" spans="14:14">
      <c r="N621544" s="10"/>
    </row>
    <row r="621545" spans="14:14">
      <c r="N621545" s="10"/>
    </row>
    <row r="621546" spans="14:14">
      <c r="N621546" s="10"/>
    </row>
    <row r="621547" spans="14:14">
      <c r="N621547" s="10"/>
    </row>
    <row r="621548" spans="14:14">
      <c r="N621548" s="10"/>
    </row>
    <row r="621549" spans="14:14">
      <c r="N621549" s="10"/>
    </row>
    <row r="621550" spans="14:14">
      <c r="N621550" s="10"/>
    </row>
    <row r="621551" spans="14:14">
      <c r="N621551" s="10"/>
    </row>
    <row r="621552" spans="14:14">
      <c r="N621552" s="10"/>
    </row>
    <row r="621553" spans="14:14">
      <c r="N621553" s="10"/>
    </row>
    <row r="621554" spans="14:14">
      <c r="N621554" s="10"/>
    </row>
    <row r="621555" spans="14:14">
      <c r="N621555" s="10"/>
    </row>
    <row r="621556" spans="14:14">
      <c r="N621556" s="10"/>
    </row>
    <row r="621557" spans="14:14">
      <c r="N621557" s="10"/>
    </row>
    <row r="621558" spans="14:14">
      <c r="N621558" s="10"/>
    </row>
    <row r="621559" spans="14:14">
      <c r="N621559" s="10"/>
    </row>
    <row r="621560" spans="14:14">
      <c r="N621560" s="10"/>
    </row>
    <row r="621561" spans="14:14">
      <c r="N621561" s="10"/>
    </row>
    <row r="621562" spans="14:14">
      <c r="N621562" s="10"/>
    </row>
    <row r="621563" spans="14:14">
      <c r="N621563" s="10"/>
    </row>
    <row r="621564" spans="14:14">
      <c r="N621564" s="10"/>
    </row>
    <row r="621565" spans="14:14">
      <c r="N621565" s="10"/>
    </row>
    <row r="621566" spans="14:14">
      <c r="N621566" s="10"/>
    </row>
    <row r="621567" spans="14:14">
      <c r="N621567" s="10"/>
    </row>
    <row r="621568" spans="14:14">
      <c r="N621568" s="10"/>
    </row>
    <row r="621569" spans="14:14">
      <c r="N621569" s="10"/>
    </row>
    <row r="621570" spans="14:14">
      <c r="N621570" s="10"/>
    </row>
    <row r="621571" spans="14:14">
      <c r="N621571" s="10"/>
    </row>
    <row r="621572" spans="14:14">
      <c r="N621572" s="10"/>
    </row>
    <row r="621573" spans="14:14">
      <c r="N621573" s="10"/>
    </row>
    <row r="621574" spans="14:14">
      <c r="N621574" s="10"/>
    </row>
    <row r="621575" spans="14:14">
      <c r="N621575" s="10"/>
    </row>
    <row r="621576" spans="14:14">
      <c r="N621576" s="10"/>
    </row>
    <row r="621577" spans="14:14">
      <c r="N621577" s="10"/>
    </row>
    <row r="621578" spans="14:14">
      <c r="N621578" s="10"/>
    </row>
    <row r="621579" spans="14:14">
      <c r="N621579" s="10"/>
    </row>
    <row r="621580" spans="14:14">
      <c r="N621580" s="10"/>
    </row>
    <row r="621581" spans="14:14">
      <c r="N621581" s="10"/>
    </row>
    <row r="621582" spans="14:14">
      <c r="N621582" s="10"/>
    </row>
    <row r="621583" spans="14:14">
      <c r="N621583" s="10"/>
    </row>
    <row r="621584" spans="14:14">
      <c r="N621584" s="10"/>
    </row>
    <row r="621585" spans="14:14">
      <c r="N621585" s="10"/>
    </row>
    <row r="621586" spans="14:14">
      <c r="N621586" s="10"/>
    </row>
    <row r="621587" spans="14:14">
      <c r="N621587" s="10"/>
    </row>
    <row r="621588" spans="14:14">
      <c r="N621588" s="10"/>
    </row>
    <row r="621589" spans="14:14">
      <c r="N621589" s="10"/>
    </row>
    <row r="621590" spans="14:14">
      <c r="N621590" s="10"/>
    </row>
    <row r="621591" spans="14:14">
      <c r="N621591" s="10"/>
    </row>
    <row r="621592" spans="14:14">
      <c r="N621592" s="10"/>
    </row>
    <row r="621593" spans="14:14">
      <c r="N621593" s="10"/>
    </row>
    <row r="621594" spans="14:14">
      <c r="N621594" s="10"/>
    </row>
    <row r="621595" spans="14:14">
      <c r="N621595" s="10"/>
    </row>
    <row r="621596" spans="14:14">
      <c r="N621596" s="10"/>
    </row>
    <row r="621597" spans="14:14">
      <c r="N621597" s="10"/>
    </row>
    <row r="621598" spans="14:14">
      <c r="N621598" s="10"/>
    </row>
    <row r="621599" spans="14:14">
      <c r="N621599" s="10"/>
    </row>
    <row r="621600" spans="14:14">
      <c r="N621600" s="10"/>
    </row>
    <row r="621601" spans="14:14">
      <c r="N621601" s="10"/>
    </row>
    <row r="621602" spans="14:14">
      <c r="N621602" s="10"/>
    </row>
    <row r="621603" spans="14:14">
      <c r="N621603" s="10"/>
    </row>
    <row r="621604" spans="14:14">
      <c r="N621604" s="10"/>
    </row>
    <row r="621605" spans="14:14">
      <c r="N621605" s="10"/>
    </row>
    <row r="621606" spans="14:14">
      <c r="N621606" s="10"/>
    </row>
    <row r="621607" spans="14:14">
      <c r="N621607" s="10"/>
    </row>
    <row r="621608" spans="14:14">
      <c r="N621608" s="10"/>
    </row>
    <row r="621609" spans="14:14">
      <c r="N621609" s="10"/>
    </row>
    <row r="621610" spans="14:14">
      <c r="N621610" s="10"/>
    </row>
    <row r="621611" spans="14:14">
      <c r="N621611" s="10"/>
    </row>
    <row r="621612" spans="14:14">
      <c r="N621612" s="10"/>
    </row>
    <row r="621613" spans="14:14">
      <c r="N621613" s="10"/>
    </row>
    <row r="621614" spans="14:14">
      <c r="N621614" s="10"/>
    </row>
    <row r="621615" spans="14:14">
      <c r="N621615" s="10"/>
    </row>
    <row r="621616" spans="14:14">
      <c r="N621616" s="10"/>
    </row>
    <row r="621617" spans="14:14">
      <c r="N621617" s="10"/>
    </row>
    <row r="621618" spans="14:14">
      <c r="N621618" s="10"/>
    </row>
    <row r="621619" spans="14:14">
      <c r="N621619" s="10"/>
    </row>
    <row r="621620" spans="14:14">
      <c r="N621620" s="10"/>
    </row>
    <row r="621621" spans="14:14">
      <c r="N621621" s="10"/>
    </row>
    <row r="621622" spans="14:14">
      <c r="N621622" s="10"/>
    </row>
    <row r="621623" spans="14:14">
      <c r="N621623" s="10"/>
    </row>
    <row r="621624" spans="14:14">
      <c r="N621624" s="10"/>
    </row>
    <row r="621625" spans="14:14">
      <c r="N621625" s="10"/>
    </row>
    <row r="621626" spans="14:14">
      <c r="N621626" s="10"/>
    </row>
    <row r="621627" spans="14:14">
      <c r="N621627" s="10"/>
    </row>
    <row r="621628" spans="14:14">
      <c r="N621628" s="10"/>
    </row>
    <row r="621629" spans="14:14">
      <c r="N621629" s="10"/>
    </row>
    <row r="621630" spans="14:14">
      <c r="N621630" s="10"/>
    </row>
    <row r="621631" spans="14:14">
      <c r="N621631" s="10"/>
    </row>
    <row r="621632" spans="14:14">
      <c r="N621632" s="10"/>
    </row>
    <row r="621633" spans="14:14">
      <c r="N621633" s="10"/>
    </row>
    <row r="621634" spans="14:14">
      <c r="N621634" s="10"/>
    </row>
    <row r="621635" spans="14:14">
      <c r="N621635" s="10"/>
    </row>
    <row r="621636" spans="14:14">
      <c r="N621636" s="10"/>
    </row>
    <row r="621637" spans="14:14">
      <c r="N621637" s="10"/>
    </row>
    <row r="621638" spans="14:14">
      <c r="N621638" s="10"/>
    </row>
    <row r="621639" spans="14:14">
      <c r="N621639" s="10"/>
    </row>
    <row r="621640" spans="14:14">
      <c r="N621640" s="10"/>
    </row>
    <row r="621641" spans="14:14">
      <c r="N621641" s="10"/>
    </row>
    <row r="621642" spans="14:14">
      <c r="N621642" s="10"/>
    </row>
    <row r="621643" spans="14:14">
      <c r="N621643" s="10"/>
    </row>
    <row r="621644" spans="14:14">
      <c r="N621644" s="10"/>
    </row>
    <row r="621645" spans="14:14">
      <c r="N621645" s="10"/>
    </row>
    <row r="621646" spans="14:14">
      <c r="N621646" s="10"/>
    </row>
    <row r="621647" spans="14:14">
      <c r="N621647" s="10"/>
    </row>
    <row r="621648" spans="14:14">
      <c r="N621648" s="10"/>
    </row>
    <row r="621649" spans="14:14">
      <c r="N621649" s="10"/>
    </row>
    <row r="621650" spans="14:14">
      <c r="N621650" s="10"/>
    </row>
    <row r="621651" spans="14:14">
      <c r="N621651" s="10"/>
    </row>
    <row r="621652" spans="14:14">
      <c r="N621652" s="10"/>
    </row>
    <row r="621653" spans="14:14">
      <c r="N621653" s="10"/>
    </row>
    <row r="621654" spans="14:14">
      <c r="N621654" s="10"/>
    </row>
    <row r="621655" spans="14:14">
      <c r="N621655" s="10"/>
    </row>
    <row r="621656" spans="14:14">
      <c r="N621656" s="10"/>
    </row>
    <row r="621657" spans="14:14">
      <c r="N621657" s="10"/>
    </row>
    <row r="621658" spans="14:14">
      <c r="N621658" s="10"/>
    </row>
    <row r="621659" spans="14:14">
      <c r="N621659" s="10"/>
    </row>
    <row r="621660" spans="14:14">
      <c r="N621660" s="10"/>
    </row>
    <row r="621661" spans="14:14">
      <c r="N621661" s="10"/>
    </row>
    <row r="621662" spans="14:14">
      <c r="N621662" s="10"/>
    </row>
    <row r="621663" spans="14:14">
      <c r="N621663" s="10"/>
    </row>
    <row r="621664" spans="14:14">
      <c r="N621664" s="10"/>
    </row>
    <row r="621665" spans="14:14">
      <c r="N621665" s="10"/>
    </row>
    <row r="621666" spans="14:14">
      <c r="N621666" s="10"/>
    </row>
    <row r="621667" spans="14:14">
      <c r="N621667" s="10"/>
    </row>
    <row r="621668" spans="14:14">
      <c r="N621668" s="10"/>
    </row>
    <row r="621669" spans="14:14">
      <c r="N621669" s="10"/>
    </row>
    <row r="621670" spans="14:14">
      <c r="N621670" s="10"/>
    </row>
    <row r="621671" spans="14:14">
      <c r="N621671" s="10"/>
    </row>
    <row r="621672" spans="14:14">
      <c r="N621672" s="10"/>
    </row>
    <row r="621673" spans="14:14">
      <c r="N621673" s="10"/>
    </row>
    <row r="621674" spans="14:14">
      <c r="N621674" s="10"/>
    </row>
    <row r="621675" spans="14:14">
      <c r="N621675" s="10"/>
    </row>
    <row r="621676" spans="14:14">
      <c r="N621676" s="10"/>
    </row>
    <row r="621677" spans="14:14">
      <c r="N621677" s="10"/>
    </row>
    <row r="621678" spans="14:14">
      <c r="N621678" s="10"/>
    </row>
    <row r="621679" spans="14:14">
      <c r="N621679" s="10"/>
    </row>
    <row r="621680" spans="14:14">
      <c r="N621680" s="10"/>
    </row>
    <row r="621681" spans="14:14">
      <c r="N621681" s="10"/>
    </row>
    <row r="621682" spans="14:14">
      <c r="N621682" s="10"/>
    </row>
    <row r="621683" spans="14:14">
      <c r="N621683" s="10"/>
    </row>
    <row r="621684" spans="14:14">
      <c r="N621684" s="10"/>
    </row>
    <row r="621685" spans="14:14">
      <c r="N621685" s="10"/>
    </row>
    <row r="621686" spans="14:14">
      <c r="N621686" s="10"/>
    </row>
    <row r="621687" spans="14:14">
      <c r="N621687" s="10"/>
    </row>
    <row r="621688" spans="14:14">
      <c r="N621688" s="10"/>
    </row>
    <row r="621689" spans="14:14">
      <c r="N621689" s="10"/>
    </row>
    <row r="621690" spans="14:14">
      <c r="N621690" s="10"/>
    </row>
    <row r="621691" spans="14:14">
      <c r="N621691" s="10"/>
    </row>
    <row r="621692" spans="14:14">
      <c r="N621692" s="10"/>
    </row>
    <row r="621693" spans="14:14">
      <c r="N621693" s="10"/>
    </row>
    <row r="621694" spans="14:14">
      <c r="N621694" s="10"/>
    </row>
    <row r="621695" spans="14:14">
      <c r="N621695" s="10"/>
    </row>
    <row r="621696" spans="14:14">
      <c r="N621696" s="10"/>
    </row>
    <row r="621697" spans="14:14">
      <c r="N621697" s="10"/>
    </row>
    <row r="621698" spans="14:14">
      <c r="N621698" s="10"/>
    </row>
    <row r="621699" spans="14:14">
      <c r="N621699" s="10"/>
    </row>
    <row r="621700" spans="14:14">
      <c r="N621700" s="10"/>
    </row>
    <row r="621701" spans="14:14">
      <c r="N621701" s="10"/>
    </row>
    <row r="621702" spans="14:14">
      <c r="N621702" s="10"/>
    </row>
    <row r="621703" spans="14:14">
      <c r="N621703" s="10"/>
    </row>
    <row r="621704" spans="14:14">
      <c r="N621704" s="10"/>
    </row>
    <row r="621705" spans="14:14">
      <c r="N621705" s="10"/>
    </row>
    <row r="621706" spans="14:14">
      <c r="N621706" s="10"/>
    </row>
    <row r="621707" spans="14:14">
      <c r="N621707" s="10"/>
    </row>
    <row r="621708" spans="14:14">
      <c r="N621708" s="10"/>
    </row>
    <row r="621709" spans="14:14">
      <c r="N621709" s="10"/>
    </row>
    <row r="621710" spans="14:14">
      <c r="N621710" s="10"/>
    </row>
    <row r="621711" spans="14:14">
      <c r="N621711" s="10"/>
    </row>
    <row r="621712" spans="14:14">
      <c r="N621712" s="10"/>
    </row>
    <row r="621713" spans="14:14">
      <c r="N621713" s="10"/>
    </row>
    <row r="621714" spans="14:14">
      <c r="N621714" s="10"/>
    </row>
    <row r="621715" spans="14:14">
      <c r="N621715" s="10"/>
    </row>
    <row r="621716" spans="14:14">
      <c r="N621716" s="10"/>
    </row>
    <row r="621717" spans="14:14">
      <c r="N621717" s="10"/>
    </row>
    <row r="621718" spans="14:14">
      <c r="N621718" s="10"/>
    </row>
    <row r="621719" spans="14:14">
      <c r="N621719" s="10"/>
    </row>
    <row r="621720" spans="14:14">
      <c r="N621720" s="10"/>
    </row>
    <row r="621721" spans="14:14">
      <c r="N621721" s="10"/>
    </row>
    <row r="621722" spans="14:14">
      <c r="N621722" s="10"/>
    </row>
    <row r="621723" spans="14:14">
      <c r="N621723" s="10"/>
    </row>
    <row r="621724" spans="14:14">
      <c r="N621724" s="10"/>
    </row>
    <row r="621725" spans="14:14">
      <c r="N621725" s="10"/>
    </row>
    <row r="621726" spans="14:14">
      <c r="N621726" s="10"/>
    </row>
    <row r="621727" spans="14:14">
      <c r="N621727" s="10"/>
    </row>
    <row r="621728" spans="14:14">
      <c r="N621728" s="10"/>
    </row>
    <row r="621729" spans="14:14">
      <c r="N621729" s="10"/>
    </row>
    <row r="621730" spans="14:14">
      <c r="N621730" s="10"/>
    </row>
    <row r="621731" spans="14:14">
      <c r="N621731" s="10"/>
    </row>
    <row r="621732" spans="14:14">
      <c r="N621732" s="10"/>
    </row>
    <row r="621733" spans="14:14">
      <c r="N621733" s="10"/>
    </row>
    <row r="621734" spans="14:14">
      <c r="N621734" s="10"/>
    </row>
    <row r="621735" spans="14:14">
      <c r="N621735" s="10"/>
    </row>
    <row r="621736" spans="14:14">
      <c r="N621736" s="10"/>
    </row>
    <row r="621737" spans="14:14">
      <c r="N621737" s="10"/>
    </row>
    <row r="621738" spans="14:14">
      <c r="N621738" s="10"/>
    </row>
    <row r="621739" spans="14:14">
      <c r="N621739" s="10"/>
    </row>
    <row r="621740" spans="14:14">
      <c r="N621740" s="10"/>
    </row>
    <row r="621741" spans="14:14">
      <c r="N621741" s="10"/>
    </row>
    <row r="621742" spans="14:14">
      <c r="N621742" s="10"/>
    </row>
    <row r="621743" spans="14:14">
      <c r="N621743" s="10"/>
    </row>
    <row r="621744" spans="14:14">
      <c r="N621744" s="10"/>
    </row>
    <row r="621745" spans="14:14">
      <c r="N621745" s="10"/>
    </row>
    <row r="621746" spans="14:14">
      <c r="N621746" s="10"/>
    </row>
    <row r="621747" spans="14:14">
      <c r="N621747" s="10"/>
    </row>
    <row r="621748" spans="14:14">
      <c r="N621748" s="10"/>
    </row>
    <row r="621749" spans="14:14">
      <c r="N621749" s="10"/>
    </row>
    <row r="621750" spans="14:14">
      <c r="N621750" s="10"/>
    </row>
    <row r="621751" spans="14:14">
      <c r="N621751" s="10"/>
    </row>
    <row r="621752" spans="14:14">
      <c r="N621752" s="10"/>
    </row>
    <row r="621753" spans="14:14">
      <c r="N621753" s="10"/>
    </row>
    <row r="621754" spans="14:14">
      <c r="N621754" s="10"/>
    </row>
    <row r="621755" spans="14:14">
      <c r="N621755" s="10"/>
    </row>
    <row r="621756" spans="14:14">
      <c r="N621756" s="10"/>
    </row>
    <row r="621757" spans="14:14">
      <c r="N621757" s="10"/>
    </row>
    <row r="621758" spans="14:14">
      <c r="N621758" s="10"/>
    </row>
    <row r="621759" spans="14:14">
      <c r="N621759" s="10"/>
    </row>
    <row r="621760" spans="14:14">
      <c r="N621760" s="10"/>
    </row>
    <row r="621761" spans="14:14">
      <c r="N621761" s="10"/>
    </row>
    <row r="621762" spans="14:14">
      <c r="N621762" s="10"/>
    </row>
    <row r="621763" spans="14:14">
      <c r="N621763" s="10"/>
    </row>
    <row r="621764" spans="14:14">
      <c r="N621764" s="10"/>
    </row>
    <row r="621765" spans="14:14">
      <c r="N621765" s="10"/>
    </row>
    <row r="621766" spans="14:14">
      <c r="N621766" s="10"/>
    </row>
    <row r="621767" spans="14:14">
      <c r="N621767" s="10"/>
    </row>
    <row r="621768" spans="14:14">
      <c r="N621768" s="10"/>
    </row>
    <row r="621769" spans="14:14">
      <c r="N621769" s="10"/>
    </row>
    <row r="621770" spans="14:14">
      <c r="N621770" s="10"/>
    </row>
    <row r="621771" spans="14:14">
      <c r="N621771" s="10"/>
    </row>
    <row r="621772" spans="14:14">
      <c r="N621772" s="10"/>
    </row>
    <row r="621773" spans="14:14">
      <c r="N621773" s="10"/>
    </row>
    <row r="621774" spans="14:14">
      <c r="N621774" s="10"/>
    </row>
    <row r="621775" spans="14:14">
      <c r="N621775" s="10"/>
    </row>
    <row r="621776" spans="14:14">
      <c r="N621776" s="10"/>
    </row>
    <row r="621777" spans="14:14">
      <c r="N621777" s="10"/>
    </row>
    <row r="621778" spans="14:14">
      <c r="N621778" s="10"/>
    </row>
    <row r="621779" spans="14:14">
      <c r="N621779" s="10"/>
    </row>
    <row r="621780" spans="14:14">
      <c r="N621780" s="10"/>
    </row>
    <row r="621781" spans="14:14">
      <c r="N621781" s="10"/>
    </row>
    <row r="621782" spans="14:14">
      <c r="N621782" s="10"/>
    </row>
    <row r="621783" spans="14:14">
      <c r="N621783" s="10"/>
    </row>
    <row r="621784" spans="14:14">
      <c r="N621784" s="10"/>
    </row>
    <row r="621785" spans="14:14">
      <c r="N621785" s="10"/>
    </row>
    <row r="621786" spans="14:14">
      <c r="N621786" s="10"/>
    </row>
    <row r="621787" spans="14:14">
      <c r="N621787" s="10"/>
    </row>
    <row r="621788" spans="14:14">
      <c r="N621788" s="10"/>
    </row>
    <row r="621789" spans="14:14">
      <c r="N621789" s="10"/>
    </row>
    <row r="621790" spans="14:14">
      <c r="N621790" s="10"/>
    </row>
    <row r="621791" spans="14:14">
      <c r="N621791" s="10"/>
    </row>
    <row r="621792" spans="14:14">
      <c r="N621792" s="10"/>
    </row>
    <row r="621793" spans="14:14">
      <c r="N621793" s="10"/>
    </row>
    <row r="621794" spans="14:14">
      <c r="N621794" s="10"/>
    </row>
    <row r="621795" spans="14:14">
      <c r="N621795" s="10"/>
    </row>
    <row r="621796" spans="14:14">
      <c r="N621796" s="10"/>
    </row>
    <row r="621797" spans="14:14">
      <c r="N621797" s="10"/>
    </row>
    <row r="621798" spans="14:14">
      <c r="N621798" s="10"/>
    </row>
    <row r="621799" spans="14:14">
      <c r="N621799" s="10"/>
    </row>
    <row r="621800" spans="14:14">
      <c r="N621800" s="10"/>
    </row>
    <row r="621801" spans="14:14">
      <c r="N621801" s="10"/>
    </row>
    <row r="621802" spans="14:14">
      <c r="N621802" s="10"/>
    </row>
    <row r="621803" spans="14:14">
      <c r="N621803" s="10"/>
    </row>
    <row r="621804" spans="14:14">
      <c r="N621804" s="10"/>
    </row>
    <row r="621805" spans="14:14">
      <c r="N621805" s="10"/>
    </row>
    <row r="621806" spans="14:14">
      <c r="N621806" s="10"/>
    </row>
    <row r="621807" spans="14:14">
      <c r="N621807" s="10"/>
    </row>
    <row r="621808" spans="14:14">
      <c r="N621808" s="10"/>
    </row>
    <row r="621809" spans="14:14">
      <c r="N621809" s="10"/>
    </row>
    <row r="621810" spans="14:14">
      <c r="N621810" s="10"/>
    </row>
    <row r="621811" spans="14:14">
      <c r="N621811" s="10"/>
    </row>
    <row r="621812" spans="14:14">
      <c r="N621812" s="10"/>
    </row>
    <row r="621813" spans="14:14">
      <c r="N621813" s="10"/>
    </row>
    <row r="621814" spans="14:14">
      <c r="N621814" s="10"/>
    </row>
    <row r="621815" spans="14:14">
      <c r="N621815" s="10"/>
    </row>
    <row r="621816" spans="14:14">
      <c r="N621816" s="10"/>
    </row>
    <row r="621817" spans="14:14">
      <c r="N621817" s="10"/>
    </row>
    <row r="621818" spans="14:14">
      <c r="N621818" s="10"/>
    </row>
    <row r="621819" spans="14:14">
      <c r="N621819" s="10"/>
    </row>
    <row r="621820" spans="14:14">
      <c r="N621820" s="10"/>
    </row>
    <row r="621821" spans="14:14">
      <c r="N621821" s="10"/>
    </row>
    <row r="621822" spans="14:14">
      <c r="N621822" s="10"/>
    </row>
    <row r="621823" spans="14:14">
      <c r="N621823" s="10"/>
    </row>
    <row r="621824" spans="14:14">
      <c r="N621824" s="10"/>
    </row>
    <row r="621825" spans="14:14">
      <c r="N621825" s="10"/>
    </row>
    <row r="621826" spans="14:14">
      <c r="N621826" s="10"/>
    </row>
    <row r="621827" spans="14:14">
      <c r="N621827" s="10"/>
    </row>
    <row r="621828" spans="14:14">
      <c r="N621828" s="10"/>
    </row>
    <row r="621829" spans="14:14">
      <c r="N621829" s="10"/>
    </row>
    <row r="621830" spans="14:14">
      <c r="N621830" s="10"/>
    </row>
    <row r="621831" spans="14:14">
      <c r="N621831" s="10"/>
    </row>
    <row r="621832" spans="14:14">
      <c r="N621832" s="10"/>
    </row>
    <row r="621833" spans="14:14">
      <c r="N621833" s="10"/>
    </row>
    <row r="621834" spans="14:14">
      <c r="N621834" s="10"/>
    </row>
    <row r="621835" spans="14:14">
      <c r="N621835" s="10"/>
    </row>
    <row r="621836" spans="14:14">
      <c r="N621836" s="10"/>
    </row>
    <row r="621837" spans="14:14">
      <c r="N621837" s="10"/>
    </row>
    <row r="621838" spans="14:14">
      <c r="N621838" s="10"/>
    </row>
    <row r="621839" spans="14:14">
      <c r="N621839" s="10"/>
    </row>
    <row r="621840" spans="14:14">
      <c r="N621840" s="10"/>
    </row>
    <row r="621841" spans="14:14">
      <c r="N621841" s="10"/>
    </row>
    <row r="621842" spans="14:14">
      <c r="N621842" s="10"/>
    </row>
    <row r="621843" spans="14:14">
      <c r="N621843" s="10"/>
    </row>
    <row r="621844" spans="14:14">
      <c r="N621844" s="10"/>
    </row>
    <row r="621845" spans="14:14">
      <c r="N621845" s="10"/>
    </row>
    <row r="621846" spans="14:14">
      <c r="N621846" s="10"/>
    </row>
    <row r="621847" spans="14:14">
      <c r="N621847" s="10"/>
    </row>
    <row r="621848" spans="14:14">
      <c r="N621848" s="10"/>
    </row>
    <row r="621849" spans="14:14">
      <c r="N621849" s="10"/>
    </row>
    <row r="621850" spans="14:14">
      <c r="N621850" s="10"/>
    </row>
    <row r="621851" spans="14:14">
      <c r="N621851" s="10"/>
    </row>
    <row r="621852" spans="14:14">
      <c r="N621852" s="10"/>
    </row>
    <row r="621853" spans="14:14">
      <c r="N621853" s="10"/>
    </row>
    <row r="621854" spans="14:14">
      <c r="N621854" s="10"/>
    </row>
    <row r="621855" spans="14:14">
      <c r="N621855" s="10"/>
    </row>
    <row r="621856" spans="14:14">
      <c r="N621856" s="10"/>
    </row>
    <row r="621857" spans="14:14">
      <c r="N621857" s="10"/>
    </row>
    <row r="621858" spans="14:14">
      <c r="N621858" s="10"/>
    </row>
    <row r="621859" spans="14:14">
      <c r="N621859" s="10"/>
    </row>
    <row r="621860" spans="14:14">
      <c r="N621860" s="10"/>
    </row>
    <row r="621861" spans="14:14">
      <c r="N621861" s="10"/>
    </row>
    <row r="621862" spans="14:14">
      <c r="N621862" s="10"/>
    </row>
    <row r="621863" spans="14:14">
      <c r="N621863" s="10"/>
    </row>
    <row r="621864" spans="14:14">
      <c r="N621864" s="10"/>
    </row>
    <row r="621865" spans="14:14">
      <c r="N621865" s="10"/>
    </row>
    <row r="621866" spans="14:14">
      <c r="N621866" s="10"/>
    </row>
    <row r="621867" spans="14:14">
      <c r="N621867" s="10"/>
    </row>
    <row r="621868" spans="14:14">
      <c r="N621868" s="10"/>
    </row>
    <row r="621869" spans="14:14">
      <c r="N621869" s="10"/>
    </row>
    <row r="621870" spans="14:14">
      <c r="N621870" s="10"/>
    </row>
    <row r="621871" spans="14:14">
      <c r="N621871" s="10"/>
    </row>
    <row r="621872" spans="14:14">
      <c r="N621872" s="10"/>
    </row>
    <row r="621873" spans="14:14">
      <c r="N621873" s="10"/>
    </row>
    <row r="621874" spans="14:14">
      <c r="N621874" s="10"/>
    </row>
    <row r="621875" spans="14:14">
      <c r="N621875" s="10"/>
    </row>
    <row r="621876" spans="14:14">
      <c r="N621876" s="10"/>
    </row>
    <row r="621877" spans="14:14">
      <c r="N621877" s="10"/>
    </row>
    <row r="621878" spans="14:14">
      <c r="N621878" s="10"/>
    </row>
    <row r="621879" spans="14:14">
      <c r="N621879" s="10"/>
    </row>
    <row r="621880" spans="14:14">
      <c r="N621880" s="10"/>
    </row>
    <row r="621881" spans="14:14">
      <c r="N621881" s="10"/>
    </row>
    <row r="621882" spans="14:14">
      <c r="N621882" s="10"/>
    </row>
    <row r="621883" spans="14:14">
      <c r="N621883" s="10"/>
    </row>
    <row r="621884" spans="14:14">
      <c r="N621884" s="10"/>
    </row>
    <row r="621885" spans="14:14">
      <c r="N621885" s="10"/>
    </row>
    <row r="621886" spans="14:14">
      <c r="N621886" s="10"/>
    </row>
    <row r="621887" spans="14:14">
      <c r="N621887" s="10"/>
    </row>
    <row r="621888" spans="14:14">
      <c r="N621888" s="10"/>
    </row>
    <row r="621889" spans="14:14">
      <c r="N621889" s="10"/>
    </row>
    <row r="621890" spans="14:14">
      <c r="N621890" s="10"/>
    </row>
    <row r="621891" spans="14:14">
      <c r="N621891" s="10"/>
    </row>
    <row r="621892" spans="14:14">
      <c r="N621892" s="10"/>
    </row>
    <row r="621893" spans="14:14">
      <c r="N621893" s="10"/>
    </row>
    <row r="621894" spans="14:14">
      <c r="N621894" s="10"/>
    </row>
    <row r="621895" spans="14:14">
      <c r="N621895" s="10"/>
    </row>
    <row r="621896" spans="14:14">
      <c r="N621896" s="10"/>
    </row>
    <row r="621897" spans="14:14">
      <c r="N621897" s="10"/>
    </row>
    <row r="621898" spans="14:14">
      <c r="N621898" s="10"/>
    </row>
    <row r="621899" spans="14:14">
      <c r="N621899" s="10"/>
    </row>
    <row r="621900" spans="14:14">
      <c r="N621900" s="10"/>
    </row>
    <row r="621901" spans="14:14">
      <c r="N621901" s="10"/>
    </row>
    <row r="621902" spans="14:14">
      <c r="N621902" s="10"/>
    </row>
    <row r="621903" spans="14:14">
      <c r="N621903" s="10"/>
    </row>
    <row r="621904" spans="14:14">
      <c r="N621904" s="10"/>
    </row>
    <row r="621905" spans="14:14">
      <c r="N621905" s="10"/>
    </row>
    <row r="621906" spans="14:14">
      <c r="N621906" s="10"/>
    </row>
    <row r="621907" spans="14:14">
      <c r="N621907" s="10"/>
    </row>
    <row r="621908" spans="14:14">
      <c r="N621908" s="10"/>
    </row>
    <row r="621909" spans="14:14">
      <c r="N621909" s="10"/>
    </row>
    <row r="621910" spans="14:14">
      <c r="N621910" s="10"/>
    </row>
    <row r="621911" spans="14:14">
      <c r="N621911" s="10"/>
    </row>
    <row r="621912" spans="14:14">
      <c r="N621912" s="10"/>
    </row>
    <row r="621913" spans="14:14">
      <c r="N621913" s="10"/>
    </row>
    <row r="621914" spans="14:14">
      <c r="N621914" s="10"/>
    </row>
    <row r="621915" spans="14:14">
      <c r="N621915" s="10"/>
    </row>
    <row r="621916" spans="14:14">
      <c r="N621916" s="10"/>
    </row>
    <row r="621917" spans="14:14">
      <c r="N621917" s="10"/>
    </row>
    <row r="621918" spans="14:14">
      <c r="N621918" s="10"/>
    </row>
    <row r="621919" spans="14:14">
      <c r="N621919" s="10"/>
    </row>
    <row r="621920" spans="14:14">
      <c r="N621920" s="10"/>
    </row>
    <row r="621921" spans="14:14">
      <c r="N621921" s="10"/>
    </row>
    <row r="621922" spans="14:14">
      <c r="N621922" s="10"/>
    </row>
    <row r="621923" spans="14:14">
      <c r="N621923" s="10"/>
    </row>
    <row r="621924" spans="14:14">
      <c r="N621924" s="10"/>
    </row>
    <row r="621925" spans="14:14">
      <c r="N621925" s="10"/>
    </row>
    <row r="621926" spans="14:14">
      <c r="N621926" s="10"/>
    </row>
    <row r="621927" spans="14:14">
      <c r="N621927" s="10"/>
    </row>
    <row r="621928" spans="14:14">
      <c r="N621928" s="10"/>
    </row>
    <row r="621929" spans="14:14">
      <c r="N621929" s="10"/>
    </row>
    <row r="621930" spans="14:14">
      <c r="N621930" s="10"/>
    </row>
    <row r="621931" spans="14:14">
      <c r="N621931" s="10"/>
    </row>
    <row r="621932" spans="14:14">
      <c r="N621932" s="10"/>
    </row>
    <row r="621933" spans="14:14">
      <c r="N621933" s="10"/>
    </row>
    <row r="621934" spans="14:14">
      <c r="N621934" s="10"/>
    </row>
    <row r="621935" spans="14:14">
      <c r="N621935" s="10"/>
    </row>
    <row r="621936" spans="14:14">
      <c r="N621936" s="10"/>
    </row>
    <row r="621937" spans="14:14">
      <c r="N621937" s="10"/>
    </row>
    <row r="621938" spans="14:14">
      <c r="N621938" s="10"/>
    </row>
    <row r="621939" spans="14:14">
      <c r="N621939" s="10"/>
    </row>
    <row r="621940" spans="14:14">
      <c r="N621940" s="10"/>
    </row>
    <row r="621941" spans="14:14">
      <c r="N621941" s="10"/>
    </row>
    <row r="621942" spans="14:14">
      <c r="N621942" s="10"/>
    </row>
    <row r="621943" spans="14:14">
      <c r="N621943" s="10"/>
    </row>
    <row r="621944" spans="14:14">
      <c r="N621944" s="10"/>
    </row>
    <row r="621945" spans="14:14">
      <c r="N621945" s="10"/>
    </row>
    <row r="621946" spans="14:14">
      <c r="N621946" s="10"/>
    </row>
    <row r="621947" spans="14:14">
      <c r="N621947" s="10"/>
    </row>
    <row r="621948" spans="14:14">
      <c r="N621948" s="10"/>
    </row>
    <row r="621949" spans="14:14">
      <c r="N621949" s="10"/>
    </row>
    <row r="621950" spans="14:14">
      <c r="N621950" s="10"/>
    </row>
    <row r="621951" spans="14:14">
      <c r="N621951" s="10"/>
    </row>
    <row r="621952" spans="14:14">
      <c r="N621952" s="10"/>
    </row>
    <row r="621953" spans="14:14">
      <c r="N621953" s="10"/>
    </row>
    <row r="621954" spans="14:14">
      <c r="N621954" s="10"/>
    </row>
    <row r="621955" spans="14:14">
      <c r="N621955" s="10"/>
    </row>
    <row r="621956" spans="14:14">
      <c r="N621956" s="10"/>
    </row>
    <row r="621957" spans="14:14">
      <c r="N621957" s="10"/>
    </row>
    <row r="621958" spans="14:14">
      <c r="N621958" s="10"/>
    </row>
    <row r="621959" spans="14:14">
      <c r="N621959" s="10"/>
    </row>
    <row r="621960" spans="14:14">
      <c r="N621960" s="10"/>
    </row>
    <row r="621961" spans="14:14">
      <c r="N621961" s="10"/>
    </row>
    <row r="621962" spans="14:14">
      <c r="N621962" s="10"/>
    </row>
    <row r="621963" spans="14:14">
      <c r="N621963" s="10"/>
    </row>
    <row r="621964" spans="14:14">
      <c r="N621964" s="10"/>
    </row>
    <row r="621965" spans="14:14">
      <c r="N621965" s="10"/>
    </row>
    <row r="621966" spans="14:14">
      <c r="N621966" s="10"/>
    </row>
    <row r="621967" spans="14:14">
      <c r="N621967" s="10"/>
    </row>
    <row r="621968" spans="14:14">
      <c r="N621968" s="10"/>
    </row>
    <row r="621969" spans="14:14">
      <c r="N621969" s="10"/>
    </row>
    <row r="621970" spans="14:14">
      <c r="N621970" s="10"/>
    </row>
    <row r="621971" spans="14:14">
      <c r="N621971" s="10"/>
    </row>
    <row r="621972" spans="14:14">
      <c r="N621972" s="10"/>
    </row>
    <row r="621973" spans="14:14">
      <c r="N621973" s="10"/>
    </row>
    <row r="621974" spans="14:14">
      <c r="N621974" s="10"/>
    </row>
    <row r="621975" spans="14:14">
      <c r="N621975" s="10"/>
    </row>
    <row r="621976" spans="14:14">
      <c r="N621976" s="10"/>
    </row>
    <row r="621977" spans="14:14">
      <c r="N621977" s="10"/>
    </row>
    <row r="621978" spans="14:14">
      <c r="N621978" s="10"/>
    </row>
    <row r="621979" spans="14:14">
      <c r="N621979" s="10"/>
    </row>
    <row r="621980" spans="14:14">
      <c r="N621980" s="10"/>
    </row>
    <row r="621981" spans="14:14">
      <c r="N621981" s="10"/>
    </row>
    <row r="621982" spans="14:14">
      <c r="N621982" s="10"/>
    </row>
    <row r="621983" spans="14:14">
      <c r="N621983" s="10"/>
    </row>
    <row r="621984" spans="14:14">
      <c r="N621984" s="10"/>
    </row>
    <row r="621985" spans="14:14">
      <c r="N621985" s="10"/>
    </row>
    <row r="621986" spans="14:14">
      <c r="N621986" s="10"/>
    </row>
    <row r="621987" spans="14:14">
      <c r="N621987" s="10"/>
    </row>
    <row r="621988" spans="14:14">
      <c r="N621988" s="10"/>
    </row>
    <row r="621989" spans="14:14">
      <c r="N621989" s="10"/>
    </row>
    <row r="621990" spans="14:14">
      <c r="N621990" s="10"/>
    </row>
    <row r="621991" spans="14:14">
      <c r="N621991" s="10"/>
    </row>
    <row r="621992" spans="14:14">
      <c r="N621992" s="10"/>
    </row>
    <row r="621993" spans="14:14">
      <c r="N621993" s="10"/>
    </row>
    <row r="621994" spans="14:14">
      <c r="N621994" s="10"/>
    </row>
    <row r="621995" spans="14:14">
      <c r="N621995" s="10"/>
    </row>
    <row r="621996" spans="14:14">
      <c r="N621996" s="10"/>
    </row>
    <row r="621997" spans="14:14">
      <c r="N621997" s="10"/>
    </row>
    <row r="621998" spans="14:14">
      <c r="N621998" s="10"/>
    </row>
    <row r="621999" spans="14:14">
      <c r="N621999" s="10"/>
    </row>
    <row r="622000" spans="14:14">
      <c r="N622000" s="10"/>
    </row>
    <row r="622001" spans="14:14">
      <c r="N622001" s="10"/>
    </row>
    <row r="622002" spans="14:14">
      <c r="N622002" s="10"/>
    </row>
    <row r="622003" spans="14:14">
      <c r="N622003" s="10"/>
    </row>
    <row r="622004" spans="14:14">
      <c r="N622004" s="10"/>
    </row>
    <row r="622005" spans="14:14">
      <c r="N622005" s="10"/>
    </row>
    <row r="622006" spans="14:14">
      <c r="N622006" s="10"/>
    </row>
    <row r="622007" spans="14:14">
      <c r="N622007" s="10"/>
    </row>
    <row r="622008" spans="14:14">
      <c r="N622008" s="10"/>
    </row>
    <row r="622009" spans="14:14">
      <c r="N622009" s="10"/>
    </row>
    <row r="622010" spans="14:14">
      <c r="N622010" s="10"/>
    </row>
    <row r="622011" spans="14:14">
      <c r="N622011" s="10"/>
    </row>
    <row r="622012" spans="14:14">
      <c r="N622012" s="10"/>
    </row>
    <row r="622013" spans="14:14">
      <c r="N622013" s="10"/>
    </row>
    <row r="622014" spans="14:14">
      <c r="N622014" s="10"/>
    </row>
    <row r="622015" spans="14:14">
      <c r="N622015" s="10"/>
    </row>
    <row r="622016" spans="14:14">
      <c r="N622016" s="10"/>
    </row>
    <row r="622017" spans="14:14">
      <c r="N622017" s="10"/>
    </row>
    <row r="622018" spans="14:14">
      <c r="N622018" s="10"/>
    </row>
    <row r="622019" spans="14:14">
      <c r="N622019" s="10"/>
    </row>
    <row r="622020" spans="14:14">
      <c r="N622020" s="10"/>
    </row>
    <row r="622021" spans="14:14">
      <c r="N622021" s="10"/>
    </row>
    <row r="622022" spans="14:14">
      <c r="N622022" s="10"/>
    </row>
    <row r="622023" spans="14:14">
      <c r="N622023" s="10"/>
    </row>
    <row r="622024" spans="14:14">
      <c r="N622024" s="10"/>
    </row>
    <row r="622025" spans="14:14">
      <c r="N622025" s="10"/>
    </row>
    <row r="622026" spans="14:14">
      <c r="N622026" s="10"/>
    </row>
    <row r="622027" spans="14:14">
      <c r="N622027" s="10"/>
    </row>
    <row r="622028" spans="14:14">
      <c r="N622028" s="10"/>
    </row>
    <row r="622029" spans="14:14">
      <c r="N622029" s="10"/>
    </row>
    <row r="622030" spans="14:14">
      <c r="N622030" s="10"/>
    </row>
    <row r="622031" spans="14:14">
      <c r="N622031" s="10"/>
    </row>
    <row r="622032" spans="14:14">
      <c r="N622032" s="10"/>
    </row>
    <row r="622033" spans="14:14">
      <c r="N622033" s="10"/>
    </row>
    <row r="622034" spans="14:14">
      <c r="N622034" s="10"/>
    </row>
    <row r="622035" spans="14:14">
      <c r="N622035" s="10"/>
    </row>
    <row r="622036" spans="14:14">
      <c r="N622036" s="10"/>
    </row>
    <row r="622037" spans="14:14">
      <c r="N622037" s="10"/>
    </row>
    <row r="622038" spans="14:14">
      <c r="N622038" s="10"/>
    </row>
    <row r="622039" spans="14:14">
      <c r="N622039" s="10"/>
    </row>
    <row r="622040" spans="14:14">
      <c r="N622040" s="10"/>
    </row>
    <row r="622041" spans="14:14">
      <c r="N622041" s="10"/>
    </row>
    <row r="622042" spans="14:14">
      <c r="N622042" s="10"/>
    </row>
    <row r="622043" spans="14:14">
      <c r="N622043" s="10"/>
    </row>
    <row r="622044" spans="14:14">
      <c r="N622044" s="10"/>
    </row>
    <row r="622045" spans="14:14">
      <c r="N622045" s="10"/>
    </row>
    <row r="622046" spans="14:14">
      <c r="N622046" s="10"/>
    </row>
    <row r="622047" spans="14:14">
      <c r="N622047" s="10"/>
    </row>
    <row r="622048" spans="14:14">
      <c r="N622048" s="10"/>
    </row>
    <row r="622049" spans="14:14">
      <c r="N622049" s="10"/>
    </row>
    <row r="622050" spans="14:14">
      <c r="N622050" s="10"/>
    </row>
    <row r="622051" spans="14:14">
      <c r="N622051" s="10"/>
    </row>
    <row r="622052" spans="14:14">
      <c r="N622052" s="10"/>
    </row>
    <row r="622053" spans="14:14">
      <c r="N622053" s="10"/>
    </row>
    <row r="622054" spans="14:14">
      <c r="N622054" s="10"/>
    </row>
    <row r="622055" spans="14:14">
      <c r="N622055" s="10"/>
    </row>
    <row r="622056" spans="14:14">
      <c r="N622056" s="10"/>
    </row>
    <row r="622057" spans="14:14">
      <c r="N622057" s="10"/>
    </row>
    <row r="622058" spans="14:14">
      <c r="N622058" s="10"/>
    </row>
    <row r="622059" spans="14:14">
      <c r="N622059" s="10"/>
    </row>
    <row r="622060" spans="14:14">
      <c r="N622060" s="10"/>
    </row>
    <row r="622061" spans="14:14">
      <c r="N622061" s="10"/>
    </row>
    <row r="622062" spans="14:14">
      <c r="N622062" s="10"/>
    </row>
    <row r="622063" spans="14:14">
      <c r="N622063" s="10"/>
    </row>
    <row r="622064" spans="14:14">
      <c r="N622064" s="10"/>
    </row>
    <row r="622065" spans="14:14">
      <c r="N622065" s="10"/>
    </row>
    <row r="622066" spans="14:14">
      <c r="N622066" s="10"/>
    </row>
    <row r="622067" spans="14:14">
      <c r="N622067" s="10"/>
    </row>
    <row r="622068" spans="14:14">
      <c r="N622068" s="10"/>
    </row>
    <row r="622069" spans="14:14">
      <c r="N622069" s="10"/>
    </row>
    <row r="622070" spans="14:14">
      <c r="N622070" s="10"/>
    </row>
    <row r="622071" spans="14:14">
      <c r="N622071" s="10"/>
    </row>
    <row r="622072" spans="14:14">
      <c r="N622072" s="10"/>
    </row>
    <row r="622073" spans="14:14">
      <c r="N622073" s="10"/>
    </row>
    <row r="622074" spans="14:14">
      <c r="N622074" s="10"/>
    </row>
    <row r="622075" spans="14:14">
      <c r="N622075" s="10"/>
    </row>
    <row r="622076" spans="14:14">
      <c r="N622076" s="10"/>
    </row>
    <row r="622077" spans="14:14">
      <c r="N622077" s="10"/>
    </row>
    <row r="622078" spans="14:14">
      <c r="N622078" s="10"/>
    </row>
    <row r="622079" spans="14:14">
      <c r="N622079" s="10"/>
    </row>
    <row r="622080" spans="14:14">
      <c r="N622080" s="10"/>
    </row>
    <row r="622081" spans="14:14">
      <c r="N622081" s="10"/>
    </row>
    <row r="622082" spans="14:14">
      <c r="N622082" s="10"/>
    </row>
    <row r="622083" spans="14:14">
      <c r="N622083" s="10"/>
    </row>
    <row r="622084" spans="14:14">
      <c r="N622084" s="10"/>
    </row>
    <row r="622085" spans="14:14">
      <c r="N622085" s="10"/>
    </row>
    <row r="622086" spans="14:14">
      <c r="N622086" s="10"/>
    </row>
    <row r="622087" spans="14:14">
      <c r="N622087" s="10"/>
    </row>
    <row r="622088" spans="14:14">
      <c r="N622088" s="10"/>
    </row>
    <row r="622089" spans="14:14">
      <c r="N622089" s="10"/>
    </row>
    <row r="622090" spans="14:14">
      <c r="N622090" s="10"/>
    </row>
    <row r="622091" spans="14:14">
      <c r="N622091" s="10"/>
    </row>
    <row r="622092" spans="14:14">
      <c r="N622092" s="10"/>
    </row>
    <row r="622093" spans="14:14">
      <c r="N622093" s="10"/>
    </row>
    <row r="622094" spans="14:14">
      <c r="N622094" s="10"/>
    </row>
    <row r="622095" spans="14:14">
      <c r="N622095" s="10"/>
    </row>
    <row r="622096" spans="14:14">
      <c r="N622096" s="10"/>
    </row>
    <row r="622097" spans="14:14">
      <c r="N622097" s="10"/>
    </row>
    <row r="622098" spans="14:14">
      <c r="N622098" s="10"/>
    </row>
    <row r="622099" spans="14:14">
      <c r="N622099" s="10"/>
    </row>
    <row r="622100" spans="14:14">
      <c r="N622100" s="10"/>
    </row>
    <row r="622101" spans="14:14">
      <c r="N622101" s="10"/>
    </row>
    <row r="622102" spans="14:14">
      <c r="N622102" s="10"/>
    </row>
    <row r="622103" spans="14:14">
      <c r="N622103" s="10"/>
    </row>
    <row r="622104" spans="14:14">
      <c r="N622104" s="10"/>
    </row>
    <row r="622105" spans="14:14">
      <c r="N622105" s="10"/>
    </row>
    <row r="622106" spans="14:14">
      <c r="N622106" s="10"/>
    </row>
    <row r="622107" spans="14:14">
      <c r="N622107" s="10"/>
    </row>
    <row r="622108" spans="14:14">
      <c r="N622108" s="10"/>
    </row>
    <row r="622109" spans="14:14">
      <c r="N622109" s="10"/>
    </row>
    <row r="622110" spans="14:14">
      <c r="N622110" s="10"/>
    </row>
    <row r="622111" spans="14:14">
      <c r="N622111" s="10"/>
    </row>
    <row r="622112" spans="14:14">
      <c r="N622112" s="10"/>
    </row>
    <row r="622113" spans="14:14">
      <c r="N622113" s="10"/>
    </row>
    <row r="622114" spans="14:14">
      <c r="N622114" s="10"/>
    </row>
    <row r="622115" spans="14:14">
      <c r="N622115" s="10"/>
    </row>
    <row r="622116" spans="14:14">
      <c r="N622116" s="10"/>
    </row>
    <row r="622117" spans="14:14">
      <c r="N622117" s="10"/>
    </row>
    <row r="622118" spans="14:14">
      <c r="N622118" s="10"/>
    </row>
    <row r="622119" spans="14:14">
      <c r="N622119" s="10"/>
    </row>
    <row r="622120" spans="14:14">
      <c r="N622120" s="10"/>
    </row>
    <row r="622121" spans="14:14">
      <c r="N622121" s="10"/>
    </row>
    <row r="622122" spans="14:14">
      <c r="N622122" s="10"/>
    </row>
    <row r="622123" spans="14:14">
      <c r="N622123" s="10"/>
    </row>
    <row r="622124" spans="14:14">
      <c r="N622124" s="10"/>
    </row>
    <row r="622125" spans="14:14">
      <c r="N622125" s="10"/>
    </row>
    <row r="622126" spans="14:14">
      <c r="N622126" s="10"/>
    </row>
    <row r="622127" spans="14:14">
      <c r="N622127" s="10"/>
    </row>
    <row r="622128" spans="14:14">
      <c r="N622128" s="10"/>
    </row>
    <row r="622129" spans="14:14">
      <c r="N622129" s="10"/>
    </row>
    <row r="622130" spans="14:14">
      <c r="N622130" s="10"/>
    </row>
    <row r="622131" spans="14:14">
      <c r="N622131" s="10"/>
    </row>
    <row r="622132" spans="14:14">
      <c r="N622132" s="10"/>
    </row>
    <row r="622133" spans="14:14">
      <c r="N622133" s="10"/>
    </row>
    <row r="622134" spans="14:14">
      <c r="N622134" s="10"/>
    </row>
    <row r="622135" spans="14:14">
      <c r="N622135" s="10"/>
    </row>
    <row r="622136" spans="14:14">
      <c r="N622136" s="10"/>
    </row>
    <row r="622137" spans="14:14">
      <c r="N622137" s="10"/>
    </row>
    <row r="622138" spans="14:14">
      <c r="N622138" s="10"/>
    </row>
    <row r="622139" spans="14:14">
      <c r="N622139" s="10"/>
    </row>
    <row r="622140" spans="14:14">
      <c r="N622140" s="10"/>
    </row>
    <row r="622141" spans="14:14">
      <c r="N622141" s="10"/>
    </row>
    <row r="622142" spans="14:14">
      <c r="N622142" s="10"/>
    </row>
    <row r="622143" spans="14:14">
      <c r="N622143" s="10"/>
    </row>
    <row r="622144" spans="14:14">
      <c r="N622144" s="10"/>
    </row>
    <row r="622145" spans="14:14">
      <c r="N622145" s="10"/>
    </row>
    <row r="622146" spans="14:14">
      <c r="N622146" s="10"/>
    </row>
    <row r="622147" spans="14:14">
      <c r="N622147" s="10"/>
    </row>
    <row r="622148" spans="14:14">
      <c r="N622148" s="10"/>
    </row>
    <row r="622149" spans="14:14">
      <c r="N622149" s="10"/>
    </row>
    <row r="622150" spans="14:14">
      <c r="N622150" s="10"/>
    </row>
    <row r="622151" spans="14:14">
      <c r="N622151" s="10"/>
    </row>
    <row r="622152" spans="14:14">
      <c r="N622152" s="10"/>
    </row>
    <row r="622153" spans="14:14">
      <c r="N622153" s="10"/>
    </row>
    <row r="622154" spans="14:14">
      <c r="N622154" s="10"/>
    </row>
    <row r="622155" spans="14:14">
      <c r="N622155" s="10"/>
    </row>
    <row r="622156" spans="14:14">
      <c r="N622156" s="10"/>
    </row>
    <row r="622157" spans="14:14">
      <c r="N622157" s="10"/>
    </row>
    <row r="622158" spans="14:14">
      <c r="N622158" s="10"/>
    </row>
    <row r="622159" spans="14:14">
      <c r="N622159" s="10"/>
    </row>
    <row r="622160" spans="14:14">
      <c r="N622160" s="10"/>
    </row>
    <row r="622161" spans="14:14">
      <c r="N622161" s="10"/>
    </row>
    <row r="622162" spans="14:14">
      <c r="N622162" s="10"/>
    </row>
    <row r="622163" spans="14:14">
      <c r="N622163" s="10"/>
    </row>
    <row r="622164" spans="14:14">
      <c r="N622164" s="10"/>
    </row>
    <row r="622165" spans="14:14">
      <c r="N622165" s="10"/>
    </row>
    <row r="622166" spans="14:14">
      <c r="N622166" s="10"/>
    </row>
    <row r="622167" spans="14:14">
      <c r="N622167" s="10"/>
    </row>
    <row r="622168" spans="14:14">
      <c r="N622168" s="10"/>
    </row>
    <row r="622169" spans="14:14">
      <c r="N622169" s="10"/>
    </row>
    <row r="622170" spans="14:14">
      <c r="N622170" s="10"/>
    </row>
    <row r="622171" spans="14:14">
      <c r="N622171" s="10"/>
    </row>
    <row r="622172" spans="14:14">
      <c r="N622172" s="10"/>
    </row>
    <row r="622173" spans="14:14">
      <c r="N622173" s="10"/>
    </row>
    <row r="622174" spans="14:14">
      <c r="N622174" s="10"/>
    </row>
    <row r="622175" spans="14:14">
      <c r="N622175" s="10"/>
    </row>
    <row r="622176" spans="14:14">
      <c r="N622176" s="10"/>
    </row>
    <row r="622177" spans="14:14">
      <c r="N622177" s="10"/>
    </row>
    <row r="622178" spans="14:14">
      <c r="N622178" s="10"/>
    </row>
    <row r="622179" spans="14:14">
      <c r="N622179" s="10"/>
    </row>
    <row r="622180" spans="14:14">
      <c r="N622180" s="10"/>
    </row>
    <row r="622181" spans="14:14">
      <c r="N622181" s="10"/>
    </row>
    <row r="622182" spans="14:14">
      <c r="N622182" s="10"/>
    </row>
    <row r="622183" spans="14:14">
      <c r="N622183" s="10"/>
    </row>
    <row r="622184" spans="14:14">
      <c r="N622184" s="10"/>
    </row>
    <row r="622185" spans="14:14">
      <c r="N622185" s="10"/>
    </row>
    <row r="622186" spans="14:14">
      <c r="N622186" s="10"/>
    </row>
    <row r="622187" spans="14:14">
      <c r="N622187" s="10"/>
    </row>
    <row r="622188" spans="14:14">
      <c r="N622188" s="10"/>
    </row>
    <row r="622189" spans="14:14">
      <c r="N622189" s="10"/>
    </row>
    <row r="622190" spans="14:14">
      <c r="N622190" s="10"/>
    </row>
    <row r="622191" spans="14:14">
      <c r="N622191" s="10"/>
    </row>
    <row r="622192" spans="14:14">
      <c r="N622192" s="10"/>
    </row>
    <row r="622193" spans="14:14">
      <c r="N622193" s="10"/>
    </row>
    <row r="622194" spans="14:14">
      <c r="N622194" s="10"/>
    </row>
    <row r="622195" spans="14:14">
      <c r="N622195" s="10"/>
    </row>
    <row r="622196" spans="14:14">
      <c r="N622196" s="10"/>
    </row>
    <row r="622197" spans="14:14">
      <c r="N622197" s="10"/>
    </row>
    <row r="622198" spans="14:14">
      <c r="N622198" s="10"/>
    </row>
    <row r="622199" spans="14:14">
      <c r="N622199" s="10"/>
    </row>
    <row r="622200" spans="14:14">
      <c r="N622200" s="10"/>
    </row>
    <row r="622201" spans="14:14">
      <c r="N622201" s="10"/>
    </row>
    <row r="622202" spans="14:14">
      <c r="N622202" s="10"/>
    </row>
    <row r="622203" spans="14:14">
      <c r="N622203" s="10"/>
    </row>
    <row r="622204" spans="14:14">
      <c r="N622204" s="10"/>
    </row>
    <row r="622205" spans="14:14">
      <c r="N622205" s="10"/>
    </row>
    <row r="622206" spans="14:14">
      <c r="N622206" s="10"/>
    </row>
    <row r="622207" spans="14:14">
      <c r="N622207" s="10"/>
    </row>
    <row r="622208" spans="14:14">
      <c r="N622208" s="10"/>
    </row>
    <row r="622209" spans="14:14">
      <c r="N622209" s="10"/>
    </row>
    <row r="622210" spans="14:14">
      <c r="N622210" s="10"/>
    </row>
    <row r="622211" spans="14:14">
      <c r="N622211" s="10"/>
    </row>
    <row r="622212" spans="14:14">
      <c r="N622212" s="10"/>
    </row>
    <row r="622213" spans="14:14">
      <c r="N622213" s="10"/>
    </row>
    <row r="622214" spans="14:14">
      <c r="N622214" s="10"/>
    </row>
    <row r="622215" spans="14:14">
      <c r="N622215" s="10"/>
    </row>
    <row r="622216" spans="14:14">
      <c r="N622216" s="10"/>
    </row>
    <row r="622217" spans="14:14">
      <c r="N622217" s="10"/>
    </row>
    <row r="622218" spans="14:14">
      <c r="N622218" s="10"/>
    </row>
    <row r="622219" spans="14:14">
      <c r="N622219" s="10"/>
    </row>
    <row r="622220" spans="14:14">
      <c r="N622220" s="10"/>
    </row>
    <row r="622221" spans="14:14">
      <c r="N622221" s="10"/>
    </row>
    <row r="622222" spans="14:14">
      <c r="N622222" s="10"/>
    </row>
    <row r="622223" spans="14:14">
      <c r="N622223" s="10"/>
    </row>
    <row r="622224" spans="14:14">
      <c r="N622224" s="10"/>
    </row>
    <row r="622225" spans="14:14">
      <c r="N622225" s="10"/>
    </row>
    <row r="622226" spans="14:14">
      <c r="N622226" s="10"/>
    </row>
    <row r="622227" spans="14:14">
      <c r="N622227" s="10"/>
    </row>
    <row r="622228" spans="14:14">
      <c r="N622228" s="10"/>
    </row>
    <row r="622229" spans="14:14">
      <c r="N622229" s="10"/>
    </row>
    <row r="622230" spans="14:14">
      <c r="N622230" s="10"/>
    </row>
    <row r="622231" spans="14:14">
      <c r="N622231" s="10"/>
    </row>
    <row r="622232" spans="14:14">
      <c r="N622232" s="10"/>
    </row>
    <row r="622233" spans="14:14">
      <c r="N622233" s="10"/>
    </row>
    <row r="622234" spans="14:14">
      <c r="N622234" s="10"/>
    </row>
    <row r="622235" spans="14:14">
      <c r="N622235" s="10"/>
    </row>
    <row r="622236" spans="14:14">
      <c r="N622236" s="10"/>
    </row>
    <row r="622237" spans="14:14">
      <c r="N622237" s="10"/>
    </row>
    <row r="622238" spans="14:14">
      <c r="N622238" s="10"/>
    </row>
    <row r="622239" spans="14:14">
      <c r="N622239" s="10"/>
    </row>
    <row r="622240" spans="14:14">
      <c r="N622240" s="10"/>
    </row>
    <row r="622241" spans="14:14">
      <c r="N622241" s="10"/>
    </row>
    <row r="622242" spans="14:14">
      <c r="N622242" s="10"/>
    </row>
    <row r="622243" spans="14:14">
      <c r="N622243" s="10"/>
    </row>
    <row r="622244" spans="14:14">
      <c r="N622244" s="10"/>
    </row>
    <row r="622245" spans="14:14">
      <c r="N622245" s="10"/>
    </row>
    <row r="622246" spans="14:14">
      <c r="N622246" s="10"/>
    </row>
    <row r="622247" spans="14:14">
      <c r="N622247" s="10"/>
    </row>
    <row r="622248" spans="14:14">
      <c r="N622248" s="10"/>
    </row>
    <row r="622249" spans="14:14">
      <c r="N622249" s="10"/>
    </row>
    <row r="622250" spans="14:14">
      <c r="N622250" s="10"/>
    </row>
    <row r="622251" spans="14:14">
      <c r="N622251" s="10"/>
    </row>
    <row r="622252" spans="14:14">
      <c r="N622252" s="10"/>
    </row>
    <row r="622253" spans="14:14">
      <c r="N622253" s="10"/>
    </row>
    <row r="622254" spans="14:14">
      <c r="N622254" s="10"/>
    </row>
    <row r="622255" spans="14:14">
      <c r="N622255" s="10"/>
    </row>
    <row r="622256" spans="14:14">
      <c r="N622256" s="10"/>
    </row>
    <row r="622257" spans="14:14">
      <c r="N622257" s="10"/>
    </row>
    <row r="622258" spans="14:14">
      <c r="N622258" s="10"/>
    </row>
    <row r="622259" spans="14:14">
      <c r="N622259" s="10"/>
    </row>
    <row r="622260" spans="14:14">
      <c r="N622260" s="10"/>
    </row>
    <row r="622261" spans="14:14">
      <c r="N622261" s="10"/>
    </row>
    <row r="622262" spans="14:14">
      <c r="N622262" s="10"/>
    </row>
    <row r="622263" spans="14:14">
      <c r="N622263" s="10"/>
    </row>
    <row r="622264" spans="14:14">
      <c r="N622264" s="10"/>
    </row>
    <row r="622265" spans="14:14">
      <c r="N622265" s="10"/>
    </row>
    <row r="622266" spans="14:14">
      <c r="N622266" s="10"/>
    </row>
    <row r="622267" spans="14:14">
      <c r="N622267" s="10"/>
    </row>
    <row r="622268" spans="14:14">
      <c r="N622268" s="10"/>
    </row>
    <row r="622269" spans="14:14">
      <c r="N622269" s="10"/>
    </row>
    <row r="622270" spans="14:14">
      <c r="N622270" s="10"/>
    </row>
    <row r="622271" spans="14:14">
      <c r="N622271" s="10"/>
    </row>
    <row r="622272" spans="14:14">
      <c r="N622272" s="10"/>
    </row>
    <row r="622273" spans="14:14">
      <c r="N622273" s="10"/>
    </row>
    <row r="622274" spans="14:14">
      <c r="N622274" s="10"/>
    </row>
    <row r="622275" spans="14:14">
      <c r="N622275" s="10"/>
    </row>
    <row r="622276" spans="14:14">
      <c r="N622276" s="10"/>
    </row>
    <row r="622277" spans="14:14">
      <c r="N622277" s="10"/>
    </row>
    <row r="622278" spans="14:14">
      <c r="N622278" s="10"/>
    </row>
    <row r="622279" spans="14:14">
      <c r="N622279" s="10"/>
    </row>
    <row r="622280" spans="14:14">
      <c r="N622280" s="10"/>
    </row>
    <row r="622281" spans="14:14">
      <c r="N622281" s="10"/>
    </row>
    <row r="622282" spans="14:14">
      <c r="N622282" s="10"/>
    </row>
    <row r="622283" spans="14:14">
      <c r="N622283" s="10"/>
    </row>
    <row r="622284" spans="14:14">
      <c r="N622284" s="10"/>
    </row>
    <row r="622285" spans="14:14">
      <c r="N622285" s="10"/>
    </row>
    <row r="622286" spans="14:14">
      <c r="N622286" s="10"/>
    </row>
    <row r="622287" spans="14:14">
      <c r="N622287" s="10"/>
    </row>
    <row r="622288" spans="14:14">
      <c r="N622288" s="10"/>
    </row>
    <row r="622289" spans="14:14">
      <c r="N622289" s="10"/>
    </row>
    <row r="622290" spans="14:14">
      <c r="N622290" s="10"/>
    </row>
    <row r="622291" spans="14:14">
      <c r="N622291" s="10"/>
    </row>
    <row r="622292" spans="14:14">
      <c r="N622292" s="10"/>
    </row>
    <row r="622293" spans="14:14">
      <c r="N622293" s="10"/>
    </row>
    <row r="622294" spans="14:14">
      <c r="N622294" s="10"/>
    </row>
    <row r="622295" spans="14:14">
      <c r="N622295" s="10"/>
    </row>
    <row r="622296" spans="14:14">
      <c r="N622296" s="10"/>
    </row>
    <row r="622297" spans="14:14">
      <c r="N622297" s="10"/>
    </row>
    <row r="622298" spans="14:14">
      <c r="N622298" s="10"/>
    </row>
    <row r="622299" spans="14:14">
      <c r="N622299" s="10"/>
    </row>
    <row r="622300" spans="14:14">
      <c r="N622300" s="10"/>
    </row>
    <row r="622301" spans="14:14">
      <c r="N622301" s="10"/>
    </row>
    <row r="622302" spans="14:14">
      <c r="N622302" s="10"/>
    </row>
    <row r="622303" spans="14:14">
      <c r="N622303" s="10"/>
    </row>
    <row r="622304" spans="14:14">
      <c r="N622304" s="10"/>
    </row>
    <row r="622305" spans="14:14">
      <c r="N622305" s="10"/>
    </row>
    <row r="622306" spans="14:14">
      <c r="N622306" s="10"/>
    </row>
    <row r="622307" spans="14:14">
      <c r="N622307" s="10"/>
    </row>
    <row r="622308" spans="14:14">
      <c r="N622308" s="10"/>
    </row>
    <row r="622309" spans="14:14">
      <c r="N622309" s="10"/>
    </row>
    <row r="622310" spans="14:14">
      <c r="N622310" s="10"/>
    </row>
    <row r="622311" spans="14:14">
      <c r="N622311" s="10"/>
    </row>
    <row r="622312" spans="14:14">
      <c r="N622312" s="10"/>
    </row>
    <row r="622313" spans="14:14">
      <c r="N622313" s="10"/>
    </row>
    <row r="622314" spans="14:14">
      <c r="N622314" s="10"/>
    </row>
    <row r="622315" spans="14:14">
      <c r="N622315" s="10"/>
    </row>
    <row r="622316" spans="14:14">
      <c r="N622316" s="10"/>
    </row>
    <row r="622317" spans="14:14">
      <c r="N622317" s="10"/>
    </row>
    <row r="622318" spans="14:14">
      <c r="N622318" s="10"/>
    </row>
    <row r="622319" spans="14:14">
      <c r="N622319" s="10"/>
    </row>
    <row r="622320" spans="14:14">
      <c r="N622320" s="10"/>
    </row>
    <row r="622321" spans="14:14">
      <c r="N622321" s="10"/>
    </row>
    <row r="622322" spans="14:14">
      <c r="N622322" s="10"/>
    </row>
    <row r="622323" spans="14:14">
      <c r="N622323" s="10"/>
    </row>
    <row r="622324" spans="14:14">
      <c r="N622324" s="10"/>
    </row>
    <row r="622325" spans="14:14">
      <c r="N622325" s="10"/>
    </row>
    <row r="622326" spans="14:14">
      <c r="N622326" s="10"/>
    </row>
    <row r="622327" spans="14:14">
      <c r="N622327" s="10"/>
    </row>
    <row r="622328" spans="14:14">
      <c r="N622328" s="10"/>
    </row>
    <row r="622329" spans="14:14">
      <c r="N622329" s="10"/>
    </row>
    <row r="622330" spans="14:14">
      <c r="N622330" s="10"/>
    </row>
    <row r="622331" spans="14:14">
      <c r="N622331" s="10"/>
    </row>
    <row r="622332" spans="14:14">
      <c r="N622332" s="10"/>
    </row>
    <row r="622333" spans="14:14">
      <c r="N622333" s="10"/>
    </row>
    <row r="622334" spans="14:14">
      <c r="N622334" s="10"/>
    </row>
    <row r="622335" spans="14:14">
      <c r="N622335" s="10"/>
    </row>
    <row r="622336" spans="14:14">
      <c r="N622336" s="10"/>
    </row>
    <row r="622337" spans="14:14">
      <c r="N622337" s="10"/>
    </row>
    <row r="622338" spans="14:14">
      <c r="N622338" s="10"/>
    </row>
    <row r="622339" spans="14:14">
      <c r="N622339" s="10"/>
    </row>
    <row r="622340" spans="14:14">
      <c r="N622340" s="10"/>
    </row>
    <row r="622341" spans="14:14">
      <c r="N622341" s="10"/>
    </row>
    <row r="622342" spans="14:14">
      <c r="N622342" s="10"/>
    </row>
    <row r="622343" spans="14:14">
      <c r="N622343" s="10"/>
    </row>
    <row r="622344" spans="14:14">
      <c r="N622344" s="10"/>
    </row>
    <row r="622345" spans="14:14">
      <c r="N622345" s="10"/>
    </row>
    <row r="622346" spans="14:14">
      <c r="N622346" s="10"/>
    </row>
    <row r="622347" spans="14:14">
      <c r="N622347" s="10"/>
    </row>
    <row r="622348" spans="14:14">
      <c r="N622348" s="10"/>
    </row>
    <row r="622349" spans="14:14">
      <c r="N622349" s="10"/>
    </row>
    <row r="622350" spans="14:14">
      <c r="N622350" s="10"/>
    </row>
    <row r="622351" spans="14:14">
      <c r="N622351" s="10"/>
    </row>
    <row r="622352" spans="14:14">
      <c r="N622352" s="10"/>
    </row>
    <row r="622353" spans="14:14">
      <c r="N622353" s="10"/>
    </row>
    <row r="622354" spans="14:14">
      <c r="N622354" s="10"/>
    </row>
    <row r="622355" spans="14:14">
      <c r="N622355" s="10"/>
    </row>
    <row r="622356" spans="14:14">
      <c r="N622356" s="10"/>
    </row>
    <row r="622357" spans="14:14">
      <c r="N622357" s="10"/>
    </row>
    <row r="622358" spans="14:14">
      <c r="N622358" s="10"/>
    </row>
    <row r="622359" spans="14:14">
      <c r="N622359" s="10"/>
    </row>
    <row r="622360" spans="14:14">
      <c r="N622360" s="10"/>
    </row>
    <row r="622361" spans="14:14">
      <c r="N622361" s="10"/>
    </row>
    <row r="622362" spans="14:14">
      <c r="N622362" s="10"/>
    </row>
    <row r="622363" spans="14:14">
      <c r="N622363" s="10"/>
    </row>
    <row r="622364" spans="14:14">
      <c r="N622364" s="10"/>
    </row>
    <row r="622365" spans="14:14">
      <c r="N622365" s="10"/>
    </row>
    <row r="622366" spans="14:14">
      <c r="N622366" s="10"/>
    </row>
    <row r="622367" spans="14:14">
      <c r="N622367" s="10"/>
    </row>
    <row r="622368" spans="14:14">
      <c r="N622368" s="10"/>
    </row>
    <row r="622369" spans="14:14">
      <c r="N622369" s="10"/>
    </row>
    <row r="622370" spans="14:14">
      <c r="N622370" s="10"/>
    </row>
    <row r="622371" spans="14:14">
      <c r="N622371" s="10"/>
    </row>
    <row r="622372" spans="14:14">
      <c r="N622372" s="10"/>
    </row>
    <row r="622373" spans="14:14">
      <c r="N622373" s="10"/>
    </row>
    <row r="622374" spans="14:14">
      <c r="N622374" s="10"/>
    </row>
    <row r="622375" spans="14:14">
      <c r="N622375" s="10"/>
    </row>
    <row r="622376" spans="14:14">
      <c r="N622376" s="10"/>
    </row>
    <row r="622377" spans="14:14">
      <c r="N622377" s="10"/>
    </row>
    <row r="622378" spans="14:14">
      <c r="N622378" s="10"/>
    </row>
    <row r="622379" spans="14:14">
      <c r="N622379" s="10"/>
    </row>
    <row r="622380" spans="14:14">
      <c r="N622380" s="10"/>
    </row>
    <row r="622381" spans="14:14">
      <c r="N622381" s="10"/>
    </row>
    <row r="622382" spans="14:14">
      <c r="N622382" s="10"/>
    </row>
    <row r="622383" spans="14:14">
      <c r="N622383" s="10"/>
    </row>
    <row r="622384" spans="14:14">
      <c r="N622384" s="10"/>
    </row>
    <row r="622385" spans="14:14">
      <c r="N622385" s="10"/>
    </row>
    <row r="622386" spans="14:14">
      <c r="N622386" s="10"/>
    </row>
    <row r="622387" spans="14:14">
      <c r="N622387" s="10"/>
    </row>
    <row r="622388" spans="14:14">
      <c r="N622388" s="10"/>
    </row>
    <row r="622389" spans="14:14">
      <c r="N622389" s="10"/>
    </row>
    <row r="622390" spans="14:14">
      <c r="N622390" s="10"/>
    </row>
    <row r="622391" spans="14:14">
      <c r="N622391" s="10"/>
    </row>
    <row r="622392" spans="14:14">
      <c r="N622392" s="10"/>
    </row>
    <row r="622393" spans="14:14">
      <c r="N622393" s="10"/>
    </row>
    <row r="622394" spans="14:14">
      <c r="N622394" s="10"/>
    </row>
    <row r="622395" spans="14:14">
      <c r="N622395" s="10"/>
    </row>
    <row r="622396" spans="14:14">
      <c r="N622396" s="10"/>
    </row>
    <row r="622397" spans="14:14">
      <c r="N622397" s="10"/>
    </row>
    <row r="622398" spans="14:14">
      <c r="N622398" s="10"/>
    </row>
    <row r="622399" spans="14:14">
      <c r="N622399" s="10"/>
    </row>
    <row r="622400" spans="14:14">
      <c r="N622400" s="10"/>
    </row>
    <row r="622401" spans="14:14">
      <c r="N622401" s="10"/>
    </row>
    <row r="622402" spans="14:14">
      <c r="N622402" s="10"/>
    </row>
    <row r="622403" spans="14:14">
      <c r="N622403" s="10"/>
    </row>
    <row r="622404" spans="14:14">
      <c r="N622404" s="10"/>
    </row>
    <row r="622405" spans="14:14">
      <c r="N622405" s="10"/>
    </row>
    <row r="622406" spans="14:14">
      <c r="N622406" s="10"/>
    </row>
    <row r="622407" spans="14:14">
      <c r="N622407" s="10"/>
    </row>
    <row r="622408" spans="14:14">
      <c r="N622408" s="10"/>
    </row>
    <row r="622409" spans="14:14">
      <c r="N622409" s="10"/>
    </row>
    <row r="622410" spans="14:14">
      <c r="N622410" s="10"/>
    </row>
    <row r="622411" spans="14:14">
      <c r="N622411" s="10"/>
    </row>
    <row r="622412" spans="14:14">
      <c r="N622412" s="10"/>
    </row>
    <row r="622413" spans="14:14">
      <c r="N622413" s="10"/>
    </row>
    <row r="622414" spans="14:14">
      <c r="N622414" s="10"/>
    </row>
    <row r="622415" spans="14:14">
      <c r="N622415" s="10"/>
    </row>
    <row r="622416" spans="14:14">
      <c r="N622416" s="10"/>
    </row>
    <row r="622417" spans="14:14">
      <c r="N622417" s="10"/>
    </row>
    <row r="622418" spans="14:14">
      <c r="N622418" s="10"/>
    </row>
    <row r="622419" spans="14:14">
      <c r="N622419" s="10"/>
    </row>
    <row r="622420" spans="14:14">
      <c r="N622420" s="10"/>
    </row>
    <row r="622421" spans="14:14">
      <c r="N622421" s="10"/>
    </row>
    <row r="622422" spans="14:14">
      <c r="N622422" s="10"/>
    </row>
    <row r="622423" spans="14:14">
      <c r="N622423" s="10"/>
    </row>
    <row r="622424" spans="14:14">
      <c r="N622424" s="10"/>
    </row>
    <row r="622425" spans="14:14">
      <c r="N622425" s="10"/>
    </row>
    <row r="622426" spans="14:14">
      <c r="N622426" s="10"/>
    </row>
    <row r="622427" spans="14:14">
      <c r="N622427" s="10"/>
    </row>
    <row r="622428" spans="14:14">
      <c r="N622428" s="10"/>
    </row>
    <row r="622429" spans="14:14">
      <c r="N622429" s="10"/>
    </row>
    <row r="622430" spans="14:14">
      <c r="N622430" s="10"/>
    </row>
    <row r="622431" spans="14:14">
      <c r="N622431" s="10"/>
    </row>
    <row r="622432" spans="14:14">
      <c r="N622432" s="10"/>
    </row>
    <row r="622433" spans="14:14">
      <c r="N622433" s="10"/>
    </row>
    <row r="622434" spans="14:14">
      <c r="N622434" s="10"/>
    </row>
    <row r="622435" spans="14:14">
      <c r="N622435" s="10"/>
    </row>
    <row r="622436" spans="14:14">
      <c r="N622436" s="10"/>
    </row>
    <row r="622437" spans="14:14">
      <c r="N622437" s="10"/>
    </row>
    <row r="622438" spans="14:14">
      <c r="N622438" s="10"/>
    </row>
    <row r="622439" spans="14:14">
      <c r="N622439" s="10"/>
    </row>
    <row r="622440" spans="14:14">
      <c r="N622440" s="10"/>
    </row>
    <row r="622441" spans="14:14">
      <c r="N622441" s="10"/>
    </row>
    <row r="622442" spans="14:14">
      <c r="N622442" s="10"/>
    </row>
    <row r="622443" spans="14:14">
      <c r="N622443" s="10"/>
    </row>
    <row r="622444" spans="14:14">
      <c r="N622444" s="10"/>
    </row>
    <row r="622445" spans="14:14">
      <c r="N622445" s="10"/>
    </row>
    <row r="622446" spans="14:14">
      <c r="N622446" s="10"/>
    </row>
    <row r="622447" spans="14:14">
      <c r="N622447" s="10"/>
    </row>
    <row r="622448" spans="14:14">
      <c r="N622448" s="10"/>
    </row>
    <row r="622449" spans="14:14">
      <c r="N622449" s="10"/>
    </row>
    <row r="622450" spans="14:14">
      <c r="N622450" s="10"/>
    </row>
    <row r="622451" spans="14:14">
      <c r="N622451" s="10"/>
    </row>
    <row r="622452" spans="14:14">
      <c r="N622452" s="10"/>
    </row>
    <row r="622453" spans="14:14">
      <c r="N622453" s="10"/>
    </row>
    <row r="622454" spans="14:14">
      <c r="N622454" s="10"/>
    </row>
    <row r="622455" spans="14:14">
      <c r="N622455" s="10"/>
    </row>
    <row r="622456" spans="14:14">
      <c r="N622456" s="10"/>
    </row>
    <row r="622457" spans="14:14">
      <c r="N622457" s="10"/>
    </row>
    <row r="622458" spans="14:14">
      <c r="N622458" s="10"/>
    </row>
    <row r="622459" spans="14:14">
      <c r="N622459" s="10"/>
    </row>
    <row r="622460" spans="14:14">
      <c r="N622460" s="10"/>
    </row>
    <row r="622461" spans="14:14">
      <c r="N622461" s="10"/>
    </row>
    <row r="622462" spans="14:14">
      <c r="N622462" s="10"/>
    </row>
    <row r="622463" spans="14:14">
      <c r="N622463" s="10"/>
    </row>
    <row r="622464" spans="14:14">
      <c r="N622464" s="10"/>
    </row>
    <row r="622465" spans="14:14">
      <c r="N622465" s="10"/>
    </row>
    <row r="622466" spans="14:14">
      <c r="N622466" s="10"/>
    </row>
    <row r="622467" spans="14:14">
      <c r="N622467" s="10"/>
    </row>
    <row r="622468" spans="14:14">
      <c r="N622468" s="10"/>
    </row>
    <row r="622469" spans="14:14">
      <c r="N622469" s="10"/>
    </row>
    <row r="622470" spans="14:14">
      <c r="N622470" s="10"/>
    </row>
    <row r="622471" spans="14:14">
      <c r="N622471" s="10"/>
    </row>
    <row r="622472" spans="14:14">
      <c r="N622472" s="10"/>
    </row>
    <row r="622473" spans="14:14">
      <c r="N622473" s="10"/>
    </row>
    <row r="622474" spans="14:14">
      <c r="N622474" s="10"/>
    </row>
    <row r="622475" spans="14:14">
      <c r="N622475" s="10"/>
    </row>
    <row r="622476" spans="14:14">
      <c r="N622476" s="10"/>
    </row>
    <row r="622477" spans="14:14">
      <c r="N622477" s="10"/>
    </row>
    <row r="622478" spans="14:14">
      <c r="N622478" s="10"/>
    </row>
    <row r="622479" spans="14:14">
      <c r="N622479" s="10"/>
    </row>
    <row r="622480" spans="14:14">
      <c r="N622480" s="10"/>
    </row>
    <row r="622481" spans="14:14">
      <c r="N622481" s="10"/>
    </row>
    <row r="622482" spans="14:14">
      <c r="N622482" s="10"/>
    </row>
    <row r="622483" spans="14:14">
      <c r="N622483" s="10"/>
    </row>
    <row r="622484" spans="14:14">
      <c r="N622484" s="10"/>
    </row>
    <row r="622485" spans="14:14">
      <c r="N622485" s="10"/>
    </row>
    <row r="622486" spans="14:14">
      <c r="N622486" s="10"/>
    </row>
    <row r="622487" spans="14:14">
      <c r="N622487" s="10"/>
    </row>
    <row r="622488" spans="14:14">
      <c r="N622488" s="10"/>
    </row>
    <row r="622489" spans="14:14">
      <c r="N622489" s="10"/>
    </row>
    <row r="622490" spans="14:14">
      <c r="N622490" s="10"/>
    </row>
    <row r="622491" spans="14:14">
      <c r="N622491" s="10"/>
    </row>
    <row r="622492" spans="14:14">
      <c r="N622492" s="10"/>
    </row>
    <row r="622493" spans="14:14">
      <c r="N622493" s="10"/>
    </row>
    <row r="622494" spans="14:14">
      <c r="N622494" s="10"/>
    </row>
    <row r="622495" spans="14:14">
      <c r="N622495" s="10"/>
    </row>
    <row r="622496" spans="14:14">
      <c r="N622496" s="10"/>
    </row>
    <row r="622497" spans="14:14">
      <c r="N622497" s="10"/>
    </row>
    <row r="622498" spans="14:14">
      <c r="N622498" s="10"/>
    </row>
    <row r="622499" spans="14:14">
      <c r="N622499" s="10"/>
    </row>
    <row r="622500" spans="14:14">
      <c r="N622500" s="10"/>
    </row>
    <row r="622501" spans="14:14">
      <c r="N622501" s="10"/>
    </row>
    <row r="622502" spans="14:14">
      <c r="N622502" s="10"/>
    </row>
    <row r="622503" spans="14:14">
      <c r="N622503" s="10"/>
    </row>
    <row r="622504" spans="14:14">
      <c r="N622504" s="10"/>
    </row>
    <row r="622505" spans="14:14">
      <c r="N622505" s="10"/>
    </row>
    <row r="622506" spans="14:14">
      <c r="N622506" s="10"/>
    </row>
    <row r="622507" spans="14:14">
      <c r="N622507" s="10"/>
    </row>
    <row r="622508" spans="14:14">
      <c r="N622508" s="10"/>
    </row>
    <row r="622509" spans="14:14">
      <c r="N622509" s="10"/>
    </row>
    <row r="622510" spans="14:14">
      <c r="N622510" s="10"/>
    </row>
    <row r="622511" spans="14:14">
      <c r="N622511" s="10"/>
    </row>
    <row r="622512" spans="14:14">
      <c r="N622512" s="10"/>
    </row>
    <row r="622513" spans="14:14">
      <c r="N622513" s="10"/>
    </row>
    <row r="622514" spans="14:14">
      <c r="N622514" s="10"/>
    </row>
    <row r="622515" spans="14:14">
      <c r="N622515" s="10"/>
    </row>
    <row r="622516" spans="14:14">
      <c r="N622516" s="10"/>
    </row>
    <row r="622517" spans="14:14">
      <c r="N622517" s="10"/>
    </row>
    <row r="622518" spans="14:14">
      <c r="N622518" s="10"/>
    </row>
    <row r="622519" spans="14:14">
      <c r="N622519" s="10"/>
    </row>
    <row r="622520" spans="14:14">
      <c r="N622520" s="10"/>
    </row>
    <row r="622521" spans="14:14">
      <c r="N622521" s="10"/>
    </row>
    <row r="622522" spans="14:14">
      <c r="N622522" s="10"/>
    </row>
    <row r="622523" spans="14:14">
      <c r="N622523" s="10"/>
    </row>
    <row r="622524" spans="14:14">
      <c r="N622524" s="10"/>
    </row>
    <row r="622525" spans="14:14">
      <c r="N622525" s="10"/>
    </row>
    <row r="622526" spans="14:14">
      <c r="N622526" s="10"/>
    </row>
    <row r="622527" spans="14:14">
      <c r="N622527" s="10"/>
    </row>
    <row r="622528" spans="14:14">
      <c r="N622528" s="10"/>
    </row>
    <row r="622529" spans="14:14">
      <c r="N622529" s="10"/>
    </row>
    <row r="622530" spans="14:14">
      <c r="N622530" s="10"/>
    </row>
    <row r="622531" spans="14:14">
      <c r="N622531" s="10"/>
    </row>
    <row r="622532" spans="14:14">
      <c r="N622532" s="10"/>
    </row>
    <row r="622533" spans="14:14">
      <c r="N622533" s="10"/>
    </row>
    <row r="622534" spans="14:14">
      <c r="N622534" s="10"/>
    </row>
    <row r="622535" spans="14:14">
      <c r="N622535" s="10"/>
    </row>
    <row r="622536" spans="14:14">
      <c r="N622536" s="10"/>
    </row>
    <row r="622537" spans="14:14">
      <c r="N622537" s="10"/>
    </row>
    <row r="622538" spans="14:14">
      <c r="N622538" s="10"/>
    </row>
    <row r="622539" spans="14:14">
      <c r="N622539" s="10"/>
    </row>
    <row r="622540" spans="14:14">
      <c r="N622540" s="10"/>
    </row>
    <row r="622541" spans="14:14">
      <c r="N622541" s="10"/>
    </row>
    <row r="622542" spans="14:14">
      <c r="N622542" s="10"/>
    </row>
    <row r="622543" spans="14:14">
      <c r="N622543" s="10"/>
    </row>
    <row r="622544" spans="14:14">
      <c r="N622544" s="10"/>
    </row>
    <row r="622545" spans="14:14">
      <c r="N622545" s="10"/>
    </row>
    <row r="622546" spans="14:14">
      <c r="N622546" s="10"/>
    </row>
    <row r="622547" spans="14:14">
      <c r="N622547" s="10"/>
    </row>
    <row r="622548" spans="14:14">
      <c r="N622548" s="10"/>
    </row>
    <row r="622549" spans="14:14">
      <c r="N622549" s="10"/>
    </row>
    <row r="622550" spans="14:14">
      <c r="N622550" s="10"/>
    </row>
    <row r="622551" spans="14:14">
      <c r="N622551" s="10"/>
    </row>
    <row r="622552" spans="14:14">
      <c r="N622552" s="10"/>
    </row>
    <row r="622553" spans="14:14">
      <c r="N622553" s="10"/>
    </row>
    <row r="622554" spans="14:14">
      <c r="N622554" s="10"/>
    </row>
    <row r="622555" spans="14:14">
      <c r="N622555" s="10"/>
    </row>
    <row r="622556" spans="14:14">
      <c r="N622556" s="10"/>
    </row>
    <row r="622557" spans="14:14">
      <c r="N622557" s="10"/>
    </row>
    <row r="622558" spans="14:14">
      <c r="N622558" s="10"/>
    </row>
    <row r="622559" spans="14:14">
      <c r="N622559" s="10"/>
    </row>
    <row r="622560" spans="14:14">
      <c r="N622560" s="10"/>
    </row>
    <row r="622561" spans="14:14">
      <c r="N622561" s="10"/>
    </row>
    <row r="622562" spans="14:14">
      <c r="N622562" s="10"/>
    </row>
    <row r="622563" spans="14:14">
      <c r="N622563" s="10"/>
    </row>
    <row r="622564" spans="14:14">
      <c r="N622564" s="10"/>
    </row>
    <row r="622565" spans="14:14">
      <c r="N622565" s="10"/>
    </row>
    <row r="622566" spans="14:14">
      <c r="N622566" s="10"/>
    </row>
    <row r="622567" spans="14:14">
      <c r="N622567" s="10"/>
    </row>
    <row r="622568" spans="14:14">
      <c r="N622568" s="10"/>
    </row>
    <row r="622569" spans="14:14">
      <c r="N622569" s="10"/>
    </row>
    <row r="622570" spans="14:14">
      <c r="N622570" s="10"/>
    </row>
    <row r="622571" spans="14:14">
      <c r="N622571" s="10"/>
    </row>
    <row r="622572" spans="14:14">
      <c r="N622572" s="10"/>
    </row>
    <row r="622573" spans="14:14">
      <c r="N622573" s="10"/>
    </row>
    <row r="622574" spans="14:14">
      <c r="N622574" s="10"/>
    </row>
    <row r="622575" spans="14:14">
      <c r="N622575" s="10"/>
    </row>
    <row r="622576" spans="14:14">
      <c r="N622576" s="10"/>
    </row>
    <row r="622577" spans="14:14">
      <c r="N622577" s="10"/>
    </row>
    <row r="622578" spans="14:14">
      <c r="N622578" s="10"/>
    </row>
    <row r="622579" spans="14:14">
      <c r="N622579" s="10"/>
    </row>
    <row r="622580" spans="14:14">
      <c r="N622580" s="10"/>
    </row>
    <row r="622581" spans="14:14">
      <c r="N622581" s="10"/>
    </row>
    <row r="622582" spans="14:14">
      <c r="N622582" s="10"/>
    </row>
    <row r="622583" spans="14:14">
      <c r="N622583" s="10"/>
    </row>
    <row r="622584" spans="14:14">
      <c r="N622584" s="10"/>
    </row>
    <row r="622585" spans="14:14">
      <c r="N622585" s="10"/>
    </row>
    <row r="622586" spans="14:14">
      <c r="N622586" s="10"/>
    </row>
    <row r="622587" spans="14:14">
      <c r="N622587" s="10"/>
    </row>
    <row r="622588" spans="14:14">
      <c r="N622588" s="10"/>
    </row>
    <row r="622589" spans="14:14">
      <c r="N622589" s="10"/>
    </row>
    <row r="622590" spans="14:14">
      <c r="N622590" s="10"/>
    </row>
    <row r="622591" spans="14:14">
      <c r="N622591" s="10"/>
    </row>
    <row r="622592" spans="14:14">
      <c r="N622592" s="10"/>
    </row>
    <row r="622593" spans="14:14">
      <c r="N622593" s="10"/>
    </row>
    <row r="622594" spans="14:14">
      <c r="N622594" s="10"/>
    </row>
    <row r="622595" spans="14:14">
      <c r="N622595" s="10"/>
    </row>
    <row r="622596" spans="14:14">
      <c r="N622596" s="10"/>
    </row>
    <row r="622597" spans="14:14">
      <c r="N622597" s="10"/>
    </row>
    <row r="622598" spans="14:14">
      <c r="N622598" s="10"/>
    </row>
    <row r="622599" spans="14:14">
      <c r="N622599" s="10"/>
    </row>
    <row r="622600" spans="14:14">
      <c r="N622600" s="10"/>
    </row>
    <row r="622601" spans="14:14">
      <c r="N622601" s="10"/>
    </row>
    <row r="622602" spans="14:14">
      <c r="N622602" s="10"/>
    </row>
    <row r="622603" spans="14:14">
      <c r="N622603" s="10"/>
    </row>
    <row r="622604" spans="14:14">
      <c r="N622604" s="10"/>
    </row>
    <row r="622605" spans="14:14">
      <c r="N622605" s="10"/>
    </row>
    <row r="622606" spans="14:14">
      <c r="N622606" s="10"/>
    </row>
    <row r="622607" spans="14:14">
      <c r="N622607" s="10"/>
    </row>
    <row r="622608" spans="14:14">
      <c r="N622608" s="10"/>
    </row>
    <row r="622609" spans="14:14">
      <c r="N622609" s="10"/>
    </row>
    <row r="622610" spans="14:14">
      <c r="N622610" s="10"/>
    </row>
    <row r="622611" spans="14:14">
      <c r="N622611" s="10"/>
    </row>
    <row r="622612" spans="14:14">
      <c r="N622612" s="10"/>
    </row>
    <row r="622613" spans="14:14">
      <c r="N622613" s="10"/>
    </row>
    <row r="622614" spans="14:14">
      <c r="N622614" s="10"/>
    </row>
    <row r="622615" spans="14:14">
      <c r="N622615" s="10"/>
    </row>
    <row r="622616" spans="14:14">
      <c r="N622616" s="10"/>
    </row>
    <row r="622617" spans="14:14">
      <c r="N622617" s="10"/>
    </row>
    <row r="622618" spans="14:14">
      <c r="N622618" s="10"/>
    </row>
    <row r="622619" spans="14:14">
      <c r="N622619" s="10"/>
    </row>
    <row r="622620" spans="14:14">
      <c r="N622620" s="10"/>
    </row>
    <row r="622621" spans="14:14">
      <c r="N622621" s="10"/>
    </row>
    <row r="622622" spans="14:14">
      <c r="N622622" s="10"/>
    </row>
    <row r="622623" spans="14:14">
      <c r="N622623" s="10"/>
    </row>
    <row r="622624" spans="14:14">
      <c r="N622624" s="10"/>
    </row>
    <row r="622625" spans="14:14">
      <c r="N622625" s="10"/>
    </row>
    <row r="622626" spans="14:14">
      <c r="N622626" s="10"/>
    </row>
    <row r="622627" spans="14:14">
      <c r="N622627" s="10"/>
    </row>
    <row r="622628" spans="14:14">
      <c r="N622628" s="10"/>
    </row>
    <row r="622629" spans="14:14">
      <c r="N622629" s="10"/>
    </row>
    <row r="622630" spans="14:14">
      <c r="N622630" s="10"/>
    </row>
    <row r="622631" spans="14:14">
      <c r="N622631" s="10"/>
    </row>
    <row r="622632" spans="14:14">
      <c r="N622632" s="10"/>
    </row>
    <row r="622633" spans="14:14">
      <c r="N622633" s="10"/>
    </row>
    <row r="622634" spans="14:14">
      <c r="N622634" s="10"/>
    </row>
    <row r="622635" spans="14:14">
      <c r="N622635" s="10"/>
    </row>
    <row r="622636" spans="14:14">
      <c r="N622636" s="10"/>
    </row>
    <row r="622637" spans="14:14">
      <c r="N622637" s="10"/>
    </row>
    <row r="622638" spans="14:14">
      <c r="N622638" s="10"/>
    </row>
    <row r="622639" spans="14:14">
      <c r="N622639" s="10"/>
    </row>
    <row r="622640" spans="14:14">
      <c r="N622640" s="10"/>
    </row>
    <row r="622641" spans="14:14">
      <c r="N622641" s="10"/>
    </row>
    <row r="622642" spans="14:14">
      <c r="N622642" s="10"/>
    </row>
    <row r="622643" spans="14:14">
      <c r="N622643" s="10"/>
    </row>
    <row r="622644" spans="14:14">
      <c r="N622644" s="10"/>
    </row>
    <row r="622645" spans="14:14">
      <c r="N622645" s="10"/>
    </row>
    <row r="622646" spans="14:14">
      <c r="N622646" s="10"/>
    </row>
    <row r="622647" spans="14:14">
      <c r="N622647" s="10"/>
    </row>
    <row r="622648" spans="14:14">
      <c r="N622648" s="10"/>
    </row>
    <row r="622649" spans="14:14">
      <c r="N622649" s="10"/>
    </row>
    <row r="622650" spans="14:14">
      <c r="N622650" s="10"/>
    </row>
    <row r="622651" spans="14:14">
      <c r="N622651" s="10"/>
    </row>
    <row r="622652" spans="14:14">
      <c r="N622652" s="10"/>
    </row>
    <row r="622653" spans="14:14">
      <c r="N622653" s="10"/>
    </row>
    <row r="622654" spans="14:14">
      <c r="N622654" s="10"/>
    </row>
    <row r="622655" spans="14:14">
      <c r="N622655" s="10"/>
    </row>
    <row r="622656" spans="14:14">
      <c r="N622656" s="10"/>
    </row>
    <row r="622657" spans="14:14">
      <c r="N622657" s="10"/>
    </row>
    <row r="622658" spans="14:14">
      <c r="N622658" s="10"/>
    </row>
    <row r="622659" spans="14:14">
      <c r="N622659" s="10"/>
    </row>
    <row r="622660" spans="14:14">
      <c r="N622660" s="10"/>
    </row>
    <row r="622661" spans="14:14">
      <c r="N622661" s="10"/>
    </row>
    <row r="622662" spans="14:14">
      <c r="N622662" s="10"/>
    </row>
    <row r="622663" spans="14:14">
      <c r="N622663" s="10"/>
    </row>
    <row r="622664" spans="14:14">
      <c r="N622664" s="10"/>
    </row>
    <row r="622665" spans="14:14">
      <c r="N622665" s="10"/>
    </row>
    <row r="622666" spans="14:14">
      <c r="N622666" s="10"/>
    </row>
    <row r="622667" spans="14:14">
      <c r="N622667" s="10"/>
    </row>
    <row r="622668" spans="14:14">
      <c r="N622668" s="10"/>
    </row>
    <row r="622669" spans="14:14">
      <c r="N622669" s="10"/>
    </row>
    <row r="622670" spans="14:14">
      <c r="N622670" s="10"/>
    </row>
    <row r="622671" spans="14:14">
      <c r="N622671" s="10"/>
    </row>
    <row r="622672" spans="14:14">
      <c r="N622672" s="10"/>
    </row>
    <row r="622673" spans="14:14">
      <c r="N622673" s="10"/>
    </row>
    <row r="622674" spans="14:14">
      <c r="N622674" s="10"/>
    </row>
    <row r="622675" spans="14:14">
      <c r="N622675" s="10"/>
    </row>
    <row r="622676" spans="14:14">
      <c r="N622676" s="10"/>
    </row>
    <row r="622677" spans="14:14">
      <c r="N622677" s="10"/>
    </row>
    <row r="622678" spans="14:14">
      <c r="N622678" s="10"/>
    </row>
    <row r="622679" spans="14:14">
      <c r="N622679" s="10"/>
    </row>
    <row r="622680" spans="14:14">
      <c r="N622680" s="10"/>
    </row>
    <row r="622681" spans="14:14">
      <c r="N622681" s="10"/>
    </row>
    <row r="622682" spans="14:14">
      <c r="N622682" s="10"/>
    </row>
    <row r="622683" spans="14:14">
      <c r="N622683" s="10"/>
    </row>
    <row r="622684" spans="14:14">
      <c r="N622684" s="10"/>
    </row>
    <row r="622685" spans="14:14">
      <c r="N622685" s="10"/>
    </row>
    <row r="622686" spans="14:14">
      <c r="N622686" s="10"/>
    </row>
    <row r="622687" spans="14:14">
      <c r="N622687" s="10"/>
    </row>
    <row r="622688" spans="14:14">
      <c r="N622688" s="10"/>
    </row>
    <row r="622689" spans="14:14">
      <c r="N622689" s="10"/>
    </row>
    <row r="622690" spans="14:14">
      <c r="N622690" s="10"/>
    </row>
    <row r="622691" spans="14:14">
      <c r="N622691" s="10"/>
    </row>
    <row r="622692" spans="14:14">
      <c r="N622692" s="10"/>
    </row>
    <row r="622693" spans="14:14">
      <c r="N622693" s="10"/>
    </row>
    <row r="622694" spans="14:14">
      <c r="N622694" s="10"/>
    </row>
    <row r="622695" spans="14:14">
      <c r="N622695" s="10"/>
    </row>
    <row r="622696" spans="14:14">
      <c r="N622696" s="10"/>
    </row>
    <row r="622697" spans="14:14">
      <c r="N622697" s="10"/>
    </row>
    <row r="622698" spans="14:14">
      <c r="N622698" s="10"/>
    </row>
    <row r="622699" spans="14:14">
      <c r="N622699" s="10"/>
    </row>
    <row r="622700" spans="14:14">
      <c r="N622700" s="10"/>
    </row>
    <row r="622701" spans="14:14">
      <c r="N622701" s="10"/>
    </row>
    <row r="622702" spans="14:14">
      <c r="N622702" s="10"/>
    </row>
    <row r="622703" spans="14:14">
      <c r="N622703" s="10"/>
    </row>
    <row r="622704" spans="14:14">
      <c r="N622704" s="10"/>
    </row>
    <row r="622705" spans="14:14">
      <c r="N622705" s="10"/>
    </row>
    <row r="622706" spans="14:14">
      <c r="N622706" s="10"/>
    </row>
    <row r="622707" spans="14:14">
      <c r="N622707" s="10"/>
    </row>
    <row r="622708" spans="14:14">
      <c r="N622708" s="10"/>
    </row>
    <row r="622709" spans="14:14">
      <c r="N622709" s="10"/>
    </row>
    <row r="622710" spans="14:14">
      <c r="N622710" s="10"/>
    </row>
    <row r="622711" spans="14:14">
      <c r="N622711" s="10"/>
    </row>
    <row r="622712" spans="14:14">
      <c r="N622712" s="10"/>
    </row>
    <row r="622713" spans="14:14">
      <c r="N622713" s="10"/>
    </row>
    <row r="622714" spans="14:14">
      <c r="N622714" s="10"/>
    </row>
    <row r="622715" spans="14:14">
      <c r="N622715" s="10"/>
    </row>
    <row r="622716" spans="14:14">
      <c r="N622716" s="10"/>
    </row>
    <row r="622717" spans="14:14">
      <c r="N622717" s="10"/>
    </row>
    <row r="622718" spans="14:14">
      <c r="N622718" s="10"/>
    </row>
    <row r="622719" spans="14:14">
      <c r="N622719" s="10"/>
    </row>
    <row r="622720" spans="14:14">
      <c r="N622720" s="10"/>
    </row>
    <row r="622721" spans="14:14">
      <c r="N622721" s="10"/>
    </row>
    <row r="622722" spans="14:14">
      <c r="N622722" s="10"/>
    </row>
    <row r="622723" spans="14:14">
      <c r="N622723" s="10"/>
    </row>
    <row r="622724" spans="14:14">
      <c r="N622724" s="10"/>
    </row>
    <row r="622725" spans="14:14">
      <c r="N622725" s="10"/>
    </row>
    <row r="622726" spans="14:14">
      <c r="N622726" s="10"/>
    </row>
    <row r="622727" spans="14:14">
      <c r="N622727" s="10"/>
    </row>
    <row r="622728" spans="14:14">
      <c r="N622728" s="10"/>
    </row>
    <row r="622729" spans="14:14">
      <c r="N622729" s="10"/>
    </row>
    <row r="622730" spans="14:14">
      <c r="N622730" s="10"/>
    </row>
    <row r="622731" spans="14:14">
      <c r="N622731" s="10"/>
    </row>
    <row r="622732" spans="14:14">
      <c r="N622732" s="10"/>
    </row>
    <row r="622733" spans="14:14">
      <c r="N622733" s="10"/>
    </row>
    <row r="622734" spans="14:14">
      <c r="N622734" s="10"/>
    </row>
    <row r="622735" spans="14:14">
      <c r="N622735" s="10"/>
    </row>
    <row r="622736" spans="14:14">
      <c r="N622736" s="10"/>
    </row>
    <row r="622737" spans="14:14">
      <c r="N622737" s="10"/>
    </row>
    <row r="622738" spans="14:14">
      <c r="N622738" s="10"/>
    </row>
    <row r="622739" spans="14:14">
      <c r="N622739" s="10"/>
    </row>
    <row r="622740" spans="14:14">
      <c r="N622740" s="10"/>
    </row>
    <row r="622741" spans="14:14">
      <c r="N622741" s="10"/>
    </row>
    <row r="622742" spans="14:14">
      <c r="N622742" s="10"/>
    </row>
    <row r="622743" spans="14:14">
      <c r="N622743" s="10"/>
    </row>
    <row r="622744" spans="14:14">
      <c r="N622744" s="10"/>
    </row>
    <row r="622745" spans="14:14">
      <c r="N622745" s="10"/>
    </row>
    <row r="622746" spans="14:14">
      <c r="N622746" s="10"/>
    </row>
    <row r="622747" spans="14:14">
      <c r="N622747" s="10"/>
    </row>
    <row r="622748" spans="14:14">
      <c r="N622748" s="10"/>
    </row>
    <row r="622749" spans="14:14">
      <c r="N622749" s="10"/>
    </row>
    <row r="622750" spans="14:14">
      <c r="N622750" s="10"/>
    </row>
    <row r="622751" spans="14:14">
      <c r="N622751" s="10"/>
    </row>
    <row r="622752" spans="14:14">
      <c r="N622752" s="10"/>
    </row>
    <row r="622753" spans="14:14">
      <c r="N622753" s="10"/>
    </row>
    <row r="622754" spans="14:14">
      <c r="N622754" s="10"/>
    </row>
    <row r="622755" spans="14:14">
      <c r="N622755" s="10"/>
    </row>
    <row r="622756" spans="14:14">
      <c r="N622756" s="10"/>
    </row>
    <row r="622757" spans="14:14">
      <c r="N622757" s="10"/>
    </row>
    <row r="622758" spans="14:14">
      <c r="N622758" s="10"/>
    </row>
    <row r="622759" spans="14:14">
      <c r="N622759" s="10"/>
    </row>
    <row r="622760" spans="14:14">
      <c r="N622760" s="10"/>
    </row>
    <row r="622761" spans="14:14">
      <c r="N622761" s="10"/>
    </row>
    <row r="622762" spans="14:14">
      <c r="N622762" s="10"/>
    </row>
    <row r="622763" spans="14:14">
      <c r="N622763" s="10"/>
    </row>
    <row r="622764" spans="14:14">
      <c r="N622764" s="10"/>
    </row>
    <row r="622765" spans="14:14">
      <c r="N622765" s="10"/>
    </row>
    <row r="622766" spans="14:14">
      <c r="N622766" s="10"/>
    </row>
    <row r="622767" spans="14:14">
      <c r="N622767" s="10"/>
    </row>
    <row r="622768" spans="14:14">
      <c r="N622768" s="10"/>
    </row>
    <row r="622769" spans="14:14">
      <c r="N622769" s="10"/>
    </row>
    <row r="622770" spans="14:14">
      <c r="N622770" s="10"/>
    </row>
    <row r="622771" spans="14:14">
      <c r="N622771" s="10"/>
    </row>
    <row r="622772" spans="14:14">
      <c r="N622772" s="10"/>
    </row>
    <row r="622773" spans="14:14">
      <c r="N622773" s="10"/>
    </row>
    <row r="622774" spans="14:14">
      <c r="N622774" s="10"/>
    </row>
    <row r="622775" spans="14:14">
      <c r="N622775" s="10"/>
    </row>
    <row r="622776" spans="14:14">
      <c r="N622776" s="10"/>
    </row>
    <row r="622777" spans="14:14">
      <c r="N622777" s="10"/>
    </row>
    <row r="622778" spans="14:14">
      <c r="N622778" s="10"/>
    </row>
    <row r="622779" spans="14:14">
      <c r="N622779" s="10"/>
    </row>
    <row r="622780" spans="14:14">
      <c r="N622780" s="10"/>
    </row>
    <row r="622781" spans="14:14">
      <c r="N622781" s="10"/>
    </row>
    <row r="622782" spans="14:14">
      <c r="N622782" s="10"/>
    </row>
    <row r="622783" spans="14:14">
      <c r="N622783" s="10"/>
    </row>
    <row r="622784" spans="14:14">
      <c r="N622784" s="10"/>
    </row>
    <row r="622785" spans="14:14">
      <c r="N622785" s="10"/>
    </row>
    <row r="622786" spans="14:14">
      <c r="N622786" s="10"/>
    </row>
    <row r="622787" spans="14:14">
      <c r="N622787" s="10"/>
    </row>
    <row r="622788" spans="14:14">
      <c r="N622788" s="10"/>
    </row>
    <row r="622789" spans="14:14">
      <c r="N622789" s="10"/>
    </row>
    <row r="622790" spans="14:14">
      <c r="N622790" s="10"/>
    </row>
    <row r="622791" spans="14:14">
      <c r="N622791" s="10"/>
    </row>
    <row r="622792" spans="14:14">
      <c r="N622792" s="10"/>
    </row>
    <row r="622793" spans="14:14">
      <c r="N622793" s="10"/>
    </row>
    <row r="622794" spans="14:14">
      <c r="N622794" s="10"/>
    </row>
    <row r="622795" spans="14:14">
      <c r="N622795" s="10"/>
    </row>
    <row r="622796" spans="14:14">
      <c r="N622796" s="10"/>
    </row>
    <row r="622797" spans="14:14">
      <c r="N622797" s="10"/>
    </row>
    <row r="622798" spans="14:14">
      <c r="N622798" s="10"/>
    </row>
    <row r="622799" spans="14:14">
      <c r="N622799" s="10"/>
    </row>
    <row r="622800" spans="14:14">
      <c r="N622800" s="10"/>
    </row>
    <row r="622801" spans="14:14">
      <c r="N622801" s="10"/>
    </row>
    <row r="622802" spans="14:14">
      <c r="N622802" s="10"/>
    </row>
    <row r="622803" spans="14:14">
      <c r="N622803" s="10"/>
    </row>
    <row r="622804" spans="14:14">
      <c r="N622804" s="10"/>
    </row>
    <row r="622805" spans="14:14">
      <c r="N622805" s="10"/>
    </row>
    <row r="622806" spans="14:14">
      <c r="N622806" s="10"/>
    </row>
    <row r="622807" spans="14:14">
      <c r="N622807" s="10"/>
    </row>
    <row r="622808" spans="14:14">
      <c r="N622808" s="10"/>
    </row>
    <row r="622809" spans="14:14">
      <c r="N622809" s="10"/>
    </row>
    <row r="622810" spans="14:14">
      <c r="N622810" s="10"/>
    </row>
    <row r="622811" spans="14:14">
      <c r="N622811" s="10"/>
    </row>
    <row r="622812" spans="14:14">
      <c r="N622812" s="10"/>
    </row>
    <row r="622813" spans="14:14">
      <c r="N622813" s="10"/>
    </row>
    <row r="622814" spans="14:14">
      <c r="N622814" s="10"/>
    </row>
    <row r="622815" spans="14:14">
      <c r="N622815" s="10"/>
    </row>
    <row r="622816" spans="14:14">
      <c r="N622816" s="10"/>
    </row>
    <row r="622817" spans="14:14">
      <c r="N622817" s="10"/>
    </row>
    <row r="622818" spans="14:14">
      <c r="N622818" s="10"/>
    </row>
    <row r="622819" spans="14:14">
      <c r="N622819" s="10"/>
    </row>
    <row r="622820" spans="14:14">
      <c r="N622820" s="10"/>
    </row>
    <row r="622821" spans="14:14">
      <c r="N622821" s="10"/>
    </row>
    <row r="622822" spans="14:14">
      <c r="N622822" s="10"/>
    </row>
    <row r="622823" spans="14:14">
      <c r="N622823" s="10"/>
    </row>
    <row r="622824" spans="14:14">
      <c r="N622824" s="10"/>
    </row>
    <row r="622825" spans="14:14">
      <c r="N622825" s="10"/>
    </row>
    <row r="622826" spans="14:14">
      <c r="N622826" s="10"/>
    </row>
    <row r="622827" spans="14:14">
      <c r="N622827" s="10"/>
    </row>
    <row r="622828" spans="14:14">
      <c r="N622828" s="10"/>
    </row>
    <row r="622829" spans="14:14">
      <c r="N622829" s="10"/>
    </row>
    <row r="622830" spans="14:14">
      <c r="N622830" s="10"/>
    </row>
    <row r="622831" spans="14:14">
      <c r="N622831" s="10"/>
    </row>
    <row r="622832" spans="14:14">
      <c r="N622832" s="10"/>
    </row>
    <row r="622833" spans="14:14">
      <c r="N622833" s="10"/>
    </row>
    <row r="622834" spans="14:14">
      <c r="N622834" s="10"/>
    </row>
    <row r="622835" spans="14:14">
      <c r="N622835" s="10"/>
    </row>
    <row r="622836" spans="14:14">
      <c r="N622836" s="10"/>
    </row>
    <row r="622837" spans="14:14">
      <c r="N622837" s="10"/>
    </row>
    <row r="622838" spans="14:14">
      <c r="N622838" s="10"/>
    </row>
    <row r="622839" spans="14:14">
      <c r="N622839" s="10"/>
    </row>
    <row r="622840" spans="14:14">
      <c r="N622840" s="10"/>
    </row>
    <row r="622841" spans="14:14">
      <c r="N622841" s="10"/>
    </row>
    <row r="622842" spans="14:14">
      <c r="N622842" s="10"/>
    </row>
    <row r="622843" spans="14:14">
      <c r="N622843" s="10"/>
    </row>
    <row r="622844" spans="14:14">
      <c r="N622844" s="10"/>
    </row>
    <row r="622845" spans="14:14">
      <c r="N622845" s="10"/>
    </row>
    <row r="622846" spans="14:14">
      <c r="N622846" s="10"/>
    </row>
    <row r="622847" spans="14:14">
      <c r="N622847" s="10"/>
    </row>
    <row r="622848" spans="14:14">
      <c r="N622848" s="10"/>
    </row>
    <row r="622849" spans="14:14">
      <c r="N622849" s="10"/>
    </row>
    <row r="622850" spans="14:14">
      <c r="N622850" s="10"/>
    </row>
    <row r="622851" spans="14:14">
      <c r="N622851" s="10"/>
    </row>
    <row r="622852" spans="14:14">
      <c r="N622852" s="10"/>
    </row>
    <row r="622853" spans="14:14">
      <c r="N622853" s="10"/>
    </row>
    <row r="622854" spans="14:14">
      <c r="N622854" s="10"/>
    </row>
    <row r="622855" spans="14:14">
      <c r="N622855" s="10"/>
    </row>
    <row r="622856" spans="14:14">
      <c r="N622856" s="10"/>
    </row>
    <row r="622857" spans="14:14">
      <c r="N622857" s="10"/>
    </row>
    <row r="622858" spans="14:14">
      <c r="N622858" s="10"/>
    </row>
    <row r="622859" spans="14:14">
      <c r="N622859" s="10"/>
    </row>
    <row r="622860" spans="14:14">
      <c r="N622860" s="10"/>
    </row>
    <row r="622861" spans="14:14">
      <c r="N622861" s="10"/>
    </row>
    <row r="622862" spans="14:14">
      <c r="N622862" s="10"/>
    </row>
    <row r="622863" spans="14:14">
      <c r="N622863" s="10"/>
    </row>
    <row r="622864" spans="14:14">
      <c r="N622864" s="10"/>
    </row>
    <row r="622865" spans="14:14">
      <c r="N622865" s="10"/>
    </row>
    <row r="622866" spans="14:14">
      <c r="N622866" s="10"/>
    </row>
    <row r="622867" spans="14:14">
      <c r="N622867" s="10"/>
    </row>
    <row r="622868" spans="14:14">
      <c r="N622868" s="10"/>
    </row>
    <row r="622869" spans="14:14">
      <c r="N622869" s="10"/>
    </row>
    <row r="622870" spans="14:14">
      <c r="N622870" s="10"/>
    </row>
    <row r="622871" spans="14:14">
      <c r="N622871" s="10"/>
    </row>
    <row r="622872" spans="14:14">
      <c r="N622872" s="10"/>
    </row>
    <row r="622873" spans="14:14">
      <c r="N622873" s="10"/>
    </row>
    <row r="622874" spans="14:14">
      <c r="N622874" s="10"/>
    </row>
    <row r="622875" spans="14:14">
      <c r="N622875" s="10"/>
    </row>
    <row r="622876" spans="14:14">
      <c r="N622876" s="10"/>
    </row>
    <row r="622877" spans="14:14">
      <c r="N622877" s="10"/>
    </row>
    <row r="622878" spans="14:14">
      <c r="N622878" s="10"/>
    </row>
    <row r="622879" spans="14:14">
      <c r="N622879" s="10"/>
    </row>
    <row r="622880" spans="14:14">
      <c r="N622880" s="10"/>
    </row>
    <row r="622881" spans="14:14">
      <c r="N622881" s="10"/>
    </row>
    <row r="622882" spans="14:14">
      <c r="N622882" s="10"/>
    </row>
    <row r="622883" spans="14:14">
      <c r="N622883" s="10"/>
    </row>
    <row r="622884" spans="14:14">
      <c r="N622884" s="10"/>
    </row>
    <row r="622885" spans="14:14">
      <c r="N622885" s="10"/>
    </row>
    <row r="622886" spans="14:14">
      <c r="N622886" s="10"/>
    </row>
    <row r="622887" spans="14:14">
      <c r="N622887" s="10"/>
    </row>
    <row r="622888" spans="14:14">
      <c r="N622888" s="10"/>
    </row>
    <row r="622889" spans="14:14">
      <c r="N622889" s="10"/>
    </row>
    <row r="622890" spans="14:14">
      <c r="N622890" s="10"/>
    </row>
    <row r="622891" spans="14:14">
      <c r="N622891" s="10"/>
    </row>
    <row r="622892" spans="14:14">
      <c r="N622892" s="10"/>
    </row>
    <row r="622893" spans="14:14">
      <c r="N622893" s="10"/>
    </row>
    <row r="622894" spans="14:14">
      <c r="N622894" s="10"/>
    </row>
    <row r="622895" spans="14:14">
      <c r="N622895" s="10"/>
    </row>
    <row r="622896" spans="14:14">
      <c r="N622896" s="10"/>
    </row>
    <row r="622897" spans="14:14">
      <c r="N622897" s="10"/>
    </row>
    <row r="622898" spans="14:14">
      <c r="N622898" s="10"/>
    </row>
    <row r="622899" spans="14:14">
      <c r="N622899" s="10"/>
    </row>
    <row r="622900" spans="14:14">
      <c r="N622900" s="10"/>
    </row>
    <row r="622901" spans="14:14">
      <c r="N622901" s="10"/>
    </row>
    <row r="622902" spans="14:14">
      <c r="N622902" s="10"/>
    </row>
    <row r="622903" spans="14:14">
      <c r="N622903" s="10"/>
    </row>
    <row r="622904" spans="14:14">
      <c r="N622904" s="10"/>
    </row>
    <row r="622905" spans="14:14">
      <c r="N622905" s="10"/>
    </row>
    <row r="622906" spans="14:14">
      <c r="N622906" s="10"/>
    </row>
    <row r="622907" spans="14:14">
      <c r="N622907" s="10"/>
    </row>
    <row r="622908" spans="14:14">
      <c r="N622908" s="10"/>
    </row>
    <row r="622909" spans="14:14">
      <c r="N622909" s="10"/>
    </row>
    <row r="622910" spans="14:14">
      <c r="N622910" s="10"/>
    </row>
    <row r="622911" spans="14:14">
      <c r="N622911" s="10"/>
    </row>
    <row r="622912" spans="14:14">
      <c r="N622912" s="10"/>
    </row>
    <row r="622913" spans="14:14">
      <c r="N622913" s="10"/>
    </row>
    <row r="622914" spans="14:14">
      <c r="N622914" s="10"/>
    </row>
    <row r="622915" spans="14:14">
      <c r="N622915" s="10"/>
    </row>
    <row r="622916" spans="14:14">
      <c r="N622916" s="10"/>
    </row>
    <row r="622917" spans="14:14">
      <c r="N622917" s="10"/>
    </row>
    <row r="622918" spans="14:14">
      <c r="N622918" s="10"/>
    </row>
    <row r="622919" spans="14:14">
      <c r="N622919" s="10"/>
    </row>
    <row r="622920" spans="14:14">
      <c r="N622920" s="10"/>
    </row>
    <row r="622921" spans="14:14">
      <c r="N622921" s="10"/>
    </row>
    <row r="622922" spans="14:14">
      <c r="N622922" s="10"/>
    </row>
    <row r="622923" spans="14:14">
      <c r="N622923" s="10"/>
    </row>
    <row r="622924" spans="14:14">
      <c r="N622924" s="10"/>
    </row>
    <row r="622925" spans="14:14">
      <c r="N622925" s="10"/>
    </row>
    <row r="622926" spans="14:14">
      <c r="N622926" s="10"/>
    </row>
    <row r="622927" spans="14:14">
      <c r="N622927" s="10"/>
    </row>
    <row r="622928" spans="14:14">
      <c r="N622928" s="10"/>
    </row>
    <row r="622929" spans="14:14">
      <c r="N622929" s="10"/>
    </row>
    <row r="622930" spans="14:14">
      <c r="N622930" s="10"/>
    </row>
    <row r="622931" spans="14:14">
      <c r="N622931" s="10"/>
    </row>
    <row r="622932" spans="14:14">
      <c r="N622932" s="10"/>
    </row>
    <row r="622933" spans="14:14">
      <c r="N622933" s="10"/>
    </row>
    <row r="622934" spans="14:14">
      <c r="N622934" s="10"/>
    </row>
    <row r="622935" spans="14:14">
      <c r="N622935" s="10"/>
    </row>
    <row r="622936" spans="14:14">
      <c r="N622936" s="10"/>
    </row>
    <row r="622937" spans="14:14">
      <c r="N622937" s="10"/>
    </row>
    <row r="622938" spans="14:14">
      <c r="N622938" s="10"/>
    </row>
    <row r="622939" spans="14:14">
      <c r="N622939" s="10"/>
    </row>
    <row r="622940" spans="14:14">
      <c r="N622940" s="10"/>
    </row>
    <row r="622941" spans="14:14">
      <c r="N622941" s="10"/>
    </row>
    <row r="622942" spans="14:14">
      <c r="N622942" s="10"/>
    </row>
    <row r="622943" spans="14:14">
      <c r="N622943" s="10"/>
    </row>
    <row r="622944" spans="14:14">
      <c r="N622944" s="10"/>
    </row>
    <row r="622945" spans="14:14">
      <c r="N622945" s="10"/>
    </row>
    <row r="622946" spans="14:14">
      <c r="N622946" s="10"/>
    </row>
    <row r="622947" spans="14:14">
      <c r="N622947" s="10"/>
    </row>
    <row r="622948" spans="14:14">
      <c r="N622948" s="10"/>
    </row>
    <row r="622949" spans="14:14">
      <c r="N622949" s="10"/>
    </row>
    <row r="622950" spans="14:14">
      <c r="N622950" s="10"/>
    </row>
    <row r="622951" spans="14:14">
      <c r="N622951" s="10"/>
    </row>
    <row r="622952" spans="14:14">
      <c r="N622952" s="10"/>
    </row>
    <row r="622953" spans="14:14">
      <c r="N622953" s="10"/>
    </row>
    <row r="622954" spans="14:14">
      <c r="N622954" s="10"/>
    </row>
    <row r="622955" spans="14:14">
      <c r="N622955" s="10"/>
    </row>
    <row r="622956" spans="14:14">
      <c r="N622956" s="10"/>
    </row>
    <row r="622957" spans="14:14">
      <c r="N622957" s="10"/>
    </row>
    <row r="622958" spans="14:14">
      <c r="N622958" s="10"/>
    </row>
    <row r="622959" spans="14:14">
      <c r="N622959" s="10"/>
    </row>
    <row r="622960" spans="14:14">
      <c r="N622960" s="10"/>
    </row>
    <row r="622961" spans="14:14">
      <c r="N622961" s="10"/>
    </row>
    <row r="622962" spans="14:14">
      <c r="N622962" s="10"/>
    </row>
    <row r="622963" spans="14:14">
      <c r="N622963" s="10"/>
    </row>
    <row r="622964" spans="14:14">
      <c r="N622964" s="10"/>
    </row>
    <row r="622965" spans="14:14">
      <c r="N622965" s="10"/>
    </row>
    <row r="622966" spans="14:14">
      <c r="N622966" s="10"/>
    </row>
    <row r="622967" spans="14:14">
      <c r="N622967" s="10"/>
    </row>
    <row r="622968" spans="14:14">
      <c r="N622968" s="10"/>
    </row>
    <row r="622969" spans="14:14">
      <c r="N622969" s="10"/>
    </row>
    <row r="622970" spans="14:14">
      <c r="N622970" s="10"/>
    </row>
    <row r="622971" spans="14:14">
      <c r="N622971" s="10"/>
    </row>
    <row r="622972" spans="14:14">
      <c r="N622972" s="10"/>
    </row>
    <row r="622973" spans="14:14">
      <c r="N622973" s="10"/>
    </row>
    <row r="622974" spans="14:14">
      <c r="N622974" s="10"/>
    </row>
    <row r="622975" spans="14:14">
      <c r="N622975" s="10"/>
    </row>
    <row r="622976" spans="14:14">
      <c r="N622976" s="10"/>
    </row>
    <row r="622977" spans="14:14">
      <c r="N622977" s="10"/>
    </row>
    <row r="622978" spans="14:14">
      <c r="N622978" s="10"/>
    </row>
    <row r="622979" spans="14:14">
      <c r="N622979" s="10"/>
    </row>
    <row r="622980" spans="14:14">
      <c r="N622980" s="10"/>
    </row>
    <row r="622981" spans="14:14">
      <c r="N622981" s="10"/>
    </row>
    <row r="622982" spans="14:14">
      <c r="N622982" s="10"/>
    </row>
    <row r="622983" spans="14:14">
      <c r="N622983" s="10"/>
    </row>
    <row r="622984" spans="14:14">
      <c r="N622984" s="10"/>
    </row>
    <row r="622985" spans="14:14">
      <c r="N622985" s="10"/>
    </row>
    <row r="622986" spans="14:14">
      <c r="N622986" s="10"/>
    </row>
    <row r="622987" spans="14:14">
      <c r="N622987" s="10"/>
    </row>
    <row r="622988" spans="14:14">
      <c r="N622988" s="10"/>
    </row>
    <row r="622989" spans="14:14">
      <c r="N622989" s="10"/>
    </row>
    <row r="622990" spans="14:14">
      <c r="N622990" s="10"/>
    </row>
    <row r="622991" spans="14:14">
      <c r="N622991" s="10"/>
    </row>
    <row r="622992" spans="14:14">
      <c r="N622992" s="10"/>
    </row>
    <row r="622993" spans="14:14">
      <c r="N622993" s="10"/>
    </row>
    <row r="622994" spans="14:14">
      <c r="N622994" s="10"/>
    </row>
    <row r="622995" spans="14:14">
      <c r="N622995" s="10"/>
    </row>
    <row r="622996" spans="14:14">
      <c r="N622996" s="10"/>
    </row>
    <row r="622997" spans="14:14">
      <c r="N622997" s="10"/>
    </row>
    <row r="622998" spans="14:14">
      <c r="N622998" s="10"/>
    </row>
    <row r="622999" spans="14:14">
      <c r="N622999" s="10"/>
    </row>
    <row r="623000" spans="14:14">
      <c r="N623000" s="10"/>
    </row>
    <row r="623001" spans="14:14">
      <c r="N623001" s="10"/>
    </row>
    <row r="623002" spans="14:14">
      <c r="N623002" s="10"/>
    </row>
    <row r="623003" spans="14:14">
      <c r="N623003" s="10"/>
    </row>
    <row r="623004" spans="14:14">
      <c r="N623004" s="10"/>
    </row>
    <row r="623005" spans="14:14">
      <c r="N623005" s="10"/>
    </row>
    <row r="623006" spans="14:14">
      <c r="N623006" s="10"/>
    </row>
    <row r="623007" spans="14:14">
      <c r="N623007" s="10"/>
    </row>
    <row r="623008" spans="14:14">
      <c r="N623008" s="10"/>
    </row>
    <row r="623009" spans="14:14">
      <c r="N623009" s="10"/>
    </row>
    <row r="623010" spans="14:14">
      <c r="N623010" s="10"/>
    </row>
    <row r="623011" spans="14:14">
      <c r="N623011" s="10"/>
    </row>
    <row r="623012" spans="14:14">
      <c r="N623012" s="10"/>
    </row>
    <row r="623013" spans="14:14">
      <c r="N623013" s="10"/>
    </row>
    <row r="623014" spans="14:14">
      <c r="N623014" s="10"/>
    </row>
    <row r="623015" spans="14:14">
      <c r="N623015" s="10"/>
    </row>
    <row r="623016" spans="14:14">
      <c r="N623016" s="10"/>
    </row>
    <row r="623017" spans="14:14">
      <c r="N623017" s="10"/>
    </row>
    <row r="623018" spans="14:14">
      <c r="N623018" s="10"/>
    </row>
    <row r="623019" spans="14:14">
      <c r="N623019" s="10"/>
    </row>
    <row r="623020" spans="14:14">
      <c r="N623020" s="10"/>
    </row>
    <row r="623021" spans="14:14">
      <c r="N623021" s="10"/>
    </row>
    <row r="623022" spans="14:14">
      <c r="N623022" s="10"/>
    </row>
    <row r="623023" spans="14:14">
      <c r="N623023" s="10"/>
    </row>
    <row r="623024" spans="14:14">
      <c r="N623024" s="10"/>
    </row>
    <row r="623025" spans="14:14">
      <c r="N623025" s="10"/>
    </row>
    <row r="623026" spans="14:14">
      <c r="N623026" s="10"/>
    </row>
    <row r="623027" spans="14:14">
      <c r="N623027" s="10"/>
    </row>
    <row r="623028" spans="14:14">
      <c r="N623028" s="10"/>
    </row>
    <row r="623029" spans="14:14">
      <c r="N623029" s="10"/>
    </row>
    <row r="623030" spans="14:14">
      <c r="N623030" s="10"/>
    </row>
    <row r="623031" spans="14:14">
      <c r="N623031" s="10"/>
    </row>
    <row r="623032" spans="14:14">
      <c r="N623032" s="10"/>
    </row>
    <row r="623033" spans="14:14">
      <c r="N623033" s="10"/>
    </row>
    <row r="623034" spans="14:14">
      <c r="N623034" s="10"/>
    </row>
    <row r="623035" spans="14:14">
      <c r="N623035" s="10"/>
    </row>
    <row r="623036" spans="14:14">
      <c r="N623036" s="10"/>
    </row>
    <row r="623037" spans="14:14">
      <c r="N623037" s="10"/>
    </row>
    <row r="623038" spans="14:14">
      <c r="N623038" s="10"/>
    </row>
    <row r="623039" spans="14:14">
      <c r="N623039" s="10"/>
    </row>
    <row r="623040" spans="14:14">
      <c r="N623040" s="10"/>
    </row>
    <row r="623041" spans="14:14">
      <c r="N623041" s="10"/>
    </row>
    <row r="623042" spans="14:14">
      <c r="N623042" s="10"/>
    </row>
    <row r="623043" spans="14:14">
      <c r="N623043" s="10"/>
    </row>
    <row r="623044" spans="14:14">
      <c r="N623044" s="10"/>
    </row>
    <row r="623045" spans="14:14">
      <c r="N623045" s="10"/>
    </row>
    <row r="623046" spans="14:14">
      <c r="N623046" s="10"/>
    </row>
    <row r="623047" spans="14:14">
      <c r="N623047" s="10"/>
    </row>
    <row r="623048" spans="14:14">
      <c r="N623048" s="10"/>
    </row>
    <row r="623049" spans="14:14">
      <c r="N623049" s="10"/>
    </row>
    <row r="623050" spans="14:14">
      <c r="N623050" s="10"/>
    </row>
    <row r="623051" spans="14:14">
      <c r="N623051" s="10"/>
    </row>
    <row r="623052" spans="14:14">
      <c r="N623052" s="10"/>
    </row>
    <row r="623053" spans="14:14">
      <c r="N623053" s="10"/>
    </row>
    <row r="623054" spans="14:14">
      <c r="N623054" s="10"/>
    </row>
    <row r="623055" spans="14:14">
      <c r="N623055" s="10"/>
    </row>
    <row r="623056" spans="14:14">
      <c r="N623056" s="10"/>
    </row>
    <row r="623057" spans="14:14">
      <c r="N623057" s="10"/>
    </row>
    <row r="623058" spans="14:14">
      <c r="N623058" s="10"/>
    </row>
    <row r="623059" spans="14:14">
      <c r="N623059" s="10"/>
    </row>
    <row r="623060" spans="14:14">
      <c r="N623060" s="10"/>
    </row>
    <row r="623061" spans="14:14">
      <c r="N623061" s="10"/>
    </row>
    <row r="623062" spans="14:14">
      <c r="N623062" s="10"/>
    </row>
    <row r="623063" spans="14:14">
      <c r="N623063" s="10"/>
    </row>
    <row r="623064" spans="14:14">
      <c r="N623064" s="10"/>
    </row>
    <row r="623065" spans="14:14">
      <c r="N623065" s="10"/>
    </row>
    <row r="623066" spans="14:14">
      <c r="N623066" s="10"/>
    </row>
    <row r="623067" spans="14:14">
      <c r="N623067" s="10"/>
    </row>
    <row r="623068" spans="14:14">
      <c r="N623068" s="10"/>
    </row>
    <row r="623069" spans="14:14">
      <c r="N623069" s="10"/>
    </row>
    <row r="623070" spans="14:14">
      <c r="N623070" s="10"/>
    </row>
    <row r="623071" spans="14:14">
      <c r="N623071" s="10"/>
    </row>
    <row r="623072" spans="14:14">
      <c r="N623072" s="10"/>
    </row>
    <row r="623073" spans="14:14">
      <c r="N623073" s="10"/>
    </row>
    <row r="623074" spans="14:14">
      <c r="N623074" s="10"/>
    </row>
    <row r="623075" spans="14:14">
      <c r="N623075" s="10"/>
    </row>
    <row r="623076" spans="14:14">
      <c r="N623076" s="10"/>
    </row>
    <row r="623077" spans="14:14">
      <c r="N623077" s="10"/>
    </row>
    <row r="623078" spans="14:14">
      <c r="N623078" s="10"/>
    </row>
    <row r="623079" spans="14:14">
      <c r="N623079" s="10"/>
    </row>
    <row r="623080" spans="14:14">
      <c r="N623080" s="10"/>
    </row>
    <row r="623081" spans="14:14">
      <c r="N623081" s="10"/>
    </row>
    <row r="623082" spans="14:14">
      <c r="N623082" s="10"/>
    </row>
    <row r="623083" spans="14:14">
      <c r="N623083" s="10"/>
    </row>
    <row r="623084" spans="14:14">
      <c r="N623084" s="10"/>
    </row>
    <row r="623085" spans="14:14">
      <c r="N623085" s="10"/>
    </row>
    <row r="623086" spans="14:14">
      <c r="N623086" s="10"/>
    </row>
    <row r="623087" spans="14:14">
      <c r="N623087" s="10"/>
    </row>
    <row r="623088" spans="14:14">
      <c r="N623088" s="10"/>
    </row>
    <row r="623089" spans="14:14">
      <c r="N623089" s="10"/>
    </row>
    <row r="623090" spans="14:14">
      <c r="N623090" s="10"/>
    </row>
    <row r="623091" spans="14:14">
      <c r="N623091" s="10"/>
    </row>
    <row r="623092" spans="14:14">
      <c r="N623092" s="10"/>
    </row>
    <row r="623093" spans="14:14">
      <c r="N623093" s="10"/>
    </row>
    <row r="623094" spans="14:14">
      <c r="N623094" s="10"/>
    </row>
    <row r="623095" spans="14:14">
      <c r="N623095" s="10"/>
    </row>
    <row r="623096" spans="14:14">
      <c r="N623096" s="10"/>
    </row>
    <row r="623097" spans="14:14">
      <c r="N623097" s="10"/>
    </row>
    <row r="623098" spans="14:14">
      <c r="N623098" s="10"/>
    </row>
    <row r="623099" spans="14:14">
      <c r="N623099" s="10"/>
    </row>
    <row r="623100" spans="14:14">
      <c r="N623100" s="10"/>
    </row>
    <row r="623101" spans="14:14">
      <c r="N623101" s="10"/>
    </row>
    <row r="623102" spans="14:14">
      <c r="N623102" s="10"/>
    </row>
    <row r="623103" spans="14:14">
      <c r="N623103" s="10"/>
    </row>
    <row r="623104" spans="14:14">
      <c r="N623104" s="10"/>
    </row>
    <row r="623105" spans="14:14">
      <c r="N623105" s="10"/>
    </row>
    <row r="623106" spans="14:14">
      <c r="N623106" s="10"/>
    </row>
    <row r="623107" spans="14:14">
      <c r="N623107" s="10"/>
    </row>
    <row r="623108" spans="14:14">
      <c r="N623108" s="10"/>
    </row>
    <row r="623109" spans="14:14">
      <c r="N623109" s="10"/>
    </row>
    <row r="623110" spans="14:14">
      <c r="N623110" s="10"/>
    </row>
    <row r="623111" spans="14:14">
      <c r="N623111" s="10"/>
    </row>
    <row r="623112" spans="14:14">
      <c r="N623112" s="10"/>
    </row>
    <row r="623113" spans="14:14">
      <c r="N623113" s="10"/>
    </row>
    <row r="623114" spans="14:14">
      <c r="N623114" s="10"/>
    </row>
    <row r="623115" spans="14:14">
      <c r="N623115" s="10"/>
    </row>
    <row r="623116" spans="14:14">
      <c r="N623116" s="10"/>
    </row>
    <row r="623117" spans="14:14">
      <c r="N623117" s="10"/>
    </row>
    <row r="623118" spans="14:14">
      <c r="N623118" s="10"/>
    </row>
    <row r="623119" spans="14:14">
      <c r="N623119" s="10"/>
    </row>
    <row r="623120" spans="14:14">
      <c r="N623120" s="10"/>
    </row>
    <row r="623121" spans="14:14">
      <c r="N623121" s="10"/>
    </row>
    <row r="623122" spans="14:14">
      <c r="N623122" s="10"/>
    </row>
    <row r="623123" spans="14:14">
      <c r="N623123" s="10"/>
    </row>
    <row r="623124" spans="14:14">
      <c r="N623124" s="10"/>
    </row>
    <row r="623125" spans="14:14">
      <c r="N623125" s="10"/>
    </row>
    <row r="623126" spans="14:14">
      <c r="N623126" s="10"/>
    </row>
    <row r="623127" spans="14:14">
      <c r="N623127" s="10"/>
    </row>
    <row r="623128" spans="14:14">
      <c r="N623128" s="10"/>
    </row>
    <row r="623129" spans="14:14">
      <c r="N623129" s="10"/>
    </row>
    <row r="623130" spans="14:14">
      <c r="N623130" s="10"/>
    </row>
    <row r="623131" spans="14:14">
      <c r="N623131" s="10"/>
    </row>
    <row r="623132" spans="14:14">
      <c r="N623132" s="10"/>
    </row>
    <row r="623133" spans="14:14">
      <c r="N623133" s="10"/>
    </row>
    <row r="623134" spans="14:14">
      <c r="N623134" s="10"/>
    </row>
    <row r="623135" spans="14:14">
      <c r="N623135" s="10"/>
    </row>
    <row r="623136" spans="14:14">
      <c r="N623136" s="10"/>
    </row>
    <row r="623137" spans="14:14">
      <c r="N623137" s="10"/>
    </row>
    <row r="623138" spans="14:14">
      <c r="N623138" s="10"/>
    </row>
    <row r="623139" spans="14:14">
      <c r="N623139" s="10"/>
    </row>
    <row r="623140" spans="14:14">
      <c r="N623140" s="10"/>
    </row>
    <row r="623141" spans="14:14">
      <c r="N623141" s="10"/>
    </row>
    <row r="623142" spans="14:14">
      <c r="N623142" s="10"/>
    </row>
    <row r="623143" spans="14:14">
      <c r="N623143" s="10"/>
    </row>
    <row r="623144" spans="14:14">
      <c r="N623144" s="10"/>
    </row>
    <row r="623145" spans="14:14">
      <c r="N623145" s="10"/>
    </row>
    <row r="623146" spans="14:14">
      <c r="N623146" s="10"/>
    </row>
    <row r="623147" spans="14:14">
      <c r="N623147" s="10"/>
    </row>
    <row r="623148" spans="14:14">
      <c r="N623148" s="10"/>
    </row>
    <row r="623149" spans="14:14">
      <c r="N623149" s="10"/>
    </row>
    <row r="623150" spans="14:14">
      <c r="N623150" s="10"/>
    </row>
    <row r="623151" spans="14:14">
      <c r="N623151" s="10"/>
    </row>
    <row r="623152" spans="14:14">
      <c r="N623152" s="10"/>
    </row>
    <row r="623153" spans="14:14">
      <c r="N623153" s="10"/>
    </row>
    <row r="623154" spans="14:14">
      <c r="N623154" s="10"/>
    </row>
    <row r="623155" spans="14:14">
      <c r="N623155" s="10"/>
    </row>
    <row r="623156" spans="14:14">
      <c r="N623156" s="10"/>
    </row>
    <row r="623157" spans="14:14">
      <c r="N623157" s="10"/>
    </row>
    <row r="623158" spans="14:14">
      <c r="N623158" s="10"/>
    </row>
    <row r="623159" spans="14:14">
      <c r="N623159" s="10"/>
    </row>
    <row r="623160" spans="14:14">
      <c r="N623160" s="10"/>
    </row>
    <row r="623161" spans="14:14">
      <c r="N623161" s="10"/>
    </row>
    <row r="623162" spans="14:14">
      <c r="N623162" s="10"/>
    </row>
    <row r="623163" spans="14:14">
      <c r="N623163" s="10"/>
    </row>
    <row r="623164" spans="14:14">
      <c r="N623164" s="10"/>
    </row>
    <row r="623165" spans="14:14">
      <c r="N623165" s="10"/>
    </row>
    <row r="623166" spans="14:14">
      <c r="N623166" s="10"/>
    </row>
    <row r="623167" spans="14:14">
      <c r="N623167" s="10"/>
    </row>
    <row r="623168" spans="14:14">
      <c r="N623168" s="10"/>
    </row>
    <row r="623169" spans="14:14">
      <c r="N623169" s="10"/>
    </row>
    <row r="623170" spans="14:14">
      <c r="N623170" s="10"/>
    </row>
    <row r="623171" spans="14:14">
      <c r="N623171" s="10"/>
    </row>
    <row r="623172" spans="14:14">
      <c r="N623172" s="10"/>
    </row>
    <row r="623173" spans="14:14">
      <c r="N623173" s="10"/>
    </row>
    <row r="623174" spans="14:14">
      <c r="N623174" s="10"/>
    </row>
    <row r="623175" spans="14:14">
      <c r="N623175" s="10"/>
    </row>
    <row r="623176" spans="14:14">
      <c r="N623176" s="10"/>
    </row>
    <row r="623177" spans="14:14">
      <c r="N623177" s="10"/>
    </row>
    <row r="623178" spans="14:14">
      <c r="N623178" s="10"/>
    </row>
    <row r="623179" spans="14:14">
      <c r="N623179" s="10"/>
    </row>
    <row r="623180" spans="14:14">
      <c r="N623180" s="10"/>
    </row>
    <row r="623181" spans="14:14">
      <c r="N623181" s="10"/>
    </row>
    <row r="623182" spans="14:14">
      <c r="N623182" s="10"/>
    </row>
    <row r="623183" spans="14:14">
      <c r="N623183" s="10"/>
    </row>
    <row r="623184" spans="14:14">
      <c r="N623184" s="10"/>
    </row>
    <row r="623185" spans="14:14">
      <c r="N623185" s="10"/>
    </row>
    <row r="623186" spans="14:14">
      <c r="N623186" s="10"/>
    </row>
    <row r="623187" spans="14:14">
      <c r="N623187" s="10"/>
    </row>
    <row r="623188" spans="14:14">
      <c r="N623188" s="10"/>
    </row>
    <row r="623189" spans="14:14">
      <c r="N623189" s="10"/>
    </row>
    <row r="623190" spans="14:14">
      <c r="N623190" s="10"/>
    </row>
    <row r="623191" spans="14:14">
      <c r="N623191" s="10"/>
    </row>
    <row r="623192" spans="14:14">
      <c r="N623192" s="10"/>
    </row>
    <row r="623193" spans="14:14">
      <c r="N623193" s="10"/>
    </row>
    <row r="623194" spans="14:14">
      <c r="N623194" s="10"/>
    </row>
    <row r="623195" spans="14:14">
      <c r="N623195" s="10"/>
    </row>
    <row r="623196" spans="14:14">
      <c r="N623196" s="10"/>
    </row>
    <row r="623197" spans="14:14">
      <c r="N623197" s="10"/>
    </row>
    <row r="623198" spans="14:14">
      <c r="N623198" s="10"/>
    </row>
    <row r="623199" spans="14:14">
      <c r="N623199" s="10"/>
    </row>
    <row r="623200" spans="14:14">
      <c r="N623200" s="10"/>
    </row>
    <row r="623201" spans="14:14">
      <c r="N623201" s="10"/>
    </row>
    <row r="623202" spans="14:14">
      <c r="N623202" s="10"/>
    </row>
    <row r="623203" spans="14:14">
      <c r="N623203" s="10"/>
    </row>
    <row r="623204" spans="14:14">
      <c r="N623204" s="10"/>
    </row>
    <row r="623205" spans="14:14">
      <c r="N623205" s="10"/>
    </row>
    <row r="623206" spans="14:14">
      <c r="N623206" s="10"/>
    </row>
    <row r="623207" spans="14:14">
      <c r="N623207" s="10"/>
    </row>
    <row r="623208" spans="14:14">
      <c r="N623208" s="10"/>
    </row>
    <row r="623209" spans="14:14">
      <c r="N623209" s="10"/>
    </row>
    <row r="623210" spans="14:14">
      <c r="N623210" s="10"/>
    </row>
    <row r="623211" spans="14:14">
      <c r="N623211" s="10"/>
    </row>
    <row r="623212" spans="14:14">
      <c r="N623212" s="10"/>
    </row>
    <row r="623213" spans="14:14">
      <c r="N623213" s="10"/>
    </row>
    <row r="623214" spans="14:14">
      <c r="N623214" s="10"/>
    </row>
    <row r="623215" spans="14:14">
      <c r="N623215" s="10"/>
    </row>
    <row r="623216" spans="14:14">
      <c r="N623216" s="10"/>
    </row>
    <row r="623217" spans="14:14">
      <c r="N623217" s="10"/>
    </row>
    <row r="623218" spans="14:14">
      <c r="N623218" s="10"/>
    </row>
    <row r="623219" spans="14:14">
      <c r="N623219" s="10"/>
    </row>
    <row r="623220" spans="14:14">
      <c r="N623220" s="10"/>
    </row>
    <row r="623221" spans="14:14">
      <c r="N623221" s="10"/>
    </row>
    <row r="623222" spans="14:14">
      <c r="N623222" s="10"/>
    </row>
    <row r="623223" spans="14:14">
      <c r="N623223" s="10"/>
    </row>
    <row r="623224" spans="14:14">
      <c r="N623224" s="10"/>
    </row>
    <row r="623225" spans="14:14">
      <c r="N623225" s="10"/>
    </row>
    <row r="623226" spans="14:14">
      <c r="N623226" s="10"/>
    </row>
    <row r="623227" spans="14:14">
      <c r="N623227" s="10"/>
    </row>
    <row r="623228" spans="14:14">
      <c r="N623228" s="10"/>
    </row>
    <row r="623229" spans="14:14">
      <c r="N623229" s="10"/>
    </row>
    <row r="623230" spans="14:14">
      <c r="N623230" s="10"/>
    </row>
    <row r="623231" spans="14:14">
      <c r="N623231" s="10"/>
    </row>
    <row r="623232" spans="14:14">
      <c r="N623232" s="10"/>
    </row>
    <row r="623233" spans="14:14">
      <c r="N623233" s="10"/>
    </row>
    <row r="623234" spans="14:14">
      <c r="N623234" s="10"/>
    </row>
    <row r="623235" spans="14:14">
      <c r="N623235" s="10"/>
    </row>
    <row r="623236" spans="14:14">
      <c r="N623236" s="10"/>
    </row>
    <row r="623237" spans="14:14">
      <c r="N623237" s="10"/>
    </row>
    <row r="623238" spans="14:14">
      <c r="N623238" s="10"/>
    </row>
    <row r="623239" spans="14:14">
      <c r="N623239" s="10"/>
    </row>
    <row r="623240" spans="14:14">
      <c r="N623240" s="10"/>
    </row>
    <row r="623241" spans="14:14">
      <c r="N623241" s="10"/>
    </row>
    <row r="623242" spans="14:14">
      <c r="N623242" s="10"/>
    </row>
    <row r="623243" spans="14:14">
      <c r="N623243" s="10"/>
    </row>
    <row r="623244" spans="14:14">
      <c r="N623244" s="10"/>
    </row>
    <row r="623245" spans="14:14">
      <c r="N623245" s="10"/>
    </row>
    <row r="623246" spans="14:14">
      <c r="N623246" s="10"/>
    </row>
    <row r="623247" spans="14:14">
      <c r="N623247" s="10"/>
    </row>
    <row r="623248" spans="14:14">
      <c r="N623248" s="10"/>
    </row>
    <row r="623249" spans="14:14">
      <c r="N623249" s="10"/>
    </row>
    <row r="623250" spans="14:14">
      <c r="N623250" s="10"/>
    </row>
    <row r="623251" spans="14:14">
      <c r="N623251" s="10"/>
    </row>
    <row r="623252" spans="14:14">
      <c r="N623252" s="10"/>
    </row>
    <row r="623253" spans="14:14">
      <c r="N623253" s="10"/>
    </row>
    <row r="623254" spans="14:14">
      <c r="N623254" s="10"/>
    </row>
    <row r="623255" spans="14:14">
      <c r="N623255" s="10"/>
    </row>
    <row r="623256" spans="14:14">
      <c r="N623256" s="10"/>
    </row>
    <row r="623257" spans="14:14">
      <c r="N623257" s="10"/>
    </row>
    <row r="623258" spans="14:14">
      <c r="N623258" s="10"/>
    </row>
    <row r="623259" spans="14:14">
      <c r="N623259" s="10"/>
    </row>
    <row r="623260" spans="14:14">
      <c r="N623260" s="10"/>
    </row>
    <row r="623261" spans="14:14">
      <c r="N623261" s="10"/>
    </row>
    <row r="623262" spans="14:14">
      <c r="N623262" s="10"/>
    </row>
    <row r="623263" spans="14:14">
      <c r="N623263" s="10"/>
    </row>
    <row r="623264" spans="14:14">
      <c r="N623264" s="10"/>
    </row>
    <row r="623265" spans="14:14">
      <c r="N623265" s="10"/>
    </row>
    <row r="623266" spans="14:14">
      <c r="N623266" s="10"/>
    </row>
    <row r="623267" spans="14:14">
      <c r="N623267" s="10"/>
    </row>
    <row r="623268" spans="14:14">
      <c r="N623268" s="10"/>
    </row>
    <row r="623269" spans="14:14">
      <c r="N623269" s="10"/>
    </row>
    <row r="623270" spans="14:14">
      <c r="N623270" s="10"/>
    </row>
    <row r="623271" spans="14:14">
      <c r="N623271" s="10"/>
    </row>
    <row r="623272" spans="14:14">
      <c r="N623272" s="10"/>
    </row>
    <row r="623273" spans="14:14">
      <c r="N623273" s="10"/>
    </row>
    <row r="623274" spans="14:14">
      <c r="N623274" s="10"/>
    </row>
    <row r="623275" spans="14:14">
      <c r="N623275" s="10"/>
    </row>
    <row r="623276" spans="14:14">
      <c r="N623276" s="10"/>
    </row>
    <row r="623277" spans="14:14">
      <c r="N623277" s="10"/>
    </row>
    <row r="623278" spans="14:14">
      <c r="N623278" s="10"/>
    </row>
    <row r="623279" spans="14:14">
      <c r="N623279" s="10"/>
    </row>
    <row r="623280" spans="14:14">
      <c r="N623280" s="10"/>
    </row>
    <row r="623281" spans="14:14">
      <c r="N623281" s="10"/>
    </row>
    <row r="623282" spans="14:14">
      <c r="N623282" s="10"/>
    </row>
    <row r="623283" spans="14:14">
      <c r="N623283" s="10"/>
    </row>
    <row r="623284" spans="14:14">
      <c r="N623284" s="10"/>
    </row>
    <row r="623285" spans="14:14">
      <c r="N623285" s="10"/>
    </row>
    <row r="623286" spans="14:14">
      <c r="N623286" s="10"/>
    </row>
    <row r="623287" spans="14:14">
      <c r="N623287" s="10"/>
    </row>
    <row r="623288" spans="14:14">
      <c r="N623288" s="10"/>
    </row>
    <row r="623289" spans="14:14">
      <c r="N623289" s="10"/>
    </row>
    <row r="623290" spans="14:14">
      <c r="N623290" s="10"/>
    </row>
    <row r="623291" spans="14:14">
      <c r="N623291" s="10"/>
    </row>
    <row r="623292" spans="14:14">
      <c r="N623292" s="10"/>
    </row>
    <row r="623293" spans="14:14">
      <c r="N623293" s="10"/>
    </row>
    <row r="623294" spans="14:14">
      <c r="N623294" s="10"/>
    </row>
    <row r="623295" spans="14:14">
      <c r="N623295" s="10"/>
    </row>
    <row r="623296" spans="14:14">
      <c r="N623296" s="10"/>
    </row>
    <row r="623297" spans="14:14">
      <c r="N623297" s="10"/>
    </row>
    <row r="623298" spans="14:14">
      <c r="N623298" s="10"/>
    </row>
    <row r="623299" spans="14:14">
      <c r="N623299" s="10"/>
    </row>
    <row r="623300" spans="14:14">
      <c r="N623300" s="10"/>
    </row>
    <row r="623301" spans="14:14">
      <c r="N623301" s="10"/>
    </row>
    <row r="623302" spans="14:14">
      <c r="N623302" s="10"/>
    </row>
    <row r="623303" spans="14:14">
      <c r="N623303" s="10"/>
    </row>
    <row r="623304" spans="14:14">
      <c r="N623304" s="10"/>
    </row>
    <row r="623305" spans="14:14">
      <c r="N623305" s="10"/>
    </row>
    <row r="623306" spans="14:14">
      <c r="N623306" s="10"/>
    </row>
    <row r="623307" spans="14:14">
      <c r="N623307" s="10"/>
    </row>
    <row r="623308" spans="14:14">
      <c r="N623308" s="10"/>
    </row>
    <row r="623309" spans="14:14">
      <c r="N623309" s="10"/>
    </row>
    <row r="623310" spans="14:14">
      <c r="N623310" s="10"/>
    </row>
    <row r="623311" spans="14:14">
      <c r="N623311" s="10"/>
    </row>
    <row r="623312" spans="14:14">
      <c r="N623312" s="10"/>
    </row>
    <row r="623313" spans="14:14">
      <c r="N623313" s="10"/>
    </row>
    <row r="623314" spans="14:14">
      <c r="N623314" s="10"/>
    </row>
    <row r="623315" spans="14:14">
      <c r="N623315" s="10"/>
    </row>
    <row r="623316" spans="14:14">
      <c r="N623316" s="10"/>
    </row>
    <row r="623317" spans="14:14">
      <c r="N623317" s="10"/>
    </row>
    <row r="623318" spans="14:14">
      <c r="N623318" s="10"/>
    </row>
    <row r="623319" spans="14:14">
      <c r="N623319" s="10"/>
    </row>
    <row r="623320" spans="14:14">
      <c r="N623320" s="10"/>
    </row>
    <row r="623321" spans="14:14">
      <c r="N623321" s="10"/>
    </row>
    <row r="623322" spans="14:14">
      <c r="N623322" s="10"/>
    </row>
    <row r="623323" spans="14:14">
      <c r="N623323" s="10"/>
    </row>
    <row r="623324" spans="14:14">
      <c r="N623324" s="10"/>
    </row>
    <row r="623325" spans="14:14">
      <c r="N623325" s="10"/>
    </row>
    <row r="623326" spans="14:14">
      <c r="N623326" s="10"/>
    </row>
    <row r="623327" spans="14:14">
      <c r="N623327" s="10"/>
    </row>
    <row r="623328" spans="14:14">
      <c r="N623328" s="10"/>
    </row>
    <row r="623329" spans="14:14">
      <c r="N623329" s="10"/>
    </row>
    <row r="623330" spans="14:14">
      <c r="N623330" s="10"/>
    </row>
    <row r="623331" spans="14:14">
      <c r="N623331" s="10"/>
    </row>
    <row r="623332" spans="14:14">
      <c r="N623332" s="10"/>
    </row>
    <row r="623333" spans="14:14">
      <c r="N623333" s="10"/>
    </row>
    <row r="623334" spans="14:14">
      <c r="N623334" s="10"/>
    </row>
    <row r="623335" spans="14:14">
      <c r="N623335" s="10"/>
    </row>
    <row r="623336" spans="14:14">
      <c r="N623336" s="10"/>
    </row>
    <row r="623337" spans="14:14">
      <c r="N623337" s="10"/>
    </row>
    <row r="623338" spans="14:14">
      <c r="N623338" s="10"/>
    </row>
    <row r="623339" spans="14:14">
      <c r="N623339" s="10"/>
    </row>
    <row r="623340" spans="14:14">
      <c r="N623340" s="10"/>
    </row>
    <row r="623341" spans="14:14">
      <c r="N623341" s="10"/>
    </row>
    <row r="623342" spans="14:14">
      <c r="N623342" s="10"/>
    </row>
    <row r="623343" spans="14:14">
      <c r="N623343" s="10"/>
    </row>
    <row r="623344" spans="14:14">
      <c r="N623344" s="10"/>
    </row>
    <row r="623345" spans="14:14">
      <c r="N623345" s="10"/>
    </row>
    <row r="623346" spans="14:14">
      <c r="N623346" s="10"/>
    </row>
    <row r="623347" spans="14:14">
      <c r="N623347" s="10"/>
    </row>
    <row r="623348" spans="14:14">
      <c r="N623348" s="10"/>
    </row>
    <row r="623349" spans="14:14">
      <c r="N623349" s="10"/>
    </row>
    <row r="623350" spans="14:14">
      <c r="N623350" s="10"/>
    </row>
    <row r="623351" spans="14:14">
      <c r="N623351" s="10"/>
    </row>
    <row r="623352" spans="14:14">
      <c r="N623352" s="10"/>
    </row>
    <row r="623353" spans="14:14">
      <c r="N623353" s="10"/>
    </row>
    <row r="623354" spans="14:14">
      <c r="N623354" s="10"/>
    </row>
    <row r="623355" spans="14:14">
      <c r="N623355" s="10"/>
    </row>
    <row r="623356" spans="14:14">
      <c r="N623356" s="10"/>
    </row>
    <row r="623357" spans="14:14">
      <c r="N623357" s="10"/>
    </row>
    <row r="623358" spans="14:14">
      <c r="N623358" s="10"/>
    </row>
    <row r="623359" spans="14:14">
      <c r="N623359" s="10"/>
    </row>
    <row r="623360" spans="14:14">
      <c r="N623360" s="10"/>
    </row>
    <row r="623361" spans="14:14">
      <c r="N623361" s="10"/>
    </row>
    <row r="623362" spans="14:14">
      <c r="N623362" s="10"/>
    </row>
    <row r="623363" spans="14:14">
      <c r="N623363" s="10"/>
    </row>
    <row r="623364" spans="14:14">
      <c r="N623364" s="10"/>
    </row>
    <row r="623365" spans="14:14">
      <c r="N623365" s="10"/>
    </row>
    <row r="623366" spans="14:14">
      <c r="N623366" s="10"/>
    </row>
    <row r="623367" spans="14:14">
      <c r="N623367" s="10"/>
    </row>
    <row r="623368" spans="14:14">
      <c r="N623368" s="10"/>
    </row>
    <row r="623369" spans="14:14">
      <c r="N623369" s="10"/>
    </row>
    <row r="623370" spans="14:14">
      <c r="N623370" s="10"/>
    </row>
    <row r="623371" spans="14:14">
      <c r="N623371" s="10"/>
    </row>
    <row r="623372" spans="14:14">
      <c r="N623372" s="10"/>
    </row>
    <row r="623373" spans="14:14">
      <c r="N623373" s="10"/>
    </row>
    <row r="623374" spans="14:14">
      <c r="N623374" s="10"/>
    </row>
    <row r="623375" spans="14:14">
      <c r="N623375" s="10"/>
    </row>
    <row r="623376" spans="14:14">
      <c r="N623376" s="10"/>
    </row>
    <row r="623377" spans="14:14">
      <c r="N623377" s="10"/>
    </row>
    <row r="623378" spans="14:14">
      <c r="N623378" s="10"/>
    </row>
    <row r="623379" spans="14:14">
      <c r="N623379" s="10"/>
    </row>
    <row r="623380" spans="14:14">
      <c r="N623380" s="10"/>
    </row>
    <row r="623381" spans="14:14">
      <c r="N623381" s="10"/>
    </row>
    <row r="623382" spans="14:14">
      <c r="N623382" s="10"/>
    </row>
    <row r="623383" spans="14:14">
      <c r="N623383" s="10"/>
    </row>
    <row r="623384" spans="14:14">
      <c r="N623384" s="10"/>
    </row>
    <row r="623385" spans="14:14">
      <c r="N623385" s="10"/>
    </row>
    <row r="623386" spans="14:14">
      <c r="N623386" s="10"/>
    </row>
    <row r="623387" spans="14:14">
      <c r="N623387" s="10"/>
    </row>
    <row r="623388" spans="14:14">
      <c r="N623388" s="10"/>
    </row>
    <row r="623389" spans="14:14">
      <c r="N623389" s="10"/>
    </row>
    <row r="623390" spans="14:14">
      <c r="N623390" s="10"/>
    </row>
    <row r="623391" spans="14:14">
      <c r="N623391" s="10"/>
    </row>
    <row r="623392" spans="14:14">
      <c r="N623392" s="10"/>
    </row>
    <row r="623393" spans="14:14">
      <c r="N623393" s="10"/>
    </row>
    <row r="623394" spans="14:14">
      <c r="N623394" s="10"/>
    </row>
    <row r="623395" spans="14:14">
      <c r="N623395" s="10"/>
    </row>
    <row r="623396" spans="14:14">
      <c r="N623396" s="10"/>
    </row>
    <row r="623397" spans="14:14">
      <c r="N623397" s="10"/>
    </row>
    <row r="623398" spans="14:14">
      <c r="N623398" s="10"/>
    </row>
    <row r="623399" spans="14:14">
      <c r="N623399" s="10"/>
    </row>
    <row r="623400" spans="14:14">
      <c r="N623400" s="10"/>
    </row>
    <row r="623401" spans="14:14">
      <c r="N623401" s="10"/>
    </row>
    <row r="623402" spans="14:14">
      <c r="N623402" s="10"/>
    </row>
    <row r="623403" spans="14:14">
      <c r="N623403" s="10"/>
    </row>
    <row r="623404" spans="14:14">
      <c r="N623404" s="10"/>
    </row>
    <row r="623405" spans="14:14">
      <c r="N623405" s="10"/>
    </row>
    <row r="623406" spans="14:14">
      <c r="N623406" s="10"/>
    </row>
    <row r="623407" spans="14:14">
      <c r="N623407" s="10"/>
    </row>
    <row r="623408" spans="14:14">
      <c r="N623408" s="10"/>
    </row>
    <row r="623409" spans="14:14">
      <c r="N623409" s="10"/>
    </row>
    <row r="623410" spans="14:14">
      <c r="N623410" s="10"/>
    </row>
    <row r="623411" spans="14:14">
      <c r="N623411" s="10"/>
    </row>
    <row r="623412" spans="14:14">
      <c r="N623412" s="10"/>
    </row>
    <row r="623413" spans="14:14">
      <c r="N623413" s="10"/>
    </row>
    <row r="623414" spans="14:14">
      <c r="N623414" s="10"/>
    </row>
    <row r="623415" spans="14:14">
      <c r="N623415" s="10"/>
    </row>
    <row r="623416" spans="14:14">
      <c r="N623416" s="10"/>
    </row>
    <row r="623417" spans="14:14">
      <c r="N623417" s="10"/>
    </row>
    <row r="623418" spans="14:14">
      <c r="N623418" s="10"/>
    </row>
    <row r="623419" spans="14:14">
      <c r="N623419" s="10"/>
    </row>
    <row r="623420" spans="14:14">
      <c r="N623420" s="10"/>
    </row>
    <row r="623421" spans="14:14">
      <c r="N623421" s="10"/>
    </row>
    <row r="623422" spans="14:14">
      <c r="N623422" s="10"/>
    </row>
    <row r="623423" spans="14:14">
      <c r="N623423" s="10"/>
    </row>
    <row r="623424" spans="14:14">
      <c r="N623424" s="10"/>
    </row>
    <row r="623425" spans="14:14">
      <c r="N623425" s="10"/>
    </row>
    <row r="623426" spans="14:14">
      <c r="N623426" s="10"/>
    </row>
    <row r="623427" spans="14:14">
      <c r="N623427" s="10"/>
    </row>
    <row r="623428" spans="14:14">
      <c r="N623428" s="10"/>
    </row>
    <row r="623429" spans="14:14">
      <c r="N623429" s="10"/>
    </row>
    <row r="623430" spans="14:14">
      <c r="N623430" s="10"/>
    </row>
    <row r="623431" spans="14:14">
      <c r="N623431" s="10"/>
    </row>
    <row r="623432" spans="14:14">
      <c r="N623432" s="10"/>
    </row>
    <row r="623433" spans="14:14">
      <c r="N623433" s="10"/>
    </row>
    <row r="623434" spans="14:14">
      <c r="N623434" s="10"/>
    </row>
    <row r="623435" spans="14:14">
      <c r="N623435" s="10"/>
    </row>
    <row r="623436" spans="14:14">
      <c r="N623436" s="10"/>
    </row>
    <row r="623437" spans="14:14">
      <c r="N623437" s="10"/>
    </row>
    <row r="623438" spans="14:14">
      <c r="N623438" s="10"/>
    </row>
    <row r="623439" spans="14:14">
      <c r="N623439" s="10"/>
    </row>
    <row r="623440" spans="14:14">
      <c r="N623440" s="10"/>
    </row>
    <row r="623441" spans="14:14">
      <c r="N623441" s="10"/>
    </row>
    <row r="623442" spans="14:14">
      <c r="N623442" s="10"/>
    </row>
    <row r="623443" spans="14:14">
      <c r="N623443" s="10"/>
    </row>
    <row r="623444" spans="14:14">
      <c r="N623444" s="10"/>
    </row>
    <row r="623445" spans="14:14">
      <c r="N623445" s="10"/>
    </row>
    <row r="623446" spans="14:14">
      <c r="N623446" s="10"/>
    </row>
    <row r="623447" spans="14:14">
      <c r="N623447" s="10"/>
    </row>
    <row r="623448" spans="14:14">
      <c r="N623448" s="10"/>
    </row>
    <row r="623449" spans="14:14">
      <c r="N623449" s="10"/>
    </row>
    <row r="623450" spans="14:14">
      <c r="N623450" s="10"/>
    </row>
    <row r="623451" spans="14:14">
      <c r="N623451" s="10"/>
    </row>
    <row r="623452" spans="14:14">
      <c r="N623452" s="10"/>
    </row>
    <row r="623453" spans="14:14">
      <c r="N623453" s="10"/>
    </row>
    <row r="623454" spans="14:14">
      <c r="N623454" s="10"/>
    </row>
    <row r="623455" spans="14:14">
      <c r="N623455" s="10"/>
    </row>
    <row r="623456" spans="14:14">
      <c r="N623456" s="10"/>
    </row>
    <row r="623457" spans="14:14">
      <c r="N623457" s="10"/>
    </row>
    <row r="623458" spans="14:14">
      <c r="N623458" s="10"/>
    </row>
    <row r="623459" spans="14:14">
      <c r="N623459" s="10"/>
    </row>
    <row r="623460" spans="14:14">
      <c r="N623460" s="10"/>
    </row>
    <row r="623461" spans="14:14">
      <c r="N623461" s="10"/>
    </row>
    <row r="623462" spans="14:14">
      <c r="N623462" s="10"/>
    </row>
    <row r="623463" spans="14:14">
      <c r="N623463" s="10"/>
    </row>
    <row r="623464" spans="14:14">
      <c r="N623464" s="10"/>
    </row>
    <row r="623465" spans="14:14">
      <c r="N623465" s="10"/>
    </row>
    <row r="623466" spans="14:14">
      <c r="N623466" s="10"/>
    </row>
    <row r="623467" spans="14:14">
      <c r="N623467" s="10"/>
    </row>
    <row r="623468" spans="14:14">
      <c r="N623468" s="10"/>
    </row>
    <row r="623469" spans="14:14">
      <c r="N623469" s="10"/>
    </row>
    <row r="623470" spans="14:14">
      <c r="N623470" s="10"/>
    </row>
    <row r="623471" spans="14:14">
      <c r="N623471" s="10"/>
    </row>
    <row r="623472" spans="14:14">
      <c r="N623472" s="10"/>
    </row>
    <row r="623473" spans="14:14">
      <c r="N623473" s="10"/>
    </row>
    <row r="623474" spans="14:14">
      <c r="N623474" s="10"/>
    </row>
    <row r="623475" spans="14:14">
      <c r="N623475" s="10"/>
    </row>
    <row r="623476" spans="14:14">
      <c r="N623476" s="10"/>
    </row>
    <row r="623477" spans="14:14">
      <c r="N623477" s="10"/>
    </row>
    <row r="623478" spans="14:14">
      <c r="N623478" s="10"/>
    </row>
    <row r="623479" spans="14:14">
      <c r="N623479" s="10"/>
    </row>
    <row r="623480" spans="14:14">
      <c r="N623480" s="10"/>
    </row>
    <row r="623481" spans="14:14">
      <c r="N623481" s="10"/>
    </row>
    <row r="623482" spans="14:14">
      <c r="N623482" s="10"/>
    </row>
    <row r="623483" spans="14:14">
      <c r="N623483" s="10"/>
    </row>
    <row r="623484" spans="14:14">
      <c r="N623484" s="10"/>
    </row>
    <row r="623485" spans="14:14">
      <c r="N623485" s="10"/>
    </row>
    <row r="623486" spans="14:14">
      <c r="N623486" s="10"/>
    </row>
    <row r="623487" spans="14:14">
      <c r="N623487" s="10"/>
    </row>
    <row r="623488" spans="14:14">
      <c r="N623488" s="10"/>
    </row>
    <row r="623489" spans="14:14">
      <c r="N623489" s="10"/>
    </row>
    <row r="623490" spans="14:14">
      <c r="N623490" s="10"/>
    </row>
    <row r="623491" spans="14:14">
      <c r="N623491" s="10"/>
    </row>
    <row r="623492" spans="14:14">
      <c r="N623492" s="10"/>
    </row>
    <row r="623493" spans="14:14">
      <c r="N623493" s="10"/>
    </row>
    <row r="623494" spans="14:14">
      <c r="N623494" s="10"/>
    </row>
    <row r="623495" spans="14:14">
      <c r="N623495" s="10"/>
    </row>
    <row r="623496" spans="14:14">
      <c r="N623496" s="10"/>
    </row>
    <row r="623497" spans="14:14">
      <c r="N623497" s="10"/>
    </row>
    <row r="623498" spans="14:14">
      <c r="N623498" s="10"/>
    </row>
    <row r="623499" spans="14:14">
      <c r="N623499" s="10"/>
    </row>
    <row r="623500" spans="14:14">
      <c r="N623500" s="10"/>
    </row>
    <row r="623501" spans="14:14">
      <c r="N623501" s="10"/>
    </row>
    <row r="623502" spans="14:14">
      <c r="N623502" s="10"/>
    </row>
    <row r="623503" spans="14:14">
      <c r="N623503" s="10"/>
    </row>
    <row r="623504" spans="14:14">
      <c r="N623504" s="10"/>
    </row>
    <row r="623505" spans="14:14">
      <c r="N623505" s="10"/>
    </row>
    <row r="623506" spans="14:14">
      <c r="N623506" s="10"/>
    </row>
    <row r="623507" spans="14:14">
      <c r="N623507" s="10"/>
    </row>
    <row r="623508" spans="14:14">
      <c r="N623508" s="10"/>
    </row>
    <row r="623509" spans="14:14">
      <c r="N623509" s="10"/>
    </row>
    <row r="623510" spans="14:14">
      <c r="N623510" s="10"/>
    </row>
    <row r="623511" spans="14:14">
      <c r="N623511" s="10"/>
    </row>
    <row r="623512" spans="14:14">
      <c r="N623512" s="10"/>
    </row>
    <row r="623513" spans="14:14">
      <c r="N623513" s="10"/>
    </row>
    <row r="623514" spans="14:14">
      <c r="N623514" s="10"/>
    </row>
    <row r="623515" spans="14:14">
      <c r="N623515" s="10"/>
    </row>
    <row r="623516" spans="14:14">
      <c r="N623516" s="10"/>
    </row>
    <row r="623517" spans="14:14">
      <c r="N623517" s="10"/>
    </row>
    <row r="623518" spans="14:14">
      <c r="N623518" s="10"/>
    </row>
    <row r="623519" spans="14:14">
      <c r="N623519" s="10"/>
    </row>
    <row r="623520" spans="14:14">
      <c r="N623520" s="10"/>
    </row>
    <row r="623521" spans="14:14">
      <c r="N623521" s="10"/>
    </row>
    <row r="623522" spans="14:14">
      <c r="N623522" s="10"/>
    </row>
    <row r="623523" spans="14:14">
      <c r="N623523" s="10"/>
    </row>
    <row r="623524" spans="14:14">
      <c r="N623524" s="10"/>
    </row>
    <row r="623525" spans="14:14">
      <c r="N623525" s="10"/>
    </row>
    <row r="623526" spans="14:14">
      <c r="N623526" s="10"/>
    </row>
    <row r="623527" spans="14:14">
      <c r="N623527" s="10"/>
    </row>
    <row r="623528" spans="14:14">
      <c r="N623528" s="10"/>
    </row>
    <row r="623529" spans="14:14">
      <c r="N623529" s="10"/>
    </row>
    <row r="623530" spans="14:14">
      <c r="N623530" s="10"/>
    </row>
    <row r="623531" spans="14:14">
      <c r="N623531" s="10"/>
    </row>
    <row r="623532" spans="14:14">
      <c r="N623532" s="10"/>
    </row>
    <row r="623533" spans="14:14">
      <c r="N623533" s="10"/>
    </row>
    <row r="623534" spans="14:14">
      <c r="N623534" s="10"/>
    </row>
    <row r="623535" spans="14:14">
      <c r="N623535" s="10"/>
    </row>
    <row r="623536" spans="14:14">
      <c r="N623536" s="10"/>
    </row>
    <row r="623537" spans="14:14">
      <c r="N623537" s="10"/>
    </row>
    <row r="623538" spans="14:14">
      <c r="N623538" s="10"/>
    </row>
    <row r="623539" spans="14:14">
      <c r="N623539" s="10"/>
    </row>
    <row r="623540" spans="14:14">
      <c r="N623540" s="10"/>
    </row>
    <row r="623541" spans="14:14">
      <c r="N623541" s="10"/>
    </row>
    <row r="623542" spans="14:14">
      <c r="N623542" s="10"/>
    </row>
    <row r="623543" spans="14:14">
      <c r="N623543" s="10"/>
    </row>
    <row r="623544" spans="14:14">
      <c r="N623544" s="10"/>
    </row>
    <row r="623545" spans="14:14">
      <c r="N623545" s="10"/>
    </row>
    <row r="623546" spans="14:14">
      <c r="N623546" s="10"/>
    </row>
    <row r="623547" spans="14:14">
      <c r="N623547" s="10"/>
    </row>
    <row r="623548" spans="14:14">
      <c r="N623548" s="10"/>
    </row>
    <row r="623549" spans="14:14">
      <c r="N623549" s="10"/>
    </row>
    <row r="623550" spans="14:14">
      <c r="N623550" s="10"/>
    </row>
    <row r="623551" spans="14:14">
      <c r="N623551" s="10"/>
    </row>
    <row r="623552" spans="14:14">
      <c r="N623552" s="10"/>
    </row>
    <row r="623553" spans="14:14">
      <c r="N623553" s="10"/>
    </row>
    <row r="623554" spans="14:14">
      <c r="N623554" s="10"/>
    </row>
    <row r="623555" spans="14:14">
      <c r="N623555" s="10"/>
    </row>
    <row r="623556" spans="14:14">
      <c r="N623556" s="10"/>
    </row>
    <row r="623557" spans="14:14">
      <c r="N623557" s="10"/>
    </row>
    <row r="623558" spans="14:14">
      <c r="N623558" s="10"/>
    </row>
    <row r="623559" spans="14:14">
      <c r="N623559" s="10"/>
    </row>
    <row r="623560" spans="14:14">
      <c r="N623560" s="10"/>
    </row>
    <row r="623561" spans="14:14">
      <c r="N623561" s="10"/>
    </row>
    <row r="623562" spans="14:14">
      <c r="N623562" s="10"/>
    </row>
    <row r="623563" spans="14:14">
      <c r="N623563" s="10"/>
    </row>
    <row r="623564" spans="14:14">
      <c r="N623564" s="10"/>
    </row>
    <row r="623565" spans="14:14">
      <c r="N623565" s="10"/>
    </row>
    <row r="623566" spans="14:14">
      <c r="N623566" s="10"/>
    </row>
    <row r="623567" spans="14:14">
      <c r="N623567" s="10"/>
    </row>
    <row r="623568" spans="14:14">
      <c r="N623568" s="10"/>
    </row>
    <row r="623569" spans="14:14">
      <c r="N623569" s="10"/>
    </row>
    <row r="623570" spans="14:14">
      <c r="N623570" s="10"/>
    </row>
    <row r="623571" spans="14:14">
      <c r="N623571" s="10"/>
    </row>
    <row r="623572" spans="14:14">
      <c r="N623572" s="10"/>
    </row>
    <row r="623573" spans="14:14">
      <c r="N623573" s="10"/>
    </row>
    <row r="623574" spans="14:14">
      <c r="N623574" s="10"/>
    </row>
    <row r="623575" spans="14:14">
      <c r="N623575" s="10"/>
    </row>
    <row r="623576" spans="14:14">
      <c r="N623576" s="10"/>
    </row>
    <row r="623577" spans="14:14">
      <c r="N623577" s="10"/>
    </row>
    <row r="623578" spans="14:14">
      <c r="N623578" s="10"/>
    </row>
    <row r="623579" spans="14:14">
      <c r="N623579" s="10"/>
    </row>
    <row r="623580" spans="14:14">
      <c r="N623580" s="10"/>
    </row>
    <row r="623581" spans="14:14">
      <c r="N623581" s="10"/>
    </row>
    <row r="623582" spans="14:14">
      <c r="N623582" s="10"/>
    </row>
    <row r="623583" spans="14:14">
      <c r="N623583" s="10"/>
    </row>
    <row r="623584" spans="14:14">
      <c r="N623584" s="10"/>
    </row>
    <row r="623585" spans="14:14">
      <c r="N623585" s="10"/>
    </row>
    <row r="623586" spans="14:14">
      <c r="N623586" s="10"/>
    </row>
    <row r="623587" spans="14:14">
      <c r="N623587" s="10"/>
    </row>
    <row r="623588" spans="14:14">
      <c r="N623588" s="10"/>
    </row>
    <row r="623589" spans="14:14">
      <c r="N623589" s="10"/>
    </row>
    <row r="623590" spans="14:14">
      <c r="N623590" s="10"/>
    </row>
    <row r="623591" spans="14:14">
      <c r="N623591" s="10"/>
    </row>
    <row r="623592" spans="14:14">
      <c r="N623592" s="10"/>
    </row>
    <row r="623593" spans="14:14">
      <c r="N623593" s="10"/>
    </row>
    <row r="623594" spans="14:14">
      <c r="N623594" s="10"/>
    </row>
    <row r="623595" spans="14:14">
      <c r="N623595" s="10"/>
    </row>
    <row r="623596" spans="14:14">
      <c r="N623596" s="10"/>
    </row>
    <row r="623597" spans="14:14">
      <c r="N623597" s="10"/>
    </row>
    <row r="623598" spans="14:14">
      <c r="N623598" s="10"/>
    </row>
    <row r="623599" spans="14:14">
      <c r="N623599" s="10"/>
    </row>
    <row r="623600" spans="14:14">
      <c r="N623600" s="10"/>
    </row>
    <row r="623601" spans="14:14">
      <c r="N623601" s="10"/>
    </row>
    <row r="623602" spans="14:14">
      <c r="N623602" s="10"/>
    </row>
    <row r="623603" spans="14:14">
      <c r="N623603" s="10"/>
    </row>
    <row r="623604" spans="14:14">
      <c r="N623604" s="10"/>
    </row>
    <row r="623605" spans="14:14">
      <c r="N623605" s="10"/>
    </row>
    <row r="623606" spans="14:14">
      <c r="N623606" s="10"/>
    </row>
    <row r="623607" spans="14:14">
      <c r="N623607" s="10"/>
    </row>
    <row r="623608" spans="14:14">
      <c r="N623608" s="10"/>
    </row>
    <row r="623609" spans="14:14">
      <c r="N623609" s="10"/>
    </row>
    <row r="623610" spans="14:14">
      <c r="N623610" s="10"/>
    </row>
    <row r="623611" spans="14:14">
      <c r="N623611" s="10"/>
    </row>
    <row r="623612" spans="14:14">
      <c r="N623612" s="10"/>
    </row>
    <row r="623613" spans="14:14">
      <c r="N623613" s="10"/>
    </row>
    <row r="623614" spans="14:14">
      <c r="N623614" s="10"/>
    </row>
    <row r="623615" spans="14:14">
      <c r="N623615" s="10"/>
    </row>
    <row r="623616" spans="14:14">
      <c r="N623616" s="10"/>
    </row>
    <row r="623617" spans="14:14">
      <c r="N623617" s="10"/>
    </row>
    <row r="623618" spans="14:14">
      <c r="N623618" s="10"/>
    </row>
    <row r="623619" spans="14:14">
      <c r="N623619" s="10"/>
    </row>
    <row r="623620" spans="14:14">
      <c r="N623620" s="10"/>
    </row>
    <row r="623621" spans="14:14">
      <c r="N623621" s="10"/>
    </row>
    <row r="623622" spans="14:14">
      <c r="N623622" s="10"/>
    </row>
    <row r="623623" spans="14:14">
      <c r="N623623" s="10"/>
    </row>
    <row r="623624" spans="14:14">
      <c r="N623624" s="10"/>
    </row>
    <row r="623625" spans="14:14">
      <c r="N623625" s="10"/>
    </row>
    <row r="623626" spans="14:14">
      <c r="N623626" s="10"/>
    </row>
    <row r="623627" spans="14:14">
      <c r="N623627" s="10"/>
    </row>
    <row r="623628" spans="14:14">
      <c r="N623628" s="10"/>
    </row>
    <row r="623629" spans="14:14">
      <c r="N623629" s="10"/>
    </row>
    <row r="623630" spans="14:14">
      <c r="N623630" s="10"/>
    </row>
    <row r="623631" spans="14:14">
      <c r="N623631" s="10"/>
    </row>
    <row r="623632" spans="14:14">
      <c r="N623632" s="10"/>
    </row>
    <row r="623633" spans="14:14">
      <c r="N623633" s="10"/>
    </row>
    <row r="623634" spans="14:14">
      <c r="N623634" s="10"/>
    </row>
    <row r="623635" spans="14:14">
      <c r="N623635" s="10"/>
    </row>
    <row r="623636" spans="14:14">
      <c r="N623636" s="10"/>
    </row>
    <row r="623637" spans="14:14">
      <c r="N623637" s="10"/>
    </row>
    <row r="623638" spans="14:14">
      <c r="N623638" s="10"/>
    </row>
    <row r="623639" spans="14:14">
      <c r="N623639" s="10"/>
    </row>
    <row r="623640" spans="14:14">
      <c r="N623640" s="10"/>
    </row>
    <row r="623641" spans="14:14">
      <c r="N623641" s="10"/>
    </row>
    <row r="623642" spans="14:14">
      <c r="N623642" s="10"/>
    </row>
    <row r="623643" spans="14:14">
      <c r="N623643" s="10"/>
    </row>
    <row r="623644" spans="14:14">
      <c r="N623644" s="10"/>
    </row>
    <row r="623645" spans="14:14">
      <c r="N623645" s="10"/>
    </row>
    <row r="623646" spans="14:14">
      <c r="N623646" s="10"/>
    </row>
    <row r="623647" spans="14:14">
      <c r="N623647" s="10"/>
    </row>
    <row r="623648" spans="14:14">
      <c r="N623648" s="10"/>
    </row>
    <row r="623649" spans="14:14">
      <c r="N623649" s="10"/>
    </row>
    <row r="623650" spans="14:14">
      <c r="N623650" s="10"/>
    </row>
    <row r="623651" spans="14:14">
      <c r="N623651" s="10"/>
    </row>
    <row r="623652" spans="14:14">
      <c r="N623652" s="10"/>
    </row>
    <row r="623653" spans="14:14">
      <c r="N623653" s="10"/>
    </row>
    <row r="623654" spans="14:14">
      <c r="N623654" s="10"/>
    </row>
    <row r="623655" spans="14:14">
      <c r="N623655" s="10"/>
    </row>
    <row r="623656" spans="14:14">
      <c r="N623656" s="10"/>
    </row>
    <row r="623657" spans="14:14">
      <c r="N623657" s="10"/>
    </row>
    <row r="623658" spans="14:14">
      <c r="N623658" s="10"/>
    </row>
    <row r="623659" spans="14:14">
      <c r="N623659" s="10"/>
    </row>
    <row r="623660" spans="14:14">
      <c r="N623660" s="10"/>
    </row>
    <row r="623661" spans="14:14">
      <c r="N623661" s="10"/>
    </row>
    <row r="623662" spans="14:14">
      <c r="N623662" s="10"/>
    </row>
    <row r="623663" spans="14:14">
      <c r="N623663" s="10"/>
    </row>
    <row r="623664" spans="14:14">
      <c r="N623664" s="10"/>
    </row>
    <row r="623665" spans="14:14">
      <c r="N623665" s="10"/>
    </row>
    <row r="623666" spans="14:14">
      <c r="N623666" s="10"/>
    </row>
    <row r="623667" spans="14:14">
      <c r="N623667" s="10"/>
    </row>
    <row r="623668" spans="14:14">
      <c r="N623668" s="10"/>
    </row>
    <row r="623669" spans="14:14">
      <c r="N623669" s="10"/>
    </row>
    <row r="623670" spans="14:14">
      <c r="N623670" s="10"/>
    </row>
    <row r="623671" spans="14:14">
      <c r="N623671" s="10"/>
    </row>
    <row r="623672" spans="14:14">
      <c r="N623672" s="10"/>
    </row>
    <row r="623673" spans="14:14">
      <c r="N623673" s="10"/>
    </row>
    <row r="623674" spans="14:14">
      <c r="N623674" s="10"/>
    </row>
    <row r="623675" spans="14:14">
      <c r="N623675" s="10"/>
    </row>
    <row r="623676" spans="14:14">
      <c r="N623676" s="10"/>
    </row>
    <row r="623677" spans="14:14">
      <c r="N623677" s="10"/>
    </row>
    <row r="623678" spans="14:14">
      <c r="N623678" s="10"/>
    </row>
    <row r="623679" spans="14:14">
      <c r="N623679" s="10"/>
    </row>
    <row r="623680" spans="14:14">
      <c r="N623680" s="10"/>
    </row>
    <row r="623681" spans="14:14">
      <c r="N623681" s="10"/>
    </row>
    <row r="623682" spans="14:14">
      <c r="N623682" s="10"/>
    </row>
    <row r="623683" spans="14:14">
      <c r="N623683" s="10"/>
    </row>
    <row r="623684" spans="14:14">
      <c r="N623684" s="10"/>
    </row>
    <row r="623685" spans="14:14">
      <c r="N623685" s="10"/>
    </row>
    <row r="623686" spans="14:14">
      <c r="N623686" s="10"/>
    </row>
    <row r="623687" spans="14:14">
      <c r="N623687" s="10"/>
    </row>
    <row r="623688" spans="14:14">
      <c r="N623688" s="10"/>
    </row>
    <row r="623689" spans="14:14">
      <c r="N623689" s="10"/>
    </row>
    <row r="623690" spans="14:14">
      <c r="N623690" s="10"/>
    </row>
    <row r="623691" spans="14:14">
      <c r="N623691" s="10"/>
    </row>
    <row r="623692" spans="14:14">
      <c r="N623692" s="10"/>
    </row>
    <row r="623693" spans="14:14">
      <c r="N623693" s="10"/>
    </row>
    <row r="623694" spans="14:14">
      <c r="N623694" s="10"/>
    </row>
    <row r="623695" spans="14:14">
      <c r="N623695" s="10"/>
    </row>
    <row r="623696" spans="14:14">
      <c r="N623696" s="10"/>
    </row>
    <row r="623697" spans="14:14">
      <c r="N623697" s="10"/>
    </row>
    <row r="623698" spans="14:14">
      <c r="N623698" s="10"/>
    </row>
    <row r="623699" spans="14:14">
      <c r="N623699" s="10"/>
    </row>
    <row r="623700" spans="14:14">
      <c r="N623700" s="10"/>
    </row>
    <row r="623701" spans="14:14">
      <c r="N623701" s="10"/>
    </row>
    <row r="623702" spans="14:14">
      <c r="N623702" s="10"/>
    </row>
    <row r="623703" spans="14:14">
      <c r="N623703" s="10"/>
    </row>
    <row r="623704" spans="14:14">
      <c r="N623704" s="10"/>
    </row>
    <row r="623705" spans="14:14">
      <c r="N623705" s="10"/>
    </row>
    <row r="623706" spans="14:14">
      <c r="N623706" s="10"/>
    </row>
    <row r="623707" spans="14:14">
      <c r="N623707" s="10"/>
    </row>
    <row r="623708" spans="14:14">
      <c r="N623708" s="10"/>
    </row>
    <row r="623709" spans="14:14">
      <c r="N623709" s="10"/>
    </row>
    <row r="623710" spans="14:14">
      <c r="N623710" s="10"/>
    </row>
    <row r="623711" spans="14:14">
      <c r="N623711" s="10"/>
    </row>
    <row r="623712" spans="14:14">
      <c r="N623712" s="10"/>
    </row>
    <row r="623713" spans="14:14">
      <c r="N623713" s="10"/>
    </row>
    <row r="623714" spans="14:14">
      <c r="N623714" s="10"/>
    </row>
    <row r="623715" spans="14:14">
      <c r="N623715" s="10"/>
    </row>
    <row r="623716" spans="14:14">
      <c r="N623716" s="10"/>
    </row>
    <row r="623717" spans="14:14">
      <c r="N623717" s="10"/>
    </row>
    <row r="623718" spans="14:14">
      <c r="N623718" s="10"/>
    </row>
    <row r="623719" spans="14:14">
      <c r="N623719" s="10"/>
    </row>
    <row r="623720" spans="14:14">
      <c r="N623720" s="10"/>
    </row>
    <row r="623721" spans="14:14">
      <c r="N623721" s="10"/>
    </row>
    <row r="623722" spans="14:14">
      <c r="N623722" s="10"/>
    </row>
    <row r="623723" spans="14:14">
      <c r="N623723" s="10"/>
    </row>
    <row r="623724" spans="14:14">
      <c r="N623724" s="10"/>
    </row>
    <row r="623725" spans="14:14">
      <c r="N623725" s="10"/>
    </row>
    <row r="623726" spans="14:14">
      <c r="N623726" s="10"/>
    </row>
    <row r="623727" spans="14:14">
      <c r="N623727" s="10"/>
    </row>
    <row r="623728" spans="14:14">
      <c r="N623728" s="10"/>
    </row>
    <row r="623729" spans="14:14">
      <c r="N623729" s="10"/>
    </row>
    <row r="623730" spans="14:14">
      <c r="N623730" s="10"/>
    </row>
    <row r="623731" spans="14:14">
      <c r="N623731" s="10"/>
    </row>
    <row r="623732" spans="14:14">
      <c r="N623732" s="10"/>
    </row>
    <row r="623733" spans="14:14">
      <c r="N623733" s="10"/>
    </row>
    <row r="623734" spans="14:14">
      <c r="N623734" s="10"/>
    </row>
    <row r="623735" spans="14:14">
      <c r="N623735" s="10"/>
    </row>
    <row r="623736" spans="14:14">
      <c r="N623736" s="10"/>
    </row>
    <row r="623737" spans="14:14">
      <c r="N623737" s="10"/>
    </row>
    <row r="623738" spans="14:14">
      <c r="N623738" s="10"/>
    </row>
    <row r="623739" spans="14:14">
      <c r="N623739" s="10"/>
    </row>
    <row r="623740" spans="14:14">
      <c r="N623740" s="10"/>
    </row>
    <row r="623741" spans="14:14">
      <c r="N623741" s="10"/>
    </row>
    <row r="623742" spans="14:14">
      <c r="N623742" s="10"/>
    </row>
    <row r="623743" spans="14:14">
      <c r="N623743" s="10"/>
    </row>
    <row r="623744" spans="14:14">
      <c r="N623744" s="10"/>
    </row>
    <row r="623745" spans="14:14">
      <c r="N623745" s="10"/>
    </row>
    <row r="623746" spans="14:14">
      <c r="N623746" s="10"/>
    </row>
    <row r="623747" spans="14:14">
      <c r="N623747" s="10"/>
    </row>
    <row r="623748" spans="14:14">
      <c r="N623748" s="10"/>
    </row>
    <row r="623749" spans="14:14">
      <c r="N623749" s="10"/>
    </row>
    <row r="623750" spans="14:14">
      <c r="N623750" s="10"/>
    </row>
    <row r="623751" spans="14:14">
      <c r="N623751" s="10"/>
    </row>
    <row r="623752" spans="14:14">
      <c r="N623752" s="10"/>
    </row>
    <row r="623753" spans="14:14">
      <c r="N623753" s="10"/>
    </row>
    <row r="623754" spans="14:14">
      <c r="N623754" s="10"/>
    </row>
    <row r="623755" spans="14:14">
      <c r="N623755" s="10"/>
    </row>
    <row r="623756" spans="14:14">
      <c r="N623756" s="10"/>
    </row>
    <row r="623757" spans="14:14">
      <c r="N623757" s="10"/>
    </row>
    <row r="623758" spans="14:14">
      <c r="N623758" s="10"/>
    </row>
    <row r="623759" spans="14:14">
      <c r="N623759" s="10"/>
    </row>
    <row r="623760" spans="14:14">
      <c r="N623760" s="10"/>
    </row>
    <row r="623761" spans="14:14">
      <c r="N623761" s="10"/>
    </row>
    <row r="623762" spans="14:14">
      <c r="N623762" s="10"/>
    </row>
    <row r="623763" spans="14:14">
      <c r="N623763" s="10"/>
    </row>
    <row r="623764" spans="14:14">
      <c r="N623764" s="10"/>
    </row>
    <row r="623765" spans="14:14">
      <c r="N623765" s="10"/>
    </row>
    <row r="623766" spans="14:14">
      <c r="N623766" s="10"/>
    </row>
    <row r="623767" spans="14:14">
      <c r="N623767" s="10"/>
    </row>
    <row r="623768" spans="14:14">
      <c r="N623768" s="10"/>
    </row>
    <row r="623769" spans="14:14">
      <c r="N623769" s="10"/>
    </row>
    <row r="623770" spans="14:14">
      <c r="N623770" s="10"/>
    </row>
    <row r="623771" spans="14:14">
      <c r="N623771" s="10"/>
    </row>
    <row r="623772" spans="14:14">
      <c r="N623772" s="10"/>
    </row>
    <row r="623773" spans="14:14">
      <c r="N623773" s="10"/>
    </row>
    <row r="623774" spans="14:14">
      <c r="N623774" s="10"/>
    </row>
    <row r="623775" spans="14:14">
      <c r="N623775" s="10"/>
    </row>
    <row r="623776" spans="14:14">
      <c r="N623776" s="10"/>
    </row>
    <row r="623777" spans="14:14">
      <c r="N623777" s="10"/>
    </row>
    <row r="623778" spans="14:14">
      <c r="N623778" s="10"/>
    </row>
    <row r="623779" spans="14:14">
      <c r="N623779" s="10"/>
    </row>
    <row r="623780" spans="14:14">
      <c r="N623780" s="10"/>
    </row>
    <row r="623781" spans="14:14">
      <c r="N623781" s="10"/>
    </row>
    <row r="623782" spans="14:14">
      <c r="N623782" s="10"/>
    </row>
    <row r="623783" spans="14:14">
      <c r="N623783" s="10"/>
    </row>
    <row r="623784" spans="14:14">
      <c r="N623784" s="10"/>
    </row>
    <row r="623785" spans="14:14">
      <c r="N623785" s="10"/>
    </row>
    <row r="623786" spans="14:14">
      <c r="N623786" s="10"/>
    </row>
    <row r="623787" spans="14:14">
      <c r="N623787" s="10"/>
    </row>
    <row r="623788" spans="14:14">
      <c r="N623788" s="10"/>
    </row>
    <row r="623789" spans="14:14">
      <c r="N623789" s="10"/>
    </row>
    <row r="623790" spans="14:14">
      <c r="N623790" s="10"/>
    </row>
    <row r="623791" spans="14:14">
      <c r="N623791" s="10"/>
    </row>
    <row r="623792" spans="14:14">
      <c r="N623792" s="10"/>
    </row>
    <row r="623793" spans="14:14">
      <c r="N623793" s="10"/>
    </row>
    <row r="623794" spans="14:14">
      <c r="N623794" s="10"/>
    </row>
    <row r="623795" spans="14:14">
      <c r="N623795" s="10"/>
    </row>
    <row r="623796" spans="14:14">
      <c r="N623796" s="10"/>
    </row>
    <row r="623797" spans="14:14">
      <c r="N623797" s="10"/>
    </row>
    <row r="623798" spans="14:14">
      <c r="N623798" s="10"/>
    </row>
    <row r="623799" spans="14:14">
      <c r="N623799" s="10"/>
    </row>
    <row r="623800" spans="14:14">
      <c r="N623800" s="10"/>
    </row>
    <row r="623801" spans="14:14">
      <c r="N623801" s="10"/>
    </row>
    <row r="623802" spans="14:14">
      <c r="N623802" s="10"/>
    </row>
    <row r="623803" spans="14:14">
      <c r="N623803" s="10"/>
    </row>
    <row r="623804" spans="14:14">
      <c r="N623804" s="10"/>
    </row>
    <row r="623805" spans="14:14">
      <c r="N623805" s="10"/>
    </row>
    <row r="623806" spans="14:14">
      <c r="N623806" s="10"/>
    </row>
    <row r="623807" spans="14:14">
      <c r="N623807" s="10"/>
    </row>
    <row r="623808" spans="14:14">
      <c r="N623808" s="10"/>
    </row>
    <row r="623809" spans="14:14">
      <c r="N623809" s="10"/>
    </row>
    <row r="623810" spans="14:14">
      <c r="N623810" s="10"/>
    </row>
    <row r="623811" spans="14:14">
      <c r="N623811" s="10"/>
    </row>
    <row r="623812" spans="14:14">
      <c r="N623812" s="10"/>
    </row>
    <row r="623813" spans="14:14">
      <c r="N623813" s="10"/>
    </row>
    <row r="623814" spans="14:14">
      <c r="N623814" s="10"/>
    </row>
    <row r="623815" spans="14:14">
      <c r="N623815" s="10"/>
    </row>
    <row r="623816" spans="14:14">
      <c r="N623816" s="10"/>
    </row>
    <row r="623817" spans="14:14">
      <c r="N623817" s="10"/>
    </row>
    <row r="623818" spans="14:14">
      <c r="N623818" s="10"/>
    </row>
    <row r="623819" spans="14:14">
      <c r="N623819" s="10"/>
    </row>
    <row r="623820" spans="14:14">
      <c r="N623820" s="10"/>
    </row>
    <row r="623821" spans="14:14">
      <c r="N623821" s="10"/>
    </row>
    <row r="623822" spans="14:14">
      <c r="N623822" s="10"/>
    </row>
    <row r="623823" spans="14:14">
      <c r="N623823" s="10"/>
    </row>
    <row r="623824" spans="14:14">
      <c r="N623824" s="10"/>
    </row>
    <row r="623825" spans="14:14">
      <c r="N623825" s="10"/>
    </row>
    <row r="623826" spans="14:14">
      <c r="N623826" s="10"/>
    </row>
    <row r="623827" spans="14:14">
      <c r="N623827" s="10"/>
    </row>
    <row r="623828" spans="14:14">
      <c r="N623828" s="10"/>
    </row>
    <row r="623829" spans="14:14">
      <c r="N623829" s="10"/>
    </row>
    <row r="623830" spans="14:14">
      <c r="N623830" s="10"/>
    </row>
    <row r="623831" spans="14:14">
      <c r="N623831" s="10"/>
    </row>
    <row r="623832" spans="14:14">
      <c r="N623832" s="10"/>
    </row>
    <row r="623833" spans="14:14">
      <c r="N623833" s="10"/>
    </row>
    <row r="623834" spans="14:14">
      <c r="N623834" s="10"/>
    </row>
    <row r="623835" spans="14:14">
      <c r="N623835" s="10"/>
    </row>
    <row r="623836" spans="14:14">
      <c r="N623836" s="10"/>
    </row>
    <row r="623837" spans="14:14">
      <c r="N623837" s="10"/>
    </row>
    <row r="623838" spans="14:14">
      <c r="N623838" s="10"/>
    </row>
    <row r="623839" spans="14:14">
      <c r="N623839" s="10"/>
    </row>
    <row r="623840" spans="14:14">
      <c r="N623840" s="10"/>
    </row>
    <row r="623841" spans="14:14">
      <c r="N623841" s="10"/>
    </row>
    <row r="623842" spans="14:14">
      <c r="N623842" s="10"/>
    </row>
    <row r="623843" spans="14:14">
      <c r="N623843" s="10"/>
    </row>
    <row r="623844" spans="14:14">
      <c r="N623844" s="10"/>
    </row>
    <row r="623845" spans="14:14">
      <c r="N623845" s="10"/>
    </row>
    <row r="623846" spans="14:14">
      <c r="N623846" s="10"/>
    </row>
    <row r="623847" spans="14:14">
      <c r="N623847" s="10"/>
    </row>
    <row r="623848" spans="14:14">
      <c r="N623848" s="10"/>
    </row>
    <row r="623849" spans="14:14">
      <c r="N623849" s="10"/>
    </row>
    <row r="623850" spans="14:14">
      <c r="N623850" s="10"/>
    </row>
    <row r="623851" spans="14:14">
      <c r="N623851" s="10"/>
    </row>
    <row r="623852" spans="14:14">
      <c r="N623852" s="10"/>
    </row>
    <row r="623853" spans="14:14">
      <c r="N623853" s="10"/>
    </row>
    <row r="623854" spans="14:14">
      <c r="N623854" s="10"/>
    </row>
    <row r="623855" spans="14:14">
      <c r="N623855" s="10"/>
    </row>
    <row r="623856" spans="14:14">
      <c r="N623856" s="10"/>
    </row>
    <row r="623857" spans="14:14">
      <c r="N623857" s="10"/>
    </row>
    <row r="623858" spans="14:14">
      <c r="N623858" s="10"/>
    </row>
    <row r="623859" spans="14:14">
      <c r="N623859" s="10"/>
    </row>
    <row r="623860" spans="14:14">
      <c r="N623860" s="10"/>
    </row>
    <row r="623861" spans="14:14">
      <c r="N623861" s="10"/>
    </row>
    <row r="623862" spans="14:14">
      <c r="N623862" s="10"/>
    </row>
    <row r="623863" spans="14:14">
      <c r="N623863" s="10"/>
    </row>
    <row r="623864" spans="14:14">
      <c r="N623864" s="10"/>
    </row>
    <row r="623865" spans="14:14">
      <c r="N623865" s="10"/>
    </row>
    <row r="623866" spans="14:14">
      <c r="N623866" s="10"/>
    </row>
    <row r="623867" spans="14:14">
      <c r="N623867" s="10"/>
    </row>
    <row r="623868" spans="14:14">
      <c r="N623868" s="10"/>
    </row>
    <row r="623869" spans="14:14">
      <c r="N623869" s="10"/>
    </row>
    <row r="623870" spans="14:14">
      <c r="N623870" s="10"/>
    </row>
    <row r="623871" spans="14:14">
      <c r="N623871" s="10"/>
    </row>
    <row r="623872" spans="14:14">
      <c r="N623872" s="10"/>
    </row>
    <row r="623873" spans="14:14">
      <c r="N623873" s="10"/>
    </row>
    <row r="623874" spans="14:14">
      <c r="N623874" s="10"/>
    </row>
    <row r="623875" spans="14:14">
      <c r="N623875" s="10"/>
    </row>
    <row r="623876" spans="14:14">
      <c r="N623876" s="10"/>
    </row>
    <row r="623877" spans="14:14">
      <c r="N623877" s="10"/>
    </row>
    <row r="623878" spans="14:14">
      <c r="N623878" s="10"/>
    </row>
    <row r="623879" spans="14:14">
      <c r="N623879" s="10"/>
    </row>
    <row r="623880" spans="14:14">
      <c r="N623880" s="10"/>
    </row>
    <row r="623881" spans="14:14">
      <c r="N623881" s="10"/>
    </row>
    <row r="623882" spans="14:14">
      <c r="N623882" s="10"/>
    </row>
    <row r="623883" spans="14:14">
      <c r="N623883" s="10"/>
    </row>
    <row r="623884" spans="14:14">
      <c r="N623884" s="10"/>
    </row>
    <row r="623885" spans="14:14">
      <c r="N623885" s="10"/>
    </row>
    <row r="623886" spans="14:14">
      <c r="N623886" s="10"/>
    </row>
    <row r="623887" spans="14:14">
      <c r="N623887" s="10"/>
    </row>
    <row r="623888" spans="14:14">
      <c r="N623888" s="10"/>
    </row>
    <row r="623889" spans="14:14">
      <c r="N623889" s="10"/>
    </row>
    <row r="623890" spans="14:14">
      <c r="N623890" s="10"/>
    </row>
    <row r="623891" spans="14:14">
      <c r="N623891" s="10"/>
    </row>
    <row r="623892" spans="14:14">
      <c r="N623892" s="10"/>
    </row>
    <row r="623893" spans="14:14">
      <c r="N623893" s="10"/>
    </row>
    <row r="623894" spans="14:14">
      <c r="N623894" s="10"/>
    </row>
    <row r="623895" spans="14:14">
      <c r="N623895" s="10"/>
    </row>
    <row r="623896" spans="14:14">
      <c r="N623896" s="10"/>
    </row>
    <row r="623897" spans="14:14">
      <c r="N623897" s="10"/>
    </row>
    <row r="623898" spans="14:14">
      <c r="N623898" s="10"/>
    </row>
    <row r="623899" spans="14:14">
      <c r="N623899" s="10"/>
    </row>
    <row r="623900" spans="14:14">
      <c r="N623900" s="10"/>
    </row>
    <row r="623901" spans="14:14">
      <c r="N623901" s="10"/>
    </row>
    <row r="623902" spans="14:14">
      <c r="N623902" s="10"/>
    </row>
    <row r="623903" spans="14:14">
      <c r="N623903" s="10"/>
    </row>
    <row r="623904" spans="14:14">
      <c r="N623904" s="10"/>
    </row>
    <row r="623905" spans="14:14">
      <c r="N623905" s="10"/>
    </row>
    <row r="623906" spans="14:14">
      <c r="N623906" s="10"/>
    </row>
    <row r="623907" spans="14:14">
      <c r="N623907" s="10"/>
    </row>
    <row r="623908" spans="14:14">
      <c r="N623908" s="10"/>
    </row>
    <row r="623909" spans="14:14">
      <c r="N623909" s="10"/>
    </row>
    <row r="623910" spans="14:14">
      <c r="N623910" s="10"/>
    </row>
    <row r="623911" spans="14:14">
      <c r="N623911" s="10"/>
    </row>
    <row r="623912" spans="14:14">
      <c r="N623912" s="10"/>
    </row>
    <row r="623913" spans="14:14">
      <c r="N623913" s="10"/>
    </row>
    <row r="623914" spans="14:14">
      <c r="N623914" s="10"/>
    </row>
    <row r="623915" spans="14:14">
      <c r="N623915" s="10"/>
    </row>
    <row r="623916" spans="14:14">
      <c r="N623916" s="10"/>
    </row>
    <row r="623917" spans="14:14">
      <c r="N623917" s="10"/>
    </row>
    <row r="623918" spans="14:14">
      <c r="N623918" s="10"/>
    </row>
    <row r="623919" spans="14:14">
      <c r="N623919" s="10"/>
    </row>
    <row r="623920" spans="14:14">
      <c r="N623920" s="10"/>
    </row>
    <row r="623921" spans="14:14">
      <c r="N623921" s="10"/>
    </row>
    <row r="623922" spans="14:14">
      <c r="N623922" s="10"/>
    </row>
    <row r="623923" spans="14:14">
      <c r="N623923" s="10"/>
    </row>
    <row r="623924" spans="14:14">
      <c r="N623924" s="10"/>
    </row>
    <row r="623925" spans="14:14">
      <c r="N623925" s="10"/>
    </row>
    <row r="623926" spans="14:14">
      <c r="N623926" s="10"/>
    </row>
    <row r="623927" spans="14:14">
      <c r="N623927" s="10"/>
    </row>
    <row r="623928" spans="14:14">
      <c r="N623928" s="10"/>
    </row>
    <row r="623929" spans="14:14">
      <c r="N623929" s="10"/>
    </row>
    <row r="623930" spans="14:14">
      <c r="N623930" s="10"/>
    </row>
    <row r="623931" spans="14:14">
      <c r="N623931" s="10"/>
    </row>
    <row r="623932" spans="14:14">
      <c r="N623932" s="10"/>
    </row>
    <row r="623933" spans="14:14">
      <c r="N623933" s="10"/>
    </row>
    <row r="623934" spans="14:14">
      <c r="N623934" s="10"/>
    </row>
    <row r="623935" spans="14:14">
      <c r="N623935" s="10"/>
    </row>
    <row r="623936" spans="14:14">
      <c r="N623936" s="10"/>
    </row>
    <row r="623937" spans="14:14">
      <c r="N623937" s="10"/>
    </row>
    <row r="623938" spans="14:14">
      <c r="N623938" s="10"/>
    </row>
    <row r="623939" spans="14:14">
      <c r="N623939" s="10"/>
    </row>
    <row r="623940" spans="14:14">
      <c r="N623940" s="10"/>
    </row>
    <row r="623941" spans="14:14">
      <c r="N623941" s="10"/>
    </row>
    <row r="623942" spans="14:14">
      <c r="N623942" s="10"/>
    </row>
    <row r="623943" spans="14:14">
      <c r="N623943" s="10"/>
    </row>
    <row r="623944" spans="14:14">
      <c r="N623944" s="10"/>
    </row>
    <row r="623945" spans="14:14">
      <c r="N623945" s="10"/>
    </row>
    <row r="623946" spans="14:14">
      <c r="N623946" s="10"/>
    </row>
    <row r="623947" spans="14:14">
      <c r="N623947" s="10"/>
    </row>
    <row r="623948" spans="14:14">
      <c r="N623948" s="10"/>
    </row>
    <row r="623949" spans="14:14">
      <c r="N623949" s="10"/>
    </row>
    <row r="623950" spans="14:14">
      <c r="N623950" s="10"/>
    </row>
    <row r="623951" spans="14:14">
      <c r="N623951" s="10"/>
    </row>
    <row r="623952" spans="14:14">
      <c r="N623952" s="10"/>
    </row>
    <row r="623953" spans="14:14">
      <c r="N623953" s="10"/>
    </row>
    <row r="623954" spans="14:14">
      <c r="N623954" s="10"/>
    </row>
    <row r="623955" spans="14:14">
      <c r="N623955" s="10"/>
    </row>
    <row r="623956" spans="14:14">
      <c r="N623956" s="10"/>
    </row>
    <row r="623957" spans="14:14">
      <c r="N623957" s="10"/>
    </row>
    <row r="623958" spans="14:14">
      <c r="N623958" s="10"/>
    </row>
    <row r="623959" spans="14:14">
      <c r="N623959" s="10"/>
    </row>
    <row r="623960" spans="14:14">
      <c r="N623960" s="10"/>
    </row>
    <row r="623961" spans="14:14">
      <c r="N623961" s="10"/>
    </row>
    <row r="623962" spans="14:14">
      <c r="N623962" s="10"/>
    </row>
    <row r="623963" spans="14:14">
      <c r="N623963" s="10"/>
    </row>
    <row r="623964" spans="14:14">
      <c r="N623964" s="10"/>
    </row>
    <row r="623965" spans="14:14">
      <c r="N623965" s="10"/>
    </row>
    <row r="623966" spans="14:14">
      <c r="N623966" s="10"/>
    </row>
    <row r="623967" spans="14:14">
      <c r="N623967" s="10"/>
    </row>
    <row r="623968" spans="14:14">
      <c r="N623968" s="10"/>
    </row>
    <row r="623969" spans="14:14">
      <c r="N623969" s="10"/>
    </row>
    <row r="623970" spans="14:14">
      <c r="N623970" s="10"/>
    </row>
    <row r="623971" spans="14:14">
      <c r="N623971" s="10"/>
    </row>
    <row r="623972" spans="14:14">
      <c r="N623972" s="10"/>
    </row>
    <row r="623973" spans="14:14">
      <c r="N623973" s="10"/>
    </row>
    <row r="623974" spans="14:14">
      <c r="N623974" s="10"/>
    </row>
    <row r="623975" spans="14:14">
      <c r="N623975" s="10"/>
    </row>
    <row r="623976" spans="14:14">
      <c r="N623976" s="10"/>
    </row>
    <row r="623977" spans="14:14">
      <c r="N623977" s="10"/>
    </row>
    <row r="623978" spans="14:14">
      <c r="N623978" s="10"/>
    </row>
    <row r="623979" spans="14:14">
      <c r="N623979" s="10"/>
    </row>
    <row r="623980" spans="14:14">
      <c r="N623980" s="10"/>
    </row>
    <row r="623981" spans="14:14">
      <c r="N623981" s="10"/>
    </row>
    <row r="623982" spans="14:14">
      <c r="N623982" s="10"/>
    </row>
    <row r="623983" spans="14:14">
      <c r="N623983" s="10"/>
    </row>
    <row r="623984" spans="14:14">
      <c r="N623984" s="10"/>
    </row>
    <row r="623985" spans="14:14">
      <c r="N623985" s="10"/>
    </row>
    <row r="623986" spans="14:14">
      <c r="N623986" s="10"/>
    </row>
    <row r="623987" spans="14:14">
      <c r="N623987" s="10"/>
    </row>
    <row r="623988" spans="14:14">
      <c r="N623988" s="10"/>
    </row>
    <row r="623989" spans="14:14">
      <c r="N623989" s="10"/>
    </row>
    <row r="623990" spans="14:14">
      <c r="N623990" s="10"/>
    </row>
    <row r="623991" spans="14:14">
      <c r="N623991" s="10"/>
    </row>
    <row r="623992" spans="14:14">
      <c r="N623992" s="10"/>
    </row>
    <row r="623993" spans="14:14">
      <c r="N623993" s="10"/>
    </row>
    <row r="623994" spans="14:14">
      <c r="N623994" s="10"/>
    </row>
    <row r="623995" spans="14:14">
      <c r="N623995" s="10"/>
    </row>
    <row r="623996" spans="14:14">
      <c r="N623996" s="10"/>
    </row>
    <row r="623997" spans="14:14">
      <c r="N623997" s="10"/>
    </row>
    <row r="623998" spans="14:14">
      <c r="N623998" s="10"/>
    </row>
    <row r="623999" spans="14:14">
      <c r="N623999" s="10"/>
    </row>
    <row r="624000" spans="14:14">
      <c r="N624000" s="10"/>
    </row>
    <row r="624001" spans="14:14">
      <c r="N624001" s="10"/>
    </row>
    <row r="624002" spans="14:14">
      <c r="N624002" s="10"/>
    </row>
    <row r="624003" spans="14:14">
      <c r="N624003" s="10"/>
    </row>
    <row r="624004" spans="14:14">
      <c r="N624004" s="10"/>
    </row>
    <row r="624005" spans="14:14">
      <c r="N624005" s="10"/>
    </row>
    <row r="624006" spans="14:14">
      <c r="N624006" s="10"/>
    </row>
    <row r="624007" spans="14:14">
      <c r="N624007" s="10"/>
    </row>
    <row r="624008" spans="14:14">
      <c r="N624008" s="10"/>
    </row>
    <row r="624009" spans="14:14">
      <c r="N624009" s="10"/>
    </row>
    <row r="624010" spans="14:14">
      <c r="N624010" s="10"/>
    </row>
    <row r="624011" spans="14:14">
      <c r="N624011" s="10"/>
    </row>
    <row r="624012" spans="14:14">
      <c r="N624012" s="10"/>
    </row>
    <row r="624013" spans="14:14">
      <c r="N624013" s="10"/>
    </row>
    <row r="624014" spans="14:14">
      <c r="N624014" s="10"/>
    </row>
    <row r="624015" spans="14:14">
      <c r="N624015" s="10"/>
    </row>
    <row r="624016" spans="14:14">
      <c r="N624016" s="10"/>
    </row>
    <row r="624017" spans="14:14">
      <c r="N624017" s="10"/>
    </row>
    <row r="624018" spans="14:14">
      <c r="N624018" s="10"/>
    </row>
    <row r="624019" spans="14:14">
      <c r="N624019" s="10"/>
    </row>
    <row r="624020" spans="14:14">
      <c r="N624020" s="10"/>
    </row>
    <row r="624021" spans="14:14">
      <c r="N624021" s="10"/>
    </row>
    <row r="624022" spans="14:14">
      <c r="N624022" s="10"/>
    </row>
    <row r="624023" spans="14:14">
      <c r="N624023" s="10"/>
    </row>
    <row r="624024" spans="14:14">
      <c r="N624024" s="10"/>
    </row>
    <row r="624025" spans="14:14">
      <c r="N624025" s="10"/>
    </row>
    <row r="624026" spans="14:14">
      <c r="N624026" s="10"/>
    </row>
    <row r="624027" spans="14:14">
      <c r="N624027" s="10"/>
    </row>
    <row r="624028" spans="14:14">
      <c r="N624028" s="10"/>
    </row>
    <row r="624029" spans="14:14">
      <c r="N624029" s="10"/>
    </row>
    <row r="624030" spans="14:14">
      <c r="N624030" s="10"/>
    </row>
    <row r="624031" spans="14:14">
      <c r="N624031" s="10"/>
    </row>
    <row r="624032" spans="14:14">
      <c r="N624032" s="10"/>
    </row>
    <row r="624033" spans="14:14">
      <c r="N624033" s="10"/>
    </row>
    <row r="624034" spans="14:14">
      <c r="N624034" s="10"/>
    </row>
    <row r="624035" spans="14:14">
      <c r="N624035" s="10"/>
    </row>
    <row r="624036" spans="14:14">
      <c r="N624036" s="10"/>
    </row>
    <row r="624037" spans="14:14">
      <c r="N624037" s="10"/>
    </row>
    <row r="624038" spans="14:14">
      <c r="N624038" s="10"/>
    </row>
    <row r="624039" spans="14:14">
      <c r="N624039" s="10"/>
    </row>
    <row r="624040" spans="14:14">
      <c r="N624040" s="10"/>
    </row>
    <row r="624041" spans="14:14">
      <c r="N624041" s="10"/>
    </row>
    <row r="624042" spans="14:14">
      <c r="N624042" s="10"/>
    </row>
    <row r="624043" spans="14:14">
      <c r="N624043" s="10"/>
    </row>
    <row r="624044" spans="14:14">
      <c r="N624044" s="10"/>
    </row>
    <row r="624045" spans="14:14">
      <c r="N624045" s="10"/>
    </row>
    <row r="624046" spans="14:14">
      <c r="N624046" s="10"/>
    </row>
    <row r="624047" spans="14:14">
      <c r="N624047" s="10"/>
    </row>
    <row r="624048" spans="14:14">
      <c r="N624048" s="10"/>
    </row>
    <row r="624049" spans="14:14">
      <c r="N624049" s="10"/>
    </row>
    <row r="624050" spans="14:14">
      <c r="N624050" s="10"/>
    </row>
    <row r="624051" spans="14:14">
      <c r="N624051" s="10"/>
    </row>
    <row r="624052" spans="14:14">
      <c r="N624052" s="10"/>
    </row>
    <row r="624053" spans="14:14">
      <c r="N624053" s="10"/>
    </row>
    <row r="624054" spans="14:14">
      <c r="N624054" s="10"/>
    </row>
    <row r="624055" spans="14:14">
      <c r="N624055" s="10"/>
    </row>
    <row r="624056" spans="14:14">
      <c r="N624056" s="10"/>
    </row>
    <row r="624057" spans="14:14">
      <c r="N624057" s="10"/>
    </row>
    <row r="624058" spans="14:14">
      <c r="N624058" s="10"/>
    </row>
    <row r="624059" spans="14:14">
      <c r="N624059" s="10"/>
    </row>
    <row r="624060" spans="14:14">
      <c r="N624060" s="10"/>
    </row>
    <row r="624061" spans="14:14">
      <c r="N624061" s="10"/>
    </row>
    <row r="624062" spans="14:14">
      <c r="N624062" s="10"/>
    </row>
    <row r="624063" spans="14:14">
      <c r="N624063" s="10"/>
    </row>
    <row r="624064" spans="14:14">
      <c r="N624064" s="10"/>
    </row>
    <row r="624065" spans="14:14">
      <c r="N624065" s="10"/>
    </row>
    <row r="624066" spans="14:14">
      <c r="N624066" s="10"/>
    </row>
    <row r="624067" spans="14:14">
      <c r="N624067" s="10"/>
    </row>
    <row r="624068" spans="14:14">
      <c r="N624068" s="10"/>
    </row>
    <row r="624069" spans="14:14">
      <c r="N624069" s="10"/>
    </row>
    <row r="624070" spans="14:14">
      <c r="N624070" s="10"/>
    </row>
    <row r="624071" spans="14:14">
      <c r="N624071" s="10"/>
    </row>
    <row r="624072" spans="14:14">
      <c r="N624072" s="10"/>
    </row>
    <row r="624073" spans="14:14">
      <c r="N624073" s="10"/>
    </row>
    <row r="624074" spans="14:14">
      <c r="N624074" s="10"/>
    </row>
    <row r="624075" spans="14:14">
      <c r="N624075" s="10"/>
    </row>
    <row r="624076" spans="14:14">
      <c r="N624076" s="10"/>
    </row>
    <row r="624077" spans="14:14">
      <c r="N624077" s="10"/>
    </row>
    <row r="624078" spans="14:14">
      <c r="N624078" s="10"/>
    </row>
    <row r="624079" spans="14:14">
      <c r="N624079" s="10"/>
    </row>
    <row r="624080" spans="14:14">
      <c r="N624080" s="10"/>
    </row>
    <row r="624081" spans="14:14">
      <c r="N624081" s="10"/>
    </row>
    <row r="624082" spans="14:14">
      <c r="N624082" s="10"/>
    </row>
    <row r="624083" spans="14:14">
      <c r="N624083" s="10"/>
    </row>
    <row r="624084" spans="14:14">
      <c r="N624084" s="10"/>
    </row>
    <row r="624085" spans="14:14">
      <c r="N624085" s="10"/>
    </row>
    <row r="624086" spans="14:14">
      <c r="N624086" s="10"/>
    </row>
    <row r="624087" spans="14:14">
      <c r="N624087" s="10"/>
    </row>
    <row r="624088" spans="14:14">
      <c r="N624088" s="10"/>
    </row>
    <row r="624089" spans="14:14">
      <c r="N624089" s="10"/>
    </row>
    <row r="624090" spans="14:14">
      <c r="N624090" s="10"/>
    </row>
    <row r="624091" spans="14:14">
      <c r="N624091" s="10"/>
    </row>
    <row r="624092" spans="14:14">
      <c r="N624092" s="10"/>
    </row>
    <row r="624093" spans="14:14">
      <c r="N624093" s="10"/>
    </row>
    <row r="624094" spans="14:14">
      <c r="N624094" s="10"/>
    </row>
    <row r="624095" spans="14:14">
      <c r="N624095" s="10"/>
    </row>
    <row r="624096" spans="14:14">
      <c r="N624096" s="10"/>
    </row>
    <row r="624097" spans="14:14">
      <c r="N624097" s="10"/>
    </row>
    <row r="624098" spans="14:14">
      <c r="N624098" s="10"/>
    </row>
    <row r="624099" spans="14:14">
      <c r="N624099" s="10"/>
    </row>
    <row r="624100" spans="14:14">
      <c r="N624100" s="10"/>
    </row>
    <row r="624101" spans="14:14">
      <c r="N624101" s="10"/>
    </row>
    <row r="624102" spans="14:14">
      <c r="N624102" s="10"/>
    </row>
    <row r="624103" spans="14:14">
      <c r="N624103" s="10"/>
    </row>
    <row r="624104" spans="14:14">
      <c r="N624104" s="10"/>
    </row>
    <row r="624105" spans="14:14">
      <c r="N624105" s="10"/>
    </row>
    <row r="624106" spans="14:14">
      <c r="N624106" s="10"/>
    </row>
    <row r="624107" spans="14:14">
      <c r="N624107" s="10"/>
    </row>
    <row r="624108" spans="14:14">
      <c r="N624108" s="10"/>
    </row>
    <row r="624109" spans="14:14">
      <c r="N624109" s="10"/>
    </row>
    <row r="624110" spans="14:14">
      <c r="N624110" s="10"/>
    </row>
    <row r="624111" spans="14:14">
      <c r="N624111" s="10"/>
    </row>
    <row r="624112" spans="14:14">
      <c r="N624112" s="10"/>
    </row>
    <row r="624113" spans="14:14">
      <c r="N624113" s="10"/>
    </row>
    <row r="624114" spans="14:14">
      <c r="N624114" s="10"/>
    </row>
    <row r="624115" spans="14:14">
      <c r="N624115" s="10"/>
    </row>
    <row r="624116" spans="14:14">
      <c r="N624116" s="10"/>
    </row>
    <row r="624117" spans="14:14">
      <c r="N624117" s="10"/>
    </row>
    <row r="624118" spans="14:14">
      <c r="N624118" s="10"/>
    </row>
    <row r="624119" spans="14:14">
      <c r="N624119" s="10"/>
    </row>
    <row r="624120" spans="14:14">
      <c r="N624120" s="10"/>
    </row>
    <row r="624121" spans="14:14">
      <c r="N624121" s="10"/>
    </row>
    <row r="624122" spans="14:14">
      <c r="N624122" s="10"/>
    </row>
    <row r="624123" spans="14:14">
      <c r="N624123" s="10"/>
    </row>
    <row r="624124" spans="14:14">
      <c r="N624124" s="10"/>
    </row>
    <row r="624125" spans="14:14">
      <c r="N624125" s="10"/>
    </row>
    <row r="624126" spans="14:14">
      <c r="N624126" s="10"/>
    </row>
    <row r="624127" spans="14:14">
      <c r="N624127" s="10"/>
    </row>
    <row r="624128" spans="14:14">
      <c r="N624128" s="10"/>
    </row>
    <row r="624129" spans="14:14">
      <c r="N624129" s="10"/>
    </row>
    <row r="624130" spans="14:14">
      <c r="N624130" s="10"/>
    </row>
    <row r="624131" spans="14:14">
      <c r="N624131" s="10"/>
    </row>
    <row r="624132" spans="14:14">
      <c r="N624132" s="10"/>
    </row>
    <row r="624133" spans="14:14">
      <c r="N624133" s="10"/>
    </row>
    <row r="624134" spans="14:14">
      <c r="N624134" s="10"/>
    </row>
    <row r="624135" spans="14:14">
      <c r="N624135" s="10"/>
    </row>
    <row r="624136" spans="14:14">
      <c r="N624136" s="10"/>
    </row>
    <row r="624137" spans="14:14">
      <c r="N624137" s="10"/>
    </row>
    <row r="624138" spans="14:14">
      <c r="N624138" s="10"/>
    </row>
    <row r="624139" spans="14:14">
      <c r="N624139" s="10"/>
    </row>
    <row r="624140" spans="14:14">
      <c r="N624140" s="10"/>
    </row>
    <row r="624141" spans="14:14">
      <c r="N624141" s="10"/>
    </row>
    <row r="624142" spans="14:14">
      <c r="N624142" s="10"/>
    </row>
    <row r="624143" spans="14:14">
      <c r="N624143" s="10"/>
    </row>
    <row r="624144" spans="14:14">
      <c r="N624144" s="10"/>
    </row>
    <row r="624145" spans="14:14">
      <c r="N624145" s="10"/>
    </row>
    <row r="624146" spans="14:14">
      <c r="N624146" s="10"/>
    </row>
    <row r="624147" spans="14:14">
      <c r="N624147" s="10"/>
    </row>
    <row r="624148" spans="14:14">
      <c r="N624148" s="10"/>
    </row>
    <row r="624149" spans="14:14">
      <c r="N624149" s="10"/>
    </row>
    <row r="624150" spans="14:14">
      <c r="N624150" s="10"/>
    </row>
    <row r="624151" spans="14:14">
      <c r="N624151" s="10"/>
    </row>
    <row r="624152" spans="14:14">
      <c r="N624152" s="10"/>
    </row>
    <row r="624153" spans="14:14">
      <c r="N624153" s="10"/>
    </row>
    <row r="624154" spans="14:14">
      <c r="N624154" s="10"/>
    </row>
    <row r="624155" spans="14:14">
      <c r="N624155" s="10"/>
    </row>
    <row r="624156" spans="14:14">
      <c r="N624156" s="10"/>
    </row>
    <row r="624157" spans="14:14">
      <c r="N624157" s="10"/>
    </row>
    <row r="624158" spans="14:14">
      <c r="N624158" s="10"/>
    </row>
    <row r="624159" spans="14:14">
      <c r="N624159" s="10"/>
    </row>
    <row r="624160" spans="14:14">
      <c r="N624160" s="10"/>
    </row>
    <row r="624161" spans="14:14">
      <c r="N624161" s="10"/>
    </row>
    <row r="624162" spans="14:14">
      <c r="N624162" s="10"/>
    </row>
    <row r="624163" spans="14:14">
      <c r="N624163" s="10"/>
    </row>
    <row r="624164" spans="14:14">
      <c r="N624164" s="10"/>
    </row>
    <row r="624165" spans="14:14">
      <c r="N624165" s="10"/>
    </row>
    <row r="624166" spans="14:14">
      <c r="N624166" s="10"/>
    </row>
    <row r="624167" spans="14:14">
      <c r="N624167" s="10"/>
    </row>
    <row r="624168" spans="14:14">
      <c r="N624168" s="10"/>
    </row>
    <row r="624169" spans="14:14">
      <c r="N624169" s="10"/>
    </row>
    <row r="624170" spans="14:14">
      <c r="N624170" s="10"/>
    </row>
    <row r="624171" spans="14:14">
      <c r="N624171" s="10"/>
    </row>
    <row r="624172" spans="14:14">
      <c r="N624172" s="10"/>
    </row>
    <row r="624173" spans="14:14">
      <c r="N624173" s="10"/>
    </row>
    <row r="624174" spans="14:14">
      <c r="N624174" s="10"/>
    </row>
    <row r="624175" spans="14:14">
      <c r="N624175" s="10"/>
    </row>
    <row r="624176" spans="14:14">
      <c r="N624176" s="10"/>
    </row>
    <row r="624177" spans="14:14">
      <c r="N624177" s="10"/>
    </row>
    <row r="624178" spans="14:14">
      <c r="N624178" s="10"/>
    </row>
    <row r="624179" spans="14:14">
      <c r="N624179" s="10"/>
    </row>
    <row r="624180" spans="14:14">
      <c r="N624180" s="10"/>
    </row>
    <row r="624181" spans="14:14">
      <c r="N624181" s="10"/>
    </row>
    <row r="624182" spans="14:14">
      <c r="N624182" s="10"/>
    </row>
    <row r="624183" spans="14:14">
      <c r="N624183" s="10"/>
    </row>
    <row r="624184" spans="14:14">
      <c r="N624184" s="10"/>
    </row>
    <row r="624185" spans="14:14">
      <c r="N624185" s="10"/>
    </row>
    <row r="624186" spans="14:14">
      <c r="N624186" s="10"/>
    </row>
    <row r="624187" spans="14:14">
      <c r="N624187" s="10"/>
    </row>
    <row r="624188" spans="14:14">
      <c r="N624188" s="10"/>
    </row>
    <row r="624189" spans="14:14">
      <c r="N624189" s="10"/>
    </row>
    <row r="624190" spans="14:14">
      <c r="N624190" s="10"/>
    </row>
    <row r="624191" spans="14:14">
      <c r="N624191" s="10"/>
    </row>
    <row r="624192" spans="14:14">
      <c r="N624192" s="10"/>
    </row>
    <row r="624193" spans="14:14">
      <c r="N624193" s="10"/>
    </row>
    <row r="624194" spans="14:14">
      <c r="N624194" s="10"/>
    </row>
    <row r="624195" spans="14:14">
      <c r="N624195" s="10"/>
    </row>
    <row r="624196" spans="14:14">
      <c r="N624196" s="10"/>
    </row>
    <row r="624197" spans="14:14">
      <c r="N624197" s="10"/>
    </row>
    <row r="624198" spans="14:14">
      <c r="N624198" s="10"/>
    </row>
    <row r="624199" spans="14:14">
      <c r="N624199" s="10"/>
    </row>
    <row r="624200" spans="14:14">
      <c r="N624200" s="10"/>
    </row>
    <row r="624201" spans="14:14">
      <c r="N624201" s="10"/>
    </row>
    <row r="624202" spans="14:14">
      <c r="N624202" s="10"/>
    </row>
    <row r="624203" spans="14:14">
      <c r="N624203" s="10"/>
    </row>
    <row r="624204" spans="14:14">
      <c r="N624204" s="10"/>
    </row>
    <row r="624205" spans="14:14">
      <c r="N624205" s="10"/>
    </row>
    <row r="624206" spans="14:14">
      <c r="N624206" s="10"/>
    </row>
    <row r="624207" spans="14:14">
      <c r="N624207" s="10"/>
    </row>
    <row r="624208" spans="14:14">
      <c r="N624208" s="10"/>
    </row>
    <row r="624209" spans="14:14">
      <c r="N624209" s="10"/>
    </row>
    <row r="624210" spans="14:14">
      <c r="N624210" s="10"/>
    </row>
    <row r="624211" spans="14:14">
      <c r="N624211" s="10"/>
    </row>
    <row r="624212" spans="14:14">
      <c r="N624212" s="10"/>
    </row>
    <row r="624213" spans="14:14">
      <c r="N624213" s="10"/>
    </row>
    <row r="624214" spans="14:14">
      <c r="N624214" s="10"/>
    </row>
    <row r="624215" spans="14:14">
      <c r="N624215" s="10"/>
    </row>
    <row r="624216" spans="14:14">
      <c r="N624216" s="10"/>
    </row>
    <row r="624217" spans="14:14">
      <c r="N624217" s="10"/>
    </row>
    <row r="624218" spans="14:14">
      <c r="N624218" s="10"/>
    </row>
    <row r="624219" spans="14:14">
      <c r="N624219" s="10"/>
    </row>
    <row r="624220" spans="14:14">
      <c r="N624220" s="10"/>
    </row>
    <row r="624221" spans="14:14">
      <c r="N624221" s="10"/>
    </row>
    <row r="624222" spans="14:14">
      <c r="N624222" s="10"/>
    </row>
    <row r="624223" spans="14:14">
      <c r="N624223" s="10"/>
    </row>
    <row r="624224" spans="14:14">
      <c r="N624224" s="10"/>
    </row>
    <row r="624225" spans="14:14">
      <c r="N624225" s="10"/>
    </row>
    <row r="624226" spans="14:14">
      <c r="N624226" s="10"/>
    </row>
    <row r="624227" spans="14:14">
      <c r="N624227" s="10"/>
    </row>
    <row r="624228" spans="14:14">
      <c r="N624228" s="10"/>
    </row>
    <row r="624229" spans="14:14">
      <c r="N624229" s="10"/>
    </row>
    <row r="624230" spans="14:14">
      <c r="N624230" s="10"/>
    </row>
    <row r="624231" spans="14:14">
      <c r="N624231" s="10"/>
    </row>
    <row r="624232" spans="14:14">
      <c r="N624232" s="10"/>
    </row>
    <row r="624233" spans="14:14">
      <c r="N624233" s="10"/>
    </row>
    <row r="624234" spans="14:14">
      <c r="N624234" s="10"/>
    </row>
    <row r="624235" spans="14:14">
      <c r="N624235" s="10"/>
    </row>
    <row r="624236" spans="14:14">
      <c r="N624236" s="10"/>
    </row>
    <row r="624237" spans="14:14">
      <c r="N624237" s="10"/>
    </row>
    <row r="624238" spans="14:14">
      <c r="N624238" s="10"/>
    </row>
    <row r="624239" spans="14:14">
      <c r="N624239" s="10"/>
    </row>
    <row r="624240" spans="14:14">
      <c r="N624240" s="10"/>
    </row>
    <row r="624241" spans="14:14">
      <c r="N624241" s="10"/>
    </row>
    <row r="624242" spans="14:14">
      <c r="N624242" s="10"/>
    </row>
    <row r="624243" spans="14:14">
      <c r="N624243" s="10"/>
    </row>
    <row r="624244" spans="14:14">
      <c r="N624244" s="10"/>
    </row>
    <row r="624245" spans="14:14">
      <c r="N624245" s="10"/>
    </row>
    <row r="624246" spans="14:14">
      <c r="N624246" s="10"/>
    </row>
    <row r="624247" spans="14:14">
      <c r="N624247" s="10"/>
    </row>
    <row r="624248" spans="14:14">
      <c r="N624248" s="10"/>
    </row>
    <row r="624249" spans="14:14">
      <c r="N624249" s="10"/>
    </row>
    <row r="624250" spans="14:14">
      <c r="N624250" s="10"/>
    </row>
    <row r="624251" spans="14:14">
      <c r="N624251" s="10"/>
    </row>
    <row r="624252" spans="14:14">
      <c r="N624252" s="10"/>
    </row>
    <row r="624253" spans="14:14">
      <c r="N624253" s="10"/>
    </row>
    <row r="624254" spans="14:14">
      <c r="N624254" s="10"/>
    </row>
    <row r="624255" spans="14:14">
      <c r="N624255" s="10"/>
    </row>
    <row r="624256" spans="14:14">
      <c r="N624256" s="10"/>
    </row>
    <row r="624257" spans="14:14">
      <c r="N624257" s="10"/>
    </row>
    <row r="624258" spans="14:14">
      <c r="N624258" s="10"/>
    </row>
    <row r="624259" spans="14:14">
      <c r="N624259" s="10"/>
    </row>
    <row r="624260" spans="14:14">
      <c r="N624260" s="10"/>
    </row>
    <row r="624261" spans="14:14">
      <c r="N624261" s="10"/>
    </row>
    <row r="624262" spans="14:14">
      <c r="N624262" s="10"/>
    </row>
    <row r="624263" spans="14:14">
      <c r="N624263" s="10"/>
    </row>
    <row r="624264" spans="14:14">
      <c r="N624264" s="10"/>
    </row>
    <row r="624265" spans="14:14">
      <c r="N624265" s="10"/>
    </row>
    <row r="624266" spans="14:14">
      <c r="N624266" s="10"/>
    </row>
    <row r="624267" spans="14:14">
      <c r="N624267" s="10"/>
    </row>
    <row r="624268" spans="14:14">
      <c r="N624268" s="10"/>
    </row>
    <row r="624269" spans="14:14">
      <c r="N624269" s="10"/>
    </row>
    <row r="624270" spans="14:14">
      <c r="N624270" s="10"/>
    </row>
    <row r="624271" spans="14:14">
      <c r="N624271" s="10"/>
    </row>
    <row r="624272" spans="14:14">
      <c r="N624272" s="10"/>
    </row>
    <row r="624273" spans="14:14">
      <c r="N624273" s="10"/>
    </row>
    <row r="624274" spans="14:14">
      <c r="N624274" s="10"/>
    </row>
    <row r="624275" spans="14:14">
      <c r="N624275" s="10"/>
    </row>
    <row r="624276" spans="14:14">
      <c r="N624276" s="10"/>
    </row>
    <row r="624277" spans="14:14">
      <c r="N624277" s="10"/>
    </row>
    <row r="624278" spans="14:14">
      <c r="N624278" s="10"/>
    </row>
    <row r="624279" spans="14:14">
      <c r="N624279" s="10"/>
    </row>
    <row r="624280" spans="14:14">
      <c r="N624280" s="10"/>
    </row>
    <row r="624281" spans="14:14">
      <c r="N624281" s="10"/>
    </row>
    <row r="624282" spans="14:14">
      <c r="N624282" s="10"/>
    </row>
    <row r="624283" spans="14:14">
      <c r="N624283" s="10"/>
    </row>
    <row r="624284" spans="14:14">
      <c r="N624284" s="10"/>
    </row>
    <row r="624285" spans="14:14">
      <c r="N624285" s="10"/>
    </row>
    <row r="624286" spans="14:14">
      <c r="N624286" s="10"/>
    </row>
    <row r="624287" spans="14:14">
      <c r="N624287" s="10"/>
    </row>
    <row r="624288" spans="14:14">
      <c r="N624288" s="10"/>
    </row>
    <row r="624289" spans="14:14">
      <c r="N624289" s="10"/>
    </row>
    <row r="624290" spans="14:14">
      <c r="N624290" s="10"/>
    </row>
    <row r="624291" spans="14:14">
      <c r="N624291" s="10"/>
    </row>
    <row r="624292" spans="14:14">
      <c r="N624292" s="10"/>
    </row>
    <row r="624293" spans="14:14">
      <c r="N624293" s="10"/>
    </row>
    <row r="624294" spans="14:14">
      <c r="N624294" s="10"/>
    </row>
    <row r="624295" spans="14:14">
      <c r="N624295" s="10"/>
    </row>
    <row r="624296" spans="14:14">
      <c r="N624296" s="10"/>
    </row>
    <row r="624297" spans="14:14">
      <c r="N624297" s="10"/>
    </row>
    <row r="624298" spans="14:14">
      <c r="N624298" s="10"/>
    </row>
    <row r="624299" spans="14:14">
      <c r="N624299" s="10"/>
    </row>
    <row r="624300" spans="14:14">
      <c r="N624300" s="10"/>
    </row>
    <row r="624301" spans="14:14">
      <c r="N624301" s="10"/>
    </row>
    <row r="624302" spans="14:14">
      <c r="N624302" s="10"/>
    </row>
    <row r="624303" spans="14:14">
      <c r="N624303" s="10"/>
    </row>
    <row r="624304" spans="14:14">
      <c r="N624304" s="10"/>
    </row>
    <row r="624305" spans="14:14">
      <c r="N624305" s="10"/>
    </row>
    <row r="624306" spans="14:14">
      <c r="N624306" s="10"/>
    </row>
    <row r="624307" spans="14:14">
      <c r="N624307" s="10"/>
    </row>
    <row r="624308" spans="14:14">
      <c r="N624308" s="10"/>
    </row>
    <row r="624309" spans="14:14">
      <c r="N624309" s="10"/>
    </row>
    <row r="624310" spans="14:14">
      <c r="N624310" s="10"/>
    </row>
    <row r="624311" spans="14:14">
      <c r="N624311" s="10"/>
    </row>
    <row r="624312" spans="14:14">
      <c r="N624312" s="10"/>
    </row>
    <row r="624313" spans="14:14">
      <c r="N624313" s="10"/>
    </row>
    <row r="624314" spans="14:14">
      <c r="N624314" s="10"/>
    </row>
    <row r="624315" spans="14:14">
      <c r="N624315" s="10"/>
    </row>
    <row r="624316" spans="14:14">
      <c r="N624316" s="10"/>
    </row>
    <row r="624317" spans="14:14">
      <c r="N624317" s="10"/>
    </row>
    <row r="624318" spans="14:14">
      <c r="N624318" s="10"/>
    </row>
    <row r="624319" spans="14:14">
      <c r="N624319" s="10"/>
    </row>
    <row r="624320" spans="14:14">
      <c r="N624320" s="10"/>
    </row>
    <row r="624321" spans="14:14">
      <c r="N624321" s="10"/>
    </row>
    <row r="624322" spans="14:14">
      <c r="N624322" s="10"/>
    </row>
    <row r="624323" spans="14:14">
      <c r="N624323" s="10"/>
    </row>
    <row r="624324" spans="14:14">
      <c r="N624324" s="10"/>
    </row>
    <row r="624325" spans="14:14">
      <c r="N624325" s="10"/>
    </row>
    <row r="624326" spans="14:14">
      <c r="N624326" s="10"/>
    </row>
    <row r="624327" spans="14:14">
      <c r="N624327" s="10"/>
    </row>
    <row r="624328" spans="14:14">
      <c r="N624328" s="10"/>
    </row>
    <row r="624329" spans="14:14">
      <c r="N624329" s="10"/>
    </row>
    <row r="624330" spans="14:14">
      <c r="N624330" s="10"/>
    </row>
    <row r="624331" spans="14:14">
      <c r="N624331" s="10"/>
    </row>
    <row r="624332" spans="14:14">
      <c r="N624332" s="10"/>
    </row>
    <row r="624333" spans="14:14">
      <c r="N624333" s="10"/>
    </row>
    <row r="624334" spans="14:14">
      <c r="N624334" s="10"/>
    </row>
    <row r="624335" spans="14:14">
      <c r="N624335" s="10"/>
    </row>
    <row r="624336" spans="14:14">
      <c r="N624336" s="10"/>
    </row>
    <row r="624337" spans="14:14">
      <c r="N624337" s="10"/>
    </row>
    <row r="624338" spans="14:14">
      <c r="N624338" s="10"/>
    </row>
    <row r="624339" spans="14:14">
      <c r="N624339" s="10"/>
    </row>
    <row r="624340" spans="14:14">
      <c r="N624340" s="10"/>
    </row>
    <row r="624341" spans="14:14">
      <c r="N624341" s="10"/>
    </row>
    <row r="624342" spans="14:14">
      <c r="N624342" s="10"/>
    </row>
    <row r="624343" spans="14:14">
      <c r="N624343" s="10"/>
    </row>
    <row r="624344" spans="14:14">
      <c r="N624344" s="10"/>
    </row>
    <row r="624345" spans="14:14">
      <c r="N624345" s="10"/>
    </row>
    <row r="624346" spans="14:14">
      <c r="N624346" s="10"/>
    </row>
    <row r="624347" spans="14:14">
      <c r="N624347" s="10"/>
    </row>
    <row r="624348" spans="14:14">
      <c r="N624348" s="10"/>
    </row>
    <row r="624349" spans="14:14">
      <c r="N624349" s="10"/>
    </row>
    <row r="624350" spans="14:14">
      <c r="N624350" s="10"/>
    </row>
    <row r="624351" spans="14:14">
      <c r="N624351" s="10"/>
    </row>
    <row r="624352" spans="14:14">
      <c r="N624352" s="10"/>
    </row>
    <row r="624353" spans="14:14">
      <c r="N624353" s="10"/>
    </row>
    <row r="624354" spans="14:14">
      <c r="N624354" s="10"/>
    </row>
    <row r="624355" spans="14:14">
      <c r="N624355" s="10"/>
    </row>
    <row r="624356" spans="14:14">
      <c r="N624356" s="10"/>
    </row>
    <row r="624357" spans="14:14">
      <c r="N624357" s="10"/>
    </row>
    <row r="624358" spans="14:14">
      <c r="N624358" s="10"/>
    </row>
    <row r="624359" spans="14:14">
      <c r="N624359" s="10"/>
    </row>
    <row r="624360" spans="14:14">
      <c r="N624360" s="10"/>
    </row>
    <row r="624361" spans="14:14">
      <c r="N624361" s="10"/>
    </row>
    <row r="624362" spans="14:14">
      <c r="N624362" s="10"/>
    </row>
    <row r="624363" spans="14:14">
      <c r="N624363" s="10"/>
    </row>
    <row r="624364" spans="14:14">
      <c r="N624364" s="10"/>
    </row>
    <row r="624365" spans="14:14">
      <c r="N624365" s="10"/>
    </row>
    <row r="624366" spans="14:14">
      <c r="N624366" s="10"/>
    </row>
    <row r="624367" spans="14:14">
      <c r="N624367" s="10"/>
    </row>
    <row r="624368" spans="14:14">
      <c r="N624368" s="10"/>
    </row>
    <row r="624369" spans="14:14">
      <c r="N624369" s="10"/>
    </row>
    <row r="624370" spans="14:14">
      <c r="N624370" s="10"/>
    </row>
    <row r="624371" spans="14:14">
      <c r="N624371" s="10"/>
    </row>
    <row r="624372" spans="14:14">
      <c r="N624372" s="10"/>
    </row>
    <row r="624373" spans="14:14">
      <c r="N624373" s="10"/>
    </row>
    <row r="624374" spans="14:14">
      <c r="N624374" s="10"/>
    </row>
    <row r="624375" spans="14:14">
      <c r="N624375" s="10"/>
    </row>
    <row r="624376" spans="14:14">
      <c r="N624376" s="10"/>
    </row>
    <row r="624377" spans="14:14">
      <c r="N624377" s="10"/>
    </row>
    <row r="624378" spans="14:14">
      <c r="N624378" s="10"/>
    </row>
    <row r="624379" spans="14:14">
      <c r="N624379" s="10"/>
    </row>
    <row r="624380" spans="14:14">
      <c r="N624380" s="10"/>
    </row>
    <row r="624381" spans="14:14">
      <c r="N624381" s="10"/>
    </row>
    <row r="624382" spans="14:14">
      <c r="N624382" s="10"/>
    </row>
    <row r="624383" spans="14:14">
      <c r="N624383" s="10"/>
    </row>
    <row r="624384" spans="14:14">
      <c r="N624384" s="10"/>
    </row>
    <row r="624385" spans="14:14">
      <c r="N624385" s="10"/>
    </row>
    <row r="624386" spans="14:14">
      <c r="N624386" s="10"/>
    </row>
    <row r="624387" spans="14:14">
      <c r="N624387" s="10"/>
    </row>
    <row r="624388" spans="14:14">
      <c r="N624388" s="10"/>
    </row>
    <row r="624389" spans="14:14">
      <c r="N624389" s="10"/>
    </row>
    <row r="624390" spans="14:14">
      <c r="N624390" s="10"/>
    </row>
    <row r="624391" spans="14:14">
      <c r="N624391" s="10"/>
    </row>
    <row r="624392" spans="14:14">
      <c r="N624392" s="10"/>
    </row>
    <row r="624393" spans="14:14">
      <c r="N624393" s="10"/>
    </row>
    <row r="624394" spans="14:14">
      <c r="N624394" s="10"/>
    </row>
    <row r="624395" spans="14:14">
      <c r="N624395" s="10"/>
    </row>
    <row r="624396" spans="14:14">
      <c r="N624396" s="10"/>
    </row>
    <row r="624397" spans="14:14">
      <c r="N624397" s="10"/>
    </row>
    <row r="624398" spans="14:14">
      <c r="N624398" s="10"/>
    </row>
    <row r="624399" spans="14:14">
      <c r="N624399" s="10"/>
    </row>
    <row r="624400" spans="14:14">
      <c r="N624400" s="10"/>
    </row>
    <row r="624401" spans="14:14">
      <c r="N624401" s="10"/>
    </row>
    <row r="624402" spans="14:14">
      <c r="N624402" s="10"/>
    </row>
    <row r="624403" spans="14:14">
      <c r="N624403" s="10"/>
    </row>
    <row r="624404" spans="14:14">
      <c r="N624404" s="10"/>
    </row>
    <row r="624405" spans="14:14">
      <c r="N624405" s="10"/>
    </row>
    <row r="624406" spans="14:14">
      <c r="N624406" s="10"/>
    </row>
    <row r="624407" spans="14:14">
      <c r="N624407" s="10"/>
    </row>
    <row r="624408" spans="14:14">
      <c r="N624408" s="10"/>
    </row>
    <row r="624409" spans="14:14">
      <c r="N624409" s="10"/>
    </row>
    <row r="624410" spans="14:14">
      <c r="N624410" s="10"/>
    </row>
    <row r="624411" spans="14:14">
      <c r="N624411" s="10"/>
    </row>
    <row r="624412" spans="14:14">
      <c r="N624412" s="10"/>
    </row>
    <row r="624413" spans="14:14">
      <c r="N624413" s="10"/>
    </row>
    <row r="624414" spans="14:14">
      <c r="N624414" s="10"/>
    </row>
    <row r="624415" spans="14:14">
      <c r="N624415" s="10"/>
    </row>
    <row r="624416" spans="14:14">
      <c r="N624416" s="10"/>
    </row>
    <row r="624417" spans="14:14">
      <c r="N624417" s="10"/>
    </row>
    <row r="624418" spans="14:14">
      <c r="N624418" s="10"/>
    </row>
    <row r="624419" spans="14:14">
      <c r="N624419" s="10"/>
    </row>
    <row r="624420" spans="14:14">
      <c r="N624420" s="10"/>
    </row>
    <row r="624421" spans="14:14">
      <c r="N624421" s="10"/>
    </row>
    <row r="624422" spans="14:14">
      <c r="N624422" s="10"/>
    </row>
    <row r="624423" spans="14:14">
      <c r="N624423" s="10"/>
    </row>
    <row r="624424" spans="14:14">
      <c r="N624424" s="10"/>
    </row>
    <row r="624425" spans="14:14">
      <c r="N624425" s="10"/>
    </row>
    <row r="624426" spans="14:14">
      <c r="N624426" s="10"/>
    </row>
    <row r="624427" spans="14:14">
      <c r="N624427" s="10"/>
    </row>
    <row r="624428" spans="14:14">
      <c r="N624428" s="10"/>
    </row>
    <row r="624429" spans="14:14">
      <c r="N624429" s="10"/>
    </row>
    <row r="624430" spans="14:14">
      <c r="N624430" s="10"/>
    </row>
    <row r="624431" spans="14:14">
      <c r="N624431" s="10"/>
    </row>
    <row r="624432" spans="14:14">
      <c r="N624432" s="10"/>
    </row>
    <row r="624433" spans="14:14">
      <c r="N624433" s="10"/>
    </row>
    <row r="624434" spans="14:14">
      <c r="N624434" s="10"/>
    </row>
    <row r="624435" spans="14:14">
      <c r="N624435" s="10"/>
    </row>
    <row r="624436" spans="14:14">
      <c r="N624436" s="10"/>
    </row>
    <row r="624437" spans="14:14">
      <c r="N624437" s="10"/>
    </row>
    <row r="624438" spans="14:14">
      <c r="N624438" s="10"/>
    </row>
    <row r="624439" spans="14:14">
      <c r="N624439" s="10"/>
    </row>
    <row r="624440" spans="14:14">
      <c r="N624440" s="10"/>
    </row>
    <row r="624441" spans="14:14">
      <c r="N624441" s="10"/>
    </row>
    <row r="624442" spans="14:14">
      <c r="N624442" s="10"/>
    </row>
    <row r="624443" spans="14:14">
      <c r="N624443" s="10"/>
    </row>
    <row r="624444" spans="14:14">
      <c r="N624444" s="10"/>
    </row>
    <row r="624445" spans="14:14">
      <c r="N624445" s="10"/>
    </row>
    <row r="624446" spans="14:14">
      <c r="N624446" s="10"/>
    </row>
    <row r="624447" spans="14:14">
      <c r="N624447" s="10"/>
    </row>
    <row r="624448" spans="14:14">
      <c r="N624448" s="10"/>
    </row>
    <row r="624449" spans="14:14">
      <c r="N624449" s="10"/>
    </row>
    <row r="624450" spans="14:14">
      <c r="N624450" s="10"/>
    </row>
    <row r="624451" spans="14:14">
      <c r="N624451" s="10"/>
    </row>
    <row r="624452" spans="14:14">
      <c r="N624452" s="10"/>
    </row>
    <row r="624453" spans="14:14">
      <c r="N624453" s="10"/>
    </row>
    <row r="624454" spans="14:14">
      <c r="N624454" s="10"/>
    </row>
    <row r="624455" spans="14:14">
      <c r="N624455" s="10"/>
    </row>
    <row r="624456" spans="14:14">
      <c r="N624456" s="10"/>
    </row>
    <row r="624457" spans="14:14">
      <c r="N624457" s="10"/>
    </row>
    <row r="624458" spans="14:14">
      <c r="N624458" s="10"/>
    </row>
    <row r="624459" spans="14:14">
      <c r="N624459" s="10"/>
    </row>
    <row r="624460" spans="14:14">
      <c r="N624460" s="10"/>
    </row>
    <row r="624461" spans="14:14">
      <c r="N624461" s="10"/>
    </row>
    <row r="624462" spans="14:14">
      <c r="N624462" s="10"/>
    </row>
    <row r="624463" spans="14:14">
      <c r="N624463" s="10"/>
    </row>
    <row r="624464" spans="14:14">
      <c r="N624464" s="10"/>
    </row>
    <row r="624465" spans="14:14">
      <c r="N624465" s="10"/>
    </row>
    <row r="624466" spans="14:14">
      <c r="N624466" s="10"/>
    </row>
    <row r="624467" spans="14:14">
      <c r="N624467" s="10"/>
    </row>
    <row r="624468" spans="14:14">
      <c r="N624468" s="10"/>
    </row>
    <row r="624469" spans="14:14">
      <c r="N624469" s="10"/>
    </row>
    <row r="624470" spans="14:14">
      <c r="N624470" s="10"/>
    </row>
    <row r="624471" spans="14:14">
      <c r="N624471" s="10"/>
    </row>
    <row r="624472" spans="14:14">
      <c r="N624472" s="10"/>
    </row>
    <row r="624473" spans="14:14">
      <c r="N624473" s="10"/>
    </row>
    <row r="624474" spans="14:14">
      <c r="N624474" s="10"/>
    </row>
    <row r="624475" spans="14:14">
      <c r="N624475" s="10"/>
    </row>
    <row r="624476" spans="14:14">
      <c r="N624476" s="10"/>
    </row>
    <row r="624477" spans="14:14">
      <c r="N624477" s="10"/>
    </row>
    <row r="624478" spans="14:14">
      <c r="N624478" s="10"/>
    </row>
    <row r="624479" spans="14:14">
      <c r="N624479" s="10"/>
    </row>
    <row r="624480" spans="14:14">
      <c r="N624480" s="10"/>
    </row>
    <row r="624481" spans="14:14">
      <c r="N624481" s="10"/>
    </row>
    <row r="624482" spans="14:14">
      <c r="N624482" s="10"/>
    </row>
    <row r="624483" spans="14:14">
      <c r="N624483" s="10"/>
    </row>
    <row r="624484" spans="14:14">
      <c r="N624484" s="10"/>
    </row>
    <row r="624485" spans="14:14">
      <c r="N624485" s="10"/>
    </row>
    <row r="624486" spans="14:14">
      <c r="N624486" s="10"/>
    </row>
    <row r="624487" spans="14:14">
      <c r="N624487" s="10"/>
    </row>
    <row r="624488" spans="14:14">
      <c r="N624488" s="10"/>
    </row>
    <row r="624489" spans="14:14">
      <c r="N624489" s="10"/>
    </row>
    <row r="624490" spans="14:14">
      <c r="N624490" s="10"/>
    </row>
    <row r="624491" spans="14:14">
      <c r="N624491" s="10"/>
    </row>
    <row r="624492" spans="14:14">
      <c r="N624492" s="10"/>
    </row>
    <row r="624493" spans="14:14">
      <c r="N624493" s="10"/>
    </row>
    <row r="624494" spans="14:14">
      <c r="N624494" s="10"/>
    </row>
    <row r="624495" spans="14:14">
      <c r="N624495" s="10"/>
    </row>
    <row r="624496" spans="14:14">
      <c r="N624496" s="10"/>
    </row>
    <row r="624497" spans="14:14">
      <c r="N624497" s="10"/>
    </row>
    <row r="624498" spans="14:14">
      <c r="N624498" s="10"/>
    </row>
    <row r="624499" spans="14:14">
      <c r="N624499" s="10"/>
    </row>
    <row r="624500" spans="14:14">
      <c r="N624500" s="10"/>
    </row>
    <row r="624501" spans="14:14">
      <c r="N624501" s="10"/>
    </row>
    <row r="624502" spans="14:14">
      <c r="N624502" s="10"/>
    </row>
    <row r="624503" spans="14:14">
      <c r="N624503" s="10"/>
    </row>
    <row r="624504" spans="14:14">
      <c r="N624504" s="10"/>
    </row>
    <row r="624505" spans="14:14">
      <c r="N624505" s="10"/>
    </row>
    <row r="624506" spans="14:14">
      <c r="N624506" s="10"/>
    </row>
    <row r="624507" spans="14:14">
      <c r="N624507" s="10"/>
    </row>
    <row r="624508" spans="14:14">
      <c r="N624508" s="10"/>
    </row>
    <row r="624509" spans="14:14">
      <c r="N624509" s="10"/>
    </row>
    <row r="624510" spans="14:14">
      <c r="N624510" s="10"/>
    </row>
    <row r="624511" spans="14:14">
      <c r="N624511" s="10"/>
    </row>
    <row r="624512" spans="14:14">
      <c r="N624512" s="10"/>
    </row>
    <row r="624513" spans="14:14">
      <c r="N624513" s="10"/>
    </row>
    <row r="624514" spans="14:14">
      <c r="N624514" s="10"/>
    </row>
    <row r="624515" spans="14:14">
      <c r="N624515" s="10"/>
    </row>
    <row r="624516" spans="14:14">
      <c r="N624516" s="10"/>
    </row>
    <row r="624517" spans="14:14">
      <c r="N624517" s="10"/>
    </row>
    <row r="624518" spans="14:14">
      <c r="N624518" s="10"/>
    </row>
    <row r="624519" spans="14:14">
      <c r="N624519" s="10"/>
    </row>
    <row r="624520" spans="14:14">
      <c r="N624520" s="10"/>
    </row>
    <row r="624521" spans="14:14">
      <c r="N624521" s="10"/>
    </row>
    <row r="624522" spans="14:14">
      <c r="N624522" s="10"/>
    </row>
    <row r="624523" spans="14:14">
      <c r="N624523" s="10"/>
    </row>
    <row r="624524" spans="14:14">
      <c r="N624524" s="10"/>
    </row>
    <row r="624525" spans="14:14">
      <c r="N624525" s="10"/>
    </row>
    <row r="624526" spans="14:14">
      <c r="N624526" s="10"/>
    </row>
    <row r="624527" spans="14:14">
      <c r="N624527" s="10"/>
    </row>
    <row r="624528" spans="14:14">
      <c r="N624528" s="10"/>
    </row>
    <row r="624529" spans="14:14">
      <c r="N624529" s="10"/>
    </row>
    <row r="624530" spans="14:14">
      <c r="N624530" s="10"/>
    </row>
    <row r="624531" spans="14:14">
      <c r="N624531" s="10"/>
    </row>
    <row r="624532" spans="14:14">
      <c r="N624532" s="10"/>
    </row>
    <row r="624533" spans="14:14">
      <c r="N624533" s="10"/>
    </row>
    <row r="624534" spans="14:14">
      <c r="N624534" s="10"/>
    </row>
    <row r="624535" spans="14:14">
      <c r="N624535" s="10"/>
    </row>
    <row r="624536" spans="14:14">
      <c r="N624536" s="10"/>
    </row>
    <row r="624537" spans="14:14">
      <c r="N624537" s="10"/>
    </row>
    <row r="624538" spans="14:14">
      <c r="N624538" s="10"/>
    </row>
    <row r="624539" spans="14:14">
      <c r="N624539" s="10"/>
    </row>
    <row r="624540" spans="14:14">
      <c r="N624540" s="10"/>
    </row>
    <row r="624541" spans="14:14">
      <c r="N624541" s="10"/>
    </row>
    <row r="624542" spans="14:14">
      <c r="N624542" s="10"/>
    </row>
    <row r="624543" spans="14:14">
      <c r="N624543" s="10"/>
    </row>
    <row r="624544" spans="14:14">
      <c r="N624544" s="10"/>
    </row>
    <row r="624545" spans="14:14">
      <c r="N624545" s="10"/>
    </row>
    <row r="624546" spans="14:14">
      <c r="N624546" s="10"/>
    </row>
    <row r="624547" spans="14:14">
      <c r="N624547" s="10"/>
    </row>
    <row r="624548" spans="14:14">
      <c r="N624548" s="10"/>
    </row>
    <row r="624549" spans="14:14">
      <c r="N624549" s="10"/>
    </row>
    <row r="624550" spans="14:14">
      <c r="N624550" s="10"/>
    </row>
    <row r="624551" spans="14:14">
      <c r="N624551" s="10"/>
    </row>
    <row r="624552" spans="14:14">
      <c r="N624552" s="10"/>
    </row>
    <row r="624553" spans="14:14">
      <c r="N624553" s="10"/>
    </row>
    <row r="624554" spans="14:14">
      <c r="N624554" s="10"/>
    </row>
    <row r="624555" spans="14:14">
      <c r="N624555" s="10"/>
    </row>
    <row r="624556" spans="14:14">
      <c r="N624556" s="10"/>
    </row>
    <row r="624557" spans="14:14">
      <c r="N624557" s="10"/>
    </row>
    <row r="624558" spans="14:14">
      <c r="N624558" s="10"/>
    </row>
    <row r="624559" spans="14:14">
      <c r="N624559" s="10"/>
    </row>
    <row r="624560" spans="14:14">
      <c r="N624560" s="10"/>
    </row>
    <row r="624561" spans="14:14">
      <c r="N624561" s="10"/>
    </row>
    <row r="624562" spans="14:14">
      <c r="N624562" s="10"/>
    </row>
    <row r="624563" spans="14:14">
      <c r="N624563" s="10"/>
    </row>
    <row r="624564" spans="14:14">
      <c r="N624564" s="10"/>
    </row>
    <row r="624565" spans="14:14">
      <c r="N624565" s="10"/>
    </row>
    <row r="624566" spans="14:14">
      <c r="N624566" s="10"/>
    </row>
    <row r="624567" spans="14:14">
      <c r="N624567" s="10"/>
    </row>
    <row r="624568" spans="14:14">
      <c r="N624568" s="10"/>
    </row>
    <row r="624569" spans="14:14">
      <c r="N624569" s="10"/>
    </row>
    <row r="624570" spans="14:14">
      <c r="N624570" s="10"/>
    </row>
    <row r="624571" spans="14:14">
      <c r="N624571" s="10"/>
    </row>
    <row r="624572" spans="14:14">
      <c r="N624572" s="10"/>
    </row>
    <row r="624573" spans="14:14">
      <c r="N624573" s="10"/>
    </row>
    <row r="624574" spans="14:14">
      <c r="N624574" s="10"/>
    </row>
    <row r="624575" spans="14:14">
      <c r="N624575" s="10"/>
    </row>
    <row r="624576" spans="14:14">
      <c r="N624576" s="10"/>
    </row>
    <row r="624577" spans="14:14">
      <c r="N624577" s="10"/>
    </row>
    <row r="624578" spans="14:14">
      <c r="N624578" s="10"/>
    </row>
    <row r="624579" spans="14:14">
      <c r="N624579" s="10"/>
    </row>
    <row r="624580" spans="14:14">
      <c r="N624580" s="10"/>
    </row>
    <row r="624581" spans="14:14">
      <c r="N624581" s="10"/>
    </row>
    <row r="624582" spans="14:14">
      <c r="N624582" s="10"/>
    </row>
    <row r="624583" spans="14:14">
      <c r="N624583" s="10"/>
    </row>
    <row r="624584" spans="14:14">
      <c r="N624584" s="10"/>
    </row>
    <row r="624585" spans="14:14">
      <c r="N624585" s="10"/>
    </row>
    <row r="624586" spans="14:14">
      <c r="N624586" s="10"/>
    </row>
    <row r="624587" spans="14:14">
      <c r="N624587" s="10"/>
    </row>
    <row r="624588" spans="14:14">
      <c r="N624588" s="10"/>
    </row>
    <row r="624589" spans="14:14">
      <c r="N624589" s="10"/>
    </row>
    <row r="624590" spans="14:14">
      <c r="N624590" s="10"/>
    </row>
    <row r="624591" spans="14:14">
      <c r="N624591" s="10"/>
    </row>
    <row r="624592" spans="14:14">
      <c r="N624592" s="10"/>
    </row>
    <row r="624593" spans="14:14">
      <c r="N624593" s="10"/>
    </row>
    <row r="624594" spans="14:14">
      <c r="N624594" s="10"/>
    </row>
    <row r="624595" spans="14:14">
      <c r="N624595" s="10"/>
    </row>
    <row r="624596" spans="14:14">
      <c r="N624596" s="10"/>
    </row>
    <row r="624597" spans="14:14">
      <c r="N624597" s="10"/>
    </row>
    <row r="624598" spans="14:14">
      <c r="N624598" s="10"/>
    </row>
    <row r="624599" spans="14:14">
      <c r="N624599" s="10"/>
    </row>
    <row r="624600" spans="14:14">
      <c r="N624600" s="10"/>
    </row>
    <row r="624601" spans="14:14">
      <c r="N624601" s="10"/>
    </row>
    <row r="624602" spans="14:14">
      <c r="N624602" s="10"/>
    </row>
    <row r="624603" spans="14:14">
      <c r="N624603" s="10"/>
    </row>
    <row r="624604" spans="14:14">
      <c r="N624604" s="10"/>
    </row>
    <row r="624605" spans="14:14">
      <c r="N624605" s="10"/>
    </row>
    <row r="624606" spans="14:14">
      <c r="N624606" s="10"/>
    </row>
    <row r="624607" spans="14:14">
      <c r="N624607" s="10"/>
    </row>
    <row r="624608" spans="14:14">
      <c r="N624608" s="10"/>
    </row>
    <row r="624609" spans="14:14">
      <c r="N624609" s="10"/>
    </row>
    <row r="624610" spans="14:14">
      <c r="N624610" s="10"/>
    </row>
    <row r="624611" spans="14:14">
      <c r="N624611" s="10"/>
    </row>
    <row r="624612" spans="14:14">
      <c r="N624612" s="10"/>
    </row>
    <row r="624613" spans="14:14">
      <c r="N624613" s="10"/>
    </row>
    <row r="624614" spans="14:14">
      <c r="N624614" s="10"/>
    </row>
    <row r="624615" spans="14:14">
      <c r="N624615" s="10"/>
    </row>
    <row r="624616" spans="14:14">
      <c r="N624616" s="10"/>
    </row>
    <row r="624617" spans="14:14">
      <c r="N624617" s="10"/>
    </row>
    <row r="624618" spans="14:14">
      <c r="N624618" s="10"/>
    </row>
    <row r="624619" spans="14:14">
      <c r="N624619" s="10"/>
    </row>
    <row r="624620" spans="14:14">
      <c r="N624620" s="10"/>
    </row>
    <row r="624621" spans="14:14">
      <c r="N624621" s="10"/>
    </row>
    <row r="624622" spans="14:14">
      <c r="N624622" s="10"/>
    </row>
    <row r="624623" spans="14:14">
      <c r="N624623" s="10"/>
    </row>
    <row r="624624" spans="14:14">
      <c r="N624624" s="10"/>
    </row>
    <row r="624625" spans="14:14">
      <c r="N624625" s="10"/>
    </row>
    <row r="624626" spans="14:14">
      <c r="N624626" s="10"/>
    </row>
    <row r="624627" spans="14:14">
      <c r="N624627" s="10"/>
    </row>
    <row r="624628" spans="14:14">
      <c r="N624628" s="10"/>
    </row>
    <row r="624629" spans="14:14">
      <c r="N624629" s="10"/>
    </row>
    <row r="624630" spans="14:14">
      <c r="N624630" s="10"/>
    </row>
    <row r="624631" spans="14:14">
      <c r="N624631" s="10"/>
    </row>
    <row r="624632" spans="14:14">
      <c r="N624632" s="10"/>
    </row>
    <row r="624633" spans="14:14">
      <c r="N624633" s="10"/>
    </row>
    <row r="624634" spans="14:14">
      <c r="N624634" s="10"/>
    </row>
    <row r="624635" spans="14:14">
      <c r="N624635" s="10"/>
    </row>
    <row r="624636" spans="14:14">
      <c r="N624636" s="10"/>
    </row>
    <row r="624637" spans="14:14">
      <c r="N624637" s="10"/>
    </row>
    <row r="624638" spans="14:14">
      <c r="N624638" s="10"/>
    </row>
    <row r="624639" spans="14:14">
      <c r="N624639" s="10"/>
    </row>
    <row r="624640" spans="14:14">
      <c r="N624640" s="10"/>
    </row>
    <row r="624641" spans="14:14">
      <c r="N624641" s="10"/>
    </row>
    <row r="624642" spans="14:14">
      <c r="N624642" s="10"/>
    </row>
    <row r="624643" spans="14:14">
      <c r="N624643" s="10"/>
    </row>
    <row r="624644" spans="14:14">
      <c r="N624644" s="10"/>
    </row>
    <row r="624645" spans="14:14">
      <c r="N624645" s="10"/>
    </row>
    <row r="624646" spans="14:14">
      <c r="N624646" s="10"/>
    </row>
    <row r="624647" spans="14:14">
      <c r="N624647" s="10"/>
    </row>
    <row r="624648" spans="14:14">
      <c r="N624648" s="10"/>
    </row>
    <row r="624649" spans="14:14">
      <c r="N624649" s="10"/>
    </row>
    <row r="624650" spans="14:14">
      <c r="N624650" s="10"/>
    </row>
    <row r="624651" spans="14:14">
      <c r="N624651" s="10"/>
    </row>
    <row r="624652" spans="14:14">
      <c r="N624652" s="10"/>
    </row>
    <row r="624653" spans="14:14">
      <c r="N624653" s="10"/>
    </row>
    <row r="624654" spans="14:14">
      <c r="N624654" s="10"/>
    </row>
    <row r="624655" spans="14:14">
      <c r="N624655" s="10"/>
    </row>
    <row r="624656" spans="14:14">
      <c r="N624656" s="10"/>
    </row>
    <row r="624657" spans="14:14">
      <c r="N624657" s="10"/>
    </row>
    <row r="624658" spans="14:14">
      <c r="N624658" s="10"/>
    </row>
    <row r="624659" spans="14:14">
      <c r="N624659" s="10"/>
    </row>
    <row r="624660" spans="14:14">
      <c r="N624660" s="10"/>
    </row>
    <row r="624661" spans="14:14">
      <c r="N624661" s="10"/>
    </row>
    <row r="624662" spans="14:14">
      <c r="N624662" s="10"/>
    </row>
    <row r="624663" spans="14:14">
      <c r="N624663" s="10"/>
    </row>
    <row r="624664" spans="14:14">
      <c r="N624664" s="10"/>
    </row>
    <row r="624665" spans="14:14">
      <c r="N624665" s="10"/>
    </row>
    <row r="624666" spans="14:14">
      <c r="N624666" s="10"/>
    </row>
    <row r="624667" spans="14:14">
      <c r="N624667" s="10"/>
    </row>
    <row r="624668" spans="14:14">
      <c r="N624668" s="10"/>
    </row>
    <row r="624669" spans="14:14">
      <c r="N624669" s="10"/>
    </row>
    <row r="624670" spans="14:14">
      <c r="N624670" s="10"/>
    </row>
    <row r="624671" spans="14:14">
      <c r="N624671" s="10"/>
    </row>
    <row r="624672" spans="14:14">
      <c r="N624672" s="10"/>
    </row>
    <row r="624673" spans="14:14">
      <c r="N624673" s="10"/>
    </row>
    <row r="624674" spans="14:14">
      <c r="N624674" s="10"/>
    </row>
    <row r="624675" spans="14:14">
      <c r="N624675" s="10"/>
    </row>
    <row r="624676" spans="14:14">
      <c r="N624676" s="10"/>
    </row>
    <row r="624677" spans="14:14">
      <c r="N624677" s="10"/>
    </row>
    <row r="624678" spans="14:14">
      <c r="N624678" s="10"/>
    </row>
    <row r="624679" spans="14:14">
      <c r="N624679" s="10"/>
    </row>
    <row r="624680" spans="14:14">
      <c r="N624680" s="10"/>
    </row>
    <row r="624681" spans="14:14">
      <c r="N624681" s="10"/>
    </row>
    <row r="624682" spans="14:14">
      <c r="N624682" s="10"/>
    </row>
    <row r="624683" spans="14:14">
      <c r="N624683" s="10"/>
    </row>
    <row r="624684" spans="14:14">
      <c r="N624684" s="10"/>
    </row>
    <row r="624685" spans="14:14">
      <c r="N624685" s="10"/>
    </row>
    <row r="624686" spans="14:14">
      <c r="N624686" s="10"/>
    </row>
    <row r="624687" spans="14:14">
      <c r="N624687" s="10"/>
    </row>
    <row r="624688" spans="14:14">
      <c r="N624688" s="10"/>
    </row>
    <row r="624689" spans="14:14">
      <c r="N624689" s="10"/>
    </row>
    <row r="624690" spans="14:14">
      <c r="N624690" s="10"/>
    </row>
    <row r="624691" spans="14:14">
      <c r="N624691" s="10"/>
    </row>
    <row r="624692" spans="14:14">
      <c r="N624692" s="10"/>
    </row>
    <row r="624693" spans="14:14">
      <c r="N624693" s="10"/>
    </row>
    <row r="624694" spans="14:14">
      <c r="N624694" s="10"/>
    </row>
    <row r="624695" spans="14:14">
      <c r="N624695" s="10"/>
    </row>
    <row r="624696" spans="14:14">
      <c r="N624696" s="10"/>
    </row>
    <row r="624697" spans="14:14">
      <c r="N624697" s="10"/>
    </row>
    <row r="624698" spans="14:14">
      <c r="N624698" s="10"/>
    </row>
    <row r="624699" spans="14:14">
      <c r="N624699" s="10"/>
    </row>
    <row r="624700" spans="14:14">
      <c r="N624700" s="10"/>
    </row>
    <row r="624701" spans="14:14">
      <c r="N624701" s="10"/>
    </row>
    <row r="624702" spans="14:14">
      <c r="N624702" s="10"/>
    </row>
    <row r="624703" spans="14:14">
      <c r="N624703" s="10"/>
    </row>
    <row r="624704" spans="14:14">
      <c r="N624704" s="10"/>
    </row>
    <row r="624705" spans="14:14">
      <c r="N624705" s="10"/>
    </row>
    <row r="624706" spans="14:14">
      <c r="N624706" s="10"/>
    </row>
    <row r="624707" spans="14:14">
      <c r="N624707" s="10"/>
    </row>
    <row r="624708" spans="14:14">
      <c r="N624708" s="10"/>
    </row>
    <row r="624709" spans="14:14">
      <c r="N624709" s="10"/>
    </row>
    <row r="624710" spans="14:14">
      <c r="N624710" s="10"/>
    </row>
    <row r="624711" spans="14:14">
      <c r="N624711" s="10"/>
    </row>
    <row r="624712" spans="14:14">
      <c r="N624712" s="10"/>
    </row>
    <row r="624713" spans="14:14">
      <c r="N624713" s="10"/>
    </row>
    <row r="624714" spans="14:14">
      <c r="N624714" s="10"/>
    </row>
    <row r="624715" spans="14:14">
      <c r="N624715" s="10"/>
    </row>
    <row r="624716" spans="14:14">
      <c r="N624716" s="10"/>
    </row>
    <row r="624717" spans="14:14">
      <c r="N624717" s="10"/>
    </row>
    <row r="624718" spans="14:14">
      <c r="N624718" s="10"/>
    </row>
    <row r="624719" spans="14:14">
      <c r="N624719" s="10"/>
    </row>
    <row r="624720" spans="14:14">
      <c r="N624720" s="10"/>
    </row>
    <row r="624721" spans="14:14">
      <c r="N624721" s="10"/>
    </row>
    <row r="624722" spans="14:14">
      <c r="N624722" s="10"/>
    </row>
    <row r="624723" spans="14:14">
      <c r="N624723" s="10"/>
    </row>
    <row r="624724" spans="14:14">
      <c r="N624724" s="10"/>
    </row>
    <row r="624725" spans="14:14">
      <c r="N624725" s="10"/>
    </row>
    <row r="624726" spans="14:14">
      <c r="N624726" s="10"/>
    </row>
    <row r="624727" spans="14:14">
      <c r="N624727" s="10"/>
    </row>
    <row r="624728" spans="14:14">
      <c r="N624728" s="10"/>
    </row>
    <row r="624729" spans="14:14">
      <c r="N624729" s="10"/>
    </row>
    <row r="624730" spans="14:14">
      <c r="N624730" s="10"/>
    </row>
    <row r="624731" spans="14:14">
      <c r="N624731" s="10"/>
    </row>
    <row r="624732" spans="14:14">
      <c r="N624732" s="10"/>
    </row>
    <row r="624733" spans="14:14">
      <c r="N624733" s="10"/>
    </row>
    <row r="624734" spans="14:14">
      <c r="N624734" s="10"/>
    </row>
    <row r="624735" spans="14:14">
      <c r="N624735" s="10"/>
    </row>
    <row r="624736" spans="14:14">
      <c r="N624736" s="10"/>
    </row>
    <row r="624737" spans="14:14">
      <c r="N624737" s="10"/>
    </row>
    <row r="624738" spans="14:14">
      <c r="N624738" s="10"/>
    </row>
    <row r="624739" spans="14:14">
      <c r="N624739" s="10"/>
    </row>
    <row r="624740" spans="14:14">
      <c r="N624740" s="10"/>
    </row>
    <row r="624741" spans="14:14">
      <c r="N624741" s="10"/>
    </row>
    <row r="624742" spans="14:14">
      <c r="N624742" s="10"/>
    </row>
    <row r="624743" spans="14:14">
      <c r="N624743" s="10"/>
    </row>
    <row r="624744" spans="14:14">
      <c r="N624744" s="10"/>
    </row>
    <row r="624745" spans="14:14">
      <c r="N624745" s="10"/>
    </row>
    <row r="624746" spans="14:14">
      <c r="N624746" s="10"/>
    </row>
    <row r="624747" spans="14:14">
      <c r="N624747" s="10"/>
    </row>
    <row r="624748" spans="14:14">
      <c r="N624748" s="10"/>
    </row>
    <row r="624749" spans="14:14">
      <c r="N624749" s="10"/>
    </row>
    <row r="624750" spans="14:14">
      <c r="N624750" s="10"/>
    </row>
    <row r="624751" spans="14:14">
      <c r="N624751" s="10"/>
    </row>
    <row r="624752" spans="14:14">
      <c r="N624752" s="10"/>
    </row>
    <row r="624753" spans="14:14">
      <c r="N624753" s="10"/>
    </row>
    <row r="624754" spans="14:14">
      <c r="N624754" s="10"/>
    </row>
    <row r="624755" spans="14:14">
      <c r="N624755" s="10"/>
    </row>
    <row r="624756" spans="14:14">
      <c r="N624756" s="10"/>
    </row>
    <row r="624757" spans="14:14">
      <c r="N624757" s="10"/>
    </row>
    <row r="624758" spans="14:14">
      <c r="N624758" s="10"/>
    </row>
    <row r="624759" spans="14:14">
      <c r="N624759" s="10"/>
    </row>
    <row r="624760" spans="14:14">
      <c r="N624760" s="10"/>
    </row>
    <row r="624761" spans="14:14">
      <c r="N624761" s="10"/>
    </row>
    <row r="624762" spans="14:14">
      <c r="N624762" s="10"/>
    </row>
    <row r="624763" spans="14:14">
      <c r="N624763" s="10"/>
    </row>
    <row r="624764" spans="14:14">
      <c r="N624764" s="10"/>
    </row>
    <row r="624765" spans="14:14">
      <c r="N624765" s="10"/>
    </row>
    <row r="624766" spans="14:14">
      <c r="N624766" s="10"/>
    </row>
    <row r="624767" spans="14:14">
      <c r="N624767" s="10"/>
    </row>
    <row r="624768" spans="14:14">
      <c r="N624768" s="10"/>
    </row>
    <row r="624769" spans="14:14">
      <c r="N624769" s="10"/>
    </row>
    <row r="624770" spans="14:14">
      <c r="N624770" s="10"/>
    </row>
    <row r="624771" spans="14:14">
      <c r="N624771" s="10"/>
    </row>
    <row r="624772" spans="14:14">
      <c r="N624772" s="10"/>
    </row>
    <row r="624773" spans="14:14">
      <c r="N624773" s="10"/>
    </row>
    <row r="624774" spans="14:14">
      <c r="N624774" s="10"/>
    </row>
    <row r="624775" spans="14:14">
      <c r="N624775" s="10"/>
    </row>
    <row r="624776" spans="14:14">
      <c r="N624776" s="10"/>
    </row>
    <row r="624777" spans="14:14">
      <c r="N624777" s="10"/>
    </row>
    <row r="624778" spans="14:14">
      <c r="N624778" s="10"/>
    </row>
    <row r="624779" spans="14:14">
      <c r="N624779" s="10"/>
    </row>
    <row r="624780" spans="14:14">
      <c r="N624780" s="10"/>
    </row>
    <row r="624781" spans="14:14">
      <c r="N624781" s="10"/>
    </row>
    <row r="624782" spans="14:14">
      <c r="N624782" s="10"/>
    </row>
    <row r="624783" spans="14:14">
      <c r="N624783" s="10"/>
    </row>
    <row r="624784" spans="14:14">
      <c r="N624784" s="10"/>
    </row>
    <row r="624785" spans="14:14">
      <c r="N624785" s="10"/>
    </row>
    <row r="624786" spans="14:14">
      <c r="N624786" s="10"/>
    </row>
    <row r="624787" spans="14:14">
      <c r="N624787" s="10"/>
    </row>
    <row r="624788" spans="14:14">
      <c r="N624788" s="10"/>
    </row>
    <row r="624789" spans="14:14">
      <c r="N624789" s="10"/>
    </row>
    <row r="624790" spans="14:14">
      <c r="N624790" s="10"/>
    </row>
    <row r="624791" spans="14:14">
      <c r="N624791" s="10"/>
    </row>
    <row r="624792" spans="14:14">
      <c r="N624792" s="10"/>
    </row>
    <row r="624793" spans="14:14">
      <c r="N624793" s="10"/>
    </row>
    <row r="624794" spans="14:14">
      <c r="N624794" s="10"/>
    </row>
    <row r="624795" spans="14:14">
      <c r="N624795" s="10"/>
    </row>
    <row r="624796" spans="14:14">
      <c r="N624796" s="10"/>
    </row>
    <row r="624797" spans="14:14">
      <c r="N624797" s="10"/>
    </row>
    <row r="624798" spans="14:14">
      <c r="N624798" s="10"/>
    </row>
    <row r="624799" spans="14:14">
      <c r="N624799" s="10"/>
    </row>
    <row r="624800" spans="14:14">
      <c r="N624800" s="10"/>
    </row>
    <row r="624801" spans="14:14">
      <c r="N624801" s="10"/>
    </row>
    <row r="624802" spans="14:14">
      <c r="N624802" s="10"/>
    </row>
    <row r="624803" spans="14:14">
      <c r="N624803" s="10"/>
    </row>
    <row r="624804" spans="14:14">
      <c r="N624804" s="10"/>
    </row>
    <row r="624805" spans="14:14">
      <c r="N624805" s="10"/>
    </row>
    <row r="624806" spans="14:14">
      <c r="N624806" s="10"/>
    </row>
    <row r="624807" spans="14:14">
      <c r="N624807" s="10"/>
    </row>
    <row r="624808" spans="14:14">
      <c r="N624808" s="10"/>
    </row>
    <row r="624809" spans="14:14">
      <c r="N624809" s="10"/>
    </row>
    <row r="624810" spans="14:14">
      <c r="N624810" s="10"/>
    </row>
    <row r="624811" spans="14:14">
      <c r="N624811" s="10"/>
    </row>
    <row r="624812" spans="14:14">
      <c r="N624812" s="10"/>
    </row>
    <row r="624813" spans="14:14">
      <c r="N624813" s="10"/>
    </row>
    <row r="624814" spans="14:14">
      <c r="N624814" s="10"/>
    </row>
    <row r="624815" spans="14:14">
      <c r="N624815" s="10"/>
    </row>
    <row r="624816" spans="14:14">
      <c r="N624816" s="10"/>
    </row>
    <row r="624817" spans="14:14">
      <c r="N624817" s="10"/>
    </row>
    <row r="624818" spans="14:14">
      <c r="N624818" s="10"/>
    </row>
    <row r="624819" spans="14:14">
      <c r="N624819" s="10"/>
    </row>
    <row r="624820" spans="14:14">
      <c r="N624820" s="10"/>
    </row>
    <row r="624821" spans="14:14">
      <c r="N624821" s="10"/>
    </row>
    <row r="624822" spans="14:14">
      <c r="N624822" s="10"/>
    </row>
    <row r="624823" spans="14:14">
      <c r="N624823" s="10"/>
    </row>
    <row r="624824" spans="14:14">
      <c r="N624824" s="10"/>
    </row>
    <row r="624825" spans="14:14">
      <c r="N624825" s="10"/>
    </row>
    <row r="624826" spans="14:14">
      <c r="N624826" s="10"/>
    </row>
    <row r="624827" spans="14:14">
      <c r="N624827" s="10"/>
    </row>
    <row r="624828" spans="14:14">
      <c r="N624828" s="10"/>
    </row>
    <row r="624829" spans="14:14">
      <c r="N624829" s="10"/>
    </row>
    <row r="624830" spans="14:14">
      <c r="N624830" s="10"/>
    </row>
    <row r="624831" spans="14:14">
      <c r="N624831" s="10"/>
    </row>
    <row r="624832" spans="14:14">
      <c r="N624832" s="10"/>
    </row>
    <row r="624833" spans="14:14">
      <c r="N624833" s="10"/>
    </row>
    <row r="624834" spans="14:14">
      <c r="N624834" s="10"/>
    </row>
    <row r="624835" spans="14:14">
      <c r="N624835" s="10"/>
    </row>
    <row r="624836" spans="14:14">
      <c r="N624836" s="10"/>
    </row>
    <row r="624837" spans="14:14">
      <c r="N624837" s="10"/>
    </row>
    <row r="624838" spans="14:14">
      <c r="N624838" s="10"/>
    </row>
    <row r="624839" spans="14:14">
      <c r="N624839" s="10"/>
    </row>
    <row r="624840" spans="14:14">
      <c r="N624840" s="10"/>
    </row>
    <row r="624841" spans="14:14">
      <c r="N624841" s="10"/>
    </row>
    <row r="624842" spans="14:14">
      <c r="N624842" s="10"/>
    </row>
    <row r="624843" spans="14:14">
      <c r="N624843" s="10"/>
    </row>
    <row r="624844" spans="14:14">
      <c r="N624844" s="10"/>
    </row>
    <row r="624845" spans="14:14">
      <c r="N624845" s="10"/>
    </row>
    <row r="624846" spans="14:14">
      <c r="N624846" s="10"/>
    </row>
    <row r="624847" spans="14:14">
      <c r="N624847" s="10"/>
    </row>
    <row r="624848" spans="14:14">
      <c r="N624848" s="10"/>
    </row>
    <row r="624849" spans="14:14">
      <c r="N624849" s="10"/>
    </row>
    <row r="624850" spans="14:14">
      <c r="N624850" s="10"/>
    </row>
    <row r="624851" spans="14:14">
      <c r="N624851" s="10"/>
    </row>
    <row r="624852" spans="14:14">
      <c r="N624852" s="10"/>
    </row>
    <row r="624853" spans="14:14">
      <c r="N624853" s="10"/>
    </row>
    <row r="624854" spans="14:14">
      <c r="N624854" s="10"/>
    </row>
    <row r="624855" spans="14:14">
      <c r="N624855" s="10"/>
    </row>
    <row r="624856" spans="14:14">
      <c r="N624856" s="10"/>
    </row>
    <row r="624857" spans="14:14">
      <c r="N624857" s="10"/>
    </row>
    <row r="624858" spans="14:14">
      <c r="N624858" s="10"/>
    </row>
    <row r="624859" spans="14:14">
      <c r="N624859" s="10"/>
    </row>
    <row r="624860" spans="14:14">
      <c r="N624860" s="10"/>
    </row>
    <row r="624861" spans="14:14">
      <c r="N624861" s="10"/>
    </row>
    <row r="624862" spans="14:14">
      <c r="N624862" s="10"/>
    </row>
    <row r="624863" spans="14:14">
      <c r="N624863" s="10"/>
    </row>
    <row r="624864" spans="14:14">
      <c r="N624864" s="10"/>
    </row>
    <row r="624865" spans="14:14">
      <c r="N624865" s="10"/>
    </row>
    <row r="624866" spans="14:14">
      <c r="N624866" s="10"/>
    </row>
    <row r="624867" spans="14:14">
      <c r="N624867" s="10"/>
    </row>
    <row r="624868" spans="14:14">
      <c r="N624868" s="10"/>
    </row>
    <row r="624869" spans="14:14">
      <c r="N624869" s="10"/>
    </row>
    <row r="624870" spans="14:14">
      <c r="N624870" s="10"/>
    </row>
    <row r="624871" spans="14:14">
      <c r="N624871" s="10"/>
    </row>
    <row r="624872" spans="14:14">
      <c r="N624872" s="10"/>
    </row>
    <row r="624873" spans="14:14">
      <c r="N624873" s="10"/>
    </row>
    <row r="624874" spans="14:14">
      <c r="N624874" s="10"/>
    </row>
    <row r="624875" spans="14:14">
      <c r="N624875" s="10"/>
    </row>
    <row r="624876" spans="14:14">
      <c r="N624876" s="10"/>
    </row>
    <row r="624877" spans="14:14">
      <c r="N624877" s="10"/>
    </row>
    <row r="624878" spans="14:14">
      <c r="N624878" s="10"/>
    </row>
    <row r="624879" spans="14:14">
      <c r="N624879" s="10"/>
    </row>
    <row r="624880" spans="14:14">
      <c r="N624880" s="10"/>
    </row>
    <row r="624881" spans="14:14">
      <c r="N624881" s="10"/>
    </row>
    <row r="624882" spans="14:14">
      <c r="N624882" s="10"/>
    </row>
    <row r="624883" spans="14:14">
      <c r="N624883" s="10"/>
    </row>
    <row r="624884" spans="14:14">
      <c r="N624884" s="10"/>
    </row>
    <row r="624885" spans="14:14">
      <c r="N624885" s="10"/>
    </row>
    <row r="624886" spans="14:14">
      <c r="N624886" s="10"/>
    </row>
    <row r="624887" spans="14:14">
      <c r="N624887" s="10"/>
    </row>
    <row r="624888" spans="14:14">
      <c r="N624888" s="10"/>
    </row>
    <row r="624889" spans="14:14">
      <c r="N624889" s="10"/>
    </row>
    <row r="624890" spans="14:14">
      <c r="N624890" s="10"/>
    </row>
    <row r="624891" spans="14:14">
      <c r="N624891" s="10"/>
    </row>
    <row r="624892" spans="14:14">
      <c r="N624892" s="10"/>
    </row>
    <row r="624893" spans="14:14">
      <c r="N624893" s="10"/>
    </row>
    <row r="624894" spans="14:14">
      <c r="N624894" s="10"/>
    </row>
    <row r="624895" spans="14:14">
      <c r="N624895" s="10"/>
    </row>
    <row r="624896" spans="14:14">
      <c r="N624896" s="10"/>
    </row>
    <row r="624897" spans="14:14">
      <c r="N624897" s="10"/>
    </row>
    <row r="624898" spans="14:14">
      <c r="N624898" s="10"/>
    </row>
    <row r="624899" spans="14:14">
      <c r="N624899" s="10"/>
    </row>
    <row r="624900" spans="14:14">
      <c r="N624900" s="10"/>
    </row>
    <row r="624901" spans="14:14">
      <c r="N624901" s="10"/>
    </row>
    <row r="624902" spans="14:14">
      <c r="N624902" s="10"/>
    </row>
    <row r="624903" spans="14:14">
      <c r="N624903" s="10"/>
    </row>
    <row r="624904" spans="14:14">
      <c r="N624904" s="10"/>
    </row>
    <row r="624905" spans="14:14">
      <c r="N624905" s="10"/>
    </row>
    <row r="624906" spans="14:14">
      <c r="N624906" s="10"/>
    </row>
    <row r="624907" spans="14:14">
      <c r="N624907" s="10"/>
    </row>
    <row r="624908" spans="14:14">
      <c r="N624908" s="10"/>
    </row>
    <row r="624909" spans="14:14">
      <c r="N624909" s="10"/>
    </row>
    <row r="624910" spans="14:14">
      <c r="N624910" s="10"/>
    </row>
    <row r="624911" spans="14:14">
      <c r="N624911" s="10"/>
    </row>
    <row r="624912" spans="14:14">
      <c r="N624912" s="10"/>
    </row>
    <row r="624913" spans="14:14">
      <c r="N624913" s="10"/>
    </row>
    <row r="624914" spans="14:14">
      <c r="N624914" s="10"/>
    </row>
    <row r="624915" spans="14:14">
      <c r="N624915" s="10"/>
    </row>
    <row r="624916" spans="14:14">
      <c r="N624916" s="10"/>
    </row>
    <row r="624917" spans="14:14">
      <c r="N624917" s="10"/>
    </row>
    <row r="624918" spans="14:14">
      <c r="N624918" s="10"/>
    </row>
    <row r="624919" spans="14:14">
      <c r="N624919" s="10"/>
    </row>
    <row r="624920" spans="14:14">
      <c r="N624920" s="10"/>
    </row>
    <row r="624921" spans="14:14">
      <c r="N624921" s="10"/>
    </row>
    <row r="624922" spans="14:14">
      <c r="N624922" s="10"/>
    </row>
    <row r="624923" spans="14:14">
      <c r="N624923" s="10"/>
    </row>
    <row r="624924" spans="14:14">
      <c r="N624924" s="10"/>
    </row>
    <row r="624925" spans="14:14">
      <c r="N624925" s="10"/>
    </row>
    <row r="624926" spans="14:14">
      <c r="N624926" s="10"/>
    </row>
    <row r="624927" spans="14:14">
      <c r="N624927" s="10"/>
    </row>
    <row r="624928" spans="14:14">
      <c r="N624928" s="10"/>
    </row>
    <row r="624929" spans="14:14">
      <c r="N624929" s="10"/>
    </row>
    <row r="624930" spans="14:14">
      <c r="N624930" s="10"/>
    </row>
    <row r="624931" spans="14:14">
      <c r="N624931" s="10"/>
    </row>
    <row r="624932" spans="14:14">
      <c r="N624932" s="10"/>
    </row>
    <row r="624933" spans="14:14">
      <c r="N624933" s="10"/>
    </row>
    <row r="624934" spans="14:14">
      <c r="N624934" s="10"/>
    </row>
    <row r="624935" spans="14:14">
      <c r="N624935" s="10"/>
    </row>
    <row r="624936" spans="14:14">
      <c r="N624936" s="10"/>
    </row>
    <row r="624937" spans="14:14">
      <c r="N624937" s="10"/>
    </row>
    <row r="624938" spans="14:14">
      <c r="N624938" s="10"/>
    </row>
    <row r="624939" spans="14:14">
      <c r="N624939" s="10"/>
    </row>
    <row r="624940" spans="14:14">
      <c r="N624940" s="10"/>
    </row>
    <row r="624941" spans="14:14">
      <c r="N624941" s="10"/>
    </row>
    <row r="624942" spans="14:14">
      <c r="N624942" s="10"/>
    </row>
    <row r="624943" spans="14:14">
      <c r="N624943" s="10"/>
    </row>
    <row r="624944" spans="14:14">
      <c r="N624944" s="10"/>
    </row>
    <row r="624945" spans="14:14">
      <c r="N624945" s="10"/>
    </row>
    <row r="624946" spans="14:14">
      <c r="N624946" s="10"/>
    </row>
    <row r="624947" spans="14:14">
      <c r="N624947" s="10"/>
    </row>
    <row r="624948" spans="14:14">
      <c r="N624948" s="10"/>
    </row>
    <row r="624949" spans="14:14">
      <c r="N624949" s="10"/>
    </row>
    <row r="624950" spans="14:14">
      <c r="N624950" s="10"/>
    </row>
    <row r="624951" spans="14:14">
      <c r="N624951" s="10"/>
    </row>
    <row r="624952" spans="14:14">
      <c r="N624952" s="10"/>
    </row>
    <row r="624953" spans="14:14">
      <c r="N624953" s="10"/>
    </row>
    <row r="624954" spans="14:14">
      <c r="N624954" s="10"/>
    </row>
    <row r="624955" spans="14:14">
      <c r="N624955" s="10"/>
    </row>
    <row r="624956" spans="14:14">
      <c r="N624956" s="10"/>
    </row>
    <row r="624957" spans="14:14">
      <c r="N624957" s="10"/>
    </row>
    <row r="624958" spans="14:14">
      <c r="N624958" s="10"/>
    </row>
    <row r="624959" spans="14:14">
      <c r="N624959" s="10"/>
    </row>
    <row r="624960" spans="14:14">
      <c r="N624960" s="10"/>
    </row>
    <row r="624961" spans="14:14">
      <c r="N624961" s="10"/>
    </row>
    <row r="624962" spans="14:14">
      <c r="N624962" s="10"/>
    </row>
    <row r="624963" spans="14:14">
      <c r="N624963" s="10"/>
    </row>
    <row r="624964" spans="14:14">
      <c r="N624964" s="10"/>
    </row>
    <row r="624965" spans="14:14">
      <c r="N624965" s="10"/>
    </row>
    <row r="624966" spans="14:14">
      <c r="N624966" s="10"/>
    </row>
    <row r="624967" spans="14:14">
      <c r="N624967" s="10"/>
    </row>
    <row r="624968" spans="14:14">
      <c r="N624968" s="10"/>
    </row>
    <row r="624969" spans="14:14">
      <c r="N624969" s="10"/>
    </row>
    <row r="624970" spans="14:14">
      <c r="N624970" s="10"/>
    </row>
    <row r="624971" spans="14:14">
      <c r="N624971" s="10"/>
    </row>
    <row r="624972" spans="14:14">
      <c r="N624972" s="10"/>
    </row>
    <row r="624973" spans="14:14">
      <c r="N624973" s="10"/>
    </row>
    <row r="624974" spans="14:14">
      <c r="N624974" s="10"/>
    </row>
    <row r="624975" spans="14:14">
      <c r="N624975" s="10"/>
    </row>
    <row r="624976" spans="14:14">
      <c r="N624976" s="10"/>
    </row>
    <row r="624977" spans="14:14">
      <c r="N624977" s="10"/>
    </row>
    <row r="624978" spans="14:14">
      <c r="N624978" s="10"/>
    </row>
    <row r="624979" spans="14:14">
      <c r="N624979" s="10"/>
    </row>
    <row r="624980" spans="14:14">
      <c r="N624980" s="10"/>
    </row>
    <row r="624981" spans="14:14">
      <c r="N624981" s="10"/>
    </row>
    <row r="624982" spans="14:14">
      <c r="N624982" s="10"/>
    </row>
    <row r="624983" spans="14:14">
      <c r="N624983" s="10"/>
    </row>
    <row r="624984" spans="14:14">
      <c r="N624984" s="10"/>
    </row>
    <row r="624985" spans="14:14">
      <c r="N624985" s="10"/>
    </row>
    <row r="624986" spans="14:14">
      <c r="N624986" s="10"/>
    </row>
    <row r="624987" spans="14:14">
      <c r="N624987" s="10"/>
    </row>
    <row r="624988" spans="14:14">
      <c r="N624988" s="10"/>
    </row>
    <row r="624989" spans="14:14">
      <c r="N624989" s="10"/>
    </row>
    <row r="624990" spans="14:14">
      <c r="N624990" s="10"/>
    </row>
    <row r="624991" spans="14:14">
      <c r="N624991" s="10"/>
    </row>
    <row r="624992" spans="14:14">
      <c r="N624992" s="10"/>
    </row>
    <row r="624993" spans="14:14">
      <c r="N624993" s="10"/>
    </row>
    <row r="624994" spans="14:14">
      <c r="N624994" s="10"/>
    </row>
    <row r="624995" spans="14:14">
      <c r="N624995" s="10"/>
    </row>
    <row r="624996" spans="14:14">
      <c r="N624996" s="10"/>
    </row>
    <row r="624997" spans="14:14">
      <c r="N624997" s="10"/>
    </row>
    <row r="624998" spans="14:14">
      <c r="N624998" s="10"/>
    </row>
    <row r="624999" spans="14:14">
      <c r="N624999" s="10"/>
    </row>
    <row r="625000" spans="14:14">
      <c r="N625000" s="10"/>
    </row>
    <row r="625001" spans="14:14">
      <c r="N625001" s="10"/>
    </row>
    <row r="625002" spans="14:14">
      <c r="N625002" s="10"/>
    </row>
    <row r="625003" spans="14:14">
      <c r="N625003" s="10"/>
    </row>
    <row r="625004" spans="14:14">
      <c r="N625004" s="10"/>
    </row>
    <row r="625005" spans="14:14">
      <c r="N625005" s="10"/>
    </row>
    <row r="625006" spans="14:14">
      <c r="N625006" s="10"/>
    </row>
    <row r="625007" spans="14:14">
      <c r="N625007" s="10"/>
    </row>
    <row r="625008" spans="14:14">
      <c r="N625008" s="10"/>
    </row>
    <row r="625009" spans="14:14">
      <c r="N625009" s="10"/>
    </row>
    <row r="625010" spans="14:14">
      <c r="N625010" s="10"/>
    </row>
    <row r="625011" spans="14:14">
      <c r="N625011" s="10"/>
    </row>
    <row r="625012" spans="14:14">
      <c r="N625012" s="10"/>
    </row>
    <row r="625013" spans="14:14">
      <c r="N625013" s="10"/>
    </row>
    <row r="625014" spans="14:14">
      <c r="N625014" s="10"/>
    </row>
    <row r="625015" spans="14:14">
      <c r="N625015" s="10"/>
    </row>
    <row r="625016" spans="14:14">
      <c r="N625016" s="10"/>
    </row>
    <row r="625017" spans="14:14">
      <c r="N625017" s="10"/>
    </row>
    <row r="625018" spans="14:14">
      <c r="N625018" s="10"/>
    </row>
    <row r="625019" spans="14:14">
      <c r="N625019" s="10"/>
    </row>
    <row r="625020" spans="14:14">
      <c r="N625020" s="10"/>
    </row>
    <row r="625021" spans="14:14">
      <c r="N625021" s="10"/>
    </row>
    <row r="625022" spans="14:14">
      <c r="N625022" s="10"/>
    </row>
    <row r="625023" spans="14:14">
      <c r="N625023" s="10"/>
    </row>
    <row r="625024" spans="14:14">
      <c r="N625024" s="10"/>
    </row>
    <row r="625025" spans="14:14">
      <c r="N625025" s="10"/>
    </row>
    <row r="625026" spans="14:14">
      <c r="N625026" s="10"/>
    </row>
    <row r="625027" spans="14:14">
      <c r="N625027" s="10"/>
    </row>
    <row r="625028" spans="14:14">
      <c r="N625028" s="10"/>
    </row>
    <row r="625029" spans="14:14">
      <c r="N625029" s="10"/>
    </row>
    <row r="625030" spans="14:14">
      <c r="N625030" s="10"/>
    </row>
    <row r="625031" spans="14:14">
      <c r="N625031" s="10"/>
    </row>
    <row r="625032" spans="14:14">
      <c r="N625032" s="10"/>
    </row>
    <row r="625033" spans="14:14">
      <c r="N625033" s="10"/>
    </row>
    <row r="625034" spans="14:14">
      <c r="N625034" s="10"/>
    </row>
    <row r="625035" spans="14:14">
      <c r="N625035" s="10"/>
    </row>
    <row r="625036" spans="14:14">
      <c r="N625036" s="10"/>
    </row>
    <row r="625037" spans="14:14">
      <c r="N625037" s="10"/>
    </row>
    <row r="625038" spans="14:14">
      <c r="N625038" s="10"/>
    </row>
    <row r="625039" spans="14:14">
      <c r="N625039" s="10"/>
    </row>
    <row r="625040" spans="14:14">
      <c r="N625040" s="10"/>
    </row>
    <row r="625041" spans="14:14">
      <c r="N625041" s="10"/>
    </row>
    <row r="625042" spans="14:14">
      <c r="N625042" s="10"/>
    </row>
    <row r="625043" spans="14:14">
      <c r="N625043" s="10"/>
    </row>
    <row r="625044" spans="14:14">
      <c r="N625044" s="10"/>
    </row>
    <row r="625045" spans="14:14">
      <c r="N625045" s="10"/>
    </row>
    <row r="625046" spans="14:14">
      <c r="N625046" s="10"/>
    </row>
    <row r="625047" spans="14:14">
      <c r="N625047" s="10"/>
    </row>
    <row r="625048" spans="14:14">
      <c r="N625048" s="10"/>
    </row>
    <row r="625049" spans="14:14">
      <c r="N625049" s="10"/>
    </row>
    <row r="625050" spans="14:14">
      <c r="N625050" s="10"/>
    </row>
    <row r="625051" spans="14:14">
      <c r="N625051" s="10"/>
    </row>
    <row r="625052" spans="14:14">
      <c r="N625052" s="10"/>
    </row>
    <row r="625053" spans="14:14">
      <c r="N625053" s="10"/>
    </row>
    <row r="625054" spans="14:14">
      <c r="N625054" s="10"/>
    </row>
    <row r="625055" spans="14:14">
      <c r="N625055" s="10"/>
    </row>
    <row r="625056" spans="14:14">
      <c r="N625056" s="10"/>
    </row>
    <row r="625057" spans="14:14">
      <c r="N625057" s="10"/>
    </row>
    <row r="625058" spans="14:14">
      <c r="N625058" s="10"/>
    </row>
    <row r="625059" spans="14:14">
      <c r="N625059" s="10"/>
    </row>
    <row r="625060" spans="14:14">
      <c r="N625060" s="10"/>
    </row>
    <row r="625061" spans="14:14">
      <c r="N625061" s="10"/>
    </row>
    <row r="625062" spans="14:14">
      <c r="N625062" s="10"/>
    </row>
    <row r="625063" spans="14:14">
      <c r="N625063" s="10"/>
    </row>
    <row r="625064" spans="14:14">
      <c r="N625064" s="10"/>
    </row>
    <row r="625065" spans="14:14">
      <c r="N625065" s="10"/>
    </row>
    <row r="625066" spans="14:14">
      <c r="N625066" s="10"/>
    </row>
    <row r="625067" spans="14:14">
      <c r="N625067" s="10"/>
    </row>
    <row r="625068" spans="14:14">
      <c r="N625068" s="10"/>
    </row>
    <row r="625069" spans="14:14">
      <c r="N625069" s="10"/>
    </row>
    <row r="625070" spans="14:14">
      <c r="N625070" s="10"/>
    </row>
    <row r="625071" spans="14:14">
      <c r="N625071" s="10"/>
    </row>
    <row r="625072" spans="14:14">
      <c r="N625072" s="10"/>
    </row>
    <row r="625073" spans="14:14">
      <c r="N625073" s="10"/>
    </row>
    <row r="625074" spans="14:14">
      <c r="N625074" s="10"/>
    </row>
    <row r="625075" spans="14:14">
      <c r="N625075" s="10"/>
    </row>
    <row r="625076" spans="14:14">
      <c r="N625076" s="10"/>
    </row>
    <row r="625077" spans="14:14">
      <c r="N625077" s="10"/>
    </row>
    <row r="625078" spans="14:14">
      <c r="N625078" s="10"/>
    </row>
    <row r="625079" spans="14:14">
      <c r="N625079" s="10"/>
    </row>
    <row r="625080" spans="14:14">
      <c r="N625080" s="10"/>
    </row>
    <row r="625081" spans="14:14">
      <c r="N625081" s="10"/>
    </row>
    <row r="625082" spans="14:14">
      <c r="N625082" s="10"/>
    </row>
    <row r="625083" spans="14:14">
      <c r="N625083" s="10"/>
    </row>
    <row r="625084" spans="14:14">
      <c r="N625084" s="10"/>
    </row>
    <row r="625085" spans="14:14">
      <c r="N625085" s="10"/>
    </row>
    <row r="625086" spans="14:14">
      <c r="N625086" s="10"/>
    </row>
    <row r="625087" spans="14:14">
      <c r="N625087" s="10"/>
    </row>
    <row r="625088" spans="14:14">
      <c r="N625088" s="10"/>
    </row>
    <row r="625089" spans="14:14">
      <c r="N625089" s="10"/>
    </row>
    <row r="625090" spans="14:14">
      <c r="N625090" s="10"/>
    </row>
    <row r="625091" spans="14:14">
      <c r="N625091" s="10"/>
    </row>
    <row r="625092" spans="14:14">
      <c r="N625092" s="10"/>
    </row>
    <row r="625093" spans="14:14">
      <c r="N625093" s="10"/>
    </row>
    <row r="625094" spans="14:14">
      <c r="N625094" s="10"/>
    </row>
    <row r="625095" spans="14:14">
      <c r="N625095" s="10"/>
    </row>
    <row r="625096" spans="14:14">
      <c r="N625096" s="10"/>
    </row>
    <row r="625097" spans="14:14">
      <c r="N625097" s="10"/>
    </row>
    <row r="625098" spans="14:14">
      <c r="N625098" s="10"/>
    </row>
    <row r="625099" spans="14:14">
      <c r="N625099" s="10"/>
    </row>
    <row r="625100" spans="14:14">
      <c r="N625100" s="10"/>
    </row>
    <row r="625101" spans="14:14">
      <c r="N625101" s="10"/>
    </row>
    <row r="625102" spans="14:14">
      <c r="N625102" s="10"/>
    </row>
    <row r="625103" spans="14:14">
      <c r="N625103" s="10"/>
    </row>
    <row r="625104" spans="14:14">
      <c r="N625104" s="10"/>
    </row>
    <row r="625105" spans="14:14">
      <c r="N625105" s="10"/>
    </row>
    <row r="625106" spans="14:14">
      <c r="N625106" s="10"/>
    </row>
    <row r="625107" spans="14:14">
      <c r="N625107" s="10"/>
    </row>
    <row r="625108" spans="14:14">
      <c r="N625108" s="10"/>
    </row>
    <row r="625109" spans="14:14">
      <c r="N625109" s="10"/>
    </row>
    <row r="625110" spans="14:14">
      <c r="N625110" s="10"/>
    </row>
    <row r="625111" spans="14:14">
      <c r="N625111" s="10"/>
    </row>
    <row r="625112" spans="14:14">
      <c r="N625112" s="10"/>
    </row>
    <row r="625113" spans="14:14">
      <c r="N625113" s="10"/>
    </row>
    <row r="625114" spans="14:14">
      <c r="N625114" s="10"/>
    </row>
    <row r="625115" spans="14:14">
      <c r="N625115" s="10"/>
    </row>
    <row r="625116" spans="14:14">
      <c r="N625116" s="10"/>
    </row>
    <row r="625117" spans="14:14">
      <c r="N625117" s="10"/>
    </row>
    <row r="625118" spans="14:14">
      <c r="N625118" s="10"/>
    </row>
    <row r="625119" spans="14:14">
      <c r="N625119" s="10"/>
    </row>
    <row r="625120" spans="14:14">
      <c r="N625120" s="10"/>
    </row>
    <row r="625121" spans="14:14">
      <c r="N625121" s="10"/>
    </row>
    <row r="625122" spans="14:14">
      <c r="N625122" s="10"/>
    </row>
    <row r="625123" spans="14:14">
      <c r="N625123" s="10"/>
    </row>
    <row r="625124" spans="14:14">
      <c r="N625124" s="10"/>
    </row>
    <row r="625125" spans="14:14">
      <c r="N625125" s="10"/>
    </row>
    <row r="625126" spans="14:14">
      <c r="N625126" s="10"/>
    </row>
    <row r="625127" spans="14:14">
      <c r="N625127" s="10"/>
    </row>
    <row r="625128" spans="14:14">
      <c r="N625128" s="10"/>
    </row>
    <row r="625129" spans="14:14">
      <c r="N625129" s="10"/>
    </row>
    <row r="625130" spans="14:14">
      <c r="N625130" s="10"/>
    </row>
    <row r="625131" spans="14:14">
      <c r="N625131" s="10"/>
    </row>
    <row r="625132" spans="14:14">
      <c r="N625132" s="10"/>
    </row>
    <row r="625133" spans="14:14">
      <c r="N625133" s="10"/>
    </row>
    <row r="625134" spans="14:14">
      <c r="N625134" s="10"/>
    </row>
    <row r="625135" spans="14:14">
      <c r="N625135" s="10"/>
    </row>
    <row r="625136" spans="14:14">
      <c r="N625136" s="10"/>
    </row>
    <row r="625137" spans="14:14">
      <c r="N625137" s="10"/>
    </row>
    <row r="625138" spans="14:14">
      <c r="N625138" s="10"/>
    </row>
    <row r="625139" spans="14:14">
      <c r="N625139" s="10"/>
    </row>
    <row r="625140" spans="14:14">
      <c r="N625140" s="10"/>
    </row>
    <row r="625141" spans="14:14">
      <c r="N625141" s="10"/>
    </row>
    <row r="625142" spans="14:14">
      <c r="N625142" s="10"/>
    </row>
    <row r="625143" spans="14:14">
      <c r="N625143" s="10"/>
    </row>
    <row r="625144" spans="14:14">
      <c r="N625144" s="10"/>
    </row>
    <row r="625145" spans="14:14">
      <c r="N625145" s="10"/>
    </row>
    <row r="625146" spans="14:14">
      <c r="N625146" s="10"/>
    </row>
    <row r="625147" spans="14:14">
      <c r="N625147" s="10"/>
    </row>
    <row r="625148" spans="14:14">
      <c r="N625148" s="10"/>
    </row>
    <row r="625149" spans="14:14">
      <c r="N625149" s="10"/>
    </row>
    <row r="625150" spans="14:14">
      <c r="N625150" s="10"/>
    </row>
    <row r="625151" spans="14:14">
      <c r="N625151" s="10"/>
    </row>
    <row r="625152" spans="14:14">
      <c r="N625152" s="10"/>
    </row>
    <row r="625153" spans="14:14">
      <c r="N625153" s="10"/>
    </row>
    <row r="625154" spans="14:14">
      <c r="N625154" s="10"/>
    </row>
    <row r="625155" spans="14:14">
      <c r="N625155" s="10"/>
    </row>
    <row r="625156" spans="14:14">
      <c r="N625156" s="10"/>
    </row>
    <row r="625157" spans="14:14">
      <c r="N625157" s="10"/>
    </row>
    <row r="625158" spans="14:14">
      <c r="N625158" s="10"/>
    </row>
    <row r="625159" spans="14:14">
      <c r="N625159" s="10"/>
    </row>
    <row r="625160" spans="14:14">
      <c r="N625160" s="10"/>
    </row>
    <row r="625161" spans="14:14">
      <c r="N625161" s="10"/>
    </row>
    <row r="625162" spans="14:14">
      <c r="N625162" s="10"/>
    </row>
    <row r="625163" spans="14:14">
      <c r="N625163" s="10"/>
    </row>
    <row r="625164" spans="14:14">
      <c r="N625164" s="10"/>
    </row>
    <row r="625165" spans="14:14">
      <c r="N625165" s="10"/>
    </row>
    <row r="625166" spans="14:14">
      <c r="N625166" s="10"/>
    </row>
    <row r="625167" spans="14:14">
      <c r="N625167" s="10"/>
    </row>
    <row r="625168" spans="14:14">
      <c r="N625168" s="10"/>
    </row>
    <row r="625169" spans="14:14">
      <c r="N625169" s="10"/>
    </row>
    <row r="625170" spans="14:14">
      <c r="N625170" s="10"/>
    </row>
    <row r="625171" spans="14:14">
      <c r="N625171" s="10"/>
    </row>
    <row r="625172" spans="14:14">
      <c r="N625172" s="10"/>
    </row>
    <row r="625173" spans="14:14">
      <c r="N625173" s="10"/>
    </row>
    <row r="625174" spans="14:14">
      <c r="N625174" s="10"/>
    </row>
    <row r="625175" spans="14:14">
      <c r="N625175" s="10"/>
    </row>
    <row r="625176" spans="14:14">
      <c r="N625176" s="10"/>
    </row>
    <row r="625177" spans="14:14">
      <c r="N625177" s="10"/>
    </row>
    <row r="625178" spans="14:14">
      <c r="N625178" s="10"/>
    </row>
    <row r="625179" spans="14:14">
      <c r="N625179" s="10"/>
    </row>
    <row r="625180" spans="14:14">
      <c r="N625180" s="10"/>
    </row>
    <row r="625181" spans="14:14">
      <c r="N625181" s="10"/>
    </row>
    <row r="625182" spans="14:14">
      <c r="N625182" s="10"/>
    </row>
    <row r="625183" spans="14:14">
      <c r="N625183" s="10"/>
    </row>
    <row r="625184" spans="14:14">
      <c r="N625184" s="10"/>
    </row>
    <row r="625185" spans="14:14">
      <c r="N625185" s="10"/>
    </row>
    <row r="625186" spans="14:14">
      <c r="N625186" s="10"/>
    </row>
    <row r="625187" spans="14:14">
      <c r="N625187" s="10"/>
    </row>
    <row r="625188" spans="14:14">
      <c r="N625188" s="10"/>
    </row>
    <row r="625189" spans="14:14">
      <c r="N625189" s="10"/>
    </row>
    <row r="625190" spans="14:14">
      <c r="N625190" s="10"/>
    </row>
    <row r="625191" spans="14:14">
      <c r="N625191" s="10"/>
    </row>
    <row r="625192" spans="14:14">
      <c r="N625192" s="10"/>
    </row>
    <row r="625193" spans="14:14">
      <c r="N625193" s="10"/>
    </row>
    <row r="625194" spans="14:14">
      <c r="N625194" s="10"/>
    </row>
    <row r="625195" spans="14:14">
      <c r="N625195" s="10"/>
    </row>
    <row r="625196" spans="14:14">
      <c r="N625196" s="10"/>
    </row>
    <row r="625197" spans="14:14">
      <c r="N625197" s="10"/>
    </row>
    <row r="625198" spans="14:14">
      <c r="N625198" s="10"/>
    </row>
    <row r="625199" spans="14:14">
      <c r="N625199" s="10"/>
    </row>
    <row r="625200" spans="14:14">
      <c r="N625200" s="10"/>
    </row>
    <row r="625201" spans="14:14">
      <c r="N625201" s="10"/>
    </row>
    <row r="625202" spans="14:14">
      <c r="N625202" s="10"/>
    </row>
    <row r="625203" spans="14:14">
      <c r="N625203" s="10"/>
    </row>
    <row r="625204" spans="14:14">
      <c r="N625204" s="10"/>
    </row>
    <row r="625205" spans="14:14">
      <c r="N625205" s="10"/>
    </row>
    <row r="625206" spans="14:14">
      <c r="N625206" s="10"/>
    </row>
    <row r="625207" spans="14:14">
      <c r="N625207" s="10"/>
    </row>
    <row r="625208" spans="14:14">
      <c r="N625208" s="10"/>
    </row>
    <row r="625209" spans="14:14">
      <c r="N625209" s="10"/>
    </row>
    <row r="625210" spans="14:14">
      <c r="N625210" s="10"/>
    </row>
    <row r="625211" spans="14:14">
      <c r="N625211" s="10"/>
    </row>
    <row r="625212" spans="14:14">
      <c r="N625212" s="10"/>
    </row>
    <row r="625213" spans="14:14">
      <c r="N625213" s="10"/>
    </row>
    <row r="625214" spans="14:14">
      <c r="N625214" s="10"/>
    </row>
    <row r="625215" spans="14:14">
      <c r="N625215" s="10"/>
    </row>
    <row r="625216" spans="14:14">
      <c r="N625216" s="10"/>
    </row>
    <row r="625217" spans="14:14">
      <c r="N625217" s="10"/>
    </row>
    <row r="625218" spans="14:14">
      <c r="N625218" s="10"/>
    </row>
    <row r="625219" spans="14:14">
      <c r="N625219" s="10"/>
    </row>
    <row r="625220" spans="14:14">
      <c r="N625220" s="10"/>
    </row>
    <row r="625221" spans="14:14">
      <c r="N625221" s="10"/>
    </row>
    <row r="625222" spans="14:14">
      <c r="N625222" s="10"/>
    </row>
    <row r="625223" spans="14:14">
      <c r="N625223" s="10"/>
    </row>
    <row r="625224" spans="14:14">
      <c r="N625224" s="10"/>
    </row>
    <row r="625225" spans="14:14">
      <c r="N625225" s="10"/>
    </row>
    <row r="625226" spans="14:14">
      <c r="N625226" s="10"/>
    </row>
    <row r="625227" spans="14:14">
      <c r="N625227" s="10"/>
    </row>
    <row r="625228" spans="14:14">
      <c r="N625228" s="10"/>
    </row>
    <row r="625229" spans="14:14">
      <c r="N625229" s="10"/>
    </row>
    <row r="625230" spans="14:14">
      <c r="N625230" s="10"/>
    </row>
    <row r="625231" spans="14:14">
      <c r="N625231" s="10"/>
    </row>
    <row r="625232" spans="14:14">
      <c r="N625232" s="10"/>
    </row>
    <row r="625233" spans="14:14">
      <c r="N625233" s="10"/>
    </row>
    <row r="625234" spans="14:14">
      <c r="N625234" s="10"/>
    </row>
    <row r="625235" spans="14:14">
      <c r="N625235" s="10"/>
    </row>
    <row r="625236" spans="14:14">
      <c r="N625236" s="10"/>
    </row>
    <row r="625237" spans="14:14">
      <c r="N625237" s="10"/>
    </row>
    <row r="625238" spans="14:14">
      <c r="N625238" s="10"/>
    </row>
    <row r="625239" spans="14:14">
      <c r="N625239" s="10"/>
    </row>
    <row r="625240" spans="14:14">
      <c r="N625240" s="10"/>
    </row>
    <row r="625241" spans="14:14">
      <c r="N625241" s="10"/>
    </row>
    <row r="625242" spans="14:14">
      <c r="N625242" s="10"/>
    </row>
    <row r="625243" spans="14:14">
      <c r="N625243" s="10"/>
    </row>
    <row r="625244" spans="14:14">
      <c r="N625244" s="10"/>
    </row>
    <row r="625245" spans="14:14">
      <c r="N625245" s="10"/>
    </row>
    <row r="625246" spans="14:14">
      <c r="N625246" s="10"/>
    </row>
    <row r="625247" spans="14:14">
      <c r="N625247" s="10"/>
    </row>
    <row r="625248" spans="14:14">
      <c r="N625248" s="10"/>
    </row>
    <row r="625249" spans="14:14">
      <c r="N625249" s="10"/>
    </row>
    <row r="625250" spans="14:14">
      <c r="N625250" s="10"/>
    </row>
    <row r="625251" spans="14:14">
      <c r="N625251" s="10"/>
    </row>
    <row r="625252" spans="14:14">
      <c r="N625252" s="10"/>
    </row>
    <row r="625253" spans="14:14">
      <c r="N625253" s="10"/>
    </row>
    <row r="625254" spans="14:14">
      <c r="N625254" s="10"/>
    </row>
    <row r="625255" spans="14:14">
      <c r="N625255" s="10"/>
    </row>
    <row r="625256" spans="14:14">
      <c r="N625256" s="10"/>
    </row>
    <row r="625257" spans="14:14">
      <c r="N625257" s="10"/>
    </row>
    <row r="625258" spans="14:14">
      <c r="N625258" s="10"/>
    </row>
    <row r="625259" spans="14:14">
      <c r="N625259" s="10"/>
    </row>
    <row r="625260" spans="14:14">
      <c r="N625260" s="10"/>
    </row>
    <row r="625261" spans="14:14">
      <c r="N625261" s="10"/>
    </row>
    <row r="625262" spans="14:14">
      <c r="N625262" s="10"/>
    </row>
    <row r="625263" spans="14:14">
      <c r="N625263" s="10"/>
    </row>
    <row r="625264" spans="14:14">
      <c r="N625264" s="10"/>
    </row>
    <row r="625265" spans="14:14">
      <c r="N625265" s="10"/>
    </row>
    <row r="625266" spans="14:14">
      <c r="N625266" s="10"/>
    </row>
    <row r="625267" spans="14:14">
      <c r="N625267" s="10"/>
    </row>
    <row r="625268" spans="14:14">
      <c r="N625268" s="10"/>
    </row>
    <row r="625269" spans="14:14">
      <c r="N625269" s="10"/>
    </row>
    <row r="625270" spans="14:14">
      <c r="N625270" s="10"/>
    </row>
    <row r="625271" spans="14:14">
      <c r="N625271" s="10"/>
    </row>
    <row r="625272" spans="14:14">
      <c r="N625272" s="10"/>
    </row>
    <row r="625273" spans="14:14">
      <c r="N625273" s="10"/>
    </row>
    <row r="625274" spans="14:14">
      <c r="N625274" s="10"/>
    </row>
    <row r="625275" spans="14:14">
      <c r="N625275" s="10"/>
    </row>
    <row r="625276" spans="14:14">
      <c r="N625276" s="10"/>
    </row>
    <row r="625277" spans="14:14">
      <c r="N625277" s="10"/>
    </row>
    <row r="625278" spans="14:14">
      <c r="N625278" s="10"/>
    </row>
    <row r="625279" spans="14:14">
      <c r="N625279" s="10"/>
    </row>
    <row r="625280" spans="14:14">
      <c r="N625280" s="10"/>
    </row>
    <row r="625281" spans="14:14">
      <c r="N625281" s="10"/>
    </row>
    <row r="625282" spans="14:14">
      <c r="N625282" s="10"/>
    </row>
    <row r="625283" spans="14:14">
      <c r="N625283" s="10"/>
    </row>
    <row r="625284" spans="14:14">
      <c r="N625284" s="10"/>
    </row>
    <row r="625285" spans="14:14">
      <c r="N625285" s="10"/>
    </row>
    <row r="625286" spans="14:14">
      <c r="N625286" s="10"/>
    </row>
    <row r="625287" spans="14:14">
      <c r="N625287" s="10"/>
    </row>
    <row r="625288" spans="14:14">
      <c r="N625288" s="10"/>
    </row>
    <row r="625289" spans="14:14">
      <c r="N625289" s="10"/>
    </row>
    <row r="625290" spans="14:14">
      <c r="N625290" s="10"/>
    </row>
    <row r="625291" spans="14:14">
      <c r="N625291" s="10"/>
    </row>
    <row r="625292" spans="14:14">
      <c r="N625292" s="10"/>
    </row>
    <row r="625293" spans="14:14">
      <c r="N625293" s="10"/>
    </row>
    <row r="625294" spans="14:14">
      <c r="N625294" s="10"/>
    </row>
    <row r="625295" spans="14:14">
      <c r="N625295" s="10"/>
    </row>
    <row r="625296" spans="14:14">
      <c r="N625296" s="10"/>
    </row>
    <row r="625297" spans="14:14">
      <c r="N625297" s="10"/>
    </row>
    <row r="625298" spans="14:14">
      <c r="N625298" s="10"/>
    </row>
    <row r="625299" spans="14:14">
      <c r="N625299" s="10"/>
    </row>
    <row r="625300" spans="14:14">
      <c r="N625300" s="10"/>
    </row>
    <row r="625301" spans="14:14">
      <c r="N625301" s="10"/>
    </row>
    <row r="625302" spans="14:14">
      <c r="N625302" s="10"/>
    </row>
    <row r="625303" spans="14:14">
      <c r="N625303" s="10"/>
    </row>
    <row r="625304" spans="14:14">
      <c r="N625304" s="10"/>
    </row>
    <row r="625305" spans="14:14">
      <c r="N625305" s="10"/>
    </row>
    <row r="625306" spans="14:14">
      <c r="N625306" s="10"/>
    </row>
    <row r="625307" spans="14:14">
      <c r="N625307" s="10"/>
    </row>
    <row r="625308" spans="14:14">
      <c r="N625308" s="10"/>
    </row>
    <row r="625309" spans="14:14">
      <c r="N625309" s="10"/>
    </row>
    <row r="625310" spans="14:14">
      <c r="N625310" s="10"/>
    </row>
    <row r="625311" spans="14:14">
      <c r="N625311" s="10"/>
    </row>
    <row r="625312" spans="14:14">
      <c r="N625312" s="10"/>
    </row>
    <row r="625313" spans="14:14">
      <c r="N625313" s="10"/>
    </row>
    <row r="625314" spans="14:14">
      <c r="N625314" s="10"/>
    </row>
    <row r="625315" spans="14:14">
      <c r="N625315" s="10"/>
    </row>
    <row r="625316" spans="14:14">
      <c r="N625316" s="10"/>
    </row>
    <row r="625317" spans="14:14">
      <c r="N625317" s="10"/>
    </row>
    <row r="625318" spans="14:14">
      <c r="N625318" s="10"/>
    </row>
    <row r="625319" spans="14:14">
      <c r="N625319" s="10"/>
    </row>
    <row r="625320" spans="14:14">
      <c r="N625320" s="10"/>
    </row>
    <row r="625321" spans="14:14">
      <c r="N625321" s="10"/>
    </row>
    <row r="625322" spans="14:14">
      <c r="N625322" s="10"/>
    </row>
    <row r="625323" spans="14:14">
      <c r="N625323" s="10"/>
    </row>
    <row r="625324" spans="14:14">
      <c r="N625324" s="10"/>
    </row>
    <row r="625325" spans="14:14">
      <c r="N625325" s="10"/>
    </row>
    <row r="625326" spans="14:14">
      <c r="N625326" s="10"/>
    </row>
    <row r="625327" spans="14:14">
      <c r="N625327" s="10"/>
    </row>
    <row r="625328" spans="14:14">
      <c r="N625328" s="10"/>
    </row>
    <row r="625329" spans="14:14">
      <c r="N625329" s="10"/>
    </row>
    <row r="625330" spans="14:14">
      <c r="N625330" s="10"/>
    </row>
    <row r="625331" spans="14:14">
      <c r="N625331" s="10"/>
    </row>
    <row r="625332" spans="14:14">
      <c r="N625332" s="10"/>
    </row>
    <row r="625333" spans="14:14">
      <c r="N625333" s="10"/>
    </row>
    <row r="625334" spans="14:14">
      <c r="N625334" s="10"/>
    </row>
    <row r="625335" spans="14:14">
      <c r="N625335" s="10"/>
    </row>
    <row r="625336" spans="14:14">
      <c r="N625336" s="10"/>
    </row>
    <row r="625337" spans="14:14">
      <c r="N625337" s="10"/>
    </row>
    <row r="625338" spans="14:14">
      <c r="N625338" s="10"/>
    </row>
    <row r="625339" spans="14:14">
      <c r="N625339" s="10"/>
    </row>
    <row r="625340" spans="14:14">
      <c r="N625340" s="10"/>
    </row>
    <row r="625341" spans="14:14">
      <c r="N625341" s="10"/>
    </row>
    <row r="625342" spans="14:14">
      <c r="N625342" s="10"/>
    </row>
    <row r="625343" spans="14:14">
      <c r="N625343" s="10"/>
    </row>
    <row r="625344" spans="14:14">
      <c r="N625344" s="10"/>
    </row>
    <row r="625345" spans="14:14">
      <c r="N625345" s="10"/>
    </row>
    <row r="625346" spans="14:14">
      <c r="N625346" s="10"/>
    </row>
    <row r="625347" spans="14:14">
      <c r="N625347" s="10"/>
    </row>
    <row r="625348" spans="14:14">
      <c r="N625348" s="10"/>
    </row>
    <row r="625349" spans="14:14">
      <c r="N625349" s="10"/>
    </row>
    <row r="625350" spans="14:14">
      <c r="N625350" s="10"/>
    </row>
    <row r="625351" spans="14:14">
      <c r="N625351" s="10"/>
    </row>
    <row r="625352" spans="14:14">
      <c r="N625352" s="10"/>
    </row>
    <row r="625353" spans="14:14">
      <c r="N625353" s="10"/>
    </row>
    <row r="625354" spans="14:14">
      <c r="N625354" s="10"/>
    </row>
    <row r="625355" spans="14:14">
      <c r="N625355" s="10"/>
    </row>
    <row r="625356" spans="14:14">
      <c r="N625356" s="10"/>
    </row>
    <row r="625357" spans="14:14">
      <c r="N625357" s="10"/>
    </row>
    <row r="625358" spans="14:14">
      <c r="N625358" s="10"/>
    </row>
    <row r="625359" spans="14:14">
      <c r="N625359" s="10"/>
    </row>
    <row r="625360" spans="14:14">
      <c r="N625360" s="10"/>
    </row>
    <row r="625361" spans="14:14">
      <c r="N625361" s="10"/>
    </row>
    <row r="625362" spans="14:14">
      <c r="N625362" s="10"/>
    </row>
    <row r="625363" spans="14:14">
      <c r="N625363" s="10"/>
    </row>
    <row r="625364" spans="14:14">
      <c r="N625364" s="10"/>
    </row>
    <row r="625365" spans="14:14">
      <c r="N625365" s="10"/>
    </row>
    <row r="625366" spans="14:14">
      <c r="N625366" s="10"/>
    </row>
    <row r="625367" spans="14:14">
      <c r="N625367" s="10"/>
    </row>
    <row r="625368" spans="14:14">
      <c r="N625368" s="10"/>
    </row>
    <row r="625369" spans="14:14">
      <c r="N625369" s="10"/>
    </row>
    <row r="625370" spans="14:14">
      <c r="N625370" s="10"/>
    </row>
    <row r="625371" spans="14:14">
      <c r="N625371" s="10"/>
    </row>
    <row r="625372" spans="14:14">
      <c r="N625372" s="10"/>
    </row>
    <row r="625373" spans="14:14">
      <c r="N625373" s="10"/>
    </row>
    <row r="625374" spans="14:14">
      <c r="N625374" s="10"/>
    </row>
    <row r="625375" spans="14:14">
      <c r="N625375" s="10"/>
    </row>
    <row r="625376" spans="14:14">
      <c r="N625376" s="10"/>
    </row>
    <row r="625377" spans="14:14">
      <c r="N625377" s="10"/>
    </row>
    <row r="625378" spans="14:14">
      <c r="N625378" s="10"/>
    </row>
    <row r="625379" spans="14:14">
      <c r="N625379" s="10"/>
    </row>
    <row r="625380" spans="14:14">
      <c r="N625380" s="10"/>
    </row>
    <row r="625381" spans="14:14">
      <c r="N625381" s="10"/>
    </row>
    <row r="625382" spans="14:14">
      <c r="N625382" s="10"/>
    </row>
    <row r="625383" spans="14:14">
      <c r="N625383" s="10"/>
    </row>
    <row r="625384" spans="14:14">
      <c r="N625384" s="10"/>
    </row>
    <row r="625385" spans="14:14">
      <c r="N625385" s="10"/>
    </row>
    <row r="625386" spans="14:14">
      <c r="N625386" s="10"/>
    </row>
    <row r="625387" spans="14:14">
      <c r="N625387" s="10"/>
    </row>
    <row r="625388" spans="14:14">
      <c r="N625388" s="10"/>
    </row>
    <row r="625389" spans="14:14">
      <c r="N625389" s="10"/>
    </row>
    <row r="625390" spans="14:14">
      <c r="N625390" s="10"/>
    </row>
    <row r="625391" spans="14:14">
      <c r="N625391" s="10"/>
    </row>
    <row r="625392" spans="14:14">
      <c r="N625392" s="10"/>
    </row>
    <row r="625393" spans="14:14">
      <c r="N625393" s="10"/>
    </row>
    <row r="625394" spans="14:14">
      <c r="N625394" s="10"/>
    </row>
    <row r="625395" spans="14:14">
      <c r="N625395" s="10"/>
    </row>
    <row r="625396" spans="14:14">
      <c r="N625396" s="10"/>
    </row>
    <row r="625397" spans="14:14">
      <c r="N625397" s="10"/>
    </row>
    <row r="625398" spans="14:14">
      <c r="N625398" s="10"/>
    </row>
    <row r="625399" spans="14:14">
      <c r="N625399" s="10"/>
    </row>
    <row r="625400" spans="14:14">
      <c r="N625400" s="10"/>
    </row>
    <row r="625401" spans="14:14">
      <c r="N625401" s="10"/>
    </row>
    <row r="625402" spans="14:14">
      <c r="N625402" s="10"/>
    </row>
    <row r="625403" spans="14:14">
      <c r="N625403" s="10"/>
    </row>
    <row r="625404" spans="14:14">
      <c r="N625404" s="10"/>
    </row>
    <row r="625405" spans="14:14">
      <c r="N625405" s="10"/>
    </row>
    <row r="625406" spans="14:14">
      <c r="N625406" s="10"/>
    </row>
    <row r="625407" spans="14:14">
      <c r="N625407" s="10"/>
    </row>
    <row r="625408" spans="14:14">
      <c r="N625408" s="10"/>
    </row>
    <row r="625409" spans="14:14">
      <c r="N625409" s="10"/>
    </row>
    <row r="625410" spans="14:14">
      <c r="N625410" s="10"/>
    </row>
    <row r="625411" spans="14:14">
      <c r="N625411" s="10"/>
    </row>
    <row r="625412" spans="14:14">
      <c r="N625412" s="10"/>
    </row>
    <row r="625413" spans="14:14">
      <c r="N625413" s="10"/>
    </row>
    <row r="625414" spans="14:14">
      <c r="N625414" s="10"/>
    </row>
    <row r="625415" spans="14:14">
      <c r="N625415" s="10"/>
    </row>
    <row r="625416" spans="14:14">
      <c r="N625416" s="10"/>
    </row>
    <row r="625417" spans="14:14">
      <c r="N625417" s="10"/>
    </row>
    <row r="625418" spans="14:14">
      <c r="N625418" s="10"/>
    </row>
    <row r="625419" spans="14:14">
      <c r="N625419" s="10"/>
    </row>
    <row r="625420" spans="14:14">
      <c r="N625420" s="10"/>
    </row>
    <row r="625421" spans="14:14">
      <c r="N625421" s="10"/>
    </row>
    <row r="625422" spans="14:14">
      <c r="N625422" s="10"/>
    </row>
    <row r="625423" spans="14:14">
      <c r="N625423" s="10"/>
    </row>
    <row r="625424" spans="14:14">
      <c r="N625424" s="10"/>
    </row>
    <row r="625425" spans="14:14">
      <c r="N625425" s="10"/>
    </row>
    <row r="625426" spans="14:14">
      <c r="N625426" s="10"/>
    </row>
    <row r="625427" spans="14:14">
      <c r="N625427" s="10"/>
    </row>
    <row r="625428" spans="14:14">
      <c r="N625428" s="10"/>
    </row>
    <row r="625429" spans="14:14">
      <c r="N625429" s="10"/>
    </row>
    <row r="625430" spans="14:14">
      <c r="N625430" s="10"/>
    </row>
    <row r="625431" spans="14:14">
      <c r="N625431" s="10"/>
    </row>
    <row r="625432" spans="14:14">
      <c r="N625432" s="10"/>
    </row>
    <row r="625433" spans="14:14">
      <c r="N625433" s="10"/>
    </row>
    <row r="625434" spans="14:14">
      <c r="N625434" s="10"/>
    </row>
    <row r="625435" spans="14:14">
      <c r="N625435" s="10"/>
    </row>
    <row r="625436" spans="14:14">
      <c r="N625436" s="10"/>
    </row>
    <row r="625437" spans="14:14">
      <c r="N625437" s="10"/>
    </row>
    <row r="625438" spans="14:14">
      <c r="N625438" s="10"/>
    </row>
    <row r="625439" spans="14:14">
      <c r="N625439" s="10"/>
    </row>
    <row r="625440" spans="14:14">
      <c r="N625440" s="10"/>
    </row>
    <row r="625441" spans="14:14">
      <c r="N625441" s="10"/>
    </row>
    <row r="625442" spans="14:14">
      <c r="N625442" s="10"/>
    </row>
    <row r="625443" spans="14:14">
      <c r="N625443" s="10"/>
    </row>
    <row r="625444" spans="14:14">
      <c r="N625444" s="10"/>
    </row>
    <row r="625445" spans="14:14">
      <c r="N625445" s="10"/>
    </row>
    <row r="625446" spans="14:14">
      <c r="N625446" s="10"/>
    </row>
    <row r="625447" spans="14:14">
      <c r="N625447" s="10"/>
    </row>
    <row r="625448" spans="14:14">
      <c r="N625448" s="10"/>
    </row>
    <row r="625449" spans="14:14">
      <c r="N625449" s="10"/>
    </row>
    <row r="625450" spans="14:14">
      <c r="N625450" s="10"/>
    </row>
    <row r="625451" spans="14:14">
      <c r="N625451" s="10"/>
    </row>
    <row r="625452" spans="14:14">
      <c r="N625452" s="10"/>
    </row>
    <row r="625453" spans="14:14">
      <c r="N625453" s="10"/>
    </row>
    <row r="625454" spans="14:14">
      <c r="N625454" s="10"/>
    </row>
    <row r="625455" spans="14:14">
      <c r="N625455" s="10"/>
    </row>
    <row r="625456" spans="14:14">
      <c r="N625456" s="10"/>
    </row>
    <row r="625457" spans="14:14">
      <c r="N625457" s="10"/>
    </row>
    <row r="625458" spans="14:14">
      <c r="N625458" s="10"/>
    </row>
    <row r="625459" spans="14:14">
      <c r="N625459" s="10"/>
    </row>
    <row r="625460" spans="14:14">
      <c r="N625460" s="10"/>
    </row>
    <row r="625461" spans="14:14">
      <c r="N625461" s="10"/>
    </row>
    <row r="625462" spans="14:14">
      <c r="N625462" s="10"/>
    </row>
    <row r="625463" spans="14:14">
      <c r="N625463" s="10"/>
    </row>
    <row r="625464" spans="14:14">
      <c r="N625464" s="10"/>
    </row>
    <row r="625465" spans="14:14">
      <c r="N625465" s="10"/>
    </row>
    <row r="625466" spans="14:14">
      <c r="N625466" s="10"/>
    </row>
    <row r="625467" spans="14:14">
      <c r="N625467" s="10"/>
    </row>
    <row r="625468" spans="14:14">
      <c r="N625468" s="10"/>
    </row>
    <row r="625469" spans="14:14">
      <c r="N625469" s="10"/>
    </row>
    <row r="625470" spans="14:14">
      <c r="N625470" s="10"/>
    </row>
    <row r="625471" spans="14:14">
      <c r="N625471" s="10"/>
    </row>
    <row r="625472" spans="14:14">
      <c r="N625472" s="10"/>
    </row>
    <row r="625473" spans="14:14">
      <c r="N625473" s="10"/>
    </row>
    <row r="625474" spans="14:14">
      <c r="N625474" s="10"/>
    </row>
    <row r="625475" spans="14:14">
      <c r="N625475" s="10"/>
    </row>
    <row r="625476" spans="14:14">
      <c r="N625476" s="10"/>
    </row>
    <row r="625477" spans="14:14">
      <c r="N625477" s="10"/>
    </row>
    <row r="625478" spans="14:14">
      <c r="N625478" s="10"/>
    </row>
    <row r="625479" spans="14:14">
      <c r="N625479" s="10"/>
    </row>
    <row r="625480" spans="14:14">
      <c r="N625480" s="10"/>
    </row>
    <row r="625481" spans="14:14">
      <c r="N625481" s="10"/>
    </row>
    <row r="625482" spans="14:14">
      <c r="N625482" s="10"/>
    </row>
    <row r="625483" spans="14:14">
      <c r="N625483" s="10"/>
    </row>
    <row r="625484" spans="14:14">
      <c r="N625484" s="10"/>
    </row>
    <row r="625485" spans="14:14">
      <c r="N625485" s="10"/>
    </row>
    <row r="625486" spans="14:14">
      <c r="N625486" s="10"/>
    </row>
    <row r="625487" spans="14:14">
      <c r="N625487" s="10"/>
    </row>
    <row r="625488" spans="14:14">
      <c r="N625488" s="10"/>
    </row>
    <row r="625489" spans="14:14">
      <c r="N625489" s="10"/>
    </row>
    <row r="625490" spans="14:14">
      <c r="N625490" s="10"/>
    </row>
    <row r="625491" spans="14:14">
      <c r="N625491" s="10"/>
    </row>
    <row r="625492" spans="14:14">
      <c r="N625492" s="10"/>
    </row>
    <row r="625493" spans="14:14">
      <c r="N625493" s="10"/>
    </row>
    <row r="625494" spans="14:14">
      <c r="N625494" s="10"/>
    </row>
    <row r="625495" spans="14:14">
      <c r="N625495" s="10"/>
    </row>
    <row r="625496" spans="14:14">
      <c r="N625496" s="10"/>
    </row>
    <row r="625497" spans="14:14">
      <c r="N625497" s="10"/>
    </row>
    <row r="625498" spans="14:14">
      <c r="N625498" s="10"/>
    </row>
    <row r="625499" spans="14:14">
      <c r="N625499" s="10"/>
    </row>
    <row r="625500" spans="14:14">
      <c r="N625500" s="10"/>
    </row>
    <row r="625501" spans="14:14">
      <c r="N625501" s="10"/>
    </row>
    <row r="625502" spans="14:14">
      <c r="N625502" s="10"/>
    </row>
    <row r="625503" spans="14:14">
      <c r="N625503" s="10"/>
    </row>
    <row r="625504" spans="14:14">
      <c r="N625504" s="10"/>
    </row>
    <row r="625505" spans="14:14">
      <c r="N625505" s="10"/>
    </row>
    <row r="625506" spans="14:14">
      <c r="N625506" s="10"/>
    </row>
    <row r="625507" spans="14:14">
      <c r="N625507" s="10"/>
    </row>
    <row r="625508" spans="14:14">
      <c r="N625508" s="10"/>
    </row>
    <row r="625509" spans="14:14">
      <c r="N625509" s="10"/>
    </row>
    <row r="625510" spans="14:14">
      <c r="N625510" s="10"/>
    </row>
    <row r="625511" spans="14:14">
      <c r="N625511" s="10"/>
    </row>
    <row r="625512" spans="14:14">
      <c r="N625512" s="10"/>
    </row>
    <row r="625513" spans="14:14">
      <c r="N625513" s="10"/>
    </row>
    <row r="625514" spans="14:14">
      <c r="N625514" s="10"/>
    </row>
    <row r="625515" spans="14:14">
      <c r="N625515" s="10"/>
    </row>
    <row r="625516" spans="14:14">
      <c r="N625516" s="10"/>
    </row>
    <row r="625517" spans="14:14">
      <c r="N625517" s="10"/>
    </row>
    <row r="625518" spans="14:14">
      <c r="N625518" s="10"/>
    </row>
    <row r="625519" spans="14:14">
      <c r="N625519" s="10"/>
    </row>
    <row r="625520" spans="14:14">
      <c r="N625520" s="10"/>
    </row>
    <row r="625521" spans="14:14">
      <c r="N625521" s="10"/>
    </row>
    <row r="625522" spans="14:14">
      <c r="N625522" s="10"/>
    </row>
    <row r="625523" spans="14:14">
      <c r="N625523" s="10"/>
    </row>
    <row r="625524" spans="14:14">
      <c r="N625524" s="10"/>
    </row>
    <row r="625525" spans="14:14">
      <c r="N625525" s="10"/>
    </row>
    <row r="625526" spans="14:14">
      <c r="N625526" s="10"/>
    </row>
    <row r="625527" spans="14:14">
      <c r="N625527" s="10"/>
    </row>
    <row r="625528" spans="14:14">
      <c r="N625528" s="10"/>
    </row>
    <row r="625529" spans="14:14">
      <c r="N625529" s="10"/>
    </row>
    <row r="625530" spans="14:14">
      <c r="N625530" s="10"/>
    </row>
    <row r="625531" spans="14:14">
      <c r="N625531" s="10"/>
    </row>
    <row r="625532" spans="14:14">
      <c r="N625532" s="10"/>
    </row>
    <row r="625533" spans="14:14">
      <c r="N625533" s="10"/>
    </row>
    <row r="625534" spans="14:14">
      <c r="N625534" s="10"/>
    </row>
    <row r="625535" spans="14:14">
      <c r="N625535" s="10"/>
    </row>
    <row r="625536" spans="14:14">
      <c r="N625536" s="10"/>
    </row>
    <row r="625537" spans="14:14">
      <c r="N625537" s="10"/>
    </row>
    <row r="625538" spans="14:14">
      <c r="N625538" s="10"/>
    </row>
    <row r="625539" spans="14:14">
      <c r="N625539" s="10"/>
    </row>
    <row r="625540" spans="14:14">
      <c r="N625540" s="10"/>
    </row>
    <row r="625541" spans="14:14">
      <c r="N625541" s="10"/>
    </row>
    <row r="625542" spans="14:14">
      <c r="N625542" s="10"/>
    </row>
    <row r="625543" spans="14:14">
      <c r="N625543" s="10"/>
    </row>
    <row r="625544" spans="14:14">
      <c r="N625544" s="10"/>
    </row>
    <row r="625545" spans="14:14">
      <c r="N625545" s="10"/>
    </row>
    <row r="625546" spans="14:14">
      <c r="N625546" s="10"/>
    </row>
    <row r="625547" spans="14:14">
      <c r="N625547" s="10"/>
    </row>
    <row r="625548" spans="14:14">
      <c r="N625548" s="10"/>
    </row>
    <row r="625549" spans="14:14">
      <c r="N625549" s="10"/>
    </row>
    <row r="625550" spans="14:14">
      <c r="N625550" s="10"/>
    </row>
    <row r="625551" spans="14:14">
      <c r="N625551" s="10"/>
    </row>
    <row r="625552" spans="14:14">
      <c r="N625552" s="10"/>
    </row>
    <row r="625553" spans="14:14">
      <c r="N625553" s="10"/>
    </row>
    <row r="625554" spans="14:14">
      <c r="N625554" s="10"/>
    </row>
    <row r="625555" spans="14:14">
      <c r="N625555" s="10"/>
    </row>
    <row r="625556" spans="14:14">
      <c r="N625556" s="10"/>
    </row>
    <row r="625557" spans="14:14">
      <c r="N625557" s="10"/>
    </row>
    <row r="625558" spans="14:14">
      <c r="N625558" s="10"/>
    </row>
    <row r="625559" spans="14:14">
      <c r="N625559" s="10"/>
    </row>
    <row r="625560" spans="14:14">
      <c r="N625560" s="10"/>
    </row>
    <row r="625561" spans="14:14">
      <c r="N625561" s="10"/>
    </row>
    <row r="625562" spans="14:14">
      <c r="N625562" s="10"/>
    </row>
    <row r="625563" spans="14:14">
      <c r="N625563" s="10"/>
    </row>
    <row r="625564" spans="14:14">
      <c r="N625564" s="10"/>
    </row>
    <row r="625565" spans="14:14">
      <c r="N625565" s="10"/>
    </row>
    <row r="625566" spans="14:14">
      <c r="N625566" s="10"/>
    </row>
    <row r="625567" spans="14:14">
      <c r="N625567" s="10"/>
    </row>
    <row r="625568" spans="14:14">
      <c r="N625568" s="10"/>
    </row>
    <row r="625569" spans="14:14">
      <c r="N625569" s="10"/>
    </row>
    <row r="625570" spans="14:14">
      <c r="N625570" s="10"/>
    </row>
    <row r="625571" spans="14:14">
      <c r="N625571" s="10"/>
    </row>
    <row r="625572" spans="14:14">
      <c r="N625572" s="10"/>
    </row>
    <row r="625573" spans="14:14">
      <c r="N625573" s="10"/>
    </row>
    <row r="625574" spans="14:14">
      <c r="N625574" s="10"/>
    </row>
    <row r="625575" spans="14:14">
      <c r="N625575" s="10"/>
    </row>
    <row r="625576" spans="14:14">
      <c r="N625576" s="10"/>
    </row>
    <row r="625577" spans="14:14">
      <c r="N625577" s="10"/>
    </row>
    <row r="625578" spans="14:14">
      <c r="N625578" s="10"/>
    </row>
    <row r="625579" spans="14:14">
      <c r="N625579" s="10"/>
    </row>
    <row r="625580" spans="14:14">
      <c r="N625580" s="10"/>
    </row>
    <row r="625581" spans="14:14">
      <c r="N625581" s="10"/>
    </row>
    <row r="625582" spans="14:14">
      <c r="N625582" s="10"/>
    </row>
    <row r="625583" spans="14:14">
      <c r="N625583" s="10"/>
    </row>
    <row r="625584" spans="14:14">
      <c r="N625584" s="10"/>
    </row>
    <row r="625585" spans="14:14">
      <c r="N625585" s="10"/>
    </row>
    <row r="625586" spans="14:14">
      <c r="N625586" s="10"/>
    </row>
    <row r="625587" spans="14:14">
      <c r="N625587" s="10"/>
    </row>
    <row r="625588" spans="14:14">
      <c r="N625588" s="10"/>
    </row>
    <row r="625589" spans="14:14">
      <c r="N625589" s="10"/>
    </row>
    <row r="625590" spans="14:14">
      <c r="N625590" s="10"/>
    </row>
    <row r="625591" spans="14:14">
      <c r="N625591" s="10"/>
    </row>
    <row r="625592" spans="14:14">
      <c r="N625592" s="10"/>
    </row>
    <row r="625593" spans="14:14">
      <c r="N625593" s="10"/>
    </row>
    <row r="625594" spans="14:14">
      <c r="N625594" s="10"/>
    </row>
    <row r="625595" spans="14:14">
      <c r="N625595" s="10"/>
    </row>
    <row r="625596" spans="14:14">
      <c r="N625596" s="10"/>
    </row>
    <row r="625597" spans="14:14">
      <c r="N625597" s="10"/>
    </row>
    <row r="625598" spans="14:14">
      <c r="N625598" s="10"/>
    </row>
    <row r="625599" spans="14:14">
      <c r="N625599" s="10"/>
    </row>
    <row r="625600" spans="14:14">
      <c r="N625600" s="10"/>
    </row>
    <row r="625601" spans="14:14">
      <c r="N625601" s="10"/>
    </row>
    <row r="625602" spans="14:14">
      <c r="N625602" s="10"/>
    </row>
    <row r="625603" spans="14:14">
      <c r="N625603" s="10"/>
    </row>
    <row r="625604" spans="14:14">
      <c r="N625604" s="10"/>
    </row>
    <row r="625605" spans="14:14">
      <c r="N625605" s="10"/>
    </row>
    <row r="625606" spans="14:14">
      <c r="N625606" s="10"/>
    </row>
    <row r="625607" spans="14:14">
      <c r="N625607" s="10"/>
    </row>
    <row r="625608" spans="14:14">
      <c r="N625608" s="10"/>
    </row>
    <row r="625609" spans="14:14">
      <c r="N625609" s="10"/>
    </row>
    <row r="625610" spans="14:14">
      <c r="N625610" s="10"/>
    </row>
    <row r="625611" spans="14:14">
      <c r="N625611" s="10"/>
    </row>
    <row r="625612" spans="14:14">
      <c r="N625612" s="10"/>
    </row>
    <row r="625613" spans="14:14">
      <c r="N625613" s="10"/>
    </row>
    <row r="625614" spans="14:14">
      <c r="N625614" s="10"/>
    </row>
    <row r="625615" spans="14:14">
      <c r="N625615" s="10"/>
    </row>
    <row r="625616" spans="14:14">
      <c r="N625616" s="10"/>
    </row>
    <row r="625617" spans="14:14">
      <c r="N625617" s="10"/>
    </row>
    <row r="625618" spans="14:14">
      <c r="N625618" s="10"/>
    </row>
    <row r="625619" spans="14:14">
      <c r="N625619" s="10"/>
    </row>
    <row r="625620" spans="14:14">
      <c r="N625620" s="10"/>
    </row>
    <row r="625621" spans="14:14">
      <c r="N625621" s="10"/>
    </row>
    <row r="625622" spans="14:14">
      <c r="N625622" s="10"/>
    </row>
    <row r="625623" spans="14:14">
      <c r="N625623" s="10"/>
    </row>
    <row r="625624" spans="14:14">
      <c r="N625624" s="10"/>
    </row>
    <row r="625625" spans="14:14">
      <c r="N625625" s="10"/>
    </row>
    <row r="625626" spans="14:14">
      <c r="N625626" s="10"/>
    </row>
    <row r="625627" spans="14:14">
      <c r="N625627" s="10"/>
    </row>
    <row r="625628" spans="14:14">
      <c r="N625628" s="10"/>
    </row>
    <row r="625629" spans="14:14">
      <c r="N625629" s="10"/>
    </row>
    <row r="625630" spans="14:14">
      <c r="N625630" s="10"/>
    </row>
    <row r="625631" spans="14:14">
      <c r="N625631" s="10"/>
    </row>
    <row r="625632" spans="14:14">
      <c r="N625632" s="10"/>
    </row>
    <row r="625633" spans="14:14">
      <c r="N625633" s="10"/>
    </row>
    <row r="625634" spans="14:14">
      <c r="N625634" s="10"/>
    </row>
    <row r="625635" spans="14:14">
      <c r="N625635" s="10"/>
    </row>
    <row r="625636" spans="14:14">
      <c r="N625636" s="10"/>
    </row>
    <row r="625637" spans="14:14">
      <c r="N625637" s="10"/>
    </row>
    <row r="625638" spans="14:14">
      <c r="N625638" s="10"/>
    </row>
    <row r="625639" spans="14:14">
      <c r="N625639" s="10"/>
    </row>
    <row r="625640" spans="14:14">
      <c r="N625640" s="10"/>
    </row>
    <row r="625641" spans="14:14">
      <c r="N625641" s="10"/>
    </row>
    <row r="625642" spans="14:14">
      <c r="N625642" s="10"/>
    </row>
    <row r="625643" spans="14:14">
      <c r="N625643" s="10"/>
    </row>
    <row r="625644" spans="14:14">
      <c r="N625644" s="10"/>
    </row>
    <row r="625645" spans="14:14">
      <c r="N625645" s="10"/>
    </row>
    <row r="625646" spans="14:14">
      <c r="N625646" s="10"/>
    </row>
    <row r="625647" spans="14:14">
      <c r="N625647" s="10"/>
    </row>
    <row r="625648" spans="14:14">
      <c r="N625648" s="10"/>
    </row>
    <row r="625649" spans="14:14">
      <c r="N625649" s="10"/>
    </row>
    <row r="625650" spans="14:14">
      <c r="N625650" s="10"/>
    </row>
    <row r="625651" spans="14:14">
      <c r="N625651" s="10"/>
    </row>
    <row r="625652" spans="14:14">
      <c r="N625652" s="10"/>
    </row>
    <row r="625653" spans="14:14">
      <c r="N625653" s="10"/>
    </row>
    <row r="625654" spans="14:14">
      <c r="N625654" s="10"/>
    </row>
    <row r="625655" spans="14:14">
      <c r="N625655" s="10"/>
    </row>
    <row r="625656" spans="14:14">
      <c r="N625656" s="10"/>
    </row>
    <row r="625657" spans="14:14">
      <c r="N625657" s="10"/>
    </row>
    <row r="625658" spans="14:14">
      <c r="N625658" s="10"/>
    </row>
    <row r="625659" spans="14:14">
      <c r="N625659" s="10"/>
    </row>
    <row r="625660" spans="14:14">
      <c r="N625660" s="10"/>
    </row>
    <row r="625661" spans="14:14">
      <c r="N625661" s="10"/>
    </row>
    <row r="625662" spans="14:14">
      <c r="N625662" s="10"/>
    </row>
    <row r="625663" spans="14:14">
      <c r="N625663" s="10"/>
    </row>
    <row r="625664" spans="14:14">
      <c r="N625664" s="10"/>
    </row>
    <row r="625665" spans="14:14">
      <c r="N625665" s="10"/>
    </row>
    <row r="625666" spans="14:14">
      <c r="N625666" s="10"/>
    </row>
    <row r="625667" spans="14:14">
      <c r="N625667" s="10"/>
    </row>
    <row r="625668" spans="14:14">
      <c r="N625668" s="10"/>
    </row>
    <row r="625669" spans="14:14">
      <c r="N625669" s="10"/>
    </row>
    <row r="625670" spans="14:14">
      <c r="N625670" s="10"/>
    </row>
    <row r="625671" spans="14:14">
      <c r="N625671" s="10"/>
    </row>
    <row r="625672" spans="14:14">
      <c r="N625672" s="10"/>
    </row>
    <row r="625673" spans="14:14">
      <c r="N625673" s="10"/>
    </row>
    <row r="625674" spans="14:14">
      <c r="N625674" s="10"/>
    </row>
    <row r="625675" spans="14:14">
      <c r="N625675" s="10"/>
    </row>
    <row r="625676" spans="14:14">
      <c r="N625676" s="10"/>
    </row>
    <row r="625677" spans="14:14">
      <c r="N625677" s="10"/>
    </row>
    <row r="625678" spans="14:14">
      <c r="N625678" s="10"/>
    </row>
    <row r="625679" spans="14:14">
      <c r="N625679" s="10"/>
    </row>
    <row r="625680" spans="14:14">
      <c r="N625680" s="10"/>
    </row>
    <row r="625681" spans="14:14">
      <c r="N625681" s="10"/>
    </row>
    <row r="625682" spans="14:14">
      <c r="N625682" s="10"/>
    </row>
    <row r="625683" spans="14:14">
      <c r="N625683" s="10"/>
    </row>
    <row r="625684" spans="14:14">
      <c r="N625684" s="10"/>
    </row>
    <row r="625685" spans="14:14">
      <c r="N625685" s="10"/>
    </row>
    <row r="625686" spans="14:14">
      <c r="N625686" s="10"/>
    </row>
    <row r="625687" spans="14:14">
      <c r="N625687" s="10"/>
    </row>
    <row r="625688" spans="14:14">
      <c r="N625688" s="10"/>
    </row>
    <row r="625689" spans="14:14">
      <c r="N625689" s="10"/>
    </row>
    <row r="625690" spans="14:14">
      <c r="N625690" s="10"/>
    </row>
    <row r="625691" spans="14:14">
      <c r="N625691" s="10"/>
    </row>
    <row r="625692" spans="14:14">
      <c r="N625692" s="10"/>
    </row>
    <row r="625693" spans="14:14">
      <c r="N625693" s="10"/>
    </row>
    <row r="625694" spans="14:14">
      <c r="N625694" s="10"/>
    </row>
    <row r="625695" spans="14:14">
      <c r="N625695" s="10"/>
    </row>
    <row r="625696" spans="14:14">
      <c r="N625696" s="10"/>
    </row>
    <row r="625697" spans="14:14">
      <c r="N625697" s="10"/>
    </row>
    <row r="625698" spans="14:14">
      <c r="N625698" s="10"/>
    </row>
    <row r="625699" spans="14:14">
      <c r="N625699" s="10"/>
    </row>
    <row r="625700" spans="14:14">
      <c r="N625700" s="10"/>
    </row>
    <row r="625701" spans="14:14">
      <c r="N625701" s="10"/>
    </row>
    <row r="625702" spans="14:14">
      <c r="N625702" s="10"/>
    </row>
    <row r="625703" spans="14:14">
      <c r="N625703" s="10"/>
    </row>
    <row r="625704" spans="14:14">
      <c r="N625704" s="10"/>
    </row>
    <row r="625705" spans="14:14">
      <c r="N625705" s="10"/>
    </row>
    <row r="625706" spans="14:14">
      <c r="N625706" s="10"/>
    </row>
    <row r="625707" spans="14:14">
      <c r="N625707" s="10"/>
    </row>
    <row r="625708" spans="14:14">
      <c r="N625708" s="10"/>
    </row>
    <row r="625709" spans="14:14">
      <c r="N625709" s="10"/>
    </row>
    <row r="625710" spans="14:14">
      <c r="N625710" s="10"/>
    </row>
    <row r="625711" spans="14:14">
      <c r="N625711" s="10"/>
    </row>
    <row r="625712" spans="14:14">
      <c r="N625712" s="10"/>
    </row>
    <row r="625713" spans="14:14">
      <c r="N625713" s="10"/>
    </row>
    <row r="625714" spans="14:14">
      <c r="N625714" s="10"/>
    </row>
    <row r="625715" spans="14:14">
      <c r="N625715" s="10"/>
    </row>
    <row r="625716" spans="14:14">
      <c r="N625716" s="10"/>
    </row>
    <row r="625717" spans="14:14">
      <c r="N625717" s="10"/>
    </row>
    <row r="625718" spans="14:14">
      <c r="N625718" s="10"/>
    </row>
    <row r="625719" spans="14:14">
      <c r="N625719" s="10"/>
    </row>
    <row r="625720" spans="14:14">
      <c r="N625720" s="10"/>
    </row>
    <row r="625721" spans="14:14">
      <c r="N625721" s="10"/>
    </row>
    <row r="625722" spans="14:14">
      <c r="N625722" s="10"/>
    </row>
    <row r="625723" spans="14:14">
      <c r="N625723" s="10"/>
    </row>
    <row r="625724" spans="14:14">
      <c r="N625724" s="10"/>
    </row>
    <row r="625725" spans="14:14">
      <c r="N625725" s="10"/>
    </row>
    <row r="625726" spans="14:14">
      <c r="N625726" s="10"/>
    </row>
    <row r="625727" spans="14:14">
      <c r="N625727" s="10"/>
    </row>
    <row r="625728" spans="14:14">
      <c r="N625728" s="10"/>
    </row>
    <row r="625729" spans="14:14">
      <c r="N625729" s="10"/>
    </row>
    <row r="625730" spans="14:14">
      <c r="N625730" s="10"/>
    </row>
    <row r="625731" spans="14:14">
      <c r="N625731" s="10"/>
    </row>
    <row r="625732" spans="14:14">
      <c r="N625732" s="10"/>
    </row>
    <row r="625733" spans="14:14">
      <c r="N625733" s="10"/>
    </row>
    <row r="625734" spans="14:14">
      <c r="N625734" s="10"/>
    </row>
    <row r="625735" spans="14:14">
      <c r="N625735" s="10"/>
    </row>
    <row r="625736" spans="14:14">
      <c r="N625736" s="10"/>
    </row>
    <row r="625737" spans="14:14">
      <c r="N625737" s="10"/>
    </row>
    <row r="625738" spans="14:14">
      <c r="N625738" s="10"/>
    </row>
    <row r="625739" spans="14:14">
      <c r="N625739" s="10"/>
    </row>
    <row r="625740" spans="14:14">
      <c r="N625740" s="10"/>
    </row>
    <row r="625741" spans="14:14">
      <c r="N625741" s="10"/>
    </row>
    <row r="625742" spans="14:14">
      <c r="N625742" s="10"/>
    </row>
    <row r="625743" spans="14:14">
      <c r="N625743" s="10"/>
    </row>
    <row r="625744" spans="14:14">
      <c r="N625744" s="10"/>
    </row>
    <row r="625745" spans="14:14">
      <c r="N625745" s="10"/>
    </row>
    <row r="625746" spans="14:14">
      <c r="N625746" s="10"/>
    </row>
    <row r="625747" spans="14:14">
      <c r="N625747" s="10"/>
    </row>
    <row r="625748" spans="14:14">
      <c r="N625748" s="10"/>
    </row>
    <row r="625749" spans="14:14">
      <c r="N625749" s="10"/>
    </row>
    <row r="625750" spans="14:14">
      <c r="N625750" s="10"/>
    </row>
    <row r="625751" spans="14:14">
      <c r="N625751" s="10"/>
    </row>
    <row r="625752" spans="14:14">
      <c r="N625752" s="10"/>
    </row>
    <row r="625753" spans="14:14">
      <c r="N625753" s="10"/>
    </row>
    <row r="625754" spans="14:14">
      <c r="N625754" s="10"/>
    </row>
    <row r="625755" spans="14:14">
      <c r="N625755" s="10"/>
    </row>
    <row r="625756" spans="14:14">
      <c r="N625756" s="10"/>
    </row>
    <row r="625757" spans="14:14">
      <c r="N625757" s="10"/>
    </row>
    <row r="625758" spans="14:14">
      <c r="N625758" s="10"/>
    </row>
    <row r="625759" spans="14:14">
      <c r="N625759" s="10"/>
    </row>
    <row r="625760" spans="14:14">
      <c r="N625760" s="10"/>
    </row>
    <row r="625761" spans="14:14">
      <c r="N625761" s="10"/>
    </row>
    <row r="625762" spans="14:14">
      <c r="N625762" s="10"/>
    </row>
    <row r="625763" spans="14:14">
      <c r="N625763" s="10"/>
    </row>
    <row r="625764" spans="14:14">
      <c r="N625764" s="10"/>
    </row>
    <row r="625765" spans="14:14">
      <c r="N625765" s="10"/>
    </row>
    <row r="625766" spans="14:14">
      <c r="N625766" s="10"/>
    </row>
    <row r="625767" spans="14:14">
      <c r="N625767" s="10"/>
    </row>
    <row r="625768" spans="14:14">
      <c r="N625768" s="10"/>
    </row>
    <row r="625769" spans="14:14">
      <c r="N625769" s="10"/>
    </row>
    <row r="625770" spans="14:14">
      <c r="N625770" s="10"/>
    </row>
    <row r="625771" spans="14:14">
      <c r="N625771" s="10"/>
    </row>
    <row r="625772" spans="14:14">
      <c r="N625772" s="10"/>
    </row>
    <row r="625773" spans="14:14">
      <c r="N625773" s="10"/>
    </row>
    <row r="625774" spans="14:14">
      <c r="N625774" s="10"/>
    </row>
    <row r="625775" spans="14:14">
      <c r="N625775" s="10"/>
    </row>
    <row r="625776" spans="14:14">
      <c r="N625776" s="10"/>
    </row>
    <row r="625777" spans="14:14">
      <c r="N625777" s="10"/>
    </row>
    <row r="625778" spans="14:14">
      <c r="N625778" s="10"/>
    </row>
    <row r="625779" spans="14:14">
      <c r="N625779" s="10"/>
    </row>
    <row r="625780" spans="14:14">
      <c r="N625780" s="10"/>
    </row>
    <row r="625781" spans="14:14">
      <c r="N625781" s="10"/>
    </row>
    <row r="625782" spans="14:14">
      <c r="N625782" s="10"/>
    </row>
    <row r="625783" spans="14:14">
      <c r="N625783" s="10"/>
    </row>
    <row r="625784" spans="14:14">
      <c r="N625784" s="10"/>
    </row>
    <row r="625785" spans="14:14">
      <c r="N625785" s="10"/>
    </row>
    <row r="625786" spans="14:14">
      <c r="N625786" s="10"/>
    </row>
    <row r="625787" spans="14:14">
      <c r="N625787" s="10"/>
    </row>
    <row r="625788" spans="14:14">
      <c r="N625788" s="10"/>
    </row>
    <row r="625789" spans="14:14">
      <c r="N625789" s="10"/>
    </row>
    <row r="625790" spans="14:14">
      <c r="N625790" s="10"/>
    </row>
    <row r="625791" spans="14:14">
      <c r="N625791" s="10"/>
    </row>
    <row r="625792" spans="14:14">
      <c r="N625792" s="10"/>
    </row>
    <row r="625793" spans="14:14">
      <c r="N625793" s="10"/>
    </row>
    <row r="625794" spans="14:14">
      <c r="N625794" s="10"/>
    </row>
    <row r="625795" spans="14:14">
      <c r="N625795" s="10"/>
    </row>
    <row r="625796" spans="14:14">
      <c r="N625796" s="10"/>
    </row>
    <row r="625797" spans="14:14">
      <c r="N625797" s="10"/>
    </row>
    <row r="625798" spans="14:14">
      <c r="N625798" s="10"/>
    </row>
    <row r="625799" spans="14:14">
      <c r="N625799" s="10"/>
    </row>
    <row r="625800" spans="14:14">
      <c r="N625800" s="10"/>
    </row>
    <row r="625801" spans="14:14">
      <c r="N625801" s="10"/>
    </row>
    <row r="625802" spans="14:14">
      <c r="N625802" s="10"/>
    </row>
    <row r="625803" spans="14:14">
      <c r="N625803" s="10"/>
    </row>
    <row r="625804" spans="14:14">
      <c r="N625804" s="10"/>
    </row>
    <row r="625805" spans="14:14">
      <c r="N625805" s="10"/>
    </row>
    <row r="625806" spans="14:14">
      <c r="N625806" s="10"/>
    </row>
    <row r="625807" spans="14:14">
      <c r="N625807" s="10"/>
    </row>
    <row r="625808" spans="14:14">
      <c r="N625808" s="10"/>
    </row>
    <row r="625809" spans="14:14">
      <c r="N625809" s="10"/>
    </row>
    <row r="625810" spans="14:14">
      <c r="N625810" s="10"/>
    </row>
    <row r="625811" spans="14:14">
      <c r="N625811" s="10"/>
    </row>
    <row r="625812" spans="14:14">
      <c r="N625812" s="10"/>
    </row>
    <row r="625813" spans="14:14">
      <c r="N625813" s="10"/>
    </row>
    <row r="625814" spans="14:14">
      <c r="N625814" s="10"/>
    </row>
    <row r="625815" spans="14:14">
      <c r="N625815" s="10"/>
    </row>
    <row r="625816" spans="14:14">
      <c r="N625816" s="10"/>
    </row>
    <row r="625817" spans="14:14">
      <c r="N625817" s="10"/>
    </row>
    <row r="625818" spans="14:14">
      <c r="N625818" s="10"/>
    </row>
    <row r="625819" spans="14:14">
      <c r="N625819" s="10"/>
    </row>
    <row r="625820" spans="14:14">
      <c r="N625820" s="10"/>
    </row>
    <row r="625821" spans="14:14">
      <c r="N625821" s="10"/>
    </row>
    <row r="625822" spans="14:14">
      <c r="N625822" s="10"/>
    </row>
    <row r="625823" spans="14:14">
      <c r="N625823" s="10"/>
    </row>
    <row r="625824" spans="14:14">
      <c r="N625824" s="10"/>
    </row>
    <row r="625825" spans="14:14">
      <c r="N625825" s="10"/>
    </row>
    <row r="625826" spans="14:14">
      <c r="N625826" s="10"/>
    </row>
    <row r="625827" spans="14:14">
      <c r="N625827" s="10"/>
    </row>
    <row r="625828" spans="14:14">
      <c r="N625828" s="10"/>
    </row>
    <row r="625829" spans="14:14">
      <c r="N625829" s="10"/>
    </row>
    <row r="625830" spans="14:14">
      <c r="N625830" s="10"/>
    </row>
    <row r="625831" spans="14:14">
      <c r="N625831" s="10"/>
    </row>
    <row r="625832" spans="14:14">
      <c r="N625832" s="10"/>
    </row>
    <row r="625833" spans="14:14">
      <c r="N625833" s="10"/>
    </row>
    <row r="625834" spans="14:14">
      <c r="N625834" s="10"/>
    </row>
    <row r="625835" spans="14:14">
      <c r="N625835" s="10"/>
    </row>
    <row r="625836" spans="14:14">
      <c r="N625836" s="10"/>
    </row>
    <row r="625837" spans="14:14">
      <c r="N625837" s="10"/>
    </row>
    <row r="625838" spans="14:14">
      <c r="N625838" s="10"/>
    </row>
    <row r="625839" spans="14:14">
      <c r="N625839" s="10"/>
    </row>
    <row r="625840" spans="14:14">
      <c r="N625840" s="10"/>
    </row>
    <row r="625841" spans="14:14">
      <c r="N625841" s="10"/>
    </row>
    <row r="625842" spans="14:14">
      <c r="N625842" s="10"/>
    </row>
    <row r="625843" spans="14:14">
      <c r="N625843" s="10"/>
    </row>
    <row r="625844" spans="14:14">
      <c r="N625844" s="10"/>
    </row>
    <row r="625845" spans="14:14">
      <c r="N625845" s="10"/>
    </row>
    <row r="625846" spans="14:14">
      <c r="N625846" s="10"/>
    </row>
    <row r="625847" spans="14:14">
      <c r="N625847" s="10"/>
    </row>
    <row r="625848" spans="14:14">
      <c r="N625848" s="10"/>
    </row>
    <row r="625849" spans="14:14">
      <c r="N625849" s="10"/>
    </row>
    <row r="625850" spans="14:14">
      <c r="N625850" s="10"/>
    </row>
    <row r="625851" spans="14:14">
      <c r="N625851" s="10"/>
    </row>
    <row r="625852" spans="14:14">
      <c r="N625852" s="10"/>
    </row>
    <row r="625853" spans="14:14">
      <c r="N625853" s="10"/>
    </row>
    <row r="625854" spans="14:14">
      <c r="N625854" s="10"/>
    </row>
    <row r="625855" spans="14:14">
      <c r="N625855" s="10"/>
    </row>
    <row r="625856" spans="14:14">
      <c r="N625856" s="10"/>
    </row>
    <row r="625857" spans="14:14">
      <c r="N625857" s="10"/>
    </row>
    <row r="625858" spans="14:14">
      <c r="N625858" s="10"/>
    </row>
    <row r="625859" spans="14:14">
      <c r="N625859" s="10"/>
    </row>
    <row r="625860" spans="14:14">
      <c r="N625860" s="10"/>
    </row>
    <row r="625861" spans="14:14">
      <c r="N625861" s="10"/>
    </row>
    <row r="625862" spans="14:14">
      <c r="N625862" s="10"/>
    </row>
    <row r="625863" spans="14:14">
      <c r="N625863" s="10"/>
    </row>
    <row r="625864" spans="14:14">
      <c r="N625864" s="10"/>
    </row>
    <row r="625865" spans="14:14">
      <c r="N625865" s="10"/>
    </row>
    <row r="625866" spans="14:14">
      <c r="N625866" s="10"/>
    </row>
    <row r="625867" spans="14:14">
      <c r="N625867" s="10"/>
    </row>
    <row r="625868" spans="14:14">
      <c r="N625868" s="10"/>
    </row>
    <row r="625869" spans="14:14">
      <c r="N625869" s="10"/>
    </row>
    <row r="625870" spans="14:14">
      <c r="N625870" s="10"/>
    </row>
    <row r="625871" spans="14:14">
      <c r="N625871" s="10"/>
    </row>
    <row r="625872" spans="14:14">
      <c r="N625872" s="10"/>
    </row>
    <row r="625873" spans="14:14">
      <c r="N625873" s="10"/>
    </row>
    <row r="625874" spans="14:14">
      <c r="N625874" s="10"/>
    </row>
    <row r="625875" spans="14:14">
      <c r="N625875" s="10"/>
    </row>
    <row r="625876" spans="14:14">
      <c r="N625876" s="10"/>
    </row>
    <row r="625877" spans="14:14">
      <c r="N625877" s="10"/>
    </row>
    <row r="625878" spans="14:14">
      <c r="N625878" s="10"/>
    </row>
    <row r="625879" spans="14:14">
      <c r="N625879" s="10"/>
    </row>
    <row r="625880" spans="14:14">
      <c r="N625880" s="10"/>
    </row>
    <row r="625881" spans="14:14">
      <c r="N625881" s="10"/>
    </row>
    <row r="625882" spans="14:14">
      <c r="N625882" s="10"/>
    </row>
    <row r="625883" spans="14:14">
      <c r="N625883" s="10"/>
    </row>
    <row r="625884" spans="14:14">
      <c r="N625884" s="10"/>
    </row>
    <row r="625885" spans="14:14">
      <c r="N625885" s="10"/>
    </row>
    <row r="625886" spans="14:14">
      <c r="N625886" s="10"/>
    </row>
    <row r="625887" spans="14:14">
      <c r="N625887" s="10"/>
    </row>
    <row r="625888" spans="14:14">
      <c r="N625888" s="10"/>
    </row>
    <row r="625889" spans="14:14">
      <c r="N625889" s="10"/>
    </row>
    <row r="625890" spans="14:14">
      <c r="N625890" s="10"/>
    </row>
    <row r="625891" spans="14:14">
      <c r="N625891" s="10"/>
    </row>
    <row r="625892" spans="14:14">
      <c r="N625892" s="10"/>
    </row>
    <row r="625893" spans="14:14">
      <c r="N625893" s="10"/>
    </row>
    <row r="625894" spans="14:14">
      <c r="N625894" s="10"/>
    </row>
    <row r="625895" spans="14:14">
      <c r="N625895" s="10"/>
    </row>
    <row r="625896" spans="14:14">
      <c r="N625896" s="10"/>
    </row>
    <row r="625897" spans="14:14">
      <c r="N625897" s="10"/>
    </row>
    <row r="625898" spans="14:14">
      <c r="N625898" s="10"/>
    </row>
    <row r="625899" spans="14:14">
      <c r="N625899" s="10"/>
    </row>
    <row r="625900" spans="14:14">
      <c r="N625900" s="10"/>
    </row>
    <row r="625901" spans="14:14">
      <c r="N625901" s="10"/>
    </row>
    <row r="625902" spans="14:14">
      <c r="N625902" s="10"/>
    </row>
    <row r="625903" spans="14:14">
      <c r="N625903" s="10"/>
    </row>
    <row r="625904" spans="14:14">
      <c r="N625904" s="10"/>
    </row>
    <row r="625905" spans="14:14">
      <c r="N625905" s="10"/>
    </row>
    <row r="625906" spans="14:14">
      <c r="N625906" s="10"/>
    </row>
    <row r="625907" spans="14:14">
      <c r="N625907" s="10"/>
    </row>
    <row r="625908" spans="14:14">
      <c r="N625908" s="10"/>
    </row>
    <row r="625909" spans="14:14">
      <c r="N625909" s="10"/>
    </row>
    <row r="625910" spans="14:14">
      <c r="N625910" s="10"/>
    </row>
    <row r="625911" spans="14:14">
      <c r="N625911" s="10"/>
    </row>
    <row r="625912" spans="14:14">
      <c r="N625912" s="10"/>
    </row>
    <row r="625913" spans="14:14">
      <c r="N625913" s="10"/>
    </row>
    <row r="625914" spans="14:14">
      <c r="N625914" s="10"/>
    </row>
    <row r="625915" spans="14:14">
      <c r="N625915" s="10"/>
    </row>
    <row r="625916" spans="14:14">
      <c r="N625916" s="10"/>
    </row>
    <row r="625917" spans="14:14">
      <c r="N625917" s="10"/>
    </row>
    <row r="625918" spans="14:14">
      <c r="N625918" s="10"/>
    </row>
    <row r="625919" spans="14:14">
      <c r="N625919" s="10"/>
    </row>
    <row r="625920" spans="14:14">
      <c r="N625920" s="10"/>
    </row>
    <row r="625921" spans="14:14">
      <c r="N625921" s="10"/>
    </row>
    <row r="625922" spans="14:14">
      <c r="N625922" s="10"/>
    </row>
    <row r="625923" spans="14:14">
      <c r="N625923" s="10"/>
    </row>
    <row r="625924" spans="14:14">
      <c r="N625924" s="10"/>
    </row>
    <row r="625925" spans="14:14">
      <c r="N625925" s="10"/>
    </row>
    <row r="625926" spans="14:14">
      <c r="N625926" s="10"/>
    </row>
    <row r="625927" spans="14:14">
      <c r="N625927" s="10"/>
    </row>
    <row r="625928" spans="14:14">
      <c r="N625928" s="10"/>
    </row>
    <row r="625929" spans="14:14">
      <c r="N625929" s="10"/>
    </row>
    <row r="625930" spans="14:14">
      <c r="N625930" s="10"/>
    </row>
    <row r="625931" spans="14:14">
      <c r="N625931" s="10"/>
    </row>
    <row r="625932" spans="14:14">
      <c r="N625932" s="10"/>
    </row>
    <row r="625933" spans="14:14">
      <c r="N625933" s="10"/>
    </row>
    <row r="625934" spans="14:14">
      <c r="N625934" s="10"/>
    </row>
    <row r="625935" spans="14:14">
      <c r="N625935" s="10"/>
    </row>
    <row r="625936" spans="14:14">
      <c r="N625936" s="10"/>
    </row>
    <row r="625937" spans="14:14">
      <c r="N625937" s="10"/>
    </row>
    <row r="625938" spans="14:14">
      <c r="N625938" s="10"/>
    </row>
    <row r="625939" spans="14:14">
      <c r="N625939" s="10"/>
    </row>
    <row r="625940" spans="14:14">
      <c r="N625940" s="10"/>
    </row>
    <row r="625941" spans="14:14">
      <c r="N625941" s="10"/>
    </row>
    <row r="625942" spans="14:14">
      <c r="N625942" s="10"/>
    </row>
    <row r="625943" spans="14:14">
      <c r="N625943" s="10"/>
    </row>
    <row r="625944" spans="14:14">
      <c r="N625944" s="10"/>
    </row>
    <row r="625945" spans="14:14">
      <c r="N625945" s="10"/>
    </row>
    <row r="625946" spans="14:14">
      <c r="N625946" s="10"/>
    </row>
    <row r="625947" spans="14:14">
      <c r="N625947" s="10"/>
    </row>
    <row r="625948" spans="14:14">
      <c r="N625948" s="10"/>
    </row>
    <row r="625949" spans="14:14">
      <c r="N625949" s="10"/>
    </row>
    <row r="625950" spans="14:14">
      <c r="N625950" s="10"/>
    </row>
    <row r="625951" spans="14:14">
      <c r="N625951" s="10"/>
    </row>
    <row r="625952" spans="14:14">
      <c r="N625952" s="10"/>
    </row>
    <row r="625953" spans="14:14">
      <c r="N625953" s="10"/>
    </row>
    <row r="625954" spans="14:14">
      <c r="N625954" s="10"/>
    </row>
    <row r="625955" spans="14:14">
      <c r="N625955" s="10"/>
    </row>
    <row r="625956" spans="14:14">
      <c r="N625956" s="10"/>
    </row>
    <row r="625957" spans="14:14">
      <c r="N625957" s="10"/>
    </row>
    <row r="625958" spans="14:14">
      <c r="N625958" s="10"/>
    </row>
    <row r="625959" spans="14:14">
      <c r="N625959" s="10"/>
    </row>
    <row r="625960" spans="14:14">
      <c r="N625960" s="10"/>
    </row>
    <row r="625961" spans="14:14">
      <c r="N625961" s="10"/>
    </row>
    <row r="625962" spans="14:14">
      <c r="N625962" s="10"/>
    </row>
    <row r="625963" spans="14:14">
      <c r="N625963" s="10"/>
    </row>
    <row r="625964" spans="14:14">
      <c r="N625964" s="10"/>
    </row>
    <row r="625965" spans="14:14">
      <c r="N625965" s="10"/>
    </row>
    <row r="625966" spans="14:14">
      <c r="N625966" s="10"/>
    </row>
    <row r="625967" spans="14:14">
      <c r="N625967" s="10"/>
    </row>
    <row r="625968" spans="14:14">
      <c r="N625968" s="10"/>
    </row>
    <row r="625969" spans="14:14">
      <c r="N625969" s="10"/>
    </row>
    <row r="625970" spans="14:14">
      <c r="N625970" s="10"/>
    </row>
    <row r="625971" spans="14:14">
      <c r="N625971" s="10"/>
    </row>
    <row r="625972" spans="14:14">
      <c r="N625972" s="10"/>
    </row>
    <row r="625973" spans="14:14">
      <c r="N625973" s="10"/>
    </row>
    <row r="625974" spans="14:14">
      <c r="N625974" s="10"/>
    </row>
    <row r="625975" spans="14:14">
      <c r="N625975" s="10"/>
    </row>
    <row r="625976" spans="14:14">
      <c r="N625976" s="10"/>
    </row>
    <row r="625977" spans="14:14">
      <c r="N625977" s="10"/>
    </row>
    <row r="625978" spans="14:14">
      <c r="N625978" s="10"/>
    </row>
    <row r="625979" spans="14:14">
      <c r="N625979" s="10"/>
    </row>
    <row r="625980" spans="14:14">
      <c r="N625980" s="10"/>
    </row>
    <row r="625981" spans="14:14">
      <c r="N625981" s="10"/>
    </row>
    <row r="625982" spans="14:14">
      <c r="N625982" s="10"/>
    </row>
    <row r="625983" spans="14:14">
      <c r="N625983" s="10"/>
    </row>
    <row r="625984" spans="14:14">
      <c r="N625984" s="10"/>
    </row>
    <row r="625985" spans="14:14">
      <c r="N625985" s="10"/>
    </row>
    <row r="625986" spans="14:14">
      <c r="N625986" s="10"/>
    </row>
    <row r="625987" spans="14:14">
      <c r="N625987" s="10"/>
    </row>
    <row r="625988" spans="14:14">
      <c r="N625988" s="10"/>
    </row>
    <row r="625989" spans="14:14">
      <c r="N625989" s="10"/>
    </row>
    <row r="625990" spans="14:14">
      <c r="N625990" s="10"/>
    </row>
    <row r="625991" spans="14:14">
      <c r="N625991" s="10"/>
    </row>
    <row r="625992" spans="14:14">
      <c r="N625992" s="10"/>
    </row>
    <row r="625993" spans="14:14">
      <c r="N625993" s="10"/>
    </row>
    <row r="625994" spans="14:14">
      <c r="N625994" s="10"/>
    </row>
    <row r="625995" spans="14:14">
      <c r="N625995" s="10"/>
    </row>
    <row r="625996" spans="14:14">
      <c r="N625996" s="10"/>
    </row>
    <row r="625997" spans="14:14">
      <c r="N625997" s="10"/>
    </row>
    <row r="625998" spans="14:14">
      <c r="N625998" s="10"/>
    </row>
    <row r="625999" spans="14:14">
      <c r="N625999" s="10"/>
    </row>
    <row r="626000" spans="14:14">
      <c r="N626000" s="10"/>
    </row>
    <row r="626001" spans="14:14">
      <c r="N626001" s="10"/>
    </row>
    <row r="626002" spans="14:14">
      <c r="N626002" s="10"/>
    </row>
    <row r="626003" spans="14:14">
      <c r="N626003" s="10"/>
    </row>
    <row r="626004" spans="14:14">
      <c r="N626004" s="10"/>
    </row>
    <row r="626005" spans="14:14">
      <c r="N626005" s="10"/>
    </row>
    <row r="626006" spans="14:14">
      <c r="N626006" s="10"/>
    </row>
    <row r="626007" spans="14:14">
      <c r="N626007" s="10"/>
    </row>
    <row r="626008" spans="14:14">
      <c r="N626008" s="10"/>
    </row>
    <row r="626009" spans="14:14">
      <c r="N626009" s="10"/>
    </row>
    <row r="626010" spans="14:14">
      <c r="N626010" s="10"/>
    </row>
    <row r="626011" spans="14:14">
      <c r="N626011" s="10"/>
    </row>
    <row r="626012" spans="14:14">
      <c r="N626012" s="10"/>
    </row>
    <row r="626013" spans="14:14">
      <c r="N626013" s="10"/>
    </row>
    <row r="626014" spans="14:14">
      <c r="N626014" s="10"/>
    </row>
    <row r="626015" spans="14:14">
      <c r="N626015" s="10"/>
    </row>
    <row r="626016" spans="14:14">
      <c r="N626016" s="10"/>
    </row>
    <row r="626017" spans="14:14">
      <c r="N626017" s="10"/>
    </row>
    <row r="626018" spans="14:14">
      <c r="N626018" s="10"/>
    </row>
    <row r="626019" spans="14:14">
      <c r="N626019" s="10"/>
    </row>
    <row r="626020" spans="14:14">
      <c r="N626020" s="10"/>
    </row>
    <row r="626021" spans="14:14">
      <c r="N626021" s="10"/>
    </row>
    <row r="626022" spans="14:14">
      <c r="N626022" s="10"/>
    </row>
    <row r="626023" spans="14:14">
      <c r="N626023" s="10"/>
    </row>
    <row r="626024" spans="14:14">
      <c r="N626024" s="10"/>
    </row>
    <row r="626025" spans="14:14">
      <c r="N626025" s="10"/>
    </row>
    <row r="626026" spans="14:14">
      <c r="N626026" s="10"/>
    </row>
    <row r="626027" spans="14:14">
      <c r="N626027" s="10"/>
    </row>
    <row r="626028" spans="14:14">
      <c r="N626028" s="10"/>
    </row>
    <row r="626029" spans="14:14">
      <c r="N626029" s="10"/>
    </row>
    <row r="626030" spans="14:14">
      <c r="N626030" s="10"/>
    </row>
    <row r="626031" spans="14:14">
      <c r="N626031" s="10"/>
    </row>
    <row r="626032" spans="14:14">
      <c r="N626032" s="10"/>
    </row>
    <row r="626033" spans="14:14">
      <c r="N626033" s="10"/>
    </row>
    <row r="626034" spans="14:14">
      <c r="N626034" s="10"/>
    </row>
    <row r="626035" spans="14:14">
      <c r="N626035" s="10"/>
    </row>
    <row r="626036" spans="14:14">
      <c r="N626036" s="10"/>
    </row>
    <row r="626037" spans="14:14">
      <c r="N626037" s="10"/>
    </row>
    <row r="626038" spans="14:14">
      <c r="N626038" s="10"/>
    </row>
    <row r="626039" spans="14:14">
      <c r="N626039" s="10"/>
    </row>
    <row r="626040" spans="14:14">
      <c r="N626040" s="10"/>
    </row>
    <row r="626041" spans="14:14">
      <c r="N626041" s="10"/>
    </row>
    <row r="626042" spans="14:14">
      <c r="N626042" s="10"/>
    </row>
    <row r="626043" spans="14:14">
      <c r="N626043" s="10"/>
    </row>
    <row r="626044" spans="14:14">
      <c r="N626044" s="10"/>
    </row>
    <row r="626045" spans="14:14">
      <c r="N626045" s="10"/>
    </row>
    <row r="626046" spans="14:14">
      <c r="N626046" s="10"/>
    </row>
    <row r="626047" spans="14:14">
      <c r="N626047" s="10"/>
    </row>
    <row r="626048" spans="14:14">
      <c r="N626048" s="10"/>
    </row>
    <row r="626049" spans="14:14">
      <c r="N626049" s="10"/>
    </row>
    <row r="626050" spans="14:14">
      <c r="N626050" s="10"/>
    </row>
    <row r="626051" spans="14:14">
      <c r="N626051" s="10"/>
    </row>
    <row r="626052" spans="14:14">
      <c r="N626052" s="10"/>
    </row>
    <row r="626053" spans="14:14">
      <c r="N626053" s="10"/>
    </row>
    <row r="626054" spans="14:14">
      <c r="N626054" s="10"/>
    </row>
    <row r="626055" spans="14:14">
      <c r="N626055" s="10"/>
    </row>
    <row r="626056" spans="14:14">
      <c r="N626056" s="10"/>
    </row>
    <row r="626057" spans="14:14">
      <c r="N626057" s="10"/>
    </row>
    <row r="626058" spans="14:14">
      <c r="N626058" s="10"/>
    </row>
    <row r="626059" spans="14:14">
      <c r="N626059" s="10"/>
    </row>
    <row r="626060" spans="14:14">
      <c r="N626060" s="10"/>
    </row>
    <row r="626061" spans="14:14">
      <c r="N626061" s="10"/>
    </row>
    <row r="626062" spans="14:14">
      <c r="N626062" s="10"/>
    </row>
    <row r="626063" spans="14:14">
      <c r="N626063" s="10"/>
    </row>
    <row r="626064" spans="14:14">
      <c r="N626064" s="10"/>
    </row>
    <row r="626065" spans="14:14">
      <c r="N626065" s="10"/>
    </row>
    <row r="626066" spans="14:14">
      <c r="N626066" s="10"/>
    </row>
    <row r="626067" spans="14:14">
      <c r="N626067" s="10"/>
    </row>
    <row r="626068" spans="14:14">
      <c r="N626068" s="10"/>
    </row>
    <row r="626069" spans="14:14">
      <c r="N626069" s="10"/>
    </row>
    <row r="626070" spans="14:14">
      <c r="N626070" s="10"/>
    </row>
    <row r="626071" spans="14:14">
      <c r="N626071" s="10"/>
    </row>
    <row r="626072" spans="14:14">
      <c r="N626072" s="10"/>
    </row>
    <row r="626073" spans="14:14">
      <c r="N626073" s="10"/>
    </row>
    <row r="626074" spans="14:14">
      <c r="N626074" s="10"/>
    </row>
    <row r="626075" spans="14:14">
      <c r="N626075" s="10"/>
    </row>
    <row r="626076" spans="14:14">
      <c r="N626076" s="10"/>
    </row>
    <row r="626077" spans="14:14">
      <c r="N626077" s="10"/>
    </row>
    <row r="626078" spans="14:14">
      <c r="N626078" s="10"/>
    </row>
    <row r="626079" spans="14:14">
      <c r="N626079" s="10"/>
    </row>
    <row r="626080" spans="14:14">
      <c r="N626080" s="10"/>
    </row>
    <row r="626081" spans="14:14">
      <c r="N626081" s="10"/>
    </row>
    <row r="626082" spans="14:14">
      <c r="N626082" s="10"/>
    </row>
    <row r="626083" spans="14:14">
      <c r="N626083" s="10"/>
    </row>
    <row r="626084" spans="14:14">
      <c r="N626084" s="10"/>
    </row>
    <row r="626085" spans="14:14">
      <c r="N626085" s="10"/>
    </row>
    <row r="626086" spans="14:14">
      <c r="N626086" s="10"/>
    </row>
    <row r="626087" spans="14:14">
      <c r="N626087" s="10"/>
    </row>
    <row r="626088" spans="14:14">
      <c r="N626088" s="10"/>
    </row>
    <row r="626089" spans="14:14">
      <c r="N626089" s="10"/>
    </row>
    <row r="626090" spans="14:14">
      <c r="N626090" s="10"/>
    </row>
    <row r="626091" spans="14:14">
      <c r="N626091" s="10"/>
    </row>
    <row r="626092" spans="14:14">
      <c r="N626092" s="10"/>
    </row>
    <row r="626093" spans="14:14">
      <c r="N626093" s="10"/>
    </row>
    <row r="626094" spans="14:14">
      <c r="N626094" s="10"/>
    </row>
    <row r="626095" spans="14:14">
      <c r="N626095" s="10"/>
    </row>
    <row r="626096" spans="14:14">
      <c r="N626096" s="10"/>
    </row>
    <row r="626097" spans="14:14">
      <c r="N626097" s="10"/>
    </row>
    <row r="626098" spans="14:14">
      <c r="N626098" s="10"/>
    </row>
    <row r="626099" spans="14:14">
      <c r="N626099" s="10"/>
    </row>
    <row r="626100" spans="14:14">
      <c r="N626100" s="10"/>
    </row>
    <row r="626101" spans="14:14">
      <c r="N626101" s="10"/>
    </row>
    <row r="626102" spans="14:14">
      <c r="N626102" s="10"/>
    </row>
    <row r="626103" spans="14:14">
      <c r="N626103" s="10"/>
    </row>
    <row r="626104" spans="14:14">
      <c r="N626104" s="10"/>
    </row>
    <row r="626105" spans="14:14">
      <c r="N626105" s="10"/>
    </row>
    <row r="626106" spans="14:14">
      <c r="N626106" s="10"/>
    </row>
    <row r="626107" spans="14:14">
      <c r="N626107" s="10"/>
    </row>
    <row r="626108" spans="14:14">
      <c r="N626108" s="10"/>
    </row>
    <row r="626109" spans="14:14">
      <c r="N626109" s="10"/>
    </row>
    <row r="626110" spans="14:14">
      <c r="N626110" s="10"/>
    </row>
    <row r="626111" spans="14:14">
      <c r="N626111" s="10"/>
    </row>
    <row r="626112" spans="14:14">
      <c r="N626112" s="10"/>
    </row>
    <row r="626113" spans="14:14">
      <c r="N626113" s="10"/>
    </row>
    <row r="626114" spans="14:14">
      <c r="N626114" s="10"/>
    </row>
    <row r="626115" spans="14:14">
      <c r="N626115" s="10"/>
    </row>
    <row r="626116" spans="14:14">
      <c r="N626116" s="10"/>
    </row>
    <row r="626117" spans="14:14">
      <c r="N626117" s="10"/>
    </row>
    <row r="626118" spans="14:14">
      <c r="N626118" s="10"/>
    </row>
    <row r="626119" spans="14:14">
      <c r="N626119" s="10"/>
    </row>
    <row r="626120" spans="14:14">
      <c r="N626120" s="10"/>
    </row>
    <row r="626121" spans="14:14">
      <c r="N626121" s="10"/>
    </row>
    <row r="626122" spans="14:14">
      <c r="N626122" s="10"/>
    </row>
    <row r="626123" spans="14:14">
      <c r="N626123" s="10"/>
    </row>
    <row r="626124" spans="14:14">
      <c r="N626124" s="10"/>
    </row>
    <row r="626125" spans="14:14">
      <c r="N626125" s="10"/>
    </row>
    <row r="626126" spans="14:14">
      <c r="N626126" s="10"/>
    </row>
    <row r="626127" spans="14:14">
      <c r="N626127" s="10"/>
    </row>
    <row r="626128" spans="14:14">
      <c r="N626128" s="10"/>
    </row>
    <row r="626129" spans="14:14">
      <c r="N626129" s="10"/>
    </row>
    <row r="626130" spans="14:14">
      <c r="N626130" s="10"/>
    </row>
    <row r="626131" spans="14:14">
      <c r="N626131" s="10"/>
    </row>
    <row r="626132" spans="14:14">
      <c r="N626132" s="10"/>
    </row>
    <row r="626133" spans="14:14">
      <c r="N626133" s="10"/>
    </row>
    <row r="626134" spans="14:14">
      <c r="N626134" s="10"/>
    </row>
    <row r="626135" spans="14:14">
      <c r="N626135" s="10"/>
    </row>
    <row r="626136" spans="14:14">
      <c r="N626136" s="10"/>
    </row>
    <row r="626137" spans="14:14">
      <c r="N626137" s="10"/>
    </row>
    <row r="626138" spans="14:14">
      <c r="N626138" s="10"/>
    </row>
    <row r="626139" spans="14:14">
      <c r="N626139" s="10"/>
    </row>
    <row r="626140" spans="14:14">
      <c r="N626140" s="10"/>
    </row>
    <row r="626141" spans="14:14">
      <c r="N626141" s="10"/>
    </row>
    <row r="626142" spans="14:14">
      <c r="N626142" s="10"/>
    </row>
    <row r="626143" spans="14:14">
      <c r="N626143" s="10"/>
    </row>
    <row r="626144" spans="14:14">
      <c r="N626144" s="10"/>
    </row>
    <row r="626145" spans="14:14">
      <c r="N626145" s="10"/>
    </row>
    <row r="626146" spans="14:14">
      <c r="N626146" s="10"/>
    </row>
    <row r="626147" spans="14:14">
      <c r="N626147" s="10"/>
    </row>
    <row r="626148" spans="14:14">
      <c r="N626148" s="10"/>
    </row>
    <row r="626149" spans="14:14">
      <c r="N626149" s="10"/>
    </row>
    <row r="626150" spans="14:14">
      <c r="N626150" s="10"/>
    </row>
    <row r="626151" spans="14:14">
      <c r="N626151" s="10"/>
    </row>
    <row r="626152" spans="14:14">
      <c r="N626152" s="10"/>
    </row>
    <row r="626153" spans="14:14">
      <c r="N626153" s="10"/>
    </row>
    <row r="626154" spans="14:14">
      <c r="N626154" s="10"/>
    </row>
    <row r="626155" spans="14:14">
      <c r="N626155" s="10"/>
    </row>
    <row r="626156" spans="14:14">
      <c r="N626156" s="10"/>
    </row>
    <row r="626157" spans="14:14">
      <c r="N626157" s="10"/>
    </row>
    <row r="626158" spans="14:14">
      <c r="N626158" s="10"/>
    </row>
    <row r="626159" spans="14:14">
      <c r="N626159" s="10"/>
    </row>
    <row r="626160" spans="14:14">
      <c r="N626160" s="10"/>
    </row>
    <row r="626161" spans="14:14">
      <c r="N626161" s="10"/>
    </row>
    <row r="626162" spans="14:14">
      <c r="N626162" s="10"/>
    </row>
    <row r="626163" spans="14:14">
      <c r="N626163" s="10"/>
    </row>
    <row r="626164" spans="14:14">
      <c r="N626164" s="10"/>
    </row>
    <row r="626165" spans="14:14">
      <c r="N626165" s="10"/>
    </row>
    <row r="626166" spans="14:14">
      <c r="N626166" s="10"/>
    </row>
    <row r="626167" spans="14:14">
      <c r="N626167" s="10"/>
    </row>
    <row r="626168" spans="14:14">
      <c r="N626168" s="10"/>
    </row>
    <row r="626169" spans="14:14">
      <c r="N626169" s="10"/>
    </row>
    <row r="626170" spans="14:14">
      <c r="N626170" s="10"/>
    </row>
    <row r="626171" spans="14:14">
      <c r="N626171" s="10"/>
    </row>
    <row r="626172" spans="14:14">
      <c r="N626172" s="10"/>
    </row>
    <row r="626173" spans="14:14">
      <c r="N626173" s="10"/>
    </row>
    <row r="626174" spans="14:14">
      <c r="N626174" s="10"/>
    </row>
    <row r="626175" spans="14:14">
      <c r="N626175" s="10"/>
    </row>
    <row r="626176" spans="14:14">
      <c r="N626176" s="10"/>
    </row>
    <row r="626177" spans="14:14">
      <c r="N626177" s="10"/>
    </row>
    <row r="626178" spans="14:14">
      <c r="N626178" s="10"/>
    </row>
    <row r="626179" spans="14:14">
      <c r="N626179" s="10"/>
    </row>
    <row r="626180" spans="14:14">
      <c r="N626180" s="10"/>
    </row>
    <row r="626181" spans="14:14">
      <c r="N626181" s="10"/>
    </row>
    <row r="626182" spans="14:14">
      <c r="N626182" s="10"/>
    </row>
    <row r="626183" spans="14:14">
      <c r="N626183" s="10"/>
    </row>
    <row r="626184" spans="14:14">
      <c r="N626184" s="10"/>
    </row>
    <row r="626185" spans="14:14">
      <c r="N626185" s="10"/>
    </row>
    <row r="626186" spans="14:14">
      <c r="N626186" s="10"/>
    </row>
    <row r="626187" spans="14:14">
      <c r="N626187" s="10"/>
    </row>
    <row r="626188" spans="14:14">
      <c r="N626188" s="10"/>
    </row>
    <row r="626189" spans="14:14">
      <c r="N626189" s="10"/>
    </row>
    <row r="626190" spans="14:14">
      <c r="N626190" s="10"/>
    </row>
    <row r="626191" spans="14:14">
      <c r="N626191" s="10"/>
    </row>
    <row r="626192" spans="14:14">
      <c r="N626192" s="10"/>
    </row>
    <row r="626193" spans="14:14">
      <c r="N626193" s="10"/>
    </row>
    <row r="626194" spans="14:14">
      <c r="N626194" s="10"/>
    </row>
    <row r="626195" spans="14:14">
      <c r="N626195" s="10"/>
    </row>
    <row r="626196" spans="14:14">
      <c r="N626196" s="10"/>
    </row>
    <row r="626197" spans="14:14">
      <c r="N626197" s="10"/>
    </row>
    <row r="626198" spans="14:14">
      <c r="N626198" s="10"/>
    </row>
    <row r="626199" spans="14:14">
      <c r="N626199" s="10"/>
    </row>
    <row r="626200" spans="14:14">
      <c r="N626200" s="10"/>
    </row>
    <row r="626201" spans="14:14">
      <c r="N626201" s="10"/>
    </row>
    <row r="626202" spans="14:14">
      <c r="N626202" s="10"/>
    </row>
    <row r="626203" spans="14:14">
      <c r="N626203" s="10"/>
    </row>
    <row r="626204" spans="14:14">
      <c r="N626204" s="10"/>
    </row>
    <row r="626205" spans="14:14">
      <c r="N626205" s="10"/>
    </row>
    <row r="626206" spans="14:14">
      <c r="N626206" s="10"/>
    </row>
    <row r="626207" spans="14:14">
      <c r="N626207" s="10"/>
    </row>
    <row r="626208" spans="14:14">
      <c r="N626208" s="10"/>
    </row>
    <row r="626209" spans="14:14">
      <c r="N626209" s="10"/>
    </row>
    <row r="626210" spans="14:14">
      <c r="N626210" s="10"/>
    </row>
    <row r="626211" spans="14:14">
      <c r="N626211" s="10"/>
    </row>
    <row r="626212" spans="14:14">
      <c r="N626212" s="10"/>
    </row>
    <row r="626213" spans="14:14">
      <c r="N626213" s="10"/>
    </row>
    <row r="626214" spans="14:14">
      <c r="N626214" s="10"/>
    </row>
    <row r="626215" spans="14:14">
      <c r="N626215" s="10"/>
    </row>
    <row r="626216" spans="14:14">
      <c r="N626216" s="10"/>
    </row>
    <row r="626217" spans="14:14">
      <c r="N626217" s="10"/>
    </row>
    <row r="626218" spans="14:14">
      <c r="N626218" s="10"/>
    </row>
    <row r="626219" spans="14:14">
      <c r="N626219" s="10"/>
    </row>
    <row r="626220" spans="14:14">
      <c r="N626220" s="10"/>
    </row>
    <row r="626221" spans="14:14">
      <c r="N626221" s="10"/>
    </row>
    <row r="626222" spans="14:14">
      <c r="N626222" s="10"/>
    </row>
    <row r="626223" spans="14:14">
      <c r="N626223" s="10"/>
    </row>
    <row r="626224" spans="14:14">
      <c r="N626224" s="10"/>
    </row>
    <row r="626225" spans="14:14">
      <c r="N626225" s="10"/>
    </row>
    <row r="626226" spans="14:14">
      <c r="N626226" s="10"/>
    </row>
    <row r="626227" spans="14:14">
      <c r="N626227" s="10"/>
    </row>
    <row r="626228" spans="14:14">
      <c r="N626228" s="10"/>
    </row>
    <row r="626229" spans="14:14">
      <c r="N626229" s="10"/>
    </row>
    <row r="626230" spans="14:14">
      <c r="N626230" s="10"/>
    </row>
    <row r="626231" spans="14:14">
      <c r="N626231" s="10"/>
    </row>
    <row r="626232" spans="14:14">
      <c r="N626232" s="10"/>
    </row>
    <row r="626233" spans="14:14">
      <c r="N626233" s="10"/>
    </row>
    <row r="626234" spans="14:14">
      <c r="N626234" s="10"/>
    </row>
    <row r="626235" spans="14:14">
      <c r="N626235" s="10"/>
    </row>
    <row r="626236" spans="14:14">
      <c r="N626236" s="10"/>
    </row>
    <row r="626237" spans="14:14">
      <c r="N626237" s="10"/>
    </row>
    <row r="626238" spans="14:14">
      <c r="N626238" s="10"/>
    </row>
    <row r="626239" spans="14:14">
      <c r="N626239" s="10"/>
    </row>
    <row r="626240" spans="14:14">
      <c r="N626240" s="10"/>
    </row>
    <row r="626241" spans="14:14">
      <c r="N626241" s="10"/>
    </row>
    <row r="626242" spans="14:14">
      <c r="N626242" s="10"/>
    </row>
    <row r="626243" spans="14:14">
      <c r="N626243" s="10"/>
    </row>
    <row r="626244" spans="14:14">
      <c r="N626244" s="10"/>
    </row>
    <row r="626245" spans="14:14">
      <c r="N626245" s="10"/>
    </row>
    <row r="626246" spans="14:14">
      <c r="N626246" s="10"/>
    </row>
    <row r="626247" spans="14:14">
      <c r="N626247" s="10"/>
    </row>
    <row r="626248" spans="14:14">
      <c r="N626248" s="10"/>
    </row>
    <row r="626249" spans="14:14">
      <c r="N626249" s="10"/>
    </row>
    <row r="626250" spans="14:14">
      <c r="N626250" s="10"/>
    </row>
    <row r="626251" spans="14:14">
      <c r="N626251" s="10"/>
    </row>
    <row r="626252" spans="14:14">
      <c r="N626252" s="10"/>
    </row>
    <row r="626253" spans="14:14">
      <c r="N626253" s="10"/>
    </row>
    <row r="626254" spans="14:14">
      <c r="N626254" s="10"/>
    </row>
    <row r="626255" spans="14:14">
      <c r="N626255" s="10"/>
    </row>
    <row r="626256" spans="14:14">
      <c r="N626256" s="10"/>
    </row>
    <row r="626257" spans="14:14">
      <c r="N626257" s="10"/>
    </row>
    <row r="626258" spans="14:14">
      <c r="N626258" s="10"/>
    </row>
    <row r="626259" spans="14:14">
      <c r="N626259" s="10"/>
    </row>
    <row r="626260" spans="14:14">
      <c r="N626260" s="10"/>
    </row>
    <row r="626261" spans="14:14">
      <c r="N626261" s="10"/>
    </row>
    <row r="626262" spans="14:14">
      <c r="N626262" s="10"/>
    </row>
    <row r="626263" spans="14:14">
      <c r="N626263" s="10"/>
    </row>
    <row r="626264" spans="14:14">
      <c r="N626264" s="10"/>
    </row>
    <row r="626265" spans="14:14">
      <c r="N626265" s="10"/>
    </row>
    <row r="626266" spans="14:14">
      <c r="N626266" s="10"/>
    </row>
    <row r="626267" spans="14:14">
      <c r="N626267" s="10"/>
    </row>
    <row r="626268" spans="14:14">
      <c r="N626268" s="10"/>
    </row>
    <row r="626269" spans="14:14">
      <c r="N626269" s="10"/>
    </row>
    <row r="626270" spans="14:14">
      <c r="N626270" s="10"/>
    </row>
    <row r="626271" spans="14:14">
      <c r="N626271" s="10"/>
    </row>
    <row r="626272" spans="14:14">
      <c r="N626272" s="10"/>
    </row>
    <row r="626273" spans="14:14">
      <c r="N626273" s="10"/>
    </row>
    <row r="626274" spans="14:14">
      <c r="N626274" s="10"/>
    </row>
    <row r="626275" spans="14:14">
      <c r="N626275" s="10"/>
    </row>
    <row r="626276" spans="14:14">
      <c r="N626276" s="10"/>
    </row>
    <row r="626277" spans="14:14">
      <c r="N626277" s="10"/>
    </row>
    <row r="626278" spans="14:14">
      <c r="N626278" s="10"/>
    </row>
    <row r="626279" spans="14:14">
      <c r="N626279" s="10"/>
    </row>
    <row r="626280" spans="14:14">
      <c r="N626280" s="10"/>
    </row>
    <row r="626281" spans="14:14">
      <c r="N626281" s="10"/>
    </row>
    <row r="626282" spans="14:14">
      <c r="N626282" s="10"/>
    </row>
    <row r="626283" spans="14:14">
      <c r="N626283" s="10"/>
    </row>
    <row r="626284" spans="14:14">
      <c r="N626284" s="10"/>
    </row>
    <row r="626285" spans="14:14">
      <c r="N626285" s="10"/>
    </row>
    <row r="626286" spans="14:14">
      <c r="N626286" s="10"/>
    </row>
    <row r="626287" spans="14:14">
      <c r="N626287" s="10"/>
    </row>
    <row r="626288" spans="14:14">
      <c r="N626288" s="10"/>
    </row>
    <row r="626289" spans="14:14">
      <c r="N626289" s="10"/>
    </row>
    <row r="626290" spans="14:14">
      <c r="N626290" s="10"/>
    </row>
    <row r="626291" spans="14:14">
      <c r="N626291" s="10"/>
    </row>
    <row r="626292" spans="14:14">
      <c r="N626292" s="10"/>
    </row>
    <row r="626293" spans="14:14">
      <c r="N626293" s="10"/>
    </row>
    <row r="626294" spans="14:14">
      <c r="N626294" s="10"/>
    </row>
    <row r="626295" spans="14:14">
      <c r="N626295" s="10"/>
    </row>
    <row r="626296" spans="14:14">
      <c r="N626296" s="10"/>
    </row>
    <row r="626297" spans="14:14">
      <c r="N626297" s="10"/>
    </row>
    <row r="626298" spans="14:14">
      <c r="N626298" s="10"/>
    </row>
    <row r="626299" spans="14:14">
      <c r="N626299" s="10"/>
    </row>
    <row r="626300" spans="14:14">
      <c r="N626300" s="10"/>
    </row>
    <row r="626301" spans="14:14">
      <c r="N626301" s="10"/>
    </row>
    <row r="626302" spans="14:14">
      <c r="N626302" s="10"/>
    </row>
    <row r="626303" spans="14:14">
      <c r="N626303" s="10"/>
    </row>
    <row r="626304" spans="14:14">
      <c r="N626304" s="10"/>
    </row>
    <row r="626305" spans="14:14">
      <c r="N626305" s="10"/>
    </row>
    <row r="626306" spans="14:14">
      <c r="N626306" s="10"/>
    </row>
    <row r="626307" spans="14:14">
      <c r="N626307" s="10"/>
    </row>
    <row r="626308" spans="14:14">
      <c r="N626308" s="10"/>
    </row>
    <row r="626309" spans="14:14">
      <c r="N626309" s="10"/>
    </row>
    <row r="626310" spans="14:14">
      <c r="N626310" s="10"/>
    </row>
    <row r="626311" spans="14:14">
      <c r="N626311" s="10"/>
    </row>
    <row r="626312" spans="14:14">
      <c r="N626312" s="10"/>
    </row>
    <row r="626313" spans="14:14">
      <c r="N626313" s="10"/>
    </row>
    <row r="626314" spans="14:14">
      <c r="N626314" s="10"/>
    </row>
    <row r="626315" spans="14:14">
      <c r="N626315" s="10"/>
    </row>
    <row r="626316" spans="14:14">
      <c r="N626316" s="10"/>
    </row>
    <row r="626317" spans="14:14">
      <c r="N626317" s="10"/>
    </row>
    <row r="626318" spans="14:14">
      <c r="N626318" s="10"/>
    </row>
    <row r="626319" spans="14:14">
      <c r="N626319" s="10"/>
    </row>
    <row r="626320" spans="14:14">
      <c r="N626320" s="10"/>
    </row>
    <row r="626321" spans="14:14">
      <c r="N626321" s="10"/>
    </row>
    <row r="626322" spans="14:14">
      <c r="N626322" s="10"/>
    </row>
    <row r="626323" spans="14:14">
      <c r="N626323" s="10"/>
    </row>
    <row r="626324" spans="14:14">
      <c r="N626324" s="10"/>
    </row>
    <row r="626325" spans="14:14">
      <c r="N626325" s="10"/>
    </row>
    <row r="626326" spans="14:14">
      <c r="N626326" s="10"/>
    </row>
    <row r="626327" spans="14:14">
      <c r="N626327" s="10"/>
    </row>
    <row r="626328" spans="14:14">
      <c r="N626328" s="10"/>
    </row>
    <row r="626329" spans="14:14">
      <c r="N626329" s="10"/>
    </row>
    <row r="626330" spans="14:14">
      <c r="N626330" s="10"/>
    </row>
    <row r="626331" spans="14:14">
      <c r="N626331" s="10"/>
    </row>
    <row r="626332" spans="14:14">
      <c r="N626332" s="10"/>
    </row>
    <row r="626333" spans="14:14">
      <c r="N626333" s="10"/>
    </row>
    <row r="626334" spans="14:14">
      <c r="N626334" s="10"/>
    </row>
    <row r="626335" spans="14:14">
      <c r="N626335" s="10"/>
    </row>
    <row r="626336" spans="14:14">
      <c r="N626336" s="10"/>
    </row>
    <row r="626337" spans="14:14">
      <c r="N626337" s="10"/>
    </row>
    <row r="626338" spans="14:14">
      <c r="N626338" s="10"/>
    </row>
    <row r="626339" spans="14:14">
      <c r="N626339" s="10"/>
    </row>
    <row r="626340" spans="14:14">
      <c r="N626340" s="10"/>
    </row>
    <row r="626341" spans="14:14">
      <c r="N626341" s="10"/>
    </row>
    <row r="626342" spans="14:14">
      <c r="N626342" s="10"/>
    </row>
    <row r="626343" spans="14:14">
      <c r="N626343" s="10"/>
    </row>
    <row r="626344" spans="14:14">
      <c r="N626344" s="10"/>
    </row>
    <row r="626345" spans="14:14">
      <c r="N626345" s="10"/>
    </row>
    <row r="626346" spans="14:14">
      <c r="N626346" s="10"/>
    </row>
    <row r="626347" spans="14:14">
      <c r="N626347" s="10"/>
    </row>
    <row r="626348" spans="14:14">
      <c r="N626348" s="10"/>
    </row>
    <row r="626349" spans="14:14">
      <c r="N626349" s="10"/>
    </row>
    <row r="626350" spans="14:14">
      <c r="N626350" s="10"/>
    </row>
    <row r="626351" spans="14:14">
      <c r="N626351" s="10"/>
    </row>
    <row r="626352" spans="14:14">
      <c r="N626352" s="10"/>
    </row>
    <row r="626353" spans="14:14">
      <c r="N626353" s="10"/>
    </row>
    <row r="626354" spans="14:14">
      <c r="N626354" s="10"/>
    </row>
    <row r="626355" spans="14:14">
      <c r="N626355" s="10"/>
    </row>
    <row r="626356" spans="14:14">
      <c r="N626356" s="10"/>
    </row>
    <row r="626357" spans="14:14">
      <c r="N626357" s="10"/>
    </row>
    <row r="626358" spans="14:14">
      <c r="N626358" s="10"/>
    </row>
    <row r="626359" spans="14:14">
      <c r="N626359" s="10"/>
    </row>
    <row r="626360" spans="14:14">
      <c r="N626360" s="10"/>
    </row>
    <row r="626361" spans="14:14">
      <c r="N626361" s="10"/>
    </row>
    <row r="626362" spans="14:14">
      <c r="N626362" s="10"/>
    </row>
    <row r="626363" spans="14:14">
      <c r="N626363" s="10"/>
    </row>
    <row r="626364" spans="14:14">
      <c r="N626364" s="10"/>
    </row>
    <row r="626365" spans="14:14">
      <c r="N626365" s="10"/>
    </row>
    <row r="626366" spans="14:14">
      <c r="N626366" s="10"/>
    </row>
    <row r="626367" spans="14:14">
      <c r="N626367" s="10"/>
    </row>
    <row r="626368" spans="14:14">
      <c r="N626368" s="10"/>
    </row>
    <row r="626369" spans="14:14">
      <c r="N626369" s="10"/>
    </row>
    <row r="626370" spans="14:14">
      <c r="N626370" s="10"/>
    </row>
    <row r="626371" spans="14:14">
      <c r="N626371" s="10"/>
    </row>
    <row r="626372" spans="14:14">
      <c r="N626372" s="10"/>
    </row>
    <row r="626373" spans="14:14">
      <c r="N626373" s="10"/>
    </row>
    <row r="626374" spans="14:14">
      <c r="N626374" s="10"/>
    </row>
    <row r="626375" spans="14:14">
      <c r="N626375" s="10"/>
    </row>
    <row r="626376" spans="14:14">
      <c r="N626376" s="10"/>
    </row>
    <row r="626377" spans="14:14">
      <c r="N626377" s="10"/>
    </row>
    <row r="626378" spans="14:14">
      <c r="N626378" s="10"/>
    </row>
    <row r="626379" spans="14:14">
      <c r="N626379" s="10"/>
    </row>
    <row r="626380" spans="14:14">
      <c r="N626380" s="10"/>
    </row>
    <row r="626381" spans="14:14">
      <c r="N626381" s="10"/>
    </row>
    <row r="626382" spans="14:14">
      <c r="N626382" s="10"/>
    </row>
    <row r="626383" spans="14:14">
      <c r="N626383" s="10"/>
    </row>
    <row r="626384" spans="14:14">
      <c r="N626384" s="10"/>
    </row>
    <row r="626385" spans="14:14">
      <c r="N626385" s="10"/>
    </row>
    <row r="626386" spans="14:14">
      <c r="N626386" s="10"/>
    </row>
    <row r="626387" spans="14:14">
      <c r="N626387" s="10"/>
    </row>
    <row r="626388" spans="14:14">
      <c r="N626388" s="10"/>
    </row>
    <row r="626389" spans="14:14">
      <c r="N626389" s="10"/>
    </row>
    <row r="626390" spans="14:14">
      <c r="N626390" s="10"/>
    </row>
    <row r="626391" spans="14:14">
      <c r="N626391" s="10"/>
    </row>
    <row r="626392" spans="14:14">
      <c r="N626392" s="10"/>
    </row>
    <row r="626393" spans="14:14">
      <c r="N626393" s="10"/>
    </row>
    <row r="626394" spans="14:14">
      <c r="N626394" s="10"/>
    </row>
    <row r="626395" spans="14:14">
      <c r="N626395" s="10"/>
    </row>
    <row r="626396" spans="14:14">
      <c r="N626396" s="10"/>
    </row>
    <row r="626397" spans="14:14">
      <c r="N626397" s="10"/>
    </row>
    <row r="626398" spans="14:14">
      <c r="N626398" s="10"/>
    </row>
    <row r="626399" spans="14:14">
      <c r="N626399" s="10"/>
    </row>
    <row r="626400" spans="14:14">
      <c r="N626400" s="10"/>
    </row>
    <row r="626401" spans="14:14">
      <c r="N626401" s="10"/>
    </row>
    <row r="626402" spans="14:14">
      <c r="N626402" s="10"/>
    </row>
    <row r="626403" spans="14:14">
      <c r="N626403" s="10"/>
    </row>
    <row r="626404" spans="14:14">
      <c r="N626404" s="10"/>
    </row>
    <row r="626405" spans="14:14">
      <c r="N626405" s="10"/>
    </row>
    <row r="626406" spans="14:14">
      <c r="N626406" s="10"/>
    </row>
    <row r="626407" spans="14:14">
      <c r="N626407" s="10"/>
    </row>
    <row r="626408" spans="14:14">
      <c r="N626408" s="10"/>
    </row>
    <row r="626409" spans="14:14">
      <c r="N626409" s="10"/>
    </row>
    <row r="626410" spans="14:14">
      <c r="N626410" s="10"/>
    </row>
    <row r="626411" spans="14:14">
      <c r="N626411" s="10"/>
    </row>
    <row r="626412" spans="14:14">
      <c r="N626412" s="10"/>
    </row>
    <row r="626413" spans="14:14">
      <c r="N626413" s="10"/>
    </row>
    <row r="626414" spans="14:14">
      <c r="N626414" s="10"/>
    </row>
    <row r="626415" spans="14:14">
      <c r="N626415" s="10"/>
    </row>
    <row r="626416" spans="14:14">
      <c r="N626416" s="10"/>
    </row>
    <row r="626417" spans="14:14">
      <c r="N626417" s="10"/>
    </row>
    <row r="626418" spans="14:14">
      <c r="N626418" s="10"/>
    </row>
    <row r="626419" spans="14:14">
      <c r="N626419" s="10"/>
    </row>
    <row r="626420" spans="14:14">
      <c r="N626420" s="10"/>
    </row>
    <row r="626421" spans="14:14">
      <c r="N626421" s="10"/>
    </row>
    <row r="626422" spans="14:14">
      <c r="N626422" s="10"/>
    </row>
    <row r="626423" spans="14:14">
      <c r="N626423" s="10"/>
    </row>
    <row r="626424" spans="14:14">
      <c r="N626424" s="10"/>
    </row>
    <row r="626425" spans="14:14">
      <c r="N626425" s="10"/>
    </row>
    <row r="626426" spans="14:14">
      <c r="N626426" s="10"/>
    </row>
    <row r="626427" spans="14:14">
      <c r="N626427" s="10"/>
    </row>
    <row r="626428" spans="14:14">
      <c r="N626428" s="10"/>
    </row>
    <row r="626429" spans="14:14">
      <c r="N626429" s="10"/>
    </row>
    <row r="626430" spans="14:14">
      <c r="N626430" s="10"/>
    </row>
    <row r="626431" spans="14:14">
      <c r="N626431" s="10"/>
    </row>
    <row r="626432" spans="14:14">
      <c r="N626432" s="10"/>
    </row>
    <row r="626433" spans="14:14">
      <c r="N626433" s="10"/>
    </row>
    <row r="626434" spans="14:14">
      <c r="N626434" s="10"/>
    </row>
    <row r="626435" spans="14:14">
      <c r="N626435" s="10"/>
    </row>
    <row r="626436" spans="14:14">
      <c r="N626436" s="10"/>
    </row>
    <row r="626437" spans="14:14">
      <c r="N626437" s="10"/>
    </row>
    <row r="626438" spans="14:14">
      <c r="N626438" s="10"/>
    </row>
    <row r="626439" spans="14:14">
      <c r="N626439" s="10"/>
    </row>
    <row r="626440" spans="14:14">
      <c r="N626440" s="10"/>
    </row>
    <row r="626441" spans="14:14">
      <c r="N626441" s="10"/>
    </row>
    <row r="626442" spans="14:14">
      <c r="N626442" s="10"/>
    </row>
    <row r="626443" spans="14:14">
      <c r="N626443" s="10"/>
    </row>
    <row r="626444" spans="14:14">
      <c r="N626444" s="10"/>
    </row>
    <row r="626445" spans="14:14">
      <c r="N626445" s="10"/>
    </row>
    <row r="626446" spans="14:14">
      <c r="N626446" s="10"/>
    </row>
    <row r="626447" spans="14:14">
      <c r="N626447" s="10"/>
    </row>
    <row r="626448" spans="14:14">
      <c r="N626448" s="10"/>
    </row>
    <row r="626449" spans="14:14">
      <c r="N626449" s="10"/>
    </row>
    <row r="626450" spans="14:14">
      <c r="N626450" s="10"/>
    </row>
    <row r="626451" spans="14:14">
      <c r="N626451" s="10"/>
    </row>
    <row r="626452" spans="14:14">
      <c r="N626452" s="10"/>
    </row>
    <row r="626453" spans="14:14">
      <c r="N626453" s="10"/>
    </row>
    <row r="626454" spans="14:14">
      <c r="N626454" s="10"/>
    </row>
    <row r="626455" spans="14:14">
      <c r="N626455" s="10"/>
    </row>
    <row r="626456" spans="14:14">
      <c r="N626456" s="10"/>
    </row>
    <row r="626457" spans="14:14">
      <c r="N626457" s="10"/>
    </row>
    <row r="626458" spans="14:14">
      <c r="N626458" s="10"/>
    </row>
    <row r="626459" spans="14:14">
      <c r="N626459" s="10"/>
    </row>
    <row r="626460" spans="14:14">
      <c r="N626460" s="10"/>
    </row>
    <row r="626461" spans="14:14">
      <c r="N626461" s="10"/>
    </row>
    <row r="626462" spans="14:14">
      <c r="N626462" s="10"/>
    </row>
    <row r="626463" spans="14:14">
      <c r="N626463" s="10"/>
    </row>
    <row r="626464" spans="14:14">
      <c r="N626464" s="10"/>
    </row>
    <row r="626465" spans="14:14">
      <c r="N626465" s="10"/>
    </row>
    <row r="626466" spans="14:14">
      <c r="N626466" s="10"/>
    </row>
    <row r="626467" spans="14:14">
      <c r="N626467" s="10"/>
    </row>
    <row r="626468" spans="14:14">
      <c r="N626468" s="10"/>
    </row>
    <row r="626469" spans="14:14">
      <c r="N626469" s="10"/>
    </row>
    <row r="626470" spans="14:14">
      <c r="N626470" s="10"/>
    </row>
    <row r="626471" spans="14:14">
      <c r="N626471" s="10"/>
    </row>
    <row r="626472" spans="14:14">
      <c r="N626472" s="10"/>
    </row>
    <row r="626473" spans="14:14">
      <c r="N626473" s="10"/>
    </row>
    <row r="626474" spans="14:14">
      <c r="N626474" s="10"/>
    </row>
    <row r="626475" spans="14:14">
      <c r="N626475" s="10"/>
    </row>
    <row r="626476" spans="14:14">
      <c r="N626476" s="10"/>
    </row>
    <row r="626477" spans="14:14">
      <c r="N626477" s="10"/>
    </row>
    <row r="626478" spans="14:14">
      <c r="N626478" s="10"/>
    </row>
    <row r="626479" spans="14:14">
      <c r="N626479" s="10"/>
    </row>
    <row r="626480" spans="14:14">
      <c r="N626480" s="10"/>
    </row>
    <row r="626481" spans="14:14">
      <c r="N626481" s="10"/>
    </row>
    <row r="626482" spans="14:14">
      <c r="N626482" s="10"/>
    </row>
    <row r="626483" spans="14:14">
      <c r="N626483" s="10"/>
    </row>
    <row r="626484" spans="14:14">
      <c r="N626484" s="10"/>
    </row>
    <row r="626485" spans="14:14">
      <c r="N626485" s="10"/>
    </row>
    <row r="626486" spans="14:14">
      <c r="N626486" s="10"/>
    </row>
    <row r="626487" spans="14:14">
      <c r="N626487" s="10"/>
    </row>
    <row r="626488" spans="14:14">
      <c r="N626488" s="10"/>
    </row>
    <row r="626489" spans="14:14">
      <c r="N626489" s="10"/>
    </row>
    <row r="626490" spans="14:14">
      <c r="N626490" s="10"/>
    </row>
    <row r="626491" spans="14:14">
      <c r="N626491" s="10"/>
    </row>
    <row r="626492" spans="14:14">
      <c r="N626492" s="10"/>
    </row>
    <row r="626493" spans="14:14">
      <c r="N626493" s="10"/>
    </row>
    <row r="626494" spans="14:14">
      <c r="N626494" s="10"/>
    </row>
    <row r="626495" spans="14:14">
      <c r="N626495" s="10"/>
    </row>
    <row r="626496" spans="14:14">
      <c r="N626496" s="10"/>
    </row>
    <row r="626497" spans="14:14">
      <c r="N626497" s="10"/>
    </row>
    <row r="626498" spans="14:14">
      <c r="N626498" s="10"/>
    </row>
    <row r="626499" spans="14:14">
      <c r="N626499" s="10"/>
    </row>
    <row r="626500" spans="14:14">
      <c r="N626500" s="10"/>
    </row>
    <row r="626501" spans="14:14">
      <c r="N626501" s="10"/>
    </row>
    <row r="626502" spans="14:14">
      <c r="N626502" s="10"/>
    </row>
    <row r="626503" spans="14:14">
      <c r="N626503" s="10"/>
    </row>
    <row r="626504" spans="14:14">
      <c r="N626504" s="10"/>
    </row>
    <row r="626505" spans="14:14">
      <c r="N626505" s="10"/>
    </row>
    <row r="626506" spans="14:14">
      <c r="N626506" s="10"/>
    </row>
    <row r="626507" spans="14:14">
      <c r="N626507" s="10"/>
    </row>
    <row r="626508" spans="14:14">
      <c r="N626508" s="10"/>
    </row>
    <row r="626509" spans="14:14">
      <c r="N626509" s="10"/>
    </row>
    <row r="626510" spans="14:14">
      <c r="N626510" s="10"/>
    </row>
    <row r="626511" spans="14:14">
      <c r="N626511" s="10"/>
    </row>
    <row r="626512" spans="14:14">
      <c r="N626512" s="10"/>
    </row>
    <row r="626513" spans="14:14">
      <c r="N626513" s="10"/>
    </row>
    <row r="626514" spans="14:14">
      <c r="N626514" s="10"/>
    </row>
    <row r="626515" spans="14:14">
      <c r="N626515" s="10"/>
    </row>
    <row r="626516" spans="14:14">
      <c r="N626516" s="10"/>
    </row>
    <row r="626517" spans="14:14">
      <c r="N626517" s="10"/>
    </row>
    <row r="626518" spans="14:14">
      <c r="N626518" s="10"/>
    </row>
    <row r="626519" spans="14:14">
      <c r="N626519" s="10"/>
    </row>
    <row r="626520" spans="14:14">
      <c r="N626520" s="10"/>
    </row>
    <row r="626521" spans="14:14">
      <c r="N626521" s="10"/>
    </row>
    <row r="626522" spans="14:14">
      <c r="N626522" s="10"/>
    </row>
    <row r="626523" spans="14:14">
      <c r="N626523" s="10"/>
    </row>
    <row r="626524" spans="14:14">
      <c r="N626524" s="10"/>
    </row>
    <row r="626525" spans="14:14">
      <c r="N626525" s="10"/>
    </row>
    <row r="626526" spans="14:14">
      <c r="N626526" s="10"/>
    </row>
    <row r="626527" spans="14:14">
      <c r="N626527" s="10"/>
    </row>
    <row r="626528" spans="14:14">
      <c r="N626528" s="10"/>
    </row>
    <row r="626529" spans="14:14">
      <c r="N626529" s="10"/>
    </row>
    <row r="626530" spans="14:14">
      <c r="N626530" s="10"/>
    </row>
    <row r="626531" spans="14:14">
      <c r="N626531" s="10"/>
    </row>
    <row r="626532" spans="14:14">
      <c r="N626532" s="10"/>
    </row>
    <row r="626533" spans="14:14">
      <c r="N626533" s="10"/>
    </row>
    <row r="626534" spans="14:14">
      <c r="N626534" s="10"/>
    </row>
    <row r="626535" spans="14:14">
      <c r="N626535" s="10"/>
    </row>
    <row r="626536" spans="14:14">
      <c r="N626536" s="10"/>
    </row>
    <row r="626537" spans="14:14">
      <c r="N626537" s="10"/>
    </row>
    <row r="626538" spans="14:14">
      <c r="N626538" s="10"/>
    </row>
    <row r="626539" spans="14:14">
      <c r="N626539" s="10"/>
    </row>
    <row r="626540" spans="14:14">
      <c r="N626540" s="10"/>
    </row>
    <row r="626541" spans="14:14">
      <c r="N626541" s="10"/>
    </row>
    <row r="626542" spans="14:14">
      <c r="N626542" s="10"/>
    </row>
    <row r="626543" spans="14:14">
      <c r="N626543" s="10"/>
    </row>
    <row r="626544" spans="14:14">
      <c r="N626544" s="10"/>
    </row>
    <row r="626545" spans="14:14">
      <c r="N626545" s="10"/>
    </row>
    <row r="626546" spans="14:14">
      <c r="N626546" s="10"/>
    </row>
    <row r="626547" spans="14:14">
      <c r="N626547" s="10"/>
    </row>
    <row r="626548" spans="14:14">
      <c r="N626548" s="10"/>
    </row>
    <row r="626549" spans="14:14">
      <c r="N626549" s="10"/>
    </row>
    <row r="626550" spans="14:14">
      <c r="N626550" s="10"/>
    </row>
    <row r="626551" spans="14:14">
      <c r="N626551" s="10"/>
    </row>
    <row r="626552" spans="14:14">
      <c r="N626552" s="10"/>
    </row>
    <row r="626553" spans="14:14">
      <c r="N626553" s="10"/>
    </row>
    <row r="626554" spans="14:14">
      <c r="N626554" s="10"/>
    </row>
    <row r="626555" spans="14:14">
      <c r="N626555" s="10"/>
    </row>
    <row r="626556" spans="14:14">
      <c r="N626556" s="10"/>
    </row>
    <row r="626557" spans="14:14">
      <c r="N626557" s="10"/>
    </row>
    <row r="626558" spans="14:14">
      <c r="N626558" s="10"/>
    </row>
    <row r="626559" spans="14:14">
      <c r="N626559" s="10"/>
    </row>
    <row r="626560" spans="14:14">
      <c r="N626560" s="10"/>
    </row>
    <row r="626561" spans="14:14">
      <c r="N626561" s="10"/>
    </row>
    <row r="626562" spans="14:14">
      <c r="N626562" s="10"/>
    </row>
    <row r="626563" spans="14:14">
      <c r="N626563" s="10"/>
    </row>
    <row r="626564" spans="14:14">
      <c r="N626564" s="10"/>
    </row>
    <row r="626565" spans="14:14">
      <c r="N626565" s="10"/>
    </row>
    <row r="626566" spans="14:14">
      <c r="N626566" s="10"/>
    </row>
    <row r="626567" spans="14:14">
      <c r="N626567" s="10"/>
    </row>
    <row r="626568" spans="14:14">
      <c r="N626568" s="10"/>
    </row>
    <row r="626569" spans="14:14">
      <c r="N626569" s="10"/>
    </row>
    <row r="626570" spans="14:14">
      <c r="N626570" s="10"/>
    </row>
    <row r="626571" spans="14:14">
      <c r="N626571" s="10"/>
    </row>
    <row r="626572" spans="14:14">
      <c r="N626572" s="10"/>
    </row>
    <row r="626573" spans="14:14">
      <c r="N626573" s="10"/>
    </row>
    <row r="626574" spans="14:14">
      <c r="N626574" s="10"/>
    </row>
    <row r="626575" spans="14:14">
      <c r="N626575" s="10"/>
    </row>
    <row r="626576" spans="14:14">
      <c r="N626576" s="10"/>
    </row>
    <row r="626577" spans="14:14">
      <c r="N626577" s="10"/>
    </row>
    <row r="626578" spans="14:14">
      <c r="N626578" s="10"/>
    </row>
    <row r="626579" spans="14:14">
      <c r="N626579" s="10"/>
    </row>
    <row r="626580" spans="14:14">
      <c r="N626580" s="10"/>
    </row>
    <row r="626581" spans="14:14">
      <c r="N626581" s="10"/>
    </row>
    <row r="626582" spans="14:14">
      <c r="N626582" s="10"/>
    </row>
    <row r="626583" spans="14:14">
      <c r="N626583" s="10"/>
    </row>
    <row r="626584" spans="14:14">
      <c r="N626584" s="10"/>
    </row>
    <row r="626585" spans="14:14">
      <c r="N626585" s="10"/>
    </row>
    <row r="626586" spans="14:14">
      <c r="N626586" s="10"/>
    </row>
    <row r="626587" spans="14:14">
      <c r="N626587" s="10"/>
    </row>
    <row r="626588" spans="14:14">
      <c r="N626588" s="10"/>
    </row>
    <row r="626589" spans="14:14">
      <c r="N626589" s="10"/>
    </row>
    <row r="626590" spans="14:14">
      <c r="N626590" s="10"/>
    </row>
    <row r="626591" spans="14:14">
      <c r="N626591" s="10"/>
    </row>
    <row r="626592" spans="14:14">
      <c r="N626592" s="10"/>
    </row>
    <row r="626593" spans="14:14">
      <c r="N626593" s="10"/>
    </row>
    <row r="626594" spans="14:14">
      <c r="N626594" s="10"/>
    </row>
    <row r="626595" spans="14:14">
      <c r="N626595" s="10"/>
    </row>
    <row r="626596" spans="14:14">
      <c r="N626596" s="10"/>
    </row>
    <row r="626597" spans="14:14">
      <c r="N626597" s="10"/>
    </row>
    <row r="626598" spans="14:14">
      <c r="N626598" s="10"/>
    </row>
    <row r="626599" spans="14:14">
      <c r="N626599" s="10"/>
    </row>
    <row r="626600" spans="14:14">
      <c r="N626600" s="10"/>
    </row>
    <row r="626601" spans="14:14">
      <c r="N626601" s="10"/>
    </row>
    <row r="626602" spans="14:14">
      <c r="N626602" s="10"/>
    </row>
    <row r="626603" spans="14:14">
      <c r="N626603" s="10"/>
    </row>
    <row r="626604" spans="14:14">
      <c r="N626604" s="10"/>
    </row>
    <row r="626605" spans="14:14">
      <c r="N626605" s="10"/>
    </row>
    <row r="626606" spans="14:14">
      <c r="N626606" s="10"/>
    </row>
    <row r="626607" spans="14:14">
      <c r="N626607" s="10"/>
    </row>
    <row r="626608" spans="14:14">
      <c r="N626608" s="10"/>
    </row>
    <row r="626609" spans="14:14">
      <c r="N626609" s="10"/>
    </row>
    <row r="626610" spans="14:14">
      <c r="N626610" s="10"/>
    </row>
    <row r="626611" spans="14:14">
      <c r="N626611" s="10"/>
    </row>
    <row r="626612" spans="14:14">
      <c r="N626612" s="10"/>
    </row>
    <row r="626613" spans="14:14">
      <c r="N626613" s="10"/>
    </row>
    <row r="626614" spans="14:14">
      <c r="N626614" s="10"/>
    </row>
    <row r="626615" spans="14:14">
      <c r="N626615" s="10"/>
    </row>
    <row r="626616" spans="14:14">
      <c r="N626616" s="10"/>
    </row>
    <row r="626617" spans="14:14">
      <c r="N626617" s="10"/>
    </row>
    <row r="626618" spans="14:14">
      <c r="N626618" s="10"/>
    </row>
    <row r="626619" spans="14:14">
      <c r="N626619" s="10"/>
    </row>
    <row r="626620" spans="14:14">
      <c r="N626620" s="10"/>
    </row>
    <row r="626621" spans="14:14">
      <c r="N626621" s="10"/>
    </row>
    <row r="626622" spans="14:14">
      <c r="N626622" s="10"/>
    </row>
    <row r="626623" spans="14:14">
      <c r="N626623" s="10"/>
    </row>
    <row r="626624" spans="14:14">
      <c r="N626624" s="10"/>
    </row>
    <row r="626625" spans="14:14">
      <c r="N626625" s="10"/>
    </row>
    <row r="626626" spans="14:14">
      <c r="N626626" s="10"/>
    </row>
    <row r="626627" spans="14:14">
      <c r="N626627" s="10"/>
    </row>
    <row r="626628" spans="14:14">
      <c r="N626628" s="10"/>
    </row>
    <row r="626629" spans="14:14">
      <c r="N626629" s="10"/>
    </row>
    <row r="626630" spans="14:14">
      <c r="N626630" s="10"/>
    </row>
    <row r="626631" spans="14:14">
      <c r="N626631" s="10"/>
    </row>
    <row r="626632" spans="14:14">
      <c r="N626632" s="10"/>
    </row>
    <row r="626633" spans="14:14">
      <c r="N626633" s="10"/>
    </row>
    <row r="626634" spans="14:14">
      <c r="N626634" s="10"/>
    </row>
    <row r="626635" spans="14:14">
      <c r="N626635" s="10"/>
    </row>
    <row r="626636" spans="14:14">
      <c r="N626636" s="10"/>
    </row>
    <row r="626637" spans="14:14">
      <c r="N626637" s="10"/>
    </row>
    <row r="626638" spans="14:14">
      <c r="N626638" s="10"/>
    </row>
    <row r="626639" spans="14:14">
      <c r="N626639" s="10"/>
    </row>
    <row r="626640" spans="14:14">
      <c r="N626640" s="10"/>
    </row>
    <row r="626641" spans="14:14">
      <c r="N626641" s="10"/>
    </row>
    <row r="626642" spans="14:14">
      <c r="N626642" s="10"/>
    </row>
    <row r="626643" spans="14:14">
      <c r="N626643" s="10"/>
    </row>
    <row r="626644" spans="14:14">
      <c r="N626644" s="10"/>
    </row>
    <row r="626645" spans="14:14">
      <c r="N626645" s="10"/>
    </row>
    <row r="626646" spans="14:14">
      <c r="N626646" s="10"/>
    </row>
    <row r="626647" spans="14:14">
      <c r="N626647" s="10"/>
    </row>
    <row r="626648" spans="14:14">
      <c r="N626648" s="10"/>
    </row>
    <row r="626649" spans="14:14">
      <c r="N626649" s="10"/>
    </row>
    <row r="626650" spans="14:14">
      <c r="N626650" s="10"/>
    </row>
    <row r="626651" spans="14:14">
      <c r="N626651" s="10"/>
    </row>
    <row r="626652" spans="14:14">
      <c r="N626652" s="10"/>
    </row>
    <row r="626653" spans="14:14">
      <c r="N626653" s="10"/>
    </row>
    <row r="626654" spans="14:14">
      <c r="N626654" s="10"/>
    </row>
    <row r="626655" spans="14:14">
      <c r="N626655" s="10"/>
    </row>
    <row r="626656" spans="14:14">
      <c r="N626656" s="10"/>
    </row>
    <row r="626657" spans="14:14">
      <c r="N626657" s="10"/>
    </row>
    <row r="626658" spans="14:14">
      <c r="N626658" s="10"/>
    </row>
    <row r="626659" spans="14:14">
      <c r="N626659" s="10"/>
    </row>
    <row r="626660" spans="14:14">
      <c r="N626660" s="10"/>
    </row>
    <row r="626661" spans="14:14">
      <c r="N626661" s="10"/>
    </row>
    <row r="626662" spans="14:14">
      <c r="N626662" s="10"/>
    </row>
    <row r="626663" spans="14:14">
      <c r="N626663" s="10"/>
    </row>
    <row r="626664" spans="14:14">
      <c r="N626664" s="10"/>
    </row>
    <row r="626665" spans="14:14">
      <c r="N626665" s="10"/>
    </row>
    <row r="626666" spans="14:14">
      <c r="N626666" s="10"/>
    </row>
    <row r="626667" spans="14:14">
      <c r="N626667" s="10"/>
    </row>
    <row r="626668" spans="14:14">
      <c r="N626668" s="10"/>
    </row>
    <row r="626669" spans="14:14">
      <c r="N626669" s="10"/>
    </row>
    <row r="626670" spans="14:14">
      <c r="N626670" s="10"/>
    </row>
    <row r="626671" spans="14:14">
      <c r="N626671" s="10"/>
    </row>
    <row r="626672" spans="14:14">
      <c r="N626672" s="10"/>
    </row>
    <row r="626673" spans="14:14">
      <c r="N626673" s="10"/>
    </row>
    <row r="626674" spans="14:14">
      <c r="N626674" s="10"/>
    </row>
    <row r="626675" spans="14:14">
      <c r="N626675" s="10"/>
    </row>
    <row r="626676" spans="14:14">
      <c r="N626676" s="10"/>
    </row>
    <row r="626677" spans="14:14">
      <c r="N626677" s="10"/>
    </row>
    <row r="626678" spans="14:14">
      <c r="N626678" s="10"/>
    </row>
    <row r="626679" spans="14:14">
      <c r="N626679" s="10"/>
    </row>
    <row r="626680" spans="14:14">
      <c r="N626680" s="10"/>
    </row>
    <row r="626681" spans="14:14">
      <c r="N626681" s="10"/>
    </row>
    <row r="626682" spans="14:14">
      <c r="N626682" s="10"/>
    </row>
    <row r="626683" spans="14:14">
      <c r="N626683" s="10"/>
    </row>
    <row r="626684" spans="14:14">
      <c r="N626684" s="10"/>
    </row>
    <row r="626685" spans="14:14">
      <c r="N626685" s="10"/>
    </row>
    <row r="626686" spans="14:14">
      <c r="N626686" s="10"/>
    </row>
    <row r="626687" spans="14:14">
      <c r="N626687" s="10"/>
    </row>
    <row r="626688" spans="14:14">
      <c r="N626688" s="10"/>
    </row>
    <row r="626689" spans="14:14">
      <c r="N626689" s="10"/>
    </row>
    <row r="626690" spans="14:14">
      <c r="N626690" s="10"/>
    </row>
    <row r="626691" spans="14:14">
      <c r="N626691" s="10"/>
    </row>
    <row r="626692" spans="14:14">
      <c r="N626692" s="10"/>
    </row>
    <row r="626693" spans="14:14">
      <c r="N626693" s="10"/>
    </row>
    <row r="626694" spans="14:14">
      <c r="N626694" s="10"/>
    </row>
    <row r="626695" spans="14:14">
      <c r="N626695" s="10"/>
    </row>
    <row r="626696" spans="14:14">
      <c r="N626696" s="10"/>
    </row>
    <row r="626697" spans="14:14">
      <c r="N626697" s="10"/>
    </row>
    <row r="626698" spans="14:14">
      <c r="N626698" s="10"/>
    </row>
    <row r="626699" spans="14:14">
      <c r="N626699" s="10"/>
    </row>
    <row r="626700" spans="14:14">
      <c r="N626700" s="10"/>
    </row>
    <row r="626701" spans="14:14">
      <c r="N626701" s="10"/>
    </row>
    <row r="626702" spans="14:14">
      <c r="N626702" s="10"/>
    </row>
    <row r="626703" spans="14:14">
      <c r="N626703" s="10"/>
    </row>
    <row r="626704" spans="14:14">
      <c r="N626704" s="10"/>
    </row>
    <row r="626705" spans="14:14">
      <c r="N626705" s="10"/>
    </row>
    <row r="626706" spans="14:14">
      <c r="N626706" s="10"/>
    </row>
    <row r="626707" spans="14:14">
      <c r="N626707" s="10"/>
    </row>
    <row r="626708" spans="14:14">
      <c r="N626708" s="10"/>
    </row>
    <row r="626709" spans="14:14">
      <c r="N626709" s="10"/>
    </row>
    <row r="626710" spans="14:14">
      <c r="N626710" s="10"/>
    </row>
    <row r="626711" spans="14:14">
      <c r="N626711" s="10"/>
    </row>
    <row r="626712" spans="14:14">
      <c r="N626712" s="10"/>
    </row>
    <row r="626713" spans="14:14">
      <c r="N626713" s="10"/>
    </row>
    <row r="626714" spans="14:14">
      <c r="N626714" s="10"/>
    </row>
    <row r="626715" spans="14:14">
      <c r="N626715" s="10"/>
    </row>
    <row r="626716" spans="14:14">
      <c r="N626716" s="10"/>
    </row>
    <row r="626717" spans="14:14">
      <c r="N626717" s="10"/>
    </row>
    <row r="626718" spans="14:14">
      <c r="N626718" s="10"/>
    </row>
    <row r="626719" spans="14:14">
      <c r="N626719" s="10"/>
    </row>
    <row r="626720" spans="14:14">
      <c r="N626720" s="10"/>
    </row>
    <row r="626721" spans="14:14">
      <c r="N626721" s="10"/>
    </row>
    <row r="626722" spans="14:14">
      <c r="N626722" s="10"/>
    </row>
    <row r="626723" spans="14:14">
      <c r="N626723" s="10"/>
    </row>
    <row r="626724" spans="14:14">
      <c r="N626724" s="10"/>
    </row>
    <row r="626725" spans="14:14">
      <c r="N626725" s="10"/>
    </row>
    <row r="626726" spans="14:14">
      <c r="N626726" s="10"/>
    </row>
    <row r="626727" spans="14:14">
      <c r="N626727" s="10"/>
    </row>
    <row r="626728" spans="14:14">
      <c r="N626728" s="10"/>
    </row>
    <row r="626729" spans="14:14">
      <c r="N626729" s="10"/>
    </row>
    <row r="626730" spans="14:14">
      <c r="N626730" s="10"/>
    </row>
    <row r="626731" spans="14:14">
      <c r="N626731" s="10"/>
    </row>
    <row r="626732" spans="14:14">
      <c r="N626732" s="10"/>
    </row>
    <row r="626733" spans="14:14">
      <c r="N626733" s="10"/>
    </row>
    <row r="626734" spans="14:14">
      <c r="N626734" s="10"/>
    </row>
    <row r="626735" spans="14:14">
      <c r="N626735" s="10"/>
    </row>
    <row r="626736" spans="14:14">
      <c r="N626736" s="10"/>
    </row>
    <row r="626737" spans="14:14">
      <c r="N626737" s="10"/>
    </row>
    <row r="626738" spans="14:14">
      <c r="N626738" s="10"/>
    </row>
    <row r="626739" spans="14:14">
      <c r="N626739" s="10"/>
    </row>
    <row r="626740" spans="14:14">
      <c r="N626740" s="10"/>
    </row>
    <row r="626741" spans="14:14">
      <c r="N626741" s="10"/>
    </row>
    <row r="626742" spans="14:14">
      <c r="N626742" s="10"/>
    </row>
    <row r="626743" spans="14:14">
      <c r="N626743" s="10"/>
    </row>
    <row r="626744" spans="14:14">
      <c r="N626744" s="10"/>
    </row>
    <row r="626745" spans="14:14">
      <c r="N626745" s="10"/>
    </row>
    <row r="626746" spans="14:14">
      <c r="N626746" s="10"/>
    </row>
    <row r="626747" spans="14:14">
      <c r="N626747" s="10"/>
    </row>
    <row r="626748" spans="14:14">
      <c r="N626748" s="10"/>
    </row>
    <row r="626749" spans="14:14">
      <c r="N626749" s="10"/>
    </row>
    <row r="626750" spans="14:14">
      <c r="N626750" s="10"/>
    </row>
    <row r="626751" spans="14:14">
      <c r="N626751" s="10"/>
    </row>
    <row r="626752" spans="14:14">
      <c r="N626752" s="10"/>
    </row>
    <row r="626753" spans="14:14">
      <c r="N626753" s="10"/>
    </row>
    <row r="626754" spans="14:14">
      <c r="N626754" s="10"/>
    </row>
    <row r="626755" spans="14:14">
      <c r="N626755" s="10"/>
    </row>
    <row r="626756" spans="14:14">
      <c r="N626756" s="10"/>
    </row>
    <row r="626757" spans="14:14">
      <c r="N626757" s="10"/>
    </row>
    <row r="626758" spans="14:14">
      <c r="N626758" s="10"/>
    </row>
    <row r="626759" spans="14:14">
      <c r="N626759" s="10"/>
    </row>
    <row r="626760" spans="14:14">
      <c r="N626760" s="10"/>
    </row>
    <row r="626761" spans="14:14">
      <c r="N626761" s="10"/>
    </row>
    <row r="626762" spans="14:14">
      <c r="N626762" s="10"/>
    </row>
    <row r="626763" spans="14:14">
      <c r="N626763" s="10"/>
    </row>
    <row r="626764" spans="14:14">
      <c r="N626764" s="10"/>
    </row>
    <row r="626765" spans="14:14">
      <c r="N626765" s="10"/>
    </row>
    <row r="626766" spans="14:14">
      <c r="N626766" s="10"/>
    </row>
    <row r="626767" spans="14:14">
      <c r="N626767" s="10"/>
    </row>
    <row r="626768" spans="14:14">
      <c r="N626768" s="10"/>
    </row>
    <row r="626769" spans="14:14">
      <c r="N626769" s="10"/>
    </row>
    <row r="626770" spans="14:14">
      <c r="N626770" s="10"/>
    </row>
    <row r="626771" spans="14:14">
      <c r="N626771" s="10"/>
    </row>
    <row r="626772" spans="14:14">
      <c r="N626772" s="10"/>
    </row>
    <row r="626773" spans="14:14">
      <c r="N626773" s="10"/>
    </row>
    <row r="626774" spans="14:14">
      <c r="N626774" s="10"/>
    </row>
    <row r="626775" spans="14:14">
      <c r="N626775" s="10"/>
    </row>
    <row r="626776" spans="14:14">
      <c r="N626776" s="10"/>
    </row>
    <row r="626777" spans="14:14">
      <c r="N626777" s="10"/>
    </row>
    <row r="626778" spans="14:14">
      <c r="N626778" s="10"/>
    </row>
    <row r="626779" spans="14:14">
      <c r="N626779" s="10"/>
    </row>
    <row r="626780" spans="14:14">
      <c r="N626780" s="10"/>
    </row>
    <row r="626781" spans="14:14">
      <c r="N626781" s="10"/>
    </row>
    <row r="626782" spans="14:14">
      <c r="N626782" s="10"/>
    </row>
    <row r="626783" spans="14:14">
      <c r="N626783" s="10"/>
    </row>
    <row r="626784" spans="14:14">
      <c r="N626784" s="10"/>
    </row>
    <row r="626785" spans="14:14">
      <c r="N626785" s="10"/>
    </row>
    <row r="626786" spans="14:14">
      <c r="N626786" s="10"/>
    </row>
    <row r="626787" spans="14:14">
      <c r="N626787" s="10"/>
    </row>
    <row r="626788" spans="14:14">
      <c r="N626788" s="10"/>
    </row>
    <row r="626789" spans="14:14">
      <c r="N626789" s="10"/>
    </row>
    <row r="626790" spans="14:14">
      <c r="N626790" s="10"/>
    </row>
    <row r="626791" spans="14:14">
      <c r="N626791" s="10"/>
    </row>
    <row r="626792" spans="14:14">
      <c r="N626792" s="10"/>
    </row>
    <row r="626793" spans="14:14">
      <c r="N626793" s="10"/>
    </row>
    <row r="626794" spans="14:14">
      <c r="N626794" s="10"/>
    </row>
    <row r="626795" spans="14:14">
      <c r="N626795" s="10"/>
    </row>
    <row r="626796" spans="14:14">
      <c r="N626796" s="10"/>
    </row>
    <row r="626797" spans="14:14">
      <c r="N626797" s="10"/>
    </row>
    <row r="626798" spans="14:14">
      <c r="N626798" s="10"/>
    </row>
    <row r="626799" spans="14:14">
      <c r="N626799" s="10"/>
    </row>
    <row r="626800" spans="14:14">
      <c r="N626800" s="10"/>
    </row>
    <row r="626801" spans="14:14">
      <c r="N626801" s="10"/>
    </row>
    <row r="626802" spans="14:14">
      <c r="N626802" s="10"/>
    </row>
    <row r="626803" spans="14:14">
      <c r="N626803" s="10"/>
    </row>
    <row r="626804" spans="14:14">
      <c r="N626804" s="10"/>
    </row>
    <row r="626805" spans="14:14">
      <c r="N626805" s="10"/>
    </row>
    <row r="626806" spans="14:14">
      <c r="N626806" s="10"/>
    </row>
    <row r="626807" spans="14:14">
      <c r="N626807" s="10"/>
    </row>
    <row r="626808" spans="14:14">
      <c r="N626808" s="10"/>
    </row>
    <row r="626809" spans="14:14">
      <c r="N626809" s="10"/>
    </row>
    <row r="626810" spans="14:14">
      <c r="N626810" s="10"/>
    </row>
    <row r="626811" spans="14:14">
      <c r="N626811" s="10"/>
    </row>
    <row r="626812" spans="14:14">
      <c r="N626812" s="10"/>
    </row>
    <row r="626813" spans="14:14">
      <c r="N626813" s="10"/>
    </row>
    <row r="626814" spans="14:14">
      <c r="N626814" s="10"/>
    </row>
    <row r="626815" spans="14:14">
      <c r="N626815" s="10"/>
    </row>
    <row r="626816" spans="14:14">
      <c r="N626816" s="10"/>
    </row>
    <row r="626817" spans="14:14">
      <c r="N626817" s="10"/>
    </row>
    <row r="626818" spans="14:14">
      <c r="N626818" s="10"/>
    </row>
    <row r="626819" spans="14:14">
      <c r="N626819" s="10"/>
    </row>
    <row r="626820" spans="14:14">
      <c r="N626820" s="10"/>
    </row>
    <row r="626821" spans="14:14">
      <c r="N626821" s="10"/>
    </row>
    <row r="626822" spans="14:14">
      <c r="N626822" s="10"/>
    </row>
    <row r="626823" spans="14:14">
      <c r="N626823" s="10"/>
    </row>
    <row r="626824" spans="14:14">
      <c r="N626824" s="10"/>
    </row>
    <row r="626825" spans="14:14">
      <c r="N626825" s="10"/>
    </row>
    <row r="626826" spans="14:14">
      <c r="N626826" s="10"/>
    </row>
    <row r="626827" spans="14:14">
      <c r="N626827" s="10"/>
    </row>
    <row r="626828" spans="14:14">
      <c r="N626828" s="10"/>
    </row>
    <row r="626829" spans="14:14">
      <c r="N626829" s="10"/>
    </row>
    <row r="626830" spans="14:14">
      <c r="N626830" s="10"/>
    </row>
    <row r="626831" spans="14:14">
      <c r="N626831" s="10"/>
    </row>
    <row r="626832" spans="14:14">
      <c r="N626832" s="10"/>
    </row>
    <row r="626833" spans="14:14">
      <c r="N626833" s="10"/>
    </row>
    <row r="626834" spans="14:14">
      <c r="N626834" s="10"/>
    </row>
    <row r="626835" spans="14:14">
      <c r="N626835" s="10"/>
    </row>
    <row r="626836" spans="14:14">
      <c r="N626836" s="10"/>
    </row>
    <row r="626837" spans="14:14">
      <c r="N626837" s="10"/>
    </row>
    <row r="626838" spans="14:14">
      <c r="N626838" s="10"/>
    </row>
    <row r="626839" spans="14:14">
      <c r="N626839" s="10"/>
    </row>
    <row r="626840" spans="14:14">
      <c r="N626840" s="10"/>
    </row>
    <row r="626841" spans="14:14">
      <c r="N626841" s="10"/>
    </row>
    <row r="626842" spans="14:14">
      <c r="N626842" s="10"/>
    </row>
    <row r="626843" spans="14:14">
      <c r="N626843" s="10"/>
    </row>
    <row r="626844" spans="14:14">
      <c r="N626844" s="10"/>
    </row>
    <row r="626845" spans="14:14">
      <c r="N626845" s="10"/>
    </row>
    <row r="626846" spans="14:14">
      <c r="N626846" s="10"/>
    </row>
    <row r="626847" spans="14:14">
      <c r="N626847" s="10"/>
    </row>
    <row r="626848" spans="14:14">
      <c r="N626848" s="10"/>
    </row>
    <row r="626849" spans="14:14">
      <c r="N626849" s="10"/>
    </row>
    <row r="626850" spans="14:14">
      <c r="N626850" s="10"/>
    </row>
    <row r="626851" spans="14:14">
      <c r="N626851" s="10"/>
    </row>
    <row r="626852" spans="14:14">
      <c r="N626852" s="10"/>
    </row>
    <row r="626853" spans="14:14">
      <c r="N626853" s="10"/>
    </row>
    <row r="626854" spans="14:14">
      <c r="N626854" s="10"/>
    </row>
    <row r="626855" spans="14:14">
      <c r="N626855" s="10"/>
    </row>
    <row r="626856" spans="14:14">
      <c r="N626856" s="10"/>
    </row>
    <row r="626857" spans="14:14">
      <c r="N626857" s="10"/>
    </row>
    <row r="626858" spans="14:14">
      <c r="N626858" s="10"/>
    </row>
    <row r="626859" spans="14:14">
      <c r="N626859" s="10"/>
    </row>
    <row r="626860" spans="14:14">
      <c r="N626860" s="10"/>
    </row>
    <row r="626861" spans="14:14">
      <c r="N626861" s="10"/>
    </row>
    <row r="626862" spans="14:14">
      <c r="N626862" s="10"/>
    </row>
    <row r="626863" spans="14:14">
      <c r="N626863" s="10"/>
    </row>
    <row r="626864" spans="14:14">
      <c r="N626864" s="10"/>
    </row>
    <row r="626865" spans="14:14">
      <c r="N626865" s="10"/>
    </row>
    <row r="626866" spans="14:14">
      <c r="N626866" s="10"/>
    </row>
    <row r="626867" spans="14:14">
      <c r="N626867" s="10"/>
    </row>
    <row r="626868" spans="14:14">
      <c r="N626868" s="10"/>
    </row>
    <row r="626869" spans="14:14">
      <c r="N626869" s="10"/>
    </row>
    <row r="626870" spans="14:14">
      <c r="N626870" s="10"/>
    </row>
    <row r="626871" spans="14:14">
      <c r="N626871" s="10"/>
    </row>
    <row r="626872" spans="14:14">
      <c r="N626872" s="10"/>
    </row>
    <row r="626873" spans="14:14">
      <c r="N626873" s="10"/>
    </row>
    <row r="626874" spans="14:14">
      <c r="N626874" s="10"/>
    </row>
    <row r="626875" spans="14:14">
      <c r="N626875" s="10"/>
    </row>
    <row r="626876" spans="14:14">
      <c r="N626876" s="10"/>
    </row>
    <row r="626877" spans="14:14">
      <c r="N626877" s="10"/>
    </row>
    <row r="626878" spans="14:14">
      <c r="N626878" s="10"/>
    </row>
    <row r="626879" spans="14:14">
      <c r="N626879" s="10"/>
    </row>
    <row r="626880" spans="14:14">
      <c r="N626880" s="10"/>
    </row>
    <row r="626881" spans="14:14">
      <c r="N626881" s="10"/>
    </row>
    <row r="626882" spans="14:14">
      <c r="N626882" s="10"/>
    </row>
    <row r="626883" spans="14:14">
      <c r="N626883" s="10"/>
    </row>
    <row r="626884" spans="14:14">
      <c r="N626884" s="10"/>
    </row>
    <row r="626885" spans="14:14">
      <c r="N626885" s="10"/>
    </row>
    <row r="626886" spans="14:14">
      <c r="N626886" s="10"/>
    </row>
    <row r="626887" spans="14:14">
      <c r="N626887" s="10"/>
    </row>
    <row r="626888" spans="14:14">
      <c r="N626888" s="10"/>
    </row>
    <row r="626889" spans="14:14">
      <c r="N626889" s="10"/>
    </row>
    <row r="626890" spans="14:14">
      <c r="N626890" s="10"/>
    </row>
    <row r="626891" spans="14:14">
      <c r="N626891" s="10"/>
    </row>
    <row r="626892" spans="14:14">
      <c r="N626892" s="10"/>
    </row>
    <row r="626893" spans="14:14">
      <c r="N626893" s="10"/>
    </row>
    <row r="626894" spans="14:14">
      <c r="N626894" s="10"/>
    </row>
    <row r="626895" spans="14:14">
      <c r="N626895" s="10"/>
    </row>
    <row r="626896" spans="14:14">
      <c r="N626896" s="10"/>
    </row>
    <row r="626897" spans="14:14">
      <c r="N626897" s="10"/>
    </row>
    <row r="626898" spans="14:14">
      <c r="N626898" s="10"/>
    </row>
    <row r="626899" spans="14:14">
      <c r="N626899" s="10"/>
    </row>
    <row r="626900" spans="14:14">
      <c r="N626900" s="10"/>
    </row>
    <row r="626901" spans="14:14">
      <c r="N626901" s="10"/>
    </row>
    <row r="626902" spans="14:14">
      <c r="N626902" s="10"/>
    </row>
    <row r="626903" spans="14:14">
      <c r="N626903" s="10"/>
    </row>
    <row r="626904" spans="14:14">
      <c r="N626904" s="10"/>
    </row>
    <row r="626905" spans="14:14">
      <c r="N626905" s="10"/>
    </row>
    <row r="626906" spans="14:14">
      <c r="N626906" s="10"/>
    </row>
    <row r="626907" spans="14:14">
      <c r="N626907" s="10"/>
    </row>
    <row r="626908" spans="14:14">
      <c r="N626908" s="10"/>
    </row>
    <row r="626909" spans="14:14">
      <c r="N626909" s="10"/>
    </row>
    <row r="626910" spans="14:14">
      <c r="N626910" s="10"/>
    </row>
    <row r="626911" spans="14:14">
      <c r="N626911" s="10"/>
    </row>
    <row r="626912" spans="14:14">
      <c r="N626912" s="10"/>
    </row>
    <row r="626913" spans="14:14">
      <c r="N626913" s="10"/>
    </row>
    <row r="626914" spans="14:14">
      <c r="N626914" s="10"/>
    </row>
    <row r="626915" spans="14:14">
      <c r="N626915" s="10"/>
    </row>
    <row r="626916" spans="14:14">
      <c r="N626916" s="10"/>
    </row>
    <row r="626917" spans="14:14">
      <c r="N626917" s="10"/>
    </row>
    <row r="626918" spans="14:14">
      <c r="N626918" s="10"/>
    </row>
    <row r="626919" spans="14:14">
      <c r="N626919" s="10"/>
    </row>
    <row r="626920" spans="14:14">
      <c r="N626920" s="10"/>
    </row>
    <row r="626921" spans="14:14">
      <c r="N626921" s="10"/>
    </row>
    <row r="626922" spans="14:14">
      <c r="N626922" s="10"/>
    </row>
    <row r="626923" spans="14:14">
      <c r="N626923" s="10"/>
    </row>
    <row r="626924" spans="14:14">
      <c r="N626924" s="10"/>
    </row>
    <row r="626925" spans="14:14">
      <c r="N626925" s="10"/>
    </row>
    <row r="626926" spans="14:14">
      <c r="N626926" s="10"/>
    </row>
    <row r="626927" spans="14:14">
      <c r="N626927" s="10"/>
    </row>
    <row r="626928" spans="14:14">
      <c r="N626928" s="10"/>
    </row>
    <row r="626929" spans="14:14">
      <c r="N626929" s="10"/>
    </row>
    <row r="626930" spans="14:14">
      <c r="N626930" s="10"/>
    </row>
    <row r="626931" spans="14:14">
      <c r="N626931" s="10"/>
    </row>
    <row r="626932" spans="14:14">
      <c r="N626932" s="10"/>
    </row>
    <row r="626933" spans="14:14">
      <c r="N626933" s="10"/>
    </row>
    <row r="626934" spans="14:14">
      <c r="N626934" s="10"/>
    </row>
    <row r="626935" spans="14:14">
      <c r="N626935" s="10"/>
    </row>
    <row r="626936" spans="14:14">
      <c r="N626936" s="10"/>
    </row>
    <row r="626937" spans="14:14">
      <c r="N626937" s="10"/>
    </row>
    <row r="626938" spans="14:14">
      <c r="N626938" s="10"/>
    </row>
    <row r="626939" spans="14:14">
      <c r="N626939" s="10"/>
    </row>
    <row r="626940" spans="14:14">
      <c r="N626940" s="10"/>
    </row>
    <row r="626941" spans="14:14">
      <c r="N626941" s="10"/>
    </row>
    <row r="626942" spans="14:14">
      <c r="N626942" s="10"/>
    </row>
    <row r="626943" spans="14:14">
      <c r="N626943" s="10"/>
    </row>
    <row r="626944" spans="14:14">
      <c r="N626944" s="10"/>
    </row>
    <row r="626945" spans="14:14">
      <c r="N626945" s="10"/>
    </row>
    <row r="626946" spans="14:14">
      <c r="N626946" s="10"/>
    </row>
    <row r="626947" spans="14:14">
      <c r="N626947" s="10"/>
    </row>
    <row r="626948" spans="14:14">
      <c r="N626948" s="10"/>
    </row>
    <row r="626949" spans="14:14">
      <c r="N626949" s="10"/>
    </row>
    <row r="626950" spans="14:14">
      <c r="N626950" s="10"/>
    </row>
    <row r="626951" spans="14:14">
      <c r="N626951" s="10"/>
    </row>
    <row r="626952" spans="14:14">
      <c r="N626952" s="10"/>
    </row>
    <row r="626953" spans="14:14">
      <c r="N626953" s="10"/>
    </row>
    <row r="626954" spans="14:14">
      <c r="N626954" s="10"/>
    </row>
    <row r="626955" spans="14:14">
      <c r="N626955" s="10"/>
    </row>
    <row r="626956" spans="14:14">
      <c r="N626956" s="10"/>
    </row>
    <row r="626957" spans="14:14">
      <c r="N626957" s="10"/>
    </row>
    <row r="626958" spans="14:14">
      <c r="N626958" s="10"/>
    </row>
    <row r="626959" spans="14:14">
      <c r="N626959" s="10"/>
    </row>
    <row r="626960" spans="14:14">
      <c r="N626960" s="10"/>
    </row>
    <row r="626961" spans="14:14">
      <c r="N626961" s="10"/>
    </row>
    <row r="626962" spans="14:14">
      <c r="N626962" s="10"/>
    </row>
    <row r="626963" spans="14:14">
      <c r="N626963" s="10"/>
    </row>
    <row r="626964" spans="14:14">
      <c r="N626964" s="10"/>
    </row>
    <row r="626965" spans="14:14">
      <c r="N626965" s="10"/>
    </row>
    <row r="626966" spans="14:14">
      <c r="N626966" s="10"/>
    </row>
    <row r="626967" spans="14:14">
      <c r="N626967" s="10"/>
    </row>
    <row r="626968" spans="14:14">
      <c r="N626968" s="10"/>
    </row>
    <row r="626969" spans="14:14">
      <c r="N626969" s="10"/>
    </row>
    <row r="626970" spans="14:14">
      <c r="N626970" s="10"/>
    </row>
    <row r="626971" spans="14:14">
      <c r="N626971" s="10"/>
    </row>
    <row r="626972" spans="14:14">
      <c r="N626972" s="10"/>
    </row>
    <row r="626973" spans="14:14">
      <c r="N626973" s="10"/>
    </row>
    <row r="626974" spans="14:14">
      <c r="N626974" s="10"/>
    </row>
    <row r="626975" spans="14:14">
      <c r="N626975" s="10"/>
    </row>
    <row r="626976" spans="14:14">
      <c r="N626976" s="10"/>
    </row>
    <row r="626977" spans="14:14">
      <c r="N626977" s="10"/>
    </row>
    <row r="626978" spans="14:14">
      <c r="N626978" s="10"/>
    </row>
    <row r="626979" spans="14:14">
      <c r="N626979" s="10"/>
    </row>
    <row r="626980" spans="14:14">
      <c r="N626980" s="10"/>
    </row>
    <row r="626981" spans="14:14">
      <c r="N626981" s="10"/>
    </row>
    <row r="626982" spans="14:14">
      <c r="N626982" s="10"/>
    </row>
    <row r="626983" spans="14:14">
      <c r="N626983" s="10"/>
    </row>
    <row r="626984" spans="14:14">
      <c r="N626984" s="10"/>
    </row>
    <row r="626985" spans="14:14">
      <c r="N626985" s="10"/>
    </row>
    <row r="626986" spans="14:14">
      <c r="N626986" s="10"/>
    </row>
    <row r="626987" spans="14:14">
      <c r="N626987" s="10"/>
    </row>
    <row r="626988" spans="14:14">
      <c r="N626988" s="10"/>
    </row>
    <row r="626989" spans="14:14">
      <c r="N626989" s="10"/>
    </row>
    <row r="626990" spans="14:14">
      <c r="N626990" s="10"/>
    </row>
    <row r="626991" spans="14:14">
      <c r="N626991" s="10"/>
    </row>
    <row r="626992" spans="14:14">
      <c r="N626992" s="10"/>
    </row>
    <row r="626993" spans="14:14">
      <c r="N626993" s="10"/>
    </row>
    <row r="626994" spans="14:14">
      <c r="N626994" s="10"/>
    </row>
    <row r="626995" spans="14:14">
      <c r="N626995" s="10"/>
    </row>
    <row r="626996" spans="14:14">
      <c r="N626996" s="10"/>
    </row>
    <row r="626997" spans="14:14">
      <c r="N626997" s="10"/>
    </row>
    <row r="626998" spans="14:14">
      <c r="N626998" s="10"/>
    </row>
    <row r="626999" spans="14:14">
      <c r="N626999" s="10"/>
    </row>
    <row r="627000" spans="14:14">
      <c r="N627000" s="10"/>
    </row>
    <row r="627001" spans="14:14">
      <c r="N627001" s="10"/>
    </row>
    <row r="627002" spans="14:14">
      <c r="N627002" s="10"/>
    </row>
    <row r="627003" spans="14:14">
      <c r="N627003" s="10"/>
    </row>
    <row r="627004" spans="14:14">
      <c r="N627004" s="10"/>
    </row>
    <row r="627005" spans="14:14">
      <c r="N627005" s="10"/>
    </row>
    <row r="627006" spans="14:14">
      <c r="N627006" s="10"/>
    </row>
    <row r="627007" spans="14:14">
      <c r="N627007" s="10"/>
    </row>
    <row r="627008" spans="14:14">
      <c r="N627008" s="10"/>
    </row>
    <row r="627009" spans="14:14">
      <c r="N627009" s="10"/>
    </row>
    <row r="627010" spans="14:14">
      <c r="N627010" s="10"/>
    </row>
    <row r="627011" spans="14:14">
      <c r="N627011" s="10"/>
    </row>
    <row r="627012" spans="14:14">
      <c r="N627012" s="10"/>
    </row>
    <row r="627013" spans="14:14">
      <c r="N627013" s="10"/>
    </row>
    <row r="627014" spans="14:14">
      <c r="N627014" s="10"/>
    </row>
    <row r="627015" spans="14:14">
      <c r="N627015" s="10"/>
    </row>
    <row r="627016" spans="14:14">
      <c r="N627016" s="10"/>
    </row>
    <row r="627017" spans="14:14">
      <c r="N627017" s="10"/>
    </row>
    <row r="627018" spans="14:14">
      <c r="N627018" s="10"/>
    </row>
    <row r="627019" spans="14:14">
      <c r="N627019" s="10"/>
    </row>
    <row r="627020" spans="14:14">
      <c r="N627020" s="10"/>
    </row>
    <row r="627021" spans="14:14">
      <c r="N627021" s="10"/>
    </row>
    <row r="627022" spans="14:14">
      <c r="N627022" s="10"/>
    </row>
    <row r="627023" spans="14:14">
      <c r="N627023" s="10"/>
    </row>
    <row r="627024" spans="14:14">
      <c r="N627024" s="10"/>
    </row>
    <row r="627025" spans="14:14">
      <c r="N627025" s="10"/>
    </row>
    <row r="627026" spans="14:14">
      <c r="N627026" s="10"/>
    </row>
    <row r="627027" spans="14:14">
      <c r="N627027" s="10"/>
    </row>
    <row r="627028" spans="14:14">
      <c r="N627028" s="10"/>
    </row>
    <row r="627029" spans="14:14">
      <c r="N627029" s="10"/>
    </row>
    <row r="627030" spans="14:14">
      <c r="N627030" s="10"/>
    </row>
    <row r="627031" spans="14:14">
      <c r="N627031" s="10"/>
    </row>
    <row r="627032" spans="14:14">
      <c r="N627032" s="10"/>
    </row>
    <row r="627033" spans="14:14">
      <c r="N627033" s="10"/>
    </row>
    <row r="627034" spans="14:14">
      <c r="N627034" s="10"/>
    </row>
    <row r="627035" spans="14:14">
      <c r="N627035" s="10"/>
    </row>
    <row r="627036" spans="14:14">
      <c r="N627036" s="10"/>
    </row>
    <row r="627037" spans="14:14">
      <c r="N627037" s="10"/>
    </row>
    <row r="627038" spans="14:14">
      <c r="N627038" s="10"/>
    </row>
    <row r="627039" spans="14:14">
      <c r="N627039" s="10"/>
    </row>
    <row r="627040" spans="14:14">
      <c r="N627040" s="10"/>
    </row>
    <row r="627041" spans="14:14">
      <c r="N627041" s="10"/>
    </row>
    <row r="627042" spans="14:14">
      <c r="N627042" s="10"/>
    </row>
    <row r="627043" spans="14:14">
      <c r="N627043" s="10"/>
    </row>
    <row r="627044" spans="14:14">
      <c r="N627044" s="10"/>
    </row>
    <row r="627045" spans="14:14">
      <c r="N627045" s="10"/>
    </row>
    <row r="627046" spans="14:14">
      <c r="N627046" s="10"/>
    </row>
    <row r="627047" spans="14:14">
      <c r="N627047" s="10"/>
    </row>
    <row r="627048" spans="14:14">
      <c r="N627048" s="10"/>
    </row>
    <row r="627049" spans="14:14">
      <c r="N627049" s="10"/>
    </row>
    <row r="627050" spans="14:14">
      <c r="N627050" s="10"/>
    </row>
    <row r="627051" spans="14:14">
      <c r="N627051" s="10"/>
    </row>
    <row r="627052" spans="14:14">
      <c r="N627052" s="10"/>
    </row>
    <row r="627053" spans="14:14">
      <c r="N627053" s="10"/>
    </row>
    <row r="627054" spans="14:14">
      <c r="N627054" s="10"/>
    </row>
    <row r="627055" spans="14:14">
      <c r="N627055" s="10"/>
    </row>
    <row r="627056" spans="14:14">
      <c r="N627056" s="10"/>
    </row>
    <row r="627057" spans="14:14">
      <c r="N627057" s="10"/>
    </row>
    <row r="627058" spans="14:14">
      <c r="N627058" s="10"/>
    </row>
    <row r="627059" spans="14:14">
      <c r="N627059" s="10"/>
    </row>
    <row r="627060" spans="14:14">
      <c r="N627060" s="10"/>
    </row>
    <row r="627061" spans="14:14">
      <c r="N627061" s="10"/>
    </row>
    <row r="627062" spans="14:14">
      <c r="N627062" s="10"/>
    </row>
    <row r="627063" spans="14:14">
      <c r="N627063" s="10"/>
    </row>
    <row r="627064" spans="14:14">
      <c r="N627064" s="10"/>
    </row>
    <row r="627065" spans="14:14">
      <c r="N627065" s="10"/>
    </row>
    <row r="627066" spans="14:14">
      <c r="N627066" s="10"/>
    </row>
    <row r="627067" spans="14:14">
      <c r="N627067" s="10"/>
    </row>
    <row r="627068" spans="14:14">
      <c r="N627068" s="10"/>
    </row>
    <row r="627069" spans="14:14">
      <c r="N627069" s="10"/>
    </row>
    <row r="627070" spans="14:14">
      <c r="N627070" s="10"/>
    </row>
    <row r="627071" spans="14:14">
      <c r="N627071" s="10"/>
    </row>
    <row r="627072" spans="14:14">
      <c r="N627072" s="10"/>
    </row>
    <row r="627073" spans="14:14">
      <c r="N627073" s="10"/>
    </row>
    <row r="627074" spans="14:14">
      <c r="N627074" s="10"/>
    </row>
    <row r="627075" spans="14:14">
      <c r="N627075" s="10"/>
    </row>
    <row r="627076" spans="14:14">
      <c r="N627076" s="10"/>
    </row>
    <row r="627077" spans="14:14">
      <c r="N627077" s="10"/>
    </row>
    <row r="627078" spans="14:14">
      <c r="N627078" s="10"/>
    </row>
    <row r="627079" spans="14:14">
      <c r="N627079" s="10"/>
    </row>
    <row r="627080" spans="14:14">
      <c r="N627080" s="10"/>
    </row>
    <row r="627081" spans="14:14">
      <c r="N627081" s="10"/>
    </row>
    <row r="627082" spans="14:14">
      <c r="N627082" s="10"/>
    </row>
    <row r="627083" spans="14:14">
      <c r="N627083" s="10"/>
    </row>
    <row r="627084" spans="14:14">
      <c r="N627084" s="10"/>
    </row>
    <row r="627085" spans="14:14">
      <c r="N627085" s="10"/>
    </row>
    <row r="627086" spans="14:14">
      <c r="N627086" s="10"/>
    </row>
    <row r="627087" spans="14:14">
      <c r="N627087" s="10"/>
    </row>
    <row r="627088" spans="14:14">
      <c r="N627088" s="10"/>
    </row>
    <row r="627089" spans="14:14">
      <c r="N627089" s="10"/>
    </row>
    <row r="627090" spans="14:14">
      <c r="N627090" s="10"/>
    </row>
    <row r="627091" spans="14:14">
      <c r="N627091" s="10"/>
    </row>
    <row r="627092" spans="14:14">
      <c r="N627092" s="10"/>
    </row>
    <row r="627093" spans="14:14">
      <c r="N627093" s="10"/>
    </row>
    <row r="627094" spans="14:14">
      <c r="N627094" s="10"/>
    </row>
    <row r="627095" spans="14:14">
      <c r="N627095" s="10"/>
    </row>
    <row r="627096" spans="14:14">
      <c r="N627096" s="10"/>
    </row>
    <row r="627097" spans="14:14">
      <c r="N627097" s="10"/>
    </row>
    <row r="627098" spans="14:14">
      <c r="N627098" s="10"/>
    </row>
    <row r="627099" spans="14:14">
      <c r="N627099" s="10"/>
    </row>
    <row r="627100" spans="14:14">
      <c r="N627100" s="10"/>
    </row>
    <row r="627101" spans="14:14">
      <c r="N627101" s="10"/>
    </row>
    <row r="627102" spans="14:14">
      <c r="N627102" s="10"/>
    </row>
    <row r="627103" spans="14:14">
      <c r="N627103" s="10"/>
    </row>
    <row r="627104" spans="14:14">
      <c r="N627104" s="10"/>
    </row>
    <row r="627105" spans="14:14">
      <c r="N627105" s="10"/>
    </row>
    <row r="627106" spans="14:14">
      <c r="N627106" s="10"/>
    </row>
    <row r="627107" spans="14:14">
      <c r="N627107" s="10"/>
    </row>
    <row r="627108" spans="14:14">
      <c r="N627108" s="10"/>
    </row>
    <row r="627109" spans="14:14">
      <c r="N627109" s="10"/>
    </row>
    <row r="627110" spans="14:14">
      <c r="N627110" s="10"/>
    </row>
    <row r="627111" spans="14:14">
      <c r="N627111" s="10"/>
    </row>
    <row r="627112" spans="14:14">
      <c r="N627112" s="10"/>
    </row>
    <row r="627113" spans="14:14">
      <c r="N627113" s="10"/>
    </row>
    <row r="627114" spans="14:14">
      <c r="N627114" s="10"/>
    </row>
    <row r="627115" spans="14:14">
      <c r="N627115" s="10"/>
    </row>
    <row r="627116" spans="14:14">
      <c r="N627116" s="10"/>
    </row>
    <row r="627117" spans="14:14">
      <c r="N627117" s="10"/>
    </row>
    <row r="627118" spans="14:14">
      <c r="N627118" s="10"/>
    </row>
    <row r="627119" spans="14:14">
      <c r="N627119" s="10"/>
    </row>
    <row r="627120" spans="14:14">
      <c r="N627120" s="10"/>
    </row>
    <row r="627121" spans="14:14">
      <c r="N627121" s="10"/>
    </row>
    <row r="627122" spans="14:14">
      <c r="N627122" s="10"/>
    </row>
    <row r="627123" spans="14:14">
      <c r="N627123" s="10"/>
    </row>
    <row r="627124" spans="14:14">
      <c r="N627124" s="10"/>
    </row>
    <row r="627125" spans="14:14">
      <c r="N627125" s="10"/>
    </row>
    <row r="627126" spans="14:14">
      <c r="N627126" s="10"/>
    </row>
    <row r="627127" spans="14:14">
      <c r="N627127" s="10"/>
    </row>
    <row r="627128" spans="14:14">
      <c r="N627128" s="10"/>
    </row>
    <row r="627129" spans="14:14">
      <c r="N627129" s="10"/>
    </row>
    <row r="627130" spans="14:14">
      <c r="N627130" s="10"/>
    </row>
    <row r="627131" spans="14:14">
      <c r="N627131" s="10"/>
    </row>
    <row r="627132" spans="14:14">
      <c r="N627132" s="10"/>
    </row>
    <row r="627133" spans="14:14">
      <c r="N627133" s="10"/>
    </row>
    <row r="627134" spans="14:14">
      <c r="N627134" s="10"/>
    </row>
    <row r="627135" spans="14:14">
      <c r="N627135" s="10"/>
    </row>
    <row r="627136" spans="14:14">
      <c r="N627136" s="10"/>
    </row>
    <row r="627137" spans="14:14">
      <c r="N627137" s="10"/>
    </row>
    <row r="627138" spans="14:14">
      <c r="N627138" s="10"/>
    </row>
    <row r="627139" spans="14:14">
      <c r="N627139" s="10"/>
    </row>
    <row r="627140" spans="14:14">
      <c r="N627140" s="10"/>
    </row>
    <row r="627141" spans="14:14">
      <c r="N627141" s="10"/>
    </row>
    <row r="627142" spans="14:14">
      <c r="N627142" s="10"/>
    </row>
    <row r="627143" spans="14:14">
      <c r="N627143" s="10"/>
    </row>
    <row r="627144" spans="14:14">
      <c r="N627144" s="10"/>
    </row>
    <row r="627145" spans="14:14">
      <c r="N627145" s="10"/>
    </row>
    <row r="627146" spans="14:14">
      <c r="N627146" s="10"/>
    </row>
    <row r="627147" spans="14:14">
      <c r="N627147" s="10"/>
    </row>
    <row r="627148" spans="14:14">
      <c r="N627148" s="10"/>
    </row>
    <row r="627149" spans="14:14">
      <c r="N627149" s="10"/>
    </row>
    <row r="627150" spans="14:14">
      <c r="N627150" s="10"/>
    </row>
    <row r="627151" spans="14:14">
      <c r="N627151" s="10"/>
    </row>
    <row r="627152" spans="14:14">
      <c r="N627152" s="10"/>
    </row>
    <row r="627153" spans="14:14">
      <c r="N627153" s="10"/>
    </row>
    <row r="627154" spans="14:14">
      <c r="N627154" s="10"/>
    </row>
    <row r="627155" spans="14:14">
      <c r="N627155" s="10"/>
    </row>
    <row r="627156" spans="14:14">
      <c r="N627156" s="10"/>
    </row>
    <row r="627157" spans="14:14">
      <c r="N627157" s="10"/>
    </row>
    <row r="627158" spans="14:14">
      <c r="N627158" s="10"/>
    </row>
    <row r="627159" spans="14:14">
      <c r="N627159" s="10"/>
    </row>
    <row r="627160" spans="14:14">
      <c r="N627160" s="10"/>
    </row>
    <row r="627161" spans="14:14">
      <c r="N627161" s="10"/>
    </row>
    <row r="627162" spans="14:14">
      <c r="N627162" s="10"/>
    </row>
    <row r="627163" spans="14:14">
      <c r="N627163" s="10"/>
    </row>
    <row r="627164" spans="14:14">
      <c r="N627164" s="10"/>
    </row>
    <row r="627165" spans="14:14">
      <c r="N627165" s="10"/>
    </row>
    <row r="627166" spans="14:14">
      <c r="N627166" s="10"/>
    </row>
    <row r="627167" spans="14:14">
      <c r="N627167" s="10"/>
    </row>
    <row r="627168" spans="14:14">
      <c r="N627168" s="10"/>
    </row>
    <row r="627169" spans="14:14">
      <c r="N627169" s="10"/>
    </row>
    <row r="627170" spans="14:14">
      <c r="N627170" s="10"/>
    </row>
    <row r="627171" spans="14:14">
      <c r="N627171" s="10"/>
    </row>
    <row r="627172" spans="14:14">
      <c r="N627172" s="10"/>
    </row>
    <row r="627173" spans="14:14">
      <c r="N627173" s="10"/>
    </row>
    <row r="627174" spans="14:14">
      <c r="N627174" s="10"/>
    </row>
    <row r="627175" spans="14:14">
      <c r="N627175" s="10"/>
    </row>
    <row r="627176" spans="14:14">
      <c r="N627176" s="10"/>
    </row>
    <row r="627177" spans="14:14">
      <c r="N627177" s="10"/>
    </row>
    <row r="627178" spans="14:14">
      <c r="N627178" s="10"/>
    </row>
    <row r="627179" spans="14:14">
      <c r="N627179" s="10"/>
    </row>
    <row r="627180" spans="14:14">
      <c r="N627180" s="10"/>
    </row>
    <row r="627181" spans="14:14">
      <c r="N627181" s="10"/>
    </row>
    <row r="627182" spans="14:14">
      <c r="N627182" s="10"/>
    </row>
    <row r="627183" spans="14:14">
      <c r="N627183" s="10"/>
    </row>
    <row r="627184" spans="14:14">
      <c r="N627184" s="10"/>
    </row>
    <row r="627185" spans="14:14">
      <c r="N627185" s="10"/>
    </row>
    <row r="627186" spans="14:14">
      <c r="N627186" s="10"/>
    </row>
    <row r="627187" spans="14:14">
      <c r="N627187" s="10"/>
    </row>
    <row r="627188" spans="14:14">
      <c r="N627188" s="10"/>
    </row>
    <row r="627189" spans="14:14">
      <c r="N627189" s="10"/>
    </row>
    <row r="627190" spans="14:14">
      <c r="N627190" s="10"/>
    </row>
    <row r="627191" spans="14:14">
      <c r="N627191" s="10"/>
    </row>
    <row r="627192" spans="14:14">
      <c r="N627192" s="10"/>
    </row>
    <row r="627193" spans="14:14">
      <c r="N627193" s="10"/>
    </row>
    <row r="627194" spans="14:14">
      <c r="N627194" s="10"/>
    </row>
    <row r="627195" spans="14:14">
      <c r="N627195" s="10"/>
    </row>
    <row r="627196" spans="14:14">
      <c r="N627196" s="10"/>
    </row>
    <row r="627197" spans="14:14">
      <c r="N627197" s="10"/>
    </row>
    <row r="627198" spans="14:14">
      <c r="N627198" s="10"/>
    </row>
    <row r="627199" spans="14:14">
      <c r="N627199" s="10"/>
    </row>
    <row r="627200" spans="14:14">
      <c r="N627200" s="10"/>
    </row>
    <row r="627201" spans="14:14">
      <c r="N627201" s="10"/>
    </row>
    <row r="627202" spans="14:14">
      <c r="N627202" s="10"/>
    </row>
    <row r="627203" spans="14:14">
      <c r="N627203" s="10"/>
    </row>
    <row r="627204" spans="14:14">
      <c r="N627204" s="10"/>
    </row>
    <row r="627205" spans="14:14">
      <c r="N627205" s="10"/>
    </row>
    <row r="627206" spans="14:14">
      <c r="N627206" s="10"/>
    </row>
    <row r="627207" spans="14:14">
      <c r="N627207" s="10"/>
    </row>
    <row r="627208" spans="14:14">
      <c r="N627208" s="10"/>
    </row>
    <row r="627209" spans="14:14">
      <c r="N627209" s="10"/>
    </row>
    <row r="627210" spans="14:14">
      <c r="N627210" s="10"/>
    </row>
    <row r="627211" spans="14:14">
      <c r="N627211" s="10"/>
    </row>
    <row r="627212" spans="14:14">
      <c r="N627212" s="10"/>
    </row>
    <row r="627213" spans="14:14">
      <c r="N627213" s="10"/>
    </row>
    <row r="627214" spans="14:14">
      <c r="N627214" s="10"/>
    </row>
    <row r="627215" spans="14:14">
      <c r="N627215" s="10"/>
    </row>
    <row r="627216" spans="14:14">
      <c r="N627216" s="10"/>
    </row>
    <row r="627217" spans="14:14">
      <c r="N627217" s="10"/>
    </row>
    <row r="627218" spans="14:14">
      <c r="N627218" s="10"/>
    </row>
    <row r="627219" spans="14:14">
      <c r="N627219" s="10"/>
    </row>
    <row r="627220" spans="14:14">
      <c r="N627220" s="10"/>
    </row>
    <row r="627221" spans="14:14">
      <c r="N627221" s="10"/>
    </row>
    <row r="627222" spans="14:14">
      <c r="N627222" s="10"/>
    </row>
    <row r="627223" spans="14:14">
      <c r="N627223" s="10"/>
    </row>
    <row r="627224" spans="14:14">
      <c r="N627224" s="10"/>
    </row>
    <row r="627225" spans="14:14">
      <c r="N627225" s="10"/>
    </row>
    <row r="627226" spans="14:14">
      <c r="N627226" s="10"/>
    </row>
    <row r="627227" spans="14:14">
      <c r="N627227" s="10"/>
    </row>
    <row r="627228" spans="14:14">
      <c r="N627228" s="10"/>
    </row>
    <row r="627229" spans="14:14">
      <c r="N627229" s="10"/>
    </row>
    <row r="627230" spans="14:14">
      <c r="N627230" s="10"/>
    </row>
    <row r="627231" spans="14:14">
      <c r="N627231" s="10"/>
    </row>
    <row r="627232" spans="14:14">
      <c r="N627232" s="10"/>
    </row>
    <row r="627233" spans="14:14">
      <c r="N627233" s="10"/>
    </row>
    <row r="627234" spans="14:14">
      <c r="N627234" s="10"/>
    </row>
    <row r="627235" spans="14:14">
      <c r="N627235" s="10"/>
    </row>
    <row r="627236" spans="14:14">
      <c r="N627236" s="10"/>
    </row>
    <row r="627237" spans="14:14">
      <c r="N627237" s="10"/>
    </row>
    <row r="627238" spans="14:14">
      <c r="N627238" s="10"/>
    </row>
    <row r="627239" spans="14:14">
      <c r="N627239" s="10"/>
    </row>
    <row r="627240" spans="14:14">
      <c r="N627240" s="10"/>
    </row>
    <row r="627241" spans="14:14">
      <c r="N627241" s="10"/>
    </row>
    <row r="627242" spans="14:14">
      <c r="N627242" s="10"/>
    </row>
    <row r="627243" spans="14:14">
      <c r="N627243" s="10"/>
    </row>
    <row r="627244" spans="14:14">
      <c r="N627244" s="10"/>
    </row>
    <row r="627245" spans="14:14">
      <c r="N627245" s="10"/>
    </row>
    <row r="627246" spans="14:14">
      <c r="N627246" s="10"/>
    </row>
    <row r="627247" spans="14:14">
      <c r="N627247" s="10"/>
    </row>
    <row r="627248" spans="14:14">
      <c r="N627248" s="10"/>
    </row>
    <row r="627249" spans="14:14">
      <c r="N627249" s="10"/>
    </row>
    <row r="627250" spans="14:14">
      <c r="N627250" s="10"/>
    </row>
    <row r="627251" spans="14:14">
      <c r="N627251" s="10"/>
    </row>
    <row r="627252" spans="14:14">
      <c r="N627252" s="10"/>
    </row>
    <row r="627253" spans="14:14">
      <c r="N627253" s="10"/>
    </row>
    <row r="627254" spans="14:14">
      <c r="N627254" s="10"/>
    </row>
    <row r="627255" spans="14:14">
      <c r="N627255" s="10"/>
    </row>
    <row r="627256" spans="14:14">
      <c r="N627256" s="10"/>
    </row>
    <row r="627257" spans="14:14">
      <c r="N627257" s="10"/>
    </row>
    <row r="627258" spans="14:14">
      <c r="N627258" s="10"/>
    </row>
    <row r="627259" spans="14:14">
      <c r="N627259" s="10"/>
    </row>
    <row r="627260" spans="14:14">
      <c r="N627260" s="10"/>
    </row>
    <row r="627261" spans="14:14">
      <c r="N627261" s="10"/>
    </row>
    <row r="627262" spans="14:14">
      <c r="N627262" s="10"/>
    </row>
    <row r="627263" spans="14:14">
      <c r="N627263" s="10"/>
    </row>
    <row r="627264" spans="14:14">
      <c r="N627264" s="10"/>
    </row>
    <row r="627265" spans="14:14">
      <c r="N627265" s="10"/>
    </row>
    <row r="627266" spans="14:14">
      <c r="N627266" s="10"/>
    </row>
    <row r="627267" spans="14:14">
      <c r="N627267" s="10"/>
    </row>
    <row r="627268" spans="14:14">
      <c r="N627268" s="10"/>
    </row>
    <row r="627269" spans="14:14">
      <c r="N627269" s="10"/>
    </row>
    <row r="627270" spans="14:14">
      <c r="N627270" s="10"/>
    </row>
    <row r="627271" spans="14:14">
      <c r="N627271" s="10"/>
    </row>
    <row r="627272" spans="14:14">
      <c r="N627272" s="10"/>
    </row>
    <row r="627273" spans="14:14">
      <c r="N627273" s="10"/>
    </row>
    <row r="627274" spans="14:14">
      <c r="N627274" s="10"/>
    </row>
    <row r="627275" spans="14:14">
      <c r="N627275" s="10"/>
    </row>
    <row r="627276" spans="14:14">
      <c r="N627276" s="10"/>
    </row>
    <row r="627277" spans="14:14">
      <c r="N627277" s="10"/>
    </row>
    <row r="627278" spans="14:14">
      <c r="N627278" s="10"/>
    </row>
    <row r="627279" spans="14:14">
      <c r="N627279" s="10"/>
    </row>
    <row r="627280" spans="14:14">
      <c r="N627280" s="10"/>
    </row>
    <row r="627281" spans="14:14">
      <c r="N627281" s="10"/>
    </row>
    <row r="627282" spans="14:14">
      <c r="N627282" s="10"/>
    </row>
    <row r="627283" spans="14:14">
      <c r="N627283" s="10"/>
    </row>
    <row r="627284" spans="14:14">
      <c r="N627284" s="10"/>
    </row>
    <row r="627285" spans="14:14">
      <c r="N627285" s="10"/>
    </row>
    <row r="627286" spans="14:14">
      <c r="N627286" s="10"/>
    </row>
    <row r="627287" spans="14:14">
      <c r="N627287" s="10"/>
    </row>
    <row r="627288" spans="14:14">
      <c r="N627288" s="10"/>
    </row>
    <row r="627289" spans="14:14">
      <c r="N627289" s="10"/>
    </row>
    <row r="627290" spans="14:14">
      <c r="N627290" s="10"/>
    </row>
    <row r="627291" spans="14:14">
      <c r="N627291" s="10"/>
    </row>
    <row r="627292" spans="14:14">
      <c r="N627292" s="10"/>
    </row>
    <row r="627293" spans="14:14">
      <c r="N627293" s="10"/>
    </row>
    <row r="627294" spans="14:14">
      <c r="N627294" s="10"/>
    </row>
    <row r="627295" spans="14:14">
      <c r="N627295" s="10"/>
    </row>
    <row r="627296" spans="14:14">
      <c r="N627296" s="10"/>
    </row>
    <row r="627297" spans="14:14">
      <c r="N627297" s="10"/>
    </row>
    <row r="627298" spans="14:14">
      <c r="N627298" s="10"/>
    </row>
    <row r="627299" spans="14:14">
      <c r="N627299" s="10"/>
    </row>
    <row r="627300" spans="14:14">
      <c r="N627300" s="10"/>
    </row>
    <row r="627301" spans="14:14">
      <c r="N627301" s="10"/>
    </row>
    <row r="627302" spans="14:14">
      <c r="N627302" s="10"/>
    </row>
    <row r="627303" spans="14:14">
      <c r="N627303" s="10"/>
    </row>
    <row r="627304" spans="14:14">
      <c r="N627304" s="10"/>
    </row>
    <row r="627305" spans="14:14">
      <c r="N627305" s="10"/>
    </row>
    <row r="627306" spans="14:14">
      <c r="N627306" s="10"/>
    </row>
    <row r="627307" spans="14:14">
      <c r="N627307" s="10"/>
    </row>
    <row r="627308" spans="14:14">
      <c r="N627308" s="10"/>
    </row>
    <row r="627309" spans="14:14">
      <c r="N627309" s="10"/>
    </row>
    <row r="627310" spans="14:14">
      <c r="N627310" s="10"/>
    </row>
    <row r="627311" spans="14:14">
      <c r="N627311" s="10"/>
    </row>
    <row r="627312" spans="14:14">
      <c r="N627312" s="10"/>
    </row>
    <row r="627313" spans="14:14">
      <c r="N627313" s="10"/>
    </row>
    <row r="627314" spans="14:14">
      <c r="N627314" s="10"/>
    </row>
    <row r="627315" spans="14:14">
      <c r="N627315" s="10"/>
    </row>
    <row r="627316" spans="14:14">
      <c r="N627316" s="10"/>
    </row>
    <row r="627317" spans="14:14">
      <c r="N627317" s="10"/>
    </row>
    <row r="627318" spans="14:14">
      <c r="N627318" s="10"/>
    </row>
    <row r="627319" spans="14:14">
      <c r="N627319" s="10"/>
    </row>
    <row r="627320" spans="14:14">
      <c r="N627320" s="10"/>
    </row>
    <row r="627321" spans="14:14">
      <c r="N627321" s="10"/>
    </row>
    <row r="627322" spans="14:14">
      <c r="N627322" s="10"/>
    </row>
    <row r="627323" spans="14:14">
      <c r="N627323" s="10"/>
    </row>
    <row r="627324" spans="14:14">
      <c r="N627324" s="10"/>
    </row>
    <row r="627325" spans="14:14">
      <c r="N627325" s="10"/>
    </row>
    <row r="627326" spans="14:14">
      <c r="N627326" s="10"/>
    </row>
    <row r="627327" spans="14:14">
      <c r="N627327" s="10"/>
    </row>
    <row r="627328" spans="14:14">
      <c r="N627328" s="10"/>
    </row>
    <row r="627329" spans="14:14">
      <c r="N627329" s="10"/>
    </row>
    <row r="627330" spans="14:14">
      <c r="N627330" s="10"/>
    </row>
    <row r="627331" spans="14:14">
      <c r="N627331" s="10"/>
    </row>
    <row r="627332" spans="14:14">
      <c r="N627332" s="10"/>
    </row>
    <row r="627333" spans="14:14">
      <c r="N627333" s="10"/>
    </row>
    <row r="627334" spans="14:14">
      <c r="N627334" s="10"/>
    </row>
    <row r="627335" spans="14:14">
      <c r="N627335" s="10"/>
    </row>
    <row r="627336" spans="14:14">
      <c r="N627336" s="10"/>
    </row>
    <row r="627337" spans="14:14">
      <c r="N627337" s="10"/>
    </row>
    <row r="627338" spans="14:14">
      <c r="N627338" s="10"/>
    </row>
    <row r="627339" spans="14:14">
      <c r="N627339" s="10"/>
    </row>
    <row r="627340" spans="14:14">
      <c r="N627340" s="10"/>
    </row>
    <row r="627341" spans="14:14">
      <c r="N627341" s="10"/>
    </row>
    <row r="627342" spans="14:14">
      <c r="N627342" s="10"/>
    </row>
    <row r="627343" spans="14:14">
      <c r="N627343" s="10"/>
    </row>
    <row r="627344" spans="14:14">
      <c r="N627344" s="10"/>
    </row>
    <row r="627345" spans="14:14">
      <c r="N627345" s="10"/>
    </row>
    <row r="627346" spans="14:14">
      <c r="N627346" s="10"/>
    </row>
    <row r="627347" spans="14:14">
      <c r="N627347" s="10"/>
    </row>
    <row r="627348" spans="14:14">
      <c r="N627348" s="10"/>
    </row>
    <row r="627349" spans="14:14">
      <c r="N627349" s="10"/>
    </row>
    <row r="627350" spans="14:14">
      <c r="N627350" s="10"/>
    </row>
    <row r="627351" spans="14:14">
      <c r="N627351" s="10"/>
    </row>
    <row r="627352" spans="14:14">
      <c r="N627352" s="10"/>
    </row>
    <row r="627353" spans="14:14">
      <c r="N627353" s="10"/>
    </row>
    <row r="627354" spans="14:14">
      <c r="N627354" s="10"/>
    </row>
    <row r="627355" spans="14:14">
      <c r="N627355" s="10"/>
    </row>
    <row r="627356" spans="14:14">
      <c r="N627356" s="10"/>
    </row>
    <row r="627357" spans="14:14">
      <c r="N627357" s="10"/>
    </row>
    <row r="627358" spans="14:14">
      <c r="N627358" s="10"/>
    </row>
    <row r="627359" spans="14:14">
      <c r="N627359" s="10"/>
    </row>
    <row r="627360" spans="14:14">
      <c r="N627360" s="10"/>
    </row>
    <row r="627361" spans="14:14">
      <c r="N627361" s="10"/>
    </row>
    <row r="627362" spans="14:14">
      <c r="N627362" s="10"/>
    </row>
    <row r="627363" spans="14:14">
      <c r="N627363" s="10"/>
    </row>
    <row r="627364" spans="14:14">
      <c r="N627364" s="10"/>
    </row>
    <row r="627365" spans="14:14">
      <c r="N627365" s="10"/>
    </row>
    <row r="627366" spans="14:14">
      <c r="N627366" s="10"/>
    </row>
    <row r="627367" spans="14:14">
      <c r="N627367" s="10"/>
    </row>
    <row r="627368" spans="14:14">
      <c r="N627368" s="10"/>
    </row>
    <row r="627369" spans="14:14">
      <c r="N627369" s="10"/>
    </row>
    <row r="627370" spans="14:14">
      <c r="N627370" s="10"/>
    </row>
    <row r="627371" spans="14:14">
      <c r="N627371" s="10"/>
    </row>
    <row r="627372" spans="14:14">
      <c r="N627372" s="10"/>
    </row>
    <row r="627373" spans="14:14">
      <c r="N627373" s="10"/>
    </row>
    <row r="627374" spans="14:14">
      <c r="N627374" s="10"/>
    </row>
    <row r="627375" spans="14:14">
      <c r="N627375" s="10"/>
    </row>
    <row r="627376" spans="14:14">
      <c r="N627376" s="10"/>
    </row>
    <row r="627377" spans="14:14">
      <c r="N627377" s="10"/>
    </row>
    <row r="627378" spans="14:14">
      <c r="N627378" s="10"/>
    </row>
    <row r="627379" spans="14:14">
      <c r="N627379" s="10"/>
    </row>
    <row r="627380" spans="14:14">
      <c r="N627380" s="10"/>
    </row>
    <row r="627381" spans="14:14">
      <c r="N627381" s="10"/>
    </row>
    <row r="627382" spans="14:14">
      <c r="N627382" s="10"/>
    </row>
    <row r="627383" spans="14:14">
      <c r="N627383" s="10"/>
    </row>
    <row r="627384" spans="14:14">
      <c r="N627384" s="10"/>
    </row>
    <row r="627385" spans="14:14">
      <c r="N627385" s="10"/>
    </row>
    <row r="627386" spans="14:14">
      <c r="N627386" s="10"/>
    </row>
    <row r="627387" spans="14:14">
      <c r="N627387" s="10"/>
    </row>
    <row r="627388" spans="14:14">
      <c r="N627388" s="10"/>
    </row>
    <row r="627389" spans="14:14">
      <c r="N627389" s="10"/>
    </row>
    <row r="627390" spans="14:14">
      <c r="N627390" s="10"/>
    </row>
    <row r="627391" spans="14:14">
      <c r="N627391" s="10"/>
    </row>
    <row r="627392" spans="14:14">
      <c r="N627392" s="10"/>
    </row>
    <row r="627393" spans="14:14">
      <c r="N627393" s="10"/>
    </row>
    <row r="627394" spans="14:14">
      <c r="N627394" s="10"/>
    </row>
    <row r="627395" spans="14:14">
      <c r="N627395" s="10"/>
    </row>
    <row r="627396" spans="14:14">
      <c r="N627396" s="10"/>
    </row>
    <row r="627397" spans="14:14">
      <c r="N627397" s="10"/>
    </row>
    <row r="627398" spans="14:14">
      <c r="N627398" s="10"/>
    </row>
    <row r="627399" spans="14:14">
      <c r="N627399" s="10"/>
    </row>
    <row r="627400" spans="14:14">
      <c r="N627400" s="10"/>
    </row>
    <row r="627401" spans="14:14">
      <c r="N627401" s="10"/>
    </row>
    <row r="627402" spans="14:14">
      <c r="N627402" s="10"/>
    </row>
    <row r="627403" spans="14:14">
      <c r="N627403" s="10"/>
    </row>
    <row r="627404" spans="14:14">
      <c r="N627404" s="10"/>
    </row>
    <row r="627405" spans="14:14">
      <c r="N627405" s="10"/>
    </row>
    <row r="627406" spans="14:14">
      <c r="N627406" s="10"/>
    </row>
    <row r="627407" spans="14:14">
      <c r="N627407" s="10"/>
    </row>
    <row r="627408" spans="14:14">
      <c r="N627408" s="10"/>
    </row>
    <row r="627409" spans="14:14">
      <c r="N627409" s="10"/>
    </row>
    <row r="627410" spans="14:14">
      <c r="N627410" s="10"/>
    </row>
    <row r="627411" spans="14:14">
      <c r="N627411" s="10"/>
    </row>
    <row r="627412" spans="14:14">
      <c r="N627412" s="10"/>
    </row>
    <row r="627413" spans="14:14">
      <c r="N627413" s="10"/>
    </row>
    <row r="627414" spans="14:14">
      <c r="N627414" s="10"/>
    </row>
    <row r="627415" spans="14:14">
      <c r="N627415" s="10"/>
    </row>
    <row r="627416" spans="14:14">
      <c r="N627416" s="10"/>
    </row>
    <row r="627417" spans="14:14">
      <c r="N627417" s="10"/>
    </row>
    <row r="627418" spans="14:14">
      <c r="N627418" s="10"/>
    </row>
    <row r="627419" spans="14:14">
      <c r="N627419" s="10"/>
    </row>
    <row r="627420" spans="14:14">
      <c r="N627420" s="10"/>
    </row>
    <row r="627421" spans="14:14">
      <c r="N627421" s="10"/>
    </row>
    <row r="627422" spans="14:14">
      <c r="N627422" s="10"/>
    </row>
    <row r="627423" spans="14:14">
      <c r="N627423" s="10"/>
    </row>
    <row r="627424" spans="14:14">
      <c r="N627424" s="10"/>
    </row>
    <row r="627425" spans="14:14">
      <c r="N627425" s="10"/>
    </row>
    <row r="627426" spans="14:14">
      <c r="N627426" s="10"/>
    </row>
    <row r="627427" spans="14:14">
      <c r="N627427" s="10"/>
    </row>
    <row r="627428" spans="14:14">
      <c r="N627428" s="10"/>
    </row>
    <row r="627429" spans="14:14">
      <c r="N627429" s="10"/>
    </row>
    <row r="627430" spans="14:14">
      <c r="N627430" s="10"/>
    </row>
    <row r="627431" spans="14:14">
      <c r="N627431" s="10"/>
    </row>
    <row r="627432" spans="14:14">
      <c r="N627432" s="10"/>
    </row>
    <row r="627433" spans="14:14">
      <c r="N627433" s="10"/>
    </row>
    <row r="627434" spans="14:14">
      <c r="N627434" s="10"/>
    </row>
    <row r="627435" spans="14:14">
      <c r="N627435" s="10"/>
    </row>
    <row r="627436" spans="14:14">
      <c r="N627436" s="10"/>
    </row>
    <row r="627437" spans="14:14">
      <c r="N627437" s="10"/>
    </row>
    <row r="627438" spans="14:14">
      <c r="N627438" s="10"/>
    </row>
    <row r="627439" spans="14:14">
      <c r="N627439" s="10"/>
    </row>
    <row r="627440" spans="14:14">
      <c r="N627440" s="10"/>
    </row>
    <row r="627441" spans="14:14">
      <c r="N627441" s="10"/>
    </row>
    <row r="627442" spans="14:14">
      <c r="N627442" s="10"/>
    </row>
    <row r="627443" spans="14:14">
      <c r="N627443" s="10"/>
    </row>
    <row r="627444" spans="14:14">
      <c r="N627444" s="10"/>
    </row>
    <row r="627445" spans="14:14">
      <c r="N627445" s="10"/>
    </row>
    <row r="627446" spans="14:14">
      <c r="N627446" s="10"/>
    </row>
    <row r="627447" spans="14:14">
      <c r="N627447" s="10"/>
    </row>
    <row r="627448" spans="14:14">
      <c r="N627448" s="10"/>
    </row>
    <row r="627449" spans="14:14">
      <c r="N627449" s="10"/>
    </row>
    <row r="627450" spans="14:14">
      <c r="N627450" s="10"/>
    </row>
    <row r="627451" spans="14:14">
      <c r="N627451" s="10"/>
    </row>
    <row r="627452" spans="14:14">
      <c r="N627452" s="10"/>
    </row>
    <row r="627453" spans="14:14">
      <c r="N627453" s="10"/>
    </row>
    <row r="627454" spans="14:14">
      <c r="N627454" s="10"/>
    </row>
    <row r="627455" spans="14:14">
      <c r="N627455" s="10"/>
    </row>
    <row r="627456" spans="14:14">
      <c r="N627456" s="10"/>
    </row>
    <row r="627457" spans="14:14">
      <c r="N627457" s="10"/>
    </row>
    <row r="627458" spans="14:14">
      <c r="N627458" s="10"/>
    </row>
    <row r="627459" spans="14:14">
      <c r="N627459" s="10"/>
    </row>
    <row r="627460" spans="14:14">
      <c r="N627460" s="10"/>
    </row>
    <row r="627461" spans="14:14">
      <c r="N627461" s="10"/>
    </row>
    <row r="627462" spans="14:14">
      <c r="N627462" s="10"/>
    </row>
    <row r="627463" spans="14:14">
      <c r="N627463" s="10"/>
    </row>
    <row r="627464" spans="14:14">
      <c r="N627464" s="10"/>
    </row>
    <row r="627465" spans="14:14">
      <c r="N627465" s="10"/>
    </row>
    <row r="627466" spans="14:14">
      <c r="N627466" s="10"/>
    </row>
    <row r="627467" spans="14:14">
      <c r="N627467" s="10"/>
    </row>
    <row r="627468" spans="14:14">
      <c r="N627468" s="10"/>
    </row>
    <row r="627469" spans="14:14">
      <c r="N627469" s="10"/>
    </row>
    <row r="627470" spans="14:14">
      <c r="N627470" s="10"/>
    </row>
    <row r="627471" spans="14:14">
      <c r="N627471" s="10"/>
    </row>
    <row r="627472" spans="14:14">
      <c r="N627472" s="10"/>
    </row>
    <row r="627473" spans="14:14">
      <c r="N627473" s="10"/>
    </row>
    <row r="627474" spans="14:14">
      <c r="N627474" s="10"/>
    </row>
    <row r="627475" spans="14:14">
      <c r="N627475" s="10"/>
    </row>
    <row r="627476" spans="14:14">
      <c r="N627476" s="10"/>
    </row>
    <row r="627477" spans="14:14">
      <c r="N627477" s="10"/>
    </row>
    <row r="627478" spans="14:14">
      <c r="N627478" s="10"/>
    </row>
    <row r="627479" spans="14:14">
      <c r="N627479" s="10"/>
    </row>
    <row r="627480" spans="14:14">
      <c r="N627480" s="10"/>
    </row>
    <row r="627481" spans="14:14">
      <c r="N627481" s="10"/>
    </row>
    <row r="627482" spans="14:14">
      <c r="N627482" s="10"/>
    </row>
    <row r="627483" spans="14:14">
      <c r="N627483" s="10"/>
    </row>
    <row r="627484" spans="14:14">
      <c r="N627484" s="10"/>
    </row>
    <row r="627485" spans="14:14">
      <c r="N627485" s="10"/>
    </row>
    <row r="627486" spans="14:14">
      <c r="N627486" s="10"/>
    </row>
    <row r="627487" spans="14:14">
      <c r="N627487" s="10"/>
    </row>
    <row r="627488" spans="14:14">
      <c r="N627488" s="10"/>
    </row>
    <row r="627489" spans="14:14">
      <c r="N627489" s="10"/>
    </row>
    <row r="627490" spans="14:14">
      <c r="N627490" s="10"/>
    </row>
    <row r="627491" spans="14:14">
      <c r="N627491" s="10"/>
    </row>
    <row r="627492" spans="14:14">
      <c r="N627492" s="10"/>
    </row>
    <row r="627493" spans="14:14">
      <c r="N627493" s="10"/>
    </row>
    <row r="627494" spans="14:14">
      <c r="N627494" s="10"/>
    </row>
    <row r="627495" spans="14:14">
      <c r="N627495" s="10"/>
    </row>
    <row r="627496" spans="14:14">
      <c r="N627496" s="10"/>
    </row>
    <row r="627497" spans="14:14">
      <c r="N627497" s="10"/>
    </row>
    <row r="627498" spans="14:14">
      <c r="N627498" s="10"/>
    </row>
    <row r="627499" spans="14:14">
      <c r="N627499" s="10"/>
    </row>
    <row r="627500" spans="14:14">
      <c r="N627500" s="10"/>
    </row>
    <row r="627501" spans="14:14">
      <c r="N627501" s="10"/>
    </row>
    <row r="627502" spans="14:14">
      <c r="N627502" s="10"/>
    </row>
    <row r="627503" spans="14:14">
      <c r="N627503" s="10"/>
    </row>
    <row r="627504" spans="14:14">
      <c r="N627504" s="10"/>
    </row>
    <row r="627505" spans="14:14">
      <c r="N627505" s="10"/>
    </row>
    <row r="627506" spans="14:14">
      <c r="N627506" s="10"/>
    </row>
    <row r="627507" spans="14:14">
      <c r="N627507" s="10"/>
    </row>
    <row r="627508" spans="14:14">
      <c r="N627508" s="10"/>
    </row>
    <row r="627509" spans="14:14">
      <c r="N627509" s="10"/>
    </row>
    <row r="627510" spans="14:14">
      <c r="N627510" s="10"/>
    </row>
    <row r="627511" spans="14:14">
      <c r="N627511" s="10"/>
    </row>
    <row r="627512" spans="14:14">
      <c r="N627512" s="10"/>
    </row>
    <row r="627513" spans="14:14">
      <c r="N627513" s="10"/>
    </row>
    <row r="627514" spans="14:14">
      <c r="N627514" s="10"/>
    </row>
    <row r="627515" spans="14:14">
      <c r="N627515" s="10"/>
    </row>
    <row r="627516" spans="14:14">
      <c r="N627516" s="10"/>
    </row>
    <row r="627517" spans="14:14">
      <c r="N627517" s="10"/>
    </row>
    <row r="627518" spans="14:14">
      <c r="N627518" s="10"/>
    </row>
    <row r="627519" spans="14:14">
      <c r="N627519" s="10"/>
    </row>
    <row r="627520" spans="14:14">
      <c r="N627520" s="10"/>
    </row>
    <row r="627521" spans="14:14">
      <c r="N627521" s="10"/>
    </row>
    <row r="627522" spans="14:14">
      <c r="N627522" s="10"/>
    </row>
    <row r="627523" spans="14:14">
      <c r="N627523" s="10"/>
    </row>
    <row r="627524" spans="14:14">
      <c r="N627524" s="10"/>
    </row>
    <row r="627525" spans="14:14">
      <c r="N627525" s="10"/>
    </row>
    <row r="627526" spans="14:14">
      <c r="N627526" s="10"/>
    </row>
    <row r="627527" spans="14:14">
      <c r="N627527" s="10"/>
    </row>
    <row r="627528" spans="14:14">
      <c r="N627528" s="10"/>
    </row>
    <row r="627529" spans="14:14">
      <c r="N627529" s="10"/>
    </row>
    <row r="627530" spans="14:14">
      <c r="N627530" s="10"/>
    </row>
    <row r="627531" spans="14:14">
      <c r="N627531" s="10"/>
    </row>
    <row r="627532" spans="14:14">
      <c r="N627532" s="10"/>
    </row>
    <row r="627533" spans="14:14">
      <c r="N627533" s="10"/>
    </row>
    <row r="627534" spans="14:14">
      <c r="N627534" s="10"/>
    </row>
    <row r="627535" spans="14:14">
      <c r="N627535" s="10"/>
    </row>
    <row r="627536" spans="14:14">
      <c r="N627536" s="10"/>
    </row>
    <row r="627537" spans="14:14">
      <c r="N627537" s="10"/>
    </row>
    <row r="627538" spans="14:14">
      <c r="N627538" s="10"/>
    </row>
    <row r="627539" spans="14:14">
      <c r="N627539" s="10"/>
    </row>
    <row r="627540" spans="14:14">
      <c r="N627540" s="10"/>
    </row>
    <row r="627541" spans="14:14">
      <c r="N627541" s="10"/>
    </row>
    <row r="627542" spans="14:14">
      <c r="N627542" s="10"/>
    </row>
    <row r="627543" spans="14:14">
      <c r="N627543" s="10"/>
    </row>
    <row r="627544" spans="14:14">
      <c r="N627544" s="10"/>
    </row>
    <row r="627545" spans="14:14">
      <c r="N627545" s="10"/>
    </row>
    <row r="627546" spans="14:14">
      <c r="N627546" s="10"/>
    </row>
    <row r="627547" spans="14:14">
      <c r="N627547" s="10"/>
    </row>
    <row r="627548" spans="14:14">
      <c r="N627548" s="10"/>
    </row>
    <row r="627549" spans="14:14">
      <c r="N627549" s="10"/>
    </row>
    <row r="627550" spans="14:14">
      <c r="N627550" s="10"/>
    </row>
    <row r="627551" spans="14:14">
      <c r="N627551" s="10"/>
    </row>
    <row r="627552" spans="14:14">
      <c r="N627552" s="10"/>
    </row>
    <row r="627553" spans="14:14">
      <c r="N627553" s="10"/>
    </row>
    <row r="627554" spans="14:14">
      <c r="N627554" s="10"/>
    </row>
    <row r="627555" spans="14:14">
      <c r="N627555" s="10"/>
    </row>
    <row r="627556" spans="14:14">
      <c r="N627556" s="10"/>
    </row>
    <row r="627557" spans="14:14">
      <c r="N627557" s="10"/>
    </row>
    <row r="627558" spans="14:14">
      <c r="N627558" s="10"/>
    </row>
    <row r="627559" spans="14:14">
      <c r="N627559" s="10"/>
    </row>
    <row r="627560" spans="14:14">
      <c r="N627560" s="10"/>
    </row>
    <row r="627561" spans="14:14">
      <c r="N627561" s="10"/>
    </row>
    <row r="627562" spans="14:14">
      <c r="N627562" s="10"/>
    </row>
    <row r="627563" spans="14:14">
      <c r="N627563" s="10"/>
    </row>
    <row r="627564" spans="14:14">
      <c r="N627564" s="10"/>
    </row>
    <row r="627565" spans="14:14">
      <c r="N627565" s="10"/>
    </row>
    <row r="627566" spans="14:14">
      <c r="N627566" s="10"/>
    </row>
    <row r="627567" spans="14:14">
      <c r="N627567" s="10"/>
    </row>
    <row r="627568" spans="14:14">
      <c r="N627568" s="10"/>
    </row>
    <row r="627569" spans="14:14">
      <c r="N627569" s="10"/>
    </row>
    <row r="627570" spans="14:14">
      <c r="N627570" s="10"/>
    </row>
    <row r="627571" spans="14:14">
      <c r="N627571" s="10"/>
    </row>
    <row r="627572" spans="14:14">
      <c r="N627572" s="10"/>
    </row>
    <row r="627573" spans="14:14">
      <c r="N627573" s="10"/>
    </row>
    <row r="627574" spans="14:14">
      <c r="N627574" s="10"/>
    </row>
    <row r="627575" spans="14:14">
      <c r="N627575" s="10"/>
    </row>
    <row r="627576" spans="14:14">
      <c r="N627576" s="10"/>
    </row>
    <row r="627577" spans="14:14">
      <c r="N627577" s="10"/>
    </row>
    <row r="627578" spans="14:14">
      <c r="N627578" s="10"/>
    </row>
    <row r="627579" spans="14:14">
      <c r="N627579" s="10"/>
    </row>
    <row r="627580" spans="14:14">
      <c r="N627580" s="10"/>
    </row>
    <row r="627581" spans="14:14">
      <c r="N627581" s="10"/>
    </row>
    <row r="627582" spans="14:14">
      <c r="N627582" s="10"/>
    </row>
    <row r="627583" spans="14:14">
      <c r="N627583" s="10"/>
    </row>
    <row r="627584" spans="14:14">
      <c r="N627584" s="10"/>
    </row>
    <row r="627585" spans="14:14">
      <c r="N627585" s="10"/>
    </row>
    <row r="627586" spans="14:14">
      <c r="N627586" s="10"/>
    </row>
    <row r="627587" spans="14:14">
      <c r="N627587" s="10"/>
    </row>
    <row r="627588" spans="14:14">
      <c r="N627588" s="10"/>
    </row>
    <row r="627589" spans="14:14">
      <c r="N627589" s="10"/>
    </row>
    <row r="627590" spans="14:14">
      <c r="N627590" s="10"/>
    </row>
    <row r="627591" spans="14:14">
      <c r="N627591" s="10"/>
    </row>
    <row r="627592" spans="14:14">
      <c r="N627592" s="10"/>
    </row>
    <row r="627593" spans="14:14">
      <c r="N627593" s="10"/>
    </row>
    <row r="627594" spans="14:14">
      <c r="N627594" s="10"/>
    </row>
    <row r="627595" spans="14:14">
      <c r="N627595" s="10"/>
    </row>
    <row r="627596" spans="14:14">
      <c r="N627596" s="10"/>
    </row>
    <row r="627597" spans="14:14">
      <c r="N627597" s="10"/>
    </row>
    <row r="627598" spans="14:14">
      <c r="N627598" s="10"/>
    </row>
    <row r="627599" spans="14:14">
      <c r="N627599" s="10"/>
    </row>
    <row r="627600" spans="14:14">
      <c r="N627600" s="10"/>
    </row>
    <row r="627601" spans="14:14">
      <c r="N627601" s="10"/>
    </row>
    <row r="627602" spans="14:14">
      <c r="N627602" s="10"/>
    </row>
    <row r="627603" spans="14:14">
      <c r="N627603" s="10"/>
    </row>
    <row r="627604" spans="14:14">
      <c r="N627604" s="10"/>
    </row>
    <row r="627605" spans="14:14">
      <c r="N627605" s="10"/>
    </row>
    <row r="627606" spans="14:14">
      <c r="N627606" s="10"/>
    </row>
    <row r="627607" spans="14:14">
      <c r="N627607" s="10"/>
    </row>
    <row r="627608" spans="14:14">
      <c r="N627608" s="10"/>
    </row>
    <row r="627609" spans="14:14">
      <c r="N627609" s="10"/>
    </row>
    <row r="627610" spans="14:14">
      <c r="N627610" s="10"/>
    </row>
    <row r="627611" spans="14:14">
      <c r="N627611" s="10"/>
    </row>
    <row r="627612" spans="14:14">
      <c r="N627612" s="10"/>
    </row>
    <row r="627613" spans="14:14">
      <c r="N627613" s="10"/>
    </row>
    <row r="627614" spans="14:14">
      <c r="N627614" s="10"/>
    </row>
    <row r="627615" spans="14:14">
      <c r="N627615" s="10"/>
    </row>
    <row r="627616" spans="14:14">
      <c r="N627616" s="10"/>
    </row>
    <row r="627617" spans="14:14">
      <c r="N627617" s="10"/>
    </row>
    <row r="627618" spans="14:14">
      <c r="N627618" s="10"/>
    </row>
    <row r="627619" spans="14:14">
      <c r="N627619" s="10"/>
    </row>
    <row r="627620" spans="14:14">
      <c r="N627620" s="10"/>
    </row>
    <row r="627621" spans="14:14">
      <c r="N627621" s="10"/>
    </row>
    <row r="627622" spans="14:14">
      <c r="N627622" s="10"/>
    </row>
    <row r="627623" spans="14:14">
      <c r="N627623" s="10"/>
    </row>
    <row r="627624" spans="14:14">
      <c r="N627624" s="10"/>
    </row>
    <row r="627625" spans="14:14">
      <c r="N627625" s="10"/>
    </row>
    <row r="627626" spans="14:14">
      <c r="N627626" s="10"/>
    </row>
    <row r="627627" spans="14:14">
      <c r="N627627" s="10"/>
    </row>
    <row r="627628" spans="14:14">
      <c r="N627628" s="10"/>
    </row>
    <row r="627629" spans="14:14">
      <c r="N627629" s="10"/>
    </row>
    <row r="627630" spans="14:14">
      <c r="N627630" s="10"/>
    </row>
    <row r="627631" spans="14:14">
      <c r="N627631" s="10"/>
    </row>
    <row r="627632" spans="14:14">
      <c r="N627632" s="10"/>
    </row>
    <row r="627633" spans="14:14">
      <c r="N627633" s="10"/>
    </row>
    <row r="627634" spans="14:14">
      <c r="N627634" s="10"/>
    </row>
    <row r="627635" spans="14:14">
      <c r="N627635" s="10"/>
    </row>
    <row r="627636" spans="14:14">
      <c r="N627636" s="10"/>
    </row>
    <row r="627637" spans="14:14">
      <c r="N627637" s="10"/>
    </row>
    <row r="627638" spans="14:14">
      <c r="N627638" s="10"/>
    </row>
    <row r="627639" spans="14:14">
      <c r="N627639" s="10"/>
    </row>
    <row r="627640" spans="14:14">
      <c r="N627640" s="10"/>
    </row>
    <row r="627641" spans="14:14">
      <c r="N627641" s="10"/>
    </row>
    <row r="627642" spans="14:14">
      <c r="N627642" s="10"/>
    </row>
    <row r="627643" spans="14:14">
      <c r="N627643" s="10"/>
    </row>
    <row r="627644" spans="14:14">
      <c r="N627644" s="10"/>
    </row>
    <row r="627645" spans="14:14">
      <c r="N627645" s="10"/>
    </row>
    <row r="627646" spans="14:14">
      <c r="N627646" s="10"/>
    </row>
    <row r="627647" spans="14:14">
      <c r="N627647" s="10"/>
    </row>
    <row r="627648" spans="14:14">
      <c r="N627648" s="10"/>
    </row>
    <row r="627649" spans="14:14">
      <c r="N627649" s="10"/>
    </row>
    <row r="627650" spans="14:14">
      <c r="N627650" s="10"/>
    </row>
    <row r="627651" spans="14:14">
      <c r="N627651" s="10"/>
    </row>
    <row r="627652" spans="14:14">
      <c r="N627652" s="10"/>
    </row>
    <row r="627653" spans="14:14">
      <c r="N627653" s="10"/>
    </row>
    <row r="627654" spans="14:14">
      <c r="N627654" s="10"/>
    </row>
    <row r="627655" spans="14:14">
      <c r="N627655" s="10"/>
    </row>
    <row r="627656" spans="14:14">
      <c r="N627656" s="10"/>
    </row>
    <row r="627657" spans="14:14">
      <c r="N627657" s="10"/>
    </row>
    <row r="627658" spans="14:14">
      <c r="N627658" s="10"/>
    </row>
    <row r="627659" spans="14:14">
      <c r="N627659" s="10"/>
    </row>
    <row r="627660" spans="14:14">
      <c r="N627660" s="10"/>
    </row>
    <row r="627661" spans="14:14">
      <c r="N627661" s="10"/>
    </row>
    <row r="627662" spans="14:14">
      <c r="N627662" s="10"/>
    </row>
    <row r="627663" spans="14:14">
      <c r="N627663" s="10"/>
    </row>
    <row r="627664" spans="14:14">
      <c r="N627664" s="10"/>
    </row>
    <row r="627665" spans="14:14">
      <c r="N627665" s="10"/>
    </row>
    <row r="627666" spans="14:14">
      <c r="N627666" s="10"/>
    </row>
    <row r="627667" spans="14:14">
      <c r="N627667" s="10"/>
    </row>
    <row r="627668" spans="14:14">
      <c r="N627668" s="10"/>
    </row>
    <row r="627669" spans="14:14">
      <c r="N627669" s="10"/>
    </row>
    <row r="627670" spans="14:14">
      <c r="N627670" s="10"/>
    </row>
    <row r="627671" spans="14:14">
      <c r="N627671" s="10"/>
    </row>
    <row r="627672" spans="14:14">
      <c r="N627672" s="10"/>
    </row>
    <row r="627673" spans="14:14">
      <c r="N627673" s="10"/>
    </row>
    <row r="627674" spans="14:14">
      <c r="N627674" s="10"/>
    </row>
    <row r="627675" spans="14:14">
      <c r="N627675" s="10"/>
    </row>
    <row r="627676" spans="14:14">
      <c r="N627676" s="10"/>
    </row>
    <row r="627677" spans="14:14">
      <c r="N627677" s="10"/>
    </row>
    <row r="627678" spans="14:14">
      <c r="N627678" s="10"/>
    </row>
    <row r="627679" spans="14:14">
      <c r="N627679" s="10"/>
    </row>
    <row r="627680" spans="14:14">
      <c r="N627680" s="10"/>
    </row>
    <row r="627681" spans="14:14">
      <c r="N627681" s="10"/>
    </row>
    <row r="627682" spans="14:14">
      <c r="N627682" s="10"/>
    </row>
    <row r="627683" spans="14:14">
      <c r="N627683" s="10"/>
    </row>
    <row r="627684" spans="14:14">
      <c r="N627684" s="10"/>
    </row>
    <row r="627685" spans="14:14">
      <c r="N627685" s="10"/>
    </row>
    <row r="627686" spans="14:14">
      <c r="N627686" s="10"/>
    </row>
    <row r="627687" spans="14:14">
      <c r="N627687" s="10"/>
    </row>
    <row r="627688" spans="14:14">
      <c r="N627688" s="10"/>
    </row>
    <row r="627689" spans="14:14">
      <c r="N627689" s="10"/>
    </row>
    <row r="627690" spans="14:14">
      <c r="N627690" s="10"/>
    </row>
    <row r="627691" spans="14:14">
      <c r="N627691" s="10"/>
    </row>
    <row r="627692" spans="14:14">
      <c r="N627692" s="10"/>
    </row>
    <row r="627693" spans="14:14">
      <c r="N627693" s="10"/>
    </row>
    <row r="627694" spans="14:14">
      <c r="N627694" s="10"/>
    </row>
    <row r="627695" spans="14:14">
      <c r="N627695" s="10"/>
    </row>
    <row r="627696" spans="14:14">
      <c r="N627696" s="10"/>
    </row>
    <row r="627697" spans="14:14">
      <c r="N627697" s="10"/>
    </row>
    <row r="627698" spans="14:14">
      <c r="N627698" s="10"/>
    </row>
    <row r="627699" spans="14:14">
      <c r="N627699" s="10"/>
    </row>
    <row r="627700" spans="14:14">
      <c r="N627700" s="10"/>
    </row>
    <row r="627701" spans="14:14">
      <c r="N627701" s="10"/>
    </row>
    <row r="627702" spans="14:14">
      <c r="N627702" s="10"/>
    </row>
    <row r="627703" spans="14:14">
      <c r="N627703" s="10"/>
    </row>
    <row r="627704" spans="14:14">
      <c r="N627704" s="10"/>
    </row>
    <row r="627705" spans="14:14">
      <c r="N627705" s="10"/>
    </row>
    <row r="627706" spans="14:14">
      <c r="N627706" s="10"/>
    </row>
    <row r="627707" spans="14:14">
      <c r="N627707" s="10"/>
    </row>
    <row r="627708" spans="14:14">
      <c r="N627708" s="10"/>
    </row>
    <row r="627709" spans="14:14">
      <c r="N627709" s="10"/>
    </row>
    <row r="627710" spans="14:14">
      <c r="N627710" s="10"/>
    </row>
    <row r="627711" spans="14:14">
      <c r="N627711" s="10"/>
    </row>
    <row r="627712" spans="14:14">
      <c r="N627712" s="10"/>
    </row>
    <row r="627713" spans="14:14">
      <c r="N627713" s="10"/>
    </row>
    <row r="627714" spans="14:14">
      <c r="N627714" s="10"/>
    </row>
    <row r="627715" spans="14:14">
      <c r="N627715" s="10"/>
    </row>
    <row r="627716" spans="14:14">
      <c r="N627716" s="10"/>
    </row>
    <row r="627717" spans="14:14">
      <c r="N627717" s="10"/>
    </row>
    <row r="627718" spans="14:14">
      <c r="N627718" s="10"/>
    </row>
    <row r="627719" spans="14:14">
      <c r="N627719" s="10"/>
    </row>
    <row r="627720" spans="14:14">
      <c r="N627720" s="10"/>
    </row>
    <row r="627721" spans="14:14">
      <c r="N627721" s="10"/>
    </row>
    <row r="627722" spans="14:14">
      <c r="N627722" s="10"/>
    </row>
    <row r="627723" spans="14:14">
      <c r="N627723" s="10"/>
    </row>
    <row r="627724" spans="14:14">
      <c r="N627724" s="10"/>
    </row>
    <row r="627725" spans="14:14">
      <c r="N627725" s="10"/>
    </row>
    <row r="627726" spans="14:14">
      <c r="N627726" s="10"/>
    </row>
    <row r="627727" spans="14:14">
      <c r="N627727" s="10"/>
    </row>
    <row r="627728" spans="14:14">
      <c r="N627728" s="10"/>
    </row>
    <row r="627729" spans="14:14">
      <c r="N627729" s="10"/>
    </row>
    <row r="627730" spans="14:14">
      <c r="N627730" s="10"/>
    </row>
    <row r="627731" spans="14:14">
      <c r="N627731" s="10"/>
    </row>
    <row r="627732" spans="14:14">
      <c r="N627732" s="10"/>
    </row>
    <row r="627733" spans="14:14">
      <c r="N627733" s="10"/>
    </row>
    <row r="627734" spans="14:14">
      <c r="N627734" s="10"/>
    </row>
    <row r="627735" spans="14:14">
      <c r="N627735" s="10"/>
    </row>
    <row r="627736" spans="14:14">
      <c r="N627736" s="10"/>
    </row>
    <row r="627737" spans="14:14">
      <c r="N627737" s="10"/>
    </row>
    <row r="627738" spans="14:14">
      <c r="N627738" s="10"/>
    </row>
    <row r="627739" spans="14:14">
      <c r="N627739" s="10"/>
    </row>
    <row r="627740" spans="14:14">
      <c r="N627740" s="10"/>
    </row>
    <row r="627741" spans="14:14">
      <c r="N627741" s="10"/>
    </row>
    <row r="627742" spans="14:14">
      <c r="N627742" s="10"/>
    </row>
    <row r="627743" spans="14:14">
      <c r="N627743" s="10"/>
    </row>
    <row r="627744" spans="14:14">
      <c r="N627744" s="10"/>
    </row>
    <row r="627745" spans="14:14">
      <c r="N627745" s="10"/>
    </row>
    <row r="627746" spans="14:14">
      <c r="N627746" s="10"/>
    </row>
    <row r="627747" spans="14:14">
      <c r="N627747" s="10"/>
    </row>
    <row r="627748" spans="14:14">
      <c r="N627748" s="10"/>
    </row>
    <row r="627749" spans="14:14">
      <c r="N627749" s="10"/>
    </row>
    <row r="627750" spans="14:14">
      <c r="N627750" s="10"/>
    </row>
    <row r="627751" spans="14:14">
      <c r="N627751" s="10"/>
    </row>
    <row r="627752" spans="14:14">
      <c r="N627752" s="10"/>
    </row>
    <row r="627753" spans="14:14">
      <c r="N627753" s="10"/>
    </row>
    <row r="627754" spans="14:14">
      <c r="N627754" s="10"/>
    </row>
    <row r="627755" spans="14:14">
      <c r="N627755" s="10"/>
    </row>
    <row r="627756" spans="14:14">
      <c r="N627756" s="10"/>
    </row>
    <row r="627757" spans="14:14">
      <c r="N627757" s="10"/>
    </row>
    <row r="627758" spans="14:14">
      <c r="N627758" s="10"/>
    </row>
    <row r="627759" spans="14:14">
      <c r="N627759" s="10"/>
    </row>
    <row r="627760" spans="14:14">
      <c r="N627760" s="10"/>
    </row>
    <row r="627761" spans="14:14">
      <c r="N627761" s="10"/>
    </row>
    <row r="627762" spans="14:14">
      <c r="N627762" s="10"/>
    </row>
    <row r="627763" spans="14:14">
      <c r="N627763" s="10"/>
    </row>
    <row r="627764" spans="14:14">
      <c r="N627764" s="10"/>
    </row>
    <row r="627765" spans="14:14">
      <c r="N627765" s="10"/>
    </row>
    <row r="627766" spans="14:14">
      <c r="N627766" s="10"/>
    </row>
    <row r="627767" spans="14:14">
      <c r="N627767" s="10"/>
    </row>
    <row r="627768" spans="14:14">
      <c r="N627768" s="10"/>
    </row>
    <row r="627769" spans="14:14">
      <c r="N627769" s="10"/>
    </row>
    <row r="627770" spans="14:14">
      <c r="N627770" s="10"/>
    </row>
    <row r="627771" spans="14:14">
      <c r="N627771" s="10"/>
    </row>
    <row r="627772" spans="14:14">
      <c r="N627772" s="10"/>
    </row>
    <row r="627773" spans="14:14">
      <c r="N627773" s="10"/>
    </row>
    <row r="627774" spans="14:14">
      <c r="N627774" s="10"/>
    </row>
    <row r="627775" spans="14:14">
      <c r="N627775" s="10"/>
    </row>
    <row r="627776" spans="14:14">
      <c r="N627776" s="10"/>
    </row>
    <row r="627777" spans="14:14">
      <c r="N627777" s="10"/>
    </row>
    <row r="627778" spans="14:14">
      <c r="N627778" s="10"/>
    </row>
    <row r="627779" spans="14:14">
      <c r="N627779" s="10"/>
    </row>
    <row r="627780" spans="14:14">
      <c r="N627780" s="10"/>
    </row>
    <row r="627781" spans="14:14">
      <c r="N627781" s="10"/>
    </row>
    <row r="627782" spans="14:14">
      <c r="N627782" s="10"/>
    </row>
    <row r="627783" spans="14:14">
      <c r="N627783" s="10"/>
    </row>
    <row r="627784" spans="14:14">
      <c r="N627784" s="10"/>
    </row>
    <row r="627785" spans="14:14">
      <c r="N627785" s="10"/>
    </row>
    <row r="627786" spans="14:14">
      <c r="N627786" s="10"/>
    </row>
    <row r="627787" spans="14:14">
      <c r="N627787" s="10"/>
    </row>
    <row r="627788" spans="14:14">
      <c r="N627788" s="10"/>
    </row>
    <row r="627789" spans="14:14">
      <c r="N627789" s="10"/>
    </row>
    <row r="627790" spans="14:14">
      <c r="N627790" s="10"/>
    </row>
    <row r="627791" spans="14:14">
      <c r="N627791" s="10"/>
    </row>
    <row r="627792" spans="14:14">
      <c r="N627792" s="10"/>
    </row>
    <row r="627793" spans="14:14">
      <c r="N627793" s="10"/>
    </row>
    <row r="627794" spans="14:14">
      <c r="N627794" s="10"/>
    </row>
    <row r="627795" spans="14:14">
      <c r="N627795" s="10"/>
    </row>
    <row r="627796" spans="14:14">
      <c r="N627796" s="10"/>
    </row>
    <row r="627797" spans="14:14">
      <c r="N627797" s="10"/>
    </row>
    <row r="627798" spans="14:14">
      <c r="N627798" s="10"/>
    </row>
    <row r="627799" spans="14:14">
      <c r="N627799" s="10"/>
    </row>
    <row r="627800" spans="14:14">
      <c r="N627800" s="10"/>
    </row>
    <row r="627801" spans="14:14">
      <c r="N627801" s="10"/>
    </row>
    <row r="627802" spans="14:14">
      <c r="N627802" s="10"/>
    </row>
    <row r="627803" spans="14:14">
      <c r="N627803" s="10"/>
    </row>
    <row r="627804" spans="14:14">
      <c r="N627804" s="10"/>
    </row>
    <row r="627805" spans="14:14">
      <c r="N627805" s="10"/>
    </row>
    <row r="627806" spans="14:14">
      <c r="N627806" s="10"/>
    </row>
    <row r="627807" spans="14:14">
      <c r="N627807" s="10"/>
    </row>
    <row r="627808" spans="14:14">
      <c r="N627808" s="10"/>
    </row>
    <row r="627809" spans="14:14">
      <c r="N627809" s="10"/>
    </row>
    <row r="627810" spans="14:14">
      <c r="N627810" s="10"/>
    </row>
    <row r="627811" spans="14:14">
      <c r="N627811" s="10"/>
    </row>
    <row r="627812" spans="14:14">
      <c r="N627812" s="10"/>
    </row>
    <row r="627813" spans="14:14">
      <c r="N627813" s="10"/>
    </row>
    <row r="627814" spans="14:14">
      <c r="N627814" s="10"/>
    </row>
    <row r="627815" spans="14:14">
      <c r="N627815" s="10"/>
    </row>
    <row r="627816" spans="14:14">
      <c r="N627816" s="10"/>
    </row>
    <row r="627817" spans="14:14">
      <c r="N627817" s="10"/>
    </row>
    <row r="627818" spans="14:14">
      <c r="N627818" s="10"/>
    </row>
    <row r="627819" spans="14:14">
      <c r="N627819" s="10"/>
    </row>
    <row r="627820" spans="14:14">
      <c r="N627820" s="10"/>
    </row>
    <row r="627821" spans="14:14">
      <c r="N627821" s="10"/>
    </row>
    <row r="627822" spans="14:14">
      <c r="N627822" s="10"/>
    </row>
    <row r="627823" spans="14:14">
      <c r="N627823" s="10"/>
    </row>
    <row r="627824" spans="14:14">
      <c r="N627824" s="10"/>
    </row>
    <row r="627825" spans="14:14">
      <c r="N627825" s="10"/>
    </row>
    <row r="627826" spans="14:14">
      <c r="N627826" s="10"/>
    </row>
    <row r="627827" spans="14:14">
      <c r="N627827" s="10"/>
    </row>
    <row r="627828" spans="14:14">
      <c r="N627828" s="10"/>
    </row>
    <row r="627829" spans="14:14">
      <c r="N627829" s="10"/>
    </row>
    <row r="627830" spans="14:14">
      <c r="N627830" s="10"/>
    </row>
    <row r="627831" spans="14:14">
      <c r="N627831" s="10"/>
    </row>
    <row r="627832" spans="14:14">
      <c r="N627832" s="10"/>
    </row>
    <row r="627833" spans="14:14">
      <c r="N627833" s="10"/>
    </row>
    <row r="627834" spans="14:14">
      <c r="N627834" s="10"/>
    </row>
    <row r="627835" spans="14:14">
      <c r="N627835" s="10"/>
    </row>
    <row r="627836" spans="14:14">
      <c r="N627836" s="10"/>
    </row>
    <row r="627837" spans="14:14">
      <c r="N627837" s="10"/>
    </row>
    <row r="627838" spans="14:14">
      <c r="N627838" s="10"/>
    </row>
    <row r="627839" spans="14:14">
      <c r="N627839" s="10"/>
    </row>
    <row r="627840" spans="14:14">
      <c r="N627840" s="10"/>
    </row>
    <row r="627841" spans="14:14">
      <c r="N627841" s="10"/>
    </row>
    <row r="627842" spans="14:14">
      <c r="N627842" s="10"/>
    </row>
    <row r="627843" spans="14:14">
      <c r="N627843" s="10"/>
    </row>
    <row r="627844" spans="14:14">
      <c r="N627844" s="10"/>
    </row>
    <row r="627845" spans="14:14">
      <c r="N627845" s="10"/>
    </row>
    <row r="627846" spans="14:14">
      <c r="N627846" s="10"/>
    </row>
    <row r="627847" spans="14:14">
      <c r="N627847" s="10"/>
    </row>
    <row r="627848" spans="14:14">
      <c r="N627848" s="10"/>
    </row>
    <row r="627849" spans="14:14">
      <c r="N627849" s="10"/>
    </row>
    <row r="627850" spans="14:14">
      <c r="N627850" s="10"/>
    </row>
    <row r="627851" spans="14:14">
      <c r="N627851" s="10"/>
    </row>
    <row r="627852" spans="14:14">
      <c r="N627852" s="10"/>
    </row>
    <row r="627853" spans="14:14">
      <c r="N627853" s="10"/>
    </row>
    <row r="627854" spans="14:14">
      <c r="N627854" s="10"/>
    </row>
    <row r="627855" spans="14:14">
      <c r="N627855" s="10"/>
    </row>
    <row r="627856" spans="14:14">
      <c r="N627856" s="10"/>
    </row>
    <row r="627857" spans="14:14">
      <c r="N627857" s="10"/>
    </row>
    <row r="627858" spans="14:14">
      <c r="N627858" s="10"/>
    </row>
    <row r="627859" spans="14:14">
      <c r="N627859" s="10"/>
    </row>
    <row r="627860" spans="14:14">
      <c r="N627860" s="10"/>
    </row>
    <row r="627861" spans="14:14">
      <c r="N627861" s="10"/>
    </row>
    <row r="627862" spans="14:14">
      <c r="N627862" s="10"/>
    </row>
    <row r="627863" spans="14:14">
      <c r="N627863" s="10"/>
    </row>
    <row r="627864" spans="14:14">
      <c r="N627864" s="10"/>
    </row>
    <row r="627865" spans="14:14">
      <c r="N627865" s="10"/>
    </row>
    <row r="627866" spans="14:14">
      <c r="N627866" s="10"/>
    </row>
    <row r="627867" spans="14:14">
      <c r="N627867" s="10"/>
    </row>
    <row r="627868" spans="14:14">
      <c r="N627868" s="10"/>
    </row>
    <row r="627869" spans="14:14">
      <c r="N627869" s="10"/>
    </row>
    <row r="627870" spans="14:14">
      <c r="N627870" s="10"/>
    </row>
    <row r="627871" spans="14:14">
      <c r="N627871" s="10"/>
    </row>
    <row r="627872" spans="14:14">
      <c r="N627872" s="10"/>
    </row>
    <row r="627873" spans="14:14">
      <c r="N627873" s="10"/>
    </row>
    <row r="627874" spans="14:14">
      <c r="N627874" s="10"/>
    </row>
    <row r="627875" spans="14:14">
      <c r="N627875" s="10"/>
    </row>
    <row r="627876" spans="14:14">
      <c r="N627876" s="10"/>
    </row>
    <row r="627877" spans="14:14">
      <c r="N627877" s="10"/>
    </row>
    <row r="627878" spans="14:14">
      <c r="N627878" s="10"/>
    </row>
    <row r="627879" spans="14:14">
      <c r="N627879" s="10"/>
    </row>
    <row r="627880" spans="14:14">
      <c r="N627880" s="10"/>
    </row>
    <row r="627881" spans="14:14">
      <c r="N627881" s="10"/>
    </row>
    <row r="627882" spans="14:14">
      <c r="N627882" s="10"/>
    </row>
    <row r="627883" spans="14:14">
      <c r="N627883" s="10"/>
    </row>
    <row r="627884" spans="14:14">
      <c r="N627884" s="10"/>
    </row>
    <row r="627885" spans="14:14">
      <c r="N627885" s="10"/>
    </row>
    <row r="627886" spans="14:14">
      <c r="N627886" s="10"/>
    </row>
    <row r="627887" spans="14:14">
      <c r="N627887" s="10"/>
    </row>
    <row r="627888" spans="14:14">
      <c r="N627888" s="10"/>
    </row>
    <row r="627889" spans="14:14">
      <c r="N627889" s="10"/>
    </row>
    <row r="627890" spans="14:14">
      <c r="N627890" s="10"/>
    </row>
    <row r="627891" spans="14:14">
      <c r="N627891" s="10"/>
    </row>
    <row r="627892" spans="14:14">
      <c r="N627892" s="10"/>
    </row>
    <row r="627893" spans="14:14">
      <c r="N627893" s="10"/>
    </row>
    <row r="627894" spans="14:14">
      <c r="N627894" s="10"/>
    </row>
    <row r="627895" spans="14:14">
      <c r="N627895" s="10"/>
    </row>
    <row r="627896" spans="14:14">
      <c r="N627896" s="10"/>
    </row>
    <row r="627897" spans="14:14">
      <c r="N627897" s="10"/>
    </row>
    <row r="627898" spans="14:14">
      <c r="N627898" s="10"/>
    </row>
    <row r="627899" spans="14:14">
      <c r="N627899" s="10"/>
    </row>
    <row r="627900" spans="14:14">
      <c r="N627900" s="10"/>
    </row>
    <row r="627901" spans="14:14">
      <c r="N627901" s="10"/>
    </row>
    <row r="627902" spans="14:14">
      <c r="N627902" s="10"/>
    </row>
    <row r="627903" spans="14:14">
      <c r="N627903" s="10"/>
    </row>
    <row r="627904" spans="14:14">
      <c r="N627904" s="10"/>
    </row>
    <row r="627905" spans="14:14">
      <c r="N627905" s="10"/>
    </row>
    <row r="627906" spans="14:14">
      <c r="N627906" s="10"/>
    </row>
    <row r="627907" spans="14:14">
      <c r="N627907" s="10"/>
    </row>
    <row r="627908" spans="14:14">
      <c r="N627908" s="10"/>
    </row>
    <row r="627909" spans="14:14">
      <c r="N627909" s="10"/>
    </row>
    <row r="627910" spans="14:14">
      <c r="N627910" s="10"/>
    </row>
    <row r="627911" spans="14:14">
      <c r="N627911" s="10"/>
    </row>
    <row r="627912" spans="14:14">
      <c r="N627912" s="10"/>
    </row>
    <row r="627913" spans="14:14">
      <c r="N627913" s="10"/>
    </row>
    <row r="627914" spans="14:14">
      <c r="N627914" s="10"/>
    </row>
    <row r="627915" spans="14:14">
      <c r="N627915" s="10"/>
    </row>
    <row r="627916" spans="14:14">
      <c r="N627916" s="10"/>
    </row>
    <row r="627917" spans="14:14">
      <c r="N627917" s="10"/>
    </row>
    <row r="627918" spans="14:14">
      <c r="N627918" s="10"/>
    </row>
    <row r="627919" spans="14:14">
      <c r="N627919" s="10"/>
    </row>
    <row r="627920" spans="14:14">
      <c r="N627920" s="10"/>
    </row>
    <row r="627921" spans="14:14">
      <c r="N627921" s="10"/>
    </row>
    <row r="627922" spans="14:14">
      <c r="N627922" s="10"/>
    </row>
    <row r="627923" spans="14:14">
      <c r="N627923" s="10"/>
    </row>
    <row r="627924" spans="14:14">
      <c r="N627924" s="10"/>
    </row>
    <row r="627925" spans="14:14">
      <c r="N627925" s="10"/>
    </row>
    <row r="627926" spans="14:14">
      <c r="N627926" s="10"/>
    </row>
    <row r="627927" spans="14:14">
      <c r="N627927" s="10"/>
    </row>
    <row r="627928" spans="14:14">
      <c r="N627928" s="10"/>
    </row>
    <row r="627929" spans="14:14">
      <c r="N627929" s="10"/>
    </row>
    <row r="627930" spans="14:14">
      <c r="N627930" s="10"/>
    </row>
    <row r="627931" spans="14:14">
      <c r="N627931" s="10"/>
    </row>
    <row r="627932" spans="14:14">
      <c r="N627932" s="10"/>
    </row>
    <row r="627933" spans="14:14">
      <c r="N627933" s="10"/>
    </row>
    <row r="627934" spans="14:14">
      <c r="N627934" s="10"/>
    </row>
    <row r="627935" spans="14:14">
      <c r="N627935" s="10"/>
    </row>
    <row r="627936" spans="14:14">
      <c r="N627936" s="10"/>
    </row>
    <row r="627937" spans="14:14">
      <c r="N627937" s="10"/>
    </row>
    <row r="627938" spans="14:14">
      <c r="N627938" s="10"/>
    </row>
    <row r="627939" spans="14:14">
      <c r="N627939" s="10"/>
    </row>
    <row r="627940" spans="14:14">
      <c r="N627940" s="10"/>
    </row>
    <row r="627941" spans="14:14">
      <c r="N627941" s="10"/>
    </row>
    <row r="627942" spans="14:14">
      <c r="N627942" s="10"/>
    </row>
    <row r="627943" spans="14:14">
      <c r="N627943" s="10"/>
    </row>
    <row r="627944" spans="14:14">
      <c r="N627944" s="10"/>
    </row>
    <row r="627945" spans="14:14">
      <c r="N627945" s="10"/>
    </row>
    <row r="627946" spans="14:14">
      <c r="N627946" s="10"/>
    </row>
    <row r="627947" spans="14:14">
      <c r="N627947" s="10"/>
    </row>
    <row r="627948" spans="14:14">
      <c r="N627948" s="10"/>
    </row>
    <row r="627949" spans="14:14">
      <c r="N627949" s="10"/>
    </row>
    <row r="627950" spans="14:14">
      <c r="N627950" s="10"/>
    </row>
    <row r="627951" spans="14:14">
      <c r="N627951" s="10"/>
    </row>
    <row r="627952" spans="14:14">
      <c r="N627952" s="10"/>
    </row>
    <row r="627953" spans="14:14">
      <c r="N627953" s="10"/>
    </row>
    <row r="627954" spans="14:14">
      <c r="N627954" s="10"/>
    </row>
    <row r="627955" spans="14:14">
      <c r="N627955" s="10"/>
    </row>
    <row r="627956" spans="14:14">
      <c r="N627956" s="10"/>
    </row>
    <row r="627957" spans="14:14">
      <c r="N627957" s="10"/>
    </row>
    <row r="627958" spans="14:14">
      <c r="N627958" s="10"/>
    </row>
    <row r="627959" spans="14:14">
      <c r="N627959" s="10"/>
    </row>
    <row r="627960" spans="14:14">
      <c r="N627960" s="10"/>
    </row>
    <row r="627961" spans="14:14">
      <c r="N627961" s="10"/>
    </row>
    <row r="627962" spans="14:14">
      <c r="N627962" s="10"/>
    </row>
    <row r="627963" spans="14:14">
      <c r="N627963" s="10"/>
    </row>
    <row r="627964" spans="14:14">
      <c r="N627964" s="10"/>
    </row>
    <row r="627965" spans="14:14">
      <c r="N627965" s="10"/>
    </row>
    <row r="627966" spans="14:14">
      <c r="N627966" s="10"/>
    </row>
    <row r="627967" spans="14:14">
      <c r="N627967" s="10"/>
    </row>
    <row r="627968" spans="14:14">
      <c r="N627968" s="10"/>
    </row>
    <row r="627969" spans="14:14">
      <c r="N627969" s="10"/>
    </row>
    <row r="627970" spans="14:14">
      <c r="N627970" s="10"/>
    </row>
    <row r="627971" spans="14:14">
      <c r="N627971" s="10"/>
    </row>
    <row r="627972" spans="14:14">
      <c r="N627972" s="10"/>
    </row>
    <row r="627973" spans="14:14">
      <c r="N627973" s="10"/>
    </row>
    <row r="627974" spans="14:14">
      <c r="N627974" s="10"/>
    </row>
    <row r="627975" spans="14:14">
      <c r="N627975" s="10"/>
    </row>
    <row r="627976" spans="14:14">
      <c r="N627976" s="10"/>
    </row>
    <row r="627977" spans="14:14">
      <c r="N627977" s="10"/>
    </row>
    <row r="627978" spans="14:14">
      <c r="N627978" s="10"/>
    </row>
    <row r="627979" spans="14:14">
      <c r="N627979" s="10"/>
    </row>
    <row r="627980" spans="14:14">
      <c r="N627980" s="10"/>
    </row>
    <row r="627981" spans="14:14">
      <c r="N627981" s="10"/>
    </row>
    <row r="627982" spans="14:14">
      <c r="N627982" s="10"/>
    </row>
    <row r="627983" spans="14:14">
      <c r="N627983" s="10"/>
    </row>
    <row r="627984" spans="14:14">
      <c r="N627984" s="10"/>
    </row>
    <row r="627985" spans="14:14">
      <c r="N627985" s="10"/>
    </row>
    <row r="627986" spans="14:14">
      <c r="N627986" s="10"/>
    </row>
    <row r="627987" spans="14:14">
      <c r="N627987" s="10"/>
    </row>
    <row r="627988" spans="14:14">
      <c r="N627988" s="10"/>
    </row>
    <row r="627989" spans="14:14">
      <c r="N627989" s="10"/>
    </row>
    <row r="627990" spans="14:14">
      <c r="N627990" s="10"/>
    </row>
    <row r="627991" spans="14:14">
      <c r="N627991" s="10"/>
    </row>
    <row r="627992" spans="14:14">
      <c r="N627992" s="10"/>
    </row>
    <row r="627993" spans="14:14">
      <c r="N627993" s="10"/>
    </row>
    <row r="627994" spans="14:14">
      <c r="N627994" s="10"/>
    </row>
    <row r="627995" spans="14:14">
      <c r="N627995" s="10"/>
    </row>
    <row r="627996" spans="14:14">
      <c r="N627996" s="10"/>
    </row>
    <row r="627997" spans="14:14">
      <c r="N627997" s="10"/>
    </row>
    <row r="627998" spans="14:14">
      <c r="N627998" s="10"/>
    </row>
    <row r="627999" spans="14:14">
      <c r="N627999" s="10"/>
    </row>
    <row r="628000" spans="14:14">
      <c r="N628000" s="10"/>
    </row>
    <row r="628001" spans="14:14">
      <c r="N628001" s="10"/>
    </row>
    <row r="628002" spans="14:14">
      <c r="N628002" s="10"/>
    </row>
    <row r="628003" spans="14:14">
      <c r="N628003" s="10"/>
    </row>
    <row r="628004" spans="14:14">
      <c r="N628004" s="10"/>
    </row>
    <row r="628005" spans="14:14">
      <c r="N628005" s="10"/>
    </row>
    <row r="628006" spans="14:14">
      <c r="N628006" s="10"/>
    </row>
    <row r="628007" spans="14:14">
      <c r="N628007" s="10"/>
    </row>
    <row r="628008" spans="14:14">
      <c r="N628008" s="10"/>
    </row>
    <row r="628009" spans="14:14">
      <c r="N628009" s="10"/>
    </row>
    <row r="628010" spans="14:14">
      <c r="N628010" s="10"/>
    </row>
    <row r="628011" spans="14:14">
      <c r="N628011" s="10"/>
    </row>
    <row r="628012" spans="14:14">
      <c r="N628012" s="10"/>
    </row>
    <row r="628013" spans="14:14">
      <c r="N628013" s="10"/>
    </row>
    <row r="628014" spans="14:14">
      <c r="N628014" s="10"/>
    </row>
    <row r="628015" spans="14:14">
      <c r="N628015" s="10"/>
    </row>
    <row r="628016" spans="14:14">
      <c r="N628016" s="10"/>
    </row>
    <row r="628017" spans="14:14">
      <c r="N628017" s="10"/>
    </row>
    <row r="628018" spans="14:14">
      <c r="N628018" s="10"/>
    </row>
    <row r="628019" spans="14:14">
      <c r="N628019" s="10"/>
    </row>
    <row r="628020" spans="14:14">
      <c r="N628020" s="10"/>
    </row>
    <row r="628021" spans="14:14">
      <c r="N628021" s="10"/>
    </row>
    <row r="628022" spans="14:14">
      <c r="N628022" s="10"/>
    </row>
    <row r="628023" spans="14:14">
      <c r="N628023" s="10"/>
    </row>
    <row r="628024" spans="14:14">
      <c r="N628024" s="10"/>
    </row>
    <row r="628025" spans="14:14">
      <c r="N628025" s="10"/>
    </row>
    <row r="628026" spans="14:14">
      <c r="N628026" s="10"/>
    </row>
    <row r="628027" spans="14:14">
      <c r="N628027" s="10"/>
    </row>
    <row r="628028" spans="14:14">
      <c r="N628028" s="10"/>
    </row>
    <row r="628029" spans="14:14">
      <c r="N628029" s="10"/>
    </row>
    <row r="628030" spans="14:14">
      <c r="N628030" s="10"/>
    </row>
    <row r="628031" spans="14:14">
      <c r="N628031" s="10"/>
    </row>
    <row r="628032" spans="14:14">
      <c r="N628032" s="10"/>
    </row>
    <row r="628033" spans="14:14">
      <c r="N628033" s="10"/>
    </row>
    <row r="628034" spans="14:14">
      <c r="N628034" s="10"/>
    </row>
    <row r="628035" spans="14:14">
      <c r="N628035" s="10"/>
    </row>
    <row r="628036" spans="14:14">
      <c r="N628036" s="10"/>
    </row>
    <row r="628037" spans="14:14">
      <c r="N628037" s="10"/>
    </row>
    <row r="628038" spans="14:14">
      <c r="N628038" s="10"/>
    </row>
    <row r="628039" spans="14:14">
      <c r="N628039" s="10"/>
    </row>
    <row r="628040" spans="14:14">
      <c r="N628040" s="10"/>
    </row>
    <row r="628041" spans="14:14">
      <c r="N628041" s="10"/>
    </row>
    <row r="628042" spans="14:14">
      <c r="N628042" s="10"/>
    </row>
    <row r="628043" spans="14:14">
      <c r="N628043" s="10"/>
    </row>
    <row r="628044" spans="14:14">
      <c r="N628044" s="10"/>
    </row>
    <row r="628045" spans="14:14">
      <c r="N628045" s="10"/>
    </row>
    <row r="628046" spans="14:14">
      <c r="N628046" s="10"/>
    </row>
    <row r="628047" spans="14:14">
      <c r="N628047" s="10"/>
    </row>
    <row r="628048" spans="14:14">
      <c r="N628048" s="10"/>
    </row>
    <row r="628049" spans="14:14">
      <c r="N628049" s="10"/>
    </row>
    <row r="628050" spans="14:14">
      <c r="N628050" s="10"/>
    </row>
    <row r="628051" spans="14:14">
      <c r="N628051" s="10"/>
    </row>
    <row r="628052" spans="14:14">
      <c r="N628052" s="10"/>
    </row>
    <row r="628053" spans="14:14">
      <c r="N628053" s="10"/>
    </row>
    <row r="628054" spans="14:14">
      <c r="N628054" s="10"/>
    </row>
    <row r="628055" spans="14:14">
      <c r="N628055" s="10"/>
    </row>
    <row r="628056" spans="14:14">
      <c r="N628056" s="10"/>
    </row>
    <row r="628057" spans="14:14">
      <c r="N628057" s="10"/>
    </row>
    <row r="628058" spans="14:14">
      <c r="N628058" s="10"/>
    </row>
    <row r="628059" spans="14:14">
      <c r="N628059" s="10"/>
    </row>
    <row r="628060" spans="14:14">
      <c r="N628060" s="10"/>
    </row>
    <row r="628061" spans="14:14">
      <c r="N628061" s="10"/>
    </row>
    <row r="628062" spans="14:14">
      <c r="N628062" s="10"/>
    </row>
    <row r="628063" spans="14:14">
      <c r="N628063" s="10"/>
    </row>
    <row r="628064" spans="14:14">
      <c r="N628064" s="10"/>
    </row>
    <row r="628065" spans="14:14">
      <c r="N628065" s="10"/>
    </row>
    <row r="628066" spans="14:14">
      <c r="N628066" s="10"/>
    </row>
    <row r="628067" spans="14:14">
      <c r="N628067" s="10"/>
    </row>
    <row r="628068" spans="14:14">
      <c r="N628068" s="10"/>
    </row>
    <row r="628069" spans="14:14">
      <c r="N628069" s="10"/>
    </row>
    <row r="628070" spans="14:14">
      <c r="N628070" s="10"/>
    </row>
    <row r="628071" spans="14:14">
      <c r="N628071" s="10"/>
    </row>
    <row r="628072" spans="14:14">
      <c r="N628072" s="10"/>
    </row>
    <row r="628073" spans="14:14">
      <c r="N628073" s="10"/>
    </row>
    <row r="628074" spans="14:14">
      <c r="N628074" s="10"/>
    </row>
    <row r="628075" spans="14:14">
      <c r="N628075" s="10"/>
    </row>
    <row r="628076" spans="14:14">
      <c r="N628076" s="10"/>
    </row>
    <row r="628077" spans="14:14">
      <c r="N628077" s="10"/>
    </row>
    <row r="628078" spans="14:14">
      <c r="N628078" s="10"/>
    </row>
    <row r="628079" spans="14:14">
      <c r="N628079" s="10"/>
    </row>
    <row r="628080" spans="14:14">
      <c r="N628080" s="10"/>
    </row>
    <row r="628081" spans="14:14">
      <c r="N628081" s="10"/>
    </row>
    <row r="628082" spans="14:14">
      <c r="N628082" s="10"/>
    </row>
    <row r="628083" spans="14:14">
      <c r="N628083" s="10"/>
    </row>
    <row r="628084" spans="14:14">
      <c r="N628084" s="10"/>
    </row>
    <row r="628085" spans="14:14">
      <c r="N628085" s="10"/>
    </row>
    <row r="628086" spans="14:14">
      <c r="N628086" s="10"/>
    </row>
    <row r="628087" spans="14:14">
      <c r="N628087" s="10"/>
    </row>
    <row r="628088" spans="14:14">
      <c r="N628088" s="10"/>
    </row>
    <row r="628089" spans="14:14">
      <c r="N628089" s="10"/>
    </row>
    <row r="628090" spans="14:14">
      <c r="N628090" s="10"/>
    </row>
    <row r="628091" spans="14:14">
      <c r="N628091" s="10"/>
    </row>
    <row r="628092" spans="14:14">
      <c r="N628092" s="10"/>
    </row>
    <row r="628093" spans="14:14">
      <c r="N628093" s="10"/>
    </row>
    <row r="628094" spans="14:14">
      <c r="N628094" s="10"/>
    </row>
    <row r="628095" spans="14:14">
      <c r="N628095" s="10"/>
    </row>
    <row r="628096" spans="14:14">
      <c r="N628096" s="10"/>
    </row>
    <row r="628097" spans="14:14">
      <c r="N628097" s="10"/>
    </row>
    <row r="628098" spans="14:14">
      <c r="N628098" s="10"/>
    </row>
    <row r="628099" spans="14:14">
      <c r="N628099" s="10"/>
    </row>
    <row r="628100" spans="14:14">
      <c r="N628100" s="10"/>
    </row>
    <row r="628101" spans="14:14">
      <c r="N628101" s="10"/>
    </row>
    <row r="628102" spans="14:14">
      <c r="N628102" s="10"/>
    </row>
    <row r="628103" spans="14:14">
      <c r="N628103" s="10"/>
    </row>
    <row r="628104" spans="14:14">
      <c r="N628104" s="10"/>
    </row>
    <row r="628105" spans="14:14">
      <c r="N628105" s="10"/>
    </row>
    <row r="628106" spans="14:14">
      <c r="N628106" s="10"/>
    </row>
    <row r="628107" spans="14:14">
      <c r="N628107" s="10"/>
    </row>
    <row r="628108" spans="14:14">
      <c r="N628108" s="10"/>
    </row>
    <row r="628109" spans="14:14">
      <c r="N628109" s="10"/>
    </row>
    <row r="628110" spans="14:14">
      <c r="N628110" s="10"/>
    </row>
    <row r="628111" spans="14:14">
      <c r="N628111" s="10"/>
    </row>
    <row r="628112" spans="14:14">
      <c r="N628112" s="10"/>
    </row>
    <row r="628113" spans="14:14">
      <c r="N628113" s="10"/>
    </row>
    <row r="628114" spans="14:14">
      <c r="N628114" s="10"/>
    </row>
    <row r="628115" spans="14:14">
      <c r="N628115" s="10"/>
    </row>
    <row r="628116" spans="14:14">
      <c r="N628116" s="10"/>
    </row>
    <row r="628117" spans="14:14">
      <c r="N628117" s="10"/>
    </row>
    <row r="628118" spans="14:14">
      <c r="N628118" s="10"/>
    </row>
    <row r="628119" spans="14:14">
      <c r="N628119" s="10"/>
    </row>
    <row r="628120" spans="14:14">
      <c r="N628120" s="10"/>
    </row>
    <row r="628121" spans="14:14">
      <c r="N628121" s="10"/>
    </row>
    <row r="628122" spans="14:14">
      <c r="N628122" s="10"/>
    </row>
    <row r="628123" spans="14:14">
      <c r="N628123" s="10"/>
    </row>
    <row r="628124" spans="14:14">
      <c r="N628124" s="10"/>
    </row>
    <row r="628125" spans="14:14">
      <c r="N628125" s="10"/>
    </row>
    <row r="628126" spans="14:14">
      <c r="N628126" s="10"/>
    </row>
    <row r="628127" spans="14:14">
      <c r="N628127" s="10"/>
    </row>
    <row r="628128" spans="14:14">
      <c r="N628128" s="10"/>
    </row>
    <row r="628129" spans="14:14">
      <c r="N628129" s="10"/>
    </row>
    <row r="628130" spans="14:14">
      <c r="N628130" s="10"/>
    </row>
    <row r="628131" spans="14:14">
      <c r="N628131" s="10"/>
    </row>
    <row r="628132" spans="14:14">
      <c r="N628132" s="10"/>
    </row>
    <row r="628133" spans="14:14">
      <c r="N628133" s="10"/>
    </row>
    <row r="628134" spans="14:14">
      <c r="N628134" s="10"/>
    </row>
    <row r="628135" spans="14:14">
      <c r="N628135" s="10"/>
    </row>
    <row r="628136" spans="14:14">
      <c r="N628136" s="10"/>
    </row>
    <row r="628137" spans="14:14">
      <c r="N628137" s="10"/>
    </row>
    <row r="628138" spans="14:14">
      <c r="N628138" s="10"/>
    </row>
    <row r="628139" spans="14:14">
      <c r="N628139" s="10"/>
    </row>
    <row r="628140" spans="14:14">
      <c r="N628140" s="10"/>
    </row>
    <row r="628141" spans="14:14">
      <c r="N628141" s="10"/>
    </row>
    <row r="628142" spans="14:14">
      <c r="N628142" s="10"/>
    </row>
    <row r="628143" spans="14:14">
      <c r="N628143" s="10"/>
    </row>
    <row r="628144" spans="14:14">
      <c r="N628144" s="10"/>
    </row>
    <row r="628145" spans="14:14">
      <c r="N628145" s="10"/>
    </row>
    <row r="628146" spans="14:14">
      <c r="N628146" s="10"/>
    </row>
    <row r="628147" spans="14:14">
      <c r="N628147" s="10"/>
    </row>
    <row r="628148" spans="14:14">
      <c r="N628148" s="10"/>
    </row>
    <row r="628149" spans="14:14">
      <c r="N628149" s="10"/>
    </row>
    <row r="628150" spans="14:14">
      <c r="N628150" s="10"/>
    </row>
    <row r="628151" spans="14:14">
      <c r="N628151" s="10"/>
    </row>
    <row r="628152" spans="14:14">
      <c r="N628152" s="10"/>
    </row>
    <row r="628153" spans="14:14">
      <c r="N628153" s="10"/>
    </row>
    <row r="628154" spans="14:14">
      <c r="N628154" s="10"/>
    </row>
    <row r="628155" spans="14:14">
      <c r="N628155" s="10"/>
    </row>
    <row r="628156" spans="14:14">
      <c r="N628156" s="10"/>
    </row>
    <row r="628157" spans="14:14">
      <c r="N628157" s="10"/>
    </row>
    <row r="628158" spans="14:14">
      <c r="N628158" s="10"/>
    </row>
    <row r="628159" spans="14:14">
      <c r="N628159" s="10"/>
    </row>
    <row r="628160" spans="14:14">
      <c r="N628160" s="10"/>
    </row>
    <row r="628161" spans="14:14">
      <c r="N628161" s="10"/>
    </row>
    <row r="628162" spans="14:14">
      <c r="N628162" s="10"/>
    </row>
    <row r="628163" spans="14:14">
      <c r="N628163" s="10"/>
    </row>
    <row r="628164" spans="14:14">
      <c r="N628164" s="10"/>
    </row>
    <row r="628165" spans="14:14">
      <c r="N628165" s="10"/>
    </row>
    <row r="628166" spans="14:14">
      <c r="N628166" s="10"/>
    </row>
    <row r="628167" spans="14:14">
      <c r="N628167" s="10"/>
    </row>
    <row r="628168" spans="14:14">
      <c r="N628168" s="10"/>
    </row>
    <row r="628169" spans="14:14">
      <c r="N628169" s="10"/>
    </row>
    <row r="628170" spans="14:14">
      <c r="N628170" s="10"/>
    </row>
    <row r="628171" spans="14:14">
      <c r="N628171" s="10"/>
    </row>
    <row r="628172" spans="14:14">
      <c r="N628172" s="10"/>
    </row>
    <row r="628173" spans="14:14">
      <c r="N628173" s="10"/>
    </row>
    <row r="628174" spans="14:14">
      <c r="N628174" s="10"/>
    </row>
    <row r="628175" spans="14:14">
      <c r="N628175" s="10"/>
    </row>
    <row r="628176" spans="14:14">
      <c r="N628176" s="10"/>
    </row>
    <row r="628177" spans="14:14">
      <c r="N628177" s="10"/>
    </row>
    <row r="628178" spans="14:14">
      <c r="N628178" s="10"/>
    </row>
    <row r="628179" spans="14:14">
      <c r="N628179" s="10"/>
    </row>
    <row r="628180" spans="14:14">
      <c r="N628180" s="10"/>
    </row>
    <row r="628181" spans="14:14">
      <c r="N628181" s="10"/>
    </row>
    <row r="628182" spans="14:14">
      <c r="N628182" s="10"/>
    </row>
    <row r="628183" spans="14:14">
      <c r="N628183" s="10"/>
    </row>
    <row r="628184" spans="14:14">
      <c r="N628184" s="10"/>
    </row>
    <row r="628185" spans="14:14">
      <c r="N628185" s="10"/>
    </row>
    <row r="628186" spans="14:14">
      <c r="N628186" s="10"/>
    </row>
    <row r="628187" spans="14:14">
      <c r="N628187" s="10"/>
    </row>
    <row r="628188" spans="14:14">
      <c r="N628188" s="10"/>
    </row>
    <row r="628189" spans="14:14">
      <c r="N628189" s="10"/>
    </row>
    <row r="628190" spans="14:14">
      <c r="N628190" s="10"/>
    </row>
    <row r="628191" spans="14:14">
      <c r="N628191" s="10"/>
    </row>
    <row r="628192" spans="14:14">
      <c r="N628192" s="10"/>
    </row>
    <row r="628193" spans="14:14">
      <c r="N628193" s="10"/>
    </row>
    <row r="628194" spans="14:14">
      <c r="N628194" s="10"/>
    </row>
    <row r="628195" spans="14:14">
      <c r="N628195" s="10"/>
    </row>
    <row r="628196" spans="14:14">
      <c r="N628196" s="10"/>
    </row>
    <row r="628197" spans="14:14">
      <c r="N628197" s="10"/>
    </row>
    <row r="628198" spans="14:14">
      <c r="N628198" s="10"/>
    </row>
    <row r="628199" spans="14:14">
      <c r="N628199" s="10"/>
    </row>
    <row r="628200" spans="14:14">
      <c r="N628200" s="10"/>
    </row>
    <row r="628201" spans="14:14">
      <c r="N628201" s="10"/>
    </row>
    <row r="628202" spans="14:14">
      <c r="N628202" s="10"/>
    </row>
    <row r="628203" spans="14:14">
      <c r="N628203" s="10"/>
    </row>
    <row r="628204" spans="14:14">
      <c r="N628204" s="10"/>
    </row>
    <row r="628205" spans="14:14">
      <c r="N628205" s="10"/>
    </row>
    <row r="628206" spans="14:14">
      <c r="N628206" s="10"/>
    </row>
    <row r="628207" spans="14:14">
      <c r="N628207" s="10"/>
    </row>
    <row r="628208" spans="14:14">
      <c r="N628208" s="10"/>
    </row>
    <row r="628209" spans="14:14">
      <c r="N628209" s="10"/>
    </row>
    <row r="628210" spans="14:14">
      <c r="N628210" s="10"/>
    </row>
    <row r="628211" spans="14:14">
      <c r="N628211" s="10"/>
    </row>
    <row r="628212" spans="14:14">
      <c r="N628212" s="10"/>
    </row>
    <row r="628213" spans="14:14">
      <c r="N628213" s="10"/>
    </row>
    <row r="628214" spans="14:14">
      <c r="N628214" s="10"/>
    </row>
    <row r="628215" spans="14:14">
      <c r="N628215" s="10"/>
    </row>
    <row r="628216" spans="14:14">
      <c r="N628216" s="10"/>
    </row>
    <row r="628217" spans="14:14">
      <c r="N628217" s="10"/>
    </row>
    <row r="628218" spans="14:14">
      <c r="N628218" s="10"/>
    </row>
    <row r="628219" spans="14:14">
      <c r="N628219" s="10"/>
    </row>
    <row r="628220" spans="14:14">
      <c r="N628220" s="10"/>
    </row>
    <row r="628221" spans="14:14">
      <c r="N628221" s="10"/>
    </row>
    <row r="628222" spans="14:14">
      <c r="N628222" s="10"/>
    </row>
    <row r="628223" spans="14:14">
      <c r="N628223" s="10"/>
    </row>
    <row r="628224" spans="14:14">
      <c r="N628224" s="10"/>
    </row>
    <row r="628225" spans="14:14">
      <c r="N628225" s="10"/>
    </row>
    <row r="628226" spans="14:14">
      <c r="N628226" s="10"/>
    </row>
    <row r="628227" spans="14:14">
      <c r="N628227" s="10"/>
    </row>
    <row r="628228" spans="14:14">
      <c r="N628228" s="10"/>
    </row>
    <row r="628229" spans="14:14">
      <c r="N628229" s="10"/>
    </row>
    <row r="628230" spans="14:14">
      <c r="N628230" s="10"/>
    </row>
    <row r="628231" spans="14:14">
      <c r="N628231" s="10"/>
    </row>
    <row r="628232" spans="14:14">
      <c r="N628232" s="10"/>
    </row>
    <row r="628233" spans="14:14">
      <c r="N628233" s="10"/>
    </row>
    <row r="628234" spans="14:14">
      <c r="N628234" s="10"/>
    </row>
    <row r="628235" spans="14:14">
      <c r="N628235" s="10"/>
    </row>
    <row r="628236" spans="14:14">
      <c r="N628236" s="10"/>
    </row>
    <row r="628237" spans="14:14">
      <c r="N628237" s="10"/>
    </row>
    <row r="628238" spans="14:14">
      <c r="N628238" s="10"/>
    </row>
    <row r="628239" spans="14:14">
      <c r="N628239" s="10"/>
    </row>
    <row r="628240" spans="14:14">
      <c r="N628240" s="10"/>
    </row>
    <row r="628241" spans="14:14">
      <c r="N628241" s="10"/>
    </row>
    <row r="628242" spans="14:14">
      <c r="N628242" s="10"/>
    </row>
    <row r="628243" spans="14:14">
      <c r="N628243" s="10"/>
    </row>
    <row r="628244" spans="14:14">
      <c r="N628244" s="10"/>
    </row>
    <row r="628245" spans="14:14">
      <c r="N628245" s="10"/>
    </row>
    <row r="628246" spans="14:14">
      <c r="N628246" s="10"/>
    </row>
    <row r="628247" spans="14:14">
      <c r="N628247" s="10"/>
    </row>
    <row r="628248" spans="14:14">
      <c r="N628248" s="10"/>
    </row>
    <row r="628249" spans="14:14">
      <c r="N628249" s="10"/>
    </row>
    <row r="628250" spans="14:14">
      <c r="N628250" s="10"/>
    </row>
    <row r="628251" spans="14:14">
      <c r="N628251" s="10"/>
    </row>
    <row r="628252" spans="14:14">
      <c r="N628252" s="10"/>
    </row>
    <row r="628253" spans="14:14">
      <c r="N628253" s="10"/>
    </row>
    <row r="628254" spans="14:14">
      <c r="N628254" s="10"/>
    </row>
    <row r="628255" spans="14:14">
      <c r="N628255" s="10"/>
    </row>
    <row r="628256" spans="14:14">
      <c r="N628256" s="10"/>
    </row>
    <row r="628257" spans="14:14">
      <c r="N628257" s="10"/>
    </row>
    <row r="628258" spans="14:14">
      <c r="N628258" s="10"/>
    </row>
    <row r="628259" spans="14:14">
      <c r="N628259" s="10"/>
    </row>
    <row r="628260" spans="14:14">
      <c r="N628260" s="10"/>
    </row>
    <row r="628261" spans="14:14">
      <c r="N628261" s="10"/>
    </row>
    <row r="628262" spans="14:14">
      <c r="N628262" s="10"/>
    </row>
    <row r="628263" spans="14:14">
      <c r="N628263" s="10"/>
    </row>
    <row r="628264" spans="14:14">
      <c r="N628264" s="10"/>
    </row>
    <row r="628265" spans="14:14">
      <c r="N628265" s="10"/>
    </row>
    <row r="628266" spans="14:14">
      <c r="N628266" s="10"/>
    </row>
    <row r="628267" spans="14:14">
      <c r="N628267" s="10"/>
    </row>
    <row r="628268" spans="14:14">
      <c r="N628268" s="10"/>
    </row>
    <row r="628269" spans="14:14">
      <c r="N628269" s="10"/>
    </row>
    <row r="628270" spans="14:14">
      <c r="N628270" s="10"/>
    </row>
    <row r="628271" spans="14:14">
      <c r="N628271" s="10"/>
    </row>
    <row r="628272" spans="14:14">
      <c r="N628272" s="10"/>
    </row>
    <row r="628273" spans="14:14">
      <c r="N628273" s="10"/>
    </row>
    <row r="628274" spans="14:14">
      <c r="N628274" s="10"/>
    </row>
    <row r="628275" spans="14:14">
      <c r="N628275" s="10"/>
    </row>
    <row r="628276" spans="14:14">
      <c r="N628276" s="10"/>
    </row>
    <row r="628277" spans="14:14">
      <c r="N628277" s="10"/>
    </row>
    <row r="628278" spans="14:14">
      <c r="N628278" s="10"/>
    </row>
    <row r="628279" spans="14:14">
      <c r="N628279" s="10"/>
    </row>
    <row r="628280" spans="14:14">
      <c r="N628280" s="10"/>
    </row>
    <row r="628281" spans="14:14">
      <c r="N628281" s="10"/>
    </row>
    <row r="628282" spans="14:14">
      <c r="N628282" s="10"/>
    </row>
    <row r="628283" spans="14:14">
      <c r="N628283" s="10"/>
    </row>
    <row r="628284" spans="14:14">
      <c r="N628284" s="10"/>
    </row>
    <row r="628285" spans="14:14">
      <c r="N628285" s="10"/>
    </row>
    <row r="628286" spans="14:14">
      <c r="N628286" s="10"/>
    </row>
    <row r="628287" spans="14:14">
      <c r="N628287" s="10"/>
    </row>
    <row r="628288" spans="14:14">
      <c r="N628288" s="10"/>
    </row>
    <row r="628289" spans="14:14">
      <c r="N628289" s="10"/>
    </row>
    <row r="628290" spans="14:14">
      <c r="N628290" s="10"/>
    </row>
    <row r="628291" spans="14:14">
      <c r="N628291" s="10"/>
    </row>
    <row r="628292" spans="14:14">
      <c r="N628292" s="10"/>
    </row>
    <row r="628293" spans="14:14">
      <c r="N628293" s="10"/>
    </row>
    <row r="628294" spans="14:14">
      <c r="N628294" s="10"/>
    </row>
    <row r="628295" spans="14:14">
      <c r="N628295" s="10"/>
    </row>
    <row r="628296" spans="14:14">
      <c r="N628296" s="10"/>
    </row>
    <row r="628297" spans="14:14">
      <c r="N628297" s="10"/>
    </row>
    <row r="628298" spans="14:14">
      <c r="N628298" s="10"/>
    </row>
    <row r="628299" spans="14:14">
      <c r="N628299" s="10"/>
    </row>
    <row r="628300" spans="14:14">
      <c r="N628300" s="10"/>
    </row>
    <row r="628301" spans="14:14">
      <c r="N628301" s="10"/>
    </row>
    <row r="628302" spans="14:14">
      <c r="N628302" s="10"/>
    </row>
    <row r="628303" spans="14:14">
      <c r="N628303" s="10"/>
    </row>
    <row r="628304" spans="14:14">
      <c r="N628304" s="10"/>
    </row>
    <row r="628305" spans="14:14">
      <c r="N628305" s="10"/>
    </row>
    <row r="628306" spans="14:14">
      <c r="N628306" s="10"/>
    </row>
    <row r="628307" spans="14:14">
      <c r="N628307" s="10"/>
    </row>
    <row r="628308" spans="14:14">
      <c r="N628308" s="10"/>
    </row>
    <row r="628309" spans="14:14">
      <c r="N628309" s="10"/>
    </row>
    <row r="628310" spans="14:14">
      <c r="N628310" s="10"/>
    </row>
    <row r="628311" spans="14:14">
      <c r="N628311" s="10"/>
    </row>
    <row r="628312" spans="14:14">
      <c r="N628312" s="10"/>
    </row>
    <row r="628313" spans="14:14">
      <c r="N628313" s="10"/>
    </row>
    <row r="628314" spans="14:14">
      <c r="N628314" s="10"/>
    </row>
    <row r="628315" spans="14:14">
      <c r="N628315" s="10"/>
    </row>
    <row r="628316" spans="14:14">
      <c r="N628316" s="10"/>
    </row>
    <row r="628317" spans="14:14">
      <c r="N628317" s="10"/>
    </row>
    <row r="628318" spans="14:14">
      <c r="N628318" s="10"/>
    </row>
    <row r="628319" spans="14:14">
      <c r="N628319" s="10"/>
    </row>
    <row r="628320" spans="14:14">
      <c r="N628320" s="10"/>
    </row>
    <row r="628321" spans="14:14">
      <c r="N628321" s="10"/>
    </row>
    <row r="628322" spans="14:14">
      <c r="N628322" s="10"/>
    </row>
    <row r="628323" spans="14:14">
      <c r="N628323" s="10"/>
    </row>
    <row r="628324" spans="14:14">
      <c r="N628324" s="10"/>
    </row>
    <row r="628325" spans="14:14">
      <c r="N628325" s="10"/>
    </row>
    <row r="628326" spans="14:14">
      <c r="N628326" s="10"/>
    </row>
    <row r="628327" spans="14:14">
      <c r="N628327" s="10"/>
    </row>
    <row r="628328" spans="14:14">
      <c r="N628328" s="10"/>
    </row>
    <row r="628329" spans="14:14">
      <c r="N628329" s="10"/>
    </row>
    <row r="628330" spans="14:14">
      <c r="N628330" s="10"/>
    </row>
    <row r="628331" spans="14:14">
      <c r="N628331" s="10"/>
    </row>
    <row r="628332" spans="14:14">
      <c r="N628332" s="10"/>
    </row>
    <row r="628333" spans="14:14">
      <c r="N628333" s="10"/>
    </row>
    <row r="628334" spans="14:14">
      <c r="N628334" s="10"/>
    </row>
    <row r="628335" spans="14:14">
      <c r="N628335" s="10"/>
    </row>
    <row r="628336" spans="14:14">
      <c r="N628336" s="10"/>
    </row>
    <row r="628337" spans="14:14">
      <c r="N628337" s="10"/>
    </row>
    <row r="628338" spans="14:14">
      <c r="N628338" s="10"/>
    </row>
    <row r="628339" spans="14:14">
      <c r="N628339" s="10"/>
    </row>
    <row r="628340" spans="14:14">
      <c r="N628340" s="10"/>
    </row>
    <row r="628341" spans="14:14">
      <c r="N628341" s="10"/>
    </row>
    <row r="628342" spans="14:14">
      <c r="N628342" s="10"/>
    </row>
    <row r="628343" spans="14:14">
      <c r="N628343" s="10"/>
    </row>
    <row r="628344" spans="14:14">
      <c r="N628344" s="10"/>
    </row>
    <row r="628345" spans="14:14">
      <c r="N628345" s="10"/>
    </row>
    <row r="628346" spans="14:14">
      <c r="N628346" s="10"/>
    </row>
    <row r="628347" spans="14:14">
      <c r="N628347" s="10"/>
    </row>
    <row r="628348" spans="14:14">
      <c r="N628348" s="10"/>
    </row>
    <row r="628349" spans="14:14">
      <c r="N628349" s="10"/>
    </row>
    <row r="628350" spans="14:14">
      <c r="N628350" s="10"/>
    </row>
    <row r="628351" spans="14:14">
      <c r="N628351" s="10"/>
    </row>
    <row r="628352" spans="14:14">
      <c r="N628352" s="10"/>
    </row>
    <row r="628353" spans="14:14">
      <c r="N628353" s="10"/>
    </row>
    <row r="628354" spans="14:14">
      <c r="N628354" s="10"/>
    </row>
    <row r="628355" spans="14:14">
      <c r="N628355" s="10"/>
    </row>
    <row r="628356" spans="14:14">
      <c r="N628356" s="10"/>
    </row>
    <row r="628357" spans="14:14">
      <c r="N628357" s="10"/>
    </row>
    <row r="628358" spans="14:14">
      <c r="N628358" s="10"/>
    </row>
    <row r="628359" spans="14:14">
      <c r="N628359" s="10"/>
    </row>
    <row r="628360" spans="14:14">
      <c r="N628360" s="10"/>
    </row>
    <row r="628361" spans="14:14">
      <c r="N628361" s="10"/>
    </row>
    <row r="628362" spans="14:14">
      <c r="N628362" s="10"/>
    </row>
    <row r="628363" spans="14:14">
      <c r="N628363" s="10"/>
    </row>
    <row r="628364" spans="14:14">
      <c r="N628364" s="10"/>
    </row>
    <row r="628365" spans="14:14">
      <c r="N628365" s="10"/>
    </row>
    <row r="628366" spans="14:14">
      <c r="N628366" s="10"/>
    </row>
    <row r="628367" spans="14:14">
      <c r="N628367" s="10"/>
    </row>
    <row r="628368" spans="14:14">
      <c r="N628368" s="10"/>
    </row>
    <row r="628369" spans="14:14">
      <c r="N628369" s="10"/>
    </row>
    <row r="628370" spans="14:14">
      <c r="N628370" s="10"/>
    </row>
    <row r="628371" spans="14:14">
      <c r="N628371" s="10"/>
    </row>
    <row r="628372" spans="14:14">
      <c r="N628372" s="10"/>
    </row>
    <row r="628373" spans="14:14">
      <c r="N628373" s="10"/>
    </row>
    <row r="628374" spans="14:14">
      <c r="N628374" s="10"/>
    </row>
    <row r="628375" spans="14:14">
      <c r="N628375" s="10"/>
    </row>
    <row r="628376" spans="14:14">
      <c r="N628376" s="10"/>
    </row>
    <row r="628377" spans="14:14">
      <c r="N628377" s="10"/>
    </row>
    <row r="628378" spans="14:14">
      <c r="N628378" s="10"/>
    </row>
    <row r="628379" spans="14:14">
      <c r="N628379" s="10"/>
    </row>
    <row r="628380" spans="14:14">
      <c r="N628380" s="10"/>
    </row>
    <row r="628381" spans="14:14">
      <c r="N628381" s="10"/>
    </row>
    <row r="628382" spans="14:14">
      <c r="N628382" s="10"/>
    </row>
    <row r="628383" spans="14:14">
      <c r="N628383" s="10"/>
    </row>
    <row r="628384" spans="14:14">
      <c r="N628384" s="10"/>
    </row>
    <row r="628385" spans="14:14">
      <c r="N628385" s="10"/>
    </row>
    <row r="628386" spans="14:14">
      <c r="N628386" s="10"/>
    </row>
    <row r="628387" spans="14:14">
      <c r="N628387" s="10"/>
    </row>
    <row r="628388" spans="14:14">
      <c r="N628388" s="10"/>
    </row>
    <row r="628389" spans="14:14">
      <c r="N628389" s="10"/>
    </row>
    <row r="628390" spans="14:14">
      <c r="N628390" s="10"/>
    </row>
    <row r="628391" spans="14:14">
      <c r="N628391" s="10"/>
    </row>
    <row r="628392" spans="14:14">
      <c r="N628392" s="10"/>
    </row>
    <row r="628393" spans="14:14">
      <c r="N628393" s="10"/>
    </row>
    <row r="628394" spans="14:14">
      <c r="N628394" s="10"/>
    </row>
    <row r="628395" spans="14:14">
      <c r="N628395" s="10"/>
    </row>
    <row r="628396" spans="14:14">
      <c r="N628396" s="10"/>
    </row>
    <row r="628397" spans="14:14">
      <c r="N628397" s="10"/>
    </row>
    <row r="628398" spans="14:14">
      <c r="N628398" s="10"/>
    </row>
    <row r="628399" spans="14:14">
      <c r="N628399" s="10"/>
    </row>
    <row r="628400" spans="14:14">
      <c r="N628400" s="10"/>
    </row>
    <row r="628401" spans="14:14">
      <c r="N628401" s="10"/>
    </row>
    <row r="628402" spans="14:14">
      <c r="N628402" s="10"/>
    </row>
    <row r="628403" spans="14:14">
      <c r="N628403" s="10"/>
    </row>
    <row r="628404" spans="14:14">
      <c r="N628404" s="10"/>
    </row>
    <row r="628405" spans="14:14">
      <c r="N628405" s="10"/>
    </row>
    <row r="628406" spans="14:14">
      <c r="N628406" s="10"/>
    </row>
    <row r="628407" spans="14:14">
      <c r="N628407" s="10"/>
    </row>
    <row r="628408" spans="14:14">
      <c r="N628408" s="10"/>
    </row>
    <row r="628409" spans="14:14">
      <c r="N628409" s="10"/>
    </row>
    <row r="628410" spans="14:14">
      <c r="N628410" s="10"/>
    </row>
    <row r="628411" spans="14:14">
      <c r="N628411" s="10"/>
    </row>
    <row r="628412" spans="14:14">
      <c r="N628412" s="10"/>
    </row>
    <row r="628413" spans="14:14">
      <c r="N628413" s="10"/>
    </row>
    <row r="628414" spans="14:14">
      <c r="N628414" s="10"/>
    </row>
    <row r="628415" spans="14:14">
      <c r="N628415" s="10"/>
    </row>
    <row r="628416" spans="14:14">
      <c r="N628416" s="10"/>
    </row>
    <row r="628417" spans="14:14">
      <c r="N628417" s="10"/>
    </row>
    <row r="628418" spans="14:14">
      <c r="N628418" s="10"/>
    </row>
    <row r="628419" spans="14:14">
      <c r="N628419" s="10"/>
    </row>
    <row r="628420" spans="14:14">
      <c r="N628420" s="10"/>
    </row>
    <row r="628421" spans="14:14">
      <c r="N628421" s="10"/>
    </row>
    <row r="628422" spans="14:14">
      <c r="N628422" s="10"/>
    </row>
    <row r="628423" spans="14:14">
      <c r="N628423" s="10"/>
    </row>
    <row r="628424" spans="14:14">
      <c r="N628424" s="10"/>
    </row>
    <row r="628425" spans="14:14">
      <c r="N628425" s="10"/>
    </row>
    <row r="628426" spans="14:14">
      <c r="N628426" s="10"/>
    </row>
    <row r="628427" spans="14:14">
      <c r="N628427" s="10"/>
    </row>
    <row r="628428" spans="14:14">
      <c r="N628428" s="10"/>
    </row>
    <row r="628429" spans="14:14">
      <c r="N628429" s="10"/>
    </row>
    <row r="628430" spans="14:14">
      <c r="N628430" s="10"/>
    </row>
    <row r="628431" spans="14:14">
      <c r="N628431" s="10"/>
    </row>
    <row r="628432" spans="14:14">
      <c r="N628432" s="10"/>
    </row>
    <row r="628433" spans="14:14">
      <c r="N628433" s="10"/>
    </row>
    <row r="628434" spans="14:14">
      <c r="N628434" s="10"/>
    </row>
    <row r="628435" spans="14:14">
      <c r="N628435" s="10"/>
    </row>
    <row r="628436" spans="14:14">
      <c r="N628436" s="10"/>
    </row>
    <row r="628437" spans="14:14">
      <c r="N628437" s="10"/>
    </row>
    <row r="628438" spans="14:14">
      <c r="N628438" s="10"/>
    </row>
    <row r="628439" spans="14:14">
      <c r="N628439" s="10"/>
    </row>
    <row r="628440" spans="14:14">
      <c r="N628440" s="10"/>
    </row>
    <row r="628441" spans="14:14">
      <c r="N628441" s="10"/>
    </row>
    <row r="628442" spans="14:14">
      <c r="N628442" s="10"/>
    </row>
    <row r="628443" spans="14:14">
      <c r="N628443" s="10"/>
    </row>
    <row r="628444" spans="14:14">
      <c r="N628444" s="10"/>
    </row>
    <row r="628445" spans="14:14">
      <c r="N628445" s="10"/>
    </row>
    <row r="628446" spans="14:14">
      <c r="N628446" s="10"/>
    </row>
    <row r="628447" spans="14:14">
      <c r="N628447" s="10"/>
    </row>
    <row r="628448" spans="14:14">
      <c r="N628448" s="10"/>
    </row>
    <row r="628449" spans="14:14">
      <c r="N628449" s="10"/>
    </row>
    <row r="628450" spans="14:14">
      <c r="N628450" s="10"/>
    </row>
    <row r="628451" spans="14:14">
      <c r="N628451" s="10"/>
    </row>
    <row r="628452" spans="14:14">
      <c r="N628452" s="10"/>
    </row>
    <row r="628453" spans="14:14">
      <c r="N628453" s="10"/>
    </row>
    <row r="628454" spans="14:14">
      <c r="N628454" s="10"/>
    </row>
    <row r="628455" spans="14:14">
      <c r="N628455" s="10"/>
    </row>
    <row r="628456" spans="14:14">
      <c r="N628456" s="10"/>
    </row>
    <row r="628457" spans="14:14">
      <c r="N628457" s="10"/>
    </row>
    <row r="628458" spans="14:14">
      <c r="N628458" s="10"/>
    </row>
    <row r="628459" spans="14:14">
      <c r="N628459" s="10"/>
    </row>
    <row r="628460" spans="14:14">
      <c r="N628460" s="10"/>
    </row>
    <row r="628461" spans="14:14">
      <c r="N628461" s="10"/>
    </row>
    <row r="628462" spans="14:14">
      <c r="N628462" s="10"/>
    </row>
    <row r="628463" spans="14:14">
      <c r="N628463" s="10"/>
    </row>
    <row r="628464" spans="14:14">
      <c r="N628464" s="10"/>
    </row>
    <row r="628465" spans="14:14">
      <c r="N628465" s="10"/>
    </row>
    <row r="628466" spans="14:14">
      <c r="N628466" s="10"/>
    </row>
    <row r="628467" spans="14:14">
      <c r="N628467" s="10"/>
    </row>
    <row r="628468" spans="14:14">
      <c r="N628468" s="10"/>
    </row>
    <row r="628469" spans="14:14">
      <c r="N628469" s="10"/>
    </row>
    <row r="628470" spans="14:14">
      <c r="N628470" s="10"/>
    </row>
    <row r="628471" spans="14:14">
      <c r="N628471" s="10"/>
    </row>
    <row r="628472" spans="14:14">
      <c r="N628472" s="10"/>
    </row>
    <row r="628473" spans="14:14">
      <c r="N628473" s="10"/>
    </row>
    <row r="628474" spans="14:14">
      <c r="N628474" s="10"/>
    </row>
    <row r="628475" spans="14:14">
      <c r="N628475" s="10"/>
    </row>
    <row r="628476" spans="14:14">
      <c r="N628476" s="10"/>
    </row>
    <row r="628477" spans="14:14">
      <c r="N628477" s="10"/>
    </row>
    <row r="628478" spans="14:14">
      <c r="N628478" s="10"/>
    </row>
    <row r="628479" spans="14:14">
      <c r="N628479" s="10"/>
    </row>
    <row r="628480" spans="14:14">
      <c r="N628480" s="10"/>
    </row>
    <row r="628481" spans="14:14">
      <c r="N628481" s="10"/>
    </row>
    <row r="628482" spans="14:14">
      <c r="N628482" s="10"/>
    </row>
    <row r="628483" spans="14:14">
      <c r="N628483" s="10"/>
    </row>
    <row r="628484" spans="14:14">
      <c r="N628484" s="10"/>
    </row>
    <row r="628485" spans="14:14">
      <c r="N628485" s="10"/>
    </row>
    <row r="628486" spans="14:14">
      <c r="N628486" s="10"/>
    </row>
    <row r="628487" spans="14:14">
      <c r="N628487" s="10"/>
    </row>
    <row r="628488" spans="14:14">
      <c r="N628488" s="10"/>
    </row>
    <row r="628489" spans="14:14">
      <c r="N628489" s="10"/>
    </row>
    <row r="628490" spans="14:14">
      <c r="N628490" s="10"/>
    </row>
    <row r="628491" spans="14:14">
      <c r="N628491" s="10"/>
    </row>
    <row r="628492" spans="14:14">
      <c r="N628492" s="10"/>
    </row>
    <row r="628493" spans="14:14">
      <c r="N628493" s="10"/>
    </row>
    <row r="628494" spans="14:14">
      <c r="N628494" s="10"/>
    </row>
    <row r="628495" spans="14:14">
      <c r="N628495" s="10"/>
    </row>
    <row r="628496" spans="14:14">
      <c r="N628496" s="10"/>
    </row>
    <row r="628497" spans="14:14">
      <c r="N628497" s="10"/>
    </row>
    <row r="628498" spans="14:14">
      <c r="N628498" s="10"/>
    </row>
    <row r="628499" spans="14:14">
      <c r="N628499" s="10"/>
    </row>
    <row r="628500" spans="14:14">
      <c r="N628500" s="10"/>
    </row>
    <row r="628501" spans="14:14">
      <c r="N628501" s="10"/>
    </row>
    <row r="628502" spans="14:14">
      <c r="N628502" s="10"/>
    </row>
    <row r="628503" spans="14:14">
      <c r="N628503" s="10"/>
    </row>
    <row r="628504" spans="14:14">
      <c r="N628504" s="10"/>
    </row>
    <row r="628505" spans="14:14">
      <c r="N628505" s="10"/>
    </row>
    <row r="628506" spans="14:14">
      <c r="N628506" s="10"/>
    </row>
    <row r="628507" spans="14:14">
      <c r="N628507" s="10"/>
    </row>
    <row r="628508" spans="14:14">
      <c r="N628508" s="10"/>
    </row>
    <row r="628509" spans="14:14">
      <c r="N628509" s="10"/>
    </row>
    <row r="628510" spans="14:14">
      <c r="N628510" s="10"/>
    </row>
    <row r="628511" spans="14:14">
      <c r="N628511" s="10"/>
    </row>
    <row r="628512" spans="14:14">
      <c r="N628512" s="10"/>
    </row>
    <row r="628513" spans="14:14">
      <c r="N628513" s="10"/>
    </row>
    <row r="628514" spans="14:14">
      <c r="N628514" s="10"/>
    </row>
    <row r="628515" spans="14:14">
      <c r="N628515" s="10"/>
    </row>
    <row r="628516" spans="14:14">
      <c r="N628516" s="10"/>
    </row>
    <row r="628517" spans="14:14">
      <c r="N628517" s="10"/>
    </row>
    <row r="628518" spans="14:14">
      <c r="N628518" s="10"/>
    </row>
    <row r="628519" spans="14:14">
      <c r="N628519" s="10"/>
    </row>
    <row r="628520" spans="14:14">
      <c r="N628520" s="10"/>
    </row>
    <row r="628521" spans="14:14">
      <c r="N628521" s="10"/>
    </row>
    <row r="628522" spans="14:14">
      <c r="N628522" s="10"/>
    </row>
    <row r="628523" spans="14:14">
      <c r="N628523" s="10"/>
    </row>
    <row r="628524" spans="14:14">
      <c r="N628524" s="10"/>
    </row>
    <row r="628525" spans="14:14">
      <c r="N628525" s="10"/>
    </row>
    <row r="628526" spans="14:14">
      <c r="N628526" s="10"/>
    </row>
    <row r="628527" spans="14:14">
      <c r="N628527" s="10"/>
    </row>
    <row r="628528" spans="14:14">
      <c r="N628528" s="10"/>
    </row>
    <row r="628529" spans="14:14">
      <c r="N628529" s="10"/>
    </row>
    <row r="628530" spans="14:14">
      <c r="N628530" s="10"/>
    </row>
    <row r="628531" spans="14:14">
      <c r="N628531" s="10"/>
    </row>
    <row r="628532" spans="14:14">
      <c r="N628532" s="10"/>
    </row>
    <row r="628533" spans="14:14">
      <c r="N628533" s="10"/>
    </row>
    <row r="628534" spans="14:14">
      <c r="N628534" s="10"/>
    </row>
    <row r="628535" spans="14:14">
      <c r="N628535" s="10"/>
    </row>
    <row r="628536" spans="14:14">
      <c r="N628536" s="10"/>
    </row>
    <row r="628537" spans="14:14">
      <c r="N628537" s="10"/>
    </row>
    <row r="628538" spans="14:14">
      <c r="N628538" s="10"/>
    </row>
    <row r="628539" spans="14:14">
      <c r="N628539" s="10"/>
    </row>
    <row r="628540" spans="14:14">
      <c r="N628540" s="10"/>
    </row>
    <row r="628541" spans="14:14">
      <c r="N628541" s="10"/>
    </row>
    <row r="628542" spans="14:14">
      <c r="N628542" s="10"/>
    </row>
    <row r="628543" spans="14:14">
      <c r="N628543" s="10"/>
    </row>
    <row r="628544" spans="14:14">
      <c r="N628544" s="10"/>
    </row>
    <row r="628545" spans="14:14">
      <c r="N628545" s="10"/>
    </row>
    <row r="628546" spans="14:14">
      <c r="N628546" s="10"/>
    </row>
    <row r="628547" spans="14:14">
      <c r="N628547" s="10"/>
    </row>
    <row r="628548" spans="14:14">
      <c r="N628548" s="10"/>
    </row>
    <row r="628549" spans="14:14">
      <c r="N628549" s="10"/>
    </row>
    <row r="628550" spans="14:14">
      <c r="N628550" s="10"/>
    </row>
    <row r="628551" spans="14:14">
      <c r="N628551" s="10"/>
    </row>
    <row r="628552" spans="14:14">
      <c r="N628552" s="10"/>
    </row>
    <row r="628553" spans="14:14">
      <c r="N628553" s="10"/>
    </row>
    <row r="628554" spans="14:14">
      <c r="N628554" s="10"/>
    </row>
    <row r="628555" spans="14:14">
      <c r="N628555" s="10"/>
    </row>
    <row r="628556" spans="14:14">
      <c r="N628556" s="10"/>
    </row>
    <row r="628557" spans="14:14">
      <c r="N628557" s="10"/>
    </row>
    <row r="628558" spans="14:14">
      <c r="N628558" s="10"/>
    </row>
    <row r="628559" spans="14:14">
      <c r="N628559" s="10"/>
    </row>
    <row r="628560" spans="14:14">
      <c r="N628560" s="10"/>
    </row>
    <row r="628561" spans="14:14">
      <c r="N628561" s="10"/>
    </row>
    <row r="628562" spans="14:14">
      <c r="N628562" s="10"/>
    </row>
    <row r="628563" spans="14:14">
      <c r="N628563" s="10"/>
    </row>
    <row r="628564" spans="14:14">
      <c r="N628564" s="10"/>
    </row>
    <row r="628565" spans="14:14">
      <c r="N628565" s="10"/>
    </row>
    <row r="628566" spans="14:14">
      <c r="N628566" s="10"/>
    </row>
    <row r="628567" spans="14:14">
      <c r="N628567" s="10"/>
    </row>
    <row r="628568" spans="14:14">
      <c r="N628568" s="10"/>
    </row>
    <row r="628569" spans="14:14">
      <c r="N628569" s="10"/>
    </row>
    <row r="628570" spans="14:14">
      <c r="N628570" s="10"/>
    </row>
    <row r="628571" spans="14:14">
      <c r="N628571" s="10"/>
    </row>
    <row r="628572" spans="14:14">
      <c r="N628572" s="10"/>
    </row>
    <row r="628573" spans="14:14">
      <c r="N628573" s="10"/>
    </row>
    <row r="628574" spans="14:14">
      <c r="N628574" s="10"/>
    </row>
    <row r="628575" spans="14:14">
      <c r="N628575" s="10"/>
    </row>
    <row r="628576" spans="14:14">
      <c r="N628576" s="10"/>
    </row>
    <row r="628577" spans="14:14">
      <c r="N628577" s="10"/>
    </row>
    <row r="628578" spans="14:14">
      <c r="N628578" s="10"/>
    </row>
    <row r="628579" spans="14:14">
      <c r="N628579" s="10"/>
    </row>
    <row r="628580" spans="14:14">
      <c r="N628580" s="10"/>
    </row>
    <row r="628581" spans="14:14">
      <c r="N628581" s="10"/>
    </row>
    <row r="628582" spans="14:14">
      <c r="N628582" s="10"/>
    </row>
    <row r="628583" spans="14:14">
      <c r="N628583" s="10"/>
    </row>
    <row r="628584" spans="14:14">
      <c r="N628584" s="10"/>
    </row>
    <row r="628585" spans="14:14">
      <c r="N628585" s="10"/>
    </row>
    <row r="628586" spans="14:14">
      <c r="N628586" s="10"/>
    </row>
    <row r="628587" spans="14:14">
      <c r="N628587" s="10"/>
    </row>
    <row r="628588" spans="14:14">
      <c r="N628588" s="10"/>
    </row>
    <row r="628589" spans="14:14">
      <c r="N628589" s="10"/>
    </row>
    <row r="628590" spans="14:14">
      <c r="N628590" s="10"/>
    </row>
    <row r="628591" spans="14:14">
      <c r="N628591" s="10"/>
    </row>
    <row r="628592" spans="14:14">
      <c r="N628592" s="10"/>
    </row>
    <row r="628593" spans="14:14">
      <c r="N628593" s="10"/>
    </row>
    <row r="628594" spans="14:14">
      <c r="N628594" s="10"/>
    </row>
    <row r="628595" spans="14:14">
      <c r="N628595" s="10"/>
    </row>
    <row r="628596" spans="14:14">
      <c r="N628596" s="10"/>
    </row>
    <row r="628597" spans="14:14">
      <c r="N628597" s="10"/>
    </row>
    <row r="628598" spans="14:14">
      <c r="N628598" s="10"/>
    </row>
    <row r="628599" spans="14:14">
      <c r="N628599" s="10"/>
    </row>
    <row r="628600" spans="14:14">
      <c r="N628600" s="10"/>
    </row>
    <row r="628601" spans="14:14">
      <c r="N628601" s="10"/>
    </row>
    <row r="628602" spans="14:14">
      <c r="N628602" s="10"/>
    </row>
    <row r="628603" spans="14:14">
      <c r="N628603" s="10"/>
    </row>
    <row r="628604" spans="14:14">
      <c r="N628604" s="10"/>
    </row>
    <row r="628605" spans="14:14">
      <c r="N628605" s="10"/>
    </row>
    <row r="628606" spans="14:14">
      <c r="N628606" s="10"/>
    </row>
    <row r="628607" spans="14:14">
      <c r="N628607" s="10"/>
    </row>
    <row r="628608" spans="14:14">
      <c r="N628608" s="10"/>
    </row>
    <row r="628609" spans="14:14">
      <c r="N628609" s="10"/>
    </row>
    <row r="628610" spans="14:14">
      <c r="N628610" s="10"/>
    </row>
    <row r="628611" spans="14:14">
      <c r="N628611" s="10"/>
    </row>
    <row r="628612" spans="14:14">
      <c r="N628612" s="10"/>
    </row>
    <row r="628613" spans="14:14">
      <c r="N628613" s="10"/>
    </row>
    <row r="628614" spans="14:14">
      <c r="N628614" s="10"/>
    </row>
    <row r="628615" spans="14:14">
      <c r="N628615" s="10"/>
    </row>
    <row r="628616" spans="14:14">
      <c r="N628616" s="10"/>
    </row>
    <row r="628617" spans="14:14">
      <c r="N628617" s="10"/>
    </row>
    <row r="628618" spans="14:14">
      <c r="N628618" s="10"/>
    </row>
    <row r="628619" spans="14:14">
      <c r="N628619" s="10"/>
    </row>
    <row r="628620" spans="14:14">
      <c r="N628620" s="10"/>
    </row>
    <row r="628621" spans="14:14">
      <c r="N628621" s="10"/>
    </row>
    <row r="628622" spans="14:14">
      <c r="N628622" s="10"/>
    </row>
    <row r="628623" spans="14:14">
      <c r="N628623" s="10"/>
    </row>
    <row r="628624" spans="14:14">
      <c r="N628624" s="10"/>
    </row>
    <row r="628625" spans="14:14">
      <c r="N628625" s="10"/>
    </row>
    <row r="628626" spans="14:14">
      <c r="N628626" s="10"/>
    </row>
    <row r="628627" spans="14:14">
      <c r="N628627" s="10"/>
    </row>
    <row r="628628" spans="14:14">
      <c r="N628628" s="10"/>
    </row>
    <row r="628629" spans="14:14">
      <c r="N628629" s="10"/>
    </row>
    <row r="628630" spans="14:14">
      <c r="N628630" s="10"/>
    </row>
    <row r="628631" spans="14:14">
      <c r="N628631" s="10"/>
    </row>
    <row r="628632" spans="14:14">
      <c r="N628632" s="10"/>
    </row>
    <row r="628633" spans="14:14">
      <c r="N628633" s="10"/>
    </row>
    <row r="628634" spans="14:14">
      <c r="N628634" s="10"/>
    </row>
    <row r="628635" spans="14:14">
      <c r="N628635" s="10"/>
    </row>
    <row r="628636" spans="14:14">
      <c r="N628636" s="10"/>
    </row>
    <row r="628637" spans="14:14">
      <c r="N628637" s="10"/>
    </row>
    <row r="628638" spans="14:14">
      <c r="N628638" s="10"/>
    </row>
    <row r="628639" spans="14:14">
      <c r="N628639" s="10"/>
    </row>
    <row r="628640" spans="14:14">
      <c r="N628640" s="10"/>
    </row>
    <row r="628641" spans="14:14">
      <c r="N628641" s="10"/>
    </row>
    <row r="628642" spans="14:14">
      <c r="N628642" s="10"/>
    </row>
    <row r="628643" spans="14:14">
      <c r="N628643" s="10"/>
    </row>
    <row r="628644" spans="14:14">
      <c r="N628644" s="10"/>
    </row>
    <row r="628645" spans="14:14">
      <c r="N628645" s="10"/>
    </row>
    <row r="628646" spans="14:14">
      <c r="N628646" s="10"/>
    </row>
    <row r="628647" spans="14:14">
      <c r="N628647" s="10"/>
    </row>
    <row r="628648" spans="14:14">
      <c r="N628648" s="10"/>
    </row>
    <row r="628649" spans="14:14">
      <c r="N628649" s="10"/>
    </row>
    <row r="628650" spans="14:14">
      <c r="N628650" s="10"/>
    </row>
    <row r="628651" spans="14:14">
      <c r="N628651" s="10"/>
    </row>
    <row r="628652" spans="14:14">
      <c r="N628652" s="10"/>
    </row>
    <row r="628653" spans="14:14">
      <c r="N628653" s="10"/>
    </row>
    <row r="628654" spans="14:14">
      <c r="N628654" s="10"/>
    </row>
    <row r="628655" spans="14:14">
      <c r="N628655" s="10"/>
    </row>
    <row r="628656" spans="14:14">
      <c r="N628656" s="10"/>
    </row>
    <row r="628657" spans="14:14">
      <c r="N628657" s="10"/>
    </row>
    <row r="628658" spans="14:14">
      <c r="N628658" s="10"/>
    </row>
    <row r="628659" spans="14:14">
      <c r="N628659" s="10"/>
    </row>
    <row r="628660" spans="14:14">
      <c r="N628660" s="10"/>
    </row>
    <row r="628661" spans="14:14">
      <c r="N628661" s="10"/>
    </row>
    <row r="628662" spans="14:14">
      <c r="N628662" s="10"/>
    </row>
    <row r="628663" spans="14:14">
      <c r="N628663" s="10"/>
    </row>
    <row r="628664" spans="14:14">
      <c r="N628664" s="10"/>
    </row>
    <row r="628665" spans="14:14">
      <c r="N628665" s="10"/>
    </row>
    <row r="628666" spans="14:14">
      <c r="N628666" s="10"/>
    </row>
    <row r="628667" spans="14:14">
      <c r="N628667" s="10"/>
    </row>
    <row r="628668" spans="14:14">
      <c r="N628668" s="10"/>
    </row>
    <row r="628669" spans="14:14">
      <c r="N628669" s="10"/>
    </row>
    <row r="628670" spans="14:14">
      <c r="N628670" s="10"/>
    </row>
    <row r="628671" spans="14:14">
      <c r="N628671" s="10"/>
    </row>
    <row r="628672" spans="14:14">
      <c r="N628672" s="10"/>
    </row>
    <row r="628673" spans="14:14">
      <c r="N628673" s="10"/>
    </row>
    <row r="628674" spans="14:14">
      <c r="N628674" s="10"/>
    </row>
    <row r="628675" spans="14:14">
      <c r="N628675" s="10"/>
    </row>
    <row r="628676" spans="14:14">
      <c r="N628676" s="10"/>
    </row>
    <row r="628677" spans="14:14">
      <c r="N628677" s="10"/>
    </row>
    <row r="628678" spans="14:14">
      <c r="N628678" s="10"/>
    </row>
    <row r="628679" spans="14:14">
      <c r="N628679" s="10"/>
    </row>
    <row r="628680" spans="14:14">
      <c r="N628680" s="10"/>
    </row>
    <row r="628681" spans="14:14">
      <c r="N628681" s="10"/>
    </row>
    <row r="628682" spans="14:14">
      <c r="N628682" s="10"/>
    </row>
    <row r="628683" spans="14:14">
      <c r="N628683" s="10"/>
    </row>
    <row r="628684" spans="14:14">
      <c r="N628684" s="10"/>
    </row>
    <row r="628685" spans="14:14">
      <c r="N628685" s="10"/>
    </row>
    <row r="628686" spans="14:14">
      <c r="N628686" s="10"/>
    </row>
    <row r="628687" spans="14:14">
      <c r="N628687" s="10"/>
    </row>
    <row r="628688" spans="14:14">
      <c r="N628688" s="10"/>
    </row>
    <row r="628689" spans="14:14">
      <c r="N628689" s="10"/>
    </row>
    <row r="628690" spans="14:14">
      <c r="N628690" s="10"/>
    </row>
    <row r="628691" spans="14:14">
      <c r="N628691" s="10"/>
    </row>
    <row r="628692" spans="14:14">
      <c r="N628692" s="10"/>
    </row>
    <row r="628693" spans="14:14">
      <c r="N628693" s="10"/>
    </row>
    <row r="628694" spans="14:14">
      <c r="N628694" s="10"/>
    </row>
    <row r="628695" spans="14:14">
      <c r="N628695" s="10"/>
    </row>
    <row r="628696" spans="14:14">
      <c r="N628696" s="10"/>
    </row>
    <row r="628697" spans="14:14">
      <c r="N628697" s="10"/>
    </row>
    <row r="628698" spans="14:14">
      <c r="N628698" s="10"/>
    </row>
    <row r="628699" spans="14:14">
      <c r="N628699" s="10"/>
    </row>
    <row r="628700" spans="14:14">
      <c r="N628700" s="10"/>
    </row>
    <row r="628701" spans="14:14">
      <c r="N628701" s="10"/>
    </row>
    <row r="628702" spans="14:14">
      <c r="N628702" s="10"/>
    </row>
    <row r="628703" spans="14:14">
      <c r="N628703" s="10"/>
    </row>
    <row r="628704" spans="14:14">
      <c r="N628704" s="10"/>
    </row>
    <row r="628705" spans="14:14">
      <c r="N628705" s="10"/>
    </row>
    <row r="628706" spans="14:14">
      <c r="N628706" s="10"/>
    </row>
    <row r="628707" spans="14:14">
      <c r="N628707" s="10"/>
    </row>
    <row r="628708" spans="14:14">
      <c r="N628708" s="10"/>
    </row>
    <row r="628709" spans="14:14">
      <c r="N628709" s="10"/>
    </row>
    <row r="628710" spans="14:14">
      <c r="N628710" s="10"/>
    </row>
    <row r="628711" spans="14:14">
      <c r="N628711" s="10"/>
    </row>
    <row r="628712" spans="14:14">
      <c r="N628712" s="10"/>
    </row>
    <row r="628713" spans="14:14">
      <c r="N628713" s="10"/>
    </row>
    <row r="628714" spans="14:14">
      <c r="N628714" s="10"/>
    </row>
    <row r="628715" spans="14:14">
      <c r="N628715" s="10"/>
    </row>
    <row r="628716" spans="14:14">
      <c r="N628716" s="10"/>
    </row>
    <row r="628717" spans="14:14">
      <c r="N628717" s="10"/>
    </row>
    <row r="628718" spans="14:14">
      <c r="N628718" s="10"/>
    </row>
    <row r="628719" spans="14:14">
      <c r="N628719" s="10"/>
    </row>
    <row r="628720" spans="14:14">
      <c r="N628720" s="10"/>
    </row>
    <row r="628721" spans="14:14">
      <c r="N628721" s="10"/>
    </row>
    <row r="628722" spans="14:14">
      <c r="N628722" s="10"/>
    </row>
    <row r="628723" spans="14:14">
      <c r="N628723" s="10"/>
    </row>
    <row r="628724" spans="14:14">
      <c r="N628724" s="10"/>
    </row>
    <row r="628725" spans="14:14">
      <c r="N628725" s="10"/>
    </row>
    <row r="628726" spans="14:14">
      <c r="N628726" s="10"/>
    </row>
    <row r="628727" spans="14:14">
      <c r="N628727" s="10"/>
    </row>
    <row r="628728" spans="14:14">
      <c r="N628728" s="10"/>
    </row>
    <row r="628729" spans="14:14">
      <c r="N628729" s="10"/>
    </row>
    <row r="628730" spans="14:14">
      <c r="N628730" s="10"/>
    </row>
    <row r="628731" spans="14:14">
      <c r="N628731" s="10"/>
    </row>
    <row r="628732" spans="14:14">
      <c r="N628732" s="10"/>
    </row>
    <row r="628733" spans="14:14">
      <c r="N628733" s="10"/>
    </row>
    <row r="628734" spans="14:14">
      <c r="N628734" s="10"/>
    </row>
    <row r="628735" spans="14:14">
      <c r="N628735" s="10"/>
    </row>
    <row r="628736" spans="14:14">
      <c r="N628736" s="10"/>
    </row>
    <row r="628737" spans="14:14">
      <c r="N628737" s="10"/>
    </row>
    <row r="628738" spans="14:14">
      <c r="N628738" s="10"/>
    </row>
    <row r="628739" spans="14:14">
      <c r="N628739" s="10"/>
    </row>
    <row r="628740" spans="14:14">
      <c r="N628740" s="10"/>
    </row>
    <row r="628741" spans="14:14">
      <c r="N628741" s="10"/>
    </row>
    <row r="628742" spans="14:14">
      <c r="N628742" s="10"/>
    </row>
    <row r="628743" spans="14:14">
      <c r="N628743" s="10"/>
    </row>
    <row r="628744" spans="14:14">
      <c r="N628744" s="10"/>
    </row>
    <row r="628745" spans="14:14">
      <c r="N628745" s="10"/>
    </row>
    <row r="628746" spans="14:14">
      <c r="N628746" s="10"/>
    </row>
    <row r="628747" spans="14:14">
      <c r="N628747" s="10"/>
    </row>
    <row r="628748" spans="14:14">
      <c r="N628748" s="10"/>
    </row>
    <row r="628749" spans="14:14">
      <c r="N628749" s="10"/>
    </row>
    <row r="628750" spans="14:14">
      <c r="N628750" s="10"/>
    </row>
    <row r="628751" spans="14:14">
      <c r="N628751" s="10"/>
    </row>
    <row r="628752" spans="14:14">
      <c r="N628752" s="10"/>
    </row>
    <row r="628753" spans="14:14">
      <c r="N628753" s="10"/>
    </row>
    <row r="628754" spans="14:14">
      <c r="N628754" s="10"/>
    </row>
    <row r="628755" spans="14:14">
      <c r="N628755" s="10"/>
    </row>
    <row r="628756" spans="14:14">
      <c r="N628756" s="10"/>
    </row>
    <row r="628757" spans="14:14">
      <c r="N628757" s="10"/>
    </row>
    <row r="628758" spans="14:14">
      <c r="N628758" s="10"/>
    </row>
    <row r="628759" spans="14:14">
      <c r="N628759" s="10"/>
    </row>
    <row r="628760" spans="14:14">
      <c r="N628760" s="10"/>
    </row>
    <row r="628761" spans="14:14">
      <c r="N628761" s="10"/>
    </row>
    <row r="628762" spans="14:14">
      <c r="N628762" s="10"/>
    </row>
    <row r="628763" spans="14:14">
      <c r="N628763" s="10"/>
    </row>
    <row r="628764" spans="14:14">
      <c r="N628764" s="10"/>
    </row>
    <row r="628765" spans="14:14">
      <c r="N628765" s="10"/>
    </row>
    <row r="628766" spans="14:14">
      <c r="N628766" s="10"/>
    </row>
    <row r="628767" spans="14:14">
      <c r="N628767" s="10"/>
    </row>
    <row r="628768" spans="14:14">
      <c r="N628768" s="10"/>
    </row>
    <row r="628769" spans="14:14">
      <c r="N628769" s="10"/>
    </row>
    <row r="628770" spans="14:14">
      <c r="N628770" s="10"/>
    </row>
    <row r="628771" spans="14:14">
      <c r="N628771" s="10"/>
    </row>
    <row r="628772" spans="14:14">
      <c r="N628772" s="10"/>
    </row>
    <row r="628773" spans="14:14">
      <c r="N628773" s="10"/>
    </row>
    <row r="628774" spans="14:14">
      <c r="N628774" s="10"/>
    </row>
    <row r="628775" spans="14:14">
      <c r="N628775" s="10"/>
    </row>
    <row r="628776" spans="14:14">
      <c r="N628776" s="10"/>
    </row>
    <row r="628777" spans="14:14">
      <c r="N628777" s="10"/>
    </row>
    <row r="628778" spans="14:14">
      <c r="N628778" s="10"/>
    </row>
    <row r="628779" spans="14:14">
      <c r="N628779" s="10"/>
    </row>
    <row r="628780" spans="14:14">
      <c r="N628780" s="10"/>
    </row>
    <row r="628781" spans="14:14">
      <c r="N628781" s="10"/>
    </row>
    <row r="628782" spans="14:14">
      <c r="N628782" s="10"/>
    </row>
    <row r="628783" spans="14:14">
      <c r="N628783" s="10"/>
    </row>
    <row r="628784" spans="14:14">
      <c r="N628784" s="10"/>
    </row>
    <row r="628785" spans="14:14">
      <c r="N628785" s="10"/>
    </row>
    <row r="628786" spans="14:14">
      <c r="N628786" s="10"/>
    </row>
    <row r="628787" spans="14:14">
      <c r="N628787" s="10"/>
    </row>
    <row r="628788" spans="14:14">
      <c r="N628788" s="10"/>
    </row>
    <row r="628789" spans="14:14">
      <c r="N628789" s="10"/>
    </row>
    <row r="628790" spans="14:14">
      <c r="N628790" s="10"/>
    </row>
    <row r="628791" spans="14:14">
      <c r="N628791" s="10"/>
    </row>
    <row r="628792" spans="14:14">
      <c r="N628792" s="10"/>
    </row>
    <row r="628793" spans="14:14">
      <c r="N628793" s="10"/>
    </row>
    <row r="628794" spans="14:14">
      <c r="N628794" s="10"/>
    </row>
    <row r="628795" spans="14:14">
      <c r="N628795" s="10"/>
    </row>
    <row r="628796" spans="14:14">
      <c r="N628796" s="10"/>
    </row>
    <row r="628797" spans="14:14">
      <c r="N628797" s="10"/>
    </row>
    <row r="628798" spans="14:14">
      <c r="N628798" s="10"/>
    </row>
    <row r="628799" spans="14:14">
      <c r="N628799" s="10"/>
    </row>
    <row r="628800" spans="14:14">
      <c r="N628800" s="10"/>
    </row>
    <row r="628801" spans="14:14">
      <c r="N628801" s="10"/>
    </row>
    <row r="628802" spans="14:14">
      <c r="N628802" s="10"/>
    </row>
    <row r="628803" spans="14:14">
      <c r="N628803" s="10"/>
    </row>
    <row r="628804" spans="14:14">
      <c r="N628804" s="10"/>
    </row>
    <row r="628805" spans="14:14">
      <c r="N628805" s="10"/>
    </row>
    <row r="628806" spans="14:14">
      <c r="N628806" s="10"/>
    </row>
    <row r="628807" spans="14:14">
      <c r="N628807" s="10"/>
    </row>
    <row r="628808" spans="14:14">
      <c r="N628808" s="10"/>
    </row>
    <row r="628809" spans="14:14">
      <c r="N628809" s="10"/>
    </row>
    <row r="628810" spans="14:14">
      <c r="N628810" s="10"/>
    </row>
    <row r="628811" spans="14:14">
      <c r="N628811" s="10"/>
    </row>
    <row r="628812" spans="14:14">
      <c r="N628812" s="10"/>
    </row>
    <row r="628813" spans="14:14">
      <c r="N628813" s="10"/>
    </row>
    <row r="628814" spans="14:14">
      <c r="N628814" s="10"/>
    </row>
    <row r="628815" spans="14:14">
      <c r="N628815" s="10"/>
    </row>
    <row r="628816" spans="14:14">
      <c r="N628816" s="10"/>
    </row>
    <row r="628817" spans="14:14">
      <c r="N628817" s="10"/>
    </row>
    <row r="628818" spans="14:14">
      <c r="N628818" s="10"/>
    </row>
    <row r="628819" spans="14:14">
      <c r="N628819" s="10"/>
    </row>
    <row r="628820" spans="14:14">
      <c r="N628820" s="10"/>
    </row>
    <row r="628821" spans="14:14">
      <c r="N628821" s="10"/>
    </row>
    <row r="628822" spans="14:14">
      <c r="N628822" s="10"/>
    </row>
    <row r="628823" spans="14:14">
      <c r="N628823" s="10"/>
    </row>
    <row r="628824" spans="14:14">
      <c r="N628824" s="10"/>
    </row>
    <row r="628825" spans="14:14">
      <c r="N628825" s="10"/>
    </row>
    <row r="628826" spans="14:14">
      <c r="N628826" s="10"/>
    </row>
    <row r="628827" spans="14:14">
      <c r="N628827" s="10"/>
    </row>
    <row r="628828" spans="14:14">
      <c r="N628828" s="10"/>
    </row>
    <row r="628829" spans="14:14">
      <c r="N628829" s="10"/>
    </row>
    <row r="628830" spans="14:14">
      <c r="N628830" s="10"/>
    </row>
    <row r="628831" spans="14:14">
      <c r="N628831" s="10"/>
    </row>
    <row r="628832" spans="14:14">
      <c r="N628832" s="10"/>
    </row>
    <row r="628833" spans="14:14">
      <c r="N628833" s="10"/>
    </row>
    <row r="628834" spans="14:14">
      <c r="N628834" s="10"/>
    </row>
    <row r="628835" spans="14:14">
      <c r="N628835" s="10"/>
    </row>
    <row r="628836" spans="14:14">
      <c r="N628836" s="10"/>
    </row>
    <row r="628837" spans="14:14">
      <c r="N628837" s="10"/>
    </row>
    <row r="628838" spans="14:14">
      <c r="N628838" s="10"/>
    </row>
    <row r="628839" spans="14:14">
      <c r="N628839" s="10"/>
    </row>
    <row r="628840" spans="14:14">
      <c r="N628840" s="10"/>
    </row>
    <row r="628841" spans="14:14">
      <c r="N628841" s="10"/>
    </row>
    <row r="628842" spans="14:14">
      <c r="N628842" s="10"/>
    </row>
    <row r="628843" spans="14:14">
      <c r="N628843" s="10"/>
    </row>
    <row r="628844" spans="14:14">
      <c r="N628844" s="10"/>
    </row>
    <row r="628845" spans="14:14">
      <c r="N628845" s="10"/>
    </row>
    <row r="628846" spans="14:14">
      <c r="N628846" s="10"/>
    </row>
    <row r="628847" spans="14:14">
      <c r="N628847" s="10"/>
    </row>
    <row r="628848" spans="14:14">
      <c r="N628848" s="10"/>
    </row>
    <row r="628849" spans="14:14">
      <c r="N628849" s="10"/>
    </row>
    <row r="628850" spans="14:14">
      <c r="N628850" s="10"/>
    </row>
    <row r="628851" spans="14:14">
      <c r="N628851" s="10"/>
    </row>
    <row r="628852" spans="14:14">
      <c r="N628852" s="10"/>
    </row>
    <row r="628853" spans="14:14">
      <c r="N628853" s="10"/>
    </row>
    <row r="628854" spans="14:14">
      <c r="N628854" s="10"/>
    </row>
    <row r="628855" spans="14:14">
      <c r="N628855" s="10"/>
    </row>
    <row r="628856" spans="14:14">
      <c r="N628856" s="10"/>
    </row>
    <row r="628857" spans="14:14">
      <c r="N628857" s="10"/>
    </row>
    <row r="628858" spans="14:14">
      <c r="N628858" s="10"/>
    </row>
    <row r="628859" spans="14:14">
      <c r="N628859" s="10"/>
    </row>
    <row r="628860" spans="14:14">
      <c r="N628860" s="10"/>
    </row>
    <row r="628861" spans="14:14">
      <c r="N628861" s="10"/>
    </row>
    <row r="628862" spans="14:14">
      <c r="N628862" s="10"/>
    </row>
    <row r="628863" spans="14:14">
      <c r="N628863" s="10"/>
    </row>
    <row r="628864" spans="14:14">
      <c r="N628864" s="10"/>
    </row>
    <row r="628865" spans="14:14">
      <c r="N628865" s="10"/>
    </row>
    <row r="628866" spans="14:14">
      <c r="N628866" s="10"/>
    </row>
    <row r="628867" spans="14:14">
      <c r="N628867" s="10"/>
    </row>
    <row r="628868" spans="14:14">
      <c r="N628868" s="10"/>
    </row>
    <row r="628869" spans="14:14">
      <c r="N628869" s="10"/>
    </row>
    <row r="628870" spans="14:14">
      <c r="N628870" s="10"/>
    </row>
    <row r="628871" spans="14:14">
      <c r="N628871" s="10"/>
    </row>
    <row r="628872" spans="14:14">
      <c r="N628872" s="10"/>
    </row>
    <row r="628873" spans="14:14">
      <c r="N628873" s="10"/>
    </row>
    <row r="628874" spans="14:14">
      <c r="N628874" s="10"/>
    </row>
    <row r="628875" spans="14:14">
      <c r="N628875" s="10"/>
    </row>
    <row r="628876" spans="14:14">
      <c r="N628876" s="10"/>
    </row>
    <row r="628877" spans="14:14">
      <c r="N628877" s="10"/>
    </row>
    <row r="628878" spans="14:14">
      <c r="N628878" s="10"/>
    </row>
    <row r="628879" spans="14:14">
      <c r="N628879" s="10"/>
    </row>
    <row r="628880" spans="14:14">
      <c r="N628880" s="10"/>
    </row>
    <row r="628881" spans="14:14">
      <c r="N628881" s="10"/>
    </row>
    <row r="628882" spans="14:14">
      <c r="N628882" s="10"/>
    </row>
    <row r="628883" spans="14:14">
      <c r="N628883" s="10"/>
    </row>
    <row r="628884" spans="14:14">
      <c r="N628884" s="10"/>
    </row>
    <row r="628885" spans="14:14">
      <c r="N628885" s="10"/>
    </row>
    <row r="628886" spans="14:14">
      <c r="N628886" s="10"/>
    </row>
    <row r="628887" spans="14:14">
      <c r="N628887" s="10"/>
    </row>
    <row r="628888" spans="14:14">
      <c r="N628888" s="10"/>
    </row>
    <row r="628889" spans="14:14">
      <c r="N628889" s="10"/>
    </row>
    <row r="628890" spans="14:14">
      <c r="N628890" s="10"/>
    </row>
    <row r="628891" spans="14:14">
      <c r="N628891" s="10"/>
    </row>
    <row r="628892" spans="14:14">
      <c r="N628892" s="10"/>
    </row>
    <row r="628893" spans="14:14">
      <c r="N628893" s="10"/>
    </row>
    <row r="628894" spans="14:14">
      <c r="N628894" s="10"/>
    </row>
    <row r="628895" spans="14:14">
      <c r="N628895" s="10"/>
    </row>
    <row r="628896" spans="14:14">
      <c r="N628896" s="10"/>
    </row>
    <row r="628897" spans="14:14">
      <c r="N628897" s="10"/>
    </row>
    <row r="628898" spans="14:14">
      <c r="N628898" s="10"/>
    </row>
    <row r="628899" spans="14:14">
      <c r="N628899" s="10"/>
    </row>
    <row r="628900" spans="14:14">
      <c r="N628900" s="10"/>
    </row>
    <row r="628901" spans="14:14">
      <c r="N628901" s="10"/>
    </row>
    <row r="628902" spans="14:14">
      <c r="N628902" s="10"/>
    </row>
    <row r="628903" spans="14:14">
      <c r="N628903" s="10"/>
    </row>
    <row r="628904" spans="14:14">
      <c r="N628904" s="10"/>
    </row>
    <row r="628905" spans="14:14">
      <c r="N628905" s="10"/>
    </row>
    <row r="628906" spans="14:14">
      <c r="N628906" s="10"/>
    </row>
    <row r="628907" spans="14:14">
      <c r="N628907" s="10"/>
    </row>
    <row r="628908" spans="14:14">
      <c r="N628908" s="10"/>
    </row>
    <row r="628909" spans="14:14">
      <c r="N628909" s="10"/>
    </row>
    <row r="628910" spans="14:14">
      <c r="N628910" s="10"/>
    </row>
    <row r="628911" spans="14:14">
      <c r="N628911" s="10"/>
    </row>
    <row r="628912" spans="14:14">
      <c r="N628912" s="10"/>
    </row>
    <row r="628913" spans="14:14">
      <c r="N628913" s="10"/>
    </row>
    <row r="628914" spans="14:14">
      <c r="N628914" s="10"/>
    </row>
    <row r="628915" spans="14:14">
      <c r="N628915" s="10"/>
    </row>
    <row r="628916" spans="14:14">
      <c r="N628916" s="10"/>
    </row>
    <row r="628917" spans="14:14">
      <c r="N628917" s="10"/>
    </row>
    <row r="628918" spans="14:14">
      <c r="N628918" s="10"/>
    </row>
    <row r="628919" spans="14:14">
      <c r="N628919" s="10"/>
    </row>
    <row r="628920" spans="14:14">
      <c r="N628920" s="10"/>
    </row>
    <row r="628921" spans="14:14">
      <c r="N628921" s="10"/>
    </row>
    <row r="628922" spans="14:14">
      <c r="N628922" s="10"/>
    </row>
    <row r="628923" spans="14:14">
      <c r="N628923" s="10"/>
    </row>
    <row r="628924" spans="14:14">
      <c r="N628924" s="10"/>
    </row>
    <row r="628925" spans="14:14">
      <c r="N628925" s="10"/>
    </row>
    <row r="628926" spans="14:14">
      <c r="N628926" s="10"/>
    </row>
    <row r="628927" spans="14:14">
      <c r="N628927" s="10"/>
    </row>
    <row r="628928" spans="14:14">
      <c r="N628928" s="10"/>
    </row>
    <row r="628929" spans="14:14">
      <c r="N628929" s="10"/>
    </row>
    <row r="628930" spans="14:14">
      <c r="N628930" s="10"/>
    </row>
    <row r="628931" spans="14:14">
      <c r="N628931" s="10"/>
    </row>
    <row r="628932" spans="14:14">
      <c r="N628932" s="10"/>
    </row>
    <row r="628933" spans="14:14">
      <c r="N628933" s="10"/>
    </row>
    <row r="628934" spans="14:14">
      <c r="N628934" s="10"/>
    </row>
    <row r="628935" spans="14:14">
      <c r="N628935" s="10"/>
    </row>
    <row r="628936" spans="14:14">
      <c r="N628936" s="10"/>
    </row>
    <row r="628937" spans="14:14">
      <c r="N628937" s="10"/>
    </row>
    <row r="628938" spans="14:14">
      <c r="N628938" s="10"/>
    </row>
    <row r="628939" spans="14:14">
      <c r="N628939" s="10"/>
    </row>
    <row r="628940" spans="14:14">
      <c r="N628940" s="10"/>
    </row>
    <row r="628941" spans="14:14">
      <c r="N628941" s="10"/>
    </row>
    <row r="628942" spans="14:14">
      <c r="N628942" s="10"/>
    </row>
    <row r="628943" spans="14:14">
      <c r="N628943" s="10"/>
    </row>
    <row r="628944" spans="14:14">
      <c r="N628944" s="10"/>
    </row>
    <row r="628945" spans="14:14">
      <c r="N628945" s="10"/>
    </row>
    <row r="628946" spans="14:14">
      <c r="N628946" s="10"/>
    </row>
    <row r="628947" spans="14:14">
      <c r="N628947" s="10"/>
    </row>
    <row r="628948" spans="14:14">
      <c r="N628948" s="10"/>
    </row>
    <row r="628949" spans="14:14">
      <c r="N628949" s="10"/>
    </row>
    <row r="628950" spans="14:14">
      <c r="N628950" s="10"/>
    </row>
    <row r="628951" spans="14:14">
      <c r="N628951" s="10"/>
    </row>
    <row r="628952" spans="14:14">
      <c r="N628952" s="10"/>
    </row>
    <row r="628953" spans="14:14">
      <c r="N628953" s="10"/>
    </row>
    <row r="628954" spans="14:14">
      <c r="N628954" s="10"/>
    </row>
    <row r="628955" spans="14:14">
      <c r="N628955" s="10"/>
    </row>
    <row r="628956" spans="14:14">
      <c r="N628956" s="10"/>
    </row>
    <row r="628957" spans="14:14">
      <c r="N628957" s="10"/>
    </row>
    <row r="628958" spans="14:14">
      <c r="N628958" s="10"/>
    </row>
    <row r="628959" spans="14:14">
      <c r="N628959" s="10"/>
    </row>
    <row r="628960" spans="14:14">
      <c r="N628960" s="10"/>
    </row>
    <row r="628961" spans="14:14">
      <c r="N628961" s="10"/>
    </row>
    <row r="628962" spans="14:14">
      <c r="N628962" s="10"/>
    </row>
    <row r="628963" spans="14:14">
      <c r="N628963" s="10"/>
    </row>
    <row r="628964" spans="14:14">
      <c r="N628964" s="10"/>
    </row>
    <row r="628965" spans="14:14">
      <c r="N628965" s="10"/>
    </row>
    <row r="628966" spans="14:14">
      <c r="N628966" s="10"/>
    </row>
    <row r="628967" spans="14:14">
      <c r="N628967" s="10"/>
    </row>
    <row r="628968" spans="14:14">
      <c r="N628968" s="10"/>
    </row>
    <row r="628969" spans="14:14">
      <c r="N628969" s="10"/>
    </row>
    <row r="628970" spans="14:14">
      <c r="N628970" s="10"/>
    </row>
    <row r="628971" spans="14:14">
      <c r="N628971" s="10"/>
    </row>
    <row r="628972" spans="14:14">
      <c r="N628972" s="10"/>
    </row>
    <row r="628973" spans="14:14">
      <c r="N628973" s="10"/>
    </row>
    <row r="628974" spans="14:14">
      <c r="N628974" s="10"/>
    </row>
    <row r="628975" spans="14:14">
      <c r="N628975" s="10"/>
    </row>
    <row r="628976" spans="14:14">
      <c r="N628976" s="10"/>
    </row>
    <row r="628977" spans="14:14">
      <c r="N628977" s="10"/>
    </row>
    <row r="628978" spans="14:14">
      <c r="N628978" s="10"/>
    </row>
    <row r="628979" spans="14:14">
      <c r="N628979" s="10"/>
    </row>
    <row r="628980" spans="14:14">
      <c r="N628980" s="10"/>
    </row>
    <row r="628981" spans="14:14">
      <c r="N628981" s="10"/>
    </row>
    <row r="628982" spans="14:14">
      <c r="N628982" s="10"/>
    </row>
    <row r="628983" spans="14:14">
      <c r="N628983" s="10"/>
    </row>
    <row r="628984" spans="14:14">
      <c r="N628984" s="10"/>
    </row>
    <row r="628985" spans="14:14">
      <c r="N628985" s="10"/>
    </row>
    <row r="628986" spans="14:14">
      <c r="N628986" s="10"/>
    </row>
    <row r="628987" spans="14:14">
      <c r="N628987" s="10"/>
    </row>
    <row r="628988" spans="14:14">
      <c r="N628988" s="10"/>
    </row>
    <row r="628989" spans="14:14">
      <c r="N628989" s="10"/>
    </row>
    <row r="628990" spans="14:14">
      <c r="N628990" s="10"/>
    </row>
    <row r="628991" spans="14:14">
      <c r="N628991" s="10"/>
    </row>
    <row r="628992" spans="14:14">
      <c r="N628992" s="10"/>
    </row>
    <row r="628993" spans="14:14">
      <c r="N628993" s="10"/>
    </row>
    <row r="628994" spans="14:14">
      <c r="N628994" s="10"/>
    </row>
    <row r="628995" spans="14:14">
      <c r="N628995" s="10"/>
    </row>
    <row r="628996" spans="14:14">
      <c r="N628996" s="10"/>
    </row>
    <row r="628997" spans="14:14">
      <c r="N628997" s="10"/>
    </row>
    <row r="628998" spans="14:14">
      <c r="N628998" s="10"/>
    </row>
    <row r="628999" spans="14:14">
      <c r="N628999" s="10"/>
    </row>
    <row r="629000" spans="14:14">
      <c r="N629000" s="10"/>
    </row>
    <row r="629001" spans="14:14">
      <c r="N629001" s="10"/>
    </row>
    <row r="629002" spans="14:14">
      <c r="N629002" s="10"/>
    </row>
    <row r="629003" spans="14:14">
      <c r="N629003" s="10"/>
    </row>
    <row r="629004" spans="14:14">
      <c r="N629004" s="10"/>
    </row>
    <row r="629005" spans="14:14">
      <c r="N629005" s="10"/>
    </row>
    <row r="629006" spans="14:14">
      <c r="N629006" s="10"/>
    </row>
    <row r="629007" spans="14:14">
      <c r="N629007" s="10"/>
    </row>
    <row r="629008" spans="14:14">
      <c r="N629008" s="10"/>
    </row>
    <row r="629009" spans="14:14">
      <c r="N629009" s="10"/>
    </row>
    <row r="629010" spans="14:14">
      <c r="N629010" s="10"/>
    </row>
    <row r="629011" spans="14:14">
      <c r="N629011" s="10"/>
    </row>
    <row r="629012" spans="14:14">
      <c r="N629012" s="10"/>
    </row>
    <row r="629013" spans="14:14">
      <c r="N629013" s="10"/>
    </row>
    <row r="629014" spans="14:14">
      <c r="N629014" s="10"/>
    </row>
    <row r="629015" spans="14:14">
      <c r="N629015" s="10"/>
    </row>
    <row r="629016" spans="14:14">
      <c r="N629016" s="10"/>
    </row>
    <row r="629017" spans="14:14">
      <c r="N629017" s="10"/>
    </row>
    <row r="629018" spans="14:14">
      <c r="N629018" s="10"/>
    </row>
    <row r="629019" spans="14:14">
      <c r="N629019" s="10"/>
    </row>
    <row r="629020" spans="14:14">
      <c r="N629020" s="10"/>
    </row>
    <row r="629021" spans="14:14">
      <c r="N629021" s="10"/>
    </row>
    <row r="629022" spans="14:14">
      <c r="N629022" s="10"/>
    </row>
    <row r="629023" spans="14:14">
      <c r="N629023" s="10"/>
    </row>
    <row r="629024" spans="14:14">
      <c r="N629024" s="10"/>
    </row>
    <row r="629025" spans="14:14">
      <c r="N629025" s="10"/>
    </row>
    <row r="629026" spans="14:14">
      <c r="N629026" s="10"/>
    </row>
    <row r="629027" spans="14:14">
      <c r="N629027" s="10"/>
    </row>
    <row r="629028" spans="14:14">
      <c r="N629028" s="10"/>
    </row>
    <row r="629029" spans="14:14">
      <c r="N629029" s="10"/>
    </row>
    <row r="629030" spans="14:14">
      <c r="N629030" s="10"/>
    </row>
    <row r="629031" spans="14:14">
      <c r="N629031" s="10"/>
    </row>
    <row r="629032" spans="14:14">
      <c r="N629032" s="10"/>
    </row>
    <row r="629033" spans="14:14">
      <c r="N629033" s="10"/>
    </row>
    <row r="629034" spans="14:14">
      <c r="N629034" s="10"/>
    </row>
    <row r="629035" spans="14:14">
      <c r="N629035" s="10"/>
    </row>
    <row r="629036" spans="14:14">
      <c r="N629036" s="10"/>
    </row>
    <row r="629037" spans="14:14">
      <c r="N629037" s="10"/>
    </row>
    <row r="629038" spans="14:14">
      <c r="N629038" s="10"/>
    </row>
    <row r="629039" spans="14:14">
      <c r="N629039" s="10"/>
    </row>
    <row r="629040" spans="14:14">
      <c r="N629040" s="10"/>
    </row>
    <row r="629041" spans="14:14">
      <c r="N629041" s="10"/>
    </row>
    <row r="629042" spans="14:14">
      <c r="N629042" s="10"/>
    </row>
    <row r="629043" spans="14:14">
      <c r="N629043" s="10"/>
    </row>
    <row r="629044" spans="14:14">
      <c r="N629044" s="10"/>
    </row>
    <row r="629045" spans="14:14">
      <c r="N629045" s="10"/>
    </row>
    <row r="629046" spans="14:14">
      <c r="N629046" s="10"/>
    </row>
    <row r="629047" spans="14:14">
      <c r="N629047" s="10"/>
    </row>
    <row r="629048" spans="14:14">
      <c r="N629048" s="10"/>
    </row>
    <row r="629049" spans="14:14">
      <c r="N629049" s="10"/>
    </row>
    <row r="629050" spans="14:14">
      <c r="N629050" s="10"/>
    </row>
    <row r="629051" spans="14:14">
      <c r="N629051" s="10"/>
    </row>
    <row r="629052" spans="14:14">
      <c r="N629052" s="10"/>
    </row>
    <row r="629053" spans="14:14">
      <c r="N629053" s="10"/>
    </row>
    <row r="629054" spans="14:14">
      <c r="N629054" s="10"/>
    </row>
    <row r="629055" spans="14:14">
      <c r="N629055" s="10"/>
    </row>
    <row r="629056" spans="14:14">
      <c r="N629056" s="10"/>
    </row>
    <row r="629057" spans="14:14">
      <c r="N629057" s="10"/>
    </row>
    <row r="629058" spans="14:14">
      <c r="N629058" s="10"/>
    </row>
    <row r="629059" spans="14:14">
      <c r="N629059" s="10"/>
    </row>
    <row r="629060" spans="14:14">
      <c r="N629060" s="10"/>
    </row>
    <row r="629061" spans="14:14">
      <c r="N629061" s="10"/>
    </row>
    <row r="629062" spans="14:14">
      <c r="N629062" s="10"/>
    </row>
    <row r="629063" spans="14:14">
      <c r="N629063" s="10"/>
    </row>
    <row r="629064" spans="14:14">
      <c r="N629064" s="10"/>
    </row>
    <row r="629065" spans="14:14">
      <c r="N629065" s="10"/>
    </row>
    <row r="629066" spans="14:14">
      <c r="N629066" s="10"/>
    </row>
    <row r="629067" spans="14:14">
      <c r="N629067" s="10"/>
    </row>
    <row r="629068" spans="14:14">
      <c r="N629068" s="10"/>
    </row>
    <row r="629069" spans="14:14">
      <c r="N629069" s="10"/>
    </row>
    <row r="629070" spans="14:14">
      <c r="N629070" s="10"/>
    </row>
    <row r="629071" spans="14:14">
      <c r="N629071" s="10"/>
    </row>
    <row r="629072" spans="14:14">
      <c r="N629072" s="10"/>
    </row>
    <row r="629073" spans="14:14">
      <c r="N629073" s="10"/>
    </row>
    <row r="629074" spans="14:14">
      <c r="N629074" s="10"/>
    </row>
    <row r="629075" spans="14:14">
      <c r="N629075" s="10"/>
    </row>
    <row r="629076" spans="14:14">
      <c r="N629076" s="10"/>
    </row>
    <row r="629077" spans="14:14">
      <c r="N629077" s="10"/>
    </row>
    <row r="629078" spans="14:14">
      <c r="N629078" s="10"/>
    </row>
    <row r="629079" spans="14:14">
      <c r="N629079" s="10"/>
    </row>
    <row r="629080" spans="14:14">
      <c r="N629080" s="10"/>
    </row>
    <row r="629081" spans="14:14">
      <c r="N629081" s="10"/>
    </row>
    <row r="629082" spans="14:14">
      <c r="N629082" s="10"/>
    </row>
    <row r="629083" spans="14:14">
      <c r="N629083" s="10"/>
    </row>
    <row r="629084" spans="14:14">
      <c r="N629084" s="10"/>
    </row>
    <row r="629085" spans="14:14">
      <c r="N629085" s="10"/>
    </row>
    <row r="629086" spans="14:14">
      <c r="N629086" s="10"/>
    </row>
    <row r="629087" spans="14:14">
      <c r="N629087" s="10"/>
    </row>
    <row r="629088" spans="14:14">
      <c r="N629088" s="10"/>
    </row>
    <row r="629089" spans="14:14">
      <c r="N629089" s="10"/>
    </row>
    <row r="629090" spans="14:14">
      <c r="N629090" s="10"/>
    </row>
    <row r="629091" spans="14:14">
      <c r="N629091" s="10"/>
    </row>
    <row r="629092" spans="14:14">
      <c r="N629092" s="10"/>
    </row>
    <row r="629093" spans="14:14">
      <c r="N629093" s="10"/>
    </row>
    <row r="629094" spans="14:14">
      <c r="N629094" s="10"/>
    </row>
    <row r="629095" spans="14:14">
      <c r="N629095" s="10"/>
    </row>
    <row r="629096" spans="14:14">
      <c r="N629096" s="10"/>
    </row>
    <row r="629097" spans="14:14">
      <c r="N629097" s="10"/>
    </row>
    <row r="629098" spans="14:14">
      <c r="N629098" s="10"/>
    </row>
    <row r="629099" spans="14:14">
      <c r="N629099" s="10"/>
    </row>
    <row r="629100" spans="14:14">
      <c r="N629100" s="10"/>
    </row>
    <row r="629101" spans="14:14">
      <c r="N629101" s="10"/>
    </row>
    <row r="629102" spans="14:14">
      <c r="N629102" s="10"/>
    </row>
    <row r="629103" spans="14:14">
      <c r="N629103" s="10"/>
    </row>
    <row r="629104" spans="14:14">
      <c r="N629104" s="10"/>
    </row>
    <row r="629105" spans="14:14">
      <c r="N629105" s="10"/>
    </row>
    <row r="629106" spans="14:14">
      <c r="N629106" s="10"/>
    </row>
    <row r="629107" spans="14:14">
      <c r="N629107" s="10"/>
    </row>
    <row r="629108" spans="14:14">
      <c r="N629108" s="10"/>
    </row>
    <row r="629109" spans="14:14">
      <c r="N629109" s="10"/>
    </row>
    <row r="629110" spans="14:14">
      <c r="N629110" s="10"/>
    </row>
    <row r="629111" spans="14:14">
      <c r="N629111" s="10"/>
    </row>
    <row r="629112" spans="14:14">
      <c r="N629112" s="10"/>
    </row>
    <row r="629113" spans="14:14">
      <c r="N629113" s="10"/>
    </row>
    <row r="629114" spans="14:14">
      <c r="N629114" s="10"/>
    </row>
    <row r="629115" spans="14:14">
      <c r="N629115" s="10"/>
    </row>
    <row r="629116" spans="14:14">
      <c r="N629116" s="10"/>
    </row>
    <row r="629117" spans="14:14">
      <c r="N629117" s="10"/>
    </row>
    <row r="629118" spans="14:14">
      <c r="N629118" s="10"/>
    </row>
    <row r="629119" spans="14:14">
      <c r="N629119" s="10"/>
    </row>
    <row r="629120" spans="14:14">
      <c r="N629120" s="10"/>
    </row>
    <row r="629121" spans="14:14">
      <c r="N629121" s="10"/>
    </row>
    <row r="629122" spans="14:14">
      <c r="N629122" s="10"/>
    </row>
    <row r="629123" spans="14:14">
      <c r="N629123" s="10"/>
    </row>
    <row r="629124" spans="14:14">
      <c r="N629124" s="10"/>
    </row>
    <row r="629125" spans="14:14">
      <c r="N629125" s="10"/>
    </row>
    <row r="629126" spans="14:14">
      <c r="N629126" s="10"/>
    </row>
    <row r="629127" spans="14:14">
      <c r="N629127" s="10"/>
    </row>
    <row r="629128" spans="14:14">
      <c r="N629128" s="10"/>
    </row>
    <row r="629129" spans="14:14">
      <c r="N629129" s="10"/>
    </row>
    <row r="629130" spans="14:14">
      <c r="N629130" s="10"/>
    </row>
    <row r="629131" spans="14:14">
      <c r="N629131" s="10"/>
    </row>
    <row r="629132" spans="14:14">
      <c r="N629132" s="10"/>
    </row>
    <row r="629133" spans="14:14">
      <c r="N629133" s="10"/>
    </row>
    <row r="629134" spans="14:14">
      <c r="N629134" s="10"/>
    </row>
    <row r="629135" spans="14:14">
      <c r="N629135" s="10"/>
    </row>
    <row r="629136" spans="14:14">
      <c r="N629136" s="10"/>
    </row>
    <row r="629137" spans="14:14">
      <c r="N629137" s="10"/>
    </row>
    <row r="629138" spans="14:14">
      <c r="N629138" s="10"/>
    </row>
    <row r="629139" spans="14:14">
      <c r="N629139" s="10"/>
    </row>
    <row r="629140" spans="14:14">
      <c r="N629140" s="10"/>
    </row>
    <row r="629141" spans="14:14">
      <c r="N629141" s="10"/>
    </row>
    <row r="629142" spans="14:14">
      <c r="N629142" s="10"/>
    </row>
    <row r="629143" spans="14:14">
      <c r="N629143" s="10"/>
    </row>
    <row r="629144" spans="14:14">
      <c r="N629144" s="10"/>
    </row>
    <row r="629145" spans="14:14">
      <c r="N629145" s="10"/>
    </row>
    <row r="629146" spans="14:14">
      <c r="N629146" s="10"/>
    </row>
    <row r="629147" spans="14:14">
      <c r="N629147" s="10"/>
    </row>
    <row r="629148" spans="14:14">
      <c r="N629148" s="10"/>
    </row>
    <row r="629149" spans="14:14">
      <c r="N629149" s="10"/>
    </row>
    <row r="629150" spans="14:14">
      <c r="N629150" s="10"/>
    </row>
    <row r="629151" spans="14:14">
      <c r="N629151" s="10"/>
    </row>
    <row r="629152" spans="14:14">
      <c r="N629152" s="10"/>
    </row>
    <row r="629153" spans="14:14">
      <c r="N629153" s="10"/>
    </row>
    <row r="629154" spans="14:14">
      <c r="N629154" s="10"/>
    </row>
    <row r="629155" spans="14:14">
      <c r="N629155" s="10"/>
    </row>
    <row r="629156" spans="14:14">
      <c r="N629156" s="10"/>
    </row>
    <row r="629157" spans="14:14">
      <c r="N629157" s="10"/>
    </row>
    <row r="629158" spans="14:14">
      <c r="N629158" s="10"/>
    </row>
    <row r="629159" spans="14:14">
      <c r="N629159" s="10"/>
    </row>
    <row r="629160" spans="14:14">
      <c r="N629160" s="10"/>
    </row>
    <row r="629161" spans="14:14">
      <c r="N629161" s="10"/>
    </row>
    <row r="629162" spans="14:14">
      <c r="N629162" s="10"/>
    </row>
    <row r="629163" spans="14:14">
      <c r="N629163" s="10"/>
    </row>
    <row r="629164" spans="14:14">
      <c r="N629164" s="10"/>
    </row>
    <row r="629165" spans="14:14">
      <c r="N629165" s="10"/>
    </row>
    <row r="629166" spans="14:14">
      <c r="N629166" s="10"/>
    </row>
    <row r="629167" spans="14:14">
      <c r="N629167" s="10"/>
    </row>
    <row r="629168" spans="14:14">
      <c r="N629168" s="10"/>
    </row>
    <row r="629169" spans="14:14">
      <c r="N629169" s="10"/>
    </row>
    <row r="629170" spans="14:14">
      <c r="N629170" s="10"/>
    </row>
    <row r="629171" spans="14:14">
      <c r="N629171" s="10"/>
    </row>
    <row r="629172" spans="14:14">
      <c r="N629172" s="10"/>
    </row>
    <row r="629173" spans="14:14">
      <c r="N629173" s="10"/>
    </row>
    <row r="629174" spans="14:14">
      <c r="N629174" s="10"/>
    </row>
    <row r="629175" spans="14:14">
      <c r="N629175" s="10"/>
    </row>
    <row r="629176" spans="14:14">
      <c r="N629176" s="10"/>
    </row>
    <row r="629177" spans="14:14">
      <c r="N629177" s="10"/>
    </row>
    <row r="629178" spans="14:14">
      <c r="N629178" s="10"/>
    </row>
    <row r="629179" spans="14:14">
      <c r="N629179" s="10"/>
    </row>
    <row r="629180" spans="14:14">
      <c r="N629180" s="10"/>
    </row>
    <row r="629181" spans="14:14">
      <c r="N629181" s="10"/>
    </row>
    <row r="629182" spans="14:14">
      <c r="N629182" s="10"/>
    </row>
    <row r="629183" spans="14:14">
      <c r="N629183" s="10"/>
    </row>
    <row r="629184" spans="14:14">
      <c r="N629184" s="10"/>
    </row>
    <row r="629185" spans="14:14">
      <c r="N629185" s="10"/>
    </row>
    <row r="629186" spans="14:14">
      <c r="N629186" s="10"/>
    </row>
    <row r="629187" spans="14:14">
      <c r="N629187" s="10"/>
    </row>
    <row r="629188" spans="14:14">
      <c r="N629188" s="10"/>
    </row>
    <row r="629189" spans="14:14">
      <c r="N629189" s="10"/>
    </row>
    <row r="629190" spans="14:14">
      <c r="N629190" s="10"/>
    </row>
    <row r="629191" spans="14:14">
      <c r="N629191" s="10"/>
    </row>
    <row r="629192" spans="14:14">
      <c r="N629192" s="10"/>
    </row>
    <row r="629193" spans="14:14">
      <c r="N629193" s="10"/>
    </row>
    <row r="629194" spans="14:14">
      <c r="N629194" s="10"/>
    </row>
    <row r="629195" spans="14:14">
      <c r="N629195" s="10"/>
    </row>
    <row r="629196" spans="14:14">
      <c r="N629196" s="10"/>
    </row>
    <row r="629197" spans="14:14">
      <c r="N629197" s="10"/>
    </row>
    <row r="629198" spans="14:14">
      <c r="N629198" s="10"/>
    </row>
    <row r="629199" spans="14:14">
      <c r="N629199" s="10"/>
    </row>
    <row r="629200" spans="14:14">
      <c r="N629200" s="10"/>
    </row>
    <row r="629201" spans="14:14">
      <c r="N629201" s="10"/>
    </row>
    <row r="629202" spans="14:14">
      <c r="N629202" s="10"/>
    </row>
    <row r="629203" spans="14:14">
      <c r="N629203" s="10"/>
    </row>
    <row r="629204" spans="14:14">
      <c r="N629204" s="10"/>
    </row>
    <row r="629205" spans="14:14">
      <c r="N629205" s="10"/>
    </row>
    <row r="629206" spans="14:14">
      <c r="N629206" s="10"/>
    </row>
    <row r="629207" spans="14:14">
      <c r="N629207" s="10"/>
    </row>
    <row r="629208" spans="14:14">
      <c r="N629208" s="10"/>
    </row>
    <row r="629209" spans="14:14">
      <c r="N629209" s="10"/>
    </row>
    <row r="629210" spans="14:14">
      <c r="N629210" s="10"/>
    </row>
    <row r="629211" spans="14:14">
      <c r="N629211" s="10"/>
    </row>
    <row r="629212" spans="14:14">
      <c r="N629212" s="10"/>
    </row>
    <row r="629213" spans="14:14">
      <c r="N629213" s="10"/>
    </row>
    <row r="629214" spans="14:14">
      <c r="N629214" s="10"/>
    </row>
    <row r="629215" spans="14:14">
      <c r="N629215" s="10"/>
    </row>
    <row r="629216" spans="14:14">
      <c r="N629216" s="10"/>
    </row>
    <row r="629217" spans="14:14">
      <c r="N629217" s="10"/>
    </row>
    <row r="629218" spans="14:14">
      <c r="N629218" s="10"/>
    </row>
    <row r="629219" spans="14:14">
      <c r="N629219" s="10"/>
    </row>
    <row r="629220" spans="14:14">
      <c r="N629220" s="10"/>
    </row>
    <row r="629221" spans="14:14">
      <c r="N629221" s="10"/>
    </row>
    <row r="629222" spans="14:14">
      <c r="N629222" s="10"/>
    </row>
    <row r="629223" spans="14:14">
      <c r="N629223" s="10"/>
    </row>
    <row r="629224" spans="14:14">
      <c r="N629224" s="10"/>
    </row>
    <row r="629225" spans="14:14">
      <c r="N629225" s="10"/>
    </row>
    <row r="629226" spans="14:14">
      <c r="N629226" s="10"/>
    </row>
    <row r="629227" spans="14:14">
      <c r="N629227" s="10"/>
    </row>
    <row r="629228" spans="14:14">
      <c r="N629228" s="10"/>
    </row>
    <row r="629229" spans="14:14">
      <c r="N629229" s="10"/>
    </row>
    <row r="629230" spans="14:14">
      <c r="N629230" s="10"/>
    </row>
    <row r="629231" spans="14:14">
      <c r="N629231" s="10"/>
    </row>
    <row r="629232" spans="14:14">
      <c r="N629232" s="10"/>
    </row>
    <row r="629233" spans="14:14">
      <c r="N629233" s="10"/>
    </row>
    <row r="629234" spans="14:14">
      <c r="N629234" s="10"/>
    </row>
    <row r="629235" spans="14:14">
      <c r="N629235" s="10"/>
    </row>
    <row r="629236" spans="14:14">
      <c r="N629236" s="10"/>
    </row>
    <row r="629237" spans="14:14">
      <c r="N629237" s="10"/>
    </row>
    <row r="629238" spans="14:14">
      <c r="N629238" s="10"/>
    </row>
    <row r="629239" spans="14:14">
      <c r="N629239" s="10"/>
    </row>
    <row r="629240" spans="14:14">
      <c r="N629240" s="10"/>
    </row>
    <row r="629241" spans="14:14">
      <c r="N629241" s="10"/>
    </row>
    <row r="629242" spans="14:14">
      <c r="N629242" s="10"/>
    </row>
    <row r="629243" spans="14:14">
      <c r="N629243" s="10"/>
    </row>
    <row r="629244" spans="14:14">
      <c r="N629244" s="10"/>
    </row>
    <row r="629245" spans="14:14">
      <c r="N629245" s="10"/>
    </row>
    <row r="629246" spans="14:14">
      <c r="N629246" s="10"/>
    </row>
    <row r="629247" spans="14:14">
      <c r="N629247" s="10"/>
    </row>
    <row r="629248" spans="14:14">
      <c r="N629248" s="10"/>
    </row>
    <row r="629249" spans="14:14">
      <c r="N629249" s="10"/>
    </row>
    <row r="629250" spans="14:14">
      <c r="N629250" s="10"/>
    </row>
    <row r="629251" spans="14:14">
      <c r="N629251" s="10"/>
    </row>
    <row r="629252" spans="14:14">
      <c r="N629252" s="10"/>
    </row>
    <row r="629253" spans="14:14">
      <c r="N629253" s="10"/>
    </row>
    <row r="629254" spans="14:14">
      <c r="N629254" s="10"/>
    </row>
    <row r="629255" spans="14:14">
      <c r="N629255" s="10"/>
    </row>
    <row r="629256" spans="14:14">
      <c r="N629256" s="10"/>
    </row>
    <row r="629257" spans="14:14">
      <c r="N629257" s="10"/>
    </row>
    <row r="629258" spans="14:14">
      <c r="N629258" s="10"/>
    </row>
    <row r="629259" spans="14:14">
      <c r="N629259" s="10"/>
    </row>
    <row r="629260" spans="14:14">
      <c r="N629260" s="10"/>
    </row>
    <row r="629261" spans="14:14">
      <c r="N629261" s="10"/>
    </row>
    <row r="629262" spans="14:14">
      <c r="N629262" s="10"/>
    </row>
    <row r="629263" spans="14:14">
      <c r="N629263" s="10"/>
    </row>
    <row r="629264" spans="14:14">
      <c r="N629264" s="10"/>
    </row>
    <row r="629265" spans="14:14">
      <c r="N629265" s="10"/>
    </row>
    <row r="629266" spans="14:14">
      <c r="N629266" s="10"/>
    </row>
    <row r="629267" spans="14:14">
      <c r="N629267" s="10"/>
    </row>
    <row r="629268" spans="14:14">
      <c r="N629268" s="10"/>
    </row>
    <row r="629269" spans="14:14">
      <c r="N629269" s="10"/>
    </row>
    <row r="629270" spans="14:14">
      <c r="N629270" s="10"/>
    </row>
    <row r="629271" spans="14:14">
      <c r="N629271" s="10"/>
    </row>
    <row r="629272" spans="14:14">
      <c r="N629272" s="10"/>
    </row>
    <row r="629273" spans="14:14">
      <c r="N629273" s="10"/>
    </row>
    <row r="629274" spans="14:14">
      <c r="N629274" s="10"/>
    </row>
    <row r="629275" spans="14:14">
      <c r="N629275" s="10"/>
    </row>
    <row r="629276" spans="14:14">
      <c r="N629276" s="10"/>
    </row>
    <row r="629277" spans="14:14">
      <c r="N629277" s="10"/>
    </row>
    <row r="629278" spans="14:14">
      <c r="N629278" s="10"/>
    </row>
    <row r="629279" spans="14:14">
      <c r="N629279" s="10"/>
    </row>
    <row r="629280" spans="14:14">
      <c r="N629280" s="10"/>
    </row>
    <row r="629281" spans="14:14">
      <c r="N629281" s="10"/>
    </row>
    <row r="629282" spans="14:14">
      <c r="N629282" s="10"/>
    </row>
    <row r="629283" spans="14:14">
      <c r="N629283" s="10"/>
    </row>
    <row r="629284" spans="14:14">
      <c r="N629284" s="10"/>
    </row>
    <row r="629285" spans="14:14">
      <c r="N629285" s="10"/>
    </row>
    <row r="629286" spans="14:14">
      <c r="N629286" s="10"/>
    </row>
    <row r="629287" spans="14:14">
      <c r="N629287" s="10"/>
    </row>
    <row r="629288" spans="14:14">
      <c r="N629288" s="10"/>
    </row>
    <row r="629289" spans="14:14">
      <c r="N629289" s="10"/>
    </row>
    <row r="629290" spans="14:14">
      <c r="N629290" s="10"/>
    </row>
    <row r="629291" spans="14:14">
      <c r="N629291" s="10"/>
    </row>
    <row r="629292" spans="14:14">
      <c r="N629292" s="10"/>
    </row>
    <row r="629293" spans="14:14">
      <c r="N629293" s="10"/>
    </row>
    <row r="629294" spans="14:14">
      <c r="N629294" s="10"/>
    </row>
    <row r="629295" spans="14:14">
      <c r="N629295" s="10"/>
    </row>
    <row r="629296" spans="14:14">
      <c r="N629296" s="10"/>
    </row>
    <row r="629297" spans="14:14">
      <c r="N629297" s="10"/>
    </row>
    <row r="629298" spans="14:14">
      <c r="N629298" s="10"/>
    </row>
    <row r="629299" spans="14:14">
      <c r="N629299" s="10"/>
    </row>
    <row r="629300" spans="14:14">
      <c r="N629300" s="10"/>
    </row>
    <row r="629301" spans="14:14">
      <c r="N629301" s="10"/>
    </row>
    <row r="629302" spans="14:14">
      <c r="N629302" s="10"/>
    </row>
    <row r="629303" spans="14:14">
      <c r="N629303" s="10"/>
    </row>
    <row r="629304" spans="14:14">
      <c r="N629304" s="10"/>
    </row>
    <row r="629305" spans="14:14">
      <c r="N629305" s="10"/>
    </row>
    <row r="629306" spans="14:14">
      <c r="N629306" s="10"/>
    </row>
    <row r="629307" spans="14:14">
      <c r="N629307" s="10"/>
    </row>
    <row r="629308" spans="14:14">
      <c r="N629308" s="10"/>
    </row>
    <row r="629309" spans="14:14">
      <c r="N629309" s="10"/>
    </row>
    <row r="629310" spans="14:14">
      <c r="N629310" s="10"/>
    </row>
    <row r="629311" spans="14:14">
      <c r="N629311" s="10"/>
    </row>
    <row r="629312" spans="14:14">
      <c r="N629312" s="10"/>
    </row>
    <row r="629313" spans="14:14">
      <c r="N629313" s="10"/>
    </row>
    <row r="629314" spans="14:14">
      <c r="N629314" s="10"/>
    </row>
    <row r="629315" spans="14:14">
      <c r="N629315" s="10"/>
    </row>
    <row r="629316" spans="14:14">
      <c r="N629316" s="10"/>
    </row>
    <row r="629317" spans="14:14">
      <c r="N629317" s="10"/>
    </row>
    <row r="629318" spans="14:14">
      <c r="N629318" s="10"/>
    </row>
    <row r="629319" spans="14:14">
      <c r="N629319" s="10"/>
    </row>
    <row r="629320" spans="14:14">
      <c r="N629320" s="10"/>
    </row>
    <row r="629321" spans="14:14">
      <c r="N629321" s="10"/>
    </row>
    <row r="629322" spans="14:14">
      <c r="N629322" s="10"/>
    </row>
    <row r="629323" spans="14:14">
      <c r="N629323" s="10"/>
    </row>
    <row r="629324" spans="14:14">
      <c r="N629324" s="10"/>
    </row>
    <row r="629325" spans="14:14">
      <c r="N629325" s="10"/>
    </row>
    <row r="629326" spans="14:14">
      <c r="N629326" s="10"/>
    </row>
    <row r="629327" spans="14:14">
      <c r="N629327" s="10"/>
    </row>
    <row r="629328" spans="14:14">
      <c r="N629328" s="10"/>
    </row>
    <row r="629329" spans="14:14">
      <c r="N629329" s="10"/>
    </row>
    <row r="629330" spans="14:14">
      <c r="N629330" s="10"/>
    </row>
    <row r="629331" spans="14:14">
      <c r="N629331" s="10"/>
    </row>
    <row r="629332" spans="14:14">
      <c r="N629332" s="10"/>
    </row>
    <row r="629333" spans="14:14">
      <c r="N629333" s="10"/>
    </row>
    <row r="629334" spans="14:14">
      <c r="N629334" s="10"/>
    </row>
    <row r="629335" spans="14:14">
      <c r="N629335" s="10"/>
    </row>
    <row r="629336" spans="14:14">
      <c r="N629336" s="10"/>
    </row>
    <row r="629337" spans="14:14">
      <c r="N629337" s="10"/>
    </row>
    <row r="629338" spans="14:14">
      <c r="N629338" s="10"/>
    </row>
    <row r="629339" spans="14:14">
      <c r="N629339" s="10"/>
    </row>
    <row r="629340" spans="14:14">
      <c r="N629340" s="10"/>
    </row>
    <row r="629341" spans="14:14">
      <c r="N629341" s="10"/>
    </row>
    <row r="629342" spans="14:14">
      <c r="N629342" s="10"/>
    </row>
    <row r="629343" spans="14:14">
      <c r="N629343" s="10"/>
    </row>
    <row r="629344" spans="14:14">
      <c r="N629344" s="10"/>
    </row>
    <row r="629345" spans="14:14">
      <c r="N629345" s="10"/>
    </row>
    <row r="629346" spans="14:14">
      <c r="N629346" s="10"/>
    </row>
    <row r="629347" spans="14:14">
      <c r="N629347" s="10"/>
    </row>
    <row r="629348" spans="14:14">
      <c r="N629348" s="10"/>
    </row>
    <row r="629349" spans="14:14">
      <c r="N629349" s="10"/>
    </row>
    <row r="629350" spans="14:14">
      <c r="N629350" s="10"/>
    </row>
    <row r="629351" spans="14:14">
      <c r="N629351" s="10"/>
    </row>
    <row r="629352" spans="14:14">
      <c r="N629352" s="10"/>
    </row>
    <row r="629353" spans="14:14">
      <c r="N629353" s="10"/>
    </row>
    <row r="629354" spans="14:14">
      <c r="N629354" s="10"/>
    </row>
    <row r="629355" spans="14:14">
      <c r="N629355" s="10"/>
    </row>
    <row r="629356" spans="14:14">
      <c r="N629356" s="10"/>
    </row>
    <row r="629357" spans="14:14">
      <c r="N629357" s="10"/>
    </row>
    <row r="629358" spans="14:14">
      <c r="N629358" s="10"/>
    </row>
    <row r="629359" spans="14:14">
      <c r="N629359" s="10"/>
    </row>
    <row r="629360" spans="14:14">
      <c r="N629360" s="10"/>
    </row>
    <row r="629361" spans="14:14">
      <c r="N629361" s="10"/>
    </row>
    <row r="629362" spans="14:14">
      <c r="N629362" s="10"/>
    </row>
    <row r="629363" spans="14:14">
      <c r="N629363" s="10"/>
    </row>
    <row r="629364" spans="14:14">
      <c r="N629364" s="10"/>
    </row>
    <row r="629365" spans="14:14">
      <c r="N629365" s="10"/>
    </row>
    <row r="629366" spans="14:14">
      <c r="N629366" s="10"/>
    </row>
    <row r="629367" spans="14:14">
      <c r="N629367" s="10"/>
    </row>
    <row r="629368" spans="14:14">
      <c r="N629368" s="10"/>
    </row>
    <row r="629369" spans="14:14">
      <c r="N629369" s="10"/>
    </row>
    <row r="629370" spans="14:14">
      <c r="N629370" s="10"/>
    </row>
    <row r="629371" spans="14:14">
      <c r="N629371" s="10"/>
    </row>
    <row r="629372" spans="14:14">
      <c r="N629372" s="10"/>
    </row>
    <row r="629373" spans="14:14">
      <c r="N629373" s="10"/>
    </row>
    <row r="629374" spans="14:14">
      <c r="N629374" s="10"/>
    </row>
    <row r="629375" spans="14:14">
      <c r="N629375" s="10"/>
    </row>
    <row r="629376" spans="14:14">
      <c r="N629376" s="10"/>
    </row>
    <row r="629377" spans="14:14">
      <c r="N629377" s="10"/>
    </row>
    <row r="629378" spans="14:14">
      <c r="N629378" s="10"/>
    </row>
    <row r="629379" spans="14:14">
      <c r="N629379" s="10"/>
    </row>
    <row r="629380" spans="14:14">
      <c r="N629380" s="10"/>
    </row>
    <row r="629381" spans="14:14">
      <c r="N629381" s="10"/>
    </row>
    <row r="629382" spans="14:14">
      <c r="N629382" s="10"/>
    </row>
    <row r="629383" spans="14:14">
      <c r="N629383" s="10"/>
    </row>
    <row r="629384" spans="14:14">
      <c r="N629384" s="10"/>
    </row>
    <row r="629385" spans="14:14">
      <c r="N629385" s="10"/>
    </row>
    <row r="629386" spans="14:14">
      <c r="N629386" s="10"/>
    </row>
    <row r="629387" spans="14:14">
      <c r="N629387" s="10"/>
    </row>
    <row r="629388" spans="14:14">
      <c r="N629388" s="10"/>
    </row>
    <row r="629389" spans="14:14">
      <c r="N629389" s="10"/>
    </row>
    <row r="629390" spans="14:14">
      <c r="N629390" s="10"/>
    </row>
    <row r="629391" spans="14:14">
      <c r="N629391" s="10"/>
    </row>
    <row r="629392" spans="14:14">
      <c r="N629392" s="10"/>
    </row>
    <row r="629393" spans="14:14">
      <c r="N629393" s="10"/>
    </row>
    <row r="629394" spans="14:14">
      <c r="N629394" s="10"/>
    </row>
    <row r="629395" spans="14:14">
      <c r="N629395" s="10"/>
    </row>
    <row r="629396" spans="14:14">
      <c r="N629396" s="10"/>
    </row>
    <row r="629397" spans="14:14">
      <c r="N629397" s="10"/>
    </row>
    <row r="629398" spans="14:14">
      <c r="N629398" s="10"/>
    </row>
    <row r="629399" spans="14:14">
      <c r="N629399" s="10"/>
    </row>
    <row r="629400" spans="14:14">
      <c r="N629400" s="10"/>
    </row>
    <row r="629401" spans="14:14">
      <c r="N629401" s="10"/>
    </row>
    <row r="629402" spans="14:14">
      <c r="N629402" s="10"/>
    </row>
    <row r="629403" spans="14:14">
      <c r="N629403" s="10"/>
    </row>
    <row r="629404" spans="14:14">
      <c r="N629404" s="10"/>
    </row>
    <row r="629405" spans="14:14">
      <c r="N629405" s="10"/>
    </row>
    <row r="629406" spans="14:14">
      <c r="N629406" s="10"/>
    </row>
    <row r="629407" spans="14:14">
      <c r="N629407" s="10"/>
    </row>
    <row r="629408" spans="14:14">
      <c r="N629408" s="10"/>
    </row>
    <row r="629409" spans="14:14">
      <c r="N629409" s="10"/>
    </row>
    <row r="629410" spans="14:14">
      <c r="N629410" s="10"/>
    </row>
    <row r="629411" spans="14:14">
      <c r="N629411" s="10"/>
    </row>
    <row r="629412" spans="14:14">
      <c r="N629412" s="10"/>
    </row>
    <row r="629413" spans="14:14">
      <c r="N629413" s="10"/>
    </row>
    <row r="629414" spans="14:14">
      <c r="N629414" s="10"/>
    </row>
    <row r="629415" spans="14:14">
      <c r="N629415" s="10"/>
    </row>
    <row r="629416" spans="14:14">
      <c r="N629416" s="10"/>
    </row>
    <row r="629417" spans="14:14">
      <c r="N629417" s="10"/>
    </row>
    <row r="629418" spans="14:14">
      <c r="N629418" s="10"/>
    </row>
    <row r="629419" spans="14:14">
      <c r="N629419" s="10"/>
    </row>
    <row r="629420" spans="14:14">
      <c r="N629420" s="10"/>
    </row>
    <row r="629421" spans="14:14">
      <c r="N629421" s="10"/>
    </row>
    <row r="629422" spans="14:14">
      <c r="N629422" s="10"/>
    </row>
    <row r="629423" spans="14:14">
      <c r="N629423" s="10"/>
    </row>
    <row r="629424" spans="14:14">
      <c r="N629424" s="10"/>
    </row>
    <row r="629425" spans="14:14">
      <c r="N629425" s="10"/>
    </row>
    <row r="629426" spans="14:14">
      <c r="N629426" s="10"/>
    </row>
    <row r="629427" spans="14:14">
      <c r="N629427" s="10"/>
    </row>
    <row r="629428" spans="14:14">
      <c r="N629428" s="10"/>
    </row>
    <row r="629429" spans="14:14">
      <c r="N629429" s="10"/>
    </row>
    <row r="629430" spans="14:14">
      <c r="N629430" s="10"/>
    </row>
    <row r="629431" spans="14:14">
      <c r="N629431" s="10"/>
    </row>
    <row r="629432" spans="14:14">
      <c r="N629432" s="10"/>
    </row>
    <row r="629433" spans="14:14">
      <c r="N629433" s="10"/>
    </row>
    <row r="629434" spans="14:14">
      <c r="N629434" s="10"/>
    </row>
    <row r="629435" spans="14:14">
      <c r="N629435" s="10"/>
    </row>
    <row r="629436" spans="14:14">
      <c r="N629436" s="10"/>
    </row>
    <row r="629437" spans="14:14">
      <c r="N629437" s="10"/>
    </row>
    <row r="629438" spans="14:14">
      <c r="N629438" s="10"/>
    </row>
    <row r="629439" spans="14:14">
      <c r="N629439" s="10"/>
    </row>
    <row r="629440" spans="14:14">
      <c r="N629440" s="10"/>
    </row>
    <row r="629441" spans="14:14">
      <c r="N629441" s="10"/>
    </row>
    <row r="629442" spans="14:14">
      <c r="N629442" s="10"/>
    </row>
    <row r="629443" spans="14:14">
      <c r="N629443" s="10"/>
    </row>
    <row r="629444" spans="14:14">
      <c r="N629444" s="10"/>
    </row>
    <row r="629445" spans="14:14">
      <c r="N629445" s="10"/>
    </row>
    <row r="629446" spans="14:14">
      <c r="N629446" s="10"/>
    </row>
    <row r="629447" spans="14:14">
      <c r="N629447" s="10"/>
    </row>
    <row r="629448" spans="14:14">
      <c r="N629448" s="10"/>
    </row>
    <row r="629449" spans="14:14">
      <c r="N629449" s="10"/>
    </row>
    <row r="629450" spans="14:14">
      <c r="N629450" s="10"/>
    </row>
    <row r="629451" spans="14:14">
      <c r="N629451" s="10"/>
    </row>
    <row r="629452" spans="14:14">
      <c r="N629452" s="10"/>
    </row>
    <row r="629453" spans="14:14">
      <c r="N629453" s="10"/>
    </row>
    <row r="629454" spans="14:14">
      <c r="N629454" s="10"/>
    </row>
    <row r="629455" spans="14:14">
      <c r="N629455" s="10"/>
    </row>
    <row r="629456" spans="14:14">
      <c r="N629456" s="10"/>
    </row>
    <row r="629457" spans="14:14">
      <c r="N629457" s="10"/>
    </row>
    <row r="629458" spans="14:14">
      <c r="N629458" s="10"/>
    </row>
    <row r="629459" spans="14:14">
      <c r="N629459" s="10"/>
    </row>
    <row r="629460" spans="14:14">
      <c r="N629460" s="10"/>
    </row>
    <row r="629461" spans="14:14">
      <c r="N629461" s="10"/>
    </row>
    <row r="629462" spans="14:14">
      <c r="N629462" s="10"/>
    </row>
    <row r="629463" spans="14:14">
      <c r="N629463" s="10"/>
    </row>
    <row r="629464" spans="14:14">
      <c r="N629464" s="10"/>
    </row>
    <row r="629465" spans="14:14">
      <c r="N629465" s="10"/>
    </row>
    <row r="629466" spans="14:14">
      <c r="N629466" s="10"/>
    </row>
    <row r="629467" spans="14:14">
      <c r="N629467" s="10"/>
    </row>
    <row r="629468" spans="14:14">
      <c r="N629468" s="10"/>
    </row>
    <row r="629469" spans="14:14">
      <c r="N629469" s="10"/>
    </row>
    <row r="629470" spans="14:14">
      <c r="N629470" s="10"/>
    </row>
    <row r="629471" spans="14:14">
      <c r="N629471" s="10"/>
    </row>
    <row r="629472" spans="14:14">
      <c r="N629472" s="10"/>
    </row>
    <row r="629473" spans="14:14">
      <c r="N629473" s="10"/>
    </row>
    <row r="629474" spans="14:14">
      <c r="N629474" s="10"/>
    </row>
    <row r="629475" spans="14:14">
      <c r="N629475" s="10"/>
    </row>
    <row r="629476" spans="14:14">
      <c r="N629476" s="10"/>
    </row>
    <row r="629477" spans="14:14">
      <c r="N629477" s="10"/>
    </row>
    <row r="629478" spans="14:14">
      <c r="N629478" s="10"/>
    </row>
    <row r="629479" spans="14:14">
      <c r="N629479" s="10"/>
    </row>
    <row r="629480" spans="14:14">
      <c r="N629480" s="10"/>
    </row>
    <row r="629481" spans="14:14">
      <c r="N629481" s="10"/>
    </row>
    <row r="629482" spans="14:14">
      <c r="N629482" s="10"/>
    </row>
    <row r="629483" spans="14:14">
      <c r="N629483" s="10"/>
    </row>
    <row r="629484" spans="14:14">
      <c r="N629484" s="10"/>
    </row>
    <row r="629485" spans="14:14">
      <c r="N629485" s="10"/>
    </row>
    <row r="629486" spans="14:14">
      <c r="N629486" s="10"/>
    </row>
    <row r="629487" spans="14:14">
      <c r="N629487" s="10"/>
    </row>
    <row r="629488" spans="14:14">
      <c r="N629488" s="10"/>
    </row>
    <row r="629489" spans="14:14">
      <c r="N629489" s="10"/>
    </row>
    <row r="629490" spans="14:14">
      <c r="N629490" s="10"/>
    </row>
    <row r="629491" spans="14:14">
      <c r="N629491" s="10"/>
    </row>
    <row r="629492" spans="14:14">
      <c r="N629492" s="10"/>
    </row>
    <row r="629493" spans="14:14">
      <c r="N629493" s="10"/>
    </row>
    <row r="629494" spans="14:14">
      <c r="N629494" s="10"/>
    </row>
    <row r="629495" spans="14:14">
      <c r="N629495" s="10"/>
    </row>
    <row r="629496" spans="14:14">
      <c r="N629496" s="10"/>
    </row>
    <row r="629497" spans="14:14">
      <c r="N629497" s="10"/>
    </row>
    <row r="629498" spans="14:14">
      <c r="N629498" s="10"/>
    </row>
    <row r="629499" spans="14:14">
      <c r="N629499" s="10"/>
    </row>
    <row r="629500" spans="14:14">
      <c r="N629500" s="10"/>
    </row>
    <row r="629501" spans="14:14">
      <c r="N629501" s="10"/>
    </row>
    <row r="629502" spans="14:14">
      <c r="N629502" s="10"/>
    </row>
    <row r="629503" spans="14:14">
      <c r="N629503" s="10"/>
    </row>
    <row r="629504" spans="14:14">
      <c r="N629504" s="10"/>
    </row>
    <row r="629505" spans="14:14">
      <c r="N629505" s="10"/>
    </row>
    <row r="629506" spans="14:14">
      <c r="N629506" s="10"/>
    </row>
    <row r="629507" spans="14:14">
      <c r="N629507" s="10"/>
    </row>
    <row r="629508" spans="14:14">
      <c r="N629508" s="10"/>
    </row>
    <row r="629509" spans="14:14">
      <c r="N629509" s="10"/>
    </row>
    <row r="629510" spans="14:14">
      <c r="N629510" s="10"/>
    </row>
    <row r="629511" spans="14:14">
      <c r="N629511" s="10"/>
    </row>
    <row r="629512" spans="14:14">
      <c r="N629512" s="10"/>
    </row>
    <row r="629513" spans="14:14">
      <c r="N629513" s="10"/>
    </row>
    <row r="629514" spans="14:14">
      <c r="N629514" s="10"/>
    </row>
    <row r="629515" spans="14:14">
      <c r="N629515" s="10"/>
    </row>
    <row r="629516" spans="14:14">
      <c r="N629516" s="10"/>
    </row>
    <row r="629517" spans="14:14">
      <c r="N629517" s="10"/>
    </row>
    <row r="629518" spans="14:14">
      <c r="N629518" s="10"/>
    </row>
    <row r="629519" spans="14:14">
      <c r="N629519" s="10"/>
    </row>
    <row r="629520" spans="14:14">
      <c r="N629520" s="10"/>
    </row>
    <row r="629521" spans="14:14">
      <c r="N629521" s="10"/>
    </row>
    <row r="629522" spans="14:14">
      <c r="N629522" s="10"/>
    </row>
    <row r="629523" spans="14:14">
      <c r="N629523" s="10"/>
    </row>
    <row r="629524" spans="14:14">
      <c r="N629524" s="10"/>
    </row>
    <row r="629525" spans="14:14">
      <c r="N629525" s="10"/>
    </row>
    <row r="629526" spans="14:14">
      <c r="N629526" s="10"/>
    </row>
    <row r="629527" spans="14:14">
      <c r="N629527" s="10"/>
    </row>
    <row r="629528" spans="14:14">
      <c r="N629528" s="10"/>
    </row>
    <row r="629529" spans="14:14">
      <c r="N629529" s="10"/>
    </row>
    <row r="629530" spans="14:14">
      <c r="N629530" s="10"/>
    </row>
    <row r="629531" spans="14:14">
      <c r="N629531" s="10"/>
    </row>
    <row r="629532" spans="14:14">
      <c r="N629532" s="10"/>
    </row>
    <row r="629533" spans="14:14">
      <c r="N629533" s="10"/>
    </row>
    <row r="629534" spans="14:14">
      <c r="N629534" s="10"/>
    </row>
    <row r="629535" spans="14:14">
      <c r="N629535" s="10"/>
    </row>
    <row r="629536" spans="14:14">
      <c r="N629536" s="10"/>
    </row>
    <row r="629537" spans="14:14">
      <c r="N629537" s="10"/>
    </row>
    <row r="629538" spans="14:14">
      <c r="N629538" s="10"/>
    </row>
    <row r="629539" spans="14:14">
      <c r="N629539" s="10"/>
    </row>
    <row r="629540" spans="14:14">
      <c r="N629540" s="10"/>
    </row>
    <row r="629541" spans="14:14">
      <c r="N629541" s="10"/>
    </row>
    <row r="629542" spans="14:14">
      <c r="N629542" s="10"/>
    </row>
    <row r="629543" spans="14:14">
      <c r="N629543" s="10"/>
    </row>
    <row r="629544" spans="14:14">
      <c r="N629544" s="10"/>
    </row>
    <row r="629545" spans="14:14">
      <c r="N629545" s="10"/>
    </row>
    <row r="629546" spans="14:14">
      <c r="N629546" s="10"/>
    </row>
    <row r="629547" spans="14:14">
      <c r="N629547" s="10"/>
    </row>
    <row r="629548" spans="14:14">
      <c r="N629548" s="10"/>
    </row>
    <row r="629549" spans="14:14">
      <c r="N629549" s="10"/>
    </row>
    <row r="629550" spans="14:14">
      <c r="N629550" s="10"/>
    </row>
    <row r="629551" spans="14:14">
      <c r="N629551" s="10"/>
    </row>
    <row r="629552" spans="14:14">
      <c r="N629552" s="10"/>
    </row>
    <row r="629553" spans="14:14">
      <c r="N629553" s="10"/>
    </row>
    <row r="629554" spans="14:14">
      <c r="N629554" s="10"/>
    </row>
    <row r="629555" spans="14:14">
      <c r="N629555" s="10"/>
    </row>
    <row r="629556" spans="14:14">
      <c r="N629556" s="10"/>
    </row>
    <row r="629557" spans="14:14">
      <c r="N629557" s="10"/>
    </row>
    <row r="629558" spans="14:14">
      <c r="N629558" s="10"/>
    </row>
    <row r="629559" spans="14:14">
      <c r="N629559" s="10"/>
    </row>
    <row r="629560" spans="14:14">
      <c r="N629560" s="10"/>
    </row>
    <row r="629561" spans="14:14">
      <c r="N629561" s="10"/>
    </row>
    <row r="629562" spans="14:14">
      <c r="N629562" s="10"/>
    </row>
    <row r="629563" spans="14:14">
      <c r="N629563" s="10"/>
    </row>
    <row r="629564" spans="14:14">
      <c r="N629564" s="10"/>
    </row>
    <row r="629565" spans="14:14">
      <c r="N629565" s="10"/>
    </row>
    <row r="629566" spans="14:14">
      <c r="N629566" s="10"/>
    </row>
    <row r="629567" spans="14:14">
      <c r="N629567" s="10"/>
    </row>
    <row r="629568" spans="14:14">
      <c r="N629568" s="10"/>
    </row>
    <row r="629569" spans="14:14">
      <c r="N629569" s="10"/>
    </row>
    <row r="629570" spans="14:14">
      <c r="N629570" s="10"/>
    </row>
    <row r="629571" spans="14:14">
      <c r="N629571" s="10"/>
    </row>
    <row r="629572" spans="14:14">
      <c r="N629572" s="10"/>
    </row>
    <row r="629573" spans="14:14">
      <c r="N629573" s="10"/>
    </row>
    <row r="629574" spans="14:14">
      <c r="N629574" s="10"/>
    </row>
    <row r="629575" spans="14:14">
      <c r="N629575" s="10"/>
    </row>
    <row r="629576" spans="14:14">
      <c r="N629576" s="10"/>
    </row>
    <row r="629577" spans="14:14">
      <c r="N629577" s="10"/>
    </row>
    <row r="629578" spans="14:14">
      <c r="N629578" s="10"/>
    </row>
    <row r="629579" spans="14:14">
      <c r="N629579" s="10"/>
    </row>
    <row r="629580" spans="14:14">
      <c r="N629580" s="10"/>
    </row>
    <row r="629581" spans="14:14">
      <c r="N629581" s="10"/>
    </row>
    <row r="629582" spans="14:14">
      <c r="N629582" s="10"/>
    </row>
    <row r="629583" spans="14:14">
      <c r="N629583" s="10"/>
    </row>
    <row r="629584" spans="14:14">
      <c r="N629584" s="10"/>
    </row>
    <row r="629585" spans="14:14">
      <c r="N629585" s="10"/>
    </row>
    <row r="629586" spans="14:14">
      <c r="N629586" s="10"/>
    </row>
    <row r="629587" spans="14:14">
      <c r="N629587" s="10"/>
    </row>
    <row r="629588" spans="14:14">
      <c r="N629588" s="10"/>
    </row>
    <row r="629589" spans="14:14">
      <c r="N629589" s="10"/>
    </row>
    <row r="629590" spans="14:14">
      <c r="N629590" s="10"/>
    </row>
    <row r="629591" spans="14:14">
      <c r="N629591" s="10"/>
    </row>
    <row r="629592" spans="14:14">
      <c r="N629592" s="10"/>
    </row>
    <row r="629593" spans="14:14">
      <c r="N629593" s="10"/>
    </row>
    <row r="629594" spans="14:14">
      <c r="N629594" s="10"/>
    </row>
    <row r="629595" spans="14:14">
      <c r="N629595" s="10"/>
    </row>
    <row r="629596" spans="14:14">
      <c r="N629596" s="10"/>
    </row>
    <row r="629597" spans="14:14">
      <c r="N629597" s="10"/>
    </row>
    <row r="629598" spans="14:14">
      <c r="N629598" s="10"/>
    </row>
    <row r="629599" spans="14:14">
      <c r="N629599" s="10"/>
    </row>
    <row r="629600" spans="14:14">
      <c r="N629600" s="10"/>
    </row>
    <row r="629601" spans="14:14">
      <c r="N629601" s="10"/>
    </row>
    <row r="629602" spans="14:14">
      <c r="N629602" s="10"/>
    </row>
    <row r="629603" spans="14:14">
      <c r="N629603" s="10"/>
    </row>
    <row r="629604" spans="14:14">
      <c r="N629604" s="10"/>
    </row>
    <row r="629605" spans="14:14">
      <c r="N629605" s="10"/>
    </row>
    <row r="629606" spans="14:14">
      <c r="N629606" s="10"/>
    </row>
    <row r="629607" spans="14:14">
      <c r="N629607" s="10"/>
    </row>
    <row r="629608" spans="14:14">
      <c r="N629608" s="10"/>
    </row>
    <row r="629609" spans="14:14">
      <c r="N629609" s="10"/>
    </row>
    <row r="629610" spans="14:14">
      <c r="N629610" s="10"/>
    </row>
    <row r="629611" spans="14:14">
      <c r="N629611" s="10"/>
    </row>
    <row r="629612" spans="14:14">
      <c r="N629612" s="10"/>
    </row>
    <row r="629613" spans="14:14">
      <c r="N629613" s="10"/>
    </row>
    <row r="629614" spans="14:14">
      <c r="N629614" s="10"/>
    </row>
    <row r="629615" spans="14:14">
      <c r="N629615" s="10"/>
    </row>
    <row r="629616" spans="14:14">
      <c r="N629616" s="10"/>
    </row>
    <row r="629617" spans="14:14">
      <c r="N629617" s="10"/>
    </row>
    <row r="629618" spans="14:14">
      <c r="N629618" s="10"/>
    </row>
    <row r="629619" spans="14:14">
      <c r="N629619" s="10"/>
    </row>
    <row r="629620" spans="14:14">
      <c r="N629620" s="10"/>
    </row>
    <row r="629621" spans="14:14">
      <c r="N629621" s="10"/>
    </row>
    <row r="629622" spans="14:14">
      <c r="N629622" s="10"/>
    </row>
    <row r="629623" spans="14:14">
      <c r="N629623" s="10"/>
    </row>
    <row r="629624" spans="14:14">
      <c r="N629624" s="10"/>
    </row>
    <row r="629625" spans="14:14">
      <c r="N629625" s="10"/>
    </row>
    <row r="629626" spans="14:14">
      <c r="N629626" s="10"/>
    </row>
    <row r="629627" spans="14:14">
      <c r="N629627" s="10"/>
    </row>
    <row r="629628" spans="14:14">
      <c r="N629628" s="10"/>
    </row>
    <row r="629629" spans="14:14">
      <c r="N629629" s="10"/>
    </row>
    <row r="629630" spans="14:14">
      <c r="N629630" s="10"/>
    </row>
    <row r="629631" spans="14:14">
      <c r="N629631" s="10"/>
    </row>
    <row r="629632" spans="14:14">
      <c r="N629632" s="10"/>
    </row>
    <row r="629633" spans="14:14">
      <c r="N629633" s="10"/>
    </row>
    <row r="629634" spans="14:14">
      <c r="N629634" s="10"/>
    </row>
    <row r="629635" spans="14:14">
      <c r="N629635" s="10"/>
    </row>
    <row r="629636" spans="14:14">
      <c r="N629636" s="10"/>
    </row>
    <row r="629637" spans="14:14">
      <c r="N629637" s="10"/>
    </row>
    <row r="629638" spans="14:14">
      <c r="N629638" s="10"/>
    </row>
    <row r="629639" spans="14:14">
      <c r="N629639" s="10"/>
    </row>
    <row r="629640" spans="14:14">
      <c r="N629640" s="10"/>
    </row>
    <row r="629641" spans="14:14">
      <c r="N629641" s="10"/>
    </row>
    <row r="629642" spans="14:14">
      <c r="N629642" s="10"/>
    </row>
    <row r="629643" spans="14:14">
      <c r="N629643" s="10"/>
    </row>
    <row r="629644" spans="14:14">
      <c r="N629644" s="10"/>
    </row>
    <row r="629645" spans="14:14">
      <c r="N629645" s="10"/>
    </row>
    <row r="629646" spans="14:14">
      <c r="N629646" s="10"/>
    </row>
    <row r="629647" spans="14:14">
      <c r="N629647" s="10"/>
    </row>
    <row r="629648" spans="14:14">
      <c r="N629648" s="10"/>
    </row>
    <row r="629649" spans="14:14">
      <c r="N629649" s="10"/>
    </row>
    <row r="629650" spans="14:14">
      <c r="N629650" s="10"/>
    </row>
    <row r="629651" spans="14:14">
      <c r="N629651" s="10"/>
    </row>
    <row r="629652" spans="14:14">
      <c r="N629652" s="10"/>
    </row>
    <row r="629653" spans="14:14">
      <c r="N629653" s="10"/>
    </row>
    <row r="629654" spans="14:14">
      <c r="N629654" s="10"/>
    </row>
    <row r="629655" spans="14:14">
      <c r="N629655" s="10"/>
    </row>
    <row r="629656" spans="14:14">
      <c r="N629656" s="10"/>
    </row>
    <row r="629657" spans="14:14">
      <c r="N629657" s="10"/>
    </row>
    <row r="629658" spans="14:14">
      <c r="N629658" s="10"/>
    </row>
    <row r="629659" spans="14:14">
      <c r="N629659" s="10"/>
    </row>
    <row r="629660" spans="14:14">
      <c r="N629660" s="10"/>
    </row>
    <row r="629661" spans="14:14">
      <c r="N629661" s="10"/>
    </row>
    <row r="629662" spans="14:14">
      <c r="N629662" s="10"/>
    </row>
    <row r="629663" spans="14:14">
      <c r="N629663" s="10"/>
    </row>
    <row r="629664" spans="14:14">
      <c r="N629664" s="10"/>
    </row>
    <row r="629665" spans="14:14">
      <c r="N629665" s="10"/>
    </row>
    <row r="629666" spans="14:14">
      <c r="N629666" s="10"/>
    </row>
    <row r="629667" spans="14:14">
      <c r="N629667" s="10"/>
    </row>
    <row r="629668" spans="14:14">
      <c r="N629668" s="10"/>
    </row>
    <row r="629669" spans="14:14">
      <c r="N629669" s="10"/>
    </row>
    <row r="629670" spans="14:14">
      <c r="N629670" s="10"/>
    </row>
    <row r="629671" spans="14:14">
      <c r="N629671" s="10"/>
    </row>
    <row r="629672" spans="14:14">
      <c r="N629672" s="10"/>
    </row>
    <row r="629673" spans="14:14">
      <c r="N629673" s="10"/>
    </row>
    <row r="629674" spans="14:14">
      <c r="N629674" s="10"/>
    </row>
    <row r="629675" spans="14:14">
      <c r="N629675" s="10"/>
    </row>
    <row r="629676" spans="14:14">
      <c r="N629676" s="10"/>
    </row>
    <row r="629677" spans="14:14">
      <c r="N629677" s="10"/>
    </row>
    <row r="629678" spans="14:14">
      <c r="N629678" s="10"/>
    </row>
    <row r="629679" spans="14:14">
      <c r="N629679" s="10"/>
    </row>
    <row r="629680" spans="14:14">
      <c r="N629680" s="10"/>
    </row>
    <row r="629681" spans="14:14">
      <c r="N629681" s="10"/>
    </row>
    <row r="629682" spans="14:14">
      <c r="N629682" s="10"/>
    </row>
    <row r="629683" spans="14:14">
      <c r="N629683" s="10"/>
    </row>
    <row r="629684" spans="14:14">
      <c r="N629684" s="10"/>
    </row>
    <row r="629685" spans="14:14">
      <c r="N629685" s="10"/>
    </row>
    <row r="629686" spans="14:14">
      <c r="N629686" s="10"/>
    </row>
    <row r="629687" spans="14:14">
      <c r="N629687" s="10"/>
    </row>
    <row r="629688" spans="14:14">
      <c r="N629688" s="10"/>
    </row>
    <row r="629689" spans="14:14">
      <c r="N629689" s="10"/>
    </row>
    <row r="629690" spans="14:14">
      <c r="N629690" s="10"/>
    </row>
    <row r="629691" spans="14:14">
      <c r="N629691" s="10"/>
    </row>
    <row r="629692" spans="14:14">
      <c r="N629692" s="10"/>
    </row>
    <row r="629693" spans="14:14">
      <c r="N629693" s="10"/>
    </row>
    <row r="629694" spans="14:14">
      <c r="N629694" s="10"/>
    </row>
    <row r="629695" spans="14:14">
      <c r="N629695" s="10"/>
    </row>
    <row r="629696" spans="14:14">
      <c r="N629696" s="10"/>
    </row>
    <row r="629697" spans="14:14">
      <c r="N629697" s="10"/>
    </row>
    <row r="629698" spans="14:14">
      <c r="N629698" s="10"/>
    </row>
    <row r="629699" spans="14:14">
      <c r="N629699" s="10"/>
    </row>
    <row r="629700" spans="14:14">
      <c r="N629700" s="10"/>
    </row>
    <row r="629701" spans="14:14">
      <c r="N629701" s="10"/>
    </row>
    <row r="629702" spans="14:14">
      <c r="N629702" s="10"/>
    </row>
    <row r="629703" spans="14:14">
      <c r="N629703" s="10"/>
    </row>
    <row r="629704" spans="14:14">
      <c r="N629704" s="10"/>
    </row>
    <row r="629705" spans="14:14">
      <c r="N629705" s="10"/>
    </row>
    <row r="629706" spans="14:14">
      <c r="N629706" s="10"/>
    </row>
    <row r="629707" spans="14:14">
      <c r="N629707" s="10"/>
    </row>
    <row r="629708" spans="14:14">
      <c r="N629708" s="10"/>
    </row>
    <row r="629709" spans="14:14">
      <c r="N629709" s="10"/>
    </row>
    <row r="629710" spans="14:14">
      <c r="N629710" s="10"/>
    </row>
    <row r="629711" spans="14:14">
      <c r="N629711" s="10"/>
    </row>
    <row r="629712" spans="14:14">
      <c r="N629712" s="10"/>
    </row>
    <row r="629713" spans="14:14">
      <c r="N629713" s="10"/>
    </row>
    <row r="629714" spans="14:14">
      <c r="N629714" s="10"/>
    </row>
    <row r="629715" spans="14:14">
      <c r="N629715" s="10"/>
    </row>
    <row r="629716" spans="14:14">
      <c r="N629716" s="10"/>
    </row>
    <row r="629717" spans="14:14">
      <c r="N629717" s="10"/>
    </row>
    <row r="629718" spans="14:14">
      <c r="N629718" s="10"/>
    </row>
    <row r="629719" spans="14:14">
      <c r="N629719" s="10"/>
    </row>
    <row r="629720" spans="14:14">
      <c r="N629720" s="10"/>
    </row>
    <row r="629721" spans="14:14">
      <c r="N629721" s="10"/>
    </row>
    <row r="629722" spans="14:14">
      <c r="N629722" s="10"/>
    </row>
    <row r="629723" spans="14:14">
      <c r="N629723" s="10"/>
    </row>
    <row r="629724" spans="14:14">
      <c r="N629724" s="10"/>
    </row>
    <row r="629725" spans="14:14">
      <c r="N629725" s="10"/>
    </row>
    <row r="629726" spans="14:14">
      <c r="N629726" s="10"/>
    </row>
    <row r="629727" spans="14:14">
      <c r="N629727" s="10"/>
    </row>
    <row r="629728" spans="14:14">
      <c r="N629728" s="10"/>
    </row>
    <row r="629729" spans="14:14">
      <c r="N629729" s="10"/>
    </row>
    <row r="629730" spans="14:14">
      <c r="N629730" s="10"/>
    </row>
    <row r="629731" spans="14:14">
      <c r="N629731" s="10"/>
    </row>
    <row r="629732" spans="14:14">
      <c r="N629732" s="10"/>
    </row>
    <row r="629733" spans="14:14">
      <c r="N629733" s="10"/>
    </row>
    <row r="629734" spans="14:14">
      <c r="N629734" s="10"/>
    </row>
    <row r="629735" spans="14:14">
      <c r="N629735" s="10"/>
    </row>
    <row r="629736" spans="14:14">
      <c r="N629736" s="10"/>
    </row>
    <row r="629737" spans="14:14">
      <c r="N629737" s="10"/>
    </row>
    <row r="629738" spans="14:14">
      <c r="N629738" s="10"/>
    </row>
    <row r="629739" spans="14:14">
      <c r="N629739" s="10"/>
    </row>
    <row r="629740" spans="14:14">
      <c r="N629740" s="10"/>
    </row>
    <row r="629741" spans="14:14">
      <c r="N629741" s="10"/>
    </row>
    <row r="629742" spans="14:14">
      <c r="N629742" s="10"/>
    </row>
    <row r="629743" spans="14:14">
      <c r="N629743" s="10"/>
    </row>
    <row r="629744" spans="14:14">
      <c r="N629744" s="10"/>
    </row>
    <row r="629745" spans="14:14">
      <c r="N629745" s="10"/>
    </row>
    <row r="629746" spans="14:14">
      <c r="N629746" s="10"/>
    </row>
    <row r="629747" spans="14:14">
      <c r="N629747" s="10"/>
    </row>
    <row r="629748" spans="14:14">
      <c r="N629748" s="10"/>
    </row>
    <row r="629749" spans="14:14">
      <c r="N629749" s="10"/>
    </row>
    <row r="629750" spans="14:14">
      <c r="N629750" s="10"/>
    </row>
    <row r="629751" spans="14:14">
      <c r="N629751" s="10"/>
    </row>
    <row r="629752" spans="14:14">
      <c r="N629752" s="10"/>
    </row>
    <row r="629753" spans="14:14">
      <c r="N629753" s="10"/>
    </row>
    <row r="629754" spans="14:14">
      <c r="N629754" s="10"/>
    </row>
    <row r="629755" spans="14:14">
      <c r="N629755" s="10"/>
    </row>
    <row r="629756" spans="14:14">
      <c r="N629756" s="10"/>
    </row>
    <row r="629757" spans="14:14">
      <c r="N629757" s="10"/>
    </row>
    <row r="629758" spans="14:14">
      <c r="N629758" s="10"/>
    </row>
    <row r="629759" spans="14:14">
      <c r="N629759" s="10"/>
    </row>
    <row r="629760" spans="14:14">
      <c r="N629760" s="10"/>
    </row>
    <row r="629761" spans="14:14">
      <c r="N629761" s="10"/>
    </row>
    <row r="629762" spans="14:14">
      <c r="N629762" s="10"/>
    </row>
    <row r="629763" spans="14:14">
      <c r="N629763" s="10"/>
    </row>
    <row r="629764" spans="14:14">
      <c r="N629764" s="10"/>
    </row>
    <row r="629765" spans="14:14">
      <c r="N629765" s="10"/>
    </row>
    <row r="629766" spans="14:14">
      <c r="N629766" s="10"/>
    </row>
    <row r="629767" spans="14:14">
      <c r="N629767" s="10"/>
    </row>
    <row r="629768" spans="14:14">
      <c r="N629768" s="10"/>
    </row>
    <row r="629769" spans="14:14">
      <c r="N629769" s="10"/>
    </row>
    <row r="629770" spans="14:14">
      <c r="N629770" s="10"/>
    </row>
    <row r="629771" spans="14:14">
      <c r="N629771" s="10"/>
    </row>
    <row r="629772" spans="14:14">
      <c r="N629772" s="10"/>
    </row>
    <row r="629773" spans="14:14">
      <c r="N629773" s="10"/>
    </row>
    <row r="629774" spans="14:14">
      <c r="N629774" s="10"/>
    </row>
    <row r="629775" spans="14:14">
      <c r="N629775" s="10"/>
    </row>
    <row r="629776" spans="14:14">
      <c r="N629776" s="10"/>
    </row>
    <row r="629777" spans="14:14">
      <c r="N629777" s="10"/>
    </row>
    <row r="629778" spans="14:14">
      <c r="N629778" s="10"/>
    </row>
    <row r="629779" spans="14:14">
      <c r="N629779" s="10"/>
    </row>
    <row r="629780" spans="14:14">
      <c r="N629780" s="10"/>
    </row>
    <row r="629781" spans="14:14">
      <c r="N629781" s="10"/>
    </row>
    <row r="629782" spans="14:14">
      <c r="N629782" s="10"/>
    </row>
    <row r="629783" spans="14:14">
      <c r="N629783" s="10"/>
    </row>
    <row r="629784" spans="14:14">
      <c r="N629784" s="10"/>
    </row>
    <row r="629785" spans="14:14">
      <c r="N629785" s="10"/>
    </row>
    <row r="629786" spans="14:14">
      <c r="N629786" s="10"/>
    </row>
    <row r="629787" spans="14:14">
      <c r="N629787" s="10"/>
    </row>
    <row r="629788" spans="14:14">
      <c r="N629788" s="10"/>
    </row>
    <row r="629789" spans="14:14">
      <c r="N629789" s="10"/>
    </row>
    <row r="629790" spans="14:14">
      <c r="N629790" s="10"/>
    </row>
    <row r="629791" spans="14:14">
      <c r="N629791" s="10"/>
    </row>
    <row r="629792" spans="14:14">
      <c r="N629792" s="10"/>
    </row>
    <row r="629793" spans="14:14">
      <c r="N629793" s="10"/>
    </row>
    <row r="629794" spans="14:14">
      <c r="N629794" s="10"/>
    </row>
    <row r="629795" spans="14:14">
      <c r="N629795" s="10"/>
    </row>
    <row r="629796" spans="14:14">
      <c r="N629796" s="10"/>
    </row>
    <row r="629797" spans="14:14">
      <c r="N629797" s="10"/>
    </row>
    <row r="629798" spans="14:14">
      <c r="N629798" s="10"/>
    </row>
    <row r="629799" spans="14:14">
      <c r="N629799" s="10"/>
    </row>
    <row r="629800" spans="14:14">
      <c r="N629800" s="10"/>
    </row>
    <row r="629801" spans="14:14">
      <c r="N629801" s="10"/>
    </row>
    <row r="629802" spans="14:14">
      <c r="N629802" s="10"/>
    </row>
    <row r="629803" spans="14:14">
      <c r="N629803" s="10"/>
    </row>
    <row r="629804" spans="14:14">
      <c r="N629804" s="10"/>
    </row>
    <row r="629805" spans="14:14">
      <c r="N629805" s="10"/>
    </row>
    <row r="629806" spans="14:14">
      <c r="N629806" s="10"/>
    </row>
    <row r="629807" spans="14:14">
      <c r="N629807" s="10"/>
    </row>
    <row r="629808" spans="14:14">
      <c r="N629808" s="10"/>
    </row>
    <row r="629809" spans="14:14">
      <c r="N629809" s="10"/>
    </row>
    <row r="629810" spans="14:14">
      <c r="N629810" s="10"/>
    </row>
    <row r="629811" spans="14:14">
      <c r="N629811" s="10"/>
    </row>
    <row r="629812" spans="14:14">
      <c r="N629812" s="10"/>
    </row>
    <row r="629813" spans="14:14">
      <c r="N629813" s="10"/>
    </row>
    <row r="629814" spans="14:14">
      <c r="N629814" s="10"/>
    </row>
    <row r="629815" spans="14:14">
      <c r="N629815" s="10"/>
    </row>
    <row r="629816" spans="14:14">
      <c r="N629816" s="10"/>
    </row>
    <row r="629817" spans="14:14">
      <c r="N629817" s="10"/>
    </row>
    <row r="629818" spans="14:14">
      <c r="N629818" s="10"/>
    </row>
    <row r="629819" spans="14:14">
      <c r="N629819" s="10"/>
    </row>
    <row r="629820" spans="14:14">
      <c r="N629820" s="10"/>
    </row>
    <row r="629821" spans="14:14">
      <c r="N629821" s="10"/>
    </row>
    <row r="629822" spans="14:14">
      <c r="N629822" s="10"/>
    </row>
    <row r="629823" spans="14:14">
      <c r="N629823" s="10"/>
    </row>
    <row r="629824" spans="14:14">
      <c r="N629824" s="10"/>
    </row>
    <row r="629825" spans="14:14">
      <c r="N629825" s="10"/>
    </row>
    <row r="629826" spans="14:14">
      <c r="N629826" s="10"/>
    </row>
    <row r="629827" spans="14:14">
      <c r="N629827" s="10"/>
    </row>
    <row r="629828" spans="14:14">
      <c r="N629828" s="10"/>
    </row>
    <row r="629829" spans="14:14">
      <c r="N629829" s="10"/>
    </row>
    <row r="629830" spans="14:14">
      <c r="N629830" s="10"/>
    </row>
    <row r="629831" spans="14:14">
      <c r="N629831" s="10"/>
    </row>
    <row r="629832" spans="14:14">
      <c r="N629832" s="10"/>
    </row>
    <row r="629833" spans="14:14">
      <c r="N629833" s="10"/>
    </row>
    <row r="629834" spans="14:14">
      <c r="N629834" s="10"/>
    </row>
    <row r="629835" spans="14:14">
      <c r="N629835" s="10"/>
    </row>
    <row r="629836" spans="14:14">
      <c r="N629836" s="10"/>
    </row>
    <row r="629837" spans="14:14">
      <c r="N629837" s="10"/>
    </row>
    <row r="629838" spans="14:14">
      <c r="N629838" s="10"/>
    </row>
    <row r="629839" spans="14:14">
      <c r="N629839" s="10"/>
    </row>
    <row r="629840" spans="14:14">
      <c r="N629840" s="10"/>
    </row>
    <row r="629841" spans="14:14">
      <c r="N629841" s="10"/>
    </row>
    <row r="629842" spans="14:14">
      <c r="N629842" s="10"/>
    </row>
    <row r="629843" spans="14:14">
      <c r="N629843" s="10"/>
    </row>
    <row r="629844" spans="14:14">
      <c r="N629844" s="10"/>
    </row>
    <row r="629845" spans="14:14">
      <c r="N629845" s="10"/>
    </row>
    <row r="629846" spans="14:14">
      <c r="N629846" s="10"/>
    </row>
    <row r="629847" spans="14:14">
      <c r="N629847" s="10"/>
    </row>
    <row r="629848" spans="14:14">
      <c r="N629848" s="10"/>
    </row>
    <row r="629849" spans="14:14">
      <c r="N629849" s="10"/>
    </row>
    <row r="629850" spans="14:14">
      <c r="N629850" s="10"/>
    </row>
    <row r="629851" spans="14:14">
      <c r="N629851" s="10"/>
    </row>
    <row r="629852" spans="14:14">
      <c r="N629852" s="10"/>
    </row>
    <row r="629853" spans="14:14">
      <c r="N629853" s="10"/>
    </row>
    <row r="629854" spans="14:14">
      <c r="N629854" s="10"/>
    </row>
    <row r="629855" spans="14:14">
      <c r="N629855" s="10"/>
    </row>
    <row r="629856" spans="14:14">
      <c r="N629856" s="10"/>
    </row>
    <row r="629857" spans="14:14">
      <c r="N629857" s="10"/>
    </row>
    <row r="629858" spans="14:14">
      <c r="N629858" s="10"/>
    </row>
    <row r="629859" spans="14:14">
      <c r="N629859" s="10"/>
    </row>
    <row r="629860" spans="14:14">
      <c r="N629860" s="10"/>
    </row>
    <row r="629861" spans="14:14">
      <c r="N629861" s="10"/>
    </row>
    <row r="629862" spans="14:14">
      <c r="N629862" s="10"/>
    </row>
    <row r="629863" spans="14:14">
      <c r="N629863" s="10"/>
    </row>
    <row r="629864" spans="14:14">
      <c r="N629864" s="10"/>
    </row>
    <row r="629865" spans="14:14">
      <c r="N629865" s="10"/>
    </row>
    <row r="629866" spans="14:14">
      <c r="N629866" s="10"/>
    </row>
    <row r="629867" spans="14:14">
      <c r="N629867" s="10"/>
    </row>
    <row r="629868" spans="14:14">
      <c r="N629868" s="10"/>
    </row>
    <row r="629869" spans="14:14">
      <c r="N629869" s="10"/>
    </row>
    <row r="629870" spans="14:14">
      <c r="N629870" s="10"/>
    </row>
    <row r="629871" spans="14:14">
      <c r="N629871" s="10"/>
    </row>
    <row r="629872" spans="14:14">
      <c r="N629872" s="10"/>
    </row>
    <row r="629873" spans="14:14">
      <c r="N629873" s="10"/>
    </row>
    <row r="629874" spans="14:14">
      <c r="N629874" s="10"/>
    </row>
    <row r="629875" spans="14:14">
      <c r="N629875" s="10"/>
    </row>
    <row r="629876" spans="14:14">
      <c r="N629876" s="10"/>
    </row>
    <row r="629877" spans="14:14">
      <c r="N629877" s="10"/>
    </row>
    <row r="629878" spans="14:14">
      <c r="N629878" s="10"/>
    </row>
    <row r="629879" spans="14:14">
      <c r="N629879" s="10"/>
    </row>
    <row r="629880" spans="14:14">
      <c r="N629880" s="10"/>
    </row>
    <row r="629881" spans="14:14">
      <c r="N629881" s="10"/>
    </row>
    <row r="629882" spans="14:14">
      <c r="N629882" s="10"/>
    </row>
    <row r="629883" spans="14:14">
      <c r="N629883" s="10"/>
    </row>
    <row r="629884" spans="14:14">
      <c r="N629884" s="10"/>
    </row>
    <row r="629885" spans="14:14">
      <c r="N629885" s="10"/>
    </row>
    <row r="629886" spans="14:14">
      <c r="N629886" s="10"/>
    </row>
    <row r="629887" spans="14:14">
      <c r="N629887" s="10"/>
    </row>
    <row r="629888" spans="14:14">
      <c r="N629888" s="10"/>
    </row>
    <row r="629889" spans="14:14">
      <c r="N629889" s="10"/>
    </row>
    <row r="629890" spans="14:14">
      <c r="N629890" s="10"/>
    </row>
    <row r="629891" spans="14:14">
      <c r="N629891" s="10"/>
    </row>
    <row r="629892" spans="14:14">
      <c r="N629892" s="10"/>
    </row>
    <row r="629893" spans="14:14">
      <c r="N629893" s="10"/>
    </row>
    <row r="629894" spans="14:14">
      <c r="N629894" s="10"/>
    </row>
    <row r="629895" spans="14:14">
      <c r="N629895" s="10"/>
    </row>
    <row r="629896" spans="14:14">
      <c r="N629896" s="10"/>
    </row>
    <row r="629897" spans="14:14">
      <c r="N629897" s="10"/>
    </row>
    <row r="629898" spans="14:14">
      <c r="N629898" s="10"/>
    </row>
    <row r="629899" spans="14:14">
      <c r="N629899" s="10"/>
    </row>
    <row r="629900" spans="14:14">
      <c r="N629900" s="10"/>
    </row>
    <row r="629901" spans="14:14">
      <c r="N629901" s="10"/>
    </row>
    <row r="629902" spans="14:14">
      <c r="N629902" s="10"/>
    </row>
    <row r="629903" spans="14:14">
      <c r="N629903" s="10"/>
    </row>
    <row r="629904" spans="14:14">
      <c r="N629904" s="10"/>
    </row>
    <row r="629905" spans="14:14">
      <c r="N629905" s="10"/>
    </row>
    <row r="629906" spans="14:14">
      <c r="N629906" s="10"/>
    </row>
    <row r="629907" spans="14:14">
      <c r="N629907" s="10"/>
    </row>
    <row r="629908" spans="14:14">
      <c r="N629908" s="10"/>
    </row>
    <row r="629909" spans="14:14">
      <c r="N629909" s="10"/>
    </row>
    <row r="629910" spans="14:14">
      <c r="N629910" s="10"/>
    </row>
    <row r="629911" spans="14:14">
      <c r="N629911" s="10"/>
    </row>
    <row r="629912" spans="14:14">
      <c r="N629912" s="10"/>
    </row>
    <row r="629913" spans="14:14">
      <c r="N629913" s="10"/>
    </row>
    <row r="629914" spans="14:14">
      <c r="N629914" s="10"/>
    </row>
    <row r="629915" spans="14:14">
      <c r="N629915" s="10"/>
    </row>
    <row r="629916" spans="14:14">
      <c r="N629916" s="10"/>
    </row>
    <row r="629917" spans="14:14">
      <c r="N629917" s="10"/>
    </row>
    <row r="629918" spans="14:14">
      <c r="N629918" s="10"/>
    </row>
    <row r="629919" spans="14:14">
      <c r="N629919" s="10"/>
    </row>
    <row r="629920" spans="14:14">
      <c r="N629920" s="10"/>
    </row>
    <row r="629921" spans="14:14">
      <c r="N629921" s="10"/>
    </row>
    <row r="629922" spans="14:14">
      <c r="N629922" s="10"/>
    </row>
    <row r="629923" spans="14:14">
      <c r="N629923" s="10"/>
    </row>
    <row r="629924" spans="14:14">
      <c r="N629924" s="10"/>
    </row>
    <row r="629925" spans="14:14">
      <c r="N629925" s="10"/>
    </row>
    <row r="629926" spans="14:14">
      <c r="N629926" s="10"/>
    </row>
    <row r="629927" spans="14:14">
      <c r="N629927" s="10"/>
    </row>
    <row r="629928" spans="14:14">
      <c r="N629928" s="10"/>
    </row>
    <row r="629929" spans="14:14">
      <c r="N629929" s="10"/>
    </row>
    <row r="629930" spans="14:14">
      <c r="N629930" s="10"/>
    </row>
    <row r="629931" spans="14:14">
      <c r="N629931" s="10"/>
    </row>
    <row r="629932" spans="14:14">
      <c r="N629932" s="10"/>
    </row>
    <row r="629933" spans="14:14">
      <c r="N629933" s="10"/>
    </row>
    <row r="629934" spans="14:14">
      <c r="N629934" s="10"/>
    </row>
    <row r="629935" spans="14:14">
      <c r="N629935" s="10"/>
    </row>
    <row r="629936" spans="14:14">
      <c r="N629936" s="10"/>
    </row>
    <row r="629937" spans="14:14">
      <c r="N629937" s="10"/>
    </row>
    <row r="629938" spans="14:14">
      <c r="N629938" s="10"/>
    </row>
    <row r="629939" spans="14:14">
      <c r="N629939" s="10"/>
    </row>
    <row r="629940" spans="14:14">
      <c r="N629940" s="10"/>
    </row>
    <row r="629941" spans="14:14">
      <c r="N629941" s="10"/>
    </row>
    <row r="629942" spans="14:14">
      <c r="N629942" s="10"/>
    </row>
    <row r="629943" spans="14:14">
      <c r="N629943" s="10"/>
    </row>
    <row r="629944" spans="14:14">
      <c r="N629944" s="10"/>
    </row>
    <row r="629945" spans="14:14">
      <c r="N629945" s="10"/>
    </row>
    <row r="629946" spans="14:14">
      <c r="N629946" s="10"/>
    </row>
    <row r="629947" spans="14:14">
      <c r="N629947" s="10"/>
    </row>
    <row r="629948" spans="14:14">
      <c r="N629948" s="10"/>
    </row>
    <row r="629949" spans="14:14">
      <c r="N629949" s="10"/>
    </row>
    <row r="629950" spans="14:14">
      <c r="N629950" s="10"/>
    </row>
    <row r="629951" spans="14:14">
      <c r="N629951" s="10"/>
    </row>
    <row r="629952" spans="14:14">
      <c r="N629952" s="10"/>
    </row>
    <row r="629953" spans="14:14">
      <c r="N629953" s="10"/>
    </row>
    <row r="629954" spans="14:14">
      <c r="N629954" s="10"/>
    </row>
    <row r="629955" spans="14:14">
      <c r="N629955" s="10"/>
    </row>
    <row r="629956" spans="14:14">
      <c r="N629956" s="10"/>
    </row>
    <row r="629957" spans="14:14">
      <c r="N629957" s="10"/>
    </row>
    <row r="629958" spans="14:14">
      <c r="N629958" s="10"/>
    </row>
    <row r="629959" spans="14:14">
      <c r="N629959" s="10"/>
    </row>
    <row r="629960" spans="14:14">
      <c r="N629960" s="10"/>
    </row>
    <row r="629961" spans="14:14">
      <c r="N629961" s="10"/>
    </row>
    <row r="629962" spans="14:14">
      <c r="N629962" s="10"/>
    </row>
    <row r="629963" spans="14:14">
      <c r="N629963" s="10"/>
    </row>
    <row r="629964" spans="14:14">
      <c r="N629964" s="10"/>
    </row>
    <row r="629965" spans="14:14">
      <c r="N629965" s="10"/>
    </row>
    <row r="629966" spans="14:14">
      <c r="N629966" s="10"/>
    </row>
    <row r="629967" spans="14:14">
      <c r="N629967" s="10"/>
    </row>
    <row r="629968" spans="14:14">
      <c r="N629968" s="10"/>
    </row>
    <row r="629969" spans="14:14">
      <c r="N629969" s="10"/>
    </row>
    <row r="629970" spans="14:14">
      <c r="N629970" s="10"/>
    </row>
    <row r="629971" spans="14:14">
      <c r="N629971" s="10"/>
    </row>
    <row r="629972" spans="14:14">
      <c r="N629972" s="10"/>
    </row>
    <row r="629973" spans="14:14">
      <c r="N629973" s="10"/>
    </row>
    <row r="629974" spans="14:14">
      <c r="N629974" s="10"/>
    </row>
    <row r="629975" spans="14:14">
      <c r="N629975" s="10"/>
    </row>
    <row r="629976" spans="14:14">
      <c r="N629976" s="10"/>
    </row>
    <row r="629977" spans="14:14">
      <c r="N629977" s="10"/>
    </row>
    <row r="629978" spans="14:14">
      <c r="N629978" s="10"/>
    </row>
    <row r="629979" spans="14:14">
      <c r="N629979" s="10"/>
    </row>
    <row r="629980" spans="14:14">
      <c r="N629980" s="10"/>
    </row>
    <row r="629981" spans="14:14">
      <c r="N629981" s="10"/>
    </row>
    <row r="629982" spans="14:14">
      <c r="N629982" s="10"/>
    </row>
    <row r="629983" spans="14:14">
      <c r="N629983" s="10"/>
    </row>
    <row r="629984" spans="14:14">
      <c r="N629984" s="10"/>
    </row>
    <row r="629985" spans="14:14">
      <c r="N629985" s="10"/>
    </row>
    <row r="629986" spans="14:14">
      <c r="N629986" s="10"/>
    </row>
    <row r="629987" spans="14:14">
      <c r="N629987" s="10"/>
    </row>
    <row r="629988" spans="14:14">
      <c r="N629988" s="10"/>
    </row>
    <row r="629989" spans="14:14">
      <c r="N629989" s="10"/>
    </row>
    <row r="629990" spans="14:14">
      <c r="N629990" s="10"/>
    </row>
    <row r="629991" spans="14:14">
      <c r="N629991" s="10"/>
    </row>
    <row r="629992" spans="14:14">
      <c r="N629992" s="10"/>
    </row>
    <row r="629993" spans="14:14">
      <c r="N629993" s="10"/>
    </row>
    <row r="629994" spans="14:14">
      <c r="N629994" s="10"/>
    </row>
    <row r="629995" spans="14:14">
      <c r="N629995" s="10"/>
    </row>
    <row r="629996" spans="14:14">
      <c r="N629996" s="10"/>
    </row>
    <row r="629997" spans="14:14">
      <c r="N629997" s="10"/>
    </row>
    <row r="629998" spans="14:14">
      <c r="N629998" s="10"/>
    </row>
    <row r="629999" spans="14:14">
      <c r="N629999" s="10"/>
    </row>
    <row r="630000" spans="14:14">
      <c r="N630000" s="10"/>
    </row>
    <row r="630001" spans="14:14">
      <c r="N630001" s="10"/>
    </row>
    <row r="630002" spans="14:14">
      <c r="N630002" s="10"/>
    </row>
    <row r="630003" spans="14:14">
      <c r="N630003" s="10"/>
    </row>
    <row r="630004" spans="14:14">
      <c r="N630004" s="10"/>
    </row>
    <row r="630005" spans="14:14">
      <c r="N630005" s="10"/>
    </row>
    <row r="630006" spans="14:14">
      <c r="N630006" s="10"/>
    </row>
    <row r="630007" spans="14:14">
      <c r="N630007" s="10"/>
    </row>
    <row r="630008" spans="14:14">
      <c r="N630008" s="10"/>
    </row>
    <row r="630009" spans="14:14">
      <c r="N630009" s="10"/>
    </row>
    <row r="630010" spans="14:14">
      <c r="N630010" s="10"/>
    </row>
    <row r="630011" spans="14:14">
      <c r="N630011" s="10"/>
    </row>
    <row r="630012" spans="14:14">
      <c r="N630012" s="10"/>
    </row>
    <row r="630013" spans="14:14">
      <c r="N630013" s="10"/>
    </row>
    <row r="630014" spans="14:14">
      <c r="N630014" s="10"/>
    </row>
    <row r="630015" spans="14:14">
      <c r="N630015" s="10"/>
    </row>
    <row r="630016" spans="14:14">
      <c r="N630016" s="10"/>
    </row>
    <row r="630017" spans="14:14">
      <c r="N630017" s="10"/>
    </row>
    <row r="630018" spans="14:14">
      <c r="N630018" s="10"/>
    </row>
    <row r="630019" spans="14:14">
      <c r="N630019" s="10"/>
    </row>
    <row r="630020" spans="14:14">
      <c r="N630020" s="10"/>
    </row>
    <row r="630021" spans="14:14">
      <c r="N630021" s="10"/>
    </row>
    <row r="630022" spans="14:14">
      <c r="N630022" s="10"/>
    </row>
    <row r="630023" spans="14:14">
      <c r="N630023" s="10"/>
    </row>
    <row r="630024" spans="14:14">
      <c r="N630024" s="10"/>
    </row>
    <row r="630025" spans="14:14">
      <c r="N630025" s="10"/>
    </row>
    <row r="630026" spans="14:14">
      <c r="N630026" s="10"/>
    </row>
    <row r="630027" spans="14:14">
      <c r="N630027" s="10"/>
    </row>
    <row r="630028" spans="14:14">
      <c r="N630028" s="10"/>
    </row>
    <row r="630029" spans="14:14">
      <c r="N630029" s="10"/>
    </row>
    <row r="630030" spans="14:14">
      <c r="N630030" s="10"/>
    </row>
    <row r="630031" spans="14:14">
      <c r="N630031" s="10"/>
    </row>
    <row r="630032" spans="14:14">
      <c r="N630032" s="10"/>
    </row>
    <row r="630033" spans="14:14">
      <c r="N630033" s="10"/>
    </row>
    <row r="630034" spans="14:14">
      <c r="N630034" s="10"/>
    </row>
    <row r="630035" spans="14:14">
      <c r="N630035" s="10"/>
    </row>
    <row r="630036" spans="14:14">
      <c r="N630036" s="10"/>
    </row>
    <row r="630037" spans="14:14">
      <c r="N630037" s="10"/>
    </row>
    <row r="630038" spans="14:14">
      <c r="N630038" s="10"/>
    </row>
    <row r="630039" spans="14:14">
      <c r="N630039" s="10"/>
    </row>
    <row r="630040" spans="14:14">
      <c r="N630040" s="10"/>
    </row>
    <row r="630041" spans="14:14">
      <c r="N630041" s="10"/>
    </row>
    <row r="630042" spans="14:14">
      <c r="N630042" s="10"/>
    </row>
    <row r="630043" spans="14:14">
      <c r="N630043" s="10"/>
    </row>
    <row r="630044" spans="14:14">
      <c r="N630044" s="10"/>
    </row>
    <row r="630045" spans="14:14">
      <c r="N630045" s="10"/>
    </row>
    <row r="630046" spans="14:14">
      <c r="N630046" s="10"/>
    </row>
    <row r="630047" spans="14:14">
      <c r="N630047" s="10"/>
    </row>
    <row r="630048" spans="14:14">
      <c r="N630048" s="10"/>
    </row>
    <row r="630049" spans="14:14">
      <c r="N630049" s="10"/>
    </row>
    <row r="630050" spans="14:14">
      <c r="N630050" s="10"/>
    </row>
    <row r="630051" spans="14:14">
      <c r="N630051" s="10"/>
    </row>
    <row r="630052" spans="14:14">
      <c r="N630052" s="10"/>
    </row>
    <row r="630053" spans="14:14">
      <c r="N630053" s="10"/>
    </row>
    <row r="630054" spans="14:14">
      <c r="N630054" s="10"/>
    </row>
    <row r="630055" spans="14:14">
      <c r="N630055" s="10"/>
    </row>
    <row r="630056" spans="14:14">
      <c r="N630056" s="10"/>
    </row>
    <row r="630057" spans="14:14">
      <c r="N630057" s="10"/>
    </row>
    <row r="630058" spans="14:14">
      <c r="N630058" s="10"/>
    </row>
    <row r="630059" spans="14:14">
      <c r="N630059" s="10"/>
    </row>
    <row r="630060" spans="14:14">
      <c r="N630060" s="10"/>
    </row>
    <row r="630061" spans="14:14">
      <c r="N630061" s="10"/>
    </row>
    <row r="630062" spans="14:14">
      <c r="N630062" s="10"/>
    </row>
    <row r="630063" spans="14:14">
      <c r="N630063" s="10"/>
    </row>
    <row r="630064" spans="14:14">
      <c r="N630064" s="10"/>
    </row>
    <row r="630065" spans="14:14">
      <c r="N630065" s="10"/>
    </row>
    <row r="630066" spans="14:14">
      <c r="N630066" s="10"/>
    </row>
    <row r="630067" spans="14:14">
      <c r="N630067" s="10"/>
    </row>
    <row r="630068" spans="14:14">
      <c r="N630068" s="10"/>
    </row>
    <row r="630069" spans="14:14">
      <c r="N630069" s="10"/>
    </row>
    <row r="630070" spans="14:14">
      <c r="N630070" s="10"/>
    </row>
    <row r="630071" spans="14:14">
      <c r="N630071" s="10"/>
    </row>
    <row r="630072" spans="14:14">
      <c r="N630072" s="10"/>
    </row>
    <row r="630073" spans="14:14">
      <c r="N630073" s="10"/>
    </row>
    <row r="630074" spans="14:14">
      <c r="N630074" s="10"/>
    </row>
    <row r="630075" spans="14:14">
      <c r="N630075" s="10"/>
    </row>
    <row r="630076" spans="14:14">
      <c r="N630076" s="10"/>
    </row>
    <row r="630077" spans="14:14">
      <c r="N630077" s="10"/>
    </row>
    <row r="630078" spans="14:14">
      <c r="N630078" s="10"/>
    </row>
    <row r="630079" spans="14:14">
      <c r="N630079" s="10"/>
    </row>
    <row r="630080" spans="14:14">
      <c r="N630080" s="10"/>
    </row>
    <row r="630081" spans="14:14">
      <c r="N630081" s="10"/>
    </row>
    <row r="630082" spans="14:14">
      <c r="N630082" s="10"/>
    </row>
    <row r="630083" spans="14:14">
      <c r="N630083" s="10"/>
    </row>
    <row r="630084" spans="14:14">
      <c r="N630084" s="10"/>
    </row>
    <row r="630085" spans="14:14">
      <c r="N630085" s="10"/>
    </row>
    <row r="630086" spans="14:14">
      <c r="N630086" s="10"/>
    </row>
    <row r="630087" spans="14:14">
      <c r="N630087" s="10"/>
    </row>
    <row r="630088" spans="14:14">
      <c r="N630088" s="10"/>
    </row>
    <row r="630089" spans="14:14">
      <c r="N630089" s="10"/>
    </row>
    <row r="630090" spans="14:14">
      <c r="N630090" s="10"/>
    </row>
    <row r="630091" spans="14:14">
      <c r="N630091" s="10"/>
    </row>
    <row r="630092" spans="14:14">
      <c r="N630092" s="10"/>
    </row>
    <row r="630093" spans="14:14">
      <c r="N630093" s="10"/>
    </row>
    <row r="630094" spans="14:14">
      <c r="N630094" s="10"/>
    </row>
    <row r="630095" spans="14:14">
      <c r="N630095" s="10"/>
    </row>
    <row r="630096" spans="14:14">
      <c r="N630096" s="10"/>
    </row>
    <row r="630097" spans="14:14">
      <c r="N630097" s="10"/>
    </row>
    <row r="630098" spans="14:14">
      <c r="N630098" s="10"/>
    </row>
    <row r="630099" spans="14:14">
      <c r="N630099" s="10"/>
    </row>
    <row r="630100" spans="14:14">
      <c r="N630100" s="10"/>
    </row>
    <row r="630101" spans="14:14">
      <c r="N630101" s="10"/>
    </row>
    <row r="630102" spans="14:14">
      <c r="N630102" s="10"/>
    </row>
    <row r="630103" spans="14:14">
      <c r="N630103" s="10"/>
    </row>
    <row r="630104" spans="14:14">
      <c r="N630104" s="10"/>
    </row>
    <row r="630105" spans="14:14">
      <c r="N630105" s="10"/>
    </row>
    <row r="630106" spans="14:14">
      <c r="N630106" s="10"/>
    </row>
    <row r="630107" spans="14:14">
      <c r="N630107" s="10"/>
    </row>
    <row r="630108" spans="14:14">
      <c r="N630108" s="10"/>
    </row>
    <row r="630109" spans="14:14">
      <c r="N630109" s="10"/>
    </row>
    <row r="630110" spans="14:14">
      <c r="N630110" s="10"/>
    </row>
    <row r="630111" spans="14:14">
      <c r="N630111" s="10"/>
    </row>
    <row r="630112" spans="14:14">
      <c r="N630112" s="10"/>
    </row>
    <row r="630113" spans="14:14">
      <c r="N630113" s="10"/>
    </row>
    <row r="630114" spans="14:14">
      <c r="N630114" s="10"/>
    </row>
    <row r="630115" spans="14:14">
      <c r="N630115" s="10"/>
    </row>
    <row r="630116" spans="14:14">
      <c r="N630116" s="10"/>
    </row>
    <row r="630117" spans="14:14">
      <c r="N630117" s="10"/>
    </row>
    <row r="630118" spans="14:14">
      <c r="N630118" s="10"/>
    </row>
    <row r="630119" spans="14:14">
      <c r="N630119" s="10"/>
    </row>
    <row r="630120" spans="14:14">
      <c r="N630120" s="10"/>
    </row>
    <row r="630121" spans="14:14">
      <c r="N630121" s="10"/>
    </row>
    <row r="630122" spans="14:14">
      <c r="N630122" s="10"/>
    </row>
    <row r="630123" spans="14:14">
      <c r="N630123" s="10"/>
    </row>
    <row r="630124" spans="14:14">
      <c r="N630124" s="10"/>
    </row>
    <row r="630125" spans="14:14">
      <c r="N630125" s="10"/>
    </row>
    <row r="630126" spans="14:14">
      <c r="N630126" s="10"/>
    </row>
    <row r="630127" spans="14:14">
      <c r="N630127" s="10"/>
    </row>
    <row r="630128" spans="14:14">
      <c r="N630128" s="10"/>
    </row>
    <row r="630129" spans="14:14">
      <c r="N630129" s="10"/>
    </row>
    <row r="630130" spans="14:14">
      <c r="N630130" s="10"/>
    </row>
    <row r="630131" spans="14:14">
      <c r="N630131" s="10"/>
    </row>
    <row r="630132" spans="14:14">
      <c r="N630132" s="10"/>
    </row>
    <row r="630133" spans="14:14">
      <c r="N630133" s="10"/>
    </row>
    <row r="630134" spans="14:14">
      <c r="N630134" s="10"/>
    </row>
    <row r="630135" spans="14:14">
      <c r="N630135" s="10"/>
    </row>
    <row r="630136" spans="14:14">
      <c r="N630136" s="10"/>
    </row>
    <row r="630137" spans="14:14">
      <c r="N630137" s="10"/>
    </row>
    <row r="630138" spans="14:14">
      <c r="N630138" s="10"/>
    </row>
    <row r="630139" spans="14:14">
      <c r="N630139" s="10"/>
    </row>
    <row r="630140" spans="14:14">
      <c r="N630140" s="10"/>
    </row>
    <row r="630141" spans="14:14">
      <c r="N630141" s="10"/>
    </row>
    <row r="630142" spans="14:14">
      <c r="N630142" s="10"/>
    </row>
    <row r="630143" spans="14:14">
      <c r="N630143" s="10"/>
    </row>
    <row r="630144" spans="14:14">
      <c r="N630144" s="10"/>
    </row>
    <row r="630145" spans="14:14">
      <c r="N630145" s="10"/>
    </row>
    <row r="630146" spans="14:14">
      <c r="N630146" s="10"/>
    </row>
    <row r="630147" spans="14:14">
      <c r="N630147" s="10"/>
    </row>
    <row r="630148" spans="14:14">
      <c r="N630148" s="10"/>
    </row>
    <row r="630149" spans="14:14">
      <c r="N630149" s="10"/>
    </row>
    <row r="630150" spans="14:14">
      <c r="N630150" s="10"/>
    </row>
    <row r="630151" spans="14:14">
      <c r="N630151" s="10"/>
    </row>
    <row r="630152" spans="14:14">
      <c r="N630152" s="10"/>
    </row>
    <row r="630153" spans="14:14">
      <c r="N630153" s="10"/>
    </row>
    <row r="630154" spans="14:14">
      <c r="N630154" s="10"/>
    </row>
    <row r="630155" spans="14:14">
      <c r="N630155" s="10"/>
    </row>
    <row r="630156" spans="14:14">
      <c r="N630156" s="10"/>
    </row>
    <row r="630157" spans="14:14">
      <c r="N630157" s="10"/>
    </row>
    <row r="630158" spans="14:14">
      <c r="N630158" s="10"/>
    </row>
    <row r="630159" spans="14:14">
      <c r="N630159" s="10"/>
    </row>
    <row r="630160" spans="14:14">
      <c r="N630160" s="10"/>
    </row>
    <row r="630161" spans="14:14">
      <c r="N630161" s="10"/>
    </row>
    <row r="630162" spans="14:14">
      <c r="N630162" s="10"/>
    </row>
    <row r="630163" spans="14:14">
      <c r="N630163" s="10"/>
    </row>
    <row r="630164" spans="14:14">
      <c r="N630164" s="10"/>
    </row>
    <row r="630165" spans="14:14">
      <c r="N630165" s="10"/>
    </row>
    <row r="630166" spans="14:14">
      <c r="N630166" s="10"/>
    </row>
    <row r="630167" spans="14:14">
      <c r="N630167" s="10"/>
    </row>
    <row r="630168" spans="14:14">
      <c r="N630168" s="10"/>
    </row>
    <row r="630169" spans="14:14">
      <c r="N630169" s="10"/>
    </row>
    <row r="630170" spans="14:14">
      <c r="N630170" s="10"/>
    </row>
    <row r="630171" spans="14:14">
      <c r="N630171" s="10"/>
    </row>
    <row r="630172" spans="14:14">
      <c r="N630172" s="10"/>
    </row>
    <row r="630173" spans="14:14">
      <c r="N630173" s="10"/>
    </row>
    <row r="630174" spans="14:14">
      <c r="N630174" s="10"/>
    </row>
    <row r="630175" spans="14:14">
      <c r="N630175" s="10"/>
    </row>
    <row r="630176" spans="14:14">
      <c r="N630176" s="10"/>
    </row>
    <row r="630177" spans="14:14">
      <c r="N630177" s="10"/>
    </row>
    <row r="630178" spans="14:14">
      <c r="N630178" s="10"/>
    </row>
    <row r="630179" spans="14:14">
      <c r="N630179" s="10"/>
    </row>
    <row r="630180" spans="14:14">
      <c r="N630180" s="10"/>
    </row>
    <row r="630181" spans="14:14">
      <c r="N630181" s="10"/>
    </row>
    <row r="630182" spans="14:14">
      <c r="N630182" s="10"/>
    </row>
    <row r="630183" spans="14:14">
      <c r="N630183" s="10"/>
    </row>
    <row r="630184" spans="14:14">
      <c r="N630184" s="10"/>
    </row>
    <row r="630185" spans="14:14">
      <c r="N630185" s="10"/>
    </row>
    <row r="630186" spans="14:14">
      <c r="N630186" s="10"/>
    </row>
    <row r="630187" spans="14:14">
      <c r="N630187" s="10"/>
    </row>
    <row r="630188" spans="14:14">
      <c r="N630188" s="10"/>
    </row>
    <row r="630189" spans="14:14">
      <c r="N630189" s="10"/>
    </row>
    <row r="630190" spans="14:14">
      <c r="N630190" s="10"/>
    </row>
    <row r="630191" spans="14:14">
      <c r="N630191" s="10"/>
    </row>
    <row r="630192" spans="14:14">
      <c r="N630192" s="10"/>
    </row>
    <row r="630193" spans="14:14">
      <c r="N630193" s="10"/>
    </row>
    <row r="630194" spans="14:14">
      <c r="N630194" s="10"/>
    </row>
    <row r="630195" spans="14:14">
      <c r="N630195" s="10"/>
    </row>
    <row r="630196" spans="14:14">
      <c r="N630196" s="10"/>
    </row>
    <row r="630197" spans="14:14">
      <c r="N630197" s="10"/>
    </row>
    <row r="630198" spans="14:14">
      <c r="N630198" s="10"/>
    </row>
    <row r="630199" spans="14:14">
      <c r="N630199" s="10"/>
    </row>
    <row r="630200" spans="14:14">
      <c r="N630200" s="10"/>
    </row>
    <row r="630201" spans="14:14">
      <c r="N630201" s="10"/>
    </row>
    <row r="630202" spans="14:14">
      <c r="N630202" s="10"/>
    </row>
    <row r="630203" spans="14:14">
      <c r="N630203" s="10"/>
    </row>
    <row r="630204" spans="14:14">
      <c r="N630204" s="10"/>
    </row>
    <row r="630205" spans="14:14">
      <c r="N630205" s="10"/>
    </row>
    <row r="630206" spans="14:14">
      <c r="N630206" s="10"/>
    </row>
    <row r="630207" spans="14:14">
      <c r="N630207" s="10"/>
    </row>
    <row r="630208" spans="14:14">
      <c r="N630208" s="10"/>
    </row>
    <row r="630209" spans="14:14">
      <c r="N630209" s="10"/>
    </row>
    <row r="630210" spans="14:14">
      <c r="N630210" s="10"/>
    </row>
    <row r="630211" spans="14:14">
      <c r="N630211" s="10"/>
    </row>
    <row r="630212" spans="14:14">
      <c r="N630212" s="10"/>
    </row>
    <row r="630213" spans="14:14">
      <c r="N630213" s="10"/>
    </row>
    <row r="630214" spans="14:14">
      <c r="N630214" s="10"/>
    </row>
    <row r="630215" spans="14:14">
      <c r="N630215" s="10"/>
    </row>
    <row r="630216" spans="14:14">
      <c r="N630216" s="10"/>
    </row>
    <row r="630217" spans="14:14">
      <c r="N630217" s="10"/>
    </row>
    <row r="630218" spans="14:14">
      <c r="N630218" s="10"/>
    </row>
    <row r="630219" spans="14:14">
      <c r="N630219" s="10"/>
    </row>
    <row r="630220" spans="14:14">
      <c r="N630220" s="10"/>
    </row>
    <row r="630221" spans="14:14">
      <c r="N630221" s="10"/>
    </row>
    <row r="630222" spans="14:14">
      <c r="N630222" s="10"/>
    </row>
    <row r="630223" spans="14:14">
      <c r="N630223" s="10"/>
    </row>
    <row r="630224" spans="14:14">
      <c r="N630224" s="10"/>
    </row>
    <row r="630225" spans="14:14">
      <c r="N630225" s="10"/>
    </row>
    <row r="630226" spans="14:14">
      <c r="N630226" s="10"/>
    </row>
    <row r="630227" spans="14:14">
      <c r="N630227" s="10"/>
    </row>
    <row r="630228" spans="14:14">
      <c r="N630228" s="10"/>
    </row>
    <row r="630229" spans="14:14">
      <c r="N630229" s="10"/>
    </row>
    <row r="630230" spans="14:14">
      <c r="N630230" s="10"/>
    </row>
    <row r="630231" spans="14:14">
      <c r="N630231" s="10"/>
    </row>
    <row r="630232" spans="14:14">
      <c r="N630232" s="10"/>
    </row>
    <row r="630233" spans="14:14">
      <c r="N630233" s="10"/>
    </row>
    <row r="630234" spans="14:14">
      <c r="N630234" s="10"/>
    </row>
    <row r="630235" spans="14:14">
      <c r="N630235" s="10"/>
    </row>
    <row r="630236" spans="14:14">
      <c r="N630236" s="10"/>
    </row>
    <row r="630237" spans="14:14">
      <c r="N630237" s="10"/>
    </row>
    <row r="630238" spans="14:14">
      <c r="N630238" s="10"/>
    </row>
    <row r="630239" spans="14:14">
      <c r="N630239" s="10"/>
    </row>
    <row r="630240" spans="14:14">
      <c r="N630240" s="10"/>
    </row>
    <row r="630241" spans="14:14">
      <c r="N630241" s="10"/>
    </row>
    <row r="630242" spans="14:14">
      <c r="N630242" s="10"/>
    </row>
    <row r="630243" spans="14:14">
      <c r="N630243" s="10"/>
    </row>
    <row r="630244" spans="14:14">
      <c r="N630244" s="10"/>
    </row>
    <row r="630245" spans="14:14">
      <c r="N630245" s="10"/>
    </row>
    <row r="630246" spans="14:14">
      <c r="N630246" s="10"/>
    </row>
    <row r="630247" spans="14:14">
      <c r="N630247" s="10"/>
    </row>
    <row r="630248" spans="14:14">
      <c r="N630248" s="10"/>
    </row>
    <row r="630249" spans="14:14">
      <c r="N630249" s="10"/>
    </row>
    <row r="630250" spans="14:14">
      <c r="N630250" s="10"/>
    </row>
    <row r="630251" spans="14:14">
      <c r="N630251" s="10"/>
    </row>
    <row r="630252" spans="14:14">
      <c r="N630252" s="10"/>
    </row>
    <row r="630253" spans="14:14">
      <c r="N630253" s="10"/>
    </row>
    <row r="630254" spans="14:14">
      <c r="N630254" s="10"/>
    </row>
    <row r="630255" spans="14:14">
      <c r="N630255" s="10"/>
    </row>
    <row r="630256" spans="14:14">
      <c r="N630256" s="10"/>
    </row>
    <row r="630257" spans="14:14">
      <c r="N630257" s="10"/>
    </row>
    <row r="630258" spans="14:14">
      <c r="N630258" s="10"/>
    </row>
    <row r="630259" spans="14:14">
      <c r="N630259" s="10"/>
    </row>
    <row r="630260" spans="14:14">
      <c r="N630260" s="10"/>
    </row>
    <row r="630261" spans="14:14">
      <c r="N630261" s="10"/>
    </row>
    <row r="630262" spans="14:14">
      <c r="N630262" s="10"/>
    </row>
    <row r="630263" spans="14:14">
      <c r="N630263" s="10"/>
    </row>
    <row r="630264" spans="14:14">
      <c r="N630264" s="10"/>
    </row>
    <row r="630265" spans="14:14">
      <c r="N630265" s="10"/>
    </row>
    <row r="630266" spans="14:14">
      <c r="N630266" s="10"/>
    </row>
    <row r="630267" spans="14:14">
      <c r="N630267" s="10"/>
    </row>
    <row r="630268" spans="14:14">
      <c r="N630268" s="10"/>
    </row>
    <row r="630269" spans="14:14">
      <c r="N630269" s="10"/>
    </row>
    <row r="630270" spans="14:14">
      <c r="N630270" s="10"/>
    </row>
    <row r="630271" spans="14:14">
      <c r="N630271" s="10"/>
    </row>
    <row r="630272" spans="14:14">
      <c r="N630272" s="10"/>
    </row>
    <row r="630273" spans="14:14">
      <c r="N630273" s="10"/>
    </row>
    <row r="630274" spans="14:14">
      <c r="N630274" s="10"/>
    </row>
    <row r="630275" spans="14:14">
      <c r="N630275" s="10"/>
    </row>
    <row r="630276" spans="14:14">
      <c r="N630276" s="10"/>
    </row>
    <row r="630277" spans="14:14">
      <c r="N630277" s="10"/>
    </row>
    <row r="630278" spans="14:14">
      <c r="N630278" s="10"/>
    </row>
    <row r="630279" spans="14:14">
      <c r="N630279" s="10"/>
    </row>
    <row r="630280" spans="14:14">
      <c r="N630280" s="10"/>
    </row>
    <row r="630281" spans="14:14">
      <c r="N630281" s="10"/>
    </row>
    <row r="630282" spans="14:14">
      <c r="N630282" s="10"/>
    </row>
    <row r="630283" spans="14:14">
      <c r="N630283" s="10"/>
    </row>
    <row r="630284" spans="14:14">
      <c r="N630284" s="10"/>
    </row>
    <row r="630285" spans="14:14">
      <c r="N630285" s="10"/>
    </row>
    <row r="630286" spans="14:14">
      <c r="N630286" s="10"/>
    </row>
    <row r="630287" spans="14:14">
      <c r="N630287" s="10"/>
    </row>
    <row r="630288" spans="14:14">
      <c r="N630288" s="10"/>
    </row>
    <row r="630289" spans="14:14">
      <c r="N630289" s="10"/>
    </row>
    <row r="630290" spans="14:14">
      <c r="N630290" s="10"/>
    </row>
    <row r="630291" spans="14:14">
      <c r="N630291" s="10"/>
    </row>
    <row r="630292" spans="14:14">
      <c r="N630292" s="10"/>
    </row>
    <row r="630293" spans="14:14">
      <c r="N630293" s="10"/>
    </row>
    <row r="630294" spans="14:14">
      <c r="N630294" s="10"/>
    </row>
    <row r="630295" spans="14:14">
      <c r="N630295" s="10"/>
    </row>
    <row r="630296" spans="14:14">
      <c r="N630296" s="10"/>
    </row>
    <row r="630297" spans="14:14">
      <c r="N630297" s="10"/>
    </row>
    <row r="630298" spans="14:14">
      <c r="N630298" s="10"/>
    </row>
    <row r="630299" spans="14:14">
      <c r="N630299" s="10"/>
    </row>
    <row r="630300" spans="14:14">
      <c r="N630300" s="10"/>
    </row>
    <row r="630301" spans="14:14">
      <c r="N630301" s="10"/>
    </row>
    <row r="630302" spans="14:14">
      <c r="N630302" s="10"/>
    </row>
    <row r="630303" spans="14:14">
      <c r="N630303" s="10"/>
    </row>
    <row r="630304" spans="14:14">
      <c r="N630304" s="10"/>
    </row>
    <row r="630305" spans="14:14">
      <c r="N630305" s="10"/>
    </row>
    <row r="630306" spans="14:14">
      <c r="N630306" s="10"/>
    </row>
    <row r="630307" spans="14:14">
      <c r="N630307" s="10"/>
    </row>
    <row r="630308" spans="14:14">
      <c r="N630308" s="10"/>
    </row>
    <row r="630309" spans="14:14">
      <c r="N630309" s="10"/>
    </row>
    <row r="630310" spans="14:14">
      <c r="N630310" s="10"/>
    </row>
    <row r="630311" spans="14:14">
      <c r="N630311" s="10"/>
    </row>
    <row r="630312" spans="14:14">
      <c r="N630312" s="10"/>
    </row>
    <row r="630313" spans="14:14">
      <c r="N630313" s="10"/>
    </row>
    <row r="630314" spans="14:14">
      <c r="N630314" s="10"/>
    </row>
    <row r="630315" spans="14:14">
      <c r="N630315" s="10"/>
    </row>
    <row r="630316" spans="14:14">
      <c r="N630316" s="10"/>
    </row>
    <row r="630317" spans="14:14">
      <c r="N630317" s="10"/>
    </row>
    <row r="630318" spans="14:14">
      <c r="N630318" s="10"/>
    </row>
    <row r="630319" spans="14:14">
      <c r="N630319" s="10"/>
    </row>
    <row r="630320" spans="14:14">
      <c r="N630320" s="10"/>
    </row>
    <row r="630321" spans="14:14">
      <c r="N630321" s="10"/>
    </row>
    <row r="630322" spans="14:14">
      <c r="N630322" s="10"/>
    </row>
    <row r="630323" spans="14:14">
      <c r="N630323" s="10"/>
    </row>
    <row r="630324" spans="14:14">
      <c r="N630324" s="10"/>
    </row>
    <row r="630325" spans="14:14">
      <c r="N630325" s="10"/>
    </row>
    <row r="630326" spans="14:14">
      <c r="N630326" s="10"/>
    </row>
    <row r="630327" spans="14:14">
      <c r="N630327" s="10"/>
    </row>
    <row r="630328" spans="14:14">
      <c r="N630328" s="10"/>
    </row>
    <row r="630329" spans="14:14">
      <c r="N630329" s="10"/>
    </row>
    <row r="630330" spans="14:14">
      <c r="N630330" s="10"/>
    </row>
    <row r="630331" spans="14:14">
      <c r="N630331" s="10"/>
    </row>
    <row r="630332" spans="14:14">
      <c r="N630332" s="10"/>
    </row>
    <row r="630333" spans="14:14">
      <c r="N630333" s="10"/>
    </row>
    <row r="630334" spans="14:14">
      <c r="N630334" s="10"/>
    </row>
    <row r="630335" spans="14:14">
      <c r="N630335" s="10"/>
    </row>
    <row r="630336" spans="14:14">
      <c r="N630336" s="10"/>
    </row>
    <row r="630337" spans="14:14">
      <c r="N630337" s="10"/>
    </row>
    <row r="630338" spans="14:14">
      <c r="N630338" s="10"/>
    </row>
    <row r="630339" spans="14:14">
      <c r="N630339" s="10"/>
    </row>
    <row r="630340" spans="14:14">
      <c r="N630340" s="10"/>
    </row>
    <row r="630341" spans="14:14">
      <c r="N630341" s="10"/>
    </row>
    <row r="630342" spans="14:14">
      <c r="N630342" s="10"/>
    </row>
    <row r="630343" spans="14:14">
      <c r="N630343" s="10"/>
    </row>
    <row r="630344" spans="14:14">
      <c r="N630344" s="10"/>
    </row>
    <row r="630345" spans="14:14">
      <c r="N630345" s="10"/>
    </row>
    <row r="630346" spans="14:14">
      <c r="N630346" s="10"/>
    </row>
    <row r="630347" spans="14:14">
      <c r="N630347" s="10"/>
    </row>
    <row r="630348" spans="14:14">
      <c r="N630348" s="10"/>
    </row>
    <row r="630349" spans="14:14">
      <c r="N630349" s="10"/>
    </row>
    <row r="630350" spans="14:14">
      <c r="N630350" s="10"/>
    </row>
    <row r="630351" spans="14:14">
      <c r="N630351" s="10"/>
    </row>
    <row r="630352" spans="14:14">
      <c r="N630352" s="10"/>
    </row>
    <row r="630353" spans="14:14">
      <c r="N630353" s="10"/>
    </row>
    <row r="630354" spans="14:14">
      <c r="N630354" s="10"/>
    </row>
    <row r="630355" spans="14:14">
      <c r="N630355" s="10"/>
    </row>
    <row r="630356" spans="14:14">
      <c r="N630356" s="10"/>
    </row>
    <row r="630357" spans="14:14">
      <c r="N630357" s="10"/>
    </row>
    <row r="630358" spans="14:14">
      <c r="N630358" s="10"/>
    </row>
    <row r="630359" spans="14:14">
      <c r="N630359" s="10"/>
    </row>
    <row r="630360" spans="14:14">
      <c r="N630360" s="10"/>
    </row>
    <row r="630361" spans="14:14">
      <c r="N630361" s="10"/>
    </row>
    <row r="630362" spans="14:14">
      <c r="N630362" s="10"/>
    </row>
    <row r="630363" spans="14:14">
      <c r="N630363" s="10"/>
    </row>
    <row r="630364" spans="14:14">
      <c r="N630364" s="10"/>
    </row>
    <row r="630365" spans="14:14">
      <c r="N630365" s="10"/>
    </row>
    <row r="630366" spans="14:14">
      <c r="N630366" s="10"/>
    </row>
    <row r="630367" spans="14:14">
      <c r="N630367" s="10"/>
    </row>
    <row r="630368" spans="14:14">
      <c r="N630368" s="10"/>
    </row>
    <row r="630369" spans="14:14">
      <c r="N630369" s="10"/>
    </row>
    <row r="630370" spans="14:14">
      <c r="N630370" s="10"/>
    </row>
    <row r="630371" spans="14:14">
      <c r="N630371" s="10"/>
    </row>
    <row r="630372" spans="14:14">
      <c r="N630372" s="10"/>
    </row>
    <row r="630373" spans="14:14">
      <c r="N630373" s="10"/>
    </row>
    <row r="630374" spans="14:14">
      <c r="N630374" s="10"/>
    </row>
    <row r="630375" spans="14:14">
      <c r="N630375" s="10"/>
    </row>
    <row r="630376" spans="14:14">
      <c r="N630376" s="10"/>
    </row>
    <row r="630377" spans="14:14">
      <c r="N630377" s="10"/>
    </row>
    <row r="630378" spans="14:14">
      <c r="N630378" s="10"/>
    </row>
    <row r="630379" spans="14:14">
      <c r="N630379" s="10"/>
    </row>
    <row r="630380" spans="14:14">
      <c r="N630380" s="10"/>
    </row>
    <row r="630381" spans="14:14">
      <c r="N630381" s="10"/>
    </row>
    <row r="630382" spans="14:14">
      <c r="N630382" s="10"/>
    </row>
    <row r="630383" spans="14:14">
      <c r="N630383" s="10"/>
    </row>
    <row r="630384" spans="14:14">
      <c r="N630384" s="10"/>
    </row>
    <row r="630385" spans="14:14">
      <c r="N630385" s="10"/>
    </row>
    <row r="630386" spans="14:14">
      <c r="N630386" s="10"/>
    </row>
    <row r="630387" spans="14:14">
      <c r="N630387" s="10"/>
    </row>
    <row r="630388" spans="14:14">
      <c r="N630388" s="10"/>
    </row>
    <row r="630389" spans="14:14">
      <c r="N630389" s="10"/>
    </row>
    <row r="630390" spans="14:14">
      <c r="N630390" s="10"/>
    </row>
    <row r="630391" spans="14:14">
      <c r="N630391" s="10"/>
    </row>
    <row r="630392" spans="14:14">
      <c r="N630392" s="10"/>
    </row>
    <row r="630393" spans="14:14">
      <c r="N630393" s="10"/>
    </row>
    <row r="630394" spans="14:14">
      <c r="N630394" s="10"/>
    </row>
    <row r="630395" spans="14:14">
      <c r="N630395" s="10"/>
    </row>
    <row r="630396" spans="14:14">
      <c r="N630396" s="10"/>
    </row>
    <row r="630397" spans="14:14">
      <c r="N630397" s="10"/>
    </row>
    <row r="630398" spans="14:14">
      <c r="N630398" s="10"/>
    </row>
    <row r="630399" spans="14:14">
      <c r="N630399" s="10"/>
    </row>
    <row r="630400" spans="14:14">
      <c r="N630400" s="10"/>
    </row>
    <row r="630401" spans="14:14">
      <c r="N630401" s="10"/>
    </row>
    <row r="630402" spans="14:14">
      <c r="N630402" s="10"/>
    </row>
    <row r="630403" spans="14:14">
      <c r="N630403" s="10"/>
    </row>
    <row r="630404" spans="14:14">
      <c r="N630404" s="10"/>
    </row>
    <row r="630405" spans="14:14">
      <c r="N630405" s="10"/>
    </row>
    <row r="630406" spans="14:14">
      <c r="N630406" s="10"/>
    </row>
    <row r="630407" spans="14:14">
      <c r="N630407" s="10"/>
    </row>
    <row r="630408" spans="14:14">
      <c r="N630408" s="10"/>
    </row>
    <row r="630409" spans="14:14">
      <c r="N630409" s="10"/>
    </row>
    <row r="630410" spans="14:14">
      <c r="N630410" s="10"/>
    </row>
    <row r="630411" spans="14:14">
      <c r="N630411" s="10"/>
    </row>
    <row r="630412" spans="14:14">
      <c r="N630412" s="10"/>
    </row>
    <row r="630413" spans="14:14">
      <c r="N630413" s="10"/>
    </row>
    <row r="630414" spans="14:14">
      <c r="N630414" s="10"/>
    </row>
    <row r="630415" spans="14:14">
      <c r="N630415" s="10"/>
    </row>
    <row r="630416" spans="14:14">
      <c r="N630416" s="10"/>
    </row>
    <row r="630417" spans="14:14">
      <c r="N630417" s="10"/>
    </row>
    <row r="630418" spans="14:14">
      <c r="N630418" s="10"/>
    </row>
    <row r="630419" spans="14:14">
      <c r="N630419" s="10"/>
    </row>
    <row r="630420" spans="14:14">
      <c r="N630420" s="10"/>
    </row>
    <row r="630421" spans="14:14">
      <c r="N630421" s="10"/>
    </row>
    <row r="630422" spans="14:14">
      <c r="N630422" s="10"/>
    </row>
    <row r="630423" spans="14:14">
      <c r="N630423" s="10"/>
    </row>
    <row r="630424" spans="14:14">
      <c r="N630424" s="10"/>
    </row>
    <row r="630425" spans="14:14">
      <c r="N630425" s="10"/>
    </row>
    <row r="630426" spans="14:14">
      <c r="N630426" s="10"/>
    </row>
    <row r="630427" spans="14:14">
      <c r="N630427" s="10"/>
    </row>
    <row r="630428" spans="14:14">
      <c r="N630428" s="10"/>
    </row>
    <row r="630429" spans="14:14">
      <c r="N630429" s="10"/>
    </row>
    <row r="630430" spans="14:14">
      <c r="N630430" s="10"/>
    </row>
    <row r="630431" spans="14:14">
      <c r="N630431" s="10"/>
    </row>
    <row r="630432" spans="14:14">
      <c r="N630432" s="10"/>
    </row>
    <row r="630433" spans="14:14">
      <c r="N630433" s="10"/>
    </row>
    <row r="630434" spans="14:14">
      <c r="N630434" s="10"/>
    </row>
    <row r="630435" spans="14:14">
      <c r="N630435" s="10"/>
    </row>
    <row r="630436" spans="14:14">
      <c r="N630436" s="10"/>
    </row>
    <row r="630437" spans="14:14">
      <c r="N630437" s="10"/>
    </row>
    <row r="630438" spans="14:14">
      <c r="N630438" s="10"/>
    </row>
    <row r="630439" spans="14:14">
      <c r="N630439" s="10"/>
    </row>
    <row r="630440" spans="14:14">
      <c r="N630440" s="10"/>
    </row>
    <row r="630441" spans="14:14">
      <c r="N630441" s="10"/>
    </row>
    <row r="630442" spans="14:14">
      <c r="N630442" s="10"/>
    </row>
    <row r="630443" spans="14:14">
      <c r="N630443" s="10"/>
    </row>
    <row r="630444" spans="14:14">
      <c r="N630444" s="10"/>
    </row>
    <row r="630445" spans="14:14">
      <c r="N630445" s="10"/>
    </row>
    <row r="630446" spans="14:14">
      <c r="N630446" s="10"/>
    </row>
    <row r="630447" spans="14:14">
      <c r="N630447" s="10"/>
    </row>
    <row r="630448" spans="14:14">
      <c r="N630448" s="10"/>
    </row>
    <row r="630449" spans="14:14">
      <c r="N630449" s="10"/>
    </row>
    <row r="630450" spans="14:14">
      <c r="N630450" s="10"/>
    </row>
    <row r="630451" spans="14:14">
      <c r="N630451" s="10"/>
    </row>
    <row r="630452" spans="14:14">
      <c r="N630452" s="10"/>
    </row>
    <row r="630453" spans="14:14">
      <c r="N630453" s="10"/>
    </row>
    <row r="630454" spans="14:14">
      <c r="N630454" s="10"/>
    </row>
    <row r="630455" spans="14:14">
      <c r="N630455" s="10"/>
    </row>
    <row r="630456" spans="14:14">
      <c r="N630456" s="10"/>
    </row>
    <row r="630457" spans="14:14">
      <c r="N630457" s="10"/>
    </row>
    <row r="630458" spans="14:14">
      <c r="N630458" s="10"/>
    </row>
    <row r="630459" spans="14:14">
      <c r="N630459" s="10"/>
    </row>
    <row r="630460" spans="14:14">
      <c r="N630460" s="10"/>
    </row>
    <row r="630461" spans="14:14">
      <c r="N630461" s="10"/>
    </row>
    <row r="630462" spans="14:14">
      <c r="N630462" s="10"/>
    </row>
    <row r="630463" spans="14:14">
      <c r="N630463" s="10"/>
    </row>
    <row r="630464" spans="14:14">
      <c r="N630464" s="10"/>
    </row>
    <row r="630465" spans="14:14">
      <c r="N630465" s="10"/>
    </row>
    <row r="630466" spans="14:14">
      <c r="N630466" s="10"/>
    </row>
    <row r="630467" spans="14:14">
      <c r="N630467" s="10"/>
    </row>
    <row r="630468" spans="14:14">
      <c r="N630468" s="10"/>
    </row>
    <row r="630469" spans="14:14">
      <c r="N630469" s="10"/>
    </row>
    <row r="630470" spans="14:14">
      <c r="N630470" s="10"/>
    </row>
    <row r="630471" spans="14:14">
      <c r="N630471" s="10"/>
    </row>
    <row r="630472" spans="14:14">
      <c r="N630472" s="10"/>
    </row>
    <row r="630473" spans="14:14">
      <c r="N630473" s="10"/>
    </row>
    <row r="630474" spans="14:14">
      <c r="N630474" s="10"/>
    </row>
    <row r="630475" spans="14:14">
      <c r="N630475" s="10"/>
    </row>
    <row r="630476" spans="14:14">
      <c r="N630476" s="10"/>
    </row>
    <row r="630477" spans="14:14">
      <c r="N630477" s="10"/>
    </row>
    <row r="630478" spans="14:14">
      <c r="N630478" s="10"/>
    </row>
    <row r="630479" spans="14:14">
      <c r="N630479" s="10"/>
    </row>
    <row r="630480" spans="14:14">
      <c r="N630480" s="10"/>
    </row>
    <row r="630481" spans="14:14">
      <c r="N630481" s="10"/>
    </row>
    <row r="630482" spans="14:14">
      <c r="N630482" s="10"/>
    </row>
    <row r="630483" spans="14:14">
      <c r="N630483" s="10"/>
    </row>
    <row r="630484" spans="14:14">
      <c r="N630484" s="10"/>
    </row>
    <row r="630485" spans="14:14">
      <c r="N630485" s="10"/>
    </row>
    <row r="630486" spans="14:14">
      <c r="N630486" s="10"/>
    </row>
    <row r="630487" spans="14:14">
      <c r="N630487" s="10"/>
    </row>
    <row r="630488" spans="14:14">
      <c r="N630488" s="10"/>
    </row>
    <row r="630489" spans="14:14">
      <c r="N630489" s="10"/>
    </row>
    <row r="630490" spans="14:14">
      <c r="N630490" s="10"/>
    </row>
    <row r="630491" spans="14:14">
      <c r="N630491" s="10"/>
    </row>
    <row r="630492" spans="14:14">
      <c r="N630492" s="10"/>
    </row>
    <row r="630493" spans="14:14">
      <c r="N630493" s="10"/>
    </row>
    <row r="630494" spans="14:14">
      <c r="N630494" s="10"/>
    </row>
    <row r="630495" spans="14:14">
      <c r="N630495" s="10"/>
    </row>
    <row r="630496" spans="14:14">
      <c r="N630496" s="10"/>
    </row>
    <row r="630497" spans="14:14">
      <c r="N630497" s="10"/>
    </row>
    <row r="630498" spans="14:14">
      <c r="N630498" s="10"/>
    </row>
    <row r="630499" spans="14:14">
      <c r="N630499" s="10"/>
    </row>
    <row r="630500" spans="14:14">
      <c r="N630500" s="10"/>
    </row>
    <row r="630501" spans="14:14">
      <c r="N630501" s="10"/>
    </row>
    <row r="630502" spans="14:14">
      <c r="N630502" s="10"/>
    </row>
    <row r="630503" spans="14:14">
      <c r="N630503" s="10"/>
    </row>
    <row r="630504" spans="14:14">
      <c r="N630504" s="10"/>
    </row>
    <row r="630505" spans="14:14">
      <c r="N630505" s="10"/>
    </row>
    <row r="630506" spans="14:14">
      <c r="N630506" s="10"/>
    </row>
    <row r="630507" spans="14:14">
      <c r="N630507" s="10"/>
    </row>
    <row r="630508" spans="14:14">
      <c r="N630508" s="10"/>
    </row>
    <row r="630509" spans="14:14">
      <c r="N630509" s="10"/>
    </row>
    <row r="630510" spans="14:14">
      <c r="N630510" s="10"/>
    </row>
    <row r="630511" spans="14:14">
      <c r="N630511" s="10"/>
    </row>
    <row r="630512" spans="14:14">
      <c r="N630512" s="10"/>
    </row>
    <row r="630513" spans="14:14">
      <c r="N630513" s="10"/>
    </row>
    <row r="630514" spans="14:14">
      <c r="N630514" s="10"/>
    </row>
    <row r="630515" spans="14:14">
      <c r="N630515" s="10"/>
    </row>
    <row r="630516" spans="14:14">
      <c r="N630516" s="10"/>
    </row>
    <row r="630517" spans="14:14">
      <c r="N630517" s="10"/>
    </row>
    <row r="630518" spans="14:14">
      <c r="N630518" s="10"/>
    </row>
    <row r="630519" spans="14:14">
      <c r="N630519" s="10"/>
    </row>
    <row r="630520" spans="14:14">
      <c r="N630520" s="10"/>
    </row>
    <row r="630521" spans="14:14">
      <c r="N630521" s="10"/>
    </row>
    <row r="630522" spans="14:14">
      <c r="N630522" s="10"/>
    </row>
    <row r="630523" spans="14:14">
      <c r="N630523" s="10"/>
    </row>
    <row r="630524" spans="14:14">
      <c r="N630524" s="10"/>
    </row>
    <row r="630525" spans="14:14">
      <c r="N630525" s="10"/>
    </row>
    <row r="630526" spans="14:14">
      <c r="N630526" s="10"/>
    </row>
    <row r="630527" spans="14:14">
      <c r="N630527" s="10"/>
    </row>
    <row r="630528" spans="14:14">
      <c r="N630528" s="10"/>
    </row>
    <row r="630529" spans="14:14">
      <c r="N630529" s="10"/>
    </row>
    <row r="630530" spans="14:14">
      <c r="N630530" s="10"/>
    </row>
    <row r="630531" spans="14:14">
      <c r="N630531" s="10"/>
    </row>
    <row r="630532" spans="14:14">
      <c r="N630532" s="10"/>
    </row>
    <row r="630533" spans="14:14">
      <c r="N630533" s="10"/>
    </row>
    <row r="630534" spans="14:14">
      <c r="N630534" s="10"/>
    </row>
    <row r="630535" spans="14:14">
      <c r="N630535" s="10"/>
    </row>
    <row r="630536" spans="14:14">
      <c r="N630536" s="10"/>
    </row>
    <row r="630537" spans="14:14">
      <c r="N630537" s="10"/>
    </row>
    <row r="630538" spans="14:14">
      <c r="N630538" s="10"/>
    </row>
    <row r="630539" spans="14:14">
      <c r="N630539" s="10"/>
    </row>
    <row r="630540" spans="14:14">
      <c r="N630540" s="10"/>
    </row>
    <row r="630541" spans="14:14">
      <c r="N630541" s="10"/>
    </row>
    <row r="630542" spans="14:14">
      <c r="N630542" s="10"/>
    </row>
    <row r="630543" spans="14:14">
      <c r="N630543" s="10"/>
    </row>
    <row r="630544" spans="14:14">
      <c r="N630544" s="10"/>
    </row>
    <row r="630545" spans="14:14">
      <c r="N630545" s="10"/>
    </row>
    <row r="630546" spans="14:14">
      <c r="N630546" s="10"/>
    </row>
    <row r="630547" spans="14:14">
      <c r="N630547" s="10"/>
    </row>
    <row r="630548" spans="14:14">
      <c r="N630548" s="10"/>
    </row>
    <row r="630549" spans="14:14">
      <c r="N630549" s="10"/>
    </row>
    <row r="630550" spans="14:14">
      <c r="N630550" s="10"/>
    </row>
    <row r="630551" spans="14:14">
      <c r="N630551" s="10"/>
    </row>
    <row r="630552" spans="14:14">
      <c r="N630552" s="10"/>
    </row>
    <row r="630553" spans="14:14">
      <c r="N630553" s="10"/>
    </row>
    <row r="630554" spans="14:14">
      <c r="N630554" s="10"/>
    </row>
    <row r="630555" spans="14:14">
      <c r="N630555" s="10"/>
    </row>
    <row r="630556" spans="14:14">
      <c r="N630556" s="10"/>
    </row>
    <row r="630557" spans="14:14">
      <c r="N630557" s="10"/>
    </row>
    <row r="630558" spans="14:14">
      <c r="N630558" s="10"/>
    </row>
    <row r="630559" spans="14:14">
      <c r="N630559" s="10"/>
    </row>
    <row r="630560" spans="14:14">
      <c r="N630560" s="10"/>
    </row>
    <row r="630561" spans="14:14">
      <c r="N630561" s="10"/>
    </row>
    <row r="630562" spans="14:14">
      <c r="N630562" s="10"/>
    </row>
    <row r="630563" spans="14:14">
      <c r="N630563" s="10"/>
    </row>
    <row r="630564" spans="14:14">
      <c r="N630564" s="10"/>
    </row>
    <row r="630565" spans="14:14">
      <c r="N630565" s="10"/>
    </row>
    <row r="630566" spans="14:14">
      <c r="N630566" s="10"/>
    </row>
    <row r="630567" spans="14:14">
      <c r="N630567" s="10"/>
    </row>
    <row r="630568" spans="14:14">
      <c r="N630568" s="10"/>
    </row>
    <row r="630569" spans="14:14">
      <c r="N630569" s="10"/>
    </row>
    <row r="630570" spans="14:14">
      <c r="N630570" s="10"/>
    </row>
    <row r="630571" spans="14:14">
      <c r="N630571" s="10"/>
    </row>
    <row r="630572" spans="14:14">
      <c r="N630572" s="10"/>
    </row>
    <row r="630573" spans="14:14">
      <c r="N630573" s="10"/>
    </row>
    <row r="630574" spans="14:14">
      <c r="N630574" s="10"/>
    </row>
    <row r="630575" spans="14:14">
      <c r="N630575" s="10"/>
    </row>
    <row r="630576" spans="14:14">
      <c r="N630576" s="10"/>
    </row>
    <row r="630577" spans="14:14">
      <c r="N630577" s="10"/>
    </row>
    <row r="630578" spans="14:14">
      <c r="N630578" s="10"/>
    </row>
    <row r="630579" spans="14:14">
      <c r="N630579" s="10"/>
    </row>
    <row r="630580" spans="14:14">
      <c r="N630580" s="10"/>
    </row>
    <row r="630581" spans="14:14">
      <c r="N630581" s="10"/>
    </row>
    <row r="630582" spans="14:14">
      <c r="N630582" s="10"/>
    </row>
    <row r="630583" spans="14:14">
      <c r="N630583" s="10"/>
    </row>
    <row r="630584" spans="14:14">
      <c r="N630584" s="10"/>
    </row>
    <row r="630585" spans="14:14">
      <c r="N630585" s="10"/>
    </row>
    <row r="630586" spans="14:14">
      <c r="N630586" s="10"/>
    </row>
    <row r="630587" spans="14:14">
      <c r="N630587" s="10"/>
    </row>
    <row r="630588" spans="14:14">
      <c r="N630588" s="10"/>
    </row>
    <row r="630589" spans="14:14">
      <c r="N630589" s="10"/>
    </row>
    <row r="630590" spans="14:14">
      <c r="N630590" s="10"/>
    </row>
    <row r="630591" spans="14:14">
      <c r="N630591" s="10"/>
    </row>
    <row r="630592" spans="14:14">
      <c r="N630592" s="10"/>
    </row>
    <row r="630593" spans="14:14">
      <c r="N630593" s="10"/>
    </row>
    <row r="630594" spans="14:14">
      <c r="N630594" s="10"/>
    </row>
    <row r="630595" spans="14:14">
      <c r="N630595" s="10"/>
    </row>
    <row r="630596" spans="14:14">
      <c r="N630596" s="10"/>
    </row>
    <row r="630597" spans="14:14">
      <c r="N630597" s="10"/>
    </row>
    <row r="630598" spans="14:14">
      <c r="N630598" s="10"/>
    </row>
    <row r="630599" spans="14:14">
      <c r="N630599" s="10"/>
    </row>
    <row r="630600" spans="14:14">
      <c r="N630600" s="10"/>
    </row>
    <row r="630601" spans="14:14">
      <c r="N630601" s="10"/>
    </row>
    <row r="630602" spans="14:14">
      <c r="N630602" s="10"/>
    </row>
    <row r="630603" spans="14:14">
      <c r="N630603" s="10"/>
    </row>
    <row r="630604" spans="14:14">
      <c r="N630604" s="10"/>
    </row>
    <row r="630605" spans="14:14">
      <c r="N630605" s="10"/>
    </row>
    <row r="630606" spans="14:14">
      <c r="N630606" s="10"/>
    </row>
    <row r="630607" spans="14:14">
      <c r="N630607" s="10"/>
    </row>
    <row r="630608" spans="14:14">
      <c r="N630608" s="10"/>
    </row>
    <row r="630609" spans="14:14">
      <c r="N630609" s="10"/>
    </row>
    <row r="630610" spans="14:14">
      <c r="N630610" s="10"/>
    </row>
    <row r="630611" spans="14:14">
      <c r="N630611" s="10"/>
    </row>
    <row r="630612" spans="14:14">
      <c r="N630612" s="10"/>
    </row>
    <row r="630613" spans="14:14">
      <c r="N630613" s="10"/>
    </row>
    <row r="630614" spans="14:14">
      <c r="N630614" s="10"/>
    </row>
    <row r="630615" spans="14:14">
      <c r="N630615" s="10"/>
    </row>
    <row r="630616" spans="14:14">
      <c r="N630616" s="10"/>
    </row>
    <row r="630617" spans="14:14">
      <c r="N630617" s="10"/>
    </row>
    <row r="630618" spans="14:14">
      <c r="N630618" s="10"/>
    </row>
    <row r="630619" spans="14:14">
      <c r="N630619" s="10"/>
    </row>
    <row r="630620" spans="14:14">
      <c r="N630620" s="10"/>
    </row>
    <row r="630621" spans="14:14">
      <c r="N630621" s="10"/>
    </row>
    <row r="630622" spans="14:14">
      <c r="N630622" s="10"/>
    </row>
    <row r="630623" spans="14:14">
      <c r="N630623" s="10"/>
    </row>
    <row r="630624" spans="14:14">
      <c r="N630624" s="10"/>
    </row>
    <row r="630625" spans="14:14">
      <c r="N630625" s="10"/>
    </row>
    <row r="630626" spans="14:14">
      <c r="N630626" s="10"/>
    </row>
    <row r="630627" spans="14:14">
      <c r="N630627" s="10"/>
    </row>
    <row r="630628" spans="14:14">
      <c r="N630628" s="10"/>
    </row>
    <row r="630629" spans="14:14">
      <c r="N630629" s="10"/>
    </row>
    <row r="630630" spans="14:14">
      <c r="N630630" s="10"/>
    </row>
    <row r="630631" spans="14:14">
      <c r="N630631" s="10"/>
    </row>
    <row r="630632" spans="14:14">
      <c r="N630632" s="10"/>
    </row>
    <row r="630633" spans="14:14">
      <c r="N630633" s="10"/>
    </row>
    <row r="630634" spans="14:14">
      <c r="N630634" s="10"/>
    </row>
    <row r="630635" spans="14:14">
      <c r="N630635" s="10"/>
    </row>
    <row r="630636" spans="14:14">
      <c r="N630636" s="10"/>
    </row>
    <row r="630637" spans="14:14">
      <c r="N630637" s="10"/>
    </row>
    <row r="630638" spans="14:14">
      <c r="N630638" s="10"/>
    </row>
    <row r="630639" spans="14:14">
      <c r="N630639" s="10"/>
    </row>
    <row r="630640" spans="14:14">
      <c r="N630640" s="10"/>
    </row>
    <row r="630641" spans="14:14">
      <c r="N630641" s="10"/>
    </row>
    <row r="630642" spans="14:14">
      <c r="N630642" s="10"/>
    </row>
    <row r="630643" spans="14:14">
      <c r="N630643" s="10"/>
    </row>
    <row r="630644" spans="14:14">
      <c r="N630644" s="10"/>
    </row>
    <row r="630645" spans="14:14">
      <c r="N630645" s="10"/>
    </row>
    <row r="630646" spans="14:14">
      <c r="N630646" s="10"/>
    </row>
    <row r="630647" spans="14:14">
      <c r="N630647" s="10"/>
    </row>
    <row r="630648" spans="14:14">
      <c r="N630648" s="10"/>
    </row>
    <row r="630649" spans="14:14">
      <c r="N630649" s="10"/>
    </row>
    <row r="630650" spans="14:14">
      <c r="N630650" s="10"/>
    </row>
    <row r="630651" spans="14:14">
      <c r="N630651" s="10"/>
    </row>
    <row r="630652" spans="14:14">
      <c r="N630652" s="10"/>
    </row>
    <row r="630653" spans="14:14">
      <c r="N630653" s="10"/>
    </row>
    <row r="630654" spans="14:14">
      <c r="N630654" s="10"/>
    </row>
    <row r="630655" spans="14:14">
      <c r="N630655" s="10"/>
    </row>
    <row r="630656" spans="14:14">
      <c r="N630656" s="10"/>
    </row>
    <row r="630657" spans="14:14">
      <c r="N630657" s="10"/>
    </row>
    <row r="630658" spans="14:14">
      <c r="N630658" s="10"/>
    </row>
    <row r="630659" spans="14:14">
      <c r="N630659" s="10"/>
    </row>
    <row r="630660" spans="14:14">
      <c r="N630660" s="10"/>
    </row>
    <row r="630661" spans="14:14">
      <c r="N630661" s="10"/>
    </row>
    <row r="630662" spans="14:14">
      <c r="N630662" s="10"/>
    </row>
    <row r="630663" spans="14:14">
      <c r="N630663" s="10"/>
    </row>
    <row r="630664" spans="14:14">
      <c r="N630664" s="10"/>
    </row>
    <row r="630665" spans="14:14">
      <c r="N630665" s="10"/>
    </row>
    <row r="630666" spans="14:14">
      <c r="N630666" s="10"/>
    </row>
    <row r="630667" spans="14:14">
      <c r="N630667" s="10"/>
    </row>
    <row r="630668" spans="14:14">
      <c r="N630668" s="10"/>
    </row>
    <row r="630669" spans="14:14">
      <c r="N630669" s="10"/>
    </row>
    <row r="630670" spans="14:14">
      <c r="N630670" s="10"/>
    </row>
    <row r="630671" spans="14:14">
      <c r="N630671" s="10"/>
    </row>
    <row r="630672" spans="14:14">
      <c r="N630672" s="10"/>
    </row>
    <row r="630673" spans="14:14">
      <c r="N630673" s="10"/>
    </row>
    <row r="630674" spans="14:14">
      <c r="N630674" s="10"/>
    </row>
    <row r="630675" spans="14:14">
      <c r="N630675" s="10"/>
    </row>
    <row r="630676" spans="14:14">
      <c r="N630676" s="10"/>
    </row>
    <row r="630677" spans="14:14">
      <c r="N630677" s="10"/>
    </row>
    <row r="630678" spans="14:14">
      <c r="N630678" s="10"/>
    </row>
    <row r="630679" spans="14:14">
      <c r="N630679" s="10"/>
    </row>
    <row r="630680" spans="14:14">
      <c r="N630680" s="10"/>
    </row>
    <row r="630681" spans="14:14">
      <c r="N630681" s="10"/>
    </row>
    <row r="630682" spans="14:14">
      <c r="N630682" s="10"/>
    </row>
    <row r="630683" spans="14:14">
      <c r="N630683" s="10"/>
    </row>
    <row r="630684" spans="14:14">
      <c r="N630684" s="10"/>
    </row>
    <row r="630685" spans="14:14">
      <c r="N630685" s="10"/>
    </row>
    <row r="630686" spans="14:14">
      <c r="N630686" s="10"/>
    </row>
    <row r="630687" spans="14:14">
      <c r="N630687" s="10"/>
    </row>
    <row r="630688" spans="14:14">
      <c r="N630688" s="10"/>
    </row>
    <row r="630689" spans="14:14">
      <c r="N630689" s="10"/>
    </row>
    <row r="630690" spans="14:14">
      <c r="N630690" s="10"/>
    </row>
    <row r="630691" spans="14:14">
      <c r="N630691" s="10"/>
    </row>
    <row r="630692" spans="14:14">
      <c r="N630692" s="10"/>
    </row>
    <row r="630693" spans="14:14">
      <c r="N630693" s="10"/>
    </row>
    <row r="630694" spans="14:14">
      <c r="N630694" s="10"/>
    </row>
    <row r="630695" spans="14:14">
      <c r="N630695" s="10"/>
    </row>
    <row r="630696" spans="14:14">
      <c r="N630696" s="10"/>
    </row>
    <row r="630697" spans="14:14">
      <c r="N630697" s="10"/>
    </row>
    <row r="630698" spans="14:14">
      <c r="N630698" s="10"/>
    </row>
    <row r="630699" spans="14:14">
      <c r="N630699" s="10"/>
    </row>
    <row r="630700" spans="14:14">
      <c r="N630700" s="10"/>
    </row>
    <row r="630701" spans="14:14">
      <c r="N630701" s="10"/>
    </row>
    <row r="630702" spans="14:14">
      <c r="N630702" s="10"/>
    </row>
    <row r="630703" spans="14:14">
      <c r="N630703" s="10"/>
    </row>
    <row r="630704" spans="14:14">
      <c r="N630704" s="10"/>
    </row>
    <row r="630705" spans="14:14">
      <c r="N630705" s="10"/>
    </row>
    <row r="630706" spans="14:14">
      <c r="N630706" s="10"/>
    </row>
    <row r="630707" spans="14:14">
      <c r="N630707" s="10"/>
    </row>
    <row r="630708" spans="14:14">
      <c r="N630708" s="10"/>
    </row>
    <row r="630709" spans="14:14">
      <c r="N630709" s="10"/>
    </row>
    <row r="630710" spans="14:14">
      <c r="N630710" s="10"/>
    </row>
    <row r="630711" spans="14:14">
      <c r="N630711" s="10"/>
    </row>
    <row r="630712" spans="14:14">
      <c r="N630712" s="10"/>
    </row>
    <row r="630713" spans="14:14">
      <c r="N630713" s="10"/>
    </row>
    <row r="630714" spans="14:14">
      <c r="N630714" s="10"/>
    </row>
    <row r="630715" spans="14:14">
      <c r="N630715" s="10"/>
    </row>
    <row r="630716" spans="14:14">
      <c r="N630716" s="10"/>
    </row>
    <row r="630717" spans="14:14">
      <c r="N630717" s="10"/>
    </row>
    <row r="630718" spans="14:14">
      <c r="N630718" s="10"/>
    </row>
    <row r="630719" spans="14:14">
      <c r="N630719" s="10"/>
    </row>
    <row r="630720" spans="14:14">
      <c r="N630720" s="10"/>
    </row>
    <row r="630721" spans="14:14">
      <c r="N630721" s="10"/>
    </row>
    <row r="630722" spans="14:14">
      <c r="N630722" s="10"/>
    </row>
    <row r="630723" spans="14:14">
      <c r="N630723" s="10"/>
    </row>
    <row r="630724" spans="14:14">
      <c r="N630724" s="10"/>
    </row>
    <row r="630725" spans="14:14">
      <c r="N630725" s="10"/>
    </row>
    <row r="630726" spans="14:14">
      <c r="N630726" s="10"/>
    </row>
    <row r="630727" spans="14:14">
      <c r="N630727" s="10"/>
    </row>
    <row r="630728" spans="14:14">
      <c r="N630728" s="10"/>
    </row>
    <row r="630729" spans="14:14">
      <c r="N630729" s="10"/>
    </row>
    <row r="630730" spans="14:14">
      <c r="N630730" s="10"/>
    </row>
    <row r="630731" spans="14:14">
      <c r="N630731" s="10"/>
    </row>
    <row r="630732" spans="14:14">
      <c r="N630732" s="10"/>
    </row>
    <row r="630733" spans="14:14">
      <c r="N630733" s="10"/>
    </row>
    <row r="630734" spans="14:14">
      <c r="N630734" s="10"/>
    </row>
    <row r="630735" spans="14:14">
      <c r="N630735" s="10"/>
    </row>
    <row r="630736" spans="14:14">
      <c r="N630736" s="10"/>
    </row>
    <row r="630737" spans="14:14">
      <c r="N630737" s="10"/>
    </row>
    <row r="630738" spans="14:14">
      <c r="N630738" s="10"/>
    </row>
    <row r="630739" spans="14:14">
      <c r="N630739" s="10"/>
    </row>
    <row r="630740" spans="14:14">
      <c r="N630740" s="10"/>
    </row>
    <row r="630741" spans="14:14">
      <c r="N630741" s="10"/>
    </row>
    <row r="630742" spans="14:14">
      <c r="N630742" s="10"/>
    </row>
    <row r="630743" spans="14:14">
      <c r="N630743" s="10"/>
    </row>
    <row r="630744" spans="14:14">
      <c r="N630744" s="10"/>
    </row>
    <row r="630745" spans="14:14">
      <c r="N630745" s="10"/>
    </row>
    <row r="630746" spans="14:14">
      <c r="N630746" s="10"/>
    </row>
    <row r="630747" spans="14:14">
      <c r="N630747" s="10"/>
    </row>
    <row r="630748" spans="14:14">
      <c r="N630748" s="10"/>
    </row>
    <row r="630749" spans="14:14">
      <c r="N630749" s="10"/>
    </row>
    <row r="630750" spans="14:14">
      <c r="N630750" s="10"/>
    </row>
    <row r="630751" spans="14:14">
      <c r="N630751" s="10"/>
    </row>
    <row r="630752" spans="14:14">
      <c r="N630752" s="10"/>
    </row>
    <row r="630753" spans="14:14">
      <c r="N630753" s="10"/>
    </row>
    <row r="630754" spans="14:14">
      <c r="N630754" s="10"/>
    </row>
    <row r="630755" spans="14:14">
      <c r="N630755" s="10"/>
    </row>
    <row r="630756" spans="14:14">
      <c r="N630756" s="10"/>
    </row>
    <row r="630757" spans="14:14">
      <c r="N630757" s="10"/>
    </row>
    <row r="630758" spans="14:14">
      <c r="N630758" s="10"/>
    </row>
    <row r="630759" spans="14:14">
      <c r="N630759" s="10"/>
    </row>
    <row r="630760" spans="14:14">
      <c r="N630760" s="10"/>
    </row>
    <row r="630761" spans="14:14">
      <c r="N630761" s="10"/>
    </row>
    <row r="630762" spans="14:14">
      <c r="N630762" s="10"/>
    </row>
    <row r="630763" spans="14:14">
      <c r="N630763" s="10"/>
    </row>
    <row r="630764" spans="14:14">
      <c r="N630764" s="10"/>
    </row>
    <row r="630765" spans="14:14">
      <c r="N630765" s="10"/>
    </row>
    <row r="630766" spans="14:14">
      <c r="N630766" s="10"/>
    </row>
    <row r="630767" spans="14:14">
      <c r="N630767" s="10"/>
    </row>
    <row r="630768" spans="14:14">
      <c r="N630768" s="10"/>
    </row>
    <row r="630769" spans="14:14">
      <c r="N630769" s="10"/>
    </row>
    <row r="630770" spans="14:14">
      <c r="N630770" s="10"/>
    </row>
    <row r="630771" spans="14:14">
      <c r="N630771" s="10"/>
    </row>
    <row r="630772" spans="14:14">
      <c r="N630772" s="10"/>
    </row>
    <row r="630773" spans="14:14">
      <c r="N630773" s="10"/>
    </row>
    <row r="630774" spans="14:14">
      <c r="N630774" s="10"/>
    </row>
    <row r="630775" spans="14:14">
      <c r="N630775" s="10"/>
    </row>
    <row r="630776" spans="14:14">
      <c r="N630776" s="10"/>
    </row>
    <row r="630777" spans="14:14">
      <c r="N630777" s="10"/>
    </row>
    <row r="630778" spans="14:14">
      <c r="N630778" s="10"/>
    </row>
    <row r="630779" spans="14:14">
      <c r="N630779" s="10"/>
    </row>
    <row r="630780" spans="14:14">
      <c r="N630780" s="10"/>
    </row>
    <row r="630781" spans="14:14">
      <c r="N630781" s="10"/>
    </row>
    <row r="630782" spans="14:14">
      <c r="N630782" s="10"/>
    </row>
    <row r="630783" spans="14:14">
      <c r="N630783" s="10"/>
    </row>
    <row r="630784" spans="14:14">
      <c r="N630784" s="10"/>
    </row>
    <row r="630785" spans="14:14">
      <c r="N630785" s="10"/>
    </row>
    <row r="630786" spans="14:14">
      <c r="N630786" s="10"/>
    </row>
    <row r="630787" spans="14:14">
      <c r="N630787" s="10"/>
    </row>
    <row r="630788" spans="14:14">
      <c r="N630788" s="10"/>
    </row>
    <row r="630789" spans="14:14">
      <c r="N630789" s="10"/>
    </row>
    <row r="630790" spans="14:14">
      <c r="N630790" s="10"/>
    </row>
    <row r="630791" spans="14:14">
      <c r="N630791" s="10"/>
    </row>
    <row r="630792" spans="14:14">
      <c r="N630792" s="10"/>
    </row>
    <row r="630793" spans="14:14">
      <c r="N630793" s="10"/>
    </row>
    <row r="630794" spans="14:14">
      <c r="N630794" s="10"/>
    </row>
    <row r="630795" spans="14:14">
      <c r="N630795" s="10"/>
    </row>
    <row r="630796" spans="14:14">
      <c r="N630796" s="10"/>
    </row>
    <row r="630797" spans="14:14">
      <c r="N630797" s="10"/>
    </row>
    <row r="630798" spans="14:14">
      <c r="N630798" s="10"/>
    </row>
    <row r="630799" spans="14:14">
      <c r="N630799" s="10"/>
    </row>
    <row r="630800" spans="14:14">
      <c r="N630800" s="10"/>
    </row>
    <row r="630801" spans="14:14">
      <c r="N630801" s="10"/>
    </row>
    <row r="630802" spans="14:14">
      <c r="N630802" s="10"/>
    </row>
    <row r="630803" spans="14:14">
      <c r="N630803" s="10"/>
    </row>
    <row r="630804" spans="14:14">
      <c r="N630804" s="10"/>
    </row>
    <row r="630805" spans="14:14">
      <c r="N630805" s="10"/>
    </row>
    <row r="630806" spans="14:14">
      <c r="N630806" s="10"/>
    </row>
    <row r="630807" spans="14:14">
      <c r="N630807" s="10"/>
    </row>
    <row r="630808" spans="14:14">
      <c r="N630808" s="10"/>
    </row>
    <row r="630809" spans="14:14">
      <c r="N630809" s="10"/>
    </row>
    <row r="630810" spans="14:14">
      <c r="N630810" s="10"/>
    </row>
    <row r="630811" spans="14:14">
      <c r="N630811" s="10"/>
    </row>
    <row r="630812" spans="14:14">
      <c r="N630812" s="10"/>
    </row>
    <row r="630813" spans="14:14">
      <c r="N630813" s="10"/>
    </row>
    <row r="630814" spans="14:14">
      <c r="N630814" s="10"/>
    </row>
    <row r="630815" spans="14:14">
      <c r="N630815" s="10"/>
    </row>
    <row r="630816" spans="14:14">
      <c r="N630816" s="10"/>
    </row>
    <row r="630817" spans="14:14">
      <c r="N630817" s="10"/>
    </row>
    <row r="630818" spans="14:14">
      <c r="N630818" s="10"/>
    </row>
    <row r="630819" spans="14:14">
      <c r="N630819" s="10"/>
    </row>
    <row r="630820" spans="14:14">
      <c r="N630820" s="10"/>
    </row>
    <row r="630821" spans="14:14">
      <c r="N630821" s="10"/>
    </row>
    <row r="630822" spans="14:14">
      <c r="N630822" s="10"/>
    </row>
    <row r="630823" spans="14:14">
      <c r="N630823" s="10"/>
    </row>
    <row r="630824" spans="14:14">
      <c r="N630824" s="10"/>
    </row>
    <row r="630825" spans="14:14">
      <c r="N630825" s="10"/>
    </row>
    <row r="630826" spans="14:14">
      <c r="N630826" s="10"/>
    </row>
    <row r="630827" spans="14:14">
      <c r="N630827" s="10"/>
    </row>
    <row r="630828" spans="14:14">
      <c r="N630828" s="10"/>
    </row>
    <row r="630829" spans="14:14">
      <c r="N630829" s="10"/>
    </row>
    <row r="630830" spans="14:14">
      <c r="N630830" s="10"/>
    </row>
    <row r="630831" spans="14:14">
      <c r="N630831" s="10"/>
    </row>
    <row r="630832" spans="14:14">
      <c r="N630832" s="10"/>
    </row>
    <row r="630833" spans="14:14">
      <c r="N630833" s="10"/>
    </row>
    <row r="630834" spans="14:14">
      <c r="N630834" s="10"/>
    </row>
    <row r="630835" spans="14:14">
      <c r="N630835" s="10"/>
    </row>
    <row r="630836" spans="14:14">
      <c r="N630836" s="10"/>
    </row>
    <row r="630837" spans="14:14">
      <c r="N630837" s="10"/>
    </row>
    <row r="630838" spans="14:14">
      <c r="N630838" s="10"/>
    </row>
    <row r="630839" spans="14:14">
      <c r="N630839" s="10"/>
    </row>
    <row r="630840" spans="14:14">
      <c r="N630840" s="10"/>
    </row>
    <row r="630841" spans="14:14">
      <c r="N630841" s="10"/>
    </row>
    <row r="630842" spans="14:14">
      <c r="N630842" s="10"/>
    </row>
    <row r="630843" spans="14:14">
      <c r="N630843" s="10"/>
    </row>
    <row r="630844" spans="14:14">
      <c r="N630844" s="10"/>
    </row>
    <row r="630845" spans="14:14">
      <c r="N630845" s="10"/>
    </row>
    <row r="630846" spans="14:14">
      <c r="N630846" s="10"/>
    </row>
    <row r="630847" spans="14:14">
      <c r="N630847" s="10"/>
    </row>
    <row r="630848" spans="14:14">
      <c r="N630848" s="10"/>
    </row>
    <row r="630849" spans="14:14">
      <c r="N630849" s="10"/>
    </row>
    <row r="630850" spans="14:14">
      <c r="N630850" s="10"/>
    </row>
    <row r="630851" spans="14:14">
      <c r="N630851" s="10"/>
    </row>
    <row r="630852" spans="14:14">
      <c r="N630852" s="10"/>
    </row>
    <row r="630853" spans="14:14">
      <c r="N630853" s="10"/>
    </row>
    <row r="630854" spans="14:14">
      <c r="N630854" s="10"/>
    </row>
    <row r="630855" spans="14:14">
      <c r="N630855" s="10"/>
    </row>
    <row r="630856" spans="14:14">
      <c r="N630856" s="10"/>
    </row>
    <row r="630857" spans="14:14">
      <c r="N630857" s="10"/>
    </row>
    <row r="630858" spans="14:14">
      <c r="N630858" s="10"/>
    </row>
    <row r="630859" spans="14:14">
      <c r="N630859" s="10"/>
    </row>
    <row r="630860" spans="14:14">
      <c r="N630860" s="10"/>
    </row>
    <row r="630861" spans="14:14">
      <c r="N630861" s="10"/>
    </row>
    <row r="630862" spans="14:14">
      <c r="N630862" s="10"/>
    </row>
    <row r="630863" spans="14:14">
      <c r="N630863" s="10"/>
    </row>
    <row r="630864" spans="14:14">
      <c r="N630864" s="10"/>
    </row>
    <row r="630865" spans="14:14">
      <c r="N630865" s="10"/>
    </row>
    <row r="630866" spans="14:14">
      <c r="N630866" s="10"/>
    </row>
    <row r="630867" spans="14:14">
      <c r="N630867" s="10"/>
    </row>
    <row r="630868" spans="14:14">
      <c r="N630868" s="10"/>
    </row>
    <row r="630869" spans="14:14">
      <c r="N630869" s="10"/>
    </row>
    <row r="630870" spans="14:14">
      <c r="N630870" s="10"/>
    </row>
    <row r="630871" spans="14:14">
      <c r="N630871" s="10"/>
    </row>
    <row r="630872" spans="14:14">
      <c r="N630872" s="10"/>
    </row>
    <row r="630873" spans="14:14">
      <c r="N630873" s="10"/>
    </row>
    <row r="630874" spans="14:14">
      <c r="N630874" s="10"/>
    </row>
    <row r="630875" spans="14:14">
      <c r="N630875" s="10"/>
    </row>
    <row r="630876" spans="14:14">
      <c r="N630876" s="10"/>
    </row>
    <row r="630877" spans="14:14">
      <c r="N630877" s="10"/>
    </row>
    <row r="630878" spans="14:14">
      <c r="N630878" s="10"/>
    </row>
    <row r="630879" spans="14:14">
      <c r="N630879" s="10"/>
    </row>
    <row r="630880" spans="14:14">
      <c r="N630880" s="10"/>
    </row>
    <row r="630881" spans="14:14">
      <c r="N630881" s="10"/>
    </row>
    <row r="630882" spans="14:14">
      <c r="N630882" s="10"/>
    </row>
    <row r="630883" spans="14:14">
      <c r="N630883" s="10"/>
    </row>
    <row r="630884" spans="14:14">
      <c r="N630884" s="10"/>
    </row>
    <row r="630885" spans="14:14">
      <c r="N630885" s="10"/>
    </row>
    <row r="630886" spans="14:14">
      <c r="N630886" s="10"/>
    </row>
    <row r="630887" spans="14:14">
      <c r="N630887" s="10"/>
    </row>
    <row r="630888" spans="14:14">
      <c r="N630888" s="10"/>
    </row>
    <row r="630889" spans="14:14">
      <c r="N630889" s="10"/>
    </row>
    <row r="630890" spans="14:14">
      <c r="N630890" s="10"/>
    </row>
    <row r="630891" spans="14:14">
      <c r="N630891" s="10"/>
    </row>
    <row r="630892" spans="14:14">
      <c r="N630892" s="10"/>
    </row>
    <row r="630893" spans="14:14">
      <c r="N630893" s="10"/>
    </row>
    <row r="630894" spans="14:14">
      <c r="N630894" s="10"/>
    </row>
    <row r="630895" spans="14:14">
      <c r="N630895" s="10"/>
    </row>
    <row r="630896" spans="14:14">
      <c r="N630896" s="10"/>
    </row>
    <row r="630897" spans="14:14">
      <c r="N630897" s="10"/>
    </row>
    <row r="630898" spans="14:14">
      <c r="N630898" s="10"/>
    </row>
    <row r="630899" spans="14:14">
      <c r="N630899" s="10"/>
    </row>
    <row r="630900" spans="14:14">
      <c r="N630900" s="10"/>
    </row>
    <row r="630901" spans="14:14">
      <c r="N630901" s="10"/>
    </row>
    <row r="630902" spans="14:14">
      <c r="N630902" s="10"/>
    </row>
    <row r="630903" spans="14:14">
      <c r="N630903" s="10"/>
    </row>
    <row r="630904" spans="14:14">
      <c r="N630904" s="10"/>
    </row>
    <row r="630905" spans="14:14">
      <c r="N630905" s="10"/>
    </row>
    <row r="630906" spans="14:14">
      <c r="N630906" s="10"/>
    </row>
    <row r="630907" spans="14:14">
      <c r="N630907" s="10"/>
    </row>
    <row r="630908" spans="14:14">
      <c r="N630908" s="10"/>
    </row>
    <row r="630909" spans="14:14">
      <c r="N630909" s="10"/>
    </row>
    <row r="630910" spans="14:14">
      <c r="N630910" s="10"/>
    </row>
    <row r="630911" spans="14:14">
      <c r="N630911" s="10"/>
    </row>
    <row r="630912" spans="14:14">
      <c r="N630912" s="10"/>
    </row>
    <row r="630913" spans="14:14">
      <c r="N630913" s="10"/>
    </row>
    <row r="630914" spans="14:14">
      <c r="N630914" s="10"/>
    </row>
    <row r="630915" spans="14:14">
      <c r="N630915" s="10"/>
    </row>
    <row r="630916" spans="14:14">
      <c r="N630916" s="10"/>
    </row>
    <row r="630917" spans="14:14">
      <c r="N630917" s="10"/>
    </row>
    <row r="630918" spans="14:14">
      <c r="N630918" s="10"/>
    </row>
    <row r="630919" spans="14:14">
      <c r="N630919" s="10"/>
    </row>
    <row r="630920" spans="14:14">
      <c r="N630920" s="10"/>
    </row>
    <row r="630921" spans="14:14">
      <c r="N630921" s="10"/>
    </row>
    <row r="630922" spans="14:14">
      <c r="N630922" s="10"/>
    </row>
    <row r="630923" spans="14:14">
      <c r="N630923" s="10"/>
    </row>
    <row r="630924" spans="14:14">
      <c r="N630924" s="10"/>
    </row>
    <row r="630925" spans="14:14">
      <c r="N630925" s="10"/>
    </row>
    <row r="630926" spans="14:14">
      <c r="N630926" s="10"/>
    </row>
    <row r="630927" spans="14:14">
      <c r="N630927" s="10"/>
    </row>
    <row r="630928" spans="14:14">
      <c r="N630928" s="10"/>
    </row>
    <row r="630929" spans="14:14">
      <c r="N630929" s="10"/>
    </row>
    <row r="630930" spans="14:14">
      <c r="N630930" s="10"/>
    </row>
    <row r="630931" spans="14:14">
      <c r="N630931" s="10"/>
    </row>
    <row r="630932" spans="14:14">
      <c r="N630932" s="10"/>
    </row>
    <row r="630933" spans="14:14">
      <c r="N630933" s="10"/>
    </row>
    <row r="630934" spans="14:14">
      <c r="N630934" s="10"/>
    </row>
    <row r="630935" spans="14:14">
      <c r="N630935" s="10"/>
    </row>
    <row r="630936" spans="14:14">
      <c r="N630936" s="10"/>
    </row>
    <row r="630937" spans="14:14">
      <c r="N630937" s="10"/>
    </row>
    <row r="630938" spans="14:14">
      <c r="N630938" s="10"/>
    </row>
    <row r="630939" spans="14:14">
      <c r="N630939" s="10"/>
    </row>
    <row r="630940" spans="14:14">
      <c r="N630940" s="10"/>
    </row>
    <row r="630941" spans="14:14">
      <c r="N630941" s="10"/>
    </row>
    <row r="630942" spans="14:14">
      <c r="N630942" s="10"/>
    </row>
    <row r="630943" spans="14:14">
      <c r="N630943" s="10"/>
    </row>
    <row r="630944" spans="14:14">
      <c r="N630944" s="10"/>
    </row>
    <row r="630945" spans="14:14">
      <c r="N630945" s="10"/>
    </row>
    <row r="630946" spans="14:14">
      <c r="N630946" s="10"/>
    </row>
    <row r="630947" spans="14:14">
      <c r="N630947" s="10"/>
    </row>
    <row r="630948" spans="14:14">
      <c r="N630948" s="10"/>
    </row>
    <row r="630949" spans="14:14">
      <c r="N630949" s="10"/>
    </row>
    <row r="630950" spans="14:14">
      <c r="N630950" s="10"/>
    </row>
    <row r="630951" spans="14:14">
      <c r="N630951" s="10"/>
    </row>
    <row r="630952" spans="14:14">
      <c r="N630952" s="10"/>
    </row>
    <row r="630953" spans="14:14">
      <c r="N630953" s="10"/>
    </row>
    <row r="630954" spans="14:14">
      <c r="N630954" s="10"/>
    </row>
    <row r="630955" spans="14:14">
      <c r="N630955" s="10"/>
    </row>
    <row r="630956" spans="14:14">
      <c r="N630956" s="10"/>
    </row>
    <row r="630957" spans="14:14">
      <c r="N630957" s="10"/>
    </row>
    <row r="630958" spans="14:14">
      <c r="N630958" s="10"/>
    </row>
    <row r="630959" spans="14:14">
      <c r="N630959" s="10"/>
    </row>
    <row r="630960" spans="14:14">
      <c r="N630960" s="10"/>
    </row>
    <row r="630961" spans="14:14">
      <c r="N630961" s="10"/>
    </row>
    <row r="630962" spans="14:14">
      <c r="N630962" s="10"/>
    </row>
    <row r="630963" spans="14:14">
      <c r="N630963" s="10"/>
    </row>
    <row r="630964" spans="14:14">
      <c r="N630964" s="10"/>
    </row>
    <row r="630965" spans="14:14">
      <c r="N630965" s="10"/>
    </row>
    <row r="630966" spans="14:14">
      <c r="N630966" s="10"/>
    </row>
    <row r="630967" spans="14:14">
      <c r="N630967" s="10"/>
    </row>
    <row r="630968" spans="14:14">
      <c r="N630968" s="10"/>
    </row>
    <row r="630969" spans="14:14">
      <c r="N630969" s="10"/>
    </row>
    <row r="630970" spans="14:14">
      <c r="N630970" s="10"/>
    </row>
    <row r="630971" spans="14:14">
      <c r="N630971" s="10"/>
    </row>
    <row r="630972" spans="14:14">
      <c r="N630972" s="10"/>
    </row>
    <row r="630973" spans="14:14">
      <c r="N630973" s="10"/>
    </row>
    <row r="630974" spans="14:14">
      <c r="N630974" s="10"/>
    </row>
    <row r="630975" spans="14:14">
      <c r="N630975" s="10"/>
    </row>
    <row r="630976" spans="14:14">
      <c r="N630976" s="10"/>
    </row>
    <row r="630977" spans="14:14">
      <c r="N630977" s="10"/>
    </row>
    <row r="630978" spans="14:14">
      <c r="N630978" s="10"/>
    </row>
    <row r="630979" spans="14:14">
      <c r="N630979" s="10"/>
    </row>
    <row r="630980" spans="14:14">
      <c r="N630980" s="10"/>
    </row>
    <row r="630981" spans="14:14">
      <c r="N630981" s="10"/>
    </row>
    <row r="630982" spans="14:14">
      <c r="N630982" s="10"/>
    </row>
    <row r="630983" spans="14:14">
      <c r="N630983" s="10"/>
    </row>
    <row r="630984" spans="14:14">
      <c r="N630984" s="10"/>
    </row>
    <row r="630985" spans="14:14">
      <c r="N630985" s="10"/>
    </row>
    <row r="630986" spans="14:14">
      <c r="N630986" s="10"/>
    </row>
    <row r="630987" spans="14:14">
      <c r="N630987" s="10"/>
    </row>
    <row r="630988" spans="14:14">
      <c r="N630988" s="10"/>
    </row>
    <row r="630989" spans="14:14">
      <c r="N630989" s="10"/>
    </row>
    <row r="630990" spans="14:14">
      <c r="N630990" s="10"/>
    </row>
    <row r="630991" spans="14:14">
      <c r="N630991" s="10"/>
    </row>
    <row r="630992" spans="14:14">
      <c r="N630992" s="10"/>
    </row>
    <row r="630993" spans="14:14">
      <c r="N630993" s="10"/>
    </row>
    <row r="630994" spans="14:14">
      <c r="N630994" s="10"/>
    </row>
    <row r="630995" spans="14:14">
      <c r="N630995" s="10"/>
    </row>
    <row r="630996" spans="14:14">
      <c r="N630996" s="10"/>
    </row>
    <row r="630997" spans="14:14">
      <c r="N630997" s="10"/>
    </row>
    <row r="630998" spans="14:14">
      <c r="N630998" s="10"/>
    </row>
    <row r="630999" spans="14:14">
      <c r="N630999" s="10"/>
    </row>
    <row r="631000" spans="14:14">
      <c r="N631000" s="10"/>
    </row>
    <row r="631001" spans="14:14">
      <c r="N631001" s="10"/>
    </row>
    <row r="631002" spans="14:14">
      <c r="N631002" s="10"/>
    </row>
    <row r="631003" spans="14:14">
      <c r="N631003" s="10"/>
    </row>
    <row r="631004" spans="14:14">
      <c r="N631004" s="10"/>
    </row>
    <row r="631005" spans="14:14">
      <c r="N631005" s="10"/>
    </row>
    <row r="631006" spans="14:14">
      <c r="N631006" s="10"/>
    </row>
    <row r="631007" spans="14:14">
      <c r="N631007" s="10"/>
    </row>
    <row r="631008" spans="14:14">
      <c r="N631008" s="10"/>
    </row>
    <row r="631009" spans="14:14">
      <c r="N631009" s="10"/>
    </row>
    <row r="631010" spans="14:14">
      <c r="N631010" s="10"/>
    </row>
    <row r="631011" spans="14:14">
      <c r="N631011" s="10"/>
    </row>
    <row r="631012" spans="14:14">
      <c r="N631012" s="10"/>
    </row>
    <row r="631013" spans="14:14">
      <c r="N631013" s="10"/>
    </row>
    <row r="631014" spans="14:14">
      <c r="N631014" s="10"/>
    </row>
    <row r="631015" spans="14:14">
      <c r="N631015" s="10"/>
    </row>
    <row r="631016" spans="14:14">
      <c r="N631016" s="10"/>
    </row>
    <row r="631017" spans="14:14">
      <c r="N631017" s="10"/>
    </row>
    <row r="631018" spans="14:14">
      <c r="N631018" s="10"/>
    </row>
    <row r="631019" spans="14:14">
      <c r="N631019" s="10"/>
    </row>
    <row r="631020" spans="14:14">
      <c r="N631020" s="10"/>
    </row>
    <row r="631021" spans="14:14">
      <c r="N631021" s="10"/>
    </row>
    <row r="631022" spans="14:14">
      <c r="N631022" s="10"/>
    </row>
    <row r="631023" spans="14:14">
      <c r="N631023" s="10"/>
    </row>
    <row r="631024" spans="14:14">
      <c r="N631024" s="10"/>
    </row>
    <row r="631025" spans="14:14">
      <c r="N631025" s="10"/>
    </row>
    <row r="631026" spans="14:14">
      <c r="N631026" s="10"/>
    </row>
    <row r="631027" spans="14:14">
      <c r="N631027" s="10"/>
    </row>
    <row r="631028" spans="14:14">
      <c r="N631028" s="10"/>
    </row>
    <row r="631029" spans="14:14">
      <c r="N631029" s="10"/>
    </row>
    <row r="631030" spans="14:14">
      <c r="N631030" s="10"/>
    </row>
    <row r="631031" spans="14:14">
      <c r="N631031" s="10"/>
    </row>
    <row r="631032" spans="14:14">
      <c r="N631032" s="10"/>
    </row>
    <row r="631033" spans="14:14">
      <c r="N631033" s="10"/>
    </row>
    <row r="631034" spans="14:14">
      <c r="N631034" s="10"/>
    </row>
    <row r="631035" spans="14:14">
      <c r="N631035" s="10"/>
    </row>
    <row r="631036" spans="14:14">
      <c r="N631036" s="10"/>
    </row>
    <row r="631037" spans="14:14">
      <c r="N631037" s="10"/>
    </row>
    <row r="631038" spans="14:14">
      <c r="N631038" s="10"/>
    </row>
    <row r="631039" spans="14:14">
      <c r="N631039" s="10"/>
    </row>
    <row r="631040" spans="14:14">
      <c r="N631040" s="10"/>
    </row>
    <row r="631041" spans="14:14">
      <c r="N631041" s="10"/>
    </row>
    <row r="631042" spans="14:14">
      <c r="N631042" s="10"/>
    </row>
    <row r="631043" spans="14:14">
      <c r="N631043" s="10"/>
    </row>
    <row r="631044" spans="14:14">
      <c r="N631044" s="10"/>
    </row>
    <row r="631045" spans="14:14">
      <c r="N631045" s="10"/>
    </row>
    <row r="631046" spans="14:14">
      <c r="N631046" s="10"/>
    </row>
    <row r="631047" spans="14:14">
      <c r="N631047" s="10"/>
    </row>
    <row r="631048" spans="14:14">
      <c r="N631048" s="10"/>
    </row>
    <row r="631049" spans="14:14">
      <c r="N631049" s="10"/>
    </row>
    <row r="631050" spans="14:14">
      <c r="N631050" s="10"/>
    </row>
    <row r="631051" spans="14:14">
      <c r="N631051" s="10"/>
    </row>
    <row r="631052" spans="14:14">
      <c r="N631052" s="10"/>
    </row>
    <row r="631053" spans="14:14">
      <c r="N631053" s="10"/>
    </row>
    <row r="631054" spans="14:14">
      <c r="N631054" s="10"/>
    </row>
    <row r="631055" spans="14:14">
      <c r="N631055" s="10"/>
    </row>
    <row r="631056" spans="14:14">
      <c r="N631056" s="10"/>
    </row>
    <row r="631057" spans="14:14">
      <c r="N631057" s="10"/>
    </row>
    <row r="631058" spans="14:14">
      <c r="N631058" s="10"/>
    </row>
    <row r="631059" spans="14:14">
      <c r="N631059" s="10"/>
    </row>
    <row r="631060" spans="14:14">
      <c r="N631060" s="10"/>
    </row>
    <row r="631061" spans="14:14">
      <c r="N631061" s="10"/>
    </row>
    <row r="631062" spans="14:14">
      <c r="N631062" s="10"/>
    </row>
    <row r="631063" spans="14:14">
      <c r="N631063" s="10"/>
    </row>
    <row r="631064" spans="14:14">
      <c r="N631064" s="10"/>
    </row>
    <row r="631065" spans="14:14">
      <c r="N631065" s="10"/>
    </row>
    <row r="631066" spans="14:14">
      <c r="N631066" s="10"/>
    </row>
    <row r="631067" spans="14:14">
      <c r="N631067" s="10"/>
    </row>
    <row r="631068" spans="14:14">
      <c r="N631068" s="10"/>
    </row>
    <row r="631069" spans="14:14">
      <c r="N631069" s="10"/>
    </row>
    <row r="631070" spans="14:14">
      <c r="N631070" s="10"/>
    </row>
    <row r="631071" spans="14:14">
      <c r="N631071" s="10"/>
    </row>
    <row r="631072" spans="14:14">
      <c r="N631072" s="10"/>
    </row>
    <row r="631073" spans="14:14">
      <c r="N631073" s="10"/>
    </row>
    <row r="631074" spans="14:14">
      <c r="N631074" s="10"/>
    </row>
    <row r="631075" spans="14:14">
      <c r="N631075" s="10"/>
    </row>
    <row r="631076" spans="14:14">
      <c r="N631076" s="10"/>
    </row>
    <row r="631077" spans="14:14">
      <c r="N631077" s="10"/>
    </row>
    <row r="631078" spans="14:14">
      <c r="N631078" s="10"/>
    </row>
    <row r="631079" spans="14:14">
      <c r="N631079" s="10"/>
    </row>
    <row r="631080" spans="14:14">
      <c r="N631080" s="10"/>
    </row>
    <row r="631081" spans="14:14">
      <c r="N631081" s="10"/>
    </row>
    <row r="631082" spans="14:14">
      <c r="N631082" s="10"/>
    </row>
    <row r="631083" spans="14:14">
      <c r="N631083" s="10"/>
    </row>
    <row r="631084" spans="14:14">
      <c r="N631084" s="10"/>
    </row>
    <row r="631085" spans="14:14">
      <c r="N631085" s="10"/>
    </row>
    <row r="631086" spans="14:14">
      <c r="N631086" s="10"/>
    </row>
    <row r="631087" spans="14:14">
      <c r="N631087" s="10"/>
    </row>
    <row r="631088" spans="14:14">
      <c r="N631088" s="10"/>
    </row>
    <row r="631089" spans="14:14">
      <c r="N631089" s="10"/>
    </row>
    <row r="631090" spans="14:14">
      <c r="N631090" s="10"/>
    </row>
    <row r="631091" spans="14:14">
      <c r="N631091" s="10"/>
    </row>
    <row r="631092" spans="14:14">
      <c r="N631092" s="10"/>
    </row>
    <row r="631093" spans="14:14">
      <c r="N631093" s="10"/>
    </row>
    <row r="631094" spans="14:14">
      <c r="N631094" s="10"/>
    </row>
    <row r="631095" spans="14:14">
      <c r="N631095" s="10"/>
    </row>
    <row r="631096" spans="14:14">
      <c r="N631096" s="10"/>
    </row>
    <row r="631097" spans="14:14">
      <c r="N631097" s="10"/>
    </row>
    <row r="631098" spans="14:14">
      <c r="N631098" s="10"/>
    </row>
    <row r="631099" spans="14:14">
      <c r="N631099" s="10"/>
    </row>
    <row r="631100" spans="14:14">
      <c r="N631100" s="10"/>
    </row>
    <row r="631101" spans="14:14">
      <c r="N631101" s="10"/>
    </row>
    <row r="631102" spans="14:14">
      <c r="N631102" s="10"/>
    </row>
    <row r="631103" spans="14:14">
      <c r="N631103" s="10"/>
    </row>
    <row r="631104" spans="14:14">
      <c r="N631104" s="10"/>
    </row>
    <row r="631105" spans="14:14">
      <c r="N631105" s="10"/>
    </row>
    <row r="631106" spans="14:14">
      <c r="N631106" s="10"/>
    </row>
    <row r="631107" spans="14:14">
      <c r="N631107" s="10"/>
    </row>
    <row r="631108" spans="14:14">
      <c r="N631108" s="10"/>
    </row>
    <row r="631109" spans="14:14">
      <c r="N631109" s="10"/>
    </row>
    <row r="631110" spans="14:14">
      <c r="N631110" s="10"/>
    </row>
    <row r="631111" spans="14:14">
      <c r="N631111" s="10"/>
    </row>
    <row r="631112" spans="14:14">
      <c r="N631112" s="10"/>
    </row>
    <row r="631113" spans="14:14">
      <c r="N631113" s="10"/>
    </row>
    <row r="631114" spans="14:14">
      <c r="N631114" s="10"/>
    </row>
    <row r="631115" spans="14:14">
      <c r="N631115" s="10"/>
    </row>
    <row r="631116" spans="14:14">
      <c r="N631116" s="10"/>
    </row>
    <row r="631117" spans="14:14">
      <c r="N631117" s="10"/>
    </row>
    <row r="631118" spans="14:14">
      <c r="N631118" s="10"/>
    </row>
    <row r="631119" spans="14:14">
      <c r="N631119" s="10"/>
    </row>
    <row r="631120" spans="14:14">
      <c r="N631120" s="10"/>
    </row>
    <row r="631121" spans="14:14">
      <c r="N631121" s="10"/>
    </row>
    <row r="631122" spans="14:14">
      <c r="N631122" s="10"/>
    </row>
    <row r="631123" spans="14:14">
      <c r="N631123" s="10"/>
    </row>
    <row r="631124" spans="14:14">
      <c r="N631124" s="10"/>
    </row>
    <row r="631125" spans="14:14">
      <c r="N631125" s="10"/>
    </row>
    <row r="631126" spans="14:14">
      <c r="N631126" s="10"/>
    </row>
    <row r="631127" spans="14:14">
      <c r="N631127" s="10"/>
    </row>
    <row r="631128" spans="14:14">
      <c r="N631128" s="10"/>
    </row>
    <row r="631129" spans="14:14">
      <c r="N631129" s="10"/>
    </row>
    <row r="631130" spans="14:14">
      <c r="N631130" s="10"/>
    </row>
    <row r="631131" spans="14:14">
      <c r="N631131" s="10"/>
    </row>
    <row r="631132" spans="14:14">
      <c r="N631132" s="10"/>
    </row>
    <row r="631133" spans="14:14">
      <c r="N631133" s="10"/>
    </row>
    <row r="631134" spans="14:14">
      <c r="N631134" s="10"/>
    </row>
    <row r="631135" spans="14:14">
      <c r="N631135" s="10"/>
    </row>
    <row r="631136" spans="14:14">
      <c r="N631136" s="10"/>
    </row>
    <row r="631137" spans="14:14">
      <c r="N631137" s="10"/>
    </row>
    <row r="631138" spans="14:14">
      <c r="N631138" s="10"/>
    </row>
    <row r="631139" spans="14:14">
      <c r="N631139" s="10"/>
    </row>
    <row r="631140" spans="14:14">
      <c r="N631140" s="10"/>
    </row>
    <row r="631141" spans="14:14">
      <c r="N631141" s="10"/>
    </row>
    <row r="631142" spans="14:14">
      <c r="N631142" s="10"/>
    </row>
    <row r="631143" spans="14:14">
      <c r="N631143" s="10"/>
    </row>
    <row r="631144" spans="14:14">
      <c r="N631144" s="10"/>
    </row>
    <row r="631145" spans="14:14">
      <c r="N631145" s="10"/>
    </row>
    <row r="631146" spans="14:14">
      <c r="N631146" s="10"/>
    </row>
    <row r="631147" spans="14:14">
      <c r="N631147" s="10"/>
    </row>
    <row r="631148" spans="14:14">
      <c r="N631148" s="10"/>
    </row>
    <row r="631149" spans="14:14">
      <c r="N631149" s="10"/>
    </row>
    <row r="631150" spans="14:14">
      <c r="N631150" s="10"/>
    </row>
    <row r="631151" spans="14:14">
      <c r="N631151" s="10"/>
    </row>
    <row r="631152" spans="14:14">
      <c r="N631152" s="10"/>
    </row>
    <row r="631153" spans="14:14">
      <c r="N631153" s="10"/>
    </row>
    <row r="631154" spans="14:14">
      <c r="N631154" s="10"/>
    </row>
    <row r="631155" spans="14:14">
      <c r="N631155" s="10"/>
    </row>
    <row r="631156" spans="14:14">
      <c r="N631156" s="10"/>
    </row>
    <row r="631157" spans="14:14">
      <c r="N631157" s="10"/>
    </row>
    <row r="631158" spans="14:14">
      <c r="N631158" s="10"/>
    </row>
    <row r="631159" spans="14:14">
      <c r="N631159" s="10"/>
    </row>
    <row r="631160" spans="14:14">
      <c r="N631160" s="10"/>
    </row>
    <row r="631161" spans="14:14">
      <c r="N631161" s="10"/>
    </row>
    <row r="631162" spans="14:14">
      <c r="N631162" s="10"/>
    </row>
    <row r="631163" spans="14:14">
      <c r="N631163" s="10"/>
    </row>
    <row r="631164" spans="14:14">
      <c r="N631164" s="10"/>
    </row>
    <row r="631165" spans="14:14">
      <c r="N631165" s="10"/>
    </row>
    <row r="631166" spans="14:14">
      <c r="N631166" s="10"/>
    </row>
    <row r="631167" spans="14:14">
      <c r="N631167" s="10"/>
    </row>
    <row r="631168" spans="14:14">
      <c r="N631168" s="10"/>
    </row>
    <row r="631169" spans="14:14">
      <c r="N631169" s="10"/>
    </row>
    <row r="631170" spans="14:14">
      <c r="N631170" s="10"/>
    </row>
    <row r="631171" spans="14:14">
      <c r="N631171" s="10"/>
    </row>
    <row r="631172" spans="14:14">
      <c r="N631172" s="10"/>
    </row>
    <row r="631173" spans="14:14">
      <c r="N631173" s="10"/>
    </row>
    <row r="631174" spans="14:14">
      <c r="N631174" s="10"/>
    </row>
    <row r="631175" spans="14:14">
      <c r="N631175" s="10"/>
    </row>
    <row r="631176" spans="14:14">
      <c r="N631176" s="10"/>
    </row>
    <row r="631177" spans="14:14">
      <c r="N631177" s="10"/>
    </row>
    <row r="631178" spans="14:14">
      <c r="N631178" s="10"/>
    </row>
    <row r="631179" spans="14:14">
      <c r="N631179" s="10"/>
    </row>
    <row r="631180" spans="14:14">
      <c r="N631180" s="10"/>
    </row>
    <row r="631181" spans="14:14">
      <c r="N631181" s="10"/>
    </row>
    <row r="631182" spans="14:14">
      <c r="N631182" s="10"/>
    </row>
    <row r="631183" spans="14:14">
      <c r="N631183" s="10"/>
    </row>
    <row r="631184" spans="14:14">
      <c r="N631184" s="10"/>
    </row>
    <row r="631185" spans="14:14">
      <c r="N631185" s="10"/>
    </row>
    <row r="631186" spans="14:14">
      <c r="N631186" s="10"/>
    </row>
    <row r="631187" spans="14:14">
      <c r="N631187" s="10"/>
    </row>
    <row r="631188" spans="14:14">
      <c r="N631188" s="10"/>
    </row>
    <row r="631189" spans="14:14">
      <c r="N631189" s="10"/>
    </row>
    <row r="631190" spans="14:14">
      <c r="N631190" s="10"/>
    </row>
    <row r="631191" spans="14:14">
      <c r="N631191" s="10"/>
    </row>
    <row r="631192" spans="14:14">
      <c r="N631192" s="10"/>
    </row>
    <row r="631193" spans="14:14">
      <c r="N631193" s="10"/>
    </row>
    <row r="631194" spans="14:14">
      <c r="N631194" s="10"/>
    </row>
    <row r="631195" spans="14:14">
      <c r="N631195" s="10"/>
    </row>
    <row r="631196" spans="14:14">
      <c r="N631196" s="10"/>
    </row>
    <row r="631197" spans="14:14">
      <c r="N631197" s="10"/>
    </row>
    <row r="631198" spans="14:14">
      <c r="N631198" s="10"/>
    </row>
    <row r="631199" spans="14:14">
      <c r="N631199" s="10"/>
    </row>
    <row r="631200" spans="14:14">
      <c r="N631200" s="10"/>
    </row>
    <row r="631201" spans="14:14">
      <c r="N631201" s="10"/>
    </row>
    <row r="631202" spans="14:14">
      <c r="N631202" s="10"/>
    </row>
    <row r="631203" spans="14:14">
      <c r="N631203" s="10"/>
    </row>
    <row r="631204" spans="14:14">
      <c r="N631204" s="10"/>
    </row>
    <row r="631205" spans="14:14">
      <c r="N631205" s="10"/>
    </row>
    <row r="631206" spans="14:14">
      <c r="N631206" s="10"/>
    </row>
    <row r="631207" spans="14:14">
      <c r="N631207" s="10"/>
    </row>
    <row r="631208" spans="14:14">
      <c r="N631208" s="10"/>
    </row>
    <row r="631209" spans="14:14">
      <c r="N631209" s="10"/>
    </row>
    <row r="631210" spans="14:14">
      <c r="N631210" s="10"/>
    </row>
    <row r="631211" spans="14:14">
      <c r="N631211" s="10"/>
    </row>
    <row r="631212" spans="14:14">
      <c r="N631212" s="10"/>
    </row>
    <row r="631213" spans="14:14">
      <c r="N631213" s="10"/>
    </row>
    <row r="631214" spans="14:14">
      <c r="N631214" s="10"/>
    </row>
    <row r="631215" spans="14:14">
      <c r="N631215" s="10"/>
    </row>
    <row r="631216" spans="14:14">
      <c r="N631216" s="10"/>
    </row>
    <row r="631217" spans="14:14">
      <c r="N631217" s="10"/>
    </row>
    <row r="631218" spans="14:14">
      <c r="N631218" s="10"/>
    </row>
    <row r="631219" spans="14:14">
      <c r="N631219" s="10"/>
    </row>
    <row r="631220" spans="14:14">
      <c r="N631220" s="10"/>
    </row>
    <row r="631221" spans="14:14">
      <c r="N631221" s="10"/>
    </row>
    <row r="631222" spans="14:14">
      <c r="N631222" s="10"/>
    </row>
    <row r="631223" spans="14:14">
      <c r="N631223" s="10"/>
    </row>
    <row r="631224" spans="14:14">
      <c r="N631224" s="10"/>
    </row>
    <row r="631225" spans="14:14">
      <c r="N631225" s="10"/>
    </row>
    <row r="631226" spans="14:14">
      <c r="N631226" s="10"/>
    </row>
    <row r="631227" spans="14:14">
      <c r="N631227" s="10"/>
    </row>
    <row r="631228" spans="14:14">
      <c r="N631228" s="10"/>
    </row>
    <row r="631229" spans="14:14">
      <c r="N631229" s="10"/>
    </row>
    <row r="631230" spans="14:14">
      <c r="N631230" s="10"/>
    </row>
    <row r="631231" spans="14:14">
      <c r="N631231" s="10"/>
    </row>
    <row r="631232" spans="14:14">
      <c r="N631232" s="10"/>
    </row>
    <row r="631233" spans="14:14">
      <c r="N631233" s="10"/>
    </row>
    <row r="631234" spans="14:14">
      <c r="N631234" s="10"/>
    </row>
    <row r="631235" spans="14:14">
      <c r="N631235" s="10"/>
    </row>
    <row r="631236" spans="14:14">
      <c r="N631236" s="10"/>
    </row>
    <row r="631237" spans="14:14">
      <c r="N631237" s="10"/>
    </row>
    <row r="631238" spans="14:14">
      <c r="N631238" s="10"/>
    </row>
    <row r="631239" spans="14:14">
      <c r="N631239" s="10"/>
    </row>
    <row r="631240" spans="14:14">
      <c r="N631240" s="10"/>
    </row>
    <row r="631241" spans="14:14">
      <c r="N631241" s="10"/>
    </row>
    <row r="631242" spans="14:14">
      <c r="N631242" s="10"/>
    </row>
    <row r="631243" spans="14:14">
      <c r="N631243" s="10"/>
    </row>
    <row r="631244" spans="14:14">
      <c r="N631244" s="10"/>
    </row>
    <row r="631245" spans="14:14">
      <c r="N631245" s="10"/>
    </row>
    <row r="631246" spans="14:14">
      <c r="N631246" s="10"/>
    </row>
    <row r="631247" spans="14:14">
      <c r="N631247" s="10"/>
    </row>
    <row r="631248" spans="14:14">
      <c r="N631248" s="10"/>
    </row>
    <row r="631249" spans="14:14">
      <c r="N631249" s="10"/>
    </row>
    <row r="631250" spans="14:14">
      <c r="N631250" s="10"/>
    </row>
    <row r="631251" spans="14:14">
      <c r="N631251" s="10"/>
    </row>
    <row r="631252" spans="14:14">
      <c r="N631252" s="10"/>
    </row>
    <row r="631253" spans="14:14">
      <c r="N631253" s="10"/>
    </row>
    <row r="631254" spans="14:14">
      <c r="N631254" s="10"/>
    </row>
    <row r="631255" spans="14:14">
      <c r="N631255" s="10"/>
    </row>
    <row r="631256" spans="14:14">
      <c r="N631256" s="10"/>
    </row>
    <row r="631257" spans="14:14">
      <c r="N631257" s="10"/>
    </row>
    <row r="631258" spans="14:14">
      <c r="N631258" s="10"/>
    </row>
    <row r="631259" spans="14:14">
      <c r="N631259" s="10"/>
    </row>
    <row r="631260" spans="14:14">
      <c r="N631260" s="10"/>
    </row>
    <row r="631261" spans="14:14">
      <c r="N631261" s="10"/>
    </row>
    <row r="631262" spans="14:14">
      <c r="N631262" s="10"/>
    </row>
    <row r="631263" spans="14:14">
      <c r="N631263" s="10"/>
    </row>
    <row r="631264" spans="14:14">
      <c r="N631264" s="10"/>
    </row>
    <row r="631265" spans="14:14">
      <c r="N631265" s="10"/>
    </row>
    <row r="631266" spans="14:14">
      <c r="N631266" s="10"/>
    </row>
    <row r="631267" spans="14:14">
      <c r="N631267" s="10"/>
    </row>
    <row r="631268" spans="14:14">
      <c r="N631268" s="10"/>
    </row>
    <row r="631269" spans="14:14">
      <c r="N631269" s="10"/>
    </row>
    <row r="631270" spans="14:14">
      <c r="N631270" s="10"/>
    </row>
    <row r="631271" spans="14:14">
      <c r="N631271" s="10"/>
    </row>
    <row r="631272" spans="14:14">
      <c r="N631272" s="10"/>
    </row>
    <row r="631273" spans="14:14">
      <c r="N631273" s="10"/>
    </row>
    <row r="631274" spans="14:14">
      <c r="N631274" s="10"/>
    </row>
    <row r="631275" spans="14:14">
      <c r="N631275" s="10"/>
    </row>
    <row r="631276" spans="14:14">
      <c r="N631276" s="10"/>
    </row>
    <row r="631277" spans="14:14">
      <c r="N631277" s="10"/>
    </row>
    <row r="631278" spans="14:14">
      <c r="N631278" s="10"/>
    </row>
    <row r="631279" spans="14:14">
      <c r="N631279" s="10"/>
    </row>
    <row r="631280" spans="14:14">
      <c r="N631280" s="10"/>
    </row>
    <row r="631281" spans="14:14">
      <c r="N631281" s="10"/>
    </row>
    <row r="631282" spans="14:14">
      <c r="N631282" s="10"/>
    </row>
    <row r="631283" spans="14:14">
      <c r="N631283" s="10"/>
    </row>
    <row r="631284" spans="14:14">
      <c r="N631284" s="10"/>
    </row>
    <row r="631285" spans="14:14">
      <c r="N631285" s="10"/>
    </row>
    <row r="631286" spans="14:14">
      <c r="N631286" s="10"/>
    </row>
    <row r="631287" spans="14:14">
      <c r="N631287" s="10"/>
    </row>
    <row r="631288" spans="14:14">
      <c r="N631288" s="10"/>
    </row>
    <row r="631289" spans="14:14">
      <c r="N631289" s="10"/>
    </row>
    <row r="631290" spans="14:14">
      <c r="N631290" s="10"/>
    </row>
    <row r="631291" spans="14:14">
      <c r="N631291" s="10"/>
    </row>
    <row r="631292" spans="14:14">
      <c r="N631292" s="10"/>
    </row>
    <row r="631293" spans="14:14">
      <c r="N631293" s="10"/>
    </row>
    <row r="631294" spans="14:14">
      <c r="N631294" s="10"/>
    </row>
    <row r="631295" spans="14:14">
      <c r="N631295" s="10"/>
    </row>
    <row r="631296" spans="14:14">
      <c r="N631296" s="10"/>
    </row>
    <row r="631297" spans="14:14">
      <c r="N631297" s="10"/>
    </row>
    <row r="631298" spans="14:14">
      <c r="N631298" s="10"/>
    </row>
    <row r="631299" spans="14:14">
      <c r="N631299" s="10"/>
    </row>
    <row r="631300" spans="14:14">
      <c r="N631300" s="10"/>
    </row>
    <row r="631301" spans="14:14">
      <c r="N631301" s="10"/>
    </row>
    <row r="631302" spans="14:14">
      <c r="N631302" s="10"/>
    </row>
    <row r="631303" spans="14:14">
      <c r="N631303" s="10"/>
    </row>
    <row r="631304" spans="14:14">
      <c r="N631304" s="10"/>
    </row>
    <row r="631305" spans="14:14">
      <c r="N631305" s="10"/>
    </row>
    <row r="631306" spans="14:14">
      <c r="N631306" s="10"/>
    </row>
    <row r="631307" spans="14:14">
      <c r="N631307" s="10"/>
    </row>
    <row r="631308" spans="14:14">
      <c r="N631308" s="10"/>
    </row>
    <row r="631309" spans="14:14">
      <c r="N631309" s="10"/>
    </row>
    <row r="631310" spans="14:14">
      <c r="N631310" s="10"/>
    </row>
    <row r="631311" spans="14:14">
      <c r="N631311" s="10"/>
    </row>
    <row r="631312" spans="14:14">
      <c r="N631312" s="10"/>
    </row>
    <row r="631313" spans="14:14">
      <c r="N631313" s="10"/>
    </row>
    <row r="631314" spans="14:14">
      <c r="N631314" s="10"/>
    </row>
    <row r="631315" spans="14:14">
      <c r="N631315" s="10"/>
    </row>
    <row r="631316" spans="14:14">
      <c r="N631316" s="10"/>
    </row>
    <row r="631317" spans="14:14">
      <c r="N631317" s="10"/>
    </row>
    <row r="631318" spans="14:14">
      <c r="N631318" s="10"/>
    </row>
    <row r="631319" spans="14:14">
      <c r="N631319" s="10"/>
    </row>
    <row r="631320" spans="14:14">
      <c r="N631320" s="10"/>
    </row>
    <row r="631321" spans="14:14">
      <c r="N631321" s="10"/>
    </row>
    <row r="631322" spans="14:14">
      <c r="N631322" s="10"/>
    </row>
    <row r="631323" spans="14:14">
      <c r="N631323" s="10"/>
    </row>
    <row r="631324" spans="14:14">
      <c r="N631324" s="10"/>
    </row>
    <row r="631325" spans="14:14">
      <c r="N631325" s="10"/>
    </row>
    <row r="631326" spans="14:14">
      <c r="N631326" s="10"/>
    </row>
    <row r="631327" spans="14:14">
      <c r="N631327" s="10"/>
    </row>
    <row r="631328" spans="14:14">
      <c r="N631328" s="10"/>
    </row>
    <row r="631329" spans="14:14">
      <c r="N631329" s="10"/>
    </row>
    <row r="631330" spans="14:14">
      <c r="N631330" s="10"/>
    </row>
    <row r="631331" spans="14:14">
      <c r="N631331" s="10"/>
    </row>
    <row r="631332" spans="14:14">
      <c r="N631332" s="10"/>
    </row>
    <row r="631333" spans="14:14">
      <c r="N631333" s="10"/>
    </row>
    <row r="631334" spans="14:14">
      <c r="N631334" s="10"/>
    </row>
    <row r="631335" spans="14:14">
      <c r="N631335" s="10"/>
    </row>
    <row r="631336" spans="14:14">
      <c r="N631336" s="10"/>
    </row>
    <row r="631337" spans="14:14">
      <c r="N631337" s="10"/>
    </row>
    <row r="631338" spans="14:14">
      <c r="N631338" s="10"/>
    </row>
    <row r="631339" spans="14:14">
      <c r="N631339" s="10"/>
    </row>
    <row r="631340" spans="14:14">
      <c r="N631340" s="10"/>
    </row>
    <row r="631341" spans="14:14">
      <c r="N631341" s="10"/>
    </row>
    <row r="631342" spans="14:14">
      <c r="N631342" s="10"/>
    </row>
    <row r="631343" spans="14:14">
      <c r="N631343" s="10"/>
    </row>
    <row r="631344" spans="14:14">
      <c r="N631344" s="10"/>
    </row>
    <row r="631345" spans="14:14">
      <c r="N631345" s="10"/>
    </row>
    <row r="631346" spans="14:14">
      <c r="N631346" s="10"/>
    </row>
    <row r="631347" spans="14:14">
      <c r="N631347" s="10"/>
    </row>
    <row r="631348" spans="14:14">
      <c r="N631348" s="10"/>
    </row>
    <row r="631349" spans="14:14">
      <c r="N631349" s="10"/>
    </row>
    <row r="631350" spans="14:14">
      <c r="N631350" s="10"/>
    </row>
    <row r="631351" spans="14:14">
      <c r="N631351" s="10"/>
    </row>
    <row r="631352" spans="14:14">
      <c r="N631352" s="10"/>
    </row>
    <row r="631353" spans="14:14">
      <c r="N631353" s="10"/>
    </row>
    <row r="631354" spans="14:14">
      <c r="N631354" s="10"/>
    </row>
    <row r="631355" spans="14:14">
      <c r="N631355" s="10"/>
    </row>
    <row r="631356" spans="14:14">
      <c r="N631356" s="10"/>
    </row>
    <row r="631357" spans="14:14">
      <c r="N631357" s="10"/>
    </row>
    <row r="631358" spans="14:14">
      <c r="N631358" s="10"/>
    </row>
    <row r="631359" spans="14:14">
      <c r="N631359" s="10"/>
    </row>
    <row r="631360" spans="14:14">
      <c r="N631360" s="10"/>
    </row>
    <row r="631361" spans="14:14">
      <c r="N631361" s="10"/>
    </row>
    <row r="631362" spans="14:14">
      <c r="N631362" s="10"/>
    </row>
    <row r="631363" spans="14:14">
      <c r="N631363" s="10"/>
    </row>
    <row r="631364" spans="14:14">
      <c r="N631364" s="10"/>
    </row>
    <row r="631365" spans="14:14">
      <c r="N631365" s="10"/>
    </row>
    <row r="631366" spans="14:14">
      <c r="N631366" s="10"/>
    </row>
    <row r="631367" spans="14:14">
      <c r="N631367" s="10"/>
    </row>
    <row r="631368" spans="14:14">
      <c r="N631368" s="10"/>
    </row>
    <row r="631369" spans="14:14">
      <c r="N631369" s="10"/>
    </row>
    <row r="631370" spans="14:14">
      <c r="N631370" s="10"/>
    </row>
    <row r="631371" spans="14:14">
      <c r="N631371" s="10"/>
    </row>
    <row r="631372" spans="14:14">
      <c r="N631372" s="10"/>
    </row>
    <row r="631373" spans="14:14">
      <c r="N631373" s="10"/>
    </row>
    <row r="631374" spans="14:14">
      <c r="N631374" s="10"/>
    </row>
    <row r="631375" spans="14:14">
      <c r="N631375" s="10"/>
    </row>
    <row r="631376" spans="14:14">
      <c r="N631376" s="10"/>
    </row>
    <row r="631377" spans="14:14">
      <c r="N631377" s="10"/>
    </row>
    <row r="631378" spans="14:14">
      <c r="N631378" s="10"/>
    </row>
    <row r="631379" spans="14:14">
      <c r="N631379" s="10"/>
    </row>
    <row r="631380" spans="14:14">
      <c r="N631380" s="10"/>
    </row>
    <row r="631381" spans="14:14">
      <c r="N631381" s="10"/>
    </row>
    <row r="631382" spans="14:14">
      <c r="N631382" s="10"/>
    </row>
    <row r="631383" spans="14:14">
      <c r="N631383" s="10"/>
    </row>
    <row r="631384" spans="14:14">
      <c r="N631384" s="10"/>
    </row>
    <row r="631385" spans="14:14">
      <c r="N631385" s="10"/>
    </row>
    <row r="631386" spans="14:14">
      <c r="N631386" s="10"/>
    </row>
    <row r="631387" spans="14:14">
      <c r="N631387" s="10"/>
    </row>
    <row r="631388" spans="14:14">
      <c r="N631388" s="10"/>
    </row>
    <row r="631389" spans="14:14">
      <c r="N631389" s="10"/>
    </row>
    <row r="631390" spans="14:14">
      <c r="N631390" s="10"/>
    </row>
    <row r="631391" spans="14:14">
      <c r="N631391" s="10"/>
    </row>
    <row r="631392" spans="14:14">
      <c r="N631392" s="10"/>
    </row>
    <row r="631393" spans="14:14">
      <c r="N631393" s="10"/>
    </row>
    <row r="631394" spans="14:14">
      <c r="N631394" s="10"/>
    </row>
    <row r="631395" spans="14:14">
      <c r="N631395" s="10"/>
    </row>
    <row r="631396" spans="14:14">
      <c r="N631396" s="10"/>
    </row>
    <row r="631397" spans="14:14">
      <c r="N631397" s="10"/>
    </row>
    <row r="631398" spans="14:14">
      <c r="N631398" s="10"/>
    </row>
    <row r="631399" spans="14:14">
      <c r="N631399" s="10"/>
    </row>
    <row r="631400" spans="14:14">
      <c r="N631400" s="10"/>
    </row>
    <row r="631401" spans="14:14">
      <c r="N631401" s="10"/>
    </row>
    <row r="631402" spans="14:14">
      <c r="N631402" s="10"/>
    </row>
    <row r="631403" spans="14:14">
      <c r="N631403" s="10"/>
    </row>
    <row r="631404" spans="14:14">
      <c r="N631404" s="10"/>
    </row>
    <row r="631405" spans="14:14">
      <c r="N631405" s="10"/>
    </row>
    <row r="631406" spans="14:14">
      <c r="N631406" s="10"/>
    </row>
    <row r="631407" spans="14:14">
      <c r="N631407" s="10"/>
    </row>
    <row r="631408" spans="14:14">
      <c r="N631408" s="10"/>
    </row>
    <row r="631409" spans="14:14">
      <c r="N631409" s="10"/>
    </row>
    <row r="631410" spans="14:14">
      <c r="N631410" s="10"/>
    </row>
    <row r="631411" spans="14:14">
      <c r="N631411" s="10"/>
    </row>
    <row r="631412" spans="14:14">
      <c r="N631412" s="10"/>
    </row>
    <row r="631413" spans="14:14">
      <c r="N631413" s="10"/>
    </row>
    <row r="631414" spans="14:14">
      <c r="N631414" s="10"/>
    </row>
    <row r="631415" spans="14:14">
      <c r="N631415" s="10"/>
    </row>
    <row r="631416" spans="14:14">
      <c r="N631416" s="10"/>
    </row>
    <row r="631417" spans="14:14">
      <c r="N631417" s="10"/>
    </row>
    <row r="631418" spans="14:14">
      <c r="N631418" s="10"/>
    </row>
    <row r="631419" spans="14:14">
      <c r="N631419" s="10"/>
    </row>
    <row r="631420" spans="14:14">
      <c r="N631420" s="10"/>
    </row>
    <row r="631421" spans="14:14">
      <c r="N631421" s="10"/>
    </row>
    <row r="631422" spans="14:14">
      <c r="N631422" s="10"/>
    </row>
    <row r="631423" spans="14:14">
      <c r="N631423" s="10"/>
    </row>
    <row r="631424" spans="14:14">
      <c r="N631424" s="10"/>
    </row>
    <row r="631425" spans="14:14">
      <c r="N631425" s="10"/>
    </row>
    <row r="631426" spans="14:14">
      <c r="N631426" s="10"/>
    </row>
    <row r="631427" spans="14:14">
      <c r="N631427" s="10"/>
    </row>
    <row r="631428" spans="14:14">
      <c r="N631428" s="10"/>
    </row>
    <row r="631429" spans="14:14">
      <c r="N631429" s="10"/>
    </row>
    <row r="631430" spans="14:14">
      <c r="N631430" s="10"/>
    </row>
    <row r="631431" spans="14:14">
      <c r="N631431" s="10"/>
    </row>
    <row r="631432" spans="14:14">
      <c r="N631432" s="10"/>
    </row>
    <row r="631433" spans="14:14">
      <c r="N631433" s="10"/>
    </row>
    <row r="631434" spans="14:14">
      <c r="N631434" s="10"/>
    </row>
    <row r="631435" spans="14:14">
      <c r="N631435" s="10"/>
    </row>
    <row r="631436" spans="14:14">
      <c r="N631436" s="10"/>
    </row>
    <row r="631437" spans="14:14">
      <c r="N631437" s="10"/>
    </row>
    <row r="631438" spans="14:14">
      <c r="N631438" s="10"/>
    </row>
    <row r="631439" spans="14:14">
      <c r="N631439" s="10"/>
    </row>
    <row r="631440" spans="14:14">
      <c r="N631440" s="10"/>
    </row>
    <row r="631441" spans="14:14">
      <c r="N631441" s="10"/>
    </row>
    <row r="631442" spans="14:14">
      <c r="N631442" s="10"/>
    </row>
    <row r="631443" spans="14:14">
      <c r="N631443" s="10"/>
    </row>
    <row r="631444" spans="14:14">
      <c r="N631444" s="10"/>
    </row>
    <row r="631445" spans="14:14">
      <c r="N631445" s="10"/>
    </row>
    <row r="631446" spans="14:14">
      <c r="N631446" s="10"/>
    </row>
    <row r="631447" spans="14:14">
      <c r="N631447" s="10"/>
    </row>
    <row r="631448" spans="14:14">
      <c r="N631448" s="10"/>
    </row>
    <row r="631449" spans="14:14">
      <c r="N631449" s="10"/>
    </row>
    <row r="631450" spans="14:14">
      <c r="N631450" s="10"/>
    </row>
    <row r="631451" spans="14:14">
      <c r="N631451" s="10"/>
    </row>
    <row r="631452" spans="14:14">
      <c r="N631452" s="10"/>
    </row>
    <row r="631453" spans="14:14">
      <c r="N631453" s="10"/>
    </row>
    <row r="631454" spans="14:14">
      <c r="N631454" s="10"/>
    </row>
    <row r="631455" spans="14:14">
      <c r="N631455" s="10"/>
    </row>
    <row r="631456" spans="14:14">
      <c r="N631456" s="10"/>
    </row>
    <row r="631457" spans="14:14">
      <c r="N631457" s="10"/>
    </row>
    <row r="631458" spans="14:14">
      <c r="N631458" s="10"/>
    </row>
    <row r="631459" spans="14:14">
      <c r="N631459" s="10"/>
    </row>
    <row r="631460" spans="14:14">
      <c r="N631460" s="10"/>
    </row>
    <row r="631461" spans="14:14">
      <c r="N631461" s="10"/>
    </row>
    <row r="631462" spans="14:14">
      <c r="N631462" s="10"/>
    </row>
    <row r="631463" spans="14:14">
      <c r="N631463" s="10"/>
    </row>
    <row r="631464" spans="14:14">
      <c r="N631464" s="10"/>
    </row>
    <row r="631465" spans="14:14">
      <c r="N631465" s="10"/>
    </row>
    <row r="631466" spans="14:14">
      <c r="N631466" s="10"/>
    </row>
    <row r="631467" spans="14:14">
      <c r="N631467" s="10"/>
    </row>
    <row r="631468" spans="14:14">
      <c r="N631468" s="10"/>
    </row>
    <row r="631469" spans="14:14">
      <c r="N631469" s="10"/>
    </row>
    <row r="631470" spans="14:14">
      <c r="N631470" s="10"/>
    </row>
    <row r="631471" spans="14:14">
      <c r="N631471" s="10"/>
    </row>
    <row r="631472" spans="14:14">
      <c r="N631472" s="10"/>
    </row>
    <row r="631473" spans="14:14">
      <c r="N631473" s="10"/>
    </row>
    <row r="631474" spans="14:14">
      <c r="N631474" s="10"/>
    </row>
    <row r="631475" spans="14:14">
      <c r="N631475" s="10"/>
    </row>
    <row r="631476" spans="14:14">
      <c r="N631476" s="10"/>
    </row>
    <row r="631477" spans="14:14">
      <c r="N631477" s="10"/>
    </row>
    <row r="631478" spans="14:14">
      <c r="N631478" s="10"/>
    </row>
    <row r="631479" spans="14:14">
      <c r="N631479" s="10"/>
    </row>
    <row r="631480" spans="14:14">
      <c r="N631480" s="10"/>
    </row>
    <row r="631481" spans="14:14">
      <c r="N631481" s="10"/>
    </row>
    <row r="631482" spans="14:14">
      <c r="N631482" s="10"/>
    </row>
    <row r="631483" spans="14:14">
      <c r="N631483" s="10"/>
    </row>
    <row r="631484" spans="14:14">
      <c r="N631484" s="10"/>
    </row>
    <row r="631485" spans="14:14">
      <c r="N631485" s="10"/>
    </row>
    <row r="631486" spans="14:14">
      <c r="N631486" s="10"/>
    </row>
    <row r="631487" spans="14:14">
      <c r="N631487" s="10"/>
    </row>
    <row r="631488" spans="14:14">
      <c r="N631488" s="10"/>
    </row>
    <row r="631489" spans="14:14">
      <c r="N631489" s="10"/>
    </row>
    <row r="631490" spans="14:14">
      <c r="N631490" s="10"/>
    </row>
    <row r="631491" spans="14:14">
      <c r="N631491" s="10"/>
    </row>
    <row r="631492" spans="14:14">
      <c r="N631492" s="10"/>
    </row>
    <row r="631493" spans="14:14">
      <c r="N631493" s="10"/>
    </row>
    <row r="631494" spans="14:14">
      <c r="N631494" s="10"/>
    </row>
    <row r="631495" spans="14:14">
      <c r="N631495" s="10"/>
    </row>
    <row r="631496" spans="14:14">
      <c r="N631496" s="10"/>
    </row>
    <row r="631497" spans="14:14">
      <c r="N631497" s="10"/>
    </row>
    <row r="631498" spans="14:14">
      <c r="N631498" s="10"/>
    </row>
    <row r="631499" spans="14:14">
      <c r="N631499" s="10"/>
    </row>
    <row r="631500" spans="14:14">
      <c r="N631500" s="10"/>
    </row>
    <row r="631501" spans="14:14">
      <c r="N631501" s="10"/>
    </row>
    <row r="631502" spans="14:14">
      <c r="N631502" s="10"/>
    </row>
    <row r="631503" spans="14:14">
      <c r="N631503" s="10"/>
    </row>
    <row r="631504" spans="14:14">
      <c r="N631504" s="10"/>
    </row>
    <row r="631505" spans="14:14">
      <c r="N631505" s="10"/>
    </row>
    <row r="631506" spans="14:14">
      <c r="N631506" s="10"/>
    </row>
    <row r="631507" spans="14:14">
      <c r="N631507" s="10"/>
    </row>
    <row r="631508" spans="14:14">
      <c r="N631508" s="10"/>
    </row>
    <row r="631509" spans="14:14">
      <c r="N631509" s="10"/>
    </row>
    <row r="631510" spans="14:14">
      <c r="N631510" s="10"/>
    </row>
    <row r="631511" spans="14:14">
      <c r="N631511" s="10"/>
    </row>
    <row r="631512" spans="14:14">
      <c r="N631512" s="10"/>
    </row>
    <row r="631513" spans="14:14">
      <c r="N631513" s="10"/>
    </row>
    <row r="631514" spans="14:14">
      <c r="N631514" s="10"/>
    </row>
    <row r="631515" spans="14:14">
      <c r="N631515" s="10"/>
    </row>
    <row r="631516" spans="14:14">
      <c r="N631516" s="10"/>
    </row>
    <row r="631517" spans="14:14">
      <c r="N631517" s="10"/>
    </row>
    <row r="631518" spans="14:14">
      <c r="N631518" s="10"/>
    </row>
    <row r="631519" spans="14:14">
      <c r="N631519" s="10"/>
    </row>
    <row r="631520" spans="14:14">
      <c r="N631520" s="10"/>
    </row>
    <row r="631521" spans="14:14">
      <c r="N631521" s="10"/>
    </row>
    <row r="631522" spans="14:14">
      <c r="N631522" s="10"/>
    </row>
    <row r="631523" spans="14:14">
      <c r="N631523" s="10"/>
    </row>
    <row r="631524" spans="14:14">
      <c r="N631524" s="10"/>
    </row>
    <row r="631525" spans="14:14">
      <c r="N631525" s="10"/>
    </row>
    <row r="631526" spans="14:14">
      <c r="N631526" s="10"/>
    </row>
    <row r="631527" spans="14:14">
      <c r="N631527" s="10"/>
    </row>
    <row r="631528" spans="14:14">
      <c r="N631528" s="10"/>
    </row>
    <row r="631529" spans="14:14">
      <c r="N631529" s="10"/>
    </row>
    <row r="631530" spans="14:14">
      <c r="N631530" s="10"/>
    </row>
    <row r="631531" spans="14:14">
      <c r="N631531" s="10"/>
    </row>
    <row r="631532" spans="14:14">
      <c r="N631532" s="10"/>
    </row>
    <row r="631533" spans="14:14">
      <c r="N631533" s="10"/>
    </row>
    <row r="631534" spans="14:14">
      <c r="N631534" s="10"/>
    </row>
    <row r="631535" spans="14:14">
      <c r="N631535" s="10"/>
    </row>
    <row r="631536" spans="14:14">
      <c r="N631536" s="10"/>
    </row>
    <row r="631537" spans="14:14">
      <c r="N631537" s="10"/>
    </row>
    <row r="631538" spans="14:14">
      <c r="N631538" s="10"/>
    </row>
    <row r="631539" spans="14:14">
      <c r="N631539" s="10"/>
    </row>
    <row r="631540" spans="14:14">
      <c r="N631540" s="10"/>
    </row>
    <row r="631541" spans="14:14">
      <c r="N631541" s="10"/>
    </row>
    <row r="631542" spans="14:14">
      <c r="N631542" s="10"/>
    </row>
    <row r="631543" spans="14:14">
      <c r="N631543" s="10"/>
    </row>
    <row r="631544" spans="14:14">
      <c r="N631544" s="10"/>
    </row>
    <row r="631545" spans="14:14">
      <c r="N631545" s="10"/>
    </row>
    <row r="631546" spans="14:14">
      <c r="N631546" s="10"/>
    </row>
    <row r="631547" spans="14:14">
      <c r="N631547" s="10"/>
    </row>
    <row r="631548" spans="14:14">
      <c r="N631548" s="10"/>
    </row>
    <row r="631549" spans="14:14">
      <c r="N631549" s="10"/>
    </row>
    <row r="631550" spans="14:14">
      <c r="N631550" s="10"/>
    </row>
    <row r="631551" spans="14:14">
      <c r="N631551" s="10"/>
    </row>
    <row r="631552" spans="14:14">
      <c r="N631552" s="10"/>
    </row>
    <row r="631553" spans="14:14">
      <c r="N631553" s="10"/>
    </row>
    <row r="631554" spans="14:14">
      <c r="N631554" s="10"/>
    </row>
    <row r="631555" spans="14:14">
      <c r="N631555" s="10"/>
    </row>
    <row r="631556" spans="14:14">
      <c r="N631556" s="10"/>
    </row>
    <row r="631557" spans="14:14">
      <c r="N631557" s="10"/>
    </row>
    <row r="631558" spans="14:14">
      <c r="N631558" s="10"/>
    </row>
    <row r="631559" spans="14:14">
      <c r="N631559" s="10"/>
    </row>
    <row r="631560" spans="14:14">
      <c r="N631560" s="10"/>
    </row>
    <row r="631561" spans="14:14">
      <c r="N631561" s="10"/>
    </row>
    <row r="631562" spans="14:14">
      <c r="N631562" s="10"/>
    </row>
    <row r="631563" spans="14:14">
      <c r="N631563" s="10"/>
    </row>
    <row r="631564" spans="14:14">
      <c r="N631564" s="10"/>
    </row>
    <row r="631565" spans="14:14">
      <c r="N631565" s="10"/>
    </row>
    <row r="631566" spans="14:14">
      <c r="N631566" s="10"/>
    </row>
    <row r="631567" spans="14:14">
      <c r="N631567" s="10"/>
    </row>
    <row r="631568" spans="14:14">
      <c r="N631568" s="10"/>
    </row>
    <row r="631569" spans="14:14">
      <c r="N631569" s="10"/>
    </row>
    <row r="631570" spans="14:14">
      <c r="N631570" s="10"/>
    </row>
    <row r="631571" spans="14:14">
      <c r="N631571" s="10"/>
    </row>
    <row r="631572" spans="14:14">
      <c r="N631572" s="10"/>
    </row>
    <row r="631573" spans="14:14">
      <c r="N631573" s="10"/>
    </row>
    <row r="631574" spans="14:14">
      <c r="N631574" s="10"/>
    </row>
    <row r="631575" spans="14:14">
      <c r="N631575" s="10"/>
    </row>
    <row r="631576" spans="14:14">
      <c r="N631576" s="10"/>
    </row>
    <row r="631577" spans="14:14">
      <c r="N631577" s="10"/>
    </row>
    <row r="631578" spans="14:14">
      <c r="N631578" s="10"/>
    </row>
    <row r="631579" spans="14:14">
      <c r="N631579" s="10"/>
    </row>
    <row r="631580" spans="14:14">
      <c r="N631580" s="10"/>
    </row>
    <row r="631581" spans="14:14">
      <c r="N631581" s="10"/>
    </row>
    <row r="631582" spans="14:14">
      <c r="N631582" s="10"/>
    </row>
    <row r="631583" spans="14:14">
      <c r="N631583" s="10"/>
    </row>
    <row r="631584" spans="14:14">
      <c r="N631584" s="10"/>
    </row>
    <row r="631585" spans="14:14">
      <c r="N631585" s="10"/>
    </row>
    <row r="631586" spans="14:14">
      <c r="N631586" s="10"/>
    </row>
    <row r="631587" spans="14:14">
      <c r="N631587" s="10"/>
    </row>
    <row r="631588" spans="14:14">
      <c r="N631588" s="10"/>
    </row>
    <row r="631589" spans="14:14">
      <c r="N631589" s="10"/>
    </row>
    <row r="631590" spans="14:14">
      <c r="N631590" s="10"/>
    </row>
    <row r="631591" spans="14:14">
      <c r="N631591" s="10"/>
    </row>
    <row r="631592" spans="14:14">
      <c r="N631592" s="10"/>
    </row>
    <row r="631593" spans="14:14">
      <c r="N631593" s="10"/>
    </row>
    <row r="631594" spans="14:14">
      <c r="N631594" s="10"/>
    </row>
    <row r="631595" spans="14:14">
      <c r="N631595" s="10"/>
    </row>
    <row r="631596" spans="14:14">
      <c r="N631596" s="10"/>
    </row>
    <row r="631597" spans="14:14">
      <c r="N631597" s="10"/>
    </row>
    <row r="631598" spans="14:14">
      <c r="N631598" s="10"/>
    </row>
    <row r="631599" spans="14:14">
      <c r="N631599" s="10"/>
    </row>
    <row r="631600" spans="14:14">
      <c r="N631600" s="10"/>
    </row>
    <row r="631601" spans="14:14">
      <c r="N631601" s="10"/>
    </row>
    <row r="631602" spans="14:14">
      <c r="N631602" s="10"/>
    </row>
    <row r="631603" spans="14:14">
      <c r="N631603" s="10"/>
    </row>
    <row r="631604" spans="14:14">
      <c r="N631604" s="10"/>
    </row>
    <row r="631605" spans="14:14">
      <c r="N631605" s="10"/>
    </row>
    <row r="631606" spans="14:14">
      <c r="N631606" s="10"/>
    </row>
    <row r="631607" spans="14:14">
      <c r="N631607" s="10"/>
    </row>
    <row r="631608" spans="14:14">
      <c r="N631608" s="10"/>
    </row>
    <row r="631609" spans="14:14">
      <c r="N631609" s="10"/>
    </row>
    <row r="631610" spans="14:14">
      <c r="N631610" s="10"/>
    </row>
    <row r="631611" spans="14:14">
      <c r="N631611" s="10"/>
    </row>
    <row r="631612" spans="14:14">
      <c r="N631612" s="10"/>
    </row>
    <row r="631613" spans="14:14">
      <c r="N631613" s="10"/>
    </row>
    <row r="631614" spans="14:14">
      <c r="N631614" s="10"/>
    </row>
    <row r="631615" spans="14:14">
      <c r="N631615" s="10"/>
    </row>
    <row r="631616" spans="14:14">
      <c r="N631616" s="10"/>
    </row>
    <row r="631617" spans="14:14">
      <c r="N631617" s="10"/>
    </row>
    <row r="631618" spans="14:14">
      <c r="N631618" s="10"/>
    </row>
    <row r="631619" spans="14:14">
      <c r="N631619" s="10"/>
    </row>
    <row r="631620" spans="14:14">
      <c r="N631620" s="10"/>
    </row>
    <row r="631621" spans="14:14">
      <c r="N631621" s="10"/>
    </row>
    <row r="631622" spans="14:14">
      <c r="N631622" s="10"/>
    </row>
    <row r="631623" spans="14:14">
      <c r="N631623" s="10"/>
    </row>
    <row r="631624" spans="14:14">
      <c r="N631624" s="10"/>
    </row>
    <row r="631625" spans="14:14">
      <c r="N631625" s="10"/>
    </row>
    <row r="631626" spans="14:14">
      <c r="N631626" s="10"/>
    </row>
    <row r="631627" spans="14:14">
      <c r="N631627" s="10"/>
    </row>
    <row r="631628" spans="14:14">
      <c r="N631628" s="10"/>
    </row>
    <row r="631629" spans="14:14">
      <c r="N631629" s="10"/>
    </row>
    <row r="631630" spans="14:14">
      <c r="N631630" s="10"/>
    </row>
    <row r="631631" spans="14:14">
      <c r="N631631" s="10"/>
    </row>
    <row r="631632" spans="14:14">
      <c r="N631632" s="10"/>
    </row>
    <row r="631633" spans="14:14">
      <c r="N631633" s="10"/>
    </row>
    <row r="631634" spans="14:14">
      <c r="N631634" s="10"/>
    </row>
    <row r="631635" spans="14:14">
      <c r="N631635" s="10"/>
    </row>
    <row r="631636" spans="14:14">
      <c r="N631636" s="10"/>
    </row>
    <row r="631637" spans="14:14">
      <c r="N631637" s="10"/>
    </row>
    <row r="631638" spans="14:14">
      <c r="N631638" s="10"/>
    </row>
    <row r="631639" spans="14:14">
      <c r="N631639" s="10"/>
    </row>
    <row r="631640" spans="14:14">
      <c r="N631640" s="10"/>
    </row>
    <row r="631641" spans="14:14">
      <c r="N631641" s="10"/>
    </row>
    <row r="631642" spans="14:14">
      <c r="N631642" s="10"/>
    </row>
    <row r="631643" spans="14:14">
      <c r="N631643" s="10"/>
    </row>
    <row r="631644" spans="14:14">
      <c r="N631644" s="10"/>
    </row>
    <row r="631645" spans="14:14">
      <c r="N631645" s="10"/>
    </row>
    <row r="631646" spans="14:14">
      <c r="N631646" s="10"/>
    </row>
    <row r="631647" spans="14:14">
      <c r="N631647" s="10"/>
    </row>
    <row r="631648" spans="14:14">
      <c r="N631648" s="10"/>
    </row>
    <row r="631649" spans="14:14">
      <c r="N631649" s="10"/>
    </row>
    <row r="631650" spans="14:14">
      <c r="N631650" s="10"/>
    </row>
    <row r="631651" spans="14:14">
      <c r="N631651" s="10"/>
    </row>
    <row r="631652" spans="14:14">
      <c r="N631652" s="10"/>
    </row>
    <row r="631653" spans="14:14">
      <c r="N631653" s="10"/>
    </row>
    <row r="631654" spans="14:14">
      <c r="N631654" s="10"/>
    </row>
    <row r="631655" spans="14:14">
      <c r="N631655" s="10"/>
    </row>
    <row r="631656" spans="14:14">
      <c r="N631656" s="10"/>
    </row>
    <row r="631657" spans="14:14">
      <c r="N631657" s="10"/>
    </row>
    <row r="631658" spans="14:14">
      <c r="N631658" s="10"/>
    </row>
    <row r="631659" spans="14:14">
      <c r="N631659" s="10"/>
    </row>
    <row r="631660" spans="14:14">
      <c r="N631660" s="10"/>
    </row>
    <row r="631661" spans="14:14">
      <c r="N631661" s="10"/>
    </row>
    <row r="631662" spans="14:14">
      <c r="N631662" s="10"/>
    </row>
    <row r="631663" spans="14:14">
      <c r="N631663" s="10"/>
    </row>
    <row r="631664" spans="14:14">
      <c r="N631664" s="10"/>
    </row>
    <row r="631665" spans="14:14">
      <c r="N631665" s="10"/>
    </row>
    <row r="631666" spans="14:14">
      <c r="N631666" s="10"/>
    </row>
    <row r="631667" spans="14:14">
      <c r="N631667" s="10"/>
    </row>
    <row r="631668" spans="14:14">
      <c r="N631668" s="10"/>
    </row>
    <row r="631669" spans="14:14">
      <c r="N631669" s="10"/>
    </row>
    <row r="631670" spans="14:14">
      <c r="N631670" s="10"/>
    </row>
    <row r="631671" spans="14:14">
      <c r="N631671" s="10"/>
    </row>
    <row r="631672" spans="14:14">
      <c r="N631672" s="10"/>
    </row>
    <row r="631673" spans="14:14">
      <c r="N631673" s="10"/>
    </row>
    <row r="631674" spans="14:14">
      <c r="N631674" s="10"/>
    </row>
    <row r="631675" spans="14:14">
      <c r="N631675" s="10"/>
    </row>
    <row r="631676" spans="14:14">
      <c r="N631676" s="10"/>
    </row>
    <row r="631677" spans="14:14">
      <c r="N631677" s="10"/>
    </row>
    <row r="631678" spans="14:14">
      <c r="N631678" s="10"/>
    </row>
    <row r="631679" spans="14:14">
      <c r="N631679" s="10"/>
    </row>
    <row r="631680" spans="14:14">
      <c r="N631680" s="10"/>
    </row>
    <row r="631681" spans="14:14">
      <c r="N631681" s="10"/>
    </row>
    <row r="631682" spans="14:14">
      <c r="N631682" s="10"/>
    </row>
    <row r="631683" spans="14:14">
      <c r="N631683" s="10"/>
    </row>
    <row r="631684" spans="14:14">
      <c r="N631684" s="10"/>
    </row>
    <row r="631685" spans="14:14">
      <c r="N631685" s="10"/>
    </row>
    <row r="631686" spans="14:14">
      <c r="N631686" s="10"/>
    </row>
    <row r="631687" spans="14:14">
      <c r="N631687" s="10"/>
    </row>
    <row r="631688" spans="14:14">
      <c r="N631688" s="10"/>
    </row>
    <row r="631689" spans="14:14">
      <c r="N631689" s="10"/>
    </row>
    <row r="631690" spans="14:14">
      <c r="N631690" s="10"/>
    </row>
    <row r="631691" spans="14:14">
      <c r="N631691" s="10"/>
    </row>
    <row r="631692" spans="14:14">
      <c r="N631692" s="10"/>
    </row>
    <row r="631693" spans="14:14">
      <c r="N631693" s="10"/>
    </row>
    <row r="631694" spans="14:14">
      <c r="N631694" s="10"/>
    </row>
    <row r="631695" spans="14:14">
      <c r="N631695" s="10"/>
    </row>
    <row r="631696" spans="14:14">
      <c r="N631696" s="10"/>
    </row>
    <row r="631697" spans="14:14">
      <c r="N631697" s="10"/>
    </row>
    <row r="631698" spans="14:14">
      <c r="N631698" s="10"/>
    </row>
    <row r="631699" spans="14:14">
      <c r="N631699" s="10"/>
    </row>
    <row r="631700" spans="14:14">
      <c r="N631700" s="10"/>
    </row>
    <row r="631701" spans="14:14">
      <c r="N631701" s="10"/>
    </row>
    <row r="631702" spans="14:14">
      <c r="N631702" s="10"/>
    </row>
    <row r="631703" spans="14:14">
      <c r="N631703" s="10"/>
    </row>
    <row r="631704" spans="14:14">
      <c r="N631704" s="10"/>
    </row>
    <row r="631705" spans="14:14">
      <c r="N631705" s="10"/>
    </row>
    <row r="631706" spans="14:14">
      <c r="N631706" s="10"/>
    </row>
    <row r="631707" spans="14:14">
      <c r="N631707" s="10"/>
    </row>
    <row r="631708" spans="14:14">
      <c r="N631708" s="10"/>
    </row>
    <row r="631709" spans="14:14">
      <c r="N631709" s="10"/>
    </row>
    <row r="631710" spans="14:14">
      <c r="N631710" s="10"/>
    </row>
    <row r="631711" spans="14:14">
      <c r="N631711" s="10"/>
    </row>
    <row r="631712" spans="14:14">
      <c r="N631712" s="10"/>
    </row>
    <row r="631713" spans="14:14">
      <c r="N631713" s="10"/>
    </row>
    <row r="631714" spans="14:14">
      <c r="N631714" s="10"/>
    </row>
    <row r="631715" spans="14:14">
      <c r="N631715" s="10"/>
    </row>
    <row r="631716" spans="14:14">
      <c r="N631716" s="10"/>
    </row>
    <row r="631717" spans="14:14">
      <c r="N631717" s="10"/>
    </row>
    <row r="631718" spans="14:14">
      <c r="N631718" s="10"/>
    </row>
    <row r="631719" spans="14:14">
      <c r="N631719" s="10"/>
    </row>
    <row r="631720" spans="14:14">
      <c r="N631720" s="10"/>
    </row>
    <row r="631721" spans="14:14">
      <c r="N631721" s="10"/>
    </row>
    <row r="631722" spans="14:14">
      <c r="N631722" s="10"/>
    </row>
    <row r="631723" spans="14:14">
      <c r="N631723" s="10"/>
    </row>
    <row r="631724" spans="14:14">
      <c r="N631724" s="10"/>
    </row>
    <row r="631725" spans="14:14">
      <c r="N631725" s="10"/>
    </row>
    <row r="631726" spans="14:14">
      <c r="N631726" s="10"/>
    </row>
    <row r="631727" spans="14:14">
      <c r="N631727" s="10"/>
    </row>
    <row r="631728" spans="14:14">
      <c r="N631728" s="10"/>
    </row>
    <row r="631729" spans="14:14">
      <c r="N631729" s="10"/>
    </row>
    <row r="631730" spans="14:14">
      <c r="N631730" s="10"/>
    </row>
    <row r="631731" spans="14:14">
      <c r="N631731" s="10"/>
    </row>
    <row r="631732" spans="14:14">
      <c r="N631732" s="10"/>
    </row>
    <row r="631733" spans="14:14">
      <c r="N631733" s="10"/>
    </row>
    <row r="631734" spans="14:14">
      <c r="N631734" s="10"/>
    </row>
    <row r="631735" spans="14:14">
      <c r="N631735" s="10"/>
    </row>
    <row r="631736" spans="14:14">
      <c r="N631736" s="10"/>
    </row>
    <row r="631737" spans="14:14">
      <c r="N631737" s="10"/>
    </row>
    <row r="631738" spans="14:14">
      <c r="N631738" s="10"/>
    </row>
    <row r="631739" spans="14:14">
      <c r="N631739" s="10"/>
    </row>
    <row r="631740" spans="14:14">
      <c r="N631740" s="10"/>
    </row>
    <row r="631741" spans="14:14">
      <c r="N631741" s="10"/>
    </row>
    <row r="631742" spans="14:14">
      <c r="N631742" s="10"/>
    </row>
    <row r="631743" spans="14:14">
      <c r="N631743" s="10"/>
    </row>
    <row r="631744" spans="14:14">
      <c r="N631744" s="10"/>
    </row>
    <row r="631745" spans="14:14">
      <c r="N631745" s="10"/>
    </row>
    <row r="631746" spans="14:14">
      <c r="N631746" s="10"/>
    </row>
    <row r="631747" spans="14:14">
      <c r="N631747" s="10"/>
    </row>
    <row r="631748" spans="14:14">
      <c r="N631748" s="10"/>
    </row>
    <row r="631749" spans="14:14">
      <c r="N631749" s="10"/>
    </row>
    <row r="631750" spans="14:14">
      <c r="N631750" s="10"/>
    </row>
    <row r="631751" spans="14:14">
      <c r="N631751" s="10"/>
    </row>
    <row r="631752" spans="14:14">
      <c r="N631752" s="10"/>
    </row>
    <row r="631753" spans="14:14">
      <c r="N631753" s="10"/>
    </row>
    <row r="631754" spans="14:14">
      <c r="N631754" s="10"/>
    </row>
    <row r="631755" spans="14:14">
      <c r="N631755" s="10"/>
    </row>
    <row r="631756" spans="14:14">
      <c r="N631756" s="10"/>
    </row>
    <row r="631757" spans="14:14">
      <c r="N631757" s="10"/>
    </row>
    <row r="631758" spans="14:14">
      <c r="N631758" s="10"/>
    </row>
    <row r="631759" spans="14:14">
      <c r="N631759" s="10"/>
    </row>
    <row r="631760" spans="14:14">
      <c r="N631760" s="10"/>
    </row>
    <row r="631761" spans="14:14">
      <c r="N631761" s="10"/>
    </row>
    <row r="631762" spans="14:14">
      <c r="N631762" s="10"/>
    </row>
    <row r="631763" spans="14:14">
      <c r="N631763" s="10"/>
    </row>
    <row r="631764" spans="14:14">
      <c r="N631764" s="10"/>
    </row>
    <row r="631765" spans="14:14">
      <c r="N631765" s="10"/>
    </row>
    <row r="631766" spans="14:14">
      <c r="N631766" s="10"/>
    </row>
    <row r="631767" spans="14:14">
      <c r="N631767" s="10"/>
    </row>
    <row r="631768" spans="14:14">
      <c r="N631768" s="10"/>
    </row>
    <row r="631769" spans="14:14">
      <c r="N631769" s="10"/>
    </row>
    <row r="631770" spans="14:14">
      <c r="N631770" s="10"/>
    </row>
    <row r="631771" spans="14:14">
      <c r="N631771" s="10"/>
    </row>
    <row r="631772" spans="14:14">
      <c r="N631772" s="10"/>
    </row>
    <row r="631773" spans="14:14">
      <c r="N631773" s="10"/>
    </row>
    <row r="631774" spans="14:14">
      <c r="N631774" s="10"/>
    </row>
    <row r="631775" spans="14:14">
      <c r="N631775" s="10"/>
    </row>
    <row r="631776" spans="14:14">
      <c r="N631776" s="10"/>
    </row>
    <row r="631777" spans="14:14">
      <c r="N631777" s="10"/>
    </row>
    <row r="631778" spans="14:14">
      <c r="N631778" s="10"/>
    </row>
    <row r="631779" spans="14:14">
      <c r="N631779" s="10"/>
    </row>
    <row r="631780" spans="14:14">
      <c r="N631780" s="10"/>
    </row>
    <row r="631781" spans="14:14">
      <c r="N631781" s="10"/>
    </row>
    <row r="631782" spans="14:14">
      <c r="N631782" s="10"/>
    </row>
    <row r="631783" spans="14:14">
      <c r="N631783" s="10"/>
    </row>
    <row r="631784" spans="14:14">
      <c r="N631784" s="10"/>
    </row>
    <row r="631785" spans="14:14">
      <c r="N631785" s="10"/>
    </row>
    <row r="631786" spans="14:14">
      <c r="N631786" s="10"/>
    </row>
    <row r="631787" spans="14:14">
      <c r="N631787" s="10"/>
    </row>
    <row r="631788" spans="14:14">
      <c r="N631788" s="10"/>
    </row>
    <row r="631789" spans="14:14">
      <c r="N631789" s="10"/>
    </row>
    <row r="631790" spans="14:14">
      <c r="N631790" s="10"/>
    </row>
    <row r="631791" spans="14:14">
      <c r="N631791" s="10"/>
    </row>
    <row r="631792" spans="14:14">
      <c r="N631792" s="10"/>
    </row>
    <row r="631793" spans="14:14">
      <c r="N631793" s="10"/>
    </row>
    <row r="631794" spans="14:14">
      <c r="N631794" s="10"/>
    </row>
    <row r="631795" spans="14:14">
      <c r="N631795" s="10"/>
    </row>
    <row r="631796" spans="14:14">
      <c r="N631796" s="10"/>
    </row>
    <row r="631797" spans="14:14">
      <c r="N631797" s="10"/>
    </row>
    <row r="631798" spans="14:14">
      <c r="N631798" s="10"/>
    </row>
    <row r="631799" spans="14:14">
      <c r="N631799" s="10"/>
    </row>
    <row r="631800" spans="14:14">
      <c r="N631800" s="10"/>
    </row>
    <row r="631801" spans="14:14">
      <c r="N631801" s="10"/>
    </row>
    <row r="631802" spans="14:14">
      <c r="N631802" s="10"/>
    </row>
    <row r="631803" spans="14:14">
      <c r="N631803" s="10"/>
    </row>
    <row r="631804" spans="14:14">
      <c r="N631804" s="10"/>
    </row>
    <row r="631805" spans="14:14">
      <c r="N631805" s="10"/>
    </row>
    <row r="631806" spans="14:14">
      <c r="N631806" s="10"/>
    </row>
    <row r="631807" spans="14:14">
      <c r="N631807" s="10"/>
    </row>
    <row r="631808" spans="14:14">
      <c r="N631808" s="10"/>
    </row>
    <row r="631809" spans="14:14">
      <c r="N631809" s="10"/>
    </row>
    <row r="631810" spans="14:14">
      <c r="N631810" s="10"/>
    </row>
    <row r="631811" spans="14:14">
      <c r="N631811" s="10"/>
    </row>
    <row r="631812" spans="14:14">
      <c r="N631812" s="10"/>
    </row>
    <row r="631813" spans="14:14">
      <c r="N631813" s="10"/>
    </row>
    <row r="631814" spans="14:14">
      <c r="N631814" s="10"/>
    </row>
    <row r="631815" spans="14:14">
      <c r="N631815" s="10"/>
    </row>
    <row r="631816" spans="14:14">
      <c r="N631816" s="10"/>
    </row>
    <row r="631817" spans="14:14">
      <c r="N631817" s="10"/>
    </row>
    <row r="631818" spans="14:14">
      <c r="N631818" s="10"/>
    </row>
    <row r="631819" spans="14:14">
      <c r="N631819" s="10"/>
    </row>
    <row r="631820" spans="14:14">
      <c r="N631820" s="10"/>
    </row>
    <row r="631821" spans="14:14">
      <c r="N631821" s="10"/>
    </row>
    <row r="631822" spans="14:14">
      <c r="N631822" s="10"/>
    </row>
    <row r="631823" spans="14:14">
      <c r="N631823" s="10"/>
    </row>
    <row r="631824" spans="14:14">
      <c r="N631824" s="10"/>
    </row>
    <row r="631825" spans="14:14">
      <c r="N631825" s="10"/>
    </row>
    <row r="631826" spans="14:14">
      <c r="N631826" s="10"/>
    </row>
    <row r="631827" spans="14:14">
      <c r="N631827" s="10"/>
    </row>
    <row r="631828" spans="14:14">
      <c r="N631828" s="10"/>
    </row>
    <row r="631829" spans="14:14">
      <c r="N631829" s="10"/>
    </row>
    <row r="631830" spans="14:14">
      <c r="N631830" s="10"/>
    </row>
    <row r="631831" spans="14:14">
      <c r="N631831" s="10"/>
    </row>
    <row r="631832" spans="14:14">
      <c r="N631832" s="10"/>
    </row>
    <row r="631833" spans="14:14">
      <c r="N631833" s="10"/>
    </row>
    <row r="631834" spans="14:14">
      <c r="N631834" s="10"/>
    </row>
    <row r="631835" spans="14:14">
      <c r="N631835" s="10"/>
    </row>
    <row r="631836" spans="14:14">
      <c r="N631836" s="10"/>
    </row>
    <row r="631837" spans="14:14">
      <c r="N631837" s="10"/>
    </row>
    <row r="631838" spans="14:14">
      <c r="N631838" s="10"/>
    </row>
    <row r="631839" spans="14:14">
      <c r="N631839" s="10"/>
    </row>
    <row r="631840" spans="14:14">
      <c r="N631840" s="10"/>
    </row>
    <row r="631841" spans="14:14">
      <c r="N631841" s="10"/>
    </row>
    <row r="631842" spans="14:14">
      <c r="N631842" s="10"/>
    </row>
    <row r="631843" spans="14:14">
      <c r="N631843" s="10"/>
    </row>
    <row r="631844" spans="14:14">
      <c r="N631844" s="10"/>
    </row>
    <row r="631845" spans="14:14">
      <c r="N631845" s="10"/>
    </row>
    <row r="631846" spans="14:14">
      <c r="N631846" s="10"/>
    </row>
    <row r="631847" spans="14:14">
      <c r="N631847" s="10"/>
    </row>
    <row r="631848" spans="14:14">
      <c r="N631848" s="10"/>
    </row>
    <row r="631849" spans="14:14">
      <c r="N631849" s="10"/>
    </row>
    <row r="631850" spans="14:14">
      <c r="N631850" s="10"/>
    </row>
    <row r="631851" spans="14:14">
      <c r="N631851" s="10"/>
    </row>
    <row r="631852" spans="14:14">
      <c r="N631852" s="10"/>
    </row>
    <row r="631853" spans="14:14">
      <c r="N631853" s="10"/>
    </row>
    <row r="631854" spans="14:14">
      <c r="N631854" s="10"/>
    </row>
    <row r="631855" spans="14:14">
      <c r="N631855" s="10"/>
    </row>
    <row r="631856" spans="14:14">
      <c r="N631856" s="10"/>
    </row>
    <row r="631857" spans="14:14">
      <c r="N631857" s="10"/>
    </row>
    <row r="631858" spans="14:14">
      <c r="N631858" s="10"/>
    </row>
    <row r="631859" spans="14:14">
      <c r="N631859" s="10"/>
    </row>
    <row r="631860" spans="14:14">
      <c r="N631860" s="10"/>
    </row>
    <row r="631861" spans="14:14">
      <c r="N631861" s="10"/>
    </row>
    <row r="631862" spans="14:14">
      <c r="N631862" s="10"/>
    </row>
    <row r="631863" spans="14:14">
      <c r="N631863" s="10"/>
    </row>
    <row r="631864" spans="14:14">
      <c r="N631864" s="10"/>
    </row>
    <row r="631865" spans="14:14">
      <c r="N631865" s="10"/>
    </row>
    <row r="631866" spans="14:14">
      <c r="N631866" s="10"/>
    </row>
    <row r="631867" spans="14:14">
      <c r="N631867" s="10"/>
    </row>
    <row r="631868" spans="14:14">
      <c r="N631868" s="10"/>
    </row>
    <row r="631869" spans="14:14">
      <c r="N631869" s="10"/>
    </row>
    <row r="631870" spans="14:14">
      <c r="N631870" s="10"/>
    </row>
    <row r="631871" spans="14:14">
      <c r="N631871" s="10"/>
    </row>
    <row r="631872" spans="14:14">
      <c r="N631872" s="10"/>
    </row>
    <row r="631873" spans="14:14">
      <c r="N631873" s="10"/>
    </row>
    <row r="631874" spans="14:14">
      <c r="N631874" s="10"/>
    </row>
    <row r="631875" spans="14:14">
      <c r="N631875" s="10"/>
    </row>
    <row r="631876" spans="14:14">
      <c r="N631876" s="10"/>
    </row>
    <row r="631877" spans="14:14">
      <c r="N631877" s="10"/>
    </row>
    <row r="631878" spans="14:14">
      <c r="N631878" s="10"/>
    </row>
    <row r="631879" spans="14:14">
      <c r="N631879" s="10"/>
    </row>
    <row r="631880" spans="14:14">
      <c r="N631880" s="10"/>
    </row>
    <row r="631881" spans="14:14">
      <c r="N631881" s="10"/>
    </row>
    <row r="631882" spans="14:14">
      <c r="N631882" s="10"/>
    </row>
    <row r="631883" spans="14:14">
      <c r="N631883" s="10"/>
    </row>
    <row r="631884" spans="14:14">
      <c r="N631884" s="10"/>
    </row>
    <row r="631885" spans="14:14">
      <c r="N631885" s="10"/>
    </row>
    <row r="631886" spans="14:14">
      <c r="N631886" s="10"/>
    </row>
    <row r="631887" spans="14:14">
      <c r="N631887" s="10"/>
    </row>
    <row r="631888" spans="14:14">
      <c r="N631888" s="10"/>
    </row>
    <row r="631889" spans="14:14">
      <c r="N631889" s="10"/>
    </row>
    <row r="631890" spans="14:14">
      <c r="N631890" s="10"/>
    </row>
    <row r="631891" spans="14:14">
      <c r="N631891" s="10"/>
    </row>
    <row r="631892" spans="14:14">
      <c r="N631892" s="10"/>
    </row>
    <row r="631893" spans="14:14">
      <c r="N631893" s="10"/>
    </row>
    <row r="631894" spans="14:14">
      <c r="N631894" s="10"/>
    </row>
    <row r="631895" spans="14:14">
      <c r="N631895" s="10"/>
    </row>
    <row r="631896" spans="14:14">
      <c r="N631896" s="10"/>
    </row>
    <row r="631897" spans="14:14">
      <c r="N631897" s="10"/>
    </row>
    <row r="631898" spans="14:14">
      <c r="N631898" s="10"/>
    </row>
    <row r="631899" spans="14:14">
      <c r="N631899" s="10"/>
    </row>
    <row r="631900" spans="14:14">
      <c r="N631900" s="10"/>
    </row>
    <row r="631901" spans="14:14">
      <c r="N631901" s="10"/>
    </row>
    <row r="631902" spans="14:14">
      <c r="N631902" s="10"/>
    </row>
    <row r="631903" spans="14:14">
      <c r="N631903" s="10"/>
    </row>
    <row r="631904" spans="14:14">
      <c r="N631904" s="10"/>
    </row>
    <row r="631905" spans="14:14">
      <c r="N631905" s="10"/>
    </row>
    <row r="631906" spans="14:14">
      <c r="N631906" s="10"/>
    </row>
    <row r="631907" spans="14:14">
      <c r="N631907" s="10"/>
    </row>
    <row r="631908" spans="14:14">
      <c r="N631908" s="10"/>
    </row>
    <row r="631909" spans="14:14">
      <c r="N631909" s="10"/>
    </row>
    <row r="631910" spans="14:14">
      <c r="N631910" s="10"/>
    </row>
    <row r="631911" spans="14:14">
      <c r="N631911" s="10"/>
    </row>
    <row r="631912" spans="14:14">
      <c r="N631912" s="10"/>
    </row>
    <row r="631913" spans="14:14">
      <c r="N631913" s="10"/>
    </row>
    <row r="631914" spans="14:14">
      <c r="N631914" s="10"/>
    </row>
    <row r="631915" spans="14:14">
      <c r="N631915" s="10"/>
    </row>
    <row r="631916" spans="14:14">
      <c r="N631916" s="10"/>
    </row>
    <row r="631917" spans="14:14">
      <c r="N631917" s="10"/>
    </row>
    <row r="631918" spans="14:14">
      <c r="N631918" s="10"/>
    </row>
    <row r="631919" spans="14:14">
      <c r="N631919" s="10"/>
    </row>
    <row r="631920" spans="14:14">
      <c r="N631920" s="10"/>
    </row>
    <row r="631921" spans="14:14">
      <c r="N631921" s="10"/>
    </row>
    <row r="631922" spans="14:14">
      <c r="N631922" s="10"/>
    </row>
    <row r="631923" spans="14:14">
      <c r="N631923" s="10"/>
    </row>
    <row r="631924" spans="14:14">
      <c r="N631924" s="10"/>
    </row>
    <row r="631925" spans="14:14">
      <c r="N631925" s="10"/>
    </row>
    <row r="631926" spans="14:14">
      <c r="N631926" s="10"/>
    </row>
    <row r="631927" spans="14:14">
      <c r="N631927" s="10"/>
    </row>
    <row r="631928" spans="14:14">
      <c r="N631928" s="10"/>
    </row>
    <row r="631929" spans="14:14">
      <c r="N631929" s="10"/>
    </row>
    <row r="631930" spans="14:14">
      <c r="N631930" s="10"/>
    </row>
    <row r="631931" spans="14:14">
      <c r="N631931" s="10"/>
    </row>
    <row r="631932" spans="14:14">
      <c r="N631932" s="10"/>
    </row>
    <row r="631933" spans="14:14">
      <c r="N631933" s="10"/>
    </row>
    <row r="631934" spans="14:14">
      <c r="N631934" s="10"/>
    </row>
    <row r="631935" spans="14:14">
      <c r="N631935" s="10"/>
    </row>
    <row r="631936" spans="14:14">
      <c r="N631936" s="10"/>
    </row>
    <row r="631937" spans="14:14">
      <c r="N631937" s="10"/>
    </row>
    <row r="631938" spans="14:14">
      <c r="N631938" s="10"/>
    </row>
    <row r="631939" spans="14:14">
      <c r="N631939" s="10"/>
    </row>
    <row r="631940" spans="14:14">
      <c r="N631940" s="10"/>
    </row>
    <row r="631941" spans="14:14">
      <c r="N631941" s="10"/>
    </row>
    <row r="631942" spans="14:14">
      <c r="N631942" s="10"/>
    </row>
    <row r="631943" spans="14:14">
      <c r="N631943" s="10"/>
    </row>
    <row r="631944" spans="14:14">
      <c r="N631944" s="10"/>
    </row>
    <row r="631945" spans="14:14">
      <c r="N631945" s="10"/>
    </row>
    <row r="631946" spans="14:14">
      <c r="N631946" s="10"/>
    </row>
    <row r="631947" spans="14:14">
      <c r="N631947" s="10"/>
    </row>
    <row r="631948" spans="14:14">
      <c r="N631948" s="10"/>
    </row>
    <row r="631949" spans="14:14">
      <c r="N631949" s="10"/>
    </row>
    <row r="631950" spans="14:14">
      <c r="N631950" s="10"/>
    </row>
    <row r="631951" spans="14:14">
      <c r="N631951" s="10"/>
    </row>
    <row r="631952" spans="14:14">
      <c r="N631952" s="10"/>
    </row>
    <row r="631953" spans="14:14">
      <c r="N631953" s="10"/>
    </row>
    <row r="631954" spans="14:14">
      <c r="N631954" s="10"/>
    </row>
    <row r="631955" spans="14:14">
      <c r="N631955" s="10"/>
    </row>
    <row r="631956" spans="14:14">
      <c r="N631956" s="10"/>
    </row>
    <row r="631957" spans="14:14">
      <c r="N631957" s="10"/>
    </row>
    <row r="631958" spans="14:14">
      <c r="N631958" s="10"/>
    </row>
    <row r="631959" spans="14:14">
      <c r="N631959" s="10"/>
    </row>
    <row r="631960" spans="14:14">
      <c r="N631960" s="10"/>
    </row>
    <row r="631961" spans="14:14">
      <c r="N631961" s="10"/>
    </row>
    <row r="631962" spans="14:14">
      <c r="N631962" s="10"/>
    </row>
    <row r="631963" spans="14:14">
      <c r="N631963" s="10"/>
    </row>
    <row r="631964" spans="14:14">
      <c r="N631964" s="10"/>
    </row>
    <row r="631965" spans="14:14">
      <c r="N631965" s="10"/>
    </row>
    <row r="631966" spans="14:14">
      <c r="N631966" s="10"/>
    </row>
    <row r="631967" spans="14:14">
      <c r="N631967" s="10"/>
    </row>
    <row r="631968" spans="14:14">
      <c r="N631968" s="10"/>
    </row>
    <row r="631969" spans="14:14">
      <c r="N631969" s="10"/>
    </row>
    <row r="631970" spans="14:14">
      <c r="N631970" s="10"/>
    </row>
    <row r="631971" spans="14:14">
      <c r="N631971" s="10"/>
    </row>
    <row r="631972" spans="14:14">
      <c r="N631972" s="10"/>
    </row>
    <row r="631973" spans="14:14">
      <c r="N631973" s="10"/>
    </row>
    <row r="631974" spans="14:14">
      <c r="N631974" s="10"/>
    </row>
    <row r="631975" spans="14:14">
      <c r="N631975" s="10"/>
    </row>
    <row r="631976" spans="14:14">
      <c r="N631976" s="10"/>
    </row>
    <row r="631977" spans="14:14">
      <c r="N631977" s="10"/>
    </row>
    <row r="631978" spans="14:14">
      <c r="N631978" s="10"/>
    </row>
    <row r="631979" spans="14:14">
      <c r="N631979" s="10"/>
    </row>
    <row r="631980" spans="14:14">
      <c r="N631980" s="10"/>
    </row>
    <row r="631981" spans="14:14">
      <c r="N631981" s="10"/>
    </row>
    <row r="631982" spans="14:14">
      <c r="N631982" s="10"/>
    </row>
    <row r="631983" spans="14:14">
      <c r="N631983" s="10"/>
    </row>
    <row r="631984" spans="14:14">
      <c r="N631984" s="10"/>
    </row>
    <row r="631985" spans="14:14">
      <c r="N631985" s="10"/>
    </row>
    <row r="631986" spans="14:14">
      <c r="N631986" s="10"/>
    </row>
    <row r="631987" spans="14:14">
      <c r="N631987" s="10"/>
    </row>
    <row r="631988" spans="14:14">
      <c r="N631988" s="10"/>
    </row>
    <row r="631989" spans="14:14">
      <c r="N631989" s="10"/>
    </row>
    <row r="631990" spans="14:14">
      <c r="N631990" s="10"/>
    </row>
    <row r="631991" spans="14:14">
      <c r="N631991" s="10"/>
    </row>
    <row r="631992" spans="14:14">
      <c r="N631992" s="10"/>
    </row>
    <row r="631993" spans="14:14">
      <c r="N631993" s="10"/>
    </row>
    <row r="631994" spans="14:14">
      <c r="N631994" s="10"/>
    </row>
    <row r="631995" spans="14:14">
      <c r="N631995" s="10"/>
    </row>
    <row r="631996" spans="14:14">
      <c r="N631996" s="10"/>
    </row>
    <row r="631997" spans="14:14">
      <c r="N631997" s="10"/>
    </row>
    <row r="631998" spans="14:14">
      <c r="N631998" s="10"/>
    </row>
    <row r="631999" spans="14:14">
      <c r="N631999" s="10"/>
    </row>
    <row r="632000" spans="14:14">
      <c r="N632000" s="10"/>
    </row>
    <row r="632001" spans="14:14">
      <c r="N632001" s="10"/>
    </row>
    <row r="632002" spans="14:14">
      <c r="N632002" s="10"/>
    </row>
    <row r="632003" spans="14:14">
      <c r="N632003" s="10"/>
    </row>
    <row r="632004" spans="14:14">
      <c r="N632004" s="10"/>
    </row>
    <row r="632005" spans="14:14">
      <c r="N632005" s="10"/>
    </row>
    <row r="632006" spans="14:14">
      <c r="N632006" s="10"/>
    </row>
    <row r="632007" spans="14:14">
      <c r="N632007" s="10"/>
    </row>
    <row r="632008" spans="14:14">
      <c r="N632008" s="10"/>
    </row>
    <row r="632009" spans="14:14">
      <c r="N632009" s="10"/>
    </row>
    <row r="632010" spans="14:14">
      <c r="N632010" s="10"/>
    </row>
    <row r="632011" spans="14:14">
      <c r="N632011" s="10"/>
    </row>
    <row r="632012" spans="14:14">
      <c r="N632012" s="10"/>
    </row>
    <row r="632013" spans="14:14">
      <c r="N632013" s="10"/>
    </row>
    <row r="632014" spans="14:14">
      <c r="N632014" s="10"/>
    </row>
    <row r="632015" spans="14:14">
      <c r="N632015" s="10"/>
    </row>
    <row r="632016" spans="14:14">
      <c r="N632016" s="10"/>
    </row>
    <row r="632017" spans="14:14">
      <c r="N632017" s="10"/>
    </row>
    <row r="632018" spans="14:14">
      <c r="N632018" s="10"/>
    </row>
    <row r="632019" spans="14:14">
      <c r="N632019" s="10"/>
    </row>
    <row r="632020" spans="14:14">
      <c r="N632020" s="10"/>
    </row>
    <row r="632021" spans="14:14">
      <c r="N632021" s="10"/>
    </row>
    <row r="632022" spans="14:14">
      <c r="N632022" s="10"/>
    </row>
    <row r="632023" spans="14:14">
      <c r="N632023" s="10"/>
    </row>
    <row r="632024" spans="14:14">
      <c r="N632024" s="10"/>
    </row>
    <row r="632025" spans="14:14">
      <c r="N632025" s="10"/>
    </row>
    <row r="632026" spans="14:14">
      <c r="N632026" s="10"/>
    </row>
    <row r="632027" spans="14:14">
      <c r="N632027" s="10"/>
    </row>
    <row r="632028" spans="14:14">
      <c r="N632028" s="10"/>
    </row>
    <row r="632029" spans="14:14">
      <c r="N632029" s="10"/>
    </row>
    <row r="632030" spans="14:14">
      <c r="N632030" s="10"/>
    </row>
    <row r="632031" spans="14:14">
      <c r="N632031" s="10"/>
    </row>
    <row r="632032" spans="14:14">
      <c r="N632032" s="10"/>
    </row>
    <row r="632033" spans="14:14">
      <c r="N632033" s="10"/>
    </row>
    <row r="632034" spans="14:14">
      <c r="N632034" s="10"/>
    </row>
    <row r="632035" spans="14:14">
      <c r="N632035" s="10"/>
    </row>
    <row r="632036" spans="14:14">
      <c r="N632036" s="10"/>
    </row>
    <row r="632037" spans="14:14">
      <c r="N632037" s="10"/>
    </row>
    <row r="632038" spans="14:14">
      <c r="N632038" s="10"/>
    </row>
    <row r="632039" spans="14:14">
      <c r="N632039" s="10"/>
    </row>
    <row r="632040" spans="14:14">
      <c r="N632040" s="10"/>
    </row>
    <row r="632041" spans="14:14">
      <c r="N632041" s="10"/>
    </row>
    <row r="632042" spans="14:14">
      <c r="N632042" s="10"/>
    </row>
    <row r="632043" spans="14:14">
      <c r="N632043" s="10"/>
    </row>
    <row r="632044" spans="14:14">
      <c r="N632044" s="10"/>
    </row>
    <row r="632045" spans="14:14">
      <c r="N632045" s="10"/>
    </row>
    <row r="632046" spans="14:14">
      <c r="N632046" s="10"/>
    </row>
    <row r="632047" spans="14:14">
      <c r="N632047" s="10"/>
    </row>
    <row r="632048" spans="14:14">
      <c r="N632048" s="10"/>
    </row>
    <row r="632049" spans="14:14">
      <c r="N632049" s="10"/>
    </row>
    <row r="632050" spans="14:14">
      <c r="N632050" s="10"/>
    </row>
    <row r="632051" spans="14:14">
      <c r="N632051" s="10"/>
    </row>
    <row r="632052" spans="14:14">
      <c r="N632052" s="10"/>
    </row>
    <row r="632053" spans="14:14">
      <c r="N632053" s="10"/>
    </row>
    <row r="632054" spans="14:14">
      <c r="N632054" s="10"/>
    </row>
    <row r="632055" spans="14:14">
      <c r="N632055" s="10"/>
    </row>
    <row r="632056" spans="14:14">
      <c r="N632056" s="10"/>
    </row>
    <row r="632057" spans="14:14">
      <c r="N632057" s="10"/>
    </row>
    <row r="632058" spans="14:14">
      <c r="N632058" s="10"/>
    </row>
    <row r="632059" spans="14:14">
      <c r="N632059" s="10"/>
    </row>
    <row r="632060" spans="14:14">
      <c r="N632060" s="10"/>
    </row>
    <row r="632061" spans="14:14">
      <c r="N632061" s="10"/>
    </row>
    <row r="632062" spans="14:14">
      <c r="N632062" s="10"/>
    </row>
    <row r="632063" spans="14:14">
      <c r="N632063" s="10"/>
    </row>
    <row r="632064" spans="14:14">
      <c r="N632064" s="10"/>
    </row>
    <row r="632065" spans="14:14">
      <c r="N632065" s="10"/>
    </row>
    <row r="632066" spans="14:14">
      <c r="N632066" s="10"/>
    </row>
    <row r="632067" spans="14:14">
      <c r="N632067" s="10"/>
    </row>
    <row r="632068" spans="14:14">
      <c r="N632068" s="10"/>
    </row>
    <row r="632069" spans="14:14">
      <c r="N632069" s="10"/>
    </row>
    <row r="632070" spans="14:14">
      <c r="N632070" s="10"/>
    </row>
    <row r="632071" spans="14:14">
      <c r="N632071" s="10"/>
    </row>
    <row r="632072" spans="14:14">
      <c r="N632072" s="10"/>
    </row>
    <row r="632073" spans="14:14">
      <c r="N632073" s="10"/>
    </row>
    <row r="632074" spans="14:14">
      <c r="N632074" s="10"/>
    </row>
    <row r="632075" spans="14:14">
      <c r="N632075" s="10"/>
    </row>
    <row r="632076" spans="14:14">
      <c r="N632076" s="10"/>
    </row>
    <row r="632077" spans="14:14">
      <c r="N632077" s="10"/>
    </row>
    <row r="632078" spans="14:14">
      <c r="N632078" s="10"/>
    </row>
    <row r="632079" spans="14:14">
      <c r="N632079" s="10"/>
    </row>
    <row r="632080" spans="14:14">
      <c r="N632080" s="10"/>
    </row>
    <row r="632081" spans="14:14">
      <c r="N632081" s="10"/>
    </row>
    <row r="632082" spans="14:14">
      <c r="N632082" s="10"/>
    </row>
    <row r="632083" spans="14:14">
      <c r="N632083" s="10"/>
    </row>
    <row r="632084" spans="14:14">
      <c r="N632084" s="10"/>
    </row>
    <row r="632085" spans="14:14">
      <c r="N632085" s="10"/>
    </row>
    <row r="632086" spans="14:14">
      <c r="N632086" s="10"/>
    </row>
    <row r="632087" spans="14:14">
      <c r="N632087" s="10"/>
    </row>
    <row r="632088" spans="14:14">
      <c r="N632088" s="10"/>
    </row>
    <row r="632089" spans="14:14">
      <c r="N632089" s="10"/>
    </row>
    <row r="632090" spans="14:14">
      <c r="N632090" s="10"/>
    </row>
    <row r="632091" spans="14:14">
      <c r="N632091" s="10"/>
    </row>
    <row r="632092" spans="14:14">
      <c r="N632092" s="10"/>
    </row>
    <row r="632093" spans="14:14">
      <c r="N632093" s="10"/>
    </row>
    <row r="632094" spans="14:14">
      <c r="N632094" s="10"/>
    </row>
    <row r="632095" spans="14:14">
      <c r="N632095" s="10"/>
    </row>
    <row r="632096" spans="14:14">
      <c r="N632096" s="10"/>
    </row>
    <row r="632097" spans="14:14">
      <c r="N632097" s="10"/>
    </row>
    <row r="632098" spans="14:14">
      <c r="N632098" s="10"/>
    </row>
    <row r="632099" spans="14:14">
      <c r="N632099" s="10"/>
    </row>
    <row r="632100" spans="14:14">
      <c r="N632100" s="10"/>
    </row>
    <row r="632101" spans="14:14">
      <c r="N632101" s="10"/>
    </row>
    <row r="632102" spans="14:14">
      <c r="N632102" s="10"/>
    </row>
    <row r="632103" spans="14:14">
      <c r="N632103" s="10"/>
    </row>
    <row r="632104" spans="14:14">
      <c r="N632104" s="10"/>
    </row>
    <row r="632105" spans="14:14">
      <c r="N632105" s="10"/>
    </row>
    <row r="632106" spans="14:14">
      <c r="N632106" s="10"/>
    </row>
    <row r="632107" spans="14:14">
      <c r="N632107" s="10"/>
    </row>
    <row r="632108" spans="14:14">
      <c r="N632108" s="10"/>
    </row>
    <row r="632109" spans="14:14">
      <c r="N632109" s="10"/>
    </row>
    <row r="632110" spans="14:14">
      <c r="N632110" s="10"/>
    </row>
    <row r="632111" spans="14:14">
      <c r="N632111" s="10"/>
    </row>
    <row r="632112" spans="14:14">
      <c r="N632112" s="10"/>
    </row>
    <row r="632113" spans="14:14">
      <c r="N632113" s="10"/>
    </row>
    <row r="632114" spans="14:14">
      <c r="N632114" s="10"/>
    </row>
    <row r="632115" spans="14:14">
      <c r="N632115" s="10"/>
    </row>
    <row r="632116" spans="14:14">
      <c r="N632116" s="10"/>
    </row>
    <row r="632117" spans="14:14">
      <c r="N632117" s="10"/>
    </row>
    <row r="632118" spans="14:14">
      <c r="N632118" s="10"/>
    </row>
    <row r="632119" spans="14:14">
      <c r="N632119" s="10"/>
    </row>
    <row r="632120" spans="14:14">
      <c r="N632120" s="10"/>
    </row>
    <row r="632121" spans="14:14">
      <c r="N632121" s="10"/>
    </row>
    <row r="632122" spans="14:14">
      <c r="N632122" s="10"/>
    </row>
    <row r="632123" spans="14:14">
      <c r="N632123" s="10"/>
    </row>
    <row r="632124" spans="14:14">
      <c r="N632124" s="10"/>
    </row>
    <row r="632125" spans="14:14">
      <c r="N632125" s="10"/>
    </row>
    <row r="632126" spans="14:14">
      <c r="N632126" s="10"/>
    </row>
    <row r="632127" spans="14:14">
      <c r="N632127" s="10"/>
    </row>
    <row r="632128" spans="14:14">
      <c r="N632128" s="10"/>
    </row>
    <row r="632129" spans="14:14">
      <c r="N632129" s="10"/>
    </row>
    <row r="632130" spans="14:14">
      <c r="N632130" s="10"/>
    </row>
    <row r="632131" spans="14:14">
      <c r="N632131" s="10"/>
    </row>
    <row r="632132" spans="14:14">
      <c r="N632132" s="10"/>
    </row>
    <row r="632133" spans="14:14">
      <c r="N632133" s="10"/>
    </row>
    <row r="632134" spans="14:14">
      <c r="N632134" s="10"/>
    </row>
    <row r="632135" spans="14:14">
      <c r="N632135" s="10"/>
    </row>
    <row r="632136" spans="14:14">
      <c r="N632136" s="10"/>
    </row>
    <row r="632137" spans="14:14">
      <c r="N632137" s="10"/>
    </row>
    <row r="632138" spans="14:14">
      <c r="N632138" s="10"/>
    </row>
    <row r="632139" spans="14:14">
      <c r="N632139" s="10"/>
    </row>
    <row r="632140" spans="14:14">
      <c r="N632140" s="10"/>
    </row>
    <row r="632141" spans="14:14">
      <c r="N632141" s="10"/>
    </row>
    <row r="632142" spans="14:14">
      <c r="N632142" s="10"/>
    </row>
    <row r="632143" spans="14:14">
      <c r="N632143" s="10"/>
    </row>
    <row r="632144" spans="14:14">
      <c r="N632144" s="10"/>
    </row>
    <row r="632145" spans="14:14">
      <c r="N632145" s="10"/>
    </row>
    <row r="632146" spans="14:14">
      <c r="N632146" s="10"/>
    </row>
    <row r="632147" spans="14:14">
      <c r="N632147" s="10"/>
    </row>
    <row r="632148" spans="14:14">
      <c r="N632148" s="10"/>
    </row>
    <row r="632149" spans="14:14">
      <c r="N632149" s="10"/>
    </row>
    <row r="632150" spans="14:14">
      <c r="N632150" s="10"/>
    </row>
    <row r="632151" spans="14:14">
      <c r="N632151" s="10"/>
    </row>
    <row r="632152" spans="14:14">
      <c r="N632152" s="10"/>
    </row>
    <row r="632153" spans="14:14">
      <c r="N632153" s="10"/>
    </row>
    <row r="632154" spans="14:14">
      <c r="N632154" s="10"/>
    </row>
    <row r="632155" spans="14:14">
      <c r="N632155" s="10"/>
    </row>
    <row r="632156" spans="14:14">
      <c r="N632156" s="10"/>
    </row>
    <row r="632157" spans="14:14">
      <c r="N632157" s="10"/>
    </row>
    <row r="632158" spans="14:14">
      <c r="N632158" s="10"/>
    </row>
    <row r="632159" spans="14:14">
      <c r="N632159" s="10"/>
    </row>
    <row r="632160" spans="14:14">
      <c r="N632160" s="10"/>
    </row>
    <row r="632161" spans="14:14">
      <c r="N632161" s="10"/>
    </row>
    <row r="632162" spans="14:14">
      <c r="N632162" s="10"/>
    </row>
    <row r="632163" spans="14:14">
      <c r="N632163" s="10"/>
    </row>
    <row r="632164" spans="14:14">
      <c r="N632164" s="10"/>
    </row>
    <row r="632165" spans="14:14">
      <c r="N632165" s="10"/>
    </row>
    <row r="632166" spans="14:14">
      <c r="N632166" s="10"/>
    </row>
    <row r="632167" spans="14:14">
      <c r="N632167" s="10"/>
    </row>
    <row r="632168" spans="14:14">
      <c r="N632168" s="10"/>
    </row>
    <row r="632169" spans="14:14">
      <c r="N632169" s="10"/>
    </row>
    <row r="632170" spans="14:14">
      <c r="N632170" s="10"/>
    </row>
    <row r="632171" spans="14:14">
      <c r="N632171" s="10"/>
    </row>
    <row r="632172" spans="14:14">
      <c r="N632172" s="10"/>
    </row>
    <row r="632173" spans="14:14">
      <c r="N632173" s="10"/>
    </row>
    <row r="632174" spans="14:14">
      <c r="N632174" s="10"/>
    </row>
    <row r="632175" spans="14:14">
      <c r="N632175" s="10"/>
    </row>
    <row r="632176" spans="14:14">
      <c r="N632176" s="10"/>
    </row>
    <row r="632177" spans="14:14">
      <c r="N632177" s="10"/>
    </row>
    <row r="632178" spans="14:14">
      <c r="N632178" s="10"/>
    </row>
    <row r="632179" spans="14:14">
      <c r="N632179" s="10"/>
    </row>
    <row r="632180" spans="14:14">
      <c r="N632180" s="10"/>
    </row>
    <row r="632181" spans="14:14">
      <c r="N632181" s="10"/>
    </row>
    <row r="632182" spans="14:14">
      <c r="N632182" s="10"/>
    </row>
    <row r="632183" spans="14:14">
      <c r="N632183" s="10"/>
    </row>
    <row r="632184" spans="14:14">
      <c r="N632184" s="10"/>
    </row>
    <row r="632185" spans="14:14">
      <c r="N632185" s="10"/>
    </row>
    <row r="632186" spans="14:14">
      <c r="N632186" s="10"/>
    </row>
    <row r="632187" spans="14:14">
      <c r="N632187" s="10"/>
    </row>
    <row r="632188" spans="14:14">
      <c r="N632188" s="10"/>
    </row>
    <row r="632189" spans="14:14">
      <c r="N632189" s="10"/>
    </row>
    <row r="632190" spans="14:14">
      <c r="N632190" s="10"/>
    </row>
    <row r="632191" spans="14:14">
      <c r="N632191" s="10"/>
    </row>
    <row r="632192" spans="14:14">
      <c r="N632192" s="10"/>
    </row>
    <row r="632193" spans="14:14">
      <c r="N632193" s="10"/>
    </row>
    <row r="632194" spans="14:14">
      <c r="N632194" s="10"/>
    </row>
    <row r="632195" spans="14:14">
      <c r="N632195" s="10"/>
    </row>
    <row r="632196" spans="14:14">
      <c r="N632196" s="10"/>
    </row>
    <row r="632197" spans="14:14">
      <c r="N632197" s="10"/>
    </row>
    <row r="632198" spans="14:14">
      <c r="N632198" s="10"/>
    </row>
    <row r="632199" spans="14:14">
      <c r="N632199" s="10"/>
    </row>
    <row r="632200" spans="14:14">
      <c r="N632200" s="10"/>
    </row>
    <row r="632201" spans="14:14">
      <c r="N632201" s="10"/>
    </row>
    <row r="632202" spans="14:14">
      <c r="N632202" s="10"/>
    </row>
    <row r="632203" spans="14:14">
      <c r="N632203" s="10"/>
    </row>
    <row r="632204" spans="14:14">
      <c r="N632204" s="10"/>
    </row>
    <row r="632205" spans="14:14">
      <c r="N632205" s="10"/>
    </row>
    <row r="632206" spans="14:14">
      <c r="N632206" s="10"/>
    </row>
    <row r="632207" spans="14:14">
      <c r="N632207" s="10"/>
    </row>
    <row r="632208" spans="14:14">
      <c r="N632208" s="10"/>
    </row>
    <row r="632209" spans="14:14">
      <c r="N632209" s="10"/>
    </row>
    <row r="632210" spans="14:14">
      <c r="N632210" s="10"/>
    </row>
    <row r="632211" spans="14:14">
      <c r="N632211" s="10"/>
    </row>
    <row r="632212" spans="14:14">
      <c r="N632212" s="10"/>
    </row>
    <row r="632213" spans="14:14">
      <c r="N632213" s="10"/>
    </row>
    <row r="632214" spans="14:14">
      <c r="N632214" s="10"/>
    </row>
    <row r="632215" spans="14:14">
      <c r="N632215" s="10"/>
    </row>
    <row r="632216" spans="14:14">
      <c r="N632216" s="10"/>
    </row>
    <row r="632217" spans="14:14">
      <c r="N632217" s="10"/>
    </row>
    <row r="632218" spans="14:14">
      <c r="N632218" s="10"/>
    </row>
    <row r="632219" spans="14:14">
      <c r="N632219" s="10"/>
    </row>
    <row r="632220" spans="14:14">
      <c r="N632220" s="10"/>
    </row>
    <row r="632221" spans="14:14">
      <c r="N632221" s="10"/>
    </row>
    <row r="632222" spans="14:14">
      <c r="N632222" s="10"/>
    </row>
    <row r="632223" spans="14:14">
      <c r="N632223" s="10"/>
    </row>
    <row r="632224" spans="14:14">
      <c r="N632224" s="10"/>
    </row>
    <row r="632225" spans="14:14">
      <c r="N632225" s="10"/>
    </row>
    <row r="632226" spans="14:14">
      <c r="N632226" s="10"/>
    </row>
    <row r="632227" spans="14:14">
      <c r="N632227" s="10"/>
    </row>
    <row r="632228" spans="14:14">
      <c r="N632228" s="10"/>
    </row>
    <row r="632229" spans="14:14">
      <c r="N632229" s="10"/>
    </row>
    <row r="632230" spans="14:14">
      <c r="N632230" s="10"/>
    </row>
    <row r="632231" spans="14:14">
      <c r="N632231" s="10"/>
    </row>
    <row r="632232" spans="14:14">
      <c r="N632232" s="10"/>
    </row>
    <row r="632233" spans="14:14">
      <c r="N632233" s="10"/>
    </row>
    <row r="632234" spans="14:14">
      <c r="N632234" s="10"/>
    </row>
    <row r="632235" spans="14:14">
      <c r="N632235" s="10"/>
    </row>
    <row r="632236" spans="14:14">
      <c r="N632236" s="10"/>
    </row>
    <row r="632237" spans="14:14">
      <c r="N632237" s="10"/>
    </row>
    <row r="632238" spans="14:14">
      <c r="N632238" s="10"/>
    </row>
    <row r="632239" spans="14:14">
      <c r="N632239" s="10"/>
    </row>
    <row r="632240" spans="14:14">
      <c r="N632240" s="10"/>
    </row>
    <row r="632241" spans="14:14">
      <c r="N632241" s="10"/>
    </row>
    <row r="632242" spans="14:14">
      <c r="N632242" s="10"/>
    </row>
    <row r="632243" spans="14:14">
      <c r="N632243" s="10"/>
    </row>
    <row r="632244" spans="14:14">
      <c r="N632244" s="10"/>
    </row>
    <row r="632245" spans="14:14">
      <c r="N632245" s="10"/>
    </row>
    <row r="632246" spans="14:14">
      <c r="N632246" s="10"/>
    </row>
    <row r="632247" spans="14:14">
      <c r="N632247" s="10"/>
    </row>
    <row r="632248" spans="14:14">
      <c r="N632248" s="10"/>
    </row>
    <row r="632249" spans="14:14">
      <c r="N632249" s="10"/>
    </row>
    <row r="632250" spans="14:14">
      <c r="N632250" s="10"/>
    </row>
    <row r="632251" spans="14:14">
      <c r="N632251" s="10"/>
    </row>
    <row r="632252" spans="14:14">
      <c r="N632252" s="10"/>
    </row>
    <row r="632253" spans="14:14">
      <c r="N632253" s="10"/>
    </row>
    <row r="632254" spans="14:14">
      <c r="N632254" s="10"/>
    </row>
    <row r="632255" spans="14:14">
      <c r="N632255" s="10"/>
    </row>
    <row r="632256" spans="14:14">
      <c r="N632256" s="10"/>
    </row>
    <row r="632257" spans="14:14">
      <c r="N632257" s="10"/>
    </row>
    <row r="632258" spans="14:14">
      <c r="N632258" s="10"/>
    </row>
    <row r="632259" spans="14:14">
      <c r="N632259" s="10"/>
    </row>
    <row r="632260" spans="14:14">
      <c r="N632260" s="10"/>
    </row>
    <row r="632261" spans="14:14">
      <c r="N632261" s="10"/>
    </row>
    <row r="632262" spans="14:14">
      <c r="N632262" s="10"/>
    </row>
    <row r="632263" spans="14:14">
      <c r="N632263" s="10"/>
    </row>
    <row r="632264" spans="14:14">
      <c r="N632264" s="10"/>
    </row>
    <row r="632265" spans="14:14">
      <c r="N632265" s="10"/>
    </row>
    <row r="632266" spans="14:14">
      <c r="N632266" s="10"/>
    </row>
    <row r="632267" spans="14:14">
      <c r="N632267" s="10"/>
    </row>
    <row r="632268" spans="14:14">
      <c r="N632268" s="10"/>
    </row>
    <row r="632269" spans="14:14">
      <c r="N632269" s="10"/>
    </row>
    <row r="632270" spans="14:14">
      <c r="N632270" s="10"/>
    </row>
    <row r="632271" spans="14:14">
      <c r="N632271" s="10"/>
    </row>
    <row r="632272" spans="14:14">
      <c r="N632272" s="10"/>
    </row>
    <row r="632273" spans="14:14">
      <c r="N632273" s="10"/>
    </row>
    <row r="632274" spans="14:14">
      <c r="N632274" s="10"/>
    </row>
    <row r="632275" spans="14:14">
      <c r="N632275" s="10"/>
    </row>
    <row r="632276" spans="14:14">
      <c r="N632276" s="10"/>
    </row>
    <row r="632277" spans="14:14">
      <c r="N632277" s="10"/>
    </row>
    <row r="632278" spans="14:14">
      <c r="N632278" s="10"/>
    </row>
    <row r="632279" spans="14:14">
      <c r="N632279" s="10"/>
    </row>
    <row r="632280" spans="14:14">
      <c r="N632280" s="10"/>
    </row>
    <row r="632281" spans="14:14">
      <c r="N632281" s="10"/>
    </row>
    <row r="632282" spans="14:14">
      <c r="N632282" s="10"/>
    </row>
    <row r="632283" spans="14:14">
      <c r="N632283" s="10"/>
    </row>
    <row r="632284" spans="14:14">
      <c r="N632284" s="10"/>
    </row>
    <row r="632285" spans="14:14">
      <c r="N632285" s="10"/>
    </row>
    <row r="632286" spans="14:14">
      <c r="N632286" s="10"/>
    </row>
    <row r="632287" spans="14:14">
      <c r="N632287" s="10"/>
    </row>
    <row r="632288" spans="14:14">
      <c r="N632288" s="10"/>
    </row>
    <row r="632289" spans="14:14">
      <c r="N632289" s="10"/>
    </row>
    <row r="632290" spans="14:14">
      <c r="N632290" s="10"/>
    </row>
    <row r="632291" spans="14:14">
      <c r="N632291" s="10"/>
    </row>
    <row r="632292" spans="14:14">
      <c r="N632292" s="10"/>
    </row>
    <row r="632293" spans="14:14">
      <c r="N632293" s="10"/>
    </row>
    <row r="632294" spans="14:14">
      <c r="N632294" s="10"/>
    </row>
    <row r="632295" spans="14:14">
      <c r="N632295" s="10"/>
    </row>
    <row r="632296" spans="14:14">
      <c r="N632296" s="10"/>
    </row>
    <row r="632297" spans="14:14">
      <c r="N632297" s="10"/>
    </row>
    <row r="632298" spans="14:14">
      <c r="N632298" s="10"/>
    </row>
    <row r="632299" spans="14:14">
      <c r="N632299" s="10"/>
    </row>
    <row r="632300" spans="14:14">
      <c r="N632300" s="10"/>
    </row>
    <row r="632301" spans="14:14">
      <c r="N632301" s="10"/>
    </row>
    <row r="632302" spans="14:14">
      <c r="N632302" s="10"/>
    </row>
    <row r="632303" spans="14:14">
      <c r="N632303" s="10"/>
    </row>
    <row r="632304" spans="14:14">
      <c r="N632304" s="10"/>
    </row>
    <row r="632305" spans="14:14">
      <c r="N632305" s="10"/>
    </row>
    <row r="632306" spans="14:14">
      <c r="N632306" s="10"/>
    </row>
    <row r="632307" spans="14:14">
      <c r="N632307" s="10"/>
    </row>
    <row r="632308" spans="14:14">
      <c r="N632308" s="10"/>
    </row>
    <row r="632309" spans="14:14">
      <c r="N632309" s="10"/>
    </row>
    <row r="632310" spans="14:14">
      <c r="N632310" s="10"/>
    </row>
    <row r="632311" spans="14:14">
      <c r="N632311" s="10"/>
    </row>
    <row r="632312" spans="14:14">
      <c r="N632312" s="10"/>
    </row>
    <row r="632313" spans="14:14">
      <c r="N632313" s="10"/>
    </row>
    <row r="632314" spans="14:14">
      <c r="N632314" s="10"/>
    </row>
    <row r="632315" spans="14:14">
      <c r="N632315" s="10"/>
    </row>
    <row r="632316" spans="14:14">
      <c r="N632316" s="10"/>
    </row>
    <row r="632317" spans="14:14">
      <c r="N632317" s="10"/>
    </row>
    <row r="632318" spans="14:14">
      <c r="N632318" s="10"/>
    </row>
    <row r="632319" spans="14:14">
      <c r="N632319" s="10"/>
    </row>
    <row r="632320" spans="14:14">
      <c r="N632320" s="10"/>
    </row>
    <row r="632321" spans="14:14">
      <c r="N632321" s="10"/>
    </row>
    <row r="632322" spans="14:14">
      <c r="N632322" s="10"/>
    </row>
    <row r="632323" spans="14:14">
      <c r="N632323" s="10"/>
    </row>
    <row r="632324" spans="14:14">
      <c r="N632324" s="10"/>
    </row>
    <row r="632325" spans="14:14">
      <c r="N632325" s="10"/>
    </row>
    <row r="632326" spans="14:14">
      <c r="N632326" s="10"/>
    </row>
    <row r="632327" spans="14:14">
      <c r="N632327" s="10"/>
    </row>
    <row r="632328" spans="14:14">
      <c r="N632328" s="10"/>
    </row>
    <row r="632329" spans="14:14">
      <c r="N632329" s="10"/>
    </row>
    <row r="632330" spans="14:14">
      <c r="N632330" s="10"/>
    </row>
    <row r="632331" spans="14:14">
      <c r="N632331" s="10"/>
    </row>
    <row r="632332" spans="14:14">
      <c r="N632332" s="10"/>
    </row>
    <row r="632333" spans="14:14">
      <c r="N632333" s="10"/>
    </row>
    <row r="632334" spans="14:14">
      <c r="N632334" s="10"/>
    </row>
    <row r="632335" spans="14:14">
      <c r="N632335" s="10"/>
    </row>
    <row r="632336" spans="14:14">
      <c r="N632336" s="10"/>
    </row>
    <row r="632337" spans="14:14">
      <c r="N632337" s="10"/>
    </row>
    <row r="632338" spans="14:14">
      <c r="N632338" s="10"/>
    </row>
    <row r="632339" spans="14:14">
      <c r="N632339" s="10"/>
    </row>
    <row r="632340" spans="14:14">
      <c r="N632340" s="10"/>
    </row>
    <row r="632341" spans="14:14">
      <c r="N632341" s="10"/>
    </row>
    <row r="632342" spans="14:14">
      <c r="N632342" s="10"/>
    </row>
    <row r="632343" spans="14:14">
      <c r="N632343" s="10"/>
    </row>
    <row r="632344" spans="14:14">
      <c r="N632344" s="10"/>
    </row>
    <row r="632345" spans="14:14">
      <c r="N632345" s="10"/>
    </row>
    <row r="632346" spans="14:14">
      <c r="N632346" s="10"/>
    </row>
    <row r="632347" spans="14:14">
      <c r="N632347" s="10"/>
    </row>
    <row r="632348" spans="14:14">
      <c r="N632348" s="10"/>
    </row>
    <row r="632349" spans="14:14">
      <c r="N632349" s="10"/>
    </row>
    <row r="632350" spans="14:14">
      <c r="N632350" s="10"/>
    </row>
    <row r="632351" spans="14:14">
      <c r="N632351" s="10"/>
    </row>
    <row r="632352" spans="14:14">
      <c r="N632352" s="10"/>
    </row>
    <row r="632353" spans="14:14">
      <c r="N632353" s="10"/>
    </row>
    <row r="632354" spans="14:14">
      <c r="N632354" s="10"/>
    </row>
    <row r="632355" spans="14:14">
      <c r="N632355" s="10"/>
    </row>
    <row r="632356" spans="14:14">
      <c r="N632356" s="10"/>
    </row>
    <row r="632357" spans="14:14">
      <c r="N632357" s="10"/>
    </row>
    <row r="632358" spans="14:14">
      <c r="N632358" s="10"/>
    </row>
    <row r="632359" spans="14:14">
      <c r="N632359" s="10"/>
    </row>
    <row r="632360" spans="14:14">
      <c r="N632360" s="10"/>
    </row>
    <row r="632361" spans="14:14">
      <c r="N632361" s="10"/>
    </row>
    <row r="632362" spans="14:14">
      <c r="N632362" s="10"/>
    </row>
    <row r="632363" spans="14:14">
      <c r="N632363" s="10"/>
    </row>
    <row r="632364" spans="14:14">
      <c r="N632364" s="10"/>
    </row>
    <row r="632365" spans="14:14">
      <c r="N632365" s="10"/>
    </row>
    <row r="632366" spans="14:14">
      <c r="N632366" s="10"/>
    </row>
    <row r="632367" spans="14:14">
      <c r="N632367" s="10"/>
    </row>
    <row r="632368" spans="14:14">
      <c r="N632368" s="10"/>
    </row>
    <row r="632369" spans="14:14">
      <c r="N632369" s="10"/>
    </row>
    <row r="632370" spans="14:14">
      <c r="N632370" s="10"/>
    </row>
    <row r="632371" spans="14:14">
      <c r="N632371" s="10"/>
    </row>
    <row r="632372" spans="14:14">
      <c r="N632372" s="10"/>
    </row>
    <row r="632373" spans="14:14">
      <c r="N632373" s="10"/>
    </row>
    <row r="632374" spans="14:14">
      <c r="N632374" s="10"/>
    </row>
    <row r="632375" spans="14:14">
      <c r="N632375" s="10"/>
    </row>
    <row r="632376" spans="14:14">
      <c r="N632376" s="10"/>
    </row>
    <row r="632377" spans="14:14">
      <c r="N632377" s="10"/>
    </row>
    <row r="632378" spans="14:14">
      <c r="N632378" s="10"/>
    </row>
    <row r="632379" spans="14:14">
      <c r="N632379" s="10"/>
    </row>
    <row r="632380" spans="14:14">
      <c r="N632380" s="10"/>
    </row>
    <row r="632381" spans="14:14">
      <c r="N632381" s="10"/>
    </row>
    <row r="632382" spans="14:14">
      <c r="N632382" s="10"/>
    </row>
    <row r="632383" spans="14:14">
      <c r="N632383" s="10"/>
    </row>
    <row r="632384" spans="14:14">
      <c r="N632384" s="10"/>
    </row>
    <row r="632385" spans="14:14">
      <c r="N632385" s="10"/>
    </row>
    <row r="632386" spans="14:14">
      <c r="N632386" s="10"/>
    </row>
    <row r="632387" spans="14:14">
      <c r="N632387" s="10"/>
    </row>
    <row r="632388" spans="14:14">
      <c r="N632388" s="10"/>
    </row>
    <row r="632389" spans="14:14">
      <c r="N632389" s="10"/>
    </row>
    <row r="632390" spans="14:14">
      <c r="N632390" s="10"/>
    </row>
    <row r="632391" spans="14:14">
      <c r="N632391" s="10"/>
    </row>
    <row r="632392" spans="14:14">
      <c r="N632392" s="10"/>
    </row>
    <row r="632393" spans="14:14">
      <c r="N632393" s="10"/>
    </row>
    <row r="632394" spans="14:14">
      <c r="N632394" s="10"/>
    </row>
    <row r="632395" spans="14:14">
      <c r="N632395" s="10"/>
    </row>
    <row r="632396" spans="14:14">
      <c r="N632396" s="10"/>
    </row>
    <row r="632397" spans="14:14">
      <c r="N632397" s="10"/>
    </row>
    <row r="632398" spans="14:14">
      <c r="N632398" s="10"/>
    </row>
    <row r="632399" spans="14:14">
      <c r="N632399" s="10"/>
    </row>
    <row r="632400" spans="14:14">
      <c r="N632400" s="10"/>
    </row>
    <row r="632401" spans="14:14">
      <c r="N632401" s="10"/>
    </row>
    <row r="632402" spans="14:14">
      <c r="N632402" s="10"/>
    </row>
    <row r="632403" spans="14:14">
      <c r="N632403" s="10"/>
    </row>
    <row r="632404" spans="14:14">
      <c r="N632404" s="10"/>
    </row>
    <row r="632405" spans="14:14">
      <c r="N632405" s="10"/>
    </row>
    <row r="632406" spans="14:14">
      <c r="N632406" s="10"/>
    </row>
    <row r="632407" spans="14:14">
      <c r="N632407" s="10"/>
    </row>
    <row r="632408" spans="14:14">
      <c r="N632408" s="10"/>
    </row>
    <row r="632409" spans="14:14">
      <c r="N632409" s="10"/>
    </row>
    <row r="632410" spans="14:14">
      <c r="N632410" s="10"/>
    </row>
    <row r="632411" spans="14:14">
      <c r="N632411" s="10"/>
    </row>
    <row r="632412" spans="14:14">
      <c r="N632412" s="10"/>
    </row>
    <row r="632413" spans="14:14">
      <c r="N632413" s="10"/>
    </row>
    <row r="632414" spans="14:14">
      <c r="N632414" s="10"/>
    </row>
    <row r="632415" spans="14:14">
      <c r="N632415" s="10"/>
    </row>
    <row r="632416" spans="14:14">
      <c r="N632416" s="10"/>
    </row>
    <row r="632417" spans="14:14">
      <c r="N632417" s="10"/>
    </row>
    <row r="632418" spans="14:14">
      <c r="N632418" s="10"/>
    </row>
    <row r="632419" spans="14:14">
      <c r="N632419" s="10"/>
    </row>
    <row r="632420" spans="14:14">
      <c r="N632420" s="10"/>
    </row>
    <row r="632421" spans="14:14">
      <c r="N632421" s="10"/>
    </row>
    <row r="632422" spans="14:14">
      <c r="N632422" s="10"/>
    </row>
    <row r="632423" spans="14:14">
      <c r="N632423" s="10"/>
    </row>
    <row r="632424" spans="14:14">
      <c r="N632424" s="10"/>
    </row>
    <row r="632425" spans="14:14">
      <c r="N632425" s="10"/>
    </row>
    <row r="632426" spans="14:14">
      <c r="N632426" s="10"/>
    </row>
    <row r="632427" spans="14:14">
      <c r="N632427" s="10"/>
    </row>
    <row r="632428" spans="14:14">
      <c r="N632428" s="10"/>
    </row>
    <row r="632429" spans="14:14">
      <c r="N632429" s="10"/>
    </row>
    <row r="632430" spans="14:14">
      <c r="N632430" s="10"/>
    </row>
    <row r="632431" spans="14:14">
      <c r="N632431" s="10"/>
    </row>
    <row r="632432" spans="14:14">
      <c r="N632432" s="10"/>
    </row>
    <row r="632433" spans="14:14">
      <c r="N632433" s="10"/>
    </row>
    <row r="632434" spans="14:14">
      <c r="N632434" s="10"/>
    </row>
    <row r="632435" spans="14:14">
      <c r="N632435" s="10"/>
    </row>
    <row r="632436" spans="14:14">
      <c r="N632436" s="10"/>
    </row>
    <row r="632437" spans="14:14">
      <c r="N632437" s="10"/>
    </row>
    <row r="632438" spans="14:14">
      <c r="N632438" s="10"/>
    </row>
    <row r="632439" spans="14:14">
      <c r="N632439" s="10"/>
    </row>
    <row r="632440" spans="14:14">
      <c r="N632440" s="10"/>
    </row>
    <row r="632441" spans="14:14">
      <c r="N632441" s="10"/>
    </row>
    <row r="632442" spans="14:14">
      <c r="N632442" s="10"/>
    </row>
    <row r="632443" spans="14:14">
      <c r="N632443" s="10"/>
    </row>
    <row r="632444" spans="14:14">
      <c r="N632444" s="10"/>
    </row>
    <row r="632445" spans="14:14">
      <c r="N632445" s="10"/>
    </row>
    <row r="632446" spans="14:14">
      <c r="N632446" s="10"/>
    </row>
    <row r="632447" spans="14:14">
      <c r="N632447" s="10"/>
    </row>
    <row r="632448" spans="14:14">
      <c r="N632448" s="10"/>
    </row>
    <row r="632449" spans="14:14">
      <c r="N632449" s="10"/>
    </row>
    <row r="632450" spans="14:14">
      <c r="N632450" s="10"/>
    </row>
    <row r="632451" spans="14:14">
      <c r="N632451" s="10"/>
    </row>
    <row r="632452" spans="14:14">
      <c r="N632452" s="10"/>
    </row>
    <row r="632453" spans="14:14">
      <c r="N632453" s="10"/>
    </row>
    <row r="632454" spans="14:14">
      <c r="N632454" s="10"/>
    </row>
    <row r="632455" spans="14:14">
      <c r="N632455" s="10"/>
    </row>
    <row r="632456" spans="14:14">
      <c r="N632456" s="10"/>
    </row>
    <row r="632457" spans="14:14">
      <c r="N632457" s="10"/>
    </row>
    <row r="632458" spans="14:14">
      <c r="N632458" s="10"/>
    </row>
    <row r="632459" spans="14:14">
      <c r="N632459" s="10"/>
    </row>
    <row r="632460" spans="14:14">
      <c r="N632460" s="10"/>
    </row>
    <row r="632461" spans="14:14">
      <c r="N632461" s="10"/>
    </row>
    <row r="632462" spans="14:14">
      <c r="N632462" s="10"/>
    </row>
    <row r="632463" spans="14:14">
      <c r="N632463" s="10"/>
    </row>
    <row r="632464" spans="14:14">
      <c r="N632464" s="10"/>
    </row>
    <row r="632465" spans="14:14">
      <c r="N632465" s="10"/>
    </row>
    <row r="632466" spans="14:14">
      <c r="N632466" s="10"/>
    </row>
    <row r="632467" spans="14:14">
      <c r="N632467" s="10"/>
    </row>
    <row r="632468" spans="14:14">
      <c r="N632468" s="10"/>
    </row>
    <row r="632469" spans="14:14">
      <c r="N632469" s="10"/>
    </row>
    <row r="632470" spans="14:14">
      <c r="N632470" s="10"/>
    </row>
    <row r="632471" spans="14:14">
      <c r="N632471" s="10"/>
    </row>
    <row r="632472" spans="14:14">
      <c r="N632472" s="10"/>
    </row>
    <row r="632473" spans="14:14">
      <c r="N632473" s="10"/>
    </row>
    <row r="632474" spans="14:14">
      <c r="N632474" s="10"/>
    </row>
    <row r="632475" spans="14:14">
      <c r="N632475" s="10"/>
    </row>
    <row r="632476" spans="14:14">
      <c r="N632476" s="10"/>
    </row>
    <row r="632477" spans="14:14">
      <c r="N632477" s="10"/>
    </row>
    <row r="632478" spans="14:14">
      <c r="N632478" s="10"/>
    </row>
    <row r="632479" spans="14:14">
      <c r="N632479" s="10"/>
    </row>
    <row r="632480" spans="14:14">
      <c r="N632480" s="10"/>
    </row>
    <row r="632481" spans="14:14">
      <c r="N632481" s="10"/>
    </row>
    <row r="632482" spans="14:14">
      <c r="N632482" s="10"/>
    </row>
    <row r="632483" spans="14:14">
      <c r="N632483" s="10"/>
    </row>
    <row r="632484" spans="14:14">
      <c r="N632484" s="10"/>
    </row>
    <row r="632485" spans="14:14">
      <c r="N632485" s="10"/>
    </row>
    <row r="632486" spans="14:14">
      <c r="N632486" s="10"/>
    </row>
    <row r="632487" spans="14:14">
      <c r="N632487" s="10"/>
    </row>
    <row r="632488" spans="14:14">
      <c r="N632488" s="10"/>
    </row>
    <row r="632489" spans="14:14">
      <c r="N632489" s="10"/>
    </row>
    <row r="632490" spans="14:14">
      <c r="N632490" s="10"/>
    </row>
    <row r="632491" spans="14:14">
      <c r="N632491" s="10"/>
    </row>
    <row r="632492" spans="14:14">
      <c r="N632492" s="10"/>
    </row>
    <row r="632493" spans="14:14">
      <c r="N632493" s="10"/>
    </row>
    <row r="632494" spans="14:14">
      <c r="N632494" s="10"/>
    </row>
    <row r="632495" spans="14:14">
      <c r="N632495" s="10"/>
    </row>
    <row r="632496" spans="14:14">
      <c r="N632496" s="10"/>
    </row>
    <row r="632497" spans="14:14">
      <c r="N632497" s="10"/>
    </row>
    <row r="632498" spans="14:14">
      <c r="N632498" s="10"/>
    </row>
    <row r="632499" spans="14:14">
      <c r="N632499" s="10"/>
    </row>
    <row r="632500" spans="14:14">
      <c r="N632500" s="10"/>
    </row>
    <row r="632501" spans="14:14">
      <c r="N632501" s="10"/>
    </row>
    <row r="632502" spans="14:14">
      <c r="N632502" s="10"/>
    </row>
    <row r="632503" spans="14:14">
      <c r="N632503" s="10"/>
    </row>
    <row r="632504" spans="14:14">
      <c r="N632504" s="10"/>
    </row>
    <row r="632505" spans="14:14">
      <c r="N632505" s="10"/>
    </row>
    <row r="632506" spans="14:14">
      <c r="N632506" s="10"/>
    </row>
    <row r="632507" spans="14:14">
      <c r="N632507" s="10"/>
    </row>
    <row r="632508" spans="14:14">
      <c r="N632508" s="10"/>
    </row>
    <row r="632509" spans="14:14">
      <c r="N632509" s="10"/>
    </row>
    <row r="632510" spans="14:14">
      <c r="N632510" s="10"/>
    </row>
    <row r="632511" spans="14:14">
      <c r="N632511" s="10"/>
    </row>
    <row r="632512" spans="14:14">
      <c r="N632512" s="10"/>
    </row>
    <row r="632513" spans="14:14">
      <c r="N632513" s="10"/>
    </row>
    <row r="632514" spans="14:14">
      <c r="N632514" s="10"/>
    </row>
    <row r="632515" spans="14:14">
      <c r="N632515" s="10"/>
    </row>
    <row r="632516" spans="14:14">
      <c r="N632516" s="10"/>
    </row>
    <row r="632517" spans="14:14">
      <c r="N632517" s="10"/>
    </row>
    <row r="632518" spans="14:14">
      <c r="N632518" s="10"/>
    </row>
    <row r="632519" spans="14:14">
      <c r="N632519" s="10"/>
    </row>
    <row r="632520" spans="14:14">
      <c r="N632520" s="10"/>
    </row>
    <row r="632521" spans="14:14">
      <c r="N632521" s="10"/>
    </row>
    <row r="632522" spans="14:14">
      <c r="N632522" s="10"/>
    </row>
    <row r="632523" spans="14:14">
      <c r="N632523" s="10"/>
    </row>
    <row r="632524" spans="14:14">
      <c r="N632524" s="10"/>
    </row>
    <row r="632525" spans="14:14">
      <c r="N632525" s="10"/>
    </row>
    <row r="632526" spans="14:14">
      <c r="N632526" s="10"/>
    </row>
    <row r="632527" spans="14:14">
      <c r="N632527" s="10"/>
    </row>
    <row r="632528" spans="14:14">
      <c r="N632528" s="10"/>
    </row>
    <row r="632529" spans="14:14">
      <c r="N632529" s="10"/>
    </row>
    <row r="632530" spans="14:14">
      <c r="N632530" s="10"/>
    </row>
    <row r="632531" spans="14:14">
      <c r="N632531" s="10"/>
    </row>
    <row r="632532" spans="14:14">
      <c r="N632532" s="10"/>
    </row>
    <row r="632533" spans="14:14">
      <c r="N632533" s="10"/>
    </row>
    <row r="632534" spans="14:14">
      <c r="N632534" s="10"/>
    </row>
    <row r="632535" spans="14:14">
      <c r="N632535" s="10"/>
    </row>
    <row r="632536" spans="14:14">
      <c r="N632536" s="10"/>
    </row>
    <row r="632537" spans="14:14">
      <c r="N632537" s="10"/>
    </row>
    <row r="632538" spans="14:14">
      <c r="N632538" s="10"/>
    </row>
    <row r="632539" spans="14:14">
      <c r="N632539" s="10"/>
    </row>
    <row r="632540" spans="14:14">
      <c r="N632540" s="10"/>
    </row>
    <row r="632541" spans="14:14">
      <c r="N632541" s="10"/>
    </row>
    <row r="632542" spans="14:14">
      <c r="N632542" s="10"/>
    </row>
    <row r="632543" spans="14:14">
      <c r="N632543" s="10"/>
    </row>
    <row r="632544" spans="14:14">
      <c r="N632544" s="10"/>
    </row>
    <row r="632545" spans="14:14">
      <c r="N632545" s="10"/>
    </row>
    <row r="632546" spans="14:14">
      <c r="N632546" s="10"/>
    </row>
    <row r="632547" spans="14:14">
      <c r="N632547" s="10"/>
    </row>
    <row r="632548" spans="14:14">
      <c r="N632548" s="10"/>
    </row>
    <row r="632549" spans="14:14">
      <c r="N632549" s="10"/>
    </row>
    <row r="632550" spans="14:14">
      <c r="N632550" s="10"/>
    </row>
    <row r="632551" spans="14:14">
      <c r="N632551" s="10"/>
    </row>
    <row r="632552" spans="14:14">
      <c r="N632552" s="10"/>
    </row>
    <row r="632553" spans="14:14">
      <c r="N632553" s="10"/>
    </row>
    <row r="632554" spans="14:14">
      <c r="N632554" s="10"/>
    </row>
    <row r="632555" spans="14:14">
      <c r="N632555" s="10"/>
    </row>
    <row r="632556" spans="14:14">
      <c r="N632556" s="10"/>
    </row>
    <row r="632557" spans="14:14">
      <c r="N632557" s="10"/>
    </row>
    <row r="632558" spans="14:14">
      <c r="N632558" s="10"/>
    </row>
    <row r="632559" spans="14:14">
      <c r="N632559" s="10"/>
    </row>
    <row r="632560" spans="14:14">
      <c r="N632560" s="10"/>
    </row>
    <row r="632561" spans="14:14">
      <c r="N632561" s="10"/>
    </row>
    <row r="632562" spans="14:14">
      <c r="N632562" s="10"/>
    </row>
    <row r="632563" spans="14:14">
      <c r="N632563" s="10"/>
    </row>
    <row r="632564" spans="14:14">
      <c r="N632564" s="10"/>
    </row>
    <row r="632565" spans="14:14">
      <c r="N632565" s="10"/>
    </row>
    <row r="632566" spans="14:14">
      <c r="N632566" s="10"/>
    </row>
    <row r="632567" spans="14:14">
      <c r="N632567" s="10"/>
    </row>
    <row r="632568" spans="14:14">
      <c r="N632568" s="10"/>
    </row>
    <row r="632569" spans="14:14">
      <c r="N632569" s="10"/>
    </row>
    <row r="632570" spans="14:14">
      <c r="N632570" s="10"/>
    </row>
    <row r="632571" spans="14:14">
      <c r="N632571" s="10"/>
    </row>
    <row r="632572" spans="14:14">
      <c r="N632572" s="10"/>
    </row>
    <row r="632573" spans="14:14">
      <c r="N632573" s="10"/>
    </row>
    <row r="632574" spans="14:14">
      <c r="N632574" s="10"/>
    </row>
    <row r="632575" spans="14:14">
      <c r="N632575" s="10"/>
    </row>
    <row r="632576" spans="14:14">
      <c r="N632576" s="10"/>
    </row>
    <row r="632577" spans="14:14">
      <c r="N632577" s="10"/>
    </row>
    <row r="632578" spans="14:14">
      <c r="N632578" s="10"/>
    </row>
    <row r="632579" spans="14:14">
      <c r="N632579" s="10"/>
    </row>
    <row r="632580" spans="14:14">
      <c r="N632580" s="10"/>
    </row>
    <row r="632581" spans="14:14">
      <c r="N632581" s="10"/>
    </row>
    <row r="632582" spans="14:14">
      <c r="N632582" s="10"/>
    </row>
    <row r="632583" spans="14:14">
      <c r="N632583" s="10"/>
    </row>
    <row r="632584" spans="14:14">
      <c r="N632584" s="10"/>
    </row>
    <row r="632585" spans="14:14">
      <c r="N632585" s="10"/>
    </row>
    <row r="632586" spans="14:14">
      <c r="N632586" s="10"/>
    </row>
    <row r="632587" spans="14:14">
      <c r="N632587" s="10"/>
    </row>
    <row r="632588" spans="14:14">
      <c r="N632588" s="10"/>
    </row>
    <row r="632589" spans="14:14">
      <c r="N632589" s="10"/>
    </row>
    <row r="632590" spans="14:14">
      <c r="N632590" s="10"/>
    </row>
    <row r="632591" spans="14:14">
      <c r="N632591" s="10"/>
    </row>
    <row r="632592" spans="14:14">
      <c r="N632592" s="10"/>
    </row>
    <row r="632593" spans="14:14">
      <c r="N632593" s="10"/>
    </row>
    <row r="632594" spans="14:14">
      <c r="N632594" s="10"/>
    </row>
    <row r="632595" spans="14:14">
      <c r="N632595" s="10"/>
    </row>
    <row r="632596" spans="14:14">
      <c r="N632596" s="10"/>
    </row>
    <row r="632597" spans="14:14">
      <c r="N632597" s="10"/>
    </row>
    <row r="632598" spans="14:14">
      <c r="N632598" s="10"/>
    </row>
    <row r="632599" spans="14:14">
      <c r="N632599" s="10"/>
    </row>
    <row r="632600" spans="14:14">
      <c r="N632600" s="10"/>
    </row>
    <row r="632601" spans="14:14">
      <c r="N632601" s="10"/>
    </row>
    <row r="632602" spans="14:14">
      <c r="N632602" s="10"/>
    </row>
    <row r="632603" spans="14:14">
      <c r="N632603" s="10"/>
    </row>
    <row r="632604" spans="14:14">
      <c r="N632604" s="10"/>
    </row>
    <row r="632605" spans="14:14">
      <c r="N632605" s="10"/>
    </row>
    <row r="632606" spans="14:14">
      <c r="N632606" s="10"/>
    </row>
    <row r="632607" spans="14:14">
      <c r="N632607" s="10"/>
    </row>
    <row r="632608" spans="14:14">
      <c r="N632608" s="10"/>
    </row>
    <row r="632609" spans="14:14">
      <c r="N632609" s="10"/>
    </row>
    <row r="632610" spans="14:14">
      <c r="N632610" s="10"/>
    </row>
    <row r="632611" spans="14:14">
      <c r="N632611" s="10"/>
    </row>
    <row r="632612" spans="14:14">
      <c r="N632612" s="10"/>
    </row>
    <row r="632613" spans="14:14">
      <c r="N632613" s="10"/>
    </row>
    <row r="632614" spans="14:14">
      <c r="N632614" s="10"/>
    </row>
    <row r="632615" spans="14:14">
      <c r="N632615" s="10"/>
    </row>
    <row r="632616" spans="14:14">
      <c r="N632616" s="10"/>
    </row>
    <row r="632617" spans="14:14">
      <c r="N632617" s="10"/>
    </row>
    <row r="632618" spans="14:14">
      <c r="N632618" s="10"/>
    </row>
    <row r="632619" spans="14:14">
      <c r="N632619" s="10"/>
    </row>
    <row r="632620" spans="14:14">
      <c r="N632620" s="10"/>
    </row>
    <row r="632621" spans="14:14">
      <c r="N632621" s="10"/>
    </row>
    <row r="632622" spans="14:14">
      <c r="N632622" s="10"/>
    </row>
    <row r="632623" spans="14:14">
      <c r="N632623" s="10"/>
    </row>
    <row r="632624" spans="14:14">
      <c r="N632624" s="10"/>
    </row>
    <row r="632625" spans="14:14">
      <c r="N632625" s="10"/>
    </row>
    <row r="632626" spans="14:14">
      <c r="N632626" s="10"/>
    </row>
    <row r="632627" spans="14:14">
      <c r="N632627" s="10"/>
    </row>
    <row r="632628" spans="14:14">
      <c r="N632628" s="10"/>
    </row>
    <row r="632629" spans="14:14">
      <c r="N632629" s="10"/>
    </row>
    <row r="632630" spans="14:14">
      <c r="N632630" s="10"/>
    </row>
    <row r="632631" spans="14:14">
      <c r="N632631" s="10"/>
    </row>
    <row r="632632" spans="14:14">
      <c r="N632632" s="10"/>
    </row>
    <row r="632633" spans="14:14">
      <c r="N632633" s="10"/>
    </row>
    <row r="632634" spans="14:14">
      <c r="N632634" s="10"/>
    </row>
    <row r="632635" spans="14:14">
      <c r="N632635" s="10"/>
    </row>
    <row r="632636" spans="14:14">
      <c r="N632636" s="10"/>
    </row>
    <row r="632637" spans="14:14">
      <c r="N632637" s="10"/>
    </row>
    <row r="632638" spans="14:14">
      <c r="N632638" s="10"/>
    </row>
    <row r="632639" spans="14:14">
      <c r="N632639" s="10"/>
    </row>
    <row r="632640" spans="14:14">
      <c r="N632640" s="10"/>
    </row>
    <row r="632641" spans="14:14">
      <c r="N632641" s="10"/>
    </row>
    <row r="632642" spans="14:14">
      <c r="N632642" s="10"/>
    </row>
    <row r="632643" spans="14:14">
      <c r="N632643" s="10"/>
    </row>
    <row r="632644" spans="14:14">
      <c r="N632644" s="10"/>
    </row>
    <row r="632645" spans="14:14">
      <c r="N632645" s="10"/>
    </row>
    <row r="632646" spans="14:14">
      <c r="N632646" s="10"/>
    </row>
    <row r="632647" spans="14:14">
      <c r="N632647" s="10"/>
    </row>
    <row r="632648" spans="14:14">
      <c r="N632648" s="10"/>
    </row>
    <row r="632649" spans="14:14">
      <c r="N632649" s="10"/>
    </row>
    <row r="632650" spans="14:14">
      <c r="N632650" s="10"/>
    </row>
    <row r="632651" spans="14:14">
      <c r="N632651" s="10"/>
    </row>
    <row r="632652" spans="14:14">
      <c r="N632652" s="10"/>
    </row>
    <row r="632653" spans="14:14">
      <c r="N632653" s="10"/>
    </row>
    <row r="632654" spans="14:14">
      <c r="N632654" s="10"/>
    </row>
    <row r="632655" spans="14:14">
      <c r="N632655" s="10"/>
    </row>
    <row r="632656" spans="14:14">
      <c r="N632656" s="10"/>
    </row>
    <row r="632657" spans="14:14">
      <c r="N632657" s="10"/>
    </row>
    <row r="632658" spans="14:14">
      <c r="N632658" s="10"/>
    </row>
    <row r="632659" spans="14:14">
      <c r="N632659" s="10"/>
    </row>
    <row r="632660" spans="14:14">
      <c r="N632660" s="10"/>
    </row>
    <row r="632661" spans="14:14">
      <c r="N632661" s="10"/>
    </row>
    <row r="632662" spans="14:14">
      <c r="N632662" s="10"/>
    </row>
    <row r="632663" spans="14:14">
      <c r="N632663" s="10"/>
    </row>
    <row r="632664" spans="14:14">
      <c r="N632664" s="10"/>
    </row>
    <row r="632665" spans="14:14">
      <c r="N632665" s="10"/>
    </row>
    <row r="632666" spans="14:14">
      <c r="N632666" s="10"/>
    </row>
    <row r="632667" spans="14:14">
      <c r="N632667" s="10"/>
    </row>
    <row r="632668" spans="14:14">
      <c r="N632668" s="10"/>
    </row>
    <row r="632669" spans="14:14">
      <c r="N632669" s="10"/>
    </row>
    <row r="632670" spans="14:14">
      <c r="N632670" s="10"/>
    </row>
    <row r="632671" spans="14:14">
      <c r="N632671" s="10"/>
    </row>
    <row r="632672" spans="14:14">
      <c r="N632672" s="10"/>
    </row>
    <row r="632673" spans="14:14">
      <c r="N632673" s="10"/>
    </row>
    <row r="632674" spans="14:14">
      <c r="N632674" s="10"/>
    </row>
    <row r="632675" spans="14:14">
      <c r="N632675" s="10"/>
    </row>
    <row r="632676" spans="14:14">
      <c r="N632676" s="10"/>
    </row>
    <row r="632677" spans="14:14">
      <c r="N632677" s="10"/>
    </row>
    <row r="632678" spans="14:14">
      <c r="N632678" s="10"/>
    </row>
    <row r="632679" spans="14:14">
      <c r="N632679" s="10"/>
    </row>
    <row r="632680" spans="14:14">
      <c r="N632680" s="10"/>
    </row>
    <row r="632681" spans="14:14">
      <c r="N632681" s="10"/>
    </row>
    <row r="632682" spans="14:14">
      <c r="N632682" s="10"/>
    </row>
    <row r="632683" spans="14:14">
      <c r="N632683" s="10"/>
    </row>
    <row r="632684" spans="14:14">
      <c r="N632684" s="10"/>
    </row>
    <row r="632685" spans="14:14">
      <c r="N632685" s="10"/>
    </row>
    <row r="632686" spans="14:14">
      <c r="N632686" s="10"/>
    </row>
    <row r="632687" spans="14:14">
      <c r="N632687" s="10"/>
    </row>
    <row r="632688" spans="14:14">
      <c r="N632688" s="10"/>
    </row>
    <row r="632689" spans="14:14">
      <c r="N632689" s="10"/>
    </row>
    <row r="632690" spans="14:14">
      <c r="N632690" s="10"/>
    </row>
    <row r="632691" spans="14:14">
      <c r="N632691" s="10"/>
    </row>
    <row r="632692" spans="14:14">
      <c r="N632692" s="10"/>
    </row>
    <row r="632693" spans="14:14">
      <c r="N632693" s="10"/>
    </row>
    <row r="632694" spans="14:14">
      <c r="N632694" s="10"/>
    </row>
    <row r="632695" spans="14:14">
      <c r="N632695" s="10"/>
    </row>
    <row r="632696" spans="14:14">
      <c r="N632696" s="10"/>
    </row>
    <row r="632697" spans="14:14">
      <c r="N632697" s="10"/>
    </row>
    <row r="632698" spans="14:14">
      <c r="N632698" s="10"/>
    </row>
    <row r="632699" spans="14:14">
      <c r="N632699" s="10"/>
    </row>
    <row r="632700" spans="14:14">
      <c r="N632700" s="10"/>
    </row>
    <row r="632701" spans="14:14">
      <c r="N632701" s="10"/>
    </row>
    <row r="632702" spans="14:14">
      <c r="N632702" s="10"/>
    </row>
    <row r="632703" spans="14:14">
      <c r="N632703" s="10"/>
    </row>
    <row r="632704" spans="14:14">
      <c r="N632704" s="10"/>
    </row>
    <row r="632705" spans="14:14">
      <c r="N632705" s="10"/>
    </row>
    <row r="632706" spans="14:14">
      <c r="N632706" s="10"/>
    </row>
    <row r="632707" spans="14:14">
      <c r="N632707" s="10"/>
    </row>
    <row r="632708" spans="14:14">
      <c r="N632708" s="10"/>
    </row>
    <row r="632709" spans="14:14">
      <c r="N632709" s="10"/>
    </row>
    <row r="632710" spans="14:14">
      <c r="N632710" s="10"/>
    </row>
    <row r="632711" spans="14:14">
      <c r="N632711" s="10"/>
    </row>
    <row r="632712" spans="14:14">
      <c r="N632712" s="10"/>
    </row>
    <row r="632713" spans="14:14">
      <c r="N632713" s="10"/>
    </row>
    <row r="632714" spans="14:14">
      <c r="N632714" s="10"/>
    </row>
    <row r="632715" spans="14:14">
      <c r="N632715" s="10"/>
    </row>
    <row r="632716" spans="14:14">
      <c r="N632716" s="10"/>
    </row>
    <row r="632717" spans="14:14">
      <c r="N632717" s="10"/>
    </row>
    <row r="632718" spans="14:14">
      <c r="N632718" s="10"/>
    </row>
    <row r="632719" spans="14:14">
      <c r="N632719" s="10"/>
    </row>
    <row r="632720" spans="14:14">
      <c r="N632720" s="10"/>
    </row>
    <row r="632721" spans="14:14">
      <c r="N632721" s="10"/>
    </row>
    <row r="632722" spans="14:14">
      <c r="N632722" s="10"/>
    </row>
    <row r="632723" spans="14:14">
      <c r="N632723" s="10"/>
    </row>
    <row r="632724" spans="14:14">
      <c r="N632724" s="10"/>
    </row>
    <row r="632725" spans="14:14">
      <c r="N632725" s="10"/>
    </row>
    <row r="632726" spans="14:14">
      <c r="N632726" s="10"/>
    </row>
    <row r="632727" spans="14:14">
      <c r="N632727" s="10"/>
    </row>
    <row r="632728" spans="14:14">
      <c r="N632728" s="10"/>
    </row>
    <row r="632729" spans="14:14">
      <c r="N632729" s="10"/>
    </row>
    <row r="632730" spans="14:14">
      <c r="N632730" s="10"/>
    </row>
    <row r="632731" spans="14:14">
      <c r="N632731" s="10"/>
    </row>
    <row r="632732" spans="14:14">
      <c r="N632732" s="10"/>
    </row>
    <row r="632733" spans="14:14">
      <c r="N632733" s="10"/>
    </row>
    <row r="632734" spans="14:14">
      <c r="N632734" s="10"/>
    </row>
    <row r="632735" spans="14:14">
      <c r="N632735" s="10"/>
    </row>
    <row r="632736" spans="14:14">
      <c r="N632736" s="10"/>
    </row>
    <row r="632737" spans="14:14">
      <c r="N632737" s="10"/>
    </row>
    <row r="632738" spans="14:14">
      <c r="N632738" s="10"/>
    </row>
    <row r="632739" spans="14:14">
      <c r="N632739" s="10"/>
    </row>
    <row r="632740" spans="14:14">
      <c r="N632740" s="10"/>
    </row>
    <row r="632741" spans="14:14">
      <c r="N632741" s="10"/>
    </row>
    <row r="632742" spans="14:14">
      <c r="N632742" s="10"/>
    </row>
    <row r="632743" spans="14:14">
      <c r="N632743" s="10"/>
    </row>
    <row r="632744" spans="14:14">
      <c r="N632744" s="10"/>
    </row>
    <row r="632745" spans="14:14">
      <c r="N632745" s="10"/>
    </row>
    <row r="632746" spans="14:14">
      <c r="N632746" s="10"/>
    </row>
    <row r="632747" spans="14:14">
      <c r="N632747" s="10"/>
    </row>
    <row r="632748" spans="14:14">
      <c r="N632748" s="10"/>
    </row>
    <row r="632749" spans="14:14">
      <c r="N632749" s="10"/>
    </row>
    <row r="632750" spans="14:14">
      <c r="N632750" s="10"/>
    </row>
    <row r="632751" spans="14:14">
      <c r="N632751" s="10"/>
    </row>
    <row r="632752" spans="14:14">
      <c r="N632752" s="10"/>
    </row>
    <row r="632753" spans="14:14">
      <c r="N632753" s="10"/>
    </row>
    <row r="632754" spans="14:14">
      <c r="N632754" s="10"/>
    </row>
    <row r="632755" spans="14:14">
      <c r="N632755" s="10"/>
    </row>
    <row r="632756" spans="14:14">
      <c r="N632756" s="10"/>
    </row>
    <row r="632757" spans="14:14">
      <c r="N632757" s="10"/>
    </row>
    <row r="632758" spans="14:14">
      <c r="N632758" s="10"/>
    </row>
    <row r="632759" spans="14:14">
      <c r="N632759" s="10"/>
    </row>
    <row r="632760" spans="14:14">
      <c r="N632760" s="10"/>
    </row>
    <row r="632761" spans="14:14">
      <c r="N632761" s="10"/>
    </row>
    <row r="632762" spans="14:14">
      <c r="N632762" s="10"/>
    </row>
    <row r="632763" spans="14:14">
      <c r="N632763" s="10"/>
    </row>
    <row r="632764" spans="14:14">
      <c r="N632764" s="10"/>
    </row>
    <row r="632765" spans="14:14">
      <c r="N632765" s="10"/>
    </row>
    <row r="632766" spans="14:14">
      <c r="N632766" s="10"/>
    </row>
    <row r="632767" spans="14:14">
      <c r="N632767" s="10"/>
    </row>
    <row r="632768" spans="14:14">
      <c r="N632768" s="10"/>
    </row>
    <row r="632769" spans="14:14">
      <c r="N632769" s="10"/>
    </row>
    <row r="632770" spans="14:14">
      <c r="N632770" s="10"/>
    </row>
    <row r="632771" spans="14:14">
      <c r="N632771" s="10"/>
    </row>
    <row r="632772" spans="14:14">
      <c r="N632772" s="10"/>
    </row>
    <row r="632773" spans="14:14">
      <c r="N632773" s="10"/>
    </row>
    <row r="632774" spans="14:14">
      <c r="N632774" s="10"/>
    </row>
    <row r="632775" spans="14:14">
      <c r="N632775" s="10"/>
    </row>
    <row r="632776" spans="14:14">
      <c r="N632776" s="10"/>
    </row>
    <row r="632777" spans="14:14">
      <c r="N632777" s="10"/>
    </row>
    <row r="632778" spans="14:14">
      <c r="N632778" s="10"/>
    </row>
    <row r="632779" spans="14:14">
      <c r="N632779" s="10"/>
    </row>
    <row r="632780" spans="14:14">
      <c r="N632780" s="10"/>
    </row>
    <row r="632781" spans="14:14">
      <c r="N632781" s="10"/>
    </row>
    <row r="632782" spans="14:14">
      <c r="N632782" s="10"/>
    </row>
    <row r="632783" spans="14:14">
      <c r="N632783" s="10"/>
    </row>
    <row r="632784" spans="14:14">
      <c r="N632784" s="10"/>
    </row>
    <row r="632785" spans="14:14">
      <c r="N632785" s="10"/>
    </row>
    <row r="632786" spans="14:14">
      <c r="N632786" s="10"/>
    </row>
    <row r="632787" spans="14:14">
      <c r="N632787" s="10"/>
    </row>
    <row r="632788" spans="14:14">
      <c r="N632788" s="10"/>
    </row>
    <row r="632789" spans="14:14">
      <c r="N632789" s="10"/>
    </row>
    <row r="632790" spans="14:14">
      <c r="N632790" s="10"/>
    </row>
    <row r="632791" spans="14:14">
      <c r="N632791" s="10"/>
    </row>
    <row r="632792" spans="14:14">
      <c r="N632792" s="10"/>
    </row>
    <row r="632793" spans="14:14">
      <c r="N632793" s="10"/>
    </row>
    <row r="632794" spans="14:14">
      <c r="N632794" s="10"/>
    </row>
    <row r="632795" spans="14:14">
      <c r="N632795" s="10"/>
    </row>
    <row r="632796" spans="14:14">
      <c r="N632796" s="10"/>
    </row>
    <row r="632797" spans="14:14">
      <c r="N632797" s="10"/>
    </row>
    <row r="632798" spans="14:14">
      <c r="N632798" s="10"/>
    </row>
    <row r="632799" spans="14:14">
      <c r="N632799" s="10"/>
    </row>
    <row r="632800" spans="14:14">
      <c r="N632800" s="10"/>
    </row>
    <row r="632801" spans="14:14">
      <c r="N632801" s="10"/>
    </row>
    <row r="632802" spans="14:14">
      <c r="N632802" s="10"/>
    </row>
    <row r="632803" spans="14:14">
      <c r="N632803" s="10"/>
    </row>
    <row r="632804" spans="14:14">
      <c r="N632804" s="10"/>
    </row>
    <row r="632805" spans="14:14">
      <c r="N632805" s="10"/>
    </row>
    <row r="632806" spans="14:14">
      <c r="N632806" s="10"/>
    </row>
    <row r="632807" spans="14:14">
      <c r="N632807" s="10"/>
    </row>
    <row r="632808" spans="14:14">
      <c r="N632808" s="10"/>
    </row>
    <row r="632809" spans="14:14">
      <c r="N632809" s="10"/>
    </row>
    <row r="632810" spans="14:14">
      <c r="N632810" s="10"/>
    </row>
    <row r="632811" spans="14:14">
      <c r="N632811" s="10"/>
    </row>
    <row r="632812" spans="14:14">
      <c r="N632812" s="10"/>
    </row>
    <row r="632813" spans="14:14">
      <c r="N632813" s="10"/>
    </row>
    <row r="632814" spans="14:14">
      <c r="N632814" s="10"/>
    </row>
    <row r="632815" spans="14:14">
      <c r="N632815" s="10"/>
    </row>
    <row r="632816" spans="14:14">
      <c r="N632816" s="10"/>
    </row>
    <row r="632817" spans="14:14">
      <c r="N632817" s="10"/>
    </row>
    <row r="632818" spans="14:14">
      <c r="N632818" s="10"/>
    </row>
    <row r="632819" spans="14:14">
      <c r="N632819" s="10"/>
    </row>
    <row r="632820" spans="14:14">
      <c r="N632820" s="10"/>
    </row>
    <row r="632821" spans="14:14">
      <c r="N632821" s="10"/>
    </row>
    <row r="632822" spans="14:14">
      <c r="N632822" s="10"/>
    </row>
    <row r="632823" spans="14:14">
      <c r="N632823" s="10"/>
    </row>
    <row r="632824" spans="14:14">
      <c r="N632824" s="10"/>
    </row>
    <row r="632825" spans="14:14">
      <c r="N632825" s="10"/>
    </row>
    <row r="632826" spans="14:14">
      <c r="N632826" s="10"/>
    </row>
    <row r="632827" spans="14:14">
      <c r="N632827" s="10"/>
    </row>
    <row r="632828" spans="14:14">
      <c r="N632828" s="10"/>
    </row>
    <row r="632829" spans="14:14">
      <c r="N632829" s="10"/>
    </row>
    <row r="632830" spans="14:14">
      <c r="N632830" s="10"/>
    </row>
    <row r="632831" spans="14:14">
      <c r="N632831" s="10"/>
    </row>
    <row r="632832" spans="14:14">
      <c r="N632832" s="10"/>
    </row>
    <row r="632833" spans="14:14">
      <c r="N632833" s="10"/>
    </row>
    <row r="632834" spans="14:14">
      <c r="N632834" s="10"/>
    </row>
    <row r="632835" spans="14:14">
      <c r="N632835" s="10"/>
    </row>
    <row r="632836" spans="14:14">
      <c r="N632836" s="10"/>
    </row>
    <row r="632837" spans="14:14">
      <c r="N632837" s="10"/>
    </row>
    <row r="632838" spans="14:14">
      <c r="N632838" s="10"/>
    </row>
    <row r="632839" spans="14:14">
      <c r="N632839" s="10"/>
    </row>
    <row r="632840" spans="14:14">
      <c r="N632840" s="10"/>
    </row>
    <row r="632841" spans="14:14">
      <c r="N632841" s="10"/>
    </row>
    <row r="632842" spans="14:14">
      <c r="N632842" s="10"/>
    </row>
    <row r="632843" spans="14:14">
      <c r="N632843" s="10"/>
    </row>
    <row r="632844" spans="14:14">
      <c r="N632844" s="10"/>
    </row>
    <row r="632845" spans="14:14">
      <c r="N632845" s="10"/>
    </row>
    <row r="632846" spans="14:14">
      <c r="N632846" s="10"/>
    </row>
    <row r="632847" spans="14:14">
      <c r="N632847" s="10"/>
    </row>
    <row r="632848" spans="14:14">
      <c r="N632848" s="10"/>
    </row>
    <row r="632849" spans="14:14">
      <c r="N632849" s="10"/>
    </row>
    <row r="632850" spans="14:14">
      <c r="N632850" s="10"/>
    </row>
    <row r="632851" spans="14:14">
      <c r="N632851" s="10"/>
    </row>
    <row r="632852" spans="14:14">
      <c r="N632852" s="10"/>
    </row>
    <row r="632853" spans="14:14">
      <c r="N632853" s="10"/>
    </row>
    <row r="632854" spans="14:14">
      <c r="N632854" s="10"/>
    </row>
    <row r="632855" spans="14:14">
      <c r="N632855" s="10"/>
    </row>
    <row r="632856" spans="14:14">
      <c r="N632856" s="10"/>
    </row>
    <row r="632857" spans="14:14">
      <c r="N632857" s="10"/>
    </row>
    <row r="632858" spans="14:14">
      <c r="N632858" s="10"/>
    </row>
    <row r="632859" spans="14:14">
      <c r="N632859" s="10"/>
    </row>
    <row r="632860" spans="14:14">
      <c r="N632860" s="10"/>
    </row>
    <row r="632861" spans="14:14">
      <c r="N632861" s="10"/>
    </row>
    <row r="632862" spans="14:14">
      <c r="N632862" s="10"/>
    </row>
    <row r="632863" spans="14:14">
      <c r="N632863" s="10"/>
    </row>
    <row r="632864" spans="14:14">
      <c r="N632864" s="10"/>
    </row>
    <row r="632865" spans="14:14">
      <c r="N632865" s="10"/>
    </row>
    <row r="632866" spans="14:14">
      <c r="N632866" s="10"/>
    </row>
    <row r="632867" spans="14:14">
      <c r="N632867" s="10"/>
    </row>
    <row r="632868" spans="14:14">
      <c r="N632868" s="10"/>
    </row>
    <row r="632869" spans="14:14">
      <c r="N632869" s="10"/>
    </row>
    <row r="632870" spans="14:14">
      <c r="N632870" s="10"/>
    </row>
    <row r="632871" spans="14:14">
      <c r="N632871" s="10"/>
    </row>
    <row r="632872" spans="14:14">
      <c r="N632872" s="10"/>
    </row>
    <row r="632873" spans="14:14">
      <c r="N632873" s="10"/>
    </row>
    <row r="632874" spans="14:14">
      <c r="N632874" s="10"/>
    </row>
    <row r="632875" spans="14:14">
      <c r="N632875" s="10"/>
    </row>
    <row r="632876" spans="14:14">
      <c r="N632876" s="10"/>
    </row>
    <row r="632877" spans="14:14">
      <c r="N632877" s="10"/>
    </row>
    <row r="632878" spans="14:14">
      <c r="N632878" s="10"/>
    </row>
    <row r="632879" spans="14:14">
      <c r="N632879" s="10"/>
    </row>
    <row r="632880" spans="14:14">
      <c r="N632880" s="10"/>
    </row>
    <row r="632881" spans="14:14">
      <c r="N632881" s="10"/>
    </row>
    <row r="632882" spans="14:14">
      <c r="N632882" s="10"/>
    </row>
    <row r="632883" spans="14:14">
      <c r="N632883" s="10"/>
    </row>
    <row r="632884" spans="14:14">
      <c r="N632884" s="10"/>
    </row>
    <row r="632885" spans="14:14">
      <c r="N632885" s="10"/>
    </row>
    <row r="632886" spans="14:14">
      <c r="N632886" s="10"/>
    </row>
    <row r="632887" spans="14:14">
      <c r="N632887" s="10"/>
    </row>
    <row r="632888" spans="14:14">
      <c r="N632888" s="10"/>
    </row>
    <row r="632889" spans="14:14">
      <c r="N632889" s="10"/>
    </row>
    <row r="632890" spans="14:14">
      <c r="N632890" s="10"/>
    </row>
    <row r="632891" spans="14:14">
      <c r="N632891" s="10"/>
    </row>
    <row r="632892" spans="14:14">
      <c r="N632892" s="10"/>
    </row>
    <row r="632893" spans="14:14">
      <c r="N632893" s="10"/>
    </row>
    <row r="632894" spans="14:14">
      <c r="N632894" s="10"/>
    </row>
    <row r="632895" spans="14:14">
      <c r="N632895" s="10"/>
    </row>
    <row r="632896" spans="14:14">
      <c r="N632896" s="10"/>
    </row>
    <row r="632897" spans="14:14">
      <c r="N632897" s="10"/>
    </row>
    <row r="632898" spans="14:14">
      <c r="N632898" s="10"/>
    </row>
    <row r="632899" spans="14:14">
      <c r="N632899" s="10"/>
    </row>
    <row r="632900" spans="14:14">
      <c r="N632900" s="10"/>
    </row>
    <row r="632901" spans="14:14">
      <c r="N632901" s="10"/>
    </row>
    <row r="632902" spans="14:14">
      <c r="N632902" s="10"/>
    </row>
    <row r="632903" spans="14:14">
      <c r="N632903" s="10"/>
    </row>
    <row r="632904" spans="14:14">
      <c r="N632904" s="10"/>
    </row>
    <row r="632905" spans="14:14">
      <c r="N632905" s="10"/>
    </row>
    <row r="632906" spans="14:14">
      <c r="N632906" s="10"/>
    </row>
    <row r="632907" spans="14:14">
      <c r="N632907" s="10"/>
    </row>
    <row r="632908" spans="14:14">
      <c r="N632908" s="10"/>
    </row>
    <row r="632909" spans="14:14">
      <c r="N632909" s="10"/>
    </row>
    <row r="632910" spans="14:14">
      <c r="N632910" s="10"/>
    </row>
    <row r="632911" spans="14:14">
      <c r="N632911" s="10"/>
    </row>
    <row r="632912" spans="14:14">
      <c r="N632912" s="10"/>
    </row>
    <row r="632913" spans="14:14">
      <c r="N632913" s="10"/>
    </row>
    <row r="632914" spans="14:14">
      <c r="N632914" s="10"/>
    </row>
    <row r="632915" spans="14:14">
      <c r="N632915" s="10"/>
    </row>
    <row r="632916" spans="14:14">
      <c r="N632916" s="10"/>
    </row>
    <row r="632917" spans="14:14">
      <c r="N632917" s="10"/>
    </row>
    <row r="632918" spans="14:14">
      <c r="N632918" s="10"/>
    </row>
    <row r="632919" spans="14:14">
      <c r="N632919" s="10"/>
    </row>
    <row r="632920" spans="14:14">
      <c r="N632920" s="10"/>
    </row>
    <row r="632921" spans="14:14">
      <c r="N632921" s="10"/>
    </row>
    <row r="632922" spans="14:14">
      <c r="N632922" s="10"/>
    </row>
    <row r="632923" spans="14:14">
      <c r="N632923" s="10"/>
    </row>
    <row r="632924" spans="14:14">
      <c r="N632924" s="10"/>
    </row>
    <row r="632925" spans="14:14">
      <c r="N632925" s="10"/>
    </row>
    <row r="632926" spans="14:14">
      <c r="N632926" s="10"/>
    </row>
    <row r="632927" spans="14:14">
      <c r="N632927" s="10"/>
    </row>
    <row r="632928" spans="14:14">
      <c r="N632928" s="10"/>
    </row>
    <row r="632929" spans="14:14">
      <c r="N632929" s="10"/>
    </row>
    <row r="632930" spans="14:14">
      <c r="N632930" s="10"/>
    </row>
    <row r="632931" spans="14:14">
      <c r="N632931" s="10"/>
    </row>
    <row r="632932" spans="14:14">
      <c r="N632932" s="10"/>
    </row>
    <row r="632933" spans="14:14">
      <c r="N632933" s="10"/>
    </row>
    <row r="632934" spans="14:14">
      <c r="N632934" s="10"/>
    </row>
    <row r="632935" spans="14:14">
      <c r="N632935" s="10"/>
    </row>
    <row r="632936" spans="14:14">
      <c r="N632936" s="10"/>
    </row>
    <row r="632937" spans="14:14">
      <c r="N632937" s="10"/>
    </row>
    <row r="632938" spans="14:14">
      <c r="N632938" s="10"/>
    </row>
    <row r="632939" spans="14:14">
      <c r="N632939" s="10"/>
    </row>
    <row r="632940" spans="14:14">
      <c r="N632940" s="10"/>
    </row>
    <row r="632941" spans="14:14">
      <c r="N632941" s="10"/>
    </row>
    <row r="632942" spans="14:14">
      <c r="N632942" s="10"/>
    </row>
    <row r="632943" spans="14:14">
      <c r="N632943" s="10"/>
    </row>
    <row r="632944" spans="14:14">
      <c r="N632944" s="10"/>
    </row>
    <row r="632945" spans="14:14">
      <c r="N632945" s="10"/>
    </row>
    <row r="632946" spans="14:14">
      <c r="N632946" s="10"/>
    </row>
    <row r="632947" spans="14:14">
      <c r="N632947" s="10"/>
    </row>
    <row r="632948" spans="14:14">
      <c r="N632948" s="10"/>
    </row>
    <row r="632949" spans="14:14">
      <c r="N632949" s="10"/>
    </row>
    <row r="632950" spans="14:14">
      <c r="N632950" s="10"/>
    </row>
    <row r="632951" spans="14:14">
      <c r="N632951" s="10"/>
    </row>
    <row r="632952" spans="14:14">
      <c r="N632952" s="10"/>
    </row>
    <row r="632953" spans="14:14">
      <c r="N632953" s="10"/>
    </row>
    <row r="632954" spans="14:14">
      <c r="N632954" s="10"/>
    </row>
    <row r="632955" spans="14:14">
      <c r="N632955" s="10"/>
    </row>
    <row r="632956" spans="14:14">
      <c r="N632956" s="10"/>
    </row>
    <row r="632957" spans="14:14">
      <c r="N632957" s="10"/>
    </row>
    <row r="632958" spans="14:14">
      <c r="N632958" s="10"/>
    </row>
    <row r="632959" spans="14:14">
      <c r="N632959" s="10"/>
    </row>
    <row r="632960" spans="14:14">
      <c r="N632960" s="10"/>
    </row>
    <row r="632961" spans="14:14">
      <c r="N632961" s="10"/>
    </row>
    <row r="632962" spans="14:14">
      <c r="N632962" s="10"/>
    </row>
    <row r="632963" spans="14:14">
      <c r="N632963" s="10"/>
    </row>
    <row r="632964" spans="14:14">
      <c r="N632964" s="10"/>
    </row>
    <row r="632965" spans="14:14">
      <c r="N632965" s="10"/>
    </row>
    <row r="632966" spans="14:14">
      <c r="N632966" s="10"/>
    </row>
    <row r="632967" spans="14:14">
      <c r="N632967" s="10"/>
    </row>
    <row r="632968" spans="14:14">
      <c r="N632968" s="10"/>
    </row>
    <row r="632969" spans="14:14">
      <c r="N632969" s="10"/>
    </row>
    <row r="632970" spans="14:14">
      <c r="N632970" s="10"/>
    </row>
    <row r="632971" spans="14:14">
      <c r="N632971" s="10"/>
    </row>
    <row r="632972" spans="14:14">
      <c r="N632972" s="10"/>
    </row>
    <row r="632973" spans="14:14">
      <c r="N632973" s="10"/>
    </row>
    <row r="632974" spans="14:14">
      <c r="N632974" s="10"/>
    </row>
    <row r="632975" spans="14:14">
      <c r="N632975" s="10"/>
    </row>
    <row r="632976" spans="14:14">
      <c r="N632976" s="10"/>
    </row>
    <row r="632977" spans="14:14">
      <c r="N632977" s="10"/>
    </row>
    <row r="632978" spans="14:14">
      <c r="N632978" s="10"/>
    </row>
    <row r="632979" spans="14:14">
      <c r="N632979" s="10"/>
    </row>
    <row r="632980" spans="14:14">
      <c r="N632980" s="10"/>
    </row>
    <row r="632981" spans="14:14">
      <c r="N632981" s="10"/>
    </row>
    <row r="632982" spans="14:14">
      <c r="N632982" s="10"/>
    </row>
    <row r="632983" spans="14:14">
      <c r="N632983" s="10"/>
    </row>
    <row r="632984" spans="14:14">
      <c r="N632984" s="10"/>
    </row>
    <row r="632985" spans="14:14">
      <c r="N632985" s="10"/>
    </row>
    <row r="632986" spans="14:14">
      <c r="N632986" s="10"/>
    </row>
    <row r="632987" spans="14:14">
      <c r="N632987" s="10"/>
    </row>
    <row r="632988" spans="14:14">
      <c r="N632988" s="10"/>
    </row>
    <row r="632989" spans="14:14">
      <c r="N632989" s="10"/>
    </row>
    <row r="632990" spans="14:14">
      <c r="N632990" s="10"/>
    </row>
    <row r="632991" spans="14:14">
      <c r="N632991" s="10"/>
    </row>
    <row r="632992" spans="14:14">
      <c r="N632992" s="10"/>
    </row>
    <row r="632993" spans="14:14">
      <c r="N632993" s="10"/>
    </row>
    <row r="632994" spans="14:14">
      <c r="N632994" s="10"/>
    </row>
    <row r="632995" spans="14:14">
      <c r="N632995" s="10"/>
    </row>
    <row r="632996" spans="14:14">
      <c r="N632996" s="10"/>
    </row>
    <row r="632997" spans="14:14">
      <c r="N632997" s="10"/>
    </row>
    <row r="632998" spans="14:14">
      <c r="N632998" s="10"/>
    </row>
    <row r="632999" spans="14:14">
      <c r="N632999" s="10"/>
    </row>
    <row r="633000" spans="14:14">
      <c r="N633000" s="10"/>
    </row>
    <row r="633001" spans="14:14">
      <c r="N633001" s="10"/>
    </row>
    <row r="633002" spans="14:14">
      <c r="N633002" s="10"/>
    </row>
    <row r="633003" spans="14:14">
      <c r="N633003" s="10"/>
    </row>
    <row r="633004" spans="14:14">
      <c r="N633004" s="10"/>
    </row>
    <row r="633005" spans="14:14">
      <c r="N633005" s="10"/>
    </row>
    <row r="633006" spans="14:14">
      <c r="N633006" s="10"/>
    </row>
    <row r="633007" spans="14:14">
      <c r="N633007" s="10"/>
    </row>
    <row r="633008" spans="14:14">
      <c r="N633008" s="10"/>
    </row>
    <row r="633009" spans="14:14">
      <c r="N633009" s="10"/>
    </row>
    <row r="633010" spans="14:14">
      <c r="N633010" s="10"/>
    </row>
    <row r="633011" spans="14:14">
      <c r="N633011" s="10"/>
    </row>
    <row r="633012" spans="14:14">
      <c r="N633012" s="10"/>
    </row>
    <row r="633013" spans="14:14">
      <c r="N633013" s="10"/>
    </row>
    <row r="633014" spans="14:14">
      <c r="N633014" s="10"/>
    </row>
    <row r="633015" spans="14:14">
      <c r="N633015" s="10"/>
    </row>
    <row r="633016" spans="14:14">
      <c r="N633016" s="10"/>
    </row>
    <row r="633017" spans="14:14">
      <c r="N633017" s="10"/>
    </row>
    <row r="633018" spans="14:14">
      <c r="N633018" s="10"/>
    </row>
    <row r="633019" spans="14:14">
      <c r="N633019" s="10"/>
    </row>
    <row r="633020" spans="14:14">
      <c r="N633020" s="10"/>
    </row>
    <row r="633021" spans="14:14">
      <c r="N633021" s="10"/>
    </row>
    <row r="633022" spans="14:14">
      <c r="N633022" s="10"/>
    </row>
    <row r="633023" spans="14:14">
      <c r="N633023" s="10"/>
    </row>
    <row r="633024" spans="14:14">
      <c r="N633024" s="10"/>
    </row>
    <row r="633025" spans="14:14">
      <c r="N633025" s="10"/>
    </row>
    <row r="633026" spans="14:14">
      <c r="N633026" s="10"/>
    </row>
    <row r="633027" spans="14:14">
      <c r="N633027" s="10"/>
    </row>
    <row r="633028" spans="14:14">
      <c r="N633028" s="10"/>
    </row>
    <row r="633029" spans="14:14">
      <c r="N633029" s="10"/>
    </row>
    <row r="633030" spans="14:14">
      <c r="N633030" s="10"/>
    </row>
    <row r="633031" spans="14:14">
      <c r="N633031" s="10"/>
    </row>
    <row r="633032" spans="14:14">
      <c r="N633032" s="10"/>
    </row>
    <row r="633033" spans="14:14">
      <c r="N633033" s="10"/>
    </row>
    <row r="633034" spans="14:14">
      <c r="N633034" s="10"/>
    </row>
    <row r="633035" spans="14:14">
      <c r="N633035" s="10"/>
    </row>
    <row r="633036" spans="14:14">
      <c r="N633036" s="10"/>
    </row>
    <row r="633037" spans="14:14">
      <c r="N633037" s="10"/>
    </row>
    <row r="633038" spans="14:14">
      <c r="N633038" s="10"/>
    </row>
    <row r="633039" spans="14:14">
      <c r="N633039" s="10"/>
    </row>
    <row r="633040" spans="14:14">
      <c r="N633040" s="10"/>
    </row>
    <row r="633041" spans="14:14">
      <c r="N633041" s="10"/>
    </row>
    <row r="633042" spans="14:14">
      <c r="N633042" s="10"/>
    </row>
    <row r="633043" spans="14:14">
      <c r="N633043" s="10"/>
    </row>
    <row r="633044" spans="14:14">
      <c r="N633044" s="10"/>
    </row>
    <row r="633045" spans="14:14">
      <c r="N633045" s="10"/>
    </row>
    <row r="633046" spans="14:14">
      <c r="N633046" s="10"/>
    </row>
    <row r="633047" spans="14:14">
      <c r="N633047" s="10"/>
    </row>
    <row r="633048" spans="14:14">
      <c r="N633048" s="10"/>
    </row>
    <row r="633049" spans="14:14">
      <c r="N633049" s="10"/>
    </row>
    <row r="633050" spans="14:14">
      <c r="N633050" s="10"/>
    </row>
    <row r="633051" spans="14:14">
      <c r="N633051" s="10"/>
    </row>
    <row r="633052" spans="14:14">
      <c r="N633052" s="10"/>
    </row>
    <row r="633053" spans="14:14">
      <c r="N633053" s="10"/>
    </row>
    <row r="633054" spans="14:14">
      <c r="N633054" s="10"/>
    </row>
    <row r="633055" spans="14:14">
      <c r="N633055" s="10"/>
    </row>
    <row r="633056" spans="14:14">
      <c r="N633056" s="10"/>
    </row>
    <row r="633057" spans="14:14">
      <c r="N633057" s="10"/>
    </row>
    <row r="633058" spans="14:14">
      <c r="N633058" s="10"/>
    </row>
    <row r="633059" spans="14:14">
      <c r="N633059" s="10"/>
    </row>
    <row r="633060" spans="14:14">
      <c r="N633060" s="10"/>
    </row>
    <row r="633061" spans="14:14">
      <c r="N633061" s="10"/>
    </row>
    <row r="633062" spans="14:14">
      <c r="N633062" s="10"/>
    </row>
    <row r="633063" spans="14:14">
      <c r="N633063" s="10"/>
    </row>
    <row r="633064" spans="14:14">
      <c r="N633064" s="10"/>
    </row>
    <row r="633065" spans="14:14">
      <c r="N633065" s="10"/>
    </row>
    <row r="633066" spans="14:14">
      <c r="N633066" s="10"/>
    </row>
    <row r="633067" spans="14:14">
      <c r="N633067" s="10"/>
    </row>
    <row r="633068" spans="14:14">
      <c r="N633068" s="10"/>
    </row>
    <row r="633069" spans="14:14">
      <c r="N633069" s="10"/>
    </row>
    <row r="633070" spans="14:14">
      <c r="N633070" s="10"/>
    </row>
    <row r="633071" spans="14:14">
      <c r="N633071" s="10"/>
    </row>
    <row r="633072" spans="14:14">
      <c r="N633072" s="10"/>
    </row>
    <row r="633073" spans="14:14">
      <c r="N633073" s="10"/>
    </row>
    <row r="633074" spans="14:14">
      <c r="N633074" s="10"/>
    </row>
    <row r="633075" spans="14:14">
      <c r="N633075" s="10"/>
    </row>
    <row r="633076" spans="14:14">
      <c r="N633076" s="10"/>
    </row>
    <row r="633077" spans="14:14">
      <c r="N633077" s="10"/>
    </row>
    <row r="633078" spans="14:14">
      <c r="N633078" s="10"/>
    </row>
    <row r="633079" spans="14:14">
      <c r="N633079" s="10"/>
    </row>
    <row r="633080" spans="14:14">
      <c r="N633080" s="10"/>
    </row>
    <row r="633081" spans="14:14">
      <c r="N633081" s="10"/>
    </row>
    <row r="633082" spans="14:14">
      <c r="N633082" s="10"/>
    </row>
    <row r="633083" spans="14:14">
      <c r="N633083" s="10"/>
    </row>
    <row r="633084" spans="14:14">
      <c r="N633084" s="10"/>
    </row>
    <row r="633085" spans="14:14">
      <c r="N633085" s="10"/>
    </row>
    <row r="633086" spans="14:14">
      <c r="N633086" s="10"/>
    </row>
    <row r="633087" spans="14:14">
      <c r="N633087" s="10"/>
    </row>
    <row r="633088" spans="14:14">
      <c r="N633088" s="10"/>
    </row>
    <row r="633089" spans="14:14">
      <c r="N633089" s="10"/>
    </row>
    <row r="633090" spans="14:14">
      <c r="N633090" s="10"/>
    </row>
    <row r="633091" spans="14:14">
      <c r="N633091" s="10"/>
    </row>
    <row r="633092" spans="14:14">
      <c r="N633092" s="10"/>
    </row>
    <row r="633093" spans="14:14">
      <c r="N633093" s="10"/>
    </row>
    <row r="633094" spans="14:14">
      <c r="N633094" s="10"/>
    </row>
    <row r="633095" spans="14:14">
      <c r="N633095" s="10"/>
    </row>
    <row r="633096" spans="14:14">
      <c r="N633096" s="10"/>
    </row>
    <row r="633097" spans="14:14">
      <c r="N633097" s="10"/>
    </row>
    <row r="633098" spans="14:14">
      <c r="N633098" s="10"/>
    </row>
    <row r="633099" spans="14:14">
      <c r="N633099" s="10"/>
    </row>
    <row r="633100" spans="14:14">
      <c r="N633100" s="10"/>
    </row>
    <row r="633101" spans="14:14">
      <c r="N633101" s="10"/>
    </row>
    <row r="633102" spans="14:14">
      <c r="N633102" s="10"/>
    </row>
    <row r="633103" spans="14:14">
      <c r="N633103" s="10"/>
    </row>
    <row r="633104" spans="14:14">
      <c r="N633104" s="10"/>
    </row>
    <row r="633105" spans="14:14">
      <c r="N633105" s="10"/>
    </row>
    <row r="633106" spans="14:14">
      <c r="N633106" s="10"/>
    </row>
    <row r="633107" spans="14:14">
      <c r="N633107" s="10"/>
    </row>
    <row r="633108" spans="14:14">
      <c r="N633108" s="10"/>
    </row>
    <row r="633109" spans="14:14">
      <c r="N633109" s="10"/>
    </row>
    <row r="633110" spans="14:14">
      <c r="N633110" s="10"/>
    </row>
    <row r="633111" spans="14:14">
      <c r="N633111" s="10"/>
    </row>
    <row r="633112" spans="14:14">
      <c r="N633112" s="10"/>
    </row>
    <row r="633113" spans="14:14">
      <c r="N633113" s="10"/>
    </row>
    <row r="633114" spans="14:14">
      <c r="N633114" s="10"/>
    </row>
    <row r="633115" spans="14:14">
      <c r="N633115" s="10"/>
    </row>
    <row r="633116" spans="14:14">
      <c r="N633116" s="10"/>
    </row>
    <row r="633117" spans="14:14">
      <c r="N633117" s="10"/>
    </row>
    <row r="633118" spans="14:14">
      <c r="N633118" s="10"/>
    </row>
    <row r="633119" spans="14:14">
      <c r="N633119" s="10"/>
    </row>
    <row r="633120" spans="14:14">
      <c r="N633120" s="10"/>
    </row>
    <row r="633121" spans="14:14">
      <c r="N633121" s="10"/>
    </row>
    <row r="633122" spans="14:14">
      <c r="N633122" s="10"/>
    </row>
    <row r="633123" spans="14:14">
      <c r="N633123" s="10"/>
    </row>
    <row r="633124" spans="14:14">
      <c r="N633124" s="10"/>
    </row>
    <row r="633125" spans="14:14">
      <c r="N633125" s="10"/>
    </row>
    <row r="633126" spans="14:14">
      <c r="N633126" s="10"/>
    </row>
    <row r="633127" spans="14:14">
      <c r="N633127" s="10"/>
    </row>
    <row r="633128" spans="14:14">
      <c r="N633128" s="10"/>
    </row>
    <row r="633129" spans="14:14">
      <c r="N633129" s="10"/>
    </row>
    <row r="633130" spans="14:14">
      <c r="N633130" s="10"/>
    </row>
    <row r="633131" spans="14:14">
      <c r="N633131" s="10"/>
    </row>
    <row r="633132" spans="14:14">
      <c r="N633132" s="10"/>
    </row>
    <row r="633133" spans="14:14">
      <c r="N633133" s="10"/>
    </row>
    <row r="633134" spans="14:14">
      <c r="N633134" s="10"/>
    </row>
    <row r="633135" spans="14:14">
      <c r="N633135" s="10"/>
    </row>
    <row r="633136" spans="14:14">
      <c r="N633136" s="10"/>
    </row>
    <row r="633137" spans="14:14">
      <c r="N633137" s="10"/>
    </row>
    <row r="633138" spans="14:14">
      <c r="N633138" s="10"/>
    </row>
    <row r="633139" spans="14:14">
      <c r="N633139" s="10"/>
    </row>
    <row r="633140" spans="14:14">
      <c r="N633140" s="10"/>
    </row>
    <row r="633141" spans="14:14">
      <c r="N633141" s="10"/>
    </row>
    <row r="633142" spans="14:14">
      <c r="N633142" s="10"/>
    </row>
    <row r="633143" spans="14:14">
      <c r="N633143" s="10"/>
    </row>
    <row r="633144" spans="14:14">
      <c r="N633144" s="10"/>
    </row>
    <row r="633145" spans="14:14">
      <c r="N633145" s="10"/>
    </row>
    <row r="633146" spans="14:14">
      <c r="N633146" s="10"/>
    </row>
    <row r="633147" spans="14:14">
      <c r="N633147" s="10"/>
    </row>
    <row r="633148" spans="14:14">
      <c r="N633148" s="10"/>
    </row>
    <row r="633149" spans="14:14">
      <c r="N633149" s="10"/>
    </row>
    <row r="633150" spans="14:14">
      <c r="N633150" s="10"/>
    </row>
    <row r="633151" spans="14:14">
      <c r="N633151" s="10"/>
    </row>
    <row r="633152" spans="14:14">
      <c r="N633152" s="10"/>
    </row>
    <row r="633153" spans="14:14">
      <c r="N633153" s="10"/>
    </row>
    <row r="633154" spans="14:14">
      <c r="N633154" s="10"/>
    </row>
    <row r="633155" spans="14:14">
      <c r="N633155" s="10"/>
    </row>
    <row r="633156" spans="14:14">
      <c r="N633156" s="10"/>
    </row>
    <row r="633157" spans="14:14">
      <c r="N633157" s="10"/>
    </row>
    <row r="633158" spans="14:14">
      <c r="N633158" s="10"/>
    </row>
    <row r="633159" spans="14:14">
      <c r="N633159" s="10"/>
    </row>
    <row r="633160" spans="14:14">
      <c r="N633160" s="10"/>
    </row>
    <row r="633161" spans="14:14">
      <c r="N633161" s="10"/>
    </row>
    <row r="633162" spans="14:14">
      <c r="N633162" s="10"/>
    </row>
    <row r="633163" spans="14:14">
      <c r="N633163" s="10"/>
    </row>
    <row r="633164" spans="14:14">
      <c r="N633164" s="10"/>
    </row>
    <row r="633165" spans="14:14">
      <c r="N633165" s="10"/>
    </row>
    <row r="633166" spans="14:14">
      <c r="N633166" s="10"/>
    </row>
    <row r="633167" spans="14:14">
      <c r="N633167" s="10"/>
    </row>
    <row r="633168" spans="14:14">
      <c r="N633168" s="10"/>
    </row>
    <row r="633169" spans="14:14">
      <c r="N633169" s="10"/>
    </row>
    <row r="633170" spans="14:14">
      <c r="N633170" s="10"/>
    </row>
    <row r="633171" spans="14:14">
      <c r="N633171" s="10"/>
    </row>
    <row r="633172" spans="14:14">
      <c r="N633172" s="10"/>
    </row>
    <row r="633173" spans="14:14">
      <c r="N633173" s="10"/>
    </row>
    <row r="633174" spans="14:14">
      <c r="N633174" s="10"/>
    </row>
    <row r="633175" spans="14:14">
      <c r="N633175" s="10"/>
    </row>
    <row r="633176" spans="14:14">
      <c r="N633176" s="10"/>
    </row>
    <row r="633177" spans="14:14">
      <c r="N633177" s="10"/>
    </row>
    <row r="633178" spans="14:14">
      <c r="N633178" s="10"/>
    </row>
    <row r="633179" spans="14:14">
      <c r="N633179" s="10"/>
    </row>
    <row r="633180" spans="14:14">
      <c r="N633180" s="10"/>
    </row>
    <row r="633181" spans="14:14">
      <c r="N633181" s="10"/>
    </row>
    <row r="633182" spans="14:14">
      <c r="N633182" s="10"/>
    </row>
    <row r="633183" spans="14:14">
      <c r="N633183" s="10"/>
    </row>
    <row r="633184" spans="14:14">
      <c r="N633184" s="10"/>
    </row>
    <row r="633185" spans="14:14">
      <c r="N633185" s="10"/>
    </row>
    <row r="633186" spans="14:14">
      <c r="N633186" s="10"/>
    </row>
    <row r="633187" spans="14:14">
      <c r="N633187" s="10"/>
    </row>
    <row r="633188" spans="14:14">
      <c r="N633188" s="10"/>
    </row>
    <row r="633189" spans="14:14">
      <c r="N633189" s="10"/>
    </row>
    <row r="633190" spans="14:14">
      <c r="N633190" s="10"/>
    </row>
    <row r="633191" spans="14:14">
      <c r="N633191" s="10"/>
    </row>
    <row r="633192" spans="14:14">
      <c r="N633192" s="10"/>
    </row>
    <row r="633193" spans="14:14">
      <c r="N633193" s="10"/>
    </row>
    <row r="633194" spans="14:14">
      <c r="N633194" s="10"/>
    </row>
    <row r="633195" spans="14:14">
      <c r="N633195" s="10"/>
    </row>
    <row r="633196" spans="14:14">
      <c r="N633196" s="10"/>
    </row>
    <row r="633197" spans="14:14">
      <c r="N633197" s="10"/>
    </row>
    <row r="633198" spans="14:14">
      <c r="N633198" s="10"/>
    </row>
    <row r="633199" spans="14:14">
      <c r="N633199" s="10"/>
    </row>
    <row r="633200" spans="14:14">
      <c r="N633200" s="10"/>
    </row>
    <row r="633201" spans="14:14">
      <c r="N633201" s="10"/>
    </row>
    <row r="633202" spans="14:14">
      <c r="N633202" s="10"/>
    </row>
    <row r="633203" spans="14:14">
      <c r="N633203" s="10"/>
    </row>
    <row r="633204" spans="14:14">
      <c r="N633204" s="10"/>
    </row>
    <row r="633205" spans="14:14">
      <c r="N633205" s="10"/>
    </row>
    <row r="633206" spans="14:14">
      <c r="N633206" s="10"/>
    </row>
    <row r="633207" spans="14:14">
      <c r="N633207" s="10"/>
    </row>
    <row r="633208" spans="14:14">
      <c r="N633208" s="10"/>
    </row>
    <row r="633209" spans="14:14">
      <c r="N633209" s="10"/>
    </row>
    <row r="633210" spans="14:14">
      <c r="N633210" s="10"/>
    </row>
    <row r="633211" spans="14:14">
      <c r="N633211" s="10"/>
    </row>
    <row r="633212" spans="14:14">
      <c r="N633212" s="10"/>
    </row>
    <row r="633213" spans="14:14">
      <c r="N633213" s="10"/>
    </row>
    <row r="633214" spans="14:14">
      <c r="N633214" s="10"/>
    </row>
    <row r="633215" spans="14:14">
      <c r="N633215" s="10"/>
    </row>
    <row r="633216" spans="14:14">
      <c r="N633216" s="10"/>
    </row>
    <row r="633217" spans="14:14">
      <c r="N633217" s="10"/>
    </row>
    <row r="633218" spans="14:14">
      <c r="N633218" s="10"/>
    </row>
    <row r="633219" spans="14:14">
      <c r="N633219" s="10"/>
    </row>
    <row r="633220" spans="14:14">
      <c r="N633220" s="10"/>
    </row>
    <row r="633221" spans="14:14">
      <c r="N633221" s="10"/>
    </row>
    <row r="633222" spans="14:14">
      <c r="N633222" s="10"/>
    </row>
    <row r="633223" spans="14:14">
      <c r="N633223" s="10"/>
    </row>
    <row r="633224" spans="14:14">
      <c r="N633224" s="10"/>
    </row>
    <row r="633225" spans="14:14">
      <c r="N633225" s="10"/>
    </row>
    <row r="633226" spans="14:14">
      <c r="N633226" s="10"/>
    </row>
    <row r="633227" spans="14:14">
      <c r="N633227" s="10"/>
    </row>
    <row r="633228" spans="14:14">
      <c r="N633228" s="10"/>
    </row>
    <row r="633229" spans="14:14">
      <c r="N633229" s="10"/>
    </row>
    <row r="633230" spans="14:14">
      <c r="N633230" s="10"/>
    </row>
    <row r="633231" spans="14:14">
      <c r="N633231" s="10"/>
    </row>
    <row r="633232" spans="14:14">
      <c r="N633232" s="10"/>
    </row>
    <row r="633233" spans="14:14">
      <c r="N633233" s="10"/>
    </row>
    <row r="633234" spans="14:14">
      <c r="N633234" s="10"/>
    </row>
    <row r="633235" spans="14:14">
      <c r="N633235" s="10"/>
    </row>
    <row r="633236" spans="14:14">
      <c r="N633236" s="10"/>
    </row>
    <row r="633237" spans="14:14">
      <c r="N633237" s="10"/>
    </row>
    <row r="633238" spans="14:14">
      <c r="N633238" s="10"/>
    </row>
    <row r="633239" spans="14:14">
      <c r="N633239" s="10"/>
    </row>
    <row r="633240" spans="14:14">
      <c r="N633240" s="10"/>
    </row>
    <row r="633241" spans="14:14">
      <c r="N633241" s="10"/>
    </row>
    <row r="633242" spans="14:14">
      <c r="N633242" s="10"/>
    </row>
    <row r="633243" spans="14:14">
      <c r="N633243" s="10"/>
    </row>
    <row r="633244" spans="14:14">
      <c r="N633244" s="10"/>
    </row>
    <row r="633245" spans="14:14">
      <c r="N633245" s="10"/>
    </row>
    <row r="633246" spans="14:14">
      <c r="N633246" s="10"/>
    </row>
    <row r="633247" spans="14:14">
      <c r="N633247" s="10"/>
    </row>
    <row r="633248" spans="14:14">
      <c r="N633248" s="10"/>
    </row>
    <row r="633249" spans="14:14">
      <c r="N633249" s="10"/>
    </row>
    <row r="633250" spans="14:14">
      <c r="N633250" s="10"/>
    </row>
    <row r="633251" spans="14:14">
      <c r="N633251" s="10"/>
    </row>
    <row r="633252" spans="14:14">
      <c r="N633252" s="10"/>
    </row>
    <row r="633253" spans="14:14">
      <c r="N633253" s="10"/>
    </row>
    <row r="633254" spans="14:14">
      <c r="N633254" s="10"/>
    </row>
    <row r="633255" spans="14:14">
      <c r="N633255" s="10"/>
    </row>
    <row r="633256" spans="14:14">
      <c r="N633256" s="10"/>
    </row>
    <row r="633257" spans="14:14">
      <c r="N633257" s="10"/>
    </row>
    <row r="633258" spans="14:14">
      <c r="N633258" s="10"/>
    </row>
    <row r="633259" spans="14:14">
      <c r="N633259" s="10"/>
    </row>
    <row r="633260" spans="14:14">
      <c r="N633260" s="10"/>
    </row>
    <row r="633261" spans="14:14">
      <c r="N633261" s="10"/>
    </row>
    <row r="633262" spans="14:14">
      <c r="N633262" s="10"/>
    </row>
    <row r="633263" spans="14:14">
      <c r="N633263" s="10"/>
    </row>
    <row r="633264" spans="14:14">
      <c r="N633264" s="10"/>
    </row>
    <row r="633265" spans="14:14">
      <c r="N633265" s="10"/>
    </row>
    <row r="633266" spans="14:14">
      <c r="N633266" s="10"/>
    </row>
    <row r="633267" spans="14:14">
      <c r="N633267" s="10"/>
    </row>
    <row r="633268" spans="14:14">
      <c r="N633268" s="10"/>
    </row>
    <row r="633269" spans="14:14">
      <c r="N633269" s="10"/>
    </row>
    <row r="633270" spans="14:14">
      <c r="N633270" s="10"/>
    </row>
    <row r="633271" spans="14:14">
      <c r="N633271" s="10"/>
    </row>
    <row r="633272" spans="14:14">
      <c r="N633272" s="10"/>
    </row>
    <row r="633273" spans="14:14">
      <c r="N633273" s="10"/>
    </row>
    <row r="633274" spans="14:14">
      <c r="N633274" s="10"/>
    </row>
    <row r="633275" spans="14:14">
      <c r="N633275" s="10"/>
    </row>
    <row r="633276" spans="14:14">
      <c r="N633276" s="10"/>
    </row>
    <row r="633277" spans="14:14">
      <c r="N633277" s="10"/>
    </row>
    <row r="633278" spans="14:14">
      <c r="N633278" s="10"/>
    </row>
    <row r="633279" spans="14:14">
      <c r="N633279" s="10"/>
    </row>
    <row r="633280" spans="14:14">
      <c r="N633280" s="10"/>
    </row>
    <row r="633281" spans="14:14">
      <c r="N633281" s="10"/>
    </row>
    <row r="633282" spans="14:14">
      <c r="N633282" s="10"/>
    </row>
    <row r="633283" spans="14:14">
      <c r="N633283" s="10"/>
    </row>
    <row r="633284" spans="14:14">
      <c r="N633284" s="10"/>
    </row>
    <row r="633285" spans="14:14">
      <c r="N633285" s="10"/>
    </row>
    <row r="633286" spans="14:14">
      <c r="N633286" s="10"/>
    </row>
    <row r="633287" spans="14:14">
      <c r="N633287" s="10"/>
    </row>
    <row r="633288" spans="14:14">
      <c r="N633288" s="10"/>
    </row>
    <row r="633289" spans="14:14">
      <c r="N633289" s="10"/>
    </row>
    <row r="633290" spans="14:14">
      <c r="N633290" s="10"/>
    </row>
    <row r="633291" spans="14:14">
      <c r="N633291" s="10"/>
    </row>
    <row r="633292" spans="14:14">
      <c r="N633292" s="10"/>
    </row>
    <row r="633293" spans="14:14">
      <c r="N633293" s="10"/>
    </row>
    <row r="633294" spans="14:14">
      <c r="N633294" s="10"/>
    </row>
    <row r="633295" spans="14:14">
      <c r="N633295" s="10"/>
    </row>
    <row r="633296" spans="14:14">
      <c r="N633296" s="10"/>
    </row>
    <row r="633297" spans="14:14">
      <c r="N633297" s="10"/>
    </row>
    <row r="633298" spans="14:14">
      <c r="N633298" s="10"/>
    </row>
    <row r="633299" spans="14:14">
      <c r="N633299" s="10"/>
    </row>
    <row r="633300" spans="14:14">
      <c r="N633300" s="10"/>
    </row>
    <row r="633301" spans="14:14">
      <c r="N633301" s="10"/>
    </row>
    <row r="633302" spans="14:14">
      <c r="N633302" s="10"/>
    </row>
    <row r="633303" spans="14:14">
      <c r="N633303" s="10"/>
    </row>
    <row r="633304" spans="14:14">
      <c r="N633304" s="10"/>
    </row>
    <row r="633305" spans="14:14">
      <c r="N633305" s="10"/>
    </row>
    <row r="633306" spans="14:14">
      <c r="N633306" s="10"/>
    </row>
    <row r="633307" spans="14:14">
      <c r="N633307" s="10"/>
    </row>
    <row r="633308" spans="14:14">
      <c r="N633308" s="10"/>
    </row>
    <row r="633309" spans="14:14">
      <c r="N633309" s="10"/>
    </row>
    <row r="633310" spans="14:14">
      <c r="N633310" s="10"/>
    </row>
    <row r="633311" spans="14:14">
      <c r="N633311" s="10"/>
    </row>
    <row r="633312" spans="14:14">
      <c r="N633312" s="10"/>
    </row>
    <row r="633313" spans="14:14">
      <c r="N633313" s="10"/>
    </row>
    <row r="633314" spans="14:14">
      <c r="N633314" s="10"/>
    </row>
    <row r="633315" spans="14:14">
      <c r="N633315" s="10"/>
    </row>
    <row r="633316" spans="14:14">
      <c r="N633316" s="10"/>
    </row>
    <row r="633317" spans="14:14">
      <c r="N633317" s="10"/>
    </row>
    <row r="633318" spans="14:14">
      <c r="N633318" s="10"/>
    </row>
    <row r="633319" spans="14:14">
      <c r="N633319" s="10"/>
    </row>
    <row r="633320" spans="14:14">
      <c r="N633320" s="10"/>
    </row>
    <row r="633321" spans="14:14">
      <c r="N633321" s="10"/>
    </row>
    <row r="633322" spans="14:14">
      <c r="N633322" s="10"/>
    </row>
    <row r="633323" spans="14:14">
      <c r="N633323" s="10"/>
    </row>
    <row r="633324" spans="14:14">
      <c r="N633324" s="10"/>
    </row>
    <row r="633325" spans="14:14">
      <c r="N633325" s="10"/>
    </row>
    <row r="633326" spans="14:14">
      <c r="N633326" s="10"/>
    </row>
    <row r="633327" spans="14:14">
      <c r="N633327" s="10"/>
    </row>
    <row r="633328" spans="14:14">
      <c r="N633328" s="10"/>
    </row>
    <row r="633329" spans="14:14">
      <c r="N633329" s="10"/>
    </row>
    <row r="633330" spans="14:14">
      <c r="N633330" s="10"/>
    </row>
    <row r="633331" spans="14:14">
      <c r="N633331" s="10"/>
    </row>
    <row r="633332" spans="14:14">
      <c r="N633332" s="10"/>
    </row>
    <row r="633333" spans="14:14">
      <c r="N633333" s="10"/>
    </row>
    <row r="633334" spans="14:14">
      <c r="N633334" s="10"/>
    </row>
    <row r="633335" spans="14:14">
      <c r="N633335" s="10"/>
    </row>
    <row r="633336" spans="14:14">
      <c r="N633336" s="10"/>
    </row>
    <row r="633337" spans="14:14">
      <c r="N633337" s="10"/>
    </row>
    <row r="633338" spans="14:14">
      <c r="N633338" s="10"/>
    </row>
    <row r="633339" spans="14:14">
      <c r="N633339" s="10"/>
    </row>
    <row r="633340" spans="14:14">
      <c r="N633340" s="10"/>
    </row>
    <row r="633341" spans="14:14">
      <c r="N633341" s="10"/>
    </row>
    <row r="633342" spans="14:14">
      <c r="N633342" s="10"/>
    </row>
    <row r="633343" spans="14:14">
      <c r="N633343" s="10"/>
    </row>
    <row r="633344" spans="14:14">
      <c r="N633344" s="10"/>
    </row>
    <row r="633345" spans="14:14">
      <c r="N633345" s="10"/>
    </row>
    <row r="633346" spans="14:14">
      <c r="N633346" s="10"/>
    </row>
    <row r="633347" spans="14:14">
      <c r="N633347" s="10"/>
    </row>
    <row r="633348" spans="14:14">
      <c r="N633348" s="10"/>
    </row>
    <row r="633349" spans="14:14">
      <c r="N633349" s="10"/>
    </row>
    <row r="633350" spans="14:14">
      <c r="N633350" s="10"/>
    </row>
    <row r="633351" spans="14:14">
      <c r="N633351" s="10"/>
    </row>
    <row r="633352" spans="14:14">
      <c r="N633352" s="10"/>
    </row>
    <row r="633353" spans="14:14">
      <c r="N633353" s="10"/>
    </row>
    <row r="633354" spans="14:14">
      <c r="N633354" s="10"/>
    </row>
    <row r="633355" spans="14:14">
      <c r="N633355" s="10"/>
    </row>
    <row r="633356" spans="14:14">
      <c r="N633356" s="10"/>
    </row>
    <row r="633357" spans="14:14">
      <c r="N633357" s="10"/>
    </row>
    <row r="633358" spans="14:14">
      <c r="N633358" s="10"/>
    </row>
    <row r="633359" spans="14:14">
      <c r="N633359" s="10"/>
    </row>
    <row r="633360" spans="14:14">
      <c r="N633360" s="10"/>
    </row>
    <row r="633361" spans="14:14">
      <c r="N633361" s="10"/>
    </row>
    <row r="633362" spans="14:14">
      <c r="N633362" s="10"/>
    </row>
    <row r="633363" spans="14:14">
      <c r="N633363" s="10"/>
    </row>
    <row r="633364" spans="14:14">
      <c r="N633364" s="10"/>
    </row>
    <row r="633365" spans="14:14">
      <c r="N633365" s="10"/>
    </row>
    <row r="633366" spans="14:14">
      <c r="N633366" s="10"/>
    </row>
    <row r="633367" spans="14:14">
      <c r="N633367" s="10"/>
    </row>
    <row r="633368" spans="14:14">
      <c r="N633368" s="10"/>
    </row>
    <row r="633369" spans="14:14">
      <c r="N633369" s="10"/>
    </row>
    <row r="633370" spans="14:14">
      <c r="N633370" s="10"/>
    </row>
    <row r="633371" spans="14:14">
      <c r="N633371" s="10"/>
    </row>
    <row r="633372" spans="14:14">
      <c r="N633372" s="10"/>
    </row>
    <row r="633373" spans="14:14">
      <c r="N633373" s="10"/>
    </row>
    <row r="633374" spans="14:14">
      <c r="N633374" s="10"/>
    </row>
    <row r="633375" spans="14:14">
      <c r="N633375" s="10"/>
    </row>
    <row r="633376" spans="14:14">
      <c r="N633376" s="10"/>
    </row>
    <row r="633377" spans="14:14">
      <c r="N633377" s="10"/>
    </row>
    <row r="633378" spans="14:14">
      <c r="N633378" s="10"/>
    </row>
    <row r="633379" spans="14:14">
      <c r="N633379" s="10"/>
    </row>
    <row r="633380" spans="14:14">
      <c r="N633380" s="10"/>
    </row>
    <row r="633381" spans="14:14">
      <c r="N633381" s="10"/>
    </row>
    <row r="633382" spans="14:14">
      <c r="N633382" s="10"/>
    </row>
    <row r="633383" spans="14:14">
      <c r="N633383" s="10"/>
    </row>
    <row r="633384" spans="14:14">
      <c r="N633384" s="10"/>
    </row>
    <row r="633385" spans="14:14">
      <c r="N633385" s="10"/>
    </row>
    <row r="633386" spans="14:14">
      <c r="N633386" s="10"/>
    </row>
    <row r="633387" spans="14:14">
      <c r="N633387" s="10"/>
    </row>
    <row r="633388" spans="14:14">
      <c r="N633388" s="10"/>
    </row>
    <row r="633389" spans="14:14">
      <c r="N633389" s="10"/>
    </row>
    <row r="633390" spans="14:14">
      <c r="N633390" s="10"/>
    </row>
    <row r="633391" spans="14:14">
      <c r="N633391" s="10"/>
    </row>
    <row r="633392" spans="14:14">
      <c r="N633392" s="10"/>
    </row>
    <row r="633393" spans="14:14">
      <c r="N633393" s="10"/>
    </row>
    <row r="633394" spans="14:14">
      <c r="N633394" s="10"/>
    </row>
    <row r="633395" spans="14:14">
      <c r="N633395" s="10"/>
    </row>
    <row r="633396" spans="14:14">
      <c r="N633396" s="10"/>
    </row>
    <row r="633397" spans="14:14">
      <c r="N633397" s="10"/>
    </row>
    <row r="633398" spans="14:14">
      <c r="N633398" s="10"/>
    </row>
    <row r="633399" spans="14:14">
      <c r="N633399" s="10"/>
    </row>
    <row r="633400" spans="14:14">
      <c r="N633400" s="10"/>
    </row>
    <row r="633401" spans="14:14">
      <c r="N633401" s="10"/>
    </row>
    <row r="633402" spans="14:14">
      <c r="N633402" s="10"/>
    </row>
    <row r="633403" spans="14:14">
      <c r="N633403" s="10"/>
    </row>
    <row r="633404" spans="14:14">
      <c r="N633404" s="10"/>
    </row>
    <row r="633405" spans="14:14">
      <c r="N633405" s="10"/>
    </row>
    <row r="633406" spans="14:14">
      <c r="N633406" s="10"/>
    </row>
    <row r="633407" spans="14:14">
      <c r="N633407" s="10"/>
    </row>
    <row r="633408" spans="14:14">
      <c r="N633408" s="10"/>
    </row>
    <row r="633409" spans="14:14">
      <c r="N633409" s="10"/>
    </row>
    <row r="633410" spans="14:14">
      <c r="N633410" s="10"/>
    </row>
    <row r="633411" spans="14:14">
      <c r="N633411" s="10"/>
    </row>
    <row r="633412" spans="14:14">
      <c r="N633412" s="10"/>
    </row>
    <row r="633413" spans="14:14">
      <c r="N633413" s="10"/>
    </row>
    <row r="633414" spans="14:14">
      <c r="N633414" s="10"/>
    </row>
    <row r="633415" spans="14:14">
      <c r="N633415" s="10"/>
    </row>
    <row r="633416" spans="14:14">
      <c r="N633416" s="10"/>
    </row>
    <row r="633417" spans="14:14">
      <c r="N633417" s="10"/>
    </row>
    <row r="633418" spans="14:14">
      <c r="N633418" s="10"/>
    </row>
    <row r="633419" spans="14:14">
      <c r="N633419" s="10"/>
    </row>
    <row r="633420" spans="14:14">
      <c r="N633420" s="10"/>
    </row>
    <row r="633421" spans="14:14">
      <c r="N633421" s="10"/>
    </row>
    <row r="633422" spans="14:14">
      <c r="N633422" s="10"/>
    </row>
    <row r="633423" spans="14:14">
      <c r="N633423" s="10"/>
    </row>
    <row r="633424" spans="14:14">
      <c r="N633424" s="10"/>
    </row>
    <row r="633425" spans="14:14">
      <c r="N633425" s="10"/>
    </row>
    <row r="633426" spans="14:14">
      <c r="N633426" s="10"/>
    </row>
    <row r="633427" spans="14:14">
      <c r="N633427" s="10"/>
    </row>
    <row r="633428" spans="14:14">
      <c r="N633428" s="10"/>
    </row>
    <row r="633429" spans="14:14">
      <c r="N633429" s="10"/>
    </row>
    <row r="633430" spans="14:14">
      <c r="N633430" s="10"/>
    </row>
    <row r="633431" spans="14:14">
      <c r="N633431" s="10"/>
    </row>
    <row r="633432" spans="14:14">
      <c r="N633432" s="10"/>
    </row>
    <row r="633433" spans="14:14">
      <c r="N633433" s="10"/>
    </row>
    <row r="633434" spans="14:14">
      <c r="N633434" s="10"/>
    </row>
    <row r="633435" spans="14:14">
      <c r="N633435" s="10"/>
    </row>
    <row r="633436" spans="14:14">
      <c r="N633436" s="10"/>
    </row>
    <row r="633437" spans="14:14">
      <c r="N633437" s="10"/>
    </row>
    <row r="633438" spans="14:14">
      <c r="N633438" s="10"/>
    </row>
    <row r="633439" spans="14:14">
      <c r="N633439" s="10"/>
    </row>
    <row r="633440" spans="14:14">
      <c r="N633440" s="10"/>
    </row>
    <row r="633441" spans="14:14">
      <c r="N633441" s="10"/>
    </row>
    <row r="633442" spans="14:14">
      <c r="N633442" s="10"/>
    </row>
    <row r="633443" spans="14:14">
      <c r="N633443" s="10"/>
    </row>
    <row r="633444" spans="14:14">
      <c r="N633444" s="10"/>
    </row>
    <row r="633445" spans="14:14">
      <c r="N633445" s="10"/>
    </row>
    <row r="633446" spans="14:14">
      <c r="N633446" s="10"/>
    </row>
    <row r="633447" spans="14:14">
      <c r="N633447" s="10"/>
    </row>
    <row r="633448" spans="14:14">
      <c r="N633448" s="10"/>
    </row>
    <row r="633449" spans="14:14">
      <c r="N633449" s="10"/>
    </row>
    <row r="633450" spans="14:14">
      <c r="N633450" s="10"/>
    </row>
    <row r="633451" spans="14:14">
      <c r="N633451" s="10"/>
    </row>
    <row r="633452" spans="14:14">
      <c r="N633452" s="10"/>
    </row>
    <row r="633453" spans="14:14">
      <c r="N633453" s="10"/>
    </row>
    <row r="633454" spans="14:14">
      <c r="N633454" s="10"/>
    </row>
    <row r="633455" spans="14:14">
      <c r="N633455" s="10"/>
    </row>
    <row r="633456" spans="14:14">
      <c r="N633456" s="10"/>
    </row>
    <row r="633457" spans="14:14">
      <c r="N633457" s="10"/>
    </row>
    <row r="633458" spans="14:14">
      <c r="N633458" s="10"/>
    </row>
    <row r="633459" spans="14:14">
      <c r="N633459" s="10"/>
    </row>
    <row r="633460" spans="14:14">
      <c r="N633460" s="10"/>
    </row>
    <row r="633461" spans="14:14">
      <c r="N633461" s="10"/>
    </row>
    <row r="633462" spans="14:14">
      <c r="N633462" s="10"/>
    </row>
    <row r="633463" spans="14:14">
      <c r="N633463" s="10"/>
    </row>
    <row r="633464" spans="14:14">
      <c r="N633464" s="10"/>
    </row>
    <row r="633465" spans="14:14">
      <c r="N633465" s="10"/>
    </row>
    <row r="633466" spans="14:14">
      <c r="N633466" s="10"/>
    </row>
    <row r="633467" spans="14:14">
      <c r="N633467" s="10"/>
    </row>
    <row r="633468" spans="14:14">
      <c r="N633468" s="10"/>
    </row>
    <row r="633469" spans="14:14">
      <c r="N633469" s="10"/>
    </row>
    <row r="633470" spans="14:14">
      <c r="N633470" s="10"/>
    </row>
    <row r="633471" spans="14:14">
      <c r="N633471" s="10"/>
    </row>
    <row r="633472" spans="14:14">
      <c r="N633472" s="10"/>
    </row>
    <row r="633473" spans="14:14">
      <c r="N633473" s="10"/>
    </row>
    <row r="633474" spans="14:14">
      <c r="N633474" s="10"/>
    </row>
    <row r="633475" spans="14:14">
      <c r="N633475" s="10"/>
    </row>
    <row r="633476" spans="14:14">
      <c r="N633476" s="10"/>
    </row>
    <row r="633477" spans="14:14">
      <c r="N633477" s="10"/>
    </row>
    <row r="633478" spans="14:14">
      <c r="N633478" s="10"/>
    </row>
    <row r="633479" spans="14:14">
      <c r="N633479" s="10"/>
    </row>
    <row r="633480" spans="14:14">
      <c r="N633480" s="10"/>
    </row>
    <row r="633481" spans="14:14">
      <c r="N633481" s="10"/>
    </row>
    <row r="633482" spans="14:14">
      <c r="N633482" s="10"/>
    </row>
    <row r="633483" spans="14:14">
      <c r="N633483" s="10"/>
    </row>
    <row r="633484" spans="14:14">
      <c r="N633484" s="10"/>
    </row>
    <row r="633485" spans="14:14">
      <c r="N633485" s="10"/>
    </row>
    <row r="633486" spans="14:14">
      <c r="N633486" s="10"/>
    </row>
    <row r="633487" spans="14:14">
      <c r="N633487" s="10"/>
    </row>
    <row r="633488" spans="14:14">
      <c r="N633488" s="10"/>
    </row>
    <row r="633489" spans="14:14">
      <c r="N633489" s="10"/>
    </row>
    <row r="633490" spans="14:14">
      <c r="N633490" s="10"/>
    </row>
    <row r="633491" spans="14:14">
      <c r="N633491" s="10"/>
    </row>
    <row r="633492" spans="14:14">
      <c r="N633492" s="10"/>
    </row>
    <row r="633493" spans="14:14">
      <c r="N633493" s="10"/>
    </row>
    <row r="633494" spans="14:14">
      <c r="N633494" s="10"/>
    </row>
    <row r="633495" spans="14:14">
      <c r="N633495" s="10"/>
    </row>
    <row r="633496" spans="14:14">
      <c r="N633496" s="10"/>
    </row>
    <row r="633497" spans="14:14">
      <c r="N633497" s="10"/>
    </row>
    <row r="633498" spans="14:14">
      <c r="N633498" s="10"/>
    </row>
    <row r="633499" spans="14:14">
      <c r="N633499" s="10"/>
    </row>
    <row r="633500" spans="14:14">
      <c r="N633500" s="10"/>
    </row>
    <row r="633501" spans="14:14">
      <c r="N633501" s="10"/>
    </row>
    <row r="633502" spans="14:14">
      <c r="N633502" s="10"/>
    </row>
    <row r="633503" spans="14:14">
      <c r="N633503" s="10"/>
    </row>
    <row r="633504" spans="14:14">
      <c r="N633504" s="10"/>
    </row>
    <row r="633505" spans="14:14">
      <c r="N633505" s="10"/>
    </row>
    <row r="633506" spans="14:14">
      <c r="N633506" s="10"/>
    </row>
    <row r="633507" spans="14:14">
      <c r="N633507" s="10"/>
    </row>
    <row r="633508" spans="14:14">
      <c r="N633508" s="10"/>
    </row>
    <row r="633509" spans="14:14">
      <c r="N633509" s="10"/>
    </row>
    <row r="633510" spans="14:14">
      <c r="N633510" s="10"/>
    </row>
    <row r="633511" spans="14:14">
      <c r="N633511" s="10"/>
    </row>
    <row r="633512" spans="14:14">
      <c r="N633512" s="10"/>
    </row>
    <row r="633513" spans="14:14">
      <c r="N633513" s="10"/>
    </row>
    <row r="633514" spans="14:14">
      <c r="N633514" s="10"/>
    </row>
    <row r="633515" spans="14:14">
      <c r="N633515" s="10"/>
    </row>
    <row r="633516" spans="14:14">
      <c r="N633516" s="10"/>
    </row>
    <row r="633517" spans="14:14">
      <c r="N633517" s="10"/>
    </row>
    <row r="633518" spans="14:14">
      <c r="N633518" s="10"/>
    </row>
    <row r="633519" spans="14:14">
      <c r="N633519" s="10"/>
    </row>
    <row r="633520" spans="14:14">
      <c r="N633520" s="10"/>
    </row>
    <row r="633521" spans="14:14">
      <c r="N633521" s="10"/>
    </row>
    <row r="633522" spans="14:14">
      <c r="N633522" s="10"/>
    </row>
    <row r="633523" spans="14:14">
      <c r="N633523" s="10"/>
    </row>
    <row r="633524" spans="14:14">
      <c r="N633524" s="10"/>
    </row>
    <row r="633525" spans="14:14">
      <c r="N633525" s="10"/>
    </row>
    <row r="633526" spans="14:14">
      <c r="N633526" s="10"/>
    </row>
    <row r="633527" spans="14:14">
      <c r="N633527" s="10"/>
    </row>
    <row r="633528" spans="14:14">
      <c r="N633528" s="10"/>
    </row>
    <row r="633529" spans="14:14">
      <c r="N633529" s="10"/>
    </row>
    <row r="633530" spans="14:14">
      <c r="N633530" s="10"/>
    </row>
    <row r="633531" spans="14:14">
      <c r="N633531" s="10"/>
    </row>
    <row r="633532" spans="14:14">
      <c r="N633532" s="10"/>
    </row>
    <row r="633533" spans="14:14">
      <c r="N633533" s="10"/>
    </row>
    <row r="633534" spans="14:14">
      <c r="N633534" s="10"/>
    </row>
    <row r="633535" spans="14:14">
      <c r="N633535" s="10"/>
    </row>
    <row r="633536" spans="14:14">
      <c r="N633536" s="10"/>
    </row>
    <row r="633537" spans="14:14">
      <c r="N633537" s="10"/>
    </row>
    <row r="633538" spans="14:14">
      <c r="N633538" s="10"/>
    </row>
    <row r="633539" spans="14:14">
      <c r="N633539" s="10"/>
    </row>
    <row r="633540" spans="14:14">
      <c r="N633540" s="10"/>
    </row>
    <row r="633541" spans="14:14">
      <c r="N633541" s="10"/>
    </row>
    <row r="633542" spans="14:14">
      <c r="N633542" s="10"/>
    </row>
    <row r="633543" spans="14:14">
      <c r="N633543" s="10"/>
    </row>
    <row r="633544" spans="14:14">
      <c r="N633544" s="10"/>
    </row>
    <row r="633545" spans="14:14">
      <c r="N633545" s="10"/>
    </row>
    <row r="633546" spans="14:14">
      <c r="N633546" s="10"/>
    </row>
    <row r="633547" spans="14:14">
      <c r="N633547" s="10"/>
    </row>
    <row r="633548" spans="14:14">
      <c r="N633548" s="10"/>
    </row>
    <row r="633549" spans="14:14">
      <c r="N633549" s="10"/>
    </row>
    <row r="633550" spans="14:14">
      <c r="N633550" s="10"/>
    </row>
    <row r="633551" spans="14:14">
      <c r="N633551" s="10"/>
    </row>
    <row r="633552" spans="14:14">
      <c r="N633552" s="10"/>
    </row>
    <row r="633553" spans="14:14">
      <c r="N633553" s="10"/>
    </row>
    <row r="633554" spans="14:14">
      <c r="N633554" s="10"/>
    </row>
    <row r="633555" spans="14:14">
      <c r="N633555" s="10"/>
    </row>
    <row r="633556" spans="14:14">
      <c r="N633556" s="10"/>
    </row>
    <row r="633557" spans="14:14">
      <c r="N633557" s="10"/>
    </row>
    <row r="633558" spans="14:14">
      <c r="N633558" s="10"/>
    </row>
    <row r="633559" spans="14:14">
      <c r="N633559" s="10"/>
    </row>
    <row r="633560" spans="14:14">
      <c r="N633560" s="10"/>
    </row>
    <row r="633561" spans="14:14">
      <c r="N633561" s="10"/>
    </row>
    <row r="633562" spans="14:14">
      <c r="N633562" s="10"/>
    </row>
    <row r="633563" spans="14:14">
      <c r="N633563" s="10"/>
    </row>
    <row r="633564" spans="14:14">
      <c r="N633564" s="10"/>
    </row>
    <row r="633565" spans="14:14">
      <c r="N633565" s="10"/>
    </row>
    <row r="633566" spans="14:14">
      <c r="N633566" s="10"/>
    </row>
    <row r="633567" spans="14:14">
      <c r="N633567" s="10"/>
    </row>
    <row r="633568" spans="14:14">
      <c r="N633568" s="10"/>
    </row>
    <row r="633569" spans="14:14">
      <c r="N633569" s="10"/>
    </row>
    <row r="633570" spans="14:14">
      <c r="N633570" s="10"/>
    </row>
    <row r="633571" spans="14:14">
      <c r="N633571" s="10"/>
    </row>
    <row r="633572" spans="14:14">
      <c r="N633572" s="10"/>
    </row>
    <row r="633573" spans="14:14">
      <c r="N633573" s="10"/>
    </row>
    <row r="633574" spans="14:14">
      <c r="N633574" s="10"/>
    </row>
    <row r="633575" spans="14:14">
      <c r="N633575" s="10"/>
    </row>
    <row r="633576" spans="14:14">
      <c r="N633576" s="10"/>
    </row>
    <row r="633577" spans="14:14">
      <c r="N633577" s="10"/>
    </row>
    <row r="633578" spans="14:14">
      <c r="N633578" s="10"/>
    </row>
    <row r="633579" spans="14:14">
      <c r="N633579" s="10"/>
    </row>
    <row r="633580" spans="14:14">
      <c r="N633580" s="10"/>
    </row>
    <row r="633581" spans="14:14">
      <c r="N633581" s="10"/>
    </row>
    <row r="633582" spans="14:14">
      <c r="N633582" s="10"/>
    </row>
    <row r="633583" spans="14:14">
      <c r="N633583" s="10"/>
    </row>
    <row r="633584" spans="14:14">
      <c r="N633584" s="10"/>
    </row>
    <row r="633585" spans="14:14">
      <c r="N633585" s="10"/>
    </row>
    <row r="633586" spans="14:14">
      <c r="N633586" s="10"/>
    </row>
    <row r="633587" spans="14:14">
      <c r="N633587" s="10"/>
    </row>
    <row r="633588" spans="14:14">
      <c r="N633588" s="10"/>
    </row>
    <row r="633589" spans="14:14">
      <c r="N633589" s="10"/>
    </row>
    <row r="633590" spans="14:14">
      <c r="N633590" s="10"/>
    </row>
    <row r="633591" spans="14:14">
      <c r="N633591" s="10"/>
    </row>
    <row r="633592" spans="14:14">
      <c r="N633592" s="10"/>
    </row>
    <row r="633593" spans="14:14">
      <c r="N633593" s="10"/>
    </row>
    <row r="633594" spans="14:14">
      <c r="N633594" s="10"/>
    </row>
    <row r="633595" spans="14:14">
      <c r="N633595" s="10"/>
    </row>
    <row r="633596" spans="14:14">
      <c r="N633596" s="10"/>
    </row>
    <row r="633597" spans="14:14">
      <c r="N633597" s="10"/>
    </row>
    <row r="633598" spans="14:14">
      <c r="N633598" s="10"/>
    </row>
    <row r="633599" spans="14:14">
      <c r="N633599" s="10"/>
    </row>
    <row r="633600" spans="14:14">
      <c r="N633600" s="10"/>
    </row>
    <row r="633601" spans="14:14">
      <c r="N633601" s="10"/>
    </row>
    <row r="633602" spans="14:14">
      <c r="N633602" s="10"/>
    </row>
    <row r="633603" spans="14:14">
      <c r="N633603" s="10"/>
    </row>
    <row r="633604" spans="14:14">
      <c r="N633604" s="10"/>
    </row>
    <row r="633605" spans="14:14">
      <c r="N633605" s="10"/>
    </row>
    <row r="633606" spans="14:14">
      <c r="N633606" s="10"/>
    </row>
    <row r="633607" spans="14:14">
      <c r="N633607" s="10"/>
    </row>
    <row r="633608" spans="14:14">
      <c r="N633608" s="10"/>
    </row>
    <row r="633609" spans="14:14">
      <c r="N633609" s="10"/>
    </row>
    <row r="633610" spans="14:14">
      <c r="N633610" s="10"/>
    </row>
    <row r="633611" spans="14:14">
      <c r="N633611" s="10"/>
    </row>
    <row r="633612" spans="14:14">
      <c r="N633612" s="10"/>
    </row>
    <row r="633613" spans="14:14">
      <c r="N633613" s="10"/>
    </row>
    <row r="633614" spans="14:14">
      <c r="N633614" s="10"/>
    </row>
    <row r="633615" spans="14:14">
      <c r="N633615" s="10"/>
    </row>
    <row r="633616" spans="14:14">
      <c r="N633616" s="10"/>
    </row>
    <row r="633617" spans="14:14">
      <c r="N633617" s="10"/>
    </row>
    <row r="633618" spans="14:14">
      <c r="N633618" s="10"/>
    </row>
    <row r="633619" spans="14:14">
      <c r="N633619" s="10"/>
    </row>
    <row r="633620" spans="14:14">
      <c r="N633620" s="10"/>
    </row>
    <row r="633621" spans="14:14">
      <c r="N633621" s="10"/>
    </row>
    <row r="633622" spans="14:14">
      <c r="N633622" s="10"/>
    </row>
    <row r="633623" spans="14:14">
      <c r="N633623" s="10"/>
    </row>
    <row r="633624" spans="14:14">
      <c r="N633624" s="10"/>
    </row>
    <row r="633625" spans="14:14">
      <c r="N633625" s="10"/>
    </row>
    <row r="633626" spans="14:14">
      <c r="N633626" s="10"/>
    </row>
    <row r="633627" spans="14:14">
      <c r="N633627" s="10"/>
    </row>
    <row r="633628" spans="14:14">
      <c r="N633628" s="10"/>
    </row>
    <row r="633629" spans="14:14">
      <c r="N633629" s="10"/>
    </row>
    <row r="633630" spans="14:14">
      <c r="N633630" s="10"/>
    </row>
    <row r="633631" spans="14:14">
      <c r="N633631" s="10"/>
    </row>
    <row r="633632" spans="14:14">
      <c r="N633632" s="10"/>
    </row>
    <row r="633633" spans="14:14">
      <c r="N633633" s="10"/>
    </row>
    <row r="633634" spans="14:14">
      <c r="N633634" s="10"/>
    </row>
    <row r="633635" spans="14:14">
      <c r="N633635" s="10"/>
    </row>
    <row r="633636" spans="14:14">
      <c r="N633636" s="10"/>
    </row>
    <row r="633637" spans="14:14">
      <c r="N633637" s="10"/>
    </row>
    <row r="633638" spans="14:14">
      <c r="N633638" s="10"/>
    </row>
    <row r="633639" spans="14:14">
      <c r="N633639" s="10"/>
    </row>
    <row r="633640" spans="14:14">
      <c r="N633640" s="10"/>
    </row>
    <row r="633641" spans="14:14">
      <c r="N633641" s="10"/>
    </row>
    <row r="633642" spans="14:14">
      <c r="N633642" s="10"/>
    </row>
    <row r="633643" spans="14:14">
      <c r="N633643" s="10"/>
    </row>
    <row r="633644" spans="14:14">
      <c r="N633644" s="10"/>
    </row>
    <row r="633645" spans="14:14">
      <c r="N633645" s="10"/>
    </row>
    <row r="633646" spans="14:14">
      <c r="N633646" s="10"/>
    </row>
    <row r="633647" spans="14:14">
      <c r="N633647" s="10"/>
    </row>
    <row r="633648" spans="14:14">
      <c r="N633648" s="10"/>
    </row>
    <row r="633649" spans="14:14">
      <c r="N633649" s="10"/>
    </row>
    <row r="633650" spans="14:14">
      <c r="N633650" s="10"/>
    </row>
    <row r="633651" spans="14:14">
      <c r="N633651" s="10"/>
    </row>
    <row r="633652" spans="14:14">
      <c r="N633652" s="10"/>
    </row>
    <row r="633653" spans="14:14">
      <c r="N633653" s="10"/>
    </row>
    <row r="633654" spans="14:14">
      <c r="N633654" s="10"/>
    </row>
    <row r="633655" spans="14:14">
      <c r="N633655" s="10"/>
    </row>
    <row r="633656" spans="14:14">
      <c r="N633656" s="10"/>
    </row>
    <row r="633657" spans="14:14">
      <c r="N633657" s="10"/>
    </row>
    <row r="633658" spans="14:14">
      <c r="N633658" s="10"/>
    </row>
    <row r="633659" spans="14:14">
      <c r="N633659" s="10"/>
    </row>
    <row r="633660" spans="14:14">
      <c r="N633660" s="10"/>
    </row>
    <row r="633661" spans="14:14">
      <c r="N633661" s="10"/>
    </row>
    <row r="633662" spans="14:14">
      <c r="N633662" s="10"/>
    </row>
    <row r="633663" spans="14:14">
      <c r="N633663" s="10"/>
    </row>
    <row r="633664" spans="14:14">
      <c r="N633664" s="10"/>
    </row>
    <row r="633665" spans="14:14">
      <c r="N633665" s="10"/>
    </row>
    <row r="633666" spans="14:14">
      <c r="N633666" s="10"/>
    </row>
    <row r="633667" spans="14:14">
      <c r="N633667" s="10"/>
    </row>
    <row r="633668" spans="14:14">
      <c r="N633668" s="10"/>
    </row>
    <row r="633669" spans="14:14">
      <c r="N633669" s="10"/>
    </row>
    <row r="633670" spans="14:14">
      <c r="N633670" s="10"/>
    </row>
    <row r="633671" spans="14:14">
      <c r="N633671" s="10"/>
    </row>
    <row r="633672" spans="14:14">
      <c r="N633672" s="10"/>
    </row>
    <row r="633673" spans="14:14">
      <c r="N633673" s="10"/>
    </row>
    <row r="633674" spans="14:14">
      <c r="N633674" s="10"/>
    </row>
    <row r="633675" spans="14:14">
      <c r="N633675" s="10"/>
    </row>
    <row r="633676" spans="14:14">
      <c r="N633676" s="10"/>
    </row>
    <row r="633677" spans="14:14">
      <c r="N633677" s="10"/>
    </row>
    <row r="633678" spans="14:14">
      <c r="N633678" s="10"/>
    </row>
    <row r="633679" spans="14:14">
      <c r="N633679" s="10"/>
    </row>
    <row r="633680" spans="14:14">
      <c r="N633680" s="10"/>
    </row>
    <row r="633681" spans="14:14">
      <c r="N633681" s="10"/>
    </row>
    <row r="633682" spans="14:14">
      <c r="N633682" s="10"/>
    </row>
    <row r="633683" spans="14:14">
      <c r="N633683" s="10"/>
    </row>
    <row r="633684" spans="14:14">
      <c r="N633684" s="10"/>
    </row>
    <row r="633685" spans="14:14">
      <c r="N633685" s="10"/>
    </row>
    <row r="633686" spans="14:14">
      <c r="N633686" s="10"/>
    </row>
    <row r="633687" spans="14:14">
      <c r="N633687" s="10"/>
    </row>
    <row r="633688" spans="14:14">
      <c r="N633688" s="10"/>
    </row>
    <row r="633689" spans="14:14">
      <c r="N633689" s="10"/>
    </row>
    <row r="633690" spans="14:14">
      <c r="N633690" s="10"/>
    </row>
    <row r="633691" spans="14:14">
      <c r="N633691" s="10"/>
    </row>
    <row r="633692" spans="14:14">
      <c r="N633692" s="10"/>
    </row>
    <row r="633693" spans="14:14">
      <c r="N633693" s="10"/>
    </row>
    <row r="633694" spans="14:14">
      <c r="N633694" s="10"/>
    </row>
    <row r="633695" spans="14:14">
      <c r="N633695" s="10"/>
    </row>
    <row r="633696" spans="14:14">
      <c r="N633696" s="10"/>
    </row>
    <row r="633697" spans="14:14">
      <c r="N633697" s="10"/>
    </row>
    <row r="633698" spans="14:14">
      <c r="N633698" s="10"/>
    </row>
    <row r="633699" spans="14:14">
      <c r="N633699" s="10"/>
    </row>
    <row r="633700" spans="14:14">
      <c r="N633700" s="10"/>
    </row>
    <row r="633701" spans="14:14">
      <c r="N633701" s="10"/>
    </row>
    <row r="633702" spans="14:14">
      <c r="N633702" s="10"/>
    </row>
    <row r="633703" spans="14:14">
      <c r="N633703" s="10"/>
    </row>
    <row r="633704" spans="14:14">
      <c r="N633704" s="10"/>
    </row>
    <row r="633705" spans="14:14">
      <c r="N633705" s="10"/>
    </row>
    <row r="633706" spans="14:14">
      <c r="N633706" s="10"/>
    </row>
    <row r="633707" spans="14:14">
      <c r="N633707" s="10"/>
    </row>
    <row r="633708" spans="14:14">
      <c r="N633708" s="10"/>
    </row>
    <row r="633709" spans="14:14">
      <c r="N633709" s="10"/>
    </row>
    <row r="633710" spans="14:14">
      <c r="N633710" s="10"/>
    </row>
    <row r="633711" spans="14:14">
      <c r="N633711" s="10"/>
    </row>
    <row r="633712" spans="14:14">
      <c r="N633712" s="10"/>
    </row>
    <row r="633713" spans="14:14">
      <c r="N633713" s="10"/>
    </row>
    <row r="633714" spans="14:14">
      <c r="N633714" s="10"/>
    </row>
    <row r="633715" spans="14:14">
      <c r="N633715" s="10"/>
    </row>
    <row r="633716" spans="14:14">
      <c r="N633716" s="10"/>
    </row>
    <row r="633717" spans="14:14">
      <c r="N633717" s="10"/>
    </row>
    <row r="633718" spans="14:14">
      <c r="N633718" s="10"/>
    </row>
    <row r="633719" spans="14:14">
      <c r="N633719" s="10"/>
    </row>
    <row r="633720" spans="14:14">
      <c r="N633720" s="10"/>
    </row>
    <row r="633721" spans="14:14">
      <c r="N633721" s="10"/>
    </row>
    <row r="633722" spans="14:14">
      <c r="N633722" s="10"/>
    </row>
    <row r="633723" spans="14:14">
      <c r="N633723" s="10"/>
    </row>
    <row r="633724" spans="14:14">
      <c r="N633724" s="10"/>
    </row>
    <row r="633725" spans="14:14">
      <c r="N633725" s="10"/>
    </row>
    <row r="633726" spans="14:14">
      <c r="N633726" s="10"/>
    </row>
    <row r="633727" spans="14:14">
      <c r="N633727" s="10"/>
    </row>
    <row r="633728" spans="14:14">
      <c r="N633728" s="10"/>
    </row>
    <row r="633729" spans="14:14">
      <c r="N633729" s="10"/>
    </row>
    <row r="633730" spans="14:14">
      <c r="N633730" s="10"/>
    </row>
    <row r="633731" spans="14:14">
      <c r="N633731" s="10"/>
    </row>
    <row r="633732" spans="14:14">
      <c r="N633732" s="10"/>
    </row>
    <row r="633733" spans="14:14">
      <c r="N633733" s="10"/>
    </row>
    <row r="633734" spans="14:14">
      <c r="N633734" s="10"/>
    </row>
    <row r="633735" spans="14:14">
      <c r="N633735" s="10"/>
    </row>
    <row r="633736" spans="14:14">
      <c r="N633736" s="10"/>
    </row>
    <row r="633737" spans="14:14">
      <c r="N633737" s="10"/>
    </row>
    <row r="633738" spans="14:14">
      <c r="N633738" s="10"/>
    </row>
    <row r="633739" spans="14:14">
      <c r="N633739" s="10"/>
    </row>
    <row r="633740" spans="14:14">
      <c r="N633740" s="10"/>
    </row>
    <row r="633741" spans="14:14">
      <c r="N633741" s="10"/>
    </row>
    <row r="633742" spans="14:14">
      <c r="N633742" s="10"/>
    </row>
    <row r="633743" spans="14:14">
      <c r="N633743" s="10"/>
    </row>
    <row r="633744" spans="14:14">
      <c r="N633744" s="10"/>
    </row>
    <row r="633745" spans="14:14">
      <c r="N633745" s="10"/>
    </row>
    <row r="633746" spans="14:14">
      <c r="N633746" s="10"/>
    </row>
    <row r="633747" spans="14:14">
      <c r="N633747" s="10"/>
    </row>
    <row r="633748" spans="14:14">
      <c r="N633748" s="10"/>
    </row>
    <row r="633749" spans="14:14">
      <c r="N633749" s="10"/>
    </row>
    <row r="633750" spans="14:14">
      <c r="N633750" s="10"/>
    </row>
    <row r="633751" spans="14:14">
      <c r="N633751" s="10"/>
    </row>
    <row r="633752" spans="14:14">
      <c r="N633752" s="10"/>
    </row>
    <row r="633753" spans="14:14">
      <c r="N633753" s="10"/>
    </row>
    <row r="633754" spans="14:14">
      <c r="N633754" s="10"/>
    </row>
    <row r="633755" spans="14:14">
      <c r="N633755" s="10"/>
    </row>
    <row r="633756" spans="14:14">
      <c r="N633756" s="10"/>
    </row>
    <row r="633757" spans="14:14">
      <c r="N633757" s="10"/>
    </row>
    <row r="633758" spans="14:14">
      <c r="N633758" s="10"/>
    </row>
    <row r="633759" spans="14:14">
      <c r="N633759" s="10"/>
    </row>
    <row r="633760" spans="14:14">
      <c r="N633760" s="10"/>
    </row>
    <row r="633761" spans="14:14">
      <c r="N633761" s="10"/>
    </row>
    <row r="633762" spans="14:14">
      <c r="N633762" s="10"/>
    </row>
    <row r="633763" spans="14:14">
      <c r="N633763" s="10"/>
    </row>
    <row r="633764" spans="14:14">
      <c r="N633764" s="10"/>
    </row>
    <row r="633765" spans="14:14">
      <c r="N633765" s="10"/>
    </row>
    <row r="633766" spans="14:14">
      <c r="N633766" s="10"/>
    </row>
    <row r="633767" spans="14:14">
      <c r="N633767" s="10"/>
    </row>
    <row r="633768" spans="14:14">
      <c r="N633768" s="10"/>
    </row>
    <row r="633769" spans="14:14">
      <c r="N633769" s="10"/>
    </row>
    <row r="633770" spans="14:14">
      <c r="N633770" s="10"/>
    </row>
    <row r="633771" spans="14:14">
      <c r="N633771" s="10"/>
    </row>
    <row r="633772" spans="14:14">
      <c r="N633772" s="10"/>
    </row>
    <row r="633773" spans="14:14">
      <c r="N633773" s="10"/>
    </row>
    <row r="633774" spans="14:14">
      <c r="N633774" s="10"/>
    </row>
    <row r="633775" spans="14:14">
      <c r="N633775" s="10"/>
    </row>
    <row r="633776" spans="14:14">
      <c r="N633776" s="10"/>
    </row>
    <row r="633777" spans="14:14">
      <c r="N633777" s="10"/>
    </row>
    <row r="633778" spans="14:14">
      <c r="N633778" s="10"/>
    </row>
    <row r="633779" spans="14:14">
      <c r="N633779" s="10"/>
    </row>
    <row r="633780" spans="14:14">
      <c r="N633780" s="10"/>
    </row>
    <row r="633781" spans="14:14">
      <c r="N633781" s="10"/>
    </row>
    <row r="633782" spans="14:14">
      <c r="N633782" s="10"/>
    </row>
    <row r="633783" spans="14:14">
      <c r="N633783" s="10"/>
    </row>
    <row r="633784" spans="14:14">
      <c r="N633784" s="10"/>
    </row>
    <row r="633785" spans="14:14">
      <c r="N633785" s="10"/>
    </row>
    <row r="633786" spans="14:14">
      <c r="N633786" s="10"/>
    </row>
    <row r="633787" spans="14:14">
      <c r="N633787" s="10"/>
    </row>
    <row r="633788" spans="14:14">
      <c r="N633788" s="10"/>
    </row>
    <row r="633789" spans="14:14">
      <c r="N633789" s="10"/>
    </row>
    <row r="633790" spans="14:14">
      <c r="N633790" s="10"/>
    </row>
    <row r="633791" spans="14:14">
      <c r="N633791" s="10"/>
    </row>
    <row r="633792" spans="14:14">
      <c r="N633792" s="10"/>
    </row>
    <row r="633793" spans="14:14">
      <c r="N633793" s="10"/>
    </row>
    <row r="633794" spans="14:14">
      <c r="N633794" s="10"/>
    </row>
    <row r="633795" spans="14:14">
      <c r="N633795" s="10"/>
    </row>
    <row r="633796" spans="14:14">
      <c r="N633796" s="10"/>
    </row>
    <row r="633797" spans="14:14">
      <c r="N633797" s="10"/>
    </row>
    <row r="633798" spans="14:14">
      <c r="N633798" s="10"/>
    </row>
    <row r="633799" spans="14:14">
      <c r="N633799" s="10"/>
    </row>
    <row r="633800" spans="14:14">
      <c r="N633800" s="10"/>
    </row>
    <row r="633801" spans="14:14">
      <c r="N633801" s="10"/>
    </row>
    <row r="633802" spans="14:14">
      <c r="N633802" s="10"/>
    </row>
    <row r="633803" spans="14:14">
      <c r="N633803" s="10"/>
    </row>
    <row r="633804" spans="14:14">
      <c r="N633804" s="10"/>
    </row>
    <row r="633805" spans="14:14">
      <c r="N633805" s="10"/>
    </row>
    <row r="633806" spans="14:14">
      <c r="N633806" s="10"/>
    </row>
    <row r="633807" spans="14:14">
      <c r="N633807" s="10"/>
    </row>
    <row r="633808" spans="14:14">
      <c r="N633808" s="10"/>
    </row>
    <row r="633809" spans="14:14">
      <c r="N633809" s="10"/>
    </row>
    <row r="633810" spans="14:14">
      <c r="N633810" s="10"/>
    </row>
    <row r="633811" spans="14:14">
      <c r="N633811" s="10"/>
    </row>
    <row r="633812" spans="14:14">
      <c r="N633812" s="10"/>
    </row>
    <row r="633813" spans="14:14">
      <c r="N633813" s="10"/>
    </row>
    <row r="633814" spans="14:14">
      <c r="N633814" s="10"/>
    </row>
    <row r="633815" spans="14:14">
      <c r="N633815" s="10"/>
    </row>
    <row r="633816" spans="14:14">
      <c r="N633816" s="10"/>
    </row>
    <row r="633817" spans="14:14">
      <c r="N633817" s="10"/>
    </row>
    <row r="633818" spans="14:14">
      <c r="N633818" s="10"/>
    </row>
    <row r="633819" spans="14:14">
      <c r="N633819" s="10"/>
    </row>
    <row r="633820" spans="14:14">
      <c r="N633820" s="10"/>
    </row>
    <row r="633821" spans="14:14">
      <c r="N633821" s="10"/>
    </row>
    <row r="633822" spans="14:14">
      <c r="N633822" s="10"/>
    </row>
    <row r="633823" spans="14:14">
      <c r="N633823" s="10"/>
    </row>
    <row r="633824" spans="14:14">
      <c r="N633824" s="10"/>
    </row>
    <row r="633825" spans="14:14">
      <c r="N633825" s="10"/>
    </row>
    <row r="633826" spans="14:14">
      <c r="N633826" s="10"/>
    </row>
    <row r="633827" spans="14:14">
      <c r="N633827" s="10"/>
    </row>
    <row r="633828" spans="14:14">
      <c r="N633828" s="10"/>
    </row>
    <row r="633829" spans="14:14">
      <c r="N633829" s="10"/>
    </row>
    <row r="633830" spans="14:14">
      <c r="N633830" s="10"/>
    </row>
    <row r="633831" spans="14:14">
      <c r="N633831" s="10"/>
    </row>
    <row r="633832" spans="14:14">
      <c r="N633832" s="10"/>
    </row>
    <row r="633833" spans="14:14">
      <c r="N633833" s="10"/>
    </row>
    <row r="633834" spans="14:14">
      <c r="N633834" s="10"/>
    </row>
    <row r="633835" spans="14:14">
      <c r="N633835" s="10"/>
    </row>
    <row r="633836" spans="14:14">
      <c r="N633836" s="10"/>
    </row>
    <row r="633837" spans="14:14">
      <c r="N633837" s="10"/>
    </row>
    <row r="633838" spans="14:14">
      <c r="N633838" s="10"/>
    </row>
    <row r="633839" spans="14:14">
      <c r="N633839" s="10"/>
    </row>
    <row r="633840" spans="14:14">
      <c r="N633840" s="10"/>
    </row>
    <row r="633841" spans="14:14">
      <c r="N633841" s="10"/>
    </row>
    <row r="633842" spans="14:14">
      <c r="N633842" s="10"/>
    </row>
    <row r="633843" spans="14:14">
      <c r="N633843" s="10"/>
    </row>
    <row r="633844" spans="14:14">
      <c r="N633844" s="10"/>
    </row>
    <row r="633845" spans="14:14">
      <c r="N633845" s="10"/>
    </row>
    <row r="633846" spans="14:14">
      <c r="N633846" s="10"/>
    </row>
    <row r="633847" spans="14:14">
      <c r="N633847" s="10"/>
    </row>
    <row r="633848" spans="14:14">
      <c r="N633848" s="10"/>
    </row>
    <row r="633849" spans="14:14">
      <c r="N633849" s="10"/>
    </row>
    <row r="633850" spans="14:14">
      <c r="N633850" s="10"/>
    </row>
    <row r="633851" spans="14:14">
      <c r="N633851" s="10"/>
    </row>
    <row r="633852" spans="14:14">
      <c r="N633852" s="10"/>
    </row>
    <row r="633853" spans="14:14">
      <c r="N633853" s="10"/>
    </row>
    <row r="633854" spans="14:14">
      <c r="N633854" s="10"/>
    </row>
    <row r="633855" spans="14:14">
      <c r="N633855" s="10"/>
    </row>
    <row r="633856" spans="14:14">
      <c r="N633856" s="10"/>
    </row>
    <row r="633857" spans="14:14">
      <c r="N633857" s="10"/>
    </row>
    <row r="633858" spans="14:14">
      <c r="N633858" s="10"/>
    </row>
    <row r="633859" spans="14:14">
      <c r="N633859" s="10"/>
    </row>
    <row r="633860" spans="14:14">
      <c r="N633860" s="10"/>
    </row>
    <row r="633861" spans="14:14">
      <c r="N633861" s="10"/>
    </row>
    <row r="633862" spans="14:14">
      <c r="N633862" s="10"/>
    </row>
    <row r="633863" spans="14:14">
      <c r="N633863" s="10"/>
    </row>
    <row r="633864" spans="14:14">
      <c r="N633864" s="10"/>
    </row>
    <row r="633865" spans="14:14">
      <c r="N633865" s="10"/>
    </row>
    <row r="633866" spans="14:14">
      <c r="N633866" s="10"/>
    </row>
    <row r="633867" spans="14:14">
      <c r="N633867" s="10"/>
    </row>
    <row r="633868" spans="14:14">
      <c r="N633868" s="10"/>
    </row>
    <row r="633869" spans="14:14">
      <c r="N633869" s="10"/>
    </row>
    <row r="633870" spans="14:14">
      <c r="N633870" s="10"/>
    </row>
    <row r="633871" spans="14:14">
      <c r="N633871" s="10"/>
    </row>
    <row r="633872" spans="14:14">
      <c r="N633872" s="10"/>
    </row>
    <row r="633873" spans="14:14">
      <c r="N633873" s="10"/>
    </row>
    <row r="633874" spans="14:14">
      <c r="N633874" s="10"/>
    </row>
    <row r="633875" spans="14:14">
      <c r="N633875" s="10"/>
    </row>
    <row r="633876" spans="14:14">
      <c r="N633876" s="10"/>
    </row>
    <row r="633877" spans="14:14">
      <c r="N633877" s="10"/>
    </row>
    <row r="633878" spans="14:14">
      <c r="N633878" s="10"/>
    </row>
    <row r="633879" spans="14:14">
      <c r="N633879" s="10"/>
    </row>
    <row r="633880" spans="14:14">
      <c r="N633880" s="10"/>
    </row>
    <row r="633881" spans="14:14">
      <c r="N633881" s="10"/>
    </row>
    <row r="633882" spans="14:14">
      <c r="N633882" s="10"/>
    </row>
    <row r="633883" spans="14:14">
      <c r="N633883" s="10"/>
    </row>
    <row r="633884" spans="14:14">
      <c r="N633884" s="10"/>
    </row>
    <row r="633885" spans="14:14">
      <c r="N633885" s="10"/>
    </row>
    <row r="633886" spans="14:14">
      <c r="N633886" s="10"/>
    </row>
    <row r="633887" spans="14:14">
      <c r="N633887" s="10"/>
    </row>
    <row r="633888" spans="14:14">
      <c r="N633888" s="10"/>
    </row>
    <row r="633889" spans="14:14">
      <c r="N633889" s="10"/>
    </row>
    <row r="633890" spans="14:14">
      <c r="N633890" s="10"/>
    </row>
    <row r="633891" spans="14:14">
      <c r="N633891" s="10"/>
    </row>
    <row r="633892" spans="14:14">
      <c r="N633892" s="10"/>
    </row>
    <row r="633893" spans="14:14">
      <c r="N633893" s="10"/>
    </row>
    <row r="633894" spans="14:14">
      <c r="N633894" s="10"/>
    </row>
    <row r="633895" spans="14:14">
      <c r="N633895" s="10"/>
    </row>
    <row r="633896" spans="14:14">
      <c r="N633896" s="10"/>
    </row>
    <row r="633897" spans="14:14">
      <c r="N633897" s="10"/>
    </row>
    <row r="633898" spans="14:14">
      <c r="N633898" s="10"/>
    </row>
    <row r="633899" spans="14:14">
      <c r="N633899" s="10"/>
    </row>
    <row r="633900" spans="14:14">
      <c r="N633900" s="10"/>
    </row>
    <row r="633901" spans="14:14">
      <c r="N633901" s="10"/>
    </row>
    <row r="633902" spans="14:14">
      <c r="N633902" s="10"/>
    </row>
    <row r="633903" spans="14:14">
      <c r="N633903" s="10"/>
    </row>
    <row r="633904" spans="14:14">
      <c r="N633904" s="10"/>
    </row>
    <row r="633905" spans="14:14">
      <c r="N633905" s="10"/>
    </row>
    <row r="633906" spans="14:14">
      <c r="N633906" s="10"/>
    </row>
    <row r="633907" spans="14:14">
      <c r="N633907" s="10"/>
    </row>
    <row r="633908" spans="14:14">
      <c r="N633908" s="10"/>
    </row>
    <row r="633909" spans="14:14">
      <c r="N633909" s="10"/>
    </row>
    <row r="633910" spans="14:14">
      <c r="N633910" s="10"/>
    </row>
    <row r="633911" spans="14:14">
      <c r="N633911" s="10"/>
    </row>
    <row r="633912" spans="14:14">
      <c r="N633912" s="10"/>
    </row>
    <row r="633913" spans="14:14">
      <c r="N633913" s="10"/>
    </row>
    <row r="633914" spans="14:14">
      <c r="N633914" s="10"/>
    </row>
    <row r="633915" spans="14:14">
      <c r="N633915" s="10"/>
    </row>
    <row r="633916" spans="14:14">
      <c r="N633916" s="10"/>
    </row>
    <row r="633917" spans="14:14">
      <c r="N633917" s="10"/>
    </row>
    <row r="633918" spans="14:14">
      <c r="N633918" s="10"/>
    </row>
    <row r="633919" spans="14:14">
      <c r="N633919" s="10"/>
    </row>
    <row r="633920" spans="14:14">
      <c r="N633920" s="10"/>
    </row>
    <row r="633921" spans="14:14">
      <c r="N633921" s="10"/>
    </row>
    <row r="633922" spans="14:14">
      <c r="N633922" s="10"/>
    </row>
    <row r="633923" spans="14:14">
      <c r="N633923" s="10"/>
    </row>
    <row r="633924" spans="14:14">
      <c r="N633924" s="10"/>
    </row>
    <row r="633925" spans="14:14">
      <c r="N633925" s="10"/>
    </row>
    <row r="633926" spans="14:14">
      <c r="N633926" s="10"/>
    </row>
    <row r="633927" spans="14:14">
      <c r="N633927" s="10"/>
    </row>
    <row r="633928" spans="14:14">
      <c r="N633928" s="10"/>
    </row>
    <row r="633929" spans="14:14">
      <c r="N633929" s="10"/>
    </row>
    <row r="633930" spans="14:14">
      <c r="N633930" s="10"/>
    </row>
    <row r="633931" spans="14:14">
      <c r="N633931" s="10"/>
    </row>
    <row r="633932" spans="14:14">
      <c r="N633932" s="10"/>
    </row>
    <row r="633933" spans="14:14">
      <c r="N633933" s="10"/>
    </row>
    <row r="633934" spans="14:14">
      <c r="N633934" s="10"/>
    </row>
    <row r="633935" spans="14:14">
      <c r="N633935" s="10"/>
    </row>
    <row r="633936" spans="14:14">
      <c r="N633936" s="10"/>
    </row>
    <row r="633937" spans="14:14">
      <c r="N633937" s="10"/>
    </row>
    <row r="633938" spans="14:14">
      <c r="N633938" s="10"/>
    </row>
    <row r="633939" spans="14:14">
      <c r="N633939" s="10"/>
    </row>
    <row r="633940" spans="14:14">
      <c r="N633940" s="10"/>
    </row>
    <row r="633941" spans="14:14">
      <c r="N633941" s="10"/>
    </row>
    <row r="633942" spans="14:14">
      <c r="N633942" s="10"/>
    </row>
    <row r="633943" spans="14:14">
      <c r="N633943" s="10"/>
    </row>
    <row r="633944" spans="14:14">
      <c r="N633944" s="10"/>
    </row>
    <row r="633945" spans="14:14">
      <c r="N633945" s="10"/>
    </row>
    <row r="633946" spans="14:14">
      <c r="N633946" s="10"/>
    </row>
    <row r="633947" spans="14:14">
      <c r="N633947" s="10"/>
    </row>
    <row r="633948" spans="14:14">
      <c r="N633948" s="10"/>
    </row>
    <row r="633949" spans="14:14">
      <c r="N633949" s="10"/>
    </row>
    <row r="633950" spans="14:14">
      <c r="N633950" s="10"/>
    </row>
    <row r="633951" spans="14:14">
      <c r="N633951" s="10"/>
    </row>
    <row r="633952" spans="14:14">
      <c r="N633952" s="10"/>
    </row>
    <row r="633953" spans="14:14">
      <c r="N633953" s="10"/>
    </row>
    <row r="633954" spans="14:14">
      <c r="N633954" s="10"/>
    </row>
    <row r="633955" spans="14:14">
      <c r="N633955" s="10"/>
    </row>
    <row r="633956" spans="14:14">
      <c r="N633956" s="10"/>
    </row>
    <row r="633957" spans="14:14">
      <c r="N633957" s="10"/>
    </row>
    <row r="633958" spans="14:14">
      <c r="N633958" s="10"/>
    </row>
    <row r="633959" spans="14:14">
      <c r="N633959" s="10"/>
    </row>
    <row r="633960" spans="14:14">
      <c r="N633960" s="10"/>
    </row>
    <row r="633961" spans="14:14">
      <c r="N633961" s="10"/>
    </row>
    <row r="633962" spans="14:14">
      <c r="N633962" s="10"/>
    </row>
    <row r="633963" spans="14:14">
      <c r="N633963" s="10"/>
    </row>
    <row r="633964" spans="14:14">
      <c r="N633964" s="10"/>
    </row>
    <row r="633965" spans="14:14">
      <c r="N633965" s="10"/>
    </row>
    <row r="633966" spans="14:14">
      <c r="N633966" s="10"/>
    </row>
    <row r="633967" spans="14:14">
      <c r="N633967" s="10"/>
    </row>
    <row r="633968" spans="14:14">
      <c r="N633968" s="10"/>
    </row>
    <row r="633969" spans="14:14">
      <c r="N633969" s="10"/>
    </row>
    <row r="633970" spans="14:14">
      <c r="N633970" s="10"/>
    </row>
    <row r="633971" spans="14:14">
      <c r="N633971" s="10"/>
    </row>
    <row r="633972" spans="14:14">
      <c r="N633972" s="10"/>
    </row>
    <row r="633973" spans="14:14">
      <c r="N633973" s="10"/>
    </row>
    <row r="633974" spans="14:14">
      <c r="N633974" s="10"/>
    </row>
    <row r="633975" spans="14:14">
      <c r="N633975" s="10"/>
    </row>
    <row r="633976" spans="14:14">
      <c r="N633976" s="10"/>
    </row>
    <row r="633977" spans="14:14">
      <c r="N633977" s="10"/>
    </row>
    <row r="633978" spans="14:14">
      <c r="N633978" s="10"/>
    </row>
    <row r="633979" spans="14:14">
      <c r="N633979" s="10"/>
    </row>
    <row r="633980" spans="14:14">
      <c r="N633980" s="10"/>
    </row>
    <row r="633981" spans="14:14">
      <c r="N633981" s="10"/>
    </row>
    <row r="633982" spans="14:14">
      <c r="N633982" s="10"/>
    </row>
    <row r="633983" spans="14:14">
      <c r="N633983" s="10"/>
    </row>
    <row r="633984" spans="14:14">
      <c r="N633984" s="10"/>
    </row>
    <row r="633985" spans="14:14">
      <c r="N633985" s="10"/>
    </row>
    <row r="633986" spans="14:14">
      <c r="N633986" s="10"/>
    </row>
    <row r="633987" spans="14:14">
      <c r="N633987" s="10"/>
    </row>
    <row r="633988" spans="14:14">
      <c r="N633988" s="10"/>
    </row>
    <row r="633989" spans="14:14">
      <c r="N633989" s="10"/>
    </row>
    <row r="633990" spans="14:14">
      <c r="N633990" s="10"/>
    </row>
    <row r="633991" spans="14:14">
      <c r="N633991" s="10"/>
    </row>
    <row r="633992" spans="14:14">
      <c r="N633992" s="10"/>
    </row>
    <row r="633993" spans="14:14">
      <c r="N633993" s="10"/>
    </row>
    <row r="633994" spans="14:14">
      <c r="N633994" s="10"/>
    </row>
    <row r="633995" spans="14:14">
      <c r="N633995" s="10"/>
    </row>
    <row r="633996" spans="14:14">
      <c r="N633996" s="10"/>
    </row>
    <row r="633997" spans="14:14">
      <c r="N633997" s="10"/>
    </row>
    <row r="633998" spans="14:14">
      <c r="N633998" s="10"/>
    </row>
    <row r="633999" spans="14:14">
      <c r="N633999" s="10"/>
    </row>
    <row r="634000" spans="14:14">
      <c r="N634000" s="10"/>
    </row>
    <row r="634001" spans="14:14">
      <c r="N634001" s="10"/>
    </row>
    <row r="634002" spans="14:14">
      <c r="N634002" s="10"/>
    </row>
    <row r="634003" spans="14:14">
      <c r="N634003" s="10"/>
    </row>
    <row r="634004" spans="14:14">
      <c r="N634004" s="10"/>
    </row>
    <row r="634005" spans="14:14">
      <c r="N634005" s="10"/>
    </row>
    <row r="634006" spans="14:14">
      <c r="N634006" s="10"/>
    </row>
    <row r="634007" spans="14:14">
      <c r="N634007" s="10"/>
    </row>
    <row r="634008" spans="14:14">
      <c r="N634008" s="10"/>
    </row>
    <row r="634009" spans="14:14">
      <c r="N634009" s="10"/>
    </row>
    <row r="634010" spans="14:14">
      <c r="N634010" s="10"/>
    </row>
    <row r="634011" spans="14:14">
      <c r="N634011" s="10"/>
    </row>
    <row r="634012" spans="14:14">
      <c r="N634012" s="10"/>
    </row>
    <row r="634013" spans="14:14">
      <c r="N634013" s="10"/>
    </row>
    <row r="634014" spans="14:14">
      <c r="N634014" s="10"/>
    </row>
    <row r="634015" spans="14:14">
      <c r="N634015" s="10"/>
    </row>
    <row r="634016" spans="14:14">
      <c r="N634016" s="10"/>
    </row>
    <row r="634017" spans="14:14">
      <c r="N634017" s="10"/>
    </row>
    <row r="634018" spans="14:14">
      <c r="N634018" s="10"/>
    </row>
    <row r="634019" spans="14:14">
      <c r="N634019" s="10"/>
    </row>
    <row r="634020" spans="14:14">
      <c r="N634020" s="10"/>
    </row>
    <row r="634021" spans="14:14">
      <c r="N634021" s="10"/>
    </row>
    <row r="634022" spans="14:14">
      <c r="N634022" s="10"/>
    </row>
    <row r="634023" spans="14:14">
      <c r="N634023" s="10"/>
    </row>
    <row r="634024" spans="14:14">
      <c r="N634024" s="10"/>
    </row>
    <row r="634025" spans="14:14">
      <c r="N634025" s="10"/>
    </row>
    <row r="634026" spans="14:14">
      <c r="N634026" s="10"/>
    </row>
    <row r="634027" spans="14:14">
      <c r="N634027" s="10"/>
    </row>
    <row r="634028" spans="14:14">
      <c r="N634028" s="10"/>
    </row>
    <row r="634029" spans="14:14">
      <c r="N634029" s="10"/>
    </row>
    <row r="634030" spans="14:14">
      <c r="N634030" s="10"/>
    </row>
    <row r="634031" spans="14:14">
      <c r="N634031" s="10"/>
    </row>
    <row r="634032" spans="14:14">
      <c r="N634032" s="10"/>
    </row>
    <row r="634033" spans="14:14">
      <c r="N634033" s="10"/>
    </row>
    <row r="634034" spans="14:14">
      <c r="N634034" s="10"/>
    </row>
    <row r="634035" spans="14:14">
      <c r="N634035" s="10"/>
    </row>
    <row r="634036" spans="14:14">
      <c r="N634036" s="10"/>
    </row>
    <row r="634037" spans="14:14">
      <c r="N634037" s="10"/>
    </row>
    <row r="634038" spans="14:14">
      <c r="N634038" s="10"/>
    </row>
    <row r="634039" spans="14:14">
      <c r="N634039" s="10"/>
    </row>
    <row r="634040" spans="14:14">
      <c r="N634040" s="10"/>
    </row>
    <row r="634041" spans="14:14">
      <c r="N634041" s="10"/>
    </row>
    <row r="634042" spans="14:14">
      <c r="N634042" s="10"/>
    </row>
    <row r="634043" spans="14:14">
      <c r="N634043" s="10"/>
    </row>
    <row r="634044" spans="14:14">
      <c r="N634044" s="10"/>
    </row>
    <row r="634045" spans="14:14">
      <c r="N634045" s="10"/>
    </row>
    <row r="634046" spans="14:14">
      <c r="N634046" s="10"/>
    </row>
    <row r="634047" spans="14:14">
      <c r="N634047" s="10"/>
    </row>
    <row r="634048" spans="14:14">
      <c r="N634048" s="10"/>
    </row>
    <row r="634049" spans="14:14">
      <c r="N634049" s="10"/>
    </row>
    <row r="634050" spans="14:14">
      <c r="N634050" s="10"/>
    </row>
    <row r="634051" spans="14:14">
      <c r="N634051" s="10"/>
    </row>
    <row r="634052" spans="14:14">
      <c r="N634052" s="10"/>
    </row>
    <row r="634053" spans="14:14">
      <c r="N634053" s="10"/>
    </row>
    <row r="634054" spans="14:14">
      <c r="N634054" s="10"/>
    </row>
    <row r="634055" spans="14:14">
      <c r="N634055" s="10"/>
    </row>
    <row r="634056" spans="14:14">
      <c r="N634056" s="10"/>
    </row>
    <row r="634057" spans="14:14">
      <c r="N634057" s="10"/>
    </row>
    <row r="634058" spans="14:14">
      <c r="N634058" s="10"/>
    </row>
    <row r="634059" spans="14:14">
      <c r="N634059" s="10"/>
    </row>
    <row r="634060" spans="14:14">
      <c r="N634060" s="10"/>
    </row>
    <row r="634061" spans="14:14">
      <c r="N634061" s="10"/>
    </row>
    <row r="634062" spans="14:14">
      <c r="N634062" s="10"/>
    </row>
    <row r="634063" spans="14:14">
      <c r="N634063" s="10"/>
    </row>
    <row r="634064" spans="14:14">
      <c r="N634064" s="10"/>
    </row>
    <row r="634065" spans="14:14">
      <c r="N634065" s="10"/>
    </row>
    <row r="634066" spans="14:14">
      <c r="N634066" s="10"/>
    </row>
    <row r="634067" spans="14:14">
      <c r="N634067" s="10"/>
    </row>
    <row r="634068" spans="14:14">
      <c r="N634068" s="10"/>
    </row>
    <row r="634069" spans="14:14">
      <c r="N634069" s="10"/>
    </row>
    <row r="634070" spans="14:14">
      <c r="N634070" s="10"/>
    </row>
    <row r="634071" spans="14:14">
      <c r="N634071" s="10"/>
    </row>
    <row r="634072" spans="14:14">
      <c r="N634072" s="10"/>
    </row>
    <row r="634073" spans="14:14">
      <c r="N634073" s="10"/>
    </row>
    <row r="634074" spans="14:14">
      <c r="N634074" s="10"/>
    </row>
    <row r="634075" spans="14:14">
      <c r="N634075" s="10"/>
    </row>
    <row r="634076" spans="14:14">
      <c r="N634076" s="10"/>
    </row>
    <row r="634077" spans="14:14">
      <c r="N634077" s="10"/>
    </row>
    <row r="634078" spans="14:14">
      <c r="N634078" s="10"/>
    </row>
    <row r="634079" spans="14:14">
      <c r="N634079" s="10"/>
    </row>
    <row r="634080" spans="14:14">
      <c r="N634080" s="10"/>
    </row>
    <row r="634081" spans="14:14">
      <c r="N634081" s="10"/>
    </row>
    <row r="634082" spans="14:14">
      <c r="N634082" s="10"/>
    </row>
    <row r="634083" spans="14:14">
      <c r="N634083" s="10"/>
    </row>
    <row r="634084" spans="14:14">
      <c r="N634084" s="10"/>
    </row>
    <row r="634085" spans="14:14">
      <c r="N634085" s="10"/>
    </row>
    <row r="634086" spans="14:14">
      <c r="N634086" s="10"/>
    </row>
    <row r="634087" spans="14:14">
      <c r="N634087" s="10"/>
    </row>
    <row r="634088" spans="14:14">
      <c r="N634088" s="10"/>
    </row>
    <row r="634089" spans="14:14">
      <c r="N634089" s="10"/>
    </row>
    <row r="634090" spans="14:14">
      <c r="N634090" s="10"/>
    </row>
    <row r="634091" spans="14:14">
      <c r="N634091" s="10"/>
    </row>
    <row r="634092" spans="14:14">
      <c r="N634092" s="10"/>
    </row>
    <row r="634093" spans="14:14">
      <c r="N634093" s="10"/>
    </row>
    <row r="634094" spans="14:14">
      <c r="N634094" s="10"/>
    </row>
    <row r="634095" spans="14:14">
      <c r="N634095" s="10"/>
    </row>
    <row r="634096" spans="14:14">
      <c r="N634096" s="10"/>
    </row>
    <row r="634097" spans="14:14">
      <c r="N634097" s="10"/>
    </row>
    <row r="634098" spans="14:14">
      <c r="N634098" s="10"/>
    </row>
    <row r="634099" spans="14:14">
      <c r="N634099" s="10"/>
    </row>
    <row r="634100" spans="14:14">
      <c r="N634100" s="10"/>
    </row>
    <row r="634101" spans="14:14">
      <c r="N634101" s="10"/>
    </row>
    <row r="634102" spans="14:14">
      <c r="N634102" s="10"/>
    </row>
    <row r="634103" spans="14:14">
      <c r="N634103" s="10"/>
    </row>
    <row r="634104" spans="14:14">
      <c r="N634104" s="10"/>
    </row>
    <row r="634105" spans="14:14">
      <c r="N634105" s="10"/>
    </row>
    <row r="634106" spans="14:14">
      <c r="N634106" s="10"/>
    </row>
    <row r="634107" spans="14:14">
      <c r="N634107" s="10"/>
    </row>
    <row r="634108" spans="14:14">
      <c r="N634108" s="10"/>
    </row>
    <row r="634109" spans="14:14">
      <c r="N634109" s="10"/>
    </row>
    <row r="634110" spans="14:14">
      <c r="N634110" s="10"/>
    </row>
    <row r="634111" spans="14:14">
      <c r="N634111" s="10"/>
    </row>
    <row r="634112" spans="14:14">
      <c r="N634112" s="10"/>
    </row>
    <row r="634113" spans="14:14">
      <c r="N634113" s="10"/>
    </row>
    <row r="634114" spans="14:14">
      <c r="N634114" s="10"/>
    </row>
    <row r="634115" spans="14:14">
      <c r="N634115" s="10"/>
    </row>
    <row r="634116" spans="14:14">
      <c r="N634116" s="10"/>
    </row>
    <row r="634117" spans="14:14">
      <c r="N634117" s="10"/>
    </row>
    <row r="634118" spans="14:14">
      <c r="N634118" s="10"/>
    </row>
    <row r="634119" spans="14:14">
      <c r="N634119" s="10"/>
    </row>
    <row r="634120" spans="14:14">
      <c r="N634120" s="10"/>
    </row>
    <row r="634121" spans="14:14">
      <c r="N634121" s="10"/>
    </row>
    <row r="634122" spans="14:14">
      <c r="N634122" s="10"/>
    </row>
    <row r="634123" spans="14:14">
      <c r="N634123" s="10"/>
    </row>
    <row r="634124" spans="14:14">
      <c r="N634124" s="10"/>
    </row>
    <row r="634125" spans="14:14">
      <c r="N634125" s="10"/>
    </row>
    <row r="634126" spans="14:14">
      <c r="N634126" s="10"/>
    </row>
    <row r="634127" spans="14:14">
      <c r="N634127" s="10"/>
    </row>
    <row r="634128" spans="14:14">
      <c r="N634128" s="10"/>
    </row>
    <row r="634129" spans="14:14">
      <c r="N634129" s="10"/>
    </row>
    <row r="634130" spans="14:14">
      <c r="N634130" s="10"/>
    </row>
    <row r="634131" spans="14:14">
      <c r="N634131" s="10"/>
    </row>
    <row r="634132" spans="14:14">
      <c r="N634132" s="10"/>
    </row>
    <row r="634133" spans="14:14">
      <c r="N634133" s="10"/>
    </row>
    <row r="634134" spans="14:14">
      <c r="N634134" s="10"/>
    </row>
    <row r="634135" spans="14:14">
      <c r="N634135" s="10"/>
    </row>
    <row r="634136" spans="14:14">
      <c r="N634136" s="10"/>
    </row>
    <row r="634137" spans="14:14">
      <c r="N634137" s="10"/>
    </row>
    <row r="634138" spans="14:14">
      <c r="N634138" s="10"/>
    </row>
    <row r="634139" spans="14:14">
      <c r="N634139" s="10"/>
    </row>
    <row r="634140" spans="14:14">
      <c r="N634140" s="10"/>
    </row>
    <row r="634141" spans="14:14">
      <c r="N634141" s="10"/>
    </row>
    <row r="634142" spans="14:14">
      <c r="N634142" s="10"/>
    </row>
    <row r="634143" spans="14:14">
      <c r="N634143" s="10"/>
    </row>
    <row r="634144" spans="14:14">
      <c r="N634144" s="10"/>
    </row>
    <row r="634145" spans="14:14">
      <c r="N634145" s="10"/>
    </row>
    <row r="634146" spans="14:14">
      <c r="N634146" s="10"/>
    </row>
    <row r="634147" spans="14:14">
      <c r="N634147" s="10"/>
    </row>
    <row r="634148" spans="14:14">
      <c r="N634148" s="10"/>
    </row>
    <row r="634149" spans="14:14">
      <c r="N634149" s="10"/>
    </row>
    <row r="634150" spans="14:14">
      <c r="N634150" s="10"/>
    </row>
    <row r="634151" spans="14:14">
      <c r="N634151" s="10"/>
    </row>
    <row r="634152" spans="14:14">
      <c r="N634152" s="10"/>
    </row>
    <row r="634153" spans="14:14">
      <c r="N634153" s="10"/>
    </row>
    <row r="634154" spans="14:14">
      <c r="N634154" s="10"/>
    </row>
    <row r="634155" spans="14:14">
      <c r="N634155" s="10"/>
    </row>
    <row r="634156" spans="14:14">
      <c r="N634156" s="10"/>
    </row>
    <row r="634157" spans="14:14">
      <c r="N634157" s="10"/>
    </row>
    <row r="634158" spans="14:14">
      <c r="N634158" s="10"/>
    </row>
    <row r="634159" spans="14:14">
      <c r="N634159" s="10"/>
    </row>
    <row r="634160" spans="14:14">
      <c r="N634160" s="10"/>
    </row>
    <row r="634161" spans="14:14">
      <c r="N634161" s="10"/>
    </row>
    <row r="634162" spans="14:14">
      <c r="N634162" s="10"/>
    </row>
    <row r="634163" spans="14:14">
      <c r="N634163" s="10"/>
    </row>
    <row r="634164" spans="14:14">
      <c r="N634164" s="10"/>
    </row>
    <row r="634165" spans="14:14">
      <c r="N634165" s="10"/>
    </row>
    <row r="634166" spans="14:14">
      <c r="N634166" s="10"/>
    </row>
    <row r="634167" spans="14:14">
      <c r="N634167" s="10"/>
    </row>
    <row r="634168" spans="14:14">
      <c r="N634168" s="10"/>
    </row>
    <row r="634169" spans="14:14">
      <c r="N634169" s="10"/>
    </row>
    <row r="634170" spans="14:14">
      <c r="N634170" s="10"/>
    </row>
    <row r="634171" spans="14:14">
      <c r="N634171" s="10"/>
    </row>
    <row r="634172" spans="14:14">
      <c r="N634172" s="10"/>
    </row>
    <row r="634173" spans="14:14">
      <c r="N634173" s="10"/>
    </row>
    <row r="634174" spans="14:14">
      <c r="N634174" s="10"/>
    </row>
    <row r="634175" spans="14:14">
      <c r="N634175" s="10"/>
    </row>
    <row r="634176" spans="14:14">
      <c r="N634176" s="10"/>
    </row>
    <row r="634177" spans="14:14">
      <c r="N634177" s="10"/>
    </row>
    <row r="634178" spans="14:14">
      <c r="N634178" s="10"/>
    </row>
    <row r="634179" spans="14:14">
      <c r="N634179" s="10"/>
    </row>
    <row r="634180" spans="14:14">
      <c r="N634180" s="10"/>
    </row>
    <row r="634181" spans="14:14">
      <c r="N634181" s="10"/>
    </row>
    <row r="634182" spans="14:14">
      <c r="N634182" s="10"/>
    </row>
    <row r="634183" spans="14:14">
      <c r="N634183" s="10"/>
    </row>
    <row r="634184" spans="14:14">
      <c r="N634184" s="10"/>
    </row>
    <row r="634185" spans="14:14">
      <c r="N634185" s="10"/>
    </row>
    <row r="634186" spans="14:14">
      <c r="N634186" s="10"/>
    </row>
    <row r="634187" spans="14:14">
      <c r="N634187" s="10"/>
    </row>
    <row r="634188" spans="14:14">
      <c r="N634188" s="10"/>
    </row>
    <row r="634189" spans="14:14">
      <c r="N634189" s="10"/>
    </row>
    <row r="634190" spans="14:14">
      <c r="N634190" s="10"/>
    </row>
    <row r="634191" spans="14:14">
      <c r="N634191" s="10"/>
    </row>
    <row r="634192" spans="14:14">
      <c r="N634192" s="10"/>
    </row>
    <row r="634193" spans="14:14">
      <c r="N634193" s="10"/>
    </row>
    <row r="634194" spans="14:14">
      <c r="N634194" s="10"/>
    </row>
    <row r="634195" spans="14:14">
      <c r="N634195" s="10"/>
    </row>
    <row r="634196" spans="14:14">
      <c r="N634196" s="10"/>
    </row>
    <row r="634197" spans="14:14">
      <c r="N634197" s="10"/>
    </row>
    <row r="634198" spans="14:14">
      <c r="N634198" s="10"/>
    </row>
    <row r="634199" spans="14:14">
      <c r="N634199" s="10"/>
    </row>
    <row r="634200" spans="14:14">
      <c r="N634200" s="10"/>
    </row>
    <row r="634201" spans="14:14">
      <c r="N634201" s="10"/>
    </row>
    <row r="634202" spans="14:14">
      <c r="N634202" s="10"/>
    </row>
    <row r="634203" spans="14:14">
      <c r="N634203" s="10"/>
    </row>
    <row r="634204" spans="14:14">
      <c r="N634204" s="10"/>
    </row>
    <row r="634205" spans="14:14">
      <c r="N634205" s="10"/>
    </row>
    <row r="634206" spans="14:14">
      <c r="N634206" s="10"/>
    </row>
    <row r="634207" spans="14:14">
      <c r="N634207" s="10"/>
    </row>
    <row r="634208" spans="14:14">
      <c r="N634208" s="10"/>
    </row>
    <row r="634209" spans="14:14">
      <c r="N634209" s="10"/>
    </row>
    <row r="634210" spans="14:14">
      <c r="N634210" s="10"/>
    </row>
    <row r="634211" spans="14:14">
      <c r="N634211" s="10"/>
    </row>
    <row r="634212" spans="14:14">
      <c r="N634212" s="10"/>
    </row>
    <row r="634213" spans="14:14">
      <c r="N634213" s="10"/>
    </row>
    <row r="634214" spans="14:14">
      <c r="N634214" s="10"/>
    </row>
    <row r="634215" spans="14:14">
      <c r="N634215" s="10"/>
    </row>
    <row r="634216" spans="14:14">
      <c r="N634216" s="10"/>
    </row>
    <row r="634217" spans="14:14">
      <c r="N634217" s="10"/>
    </row>
    <row r="634218" spans="14:14">
      <c r="N634218" s="10"/>
    </row>
    <row r="634219" spans="14:14">
      <c r="N634219" s="10"/>
    </row>
    <row r="634220" spans="14:14">
      <c r="N634220" s="10"/>
    </row>
    <row r="634221" spans="14:14">
      <c r="N634221" s="10"/>
    </row>
    <row r="634222" spans="14:14">
      <c r="N634222" s="10"/>
    </row>
    <row r="634223" spans="14:14">
      <c r="N634223" s="10"/>
    </row>
    <row r="634224" spans="14:14">
      <c r="N634224" s="10"/>
    </row>
    <row r="634225" spans="14:14">
      <c r="N634225" s="10"/>
    </row>
    <row r="634226" spans="14:14">
      <c r="N634226" s="10"/>
    </row>
    <row r="634227" spans="14:14">
      <c r="N634227" s="10"/>
    </row>
    <row r="634228" spans="14:14">
      <c r="N634228" s="10"/>
    </row>
    <row r="634229" spans="14:14">
      <c r="N634229" s="10"/>
    </row>
    <row r="634230" spans="14:14">
      <c r="N634230" s="10"/>
    </row>
    <row r="634231" spans="14:14">
      <c r="N634231" s="10"/>
    </row>
    <row r="634232" spans="14:14">
      <c r="N634232" s="10"/>
    </row>
    <row r="634233" spans="14:14">
      <c r="N634233" s="10"/>
    </row>
    <row r="634234" spans="14:14">
      <c r="N634234" s="10"/>
    </row>
    <row r="634235" spans="14:14">
      <c r="N634235" s="10"/>
    </row>
    <row r="634236" spans="14:14">
      <c r="N634236" s="10"/>
    </row>
    <row r="634237" spans="14:14">
      <c r="N634237" s="10"/>
    </row>
    <row r="634238" spans="14:14">
      <c r="N634238" s="10"/>
    </row>
    <row r="634239" spans="14:14">
      <c r="N634239" s="10"/>
    </row>
    <row r="634240" spans="14:14">
      <c r="N634240" s="10"/>
    </row>
    <row r="634241" spans="14:14">
      <c r="N634241" s="10"/>
    </row>
    <row r="634242" spans="14:14">
      <c r="N634242" s="10"/>
    </row>
    <row r="634243" spans="14:14">
      <c r="N634243" s="10"/>
    </row>
    <row r="634244" spans="14:14">
      <c r="N634244" s="10"/>
    </row>
    <row r="634245" spans="14:14">
      <c r="N634245" s="10"/>
    </row>
    <row r="634246" spans="14:14">
      <c r="N634246" s="10"/>
    </row>
    <row r="634247" spans="14:14">
      <c r="N634247" s="10"/>
    </row>
    <row r="634248" spans="14:14">
      <c r="N634248" s="10"/>
    </row>
    <row r="634249" spans="14:14">
      <c r="N634249" s="10"/>
    </row>
    <row r="634250" spans="14:14">
      <c r="N634250" s="10"/>
    </row>
    <row r="634251" spans="14:14">
      <c r="N634251" s="10"/>
    </row>
    <row r="634252" spans="14:14">
      <c r="N634252" s="10"/>
    </row>
    <row r="634253" spans="14:14">
      <c r="N634253" s="10"/>
    </row>
    <row r="634254" spans="14:14">
      <c r="N634254" s="10"/>
    </row>
    <row r="634255" spans="14:14">
      <c r="N634255" s="10"/>
    </row>
    <row r="634256" spans="14:14">
      <c r="N634256" s="10"/>
    </row>
    <row r="634257" spans="14:14">
      <c r="N634257" s="10"/>
    </row>
    <row r="634258" spans="14:14">
      <c r="N634258" s="10"/>
    </row>
    <row r="634259" spans="14:14">
      <c r="N634259" s="10"/>
    </row>
    <row r="634260" spans="14:14">
      <c r="N634260" s="10"/>
    </row>
    <row r="634261" spans="14:14">
      <c r="N634261" s="10"/>
    </row>
    <row r="634262" spans="14:14">
      <c r="N634262" s="10"/>
    </row>
    <row r="634263" spans="14:14">
      <c r="N634263" s="10"/>
    </row>
    <row r="634264" spans="14:14">
      <c r="N634264" s="10"/>
    </row>
    <row r="634265" spans="14:14">
      <c r="N634265" s="10"/>
    </row>
    <row r="634266" spans="14:14">
      <c r="N634266" s="10"/>
    </row>
    <row r="634267" spans="14:14">
      <c r="N634267" s="10"/>
    </row>
    <row r="634268" spans="14:14">
      <c r="N634268" s="10"/>
    </row>
    <row r="634269" spans="14:14">
      <c r="N634269" s="10"/>
    </row>
    <row r="634270" spans="14:14">
      <c r="N634270" s="10"/>
    </row>
    <row r="634271" spans="14:14">
      <c r="N634271" s="10"/>
    </row>
    <row r="634272" spans="14:14">
      <c r="N634272" s="10"/>
    </row>
    <row r="634273" spans="14:14">
      <c r="N634273" s="10"/>
    </row>
    <row r="634274" spans="14:14">
      <c r="N634274" s="10"/>
    </row>
    <row r="634275" spans="14:14">
      <c r="N634275" s="10"/>
    </row>
    <row r="634276" spans="14:14">
      <c r="N634276" s="10"/>
    </row>
    <row r="634277" spans="14:14">
      <c r="N634277" s="10"/>
    </row>
    <row r="634278" spans="14:14">
      <c r="N634278" s="10"/>
    </row>
    <row r="634279" spans="14:14">
      <c r="N634279" s="10"/>
    </row>
    <row r="634280" spans="14:14">
      <c r="N634280" s="10"/>
    </row>
    <row r="634281" spans="14:14">
      <c r="N634281" s="10"/>
    </row>
    <row r="634282" spans="14:14">
      <c r="N634282" s="10"/>
    </row>
    <row r="634283" spans="14:14">
      <c r="N634283" s="10"/>
    </row>
    <row r="634284" spans="14:14">
      <c r="N634284" s="10"/>
    </row>
    <row r="634285" spans="14:14">
      <c r="N634285" s="10"/>
    </row>
    <row r="634286" spans="14:14">
      <c r="N634286" s="10"/>
    </row>
    <row r="634287" spans="14:14">
      <c r="N634287" s="10"/>
    </row>
    <row r="634288" spans="14:14">
      <c r="N634288" s="10"/>
    </row>
    <row r="634289" spans="14:14">
      <c r="N634289" s="10"/>
    </row>
    <row r="634290" spans="14:14">
      <c r="N634290" s="10"/>
    </row>
    <row r="634291" spans="14:14">
      <c r="N634291" s="10"/>
    </row>
    <row r="634292" spans="14:14">
      <c r="N634292" s="10"/>
    </row>
    <row r="634293" spans="14:14">
      <c r="N634293" s="10"/>
    </row>
    <row r="634294" spans="14:14">
      <c r="N634294" s="10"/>
    </row>
    <row r="634295" spans="14:14">
      <c r="N634295" s="10"/>
    </row>
    <row r="634296" spans="14:14">
      <c r="N634296" s="10"/>
    </row>
    <row r="634297" spans="14:14">
      <c r="N634297" s="10"/>
    </row>
    <row r="634298" spans="14:14">
      <c r="N634298" s="10"/>
    </row>
    <row r="634299" spans="14:14">
      <c r="N634299" s="10"/>
    </row>
    <row r="634300" spans="14:14">
      <c r="N634300" s="10"/>
    </row>
    <row r="634301" spans="14:14">
      <c r="N634301" s="10"/>
    </row>
    <row r="634302" spans="14:14">
      <c r="N634302" s="10"/>
    </row>
    <row r="634303" spans="14:14">
      <c r="N634303" s="10"/>
    </row>
    <row r="634304" spans="14:14">
      <c r="N634304" s="10"/>
    </row>
    <row r="634305" spans="14:14">
      <c r="N634305" s="10"/>
    </row>
    <row r="634306" spans="14:14">
      <c r="N634306" s="10"/>
    </row>
    <row r="634307" spans="14:14">
      <c r="N634307" s="10"/>
    </row>
    <row r="634308" spans="14:14">
      <c r="N634308" s="10"/>
    </row>
    <row r="634309" spans="14:14">
      <c r="N634309" s="10"/>
    </row>
    <row r="634310" spans="14:14">
      <c r="N634310" s="10"/>
    </row>
    <row r="634311" spans="14:14">
      <c r="N634311" s="10"/>
    </row>
    <row r="634312" spans="14:14">
      <c r="N634312" s="10"/>
    </row>
    <row r="634313" spans="14:14">
      <c r="N634313" s="10"/>
    </row>
    <row r="634314" spans="14:14">
      <c r="N634314" s="10"/>
    </row>
    <row r="634315" spans="14:14">
      <c r="N634315" s="10"/>
    </row>
    <row r="634316" spans="14:14">
      <c r="N634316" s="10"/>
    </row>
    <row r="634317" spans="14:14">
      <c r="N634317" s="10"/>
    </row>
    <row r="634318" spans="14:14">
      <c r="N634318" s="10"/>
    </row>
    <row r="634319" spans="14:14">
      <c r="N634319" s="10"/>
    </row>
    <row r="634320" spans="14:14">
      <c r="N634320" s="10"/>
    </row>
    <row r="634321" spans="14:14">
      <c r="N634321" s="10"/>
    </row>
    <row r="634322" spans="14:14">
      <c r="N634322" s="10"/>
    </row>
    <row r="634323" spans="14:14">
      <c r="N634323" s="10"/>
    </row>
    <row r="634324" spans="14:14">
      <c r="N634324" s="10"/>
    </row>
    <row r="634325" spans="14:14">
      <c r="N634325" s="10"/>
    </row>
    <row r="634326" spans="14:14">
      <c r="N634326" s="10"/>
    </row>
    <row r="634327" spans="14:14">
      <c r="N634327" s="10"/>
    </row>
    <row r="634328" spans="14:14">
      <c r="N634328" s="10"/>
    </row>
    <row r="634329" spans="14:14">
      <c r="N634329" s="10"/>
    </row>
    <row r="634330" spans="14:14">
      <c r="N634330" s="10"/>
    </row>
    <row r="634331" spans="14:14">
      <c r="N634331" s="10"/>
    </row>
    <row r="634332" spans="14:14">
      <c r="N634332" s="10"/>
    </row>
    <row r="634333" spans="14:14">
      <c r="N634333" s="10"/>
    </row>
    <row r="634334" spans="14:14">
      <c r="N634334" s="10"/>
    </row>
    <row r="634335" spans="14:14">
      <c r="N634335" s="10"/>
    </row>
    <row r="634336" spans="14:14">
      <c r="N634336" s="10"/>
    </row>
    <row r="634337" spans="14:14">
      <c r="N634337" s="10"/>
    </row>
    <row r="634338" spans="14:14">
      <c r="N634338" s="10"/>
    </row>
    <row r="634339" spans="14:14">
      <c r="N634339" s="10"/>
    </row>
    <row r="634340" spans="14:14">
      <c r="N634340" s="10"/>
    </row>
    <row r="634341" spans="14:14">
      <c r="N634341" s="10"/>
    </row>
    <row r="634342" spans="14:14">
      <c r="N634342" s="10"/>
    </row>
    <row r="634343" spans="14:14">
      <c r="N634343" s="10"/>
    </row>
    <row r="634344" spans="14:14">
      <c r="N634344" s="10"/>
    </row>
    <row r="634345" spans="14:14">
      <c r="N634345" s="10"/>
    </row>
    <row r="634346" spans="14:14">
      <c r="N634346" s="10"/>
    </row>
    <row r="634347" spans="14:14">
      <c r="N634347" s="10"/>
    </row>
    <row r="634348" spans="14:14">
      <c r="N634348" s="10"/>
    </row>
    <row r="634349" spans="14:14">
      <c r="N634349" s="10"/>
    </row>
    <row r="634350" spans="14:14">
      <c r="N634350" s="10"/>
    </row>
    <row r="634351" spans="14:14">
      <c r="N634351" s="10"/>
    </row>
    <row r="634352" spans="14:14">
      <c r="N634352" s="10"/>
    </row>
    <row r="634353" spans="14:14">
      <c r="N634353" s="10"/>
    </row>
    <row r="634354" spans="14:14">
      <c r="N634354" s="10"/>
    </row>
    <row r="634355" spans="14:14">
      <c r="N634355" s="10"/>
    </row>
    <row r="634356" spans="14:14">
      <c r="N634356" s="10"/>
    </row>
    <row r="634357" spans="14:14">
      <c r="N634357" s="10"/>
    </row>
    <row r="634358" spans="14:14">
      <c r="N634358" s="10"/>
    </row>
    <row r="634359" spans="14:14">
      <c r="N634359" s="10"/>
    </row>
    <row r="634360" spans="14:14">
      <c r="N634360" s="10"/>
    </row>
    <row r="634361" spans="14:14">
      <c r="N634361" s="10"/>
    </row>
    <row r="634362" spans="14:14">
      <c r="N634362" s="10"/>
    </row>
    <row r="634363" spans="14:14">
      <c r="N634363" s="10"/>
    </row>
    <row r="634364" spans="14:14">
      <c r="N634364" s="10"/>
    </row>
    <row r="634365" spans="14:14">
      <c r="N634365" s="10"/>
    </row>
    <row r="634366" spans="14:14">
      <c r="N634366" s="10"/>
    </row>
    <row r="634367" spans="14:14">
      <c r="N634367" s="10"/>
    </row>
    <row r="634368" spans="14:14">
      <c r="N634368" s="10"/>
    </row>
    <row r="634369" spans="14:14">
      <c r="N634369" s="10"/>
    </row>
    <row r="634370" spans="14:14">
      <c r="N634370" s="10"/>
    </row>
    <row r="634371" spans="14:14">
      <c r="N634371" s="10"/>
    </row>
    <row r="634372" spans="14:14">
      <c r="N634372" s="10"/>
    </row>
    <row r="634373" spans="14:14">
      <c r="N634373" s="10"/>
    </row>
    <row r="634374" spans="14:14">
      <c r="N634374" s="10"/>
    </row>
    <row r="634375" spans="14:14">
      <c r="N634375" s="10"/>
    </row>
    <row r="634376" spans="14:14">
      <c r="N634376" s="10"/>
    </row>
    <row r="634377" spans="14:14">
      <c r="N634377" s="10"/>
    </row>
    <row r="634378" spans="14:14">
      <c r="N634378" s="10"/>
    </row>
    <row r="634379" spans="14:14">
      <c r="N634379" s="10"/>
    </row>
    <row r="634380" spans="14:14">
      <c r="N634380" s="10"/>
    </row>
    <row r="634381" spans="14:14">
      <c r="N634381" s="10"/>
    </row>
    <row r="634382" spans="14:14">
      <c r="N634382" s="10"/>
    </row>
    <row r="634383" spans="14:14">
      <c r="N634383" s="10"/>
    </row>
    <row r="634384" spans="14:14">
      <c r="N634384" s="10"/>
    </row>
    <row r="634385" spans="14:14">
      <c r="N634385" s="10"/>
    </row>
    <row r="634386" spans="14:14">
      <c r="N634386" s="10"/>
    </row>
    <row r="634387" spans="14:14">
      <c r="N634387" s="10"/>
    </row>
    <row r="634388" spans="14:14">
      <c r="N634388" s="10"/>
    </row>
    <row r="634389" spans="14:14">
      <c r="N634389" s="10"/>
    </row>
    <row r="634390" spans="14:14">
      <c r="N634390" s="10"/>
    </row>
    <row r="634391" spans="14:14">
      <c r="N634391" s="10"/>
    </row>
    <row r="634392" spans="14:14">
      <c r="N634392" s="10"/>
    </row>
    <row r="634393" spans="14:14">
      <c r="N634393" s="10"/>
    </row>
    <row r="634394" spans="14:14">
      <c r="N634394" s="10"/>
    </row>
    <row r="634395" spans="14:14">
      <c r="N634395" s="10"/>
    </row>
    <row r="634396" spans="14:14">
      <c r="N634396" s="10"/>
    </row>
    <row r="634397" spans="14:14">
      <c r="N634397" s="10"/>
    </row>
    <row r="634398" spans="14:14">
      <c r="N634398" s="10"/>
    </row>
    <row r="634399" spans="14:14">
      <c r="N634399" s="10"/>
    </row>
    <row r="634400" spans="14:14">
      <c r="N634400" s="10"/>
    </row>
    <row r="634401" spans="14:14">
      <c r="N634401" s="10"/>
    </row>
    <row r="634402" spans="14:14">
      <c r="N634402" s="10"/>
    </row>
    <row r="634403" spans="14:14">
      <c r="N634403" s="10"/>
    </row>
    <row r="634404" spans="14:14">
      <c r="N634404" s="10"/>
    </row>
    <row r="634405" spans="14:14">
      <c r="N634405" s="10"/>
    </row>
    <row r="634406" spans="14:14">
      <c r="N634406" s="10"/>
    </row>
    <row r="634407" spans="14:14">
      <c r="N634407" s="10"/>
    </row>
    <row r="634408" spans="14:14">
      <c r="N634408" s="10"/>
    </row>
    <row r="634409" spans="14:14">
      <c r="N634409" s="10"/>
    </row>
    <row r="634410" spans="14:14">
      <c r="N634410" s="10"/>
    </row>
    <row r="634411" spans="14:14">
      <c r="N634411" s="10"/>
    </row>
    <row r="634412" spans="14:14">
      <c r="N634412" s="10"/>
    </row>
    <row r="634413" spans="14:14">
      <c r="N634413" s="10"/>
    </row>
    <row r="634414" spans="14:14">
      <c r="N634414" s="10"/>
    </row>
    <row r="634415" spans="14:14">
      <c r="N634415" s="10"/>
    </row>
    <row r="634416" spans="14:14">
      <c r="N634416" s="10"/>
    </row>
    <row r="634417" spans="14:14">
      <c r="N634417" s="10"/>
    </row>
    <row r="634418" spans="14:14">
      <c r="N634418" s="10"/>
    </row>
    <row r="634419" spans="14:14">
      <c r="N634419" s="10"/>
    </row>
    <row r="634420" spans="14:14">
      <c r="N634420" s="10"/>
    </row>
    <row r="634421" spans="14:14">
      <c r="N634421" s="10"/>
    </row>
    <row r="634422" spans="14:14">
      <c r="N634422" s="10"/>
    </row>
    <row r="634423" spans="14:14">
      <c r="N634423" s="10"/>
    </row>
    <row r="634424" spans="14:14">
      <c r="N634424" s="10"/>
    </row>
    <row r="634425" spans="14:14">
      <c r="N634425" s="10"/>
    </row>
    <row r="634426" spans="14:14">
      <c r="N634426" s="10"/>
    </row>
    <row r="634427" spans="14:14">
      <c r="N634427" s="10"/>
    </row>
    <row r="634428" spans="14:14">
      <c r="N634428" s="10"/>
    </row>
    <row r="634429" spans="14:14">
      <c r="N634429" s="10"/>
    </row>
    <row r="634430" spans="14:14">
      <c r="N634430" s="10"/>
    </row>
    <row r="634431" spans="14:14">
      <c r="N634431" s="10"/>
    </row>
    <row r="634432" spans="14:14">
      <c r="N634432" s="10"/>
    </row>
    <row r="634433" spans="14:14">
      <c r="N634433" s="10"/>
    </row>
    <row r="634434" spans="14:14">
      <c r="N634434" s="10"/>
    </row>
    <row r="634435" spans="14:14">
      <c r="N634435" s="10"/>
    </row>
    <row r="634436" spans="14:14">
      <c r="N634436" s="10"/>
    </row>
    <row r="634437" spans="14:14">
      <c r="N634437" s="10"/>
    </row>
    <row r="634438" spans="14:14">
      <c r="N634438" s="10"/>
    </row>
    <row r="634439" spans="14:14">
      <c r="N634439" s="10"/>
    </row>
    <row r="634440" spans="14:14">
      <c r="N634440" s="10"/>
    </row>
    <row r="634441" spans="14:14">
      <c r="N634441" s="10"/>
    </row>
    <row r="634442" spans="14:14">
      <c r="N634442" s="10"/>
    </row>
    <row r="634443" spans="14:14">
      <c r="N634443" s="10"/>
    </row>
    <row r="634444" spans="14:14">
      <c r="N634444" s="10"/>
    </row>
    <row r="634445" spans="14:14">
      <c r="N634445" s="10"/>
    </row>
    <row r="634446" spans="14:14">
      <c r="N634446" s="10"/>
    </row>
    <row r="634447" spans="14:14">
      <c r="N634447" s="10"/>
    </row>
    <row r="634448" spans="14:14">
      <c r="N634448" s="10"/>
    </row>
    <row r="634449" spans="14:14">
      <c r="N634449" s="10"/>
    </row>
    <row r="634450" spans="14:14">
      <c r="N634450" s="10"/>
    </row>
    <row r="634451" spans="14:14">
      <c r="N634451" s="10"/>
    </row>
    <row r="634452" spans="14:14">
      <c r="N634452" s="10"/>
    </row>
    <row r="634453" spans="14:14">
      <c r="N634453" s="10"/>
    </row>
    <row r="634454" spans="14:14">
      <c r="N634454" s="10"/>
    </row>
    <row r="634455" spans="14:14">
      <c r="N634455" s="10"/>
    </row>
    <row r="634456" spans="14:14">
      <c r="N634456" s="10"/>
    </row>
    <row r="634457" spans="14:14">
      <c r="N634457" s="10"/>
    </row>
    <row r="634458" spans="14:14">
      <c r="N634458" s="10"/>
    </row>
    <row r="634459" spans="14:14">
      <c r="N634459" s="10"/>
    </row>
    <row r="634460" spans="14:14">
      <c r="N634460" s="10"/>
    </row>
    <row r="634461" spans="14:14">
      <c r="N634461" s="10"/>
    </row>
    <row r="634462" spans="14:14">
      <c r="N634462" s="10"/>
    </row>
    <row r="634463" spans="14:14">
      <c r="N634463" s="10"/>
    </row>
    <row r="634464" spans="14:14">
      <c r="N634464" s="10"/>
    </row>
    <row r="634465" spans="14:14">
      <c r="N634465" s="10"/>
    </row>
    <row r="634466" spans="14:14">
      <c r="N634466" s="10"/>
    </row>
    <row r="634467" spans="14:14">
      <c r="N634467" s="10"/>
    </row>
    <row r="634468" spans="14:14">
      <c r="N634468" s="10"/>
    </row>
    <row r="634469" spans="14:14">
      <c r="N634469" s="10"/>
    </row>
    <row r="634470" spans="14:14">
      <c r="N634470" s="10"/>
    </row>
    <row r="634471" spans="14:14">
      <c r="N634471" s="10"/>
    </row>
    <row r="634472" spans="14:14">
      <c r="N634472" s="10"/>
    </row>
    <row r="634473" spans="14:14">
      <c r="N634473" s="10"/>
    </row>
    <row r="634474" spans="14:14">
      <c r="N634474" s="10"/>
    </row>
    <row r="634475" spans="14:14">
      <c r="N634475" s="10"/>
    </row>
    <row r="634476" spans="14:14">
      <c r="N634476" s="10"/>
    </row>
    <row r="634477" spans="14:14">
      <c r="N634477" s="10"/>
    </row>
    <row r="634478" spans="14:14">
      <c r="N634478" s="10"/>
    </row>
    <row r="634479" spans="14:14">
      <c r="N634479" s="10"/>
    </row>
    <row r="634480" spans="14:14">
      <c r="N634480" s="10"/>
    </row>
    <row r="634481" spans="14:14">
      <c r="N634481" s="10"/>
    </row>
    <row r="634482" spans="14:14">
      <c r="N634482" s="10"/>
    </row>
    <row r="634483" spans="14:14">
      <c r="N634483" s="10"/>
    </row>
    <row r="634484" spans="14:14">
      <c r="N634484" s="10"/>
    </row>
    <row r="634485" spans="14:14">
      <c r="N634485" s="10"/>
    </row>
    <row r="634486" spans="14:14">
      <c r="N634486" s="10"/>
    </row>
    <row r="634487" spans="14:14">
      <c r="N634487" s="10"/>
    </row>
    <row r="634488" spans="14:14">
      <c r="N634488" s="10"/>
    </row>
    <row r="634489" spans="14:14">
      <c r="N634489" s="10"/>
    </row>
    <row r="634490" spans="14:14">
      <c r="N634490" s="10"/>
    </row>
    <row r="634491" spans="14:14">
      <c r="N634491" s="10"/>
    </row>
    <row r="634492" spans="14:14">
      <c r="N634492" s="10"/>
    </row>
    <row r="634493" spans="14:14">
      <c r="N634493" s="10"/>
    </row>
    <row r="634494" spans="14:14">
      <c r="N634494" s="10"/>
    </row>
    <row r="634495" spans="14:14">
      <c r="N634495" s="10"/>
    </row>
    <row r="634496" spans="14:14">
      <c r="N634496" s="10"/>
    </row>
    <row r="634497" spans="14:14">
      <c r="N634497" s="10"/>
    </row>
    <row r="634498" spans="14:14">
      <c r="N634498" s="10"/>
    </row>
    <row r="634499" spans="14:14">
      <c r="N634499" s="10"/>
    </row>
    <row r="634500" spans="14:14">
      <c r="N634500" s="10"/>
    </row>
    <row r="634501" spans="14:14">
      <c r="N634501" s="10"/>
    </row>
    <row r="634502" spans="14:14">
      <c r="N634502" s="10"/>
    </row>
    <row r="634503" spans="14:14">
      <c r="N634503" s="10"/>
    </row>
    <row r="634504" spans="14:14">
      <c r="N634504" s="10"/>
    </row>
    <row r="634505" spans="14:14">
      <c r="N634505" s="10"/>
    </row>
    <row r="634506" spans="14:14">
      <c r="N634506" s="10"/>
    </row>
    <row r="634507" spans="14:14">
      <c r="N634507" s="10"/>
    </row>
    <row r="634508" spans="14:14">
      <c r="N634508" s="10"/>
    </row>
    <row r="634509" spans="14:14">
      <c r="N634509" s="10"/>
    </row>
    <row r="634510" spans="14:14">
      <c r="N634510" s="10"/>
    </row>
    <row r="634511" spans="14:14">
      <c r="N634511" s="10"/>
    </row>
    <row r="634512" spans="14:14">
      <c r="N634512" s="10"/>
    </row>
    <row r="634513" spans="14:14">
      <c r="N634513" s="10"/>
    </row>
    <row r="634514" spans="14:14">
      <c r="N634514" s="10"/>
    </row>
    <row r="634515" spans="14:14">
      <c r="N634515" s="10"/>
    </row>
    <row r="634516" spans="14:14">
      <c r="N634516" s="10"/>
    </row>
    <row r="634517" spans="14:14">
      <c r="N634517" s="10"/>
    </row>
    <row r="634518" spans="14:14">
      <c r="N634518" s="10"/>
    </row>
    <row r="634519" spans="14:14">
      <c r="N634519" s="10"/>
    </row>
    <row r="634520" spans="14:14">
      <c r="N634520" s="10"/>
    </row>
    <row r="634521" spans="14:14">
      <c r="N634521" s="10"/>
    </row>
    <row r="634522" spans="14:14">
      <c r="N634522" s="10"/>
    </row>
    <row r="634523" spans="14:14">
      <c r="N634523" s="10"/>
    </row>
    <row r="634524" spans="14:14">
      <c r="N634524" s="10"/>
    </row>
    <row r="634525" spans="14:14">
      <c r="N634525" s="10"/>
    </row>
    <row r="634526" spans="14:14">
      <c r="N634526" s="10"/>
    </row>
    <row r="634527" spans="14:14">
      <c r="N634527" s="10"/>
    </row>
    <row r="634528" spans="14:14">
      <c r="N634528" s="10"/>
    </row>
    <row r="634529" spans="14:14">
      <c r="N634529" s="10"/>
    </row>
    <row r="634530" spans="14:14">
      <c r="N634530" s="10"/>
    </row>
    <row r="634531" spans="14:14">
      <c r="N634531" s="10"/>
    </row>
    <row r="634532" spans="14:14">
      <c r="N634532" s="10"/>
    </row>
    <row r="634533" spans="14:14">
      <c r="N634533" s="10"/>
    </row>
    <row r="634534" spans="14:14">
      <c r="N634534" s="10"/>
    </row>
    <row r="634535" spans="14:14">
      <c r="N634535" s="10"/>
    </row>
    <row r="634536" spans="14:14">
      <c r="N634536" s="10"/>
    </row>
    <row r="634537" spans="14:14">
      <c r="N634537" s="10"/>
    </row>
    <row r="634538" spans="14:14">
      <c r="N634538" s="10"/>
    </row>
    <row r="634539" spans="14:14">
      <c r="N634539" s="10"/>
    </row>
    <row r="634540" spans="14:14">
      <c r="N634540" s="10"/>
    </row>
    <row r="634541" spans="14:14">
      <c r="N634541" s="10"/>
    </row>
    <row r="634542" spans="14:14">
      <c r="N634542" s="10"/>
    </row>
    <row r="634543" spans="14:14">
      <c r="N634543" s="10"/>
    </row>
    <row r="634544" spans="14:14">
      <c r="N634544" s="10"/>
    </row>
    <row r="634545" spans="14:14">
      <c r="N634545" s="10"/>
    </row>
    <row r="634546" spans="14:14">
      <c r="N634546" s="10"/>
    </row>
    <row r="634547" spans="14:14">
      <c r="N634547" s="10"/>
    </row>
    <row r="634548" spans="14:14">
      <c r="N634548" s="10"/>
    </row>
    <row r="634549" spans="14:14">
      <c r="N634549" s="10"/>
    </row>
    <row r="634550" spans="14:14">
      <c r="N634550" s="10"/>
    </row>
    <row r="634551" spans="14:14">
      <c r="N634551" s="10"/>
    </row>
    <row r="634552" spans="14:14">
      <c r="N634552" s="10"/>
    </row>
    <row r="634553" spans="14:14">
      <c r="N634553" s="10"/>
    </row>
    <row r="634554" spans="14:14">
      <c r="N634554" s="10"/>
    </row>
    <row r="634555" spans="14:14">
      <c r="N634555" s="10"/>
    </row>
    <row r="634556" spans="14:14">
      <c r="N634556" s="10"/>
    </row>
    <row r="634557" spans="14:14">
      <c r="N634557" s="10"/>
    </row>
    <row r="634558" spans="14:14">
      <c r="N634558" s="10"/>
    </row>
    <row r="634559" spans="14:14">
      <c r="N634559" s="10"/>
    </row>
    <row r="634560" spans="14:14">
      <c r="N634560" s="10"/>
    </row>
    <row r="634561" spans="14:14">
      <c r="N634561" s="10"/>
    </row>
    <row r="634562" spans="14:14">
      <c r="N634562" s="10"/>
    </row>
    <row r="634563" spans="14:14">
      <c r="N634563" s="10"/>
    </row>
    <row r="634564" spans="14:14">
      <c r="N634564" s="10"/>
    </row>
    <row r="634565" spans="14:14">
      <c r="N634565" s="10"/>
    </row>
    <row r="634566" spans="14:14">
      <c r="N634566" s="10"/>
    </row>
    <row r="634567" spans="14:14">
      <c r="N634567" s="10"/>
    </row>
    <row r="634568" spans="14:14">
      <c r="N634568" s="10"/>
    </row>
    <row r="634569" spans="14:14">
      <c r="N634569" s="10"/>
    </row>
    <row r="634570" spans="14:14">
      <c r="N634570" s="10"/>
    </row>
    <row r="634571" spans="14:14">
      <c r="N634571" s="10"/>
    </row>
    <row r="634572" spans="14:14">
      <c r="N634572" s="10"/>
    </row>
    <row r="634573" spans="14:14">
      <c r="N634573" s="10"/>
    </row>
    <row r="634574" spans="14:14">
      <c r="N634574" s="10"/>
    </row>
    <row r="634575" spans="14:14">
      <c r="N634575" s="10"/>
    </row>
    <row r="634576" spans="14:14">
      <c r="N634576" s="10"/>
    </row>
    <row r="634577" spans="14:14">
      <c r="N634577" s="10"/>
    </row>
    <row r="634578" spans="14:14">
      <c r="N634578" s="10"/>
    </row>
    <row r="634579" spans="14:14">
      <c r="N634579" s="10"/>
    </row>
    <row r="634580" spans="14:14">
      <c r="N634580" s="10"/>
    </row>
    <row r="634581" spans="14:14">
      <c r="N634581" s="10"/>
    </row>
    <row r="634582" spans="14:14">
      <c r="N634582" s="10"/>
    </row>
    <row r="634583" spans="14:14">
      <c r="N634583" s="10"/>
    </row>
    <row r="634584" spans="14:14">
      <c r="N634584" s="10"/>
    </row>
    <row r="634585" spans="14:14">
      <c r="N634585" s="10"/>
    </row>
    <row r="634586" spans="14:14">
      <c r="N634586" s="10"/>
    </row>
    <row r="634587" spans="14:14">
      <c r="N634587" s="10"/>
    </row>
    <row r="634588" spans="14:14">
      <c r="N634588" s="10"/>
    </row>
    <row r="634589" spans="14:14">
      <c r="N634589" s="10"/>
    </row>
    <row r="634590" spans="14:14">
      <c r="N634590" s="10"/>
    </row>
    <row r="634591" spans="14:14">
      <c r="N634591" s="10"/>
    </row>
    <row r="634592" spans="14:14">
      <c r="N634592" s="10"/>
    </row>
    <row r="634593" spans="14:14">
      <c r="N634593" s="10"/>
    </row>
    <row r="634594" spans="14:14">
      <c r="N634594" s="10"/>
    </row>
    <row r="634595" spans="14:14">
      <c r="N634595" s="10"/>
    </row>
    <row r="634596" spans="14:14">
      <c r="N634596" s="10"/>
    </row>
    <row r="634597" spans="14:14">
      <c r="N634597" s="10"/>
    </row>
    <row r="634598" spans="14:14">
      <c r="N634598" s="10"/>
    </row>
    <row r="634599" spans="14:14">
      <c r="N634599" s="10"/>
    </row>
    <row r="634600" spans="14:14">
      <c r="N634600" s="10"/>
    </row>
    <row r="634601" spans="14:14">
      <c r="N634601" s="10"/>
    </row>
    <row r="634602" spans="14:14">
      <c r="N634602" s="10"/>
    </row>
    <row r="634603" spans="14:14">
      <c r="N634603" s="10"/>
    </row>
    <row r="634604" spans="14:14">
      <c r="N634604" s="10"/>
    </row>
    <row r="634605" spans="14:14">
      <c r="N634605" s="10"/>
    </row>
    <row r="634606" spans="14:14">
      <c r="N634606" s="10"/>
    </row>
    <row r="634607" spans="14:14">
      <c r="N634607" s="10"/>
    </row>
    <row r="634608" spans="14:14">
      <c r="N634608" s="10"/>
    </row>
    <row r="634609" spans="14:14">
      <c r="N634609" s="10"/>
    </row>
    <row r="634610" spans="14:14">
      <c r="N634610" s="10"/>
    </row>
    <row r="634611" spans="14:14">
      <c r="N634611" s="10"/>
    </row>
    <row r="634612" spans="14:14">
      <c r="N634612" s="10"/>
    </row>
    <row r="634613" spans="14:14">
      <c r="N634613" s="10"/>
    </row>
    <row r="634614" spans="14:14">
      <c r="N634614" s="10"/>
    </row>
    <row r="634615" spans="14:14">
      <c r="N634615" s="10"/>
    </row>
    <row r="634616" spans="14:14">
      <c r="N634616" s="10"/>
    </row>
    <row r="634617" spans="14:14">
      <c r="N634617" s="10"/>
    </row>
    <row r="634618" spans="14:14">
      <c r="N634618" s="10"/>
    </row>
    <row r="634619" spans="14:14">
      <c r="N634619" s="10"/>
    </row>
    <row r="634620" spans="14:14">
      <c r="N634620" s="10"/>
    </row>
    <row r="634621" spans="14:14">
      <c r="N634621" s="10"/>
    </row>
    <row r="634622" spans="14:14">
      <c r="N634622" s="10"/>
    </row>
    <row r="634623" spans="14:14">
      <c r="N634623" s="10"/>
    </row>
    <row r="634624" spans="14:14">
      <c r="N634624" s="10"/>
    </row>
    <row r="634625" spans="14:14">
      <c r="N634625" s="10"/>
    </row>
    <row r="634626" spans="14:14">
      <c r="N634626" s="10"/>
    </row>
    <row r="634627" spans="14:14">
      <c r="N634627" s="10"/>
    </row>
    <row r="634628" spans="14:14">
      <c r="N634628" s="10"/>
    </row>
    <row r="634629" spans="14:14">
      <c r="N634629" s="10"/>
    </row>
    <row r="634630" spans="14:14">
      <c r="N634630" s="10"/>
    </row>
    <row r="634631" spans="14:14">
      <c r="N634631" s="10"/>
    </row>
    <row r="634632" spans="14:14">
      <c r="N634632" s="10"/>
    </row>
    <row r="634633" spans="14:14">
      <c r="N634633" s="10"/>
    </row>
    <row r="634634" spans="14:14">
      <c r="N634634" s="10"/>
    </row>
    <row r="634635" spans="14:14">
      <c r="N634635" s="10"/>
    </row>
    <row r="634636" spans="14:14">
      <c r="N634636" s="10"/>
    </row>
    <row r="634637" spans="14:14">
      <c r="N634637" s="10"/>
    </row>
    <row r="634638" spans="14:14">
      <c r="N634638" s="10"/>
    </row>
    <row r="634639" spans="14:14">
      <c r="N634639" s="10"/>
    </row>
    <row r="634640" spans="14:14">
      <c r="N634640" s="10"/>
    </row>
    <row r="634641" spans="14:14">
      <c r="N634641" s="10"/>
    </row>
    <row r="634642" spans="14:14">
      <c r="N634642" s="10"/>
    </row>
    <row r="634643" spans="14:14">
      <c r="N634643" s="10"/>
    </row>
    <row r="634644" spans="14:14">
      <c r="N634644" s="10"/>
    </row>
    <row r="634645" spans="14:14">
      <c r="N634645" s="10"/>
    </row>
    <row r="634646" spans="14:14">
      <c r="N634646" s="10"/>
    </row>
    <row r="634647" spans="14:14">
      <c r="N634647" s="10"/>
    </row>
    <row r="634648" spans="14:14">
      <c r="N634648" s="10"/>
    </row>
    <row r="634649" spans="14:14">
      <c r="N634649" s="10"/>
    </row>
    <row r="634650" spans="14:14">
      <c r="N634650" s="10"/>
    </row>
    <row r="634651" spans="14:14">
      <c r="N634651" s="10"/>
    </row>
    <row r="634652" spans="14:14">
      <c r="N634652" s="10"/>
    </row>
    <row r="634653" spans="14:14">
      <c r="N634653" s="10"/>
    </row>
    <row r="634654" spans="14:14">
      <c r="N634654" s="10"/>
    </row>
    <row r="634655" spans="14:14">
      <c r="N634655" s="10"/>
    </row>
    <row r="634656" spans="14:14">
      <c r="N634656" s="10"/>
    </row>
    <row r="634657" spans="14:14">
      <c r="N634657" s="10"/>
    </row>
    <row r="634658" spans="14:14">
      <c r="N634658" s="10"/>
    </row>
    <row r="634659" spans="14:14">
      <c r="N634659" s="10"/>
    </row>
    <row r="634660" spans="14:14">
      <c r="N634660" s="10"/>
    </row>
    <row r="634661" spans="14:14">
      <c r="N634661" s="10"/>
    </row>
    <row r="634662" spans="14:14">
      <c r="N634662" s="10"/>
    </row>
    <row r="634663" spans="14:14">
      <c r="N634663" s="10"/>
    </row>
    <row r="634664" spans="14:14">
      <c r="N634664" s="10"/>
    </row>
    <row r="634665" spans="14:14">
      <c r="N634665" s="10"/>
    </row>
    <row r="634666" spans="14:14">
      <c r="N634666" s="10"/>
    </row>
    <row r="634667" spans="14:14">
      <c r="N634667" s="10"/>
    </row>
    <row r="634668" spans="14:14">
      <c r="N634668" s="10"/>
    </row>
    <row r="634669" spans="14:14">
      <c r="N634669" s="10"/>
    </row>
    <row r="634670" spans="14:14">
      <c r="N634670" s="10"/>
    </row>
    <row r="634671" spans="14:14">
      <c r="N634671" s="10"/>
    </row>
    <row r="634672" spans="14:14">
      <c r="N634672" s="10"/>
    </row>
    <row r="634673" spans="14:14">
      <c r="N634673" s="10"/>
    </row>
    <row r="634674" spans="14:14">
      <c r="N634674" s="10"/>
    </row>
    <row r="634675" spans="14:14">
      <c r="N634675" s="10"/>
    </row>
    <row r="634676" spans="14:14">
      <c r="N634676" s="10"/>
    </row>
    <row r="634677" spans="14:14">
      <c r="N634677" s="10"/>
    </row>
    <row r="634678" spans="14:14">
      <c r="N634678" s="10"/>
    </row>
    <row r="634679" spans="14:14">
      <c r="N634679" s="10"/>
    </row>
    <row r="634680" spans="14:14">
      <c r="N634680" s="10"/>
    </row>
    <row r="634681" spans="14:14">
      <c r="N634681" s="10"/>
    </row>
    <row r="634682" spans="14:14">
      <c r="N634682" s="10"/>
    </row>
    <row r="634683" spans="14:14">
      <c r="N634683" s="10"/>
    </row>
    <row r="634684" spans="14:14">
      <c r="N634684" s="10"/>
    </row>
    <row r="634685" spans="14:14">
      <c r="N634685" s="10"/>
    </row>
    <row r="634686" spans="14:14">
      <c r="N634686" s="10"/>
    </row>
    <row r="634687" spans="14:14">
      <c r="N634687" s="10"/>
    </row>
    <row r="634688" spans="14:14">
      <c r="N634688" s="10"/>
    </row>
    <row r="634689" spans="14:14">
      <c r="N634689" s="10"/>
    </row>
    <row r="634690" spans="14:14">
      <c r="N634690" s="10"/>
    </row>
    <row r="634691" spans="14:14">
      <c r="N634691" s="10"/>
    </row>
    <row r="634692" spans="14:14">
      <c r="N634692" s="10"/>
    </row>
    <row r="634693" spans="14:14">
      <c r="N634693" s="10"/>
    </row>
    <row r="634694" spans="14:14">
      <c r="N634694" s="10"/>
    </row>
    <row r="634695" spans="14:14">
      <c r="N634695" s="10"/>
    </row>
    <row r="634696" spans="14:14">
      <c r="N634696" s="10"/>
    </row>
    <row r="634697" spans="14:14">
      <c r="N634697" s="10"/>
    </row>
    <row r="634698" spans="14:14">
      <c r="N634698" s="10"/>
    </row>
    <row r="634699" spans="14:14">
      <c r="N634699" s="10"/>
    </row>
    <row r="634700" spans="14:14">
      <c r="N634700" s="10"/>
    </row>
    <row r="634701" spans="14:14">
      <c r="N634701" s="10"/>
    </row>
    <row r="634702" spans="14:14">
      <c r="N634702" s="10"/>
    </row>
    <row r="634703" spans="14:14">
      <c r="N634703" s="10"/>
    </row>
    <row r="634704" spans="14:14">
      <c r="N634704" s="10"/>
    </row>
    <row r="634705" spans="14:14">
      <c r="N634705" s="10"/>
    </row>
    <row r="634706" spans="14:14">
      <c r="N634706" s="10"/>
    </row>
    <row r="634707" spans="14:14">
      <c r="N634707" s="10"/>
    </row>
    <row r="634708" spans="14:14">
      <c r="N634708" s="10"/>
    </row>
    <row r="634709" spans="14:14">
      <c r="N634709" s="10"/>
    </row>
    <row r="634710" spans="14:14">
      <c r="N634710" s="10"/>
    </row>
    <row r="634711" spans="14:14">
      <c r="N634711" s="10"/>
    </row>
    <row r="634712" spans="14:14">
      <c r="N634712" s="10"/>
    </row>
    <row r="634713" spans="14:14">
      <c r="N634713" s="10"/>
    </row>
    <row r="634714" spans="14:14">
      <c r="N634714" s="10"/>
    </row>
    <row r="634715" spans="14:14">
      <c r="N634715" s="10"/>
    </row>
    <row r="634716" spans="14:14">
      <c r="N634716" s="10"/>
    </row>
    <row r="634717" spans="14:14">
      <c r="N634717" s="10"/>
    </row>
    <row r="634718" spans="14:14">
      <c r="N634718" s="10"/>
    </row>
    <row r="634719" spans="14:14">
      <c r="N634719" s="10"/>
    </row>
    <row r="634720" spans="14:14">
      <c r="N634720" s="10"/>
    </row>
    <row r="634721" spans="14:14">
      <c r="N634721" s="10"/>
    </row>
    <row r="634722" spans="14:14">
      <c r="N634722" s="10"/>
    </row>
    <row r="634723" spans="14:14">
      <c r="N634723" s="10"/>
    </row>
    <row r="634724" spans="14:14">
      <c r="N634724" s="10"/>
    </row>
    <row r="634725" spans="14:14">
      <c r="N634725" s="10"/>
    </row>
    <row r="634726" spans="14:14">
      <c r="N634726" s="10"/>
    </row>
    <row r="634727" spans="14:14">
      <c r="N634727" s="10"/>
    </row>
    <row r="634728" spans="14:14">
      <c r="N634728" s="10"/>
    </row>
    <row r="634729" spans="14:14">
      <c r="N634729" s="10"/>
    </row>
    <row r="634730" spans="14:14">
      <c r="N634730" s="10"/>
    </row>
    <row r="634731" spans="14:14">
      <c r="N634731" s="10"/>
    </row>
    <row r="634732" spans="14:14">
      <c r="N634732" s="10"/>
    </row>
    <row r="634733" spans="14:14">
      <c r="N634733" s="10"/>
    </row>
    <row r="634734" spans="14:14">
      <c r="N634734" s="10"/>
    </row>
    <row r="634735" spans="14:14">
      <c r="N634735" s="10"/>
    </row>
    <row r="634736" spans="14:14">
      <c r="N634736" s="10"/>
    </row>
    <row r="634737" spans="14:14">
      <c r="N634737" s="10"/>
    </row>
    <row r="634738" spans="14:14">
      <c r="N634738" s="10"/>
    </row>
    <row r="634739" spans="14:14">
      <c r="N634739" s="10"/>
    </row>
    <row r="634740" spans="14:14">
      <c r="N634740" s="10"/>
    </row>
    <row r="634741" spans="14:14">
      <c r="N634741" s="10"/>
    </row>
    <row r="634742" spans="14:14">
      <c r="N634742" s="10"/>
    </row>
    <row r="634743" spans="14:14">
      <c r="N634743" s="10"/>
    </row>
    <row r="634744" spans="14:14">
      <c r="N634744" s="10"/>
    </row>
    <row r="634745" spans="14:14">
      <c r="N634745" s="10"/>
    </row>
    <row r="634746" spans="14:14">
      <c r="N634746" s="10"/>
    </row>
    <row r="634747" spans="14:14">
      <c r="N634747" s="10"/>
    </row>
    <row r="634748" spans="14:14">
      <c r="N634748" s="10"/>
    </row>
    <row r="634749" spans="14:14">
      <c r="N634749" s="10"/>
    </row>
    <row r="634750" spans="14:14">
      <c r="N634750" s="10"/>
    </row>
    <row r="634751" spans="14:14">
      <c r="N634751" s="10"/>
    </row>
    <row r="634752" spans="14:14">
      <c r="N634752" s="10"/>
    </row>
    <row r="634753" spans="14:14">
      <c r="N634753" s="10"/>
    </row>
    <row r="634754" spans="14:14">
      <c r="N634754" s="10"/>
    </row>
    <row r="634755" spans="14:14">
      <c r="N634755" s="10"/>
    </row>
    <row r="634756" spans="14:14">
      <c r="N634756" s="10"/>
    </row>
    <row r="634757" spans="14:14">
      <c r="N634757" s="10"/>
    </row>
    <row r="634758" spans="14:14">
      <c r="N634758" s="10"/>
    </row>
    <row r="634759" spans="14:14">
      <c r="N634759" s="10"/>
    </row>
    <row r="634760" spans="14:14">
      <c r="N634760" s="10"/>
    </row>
    <row r="634761" spans="14:14">
      <c r="N634761" s="10"/>
    </row>
    <row r="634762" spans="14:14">
      <c r="N634762" s="10"/>
    </row>
    <row r="634763" spans="14:14">
      <c r="N634763" s="10"/>
    </row>
    <row r="634764" spans="14:14">
      <c r="N634764" s="10"/>
    </row>
    <row r="634765" spans="14:14">
      <c r="N634765" s="10"/>
    </row>
    <row r="634766" spans="14:14">
      <c r="N634766" s="10"/>
    </row>
    <row r="634767" spans="14:14">
      <c r="N634767" s="10"/>
    </row>
    <row r="634768" spans="14:14">
      <c r="N634768" s="10"/>
    </row>
    <row r="634769" spans="14:14">
      <c r="N634769" s="10"/>
    </row>
    <row r="634770" spans="14:14">
      <c r="N634770" s="10"/>
    </row>
    <row r="634771" spans="14:14">
      <c r="N634771" s="10"/>
    </row>
    <row r="634772" spans="14:14">
      <c r="N634772" s="10"/>
    </row>
    <row r="634773" spans="14:14">
      <c r="N634773" s="10"/>
    </row>
    <row r="634774" spans="14:14">
      <c r="N634774" s="10"/>
    </row>
    <row r="634775" spans="14:14">
      <c r="N634775" s="10"/>
    </row>
    <row r="634776" spans="14:14">
      <c r="N634776" s="10"/>
    </row>
    <row r="634777" spans="14:14">
      <c r="N634777" s="10"/>
    </row>
    <row r="634778" spans="14:14">
      <c r="N634778" s="10"/>
    </row>
    <row r="634779" spans="14:14">
      <c r="N634779" s="10"/>
    </row>
    <row r="634780" spans="14:14">
      <c r="N634780" s="10"/>
    </row>
    <row r="634781" spans="14:14">
      <c r="N634781" s="10"/>
    </row>
    <row r="634782" spans="14:14">
      <c r="N634782" s="10"/>
    </row>
    <row r="634783" spans="14:14">
      <c r="N634783" s="10"/>
    </row>
    <row r="634784" spans="14:14">
      <c r="N634784" s="10"/>
    </row>
    <row r="634785" spans="14:14">
      <c r="N634785" s="10"/>
    </row>
    <row r="634786" spans="14:14">
      <c r="N634786" s="10"/>
    </row>
    <row r="634787" spans="14:14">
      <c r="N634787" s="10"/>
    </row>
    <row r="634788" spans="14:14">
      <c r="N634788" s="10"/>
    </row>
    <row r="634789" spans="14:14">
      <c r="N634789" s="10"/>
    </row>
    <row r="634790" spans="14:14">
      <c r="N634790" s="10"/>
    </row>
    <row r="634791" spans="14:14">
      <c r="N634791" s="10"/>
    </row>
    <row r="634792" spans="14:14">
      <c r="N634792" s="10"/>
    </row>
    <row r="634793" spans="14:14">
      <c r="N634793" s="10"/>
    </row>
    <row r="634794" spans="14:14">
      <c r="N634794" s="10"/>
    </row>
    <row r="634795" spans="14:14">
      <c r="N634795" s="10"/>
    </row>
    <row r="634796" spans="14:14">
      <c r="N634796" s="10"/>
    </row>
    <row r="634797" spans="14:14">
      <c r="N634797" s="10"/>
    </row>
    <row r="634798" spans="14:14">
      <c r="N634798" s="10"/>
    </row>
    <row r="634799" spans="14:14">
      <c r="N634799" s="10"/>
    </row>
    <row r="634800" spans="14:14">
      <c r="N634800" s="10"/>
    </row>
    <row r="634801" spans="14:14">
      <c r="N634801" s="10"/>
    </row>
    <row r="634802" spans="14:14">
      <c r="N634802" s="10"/>
    </row>
    <row r="634803" spans="14:14">
      <c r="N634803" s="10"/>
    </row>
    <row r="634804" spans="14:14">
      <c r="N634804" s="10"/>
    </row>
    <row r="634805" spans="14:14">
      <c r="N634805" s="10"/>
    </row>
    <row r="634806" spans="14:14">
      <c r="N634806" s="10"/>
    </row>
    <row r="634807" spans="14:14">
      <c r="N634807" s="10"/>
    </row>
    <row r="634808" spans="14:14">
      <c r="N634808" s="10"/>
    </row>
    <row r="634809" spans="14:14">
      <c r="N634809" s="10"/>
    </row>
    <row r="634810" spans="14:14">
      <c r="N634810" s="10"/>
    </row>
    <row r="634811" spans="14:14">
      <c r="N634811" s="10"/>
    </row>
    <row r="634812" spans="14:14">
      <c r="N634812" s="10"/>
    </row>
    <row r="634813" spans="14:14">
      <c r="N634813" s="10"/>
    </row>
    <row r="634814" spans="14:14">
      <c r="N634814" s="10"/>
    </row>
    <row r="634815" spans="14:14">
      <c r="N634815" s="10"/>
    </row>
    <row r="634816" spans="14:14">
      <c r="N634816" s="10"/>
    </row>
    <row r="634817" spans="14:14">
      <c r="N634817" s="10"/>
    </row>
    <row r="634818" spans="14:14">
      <c r="N634818" s="10"/>
    </row>
    <row r="634819" spans="14:14">
      <c r="N634819" s="10"/>
    </row>
    <row r="634820" spans="14:14">
      <c r="N634820" s="10"/>
    </row>
    <row r="634821" spans="14:14">
      <c r="N634821" s="10"/>
    </row>
    <row r="634822" spans="14:14">
      <c r="N634822" s="10"/>
    </row>
    <row r="634823" spans="14:14">
      <c r="N634823" s="10"/>
    </row>
    <row r="634824" spans="14:14">
      <c r="N634824" s="10"/>
    </row>
    <row r="634825" spans="14:14">
      <c r="N634825" s="10"/>
    </row>
    <row r="634826" spans="14:14">
      <c r="N634826" s="10"/>
    </row>
    <row r="634827" spans="14:14">
      <c r="N634827" s="10"/>
    </row>
    <row r="634828" spans="14:14">
      <c r="N634828" s="10"/>
    </row>
    <row r="634829" spans="14:14">
      <c r="N634829" s="10"/>
    </row>
    <row r="634830" spans="14:14">
      <c r="N634830" s="10"/>
    </row>
    <row r="634831" spans="14:14">
      <c r="N634831" s="10"/>
    </row>
    <row r="634832" spans="14:14">
      <c r="N634832" s="10"/>
    </row>
    <row r="634833" spans="14:14">
      <c r="N634833" s="10"/>
    </row>
    <row r="634834" spans="14:14">
      <c r="N634834" s="10"/>
    </row>
    <row r="634835" spans="14:14">
      <c r="N634835" s="10"/>
    </row>
    <row r="634836" spans="14:14">
      <c r="N634836" s="10"/>
    </row>
    <row r="634837" spans="14:14">
      <c r="N634837" s="10"/>
    </row>
    <row r="634838" spans="14:14">
      <c r="N634838" s="10"/>
    </row>
    <row r="634839" spans="14:14">
      <c r="N634839" s="10"/>
    </row>
    <row r="634840" spans="14:14">
      <c r="N634840" s="10"/>
    </row>
    <row r="634841" spans="14:14">
      <c r="N634841" s="10"/>
    </row>
    <row r="634842" spans="14:14">
      <c r="N634842" s="10"/>
    </row>
    <row r="634843" spans="14:14">
      <c r="N634843" s="10"/>
    </row>
    <row r="634844" spans="14:14">
      <c r="N634844" s="10"/>
    </row>
    <row r="634845" spans="14:14">
      <c r="N634845" s="10"/>
    </row>
    <row r="634846" spans="14:14">
      <c r="N634846" s="10"/>
    </row>
    <row r="634847" spans="14:14">
      <c r="N634847" s="10"/>
    </row>
    <row r="634848" spans="14:14">
      <c r="N634848" s="10"/>
    </row>
    <row r="634849" spans="14:14">
      <c r="N634849" s="10"/>
    </row>
    <row r="634850" spans="14:14">
      <c r="N634850" s="10"/>
    </row>
    <row r="634851" spans="14:14">
      <c r="N634851" s="10"/>
    </row>
    <row r="634852" spans="14:14">
      <c r="N634852" s="10"/>
    </row>
    <row r="634853" spans="14:14">
      <c r="N634853" s="10"/>
    </row>
    <row r="634854" spans="14:14">
      <c r="N634854" s="10"/>
    </row>
    <row r="634855" spans="14:14">
      <c r="N634855" s="10"/>
    </row>
    <row r="634856" spans="14:14">
      <c r="N634856" s="10"/>
    </row>
    <row r="634857" spans="14:14">
      <c r="N634857" s="10"/>
    </row>
    <row r="634858" spans="14:14">
      <c r="N634858" s="10"/>
    </row>
    <row r="634859" spans="14:14">
      <c r="N634859" s="10"/>
    </row>
    <row r="634860" spans="14:14">
      <c r="N634860" s="10"/>
    </row>
    <row r="634861" spans="14:14">
      <c r="N634861" s="10"/>
    </row>
    <row r="634862" spans="14:14">
      <c r="N634862" s="10"/>
    </row>
    <row r="634863" spans="14:14">
      <c r="N634863" s="10"/>
    </row>
    <row r="634864" spans="14:14">
      <c r="N634864" s="10"/>
    </row>
    <row r="634865" spans="14:14">
      <c r="N634865" s="10"/>
    </row>
    <row r="634866" spans="14:14">
      <c r="N634866" s="10"/>
    </row>
    <row r="634867" spans="14:14">
      <c r="N634867" s="10"/>
    </row>
    <row r="634868" spans="14:14">
      <c r="N634868" s="10"/>
    </row>
    <row r="634869" spans="14:14">
      <c r="N634869" s="10"/>
    </row>
    <row r="634870" spans="14:14">
      <c r="N634870" s="10"/>
    </row>
    <row r="634871" spans="14:14">
      <c r="N634871" s="10"/>
    </row>
    <row r="634872" spans="14:14">
      <c r="N634872" s="10"/>
    </row>
    <row r="634873" spans="14:14">
      <c r="N634873" s="10"/>
    </row>
    <row r="634874" spans="14:14">
      <c r="N634874" s="10"/>
    </row>
    <row r="634875" spans="14:14">
      <c r="N634875" s="10"/>
    </row>
    <row r="634876" spans="14:14">
      <c r="N634876" s="10"/>
    </row>
    <row r="634877" spans="14:14">
      <c r="N634877" s="10"/>
    </row>
    <row r="634878" spans="14:14">
      <c r="N634878" s="10"/>
    </row>
    <row r="634879" spans="14:14">
      <c r="N634879" s="10"/>
    </row>
    <row r="634880" spans="14:14">
      <c r="N634880" s="10"/>
    </row>
    <row r="634881" spans="14:14">
      <c r="N634881" s="10"/>
    </row>
    <row r="634882" spans="14:14">
      <c r="N634882" s="10"/>
    </row>
    <row r="634883" spans="14:14">
      <c r="N634883" s="10"/>
    </row>
    <row r="634884" spans="14:14">
      <c r="N634884" s="10"/>
    </row>
    <row r="634885" spans="14:14">
      <c r="N634885" s="10"/>
    </row>
    <row r="634886" spans="14:14">
      <c r="N634886" s="10"/>
    </row>
    <row r="634887" spans="14:14">
      <c r="N634887" s="10"/>
    </row>
    <row r="634888" spans="14:14">
      <c r="N634888" s="10"/>
    </row>
    <row r="634889" spans="14:14">
      <c r="N634889" s="10"/>
    </row>
    <row r="634890" spans="14:14">
      <c r="N634890" s="10"/>
    </row>
    <row r="634891" spans="14:14">
      <c r="N634891" s="10"/>
    </row>
    <row r="634892" spans="14:14">
      <c r="N634892" s="10"/>
    </row>
    <row r="634893" spans="14:14">
      <c r="N634893" s="10"/>
    </row>
    <row r="634894" spans="14:14">
      <c r="N634894" s="10"/>
    </row>
    <row r="634895" spans="14:14">
      <c r="N634895" s="10"/>
    </row>
    <row r="634896" spans="14:14">
      <c r="N634896" s="10"/>
    </row>
    <row r="634897" spans="14:14">
      <c r="N634897" s="10"/>
    </row>
    <row r="634898" spans="14:14">
      <c r="N634898" s="10"/>
    </row>
    <row r="634899" spans="14:14">
      <c r="N634899" s="10"/>
    </row>
    <row r="634900" spans="14:14">
      <c r="N634900" s="10"/>
    </row>
    <row r="634901" spans="14:14">
      <c r="N634901" s="10"/>
    </row>
    <row r="634902" spans="14:14">
      <c r="N634902" s="10"/>
    </row>
    <row r="634903" spans="14:14">
      <c r="N634903" s="10"/>
    </row>
    <row r="634904" spans="14:14">
      <c r="N634904" s="10"/>
    </row>
    <row r="634905" spans="14:14">
      <c r="N634905" s="10"/>
    </row>
    <row r="634906" spans="14:14">
      <c r="N634906" s="10"/>
    </row>
    <row r="634907" spans="14:14">
      <c r="N634907" s="10"/>
    </row>
    <row r="634908" spans="14:14">
      <c r="N634908" s="10"/>
    </row>
    <row r="634909" spans="14:14">
      <c r="N634909" s="10"/>
    </row>
    <row r="634910" spans="14:14">
      <c r="N634910" s="10"/>
    </row>
    <row r="634911" spans="14:14">
      <c r="N634911" s="10"/>
    </row>
    <row r="634912" spans="14:14">
      <c r="N634912" s="10"/>
    </row>
    <row r="634913" spans="14:14">
      <c r="N634913" s="10"/>
    </row>
    <row r="634914" spans="14:14">
      <c r="N634914" s="10"/>
    </row>
    <row r="634915" spans="14:14">
      <c r="N634915" s="10"/>
    </row>
    <row r="634916" spans="14:14">
      <c r="N634916" s="10"/>
    </row>
    <row r="634917" spans="14:14">
      <c r="N634917" s="10"/>
    </row>
    <row r="634918" spans="14:14">
      <c r="N634918" s="10"/>
    </row>
    <row r="634919" spans="14:14">
      <c r="N634919" s="10"/>
    </row>
    <row r="634920" spans="14:14">
      <c r="N634920" s="10"/>
    </row>
    <row r="634921" spans="14:14">
      <c r="N634921" s="10"/>
    </row>
    <row r="634922" spans="14:14">
      <c r="N634922" s="10"/>
    </row>
    <row r="634923" spans="14:14">
      <c r="N634923" s="10"/>
    </row>
    <row r="634924" spans="14:14">
      <c r="N634924" s="10"/>
    </row>
    <row r="634925" spans="14:14">
      <c r="N634925" s="10"/>
    </row>
    <row r="634926" spans="14:14">
      <c r="N634926" s="10"/>
    </row>
    <row r="634927" spans="14:14">
      <c r="N634927" s="10"/>
    </row>
    <row r="634928" spans="14:14">
      <c r="N634928" s="10"/>
    </row>
    <row r="634929" spans="14:14">
      <c r="N634929" s="10"/>
    </row>
    <row r="634930" spans="14:14">
      <c r="N634930" s="10"/>
    </row>
    <row r="634931" spans="14:14">
      <c r="N634931" s="10"/>
    </row>
    <row r="634932" spans="14:14">
      <c r="N634932" s="10"/>
    </row>
    <row r="634933" spans="14:14">
      <c r="N634933" s="10"/>
    </row>
    <row r="634934" spans="14:14">
      <c r="N634934" s="10"/>
    </row>
    <row r="634935" spans="14:14">
      <c r="N634935" s="10"/>
    </row>
    <row r="634936" spans="14:14">
      <c r="N634936" s="10"/>
    </row>
    <row r="634937" spans="14:14">
      <c r="N634937" s="10"/>
    </row>
    <row r="634938" spans="14:14">
      <c r="N634938" s="10"/>
    </row>
    <row r="634939" spans="14:14">
      <c r="N634939" s="10"/>
    </row>
    <row r="634940" spans="14:14">
      <c r="N634940" s="10"/>
    </row>
    <row r="634941" spans="14:14">
      <c r="N634941" s="10"/>
    </row>
    <row r="634942" spans="14:14">
      <c r="N634942" s="10"/>
    </row>
    <row r="634943" spans="14:14">
      <c r="N634943" s="10"/>
    </row>
    <row r="634944" spans="14:14">
      <c r="N634944" s="10"/>
    </row>
    <row r="634945" spans="14:14">
      <c r="N634945" s="10"/>
    </row>
    <row r="634946" spans="14:14">
      <c r="N634946" s="10"/>
    </row>
    <row r="634947" spans="14:14">
      <c r="N634947" s="10"/>
    </row>
    <row r="634948" spans="14:14">
      <c r="N634948" s="10"/>
    </row>
    <row r="634949" spans="14:14">
      <c r="N634949" s="10"/>
    </row>
    <row r="634950" spans="14:14">
      <c r="N634950" s="10"/>
    </row>
    <row r="634951" spans="14:14">
      <c r="N634951" s="10"/>
    </row>
    <row r="634952" spans="14:14">
      <c r="N634952" s="10"/>
    </row>
    <row r="634953" spans="14:14">
      <c r="N634953" s="10"/>
    </row>
    <row r="634954" spans="14:14">
      <c r="N634954" s="10"/>
    </row>
    <row r="634955" spans="14:14">
      <c r="N634955" s="10"/>
    </row>
    <row r="634956" spans="14:14">
      <c r="N634956" s="10"/>
    </row>
    <row r="634957" spans="14:14">
      <c r="N634957" s="10"/>
    </row>
    <row r="634958" spans="14:14">
      <c r="N634958" s="10"/>
    </row>
    <row r="634959" spans="14:14">
      <c r="N634959" s="10"/>
    </row>
    <row r="634960" spans="14:14">
      <c r="N634960" s="10"/>
    </row>
    <row r="634961" spans="14:14">
      <c r="N634961" s="10"/>
    </row>
    <row r="634962" spans="14:14">
      <c r="N634962" s="10"/>
    </row>
    <row r="634963" spans="14:14">
      <c r="N634963" s="10"/>
    </row>
    <row r="634964" spans="14:14">
      <c r="N634964" s="10"/>
    </row>
    <row r="634965" spans="14:14">
      <c r="N634965" s="10"/>
    </row>
    <row r="634966" spans="14:14">
      <c r="N634966" s="10"/>
    </row>
    <row r="634967" spans="14:14">
      <c r="N634967" s="10"/>
    </row>
    <row r="634968" spans="14:14">
      <c r="N634968" s="10"/>
    </row>
    <row r="634969" spans="14:14">
      <c r="N634969" s="10"/>
    </row>
    <row r="634970" spans="14:14">
      <c r="N634970" s="10"/>
    </row>
    <row r="634971" spans="14:14">
      <c r="N634971" s="10"/>
    </row>
    <row r="634972" spans="14:14">
      <c r="N634972" s="10"/>
    </row>
    <row r="634973" spans="14:14">
      <c r="N634973" s="10"/>
    </row>
    <row r="634974" spans="14:14">
      <c r="N634974" s="10"/>
    </row>
    <row r="634975" spans="14:14">
      <c r="N634975" s="10"/>
    </row>
    <row r="634976" spans="14:14">
      <c r="N634976" s="10"/>
    </row>
    <row r="634977" spans="14:14">
      <c r="N634977" s="10"/>
    </row>
    <row r="634978" spans="14:14">
      <c r="N634978" s="10"/>
    </row>
    <row r="634979" spans="14:14">
      <c r="N634979" s="10"/>
    </row>
    <row r="634980" spans="14:14">
      <c r="N634980" s="10"/>
    </row>
    <row r="634981" spans="14:14">
      <c r="N634981" s="10"/>
    </row>
    <row r="634982" spans="14:14">
      <c r="N634982" s="10"/>
    </row>
    <row r="634983" spans="14:14">
      <c r="N634983" s="10"/>
    </row>
    <row r="634984" spans="14:14">
      <c r="N634984" s="10"/>
    </row>
    <row r="634985" spans="14:14">
      <c r="N634985" s="10"/>
    </row>
    <row r="634986" spans="14:14">
      <c r="N634986" s="10"/>
    </row>
    <row r="634987" spans="14:14">
      <c r="N634987" s="10"/>
    </row>
    <row r="634988" spans="14:14">
      <c r="N634988" s="10"/>
    </row>
    <row r="634989" spans="14:14">
      <c r="N634989" s="10"/>
    </row>
    <row r="634990" spans="14:14">
      <c r="N634990" s="10"/>
    </row>
    <row r="634991" spans="14:14">
      <c r="N634991" s="10"/>
    </row>
    <row r="634992" spans="14:14">
      <c r="N634992" s="10"/>
    </row>
    <row r="634993" spans="14:14">
      <c r="N634993" s="10"/>
    </row>
    <row r="634994" spans="14:14">
      <c r="N634994" s="10"/>
    </row>
    <row r="634995" spans="14:14">
      <c r="N634995" s="10"/>
    </row>
    <row r="634996" spans="14:14">
      <c r="N634996" s="10"/>
    </row>
    <row r="634997" spans="14:14">
      <c r="N634997" s="10"/>
    </row>
    <row r="634998" spans="14:14">
      <c r="N634998" s="10"/>
    </row>
    <row r="634999" spans="14:14">
      <c r="N634999" s="10"/>
    </row>
    <row r="635000" spans="14:14">
      <c r="N635000" s="10"/>
    </row>
    <row r="635001" spans="14:14">
      <c r="N635001" s="10"/>
    </row>
    <row r="635002" spans="14:14">
      <c r="N635002" s="10"/>
    </row>
    <row r="635003" spans="14:14">
      <c r="N635003" s="10"/>
    </row>
    <row r="635004" spans="14:14">
      <c r="N635004" s="10"/>
    </row>
    <row r="635005" spans="14:14">
      <c r="N635005" s="10"/>
    </row>
    <row r="635006" spans="14:14">
      <c r="N635006" s="10"/>
    </row>
    <row r="635007" spans="14:14">
      <c r="N635007" s="10"/>
    </row>
    <row r="635008" spans="14:14">
      <c r="N635008" s="10"/>
    </row>
    <row r="635009" spans="14:14">
      <c r="N635009" s="10"/>
    </row>
    <row r="635010" spans="14:14">
      <c r="N635010" s="10"/>
    </row>
    <row r="635011" spans="14:14">
      <c r="N635011" s="10"/>
    </row>
    <row r="635012" spans="14:14">
      <c r="N635012" s="10"/>
    </row>
    <row r="635013" spans="14:14">
      <c r="N635013" s="10"/>
    </row>
    <row r="635014" spans="14:14">
      <c r="N635014" s="10"/>
    </row>
    <row r="635015" spans="14:14">
      <c r="N635015" s="10"/>
    </row>
    <row r="635016" spans="14:14">
      <c r="N635016" s="10"/>
    </row>
    <row r="635017" spans="14:14">
      <c r="N635017" s="10"/>
    </row>
    <row r="635018" spans="14:14">
      <c r="N635018" s="10"/>
    </row>
    <row r="635019" spans="14:14">
      <c r="N635019" s="10"/>
    </row>
    <row r="635020" spans="14:14">
      <c r="N635020" s="10"/>
    </row>
    <row r="635021" spans="14:14">
      <c r="N635021" s="10"/>
    </row>
    <row r="635022" spans="14:14">
      <c r="N635022" s="10"/>
    </row>
    <row r="635023" spans="14:14">
      <c r="N635023" s="10"/>
    </row>
    <row r="635024" spans="14:14">
      <c r="N635024" s="10"/>
    </row>
    <row r="635025" spans="14:14">
      <c r="N635025" s="10"/>
    </row>
    <row r="635026" spans="14:14">
      <c r="N635026" s="10"/>
    </row>
    <row r="635027" spans="14:14">
      <c r="N635027" s="10"/>
    </row>
    <row r="635028" spans="14:14">
      <c r="N635028" s="10"/>
    </row>
    <row r="635029" spans="14:14">
      <c r="N635029" s="10"/>
    </row>
    <row r="635030" spans="14:14">
      <c r="N635030" s="10"/>
    </row>
    <row r="635031" spans="14:14">
      <c r="N635031" s="10"/>
    </row>
    <row r="635032" spans="14:14">
      <c r="N635032" s="10"/>
    </row>
    <row r="635033" spans="14:14">
      <c r="N635033" s="10"/>
    </row>
    <row r="635034" spans="14:14">
      <c r="N635034" s="10"/>
    </row>
    <row r="635035" spans="14:14">
      <c r="N635035" s="10"/>
    </row>
    <row r="635036" spans="14:14">
      <c r="N635036" s="10"/>
    </row>
    <row r="635037" spans="14:14">
      <c r="N635037" s="10"/>
    </row>
    <row r="635038" spans="14:14">
      <c r="N635038" s="10"/>
    </row>
    <row r="635039" spans="14:14">
      <c r="N635039" s="10"/>
    </row>
    <row r="635040" spans="14:14">
      <c r="N635040" s="10"/>
    </row>
    <row r="635041" spans="14:14">
      <c r="N635041" s="10"/>
    </row>
    <row r="635042" spans="14:14">
      <c r="N635042" s="10"/>
    </row>
    <row r="635043" spans="14:14">
      <c r="N635043" s="10"/>
    </row>
    <row r="635044" spans="14:14">
      <c r="N635044" s="10"/>
    </row>
    <row r="635045" spans="14:14">
      <c r="N635045" s="10"/>
    </row>
    <row r="635046" spans="14:14">
      <c r="N635046" s="10"/>
    </row>
    <row r="635047" spans="14:14">
      <c r="N635047" s="10"/>
    </row>
    <row r="635048" spans="14:14">
      <c r="N635048" s="10"/>
    </row>
    <row r="635049" spans="14:14">
      <c r="N635049" s="10"/>
    </row>
    <row r="635050" spans="14:14">
      <c r="N635050" s="10"/>
    </row>
    <row r="635051" spans="14:14">
      <c r="N635051" s="10"/>
    </row>
    <row r="635052" spans="14:14">
      <c r="N635052" s="10"/>
    </row>
    <row r="635053" spans="14:14">
      <c r="N635053" s="10"/>
    </row>
    <row r="635054" spans="14:14">
      <c r="N635054" s="10"/>
    </row>
    <row r="635055" spans="14:14">
      <c r="N635055" s="10"/>
    </row>
    <row r="635056" spans="14:14">
      <c r="N635056" s="10"/>
    </row>
    <row r="635057" spans="14:14">
      <c r="N635057" s="10"/>
    </row>
    <row r="635058" spans="14:14">
      <c r="N635058" s="10"/>
    </row>
    <row r="635059" spans="14:14">
      <c r="N635059" s="10"/>
    </row>
    <row r="635060" spans="14:14">
      <c r="N635060" s="10"/>
    </row>
    <row r="635061" spans="14:14">
      <c r="N635061" s="10"/>
    </row>
    <row r="635062" spans="14:14">
      <c r="N635062" s="10"/>
    </row>
    <row r="635063" spans="14:14">
      <c r="N635063" s="10"/>
    </row>
    <row r="635064" spans="14:14">
      <c r="N635064" s="10"/>
    </row>
    <row r="635065" spans="14:14">
      <c r="N635065" s="10"/>
    </row>
    <row r="635066" spans="14:14">
      <c r="N635066" s="10"/>
    </row>
    <row r="635067" spans="14:14">
      <c r="N635067" s="10"/>
    </row>
    <row r="635068" spans="14:14">
      <c r="N635068" s="10"/>
    </row>
    <row r="635069" spans="14:14">
      <c r="N635069" s="10"/>
    </row>
    <row r="635070" spans="14:14">
      <c r="N635070" s="10"/>
    </row>
    <row r="635071" spans="14:14">
      <c r="N635071" s="10"/>
    </row>
    <row r="635072" spans="14:14">
      <c r="N635072" s="10"/>
    </row>
    <row r="635073" spans="14:14">
      <c r="N635073" s="10"/>
    </row>
    <row r="635074" spans="14:14">
      <c r="N635074" s="10"/>
    </row>
    <row r="635075" spans="14:14">
      <c r="N635075" s="10"/>
    </row>
    <row r="635076" spans="14:14">
      <c r="N635076" s="10"/>
    </row>
    <row r="635077" spans="14:14">
      <c r="N635077" s="10"/>
    </row>
    <row r="635078" spans="14:14">
      <c r="N635078" s="10"/>
    </row>
    <row r="635079" spans="14:14">
      <c r="N635079" s="10"/>
    </row>
    <row r="635080" spans="14:14">
      <c r="N635080" s="10"/>
    </row>
    <row r="635081" spans="14:14">
      <c r="N635081" s="10"/>
    </row>
    <row r="635082" spans="14:14">
      <c r="N635082" s="10"/>
    </row>
    <row r="635083" spans="14:14">
      <c r="N635083" s="10"/>
    </row>
    <row r="635084" spans="14:14">
      <c r="N635084" s="10"/>
    </row>
    <row r="635085" spans="14:14">
      <c r="N635085" s="10"/>
    </row>
    <row r="635086" spans="14:14">
      <c r="N635086" s="10"/>
    </row>
    <row r="635087" spans="14:14">
      <c r="N635087" s="10"/>
    </row>
    <row r="635088" spans="14:14">
      <c r="N635088" s="10"/>
    </row>
    <row r="635089" spans="14:14">
      <c r="N635089" s="10"/>
    </row>
    <row r="635090" spans="14:14">
      <c r="N635090" s="10"/>
    </row>
    <row r="635091" spans="14:14">
      <c r="N635091" s="10"/>
    </row>
    <row r="635092" spans="14:14">
      <c r="N635092" s="10"/>
    </row>
    <row r="635093" spans="14:14">
      <c r="N635093" s="10"/>
    </row>
    <row r="635094" spans="14:14">
      <c r="N635094" s="10"/>
    </row>
    <row r="635095" spans="14:14">
      <c r="N635095" s="10"/>
    </row>
    <row r="635096" spans="14:14">
      <c r="N635096" s="10"/>
    </row>
    <row r="635097" spans="14:14">
      <c r="N635097" s="10"/>
    </row>
    <row r="635098" spans="14:14">
      <c r="N635098" s="10"/>
    </row>
    <row r="635099" spans="14:14">
      <c r="N635099" s="10"/>
    </row>
    <row r="635100" spans="14:14">
      <c r="N635100" s="10"/>
    </row>
    <row r="635101" spans="14:14">
      <c r="N635101" s="10"/>
    </row>
    <row r="635102" spans="14:14">
      <c r="N635102" s="10"/>
    </row>
    <row r="635103" spans="14:14">
      <c r="N635103" s="10"/>
    </row>
    <row r="635104" spans="14:14">
      <c r="N635104" s="10"/>
    </row>
    <row r="635105" spans="14:14">
      <c r="N635105" s="10"/>
    </row>
    <row r="635106" spans="14:14">
      <c r="N635106" s="10"/>
    </row>
    <row r="635107" spans="14:14">
      <c r="N635107" s="10"/>
    </row>
    <row r="635108" spans="14:14">
      <c r="N635108" s="10"/>
    </row>
    <row r="635109" spans="14:14">
      <c r="N635109" s="10"/>
    </row>
    <row r="635110" spans="14:14">
      <c r="N635110" s="10"/>
    </row>
    <row r="635111" spans="14:14">
      <c r="N635111" s="10"/>
    </row>
    <row r="635112" spans="14:14">
      <c r="N635112" s="10"/>
    </row>
    <row r="635113" spans="14:14">
      <c r="N635113" s="10"/>
    </row>
    <row r="635114" spans="14:14">
      <c r="N635114" s="10"/>
    </row>
    <row r="635115" spans="14:14">
      <c r="N635115" s="10"/>
    </row>
    <row r="635116" spans="14:14">
      <c r="N635116" s="10"/>
    </row>
    <row r="635117" spans="14:14">
      <c r="N635117" s="10"/>
    </row>
    <row r="635118" spans="14:14">
      <c r="N635118" s="10"/>
    </row>
    <row r="635119" spans="14:14">
      <c r="N635119" s="10"/>
    </row>
    <row r="635120" spans="14:14">
      <c r="N635120" s="10"/>
    </row>
    <row r="635121" spans="14:14">
      <c r="N635121" s="10"/>
    </row>
    <row r="635122" spans="14:14">
      <c r="N635122" s="10"/>
    </row>
    <row r="635123" spans="14:14">
      <c r="N635123" s="10"/>
    </row>
    <row r="635124" spans="14:14">
      <c r="N635124" s="10"/>
    </row>
    <row r="635125" spans="14:14">
      <c r="N635125" s="10"/>
    </row>
    <row r="635126" spans="14:14">
      <c r="N635126" s="10"/>
    </row>
    <row r="635127" spans="14:14">
      <c r="N635127" s="10"/>
    </row>
    <row r="635128" spans="14:14">
      <c r="N635128" s="10"/>
    </row>
    <row r="635129" spans="14:14">
      <c r="N635129" s="10"/>
    </row>
    <row r="635130" spans="14:14">
      <c r="N635130" s="10"/>
    </row>
    <row r="635131" spans="14:14">
      <c r="N635131" s="10"/>
    </row>
    <row r="635132" spans="14:14">
      <c r="N635132" s="10"/>
    </row>
    <row r="635133" spans="14:14">
      <c r="N635133" s="10"/>
    </row>
    <row r="635134" spans="14:14">
      <c r="N635134" s="10"/>
    </row>
    <row r="635135" spans="14:14">
      <c r="N635135" s="10"/>
    </row>
    <row r="635136" spans="14:14">
      <c r="N635136" s="10"/>
    </row>
    <row r="635137" spans="14:14">
      <c r="N635137" s="10"/>
    </row>
    <row r="635138" spans="14:14">
      <c r="N635138" s="10"/>
    </row>
    <row r="635139" spans="14:14">
      <c r="N635139" s="10"/>
    </row>
    <row r="635140" spans="14:14">
      <c r="N635140" s="10"/>
    </row>
    <row r="635141" spans="14:14">
      <c r="N635141" s="10"/>
    </row>
    <row r="635142" spans="14:14">
      <c r="N635142" s="10"/>
    </row>
    <row r="635143" spans="14:14">
      <c r="N635143" s="10"/>
    </row>
    <row r="635144" spans="14:14">
      <c r="N635144" s="10"/>
    </row>
    <row r="635145" spans="14:14">
      <c r="N635145" s="10"/>
    </row>
    <row r="635146" spans="14:14">
      <c r="N635146" s="10"/>
    </row>
    <row r="635147" spans="14:14">
      <c r="N635147" s="10"/>
    </row>
    <row r="635148" spans="14:14">
      <c r="N635148" s="10"/>
    </row>
    <row r="635149" spans="14:14">
      <c r="N635149" s="10"/>
    </row>
    <row r="635150" spans="14:14">
      <c r="N635150" s="10"/>
    </row>
    <row r="635151" spans="14:14">
      <c r="N635151" s="10"/>
    </row>
    <row r="635152" spans="14:14">
      <c r="N635152" s="10"/>
    </row>
    <row r="635153" spans="14:14">
      <c r="N635153" s="10"/>
    </row>
    <row r="635154" spans="14:14">
      <c r="N635154" s="10"/>
    </row>
    <row r="635155" spans="14:14">
      <c r="N635155" s="10"/>
    </row>
    <row r="635156" spans="14:14">
      <c r="N635156" s="10"/>
    </row>
    <row r="635157" spans="14:14">
      <c r="N635157" s="10"/>
    </row>
    <row r="635158" spans="14:14">
      <c r="N635158" s="10"/>
    </row>
    <row r="635159" spans="14:14">
      <c r="N635159" s="10"/>
    </row>
    <row r="635160" spans="14:14">
      <c r="N635160" s="10"/>
    </row>
    <row r="635161" spans="14:14">
      <c r="N635161" s="10"/>
    </row>
    <row r="635162" spans="14:14">
      <c r="N635162" s="10"/>
    </row>
    <row r="635163" spans="14:14">
      <c r="N635163" s="10"/>
    </row>
    <row r="635164" spans="14:14">
      <c r="N635164" s="10"/>
    </row>
    <row r="635165" spans="14:14">
      <c r="N635165" s="10"/>
    </row>
    <row r="635166" spans="14:14">
      <c r="N635166" s="10"/>
    </row>
    <row r="635167" spans="14:14">
      <c r="N635167" s="10"/>
    </row>
    <row r="635168" spans="14:14">
      <c r="N635168" s="10"/>
    </row>
    <row r="635169" spans="14:14">
      <c r="N635169" s="10"/>
    </row>
    <row r="635170" spans="14:14">
      <c r="N635170" s="10"/>
    </row>
    <row r="635171" spans="14:14">
      <c r="N635171" s="10"/>
    </row>
    <row r="635172" spans="14:14">
      <c r="N635172" s="10"/>
    </row>
    <row r="635173" spans="14:14">
      <c r="N635173" s="10"/>
    </row>
    <row r="635174" spans="14:14">
      <c r="N635174" s="10"/>
    </row>
    <row r="635175" spans="14:14">
      <c r="N635175" s="10"/>
    </row>
    <row r="635176" spans="14:14">
      <c r="N635176" s="10"/>
    </row>
    <row r="635177" spans="14:14">
      <c r="N635177" s="10"/>
    </row>
    <row r="635178" spans="14:14">
      <c r="N635178" s="10"/>
    </row>
    <row r="635179" spans="14:14">
      <c r="N635179" s="10"/>
    </row>
    <row r="635180" spans="14:14">
      <c r="N635180" s="10"/>
    </row>
    <row r="635181" spans="14:14">
      <c r="N635181" s="10"/>
    </row>
    <row r="635182" spans="14:14">
      <c r="N635182" s="10"/>
    </row>
    <row r="635183" spans="14:14">
      <c r="N635183" s="10"/>
    </row>
    <row r="635184" spans="14:14">
      <c r="N635184" s="10"/>
    </row>
    <row r="635185" spans="14:14">
      <c r="N635185" s="10"/>
    </row>
    <row r="635186" spans="14:14">
      <c r="N635186" s="10"/>
    </row>
    <row r="635187" spans="14:14">
      <c r="N635187" s="10"/>
    </row>
    <row r="635188" spans="14:14">
      <c r="N635188" s="10"/>
    </row>
    <row r="635189" spans="14:14">
      <c r="N635189" s="10"/>
    </row>
    <row r="635190" spans="14:14">
      <c r="N635190" s="10"/>
    </row>
    <row r="635191" spans="14:14">
      <c r="N635191" s="10"/>
    </row>
    <row r="635192" spans="14:14">
      <c r="N635192" s="10"/>
    </row>
    <row r="635193" spans="14:14">
      <c r="N635193" s="10"/>
    </row>
    <row r="635194" spans="14:14">
      <c r="N635194" s="10"/>
    </row>
    <row r="635195" spans="14:14">
      <c r="N635195" s="10"/>
    </row>
    <row r="635196" spans="14:14">
      <c r="N635196" s="10"/>
    </row>
    <row r="635197" spans="14:14">
      <c r="N635197" s="10"/>
    </row>
    <row r="635198" spans="14:14">
      <c r="N635198" s="10"/>
    </row>
    <row r="635199" spans="14:14">
      <c r="N635199" s="10"/>
    </row>
    <row r="635200" spans="14:14">
      <c r="N635200" s="10"/>
    </row>
    <row r="635201" spans="14:14">
      <c r="N635201" s="10"/>
    </row>
    <row r="635202" spans="14:14">
      <c r="N635202" s="10"/>
    </row>
    <row r="635203" spans="14:14">
      <c r="N635203" s="10"/>
    </row>
    <row r="635204" spans="14:14">
      <c r="N635204" s="10"/>
    </row>
    <row r="635205" spans="14:14">
      <c r="N635205" s="10"/>
    </row>
    <row r="635206" spans="14:14">
      <c r="N635206" s="10"/>
    </row>
    <row r="635207" spans="14:14">
      <c r="N635207" s="10"/>
    </row>
    <row r="635208" spans="14:14">
      <c r="N635208" s="10"/>
    </row>
    <row r="635209" spans="14:14">
      <c r="N635209" s="10"/>
    </row>
    <row r="635210" spans="14:14">
      <c r="N635210" s="10"/>
    </row>
    <row r="635211" spans="14:14">
      <c r="N635211" s="10"/>
    </row>
    <row r="635212" spans="14:14">
      <c r="N635212" s="10"/>
    </row>
    <row r="635213" spans="14:14">
      <c r="N635213" s="10"/>
    </row>
    <row r="635214" spans="14:14">
      <c r="N635214" s="10"/>
    </row>
    <row r="635215" spans="14:14">
      <c r="N635215" s="10"/>
    </row>
    <row r="635216" spans="14:14">
      <c r="N635216" s="10"/>
    </row>
    <row r="635217" spans="14:14">
      <c r="N635217" s="10"/>
    </row>
    <row r="635218" spans="14:14">
      <c r="N635218" s="10"/>
    </row>
    <row r="635219" spans="14:14">
      <c r="N635219" s="10"/>
    </row>
    <row r="635220" spans="14:14">
      <c r="N635220" s="10"/>
    </row>
    <row r="635221" spans="14:14">
      <c r="N635221" s="10"/>
    </row>
    <row r="635222" spans="14:14">
      <c r="N635222" s="10"/>
    </row>
    <row r="635223" spans="14:14">
      <c r="N635223" s="10"/>
    </row>
    <row r="635224" spans="14:14">
      <c r="N635224" s="10"/>
    </row>
    <row r="635225" spans="14:14">
      <c r="N635225" s="10"/>
    </row>
    <row r="635226" spans="14:14">
      <c r="N635226" s="10"/>
    </row>
    <row r="635227" spans="14:14">
      <c r="N635227" s="10"/>
    </row>
    <row r="635228" spans="14:14">
      <c r="N635228" s="10"/>
    </row>
    <row r="635229" spans="14:14">
      <c r="N635229" s="10"/>
    </row>
    <row r="635230" spans="14:14">
      <c r="N635230" s="10"/>
    </row>
    <row r="635231" spans="14:14">
      <c r="N635231" s="10"/>
    </row>
    <row r="635232" spans="14:14">
      <c r="N635232" s="10"/>
    </row>
    <row r="635233" spans="14:14">
      <c r="N635233" s="10"/>
    </row>
    <row r="635234" spans="14:14">
      <c r="N635234" s="10"/>
    </row>
    <row r="635235" spans="14:14">
      <c r="N635235" s="10"/>
    </row>
    <row r="635236" spans="14:14">
      <c r="N635236" s="10"/>
    </row>
    <row r="635237" spans="14:14">
      <c r="N635237" s="10"/>
    </row>
    <row r="635238" spans="14:14">
      <c r="N635238" s="10"/>
    </row>
    <row r="635239" spans="14:14">
      <c r="N635239" s="10"/>
    </row>
    <row r="635240" spans="14:14">
      <c r="N635240" s="10"/>
    </row>
    <row r="635241" spans="14:14">
      <c r="N635241" s="10"/>
    </row>
    <row r="635242" spans="14:14">
      <c r="N635242" s="10"/>
    </row>
    <row r="635243" spans="14:14">
      <c r="N635243" s="10"/>
    </row>
    <row r="635244" spans="14:14">
      <c r="N635244" s="10"/>
    </row>
    <row r="635245" spans="14:14">
      <c r="N635245" s="10"/>
    </row>
    <row r="635246" spans="14:14">
      <c r="N635246" s="10"/>
    </row>
    <row r="635247" spans="14:14">
      <c r="N635247" s="10"/>
    </row>
    <row r="635248" spans="14:14">
      <c r="N635248" s="10"/>
    </row>
    <row r="635249" spans="14:14">
      <c r="N635249" s="10"/>
    </row>
    <row r="635250" spans="14:14">
      <c r="N635250" s="10"/>
    </row>
    <row r="635251" spans="14:14">
      <c r="N635251" s="10"/>
    </row>
    <row r="635252" spans="14:14">
      <c r="N635252" s="10"/>
    </row>
    <row r="635253" spans="14:14">
      <c r="N635253" s="10"/>
    </row>
    <row r="635254" spans="14:14">
      <c r="N635254" s="10"/>
    </row>
    <row r="635255" spans="14:14">
      <c r="N635255" s="10"/>
    </row>
    <row r="635256" spans="14:14">
      <c r="N635256" s="10"/>
    </row>
    <row r="635257" spans="14:14">
      <c r="N635257" s="10"/>
    </row>
    <row r="635258" spans="14:14">
      <c r="N635258" s="10"/>
    </row>
    <row r="635259" spans="14:14">
      <c r="N635259" s="10"/>
    </row>
    <row r="635260" spans="14:14">
      <c r="N635260" s="10"/>
    </row>
    <row r="635261" spans="14:14">
      <c r="N635261" s="10"/>
    </row>
    <row r="635262" spans="14:14">
      <c r="N635262" s="10"/>
    </row>
    <row r="635263" spans="14:14">
      <c r="N635263" s="10"/>
    </row>
    <row r="635264" spans="14:14">
      <c r="N635264" s="10"/>
    </row>
    <row r="635265" spans="14:14">
      <c r="N635265" s="10"/>
    </row>
    <row r="635266" spans="14:14">
      <c r="N635266" s="10"/>
    </row>
    <row r="635267" spans="14:14">
      <c r="N635267" s="10"/>
    </row>
    <row r="635268" spans="14:14">
      <c r="N635268" s="10"/>
    </row>
    <row r="635269" spans="14:14">
      <c r="N635269" s="10"/>
    </row>
    <row r="635270" spans="14:14">
      <c r="N635270" s="10"/>
    </row>
    <row r="635271" spans="14:14">
      <c r="N635271" s="10"/>
    </row>
    <row r="635272" spans="14:14">
      <c r="N635272" s="10"/>
    </row>
    <row r="635273" spans="14:14">
      <c r="N635273" s="10"/>
    </row>
    <row r="635274" spans="14:14">
      <c r="N635274" s="10"/>
    </row>
    <row r="635275" spans="14:14">
      <c r="N635275" s="10"/>
    </row>
    <row r="635276" spans="14:14">
      <c r="N635276" s="10"/>
    </row>
    <row r="635277" spans="14:14">
      <c r="N635277" s="10"/>
    </row>
    <row r="635278" spans="14:14">
      <c r="N635278" s="10"/>
    </row>
    <row r="635279" spans="14:14">
      <c r="N635279" s="10"/>
    </row>
    <row r="635280" spans="14:14">
      <c r="N635280" s="10"/>
    </row>
    <row r="635281" spans="14:14">
      <c r="N635281" s="10"/>
    </row>
    <row r="635282" spans="14:14">
      <c r="N635282" s="10"/>
    </row>
    <row r="635283" spans="14:14">
      <c r="N635283" s="10"/>
    </row>
    <row r="635284" spans="14:14">
      <c r="N635284" s="10"/>
    </row>
    <row r="635285" spans="14:14">
      <c r="N635285" s="10"/>
    </row>
    <row r="635286" spans="14:14">
      <c r="N635286" s="10"/>
    </row>
    <row r="635287" spans="14:14">
      <c r="N635287" s="10"/>
    </row>
    <row r="635288" spans="14:14">
      <c r="N635288" s="10"/>
    </row>
    <row r="635289" spans="14:14">
      <c r="N635289" s="10"/>
    </row>
    <row r="635290" spans="14:14">
      <c r="N635290" s="10"/>
    </row>
    <row r="635291" spans="14:14">
      <c r="N635291" s="10"/>
    </row>
    <row r="635292" spans="14:14">
      <c r="N635292" s="10"/>
    </row>
    <row r="635293" spans="14:14">
      <c r="N635293" s="10"/>
    </row>
    <row r="635294" spans="14:14">
      <c r="N635294" s="10"/>
    </row>
    <row r="635295" spans="14:14">
      <c r="N635295" s="10"/>
    </row>
    <row r="635296" spans="14:14">
      <c r="N635296" s="10"/>
    </row>
    <row r="635297" spans="14:14">
      <c r="N635297" s="10"/>
    </row>
    <row r="635298" spans="14:14">
      <c r="N635298" s="10"/>
    </row>
    <row r="635299" spans="14:14">
      <c r="N635299" s="10"/>
    </row>
    <row r="635300" spans="14:14">
      <c r="N635300" s="10"/>
    </row>
    <row r="635301" spans="14:14">
      <c r="N635301" s="10"/>
    </row>
    <row r="635302" spans="14:14">
      <c r="N635302" s="10"/>
    </row>
    <row r="635303" spans="14:14">
      <c r="N635303" s="10"/>
    </row>
    <row r="635304" spans="14:14">
      <c r="N635304" s="10"/>
    </row>
    <row r="635305" spans="14:14">
      <c r="N635305" s="10"/>
    </row>
    <row r="635306" spans="14:14">
      <c r="N635306" s="10"/>
    </row>
    <row r="635307" spans="14:14">
      <c r="N635307" s="10"/>
    </row>
    <row r="635308" spans="14:14">
      <c r="N635308" s="10"/>
    </row>
    <row r="635309" spans="14:14">
      <c r="N635309" s="10"/>
    </row>
    <row r="635310" spans="14:14">
      <c r="N635310" s="10"/>
    </row>
    <row r="635311" spans="14:14">
      <c r="N635311" s="10"/>
    </row>
    <row r="635312" spans="14:14">
      <c r="N635312" s="10"/>
    </row>
    <row r="635313" spans="14:14">
      <c r="N635313" s="10"/>
    </row>
    <row r="635314" spans="14:14">
      <c r="N635314" s="10"/>
    </row>
    <row r="635315" spans="14:14">
      <c r="N635315" s="10"/>
    </row>
    <row r="635316" spans="14:14">
      <c r="N635316" s="10"/>
    </row>
    <row r="635317" spans="14:14">
      <c r="N635317" s="10"/>
    </row>
    <row r="635318" spans="14:14">
      <c r="N635318" s="10"/>
    </row>
    <row r="635319" spans="14:14">
      <c r="N635319" s="10"/>
    </row>
    <row r="635320" spans="14:14">
      <c r="N635320" s="10"/>
    </row>
    <row r="635321" spans="14:14">
      <c r="N635321" s="10"/>
    </row>
    <row r="635322" spans="14:14">
      <c r="N635322" s="10"/>
    </row>
    <row r="635323" spans="14:14">
      <c r="N635323" s="10"/>
    </row>
    <row r="635324" spans="14:14">
      <c r="N635324" s="10"/>
    </row>
    <row r="635325" spans="14:14">
      <c r="N635325" s="10"/>
    </row>
    <row r="635326" spans="14:14">
      <c r="N635326" s="10"/>
    </row>
    <row r="635327" spans="14:14">
      <c r="N635327" s="10"/>
    </row>
    <row r="635328" spans="14:14">
      <c r="N635328" s="10"/>
    </row>
    <row r="635329" spans="14:14">
      <c r="N635329" s="10"/>
    </row>
    <row r="635330" spans="14:14">
      <c r="N635330" s="10"/>
    </row>
    <row r="635331" spans="14:14">
      <c r="N635331" s="10"/>
    </row>
    <row r="635332" spans="14:14">
      <c r="N635332" s="10"/>
    </row>
    <row r="635333" spans="14:14">
      <c r="N635333" s="10"/>
    </row>
    <row r="635334" spans="14:14">
      <c r="N635334" s="10"/>
    </row>
    <row r="635335" spans="14:14">
      <c r="N635335" s="10"/>
    </row>
    <row r="635336" spans="14:14">
      <c r="N635336" s="10"/>
    </row>
    <row r="635337" spans="14:14">
      <c r="N635337" s="10"/>
    </row>
    <row r="635338" spans="14:14">
      <c r="N635338" s="10"/>
    </row>
    <row r="635339" spans="14:14">
      <c r="N635339" s="10"/>
    </row>
    <row r="635340" spans="14:14">
      <c r="N635340" s="10"/>
    </row>
    <row r="635341" spans="14:14">
      <c r="N635341" s="10"/>
    </row>
    <row r="635342" spans="14:14">
      <c r="N635342" s="10"/>
    </row>
    <row r="635343" spans="14:14">
      <c r="N635343" s="10"/>
    </row>
    <row r="635344" spans="14:14">
      <c r="N635344" s="10"/>
    </row>
    <row r="635345" spans="14:14">
      <c r="N635345" s="10"/>
    </row>
    <row r="635346" spans="14:14">
      <c r="N635346" s="10"/>
    </row>
    <row r="635347" spans="14:14">
      <c r="N635347" s="10"/>
    </row>
    <row r="635348" spans="14:14">
      <c r="N635348" s="10"/>
    </row>
    <row r="635349" spans="14:14">
      <c r="N635349" s="10"/>
    </row>
    <row r="635350" spans="14:14">
      <c r="N635350" s="10"/>
    </row>
    <row r="635351" spans="14:14">
      <c r="N635351" s="10"/>
    </row>
    <row r="635352" spans="14:14">
      <c r="N635352" s="10"/>
    </row>
    <row r="635353" spans="14:14">
      <c r="N635353" s="10"/>
    </row>
    <row r="635354" spans="14:14">
      <c r="N635354" s="10"/>
    </row>
    <row r="635355" spans="14:14">
      <c r="N635355" s="10"/>
    </row>
    <row r="635356" spans="14:14">
      <c r="N635356" s="10"/>
    </row>
    <row r="635357" spans="14:14">
      <c r="N635357" s="10"/>
    </row>
    <row r="635358" spans="14:14">
      <c r="N635358" s="10"/>
    </row>
    <row r="635359" spans="14:14">
      <c r="N635359" s="10"/>
    </row>
    <row r="635360" spans="14:14">
      <c r="N635360" s="10"/>
    </row>
    <row r="635361" spans="14:14">
      <c r="N635361" s="10"/>
    </row>
    <row r="635362" spans="14:14">
      <c r="N635362" s="10"/>
    </row>
    <row r="635363" spans="14:14">
      <c r="N635363" s="10"/>
    </row>
    <row r="635364" spans="14:14">
      <c r="N635364" s="10"/>
    </row>
    <row r="635365" spans="14:14">
      <c r="N635365" s="10"/>
    </row>
    <row r="635366" spans="14:14">
      <c r="N635366" s="10"/>
    </row>
    <row r="635367" spans="14:14">
      <c r="N635367" s="10"/>
    </row>
    <row r="635368" spans="14:14">
      <c r="N635368" s="10"/>
    </row>
    <row r="635369" spans="14:14">
      <c r="N635369" s="10"/>
    </row>
    <row r="635370" spans="14:14">
      <c r="N635370" s="10"/>
    </row>
    <row r="635371" spans="14:14">
      <c r="N635371" s="10"/>
    </row>
    <row r="635372" spans="14:14">
      <c r="N635372" s="10"/>
    </row>
    <row r="635373" spans="14:14">
      <c r="N635373" s="10"/>
    </row>
    <row r="635374" spans="14:14">
      <c r="N635374" s="10"/>
    </row>
    <row r="635375" spans="14:14">
      <c r="N635375" s="10"/>
    </row>
    <row r="635376" spans="14:14">
      <c r="N635376" s="10"/>
    </row>
    <row r="635377" spans="14:14">
      <c r="N635377" s="10"/>
    </row>
    <row r="635378" spans="14:14">
      <c r="N635378" s="10"/>
    </row>
    <row r="635379" spans="14:14">
      <c r="N635379" s="10"/>
    </row>
    <row r="635380" spans="14:14">
      <c r="N635380" s="10"/>
    </row>
    <row r="635381" spans="14:14">
      <c r="N635381" s="10"/>
    </row>
    <row r="635382" spans="14:14">
      <c r="N635382" s="10"/>
    </row>
    <row r="635383" spans="14:14">
      <c r="N635383" s="10"/>
    </row>
    <row r="635384" spans="14:14">
      <c r="N635384" s="10"/>
    </row>
    <row r="635385" spans="14:14">
      <c r="N635385" s="10"/>
    </row>
    <row r="635386" spans="14:14">
      <c r="N635386" s="10"/>
    </row>
    <row r="635387" spans="14:14">
      <c r="N635387" s="10"/>
    </row>
    <row r="635388" spans="14:14">
      <c r="N635388" s="10"/>
    </row>
    <row r="635389" spans="14:14">
      <c r="N635389" s="10"/>
    </row>
    <row r="635390" spans="14:14">
      <c r="N635390" s="10"/>
    </row>
    <row r="635391" spans="14:14">
      <c r="N635391" s="10"/>
    </row>
    <row r="635392" spans="14:14">
      <c r="N635392" s="10"/>
    </row>
    <row r="635393" spans="14:14">
      <c r="N635393" s="10"/>
    </row>
    <row r="635394" spans="14:14">
      <c r="N635394" s="10"/>
    </row>
    <row r="635395" spans="14:14">
      <c r="N635395" s="10"/>
    </row>
    <row r="635396" spans="14:14">
      <c r="N635396" s="10"/>
    </row>
    <row r="635397" spans="14:14">
      <c r="N635397" s="10"/>
    </row>
    <row r="635398" spans="14:14">
      <c r="N635398" s="10"/>
    </row>
    <row r="635399" spans="14:14">
      <c r="N635399" s="10"/>
    </row>
    <row r="635400" spans="14:14">
      <c r="N635400" s="10"/>
    </row>
    <row r="635401" spans="14:14">
      <c r="N635401" s="10"/>
    </row>
    <row r="635402" spans="14:14">
      <c r="N635402" s="10"/>
    </row>
    <row r="635403" spans="14:14">
      <c r="N635403" s="10"/>
    </row>
    <row r="635404" spans="14:14">
      <c r="N635404" s="10"/>
    </row>
    <row r="635405" spans="14:14">
      <c r="N635405" s="10"/>
    </row>
    <row r="635406" spans="14:14">
      <c r="N635406" s="10"/>
    </row>
    <row r="635407" spans="14:14">
      <c r="N635407" s="10"/>
    </row>
    <row r="635408" spans="14:14">
      <c r="N635408" s="10"/>
    </row>
    <row r="635409" spans="14:14">
      <c r="N635409" s="10"/>
    </row>
    <row r="635410" spans="14:14">
      <c r="N635410" s="10"/>
    </row>
    <row r="635411" spans="14:14">
      <c r="N635411" s="10"/>
    </row>
    <row r="635412" spans="14:14">
      <c r="N635412" s="10"/>
    </row>
    <row r="635413" spans="14:14">
      <c r="N635413" s="10"/>
    </row>
    <row r="635414" spans="14:14">
      <c r="N635414" s="10"/>
    </row>
    <row r="635415" spans="14:14">
      <c r="N635415" s="10"/>
    </row>
    <row r="635416" spans="14:14">
      <c r="N635416" s="10"/>
    </row>
    <row r="635417" spans="14:14">
      <c r="N635417" s="10"/>
    </row>
    <row r="635418" spans="14:14">
      <c r="N635418" s="10"/>
    </row>
    <row r="635419" spans="14:14">
      <c r="N635419" s="10"/>
    </row>
    <row r="635420" spans="14:14">
      <c r="N635420" s="10"/>
    </row>
    <row r="635421" spans="14:14">
      <c r="N635421" s="10"/>
    </row>
    <row r="635422" spans="14:14">
      <c r="N635422" s="10"/>
    </row>
    <row r="635423" spans="14:14">
      <c r="N635423" s="10"/>
    </row>
    <row r="635424" spans="14:14">
      <c r="N635424" s="10"/>
    </row>
    <row r="635425" spans="14:14">
      <c r="N635425" s="10"/>
    </row>
    <row r="635426" spans="14:14">
      <c r="N635426" s="10"/>
    </row>
    <row r="635427" spans="14:14">
      <c r="N635427" s="10"/>
    </row>
    <row r="635428" spans="14:14">
      <c r="N635428" s="10"/>
    </row>
    <row r="635429" spans="14:14">
      <c r="N635429" s="10"/>
    </row>
    <row r="635430" spans="14:14">
      <c r="N635430" s="10"/>
    </row>
    <row r="635431" spans="14:14">
      <c r="N635431" s="10"/>
    </row>
    <row r="635432" spans="14:14">
      <c r="N635432" s="10"/>
    </row>
    <row r="635433" spans="14:14">
      <c r="N635433" s="10"/>
    </row>
    <row r="635434" spans="14:14">
      <c r="N635434" s="10"/>
    </row>
    <row r="635435" spans="14:14">
      <c r="N635435" s="10"/>
    </row>
    <row r="635436" spans="14:14">
      <c r="N635436" s="10"/>
    </row>
    <row r="635437" spans="14:14">
      <c r="N635437" s="10"/>
    </row>
    <row r="635438" spans="14:14">
      <c r="N635438" s="10"/>
    </row>
    <row r="635439" spans="14:14">
      <c r="N635439" s="10"/>
    </row>
    <row r="635440" spans="14:14">
      <c r="N635440" s="10"/>
    </row>
    <row r="635441" spans="14:14">
      <c r="N635441" s="10"/>
    </row>
    <row r="635442" spans="14:14">
      <c r="N635442" s="10"/>
    </row>
    <row r="635443" spans="14:14">
      <c r="N635443" s="10"/>
    </row>
    <row r="635444" spans="14:14">
      <c r="N635444" s="10"/>
    </row>
    <row r="635445" spans="14:14">
      <c r="N635445" s="10"/>
    </row>
    <row r="635446" spans="14:14">
      <c r="N635446" s="10"/>
    </row>
    <row r="635447" spans="14:14">
      <c r="N635447" s="10"/>
    </row>
    <row r="635448" spans="14:14">
      <c r="N635448" s="10"/>
    </row>
    <row r="635449" spans="14:14">
      <c r="N635449" s="10"/>
    </row>
    <row r="635450" spans="14:14">
      <c r="N635450" s="10"/>
    </row>
    <row r="635451" spans="14:14">
      <c r="N635451" s="10"/>
    </row>
    <row r="635452" spans="14:14">
      <c r="N635452" s="10"/>
    </row>
    <row r="635453" spans="14:14">
      <c r="N635453" s="10"/>
    </row>
    <row r="635454" spans="14:14">
      <c r="N635454" s="10"/>
    </row>
    <row r="635455" spans="14:14">
      <c r="N635455" s="10"/>
    </row>
    <row r="635456" spans="14:14">
      <c r="N635456" s="10"/>
    </row>
    <row r="635457" spans="14:14">
      <c r="N635457" s="10"/>
    </row>
    <row r="635458" spans="14:14">
      <c r="N635458" s="10"/>
    </row>
    <row r="635459" spans="14:14">
      <c r="N635459" s="10"/>
    </row>
    <row r="635460" spans="14:14">
      <c r="N635460" s="10"/>
    </row>
    <row r="635461" spans="14:14">
      <c r="N635461" s="10"/>
    </row>
    <row r="635462" spans="14:14">
      <c r="N635462" s="10"/>
    </row>
    <row r="635463" spans="14:14">
      <c r="N635463" s="10"/>
    </row>
    <row r="635464" spans="14:14">
      <c r="N635464" s="10"/>
    </row>
    <row r="635465" spans="14:14">
      <c r="N635465" s="10"/>
    </row>
    <row r="635466" spans="14:14">
      <c r="N635466" s="10"/>
    </row>
    <row r="635467" spans="14:14">
      <c r="N635467" s="10"/>
    </row>
    <row r="635468" spans="14:14">
      <c r="N635468" s="10"/>
    </row>
    <row r="635469" spans="14:14">
      <c r="N635469" s="10"/>
    </row>
    <row r="635470" spans="14:14">
      <c r="N635470" s="10"/>
    </row>
    <row r="635471" spans="14:14">
      <c r="N635471" s="10"/>
    </row>
    <row r="635472" spans="14:14">
      <c r="N635472" s="10"/>
    </row>
    <row r="635473" spans="14:14">
      <c r="N635473" s="10"/>
    </row>
    <row r="635474" spans="14:14">
      <c r="N635474" s="10"/>
    </row>
    <row r="635475" spans="14:14">
      <c r="N635475" s="10"/>
    </row>
    <row r="635476" spans="14:14">
      <c r="N635476" s="10"/>
    </row>
    <row r="635477" spans="14:14">
      <c r="N635477" s="10"/>
    </row>
    <row r="635478" spans="14:14">
      <c r="N635478" s="10"/>
    </row>
    <row r="635479" spans="14:14">
      <c r="N635479" s="10"/>
    </row>
    <row r="635480" spans="14:14">
      <c r="N635480" s="10"/>
    </row>
    <row r="635481" spans="14:14">
      <c r="N635481" s="10"/>
    </row>
    <row r="635482" spans="14:14">
      <c r="N635482" s="10"/>
    </row>
    <row r="635483" spans="14:14">
      <c r="N635483" s="10"/>
    </row>
    <row r="635484" spans="14:14">
      <c r="N635484" s="10"/>
    </row>
    <row r="635485" spans="14:14">
      <c r="N635485" s="10"/>
    </row>
    <row r="635486" spans="14:14">
      <c r="N635486" s="10"/>
    </row>
    <row r="635487" spans="14:14">
      <c r="N635487" s="10"/>
    </row>
    <row r="635488" spans="14:14">
      <c r="N635488" s="10"/>
    </row>
    <row r="635489" spans="14:14">
      <c r="N635489" s="10"/>
    </row>
    <row r="635490" spans="14:14">
      <c r="N635490" s="10"/>
    </row>
    <row r="635491" spans="14:14">
      <c r="N635491" s="10"/>
    </row>
    <row r="635492" spans="14:14">
      <c r="N635492" s="10"/>
    </row>
    <row r="635493" spans="14:14">
      <c r="N635493" s="10"/>
    </row>
    <row r="635494" spans="14:14">
      <c r="N635494" s="10"/>
    </row>
    <row r="635495" spans="14:14">
      <c r="N635495" s="10"/>
    </row>
    <row r="635496" spans="14:14">
      <c r="N635496" s="10"/>
    </row>
    <row r="635497" spans="14:14">
      <c r="N635497" s="10"/>
    </row>
    <row r="635498" spans="14:14">
      <c r="N635498" s="10"/>
    </row>
    <row r="635499" spans="14:14">
      <c r="N635499" s="10"/>
    </row>
    <row r="635500" spans="14:14">
      <c r="N635500" s="10"/>
    </row>
    <row r="635501" spans="14:14">
      <c r="N635501" s="10"/>
    </row>
    <row r="635502" spans="14:14">
      <c r="N635502" s="10"/>
    </row>
    <row r="635503" spans="14:14">
      <c r="N635503" s="10"/>
    </row>
    <row r="635504" spans="14:14">
      <c r="N635504" s="10"/>
    </row>
    <row r="635505" spans="14:14">
      <c r="N635505" s="10"/>
    </row>
    <row r="635506" spans="14:14">
      <c r="N635506" s="10"/>
    </row>
    <row r="635507" spans="14:14">
      <c r="N635507" s="10"/>
    </row>
    <row r="635508" spans="14:14">
      <c r="N635508" s="10"/>
    </row>
    <row r="635509" spans="14:14">
      <c r="N635509" s="10"/>
    </row>
    <row r="635510" spans="14:14">
      <c r="N635510" s="10"/>
    </row>
    <row r="635511" spans="14:14">
      <c r="N635511" s="10"/>
    </row>
    <row r="635512" spans="14:14">
      <c r="N635512" s="10"/>
    </row>
    <row r="635513" spans="14:14">
      <c r="N635513" s="10"/>
    </row>
    <row r="635514" spans="14:14">
      <c r="N635514" s="10"/>
    </row>
    <row r="635515" spans="14:14">
      <c r="N635515" s="10"/>
    </row>
    <row r="635516" spans="14:14">
      <c r="N635516" s="10"/>
    </row>
    <row r="635517" spans="14:14">
      <c r="N635517" s="10"/>
    </row>
    <row r="635518" spans="14:14">
      <c r="N635518" s="10"/>
    </row>
    <row r="635519" spans="14:14">
      <c r="N635519" s="10"/>
    </row>
    <row r="635520" spans="14:14">
      <c r="N635520" s="10"/>
    </row>
    <row r="635521" spans="14:14">
      <c r="N635521" s="10"/>
    </row>
    <row r="635522" spans="14:14">
      <c r="N635522" s="10"/>
    </row>
    <row r="635523" spans="14:14">
      <c r="N635523" s="10"/>
    </row>
    <row r="635524" spans="14:14">
      <c r="N635524" s="10"/>
    </row>
    <row r="635525" spans="14:14">
      <c r="N635525" s="10"/>
    </row>
    <row r="635526" spans="14:14">
      <c r="N635526" s="10"/>
    </row>
    <row r="635527" spans="14:14">
      <c r="N635527" s="10"/>
    </row>
    <row r="635528" spans="14:14">
      <c r="N635528" s="10"/>
    </row>
    <row r="635529" spans="14:14">
      <c r="N635529" s="10"/>
    </row>
    <row r="635530" spans="14:14">
      <c r="N635530" s="10"/>
    </row>
    <row r="635531" spans="14:14">
      <c r="N635531" s="10"/>
    </row>
    <row r="635532" spans="14:14">
      <c r="N635532" s="10"/>
    </row>
    <row r="635533" spans="14:14">
      <c r="N635533" s="10"/>
    </row>
    <row r="635534" spans="14:14">
      <c r="N635534" s="10"/>
    </row>
    <row r="635535" spans="14:14">
      <c r="N635535" s="10"/>
    </row>
    <row r="635536" spans="14:14">
      <c r="N635536" s="10"/>
    </row>
    <row r="635537" spans="14:14">
      <c r="N635537" s="10"/>
    </row>
    <row r="635538" spans="14:14">
      <c r="N635538" s="10"/>
    </row>
    <row r="635539" spans="14:14">
      <c r="N635539" s="10"/>
    </row>
    <row r="635540" spans="14:14">
      <c r="N635540" s="10"/>
    </row>
    <row r="635541" spans="14:14">
      <c r="N635541" s="10"/>
    </row>
    <row r="635542" spans="14:14">
      <c r="N635542" s="10"/>
    </row>
    <row r="635543" spans="14:14">
      <c r="N635543" s="10"/>
    </row>
    <row r="635544" spans="14:14">
      <c r="N635544" s="10"/>
    </row>
    <row r="635545" spans="14:14">
      <c r="N635545" s="10"/>
    </row>
    <row r="635546" spans="14:14">
      <c r="N635546" s="10"/>
    </row>
    <row r="635547" spans="14:14">
      <c r="N635547" s="10"/>
    </row>
    <row r="635548" spans="14:14">
      <c r="N635548" s="10"/>
    </row>
    <row r="635549" spans="14:14">
      <c r="N635549" s="10"/>
    </row>
    <row r="635550" spans="14:14">
      <c r="N635550" s="10"/>
    </row>
    <row r="635551" spans="14:14">
      <c r="N635551" s="10"/>
    </row>
    <row r="635552" spans="14:14">
      <c r="N635552" s="10"/>
    </row>
    <row r="635553" spans="14:14">
      <c r="N635553" s="10"/>
    </row>
    <row r="635554" spans="14:14">
      <c r="N635554" s="10"/>
    </row>
    <row r="635555" spans="14:14">
      <c r="N635555" s="10"/>
    </row>
    <row r="635556" spans="14:14">
      <c r="N635556" s="10"/>
    </row>
    <row r="635557" spans="14:14">
      <c r="N635557" s="10"/>
    </row>
    <row r="635558" spans="14:14">
      <c r="N635558" s="10"/>
    </row>
    <row r="635559" spans="14:14">
      <c r="N635559" s="10"/>
    </row>
    <row r="635560" spans="14:14">
      <c r="N635560" s="10"/>
    </row>
    <row r="635561" spans="14:14">
      <c r="N635561" s="10"/>
    </row>
    <row r="635562" spans="14:14">
      <c r="N635562" s="10"/>
    </row>
    <row r="635563" spans="14:14">
      <c r="N635563" s="10"/>
    </row>
    <row r="635564" spans="14:14">
      <c r="N635564" s="10"/>
    </row>
    <row r="635565" spans="14:14">
      <c r="N635565" s="10"/>
    </row>
    <row r="635566" spans="14:14">
      <c r="N635566" s="10"/>
    </row>
    <row r="635567" spans="14:14">
      <c r="N635567" s="10"/>
    </row>
    <row r="635568" spans="14:14">
      <c r="N635568" s="10"/>
    </row>
    <row r="635569" spans="14:14">
      <c r="N635569" s="10"/>
    </row>
    <row r="635570" spans="14:14">
      <c r="N635570" s="10"/>
    </row>
    <row r="635571" spans="14:14">
      <c r="N635571" s="10"/>
    </row>
    <row r="635572" spans="14:14">
      <c r="N635572" s="10"/>
    </row>
    <row r="635573" spans="14:14">
      <c r="N635573" s="10"/>
    </row>
    <row r="635574" spans="14:14">
      <c r="N635574" s="10"/>
    </row>
    <row r="635575" spans="14:14">
      <c r="N635575" s="10"/>
    </row>
    <row r="635576" spans="14:14">
      <c r="N635576" s="10"/>
    </row>
    <row r="635577" spans="14:14">
      <c r="N635577" s="10"/>
    </row>
    <row r="635578" spans="14:14">
      <c r="N635578" s="10"/>
    </row>
    <row r="635579" spans="14:14">
      <c r="N635579" s="10"/>
    </row>
    <row r="635580" spans="14:14">
      <c r="N635580" s="10"/>
    </row>
    <row r="635581" spans="14:14">
      <c r="N635581" s="10"/>
    </row>
    <row r="635582" spans="14:14">
      <c r="N635582" s="10"/>
    </row>
    <row r="635583" spans="14:14">
      <c r="N635583" s="10"/>
    </row>
    <row r="635584" spans="14:14">
      <c r="N635584" s="10"/>
    </row>
    <row r="635585" spans="14:14">
      <c r="N635585" s="10"/>
    </row>
    <row r="635586" spans="14:14">
      <c r="N635586" s="10"/>
    </row>
    <row r="635587" spans="14:14">
      <c r="N635587" s="10"/>
    </row>
    <row r="635588" spans="14:14">
      <c r="N635588" s="10"/>
    </row>
    <row r="635589" spans="14:14">
      <c r="N635589" s="10"/>
    </row>
    <row r="635590" spans="14:14">
      <c r="N635590" s="10"/>
    </row>
    <row r="635591" spans="14:14">
      <c r="N635591" s="10"/>
    </row>
    <row r="635592" spans="14:14">
      <c r="N635592" s="10"/>
    </row>
    <row r="635593" spans="14:14">
      <c r="N635593" s="10"/>
    </row>
    <row r="635594" spans="14:14">
      <c r="N635594" s="10"/>
    </row>
    <row r="635595" spans="14:14">
      <c r="N635595" s="10"/>
    </row>
    <row r="635596" spans="14:14">
      <c r="N635596" s="10"/>
    </row>
    <row r="635597" spans="14:14">
      <c r="N635597" s="10"/>
    </row>
    <row r="635598" spans="14:14">
      <c r="N635598" s="10"/>
    </row>
    <row r="635599" spans="14:14">
      <c r="N635599" s="10"/>
    </row>
    <row r="635600" spans="14:14">
      <c r="N635600" s="10"/>
    </row>
    <row r="635601" spans="14:14">
      <c r="N635601" s="10"/>
    </row>
    <row r="635602" spans="14:14">
      <c r="N635602" s="10"/>
    </row>
    <row r="635603" spans="14:14">
      <c r="N635603" s="10"/>
    </row>
    <row r="635604" spans="14:14">
      <c r="N635604" s="10"/>
    </row>
    <row r="635605" spans="14:14">
      <c r="N635605" s="10"/>
    </row>
    <row r="635606" spans="14:14">
      <c r="N635606" s="10"/>
    </row>
    <row r="635607" spans="14:14">
      <c r="N635607" s="10"/>
    </row>
    <row r="635608" spans="14:14">
      <c r="N635608" s="10"/>
    </row>
    <row r="635609" spans="14:14">
      <c r="N635609" s="10"/>
    </row>
    <row r="635610" spans="14:14">
      <c r="N635610" s="10"/>
    </row>
    <row r="635611" spans="14:14">
      <c r="N635611" s="10"/>
    </row>
    <row r="635612" spans="14:14">
      <c r="N635612" s="10"/>
    </row>
    <row r="635613" spans="14:14">
      <c r="N635613" s="10"/>
    </row>
    <row r="635614" spans="14:14">
      <c r="N635614" s="10"/>
    </row>
    <row r="635615" spans="14:14">
      <c r="N635615" s="10"/>
    </row>
    <row r="635616" spans="14:14">
      <c r="N635616" s="10"/>
    </row>
    <row r="635617" spans="14:14">
      <c r="N635617" s="10"/>
    </row>
    <row r="635618" spans="14:14">
      <c r="N635618" s="10"/>
    </row>
    <row r="635619" spans="14:14">
      <c r="N635619" s="10"/>
    </row>
    <row r="635620" spans="14:14">
      <c r="N635620" s="10"/>
    </row>
    <row r="635621" spans="14:14">
      <c r="N635621" s="10"/>
    </row>
    <row r="635622" spans="14:14">
      <c r="N635622" s="10"/>
    </row>
    <row r="635623" spans="14:14">
      <c r="N635623" s="10"/>
    </row>
    <row r="635624" spans="14:14">
      <c r="N635624" s="10"/>
    </row>
    <row r="635625" spans="14:14">
      <c r="N635625" s="10"/>
    </row>
    <row r="635626" spans="14:14">
      <c r="N635626" s="10"/>
    </row>
    <row r="635627" spans="14:14">
      <c r="N635627" s="10"/>
    </row>
    <row r="635628" spans="14:14">
      <c r="N635628" s="10"/>
    </row>
    <row r="635629" spans="14:14">
      <c r="N635629" s="10"/>
    </row>
    <row r="635630" spans="14:14">
      <c r="N635630" s="10"/>
    </row>
    <row r="635631" spans="14:14">
      <c r="N635631" s="10"/>
    </row>
    <row r="635632" spans="14:14">
      <c r="N635632" s="10"/>
    </row>
    <row r="635633" spans="14:14">
      <c r="N635633" s="10"/>
    </row>
    <row r="635634" spans="14:14">
      <c r="N635634" s="10"/>
    </row>
    <row r="635635" spans="14:14">
      <c r="N635635" s="10"/>
    </row>
    <row r="635636" spans="14:14">
      <c r="N635636" s="10"/>
    </row>
    <row r="635637" spans="14:14">
      <c r="N635637" s="10"/>
    </row>
    <row r="635638" spans="14:14">
      <c r="N635638" s="10"/>
    </row>
    <row r="635639" spans="14:14">
      <c r="N635639" s="10"/>
    </row>
    <row r="635640" spans="14:14">
      <c r="N635640" s="10"/>
    </row>
    <row r="635641" spans="14:14">
      <c r="N635641" s="10"/>
    </row>
    <row r="635642" spans="14:14">
      <c r="N635642" s="10"/>
    </row>
    <row r="635643" spans="14:14">
      <c r="N635643" s="10"/>
    </row>
    <row r="635644" spans="14:14">
      <c r="N635644" s="10"/>
    </row>
    <row r="635645" spans="14:14">
      <c r="N635645" s="10"/>
    </row>
    <row r="635646" spans="14:14">
      <c r="N635646" s="10"/>
    </row>
    <row r="635647" spans="14:14">
      <c r="N635647" s="10"/>
    </row>
    <row r="635648" spans="14:14">
      <c r="N635648" s="10"/>
    </row>
    <row r="635649" spans="14:14">
      <c r="N635649" s="10"/>
    </row>
    <row r="635650" spans="14:14">
      <c r="N635650" s="10"/>
    </row>
    <row r="635651" spans="14:14">
      <c r="N635651" s="10"/>
    </row>
    <row r="635652" spans="14:14">
      <c r="N635652" s="10"/>
    </row>
    <row r="635653" spans="14:14">
      <c r="N635653" s="10"/>
    </row>
    <row r="635654" spans="14:14">
      <c r="N635654" s="10"/>
    </row>
    <row r="635655" spans="14:14">
      <c r="N635655" s="10"/>
    </row>
    <row r="635656" spans="14:14">
      <c r="N635656" s="10"/>
    </row>
    <row r="635657" spans="14:14">
      <c r="N635657" s="10"/>
    </row>
    <row r="635658" spans="14:14">
      <c r="N635658" s="10"/>
    </row>
    <row r="635659" spans="14:14">
      <c r="N635659" s="10"/>
    </row>
    <row r="635660" spans="14:14">
      <c r="N635660" s="10"/>
    </row>
    <row r="635661" spans="14:14">
      <c r="N635661" s="10"/>
    </row>
    <row r="635662" spans="14:14">
      <c r="N635662" s="10"/>
    </row>
    <row r="635663" spans="14:14">
      <c r="N635663" s="10"/>
    </row>
    <row r="635664" spans="14:14">
      <c r="N635664" s="10"/>
    </row>
    <row r="635665" spans="14:14">
      <c r="N635665" s="10"/>
    </row>
    <row r="635666" spans="14:14">
      <c r="N635666" s="10"/>
    </row>
    <row r="635667" spans="14:14">
      <c r="N635667" s="10"/>
    </row>
    <row r="635668" spans="14:14">
      <c r="N635668" s="10"/>
    </row>
    <row r="635669" spans="14:14">
      <c r="N635669" s="10"/>
    </row>
    <row r="635670" spans="14:14">
      <c r="N635670" s="10"/>
    </row>
    <row r="635671" spans="14:14">
      <c r="N635671" s="10"/>
    </row>
    <row r="635672" spans="14:14">
      <c r="N635672" s="10"/>
    </row>
    <row r="635673" spans="14:14">
      <c r="N635673" s="10"/>
    </row>
    <row r="635674" spans="14:14">
      <c r="N635674" s="10"/>
    </row>
    <row r="635675" spans="14:14">
      <c r="N635675" s="10"/>
    </row>
    <row r="635676" spans="14:14">
      <c r="N635676" s="10"/>
    </row>
    <row r="635677" spans="14:14">
      <c r="N635677" s="10"/>
    </row>
    <row r="635678" spans="14:14">
      <c r="N635678" s="10"/>
    </row>
    <row r="635679" spans="14:14">
      <c r="N635679" s="10"/>
    </row>
    <row r="635680" spans="14:14">
      <c r="N635680" s="10"/>
    </row>
    <row r="635681" spans="14:14">
      <c r="N635681" s="10"/>
    </row>
    <row r="635682" spans="14:14">
      <c r="N635682" s="10"/>
    </row>
    <row r="635683" spans="14:14">
      <c r="N635683" s="10"/>
    </row>
    <row r="635684" spans="14:14">
      <c r="N635684" s="10"/>
    </row>
    <row r="635685" spans="14:14">
      <c r="N635685" s="10"/>
    </row>
    <row r="635686" spans="14:14">
      <c r="N635686" s="10"/>
    </row>
    <row r="635687" spans="14:14">
      <c r="N635687" s="10"/>
    </row>
    <row r="635688" spans="14:14">
      <c r="N635688" s="10"/>
    </row>
    <row r="635689" spans="14:14">
      <c r="N635689" s="10"/>
    </row>
    <row r="635690" spans="14:14">
      <c r="N635690" s="10"/>
    </row>
    <row r="635691" spans="14:14">
      <c r="N635691" s="10"/>
    </row>
    <row r="635692" spans="14:14">
      <c r="N635692" s="10"/>
    </row>
    <row r="635693" spans="14:14">
      <c r="N635693" s="10"/>
    </row>
    <row r="635694" spans="14:14">
      <c r="N635694" s="10"/>
    </row>
    <row r="635695" spans="14:14">
      <c r="N635695" s="10"/>
    </row>
    <row r="635696" spans="14:14">
      <c r="N635696" s="10"/>
    </row>
    <row r="635697" spans="14:14">
      <c r="N635697" s="10"/>
    </row>
    <row r="635698" spans="14:14">
      <c r="N635698" s="10"/>
    </row>
    <row r="635699" spans="14:14">
      <c r="N635699" s="10"/>
    </row>
    <row r="635700" spans="14:14">
      <c r="N635700" s="10"/>
    </row>
    <row r="635701" spans="14:14">
      <c r="N635701" s="10"/>
    </row>
    <row r="635702" spans="14:14">
      <c r="N635702" s="10"/>
    </row>
    <row r="635703" spans="14:14">
      <c r="N635703" s="10"/>
    </row>
    <row r="635704" spans="14:14">
      <c r="N635704" s="10"/>
    </row>
    <row r="635705" spans="14:14">
      <c r="N635705" s="10"/>
    </row>
    <row r="635706" spans="14:14">
      <c r="N635706" s="10"/>
    </row>
    <row r="635707" spans="14:14">
      <c r="N635707" s="10"/>
    </row>
    <row r="635708" spans="14:14">
      <c r="N635708" s="10"/>
    </row>
    <row r="635709" spans="14:14">
      <c r="N635709" s="10"/>
    </row>
    <row r="635710" spans="14:14">
      <c r="N635710" s="10"/>
    </row>
    <row r="635711" spans="14:14">
      <c r="N635711" s="10"/>
    </row>
    <row r="635712" spans="14:14">
      <c r="N635712" s="10"/>
    </row>
    <row r="635713" spans="14:14">
      <c r="N635713" s="10"/>
    </row>
    <row r="635714" spans="14:14">
      <c r="N635714" s="10"/>
    </row>
    <row r="635715" spans="14:14">
      <c r="N635715" s="10"/>
    </row>
    <row r="635716" spans="14:14">
      <c r="N635716" s="10"/>
    </row>
    <row r="635717" spans="14:14">
      <c r="N635717" s="10"/>
    </row>
    <row r="635718" spans="14:14">
      <c r="N635718" s="10"/>
    </row>
    <row r="635719" spans="14:14">
      <c r="N635719" s="10"/>
    </row>
    <row r="635720" spans="14:14">
      <c r="N635720" s="10"/>
    </row>
    <row r="635721" spans="14:14">
      <c r="N635721" s="10"/>
    </row>
    <row r="635722" spans="14:14">
      <c r="N635722" s="10"/>
    </row>
    <row r="635723" spans="14:14">
      <c r="N635723" s="10"/>
    </row>
    <row r="635724" spans="14:14">
      <c r="N635724" s="10"/>
    </row>
    <row r="635725" spans="14:14">
      <c r="N635725" s="10"/>
    </row>
    <row r="635726" spans="14:14">
      <c r="N635726" s="10"/>
    </row>
    <row r="635727" spans="14:14">
      <c r="N635727" s="10"/>
    </row>
    <row r="635728" spans="14:14">
      <c r="N635728" s="10"/>
    </row>
    <row r="635729" spans="14:14">
      <c r="N635729" s="10"/>
    </row>
    <row r="635730" spans="14:14">
      <c r="N635730" s="10"/>
    </row>
    <row r="635731" spans="14:14">
      <c r="N635731" s="10"/>
    </row>
    <row r="635732" spans="14:14">
      <c r="N635732" s="10"/>
    </row>
    <row r="635733" spans="14:14">
      <c r="N635733" s="10"/>
    </row>
    <row r="635734" spans="14:14">
      <c r="N635734" s="10"/>
    </row>
    <row r="635735" spans="14:14">
      <c r="N635735" s="10"/>
    </row>
    <row r="635736" spans="14:14">
      <c r="N635736" s="10"/>
    </row>
    <row r="635737" spans="14:14">
      <c r="N635737" s="10"/>
    </row>
    <row r="635738" spans="14:14">
      <c r="N635738" s="10"/>
    </row>
    <row r="635739" spans="14:14">
      <c r="N635739" s="10"/>
    </row>
    <row r="635740" spans="14:14">
      <c r="N635740" s="10"/>
    </row>
    <row r="635741" spans="14:14">
      <c r="N635741" s="10"/>
    </row>
    <row r="635742" spans="14:14">
      <c r="N635742" s="10"/>
    </row>
    <row r="635743" spans="14:14">
      <c r="N635743" s="10"/>
    </row>
    <row r="635744" spans="14:14">
      <c r="N635744" s="10"/>
    </row>
    <row r="635745" spans="14:14">
      <c r="N635745" s="10"/>
    </row>
    <row r="635746" spans="14:14">
      <c r="N635746" s="10"/>
    </row>
    <row r="635747" spans="14:14">
      <c r="N635747" s="10"/>
    </row>
    <row r="635748" spans="14:14">
      <c r="N635748" s="10"/>
    </row>
    <row r="635749" spans="14:14">
      <c r="N635749" s="10"/>
    </row>
    <row r="635750" spans="14:14">
      <c r="N635750" s="10"/>
    </row>
    <row r="635751" spans="14:14">
      <c r="N635751" s="10"/>
    </row>
    <row r="635752" spans="14:14">
      <c r="N635752" s="10"/>
    </row>
    <row r="635753" spans="14:14">
      <c r="N635753" s="10"/>
    </row>
    <row r="635754" spans="14:14">
      <c r="N635754" s="10"/>
    </row>
    <row r="635755" spans="14:14">
      <c r="N635755" s="10"/>
    </row>
    <row r="635756" spans="14:14">
      <c r="N635756" s="10"/>
    </row>
    <row r="635757" spans="14:14">
      <c r="N635757" s="10"/>
    </row>
    <row r="635758" spans="14:14">
      <c r="N635758" s="10"/>
    </row>
    <row r="635759" spans="14:14">
      <c r="N635759" s="10"/>
    </row>
    <row r="635760" spans="14:14">
      <c r="N635760" s="10"/>
    </row>
    <row r="635761" spans="14:14">
      <c r="N635761" s="10"/>
    </row>
    <row r="635762" spans="14:14">
      <c r="N635762" s="10"/>
    </row>
    <row r="635763" spans="14:14">
      <c r="N635763" s="10"/>
    </row>
    <row r="635764" spans="14:14">
      <c r="N635764" s="10"/>
    </row>
    <row r="635765" spans="14:14">
      <c r="N635765" s="10"/>
    </row>
    <row r="635766" spans="14:14">
      <c r="N635766" s="10"/>
    </row>
    <row r="635767" spans="14:14">
      <c r="N635767" s="10"/>
    </row>
    <row r="635768" spans="14:14">
      <c r="N635768" s="10"/>
    </row>
    <row r="635769" spans="14:14">
      <c r="N635769" s="10"/>
    </row>
    <row r="635770" spans="14:14">
      <c r="N635770" s="10"/>
    </row>
    <row r="635771" spans="14:14">
      <c r="N635771" s="10"/>
    </row>
    <row r="635772" spans="14:14">
      <c r="N635772" s="10"/>
    </row>
    <row r="635773" spans="14:14">
      <c r="N635773" s="10"/>
    </row>
    <row r="635774" spans="14:14">
      <c r="N635774" s="10"/>
    </row>
    <row r="635775" spans="14:14">
      <c r="N635775" s="10"/>
    </row>
    <row r="635776" spans="14:14">
      <c r="N635776" s="10"/>
    </row>
    <row r="635777" spans="14:14">
      <c r="N635777" s="10"/>
    </row>
    <row r="635778" spans="14:14">
      <c r="N635778" s="10"/>
    </row>
    <row r="635779" spans="14:14">
      <c r="N635779" s="10"/>
    </row>
    <row r="635780" spans="14:14">
      <c r="N635780" s="10"/>
    </row>
    <row r="635781" spans="14:14">
      <c r="N635781" s="10"/>
    </row>
    <row r="635782" spans="14:14">
      <c r="N635782" s="10"/>
    </row>
    <row r="635783" spans="14:14">
      <c r="N635783" s="10"/>
    </row>
    <row r="635784" spans="14:14">
      <c r="N635784" s="10"/>
    </row>
    <row r="635785" spans="14:14">
      <c r="N635785" s="10"/>
    </row>
    <row r="635786" spans="14:14">
      <c r="N635786" s="10"/>
    </row>
    <row r="635787" spans="14:14">
      <c r="N635787" s="10"/>
    </row>
    <row r="635788" spans="14:14">
      <c r="N635788" s="10"/>
    </row>
    <row r="635789" spans="14:14">
      <c r="N635789" s="10"/>
    </row>
    <row r="635790" spans="14:14">
      <c r="N635790" s="10"/>
    </row>
    <row r="635791" spans="14:14">
      <c r="N635791" s="10"/>
    </row>
    <row r="635792" spans="14:14">
      <c r="N635792" s="10"/>
    </row>
    <row r="635793" spans="14:14">
      <c r="N635793" s="10"/>
    </row>
    <row r="635794" spans="14:14">
      <c r="N635794" s="10"/>
    </row>
    <row r="635795" spans="14:14">
      <c r="N635795" s="10"/>
    </row>
    <row r="635796" spans="14:14">
      <c r="N635796" s="10"/>
    </row>
    <row r="635797" spans="14:14">
      <c r="N635797" s="10"/>
    </row>
    <row r="635798" spans="14:14">
      <c r="N635798" s="10"/>
    </row>
    <row r="635799" spans="14:14">
      <c r="N635799" s="10"/>
    </row>
    <row r="635800" spans="14:14">
      <c r="N635800" s="10"/>
    </row>
    <row r="635801" spans="14:14">
      <c r="N635801" s="10"/>
    </row>
    <row r="635802" spans="14:14">
      <c r="N635802" s="10"/>
    </row>
    <row r="635803" spans="14:14">
      <c r="N635803" s="10"/>
    </row>
    <row r="635804" spans="14:14">
      <c r="N635804" s="10"/>
    </row>
    <row r="635805" spans="14:14">
      <c r="N635805" s="10"/>
    </row>
    <row r="635806" spans="14:14">
      <c r="N635806" s="10"/>
    </row>
    <row r="635807" spans="14:14">
      <c r="N635807" s="10"/>
    </row>
    <row r="635808" spans="14:14">
      <c r="N635808" s="10"/>
    </row>
    <row r="635809" spans="14:14">
      <c r="N635809" s="10"/>
    </row>
    <row r="635810" spans="14:14">
      <c r="N635810" s="10"/>
    </row>
    <row r="635811" spans="14:14">
      <c r="N635811" s="10"/>
    </row>
    <row r="635812" spans="14:14">
      <c r="N635812" s="10"/>
    </row>
    <row r="635813" spans="14:14">
      <c r="N635813" s="10"/>
    </row>
    <row r="635814" spans="14:14">
      <c r="N635814" s="10"/>
    </row>
    <row r="635815" spans="14:14">
      <c r="N635815" s="10"/>
    </row>
    <row r="635816" spans="14:14">
      <c r="N635816" s="10"/>
    </row>
    <row r="635817" spans="14:14">
      <c r="N635817" s="10"/>
    </row>
    <row r="635818" spans="14:14">
      <c r="N635818" s="10"/>
    </row>
    <row r="635819" spans="14:14">
      <c r="N635819" s="10"/>
    </row>
    <row r="635820" spans="14:14">
      <c r="N635820" s="10"/>
    </row>
    <row r="635821" spans="14:14">
      <c r="N635821" s="10"/>
    </row>
    <row r="635822" spans="14:14">
      <c r="N635822" s="10"/>
    </row>
    <row r="635823" spans="14:14">
      <c r="N635823" s="10"/>
    </row>
    <row r="635824" spans="14:14">
      <c r="N635824" s="10"/>
    </row>
    <row r="635825" spans="14:14">
      <c r="N635825" s="10"/>
    </row>
    <row r="635826" spans="14:14">
      <c r="N635826" s="10"/>
    </row>
    <row r="635827" spans="14:14">
      <c r="N635827" s="10"/>
    </row>
    <row r="635828" spans="14:14">
      <c r="N635828" s="10"/>
    </row>
    <row r="635829" spans="14:14">
      <c r="N635829" s="10"/>
    </row>
    <row r="635830" spans="14:14">
      <c r="N635830" s="10"/>
    </row>
    <row r="635831" spans="14:14">
      <c r="N635831" s="10"/>
    </row>
    <row r="635832" spans="14:14">
      <c r="N635832" s="10"/>
    </row>
    <row r="635833" spans="14:14">
      <c r="N635833" s="10"/>
    </row>
    <row r="635834" spans="14:14">
      <c r="N635834" s="10"/>
    </row>
    <row r="635835" spans="14:14">
      <c r="N635835" s="10"/>
    </row>
    <row r="635836" spans="14:14">
      <c r="N635836" s="10"/>
    </row>
    <row r="635837" spans="14:14">
      <c r="N635837" s="10"/>
    </row>
    <row r="635838" spans="14:14">
      <c r="N635838" s="10"/>
    </row>
    <row r="635839" spans="14:14">
      <c r="N635839" s="10"/>
    </row>
    <row r="635840" spans="14:14">
      <c r="N635840" s="10"/>
    </row>
    <row r="635841" spans="14:14">
      <c r="N635841" s="10"/>
    </row>
    <row r="635842" spans="14:14">
      <c r="N635842" s="10"/>
    </row>
    <row r="635843" spans="14:14">
      <c r="N635843" s="10"/>
    </row>
    <row r="635844" spans="14:14">
      <c r="N635844" s="10"/>
    </row>
    <row r="635845" spans="14:14">
      <c r="N635845" s="10"/>
    </row>
    <row r="635846" spans="14:14">
      <c r="N635846" s="10"/>
    </row>
    <row r="635847" spans="14:14">
      <c r="N635847" s="10"/>
    </row>
    <row r="635848" spans="14:14">
      <c r="N635848" s="10"/>
    </row>
    <row r="635849" spans="14:14">
      <c r="N635849" s="10"/>
    </row>
    <row r="635850" spans="14:14">
      <c r="N635850" s="10"/>
    </row>
    <row r="635851" spans="14:14">
      <c r="N635851" s="10"/>
    </row>
    <row r="635852" spans="14:14">
      <c r="N635852" s="10"/>
    </row>
    <row r="635853" spans="14:14">
      <c r="N635853" s="10"/>
    </row>
    <row r="635854" spans="14:14">
      <c r="N635854" s="10"/>
    </row>
    <row r="635855" spans="14:14">
      <c r="N635855" s="10"/>
    </row>
    <row r="635856" spans="14:14">
      <c r="N635856" s="10"/>
    </row>
    <row r="635857" spans="14:14">
      <c r="N635857" s="10"/>
    </row>
    <row r="635858" spans="14:14">
      <c r="N635858" s="10"/>
    </row>
    <row r="635859" spans="14:14">
      <c r="N635859" s="10"/>
    </row>
    <row r="635860" spans="14:14">
      <c r="N635860" s="10"/>
    </row>
    <row r="635861" spans="14:14">
      <c r="N635861" s="10"/>
    </row>
    <row r="635862" spans="14:14">
      <c r="N635862" s="10"/>
    </row>
    <row r="635863" spans="14:14">
      <c r="N635863" s="10"/>
    </row>
    <row r="635864" spans="14:14">
      <c r="N635864" s="10"/>
    </row>
    <row r="635865" spans="14:14">
      <c r="N635865" s="10"/>
    </row>
    <row r="635866" spans="14:14">
      <c r="N635866" s="10"/>
    </row>
    <row r="635867" spans="14:14">
      <c r="N635867" s="10"/>
    </row>
    <row r="635868" spans="14:14">
      <c r="N635868" s="10"/>
    </row>
    <row r="635869" spans="14:14">
      <c r="N635869" s="10"/>
    </row>
    <row r="635870" spans="14:14">
      <c r="N635870" s="10"/>
    </row>
    <row r="635871" spans="14:14">
      <c r="N635871" s="10"/>
    </row>
    <row r="635872" spans="14:14">
      <c r="N635872" s="10"/>
    </row>
    <row r="635873" spans="14:14">
      <c r="N635873" s="10"/>
    </row>
    <row r="635874" spans="14:14">
      <c r="N635874" s="10"/>
    </row>
    <row r="635875" spans="14:14">
      <c r="N635875" s="10"/>
    </row>
    <row r="635876" spans="14:14">
      <c r="N635876" s="10"/>
    </row>
    <row r="635877" spans="14:14">
      <c r="N635877" s="10"/>
    </row>
    <row r="635878" spans="14:14">
      <c r="N635878" s="10"/>
    </row>
    <row r="635879" spans="14:14">
      <c r="N635879" s="10"/>
    </row>
    <row r="635880" spans="14:14">
      <c r="N635880" s="10"/>
    </row>
    <row r="635881" spans="14:14">
      <c r="N635881" s="10"/>
    </row>
    <row r="635882" spans="14:14">
      <c r="N635882" s="10"/>
    </row>
    <row r="635883" spans="14:14">
      <c r="N635883" s="10"/>
    </row>
    <row r="635884" spans="14:14">
      <c r="N635884" s="10"/>
    </row>
    <row r="635885" spans="14:14">
      <c r="N635885" s="10"/>
    </row>
    <row r="635886" spans="14:14">
      <c r="N635886" s="10"/>
    </row>
    <row r="635887" spans="14:14">
      <c r="N635887" s="10"/>
    </row>
    <row r="635888" spans="14:14">
      <c r="N635888" s="10"/>
    </row>
    <row r="635889" spans="14:14">
      <c r="N635889" s="10"/>
    </row>
    <row r="635890" spans="14:14">
      <c r="N635890" s="10"/>
    </row>
    <row r="635891" spans="14:14">
      <c r="N635891" s="10"/>
    </row>
    <row r="635892" spans="14:14">
      <c r="N635892" s="10"/>
    </row>
    <row r="635893" spans="14:14">
      <c r="N635893" s="10"/>
    </row>
    <row r="635894" spans="14:14">
      <c r="N635894" s="10"/>
    </row>
    <row r="635895" spans="14:14">
      <c r="N635895" s="10"/>
    </row>
    <row r="635896" spans="14:14">
      <c r="N635896" s="10"/>
    </row>
    <row r="635897" spans="14:14">
      <c r="N635897" s="10"/>
    </row>
    <row r="635898" spans="14:14">
      <c r="N635898" s="10"/>
    </row>
    <row r="635899" spans="14:14">
      <c r="N635899" s="10"/>
    </row>
    <row r="635900" spans="14:14">
      <c r="N635900" s="10"/>
    </row>
    <row r="635901" spans="14:14">
      <c r="N635901" s="10"/>
    </row>
    <row r="635902" spans="14:14">
      <c r="N635902" s="10"/>
    </row>
    <row r="635903" spans="14:14">
      <c r="N635903" s="10"/>
    </row>
    <row r="635904" spans="14:14">
      <c r="N635904" s="10"/>
    </row>
    <row r="635905" spans="14:14">
      <c r="N635905" s="10"/>
    </row>
    <row r="635906" spans="14:14">
      <c r="N635906" s="10"/>
    </row>
    <row r="635907" spans="14:14">
      <c r="N635907" s="10"/>
    </row>
    <row r="635908" spans="14:14">
      <c r="N635908" s="10"/>
    </row>
    <row r="635909" spans="14:14">
      <c r="N635909" s="10"/>
    </row>
    <row r="635910" spans="14:14">
      <c r="N635910" s="10"/>
    </row>
    <row r="635911" spans="14:14">
      <c r="N635911" s="10"/>
    </row>
    <row r="635912" spans="14:14">
      <c r="N635912" s="10"/>
    </row>
    <row r="635913" spans="14:14">
      <c r="N635913" s="10"/>
    </row>
    <row r="635914" spans="14:14">
      <c r="N635914" s="10"/>
    </row>
    <row r="635915" spans="14:14">
      <c r="N635915" s="10"/>
    </row>
    <row r="635916" spans="14:14">
      <c r="N635916" s="10"/>
    </row>
    <row r="635917" spans="14:14">
      <c r="N635917" s="10"/>
    </row>
    <row r="635918" spans="14:14">
      <c r="N635918" s="10"/>
    </row>
    <row r="635919" spans="14:14">
      <c r="N635919" s="10"/>
    </row>
    <row r="635920" spans="14:14">
      <c r="N635920" s="10"/>
    </row>
    <row r="635921" spans="14:14">
      <c r="N635921" s="10"/>
    </row>
    <row r="635922" spans="14:14">
      <c r="N635922" s="10"/>
    </row>
    <row r="635923" spans="14:14">
      <c r="N635923" s="10"/>
    </row>
    <row r="635924" spans="14:14">
      <c r="N635924" s="10"/>
    </row>
    <row r="635925" spans="14:14">
      <c r="N635925" s="10"/>
    </row>
    <row r="635926" spans="14:14">
      <c r="N635926" s="10"/>
    </row>
    <row r="635927" spans="14:14">
      <c r="N635927" s="10"/>
    </row>
    <row r="635928" spans="14:14">
      <c r="N635928" s="10"/>
    </row>
    <row r="635929" spans="14:14">
      <c r="N635929" s="10"/>
    </row>
    <row r="635930" spans="14:14">
      <c r="N635930" s="10"/>
    </row>
    <row r="635931" spans="14:14">
      <c r="N635931" s="10"/>
    </row>
    <row r="635932" spans="14:14">
      <c r="N635932" s="10"/>
    </row>
    <row r="635933" spans="14:14">
      <c r="N635933" s="10"/>
    </row>
    <row r="635934" spans="14:14">
      <c r="N635934" s="10"/>
    </row>
    <row r="635935" spans="14:14">
      <c r="N635935" s="10"/>
    </row>
    <row r="635936" spans="14:14">
      <c r="N635936" s="10"/>
    </row>
    <row r="635937" spans="14:14">
      <c r="N635937" s="10"/>
    </row>
    <row r="635938" spans="14:14">
      <c r="N635938" s="10"/>
    </row>
    <row r="635939" spans="14:14">
      <c r="N635939" s="10"/>
    </row>
    <row r="635940" spans="14:14">
      <c r="N635940" s="10"/>
    </row>
    <row r="635941" spans="14:14">
      <c r="N635941" s="10"/>
    </row>
    <row r="635942" spans="14:14">
      <c r="N635942" s="10"/>
    </row>
    <row r="635943" spans="14:14">
      <c r="N635943" s="10"/>
    </row>
    <row r="635944" spans="14:14">
      <c r="N635944" s="10"/>
    </row>
    <row r="635945" spans="14:14">
      <c r="N635945" s="10"/>
    </row>
    <row r="635946" spans="14:14">
      <c r="N635946" s="10"/>
    </row>
    <row r="635947" spans="14:14">
      <c r="N635947" s="10"/>
    </row>
    <row r="635948" spans="14:14">
      <c r="N635948" s="10"/>
    </row>
    <row r="635949" spans="14:14">
      <c r="N635949" s="10"/>
    </row>
    <row r="635950" spans="14:14">
      <c r="N635950" s="10"/>
    </row>
    <row r="635951" spans="14:14">
      <c r="N635951" s="10"/>
    </row>
    <row r="635952" spans="14:14">
      <c r="N635952" s="10"/>
    </row>
    <row r="635953" spans="14:14">
      <c r="N635953" s="10"/>
    </row>
    <row r="635954" spans="14:14">
      <c r="N635954" s="10"/>
    </row>
    <row r="635955" spans="14:14">
      <c r="N635955" s="10"/>
    </row>
    <row r="635956" spans="14:14">
      <c r="N635956" s="10"/>
    </row>
    <row r="635957" spans="14:14">
      <c r="N635957" s="10"/>
    </row>
    <row r="635958" spans="14:14">
      <c r="N635958" s="10"/>
    </row>
    <row r="635959" spans="14:14">
      <c r="N635959" s="10"/>
    </row>
    <row r="635960" spans="14:14">
      <c r="N635960" s="10"/>
    </row>
    <row r="635961" spans="14:14">
      <c r="N635961" s="10"/>
    </row>
    <row r="635962" spans="14:14">
      <c r="N635962" s="10"/>
    </row>
    <row r="635963" spans="14:14">
      <c r="N635963" s="10"/>
    </row>
    <row r="635964" spans="14:14">
      <c r="N635964" s="10"/>
    </row>
    <row r="635965" spans="14:14">
      <c r="N635965" s="10"/>
    </row>
    <row r="635966" spans="14:14">
      <c r="N635966" s="10"/>
    </row>
    <row r="635967" spans="14:14">
      <c r="N635967" s="10"/>
    </row>
    <row r="635968" spans="14:14">
      <c r="N635968" s="10"/>
    </row>
    <row r="635969" spans="14:14">
      <c r="N635969" s="10"/>
    </row>
    <row r="635970" spans="14:14">
      <c r="N635970" s="10"/>
    </row>
    <row r="635971" spans="14:14">
      <c r="N635971" s="10"/>
    </row>
    <row r="635972" spans="14:14">
      <c r="N635972" s="10"/>
    </row>
    <row r="635973" spans="14:14">
      <c r="N635973" s="10"/>
    </row>
    <row r="635974" spans="14:14">
      <c r="N635974" s="10"/>
    </row>
    <row r="635975" spans="14:14">
      <c r="N635975" s="10"/>
    </row>
    <row r="635976" spans="14:14">
      <c r="N635976" s="10"/>
    </row>
    <row r="635977" spans="14:14">
      <c r="N635977" s="10"/>
    </row>
    <row r="635978" spans="14:14">
      <c r="N635978" s="10"/>
    </row>
    <row r="635979" spans="14:14">
      <c r="N635979" s="10"/>
    </row>
    <row r="635980" spans="14:14">
      <c r="N635980" s="10"/>
    </row>
    <row r="635981" spans="14:14">
      <c r="N635981" s="10"/>
    </row>
    <row r="635982" spans="14:14">
      <c r="N635982" s="10"/>
    </row>
    <row r="635983" spans="14:14">
      <c r="N635983" s="10"/>
    </row>
    <row r="635984" spans="14:14">
      <c r="N635984" s="10"/>
    </row>
    <row r="635985" spans="14:14">
      <c r="N635985" s="10"/>
    </row>
    <row r="635986" spans="14:14">
      <c r="N635986" s="10"/>
    </row>
    <row r="635987" spans="14:14">
      <c r="N635987" s="10"/>
    </row>
    <row r="635988" spans="14:14">
      <c r="N635988" s="10"/>
    </row>
    <row r="635989" spans="14:14">
      <c r="N635989" s="10"/>
    </row>
    <row r="635990" spans="14:14">
      <c r="N635990" s="10"/>
    </row>
    <row r="635991" spans="14:14">
      <c r="N635991" s="10"/>
    </row>
    <row r="635992" spans="14:14">
      <c r="N635992" s="10"/>
    </row>
    <row r="635993" spans="14:14">
      <c r="N635993" s="10"/>
    </row>
    <row r="635994" spans="14:14">
      <c r="N635994" s="10"/>
    </row>
    <row r="635995" spans="14:14">
      <c r="N635995" s="10"/>
    </row>
    <row r="635996" spans="14:14">
      <c r="N635996" s="10"/>
    </row>
    <row r="635997" spans="14:14">
      <c r="N635997" s="10"/>
    </row>
    <row r="635998" spans="14:14">
      <c r="N635998" s="10"/>
    </row>
    <row r="635999" spans="14:14">
      <c r="N635999" s="10"/>
    </row>
    <row r="636000" spans="14:14">
      <c r="N636000" s="10"/>
    </row>
    <row r="636001" spans="14:14">
      <c r="N636001" s="10"/>
    </row>
    <row r="636002" spans="14:14">
      <c r="N636002" s="10"/>
    </row>
    <row r="636003" spans="14:14">
      <c r="N636003" s="10"/>
    </row>
    <row r="636004" spans="14:14">
      <c r="N636004" s="10"/>
    </row>
    <row r="636005" spans="14:14">
      <c r="N636005" s="10"/>
    </row>
    <row r="636006" spans="14:14">
      <c r="N636006" s="10"/>
    </row>
    <row r="636007" spans="14:14">
      <c r="N636007" s="10"/>
    </row>
    <row r="636008" spans="14:14">
      <c r="N636008" s="10"/>
    </row>
    <row r="636009" spans="14:14">
      <c r="N636009" s="10"/>
    </row>
    <row r="636010" spans="14:14">
      <c r="N636010" s="10"/>
    </row>
    <row r="636011" spans="14:14">
      <c r="N636011" s="10"/>
    </row>
    <row r="636012" spans="14:14">
      <c r="N636012" s="10"/>
    </row>
    <row r="636013" spans="14:14">
      <c r="N636013" s="10"/>
    </row>
    <row r="636014" spans="14:14">
      <c r="N636014" s="10"/>
    </row>
    <row r="636015" spans="14:14">
      <c r="N636015" s="10"/>
    </row>
    <row r="636016" spans="14:14">
      <c r="N636016" s="10"/>
    </row>
    <row r="636017" spans="14:14">
      <c r="N636017" s="10"/>
    </row>
    <row r="636018" spans="14:14">
      <c r="N636018" s="10"/>
    </row>
    <row r="636019" spans="14:14">
      <c r="N636019" s="10"/>
    </row>
    <row r="636020" spans="14:14">
      <c r="N636020" s="10"/>
    </row>
    <row r="636021" spans="14:14">
      <c r="N636021" s="10"/>
    </row>
    <row r="636022" spans="14:14">
      <c r="N636022" s="10"/>
    </row>
    <row r="636023" spans="14:14">
      <c r="N636023" s="10"/>
    </row>
    <row r="636024" spans="14:14">
      <c r="N636024" s="10"/>
    </row>
    <row r="636025" spans="14:14">
      <c r="N636025" s="10"/>
    </row>
    <row r="636026" spans="14:14">
      <c r="N636026" s="10"/>
    </row>
    <row r="636027" spans="14:14">
      <c r="N636027" s="10"/>
    </row>
    <row r="636028" spans="14:14">
      <c r="N636028" s="10"/>
    </row>
    <row r="636029" spans="14:14">
      <c r="N636029" s="10"/>
    </row>
    <row r="636030" spans="14:14">
      <c r="N636030" s="10"/>
    </row>
    <row r="636031" spans="14:14">
      <c r="N636031" s="10"/>
    </row>
    <row r="636032" spans="14:14">
      <c r="N636032" s="10"/>
    </row>
    <row r="636033" spans="14:14">
      <c r="N636033" s="10"/>
    </row>
    <row r="636034" spans="14:14">
      <c r="N636034" s="10"/>
    </row>
    <row r="636035" spans="14:14">
      <c r="N636035" s="10"/>
    </row>
    <row r="636036" spans="14:14">
      <c r="N636036" s="10"/>
    </row>
    <row r="636037" spans="14:14">
      <c r="N636037" s="10"/>
    </row>
    <row r="636038" spans="14:14">
      <c r="N636038" s="10"/>
    </row>
    <row r="636039" spans="14:14">
      <c r="N636039" s="10"/>
    </row>
    <row r="636040" spans="14:14">
      <c r="N636040" s="10"/>
    </row>
    <row r="636041" spans="14:14">
      <c r="N636041" s="10"/>
    </row>
    <row r="636042" spans="14:14">
      <c r="N636042" s="10"/>
    </row>
    <row r="636043" spans="14:14">
      <c r="N636043" s="10"/>
    </row>
    <row r="636044" spans="14:14">
      <c r="N636044" s="10"/>
    </row>
    <row r="636045" spans="14:14">
      <c r="N636045" s="10"/>
    </row>
    <row r="636046" spans="14:14">
      <c r="N636046" s="10"/>
    </row>
    <row r="636047" spans="14:14">
      <c r="N636047" s="10"/>
    </row>
    <row r="636048" spans="14:14">
      <c r="N636048" s="10"/>
    </row>
    <row r="636049" spans="14:14">
      <c r="N636049" s="10"/>
    </row>
    <row r="636050" spans="14:14">
      <c r="N636050" s="10"/>
    </row>
    <row r="636051" spans="14:14">
      <c r="N636051" s="10"/>
    </row>
    <row r="636052" spans="14:14">
      <c r="N636052" s="10"/>
    </row>
    <row r="636053" spans="14:14">
      <c r="N636053" s="10"/>
    </row>
    <row r="636054" spans="14:14">
      <c r="N636054" s="10"/>
    </row>
    <row r="636055" spans="14:14">
      <c r="N636055" s="10"/>
    </row>
    <row r="636056" spans="14:14">
      <c r="N636056" s="10"/>
    </row>
    <row r="636057" spans="14:14">
      <c r="N636057" s="10"/>
    </row>
    <row r="636058" spans="14:14">
      <c r="N636058" s="10"/>
    </row>
    <row r="636059" spans="14:14">
      <c r="N636059" s="10"/>
    </row>
    <row r="636060" spans="14:14">
      <c r="N636060" s="10"/>
    </row>
    <row r="636061" spans="14:14">
      <c r="N636061" s="10"/>
    </row>
    <row r="636062" spans="14:14">
      <c r="N636062" s="10"/>
    </row>
    <row r="636063" spans="14:14">
      <c r="N636063" s="10"/>
    </row>
    <row r="636064" spans="14:14">
      <c r="N636064" s="10"/>
    </row>
    <row r="636065" spans="14:14">
      <c r="N636065" s="10"/>
    </row>
    <row r="636066" spans="14:14">
      <c r="N636066" s="10"/>
    </row>
    <row r="636067" spans="14:14">
      <c r="N636067" s="10"/>
    </row>
    <row r="636068" spans="14:14">
      <c r="N636068" s="10"/>
    </row>
    <row r="636069" spans="14:14">
      <c r="N636069" s="10"/>
    </row>
    <row r="636070" spans="14:14">
      <c r="N636070" s="10"/>
    </row>
    <row r="636071" spans="14:14">
      <c r="N636071" s="10"/>
    </row>
    <row r="636072" spans="14:14">
      <c r="N636072" s="10"/>
    </row>
    <row r="636073" spans="14:14">
      <c r="N636073" s="10"/>
    </row>
    <row r="636074" spans="14:14">
      <c r="N636074" s="10"/>
    </row>
    <row r="636075" spans="14:14">
      <c r="N636075" s="10"/>
    </row>
    <row r="636076" spans="14:14">
      <c r="N636076" s="10"/>
    </row>
    <row r="636077" spans="14:14">
      <c r="N636077" s="10"/>
    </row>
    <row r="636078" spans="14:14">
      <c r="N636078" s="10"/>
    </row>
    <row r="636079" spans="14:14">
      <c r="N636079" s="10"/>
    </row>
    <row r="636080" spans="14:14">
      <c r="N636080" s="10"/>
    </row>
    <row r="636081" spans="14:14">
      <c r="N636081" s="10"/>
    </row>
    <row r="636082" spans="14:14">
      <c r="N636082" s="10"/>
    </row>
    <row r="636083" spans="14:14">
      <c r="N636083" s="10"/>
    </row>
    <row r="636084" spans="14:14">
      <c r="N636084" s="10"/>
    </row>
    <row r="636085" spans="14:14">
      <c r="N636085" s="10"/>
    </row>
    <row r="636086" spans="14:14">
      <c r="N636086" s="10"/>
    </row>
    <row r="636087" spans="14:14">
      <c r="N636087" s="10"/>
    </row>
    <row r="636088" spans="14:14">
      <c r="N636088" s="10"/>
    </row>
    <row r="636089" spans="14:14">
      <c r="N636089" s="10"/>
    </row>
    <row r="636090" spans="14:14">
      <c r="N636090" s="10"/>
    </row>
    <row r="636091" spans="14:14">
      <c r="N636091" s="10"/>
    </row>
    <row r="636092" spans="14:14">
      <c r="N636092" s="10"/>
    </row>
    <row r="636093" spans="14:14">
      <c r="N636093" s="10"/>
    </row>
    <row r="636094" spans="14:14">
      <c r="N636094" s="10"/>
    </row>
    <row r="636095" spans="14:14">
      <c r="N636095" s="10"/>
    </row>
    <row r="636096" spans="14:14">
      <c r="N636096" s="10"/>
    </row>
    <row r="636097" spans="14:14">
      <c r="N636097" s="10"/>
    </row>
    <row r="636098" spans="14:14">
      <c r="N636098" s="10"/>
    </row>
    <row r="636099" spans="14:14">
      <c r="N636099" s="10"/>
    </row>
    <row r="636100" spans="14:14">
      <c r="N636100" s="10"/>
    </row>
    <row r="636101" spans="14:14">
      <c r="N636101" s="10"/>
    </row>
    <row r="636102" spans="14:14">
      <c r="N636102" s="10"/>
    </row>
    <row r="636103" spans="14:14">
      <c r="N636103" s="10"/>
    </row>
    <row r="636104" spans="14:14">
      <c r="N636104" s="10"/>
    </row>
    <row r="636105" spans="14:14">
      <c r="N636105" s="10"/>
    </row>
    <row r="636106" spans="14:14">
      <c r="N636106" s="10"/>
    </row>
    <row r="636107" spans="14:14">
      <c r="N636107" s="10"/>
    </row>
    <row r="636108" spans="14:14">
      <c r="N636108" s="10"/>
    </row>
    <row r="636109" spans="14:14">
      <c r="N636109" s="10"/>
    </row>
    <row r="636110" spans="14:14">
      <c r="N636110" s="10"/>
    </row>
    <row r="636111" spans="14:14">
      <c r="N636111" s="10"/>
    </row>
    <row r="636112" spans="14:14">
      <c r="N636112" s="10"/>
    </row>
    <row r="636113" spans="14:14">
      <c r="N636113" s="10"/>
    </row>
    <row r="636114" spans="14:14">
      <c r="N636114" s="10"/>
    </row>
    <row r="636115" spans="14:14">
      <c r="N636115" s="10"/>
    </row>
    <row r="636116" spans="14:14">
      <c r="N636116" s="10"/>
    </row>
    <row r="636117" spans="14:14">
      <c r="N636117" s="10"/>
    </row>
    <row r="636118" spans="14:14">
      <c r="N636118" s="10"/>
    </row>
    <row r="636119" spans="14:14">
      <c r="N636119" s="10"/>
    </row>
    <row r="636120" spans="14:14">
      <c r="N636120" s="10"/>
    </row>
    <row r="636121" spans="14:14">
      <c r="N636121" s="10"/>
    </row>
    <row r="636122" spans="14:14">
      <c r="N636122" s="10"/>
    </row>
    <row r="636123" spans="14:14">
      <c r="N636123" s="10"/>
    </row>
    <row r="636124" spans="14:14">
      <c r="N636124" s="10"/>
    </row>
    <row r="636125" spans="14:14">
      <c r="N636125" s="10"/>
    </row>
    <row r="636126" spans="14:14">
      <c r="N636126" s="10"/>
    </row>
    <row r="636127" spans="14:14">
      <c r="N636127" s="10"/>
    </row>
    <row r="636128" spans="14:14">
      <c r="N636128" s="10"/>
    </row>
    <row r="636129" spans="14:14">
      <c r="N636129" s="10"/>
    </row>
    <row r="636130" spans="14:14">
      <c r="N636130" s="10"/>
    </row>
    <row r="636131" spans="14:14">
      <c r="N636131" s="10"/>
    </row>
    <row r="636132" spans="14:14">
      <c r="N636132" s="10"/>
    </row>
    <row r="636133" spans="14:14">
      <c r="N636133" s="10"/>
    </row>
    <row r="636134" spans="14:14">
      <c r="N636134" s="10"/>
    </row>
    <row r="636135" spans="14:14">
      <c r="N636135" s="10"/>
    </row>
    <row r="636136" spans="14:14">
      <c r="N636136" s="10"/>
    </row>
    <row r="636137" spans="14:14">
      <c r="N636137" s="10"/>
    </row>
    <row r="636138" spans="14:14">
      <c r="N636138" s="10"/>
    </row>
    <row r="636139" spans="14:14">
      <c r="N636139" s="10"/>
    </row>
    <row r="636140" spans="14:14">
      <c r="N636140" s="10"/>
    </row>
    <row r="636141" spans="14:14">
      <c r="N636141" s="10"/>
    </row>
    <row r="636142" spans="14:14">
      <c r="N636142" s="10"/>
    </row>
    <row r="636143" spans="14:14">
      <c r="N636143" s="10"/>
    </row>
    <row r="636144" spans="14:14">
      <c r="N636144" s="10"/>
    </row>
    <row r="636145" spans="14:14">
      <c r="N636145" s="10"/>
    </row>
    <row r="636146" spans="14:14">
      <c r="N636146" s="10"/>
    </row>
    <row r="636147" spans="14:14">
      <c r="N636147" s="10"/>
    </row>
    <row r="636148" spans="14:14">
      <c r="N636148" s="10"/>
    </row>
    <row r="636149" spans="14:14">
      <c r="N636149" s="10"/>
    </row>
    <row r="636150" spans="14:14">
      <c r="N636150" s="10"/>
    </row>
    <row r="636151" spans="14:14">
      <c r="N636151" s="10"/>
    </row>
    <row r="636152" spans="14:14">
      <c r="N636152" s="10"/>
    </row>
    <row r="636153" spans="14:14">
      <c r="N636153" s="10"/>
    </row>
    <row r="636154" spans="14:14">
      <c r="N636154" s="10"/>
    </row>
    <row r="636155" spans="14:14">
      <c r="N636155" s="10"/>
    </row>
    <row r="636156" spans="14:14">
      <c r="N636156" s="10"/>
    </row>
    <row r="636157" spans="14:14">
      <c r="N636157" s="10"/>
    </row>
    <row r="636158" spans="14:14">
      <c r="N636158" s="10"/>
    </row>
    <row r="636159" spans="14:14">
      <c r="N636159" s="10"/>
    </row>
    <row r="636160" spans="14:14">
      <c r="N636160" s="10"/>
    </row>
    <row r="636161" spans="14:14">
      <c r="N636161" s="10"/>
    </row>
    <row r="636162" spans="14:14">
      <c r="N636162" s="10"/>
    </row>
    <row r="636163" spans="14:14">
      <c r="N636163" s="10"/>
    </row>
    <row r="636164" spans="14:14">
      <c r="N636164" s="10"/>
    </row>
    <row r="636165" spans="14:14">
      <c r="N636165" s="10"/>
    </row>
    <row r="636166" spans="14:14">
      <c r="N636166" s="10"/>
    </row>
    <row r="636167" spans="14:14">
      <c r="N636167" s="10"/>
    </row>
    <row r="636168" spans="14:14">
      <c r="N636168" s="10"/>
    </row>
    <row r="636169" spans="14:14">
      <c r="N636169" s="10"/>
    </row>
    <row r="636170" spans="14:14">
      <c r="N636170" s="10"/>
    </row>
    <row r="636171" spans="14:14">
      <c r="N636171" s="10"/>
    </row>
    <row r="636172" spans="14:14">
      <c r="N636172" s="10"/>
    </row>
    <row r="636173" spans="14:14">
      <c r="N636173" s="10"/>
    </row>
    <row r="636174" spans="14:14">
      <c r="N636174" s="10"/>
    </row>
    <row r="636175" spans="14:14">
      <c r="N636175" s="10"/>
    </row>
    <row r="636176" spans="14:14">
      <c r="N636176" s="10"/>
    </row>
    <row r="636177" spans="14:14">
      <c r="N636177" s="10"/>
    </row>
    <row r="636178" spans="14:14">
      <c r="N636178" s="10"/>
    </row>
    <row r="636179" spans="14:14">
      <c r="N636179" s="10"/>
    </row>
    <row r="636180" spans="14:14">
      <c r="N636180" s="10"/>
    </row>
    <row r="636181" spans="14:14">
      <c r="N636181" s="10"/>
    </row>
    <row r="636182" spans="14:14">
      <c r="N636182" s="10"/>
    </row>
    <row r="636183" spans="14:14">
      <c r="N636183" s="10"/>
    </row>
    <row r="636184" spans="14:14">
      <c r="N636184" s="10"/>
    </row>
    <row r="636185" spans="14:14">
      <c r="N636185" s="10"/>
    </row>
    <row r="636186" spans="14:14">
      <c r="N636186" s="10"/>
    </row>
    <row r="636187" spans="14:14">
      <c r="N636187" s="10"/>
    </row>
    <row r="636188" spans="14:14">
      <c r="N636188" s="10"/>
    </row>
    <row r="636189" spans="14:14">
      <c r="N636189" s="10"/>
    </row>
    <row r="636190" spans="14:14">
      <c r="N636190" s="10"/>
    </row>
    <row r="636191" spans="14:14">
      <c r="N636191" s="10"/>
    </row>
    <row r="636192" spans="14:14">
      <c r="N636192" s="10"/>
    </row>
    <row r="636193" spans="14:14">
      <c r="N636193" s="10"/>
    </row>
    <row r="636194" spans="14:14">
      <c r="N636194" s="10"/>
    </row>
    <row r="636195" spans="14:14">
      <c r="N636195" s="10"/>
    </row>
    <row r="636196" spans="14:14">
      <c r="N636196" s="10"/>
    </row>
    <row r="636197" spans="14:14">
      <c r="N636197" s="10"/>
    </row>
    <row r="636198" spans="14:14">
      <c r="N636198" s="10"/>
    </row>
    <row r="636199" spans="14:14">
      <c r="N636199" s="10"/>
    </row>
    <row r="636200" spans="14:14">
      <c r="N636200" s="10"/>
    </row>
    <row r="636201" spans="14:14">
      <c r="N636201" s="10"/>
    </row>
    <row r="636202" spans="14:14">
      <c r="N636202" s="10"/>
    </row>
    <row r="636203" spans="14:14">
      <c r="N636203" s="10"/>
    </row>
    <row r="636204" spans="14:14">
      <c r="N636204" s="10"/>
    </row>
    <row r="636205" spans="14:14">
      <c r="N636205" s="10"/>
    </row>
    <row r="636206" spans="14:14">
      <c r="N636206" s="10"/>
    </row>
    <row r="636207" spans="14:14">
      <c r="N636207" s="10"/>
    </row>
    <row r="636208" spans="14:14">
      <c r="N636208" s="10"/>
    </row>
    <row r="636209" spans="14:14">
      <c r="N636209" s="10"/>
    </row>
    <row r="636210" spans="14:14">
      <c r="N636210" s="10"/>
    </row>
    <row r="636211" spans="14:14">
      <c r="N636211" s="10"/>
    </row>
    <row r="636212" spans="14:14">
      <c r="N636212" s="10"/>
    </row>
    <row r="636213" spans="14:14">
      <c r="N636213" s="10"/>
    </row>
    <row r="636214" spans="14:14">
      <c r="N636214" s="10"/>
    </row>
    <row r="636215" spans="14:14">
      <c r="N636215" s="10"/>
    </row>
    <row r="636216" spans="14:14">
      <c r="N636216" s="10"/>
    </row>
    <row r="636217" spans="14:14">
      <c r="N636217" s="10"/>
    </row>
    <row r="636218" spans="14:14">
      <c r="N636218" s="10"/>
    </row>
    <row r="636219" spans="14:14">
      <c r="N636219" s="10"/>
    </row>
    <row r="636220" spans="14:14">
      <c r="N636220" s="10"/>
    </row>
    <row r="636221" spans="14:14">
      <c r="N636221" s="10"/>
    </row>
    <row r="636222" spans="14:14">
      <c r="N636222" s="10"/>
    </row>
    <row r="636223" spans="14:14">
      <c r="N636223" s="10"/>
    </row>
    <row r="636224" spans="14:14">
      <c r="N636224" s="10"/>
    </row>
    <row r="636225" spans="14:14">
      <c r="N636225" s="10"/>
    </row>
    <row r="636226" spans="14:14">
      <c r="N636226" s="10"/>
    </row>
    <row r="636227" spans="14:14">
      <c r="N636227" s="10"/>
    </row>
    <row r="636228" spans="14:14">
      <c r="N636228" s="10"/>
    </row>
    <row r="636229" spans="14:14">
      <c r="N636229" s="10"/>
    </row>
    <row r="636230" spans="14:14">
      <c r="N636230" s="10"/>
    </row>
    <row r="636231" spans="14:14">
      <c r="N636231" s="10"/>
    </row>
    <row r="636232" spans="14:14">
      <c r="N636232" s="10"/>
    </row>
    <row r="636233" spans="14:14">
      <c r="N636233" s="10"/>
    </row>
    <row r="636234" spans="14:14">
      <c r="N636234" s="10"/>
    </row>
    <row r="636235" spans="14:14">
      <c r="N636235" s="10"/>
    </row>
    <row r="636236" spans="14:14">
      <c r="N636236" s="10"/>
    </row>
    <row r="636237" spans="14:14">
      <c r="N636237" s="10"/>
    </row>
    <row r="636238" spans="14:14">
      <c r="N636238" s="10"/>
    </row>
    <row r="636239" spans="14:14">
      <c r="N636239" s="10"/>
    </row>
    <row r="636240" spans="14:14">
      <c r="N636240" s="10"/>
    </row>
    <row r="636241" spans="14:14">
      <c r="N636241" s="10"/>
    </row>
    <row r="636242" spans="14:14">
      <c r="N636242" s="10"/>
    </row>
    <row r="636243" spans="14:14">
      <c r="N636243" s="10"/>
    </row>
    <row r="636244" spans="14:14">
      <c r="N636244" s="10"/>
    </row>
    <row r="636245" spans="14:14">
      <c r="N636245" s="10"/>
    </row>
    <row r="636246" spans="14:14">
      <c r="N636246" s="10"/>
    </row>
    <row r="636247" spans="14:14">
      <c r="N636247" s="10"/>
    </row>
    <row r="636248" spans="14:14">
      <c r="N636248" s="10"/>
    </row>
    <row r="636249" spans="14:14">
      <c r="N636249" s="10"/>
    </row>
    <row r="636250" spans="14:14">
      <c r="N636250" s="10"/>
    </row>
    <row r="636251" spans="14:14">
      <c r="N636251" s="10"/>
    </row>
    <row r="636252" spans="14:14">
      <c r="N636252" s="10"/>
    </row>
    <row r="636253" spans="14:14">
      <c r="N636253" s="10"/>
    </row>
    <row r="636254" spans="14:14">
      <c r="N636254" s="10"/>
    </row>
    <row r="636255" spans="14:14">
      <c r="N636255" s="10"/>
    </row>
    <row r="636256" spans="14:14">
      <c r="N636256" s="10"/>
    </row>
    <row r="636257" spans="14:14">
      <c r="N636257" s="10"/>
    </row>
    <row r="636258" spans="14:14">
      <c r="N636258" s="10"/>
    </row>
    <row r="636259" spans="14:14">
      <c r="N636259" s="10"/>
    </row>
    <row r="636260" spans="14:14">
      <c r="N636260" s="10"/>
    </row>
    <row r="636261" spans="14:14">
      <c r="N636261" s="10"/>
    </row>
    <row r="636262" spans="14:14">
      <c r="N636262" s="10"/>
    </row>
    <row r="636263" spans="14:14">
      <c r="N636263" s="10"/>
    </row>
    <row r="636264" spans="14:14">
      <c r="N636264" s="10"/>
    </row>
    <row r="636265" spans="14:14">
      <c r="N636265" s="10"/>
    </row>
    <row r="636266" spans="14:14">
      <c r="N636266" s="10"/>
    </row>
    <row r="636267" spans="14:14">
      <c r="N636267" s="10"/>
    </row>
    <row r="636268" spans="14:14">
      <c r="N636268" s="10"/>
    </row>
    <row r="636269" spans="14:14">
      <c r="N636269" s="10"/>
    </row>
    <row r="636270" spans="14:14">
      <c r="N636270" s="10"/>
    </row>
    <row r="636271" spans="14:14">
      <c r="N636271" s="10"/>
    </row>
    <row r="636272" spans="14:14">
      <c r="N636272" s="10"/>
    </row>
    <row r="636273" spans="14:14">
      <c r="N636273" s="10"/>
    </row>
    <row r="636274" spans="14:14">
      <c r="N636274" s="10"/>
    </row>
    <row r="636275" spans="14:14">
      <c r="N636275" s="10"/>
    </row>
    <row r="636276" spans="14:14">
      <c r="N636276" s="10"/>
    </row>
    <row r="636277" spans="14:14">
      <c r="N636277" s="10"/>
    </row>
    <row r="636278" spans="14:14">
      <c r="N636278" s="10"/>
    </row>
    <row r="636279" spans="14:14">
      <c r="N636279" s="10"/>
    </row>
    <row r="636280" spans="14:14">
      <c r="N636280" s="10"/>
    </row>
    <row r="636281" spans="14:14">
      <c r="N636281" s="10"/>
    </row>
    <row r="636282" spans="14:14">
      <c r="N636282" s="10"/>
    </row>
    <row r="636283" spans="14:14">
      <c r="N636283" s="10"/>
    </row>
    <row r="636284" spans="14:14">
      <c r="N636284" s="10"/>
    </row>
    <row r="636285" spans="14:14">
      <c r="N636285" s="10"/>
    </row>
    <row r="636286" spans="14:14">
      <c r="N636286" s="10"/>
    </row>
    <row r="636287" spans="14:14">
      <c r="N636287" s="10"/>
    </row>
    <row r="636288" spans="14:14">
      <c r="N636288" s="10"/>
    </row>
    <row r="636289" spans="14:14">
      <c r="N636289" s="10"/>
    </row>
    <row r="636290" spans="14:14">
      <c r="N636290" s="10"/>
    </row>
    <row r="636291" spans="14:14">
      <c r="N636291" s="10"/>
    </row>
    <row r="636292" spans="14:14">
      <c r="N636292" s="10"/>
    </row>
    <row r="636293" spans="14:14">
      <c r="N636293" s="10"/>
    </row>
    <row r="636294" spans="14:14">
      <c r="N636294" s="10"/>
    </row>
    <row r="636295" spans="14:14">
      <c r="N636295" s="10"/>
    </row>
    <row r="636296" spans="14:14">
      <c r="N636296" s="10"/>
    </row>
    <row r="636297" spans="14:14">
      <c r="N636297" s="10"/>
    </row>
    <row r="636298" spans="14:14">
      <c r="N636298" s="10"/>
    </row>
    <row r="636299" spans="14:14">
      <c r="N636299" s="10"/>
    </row>
    <row r="636300" spans="14:14">
      <c r="N636300" s="10"/>
    </row>
    <row r="636301" spans="14:14">
      <c r="N636301" s="10"/>
    </row>
    <row r="636302" spans="14:14">
      <c r="N636302" s="10"/>
    </row>
    <row r="636303" spans="14:14">
      <c r="N636303" s="10"/>
    </row>
    <row r="636304" spans="14:14">
      <c r="N636304" s="10"/>
    </row>
    <row r="636305" spans="14:14">
      <c r="N636305" s="10"/>
    </row>
    <row r="636306" spans="14:14">
      <c r="N636306" s="10"/>
    </row>
    <row r="636307" spans="14:14">
      <c r="N636307" s="10"/>
    </row>
    <row r="636308" spans="14:14">
      <c r="N636308" s="10"/>
    </row>
    <row r="636309" spans="14:14">
      <c r="N636309" s="10"/>
    </row>
    <row r="636310" spans="14:14">
      <c r="N636310" s="10"/>
    </row>
    <row r="636311" spans="14:14">
      <c r="N636311" s="10"/>
    </row>
    <row r="636312" spans="14:14">
      <c r="N636312" s="10"/>
    </row>
    <row r="636313" spans="14:14">
      <c r="N636313" s="10"/>
    </row>
    <row r="636314" spans="14:14">
      <c r="N636314" s="10"/>
    </row>
    <row r="636315" spans="14:14">
      <c r="N636315" s="10"/>
    </row>
    <row r="636316" spans="14:14">
      <c r="N636316" s="10"/>
    </row>
    <row r="636317" spans="14:14">
      <c r="N636317" s="10"/>
    </row>
    <row r="636318" spans="14:14">
      <c r="N636318" s="10"/>
    </row>
    <row r="636319" spans="14:14">
      <c r="N636319" s="10"/>
    </row>
    <row r="636320" spans="14:14">
      <c r="N636320" s="10"/>
    </row>
    <row r="636321" spans="14:14">
      <c r="N636321" s="10"/>
    </row>
    <row r="636322" spans="14:14">
      <c r="N636322" s="10"/>
    </row>
    <row r="636323" spans="14:14">
      <c r="N636323" s="10"/>
    </row>
    <row r="636324" spans="14:14">
      <c r="N636324" s="10"/>
    </row>
    <row r="636325" spans="14:14">
      <c r="N636325" s="10"/>
    </row>
    <row r="636326" spans="14:14">
      <c r="N636326" s="10"/>
    </row>
    <row r="636327" spans="14:14">
      <c r="N636327" s="10"/>
    </row>
    <row r="636328" spans="14:14">
      <c r="N636328" s="10"/>
    </row>
    <row r="636329" spans="14:14">
      <c r="N636329" s="10"/>
    </row>
    <row r="636330" spans="14:14">
      <c r="N636330" s="10"/>
    </row>
    <row r="636331" spans="14:14">
      <c r="N636331" s="10"/>
    </row>
    <row r="636332" spans="14:14">
      <c r="N636332" s="10"/>
    </row>
    <row r="636333" spans="14:14">
      <c r="N636333" s="10"/>
    </row>
    <row r="636334" spans="14:14">
      <c r="N636334" s="10"/>
    </row>
    <row r="636335" spans="14:14">
      <c r="N636335" s="10"/>
    </row>
    <row r="636336" spans="14:14">
      <c r="N636336" s="10"/>
    </row>
    <row r="636337" spans="14:14">
      <c r="N636337" s="10"/>
    </row>
    <row r="636338" spans="14:14">
      <c r="N636338" s="10"/>
    </row>
    <row r="636339" spans="14:14">
      <c r="N636339" s="10"/>
    </row>
    <row r="636340" spans="14:14">
      <c r="N636340" s="10"/>
    </row>
    <row r="636341" spans="14:14">
      <c r="N636341" s="10"/>
    </row>
    <row r="636342" spans="14:14">
      <c r="N636342" s="10"/>
    </row>
    <row r="636343" spans="14:14">
      <c r="N636343" s="10"/>
    </row>
    <row r="636344" spans="14:14">
      <c r="N636344" s="10"/>
    </row>
    <row r="636345" spans="14:14">
      <c r="N636345" s="10"/>
    </row>
    <row r="636346" spans="14:14">
      <c r="N636346" s="10"/>
    </row>
    <row r="636347" spans="14:14">
      <c r="N636347" s="10"/>
    </row>
    <row r="636348" spans="14:14">
      <c r="N636348" s="10"/>
    </row>
    <row r="636349" spans="14:14">
      <c r="N636349" s="10"/>
    </row>
    <row r="636350" spans="14:14">
      <c r="N636350" s="10"/>
    </row>
    <row r="636351" spans="14:14">
      <c r="N636351" s="10"/>
    </row>
    <row r="636352" spans="14:14">
      <c r="N636352" s="10"/>
    </row>
    <row r="636353" spans="14:14">
      <c r="N636353" s="10"/>
    </row>
    <row r="636354" spans="14:14">
      <c r="N636354" s="10"/>
    </row>
    <row r="636355" spans="14:14">
      <c r="N636355" s="10"/>
    </row>
    <row r="636356" spans="14:14">
      <c r="N636356" s="10"/>
    </row>
    <row r="636357" spans="14:14">
      <c r="N636357" s="10"/>
    </row>
    <row r="636358" spans="14:14">
      <c r="N636358" s="10"/>
    </row>
    <row r="636359" spans="14:14">
      <c r="N636359" s="10"/>
    </row>
    <row r="636360" spans="14:14">
      <c r="N636360" s="10"/>
    </row>
    <row r="636361" spans="14:14">
      <c r="N636361" s="10"/>
    </row>
    <row r="636362" spans="14:14">
      <c r="N636362" s="10"/>
    </row>
    <row r="636363" spans="14:14">
      <c r="N636363" s="10"/>
    </row>
    <row r="636364" spans="14:14">
      <c r="N636364" s="10"/>
    </row>
    <row r="636365" spans="14:14">
      <c r="N636365" s="10"/>
    </row>
    <row r="636366" spans="14:14">
      <c r="N636366" s="10"/>
    </row>
    <row r="636367" spans="14:14">
      <c r="N636367" s="10"/>
    </row>
    <row r="636368" spans="14:14">
      <c r="N636368" s="10"/>
    </row>
    <row r="636369" spans="14:14">
      <c r="N636369" s="10"/>
    </row>
    <row r="636370" spans="14:14">
      <c r="N636370" s="10"/>
    </row>
    <row r="636371" spans="14:14">
      <c r="N636371" s="10"/>
    </row>
    <row r="636372" spans="14:14">
      <c r="N636372" s="10"/>
    </row>
    <row r="636373" spans="14:14">
      <c r="N636373" s="10"/>
    </row>
    <row r="636374" spans="14:14">
      <c r="N636374" s="10"/>
    </row>
    <row r="636375" spans="14:14">
      <c r="N636375" s="10"/>
    </row>
    <row r="636376" spans="14:14">
      <c r="N636376" s="10"/>
    </row>
    <row r="636377" spans="14:14">
      <c r="N636377" s="10"/>
    </row>
    <row r="636378" spans="14:14">
      <c r="N636378" s="10"/>
    </row>
    <row r="636379" spans="14:14">
      <c r="N636379" s="10"/>
    </row>
    <row r="636380" spans="14:14">
      <c r="N636380" s="10"/>
    </row>
    <row r="636381" spans="14:14">
      <c r="N636381" s="10"/>
    </row>
    <row r="636382" spans="14:14">
      <c r="N636382" s="10"/>
    </row>
    <row r="636383" spans="14:14">
      <c r="N636383" s="10"/>
    </row>
    <row r="636384" spans="14:14">
      <c r="N636384" s="10"/>
    </row>
    <row r="636385" spans="14:14">
      <c r="N636385" s="10"/>
    </row>
    <row r="636386" spans="14:14">
      <c r="N636386" s="10"/>
    </row>
    <row r="636387" spans="14:14">
      <c r="N636387" s="10"/>
    </row>
    <row r="636388" spans="14:14">
      <c r="N636388" s="10"/>
    </row>
    <row r="636389" spans="14:14">
      <c r="N636389" s="10"/>
    </row>
    <row r="636390" spans="14:14">
      <c r="N636390" s="10"/>
    </row>
    <row r="636391" spans="14:14">
      <c r="N636391" s="10"/>
    </row>
    <row r="636392" spans="14:14">
      <c r="N636392" s="10"/>
    </row>
    <row r="636393" spans="14:14">
      <c r="N636393" s="10"/>
    </row>
    <row r="636394" spans="14:14">
      <c r="N636394" s="10"/>
    </row>
    <row r="636395" spans="14:14">
      <c r="N636395" s="10"/>
    </row>
    <row r="636396" spans="14:14">
      <c r="N636396" s="10"/>
    </row>
    <row r="636397" spans="14:14">
      <c r="N636397" s="10"/>
    </row>
    <row r="636398" spans="14:14">
      <c r="N636398" s="10"/>
    </row>
    <row r="636399" spans="14:14">
      <c r="N636399" s="10"/>
    </row>
    <row r="636400" spans="14:14">
      <c r="N636400" s="10"/>
    </row>
    <row r="636401" spans="14:14">
      <c r="N636401" s="10"/>
    </row>
    <row r="636402" spans="14:14">
      <c r="N636402" s="10"/>
    </row>
    <row r="636403" spans="14:14">
      <c r="N636403" s="10"/>
    </row>
    <row r="636404" spans="14:14">
      <c r="N636404" s="10"/>
    </row>
    <row r="636405" spans="14:14">
      <c r="N636405" s="10"/>
    </row>
    <row r="636406" spans="14:14">
      <c r="N636406" s="10"/>
    </row>
    <row r="636407" spans="14:14">
      <c r="N636407" s="10"/>
    </row>
    <row r="636408" spans="14:14">
      <c r="N636408" s="10"/>
    </row>
    <row r="636409" spans="14:14">
      <c r="N636409" s="10"/>
    </row>
    <row r="636410" spans="14:14">
      <c r="N636410" s="10"/>
    </row>
    <row r="636411" spans="14:14">
      <c r="N636411" s="10"/>
    </row>
    <row r="636412" spans="14:14">
      <c r="N636412" s="10"/>
    </row>
    <row r="636413" spans="14:14">
      <c r="N636413" s="10"/>
    </row>
    <row r="636414" spans="14:14">
      <c r="N636414" s="10"/>
    </row>
    <row r="636415" spans="14:14">
      <c r="N636415" s="10"/>
    </row>
    <row r="636416" spans="14:14">
      <c r="N636416" s="10"/>
    </row>
    <row r="636417" spans="14:14">
      <c r="N636417" s="10"/>
    </row>
    <row r="636418" spans="14:14">
      <c r="N636418" s="10"/>
    </row>
    <row r="636419" spans="14:14">
      <c r="N636419" s="10"/>
    </row>
    <row r="636420" spans="14:14">
      <c r="N636420" s="10"/>
    </row>
    <row r="636421" spans="14:14">
      <c r="N636421" s="10"/>
    </row>
    <row r="636422" spans="14:14">
      <c r="N636422" s="10"/>
    </row>
    <row r="636423" spans="14:14">
      <c r="N636423" s="10"/>
    </row>
    <row r="636424" spans="14:14">
      <c r="N636424" s="10"/>
    </row>
    <row r="636425" spans="14:14">
      <c r="N636425" s="10"/>
    </row>
    <row r="636426" spans="14:14">
      <c r="N636426" s="10"/>
    </row>
    <row r="636427" spans="14:14">
      <c r="N636427" s="10"/>
    </row>
    <row r="636428" spans="14:14">
      <c r="N636428" s="10"/>
    </row>
    <row r="636429" spans="14:14">
      <c r="N636429" s="10"/>
    </row>
    <row r="636430" spans="14:14">
      <c r="N636430" s="10"/>
    </row>
    <row r="636431" spans="14:14">
      <c r="N636431" s="10"/>
    </row>
    <row r="636432" spans="14:14">
      <c r="N636432" s="10"/>
    </row>
    <row r="636433" spans="14:14">
      <c r="N636433" s="10"/>
    </row>
    <row r="636434" spans="14:14">
      <c r="N636434" s="10"/>
    </row>
    <row r="636435" spans="14:14">
      <c r="N636435" s="10"/>
    </row>
    <row r="636436" spans="14:14">
      <c r="N636436" s="10"/>
    </row>
    <row r="636437" spans="14:14">
      <c r="N636437" s="10"/>
    </row>
    <row r="636438" spans="14:14">
      <c r="N636438" s="10"/>
    </row>
    <row r="636439" spans="14:14">
      <c r="N636439" s="10"/>
    </row>
    <row r="636440" spans="14:14">
      <c r="N636440" s="10"/>
    </row>
    <row r="636441" spans="14:14">
      <c r="N636441" s="10"/>
    </row>
    <row r="636442" spans="14:14">
      <c r="N636442" s="10"/>
    </row>
    <row r="636443" spans="14:14">
      <c r="N636443" s="10"/>
    </row>
    <row r="636444" spans="14:14">
      <c r="N636444" s="10"/>
    </row>
    <row r="636445" spans="14:14">
      <c r="N636445" s="10"/>
    </row>
    <row r="636446" spans="14:14">
      <c r="N636446" s="10"/>
    </row>
    <row r="636447" spans="14:14">
      <c r="N636447" s="10"/>
    </row>
    <row r="636448" spans="14:14">
      <c r="N636448" s="10"/>
    </row>
    <row r="636449" spans="14:14">
      <c r="N636449" s="10"/>
    </row>
    <row r="636450" spans="14:14">
      <c r="N636450" s="10"/>
    </row>
    <row r="636451" spans="14:14">
      <c r="N636451" s="10"/>
    </row>
    <row r="636452" spans="14:14">
      <c r="N636452" s="10"/>
    </row>
    <row r="636453" spans="14:14">
      <c r="N636453" s="10"/>
    </row>
    <row r="636454" spans="14:14">
      <c r="N636454" s="10"/>
    </row>
    <row r="636455" spans="14:14">
      <c r="N636455" s="10"/>
    </row>
    <row r="636456" spans="14:14">
      <c r="N636456" s="10"/>
    </row>
    <row r="636457" spans="14:14">
      <c r="N636457" s="10"/>
    </row>
    <row r="636458" spans="14:14">
      <c r="N636458" s="10"/>
    </row>
    <row r="636459" spans="14:14">
      <c r="N636459" s="10"/>
    </row>
    <row r="636460" spans="14:14">
      <c r="N636460" s="10"/>
    </row>
    <row r="636461" spans="14:14">
      <c r="N636461" s="10"/>
    </row>
    <row r="636462" spans="14:14">
      <c r="N636462" s="10"/>
    </row>
    <row r="636463" spans="14:14">
      <c r="N636463" s="10"/>
    </row>
    <row r="636464" spans="14:14">
      <c r="N636464" s="10"/>
    </row>
    <row r="636465" spans="14:14">
      <c r="N636465" s="10"/>
    </row>
    <row r="636466" spans="14:14">
      <c r="N636466" s="10"/>
    </row>
    <row r="636467" spans="14:14">
      <c r="N636467" s="10"/>
    </row>
    <row r="636468" spans="14:14">
      <c r="N636468" s="10"/>
    </row>
    <row r="636469" spans="14:14">
      <c r="N636469" s="10"/>
    </row>
    <row r="636470" spans="14:14">
      <c r="N636470" s="10"/>
    </row>
    <row r="636471" spans="14:14">
      <c r="N636471" s="10"/>
    </row>
    <row r="636472" spans="14:14">
      <c r="N636472" s="10"/>
    </row>
    <row r="636473" spans="14:14">
      <c r="N636473" s="10"/>
    </row>
    <row r="636474" spans="14:14">
      <c r="N636474" s="10"/>
    </row>
    <row r="636475" spans="14:14">
      <c r="N636475" s="10"/>
    </row>
    <row r="636476" spans="14:14">
      <c r="N636476" s="10"/>
    </row>
    <row r="636477" spans="14:14">
      <c r="N636477" s="10"/>
    </row>
    <row r="636478" spans="14:14">
      <c r="N636478" s="10"/>
    </row>
    <row r="636479" spans="14:14">
      <c r="N636479" s="10"/>
    </row>
    <row r="636480" spans="14:14">
      <c r="N636480" s="10"/>
    </row>
    <row r="636481" spans="14:14">
      <c r="N636481" s="10"/>
    </row>
    <row r="636482" spans="14:14">
      <c r="N636482" s="10"/>
    </row>
    <row r="636483" spans="14:14">
      <c r="N636483" s="10"/>
    </row>
    <row r="636484" spans="14:14">
      <c r="N636484" s="10"/>
    </row>
    <row r="636485" spans="14:14">
      <c r="N636485" s="10"/>
    </row>
    <row r="636486" spans="14:14">
      <c r="N636486" s="10"/>
    </row>
    <row r="636487" spans="14:14">
      <c r="N636487" s="10"/>
    </row>
    <row r="636488" spans="14:14">
      <c r="N636488" s="10"/>
    </row>
    <row r="636489" spans="14:14">
      <c r="N636489" s="10"/>
    </row>
    <row r="636490" spans="14:14">
      <c r="N636490" s="10"/>
    </row>
    <row r="636491" spans="14:14">
      <c r="N636491" s="10"/>
    </row>
    <row r="636492" spans="14:14">
      <c r="N636492" s="10"/>
    </row>
    <row r="636493" spans="14:14">
      <c r="N636493" s="10"/>
    </row>
    <row r="636494" spans="14:14">
      <c r="N636494" s="10"/>
    </row>
    <row r="636495" spans="14:14">
      <c r="N636495" s="10"/>
    </row>
    <row r="636496" spans="14:14">
      <c r="N636496" s="10"/>
    </row>
    <row r="636497" spans="14:14">
      <c r="N636497" s="10"/>
    </row>
    <row r="636498" spans="14:14">
      <c r="N636498" s="10"/>
    </row>
    <row r="636499" spans="14:14">
      <c r="N636499" s="10"/>
    </row>
    <row r="636500" spans="14:14">
      <c r="N636500" s="10"/>
    </row>
    <row r="636501" spans="14:14">
      <c r="N636501" s="10"/>
    </row>
    <row r="636502" spans="14:14">
      <c r="N636502" s="10"/>
    </row>
    <row r="636503" spans="14:14">
      <c r="N636503" s="10"/>
    </row>
    <row r="636504" spans="14:14">
      <c r="N636504" s="10"/>
    </row>
    <row r="636505" spans="14:14">
      <c r="N636505" s="10"/>
    </row>
    <row r="636506" spans="14:14">
      <c r="N636506" s="10"/>
    </row>
    <row r="636507" spans="14:14">
      <c r="N636507" s="10"/>
    </row>
    <row r="636508" spans="14:14">
      <c r="N636508" s="10"/>
    </row>
    <row r="636509" spans="14:14">
      <c r="N636509" s="10"/>
    </row>
    <row r="636510" spans="14:14">
      <c r="N636510" s="10"/>
    </row>
    <row r="636511" spans="14:14">
      <c r="N636511" s="10"/>
    </row>
    <row r="636512" spans="14:14">
      <c r="N636512" s="10"/>
    </row>
    <row r="636513" spans="14:14">
      <c r="N636513" s="10"/>
    </row>
    <row r="636514" spans="14:14">
      <c r="N636514" s="10"/>
    </row>
    <row r="636515" spans="14:14">
      <c r="N636515" s="10"/>
    </row>
    <row r="636516" spans="14:14">
      <c r="N636516" s="10"/>
    </row>
    <row r="636517" spans="14:14">
      <c r="N636517" s="10"/>
    </row>
    <row r="636518" spans="14:14">
      <c r="N636518" s="10"/>
    </row>
    <row r="636519" spans="14:14">
      <c r="N636519" s="10"/>
    </row>
    <row r="636520" spans="14:14">
      <c r="N636520" s="10"/>
    </row>
    <row r="636521" spans="14:14">
      <c r="N636521" s="10"/>
    </row>
    <row r="636522" spans="14:14">
      <c r="N636522" s="10"/>
    </row>
    <row r="636523" spans="14:14">
      <c r="N636523" s="10"/>
    </row>
    <row r="636524" spans="14:14">
      <c r="N636524" s="10"/>
    </row>
    <row r="636525" spans="14:14">
      <c r="N636525" s="10"/>
    </row>
    <row r="636526" spans="14:14">
      <c r="N636526" s="10"/>
    </row>
    <row r="636527" spans="14:14">
      <c r="N636527" s="10"/>
    </row>
    <row r="636528" spans="14:14">
      <c r="N636528" s="10"/>
    </row>
    <row r="636529" spans="14:14">
      <c r="N636529" s="10"/>
    </row>
    <row r="636530" spans="14:14">
      <c r="N636530" s="10"/>
    </row>
    <row r="636531" spans="14:14">
      <c r="N636531" s="10"/>
    </row>
    <row r="636532" spans="14:14">
      <c r="N636532" s="10"/>
    </row>
    <row r="636533" spans="14:14">
      <c r="N636533" s="10"/>
    </row>
    <row r="636534" spans="14:14">
      <c r="N636534" s="10"/>
    </row>
    <row r="636535" spans="14:14">
      <c r="N636535" s="10"/>
    </row>
    <row r="636536" spans="14:14">
      <c r="N636536" s="10"/>
    </row>
    <row r="636537" spans="14:14">
      <c r="N636537" s="10"/>
    </row>
    <row r="636538" spans="14:14">
      <c r="N636538" s="10"/>
    </row>
    <row r="636539" spans="14:14">
      <c r="N636539" s="10"/>
    </row>
    <row r="636540" spans="14:14">
      <c r="N636540" s="10"/>
    </row>
    <row r="636541" spans="14:14">
      <c r="N636541" s="10"/>
    </row>
    <row r="636542" spans="14:14">
      <c r="N636542" s="10"/>
    </row>
    <row r="636543" spans="14:14">
      <c r="N636543" s="10"/>
    </row>
    <row r="636544" spans="14:14">
      <c r="N636544" s="10"/>
    </row>
    <row r="636545" spans="14:14">
      <c r="N636545" s="10"/>
    </row>
    <row r="636546" spans="14:14">
      <c r="N636546" s="10"/>
    </row>
    <row r="636547" spans="14:14">
      <c r="N636547" s="10"/>
    </row>
    <row r="636548" spans="14:14">
      <c r="N636548" s="10"/>
    </row>
    <row r="636549" spans="14:14">
      <c r="N636549" s="10"/>
    </row>
    <row r="636550" spans="14:14">
      <c r="N636550" s="10"/>
    </row>
    <row r="636551" spans="14:14">
      <c r="N636551" s="10"/>
    </row>
    <row r="636552" spans="14:14">
      <c r="N636552" s="10"/>
    </row>
    <row r="636553" spans="14:14">
      <c r="N636553" s="10"/>
    </row>
    <row r="636554" spans="14:14">
      <c r="N636554" s="10"/>
    </row>
    <row r="636555" spans="14:14">
      <c r="N636555" s="10"/>
    </row>
    <row r="636556" spans="14:14">
      <c r="N636556" s="10"/>
    </row>
    <row r="636557" spans="14:14">
      <c r="N636557" s="10"/>
    </row>
    <row r="636558" spans="14:14">
      <c r="N636558" s="10"/>
    </row>
    <row r="636559" spans="14:14">
      <c r="N636559" s="10"/>
    </row>
    <row r="636560" spans="14:14">
      <c r="N636560" s="10"/>
    </row>
    <row r="636561" spans="14:14">
      <c r="N636561" s="10"/>
    </row>
    <row r="636562" spans="14:14">
      <c r="N636562" s="10"/>
    </row>
    <row r="636563" spans="14:14">
      <c r="N636563" s="10"/>
    </row>
    <row r="636564" spans="14:14">
      <c r="N636564" s="10"/>
    </row>
    <row r="636565" spans="14:14">
      <c r="N636565" s="10"/>
    </row>
    <row r="636566" spans="14:14">
      <c r="N636566" s="10"/>
    </row>
    <row r="636567" spans="14:14">
      <c r="N636567" s="10"/>
    </row>
    <row r="636568" spans="14:14">
      <c r="N636568" s="10"/>
    </row>
    <row r="636569" spans="14:14">
      <c r="N636569" s="10"/>
    </row>
    <row r="636570" spans="14:14">
      <c r="N636570" s="10"/>
    </row>
    <row r="636571" spans="14:14">
      <c r="N636571" s="10"/>
    </row>
    <row r="636572" spans="14:14">
      <c r="N636572" s="10"/>
    </row>
    <row r="636573" spans="14:14">
      <c r="N636573" s="10"/>
    </row>
    <row r="636574" spans="14:14">
      <c r="N636574" s="10"/>
    </row>
    <row r="636575" spans="14:14">
      <c r="N636575" s="10"/>
    </row>
    <row r="636576" spans="14:14">
      <c r="N636576" s="10"/>
    </row>
    <row r="636577" spans="14:14">
      <c r="N636577" s="10"/>
    </row>
    <row r="636578" spans="14:14">
      <c r="N636578" s="10"/>
    </row>
    <row r="636579" spans="14:14">
      <c r="N636579" s="10"/>
    </row>
    <row r="636580" spans="14:14">
      <c r="N636580" s="10"/>
    </row>
    <row r="636581" spans="14:14">
      <c r="N636581" s="10"/>
    </row>
    <row r="636582" spans="14:14">
      <c r="N636582" s="10"/>
    </row>
    <row r="636583" spans="14:14">
      <c r="N636583" s="10"/>
    </row>
    <row r="636584" spans="14:14">
      <c r="N636584" s="10"/>
    </row>
    <row r="636585" spans="14:14">
      <c r="N636585" s="10"/>
    </row>
    <row r="636586" spans="14:14">
      <c r="N636586" s="10"/>
    </row>
    <row r="636587" spans="14:14">
      <c r="N636587" s="10"/>
    </row>
    <row r="636588" spans="14:14">
      <c r="N636588" s="10"/>
    </row>
    <row r="636589" spans="14:14">
      <c r="N636589" s="10"/>
    </row>
    <row r="636590" spans="14:14">
      <c r="N636590" s="10"/>
    </row>
    <row r="636591" spans="14:14">
      <c r="N636591" s="10"/>
    </row>
    <row r="636592" spans="14:14">
      <c r="N636592" s="10"/>
    </row>
    <row r="636593" spans="14:14">
      <c r="N636593" s="10"/>
    </row>
    <row r="636594" spans="14:14">
      <c r="N636594" s="10"/>
    </row>
    <row r="636595" spans="14:14">
      <c r="N636595" s="10"/>
    </row>
    <row r="636596" spans="14:14">
      <c r="N636596" s="10"/>
    </row>
    <row r="636597" spans="14:14">
      <c r="N636597" s="10"/>
    </row>
    <row r="636598" spans="14:14">
      <c r="N636598" s="10"/>
    </row>
    <row r="636599" spans="14:14">
      <c r="N636599" s="10"/>
    </row>
    <row r="636600" spans="14:14">
      <c r="N636600" s="10"/>
    </row>
    <row r="636601" spans="14:14">
      <c r="N636601" s="10"/>
    </row>
    <row r="636602" spans="14:14">
      <c r="N636602" s="10"/>
    </row>
    <row r="636603" spans="14:14">
      <c r="N636603" s="10"/>
    </row>
    <row r="636604" spans="14:14">
      <c r="N636604" s="10"/>
    </row>
    <row r="636605" spans="14:14">
      <c r="N636605" s="10"/>
    </row>
    <row r="636606" spans="14:14">
      <c r="N636606" s="10"/>
    </row>
    <row r="636607" spans="14:14">
      <c r="N636607" s="10"/>
    </row>
    <row r="636608" spans="14:14">
      <c r="N636608" s="10"/>
    </row>
    <row r="636609" spans="14:14">
      <c r="N636609" s="10"/>
    </row>
    <row r="636610" spans="14:14">
      <c r="N636610" s="10"/>
    </row>
    <row r="636611" spans="14:14">
      <c r="N636611" s="10"/>
    </row>
    <row r="636612" spans="14:14">
      <c r="N636612" s="10"/>
    </row>
    <row r="636613" spans="14:14">
      <c r="N636613" s="10"/>
    </row>
    <row r="636614" spans="14:14">
      <c r="N636614" s="10"/>
    </row>
    <row r="636615" spans="14:14">
      <c r="N636615" s="10"/>
    </row>
    <row r="636616" spans="14:14">
      <c r="N636616" s="10"/>
    </row>
    <row r="636617" spans="14:14">
      <c r="N636617" s="10"/>
    </row>
    <row r="636618" spans="14:14">
      <c r="N636618" s="10"/>
    </row>
    <row r="636619" spans="14:14">
      <c r="N636619" s="10"/>
    </row>
    <row r="636620" spans="14:14">
      <c r="N636620" s="10"/>
    </row>
    <row r="636621" spans="14:14">
      <c r="N636621" s="10"/>
    </row>
    <row r="636622" spans="14:14">
      <c r="N636622" s="10"/>
    </row>
    <row r="636623" spans="14:14">
      <c r="N636623" s="10"/>
    </row>
    <row r="636624" spans="14:14">
      <c r="N636624" s="10"/>
    </row>
    <row r="636625" spans="14:14">
      <c r="N636625" s="10"/>
    </row>
    <row r="636626" spans="14:14">
      <c r="N636626" s="10"/>
    </row>
    <row r="636627" spans="14:14">
      <c r="N636627" s="10"/>
    </row>
    <row r="636628" spans="14:14">
      <c r="N636628" s="10"/>
    </row>
    <row r="636629" spans="14:14">
      <c r="N636629" s="10"/>
    </row>
    <row r="636630" spans="14:14">
      <c r="N636630" s="10"/>
    </row>
    <row r="636631" spans="14:14">
      <c r="N636631" s="10"/>
    </row>
    <row r="636632" spans="14:14">
      <c r="N636632" s="10"/>
    </row>
    <row r="636633" spans="14:14">
      <c r="N636633" s="10"/>
    </row>
    <row r="636634" spans="14:14">
      <c r="N636634" s="10"/>
    </row>
    <row r="636635" spans="14:14">
      <c r="N636635" s="10"/>
    </row>
    <row r="636636" spans="14:14">
      <c r="N636636" s="10"/>
    </row>
    <row r="636637" spans="14:14">
      <c r="N636637" s="10"/>
    </row>
    <row r="636638" spans="14:14">
      <c r="N636638" s="10"/>
    </row>
    <row r="636639" spans="14:14">
      <c r="N636639" s="10"/>
    </row>
    <row r="636640" spans="14:14">
      <c r="N636640" s="10"/>
    </row>
    <row r="636641" spans="14:14">
      <c r="N636641" s="10"/>
    </row>
    <row r="636642" spans="14:14">
      <c r="N636642" s="10"/>
    </row>
    <row r="636643" spans="14:14">
      <c r="N636643" s="10"/>
    </row>
    <row r="636644" spans="14:14">
      <c r="N636644" s="10"/>
    </row>
    <row r="636645" spans="14:14">
      <c r="N636645" s="10"/>
    </row>
    <row r="636646" spans="14:14">
      <c r="N636646" s="10"/>
    </row>
    <row r="636647" spans="14:14">
      <c r="N636647" s="10"/>
    </row>
    <row r="636648" spans="14:14">
      <c r="N636648" s="10"/>
    </row>
    <row r="636649" spans="14:14">
      <c r="N636649" s="10"/>
    </row>
    <row r="636650" spans="14:14">
      <c r="N636650" s="10"/>
    </row>
    <row r="636651" spans="14:14">
      <c r="N636651" s="10"/>
    </row>
    <row r="636652" spans="14:14">
      <c r="N636652" s="10"/>
    </row>
    <row r="636653" spans="14:14">
      <c r="N636653" s="10"/>
    </row>
    <row r="636654" spans="14:14">
      <c r="N636654" s="10"/>
    </row>
    <row r="636655" spans="14:14">
      <c r="N636655" s="10"/>
    </row>
    <row r="636656" spans="14:14">
      <c r="N636656" s="10"/>
    </row>
    <row r="636657" spans="14:14">
      <c r="N636657" s="10"/>
    </row>
    <row r="636658" spans="14:14">
      <c r="N636658" s="10"/>
    </row>
    <row r="636659" spans="14:14">
      <c r="N636659" s="10"/>
    </row>
    <row r="636660" spans="14:14">
      <c r="N636660" s="10"/>
    </row>
    <row r="636661" spans="14:14">
      <c r="N636661" s="10"/>
    </row>
    <row r="636662" spans="14:14">
      <c r="N636662" s="10"/>
    </row>
    <row r="636663" spans="14:14">
      <c r="N636663" s="10"/>
    </row>
    <row r="636664" spans="14:14">
      <c r="N636664" s="10"/>
    </row>
    <row r="636665" spans="14:14">
      <c r="N636665" s="10"/>
    </row>
    <row r="636666" spans="14:14">
      <c r="N636666" s="10"/>
    </row>
    <row r="636667" spans="14:14">
      <c r="N636667" s="10"/>
    </row>
    <row r="636668" spans="14:14">
      <c r="N636668" s="10"/>
    </row>
    <row r="636669" spans="14:14">
      <c r="N636669" s="10"/>
    </row>
    <row r="636670" spans="14:14">
      <c r="N636670" s="10"/>
    </row>
    <row r="636671" spans="14:14">
      <c r="N636671" s="10"/>
    </row>
    <row r="636672" spans="14:14">
      <c r="N636672" s="10"/>
    </row>
    <row r="636673" spans="14:14">
      <c r="N636673" s="10"/>
    </row>
    <row r="636674" spans="14:14">
      <c r="N636674" s="10"/>
    </row>
    <row r="636675" spans="14:14">
      <c r="N636675" s="10"/>
    </row>
    <row r="636676" spans="14:14">
      <c r="N636676" s="10"/>
    </row>
    <row r="636677" spans="14:14">
      <c r="N636677" s="10"/>
    </row>
    <row r="636678" spans="14:14">
      <c r="N636678" s="10"/>
    </row>
    <row r="636679" spans="14:14">
      <c r="N636679" s="10"/>
    </row>
    <row r="636680" spans="14:14">
      <c r="N636680" s="10"/>
    </row>
    <row r="636681" spans="14:14">
      <c r="N636681" s="10"/>
    </row>
    <row r="636682" spans="14:14">
      <c r="N636682" s="10"/>
    </row>
    <row r="636683" spans="14:14">
      <c r="N636683" s="10"/>
    </row>
    <row r="636684" spans="14:14">
      <c r="N636684" s="10"/>
    </row>
    <row r="636685" spans="14:14">
      <c r="N636685" s="10"/>
    </row>
    <row r="636686" spans="14:14">
      <c r="N636686" s="10"/>
    </row>
    <row r="636687" spans="14:14">
      <c r="N636687" s="10"/>
    </row>
    <row r="636688" spans="14:14">
      <c r="N636688" s="10"/>
    </row>
    <row r="636689" spans="14:14">
      <c r="N636689" s="10"/>
    </row>
    <row r="636690" spans="14:14">
      <c r="N636690" s="10"/>
    </row>
    <row r="636691" spans="14:14">
      <c r="N636691" s="10"/>
    </row>
    <row r="636692" spans="14:14">
      <c r="N636692" s="10"/>
    </row>
    <row r="636693" spans="14:14">
      <c r="N636693" s="10"/>
    </row>
    <row r="636694" spans="14:14">
      <c r="N636694" s="10"/>
    </row>
    <row r="636695" spans="14:14">
      <c r="N636695" s="10"/>
    </row>
    <row r="636696" spans="14:14">
      <c r="N636696" s="10"/>
    </row>
    <row r="636697" spans="14:14">
      <c r="N636697" s="10"/>
    </row>
    <row r="636698" spans="14:14">
      <c r="N636698" s="10"/>
    </row>
    <row r="636699" spans="14:14">
      <c r="N636699" s="10"/>
    </row>
    <row r="636700" spans="14:14">
      <c r="N636700" s="10"/>
    </row>
    <row r="636701" spans="14:14">
      <c r="N636701" s="10"/>
    </row>
    <row r="636702" spans="14:14">
      <c r="N636702" s="10"/>
    </row>
    <row r="636703" spans="14:14">
      <c r="N636703" s="10"/>
    </row>
    <row r="636704" spans="14:14">
      <c r="N636704" s="10"/>
    </row>
    <row r="636705" spans="14:14">
      <c r="N636705" s="10"/>
    </row>
    <row r="636706" spans="14:14">
      <c r="N636706" s="10"/>
    </row>
    <row r="636707" spans="14:14">
      <c r="N636707" s="10"/>
    </row>
    <row r="636708" spans="14:14">
      <c r="N636708" s="10"/>
    </row>
    <row r="636709" spans="14:14">
      <c r="N636709" s="10"/>
    </row>
    <row r="636710" spans="14:14">
      <c r="N636710" s="10"/>
    </row>
    <row r="636711" spans="14:14">
      <c r="N636711" s="10"/>
    </row>
    <row r="636712" spans="14:14">
      <c r="N636712" s="10"/>
    </row>
    <row r="636713" spans="14:14">
      <c r="N636713" s="10"/>
    </row>
    <row r="636714" spans="14:14">
      <c r="N636714" s="10"/>
    </row>
    <row r="636715" spans="14:14">
      <c r="N636715" s="10"/>
    </row>
    <row r="636716" spans="14:14">
      <c r="N636716" s="10"/>
    </row>
    <row r="636717" spans="14:14">
      <c r="N636717" s="10"/>
    </row>
    <row r="636718" spans="14:14">
      <c r="N636718" s="10"/>
    </row>
    <row r="636719" spans="14:14">
      <c r="N636719" s="10"/>
    </row>
    <row r="636720" spans="14:14">
      <c r="N636720" s="10"/>
    </row>
    <row r="636721" spans="14:14">
      <c r="N636721" s="10"/>
    </row>
    <row r="636722" spans="14:14">
      <c r="N636722" s="10"/>
    </row>
    <row r="636723" spans="14:14">
      <c r="N636723" s="10"/>
    </row>
    <row r="636724" spans="14:14">
      <c r="N636724" s="10"/>
    </row>
    <row r="636725" spans="14:14">
      <c r="N636725" s="10"/>
    </row>
    <row r="636726" spans="14:14">
      <c r="N636726" s="10"/>
    </row>
    <row r="636727" spans="14:14">
      <c r="N636727" s="10"/>
    </row>
    <row r="636728" spans="14:14">
      <c r="N636728" s="10"/>
    </row>
    <row r="636729" spans="14:14">
      <c r="N636729" s="10"/>
    </row>
    <row r="636730" spans="14:14">
      <c r="N636730" s="10"/>
    </row>
    <row r="636731" spans="14:14">
      <c r="N636731" s="10"/>
    </row>
    <row r="636732" spans="14:14">
      <c r="N636732" s="10"/>
    </row>
    <row r="636733" spans="14:14">
      <c r="N636733" s="10"/>
    </row>
    <row r="636734" spans="14:14">
      <c r="N636734" s="10"/>
    </row>
    <row r="636735" spans="14:14">
      <c r="N636735" s="10"/>
    </row>
    <row r="636736" spans="14:14">
      <c r="N636736" s="10"/>
    </row>
    <row r="636737" spans="14:14">
      <c r="N636737" s="10"/>
    </row>
    <row r="636738" spans="14:14">
      <c r="N636738" s="10"/>
    </row>
    <row r="636739" spans="14:14">
      <c r="N636739" s="10"/>
    </row>
    <row r="636740" spans="14:14">
      <c r="N636740" s="10"/>
    </row>
    <row r="636741" spans="14:14">
      <c r="N636741" s="10"/>
    </row>
    <row r="636742" spans="14:14">
      <c r="N636742" s="10"/>
    </row>
    <row r="636743" spans="14:14">
      <c r="N636743" s="10"/>
    </row>
    <row r="636744" spans="14:14">
      <c r="N636744" s="10"/>
    </row>
    <row r="636745" spans="14:14">
      <c r="N636745" s="10"/>
    </row>
    <row r="636746" spans="14:14">
      <c r="N636746" s="10"/>
    </row>
    <row r="636747" spans="14:14">
      <c r="N636747" s="10"/>
    </row>
    <row r="636748" spans="14:14">
      <c r="N636748" s="10"/>
    </row>
    <row r="636749" spans="14:14">
      <c r="N636749" s="10"/>
    </row>
    <row r="636750" spans="14:14">
      <c r="N636750" s="10"/>
    </row>
    <row r="636751" spans="14:14">
      <c r="N636751" s="10"/>
    </row>
    <row r="636752" spans="14:14">
      <c r="N636752" s="10"/>
    </row>
    <row r="636753" spans="14:14">
      <c r="N636753" s="10"/>
    </row>
    <row r="636754" spans="14:14">
      <c r="N636754" s="10"/>
    </row>
    <row r="636755" spans="14:14">
      <c r="N636755" s="10"/>
    </row>
    <row r="636756" spans="14:14">
      <c r="N636756" s="10"/>
    </row>
    <row r="636757" spans="14:14">
      <c r="N636757" s="10"/>
    </row>
    <row r="636758" spans="14:14">
      <c r="N636758" s="10"/>
    </row>
    <row r="636759" spans="14:14">
      <c r="N636759" s="10"/>
    </row>
    <row r="636760" spans="14:14">
      <c r="N636760" s="10"/>
    </row>
    <row r="636761" spans="14:14">
      <c r="N636761" s="10"/>
    </row>
    <row r="636762" spans="14:14">
      <c r="N636762" s="10"/>
    </row>
    <row r="636763" spans="14:14">
      <c r="N636763" s="10"/>
    </row>
    <row r="636764" spans="14:14">
      <c r="N636764" s="10"/>
    </row>
    <row r="636765" spans="14:14">
      <c r="N636765" s="10"/>
    </row>
    <row r="636766" spans="14:14">
      <c r="N636766" s="10"/>
    </row>
    <row r="636767" spans="14:14">
      <c r="N636767" s="10"/>
    </row>
    <row r="636768" spans="14:14">
      <c r="N636768" s="10"/>
    </row>
    <row r="636769" spans="14:14">
      <c r="N636769" s="10"/>
    </row>
    <row r="636770" spans="14:14">
      <c r="N636770" s="10"/>
    </row>
    <row r="636771" spans="14:14">
      <c r="N636771" s="10"/>
    </row>
    <row r="636772" spans="14:14">
      <c r="N636772" s="10"/>
    </row>
    <row r="636773" spans="14:14">
      <c r="N636773" s="10"/>
    </row>
    <row r="636774" spans="14:14">
      <c r="N636774" s="10"/>
    </row>
    <row r="636775" spans="14:14">
      <c r="N636775" s="10"/>
    </row>
    <row r="636776" spans="14:14">
      <c r="N636776" s="10"/>
    </row>
    <row r="636777" spans="14:14">
      <c r="N636777" s="10"/>
    </row>
    <row r="636778" spans="14:14">
      <c r="N636778" s="10"/>
    </row>
    <row r="636779" spans="14:14">
      <c r="N636779" s="10"/>
    </row>
    <row r="636780" spans="14:14">
      <c r="N636780" s="10"/>
    </row>
    <row r="636781" spans="14:14">
      <c r="N636781" s="10"/>
    </row>
    <row r="636782" spans="14:14">
      <c r="N636782" s="10"/>
    </row>
    <row r="636783" spans="14:14">
      <c r="N636783" s="10"/>
    </row>
    <row r="636784" spans="14:14">
      <c r="N636784" s="10"/>
    </row>
    <row r="636785" spans="14:14">
      <c r="N636785" s="10"/>
    </row>
    <row r="636786" spans="14:14">
      <c r="N636786" s="10"/>
    </row>
    <row r="636787" spans="14:14">
      <c r="N636787" s="10"/>
    </row>
    <row r="636788" spans="14:14">
      <c r="N636788" s="10"/>
    </row>
    <row r="636789" spans="14:14">
      <c r="N636789" s="10"/>
    </row>
    <row r="636790" spans="14:14">
      <c r="N636790" s="10"/>
    </row>
    <row r="636791" spans="14:14">
      <c r="N636791" s="10"/>
    </row>
    <row r="636792" spans="14:14">
      <c r="N636792" s="10"/>
    </row>
    <row r="636793" spans="14:14">
      <c r="N636793" s="10"/>
    </row>
    <row r="636794" spans="14:14">
      <c r="N636794" s="10"/>
    </row>
    <row r="636795" spans="14:14">
      <c r="N636795" s="10"/>
    </row>
    <row r="636796" spans="14:14">
      <c r="N636796" s="10"/>
    </row>
    <row r="636797" spans="14:14">
      <c r="N636797" s="10"/>
    </row>
    <row r="636798" spans="14:14">
      <c r="N636798" s="10"/>
    </row>
    <row r="636799" spans="14:14">
      <c r="N636799" s="10"/>
    </row>
    <row r="636800" spans="14:14">
      <c r="N636800" s="10"/>
    </row>
    <row r="636801" spans="14:14">
      <c r="N636801" s="10"/>
    </row>
    <row r="636802" spans="14:14">
      <c r="N636802" s="10"/>
    </row>
    <row r="636803" spans="14:14">
      <c r="N636803" s="10"/>
    </row>
    <row r="636804" spans="14:14">
      <c r="N636804" s="10"/>
    </row>
    <row r="636805" spans="14:14">
      <c r="N636805" s="10"/>
    </row>
    <row r="636806" spans="14:14">
      <c r="N636806" s="10"/>
    </row>
    <row r="636807" spans="14:14">
      <c r="N636807" s="10"/>
    </row>
    <row r="636808" spans="14:14">
      <c r="N636808" s="10"/>
    </row>
    <row r="636809" spans="14:14">
      <c r="N636809" s="10"/>
    </row>
    <row r="636810" spans="14:14">
      <c r="N636810" s="10"/>
    </row>
    <row r="636811" spans="14:14">
      <c r="N636811" s="10"/>
    </row>
    <row r="636812" spans="14:14">
      <c r="N636812" s="10"/>
    </row>
    <row r="636813" spans="14:14">
      <c r="N636813" s="10"/>
    </row>
    <row r="636814" spans="14:14">
      <c r="N636814" s="10"/>
    </row>
    <row r="636815" spans="14:14">
      <c r="N636815" s="10"/>
    </row>
    <row r="636816" spans="14:14">
      <c r="N636816" s="10"/>
    </row>
    <row r="636817" spans="14:14">
      <c r="N636817" s="10"/>
    </row>
    <row r="636818" spans="14:14">
      <c r="N636818" s="10"/>
    </row>
    <row r="636819" spans="14:14">
      <c r="N636819" s="10"/>
    </row>
    <row r="636820" spans="14:14">
      <c r="N636820" s="10"/>
    </row>
    <row r="636821" spans="14:14">
      <c r="N636821" s="10"/>
    </row>
    <row r="636822" spans="14:14">
      <c r="N636822" s="10"/>
    </row>
    <row r="636823" spans="14:14">
      <c r="N636823" s="10"/>
    </row>
    <row r="636824" spans="14:14">
      <c r="N636824" s="10"/>
    </row>
    <row r="636825" spans="14:14">
      <c r="N636825" s="10"/>
    </row>
    <row r="636826" spans="14:14">
      <c r="N636826" s="10"/>
    </row>
    <row r="636827" spans="14:14">
      <c r="N636827" s="10"/>
    </row>
    <row r="636828" spans="14:14">
      <c r="N636828" s="10"/>
    </row>
    <row r="636829" spans="14:14">
      <c r="N636829" s="10"/>
    </row>
    <row r="636830" spans="14:14">
      <c r="N636830" s="10"/>
    </row>
    <row r="636831" spans="14:14">
      <c r="N636831" s="10"/>
    </row>
    <row r="636832" spans="14:14">
      <c r="N636832" s="10"/>
    </row>
    <row r="636833" spans="14:14">
      <c r="N636833" s="10"/>
    </row>
    <row r="636834" spans="14:14">
      <c r="N636834" s="10"/>
    </row>
    <row r="636835" spans="14:14">
      <c r="N636835" s="10"/>
    </row>
    <row r="636836" spans="14:14">
      <c r="N636836" s="10"/>
    </row>
    <row r="636837" spans="14:14">
      <c r="N636837" s="10"/>
    </row>
    <row r="636838" spans="14:14">
      <c r="N636838" s="10"/>
    </row>
    <row r="636839" spans="14:14">
      <c r="N636839" s="10"/>
    </row>
    <row r="636840" spans="14:14">
      <c r="N636840" s="10"/>
    </row>
    <row r="636841" spans="14:14">
      <c r="N636841" s="10"/>
    </row>
    <row r="636842" spans="14:14">
      <c r="N636842" s="10"/>
    </row>
    <row r="636843" spans="14:14">
      <c r="N636843" s="10"/>
    </row>
    <row r="636844" spans="14:14">
      <c r="N636844" s="10"/>
    </row>
    <row r="636845" spans="14:14">
      <c r="N636845" s="10"/>
    </row>
    <row r="636846" spans="14:14">
      <c r="N636846" s="10"/>
    </row>
    <row r="636847" spans="14:14">
      <c r="N636847" s="10"/>
    </row>
    <row r="636848" spans="14:14">
      <c r="N636848" s="10"/>
    </row>
    <row r="636849" spans="14:14">
      <c r="N636849" s="10"/>
    </row>
    <row r="636850" spans="14:14">
      <c r="N636850" s="10"/>
    </row>
    <row r="636851" spans="14:14">
      <c r="N636851" s="10"/>
    </row>
    <row r="636852" spans="14:14">
      <c r="N636852" s="10"/>
    </row>
    <row r="636853" spans="14:14">
      <c r="N636853" s="10"/>
    </row>
    <row r="636854" spans="14:14">
      <c r="N636854" s="10"/>
    </row>
    <row r="636855" spans="14:14">
      <c r="N636855" s="10"/>
    </row>
    <row r="636856" spans="14:14">
      <c r="N636856" s="10"/>
    </row>
    <row r="636857" spans="14:14">
      <c r="N636857" s="10"/>
    </row>
    <row r="636858" spans="14:14">
      <c r="N636858" s="10"/>
    </row>
    <row r="636859" spans="14:14">
      <c r="N636859" s="10"/>
    </row>
    <row r="636860" spans="14:14">
      <c r="N636860" s="10"/>
    </row>
    <row r="636861" spans="14:14">
      <c r="N636861" s="10"/>
    </row>
    <row r="636862" spans="14:14">
      <c r="N636862" s="10"/>
    </row>
    <row r="636863" spans="14:14">
      <c r="N636863" s="10"/>
    </row>
    <row r="636864" spans="14:14">
      <c r="N636864" s="10"/>
    </row>
    <row r="636865" spans="14:14">
      <c r="N636865" s="10"/>
    </row>
    <row r="636866" spans="14:14">
      <c r="N636866" s="10"/>
    </row>
    <row r="636867" spans="14:14">
      <c r="N636867" s="10"/>
    </row>
    <row r="636868" spans="14:14">
      <c r="N636868" s="10"/>
    </row>
    <row r="636869" spans="14:14">
      <c r="N636869" s="10"/>
    </row>
    <row r="636870" spans="14:14">
      <c r="N636870" s="10"/>
    </row>
    <row r="636871" spans="14:14">
      <c r="N636871" s="10"/>
    </row>
    <row r="636872" spans="14:14">
      <c r="N636872" s="10"/>
    </row>
    <row r="636873" spans="14:14">
      <c r="N636873" s="10"/>
    </row>
    <row r="636874" spans="14:14">
      <c r="N636874" s="10"/>
    </row>
    <row r="636875" spans="14:14">
      <c r="N636875" s="10"/>
    </row>
    <row r="636876" spans="14:14">
      <c r="N636876" s="10"/>
    </row>
    <row r="636877" spans="14:14">
      <c r="N636877" s="10"/>
    </row>
    <row r="636878" spans="14:14">
      <c r="N636878" s="10"/>
    </row>
    <row r="636879" spans="14:14">
      <c r="N636879" s="10"/>
    </row>
    <row r="636880" spans="14:14">
      <c r="N636880" s="10"/>
    </row>
    <row r="636881" spans="14:14">
      <c r="N636881" s="10"/>
    </row>
    <row r="636882" spans="14:14">
      <c r="N636882" s="10"/>
    </row>
    <row r="636883" spans="14:14">
      <c r="N636883" s="10"/>
    </row>
    <row r="636884" spans="14:14">
      <c r="N636884" s="10"/>
    </row>
    <row r="636885" spans="14:14">
      <c r="N636885" s="10"/>
    </row>
    <row r="636886" spans="14:14">
      <c r="N636886" s="10"/>
    </row>
    <row r="636887" spans="14:14">
      <c r="N636887" s="10"/>
    </row>
    <row r="636888" spans="14:14">
      <c r="N636888" s="10"/>
    </row>
    <row r="636889" spans="14:14">
      <c r="N636889" s="10"/>
    </row>
    <row r="636890" spans="14:14">
      <c r="N636890" s="10"/>
    </row>
    <row r="636891" spans="14:14">
      <c r="N636891" s="10"/>
    </row>
    <row r="636892" spans="14:14">
      <c r="N636892" s="10"/>
    </row>
    <row r="636893" spans="14:14">
      <c r="N636893" s="10"/>
    </row>
    <row r="636894" spans="14:14">
      <c r="N636894" s="10"/>
    </row>
    <row r="636895" spans="14:14">
      <c r="N636895" s="10"/>
    </row>
    <row r="636896" spans="14:14">
      <c r="N636896" s="10"/>
    </row>
    <row r="636897" spans="14:14">
      <c r="N636897" s="10"/>
    </row>
    <row r="636898" spans="14:14">
      <c r="N636898" s="10"/>
    </row>
    <row r="636899" spans="14:14">
      <c r="N636899" s="10"/>
    </row>
    <row r="636900" spans="14:14">
      <c r="N636900" s="10"/>
    </row>
    <row r="636901" spans="14:14">
      <c r="N636901" s="10"/>
    </row>
    <row r="636902" spans="14:14">
      <c r="N636902" s="10"/>
    </row>
    <row r="636903" spans="14:14">
      <c r="N636903" s="10"/>
    </row>
    <row r="636904" spans="14:14">
      <c r="N636904" s="10"/>
    </row>
    <row r="636905" spans="14:14">
      <c r="N636905" s="10"/>
    </row>
    <row r="636906" spans="14:14">
      <c r="N636906" s="10"/>
    </row>
    <row r="636907" spans="14:14">
      <c r="N636907" s="10"/>
    </row>
    <row r="636908" spans="14:14">
      <c r="N636908" s="10"/>
    </row>
    <row r="636909" spans="14:14">
      <c r="N636909" s="10"/>
    </row>
    <row r="636910" spans="14:14">
      <c r="N636910" s="10"/>
    </row>
    <row r="636911" spans="14:14">
      <c r="N636911" s="10"/>
    </row>
    <row r="636912" spans="14:14">
      <c r="N636912" s="10"/>
    </row>
    <row r="636913" spans="14:14">
      <c r="N636913" s="10"/>
    </row>
    <row r="636914" spans="14:14">
      <c r="N636914" s="10"/>
    </row>
    <row r="636915" spans="14:14">
      <c r="N636915" s="10"/>
    </row>
    <row r="636916" spans="14:14">
      <c r="N636916" s="10"/>
    </row>
    <row r="636917" spans="14:14">
      <c r="N636917" s="10"/>
    </row>
    <row r="636918" spans="14:14">
      <c r="N636918" s="10"/>
    </row>
    <row r="636919" spans="14:14">
      <c r="N636919" s="10"/>
    </row>
    <row r="636920" spans="14:14">
      <c r="N636920" s="10"/>
    </row>
    <row r="636921" spans="14:14">
      <c r="N636921" s="10"/>
    </row>
    <row r="636922" spans="14:14">
      <c r="N636922" s="10"/>
    </row>
    <row r="636923" spans="14:14">
      <c r="N636923" s="10"/>
    </row>
    <row r="636924" spans="14:14">
      <c r="N636924" s="10"/>
    </row>
    <row r="636925" spans="14:14">
      <c r="N636925" s="10"/>
    </row>
    <row r="636926" spans="14:14">
      <c r="N636926" s="10"/>
    </row>
    <row r="636927" spans="14:14">
      <c r="N636927" s="10"/>
    </row>
    <row r="636928" spans="14:14">
      <c r="N636928" s="10"/>
    </row>
    <row r="636929" spans="14:14">
      <c r="N636929" s="10"/>
    </row>
    <row r="636930" spans="14:14">
      <c r="N636930" s="10"/>
    </row>
    <row r="636931" spans="14:14">
      <c r="N636931" s="10"/>
    </row>
    <row r="636932" spans="14:14">
      <c r="N636932" s="10"/>
    </row>
    <row r="636933" spans="14:14">
      <c r="N636933" s="10"/>
    </row>
    <row r="636934" spans="14:14">
      <c r="N636934" s="10"/>
    </row>
    <row r="636935" spans="14:14">
      <c r="N636935" s="10"/>
    </row>
    <row r="636936" spans="14:14">
      <c r="N636936" s="10"/>
    </row>
    <row r="636937" spans="14:14">
      <c r="N636937" s="10"/>
    </row>
    <row r="636938" spans="14:14">
      <c r="N636938" s="10"/>
    </row>
    <row r="636939" spans="14:14">
      <c r="N636939" s="10"/>
    </row>
    <row r="636940" spans="14:14">
      <c r="N636940" s="10"/>
    </row>
    <row r="636941" spans="14:14">
      <c r="N636941" s="10"/>
    </row>
    <row r="636942" spans="14:14">
      <c r="N636942" s="10"/>
    </row>
    <row r="636943" spans="14:14">
      <c r="N636943" s="10"/>
    </row>
    <row r="636944" spans="14:14">
      <c r="N636944" s="10"/>
    </row>
    <row r="636945" spans="14:14">
      <c r="N636945" s="10"/>
    </row>
    <row r="636946" spans="14:14">
      <c r="N636946" s="10"/>
    </row>
    <row r="636947" spans="14:14">
      <c r="N636947" s="10"/>
    </row>
    <row r="636948" spans="14:14">
      <c r="N636948" s="10"/>
    </row>
    <row r="636949" spans="14:14">
      <c r="N636949" s="10"/>
    </row>
    <row r="636950" spans="14:14">
      <c r="N636950" s="10"/>
    </row>
    <row r="636951" spans="14:14">
      <c r="N636951" s="10"/>
    </row>
    <row r="636952" spans="14:14">
      <c r="N636952" s="10"/>
    </row>
    <row r="636953" spans="14:14">
      <c r="N636953" s="10"/>
    </row>
    <row r="636954" spans="14:14">
      <c r="N636954" s="10"/>
    </row>
    <row r="636955" spans="14:14">
      <c r="N636955" s="10"/>
    </row>
    <row r="636956" spans="14:14">
      <c r="N636956" s="10"/>
    </row>
    <row r="636957" spans="14:14">
      <c r="N636957" s="10"/>
    </row>
    <row r="636958" spans="14:14">
      <c r="N636958" s="10"/>
    </row>
    <row r="636959" spans="14:14">
      <c r="N636959" s="10"/>
    </row>
    <row r="636960" spans="14:14">
      <c r="N636960" s="10"/>
    </row>
    <row r="636961" spans="14:14">
      <c r="N636961" s="10"/>
    </row>
    <row r="636962" spans="14:14">
      <c r="N636962" s="10"/>
    </row>
    <row r="636963" spans="14:14">
      <c r="N636963" s="10"/>
    </row>
    <row r="636964" spans="14:14">
      <c r="N636964" s="10"/>
    </row>
    <row r="636965" spans="14:14">
      <c r="N636965" s="10"/>
    </row>
    <row r="636966" spans="14:14">
      <c r="N636966" s="10"/>
    </row>
    <row r="636967" spans="14:14">
      <c r="N636967" s="10"/>
    </row>
    <row r="636968" spans="14:14">
      <c r="N636968" s="10"/>
    </row>
    <row r="636969" spans="14:14">
      <c r="N636969" s="10"/>
    </row>
    <row r="636970" spans="14:14">
      <c r="N636970" s="10"/>
    </row>
    <row r="636971" spans="14:14">
      <c r="N636971" s="10"/>
    </row>
    <row r="636972" spans="14:14">
      <c r="N636972" s="10"/>
    </row>
    <row r="636973" spans="14:14">
      <c r="N636973" s="10"/>
    </row>
    <row r="636974" spans="14:14">
      <c r="N636974" s="10"/>
    </row>
    <row r="636975" spans="14:14">
      <c r="N636975" s="10"/>
    </row>
    <row r="636976" spans="14:14">
      <c r="N636976" s="10"/>
    </row>
    <row r="636977" spans="14:14">
      <c r="N636977" s="10"/>
    </row>
    <row r="636978" spans="14:14">
      <c r="N636978" s="10"/>
    </row>
    <row r="636979" spans="14:14">
      <c r="N636979" s="10"/>
    </row>
    <row r="636980" spans="14:14">
      <c r="N636980" s="10"/>
    </row>
    <row r="636981" spans="14:14">
      <c r="N636981" s="10"/>
    </row>
    <row r="636982" spans="14:14">
      <c r="N636982" s="10"/>
    </row>
    <row r="636983" spans="14:14">
      <c r="N636983" s="10"/>
    </row>
    <row r="636984" spans="14:14">
      <c r="N636984" s="10"/>
    </row>
    <row r="636985" spans="14:14">
      <c r="N636985" s="10"/>
    </row>
    <row r="636986" spans="14:14">
      <c r="N636986" s="10"/>
    </row>
    <row r="636987" spans="14:14">
      <c r="N636987" s="10"/>
    </row>
    <row r="636988" spans="14:14">
      <c r="N636988" s="10"/>
    </row>
    <row r="636989" spans="14:14">
      <c r="N636989" s="10"/>
    </row>
    <row r="636990" spans="14:14">
      <c r="N636990" s="10"/>
    </row>
    <row r="636991" spans="14:14">
      <c r="N636991" s="10"/>
    </row>
    <row r="636992" spans="14:14">
      <c r="N636992" s="10"/>
    </row>
    <row r="636993" spans="14:14">
      <c r="N636993" s="10"/>
    </row>
    <row r="636994" spans="14:14">
      <c r="N636994" s="10"/>
    </row>
    <row r="636995" spans="14:14">
      <c r="N636995" s="10"/>
    </row>
    <row r="636996" spans="14:14">
      <c r="N636996" s="10"/>
    </row>
    <row r="636997" spans="14:14">
      <c r="N636997" s="10"/>
    </row>
    <row r="636998" spans="14:14">
      <c r="N636998" s="10"/>
    </row>
    <row r="636999" spans="14:14">
      <c r="N636999" s="10"/>
    </row>
    <row r="637000" spans="14:14">
      <c r="N637000" s="10"/>
    </row>
    <row r="637001" spans="14:14">
      <c r="N637001" s="10"/>
    </row>
    <row r="637002" spans="14:14">
      <c r="N637002" s="10"/>
    </row>
    <row r="637003" spans="14:14">
      <c r="N637003" s="10"/>
    </row>
    <row r="637004" spans="14:14">
      <c r="N637004" s="10"/>
    </row>
    <row r="637005" spans="14:14">
      <c r="N637005" s="10"/>
    </row>
    <row r="637006" spans="14:14">
      <c r="N637006" s="10"/>
    </row>
    <row r="637007" spans="14:14">
      <c r="N637007" s="10"/>
    </row>
    <row r="637008" spans="14:14">
      <c r="N637008" s="10"/>
    </row>
    <row r="637009" spans="14:14">
      <c r="N637009" s="10"/>
    </row>
    <row r="637010" spans="14:14">
      <c r="N637010" s="10"/>
    </row>
    <row r="637011" spans="14:14">
      <c r="N637011" s="10"/>
    </row>
    <row r="637012" spans="14:14">
      <c r="N637012" s="10"/>
    </row>
    <row r="637013" spans="14:14">
      <c r="N637013" s="10"/>
    </row>
    <row r="637014" spans="14:14">
      <c r="N637014" s="10"/>
    </row>
    <row r="637015" spans="14:14">
      <c r="N637015" s="10"/>
    </row>
    <row r="637016" spans="14:14">
      <c r="N637016" s="10"/>
    </row>
    <row r="637017" spans="14:14">
      <c r="N637017" s="10"/>
    </row>
    <row r="637018" spans="14:14">
      <c r="N637018" s="10"/>
    </row>
    <row r="637019" spans="14:14">
      <c r="N637019" s="10"/>
    </row>
    <row r="637020" spans="14:14">
      <c r="N637020" s="10"/>
    </row>
    <row r="637021" spans="14:14">
      <c r="N637021" s="10"/>
    </row>
    <row r="637022" spans="14:14">
      <c r="N637022" s="10"/>
    </row>
    <row r="637023" spans="14:14">
      <c r="N637023" s="10"/>
    </row>
    <row r="637024" spans="14:14">
      <c r="N637024" s="10"/>
    </row>
    <row r="637025" spans="14:14">
      <c r="N637025" s="10"/>
    </row>
    <row r="637026" spans="14:14">
      <c r="N637026" s="10"/>
    </row>
    <row r="637027" spans="14:14">
      <c r="N637027" s="10"/>
    </row>
    <row r="637028" spans="14:14">
      <c r="N637028" s="10"/>
    </row>
    <row r="637029" spans="14:14">
      <c r="N637029" s="10"/>
    </row>
    <row r="637030" spans="14:14">
      <c r="N637030" s="10"/>
    </row>
    <row r="637031" spans="14:14">
      <c r="N637031" s="10"/>
    </row>
    <row r="637032" spans="14:14">
      <c r="N637032" s="10"/>
    </row>
    <row r="637033" spans="14:14">
      <c r="N637033" s="10"/>
    </row>
    <row r="637034" spans="14:14">
      <c r="N637034" s="10"/>
    </row>
    <row r="637035" spans="14:14">
      <c r="N637035" s="10"/>
    </row>
    <row r="637036" spans="14:14">
      <c r="N637036" s="10"/>
    </row>
    <row r="637037" spans="14:14">
      <c r="N637037" s="10"/>
    </row>
    <row r="637038" spans="14:14">
      <c r="N637038" s="10"/>
    </row>
    <row r="637039" spans="14:14">
      <c r="N637039" s="10"/>
    </row>
    <row r="637040" spans="14:14">
      <c r="N637040" s="10"/>
    </row>
    <row r="637041" spans="14:14">
      <c r="N637041" s="10"/>
    </row>
    <row r="637042" spans="14:14">
      <c r="N637042" s="10"/>
    </row>
    <row r="637043" spans="14:14">
      <c r="N637043" s="10"/>
    </row>
    <row r="637044" spans="14:14">
      <c r="N637044" s="10"/>
    </row>
    <row r="637045" spans="14:14">
      <c r="N637045" s="10"/>
    </row>
    <row r="637046" spans="14:14">
      <c r="N637046" s="10"/>
    </row>
    <row r="637047" spans="14:14">
      <c r="N637047" s="10"/>
    </row>
    <row r="637048" spans="14:14">
      <c r="N637048" s="10"/>
    </row>
    <row r="637049" spans="14:14">
      <c r="N637049" s="10"/>
    </row>
    <row r="637050" spans="14:14">
      <c r="N637050" s="10"/>
    </row>
    <row r="637051" spans="14:14">
      <c r="N637051" s="10"/>
    </row>
    <row r="637052" spans="14:14">
      <c r="N637052" s="10"/>
    </row>
    <row r="637053" spans="14:14">
      <c r="N637053" s="10"/>
    </row>
    <row r="637054" spans="14:14">
      <c r="N637054" s="10"/>
    </row>
    <row r="637055" spans="14:14">
      <c r="N637055" s="10"/>
    </row>
    <row r="637056" spans="14:14">
      <c r="N637056" s="10"/>
    </row>
    <row r="637057" spans="14:14">
      <c r="N637057" s="10"/>
    </row>
    <row r="637058" spans="14:14">
      <c r="N637058" s="10"/>
    </row>
    <row r="637059" spans="14:14">
      <c r="N637059" s="10"/>
    </row>
    <row r="637060" spans="14:14">
      <c r="N637060" s="10"/>
    </row>
    <row r="637061" spans="14:14">
      <c r="N637061" s="10"/>
    </row>
    <row r="637062" spans="14:14">
      <c r="N637062" s="10"/>
    </row>
    <row r="637063" spans="14:14">
      <c r="N637063" s="10"/>
    </row>
    <row r="637064" spans="14:14">
      <c r="N637064" s="10"/>
    </row>
    <row r="637065" spans="14:14">
      <c r="N637065" s="10"/>
    </row>
    <row r="637066" spans="14:14">
      <c r="N637066" s="10"/>
    </row>
    <row r="637067" spans="14:14">
      <c r="N637067" s="10"/>
    </row>
    <row r="637068" spans="14:14">
      <c r="N637068" s="10"/>
    </row>
    <row r="637069" spans="14:14">
      <c r="N637069" s="10"/>
    </row>
    <row r="637070" spans="14:14">
      <c r="N637070" s="10"/>
    </row>
    <row r="637071" spans="14:14">
      <c r="N637071" s="10"/>
    </row>
    <row r="637072" spans="14:14">
      <c r="N637072" s="10"/>
    </row>
    <row r="637073" spans="14:14">
      <c r="N637073" s="10"/>
    </row>
    <row r="637074" spans="14:14">
      <c r="N637074" s="10"/>
    </row>
    <row r="637075" spans="14:14">
      <c r="N637075" s="10"/>
    </row>
    <row r="637076" spans="14:14">
      <c r="N637076" s="10"/>
    </row>
    <row r="637077" spans="14:14">
      <c r="N637077" s="10"/>
    </row>
    <row r="637078" spans="14:14">
      <c r="N637078" s="10"/>
    </row>
    <row r="637079" spans="14:14">
      <c r="N637079" s="10"/>
    </row>
    <row r="637080" spans="14:14">
      <c r="N637080" s="10"/>
    </row>
    <row r="637081" spans="14:14">
      <c r="N637081" s="10"/>
    </row>
    <row r="637082" spans="14:14">
      <c r="N637082" s="10"/>
    </row>
    <row r="637083" spans="14:14">
      <c r="N637083" s="10"/>
    </row>
    <row r="637084" spans="14:14">
      <c r="N637084" s="10"/>
    </row>
    <row r="637085" spans="14:14">
      <c r="N637085" s="10"/>
    </row>
    <row r="637086" spans="14:14">
      <c r="N637086" s="10"/>
    </row>
    <row r="637087" spans="14:14">
      <c r="N637087" s="10"/>
    </row>
    <row r="637088" spans="14:14">
      <c r="N637088" s="10"/>
    </row>
    <row r="637089" spans="14:14">
      <c r="N637089" s="10"/>
    </row>
    <row r="637090" spans="14:14">
      <c r="N637090" s="10"/>
    </row>
    <row r="637091" spans="14:14">
      <c r="N637091" s="10"/>
    </row>
    <row r="637092" spans="14:14">
      <c r="N637092" s="10"/>
    </row>
    <row r="637093" spans="14:14">
      <c r="N637093" s="10"/>
    </row>
    <row r="637094" spans="14:14">
      <c r="N637094" s="10"/>
    </row>
    <row r="637095" spans="14:14">
      <c r="N637095" s="10"/>
    </row>
    <row r="637096" spans="14:14">
      <c r="N637096" s="10"/>
    </row>
    <row r="637097" spans="14:14">
      <c r="N637097" s="10"/>
    </row>
    <row r="637098" spans="14:14">
      <c r="N637098" s="10"/>
    </row>
    <row r="637099" spans="14:14">
      <c r="N637099" s="10"/>
    </row>
    <row r="637100" spans="14:14">
      <c r="N637100" s="10"/>
    </row>
    <row r="637101" spans="14:14">
      <c r="N637101" s="10"/>
    </row>
    <row r="637102" spans="14:14">
      <c r="N637102" s="10"/>
    </row>
    <row r="637103" spans="14:14">
      <c r="N637103" s="10"/>
    </row>
    <row r="637104" spans="14:14">
      <c r="N637104" s="10"/>
    </row>
    <row r="637105" spans="14:14">
      <c r="N637105" s="10"/>
    </row>
    <row r="637106" spans="14:14">
      <c r="N637106" s="10"/>
    </row>
    <row r="637107" spans="14:14">
      <c r="N637107" s="10"/>
    </row>
    <row r="637108" spans="14:14">
      <c r="N637108" s="10"/>
    </row>
    <row r="637109" spans="14:14">
      <c r="N637109" s="10"/>
    </row>
    <row r="637110" spans="14:14">
      <c r="N637110" s="10"/>
    </row>
    <row r="637111" spans="14:14">
      <c r="N637111" s="10"/>
    </row>
    <row r="637112" spans="14:14">
      <c r="N637112" s="10"/>
    </row>
    <row r="637113" spans="14:14">
      <c r="N637113" s="10"/>
    </row>
    <row r="637114" spans="14:14">
      <c r="N637114" s="10"/>
    </row>
    <row r="637115" spans="14:14">
      <c r="N637115" s="10"/>
    </row>
    <row r="637116" spans="14:14">
      <c r="N637116" s="10"/>
    </row>
    <row r="637117" spans="14:14">
      <c r="N637117" s="10"/>
    </row>
    <row r="637118" spans="14:14">
      <c r="N637118" s="10"/>
    </row>
    <row r="637119" spans="14:14">
      <c r="N637119" s="10"/>
    </row>
    <row r="637120" spans="14:14">
      <c r="N637120" s="10"/>
    </row>
    <row r="637121" spans="14:14">
      <c r="N637121" s="10"/>
    </row>
    <row r="637122" spans="14:14">
      <c r="N637122" s="10"/>
    </row>
    <row r="637123" spans="14:14">
      <c r="N637123" s="10"/>
    </row>
    <row r="637124" spans="14:14">
      <c r="N637124" s="10"/>
    </row>
    <row r="637125" spans="14:14">
      <c r="N637125" s="10"/>
    </row>
    <row r="637126" spans="14:14">
      <c r="N637126" s="10"/>
    </row>
    <row r="637127" spans="14:14">
      <c r="N637127" s="10"/>
    </row>
    <row r="637128" spans="14:14">
      <c r="N637128" s="10"/>
    </row>
    <row r="637129" spans="14:14">
      <c r="N637129" s="10"/>
    </row>
    <row r="637130" spans="14:14">
      <c r="N637130" s="10"/>
    </row>
    <row r="637131" spans="14:14">
      <c r="N637131" s="10"/>
    </row>
    <row r="637132" spans="14:14">
      <c r="N637132" s="10"/>
    </row>
    <row r="637133" spans="14:14">
      <c r="N637133" s="10"/>
    </row>
    <row r="637134" spans="14:14">
      <c r="N637134" s="10"/>
    </row>
    <row r="637135" spans="14:14">
      <c r="N637135" s="10"/>
    </row>
    <row r="637136" spans="14:14">
      <c r="N637136" s="10"/>
    </row>
    <row r="637137" spans="14:14">
      <c r="N637137" s="10"/>
    </row>
    <row r="637138" spans="14:14">
      <c r="N637138" s="10"/>
    </row>
    <row r="637139" spans="14:14">
      <c r="N637139" s="10"/>
    </row>
    <row r="637140" spans="14:14">
      <c r="N637140" s="10"/>
    </row>
    <row r="637141" spans="14:14">
      <c r="N637141" s="10"/>
    </row>
    <row r="637142" spans="14:14">
      <c r="N637142" s="10"/>
    </row>
    <row r="637143" spans="14:14">
      <c r="N637143" s="10"/>
    </row>
    <row r="637144" spans="14:14">
      <c r="N637144" s="10"/>
    </row>
    <row r="637145" spans="14:14">
      <c r="N637145" s="10"/>
    </row>
    <row r="637146" spans="14:14">
      <c r="N637146" s="10"/>
    </row>
    <row r="637147" spans="14:14">
      <c r="N637147" s="10"/>
    </row>
    <row r="637148" spans="14:14">
      <c r="N637148" s="10"/>
    </row>
    <row r="637149" spans="14:14">
      <c r="N637149" s="10"/>
    </row>
    <row r="637150" spans="14:14">
      <c r="N637150" s="10"/>
    </row>
    <row r="637151" spans="14:14">
      <c r="N637151" s="10"/>
    </row>
    <row r="637152" spans="14:14">
      <c r="N637152" s="10"/>
    </row>
    <row r="637153" spans="14:14">
      <c r="N637153" s="10"/>
    </row>
    <row r="637154" spans="14:14">
      <c r="N637154" s="10"/>
    </row>
    <row r="637155" spans="14:14">
      <c r="N637155" s="10"/>
    </row>
    <row r="637156" spans="14:14">
      <c r="N637156" s="10"/>
    </row>
    <row r="637157" spans="14:14">
      <c r="N637157" s="10"/>
    </row>
    <row r="637158" spans="14:14">
      <c r="N637158" s="10"/>
    </row>
    <row r="637159" spans="14:14">
      <c r="N637159" s="10"/>
    </row>
    <row r="637160" spans="14:14">
      <c r="N637160" s="10"/>
    </row>
    <row r="637161" spans="14:14">
      <c r="N637161" s="10"/>
    </row>
    <row r="637162" spans="14:14">
      <c r="N637162" s="10"/>
    </row>
    <row r="637163" spans="14:14">
      <c r="N637163" s="10"/>
    </row>
    <row r="637164" spans="14:14">
      <c r="N637164" s="10"/>
    </row>
    <row r="637165" spans="14:14">
      <c r="N637165" s="10"/>
    </row>
    <row r="637166" spans="14:14">
      <c r="N637166" s="10"/>
    </row>
    <row r="637167" spans="14:14">
      <c r="N637167" s="10"/>
    </row>
    <row r="637168" spans="14:14">
      <c r="N637168" s="10"/>
    </row>
    <row r="637169" spans="14:14">
      <c r="N637169" s="10"/>
    </row>
    <row r="637170" spans="14:14">
      <c r="N637170" s="10"/>
    </row>
    <row r="637171" spans="14:14">
      <c r="N637171" s="10"/>
    </row>
    <row r="637172" spans="14:14">
      <c r="N637172" s="10"/>
    </row>
    <row r="637173" spans="14:14">
      <c r="N637173" s="10"/>
    </row>
    <row r="637174" spans="14:14">
      <c r="N637174" s="10"/>
    </row>
    <row r="637175" spans="14:14">
      <c r="N637175" s="10"/>
    </row>
    <row r="637176" spans="14:14">
      <c r="N637176" s="10"/>
    </row>
    <row r="637177" spans="14:14">
      <c r="N637177" s="10"/>
    </row>
    <row r="637178" spans="14:14">
      <c r="N637178" s="10"/>
    </row>
    <row r="637179" spans="14:14">
      <c r="N637179" s="10"/>
    </row>
    <row r="637180" spans="14:14">
      <c r="N637180" s="10"/>
    </row>
    <row r="637181" spans="14:14">
      <c r="N637181" s="10"/>
    </row>
    <row r="637182" spans="14:14">
      <c r="N637182" s="10"/>
    </row>
    <row r="637183" spans="14:14">
      <c r="N637183" s="10"/>
    </row>
    <row r="637184" spans="14:14">
      <c r="N637184" s="10"/>
    </row>
    <row r="637185" spans="14:14">
      <c r="N637185" s="10"/>
    </row>
    <row r="637186" spans="14:14">
      <c r="N637186" s="10"/>
    </row>
    <row r="637187" spans="14:14">
      <c r="N637187" s="10"/>
    </row>
    <row r="637188" spans="14:14">
      <c r="N637188" s="10"/>
    </row>
    <row r="637189" spans="14:14">
      <c r="N637189" s="10"/>
    </row>
    <row r="637190" spans="14:14">
      <c r="N637190" s="10"/>
    </row>
    <row r="637191" spans="14:14">
      <c r="N637191" s="10"/>
    </row>
    <row r="637192" spans="14:14">
      <c r="N637192" s="10"/>
    </row>
    <row r="637193" spans="14:14">
      <c r="N637193" s="10"/>
    </row>
    <row r="637194" spans="14:14">
      <c r="N637194" s="10"/>
    </row>
    <row r="637195" spans="14:14">
      <c r="N637195" s="10"/>
    </row>
    <row r="637196" spans="14:14">
      <c r="N637196" s="10"/>
    </row>
    <row r="637197" spans="14:14">
      <c r="N637197" s="10"/>
    </row>
    <row r="637198" spans="14:14">
      <c r="N637198" s="10"/>
    </row>
    <row r="637199" spans="14:14">
      <c r="N637199" s="10"/>
    </row>
    <row r="637200" spans="14:14">
      <c r="N637200" s="10"/>
    </row>
    <row r="637201" spans="14:14">
      <c r="N637201" s="10"/>
    </row>
    <row r="637202" spans="14:14">
      <c r="N637202" s="10"/>
    </row>
    <row r="637203" spans="14:14">
      <c r="N637203" s="10"/>
    </row>
    <row r="637204" spans="14:14">
      <c r="N637204" s="10"/>
    </row>
    <row r="637205" spans="14:14">
      <c r="N637205" s="10"/>
    </row>
    <row r="637206" spans="14:14">
      <c r="N637206" s="10"/>
    </row>
    <row r="637207" spans="14:14">
      <c r="N637207" s="10"/>
    </row>
    <row r="637208" spans="14:14">
      <c r="N637208" s="10"/>
    </row>
    <row r="637209" spans="14:14">
      <c r="N637209" s="10"/>
    </row>
    <row r="637210" spans="14:14">
      <c r="N637210" s="10"/>
    </row>
    <row r="637211" spans="14:14">
      <c r="N637211" s="10"/>
    </row>
    <row r="637212" spans="14:14">
      <c r="N637212" s="10"/>
    </row>
    <row r="637213" spans="14:14">
      <c r="N637213" s="10"/>
    </row>
    <row r="637214" spans="14:14">
      <c r="N637214" s="10"/>
    </row>
    <row r="637215" spans="14:14">
      <c r="N637215" s="10"/>
    </row>
    <row r="637216" spans="14:14">
      <c r="N637216" s="10"/>
    </row>
    <row r="637217" spans="14:14">
      <c r="N637217" s="10"/>
    </row>
    <row r="637218" spans="14:14">
      <c r="N637218" s="10"/>
    </row>
    <row r="637219" spans="14:14">
      <c r="N637219" s="10"/>
    </row>
    <row r="637220" spans="14:14">
      <c r="N637220" s="10"/>
    </row>
    <row r="637221" spans="14:14">
      <c r="N637221" s="10"/>
    </row>
    <row r="637222" spans="14:14">
      <c r="N637222" s="10"/>
    </row>
    <row r="637223" spans="14:14">
      <c r="N637223" s="10"/>
    </row>
    <row r="637224" spans="14:14">
      <c r="N637224" s="10"/>
    </row>
    <row r="637225" spans="14:14">
      <c r="N637225" s="10"/>
    </row>
    <row r="637226" spans="14:14">
      <c r="N637226" s="10"/>
    </row>
    <row r="637227" spans="14:14">
      <c r="N637227" s="10"/>
    </row>
    <row r="637228" spans="14:14">
      <c r="N637228" s="10"/>
    </row>
    <row r="637229" spans="14:14">
      <c r="N637229" s="10"/>
    </row>
    <row r="637230" spans="14:14">
      <c r="N637230" s="10"/>
    </row>
    <row r="637231" spans="14:14">
      <c r="N637231" s="10"/>
    </row>
    <row r="637232" spans="14:14">
      <c r="N637232" s="10"/>
    </row>
    <row r="637233" spans="14:14">
      <c r="N637233" s="10"/>
    </row>
    <row r="637234" spans="14:14">
      <c r="N637234" s="10"/>
    </row>
    <row r="637235" spans="14:14">
      <c r="N637235" s="10"/>
    </row>
    <row r="637236" spans="14:14">
      <c r="N637236" s="10"/>
    </row>
    <row r="637237" spans="14:14">
      <c r="N637237" s="10"/>
    </row>
    <row r="637238" spans="14:14">
      <c r="N637238" s="10"/>
    </row>
    <row r="637239" spans="14:14">
      <c r="N637239" s="10"/>
    </row>
    <row r="637240" spans="14:14">
      <c r="N637240" s="10"/>
    </row>
    <row r="637241" spans="14:14">
      <c r="N637241" s="10"/>
    </row>
    <row r="637242" spans="14:14">
      <c r="N637242" s="10"/>
    </row>
    <row r="637243" spans="14:14">
      <c r="N637243" s="10"/>
    </row>
    <row r="637244" spans="14:14">
      <c r="N637244" s="10"/>
    </row>
    <row r="637245" spans="14:14">
      <c r="N637245" s="10"/>
    </row>
    <row r="637246" spans="14:14">
      <c r="N637246" s="10"/>
    </row>
    <row r="637247" spans="14:14">
      <c r="N637247" s="10"/>
    </row>
    <row r="637248" spans="14:14">
      <c r="N637248" s="10"/>
    </row>
    <row r="637249" spans="14:14">
      <c r="N637249" s="10"/>
    </row>
    <row r="637250" spans="14:14">
      <c r="N637250" s="10"/>
    </row>
    <row r="637251" spans="14:14">
      <c r="N637251" s="10"/>
    </row>
    <row r="637252" spans="14:14">
      <c r="N637252" s="10"/>
    </row>
    <row r="637253" spans="14:14">
      <c r="N637253" s="10"/>
    </row>
    <row r="637254" spans="14:14">
      <c r="N637254" s="10"/>
    </row>
    <row r="637255" spans="14:14">
      <c r="N637255" s="10"/>
    </row>
    <row r="637256" spans="14:14">
      <c r="N637256" s="10"/>
    </row>
    <row r="637257" spans="14:14">
      <c r="N637257" s="10"/>
    </row>
    <row r="637258" spans="14:14">
      <c r="N637258" s="10"/>
    </row>
    <row r="637259" spans="14:14">
      <c r="N637259" s="10"/>
    </row>
    <row r="637260" spans="14:14">
      <c r="N637260" s="10"/>
    </row>
    <row r="637261" spans="14:14">
      <c r="N637261" s="10"/>
    </row>
    <row r="637262" spans="14:14">
      <c r="N637262" s="10"/>
    </row>
    <row r="637263" spans="14:14">
      <c r="N637263" s="10"/>
    </row>
    <row r="637264" spans="14:14">
      <c r="N637264" s="10"/>
    </row>
    <row r="637265" spans="14:14">
      <c r="N637265" s="10"/>
    </row>
    <row r="637266" spans="14:14">
      <c r="N637266" s="10"/>
    </row>
    <row r="637267" spans="14:14">
      <c r="N637267" s="10"/>
    </row>
    <row r="637268" spans="14:14">
      <c r="N637268" s="10"/>
    </row>
    <row r="637269" spans="14:14">
      <c r="N637269" s="10"/>
    </row>
    <row r="637270" spans="14:14">
      <c r="N637270" s="10"/>
    </row>
    <row r="637271" spans="14:14">
      <c r="N637271" s="10"/>
    </row>
    <row r="637272" spans="14:14">
      <c r="N637272" s="10"/>
    </row>
    <row r="637273" spans="14:14">
      <c r="N637273" s="10"/>
    </row>
    <row r="637274" spans="14:14">
      <c r="N637274" s="10"/>
    </row>
    <row r="637275" spans="14:14">
      <c r="N637275" s="10"/>
    </row>
    <row r="637276" spans="14:14">
      <c r="N637276" s="10"/>
    </row>
    <row r="637277" spans="14:14">
      <c r="N637277" s="10"/>
    </row>
    <row r="637278" spans="14:14">
      <c r="N637278" s="10"/>
    </row>
    <row r="637279" spans="14:14">
      <c r="N637279" s="10"/>
    </row>
    <row r="637280" spans="14:14">
      <c r="N637280" s="10"/>
    </row>
    <row r="637281" spans="14:14">
      <c r="N637281" s="10"/>
    </row>
    <row r="637282" spans="14:14">
      <c r="N637282" s="10"/>
    </row>
    <row r="637283" spans="14:14">
      <c r="N637283" s="10"/>
    </row>
    <row r="637284" spans="14:14">
      <c r="N637284" s="10"/>
    </row>
    <row r="637285" spans="14:14">
      <c r="N637285" s="10"/>
    </row>
    <row r="637286" spans="14:14">
      <c r="N637286" s="10"/>
    </row>
    <row r="637287" spans="14:14">
      <c r="N637287" s="10"/>
    </row>
    <row r="637288" spans="14:14">
      <c r="N637288" s="10"/>
    </row>
    <row r="637289" spans="14:14">
      <c r="N637289" s="10"/>
    </row>
    <row r="637290" spans="14:14">
      <c r="N637290" s="10"/>
    </row>
    <row r="637291" spans="14:14">
      <c r="N637291" s="10"/>
    </row>
    <row r="637292" spans="14:14">
      <c r="N637292" s="10"/>
    </row>
    <row r="637293" spans="14:14">
      <c r="N637293" s="10"/>
    </row>
    <row r="637294" spans="14:14">
      <c r="N637294" s="10"/>
    </row>
    <row r="637295" spans="14:14">
      <c r="N637295" s="10"/>
    </row>
    <row r="637296" spans="14:14">
      <c r="N637296" s="10"/>
    </row>
    <row r="637297" spans="14:14">
      <c r="N637297" s="10"/>
    </row>
    <row r="637298" spans="14:14">
      <c r="N637298" s="10"/>
    </row>
    <row r="637299" spans="14:14">
      <c r="N637299" s="10"/>
    </row>
    <row r="637300" spans="14:14">
      <c r="N637300" s="10"/>
    </row>
    <row r="637301" spans="14:14">
      <c r="N637301" s="10"/>
    </row>
    <row r="637302" spans="14:14">
      <c r="N637302" s="10"/>
    </row>
    <row r="637303" spans="14:14">
      <c r="N637303" s="10"/>
    </row>
    <row r="637304" spans="14:14">
      <c r="N637304" s="10"/>
    </row>
    <row r="637305" spans="14:14">
      <c r="N637305" s="10"/>
    </row>
    <row r="637306" spans="14:14">
      <c r="N637306" s="10"/>
    </row>
    <row r="637307" spans="14:14">
      <c r="N637307" s="10"/>
    </row>
    <row r="637308" spans="14:14">
      <c r="N637308" s="10"/>
    </row>
    <row r="637309" spans="14:14">
      <c r="N637309" s="10"/>
    </row>
    <row r="637310" spans="14:14">
      <c r="N637310" s="10"/>
    </row>
    <row r="637311" spans="14:14">
      <c r="N637311" s="10"/>
    </row>
    <row r="637312" spans="14:14">
      <c r="N637312" s="10"/>
    </row>
    <row r="637313" spans="14:14">
      <c r="N637313" s="10"/>
    </row>
    <row r="637314" spans="14:14">
      <c r="N637314" s="10"/>
    </row>
    <row r="637315" spans="14:14">
      <c r="N637315" s="10"/>
    </row>
    <row r="637316" spans="14:14">
      <c r="N637316" s="10"/>
    </row>
    <row r="637317" spans="14:14">
      <c r="N637317" s="10"/>
    </row>
    <row r="637318" spans="14:14">
      <c r="N637318" s="10"/>
    </row>
    <row r="637319" spans="14:14">
      <c r="N637319" s="10"/>
    </row>
    <row r="637320" spans="14:14">
      <c r="N637320" s="10"/>
    </row>
    <row r="637321" spans="14:14">
      <c r="N637321" s="10"/>
    </row>
    <row r="637322" spans="14:14">
      <c r="N637322" s="10"/>
    </row>
    <row r="637323" spans="14:14">
      <c r="N637323" s="10"/>
    </row>
    <row r="637324" spans="14:14">
      <c r="N637324" s="10"/>
    </row>
    <row r="637325" spans="14:14">
      <c r="N637325" s="10"/>
    </row>
    <row r="637326" spans="14:14">
      <c r="N637326" s="10"/>
    </row>
    <row r="637327" spans="14:14">
      <c r="N637327" s="10"/>
    </row>
    <row r="637328" spans="14:14">
      <c r="N637328" s="10"/>
    </row>
    <row r="637329" spans="14:14">
      <c r="N637329" s="10"/>
    </row>
    <row r="637330" spans="14:14">
      <c r="N637330" s="10"/>
    </row>
    <row r="637331" spans="14:14">
      <c r="N637331" s="10"/>
    </row>
    <row r="637332" spans="14:14">
      <c r="N637332" s="10"/>
    </row>
    <row r="637333" spans="14:14">
      <c r="N637333" s="10"/>
    </row>
    <row r="637334" spans="14:14">
      <c r="N637334" s="10"/>
    </row>
    <row r="637335" spans="14:14">
      <c r="N637335" s="10"/>
    </row>
    <row r="637336" spans="14:14">
      <c r="N637336" s="10"/>
    </row>
    <row r="637337" spans="14:14">
      <c r="N637337" s="10"/>
    </row>
    <row r="637338" spans="14:14">
      <c r="N637338" s="10"/>
    </row>
    <row r="637339" spans="14:14">
      <c r="N637339" s="10"/>
    </row>
    <row r="637340" spans="14:14">
      <c r="N637340" s="10"/>
    </row>
    <row r="637341" spans="14:14">
      <c r="N637341" s="10"/>
    </row>
    <row r="637342" spans="14:14">
      <c r="N637342" s="10"/>
    </row>
    <row r="637343" spans="14:14">
      <c r="N637343" s="10"/>
    </row>
    <row r="637344" spans="14:14">
      <c r="N637344" s="10"/>
    </row>
    <row r="637345" spans="14:14">
      <c r="N637345" s="10"/>
    </row>
    <row r="637346" spans="14:14">
      <c r="N637346" s="10"/>
    </row>
    <row r="637347" spans="14:14">
      <c r="N637347" s="10"/>
    </row>
    <row r="637348" spans="14:14">
      <c r="N637348" s="10"/>
    </row>
    <row r="637349" spans="14:14">
      <c r="N637349" s="10"/>
    </row>
    <row r="637350" spans="14:14">
      <c r="N637350" s="10"/>
    </row>
    <row r="637351" spans="14:14">
      <c r="N637351" s="10"/>
    </row>
    <row r="637352" spans="14:14">
      <c r="N637352" s="10"/>
    </row>
    <row r="637353" spans="14:14">
      <c r="N637353" s="10"/>
    </row>
    <row r="637354" spans="14:14">
      <c r="N637354" s="10"/>
    </row>
    <row r="637355" spans="14:14">
      <c r="N637355" s="10"/>
    </row>
    <row r="637356" spans="14:14">
      <c r="N637356" s="10"/>
    </row>
    <row r="637357" spans="14:14">
      <c r="N637357" s="10"/>
    </row>
    <row r="637358" spans="14:14">
      <c r="N637358" s="10"/>
    </row>
    <row r="637359" spans="14:14">
      <c r="N637359" s="10"/>
    </row>
    <row r="637360" spans="14:14">
      <c r="N637360" s="10"/>
    </row>
    <row r="637361" spans="14:14">
      <c r="N637361" s="10"/>
    </row>
    <row r="637362" spans="14:14">
      <c r="N637362" s="10"/>
    </row>
    <row r="637363" spans="14:14">
      <c r="N637363" s="10"/>
    </row>
    <row r="637364" spans="14:14">
      <c r="N637364" s="10"/>
    </row>
    <row r="637365" spans="14:14">
      <c r="N637365" s="10"/>
    </row>
    <row r="637366" spans="14:14">
      <c r="N637366" s="10"/>
    </row>
    <row r="637367" spans="14:14">
      <c r="N637367" s="10"/>
    </row>
    <row r="637368" spans="14:14">
      <c r="N637368" s="10"/>
    </row>
    <row r="637369" spans="14:14">
      <c r="N637369" s="10"/>
    </row>
    <row r="637370" spans="14:14">
      <c r="N637370" s="10"/>
    </row>
    <row r="637371" spans="14:14">
      <c r="N637371" s="10"/>
    </row>
    <row r="637372" spans="14:14">
      <c r="N637372" s="10"/>
    </row>
    <row r="637373" spans="14:14">
      <c r="N637373" s="10"/>
    </row>
    <row r="637374" spans="14:14">
      <c r="N637374" s="10"/>
    </row>
    <row r="637375" spans="14:14">
      <c r="N637375" s="10"/>
    </row>
    <row r="637376" spans="14:14">
      <c r="N637376" s="10"/>
    </row>
    <row r="637377" spans="14:14">
      <c r="N637377" s="10"/>
    </row>
    <row r="637378" spans="14:14">
      <c r="N637378" s="10"/>
    </row>
    <row r="637379" spans="14:14">
      <c r="N637379" s="10"/>
    </row>
    <row r="637380" spans="14:14">
      <c r="N637380" s="10"/>
    </row>
    <row r="637381" spans="14:14">
      <c r="N637381" s="10"/>
    </row>
    <row r="637382" spans="14:14">
      <c r="N637382" s="10"/>
    </row>
    <row r="637383" spans="14:14">
      <c r="N637383" s="10"/>
    </row>
    <row r="637384" spans="14:14">
      <c r="N637384" s="10"/>
    </row>
    <row r="637385" spans="14:14">
      <c r="N637385" s="10"/>
    </row>
    <row r="637386" spans="14:14">
      <c r="N637386" s="10"/>
    </row>
    <row r="637387" spans="14:14">
      <c r="N637387" s="10"/>
    </row>
    <row r="637388" spans="14:14">
      <c r="N637388" s="10"/>
    </row>
    <row r="637389" spans="14:14">
      <c r="N637389" s="10"/>
    </row>
    <row r="637390" spans="14:14">
      <c r="N637390" s="10"/>
    </row>
    <row r="637391" spans="14:14">
      <c r="N637391" s="10"/>
    </row>
    <row r="637392" spans="14:14">
      <c r="N637392" s="10"/>
    </row>
    <row r="637393" spans="14:14">
      <c r="N637393" s="10"/>
    </row>
    <row r="637394" spans="14:14">
      <c r="N637394" s="10"/>
    </row>
    <row r="637395" spans="14:14">
      <c r="N637395" s="10"/>
    </row>
    <row r="637396" spans="14:14">
      <c r="N637396" s="10"/>
    </row>
    <row r="637397" spans="14:14">
      <c r="N637397" s="10"/>
    </row>
    <row r="637398" spans="14:14">
      <c r="N637398" s="10"/>
    </row>
    <row r="637399" spans="14:14">
      <c r="N637399" s="10"/>
    </row>
    <row r="637400" spans="14:14">
      <c r="N637400" s="10"/>
    </row>
    <row r="637401" spans="14:14">
      <c r="N637401" s="10"/>
    </row>
    <row r="637402" spans="14:14">
      <c r="N637402" s="10"/>
    </row>
    <row r="637403" spans="14:14">
      <c r="N637403" s="10"/>
    </row>
    <row r="637404" spans="14:14">
      <c r="N637404" s="10"/>
    </row>
    <row r="637405" spans="14:14">
      <c r="N637405" s="10"/>
    </row>
    <row r="637406" spans="14:14">
      <c r="N637406" s="10"/>
    </row>
    <row r="637407" spans="14:14">
      <c r="N637407" s="10"/>
    </row>
    <row r="637408" spans="14:14">
      <c r="N637408" s="10"/>
    </row>
    <row r="637409" spans="14:14">
      <c r="N637409" s="10"/>
    </row>
    <row r="637410" spans="14:14">
      <c r="N637410" s="10"/>
    </row>
    <row r="637411" spans="14:14">
      <c r="N637411" s="10"/>
    </row>
    <row r="637412" spans="14:14">
      <c r="N637412" s="10"/>
    </row>
    <row r="637413" spans="14:14">
      <c r="N637413" s="10"/>
    </row>
    <row r="637414" spans="14:14">
      <c r="N637414" s="10"/>
    </row>
    <row r="637415" spans="14:14">
      <c r="N637415" s="10"/>
    </row>
    <row r="637416" spans="14:14">
      <c r="N637416" s="10"/>
    </row>
    <row r="637417" spans="14:14">
      <c r="N637417" s="10"/>
    </row>
    <row r="637418" spans="14:14">
      <c r="N637418" s="10"/>
    </row>
    <row r="637419" spans="14:14">
      <c r="N637419" s="10"/>
    </row>
    <row r="637420" spans="14:14">
      <c r="N637420" s="10"/>
    </row>
    <row r="637421" spans="14:14">
      <c r="N637421" s="10"/>
    </row>
    <row r="637422" spans="14:14">
      <c r="N637422" s="10"/>
    </row>
    <row r="637423" spans="14:14">
      <c r="N637423" s="10"/>
    </row>
    <row r="637424" spans="14:14">
      <c r="N637424" s="10"/>
    </row>
    <row r="637425" spans="14:14">
      <c r="N637425" s="10"/>
    </row>
    <row r="637426" spans="14:14">
      <c r="N637426" s="10"/>
    </row>
    <row r="637427" spans="14:14">
      <c r="N637427" s="10"/>
    </row>
    <row r="637428" spans="14:14">
      <c r="N637428" s="10"/>
    </row>
    <row r="637429" spans="14:14">
      <c r="N637429" s="10"/>
    </row>
    <row r="637430" spans="14:14">
      <c r="N637430" s="10"/>
    </row>
    <row r="637431" spans="14:14">
      <c r="N637431" s="10"/>
    </row>
    <row r="637432" spans="14:14">
      <c r="N637432" s="10"/>
    </row>
    <row r="637433" spans="14:14">
      <c r="N637433" s="10"/>
    </row>
    <row r="637434" spans="14:14">
      <c r="N637434" s="10"/>
    </row>
    <row r="637435" spans="14:14">
      <c r="N637435" s="10"/>
    </row>
    <row r="637436" spans="14:14">
      <c r="N637436" s="10"/>
    </row>
    <row r="637437" spans="14:14">
      <c r="N637437" s="10"/>
    </row>
    <row r="637438" spans="14:14">
      <c r="N637438" s="10"/>
    </row>
    <row r="637439" spans="14:14">
      <c r="N637439" s="10"/>
    </row>
    <row r="637440" spans="14:14">
      <c r="N637440" s="10"/>
    </row>
    <row r="637441" spans="14:14">
      <c r="N637441" s="10"/>
    </row>
    <row r="637442" spans="14:14">
      <c r="N637442" s="10"/>
    </row>
    <row r="637443" spans="14:14">
      <c r="N637443" s="10"/>
    </row>
    <row r="637444" spans="14:14">
      <c r="N637444" s="10"/>
    </row>
    <row r="637445" spans="14:14">
      <c r="N637445" s="10"/>
    </row>
    <row r="637446" spans="14:14">
      <c r="N637446" s="10"/>
    </row>
    <row r="637447" spans="14:14">
      <c r="N637447" s="10"/>
    </row>
    <row r="637448" spans="14:14">
      <c r="N637448" s="10"/>
    </row>
    <row r="637449" spans="14:14">
      <c r="N637449" s="10"/>
    </row>
    <row r="637450" spans="14:14">
      <c r="N637450" s="10"/>
    </row>
    <row r="637451" spans="14:14">
      <c r="N637451" s="10"/>
    </row>
    <row r="637452" spans="14:14">
      <c r="N637452" s="10"/>
    </row>
    <row r="637453" spans="14:14">
      <c r="N637453" s="10"/>
    </row>
    <row r="637454" spans="14:14">
      <c r="N637454" s="10"/>
    </row>
    <row r="637455" spans="14:14">
      <c r="N637455" s="10"/>
    </row>
    <row r="637456" spans="14:14">
      <c r="N637456" s="10"/>
    </row>
    <row r="637457" spans="14:14">
      <c r="N637457" s="10"/>
    </row>
    <row r="637458" spans="14:14">
      <c r="N637458" s="10"/>
    </row>
    <row r="637459" spans="14:14">
      <c r="N637459" s="10"/>
    </row>
    <row r="637460" spans="14:14">
      <c r="N637460" s="10"/>
    </row>
    <row r="637461" spans="14:14">
      <c r="N637461" s="10"/>
    </row>
    <row r="637462" spans="14:14">
      <c r="N637462" s="10"/>
    </row>
    <row r="637463" spans="14:14">
      <c r="N637463" s="10"/>
    </row>
    <row r="637464" spans="14:14">
      <c r="N637464" s="10"/>
    </row>
    <row r="637465" spans="14:14">
      <c r="N637465" s="10"/>
    </row>
    <row r="637466" spans="14:14">
      <c r="N637466" s="10"/>
    </row>
    <row r="637467" spans="14:14">
      <c r="N637467" s="10"/>
    </row>
    <row r="637468" spans="14:14">
      <c r="N637468" s="10"/>
    </row>
    <row r="637469" spans="14:14">
      <c r="N637469" s="10"/>
    </row>
    <row r="637470" spans="14:14">
      <c r="N637470" s="10"/>
    </row>
    <row r="637471" spans="14:14">
      <c r="N637471" s="10"/>
    </row>
    <row r="637472" spans="14:14">
      <c r="N637472" s="10"/>
    </row>
    <row r="637473" spans="14:14">
      <c r="N637473" s="10"/>
    </row>
    <row r="637474" spans="14:14">
      <c r="N637474" s="10"/>
    </row>
    <row r="637475" spans="14:14">
      <c r="N637475" s="10"/>
    </row>
    <row r="637476" spans="14:14">
      <c r="N637476" s="10"/>
    </row>
    <row r="637477" spans="14:14">
      <c r="N637477" s="10"/>
    </row>
    <row r="637478" spans="14:14">
      <c r="N637478" s="10"/>
    </row>
    <row r="637479" spans="14:14">
      <c r="N637479" s="10"/>
    </row>
    <row r="637480" spans="14:14">
      <c r="N637480" s="10"/>
    </row>
    <row r="637481" spans="14:14">
      <c r="N637481" s="10"/>
    </row>
    <row r="637482" spans="14:14">
      <c r="N637482" s="10"/>
    </row>
    <row r="637483" spans="14:14">
      <c r="N637483" s="10"/>
    </row>
    <row r="637484" spans="14:14">
      <c r="N637484" s="10"/>
    </row>
    <row r="637485" spans="14:14">
      <c r="N637485" s="10"/>
    </row>
    <row r="637486" spans="14:14">
      <c r="N637486" s="10"/>
    </row>
    <row r="637487" spans="14:14">
      <c r="N637487" s="10"/>
    </row>
    <row r="637488" spans="14:14">
      <c r="N637488" s="10"/>
    </row>
    <row r="637489" spans="14:14">
      <c r="N637489" s="10"/>
    </row>
    <row r="637490" spans="14:14">
      <c r="N637490" s="10"/>
    </row>
    <row r="637491" spans="14:14">
      <c r="N637491" s="10"/>
    </row>
    <row r="637492" spans="14:14">
      <c r="N637492" s="10"/>
    </row>
    <row r="637493" spans="14:14">
      <c r="N637493" s="10"/>
    </row>
    <row r="637494" spans="14:14">
      <c r="N637494" s="10"/>
    </row>
    <row r="637495" spans="14:14">
      <c r="N637495" s="10"/>
    </row>
    <row r="637496" spans="14:14">
      <c r="N637496" s="10"/>
    </row>
    <row r="637497" spans="14:14">
      <c r="N637497" s="10"/>
    </row>
    <row r="637498" spans="14:14">
      <c r="N637498" s="10"/>
    </row>
    <row r="637499" spans="14:14">
      <c r="N637499" s="10"/>
    </row>
    <row r="637500" spans="14:14">
      <c r="N637500" s="10"/>
    </row>
    <row r="637501" spans="14:14">
      <c r="N637501" s="10"/>
    </row>
    <row r="637502" spans="14:14">
      <c r="N637502" s="10"/>
    </row>
    <row r="637503" spans="14:14">
      <c r="N637503" s="10"/>
    </row>
    <row r="637504" spans="14:14">
      <c r="N637504" s="10"/>
    </row>
    <row r="637505" spans="14:14">
      <c r="N637505" s="10"/>
    </row>
    <row r="637506" spans="14:14">
      <c r="N637506" s="10"/>
    </row>
    <row r="637507" spans="14:14">
      <c r="N637507" s="10"/>
    </row>
    <row r="637508" spans="14:14">
      <c r="N637508" s="10"/>
    </row>
    <row r="637509" spans="14:14">
      <c r="N637509" s="10"/>
    </row>
    <row r="637510" spans="14:14">
      <c r="N637510" s="10"/>
    </row>
    <row r="637511" spans="14:14">
      <c r="N637511" s="10"/>
    </row>
    <row r="637512" spans="14:14">
      <c r="N637512" s="10"/>
    </row>
    <row r="637513" spans="14:14">
      <c r="N637513" s="10"/>
    </row>
    <row r="637514" spans="14:14">
      <c r="N637514" s="10"/>
    </row>
    <row r="637515" spans="14:14">
      <c r="N637515" s="10"/>
    </row>
    <row r="637516" spans="14:14">
      <c r="N637516" s="10"/>
    </row>
    <row r="637517" spans="14:14">
      <c r="N637517" s="10"/>
    </row>
    <row r="637518" spans="14:14">
      <c r="N637518" s="10"/>
    </row>
    <row r="637519" spans="14:14">
      <c r="N637519" s="10"/>
    </row>
    <row r="637520" spans="14:14">
      <c r="N637520" s="10"/>
    </row>
    <row r="637521" spans="14:14">
      <c r="N637521" s="10"/>
    </row>
    <row r="637522" spans="14:14">
      <c r="N637522" s="10"/>
    </row>
    <row r="637523" spans="14:14">
      <c r="N637523" s="10"/>
    </row>
    <row r="637524" spans="14:14">
      <c r="N637524" s="10"/>
    </row>
    <row r="637525" spans="14:14">
      <c r="N637525" s="10"/>
    </row>
    <row r="637526" spans="14:14">
      <c r="N637526" s="10"/>
    </row>
    <row r="637527" spans="14:14">
      <c r="N637527" s="10"/>
    </row>
    <row r="637528" spans="14:14">
      <c r="N637528" s="10"/>
    </row>
    <row r="637529" spans="14:14">
      <c r="N637529" s="10"/>
    </row>
    <row r="637530" spans="14:14">
      <c r="N637530" s="10"/>
    </row>
    <row r="637531" spans="14:14">
      <c r="N637531" s="10"/>
    </row>
    <row r="637532" spans="14:14">
      <c r="N637532" s="10"/>
    </row>
    <row r="637533" spans="14:14">
      <c r="N637533" s="10"/>
    </row>
    <row r="637534" spans="14:14">
      <c r="N637534" s="10"/>
    </row>
    <row r="637535" spans="14:14">
      <c r="N637535" s="10"/>
    </row>
    <row r="637536" spans="14:14">
      <c r="N637536" s="10"/>
    </row>
    <row r="637537" spans="14:14">
      <c r="N637537" s="10"/>
    </row>
    <row r="637538" spans="14:14">
      <c r="N637538" s="10"/>
    </row>
    <row r="637539" spans="14:14">
      <c r="N637539" s="10"/>
    </row>
    <row r="637540" spans="14:14">
      <c r="N637540" s="10"/>
    </row>
    <row r="637541" spans="14:14">
      <c r="N637541" s="10"/>
    </row>
    <row r="637542" spans="14:14">
      <c r="N637542" s="10"/>
    </row>
    <row r="637543" spans="14:14">
      <c r="N637543" s="10"/>
    </row>
    <row r="637544" spans="14:14">
      <c r="N637544" s="10"/>
    </row>
    <row r="637545" spans="14:14">
      <c r="N637545" s="10"/>
    </row>
    <row r="637546" spans="14:14">
      <c r="N637546" s="10"/>
    </row>
    <row r="637547" spans="14:14">
      <c r="N637547" s="10"/>
    </row>
    <row r="637548" spans="14:14">
      <c r="N637548" s="10"/>
    </row>
    <row r="637549" spans="14:14">
      <c r="N637549" s="10"/>
    </row>
    <row r="637550" spans="14:14">
      <c r="N637550" s="10"/>
    </row>
    <row r="637551" spans="14:14">
      <c r="N637551" s="10"/>
    </row>
    <row r="637552" spans="14:14">
      <c r="N637552" s="10"/>
    </row>
    <row r="637553" spans="14:14">
      <c r="N637553" s="10"/>
    </row>
    <row r="637554" spans="14:14">
      <c r="N637554" s="10"/>
    </row>
    <row r="637555" spans="14:14">
      <c r="N637555" s="10"/>
    </row>
    <row r="637556" spans="14:14">
      <c r="N637556" s="10"/>
    </row>
    <row r="637557" spans="14:14">
      <c r="N637557" s="10"/>
    </row>
    <row r="637558" spans="14:14">
      <c r="N637558" s="10"/>
    </row>
    <row r="637559" spans="14:14">
      <c r="N637559" s="10"/>
    </row>
    <row r="637560" spans="14:14">
      <c r="N637560" s="10"/>
    </row>
    <row r="637561" spans="14:14">
      <c r="N637561" s="10"/>
    </row>
    <row r="637562" spans="14:14">
      <c r="N637562" s="10"/>
    </row>
    <row r="637563" spans="14:14">
      <c r="N637563" s="10"/>
    </row>
    <row r="637564" spans="14:14">
      <c r="N637564" s="10"/>
    </row>
    <row r="637565" spans="14:14">
      <c r="N637565" s="10"/>
    </row>
    <row r="637566" spans="14:14">
      <c r="N637566" s="10"/>
    </row>
    <row r="637567" spans="14:14">
      <c r="N637567" s="10"/>
    </row>
    <row r="637568" spans="14:14">
      <c r="N637568" s="10"/>
    </row>
    <row r="637569" spans="14:14">
      <c r="N637569" s="10"/>
    </row>
    <row r="637570" spans="14:14">
      <c r="N637570" s="10"/>
    </row>
    <row r="637571" spans="14:14">
      <c r="N637571" s="10"/>
    </row>
    <row r="637572" spans="14:14">
      <c r="N637572" s="10"/>
    </row>
    <row r="637573" spans="14:14">
      <c r="N637573" s="10"/>
    </row>
    <row r="637574" spans="14:14">
      <c r="N637574" s="10"/>
    </row>
    <row r="637575" spans="14:14">
      <c r="N637575" s="10"/>
    </row>
    <row r="637576" spans="14:14">
      <c r="N637576" s="10"/>
    </row>
    <row r="637577" spans="14:14">
      <c r="N637577" s="10"/>
    </row>
    <row r="637578" spans="14:14">
      <c r="N637578" s="10"/>
    </row>
    <row r="637579" spans="14:14">
      <c r="N637579" s="10"/>
    </row>
    <row r="637580" spans="14:14">
      <c r="N637580" s="10"/>
    </row>
    <row r="637581" spans="14:14">
      <c r="N637581" s="10"/>
    </row>
    <row r="637582" spans="14:14">
      <c r="N637582" s="10"/>
    </row>
    <row r="637583" spans="14:14">
      <c r="N637583" s="10"/>
    </row>
    <row r="637584" spans="14:14">
      <c r="N637584" s="10"/>
    </row>
    <row r="637585" spans="14:14">
      <c r="N637585" s="10"/>
    </row>
    <row r="637586" spans="14:14">
      <c r="N637586" s="10"/>
    </row>
    <row r="637587" spans="14:14">
      <c r="N637587" s="10"/>
    </row>
    <row r="637588" spans="14:14">
      <c r="N637588" s="10"/>
    </row>
    <row r="637589" spans="14:14">
      <c r="N637589" s="10"/>
    </row>
    <row r="637590" spans="14:14">
      <c r="N637590" s="10"/>
    </row>
    <row r="637591" spans="14:14">
      <c r="N637591" s="10"/>
    </row>
    <row r="637592" spans="14:14">
      <c r="N637592" s="10"/>
    </row>
    <row r="637593" spans="14:14">
      <c r="N637593" s="10"/>
    </row>
    <row r="637594" spans="14:14">
      <c r="N637594" s="10"/>
    </row>
    <row r="637595" spans="14:14">
      <c r="N637595" s="10"/>
    </row>
    <row r="637596" spans="14:14">
      <c r="N637596" s="10"/>
    </row>
    <row r="637597" spans="14:14">
      <c r="N637597" s="10"/>
    </row>
    <row r="637598" spans="14:14">
      <c r="N637598" s="10"/>
    </row>
    <row r="637599" spans="14:14">
      <c r="N637599" s="10"/>
    </row>
    <row r="637600" spans="14:14">
      <c r="N637600" s="10"/>
    </row>
    <row r="637601" spans="14:14">
      <c r="N637601" s="10"/>
    </row>
    <row r="637602" spans="14:14">
      <c r="N637602" s="10"/>
    </row>
    <row r="637603" spans="14:14">
      <c r="N637603" s="10"/>
    </row>
    <row r="637604" spans="14:14">
      <c r="N637604" s="10"/>
    </row>
    <row r="637605" spans="14:14">
      <c r="N637605" s="10"/>
    </row>
    <row r="637606" spans="14:14">
      <c r="N637606" s="10"/>
    </row>
    <row r="637607" spans="14:14">
      <c r="N637607" s="10"/>
    </row>
    <row r="637608" spans="14:14">
      <c r="N637608" s="10"/>
    </row>
    <row r="637609" spans="14:14">
      <c r="N637609" s="10"/>
    </row>
    <row r="637610" spans="14:14">
      <c r="N637610" s="10"/>
    </row>
    <row r="637611" spans="14:14">
      <c r="N637611" s="10"/>
    </row>
    <row r="637612" spans="14:14">
      <c r="N637612" s="10"/>
    </row>
    <row r="637613" spans="14:14">
      <c r="N637613" s="10"/>
    </row>
    <row r="637614" spans="14:14">
      <c r="N637614" s="10"/>
    </row>
    <row r="637615" spans="14:14">
      <c r="N637615" s="10"/>
    </row>
    <row r="637616" spans="14:14">
      <c r="N637616" s="10"/>
    </row>
    <row r="637617" spans="14:14">
      <c r="N637617" s="10"/>
    </row>
    <row r="637618" spans="14:14">
      <c r="N637618" s="10"/>
    </row>
    <row r="637619" spans="14:14">
      <c r="N637619" s="10"/>
    </row>
    <row r="637620" spans="14:14">
      <c r="N637620" s="10"/>
    </row>
    <row r="637621" spans="14:14">
      <c r="N637621" s="10"/>
    </row>
    <row r="637622" spans="14:14">
      <c r="N637622" s="10"/>
    </row>
    <row r="637623" spans="14:14">
      <c r="N637623" s="10"/>
    </row>
    <row r="637624" spans="14:14">
      <c r="N637624" s="10"/>
    </row>
    <row r="637625" spans="14:14">
      <c r="N637625" s="10"/>
    </row>
    <row r="637626" spans="14:14">
      <c r="N637626" s="10"/>
    </row>
    <row r="637627" spans="14:14">
      <c r="N637627" s="10"/>
    </row>
    <row r="637628" spans="14:14">
      <c r="N637628" s="10"/>
    </row>
    <row r="637629" spans="14:14">
      <c r="N637629" s="10"/>
    </row>
    <row r="637630" spans="14:14">
      <c r="N637630" s="10"/>
    </row>
    <row r="637631" spans="14:14">
      <c r="N637631" s="10"/>
    </row>
    <row r="637632" spans="14:14">
      <c r="N637632" s="10"/>
    </row>
    <row r="637633" spans="14:14">
      <c r="N637633" s="10"/>
    </row>
    <row r="637634" spans="14:14">
      <c r="N637634" s="10"/>
    </row>
    <row r="637635" spans="14:14">
      <c r="N637635" s="10"/>
    </row>
    <row r="637636" spans="14:14">
      <c r="N637636" s="10"/>
    </row>
    <row r="637637" spans="14:14">
      <c r="N637637" s="10"/>
    </row>
    <row r="637638" spans="14:14">
      <c r="N637638" s="10"/>
    </row>
    <row r="637639" spans="14:14">
      <c r="N637639" s="10"/>
    </row>
    <row r="637640" spans="14:14">
      <c r="N637640" s="10"/>
    </row>
    <row r="637641" spans="14:14">
      <c r="N637641" s="10"/>
    </row>
    <row r="637642" spans="14:14">
      <c r="N637642" s="10"/>
    </row>
    <row r="637643" spans="14:14">
      <c r="N637643" s="10"/>
    </row>
    <row r="637644" spans="14:14">
      <c r="N637644" s="10"/>
    </row>
    <row r="637645" spans="14:14">
      <c r="N637645" s="10"/>
    </row>
    <row r="637646" spans="14:14">
      <c r="N637646" s="10"/>
    </row>
    <row r="637647" spans="14:14">
      <c r="N637647" s="10"/>
    </row>
    <row r="637648" spans="14:14">
      <c r="N637648" s="10"/>
    </row>
    <row r="637649" spans="14:14">
      <c r="N637649" s="10"/>
    </row>
    <row r="637650" spans="14:14">
      <c r="N637650" s="10"/>
    </row>
    <row r="637651" spans="14:14">
      <c r="N637651" s="10"/>
    </row>
    <row r="637652" spans="14:14">
      <c r="N637652" s="10"/>
    </row>
    <row r="637653" spans="14:14">
      <c r="N637653" s="10"/>
    </row>
    <row r="637654" spans="14:14">
      <c r="N637654" s="10"/>
    </row>
    <row r="637655" spans="14:14">
      <c r="N637655" s="10"/>
    </row>
    <row r="637656" spans="14:14">
      <c r="N637656" s="10"/>
    </row>
    <row r="637657" spans="14:14">
      <c r="N637657" s="10"/>
    </row>
    <row r="637658" spans="14:14">
      <c r="N637658" s="10"/>
    </row>
    <row r="637659" spans="14:14">
      <c r="N637659" s="10"/>
    </row>
    <row r="637660" spans="14:14">
      <c r="N637660" s="10"/>
    </row>
    <row r="637661" spans="14:14">
      <c r="N637661" s="10"/>
    </row>
    <row r="637662" spans="14:14">
      <c r="N637662" s="10"/>
    </row>
    <row r="637663" spans="14:14">
      <c r="N637663" s="10"/>
    </row>
    <row r="637664" spans="14:14">
      <c r="N637664" s="10"/>
    </row>
    <row r="637665" spans="14:14">
      <c r="N637665" s="10"/>
    </row>
    <row r="637666" spans="14:14">
      <c r="N637666" s="10"/>
    </row>
    <row r="637667" spans="14:14">
      <c r="N637667" s="10"/>
    </row>
    <row r="637668" spans="14:14">
      <c r="N637668" s="10"/>
    </row>
    <row r="637669" spans="14:14">
      <c r="N637669" s="10"/>
    </row>
    <row r="637670" spans="14:14">
      <c r="N637670" s="10"/>
    </row>
    <row r="637671" spans="14:14">
      <c r="N637671" s="10"/>
    </row>
    <row r="637672" spans="14:14">
      <c r="N637672" s="10"/>
    </row>
    <row r="637673" spans="14:14">
      <c r="N637673" s="10"/>
    </row>
    <row r="637674" spans="14:14">
      <c r="N637674" s="10"/>
    </row>
    <row r="637675" spans="14:14">
      <c r="N637675" s="10"/>
    </row>
    <row r="637676" spans="14:14">
      <c r="N637676" s="10"/>
    </row>
    <row r="637677" spans="14:14">
      <c r="N637677" s="10"/>
    </row>
    <row r="637678" spans="14:14">
      <c r="N637678" s="10"/>
    </row>
    <row r="637679" spans="14:14">
      <c r="N637679" s="10"/>
    </row>
    <row r="637680" spans="14:14">
      <c r="N637680" s="10"/>
    </row>
    <row r="637681" spans="14:14">
      <c r="N637681" s="10"/>
    </row>
    <row r="637682" spans="14:14">
      <c r="N637682" s="10"/>
    </row>
    <row r="637683" spans="14:14">
      <c r="N637683" s="10"/>
    </row>
    <row r="637684" spans="14:14">
      <c r="N637684" s="10"/>
    </row>
    <row r="637685" spans="14:14">
      <c r="N637685" s="10"/>
    </row>
    <row r="637686" spans="14:14">
      <c r="N637686" s="10"/>
    </row>
    <row r="637687" spans="14:14">
      <c r="N637687" s="10"/>
    </row>
    <row r="637688" spans="14:14">
      <c r="N637688" s="10"/>
    </row>
    <row r="637689" spans="14:14">
      <c r="N637689" s="10"/>
    </row>
    <row r="637690" spans="14:14">
      <c r="N637690" s="10"/>
    </row>
    <row r="637691" spans="14:14">
      <c r="N637691" s="10"/>
    </row>
    <row r="637692" spans="14:14">
      <c r="N637692" s="10"/>
    </row>
    <row r="637693" spans="14:14">
      <c r="N637693" s="10"/>
    </row>
    <row r="637694" spans="14:14">
      <c r="N637694" s="10"/>
    </row>
    <row r="637695" spans="14:14">
      <c r="N637695" s="10"/>
    </row>
    <row r="637696" spans="14:14">
      <c r="N637696" s="10"/>
    </row>
    <row r="637697" spans="14:14">
      <c r="N637697" s="10"/>
    </row>
    <row r="637698" spans="14:14">
      <c r="N637698" s="10"/>
    </row>
    <row r="637699" spans="14:14">
      <c r="N637699" s="10"/>
    </row>
    <row r="637700" spans="14:14">
      <c r="N637700" s="10"/>
    </row>
    <row r="637701" spans="14:14">
      <c r="N637701" s="10"/>
    </row>
    <row r="637702" spans="14:14">
      <c r="N637702" s="10"/>
    </row>
    <row r="637703" spans="14:14">
      <c r="N637703" s="10"/>
    </row>
    <row r="637704" spans="14:14">
      <c r="N637704" s="10"/>
    </row>
    <row r="637705" spans="14:14">
      <c r="N637705" s="10"/>
    </row>
    <row r="637706" spans="14:14">
      <c r="N637706" s="10"/>
    </row>
    <row r="637707" spans="14:14">
      <c r="N637707" s="10"/>
    </row>
    <row r="637708" spans="14:14">
      <c r="N637708" s="10"/>
    </row>
    <row r="637709" spans="14:14">
      <c r="N637709" s="10"/>
    </row>
    <row r="637710" spans="14:14">
      <c r="N637710" s="10"/>
    </row>
    <row r="637711" spans="14:14">
      <c r="N637711" s="10"/>
    </row>
    <row r="637712" spans="14:14">
      <c r="N637712" s="10"/>
    </row>
    <row r="637713" spans="14:14">
      <c r="N637713" s="10"/>
    </row>
    <row r="637714" spans="14:14">
      <c r="N637714" s="10"/>
    </row>
    <row r="637715" spans="14:14">
      <c r="N637715" s="10"/>
    </row>
    <row r="637716" spans="14:14">
      <c r="N637716" s="10"/>
    </row>
    <row r="637717" spans="14:14">
      <c r="N637717" s="10"/>
    </row>
    <row r="637718" spans="14:14">
      <c r="N637718" s="10"/>
    </row>
    <row r="637719" spans="14:14">
      <c r="N637719" s="10"/>
    </row>
    <row r="637720" spans="14:14">
      <c r="N637720" s="10"/>
    </row>
    <row r="637721" spans="14:14">
      <c r="N637721" s="10"/>
    </row>
    <row r="637722" spans="14:14">
      <c r="N637722" s="10"/>
    </row>
    <row r="637723" spans="14:14">
      <c r="N637723" s="10"/>
    </row>
    <row r="637724" spans="14:14">
      <c r="N637724" s="10"/>
    </row>
    <row r="637725" spans="14:14">
      <c r="N637725" s="10"/>
    </row>
    <row r="637726" spans="14:14">
      <c r="N637726" s="10"/>
    </row>
    <row r="637727" spans="14:14">
      <c r="N637727" s="10"/>
    </row>
    <row r="637728" spans="14:14">
      <c r="N637728" s="10"/>
    </row>
    <row r="637729" spans="14:14">
      <c r="N637729" s="10"/>
    </row>
    <row r="637730" spans="14:14">
      <c r="N637730" s="10"/>
    </row>
    <row r="637731" spans="14:14">
      <c r="N637731" s="10"/>
    </row>
    <row r="637732" spans="14:14">
      <c r="N637732" s="10"/>
    </row>
    <row r="637733" spans="14:14">
      <c r="N637733" s="10"/>
    </row>
    <row r="637734" spans="14:14">
      <c r="N637734" s="10"/>
    </row>
    <row r="637735" spans="14:14">
      <c r="N637735" s="10"/>
    </row>
    <row r="637736" spans="14:14">
      <c r="N637736" s="10"/>
    </row>
    <row r="637737" spans="14:14">
      <c r="N637737" s="10"/>
    </row>
    <row r="637738" spans="14:14">
      <c r="N637738" s="10"/>
    </row>
    <row r="637739" spans="14:14">
      <c r="N637739" s="10"/>
    </row>
    <row r="637740" spans="14:14">
      <c r="N637740" s="10"/>
    </row>
    <row r="637741" spans="14:14">
      <c r="N637741" s="10"/>
    </row>
    <row r="637742" spans="14:14">
      <c r="N637742" s="10"/>
    </row>
    <row r="637743" spans="14:14">
      <c r="N637743" s="10"/>
    </row>
    <row r="637744" spans="14:14">
      <c r="N637744" s="10"/>
    </row>
    <row r="637745" spans="14:14">
      <c r="N637745" s="10"/>
    </row>
    <row r="637746" spans="14:14">
      <c r="N637746" s="10"/>
    </row>
    <row r="637747" spans="14:14">
      <c r="N637747" s="10"/>
    </row>
    <row r="637748" spans="14:14">
      <c r="N637748" s="10"/>
    </row>
    <row r="637749" spans="14:14">
      <c r="N637749" s="10"/>
    </row>
    <row r="637750" spans="14:14">
      <c r="N637750" s="10"/>
    </row>
    <row r="637751" spans="14:14">
      <c r="N637751" s="10"/>
    </row>
    <row r="637752" spans="14:14">
      <c r="N637752" s="10"/>
    </row>
    <row r="637753" spans="14:14">
      <c r="N637753" s="10"/>
    </row>
    <row r="637754" spans="14:14">
      <c r="N637754" s="10"/>
    </row>
    <row r="637755" spans="14:14">
      <c r="N637755" s="10"/>
    </row>
    <row r="637756" spans="14:14">
      <c r="N637756" s="10"/>
    </row>
    <row r="637757" spans="14:14">
      <c r="N637757" s="10"/>
    </row>
    <row r="637758" spans="14:14">
      <c r="N637758" s="10"/>
    </row>
    <row r="637759" spans="14:14">
      <c r="N637759" s="10"/>
    </row>
    <row r="637760" spans="14:14">
      <c r="N637760" s="10"/>
    </row>
    <row r="637761" spans="14:14">
      <c r="N637761" s="10"/>
    </row>
    <row r="637762" spans="14:14">
      <c r="N637762" s="10"/>
    </row>
    <row r="637763" spans="14:14">
      <c r="N637763" s="10"/>
    </row>
    <row r="637764" spans="14:14">
      <c r="N637764" s="10"/>
    </row>
    <row r="637765" spans="14:14">
      <c r="N637765" s="10"/>
    </row>
    <row r="637766" spans="14:14">
      <c r="N637766" s="10"/>
    </row>
    <row r="637767" spans="14:14">
      <c r="N637767" s="10"/>
    </row>
    <row r="637768" spans="14:14">
      <c r="N637768" s="10"/>
    </row>
    <row r="637769" spans="14:14">
      <c r="N637769" s="10"/>
    </row>
    <row r="637770" spans="14:14">
      <c r="N637770" s="10"/>
    </row>
    <row r="637771" spans="14:14">
      <c r="N637771" s="10"/>
    </row>
    <row r="637772" spans="14:14">
      <c r="N637772" s="10"/>
    </row>
    <row r="637773" spans="14:14">
      <c r="N637773" s="10"/>
    </row>
    <row r="637774" spans="14:14">
      <c r="N637774" s="10"/>
    </row>
    <row r="637775" spans="14:14">
      <c r="N637775" s="10"/>
    </row>
    <row r="637776" spans="14:14">
      <c r="N637776" s="10"/>
    </row>
    <row r="637777" spans="14:14">
      <c r="N637777" s="10"/>
    </row>
    <row r="637778" spans="14:14">
      <c r="N637778" s="10"/>
    </row>
    <row r="637779" spans="14:14">
      <c r="N637779" s="10"/>
    </row>
    <row r="637780" spans="14:14">
      <c r="N637780" s="10"/>
    </row>
    <row r="637781" spans="14:14">
      <c r="N637781" s="10"/>
    </row>
    <row r="637782" spans="14:14">
      <c r="N637782" s="10"/>
    </row>
    <row r="637783" spans="14:14">
      <c r="N637783" s="10"/>
    </row>
    <row r="637784" spans="14:14">
      <c r="N637784" s="10"/>
    </row>
    <row r="637785" spans="14:14">
      <c r="N637785" s="10"/>
    </row>
    <row r="637786" spans="14:14">
      <c r="N637786" s="10"/>
    </row>
    <row r="637787" spans="14:14">
      <c r="N637787" s="10"/>
    </row>
    <row r="637788" spans="14:14">
      <c r="N637788" s="10"/>
    </row>
    <row r="637789" spans="14:14">
      <c r="N637789" s="10"/>
    </row>
    <row r="637790" spans="14:14">
      <c r="N637790" s="10"/>
    </row>
    <row r="637791" spans="14:14">
      <c r="N637791" s="10"/>
    </row>
    <row r="637792" spans="14:14">
      <c r="N637792" s="10"/>
    </row>
    <row r="637793" spans="14:14">
      <c r="N637793" s="10"/>
    </row>
    <row r="637794" spans="14:14">
      <c r="N637794" s="10"/>
    </row>
    <row r="637795" spans="14:14">
      <c r="N637795" s="10"/>
    </row>
    <row r="637796" spans="14:14">
      <c r="N637796" s="10"/>
    </row>
    <row r="637797" spans="14:14">
      <c r="N637797" s="10"/>
    </row>
    <row r="637798" spans="14:14">
      <c r="N637798" s="10"/>
    </row>
    <row r="637799" spans="14:14">
      <c r="N637799" s="10"/>
    </row>
    <row r="637800" spans="14:14">
      <c r="N637800" s="10"/>
    </row>
    <row r="637801" spans="14:14">
      <c r="N637801" s="10"/>
    </row>
    <row r="637802" spans="14:14">
      <c r="N637802" s="10"/>
    </row>
    <row r="637803" spans="14:14">
      <c r="N637803" s="10"/>
    </row>
    <row r="637804" spans="14:14">
      <c r="N637804" s="10"/>
    </row>
    <row r="637805" spans="14:14">
      <c r="N637805" s="10"/>
    </row>
    <row r="637806" spans="14:14">
      <c r="N637806" s="10"/>
    </row>
    <row r="637807" spans="14:14">
      <c r="N637807" s="10"/>
    </row>
    <row r="637808" spans="14:14">
      <c r="N637808" s="10"/>
    </row>
    <row r="637809" spans="14:14">
      <c r="N637809" s="10"/>
    </row>
    <row r="637810" spans="14:14">
      <c r="N637810" s="10"/>
    </row>
    <row r="637811" spans="14:14">
      <c r="N637811" s="10"/>
    </row>
    <row r="637812" spans="14:14">
      <c r="N637812" s="10"/>
    </row>
    <row r="637813" spans="14:14">
      <c r="N637813" s="10"/>
    </row>
    <row r="637814" spans="14:14">
      <c r="N637814" s="10"/>
    </row>
    <row r="637815" spans="14:14">
      <c r="N637815" s="10"/>
    </row>
    <row r="637816" spans="14:14">
      <c r="N637816" s="10"/>
    </row>
    <row r="637817" spans="14:14">
      <c r="N637817" s="10"/>
    </row>
    <row r="637818" spans="14:14">
      <c r="N637818" s="10"/>
    </row>
    <row r="637819" spans="14:14">
      <c r="N637819" s="10"/>
    </row>
    <row r="637820" spans="14:14">
      <c r="N637820" s="10"/>
    </row>
    <row r="637821" spans="14:14">
      <c r="N637821" s="10"/>
    </row>
    <row r="637822" spans="14:14">
      <c r="N637822" s="10"/>
    </row>
    <row r="637823" spans="14:14">
      <c r="N637823" s="10"/>
    </row>
    <row r="637824" spans="14:14">
      <c r="N637824" s="10"/>
    </row>
    <row r="637825" spans="14:14">
      <c r="N637825" s="10"/>
    </row>
    <row r="637826" spans="14:14">
      <c r="N637826" s="10"/>
    </row>
    <row r="637827" spans="14:14">
      <c r="N637827" s="10"/>
    </row>
    <row r="637828" spans="14:14">
      <c r="N637828" s="10"/>
    </row>
    <row r="637829" spans="14:14">
      <c r="N637829" s="10"/>
    </row>
    <row r="637830" spans="14:14">
      <c r="N637830" s="10"/>
    </row>
    <row r="637831" spans="14:14">
      <c r="N637831" s="10"/>
    </row>
    <row r="637832" spans="14:14">
      <c r="N637832" s="10"/>
    </row>
    <row r="637833" spans="14:14">
      <c r="N637833" s="10"/>
    </row>
    <row r="637834" spans="14:14">
      <c r="N637834" s="10"/>
    </row>
    <row r="637835" spans="14:14">
      <c r="N637835" s="10"/>
    </row>
    <row r="637836" spans="14:14">
      <c r="N637836" s="10"/>
    </row>
    <row r="637837" spans="14:14">
      <c r="N637837" s="10"/>
    </row>
    <row r="637838" spans="14:14">
      <c r="N637838" s="10"/>
    </row>
    <row r="637839" spans="14:14">
      <c r="N637839" s="10"/>
    </row>
    <row r="637840" spans="14:14">
      <c r="N637840" s="10"/>
    </row>
    <row r="637841" spans="14:14">
      <c r="N637841" s="10"/>
    </row>
    <row r="637842" spans="14:14">
      <c r="N637842" s="10"/>
    </row>
    <row r="637843" spans="14:14">
      <c r="N637843" s="10"/>
    </row>
    <row r="637844" spans="14:14">
      <c r="N637844" s="10"/>
    </row>
    <row r="637845" spans="14:14">
      <c r="N637845" s="10"/>
    </row>
    <row r="637846" spans="14:14">
      <c r="N637846" s="10"/>
    </row>
    <row r="637847" spans="14:14">
      <c r="N637847" s="10"/>
    </row>
    <row r="637848" spans="14:14">
      <c r="N637848" s="10"/>
    </row>
    <row r="637849" spans="14:14">
      <c r="N637849" s="10"/>
    </row>
    <row r="637850" spans="14:14">
      <c r="N637850" s="10"/>
    </row>
    <row r="637851" spans="14:14">
      <c r="N637851" s="10"/>
    </row>
    <row r="637852" spans="14:14">
      <c r="N637852" s="10"/>
    </row>
    <row r="637853" spans="14:14">
      <c r="N637853" s="10"/>
    </row>
    <row r="637854" spans="14:14">
      <c r="N637854" s="10"/>
    </row>
    <row r="637855" spans="14:14">
      <c r="N637855" s="10"/>
    </row>
    <row r="637856" spans="14:14">
      <c r="N637856" s="10"/>
    </row>
    <row r="637857" spans="14:14">
      <c r="N637857" s="10"/>
    </row>
    <row r="637858" spans="14:14">
      <c r="N637858" s="10"/>
    </row>
    <row r="637859" spans="14:14">
      <c r="N637859" s="10"/>
    </row>
    <row r="637860" spans="14:14">
      <c r="N637860" s="10"/>
    </row>
    <row r="637861" spans="14:14">
      <c r="N637861" s="10"/>
    </row>
    <row r="637862" spans="14:14">
      <c r="N637862" s="10"/>
    </row>
    <row r="637863" spans="14:14">
      <c r="N637863" s="10"/>
    </row>
    <row r="637864" spans="14:14">
      <c r="N637864" s="10"/>
    </row>
    <row r="637865" spans="14:14">
      <c r="N637865" s="10"/>
    </row>
    <row r="637866" spans="14:14">
      <c r="N637866" s="10"/>
    </row>
    <row r="637867" spans="14:14">
      <c r="N637867" s="10"/>
    </row>
    <row r="637868" spans="14:14">
      <c r="N637868" s="10"/>
    </row>
    <row r="637869" spans="14:14">
      <c r="N637869" s="10"/>
    </row>
    <row r="637870" spans="14:14">
      <c r="N637870" s="10"/>
    </row>
    <row r="637871" spans="14:14">
      <c r="N637871" s="10"/>
    </row>
    <row r="637872" spans="14:14">
      <c r="N637872" s="10"/>
    </row>
    <row r="637873" spans="14:14">
      <c r="N637873" s="10"/>
    </row>
    <row r="637874" spans="14:14">
      <c r="N637874" s="10"/>
    </row>
    <row r="637875" spans="14:14">
      <c r="N637875" s="10"/>
    </row>
    <row r="637876" spans="14:14">
      <c r="N637876" s="10"/>
    </row>
    <row r="637877" spans="14:14">
      <c r="N637877" s="10"/>
    </row>
    <row r="637878" spans="14:14">
      <c r="N637878" s="10"/>
    </row>
    <row r="637879" spans="14:14">
      <c r="N637879" s="10"/>
    </row>
    <row r="637880" spans="14:14">
      <c r="N637880" s="10"/>
    </row>
    <row r="637881" spans="14:14">
      <c r="N637881" s="10"/>
    </row>
    <row r="637882" spans="14:14">
      <c r="N637882" s="10"/>
    </row>
    <row r="637883" spans="14:14">
      <c r="N637883" s="10"/>
    </row>
    <row r="637884" spans="14:14">
      <c r="N637884" s="10"/>
    </row>
    <row r="637885" spans="14:14">
      <c r="N637885" s="10"/>
    </row>
    <row r="637886" spans="14:14">
      <c r="N637886" s="10"/>
    </row>
    <row r="637887" spans="14:14">
      <c r="N637887" s="10"/>
    </row>
    <row r="637888" spans="14:14">
      <c r="N637888" s="10"/>
    </row>
    <row r="637889" spans="14:14">
      <c r="N637889" s="10"/>
    </row>
    <row r="637890" spans="14:14">
      <c r="N637890" s="10"/>
    </row>
    <row r="637891" spans="14:14">
      <c r="N637891" s="10"/>
    </row>
    <row r="637892" spans="14:14">
      <c r="N637892" s="10"/>
    </row>
    <row r="637893" spans="14:14">
      <c r="N637893" s="10"/>
    </row>
    <row r="637894" spans="14:14">
      <c r="N637894" s="10"/>
    </row>
    <row r="637895" spans="14:14">
      <c r="N637895" s="10"/>
    </row>
    <row r="637896" spans="14:14">
      <c r="N637896" s="10"/>
    </row>
    <row r="637897" spans="14:14">
      <c r="N637897" s="10"/>
    </row>
    <row r="637898" spans="14:14">
      <c r="N637898" s="10"/>
    </row>
    <row r="637899" spans="14:14">
      <c r="N637899" s="10"/>
    </row>
    <row r="637900" spans="14:14">
      <c r="N637900" s="10"/>
    </row>
    <row r="637901" spans="14:14">
      <c r="N637901" s="10"/>
    </row>
    <row r="637902" spans="14:14">
      <c r="N637902" s="10"/>
    </row>
    <row r="637903" spans="14:14">
      <c r="N637903" s="10"/>
    </row>
    <row r="637904" spans="14:14">
      <c r="N637904" s="10"/>
    </row>
    <row r="637905" spans="14:14">
      <c r="N637905" s="10"/>
    </row>
    <row r="637906" spans="14:14">
      <c r="N637906" s="10"/>
    </row>
    <row r="637907" spans="14:14">
      <c r="N637907" s="10"/>
    </row>
    <row r="637908" spans="14:14">
      <c r="N637908" s="10"/>
    </row>
    <row r="637909" spans="14:14">
      <c r="N637909" s="10"/>
    </row>
    <row r="637910" spans="14:14">
      <c r="N637910" s="10"/>
    </row>
    <row r="637911" spans="14:14">
      <c r="N637911" s="10"/>
    </row>
    <row r="637912" spans="14:14">
      <c r="N637912" s="10"/>
    </row>
    <row r="637913" spans="14:14">
      <c r="N637913" s="10"/>
    </row>
    <row r="637914" spans="14:14">
      <c r="N637914" s="10"/>
    </row>
    <row r="637915" spans="14:14">
      <c r="N637915" s="10"/>
    </row>
    <row r="637916" spans="14:14">
      <c r="N637916" s="10"/>
    </row>
    <row r="637917" spans="14:14">
      <c r="N637917" s="10"/>
    </row>
    <row r="637918" spans="14:14">
      <c r="N637918" s="10"/>
    </row>
    <row r="637919" spans="14:14">
      <c r="N637919" s="10"/>
    </row>
    <row r="637920" spans="14:14">
      <c r="N637920" s="10"/>
    </row>
    <row r="637921" spans="14:14">
      <c r="N637921" s="10"/>
    </row>
    <row r="637922" spans="14:14">
      <c r="N637922" s="10"/>
    </row>
    <row r="637923" spans="14:14">
      <c r="N637923" s="10"/>
    </row>
    <row r="637924" spans="14:14">
      <c r="N637924" s="10"/>
    </row>
    <row r="637925" spans="14:14">
      <c r="N637925" s="10"/>
    </row>
    <row r="637926" spans="14:14">
      <c r="N637926" s="10"/>
    </row>
    <row r="637927" spans="14:14">
      <c r="N637927" s="10"/>
    </row>
    <row r="637928" spans="14:14">
      <c r="N637928" s="10"/>
    </row>
    <row r="637929" spans="14:14">
      <c r="N637929" s="10"/>
    </row>
    <row r="637930" spans="14:14">
      <c r="N637930" s="10"/>
    </row>
    <row r="637931" spans="14:14">
      <c r="N637931" s="10"/>
    </row>
    <row r="637932" spans="14:14">
      <c r="N637932" s="10"/>
    </row>
    <row r="637933" spans="14:14">
      <c r="N637933" s="10"/>
    </row>
    <row r="637934" spans="14:14">
      <c r="N637934" s="10"/>
    </row>
    <row r="637935" spans="14:14">
      <c r="N637935" s="10"/>
    </row>
    <row r="637936" spans="14:14">
      <c r="N637936" s="10"/>
    </row>
    <row r="637937" spans="14:14">
      <c r="N637937" s="10"/>
    </row>
    <row r="637938" spans="14:14">
      <c r="N637938" s="10"/>
    </row>
    <row r="637939" spans="14:14">
      <c r="N637939" s="10"/>
    </row>
    <row r="637940" spans="14:14">
      <c r="N637940" s="10"/>
    </row>
    <row r="637941" spans="14:14">
      <c r="N637941" s="10"/>
    </row>
    <row r="637942" spans="14:14">
      <c r="N637942" s="10"/>
    </row>
    <row r="637943" spans="14:14">
      <c r="N637943" s="10"/>
    </row>
    <row r="637944" spans="14:14">
      <c r="N637944" s="10"/>
    </row>
    <row r="637945" spans="14:14">
      <c r="N637945" s="10"/>
    </row>
    <row r="637946" spans="14:14">
      <c r="N637946" s="10"/>
    </row>
    <row r="637947" spans="14:14">
      <c r="N637947" s="10"/>
    </row>
    <row r="637948" spans="14:14">
      <c r="N637948" s="10"/>
    </row>
    <row r="637949" spans="14:14">
      <c r="N637949" s="10"/>
    </row>
    <row r="637950" spans="14:14">
      <c r="N637950" s="10"/>
    </row>
    <row r="637951" spans="14:14">
      <c r="N637951" s="10"/>
    </row>
    <row r="637952" spans="14:14">
      <c r="N637952" s="10"/>
    </row>
    <row r="637953" spans="14:14">
      <c r="N637953" s="10"/>
    </row>
    <row r="637954" spans="14:14">
      <c r="N637954" s="10"/>
    </row>
    <row r="637955" spans="14:14">
      <c r="N637955" s="10"/>
    </row>
    <row r="637956" spans="14:14">
      <c r="N637956" s="10"/>
    </row>
    <row r="637957" spans="14:14">
      <c r="N637957" s="10"/>
    </row>
    <row r="637958" spans="14:14">
      <c r="N637958" s="10"/>
    </row>
    <row r="637959" spans="14:14">
      <c r="N637959" s="10"/>
    </row>
    <row r="637960" spans="14:14">
      <c r="N637960" s="10"/>
    </row>
    <row r="637961" spans="14:14">
      <c r="N637961" s="10"/>
    </row>
    <row r="637962" spans="14:14">
      <c r="N637962" s="10"/>
    </row>
    <row r="637963" spans="14:14">
      <c r="N637963" s="10"/>
    </row>
    <row r="637964" spans="14:14">
      <c r="N637964" s="10"/>
    </row>
    <row r="637965" spans="14:14">
      <c r="N637965" s="10"/>
    </row>
    <row r="637966" spans="14:14">
      <c r="N637966" s="10"/>
    </row>
    <row r="637967" spans="14:14">
      <c r="N637967" s="10"/>
    </row>
    <row r="637968" spans="14:14">
      <c r="N637968" s="10"/>
    </row>
    <row r="637969" spans="14:14">
      <c r="N637969" s="10"/>
    </row>
    <row r="637970" spans="14:14">
      <c r="N637970" s="10"/>
    </row>
    <row r="637971" spans="14:14">
      <c r="N637971" s="10"/>
    </row>
    <row r="637972" spans="14:14">
      <c r="N637972" s="10"/>
    </row>
    <row r="637973" spans="14:14">
      <c r="N637973" s="10"/>
    </row>
    <row r="637974" spans="14:14">
      <c r="N637974" s="10"/>
    </row>
    <row r="637975" spans="14:14">
      <c r="N637975" s="10"/>
    </row>
    <row r="637976" spans="14:14">
      <c r="N637976" s="10"/>
    </row>
    <row r="637977" spans="14:14">
      <c r="N637977" s="10"/>
    </row>
    <row r="637978" spans="14:14">
      <c r="N637978" s="10"/>
    </row>
    <row r="637979" spans="14:14">
      <c r="N637979" s="10"/>
    </row>
    <row r="637980" spans="14:14">
      <c r="N637980" s="10"/>
    </row>
    <row r="637981" spans="14:14">
      <c r="N637981" s="10"/>
    </row>
    <row r="637982" spans="14:14">
      <c r="N637982" s="10"/>
    </row>
    <row r="637983" spans="14:14">
      <c r="N637983" s="10"/>
    </row>
    <row r="637984" spans="14:14">
      <c r="N637984" s="10"/>
    </row>
    <row r="637985" spans="14:14">
      <c r="N637985" s="10"/>
    </row>
    <row r="637986" spans="14:14">
      <c r="N637986" s="10"/>
    </row>
    <row r="637987" spans="14:14">
      <c r="N637987" s="10"/>
    </row>
    <row r="637988" spans="14:14">
      <c r="N637988" s="10"/>
    </row>
    <row r="637989" spans="14:14">
      <c r="N637989" s="10"/>
    </row>
    <row r="637990" spans="14:14">
      <c r="N637990" s="10"/>
    </row>
    <row r="637991" spans="14:14">
      <c r="N637991" s="10"/>
    </row>
    <row r="637992" spans="14:14">
      <c r="N637992" s="10"/>
    </row>
    <row r="637993" spans="14:14">
      <c r="N637993" s="10"/>
    </row>
    <row r="637994" spans="14:14">
      <c r="N637994" s="10"/>
    </row>
    <row r="637995" spans="14:14">
      <c r="N637995" s="10"/>
    </row>
    <row r="637996" spans="14:14">
      <c r="N637996" s="10"/>
    </row>
    <row r="637997" spans="14:14">
      <c r="N637997" s="10"/>
    </row>
    <row r="637998" spans="14:14">
      <c r="N637998" s="10"/>
    </row>
    <row r="637999" spans="14:14">
      <c r="N637999" s="10"/>
    </row>
    <row r="638000" spans="14:14">
      <c r="N638000" s="10"/>
    </row>
    <row r="638001" spans="14:14">
      <c r="N638001" s="10"/>
    </row>
    <row r="638002" spans="14:14">
      <c r="N638002" s="10"/>
    </row>
    <row r="638003" spans="14:14">
      <c r="N638003" s="10"/>
    </row>
    <row r="638004" spans="14:14">
      <c r="N638004" s="10"/>
    </row>
    <row r="638005" spans="14:14">
      <c r="N638005" s="10"/>
    </row>
    <row r="638006" spans="14:14">
      <c r="N638006" s="10"/>
    </row>
    <row r="638007" spans="14:14">
      <c r="N638007" s="10"/>
    </row>
    <row r="638008" spans="14:14">
      <c r="N638008" s="10"/>
    </row>
    <row r="638009" spans="14:14">
      <c r="N638009" s="10"/>
    </row>
    <row r="638010" spans="14:14">
      <c r="N638010" s="10"/>
    </row>
    <row r="638011" spans="14:14">
      <c r="N638011" s="10"/>
    </row>
    <row r="638012" spans="14:14">
      <c r="N638012" s="10"/>
    </row>
    <row r="638013" spans="14:14">
      <c r="N638013" s="10"/>
    </row>
    <row r="638014" spans="14:14">
      <c r="N638014" s="10"/>
    </row>
    <row r="638015" spans="14:14">
      <c r="N638015" s="10"/>
    </row>
    <row r="638016" spans="14:14">
      <c r="N638016" s="10"/>
    </row>
    <row r="638017" spans="14:14">
      <c r="N638017" s="10"/>
    </row>
    <row r="638018" spans="14:14">
      <c r="N638018" s="10"/>
    </row>
    <row r="638019" spans="14:14">
      <c r="N638019" s="10"/>
    </row>
    <row r="638020" spans="14:14">
      <c r="N638020" s="10"/>
    </row>
    <row r="638021" spans="14:14">
      <c r="N638021" s="10"/>
    </row>
    <row r="638022" spans="14:14">
      <c r="N638022" s="10"/>
    </row>
    <row r="638023" spans="14:14">
      <c r="N638023" s="10"/>
    </row>
    <row r="638024" spans="14:14">
      <c r="N638024" s="10"/>
    </row>
    <row r="638025" spans="14:14">
      <c r="N638025" s="10"/>
    </row>
    <row r="638026" spans="14:14">
      <c r="N638026" s="10"/>
    </row>
    <row r="638027" spans="14:14">
      <c r="N638027" s="10"/>
    </row>
    <row r="638028" spans="14:14">
      <c r="N638028" s="10"/>
    </row>
    <row r="638029" spans="14:14">
      <c r="N638029" s="10"/>
    </row>
    <row r="638030" spans="14:14">
      <c r="N638030" s="10"/>
    </row>
    <row r="638031" spans="14:14">
      <c r="N638031" s="10"/>
    </row>
    <row r="638032" spans="14:14">
      <c r="N638032" s="10"/>
    </row>
    <row r="638033" spans="14:14">
      <c r="N638033" s="10"/>
    </row>
    <row r="638034" spans="14:14">
      <c r="N638034" s="10"/>
    </row>
    <row r="638035" spans="14:14">
      <c r="N638035" s="10"/>
    </row>
    <row r="638036" spans="14:14">
      <c r="N638036" s="10"/>
    </row>
    <row r="638037" spans="14:14">
      <c r="N638037" s="10"/>
    </row>
    <row r="638038" spans="14:14">
      <c r="N638038" s="10"/>
    </row>
    <row r="638039" spans="14:14">
      <c r="N638039" s="10"/>
    </row>
    <row r="638040" spans="14:14">
      <c r="N638040" s="10"/>
    </row>
    <row r="638041" spans="14:14">
      <c r="N638041" s="10"/>
    </row>
    <row r="638042" spans="14:14">
      <c r="N638042" s="10"/>
    </row>
    <row r="638043" spans="14:14">
      <c r="N638043" s="10"/>
    </row>
    <row r="638044" spans="14:14">
      <c r="N638044" s="10"/>
    </row>
    <row r="638045" spans="14:14">
      <c r="N638045" s="10"/>
    </row>
    <row r="638046" spans="14:14">
      <c r="N638046" s="10"/>
    </row>
    <row r="638047" spans="14:14">
      <c r="N638047" s="10"/>
    </row>
    <row r="638048" spans="14:14">
      <c r="N638048" s="10"/>
    </row>
    <row r="638049" spans="14:14">
      <c r="N638049" s="10"/>
    </row>
    <row r="638050" spans="14:14">
      <c r="N638050" s="10"/>
    </row>
    <row r="638051" spans="14:14">
      <c r="N638051" s="10"/>
    </row>
    <row r="638052" spans="14:14">
      <c r="N638052" s="10"/>
    </row>
    <row r="638053" spans="14:14">
      <c r="N638053" s="10"/>
    </row>
    <row r="638054" spans="14:14">
      <c r="N638054" s="10"/>
    </row>
    <row r="638055" spans="14:14">
      <c r="N638055" s="10"/>
    </row>
    <row r="638056" spans="14:14">
      <c r="N638056" s="10"/>
    </row>
    <row r="638057" spans="14:14">
      <c r="N638057" s="10"/>
    </row>
    <row r="638058" spans="14:14">
      <c r="N638058" s="10"/>
    </row>
    <row r="638059" spans="14:14">
      <c r="N638059" s="10"/>
    </row>
    <row r="638060" spans="14:14">
      <c r="N638060" s="10"/>
    </row>
    <row r="638061" spans="14:14">
      <c r="N638061" s="10"/>
    </row>
    <row r="638062" spans="14:14">
      <c r="N638062" s="10"/>
    </row>
    <row r="638063" spans="14:14">
      <c r="N638063" s="10"/>
    </row>
    <row r="638064" spans="14:14">
      <c r="N638064" s="10"/>
    </row>
    <row r="638065" spans="14:14">
      <c r="N638065" s="10"/>
    </row>
    <row r="638066" spans="14:14">
      <c r="N638066" s="10"/>
    </row>
    <row r="638067" spans="14:14">
      <c r="N638067" s="10"/>
    </row>
    <row r="638068" spans="14:14">
      <c r="N638068" s="10"/>
    </row>
    <row r="638069" spans="14:14">
      <c r="N638069" s="10"/>
    </row>
    <row r="638070" spans="14:14">
      <c r="N638070" s="10"/>
    </row>
    <row r="638071" spans="14:14">
      <c r="N638071" s="10"/>
    </row>
    <row r="638072" spans="14:14">
      <c r="N638072" s="10"/>
    </row>
    <row r="638073" spans="14:14">
      <c r="N638073" s="10"/>
    </row>
    <row r="638074" spans="14:14">
      <c r="N638074" s="10"/>
    </row>
    <row r="638075" spans="14:14">
      <c r="N638075" s="10"/>
    </row>
    <row r="638076" spans="14:14">
      <c r="N638076" s="10"/>
    </row>
    <row r="638077" spans="14:14">
      <c r="N638077" s="10"/>
    </row>
    <row r="638078" spans="14:14">
      <c r="N638078" s="10"/>
    </row>
    <row r="638079" spans="14:14">
      <c r="N638079" s="10"/>
    </row>
    <row r="638080" spans="14:14">
      <c r="N638080" s="10"/>
    </row>
    <row r="638081" spans="14:14">
      <c r="N638081" s="10"/>
    </row>
    <row r="638082" spans="14:14">
      <c r="N638082" s="10"/>
    </row>
    <row r="638083" spans="14:14">
      <c r="N638083" s="10"/>
    </row>
    <row r="638084" spans="14:14">
      <c r="N638084" s="10"/>
    </row>
    <row r="638085" spans="14:14">
      <c r="N638085" s="10"/>
    </row>
    <row r="638086" spans="14:14">
      <c r="N638086" s="10"/>
    </row>
    <row r="638087" spans="14:14">
      <c r="N638087" s="10"/>
    </row>
    <row r="638088" spans="14:14">
      <c r="N638088" s="10"/>
    </row>
    <row r="638089" spans="14:14">
      <c r="N638089" s="10"/>
    </row>
    <row r="638090" spans="14:14">
      <c r="N638090" s="10"/>
    </row>
    <row r="638091" spans="14:14">
      <c r="N638091" s="10"/>
    </row>
    <row r="638092" spans="14:14">
      <c r="N638092" s="10"/>
    </row>
    <row r="638093" spans="14:14">
      <c r="N638093" s="10"/>
    </row>
    <row r="638094" spans="14:14">
      <c r="N638094" s="10"/>
    </row>
    <row r="638095" spans="14:14">
      <c r="N638095" s="10"/>
    </row>
    <row r="638096" spans="14:14">
      <c r="N638096" s="10"/>
    </row>
    <row r="638097" spans="14:14">
      <c r="N638097" s="10"/>
    </row>
    <row r="638098" spans="14:14">
      <c r="N638098" s="10"/>
    </row>
    <row r="638099" spans="14:14">
      <c r="N638099" s="10"/>
    </row>
    <row r="638100" spans="14:14">
      <c r="N638100" s="10"/>
    </row>
    <row r="638101" spans="14:14">
      <c r="N638101" s="10"/>
    </row>
    <row r="638102" spans="14:14">
      <c r="N638102" s="10"/>
    </row>
    <row r="638103" spans="14:14">
      <c r="N638103" s="10"/>
    </row>
    <row r="638104" spans="14:14">
      <c r="N638104" s="10"/>
    </row>
    <row r="638105" spans="14:14">
      <c r="N638105" s="10"/>
    </row>
    <row r="638106" spans="14:14">
      <c r="N638106" s="10"/>
    </row>
    <row r="638107" spans="14:14">
      <c r="N638107" s="10"/>
    </row>
    <row r="638108" spans="14:14">
      <c r="N638108" s="10"/>
    </row>
    <row r="638109" spans="14:14">
      <c r="N638109" s="10"/>
    </row>
    <row r="638110" spans="14:14">
      <c r="N638110" s="10"/>
    </row>
    <row r="638111" spans="14:14">
      <c r="N638111" s="10"/>
    </row>
    <row r="638112" spans="14:14">
      <c r="N638112" s="10"/>
    </row>
    <row r="638113" spans="14:14">
      <c r="N638113" s="10"/>
    </row>
    <row r="638114" spans="14:14">
      <c r="N638114" s="10"/>
    </row>
    <row r="638115" spans="14:14">
      <c r="N638115" s="10"/>
    </row>
    <row r="638116" spans="14:14">
      <c r="N638116" s="10"/>
    </row>
    <row r="638117" spans="14:14">
      <c r="N638117" s="10"/>
    </row>
    <row r="638118" spans="14:14">
      <c r="N638118" s="10"/>
    </row>
    <row r="638119" spans="14:14">
      <c r="N638119" s="10"/>
    </row>
    <row r="638120" spans="14:14">
      <c r="N638120" s="10"/>
    </row>
    <row r="638121" spans="14:14">
      <c r="N638121" s="10"/>
    </row>
    <row r="638122" spans="14:14">
      <c r="N638122" s="10"/>
    </row>
    <row r="638123" spans="14:14">
      <c r="N638123" s="10"/>
    </row>
    <row r="638124" spans="14:14">
      <c r="N638124" s="10"/>
    </row>
    <row r="638125" spans="14:14">
      <c r="N638125" s="10"/>
    </row>
    <row r="638126" spans="14:14">
      <c r="N638126" s="10"/>
    </row>
    <row r="638127" spans="14:14">
      <c r="N638127" s="10"/>
    </row>
    <row r="638128" spans="14:14">
      <c r="N638128" s="10"/>
    </row>
    <row r="638129" spans="14:14">
      <c r="N638129" s="10"/>
    </row>
    <row r="638130" spans="14:14">
      <c r="N638130" s="10"/>
    </row>
    <row r="638131" spans="14:14">
      <c r="N638131" s="10"/>
    </row>
    <row r="638132" spans="14:14">
      <c r="N638132" s="10"/>
    </row>
    <row r="638133" spans="14:14">
      <c r="N638133" s="10"/>
    </row>
    <row r="638134" spans="14:14">
      <c r="N638134" s="10"/>
    </row>
    <row r="638135" spans="14:14">
      <c r="N638135" s="10"/>
    </row>
    <row r="638136" spans="14:14">
      <c r="N638136" s="10"/>
    </row>
    <row r="638137" spans="14:14">
      <c r="N638137" s="10"/>
    </row>
    <row r="638138" spans="14:14">
      <c r="N638138" s="10"/>
    </row>
    <row r="638139" spans="14:14">
      <c r="N638139" s="10"/>
    </row>
    <row r="638140" spans="14:14">
      <c r="N638140" s="10"/>
    </row>
    <row r="638141" spans="14:14">
      <c r="N638141" s="10"/>
    </row>
    <row r="638142" spans="14:14">
      <c r="N638142" s="10"/>
    </row>
    <row r="638143" spans="14:14">
      <c r="N638143" s="10"/>
    </row>
    <row r="638144" spans="14:14">
      <c r="N638144" s="10"/>
    </row>
    <row r="638145" spans="14:14">
      <c r="N638145" s="10"/>
    </row>
    <row r="638146" spans="14:14">
      <c r="N638146" s="10"/>
    </row>
    <row r="638147" spans="14:14">
      <c r="N638147" s="10"/>
    </row>
    <row r="638148" spans="14:14">
      <c r="N638148" s="10"/>
    </row>
    <row r="638149" spans="14:14">
      <c r="N638149" s="10"/>
    </row>
    <row r="638150" spans="14:14">
      <c r="N638150" s="10"/>
    </row>
    <row r="638151" spans="14:14">
      <c r="N638151" s="10"/>
    </row>
    <row r="638152" spans="14:14">
      <c r="N638152" s="10"/>
    </row>
    <row r="638153" spans="14:14">
      <c r="N638153" s="10"/>
    </row>
    <row r="638154" spans="14:14">
      <c r="N638154" s="10"/>
    </row>
    <row r="638155" spans="14:14">
      <c r="N638155" s="10"/>
    </row>
    <row r="638156" spans="14:14">
      <c r="N638156" s="10"/>
    </row>
    <row r="638157" spans="14:14">
      <c r="N638157" s="10"/>
    </row>
    <row r="638158" spans="14:14">
      <c r="N638158" s="10"/>
    </row>
    <row r="638159" spans="14:14">
      <c r="N638159" s="10"/>
    </row>
    <row r="638160" spans="14:14">
      <c r="N638160" s="10"/>
    </row>
    <row r="638161" spans="14:14">
      <c r="N638161" s="10"/>
    </row>
    <row r="638162" spans="14:14">
      <c r="N638162" s="10"/>
    </row>
    <row r="638163" spans="14:14">
      <c r="N638163" s="10"/>
    </row>
    <row r="638164" spans="14:14">
      <c r="N638164" s="10"/>
    </row>
    <row r="638165" spans="14:14">
      <c r="N638165" s="10"/>
    </row>
    <row r="638166" spans="14:14">
      <c r="N638166" s="10"/>
    </row>
    <row r="638167" spans="14:14">
      <c r="N638167" s="10"/>
    </row>
    <row r="638168" spans="14:14">
      <c r="N638168" s="10"/>
    </row>
    <row r="638169" spans="14:14">
      <c r="N638169" s="10"/>
    </row>
    <row r="638170" spans="14:14">
      <c r="N638170" s="10"/>
    </row>
    <row r="638171" spans="14:14">
      <c r="N638171" s="10"/>
    </row>
    <row r="638172" spans="14:14">
      <c r="N638172" s="10"/>
    </row>
    <row r="638173" spans="14:14">
      <c r="N638173" s="10"/>
    </row>
    <row r="638174" spans="14:14">
      <c r="N638174" s="10"/>
    </row>
    <row r="638175" spans="14:14">
      <c r="N638175" s="10"/>
    </row>
    <row r="638176" spans="14:14">
      <c r="N638176" s="10"/>
    </row>
    <row r="638177" spans="14:14">
      <c r="N638177" s="10"/>
    </row>
    <row r="638178" spans="14:14">
      <c r="N638178" s="10"/>
    </row>
    <row r="638179" spans="14:14">
      <c r="N638179" s="10"/>
    </row>
    <row r="638180" spans="14:14">
      <c r="N638180" s="10"/>
    </row>
    <row r="638181" spans="14:14">
      <c r="N638181" s="10"/>
    </row>
    <row r="638182" spans="14:14">
      <c r="N638182" s="10"/>
    </row>
    <row r="638183" spans="14:14">
      <c r="N638183" s="10"/>
    </row>
    <row r="638184" spans="14:14">
      <c r="N638184" s="10"/>
    </row>
    <row r="638185" spans="14:14">
      <c r="N638185" s="10"/>
    </row>
    <row r="638186" spans="14:14">
      <c r="N638186" s="10"/>
    </row>
    <row r="638187" spans="14:14">
      <c r="N638187" s="10"/>
    </row>
    <row r="638188" spans="14:14">
      <c r="N638188" s="10"/>
    </row>
    <row r="638189" spans="14:14">
      <c r="N638189" s="10"/>
    </row>
    <row r="638190" spans="14:14">
      <c r="N638190" s="10"/>
    </row>
    <row r="638191" spans="14:14">
      <c r="N638191" s="10"/>
    </row>
    <row r="638192" spans="14:14">
      <c r="N638192" s="10"/>
    </row>
    <row r="638193" spans="14:14">
      <c r="N638193" s="10"/>
    </row>
    <row r="638194" spans="14:14">
      <c r="N638194" s="10"/>
    </row>
    <row r="638195" spans="14:14">
      <c r="N638195" s="10"/>
    </row>
    <row r="638196" spans="14:14">
      <c r="N638196" s="10"/>
    </row>
    <row r="638197" spans="14:14">
      <c r="N638197" s="10"/>
    </row>
    <row r="638198" spans="14:14">
      <c r="N638198" s="10"/>
    </row>
    <row r="638199" spans="14:14">
      <c r="N638199" s="10"/>
    </row>
    <row r="638200" spans="14:14">
      <c r="N638200" s="10"/>
    </row>
    <row r="638201" spans="14:14">
      <c r="N638201" s="10"/>
    </row>
    <row r="638202" spans="14:14">
      <c r="N638202" s="10"/>
    </row>
    <row r="638203" spans="14:14">
      <c r="N638203" s="10"/>
    </row>
    <row r="638204" spans="14:14">
      <c r="N638204" s="10"/>
    </row>
    <row r="638205" spans="14:14">
      <c r="N638205" s="10"/>
    </row>
    <row r="638206" spans="14:14">
      <c r="N638206" s="10"/>
    </row>
    <row r="638207" spans="14:14">
      <c r="N638207" s="10"/>
    </row>
    <row r="638208" spans="14:14">
      <c r="N638208" s="10"/>
    </row>
    <row r="638209" spans="14:14">
      <c r="N638209" s="10"/>
    </row>
    <row r="638210" spans="14:14">
      <c r="N638210" s="10"/>
    </row>
    <row r="638211" spans="14:14">
      <c r="N638211" s="10"/>
    </row>
    <row r="638212" spans="14:14">
      <c r="N638212" s="10"/>
    </row>
    <row r="638213" spans="14:14">
      <c r="N638213" s="10"/>
    </row>
    <row r="638214" spans="14:14">
      <c r="N638214" s="10"/>
    </row>
    <row r="638215" spans="14:14">
      <c r="N638215" s="10"/>
    </row>
    <row r="638216" spans="14:14">
      <c r="N638216" s="10"/>
    </row>
    <row r="638217" spans="14:14">
      <c r="N638217" s="10"/>
    </row>
    <row r="638218" spans="14:14">
      <c r="N638218" s="10"/>
    </row>
    <row r="638219" spans="14:14">
      <c r="N638219" s="10"/>
    </row>
    <row r="638220" spans="14:14">
      <c r="N638220" s="10"/>
    </row>
    <row r="638221" spans="14:14">
      <c r="N638221" s="10"/>
    </row>
    <row r="638222" spans="14:14">
      <c r="N638222" s="10"/>
    </row>
    <row r="638223" spans="14:14">
      <c r="N638223" s="10"/>
    </row>
    <row r="638224" spans="14:14">
      <c r="N638224" s="10"/>
    </row>
    <row r="638225" spans="14:14">
      <c r="N638225" s="10"/>
    </row>
    <row r="638226" spans="14:14">
      <c r="N638226" s="10"/>
    </row>
    <row r="638227" spans="14:14">
      <c r="N638227" s="10"/>
    </row>
    <row r="638228" spans="14:14">
      <c r="N638228" s="10"/>
    </row>
    <row r="638229" spans="14:14">
      <c r="N638229" s="10"/>
    </row>
    <row r="638230" spans="14:14">
      <c r="N638230" s="10"/>
    </row>
    <row r="638231" spans="14:14">
      <c r="N638231" s="10"/>
    </row>
    <row r="638232" spans="14:14">
      <c r="N638232" s="10"/>
    </row>
    <row r="638233" spans="14:14">
      <c r="N638233" s="10"/>
    </row>
    <row r="638234" spans="14:14">
      <c r="N638234" s="10"/>
    </row>
    <row r="638235" spans="14:14">
      <c r="N638235" s="10"/>
    </row>
    <row r="638236" spans="14:14">
      <c r="N638236" s="10"/>
    </row>
    <row r="638237" spans="14:14">
      <c r="N638237" s="10"/>
    </row>
    <row r="638238" spans="14:14">
      <c r="N638238" s="10"/>
    </row>
    <row r="638239" spans="14:14">
      <c r="N638239" s="10"/>
    </row>
    <row r="638240" spans="14:14">
      <c r="N638240" s="10"/>
    </row>
    <row r="638241" spans="14:14">
      <c r="N638241" s="10"/>
    </row>
    <row r="638242" spans="14:14">
      <c r="N638242" s="10"/>
    </row>
    <row r="638243" spans="14:14">
      <c r="N638243" s="10"/>
    </row>
    <row r="638244" spans="14:14">
      <c r="N638244" s="10"/>
    </row>
    <row r="638245" spans="14:14">
      <c r="N638245" s="10"/>
    </row>
    <row r="638246" spans="14:14">
      <c r="N638246" s="10"/>
    </row>
    <row r="638247" spans="14:14">
      <c r="N638247" s="10"/>
    </row>
    <row r="638248" spans="14:14">
      <c r="N638248" s="10"/>
    </row>
    <row r="638249" spans="14:14">
      <c r="N638249" s="10"/>
    </row>
    <row r="638250" spans="14:14">
      <c r="N638250" s="10"/>
    </row>
    <row r="638251" spans="14:14">
      <c r="N638251" s="10"/>
    </row>
    <row r="638252" spans="14:14">
      <c r="N638252" s="10"/>
    </row>
    <row r="638253" spans="14:14">
      <c r="N638253" s="10"/>
    </row>
    <row r="638254" spans="14:14">
      <c r="N638254" s="10"/>
    </row>
    <row r="638255" spans="14:14">
      <c r="N638255" s="10"/>
    </row>
    <row r="638256" spans="14:14">
      <c r="N638256" s="10"/>
    </row>
    <row r="638257" spans="14:14">
      <c r="N638257" s="10"/>
    </row>
    <row r="638258" spans="14:14">
      <c r="N638258" s="10"/>
    </row>
    <row r="638259" spans="14:14">
      <c r="N638259" s="10"/>
    </row>
    <row r="638260" spans="14:14">
      <c r="N638260" s="10"/>
    </row>
    <row r="638261" spans="14:14">
      <c r="N638261" s="10"/>
    </row>
    <row r="638262" spans="14:14">
      <c r="N638262" s="10"/>
    </row>
    <row r="638263" spans="14:14">
      <c r="N638263" s="10"/>
    </row>
    <row r="638264" spans="14:14">
      <c r="N638264" s="10"/>
    </row>
    <row r="638265" spans="14:14">
      <c r="N638265" s="10"/>
    </row>
    <row r="638266" spans="14:14">
      <c r="N638266" s="10"/>
    </row>
    <row r="638267" spans="14:14">
      <c r="N638267" s="10"/>
    </row>
    <row r="638268" spans="14:14">
      <c r="N638268" s="10"/>
    </row>
    <row r="638269" spans="14:14">
      <c r="N638269" s="10"/>
    </row>
    <row r="638270" spans="14:14">
      <c r="N638270" s="10"/>
    </row>
    <row r="638271" spans="14:14">
      <c r="N638271" s="10"/>
    </row>
    <row r="638272" spans="14:14">
      <c r="N638272" s="10"/>
    </row>
    <row r="638273" spans="14:14">
      <c r="N638273" s="10"/>
    </row>
    <row r="638274" spans="14:14">
      <c r="N638274" s="10"/>
    </row>
    <row r="638275" spans="14:14">
      <c r="N638275" s="10"/>
    </row>
    <row r="638276" spans="14:14">
      <c r="N638276" s="10"/>
    </row>
    <row r="638277" spans="14:14">
      <c r="N638277" s="10"/>
    </row>
    <row r="638278" spans="14:14">
      <c r="N638278" s="10"/>
    </row>
    <row r="638279" spans="14:14">
      <c r="N638279" s="10"/>
    </row>
    <row r="638280" spans="14:14">
      <c r="N638280" s="10"/>
    </row>
    <row r="638281" spans="14:14">
      <c r="N638281" s="10"/>
    </row>
    <row r="638282" spans="14:14">
      <c r="N638282" s="10"/>
    </row>
    <row r="638283" spans="14:14">
      <c r="N638283" s="10"/>
    </row>
    <row r="638284" spans="14:14">
      <c r="N638284" s="10"/>
    </row>
    <row r="638285" spans="14:14">
      <c r="N638285" s="10"/>
    </row>
    <row r="638286" spans="14:14">
      <c r="N638286" s="10"/>
    </row>
    <row r="638287" spans="14:14">
      <c r="N638287" s="10"/>
    </row>
    <row r="638288" spans="14:14">
      <c r="N638288" s="10"/>
    </row>
    <row r="638289" spans="14:14">
      <c r="N638289" s="10"/>
    </row>
    <row r="638290" spans="14:14">
      <c r="N638290" s="10"/>
    </row>
    <row r="638291" spans="14:14">
      <c r="N638291" s="10"/>
    </row>
    <row r="638292" spans="14:14">
      <c r="N638292" s="10"/>
    </row>
    <row r="638293" spans="14:14">
      <c r="N638293" s="10"/>
    </row>
    <row r="638294" spans="14:14">
      <c r="N638294" s="10"/>
    </row>
    <row r="638295" spans="14:14">
      <c r="N638295" s="10"/>
    </row>
    <row r="638296" spans="14:14">
      <c r="N638296" s="10"/>
    </row>
    <row r="638297" spans="14:14">
      <c r="N638297" s="10"/>
    </row>
    <row r="638298" spans="14:14">
      <c r="N638298" s="10"/>
    </row>
    <row r="638299" spans="14:14">
      <c r="N638299" s="10"/>
    </row>
    <row r="638300" spans="14:14">
      <c r="N638300" s="10"/>
    </row>
    <row r="638301" spans="14:14">
      <c r="N638301" s="10"/>
    </row>
    <row r="638302" spans="14:14">
      <c r="N638302" s="10"/>
    </row>
    <row r="638303" spans="14:14">
      <c r="N638303" s="10"/>
    </row>
    <row r="638304" spans="14:14">
      <c r="N638304" s="10"/>
    </row>
    <row r="638305" spans="14:14">
      <c r="N638305" s="10"/>
    </row>
    <row r="638306" spans="14:14">
      <c r="N638306" s="10"/>
    </row>
    <row r="638307" spans="14:14">
      <c r="N638307" s="10"/>
    </row>
    <row r="638308" spans="14:14">
      <c r="N638308" s="10"/>
    </row>
    <row r="638309" spans="14:14">
      <c r="N638309" s="10"/>
    </row>
    <row r="638310" spans="14:14">
      <c r="N638310" s="10"/>
    </row>
    <row r="638311" spans="14:14">
      <c r="N638311" s="10"/>
    </row>
    <row r="638312" spans="14:14">
      <c r="N638312" s="10"/>
    </row>
    <row r="638313" spans="14:14">
      <c r="N638313" s="10"/>
    </row>
    <row r="638314" spans="14:14">
      <c r="N638314" s="10"/>
    </row>
    <row r="638315" spans="14:14">
      <c r="N638315" s="10"/>
    </row>
    <row r="638316" spans="14:14">
      <c r="N638316" s="10"/>
    </row>
    <row r="638317" spans="14:14">
      <c r="N638317" s="10"/>
    </row>
    <row r="638318" spans="14:14">
      <c r="N638318" s="10"/>
    </row>
    <row r="638319" spans="14:14">
      <c r="N638319" s="10"/>
    </row>
    <row r="638320" spans="14:14">
      <c r="N638320" s="10"/>
    </row>
    <row r="638321" spans="14:14">
      <c r="N638321" s="10"/>
    </row>
    <row r="638322" spans="14:14">
      <c r="N638322" s="10"/>
    </row>
    <row r="638323" spans="14:14">
      <c r="N638323" s="10"/>
    </row>
    <row r="638324" spans="14:14">
      <c r="N638324" s="10"/>
    </row>
    <row r="638325" spans="14:14">
      <c r="N638325" s="10"/>
    </row>
    <row r="638326" spans="14:14">
      <c r="N638326" s="10"/>
    </row>
    <row r="638327" spans="14:14">
      <c r="N638327" s="10"/>
    </row>
    <row r="638328" spans="14:14">
      <c r="N638328" s="10"/>
    </row>
    <row r="638329" spans="14:14">
      <c r="N638329" s="10"/>
    </row>
    <row r="638330" spans="14:14">
      <c r="N638330" s="10"/>
    </row>
    <row r="638331" spans="14:14">
      <c r="N638331" s="10"/>
    </row>
    <row r="638332" spans="14:14">
      <c r="N638332" s="10"/>
    </row>
    <row r="638333" spans="14:14">
      <c r="N638333" s="10"/>
    </row>
    <row r="638334" spans="14:14">
      <c r="N638334" s="10"/>
    </row>
    <row r="638335" spans="14:14">
      <c r="N638335" s="10"/>
    </row>
    <row r="638336" spans="14:14">
      <c r="N638336" s="10"/>
    </row>
    <row r="638337" spans="14:14">
      <c r="N638337" s="10"/>
    </row>
    <row r="638338" spans="14:14">
      <c r="N638338" s="10"/>
    </row>
    <row r="638339" spans="14:14">
      <c r="N638339" s="10"/>
    </row>
    <row r="638340" spans="14:14">
      <c r="N638340" s="10"/>
    </row>
    <row r="638341" spans="14:14">
      <c r="N638341" s="10"/>
    </row>
    <row r="638342" spans="14:14">
      <c r="N638342" s="10"/>
    </row>
    <row r="638343" spans="14:14">
      <c r="N638343" s="10"/>
    </row>
    <row r="638344" spans="14:14">
      <c r="N638344" s="10"/>
    </row>
    <row r="638345" spans="14:14">
      <c r="N638345" s="10"/>
    </row>
    <row r="638346" spans="14:14">
      <c r="N638346" s="10"/>
    </row>
    <row r="638347" spans="14:14">
      <c r="N638347" s="10"/>
    </row>
    <row r="638348" spans="14:14">
      <c r="N638348" s="10"/>
    </row>
    <row r="638349" spans="14:14">
      <c r="N638349" s="10"/>
    </row>
    <row r="638350" spans="14:14">
      <c r="N638350" s="10"/>
    </row>
    <row r="638351" spans="14:14">
      <c r="N638351" s="10"/>
    </row>
    <row r="638352" spans="14:14">
      <c r="N638352" s="10"/>
    </row>
    <row r="638353" spans="14:14">
      <c r="N638353" s="10"/>
    </row>
    <row r="638354" spans="14:14">
      <c r="N638354" s="10"/>
    </row>
    <row r="638355" spans="14:14">
      <c r="N638355" s="10"/>
    </row>
    <row r="638356" spans="14:14">
      <c r="N638356" s="10"/>
    </row>
    <row r="638357" spans="14:14">
      <c r="N638357" s="10"/>
    </row>
    <row r="638358" spans="14:14">
      <c r="N638358" s="10"/>
    </row>
    <row r="638359" spans="14:14">
      <c r="N638359" s="10"/>
    </row>
    <row r="638360" spans="14:14">
      <c r="N638360" s="10"/>
    </row>
    <row r="638361" spans="14:14">
      <c r="N638361" s="10"/>
    </row>
    <row r="638362" spans="14:14">
      <c r="N638362" s="10"/>
    </row>
    <row r="638363" spans="14:14">
      <c r="N638363" s="10"/>
    </row>
    <row r="638364" spans="14:14">
      <c r="N638364" s="10"/>
    </row>
    <row r="638365" spans="14:14">
      <c r="N638365" s="10"/>
    </row>
    <row r="638366" spans="14:14">
      <c r="N638366" s="10"/>
    </row>
    <row r="638367" spans="14:14">
      <c r="N638367" s="10"/>
    </row>
    <row r="638368" spans="14:14">
      <c r="N638368" s="10"/>
    </row>
    <row r="638369" spans="14:14">
      <c r="N638369" s="10"/>
    </row>
    <row r="638370" spans="14:14">
      <c r="N638370" s="10"/>
    </row>
    <row r="638371" spans="14:14">
      <c r="N638371" s="10"/>
    </row>
    <row r="638372" spans="14:14">
      <c r="N638372" s="10"/>
    </row>
    <row r="638373" spans="14:14">
      <c r="N638373" s="10"/>
    </row>
    <row r="638374" spans="14:14">
      <c r="N638374" s="10"/>
    </row>
    <row r="638375" spans="14:14">
      <c r="N638375" s="10"/>
    </row>
    <row r="638376" spans="14:14">
      <c r="N638376" s="10"/>
    </row>
    <row r="638377" spans="14:14">
      <c r="N638377" s="10"/>
    </row>
    <row r="638378" spans="14:14">
      <c r="N638378" s="10"/>
    </row>
    <row r="638379" spans="14:14">
      <c r="N638379" s="10"/>
    </row>
    <row r="638380" spans="14:14">
      <c r="N638380" s="10"/>
    </row>
    <row r="638381" spans="14:14">
      <c r="N638381" s="10"/>
    </row>
    <row r="638382" spans="14:14">
      <c r="N638382" s="10"/>
    </row>
    <row r="638383" spans="14:14">
      <c r="N638383" s="10"/>
    </row>
    <row r="638384" spans="14:14">
      <c r="N638384" s="10"/>
    </row>
    <row r="638385" spans="14:14">
      <c r="N638385" s="10"/>
    </row>
    <row r="638386" spans="14:14">
      <c r="N638386" s="10"/>
    </row>
    <row r="638387" spans="14:14">
      <c r="N638387" s="10"/>
    </row>
    <row r="638388" spans="14:14">
      <c r="N638388" s="10"/>
    </row>
    <row r="638389" spans="14:14">
      <c r="N638389" s="10"/>
    </row>
    <row r="638390" spans="14:14">
      <c r="N638390" s="10"/>
    </row>
    <row r="638391" spans="14:14">
      <c r="N638391" s="10"/>
    </row>
    <row r="638392" spans="14:14">
      <c r="N638392" s="10"/>
    </row>
    <row r="638393" spans="14:14">
      <c r="N638393" s="10"/>
    </row>
    <row r="638394" spans="14:14">
      <c r="N638394" s="10"/>
    </row>
    <row r="638395" spans="14:14">
      <c r="N638395" s="10"/>
    </row>
    <row r="638396" spans="14:14">
      <c r="N638396" s="10"/>
    </row>
    <row r="638397" spans="14:14">
      <c r="N638397" s="10"/>
    </row>
    <row r="638398" spans="14:14">
      <c r="N638398" s="10"/>
    </row>
    <row r="638399" spans="14:14">
      <c r="N638399" s="10"/>
    </row>
    <row r="638400" spans="14:14">
      <c r="N638400" s="10"/>
    </row>
    <row r="638401" spans="14:14">
      <c r="N638401" s="10"/>
    </row>
    <row r="638402" spans="14:14">
      <c r="N638402" s="10"/>
    </row>
    <row r="638403" spans="14:14">
      <c r="N638403" s="10"/>
    </row>
    <row r="638404" spans="14:14">
      <c r="N638404" s="10"/>
    </row>
    <row r="638405" spans="14:14">
      <c r="N638405" s="10"/>
    </row>
    <row r="638406" spans="14:14">
      <c r="N638406" s="10"/>
    </row>
    <row r="638407" spans="14:14">
      <c r="N638407" s="10"/>
    </row>
    <row r="638408" spans="14:14">
      <c r="N638408" s="10"/>
    </row>
    <row r="638409" spans="14:14">
      <c r="N638409" s="10"/>
    </row>
    <row r="638410" spans="14:14">
      <c r="N638410" s="10"/>
    </row>
    <row r="638411" spans="14:14">
      <c r="N638411" s="10"/>
    </row>
    <row r="638412" spans="14:14">
      <c r="N638412" s="10"/>
    </row>
    <row r="638413" spans="14:14">
      <c r="N638413" s="10"/>
    </row>
    <row r="638414" spans="14:14">
      <c r="N638414" s="10"/>
    </row>
    <row r="638415" spans="14:14">
      <c r="N638415" s="10"/>
    </row>
    <row r="638416" spans="14:14">
      <c r="N638416" s="10"/>
    </row>
    <row r="638417" spans="14:14">
      <c r="N638417" s="10"/>
    </row>
    <row r="638418" spans="14:14">
      <c r="N638418" s="10"/>
    </row>
    <row r="638419" spans="14:14">
      <c r="N638419" s="10"/>
    </row>
    <row r="638420" spans="14:14">
      <c r="N638420" s="10"/>
    </row>
    <row r="638421" spans="14:14">
      <c r="N638421" s="10"/>
    </row>
    <row r="638422" spans="14:14">
      <c r="N638422" s="10"/>
    </row>
    <row r="638423" spans="14:14">
      <c r="N638423" s="10"/>
    </row>
    <row r="638424" spans="14:14">
      <c r="N638424" s="10"/>
    </row>
    <row r="638425" spans="14:14">
      <c r="N638425" s="10"/>
    </row>
    <row r="638426" spans="14:14">
      <c r="N638426" s="10"/>
    </row>
    <row r="638427" spans="14:14">
      <c r="N638427" s="10"/>
    </row>
    <row r="638428" spans="14:14">
      <c r="N638428" s="10"/>
    </row>
    <row r="638429" spans="14:14">
      <c r="N638429" s="10"/>
    </row>
    <row r="638430" spans="14:14">
      <c r="N638430" s="10"/>
    </row>
    <row r="638431" spans="14:14">
      <c r="N638431" s="10"/>
    </row>
    <row r="638432" spans="14:14">
      <c r="N638432" s="10"/>
    </row>
    <row r="638433" spans="14:14">
      <c r="N638433" s="10"/>
    </row>
    <row r="638434" spans="14:14">
      <c r="N638434" s="10"/>
    </row>
    <row r="638435" spans="14:14">
      <c r="N638435" s="10"/>
    </row>
    <row r="638436" spans="14:14">
      <c r="N638436" s="10"/>
    </row>
    <row r="638437" spans="14:14">
      <c r="N638437" s="10"/>
    </row>
    <row r="638438" spans="14:14">
      <c r="N638438" s="10"/>
    </row>
    <row r="638439" spans="14:14">
      <c r="N638439" s="10"/>
    </row>
    <row r="638440" spans="14:14">
      <c r="N638440" s="10"/>
    </row>
    <row r="638441" spans="14:14">
      <c r="N638441" s="10"/>
    </row>
    <row r="638442" spans="14:14">
      <c r="N638442" s="10"/>
    </row>
    <row r="638443" spans="14:14">
      <c r="N638443" s="10"/>
    </row>
    <row r="638444" spans="14:14">
      <c r="N638444" s="10"/>
    </row>
    <row r="638445" spans="14:14">
      <c r="N638445" s="10"/>
    </row>
    <row r="638446" spans="14:14">
      <c r="N638446" s="10"/>
    </row>
    <row r="638447" spans="14:14">
      <c r="N638447" s="10"/>
    </row>
    <row r="638448" spans="14:14">
      <c r="N638448" s="10"/>
    </row>
    <row r="638449" spans="14:14">
      <c r="N638449" s="10"/>
    </row>
    <row r="638450" spans="14:14">
      <c r="N638450" s="10"/>
    </row>
    <row r="638451" spans="14:14">
      <c r="N638451" s="10"/>
    </row>
    <row r="638452" spans="14:14">
      <c r="N638452" s="10"/>
    </row>
    <row r="638453" spans="14:14">
      <c r="N638453" s="10"/>
    </row>
    <row r="638454" spans="14:14">
      <c r="N638454" s="10"/>
    </row>
    <row r="638455" spans="14:14">
      <c r="N638455" s="10"/>
    </row>
    <row r="638456" spans="14:14">
      <c r="N638456" s="10"/>
    </row>
    <row r="638457" spans="14:14">
      <c r="N638457" s="10"/>
    </row>
    <row r="638458" spans="14:14">
      <c r="N638458" s="10"/>
    </row>
    <row r="638459" spans="14:14">
      <c r="N638459" s="10"/>
    </row>
    <row r="638460" spans="14:14">
      <c r="N638460" s="10"/>
    </row>
    <row r="638461" spans="14:14">
      <c r="N638461" s="10"/>
    </row>
    <row r="638462" spans="14:14">
      <c r="N638462" s="10"/>
    </row>
    <row r="638463" spans="14:14">
      <c r="N638463" s="10"/>
    </row>
    <row r="638464" spans="14:14">
      <c r="N638464" s="10"/>
    </row>
    <row r="638465" spans="14:14">
      <c r="N638465" s="10"/>
    </row>
    <row r="638466" spans="14:14">
      <c r="N638466" s="10"/>
    </row>
    <row r="638467" spans="14:14">
      <c r="N638467" s="10"/>
    </row>
    <row r="638468" spans="14:14">
      <c r="N638468" s="10"/>
    </row>
    <row r="638469" spans="14:14">
      <c r="N638469" s="10"/>
    </row>
    <row r="638470" spans="14:14">
      <c r="N638470" s="10"/>
    </row>
    <row r="638471" spans="14:14">
      <c r="N638471" s="10"/>
    </row>
    <row r="638472" spans="14:14">
      <c r="N638472" s="10"/>
    </row>
    <row r="638473" spans="14:14">
      <c r="N638473" s="10"/>
    </row>
    <row r="638474" spans="14:14">
      <c r="N638474" s="10"/>
    </row>
    <row r="638475" spans="14:14">
      <c r="N638475" s="10"/>
    </row>
    <row r="638476" spans="14:14">
      <c r="N638476" s="10"/>
    </row>
    <row r="638477" spans="14:14">
      <c r="N638477" s="10"/>
    </row>
    <row r="638478" spans="14:14">
      <c r="N638478" s="10"/>
    </row>
    <row r="638479" spans="14:14">
      <c r="N638479" s="10"/>
    </row>
    <row r="638480" spans="14:14">
      <c r="N638480" s="10"/>
    </row>
    <row r="638481" spans="14:14">
      <c r="N638481" s="10"/>
    </row>
    <row r="638482" spans="14:14">
      <c r="N638482" s="10"/>
    </row>
    <row r="638483" spans="14:14">
      <c r="N638483" s="10"/>
    </row>
    <row r="638484" spans="14:14">
      <c r="N638484" s="10"/>
    </row>
    <row r="638485" spans="14:14">
      <c r="N638485" s="10"/>
    </row>
    <row r="638486" spans="14:14">
      <c r="N638486" s="10"/>
    </row>
    <row r="638487" spans="14:14">
      <c r="N638487" s="10"/>
    </row>
    <row r="638488" spans="14:14">
      <c r="N638488" s="10"/>
    </row>
    <row r="638489" spans="14:14">
      <c r="N638489" s="10"/>
    </row>
    <row r="638490" spans="14:14">
      <c r="N638490" s="10"/>
    </row>
    <row r="638491" spans="14:14">
      <c r="N638491" s="10"/>
    </row>
    <row r="638492" spans="14:14">
      <c r="N638492" s="10"/>
    </row>
    <row r="638493" spans="14:14">
      <c r="N638493" s="10"/>
    </row>
    <row r="638494" spans="14:14">
      <c r="N638494" s="10"/>
    </row>
    <row r="638495" spans="14:14">
      <c r="N638495" s="10"/>
    </row>
    <row r="638496" spans="14:14">
      <c r="N638496" s="10"/>
    </row>
    <row r="638497" spans="14:14">
      <c r="N638497" s="10"/>
    </row>
    <row r="638498" spans="14:14">
      <c r="N638498" s="10"/>
    </row>
    <row r="638499" spans="14:14">
      <c r="N638499" s="10"/>
    </row>
    <row r="638500" spans="14:14">
      <c r="N638500" s="10"/>
    </row>
    <row r="638501" spans="14:14">
      <c r="N638501" s="10"/>
    </row>
    <row r="638502" spans="14:14">
      <c r="N638502" s="10"/>
    </row>
    <row r="638503" spans="14:14">
      <c r="N638503" s="10"/>
    </row>
    <row r="638504" spans="14:14">
      <c r="N638504" s="10"/>
    </row>
    <row r="638505" spans="14:14">
      <c r="N638505" s="10"/>
    </row>
    <row r="638506" spans="14:14">
      <c r="N638506" s="10"/>
    </row>
    <row r="638507" spans="14:14">
      <c r="N638507" s="10"/>
    </row>
    <row r="638508" spans="14:14">
      <c r="N638508" s="10"/>
    </row>
    <row r="638509" spans="14:14">
      <c r="N638509" s="10"/>
    </row>
    <row r="638510" spans="14:14">
      <c r="N638510" s="10"/>
    </row>
    <row r="638511" spans="14:14">
      <c r="N638511" s="10"/>
    </row>
    <row r="638512" spans="14:14">
      <c r="N638512" s="10"/>
    </row>
    <row r="638513" spans="14:14">
      <c r="N638513" s="10"/>
    </row>
    <row r="638514" spans="14:14">
      <c r="N638514" s="10"/>
    </row>
    <row r="638515" spans="14:14">
      <c r="N638515" s="10"/>
    </row>
    <row r="638516" spans="14:14">
      <c r="N638516" s="10"/>
    </row>
    <row r="638517" spans="14:14">
      <c r="N638517" s="10"/>
    </row>
    <row r="638518" spans="14:14">
      <c r="N638518" s="10"/>
    </row>
    <row r="638519" spans="14:14">
      <c r="N638519" s="10"/>
    </row>
    <row r="638520" spans="14:14">
      <c r="N638520" s="10"/>
    </row>
    <row r="638521" spans="14:14">
      <c r="N638521" s="10"/>
    </row>
    <row r="638522" spans="14:14">
      <c r="N638522" s="10"/>
    </row>
    <row r="638523" spans="14:14">
      <c r="N638523" s="10"/>
    </row>
    <row r="638524" spans="14:14">
      <c r="N638524" s="10"/>
    </row>
    <row r="638525" spans="14:14">
      <c r="N638525" s="10"/>
    </row>
    <row r="638526" spans="14:14">
      <c r="N638526" s="10"/>
    </row>
    <row r="638527" spans="14:14">
      <c r="N638527" s="10"/>
    </row>
    <row r="638528" spans="14:14">
      <c r="N638528" s="10"/>
    </row>
    <row r="638529" spans="14:14">
      <c r="N638529" s="10"/>
    </row>
    <row r="638530" spans="14:14">
      <c r="N638530" s="10"/>
    </row>
    <row r="638531" spans="14:14">
      <c r="N638531" s="10"/>
    </row>
    <row r="638532" spans="14:14">
      <c r="N638532" s="10"/>
    </row>
    <row r="638533" spans="14:14">
      <c r="N638533" s="10"/>
    </row>
    <row r="638534" spans="14:14">
      <c r="N638534" s="10"/>
    </row>
    <row r="638535" spans="14:14">
      <c r="N638535" s="10"/>
    </row>
    <row r="638536" spans="14:14">
      <c r="N638536" s="10"/>
    </row>
    <row r="638537" spans="14:14">
      <c r="N638537" s="10"/>
    </row>
    <row r="638538" spans="14:14">
      <c r="N638538" s="10"/>
    </row>
    <row r="638539" spans="14:14">
      <c r="N638539" s="10"/>
    </row>
    <row r="638540" spans="14:14">
      <c r="N638540" s="10"/>
    </row>
    <row r="638541" spans="14:14">
      <c r="N638541" s="10"/>
    </row>
    <row r="638542" spans="14:14">
      <c r="N638542" s="10"/>
    </row>
    <row r="638543" spans="14:14">
      <c r="N638543" s="10"/>
    </row>
    <row r="638544" spans="14:14">
      <c r="N638544" s="10"/>
    </row>
    <row r="638545" spans="14:14">
      <c r="N638545" s="10"/>
    </row>
    <row r="638546" spans="14:14">
      <c r="N638546" s="10"/>
    </row>
    <row r="638547" spans="14:14">
      <c r="N638547" s="10"/>
    </row>
    <row r="638548" spans="14:14">
      <c r="N638548" s="10"/>
    </row>
    <row r="638549" spans="14:14">
      <c r="N638549" s="10"/>
    </row>
    <row r="638550" spans="14:14">
      <c r="N638550" s="10"/>
    </row>
    <row r="638551" spans="14:14">
      <c r="N638551" s="10"/>
    </row>
    <row r="638552" spans="14:14">
      <c r="N638552" s="10"/>
    </row>
    <row r="638553" spans="14:14">
      <c r="N638553" s="10"/>
    </row>
    <row r="638554" spans="14:14">
      <c r="N638554" s="10"/>
    </row>
    <row r="638555" spans="14:14">
      <c r="N638555" s="10"/>
    </row>
    <row r="638556" spans="14:14">
      <c r="N638556" s="10"/>
    </row>
    <row r="638557" spans="14:14">
      <c r="N638557" s="10"/>
    </row>
    <row r="638558" spans="14:14">
      <c r="N638558" s="10"/>
    </row>
    <row r="638559" spans="14:14">
      <c r="N638559" s="10"/>
    </row>
    <row r="638560" spans="14:14">
      <c r="N638560" s="10"/>
    </row>
    <row r="638561" spans="14:14">
      <c r="N638561" s="10"/>
    </row>
    <row r="638562" spans="14:14">
      <c r="N638562" s="10"/>
    </row>
    <row r="638563" spans="14:14">
      <c r="N638563" s="10"/>
    </row>
    <row r="638564" spans="14:14">
      <c r="N638564" s="10"/>
    </row>
    <row r="638565" spans="14:14">
      <c r="N638565" s="10"/>
    </row>
    <row r="638566" spans="14:14">
      <c r="N638566" s="10"/>
    </row>
    <row r="638567" spans="14:14">
      <c r="N638567" s="10"/>
    </row>
    <row r="638568" spans="14:14">
      <c r="N638568" s="10"/>
    </row>
    <row r="638569" spans="14:14">
      <c r="N638569" s="10"/>
    </row>
    <row r="638570" spans="14:14">
      <c r="N638570" s="10"/>
    </row>
    <row r="638571" spans="14:14">
      <c r="N638571" s="10"/>
    </row>
    <row r="638572" spans="14:14">
      <c r="N638572" s="10"/>
    </row>
    <row r="638573" spans="14:14">
      <c r="N638573" s="10"/>
    </row>
    <row r="638574" spans="14:14">
      <c r="N638574" s="10"/>
    </row>
    <row r="638575" spans="14:14">
      <c r="N638575" s="10"/>
    </row>
    <row r="638576" spans="14:14">
      <c r="N638576" s="10"/>
    </row>
    <row r="638577" spans="14:14">
      <c r="N638577" s="10"/>
    </row>
    <row r="638578" spans="14:14">
      <c r="N638578" s="10"/>
    </row>
    <row r="638579" spans="14:14">
      <c r="N638579" s="10"/>
    </row>
    <row r="638580" spans="14:14">
      <c r="N638580" s="10"/>
    </row>
    <row r="638581" spans="14:14">
      <c r="N638581" s="10"/>
    </row>
    <row r="638582" spans="14:14">
      <c r="N638582" s="10"/>
    </row>
    <row r="638583" spans="14:14">
      <c r="N638583" s="10"/>
    </row>
    <row r="638584" spans="14:14">
      <c r="N638584" s="10"/>
    </row>
    <row r="638585" spans="14:14">
      <c r="N638585" s="10"/>
    </row>
    <row r="638586" spans="14:14">
      <c r="N638586" s="10"/>
    </row>
    <row r="638587" spans="14:14">
      <c r="N638587" s="10"/>
    </row>
    <row r="638588" spans="14:14">
      <c r="N638588" s="10"/>
    </row>
    <row r="638589" spans="14:14">
      <c r="N638589" s="10"/>
    </row>
    <row r="638590" spans="14:14">
      <c r="N638590" s="10"/>
    </row>
    <row r="638591" spans="14:14">
      <c r="N638591" s="10"/>
    </row>
    <row r="638592" spans="14:14">
      <c r="N638592" s="10"/>
    </row>
    <row r="638593" spans="14:14">
      <c r="N638593" s="10"/>
    </row>
    <row r="638594" spans="14:14">
      <c r="N638594" s="10"/>
    </row>
    <row r="638595" spans="14:14">
      <c r="N638595" s="10"/>
    </row>
    <row r="638596" spans="14:14">
      <c r="N638596" s="10"/>
    </row>
    <row r="638597" spans="14:14">
      <c r="N638597" s="10"/>
    </row>
    <row r="638598" spans="14:14">
      <c r="N638598" s="10"/>
    </row>
    <row r="638599" spans="14:14">
      <c r="N638599" s="10"/>
    </row>
    <row r="638600" spans="14:14">
      <c r="N638600" s="10"/>
    </row>
    <row r="638601" spans="14:14">
      <c r="N638601" s="10"/>
    </row>
    <row r="638602" spans="14:14">
      <c r="N638602" s="10"/>
    </row>
    <row r="638603" spans="14:14">
      <c r="N638603" s="10"/>
    </row>
    <row r="638604" spans="14:14">
      <c r="N638604" s="10"/>
    </row>
    <row r="638605" spans="14:14">
      <c r="N638605" s="10"/>
    </row>
    <row r="638606" spans="14:14">
      <c r="N638606" s="10"/>
    </row>
    <row r="638607" spans="14:14">
      <c r="N638607" s="10"/>
    </row>
    <row r="638608" spans="14:14">
      <c r="N638608" s="10"/>
    </row>
    <row r="638609" spans="14:14">
      <c r="N638609" s="10"/>
    </row>
    <row r="638610" spans="14:14">
      <c r="N638610" s="10"/>
    </row>
    <row r="638611" spans="14:14">
      <c r="N638611" s="10"/>
    </row>
    <row r="638612" spans="14:14">
      <c r="N638612" s="10"/>
    </row>
    <row r="638613" spans="14:14">
      <c r="N638613" s="10"/>
    </row>
    <row r="638614" spans="14:14">
      <c r="N638614" s="10"/>
    </row>
    <row r="638615" spans="14:14">
      <c r="N638615" s="10"/>
    </row>
    <row r="638616" spans="14:14">
      <c r="N638616" s="10"/>
    </row>
    <row r="638617" spans="14:14">
      <c r="N638617" s="10"/>
    </row>
    <row r="638618" spans="14:14">
      <c r="N638618" s="10"/>
    </row>
    <row r="638619" spans="14:14">
      <c r="N638619" s="10"/>
    </row>
    <row r="638620" spans="14:14">
      <c r="N638620" s="10"/>
    </row>
    <row r="638621" spans="14:14">
      <c r="N638621" s="10"/>
    </row>
    <row r="638622" spans="14:14">
      <c r="N638622" s="10"/>
    </row>
    <row r="638623" spans="14:14">
      <c r="N638623" s="10"/>
    </row>
    <row r="638624" spans="14:14">
      <c r="N638624" s="10"/>
    </row>
    <row r="638625" spans="14:14">
      <c r="N638625" s="10"/>
    </row>
    <row r="638626" spans="14:14">
      <c r="N638626" s="10"/>
    </row>
    <row r="638627" spans="14:14">
      <c r="N638627" s="10"/>
    </row>
    <row r="638628" spans="14:14">
      <c r="N638628" s="10"/>
    </row>
    <row r="638629" spans="14:14">
      <c r="N638629" s="10"/>
    </row>
    <row r="638630" spans="14:14">
      <c r="N638630" s="10"/>
    </row>
    <row r="638631" spans="14:14">
      <c r="N638631" s="10"/>
    </row>
    <row r="638632" spans="14:14">
      <c r="N638632" s="10"/>
    </row>
    <row r="638633" spans="14:14">
      <c r="N638633" s="10"/>
    </row>
    <row r="638634" spans="14:14">
      <c r="N638634" s="10"/>
    </row>
    <row r="638635" spans="14:14">
      <c r="N638635" s="10"/>
    </row>
    <row r="638636" spans="14:14">
      <c r="N638636" s="10"/>
    </row>
    <row r="638637" spans="14:14">
      <c r="N638637" s="10"/>
    </row>
    <row r="638638" spans="14:14">
      <c r="N638638" s="10"/>
    </row>
    <row r="638639" spans="14:14">
      <c r="N638639" s="10"/>
    </row>
    <row r="638640" spans="14:14">
      <c r="N638640" s="10"/>
    </row>
    <row r="638641" spans="14:14">
      <c r="N638641" s="10"/>
    </row>
    <row r="638642" spans="14:14">
      <c r="N638642" s="10"/>
    </row>
    <row r="638643" spans="14:14">
      <c r="N638643" s="10"/>
    </row>
    <row r="638644" spans="14:14">
      <c r="N638644" s="10"/>
    </row>
    <row r="638645" spans="14:14">
      <c r="N638645" s="10"/>
    </row>
    <row r="638646" spans="14:14">
      <c r="N638646" s="10"/>
    </row>
    <row r="638647" spans="14:14">
      <c r="N638647" s="10"/>
    </row>
    <row r="638648" spans="14:14">
      <c r="N638648" s="10"/>
    </row>
    <row r="638649" spans="14:14">
      <c r="N638649" s="10"/>
    </row>
    <row r="638650" spans="14:14">
      <c r="N638650" s="10"/>
    </row>
    <row r="638651" spans="14:14">
      <c r="N638651" s="10"/>
    </row>
    <row r="638652" spans="14:14">
      <c r="N638652" s="10"/>
    </row>
    <row r="638653" spans="14:14">
      <c r="N638653" s="10"/>
    </row>
    <row r="638654" spans="14:14">
      <c r="N638654" s="10"/>
    </row>
    <row r="638655" spans="14:14">
      <c r="N638655" s="10"/>
    </row>
    <row r="638656" spans="14:14">
      <c r="N638656" s="10"/>
    </row>
    <row r="638657" spans="14:14">
      <c r="N638657" s="10"/>
    </row>
    <row r="638658" spans="14:14">
      <c r="N638658" s="10"/>
    </row>
    <row r="638659" spans="14:14">
      <c r="N638659" s="10"/>
    </row>
    <row r="638660" spans="14:14">
      <c r="N638660" s="10"/>
    </row>
    <row r="638661" spans="14:14">
      <c r="N638661" s="10"/>
    </row>
    <row r="638662" spans="14:14">
      <c r="N638662" s="10"/>
    </row>
    <row r="638663" spans="14:14">
      <c r="N638663" s="10"/>
    </row>
    <row r="638664" spans="14:14">
      <c r="N638664" s="10"/>
    </row>
    <row r="638665" spans="14:14">
      <c r="N638665" s="10"/>
    </row>
    <row r="638666" spans="14:14">
      <c r="N638666" s="10"/>
    </row>
    <row r="638667" spans="14:14">
      <c r="N638667" s="10"/>
    </row>
    <row r="638668" spans="14:14">
      <c r="N638668" s="10"/>
    </row>
    <row r="638669" spans="14:14">
      <c r="N638669" s="10"/>
    </row>
    <row r="638670" spans="14:14">
      <c r="N638670" s="10"/>
    </row>
    <row r="638671" spans="14:14">
      <c r="N638671" s="10"/>
    </row>
    <row r="638672" spans="14:14">
      <c r="N638672" s="10"/>
    </row>
    <row r="638673" spans="14:14">
      <c r="N638673" s="10"/>
    </row>
    <row r="638674" spans="14:14">
      <c r="N638674" s="10"/>
    </row>
    <row r="638675" spans="14:14">
      <c r="N638675" s="10"/>
    </row>
    <row r="638676" spans="14:14">
      <c r="N638676" s="10"/>
    </row>
    <row r="638677" spans="14:14">
      <c r="N638677" s="10"/>
    </row>
    <row r="638678" spans="14:14">
      <c r="N638678" s="10"/>
    </row>
    <row r="638679" spans="14:14">
      <c r="N638679" s="10"/>
    </row>
    <row r="638680" spans="14:14">
      <c r="N638680" s="10"/>
    </row>
    <row r="638681" spans="14:14">
      <c r="N638681" s="10"/>
    </row>
    <row r="638682" spans="14:14">
      <c r="N638682" s="10"/>
    </row>
    <row r="638683" spans="14:14">
      <c r="N638683" s="10"/>
    </row>
    <row r="638684" spans="14:14">
      <c r="N638684" s="10"/>
    </row>
    <row r="638685" spans="14:14">
      <c r="N638685" s="10"/>
    </row>
    <row r="638686" spans="14:14">
      <c r="N638686" s="10"/>
    </row>
    <row r="638687" spans="14:14">
      <c r="N638687" s="10"/>
    </row>
    <row r="638688" spans="14:14">
      <c r="N638688" s="10"/>
    </row>
    <row r="638689" spans="14:14">
      <c r="N638689" s="10"/>
    </row>
    <row r="638690" spans="14:14">
      <c r="N638690" s="10"/>
    </row>
    <row r="638691" spans="14:14">
      <c r="N638691" s="10"/>
    </row>
    <row r="638692" spans="14:14">
      <c r="N638692" s="10"/>
    </row>
    <row r="638693" spans="14:14">
      <c r="N638693" s="10"/>
    </row>
    <row r="638694" spans="14:14">
      <c r="N638694" s="10"/>
    </row>
    <row r="638695" spans="14:14">
      <c r="N638695" s="10"/>
    </row>
    <row r="638696" spans="14:14">
      <c r="N638696" s="10"/>
    </row>
    <row r="638697" spans="14:14">
      <c r="N638697" s="10"/>
    </row>
    <row r="638698" spans="14:14">
      <c r="N638698" s="10"/>
    </row>
    <row r="638699" spans="14:14">
      <c r="N638699" s="10"/>
    </row>
    <row r="638700" spans="14:14">
      <c r="N638700" s="10"/>
    </row>
    <row r="638701" spans="14:14">
      <c r="N638701" s="10"/>
    </row>
    <row r="638702" spans="14:14">
      <c r="N638702" s="10"/>
    </row>
    <row r="638703" spans="14:14">
      <c r="N638703" s="10"/>
    </row>
    <row r="638704" spans="14:14">
      <c r="N638704" s="10"/>
    </row>
    <row r="638705" spans="14:14">
      <c r="N638705" s="10"/>
    </row>
    <row r="638706" spans="14:14">
      <c r="N638706" s="10"/>
    </row>
    <row r="638707" spans="14:14">
      <c r="N638707" s="10"/>
    </row>
    <row r="638708" spans="14:14">
      <c r="N638708" s="10"/>
    </row>
    <row r="638709" spans="14:14">
      <c r="N638709" s="10"/>
    </row>
    <row r="638710" spans="14:14">
      <c r="N638710" s="10"/>
    </row>
    <row r="638711" spans="14:14">
      <c r="N638711" s="10"/>
    </row>
    <row r="638712" spans="14:14">
      <c r="N638712" s="10"/>
    </row>
    <row r="638713" spans="14:14">
      <c r="N638713" s="10"/>
    </row>
    <row r="638714" spans="14:14">
      <c r="N638714" s="10"/>
    </row>
    <row r="638715" spans="14:14">
      <c r="N638715" s="10"/>
    </row>
    <row r="638716" spans="14:14">
      <c r="N638716" s="10"/>
    </row>
    <row r="638717" spans="14:14">
      <c r="N638717" s="10"/>
    </row>
    <row r="638718" spans="14:14">
      <c r="N638718" s="10"/>
    </row>
    <row r="638719" spans="14:14">
      <c r="N638719" s="10"/>
    </row>
    <row r="638720" spans="14:14">
      <c r="N638720" s="10"/>
    </row>
    <row r="638721" spans="14:14">
      <c r="N638721" s="10"/>
    </row>
    <row r="638722" spans="14:14">
      <c r="N638722" s="10"/>
    </row>
    <row r="638723" spans="14:14">
      <c r="N638723" s="10"/>
    </row>
    <row r="638724" spans="14:14">
      <c r="N638724" s="10"/>
    </row>
    <row r="638725" spans="14:14">
      <c r="N638725" s="10"/>
    </row>
    <row r="638726" spans="14:14">
      <c r="N638726" s="10"/>
    </row>
    <row r="638727" spans="14:14">
      <c r="N638727" s="10"/>
    </row>
    <row r="638728" spans="14:14">
      <c r="N638728" s="10"/>
    </row>
    <row r="638729" spans="14:14">
      <c r="N638729" s="10"/>
    </row>
    <row r="638730" spans="14:14">
      <c r="N638730" s="10"/>
    </row>
    <row r="638731" spans="14:14">
      <c r="N638731" s="10"/>
    </row>
    <row r="638732" spans="14:14">
      <c r="N638732" s="10"/>
    </row>
    <row r="638733" spans="14:14">
      <c r="N638733" s="10"/>
    </row>
    <row r="638734" spans="14:14">
      <c r="N638734" s="10"/>
    </row>
    <row r="638735" spans="14:14">
      <c r="N638735" s="10"/>
    </row>
    <row r="638736" spans="14:14">
      <c r="N638736" s="10"/>
    </row>
    <row r="638737" spans="14:14">
      <c r="N638737" s="10"/>
    </row>
    <row r="638738" spans="14:14">
      <c r="N638738" s="10"/>
    </row>
    <row r="638739" spans="14:14">
      <c r="N638739" s="10"/>
    </row>
    <row r="638740" spans="14:14">
      <c r="N638740" s="10"/>
    </row>
    <row r="638741" spans="14:14">
      <c r="N638741" s="10"/>
    </row>
    <row r="638742" spans="14:14">
      <c r="N638742" s="10"/>
    </row>
    <row r="638743" spans="14:14">
      <c r="N638743" s="10"/>
    </row>
    <row r="638744" spans="14:14">
      <c r="N638744" s="10"/>
    </row>
    <row r="638745" spans="14:14">
      <c r="N638745" s="10"/>
    </row>
    <row r="638746" spans="14:14">
      <c r="N638746" s="10"/>
    </row>
    <row r="638747" spans="14:14">
      <c r="N638747" s="10"/>
    </row>
    <row r="638748" spans="14:14">
      <c r="N638748" s="10"/>
    </row>
    <row r="638749" spans="14:14">
      <c r="N638749" s="10"/>
    </row>
    <row r="638750" spans="14:14">
      <c r="N638750" s="10"/>
    </row>
    <row r="638751" spans="14:14">
      <c r="N638751" s="10"/>
    </row>
    <row r="638752" spans="14:14">
      <c r="N638752" s="10"/>
    </row>
    <row r="638753" spans="14:14">
      <c r="N638753" s="10"/>
    </row>
    <row r="638754" spans="14:14">
      <c r="N638754" s="10"/>
    </row>
    <row r="638755" spans="14:14">
      <c r="N638755" s="10"/>
    </row>
    <row r="638756" spans="14:14">
      <c r="N638756" s="10"/>
    </row>
    <row r="638757" spans="14:14">
      <c r="N638757" s="10"/>
    </row>
    <row r="638758" spans="14:14">
      <c r="N638758" s="10"/>
    </row>
    <row r="638759" spans="14:14">
      <c r="N638759" s="10"/>
    </row>
    <row r="638760" spans="14:14">
      <c r="N638760" s="10"/>
    </row>
    <row r="638761" spans="14:14">
      <c r="N638761" s="10"/>
    </row>
    <row r="638762" spans="14:14">
      <c r="N638762" s="10"/>
    </row>
    <row r="638763" spans="14:14">
      <c r="N638763" s="10"/>
    </row>
    <row r="638764" spans="14:14">
      <c r="N638764" s="10"/>
    </row>
    <row r="638765" spans="14:14">
      <c r="N638765" s="10"/>
    </row>
    <row r="638766" spans="14:14">
      <c r="N638766" s="10"/>
    </row>
    <row r="638767" spans="14:14">
      <c r="N638767" s="10"/>
    </row>
    <row r="638768" spans="14:14">
      <c r="N638768" s="10"/>
    </row>
    <row r="638769" spans="14:14">
      <c r="N638769" s="10"/>
    </row>
    <row r="638770" spans="14:14">
      <c r="N638770" s="10"/>
    </row>
    <row r="638771" spans="14:14">
      <c r="N638771" s="10"/>
    </row>
    <row r="638772" spans="14:14">
      <c r="N638772" s="10"/>
    </row>
    <row r="638773" spans="14:14">
      <c r="N638773" s="10"/>
    </row>
    <row r="638774" spans="14:14">
      <c r="N638774" s="10"/>
    </row>
    <row r="638775" spans="14:14">
      <c r="N638775" s="10"/>
    </row>
    <row r="638776" spans="14:14">
      <c r="N638776" s="10"/>
    </row>
    <row r="638777" spans="14:14">
      <c r="N638777" s="10"/>
    </row>
    <row r="638778" spans="14:14">
      <c r="N638778" s="10"/>
    </row>
    <row r="638779" spans="14:14">
      <c r="N638779" s="10"/>
    </row>
    <row r="638780" spans="14:14">
      <c r="N638780" s="10"/>
    </row>
    <row r="638781" spans="14:14">
      <c r="N638781" s="10"/>
    </row>
    <row r="638782" spans="14:14">
      <c r="N638782" s="10"/>
    </row>
    <row r="638783" spans="14:14">
      <c r="N638783" s="10"/>
    </row>
    <row r="638784" spans="14:14">
      <c r="N638784" s="10"/>
    </row>
    <row r="638785" spans="14:14">
      <c r="N638785" s="10"/>
    </row>
    <row r="638786" spans="14:14">
      <c r="N638786" s="10"/>
    </row>
    <row r="638787" spans="14:14">
      <c r="N638787" s="10"/>
    </row>
    <row r="638788" spans="14:14">
      <c r="N638788" s="10"/>
    </row>
    <row r="638789" spans="14:14">
      <c r="N638789" s="10"/>
    </row>
    <row r="638790" spans="14:14">
      <c r="N638790" s="10"/>
    </row>
    <row r="638791" spans="14:14">
      <c r="N638791" s="10"/>
    </row>
    <row r="638792" spans="14:14">
      <c r="N638792" s="10"/>
    </row>
    <row r="638793" spans="14:14">
      <c r="N638793" s="10"/>
    </row>
    <row r="638794" spans="14:14">
      <c r="N638794" s="10"/>
    </row>
    <row r="638795" spans="14:14">
      <c r="N638795" s="10"/>
    </row>
    <row r="638796" spans="14:14">
      <c r="N638796" s="10"/>
    </row>
    <row r="638797" spans="14:14">
      <c r="N638797" s="10"/>
    </row>
    <row r="638798" spans="14:14">
      <c r="N638798" s="10"/>
    </row>
    <row r="638799" spans="14:14">
      <c r="N638799" s="10"/>
    </row>
    <row r="638800" spans="14:14">
      <c r="N638800" s="10"/>
    </row>
    <row r="638801" spans="14:14">
      <c r="N638801" s="10"/>
    </row>
    <row r="638802" spans="14:14">
      <c r="N638802" s="10"/>
    </row>
    <row r="638803" spans="14:14">
      <c r="N638803" s="10"/>
    </row>
    <row r="638804" spans="14:14">
      <c r="N638804" s="10"/>
    </row>
    <row r="638805" spans="14:14">
      <c r="N638805" s="10"/>
    </row>
    <row r="638806" spans="14:14">
      <c r="N638806" s="10"/>
    </row>
    <row r="638807" spans="14:14">
      <c r="N638807" s="10"/>
    </row>
    <row r="638808" spans="14:14">
      <c r="N638808" s="10"/>
    </row>
    <row r="638809" spans="14:14">
      <c r="N638809" s="10"/>
    </row>
    <row r="638810" spans="14:14">
      <c r="N638810" s="10"/>
    </row>
    <row r="638811" spans="14:14">
      <c r="N638811" s="10"/>
    </row>
    <row r="638812" spans="14:14">
      <c r="N638812" s="10"/>
    </row>
    <row r="638813" spans="14:14">
      <c r="N638813" s="10"/>
    </row>
    <row r="638814" spans="14:14">
      <c r="N638814" s="10"/>
    </row>
    <row r="638815" spans="14:14">
      <c r="N638815" s="10"/>
    </row>
    <row r="638816" spans="14:14">
      <c r="N638816" s="10"/>
    </row>
    <row r="638817" spans="14:14">
      <c r="N638817" s="10"/>
    </row>
    <row r="638818" spans="14:14">
      <c r="N638818" s="10"/>
    </row>
    <row r="638819" spans="14:14">
      <c r="N638819" s="10"/>
    </row>
    <row r="638820" spans="14:14">
      <c r="N638820" s="10"/>
    </row>
    <row r="638821" spans="14:14">
      <c r="N638821" s="10"/>
    </row>
    <row r="638822" spans="14:14">
      <c r="N638822" s="10"/>
    </row>
    <row r="638823" spans="14:14">
      <c r="N638823" s="10"/>
    </row>
    <row r="638824" spans="14:14">
      <c r="N638824" s="10"/>
    </row>
    <row r="638825" spans="14:14">
      <c r="N638825" s="10"/>
    </row>
    <row r="638826" spans="14:14">
      <c r="N638826" s="10"/>
    </row>
    <row r="638827" spans="14:14">
      <c r="N638827" s="10"/>
    </row>
    <row r="638828" spans="14:14">
      <c r="N638828" s="10"/>
    </row>
    <row r="638829" spans="14:14">
      <c r="N638829" s="10"/>
    </row>
    <row r="638830" spans="14:14">
      <c r="N638830" s="10"/>
    </row>
    <row r="638831" spans="14:14">
      <c r="N638831" s="10"/>
    </row>
    <row r="638832" spans="14:14">
      <c r="N638832" s="10"/>
    </row>
    <row r="638833" spans="14:14">
      <c r="N638833" s="10"/>
    </row>
    <row r="638834" spans="14:14">
      <c r="N638834" s="10"/>
    </row>
    <row r="638835" spans="14:14">
      <c r="N638835" s="10"/>
    </row>
    <row r="638836" spans="14:14">
      <c r="N638836" s="10"/>
    </row>
    <row r="638837" spans="14:14">
      <c r="N638837" s="10"/>
    </row>
    <row r="638838" spans="14:14">
      <c r="N638838" s="10"/>
    </row>
    <row r="638839" spans="14:14">
      <c r="N638839" s="10"/>
    </row>
    <row r="638840" spans="14:14">
      <c r="N638840" s="10"/>
    </row>
    <row r="638841" spans="14:14">
      <c r="N638841" s="10"/>
    </row>
    <row r="638842" spans="14:14">
      <c r="N638842" s="10"/>
    </row>
    <row r="638843" spans="14:14">
      <c r="N638843" s="10"/>
    </row>
    <row r="638844" spans="14:14">
      <c r="N638844" s="10"/>
    </row>
    <row r="638845" spans="14:14">
      <c r="N638845" s="10"/>
    </row>
    <row r="638846" spans="14:14">
      <c r="N638846" s="10"/>
    </row>
    <row r="638847" spans="14:14">
      <c r="N638847" s="10"/>
    </row>
    <row r="638848" spans="14:14">
      <c r="N638848" s="10"/>
    </row>
    <row r="638849" spans="14:14">
      <c r="N638849" s="10"/>
    </row>
    <row r="638850" spans="14:14">
      <c r="N638850" s="10"/>
    </row>
    <row r="638851" spans="14:14">
      <c r="N638851" s="10"/>
    </row>
    <row r="638852" spans="14:14">
      <c r="N638852" s="10"/>
    </row>
    <row r="638853" spans="14:14">
      <c r="N638853" s="10"/>
    </row>
    <row r="638854" spans="14:14">
      <c r="N638854" s="10"/>
    </row>
    <row r="638855" spans="14:14">
      <c r="N638855" s="10"/>
    </row>
    <row r="638856" spans="14:14">
      <c r="N638856" s="10"/>
    </row>
    <row r="638857" spans="14:14">
      <c r="N638857" s="10"/>
    </row>
    <row r="638858" spans="14:14">
      <c r="N638858" s="10"/>
    </row>
    <row r="638859" spans="14:14">
      <c r="N638859" s="10"/>
    </row>
    <row r="638860" spans="14:14">
      <c r="N638860" s="10"/>
    </row>
    <row r="638861" spans="14:14">
      <c r="N638861" s="10"/>
    </row>
    <row r="638862" spans="14:14">
      <c r="N638862" s="10"/>
    </row>
    <row r="638863" spans="14:14">
      <c r="N638863" s="10"/>
    </row>
    <row r="638864" spans="14:14">
      <c r="N638864" s="10"/>
    </row>
    <row r="638865" spans="14:14">
      <c r="N638865" s="10"/>
    </row>
    <row r="638866" spans="14:14">
      <c r="N638866" s="10"/>
    </row>
    <row r="638867" spans="14:14">
      <c r="N638867" s="10"/>
    </row>
    <row r="638868" spans="14:14">
      <c r="N638868" s="10"/>
    </row>
    <row r="638869" spans="14:14">
      <c r="N638869" s="10"/>
    </row>
    <row r="638870" spans="14:14">
      <c r="N638870" s="10"/>
    </row>
    <row r="638871" spans="14:14">
      <c r="N638871" s="10"/>
    </row>
    <row r="638872" spans="14:14">
      <c r="N638872" s="10"/>
    </row>
    <row r="638873" spans="14:14">
      <c r="N638873" s="10"/>
    </row>
    <row r="638874" spans="14:14">
      <c r="N638874" s="10"/>
    </row>
    <row r="638875" spans="14:14">
      <c r="N638875" s="10"/>
    </row>
    <row r="638876" spans="14:14">
      <c r="N638876" s="10"/>
    </row>
    <row r="638877" spans="14:14">
      <c r="N638877" s="10"/>
    </row>
    <row r="638878" spans="14:14">
      <c r="N638878" s="10"/>
    </row>
    <row r="638879" spans="14:14">
      <c r="N638879" s="10"/>
    </row>
    <row r="638880" spans="14:14">
      <c r="N638880" s="10"/>
    </row>
    <row r="638881" spans="14:14">
      <c r="N638881" s="10"/>
    </row>
    <row r="638882" spans="14:14">
      <c r="N638882" s="10"/>
    </row>
    <row r="638883" spans="14:14">
      <c r="N638883" s="10"/>
    </row>
    <row r="638884" spans="14:14">
      <c r="N638884" s="10"/>
    </row>
    <row r="638885" spans="14:14">
      <c r="N638885" s="10"/>
    </row>
    <row r="638886" spans="14:14">
      <c r="N638886" s="10"/>
    </row>
    <row r="638887" spans="14:14">
      <c r="N638887" s="10"/>
    </row>
    <row r="638888" spans="14:14">
      <c r="N638888" s="10"/>
    </row>
    <row r="638889" spans="14:14">
      <c r="N638889" s="10"/>
    </row>
    <row r="638890" spans="14:14">
      <c r="N638890" s="10"/>
    </row>
    <row r="638891" spans="14:14">
      <c r="N638891" s="10"/>
    </row>
    <row r="638892" spans="14:14">
      <c r="N638892" s="10"/>
    </row>
    <row r="638893" spans="14:14">
      <c r="N638893" s="10"/>
    </row>
    <row r="638894" spans="14:14">
      <c r="N638894" s="10"/>
    </row>
    <row r="638895" spans="14:14">
      <c r="N638895" s="10"/>
    </row>
    <row r="638896" spans="14:14">
      <c r="N638896" s="10"/>
    </row>
    <row r="638897" spans="14:14">
      <c r="N638897" s="10"/>
    </row>
    <row r="638898" spans="14:14">
      <c r="N638898" s="10"/>
    </row>
    <row r="638899" spans="14:14">
      <c r="N638899" s="10"/>
    </row>
    <row r="638900" spans="14:14">
      <c r="N638900" s="10"/>
    </row>
    <row r="638901" spans="14:14">
      <c r="N638901" s="10"/>
    </row>
    <row r="638902" spans="14:14">
      <c r="N638902" s="10"/>
    </row>
    <row r="638903" spans="14:14">
      <c r="N638903" s="10"/>
    </row>
    <row r="638904" spans="14:14">
      <c r="N638904" s="10"/>
    </row>
    <row r="638905" spans="14:14">
      <c r="N638905" s="10"/>
    </row>
    <row r="638906" spans="14:14">
      <c r="N638906" s="10"/>
    </row>
    <row r="638907" spans="14:14">
      <c r="N638907" s="10"/>
    </row>
    <row r="638908" spans="14:14">
      <c r="N638908" s="10"/>
    </row>
    <row r="638909" spans="14:14">
      <c r="N638909" s="10"/>
    </row>
    <row r="638910" spans="14:14">
      <c r="N638910" s="10"/>
    </row>
    <row r="638911" spans="14:14">
      <c r="N638911" s="10"/>
    </row>
    <row r="638912" spans="14:14">
      <c r="N638912" s="10"/>
    </row>
    <row r="638913" spans="14:14">
      <c r="N638913" s="10"/>
    </row>
    <row r="638914" spans="14:14">
      <c r="N638914" s="10"/>
    </row>
    <row r="638915" spans="14:14">
      <c r="N638915" s="10"/>
    </row>
    <row r="638916" spans="14:14">
      <c r="N638916" s="10"/>
    </row>
    <row r="638917" spans="14:14">
      <c r="N638917" s="10"/>
    </row>
    <row r="638918" spans="14:14">
      <c r="N638918" s="10"/>
    </row>
    <row r="638919" spans="14:14">
      <c r="N638919" s="10"/>
    </row>
    <row r="638920" spans="14:14">
      <c r="N638920" s="10"/>
    </row>
    <row r="638921" spans="14:14">
      <c r="N638921" s="10"/>
    </row>
    <row r="638922" spans="14:14">
      <c r="N638922" s="10"/>
    </row>
    <row r="638923" spans="14:14">
      <c r="N638923" s="10"/>
    </row>
    <row r="638924" spans="14:14">
      <c r="N638924" s="10"/>
    </row>
    <row r="638925" spans="14:14">
      <c r="N638925" s="10"/>
    </row>
    <row r="638926" spans="14:14">
      <c r="N638926" s="10"/>
    </row>
    <row r="638927" spans="14:14">
      <c r="N638927" s="10"/>
    </row>
    <row r="638928" spans="14:14">
      <c r="N638928" s="10"/>
    </row>
    <row r="638929" spans="14:14">
      <c r="N638929" s="10"/>
    </row>
    <row r="638930" spans="14:14">
      <c r="N638930" s="10"/>
    </row>
    <row r="638931" spans="14:14">
      <c r="N638931" s="10"/>
    </row>
    <row r="638932" spans="14:14">
      <c r="N638932" s="10"/>
    </row>
    <row r="638933" spans="14:14">
      <c r="N638933" s="10"/>
    </row>
    <row r="638934" spans="14:14">
      <c r="N638934" s="10"/>
    </row>
    <row r="638935" spans="14:14">
      <c r="N638935" s="10"/>
    </row>
    <row r="638936" spans="14:14">
      <c r="N638936" s="10"/>
    </row>
    <row r="638937" spans="14:14">
      <c r="N638937" s="10"/>
    </row>
    <row r="638938" spans="14:14">
      <c r="N638938" s="10"/>
    </row>
    <row r="638939" spans="14:14">
      <c r="N638939" s="10"/>
    </row>
    <row r="638940" spans="14:14">
      <c r="N638940" s="10"/>
    </row>
    <row r="638941" spans="14:14">
      <c r="N638941" s="10"/>
    </row>
    <row r="638942" spans="14:14">
      <c r="N638942" s="10"/>
    </row>
    <row r="638943" spans="14:14">
      <c r="N638943" s="10"/>
    </row>
    <row r="638944" spans="14:14">
      <c r="N638944" s="10"/>
    </row>
    <row r="638945" spans="14:14">
      <c r="N638945" s="10"/>
    </row>
    <row r="638946" spans="14:14">
      <c r="N638946" s="10"/>
    </row>
    <row r="638947" spans="14:14">
      <c r="N638947" s="10"/>
    </row>
    <row r="638948" spans="14:14">
      <c r="N638948" s="10"/>
    </row>
    <row r="638949" spans="14:14">
      <c r="N638949" s="10"/>
    </row>
    <row r="638950" spans="14:14">
      <c r="N638950" s="10"/>
    </row>
    <row r="638951" spans="14:14">
      <c r="N638951" s="10"/>
    </row>
    <row r="638952" spans="14:14">
      <c r="N638952" s="10"/>
    </row>
    <row r="638953" spans="14:14">
      <c r="N638953" s="10"/>
    </row>
    <row r="638954" spans="14:14">
      <c r="N638954" s="10"/>
    </row>
    <row r="638955" spans="14:14">
      <c r="N638955" s="10"/>
    </row>
    <row r="638956" spans="14:14">
      <c r="N638956" s="10"/>
    </row>
    <row r="638957" spans="14:14">
      <c r="N638957" s="10"/>
    </row>
    <row r="638958" spans="14:14">
      <c r="N638958" s="10"/>
    </row>
    <row r="638959" spans="14:14">
      <c r="N638959" s="10"/>
    </row>
    <row r="638960" spans="14:14">
      <c r="N638960" s="10"/>
    </row>
    <row r="638961" spans="14:14">
      <c r="N638961" s="10"/>
    </row>
    <row r="638962" spans="14:14">
      <c r="N638962" s="10"/>
    </row>
    <row r="638963" spans="14:14">
      <c r="N638963" s="10"/>
    </row>
    <row r="638964" spans="14:14">
      <c r="N638964" s="10"/>
    </row>
    <row r="638965" spans="14:14">
      <c r="N638965" s="10"/>
    </row>
    <row r="638966" spans="14:14">
      <c r="N638966" s="10"/>
    </row>
    <row r="638967" spans="14:14">
      <c r="N638967" s="10"/>
    </row>
    <row r="638968" spans="14:14">
      <c r="N638968" s="10"/>
    </row>
    <row r="638969" spans="14:14">
      <c r="N638969" s="10"/>
    </row>
    <row r="638970" spans="14:14">
      <c r="N638970" s="10"/>
    </row>
    <row r="638971" spans="14:14">
      <c r="N638971" s="10"/>
    </row>
    <row r="638972" spans="14:14">
      <c r="N638972" s="10"/>
    </row>
    <row r="638973" spans="14:14">
      <c r="N638973" s="10"/>
    </row>
    <row r="638974" spans="14:14">
      <c r="N638974" s="10"/>
    </row>
    <row r="638975" spans="14:14">
      <c r="N638975" s="10"/>
    </row>
    <row r="638976" spans="14:14">
      <c r="N638976" s="10"/>
    </row>
    <row r="638977" spans="14:14">
      <c r="N638977" s="10"/>
    </row>
    <row r="638978" spans="14:14">
      <c r="N638978" s="10"/>
    </row>
    <row r="638979" spans="14:14">
      <c r="N638979" s="10"/>
    </row>
    <row r="638980" spans="14:14">
      <c r="N638980" s="10"/>
    </row>
    <row r="638981" spans="14:14">
      <c r="N638981" s="10"/>
    </row>
    <row r="638982" spans="14:14">
      <c r="N638982" s="10"/>
    </row>
    <row r="638983" spans="14:14">
      <c r="N638983" s="10"/>
    </row>
    <row r="638984" spans="14:14">
      <c r="N638984" s="10"/>
    </row>
    <row r="638985" spans="14:14">
      <c r="N638985" s="10"/>
    </row>
    <row r="638986" spans="14:14">
      <c r="N638986" s="10"/>
    </row>
    <row r="638987" spans="14:14">
      <c r="N638987" s="10"/>
    </row>
    <row r="638988" spans="14:14">
      <c r="N638988" s="10"/>
    </row>
    <row r="638989" spans="14:14">
      <c r="N638989" s="10"/>
    </row>
    <row r="638990" spans="14:14">
      <c r="N638990" s="10"/>
    </row>
    <row r="638991" spans="14:14">
      <c r="N638991" s="10"/>
    </row>
    <row r="638992" spans="14:14">
      <c r="N638992" s="10"/>
    </row>
    <row r="638993" spans="14:14">
      <c r="N638993" s="10"/>
    </row>
    <row r="638994" spans="14:14">
      <c r="N638994" s="10"/>
    </row>
    <row r="638995" spans="14:14">
      <c r="N638995" s="10"/>
    </row>
    <row r="638996" spans="14:14">
      <c r="N638996" s="10"/>
    </row>
    <row r="638997" spans="14:14">
      <c r="N638997" s="10"/>
    </row>
    <row r="638998" spans="14:14">
      <c r="N638998" s="10"/>
    </row>
    <row r="638999" spans="14:14">
      <c r="N638999" s="10"/>
    </row>
    <row r="639000" spans="14:14">
      <c r="N639000" s="10"/>
    </row>
    <row r="639001" spans="14:14">
      <c r="N639001" s="10"/>
    </row>
    <row r="639002" spans="14:14">
      <c r="N639002" s="10"/>
    </row>
    <row r="639003" spans="14:14">
      <c r="N639003" s="10"/>
    </row>
    <row r="639004" spans="14:14">
      <c r="N639004" s="10"/>
    </row>
    <row r="639005" spans="14:14">
      <c r="N639005" s="10"/>
    </row>
    <row r="639006" spans="14:14">
      <c r="N639006" s="10"/>
    </row>
    <row r="639007" spans="14:14">
      <c r="N639007" s="10"/>
    </row>
    <row r="639008" spans="14:14">
      <c r="N639008" s="10"/>
    </row>
    <row r="639009" spans="14:14">
      <c r="N639009" s="10"/>
    </row>
    <row r="639010" spans="14:14">
      <c r="N639010" s="10"/>
    </row>
    <row r="639011" spans="14:14">
      <c r="N639011" s="10"/>
    </row>
    <row r="639012" spans="14:14">
      <c r="N639012" s="10"/>
    </row>
    <row r="639013" spans="14:14">
      <c r="N639013" s="10"/>
    </row>
    <row r="639014" spans="14:14">
      <c r="N639014" s="10"/>
    </row>
    <row r="639015" spans="14:14">
      <c r="N639015" s="10"/>
    </row>
    <row r="639016" spans="14:14">
      <c r="N639016" s="10"/>
    </row>
    <row r="639017" spans="14:14">
      <c r="N639017" s="10"/>
    </row>
    <row r="639018" spans="14:14">
      <c r="N639018" s="10"/>
    </row>
    <row r="639019" spans="14:14">
      <c r="N639019" s="10"/>
    </row>
    <row r="639020" spans="14:14">
      <c r="N639020" s="10"/>
    </row>
    <row r="639021" spans="14:14">
      <c r="N639021" s="10"/>
    </row>
    <row r="639022" spans="14:14">
      <c r="N639022" s="10"/>
    </row>
    <row r="639023" spans="14:14">
      <c r="N639023" s="10"/>
    </row>
    <row r="639024" spans="14:14">
      <c r="N639024" s="10"/>
    </row>
    <row r="639025" spans="14:14">
      <c r="N639025" s="10"/>
    </row>
    <row r="639026" spans="14:14">
      <c r="N639026" s="10"/>
    </row>
    <row r="639027" spans="14:14">
      <c r="N639027" s="10"/>
    </row>
    <row r="639028" spans="14:14">
      <c r="N639028" s="10"/>
    </row>
    <row r="639029" spans="14:14">
      <c r="N639029" s="10"/>
    </row>
    <row r="639030" spans="14:14">
      <c r="N639030" s="10"/>
    </row>
    <row r="639031" spans="14:14">
      <c r="N639031" s="10"/>
    </row>
    <row r="639032" spans="14:14">
      <c r="N639032" s="10"/>
    </row>
    <row r="639033" spans="14:14">
      <c r="N639033" s="10"/>
    </row>
    <row r="639034" spans="14:14">
      <c r="N639034" s="10"/>
    </row>
    <row r="639035" spans="14:14">
      <c r="N639035" s="10"/>
    </row>
    <row r="639036" spans="14:14">
      <c r="N639036" s="10"/>
    </row>
    <row r="639037" spans="14:14">
      <c r="N639037" s="10"/>
    </row>
    <row r="639038" spans="14:14">
      <c r="N639038" s="10"/>
    </row>
    <row r="639039" spans="14:14">
      <c r="N639039" s="10"/>
    </row>
    <row r="639040" spans="14:14">
      <c r="N639040" s="10"/>
    </row>
    <row r="639041" spans="14:14">
      <c r="N639041" s="10"/>
    </row>
    <row r="639042" spans="14:14">
      <c r="N639042" s="10"/>
    </row>
    <row r="639043" spans="14:14">
      <c r="N639043" s="10"/>
    </row>
    <row r="639044" spans="14:14">
      <c r="N639044" s="10"/>
    </row>
    <row r="639045" spans="14:14">
      <c r="N639045" s="10"/>
    </row>
    <row r="639046" spans="14:14">
      <c r="N639046" s="10"/>
    </row>
    <row r="639047" spans="14:14">
      <c r="N639047" s="10"/>
    </row>
    <row r="639048" spans="14:14">
      <c r="N639048" s="10"/>
    </row>
    <row r="639049" spans="14:14">
      <c r="N639049" s="10"/>
    </row>
    <row r="639050" spans="14:14">
      <c r="N639050" s="10"/>
    </row>
    <row r="639051" spans="14:14">
      <c r="N639051" s="10"/>
    </row>
    <row r="639052" spans="14:14">
      <c r="N639052" s="10"/>
    </row>
    <row r="639053" spans="14:14">
      <c r="N639053" s="10"/>
    </row>
    <row r="639054" spans="14:14">
      <c r="N639054" s="10"/>
    </row>
    <row r="639055" spans="14:14">
      <c r="N639055" s="10"/>
    </row>
    <row r="639056" spans="14:14">
      <c r="N639056" s="10"/>
    </row>
    <row r="639057" spans="14:14">
      <c r="N639057" s="10"/>
    </row>
    <row r="639058" spans="14:14">
      <c r="N639058" s="10"/>
    </row>
    <row r="639059" spans="14:14">
      <c r="N639059" s="10"/>
    </row>
    <row r="639060" spans="14:14">
      <c r="N639060" s="10"/>
    </row>
    <row r="639061" spans="14:14">
      <c r="N639061" s="10"/>
    </row>
    <row r="639062" spans="14:14">
      <c r="N639062" s="10"/>
    </row>
    <row r="639063" spans="14:14">
      <c r="N639063" s="10"/>
    </row>
    <row r="639064" spans="14:14">
      <c r="N639064" s="10"/>
    </row>
    <row r="639065" spans="14:14">
      <c r="N639065" s="10"/>
    </row>
    <row r="639066" spans="14:14">
      <c r="N639066" s="10"/>
    </row>
    <row r="639067" spans="14:14">
      <c r="N639067" s="10"/>
    </row>
    <row r="639068" spans="14:14">
      <c r="N639068" s="10"/>
    </row>
    <row r="639069" spans="14:14">
      <c r="N639069" s="10"/>
    </row>
    <row r="639070" spans="14:14">
      <c r="N639070" s="10"/>
    </row>
    <row r="639071" spans="14:14">
      <c r="N639071" s="10"/>
    </row>
    <row r="639072" spans="14:14">
      <c r="N639072" s="10"/>
    </row>
    <row r="639073" spans="14:14">
      <c r="N639073" s="10"/>
    </row>
    <row r="639074" spans="14:14">
      <c r="N639074" s="10"/>
    </row>
    <row r="639075" spans="14:14">
      <c r="N639075" s="10"/>
    </row>
    <row r="639076" spans="14:14">
      <c r="N639076" s="10"/>
    </row>
    <row r="639077" spans="14:14">
      <c r="N639077" s="10"/>
    </row>
    <row r="639078" spans="14:14">
      <c r="N639078" s="10"/>
    </row>
    <row r="639079" spans="14:14">
      <c r="N639079" s="10"/>
    </row>
    <row r="639080" spans="14:14">
      <c r="N639080" s="10"/>
    </row>
    <row r="639081" spans="14:14">
      <c r="N639081" s="10"/>
    </row>
    <row r="639082" spans="14:14">
      <c r="N639082" s="10"/>
    </row>
    <row r="639083" spans="14:14">
      <c r="N639083" s="10"/>
    </row>
    <row r="639084" spans="14:14">
      <c r="N639084" s="10"/>
    </row>
    <row r="639085" spans="14:14">
      <c r="N639085" s="10"/>
    </row>
    <row r="639086" spans="14:14">
      <c r="N639086" s="10"/>
    </row>
    <row r="639087" spans="14:14">
      <c r="N639087" s="10"/>
    </row>
    <row r="639088" spans="14:14">
      <c r="N639088" s="10"/>
    </row>
    <row r="639089" spans="14:14">
      <c r="N639089" s="10"/>
    </row>
    <row r="639090" spans="14:14">
      <c r="N639090" s="10"/>
    </row>
    <row r="639091" spans="14:14">
      <c r="N639091" s="10"/>
    </row>
    <row r="639092" spans="14:14">
      <c r="N639092" s="10"/>
    </row>
    <row r="639093" spans="14:14">
      <c r="N639093" s="10"/>
    </row>
    <row r="639094" spans="14:14">
      <c r="N639094" s="10"/>
    </row>
    <row r="639095" spans="14:14">
      <c r="N639095" s="10"/>
    </row>
    <row r="639096" spans="14:14">
      <c r="N639096" s="10"/>
    </row>
    <row r="639097" spans="14:14">
      <c r="N639097" s="10"/>
    </row>
    <row r="639098" spans="14:14">
      <c r="N639098" s="10"/>
    </row>
    <row r="639099" spans="14:14">
      <c r="N639099" s="10"/>
    </row>
    <row r="639100" spans="14:14">
      <c r="N639100" s="10"/>
    </row>
    <row r="639101" spans="14:14">
      <c r="N639101" s="10"/>
    </row>
    <row r="639102" spans="14:14">
      <c r="N639102" s="10"/>
    </row>
    <row r="639103" spans="14:14">
      <c r="N639103" s="10"/>
    </row>
    <row r="639104" spans="14:14">
      <c r="N639104" s="10"/>
    </row>
    <row r="639105" spans="14:14">
      <c r="N639105" s="10"/>
    </row>
    <row r="639106" spans="14:14">
      <c r="N639106" s="10"/>
    </row>
    <row r="639107" spans="14:14">
      <c r="N639107" s="10"/>
    </row>
    <row r="639108" spans="14:14">
      <c r="N639108" s="10"/>
    </row>
    <row r="639109" spans="14:14">
      <c r="N639109" s="10"/>
    </row>
    <row r="639110" spans="14:14">
      <c r="N639110" s="10"/>
    </row>
    <row r="639111" spans="14:14">
      <c r="N639111" s="10"/>
    </row>
    <row r="639112" spans="14:14">
      <c r="N639112" s="10"/>
    </row>
    <row r="639113" spans="14:14">
      <c r="N639113" s="10"/>
    </row>
    <row r="639114" spans="14:14">
      <c r="N639114" s="10"/>
    </row>
    <row r="639115" spans="14:14">
      <c r="N639115" s="10"/>
    </row>
    <row r="639116" spans="14:14">
      <c r="N639116" s="10"/>
    </row>
    <row r="639117" spans="14:14">
      <c r="N639117" s="10"/>
    </row>
    <row r="639118" spans="14:14">
      <c r="N639118" s="10"/>
    </row>
    <row r="639119" spans="14:14">
      <c r="N639119" s="10"/>
    </row>
    <row r="639120" spans="14:14">
      <c r="N639120" s="10"/>
    </row>
    <row r="639121" spans="14:14">
      <c r="N639121" s="10"/>
    </row>
    <row r="639122" spans="14:14">
      <c r="N639122" s="10"/>
    </row>
    <row r="639123" spans="14:14">
      <c r="N639123" s="10"/>
    </row>
    <row r="639124" spans="14:14">
      <c r="N639124" s="10"/>
    </row>
    <row r="639125" spans="14:14">
      <c r="N639125" s="10"/>
    </row>
    <row r="639126" spans="14:14">
      <c r="N639126" s="10"/>
    </row>
    <row r="639127" spans="14:14">
      <c r="N639127" s="10"/>
    </row>
    <row r="639128" spans="14:14">
      <c r="N639128" s="10"/>
    </row>
    <row r="639129" spans="14:14">
      <c r="N639129" s="10"/>
    </row>
    <row r="639130" spans="14:14">
      <c r="N639130" s="10"/>
    </row>
    <row r="639131" spans="14:14">
      <c r="N639131" s="10"/>
    </row>
    <row r="639132" spans="14:14">
      <c r="N639132" s="10"/>
    </row>
    <row r="639133" spans="14:14">
      <c r="N639133" s="10"/>
    </row>
    <row r="639134" spans="14:14">
      <c r="N639134" s="10"/>
    </row>
    <row r="639135" spans="14:14">
      <c r="N639135" s="10"/>
    </row>
    <row r="639136" spans="14:14">
      <c r="N639136" s="10"/>
    </row>
    <row r="639137" spans="14:14">
      <c r="N639137" s="10"/>
    </row>
    <row r="639138" spans="14:14">
      <c r="N639138" s="10"/>
    </row>
    <row r="639139" spans="14:14">
      <c r="N639139" s="10"/>
    </row>
    <row r="639140" spans="14:14">
      <c r="N639140" s="10"/>
    </row>
    <row r="639141" spans="14:14">
      <c r="N639141" s="10"/>
    </row>
    <row r="639142" spans="14:14">
      <c r="N639142" s="10"/>
    </row>
    <row r="639143" spans="14:14">
      <c r="N639143" s="10"/>
    </row>
    <row r="639144" spans="14:14">
      <c r="N639144" s="10"/>
    </row>
    <row r="639145" spans="14:14">
      <c r="N639145" s="10"/>
    </row>
    <row r="639146" spans="14:14">
      <c r="N639146" s="10"/>
    </row>
    <row r="639147" spans="14:14">
      <c r="N639147" s="10"/>
    </row>
    <row r="639148" spans="14:14">
      <c r="N639148" s="10"/>
    </row>
    <row r="639149" spans="14:14">
      <c r="N639149" s="10"/>
    </row>
    <row r="639150" spans="14:14">
      <c r="N639150" s="10"/>
    </row>
    <row r="639151" spans="14:14">
      <c r="N639151" s="10"/>
    </row>
    <row r="639152" spans="14:14">
      <c r="N639152" s="10"/>
    </row>
    <row r="639153" spans="14:14">
      <c r="N639153" s="10"/>
    </row>
    <row r="639154" spans="14:14">
      <c r="N639154" s="10"/>
    </row>
    <row r="639155" spans="14:14">
      <c r="N639155" s="10"/>
    </row>
    <row r="639156" spans="14:14">
      <c r="N639156" s="10"/>
    </row>
    <row r="639157" spans="14:14">
      <c r="N639157" s="10"/>
    </row>
    <row r="639158" spans="14:14">
      <c r="N639158" s="10"/>
    </row>
    <row r="639159" spans="14:14">
      <c r="N639159" s="10"/>
    </row>
    <row r="639160" spans="14:14">
      <c r="N639160" s="10"/>
    </row>
    <row r="639161" spans="14:14">
      <c r="N639161" s="10"/>
    </row>
    <row r="639162" spans="14:14">
      <c r="N639162" s="10"/>
    </row>
    <row r="639163" spans="14:14">
      <c r="N639163" s="10"/>
    </row>
    <row r="639164" spans="14:14">
      <c r="N639164" s="10"/>
    </row>
    <row r="639165" spans="14:14">
      <c r="N639165" s="10"/>
    </row>
    <row r="639166" spans="14:14">
      <c r="N639166" s="10"/>
    </row>
    <row r="639167" spans="14:14">
      <c r="N639167" s="10"/>
    </row>
    <row r="639168" spans="14:14">
      <c r="N639168" s="10"/>
    </row>
    <row r="639169" spans="14:14">
      <c r="N639169" s="10"/>
    </row>
    <row r="639170" spans="14:14">
      <c r="N639170" s="10"/>
    </row>
    <row r="639171" spans="14:14">
      <c r="N639171" s="10"/>
    </row>
    <row r="639172" spans="14:14">
      <c r="N639172" s="10"/>
    </row>
    <row r="639173" spans="14:14">
      <c r="N639173" s="10"/>
    </row>
    <row r="639174" spans="14:14">
      <c r="N639174" s="10"/>
    </row>
    <row r="639175" spans="14:14">
      <c r="N639175" s="10"/>
    </row>
    <row r="639176" spans="14:14">
      <c r="N639176" s="10"/>
    </row>
    <row r="639177" spans="14:14">
      <c r="N639177" s="10"/>
    </row>
    <row r="639178" spans="14:14">
      <c r="N639178" s="10"/>
    </row>
    <row r="639179" spans="14:14">
      <c r="N639179" s="10"/>
    </row>
    <row r="639180" spans="14:14">
      <c r="N639180" s="10"/>
    </row>
    <row r="639181" spans="14:14">
      <c r="N639181" s="10"/>
    </row>
    <row r="639182" spans="14:14">
      <c r="N639182" s="10"/>
    </row>
    <row r="639183" spans="14:14">
      <c r="N639183" s="10"/>
    </row>
    <row r="639184" spans="14:14">
      <c r="N639184" s="10"/>
    </row>
    <row r="639185" spans="14:14">
      <c r="N639185" s="10"/>
    </row>
    <row r="639186" spans="14:14">
      <c r="N639186" s="10"/>
    </row>
    <row r="639187" spans="14:14">
      <c r="N639187" s="10"/>
    </row>
    <row r="639188" spans="14:14">
      <c r="N639188" s="10"/>
    </row>
    <row r="639189" spans="14:14">
      <c r="N639189" s="10"/>
    </row>
    <row r="639190" spans="14:14">
      <c r="N639190" s="10"/>
    </row>
    <row r="639191" spans="14:14">
      <c r="N639191" s="10"/>
    </row>
    <row r="639192" spans="14:14">
      <c r="N639192" s="10"/>
    </row>
    <row r="639193" spans="14:14">
      <c r="N639193" s="10"/>
    </row>
    <row r="639194" spans="14:14">
      <c r="N639194" s="10"/>
    </row>
    <row r="639195" spans="14:14">
      <c r="N639195" s="10"/>
    </row>
    <row r="639196" spans="14:14">
      <c r="N639196" s="10"/>
    </row>
    <row r="639197" spans="14:14">
      <c r="N639197" s="10"/>
    </row>
    <row r="639198" spans="14:14">
      <c r="N639198" s="10"/>
    </row>
    <row r="639199" spans="14:14">
      <c r="N639199" s="10"/>
    </row>
    <row r="639200" spans="14:14">
      <c r="N639200" s="10"/>
    </row>
    <row r="639201" spans="14:14">
      <c r="N639201" s="10"/>
    </row>
    <row r="639202" spans="14:14">
      <c r="N639202" s="10"/>
    </row>
    <row r="639203" spans="14:14">
      <c r="N639203" s="10"/>
    </row>
    <row r="639204" spans="14:14">
      <c r="N639204" s="10"/>
    </row>
    <row r="639205" spans="14:14">
      <c r="N639205" s="10"/>
    </row>
    <row r="639206" spans="14:14">
      <c r="N639206" s="10"/>
    </row>
    <row r="639207" spans="14:14">
      <c r="N639207" s="10"/>
    </row>
    <row r="639208" spans="14:14">
      <c r="N639208" s="10"/>
    </row>
    <row r="639209" spans="14:14">
      <c r="N639209" s="10"/>
    </row>
    <row r="639210" spans="14:14">
      <c r="N639210" s="10"/>
    </row>
    <row r="639211" spans="14:14">
      <c r="N639211" s="10"/>
    </row>
    <row r="639212" spans="14:14">
      <c r="N639212" s="10"/>
    </row>
    <row r="639213" spans="14:14">
      <c r="N639213" s="10"/>
    </row>
    <row r="639214" spans="14:14">
      <c r="N639214" s="10"/>
    </row>
    <row r="639215" spans="14:14">
      <c r="N639215" s="10"/>
    </row>
    <row r="639216" spans="14:14">
      <c r="N639216" s="10"/>
    </row>
    <row r="639217" spans="14:14">
      <c r="N639217" s="10"/>
    </row>
    <row r="639218" spans="14:14">
      <c r="N639218" s="10"/>
    </row>
    <row r="639219" spans="14:14">
      <c r="N639219" s="10"/>
    </row>
    <row r="639220" spans="14:14">
      <c r="N639220" s="10"/>
    </row>
    <row r="639221" spans="14:14">
      <c r="N639221" s="10"/>
    </row>
    <row r="639222" spans="14:14">
      <c r="N639222" s="10"/>
    </row>
    <row r="639223" spans="14:14">
      <c r="N639223" s="10"/>
    </row>
    <row r="639224" spans="14:14">
      <c r="N639224" s="10"/>
    </row>
    <row r="639225" spans="14:14">
      <c r="N639225" s="10"/>
    </row>
    <row r="639226" spans="14:14">
      <c r="N639226" s="10"/>
    </row>
    <row r="639227" spans="14:14">
      <c r="N639227" s="10"/>
    </row>
    <row r="639228" spans="14:14">
      <c r="N639228" s="10"/>
    </row>
    <row r="639229" spans="14:14">
      <c r="N639229" s="10"/>
    </row>
    <row r="639230" spans="14:14">
      <c r="N639230" s="10"/>
    </row>
    <row r="639231" spans="14:14">
      <c r="N639231" s="10"/>
    </row>
    <row r="639232" spans="14:14">
      <c r="N639232" s="10"/>
    </row>
    <row r="639233" spans="14:14">
      <c r="N639233" s="10"/>
    </row>
    <row r="639234" spans="14:14">
      <c r="N639234" s="10"/>
    </row>
    <row r="639235" spans="14:14">
      <c r="N639235" s="10"/>
    </row>
    <row r="639236" spans="14:14">
      <c r="N639236" s="10"/>
    </row>
    <row r="639237" spans="14:14">
      <c r="N639237" s="10"/>
    </row>
    <row r="639238" spans="14:14">
      <c r="N639238" s="10"/>
    </row>
    <row r="639239" spans="14:14">
      <c r="N639239" s="10"/>
    </row>
    <row r="639240" spans="14:14">
      <c r="N639240" s="10"/>
    </row>
    <row r="639241" spans="14:14">
      <c r="N639241" s="10"/>
    </row>
    <row r="639242" spans="14:14">
      <c r="N639242" s="10"/>
    </row>
    <row r="639243" spans="14:14">
      <c r="N639243" s="10"/>
    </row>
    <row r="639244" spans="14:14">
      <c r="N639244" s="10"/>
    </row>
    <row r="639245" spans="14:14">
      <c r="N639245" s="10"/>
    </row>
    <row r="639246" spans="14:14">
      <c r="N639246" s="10"/>
    </row>
    <row r="639247" spans="14:14">
      <c r="N639247" s="10"/>
    </row>
    <row r="639248" spans="14:14">
      <c r="N639248" s="10"/>
    </row>
    <row r="639249" spans="14:14">
      <c r="N639249" s="10"/>
    </row>
    <row r="639250" spans="14:14">
      <c r="N639250" s="10"/>
    </row>
    <row r="639251" spans="14:14">
      <c r="N639251" s="10"/>
    </row>
    <row r="639252" spans="14:14">
      <c r="N639252" s="10"/>
    </row>
    <row r="639253" spans="14:14">
      <c r="N639253" s="10"/>
    </row>
    <row r="639254" spans="14:14">
      <c r="N639254" s="10"/>
    </row>
    <row r="639255" spans="14:14">
      <c r="N639255" s="10"/>
    </row>
    <row r="639256" spans="14:14">
      <c r="N639256" s="10"/>
    </row>
    <row r="639257" spans="14:14">
      <c r="N639257" s="10"/>
    </row>
    <row r="639258" spans="14:14">
      <c r="N639258" s="10"/>
    </row>
    <row r="639259" spans="14:14">
      <c r="N639259" s="10"/>
    </row>
    <row r="639260" spans="14:14">
      <c r="N639260" s="10"/>
    </row>
    <row r="639261" spans="14:14">
      <c r="N639261" s="10"/>
    </row>
    <row r="639262" spans="14:14">
      <c r="N639262" s="10"/>
    </row>
    <row r="639263" spans="14:14">
      <c r="N639263" s="10"/>
    </row>
    <row r="639264" spans="14:14">
      <c r="N639264" s="10"/>
    </row>
    <row r="639265" spans="14:14">
      <c r="N639265" s="10"/>
    </row>
    <row r="639266" spans="14:14">
      <c r="N639266" s="10"/>
    </row>
    <row r="639267" spans="14:14">
      <c r="N639267" s="10"/>
    </row>
    <row r="639268" spans="14:14">
      <c r="N639268" s="10"/>
    </row>
    <row r="639269" spans="14:14">
      <c r="N639269" s="10"/>
    </row>
    <row r="639270" spans="14:14">
      <c r="N639270" s="10"/>
    </row>
    <row r="639271" spans="14:14">
      <c r="N639271" s="10"/>
    </row>
    <row r="639272" spans="14:14">
      <c r="N639272" s="10"/>
    </row>
    <row r="639273" spans="14:14">
      <c r="N639273" s="10"/>
    </row>
    <row r="639274" spans="14:14">
      <c r="N639274" s="10"/>
    </row>
    <row r="639275" spans="14:14">
      <c r="N639275" s="10"/>
    </row>
    <row r="639276" spans="14:14">
      <c r="N639276" s="10"/>
    </row>
    <row r="639277" spans="14:14">
      <c r="N639277" s="10"/>
    </row>
    <row r="639278" spans="14:14">
      <c r="N639278" s="10"/>
    </row>
    <row r="639279" spans="14:14">
      <c r="N639279" s="10"/>
    </row>
    <row r="639280" spans="14:14">
      <c r="N639280" s="10"/>
    </row>
    <row r="639281" spans="14:14">
      <c r="N639281" s="10"/>
    </row>
    <row r="639282" spans="14:14">
      <c r="N639282" s="10"/>
    </row>
    <row r="639283" spans="14:14">
      <c r="N639283" s="10"/>
    </row>
    <row r="639284" spans="14:14">
      <c r="N639284" s="10"/>
    </row>
    <row r="639285" spans="14:14">
      <c r="N639285" s="10"/>
    </row>
    <row r="639286" spans="14:14">
      <c r="N639286" s="10"/>
    </row>
    <row r="639287" spans="14:14">
      <c r="N639287" s="10"/>
    </row>
    <row r="639288" spans="14:14">
      <c r="N639288" s="10"/>
    </row>
    <row r="639289" spans="14:14">
      <c r="N639289" s="10"/>
    </row>
    <row r="639290" spans="14:14">
      <c r="N639290" s="10"/>
    </row>
    <row r="639291" spans="14:14">
      <c r="N639291" s="10"/>
    </row>
    <row r="639292" spans="14:14">
      <c r="N639292" s="10"/>
    </row>
    <row r="639293" spans="14:14">
      <c r="N639293" s="10"/>
    </row>
    <row r="639294" spans="14:14">
      <c r="N639294" s="10"/>
    </row>
    <row r="639295" spans="14:14">
      <c r="N639295" s="10"/>
    </row>
    <row r="639296" spans="14:14">
      <c r="N639296" s="10"/>
    </row>
    <row r="639297" spans="14:14">
      <c r="N639297" s="10"/>
    </row>
    <row r="639298" spans="14:14">
      <c r="N639298" s="10"/>
    </row>
    <row r="639299" spans="14:14">
      <c r="N639299" s="10"/>
    </row>
    <row r="639300" spans="14:14">
      <c r="N639300" s="10"/>
    </row>
    <row r="639301" spans="14:14">
      <c r="N639301" s="10"/>
    </row>
    <row r="639302" spans="14:14">
      <c r="N639302" s="10"/>
    </row>
    <row r="639303" spans="14:14">
      <c r="N639303" s="10"/>
    </row>
    <row r="639304" spans="14:14">
      <c r="N639304" s="10"/>
    </row>
    <row r="639305" spans="14:14">
      <c r="N639305" s="10"/>
    </row>
    <row r="639306" spans="14:14">
      <c r="N639306" s="10"/>
    </row>
    <row r="639307" spans="14:14">
      <c r="N639307" s="10"/>
    </row>
    <row r="639308" spans="14:14">
      <c r="N639308" s="10"/>
    </row>
    <row r="639309" spans="14:14">
      <c r="N639309" s="10"/>
    </row>
    <row r="639310" spans="14:14">
      <c r="N639310" s="10"/>
    </row>
    <row r="639311" spans="14:14">
      <c r="N639311" s="10"/>
    </row>
    <row r="639312" spans="14:14">
      <c r="N639312" s="10"/>
    </row>
    <row r="639313" spans="14:14">
      <c r="N639313" s="10"/>
    </row>
    <row r="639314" spans="14:14">
      <c r="N639314" s="10"/>
    </row>
    <row r="639315" spans="14:14">
      <c r="N639315" s="10"/>
    </row>
    <row r="639316" spans="14:14">
      <c r="N639316" s="10"/>
    </row>
    <row r="639317" spans="14:14">
      <c r="N639317" s="10"/>
    </row>
    <row r="639318" spans="14:14">
      <c r="N639318" s="10"/>
    </row>
    <row r="639319" spans="14:14">
      <c r="N639319" s="10"/>
    </row>
    <row r="639320" spans="14:14">
      <c r="N639320" s="10"/>
    </row>
    <row r="639321" spans="14:14">
      <c r="N639321" s="10"/>
    </row>
    <row r="639322" spans="14:14">
      <c r="N639322" s="10"/>
    </row>
    <row r="639323" spans="14:14">
      <c r="N639323" s="10"/>
    </row>
    <row r="639324" spans="14:14">
      <c r="N639324" s="10"/>
    </row>
    <row r="639325" spans="14:14">
      <c r="N639325" s="10"/>
    </row>
    <row r="639326" spans="14:14">
      <c r="N639326" s="10"/>
    </row>
    <row r="639327" spans="14:14">
      <c r="N639327" s="10"/>
    </row>
    <row r="639328" spans="14:14">
      <c r="N639328" s="10"/>
    </row>
    <row r="639329" spans="14:14">
      <c r="N639329" s="10"/>
    </row>
    <row r="639330" spans="14:14">
      <c r="N639330" s="10"/>
    </row>
    <row r="639331" spans="14:14">
      <c r="N639331" s="10"/>
    </row>
    <row r="639332" spans="14:14">
      <c r="N639332" s="10"/>
    </row>
    <row r="639333" spans="14:14">
      <c r="N639333" s="10"/>
    </row>
    <row r="639334" spans="14:14">
      <c r="N639334" s="10"/>
    </row>
    <row r="639335" spans="14:14">
      <c r="N639335" s="10"/>
    </row>
    <row r="639336" spans="14:14">
      <c r="N639336" s="10"/>
    </row>
    <row r="639337" spans="14:14">
      <c r="N639337" s="10"/>
    </row>
    <row r="639338" spans="14:14">
      <c r="N639338" s="10"/>
    </row>
    <row r="639339" spans="14:14">
      <c r="N639339" s="10"/>
    </row>
    <row r="639340" spans="14:14">
      <c r="N639340" s="10"/>
    </row>
    <row r="639341" spans="14:14">
      <c r="N639341" s="10"/>
    </row>
    <row r="639342" spans="14:14">
      <c r="N639342" s="10"/>
    </row>
    <row r="639343" spans="14:14">
      <c r="N639343" s="10"/>
    </row>
    <row r="639344" spans="14:14">
      <c r="N639344" s="10"/>
    </row>
    <row r="639345" spans="14:14">
      <c r="N639345" s="10"/>
    </row>
    <row r="639346" spans="14:14">
      <c r="N639346" s="10"/>
    </row>
    <row r="639347" spans="14:14">
      <c r="N639347" s="10"/>
    </row>
    <row r="639348" spans="14:14">
      <c r="N639348" s="10"/>
    </row>
    <row r="639349" spans="14:14">
      <c r="N639349" s="10"/>
    </row>
    <row r="639350" spans="14:14">
      <c r="N639350" s="10"/>
    </row>
    <row r="639351" spans="14:14">
      <c r="N639351" s="10"/>
    </row>
    <row r="639352" spans="14:14">
      <c r="N639352" s="10"/>
    </row>
    <row r="639353" spans="14:14">
      <c r="N639353" s="10"/>
    </row>
    <row r="639354" spans="14:14">
      <c r="N639354" s="10"/>
    </row>
    <row r="639355" spans="14:14">
      <c r="N639355" s="10"/>
    </row>
    <row r="639356" spans="14:14">
      <c r="N639356" s="10"/>
    </row>
    <row r="639357" spans="14:14">
      <c r="N639357" s="10"/>
    </row>
    <row r="639358" spans="14:14">
      <c r="N639358" s="10"/>
    </row>
    <row r="639359" spans="14:14">
      <c r="N639359" s="10"/>
    </row>
    <row r="639360" spans="14:14">
      <c r="N639360" s="10"/>
    </row>
    <row r="639361" spans="14:14">
      <c r="N639361" s="10"/>
    </row>
    <row r="639362" spans="14:14">
      <c r="N639362" s="10"/>
    </row>
    <row r="639363" spans="14:14">
      <c r="N639363" s="10"/>
    </row>
    <row r="639364" spans="14:14">
      <c r="N639364" s="10"/>
    </row>
    <row r="639365" spans="14:14">
      <c r="N639365" s="10"/>
    </row>
    <row r="639366" spans="14:14">
      <c r="N639366" s="10"/>
    </row>
    <row r="639367" spans="14:14">
      <c r="N639367" s="10"/>
    </row>
    <row r="639368" spans="14:14">
      <c r="N639368" s="10"/>
    </row>
    <row r="639369" spans="14:14">
      <c r="N639369" s="10"/>
    </row>
    <row r="639370" spans="14:14">
      <c r="N639370" s="10"/>
    </row>
    <row r="639371" spans="14:14">
      <c r="N639371" s="10"/>
    </row>
    <row r="639372" spans="14:14">
      <c r="N639372" s="10"/>
    </row>
    <row r="639373" spans="14:14">
      <c r="N639373" s="10"/>
    </row>
    <row r="639374" spans="14:14">
      <c r="N639374" s="10"/>
    </row>
    <row r="639375" spans="14:14">
      <c r="N639375" s="10"/>
    </row>
    <row r="639376" spans="14:14">
      <c r="N639376" s="10"/>
    </row>
    <row r="639377" spans="14:14">
      <c r="N639377" s="10"/>
    </row>
    <row r="639378" spans="14:14">
      <c r="N639378" s="10"/>
    </row>
    <row r="639379" spans="14:14">
      <c r="N639379" s="10"/>
    </row>
    <row r="639380" spans="14:14">
      <c r="N639380" s="10"/>
    </row>
    <row r="639381" spans="14:14">
      <c r="N639381" s="10"/>
    </row>
    <row r="639382" spans="14:14">
      <c r="N639382" s="10"/>
    </row>
    <row r="639383" spans="14:14">
      <c r="N639383" s="10"/>
    </row>
    <row r="639384" spans="14:14">
      <c r="N639384" s="10"/>
    </row>
    <row r="639385" spans="14:14">
      <c r="N639385" s="10"/>
    </row>
    <row r="639386" spans="14:14">
      <c r="N639386" s="10"/>
    </row>
    <row r="639387" spans="14:14">
      <c r="N639387" s="10"/>
    </row>
    <row r="639388" spans="14:14">
      <c r="N639388" s="10"/>
    </row>
    <row r="639389" spans="14:14">
      <c r="N639389" s="10"/>
    </row>
    <row r="639390" spans="14:14">
      <c r="N639390" s="10"/>
    </row>
    <row r="639391" spans="14:14">
      <c r="N639391" s="10"/>
    </row>
    <row r="639392" spans="14:14">
      <c r="N639392" s="10"/>
    </row>
    <row r="639393" spans="14:14">
      <c r="N639393" s="10"/>
    </row>
    <row r="639394" spans="14:14">
      <c r="N639394" s="10"/>
    </row>
    <row r="639395" spans="14:14">
      <c r="N639395" s="10"/>
    </row>
    <row r="639396" spans="14:14">
      <c r="N639396" s="10"/>
    </row>
    <row r="639397" spans="14:14">
      <c r="N639397" s="10"/>
    </row>
    <row r="639398" spans="14:14">
      <c r="N639398" s="10"/>
    </row>
    <row r="639399" spans="14:14">
      <c r="N639399" s="10"/>
    </row>
    <row r="639400" spans="14:14">
      <c r="N639400" s="10"/>
    </row>
    <row r="639401" spans="14:14">
      <c r="N639401" s="10"/>
    </row>
    <row r="639402" spans="14:14">
      <c r="N639402" s="10"/>
    </row>
    <row r="639403" spans="14:14">
      <c r="N639403" s="10"/>
    </row>
    <row r="639404" spans="14:14">
      <c r="N639404" s="10"/>
    </row>
    <row r="639405" spans="14:14">
      <c r="N639405" s="10"/>
    </row>
    <row r="639406" spans="14:14">
      <c r="N639406" s="10"/>
    </row>
    <row r="639407" spans="14:14">
      <c r="N639407" s="10"/>
    </row>
    <row r="639408" spans="14:14">
      <c r="N639408" s="10"/>
    </row>
    <row r="639409" spans="14:14">
      <c r="N639409" s="10"/>
    </row>
    <row r="639410" spans="14:14">
      <c r="N639410" s="10"/>
    </row>
    <row r="639411" spans="14:14">
      <c r="N639411" s="10"/>
    </row>
    <row r="639412" spans="14:14">
      <c r="N639412" s="10"/>
    </row>
    <row r="639413" spans="14:14">
      <c r="N639413" s="10"/>
    </row>
    <row r="639414" spans="14:14">
      <c r="N639414" s="10"/>
    </row>
    <row r="639415" spans="14:14">
      <c r="N639415" s="10"/>
    </row>
    <row r="639416" spans="14:14">
      <c r="N639416" s="10"/>
    </row>
    <row r="639417" spans="14:14">
      <c r="N639417" s="10"/>
    </row>
    <row r="639418" spans="14:14">
      <c r="N639418" s="10"/>
    </row>
    <row r="639419" spans="14:14">
      <c r="N639419" s="10"/>
    </row>
    <row r="639420" spans="14:14">
      <c r="N639420" s="10"/>
    </row>
    <row r="639421" spans="14:14">
      <c r="N639421" s="10"/>
    </row>
    <row r="639422" spans="14:14">
      <c r="N639422" s="10"/>
    </row>
    <row r="639423" spans="14:14">
      <c r="N639423" s="10"/>
    </row>
    <row r="639424" spans="14:14">
      <c r="N639424" s="10"/>
    </row>
    <row r="639425" spans="14:14">
      <c r="N639425" s="10"/>
    </row>
    <row r="639426" spans="14:14">
      <c r="N639426" s="10"/>
    </row>
    <row r="639427" spans="14:14">
      <c r="N639427" s="10"/>
    </row>
    <row r="639428" spans="14:14">
      <c r="N639428" s="10"/>
    </row>
    <row r="639429" spans="14:14">
      <c r="N639429" s="10"/>
    </row>
    <row r="639430" spans="14:14">
      <c r="N639430" s="10"/>
    </row>
    <row r="639431" spans="14:14">
      <c r="N639431" s="10"/>
    </row>
    <row r="639432" spans="14:14">
      <c r="N639432" s="10"/>
    </row>
    <row r="639433" spans="14:14">
      <c r="N639433" s="10"/>
    </row>
    <row r="639434" spans="14:14">
      <c r="N639434" s="10"/>
    </row>
    <row r="639435" spans="14:14">
      <c r="N639435" s="10"/>
    </row>
    <row r="639436" spans="14:14">
      <c r="N639436" s="10"/>
    </row>
    <row r="639437" spans="14:14">
      <c r="N639437" s="10"/>
    </row>
    <row r="639438" spans="14:14">
      <c r="N639438" s="10"/>
    </row>
    <row r="639439" spans="14:14">
      <c r="N639439" s="10"/>
    </row>
    <row r="639440" spans="14:14">
      <c r="N639440" s="10"/>
    </row>
    <row r="639441" spans="14:14">
      <c r="N639441" s="10"/>
    </row>
    <row r="639442" spans="14:14">
      <c r="N639442" s="10"/>
    </row>
    <row r="639443" spans="14:14">
      <c r="N639443" s="10"/>
    </row>
    <row r="639444" spans="14:14">
      <c r="N639444" s="10"/>
    </row>
    <row r="639445" spans="14:14">
      <c r="N639445" s="10"/>
    </row>
    <row r="639446" spans="14:14">
      <c r="N639446" s="10"/>
    </row>
    <row r="639447" spans="14:14">
      <c r="N639447" s="10"/>
    </row>
    <row r="639448" spans="14:14">
      <c r="N639448" s="10"/>
    </row>
    <row r="639449" spans="14:14">
      <c r="N639449" s="10"/>
    </row>
    <row r="639450" spans="14:14">
      <c r="N639450" s="10"/>
    </row>
    <row r="639451" spans="14:14">
      <c r="N639451" s="10"/>
    </row>
    <row r="639452" spans="14:14">
      <c r="N639452" s="10"/>
    </row>
    <row r="639453" spans="14:14">
      <c r="N639453" s="10"/>
    </row>
    <row r="639454" spans="14:14">
      <c r="N639454" s="10"/>
    </row>
    <row r="639455" spans="14:14">
      <c r="N639455" s="10"/>
    </row>
    <row r="639456" spans="14:14">
      <c r="N639456" s="10"/>
    </row>
    <row r="639457" spans="14:14">
      <c r="N639457" s="10"/>
    </row>
    <row r="639458" spans="14:14">
      <c r="N639458" s="10"/>
    </row>
    <row r="639459" spans="14:14">
      <c r="N639459" s="10"/>
    </row>
    <row r="639460" spans="14:14">
      <c r="N639460" s="10"/>
    </row>
    <row r="639461" spans="14:14">
      <c r="N639461" s="10"/>
    </row>
    <row r="639462" spans="14:14">
      <c r="N639462" s="10"/>
    </row>
    <row r="639463" spans="14:14">
      <c r="N639463" s="10"/>
    </row>
    <row r="639464" spans="14:14">
      <c r="N639464" s="10"/>
    </row>
    <row r="639465" spans="14:14">
      <c r="N639465" s="10"/>
    </row>
    <row r="639466" spans="14:14">
      <c r="N639466" s="10"/>
    </row>
    <row r="639467" spans="14:14">
      <c r="N639467" s="10"/>
    </row>
    <row r="639468" spans="14:14">
      <c r="N639468" s="10"/>
    </row>
    <row r="639469" spans="14:14">
      <c r="N639469" s="10"/>
    </row>
    <row r="639470" spans="14:14">
      <c r="N639470" s="10"/>
    </row>
    <row r="639471" spans="14:14">
      <c r="N639471" s="10"/>
    </row>
    <row r="639472" spans="14:14">
      <c r="N639472" s="10"/>
    </row>
    <row r="639473" spans="14:14">
      <c r="N639473" s="10"/>
    </row>
    <row r="639474" spans="14:14">
      <c r="N639474" s="10"/>
    </row>
    <row r="639475" spans="14:14">
      <c r="N639475" s="10"/>
    </row>
    <row r="639476" spans="14:14">
      <c r="N639476" s="10"/>
    </row>
    <row r="639477" spans="14:14">
      <c r="N639477" s="10"/>
    </row>
    <row r="639478" spans="14:14">
      <c r="N639478" s="10"/>
    </row>
    <row r="639479" spans="14:14">
      <c r="N639479" s="10"/>
    </row>
    <row r="639480" spans="14:14">
      <c r="N639480" s="10"/>
    </row>
    <row r="639481" spans="14:14">
      <c r="N639481" s="10"/>
    </row>
    <row r="639482" spans="14:14">
      <c r="N639482" s="10"/>
    </row>
    <row r="639483" spans="14:14">
      <c r="N639483" s="10"/>
    </row>
    <row r="639484" spans="14:14">
      <c r="N639484" s="10"/>
    </row>
    <row r="639485" spans="14:14">
      <c r="N639485" s="10"/>
    </row>
    <row r="639486" spans="14:14">
      <c r="N639486" s="10"/>
    </row>
    <row r="639487" spans="14:14">
      <c r="N639487" s="10"/>
    </row>
    <row r="639488" spans="14:14">
      <c r="N639488" s="10"/>
    </row>
    <row r="639489" spans="14:14">
      <c r="N639489" s="10"/>
    </row>
    <row r="639490" spans="14:14">
      <c r="N639490" s="10"/>
    </row>
    <row r="639491" spans="14:14">
      <c r="N639491" s="10"/>
    </row>
    <row r="639492" spans="14:14">
      <c r="N639492" s="10"/>
    </row>
    <row r="639493" spans="14:14">
      <c r="N639493" s="10"/>
    </row>
    <row r="639494" spans="14:14">
      <c r="N639494" s="10"/>
    </row>
    <row r="639495" spans="14:14">
      <c r="N639495" s="10"/>
    </row>
    <row r="639496" spans="14:14">
      <c r="N639496" s="10"/>
    </row>
    <row r="639497" spans="14:14">
      <c r="N639497" s="10"/>
    </row>
    <row r="639498" spans="14:14">
      <c r="N639498" s="10"/>
    </row>
    <row r="639499" spans="14:14">
      <c r="N639499" s="10"/>
    </row>
    <row r="639500" spans="14:14">
      <c r="N639500" s="10"/>
    </row>
    <row r="639501" spans="14:14">
      <c r="N639501" s="10"/>
    </row>
    <row r="639502" spans="14:14">
      <c r="N639502" s="10"/>
    </row>
    <row r="639503" spans="14:14">
      <c r="N639503" s="10"/>
    </row>
    <row r="639504" spans="14:14">
      <c r="N639504" s="10"/>
    </row>
    <row r="639505" spans="14:14">
      <c r="N639505" s="10"/>
    </row>
    <row r="639506" spans="14:14">
      <c r="N639506" s="10"/>
    </row>
    <row r="639507" spans="14:14">
      <c r="N639507" s="10"/>
    </row>
    <row r="639508" spans="14:14">
      <c r="N639508" s="10"/>
    </row>
    <row r="639509" spans="14:14">
      <c r="N639509" s="10"/>
    </row>
    <row r="639510" spans="14:14">
      <c r="N639510" s="10"/>
    </row>
    <row r="639511" spans="14:14">
      <c r="N639511" s="10"/>
    </row>
    <row r="639512" spans="14:14">
      <c r="N639512" s="10"/>
    </row>
    <row r="639513" spans="14:14">
      <c r="N639513" s="10"/>
    </row>
    <row r="639514" spans="14:14">
      <c r="N639514" s="10"/>
    </row>
    <row r="639515" spans="14:14">
      <c r="N639515" s="10"/>
    </row>
    <row r="639516" spans="14:14">
      <c r="N639516" s="10"/>
    </row>
    <row r="639517" spans="14:14">
      <c r="N639517" s="10"/>
    </row>
    <row r="639518" spans="14:14">
      <c r="N639518" s="10"/>
    </row>
    <row r="639519" spans="14:14">
      <c r="N639519" s="10"/>
    </row>
    <row r="639520" spans="14:14">
      <c r="N639520" s="10"/>
    </row>
    <row r="639521" spans="14:14">
      <c r="N639521" s="10"/>
    </row>
    <row r="639522" spans="14:14">
      <c r="N639522" s="10"/>
    </row>
    <row r="639523" spans="14:14">
      <c r="N639523" s="10"/>
    </row>
    <row r="639524" spans="14:14">
      <c r="N639524" s="10"/>
    </row>
    <row r="639525" spans="14:14">
      <c r="N639525" s="10"/>
    </row>
    <row r="639526" spans="14:14">
      <c r="N639526" s="10"/>
    </row>
    <row r="639527" spans="14:14">
      <c r="N639527" s="10"/>
    </row>
    <row r="639528" spans="14:14">
      <c r="N639528" s="10"/>
    </row>
    <row r="639529" spans="14:14">
      <c r="N639529" s="10"/>
    </row>
    <row r="639530" spans="14:14">
      <c r="N639530" s="10"/>
    </row>
    <row r="639531" spans="14:14">
      <c r="N639531" s="10"/>
    </row>
    <row r="639532" spans="14:14">
      <c r="N639532" s="10"/>
    </row>
    <row r="639533" spans="14:14">
      <c r="N639533" s="10"/>
    </row>
    <row r="639534" spans="14:14">
      <c r="N639534" s="10"/>
    </row>
    <row r="639535" spans="14:14">
      <c r="N639535" s="10"/>
    </row>
    <row r="639536" spans="14:14">
      <c r="N639536" s="10"/>
    </row>
    <row r="639537" spans="14:14">
      <c r="N639537" s="10"/>
    </row>
    <row r="639538" spans="14:14">
      <c r="N639538" s="10"/>
    </row>
    <row r="639539" spans="14:14">
      <c r="N639539" s="10"/>
    </row>
    <row r="639540" spans="14:14">
      <c r="N639540" s="10"/>
    </row>
    <row r="639541" spans="14:14">
      <c r="N639541" s="10"/>
    </row>
    <row r="639542" spans="14:14">
      <c r="N639542" s="10"/>
    </row>
    <row r="639543" spans="14:14">
      <c r="N639543" s="10"/>
    </row>
    <row r="639544" spans="14:14">
      <c r="N639544" s="10"/>
    </row>
    <row r="639545" spans="14:14">
      <c r="N639545" s="10"/>
    </row>
    <row r="639546" spans="14:14">
      <c r="N639546" s="10"/>
    </row>
    <row r="639547" spans="14:14">
      <c r="N639547" s="10"/>
    </row>
    <row r="639548" spans="14:14">
      <c r="N639548" s="10"/>
    </row>
    <row r="639549" spans="14:14">
      <c r="N639549" s="10"/>
    </row>
    <row r="639550" spans="14:14">
      <c r="N639550" s="10"/>
    </row>
    <row r="639551" spans="14:14">
      <c r="N639551" s="10"/>
    </row>
    <row r="639552" spans="14:14">
      <c r="N639552" s="10"/>
    </row>
    <row r="639553" spans="14:14">
      <c r="N639553" s="10"/>
    </row>
    <row r="639554" spans="14:14">
      <c r="N639554" s="10"/>
    </row>
    <row r="639555" spans="14:14">
      <c r="N639555" s="10"/>
    </row>
    <row r="639556" spans="14:14">
      <c r="N639556" s="10"/>
    </row>
    <row r="639557" spans="14:14">
      <c r="N639557" s="10"/>
    </row>
    <row r="639558" spans="14:14">
      <c r="N639558" s="10"/>
    </row>
    <row r="639559" spans="14:14">
      <c r="N639559" s="10"/>
    </row>
    <row r="639560" spans="14:14">
      <c r="N639560" s="10"/>
    </row>
    <row r="639561" spans="14:14">
      <c r="N639561" s="10"/>
    </row>
    <row r="639562" spans="14:14">
      <c r="N639562" s="10"/>
    </row>
    <row r="639563" spans="14:14">
      <c r="N639563" s="10"/>
    </row>
    <row r="639564" spans="14:14">
      <c r="N639564" s="10"/>
    </row>
    <row r="639565" spans="14:14">
      <c r="N639565" s="10"/>
    </row>
    <row r="639566" spans="14:14">
      <c r="N639566" s="10"/>
    </row>
    <row r="639567" spans="14:14">
      <c r="N639567" s="10"/>
    </row>
    <row r="639568" spans="14:14">
      <c r="N639568" s="10"/>
    </row>
    <row r="639569" spans="14:14">
      <c r="N639569" s="10"/>
    </row>
    <row r="639570" spans="14:14">
      <c r="N639570" s="10"/>
    </row>
    <row r="639571" spans="14:14">
      <c r="N639571" s="10"/>
    </row>
    <row r="639572" spans="14:14">
      <c r="N639572" s="10"/>
    </row>
    <row r="639573" spans="14:14">
      <c r="N639573" s="10"/>
    </row>
    <row r="639574" spans="14:14">
      <c r="N639574" s="10"/>
    </row>
    <row r="639575" spans="14:14">
      <c r="N639575" s="10"/>
    </row>
    <row r="639576" spans="14:14">
      <c r="N639576" s="10"/>
    </row>
    <row r="639577" spans="14:14">
      <c r="N639577" s="10"/>
    </row>
    <row r="639578" spans="14:14">
      <c r="N639578" s="10"/>
    </row>
    <row r="639579" spans="14:14">
      <c r="N639579" s="10"/>
    </row>
    <row r="639580" spans="14:14">
      <c r="N639580" s="10"/>
    </row>
    <row r="639581" spans="14:14">
      <c r="N639581" s="10"/>
    </row>
    <row r="639582" spans="14:14">
      <c r="N639582" s="10"/>
    </row>
    <row r="639583" spans="14:14">
      <c r="N639583" s="10"/>
    </row>
    <row r="639584" spans="14:14">
      <c r="N639584" s="10"/>
    </row>
    <row r="639585" spans="14:14">
      <c r="N639585" s="10"/>
    </row>
    <row r="639586" spans="14:14">
      <c r="N639586" s="10"/>
    </row>
    <row r="639587" spans="14:14">
      <c r="N639587" s="10"/>
    </row>
    <row r="639588" spans="14:14">
      <c r="N639588" s="10"/>
    </row>
    <row r="639589" spans="14:14">
      <c r="N639589" s="10"/>
    </row>
    <row r="639590" spans="14:14">
      <c r="N639590" s="10"/>
    </row>
    <row r="639591" spans="14:14">
      <c r="N639591" s="10"/>
    </row>
    <row r="639592" spans="14:14">
      <c r="N639592" s="10"/>
    </row>
    <row r="639593" spans="14:14">
      <c r="N639593" s="10"/>
    </row>
    <row r="639594" spans="14:14">
      <c r="N639594" s="10"/>
    </row>
    <row r="639595" spans="14:14">
      <c r="N639595" s="10"/>
    </row>
    <row r="639596" spans="14:14">
      <c r="N639596" s="10"/>
    </row>
    <row r="639597" spans="14:14">
      <c r="N639597" s="10"/>
    </row>
    <row r="639598" spans="14:14">
      <c r="N639598" s="10"/>
    </row>
    <row r="639599" spans="14:14">
      <c r="N639599" s="10"/>
    </row>
    <row r="639600" spans="14:14">
      <c r="N639600" s="10"/>
    </row>
    <row r="639601" spans="14:14">
      <c r="N639601" s="10"/>
    </row>
    <row r="639602" spans="14:14">
      <c r="N639602" s="10"/>
    </row>
    <row r="639603" spans="14:14">
      <c r="N639603" s="10"/>
    </row>
    <row r="639604" spans="14:14">
      <c r="N639604" s="10"/>
    </row>
    <row r="639605" spans="14:14">
      <c r="N639605" s="10"/>
    </row>
    <row r="639606" spans="14:14">
      <c r="N639606" s="10"/>
    </row>
    <row r="639607" spans="14:14">
      <c r="N639607" s="10"/>
    </row>
    <row r="639608" spans="14:14">
      <c r="N639608" s="10"/>
    </row>
    <row r="639609" spans="14:14">
      <c r="N639609" s="10"/>
    </row>
    <row r="639610" spans="14:14">
      <c r="N639610" s="10"/>
    </row>
    <row r="639611" spans="14:14">
      <c r="N639611" s="10"/>
    </row>
    <row r="639612" spans="14:14">
      <c r="N639612" s="10"/>
    </row>
    <row r="639613" spans="14:14">
      <c r="N639613" s="10"/>
    </row>
    <row r="639614" spans="14:14">
      <c r="N639614" s="10"/>
    </row>
    <row r="639615" spans="14:14">
      <c r="N639615" s="10"/>
    </row>
    <row r="639616" spans="14:14">
      <c r="N639616" s="10"/>
    </row>
    <row r="639617" spans="14:14">
      <c r="N639617" s="10"/>
    </row>
    <row r="639618" spans="14:14">
      <c r="N639618" s="10"/>
    </row>
    <row r="639619" spans="14:14">
      <c r="N639619" s="10"/>
    </row>
    <row r="639620" spans="14:14">
      <c r="N639620" s="10"/>
    </row>
    <row r="639621" spans="14:14">
      <c r="N639621" s="10"/>
    </row>
    <row r="639622" spans="14:14">
      <c r="N639622" s="10"/>
    </row>
    <row r="639623" spans="14:14">
      <c r="N639623" s="10"/>
    </row>
    <row r="639624" spans="14:14">
      <c r="N639624" s="10"/>
    </row>
    <row r="639625" spans="14:14">
      <c r="N639625" s="10"/>
    </row>
    <row r="639626" spans="14:14">
      <c r="N639626" s="10"/>
    </row>
    <row r="639627" spans="14:14">
      <c r="N639627" s="10"/>
    </row>
    <row r="639628" spans="14:14">
      <c r="N639628" s="10"/>
    </row>
    <row r="639629" spans="14:14">
      <c r="N639629" s="10"/>
    </row>
    <row r="639630" spans="14:14">
      <c r="N639630" s="10"/>
    </row>
    <row r="639631" spans="14:14">
      <c r="N639631" s="10"/>
    </row>
    <row r="639632" spans="14:14">
      <c r="N639632" s="10"/>
    </row>
    <row r="639633" spans="14:14">
      <c r="N639633" s="10"/>
    </row>
    <row r="639634" spans="14:14">
      <c r="N639634" s="10"/>
    </row>
    <row r="639635" spans="14:14">
      <c r="N639635" s="10"/>
    </row>
    <row r="639636" spans="14:14">
      <c r="N639636" s="10"/>
    </row>
    <row r="639637" spans="14:14">
      <c r="N639637" s="10"/>
    </row>
    <row r="639638" spans="14:14">
      <c r="N639638" s="10"/>
    </row>
    <row r="639639" spans="14:14">
      <c r="N639639" s="10"/>
    </row>
    <row r="639640" spans="14:14">
      <c r="N639640" s="10"/>
    </row>
    <row r="639641" spans="14:14">
      <c r="N639641" s="10"/>
    </row>
    <row r="639642" spans="14:14">
      <c r="N639642" s="10"/>
    </row>
    <row r="639643" spans="14:14">
      <c r="N639643" s="10"/>
    </row>
    <row r="639644" spans="14:14">
      <c r="N639644" s="10"/>
    </row>
    <row r="639645" spans="14:14">
      <c r="N639645" s="10"/>
    </row>
    <row r="639646" spans="14:14">
      <c r="N639646" s="10"/>
    </row>
    <row r="639647" spans="14:14">
      <c r="N639647" s="10"/>
    </row>
    <row r="639648" spans="14:14">
      <c r="N639648" s="10"/>
    </row>
    <row r="639649" spans="14:14">
      <c r="N639649" s="10"/>
    </row>
    <row r="639650" spans="14:14">
      <c r="N639650" s="10"/>
    </row>
    <row r="639651" spans="14:14">
      <c r="N639651" s="10"/>
    </row>
    <row r="639652" spans="14:14">
      <c r="N639652" s="10"/>
    </row>
    <row r="639653" spans="14:14">
      <c r="N639653" s="10"/>
    </row>
    <row r="639654" spans="14:14">
      <c r="N639654" s="10"/>
    </row>
    <row r="639655" spans="14:14">
      <c r="N639655" s="10"/>
    </row>
    <row r="639656" spans="14:14">
      <c r="N639656" s="10"/>
    </row>
    <row r="639657" spans="14:14">
      <c r="N639657" s="10"/>
    </row>
    <row r="639658" spans="14:14">
      <c r="N639658" s="10"/>
    </row>
    <row r="639659" spans="14:14">
      <c r="N639659" s="10"/>
    </row>
    <row r="639660" spans="14:14">
      <c r="N639660" s="10"/>
    </row>
    <row r="639661" spans="14:14">
      <c r="N639661" s="10"/>
    </row>
    <row r="639662" spans="14:14">
      <c r="N639662" s="10"/>
    </row>
    <row r="639663" spans="14:14">
      <c r="N639663" s="10"/>
    </row>
    <row r="639664" spans="14:14">
      <c r="N639664" s="10"/>
    </row>
    <row r="639665" spans="14:14">
      <c r="N639665" s="10"/>
    </row>
    <row r="639666" spans="14:14">
      <c r="N639666" s="10"/>
    </row>
    <row r="639667" spans="14:14">
      <c r="N639667" s="10"/>
    </row>
    <row r="639668" spans="14:14">
      <c r="N639668" s="10"/>
    </row>
    <row r="639669" spans="14:14">
      <c r="N639669" s="10"/>
    </row>
    <row r="639670" spans="14:14">
      <c r="N639670" s="10"/>
    </row>
    <row r="639671" spans="14:14">
      <c r="N639671" s="10"/>
    </row>
    <row r="639672" spans="14:14">
      <c r="N639672" s="10"/>
    </row>
    <row r="639673" spans="14:14">
      <c r="N639673" s="10"/>
    </row>
    <row r="639674" spans="14:14">
      <c r="N639674" s="10"/>
    </row>
    <row r="639675" spans="14:14">
      <c r="N639675" s="10"/>
    </row>
    <row r="639676" spans="14:14">
      <c r="N639676" s="10"/>
    </row>
    <row r="639677" spans="14:14">
      <c r="N639677" s="10"/>
    </row>
    <row r="639678" spans="14:14">
      <c r="N639678" s="10"/>
    </row>
    <row r="639679" spans="14:14">
      <c r="N639679" s="10"/>
    </row>
    <row r="639680" spans="14:14">
      <c r="N639680" s="10"/>
    </row>
    <row r="639681" spans="14:14">
      <c r="N639681" s="10"/>
    </row>
    <row r="639682" spans="14:14">
      <c r="N639682" s="10"/>
    </row>
    <row r="639683" spans="14:14">
      <c r="N639683" s="10"/>
    </row>
    <row r="639684" spans="14:14">
      <c r="N639684" s="10"/>
    </row>
    <row r="639685" spans="14:14">
      <c r="N639685" s="10"/>
    </row>
    <row r="639686" spans="14:14">
      <c r="N639686" s="10"/>
    </row>
    <row r="639687" spans="14:14">
      <c r="N639687" s="10"/>
    </row>
    <row r="639688" spans="14:14">
      <c r="N639688" s="10"/>
    </row>
    <row r="639689" spans="14:14">
      <c r="N639689" s="10"/>
    </row>
    <row r="639690" spans="14:14">
      <c r="N639690" s="10"/>
    </row>
    <row r="639691" spans="14:14">
      <c r="N639691" s="10"/>
    </row>
    <row r="639692" spans="14:14">
      <c r="N639692" s="10"/>
    </row>
    <row r="639693" spans="14:14">
      <c r="N639693" s="10"/>
    </row>
    <row r="639694" spans="14:14">
      <c r="N639694" s="10"/>
    </row>
    <row r="639695" spans="14:14">
      <c r="N639695" s="10"/>
    </row>
    <row r="639696" spans="14:14">
      <c r="N639696" s="10"/>
    </row>
    <row r="639697" spans="14:14">
      <c r="N639697" s="10"/>
    </row>
    <row r="639698" spans="14:14">
      <c r="N639698" s="10"/>
    </row>
    <row r="639699" spans="14:14">
      <c r="N639699" s="10"/>
    </row>
    <row r="639700" spans="14:14">
      <c r="N639700" s="10"/>
    </row>
    <row r="639701" spans="14:14">
      <c r="N639701" s="10"/>
    </row>
    <row r="639702" spans="14:14">
      <c r="N639702" s="10"/>
    </row>
    <row r="639703" spans="14:14">
      <c r="N639703" s="10"/>
    </row>
    <row r="639704" spans="14:14">
      <c r="N639704" s="10"/>
    </row>
    <row r="639705" spans="14:14">
      <c r="N639705" s="10"/>
    </row>
    <row r="639706" spans="14:14">
      <c r="N639706" s="10"/>
    </row>
    <row r="639707" spans="14:14">
      <c r="N639707" s="10"/>
    </row>
    <row r="639708" spans="14:14">
      <c r="N639708" s="10"/>
    </row>
    <row r="639709" spans="14:14">
      <c r="N639709" s="10"/>
    </row>
    <row r="639710" spans="14:14">
      <c r="N639710" s="10"/>
    </row>
    <row r="639711" spans="14:14">
      <c r="N639711" s="10"/>
    </row>
    <row r="639712" spans="14:14">
      <c r="N639712" s="10"/>
    </row>
    <row r="639713" spans="14:14">
      <c r="N639713" s="10"/>
    </row>
    <row r="639714" spans="14:14">
      <c r="N639714" s="10"/>
    </row>
    <row r="639715" spans="14:14">
      <c r="N639715" s="10"/>
    </row>
    <row r="639716" spans="14:14">
      <c r="N639716" s="10"/>
    </row>
    <row r="639717" spans="14:14">
      <c r="N639717" s="10"/>
    </row>
    <row r="639718" spans="14:14">
      <c r="N639718" s="10"/>
    </row>
    <row r="639719" spans="14:14">
      <c r="N639719" s="10"/>
    </row>
    <row r="639720" spans="14:14">
      <c r="N639720" s="10"/>
    </row>
    <row r="639721" spans="14:14">
      <c r="N639721" s="10"/>
    </row>
    <row r="639722" spans="14:14">
      <c r="N639722" s="10"/>
    </row>
    <row r="639723" spans="14:14">
      <c r="N639723" s="10"/>
    </row>
    <row r="639724" spans="14:14">
      <c r="N639724" s="10"/>
    </row>
    <row r="639725" spans="14:14">
      <c r="N639725" s="10"/>
    </row>
    <row r="639726" spans="14:14">
      <c r="N639726" s="10"/>
    </row>
    <row r="639727" spans="14:14">
      <c r="N639727" s="10"/>
    </row>
    <row r="639728" spans="14:14">
      <c r="N639728" s="10"/>
    </row>
    <row r="639729" spans="14:14">
      <c r="N639729" s="10"/>
    </row>
    <row r="639730" spans="14:14">
      <c r="N639730" s="10"/>
    </row>
    <row r="639731" spans="14:14">
      <c r="N639731" s="10"/>
    </row>
    <row r="639732" spans="14:14">
      <c r="N639732" s="10"/>
    </row>
    <row r="639733" spans="14:14">
      <c r="N639733" s="10"/>
    </row>
    <row r="639734" spans="14:14">
      <c r="N639734" s="10"/>
    </row>
    <row r="639735" spans="14:14">
      <c r="N639735" s="10"/>
    </row>
    <row r="639736" spans="14:14">
      <c r="N639736" s="10"/>
    </row>
    <row r="639737" spans="14:14">
      <c r="N639737" s="10"/>
    </row>
    <row r="639738" spans="14:14">
      <c r="N639738" s="10"/>
    </row>
    <row r="639739" spans="14:14">
      <c r="N639739" s="10"/>
    </row>
    <row r="639740" spans="14:14">
      <c r="N639740" s="10"/>
    </row>
    <row r="639741" spans="14:14">
      <c r="N639741" s="10"/>
    </row>
    <row r="639742" spans="14:14">
      <c r="N639742" s="10"/>
    </row>
    <row r="639743" spans="14:14">
      <c r="N639743" s="10"/>
    </row>
    <row r="639744" spans="14:14">
      <c r="N639744" s="10"/>
    </row>
    <row r="639745" spans="14:14">
      <c r="N639745" s="10"/>
    </row>
    <row r="639746" spans="14:14">
      <c r="N639746" s="10"/>
    </row>
    <row r="639747" spans="14:14">
      <c r="N639747" s="10"/>
    </row>
    <row r="639748" spans="14:14">
      <c r="N639748" s="10"/>
    </row>
    <row r="639749" spans="14:14">
      <c r="N639749" s="10"/>
    </row>
    <row r="639750" spans="14:14">
      <c r="N639750" s="10"/>
    </row>
    <row r="639751" spans="14:14">
      <c r="N639751" s="10"/>
    </row>
    <row r="639752" spans="14:14">
      <c r="N639752" s="10"/>
    </row>
    <row r="639753" spans="14:14">
      <c r="N639753" s="10"/>
    </row>
    <row r="639754" spans="14:14">
      <c r="N639754" s="10"/>
    </row>
    <row r="639755" spans="14:14">
      <c r="N639755" s="10"/>
    </row>
    <row r="639756" spans="14:14">
      <c r="N639756" s="10"/>
    </row>
    <row r="639757" spans="14:14">
      <c r="N639757" s="10"/>
    </row>
    <row r="639758" spans="14:14">
      <c r="N639758" s="10"/>
    </row>
    <row r="639759" spans="14:14">
      <c r="N639759" s="10"/>
    </row>
    <row r="639760" spans="14:14">
      <c r="N639760" s="10"/>
    </row>
    <row r="639761" spans="14:14">
      <c r="N639761" s="10"/>
    </row>
    <row r="639762" spans="14:14">
      <c r="N639762" s="10"/>
    </row>
    <row r="639763" spans="14:14">
      <c r="N639763" s="10"/>
    </row>
    <row r="639764" spans="14:14">
      <c r="N639764" s="10"/>
    </row>
    <row r="639765" spans="14:14">
      <c r="N639765" s="10"/>
    </row>
    <row r="639766" spans="14:14">
      <c r="N639766" s="10"/>
    </row>
    <row r="639767" spans="14:14">
      <c r="N639767" s="10"/>
    </row>
    <row r="639768" spans="14:14">
      <c r="N639768" s="10"/>
    </row>
    <row r="639769" spans="14:14">
      <c r="N639769" s="10"/>
    </row>
    <row r="639770" spans="14:14">
      <c r="N639770" s="10"/>
    </row>
    <row r="639771" spans="14:14">
      <c r="N639771" s="10"/>
    </row>
    <row r="639772" spans="14:14">
      <c r="N639772" s="10"/>
    </row>
    <row r="639773" spans="14:14">
      <c r="N639773" s="10"/>
    </row>
    <row r="639774" spans="14:14">
      <c r="N639774" s="10"/>
    </row>
    <row r="639775" spans="14:14">
      <c r="N639775" s="10"/>
    </row>
    <row r="639776" spans="14:14">
      <c r="N639776" s="10"/>
    </row>
    <row r="639777" spans="14:14">
      <c r="N639777" s="10"/>
    </row>
    <row r="639778" spans="14:14">
      <c r="N639778" s="10"/>
    </row>
    <row r="639779" spans="14:14">
      <c r="N639779" s="10"/>
    </row>
    <row r="639780" spans="14:14">
      <c r="N639780" s="10"/>
    </row>
    <row r="639781" spans="14:14">
      <c r="N639781" s="10"/>
    </row>
    <row r="639782" spans="14:14">
      <c r="N639782" s="10"/>
    </row>
    <row r="639783" spans="14:14">
      <c r="N639783" s="10"/>
    </row>
    <row r="639784" spans="14:14">
      <c r="N639784" s="10"/>
    </row>
    <row r="639785" spans="14:14">
      <c r="N639785" s="10"/>
    </row>
    <row r="639786" spans="14:14">
      <c r="N639786" s="10"/>
    </row>
    <row r="639787" spans="14:14">
      <c r="N639787" s="10"/>
    </row>
    <row r="639788" spans="14:14">
      <c r="N639788" s="10"/>
    </row>
    <row r="639789" spans="14:14">
      <c r="N639789" s="10"/>
    </row>
    <row r="639790" spans="14:14">
      <c r="N639790" s="10"/>
    </row>
    <row r="639791" spans="14:14">
      <c r="N639791" s="10"/>
    </row>
    <row r="639792" spans="14:14">
      <c r="N639792" s="10"/>
    </row>
    <row r="639793" spans="14:14">
      <c r="N639793" s="10"/>
    </row>
    <row r="639794" spans="14:14">
      <c r="N639794" s="10"/>
    </row>
    <row r="639795" spans="14:14">
      <c r="N639795" s="10"/>
    </row>
    <row r="639796" spans="14:14">
      <c r="N639796" s="10"/>
    </row>
    <row r="639797" spans="14:14">
      <c r="N639797" s="10"/>
    </row>
    <row r="639798" spans="14:14">
      <c r="N639798" s="10"/>
    </row>
    <row r="639799" spans="14:14">
      <c r="N639799" s="10"/>
    </row>
    <row r="639800" spans="14:14">
      <c r="N639800" s="10"/>
    </row>
    <row r="639801" spans="14:14">
      <c r="N639801" s="10"/>
    </row>
    <row r="639802" spans="14:14">
      <c r="N639802" s="10"/>
    </row>
    <row r="639803" spans="14:14">
      <c r="N639803" s="10"/>
    </row>
    <row r="639804" spans="14:14">
      <c r="N639804" s="10"/>
    </row>
    <row r="639805" spans="14:14">
      <c r="N639805" s="10"/>
    </row>
    <row r="639806" spans="14:14">
      <c r="N639806" s="10"/>
    </row>
    <row r="639807" spans="14:14">
      <c r="N639807" s="10"/>
    </row>
    <row r="639808" spans="14:14">
      <c r="N639808" s="10"/>
    </row>
    <row r="639809" spans="14:14">
      <c r="N639809" s="10"/>
    </row>
    <row r="639810" spans="14:14">
      <c r="N639810" s="10"/>
    </row>
    <row r="639811" spans="14:14">
      <c r="N639811" s="10"/>
    </row>
    <row r="639812" spans="14:14">
      <c r="N639812" s="10"/>
    </row>
    <row r="639813" spans="14:14">
      <c r="N639813" s="10"/>
    </row>
    <row r="639814" spans="14:14">
      <c r="N639814" s="10"/>
    </row>
    <row r="639815" spans="14:14">
      <c r="N639815" s="10"/>
    </row>
    <row r="639816" spans="14:14">
      <c r="N639816" s="10"/>
    </row>
    <row r="639817" spans="14:14">
      <c r="N639817" s="10"/>
    </row>
    <row r="639818" spans="14:14">
      <c r="N639818" s="10"/>
    </row>
    <row r="639819" spans="14:14">
      <c r="N639819" s="10"/>
    </row>
    <row r="639820" spans="14:14">
      <c r="N639820" s="10"/>
    </row>
    <row r="639821" spans="14:14">
      <c r="N639821" s="10"/>
    </row>
    <row r="639822" spans="14:14">
      <c r="N639822" s="10"/>
    </row>
    <row r="639823" spans="14:14">
      <c r="N639823" s="10"/>
    </row>
    <row r="639824" spans="14:14">
      <c r="N639824" s="10"/>
    </row>
    <row r="639825" spans="14:14">
      <c r="N639825" s="10"/>
    </row>
    <row r="639826" spans="14:14">
      <c r="N639826" s="10"/>
    </row>
    <row r="639827" spans="14:14">
      <c r="N639827" s="10"/>
    </row>
    <row r="639828" spans="14:14">
      <c r="N639828" s="10"/>
    </row>
    <row r="639829" spans="14:14">
      <c r="N639829" s="10"/>
    </row>
    <row r="639830" spans="14:14">
      <c r="N639830" s="10"/>
    </row>
    <row r="639831" spans="14:14">
      <c r="N639831" s="10"/>
    </row>
    <row r="639832" spans="14:14">
      <c r="N639832" s="10"/>
    </row>
    <row r="639833" spans="14:14">
      <c r="N639833" s="10"/>
    </row>
    <row r="639834" spans="14:14">
      <c r="N639834" s="10"/>
    </row>
    <row r="639835" spans="14:14">
      <c r="N639835" s="10"/>
    </row>
    <row r="639836" spans="14:14">
      <c r="N639836" s="10"/>
    </row>
    <row r="639837" spans="14:14">
      <c r="N639837" s="10"/>
    </row>
    <row r="639838" spans="14:14">
      <c r="N639838" s="10"/>
    </row>
    <row r="639839" spans="14:14">
      <c r="N639839" s="10"/>
    </row>
    <row r="639840" spans="14:14">
      <c r="N639840" s="10"/>
    </row>
    <row r="639841" spans="14:14">
      <c r="N639841" s="10"/>
    </row>
    <row r="639842" spans="14:14">
      <c r="N639842" s="10"/>
    </row>
    <row r="639843" spans="14:14">
      <c r="N639843" s="10"/>
    </row>
    <row r="639844" spans="14:14">
      <c r="N639844" s="10"/>
    </row>
    <row r="639845" spans="14:14">
      <c r="N639845" s="10"/>
    </row>
    <row r="639846" spans="14:14">
      <c r="N639846" s="10"/>
    </row>
    <row r="639847" spans="14:14">
      <c r="N639847" s="10"/>
    </row>
    <row r="639848" spans="14:14">
      <c r="N639848" s="10"/>
    </row>
    <row r="639849" spans="14:14">
      <c r="N639849" s="10"/>
    </row>
    <row r="639850" spans="14:14">
      <c r="N639850" s="10"/>
    </row>
    <row r="639851" spans="14:14">
      <c r="N639851" s="10"/>
    </row>
    <row r="639852" spans="14:14">
      <c r="N639852" s="10"/>
    </row>
    <row r="639853" spans="14:14">
      <c r="N639853" s="10"/>
    </row>
    <row r="639854" spans="14:14">
      <c r="N639854" s="10"/>
    </row>
    <row r="639855" spans="14:14">
      <c r="N639855" s="10"/>
    </row>
    <row r="639856" spans="14:14">
      <c r="N639856" s="10"/>
    </row>
    <row r="639857" spans="14:14">
      <c r="N639857" s="10"/>
    </row>
    <row r="639858" spans="14:14">
      <c r="N639858" s="10"/>
    </row>
    <row r="639859" spans="14:14">
      <c r="N639859" s="10"/>
    </row>
    <row r="639860" spans="14:14">
      <c r="N639860" s="10"/>
    </row>
    <row r="639861" spans="14:14">
      <c r="N639861" s="10"/>
    </row>
    <row r="639862" spans="14:14">
      <c r="N639862" s="10"/>
    </row>
    <row r="639863" spans="14:14">
      <c r="N639863" s="10"/>
    </row>
    <row r="639864" spans="14:14">
      <c r="N639864" s="10"/>
    </row>
    <row r="639865" spans="14:14">
      <c r="N639865" s="10"/>
    </row>
    <row r="639866" spans="14:14">
      <c r="N639866" s="10"/>
    </row>
    <row r="639867" spans="14:14">
      <c r="N639867" s="10"/>
    </row>
    <row r="639868" spans="14:14">
      <c r="N639868" s="10"/>
    </row>
    <row r="639869" spans="14:14">
      <c r="N639869" s="10"/>
    </row>
    <row r="639870" spans="14:14">
      <c r="N639870" s="10"/>
    </row>
    <row r="639871" spans="14:14">
      <c r="N639871" s="10"/>
    </row>
    <row r="639872" spans="14:14">
      <c r="N639872" s="10"/>
    </row>
    <row r="639873" spans="14:14">
      <c r="N639873" s="10"/>
    </row>
    <row r="639874" spans="14:14">
      <c r="N639874" s="10"/>
    </row>
    <row r="639875" spans="14:14">
      <c r="N639875" s="10"/>
    </row>
    <row r="639876" spans="14:14">
      <c r="N639876" s="10"/>
    </row>
    <row r="639877" spans="14:14">
      <c r="N639877" s="10"/>
    </row>
    <row r="639878" spans="14:14">
      <c r="N639878" s="10"/>
    </row>
    <row r="639879" spans="14:14">
      <c r="N639879" s="10"/>
    </row>
    <row r="639880" spans="14:14">
      <c r="N639880" s="10"/>
    </row>
    <row r="639881" spans="14:14">
      <c r="N639881" s="10"/>
    </row>
    <row r="639882" spans="14:14">
      <c r="N639882" s="10"/>
    </row>
    <row r="639883" spans="14:14">
      <c r="N639883" s="10"/>
    </row>
    <row r="639884" spans="14:14">
      <c r="N639884" s="10"/>
    </row>
    <row r="639885" spans="14:14">
      <c r="N639885" s="10"/>
    </row>
    <row r="639886" spans="14:14">
      <c r="N639886" s="10"/>
    </row>
    <row r="639887" spans="14:14">
      <c r="N639887" s="10"/>
    </row>
    <row r="639888" spans="14:14">
      <c r="N639888" s="10"/>
    </row>
    <row r="639889" spans="14:14">
      <c r="N639889" s="10"/>
    </row>
    <row r="639890" spans="14:14">
      <c r="N639890" s="10"/>
    </row>
    <row r="639891" spans="14:14">
      <c r="N639891" s="10"/>
    </row>
    <row r="639892" spans="14:14">
      <c r="N639892" s="10"/>
    </row>
    <row r="639893" spans="14:14">
      <c r="N639893" s="10"/>
    </row>
    <row r="639894" spans="14:14">
      <c r="N639894" s="10"/>
    </row>
    <row r="639895" spans="14:14">
      <c r="N639895" s="10"/>
    </row>
    <row r="639896" spans="14:14">
      <c r="N639896" s="10"/>
    </row>
    <row r="639897" spans="14:14">
      <c r="N639897" s="10"/>
    </row>
    <row r="639898" spans="14:14">
      <c r="N639898" s="10"/>
    </row>
    <row r="639899" spans="14:14">
      <c r="N639899" s="10"/>
    </row>
    <row r="639900" spans="14:14">
      <c r="N639900" s="10"/>
    </row>
    <row r="639901" spans="14:14">
      <c r="N639901" s="10"/>
    </row>
    <row r="639902" spans="14:14">
      <c r="N639902" s="10"/>
    </row>
    <row r="639903" spans="14:14">
      <c r="N639903" s="10"/>
    </row>
    <row r="639904" spans="14:14">
      <c r="N639904" s="10"/>
    </row>
    <row r="639905" spans="14:14">
      <c r="N639905" s="10"/>
    </row>
    <row r="639906" spans="14:14">
      <c r="N639906" s="10"/>
    </row>
    <row r="639907" spans="14:14">
      <c r="N639907" s="10"/>
    </row>
    <row r="639908" spans="14:14">
      <c r="N639908" s="10"/>
    </row>
    <row r="639909" spans="14:14">
      <c r="N639909" s="10"/>
    </row>
    <row r="639910" spans="14:14">
      <c r="N639910" s="10"/>
    </row>
    <row r="639911" spans="14:14">
      <c r="N639911" s="10"/>
    </row>
    <row r="639912" spans="14:14">
      <c r="N639912" s="10"/>
    </row>
    <row r="639913" spans="14:14">
      <c r="N639913" s="10"/>
    </row>
    <row r="639914" spans="14:14">
      <c r="N639914" s="10"/>
    </row>
    <row r="639915" spans="14:14">
      <c r="N639915" s="10"/>
    </row>
    <row r="639916" spans="14:14">
      <c r="N639916" s="10"/>
    </row>
    <row r="639917" spans="14:14">
      <c r="N639917" s="10"/>
    </row>
    <row r="639918" spans="14:14">
      <c r="N639918" s="10"/>
    </row>
    <row r="639919" spans="14:14">
      <c r="N639919" s="10"/>
    </row>
    <row r="639920" spans="14:14">
      <c r="N639920" s="10"/>
    </row>
    <row r="639921" spans="14:14">
      <c r="N639921" s="10"/>
    </row>
    <row r="639922" spans="14:14">
      <c r="N639922" s="10"/>
    </row>
    <row r="639923" spans="14:14">
      <c r="N639923" s="10"/>
    </row>
    <row r="639924" spans="14:14">
      <c r="N639924" s="10"/>
    </row>
    <row r="639925" spans="14:14">
      <c r="N639925" s="10"/>
    </row>
    <row r="639926" spans="14:14">
      <c r="N639926" s="10"/>
    </row>
    <row r="639927" spans="14:14">
      <c r="N639927" s="10"/>
    </row>
    <row r="639928" spans="14:14">
      <c r="N639928" s="10"/>
    </row>
    <row r="639929" spans="14:14">
      <c r="N639929" s="10"/>
    </row>
    <row r="639930" spans="14:14">
      <c r="N639930" s="10"/>
    </row>
    <row r="639931" spans="14:14">
      <c r="N639931" s="10"/>
    </row>
    <row r="639932" spans="14:14">
      <c r="N639932" s="10"/>
    </row>
    <row r="639933" spans="14:14">
      <c r="N639933" s="10"/>
    </row>
    <row r="639934" spans="14:14">
      <c r="N639934" s="10"/>
    </row>
    <row r="639935" spans="14:14">
      <c r="N639935" s="10"/>
    </row>
    <row r="639936" spans="14:14">
      <c r="N639936" s="10"/>
    </row>
    <row r="639937" spans="14:14">
      <c r="N639937" s="10"/>
    </row>
    <row r="639938" spans="14:14">
      <c r="N639938" s="10"/>
    </row>
    <row r="639939" spans="14:14">
      <c r="N639939" s="10"/>
    </row>
    <row r="639940" spans="14:14">
      <c r="N639940" s="10"/>
    </row>
    <row r="639941" spans="14:14">
      <c r="N639941" s="10"/>
    </row>
    <row r="639942" spans="14:14">
      <c r="N639942" s="10"/>
    </row>
    <row r="639943" spans="14:14">
      <c r="N639943" s="10"/>
    </row>
    <row r="639944" spans="14:14">
      <c r="N639944" s="10"/>
    </row>
    <row r="639945" spans="14:14">
      <c r="N639945" s="10"/>
    </row>
    <row r="639946" spans="14:14">
      <c r="N639946" s="10"/>
    </row>
    <row r="639947" spans="14:14">
      <c r="N639947" s="10"/>
    </row>
    <row r="639948" spans="14:14">
      <c r="N639948" s="10"/>
    </row>
    <row r="639949" spans="14:14">
      <c r="N639949" s="10"/>
    </row>
    <row r="639950" spans="14:14">
      <c r="N639950" s="10"/>
    </row>
    <row r="639951" spans="14:14">
      <c r="N639951" s="10"/>
    </row>
    <row r="639952" spans="14:14">
      <c r="N639952" s="10"/>
    </row>
    <row r="639953" spans="14:14">
      <c r="N639953" s="10"/>
    </row>
    <row r="639954" spans="14:14">
      <c r="N639954" s="10"/>
    </row>
    <row r="639955" spans="14:14">
      <c r="N639955" s="10"/>
    </row>
    <row r="639956" spans="14:14">
      <c r="N639956" s="10"/>
    </row>
    <row r="639957" spans="14:14">
      <c r="N639957" s="10"/>
    </row>
    <row r="639958" spans="14:14">
      <c r="N639958" s="10"/>
    </row>
    <row r="639959" spans="14:14">
      <c r="N639959" s="10"/>
    </row>
    <row r="639960" spans="14:14">
      <c r="N639960" s="10"/>
    </row>
    <row r="639961" spans="14:14">
      <c r="N639961" s="10"/>
    </row>
    <row r="639962" spans="14:14">
      <c r="N639962" s="10"/>
    </row>
    <row r="639963" spans="14:14">
      <c r="N639963" s="10"/>
    </row>
    <row r="639964" spans="14:14">
      <c r="N639964" s="10"/>
    </row>
    <row r="639965" spans="14:14">
      <c r="N639965" s="10"/>
    </row>
    <row r="639966" spans="14:14">
      <c r="N639966" s="10"/>
    </row>
    <row r="639967" spans="14:14">
      <c r="N639967" s="10"/>
    </row>
    <row r="639968" spans="14:14">
      <c r="N639968" s="10"/>
    </row>
    <row r="639969" spans="14:14">
      <c r="N639969" s="10"/>
    </row>
    <row r="639970" spans="14:14">
      <c r="N639970" s="10"/>
    </row>
    <row r="639971" spans="14:14">
      <c r="N639971" s="10"/>
    </row>
    <row r="639972" spans="14:14">
      <c r="N639972" s="10"/>
    </row>
    <row r="639973" spans="14:14">
      <c r="N639973" s="10"/>
    </row>
    <row r="639974" spans="14:14">
      <c r="N639974" s="10"/>
    </row>
    <row r="639975" spans="14:14">
      <c r="N639975" s="10"/>
    </row>
    <row r="639976" spans="14:14">
      <c r="N639976" s="10"/>
    </row>
    <row r="639977" spans="14:14">
      <c r="N639977" s="10"/>
    </row>
    <row r="639978" spans="14:14">
      <c r="N639978" s="10"/>
    </row>
    <row r="639979" spans="14:14">
      <c r="N639979" s="10"/>
    </row>
    <row r="639980" spans="14:14">
      <c r="N639980" s="10"/>
    </row>
    <row r="639981" spans="14:14">
      <c r="N639981" s="10"/>
    </row>
    <row r="639982" spans="14:14">
      <c r="N639982" s="10"/>
    </row>
    <row r="639983" spans="14:14">
      <c r="N639983" s="10"/>
    </row>
    <row r="639984" spans="14:14">
      <c r="N639984" s="10"/>
    </row>
    <row r="639985" spans="14:14">
      <c r="N639985" s="10"/>
    </row>
    <row r="639986" spans="14:14">
      <c r="N639986" s="10"/>
    </row>
    <row r="639987" spans="14:14">
      <c r="N639987" s="10"/>
    </row>
    <row r="639988" spans="14:14">
      <c r="N639988" s="10"/>
    </row>
    <row r="639989" spans="14:14">
      <c r="N639989" s="10"/>
    </row>
    <row r="639990" spans="14:14">
      <c r="N639990" s="10"/>
    </row>
    <row r="639991" spans="14:14">
      <c r="N639991" s="10"/>
    </row>
    <row r="639992" spans="14:14">
      <c r="N639992" s="10"/>
    </row>
    <row r="639993" spans="14:14">
      <c r="N639993" s="10"/>
    </row>
    <row r="639994" spans="14:14">
      <c r="N639994" s="10"/>
    </row>
    <row r="639995" spans="14:14">
      <c r="N639995" s="10"/>
    </row>
    <row r="639996" spans="14:14">
      <c r="N639996" s="10"/>
    </row>
    <row r="639997" spans="14:14">
      <c r="N639997" s="10"/>
    </row>
    <row r="639998" spans="14:14">
      <c r="N639998" s="10"/>
    </row>
    <row r="639999" spans="14:14">
      <c r="N639999" s="10"/>
    </row>
    <row r="640000" spans="14:14">
      <c r="N640000" s="10"/>
    </row>
    <row r="640001" spans="14:14">
      <c r="N640001" s="10"/>
    </row>
    <row r="640002" spans="14:14">
      <c r="N640002" s="10"/>
    </row>
    <row r="640003" spans="14:14">
      <c r="N640003" s="10"/>
    </row>
    <row r="640004" spans="14:14">
      <c r="N640004" s="10"/>
    </row>
    <row r="640005" spans="14:14">
      <c r="N640005" s="10"/>
    </row>
    <row r="640006" spans="14:14">
      <c r="N640006" s="10"/>
    </row>
    <row r="640007" spans="14:14">
      <c r="N640007" s="10"/>
    </row>
    <row r="640008" spans="14:14">
      <c r="N640008" s="10"/>
    </row>
    <row r="640009" spans="14:14">
      <c r="N640009" s="10"/>
    </row>
    <row r="640010" spans="14:14">
      <c r="N640010" s="10"/>
    </row>
    <row r="640011" spans="14:14">
      <c r="N640011" s="10"/>
    </row>
    <row r="640012" spans="14:14">
      <c r="N640012" s="10"/>
    </row>
    <row r="640013" spans="14:14">
      <c r="N640013" s="10"/>
    </row>
    <row r="640014" spans="14:14">
      <c r="N640014" s="10"/>
    </row>
    <row r="640015" spans="14:14">
      <c r="N640015" s="10"/>
    </row>
    <row r="640016" spans="14:14">
      <c r="N640016" s="10"/>
    </row>
    <row r="640017" spans="14:14">
      <c r="N640017" s="10"/>
    </row>
    <row r="640018" spans="14:14">
      <c r="N640018" s="10"/>
    </row>
    <row r="640019" spans="14:14">
      <c r="N640019" s="10"/>
    </row>
    <row r="640020" spans="14:14">
      <c r="N640020" s="10"/>
    </row>
    <row r="640021" spans="14:14">
      <c r="N640021" s="10"/>
    </row>
    <row r="640022" spans="14:14">
      <c r="N640022" s="10"/>
    </row>
    <row r="640023" spans="14:14">
      <c r="N640023" s="10"/>
    </row>
    <row r="640024" spans="14:14">
      <c r="N640024" s="10"/>
    </row>
    <row r="640025" spans="14:14">
      <c r="N640025" s="10"/>
    </row>
    <row r="640026" spans="14:14">
      <c r="N640026" s="10"/>
    </row>
    <row r="640027" spans="14:14">
      <c r="N640027" s="10"/>
    </row>
    <row r="640028" spans="14:14">
      <c r="N640028" s="10"/>
    </row>
    <row r="640029" spans="14:14">
      <c r="N640029" s="10"/>
    </row>
    <row r="640030" spans="14:14">
      <c r="N640030" s="10"/>
    </row>
    <row r="640031" spans="14:14">
      <c r="N640031" s="10"/>
    </row>
    <row r="640032" spans="14:14">
      <c r="N640032" s="10"/>
    </row>
    <row r="640033" spans="14:14">
      <c r="N640033" s="10"/>
    </row>
    <row r="640034" spans="14:14">
      <c r="N640034" s="10"/>
    </row>
    <row r="640035" spans="14:14">
      <c r="N640035" s="10"/>
    </row>
    <row r="640036" spans="14:14">
      <c r="N640036" s="10"/>
    </row>
    <row r="640037" spans="14:14">
      <c r="N640037" s="10"/>
    </row>
    <row r="640038" spans="14:14">
      <c r="N640038" s="10"/>
    </row>
    <row r="640039" spans="14:14">
      <c r="N640039" s="10"/>
    </row>
    <row r="640040" spans="14:14">
      <c r="N640040" s="10"/>
    </row>
    <row r="640041" spans="14:14">
      <c r="N640041" s="10"/>
    </row>
    <row r="640042" spans="14:14">
      <c r="N640042" s="10"/>
    </row>
    <row r="640043" spans="14:14">
      <c r="N640043" s="10"/>
    </row>
    <row r="640044" spans="14:14">
      <c r="N640044" s="10"/>
    </row>
    <row r="640045" spans="14:14">
      <c r="N640045" s="10"/>
    </row>
    <row r="640046" spans="14:14">
      <c r="N640046" s="10"/>
    </row>
    <row r="640047" spans="14:14">
      <c r="N640047" s="10"/>
    </row>
    <row r="640048" spans="14:14">
      <c r="N640048" s="10"/>
    </row>
    <row r="640049" spans="14:14">
      <c r="N640049" s="10"/>
    </row>
    <row r="640050" spans="14:14">
      <c r="N640050" s="10"/>
    </row>
    <row r="640051" spans="14:14">
      <c r="N640051" s="10"/>
    </row>
    <row r="640052" spans="14:14">
      <c r="N640052" s="10"/>
    </row>
    <row r="640053" spans="14:14">
      <c r="N640053" s="10"/>
    </row>
    <row r="640054" spans="14:14">
      <c r="N640054" s="10"/>
    </row>
    <row r="640055" spans="14:14">
      <c r="N640055" s="10"/>
    </row>
    <row r="640056" spans="14:14">
      <c r="N640056" s="10"/>
    </row>
    <row r="640057" spans="14:14">
      <c r="N640057" s="10"/>
    </row>
    <row r="640058" spans="14:14">
      <c r="N640058" s="10"/>
    </row>
    <row r="640059" spans="14:14">
      <c r="N640059" s="10"/>
    </row>
    <row r="640060" spans="14:14">
      <c r="N640060" s="10"/>
    </row>
    <row r="640061" spans="14:14">
      <c r="N640061" s="10"/>
    </row>
    <row r="640062" spans="14:14">
      <c r="N640062" s="10"/>
    </row>
    <row r="640063" spans="14:14">
      <c r="N640063" s="10"/>
    </row>
    <row r="640064" spans="14:14">
      <c r="N640064" s="10"/>
    </row>
    <row r="640065" spans="14:14">
      <c r="N640065" s="10"/>
    </row>
    <row r="640066" spans="14:14">
      <c r="N640066" s="10"/>
    </row>
    <row r="640067" spans="14:14">
      <c r="N640067" s="10"/>
    </row>
    <row r="640068" spans="14:14">
      <c r="N640068" s="10"/>
    </row>
    <row r="640069" spans="14:14">
      <c r="N640069" s="10"/>
    </row>
    <row r="640070" spans="14:14">
      <c r="N640070" s="10"/>
    </row>
    <row r="640071" spans="14:14">
      <c r="N640071" s="10"/>
    </row>
    <row r="640072" spans="14:14">
      <c r="N640072" s="10"/>
    </row>
    <row r="640073" spans="14:14">
      <c r="N640073" s="10"/>
    </row>
    <row r="640074" spans="14:14">
      <c r="N640074" s="10"/>
    </row>
    <row r="640075" spans="14:14">
      <c r="N640075" s="10"/>
    </row>
    <row r="640076" spans="14:14">
      <c r="N640076" s="10"/>
    </row>
    <row r="640077" spans="14:14">
      <c r="N640077" s="10"/>
    </row>
    <row r="640078" spans="14:14">
      <c r="N640078" s="10"/>
    </row>
    <row r="640079" spans="14:14">
      <c r="N640079" s="10"/>
    </row>
    <row r="640080" spans="14:14">
      <c r="N640080" s="10"/>
    </row>
    <row r="640081" spans="14:14">
      <c r="N640081" s="10"/>
    </row>
    <row r="640082" spans="14:14">
      <c r="N640082" s="10"/>
    </row>
    <row r="640083" spans="14:14">
      <c r="N640083" s="10"/>
    </row>
    <row r="640084" spans="14:14">
      <c r="N640084" s="10"/>
    </row>
    <row r="640085" spans="14:14">
      <c r="N640085" s="10"/>
    </row>
    <row r="640086" spans="14:14">
      <c r="N640086" s="10"/>
    </row>
    <row r="640087" spans="14:14">
      <c r="N640087" s="10"/>
    </row>
    <row r="640088" spans="14:14">
      <c r="N640088" s="10"/>
    </row>
    <row r="640089" spans="14:14">
      <c r="N640089" s="10"/>
    </row>
    <row r="640090" spans="14:14">
      <c r="N640090" s="10"/>
    </row>
    <row r="640091" spans="14:14">
      <c r="N640091" s="10"/>
    </row>
    <row r="640092" spans="14:14">
      <c r="N640092" s="10"/>
    </row>
    <row r="640093" spans="14:14">
      <c r="N640093" s="10"/>
    </row>
    <row r="640094" spans="14:14">
      <c r="N640094" s="10"/>
    </row>
    <row r="640095" spans="14:14">
      <c r="N640095" s="10"/>
    </row>
    <row r="640096" spans="14:14">
      <c r="N640096" s="10"/>
    </row>
    <row r="640097" spans="14:14">
      <c r="N640097" s="10"/>
    </row>
    <row r="640098" spans="14:14">
      <c r="N640098" s="10"/>
    </row>
    <row r="640099" spans="14:14">
      <c r="N640099" s="10"/>
    </row>
    <row r="640100" spans="14:14">
      <c r="N640100" s="10"/>
    </row>
    <row r="640101" spans="14:14">
      <c r="N640101" s="10"/>
    </row>
    <row r="640102" spans="14:14">
      <c r="N640102" s="10"/>
    </row>
    <row r="640103" spans="14:14">
      <c r="N640103" s="10"/>
    </row>
    <row r="640104" spans="14:14">
      <c r="N640104" s="10"/>
    </row>
    <row r="640105" spans="14:14">
      <c r="N640105" s="10"/>
    </row>
    <row r="640106" spans="14:14">
      <c r="N640106" s="10"/>
    </row>
    <row r="640107" spans="14:14">
      <c r="N640107" s="10"/>
    </row>
    <row r="640108" spans="14:14">
      <c r="N640108" s="10"/>
    </row>
    <row r="640109" spans="14:14">
      <c r="N640109" s="10"/>
    </row>
    <row r="640110" spans="14:14">
      <c r="N640110" s="10"/>
    </row>
    <row r="640111" spans="14:14">
      <c r="N640111" s="10"/>
    </row>
    <row r="640112" spans="14:14">
      <c r="N640112" s="10"/>
    </row>
    <row r="640113" spans="14:14">
      <c r="N640113" s="10"/>
    </row>
    <row r="640114" spans="14:14">
      <c r="N640114" s="10"/>
    </row>
    <row r="640115" spans="14:14">
      <c r="N640115" s="10"/>
    </row>
    <row r="640116" spans="14:14">
      <c r="N640116" s="10"/>
    </row>
    <row r="640117" spans="14:14">
      <c r="N640117" s="10"/>
    </row>
    <row r="640118" spans="14:14">
      <c r="N640118" s="10"/>
    </row>
    <row r="640119" spans="14:14">
      <c r="N640119" s="10"/>
    </row>
    <row r="640120" spans="14:14">
      <c r="N640120" s="10"/>
    </row>
    <row r="640121" spans="14:14">
      <c r="N640121" s="10"/>
    </row>
    <row r="640122" spans="14:14">
      <c r="N640122" s="10"/>
    </row>
    <row r="640123" spans="14:14">
      <c r="N640123" s="10"/>
    </row>
    <row r="640124" spans="14:14">
      <c r="N640124" s="10"/>
    </row>
    <row r="640125" spans="14:14">
      <c r="N640125" s="10"/>
    </row>
    <row r="640126" spans="14:14">
      <c r="N640126" s="10"/>
    </row>
    <row r="640127" spans="14:14">
      <c r="N640127" s="10"/>
    </row>
    <row r="640128" spans="14:14">
      <c r="N640128" s="10"/>
    </row>
    <row r="640129" spans="14:14">
      <c r="N640129" s="10"/>
    </row>
    <row r="640130" spans="14:14">
      <c r="N640130" s="10"/>
    </row>
    <row r="640131" spans="14:14">
      <c r="N640131" s="10"/>
    </row>
    <row r="640132" spans="14:14">
      <c r="N640132" s="10"/>
    </row>
    <row r="640133" spans="14:14">
      <c r="N640133" s="10"/>
    </row>
    <row r="640134" spans="14:14">
      <c r="N640134" s="10"/>
    </row>
    <row r="640135" spans="14:14">
      <c r="N640135" s="10"/>
    </row>
    <row r="640136" spans="14:14">
      <c r="N640136" s="10"/>
    </row>
    <row r="640137" spans="14:14">
      <c r="N640137" s="10"/>
    </row>
    <row r="640138" spans="14:14">
      <c r="N640138" s="10"/>
    </row>
    <row r="640139" spans="14:14">
      <c r="N640139" s="10"/>
    </row>
    <row r="640140" spans="14:14">
      <c r="N640140" s="10"/>
    </row>
    <row r="640141" spans="14:14">
      <c r="N640141" s="10"/>
    </row>
    <row r="640142" spans="14:14">
      <c r="N640142" s="10"/>
    </row>
    <row r="640143" spans="14:14">
      <c r="N640143" s="10"/>
    </row>
    <row r="640144" spans="14:14">
      <c r="N640144" s="10"/>
    </row>
    <row r="640145" spans="14:14">
      <c r="N640145" s="10"/>
    </row>
    <row r="640146" spans="14:14">
      <c r="N640146" s="10"/>
    </row>
    <row r="640147" spans="14:14">
      <c r="N640147" s="10"/>
    </row>
    <row r="640148" spans="14:14">
      <c r="N640148" s="10"/>
    </row>
    <row r="640149" spans="14:14">
      <c r="N640149" s="10"/>
    </row>
    <row r="640150" spans="14:14">
      <c r="N640150" s="10"/>
    </row>
    <row r="640151" spans="14:14">
      <c r="N640151" s="10"/>
    </row>
    <row r="640152" spans="14:14">
      <c r="N640152" s="10"/>
    </row>
    <row r="640153" spans="14:14">
      <c r="N640153" s="10"/>
    </row>
    <row r="640154" spans="14:14">
      <c r="N640154" s="10"/>
    </row>
    <row r="640155" spans="14:14">
      <c r="N640155" s="10"/>
    </row>
    <row r="640156" spans="14:14">
      <c r="N640156" s="10"/>
    </row>
    <row r="640157" spans="14:14">
      <c r="N640157" s="10"/>
    </row>
    <row r="640158" spans="14:14">
      <c r="N640158" s="10"/>
    </row>
    <row r="640159" spans="14:14">
      <c r="N640159" s="10"/>
    </row>
    <row r="640160" spans="14:14">
      <c r="N640160" s="10"/>
    </row>
    <row r="640161" spans="14:14">
      <c r="N640161" s="10"/>
    </row>
    <row r="640162" spans="14:14">
      <c r="N640162" s="10"/>
    </row>
    <row r="640163" spans="14:14">
      <c r="N640163" s="10"/>
    </row>
    <row r="640164" spans="14:14">
      <c r="N640164" s="10"/>
    </row>
    <row r="640165" spans="14:14">
      <c r="N640165" s="10"/>
    </row>
    <row r="640166" spans="14:14">
      <c r="N640166" s="10"/>
    </row>
    <row r="640167" spans="14:14">
      <c r="N640167" s="10"/>
    </row>
    <row r="640168" spans="14:14">
      <c r="N640168" s="10"/>
    </row>
    <row r="640169" spans="14:14">
      <c r="N640169" s="10"/>
    </row>
    <row r="640170" spans="14:14">
      <c r="N640170" s="10"/>
    </row>
    <row r="640171" spans="14:14">
      <c r="N640171" s="10"/>
    </row>
    <row r="640172" spans="14:14">
      <c r="N640172" s="10"/>
    </row>
    <row r="640173" spans="14:14">
      <c r="N640173" s="10"/>
    </row>
    <row r="640174" spans="14:14">
      <c r="N640174" s="10"/>
    </row>
    <row r="640175" spans="14:14">
      <c r="N640175" s="10"/>
    </row>
    <row r="640176" spans="14:14">
      <c r="N640176" s="10"/>
    </row>
    <row r="640177" spans="14:14">
      <c r="N640177" s="10"/>
    </row>
    <row r="640178" spans="14:14">
      <c r="N640178" s="10"/>
    </row>
    <row r="640179" spans="14:14">
      <c r="N640179" s="10"/>
    </row>
    <row r="640180" spans="14:14">
      <c r="N640180" s="10"/>
    </row>
    <row r="640181" spans="14:14">
      <c r="N640181" s="10"/>
    </row>
    <row r="640182" spans="14:14">
      <c r="N640182" s="10"/>
    </row>
    <row r="640183" spans="14:14">
      <c r="N640183" s="10"/>
    </row>
    <row r="640184" spans="14:14">
      <c r="N640184" s="10"/>
    </row>
    <row r="640185" spans="14:14">
      <c r="N640185" s="10"/>
    </row>
    <row r="640186" spans="14:14">
      <c r="N640186" s="10"/>
    </row>
    <row r="640187" spans="14:14">
      <c r="N640187" s="10"/>
    </row>
    <row r="640188" spans="14:14">
      <c r="N640188" s="10"/>
    </row>
    <row r="640189" spans="14:14">
      <c r="N640189" s="10"/>
    </row>
    <row r="640190" spans="14:14">
      <c r="N640190" s="10"/>
    </row>
    <row r="640191" spans="14:14">
      <c r="N640191" s="10"/>
    </row>
    <row r="640192" spans="14:14">
      <c r="N640192" s="10"/>
    </row>
    <row r="640193" spans="14:14">
      <c r="N640193" s="10"/>
    </row>
    <row r="640194" spans="14:14">
      <c r="N640194" s="10"/>
    </row>
    <row r="640195" spans="14:14">
      <c r="N640195" s="10"/>
    </row>
    <row r="640196" spans="14:14">
      <c r="N640196" s="10"/>
    </row>
    <row r="640197" spans="14:14">
      <c r="N640197" s="10"/>
    </row>
    <row r="640198" spans="14:14">
      <c r="N640198" s="10"/>
    </row>
    <row r="640199" spans="14:14">
      <c r="N640199" s="10"/>
    </row>
    <row r="640200" spans="14:14">
      <c r="N640200" s="10"/>
    </row>
    <row r="640201" spans="14:14">
      <c r="N640201" s="10"/>
    </row>
    <row r="640202" spans="14:14">
      <c r="N640202" s="10"/>
    </row>
    <row r="640203" spans="14:14">
      <c r="N640203" s="10"/>
    </row>
    <row r="640204" spans="14:14">
      <c r="N640204" s="10"/>
    </row>
    <row r="640205" spans="14:14">
      <c r="N640205" s="10"/>
    </row>
    <row r="640206" spans="14:14">
      <c r="N640206" s="10"/>
    </row>
    <row r="640207" spans="14:14">
      <c r="N640207" s="10"/>
    </row>
    <row r="640208" spans="14:14">
      <c r="N640208" s="10"/>
    </row>
    <row r="640209" spans="14:14">
      <c r="N640209" s="10"/>
    </row>
    <row r="640210" spans="14:14">
      <c r="N640210" s="10"/>
    </row>
    <row r="640211" spans="14:14">
      <c r="N640211" s="10"/>
    </row>
    <row r="640212" spans="14:14">
      <c r="N640212" s="10"/>
    </row>
    <row r="640213" spans="14:14">
      <c r="N640213" s="10"/>
    </row>
    <row r="640214" spans="14:14">
      <c r="N640214" s="10"/>
    </row>
    <row r="640215" spans="14:14">
      <c r="N640215" s="10"/>
    </row>
    <row r="640216" spans="14:14">
      <c r="N640216" s="10"/>
    </row>
    <row r="640217" spans="14:14">
      <c r="N640217" s="10"/>
    </row>
    <row r="640218" spans="14:14">
      <c r="N640218" s="10"/>
    </row>
    <row r="640219" spans="14:14">
      <c r="N640219" s="10"/>
    </row>
    <row r="640220" spans="14:14">
      <c r="N640220" s="10"/>
    </row>
    <row r="640221" spans="14:14">
      <c r="N640221" s="10"/>
    </row>
    <row r="640222" spans="14:14">
      <c r="N640222" s="10"/>
    </row>
    <row r="640223" spans="14:14">
      <c r="N640223" s="10"/>
    </row>
    <row r="640224" spans="14:14">
      <c r="N640224" s="10"/>
    </row>
    <row r="640225" spans="14:14">
      <c r="N640225" s="10"/>
    </row>
    <row r="640226" spans="14:14">
      <c r="N640226" s="10"/>
    </row>
    <row r="640227" spans="14:14">
      <c r="N640227" s="10"/>
    </row>
    <row r="640228" spans="14:14">
      <c r="N640228" s="10"/>
    </row>
    <row r="640229" spans="14:14">
      <c r="N640229" s="10"/>
    </row>
    <row r="640230" spans="14:14">
      <c r="N640230" s="10"/>
    </row>
    <row r="640231" spans="14:14">
      <c r="N640231" s="10"/>
    </row>
    <row r="640232" spans="14:14">
      <c r="N640232" s="10"/>
    </row>
    <row r="640233" spans="14:14">
      <c r="N640233" s="10"/>
    </row>
    <row r="640234" spans="14:14">
      <c r="N640234" s="10"/>
    </row>
    <row r="640235" spans="14:14">
      <c r="N640235" s="10"/>
    </row>
    <row r="640236" spans="14:14">
      <c r="N640236" s="10"/>
    </row>
    <row r="640237" spans="14:14">
      <c r="N640237" s="10"/>
    </row>
    <row r="640238" spans="14:14">
      <c r="N640238" s="10"/>
    </row>
    <row r="640239" spans="14:14">
      <c r="N640239" s="10"/>
    </row>
    <row r="640240" spans="14:14">
      <c r="N640240" s="10"/>
    </row>
    <row r="640241" spans="14:14">
      <c r="N640241" s="10"/>
    </row>
    <row r="640242" spans="14:14">
      <c r="N640242" s="10"/>
    </row>
    <row r="640243" spans="14:14">
      <c r="N640243" s="10"/>
    </row>
    <row r="640244" spans="14:14">
      <c r="N640244" s="10"/>
    </row>
    <row r="640245" spans="14:14">
      <c r="N640245" s="10"/>
    </row>
    <row r="640246" spans="14:14">
      <c r="N640246" s="10"/>
    </row>
    <row r="640247" spans="14:14">
      <c r="N640247" s="10"/>
    </row>
    <row r="640248" spans="14:14">
      <c r="N640248" s="10"/>
    </row>
    <row r="640249" spans="14:14">
      <c r="N640249" s="10"/>
    </row>
    <row r="640250" spans="14:14">
      <c r="N640250" s="10"/>
    </row>
    <row r="640251" spans="14:14">
      <c r="N640251" s="10"/>
    </row>
    <row r="640252" spans="14:14">
      <c r="N640252" s="10"/>
    </row>
    <row r="640253" spans="14:14">
      <c r="N640253" s="10"/>
    </row>
    <row r="640254" spans="14:14">
      <c r="N640254" s="10"/>
    </row>
    <row r="640255" spans="14:14">
      <c r="N640255" s="10"/>
    </row>
    <row r="640256" spans="14:14">
      <c r="N640256" s="10"/>
    </row>
    <row r="640257" spans="14:14">
      <c r="N640257" s="10"/>
    </row>
    <row r="640258" spans="14:14">
      <c r="N640258" s="10"/>
    </row>
    <row r="640259" spans="14:14">
      <c r="N640259" s="10"/>
    </row>
    <row r="640260" spans="14:14">
      <c r="N640260" s="10"/>
    </row>
    <row r="640261" spans="14:14">
      <c r="N640261" s="10"/>
    </row>
    <row r="640262" spans="14:14">
      <c r="N640262" s="10"/>
    </row>
    <row r="640263" spans="14:14">
      <c r="N640263" s="10"/>
    </row>
    <row r="640264" spans="14:14">
      <c r="N640264" s="10"/>
    </row>
    <row r="640265" spans="14:14">
      <c r="N640265" s="10"/>
    </row>
    <row r="640266" spans="14:14">
      <c r="N640266" s="10"/>
    </row>
    <row r="640267" spans="14:14">
      <c r="N640267" s="10"/>
    </row>
    <row r="640268" spans="14:14">
      <c r="N640268" s="10"/>
    </row>
    <row r="640269" spans="14:14">
      <c r="N640269" s="10"/>
    </row>
    <row r="640270" spans="14:14">
      <c r="N640270" s="10"/>
    </row>
    <row r="640271" spans="14:14">
      <c r="N640271" s="10"/>
    </row>
    <row r="640272" spans="14:14">
      <c r="N640272" s="10"/>
    </row>
    <row r="640273" spans="14:14">
      <c r="N640273" s="10"/>
    </row>
    <row r="640274" spans="14:14">
      <c r="N640274" s="10"/>
    </row>
    <row r="640275" spans="14:14">
      <c r="N640275" s="10"/>
    </row>
    <row r="640276" spans="14:14">
      <c r="N640276" s="10"/>
    </row>
    <row r="640277" spans="14:14">
      <c r="N640277" s="10"/>
    </row>
    <row r="640278" spans="14:14">
      <c r="N640278" s="10"/>
    </row>
    <row r="640279" spans="14:14">
      <c r="N640279" s="10"/>
    </row>
    <row r="640280" spans="14:14">
      <c r="N640280" s="10"/>
    </row>
    <row r="640281" spans="14:14">
      <c r="N640281" s="10"/>
    </row>
    <row r="640282" spans="14:14">
      <c r="N640282" s="10"/>
    </row>
    <row r="640283" spans="14:14">
      <c r="N640283" s="10"/>
    </row>
    <row r="640284" spans="14:14">
      <c r="N640284" s="10"/>
    </row>
    <row r="640285" spans="14:14">
      <c r="N640285" s="10"/>
    </row>
    <row r="640286" spans="14:14">
      <c r="N640286" s="10"/>
    </row>
    <row r="640287" spans="14:14">
      <c r="N640287" s="10"/>
    </row>
    <row r="640288" spans="14:14">
      <c r="N640288" s="10"/>
    </row>
    <row r="640289" spans="14:14">
      <c r="N640289" s="10"/>
    </row>
    <row r="640290" spans="14:14">
      <c r="N640290" s="10"/>
    </row>
    <row r="640291" spans="14:14">
      <c r="N640291" s="10"/>
    </row>
    <row r="640292" spans="14:14">
      <c r="N640292" s="10"/>
    </row>
    <row r="640293" spans="14:14">
      <c r="N640293" s="10"/>
    </row>
    <row r="640294" spans="14:14">
      <c r="N640294" s="10"/>
    </row>
    <row r="640295" spans="14:14">
      <c r="N640295" s="10"/>
    </row>
    <row r="640296" spans="14:14">
      <c r="N640296" s="10"/>
    </row>
    <row r="640297" spans="14:14">
      <c r="N640297" s="10"/>
    </row>
    <row r="640298" spans="14:14">
      <c r="N640298" s="10"/>
    </row>
    <row r="640299" spans="14:14">
      <c r="N640299" s="10"/>
    </row>
    <row r="640300" spans="14:14">
      <c r="N640300" s="10"/>
    </row>
    <row r="640301" spans="14:14">
      <c r="N640301" s="10"/>
    </row>
    <row r="640302" spans="14:14">
      <c r="N640302" s="10"/>
    </row>
    <row r="640303" spans="14:14">
      <c r="N640303" s="10"/>
    </row>
    <row r="640304" spans="14:14">
      <c r="N640304" s="10"/>
    </row>
    <row r="640305" spans="14:14">
      <c r="N640305" s="10"/>
    </row>
    <row r="640306" spans="14:14">
      <c r="N640306" s="10"/>
    </row>
    <row r="640307" spans="14:14">
      <c r="N640307" s="10"/>
    </row>
    <row r="640308" spans="14:14">
      <c r="N640308" s="10"/>
    </row>
    <row r="640309" spans="14:14">
      <c r="N640309" s="10"/>
    </row>
    <row r="640310" spans="14:14">
      <c r="N640310" s="10"/>
    </row>
    <row r="640311" spans="14:14">
      <c r="N640311" s="10"/>
    </row>
    <row r="640312" spans="14:14">
      <c r="N640312" s="10"/>
    </row>
    <row r="640313" spans="14:14">
      <c r="N640313" s="10"/>
    </row>
    <row r="640314" spans="14:14">
      <c r="N640314" s="10"/>
    </row>
    <row r="640315" spans="14:14">
      <c r="N640315" s="10"/>
    </row>
    <row r="640316" spans="14:14">
      <c r="N640316" s="10"/>
    </row>
    <row r="640317" spans="14:14">
      <c r="N640317" s="10"/>
    </row>
    <row r="640318" spans="14:14">
      <c r="N640318" s="10"/>
    </row>
    <row r="640319" spans="14:14">
      <c r="N640319" s="10"/>
    </row>
    <row r="640320" spans="14:14">
      <c r="N640320" s="10"/>
    </row>
    <row r="640321" spans="14:14">
      <c r="N640321" s="10"/>
    </row>
    <row r="640322" spans="14:14">
      <c r="N640322" s="10"/>
    </row>
    <row r="640323" spans="14:14">
      <c r="N640323" s="10"/>
    </row>
    <row r="640324" spans="14:14">
      <c r="N640324" s="10"/>
    </row>
    <row r="640325" spans="14:14">
      <c r="N640325" s="10"/>
    </row>
    <row r="640326" spans="14:14">
      <c r="N640326" s="10"/>
    </row>
    <row r="640327" spans="14:14">
      <c r="N640327" s="10"/>
    </row>
    <row r="640328" spans="14:14">
      <c r="N640328" s="10"/>
    </row>
    <row r="640329" spans="14:14">
      <c r="N640329" s="10"/>
    </row>
    <row r="640330" spans="14:14">
      <c r="N640330" s="10"/>
    </row>
    <row r="640331" spans="14:14">
      <c r="N640331" s="10"/>
    </row>
    <row r="640332" spans="14:14">
      <c r="N640332" s="10"/>
    </row>
    <row r="640333" spans="14:14">
      <c r="N640333" s="10"/>
    </row>
    <row r="640334" spans="14:14">
      <c r="N640334" s="10"/>
    </row>
    <row r="640335" spans="14:14">
      <c r="N640335" s="10"/>
    </row>
    <row r="640336" spans="14:14">
      <c r="N640336" s="10"/>
    </row>
    <row r="640337" spans="14:14">
      <c r="N640337" s="10"/>
    </row>
    <row r="640338" spans="14:14">
      <c r="N640338" s="10"/>
    </row>
    <row r="640339" spans="14:14">
      <c r="N640339" s="10"/>
    </row>
    <row r="640340" spans="14:14">
      <c r="N640340" s="10"/>
    </row>
    <row r="640341" spans="14:14">
      <c r="N640341" s="10"/>
    </row>
    <row r="640342" spans="14:14">
      <c r="N640342" s="10"/>
    </row>
    <row r="640343" spans="14:14">
      <c r="N640343" s="10"/>
    </row>
    <row r="640344" spans="14:14">
      <c r="N640344" s="10"/>
    </row>
    <row r="640345" spans="14:14">
      <c r="N640345" s="10"/>
    </row>
    <row r="640346" spans="14:14">
      <c r="N640346" s="10"/>
    </row>
    <row r="640347" spans="14:14">
      <c r="N640347" s="10"/>
    </row>
    <row r="640348" spans="14:14">
      <c r="N640348" s="10"/>
    </row>
    <row r="640349" spans="14:14">
      <c r="N640349" s="10"/>
    </row>
    <row r="640350" spans="14:14">
      <c r="N640350" s="10"/>
    </row>
    <row r="640351" spans="14:14">
      <c r="N640351" s="10"/>
    </row>
    <row r="640352" spans="14:14">
      <c r="N640352" s="10"/>
    </row>
    <row r="640353" spans="14:14">
      <c r="N640353" s="10"/>
    </row>
    <row r="640354" spans="14:14">
      <c r="N640354" s="10"/>
    </row>
    <row r="640355" spans="14:14">
      <c r="N640355" s="10"/>
    </row>
    <row r="640356" spans="14:14">
      <c r="N640356" s="10"/>
    </row>
    <row r="640357" spans="14:14">
      <c r="N640357" s="10"/>
    </row>
    <row r="640358" spans="14:14">
      <c r="N640358" s="10"/>
    </row>
    <row r="640359" spans="14:14">
      <c r="N640359" s="10"/>
    </row>
    <row r="640360" spans="14:14">
      <c r="N640360" s="10"/>
    </row>
    <row r="640361" spans="14:14">
      <c r="N640361" s="10"/>
    </row>
    <row r="640362" spans="14:14">
      <c r="N640362" s="10"/>
    </row>
    <row r="640363" spans="14:14">
      <c r="N640363" s="10"/>
    </row>
    <row r="640364" spans="14:14">
      <c r="N640364" s="10"/>
    </row>
    <row r="640365" spans="14:14">
      <c r="N640365" s="10"/>
    </row>
    <row r="640366" spans="14:14">
      <c r="N640366" s="10"/>
    </row>
    <row r="640367" spans="14:14">
      <c r="N640367" s="10"/>
    </row>
    <row r="640368" spans="14:14">
      <c r="N640368" s="10"/>
    </row>
    <row r="640369" spans="14:14">
      <c r="N640369" s="10"/>
    </row>
    <row r="640370" spans="14:14">
      <c r="N640370" s="10"/>
    </row>
    <row r="640371" spans="14:14">
      <c r="N640371" s="10"/>
    </row>
    <row r="640372" spans="14:14">
      <c r="N640372" s="10"/>
    </row>
    <row r="640373" spans="14:14">
      <c r="N640373" s="10"/>
    </row>
    <row r="640374" spans="14:14">
      <c r="N640374" s="10"/>
    </row>
    <row r="640375" spans="14:14">
      <c r="N640375" s="10"/>
    </row>
    <row r="640376" spans="14:14">
      <c r="N640376" s="10"/>
    </row>
    <row r="640377" spans="14:14">
      <c r="N640377" s="10"/>
    </row>
    <row r="640378" spans="14:14">
      <c r="N640378" s="10"/>
    </row>
    <row r="640379" spans="14:14">
      <c r="N640379" s="10"/>
    </row>
    <row r="640380" spans="14:14">
      <c r="N640380" s="10"/>
    </row>
    <row r="640381" spans="14:14">
      <c r="N640381" s="10"/>
    </row>
    <row r="640382" spans="14:14">
      <c r="N640382" s="10"/>
    </row>
    <row r="640383" spans="14:14">
      <c r="N640383" s="10"/>
    </row>
    <row r="640384" spans="14:14">
      <c r="N640384" s="10"/>
    </row>
    <row r="640385" spans="14:14">
      <c r="N640385" s="10"/>
    </row>
    <row r="640386" spans="14:14">
      <c r="N640386" s="10"/>
    </row>
    <row r="640387" spans="14:14">
      <c r="N640387" s="10"/>
    </row>
    <row r="640388" spans="14:14">
      <c r="N640388" s="10"/>
    </row>
    <row r="640389" spans="14:14">
      <c r="N640389" s="10"/>
    </row>
    <row r="640390" spans="14:14">
      <c r="N640390" s="10"/>
    </row>
    <row r="640391" spans="14:14">
      <c r="N640391" s="10"/>
    </row>
    <row r="640392" spans="14:14">
      <c r="N640392" s="10"/>
    </row>
    <row r="640393" spans="14:14">
      <c r="N640393" s="10"/>
    </row>
    <row r="640394" spans="14:14">
      <c r="N640394" s="10"/>
    </row>
    <row r="640395" spans="14:14">
      <c r="N640395" s="10"/>
    </row>
    <row r="640396" spans="14:14">
      <c r="N640396" s="10"/>
    </row>
    <row r="640397" spans="14:14">
      <c r="N640397" s="10"/>
    </row>
    <row r="640398" spans="14:14">
      <c r="N640398" s="10"/>
    </row>
    <row r="640399" spans="14:14">
      <c r="N640399" s="10"/>
    </row>
    <row r="640400" spans="14:14">
      <c r="N640400" s="10"/>
    </row>
    <row r="640401" spans="14:14">
      <c r="N640401" s="10"/>
    </row>
    <row r="640402" spans="14:14">
      <c r="N640402" s="10"/>
    </row>
    <row r="640403" spans="14:14">
      <c r="N640403" s="10"/>
    </row>
    <row r="640404" spans="14:14">
      <c r="N640404" s="10"/>
    </row>
    <row r="640405" spans="14:14">
      <c r="N640405" s="10"/>
    </row>
    <row r="640406" spans="14:14">
      <c r="N640406" s="10"/>
    </row>
    <row r="640407" spans="14:14">
      <c r="N640407" s="10"/>
    </row>
    <row r="640408" spans="14:14">
      <c r="N640408" s="10"/>
    </row>
    <row r="640409" spans="14:14">
      <c r="N640409" s="10"/>
    </row>
    <row r="640410" spans="14:14">
      <c r="N640410" s="10"/>
    </row>
    <row r="640411" spans="14:14">
      <c r="N640411" s="10"/>
    </row>
    <row r="640412" spans="14:14">
      <c r="N640412" s="10"/>
    </row>
    <row r="640413" spans="14:14">
      <c r="N640413" s="10"/>
    </row>
    <row r="640414" spans="14:14">
      <c r="N640414" s="10"/>
    </row>
    <row r="640415" spans="14:14">
      <c r="N640415" s="10"/>
    </row>
    <row r="640416" spans="14:14">
      <c r="N640416" s="10"/>
    </row>
    <row r="640417" spans="14:14">
      <c r="N640417" s="10"/>
    </row>
    <row r="640418" spans="14:14">
      <c r="N640418" s="10"/>
    </row>
    <row r="640419" spans="14:14">
      <c r="N640419" s="10"/>
    </row>
    <row r="640420" spans="14:14">
      <c r="N640420" s="10"/>
    </row>
    <row r="640421" spans="14:14">
      <c r="N640421" s="10"/>
    </row>
    <row r="640422" spans="14:14">
      <c r="N640422" s="10"/>
    </row>
    <row r="640423" spans="14:14">
      <c r="N640423" s="10"/>
    </row>
    <row r="640424" spans="14:14">
      <c r="N640424" s="10"/>
    </row>
    <row r="640425" spans="14:14">
      <c r="N640425" s="10"/>
    </row>
    <row r="640426" spans="14:14">
      <c r="N640426" s="10"/>
    </row>
    <row r="640427" spans="14:14">
      <c r="N640427" s="10"/>
    </row>
    <row r="640428" spans="14:14">
      <c r="N640428" s="10"/>
    </row>
    <row r="640429" spans="14:14">
      <c r="N640429" s="10"/>
    </row>
    <row r="640430" spans="14:14">
      <c r="N640430" s="10"/>
    </row>
    <row r="640431" spans="14:14">
      <c r="N640431" s="10"/>
    </row>
    <row r="640432" spans="14:14">
      <c r="N640432" s="10"/>
    </row>
    <row r="640433" spans="14:14">
      <c r="N640433" s="10"/>
    </row>
    <row r="640434" spans="14:14">
      <c r="N640434" s="10"/>
    </row>
    <row r="640435" spans="14:14">
      <c r="N640435" s="10"/>
    </row>
    <row r="640436" spans="14:14">
      <c r="N640436" s="10"/>
    </row>
    <row r="640437" spans="14:14">
      <c r="N640437" s="10"/>
    </row>
    <row r="640438" spans="14:14">
      <c r="N640438" s="10"/>
    </row>
    <row r="640439" spans="14:14">
      <c r="N640439" s="10"/>
    </row>
    <row r="640440" spans="14:14">
      <c r="N640440" s="10"/>
    </row>
    <row r="640441" spans="14:14">
      <c r="N640441" s="10"/>
    </row>
    <row r="640442" spans="14:14">
      <c r="N640442" s="10"/>
    </row>
    <row r="640443" spans="14:14">
      <c r="N640443" s="10"/>
    </row>
    <row r="640444" spans="14:14">
      <c r="N640444" s="10"/>
    </row>
    <row r="640445" spans="14:14">
      <c r="N640445" s="10"/>
    </row>
    <row r="640446" spans="14:14">
      <c r="N640446" s="10"/>
    </row>
    <row r="640447" spans="14:14">
      <c r="N640447" s="10"/>
    </row>
    <row r="640448" spans="14:14">
      <c r="N640448" s="10"/>
    </row>
    <row r="640449" spans="14:14">
      <c r="N640449" s="10"/>
    </row>
    <row r="640450" spans="14:14">
      <c r="N640450" s="10"/>
    </row>
    <row r="640451" spans="14:14">
      <c r="N640451" s="10"/>
    </row>
    <row r="640452" spans="14:14">
      <c r="N640452" s="10"/>
    </row>
    <row r="640453" spans="14:14">
      <c r="N640453" s="10"/>
    </row>
    <row r="640454" spans="14:14">
      <c r="N640454" s="10"/>
    </row>
    <row r="640455" spans="14:14">
      <c r="N640455" s="10"/>
    </row>
    <row r="640456" spans="14:14">
      <c r="N640456" s="10"/>
    </row>
    <row r="640457" spans="14:14">
      <c r="N640457" s="10"/>
    </row>
    <row r="640458" spans="14:14">
      <c r="N640458" s="10"/>
    </row>
    <row r="640459" spans="14:14">
      <c r="N640459" s="10"/>
    </row>
    <row r="640460" spans="14:14">
      <c r="N640460" s="10"/>
    </row>
    <row r="640461" spans="14:14">
      <c r="N640461" s="10"/>
    </row>
    <row r="640462" spans="14:14">
      <c r="N640462" s="10"/>
    </row>
    <row r="640463" spans="14:14">
      <c r="N640463" s="10"/>
    </row>
    <row r="640464" spans="14:14">
      <c r="N640464" s="10"/>
    </row>
    <row r="640465" spans="14:14">
      <c r="N640465" s="10"/>
    </row>
    <row r="640466" spans="14:14">
      <c r="N640466" s="10"/>
    </row>
    <row r="640467" spans="14:14">
      <c r="N640467" s="10"/>
    </row>
    <row r="640468" spans="14:14">
      <c r="N640468" s="10"/>
    </row>
    <row r="640469" spans="14:14">
      <c r="N640469" s="10"/>
    </row>
    <row r="640470" spans="14:14">
      <c r="N640470" s="10"/>
    </row>
    <row r="640471" spans="14:14">
      <c r="N640471" s="10"/>
    </row>
    <row r="640472" spans="14:14">
      <c r="N640472" s="10"/>
    </row>
    <row r="640473" spans="14:14">
      <c r="N640473" s="10"/>
    </row>
    <row r="640474" spans="14:14">
      <c r="N640474" s="10"/>
    </row>
    <row r="640475" spans="14:14">
      <c r="N640475" s="10"/>
    </row>
    <row r="640476" spans="14:14">
      <c r="N640476" s="10"/>
    </row>
    <row r="640477" spans="14:14">
      <c r="N640477" s="10"/>
    </row>
    <row r="640478" spans="14:14">
      <c r="N640478" s="10"/>
    </row>
    <row r="640479" spans="14:14">
      <c r="N640479" s="10"/>
    </row>
    <row r="640480" spans="14:14">
      <c r="N640480" s="10"/>
    </row>
    <row r="640481" spans="14:14">
      <c r="N640481" s="10"/>
    </row>
    <row r="640482" spans="14:14">
      <c r="N640482" s="10"/>
    </row>
    <row r="640483" spans="14:14">
      <c r="N640483" s="10"/>
    </row>
    <row r="640484" spans="14:14">
      <c r="N640484" s="10"/>
    </row>
    <row r="640485" spans="14:14">
      <c r="N640485" s="10"/>
    </row>
    <row r="640486" spans="14:14">
      <c r="N640486" s="10"/>
    </row>
    <row r="640487" spans="14:14">
      <c r="N640487" s="10"/>
    </row>
    <row r="640488" spans="14:14">
      <c r="N640488" s="10"/>
    </row>
    <row r="640489" spans="14:14">
      <c r="N640489" s="10"/>
    </row>
    <row r="640490" spans="14:14">
      <c r="N640490" s="10"/>
    </row>
    <row r="640491" spans="14:14">
      <c r="N640491" s="10"/>
    </row>
    <row r="640492" spans="14:14">
      <c r="N640492" s="10"/>
    </row>
    <row r="640493" spans="14:14">
      <c r="N640493" s="10"/>
    </row>
    <row r="640494" spans="14:14">
      <c r="N640494" s="10"/>
    </row>
    <row r="640495" spans="14:14">
      <c r="N640495" s="10"/>
    </row>
    <row r="640496" spans="14:14">
      <c r="N640496" s="10"/>
    </row>
    <row r="640497" spans="14:14">
      <c r="N640497" s="10"/>
    </row>
    <row r="640498" spans="14:14">
      <c r="N640498" s="10"/>
    </row>
    <row r="640499" spans="14:14">
      <c r="N640499" s="10"/>
    </row>
    <row r="640500" spans="14:14">
      <c r="N640500" s="10"/>
    </row>
    <row r="640501" spans="14:14">
      <c r="N640501" s="10"/>
    </row>
    <row r="640502" spans="14:14">
      <c r="N640502" s="10"/>
    </row>
    <row r="640503" spans="14:14">
      <c r="N640503" s="10"/>
    </row>
    <row r="640504" spans="14:14">
      <c r="N640504" s="10"/>
    </row>
    <row r="640505" spans="14:14">
      <c r="N640505" s="10"/>
    </row>
    <row r="640506" spans="14:14">
      <c r="N640506" s="10"/>
    </row>
    <row r="640507" spans="14:14">
      <c r="N640507" s="10"/>
    </row>
    <row r="640508" spans="14:14">
      <c r="N640508" s="10"/>
    </row>
    <row r="640509" spans="14:14">
      <c r="N640509" s="10"/>
    </row>
    <row r="640510" spans="14:14">
      <c r="N640510" s="10"/>
    </row>
    <row r="640511" spans="14:14">
      <c r="N640511" s="10"/>
    </row>
    <row r="640512" spans="14:14">
      <c r="N640512" s="10"/>
    </row>
    <row r="640513" spans="14:14">
      <c r="N640513" s="10"/>
    </row>
    <row r="640514" spans="14:14">
      <c r="N640514" s="10"/>
    </row>
    <row r="640515" spans="14:14">
      <c r="N640515" s="10"/>
    </row>
    <row r="640516" spans="14:14">
      <c r="N640516" s="10"/>
    </row>
    <row r="640517" spans="14:14">
      <c r="N640517" s="10"/>
    </row>
    <row r="640518" spans="14:14">
      <c r="N640518" s="10"/>
    </row>
    <row r="640519" spans="14:14">
      <c r="N640519" s="10"/>
    </row>
    <row r="640520" spans="14:14">
      <c r="N640520" s="10"/>
    </row>
    <row r="640521" spans="14:14">
      <c r="N640521" s="10"/>
    </row>
    <row r="640522" spans="14:14">
      <c r="N640522" s="10"/>
    </row>
    <row r="640523" spans="14:14">
      <c r="N640523" s="10"/>
    </row>
    <row r="640524" spans="14:14">
      <c r="N640524" s="10"/>
    </row>
    <row r="640525" spans="14:14">
      <c r="N640525" s="10"/>
    </row>
    <row r="640526" spans="14:14">
      <c r="N640526" s="10"/>
    </row>
    <row r="640527" spans="14:14">
      <c r="N640527" s="10"/>
    </row>
    <row r="640528" spans="14:14">
      <c r="N640528" s="10"/>
    </row>
    <row r="640529" spans="14:14">
      <c r="N640529" s="10"/>
    </row>
    <row r="640530" spans="14:14">
      <c r="N640530" s="10"/>
    </row>
    <row r="640531" spans="14:14">
      <c r="N640531" s="10"/>
    </row>
    <row r="640532" spans="14:14">
      <c r="N640532" s="10"/>
    </row>
    <row r="640533" spans="14:14">
      <c r="N640533" s="10"/>
    </row>
    <row r="640534" spans="14:14">
      <c r="N640534" s="10"/>
    </row>
    <row r="640535" spans="14:14">
      <c r="N640535" s="10"/>
    </row>
    <row r="640536" spans="14:14">
      <c r="N640536" s="10"/>
    </row>
    <row r="640537" spans="14:14">
      <c r="N640537" s="10"/>
    </row>
    <row r="640538" spans="14:14">
      <c r="N640538" s="10"/>
    </row>
    <row r="640539" spans="14:14">
      <c r="N640539" s="10"/>
    </row>
    <row r="640540" spans="14:14">
      <c r="N640540" s="10"/>
    </row>
    <row r="640541" spans="14:14">
      <c r="N640541" s="10"/>
    </row>
    <row r="640542" spans="14:14">
      <c r="N640542" s="10"/>
    </row>
    <row r="640543" spans="14:14">
      <c r="N640543" s="10"/>
    </row>
    <row r="640544" spans="14:14">
      <c r="N640544" s="10"/>
    </row>
    <row r="640545" spans="14:14">
      <c r="N640545" s="10"/>
    </row>
    <row r="640546" spans="14:14">
      <c r="N640546" s="10"/>
    </row>
    <row r="640547" spans="14:14">
      <c r="N640547" s="10"/>
    </row>
    <row r="640548" spans="14:14">
      <c r="N640548" s="10"/>
    </row>
    <row r="640549" spans="14:14">
      <c r="N640549" s="10"/>
    </row>
    <row r="640550" spans="14:14">
      <c r="N640550" s="10"/>
    </row>
    <row r="640551" spans="14:14">
      <c r="N640551" s="10"/>
    </row>
    <row r="640552" spans="14:14">
      <c r="N640552" s="10"/>
    </row>
    <row r="640553" spans="14:14">
      <c r="N640553" s="10"/>
    </row>
    <row r="640554" spans="14:14">
      <c r="N640554" s="10"/>
    </row>
    <row r="640555" spans="14:14">
      <c r="N640555" s="10"/>
    </row>
    <row r="640556" spans="14:14">
      <c r="N640556" s="10"/>
    </row>
    <row r="640557" spans="14:14">
      <c r="N640557" s="10"/>
    </row>
    <row r="640558" spans="14:14">
      <c r="N640558" s="10"/>
    </row>
    <row r="640559" spans="14:14">
      <c r="N640559" s="10"/>
    </row>
    <row r="640560" spans="14:14">
      <c r="N640560" s="10"/>
    </row>
    <row r="640561" spans="14:14">
      <c r="N640561" s="10"/>
    </row>
    <row r="640562" spans="14:14">
      <c r="N640562" s="10"/>
    </row>
    <row r="640563" spans="14:14">
      <c r="N640563" s="10"/>
    </row>
    <row r="640564" spans="14:14">
      <c r="N640564" s="10"/>
    </row>
    <row r="640565" spans="14:14">
      <c r="N640565" s="10"/>
    </row>
    <row r="640566" spans="14:14">
      <c r="N640566" s="10"/>
    </row>
    <row r="640567" spans="14:14">
      <c r="N640567" s="10"/>
    </row>
    <row r="640568" spans="14:14">
      <c r="N640568" s="10"/>
    </row>
    <row r="640569" spans="14:14">
      <c r="N640569" s="10"/>
    </row>
    <row r="640570" spans="14:14">
      <c r="N640570" s="10"/>
    </row>
    <row r="640571" spans="14:14">
      <c r="N640571" s="10"/>
    </row>
    <row r="640572" spans="14:14">
      <c r="N640572" s="10"/>
    </row>
    <row r="640573" spans="14:14">
      <c r="N640573" s="10"/>
    </row>
    <row r="640574" spans="14:14">
      <c r="N640574" s="10"/>
    </row>
    <row r="640575" spans="14:14">
      <c r="N640575" s="10"/>
    </row>
    <row r="640576" spans="14:14">
      <c r="N640576" s="10"/>
    </row>
    <row r="640577" spans="14:14">
      <c r="N640577" s="10"/>
    </row>
    <row r="640578" spans="14:14">
      <c r="N640578" s="10"/>
    </row>
    <row r="640579" spans="14:14">
      <c r="N640579" s="10"/>
    </row>
    <row r="640580" spans="14:14">
      <c r="N640580" s="10"/>
    </row>
    <row r="640581" spans="14:14">
      <c r="N640581" s="10"/>
    </row>
    <row r="640582" spans="14:14">
      <c r="N640582" s="10"/>
    </row>
    <row r="640583" spans="14:14">
      <c r="N640583" s="10"/>
    </row>
    <row r="640584" spans="14:14">
      <c r="N640584" s="10"/>
    </row>
    <row r="640585" spans="14:14">
      <c r="N640585" s="10"/>
    </row>
    <row r="640586" spans="14:14">
      <c r="N640586" s="10"/>
    </row>
    <row r="640587" spans="14:14">
      <c r="N640587" s="10"/>
    </row>
    <row r="640588" spans="14:14">
      <c r="N640588" s="10"/>
    </row>
    <row r="640589" spans="14:14">
      <c r="N640589" s="10"/>
    </row>
    <row r="640590" spans="14:14">
      <c r="N640590" s="10"/>
    </row>
    <row r="640591" spans="14:14">
      <c r="N640591" s="10"/>
    </row>
    <row r="640592" spans="14:14">
      <c r="N640592" s="10"/>
    </row>
    <row r="640593" spans="14:14">
      <c r="N640593" s="10"/>
    </row>
    <row r="640594" spans="14:14">
      <c r="N640594" s="10"/>
    </row>
    <row r="640595" spans="14:14">
      <c r="N640595" s="10"/>
    </row>
    <row r="640596" spans="14:14">
      <c r="N640596" s="10"/>
    </row>
    <row r="640597" spans="14:14">
      <c r="N640597" s="10"/>
    </row>
    <row r="640598" spans="14:14">
      <c r="N640598" s="10"/>
    </row>
    <row r="640599" spans="14:14">
      <c r="N640599" s="10"/>
    </row>
    <row r="640600" spans="14:14">
      <c r="N640600" s="10"/>
    </row>
    <row r="640601" spans="14:14">
      <c r="N640601" s="10"/>
    </row>
    <row r="640602" spans="14:14">
      <c r="N640602" s="10"/>
    </row>
    <row r="640603" spans="14:14">
      <c r="N640603" s="10"/>
    </row>
    <row r="640604" spans="14:14">
      <c r="N640604" s="10"/>
    </row>
    <row r="640605" spans="14:14">
      <c r="N640605" s="10"/>
    </row>
    <row r="640606" spans="14:14">
      <c r="N640606" s="10"/>
    </row>
    <row r="640607" spans="14:14">
      <c r="N640607" s="10"/>
    </row>
    <row r="640608" spans="14:14">
      <c r="N640608" s="10"/>
    </row>
    <row r="640609" spans="14:14">
      <c r="N640609" s="10"/>
    </row>
    <row r="640610" spans="14:14">
      <c r="N640610" s="10"/>
    </row>
    <row r="640611" spans="14:14">
      <c r="N640611" s="10"/>
    </row>
    <row r="640612" spans="14:14">
      <c r="N640612" s="10"/>
    </row>
    <row r="640613" spans="14:14">
      <c r="N640613" s="10"/>
    </row>
    <row r="640614" spans="14:14">
      <c r="N640614" s="10"/>
    </row>
    <row r="640615" spans="14:14">
      <c r="N640615" s="10"/>
    </row>
    <row r="640616" spans="14:14">
      <c r="N640616" s="10"/>
    </row>
    <row r="640617" spans="14:14">
      <c r="N640617" s="10"/>
    </row>
    <row r="640618" spans="14:14">
      <c r="N640618" s="10"/>
    </row>
    <row r="640619" spans="14:14">
      <c r="N640619" s="10"/>
    </row>
    <row r="640620" spans="14:14">
      <c r="N640620" s="10"/>
    </row>
    <row r="640621" spans="14:14">
      <c r="N640621" s="10"/>
    </row>
    <row r="640622" spans="14:14">
      <c r="N640622" s="10"/>
    </row>
    <row r="640623" spans="14:14">
      <c r="N640623" s="10"/>
    </row>
    <row r="640624" spans="14:14">
      <c r="N640624" s="10"/>
    </row>
    <row r="640625" spans="14:14">
      <c r="N640625" s="10"/>
    </row>
    <row r="640626" spans="14:14">
      <c r="N640626" s="10"/>
    </row>
    <row r="640627" spans="14:14">
      <c r="N640627" s="10"/>
    </row>
    <row r="640628" spans="14:14">
      <c r="N640628" s="10"/>
    </row>
    <row r="640629" spans="14:14">
      <c r="N640629" s="10"/>
    </row>
    <row r="640630" spans="14:14">
      <c r="N640630" s="10"/>
    </row>
    <row r="640631" spans="14:14">
      <c r="N640631" s="10"/>
    </row>
    <row r="640632" spans="14:14">
      <c r="N640632" s="10"/>
    </row>
    <row r="640633" spans="14:14">
      <c r="N640633" s="10"/>
    </row>
    <row r="640634" spans="14:14">
      <c r="N640634" s="10"/>
    </row>
    <row r="640635" spans="14:14">
      <c r="N640635" s="10"/>
    </row>
    <row r="640636" spans="14:14">
      <c r="N640636" s="10"/>
    </row>
    <row r="640637" spans="14:14">
      <c r="N640637" s="10"/>
    </row>
    <row r="640638" spans="14:14">
      <c r="N640638" s="10"/>
    </row>
    <row r="640639" spans="14:14">
      <c r="N640639" s="10"/>
    </row>
    <row r="640640" spans="14:14">
      <c r="N640640" s="10"/>
    </row>
    <row r="640641" spans="14:14">
      <c r="N640641" s="10"/>
    </row>
    <row r="640642" spans="14:14">
      <c r="N640642" s="10"/>
    </row>
    <row r="640643" spans="14:14">
      <c r="N640643" s="10"/>
    </row>
    <row r="640644" spans="14:14">
      <c r="N640644" s="10"/>
    </row>
    <row r="640645" spans="14:14">
      <c r="N640645" s="10"/>
    </row>
    <row r="640646" spans="14:14">
      <c r="N640646" s="10"/>
    </row>
    <row r="640647" spans="14:14">
      <c r="N640647" s="10"/>
    </row>
    <row r="640648" spans="14:14">
      <c r="N640648" s="10"/>
    </row>
    <row r="640649" spans="14:14">
      <c r="N640649" s="10"/>
    </row>
    <row r="640650" spans="14:14">
      <c r="N640650" s="10"/>
    </row>
    <row r="640651" spans="14:14">
      <c r="N640651" s="10"/>
    </row>
    <row r="640652" spans="14:14">
      <c r="N640652" s="10"/>
    </row>
    <row r="640653" spans="14:14">
      <c r="N640653" s="10"/>
    </row>
    <row r="640654" spans="14:14">
      <c r="N640654" s="10"/>
    </row>
    <row r="640655" spans="14:14">
      <c r="N640655" s="10"/>
    </row>
    <row r="640656" spans="14:14">
      <c r="N640656" s="10"/>
    </row>
    <row r="640657" spans="14:14">
      <c r="N640657" s="10"/>
    </row>
    <row r="640658" spans="14:14">
      <c r="N640658" s="10"/>
    </row>
    <row r="640659" spans="14:14">
      <c r="N640659" s="10"/>
    </row>
    <row r="640660" spans="14:14">
      <c r="N640660" s="10"/>
    </row>
    <row r="640661" spans="14:14">
      <c r="N640661" s="10"/>
    </row>
    <row r="640662" spans="14:14">
      <c r="N640662" s="10"/>
    </row>
    <row r="640663" spans="14:14">
      <c r="N640663" s="10"/>
    </row>
    <row r="640664" spans="14:14">
      <c r="N640664" s="10"/>
    </row>
    <row r="640665" spans="14:14">
      <c r="N640665" s="10"/>
    </row>
    <row r="640666" spans="14:14">
      <c r="N640666" s="10"/>
    </row>
    <row r="640667" spans="14:14">
      <c r="N640667" s="10"/>
    </row>
    <row r="640668" spans="14:14">
      <c r="N640668" s="10"/>
    </row>
    <row r="640669" spans="14:14">
      <c r="N640669" s="10"/>
    </row>
    <row r="640670" spans="14:14">
      <c r="N640670" s="10"/>
    </row>
    <row r="640671" spans="14:14">
      <c r="N640671" s="10"/>
    </row>
    <row r="640672" spans="14:14">
      <c r="N640672" s="10"/>
    </row>
    <row r="640673" spans="14:14">
      <c r="N640673" s="10"/>
    </row>
    <row r="640674" spans="14:14">
      <c r="N640674" s="10"/>
    </row>
    <row r="640675" spans="14:14">
      <c r="N640675" s="10"/>
    </row>
    <row r="640676" spans="14:14">
      <c r="N640676" s="10"/>
    </row>
    <row r="640677" spans="14:14">
      <c r="N640677" s="10"/>
    </row>
    <row r="640678" spans="14:14">
      <c r="N640678" s="10"/>
    </row>
    <row r="640679" spans="14:14">
      <c r="N640679" s="10"/>
    </row>
    <row r="640680" spans="14:14">
      <c r="N640680" s="10"/>
    </row>
    <row r="640681" spans="14:14">
      <c r="N640681" s="10"/>
    </row>
    <row r="640682" spans="14:14">
      <c r="N640682" s="10"/>
    </row>
    <row r="640683" spans="14:14">
      <c r="N640683" s="10"/>
    </row>
    <row r="640684" spans="14:14">
      <c r="N640684" s="10"/>
    </row>
    <row r="640685" spans="14:14">
      <c r="N640685" s="10"/>
    </row>
    <row r="640686" spans="14:14">
      <c r="N640686" s="10"/>
    </row>
    <row r="640687" spans="14:14">
      <c r="N640687" s="10"/>
    </row>
    <row r="640688" spans="14:14">
      <c r="N640688" s="10"/>
    </row>
    <row r="640689" spans="14:14">
      <c r="N640689" s="10"/>
    </row>
    <row r="640690" spans="14:14">
      <c r="N640690" s="10"/>
    </row>
    <row r="640691" spans="14:14">
      <c r="N640691" s="10"/>
    </row>
    <row r="640692" spans="14:14">
      <c r="N640692" s="10"/>
    </row>
    <row r="640693" spans="14:14">
      <c r="N640693" s="10"/>
    </row>
    <row r="640694" spans="14:14">
      <c r="N640694" s="10"/>
    </row>
    <row r="640695" spans="14:14">
      <c r="N640695" s="10"/>
    </row>
    <row r="640696" spans="14:14">
      <c r="N640696" s="10"/>
    </row>
    <row r="640697" spans="14:14">
      <c r="N640697" s="10"/>
    </row>
    <row r="640698" spans="14:14">
      <c r="N640698" s="10"/>
    </row>
    <row r="640699" spans="14:14">
      <c r="N640699" s="10"/>
    </row>
    <row r="640700" spans="14:14">
      <c r="N640700" s="10"/>
    </row>
    <row r="640701" spans="14:14">
      <c r="N640701" s="10"/>
    </row>
    <row r="640702" spans="14:14">
      <c r="N640702" s="10"/>
    </row>
    <row r="640703" spans="14:14">
      <c r="N640703" s="10"/>
    </row>
    <row r="640704" spans="14:14">
      <c r="N640704" s="10"/>
    </row>
    <row r="640705" spans="14:14">
      <c r="N640705" s="10"/>
    </row>
    <row r="640706" spans="14:14">
      <c r="N640706" s="10"/>
    </row>
    <row r="640707" spans="14:14">
      <c r="N640707" s="10"/>
    </row>
    <row r="640708" spans="14:14">
      <c r="N640708" s="10"/>
    </row>
    <row r="640709" spans="14:14">
      <c r="N640709" s="10"/>
    </row>
    <row r="640710" spans="14:14">
      <c r="N640710" s="10"/>
    </row>
    <row r="640711" spans="14:14">
      <c r="N640711" s="10"/>
    </row>
    <row r="640712" spans="14:14">
      <c r="N640712" s="10"/>
    </row>
    <row r="640713" spans="14:14">
      <c r="N640713" s="10"/>
    </row>
    <row r="640714" spans="14:14">
      <c r="N640714" s="10"/>
    </row>
    <row r="640715" spans="14:14">
      <c r="N640715" s="10"/>
    </row>
    <row r="640716" spans="14:14">
      <c r="N640716" s="10"/>
    </row>
    <row r="640717" spans="14:14">
      <c r="N640717" s="10"/>
    </row>
    <row r="640718" spans="14:14">
      <c r="N640718" s="10"/>
    </row>
    <row r="640719" spans="14:14">
      <c r="N640719" s="10"/>
    </row>
    <row r="640720" spans="14:14">
      <c r="N640720" s="10"/>
    </row>
    <row r="640721" spans="14:14">
      <c r="N640721" s="10"/>
    </row>
    <row r="640722" spans="14:14">
      <c r="N640722" s="10"/>
    </row>
    <row r="640723" spans="14:14">
      <c r="N640723" s="10"/>
    </row>
    <row r="640724" spans="14:14">
      <c r="N640724" s="10"/>
    </row>
    <row r="640725" spans="14:14">
      <c r="N640725" s="10"/>
    </row>
    <row r="640726" spans="14:14">
      <c r="N640726" s="10"/>
    </row>
    <row r="640727" spans="14:14">
      <c r="N640727" s="10"/>
    </row>
    <row r="640728" spans="14:14">
      <c r="N640728" s="10"/>
    </row>
    <row r="640729" spans="14:14">
      <c r="N640729" s="10"/>
    </row>
    <row r="640730" spans="14:14">
      <c r="N640730" s="10"/>
    </row>
    <row r="640731" spans="14:14">
      <c r="N640731" s="10"/>
    </row>
    <row r="640732" spans="14:14">
      <c r="N640732" s="10"/>
    </row>
    <row r="640733" spans="14:14">
      <c r="N640733" s="10"/>
    </row>
    <row r="640734" spans="14:14">
      <c r="N640734" s="10"/>
    </row>
    <row r="640735" spans="14:14">
      <c r="N640735" s="10"/>
    </row>
    <row r="640736" spans="14:14">
      <c r="N640736" s="10"/>
    </row>
    <row r="640737" spans="14:14">
      <c r="N640737" s="10"/>
    </row>
    <row r="640738" spans="14:14">
      <c r="N640738" s="10"/>
    </row>
    <row r="640739" spans="14:14">
      <c r="N640739" s="10"/>
    </row>
    <row r="640740" spans="14:14">
      <c r="N640740" s="10"/>
    </row>
    <row r="640741" spans="14:14">
      <c r="N640741" s="10"/>
    </row>
    <row r="640742" spans="14:14">
      <c r="N640742" s="10"/>
    </row>
    <row r="640743" spans="14:14">
      <c r="N640743" s="10"/>
    </row>
    <row r="640744" spans="14:14">
      <c r="N640744" s="10"/>
    </row>
    <row r="640745" spans="14:14">
      <c r="N640745" s="10"/>
    </row>
    <row r="640746" spans="14:14">
      <c r="N640746" s="10"/>
    </row>
    <row r="640747" spans="14:14">
      <c r="N640747" s="10"/>
    </row>
    <row r="640748" spans="14:14">
      <c r="N640748" s="10"/>
    </row>
    <row r="640749" spans="14:14">
      <c r="N640749" s="10"/>
    </row>
    <row r="640750" spans="14:14">
      <c r="N640750" s="10"/>
    </row>
    <row r="640751" spans="14:14">
      <c r="N640751" s="10"/>
    </row>
    <row r="640752" spans="14:14">
      <c r="N640752" s="10"/>
    </row>
    <row r="640753" spans="14:14">
      <c r="N640753" s="10"/>
    </row>
    <row r="640754" spans="14:14">
      <c r="N640754" s="10"/>
    </row>
    <row r="640755" spans="14:14">
      <c r="N640755" s="10"/>
    </row>
    <row r="640756" spans="14:14">
      <c r="N640756" s="10"/>
    </row>
    <row r="640757" spans="14:14">
      <c r="N640757" s="10"/>
    </row>
    <row r="640758" spans="14:14">
      <c r="N640758" s="10"/>
    </row>
    <row r="640759" spans="14:14">
      <c r="N640759" s="10"/>
    </row>
    <row r="640760" spans="14:14">
      <c r="N640760" s="10"/>
    </row>
    <row r="640761" spans="14:14">
      <c r="N640761" s="10"/>
    </row>
    <row r="640762" spans="14:14">
      <c r="N640762" s="10"/>
    </row>
    <row r="640763" spans="14:14">
      <c r="N640763" s="10"/>
    </row>
    <row r="640764" spans="14:14">
      <c r="N640764" s="10"/>
    </row>
    <row r="640765" spans="14:14">
      <c r="N640765" s="10"/>
    </row>
    <row r="640766" spans="14:14">
      <c r="N640766" s="10"/>
    </row>
    <row r="640767" spans="14:14">
      <c r="N640767" s="10"/>
    </row>
    <row r="640768" spans="14:14">
      <c r="N640768" s="10"/>
    </row>
    <row r="640769" spans="14:14">
      <c r="N640769" s="10"/>
    </row>
    <row r="640770" spans="14:14">
      <c r="N640770" s="10"/>
    </row>
    <row r="640771" spans="14:14">
      <c r="N640771" s="10"/>
    </row>
    <row r="640772" spans="14:14">
      <c r="N640772" s="10"/>
    </row>
    <row r="640773" spans="14:14">
      <c r="N640773" s="10"/>
    </row>
    <row r="640774" spans="14:14">
      <c r="N640774" s="10"/>
    </row>
    <row r="640775" spans="14:14">
      <c r="N640775" s="10"/>
    </row>
    <row r="640776" spans="14:14">
      <c r="N640776" s="10"/>
    </row>
    <row r="640777" spans="14:14">
      <c r="N640777" s="10"/>
    </row>
    <row r="640778" spans="14:14">
      <c r="N640778" s="10"/>
    </row>
    <row r="640779" spans="14:14">
      <c r="N640779" s="10"/>
    </row>
    <row r="640780" spans="14:14">
      <c r="N640780" s="10"/>
    </row>
    <row r="640781" spans="14:14">
      <c r="N640781" s="10"/>
    </row>
    <row r="640782" spans="14:14">
      <c r="N640782" s="10"/>
    </row>
    <row r="640783" spans="14:14">
      <c r="N640783" s="10"/>
    </row>
    <row r="640784" spans="14:14">
      <c r="N640784" s="10"/>
    </row>
    <row r="640785" spans="14:14">
      <c r="N640785" s="10"/>
    </row>
    <row r="640786" spans="14:14">
      <c r="N640786" s="10"/>
    </row>
    <row r="640787" spans="14:14">
      <c r="N640787" s="10"/>
    </row>
    <row r="640788" spans="14:14">
      <c r="N640788" s="10"/>
    </row>
    <row r="640789" spans="14:14">
      <c r="N640789" s="10"/>
    </row>
    <row r="640790" spans="14:14">
      <c r="N640790" s="10"/>
    </row>
    <row r="640791" spans="14:14">
      <c r="N640791" s="10"/>
    </row>
    <row r="640792" spans="14:14">
      <c r="N640792" s="10"/>
    </row>
    <row r="640793" spans="14:14">
      <c r="N640793" s="10"/>
    </row>
    <row r="640794" spans="14:14">
      <c r="N640794" s="10"/>
    </row>
    <row r="640795" spans="14:14">
      <c r="N640795" s="10"/>
    </row>
    <row r="640796" spans="14:14">
      <c r="N640796" s="10"/>
    </row>
    <row r="640797" spans="14:14">
      <c r="N640797" s="10"/>
    </row>
    <row r="640798" spans="14:14">
      <c r="N640798" s="10"/>
    </row>
    <row r="640799" spans="14:14">
      <c r="N640799" s="10"/>
    </row>
    <row r="640800" spans="14:14">
      <c r="N640800" s="10"/>
    </row>
    <row r="640801" spans="14:14">
      <c r="N640801" s="10"/>
    </row>
    <row r="640802" spans="14:14">
      <c r="N640802" s="10"/>
    </row>
    <row r="640803" spans="14:14">
      <c r="N640803" s="10"/>
    </row>
    <row r="640804" spans="14:14">
      <c r="N640804" s="10"/>
    </row>
    <row r="640805" spans="14:14">
      <c r="N640805" s="10"/>
    </row>
    <row r="640806" spans="14:14">
      <c r="N640806" s="10"/>
    </row>
    <row r="640807" spans="14:14">
      <c r="N640807" s="10"/>
    </row>
    <row r="640808" spans="14:14">
      <c r="N640808" s="10"/>
    </row>
    <row r="640809" spans="14:14">
      <c r="N640809" s="10"/>
    </row>
    <row r="640810" spans="14:14">
      <c r="N640810" s="10"/>
    </row>
    <row r="640811" spans="14:14">
      <c r="N640811" s="10"/>
    </row>
    <row r="640812" spans="14:14">
      <c r="N640812" s="10"/>
    </row>
    <row r="640813" spans="14:14">
      <c r="N640813" s="10"/>
    </row>
    <row r="640814" spans="14:14">
      <c r="N640814" s="10"/>
    </row>
    <row r="640815" spans="14:14">
      <c r="N640815" s="10"/>
    </row>
    <row r="640816" spans="14:14">
      <c r="N640816" s="10"/>
    </row>
    <row r="640817" spans="14:14">
      <c r="N640817" s="10"/>
    </row>
    <row r="640818" spans="14:14">
      <c r="N640818" s="10"/>
    </row>
    <row r="640819" spans="14:14">
      <c r="N640819" s="10"/>
    </row>
    <row r="640820" spans="14:14">
      <c r="N640820" s="10"/>
    </row>
    <row r="640821" spans="14:14">
      <c r="N640821" s="10"/>
    </row>
    <row r="640822" spans="14:14">
      <c r="N640822" s="10"/>
    </row>
    <row r="640823" spans="14:14">
      <c r="N640823" s="10"/>
    </row>
    <row r="640824" spans="14:14">
      <c r="N640824" s="10"/>
    </row>
    <row r="640825" spans="14:14">
      <c r="N640825" s="10"/>
    </row>
    <row r="640826" spans="14:14">
      <c r="N640826" s="10"/>
    </row>
    <row r="640827" spans="14:14">
      <c r="N640827" s="10"/>
    </row>
    <row r="640828" spans="14:14">
      <c r="N640828" s="10"/>
    </row>
    <row r="640829" spans="14:14">
      <c r="N640829" s="10"/>
    </row>
    <row r="640830" spans="14:14">
      <c r="N640830" s="10"/>
    </row>
    <row r="640831" spans="14:14">
      <c r="N640831" s="10"/>
    </row>
    <row r="640832" spans="14:14">
      <c r="N640832" s="10"/>
    </row>
    <row r="640833" spans="14:14">
      <c r="N640833" s="10"/>
    </row>
    <row r="640834" spans="14:14">
      <c r="N640834" s="10"/>
    </row>
    <row r="640835" spans="14:14">
      <c r="N640835" s="10"/>
    </row>
    <row r="640836" spans="14:14">
      <c r="N640836" s="10"/>
    </row>
    <row r="640837" spans="14:14">
      <c r="N640837" s="10"/>
    </row>
    <row r="640838" spans="14:14">
      <c r="N640838" s="10"/>
    </row>
    <row r="640839" spans="14:14">
      <c r="N640839" s="10"/>
    </row>
    <row r="640840" spans="14:14">
      <c r="N640840" s="10"/>
    </row>
    <row r="640841" spans="14:14">
      <c r="N640841" s="10"/>
    </row>
    <row r="640842" spans="14:14">
      <c r="N640842" s="10"/>
    </row>
    <row r="640843" spans="14:14">
      <c r="N640843" s="10"/>
    </row>
    <row r="640844" spans="14:14">
      <c r="N640844" s="10"/>
    </row>
    <row r="640845" spans="14:14">
      <c r="N640845" s="10"/>
    </row>
    <row r="640846" spans="14:14">
      <c r="N640846" s="10"/>
    </row>
    <row r="640847" spans="14:14">
      <c r="N640847" s="10"/>
    </row>
    <row r="640848" spans="14:14">
      <c r="N640848" s="10"/>
    </row>
    <row r="640849" spans="14:14">
      <c r="N640849" s="10"/>
    </row>
    <row r="640850" spans="14:14">
      <c r="N640850" s="10"/>
    </row>
    <row r="640851" spans="14:14">
      <c r="N640851" s="10"/>
    </row>
    <row r="640852" spans="14:14">
      <c r="N640852" s="10"/>
    </row>
    <row r="640853" spans="14:14">
      <c r="N640853" s="10"/>
    </row>
    <row r="640854" spans="14:14">
      <c r="N640854" s="10"/>
    </row>
    <row r="640855" spans="14:14">
      <c r="N640855" s="10"/>
    </row>
    <row r="640856" spans="14:14">
      <c r="N640856" s="10"/>
    </row>
    <row r="640857" spans="14:14">
      <c r="N640857" s="10"/>
    </row>
    <row r="640858" spans="14:14">
      <c r="N640858" s="10"/>
    </row>
    <row r="640859" spans="14:14">
      <c r="N640859" s="10"/>
    </row>
    <row r="640860" spans="14:14">
      <c r="N640860" s="10"/>
    </row>
    <row r="640861" spans="14:14">
      <c r="N640861" s="10"/>
    </row>
    <row r="640862" spans="14:14">
      <c r="N640862" s="10"/>
    </row>
    <row r="640863" spans="14:14">
      <c r="N640863" s="10"/>
    </row>
    <row r="640864" spans="14:14">
      <c r="N640864" s="10"/>
    </row>
    <row r="640865" spans="14:14">
      <c r="N640865" s="10"/>
    </row>
    <row r="640866" spans="14:14">
      <c r="N640866" s="10"/>
    </row>
    <row r="640867" spans="14:14">
      <c r="N640867" s="10"/>
    </row>
    <row r="640868" spans="14:14">
      <c r="N640868" s="10"/>
    </row>
    <row r="640869" spans="14:14">
      <c r="N640869" s="10"/>
    </row>
    <row r="640870" spans="14:14">
      <c r="N640870" s="10"/>
    </row>
    <row r="640871" spans="14:14">
      <c r="N640871" s="10"/>
    </row>
    <row r="640872" spans="14:14">
      <c r="N640872" s="10"/>
    </row>
    <row r="640873" spans="14:14">
      <c r="N640873" s="10"/>
    </row>
    <row r="640874" spans="14:14">
      <c r="N640874" s="10"/>
    </row>
    <row r="640875" spans="14:14">
      <c r="N640875" s="10"/>
    </row>
    <row r="640876" spans="14:14">
      <c r="N640876" s="10"/>
    </row>
    <row r="640877" spans="14:14">
      <c r="N640877" s="10"/>
    </row>
    <row r="640878" spans="14:14">
      <c r="N640878" s="10"/>
    </row>
    <row r="640879" spans="14:14">
      <c r="N640879" s="10"/>
    </row>
    <row r="640880" spans="14:14">
      <c r="N640880" s="10"/>
    </row>
    <row r="640881" spans="14:14">
      <c r="N640881" s="10"/>
    </row>
    <row r="640882" spans="14:14">
      <c r="N640882" s="10"/>
    </row>
    <row r="640883" spans="14:14">
      <c r="N640883" s="10"/>
    </row>
    <row r="640884" spans="14:14">
      <c r="N640884" s="10"/>
    </row>
    <row r="640885" spans="14:14">
      <c r="N640885" s="10"/>
    </row>
    <row r="640886" spans="14:14">
      <c r="N640886" s="10"/>
    </row>
    <row r="640887" spans="14:14">
      <c r="N640887" s="10"/>
    </row>
    <row r="640888" spans="14:14">
      <c r="N640888" s="10"/>
    </row>
    <row r="640889" spans="14:14">
      <c r="N640889" s="10"/>
    </row>
    <row r="640890" spans="14:14">
      <c r="N640890" s="10"/>
    </row>
    <row r="640891" spans="14:14">
      <c r="N640891" s="10"/>
    </row>
    <row r="640892" spans="14:14">
      <c r="N640892" s="10"/>
    </row>
    <row r="640893" spans="14:14">
      <c r="N640893" s="10"/>
    </row>
    <row r="640894" spans="14:14">
      <c r="N640894" s="10"/>
    </row>
    <row r="640895" spans="14:14">
      <c r="N640895" s="10"/>
    </row>
    <row r="640896" spans="14:14">
      <c r="N640896" s="10"/>
    </row>
    <row r="640897" spans="14:14">
      <c r="N640897" s="10"/>
    </row>
    <row r="640898" spans="14:14">
      <c r="N640898" s="10"/>
    </row>
    <row r="640899" spans="14:14">
      <c r="N640899" s="10"/>
    </row>
    <row r="640900" spans="14:14">
      <c r="N640900" s="10"/>
    </row>
    <row r="640901" spans="14:14">
      <c r="N640901" s="10"/>
    </row>
    <row r="640902" spans="14:14">
      <c r="N640902" s="10"/>
    </row>
    <row r="640903" spans="14:14">
      <c r="N640903" s="10"/>
    </row>
    <row r="640904" spans="14:14">
      <c r="N640904" s="10"/>
    </row>
    <row r="640905" spans="14:14">
      <c r="N640905" s="10"/>
    </row>
    <row r="640906" spans="14:14">
      <c r="N640906" s="10"/>
    </row>
    <row r="640907" spans="14:14">
      <c r="N640907" s="10"/>
    </row>
    <row r="640908" spans="14:14">
      <c r="N640908" s="10"/>
    </row>
    <row r="640909" spans="14:14">
      <c r="N640909" s="10"/>
    </row>
    <row r="640910" spans="14:14">
      <c r="N640910" s="10"/>
    </row>
    <row r="640911" spans="14:14">
      <c r="N640911" s="10"/>
    </row>
    <row r="640912" spans="14:14">
      <c r="N640912" s="10"/>
    </row>
    <row r="640913" spans="14:14">
      <c r="N640913" s="10"/>
    </row>
    <row r="640914" spans="14:14">
      <c r="N640914" s="10"/>
    </row>
    <row r="640915" spans="14:14">
      <c r="N640915" s="10"/>
    </row>
    <row r="640916" spans="14:14">
      <c r="N640916" s="10"/>
    </row>
    <row r="640917" spans="14:14">
      <c r="N640917" s="10"/>
    </row>
    <row r="640918" spans="14:14">
      <c r="N640918" s="10"/>
    </row>
    <row r="640919" spans="14:14">
      <c r="N640919" s="10"/>
    </row>
    <row r="640920" spans="14:14">
      <c r="N640920" s="10"/>
    </row>
    <row r="640921" spans="14:14">
      <c r="N640921" s="10"/>
    </row>
    <row r="640922" spans="14:14">
      <c r="N640922" s="10"/>
    </row>
    <row r="640923" spans="14:14">
      <c r="N640923" s="10"/>
    </row>
    <row r="640924" spans="14:14">
      <c r="N640924" s="10"/>
    </row>
    <row r="640925" spans="14:14">
      <c r="N640925" s="10"/>
    </row>
    <row r="640926" spans="14:14">
      <c r="N640926" s="10"/>
    </row>
    <row r="640927" spans="14:14">
      <c r="N640927" s="10"/>
    </row>
    <row r="640928" spans="14:14">
      <c r="N640928" s="10"/>
    </row>
    <row r="640929" spans="14:14">
      <c r="N640929" s="10"/>
    </row>
    <row r="640930" spans="14:14">
      <c r="N640930" s="10"/>
    </row>
    <row r="640931" spans="14:14">
      <c r="N640931" s="10"/>
    </row>
    <row r="640932" spans="14:14">
      <c r="N640932" s="10"/>
    </row>
    <row r="640933" spans="14:14">
      <c r="N640933" s="10"/>
    </row>
    <row r="640934" spans="14:14">
      <c r="N640934" s="10"/>
    </row>
    <row r="640935" spans="14:14">
      <c r="N640935" s="10"/>
    </row>
    <row r="640936" spans="14:14">
      <c r="N640936" s="10"/>
    </row>
    <row r="640937" spans="14:14">
      <c r="N640937" s="10"/>
    </row>
    <row r="640938" spans="14:14">
      <c r="N640938" s="10"/>
    </row>
    <row r="640939" spans="14:14">
      <c r="N640939" s="10"/>
    </row>
    <row r="640940" spans="14:14">
      <c r="N640940" s="10"/>
    </row>
    <row r="640941" spans="14:14">
      <c r="N640941" s="10"/>
    </row>
    <row r="640942" spans="14:14">
      <c r="N640942" s="10"/>
    </row>
    <row r="640943" spans="14:14">
      <c r="N640943" s="10"/>
    </row>
    <row r="640944" spans="14:14">
      <c r="N640944" s="10"/>
    </row>
    <row r="640945" spans="14:14">
      <c r="N640945" s="10"/>
    </row>
    <row r="640946" spans="14:14">
      <c r="N640946" s="10"/>
    </row>
    <row r="640947" spans="14:14">
      <c r="N640947" s="10"/>
    </row>
    <row r="640948" spans="14:14">
      <c r="N640948" s="10"/>
    </row>
    <row r="640949" spans="14:14">
      <c r="N640949" s="10"/>
    </row>
    <row r="640950" spans="14:14">
      <c r="N640950" s="10"/>
    </row>
    <row r="640951" spans="14:14">
      <c r="N640951" s="10"/>
    </row>
    <row r="640952" spans="14:14">
      <c r="N640952" s="10"/>
    </row>
    <row r="640953" spans="14:14">
      <c r="N640953" s="10"/>
    </row>
    <row r="640954" spans="14:14">
      <c r="N640954" s="10"/>
    </row>
    <row r="640955" spans="14:14">
      <c r="N640955" s="10"/>
    </row>
    <row r="640956" spans="14:14">
      <c r="N640956" s="10"/>
    </row>
    <row r="640957" spans="14:14">
      <c r="N640957" s="10"/>
    </row>
    <row r="640958" spans="14:14">
      <c r="N640958" s="10"/>
    </row>
    <row r="640959" spans="14:14">
      <c r="N640959" s="10"/>
    </row>
    <row r="640960" spans="14:14">
      <c r="N640960" s="10"/>
    </row>
    <row r="640961" spans="14:14">
      <c r="N640961" s="10"/>
    </row>
    <row r="640962" spans="14:14">
      <c r="N640962" s="10"/>
    </row>
    <row r="640963" spans="14:14">
      <c r="N640963" s="10"/>
    </row>
    <row r="640964" spans="14:14">
      <c r="N640964" s="10"/>
    </row>
    <row r="640965" spans="14:14">
      <c r="N640965" s="10"/>
    </row>
    <row r="640966" spans="14:14">
      <c r="N640966" s="10"/>
    </row>
    <row r="640967" spans="14:14">
      <c r="N640967" s="10"/>
    </row>
    <row r="640968" spans="14:14">
      <c r="N640968" s="10"/>
    </row>
    <row r="640969" spans="14:14">
      <c r="N640969" s="10"/>
    </row>
    <row r="640970" spans="14:14">
      <c r="N640970" s="10"/>
    </row>
    <row r="640971" spans="14:14">
      <c r="N640971" s="10"/>
    </row>
    <row r="640972" spans="14:14">
      <c r="N640972" s="10"/>
    </row>
    <row r="640973" spans="14:14">
      <c r="N640973" s="10"/>
    </row>
    <row r="640974" spans="14:14">
      <c r="N640974" s="10"/>
    </row>
    <row r="640975" spans="14:14">
      <c r="N640975" s="10"/>
    </row>
    <row r="640976" spans="14:14">
      <c r="N640976" s="10"/>
    </row>
    <row r="640977" spans="14:14">
      <c r="N640977" s="10"/>
    </row>
    <row r="640978" spans="14:14">
      <c r="N640978" s="10"/>
    </row>
    <row r="640979" spans="14:14">
      <c r="N640979" s="10"/>
    </row>
    <row r="640980" spans="14:14">
      <c r="N640980" s="10"/>
    </row>
    <row r="640981" spans="14:14">
      <c r="N640981" s="10"/>
    </row>
    <row r="640982" spans="14:14">
      <c r="N640982" s="10"/>
    </row>
    <row r="640983" spans="14:14">
      <c r="N640983" s="10"/>
    </row>
    <row r="640984" spans="14:14">
      <c r="N640984" s="10"/>
    </row>
    <row r="640985" spans="14:14">
      <c r="N640985" s="10"/>
    </row>
    <row r="640986" spans="14:14">
      <c r="N640986" s="10"/>
    </row>
    <row r="640987" spans="14:14">
      <c r="N640987" s="10"/>
    </row>
    <row r="640988" spans="14:14">
      <c r="N640988" s="10"/>
    </row>
    <row r="640989" spans="14:14">
      <c r="N640989" s="10"/>
    </row>
    <row r="640990" spans="14:14">
      <c r="N640990" s="10"/>
    </row>
    <row r="640991" spans="14:14">
      <c r="N640991" s="10"/>
    </row>
    <row r="640992" spans="14:14">
      <c r="N640992" s="10"/>
    </row>
    <row r="640993" spans="14:14">
      <c r="N640993" s="10"/>
    </row>
    <row r="640994" spans="14:14">
      <c r="N640994" s="10"/>
    </row>
    <row r="640995" spans="14:14">
      <c r="N640995" s="10"/>
    </row>
    <row r="640996" spans="14:14">
      <c r="N640996" s="10"/>
    </row>
    <row r="640997" spans="14:14">
      <c r="N640997" s="10"/>
    </row>
    <row r="640998" spans="14:14">
      <c r="N640998" s="10"/>
    </row>
    <row r="640999" spans="14:14">
      <c r="N640999" s="10"/>
    </row>
    <row r="641000" spans="14:14">
      <c r="N641000" s="10"/>
    </row>
    <row r="641001" spans="14:14">
      <c r="N641001" s="10"/>
    </row>
    <row r="641002" spans="14:14">
      <c r="N641002" s="10"/>
    </row>
    <row r="641003" spans="14:14">
      <c r="N641003" s="10"/>
    </row>
    <row r="641004" spans="14:14">
      <c r="N641004" s="10"/>
    </row>
    <row r="641005" spans="14:14">
      <c r="N641005" s="10"/>
    </row>
    <row r="641006" spans="14:14">
      <c r="N641006" s="10"/>
    </row>
    <row r="641007" spans="14:14">
      <c r="N641007" s="10"/>
    </row>
    <row r="641008" spans="14:14">
      <c r="N641008" s="10"/>
    </row>
    <row r="641009" spans="14:14">
      <c r="N641009" s="10"/>
    </row>
    <row r="641010" spans="14:14">
      <c r="N641010" s="10"/>
    </row>
    <row r="641011" spans="14:14">
      <c r="N641011" s="10"/>
    </row>
    <row r="641012" spans="14:14">
      <c r="N641012" s="10"/>
    </row>
    <row r="641013" spans="14:14">
      <c r="N641013" s="10"/>
    </row>
    <row r="641014" spans="14:14">
      <c r="N641014" s="10"/>
    </row>
    <row r="641015" spans="14:14">
      <c r="N641015" s="10"/>
    </row>
    <row r="641016" spans="14:14">
      <c r="N641016" s="10"/>
    </row>
    <row r="641017" spans="14:14">
      <c r="N641017" s="10"/>
    </row>
    <row r="641018" spans="14:14">
      <c r="N641018" s="10"/>
    </row>
    <row r="641019" spans="14:14">
      <c r="N641019" s="10"/>
    </row>
    <row r="641020" spans="14:14">
      <c r="N641020" s="10"/>
    </row>
    <row r="641021" spans="14:14">
      <c r="N641021" s="10"/>
    </row>
    <row r="641022" spans="14:14">
      <c r="N641022" s="10"/>
    </row>
    <row r="641023" spans="14:14">
      <c r="N641023" s="10"/>
    </row>
    <row r="641024" spans="14:14">
      <c r="N641024" s="10"/>
    </row>
    <row r="641025" spans="14:14">
      <c r="N641025" s="10"/>
    </row>
    <row r="641026" spans="14:14">
      <c r="N641026" s="10"/>
    </row>
    <row r="641027" spans="14:14">
      <c r="N641027" s="10"/>
    </row>
    <row r="641028" spans="14:14">
      <c r="N641028" s="10"/>
    </row>
    <row r="641029" spans="14:14">
      <c r="N641029" s="10"/>
    </row>
    <row r="641030" spans="14:14">
      <c r="N641030" s="10"/>
    </row>
    <row r="641031" spans="14:14">
      <c r="N641031" s="10"/>
    </row>
    <row r="641032" spans="14:14">
      <c r="N641032" s="10"/>
    </row>
    <row r="641033" spans="14:14">
      <c r="N641033" s="10"/>
    </row>
    <row r="641034" spans="14:14">
      <c r="N641034" s="10"/>
    </row>
    <row r="641035" spans="14:14">
      <c r="N641035" s="10"/>
    </row>
    <row r="641036" spans="14:14">
      <c r="N641036" s="10"/>
    </row>
    <row r="641037" spans="14:14">
      <c r="N641037" s="10"/>
    </row>
    <row r="641038" spans="14:14">
      <c r="N641038" s="10"/>
    </row>
    <row r="641039" spans="14:14">
      <c r="N641039" s="10"/>
    </row>
    <row r="641040" spans="14:14">
      <c r="N641040" s="10"/>
    </row>
    <row r="641041" spans="14:14">
      <c r="N641041" s="10"/>
    </row>
    <row r="641042" spans="14:14">
      <c r="N641042" s="10"/>
    </row>
    <row r="641043" spans="14:14">
      <c r="N641043" s="10"/>
    </row>
    <row r="641044" spans="14:14">
      <c r="N641044" s="10"/>
    </row>
    <row r="641045" spans="14:14">
      <c r="N641045" s="10"/>
    </row>
    <row r="641046" spans="14:14">
      <c r="N641046" s="10"/>
    </row>
    <row r="641047" spans="14:14">
      <c r="N641047" s="10"/>
    </row>
    <row r="641048" spans="14:14">
      <c r="N641048" s="10"/>
    </row>
    <row r="641049" spans="14:14">
      <c r="N641049" s="10"/>
    </row>
    <row r="641050" spans="14:14">
      <c r="N641050" s="10"/>
    </row>
    <row r="641051" spans="14:14">
      <c r="N641051" s="10"/>
    </row>
    <row r="641052" spans="14:14">
      <c r="N641052" s="10"/>
    </row>
    <row r="641053" spans="14:14">
      <c r="N641053" s="10"/>
    </row>
    <row r="641054" spans="14:14">
      <c r="N641054" s="10"/>
    </row>
    <row r="641055" spans="14:14">
      <c r="N641055" s="10"/>
    </row>
    <row r="641056" spans="14:14">
      <c r="N641056" s="10"/>
    </row>
    <row r="641057" spans="14:14">
      <c r="N641057" s="10"/>
    </row>
    <row r="641058" spans="14:14">
      <c r="N641058" s="10"/>
    </row>
    <row r="641059" spans="14:14">
      <c r="N641059" s="10"/>
    </row>
    <row r="641060" spans="14:14">
      <c r="N641060" s="10"/>
    </row>
    <row r="641061" spans="14:14">
      <c r="N641061" s="10"/>
    </row>
    <row r="641062" spans="14:14">
      <c r="N641062" s="10"/>
    </row>
    <row r="641063" spans="14:14">
      <c r="N641063" s="10"/>
    </row>
    <row r="641064" spans="14:14">
      <c r="N641064" s="10"/>
    </row>
    <row r="641065" spans="14:14">
      <c r="N641065" s="10"/>
    </row>
    <row r="641066" spans="14:14">
      <c r="N641066" s="10"/>
    </row>
    <row r="641067" spans="14:14">
      <c r="N641067" s="10"/>
    </row>
    <row r="641068" spans="14:14">
      <c r="N641068" s="10"/>
    </row>
    <row r="641069" spans="14:14">
      <c r="N641069" s="10"/>
    </row>
    <row r="641070" spans="14:14">
      <c r="N641070" s="10"/>
    </row>
    <row r="641071" spans="14:14">
      <c r="N641071" s="10"/>
    </row>
    <row r="641072" spans="14:14">
      <c r="N641072" s="10"/>
    </row>
    <row r="641073" spans="14:14">
      <c r="N641073" s="10"/>
    </row>
    <row r="641074" spans="14:14">
      <c r="N641074" s="10"/>
    </row>
    <row r="641075" spans="14:14">
      <c r="N641075" s="10"/>
    </row>
    <row r="641076" spans="14:14">
      <c r="N641076" s="10"/>
    </row>
    <row r="641077" spans="14:14">
      <c r="N641077" s="10"/>
    </row>
    <row r="641078" spans="14:14">
      <c r="N641078" s="10"/>
    </row>
    <row r="641079" spans="14:14">
      <c r="N641079" s="10"/>
    </row>
    <row r="641080" spans="14:14">
      <c r="N641080" s="10"/>
    </row>
    <row r="641081" spans="14:14">
      <c r="N641081" s="10"/>
    </row>
    <row r="641082" spans="14:14">
      <c r="N641082" s="10"/>
    </row>
    <row r="641083" spans="14:14">
      <c r="N641083" s="10"/>
    </row>
    <row r="641084" spans="14:14">
      <c r="N641084" s="10"/>
    </row>
    <row r="641085" spans="14:14">
      <c r="N641085" s="10"/>
    </row>
    <row r="641086" spans="14:14">
      <c r="N641086" s="10"/>
    </row>
    <row r="641087" spans="14:14">
      <c r="N641087" s="10"/>
    </row>
    <row r="641088" spans="14:14">
      <c r="N641088" s="10"/>
    </row>
    <row r="641089" spans="14:14">
      <c r="N641089" s="10"/>
    </row>
    <row r="641090" spans="14:14">
      <c r="N641090" s="10"/>
    </row>
    <row r="641091" spans="14:14">
      <c r="N641091" s="10"/>
    </row>
    <row r="641092" spans="14:14">
      <c r="N641092" s="10"/>
    </row>
    <row r="641093" spans="14:14">
      <c r="N641093" s="10"/>
    </row>
    <row r="641094" spans="14:14">
      <c r="N641094" s="10"/>
    </row>
    <row r="641095" spans="14:14">
      <c r="N641095" s="10"/>
    </row>
    <row r="641096" spans="14:14">
      <c r="N641096" s="10"/>
    </row>
    <row r="641097" spans="14:14">
      <c r="N641097" s="10"/>
    </row>
    <row r="641098" spans="14:14">
      <c r="N641098" s="10"/>
    </row>
    <row r="641099" spans="14:14">
      <c r="N641099" s="10"/>
    </row>
    <row r="641100" spans="14:14">
      <c r="N641100" s="10"/>
    </row>
    <row r="641101" spans="14:14">
      <c r="N641101" s="10"/>
    </row>
    <row r="641102" spans="14:14">
      <c r="N641102" s="10"/>
    </row>
    <row r="641103" spans="14:14">
      <c r="N641103" s="10"/>
    </row>
    <row r="641104" spans="14:14">
      <c r="N641104" s="10"/>
    </row>
    <row r="641105" spans="14:14">
      <c r="N641105" s="10"/>
    </row>
    <row r="641106" spans="14:14">
      <c r="N641106" s="10"/>
    </row>
    <row r="641107" spans="14:14">
      <c r="N641107" s="10"/>
    </row>
    <row r="641108" spans="14:14">
      <c r="N641108" s="10"/>
    </row>
    <row r="641109" spans="14:14">
      <c r="N641109" s="10"/>
    </row>
    <row r="641110" spans="14:14">
      <c r="N641110" s="10"/>
    </row>
    <row r="641111" spans="14:14">
      <c r="N641111" s="10"/>
    </row>
    <row r="641112" spans="14:14">
      <c r="N641112" s="10"/>
    </row>
    <row r="641113" spans="14:14">
      <c r="N641113" s="10"/>
    </row>
    <row r="641114" spans="14:14">
      <c r="N641114" s="10"/>
    </row>
    <row r="641115" spans="14:14">
      <c r="N641115" s="10"/>
    </row>
    <row r="641116" spans="14:14">
      <c r="N641116" s="10"/>
    </row>
    <row r="641117" spans="14:14">
      <c r="N641117" s="10"/>
    </row>
    <row r="641118" spans="14:14">
      <c r="N641118" s="10"/>
    </row>
    <row r="641119" spans="14:14">
      <c r="N641119" s="10"/>
    </row>
    <row r="641120" spans="14:14">
      <c r="N641120" s="10"/>
    </row>
    <row r="641121" spans="14:14">
      <c r="N641121" s="10"/>
    </row>
    <row r="641122" spans="14:14">
      <c r="N641122" s="10"/>
    </row>
    <row r="641123" spans="14:14">
      <c r="N641123" s="10"/>
    </row>
    <row r="641124" spans="14:14">
      <c r="N641124" s="10"/>
    </row>
    <row r="641125" spans="14:14">
      <c r="N641125" s="10"/>
    </row>
    <row r="641126" spans="14:14">
      <c r="N641126" s="10"/>
    </row>
    <row r="641127" spans="14:14">
      <c r="N641127" s="10"/>
    </row>
    <row r="641128" spans="14:14">
      <c r="N641128" s="10"/>
    </row>
    <row r="641129" spans="14:14">
      <c r="N641129" s="10"/>
    </row>
    <row r="641130" spans="14:14">
      <c r="N641130" s="10"/>
    </row>
    <row r="641131" spans="14:14">
      <c r="N641131" s="10"/>
    </row>
    <row r="641132" spans="14:14">
      <c r="N641132" s="10"/>
    </row>
    <row r="641133" spans="14:14">
      <c r="N641133" s="10"/>
    </row>
    <row r="641134" spans="14:14">
      <c r="N641134" s="10"/>
    </row>
    <row r="641135" spans="14:14">
      <c r="N641135" s="10"/>
    </row>
    <row r="641136" spans="14:14">
      <c r="N641136" s="10"/>
    </row>
    <row r="641137" spans="14:14">
      <c r="N641137" s="10"/>
    </row>
    <row r="641138" spans="14:14">
      <c r="N641138" s="10"/>
    </row>
    <row r="641139" spans="14:14">
      <c r="N641139" s="10"/>
    </row>
    <row r="641140" spans="14:14">
      <c r="N641140" s="10"/>
    </row>
    <row r="641141" spans="14:14">
      <c r="N641141" s="10"/>
    </row>
    <row r="641142" spans="14:14">
      <c r="N641142" s="10"/>
    </row>
    <row r="641143" spans="14:14">
      <c r="N641143" s="10"/>
    </row>
    <row r="641144" spans="14:14">
      <c r="N641144" s="10"/>
    </row>
    <row r="641145" spans="14:14">
      <c r="N641145" s="10"/>
    </row>
    <row r="641146" spans="14:14">
      <c r="N641146" s="10"/>
    </row>
    <row r="641147" spans="14:14">
      <c r="N641147" s="10"/>
    </row>
    <row r="641148" spans="14:14">
      <c r="N641148" s="10"/>
    </row>
    <row r="641149" spans="14:14">
      <c r="N641149" s="10"/>
    </row>
    <row r="641150" spans="14:14">
      <c r="N641150" s="10"/>
    </row>
    <row r="641151" spans="14:14">
      <c r="N641151" s="10"/>
    </row>
    <row r="641152" spans="14:14">
      <c r="N641152" s="10"/>
    </row>
    <row r="641153" spans="14:14">
      <c r="N641153" s="10"/>
    </row>
    <row r="641154" spans="14:14">
      <c r="N641154" s="10"/>
    </row>
    <row r="641155" spans="14:14">
      <c r="N641155" s="10"/>
    </row>
    <row r="641156" spans="14:14">
      <c r="N641156" s="10"/>
    </row>
    <row r="641157" spans="14:14">
      <c r="N641157" s="10"/>
    </row>
    <row r="641158" spans="14:14">
      <c r="N641158" s="10"/>
    </row>
    <row r="641159" spans="14:14">
      <c r="N641159" s="10"/>
    </row>
    <row r="641160" spans="14:14">
      <c r="N641160" s="10"/>
    </row>
    <row r="641161" spans="14:14">
      <c r="N641161" s="10"/>
    </row>
    <row r="641162" spans="14:14">
      <c r="N641162" s="10"/>
    </row>
    <row r="641163" spans="14:14">
      <c r="N641163" s="10"/>
    </row>
    <row r="641164" spans="14:14">
      <c r="N641164" s="10"/>
    </row>
    <row r="641165" spans="14:14">
      <c r="N641165" s="10"/>
    </row>
    <row r="641166" spans="14:14">
      <c r="N641166" s="10"/>
    </row>
    <row r="641167" spans="14:14">
      <c r="N641167" s="10"/>
    </row>
    <row r="641168" spans="14:14">
      <c r="N641168" s="10"/>
    </row>
    <row r="641169" spans="14:14">
      <c r="N641169" s="10"/>
    </row>
    <row r="641170" spans="14:14">
      <c r="N641170" s="10"/>
    </row>
    <row r="641171" spans="14:14">
      <c r="N641171" s="10"/>
    </row>
    <row r="641172" spans="14:14">
      <c r="N641172" s="10"/>
    </row>
    <row r="641173" spans="14:14">
      <c r="N641173" s="10"/>
    </row>
    <row r="641174" spans="14:14">
      <c r="N641174" s="10"/>
    </row>
    <row r="641175" spans="14:14">
      <c r="N641175" s="10"/>
    </row>
    <row r="641176" spans="14:14">
      <c r="N641176" s="10"/>
    </row>
    <row r="641177" spans="14:14">
      <c r="N641177" s="10"/>
    </row>
    <row r="641178" spans="14:14">
      <c r="N641178" s="10"/>
    </row>
    <row r="641179" spans="14:14">
      <c r="N641179" s="10"/>
    </row>
    <row r="641180" spans="14:14">
      <c r="N641180" s="10"/>
    </row>
    <row r="641181" spans="14:14">
      <c r="N641181" s="10"/>
    </row>
    <row r="641182" spans="14:14">
      <c r="N641182" s="10"/>
    </row>
    <row r="641183" spans="14:14">
      <c r="N641183" s="10"/>
    </row>
    <row r="641184" spans="14:14">
      <c r="N641184" s="10"/>
    </row>
    <row r="641185" spans="14:14">
      <c r="N641185" s="10"/>
    </row>
    <row r="641186" spans="14:14">
      <c r="N641186" s="10"/>
    </row>
    <row r="641187" spans="14:14">
      <c r="N641187" s="10"/>
    </row>
    <row r="641188" spans="14:14">
      <c r="N641188" s="10"/>
    </row>
    <row r="641189" spans="14:14">
      <c r="N641189" s="10"/>
    </row>
    <row r="641190" spans="14:14">
      <c r="N641190" s="10"/>
    </row>
    <row r="641191" spans="14:14">
      <c r="N641191" s="10"/>
    </row>
    <row r="641192" spans="14:14">
      <c r="N641192" s="10"/>
    </row>
    <row r="641193" spans="14:14">
      <c r="N641193" s="10"/>
    </row>
    <row r="641194" spans="14:14">
      <c r="N641194" s="10"/>
    </row>
    <row r="641195" spans="14:14">
      <c r="N641195" s="10"/>
    </row>
    <row r="641196" spans="14:14">
      <c r="N641196" s="10"/>
    </row>
    <row r="641197" spans="14:14">
      <c r="N641197" s="10"/>
    </row>
    <row r="641198" spans="14:14">
      <c r="N641198" s="10"/>
    </row>
    <row r="641199" spans="14:14">
      <c r="N641199" s="10"/>
    </row>
    <row r="641200" spans="14:14">
      <c r="N641200" s="10"/>
    </row>
    <row r="641201" spans="14:14">
      <c r="N641201" s="10"/>
    </row>
    <row r="641202" spans="14:14">
      <c r="N641202" s="10"/>
    </row>
    <row r="641203" spans="14:14">
      <c r="N641203" s="10"/>
    </row>
    <row r="641204" spans="14:14">
      <c r="N641204" s="10"/>
    </row>
    <row r="641205" spans="14:14">
      <c r="N641205" s="10"/>
    </row>
    <row r="641206" spans="14:14">
      <c r="N641206" s="10"/>
    </row>
    <row r="641207" spans="14:14">
      <c r="N641207" s="10"/>
    </row>
    <row r="641208" spans="14:14">
      <c r="N641208" s="10"/>
    </row>
    <row r="641209" spans="14:14">
      <c r="N641209" s="10"/>
    </row>
    <row r="641210" spans="14:14">
      <c r="N641210" s="10"/>
    </row>
    <row r="641211" spans="14:14">
      <c r="N641211" s="10"/>
    </row>
    <row r="641212" spans="14:14">
      <c r="N641212" s="10"/>
    </row>
    <row r="641213" spans="14:14">
      <c r="N641213" s="10"/>
    </row>
    <row r="641214" spans="14:14">
      <c r="N641214" s="10"/>
    </row>
    <row r="641215" spans="14:14">
      <c r="N641215" s="10"/>
    </row>
    <row r="641216" spans="14:14">
      <c r="N641216" s="10"/>
    </row>
    <row r="641217" spans="14:14">
      <c r="N641217" s="10"/>
    </row>
    <row r="641218" spans="14:14">
      <c r="N641218" s="10"/>
    </row>
    <row r="641219" spans="14:14">
      <c r="N641219" s="10"/>
    </row>
    <row r="641220" spans="14:14">
      <c r="N641220" s="10"/>
    </row>
    <row r="641221" spans="14:14">
      <c r="N641221" s="10"/>
    </row>
    <row r="641222" spans="14:14">
      <c r="N641222" s="10"/>
    </row>
    <row r="641223" spans="14:14">
      <c r="N641223" s="10"/>
    </row>
    <row r="641224" spans="14:14">
      <c r="N641224" s="10"/>
    </row>
    <row r="641225" spans="14:14">
      <c r="N641225" s="10"/>
    </row>
    <row r="641226" spans="14:14">
      <c r="N641226" s="10"/>
    </row>
    <row r="641227" spans="14:14">
      <c r="N641227" s="10"/>
    </row>
    <row r="641228" spans="14:14">
      <c r="N641228" s="10"/>
    </row>
    <row r="641229" spans="14:14">
      <c r="N641229" s="10"/>
    </row>
    <row r="641230" spans="14:14">
      <c r="N641230" s="10"/>
    </row>
    <row r="641231" spans="14:14">
      <c r="N641231" s="10"/>
    </row>
    <row r="641232" spans="14:14">
      <c r="N641232" s="10"/>
    </row>
    <row r="641233" spans="14:14">
      <c r="N641233" s="10"/>
    </row>
    <row r="641234" spans="14:14">
      <c r="N641234" s="10"/>
    </row>
    <row r="641235" spans="14:14">
      <c r="N641235" s="10"/>
    </row>
    <row r="641236" spans="14:14">
      <c r="N641236" s="10"/>
    </row>
    <row r="641237" spans="14:14">
      <c r="N641237" s="10"/>
    </row>
    <row r="641238" spans="14:14">
      <c r="N641238" s="10"/>
    </row>
    <row r="641239" spans="14:14">
      <c r="N641239" s="10"/>
    </row>
    <row r="641240" spans="14:14">
      <c r="N641240" s="10"/>
    </row>
    <row r="641241" spans="14:14">
      <c r="N641241" s="10"/>
    </row>
    <row r="641242" spans="14:14">
      <c r="N641242" s="10"/>
    </row>
    <row r="641243" spans="14:14">
      <c r="N641243" s="10"/>
    </row>
    <row r="641244" spans="14:14">
      <c r="N641244" s="10"/>
    </row>
    <row r="641245" spans="14:14">
      <c r="N641245" s="10"/>
    </row>
    <row r="641246" spans="14:14">
      <c r="N641246" s="10"/>
    </row>
    <row r="641247" spans="14:14">
      <c r="N641247" s="10"/>
    </row>
    <row r="641248" spans="14:14">
      <c r="N641248" s="10"/>
    </row>
    <row r="641249" spans="14:14">
      <c r="N641249" s="10"/>
    </row>
    <row r="641250" spans="14:14">
      <c r="N641250" s="10"/>
    </row>
    <row r="641251" spans="14:14">
      <c r="N641251" s="10"/>
    </row>
    <row r="641252" spans="14:14">
      <c r="N641252" s="10"/>
    </row>
    <row r="641253" spans="14:14">
      <c r="N641253" s="10"/>
    </row>
    <row r="641254" spans="14:14">
      <c r="N641254" s="10"/>
    </row>
    <row r="641255" spans="14:14">
      <c r="N641255" s="10"/>
    </row>
    <row r="641256" spans="14:14">
      <c r="N641256" s="10"/>
    </row>
    <row r="641257" spans="14:14">
      <c r="N641257" s="10"/>
    </row>
    <row r="641258" spans="14:14">
      <c r="N641258" s="10"/>
    </row>
    <row r="641259" spans="14:14">
      <c r="N641259" s="10"/>
    </row>
    <row r="641260" spans="14:14">
      <c r="N641260" s="10"/>
    </row>
    <row r="641261" spans="14:14">
      <c r="N641261" s="10"/>
    </row>
    <row r="641262" spans="14:14">
      <c r="N641262" s="10"/>
    </row>
    <row r="641263" spans="14:14">
      <c r="N641263" s="10"/>
    </row>
    <row r="641264" spans="14:14">
      <c r="N641264" s="10"/>
    </row>
    <row r="641265" spans="14:14">
      <c r="N641265" s="10"/>
    </row>
    <row r="641266" spans="14:14">
      <c r="N641266" s="10"/>
    </row>
    <row r="641267" spans="14:14">
      <c r="N641267" s="10"/>
    </row>
    <row r="641268" spans="14:14">
      <c r="N641268" s="10"/>
    </row>
    <row r="641269" spans="14:14">
      <c r="N641269" s="10"/>
    </row>
    <row r="641270" spans="14:14">
      <c r="N641270" s="10"/>
    </row>
    <row r="641271" spans="14:14">
      <c r="N641271" s="10"/>
    </row>
    <row r="641272" spans="14:14">
      <c r="N641272" s="10"/>
    </row>
    <row r="641273" spans="14:14">
      <c r="N641273" s="10"/>
    </row>
    <row r="641274" spans="14:14">
      <c r="N641274" s="10"/>
    </row>
    <row r="641275" spans="14:14">
      <c r="N641275" s="10"/>
    </row>
    <row r="641276" spans="14:14">
      <c r="N641276" s="10"/>
    </row>
    <row r="641277" spans="14:14">
      <c r="N641277" s="10"/>
    </row>
    <row r="641278" spans="14:14">
      <c r="N641278" s="10"/>
    </row>
    <row r="641279" spans="14:14">
      <c r="N641279" s="10"/>
    </row>
    <row r="641280" spans="14:14">
      <c r="N641280" s="10"/>
    </row>
    <row r="641281" spans="14:14">
      <c r="N641281" s="10"/>
    </row>
    <row r="641282" spans="14:14">
      <c r="N641282" s="10"/>
    </row>
    <row r="641283" spans="14:14">
      <c r="N641283" s="10"/>
    </row>
    <row r="641284" spans="14:14">
      <c r="N641284" s="10"/>
    </row>
    <row r="641285" spans="14:14">
      <c r="N641285" s="10"/>
    </row>
    <row r="641286" spans="14:14">
      <c r="N641286" s="10"/>
    </row>
    <row r="641287" spans="14:14">
      <c r="N641287" s="10"/>
    </row>
    <row r="641288" spans="14:14">
      <c r="N641288" s="10"/>
    </row>
    <row r="641289" spans="14:14">
      <c r="N641289" s="10"/>
    </row>
    <row r="641290" spans="14:14">
      <c r="N641290" s="10"/>
    </row>
    <row r="641291" spans="14:14">
      <c r="N641291" s="10"/>
    </row>
    <row r="641292" spans="14:14">
      <c r="N641292" s="10"/>
    </row>
    <row r="641293" spans="14:14">
      <c r="N641293" s="10"/>
    </row>
    <row r="641294" spans="14:14">
      <c r="N641294" s="10"/>
    </row>
    <row r="641295" spans="14:14">
      <c r="N641295" s="10"/>
    </row>
    <row r="641296" spans="14:14">
      <c r="N641296" s="10"/>
    </row>
    <row r="641297" spans="14:14">
      <c r="N641297" s="10"/>
    </row>
    <row r="641298" spans="14:14">
      <c r="N641298" s="10"/>
    </row>
    <row r="641299" spans="14:14">
      <c r="N641299" s="10"/>
    </row>
    <row r="641300" spans="14:14">
      <c r="N641300" s="10"/>
    </row>
    <row r="641301" spans="14:14">
      <c r="N641301" s="10"/>
    </row>
    <row r="641302" spans="14:14">
      <c r="N641302" s="10"/>
    </row>
    <row r="641303" spans="14:14">
      <c r="N641303" s="10"/>
    </row>
    <row r="641304" spans="14:14">
      <c r="N641304" s="10"/>
    </row>
    <row r="641305" spans="14:14">
      <c r="N641305" s="10"/>
    </row>
    <row r="641306" spans="14:14">
      <c r="N641306" s="10"/>
    </row>
    <row r="641307" spans="14:14">
      <c r="N641307" s="10"/>
    </row>
    <row r="641308" spans="14:14">
      <c r="N641308" s="10"/>
    </row>
    <row r="641309" spans="14:14">
      <c r="N641309" s="10"/>
    </row>
    <row r="641310" spans="14:14">
      <c r="N641310" s="10"/>
    </row>
    <row r="641311" spans="14:14">
      <c r="N641311" s="10"/>
    </row>
    <row r="641312" spans="14:14">
      <c r="N641312" s="10"/>
    </row>
    <row r="641313" spans="14:14">
      <c r="N641313" s="10"/>
    </row>
    <row r="641314" spans="14:14">
      <c r="N641314" s="10"/>
    </row>
    <row r="641315" spans="14:14">
      <c r="N641315" s="10"/>
    </row>
    <row r="641316" spans="14:14">
      <c r="N641316" s="10"/>
    </row>
    <row r="641317" spans="14:14">
      <c r="N641317" s="10"/>
    </row>
    <row r="641318" spans="14:14">
      <c r="N641318" s="10"/>
    </row>
    <row r="641319" spans="14:14">
      <c r="N641319" s="10"/>
    </row>
    <row r="641320" spans="14:14">
      <c r="N641320" s="10"/>
    </row>
    <row r="641321" spans="14:14">
      <c r="N641321" s="10"/>
    </row>
    <row r="641322" spans="14:14">
      <c r="N641322" s="10"/>
    </row>
    <row r="641323" spans="14:14">
      <c r="N641323" s="10"/>
    </row>
    <row r="641324" spans="14:14">
      <c r="N641324" s="10"/>
    </row>
    <row r="641325" spans="14:14">
      <c r="N641325" s="10"/>
    </row>
    <row r="641326" spans="14:14">
      <c r="N641326" s="10"/>
    </row>
    <row r="641327" spans="14:14">
      <c r="N641327" s="10"/>
    </row>
    <row r="641328" spans="14:14">
      <c r="N641328" s="10"/>
    </row>
    <row r="641329" spans="14:14">
      <c r="N641329" s="10"/>
    </row>
    <row r="641330" spans="14:14">
      <c r="N641330" s="10"/>
    </row>
    <row r="641331" spans="14:14">
      <c r="N641331" s="10"/>
    </row>
    <row r="641332" spans="14:14">
      <c r="N641332" s="10"/>
    </row>
    <row r="641333" spans="14:14">
      <c r="N641333" s="10"/>
    </row>
    <row r="641334" spans="14:14">
      <c r="N641334" s="10"/>
    </row>
    <row r="641335" spans="14:14">
      <c r="N641335" s="10"/>
    </row>
    <row r="641336" spans="14:14">
      <c r="N641336" s="10"/>
    </row>
    <row r="641337" spans="14:14">
      <c r="N641337" s="10"/>
    </row>
    <row r="641338" spans="14:14">
      <c r="N641338" s="10"/>
    </row>
    <row r="641339" spans="14:14">
      <c r="N641339" s="10"/>
    </row>
    <row r="641340" spans="14:14">
      <c r="N641340" s="10"/>
    </row>
    <row r="641341" spans="14:14">
      <c r="N641341" s="10"/>
    </row>
    <row r="641342" spans="14:14">
      <c r="N641342" s="10"/>
    </row>
    <row r="641343" spans="14:14">
      <c r="N641343" s="10"/>
    </row>
    <row r="641344" spans="14:14">
      <c r="N641344" s="10"/>
    </row>
    <row r="641345" spans="14:14">
      <c r="N641345" s="10"/>
    </row>
    <row r="641346" spans="14:14">
      <c r="N641346" s="10"/>
    </row>
    <row r="641347" spans="14:14">
      <c r="N641347" s="10"/>
    </row>
    <row r="641348" spans="14:14">
      <c r="N641348" s="10"/>
    </row>
    <row r="641349" spans="14:14">
      <c r="N641349" s="10"/>
    </row>
    <row r="641350" spans="14:14">
      <c r="N641350" s="10"/>
    </row>
    <row r="641351" spans="14:14">
      <c r="N641351" s="10"/>
    </row>
    <row r="641352" spans="14:14">
      <c r="N641352" s="10"/>
    </row>
    <row r="641353" spans="14:14">
      <c r="N641353" s="10"/>
    </row>
    <row r="641354" spans="14:14">
      <c r="N641354" s="10"/>
    </row>
    <row r="641355" spans="14:14">
      <c r="N641355" s="10"/>
    </row>
    <row r="641356" spans="14:14">
      <c r="N641356" s="10"/>
    </row>
    <row r="641357" spans="14:14">
      <c r="N641357" s="10"/>
    </row>
    <row r="641358" spans="14:14">
      <c r="N641358" s="10"/>
    </row>
    <row r="641359" spans="14:14">
      <c r="N641359" s="10"/>
    </row>
    <row r="641360" spans="14:14">
      <c r="N641360" s="10"/>
    </row>
    <row r="641361" spans="14:14">
      <c r="N641361" s="10"/>
    </row>
    <row r="641362" spans="14:14">
      <c r="N641362" s="10"/>
    </row>
    <row r="641363" spans="14:14">
      <c r="N641363" s="10"/>
    </row>
    <row r="641364" spans="14:14">
      <c r="N641364" s="10"/>
    </row>
    <row r="641365" spans="14:14">
      <c r="N641365" s="10"/>
    </row>
    <row r="641366" spans="14:14">
      <c r="N641366" s="10"/>
    </row>
    <row r="641367" spans="14:14">
      <c r="N641367" s="10"/>
    </row>
    <row r="641368" spans="14:14">
      <c r="N641368" s="10"/>
    </row>
    <row r="641369" spans="14:14">
      <c r="N641369" s="10"/>
    </row>
    <row r="641370" spans="14:14">
      <c r="N641370" s="10"/>
    </row>
    <row r="641371" spans="14:14">
      <c r="N641371" s="10"/>
    </row>
    <row r="641372" spans="14:14">
      <c r="N641372" s="10"/>
    </row>
    <row r="641373" spans="14:14">
      <c r="N641373" s="10"/>
    </row>
    <row r="641374" spans="14:14">
      <c r="N641374" s="10"/>
    </row>
    <row r="641375" spans="14:14">
      <c r="N641375" s="10"/>
    </row>
    <row r="641376" spans="14:14">
      <c r="N641376" s="10"/>
    </row>
    <row r="641377" spans="14:14">
      <c r="N641377" s="10"/>
    </row>
    <row r="641378" spans="14:14">
      <c r="N641378" s="10"/>
    </row>
    <row r="641379" spans="14:14">
      <c r="N641379" s="10"/>
    </row>
    <row r="641380" spans="14:14">
      <c r="N641380" s="10"/>
    </row>
    <row r="641381" spans="14:14">
      <c r="N641381" s="10"/>
    </row>
    <row r="641382" spans="14:14">
      <c r="N641382" s="10"/>
    </row>
    <row r="641383" spans="14:14">
      <c r="N641383" s="10"/>
    </row>
    <row r="641384" spans="14:14">
      <c r="N641384" s="10"/>
    </row>
    <row r="641385" spans="14:14">
      <c r="N641385" s="10"/>
    </row>
    <row r="641386" spans="14:14">
      <c r="N641386" s="10"/>
    </row>
    <row r="641387" spans="14:14">
      <c r="N641387" s="10"/>
    </row>
    <row r="641388" spans="14:14">
      <c r="N641388" s="10"/>
    </row>
    <row r="641389" spans="14:14">
      <c r="N641389" s="10"/>
    </row>
    <row r="641390" spans="14:14">
      <c r="N641390" s="10"/>
    </row>
    <row r="641391" spans="14:14">
      <c r="N641391" s="10"/>
    </row>
    <row r="641392" spans="14:14">
      <c r="N641392" s="10"/>
    </row>
    <row r="641393" spans="14:14">
      <c r="N641393" s="10"/>
    </row>
    <row r="641394" spans="14:14">
      <c r="N641394" s="10"/>
    </row>
    <row r="641395" spans="14:14">
      <c r="N641395" s="10"/>
    </row>
    <row r="641396" spans="14:14">
      <c r="N641396" s="10"/>
    </row>
    <row r="641397" spans="14:14">
      <c r="N641397" s="10"/>
    </row>
    <row r="641398" spans="14:14">
      <c r="N641398" s="10"/>
    </row>
    <row r="641399" spans="14:14">
      <c r="N641399" s="10"/>
    </row>
    <row r="641400" spans="14:14">
      <c r="N641400" s="10"/>
    </row>
    <row r="641401" spans="14:14">
      <c r="N641401" s="10"/>
    </row>
    <row r="641402" spans="14:14">
      <c r="N641402" s="10"/>
    </row>
    <row r="641403" spans="14:14">
      <c r="N641403" s="10"/>
    </row>
    <row r="641404" spans="14:14">
      <c r="N641404" s="10"/>
    </row>
    <row r="641405" spans="14:14">
      <c r="N641405" s="10"/>
    </row>
    <row r="641406" spans="14:14">
      <c r="N641406" s="10"/>
    </row>
    <row r="641407" spans="14:14">
      <c r="N641407" s="10"/>
    </row>
    <row r="641408" spans="14:14">
      <c r="N641408" s="10"/>
    </row>
    <row r="641409" spans="14:14">
      <c r="N641409" s="10"/>
    </row>
    <row r="641410" spans="14:14">
      <c r="N641410" s="10"/>
    </row>
    <row r="641411" spans="14:14">
      <c r="N641411" s="10"/>
    </row>
    <row r="641412" spans="14:14">
      <c r="N641412" s="10"/>
    </row>
    <row r="641413" spans="14:14">
      <c r="N641413" s="10"/>
    </row>
    <row r="641414" spans="14:14">
      <c r="N641414" s="10"/>
    </row>
    <row r="641415" spans="14:14">
      <c r="N641415" s="10"/>
    </row>
    <row r="641416" spans="14:14">
      <c r="N641416" s="10"/>
    </row>
    <row r="641417" spans="14:14">
      <c r="N641417" s="10"/>
    </row>
    <row r="641418" spans="14:14">
      <c r="N641418" s="10"/>
    </row>
    <row r="641419" spans="14:14">
      <c r="N641419" s="10"/>
    </row>
    <row r="641420" spans="14:14">
      <c r="N641420" s="10"/>
    </row>
    <row r="641421" spans="14:14">
      <c r="N641421" s="10"/>
    </row>
    <row r="641422" spans="14:14">
      <c r="N641422" s="10"/>
    </row>
    <row r="641423" spans="14:14">
      <c r="N641423" s="10"/>
    </row>
    <row r="641424" spans="14:14">
      <c r="N641424" s="10"/>
    </row>
    <row r="641425" spans="14:14">
      <c r="N641425" s="10"/>
    </row>
    <row r="641426" spans="14:14">
      <c r="N641426" s="10"/>
    </row>
    <row r="641427" spans="14:14">
      <c r="N641427" s="10"/>
    </row>
    <row r="641428" spans="14:14">
      <c r="N641428" s="10"/>
    </row>
    <row r="641429" spans="14:14">
      <c r="N641429" s="10"/>
    </row>
    <row r="641430" spans="14:14">
      <c r="N641430" s="10"/>
    </row>
    <row r="641431" spans="14:14">
      <c r="N641431" s="10"/>
    </row>
    <row r="641432" spans="14:14">
      <c r="N641432" s="10"/>
    </row>
    <row r="641433" spans="14:14">
      <c r="N641433" s="10"/>
    </row>
    <row r="641434" spans="14:14">
      <c r="N641434" s="10"/>
    </row>
    <row r="641435" spans="14:14">
      <c r="N641435" s="10"/>
    </row>
    <row r="641436" spans="14:14">
      <c r="N641436" s="10"/>
    </row>
    <row r="641437" spans="14:14">
      <c r="N641437" s="10"/>
    </row>
    <row r="641438" spans="14:14">
      <c r="N641438" s="10"/>
    </row>
    <row r="641439" spans="14:14">
      <c r="N641439" s="10"/>
    </row>
    <row r="641440" spans="14:14">
      <c r="N641440" s="10"/>
    </row>
    <row r="641441" spans="14:14">
      <c r="N641441" s="10"/>
    </row>
    <row r="641442" spans="14:14">
      <c r="N641442" s="10"/>
    </row>
    <row r="641443" spans="14:14">
      <c r="N641443" s="10"/>
    </row>
    <row r="641444" spans="14:14">
      <c r="N641444" s="10"/>
    </row>
    <row r="641445" spans="14:14">
      <c r="N641445" s="10"/>
    </row>
    <row r="641446" spans="14:14">
      <c r="N641446" s="10"/>
    </row>
    <row r="641447" spans="14:14">
      <c r="N641447" s="10"/>
    </row>
    <row r="641448" spans="14:14">
      <c r="N641448" s="10"/>
    </row>
    <row r="641449" spans="14:14">
      <c r="N641449" s="10"/>
    </row>
    <row r="641450" spans="14:14">
      <c r="N641450" s="10"/>
    </row>
    <row r="641451" spans="14:14">
      <c r="N641451" s="10"/>
    </row>
    <row r="641452" spans="14:14">
      <c r="N641452" s="10"/>
    </row>
    <row r="641453" spans="14:14">
      <c r="N641453" s="10"/>
    </row>
    <row r="641454" spans="14:14">
      <c r="N641454" s="10"/>
    </row>
    <row r="641455" spans="14:14">
      <c r="N641455" s="10"/>
    </row>
    <row r="641456" spans="14:14">
      <c r="N641456" s="10"/>
    </row>
    <row r="641457" spans="14:14">
      <c r="N641457" s="10"/>
    </row>
    <row r="641458" spans="14:14">
      <c r="N641458" s="10"/>
    </row>
    <row r="641459" spans="14:14">
      <c r="N641459" s="10"/>
    </row>
    <row r="641460" spans="14:14">
      <c r="N641460" s="10"/>
    </row>
    <row r="641461" spans="14:14">
      <c r="N641461" s="10"/>
    </row>
    <row r="641462" spans="14:14">
      <c r="N641462" s="10"/>
    </row>
    <row r="641463" spans="14:14">
      <c r="N641463" s="10"/>
    </row>
    <row r="641464" spans="14:14">
      <c r="N641464" s="10"/>
    </row>
    <row r="641465" spans="14:14">
      <c r="N641465" s="10"/>
    </row>
    <row r="641466" spans="14:14">
      <c r="N641466" s="10"/>
    </row>
    <row r="641467" spans="14:14">
      <c r="N641467" s="10"/>
    </row>
    <row r="641468" spans="14:14">
      <c r="N641468" s="10"/>
    </row>
    <row r="641469" spans="14:14">
      <c r="N641469" s="10"/>
    </row>
    <row r="641470" spans="14:14">
      <c r="N641470" s="10"/>
    </row>
    <row r="641471" spans="14:14">
      <c r="N641471" s="10"/>
    </row>
    <row r="641472" spans="14:14">
      <c r="N641472" s="10"/>
    </row>
    <row r="641473" spans="14:14">
      <c r="N641473" s="10"/>
    </row>
    <row r="641474" spans="14:14">
      <c r="N641474" s="10"/>
    </row>
    <row r="641475" spans="14:14">
      <c r="N641475" s="10"/>
    </row>
    <row r="641476" spans="14:14">
      <c r="N641476" s="10"/>
    </row>
    <row r="641477" spans="14:14">
      <c r="N641477" s="10"/>
    </row>
    <row r="641478" spans="14:14">
      <c r="N641478" s="10"/>
    </row>
    <row r="641479" spans="14:14">
      <c r="N641479" s="10"/>
    </row>
    <row r="641480" spans="14:14">
      <c r="N641480" s="10"/>
    </row>
    <row r="641481" spans="14:14">
      <c r="N641481" s="10"/>
    </row>
    <row r="641482" spans="14:14">
      <c r="N641482" s="10"/>
    </row>
    <row r="641483" spans="14:14">
      <c r="N641483" s="10"/>
    </row>
    <row r="641484" spans="14:14">
      <c r="N641484" s="10"/>
    </row>
    <row r="641485" spans="14:14">
      <c r="N641485" s="10"/>
    </row>
    <row r="641486" spans="14:14">
      <c r="N641486" s="10"/>
    </row>
    <row r="641487" spans="14:14">
      <c r="N641487" s="10"/>
    </row>
    <row r="641488" spans="14:14">
      <c r="N641488" s="10"/>
    </row>
    <row r="641489" spans="14:14">
      <c r="N641489" s="10"/>
    </row>
    <row r="641490" spans="14:14">
      <c r="N641490" s="10"/>
    </row>
    <row r="641491" spans="14:14">
      <c r="N641491" s="10"/>
    </row>
    <row r="641492" spans="14:14">
      <c r="N641492" s="10"/>
    </row>
    <row r="641493" spans="14:14">
      <c r="N641493" s="10"/>
    </row>
    <row r="641494" spans="14:14">
      <c r="N641494" s="10"/>
    </row>
    <row r="641495" spans="14:14">
      <c r="N641495" s="10"/>
    </row>
    <row r="641496" spans="14:14">
      <c r="N641496" s="10"/>
    </row>
    <row r="641497" spans="14:14">
      <c r="N641497" s="10"/>
    </row>
    <row r="641498" spans="14:14">
      <c r="N641498" s="10"/>
    </row>
    <row r="641499" spans="14:14">
      <c r="N641499" s="10"/>
    </row>
    <row r="641500" spans="14:14">
      <c r="N641500" s="10"/>
    </row>
    <row r="641501" spans="14:14">
      <c r="N641501" s="10"/>
    </row>
    <row r="641502" spans="14:14">
      <c r="N641502" s="10"/>
    </row>
    <row r="641503" spans="14:14">
      <c r="N641503" s="10"/>
    </row>
    <row r="641504" spans="14:14">
      <c r="N641504" s="10"/>
    </row>
    <row r="641505" spans="14:14">
      <c r="N641505" s="10"/>
    </row>
    <row r="641506" spans="14:14">
      <c r="N641506" s="10"/>
    </row>
    <row r="641507" spans="14:14">
      <c r="N641507" s="10"/>
    </row>
    <row r="641508" spans="14:14">
      <c r="N641508" s="10"/>
    </row>
    <row r="641509" spans="14:14">
      <c r="N641509" s="10"/>
    </row>
    <row r="641510" spans="14:14">
      <c r="N641510" s="10"/>
    </row>
    <row r="641511" spans="14:14">
      <c r="N641511" s="10"/>
    </row>
    <row r="641512" spans="14:14">
      <c r="N641512" s="10"/>
    </row>
    <row r="641513" spans="14:14">
      <c r="N641513" s="10"/>
    </row>
    <row r="641514" spans="14:14">
      <c r="N641514" s="10"/>
    </row>
    <row r="641515" spans="14:14">
      <c r="N641515" s="10"/>
    </row>
    <row r="641516" spans="14:14">
      <c r="N641516" s="10"/>
    </row>
    <row r="641517" spans="14:14">
      <c r="N641517" s="10"/>
    </row>
    <row r="641518" spans="14:14">
      <c r="N641518" s="10"/>
    </row>
    <row r="641519" spans="14:14">
      <c r="N641519" s="10"/>
    </row>
    <row r="641520" spans="14:14">
      <c r="N641520" s="10"/>
    </row>
    <row r="641521" spans="14:14">
      <c r="N641521" s="10"/>
    </row>
    <row r="641522" spans="14:14">
      <c r="N641522" s="10"/>
    </row>
    <row r="641523" spans="14:14">
      <c r="N641523" s="10"/>
    </row>
    <row r="641524" spans="14:14">
      <c r="N641524" s="10"/>
    </row>
    <row r="641525" spans="14:14">
      <c r="N641525" s="10"/>
    </row>
    <row r="641526" spans="14:14">
      <c r="N641526" s="10"/>
    </row>
    <row r="641527" spans="14:14">
      <c r="N641527" s="10"/>
    </row>
    <row r="641528" spans="14:14">
      <c r="N641528" s="10"/>
    </row>
    <row r="641529" spans="14:14">
      <c r="N641529" s="10"/>
    </row>
    <row r="641530" spans="14:14">
      <c r="N641530" s="10"/>
    </row>
    <row r="641531" spans="14:14">
      <c r="N641531" s="10"/>
    </row>
    <row r="641532" spans="14:14">
      <c r="N641532" s="10"/>
    </row>
    <row r="641533" spans="14:14">
      <c r="N641533" s="10"/>
    </row>
    <row r="641534" spans="14:14">
      <c r="N641534" s="10"/>
    </row>
    <row r="641535" spans="14:14">
      <c r="N641535" s="10"/>
    </row>
    <row r="641536" spans="14:14">
      <c r="N641536" s="10"/>
    </row>
    <row r="641537" spans="14:14">
      <c r="N641537" s="10"/>
    </row>
    <row r="641538" spans="14:14">
      <c r="N641538" s="10"/>
    </row>
    <row r="641539" spans="14:14">
      <c r="N641539" s="10"/>
    </row>
    <row r="641540" spans="14:14">
      <c r="N641540" s="10"/>
    </row>
    <row r="641541" spans="14:14">
      <c r="N641541" s="10"/>
    </row>
    <row r="641542" spans="14:14">
      <c r="N641542" s="10"/>
    </row>
    <row r="641543" spans="14:14">
      <c r="N641543" s="10"/>
    </row>
    <row r="641544" spans="14:14">
      <c r="N641544" s="10"/>
    </row>
    <row r="641545" spans="14:14">
      <c r="N641545" s="10"/>
    </row>
    <row r="641546" spans="14:14">
      <c r="N641546" s="10"/>
    </row>
    <row r="641547" spans="14:14">
      <c r="N641547" s="10"/>
    </row>
    <row r="641548" spans="14:14">
      <c r="N641548" s="10"/>
    </row>
    <row r="641549" spans="14:14">
      <c r="N641549" s="10"/>
    </row>
    <row r="641550" spans="14:14">
      <c r="N641550" s="10"/>
    </row>
    <row r="641551" spans="14:14">
      <c r="N641551" s="10"/>
    </row>
    <row r="641552" spans="14:14">
      <c r="N641552" s="10"/>
    </row>
    <row r="641553" spans="14:14">
      <c r="N641553" s="10"/>
    </row>
    <row r="641554" spans="14:14">
      <c r="N641554" s="10"/>
    </row>
    <row r="641555" spans="14:14">
      <c r="N641555" s="10"/>
    </row>
    <row r="641556" spans="14:14">
      <c r="N641556" s="10"/>
    </row>
    <row r="641557" spans="14:14">
      <c r="N641557" s="10"/>
    </row>
    <row r="641558" spans="14:14">
      <c r="N641558" s="10"/>
    </row>
    <row r="641559" spans="14:14">
      <c r="N641559" s="10"/>
    </row>
    <row r="641560" spans="14:14">
      <c r="N641560" s="10"/>
    </row>
    <row r="641561" spans="14:14">
      <c r="N641561" s="10"/>
    </row>
    <row r="641562" spans="14:14">
      <c r="N641562" s="10"/>
    </row>
    <row r="641563" spans="14:14">
      <c r="N641563" s="10"/>
    </row>
    <row r="641564" spans="14:14">
      <c r="N641564" s="10"/>
    </row>
    <row r="641565" spans="14:14">
      <c r="N641565" s="10"/>
    </row>
    <row r="641566" spans="14:14">
      <c r="N641566" s="10"/>
    </row>
    <row r="641567" spans="14:14">
      <c r="N641567" s="10"/>
    </row>
    <row r="641568" spans="14:14">
      <c r="N641568" s="10"/>
    </row>
    <row r="641569" spans="14:14">
      <c r="N641569" s="10"/>
    </row>
    <row r="641570" spans="14:14">
      <c r="N641570" s="10"/>
    </row>
    <row r="641571" spans="14:14">
      <c r="N641571" s="10"/>
    </row>
    <row r="641572" spans="14:14">
      <c r="N641572" s="10"/>
    </row>
    <row r="641573" spans="14:14">
      <c r="N641573" s="10"/>
    </row>
    <row r="641574" spans="14:14">
      <c r="N641574" s="10"/>
    </row>
    <row r="641575" spans="14:14">
      <c r="N641575" s="10"/>
    </row>
    <row r="641576" spans="14:14">
      <c r="N641576" s="10"/>
    </row>
    <row r="641577" spans="14:14">
      <c r="N641577" s="10"/>
    </row>
    <row r="641578" spans="14:14">
      <c r="N641578" s="10"/>
    </row>
    <row r="641579" spans="14:14">
      <c r="N641579" s="10"/>
    </row>
    <row r="641580" spans="14:14">
      <c r="N641580" s="10"/>
    </row>
    <row r="641581" spans="14:14">
      <c r="N641581" s="10"/>
    </row>
    <row r="641582" spans="14:14">
      <c r="N641582" s="10"/>
    </row>
    <row r="641583" spans="14:14">
      <c r="N641583" s="10"/>
    </row>
    <row r="641584" spans="14:14">
      <c r="N641584" s="10"/>
    </row>
    <row r="641585" spans="14:14">
      <c r="N641585" s="10"/>
    </row>
    <row r="641586" spans="14:14">
      <c r="N641586" s="10"/>
    </row>
    <row r="641587" spans="14:14">
      <c r="N641587" s="10"/>
    </row>
    <row r="641588" spans="14:14">
      <c r="N641588" s="10"/>
    </row>
    <row r="641589" spans="14:14">
      <c r="N641589" s="10"/>
    </row>
    <row r="641590" spans="14:14">
      <c r="N641590" s="10"/>
    </row>
    <row r="641591" spans="14:14">
      <c r="N641591" s="10"/>
    </row>
    <row r="641592" spans="14:14">
      <c r="N641592" s="10"/>
    </row>
    <row r="641593" spans="14:14">
      <c r="N641593" s="10"/>
    </row>
    <row r="641594" spans="14:14">
      <c r="N641594" s="10"/>
    </row>
    <row r="641595" spans="14:14">
      <c r="N641595" s="10"/>
    </row>
    <row r="641596" spans="14:14">
      <c r="N641596" s="10"/>
    </row>
    <row r="641597" spans="14:14">
      <c r="N641597" s="10"/>
    </row>
    <row r="641598" spans="14:14">
      <c r="N641598" s="10"/>
    </row>
    <row r="641599" spans="14:14">
      <c r="N641599" s="10"/>
    </row>
    <row r="641600" spans="14:14">
      <c r="N641600" s="10"/>
    </row>
    <row r="641601" spans="14:14">
      <c r="N641601" s="10"/>
    </row>
    <row r="641602" spans="14:14">
      <c r="N641602" s="10"/>
    </row>
    <row r="641603" spans="14:14">
      <c r="N641603" s="10"/>
    </row>
    <row r="641604" spans="14:14">
      <c r="N641604" s="10"/>
    </row>
    <row r="641605" spans="14:14">
      <c r="N641605" s="10"/>
    </row>
    <row r="641606" spans="14:14">
      <c r="N641606" s="10"/>
    </row>
    <row r="641607" spans="14:14">
      <c r="N641607" s="10"/>
    </row>
    <row r="641608" spans="14:14">
      <c r="N641608" s="10"/>
    </row>
    <row r="641609" spans="14:14">
      <c r="N641609" s="10"/>
    </row>
    <row r="641610" spans="14:14">
      <c r="N641610" s="10"/>
    </row>
    <row r="641611" spans="14:14">
      <c r="N641611" s="10"/>
    </row>
    <row r="641612" spans="14:14">
      <c r="N641612" s="10"/>
    </row>
    <row r="641613" spans="14:14">
      <c r="N641613" s="10"/>
    </row>
    <row r="641614" spans="14:14">
      <c r="N641614" s="10"/>
    </row>
    <row r="641615" spans="14:14">
      <c r="N641615" s="10"/>
    </row>
    <row r="641616" spans="14:14">
      <c r="N641616" s="10"/>
    </row>
    <row r="641617" spans="14:14">
      <c r="N641617" s="10"/>
    </row>
    <row r="641618" spans="14:14">
      <c r="N641618" s="10"/>
    </row>
    <row r="641619" spans="14:14">
      <c r="N641619" s="10"/>
    </row>
    <row r="641620" spans="14:14">
      <c r="N641620" s="10"/>
    </row>
    <row r="641621" spans="14:14">
      <c r="N641621" s="10"/>
    </row>
    <row r="641622" spans="14:14">
      <c r="N641622" s="10"/>
    </row>
    <row r="641623" spans="14:14">
      <c r="N641623" s="10"/>
    </row>
    <row r="641624" spans="14:14">
      <c r="N641624" s="10"/>
    </row>
    <row r="641625" spans="14:14">
      <c r="N641625" s="10"/>
    </row>
    <row r="641626" spans="14:14">
      <c r="N641626" s="10"/>
    </row>
    <row r="641627" spans="14:14">
      <c r="N641627" s="10"/>
    </row>
    <row r="641628" spans="14:14">
      <c r="N641628" s="10"/>
    </row>
    <row r="641629" spans="14:14">
      <c r="N641629" s="10"/>
    </row>
    <row r="641630" spans="14:14">
      <c r="N641630" s="10"/>
    </row>
    <row r="641631" spans="14:14">
      <c r="N641631" s="10"/>
    </row>
    <row r="641632" spans="14:14">
      <c r="N641632" s="10"/>
    </row>
    <row r="641633" spans="14:14">
      <c r="N641633" s="10"/>
    </row>
    <row r="641634" spans="14:14">
      <c r="N641634" s="10"/>
    </row>
    <row r="641635" spans="14:14">
      <c r="N641635" s="10"/>
    </row>
    <row r="641636" spans="14:14">
      <c r="N641636" s="10"/>
    </row>
    <row r="641637" spans="14:14">
      <c r="N641637" s="10"/>
    </row>
    <row r="641638" spans="14:14">
      <c r="N641638" s="10"/>
    </row>
    <row r="641639" spans="14:14">
      <c r="N641639" s="10"/>
    </row>
    <row r="641640" spans="14:14">
      <c r="N641640" s="10"/>
    </row>
    <row r="641641" spans="14:14">
      <c r="N641641" s="10"/>
    </row>
    <row r="641642" spans="14:14">
      <c r="N641642" s="10"/>
    </row>
    <row r="641643" spans="14:14">
      <c r="N641643" s="10"/>
    </row>
    <row r="641644" spans="14:14">
      <c r="N641644" s="10"/>
    </row>
    <row r="641645" spans="14:14">
      <c r="N641645" s="10"/>
    </row>
    <row r="641646" spans="14:14">
      <c r="N641646" s="10"/>
    </row>
    <row r="641647" spans="14:14">
      <c r="N641647" s="10"/>
    </row>
    <row r="641648" spans="14:14">
      <c r="N641648" s="10"/>
    </row>
    <row r="641649" spans="14:14">
      <c r="N641649" s="10"/>
    </row>
    <row r="641650" spans="14:14">
      <c r="N641650" s="10"/>
    </row>
    <row r="641651" spans="14:14">
      <c r="N641651" s="10"/>
    </row>
    <row r="641652" spans="14:14">
      <c r="N641652" s="10"/>
    </row>
    <row r="641653" spans="14:14">
      <c r="N641653" s="10"/>
    </row>
    <row r="641654" spans="14:14">
      <c r="N641654" s="10"/>
    </row>
    <row r="641655" spans="14:14">
      <c r="N641655" s="10"/>
    </row>
    <row r="641656" spans="14:14">
      <c r="N641656" s="10"/>
    </row>
    <row r="641657" spans="14:14">
      <c r="N641657" s="10"/>
    </row>
    <row r="641658" spans="14:14">
      <c r="N641658" s="10"/>
    </row>
    <row r="641659" spans="14:14">
      <c r="N641659" s="10"/>
    </row>
    <row r="641660" spans="14:14">
      <c r="N641660" s="10"/>
    </row>
    <row r="641661" spans="14:14">
      <c r="N641661" s="10"/>
    </row>
    <row r="641662" spans="14:14">
      <c r="N641662" s="10"/>
    </row>
    <row r="641663" spans="14:14">
      <c r="N641663" s="10"/>
    </row>
    <row r="641664" spans="14:14">
      <c r="N641664" s="10"/>
    </row>
    <row r="641665" spans="14:14">
      <c r="N641665" s="10"/>
    </row>
    <row r="641666" spans="14:14">
      <c r="N641666" s="10"/>
    </row>
    <row r="641667" spans="14:14">
      <c r="N641667" s="10"/>
    </row>
    <row r="641668" spans="14:14">
      <c r="N641668" s="10"/>
    </row>
    <row r="641669" spans="14:14">
      <c r="N641669" s="10"/>
    </row>
    <row r="641670" spans="14:14">
      <c r="N641670" s="10"/>
    </row>
    <row r="641671" spans="14:14">
      <c r="N641671" s="10"/>
    </row>
    <row r="641672" spans="14:14">
      <c r="N641672" s="10"/>
    </row>
    <row r="641673" spans="14:14">
      <c r="N641673" s="10"/>
    </row>
    <row r="641674" spans="14:14">
      <c r="N641674" s="10"/>
    </row>
    <row r="641675" spans="14:14">
      <c r="N641675" s="10"/>
    </row>
    <row r="641676" spans="14:14">
      <c r="N641676" s="10"/>
    </row>
    <row r="641677" spans="14:14">
      <c r="N641677" s="10"/>
    </row>
    <row r="641678" spans="14:14">
      <c r="N641678" s="10"/>
    </row>
    <row r="641679" spans="14:14">
      <c r="N641679" s="10"/>
    </row>
    <row r="641680" spans="14:14">
      <c r="N641680" s="10"/>
    </row>
    <row r="641681" spans="14:14">
      <c r="N641681" s="10"/>
    </row>
    <row r="641682" spans="14:14">
      <c r="N641682" s="10"/>
    </row>
    <row r="641683" spans="14:14">
      <c r="N641683" s="10"/>
    </row>
    <row r="641684" spans="14:14">
      <c r="N641684" s="10"/>
    </row>
    <row r="641685" spans="14:14">
      <c r="N641685" s="10"/>
    </row>
    <row r="641686" spans="14:14">
      <c r="N641686" s="10"/>
    </row>
    <row r="641687" spans="14:14">
      <c r="N641687" s="10"/>
    </row>
    <row r="641688" spans="14:14">
      <c r="N641688" s="10"/>
    </row>
    <row r="641689" spans="14:14">
      <c r="N641689" s="10"/>
    </row>
    <row r="641690" spans="14:14">
      <c r="N641690" s="10"/>
    </row>
    <row r="641691" spans="14:14">
      <c r="N641691" s="10"/>
    </row>
    <row r="641692" spans="14:14">
      <c r="N641692" s="10"/>
    </row>
    <row r="641693" spans="14:14">
      <c r="N641693" s="10"/>
    </row>
    <row r="641694" spans="14:14">
      <c r="N641694" s="10"/>
    </row>
    <row r="641695" spans="14:14">
      <c r="N641695" s="10"/>
    </row>
    <row r="641696" spans="14:14">
      <c r="N641696" s="10"/>
    </row>
    <row r="641697" spans="14:14">
      <c r="N641697" s="10"/>
    </row>
    <row r="641698" spans="14:14">
      <c r="N641698" s="10"/>
    </row>
    <row r="641699" spans="14:14">
      <c r="N641699" s="10"/>
    </row>
    <row r="641700" spans="14:14">
      <c r="N641700" s="10"/>
    </row>
    <row r="641701" spans="14:14">
      <c r="N641701" s="10"/>
    </row>
    <row r="641702" spans="14:14">
      <c r="N641702" s="10"/>
    </row>
    <row r="641703" spans="14:14">
      <c r="N641703" s="10"/>
    </row>
    <row r="641704" spans="14:14">
      <c r="N641704" s="10"/>
    </row>
    <row r="641705" spans="14:14">
      <c r="N641705" s="10"/>
    </row>
    <row r="641706" spans="14:14">
      <c r="N641706" s="10"/>
    </row>
    <row r="641707" spans="14:14">
      <c r="N641707" s="10"/>
    </row>
    <row r="641708" spans="14:14">
      <c r="N641708" s="10"/>
    </row>
    <row r="641709" spans="14:14">
      <c r="N641709" s="10"/>
    </row>
    <row r="641710" spans="14:14">
      <c r="N641710" s="10"/>
    </row>
    <row r="641711" spans="14:14">
      <c r="N641711" s="10"/>
    </row>
    <row r="641712" spans="14:14">
      <c r="N641712" s="10"/>
    </row>
    <row r="641713" spans="14:14">
      <c r="N641713" s="10"/>
    </row>
    <row r="641714" spans="14:14">
      <c r="N641714" s="10"/>
    </row>
    <row r="641715" spans="14:14">
      <c r="N641715" s="10"/>
    </row>
    <row r="641716" spans="14:14">
      <c r="N641716" s="10"/>
    </row>
    <row r="641717" spans="14:14">
      <c r="N641717" s="10"/>
    </row>
    <row r="641718" spans="14:14">
      <c r="N641718" s="10"/>
    </row>
    <row r="641719" spans="14:14">
      <c r="N641719" s="10"/>
    </row>
    <row r="641720" spans="14:14">
      <c r="N641720" s="10"/>
    </row>
    <row r="641721" spans="14:14">
      <c r="N641721" s="10"/>
    </row>
    <row r="641722" spans="14:14">
      <c r="N641722" s="10"/>
    </row>
    <row r="641723" spans="14:14">
      <c r="N641723" s="10"/>
    </row>
    <row r="641724" spans="14:14">
      <c r="N641724" s="10"/>
    </row>
    <row r="641725" spans="14:14">
      <c r="N641725" s="10"/>
    </row>
    <row r="641726" spans="14:14">
      <c r="N641726" s="10"/>
    </row>
    <row r="641727" spans="14:14">
      <c r="N641727" s="10"/>
    </row>
    <row r="641728" spans="14:14">
      <c r="N641728" s="10"/>
    </row>
    <row r="641729" spans="14:14">
      <c r="N641729" s="10"/>
    </row>
    <row r="641730" spans="14:14">
      <c r="N641730" s="10"/>
    </row>
    <row r="641731" spans="14:14">
      <c r="N641731" s="10"/>
    </row>
    <row r="641732" spans="14:14">
      <c r="N641732" s="10"/>
    </row>
    <row r="641733" spans="14:14">
      <c r="N641733" s="10"/>
    </row>
    <row r="641734" spans="14:14">
      <c r="N641734" s="10"/>
    </row>
    <row r="641735" spans="14:14">
      <c r="N641735" s="10"/>
    </row>
    <row r="641736" spans="14:14">
      <c r="N641736" s="10"/>
    </row>
    <row r="641737" spans="14:14">
      <c r="N641737" s="10"/>
    </row>
    <row r="641738" spans="14:14">
      <c r="N641738" s="10"/>
    </row>
    <row r="641739" spans="14:14">
      <c r="N641739" s="10"/>
    </row>
    <row r="641740" spans="14:14">
      <c r="N641740" s="10"/>
    </row>
    <row r="641741" spans="14:14">
      <c r="N641741" s="10"/>
    </row>
    <row r="641742" spans="14:14">
      <c r="N641742" s="10"/>
    </row>
    <row r="641743" spans="14:14">
      <c r="N641743" s="10"/>
    </row>
    <row r="641744" spans="14:14">
      <c r="N641744" s="10"/>
    </row>
    <row r="641745" spans="14:14">
      <c r="N641745" s="10"/>
    </row>
    <row r="641746" spans="14:14">
      <c r="N641746" s="10"/>
    </row>
    <row r="641747" spans="14:14">
      <c r="N641747" s="10"/>
    </row>
    <row r="641748" spans="14:14">
      <c r="N641748" s="10"/>
    </row>
    <row r="641749" spans="14:14">
      <c r="N641749" s="10"/>
    </row>
    <row r="641750" spans="14:14">
      <c r="N641750" s="10"/>
    </row>
    <row r="641751" spans="14:14">
      <c r="N641751" s="10"/>
    </row>
    <row r="641752" spans="14:14">
      <c r="N641752" s="10"/>
    </row>
    <row r="641753" spans="14:14">
      <c r="N641753" s="10"/>
    </row>
    <row r="641754" spans="14:14">
      <c r="N641754" s="10"/>
    </row>
    <row r="641755" spans="14:14">
      <c r="N641755" s="10"/>
    </row>
    <row r="641756" spans="14:14">
      <c r="N641756" s="10"/>
    </row>
    <row r="641757" spans="14:14">
      <c r="N641757" s="10"/>
    </row>
    <row r="641758" spans="14:14">
      <c r="N641758" s="10"/>
    </row>
    <row r="641759" spans="14:14">
      <c r="N641759" s="10"/>
    </row>
    <row r="641760" spans="14:14">
      <c r="N641760" s="10"/>
    </row>
    <row r="641761" spans="14:14">
      <c r="N641761" s="10"/>
    </row>
    <row r="641762" spans="14:14">
      <c r="N641762" s="10"/>
    </row>
    <row r="641763" spans="14:14">
      <c r="N641763" s="10"/>
    </row>
    <row r="641764" spans="14:14">
      <c r="N641764" s="10"/>
    </row>
    <row r="641765" spans="14:14">
      <c r="N641765" s="10"/>
    </row>
    <row r="641766" spans="14:14">
      <c r="N641766" s="10"/>
    </row>
    <row r="641767" spans="14:14">
      <c r="N641767" s="10"/>
    </row>
    <row r="641768" spans="14:14">
      <c r="N641768" s="10"/>
    </row>
    <row r="641769" spans="14:14">
      <c r="N641769" s="10"/>
    </row>
    <row r="641770" spans="14:14">
      <c r="N641770" s="10"/>
    </row>
    <row r="641771" spans="14:14">
      <c r="N641771" s="10"/>
    </row>
    <row r="641772" spans="14:14">
      <c r="N641772" s="10"/>
    </row>
    <row r="641773" spans="14:14">
      <c r="N641773" s="10"/>
    </row>
    <row r="641774" spans="14:14">
      <c r="N641774" s="10"/>
    </row>
    <row r="641775" spans="14:14">
      <c r="N641775" s="10"/>
    </row>
    <row r="641776" spans="14:14">
      <c r="N641776" s="10"/>
    </row>
    <row r="641777" spans="14:14">
      <c r="N641777" s="10"/>
    </row>
    <row r="641778" spans="14:14">
      <c r="N641778" s="10"/>
    </row>
    <row r="641779" spans="14:14">
      <c r="N641779" s="10"/>
    </row>
    <row r="641780" spans="14:14">
      <c r="N641780" s="10"/>
    </row>
    <row r="641781" spans="14:14">
      <c r="N641781" s="10"/>
    </row>
    <row r="641782" spans="14:14">
      <c r="N641782" s="10"/>
    </row>
    <row r="641783" spans="14:14">
      <c r="N641783" s="10"/>
    </row>
    <row r="641784" spans="14:14">
      <c r="N641784" s="10"/>
    </row>
    <row r="641785" spans="14:14">
      <c r="N641785" s="10"/>
    </row>
    <row r="641786" spans="14:14">
      <c r="N641786" s="10"/>
    </row>
    <row r="641787" spans="14:14">
      <c r="N641787" s="10"/>
    </row>
    <row r="641788" spans="14:14">
      <c r="N641788" s="10"/>
    </row>
    <row r="641789" spans="14:14">
      <c r="N641789" s="10"/>
    </row>
    <row r="641790" spans="14:14">
      <c r="N641790" s="10"/>
    </row>
    <row r="641791" spans="14:14">
      <c r="N641791" s="10"/>
    </row>
    <row r="641792" spans="14:14">
      <c r="N641792" s="10"/>
    </row>
    <row r="641793" spans="14:14">
      <c r="N641793" s="10"/>
    </row>
    <row r="641794" spans="14:14">
      <c r="N641794" s="10"/>
    </row>
    <row r="641795" spans="14:14">
      <c r="N641795" s="10"/>
    </row>
    <row r="641796" spans="14:14">
      <c r="N641796" s="10"/>
    </row>
    <row r="641797" spans="14:14">
      <c r="N641797" s="10"/>
    </row>
    <row r="641798" spans="14:14">
      <c r="N641798" s="10"/>
    </row>
    <row r="641799" spans="14:14">
      <c r="N641799" s="10"/>
    </row>
    <row r="641800" spans="14:14">
      <c r="N641800" s="10"/>
    </row>
    <row r="641801" spans="14:14">
      <c r="N641801" s="10"/>
    </row>
    <row r="641802" spans="14:14">
      <c r="N641802" s="10"/>
    </row>
    <row r="641803" spans="14:14">
      <c r="N641803" s="10"/>
    </row>
    <row r="641804" spans="14:14">
      <c r="N641804" s="10"/>
    </row>
    <row r="641805" spans="14:14">
      <c r="N641805" s="10"/>
    </row>
    <row r="641806" spans="14:14">
      <c r="N641806" s="10"/>
    </row>
    <row r="641807" spans="14:14">
      <c r="N641807" s="10"/>
    </row>
    <row r="641808" spans="14:14">
      <c r="N641808" s="10"/>
    </row>
    <row r="641809" spans="14:14">
      <c r="N641809" s="10"/>
    </row>
    <row r="641810" spans="14:14">
      <c r="N641810" s="10"/>
    </row>
    <row r="641811" spans="14:14">
      <c r="N641811" s="10"/>
    </row>
    <row r="641812" spans="14:14">
      <c r="N641812" s="10"/>
    </row>
    <row r="641813" spans="14:14">
      <c r="N641813" s="10"/>
    </row>
    <row r="641814" spans="14:14">
      <c r="N641814" s="10"/>
    </row>
    <row r="641815" spans="14:14">
      <c r="N641815" s="10"/>
    </row>
    <row r="641816" spans="14:14">
      <c r="N641816" s="10"/>
    </row>
    <row r="641817" spans="14:14">
      <c r="N641817" s="10"/>
    </row>
    <row r="641818" spans="14:14">
      <c r="N641818" s="10"/>
    </row>
    <row r="641819" spans="14:14">
      <c r="N641819" s="10"/>
    </row>
    <row r="641820" spans="14:14">
      <c r="N641820" s="10"/>
    </row>
    <row r="641821" spans="14:14">
      <c r="N641821" s="10"/>
    </row>
    <row r="641822" spans="14:14">
      <c r="N641822" s="10"/>
    </row>
    <row r="641823" spans="14:14">
      <c r="N641823" s="10"/>
    </row>
    <row r="641824" spans="14:14">
      <c r="N641824" s="10"/>
    </row>
    <row r="641825" spans="14:14">
      <c r="N641825" s="10"/>
    </row>
    <row r="641826" spans="14:14">
      <c r="N641826" s="10"/>
    </row>
    <row r="641827" spans="14:14">
      <c r="N641827" s="10"/>
    </row>
    <row r="641828" spans="14:14">
      <c r="N641828" s="10"/>
    </row>
    <row r="641829" spans="14:14">
      <c r="N641829" s="10"/>
    </row>
    <row r="641830" spans="14:14">
      <c r="N641830" s="10"/>
    </row>
    <row r="641831" spans="14:14">
      <c r="N641831" s="10"/>
    </row>
    <row r="641832" spans="14:14">
      <c r="N641832" s="10"/>
    </row>
    <row r="641833" spans="14:14">
      <c r="N641833" s="10"/>
    </row>
    <row r="641834" spans="14:14">
      <c r="N641834" s="10"/>
    </row>
    <row r="641835" spans="14:14">
      <c r="N641835" s="10"/>
    </row>
    <row r="641836" spans="14:14">
      <c r="N641836" s="10"/>
    </row>
    <row r="641837" spans="14:14">
      <c r="N641837" s="10"/>
    </row>
    <row r="641838" spans="14:14">
      <c r="N641838" s="10"/>
    </row>
    <row r="641839" spans="14:14">
      <c r="N641839" s="10"/>
    </row>
    <row r="641840" spans="14:14">
      <c r="N641840" s="10"/>
    </row>
    <row r="641841" spans="14:14">
      <c r="N641841" s="10"/>
    </row>
    <row r="641842" spans="14:14">
      <c r="N641842" s="10"/>
    </row>
    <row r="641843" spans="14:14">
      <c r="N641843" s="10"/>
    </row>
    <row r="641844" spans="14:14">
      <c r="N641844" s="10"/>
    </row>
    <row r="641845" spans="14:14">
      <c r="N641845" s="10"/>
    </row>
    <row r="641846" spans="14:14">
      <c r="N641846" s="10"/>
    </row>
    <row r="641847" spans="14:14">
      <c r="N641847" s="10"/>
    </row>
    <row r="641848" spans="14:14">
      <c r="N641848" s="10"/>
    </row>
    <row r="641849" spans="14:14">
      <c r="N641849" s="10"/>
    </row>
    <row r="641850" spans="14:14">
      <c r="N641850" s="10"/>
    </row>
    <row r="641851" spans="14:14">
      <c r="N641851" s="10"/>
    </row>
    <row r="641852" spans="14:14">
      <c r="N641852" s="10"/>
    </row>
    <row r="641853" spans="14:14">
      <c r="N641853" s="10"/>
    </row>
    <row r="641854" spans="14:14">
      <c r="N641854" s="10"/>
    </row>
    <row r="641855" spans="14:14">
      <c r="N641855" s="10"/>
    </row>
    <row r="641856" spans="14:14">
      <c r="N641856" s="10"/>
    </row>
    <row r="641857" spans="14:14">
      <c r="N641857" s="10"/>
    </row>
    <row r="641858" spans="14:14">
      <c r="N641858" s="10"/>
    </row>
    <row r="641859" spans="14:14">
      <c r="N641859" s="10"/>
    </row>
    <row r="641860" spans="14:14">
      <c r="N641860" s="10"/>
    </row>
    <row r="641861" spans="14:14">
      <c r="N641861" s="10"/>
    </row>
    <row r="641862" spans="14:14">
      <c r="N641862" s="10"/>
    </row>
    <row r="641863" spans="14:14">
      <c r="N641863" s="10"/>
    </row>
    <row r="641864" spans="14:14">
      <c r="N641864" s="10"/>
    </row>
    <row r="641865" spans="14:14">
      <c r="N641865" s="10"/>
    </row>
    <row r="641866" spans="14:14">
      <c r="N641866" s="10"/>
    </row>
    <row r="641867" spans="14:14">
      <c r="N641867" s="10"/>
    </row>
    <row r="641868" spans="14:14">
      <c r="N641868" s="10"/>
    </row>
    <row r="641869" spans="14:14">
      <c r="N641869" s="10"/>
    </row>
    <row r="641870" spans="14:14">
      <c r="N641870" s="10"/>
    </row>
    <row r="641871" spans="14:14">
      <c r="N641871" s="10"/>
    </row>
    <row r="641872" spans="14:14">
      <c r="N641872" s="10"/>
    </row>
    <row r="641873" spans="14:14">
      <c r="N641873" s="10"/>
    </row>
    <row r="641874" spans="14:14">
      <c r="N641874" s="10"/>
    </row>
    <row r="641875" spans="14:14">
      <c r="N641875" s="10"/>
    </row>
    <row r="641876" spans="14:14">
      <c r="N641876" s="10"/>
    </row>
    <row r="641877" spans="14:14">
      <c r="N641877" s="10"/>
    </row>
    <row r="641878" spans="14:14">
      <c r="N641878" s="10"/>
    </row>
    <row r="641879" spans="14:14">
      <c r="N641879" s="10"/>
    </row>
    <row r="641880" spans="14:14">
      <c r="N641880" s="10"/>
    </row>
    <row r="641881" spans="14:14">
      <c r="N641881" s="10"/>
    </row>
    <row r="641882" spans="14:14">
      <c r="N641882" s="10"/>
    </row>
    <row r="641883" spans="14:14">
      <c r="N641883" s="10"/>
    </row>
    <row r="641884" spans="14:14">
      <c r="N641884" s="10"/>
    </row>
    <row r="641885" spans="14:14">
      <c r="N641885" s="10"/>
    </row>
    <row r="641886" spans="14:14">
      <c r="N641886" s="10"/>
    </row>
    <row r="641887" spans="14:14">
      <c r="N641887" s="10"/>
    </row>
    <row r="641888" spans="14:14">
      <c r="N641888" s="10"/>
    </row>
    <row r="641889" spans="14:14">
      <c r="N641889" s="10"/>
    </row>
    <row r="641890" spans="14:14">
      <c r="N641890" s="10"/>
    </row>
    <row r="641891" spans="14:14">
      <c r="N641891" s="10"/>
    </row>
    <row r="641892" spans="14:14">
      <c r="N641892" s="10"/>
    </row>
    <row r="641893" spans="14:14">
      <c r="N641893" s="10"/>
    </row>
    <row r="641894" spans="14:14">
      <c r="N641894" s="10"/>
    </row>
    <row r="641895" spans="14:14">
      <c r="N641895" s="10"/>
    </row>
    <row r="641896" spans="14:14">
      <c r="N641896" s="10"/>
    </row>
    <row r="641897" spans="14:14">
      <c r="N641897" s="10"/>
    </row>
    <row r="641898" spans="14:14">
      <c r="N641898" s="10"/>
    </row>
    <row r="641899" spans="14:14">
      <c r="N641899" s="10"/>
    </row>
    <row r="641900" spans="14:14">
      <c r="N641900" s="10"/>
    </row>
    <row r="641901" spans="14:14">
      <c r="N641901" s="10"/>
    </row>
    <row r="641902" spans="14:14">
      <c r="N641902" s="10"/>
    </row>
    <row r="641903" spans="14:14">
      <c r="N641903" s="10"/>
    </row>
    <row r="641904" spans="14:14">
      <c r="N641904" s="10"/>
    </row>
    <row r="641905" spans="14:14">
      <c r="N641905" s="10"/>
    </row>
    <row r="641906" spans="14:14">
      <c r="N641906" s="10"/>
    </row>
    <row r="641907" spans="14:14">
      <c r="N641907" s="10"/>
    </row>
    <row r="641908" spans="14:14">
      <c r="N641908" s="10"/>
    </row>
    <row r="641909" spans="14:14">
      <c r="N641909" s="10"/>
    </row>
    <row r="641910" spans="14:14">
      <c r="N641910" s="10"/>
    </row>
    <row r="641911" spans="14:14">
      <c r="N641911" s="10"/>
    </row>
    <row r="641912" spans="14:14">
      <c r="N641912" s="10"/>
    </row>
    <row r="641913" spans="14:14">
      <c r="N641913" s="10"/>
    </row>
    <row r="641914" spans="14:14">
      <c r="N641914" s="10"/>
    </row>
    <row r="641915" spans="14:14">
      <c r="N641915" s="10"/>
    </row>
    <row r="641916" spans="14:14">
      <c r="N641916" s="10"/>
    </row>
    <row r="641917" spans="14:14">
      <c r="N641917" s="10"/>
    </row>
    <row r="641918" spans="14:14">
      <c r="N641918" s="10"/>
    </row>
    <row r="641919" spans="14:14">
      <c r="N641919" s="10"/>
    </row>
    <row r="641920" spans="14:14">
      <c r="N641920" s="10"/>
    </row>
    <row r="641921" spans="14:14">
      <c r="N641921" s="10"/>
    </row>
    <row r="641922" spans="14:14">
      <c r="N641922" s="10"/>
    </row>
    <row r="641923" spans="14:14">
      <c r="N641923" s="10"/>
    </row>
    <row r="641924" spans="14:14">
      <c r="N641924" s="10"/>
    </row>
    <row r="641925" spans="14:14">
      <c r="N641925" s="10"/>
    </row>
    <row r="641926" spans="14:14">
      <c r="N641926" s="10"/>
    </row>
    <row r="641927" spans="14:14">
      <c r="N641927" s="10"/>
    </row>
    <row r="641928" spans="14:14">
      <c r="N641928" s="10"/>
    </row>
    <row r="641929" spans="14:14">
      <c r="N641929" s="10"/>
    </row>
    <row r="641930" spans="14:14">
      <c r="N641930" s="10"/>
    </row>
    <row r="641931" spans="14:14">
      <c r="N641931" s="10"/>
    </row>
    <row r="641932" spans="14:14">
      <c r="N641932" s="10"/>
    </row>
    <row r="641933" spans="14:14">
      <c r="N641933" s="10"/>
    </row>
    <row r="641934" spans="14:14">
      <c r="N641934" s="10"/>
    </row>
    <row r="641935" spans="14:14">
      <c r="N641935" s="10"/>
    </row>
    <row r="641936" spans="14:14">
      <c r="N641936" s="10"/>
    </row>
    <row r="641937" spans="14:14">
      <c r="N641937" s="10"/>
    </row>
    <row r="641938" spans="14:14">
      <c r="N641938" s="10"/>
    </row>
    <row r="641939" spans="14:14">
      <c r="N641939" s="10"/>
    </row>
    <row r="641940" spans="14:14">
      <c r="N641940" s="10"/>
    </row>
    <row r="641941" spans="14:14">
      <c r="N641941" s="10"/>
    </row>
    <row r="641942" spans="14:14">
      <c r="N641942" s="10"/>
    </row>
    <row r="641943" spans="14:14">
      <c r="N641943" s="10"/>
    </row>
    <row r="641944" spans="14:14">
      <c r="N641944" s="10"/>
    </row>
    <row r="641945" spans="14:14">
      <c r="N641945" s="10"/>
    </row>
    <row r="641946" spans="14:14">
      <c r="N641946" s="10"/>
    </row>
    <row r="641947" spans="14:14">
      <c r="N641947" s="10"/>
    </row>
    <row r="641948" spans="14:14">
      <c r="N641948" s="10"/>
    </row>
    <row r="641949" spans="14:14">
      <c r="N641949" s="10"/>
    </row>
    <row r="641950" spans="14:14">
      <c r="N641950" s="10"/>
    </row>
    <row r="641951" spans="14:14">
      <c r="N641951" s="10"/>
    </row>
    <row r="641952" spans="14:14">
      <c r="N641952" s="10"/>
    </row>
    <row r="641953" spans="14:14">
      <c r="N641953" s="10"/>
    </row>
    <row r="641954" spans="14:14">
      <c r="N641954" s="10"/>
    </row>
    <row r="641955" spans="14:14">
      <c r="N641955" s="10"/>
    </row>
    <row r="641956" spans="14:14">
      <c r="N641956" s="10"/>
    </row>
    <row r="641957" spans="14:14">
      <c r="N641957" s="10"/>
    </row>
    <row r="641958" spans="14:14">
      <c r="N641958" s="10"/>
    </row>
    <row r="641959" spans="14:14">
      <c r="N641959" s="10"/>
    </row>
    <row r="641960" spans="14:14">
      <c r="N641960" s="10"/>
    </row>
    <row r="641961" spans="14:14">
      <c r="N641961" s="10"/>
    </row>
    <row r="641962" spans="14:14">
      <c r="N641962" s="10"/>
    </row>
    <row r="641963" spans="14:14">
      <c r="N641963" s="10"/>
    </row>
    <row r="641964" spans="14:14">
      <c r="N641964" s="10"/>
    </row>
    <row r="641965" spans="14:14">
      <c r="N641965" s="10"/>
    </row>
    <row r="641966" spans="14:14">
      <c r="N641966" s="10"/>
    </row>
    <row r="641967" spans="14:14">
      <c r="N641967" s="10"/>
    </row>
    <row r="641968" spans="14:14">
      <c r="N641968" s="10"/>
    </row>
    <row r="641969" spans="14:14">
      <c r="N641969" s="10"/>
    </row>
    <row r="641970" spans="14:14">
      <c r="N641970" s="10"/>
    </row>
    <row r="641971" spans="14:14">
      <c r="N641971" s="10"/>
    </row>
    <row r="641972" spans="14:14">
      <c r="N641972" s="10"/>
    </row>
    <row r="641973" spans="14:14">
      <c r="N641973" s="10"/>
    </row>
    <row r="641974" spans="14:14">
      <c r="N641974" s="10"/>
    </row>
    <row r="641975" spans="14:14">
      <c r="N641975" s="10"/>
    </row>
    <row r="641976" spans="14:14">
      <c r="N641976" s="10"/>
    </row>
    <row r="641977" spans="14:14">
      <c r="N641977" s="10"/>
    </row>
    <row r="641978" spans="14:14">
      <c r="N641978" s="10"/>
    </row>
    <row r="641979" spans="14:14">
      <c r="N641979" s="10"/>
    </row>
    <row r="641980" spans="14:14">
      <c r="N641980" s="10"/>
    </row>
    <row r="641981" spans="14:14">
      <c r="N641981" s="10"/>
    </row>
    <row r="641982" spans="14:14">
      <c r="N641982" s="10"/>
    </row>
    <row r="641983" spans="14:14">
      <c r="N641983" s="10"/>
    </row>
    <row r="641984" spans="14:14">
      <c r="N641984" s="10"/>
    </row>
    <row r="641985" spans="14:14">
      <c r="N641985" s="10"/>
    </row>
    <row r="641986" spans="14:14">
      <c r="N641986" s="10"/>
    </row>
    <row r="641987" spans="14:14">
      <c r="N641987" s="10"/>
    </row>
    <row r="641988" spans="14:14">
      <c r="N641988" s="10"/>
    </row>
    <row r="641989" spans="14:14">
      <c r="N641989" s="10"/>
    </row>
    <row r="641990" spans="14:14">
      <c r="N641990" s="10"/>
    </row>
    <row r="641991" spans="14:14">
      <c r="N641991" s="10"/>
    </row>
    <row r="641992" spans="14:14">
      <c r="N641992" s="10"/>
    </row>
    <row r="641993" spans="14:14">
      <c r="N641993" s="10"/>
    </row>
    <row r="641994" spans="14:14">
      <c r="N641994" s="10"/>
    </row>
    <row r="641995" spans="14:14">
      <c r="N641995" s="10"/>
    </row>
    <row r="641996" spans="14:14">
      <c r="N641996" s="10"/>
    </row>
    <row r="641997" spans="14:14">
      <c r="N641997" s="10"/>
    </row>
    <row r="641998" spans="14:14">
      <c r="N641998" s="10"/>
    </row>
    <row r="641999" spans="14:14">
      <c r="N641999" s="10"/>
    </row>
    <row r="642000" spans="14:14">
      <c r="N642000" s="10"/>
    </row>
    <row r="642001" spans="14:14">
      <c r="N642001" s="10"/>
    </row>
    <row r="642002" spans="14:14">
      <c r="N642002" s="10"/>
    </row>
    <row r="642003" spans="14:14">
      <c r="N642003" s="10"/>
    </row>
    <row r="642004" spans="14:14">
      <c r="N642004" s="10"/>
    </row>
    <row r="642005" spans="14:14">
      <c r="N642005" s="10"/>
    </row>
    <row r="642006" spans="14:14">
      <c r="N642006" s="10"/>
    </row>
    <row r="642007" spans="14:14">
      <c r="N642007" s="10"/>
    </row>
    <row r="642008" spans="14:14">
      <c r="N642008" s="10"/>
    </row>
    <row r="642009" spans="14:14">
      <c r="N642009" s="10"/>
    </row>
    <row r="642010" spans="14:14">
      <c r="N642010" s="10"/>
    </row>
    <row r="642011" spans="14:14">
      <c r="N642011" s="10"/>
    </row>
    <row r="642012" spans="14:14">
      <c r="N642012" s="10"/>
    </row>
    <row r="642013" spans="14:14">
      <c r="N642013" s="10"/>
    </row>
    <row r="642014" spans="14:14">
      <c r="N642014" s="10"/>
    </row>
    <row r="642015" spans="14:14">
      <c r="N642015" s="10"/>
    </row>
    <row r="642016" spans="14:14">
      <c r="N642016" s="10"/>
    </row>
    <row r="642017" spans="14:14">
      <c r="N642017" s="10"/>
    </row>
    <row r="642018" spans="14:14">
      <c r="N642018" s="10"/>
    </row>
    <row r="642019" spans="14:14">
      <c r="N642019" s="10"/>
    </row>
    <row r="642020" spans="14:14">
      <c r="N642020" s="10"/>
    </row>
    <row r="642021" spans="14:14">
      <c r="N642021" s="10"/>
    </row>
    <row r="642022" spans="14:14">
      <c r="N642022" s="10"/>
    </row>
    <row r="642023" spans="14:14">
      <c r="N642023" s="10"/>
    </row>
    <row r="642024" spans="14:14">
      <c r="N642024" s="10"/>
    </row>
    <row r="642025" spans="14:14">
      <c r="N642025" s="10"/>
    </row>
    <row r="642026" spans="14:14">
      <c r="N642026" s="10"/>
    </row>
    <row r="642027" spans="14:14">
      <c r="N642027" s="10"/>
    </row>
    <row r="642028" spans="14:14">
      <c r="N642028" s="10"/>
    </row>
    <row r="642029" spans="14:14">
      <c r="N642029" s="10"/>
    </row>
    <row r="642030" spans="14:14">
      <c r="N642030" s="10"/>
    </row>
    <row r="642031" spans="14:14">
      <c r="N642031" s="10"/>
    </row>
    <row r="642032" spans="14:14">
      <c r="N642032" s="10"/>
    </row>
    <row r="642033" spans="14:14">
      <c r="N642033" s="10"/>
    </row>
    <row r="642034" spans="14:14">
      <c r="N642034" s="10"/>
    </row>
    <row r="642035" spans="14:14">
      <c r="N642035" s="10"/>
    </row>
    <row r="642036" spans="14:14">
      <c r="N642036" s="10"/>
    </row>
    <row r="642037" spans="14:14">
      <c r="N642037" s="10"/>
    </row>
    <row r="642038" spans="14:14">
      <c r="N642038" s="10"/>
    </row>
    <row r="642039" spans="14:14">
      <c r="N642039" s="10"/>
    </row>
    <row r="642040" spans="14:14">
      <c r="N642040" s="10"/>
    </row>
    <row r="642041" spans="14:14">
      <c r="N642041" s="10"/>
    </row>
    <row r="642042" spans="14:14">
      <c r="N642042" s="10"/>
    </row>
    <row r="642043" spans="14:14">
      <c r="N642043" s="10"/>
    </row>
    <row r="642044" spans="14:14">
      <c r="N642044" s="10"/>
    </row>
    <row r="642045" spans="14:14">
      <c r="N642045" s="10"/>
    </row>
    <row r="642046" spans="14:14">
      <c r="N642046" s="10"/>
    </row>
    <row r="642047" spans="14:14">
      <c r="N642047" s="10"/>
    </row>
    <row r="642048" spans="14:14">
      <c r="N642048" s="10"/>
    </row>
    <row r="642049" spans="14:14">
      <c r="N642049" s="10"/>
    </row>
    <row r="642050" spans="14:14">
      <c r="N642050" s="10"/>
    </row>
    <row r="642051" spans="14:14">
      <c r="N642051" s="10"/>
    </row>
    <row r="642052" spans="14:14">
      <c r="N642052" s="10"/>
    </row>
    <row r="642053" spans="14:14">
      <c r="N642053" s="10"/>
    </row>
    <row r="642054" spans="14:14">
      <c r="N642054" s="10"/>
    </row>
    <row r="642055" spans="14:14">
      <c r="N642055" s="10"/>
    </row>
    <row r="642056" spans="14:14">
      <c r="N642056" s="10"/>
    </row>
    <row r="642057" spans="14:14">
      <c r="N642057" s="10"/>
    </row>
    <row r="642058" spans="14:14">
      <c r="N642058" s="10"/>
    </row>
    <row r="642059" spans="14:14">
      <c r="N642059" s="10"/>
    </row>
    <row r="642060" spans="14:14">
      <c r="N642060" s="10"/>
    </row>
    <row r="642061" spans="14:14">
      <c r="N642061" s="10"/>
    </row>
    <row r="642062" spans="14:14">
      <c r="N642062" s="10"/>
    </row>
    <row r="642063" spans="14:14">
      <c r="N642063" s="10"/>
    </row>
    <row r="642064" spans="14:14">
      <c r="N642064" s="10"/>
    </row>
    <row r="642065" spans="14:14">
      <c r="N642065" s="10"/>
    </row>
    <row r="642066" spans="14:14">
      <c r="N642066" s="10"/>
    </row>
    <row r="642067" spans="14:14">
      <c r="N642067" s="10"/>
    </row>
    <row r="642068" spans="14:14">
      <c r="N642068" s="10"/>
    </row>
    <row r="642069" spans="14:14">
      <c r="N642069" s="10"/>
    </row>
    <row r="642070" spans="14:14">
      <c r="N642070" s="10"/>
    </row>
    <row r="642071" spans="14:14">
      <c r="N642071" s="10"/>
    </row>
    <row r="642072" spans="14:14">
      <c r="N642072" s="10"/>
    </row>
    <row r="642073" spans="14:14">
      <c r="N642073" s="10"/>
    </row>
    <row r="642074" spans="14:14">
      <c r="N642074" s="10"/>
    </row>
    <row r="642075" spans="14:14">
      <c r="N642075" s="10"/>
    </row>
    <row r="642076" spans="14:14">
      <c r="N642076" s="10"/>
    </row>
    <row r="642077" spans="14:14">
      <c r="N642077" s="10"/>
    </row>
    <row r="642078" spans="14:14">
      <c r="N642078" s="10"/>
    </row>
    <row r="642079" spans="14:14">
      <c r="N642079" s="10"/>
    </row>
    <row r="642080" spans="14:14">
      <c r="N642080" s="10"/>
    </row>
    <row r="642081" spans="14:14">
      <c r="N642081" s="10"/>
    </row>
    <row r="642082" spans="14:14">
      <c r="N642082" s="10"/>
    </row>
    <row r="642083" spans="14:14">
      <c r="N642083" s="10"/>
    </row>
    <row r="642084" spans="14:14">
      <c r="N642084" s="10"/>
    </row>
    <row r="642085" spans="14:14">
      <c r="N642085" s="10"/>
    </row>
    <row r="642086" spans="14:14">
      <c r="N642086" s="10"/>
    </row>
    <row r="642087" spans="14:14">
      <c r="N642087" s="10"/>
    </row>
    <row r="642088" spans="14:14">
      <c r="N642088" s="10"/>
    </row>
    <row r="642089" spans="14:14">
      <c r="N642089" s="10"/>
    </row>
    <row r="642090" spans="14:14">
      <c r="N642090" s="10"/>
    </row>
    <row r="642091" spans="14:14">
      <c r="N642091" s="10"/>
    </row>
    <row r="642092" spans="14:14">
      <c r="N642092" s="10"/>
    </row>
    <row r="642093" spans="14:14">
      <c r="N642093" s="10"/>
    </row>
    <row r="642094" spans="14:14">
      <c r="N642094" s="10"/>
    </row>
    <row r="642095" spans="14:14">
      <c r="N642095" s="10"/>
    </row>
    <row r="642096" spans="14:14">
      <c r="N642096" s="10"/>
    </row>
    <row r="642097" spans="14:14">
      <c r="N642097" s="10"/>
    </row>
    <row r="642098" spans="14:14">
      <c r="N642098" s="10"/>
    </row>
    <row r="642099" spans="14:14">
      <c r="N642099" s="10"/>
    </row>
    <row r="642100" spans="14:14">
      <c r="N642100" s="10"/>
    </row>
    <row r="642101" spans="14:14">
      <c r="N642101" s="10"/>
    </row>
    <row r="642102" spans="14:14">
      <c r="N642102" s="10"/>
    </row>
    <row r="642103" spans="14:14">
      <c r="N642103" s="10"/>
    </row>
    <row r="642104" spans="14:14">
      <c r="N642104" s="10"/>
    </row>
    <row r="642105" spans="14:14">
      <c r="N642105" s="10"/>
    </row>
    <row r="642106" spans="14:14">
      <c r="N642106" s="10"/>
    </row>
    <row r="642107" spans="14:14">
      <c r="N642107" s="10"/>
    </row>
    <row r="642108" spans="14:14">
      <c r="N642108" s="10"/>
    </row>
    <row r="642109" spans="14:14">
      <c r="N642109" s="10"/>
    </row>
    <row r="642110" spans="14:14">
      <c r="N642110" s="10"/>
    </row>
    <row r="642111" spans="14:14">
      <c r="N642111" s="10"/>
    </row>
    <row r="642112" spans="14:14">
      <c r="N642112" s="10"/>
    </row>
    <row r="642113" spans="14:14">
      <c r="N642113" s="10"/>
    </row>
    <row r="642114" spans="14:14">
      <c r="N642114" s="10"/>
    </row>
    <row r="642115" spans="14:14">
      <c r="N642115" s="10"/>
    </row>
    <row r="642116" spans="14:14">
      <c r="N642116" s="10"/>
    </row>
    <row r="642117" spans="14:14">
      <c r="N642117" s="10"/>
    </row>
    <row r="642118" spans="14:14">
      <c r="N642118" s="10"/>
    </row>
    <row r="642119" spans="14:14">
      <c r="N642119" s="10"/>
    </row>
    <row r="642120" spans="14:14">
      <c r="N642120" s="10"/>
    </row>
    <row r="642121" spans="14:14">
      <c r="N642121" s="10"/>
    </row>
    <row r="642122" spans="14:14">
      <c r="N642122" s="10"/>
    </row>
    <row r="642123" spans="14:14">
      <c r="N642123" s="10"/>
    </row>
    <row r="642124" spans="14:14">
      <c r="N642124" s="10"/>
    </row>
    <row r="642125" spans="14:14">
      <c r="N642125" s="10"/>
    </row>
    <row r="642126" spans="14:14">
      <c r="N642126" s="10"/>
    </row>
    <row r="642127" spans="14:14">
      <c r="N642127" s="10"/>
    </row>
    <row r="642128" spans="14:14">
      <c r="N642128" s="10"/>
    </row>
    <row r="642129" spans="14:14">
      <c r="N642129" s="10"/>
    </row>
    <row r="642130" spans="14:14">
      <c r="N642130" s="10"/>
    </row>
    <row r="642131" spans="14:14">
      <c r="N642131" s="10"/>
    </row>
    <row r="642132" spans="14:14">
      <c r="N642132" s="10"/>
    </row>
    <row r="642133" spans="14:14">
      <c r="N642133" s="10"/>
    </row>
    <row r="642134" spans="14:14">
      <c r="N642134" s="10"/>
    </row>
    <row r="642135" spans="14:14">
      <c r="N642135" s="10"/>
    </row>
    <row r="642136" spans="14:14">
      <c r="N642136" s="10"/>
    </row>
    <row r="642137" spans="14:14">
      <c r="N642137" s="10"/>
    </row>
    <row r="642138" spans="14:14">
      <c r="N642138" s="10"/>
    </row>
    <row r="642139" spans="14:14">
      <c r="N642139" s="10"/>
    </row>
    <row r="642140" spans="14:14">
      <c r="N642140" s="10"/>
    </row>
    <row r="642141" spans="14:14">
      <c r="N642141" s="10"/>
    </row>
    <row r="642142" spans="14:14">
      <c r="N642142" s="10"/>
    </row>
    <row r="642143" spans="14:14">
      <c r="N642143" s="10"/>
    </row>
    <row r="642144" spans="14:14">
      <c r="N642144" s="10"/>
    </row>
    <row r="642145" spans="14:14">
      <c r="N642145" s="10"/>
    </row>
    <row r="642146" spans="14:14">
      <c r="N642146" s="10"/>
    </row>
    <row r="642147" spans="14:14">
      <c r="N642147" s="10"/>
    </row>
    <row r="642148" spans="14:14">
      <c r="N642148" s="10"/>
    </row>
    <row r="642149" spans="14:14">
      <c r="N642149" s="10"/>
    </row>
    <row r="642150" spans="14:14">
      <c r="N642150" s="10"/>
    </row>
    <row r="642151" spans="14:14">
      <c r="N642151" s="10"/>
    </row>
    <row r="642152" spans="14:14">
      <c r="N642152" s="10"/>
    </row>
    <row r="642153" spans="14:14">
      <c r="N642153" s="10"/>
    </row>
    <row r="642154" spans="14:14">
      <c r="N642154" s="10"/>
    </row>
    <row r="642155" spans="14:14">
      <c r="N642155" s="10"/>
    </row>
    <row r="642156" spans="14:14">
      <c r="N642156" s="10"/>
    </row>
    <row r="642157" spans="14:14">
      <c r="N642157" s="10"/>
    </row>
    <row r="642158" spans="14:14">
      <c r="N642158" s="10"/>
    </row>
    <row r="642159" spans="14:14">
      <c r="N642159" s="10"/>
    </row>
    <row r="642160" spans="14:14">
      <c r="N642160" s="10"/>
    </row>
    <row r="642161" spans="14:14">
      <c r="N642161" s="10"/>
    </row>
    <row r="642162" spans="14:14">
      <c r="N642162" s="10"/>
    </row>
    <row r="642163" spans="14:14">
      <c r="N642163" s="10"/>
    </row>
    <row r="642164" spans="14:14">
      <c r="N642164" s="10"/>
    </row>
    <row r="642165" spans="14:14">
      <c r="N642165" s="10"/>
    </row>
    <row r="642166" spans="14:14">
      <c r="N642166" s="10"/>
    </row>
    <row r="642167" spans="14:14">
      <c r="N642167" s="10"/>
    </row>
    <row r="642168" spans="14:14">
      <c r="N642168" s="10"/>
    </row>
    <row r="642169" spans="14:14">
      <c r="N642169" s="10"/>
    </row>
    <row r="642170" spans="14:14">
      <c r="N642170" s="10"/>
    </row>
    <row r="642171" spans="14:14">
      <c r="N642171" s="10"/>
    </row>
    <row r="642172" spans="14:14">
      <c r="N642172" s="10"/>
    </row>
    <row r="642173" spans="14:14">
      <c r="N642173" s="10"/>
    </row>
    <row r="642174" spans="14:14">
      <c r="N642174" s="10"/>
    </row>
    <row r="642175" spans="14:14">
      <c r="N642175" s="10"/>
    </row>
    <row r="642176" spans="14:14">
      <c r="N642176" s="10"/>
    </row>
    <row r="642177" spans="14:14">
      <c r="N642177" s="10"/>
    </row>
    <row r="642178" spans="14:14">
      <c r="N642178" s="10"/>
    </row>
    <row r="642179" spans="14:14">
      <c r="N642179" s="10"/>
    </row>
    <row r="642180" spans="14:14">
      <c r="N642180" s="10"/>
    </row>
    <row r="642181" spans="14:14">
      <c r="N642181" s="10"/>
    </row>
    <row r="642182" spans="14:14">
      <c r="N642182" s="10"/>
    </row>
    <row r="642183" spans="14:14">
      <c r="N642183" s="10"/>
    </row>
    <row r="642184" spans="14:14">
      <c r="N642184" s="10"/>
    </row>
    <row r="642185" spans="14:14">
      <c r="N642185" s="10"/>
    </row>
    <row r="642186" spans="14:14">
      <c r="N642186" s="10"/>
    </row>
    <row r="642187" spans="14:14">
      <c r="N642187" s="10"/>
    </row>
    <row r="642188" spans="14:14">
      <c r="N642188" s="10"/>
    </row>
    <row r="642189" spans="14:14">
      <c r="N642189" s="10"/>
    </row>
    <row r="642190" spans="14:14">
      <c r="N642190" s="10"/>
    </row>
    <row r="642191" spans="14:14">
      <c r="N642191" s="10"/>
    </row>
    <row r="642192" spans="14:14">
      <c r="N642192" s="10"/>
    </row>
    <row r="642193" spans="14:14">
      <c r="N642193" s="10"/>
    </row>
    <row r="642194" spans="14:14">
      <c r="N642194" s="10"/>
    </row>
    <row r="642195" spans="14:14">
      <c r="N642195" s="10"/>
    </row>
    <row r="642196" spans="14:14">
      <c r="N642196" s="10"/>
    </row>
    <row r="642197" spans="14:14">
      <c r="N642197" s="10"/>
    </row>
    <row r="642198" spans="14:14">
      <c r="N642198" s="10"/>
    </row>
    <row r="642199" spans="14:14">
      <c r="N642199" s="10"/>
    </row>
    <row r="642200" spans="14:14">
      <c r="N642200" s="10"/>
    </row>
    <row r="642201" spans="14:14">
      <c r="N642201" s="10"/>
    </row>
    <row r="642202" spans="14:14">
      <c r="N642202" s="10"/>
    </row>
    <row r="642203" spans="14:14">
      <c r="N642203" s="10"/>
    </row>
    <row r="642204" spans="14:14">
      <c r="N642204" s="10"/>
    </row>
    <row r="642205" spans="14:14">
      <c r="N642205" s="10"/>
    </row>
    <row r="642206" spans="14:14">
      <c r="N642206" s="10"/>
    </row>
    <row r="642207" spans="14:14">
      <c r="N642207" s="10"/>
    </row>
    <row r="642208" spans="14:14">
      <c r="N642208" s="10"/>
    </row>
    <row r="642209" spans="14:14">
      <c r="N642209" s="10"/>
    </row>
    <row r="642210" spans="14:14">
      <c r="N642210" s="10"/>
    </row>
    <row r="642211" spans="14:14">
      <c r="N642211" s="10"/>
    </row>
    <row r="642212" spans="14:14">
      <c r="N642212" s="10"/>
    </row>
    <row r="642213" spans="14:14">
      <c r="N642213" s="10"/>
    </row>
    <row r="642214" spans="14:14">
      <c r="N642214" s="10"/>
    </row>
    <row r="642215" spans="14:14">
      <c r="N642215" s="10"/>
    </row>
    <row r="642216" spans="14:14">
      <c r="N642216" s="10"/>
    </row>
    <row r="642217" spans="14:14">
      <c r="N642217" s="10"/>
    </row>
    <row r="642218" spans="14:14">
      <c r="N642218" s="10"/>
    </row>
    <row r="642219" spans="14:14">
      <c r="N642219" s="10"/>
    </row>
    <row r="642220" spans="14:14">
      <c r="N642220" s="10"/>
    </row>
    <row r="642221" spans="14:14">
      <c r="N642221" s="10"/>
    </row>
    <row r="642222" spans="14:14">
      <c r="N642222" s="10"/>
    </row>
    <row r="642223" spans="14:14">
      <c r="N642223" s="10"/>
    </row>
    <row r="642224" spans="14:14">
      <c r="N642224" s="10"/>
    </row>
    <row r="642225" spans="14:14">
      <c r="N642225" s="10"/>
    </row>
    <row r="642226" spans="14:14">
      <c r="N642226" s="10"/>
    </row>
    <row r="642227" spans="14:14">
      <c r="N642227" s="10"/>
    </row>
    <row r="642228" spans="14:14">
      <c r="N642228" s="10"/>
    </row>
    <row r="642229" spans="14:14">
      <c r="N642229" s="10"/>
    </row>
    <row r="642230" spans="14:14">
      <c r="N642230" s="10"/>
    </row>
    <row r="642231" spans="14:14">
      <c r="N642231" s="10"/>
    </row>
    <row r="642232" spans="14:14">
      <c r="N642232" s="10"/>
    </row>
    <row r="642233" spans="14:14">
      <c r="N642233" s="10"/>
    </row>
    <row r="642234" spans="14:14">
      <c r="N642234" s="10"/>
    </row>
    <row r="642235" spans="14:14">
      <c r="N642235" s="10"/>
    </row>
    <row r="642236" spans="14:14">
      <c r="N642236" s="10"/>
    </row>
    <row r="642237" spans="14:14">
      <c r="N642237" s="10"/>
    </row>
    <row r="642238" spans="14:14">
      <c r="N642238" s="10"/>
    </row>
    <row r="642239" spans="14:14">
      <c r="N642239" s="10"/>
    </row>
    <row r="642240" spans="14:14">
      <c r="N642240" s="10"/>
    </row>
    <row r="642241" spans="14:14">
      <c r="N642241" s="10"/>
    </row>
    <row r="642242" spans="14:14">
      <c r="N642242" s="10"/>
    </row>
    <row r="642243" spans="14:14">
      <c r="N642243" s="10"/>
    </row>
    <row r="642244" spans="14:14">
      <c r="N642244" s="10"/>
    </row>
    <row r="642245" spans="14:14">
      <c r="N642245" s="10"/>
    </row>
    <row r="642246" spans="14:14">
      <c r="N642246" s="10"/>
    </row>
    <row r="642247" spans="14:14">
      <c r="N642247" s="10"/>
    </row>
    <row r="642248" spans="14:14">
      <c r="N642248" s="10"/>
    </row>
    <row r="642249" spans="14:14">
      <c r="N642249" s="10"/>
    </row>
    <row r="642250" spans="14:14">
      <c r="N642250" s="10"/>
    </row>
    <row r="642251" spans="14:14">
      <c r="N642251" s="10"/>
    </row>
    <row r="642252" spans="14:14">
      <c r="N642252" s="10"/>
    </row>
    <row r="642253" spans="14:14">
      <c r="N642253" s="10"/>
    </row>
    <row r="642254" spans="14:14">
      <c r="N642254" s="10"/>
    </row>
    <row r="642255" spans="14:14">
      <c r="N642255" s="10"/>
    </row>
    <row r="642256" spans="14:14">
      <c r="N642256" s="10"/>
    </row>
    <row r="642257" spans="14:14">
      <c r="N642257" s="10"/>
    </row>
    <row r="642258" spans="14:14">
      <c r="N642258" s="10"/>
    </row>
    <row r="642259" spans="14:14">
      <c r="N642259" s="10"/>
    </row>
    <row r="642260" spans="14:14">
      <c r="N642260" s="10"/>
    </row>
    <row r="642261" spans="14:14">
      <c r="N642261" s="10"/>
    </row>
    <row r="642262" spans="14:14">
      <c r="N642262" s="10"/>
    </row>
    <row r="642263" spans="14:14">
      <c r="N642263" s="10"/>
    </row>
    <row r="642264" spans="14:14">
      <c r="N642264" s="10"/>
    </row>
    <row r="642265" spans="14:14">
      <c r="N642265" s="10"/>
    </row>
    <row r="642266" spans="14:14">
      <c r="N642266" s="10"/>
    </row>
    <row r="642267" spans="14:14">
      <c r="N642267" s="10"/>
    </row>
    <row r="642268" spans="14:14">
      <c r="N642268" s="10"/>
    </row>
    <row r="642269" spans="14:14">
      <c r="N642269" s="10"/>
    </row>
    <row r="642270" spans="14:14">
      <c r="N642270" s="10"/>
    </row>
    <row r="642271" spans="14:14">
      <c r="N642271" s="10"/>
    </row>
    <row r="642272" spans="14:14">
      <c r="N642272" s="10"/>
    </row>
    <row r="642273" spans="14:14">
      <c r="N642273" s="10"/>
    </row>
    <row r="642274" spans="14:14">
      <c r="N642274" s="10"/>
    </row>
    <row r="642275" spans="14:14">
      <c r="N642275" s="10"/>
    </row>
    <row r="642276" spans="14:14">
      <c r="N642276" s="10"/>
    </row>
    <row r="642277" spans="14:14">
      <c r="N642277" s="10"/>
    </row>
    <row r="642278" spans="14:14">
      <c r="N642278" s="10"/>
    </row>
    <row r="642279" spans="14:14">
      <c r="N642279" s="10"/>
    </row>
    <row r="642280" spans="14:14">
      <c r="N642280" s="10"/>
    </row>
    <row r="642281" spans="14:14">
      <c r="N642281" s="10"/>
    </row>
    <row r="642282" spans="14:14">
      <c r="N642282" s="10"/>
    </row>
    <row r="642283" spans="14:14">
      <c r="N642283" s="10"/>
    </row>
    <row r="642284" spans="14:14">
      <c r="N642284" s="10"/>
    </row>
    <row r="642285" spans="14:14">
      <c r="N642285" s="10"/>
    </row>
    <row r="642286" spans="14:14">
      <c r="N642286" s="10"/>
    </row>
    <row r="642287" spans="14:14">
      <c r="N642287" s="10"/>
    </row>
    <row r="642288" spans="14:14">
      <c r="N642288" s="10"/>
    </row>
    <row r="642289" spans="14:14">
      <c r="N642289" s="10"/>
    </row>
    <row r="642290" spans="14:14">
      <c r="N642290" s="10"/>
    </row>
    <row r="642291" spans="14:14">
      <c r="N642291" s="10"/>
    </row>
    <row r="642292" spans="14:14">
      <c r="N642292" s="10"/>
    </row>
    <row r="642293" spans="14:14">
      <c r="N642293" s="10"/>
    </row>
    <row r="642294" spans="14:14">
      <c r="N642294" s="10"/>
    </row>
    <row r="642295" spans="14:14">
      <c r="N642295" s="10"/>
    </row>
    <row r="642296" spans="14:14">
      <c r="N642296" s="10"/>
    </row>
    <row r="642297" spans="14:14">
      <c r="N642297" s="10"/>
    </row>
    <row r="642298" spans="14:14">
      <c r="N642298" s="10"/>
    </row>
    <row r="642299" spans="14:14">
      <c r="N642299" s="10"/>
    </row>
    <row r="642300" spans="14:14">
      <c r="N642300" s="10"/>
    </row>
    <row r="642301" spans="14:14">
      <c r="N642301" s="10"/>
    </row>
    <row r="642302" spans="14:14">
      <c r="N642302" s="10"/>
    </row>
    <row r="642303" spans="14:14">
      <c r="N642303" s="10"/>
    </row>
    <row r="642304" spans="14:14">
      <c r="N642304" s="10"/>
    </row>
    <row r="642305" spans="14:14">
      <c r="N642305" s="10"/>
    </row>
    <row r="642306" spans="14:14">
      <c r="N642306" s="10"/>
    </row>
    <row r="642307" spans="14:14">
      <c r="N642307" s="10"/>
    </row>
    <row r="642308" spans="14:14">
      <c r="N642308" s="10"/>
    </row>
    <row r="642309" spans="14:14">
      <c r="N642309" s="10"/>
    </row>
    <row r="642310" spans="14:14">
      <c r="N642310" s="10"/>
    </row>
    <row r="642311" spans="14:14">
      <c r="N642311" s="10"/>
    </row>
    <row r="642312" spans="14:14">
      <c r="N642312" s="10"/>
    </row>
    <row r="642313" spans="14:14">
      <c r="N642313" s="10"/>
    </row>
    <row r="642314" spans="14:14">
      <c r="N642314" s="10"/>
    </row>
    <row r="642315" spans="14:14">
      <c r="N642315" s="10"/>
    </row>
    <row r="642316" spans="14:14">
      <c r="N642316" s="10"/>
    </row>
    <row r="642317" spans="14:14">
      <c r="N642317" s="10"/>
    </row>
    <row r="642318" spans="14:14">
      <c r="N642318" s="10"/>
    </row>
    <row r="642319" spans="14:14">
      <c r="N642319" s="10"/>
    </row>
    <row r="642320" spans="14:14">
      <c r="N642320" s="10"/>
    </row>
    <row r="642321" spans="14:14">
      <c r="N642321" s="10"/>
    </row>
    <row r="642322" spans="14:14">
      <c r="N642322" s="10"/>
    </row>
    <row r="642323" spans="14:14">
      <c r="N642323" s="10"/>
    </row>
    <row r="642324" spans="14:14">
      <c r="N642324" s="10"/>
    </row>
    <row r="642325" spans="14:14">
      <c r="N642325" s="10"/>
    </row>
    <row r="642326" spans="14:14">
      <c r="N642326" s="10"/>
    </row>
    <row r="642327" spans="14:14">
      <c r="N642327" s="10"/>
    </row>
    <row r="642328" spans="14:14">
      <c r="N642328" s="10"/>
    </row>
    <row r="642329" spans="14:14">
      <c r="N642329" s="10"/>
    </row>
    <row r="642330" spans="14:14">
      <c r="N642330" s="10"/>
    </row>
    <row r="642331" spans="14:14">
      <c r="N642331" s="10"/>
    </row>
    <row r="642332" spans="14:14">
      <c r="N642332" s="10"/>
    </row>
    <row r="642333" spans="14:14">
      <c r="N642333" s="10"/>
    </row>
    <row r="642334" spans="14:14">
      <c r="N642334" s="10"/>
    </row>
    <row r="642335" spans="14:14">
      <c r="N642335" s="10"/>
    </row>
    <row r="642336" spans="14:14">
      <c r="N642336" s="10"/>
    </row>
    <row r="642337" spans="14:14">
      <c r="N642337" s="10"/>
    </row>
    <row r="642338" spans="14:14">
      <c r="N642338" s="10"/>
    </row>
    <row r="642339" spans="14:14">
      <c r="N642339" s="10"/>
    </row>
    <row r="642340" spans="14:14">
      <c r="N642340" s="10"/>
    </row>
    <row r="642341" spans="14:14">
      <c r="N642341" s="10"/>
    </row>
    <row r="642342" spans="14:14">
      <c r="N642342" s="10"/>
    </row>
    <row r="642343" spans="14:14">
      <c r="N642343" s="10"/>
    </row>
    <row r="642344" spans="14:14">
      <c r="N642344" s="10"/>
    </row>
    <row r="642345" spans="14:14">
      <c r="N642345" s="10"/>
    </row>
    <row r="642346" spans="14:14">
      <c r="N642346" s="10"/>
    </row>
    <row r="642347" spans="14:14">
      <c r="N642347" s="10"/>
    </row>
    <row r="642348" spans="14:14">
      <c r="N642348" s="10"/>
    </row>
    <row r="642349" spans="14:14">
      <c r="N642349" s="10"/>
    </row>
    <row r="642350" spans="14:14">
      <c r="N642350" s="10"/>
    </row>
    <row r="642351" spans="14:14">
      <c r="N642351" s="10"/>
    </row>
    <row r="642352" spans="14:14">
      <c r="N642352" s="10"/>
    </row>
    <row r="642353" spans="14:14">
      <c r="N642353" s="10"/>
    </row>
    <row r="642354" spans="14:14">
      <c r="N642354" s="10"/>
    </row>
    <row r="642355" spans="14:14">
      <c r="N642355" s="10"/>
    </row>
    <row r="642356" spans="14:14">
      <c r="N642356" s="10"/>
    </row>
    <row r="642357" spans="14:14">
      <c r="N642357" s="10"/>
    </row>
    <row r="642358" spans="14:14">
      <c r="N642358" s="10"/>
    </row>
    <row r="642359" spans="14:14">
      <c r="N642359" s="10"/>
    </row>
    <row r="642360" spans="14:14">
      <c r="N642360" s="10"/>
    </row>
    <row r="642361" spans="14:14">
      <c r="N642361" s="10"/>
    </row>
    <row r="642362" spans="14:14">
      <c r="N642362" s="10"/>
    </row>
    <row r="642363" spans="14:14">
      <c r="N642363" s="10"/>
    </row>
    <row r="642364" spans="14:14">
      <c r="N642364" s="10"/>
    </row>
    <row r="642365" spans="14:14">
      <c r="N642365" s="10"/>
    </row>
    <row r="642366" spans="14:14">
      <c r="N642366" s="10"/>
    </row>
    <row r="642367" spans="14:14">
      <c r="N642367" s="10"/>
    </row>
    <row r="642368" spans="14:14">
      <c r="N642368" s="10"/>
    </row>
    <row r="642369" spans="14:14">
      <c r="N642369" s="10"/>
    </row>
    <row r="642370" spans="14:14">
      <c r="N642370" s="10"/>
    </row>
    <row r="642371" spans="14:14">
      <c r="N642371" s="10"/>
    </row>
    <row r="642372" spans="14:14">
      <c r="N642372" s="10"/>
    </row>
    <row r="642373" spans="14:14">
      <c r="N642373" s="10"/>
    </row>
    <row r="642374" spans="14:14">
      <c r="N642374" s="10"/>
    </row>
    <row r="642375" spans="14:14">
      <c r="N642375" s="10"/>
    </row>
    <row r="642376" spans="14:14">
      <c r="N642376" s="10"/>
    </row>
    <row r="642377" spans="14:14">
      <c r="N642377" s="10"/>
    </row>
    <row r="642378" spans="14:14">
      <c r="N642378" s="10"/>
    </row>
    <row r="642379" spans="14:14">
      <c r="N642379" s="10"/>
    </row>
    <row r="642380" spans="14:14">
      <c r="N642380" s="10"/>
    </row>
    <row r="642381" spans="14:14">
      <c r="N642381" s="10"/>
    </row>
    <row r="642382" spans="14:14">
      <c r="N642382" s="10"/>
    </row>
    <row r="642383" spans="14:14">
      <c r="N642383" s="10"/>
    </row>
    <row r="642384" spans="14:14">
      <c r="N642384" s="10"/>
    </row>
    <row r="642385" spans="14:14">
      <c r="N642385" s="10"/>
    </row>
    <row r="642386" spans="14:14">
      <c r="N642386" s="10"/>
    </row>
    <row r="642387" spans="14:14">
      <c r="N642387" s="10"/>
    </row>
    <row r="642388" spans="14:14">
      <c r="N642388" s="10"/>
    </row>
    <row r="642389" spans="14:14">
      <c r="N642389" s="10"/>
    </row>
    <row r="642390" spans="14:14">
      <c r="N642390" s="10"/>
    </row>
    <row r="642391" spans="14:14">
      <c r="N642391" s="10"/>
    </row>
    <row r="642392" spans="14:14">
      <c r="N642392" s="10"/>
    </row>
    <row r="642393" spans="14:14">
      <c r="N642393" s="10"/>
    </row>
    <row r="642394" spans="14:14">
      <c r="N642394" s="10"/>
    </row>
    <row r="642395" spans="14:14">
      <c r="N642395" s="10"/>
    </row>
    <row r="642396" spans="14:14">
      <c r="N642396" s="10"/>
    </row>
    <row r="642397" spans="14:14">
      <c r="N642397" s="10"/>
    </row>
    <row r="642398" spans="14:14">
      <c r="N642398" s="10"/>
    </row>
    <row r="642399" spans="14:14">
      <c r="N642399" s="10"/>
    </row>
    <row r="642400" spans="14:14">
      <c r="N642400" s="10"/>
    </row>
    <row r="642401" spans="14:14">
      <c r="N642401" s="10"/>
    </row>
    <row r="642402" spans="14:14">
      <c r="N642402" s="10"/>
    </row>
    <row r="642403" spans="14:14">
      <c r="N642403" s="10"/>
    </row>
    <row r="642404" spans="14:14">
      <c r="N642404" s="10"/>
    </row>
    <row r="642405" spans="14:14">
      <c r="N642405" s="10"/>
    </row>
    <row r="642406" spans="14:14">
      <c r="N642406" s="10"/>
    </row>
    <row r="642407" spans="14:14">
      <c r="N642407" s="10"/>
    </row>
    <row r="642408" spans="14:14">
      <c r="N642408" s="10"/>
    </row>
    <row r="642409" spans="14:14">
      <c r="N642409" s="10"/>
    </row>
    <row r="642410" spans="14:14">
      <c r="N642410" s="10"/>
    </row>
    <row r="642411" spans="14:14">
      <c r="N642411" s="10"/>
    </row>
    <row r="642412" spans="14:14">
      <c r="N642412" s="10"/>
    </row>
    <row r="642413" spans="14:14">
      <c r="N642413" s="10"/>
    </row>
    <row r="642414" spans="14:14">
      <c r="N642414" s="10"/>
    </row>
    <row r="642415" spans="14:14">
      <c r="N642415" s="10"/>
    </row>
    <row r="642416" spans="14:14">
      <c r="N642416" s="10"/>
    </row>
    <row r="642417" spans="14:14">
      <c r="N642417" s="10"/>
    </row>
    <row r="642418" spans="14:14">
      <c r="N642418" s="10"/>
    </row>
    <row r="642419" spans="14:14">
      <c r="N642419" s="10"/>
    </row>
    <row r="642420" spans="14:14">
      <c r="N642420" s="10"/>
    </row>
    <row r="642421" spans="14:14">
      <c r="N642421" s="10"/>
    </row>
    <row r="642422" spans="14:14">
      <c r="N642422" s="10"/>
    </row>
    <row r="642423" spans="14:14">
      <c r="N642423" s="10"/>
    </row>
    <row r="642424" spans="14:14">
      <c r="N642424" s="10"/>
    </row>
    <row r="642425" spans="14:14">
      <c r="N642425" s="10"/>
    </row>
    <row r="642426" spans="14:14">
      <c r="N642426" s="10"/>
    </row>
    <row r="642427" spans="14:14">
      <c r="N642427" s="10"/>
    </row>
    <row r="642428" spans="14:14">
      <c r="N642428" s="10"/>
    </row>
    <row r="642429" spans="14:14">
      <c r="N642429" s="10"/>
    </row>
    <row r="642430" spans="14:14">
      <c r="N642430" s="10"/>
    </row>
    <row r="642431" spans="14:14">
      <c r="N642431" s="10"/>
    </row>
    <row r="642432" spans="14:14">
      <c r="N642432" s="10"/>
    </row>
    <row r="642433" spans="14:14">
      <c r="N642433" s="10"/>
    </row>
    <row r="642434" spans="14:14">
      <c r="N642434" s="10"/>
    </row>
    <row r="642435" spans="14:14">
      <c r="N642435" s="10"/>
    </row>
    <row r="642436" spans="14:14">
      <c r="N642436" s="10"/>
    </row>
    <row r="642437" spans="14:14">
      <c r="N642437" s="10"/>
    </row>
    <row r="642438" spans="14:14">
      <c r="N642438" s="10"/>
    </row>
    <row r="642439" spans="14:14">
      <c r="N642439" s="10"/>
    </row>
    <row r="642440" spans="14:14">
      <c r="N642440" s="10"/>
    </row>
    <row r="642441" spans="14:14">
      <c r="N642441" s="10"/>
    </row>
    <row r="642442" spans="14:14">
      <c r="N642442" s="10"/>
    </row>
    <row r="642443" spans="14:14">
      <c r="N642443" s="10"/>
    </row>
    <row r="642444" spans="14:14">
      <c r="N642444" s="10"/>
    </row>
    <row r="642445" spans="14:14">
      <c r="N642445" s="10"/>
    </row>
    <row r="642446" spans="14:14">
      <c r="N642446" s="10"/>
    </row>
    <row r="642447" spans="14:14">
      <c r="N642447" s="10"/>
    </row>
    <row r="642448" spans="14:14">
      <c r="N642448" s="10"/>
    </row>
    <row r="642449" spans="14:14">
      <c r="N642449" s="10"/>
    </row>
    <row r="642450" spans="14:14">
      <c r="N642450" s="10"/>
    </row>
    <row r="642451" spans="14:14">
      <c r="N642451" s="10"/>
    </row>
    <row r="642452" spans="14:14">
      <c r="N642452" s="10"/>
    </row>
    <row r="642453" spans="14:14">
      <c r="N642453" s="10"/>
    </row>
    <row r="642454" spans="14:14">
      <c r="N642454" s="10"/>
    </row>
    <row r="642455" spans="14:14">
      <c r="N642455" s="10"/>
    </row>
    <row r="642456" spans="14:14">
      <c r="N642456" s="10"/>
    </row>
    <row r="642457" spans="14:14">
      <c r="N642457" s="10"/>
    </row>
    <row r="642458" spans="14:14">
      <c r="N642458" s="10"/>
    </row>
    <row r="642459" spans="14:14">
      <c r="N642459" s="10"/>
    </row>
    <row r="642460" spans="14:14">
      <c r="N642460" s="10"/>
    </row>
    <row r="642461" spans="14:14">
      <c r="N642461" s="10"/>
    </row>
    <row r="642462" spans="14:14">
      <c r="N642462" s="10"/>
    </row>
    <row r="642463" spans="14:14">
      <c r="N642463" s="10"/>
    </row>
    <row r="642464" spans="14:14">
      <c r="N642464" s="10"/>
    </row>
    <row r="642465" spans="14:14">
      <c r="N642465" s="10"/>
    </row>
    <row r="642466" spans="14:14">
      <c r="N642466" s="10"/>
    </row>
    <row r="642467" spans="14:14">
      <c r="N642467" s="10"/>
    </row>
    <row r="642468" spans="14:14">
      <c r="N642468" s="10"/>
    </row>
    <row r="642469" spans="14:14">
      <c r="N642469" s="10"/>
    </row>
    <row r="642470" spans="14:14">
      <c r="N642470" s="10"/>
    </row>
    <row r="642471" spans="14:14">
      <c r="N642471" s="10"/>
    </row>
    <row r="642472" spans="14:14">
      <c r="N642472" s="10"/>
    </row>
    <row r="642473" spans="14:14">
      <c r="N642473" s="10"/>
    </row>
    <row r="642474" spans="14:14">
      <c r="N642474" s="10"/>
    </row>
    <row r="642475" spans="14:14">
      <c r="N642475" s="10"/>
    </row>
    <row r="642476" spans="14:14">
      <c r="N642476" s="10"/>
    </row>
    <row r="642477" spans="14:14">
      <c r="N642477" s="10"/>
    </row>
    <row r="642478" spans="14:14">
      <c r="N642478" s="10"/>
    </row>
    <row r="642479" spans="14:14">
      <c r="N642479" s="10"/>
    </row>
    <row r="642480" spans="14:14">
      <c r="N642480" s="10"/>
    </row>
    <row r="642481" spans="14:14">
      <c r="N642481" s="10"/>
    </row>
    <row r="642482" spans="14:14">
      <c r="N642482" s="10"/>
    </row>
    <row r="642483" spans="14:14">
      <c r="N642483" s="10"/>
    </row>
    <row r="642484" spans="14:14">
      <c r="N642484" s="10"/>
    </row>
    <row r="642485" spans="14:14">
      <c r="N642485" s="10"/>
    </row>
    <row r="642486" spans="14:14">
      <c r="N642486" s="10"/>
    </row>
    <row r="642487" spans="14:14">
      <c r="N642487" s="10"/>
    </row>
    <row r="642488" spans="14:14">
      <c r="N642488" s="10"/>
    </row>
    <row r="642489" spans="14:14">
      <c r="N642489" s="10"/>
    </row>
    <row r="642490" spans="14:14">
      <c r="N642490" s="10"/>
    </row>
    <row r="642491" spans="14:14">
      <c r="N642491" s="10"/>
    </row>
    <row r="642492" spans="14:14">
      <c r="N642492" s="10"/>
    </row>
    <row r="642493" spans="14:14">
      <c r="N642493" s="10"/>
    </row>
    <row r="642494" spans="14:14">
      <c r="N642494" s="10"/>
    </row>
    <row r="642495" spans="14:14">
      <c r="N642495" s="10"/>
    </row>
    <row r="642496" spans="14:14">
      <c r="N642496" s="10"/>
    </row>
    <row r="642497" spans="14:14">
      <c r="N642497" s="10"/>
    </row>
    <row r="642498" spans="14:14">
      <c r="N642498" s="10"/>
    </row>
    <row r="642499" spans="14:14">
      <c r="N642499" s="10"/>
    </row>
    <row r="642500" spans="14:14">
      <c r="N642500" s="10"/>
    </row>
    <row r="642501" spans="14:14">
      <c r="N642501" s="10"/>
    </row>
    <row r="642502" spans="14:14">
      <c r="N642502" s="10"/>
    </row>
    <row r="642503" spans="14:14">
      <c r="N642503" s="10"/>
    </row>
    <row r="642504" spans="14:14">
      <c r="N642504" s="10"/>
    </row>
    <row r="642505" spans="14:14">
      <c r="N642505" s="10"/>
    </row>
    <row r="642506" spans="14:14">
      <c r="N642506" s="10"/>
    </row>
    <row r="642507" spans="14:14">
      <c r="N642507" s="10"/>
    </row>
    <row r="642508" spans="14:14">
      <c r="N642508" s="10"/>
    </row>
    <row r="642509" spans="14:14">
      <c r="N642509" s="10"/>
    </row>
    <row r="642510" spans="14:14">
      <c r="N642510" s="10"/>
    </row>
    <row r="642511" spans="14:14">
      <c r="N642511" s="10"/>
    </row>
    <row r="642512" spans="14:14">
      <c r="N642512" s="10"/>
    </row>
    <row r="642513" spans="14:14">
      <c r="N642513" s="10"/>
    </row>
    <row r="642514" spans="14:14">
      <c r="N642514" s="10"/>
    </row>
    <row r="642515" spans="14:14">
      <c r="N642515" s="10"/>
    </row>
    <row r="642516" spans="14:14">
      <c r="N642516" s="10"/>
    </row>
    <row r="642517" spans="14:14">
      <c r="N642517" s="10"/>
    </row>
    <row r="642518" spans="14:14">
      <c r="N642518" s="10"/>
    </row>
    <row r="642519" spans="14:14">
      <c r="N642519" s="10"/>
    </row>
    <row r="642520" spans="14:14">
      <c r="N642520" s="10"/>
    </row>
    <row r="642521" spans="14:14">
      <c r="N642521" s="10"/>
    </row>
    <row r="642522" spans="14:14">
      <c r="N642522" s="10"/>
    </row>
    <row r="642523" spans="14:14">
      <c r="N642523" s="10"/>
    </row>
    <row r="642524" spans="14:14">
      <c r="N642524" s="10"/>
    </row>
    <row r="642525" spans="14:14">
      <c r="N642525" s="10"/>
    </row>
    <row r="642526" spans="14:14">
      <c r="N642526" s="10"/>
    </row>
    <row r="642527" spans="14:14">
      <c r="N642527" s="10"/>
    </row>
    <row r="642528" spans="14:14">
      <c r="N642528" s="10"/>
    </row>
    <row r="642529" spans="14:14">
      <c r="N642529" s="10"/>
    </row>
    <row r="642530" spans="14:14">
      <c r="N642530" s="10"/>
    </row>
    <row r="642531" spans="14:14">
      <c r="N642531" s="10"/>
    </row>
    <row r="642532" spans="14:14">
      <c r="N642532" s="10"/>
    </row>
    <row r="642533" spans="14:14">
      <c r="N642533" s="10"/>
    </row>
    <row r="642534" spans="14:14">
      <c r="N642534" s="10"/>
    </row>
    <row r="642535" spans="14:14">
      <c r="N642535" s="10"/>
    </row>
    <row r="642536" spans="14:14">
      <c r="N642536" s="10"/>
    </row>
    <row r="642537" spans="14:14">
      <c r="N642537" s="10"/>
    </row>
    <row r="642538" spans="14:14">
      <c r="N642538" s="10"/>
    </row>
    <row r="642539" spans="14:14">
      <c r="N642539" s="10"/>
    </row>
    <row r="642540" spans="14:14">
      <c r="N642540" s="10"/>
    </row>
    <row r="642541" spans="14:14">
      <c r="N642541" s="10"/>
    </row>
    <row r="642542" spans="14:14">
      <c r="N642542" s="10"/>
    </row>
    <row r="642543" spans="14:14">
      <c r="N642543" s="10"/>
    </row>
    <row r="642544" spans="14:14">
      <c r="N642544" s="10"/>
    </row>
    <row r="642545" spans="14:14">
      <c r="N642545" s="10"/>
    </row>
    <row r="642546" spans="14:14">
      <c r="N642546" s="10"/>
    </row>
    <row r="642547" spans="14:14">
      <c r="N642547" s="10"/>
    </row>
    <row r="642548" spans="14:14">
      <c r="N642548" s="10"/>
    </row>
    <row r="642549" spans="14:14">
      <c r="N642549" s="10"/>
    </row>
    <row r="642550" spans="14:14">
      <c r="N642550" s="10"/>
    </row>
    <row r="642551" spans="14:14">
      <c r="N642551" s="10"/>
    </row>
    <row r="642552" spans="14:14">
      <c r="N642552" s="10"/>
    </row>
    <row r="642553" spans="14:14">
      <c r="N642553" s="10"/>
    </row>
    <row r="642554" spans="14:14">
      <c r="N642554" s="10"/>
    </row>
    <row r="642555" spans="14:14">
      <c r="N642555" s="10"/>
    </row>
    <row r="642556" spans="14:14">
      <c r="N642556" s="10"/>
    </row>
    <row r="642557" spans="14:14">
      <c r="N642557" s="10"/>
    </row>
    <row r="642558" spans="14:14">
      <c r="N642558" s="10"/>
    </row>
    <row r="642559" spans="14:14">
      <c r="N642559" s="10"/>
    </row>
    <row r="642560" spans="14:14">
      <c r="N642560" s="10"/>
    </row>
    <row r="642561" spans="14:14">
      <c r="N642561" s="10"/>
    </row>
    <row r="642562" spans="14:14">
      <c r="N642562" s="10"/>
    </row>
    <row r="642563" spans="14:14">
      <c r="N642563" s="10"/>
    </row>
    <row r="642564" spans="14:14">
      <c r="N642564" s="10"/>
    </row>
    <row r="642565" spans="14:14">
      <c r="N642565" s="10"/>
    </row>
    <row r="642566" spans="14:14">
      <c r="N642566" s="10"/>
    </row>
    <row r="642567" spans="14:14">
      <c r="N642567" s="10"/>
    </row>
    <row r="642568" spans="14:14">
      <c r="N642568" s="10"/>
    </row>
    <row r="642569" spans="14:14">
      <c r="N642569" s="10"/>
    </row>
    <row r="642570" spans="14:14">
      <c r="N642570" s="10"/>
    </row>
    <row r="642571" spans="14:14">
      <c r="N642571" s="10"/>
    </row>
    <row r="642572" spans="14:14">
      <c r="N642572" s="10"/>
    </row>
    <row r="642573" spans="14:14">
      <c r="N642573" s="10"/>
    </row>
    <row r="642574" spans="14:14">
      <c r="N642574" s="10"/>
    </row>
    <row r="642575" spans="14:14">
      <c r="N642575" s="10"/>
    </row>
    <row r="642576" spans="14:14">
      <c r="N642576" s="10"/>
    </row>
    <row r="642577" spans="14:14">
      <c r="N642577" s="10"/>
    </row>
    <row r="642578" spans="14:14">
      <c r="N642578" s="10"/>
    </row>
    <row r="642579" spans="14:14">
      <c r="N642579" s="10"/>
    </row>
    <row r="642580" spans="14:14">
      <c r="N642580" s="10"/>
    </row>
    <row r="642581" spans="14:14">
      <c r="N642581" s="10"/>
    </row>
    <row r="642582" spans="14:14">
      <c r="N642582" s="10"/>
    </row>
    <row r="642583" spans="14:14">
      <c r="N642583" s="10"/>
    </row>
    <row r="642584" spans="14:14">
      <c r="N642584" s="10"/>
    </row>
    <row r="642585" spans="14:14">
      <c r="N642585" s="10"/>
    </row>
    <row r="642586" spans="14:14">
      <c r="N642586" s="10"/>
    </row>
    <row r="642587" spans="14:14">
      <c r="N642587" s="10"/>
    </row>
    <row r="642588" spans="14:14">
      <c r="N642588" s="10"/>
    </row>
    <row r="642589" spans="14:14">
      <c r="N642589" s="10"/>
    </row>
    <row r="642590" spans="14:14">
      <c r="N642590" s="10"/>
    </row>
    <row r="642591" spans="14:14">
      <c r="N642591" s="10"/>
    </row>
    <row r="642592" spans="14:14">
      <c r="N642592" s="10"/>
    </row>
    <row r="642593" spans="14:14">
      <c r="N642593" s="10"/>
    </row>
    <row r="642594" spans="14:14">
      <c r="N642594" s="10"/>
    </row>
    <row r="642595" spans="14:14">
      <c r="N642595" s="10"/>
    </row>
    <row r="642596" spans="14:14">
      <c r="N642596" s="10"/>
    </row>
    <row r="642597" spans="14:14">
      <c r="N642597" s="10"/>
    </row>
    <row r="642598" spans="14:14">
      <c r="N642598" s="10"/>
    </row>
    <row r="642599" spans="14:14">
      <c r="N642599" s="10"/>
    </row>
    <row r="642600" spans="14:14">
      <c r="N642600" s="10"/>
    </row>
    <row r="642601" spans="14:14">
      <c r="N642601" s="10"/>
    </row>
    <row r="642602" spans="14:14">
      <c r="N642602" s="10"/>
    </row>
    <row r="642603" spans="14:14">
      <c r="N642603" s="10"/>
    </row>
    <row r="642604" spans="14:14">
      <c r="N642604" s="10"/>
    </row>
    <row r="642605" spans="14:14">
      <c r="N642605" s="10"/>
    </row>
    <row r="642606" spans="14:14">
      <c r="N642606" s="10"/>
    </row>
    <row r="642607" spans="14:14">
      <c r="N642607" s="10"/>
    </row>
    <row r="642608" spans="14:14">
      <c r="N642608" s="10"/>
    </row>
    <row r="642609" spans="14:14">
      <c r="N642609" s="10"/>
    </row>
    <row r="642610" spans="14:14">
      <c r="N642610" s="10"/>
    </row>
    <row r="642611" spans="14:14">
      <c r="N642611" s="10"/>
    </row>
    <row r="642612" spans="14:14">
      <c r="N642612" s="10"/>
    </row>
    <row r="642613" spans="14:14">
      <c r="N642613" s="10"/>
    </row>
    <row r="642614" spans="14:14">
      <c r="N642614" s="10"/>
    </row>
    <row r="642615" spans="14:14">
      <c r="N642615" s="10"/>
    </row>
    <row r="642616" spans="14:14">
      <c r="N642616" s="10"/>
    </row>
    <row r="642617" spans="14:14">
      <c r="N642617" s="10"/>
    </row>
    <row r="642618" spans="14:14">
      <c r="N642618" s="10"/>
    </row>
    <row r="642619" spans="14:14">
      <c r="N642619" s="10"/>
    </row>
    <row r="642620" spans="14:14">
      <c r="N642620" s="10"/>
    </row>
    <row r="642621" spans="14:14">
      <c r="N642621" s="10"/>
    </row>
    <row r="642622" spans="14:14">
      <c r="N642622" s="10"/>
    </row>
    <row r="642623" spans="14:14">
      <c r="N642623" s="10"/>
    </row>
    <row r="642624" spans="14:14">
      <c r="N642624" s="10"/>
    </row>
    <row r="642625" spans="14:14">
      <c r="N642625" s="10"/>
    </row>
    <row r="642626" spans="14:14">
      <c r="N642626" s="10"/>
    </row>
    <row r="642627" spans="14:14">
      <c r="N642627" s="10"/>
    </row>
    <row r="642628" spans="14:14">
      <c r="N642628" s="10"/>
    </row>
    <row r="642629" spans="14:14">
      <c r="N642629" s="10"/>
    </row>
    <row r="642630" spans="14:14">
      <c r="N642630" s="10"/>
    </row>
    <row r="642631" spans="14:14">
      <c r="N642631" s="10"/>
    </row>
    <row r="642632" spans="14:14">
      <c r="N642632" s="10"/>
    </row>
    <row r="642633" spans="14:14">
      <c r="N642633" s="10"/>
    </row>
    <row r="642634" spans="14:14">
      <c r="N642634" s="10"/>
    </row>
    <row r="642635" spans="14:14">
      <c r="N642635" s="10"/>
    </row>
    <row r="642636" spans="14:14">
      <c r="N642636" s="10"/>
    </row>
    <row r="642637" spans="14:14">
      <c r="N642637" s="10"/>
    </row>
    <row r="642638" spans="14:14">
      <c r="N642638" s="10"/>
    </row>
    <row r="642639" spans="14:14">
      <c r="N642639" s="10"/>
    </row>
    <row r="642640" spans="14:14">
      <c r="N642640" s="10"/>
    </row>
    <row r="642641" spans="14:14">
      <c r="N642641" s="10"/>
    </row>
    <row r="642642" spans="14:14">
      <c r="N642642" s="10"/>
    </row>
    <row r="642643" spans="14:14">
      <c r="N642643" s="10"/>
    </row>
    <row r="642644" spans="14:14">
      <c r="N642644" s="10"/>
    </row>
    <row r="642645" spans="14:14">
      <c r="N642645" s="10"/>
    </row>
    <row r="642646" spans="14:14">
      <c r="N642646" s="10"/>
    </row>
    <row r="642647" spans="14:14">
      <c r="N642647" s="10"/>
    </row>
    <row r="642648" spans="14:14">
      <c r="N642648" s="10"/>
    </row>
    <row r="642649" spans="14:14">
      <c r="N642649" s="10"/>
    </row>
    <row r="642650" spans="14:14">
      <c r="N642650" s="10"/>
    </row>
    <row r="642651" spans="14:14">
      <c r="N642651" s="10"/>
    </row>
    <row r="642652" spans="14:14">
      <c r="N642652" s="10"/>
    </row>
    <row r="642653" spans="14:14">
      <c r="N642653" s="10"/>
    </row>
    <row r="642654" spans="14:14">
      <c r="N642654" s="10"/>
    </row>
    <row r="642655" spans="14:14">
      <c r="N642655" s="10"/>
    </row>
    <row r="642656" spans="14:14">
      <c r="N642656" s="10"/>
    </row>
    <row r="642657" spans="14:14">
      <c r="N642657" s="10"/>
    </row>
    <row r="642658" spans="14:14">
      <c r="N642658" s="10"/>
    </row>
    <row r="642659" spans="14:14">
      <c r="N642659" s="10"/>
    </row>
    <row r="642660" spans="14:14">
      <c r="N642660" s="10"/>
    </row>
    <row r="642661" spans="14:14">
      <c r="N642661" s="10"/>
    </row>
    <row r="642662" spans="14:14">
      <c r="N642662" s="10"/>
    </row>
    <row r="642663" spans="14:14">
      <c r="N642663" s="10"/>
    </row>
    <row r="642664" spans="14:14">
      <c r="N642664" s="10"/>
    </row>
    <row r="642665" spans="14:14">
      <c r="N642665" s="10"/>
    </row>
    <row r="642666" spans="14:14">
      <c r="N642666" s="10"/>
    </row>
    <row r="642667" spans="14:14">
      <c r="N642667" s="10"/>
    </row>
    <row r="642668" spans="14:14">
      <c r="N642668" s="10"/>
    </row>
    <row r="642669" spans="14:14">
      <c r="N642669" s="10"/>
    </row>
    <row r="642670" spans="14:14">
      <c r="N642670" s="10"/>
    </row>
    <row r="642671" spans="14:14">
      <c r="N642671" s="10"/>
    </row>
    <row r="642672" spans="14:14">
      <c r="N642672" s="10"/>
    </row>
    <row r="642673" spans="14:14">
      <c r="N642673" s="10"/>
    </row>
    <row r="642674" spans="14:14">
      <c r="N642674" s="10"/>
    </row>
    <row r="642675" spans="14:14">
      <c r="N642675" s="10"/>
    </row>
    <row r="642676" spans="14:14">
      <c r="N642676" s="10"/>
    </row>
    <row r="642677" spans="14:14">
      <c r="N642677" s="10"/>
    </row>
    <row r="642678" spans="14:14">
      <c r="N642678" s="10"/>
    </row>
    <row r="642679" spans="14:14">
      <c r="N642679" s="10"/>
    </row>
    <row r="642680" spans="14:14">
      <c r="N642680" s="10"/>
    </row>
    <row r="642681" spans="14:14">
      <c r="N642681" s="10"/>
    </row>
    <row r="642682" spans="14:14">
      <c r="N642682" s="10"/>
    </row>
    <row r="642683" spans="14:14">
      <c r="N642683" s="10"/>
    </row>
    <row r="642684" spans="14:14">
      <c r="N642684" s="10"/>
    </row>
    <row r="642685" spans="14:14">
      <c r="N642685" s="10"/>
    </row>
    <row r="642686" spans="14:14">
      <c r="N642686" s="10"/>
    </row>
    <row r="642687" spans="14:14">
      <c r="N642687" s="10"/>
    </row>
    <row r="642688" spans="14:14">
      <c r="N642688" s="10"/>
    </row>
    <row r="642689" spans="14:14">
      <c r="N642689" s="10"/>
    </row>
    <row r="642690" spans="14:14">
      <c r="N642690" s="10"/>
    </row>
    <row r="642691" spans="14:14">
      <c r="N642691" s="10"/>
    </row>
    <row r="642692" spans="14:14">
      <c r="N642692" s="10"/>
    </row>
    <row r="642693" spans="14:14">
      <c r="N642693" s="10"/>
    </row>
    <row r="642694" spans="14:14">
      <c r="N642694" s="10"/>
    </row>
    <row r="642695" spans="14:14">
      <c r="N642695" s="10"/>
    </row>
    <row r="642696" spans="14:14">
      <c r="N642696" s="10"/>
    </row>
    <row r="642697" spans="14:14">
      <c r="N642697" s="10"/>
    </row>
    <row r="642698" spans="14:14">
      <c r="N642698" s="10"/>
    </row>
    <row r="642699" spans="14:14">
      <c r="N642699" s="10"/>
    </row>
    <row r="642700" spans="14:14">
      <c r="N642700" s="10"/>
    </row>
    <row r="642701" spans="14:14">
      <c r="N642701" s="10"/>
    </row>
    <row r="642702" spans="14:14">
      <c r="N642702" s="10"/>
    </row>
    <row r="642703" spans="14:14">
      <c r="N642703" s="10"/>
    </row>
    <row r="642704" spans="14:14">
      <c r="N642704" s="10"/>
    </row>
    <row r="642705" spans="14:14">
      <c r="N642705" s="10"/>
    </row>
    <row r="642706" spans="14:14">
      <c r="N642706" s="10"/>
    </row>
    <row r="642707" spans="14:14">
      <c r="N642707" s="10"/>
    </row>
    <row r="642708" spans="14:14">
      <c r="N642708" s="10"/>
    </row>
    <row r="642709" spans="14:14">
      <c r="N642709" s="10"/>
    </row>
    <row r="642710" spans="14:14">
      <c r="N642710" s="10"/>
    </row>
    <row r="642711" spans="14:14">
      <c r="N642711" s="10"/>
    </row>
    <row r="642712" spans="14:14">
      <c r="N642712" s="10"/>
    </row>
    <row r="642713" spans="14:14">
      <c r="N642713" s="10"/>
    </row>
    <row r="642714" spans="14:14">
      <c r="N642714" s="10"/>
    </row>
    <row r="642715" spans="14:14">
      <c r="N642715" s="10"/>
    </row>
    <row r="642716" spans="14:14">
      <c r="N642716" s="10"/>
    </row>
    <row r="642717" spans="14:14">
      <c r="N642717" s="10"/>
    </row>
    <row r="642718" spans="14:14">
      <c r="N642718" s="10"/>
    </row>
    <row r="642719" spans="14:14">
      <c r="N642719" s="10"/>
    </row>
    <row r="642720" spans="14:14">
      <c r="N642720" s="10"/>
    </row>
    <row r="642721" spans="14:14">
      <c r="N642721" s="10"/>
    </row>
    <row r="642722" spans="14:14">
      <c r="N642722" s="10"/>
    </row>
    <row r="642723" spans="14:14">
      <c r="N642723" s="10"/>
    </row>
    <row r="642724" spans="14:14">
      <c r="N642724" s="10"/>
    </row>
    <row r="642725" spans="14:14">
      <c r="N642725" s="10"/>
    </row>
    <row r="642726" spans="14:14">
      <c r="N642726" s="10"/>
    </row>
    <row r="642727" spans="14:14">
      <c r="N642727" s="10"/>
    </row>
    <row r="642728" spans="14:14">
      <c r="N642728" s="10"/>
    </row>
    <row r="642729" spans="14:14">
      <c r="N642729" s="10"/>
    </row>
    <row r="642730" spans="14:14">
      <c r="N642730" s="10"/>
    </row>
    <row r="642731" spans="14:14">
      <c r="N642731" s="10"/>
    </row>
    <row r="642732" spans="14:14">
      <c r="N642732" s="10"/>
    </row>
    <row r="642733" spans="14:14">
      <c r="N642733" s="10"/>
    </row>
    <row r="642734" spans="14:14">
      <c r="N642734" s="10"/>
    </row>
    <row r="642735" spans="14:14">
      <c r="N642735" s="10"/>
    </row>
    <row r="642736" spans="14:14">
      <c r="N642736" s="10"/>
    </row>
    <row r="642737" spans="14:14">
      <c r="N642737" s="10"/>
    </row>
    <row r="642738" spans="14:14">
      <c r="N642738" s="10"/>
    </row>
    <row r="642739" spans="14:14">
      <c r="N642739" s="10"/>
    </row>
    <row r="642740" spans="14:14">
      <c r="N642740" s="10"/>
    </row>
    <row r="642741" spans="14:14">
      <c r="N642741" s="10"/>
    </row>
    <row r="642742" spans="14:14">
      <c r="N642742" s="10"/>
    </row>
    <row r="642743" spans="14:14">
      <c r="N642743" s="10"/>
    </row>
    <row r="642744" spans="14:14">
      <c r="N642744" s="10"/>
    </row>
    <row r="642745" spans="14:14">
      <c r="N642745" s="10"/>
    </row>
    <row r="642746" spans="14:14">
      <c r="N642746" s="10"/>
    </row>
    <row r="642747" spans="14:14">
      <c r="N642747" s="10"/>
    </row>
    <row r="642748" spans="14:14">
      <c r="N642748" s="10"/>
    </row>
    <row r="642749" spans="14:14">
      <c r="N642749" s="10"/>
    </row>
    <row r="642750" spans="14:14">
      <c r="N642750" s="10"/>
    </row>
    <row r="642751" spans="14:14">
      <c r="N642751" s="10"/>
    </row>
    <row r="642752" spans="14:14">
      <c r="N642752" s="10"/>
    </row>
    <row r="642753" spans="14:14">
      <c r="N642753" s="10"/>
    </row>
    <row r="642754" spans="14:14">
      <c r="N642754" s="10"/>
    </row>
    <row r="642755" spans="14:14">
      <c r="N642755" s="10"/>
    </row>
    <row r="642756" spans="14:14">
      <c r="N642756" s="10"/>
    </row>
    <row r="642757" spans="14:14">
      <c r="N642757" s="10"/>
    </row>
    <row r="642758" spans="14:14">
      <c r="N642758" s="10"/>
    </row>
    <row r="642759" spans="14:14">
      <c r="N642759" s="10"/>
    </row>
    <row r="642760" spans="14:14">
      <c r="N642760" s="10"/>
    </row>
    <row r="642761" spans="14:14">
      <c r="N642761" s="10"/>
    </row>
    <row r="642762" spans="14:14">
      <c r="N642762" s="10"/>
    </row>
    <row r="642763" spans="14:14">
      <c r="N642763" s="10"/>
    </row>
    <row r="642764" spans="14:14">
      <c r="N642764" s="10"/>
    </row>
    <row r="642765" spans="14:14">
      <c r="N642765" s="10"/>
    </row>
    <row r="642766" spans="14:14">
      <c r="N642766" s="10"/>
    </row>
    <row r="642767" spans="14:14">
      <c r="N642767" s="10"/>
    </row>
    <row r="642768" spans="14:14">
      <c r="N642768" s="10"/>
    </row>
    <row r="642769" spans="14:14">
      <c r="N642769" s="10"/>
    </row>
    <row r="642770" spans="14:14">
      <c r="N642770" s="10"/>
    </row>
    <row r="642771" spans="14:14">
      <c r="N642771" s="10"/>
    </row>
    <row r="642772" spans="14:14">
      <c r="N642772" s="10"/>
    </row>
    <row r="642773" spans="14:14">
      <c r="N642773" s="10"/>
    </row>
    <row r="642774" spans="14:14">
      <c r="N642774" s="10"/>
    </row>
    <row r="642775" spans="14:14">
      <c r="N642775" s="10"/>
    </row>
    <row r="642776" spans="14:14">
      <c r="N642776" s="10"/>
    </row>
    <row r="642777" spans="14:14">
      <c r="N642777" s="10"/>
    </row>
    <row r="642778" spans="14:14">
      <c r="N642778" s="10"/>
    </row>
    <row r="642779" spans="14:14">
      <c r="N642779" s="10"/>
    </row>
    <row r="642780" spans="14:14">
      <c r="N642780" s="10"/>
    </row>
    <row r="642781" spans="14:14">
      <c r="N642781" s="10"/>
    </row>
    <row r="642782" spans="14:14">
      <c r="N642782" s="10"/>
    </row>
    <row r="642783" spans="14:14">
      <c r="N642783" s="10"/>
    </row>
    <row r="642784" spans="14:14">
      <c r="N642784" s="10"/>
    </row>
    <row r="642785" spans="14:14">
      <c r="N642785" s="10"/>
    </row>
    <row r="642786" spans="14:14">
      <c r="N642786" s="10"/>
    </row>
    <row r="642787" spans="14:14">
      <c r="N642787" s="10"/>
    </row>
    <row r="642788" spans="14:14">
      <c r="N642788" s="10"/>
    </row>
    <row r="642789" spans="14:14">
      <c r="N642789" s="10"/>
    </row>
    <row r="642790" spans="14:14">
      <c r="N642790" s="10"/>
    </row>
    <row r="642791" spans="14:14">
      <c r="N642791" s="10"/>
    </row>
    <row r="642792" spans="14:14">
      <c r="N642792" s="10"/>
    </row>
    <row r="642793" spans="14:14">
      <c r="N642793" s="10"/>
    </row>
    <row r="642794" spans="14:14">
      <c r="N642794" s="10"/>
    </row>
    <row r="642795" spans="14:14">
      <c r="N642795" s="10"/>
    </row>
    <row r="642796" spans="14:14">
      <c r="N642796" s="10"/>
    </row>
    <row r="642797" spans="14:14">
      <c r="N642797" s="10"/>
    </row>
    <row r="642798" spans="14:14">
      <c r="N642798" s="10"/>
    </row>
    <row r="642799" spans="14:14">
      <c r="N642799" s="10"/>
    </row>
    <row r="642800" spans="14:14">
      <c r="N642800" s="10"/>
    </row>
    <row r="642801" spans="14:14">
      <c r="N642801" s="10"/>
    </row>
    <row r="642802" spans="14:14">
      <c r="N642802" s="10"/>
    </row>
    <row r="642803" spans="14:14">
      <c r="N642803" s="10"/>
    </row>
    <row r="642804" spans="14:14">
      <c r="N642804" s="10"/>
    </row>
    <row r="642805" spans="14:14">
      <c r="N642805" s="10"/>
    </row>
    <row r="642806" spans="14:14">
      <c r="N642806" s="10"/>
    </row>
    <row r="642807" spans="14:14">
      <c r="N642807" s="10"/>
    </row>
    <row r="642808" spans="14:14">
      <c r="N642808" s="10"/>
    </row>
    <row r="642809" spans="14:14">
      <c r="N642809" s="10"/>
    </row>
    <row r="642810" spans="14:14">
      <c r="N642810" s="10"/>
    </row>
    <row r="642811" spans="14:14">
      <c r="N642811" s="10"/>
    </row>
    <row r="642812" spans="14:14">
      <c r="N642812" s="10"/>
    </row>
    <row r="642813" spans="14:14">
      <c r="N642813" s="10"/>
    </row>
    <row r="642814" spans="14:14">
      <c r="N642814" s="10"/>
    </row>
    <row r="642815" spans="14:14">
      <c r="N642815" s="10"/>
    </row>
    <row r="642816" spans="14:14">
      <c r="N642816" s="10"/>
    </row>
    <row r="642817" spans="14:14">
      <c r="N642817" s="10"/>
    </row>
    <row r="642818" spans="14:14">
      <c r="N642818" s="10"/>
    </row>
    <row r="642819" spans="14:14">
      <c r="N642819" s="10"/>
    </row>
    <row r="642820" spans="14:14">
      <c r="N642820" s="10"/>
    </row>
    <row r="642821" spans="14:14">
      <c r="N642821" s="10"/>
    </row>
    <row r="642822" spans="14:14">
      <c r="N642822" s="10"/>
    </row>
    <row r="642823" spans="14:14">
      <c r="N642823" s="10"/>
    </row>
    <row r="642824" spans="14:14">
      <c r="N642824" s="10"/>
    </row>
    <row r="642825" spans="14:14">
      <c r="N642825" s="10"/>
    </row>
    <row r="642826" spans="14:14">
      <c r="N642826" s="10"/>
    </row>
    <row r="642827" spans="14:14">
      <c r="N642827" s="10"/>
    </row>
    <row r="642828" spans="14:14">
      <c r="N642828" s="10"/>
    </row>
    <row r="642829" spans="14:14">
      <c r="N642829" s="10"/>
    </row>
    <row r="642830" spans="14:14">
      <c r="N642830" s="10"/>
    </row>
    <row r="642831" spans="14:14">
      <c r="N642831" s="10"/>
    </row>
    <row r="642832" spans="14:14">
      <c r="N642832" s="10"/>
    </row>
    <row r="642833" spans="14:14">
      <c r="N642833" s="10"/>
    </row>
    <row r="642834" spans="14:14">
      <c r="N642834" s="10"/>
    </row>
    <row r="642835" spans="14:14">
      <c r="N642835" s="10"/>
    </row>
    <row r="642836" spans="14:14">
      <c r="N642836" s="10"/>
    </row>
    <row r="642837" spans="14:14">
      <c r="N642837" s="10"/>
    </row>
    <row r="642838" spans="14:14">
      <c r="N642838" s="10"/>
    </row>
    <row r="642839" spans="14:14">
      <c r="N642839" s="10"/>
    </row>
    <row r="642840" spans="14:14">
      <c r="N642840" s="10"/>
    </row>
    <row r="642841" spans="14:14">
      <c r="N642841" s="10"/>
    </row>
    <row r="642842" spans="14:14">
      <c r="N642842" s="10"/>
    </row>
    <row r="642843" spans="14:14">
      <c r="N642843" s="10"/>
    </row>
    <row r="642844" spans="14:14">
      <c r="N642844" s="10"/>
    </row>
    <row r="642845" spans="14:14">
      <c r="N642845" s="10"/>
    </row>
    <row r="642846" spans="14:14">
      <c r="N642846" s="10"/>
    </row>
    <row r="642847" spans="14:14">
      <c r="N642847" s="10"/>
    </row>
    <row r="642848" spans="14:14">
      <c r="N642848" s="10"/>
    </row>
    <row r="642849" spans="14:14">
      <c r="N642849" s="10"/>
    </row>
    <row r="642850" spans="14:14">
      <c r="N642850" s="10"/>
    </row>
    <row r="642851" spans="14:14">
      <c r="N642851" s="10"/>
    </row>
    <row r="642852" spans="14:14">
      <c r="N642852" s="10"/>
    </row>
    <row r="642853" spans="14:14">
      <c r="N642853" s="10"/>
    </row>
    <row r="642854" spans="14:14">
      <c r="N642854" s="10"/>
    </row>
    <row r="642855" spans="14:14">
      <c r="N642855" s="10"/>
    </row>
    <row r="642856" spans="14:14">
      <c r="N642856" s="10"/>
    </row>
    <row r="642857" spans="14:14">
      <c r="N642857" s="10"/>
    </row>
    <row r="642858" spans="14:14">
      <c r="N642858" s="10"/>
    </row>
    <row r="642859" spans="14:14">
      <c r="N642859" s="10"/>
    </row>
    <row r="642860" spans="14:14">
      <c r="N642860" s="10"/>
    </row>
    <row r="642861" spans="14:14">
      <c r="N642861" s="10"/>
    </row>
    <row r="642862" spans="14:14">
      <c r="N642862" s="10"/>
    </row>
    <row r="642863" spans="14:14">
      <c r="N642863" s="10"/>
    </row>
    <row r="642864" spans="14:14">
      <c r="N642864" s="10"/>
    </row>
    <row r="642865" spans="14:14">
      <c r="N642865" s="10"/>
    </row>
    <row r="642866" spans="14:14">
      <c r="N642866" s="10"/>
    </row>
    <row r="642867" spans="14:14">
      <c r="N642867" s="10"/>
    </row>
    <row r="642868" spans="14:14">
      <c r="N642868" s="10"/>
    </row>
    <row r="642869" spans="14:14">
      <c r="N642869" s="10"/>
    </row>
    <row r="642870" spans="14:14">
      <c r="N642870" s="10"/>
    </row>
    <row r="642871" spans="14:14">
      <c r="N642871" s="10"/>
    </row>
    <row r="642872" spans="14:14">
      <c r="N642872" s="10"/>
    </row>
    <row r="642873" spans="14:14">
      <c r="N642873" s="10"/>
    </row>
    <row r="642874" spans="14:14">
      <c r="N642874" s="10"/>
    </row>
    <row r="642875" spans="14:14">
      <c r="N642875" s="10"/>
    </row>
    <row r="642876" spans="14:14">
      <c r="N642876" s="10"/>
    </row>
    <row r="642877" spans="14:14">
      <c r="N642877" s="10"/>
    </row>
    <row r="642878" spans="14:14">
      <c r="N642878" s="10"/>
    </row>
    <row r="642879" spans="14:14">
      <c r="N642879" s="10"/>
    </row>
    <row r="642880" spans="14:14">
      <c r="N642880" s="10"/>
    </row>
    <row r="642881" spans="14:14">
      <c r="N642881" s="10"/>
    </row>
    <row r="642882" spans="14:14">
      <c r="N642882" s="10"/>
    </row>
    <row r="642883" spans="14:14">
      <c r="N642883" s="10"/>
    </row>
    <row r="642884" spans="14:14">
      <c r="N642884" s="10"/>
    </row>
    <row r="642885" spans="14:14">
      <c r="N642885" s="10"/>
    </row>
    <row r="642886" spans="14:14">
      <c r="N642886" s="10"/>
    </row>
    <row r="642887" spans="14:14">
      <c r="N642887" s="10"/>
    </row>
    <row r="642888" spans="14:14">
      <c r="N642888" s="10"/>
    </row>
    <row r="642889" spans="14:14">
      <c r="N642889" s="10"/>
    </row>
    <row r="642890" spans="14:14">
      <c r="N642890" s="10"/>
    </row>
    <row r="642891" spans="14:14">
      <c r="N642891" s="10"/>
    </row>
    <row r="642892" spans="14:14">
      <c r="N642892" s="10"/>
    </row>
    <row r="642893" spans="14:14">
      <c r="N642893" s="10"/>
    </row>
    <row r="642894" spans="14:14">
      <c r="N642894" s="10"/>
    </row>
    <row r="642895" spans="14:14">
      <c r="N642895" s="10"/>
    </row>
    <row r="642896" spans="14:14">
      <c r="N642896" s="10"/>
    </row>
    <row r="642897" spans="14:14">
      <c r="N642897" s="10"/>
    </row>
    <row r="642898" spans="14:14">
      <c r="N642898" s="10"/>
    </row>
    <row r="642899" spans="14:14">
      <c r="N642899" s="10"/>
    </row>
    <row r="642900" spans="14:14">
      <c r="N642900" s="10"/>
    </row>
    <row r="642901" spans="14:14">
      <c r="N642901" s="10"/>
    </row>
    <row r="642902" spans="14:14">
      <c r="N642902" s="10"/>
    </row>
    <row r="642903" spans="14:14">
      <c r="N642903" s="10"/>
    </row>
    <row r="642904" spans="14:14">
      <c r="N642904" s="10"/>
    </row>
    <row r="642905" spans="14:14">
      <c r="N642905" s="10"/>
    </row>
    <row r="642906" spans="14:14">
      <c r="N642906" s="10"/>
    </row>
    <row r="642907" spans="14:14">
      <c r="N642907" s="10"/>
    </row>
    <row r="642908" spans="14:14">
      <c r="N642908" s="10"/>
    </row>
    <row r="642909" spans="14:14">
      <c r="N642909" s="10"/>
    </row>
    <row r="642910" spans="14:14">
      <c r="N642910" s="10"/>
    </row>
    <row r="642911" spans="14:14">
      <c r="N642911" s="10"/>
    </row>
    <row r="642912" spans="14:14">
      <c r="N642912" s="10"/>
    </row>
    <row r="642913" spans="14:14">
      <c r="N642913" s="10"/>
    </row>
    <row r="642914" spans="14:14">
      <c r="N642914" s="10"/>
    </row>
    <row r="642915" spans="14:14">
      <c r="N642915" s="10"/>
    </row>
    <row r="642916" spans="14:14">
      <c r="N642916" s="10"/>
    </row>
    <row r="642917" spans="14:14">
      <c r="N642917" s="10"/>
    </row>
    <row r="642918" spans="14:14">
      <c r="N642918" s="10"/>
    </row>
    <row r="642919" spans="14:14">
      <c r="N642919" s="10"/>
    </row>
    <row r="642920" spans="14:14">
      <c r="N642920" s="10"/>
    </row>
    <row r="642921" spans="14:14">
      <c r="N642921" s="10"/>
    </row>
    <row r="642922" spans="14:14">
      <c r="N642922" s="10"/>
    </row>
    <row r="642923" spans="14:14">
      <c r="N642923" s="10"/>
    </row>
    <row r="642924" spans="14:14">
      <c r="N642924" s="10"/>
    </row>
    <row r="642925" spans="14:14">
      <c r="N642925" s="10"/>
    </row>
    <row r="642926" spans="14:14">
      <c r="N642926" s="10"/>
    </row>
    <row r="642927" spans="14:14">
      <c r="N642927" s="10"/>
    </row>
    <row r="642928" spans="14:14">
      <c r="N642928" s="10"/>
    </row>
    <row r="642929" spans="14:14">
      <c r="N642929" s="10"/>
    </row>
    <row r="642930" spans="14:14">
      <c r="N642930" s="10"/>
    </row>
    <row r="642931" spans="14:14">
      <c r="N642931" s="10"/>
    </row>
    <row r="642932" spans="14:14">
      <c r="N642932" s="10"/>
    </row>
    <row r="642933" spans="14:14">
      <c r="N642933" s="10"/>
    </row>
    <row r="642934" spans="14:14">
      <c r="N642934" s="10"/>
    </row>
    <row r="642935" spans="14:14">
      <c r="N642935" s="10"/>
    </row>
    <row r="642936" spans="14:14">
      <c r="N642936" s="10"/>
    </row>
    <row r="642937" spans="14:14">
      <c r="N642937" s="10"/>
    </row>
    <row r="642938" spans="14:14">
      <c r="N642938" s="10"/>
    </row>
    <row r="642939" spans="14:14">
      <c r="N642939" s="10"/>
    </row>
    <row r="642940" spans="14:14">
      <c r="N642940" s="10"/>
    </row>
    <row r="642941" spans="14:14">
      <c r="N642941" s="10"/>
    </row>
    <row r="642942" spans="14:14">
      <c r="N642942" s="10"/>
    </row>
    <row r="642943" spans="14:14">
      <c r="N642943" s="10"/>
    </row>
    <row r="642944" spans="14:14">
      <c r="N642944" s="10"/>
    </row>
    <row r="642945" spans="14:14">
      <c r="N642945" s="10"/>
    </row>
    <row r="642946" spans="14:14">
      <c r="N642946" s="10"/>
    </row>
    <row r="642947" spans="14:14">
      <c r="N642947" s="10"/>
    </row>
    <row r="642948" spans="14:14">
      <c r="N642948" s="10"/>
    </row>
    <row r="642949" spans="14:14">
      <c r="N642949" s="10"/>
    </row>
    <row r="642950" spans="14:14">
      <c r="N642950" s="10"/>
    </row>
    <row r="642951" spans="14:14">
      <c r="N642951" s="10"/>
    </row>
    <row r="642952" spans="14:14">
      <c r="N642952" s="10"/>
    </row>
    <row r="642953" spans="14:14">
      <c r="N642953" s="10"/>
    </row>
    <row r="642954" spans="14:14">
      <c r="N642954" s="10"/>
    </row>
    <row r="642955" spans="14:14">
      <c r="N642955" s="10"/>
    </row>
    <row r="642956" spans="14:14">
      <c r="N642956" s="10"/>
    </row>
    <row r="642957" spans="14:14">
      <c r="N642957" s="10"/>
    </row>
    <row r="642958" spans="14:14">
      <c r="N642958" s="10"/>
    </row>
    <row r="642959" spans="14:14">
      <c r="N642959" s="10"/>
    </row>
    <row r="642960" spans="14:14">
      <c r="N642960" s="10"/>
    </row>
    <row r="642961" spans="14:14">
      <c r="N642961" s="10"/>
    </row>
    <row r="642962" spans="14:14">
      <c r="N642962" s="10"/>
    </row>
    <row r="642963" spans="14:14">
      <c r="N642963" s="10"/>
    </row>
    <row r="642964" spans="14:14">
      <c r="N642964" s="10"/>
    </row>
    <row r="642965" spans="14:14">
      <c r="N642965" s="10"/>
    </row>
    <row r="642966" spans="14:14">
      <c r="N642966" s="10"/>
    </row>
    <row r="642967" spans="14:14">
      <c r="N642967" s="10"/>
    </row>
    <row r="642968" spans="14:14">
      <c r="N642968" s="10"/>
    </row>
    <row r="642969" spans="14:14">
      <c r="N642969" s="10"/>
    </row>
    <row r="642970" spans="14:14">
      <c r="N642970" s="10"/>
    </row>
    <row r="642971" spans="14:14">
      <c r="N642971" s="10"/>
    </row>
    <row r="642972" spans="14:14">
      <c r="N642972" s="10"/>
    </row>
    <row r="642973" spans="14:14">
      <c r="N642973" s="10"/>
    </row>
    <row r="642974" spans="14:14">
      <c r="N642974" s="10"/>
    </row>
    <row r="642975" spans="14:14">
      <c r="N642975" s="10"/>
    </row>
    <row r="642976" spans="14:14">
      <c r="N642976" s="10"/>
    </row>
    <row r="642977" spans="14:14">
      <c r="N642977" s="10"/>
    </row>
    <row r="642978" spans="14:14">
      <c r="N642978" s="10"/>
    </row>
    <row r="642979" spans="14:14">
      <c r="N642979" s="10"/>
    </row>
    <row r="642980" spans="14:14">
      <c r="N642980" s="10"/>
    </row>
    <row r="642981" spans="14:14">
      <c r="N642981" s="10"/>
    </row>
    <row r="642982" spans="14:14">
      <c r="N642982" s="10"/>
    </row>
    <row r="642983" spans="14:14">
      <c r="N642983" s="10"/>
    </row>
    <row r="642984" spans="14:14">
      <c r="N642984" s="10"/>
    </row>
    <row r="642985" spans="14:14">
      <c r="N642985" s="10"/>
    </row>
    <row r="642986" spans="14:14">
      <c r="N642986" s="10"/>
    </row>
    <row r="642987" spans="14:14">
      <c r="N642987" s="10"/>
    </row>
    <row r="642988" spans="14:14">
      <c r="N642988" s="10"/>
    </row>
    <row r="642989" spans="14:14">
      <c r="N642989" s="10"/>
    </row>
    <row r="642990" spans="14:14">
      <c r="N642990" s="10"/>
    </row>
    <row r="642991" spans="14:14">
      <c r="N642991" s="10"/>
    </row>
    <row r="642992" spans="14:14">
      <c r="N642992" s="10"/>
    </row>
    <row r="642993" spans="14:14">
      <c r="N642993" s="10"/>
    </row>
    <row r="642994" spans="14:14">
      <c r="N642994" s="10"/>
    </row>
    <row r="642995" spans="14:14">
      <c r="N642995" s="10"/>
    </row>
    <row r="642996" spans="14:14">
      <c r="N642996" s="10"/>
    </row>
    <row r="642997" spans="14:14">
      <c r="N642997" s="10"/>
    </row>
    <row r="642998" spans="14:14">
      <c r="N642998" s="10"/>
    </row>
    <row r="642999" spans="14:14">
      <c r="N642999" s="10"/>
    </row>
    <row r="643000" spans="14:14">
      <c r="N643000" s="10"/>
    </row>
    <row r="643001" spans="14:14">
      <c r="N643001" s="10"/>
    </row>
    <row r="643002" spans="14:14">
      <c r="N643002" s="10"/>
    </row>
    <row r="643003" spans="14:14">
      <c r="N643003" s="10"/>
    </row>
    <row r="643004" spans="14:14">
      <c r="N643004" s="10"/>
    </row>
    <row r="643005" spans="14:14">
      <c r="N643005" s="10"/>
    </row>
    <row r="643006" spans="14:14">
      <c r="N643006" s="10"/>
    </row>
    <row r="643007" spans="14:14">
      <c r="N643007" s="10"/>
    </row>
    <row r="643008" spans="14:14">
      <c r="N643008" s="10"/>
    </row>
    <row r="643009" spans="14:14">
      <c r="N643009" s="10"/>
    </row>
    <row r="643010" spans="14:14">
      <c r="N643010" s="10"/>
    </row>
    <row r="643011" spans="14:14">
      <c r="N643011" s="10"/>
    </row>
    <row r="643012" spans="14:14">
      <c r="N643012" s="10"/>
    </row>
    <row r="643013" spans="14:14">
      <c r="N643013" s="10"/>
    </row>
    <row r="643014" spans="14:14">
      <c r="N643014" s="10"/>
    </row>
    <row r="643015" spans="14:14">
      <c r="N643015" s="10"/>
    </row>
    <row r="643016" spans="14:14">
      <c r="N643016" s="10"/>
    </row>
    <row r="643017" spans="14:14">
      <c r="N643017" s="10"/>
    </row>
    <row r="643018" spans="14:14">
      <c r="N643018" s="10"/>
    </row>
    <row r="643019" spans="14:14">
      <c r="N643019" s="10"/>
    </row>
    <row r="643020" spans="14:14">
      <c r="N643020" s="10"/>
    </row>
    <row r="643021" spans="14:14">
      <c r="N643021" s="10"/>
    </row>
    <row r="643022" spans="14:14">
      <c r="N643022" s="10"/>
    </row>
    <row r="643023" spans="14:14">
      <c r="N643023" s="10"/>
    </row>
    <row r="643024" spans="14:14">
      <c r="N643024" s="10"/>
    </row>
    <row r="643025" spans="14:14">
      <c r="N643025" s="10"/>
    </row>
    <row r="643026" spans="14:14">
      <c r="N643026" s="10"/>
    </row>
    <row r="643027" spans="14:14">
      <c r="N643027" s="10"/>
    </row>
    <row r="643028" spans="14:14">
      <c r="N643028" s="10"/>
    </row>
    <row r="643029" spans="14:14">
      <c r="N643029" s="10"/>
    </row>
    <row r="643030" spans="14:14">
      <c r="N643030" s="10"/>
    </row>
    <row r="643031" spans="14:14">
      <c r="N643031" s="10"/>
    </row>
    <row r="643032" spans="14:14">
      <c r="N643032" s="10"/>
    </row>
    <row r="643033" spans="14:14">
      <c r="N643033" s="10"/>
    </row>
    <row r="643034" spans="14:14">
      <c r="N643034" s="10"/>
    </row>
    <row r="643035" spans="14:14">
      <c r="N643035" s="10"/>
    </row>
    <row r="643036" spans="14:14">
      <c r="N643036" s="10"/>
    </row>
    <row r="643037" spans="14:14">
      <c r="N643037" s="10"/>
    </row>
    <row r="643038" spans="14:14">
      <c r="N643038" s="10"/>
    </row>
    <row r="643039" spans="14:14">
      <c r="N643039" s="10"/>
    </row>
    <row r="643040" spans="14:14">
      <c r="N643040" s="10"/>
    </row>
    <row r="643041" spans="14:14">
      <c r="N643041" s="10"/>
    </row>
    <row r="643042" spans="14:14">
      <c r="N643042" s="10"/>
    </row>
    <row r="643043" spans="14:14">
      <c r="N643043" s="10"/>
    </row>
    <row r="643044" spans="14:14">
      <c r="N643044" s="10"/>
    </row>
    <row r="643045" spans="14:14">
      <c r="N643045" s="10"/>
    </row>
    <row r="643046" spans="14:14">
      <c r="N643046" s="10"/>
    </row>
    <row r="643047" spans="14:14">
      <c r="N643047" s="10"/>
    </row>
    <row r="643048" spans="14:14">
      <c r="N643048" s="10"/>
    </row>
    <row r="643049" spans="14:14">
      <c r="N643049" s="10"/>
    </row>
    <row r="643050" spans="14:14">
      <c r="N643050" s="10"/>
    </row>
    <row r="643051" spans="14:14">
      <c r="N643051" s="10"/>
    </row>
    <row r="643052" spans="14:14">
      <c r="N643052" s="10"/>
    </row>
    <row r="643053" spans="14:14">
      <c r="N643053" s="10"/>
    </row>
    <row r="643054" spans="14:14">
      <c r="N643054" s="10"/>
    </row>
    <row r="643055" spans="14:14">
      <c r="N643055" s="10"/>
    </row>
    <row r="643056" spans="14:14">
      <c r="N643056" s="10"/>
    </row>
    <row r="643057" spans="14:14">
      <c r="N643057" s="10"/>
    </row>
    <row r="643058" spans="14:14">
      <c r="N643058" s="10"/>
    </row>
    <row r="643059" spans="14:14">
      <c r="N643059" s="10"/>
    </row>
    <row r="643060" spans="14:14">
      <c r="N643060" s="10"/>
    </row>
    <row r="643061" spans="14:14">
      <c r="N643061" s="10"/>
    </row>
    <row r="643062" spans="14:14">
      <c r="N643062" s="10"/>
    </row>
    <row r="643063" spans="14:14">
      <c r="N643063" s="10"/>
    </row>
    <row r="643064" spans="14:14">
      <c r="N643064" s="10"/>
    </row>
    <row r="643065" spans="14:14">
      <c r="N643065" s="10"/>
    </row>
    <row r="643066" spans="14:14">
      <c r="N643066" s="10"/>
    </row>
    <row r="643067" spans="14:14">
      <c r="N643067" s="10"/>
    </row>
    <row r="643068" spans="14:14">
      <c r="N643068" s="10"/>
    </row>
    <row r="643069" spans="14:14">
      <c r="N643069" s="10"/>
    </row>
    <row r="643070" spans="14:14">
      <c r="N643070" s="10"/>
    </row>
    <row r="643071" spans="14:14">
      <c r="N643071" s="10"/>
    </row>
    <row r="643072" spans="14:14">
      <c r="N643072" s="10"/>
    </row>
    <row r="643073" spans="14:14">
      <c r="N643073" s="10"/>
    </row>
    <row r="643074" spans="14:14">
      <c r="N643074" s="10"/>
    </row>
    <row r="643075" spans="14:14">
      <c r="N643075" s="10"/>
    </row>
    <row r="643076" spans="14:14">
      <c r="N643076" s="10"/>
    </row>
    <row r="643077" spans="14:14">
      <c r="N643077" s="10"/>
    </row>
    <row r="643078" spans="14:14">
      <c r="N643078" s="10"/>
    </row>
    <row r="643079" spans="14:14">
      <c r="N643079" s="10"/>
    </row>
    <row r="643080" spans="14:14">
      <c r="N643080" s="10"/>
    </row>
    <row r="643081" spans="14:14">
      <c r="N643081" s="10"/>
    </row>
    <row r="643082" spans="14:14">
      <c r="N643082" s="10"/>
    </row>
    <row r="643083" spans="14:14">
      <c r="N643083" s="10"/>
    </row>
    <row r="643084" spans="14:14">
      <c r="N643084" s="10"/>
    </row>
    <row r="643085" spans="14:14">
      <c r="N643085" s="10"/>
    </row>
    <row r="643086" spans="14:14">
      <c r="N643086" s="10"/>
    </row>
    <row r="643087" spans="14:14">
      <c r="N643087" s="10"/>
    </row>
    <row r="643088" spans="14:14">
      <c r="N643088" s="10"/>
    </row>
    <row r="643089" spans="14:14">
      <c r="N643089" s="10"/>
    </row>
    <row r="643090" spans="14:14">
      <c r="N643090" s="10"/>
    </row>
    <row r="643091" spans="14:14">
      <c r="N643091" s="10"/>
    </row>
    <row r="643092" spans="14:14">
      <c r="N643092" s="10"/>
    </row>
    <row r="643093" spans="14:14">
      <c r="N643093" s="10"/>
    </row>
    <row r="643094" spans="14:14">
      <c r="N643094" s="10"/>
    </row>
    <row r="643095" spans="14:14">
      <c r="N643095" s="10"/>
    </row>
    <row r="643096" spans="14:14">
      <c r="N643096" s="10"/>
    </row>
    <row r="643097" spans="14:14">
      <c r="N643097" s="10"/>
    </row>
    <row r="643098" spans="14:14">
      <c r="N643098" s="10"/>
    </row>
    <row r="643099" spans="14:14">
      <c r="N643099" s="10"/>
    </row>
    <row r="643100" spans="14:14">
      <c r="N643100" s="10"/>
    </row>
    <row r="643101" spans="14:14">
      <c r="N643101" s="10"/>
    </row>
    <row r="643102" spans="14:14">
      <c r="N643102" s="10"/>
    </row>
    <row r="643103" spans="14:14">
      <c r="N643103" s="10"/>
    </row>
    <row r="643104" spans="14:14">
      <c r="N643104" s="10"/>
    </row>
    <row r="643105" spans="14:14">
      <c r="N643105" s="10"/>
    </row>
    <row r="643106" spans="14:14">
      <c r="N643106" s="10"/>
    </row>
    <row r="643107" spans="14:14">
      <c r="N643107" s="10"/>
    </row>
    <row r="643108" spans="14:14">
      <c r="N643108" s="10"/>
    </row>
    <row r="643109" spans="14:14">
      <c r="N643109" s="10"/>
    </row>
    <row r="643110" spans="14:14">
      <c r="N643110" s="10"/>
    </row>
    <row r="643111" spans="14:14">
      <c r="N643111" s="10"/>
    </row>
    <row r="643112" spans="14:14">
      <c r="N643112" s="10"/>
    </row>
    <row r="643113" spans="14:14">
      <c r="N643113" s="10"/>
    </row>
    <row r="643114" spans="14:14">
      <c r="N643114" s="10"/>
    </row>
    <row r="643115" spans="14:14">
      <c r="N643115" s="10"/>
    </row>
    <row r="643116" spans="14:14">
      <c r="N643116" s="10"/>
    </row>
    <row r="643117" spans="14:14">
      <c r="N643117" s="10"/>
    </row>
    <row r="643118" spans="14:14">
      <c r="N643118" s="10"/>
    </row>
    <row r="643119" spans="14:14">
      <c r="N643119" s="10"/>
    </row>
    <row r="643120" spans="14:14">
      <c r="N643120" s="10"/>
    </row>
    <row r="643121" spans="14:14">
      <c r="N643121" s="10"/>
    </row>
    <row r="643122" spans="14:14">
      <c r="N643122" s="10"/>
    </row>
    <row r="643123" spans="14:14">
      <c r="N643123" s="10"/>
    </row>
    <row r="643124" spans="14:14">
      <c r="N643124" s="10"/>
    </row>
    <row r="643125" spans="14:14">
      <c r="N643125" s="10"/>
    </row>
    <row r="643126" spans="14:14">
      <c r="N643126" s="10"/>
    </row>
    <row r="643127" spans="14:14">
      <c r="N643127" s="10"/>
    </row>
    <row r="643128" spans="14:14">
      <c r="N643128" s="10"/>
    </row>
    <row r="643129" spans="14:14">
      <c r="N643129" s="10"/>
    </row>
    <row r="643130" spans="14:14">
      <c r="N643130" s="10"/>
    </row>
    <row r="643131" spans="14:14">
      <c r="N643131" s="10"/>
    </row>
    <row r="643132" spans="14:14">
      <c r="N643132" s="10"/>
    </row>
    <row r="643133" spans="14:14">
      <c r="N643133" s="10"/>
    </row>
    <row r="643134" spans="14:14">
      <c r="N643134" s="10"/>
    </row>
    <row r="643135" spans="14:14">
      <c r="N643135" s="10"/>
    </row>
    <row r="643136" spans="14:14">
      <c r="N643136" s="10"/>
    </row>
    <row r="643137" spans="14:14">
      <c r="N643137" s="10"/>
    </row>
    <row r="643138" spans="14:14">
      <c r="N643138" s="10"/>
    </row>
    <row r="643139" spans="14:14">
      <c r="N643139" s="10"/>
    </row>
    <row r="643140" spans="14:14">
      <c r="N643140" s="10"/>
    </row>
    <row r="643141" spans="14:14">
      <c r="N643141" s="10"/>
    </row>
    <row r="643142" spans="14:14">
      <c r="N643142" s="10"/>
    </row>
    <row r="643143" spans="14:14">
      <c r="N643143" s="10"/>
    </row>
    <row r="643144" spans="14:14">
      <c r="N643144" s="10"/>
    </row>
    <row r="643145" spans="14:14">
      <c r="N643145" s="10"/>
    </row>
    <row r="643146" spans="14:14">
      <c r="N643146" s="10"/>
    </row>
    <row r="643147" spans="14:14">
      <c r="N643147" s="10"/>
    </row>
    <row r="643148" spans="14:14">
      <c r="N643148" s="10"/>
    </row>
    <row r="643149" spans="14:14">
      <c r="N643149" s="10"/>
    </row>
    <row r="643150" spans="14:14">
      <c r="N643150" s="10"/>
    </row>
    <row r="643151" spans="14:14">
      <c r="N643151" s="10"/>
    </row>
    <row r="643152" spans="14:14">
      <c r="N643152" s="10"/>
    </row>
    <row r="643153" spans="14:14">
      <c r="N643153" s="10"/>
    </row>
    <row r="643154" spans="14:14">
      <c r="N643154" s="10"/>
    </row>
    <row r="643155" spans="14:14">
      <c r="N643155" s="10"/>
    </row>
    <row r="643156" spans="14:14">
      <c r="N643156" s="10"/>
    </row>
    <row r="643157" spans="14:14">
      <c r="N643157" s="10"/>
    </row>
    <row r="643158" spans="14:14">
      <c r="N643158" s="10"/>
    </row>
    <row r="643159" spans="14:14">
      <c r="N643159" s="10"/>
    </row>
    <row r="643160" spans="14:14">
      <c r="N643160" s="10"/>
    </row>
    <row r="643161" spans="14:14">
      <c r="N643161" s="10"/>
    </row>
    <row r="643162" spans="14:14">
      <c r="N643162" s="10"/>
    </row>
    <row r="643163" spans="14:14">
      <c r="N643163" s="10"/>
    </row>
    <row r="643164" spans="14:14">
      <c r="N643164" s="10"/>
    </row>
    <row r="643165" spans="14:14">
      <c r="N643165" s="10"/>
    </row>
    <row r="643166" spans="14:14">
      <c r="N643166" s="10"/>
    </row>
    <row r="643167" spans="14:14">
      <c r="N643167" s="10"/>
    </row>
    <row r="643168" spans="14:14">
      <c r="N643168" s="10"/>
    </row>
    <row r="643169" spans="14:14">
      <c r="N643169" s="10"/>
    </row>
    <row r="643170" spans="14:14">
      <c r="N643170" s="10"/>
    </row>
    <row r="643171" spans="14:14">
      <c r="N643171" s="10"/>
    </row>
    <row r="643172" spans="14:14">
      <c r="N643172" s="10"/>
    </row>
    <row r="643173" spans="14:14">
      <c r="N643173" s="10"/>
    </row>
    <row r="643174" spans="14:14">
      <c r="N643174" s="10"/>
    </row>
    <row r="643175" spans="14:14">
      <c r="N643175" s="10"/>
    </row>
    <row r="643176" spans="14:14">
      <c r="N643176" s="10"/>
    </row>
    <row r="643177" spans="14:14">
      <c r="N643177" s="10"/>
    </row>
    <row r="643178" spans="14:14">
      <c r="N643178" s="10"/>
    </row>
    <row r="643179" spans="14:14">
      <c r="N643179" s="10"/>
    </row>
    <row r="643180" spans="14:14">
      <c r="N643180" s="10"/>
    </row>
    <row r="643181" spans="14:14">
      <c r="N643181" s="10"/>
    </row>
    <row r="643182" spans="14:14">
      <c r="N643182" s="10"/>
    </row>
    <row r="643183" spans="14:14">
      <c r="N643183" s="10"/>
    </row>
    <row r="643184" spans="14:14">
      <c r="N643184" s="10"/>
    </row>
    <row r="643185" spans="14:14">
      <c r="N643185" s="10"/>
    </row>
    <row r="643186" spans="14:14">
      <c r="N643186" s="10"/>
    </row>
    <row r="643187" spans="14:14">
      <c r="N643187" s="10"/>
    </row>
    <row r="643188" spans="14:14">
      <c r="N643188" s="10"/>
    </row>
    <row r="643189" spans="14:14">
      <c r="N643189" s="10"/>
    </row>
    <row r="643190" spans="14:14">
      <c r="N643190" s="10"/>
    </row>
    <row r="643191" spans="14:14">
      <c r="N643191" s="10"/>
    </row>
    <row r="643192" spans="14:14">
      <c r="N643192" s="10"/>
    </row>
    <row r="643193" spans="14:14">
      <c r="N643193" s="10"/>
    </row>
    <row r="643194" spans="14:14">
      <c r="N643194" s="10"/>
    </row>
    <row r="643195" spans="14:14">
      <c r="N643195" s="10"/>
    </row>
    <row r="643196" spans="14:14">
      <c r="N643196" s="10"/>
    </row>
    <row r="643197" spans="14:14">
      <c r="N643197" s="10"/>
    </row>
    <row r="643198" spans="14:14">
      <c r="N643198" s="10"/>
    </row>
    <row r="643199" spans="14:14">
      <c r="N643199" s="10"/>
    </row>
    <row r="643200" spans="14:14">
      <c r="N643200" s="10"/>
    </row>
    <row r="643201" spans="14:14">
      <c r="N643201" s="10"/>
    </row>
    <row r="643202" spans="14:14">
      <c r="N643202" s="10"/>
    </row>
    <row r="643203" spans="14:14">
      <c r="N643203" s="10"/>
    </row>
    <row r="643204" spans="14:14">
      <c r="N643204" s="10"/>
    </row>
    <row r="643205" spans="14:14">
      <c r="N643205" s="10"/>
    </row>
    <row r="643206" spans="14:14">
      <c r="N643206" s="10"/>
    </row>
    <row r="643207" spans="14:14">
      <c r="N643207" s="10"/>
    </row>
    <row r="643208" spans="14:14">
      <c r="N643208" s="10"/>
    </row>
    <row r="643209" spans="14:14">
      <c r="N643209" s="10"/>
    </row>
    <row r="643210" spans="14:14">
      <c r="N643210" s="10"/>
    </row>
    <row r="643211" spans="14:14">
      <c r="N643211" s="10"/>
    </row>
    <row r="643212" spans="14:14">
      <c r="N643212" s="10"/>
    </row>
    <row r="643213" spans="14:14">
      <c r="N643213" s="10"/>
    </row>
    <row r="643214" spans="14:14">
      <c r="N643214" s="10"/>
    </row>
    <row r="643215" spans="14:14">
      <c r="N643215" s="10"/>
    </row>
    <row r="643216" spans="14:14">
      <c r="N643216" s="10"/>
    </row>
    <row r="643217" spans="14:14">
      <c r="N643217" s="10"/>
    </row>
    <row r="643218" spans="14:14">
      <c r="N643218" s="10"/>
    </row>
    <row r="643219" spans="14:14">
      <c r="N643219" s="10"/>
    </row>
    <row r="643220" spans="14:14">
      <c r="N643220" s="10"/>
    </row>
    <row r="643221" spans="14:14">
      <c r="N643221" s="10"/>
    </row>
    <row r="643222" spans="14:14">
      <c r="N643222" s="10"/>
    </row>
    <row r="643223" spans="14:14">
      <c r="N643223" s="10"/>
    </row>
    <row r="643224" spans="14:14">
      <c r="N643224" s="10"/>
    </row>
    <row r="643225" spans="14:14">
      <c r="N643225" s="10"/>
    </row>
    <row r="643226" spans="14:14">
      <c r="N643226" s="10"/>
    </row>
    <row r="643227" spans="14:14">
      <c r="N643227" s="10"/>
    </row>
    <row r="643228" spans="14:14">
      <c r="N643228" s="10"/>
    </row>
    <row r="643229" spans="14:14">
      <c r="N643229" s="10"/>
    </row>
    <row r="643230" spans="14:14">
      <c r="N643230" s="10"/>
    </row>
    <row r="643231" spans="14:14">
      <c r="N643231" s="10"/>
    </row>
    <row r="643232" spans="14:14">
      <c r="N643232" s="10"/>
    </row>
    <row r="643233" spans="14:14">
      <c r="N643233" s="10"/>
    </row>
    <row r="643234" spans="14:14">
      <c r="N643234" s="10"/>
    </row>
    <row r="643235" spans="14:14">
      <c r="N643235" s="10"/>
    </row>
    <row r="643236" spans="14:14">
      <c r="N643236" s="10"/>
    </row>
    <row r="643237" spans="14:14">
      <c r="N643237" s="10"/>
    </row>
    <row r="643238" spans="14:14">
      <c r="N643238" s="10"/>
    </row>
    <row r="643239" spans="14:14">
      <c r="N643239" s="10"/>
    </row>
    <row r="643240" spans="14:14">
      <c r="N643240" s="10"/>
    </row>
    <row r="643241" spans="14:14">
      <c r="N643241" s="10"/>
    </row>
    <row r="643242" spans="14:14">
      <c r="N643242" s="10"/>
    </row>
    <row r="643243" spans="14:14">
      <c r="N643243" s="10"/>
    </row>
    <row r="643244" spans="14:14">
      <c r="N643244" s="10"/>
    </row>
    <row r="643245" spans="14:14">
      <c r="N643245" s="10"/>
    </row>
    <row r="643246" spans="14:14">
      <c r="N643246" s="10"/>
    </row>
    <row r="643247" spans="14:14">
      <c r="N643247" s="10"/>
    </row>
    <row r="643248" spans="14:14">
      <c r="N643248" s="10"/>
    </row>
    <row r="643249" spans="14:14">
      <c r="N643249" s="10"/>
    </row>
    <row r="643250" spans="14:14">
      <c r="N643250" s="10"/>
    </row>
    <row r="643251" spans="14:14">
      <c r="N643251" s="10"/>
    </row>
    <row r="643252" spans="14:14">
      <c r="N643252" s="10"/>
    </row>
    <row r="643253" spans="14:14">
      <c r="N643253" s="10"/>
    </row>
    <row r="643254" spans="14:14">
      <c r="N643254" s="10"/>
    </row>
    <row r="643255" spans="14:14">
      <c r="N643255" s="10"/>
    </row>
    <row r="643256" spans="14:14">
      <c r="N643256" s="10"/>
    </row>
    <row r="643257" spans="14:14">
      <c r="N643257" s="10"/>
    </row>
    <row r="643258" spans="14:14">
      <c r="N643258" s="10"/>
    </row>
    <row r="643259" spans="14:14">
      <c r="N643259" s="10"/>
    </row>
    <row r="643260" spans="14:14">
      <c r="N643260" s="10"/>
    </row>
    <row r="643261" spans="14:14">
      <c r="N643261" s="10"/>
    </row>
    <row r="643262" spans="14:14">
      <c r="N643262" s="10"/>
    </row>
    <row r="643263" spans="14:14">
      <c r="N643263" s="10"/>
    </row>
    <row r="643264" spans="14:14">
      <c r="N643264" s="10"/>
    </row>
    <row r="643265" spans="14:14">
      <c r="N643265" s="10"/>
    </row>
    <row r="643266" spans="14:14">
      <c r="N643266" s="10"/>
    </row>
    <row r="643267" spans="14:14">
      <c r="N643267" s="10"/>
    </row>
    <row r="643268" spans="14:14">
      <c r="N643268" s="10"/>
    </row>
    <row r="643269" spans="14:14">
      <c r="N643269" s="10"/>
    </row>
    <row r="643270" spans="14:14">
      <c r="N643270" s="10"/>
    </row>
    <row r="643271" spans="14:14">
      <c r="N643271" s="10"/>
    </row>
    <row r="643272" spans="14:14">
      <c r="N643272" s="10"/>
    </row>
    <row r="643273" spans="14:14">
      <c r="N643273" s="10"/>
    </row>
    <row r="643274" spans="14:14">
      <c r="N643274" s="10"/>
    </row>
    <row r="643275" spans="14:14">
      <c r="N643275" s="10"/>
    </row>
    <row r="643276" spans="14:14">
      <c r="N643276" s="10"/>
    </row>
    <row r="643277" spans="14:14">
      <c r="N643277" s="10"/>
    </row>
    <row r="643278" spans="14:14">
      <c r="N643278" s="10"/>
    </row>
    <row r="643279" spans="14:14">
      <c r="N643279" s="10"/>
    </row>
    <row r="643280" spans="14:14">
      <c r="N643280" s="10"/>
    </row>
    <row r="643281" spans="14:14">
      <c r="N643281" s="10"/>
    </row>
    <row r="643282" spans="14:14">
      <c r="N643282" s="10"/>
    </row>
    <row r="643283" spans="14:14">
      <c r="N643283" s="10"/>
    </row>
    <row r="643284" spans="14:14">
      <c r="N643284" s="10"/>
    </row>
    <row r="643285" spans="14:14">
      <c r="N643285" s="10"/>
    </row>
    <row r="643286" spans="14:14">
      <c r="N643286" s="10"/>
    </row>
    <row r="643287" spans="14:14">
      <c r="N643287" s="10"/>
    </row>
    <row r="643288" spans="14:14">
      <c r="N643288" s="10"/>
    </row>
    <row r="643289" spans="14:14">
      <c r="N643289" s="10"/>
    </row>
    <row r="643290" spans="14:14">
      <c r="N643290" s="10"/>
    </row>
    <row r="643291" spans="14:14">
      <c r="N643291" s="10"/>
    </row>
    <row r="643292" spans="14:14">
      <c r="N643292" s="10"/>
    </row>
    <row r="643293" spans="14:14">
      <c r="N643293" s="10"/>
    </row>
    <row r="643294" spans="14:14">
      <c r="N643294" s="10"/>
    </row>
    <row r="643295" spans="14:14">
      <c r="N643295" s="10"/>
    </row>
    <row r="643296" spans="14:14">
      <c r="N643296" s="10"/>
    </row>
    <row r="643297" spans="14:14">
      <c r="N643297" s="10"/>
    </row>
    <row r="643298" spans="14:14">
      <c r="N643298" s="10"/>
    </row>
    <row r="643299" spans="14:14">
      <c r="N643299" s="10"/>
    </row>
    <row r="643300" spans="14:14">
      <c r="N643300" s="10"/>
    </row>
    <row r="643301" spans="14:14">
      <c r="N643301" s="10"/>
    </row>
    <row r="643302" spans="14:14">
      <c r="N643302" s="10"/>
    </row>
    <row r="643303" spans="14:14">
      <c r="N643303" s="10"/>
    </row>
    <row r="643304" spans="14:14">
      <c r="N643304" s="10"/>
    </row>
    <row r="643305" spans="14:14">
      <c r="N643305" s="10"/>
    </row>
    <row r="643306" spans="14:14">
      <c r="N643306" s="10"/>
    </row>
    <row r="643307" spans="14:14">
      <c r="N643307" s="10"/>
    </row>
    <row r="643308" spans="14:14">
      <c r="N643308" s="10"/>
    </row>
    <row r="643309" spans="14:14">
      <c r="N643309" s="10"/>
    </row>
    <row r="643310" spans="14:14">
      <c r="N643310" s="10"/>
    </row>
    <row r="643311" spans="14:14">
      <c r="N643311" s="10"/>
    </row>
    <row r="643312" spans="14:14">
      <c r="N643312" s="10"/>
    </row>
    <row r="643313" spans="14:14">
      <c r="N643313" s="10"/>
    </row>
    <row r="643314" spans="14:14">
      <c r="N643314" s="10"/>
    </row>
    <row r="643315" spans="14:14">
      <c r="N643315" s="10"/>
    </row>
    <row r="643316" spans="14:14">
      <c r="N643316" s="10"/>
    </row>
    <row r="643317" spans="14:14">
      <c r="N643317" s="10"/>
    </row>
    <row r="643318" spans="14:14">
      <c r="N643318" s="10"/>
    </row>
    <row r="643319" spans="14:14">
      <c r="N643319" s="10"/>
    </row>
    <row r="643320" spans="14:14">
      <c r="N643320" s="10"/>
    </row>
    <row r="643321" spans="14:14">
      <c r="N643321" s="10"/>
    </row>
    <row r="643322" spans="14:14">
      <c r="N643322" s="10"/>
    </row>
    <row r="643323" spans="14:14">
      <c r="N643323" s="10"/>
    </row>
    <row r="643324" spans="14:14">
      <c r="N643324" s="10"/>
    </row>
    <row r="643325" spans="14:14">
      <c r="N643325" s="10"/>
    </row>
    <row r="643326" spans="14:14">
      <c r="N643326" s="10"/>
    </row>
    <row r="643327" spans="14:14">
      <c r="N643327" s="10"/>
    </row>
    <row r="643328" spans="14:14">
      <c r="N643328" s="10"/>
    </row>
    <row r="643329" spans="14:14">
      <c r="N643329" s="10"/>
    </row>
    <row r="643330" spans="14:14">
      <c r="N643330" s="10"/>
    </row>
    <row r="643331" spans="14:14">
      <c r="N643331" s="10"/>
    </row>
    <row r="643332" spans="14:14">
      <c r="N643332" s="10"/>
    </row>
    <row r="643333" spans="14:14">
      <c r="N643333" s="10"/>
    </row>
    <row r="643334" spans="14:14">
      <c r="N643334" s="10"/>
    </row>
    <row r="643335" spans="14:14">
      <c r="N643335" s="10"/>
    </row>
    <row r="643336" spans="14:14">
      <c r="N643336" s="10"/>
    </row>
    <row r="643337" spans="14:14">
      <c r="N643337" s="10"/>
    </row>
    <row r="643338" spans="14:14">
      <c r="N643338" s="10"/>
    </row>
    <row r="643339" spans="14:14">
      <c r="N643339" s="10"/>
    </row>
    <row r="643340" spans="14:14">
      <c r="N643340" s="10"/>
    </row>
    <row r="643341" spans="14:14">
      <c r="N643341" s="10"/>
    </row>
    <row r="643342" spans="14:14">
      <c r="N643342" s="10"/>
    </row>
    <row r="643343" spans="14:14">
      <c r="N643343" s="10"/>
    </row>
    <row r="643344" spans="14:14">
      <c r="N643344" s="10"/>
    </row>
    <row r="643345" spans="14:14">
      <c r="N643345" s="10"/>
    </row>
    <row r="643346" spans="14:14">
      <c r="N643346" s="10"/>
    </row>
    <row r="643347" spans="14:14">
      <c r="N643347" s="10"/>
    </row>
    <row r="643348" spans="14:14">
      <c r="N643348" s="10"/>
    </row>
    <row r="643349" spans="14:14">
      <c r="N643349" s="10"/>
    </row>
    <row r="643350" spans="14:14">
      <c r="N643350" s="10"/>
    </row>
    <row r="643351" spans="14:14">
      <c r="N643351" s="10"/>
    </row>
    <row r="643352" spans="14:14">
      <c r="N643352" s="10"/>
    </row>
    <row r="643353" spans="14:14">
      <c r="N643353" s="10"/>
    </row>
    <row r="643354" spans="14:14">
      <c r="N643354" s="10"/>
    </row>
    <row r="643355" spans="14:14">
      <c r="N643355" s="10"/>
    </row>
    <row r="643356" spans="14:14">
      <c r="N643356" s="10"/>
    </row>
    <row r="643357" spans="14:14">
      <c r="N643357" s="10"/>
    </row>
    <row r="643358" spans="14:14">
      <c r="N643358" s="10"/>
    </row>
    <row r="643359" spans="14:14">
      <c r="N643359" s="10"/>
    </row>
    <row r="643360" spans="14:14">
      <c r="N643360" s="10"/>
    </row>
    <row r="643361" spans="14:14">
      <c r="N643361" s="10"/>
    </row>
    <row r="643362" spans="14:14">
      <c r="N643362" s="10"/>
    </row>
    <row r="643363" spans="14:14">
      <c r="N643363" s="10"/>
    </row>
    <row r="643364" spans="14:14">
      <c r="N643364" s="10"/>
    </row>
    <row r="643365" spans="14:14">
      <c r="N643365" s="10"/>
    </row>
    <row r="643366" spans="14:14">
      <c r="N643366" s="10"/>
    </row>
    <row r="643367" spans="14:14">
      <c r="N643367" s="10"/>
    </row>
    <row r="643368" spans="14:14">
      <c r="N643368" s="10"/>
    </row>
    <row r="643369" spans="14:14">
      <c r="N643369" s="10"/>
    </row>
    <row r="643370" spans="14:14">
      <c r="N643370" s="10"/>
    </row>
    <row r="643371" spans="14:14">
      <c r="N643371" s="10"/>
    </row>
    <row r="643372" spans="14:14">
      <c r="N643372" s="10"/>
    </row>
    <row r="643373" spans="14:14">
      <c r="N643373" s="10"/>
    </row>
    <row r="643374" spans="14:14">
      <c r="N643374" s="10"/>
    </row>
    <row r="643375" spans="14:14">
      <c r="N643375" s="10"/>
    </row>
    <row r="643376" spans="14:14">
      <c r="N643376" s="10"/>
    </row>
    <row r="643377" spans="14:14">
      <c r="N643377" s="10"/>
    </row>
    <row r="643378" spans="14:14">
      <c r="N643378" s="10"/>
    </row>
    <row r="643379" spans="14:14">
      <c r="N643379" s="10"/>
    </row>
    <row r="643380" spans="14:14">
      <c r="N643380" s="10"/>
    </row>
    <row r="643381" spans="14:14">
      <c r="N643381" s="10"/>
    </row>
    <row r="643382" spans="14:14">
      <c r="N643382" s="10"/>
    </row>
    <row r="643383" spans="14:14">
      <c r="N643383" s="10"/>
    </row>
    <row r="643384" spans="14:14">
      <c r="N643384" s="10"/>
    </row>
    <row r="643385" spans="14:14">
      <c r="N643385" s="10"/>
    </row>
    <row r="643386" spans="14:14">
      <c r="N643386" s="10"/>
    </row>
    <row r="643387" spans="14:14">
      <c r="N643387" s="10"/>
    </row>
    <row r="643388" spans="14:14">
      <c r="N643388" s="10"/>
    </row>
    <row r="643389" spans="14:14">
      <c r="N643389" s="10"/>
    </row>
    <row r="643390" spans="14:14">
      <c r="N643390" s="10"/>
    </row>
    <row r="643391" spans="14:14">
      <c r="N643391" s="10"/>
    </row>
    <row r="643392" spans="14:14">
      <c r="N643392" s="10"/>
    </row>
    <row r="643393" spans="14:14">
      <c r="N643393" s="10"/>
    </row>
    <row r="643394" spans="14:14">
      <c r="N643394" s="10"/>
    </row>
    <row r="643395" spans="14:14">
      <c r="N643395" s="10"/>
    </row>
    <row r="643396" spans="14:14">
      <c r="N643396" s="10"/>
    </row>
    <row r="643397" spans="14:14">
      <c r="N643397" s="10"/>
    </row>
    <row r="643398" spans="14:14">
      <c r="N643398" s="10"/>
    </row>
    <row r="643399" spans="14:14">
      <c r="N643399" s="10"/>
    </row>
    <row r="643400" spans="14:14">
      <c r="N643400" s="10"/>
    </row>
    <row r="643401" spans="14:14">
      <c r="N643401" s="10"/>
    </row>
    <row r="643402" spans="14:14">
      <c r="N643402" s="10"/>
    </row>
    <row r="643403" spans="14:14">
      <c r="N643403" s="10"/>
    </row>
    <row r="643404" spans="14:14">
      <c r="N643404" s="10"/>
    </row>
    <row r="643405" spans="14:14">
      <c r="N643405" s="10"/>
    </row>
    <row r="643406" spans="14:14">
      <c r="N643406" s="10"/>
    </row>
    <row r="643407" spans="14:14">
      <c r="N643407" s="10"/>
    </row>
    <row r="643408" spans="14:14">
      <c r="N643408" s="10"/>
    </row>
    <row r="643409" spans="14:14">
      <c r="N643409" s="10"/>
    </row>
    <row r="643410" spans="14:14">
      <c r="N643410" s="10"/>
    </row>
    <row r="643411" spans="14:14">
      <c r="N643411" s="10"/>
    </row>
    <row r="643412" spans="14:14">
      <c r="N643412" s="10"/>
    </row>
    <row r="643413" spans="14:14">
      <c r="N643413" s="10"/>
    </row>
    <row r="643414" spans="14:14">
      <c r="N643414" s="10"/>
    </row>
    <row r="643415" spans="14:14">
      <c r="N643415" s="10"/>
    </row>
    <row r="643416" spans="14:14">
      <c r="N643416" s="10"/>
    </row>
    <row r="643417" spans="14:14">
      <c r="N643417" s="10"/>
    </row>
    <row r="643418" spans="14:14">
      <c r="N643418" s="10"/>
    </row>
    <row r="643419" spans="14:14">
      <c r="N643419" s="10"/>
    </row>
    <row r="643420" spans="14:14">
      <c r="N643420" s="10"/>
    </row>
    <row r="643421" spans="14:14">
      <c r="N643421" s="10"/>
    </row>
    <row r="643422" spans="14:14">
      <c r="N643422" s="10"/>
    </row>
    <row r="643423" spans="14:14">
      <c r="N643423" s="10"/>
    </row>
    <row r="643424" spans="14:14">
      <c r="N643424" s="10"/>
    </row>
    <row r="643425" spans="14:14">
      <c r="N643425" s="10"/>
    </row>
    <row r="643426" spans="14:14">
      <c r="N643426" s="10"/>
    </row>
    <row r="643427" spans="14:14">
      <c r="N643427" s="10"/>
    </row>
    <row r="643428" spans="14:14">
      <c r="N643428" s="10"/>
    </row>
    <row r="643429" spans="14:14">
      <c r="N643429" s="10"/>
    </row>
    <row r="643430" spans="14:14">
      <c r="N643430" s="10"/>
    </row>
    <row r="643431" spans="14:14">
      <c r="N643431" s="10"/>
    </row>
    <row r="643432" spans="14:14">
      <c r="N643432" s="10"/>
    </row>
    <row r="643433" spans="14:14">
      <c r="N643433" s="10"/>
    </row>
    <row r="643434" spans="14:14">
      <c r="N643434" s="10"/>
    </row>
    <row r="643435" spans="14:14">
      <c r="N643435" s="10"/>
    </row>
    <row r="643436" spans="14:14">
      <c r="N643436" s="10"/>
    </row>
    <row r="643437" spans="14:14">
      <c r="N643437" s="10"/>
    </row>
    <row r="643438" spans="14:14">
      <c r="N643438" s="10"/>
    </row>
    <row r="643439" spans="14:14">
      <c r="N643439" s="10"/>
    </row>
    <row r="643440" spans="14:14">
      <c r="N643440" s="10"/>
    </row>
    <row r="643441" spans="14:14">
      <c r="N643441" s="10"/>
    </row>
    <row r="643442" spans="14:14">
      <c r="N643442" s="10"/>
    </row>
    <row r="643443" spans="14:14">
      <c r="N643443" s="10"/>
    </row>
    <row r="643444" spans="14:14">
      <c r="N643444" s="10"/>
    </row>
    <row r="643445" spans="14:14">
      <c r="N643445" s="10"/>
    </row>
    <row r="643446" spans="14:14">
      <c r="N643446" s="10"/>
    </row>
    <row r="643447" spans="14:14">
      <c r="N643447" s="10"/>
    </row>
    <row r="643448" spans="14:14">
      <c r="N643448" s="10"/>
    </row>
    <row r="643449" spans="14:14">
      <c r="N643449" s="10"/>
    </row>
    <row r="643450" spans="14:14">
      <c r="N643450" s="10"/>
    </row>
    <row r="643451" spans="14:14">
      <c r="N643451" s="10"/>
    </row>
    <row r="643452" spans="14:14">
      <c r="N643452" s="10"/>
    </row>
    <row r="643453" spans="14:14">
      <c r="N643453" s="10"/>
    </row>
    <row r="643454" spans="14:14">
      <c r="N643454" s="10"/>
    </row>
    <row r="643455" spans="14:14">
      <c r="N643455" s="10"/>
    </row>
    <row r="643456" spans="14:14">
      <c r="N643456" s="10"/>
    </row>
    <row r="643457" spans="14:14">
      <c r="N643457" s="10"/>
    </row>
    <row r="643458" spans="14:14">
      <c r="N643458" s="10"/>
    </row>
    <row r="643459" spans="14:14">
      <c r="N643459" s="10"/>
    </row>
    <row r="643460" spans="14:14">
      <c r="N643460" s="10"/>
    </row>
    <row r="643461" spans="14:14">
      <c r="N643461" s="10"/>
    </row>
    <row r="643462" spans="14:14">
      <c r="N643462" s="10"/>
    </row>
    <row r="643463" spans="14:14">
      <c r="N643463" s="10"/>
    </row>
    <row r="643464" spans="14:14">
      <c r="N643464" s="10"/>
    </row>
    <row r="643465" spans="14:14">
      <c r="N643465" s="10"/>
    </row>
    <row r="643466" spans="14:14">
      <c r="N643466" s="10"/>
    </row>
    <row r="643467" spans="14:14">
      <c r="N643467" s="10"/>
    </row>
    <row r="643468" spans="14:14">
      <c r="N643468" s="10"/>
    </row>
    <row r="643469" spans="14:14">
      <c r="N643469" s="10"/>
    </row>
    <row r="643470" spans="14:14">
      <c r="N643470" s="10"/>
    </row>
    <row r="643471" spans="14:14">
      <c r="N643471" s="10"/>
    </row>
    <row r="643472" spans="14:14">
      <c r="N643472" s="10"/>
    </row>
    <row r="643473" spans="14:14">
      <c r="N643473" s="10"/>
    </row>
    <row r="643474" spans="14:14">
      <c r="N643474" s="10"/>
    </row>
    <row r="643475" spans="14:14">
      <c r="N643475" s="10"/>
    </row>
    <row r="643476" spans="14:14">
      <c r="N643476" s="10"/>
    </row>
    <row r="643477" spans="14:14">
      <c r="N643477" s="10"/>
    </row>
    <row r="643478" spans="14:14">
      <c r="N643478" s="10"/>
    </row>
    <row r="643479" spans="14:14">
      <c r="N643479" s="10"/>
    </row>
    <row r="643480" spans="14:14">
      <c r="N643480" s="10"/>
    </row>
    <row r="643481" spans="14:14">
      <c r="N643481" s="10"/>
    </row>
    <row r="643482" spans="14:14">
      <c r="N643482" s="10"/>
    </row>
    <row r="643483" spans="14:14">
      <c r="N643483" s="10"/>
    </row>
    <row r="643484" spans="14:14">
      <c r="N643484" s="10"/>
    </row>
    <row r="643485" spans="14:14">
      <c r="N643485" s="10"/>
    </row>
    <row r="643486" spans="14:14">
      <c r="N643486" s="10"/>
    </row>
    <row r="643487" spans="14:14">
      <c r="N643487" s="10"/>
    </row>
    <row r="643488" spans="14:14">
      <c r="N643488" s="10"/>
    </row>
    <row r="643489" spans="14:14">
      <c r="N643489" s="10"/>
    </row>
    <row r="643490" spans="14:14">
      <c r="N643490" s="10"/>
    </row>
    <row r="643491" spans="14:14">
      <c r="N643491" s="10"/>
    </row>
    <row r="643492" spans="14:14">
      <c r="N643492" s="10"/>
    </row>
    <row r="643493" spans="14:14">
      <c r="N643493" s="10"/>
    </row>
    <row r="643494" spans="14:14">
      <c r="N643494" s="10"/>
    </row>
    <row r="643495" spans="14:14">
      <c r="N643495" s="10"/>
    </row>
    <row r="643496" spans="14:14">
      <c r="N643496" s="10"/>
    </row>
    <row r="643497" spans="14:14">
      <c r="N643497" s="10"/>
    </row>
    <row r="643498" spans="14:14">
      <c r="N643498" s="10"/>
    </row>
    <row r="643499" spans="14:14">
      <c r="N643499" s="10"/>
    </row>
    <row r="643500" spans="14:14">
      <c r="N643500" s="10"/>
    </row>
    <row r="643501" spans="14:14">
      <c r="N643501" s="10"/>
    </row>
    <row r="643502" spans="14:14">
      <c r="N643502" s="10"/>
    </row>
    <row r="643503" spans="14:14">
      <c r="N643503" s="10"/>
    </row>
    <row r="643504" spans="14:14">
      <c r="N643504" s="10"/>
    </row>
    <row r="643505" spans="14:14">
      <c r="N643505" s="10"/>
    </row>
    <row r="643506" spans="14:14">
      <c r="N643506" s="10"/>
    </row>
    <row r="643507" spans="14:14">
      <c r="N643507" s="10"/>
    </row>
    <row r="643508" spans="14:14">
      <c r="N643508" s="10"/>
    </row>
    <row r="643509" spans="14:14">
      <c r="N643509" s="10"/>
    </row>
    <row r="643510" spans="14:14">
      <c r="N643510" s="10"/>
    </row>
    <row r="643511" spans="14:14">
      <c r="N643511" s="10"/>
    </row>
    <row r="643512" spans="14:14">
      <c r="N643512" s="10"/>
    </row>
    <row r="643513" spans="14:14">
      <c r="N643513" s="10"/>
    </row>
    <row r="643514" spans="14:14">
      <c r="N643514" s="10"/>
    </row>
    <row r="643515" spans="14:14">
      <c r="N643515" s="10"/>
    </row>
    <row r="643516" spans="14:14">
      <c r="N643516" s="10"/>
    </row>
    <row r="643517" spans="14:14">
      <c r="N643517" s="10"/>
    </row>
    <row r="643518" spans="14:14">
      <c r="N643518" s="10"/>
    </row>
    <row r="643519" spans="14:14">
      <c r="N643519" s="10"/>
    </row>
    <row r="643520" spans="14:14">
      <c r="N643520" s="10"/>
    </row>
    <row r="643521" spans="14:14">
      <c r="N643521" s="10"/>
    </row>
    <row r="643522" spans="14:14">
      <c r="N643522" s="10"/>
    </row>
    <row r="643523" spans="14:14">
      <c r="N643523" s="10"/>
    </row>
    <row r="643524" spans="14:14">
      <c r="N643524" s="10"/>
    </row>
    <row r="643525" spans="14:14">
      <c r="N643525" s="10"/>
    </row>
    <row r="643526" spans="14:14">
      <c r="N643526" s="10"/>
    </row>
    <row r="643527" spans="14:14">
      <c r="N643527" s="10"/>
    </row>
    <row r="643528" spans="14:14">
      <c r="N643528" s="10"/>
    </row>
    <row r="643529" spans="14:14">
      <c r="N643529" s="10"/>
    </row>
    <row r="643530" spans="14:14">
      <c r="N643530" s="10"/>
    </row>
    <row r="643531" spans="14:14">
      <c r="N643531" s="10"/>
    </row>
    <row r="643532" spans="14:14">
      <c r="N643532" s="10"/>
    </row>
    <row r="643533" spans="14:14">
      <c r="N643533" s="10"/>
    </row>
    <row r="643534" spans="14:14">
      <c r="N643534" s="10"/>
    </row>
    <row r="643535" spans="14:14">
      <c r="N643535" s="10"/>
    </row>
    <row r="643536" spans="14:14">
      <c r="N643536" s="10"/>
    </row>
    <row r="643537" spans="14:14">
      <c r="N643537" s="10"/>
    </row>
    <row r="643538" spans="14:14">
      <c r="N643538" s="10"/>
    </row>
    <row r="643539" spans="14:14">
      <c r="N643539" s="10"/>
    </row>
    <row r="643540" spans="14:14">
      <c r="N643540" s="10"/>
    </row>
    <row r="643541" spans="14:14">
      <c r="N643541" s="10"/>
    </row>
    <row r="643542" spans="14:14">
      <c r="N643542" s="10"/>
    </row>
    <row r="643543" spans="14:14">
      <c r="N643543" s="10"/>
    </row>
    <row r="643544" spans="14:14">
      <c r="N643544" s="10"/>
    </row>
    <row r="643545" spans="14:14">
      <c r="N643545" s="10"/>
    </row>
    <row r="643546" spans="14:14">
      <c r="N643546" s="10"/>
    </row>
    <row r="643547" spans="14:14">
      <c r="N643547" s="10"/>
    </row>
    <row r="643548" spans="14:14">
      <c r="N643548" s="10"/>
    </row>
    <row r="643549" spans="14:14">
      <c r="N643549" s="10"/>
    </row>
    <row r="643550" spans="14:14">
      <c r="N643550" s="10"/>
    </row>
    <row r="643551" spans="14:14">
      <c r="N643551" s="10"/>
    </row>
    <row r="643552" spans="14:14">
      <c r="N643552" s="10"/>
    </row>
    <row r="643553" spans="14:14">
      <c r="N643553" s="10"/>
    </row>
    <row r="643554" spans="14:14">
      <c r="N643554" s="10"/>
    </row>
    <row r="643555" spans="14:14">
      <c r="N643555" s="10"/>
    </row>
    <row r="643556" spans="14:14">
      <c r="N643556" s="10"/>
    </row>
    <row r="643557" spans="14:14">
      <c r="N643557" s="10"/>
    </row>
    <row r="643558" spans="14:14">
      <c r="N643558" s="10"/>
    </row>
    <row r="643559" spans="14:14">
      <c r="N643559" s="10"/>
    </row>
    <row r="643560" spans="14:14">
      <c r="N643560" s="10"/>
    </row>
    <row r="643561" spans="14:14">
      <c r="N643561" s="10"/>
    </row>
    <row r="643562" spans="14:14">
      <c r="N643562" s="10"/>
    </row>
    <row r="643563" spans="14:14">
      <c r="N643563" s="10"/>
    </row>
    <row r="643564" spans="14:14">
      <c r="N643564" s="10"/>
    </row>
    <row r="643565" spans="14:14">
      <c r="N643565" s="10"/>
    </row>
    <row r="643566" spans="14:14">
      <c r="N643566" s="10"/>
    </row>
    <row r="643567" spans="14:14">
      <c r="N643567" s="10"/>
    </row>
    <row r="643568" spans="14:14">
      <c r="N643568" s="10"/>
    </row>
    <row r="643569" spans="14:14">
      <c r="N643569" s="10"/>
    </row>
    <row r="643570" spans="14:14">
      <c r="N643570" s="10"/>
    </row>
    <row r="643571" spans="14:14">
      <c r="N643571" s="10"/>
    </row>
    <row r="643572" spans="14:14">
      <c r="N643572" s="10"/>
    </row>
    <row r="643573" spans="14:14">
      <c r="N643573" s="10"/>
    </row>
    <row r="643574" spans="14:14">
      <c r="N643574" s="10"/>
    </row>
    <row r="643575" spans="14:14">
      <c r="N643575" s="10"/>
    </row>
    <row r="643576" spans="14:14">
      <c r="N643576" s="10"/>
    </row>
    <row r="643577" spans="14:14">
      <c r="N643577" s="10"/>
    </row>
    <row r="643578" spans="14:14">
      <c r="N643578" s="10"/>
    </row>
    <row r="643579" spans="14:14">
      <c r="N643579" s="10"/>
    </row>
    <row r="643580" spans="14:14">
      <c r="N643580" s="10"/>
    </row>
    <row r="643581" spans="14:14">
      <c r="N643581" s="10"/>
    </row>
    <row r="643582" spans="14:14">
      <c r="N643582" s="10"/>
    </row>
    <row r="643583" spans="14:14">
      <c r="N643583" s="10"/>
    </row>
    <row r="643584" spans="14:14">
      <c r="N643584" s="10"/>
    </row>
    <row r="643585" spans="14:14">
      <c r="N643585" s="10"/>
    </row>
    <row r="643586" spans="14:14">
      <c r="N643586" s="10"/>
    </row>
    <row r="643587" spans="14:14">
      <c r="N643587" s="10"/>
    </row>
    <row r="643588" spans="14:14">
      <c r="N643588" s="10"/>
    </row>
    <row r="643589" spans="14:14">
      <c r="N643589" s="10"/>
    </row>
    <row r="643590" spans="14:14">
      <c r="N643590" s="10"/>
    </row>
    <row r="643591" spans="14:14">
      <c r="N643591" s="10"/>
    </row>
    <row r="643592" spans="14:14">
      <c r="N643592" s="10"/>
    </row>
    <row r="643593" spans="14:14">
      <c r="N643593" s="10"/>
    </row>
    <row r="643594" spans="14:14">
      <c r="N643594" s="10"/>
    </row>
    <row r="643595" spans="14:14">
      <c r="N643595" s="10"/>
    </row>
    <row r="643596" spans="14:14">
      <c r="N643596" s="10"/>
    </row>
    <row r="643597" spans="14:14">
      <c r="N643597" s="10"/>
    </row>
    <row r="643598" spans="14:14">
      <c r="N643598" s="10"/>
    </row>
    <row r="643599" spans="14:14">
      <c r="N643599" s="10"/>
    </row>
    <row r="643600" spans="14:14">
      <c r="N643600" s="10"/>
    </row>
    <row r="643601" spans="14:14">
      <c r="N643601" s="10"/>
    </row>
    <row r="643602" spans="14:14">
      <c r="N643602" s="10"/>
    </row>
    <row r="643603" spans="14:14">
      <c r="N643603" s="10"/>
    </row>
    <row r="643604" spans="14:14">
      <c r="N643604" s="10"/>
    </row>
    <row r="643605" spans="14:14">
      <c r="N643605" s="10"/>
    </row>
    <row r="643606" spans="14:14">
      <c r="N643606" s="10"/>
    </row>
    <row r="643607" spans="14:14">
      <c r="N643607" s="10"/>
    </row>
    <row r="643608" spans="14:14">
      <c r="N643608" s="10"/>
    </row>
    <row r="643609" spans="14:14">
      <c r="N643609" s="10"/>
    </row>
    <row r="643610" spans="14:14">
      <c r="N643610" s="10"/>
    </row>
    <row r="643611" spans="14:14">
      <c r="N643611" s="10"/>
    </row>
    <row r="643612" spans="14:14">
      <c r="N643612" s="10"/>
    </row>
    <row r="643613" spans="14:14">
      <c r="N643613" s="10"/>
    </row>
    <row r="643614" spans="14:14">
      <c r="N643614" s="10"/>
    </row>
    <row r="643615" spans="14:14">
      <c r="N643615" s="10"/>
    </row>
    <row r="643616" spans="14:14">
      <c r="N643616" s="10"/>
    </row>
    <row r="643617" spans="14:14">
      <c r="N643617" s="10"/>
    </row>
    <row r="643618" spans="14:14">
      <c r="N643618" s="10"/>
    </row>
    <row r="643619" spans="14:14">
      <c r="N643619" s="10"/>
    </row>
    <row r="643620" spans="14:14">
      <c r="N643620" s="10"/>
    </row>
    <row r="643621" spans="14:14">
      <c r="N643621" s="10"/>
    </row>
    <row r="643622" spans="14:14">
      <c r="N643622" s="10"/>
    </row>
    <row r="643623" spans="14:14">
      <c r="N643623" s="10"/>
    </row>
    <row r="643624" spans="14:14">
      <c r="N643624" s="10"/>
    </row>
    <row r="643625" spans="14:14">
      <c r="N643625" s="10"/>
    </row>
    <row r="643626" spans="14:14">
      <c r="N643626" s="10"/>
    </row>
    <row r="643627" spans="14:14">
      <c r="N643627" s="10"/>
    </row>
    <row r="643628" spans="14:14">
      <c r="N643628" s="10"/>
    </row>
    <row r="643629" spans="14:14">
      <c r="N643629" s="10"/>
    </row>
    <row r="643630" spans="14:14">
      <c r="N643630" s="10"/>
    </row>
    <row r="643631" spans="14:14">
      <c r="N643631" s="10"/>
    </row>
    <row r="643632" spans="14:14">
      <c r="N643632" s="10"/>
    </row>
    <row r="643633" spans="14:14">
      <c r="N643633" s="10"/>
    </row>
    <row r="643634" spans="14:14">
      <c r="N643634" s="10"/>
    </row>
    <row r="643635" spans="14:14">
      <c r="N643635" s="10"/>
    </row>
    <row r="643636" spans="14:14">
      <c r="N643636" s="10"/>
    </row>
    <row r="643637" spans="14:14">
      <c r="N643637" s="10"/>
    </row>
    <row r="643638" spans="14:14">
      <c r="N643638" s="10"/>
    </row>
    <row r="643639" spans="14:14">
      <c r="N643639" s="10"/>
    </row>
    <row r="643640" spans="14:14">
      <c r="N643640" s="10"/>
    </row>
    <row r="643641" spans="14:14">
      <c r="N643641" s="10"/>
    </row>
    <row r="643642" spans="14:14">
      <c r="N643642" s="10"/>
    </row>
    <row r="643643" spans="14:14">
      <c r="N643643" s="10"/>
    </row>
    <row r="643644" spans="14:14">
      <c r="N643644" s="10"/>
    </row>
    <row r="643645" spans="14:14">
      <c r="N643645" s="10"/>
    </row>
    <row r="643646" spans="14:14">
      <c r="N643646" s="10"/>
    </row>
    <row r="643647" spans="14:14">
      <c r="N643647" s="10"/>
    </row>
    <row r="643648" spans="14:14">
      <c r="N643648" s="10"/>
    </row>
    <row r="643649" spans="14:14">
      <c r="N643649" s="10"/>
    </row>
    <row r="643650" spans="14:14">
      <c r="N643650" s="10"/>
    </row>
    <row r="643651" spans="14:14">
      <c r="N643651" s="10"/>
    </row>
    <row r="643652" spans="14:14">
      <c r="N643652" s="10"/>
    </row>
    <row r="643653" spans="14:14">
      <c r="N643653" s="10"/>
    </row>
    <row r="643654" spans="14:14">
      <c r="N643654" s="10"/>
    </row>
    <row r="643655" spans="14:14">
      <c r="N643655" s="10"/>
    </row>
    <row r="643656" spans="14:14">
      <c r="N643656" s="10"/>
    </row>
    <row r="643657" spans="14:14">
      <c r="N643657" s="10"/>
    </row>
    <row r="643658" spans="14:14">
      <c r="N643658" s="10"/>
    </row>
    <row r="643659" spans="14:14">
      <c r="N643659" s="10"/>
    </row>
    <row r="643660" spans="14:14">
      <c r="N643660" s="10"/>
    </row>
    <row r="643661" spans="14:14">
      <c r="N643661" s="10"/>
    </row>
    <row r="643662" spans="14:14">
      <c r="N643662" s="10"/>
    </row>
    <row r="643663" spans="14:14">
      <c r="N643663" s="10"/>
    </row>
    <row r="643664" spans="14:14">
      <c r="N643664" s="10"/>
    </row>
    <row r="643665" spans="14:14">
      <c r="N643665" s="10"/>
    </row>
    <row r="643666" spans="14:14">
      <c r="N643666" s="10"/>
    </row>
    <row r="643667" spans="14:14">
      <c r="N643667" s="10"/>
    </row>
    <row r="643668" spans="14:14">
      <c r="N643668" s="10"/>
    </row>
    <row r="643669" spans="14:14">
      <c r="N643669" s="10"/>
    </row>
    <row r="643670" spans="14:14">
      <c r="N643670" s="10"/>
    </row>
    <row r="643671" spans="14:14">
      <c r="N643671" s="10"/>
    </row>
    <row r="643672" spans="14:14">
      <c r="N643672" s="10"/>
    </row>
    <row r="643673" spans="14:14">
      <c r="N643673" s="10"/>
    </row>
    <row r="643674" spans="14:14">
      <c r="N643674" s="10"/>
    </row>
    <row r="643675" spans="14:14">
      <c r="N643675" s="10"/>
    </row>
    <row r="643676" spans="14:14">
      <c r="N643676" s="10"/>
    </row>
    <row r="643677" spans="14:14">
      <c r="N643677" s="10"/>
    </row>
    <row r="643678" spans="14:14">
      <c r="N643678" s="10"/>
    </row>
    <row r="643679" spans="14:14">
      <c r="N643679" s="10"/>
    </row>
    <row r="643680" spans="14:14">
      <c r="N643680" s="10"/>
    </row>
    <row r="643681" spans="14:14">
      <c r="N643681" s="10"/>
    </row>
    <row r="643682" spans="14:14">
      <c r="N643682" s="10"/>
    </row>
    <row r="643683" spans="14:14">
      <c r="N643683" s="10"/>
    </row>
    <row r="643684" spans="14:14">
      <c r="N643684" s="10"/>
    </row>
    <row r="643685" spans="14:14">
      <c r="N643685" s="10"/>
    </row>
    <row r="643686" spans="14:14">
      <c r="N643686" s="10"/>
    </row>
    <row r="643687" spans="14:14">
      <c r="N643687" s="10"/>
    </row>
    <row r="643688" spans="14:14">
      <c r="N643688" s="10"/>
    </row>
    <row r="643689" spans="14:14">
      <c r="N643689" s="10"/>
    </row>
    <row r="643690" spans="14:14">
      <c r="N643690" s="10"/>
    </row>
    <row r="643691" spans="14:14">
      <c r="N643691" s="10"/>
    </row>
    <row r="643692" spans="14:14">
      <c r="N643692" s="10"/>
    </row>
    <row r="643693" spans="14:14">
      <c r="N643693" s="10"/>
    </row>
    <row r="643694" spans="14:14">
      <c r="N643694" s="10"/>
    </row>
    <row r="643695" spans="14:14">
      <c r="N643695" s="10"/>
    </row>
    <row r="643696" spans="14:14">
      <c r="N643696" s="10"/>
    </row>
    <row r="643697" spans="14:14">
      <c r="N643697" s="10"/>
    </row>
    <row r="643698" spans="14:14">
      <c r="N643698" s="10"/>
    </row>
    <row r="643699" spans="14:14">
      <c r="N643699" s="10"/>
    </row>
    <row r="643700" spans="14:14">
      <c r="N643700" s="10"/>
    </row>
    <row r="643701" spans="14:14">
      <c r="N643701" s="10"/>
    </row>
    <row r="643702" spans="14:14">
      <c r="N643702" s="10"/>
    </row>
    <row r="643703" spans="14:14">
      <c r="N643703" s="10"/>
    </row>
    <row r="643704" spans="14:14">
      <c r="N643704" s="10"/>
    </row>
    <row r="643705" spans="14:14">
      <c r="N643705" s="10"/>
    </row>
    <row r="643706" spans="14:14">
      <c r="N643706" s="10"/>
    </row>
    <row r="643707" spans="14:14">
      <c r="N643707" s="10"/>
    </row>
    <row r="643708" spans="14:14">
      <c r="N643708" s="10"/>
    </row>
    <row r="643709" spans="14:14">
      <c r="N643709" s="10"/>
    </row>
    <row r="643710" spans="14:14">
      <c r="N643710" s="10"/>
    </row>
    <row r="643711" spans="14:14">
      <c r="N643711" s="10"/>
    </row>
    <row r="643712" spans="14:14">
      <c r="N643712" s="10"/>
    </row>
    <row r="643713" spans="14:14">
      <c r="N643713" s="10"/>
    </row>
    <row r="643714" spans="14:14">
      <c r="N643714" s="10"/>
    </row>
    <row r="643715" spans="14:14">
      <c r="N643715" s="10"/>
    </row>
    <row r="643716" spans="14:14">
      <c r="N643716" s="10"/>
    </row>
    <row r="643717" spans="14:14">
      <c r="N643717" s="10"/>
    </row>
    <row r="643718" spans="14:14">
      <c r="N643718" s="10"/>
    </row>
    <row r="643719" spans="14:14">
      <c r="N643719" s="10"/>
    </row>
    <row r="643720" spans="14:14">
      <c r="N643720" s="10"/>
    </row>
    <row r="643721" spans="14:14">
      <c r="N643721" s="10"/>
    </row>
    <row r="643722" spans="14:14">
      <c r="N643722" s="10"/>
    </row>
    <row r="643723" spans="14:14">
      <c r="N643723" s="10"/>
    </row>
    <row r="643724" spans="14:14">
      <c r="N643724" s="10"/>
    </row>
    <row r="643725" spans="14:14">
      <c r="N643725" s="10"/>
    </row>
    <row r="643726" spans="14:14">
      <c r="N643726" s="10"/>
    </row>
    <row r="643727" spans="14:14">
      <c r="N643727" s="10"/>
    </row>
    <row r="643728" spans="14:14">
      <c r="N643728" s="10"/>
    </row>
    <row r="643729" spans="14:14">
      <c r="N643729" s="10"/>
    </row>
    <row r="643730" spans="14:14">
      <c r="N643730" s="10"/>
    </row>
    <row r="643731" spans="14:14">
      <c r="N643731" s="10"/>
    </row>
    <row r="643732" spans="14:14">
      <c r="N643732" s="10"/>
    </row>
    <row r="643733" spans="14:14">
      <c r="N643733" s="10"/>
    </row>
    <row r="643734" spans="14:14">
      <c r="N643734" s="10"/>
    </row>
    <row r="643735" spans="14:14">
      <c r="N643735" s="10"/>
    </row>
    <row r="643736" spans="14:14">
      <c r="N643736" s="10"/>
    </row>
    <row r="643737" spans="14:14">
      <c r="N643737" s="10"/>
    </row>
    <row r="643738" spans="14:14">
      <c r="N643738" s="10"/>
    </row>
    <row r="643739" spans="14:14">
      <c r="N643739" s="10"/>
    </row>
    <row r="643740" spans="14:14">
      <c r="N643740" s="10"/>
    </row>
    <row r="643741" spans="14:14">
      <c r="N643741" s="10"/>
    </row>
    <row r="643742" spans="14:14">
      <c r="N643742" s="10"/>
    </row>
    <row r="643743" spans="14:14">
      <c r="N643743" s="10"/>
    </row>
    <row r="643744" spans="14:14">
      <c r="N643744" s="10"/>
    </row>
    <row r="643745" spans="14:14">
      <c r="N643745" s="10"/>
    </row>
    <row r="643746" spans="14:14">
      <c r="N643746" s="10"/>
    </row>
    <row r="643747" spans="14:14">
      <c r="N643747" s="10"/>
    </row>
    <row r="643748" spans="14:14">
      <c r="N643748" s="10"/>
    </row>
    <row r="643749" spans="14:14">
      <c r="N643749" s="10"/>
    </row>
    <row r="643750" spans="14:14">
      <c r="N643750" s="10"/>
    </row>
    <row r="643751" spans="14:14">
      <c r="N643751" s="10"/>
    </row>
    <row r="643752" spans="14:14">
      <c r="N643752" s="10"/>
    </row>
    <row r="643753" spans="14:14">
      <c r="N643753" s="10"/>
    </row>
    <row r="643754" spans="14:14">
      <c r="N643754" s="10"/>
    </row>
    <row r="643755" spans="14:14">
      <c r="N643755" s="10"/>
    </row>
    <row r="643756" spans="14:14">
      <c r="N643756" s="10"/>
    </row>
    <row r="643757" spans="14:14">
      <c r="N643757" s="10"/>
    </row>
    <row r="643758" spans="14:14">
      <c r="N643758" s="10"/>
    </row>
    <row r="643759" spans="14:14">
      <c r="N643759" s="10"/>
    </row>
    <row r="643760" spans="14:14">
      <c r="N643760" s="10"/>
    </row>
    <row r="643761" spans="14:14">
      <c r="N643761" s="10"/>
    </row>
    <row r="643762" spans="14:14">
      <c r="N643762" s="10"/>
    </row>
    <row r="643763" spans="14:14">
      <c r="N643763" s="10"/>
    </row>
    <row r="643764" spans="14:14">
      <c r="N643764" s="10"/>
    </row>
    <row r="643765" spans="14:14">
      <c r="N643765" s="10"/>
    </row>
    <row r="643766" spans="14:14">
      <c r="N643766" s="10"/>
    </row>
    <row r="643767" spans="14:14">
      <c r="N643767" s="10"/>
    </row>
    <row r="643768" spans="14:14">
      <c r="N643768" s="10"/>
    </row>
    <row r="643769" spans="14:14">
      <c r="N643769" s="10"/>
    </row>
    <row r="643770" spans="14:14">
      <c r="N643770" s="10"/>
    </row>
    <row r="643771" spans="14:14">
      <c r="N643771" s="10"/>
    </row>
    <row r="643772" spans="14:14">
      <c r="N643772" s="10"/>
    </row>
    <row r="643773" spans="14:14">
      <c r="N643773" s="10"/>
    </row>
    <row r="643774" spans="14:14">
      <c r="N643774" s="10"/>
    </row>
    <row r="643775" spans="14:14">
      <c r="N643775" s="10"/>
    </row>
    <row r="643776" spans="14:14">
      <c r="N643776" s="10"/>
    </row>
    <row r="643777" spans="14:14">
      <c r="N643777" s="10"/>
    </row>
    <row r="643778" spans="14:14">
      <c r="N643778" s="10"/>
    </row>
    <row r="643779" spans="14:14">
      <c r="N643779" s="10"/>
    </row>
    <row r="643780" spans="14:14">
      <c r="N643780" s="10"/>
    </row>
    <row r="643781" spans="14:14">
      <c r="N643781" s="10"/>
    </row>
    <row r="643782" spans="14:14">
      <c r="N643782" s="10"/>
    </row>
    <row r="643783" spans="14:14">
      <c r="N643783" s="10"/>
    </row>
    <row r="643784" spans="14:14">
      <c r="N643784" s="10"/>
    </row>
    <row r="643785" spans="14:14">
      <c r="N643785" s="10"/>
    </row>
    <row r="643786" spans="14:14">
      <c r="N643786" s="10"/>
    </row>
    <row r="643787" spans="14:14">
      <c r="N643787" s="10"/>
    </row>
    <row r="643788" spans="14:14">
      <c r="N643788" s="10"/>
    </row>
    <row r="643789" spans="14:14">
      <c r="N643789" s="10"/>
    </row>
    <row r="643790" spans="14:14">
      <c r="N643790" s="10"/>
    </row>
    <row r="643791" spans="14:14">
      <c r="N643791" s="10"/>
    </row>
    <row r="643792" spans="14:14">
      <c r="N643792" s="10"/>
    </row>
    <row r="643793" spans="14:14">
      <c r="N643793" s="10"/>
    </row>
    <row r="643794" spans="14:14">
      <c r="N643794" s="10"/>
    </row>
    <row r="643795" spans="14:14">
      <c r="N643795" s="10"/>
    </row>
    <row r="643796" spans="14:14">
      <c r="N643796" s="10"/>
    </row>
    <row r="643797" spans="14:14">
      <c r="N643797" s="10"/>
    </row>
    <row r="643798" spans="14:14">
      <c r="N643798" s="10"/>
    </row>
    <row r="643799" spans="14:14">
      <c r="N643799" s="10"/>
    </row>
    <row r="643800" spans="14:14">
      <c r="N643800" s="10"/>
    </row>
    <row r="643801" spans="14:14">
      <c r="N643801" s="10"/>
    </row>
    <row r="643802" spans="14:14">
      <c r="N643802" s="10"/>
    </row>
    <row r="643803" spans="14:14">
      <c r="N643803" s="10"/>
    </row>
    <row r="643804" spans="14:14">
      <c r="N643804" s="10"/>
    </row>
    <row r="643805" spans="14:14">
      <c r="N643805" s="10"/>
    </row>
    <row r="643806" spans="14:14">
      <c r="N643806" s="10"/>
    </row>
    <row r="643807" spans="14:14">
      <c r="N643807" s="10"/>
    </row>
    <row r="643808" spans="14:14">
      <c r="N643808" s="10"/>
    </row>
    <row r="643809" spans="14:14">
      <c r="N643809" s="10"/>
    </row>
    <row r="643810" spans="14:14">
      <c r="N643810" s="10"/>
    </row>
    <row r="643811" spans="14:14">
      <c r="N643811" s="10"/>
    </row>
    <row r="643812" spans="14:14">
      <c r="N643812" s="10"/>
    </row>
    <row r="643813" spans="14:14">
      <c r="N643813" s="10"/>
    </row>
    <row r="643814" spans="14:14">
      <c r="N643814" s="10"/>
    </row>
    <row r="643815" spans="14:14">
      <c r="N643815" s="10"/>
    </row>
    <row r="643816" spans="14:14">
      <c r="N643816" s="10"/>
    </row>
    <row r="643817" spans="14:14">
      <c r="N643817" s="10"/>
    </row>
    <row r="643818" spans="14:14">
      <c r="N643818" s="10"/>
    </row>
    <row r="643819" spans="14:14">
      <c r="N643819" s="10"/>
    </row>
    <row r="643820" spans="14:14">
      <c r="N643820" s="10"/>
    </row>
    <row r="643821" spans="14:14">
      <c r="N643821" s="10"/>
    </row>
    <row r="643822" spans="14:14">
      <c r="N643822" s="10"/>
    </row>
    <row r="643823" spans="14:14">
      <c r="N643823" s="10"/>
    </row>
    <row r="643824" spans="14:14">
      <c r="N643824" s="10"/>
    </row>
    <row r="643825" spans="14:14">
      <c r="N643825" s="10"/>
    </row>
    <row r="643826" spans="14:14">
      <c r="N643826" s="10"/>
    </row>
    <row r="643827" spans="14:14">
      <c r="N643827" s="10"/>
    </row>
    <row r="643828" spans="14:14">
      <c r="N643828" s="10"/>
    </row>
    <row r="643829" spans="14:14">
      <c r="N643829" s="10"/>
    </row>
    <row r="643830" spans="14:14">
      <c r="N643830" s="10"/>
    </row>
    <row r="643831" spans="14:14">
      <c r="N643831" s="10"/>
    </row>
    <row r="643832" spans="14:14">
      <c r="N643832" s="10"/>
    </row>
    <row r="643833" spans="14:14">
      <c r="N643833" s="10"/>
    </row>
    <row r="643834" spans="14:14">
      <c r="N643834" s="10"/>
    </row>
    <row r="643835" spans="14:14">
      <c r="N643835" s="10"/>
    </row>
    <row r="643836" spans="14:14">
      <c r="N643836" s="10"/>
    </row>
    <row r="643837" spans="14:14">
      <c r="N643837" s="10"/>
    </row>
    <row r="643838" spans="14:14">
      <c r="N643838" s="10"/>
    </row>
    <row r="643839" spans="14:14">
      <c r="N643839" s="10"/>
    </row>
    <row r="643840" spans="14:14">
      <c r="N643840" s="10"/>
    </row>
    <row r="643841" spans="14:14">
      <c r="N643841" s="10"/>
    </row>
    <row r="643842" spans="14:14">
      <c r="N643842" s="10"/>
    </row>
    <row r="643843" spans="14:14">
      <c r="N643843" s="10"/>
    </row>
    <row r="643844" spans="14:14">
      <c r="N643844" s="10"/>
    </row>
    <row r="643845" spans="14:14">
      <c r="N643845" s="10"/>
    </row>
    <row r="643846" spans="14:14">
      <c r="N643846" s="10"/>
    </row>
    <row r="643847" spans="14:14">
      <c r="N643847" s="10"/>
    </row>
    <row r="643848" spans="14:14">
      <c r="N643848" s="10"/>
    </row>
    <row r="643849" spans="14:14">
      <c r="N643849" s="10"/>
    </row>
    <row r="643850" spans="14:14">
      <c r="N643850" s="10"/>
    </row>
    <row r="643851" spans="14:14">
      <c r="N643851" s="10"/>
    </row>
    <row r="643852" spans="14:14">
      <c r="N643852" s="10"/>
    </row>
    <row r="643853" spans="14:14">
      <c r="N643853" s="10"/>
    </row>
    <row r="643854" spans="14:14">
      <c r="N643854" s="10"/>
    </row>
    <row r="643855" spans="14:14">
      <c r="N643855" s="10"/>
    </row>
    <row r="643856" spans="14:14">
      <c r="N643856" s="10"/>
    </row>
    <row r="643857" spans="14:14">
      <c r="N643857" s="10"/>
    </row>
    <row r="643858" spans="14:14">
      <c r="N643858" s="10"/>
    </row>
    <row r="643859" spans="14:14">
      <c r="N643859" s="10"/>
    </row>
    <row r="643860" spans="14:14">
      <c r="N643860" s="10"/>
    </row>
    <row r="643861" spans="14:14">
      <c r="N643861" s="10"/>
    </row>
    <row r="643862" spans="14:14">
      <c r="N643862" s="10"/>
    </row>
    <row r="643863" spans="14:14">
      <c r="N643863" s="10"/>
    </row>
    <row r="643864" spans="14:14">
      <c r="N643864" s="10"/>
    </row>
    <row r="643865" spans="14:14">
      <c r="N643865" s="10"/>
    </row>
    <row r="643866" spans="14:14">
      <c r="N643866" s="10"/>
    </row>
    <row r="643867" spans="14:14">
      <c r="N643867" s="10"/>
    </row>
    <row r="643868" spans="14:14">
      <c r="N643868" s="10"/>
    </row>
    <row r="643869" spans="14:14">
      <c r="N643869" s="10"/>
    </row>
    <row r="643870" spans="14:14">
      <c r="N643870" s="10"/>
    </row>
    <row r="643871" spans="14:14">
      <c r="N643871" s="10"/>
    </row>
    <row r="643872" spans="14:14">
      <c r="N643872" s="10"/>
    </row>
    <row r="643873" spans="14:14">
      <c r="N643873" s="10"/>
    </row>
    <row r="643874" spans="14:14">
      <c r="N643874" s="10"/>
    </row>
    <row r="643875" spans="14:14">
      <c r="N643875" s="10"/>
    </row>
    <row r="643876" spans="14:14">
      <c r="N643876" s="10"/>
    </row>
    <row r="643877" spans="14:14">
      <c r="N643877" s="10"/>
    </row>
    <row r="643878" spans="14:14">
      <c r="N643878" s="10"/>
    </row>
    <row r="643879" spans="14:14">
      <c r="N643879" s="10"/>
    </row>
    <row r="643880" spans="14:14">
      <c r="N643880" s="10"/>
    </row>
    <row r="643881" spans="14:14">
      <c r="N643881" s="10"/>
    </row>
    <row r="643882" spans="14:14">
      <c r="N643882" s="10"/>
    </row>
    <row r="643883" spans="14:14">
      <c r="N643883" s="10"/>
    </row>
    <row r="643884" spans="14:14">
      <c r="N643884" s="10"/>
    </row>
    <row r="643885" spans="14:14">
      <c r="N643885" s="10"/>
    </row>
    <row r="643886" spans="14:14">
      <c r="N643886" s="10"/>
    </row>
    <row r="643887" spans="14:14">
      <c r="N643887" s="10"/>
    </row>
    <row r="643888" spans="14:14">
      <c r="N643888" s="10"/>
    </row>
    <row r="643889" spans="14:14">
      <c r="N643889" s="10"/>
    </row>
    <row r="643890" spans="14:14">
      <c r="N643890" s="10"/>
    </row>
    <row r="643891" spans="14:14">
      <c r="N643891" s="10"/>
    </row>
    <row r="643892" spans="14:14">
      <c r="N643892" s="10"/>
    </row>
    <row r="643893" spans="14:14">
      <c r="N643893" s="10"/>
    </row>
    <row r="643894" spans="14:14">
      <c r="N643894" s="10"/>
    </row>
    <row r="643895" spans="14:14">
      <c r="N643895" s="10"/>
    </row>
    <row r="643896" spans="14:14">
      <c r="N643896" s="10"/>
    </row>
    <row r="643897" spans="14:14">
      <c r="N643897" s="10"/>
    </row>
    <row r="643898" spans="14:14">
      <c r="N643898" s="10"/>
    </row>
    <row r="643899" spans="14:14">
      <c r="N643899" s="10"/>
    </row>
    <row r="643900" spans="14:14">
      <c r="N643900" s="10"/>
    </row>
    <row r="643901" spans="14:14">
      <c r="N643901" s="10"/>
    </row>
    <row r="643902" spans="14:14">
      <c r="N643902" s="10"/>
    </row>
    <row r="643903" spans="14:14">
      <c r="N643903" s="10"/>
    </row>
    <row r="643904" spans="14:14">
      <c r="N643904" s="10"/>
    </row>
    <row r="643905" spans="14:14">
      <c r="N643905" s="10"/>
    </row>
    <row r="643906" spans="14:14">
      <c r="N643906" s="10"/>
    </row>
    <row r="643907" spans="14:14">
      <c r="N643907" s="10"/>
    </row>
    <row r="643908" spans="14:14">
      <c r="N643908" s="10"/>
    </row>
    <row r="643909" spans="14:14">
      <c r="N643909" s="10"/>
    </row>
    <row r="643910" spans="14:14">
      <c r="N643910" s="10"/>
    </row>
    <row r="643911" spans="14:14">
      <c r="N643911" s="10"/>
    </row>
    <row r="643912" spans="14:14">
      <c r="N643912" s="10"/>
    </row>
    <row r="643913" spans="14:14">
      <c r="N643913" s="10"/>
    </row>
    <row r="643914" spans="14:14">
      <c r="N643914" s="10"/>
    </row>
    <row r="643915" spans="14:14">
      <c r="N643915" s="10"/>
    </row>
    <row r="643916" spans="14:14">
      <c r="N643916" s="10"/>
    </row>
    <row r="643917" spans="14:14">
      <c r="N643917" s="10"/>
    </row>
    <row r="643918" spans="14:14">
      <c r="N643918" s="10"/>
    </row>
    <row r="643919" spans="14:14">
      <c r="N643919" s="10"/>
    </row>
    <row r="643920" spans="14:14">
      <c r="N643920" s="10"/>
    </row>
    <row r="643921" spans="14:14">
      <c r="N643921" s="10"/>
    </row>
    <row r="643922" spans="14:14">
      <c r="N643922" s="10"/>
    </row>
    <row r="643923" spans="14:14">
      <c r="N643923" s="10"/>
    </row>
    <row r="643924" spans="14:14">
      <c r="N643924" s="10"/>
    </row>
    <row r="643925" spans="14:14">
      <c r="N643925" s="10"/>
    </row>
    <row r="643926" spans="14:14">
      <c r="N643926" s="10"/>
    </row>
    <row r="643927" spans="14:14">
      <c r="N643927" s="10"/>
    </row>
    <row r="643928" spans="14:14">
      <c r="N643928" s="10"/>
    </row>
    <row r="643929" spans="14:14">
      <c r="N643929" s="10"/>
    </row>
    <row r="643930" spans="14:14">
      <c r="N643930" s="10"/>
    </row>
    <row r="643931" spans="14:14">
      <c r="N643931" s="10"/>
    </row>
    <row r="643932" spans="14:14">
      <c r="N643932" s="10"/>
    </row>
    <row r="643933" spans="14:14">
      <c r="N643933" s="10"/>
    </row>
    <row r="643934" spans="14:14">
      <c r="N643934" s="10"/>
    </row>
    <row r="643935" spans="14:14">
      <c r="N643935" s="10"/>
    </row>
    <row r="643936" spans="14:14">
      <c r="N643936" s="10"/>
    </row>
    <row r="643937" spans="14:14">
      <c r="N643937" s="10"/>
    </row>
    <row r="643938" spans="14:14">
      <c r="N643938" s="10"/>
    </row>
    <row r="643939" spans="14:14">
      <c r="N643939" s="10"/>
    </row>
    <row r="643940" spans="14:14">
      <c r="N643940" s="10"/>
    </row>
    <row r="643941" spans="14:14">
      <c r="N643941" s="10"/>
    </row>
    <row r="643942" spans="14:14">
      <c r="N643942" s="10"/>
    </row>
    <row r="643943" spans="14:14">
      <c r="N643943" s="10"/>
    </row>
    <row r="643944" spans="14:14">
      <c r="N643944" s="10"/>
    </row>
    <row r="643945" spans="14:14">
      <c r="N643945" s="10"/>
    </row>
    <row r="643946" spans="14:14">
      <c r="N643946" s="10"/>
    </row>
    <row r="643947" spans="14:14">
      <c r="N643947" s="10"/>
    </row>
    <row r="643948" spans="14:14">
      <c r="N643948" s="10"/>
    </row>
    <row r="643949" spans="14:14">
      <c r="N643949" s="10"/>
    </row>
    <row r="643950" spans="14:14">
      <c r="N643950" s="10"/>
    </row>
    <row r="643951" spans="14:14">
      <c r="N643951" s="10"/>
    </row>
    <row r="643952" spans="14:14">
      <c r="N643952" s="10"/>
    </row>
    <row r="643953" spans="14:14">
      <c r="N643953" s="10"/>
    </row>
    <row r="643954" spans="14:14">
      <c r="N643954" s="10"/>
    </row>
    <row r="643955" spans="14:14">
      <c r="N643955" s="10"/>
    </row>
    <row r="643956" spans="14:14">
      <c r="N643956" s="10"/>
    </row>
    <row r="643957" spans="14:14">
      <c r="N643957" s="10"/>
    </row>
    <row r="643958" spans="14:14">
      <c r="N643958" s="10"/>
    </row>
    <row r="643959" spans="14:14">
      <c r="N643959" s="10"/>
    </row>
    <row r="643960" spans="14:14">
      <c r="N643960" s="10"/>
    </row>
    <row r="643961" spans="14:14">
      <c r="N643961" s="10"/>
    </row>
    <row r="643962" spans="14:14">
      <c r="N643962" s="10"/>
    </row>
    <row r="643963" spans="14:14">
      <c r="N643963" s="10"/>
    </row>
    <row r="643964" spans="14:14">
      <c r="N643964" s="10"/>
    </row>
    <row r="643965" spans="14:14">
      <c r="N643965" s="10"/>
    </row>
    <row r="643966" spans="14:14">
      <c r="N643966" s="10"/>
    </row>
    <row r="643967" spans="14:14">
      <c r="N643967" s="10"/>
    </row>
    <row r="643968" spans="14:14">
      <c r="N643968" s="10"/>
    </row>
    <row r="643969" spans="14:14">
      <c r="N643969" s="10"/>
    </row>
    <row r="643970" spans="14:14">
      <c r="N643970" s="10"/>
    </row>
    <row r="643971" spans="14:14">
      <c r="N643971" s="10"/>
    </row>
    <row r="643972" spans="14:14">
      <c r="N643972" s="10"/>
    </row>
    <row r="643973" spans="14:14">
      <c r="N643973" s="10"/>
    </row>
    <row r="643974" spans="14:14">
      <c r="N643974" s="10"/>
    </row>
    <row r="643975" spans="14:14">
      <c r="N643975" s="10"/>
    </row>
    <row r="643976" spans="14:14">
      <c r="N643976" s="10"/>
    </row>
    <row r="643977" spans="14:14">
      <c r="N643977" s="10"/>
    </row>
    <row r="643978" spans="14:14">
      <c r="N643978" s="10"/>
    </row>
    <row r="643979" spans="14:14">
      <c r="N643979" s="10"/>
    </row>
    <row r="643980" spans="14:14">
      <c r="N643980" s="10"/>
    </row>
    <row r="643981" spans="14:14">
      <c r="N643981" s="10"/>
    </row>
    <row r="643982" spans="14:14">
      <c r="N643982" s="10"/>
    </row>
    <row r="643983" spans="14:14">
      <c r="N643983" s="10"/>
    </row>
    <row r="643984" spans="14:14">
      <c r="N643984" s="10"/>
    </row>
    <row r="643985" spans="14:14">
      <c r="N643985" s="10"/>
    </row>
    <row r="643986" spans="14:14">
      <c r="N643986" s="10"/>
    </row>
    <row r="643987" spans="14:14">
      <c r="N643987" s="10"/>
    </row>
    <row r="643988" spans="14:14">
      <c r="N643988" s="10"/>
    </row>
    <row r="643989" spans="14:14">
      <c r="N643989" s="10"/>
    </row>
    <row r="643990" spans="14:14">
      <c r="N643990" s="10"/>
    </row>
    <row r="643991" spans="14:14">
      <c r="N643991" s="10"/>
    </row>
    <row r="643992" spans="14:14">
      <c r="N643992" s="10"/>
    </row>
    <row r="643993" spans="14:14">
      <c r="N643993" s="10"/>
    </row>
    <row r="643994" spans="14:14">
      <c r="N643994" s="10"/>
    </row>
    <row r="643995" spans="14:14">
      <c r="N643995" s="10"/>
    </row>
    <row r="643996" spans="14:14">
      <c r="N643996" s="10"/>
    </row>
    <row r="643997" spans="14:14">
      <c r="N643997" s="10"/>
    </row>
    <row r="643998" spans="14:14">
      <c r="N643998" s="10"/>
    </row>
    <row r="643999" spans="14:14">
      <c r="N643999" s="10"/>
    </row>
    <row r="644000" spans="14:14">
      <c r="N644000" s="10"/>
    </row>
    <row r="644001" spans="14:14">
      <c r="N644001" s="10"/>
    </row>
    <row r="644002" spans="14:14">
      <c r="N644002" s="10"/>
    </row>
    <row r="644003" spans="14:14">
      <c r="N644003" s="10"/>
    </row>
    <row r="644004" spans="14:14">
      <c r="N644004" s="10"/>
    </row>
    <row r="644005" spans="14:14">
      <c r="N644005" s="10"/>
    </row>
    <row r="644006" spans="14:14">
      <c r="N644006" s="10"/>
    </row>
    <row r="644007" spans="14:14">
      <c r="N644007" s="10"/>
    </row>
    <row r="644008" spans="14:14">
      <c r="N644008" s="10"/>
    </row>
    <row r="644009" spans="14:14">
      <c r="N644009" s="10"/>
    </row>
    <row r="644010" spans="14:14">
      <c r="N644010" s="10"/>
    </row>
    <row r="644011" spans="14:14">
      <c r="N644011" s="10"/>
    </row>
    <row r="644012" spans="14:14">
      <c r="N644012" s="10"/>
    </row>
    <row r="644013" spans="14:14">
      <c r="N644013" s="10"/>
    </row>
    <row r="644014" spans="14:14">
      <c r="N644014" s="10"/>
    </row>
    <row r="644015" spans="14:14">
      <c r="N644015" s="10"/>
    </row>
    <row r="644016" spans="14:14">
      <c r="N644016" s="10"/>
    </row>
    <row r="644017" spans="14:14">
      <c r="N644017" s="10"/>
    </row>
    <row r="644018" spans="14:14">
      <c r="N644018" s="10"/>
    </row>
    <row r="644019" spans="14:14">
      <c r="N644019" s="10"/>
    </row>
    <row r="644020" spans="14:14">
      <c r="N644020" s="10"/>
    </row>
    <row r="644021" spans="14:14">
      <c r="N644021" s="10"/>
    </row>
    <row r="644022" spans="14:14">
      <c r="N644022" s="10"/>
    </row>
    <row r="644023" spans="14:14">
      <c r="N644023" s="10"/>
    </row>
    <row r="644024" spans="14:14">
      <c r="N644024" s="10"/>
    </row>
    <row r="644025" spans="14:14">
      <c r="N644025" s="10"/>
    </row>
    <row r="644026" spans="14:14">
      <c r="N644026" s="10"/>
    </row>
    <row r="644027" spans="14:14">
      <c r="N644027" s="10"/>
    </row>
    <row r="644028" spans="14:14">
      <c r="N644028" s="10"/>
    </row>
    <row r="644029" spans="14:14">
      <c r="N644029" s="10"/>
    </row>
    <row r="644030" spans="14:14">
      <c r="N644030" s="10"/>
    </row>
    <row r="644031" spans="14:14">
      <c r="N644031" s="10"/>
    </row>
    <row r="644032" spans="14:14">
      <c r="N644032" s="10"/>
    </row>
    <row r="644033" spans="14:14">
      <c r="N644033" s="10"/>
    </row>
    <row r="644034" spans="14:14">
      <c r="N644034" s="10"/>
    </row>
    <row r="644035" spans="14:14">
      <c r="N644035" s="10"/>
    </row>
    <row r="644036" spans="14:14">
      <c r="N644036" s="10"/>
    </row>
    <row r="644037" spans="14:14">
      <c r="N644037" s="10"/>
    </row>
    <row r="644038" spans="14:14">
      <c r="N644038" s="10"/>
    </row>
    <row r="644039" spans="14:14">
      <c r="N644039" s="10"/>
    </row>
    <row r="644040" spans="14:14">
      <c r="N644040" s="10"/>
    </row>
    <row r="644041" spans="14:14">
      <c r="N644041" s="10"/>
    </row>
    <row r="644042" spans="14:14">
      <c r="N644042" s="10"/>
    </row>
    <row r="644043" spans="14:14">
      <c r="N644043" s="10"/>
    </row>
    <row r="644044" spans="14:14">
      <c r="N644044" s="10"/>
    </row>
    <row r="644045" spans="14:14">
      <c r="N644045" s="10"/>
    </row>
    <row r="644046" spans="14:14">
      <c r="N644046" s="10"/>
    </row>
    <row r="644047" spans="14:14">
      <c r="N644047" s="10"/>
    </row>
    <row r="644048" spans="14:14">
      <c r="N644048" s="10"/>
    </row>
    <row r="644049" spans="14:14">
      <c r="N644049" s="10"/>
    </row>
    <row r="644050" spans="14:14">
      <c r="N644050" s="10"/>
    </row>
    <row r="644051" spans="14:14">
      <c r="N644051" s="10"/>
    </row>
    <row r="644052" spans="14:14">
      <c r="N644052" s="10"/>
    </row>
    <row r="644053" spans="14:14">
      <c r="N644053" s="10"/>
    </row>
    <row r="644054" spans="14:14">
      <c r="N644054" s="10"/>
    </row>
    <row r="644055" spans="14:14">
      <c r="N644055" s="10"/>
    </row>
    <row r="644056" spans="14:14">
      <c r="N644056" s="10"/>
    </row>
    <row r="644057" spans="14:14">
      <c r="N644057" s="10"/>
    </row>
    <row r="644058" spans="14:14">
      <c r="N644058" s="10"/>
    </row>
    <row r="644059" spans="14:14">
      <c r="N644059" s="10"/>
    </row>
    <row r="644060" spans="14:14">
      <c r="N644060" s="10"/>
    </row>
    <row r="644061" spans="14:14">
      <c r="N644061" s="10"/>
    </row>
    <row r="644062" spans="14:14">
      <c r="N644062" s="10"/>
    </row>
    <row r="644063" spans="14:14">
      <c r="N644063" s="10"/>
    </row>
    <row r="644064" spans="14:14">
      <c r="N644064" s="10"/>
    </row>
    <row r="644065" spans="14:14">
      <c r="N644065" s="10"/>
    </row>
    <row r="644066" spans="14:14">
      <c r="N644066" s="10"/>
    </row>
    <row r="644067" spans="14:14">
      <c r="N644067" s="10"/>
    </row>
    <row r="644068" spans="14:14">
      <c r="N644068" s="10"/>
    </row>
    <row r="644069" spans="14:14">
      <c r="N644069" s="10"/>
    </row>
    <row r="644070" spans="14:14">
      <c r="N644070" s="10"/>
    </row>
    <row r="644071" spans="14:14">
      <c r="N644071" s="10"/>
    </row>
    <row r="644072" spans="14:14">
      <c r="N644072" s="10"/>
    </row>
    <row r="644073" spans="14:14">
      <c r="N644073" s="10"/>
    </row>
    <row r="644074" spans="14:14">
      <c r="N644074" s="10"/>
    </row>
    <row r="644075" spans="14:14">
      <c r="N644075" s="10"/>
    </row>
    <row r="644076" spans="14:14">
      <c r="N644076" s="10"/>
    </row>
    <row r="644077" spans="14:14">
      <c r="N644077" s="10"/>
    </row>
    <row r="644078" spans="14:14">
      <c r="N644078" s="10"/>
    </row>
    <row r="644079" spans="14:14">
      <c r="N644079" s="10"/>
    </row>
    <row r="644080" spans="14:14">
      <c r="N644080" s="10"/>
    </row>
    <row r="644081" spans="14:14">
      <c r="N644081" s="10"/>
    </row>
    <row r="644082" spans="14:14">
      <c r="N644082" s="10"/>
    </row>
    <row r="644083" spans="14:14">
      <c r="N644083" s="10"/>
    </row>
    <row r="644084" spans="14:14">
      <c r="N644084" s="10"/>
    </row>
    <row r="644085" spans="14:14">
      <c r="N644085" s="10"/>
    </row>
    <row r="644086" spans="14:14">
      <c r="N644086" s="10"/>
    </row>
    <row r="644087" spans="14:14">
      <c r="N644087" s="10"/>
    </row>
    <row r="644088" spans="14:14">
      <c r="N644088" s="10"/>
    </row>
    <row r="644089" spans="14:14">
      <c r="N644089" s="10"/>
    </row>
    <row r="644090" spans="14:14">
      <c r="N644090" s="10"/>
    </row>
    <row r="644091" spans="14:14">
      <c r="N644091" s="10"/>
    </row>
    <row r="644092" spans="14:14">
      <c r="N644092" s="10"/>
    </row>
    <row r="644093" spans="14:14">
      <c r="N644093" s="10"/>
    </row>
    <row r="644094" spans="14:14">
      <c r="N644094" s="10"/>
    </row>
    <row r="644095" spans="14:14">
      <c r="N644095" s="10"/>
    </row>
    <row r="644096" spans="14:14">
      <c r="N644096" s="10"/>
    </row>
    <row r="644097" spans="14:14">
      <c r="N644097" s="10"/>
    </row>
    <row r="644098" spans="14:14">
      <c r="N644098" s="10"/>
    </row>
    <row r="644099" spans="14:14">
      <c r="N644099" s="10"/>
    </row>
    <row r="644100" spans="14:14">
      <c r="N644100" s="10"/>
    </row>
    <row r="644101" spans="14:14">
      <c r="N644101" s="10"/>
    </row>
    <row r="644102" spans="14:14">
      <c r="N644102" s="10"/>
    </row>
    <row r="644103" spans="14:14">
      <c r="N644103" s="10"/>
    </row>
    <row r="644104" spans="14:14">
      <c r="N644104" s="10"/>
    </row>
    <row r="644105" spans="14:14">
      <c r="N644105" s="10"/>
    </row>
    <row r="644106" spans="14:14">
      <c r="N644106" s="10"/>
    </row>
    <row r="644107" spans="14:14">
      <c r="N644107" s="10"/>
    </row>
    <row r="644108" spans="14:14">
      <c r="N644108" s="10"/>
    </row>
    <row r="644109" spans="14:14">
      <c r="N644109" s="10"/>
    </row>
    <row r="644110" spans="14:14">
      <c r="N644110" s="10"/>
    </row>
    <row r="644111" spans="14:14">
      <c r="N644111" s="10"/>
    </row>
    <row r="644112" spans="14:14">
      <c r="N644112" s="10"/>
    </row>
    <row r="644113" spans="14:14">
      <c r="N644113" s="10"/>
    </row>
    <row r="644114" spans="14:14">
      <c r="N644114" s="10"/>
    </row>
    <row r="644115" spans="14:14">
      <c r="N644115" s="10"/>
    </row>
    <row r="644116" spans="14:14">
      <c r="N644116" s="10"/>
    </row>
    <row r="644117" spans="14:14">
      <c r="N644117" s="10"/>
    </row>
    <row r="644118" spans="14:14">
      <c r="N644118" s="10"/>
    </row>
    <row r="644119" spans="14:14">
      <c r="N644119" s="10"/>
    </row>
    <row r="644120" spans="14:14">
      <c r="N644120" s="10"/>
    </row>
    <row r="644121" spans="14:14">
      <c r="N644121" s="10"/>
    </row>
    <row r="644122" spans="14:14">
      <c r="N644122" s="10"/>
    </row>
    <row r="644123" spans="14:14">
      <c r="N644123" s="10"/>
    </row>
    <row r="644124" spans="14:14">
      <c r="N644124" s="10"/>
    </row>
    <row r="644125" spans="14:14">
      <c r="N644125" s="10"/>
    </row>
    <row r="644126" spans="14:14">
      <c r="N644126" s="10"/>
    </row>
    <row r="644127" spans="14:14">
      <c r="N644127" s="10"/>
    </row>
    <row r="644128" spans="14:14">
      <c r="N644128" s="10"/>
    </row>
    <row r="644129" spans="14:14">
      <c r="N644129" s="10"/>
    </row>
    <row r="644130" spans="14:14">
      <c r="N644130" s="10"/>
    </row>
    <row r="644131" spans="14:14">
      <c r="N644131" s="10"/>
    </row>
    <row r="644132" spans="14:14">
      <c r="N644132" s="10"/>
    </row>
    <row r="644133" spans="14:14">
      <c r="N644133" s="10"/>
    </row>
    <row r="644134" spans="14:14">
      <c r="N644134" s="10"/>
    </row>
    <row r="644135" spans="14:14">
      <c r="N644135" s="10"/>
    </row>
    <row r="644136" spans="14:14">
      <c r="N644136" s="10"/>
    </row>
    <row r="644137" spans="14:14">
      <c r="N644137" s="10"/>
    </row>
    <row r="644138" spans="14:14">
      <c r="N644138" s="10"/>
    </row>
    <row r="644139" spans="14:14">
      <c r="N644139" s="10"/>
    </row>
    <row r="644140" spans="14:14">
      <c r="N644140" s="10"/>
    </row>
    <row r="644141" spans="14:14">
      <c r="N644141" s="10"/>
    </row>
    <row r="644142" spans="14:14">
      <c r="N644142" s="10"/>
    </row>
    <row r="644143" spans="14:14">
      <c r="N644143" s="10"/>
    </row>
    <row r="644144" spans="14:14">
      <c r="N644144" s="10"/>
    </row>
    <row r="644145" spans="14:14">
      <c r="N644145" s="10"/>
    </row>
    <row r="644146" spans="14:14">
      <c r="N644146" s="10"/>
    </row>
    <row r="644147" spans="14:14">
      <c r="N644147" s="10"/>
    </row>
    <row r="644148" spans="14:14">
      <c r="N644148" s="10"/>
    </row>
    <row r="644149" spans="14:14">
      <c r="N644149" s="10"/>
    </row>
    <row r="644150" spans="14:14">
      <c r="N644150" s="10"/>
    </row>
    <row r="644151" spans="14:14">
      <c r="N644151" s="10"/>
    </row>
    <row r="644152" spans="14:14">
      <c r="N644152" s="10"/>
    </row>
    <row r="644153" spans="14:14">
      <c r="N644153" s="10"/>
    </row>
    <row r="644154" spans="14:14">
      <c r="N644154" s="10"/>
    </row>
    <row r="644155" spans="14:14">
      <c r="N644155" s="10"/>
    </row>
    <row r="644156" spans="14:14">
      <c r="N644156" s="10"/>
    </row>
    <row r="644157" spans="14:14">
      <c r="N644157" s="10"/>
    </row>
    <row r="644158" spans="14:14">
      <c r="N644158" s="10"/>
    </row>
    <row r="644159" spans="14:14">
      <c r="N644159" s="10"/>
    </row>
    <row r="644160" spans="14:14">
      <c r="N644160" s="10"/>
    </row>
    <row r="644161" spans="14:14">
      <c r="N644161" s="10"/>
    </row>
    <row r="644162" spans="14:14">
      <c r="N644162" s="10"/>
    </row>
    <row r="644163" spans="14:14">
      <c r="N644163" s="10"/>
    </row>
    <row r="644164" spans="14:14">
      <c r="N644164" s="10"/>
    </row>
    <row r="644165" spans="14:14">
      <c r="N644165" s="10"/>
    </row>
    <row r="644166" spans="14:14">
      <c r="N644166" s="10"/>
    </row>
    <row r="644167" spans="14:14">
      <c r="N644167" s="10"/>
    </row>
    <row r="644168" spans="14:14">
      <c r="N644168" s="10"/>
    </row>
    <row r="644169" spans="14:14">
      <c r="N644169" s="10"/>
    </row>
    <row r="644170" spans="14:14">
      <c r="N644170" s="10"/>
    </row>
    <row r="644171" spans="14:14">
      <c r="N644171" s="10"/>
    </row>
    <row r="644172" spans="14:14">
      <c r="N644172" s="10"/>
    </row>
    <row r="644173" spans="14:14">
      <c r="N644173" s="10"/>
    </row>
    <row r="644174" spans="14:14">
      <c r="N644174" s="10"/>
    </row>
    <row r="644175" spans="14:14">
      <c r="N644175" s="10"/>
    </row>
    <row r="644176" spans="14:14">
      <c r="N644176" s="10"/>
    </row>
    <row r="644177" spans="14:14">
      <c r="N644177" s="10"/>
    </row>
    <row r="644178" spans="14:14">
      <c r="N644178" s="10"/>
    </row>
    <row r="644179" spans="14:14">
      <c r="N644179" s="10"/>
    </row>
    <row r="644180" spans="14:14">
      <c r="N644180" s="10"/>
    </row>
    <row r="644181" spans="14:14">
      <c r="N644181" s="10"/>
    </row>
    <row r="644182" spans="14:14">
      <c r="N644182" s="10"/>
    </row>
    <row r="644183" spans="14:14">
      <c r="N644183" s="10"/>
    </row>
    <row r="644184" spans="14:14">
      <c r="N644184" s="10"/>
    </row>
    <row r="644185" spans="14:14">
      <c r="N644185" s="10"/>
    </row>
    <row r="644186" spans="14:14">
      <c r="N644186" s="10"/>
    </row>
    <row r="644187" spans="14:14">
      <c r="N644187" s="10"/>
    </row>
    <row r="644188" spans="14:14">
      <c r="N644188" s="10"/>
    </row>
    <row r="644189" spans="14:14">
      <c r="N644189" s="10"/>
    </row>
    <row r="644190" spans="14:14">
      <c r="N644190" s="10"/>
    </row>
    <row r="644191" spans="14:14">
      <c r="N644191" s="10"/>
    </row>
    <row r="644192" spans="14:14">
      <c r="N644192" s="10"/>
    </row>
    <row r="644193" spans="14:14">
      <c r="N644193" s="10"/>
    </row>
    <row r="644194" spans="14:14">
      <c r="N644194" s="10"/>
    </row>
    <row r="644195" spans="14:14">
      <c r="N644195" s="10"/>
    </row>
    <row r="644196" spans="14:14">
      <c r="N644196" s="10"/>
    </row>
    <row r="644197" spans="14:14">
      <c r="N644197" s="10"/>
    </row>
    <row r="644198" spans="14:14">
      <c r="N644198" s="10"/>
    </row>
    <row r="644199" spans="14:14">
      <c r="N644199" s="10"/>
    </row>
    <row r="644200" spans="14:14">
      <c r="N644200" s="10"/>
    </row>
    <row r="644201" spans="14:14">
      <c r="N644201" s="10"/>
    </row>
    <row r="644202" spans="14:14">
      <c r="N644202" s="10"/>
    </row>
    <row r="644203" spans="14:14">
      <c r="N644203" s="10"/>
    </row>
    <row r="644204" spans="14:14">
      <c r="N644204" s="10"/>
    </row>
    <row r="644205" spans="14:14">
      <c r="N644205" s="10"/>
    </row>
    <row r="644206" spans="14:14">
      <c r="N644206" s="10"/>
    </row>
    <row r="644207" spans="14:14">
      <c r="N644207" s="10"/>
    </row>
    <row r="644208" spans="14:14">
      <c r="N644208" s="10"/>
    </row>
    <row r="644209" spans="14:14">
      <c r="N644209" s="10"/>
    </row>
    <row r="644210" spans="14:14">
      <c r="N644210" s="10"/>
    </row>
    <row r="644211" spans="14:14">
      <c r="N644211" s="10"/>
    </row>
    <row r="644212" spans="14:14">
      <c r="N644212" s="10"/>
    </row>
    <row r="644213" spans="14:14">
      <c r="N644213" s="10"/>
    </row>
    <row r="644214" spans="14:14">
      <c r="N644214" s="10"/>
    </row>
    <row r="644215" spans="14:14">
      <c r="N644215" s="10"/>
    </row>
    <row r="644216" spans="14:14">
      <c r="N644216" s="10"/>
    </row>
    <row r="644217" spans="14:14">
      <c r="N644217" s="10"/>
    </row>
    <row r="644218" spans="14:14">
      <c r="N644218" s="10"/>
    </row>
    <row r="644219" spans="14:14">
      <c r="N644219" s="10"/>
    </row>
    <row r="644220" spans="14:14">
      <c r="N644220" s="10"/>
    </row>
    <row r="644221" spans="14:14">
      <c r="N644221" s="10"/>
    </row>
    <row r="644222" spans="14:14">
      <c r="N644222" s="10"/>
    </row>
    <row r="644223" spans="14:14">
      <c r="N644223" s="10"/>
    </row>
    <row r="644224" spans="14:14">
      <c r="N644224" s="10"/>
    </row>
    <row r="644225" spans="14:14">
      <c r="N644225" s="10"/>
    </row>
    <row r="644226" spans="14:14">
      <c r="N644226" s="10"/>
    </row>
    <row r="644227" spans="14:14">
      <c r="N644227" s="10"/>
    </row>
    <row r="644228" spans="14:14">
      <c r="N644228" s="10"/>
    </row>
    <row r="644229" spans="14:14">
      <c r="N644229" s="10"/>
    </row>
    <row r="644230" spans="14:14">
      <c r="N644230" s="10"/>
    </row>
    <row r="644231" spans="14:14">
      <c r="N644231" s="10"/>
    </row>
    <row r="644232" spans="14:14">
      <c r="N644232" s="10"/>
    </row>
    <row r="644233" spans="14:14">
      <c r="N644233" s="10"/>
    </row>
    <row r="644234" spans="14:14">
      <c r="N644234" s="10"/>
    </row>
    <row r="644235" spans="14:14">
      <c r="N644235" s="10"/>
    </row>
    <row r="644236" spans="14:14">
      <c r="N644236" s="10"/>
    </row>
    <row r="644237" spans="14:14">
      <c r="N644237" s="10"/>
    </row>
    <row r="644238" spans="14:14">
      <c r="N644238" s="10"/>
    </row>
    <row r="644239" spans="14:14">
      <c r="N644239" s="10"/>
    </row>
    <row r="644240" spans="14:14">
      <c r="N644240" s="10"/>
    </row>
    <row r="644241" spans="14:14">
      <c r="N644241" s="10"/>
    </row>
    <row r="644242" spans="14:14">
      <c r="N644242" s="10"/>
    </row>
    <row r="644243" spans="14:14">
      <c r="N644243" s="10"/>
    </row>
    <row r="644244" spans="14:14">
      <c r="N644244" s="10"/>
    </row>
    <row r="644245" spans="14:14">
      <c r="N644245" s="10"/>
    </row>
    <row r="644246" spans="14:14">
      <c r="N644246" s="10"/>
    </row>
    <row r="644247" spans="14:14">
      <c r="N644247" s="10"/>
    </row>
    <row r="644248" spans="14:14">
      <c r="N644248" s="10"/>
    </row>
    <row r="644249" spans="14:14">
      <c r="N644249" s="10"/>
    </row>
    <row r="644250" spans="14:14">
      <c r="N644250" s="10"/>
    </row>
    <row r="644251" spans="14:14">
      <c r="N644251" s="10"/>
    </row>
    <row r="644252" spans="14:14">
      <c r="N644252" s="10"/>
    </row>
    <row r="644253" spans="14:14">
      <c r="N644253" s="10"/>
    </row>
    <row r="644254" spans="14:14">
      <c r="N644254" s="10"/>
    </row>
    <row r="644255" spans="14:14">
      <c r="N644255" s="10"/>
    </row>
    <row r="644256" spans="14:14">
      <c r="N644256" s="10"/>
    </row>
    <row r="644257" spans="14:14">
      <c r="N644257" s="10"/>
    </row>
    <row r="644258" spans="14:14">
      <c r="N644258" s="10"/>
    </row>
    <row r="644259" spans="14:14">
      <c r="N644259" s="10"/>
    </row>
    <row r="644260" spans="14:14">
      <c r="N644260" s="10"/>
    </row>
    <row r="644261" spans="14:14">
      <c r="N644261" s="10"/>
    </row>
    <row r="644262" spans="14:14">
      <c r="N644262" s="10"/>
    </row>
    <row r="644263" spans="14:14">
      <c r="N644263" s="10"/>
    </row>
    <row r="644264" spans="14:14">
      <c r="N644264" s="10"/>
    </row>
    <row r="644265" spans="14:14">
      <c r="N644265" s="10"/>
    </row>
    <row r="644266" spans="14:14">
      <c r="N644266" s="10"/>
    </row>
    <row r="644267" spans="14:14">
      <c r="N644267" s="10"/>
    </row>
    <row r="644268" spans="14:14">
      <c r="N644268" s="10"/>
    </row>
    <row r="644269" spans="14:14">
      <c r="N644269" s="10"/>
    </row>
    <row r="644270" spans="14:14">
      <c r="N644270" s="10"/>
    </row>
    <row r="644271" spans="14:14">
      <c r="N644271" s="10"/>
    </row>
    <row r="644272" spans="14:14">
      <c r="N644272" s="10"/>
    </row>
    <row r="644273" spans="14:14">
      <c r="N644273" s="10"/>
    </row>
    <row r="644274" spans="14:14">
      <c r="N644274" s="10"/>
    </row>
    <row r="644275" spans="14:14">
      <c r="N644275" s="10"/>
    </row>
    <row r="644276" spans="14:14">
      <c r="N644276" s="10"/>
    </row>
    <row r="644277" spans="14:14">
      <c r="N644277" s="10"/>
    </row>
    <row r="644278" spans="14:14">
      <c r="N644278" s="10"/>
    </row>
    <row r="644279" spans="14:14">
      <c r="N644279" s="10"/>
    </row>
    <row r="644280" spans="14:14">
      <c r="N644280" s="10"/>
    </row>
    <row r="644281" spans="14:14">
      <c r="N644281" s="10"/>
    </row>
    <row r="644282" spans="14:14">
      <c r="N644282" s="10"/>
    </row>
    <row r="644283" spans="14:14">
      <c r="N644283" s="10"/>
    </row>
    <row r="644284" spans="14:14">
      <c r="N644284" s="10"/>
    </row>
    <row r="644285" spans="14:14">
      <c r="N644285" s="10"/>
    </row>
    <row r="644286" spans="14:14">
      <c r="N644286" s="10"/>
    </row>
    <row r="644287" spans="14:14">
      <c r="N644287" s="10"/>
    </row>
    <row r="644288" spans="14:14">
      <c r="N644288" s="10"/>
    </row>
    <row r="644289" spans="14:14">
      <c r="N644289" s="10"/>
    </row>
    <row r="644290" spans="14:14">
      <c r="N644290" s="10"/>
    </row>
    <row r="644291" spans="14:14">
      <c r="N644291" s="10"/>
    </row>
    <row r="644292" spans="14:14">
      <c r="N644292" s="10"/>
    </row>
    <row r="644293" spans="14:14">
      <c r="N644293" s="10"/>
    </row>
    <row r="644294" spans="14:14">
      <c r="N644294" s="10"/>
    </row>
    <row r="644295" spans="14:14">
      <c r="N644295" s="10"/>
    </row>
    <row r="644296" spans="14:14">
      <c r="N644296" s="10"/>
    </row>
    <row r="644297" spans="14:14">
      <c r="N644297" s="10"/>
    </row>
    <row r="644298" spans="14:14">
      <c r="N644298" s="10"/>
    </row>
    <row r="644299" spans="14:14">
      <c r="N644299" s="10"/>
    </row>
    <row r="644300" spans="14:14">
      <c r="N644300" s="10"/>
    </row>
    <row r="644301" spans="14:14">
      <c r="N644301" s="10"/>
    </row>
    <row r="644302" spans="14:14">
      <c r="N644302" s="10"/>
    </row>
    <row r="644303" spans="14:14">
      <c r="N644303" s="10"/>
    </row>
    <row r="644304" spans="14:14">
      <c r="N644304" s="10"/>
    </row>
    <row r="644305" spans="14:14">
      <c r="N644305" s="10"/>
    </row>
    <row r="644306" spans="14:14">
      <c r="N644306" s="10"/>
    </row>
    <row r="644307" spans="14:14">
      <c r="N644307" s="10"/>
    </row>
    <row r="644308" spans="14:14">
      <c r="N644308" s="10"/>
    </row>
    <row r="644309" spans="14:14">
      <c r="N644309" s="10"/>
    </row>
    <row r="644310" spans="14:14">
      <c r="N644310" s="10"/>
    </row>
    <row r="644311" spans="14:14">
      <c r="N644311" s="10"/>
    </row>
    <row r="644312" spans="14:14">
      <c r="N644312" s="10"/>
    </row>
    <row r="644313" spans="14:14">
      <c r="N644313" s="10"/>
    </row>
    <row r="644314" spans="14:14">
      <c r="N644314" s="10"/>
    </row>
    <row r="644315" spans="14:14">
      <c r="N644315" s="10"/>
    </row>
    <row r="644316" spans="14:14">
      <c r="N644316" s="10"/>
    </row>
    <row r="644317" spans="14:14">
      <c r="N644317" s="10"/>
    </row>
    <row r="644318" spans="14:14">
      <c r="N644318" s="10"/>
    </row>
    <row r="644319" spans="14:14">
      <c r="N644319" s="10"/>
    </row>
    <row r="644320" spans="14:14">
      <c r="N644320" s="10"/>
    </row>
    <row r="644321" spans="14:14">
      <c r="N644321" s="10"/>
    </row>
    <row r="644322" spans="14:14">
      <c r="N644322" s="10"/>
    </row>
    <row r="644323" spans="14:14">
      <c r="N644323" s="10"/>
    </row>
    <row r="644324" spans="14:14">
      <c r="N644324" s="10"/>
    </row>
    <row r="644325" spans="14:14">
      <c r="N644325" s="10"/>
    </row>
    <row r="644326" spans="14:14">
      <c r="N644326" s="10"/>
    </row>
    <row r="644327" spans="14:14">
      <c r="N644327" s="10"/>
    </row>
    <row r="644328" spans="14:14">
      <c r="N644328" s="10"/>
    </row>
    <row r="644329" spans="14:14">
      <c r="N644329" s="10"/>
    </row>
    <row r="644330" spans="14:14">
      <c r="N644330" s="10"/>
    </row>
    <row r="644331" spans="14:14">
      <c r="N644331" s="10"/>
    </row>
    <row r="644332" spans="14:14">
      <c r="N644332" s="10"/>
    </row>
    <row r="644333" spans="14:14">
      <c r="N644333" s="10"/>
    </row>
    <row r="644334" spans="14:14">
      <c r="N644334" s="10"/>
    </row>
    <row r="644335" spans="14:14">
      <c r="N644335" s="10"/>
    </row>
    <row r="644336" spans="14:14">
      <c r="N644336" s="10"/>
    </row>
    <row r="644337" spans="14:14">
      <c r="N644337" s="10"/>
    </row>
    <row r="644338" spans="14:14">
      <c r="N644338" s="10"/>
    </row>
    <row r="644339" spans="14:14">
      <c r="N644339" s="10"/>
    </row>
    <row r="644340" spans="14:14">
      <c r="N644340" s="10"/>
    </row>
    <row r="644341" spans="14:14">
      <c r="N644341" s="10"/>
    </row>
    <row r="644342" spans="14:14">
      <c r="N644342" s="10"/>
    </row>
    <row r="644343" spans="14:14">
      <c r="N644343" s="10"/>
    </row>
    <row r="644344" spans="14:14">
      <c r="N644344" s="10"/>
    </row>
    <row r="644345" spans="14:14">
      <c r="N644345" s="10"/>
    </row>
    <row r="644346" spans="14:14">
      <c r="N644346" s="10"/>
    </row>
    <row r="644347" spans="14:14">
      <c r="N644347" s="10"/>
    </row>
    <row r="644348" spans="14:14">
      <c r="N644348" s="10"/>
    </row>
    <row r="644349" spans="14:14">
      <c r="N644349" s="10"/>
    </row>
    <row r="644350" spans="14:14">
      <c r="N644350" s="10"/>
    </row>
    <row r="644351" spans="14:14">
      <c r="N644351" s="10"/>
    </row>
    <row r="644352" spans="14:14">
      <c r="N644352" s="10"/>
    </row>
    <row r="644353" spans="14:14">
      <c r="N644353" s="10"/>
    </row>
    <row r="644354" spans="14:14">
      <c r="N644354" s="10"/>
    </row>
    <row r="644355" spans="14:14">
      <c r="N644355" s="10"/>
    </row>
    <row r="644356" spans="14:14">
      <c r="N644356" s="10"/>
    </row>
    <row r="644357" spans="14:14">
      <c r="N644357" s="10"/>
    </row>
    <row r="644358" spans="14:14">
      <c r="N644358" s="10"/>
    </row>
    <row r="644359" spans="14:14">
      <c r="N644359" s="10"/>
    </row>
    <row r="644360" spans="14:14">
      <c r="N644360" s="10"/>
    </row>
    <row r="644361" spans="14:14">
      <c r="N644361" s="10"/>
    </row>
    <row r="644362" spans="14:14">
      <c r="N644362" s="10"/>
    </row>
    <row r="644363" spans="14:14">
      <c r="N644363" s="10"/>
    </row>
    <row r="644364" spans="14:14">
      <c r="N644364" s="10"/>
    </row>
    <row r="644365" spans="14:14">
      <c r="N644365" s="10"/>
    </row>
    <row r="644366" spans="14:14">
      <c r="N644366" s="10"/>
    </row>
    <row r="644367" spans="14:14">
      <c r="N644367" s="10"/>
    </row>
    <row r="644368" spans="14:14">
      <c r="N644368" s="10"/>
    </row>
    <row r="644369" spans="14:14">
      <c r="N644369" s="10"/>
    </row>
    <row r="644370" spans="14:14">
      <c r="N644370" s="10"/>
    </row>
    <row r="644371" spans="14:14">
      <c r="N644371" s="10"/>
    </row>
    <row r="644372" spans="14:14">
      <c r="N644372" s="10"/>
    </row>
    <row r="644373" spans="14:14">
      <c r="N644373" s="10"/>
    </row>
    <row r="644374" spans="14:14">
      <c r="N644374" s="10"/>
    </row>
    <row r="644375" spans="14:14">
      <c r="N644375" s="10"/>
    </row>
    <row r="644376" spans="14:14">
      <c r="N644376" s="10"/>
    </row>
    <row r="644377" spans="14:14">
      <c r="N644377" s="10"/>
    </row>
    <row r="644378" spans="14:14">
      <c r="N644378" s="10"/>
    </row>
    <row r="644379" spans="14:14">
      <c r="N644379" s="10"/>
    </row>
    <row r="644380" spans="14:14">
      <c r="N644380" s="10"/>
    </row>
    <row r="644381" spans="14:14">
      <c r="N644381" s="10"/>
    </row>
    <row r="644382" spans="14:14">
      <c r="N644382" s="10"/>
    </row>
    <row r="644383" spans="14:14">
      <c r="N644383" s="10"/>
    </row>
    <row r="644384" spans="14:14">
      <c r="N644384" s="10"/>
    </row>
    <row r="644385" spans="14:14">
      <c r="N644385" s="10"/>
    </row>
    <row r="644386" spans="14:14">
      <c r="N644386" s="10"/>
    </row>
    <row r="644387" spans="14:14">
      <c r="N644387" s="10"/>
    </row>
    <row r="644388" spans="14:14">
      <c r="N644388" s="10"/>
    </row>
    <row r="644389" spans="14:14">
      <c r="N644389" s="10"/>
    </row>
    <row r="644390" spans="14:14">
      <c r="N644390" s="10"/>
    </row>
    <row r="644391" spans="14:14">
      <c r="N644391" s="10"/>
    </row>
    <row r="644392" spans="14:14">
      <c r="N644392" s="10"/>
    </row>
    <row r="644393" spans="14:14">
      <c r="N644393" s="10"/>
    </row>
    <row r="644394" spans="14:14">
      <c r="N644394" s="10"/>
    </row>
    <row r="644395" spans="14:14">
      <c r="N644395" s="10"/>
    </row>
    <row r="644396" spans="14:14">
      <c r="N644396" s="10"/>
    </row>
    <row r="644397" spans="14:14">
      <c r="N644397" s="10"/>
    </row>
    <row r="644398" spans="14:14">
      <c r="N644398" s="10"/>
    </row>
    <row r="644399" spans="14:14">
      <c r="N644399" s="10"/>
    </row>
    <row r="644400" spans="14:14">
      <c r="N644400" s="10"/>
    </row>
    <row r="644401" spans="14:14">
      <c r="N644401" s="10"/>
    </row>
    <row r="644402" spans="14:14">
      <c r="N644402" s="10"/>
    </row>
    <row r="644403" spans="14:14">
      <c r="N644403" s="10"/>
    </row>
    <row r="644404" spans="14:14">
      <c r="N644404" s="10"/>
    </row>
    <row r="644405" spans="14:14">
      <c r="N644405" s="10"/>
    </row>
    <row r="644406" spans="14:14">
      <c r="N644406" s="10"/>
    </row>
    <row r="644407" spans="14:14">
      <c r="N644407" s="10"/>
    </row>
    <row r="644408" spans="14:14">
      <c r="N644408" s="10"/>
    </row>
    <row r="644409" spans="14:14">
      <c r="N644409" s="10"/>
    </row>
    <row r="644410" spans="14:14">
      <c r="N644410" s="10"/>
    </row>
    <row r="644411" spans="14:14">
      <c r="N644411" s="10"/>
    </row>
    <row r="644412" spans="14:14">
      <c r="N644412" s="10"/>
    </row>
    <row r="644413" spans="14:14">
      <c r="N644413" s="10"/>
    </row>
    <row r="644414" spans="14:14">
      <c r="N644414" s="10"/>
    </row>
    <row r="644415" spans="14:14">
      <c r="N644415" s="10"/>
    </row>
    <row r="644416" spans="14:14">
      <c r="N644416" s="10"/>
    </row>
    <row r="644417" spans="14:14">
      <c r="N644417" s="10"/>
    </row>
    <row r="644418" spans="14:14">
      <c r="N644418" s="10"/>
    </row>
    <row r="644419" spans="14:14">
      <c r="N644419" s="10"/>
    </row>
    <row r="644420" spans="14:14">
      <c r="N644420" s="10"/>
    </row>
    <row r="644421" spans="14:14">
      <c r="N644421" s="10"/>
    </row>
    <row r="644422" spans="14:14">
      <c r="N644422" s="10"/>
    </row>
    <row r="644423" spans="14:14">
      <c r="N644423" s="10"/>
    </row>
    <row r="644424" spans="14:14">
      <c r="N644424" s="10"/>
    </row>
    <row r="644425" spans="14:14">
      <c r="N644425" s="10"/>
    </row>
    <row r="644426" spans="14:14">
      <c r="N644426" s="10"/>
    </row>
    <row r="644427" spans="14:14">
      <c r="N644427" s="10"/>
    </row>
    <row r="644428" spans="14:14">
      <c r="N644428" s="10"/>
    </row>
    <row r="644429" spans="14:14">
      <c r="N644429" s="10"/>
    </row>
    <row r="644430" spans="14:14">
      <c r="N644430" s="10"/>
    </row>
    <row r="644431" spans="14:14">
      <c r="N644431" s="10"/>
    </row>
    <row r="644432" spans="14:14">
      <c r="N644432" s="10"/>
    </row>
    <row r="644433" spans="14:14">
      <c r="N644433" s="10"/>
    </row>
    <row r="644434" spans="14:14">
      <c r="N644434" s="10"/>
    </row>
    <row r="644435" spans="14:14">
      <c r="N644435" s="10"/>
    </row>
    <row r="644436" spans="14:14">
      <c r="N644436" s="10"/>
    </row>
    <row r="644437" spans="14:14">
      <c r="N644437" s="10"/>
    </row>
    <row r="644438" spans="14:14">
      <c r="N644438" s="10"/>
    </row>
    <row r="644439" spans="14:14">
      <c r="N644439" s="10"/>
    </row>
    <row r="644440" spans="14:14">
      <c r="N644440" s="10"/>
    </row>
    <row r="644441" spans="14:14">
      <c r="N644441" s="10"/>
    </row>
    <row r="644442" spans="14:14">
      <c r="N644442" s="10"/>
    </row>
    <row r="644443" spans="14:14">
      <c r="N644443" s="10"/>
    </row>
    <row r="644444" spans="14:14">
      <c r="N644444" s="10"/>
    </row>
    <row r="644445" spans="14:14">
      <c r="N644445" s="10"/>
    </row>
    <row r="644446" spans="14:14">
      <c r="N644446" s="10"/>
    </row>
    <row r="644447" spans="14:14">
      <c r="N644447" s="10"/>
    </row>
    <row r="644448" spans="14:14">
      <c r="N644448" s="10"/>
    </row>
    <row r="644449" spans="14:14">
      <c r="N644449" s="10"/>
    </row>
    <row r="644450" spans="14:14">
      <c r="N644450" s="10"/>
    </row>
    <row r="644451" spans="14:14">
      <c r="N644451" s="10"/>
    </row>
    <row r="644452" spans="14:14">
      <c r="N644452" s="10"/>
    </row>
    <row r="644453" spans="14:14">
      <c r="N644453" s="10"/>
    </row>
    <row r="644454" spans="14:14">
      <c r="N644454" s="10"/>
    </row>
    <row r="644455" spans="14:14">
      <c r="N644455" s="10"/>
    </row>
    <row r="644456" spans="14:14">
      <c r="N644456" s="10"/>
    </row>
    <row r="644457" spans="14:14">
      <c r="N644457" s="10"/>
    </row>
    <row r="644458" spans="14:14">
      <c r="N644458" s="10"/>
    </row>
    <row r="644459" spans="14:14">
      <c r="N644459" s="10"/>
    </row>
    <row r="644460" spans="14:14">
      <c r="N644460" s="10"/>
    </row>
    <row r="644461" spans="14:14">
      <c r="N644461" s="10"/>
    </row>
    <row r="644462" spans="14:14">
      <c r="N644462" s="10"/>
    </row>
    <row r="644463" spans="14:14">
      <c r="N644463" s="10"/>
    </row>
    <row r="644464" spans="14:14">
      <c r="N644464" s="10"/>
    </row>
    <row r="644465" spans="14:14">
      <c r="N644465" s="10"/>
    </row>
    <row r="644466" spans="14:14">
      <c r="N644466" s="10"/>
    </row>
    <row r="644467" spans="14:14">
      <c r="N644467" s="10"/>
    </row>
    <row r="644468" spans="14:14">
      <c r="N644468" s="10"/>
    </row>
    <row r="644469" spans="14:14">
      <c r="N644469" s="10"/>
    </row>
    <row r="644470" spans="14:14">
      <c r="N644470" s="10"/>
    </row>
    <row r="644471" spans="14:14">
      <c r="N644471" s="10"/>
    </row>
    <row r="644472" spans="14:14">
      <c r="N644472" s="10"/>
    </row>
    <row r="644473" spans="14:14">
      <c r="N644473" s="10"/>
    </row>
    <row r="644474" spans="14:14">
      <c r="N644474" s="10"/>
    </row>
    <row r="644475" spans="14:14">
      <c r="N644475" s="10"/>
    </row>
    <row r="644476" spans="14:14">
      <c r="N644476" s="10"/>
    </row>
    <row r="644477" spans="14:14">
      <c r="N644477" s="10"/>
    </row>
    <row r="644478" spans="14:14">
      <c r="N644478" s="10"/>
    </row>
    <row r="644479" spans="14:14">
      <c r="N644479" s="10"/>
    </row>
    <row r="644480" spans="14:14">
      <c r="N644480" s="10"/>
    </row>
    <row r="644481" spans="14:14">
      <c r="N644481" s="10"/>
    </row>
    <row r="644482" spans="14:14">
      <c r="N644482" s="10"/>
    </row>
    <row r="644483" spans="14:14">
      <c r="N644483" s="10"/>
    </row>
    <row r="644484" spans="14:14">
      <c r="N644484" s="10"/>
    </row>
    <row r="644485" spans="14:14">
      <c r="N644485" s="10"/>
    </row>
    <row r="644486" spans="14:14">
      <c r="N644486" s="10"/>
    </row>
    <row r="644487" spans="14:14">
      <c r="N644487" s="10"/>
    </row>
    <row r="644488" spans="14:14">
      <c r="N644488" s="10"/>
    </row>
    <row r="644489" spans="14:14">
      <c r="N644489" s="10"/>
    </row>
    <row r="644490" spans="14:14">
      <c r="N644490" s="10"/>
    </row>
    <row r="644491" spans="14:14">
      <c r="N644491" s="10"/>
    </row>
    <row r="644492" spans="14:14">
      <c r="N644492" s="10"/>
    </row>
    <row r="644493" spans="14:14">
      <c r="N644493" s="10"/>
    </row>
    <row r="644494" spans="14:14">
      <c r="N644494" s="10"/>
    </row>
    <row r="644495" spans="14:14">
      <c r="N644495" s="10"/>
    </row>
    <row r="644496" spans="14:14">
      <c r="N644496" s="10"/>
    </row>
    <row r="644497" spans="14:14">
      <c r="N644497" s="10"/>
    </row>
    <row r="644498" spans="14:14">
      <c r="N644498" s="10"/>
    </row>
    <row r="644499" spans="14:14">
      <c r="N644499" s="10"/>
    </row>
    <row r="644500" spans="14:14">
      <c r="N644500" s="10"/>
    </row>
    <row r="644501" spans="14:14">
      <c r="N644501" s="10"/>
    </row>
    <row r="644502" spans="14:14">
      <c r="N644502" s="10"/>
    </row>
    <row r="644503" spans="14:14">
      <c r="N644503" s="10"/>
    </row>
    <row r="644504" spans="14:14">
      <c r="N644504" s="10"/>
    </row>
    <row r="644505" spans="14:14">
      <c r="N644505" s="10"/>
    </row>
    <row r="644506" spans="14:14">
      <c r="N644506" s="10"/>
    </row>
    <row r="644507" spans="14:14">
      <c r="N644507" s="10"/>
    </row>
    <row r="644508" spans="14:14">
      <c r="N644508" s="10"/>
    </row>
    <row r="644509" spans="14:14">
      <c r="N644509" s="10"/>
    </row>
    <row r="644510" spans="14:14">
      <c r="N644510" s="10"/>
    </row>
    <row r="644511" spans="14:14">
      <c r="N644511" s="10"/>
    </row>
    <row r="644512" spans="14:14">
      <c r="N644512" s="10"/>
    </row>
    <row r="644513" spans="14:14">
      <c r="N644513" s="10"/>
    </row>
    <row r="644514" spans="14:14">
      <c r="N644514" s="10"/>
    </row>
    <row r="644515" spans="14:14">
      <c r="N644515" s="10"/>
    </row>
    <row r="644516" spans="14:14">
      <c r="N644516" s="10"/>
    </row>
    <row r="644517" spans="14:14">
      <c r="N644517" s="10"/>
    </row>
    <row r="644518" spans="14:14">
      <c r="N644518" s="10"/>
    </row>
    <row r="644519" spans="14:14">
      <c r="N644519" s="10"/>
    </row>
    <row r="644520" spans="14:14">
      <c r="N644520" s="10"/>
    </row>
    <row r="644521" spans="14:14">
      <c r="N644521" s="10"/>
    </row>
    <row r="644522" spans="14:14">
      <c r="N644522" s="10"/>
    </row>
    <row r="644523" spans="14:14">
      <c r="N644523" s="10"/>
    </row>
    <row r="644524" spans="14:14">
      <c r="N644524" s="10"/>
    </row>
    <row r="644525" spans="14:14">
      <c r="N644525" s="10"/>
    </row>
    <row r="644526" spans="14:14">
      <c r="N644526" s="10"/>
    </row>
    <row r="644527" spans="14:14">
      <c r="N644527" s="10"/>
    </row>
    <row r="644528" spans="14:14">
      <c r="N644528" s="10"/>
    </row>
    <row r="644529" spans="14:14">
      <c r="N644529" s="10"/>
    </row>
    <row r="644530" spans="14:14">
      <c r="N644530" s="10"/>
    </row>
    <row r="644531" spans="14:14">
      <c r="N644531" s="10"/>
    </row>
    <row r="644532" spans="14:14">
      <c r="N644532" s="10"/>
    </row>
    <row r="644533" spans="14:14">
      <c r="N644533" s="10"/>
    </row>
    <row r="644534" spans="14:14">
      <c r="N644534" s="10"/>
    </row>
    <row r="644535" spans="14:14">
      <c r="N644535" s="10"/>
    </row>
    <row r="644536" spans="14:14">
      <c r="N644536" s="10"/>
    </row>
    <row r="644537" spans="14:14">
      <c r="N644537" s="10"/>
    </row>
    <row r="644538" spans="14:14">
      <c r="N644538" s="10"/>
    </row>
    <row r="644539" spans="14:14">
      <c r="N644539" s="10"/>
    </row>
    <row r="644540" spans="14:14">
      <c r="N644540" s="10"/>
    </row>
    <row r="644541" spans="14:14">
      <c r="N644541" s="10"/>
    </row>
    <row r="644542" spans="14:14">
      <c r="N644542" s="10"/>
    </row>
    <row r="644543" spans="14:14">
      <c r="N644543" s="10"/>
    </row>
    <row r="644544" spans="14:14">
      <c r="N644544" s="10"/>
    </row>
    <row r="644545" spans="14:14">
      <c r="N644545" s="10"/>
    </row>
    <row r="644546" spans="14:14">
      <c r="N644546" s="10"/>
    </row>
    <row r="644547" spans="14:14">
      <c r="N644547" s="10"/>
    </row>
    <row r="644548" spans="14:14">
      <c r="N644548" s="10"/>
    </row>
    <row r="644549" spans="14:14">
      <c r="N644549" s="10"/>
    </row>
    <row r="644550" spans="14:14">
      <c r="N644550" s="10"/>
    </row>
    <row r="644551" spans="14:14">
      <c r="N644551" s="10"/>
    </row>
    <row r="644552" spans="14:14">
      <c r="N644552" s="10"/>
    </row>
    <row r="644553" spans="14:14">
      <c r="N644553" s="10"/>
    </row>
    <row r="644554" spans="14:14">
      <c r="N644554" s="10"/>
    </row>
    <row r="644555" spans="14:14">
      <c r="N644555" s="10"/>
    </row>
    <row r="644556" spans="14:14">
      <c r="N644556" s="10"/>
    </row>
    <row r="644557" spans="14:14">
      <c r="N644557" s="10"/>
    </row>
    <row r="644558" spans="14:14">
      <c r="N644558" s="10"/>
    </row>
    <row r="644559" spans="14:14">
      <c r="N644559" s="10"/>
    </row>
    <row r="644560" spans="14:14">
      <c r="N644560" s="10"/>
    </row>
    <row r="644561" spans="14:14">
      <c r="N644561" s="10"/>
    </row>
    <row r="644562" spans="14:14">
      <c r="N644562" s="10"/>
    </row>
    <row r="644563" spans="14:14">
      <c r="N644563" s="10"/>
    </row>
    <row r="644564" spans="14:14">
      <c r="N644564" s="10"/>
    </row>
    <row r="644565" spans="14:14">
      <c r="N644565" s="10"/>
    </row>
    <row r="644566" spans="14:14">
      <c r="N644566" s="10"/>
    </row>
    <row r="644567" spans="14:14">
      <c r="N644567" s="10"/>
    </row>
    <row r="644568" spans="14:14">
      <c r="N644568" s="10"/>
    </row>
    <row r="644569" spans="14:14">
      <c r="N644569" s="10"/>
    </row>
    <row r="644570" spans="14:14">
      <c r="N644570" s="10"/>
    </row>
    <row r="644571" spans="14:14">
      <c r="N644571" s="10"/>
    </row>
    <row r="644572" spans="14:14">
      <c r="N644572" s="10"/>
    </row>
    <row r="644573" spans="14:14">
      <c r="N644573" s="10"/>
    </row>
    <row r="644574" spans="14:14">
      <c r="N644574" s="10"/>
    </row>
    <row r="644575" spans="14:14">
      <c r="N644575" s="10"/>
    </row>
    <row r="644576" spans="14:14">
      <c r="N644576" s="10"/>
    </row>
    <row r="644577" spans="14:14">
      <c r="N644577" s="10"/>
    </row>
    <row r="644578" spans="14:14">
      <c r="N644578" s="10"/>
    </row>
    <row r="644579" spans="14:14">
      <c r="N644579" s="10"/>
    </row>
    <row r="644580" spans="14:14">
      <c r="N644580" s="10"/>
    </row>
    <row r="644581" spans="14:14">
      <c r="N644581" s="10"/>
    </row>
    <row r="644582" spans="14:14">
      <c r="N644582" s="10"/>
    </row>
    <row r="644583" spans="14:14">
      <c r="N644583" s="10"/>
    </row>
    <row r="644584" spans="14:14">
      <c r="N644584" s="10"/>
    </row>
    <row r="644585" spans="14:14">
      <c r="N644585" s="10"/>
    </row>
    <row r="644586" spans="14:14">
      <c r="N644586" s="10"/>
    </row>
    <row r="644587" spans="14:14">
      <c r="N644587" s="10"/>
    </row>
    <row r="644588" spans="14:14">
      <c r="N644588" s="10"/>
    </row>
    <row r="644589" spans="14:14">
      <c r="N644589" s="10"/>
    </row>
    <row r="644590" spans="14:14">
      <c r="N644590" s="10"/>
    </row>
    <row r="644591" spans="14:14">
      <c r="N644591" s="10"/>
    </row>
    <row r="644592" spans="14:14">
      <c r="N644592" s="10"/>
    </row>
    <row r="644593" spans="14:14">
      <c r="N644593" s="10"/>
    </row>
    <row r="644594" spans="14:14">
      <c r="N644594" s="10"/>
    </row>
    <row r="644595" spans="14:14">
      <c r="N644595" s="10"/>
    </row>
    <row r="644596" spans="14:14">
      <c r="N644596" s="10"/>
    </row>
    <row r="644597" spans="14:14">
      <c r="N644597" s="10"/>
    </row>
    <row r="644598" spans="14:14">
      <c r="N644598" s="10"/>
    </row>
    <row r="644599" spans="14:14">
      <c r="N644599" s="10"/>
    </row>
    <row r="644600" spans="14:14">
      <c r="N644600" s="10"/>
    </row>
    <row r="644601" spans="14:14">
      <c r="N644601" s="10"/>
    </row>
    <row r="644602" spans="14:14">
      <c r="N644602" s="10"/>
    </row>
    <row r="644603" spans="14:14">
      <c r="N644603" s="10"/>
    </row>
    <row r="644604" spans="14:14">
      <c r="N644604" s="10"/>
    </row>
    <row r="644605" spans="14:14">
      <c r="N644605" s="10"/>
    </row>
    <row r="644606" spans="14:14">
      <c r="N644606" s="10"/>
    </row>
    <row r="644607" spans="14:14">
      <c r="N644607" s="10"/>
    </row>
    <row r="644608" spans="14:14">
      <c r="N644608" s="10"/>
    </row>
    <row r="644609" spans="14:14">
      <c r="N644609" s="10"/>
    </row>
    <row r="644610" spans="14:14">
      <c r="N644610" s="10"/>
    </row>
    <row r="644611" spans="14:14">
      <c r="N644611" s="10"/>
    </row>
    <row r="644612" spans="14:14">
      <c r="N644612" s="10"/>
    </row>
    <row r="644613" spans="14:14">
      <c r="N644613" s="10"/>
    </row>
    <row r="644614" spans="14:14">
      <c r="N644614" s="10"/>
    </row>
    <row r="644615" spans="14:14">
      <c r="N644615" s="10"/>
    </row>
    <row r="644616" spans="14:14">
      <c r="N644616" s="10"/>
    </row>
    <row r="644617" spans="14:14">
      <c r="N644617" s="10"/>
    </row>
    <row r="644618" spans="14:14">
      <c r="N644618" s="10"/>
    </row>
    <row r="644619" spans="14:14">
      <c r="N644619" s="10"/>
    </row>
    <row r="644620" spans="14:14">
      <c r="N644620" s="10"/>
    </row>
    <row r="644621" spans="14:14">
      <c r="N644621" s="10"/>
    </row>
    <row r="644622" spans="14:14">
      <c r="N644622" s="10"/>
    </row>
    <row r="644623" spans="14:14">
      <c r="N644623" s="10"/>
    </row>
    <row r="644624" spans="14:14">
      <c r="N644624" s="10"/>
    </row>
    <row r="644625" spans="14:14">
      <c r="N644625" s="10"/>
    </row>
    <row r="644626" spans="14:14">
      <c r="N644626" s="10"/>
    </row>
    <row r="644627" spans="14:14">
      <c r="N644627" s="10"/>
    </row>
    <row r="644628" spans="14:14">
      <c r="N644628" s="10"/>
    </row>
    <row r="644629" spans="14:14">
      <c r="N644629" s="10"/>
    </row>
    <row r="644630" spans="14:14">
      <c r="N644630" s="10"/>
    </row>
    <row r="644631" spans="14:14">
      <c r="N644631" s="10"/>
    </row>
    <row r="644632" spans="14:14">
      <c r="N644632" s="10"/>
    </row>
    <row r="644633" spans="14:14">
      <c r="N644633" s="10"/>
    </row>
    <row r="644634" spans="14:14">
      <c r="N644634" s="10"/>
    </row>
    <row r="644635" spans="14:14">
      <c r="N644635" s="10"/>
    </row>
    <row r="644636" spans="14:14">
      <c r="N644636" s="10"/>
    </row>
    <row r="644637" spans="14:14">
      <c r="N644637" s="10"/>
    </row>
    <row r="644638" spans="14:14">
      <c r="N644638" s="10"/>
    </row>
    <row r="644639" spans="14:14">
      <c r="N644639" s="10"/>
    </row>
    <row r="644640" spans="14:14">
      <c r="N644640" s="10"/>
    </row>
    <row r="644641" spans="14:14">
      <c r="N644641" s="10"/>
    </row>
    <row r="644642" spans="14:14">
      <c r="N644642" s="10"/>
    </row>
    <row r="644643" spans="14:14">
      <c r="N644643" s="10"/>
    </row>
    <row r="644644" spans="14:14">
      <c r="N644644" s="10"/>
    </row>
    <row r="644645" spans="14:14">
      <c r="N644645" s="10"/>
    </row>
    <row r="644646" spans="14:14">
      <c r="N644646" s="10"/>
    </row>
    <row r="644647" spans="14:14">
      <c r="N644647" s="10"/>
    </row>
    <row r="644648" spans="14:14">
      <c r="N644648" s="10"/>
    </row>
    <row r="644649" spans="14:14">
      <c r="N644649" s="10"/>
    </row>
    <row r="644650" spans="14:14">
      <c r="N644650" s="10"/>
    </row>
    <row r="644651" spans="14:14">
      <c r="N644651" s="10"/>
    </row>
    <row r="644652" spans="14:14">
      <c r="N644652" s="10"/>
    </row>
    <row r="644653" spans="14:14">
      <c r="N644653" s="10"/>
    </row>
    <row r="644654" spans="14:14">
      <c r="N644654" s="10"/>
    </row>
    <row r="644655" spans="14:14">
      <c r="N644655" s="10"/>
    </row>
    <row r="644656" spans="14:14">
      <c r="N644656" s="10"/>
    </row>
    <row r="644657" spans="14:14">
      <c r="N644657" s="10"/>
    </row>
    <row r="644658" spans="14:14">
      <c r="N644658" s="10"/>
    </row>
    <row r="644659" spans="14:14">
      <c r="N644659" s="10"/>
    </row>
    <row r="644660" spans="14:14">
      <c r="N644660" s="10"/>
    </row>
    <row r="644661" spans="14:14">
      <c r="N644661" s="10"/>
    </row>
    <row r="644662" spans="14:14">
      <c r="N644662" s="10"/>
    </row>
    <row r="644663" spans="14:14">
      <c r="N644663" s="10"/>
    </row>
    <row r="644664" spans="14:14">
      <c r="N644664" s="10"/>
    </row>
    <row r="644665" spans="14:14">
      <c r="N644665" s="10"/>
    </row>
    <row r="644666" spans="14:14">
      <c r="N644666" s="10"/>
    </row>
    <row r="644667" spans="14:14">
      <c r="N644667" s="10"/>
    </row>
    <row r="644668" spans="14:14">
      <c r="N644668" s="10"/>
    </row>
    <row r="644669" spans="14:14">
      <c r="N644669" s="10"/>
    </row>
    <row r="644670" spans="14:14">
      <c r="N644670" s="10"/>
    </row>
    <row r="644671" spans="14:14">
      <c r="N644671" s="10"/>
    </row>
    <row r="644672" spans="14:14">
      <c r="N644672" s="10"/>
    </row>
    <row r="644673" spans="14:14">
      <c r="N644673" s="10"/>
    </row>
    <row r="644674" spans="14:14">
      <c r="N644674" s="10"/>
    </row>
    <row r="644675" spans="14:14">
      <c r="N644675" s="10"/>
    </row>
    <row r="644676" spans="14:14">
      <c r="N644676" s="10"/>
    </row>
    <row r="644677" spans="14:14">
      <c r="N644677" s="10"/>
    </row>
    <row r="644678" spans="14:14">
      <c r="N644678" s="10"/>
    </row>
    <row r="644679" spans="14:14">
      <c r="N644679" s="10"/>
    </row>
    <row r="644680" spans="14:14">
      <c r="N644680" s="10"/>
    </row>
    <row r="644681" spans="14:14">
      <c r="N644681" s="10"/>
    </row>
    <row r="644682" spans="14:14">
      <c r="N644682" s="10"/>
    </row>
    <row r="644683" spans="14:14">
      <c r="N644683" s="10"/>
    </row>
    <row r="644684" spans="14:14">
      <c r="N644684" s="10"/>
    </row>
    <row r="644685" spans="14:14">
      <c r="N644685" s="10"/>
    </row>
    <row r="644686" spans="14:14">
      <c r="N644686" s="10"/>
    </row>
    <row r="644687" spans="14:14">
      <c r="N644687" s="10"/>
    </row>
    <row r="644688" spans="14:14">
      <c r="N644688" s="10"/>
    </row>
    <row r="644689" spans="14:14">
      <c r="N644689" s="10"/>
    </row>
    <row r="644690" spans="14:14">
      <c r="N644690" s="10"/>
    </row>
    <row r="644691" spans="14:14">
      <c r="N644691" s="10"/>
    </row>
    <row r="644692" spans="14:14">
      <c r="N644692" s="10"/>
    </row>
    <row r="644693" spans="14:14">
      <c r="N644693" s="10"/>
    </row>
    <row r="644694" spans="14:14">
      <c r="N644694" s="10"/>
    </row>
    <row r="644695" spans="14:14">
      <c r="N644695" s="10"/>
    </row>
    <row r="644696" spans="14:14">
      <c r="N644696" s="10"/>
    </row>
    <row r="644697" spans="14:14">
      <c r="N644697" s="10"/>
    </row>
    <row r="644698" spans="14:14">
      <c r="N644698" s="10"/>
    </row>
    <row r="644699" spans="14:14">
      <c r="N644699" s="10"/>
    </row>
    <row r="644700" spans="14:14">
      <c r="N644700" s="10"/>
    </row>
    <row r="644701" spans="14:14">
      <c r="N644701" s="10"/>
    </row>
    <row r="644702" spans="14:14">
      <c r="N644702" s="10"/>
    </row>
    <row r="644703" spans="14:14">
      <c r="N644703" s="10"/>
    </row>
    <row r="644704" spans="14:14">
      <c r="N644704" s="10"/>
    </row>
    <row r="644705" spans="14:14">
      <c r="N644705" s="10"/>
    </row>
    <row r="644706" spans="14:14">
      <c r="N644706" s="10"/>
    </row>
    <row r="644707" spans="14:14">
      <c r="N644707" s="10"/>
    </row>
    <row r="644708" spans="14:14">
      <c r="N644708" s="10"/>
    </row>
    <row r="644709" spans="14:14">
      <c r="N644709" s="10"/>
    </row>
    <row r="644710" spans="14:14">
      <c r="N644710" s="10"/>
    </row>
    <row r="644711" spans="14:14">
      <c r="N644711" s="10"/>
    </row>
    <row r="644712" spans="14:14">
      <c r="N644712" s="10"/>
    </row>
    <row r="644713" spans="14:14">
      <c r="N644713" s="10"/>
    </row>
    <row r="644714" spans="14:14">
      <c r="N644714" s="10"/>
    </row>
    <row r="644715" spans="14:14">
      <c r="N644715" s="10"/>
    </row>
    <row r="644716" spans="14:14">
      <c r="N644716" s="10"/>
    </row>
    <row r="644717" spans="14:14">
      <c r="N644717" s="10"/>
    </row>
    <row r="644718" spans="14:14">
      <c r="N644718" s="10"/>
    </row>
    <row r="644719" spans="14:14">
      <c r="N644719" s="10"/>
    </row>
    <row r="644720" spans="14:14">
      <c r="N644720" s="10"/>
    </row>
    <row r="644721" spans="14:14">
      <c r="N644721" s="10"/>
    </row>
    <row r="644722" spans="14:14">
      <c r="N644722" s="10"/>
    </row>
    <row r="644723" spans="14:14">
      <c r="N644723" s="10"/>
    </row>
    <row r="644724" spans="14:14">
      <c r="N644724" s="10"/>
    </row>
    <row r="644725" spans="14:14">
      <c r="N644725" s="10"/>
    </row>
    <row r="644726" spans="14:14">
      <c r="N644726" s="10"/>
    </row>
    <row r="644727" spans="14:14">
      <c r="N644727" s="10"/>
    </row>
    <row r="644728" spans="14:14">
      <c r="N644728" s="10"/>
    </row>
    <row r="644729" spans="14:14">
      <c r="N644729" s="10"/>
    </row>
    <row r="644730" spans="14:14">
      <c r="N644730" s="10"/>
    </row>
    <row r="644731" spans="14:14">
      <c r="N644731" s="10"/>
    </row>
    <row r="644732" spans="14:14">
      <c r="N644732" s="10"/>
    </row>
    <row r="644733" spans="14:14">
      <c r="N644733" s="10"/>
    </row>
    <row r="644734" spans="14:14">
      <c r="N644734" s="10"/>
    </row>
    <row r="644735" spans="14:14">
      <c r="N644735" s="10"/>
    </row>
    <row r="644736" spans="14:14">
      <c r="N644736" s="10"/>
    </row>
    <row r="644737" spans="14:14">
      <c r="N644737" s="10"/>
    </row>
    <row r="644738" spans="14:14">
      <c r="N644738" s="10"/>
    </row>
    <row r="644739" spans="14:14">
      <c r="N644739" s="10"/>
    </row>
    <row r="644740" spans="14:14">
      <c r="N644740" s="10"/>
    </row>
    <row r="644741" spans="14:14">
      <c r="N644741" s="10"/>
    </row>
    <row r="644742" spans="14:14">
      <c r="N644742" s="10"/>
    </row>
    <row r="644743" spans="14:14">
      <c r="N644743" s="10"/>
    </row>
    <row r="644744" spans="14:14">
      <c r="N644744" s="10"/>
    </row>
    <row r="644745" spans="14:14">
      <c r="N644745" s="10"/>
    </row>
    <row r="644746" spans="14:14">
      <c r="N644746" s="10"/>
    </row>
    <row r="644747" spans="14:14">
      <c r="N644747" s="10"/>
    </row>
    <row r="644748" spans="14:14">
      <c r="N644748" s="10"/>
    </row>
    <row r="644749" spans="14:14">
      <c r="N644749" s="10"/>
    </row>
    <row r="644750" spans="14:14">
      <c r="N644750" s="10"/>
    </row>
    <row r="644751" spans="14:14">
      <c r="N644751" s="10"/>
    </row>
    <row r="644752" spans="14:14">
      <c r="N644752" s="10"/>
    </row>
    <row r="644753" spans="14:14">
      <c r="N644753" s="10"/>
    </row>
    <row r="644754" spans="14:14">
      <c r="N644754" s="10"/>
    </row>
    <row r="644755" spans="14:14">
      <c r="N644755" s="10"/>
    </row>
    <row r="644756" spans="14:14">
      <c r="N644756" s="10"/>
    </row>
    <row r="644757" spans="14:14">
      <c r="N644757" s="10"/>
    </row>
    <row r="644758" spans="14:14">
      <c r="N644758" s="10"/>
    </row>
    <row r="644759" spans="14:14">
      <c r="N644759" s="10"/>
    </row>
    <row r="644760" spans="14:14">
      <c r="N644760" s="10"/>
    </row>
    <row r="644761" spans="14:14">
      <c r="N644761" s="10"/>
    </row>
    <row r="644762" spans="14:14">
      <c r="N644762" s="10"/>
    </row>
    <row r="644763" spans="14:14">
      <c r="N644763" s="10"/>
    </row>
    <row r="644764" spans="14:14">
      <c r="N644764" s="10"/>
    </row>
    <row r="644765" spans="14:14">
      <c r="N644765" s="10"/>
    </row>
    <row r="644766" spans="14:14">
      <c r="N644766" s="10"/>
    </row>
    <row r="644767" spans="14:14">
      <c r="N644767" s="10"/>
    </row>
    <row r="644768" spans="14:14">
      <c r="N644768" s="10"/>
    </row>
    <row r="644769" spans="14:14">
      <c r="N644769" s="10"/>
    </row>
    <row r="644770" spans="14:14">
      <c r="N644770" s="10"/>
    </row>
    <row r="644771" spans="14:14">
      <c r="N644771" s="10"/>
    </row>
    <row r="644772" spans="14:14">
      <c r="N644772" s="10"/>
    </row>
    <row r="644773" spans="14:14">
      <c r="N644773" s="10"/>
    </row>
    <row r="644774" spans="14:14">
      <c r="N644774" s="10"/>
    </row>
    <row r="644775" spans="14:14">
      <c r="N644775" s="10"/>
    </row>
    <row r="644776" spans="14:14">
      <c r="N644776" s="10"/>
    </row>
    <row r="644777" spans="14:14">
      <c r="N644777" s="10"/>
    </row>
    <row r="644778" spans="14:14">
      <c r="N644778" s="10"/>
    </row>
    <row r="644779" spans="14:14">
      <c r="N644779" s="10"/>
    </row>
    <row r="644780" spans="14:14">
      <c r="N644780" s="10"/>
    </row>
    <row r="644781" spans="14:14">
      <c r="N644781" s="10"/>
    </row>
    <row r="644782" spans="14:14">
      <c r="N644782" s="10"/>
    </row>
    <row r="644783" spans="14:14">
      <c r="N644783" s="10"/>
    </row>
    <row r="644784" spans="14:14">
      <c r="N644784" s="10"/>
    </row>
    <row r="644785" spans="14:14">
      <c r="N644785" s="10"/>
    </row>
    <row r="644786" spans="14:14">
      <c r="N644786" s="10"/>
    </row>
    <row r="644787" spans="14:14">
      <c r="N644787" s="10"/>
    </row>
    <row r="644788" spans="14:14">
      <c r="N644788" s="10"/>
    </row>
    <row r="644789" spans="14:14">
      <c r="N644789" s="10"/>
    </row>
    <row r="644790" spans="14:14">
      <c r="N644790" s="10"/>
    </row>
    <row r="644791" spans="14:14">
      <c r="N644791" s="10"/>
    </row>
    <row r="644792" spans="14:14">
      <c r="N644792" s="10"/>
    </row>
    <row r="644793" spans="14:14">
      <c r="N644793" s="10"/>
    </row>
    <row r="644794" spans="14:14">
      <c r="N644794" s="10"/>
    </row>
    <row r="644795" spans="14:14">
      <c r="N644795" s="10"/>
    </row>
    <row r="644796" spans="14:14">
      <c r="N644796" s="10"/>
    </row>
    <row r="644797" spans="14:14">
      <c r="N644797" s="10"/>
    </row>
    <row r="644798" spans="14:14">
      <c r="N644798" s="10"/>
    </row>
    <row r="644799" spans="14:14">
      <c r="N644799" s="10"/>
    </row>
    <row r="644800" spans="14:14">
      <c r="N644800" s="10"/>
    </row>
    <row r="644801" spans="14:14">
      <c r="N644801" s="10"/>
    </row>
    <row r="644802" spans="14:14">
      <c r="N644802" s="10"/>
    </row>
    <row r="644803" spans="14:14">
      <c r="N644803" s="10"/>
    </row>
    <row r="644804" spans="14:14">
      <c r="N644804" s="10"/>
    </row>
    <row r="644805" spans="14:14">
      <c r="N644805" s="10"/>
    </row>
    <row r="644806" spans="14:14">
      <c r="N644806" s="10"/>
    </row>
    <row r="644807" spans="14:14">
      <c r="N644807" s="10"/>
    </row>
    <row r="644808" spans="14:14">
      <c r="N644808" s="10"/>
    </row>
    <row r="644809" spans="14:14">
      <c r="N644809" s="10"/>
    </row>
    <row r="644810" spans="14:14">
      <c r="N644810" s="10"/>
    </row>
    <row r="644811" spans="14:14">
      <c r="N644811" s="10"/>
    </row>
    <row r="644812" spans="14:14">
      <c r="N644812" s="10"/>
    </row>
    <row r="644813" spans="14:14">
      <c r="N644813" s="10"/>
    </row>
    <row r="644814" spans="14:14">
      <c r="N644814" s="10"/>
    </row>
    <row r="644815" spans="14:14">
      <c r="N644815" s="10"/>
    </row>
    <row r="644816" spans="14:14">
      <c r="N644816" s="10"/>
    </row>
    <row r="644817" spans="14:14">
      <c r="N644817" s="10"/>
    </row>
    <row r="644818" spans="14:14">
      <c r="N644818" s="10"/>
    </row>
    <row r="644819" spans="14:14">
      <c r="N644819" s="10"/>
    </row>
    <row r="644820" spans="14:14">
      <c r="N644820" s="10"/>
    </row>
    <row r="644821" spans="14:14">
      <c r="N644821" s="10"/>
    </row>
    <row r="644822" spans="14:14">
      <c r="N644822" s="10"/>
    </row>
    <row r="644823" spans="14:14">
      <c r="N644823" s="10"/>
    </row>
    <row r="644824" spans="14:14">
      <c r="N644824" s="10"/>
    </row>
    <row r="644825" spans="14:14">
      <c r="N644825" s="10"/>
    </row>
    <row r="644826" spans="14:14">
      <c r="N644826" s="10"/>
    </row>
    <row r="644827" spans="14:14">
      <c r="N644827" s="10"/>
    </row>
    <row r="644828" spans="14:14">
      <c r="N644828" s="10"/>
    </row>
    <row r="644829" spans="14:14">
      <c r="N644829" s="10"/>
    </row>
    <row r="644830" spans="14:14">
      <c r="N644830" s="10"/>
    </row>
    <row r="644831" spans="14:14">
      <c r="N644831" s="10"/>
    </row>
    <row r="644832" spans="14:14">
      <c r="N644832" s="10"/>
    </row>
    <row r="644833" spans="14:14">
      <c r="N644833" s="10"/>
    </row>
    <row r="644834" spans="14:14">
      <c r="N644834" s="10"/>
    </row>
    <row r="644835" spans="14:14">
      <c r="N644835" s="10"/>
    </row>
    <row r="644836" spans="14:14">
      <c r="N644836" s="10"/>
    </row>
    <row r="644837" spans="14:14">
      <c r="N644837" s="10"/>
    </row>
    <row r="644838" spans="14:14">
      <c r="N644838" s="10"/>
    </row>
    <row r="644839" spans="14:14">
      <c r="N644839" s="10"/>
    </row>
    <row r="644840" spans="14:14">
      <c r="N644840" s="10"/>
    </row>
    <row r="644841" spans="14:14">
      <c r="N644841" s="10"/>
    </row>
    <row r="644842" spans="14:14">
      <c r="N644842" s="10"/>
    </row>
    <row r="644843" spans="14:14">
      <c r="N644843" s="10"/>
    </row>
    <row r="644844" spans="14:14">
      <c r="N644844" s="10"/>
    </row>
    <row r="644845" spans="14:14">
      <c r="N644845" s="10"/>
    </row>
    <row r="644846" spans="14:14">
      <c r="N644846" s="10"/>
    </row>
    <row r="644847" spans="14:14">
      <c r="N644847" s="10"/>
    </row>
    <row r="644848" spans="14:14">
      <c r="N644848" s="10"/>
    </row>
    <row r="644849" spans="14:14">
      <c r="N644849" s="10"/>
    </row>
    <row r="644850" spans="14:14">
      <c r="N644850" s="10"/>
    </row>
    <row r="644851" spans="14:14">
      <c r="N644851" s="10"/>
    </row>
    <row r="644852" spans="14:14">
      <c r="N644852" s="10"/>
    </row>
    <row r="644853" spans="14:14">
      <c r="N644853" s="10"/>
    </row>
    <row r="644854" spans="14:14">
      <c r="N644854" s="10"/>
    </row>
    <row r="644855" spans="14:14">
      <c r="N644855" s="10"/>
    </row>
    <row r="644856" spans="14:14">
      <c r="N644856" s="10"/>
    </row>
    <row r="644857" spans="14:14">
      <c r="N644857" s="10"/>
    </row>
    <row r="644858" spans="14:14">
      <c r="N644858" s="10"/>
    </row>
    <row r="644859" spans="14:14">
      <c r="N644859" s="10"/>
    </row>
    <row r="644860" spans="14:14">
      <c r="N644860" s="10"/>
    </row>
    <row r="644861" spans="14:14">
      <c r="N644861" s="10"/>
    </row>
    <row r="644862" spans="14:14">
      <c r="N644862" s="10"/>
    </row>
    <row r="644863" spans="14:14">
      <c r="N644863" s="10"/>
    </row>
    <row r="644864" spans="14:14">
      <c r="N644864" s="10"/>
    </row>
    <row r="644865" spans="14:14">
      <c r="N644865" s="10"/>
    </row>
    <row r="644866" spans="14:14">
      <c r="N644866" s="10"/>
    </row>
    <row r="644867" spans="14:14">
      <c r="N644867" s="10"/>
    </row>
    <row r="644868" spans="14:14">
      <c r="N644868" s="10"/>
    </row>
    <row r="644869" spans="14:14">
      <c r="N644869" s="10"/>
    </row>
    <row r="644870" spans="14:14">
      <c r="N644870" s="10"/>
    </row>
    <row r="644871" spans="14:14">
      <c r="N644871" s="10"/>
    </row>
    <row r="644872" spans="14:14">
      <c r="N644872" s="10"/>
    </row>
    <row r="644873" spans="14:14">
      <c r="N644873" s="10"/>
    </row>
    <row r="644874" spans="14:14">
      <c r="N644874" s="10"/>
    </row>
    <row r="644875" spans="14:14">
      <c r="N644875" s="10"/>
    </row>
    <row r="644876" spans="14:14">
      <c r="N644876" s="10"/>
    </row>
    <row r="644877" spans="14:14">
      <c r="N644877" s="10"/>
    </row>
    <row r="644878" spans="14:14">
      <c r="N644878" s="10"/>
    </row>
    <row r="644879" spans="14:14">
      <c r="N644879" s="10"/>
    </row>
    <row r="644880" spans="14:14">
      <c r="N644880" s="10"/>
    </row>
    <row r="644881" spans="14:14">
      <c r="N644881" s="10"/>
    </row>
    <row r="644882" spans="14:14">
      <c r="N644882" s="10"/>
    </row>
    <row r="644883" spans="14:14">
      <c r="N644883" s="10"/>
    </row>
    <row r="644884" spans="14:14">
      <c r="N644884" s="10"/>
    </row>
    <row r="644885" spans="14:14">
      <c r="N644885" s="10"/>
    </row>
    <row r="644886" spans="14:14">
      <c r="N644886" s="10"/>
    </row>
    <row r="644887" spans="14:14">
      <c r="N644887" s="10"/>
    </row>
    <row r="644888" spans="14:14">
      <c r="N644888" s="10"/>
    </row>
    <row r="644889" spans="14:14">
      <c r="N644889" s="10"/>
    </row>
    <row r="644890" spans="14:14">
      <c r="N644890" s="10"/>
    </row>
    <row r="644891" spans="14:14">
      <c r="N644891" s="10"/>
    </row>
    <row r="644892" spans="14:14">
      <c r="N644892" s="10"/>
    </row>
    <row r="644893" spans="14:14">
      <c r="N644893" s="10"/>
    </row>
    <row r="644894" spans="14:14">
      <c r="N644894" s="10"/>
    </row>
    <row r="644895" spans="14:14">
      <c r="N644895" s="10"/>
    </row>
    <row r="644896" spans="14:14">
      <c r="N644896" s="10"/>
    </row>
    <row r="644897" spans="14:14">
      <c r="N644897" s="10"/>
    </row>
    <row r="644898" spans="14:14">
      <c r="N644898" s="10"/>
    </row>
    <row r="644899" spans="14:14">
      <c r="N644899" s="10"/>
    </row>
    <row r="644900" spans="14:14">
      <c r="N644900" s="10"/>
    </row>
    <row r="644901" spans="14:14">
      <c r="N644901" s="10"/>
    </row>
    <row r="644902" spans="14:14">
      <c r="N644902" s="10"/>
    </row>
    <row r="644903" spans="14:14">
      <c r="N644903" s="10"/>
    </row>
    <row r="644904" spans="14:14">
      <c r="N644904" s="10"/>
    </row>
    <row r="644905" spans="14:14">
      <c r="N644905" s="10"/>
    </row>
    <row r="644906" spans="14:14">
      <c r="N644906" s="10"/>
    </row>
    <row r="644907" spans="14:14">
      <c r="N644907" s="10"/>
    </row>
    <row r="644908" spans="14:14">
      <c r="N644908" s="10"/>
    </row>
    <row r="644909" spans="14:14">
      <c r="N644909" s="10"/>
    </row>
    <row r="644910" spans="14:14">
      <c r="N644910" s="10"/>
    </row>
    <row r="644911" spans="14:14">
      <c r="N644911" s="10"/>
    </row>
    <row r="644912" spans="14:14">
      <c r="N644912" s="10"/>
    </row>
    <row r="644913" spans="14:14">
      <c r="N644913" s="10"/>
    </row>
    <row r="644914" spans="14:14">
      <c r="N644914" s="10"/>
    </row>
    <row r="644915" spans="14:14">
      <c r="N644915" s="10"/>
    </row>
    <row r="644916" spans="14:14">
      <c r="N644916" s="10"/>
    </row>
    <row r="644917" spans="14:14">
      <c r="N644917" s="10"/>
    </row>
    <row r="644918" spans="14:14">
      <c r="N644918" s="10"/>
    </row>
    <row r="644919" spans="14:14">
      <c r="N644919" s="10"/>
    </row>
    <row r="644920" spans="14:14">
      <c r="N644920" s="10"/>
    </row>
    <row r="644921" spans="14:14">
      <c r="N644921" s="10"/>
    </row>
    <row r="644922" spans="14:14">
      <c r="N644922" s="10"/>
    </row>
    <row r="644923" spans="14:14">
      <c r="N644923" s="10"/>
    </row>
    <row r="644924" spans="14:14">
      <c r="N644924" s="10"/>
    </row>
    <row r="644925" spans="14:14">
      <c r="N644925" s="10"/>
    </row>
    <row r="644926" spans="14:14">
      <c r="N644926" s="10"/>
    </row>
    <row r="644927" spans="14:14">
      <c r="N644927" s="10"/>
    </row>
    <row r="644928" spans="14:14">
      <c r="N644928" s="10"/>
    </row>
    <row r="644929" spans="14:14">
      <c r="N644929" s="10"/>
    </row>
    <row r="644930" spans="14:14">
      <c r="N644930" s="10"/>
    </row>
    <row r="644931" spans="14:14">
      <c r="N644931" s="10"/>
    </row>
    <row r="644932" spans="14:14">
      <c r="N644932" s="10"/>
    </row>
    <row r="644933" spans="14:14">
      <c r="N644933" s="10"/>
    </row>
    <row r="644934" spans="14:14">
      <c r="N644934" s="10"/>
    </row>
    <row r="644935" spans="14:14">
      <c r="N644935" s="10"/>
    </row>
    <row r="644936" spans="14:14">
      <c r="N644936" s="10"/>
    </row>
    <row r="644937" spans="14:14">
      <c r="N644937" s="10"/>
    </row>
    <row r="644938" spans="14:14">
      <c r="N644938" s="10"/>
    </row>
    <row r="644939" spans="14:14">
      <c r="N644939" s="10"/>
    </row>
    <row r="644940" spans="14:14">
      <c r="N644940" s="10"/>
    </row>
    <row r="644941" spans="14:14">
      <c r="N644941" s="10"/>
    </row>
    <row r="644942" spans="14:14">
      <c r="N644942" s="10"/>
    </row>
    <row r="644943" spans="14:14">
      <c r="N644943" s="10"/>
    </row>
    <row r="644944" spans="14:14">
      <c r="N644944" s="10"/>
    </row>
    <row r="644945" spans="14:14">
      <c r="N644945" s="10"/>
    </row>
    <row r="644946" spans="14:14">
      <c r="N644946" s="10"/>
    </row>
    <row r="644947" spans="14:14">
      <c r="N644947" s="10"/>
    </row>
    <row r="644948" spans="14:14">
      <c r="N644948" s="10"/>
    </row>
    <row r="644949" spans="14:14">
      <c r="N644949" s="10"/>
    </row>
    <row r="644950" spans="14:14">
      <c r="N644950" s="10"/>
    </row>
    <row r="644951" spans="14:14">
      <c r="N644951" s="10"/>
    </row>
    <row r="644952" spans="14:14">
      <c r="N644952" s="10"/>
    </row>
    <row r="644953" spans="14:14">
      <c r="N644953" s="10"/>
    </row>
    <row r="644954" spans="14:14">
      <c r="N644954" s="10"/>
    </row>
    <row r="644955" spans="14:14">
      <c r="N644955" s="10"/>
    </row>
    <row r="644956" spans="14:14">
      <c r="N644956" s="10"/>
    </row>
    <row r="644957" spans="14:14">
      <c r="N644957" s="10"/>
    </row>
    <row r="644958" spans="14:14">
      <c r="N644958" s="10"/>
    </row>
    <row r="644959" spans="14:14">
      <c r="N644959" s="10"/>
    </row>
    <row r="644960" spans="14:14">
      <c r="N644960" s="10"/>
    </row>
    <row r="644961" spans="14:14">
      <c r="N644961" s="10"/>
    </row>
    <row r="644962" spans="14:14">
      <c r="N644962" s="10"/>
    </row>
    <row r="644963" spans="14:14">
      <c r="N644963" s="10"/>
    </row>
    <row r="644964" spans="14:14">
      <c r="N644964" s="10"/>
    </row>
    <row r="644965" spans="14:14">
      <c r="N644965" s="10"/>
    </row>
    <row r="644966" spans="14:14">
      <c r="N644966" s="10"/>
    </row>
    <row r="644967" spans="14:14">
      <c r="N644967" s="10"/>
    </row>
    <row r="644968" spans="14:14">
      <c r="N644968" s="10"/>
    </row>
    <row r="644969" spans="14:14">
      <c r="N644969" s="10"/>
    </row>
    <row r="644970" spans="14:14">
      <c r="N644970" s="10"/>
    </row>
    <row r="644971" spans="14:14">
      <c r="N644971" s="10"/>
    </row>
    <row r="644972" spans="14:14">
      <c r="N644972" s="10"/>
    </row>
    <row r="644973" spans="14:14">
      <c r="N644973" s="10"/>
    </row>
    <row r="644974" spans="14:14">
      <c r="N644974" s="10"/>
    </row>
    <row r="644975" spans="14:14">
      <c r="N644975" s="10"/>
    </row>
    <row r="644976" spans="14:14">
      <c r="N644976" s="10"/>
    </row>
    <row r="644977" spans="14:14">
      <c r="N644977" s="10"/>
    </row>
    <row r="644978" spans="14:14">
      <c r="N644978" s="10"/>
    </row>
    <row r="644979" spans="14:14">
      <c r="N644979" s="10"/>
    </row>
    <row r="644980" spans="14:14">
      <c r="N644980" s="10"/>
    </row>
    <row r="644981" spans="14:14">
      <c r="N644981" s="10"/>
    </row>
    <row r="644982" spans="14:14">
      <c r="N644982" s="10"/>
    </row>
    <row r="644983" spans="14:14">
      <c r="N644983" s="10"/>
    </row>
    <row r="644984" spans="14:14">
      <c r="N644984" s="10"/>
    </row>
    <row r="644985" spans="14:14">
      <c r="N644985" s="10"/>
    </row>
    <row r="644986" spans="14:14">
      <c r="N644986" s="10"/>
    </row>
    <row r="644987" spans="14:14">
      <c r="N644987" s="10"/>
    </row>
    <row r="644988" spans="14:14">
      <c r="N644988" s="10"/>
    </row>
    <row r="644989" spans="14:14">
      <c r="N644989" s="10"/>
    </row>
    <row r="644990" spans="14:14">
      <c r="N644990" s="10"/>
    </row>
    <row r="644991" spans="14:14">
      <c r="N644991" s="10"/>
    </row>
    <row r="644992" spans="14:14">
      <c r="N644992" s="10"/>
    </row>
    <row r="644993" spans="14:14">
      <c r="N644993" s="10"/>
    </row>
    <row r="644994" spans="14:14">
      <c r="N644994" s="10"/>
    </row>
    <row r="644995" spans="14:14">
      <c r="N644995" s="10"/>
    </row>
    <row r="644996" spans="14:14">
      <c r="N644996" s="10"/>
    </row>
    <row r="644997" spans="14:14">
      <c r="N644997" s="10"/>
    </row>
    <row r="644998" spans="14:14">
      <c r="N644998" s="10"/>
    </row>
    <row r="644999" spans="14:14">
      <c r="N644999" s="10"/>
    </row>
    <row r="645000" spans="14:14">
      <c r="N645000" s="10"/>
    </row>
    <row r="645001" spans="14:14">
      <c r="N645001" s="10"/>
    </row>
    <row r="645002" spans="14:14">
      <c r="N645002" s="10"/>
    </row>
    <row r="645003" spans="14:14">
      <c r="N645003" s="10"/>
    </row>
    <row r="645004" spans="14:14">
      <c r="N645004" s="10"/>
    </row>
    <row r="645005" spans="14:14">
      <c r="N645005" s="10"/>
    </row>
    <row r="645006" spans="14:14">
      <c r="N645006" s="10"/>
    </row>
    <row r="645007" spans="14:14">
      <c r="N645007" s="10"/>
    </row>
    <row r="645008" spans="14:14">
      <c r="N645008" s="10"/>
    </row>
    <row r="645009" spans="14:14">
      <c r="N645009" s="10"/>
    </row>
    <row r="645010" spans="14:14">
      <c r="N645010" s="10"/>
    </row>
    <row r="645011" spans="14:14">
      <c r="N645011" s="10"/>
    </row>
    <row r="645012" spans="14:14">
      <c r="N645012" s="10"/>
    </row>
    <row r="645013" spans="14:14">
      <c r="N645013" s="10"/>
    </row>
    <row r="645014" spans="14:14">
      <c r="N645014" s="10"/>
    </row>
    <row r="645015" spans="14:14">
      <c r="N645015" s="10"/>
    </row>
    <row r="645016" spans="14:14">
      <c r="N645016" s="10"/>
    </row>
    <row r="645017" spans="14:14">
      <c r="N645017" s="10"/>
    </row>
    <row r="645018" spans="14:14">
      <c r="N645018" s="10"/>
    </row>
    <row r="645019" spans="14:14">
      <c r="N645019" s="10"/>
    </row>
    <row r="645020" spans="14:14">
      <c r="N645020" s="10"/>
    </row>
    <row r="645021" spans="14:14">
      <c r="N645021" s="10"/>
    </row>
    <row r="645022" spans="14:14">
      <c r="N645022" s="10"/>
    </row>
    <row r="645023" spans="14:14">
      <c r="N645023" s="10"/>
    </row>
    <row r="645024" spans="14:14">
      <c r="N645024" s="10"/>
    </row>
    <row r="645025" spans="14:14">
      <c r="N645025" s="10"/>
    </row>
    <row r="645026" spans="14:14">
      <c r="N645026" s="10"/>
    </row>
    <row r="645027" spans="14:14">
      <c r="N645027" s="10"/>
    </row>
    <row r="645028" spans="14:14">
      <c r="N645028" s="10"/>
    </row>
    <row r="645029" spans="14:14">
      <c r="N645029" s="10"/>
    </row>
    <row r="645030" spans="14:14">
      <c r="N645030" s="10"/>
    </row>
    <row r="645031" spans="14:14">
      <c r="N645031" s="10"/>
    </row>
    <row r="645032" spans="14:14">
      <c r="N645032" s="10"/>
    </row>
    <row r="645033" spans="14:14">
      <c r="N645033" s="10"/>
    </row>
    <row r="645034" spans="14:14">
      <c r="N645034" s="10"/>
    </row>
    <row r="645035" spans="14:14">
      <c r="N645035" s="10"/>
    </row>
    <row r="645036" spans="14:14">
      <c r="N645036" s="10"/>
    </row>
    <row r="645037" spans="14:14">
      <c r="N645037" s="10"/>
    </row>
    <row r="645038" spans="14:14">
      <c r="N645038" s="10"/>
    </row>
    <row r="645039" spans="14:14">
      <c r="N645039" s="10"/>
    </row>
    <row r="645040" spans="14:14">
      <c r="N645040" s="10"/>
    </row>
    <row r="645041" spans="14:14">
      <c r="N645041" s="10"/>
    </row>
    <row r="645042" spans="14:14">
      <c r="N645042" s="10"/>
    </row>
    <row r="645043" spans="14:14">
      <c r="N645043" s="10"/>
    </row>
    <row r="645044" spans="14:14">
      <c r="N645044" s="10"/>
    </row>
    <row r="645045" spans="14:14">
      <c r="N645045" s="10"/>
    </row>
    <row r="645046" spans="14:14">
      <c r="N645046" s="10"/>
    </row>
    <row r="645047" spans="14:14">
      <c r="N645047" s="10"/>
    </row>
    <row r="645048" spans="14:14">
      <c r="N645048" s="10"/>
    </row>
    <row r="645049" spans="14:14">
      <c r="N645049" s="10"/>
    </row>
    <row r="645050" spans="14:14">
      <c r="N645050" s="10"/>
    </row>
    <row r="645051" spans="14:14">
      <c r="N645051" s="10"/>
    </row>
    <row r="645052" spans="14:14">
      <c r="N645052" s="10"/>
    </row>
    <row r="645053" spans="14:14">
      <c r="N645053" s="10"/>
    </row>
    <row r="645054" spans="14:14">
      <c r="N645054" s="10"/>
    </row>
    <row r="645055" spans="14:14">
      <c r="N645055" s="10"/>
    </row>
    <row r="645056" spans="14:14">
      <c r="N645056" s="10"/>
    </row>
    <row r="645057" spans="14:14">
      <c r="N645057" s="10"/>
    </row>
    <row r="645058" spans="14:14">
      <c r="N645058" s="10"/>
    </row>
    <row r="645059" spans="14:14">
      <c r="N645059" s="10"/>
    </row>
    <row r="645060" spans="14:14">
      <c r="N645060" s="10"/>
    </row>
    <row r="645061" spans="14:14">
      <c r="N645061" s="10"/>
    </row>
    <row r="645062" spans="14:14">
      <c r="N645062" s="10"/>
    </row>
    <row r="645063" spans="14:14">
      <c r="N645063" s="10"/>
    </row>
    <row r="645064" spans="14:14">
      <c r="N645064" s="10"/>
    </row>
    <row r="645065" spans="14:14">
      <c r="N645065" s="10"/>
    </row>
    <row r="645066" spans="14:14">
      <c r="N645066" s="10"/>
    </row>
    <row r="645067" spans="14:14">
      <c r="N645067" s="10"/>
    </row>
    <row r="645068" spans="14:14">
      <c r="N645068" s="10"/>
    </row>
    <row r="645069" spans="14:14">
      <c r="N645069" s="10"/>
    </row>
    <row r="645070" spans="14:14">
      <c r="N645070" s="10"/>
    </row>
    <row r="645071" spans="14:14">
      <c r="N645071" s="10"/>
    </row>
    <row r="645072" spans="14:14">
      <c r="N645072" s="10"/>
    </row>
    <row r="645073" spans="14:14">
      <c r="N645073" s="10"/>
    </row>
    <row r="645074" spans="14:14">
      <c r="N645074" s="10"/>
    </row>
    <row r="645075" spans="14:14">
      <c r="N645075" s="10"/>
    </row>
    <row r="645076" spans="14:14">
      <c r="N645076" s="10"/>
    </row>
    <row r="645077" spans="14:14">
      <c r="N645077" s="10"/>
    </row>
    <row r="645078" spans="14:14">
      <c r="N645078" s="10"/>
    </row>
    <row r="645079" spans="14:14">
      <c r="N645079" s="10"/>
    </row>
    <row r="645080" spans="14:14">
      <c r="N645080" s="10"/>
    </row>
    <row r="645081" spans="14:14">
      <c r="N645081" s="10"/>
    </row>
    <row r="645082" spans="14:14">
      <c r="N645082" s="10"/>
    </row>
    <row r="645083" spans="14:14">
      <c r="N645083" s="10"/>
    </row>
    <row r="645084" spans="14:14">
      <c r="N645084" s="10"/>
    </row>
    <row r="645085" spans="14:14">
      <c r="N645085" s="10"/>
    </row>
    <row r="645086" spans="14:14">
      <c r="N645086" s="10"/>
    </row>
    <row r="645087" spans="14:14">
      <c r="N645087" s="10"/>
    </row>
    <row r="645088" spans="14:14">
      <c r="N645088" s="10"/>
    </row>
    <row r="645089" spans="14:14">
      <c r="N645089" s="10"/>
    </row>
    <row r="645090" spans="14:14">
      <c r="N645090" s="10"/>
    </row>
    <row r="645091" spans="14:14">
      <c r="N645091" s="10"/>
    </row>
    <row r="645092" spans="14:14">
      <c r="N645092" s="10"/>
    </row>
    <row r="645093" spans="14:14">
      <c r="N645093" s="10"/>
    </row>
    <row r="645094" spans="14:14">
      <c r="N645094" s="10"/>
    </row>
    <row r="645095" spans="14:14">
      <c r="N645095" s="10"/>
    </row>
    <row r="645096" spans="14:14">
      <c r="N645096" s="10"/>
    </row>
    <row r="645097" spans="14:14">
      <c r="N645097" s="10"/>
    </row>
    <row r="645098" spans="14:14">
      <c r="N645098" s="10"/>
    </row>
    <row r="645099" spans="14:14">
      <c r="N645099" s="10"/>
    </row>
    <row r="645100" spans="14:14">
      <c r="N645100" s="10"/>
    </row>
    <row r="645101" spans="14:14">
      <c r="N645101" s="10"/>
    </row>
    <row r="645102" spans="14:14">
      <c r="N645102" s="10"/>
    </row>
    <row r="645103" spans="14:14">
      <c r="N645103" s="10"/>
    </row>
    <row r="645104" spans="14:14">
      <c r="N645104" s="10"/>
    </row>
    <row r="645105" spans="14:14">
      <c r="N645105" s="10"/>
    </row>
    <row r="645106" spans="14:14">
      <c r="N645106" s="10"/>
    </row>
    <row r="645107" spans="14:14">
      <c r="N645107" s="10"/>
    </row>
    <row r="645108" spans="14:14">
      <c r="N645108" s="10"/>
    </row>
    <row r="645109" spans="14:14">
      <c r="N645109" s="10"/>
    </row>
    <row r="645110" spans="14:14">
      <c r="N645110" s="10"/>
    </row>
    <row r="645111" spans="14:14">
      <c r="N645111" s="10"/>
    </row>
    <row r="645112" spans="14:14">
      <c r="N645112" s="10"/>
    </row>
    <row r="645113" spans="14:14">
      <c r="N645113" s="10"/>
    </row>
    <row r="645114" spans="14:14">
      <c r="N645114" s="10"/>
    </row>
    <row r="645115" spans="14:14">
      <c r="N645115" s="10"/>
    </row>
    <row r="645116" spans="14:14">
      <c r="N645116" s="10"/>
    </row>
    <row r="645117" spans="14:14">
      <c r="N645117" s="10"/>
    </row>
    <row r="645118" spans="14:14">
      <c r="N645118" s="10"/>
    </row>
    <row r="645119" spans="14:14">
      <c r="N645119" s="10"/>
    </row>
    <row r="645120" spans="14:14">
      <c r="N645120" s="10"/>
    </row>
    <row r="645121" spans="14:14">
      <c r="N645121" s="10"/>
    </row>
    <row r="645122" spans="14:14">
      <c r="N645122" s="10"/>
    </row>
    <row r="645123" spans="14:14">
      <c r="N645123" s="10"/>
    </row>
    <row r="645124" spans="14:14">
      <c r="N645124" s="10"/>
    </row>
    <row r="645125" spans="14:14">
      <c r="N645125" s="10"/>
    </row>
    <row r="645126" spans="14:14">
      <c r="N645126" s="10"/>
    </row>
    <row r="645127" spans="14:14">
      <c r="N645127" s="10"/>
    </row>
    <row r="645128" spans="14:14">
      <c r="N645128" s="10"/>
    </row>
    <row r="645129" spans="14:14">
      <c r="N645129" s="10"/>
    </row>
    <row r="645130" spans="14:14">
      <c r="N645130" s="10"/>
    </row>
    <row r="645131" spans="14:14">
      <c r="N645131" s="10"/>
    </row>
    <row r="645132" spans="14:14">
      <c r="N645132" s="10"/>
    </row>
    <row r="645133" spans="14:14">
      <c r="N645133" s="10"/>
    </row>
    <row r="645134" spans="14:14">
      <c r="N645134" s="10"/>
    </row>
    <row r="645135" spans="14:14">
      <c r="N645135" s="10"/>
    </row>
    <row r="645136" spans="14:14">
      <c r="N645136" s="10"/>
    </row>
    <row r="645137" spans="14:14">
      <c r="N645137" s="10"/>
    </row>
    <row r="645138" spans="14:14">
      <c r="N645138" s="10"/>
    </row>
    <row r="645139" spans="14:14">
      <c r="N645139" s="10"/>
    </row>
    <row r="645140" spans="14:14">
      <c r="N645140" s="10"/>
    </row>
    <row r="645141" spans="14:14">
      <c r="N645141" s="10"/>
    </row>
    <row r="645142" spans="14:14">
      <c r="N645142" s="10"/>
    </row>
    <row r="645143" spans="14:14">
      <c r="N645143" s="10"/>
    </row>
    <row r="645144" spans="14:14">
      <c r="N645144" s="10"/>
    </row>
    <row r="645145" spans="14:14">
      <c r="N645145" s="10"/>
    </row>
    <row r="645146" spans="14:14">
      <c r="N645146" s="10"/>
    </row>
    <row r="645147" spans="14:14">
      <c r="N645147" s="10"/>
    </row>
    <row r="645148" spans="14:14">
      <c r="N645148" s="10"/>
    </row>
    <row r="645149" spans="14:14">
      <c r="N645149" s="10"/>
    </row>
    <row r="645150" spans="14:14">
      <c r="N645150" s="10"/>
    </row>
    <row r="645151" spans="14:14">
      <c r="N645151" s="10"/>
    </row>
    <row r="645152" spans="14:14">
      <c r="N645152" s="10"/>
    </row>
    <row r="645153" spans="14:14">
      <c r="N645153" s="10"/>
    </row>
    <row r="645154" spans="14:14">
      <c r="N645154" s="10"/>
    </row>
    <row r="645155" spans="14:14">
      <c r="N645155" s="10"/>
    </row>
    <row r="645156" spans="14:14">
      <c r="N645156" s="10"/>
    </row>
    <row r="645157" spans="14:14">
      <c r="N645157" s="10"/>
    </row>
    <row r="645158" spans="14:14">
      <c r="N645158" s="10"/>
    </row>
    <row r="645159" spans="14:14">
      <c r="N645159" s="10"/>
    </row>
    <row r="645160" spans="14:14">
      <c r="N645160" s="10"/>
    </row>
    <row r="645161" spans="14:14">
      <c r="N645161" s="10"/>
    </row>
    <row r="645162" spans="14:14">
      <c r="N645162" s="10"/>
    </row>
    <row r="645163" spans="14:14">
      <c r="N645163" s="10"/>
    </row>
    <row r="645164" spans="14:14">
      <c r="N645164" s="10"/>
    </row>
    <row r="645165" spans="14:14">
      <c r="N645165" s="10"/>
    </row>
    <row r="645166" spans="14:14">
      <c r="N645166" s="10"/>
    </row>
    <row r="645167" spans="14:14">
      <c r="N645167" s="10"/>
    </row>
    <row r="645168" spans="14:14">
      <c r="N645168" s="10"/>
    </row>
    <row r="645169" spans="14:14">
      <c r="N645169" s="10"/>
    </row>
    <row r="645170" spans="14:14">
      <c r="N645170" s="10"/>
    </row>
    <row r="645171" spans="14:14">
      <c r="N645171" s="10"/>
    </row>
    <row r="645172" spans="14:14">
      <c r="N645172" s="10"/>
    </row>
    <row r="645173" spans="14:14">
      <c r="N645173" s="10"/>
    </row>
    <row r="645174" spans="14:14">
      <c r="N645174" s="10"/>
    </row>
    <row r="645175" spans="14:14">
      <c r="N645175" s="10"/>
    </row>
    <row r="645176" spans="14:14">
      <c r="N645176" s="10"/>
    </row>
    <row r="645177" spans="14:14">
      <c r="N645177" s="10"/>
    </row>
    <row r="645178" spans="14:14">
      <c r="N645178" s="10"/>
    </row>
    <row r="645179" spans="14:14">
      <c r="N645179" s="10"/>
    </row>
    <row r="645180" spans="14:14">
      <c r="N645180" s="10"/>
    </row>
    <row r="645181" spans="14:14">
      <c r="N645181" s="10"/>
    </row>
    <row r="645182" spans="14:14">
      <c r="N645182" s="10"/>
    </row>
    <row r="645183" spans="14:14">
      <c r="N645183" s="10"/>
    </row>
    <row r="645184" spans="14:14">
      <c r="N645184" s="10"/>
    </row>
    <row r="645185" spans="14:14">
      <c r="N645185" s="10"/>
    </row>
    <row r="645186" spans="14:14">
      <c r="N645186" s="10"/>
    </row>
    <row r="645187" spans="14:14">
      <c r="N645187" s="10"/>
    </row>
    <row r="645188" spans="14:14">
      <c r="N645188" s="10"/>
    </row>
    <row r="645189" spans="14:14">
      <c r="N645189" s="10"/>
    </row>
    <row r="645190" spans="14:14">
      <c r="N645190" s="10"/>
    </row>
    <row r="645191" spans="14:14">
      <c r="N645191" s="10"/>
    </row>
    <row r="645192" spans="14:14">
      <c r="N645192" s="10"/>
    </row>
    <row r="645193" spans="14:14">
      <c r="N645193" s="10"/>
    </row>
    <row r="645194" spans="14:14">
      <c r="N645194" s="10"/>
    </row>
    <row r="645195" spans="14:14">
      <c r="N645195" s="10"/>
    </row>
    <row r="645196" spans="14:14">
      <c r="N645196" s="10"/>
    </row>
    <row r="645197" spans="14:14">
      <c r="N645197" s="10"/>
    </row>
    <row r="645198" spans="14:14">
      <c r="N645198" s="10"/>
    </row>
    <row r="645199" spans="14:14">
      <c r="N645199" s="10"/>
    </row>
    <row r="645200" spans="14:14">
      <c r="N645200" s="10"/>
    </row>
    <row r="645201" spans="14:14">
      <c r="N645201" s="10"/>
    </row>
    <row r="645202" spans="14:14">
      <c r="N645202" s="10"/>
    </row>
    <row r="645203" spans="14:14">
      <c r="N645203" s="10"/>
    </row>
    <row r="645204" spans="14:14">
      <c r="N645204" s="10"/>
    </row>
    <row r="645205" spans="14:14">
      <c r="N645205" s="10"/>
    </row>
    <row r="645206" spans="14:14">
      <c r="N645206" s="10"/>
    </row>
    <row r="645207" spans="14:14">
      <c r="N645207" s="10"/>
    </row>
    <row r="645208" spans="14:14">
      <c r="N645208" s="10"/>
    </row>
    <row r="645209" spans="14:14">
      <c r="N645209" s="10"/>
    </row>
    <row r="645210" spans="14:14">
      <c r="N645210" s="10"/>
    </row>
    <row r="645211" spans="14:14">
      <c r="N645211" s="10"/>
    </row>
    <row r="645212" spans="14:14">
      <c r="N645212" s="10"/>
    </row>
    <row r="645213" spans="14:14">
      <c r="N645213" s="10"/>
    </row>
    <row r="645214" spans="14:14">
      <c r="N645214" s="10"/>
    </row>
    <row r="645215" spans="14:14">
      <c r="N645215" s="10"/>
    </row>
    <row r="645216" spans="14:14">
      <c r="N645216" s="10"/>
    </row>
    <row r="645217" spans="14:14">
      <c r="N645217" s="10"/>
    </row>
    <row r="645218" spans="14:14">
      <c r="N645218" s="10"/>
    </row>
    <row r="645219" spans="14:14">
      <c r="N645219" s="10"/>
    </row>
    <row r="645220" spans="14:14">
      <c r="N645220" s="10"/>
    </row>
    <row r="645221" spans="14:14">
      <c r="N645221" s="10"/>
    </row>
    <row r="645222" spans="14:14">
      <c r="N645222" s="10"/>
    </row>
    <row r="645223" spans="14:14">
      <c r="N645223" s="10"/>
    </row>
    <row r="645224" spans="14:14">
      <c r="N645224" s="10"/>
    </row>
    <row r="645225" spans="14:14">
      <c r="N645225" s="10"/>
    </row>
    <row r="645226" spans="14:14">
      <c r="N645226" s="10"/>
    </row>
    <row r="645227" spans="14:14">
      <c r="N645227" s="10"/>
    </row>
    <row r="645228" spans="14:14">
      <c r="N645228" s="10"/>
    </row>
    <row r="645229" spans="14:14">
      <c r="N645229" s="10"/>
    </row>
    <row r="645230" spans="14:14">
      <c r="N645230" s="10"/>
    </row>
    <row r="645231" spans="14:14">
      <c r="N645231" s="10"/>
    </row>
    <row r="645232" spans="14:14">
      <c r="N645232" s="10"/>
    </row>
    <row r="645233" spans="14:14">
      <c r="N645233" s="10"/>
    </row>
    <row r="645234" spans="14:14">
      <c r="N645234" s="10"/>
    </row>
    <row r="645235" spans="14:14">
      <c r="N645235" s="10"/>
    </row>
    <row r="645236" spans="14:14">
      <c r="N645236" s="10"/>
    </row>
    <row r="645237" spans="14:14">
      <c r="N645237" s="10"/>
    </row>
    <row r="645238" spans="14:14">
      <c r="N645238" s="10"/>
    </row>
    <row r="645239" spans="14:14">
      <c r="N645239" s="10"/>
    </row>
    <row r="645240" spans="14:14">
      <c r="N645240" s="10"/>
    </row>
    <row r="645241" spans="14:14">
      <c r="N645241" s="10"/>
    </row>
    <row r="645242" spans="14:14">
      <c r="N645242" s="10"/>
    </row>
    <row r="645243" spans="14:14">
      <c r="N645243" s="10"/>
    </row>
    <row r="645244" spans="14:14">
      <c r="N645244" s="10"/>
    </row>
    <row r="645245" spans="14:14">
      <c r="N645245" s="10"/>
    </row>
    <row r="645246" spans="14:14">
      <c r="N645246" s="10"/>
    </row>
    <row r="645247" spans="14:14">
      <c r="N645247" s="10"/>
    </row>
    <row r="645248" spans="14:14">
      <c r="N645248" s="10"/>
    </row>
    <row r="645249" spans="14:14">
      <c r="N645249" s="10"/>
    </row>
    <row r="645250" spans="14:14">
      <c r="N645250" s="10"/>
    </row>
    <row r="645251" spans="14:14">
      <c r="N645251" s="10"/>
    </row>
    <row r="645252" spans="14:14">
      <c r="N645252" s="10"/>
    </row>
    <row r="645253" spans="14:14">
      <c r="N645253" s="10"/>
    </row>
    <row r="645254" spans="14:14">
      <c r="N645254" s="10"/>
    </row>
    <row r="645255" spans="14:14">
      <c r="N645255" s="10"/>
    </row>
    <row r="645256" spans="14:14">
      <c r="N645256" s="10"/>
    </row>
    <row r="645257" spans="14:14">
      <c r="N645257" s="10"/>
    </row>
    <row r="645258" spans="14:14">
      <c r="N645258" s="10"/>
    </row>
    <row r="645259" spans="14:14">
      <c r="N645259" s="10"/>
    </row>
    <row r="645260" spans="14:14">
      <c r="N645260" s="10"/>
    </row>
    <row r="645261" spans="14:14">
      <c r="N645261" s="10"/>
    </row>
    <row r="645262" spans="14:14">
      <c r="N645262" s="10"/>
    </row>
    <row r="645263" spans="14:14">
      <c r="N645263" s="10"/>
    </row>
    <row r="645264" spans="14:14">
      <c r="N645264" s="10"/>
    </row>
    <row r="645265" spans="14:14">
      <c r="N645265" s="10"/>
    </row>
    <row r="645266" spans="14:14">
      <c r="N645266" s="10"/>
    </row>
    <row r="645267" spans="14:14">
      <c r="N645267" s="10"/>
    </row>
    <row r="645268" spans="14:14">
      <c r="N645268" s="10"/>
    </row>
    <row r="645269" spans="14:14">
      <c r="N645269" s="10"/>
    </row>
    <row r="645270" spans="14:14">
      <c r="N645270" s="10"/>
    </row>
    <row r="645271" spans="14:14">
      <c r="N645271" s="10"/>
    </row>
    <row r="645272" spans="14:14">
      <c r="N645272" s="10"/>
    </row>
    <row r="645273" spans="14:14">
      <c r="N645273" s="10"/>
    </row>
    <row r="645274" spans="14:14">
      <c r="N645274" s="10"/>
    </row>
    <row r="645275" spans="14:14">
      <c r="N645275" s="10"/>
    </row>
    <row r="645276" spans="14:14">
      <c r="N645276" s="10"/>
    </row>
    <row r="645277" spans="14:14">
      <c r="N645277" s="10"/>
    </row>
    <row r="645278" spans="14:14">
      <c r="N645278" s="10"/>
    </row>
    <row r="645279" spans="14:14">
      <c r="N645279" s="10"/>
    </row>
    <row r="645280" spans="14:14">
      <c r="N645280" s="10"/>
    </row>
    <row r="645281" spans="14:14">
      <c r="N645281" s="10"/>
    </row>
    <row r="645282" spans="14:14">
      <c r="N645282" s="10"/>
    </row>
    <row r="645283" spans="14:14">
      <c r="N645283" s="10"/>
    </row>
    <row r="645284" spans="14:14">
      <c r="N645284" s="10"/>
    </row>
    <row r="645285" spans="14:14">
      <c r="N645285" s="10"/>
    </row>
    <row r="645286" spans="14:14">
      <c r="N645286" s="10"/>
    </row>
    <row r="645287" spans="14:14">
      <c r="N645287" s="10"/>
    </row>
    <row r="645288" spans="14:14">
      <c r="N645288" s="10"/>
    </row>
    <row r="645289" spans="14:14">
      <c r="N645289" s="10"/>
    </row>
    <row r="645290" spans="14:14">
      <c r="N645290" s="10"/>
    </row>
    <row r="645291" spans="14:14">
      <c r="N645291" s="10"/>
    </row>
    <row r="645292" spans="14:14">
      <c r="N645292" s="10"/>
    </row>
    <row r="645293" spans="14:14">
      <c r="N645293" s="10"/>
    </row>
    <row r="645294" spans="14:14">
      <c r="N645294" s="10"/>
    </row>
    <row r="645295" spans="14:14">
      <c r="N645295" s="10"/>
    </row>
    <row r="645296" spans="14:14">
      <c r="N645296" s="10"/>
    </row>
    <row r="645297" spans="14:14">
      <c r="N645297" s="10"/>
    </row>
    <row r="645298" spans="14:14">
      <c r="N645298" s="10"/>
    </row>
    <row r="645299" spans="14:14">
      <c r="N645299" s="10"/>
    </row>
    <row r="645300" spans="14:14">
      <c r="N645300" s="10"/>
    </row>
    <row r="645301" spans="14:14">
      <c r="N645301" s="10"/>
    </row>
    <row r="645302" spans="14:14">
      <c r="N645302" s="10"/>
    </row>
    <row r="645303" spans="14:14">
      <c r="N645303" s="10"/>
    </row>
    <row r="645304" spans="14:14">
      <c r="N645304" s="10"/>
    </row>
    <row r="645305" spans="14:14">
      <c r="N645305" s="10"/>
    </row>
    <row r="645306" spans="14:14">
      <c r="N645306" s="10"/>
    </row>
    <row r="645307" spans="14:14">
      <c r="N645307" s="10"/>
    </row>
    <row r="645308" spans="14:14">
      <c r="N645308" s="10"/>
    </row>
    <row r="645309" spans="14:14">
      <c r="N645309" s="10"/>
    </row>
    <row r="645310" spans="14:14">
      <c r="N645310" s="10"/>
    </row>
    <row r="645311" spans="14:14">
      <c r="N645311" s="10"/>
    </row>
    <row r="645312" spans="14:14">
      <c r="N645312" s="10"/>
    </row>
    <row r="645313" spans="14:14">
      <c r="N645313" s="10"/>
    </row>
    <row r="645314" spans="14:14">
      <c r="N645314" s="10"/>
    </row>
    <row r="645315" spans="14:14">
      <c r="N645315" s="10"/>
    </row>
    <row r="645316" spans="14:14">
      <c r="N645316" s="10"/>
    </row>
    <row r="645317" spans="14:14">
      <c r="N645317" s="10"/>
    </row>
    <row r="645318" spans="14:14">
      <c r="N645318" s="10"/>
    </row>
    <row r="645319" spans="14:14">
      <c r="N645319" s="10"/>
    </row>
    <row r="645320" spans="14:14">
      <c r="N645320" s="10"/>
    </row>
    <row r="645321" spans="14:14">
      <c r="N645321" s="10"/>
    </row>
    <row r="645322" spans="14:14">
      <c r="N645322" s="10"/>
    </row>
    <row r="645323" spans="14:14">
      <c r="N645323" s="10"/>
    </row>
    <row r="645324" spans="14:14">
      <c r="N645324" s="10"/>
    </row>
    <row r="645325" spans="14:14">
      <c r="N645325" s="10"/>
    </row>
    <row r="645326" spans="14:14">
      <c r="N645326" s="10"/>
    </row>
    <row r="645327" spans="14:14">
      <c r="N645327" s="10"/>
    </row>
    <row r="645328" spans="14:14">
      <c r="N645328" s="10"/>
    </row>
    <row r="645329" spans="14:14">
      <c r="N645329" s="10"/>
    </row>
    <row r="645330" spans="14:14">
      <c r="N645330" s="10"/>
    </row>
    <row r="645331" spans="14:14">
      <c r="N645331" s="10"/>
    </row>
    <row r="645332" spans="14:14">
      <c r="N645332" s="10"/>
    </row>
    <row r="645333" spans="14:14">
      <c r="N645333" s="10"/>
    </row>
    <row r="645334" spans="14:14">
      <c r="N645334" s="10"/>
    </row>
    <row r="645335" spans="14:14">
      <c r="N645335" s="10"/>
    </row>
    <row r="645336" spans="14:14">
      <c r="N645336" s="10"/>
    </row>
    <row r="645337" spans="14:14">
      <c r="N645337" s="10"/>
    </row>
    <row r="645338" spans="14:14">
      <c r="N645338" s="10"/>
    </row>
    <row r="645339" spans="14:14">
      <c r="N645339" s="10"/>
    </row>
    <row r="645340" spans="14:14">
      <c r="N645340" s="10"/>
    </row>
    <row r="645341" spans="14:14">
      <c r="N645341" s="10"/>
    </row>
    <row r="645342" spans="14:14">
      <c r="N645342" s="10"/>
    </row>
    <row r="645343" spans="14:14">
      <c r="N645343" s="10"/>
    </row>
    <row r="645344" spans="14:14">
      <c r="N645344" s="10"/>
    </row>
    <row r="645345" spans="14:14">
      <c r="N645345" s="10"/>
    </row>
    <row r="645346" spans="14:14">
      <c r="N645346" s="10"/>
    </row>
    <row r="645347" spans="14:14">
      <c r="N645347" s="10"/>
    </row>
    <row r="645348" spans="14:14">
      <c r="N645348" s="10"/>
    </row>
    <row r="645349" spans="14:14">
      <c r="N645349" s="10"/>
    </row>
    <row r="645350" spans="14:14">
      <c r="N645350" s="10"/>
    </row>
    <row r="645351" spans="14:14">
      <c r="N645351" s="10"/>
    </row>
    <row r="645352" spans="14:14">
      <c r="N645352" s="10"/>
    </row>
    <row r="645353" spans="14:14">
      <c r="N645353" s="10"/>
    </row>
    <row r="645354" spans="14:14">
      <c r="N645354" s="10"/>
    </row>
    <row r="645355" spans="14:14">
      <c r="N645355" s="10"/>
    </row>
    <row r="645356" spans="14:14">
      <c r="N645356" s="10"/>
    </row>
    <row r="645357" spans="14:14">
      <c r="N645357" s="10"/>
    </row>
    <row r="645358" spans="14:14">
      <c r="N645358" s="10"/>
    </row>
    <row r="645359" spans="14:14">
      <c r="N645359" s="10"/>
    </row>
    <row r="645360" spans="14:14">
      <c r="N645360" s="10"/>
    </row>
    <row r="645361" spans="14:14">
      <c r="N645361" s="10"/>
    </row>
    <row r="645362" spans="14:14">
      <c r="N645362" s="10"/>
    </row>
    <row r="645363" spans="14:14">
      <c r="N645363" s="10"/>
    </row>
    <row r="645364" spans="14:14">
      <c r="N645364" s="10"/>
    </row>
    <row r="645365" spans="14:14">
      <c r="N645365" s="10"/>
    </row>
    <row r="645366" spans="14:14">
      <c r="N645366" s="10"/>
    </row>
    <row r="645367" spans="14:14">
      <c r="N645367" s="10"/>
    </row>
    <row r="645368" spans="14:14">
      <c r="N645368" s="10"/>
    </row>
    <row r="645369" spans="14:14">
      <c r="N645369" s="10"/>
    </row>
    <row r="645370" spans="14:14">
      <c r="N645370" s="10"/>
    </row>
    <row r="645371" spans="14:14">
      <c r="N645371" s="10"/>
    </row>
    <row r="645372" spans="14:14">
      <c r="N645372" s="10"/>
    </row>
    <row r="645373" spans="14:14">
      <c r="N645373" s="10"/>
    </row>
    <row r="645374" spans="14:14">
      <c r="N645374" s="10"/>
    </row>
    <row r="645375" spans="14:14">
      <c r="N645375" s="10"/>
    </row>
    <row r="645376" spans="14:14">
      <c r="N645376" s="10"/>
    </row>
    <row r="645377" spans="14:14">
      <c r="N645377" s="10"/>
    </row>
    <row r="645378" spans="14:14">
      <c r="N645378" s="10"/>
    </row>
    <row r="645379" spans="14:14">
      <c r="N645379" s="10"/>
    </row>
    <row r="645380" spans="14:14">
      <c r="N645380" s="10"/>
    </row>
    <row r="645381" spans="14:14">
      <c r="N645381" s="10"/>
    </row>
    <row r="645382" spans="14:14">
      <c r="N645382" s="10"/>
    </row>
    <row r="645383" spans="14:14">
      <c r="N645383" s="10"/>
    </row>
    <row r="645384" spans="14:14">
      <c r="N645384" s="10"/>
    </row>
    <row r="645385" spans="14:14">
      <c r="N645385" s="10"/>
    </row>
    <row r="645386" spans="14:14">
      <c r="N645386" s="10"/>
    </row>
    <row r="645387" spans="14:14">
      <c r="N645387" s="10"/>
    </row>
    <row r="645388" spans="14:14">
      <c r="N645388" s="10"/>
    </row>
    <row r="645389" spans="14:14">
      <c r="N645389" s="10"/>
    </row>
    <row r="645390" spans="14:14">
      <c r="N645390" s="10"/>
    </row>
    <row r="645391" spans="14:14">
      <c r="N645391" s="10"/>
    </row>
    <row r="645392" spans="14:14">
      <c r="N645392" s="10"/>
    </row>
    <row r="645393" spans="14:14">
      <c r="N645393" s="10"/>
    </row>
    <row r="645394" spans="14:14">
      <c r="N645394" s="10"/>
    </row>
    <row r="645395" spans="14:14">
      <c r="N645395" s="10"/>
    </row>
    <row r="645396" spans="14:14">
      <c r="N645396" s="10"/>
    </row>
    <row r="645397" spans="14:14">
      <c r="N645397" s="10"/>
    </row>
    <row r="645398" spans="14:14">
      <c r="N645398" s="10"/>
    </row>
    <row r="645399" spans="14:14">
      <c r="N645399" s="10"/>
    </row>
    <row r="645400" spans="14:14">
      <c r="N645400" s="10"/>
    </row>
    <row r="645401" spans="14:14">
      <c r="N645401" s="10"/>
    </row>
    <row r="645402" spans="14:14">
      <c r="N645402" s="10"/>
    </row>
    <row r="645403" spans="14:14">
      <c r="N645403" s="10"/>
    </row>
    <row r="645404" spans="14:14">
      <c r="N645404" s="10"/>
    </row>
    <row r="645405" spans="14:14">
      <c r="N645405" s="10"/>
    </row>
    <row r="645406" spans="14:14">
      <c r="N645406" s="10"/>
    </row>
    <row r="645407" spans="14:14">
      <c r="N645407" s="10"/>
    </row>
    <row r="645408" spans="14:14">
      <c r="N645408" s="10"/>
    </row>
    <row r="645409" spans="14:14">
      <c r="N645409" s="10"/>
    </row>
    <row r="645410" spans="14:14">
      <c r="N645410" s="10"/>
    </row>
    <row r="645411" spans="14:14">
      <c r="N645411" s="10"/>
    </row>
    <row r="645412" spans="14:14">
      <c r="N645412" s="10"/>
    </row>
    <row r="645413" spans="14:14">
      <c r="N645413" s="10"/>
    </row>
    <row r="645414" spans="14:14">
      <c r="N645414" s="10"/>
    </row>
    <row r="645415" spans="14:14">
      <c r="N645415" s="10"/>
    </row>
    <row r="645416" spans="14:14">
      <c r="N645416" s="10"/>
    </row>
    <row r="645417" spans="14:14">
      <c r="N645417" s="10"/>
    </row>
    <row r="645418" spans="14:14">
      <c r="N645418" s="10"/>
    </row>
    <row r="645419" spans="14:14">
      <c r="N645419" s="10"/>
    </row>
    <row r="645420" spans="14:14">
      <c r="N645420" s="10"/>
    </row>
    <row r="645421" spans="14:14">
      <c r="N645421" s="10"/>
    </row>
    <row r="645422" spans="14:14">
      <c r="N645422" s="10"/>
    </row>
    <row r="645423" spans="14:14">
      <c r="N645423" s="10"/>
    </row>
    <row r="645424" spans="14:14">
      <c r="N645424" s="10"/>
    </row>
    <row r="645425" spans="14:14">
      <c r="N645425" s="10"/>
    </row>
    <row r="645426" spans="14:14">
      <c r="N645426" s="10"/>
    </row>
    <row r="645427" spans="14:14">
      <c r="N645427" s="10"/>
    </row>
    <row r="645428" spans="14:14">
      <c r="N645428" s="10"/>
    </row>
    <row r="645429" spans="14:14">
      <c r="N645429" s="10"/>
    </row>
    <row r="645430" spans="14:14">
      <c r="N645430" s="10"/>
    </row>
    <row r="645431" spans="14:14">
      <c r="N645431" s="10"/>
    </row>
    <row r="645432" spans="14:14">
      <c r="N645432" s="10"/>
    </row>
    <row r="645433" spans="14:14">
      <c r="N645433" s="10"/>
    </row>
    <row r="645434" spans="14:14">
      <c r="N645434" s="10"/>
    </row>
    <row r="645435" spans="14:14">
      <c r="N645435" s="10"/>
    </row>
    <row r="645436" spans="14:14">
      <c r="N645436" s="10"/>
    </row>
    <row r="645437" spans="14:14">
      <c r="N645437" s="10"/>
    </row>
    <row r="645438" spans="14:14">
      <c r="N645438" s="10"/>
    </row>
    <row r="645439" spans="14:14">
      <c r="N645439" s="10"/>
    </row>
    <row r="645440" spans="14:14">
      <c r="N645440" s="10"/>
    </row>
    <row r="645441" spans="14:14">
      <c r="N645441" s="10"/>
    </row>
    <row r="645442" spans="14:14">
      <c r="N645442" s="10"/>
    </row>
    <row r="645443" spans="14:14">
      <c r="N645443" s="10"/>
    </row>
    <row r="645444" spans="14:14">
      <c r="N645444" s="10"/>
    </row>
    <row r="645445" spans="14:14">
      <c r="N645445" s="10"/>
    </row>
    <row r="645446" spans="14:14">
      <c r="N645446" s="10"/>
    </row>
    <row r="645447" spans="14:14">
      <c r="N645447" s="10"/>
    </row>
    <row r="645448" spans="14:14">
      <c r="N645448" s="10"/>
    </row>
    <row r="645449" spans="14:14">
      <c r="N645449" s="10"/>
    </row>
    <row r="645450" spans="14:14">
      <c r="N645450" s="10"/>
    </row>
    <row r="645451" spans="14:14">
      <c r="N645451" s="10"/>
    </row>
    <row r="645452" spans="14:14">
      <c r="N645452" s="10"/>
    </row>
    <row r="645453" spans="14:14">
      <c r="N645453" s="10"/>
    </row>
    <row r="645454" spans="14:14">
      <c r="N645454" s="10"/>
    </row>
    <row r="645455" spans="14:14">
      <c r="N645455" s="10"/>
    </row>
    <row r="645456" spans="14:14">
      <c r="N645456" s="10"/>
    </row>
    <row r="645457" spans="14:14">
      <c r="N645457" s="10"/>
    </row>
    <row r="645458" spans="14:14">
      <c r="N645458" s="10"/>
    </row>
    <row r="645459" spans="14:14">
      <c r="N645459" s="10"/>
    </row>
    <row r="645460" spans="14:14">
      <c r="N645460" s="10"/>
    </row>
    <row r="645461" spans="14:14">
      <c r="N645461" s="10"/>
    </row>
    <row r="645462" spans="14:14">
      <c r="N645462" s="10"/>
    </row>
    <row r="645463" spans="14:14">
      <c r="N645463" s="10"/>
    </row>
    <row r="645464" spans="14:14">
      <c r="N645464" s="10"/>
    </row>
    <row r="645465" spans="14:14">
      <c r="N645465" s="10"/>
    </row>
    <row r="645466" spans="14:14">
      <c r="N645466" s="10"/>
    </row>
    <row r="645467" spans="14:14">
      <c r="N645467" s="10"/>
    </row>
    <row r="645468" spans="14:14">
      <c r="N645468" s="10"/>
    </row>
    <row r="645469" spans="14:14">
      <c r="N645469" s="10"/>
    </row>
    <row r="645470" spans="14:14">
      <c r="N645470" s="10"/>
    </row>
    <row r="645471" spans="14:14">
      <c r="N645471" s="10"/>
    </row>
    <row r="645472" spans="14:14">
      <c r="N645472" s="10"/>
    </row>
    <row r="645473" spans="14:14">
      <c r="N645473" s="10"/>
    </row>
    <row r="645474" spans="14:14">
      <c r="N645474" s="10"/>
    </row>
    <row r="645475" spans="14:14">
      <c r="N645475" s="10"/>
    </row>
    <row r="645476" spans="14:14">
      <c r="N645476" s="10"/>
    </row>
    <row r="645477" spans="14:14">
      <c r="N645477" s="10"/>
    </row>
    <row r="645478" spans="14:14">
      <c r="N645478" s="10"/>
    </row>
    <row r="645479" spans="14:14">
      <c r="N645479" s="10"/>
    </row>
    <row r="645480" spans="14:14">
      <c r="N645480" s="10"/>
    </row>
    <row r="645481" spans="14:14">
      <c r="N645481" s="10"/>
    </row>
    <row r="645482" spans="14:14">
      <c r="N645482" s="10"/>
    </row>
    <row r="645483" spans="14:14">
      <c r="N645483" s="10"/>
    </row>
    <row r="645484" spans="14:14">
      <c r="N645484" s="10"/>
    </row>
    <row r="645485" spans="14:14">
      <c r="N645485" s="10"/>
    </row>
    <row r="645486" spans="14:14">
      <c r="N645486" s="10"/>
    </row>
    <row r="645487" spans="14:14">
      <c r="N645487" s="10"/>
    </row>
    <row r="645488" spans="14:14">
      <c r="N645488" s="10"/>
    </row>
    <row r="645489" spans="14:14">
      <c r="N645489" s="10"/>
    </row>
    <row r="645490" spans="14:14">
      <c r="N645490" s="10"/>
    </row>
    <row r="645491" spans="14:14">
      <c r="N645491" s="10"/>
    </row>
    <row r="645492" spans="14:14">
      <c r="N645492" s="10"/>
    </row>
    <row r="645493" spans="14:14">
      <c r="N645493" s="10"/>
    </row>
    <row r="645494" spans="14:14">
      <c r="N645494" s="10"/>
    </row>
    <row r="645495" spans="14:14">
      <c r="N645495" s="10"/>
    </row>
    <row r="645496" spans="14:14">
      <c r="N645496" s="10"/>
    </row>
    <row r="645497" spans="14:14">
      <c r="N645497" s="10"/>
    </row>
    <row r="645498" spans="14:14">
      <c r="N645498" s="10"/>
    </row>
    <row r="645499" spans="14:14">
      <c r="N645499" s="10"/>
    </row>
    <row r="645500" spans="14:14">
      <c r="N645500" s="10"/>
    </row>
    <row r="645501" spans="14:14">
      <c r="N645501" s="10"/>
    </row>
    <row r="645502" spans="14:14">
      <c r="N645502" s="10"/>
    </row>
    <row r="645503" spans="14:14">
      <c r="N645503" s="10"/>
    </row>
    <row r="645504" spans="14:14">
      <c r="N645504" s="10"/>
    </row>
    <row r="645505" spans="14:14">
      <c r="N645505" s="10"/>
    </row>
    <row r="645506" spans="14:14">
      <c r="N645506" s="10"/>
    </row>
    <row r="645507" spans="14:14">
      <c r="N645507" s="10"/>
    </row>
    <row r="645508" spans="14:14">
      <c r="N645508" s="10"/>
    </row>
    <row r="645509" spans="14:14">
      <c r="N645509" s="10"/>
    </row>
    <row r="645510" spans="14:14">
      <c r="N645510" s="10"/>
    </row>
    <row r="645511" spans="14:14">
      <c r="N645511" s="10"/>
    </row>
    <row r="645512" spans="14:14">
      <c r="N645512" s="10"/>
    </row>
    <row r="645513" spans="14:14">
      <c r="N645513" s="10"/>
    </row>
    <row r="645514" spans="14:14">
      <c r="N645514" s="10"/>
    </row>
    <row r="645515" spans="14:14">
      <c r="N645515" s="10"/>
    </row>
    <row r="645516" spans="14:14">
      <c r="N645516" s="10"/>
    </row>
    <row r="645517" spans="14:14">
      <c r="N645517" s="10"/>
    </row>
    <row r="645518" spans="14:14">
      <c r="N645518" s="10"/>
    </row>
    <row r="645519" spans="14:14">
      <c r="N645519" s="10"/>
    </row>
    <row r="645520" spans="14:14">
      <c r="N645520" s="10"/>
    </row>
    <row r="645521" spans="14:14">
      <c r="N645521" s="10"/>
    </row>
    <row r="645522" spans="14:14">
      <c r="N645522" s="10"/>
    </row>
    <row r="645523" spans="14:14">
      <c r="N645523" s="10"/>
    </row>
    <row r="645524" spans="14:14">
      <c r="N645524" s="10"/>
    </row>
    <row r="645525" spans="14:14">
      <c r="N645525" s="10"/>
    </row>
    <row r="645526" spans="14:14">
      <c r="N645526" s="10"/>
    </row>
    <row r="645527" spans="14:14">
      <c r="N645527" s="10"/>
    </row>
    <row r="645528" spans="14:14">
      <c r="N645528" s="10"/>
    </row>
    <row r="645529" spans="14:14">
      <c r="N645529" s="10"/>
    </row>
    <row r="645530" spans="14:14">
      <c r="N645530" s="10"/>
    </row>
    <row r="645531" spans="14:14">
      <c r="N645531" s="10"/>
    </row>
    <row r="645532" spans="14:14">
      <c r="N645532" s="10"/>
    </row>
    <row r="645533" spans="14:14">
      <c r="N645533" s="10"/>
    </row>
    <row r="645534" spans="14:14">
      <c r="N645534" s="10"/>
    </row>
    <row r="645535" spans="14:14">
      <c r="N645535" s="10"/>
    </row>
    <row r="645536" spans="14:14">
      <c r="N645536" s="10"/>
    </row>
    <row r="645537" spans="14:14">
      <c r="N645537" s="10"/>
    </row>
    <row r="645538" spans="14:14">
      <c r="N645538" s="10"/>
    </row>
    <row r="645539" spans="14:14">
      <c r="N645539" s="10"/>
    </row>
    <row r="645540" spans="14:14">
      <c r="N645540" s="10"/>
    </row>
    <row r="645541" spans="14:14">
      <c r="N645541" s="10"/>
    </row>
    <row r="645542" spans="14:14">
      <c r="N645542" s="10"/>
    </row>
    <row r="645543" spans="14:14">
      <c r="N645543" s="10"/>
    </row>
    <row r="645544" spans="14:14">
      <c r="N645544" s="10"/>
    </row>
    <row r="645545" spans="14:14">
      <c r="N645545" s="10"/>
    </row>
    <row r="645546" spans="14:14">
      <c r="N645546" s="10"/>
    </row>
    <row r="645547" spans="14:14">
      <c r="N645547" s="10"/>
    </row>
    <row r="645548" spans="14:14">
      <c r="N645548" s="10"/>
    </row>
    <row r="645549" spans="14:14">
      <c r="N645549" s="10"/>
    </row>
    <row r="645550" spans="14:14">
      <c r="N645550" s="10"/>
    </row>
    <row r="645551" spans="14:14">
      <c r="N645551" s="10"/>
    </row>
    <row r="645552" spans="14:14">
      <c r="N645552" s="10"/>
    </row>
    <row r="645553" spans="14:14">
      <c r="N645553" s="10"/>
    </row>
    <row r="645554" spans="14:14">
      <c r="N645554" s="10"/>
    </row>
    <row r="645555" spans="14:14">
      <c r="N645555" s="10"/>
    </row>
    <row r="645556" spans="14:14">
      <c r="N645556" s="10"/>
    </row>
    <row r="645557" spans="14:14">
      <c r="N645557" s="10"/>
    </row>
    <row r="645558" spans="14:14">
      <c r="N645558" s="10"/>
    </row>
    <row r="645559" spans="14:14">
      <c r="N645559" s="10"/>
    </row>
    <row r="645560" spans="14:14">
      <c r="N645560" s="10"/>
    </row>
    <row r="645561" spans="14:14">
      <c r="N645561" s="10"/>
    </row>
    <row r="645562" spans="14:14">
      <c r="N645562" s="10"/>
    </row>
    <row r="645563" spans="14:14">
      <c r="N645563" s="10"/>
    </row>
    <row r="645564" spans="14:14">
      <c r="N645564" s="10"/>
    </row>
    <row r="645565" spans="14:14">
      <c r="N645565" s="10"/>
    </row>
    <row r="645566" spans="14:14">
      <c r="N645566" s="10"/>
    </row>
    <row r="645567" spans="14:14">
      <c r="N645567" s="10"/>
    </row>
    <row r="645568" spans="14:14">
      <c r="N645568" s="10"/>
    </row>
    <row r="645569" spans="14:14">
      <c r="N645569" s="10"/>
    </row>
    <row r="645570" spans="14:14">
      <c r="N645570" s="10"/>
    </row>
    <row r="645571" spans="14:14">
      <c r="N645571" s="10"/>
    </row>
    <row r="645572" spans="14:14">
      <c r="N645572" s="10"/>
    </row>
    <row r="645573" spans="14:14">
      <c r="N645573" s="10"/>
    </row>
    <row r="645574" spans="14:14">
      <c r="N645574" s="10"/>
    </row>
    <row r="645575" spans="14:14">
      <c r="N645575" s="10"/>
    </row>
    <row r="645576" spans="14:14">
      <c r="N645576" s="10"/>
    </row>
    <row r="645577" spans="14:14">
      <c r="N645577" s="10"/>
    </row>
    <row r="645578" spans="14:14">
      <c r="N645578" s="10"/>
    </row>
    <row r="645579" spans="14:14">
      <c r="N645579" s="10"/>
    </row>
    <row r="645580" spans="14:14">
      <c r="N645580" s="10"/>
    </row>
    <row r="645581" spans="14:14">
      <c r="N645581" s="10"/>
    </row>
    <row r="645582" spans="14:14">
      <c r="N645582" s="10"/>
    </row>
    <row r="645583" spans="14:14">
      <c r="N645583" s="10"/>
    </row>
    <row r="645584" spans="14:14">
      <c r="N645584" s="10"/>
    </row>
    <row r="645585" spans="14:14">
      <c r="N645585" s="10"/>
    </row>
    <row r="645586" spans="14:14">
      <c r="N645586" s="10"/>
    </row>
    <row r="645587" spans="14:14">
      <c r="N645587" s="10"/>
    </row>
    <row r="645588" spans="14:14">
      <c r="N645588" s="10"/>
    </row>
    <row r="645589" spans="14:14">
      <c r="N645589" s="10"/>
    </row>
    <row r="645590" spans="14:14">
      <c r="N645590" s="10"/>
    </row>
    <row r="645591" spans="14:14">
      <c r="N645591" s="10"/>
    </row>
    <row r="645592" spans="14:14">
      <c r="N645592" s="10"/>
    </row>
    <row r="645593" spans="14:14">
      <c r="N645593" s="10"/>
    </row>
    <row r="645594" spans="14:14">
      <c r="N645594" s="10"/>
    </row>
    <row r="645595" spans="14:14">
      <c r="N645595" s="10"/>
    </row>
    <row r="645596" spans="14:14">
      <c r="N645596" s="10"/>
    </row>
    <row r="645597" spans="14:14">
      <c r="N645597" s="10"/>
    </row>
    <row r="645598" spans="14:14">
      <c r="N645598" s="10"/>
    </row>
    <row r="645599" spans="14:14">
      <c r="N645599" s="10"/>
    </row>
    <row r="645600" spans="14:14">
      <c r="N645600" s="10"/>
    </row>
    <row r="645601" spans="14:14">
      <c r="N645601" s="10"/>
    </row>
    <row r="645602" spans="14:14">
      <c r="N645602" s="10"/>
    </row>
    <row r="645603" spans="14:14">
      <c r="N645603" s="10"/>
    </row>
    <row r="645604" spans="14:14">
      <c r="N645604" s="10"/>
    </row>
    <row r="645605" spans="14:14">
      <c r="N645605" s="10"/>
    </row>
    <row r="645606" spans="14:14">
      <c r="N645606" s="10"/>
    </row>
    <row r="645607" spans="14:14">
      <c r="N645607" s="10"/>
    </row>
    <row r="645608" spans="14:14">
      <c r="N645608" s="10"/>
    </row>
    <row r="645609" spans="14:14">
      <c r="N645609" s="10"/>
    </row>
    <row r="645610" spans="14:14">
      <c r="N645610" s="10"/>
    </row>
    <row r="645611" spans="14:14">
      <c r="N645611" s="10"/>
    </row>
    <row r="645612" spans="14:14">
      <c r="N645612" s="10"/>
    </row>
    <row r="645613" spans="14:14">
      <c r="N645613" s="10"/>
    </row>
    <row r="645614" spans="14:14">
      <c r="N645614" s="10"/>
    </row>
    <row r="645615" spans="14:14">
      <c r="N645615" s="10"/>
    </row>
    <row r="645616" spans="14:14">
      <c r="N645616" s="10"/>
    </row>
    <row r="645617" spans="14:14">
      <c r="N645617" s="10"/>
    </row>
    <row r="645618" spans="14:14">
      <c r="N645618" s="10"/>
    </row>
    <row r="645619" spans="14:14">
      <c r="N645619" s="10"/>
    </row>
    <row r="645620" spans="14:14">
      <c r="N645620" s="10"/>
    </row>
    <row r="645621" spans="14:14">
      <c r="N645621" s="10"/>
    </row>
    <row r="645622" spans="14:14">
      <c r="N645622" s="10"/>
    </row>
    <row r="645623" spans="14:14">
      <c r="N645623" s="10"/>
    </row>
    <row r="645624" spans="14:14">
      <c r="N645624" s="10"/>
    </row>
    <row r="645625" spans="14:14">
      <c r="N645625" s="10"/>
    </row>
    <row r="645626" spans="14:14">
      <c r="N645626" s="10"/>
    </row>
    <row r="645627" spans="14:14">
      <c r="N645627" s="10"/>
    </row>
    <row r="645628" spans="14:14">
      <c r="N645628" s="10"/>
    </row>
    <row r="645629" spans="14:14">
      <c r="N645629" s="10"/>
    </row>
    <row r="645630" spans="14:14">
      <c r="N645630" s="10"/>
    </row>
    <row r="645631" spans="14:14">
      <c r="N645631" s="10"/>
    </row>
    <row r="645632" spans="14:14">
      <c r="N645632" s="10"/>
    </row>
    <row r="645633" spans="14:14">
      <c r="N645633" s="10"/>
    </row>
    <row r="645634" spans="14:14">
      <c r="N645634" s="10"/>
    </row>
    <row r="645635" spans="14:14">
      <c r="N645635" s="10"/>
    </row>
    <row r="645636" spans="14:14">
      <c r="N645636" s="10"/>
    </row>
    <row r="645637" spans="14:14">
      <c r="N645637" s="10"/>
    </row>
    <row r="645638" spans="14:14">
      <c r="N645638" s="10"/>
    </row>
    <row r="645639" spans="14:14">
      <c r="N645639" s="10"/>
    </row>
    <row r="645640" spans="14:14">
      <c r="N645640" s="10"/>
    </row>
    <row r="645641" spans="14:14">
      <c r="N645641" s="10"/>
    </row>
    <row r="645642" spans="14:14">
      <c r="N645642" s="10"/>
    </row>
    <row r="645643" spans="14:14">
      <c r="N645643" s="10"/>
    </row>
    <row r="645644" spans="14:14">
      <c r="N645644" s="10"/>
    </row>
    <row r="645645" spans="14:14">
      <c r="N645645" s="10"/>
    </row>
    <row r="645646" spans="14:14">
      <c r="N645646" s="10"/>
    </row>
    <row r="645647" spans="14:14">
      <c r="N645647" s="10"/>
    </row>
    <row r="645648" spans="14:14">
      <c r="N645648" s="10"/>
    </row>
    <row r="645649" spans="14:14">
      <c r="N645649" s="10"/>
    </row>
    <row r="645650" spans="14:14">
      <c r="N645650" s="10"/>
    </row>
    <row r="645651" spans="14:14">
      <c r="N645651" s="10"/>
    </row>
    <row r="645652" spans="14:14">
      <c r="N645652" s="10"/>
    </row>
    <row r="645653" spans="14:14">
      <c r="N645653" s="10"/>
    </row>
    <row r="645654" spans="14:14">
      <c r="N645654" s="10"/>
    </row>
    <row r="645655" spans="14:14">
      <c r="N645655" s="10"/>
    </row>
    <row r="645656" spans="14:14">
      <c r="N645656" s="10"/>
    </row>
    <row r="645657" spans="14:14">
      <c r="N645657" s="10"/>
    </row>
    <row r="645658" spans="14:14">
      <c r="N645658" s="10"/>
    </row>
    <row r="645659" spans="14:14">
      <c r="N645659" s="10"/>
    </row>
    <row r="645660" spans="14:14">
      <c r="N645660" s="10"/>
    </row>
    <row r="645661" spans="14:14">
      <c r="N645661" s="10"/>
    </row>
    <row r="645662" spans="14:14">
      <c r="N645662" s="10"/>
    </row>
    <row r="645663" spans="14:14">
      <c r="N645663" s="10"/>
    </row>
    <row r="645664" spans="14:14">
      <c r="N645664" s="10"/>
    </row>
    <row r="645665" spans="14:14">
      <c r="N645665" s="10"/>
    </row>
    <row r="645666" spans="14:14">
      <c r="N645666" s="10"/>
    </row>
    <row r="645667" spans="14:14">
      <c r="N645667" s="10"/>
    </row>
    <row r="645668" spans="14:14">
      <c r="N645668" s="10"/>
    </row>
    <row r="645669" spans="14:14">
      <c r="N645669" s="10"/>
    </row>
    <row r="645670" spans="14:14">
      <c r="N645670" s="10"/>
    </row>
    <row r="645671" spans="14:14">
      <c r="N645671" s="10"/>
    </row>
    <row r="645672" spans="14:14">
      <c r="N645672" s="10"/>
    </row>
    <row r="645673" spans="14:14">
      <c r="N645673" s="10"/>
    </row>
    <row r="645674" spans="14:14">
      <c r="N645674" s="10"/>
    </row>
    <row r="645675" spans="14:14">
      <c r="N645675" s="10"/>
    </row>
    <row r="645676" spans="14:14">
      <c r="N645676" s="10"/>
    </row>
    <row r="645677" spans="14:14">
      <c r="N645677" s="10"/>
    </row>
    <row r="645678" spans="14:14">
      <c r="N645678" s="10"/>
    </row>
    <row r="645679" spans="14:14">
      <c r="N645679" s="10"/>
    </row>
    <row r="645680" spans="14:14">
      <c r="N645680" s="10"/>
    </row>
    <row r="645681" spans="14:14">
      <c r="N645681" s="10"/>
    </row>
    <row r="645682" spans="14:14">
      <c r="N645682" s="10"/>
    </row>
    <row r="645683" spans="14:14">
      <c r="N645683" s="10"/>
    </row>
    <row r="645684" spans="14:14">
      <c r="N645684" s="10"/>
    </row>
    <row r="645685" spans="14:14">
      <c r="N645685" s="10"/>
    </row>
    <row r="645686" spans="14:14">
      <c r="N645686" s="10"/>
    </row>
    <row r="645687" spans="14:14">
      <c r="N645687" s="10"/>
    </row>
    <row r="645688" spans="14:14">
      <c r="N645688" s="10"/>
    </row>
    <row r="645689" spans="14:14">
      <c r="N645689" s="10"/>
    </row>
    <row r="645690" spans="14:14">
      <c r="N645690" s="10"/>
    </row>
    <row r="645691" spans="14:14">
      <c r="N645691" s="10"/>
    </row>
    <row r="645692" spans="14:14">
      <c r="N645692" s="10"/>
    </row>
    <row r="645693" spans="14:14">
      <c r="N645693" s="10"/>
    </row>
    <row r="645694" spans="14:14">
      <c r="N645694" s="10"/>
    </row>
    <row r="645695" spans="14:14">
      <c r="N645695" s="10"/>
    </row>
    <row r="645696" spans="14:14">
      <c r="N645696" s="10"/>
    </row>
    <row r="645697" spans="14:14">
      <c r="N645697" s="10"/>
    </row>
    <row r="645698" spans="14:14">
      <c r="N645698" s="10"/>
    </row>
    <row r="645699" spans="14:14">
      <c r="N645699" s="10"/>
    </row>
    <row r="645700" spans="14:14">
      <c r="N645700" s="10"/>
    </row>
    <row r="645701" spans="14:14">
      <c r="N645701" s="10"/>
    </row>
    <row r="645702" spans="14:14">
      <c r="N645702" s="10"/>
    </row>
    <row r="645703" spans="14:14">
      <c r="N645703" s="10"/>
    </row>
    <row r="645704" spans="14:14">
      <c r="N645704" s="10"/>
    </row>
    <row r="645705" spans="14:14">
      <c r="N645705" s="10"/>
    </row>
    <row r="645706" spans="14:14">
      <c r="N645706" s="10"/>
    </row>
    <row r="645707" spans="14:14">
      <c r="N645707" s="10"/>
    </row>
    <row r="645708" spans="14:14">
      <c r="N645708" s="10"/>
    </row>
    <row r="645709" spans="14:14">
      <c r="N645709" s="10"/>
    </row>
    <row r="645710" spans="14:14">
      <c r="N645710" s="10"/>
    </row>
    <row r="645711" spans="14:14">
      <c r="N645711" s="10"/>
    </row>
    <row r="645712" spans="14:14">
      <c r="N645712" s="10"/>
    </row>
    <row r="645713" spans="14:14">
      <c r="N645713" s="10"/>
    </row>
    <row r="645714" spans="14:14">
      <c r="N645714" s="10"/>
    </row>
    <row r="645715" spans="14:14">
      <c r="N645715" s="10"/>
    </row>
    <row r="645716" spans="14:14">
      <c r="N645716" s="10"/>
    </row>
    <row r="645717" spans="14:14">
      <c r="N645717" s="10"/>
    </row>
    <row r="645718" spans="14:14">
      <c r="N645718" s="10"/>
    </row>
    <row r="645719" spans="14:14">
      <c r="N645719" s="10"/>
    </row>
    <row r="645720" spans="14:14">
      <c r="N645720" s="10"/>
    </row>
    <row r="645721" spans="14:14">
      <c r="N645721" s="10"/>
    </row>
    <row r="645722" spans="14:14">
      <c r="N645722" s="10"/>
    </row>
    <row r="645723" spans="14:14">
      <c r="N645723" s="10"/>
    </row>
    <row r="645724" spans="14:14">
      <c r="N645724" s="10"/>
    </row>
    <row r="645725" spans="14:14">
      <c r="N645725" s="10"/>
    </row>
    <row r="645726" spans="14:14">
      <c r="N645726" s="10"/>
    </row>
    <row r="645727" spans="14:14">
      <c r="N645727" s="10"/>
    </row>
    <row r="645728" spans="14:14">
      <c r="N645728" s="10"/>
    </row>
    <row r="645729" spans="14:14">
      <c r="N645729" s="10"/>
    </row>
    <row r="645730" spans="14:14">
      <c r="N645730" s="10"/>
    </row>
    <row r="645731" spans="14:14">
      <c r="N645731" s="10"/>
    </row>
    <row r="645732" spans="14:14">
      <c r="N645732" s="10"/>
    </row>
    <row r="645733" spans="14:14">
      <c r="N645733" s="10"/>
    </row>
    <row r="645734" spans="14:14">
      <c r="N645734" s="10"/>
    </row>
    <row r="645735" spans="14:14">
      <c r="N645735" s="10"/>
    </row>
    <row r="645736" spans="14:14">
      <c r="N645736" s="10"/>
    </row>
    <row r="645737" spans="14:14">
      <c r="N645737" s="10"/>
    </row>
    <row r="645738" spans="14:14">
      <c r="N645738" s="10"/>
    </row>
    <row r="645739" spans="14:14">
      <c r="N645739" s="10"/>
    </row>
    <row r="645740" spans="14:14">
      <c r="N645740" s="10"/>
    </row>
    <row r="645741" spans="14:14">
      <c r="N645741" s="10"/>
    </row>
    <row r="645742" spans="14:14">
      <c r="N645742" s="10"/>
    </row>
    <row r="645743" spans="14:14">
      <c r="N645743" s="10"/>
    </row>
    <row r="645744" spans="14:14">
      <c r="N645744" s="10"/>
    </row>
    <row r="645745" spans="14:14">
      <c r="N645745" s="10"/>
    </row>
    <row r="645746" spans="14:14">
      <c r="N645746" s="10"/>
    </row>
    <row r="645747" spans="14:14">
      <c r="N645747" s="10"/>
    </row>
    <row r="645748" spans="14:14">
      <c r="N645748" s="10"/>
    </row>
    <row r="645749" spans="14:14">
      <c r="N645749" s="10"/>
    </row>
    <row r="645750" spans="14:14">
      <c r="N645750" s="10"/>
    </row>
    <row r="645751" spans="14:14">
      <c r="N645751" s="10"/>
    </row>
    <row r="645752" spans="14:14">
      <c r="N645752" s="10"/>
    </row>
    <row r="645753" spans="14:14">
      <c r="N645753" s="10"/>
    </row>
    <row r="645754" spans="14:14">
      <c r="N645754" s="10"/>
    </row>
    <row r="645755" spans="14:14">
      <c r="N645755" s="10"/>
    </row>
    <row r="645756" spans="14:14">
      <c r="N645756" s="10"/>
    </row>
    <row r="645757" spans="14:14">
      <c r="N645757" s="10"/>
    </row>
    <row r="645758" spans="14:14">
      <c r="N645758" s="10"/>
    </row>
    <row r="645759" spans="14:14">
      <c r="N645759" s="10"/>
    </row>
    <row r="645760" spans="14:14">
      <c r="N645760" s="10"/>
    </row>
    <row r="645761" spans="14:14">
      <c r="N645761" s="10"/>
    </row>
    <row r="645762" spans="14:14">
      <c r="N645762" s="10"/>
    </row>
    <row r="645763" spans="14:14">
      <c r="N645763" s="10"/>
    </row>
    <row r="645764" spans="14:14">
      <c r="N645764" s="10"/>
    </row>
    <row r="645765" spans="14:14">
      <c r="N645765" s="10"/>
    </row>
    <row r="645766" spans="14:14">
      <c r="N645766" s="10"/>
    </row>
    <row r="645767" spans="14:14">
      <c r="N645767" s="10"/>
    </row>
    <row r="645768" spans="14:14">
      <c r="N645768" s="10"/>
    </row>
    <row r="645769" spans="14:14">
      <c r="N645769" s="10"/>
    </row>
    <row r="645770" spans="14:14">
      <c r="N645770" s="10"/>
    </row>
    <row r="645771" spans="14:14">
      <c r="N645771" s="10"/>
    </row>
    <row r="645772" spans="14:14">
      <c r="N645772" s="10"/>
    </row>
    <row r="645773" spans="14:14">
      <c r="N645773" s="10"/>
    </row>
    <row r="645774" spans="14:14">
      <c r="N645774" s="10"/>
    </row>
    <row r="645775" spans="14:14">
      <c r="N645775" s="10"/>
    </row>
    <row r="645776" spans="14:14">
      <c r="N645776" s="10"/>
    </row>
    <row r="645777" spans="14:14">
      <c r="N645777" s="10"/>
    </row>
    <row r="645778" spans="14:14">
      <c r="N645778" s="10"/>
    </row>
    <row r="645779" spans="14:14">
      <c r="N645779" s="10"/>
    </row>
    <row r="645780" spans="14:14">
      <c r="N645780" s="10"/>
    </row>
    <row r="645781" spans="14:14">
      <c r="N645781" s="10"/>
    </row>
    <row r="645782" spans="14:14">
      <c r="N645782" s="10"/>
    </row>
    <row r="645783" spans="14:14">
      <c r="N645783" s="10"/>
    </row>
    <row r="645784" spans="14:14">
      <c r="N645784" s="10"/>
    </row>
    <row r="645785" spans="14:14">
      <c r="N645785" s="10"/>
    </row>
    <row r="645786" spans="14:14">
      <c r="N645786" s="10"/>
    </row>
    <row r="645787" spans="14:14">
      <c r="N645787" s="10"/>
    </row>
    <row r="645788" spans="14:14">
      <c r="N645788" s="10"/>
    </row>
    <row r="645789" spans="14:14">
      <c r="N645789" s="10"/>
    </row>
    <row r="645790" spans="14:14">
      <c r="N645790" s="10"/>
    </row>
    <row r="645791" spans="14:14">
      <c r="N645791" s="10"/>
    </row>
    <row r="645792" spans="14:14">
      <c r="N645792" s="10"/>
    </row>
    <row r="645793" spans="14:14">
      <c r="N645793" s="10"/>
    </row>
    <row r="645794" spans="14:14">
      <c r="N645794" s="10"/>
    </row>
    <row r="645795" spans="14:14">
      <c r="N645795" s="10"/>
    </row>
    <row r="645796" spans="14:14">
      <c r="N645796" s="10"/>
    </row>
    <row r="645797" spans="14:14">
      <c r="N645797" s="10"/>
    </row>
    <row r="645798" spans="14:14">
      <c r="N645798" s="10"/>
    </row>
    <row r="645799" spans="14:14">
      <c r="N645799" s="10"/>
    </row>
    <row r="645800" spans="14:14">
      <c r="N645800" s="10"/>
    </row>
    <row r="645801" spans="14:14">
      <c r="N645801" s="10"/>
    </row>
    <row r="645802" spans="14:14">
      <c r="N645802" s="10"/>
    </row>
    <row r="645803" spans="14:14">
      <c r="N645803" s="10"/>
    </row>
    <row r="645804" spans="14:14">
      <c r="N645804" s="10"/>
    </row>
    <row r="645805" spans="14:14">
      <c r="N645805" s="10"/>
    </row>
    <row r="645806" spans="14:14">
      <c r="N645806" s="10"/>
    </row>
    <row r="645807" spans="14:14">
      <c r="N645807" s="10"/>
    </row>
    <row r="645808" spans="14:14">
      <c r="N645808" s="10"/>
    </row>
    <row r="645809" spans="14:14">
      <c r="N645809" s="10"/>
    </row>
    <row r="645810" spans="14:14">
      <c r="N645810" s="10"/>
    </row>
    <row r="645811" spans="14:14">
      <c r="N645811" s="10"/>
    </row>
    <row r="645812" spans="14:14">
      <c r="N645812" s="10"/>
    </row>
    <row r="645813" spans="14:14">
      <c r="N645813" s="10"/>
    </row>
    <row r="645814" spans="14:14">
      <c r="N645814" s="10"/>
    </row>
    <row r="645815" spans="14:14">
      <c r="N645815" s="10"/>
    </row>
    <row r="645816" spans="14:14">
      <c r="N645816" s="10"/>
    </row>
    <row r="645817" spans="14:14">
      <c r="N645817" s="10"/>
    </row>
    <row r="645818" spans="14:14">
      <c r="N645818" s="10"/>
    </row>
    <row r="645819" spans="14:14">
      <c r="N645819" s="10"/>
    </row>
    <row r="645820" spans="14:14">
      <c r="N645820" s="10"/>
    </row>
    <row r="645821" spans="14:14">
      <c r="N645821" s="10"/>
    </row>
    <row r="645822" spans="14:14">
      <c r="N645822" s="10"/>
    </row>
    <row r="645823" spans="14:14">
      <c r="N645823" s="10"/>
    </row>
    <row r="645824" spans="14:14">
      <c r="N645824" s="10"/>
    </row>
    <row r="645825" spans="14:14">
      <c r="N645825" s="10"/>
    </row>
    <row r="645826" spans="14:14">
      <c r="N645826" s="10"/>
    </row>
    <row r="645827" spans="14:14">
      <c r="N645827" s="10"/>
    </row>
    <row r="645828" spans="14:14">
      <c r="N645828" s="10"/>
    </row>
    <row r="645829" spans="14:14">
      <c r="N645829" s="10"/>
    </row>
    <row r="645830" spans="14:14">
      <c r="N645830" s="10"/>
    </row>
    <row r="645831" spans="14:14">
      <c r="N645831" s="10"/>
    </row>
    <row r="645832" spans="14:14">
      <c r="N645832" s="10"/>
    </row>
    <row r="645833" spans="14:14">
      <c r="N645833" s="10"/>
    </row>
    <row r="645834" spans="14:14">
      <c r="N645834" s="10"/>
    </row>
    <row r="645835" spans="14:14">
      <c r="N645835" s="10"/>
    </row>
    <row r="645836" spans="14:14">
      <c r="N645836" s="10"/>
    </row>
    <row r="645837" spans="14:14">
      <c r="N645837" s="10"/>
    </row>
    <row r="645838" spans="14:14">
      <c r="N645838" s="10"/>
    </row>
    <row r="645839" spans="14:14">
      <c r="N645839" s="10"/>
    </row>
    <row r="645840" spans="14:14">
      <c r="N645840" s="10"/>
    </row>
    <row r="645841" spans="14:14">
      <c r="N645841" s="10"/>
    </row>
    <row r="645842" spans="14:14">
      <c r="N645842" s="10"/>
    </row>
    <row r="645843" spans="14:14">
      <c r="N645843" s="10"/>
    </row>
    <row r="645844" spans="14:14">
      <c r="N645844" s="10"/>
    </row>
    <row r="645845" spans="14:14">
      <c r="N645845" s="10"/>
    </row>
    <row r="645846" spans="14:14">
      <c r="N645846" s="10"/>
    </row>
    <row r="645847" spans="14:14">
      <c r="N645847" s="10"/>
    </row>
    <row r="645848" spans="14:14">
      <c r="N645848" s="10"/>
    </row>
    <row r="645849" spans="14:14">
      <c r="N645849" s="10"/>
    </row>
    <row r="645850" spans="14:14">
      <c r="N645850" s="10"/>
    </row>
    <row r="645851" spans="14:14">
      <c r="N645851" s="10"/>
    </row>
    <row r="645852" spans="14:14">
      <c r="N645852" s="10"/>
    </row>
    <row r="645853" spans="14:14">
      <c r="N645853" s="10"/>
    </row>
    <row r="645854" spans="14:14">
      <c r="N645854" s="10"/>
    </row>
    <row r="645855" spans="14:14">
      <c r="N645855" s="10"/>
    </row>
    <row r="645856" spans="14:14">
      <c r="N645856" s="10"/>
    </row>
    <row r="645857" spans="14:14">
      <c r="N645857" s="10"/>
    </row>
    <row r="645858" spans="14:14">
      <c r="N645858" s="10"/>
    </row>
    <row r="645859" spans="14:14">
      <c r="N645859" s="10"/>
    </row>
    <row r="645860" spans="14:14">
      <c r="N645860" s="10"/>
    </row>
    <row r="645861" spans="14:14">
      <c r="N645861" s="10"/>
    </row>
    <row r="645862" spans="14:14">
      <c r="N645862" s="10"/>
    </row>
    <row r="645863" spans="14:14">
      <c r="N645863" s="10"/>
    </row>
    <row r="645864" spans="14:14">
      <c r="N645864" s="10"/>
    </row>
    <row r="645865" spans="14:14">
      <c r="N645865" s="10"/>
    </row>
    <row r="645866" spans="14:14">
      <c r="N645866" s="10"/>
    </row>
    <row r="645867" spans="14:14">
      <c r="N645867" s="10"/>
    </row>
    <row r="645868" spans="14:14">
      <c r="N645868" s="10"/>
    </row>
    <row r="645869" spans="14:14">
      <c r="N645869" s="10"/>
    </row>
    <row r="645870" spans="14:14">
      <c r="N645870" s="10"/>
    </row>
    <row r="645871" spans="14:14">
      <c r="N645871" s="10"/>
    </row>
    <row r="645872" spans="14:14">
      <c r="N645872" s="10"/>
    </row>
    <row r="645873" spans="14:14">
      <c r="N645873" s="10"/>
    </row>
    <row r="645874" spans="14:14">
      <c r="N645874" s="10"/>
    </row>
    <row r="645875" spans="14:14">
      <c r="N645875" s="10"/>
    </row>
    <row r="645876" spans="14:14">
      <c r="N645876" s="10"/>
    </row>
    <row r="645877" spans="14:14">
      <c r="N645877" s="10"/>
    </row>
    <row r="645878" spans="14:14">
      <c r="N645878" s="10"/>
    </row>
    <row r="645879" spans="14:14">
      <c r="N645879" s="10"/>
    </row>
    <row r="645880" spans="14:14">
      <c r="N645880" s="10"/>
    </row>
    <row r="645881" spans="14:14">
      <c r="N645881" s="10"/>
    </row>
    <row r="645882" spans="14:14">
      <c r="N645882" s="10"/>
    </row>
    <row r="645883" spans="14:14">
      <c r="N645883" s="10"/>
    </row>
    <row r="645884" spans="14:14">
      <c r="N645884" s="10"/>
    </row>
    <row r="645885" spans="14:14">
      <c r="N645885" s="10"/>
    </row>
    <row r="645886" spans="14:14">
      <c r="N645886" s="10"/>
    </row>
    <row r="645887" spans="14:14">
      <c r="N645887" s="10"/>
    </row>
    <row r="645888" spans="14:14">
      <c r="N645888" s="10"/>
    </row>
    <row r="645889" spans="14:14">
      <c r="N645889" s="10"/>
    </row>
    <row r="645890" spans="14:14">
      <c r="N645890" s="10"/>
    </row>
    <row r="645891" spans="14:14">
      <c r="N645891" s="10"/>
    </row>
    <row r="645892" spans="14:14">
      <c r="N645892" s="10"/>
    </row>
    <row r="645893" spans="14:14">
      <c r="N645893" s="10"/>
    </row>
    <row r="645894" spans="14:14">
      <c r="N645894" s="10"/>
    </row>
    <row r="645895" spans="14:14">
      <c r="N645895" s="10"/>
    </row>
    <row r="645896" spans="14:14">
      <c r="N645896" s="10"/>
    </row>
    <row r="645897" spans="14:14">
      <c r="N645897" s="10"/>
    </row>
    <row r="645898" spans="14:14">
      <c r="N645898" s="10"/>
    </row>
    <row r="645899" spans="14:14">
      <c r="N645899" s="10"/>
    </row>
    <row r="645900" spans="14:14">
      <c r="N645900" s="10"/>
    </row>
    <row r="645901" spans="14:14">
      <c r="N645901" s="10"/>
    </row>
    <row r="645902" spans="14:14">
      <c r="N645902" s="10"/>
    </row>
    <row r="645903" spans="14:14">
      <c r="N645903" s="10"/>
    </row>
    <row r="645904" spans="14:14">
      <c r="N645904" s="10"/>
    </row>
    <row r="645905" spans="14:14">
      <c r="N645905" s="10"/>
    </row>
    <row r="645906" spans="14:14">
      <c r="N645906" s="10"/>
    </row>
    <row r="645907" spans="14:14">
      <c r="N645907" s="10"/>
    </row>
    <row r="645908" spans="14:14">
      <c r="N645908" s="10"/>
    </row>
    <row r="645909" spans="14:14">
      <c r="N645909" s="10"/>
    </row>
    <row r="645910" spans="14:14">
      <c r="N645910" s="10"/>
    </row>
    <row r="645911" spans="14:14">
      <c r="N645911" s="10"/>
    </row>
    <row r="645912" spans="14:14">
      <c r="N645912" s="10"/>
    </row>
    <row r="645913" spans="14:14">
      <c r="N645913" s="10"/>
    </row>
    <row r="645914" spans="14:14">
      <c r="N645914" s="10"/>
    </row>
    <row r="645915" spans="14:14">
      <c r="N645915" s="10"/>
    </row>
    <row r="645916" spans="14:14">
      <c r="N645916" s="10"/>
    </row>
    <row r="645917" spans="14:14">
      <c r="N645917" s="10"/>
    </row>
    <row r="645918" spans="14:14">
      <c r="N645918" s="10"/>
    </row>
    <row r="645919" spans="14:14">
      <c r="N645919" s="10"/>
    </row>
    <row r="645920" spans="14:14">
      <c r="N645920" s="10"/>
    </row>
    <row r="645921" spans="14:14">
      <c r="N645921" s="10"/>
    </row>
    <row r="645922" spans="14:14">
      <c r="N645922" s="10"/>
    </row>
    <row r="645923" spans="14:14">
      <c r="N645923" s="10"/>
    </row>
    <row r="645924" spans="14:14">
      <c r="N645924" s="10"/>
    </row>
    <row r="645925" spans="14:14">
      <c r="N645925" s="10"/>
    </row>
    <row r="645926" spans="14:14">
      <c r="N645926" s="10"/>
    </row>
    <row r="645927" spans="14:14">
      <c r="N645927" s="10"/>
    </row>
    <row r="645928" spans="14:14">
      <c r="N645928" s="10"/>
    </row>
    <row r="645929" spans="14:14">
      <c r="N645929" s="10"/>
    </row>
    <row r="645930" spans="14:14">
      <c r="N645930" s="10"/>
    </row>
    <row r="645931" spans="14:14">
      <c r="N645931" s="10"/>
    </row>
    <row r="645932" spans="14:14">
      <c r="N645932" s="10"/>
    </row>
    <row r="645933" spans="14:14">
      <c r="N645933" s="10"/>
    </row>
    <row r="645934" spans="14:14">
      <c r="N645934" s="10"/>
    </row>
    <row r="645935" spans="14:14">
      <c r="N645935" s="10"/>
    </row>
    <row r="645936" spans="14:14">
      <c r="N645936" s="10"/>
    </row>
    <row r="645937" spans="14:14">
      <c r="N645937" s="10"/>
    </row>
    <row r="645938" spans="14:14">
      <c r="N645938" s="10"/>
    </row>
    <row r="645939" spans="14:14">
      <c r="N645939" s="10"/>
    </row>
    <row r="645940" spans="14:14">
      <c r="N645940" s="10"/>
    </row>
    <row r="645941" spans="14:14">
      <c r="N645941" s="10"/>
    </row>
    <row r="645942" spans="14:14">
      <c r="N645942" s="10"/>
    </row>
    <row r="645943" spans="14:14">
      <c r="N645943" s="10"/>
    </row>
    <row r="645944" spans="14:14">
      <c r="N645944" s="10"/>
    </row>
    <row r="645945" spans="14:14">
      <c r="N645945" s="10"/>
    </row>
    <row r="645946" spans="14:14">
      <c r="N645946" s="10"/>
    </row>
    <row r="645947" spans="14:14">
      <c r="N645947" s="10"/>
    </row>
    <row r="645948" spans="14:14">
      <c r="N645948" s="10"/>
    </row>
    <row r="645949" spans="14:14">
      <c r="N645949" s="10"/>
    </row>
    <row r="645950" spans="14:14">
      <c r="N645950" s="10"/>
    </row>
    <row r="645951" spans="14:14">
      <c r="N645951" s="10"/>
    </row>
    <row r="645952" spans="14:14">
      <c r="N645952" s="10"/>
    </row>
    <row r="645953" spans="14:14">
      <c r="N645953" s="10"/>
    </row>
    <row r="645954" spans="14:14">
      <c r="N645954" s="10"/>
    </row>
    <row r="645955" spans="14:14">
      <c r="N645955" s="10"/>
    </row>
    <row r="645956" spans="14:14">
      <c r="N645956" s="10"/>
    </row>
    <row r="645957" spans="14:14">
      <c r="N645957" s="10"/>
    </row>
    <row r="645958" spans="14:14">
      <c r="N645958" s="10"/>
    </row>
    <row r="645959" spans="14:14">
      <c r="N645959" s="10"/>
    </row>
    <row r="645960" spans="14:14">
      <c r="N645960" s="10"/>
    </row>
    <row r="645961" spans="14:14">
      <c r="N645961" s="10"/>
    </row>
    <row r="645962" spans="14:14">
      <c r="N645962" s="10"/>
    </row>
    <row r="645963" spans="14:14">
      <c r="N645963" s="10"/>
    </row>
    <row r="645964" spans="14:14">
      <c r="N645964" s="10"/>
    </row>
    <row r="645965" spans="14:14">
      <c r="N645965" s="10"/>
    </row>
    <row r="645966" spans="14:14">
      <c r="N645966" s="10"/>
    </row>
    <row r="645967" spans="14:14">
      <c r="N645967" s="10"/>
    </row>
    <row r="645968" spans="14:14">
      <c r="N645968" s="10"/>
    </row>
    <row r="645969" spans="14:14">
      <c r="N645969" s="10"/>
    </row>
    <row r="645970" spans="14:14">
      <c r="N645970" s="10"/>
    </row>
    <row r="645971" spans="14:14">
      <c r="N645971" s="10"/>
    </row>
    <row r="645972" spans="14:14">
      <c r="N645972" s="10"/>
    </row>
    <row r="645973" spans="14:14">
      <c r="N645973" s="10"/>
    </row>
    <row r="645974" spans="14:14">
      <c r="N645974" s="10"/>
    </row>
    <row r="645975" spans="14:14">
      <c r="N645975" s="10"/>
    </row>
    <row r="645976" spans="14:14">
      <c r="N645976" s="10"/>
    </row>
    <row r="645977" spans="14:14">
      <c r="N645977" s="10"/>
    </row>
    <row r="645978" spans="14:14">
      <c r="N645978" s="10"/>
    </row>
    <row r="645979" spans="14:14">
      <c r="N645979" s="10"/>
    </row>
    <row r="645980" spans="14:14">
      <c r="N645980" s="10"/>
    </row>
    <row r="645981" spans="14:14">
      <c r="N645981" s="10"/>
    </row>
    <row r="645982" spans="14:14">
      <c r="N645982" s="10"/>
    </row>
    <row r="645983" spans="14:14">
      <c r="N645983" s="10"/>
    </row>
    <row r="645984" spans="14:14">
      <c r="N645984" s="10"/>
    </row>
    <row r="645985" spans="14:14">
      <c r="N645985" s="10"/>
    </row>
    <row r="645986" spans="14:14">
      <c r="N645986" s="10"/>
    </row>
    <row r="645987" spans="14:14">
      <c r="N645987" s="10"/>
    </row>
    <row r="645988" spans="14:14">
      <c r="N645988" s="10"/>
    </row>
    <row r="645989" spans="14:14">
      <c r="N645989" s="10"/>
    </row>
    <row r="645990" spans="14:14">
      <c r="N645990" s="10"/>
    </row>
    <row r="645991" spans="14:14">
      <c r="N645991" s="10"/>
    </row>
    <row r="645992" spans="14:14">
      <c r="N645992" s="10"/>
    </row>
    <row r="645993" spans="14:14">
      <c r="N645993" s="10"/>
    </row>
    <row r="645994" spans="14:14">
      <c r="N645994" s="10"/>
    </row>
    <row r="645995" spans="14:14">
      <c r="N645995" s="10"/>
    </row>
    <row r="645996" spans="14:14">
      <c r="N645996" s="10"/>
    </row>
    <row r="645997" spans="14:14">
      <c r="N645997" s="10"/>
    </row>
    <row r="645998" spans="14:14">
      <c r="N645998" s="10"/>
    </row>
    <row r="645999" spans="14:14">
      <c r="N645999" s="10"/>
    </row>
    <row r="646000" spans="14:14">
      <c r="N646000" s="10"/>
    </row>
    <row r="646001" spans="14:14">
      <c r="N646001" s="10"/>
    </row>
    <row r="646002" spans="14:14">
      <c r="N646002" s="10"/>
    </row>
    <row r="646003" spans="14:14">
      <c r="N646003" s="10"/>
    </row>
    <row r="646004" spans="14:14">
      <c r="N646004" s="10"/>
    </row>
    <row r="646005" spans="14:14">
      <c r="N646005" s="10"/>
    </row>
    <row r="646006" spans="14:14">
      <c r="N646006" s="10"/>
    </row>
    <row r="646007" spans="14:14">
      <c r="N646007" s="10"/>
    </row>
    <row r="646008" spans="14:14">
      <c r="N646008" s="10"/>
    </row>
    <row r="646009" spans="14:14">
      <c r="N646009" s="10"/>
    </row>
    <row r="646010" spans="14:14">
      <c r="N646010" s="10"/>
    </row>
    <row r="646011" spans="14:14">
      <c r="N646011" s="10"/>
    </row>
    <row r="646012" spans="14:14">
      <c r="N646012" s="10"/>
    </row>
    <row r="646013" spans="14:14">
      <c r="N646013" s="10"/>
    </row>
    <row r="646014" spans="14:14">
      <c r="N646014" s="10"/>
    </row>
    <row r="646015" spans="14:14">
      <c r="N646015" s="10"/>
    </row>
    <row r="646016" spans="14:14">
      <c r="N646016" s="10"/>
    </row>
    <row r="646017" spans="14:14">
      <c r="N646017" s="10"/>
    </row>
    <row r="646018" spans="14:14">
      <c r="N646018" s="10"/>
    </row>
    <row r="646019" spans="14:14">
      <c r="N646019" s="10"/>
    </row>
    <row r="646020" spans="14:14">
      <c r="N646020" s="10"/>
    </row>
    <row r="646021" spans="14:14">
      <c r="N646021" s="10"/>
    </row>
    <row r="646022" spans="14:14">
      <c r="N646022" s="10"/>
    </row>
    <row r="646023" spans="14:14">
      <c r="N646023" s="10"/>
    </row>
    <row r="646024" spans="14:14">
      <c r="N646024" s="10"/>
    </row>
    <row r="646025" spans="14:14">
      <c r="N646025" s="10"/>
    </row>
    <row r="646026" spans="14:14">
      <c r="N646026" s="10"/>
    </row>
    <row r="646027" spans="14:14">
      <c r="N646027" s="10"/>
    </row>
    <row r="646028" spans="14:14">
      <c r="N646028" s="10"/>
    </row>
    <row r="646029" spans="14:14">
      <c r="N646029" s="10"/>
    </row>
    <row r="646030" spans="14:14">
      <c r="N646030" s="10"/>
    </row>
    <row r="646031" spans="14:14">
      <c r="N646031" s="10"/>
    </row>
    <row r="646032" spans="14:14">
      <c r="N646032" s="10"/>
    </row>
    <row r="646033" spans="14:14">
      <c r="N646033" s="10"/>
    </row>
    <row r="646034" spans="14:14">
      <c r="N646034" s="10"/>
    </row>
    <row r="646035" spans="14:14">
      <c r="N646035" s="10"/>
    </row>
    <row r="646036" spans="14:14">
      <c r="N646036" s="10"/>
    </row>
    <row r="646037" spans="14:14">
      <c r="N646037" s="10"/>
    </row>
    <row r="646038" spans="14:14">
      <c r="N646038" s="10"/>
    </row>
    <row r="646039" spans="14:14">
      <c r="N646039" s="10"/>
    </row>
    <row r="646040" spans="14:14">
      <c r="N646040" s="10"/>
    </row>
    <row r="646041" spans="14:14">
      <c r="N646041" s="10"/>
    </row>
    <row r="646042" spans="14:14">
      <c r="N646042" s="10"/>
    </row>
    <row r="646043" spans="14:14">
      <c r="N646043" s="10"/>
    </row>
    <row r="646044" spans="14:14">
      <c r="N646044" s="10"/>
    </row>
    <row r="646045" spans="14:14">
      <c r="N646045" s="10"/>
    </row>
    <row r="646046" spans="14:14">
      <c r="N646046" s="10"/>
    </row>
    <row r="646047" spans="14:14">
      <c r="N646047" s="10"/>
    </row>
    <row r="646048" spans="14:14">
      <c r="N646048" s="10"/>
    </row>
    <row r="646049" spans="14:14">
      <c r="N646049" s="10"/>
    </row>
    <row r="646050" spans="14:14">
      <c r="N646050" s="10"/>
    </row>
    <row r="646051" spans="14:14">
      <c r="N646051" s="10"/>
    </row>
    <row r="646052" spans="14:14">
      <c r="N646052" s="10"/>
    </row>
    <row r="646053" spans="14:14">
      <c r="N646053" s="10"/>
    </row>
    <row r="646054" spans="14:14">
      <c r="N646054" s="10"/>
    </row>
    <row r="646055" spans="14:14">
      <c r="N646055" s="10"/>
    </row>
    <row r="646056" spans="14:14">
      <c r="N646056" s="10"/>
    </row>
    <row r="646057" spans="14:14">
      <c r="N646057" s="10"/>
    </row>
    <row r="646058" spans="14:14">
      <c r="N646058" s="10"/>
    </row>
    <row r="646059" spans="14:14">
      <c r="N646059" s="10"/>
    </row>
    <row r="646060" spans="14:14">
      <c r="N646060" s="10"/>
    </row>
    <row r="646061" spans="14:14">
      <c r="N646061" s="10"/>
    </row>
    <row r="646062" spans="14:14">
      <c r="N646062" s="10"/>
    </row>
    <row r="646063" spans="14:14">
      <c r="N646063" s="10"/>
    </row>
    <row r="646064" spans="14:14">
      <c r="N646064" s="10"/>
    </row>
    <row r="646065" spans="14:14">
      <c r="N646065" s="10"/>
    </row>
    <row r="646066" spans="14:14">
      <c r="N646066" s="10"/>
    </row>
    <row r="646067" spans="14:14">
      <c r="N646067" s="10"/>
    </row>
    <row r="646068" spans="14:14">
      <c r="N646068" s="10"/>
    </row>
    <row r="646069" spans="14:14">
      <c r="N646069" s="10"/>
    </row>
    <row r="646070" spans="14:14">
      <c r="N646070" s="10"/>
    </row>
    <row r="646071" spans="14:14">
      <c r="N646071" s="10"/>
    </row>
    <row r="646072" spans="14:14">
      <c r="N646072" s="10"/>
    </row>
    <row r="646073" spans="14:14">
      <c r="N646073" s="10"/>
    </row>
    <row r="646074" spans="14:14">
      <c r="N646074" s="10"/>
    </row>
    <row r="646075" spans="14:14">
      <c r="N646075" s="10"/>
    </row>
    <row r="646076" spans="14:14">
      <c r="N646076" s="10"/>
    </row>
    <row r="646077" spans="14:14">
      <c r="N646077" s="10"/>
    </row>
    <row r="646078" spans="14:14">
      <c r="N646078" s="10"/>
    </row>
    <row r="646079" spans="14:14">
      <c r="N646079" s="10"/>
    </row>
    <row r="646080" spans="14:14">
      <c r="N646080" s="10"/>
    </row>
    <row r="646081" spans="14:14">
      <c r="N646081" s="10"/>
    </row>
    <row r="646082" spans="14:14">
      <c r="N646082" s="10"/>
    </row>
    <row r="646083" spans="14:14">
      <c r="N646083" s="10"/>
    </row>
    <row r="646084" spans="14:14">
      <c r="N646084" s="10"/>
    </row>
    <row r="646085" spans="14:14">
      <c r="N646085" s="10"/>
    </row>
    <row r="646086" spans="14:14">
      <c r="N646086" s="10"/>
    </row>
    <row r="646087" spans="14:14">
      <c r="N646087" s="10"/>
    </row>
    <row r="646088" spans="14:14">
      <c r="N646088" s="10"/>
    </row>
    <row r="646089" spans="14:14">
      <c r="N646089" s="10"/>
    </row>
    <row r="646090" spans="14:14">
      <c r="N646090" s="10"/>
    </row>
    <row r="646091" spans="14:14">
      <c r="N646091" s="10"/>
    </row>
    <row r="646092" spans="14:14">
      <c r="N646092" s="10"/>
    </row>
    <row r="646093" spans="14:14">
      <c r="N646093" s="10"/>
    </row>
    <row r="646094" spans="14:14">
      <c r="N646094" s="10"/>
    </row>
    <row r="646095" spans="14:14">
      <c r="N646095" s="10"/>
    </row>
    <row r="646096" spans="14:14">
      <c r="N646096" s="10"/>
    </row>
    <row r="646097" spans="14:14">
      <c r="N646097" s="10"/>
    </row>
    <row r="646098" spans="14:14">
      <c r="N646098" s="10"/>
    </row>
    <row r="646099" spans="14:14">
      <c r="N646099" s="10"/>
    </row>
    <row r="646100" spans="14:14">
      <c r="N646100" s="10"/>
    </row>
    <row r="646101" spans="14:14">
      <c r="N646101" s="10"/>
    </row>
    <row r="646102" spans="14:14">
      <c r="N646102" s="10"/>
    </row>
    <row r="646103" spans="14:14">
      <c r="N646103" s="10"/>
    </row>
    <row r="646104" spans="14:14">
      <c r="N646104" s="10"/>
    </row>
    <row r="646105" spans="14:14">
      <c r="N646105" s="10"/>
    </row>
    <row r="646106" spans="14:14">
      <c r="N646106" s="10"/>
    </row>
    <row r="646107" spans="14:14">
      <c r="N646107" s="10"/>
    </row>
    <row r="646108" spans="14:14">
      <c r="N646108" s="10"/>
    </row>
    <row r="646109" spans="14:14">
      <c r="N646109" s="10"/>
    </row>
    <row r="646110" spans="14:14">
      <c r="N646110" s="10"/>
    </row>
    <row r="646111" spans="14:14">
      <c r="N646111" s="10"/>
    </row>
    <row r="646112" spans="14:14">
      <c r="N646112" s="10"/>
    </row>
    <row r="646113" spans="14:14">
      <c r="N646113" s="10"/>
    </row>
    <row r="646114" spans="14:14">
      <c r="N646114" s="10"/>
    </row>
    <row r="646115" spans="14:14">
      <c r="N646115" s="10"/>
    </row>
    <row r="646116" spans="14:14">
      <c r="N646116" s="10"/>
    </row>
    <row r="646117" spans="14:14">
      <c r="N646117" s="10"/>
    </row>
    <row r="646118" spans="14:14">
      <c r="N646118" s="10"/>
    </row>
    <row r="646119" spans="14:14">
      <c r="N646119" s="10"/>
    </row>
    <row r="646120" spans="14:14">
      <c r="N646120" s="10"/>
    </row>
    <row r="646121" spans="14:14">
      <c r="N646121" s="10"/>
    </row>
    <row r="646122" spans="14:14">
      <c r="N646122" s="10"/>
    </row>
    <row r="646123" spans="14:14">
      <c r="N646123" s="10"/>
    </row>
    <row r="646124" spans="14:14">
      <c r="N646124" s="10"/>
    </row>
    <row r="646125" spans="14:14">
      <c r="N646125" s="10"/>
    </row>
    <row r="646126" spans="14:14">
      <c r="N646126" s="10"/>
    </row>
    <row r="646127" spans="14:14">
      <c r="N646127" s="10"/>
    </row>
    <row r="646128" spans="14:14">
      <c r="N646128" s="10"/>
    </row>
    <row r="646129" spans="14:14">
      <c r="N646129" s="10"/>
    </row>
    <row r="646130" spans="14:14">
      <c r="N646130" s="10"/>
    </row>
    <row r="646131" spans="14:14">
      <c r="N646131" s="10"/>
    </row>
    <row r="646132" spans="14:14">
      <c r="N646132" s="10"/>
    </row>
    <row r="646133" spans="14:14">
      <c r="N646133" s="10"/>
    </row>
    <row r="646134" spans="14:14">
      <c r="N646134" s="10"/>
    </row>
    <row r="646135" spans="14:14">
      <c r="N646135" s="10"/>
    </row>
    <row r="646136" spans="14:14">
      <c r="N646136" s="10"/>
    </row>
    <row r="646137" spans="14:14">
      <c r="N646137" s="10"/>
    </row>
    <row r="646138" spans="14:14">
      <c r="N646138" s="10"/>
    </row>
    <row r="646139" spans="14:14">
      <c r="N646139" s="10"/>
    </row>
    <row r="646140" spans="14:14">
      <c r="N646140" s="10"/>
    </row>
    <row r="646141" spans="14:14">
      <c r="N646141" s="10"/>
    </row>
    <row r="646142" spans="14:14">
      <c r="N646142" s="10"/>
    </row>
    <row r="646143" spans="14:14">
      <c r="N646143" s="10"/>
    </row>
    <row r="646144" spans="14:14">
      <c r="N646144" s="10"/>
    </row>
    <row r="646145" spans="14:14">
      <c r="N646145" s="10"/>
    </row>
    <row r="646146" spans="14:14">
      <c r="N646146" s="10"/>
    </row>
    <row r="646147" spans="14:14">
      <c r="N646147" s="10"/>
    </row>
    <row r="646148" spans="14:14">
      <c r="N646148" s="10"/>
    </row>
    <row r="646149" spans="14:14">
      <c r="N646149" s="10"/>
    </row>
    <row r="646150" spans="14:14">
      <c r="N646150" s="10"/>
    </row>
    <row r="646151" spans="14:14">
      <c r="N646151" s="10"/>
    </row>
    <row r="646152" spans="14:14">
      <c r="N646152" s="10"/>
    </row>
    <row r="646153" spans="14:14">
      <c r="N646153" s="10"/>
    </row>
    <row r="646154" spans="14:14">
      <c r="N646154" s="10"/>
    </row>
    <row r="646155" spans="14:14">
      <c r="N646155" s="10"/>
    </row>
    <row r="646156" spans="14:14">
      <c r="N646156" s="10"/>
    </row>
    <row r="646157" spans="14:14">
      <c r="N646157" s="10"/>
    </row>
    <row r="646158" spans="14:14">
      <c r="N646158" s="10"/>
    </row>
    <row r="646159" spans="14:14">
      <c r="N646159" s="10"/>
    </row>
    <row r="646160" spans="14:14">
      <c r="N646160" s="10"/>
    </row>
    <row r="646161" spans="14:14">
      <c r="N646161" s="10"/>
    </row>
    <row r="646162" spans="14:14">
      <c r="N646162" s="10"/>
    </row>
    <row r="646163" spans="14:14">
      <c r="N646163" s="10"/>
    </row>
    <row r="646164" spans="14:14">
      <c r="N646164" s="10"/>
    </row>
    <row r="646165" spans="14:14">
      <c r="N646165" s="10"/>
    </row>
    <row r="646166" spans="14:14">
      <c r="N646166" s="10"/>
    </row>
    <row r="646167" spans="14:14">
      <c r="N646167" s="10"/>
    </row>
    <row r="646168" spans="14:14">
      <c r="N646168" s="10"/>
    </row>
    <row r="646169" spans="14:14">
      <c r="N646169" s="10"/>
    </row>
    <row r="646170" spans="14:14">
      <c r="N646170" s="10"/>
    </row>
    <row r="646171" spans="14:14">
      <c r="N646171" s="10"/>
    </row>
    <row r="646172" spans="14:14">
      <c r="N646172" s="10"/>
    </row>
    <row r="646173" spans="14:14">
      <c r="N646173" s="10"/>
    </row>
    <row r="646174" spans="14:14">
      <c r="N646174" s="10"/>
    </row>
    <row r="646175" spans="14:14">
      <c r="N646175" s="10"/>
    </row>
    <row r="646176" spans="14:14">
      <c r="N646176" s="10"/>
    </row>
    <row r="646177" spans="14:14">
      <c r="N646177" s="10"/>
    </row>
    <row r="646178" spans="14:14">
      <c r="N646178" s="10"/>
    </row>
    <row r="646179" spans="14:14">
      <c r="N646179" s="10"/>
    </row>
    <row r="646180" spans="14:14">
      <c r="N646180" s="10"/>
    </row>
    <row r="646181" spans="14:14">
      <c r="N646181" s="10"/>
    </row>
    <row r="646182" spans="14:14">
      <c r="N646182" s="10"/>
    </row>
    <row r="646183" spans="14:14">
      <c r="N646183" s="10"/>
    </row>
    <row r="646184" spans="14:14">
      <c r="N646184" s="10"/>
    </row>
    <row r="646185" spans="14:14">
      <c r="N646185" s="10"/>
    </row>
    <row r="646186" spans="14:14">
      <c r="N646186" s="10"/>
    </row>
    <row r="646187" spans="14:14">
      <c r="N646187" s="10"/>
    </row>
    <row r="646188" spans="14:14">
      <c r="N646188" s="10"/>
    </row>
    <row r="646189" spans="14:14">
      <c r="N646189" s="10"/>
    </row>
    <row r="646190" spans="14:14">
      <c r="N646190" s="10"/>
    </row>
    <row r="646191" spans="14:14">
      <c r="N646191" s="10"/>
    </row>
    <row r="646192" spans="14:14">
      <c r="N646192" s="10"/>
    </row>
    <row r="646193" spans="14:14">
      <c r="N646193" s="10"/>
    </row>
    <row r="646194" spans="14:14">
      <c r="N646194" s="10"/>
    </row>
    <row r="646195" spans="14:14">
      <c r="N646195" s="10"/>
    </row>
    <row r="646196" spans="14:14">
      <c r="N646196" s="10"/>
    </row>
    <row r="646197" spans="14:14">
      <c r="N646197" s="10"/>
    </row>
    <row r="646198" spans="14:14">
      <c r="N646198" s="10"/>
    </row>
    <row r="646199" spans="14:14">
      <c r="N646199" s="10"/>
    </row>
    <row r="646200" spans="14:14">
      <c r="N646200" s="10"/>
    </row>
    <row r="646201" spans="14:14">
      <c r="N646201" s="10"/>
    </row>
    <row r="646202" spans="14:14">
      <c r="N646202" s="10"/>
    </row>
    <row r="646203" spans="14:14">
      <c r="N646203" s="10"/>
    </row>
    <row r="646204" spans="14:14">
      <c r="N646204" s="10"/>
    </row>
    <row r="646205" spans="14:14">
      <c r="N646205" s="10"/>
    </row>
    <row r="646206" spans="14:14">
      <c r="N646206" s="10"/>
    </row>
    <row r="646207" spans="14:14">
      <c r="N646207" s="10"/>
    </row>
    <row r="646208" spans="14:14">
      <c r="N646208" s="10"/>
    </row>
    <row r="646209" spans="14:14">
      <c r="N646209" s="10"/>
    </row>
    <row r="646210" spans="14:14">
      <c r="N646210" s="10"/>
    </row>
    <row r="646211" spans="14:14">
      <c r="N646211" s="10"/>
    </row>
    <row r="646212" spans="14:14">
      <c r="N646212" s="10"/>
    </row>
    <row r="646213" spans="14:14">
      <c r="N646213" s="10"/>
    </row>
    <row r="646214" spans="14:14">
      <c r="N646214" s="10"/>
    </row>
    <row r="646215" spans="14:14">
      <c r="N646215" s="10"/>
    </row>
    <row r="646216" spans="14:14">
      <c r="N646216" s="10"/>
    </row>
    <row r="646217" spans="14:14">
      <c r="N646217" s="10"/>
    </row>
    <row r="646218" spans="14:14">
      <c r="N646218" s="10"/>
    </row>
    <row r="646219" spans="14:14">
      <c r="N646219" s="10"/>
    </row>
    <row r="646220" spans="14:14">
      <c r="N646220" s="10"/>
    </row>
    <row r="646221" spans="14:14">
      <c r="N646221" s="10"/>
    </row>
    <row r="646222" spans="14:14">
      <c r="N646222" s="10"/>
    </row>
    <row r="646223" spans="14:14">
      <c r="N646223" s="10"/>
    </row>
    <row r="646224" spans="14:14">
      <c r="N646224" s="10"/>
    </row>
    <row r="646225" spans="14:14">
      <c r="N646225" s="10"/>
    </row>
    <row r="646226" spans="14:14">
      <c r="N646226" s="10"/>
    </row>
    <row r="646227" spans="14:14">
      <c r="N646227" s="10"/>
    </row>
    <row r="646228" spans="14:14">
      <c r="N646228" s="10"/>
    </row>
    <row r="646229" spans="14:14">
      <c r="N646229" s="10"/>
    </row>
    <row r="646230" spans="14:14">
      <c r="N646230" s="10"/>
    </row>
    <row r="646231" spans="14:14">
      <c r="N646231" s="10"/>
    </row>
    <row r="646232" spans="14:14">
      <c r="N646232" s="10"/>
    </row>
    <row r="646233" spans="14:14">
      <c r="N646233" s="10"/>
    </row>
    <row r="646234" spans="14:14">
      <c r="N646234" s="10"/>
    </row>
    <row r="646235" spans="14:14">
      <c r="N646235" s="10"/>
    </row>
    <row r="646236" spans="14:14">
      <c r="N646236" s="10"/>
    </row>
    <row r="646237" spans="14:14">
      <c r="N646237" s="10"/>
    </row>
    <row r="646238" spans="14:14">
      <c r="N646238" s="10"/>
    </row>
    <row r="646239" spans="14:14">
      <c r="N646239" s="10"/>
    </row>
    <row r="646240" spans="14:14">
      <c r="N646240" s="10"/>
    </row>
    <row r="646241" spans="14:14">
      <c r="N646241" s="10"/>
    </row>
    <row r="646242" spans="14:14">
      <c r="N646242" s="10"/>
    </row>
    <row r="646243" spans="14:14">
      <c r="N646243" s="10"/>
    </row>
    <row r="646244" spans="14:14">
      <c r="N646244" s="10"/>
    </row>
    <row r="646245" spans="14:14">
      <c r="N646245" s="10"/>
    </row>
    <row r="646246" spans="14:14">
      <c r="N646246" s="10"/>
    </row>
    <row r="646247" spans="14:14">
      <c r="N646247" s="10"/>
    </row>
    <row r="646248" spans="14:14">
      <c r="N646248" s="10"/>
    </row>
    <row r="646249" spans="14:14">
      <c r="N646249" s="10"/>
    </row>
    <row r="646250" spans="14:14">
      <c r="N646250" s="10"/>
    </row>
    <row r="646251" spans="14:14">
      <c r="N646251" s="10"/>
    </row>
    <row r="646252" spans="14:14">
      <c r="N646252" s="10"/>
    </row>
    <row r="646253" spans="14:14">
      <c r="N646253" s="10"/>
    </row>
    <row r="646254" spans="14:14">
      <c r="N646254" s="10"/>
    </row>
    <row r="646255" spans="14:14">
      <c r="N646255" s="10"/>
    </row>
    <row r="646256" spans="14:14">
      <c r="N646256" s="10"/>
    </row>
    <row r="646257" spans="14:14">
      <c r="N646257" s="10"/>
    </row>
    <row r="646258" spans="14:14">
      <c r="N646258" s="10"/>
    </row>
    <row r="646259" spans="14:14">
      <c r="N646259" s="10"/>
    </row>
    <row r="646260" spans="14:14">
      <c r="N646260" s="10"/>
    </row>
    <row r="646261" spans="14:14">
      <c r="N646261" s="10"/>
    </row>
    <row r="646262" spans="14:14">
      <c r="N646262" s="10"/>
    </row>
    <row r="646263" spans="14:14">
      <c r="N646263" s="10"/>
    </row>
    <row r="646264" spans="14:14">
      <c r="N646264" s="10"/>
    </row>
    <row r="646265" spans="14:14">
      <c r="N646265" s="10"/>
    </row>
    <row r="646266" spans="14:14">
      <c r="N646266" s="10"/>
    </row>
    <row r="646267" spans="14:14">
      <c r="N646267" s="10"/>
    </row>
    <row r="646268" spans="14:14">
      <c r="N646268" s="10"/>
    </row>
    <row r="646269" spans="14:14">
      <c r="N646269" s="10"/>
    </row>
    <row r="646270" spans="14:14">
      <c r="N646270" s="10"/>
    </row>
    <row r="646271" spans="14:14">
      <c r="N646271" s="10"/>
    </row>
    <row r="646272" spans="14:14">
      <c r="N646272" s="10"/>
    </row>
    <row r="646273" spans="14:14">
      <c r="N646273" s="10"/>
    </row>
    <row r="646274" spans="14:14">
      <c r="N646274" s="10"/>
    </row>
    <row r="646275" spans="14:14">
      <c r="N646275" s="10"/>
    </row>
    <row r="646276" spans="14:14">
      <c r="N646276" s="10"/>
    </row>
    <row r="646277" spans="14:14">
      <c r="N646277" s="10"/>
    </row>
    <row r="646278" spans="14:14">
      <c r="N646278" s="10"/>
    </row>
    <row r="646279" spans="14:14">
      <c r="N646279" s="10"/>
    </row>
    <row r="646280" spans="14:14">
      <c r="N646280" s="10"/>
    </row>
    <row r="646281" spans="14:14">
      <c r="N646281" s="10"/>
    </row>
    <row r="646282" spans="14:14">
      <c r="N646282" s="10"/>
    </row>
    <row r="646283" spans="14:14">
      <c r="N646283" s="10"/>
    </row>
    <row r="646284" spans="14:14">
      <c r="N646284" s="10"/>
    </row>
    <row r="646285" spans="14:14">
      <c r="N646285" s="10"/>
    </row>
    <row r="646286" spans="14:14">
      <c r="N646286" s="10"/>
    </row>
    <row r="646287" spans="14:14">
      <c r="N646287" s="10"/>
    </row>
    <row r="646288" spans="14:14">
      <c r="N646288" s="10"/>
    </row>
    <row r="646289" spans="14:14">
      <c r="N646289" s="10"/>
    </row>
    <row r="646290" spans="14:14">
      <c r="N646290" s="10"/>
    </row>
    <row r="646291" spans="14:14">
      <c r="N646291" s="10"/>
    </row>
    <row r="646292" spans="14:14">
      <c r="N646292" s="10"/>
    </row>
    <row r="646293" spans="14:14">
      <c r="N646293" s="10"/>
    </row>
    <row r="646294" spans="14:14">
      <c r="N646294" s="10"/>
    </row>
    <row r="646295" spans="14:14">
      <c r="N646295" s="10"/>
    </row>
    <row r="646296" spans="14:14">
      <c r="N646296" s="10"/>
    </row>
    <row r="646297" spans="14:14">
      <c r="N646297" s="10"/>
    </row>
    <row r="646298" spans="14:14">
      <c r="N646298" s="10"/>
    </row>
    <row r="646299" spans="14:14">
      <c r="N646299" s="10"/>
    </row>
    <row r="646300" spans="14:14">
      <c r="N646300" s="10"/>
    </row>
    <row r="646301" spans="14:14">
      <c r="N646301" s="10"/>
    </row>
    <row r="646302" spans="14:14">
      <c r="N646302" s="10"/>
    </row>
    <row r="646303" spans="14:14">
      <c r="N646303" s="10"/>
    </row>
    <row r="646304" spans="14:14">
      <c r="N646304" s="10"/>
    </row>
    <row r="646305" spans="14:14">
      <c r="N646305" s="10"/>
    </row>
    <row r="646306" spans="14:14">
      <c r="N646306" s="10"/>
    </row>
    <row r="646307" spans="14:14">
      <c r="N646307" s="10"/>
    </row>
    <row r="646308" spans="14:14">
      <c r="N646308" s="10"/>
    </row>
    <row r="646309" spans="14:14">
      <c r="N646309" s="10"/>
    </row>
    <row r="646310" spans="14:14">
      <c r="N646310" s="10"/>
    </row>
    <row r="646311" spans="14:14">
      <c r="N646311" s="10"/>
    </row>
    <row r="646312" spans="14:14">
      <c r="N646312" s="10"/>
    </row>
    <row r="646313" spans="14:14">
      <c r="N646313" s="10"/>
    </row>
    <row r="646314" spans="14:14">
      <c r="N646314" s="10"/>
    </row>
    <row r="646315" spans="14:14">
      <c r="N646315" s="10"/>
    </row>
    <row r="646316" spans="14:14">
      <c r="N646316" s="10"/>
    </row>
    <row r="646317" spans="14:14">
      <c r="N646317" s="10"/>
    </row>
    <row r="646318" spans="14:14">
      <c r="N646318" s="10"/>
    </row>
    <row r="646319" spans="14:14">
      <c r="N646319" s="10"/>
    </row>
    <row r="646320" spans="14:14">
      <c r="N646320" s="10"/>
    </row>
    <row r="646321" spans="14:14">
      <c r="N646321" s="10"/>
    </row>
    <row r="646322" spans="14:14">
      <c r="N646322" s="10"/>
    </row>
    <row r="646323" spans="14:14">
      <c r="N646323" s="10"/>
    </row>
    <row r="646324" spans="14:14">
      <c r="N646324" s="10"/>
    </row>
    <row r="646325" spans="14:14">
      <c r="N646325" s="10"/>
    </row>
    <row r="646326" spans="14:14">
      <c r="N646326" s="10"/>
    </row>
    <row r="646327" spans="14:14">
      <c r="N646327" s="10"/>
    </row>
    <row r="646328" spans="14:14">
      <c r="N646328" s="10"/>
    </row>
    <row r="646329" spans="14:14">
      <c r="N646329" s="10"/>
    </row>
    <row r="646330" spans="14:14">
      <c r="N646330" s="10"/>
    </row>
    <row r="646331" spans="14:14">
      <c r="N646331" s="10"/>
    </row>
    <row r="646332" spans="14:14">
      <c r="N646332" s="10"/>
    </row>
    <row r="646333" spans="14:14">
      <c r="N646333" s="10"/>
    </row>
    <row r="646334" spans="14:14">
      <c r="N646334" s="10"/>
    </row>
    <row r="646335" spans="14:14">
      <c r="N646335" s="10"/>
    </row>
    <row r="646336" spans="14:14">
      <c r="N646336" s="10"/>
    </row>
    <row r="646337" spans="14:14">
      <c r="N646337" s="10"/>
    </row>
    <row r="646338" spans="14:14">
      <c r="N646338" s="10"/>
    </row>
    <row r="646339" spans="14:14">
      <c r="N646339" s="10"/>
    </row>
    <row r="646340" spans="14:14">
      <c r="N646340" s="10"/>
    </row>
    <row r="646341" spans="14:14">
      <c r="N646341" s="10"/>
    </row>
    <row r="646342" spans="14:14">
      <c r="N646342" s="10"/>
    </row>
    <row r="646343" spans="14:14">
      <c r="N646343" s="10"/>
    </row>
    <row r="646344" spans="14:14">
      <c r="N646344" s="10"/>
    </row>
    <row r="646345" spans="14:14">
      <c r="N646345" s="10"/>
    </row>
    <row r="646346" spans="14:14">
      <c r="N646346" s="10"/>
    </row>
    <row r="646347" spans="14:14">
      <c r="N646347" s="10"/>
    </row>
    <row r="646348" spans="14:14">
      <c r="N646348" s="10"/>
    </row>
    <row r="646349" spans="14:14">
      <c r="N646349" s="10"/>
    </row>
    <row r="646350" spans="14:14">
      <c r="N646350" s="10"/>
    </row>
    <row r="646351" spans="14:14">
      <c r="N646351" s="10"/>
    </row>
    <row r="646352" spans="14:14">
      <c r="N646352" s="10"/>
    </row>
    <row r="646353" spans="14:14">
      <c r="N646353" s="10"/>
    </row>
    <row r="646354" spans="14:14">
      <c r="N646354" s="10"/>
    </row>
    <row r="646355" spans="14:14">
      <c r="N646355" s="10"/>
    </row>
    <row r="646356" spans="14:14">
      <c r="N646356" s="10"/>
    </row>
    <row r="646357" spans="14:14">
      <c r="N646357" s="10"/>
    </row>
    <row r="646358" spans="14:14">
      <c r="N646358" s="10"/>
    </row>
    <row r="646359" spans="14:14">
      <c r="N646359" s="10"/>
    </row>
    <row r="646360" spans="14:14">
      <c r="N646360" s="10"/>
    </row>
    <row r="646361" spans="14:14">
      <c r="N646361" s="10"/>
    </row>
    <row r="646362" spans="14:14">
      <c r="N646362" s="10"/>
    </row>
    <row r="646363" spans="14:14">
      <c r="N646363" s="10"/>
    </row>
    <row r="646364" spans="14:14">
      <c r="N646364" s="10"/>
    </row>
    <row r="646365" spans="14:14">
      <c r="N646365" s="10"/>
    </row>
    <row r="646366" spans="14:14">
      <c r="N646366" s="10"/>
    </row>
    <row r="646367" spans="14:14">
      <c r="N646367" s="10"/>
    </row>
    <row r="646368" spans="14:14">
      <c r="N646368" s="10"/>
    </row>
    <row r="646369" spans="14:14">
      <c r="N646369" s="10"/>
    </row>
    <row r="646370" spans="14:14">
      <c r="N646370" s="10"/>
    </row>
    <row r="646371" spans="14:14">
      <c r="N646371" s="10"/>
    </row>
    <row r="646372" spans="14:14">
      <c r="N646372" s="10"/>
    </row>
    <row r="646373" spans="14:14">
      <c r="N646373" s="10"/>
    </row>
    <row r="646374" spans="14:14">
      <c r="N646374" s="10"/>
    </row>
    <row r="646375" spans="14:14">
      <c r="N646375" s="10"/>
    </row>
    <row r="646376" spans="14:14">
      <c r="N646376" s="10"/>
    </row>
    <row r="646377" spans="14:14">
      <c r="N646377" s="10"/>
    </row>
    <row r="646378" spans="14:14">
      <c r="N646378" s="10"/>
    </row>
    <row r="646379" spans="14:14">
      <c r="N646379" s="10"/>
    </row>
    <row r="646380" spans="14:14">
      <c r="N646380" s="10"/>
    </row>
    <row r="646381" spans="14:14">
      <c r="N646381" s="10"/>
    </row>
    <row r="646382" spans="14:14">
      <c r="N646382" s="10"/>
    </row>
    <row r="646383" spans="14:14">
      <c r="N646383" s="10"/>
    </row>
    <row r="646384" spans="14:14">
      <c r="N646384" s="10"/>
    </row>
    <row r="646385" spans="14:14">
      <c r="N646385" s="10"/>
    </row>
    <row r="646386" spans="14:14">
      <c r="N646386" s="10"/>
    </row>
    <row r="646387" spans="14:14">
      <c r="N646387" s="10"/>
    </row>
    <row r="646388" spans="14:14">
      <c r="N646388" s="10"/>
    </row>
    <row r="646389" spans="14:14">
      <c r="N646389" s="10"/>
    </row>
    <row r="646390" spans="14:14">
      <c r="N646390" s="10"/>
    </row>
    <row r="646391" spans="14:14">
      <c r="N646391" s="10"/>
    </row>
    <row r="646392" spans="14:14">
      <c r="N646392" s="10"/>
    </row>
    <row r="646393" spans="14:14">
      <c r="N646393" s="10"/>
    </row>
    <row r="646394" spans="14:14">
      <c r="N646394" s="10"/>
    </row>
    <row r="646395" spans="14:14">
      <c r="N646395" s="10"/>
    </row>
    <row r="646396" spans="14:14">
      <c r="N646396" s="10"/>
    </row>
    <row r="646397" spans="14:14">
      <c r="N646397" s="10"/>
    </row>
    <row r="646398" spans="14:14">
      <c r="N646398" s="10"/>
    </row>
    <row r="646399" spans="14:14">
      <c r="N646399" s="10"/>
    </row>
    <row r="646400" spans="14:14">
      <c r="N646400" s="10"/>
    </row>
    <row r="646401" spans="14:14">
      <c r="N646401" s="10"/>
    </row>
    <row r="646402" spans="14:14">
      <c r="N646402" s="10"/>
    </row>
    <row r="646403" spans="14:14">
      <c r="N646403" s="10"/>
    </row>
    <row r="646404" spans="14:14">
      <c r="N646404" s="10"/>
    </row>
    <row r="646405" spans="14:14">
      <c r="N646405" s="10"/>
    </row>
    <row r="646406" spans="14:14">
      <c r="N646406" s="10"/>
    </row>
    <row r="646407" spans="14:14">
      <c r="N646407" s="10"/>
    </row>
    <row r="646408" spans="14:14">
      <c r="N646408" s="10"/>
    </row>
    <row r="646409" spans="14:14">
      <c r="N646409" s="10"/>
    </row>
    <row r="646410" spans="14:14">
      <c r="N646410" s="10"/>
    </row>
    <row r="646411" spans="14:14">
      <c r="N646411" s="10"/>
    </row>
    <row r="646412" spans="14:14">
      <c r="N646412" s="10"/>
    </row>
    <row r="646413" spans="14:14">
      <c r="N646413" s="10"/>
    </row>
    <row r="646414" spans="14:14">
      <c r="N646414" s="10"/>
    </row>
    <row r="646415" spans="14:14">
      <c r="N646415" s="10"/>
    </row>
    <row r="646416" spans="14:14">
      <c r="N646416" s="10"/>
    </row>
    <row r="646417" spans="14:14">
      <c r="N646417" s="10"/>
    </row>
    <row r="646418" spans="14:14">
      <c r="N646418" s="10"/>
    </row>
    <row r="646419" spans="14:14">
      <c r="N646419" s="10"/>
    </row>
    <row r="646420" spans="14:14">
      <c r="N646420" s="10"/>
    </row>
    <row r="646421" spans="14:14">
      <c r="N646421" s="10"/>
    </row>
    <row r="646422" spans="14:14">
      <c r="N646422" s="10"/>
    </row>
    <row r="646423" spans="14:14">
      <c r="N646423" s="10"/>
    </row>
    <row r="646424" spans="14:14">
      <c r="N646424" s="10"/>
    </row>
    <row r="646425" spans="14:14">
      <c r="N646425" s="10"/>
    </row>
    <row r="646426" spans="14:14">
      <c r="N646426" s="10"/>
    </row>
    <row r="646427" spans="14:14">
      <c r="N646427" s="10"/>
    </row>
    <row r="646428" spans="14:14">
      <c r="N646428" s="10"/>
    </row>
    <row r="646429" spans="14:14">
      <c r="N646429" s="10"/>
    </row>
    <row r="646430" spans="14:14">
      <c r="N646430" s="10"/>
    </row>
    <row r="646431" spans="14:14">
      <c r="N646431" s="10"/>
    </row>
    <row r="646432" spans="14:14">
      <c r="N646432" s="10"/>
    </row>
    <row r="646433" spans="14:14">
      <c r="N646433" s="10"/>
    </row>
    <row r="646434" spans="14:14">
      <c r="N646434" s="10"/>
    </row>
    <row r="646435" spans="14:14">
      <c r="N646435" s="10"/>
    </row>
    <row r="646436" spans="14:14">
      <c r="N646436" s="10"/>
    </row>
    <row r="646437" spans="14:14">
      <c r="N646437" s="10"/>
    </row>
    <row r="646438" spans="14:14">
      <c r="N646438" s="10"/>
    </row>
    <row r="646439" spans="14:14">
      <c r="N646439" s="10"/>
    </row>
    <row r="646440" spans="14:14">
      <c r="N646440" s="10"/>
    </row>
    <row r="646441" spans="14:14">
      <c r="N646441" s="10"/>
    </row>
    <row r="646442" spans="14:14">
      <c r="N646442" s="10"/>
    </row>
    <row r="646443" spans="14:14">
      <c r="N646443" s="10"/>
    </row>
    <row r="646444" spans="14:14">
      <c r="N646444" s="10"/>
    </row>
    <row r="646445" spans="14:14">
      <c r="N646445" s="10"/>
    </row>
    <row r="646446" spans="14:14">
      <c r="N646446" s="10"/>
    </row>
    <row r="646447" spans="14:14">
      <c r="N646447" s="10"/>
    </row>
    <row r="646448" spans="14:14">
      <c r="N646448" s="10"/>
    </row>
    <row r="646449" spans="14:14">
      <c r="N646449" s="10"/>
    </row>
    <row r="646450" spans="14:14">
      <c r="N646450" s="10"/>
    </row>
    <row r="646451" spans="14:14">
      <c r="N646451" s="10"/>
    </row>
    <row r="646452" spans="14:14">
      <c r="N646452" s="10"/>
    </row>
    <row r="646453" spans="14:14">
      <c r="N646453" s="10"/>
    </row>
    <row r="646454" spans="14:14">
      <c r="N646454" s="10"/>
    </row>
    <row r="646455" spans="14:14">
      <c r="N646455" s="10"/>
    </row>
    <row r="646456" spans="14:14">
      <c r="N646456" s="10"/>
    </row>
    <row r="646457" spans="14:14">
      <c r="N646457" s="10"/>
    </row>
    <row r="646458" spans="14:14">
      <c r="N646458" s="10"/>
    </row>
    <row r="646459" spans="14:14">
      <c r="N646459" s="10"/>
    </row>
    <row r="646460" spans="14:14">
      <c r="N646460" s="10"/>
    </row>
    <row r="646461" spans="14:14">
      <c r="N646461" s="10"/>
    </row>
    <row r="646462" spans="14:14">
      <c r="N646462" s="10"/>
    </row>
    <row r="646463" spans="14:14">
      <c r="N646463" s="10"/>
    </row>
    <row r="646464" spans="14:14">
      <c r="N646464" s="10"/>
    </row>
    <row r="646465" spans="14:14">
      <c r="N646465" s="10"/>
    </row>
    <row r="646466" spans="14:14">
      <c r="N646466" s="10"/>
    </row>
    <row r="646467" spans="14:14">
      <c r="N646467" s="10"/>
    </row>
    <row r="646468" spans="14:14">
      <c r="N646468" s="10"/>
    </row>
    <row r="646469" spans="14:14">
      <c r="N646469" s="10"/>
    </row>
    <row r="646470" spans="14:14">
      <c r="N646470" s="10"/>
    </row>
    <row r="646471" spans="14:14">
      <c r="N646471" s="10"/>
    </row>
    <row r="646472" spans="14:14">
      <c r="N646472" s="10"/>
    </row>
    <row r="646473" spans="14:14">
      <c r="N646473" s="10"/>
    </row>
    <row r="646474" spans="14:14">
      <c r="N646474" s="10"/>
    </row>
    <row r="646475" spans="14:14">
      <c r="N646475" s="10"/>
    </row>
    <row r="646476" spans="14:14">
      <c r="N646476" s="10"/>
    </row>
    <row r="646477" spans="14:14">
      <c r="N646477" s="10"/>
    </row>
    <row r="646478" spans="14:14">
      <c r="N646478" s="10"/>
    </row>
    <row r="646479" spans="14:14">
      <c r="N646479" s="10"/>
    </row>
    <row r="646480" spans="14:14">
      <c r="N646480" s="10"/>
    </row>
    <row r="646481" spans="14:14">
      <c r="N646481" s="10"/>
    </row>
    <row r="646482" spans="14:14">
      <c r="N646482" s="10"/>
    </row>
    <row r="646483" spans="14:14">
      <c r="N646483" s="10"/>
    </row>
    <row r="646484" spans="14:14">
      <c r="N646484" s="10"/>
    </row>
    <row r="646485" spans="14:14">
      <c r="N646485" s="10"/>
    </row>
    <row r="646486" spans="14:14">
      <c r="N646486" s="10"/>
    </row>
    <row r="646487" spans="14:14">
      <c r="N646487" s="10"/>
    </row>
    <row r="646488" spans="14:14">
      <c r="N646488" s="10"/>
    </row>
    <row r="646489" spans="14:14">
      <c r="N646489" s="10"/>
    </row>
    <row r="646490" spans="14:14">
      <c r="N646490" s="10"/>
    </row>
    <row r="646491" spans="14:14">
      <c r="N646491" s="10"/>
    </row>
    <row r="646492" spans="14:14">
      <c r="N646492" s="10"/>
    </row>
    <row r="646493" spans="14:14">
      <c r="N646493" s="10"/>
    </row>
    <row r="646494" spans="14:14">
      <c r="N646494" s="10"/>
    </row>
    <row r="646495" spans="14:14">
      <c r="N646495" s="10"/>
    </row>
    <row r="646496" spans="14:14">
      <c r="N646496" s="10"/>
    </row>
    <row r="646497" spans="14:14">
      <c r="N646497" s="10"/>
    </row>
    <row r="646498" spans="14:14">
      <c r="N646498" s="10"/>
    </row>
    <row r="646499" spans="14:14">
      <c r="N646499" s="10"/>
    </row>
    <row r="646500" spans="14:14">
      <c r="N646500" s="10"/>
    </row>
    <row r="646501" spans="14:14">
      <c r="N646501" s="10"/>
    </row>
    <row r="646502" spans="14:14">
      <c r="N646502" s="10"/>
    </row>
    <row r="646503" spans="14:14">
      <c r="N646503" s="10"/>
    </row>
    <row r="646504" spans="14:14">
      <c r="N646504" s="10"/>
    </row>
    <row r="646505" spans="14:14">
      <c r="N646505" s="10"/>
    </row>
    <row r="646506" spans="14:14">
      <c r="N646506" s="10"/>
    </row>
    <row r="646507" spans="14:14">
      <c r="N646507" s="10"/>
    </row>
    <row r="646508" spans="14:14">
      <c r="N646508" s="10"/>
    </row>
    <row r="646509" spans="14:14">
      <c r="N646509" s="10"/>
    </row>
    <row r="646510" spans="14:14">
      <c r="N646510" s="10"/>
    </row>
    <row r="646511" spans="14:14">
      <c r="N646511" s="10"/>
    </row>
    <row r="646512" spans="14:14">
      <c r="N646512" s="10"/>
    </row>
    <row r="646513" spans="14:14">
      <c r="N646513" s="10"/>
    </row>
    <row r="646514" spans="14:14">
      <c r="N646514" s="10"/>
    </row>
    <row r="646515" spans="14:14">
      <c r="N646515" s="10"/>
    </row>
    <row r="646516" spans="14:14">
      <c r="N646516" s="10"/>
    </row>
    <row r="646517" spans="14:14">
      <c r="N646517" s="10"/>
    </row>
    <row r="646518" spans="14:14">
      <c r="N646518" s="10"/>
    </row>
    <row r="646519" spans="14:14">
      <c r="N646519" s="10"/>
    </row>
    <row r="646520" spans="14:14">
      <c r="N646520" s="10"/>
    </row>
    <row r="646521" spans="14:14">
      <c r="N646521" s="10"/>
    </row>
    <row r="646522" spans="14:14">
      <c r="N646522" s="10"/>
    </row>
    <row r="646523" spans="14:14">
      <c r="N646523" s="10"/>
    </row>
    <row r="646524" spans="14:14">
      <c r="N646524" s="10"/>
    </row>
    <row r="646525" spans="14:14">
      <c r="N646525" s="10"/>
    </row>
    <row r="646526" spans="14:14">
      <c r="N646526" s="10"/>
    </row>
    <row r="646527" spans="14:14">
      <c r="N646527" s="10"/>
    </row>
    <row r="646528" spans="14:14">
      <c r="N646528" s="10"/>
    </row>
    <row r="646529" spans="14:14">
      <c r="N646529" s="10"/>
    </row>
    <row r="646530" spans="14:14">
      <c r="N646530" s="10"/>
    </row>
    <row r="646531" spans="14:14">
      <c r="N646531" s="10"/>
    </row>
    <row r="646532" spans="14:14">
      <c r="N646532" s="10"/>
    </row>
    <row r="646533" spans="14:14">
      <c r="N646533" s="10"/>
    </row>
    <row r="646534" spans="14:14">
      <c r="N646534" s="10"/>
    </row>
    <row r="646535" spans="14:14">
      <c r="N646535" s="10"/>
    </row>
    <row r="646536" spans="14:14">
      <c r="N646536" s="10"/>
    </row>
    <row r="646537" spans="14:14">
      <c r="N646537" s="10"/>
    </row>
    <row r="646538" spans="14:14">
      <c r="N646538" s="10"/>
    </row>
    <row r="646539" spans="14:14">
      <c r="N646539" s="10"/>
    </row>
    <row r="646540" spans="14:14">
      <c r="N646540" s="10"/>
    </row>
    <row r="646541" spans="14:14">
      <c r="N646541" s="10"/>
    </row>
    <row r="646542" spans="14:14">
      <c r="N646542" s="10"/>
    </row>
    <row r="646543" spans="14:14">
      <c r="N646543" s="10"/>
    </row>
    <row r="646544" spans="14:14">
      <c r="N646544" s="10"/>
    </row>
    <row r="646545" spans="14:14">
      <c r="N646545" s="10"/>
    </row>
    <row r="646546" spans="14:14">
      <c r="N646546" s="10"/>
    </row>
    <row r="646547" spans="14:14">
      <c r="N646547" s="10"/>
    </row>
    <row r="646548" spans="14:14">
      <c r="N646548" s="10"/>
    </row>
    <row r="646549" spans="14:14">
      <c r="N646549" s="10"/>
    </row>
    <row r="646550" spans="14:14">
      <c r="N646550" s="10"/>
    </row>
    <row r="646551" spans="14:14">
      <c r="N646551" s="10"/>
    </row>
    <row r="646552" spans="14:14">
      <c r="N646552" s="10"/>
    </row>
    <row r="646553" spans="14:14">
      <c r="N646553" s="10"/>
    </row>
    <row r="646554" spans="14:14">
      <c r="N646554" s="10"/>
    </row>
    <row r="646555" spans="14:14">
      <c r="N646555" s="10"/>
    </row>
    <row r="646556" spans="14:14">
      <c r="N646556" s="10"/>
    </row>
    <row r="646557" spans="14:14">
      <c r="N646557" s="10"/>
    </row>
    <row r="646558" spans="14:14">
      <c r="N646558" s="10"/>
    </row>
    <row r="646559" spans="14:14">
      <c r="N646559" s="10"/>
    </row>
    <row r="646560" spans="14:14">
      <c r="N646560" s="10"/>
    </row>
    <row r="646561" spans="14:14">
      <c r="N646561" s="10"/>
    </row>
    <row r="646562" spans="14:14">
      <c r="N646562" s="10"/>
    </row>
    <row r="646563" spans="14:14">
      <c r="N646563" s="10"/>
    </row>
    <row r="646564" spans="14:14">
      <c r="N646564" s="10"/>
    </row>
    <row r="646565" spans="14:14">
      <c r="N646565" s="10"/>
    </row>
    <row r="646566" spans="14:14">
      <c r="N646566" s="10"/>
    </row>
    <row r="646567" spans="14:14">
      <c r="N646567" s="10"/>
    </row>
    <row r="646568" spans="14:14">
      <c r="N646568" s="10"/>
    </row>
    <row r="646569" spans="14:14">
      <c r="N646569" s="10"/>
    </row>
    <row r="646570" spans="14:14">
      <c r="N646570" s="10"/>
    </row>
    <row r="646571" spans="14:14">
      <c r="N646571" s="10"/>
    </row>
    <row r="646572" spans="14:14">
      <c r="N646572" s="10"/>
    </row>
    <row r="646573" spans="14:14">
      <c r="N646573" s="10"/>
    </row>
    <row r="646574" spans="14:14">
      <c r="N646574" s="10"/>
    </row>
    <row r="646575" spans="14:14">
      <c r="N646575" s="10"/>
    </row>
    <row r="646576" spans="14:14">
      <c r="N646576" s="10"/>
    </row>
    <row r="646577" spans="14:14">
      <c r="N646577" s="10"/>
    </row>
    <row r="646578" spans="14:14">
      <c r="N646578" s="10"/>
    </row>
    <row r="646579" spans="14:14">
      <c r="N646579" s="10"/>
    </row>
    <row r="646580" spans="14:14">
      <c r="N646580" s="10"/>
    </row>
    <row r="646581" spans="14:14">
      <c r="N646581" s="10"/>
    </row>
    <row r="646582" spans="14:14">
      <c r="N646582" s="10"/>
    </row>
    <row r="646583" spans="14:14">
      <c r="N646583" s="10"/>
    </row>
    <row r="646584" spans="14:14">
      <c r="N646584" s="10"/>
    </row>
    <row r="646585" spans="14:14">
      <c r="N646585" s="10"/>
    </row>
    <row r="646586" spans="14:14">
      <c r="N646586" s="10"/>
    </row>
    <row r="646587" spans="14:14">
      <c r="N646587" s="10"/>
    </row>
    <row r="646588" spans="14:14">
      <c r="N646588" s="10"/>
    </row>
    <row r="646589" spans="14:14">
      <c r="N646589" s="10"/>
    </row>
    <row r="646590" spans="14:14">
      <c r="N646590" s="10"/>
    </row>
    <row r="646591" spans="14:14">
      <c r="N646591" s="10"/>
    </row>
    <row r="646592" spans="14:14">
      <c r="N646592" s="10"/>
    </row>
    <row r="646593" spans="14:14">
      <c r="N646593" s="10"/>
    </row>
    <row r="646594" spans="14:14">
      <c r="N646594" s="10"/>
    </row>
    <row r="646595" spans="14:14">
      <c r="N646595" s="10"/>
    </row>
    <row r="646596" spans="14:14">
      <c r="N646596" s="10"/>
    </row>
    <row r="646597" spans="14:14">
      <c r="N646597" s="10"/>
    </row>
    <row r="646598" spans="14:14">
      <c r="N646598" s="10"/>
    </row>
    <row r="646599" spans="14:14">
      <c r="N646599" s="10"/>
    </row>
    <row r="646600" spans="14:14">
      <c r="N646600" s="10"/>
    </row>
    <row r="646601" spans="14:14">
      <c r="N646601" s="10"/>
    </row>
    <row r="646602" spans="14:14">
      <c r="N646602" s="10"/>
    </row>
    <row r="646603" spans="14:14">
      <c r="N646603" s="10"/>
    </row>
    <row r="646604" spans="14:14">
      <c r="N646604" s="10"/>
    </row>
    <row r="646605" spans="14:14">
      <c r="N646605" s="10"/>
    </row>
    <row r="646606" spans="14:14">
      <c r="N646606" s="10"/>
    </row>
    <row r="646607" spans="14:14">
      <c r="N646607" s="10"/>
    </row>
    <row r="646608" spans="14:14">
      <c r="N646608" s="10"/>
    </row>
    <row r="646609" spans="14:14">
      <c r="N646609" s="10"/>
    </row>
    <row r="646610" spans="14:14">
      <c r="N646610" s="10"/>
    </row>
    <row r="646611" spans="14:14">
      <c r="N646611" s="10"/>
    </row>
    <row r="646612" spans="14:14">
      <c r="N646612" s="10"/>
    </row>
    <row r="646613" spans="14:14">
      <c r="N646613" s="10"/>
    </row>
    <row r="646614" spans="14:14">
      <c r="N646614" s="10"/>
    </row>
    <row r="646615" spans="14:14">
      <c r="N646615" s="10"/>
    </row>
    <row r="646616" spans="14:14">
      <c r="N646616" s="10"/>
    </row>
    <row r="646617" spans="14:14">
      <c r="N646617" s="10"/>
    </row>
    <row r="646618" spans="14:14">
      <c r="N646618" s="10"/>
    </row>
    <row r="646619" spans="14:14">
      <c r="N646619" s="10"/>
    </row>
    <row r="646620" spans="14:14">
      <c r="N646620" s="10"/>
    </row>
    <row r="646621" spans="14:14">
      <c r="N646621" s="10"/>
    </row>
    <row r="646622" spans="14:14">
      <c r="N646622" s="10"/>
    </row>
    <row r="646623" spans="14:14">
      <c r="N646623" s="10"/>
    </row>
    <row r="646624" spans="14:14">
      <c r="N646624" s="10"/>
    </row>
    <row r="646625" spans="14:14">
      <c r="N646625" s="10"/>
    </row>
    <row r="646626" spans="14:14">
      <c r="N646626" s="10"/>
    </row>
    <row r="646627" spans="14:14">
      <c r="N646627" s="10"/>
    </row>
    <row r="646628" spans="14:14">
      <c r="N646628" s="10"/>
    </row>
    <row r="646629" spans="14:14">
      <c r="N646629" s="10"/>
    </row>
    <row r="646630" spans="14:14">
      <c r="N646630" s="10"/>
    </row>
    <row r="646631" spans="14:14">
      <c r="N646631" s="10"/>
    </row>
    <row r="646632" spans="14:14">
      <c r="N646632" s="10"/>
    </row>
    <row r="646633" spans="14:14">
      <c r="N646633" s="10"/>
    </row>
    <row r="646634" spans="14:14">
      <c r="N646634" s="10"/>
    </row>
    <row r="646635" spans="14:14">
      <c r="N646635" s="10"/>
    </row>
    <row r="646636" spans="14:14">
      <c r="N646636" s="10"/>
    </row>
    <row r="646637" spans="14:14">
      <c r="N646637" s="10"/>
    </row>
    <row r="646638" spans="14:14">
      <c r="N646638" s="10"/>
    </row>
    <row r="646639" spans="14:14">
      <c r="N646639" s="10"/>
    </row>
    <row r="646640" spans="14:14">
      <c r="N646640" s="10"/>
    </row>
    <row r="646641" spans="14:14">
      <c r="N646641" s="10"/>
    </row>
    <row r="646642" spans="14:14">
      <c r="N646642" s="10"/>
    </row>
    <row r="646643" spans="14:14">
      <c r="N646643" s="10"/>
    </row>
    <row r="646644" spans="14:14">
      <c r="N646644" s="10"/>
    </row>
    <row r="646645" spans="14:14">
      <c r="N646645" s="10"/>
    </row>
    <row r="646646" spans="14:14">
      <c r="N646646" s="10"/>
    </row>
    <row r="646647" spans="14:14">
      <c r="N646647" s="10"/>
    </row>
    <row r="646648" spans="14:14">
      <c r="N646648" s="10"/>
    </row>
    <row r="646649" spans="14:14">
      <c r="N646649" s="10"/>
    </row>
    <row r="646650" spans="14:14">
      <c r="N646650" s="10"/>
    </row>
    <row r="646651" spans="14:14">
      <c r="N646651" s="10"/>
    </row>
    <row r="646652" spans="14:14">
      <c r="N646652" s="10"/>
    </row>
    <row r="646653" spans="14:14">
      <c r="N646653" s="10"/>
    </row>
    <row r="646654" spans="14:14">
      <c r="N646654" s="10"/>
    </row>
    <row r="646655" spans="14:14">
      <c r="N646655" s="10"/>
    </row>
    <row r="646656" spans="14:14">
      <c r="N646656" s="10"/>
    </row>
    <row r="646657" spans="14:14">
      <c r="N646657" s="10"/>
    </row>
    <row r="646658" spans="14:14">
      <c r="N646658" s="10"/>
    </row>
    <row r="646659" spans="14:14">
      <c r="N646659" s="10"/>
    </row>
    <row r="646660" spans="14:14">
      <c r="N646660" s="10"/>
    </row>
    <row r="646661" spans="14:14">
      <c r="N646661" s="10"/>
    </row>
    <row r="646662" spans="14:14">
      <c r="N646662" s="10"/>
    </row>
    <row r="646663" spans="14:14">
      <c r="N646663" s="10"/>
    </row>
    <row r="646664" spans="14:14">
      <c r="N646664" s="10"/>
    </row>
    <row r="646665" spans="14:14">
      <c r="N646665" s="10"/>
    </row>
    <row r="646666" spans="14:14">
      <c r="N646666" s="10"/>
    </row>
    <row r="646667" spans="14:14">
      <c r="N646667" s="10"/>
    </row>
    <row r="646668" spans="14:14">
      <c r="N646668" s="10"/>
    </row>
    <row r="646669" spans="14:14">
      <c r="N646669" s="10"/>
    </row>
    <row r="646670" spans="14:14">
      <c r="N646670" s="10"/>
    </row>
    <row r="646671" spans="14:14">
      <c r="N646671" s="10"/>
    </row>
    <row r="646672" spans="14:14">
      <c r="N646672" s="10"/>
    </row>
    <row r="646673" spans="14:14">
      <c r="N646673" s="10"/>
    </row>
    <row r="646674" spans="14:14">
      <c r="N646674" s="10"/>
    </row>
    <row r="646675" spans="14:14">
      <c r="N646675" s="10"/>
    </row>
    <row r="646676" spans="14:14">
      <c r="N646676" s="10"/>
    </row>
    <row r="646677" spans="14:14">
      <c r="N646677" s="10"/>
    </row>
    <row r="646678" spans="14:14">
      <c r="N646678" s="10"/>
    </row>
    <row r="646679" spans="14:14">
      <c r="N646679" s="10"/>
    </row>
    <row r="646680" spans="14:14">
      <c r="N646680" s="10"/>
    </row>
    <row r="646681" spans="14:14">
      <c r="N646681" s="10"/>
    </row>
    <row r="646682" spans="14:14">
      <c r="N646682" s="10"/>
    </row>
    <row r="646683" spans="14:14">
      <c r="N646683" s="10"/>
    </row>
    <row r="646684" spans="14:14">
      <c r="N646684" s="10"/>
    </row>
    <row r="646685" spans="14:14">
      <c r="N646685" s="10"/>
    </row>
    <row r="646686" spans="14:14">
      <c r="N646686" s="10"/>
    </row>
    <row r="646687" spans="14:14">
      <c r="N646687" s="10"/>
    </row>
    <row r="646688" spans="14:14">
      <c r="N646688" s="10"/>
    </row>
    <row r="646689" spans="14:14">
      <c r="N646689" s="10"/>
    </row>
    <row r="646690" spans="14:14">
      <c r="N646690" s="10"/>
    </row>
    <row r="646691" spans="14:14">
      <c r="N646691" s="10"/>
    </row>
    <row r="646692" spans="14:14">
      <c r="N646692" s="10"/>
    </row>
    <row r="646693" spans="14:14">
      <c r="N646693" s="10"/>
    </row>
    <row r="646694" spans="14:14">
      <c r="N646694" s="10"/>
    </row>
    <row r="646695" spans="14:14">
      <c r="N646695" s="10"/>
    </row>
    <row r="646696" spans="14:14">
      <c r="N646696" s="10"/>
    </row>
    <row r="646697" spans="14:14">
      <c r="N646697" s="10"/>
    </row>
    <row r="646698" spans="14:14">
      <c r="N646698" s="10"/>
    </row>
    <row r="646699" spans="14:14">
      <c r="N646699" s="10"/>
    </row>
    <row r="646700" spans="14:14">
      <c r="N646700" s="10"/>
    </row>
    <row r="646701" spans="14:14">
      <c r="N646701" s="10"/>
    </row>
    <row r="646702" spans="14:14">
      <c r="N646702" s="10"/>
    </row>
    <row r="646703" spans="14:14">
      <c r="N646703" s="10"/>
    </row>
    <row r="646704" spans="14:14">
      <c r="N646704" s="10"/>
    </row>
    <row r="646705" spans="14:14">
      <c r="N646705" s="10"/>
    </row>
    <row r="646706" spans="14:14">
      <c r="N646706" s="10"/>
    </row>
    <row r="646707" spans="14:14">
      <c r="N646707" s="10"/>
    </row>
    <row r="646708" spans="14:14">
      <c r="N646708" s="10"/>
    </row>
    <row r="646709" spans="14:14">
      <c r="N646709" s="10"/>
    </row>
    <row r="646710" spans="14:14">
      <c r="N646710" s="10"/>
    </row>
    <row r="646711" spans="14:14">
      <c r="N646711" s="10"/>
    </row>
    <row r="646712" spans="14:14">
      <c r="N646712" s="10"/>
    </row>
    <row r="646713" spans="14:14">
      <c r="N646713" s="10"/>
    </row>
    <row r="646714" spans="14:14">
      <c r="N646714" s="10"/>
    </row>
    <row r="646715" spans="14:14">
      <c r="N646715" s="10"/>
    </row>
    <row r="646716" spans="14:14">
      <c r="N646716" s="10"/>
    </row>
    <row r="646717" spans="14:14">
      <c r="N646717" s="10"/>
    </row>
    <row r="646718" spans="14:14">
      <c r="N646718" s="10"/>
    </row>
    <row r="646719" spans="14:14">
      <c r="N646719" s="10"/>
    </row>
    <row r="646720" spans="14:14">
      <c r="N646720" s="10"/>
    </row>
    <row r="646721" spans="14:14">
      <c r="N646721" s="10"/>
    </row>
    <row r="646722" spans="14:14">
      <c r="N646722" s="10"/>
    </row>
    <row r="646723" spans="14:14">
      <c r="N646723" s="10"/>
    </row>
    <row r="646724" spans="14:14">
      <c r="N646724" s="10"/>
    </row>
    <row r="646725" spans="14:14">
      <c r="N646725" s="10"/>
    </row>
    <row r="646726" spans="14:14">
      <c r="N646726" s="10"/>
    </row>
    <row r="646727" spans="14:14">
      <c r="N646727" s="10"/>
    </row>
    <row r="646728" spans="14:14">
      <c r="N646728" s="10"/>
    </row>
    <row r="646729" spans="14:14">
      <c r="N646729" s="10"/>
    </row>
    <row r="646730" spans="14:14">
      <c r="N646730" s="10"/>
    </row>
    <row r="646731" spans="14:14">
      <c r="N646731" s="10"/>
    </row>
    <row r="646732" spans="14:14">
      <c r="N646732" s="10"/>
    </row>
    <row r="646733" spans="14:14">
      <c r="N646733" s="10"/>
    </row>
    <row r="646734" spans="14:14">
      <c r="N646734" s="10"/>
    </row>
    <row r="646735" spans="14:14">
      <c r="N646735" s="10"/>
    </row>
    <row r="646736" spans="14:14">
      <c r="N646736" s="10"/>
    </row>
    <row r="646737" spans="14:14">
      <c r="N646737" s="10"/>
    </row>
    <row r="646738" spans="14:14">
      <c r="N646738" s="10"/>
    </row>
    <row r="646739" spans="14:14">
      <c r="N646739" s="10"/>
    </row>
    <row r="646740" spans="14:14">
      <c r="N646740" s="10"/>
    </row>
    <row r="646741" spans="14:14">
      <c r="N646741" s="10"/>
    </row>
    <row r="646742" spans="14:14">
      <c r="N646742" s="10"/>
    </row>
    <row r="646743" spans="14:14">
      <c r="N646743" s="10"/>
    </row>
    <row r="646744" spans="14:14">
      <c r="N646744" s="10"/>
    </row>
    <row r="646745" spans="14:14">
      <c r="N646745" s="10"/>
    </row>
    <row r="646746" spans="14:14">
      <c r="N646746" s="10"/>
    </row>
    <row r="646747" spans="14:14">
      <c r="N646747" s="10"/>
    </row>
    <row r="646748" spans="14:14">
      <c r="N646748" s="10"/>
    </row>
    <row r="646749" spans="14:14">
      <c r="N646749" s="10"/>
    </row>
    <row r="646750" spans="14:14">
      <c r="N646750" s="10"/>
    </row>
    <row r="646751" spans="14:14">
      <c r="N646751" s="10"/>
    </row>
    <row r="646752" spans="14:14">
      <c r="N646752" s="10"/>
    </row>
    <row r="646753" spans="14:14">
      <c r="N646753" s="10"/>
    </row>
    <row r="646754" spans="14:14">
      <c r="N646754" s="10"/>
    </row>
    <row r="646755" spans="14:14">
      <c r="N646755" s="10"/>
    </row>
    <row r="646756" spans="14:14">
      <c r="N646756" s="10"/>
    </row>
    <row r="646757" spans="14:14">
      <c r="N646757" s="10"/>
    </row>
    <row r="646758" spans="14:14">
      <c r="N646758" s="10"/>
    </row>
    <row r="646759" spans="14:14">
      <c r="N646759" s="10"/>
    </row>
    <row r="646760" spans="14:14">
      <c r="N646760" s="10"/>
    </row>
    <row r="646761" spans="14:14">
      <c r="N646761" s="10"/>
    </row>
    <row r="646762" spans="14:14">
      <c r="N646762" s="10"/>
    </row>
    <row r="646763" spans="14:14">
      <c r="N646763" s="10"/>
    </row>
    <row r="646764" spans="14:14">
      <c r="N646764" s="10"/>
    </row>
    <row r="646765" spans="14:14">
      <c r="N646765" s="10"/>
    </row>
    <row r="646766" spans="14:14">
      <c r="N646766" s="10"/>
    </row>
    <row r="646767" spans="14:14">
      <c r="N646767" s="10"/>
    </row>
    <row r="646768" spans="14:14">
      <c r="N646768" s="10"/>
    </row>
    <row r="646769" spans="14:14">
      <c r="N646769" s="10"/>
    </row>
    <row r="646770" spans="14:14">
      <c r="N646770" s="10"/>
    </row>
    <row r="646771" spans="14:14">
      <c r="N646771" s="10"/>
    </row>
    <row r="646772" spans="14:14">
      <c r="N646772" s="10"/>
    </row>
    <row r="646773" spans="14:14">
      <c r="N646773" s="10"/>
    </row>
    <row r="646774" spans="14:14">
      <c r="N646774" s="10"/>
    </row>
    <row r="646775" spans="14:14">
      <c r="N646775" s="10"/>
    </row>
    <row r="646776" spans="14:14">
      <c r="N646776" s="10"/>
    </row>
    <row r="646777" spans="14:14">
      <c r="N646777" s="10"/>
    </row>
    <row r="646778" spans="14:14">
      <c r="N646778" s="10"/>
    </row>
    <row r="646779" spans="14:14">
      <c r="N646779" s="10"/>
    </row>
    <row r="646780" spans="14:14">
      <c r="N646780" s="10"/>
    </row>
    <row r="646781" spans="14:14">
      <c r="N646781" s="10"/>
    </row>
    <row r="646782" spans="14:14">
      <c r="N646782" s="10"/>
    </row>
    <row r="646783" spans="14:14">
      <c r="N646783" s="10"/>
    </row>
    <row r="646784" spans="14:14">
      <c r="N646784" s="10"/>
    </row>
    <row r="646785" spans="14:14">
      <c r="N646785" s="10"/>
    </row>
    <row r="646786" spans="14:14">
      <c r="N646786" s="10"/>
    </row>
    <row r="646787" spans="14:14">
      <c r="N646787" s="10"/>
    </row>
    <row r="646788" spans="14:14">
      <c r="N646788" s="10"/>
    </row>
    <row r="646789" spans="14:14">
      <c r="N646789" s="10"/>
    </row>
    <row r="646790" spans="14:14">
      <c r="N646790" s="10"/>
    </row>
    <row r="646791" spans="14:14">
      <c r="N646791" s="10"/>
    </row>
    <row r="646792" spans="14:14">
      <c r="N646792" s="10"/>
    </row>
    <row r="646793" spans="14:14">
      <c r="N646793" s="10"/>
    </row>
    <row r="646794" spans="14:14">
      <c r="N646794" s="10"/>
    </row>
    <row r="646795" spans="14:14">
      <c r="N646795" s="10"/>
    </row>
    <row r="646796" spans="14:14">
      <c r="N646796" s="10"/>
    </row>
    <row r="646797" spans="14:14">
      <c r="N646797" s="10"/>
    </row>
    <row r="646798" spans="14:14">
      <c r="N646798" s="10"/>
    </row>
    <row r="646799" spans="14:14">
      <c r="N646799" s="10"/>
    </row>
    <row r="646800" spans="14:14">
      <c r="N646800" s="10"/>
    </row>
    <row r="646801" spans="14:14">
      <c r="N646801" s="10"/>
    </row>
    <row r="646802" spans="14:14">
      <c r="N646802" s="10"/>
    </row>
    <row r="646803" spans="14:14">
      <c r="N646803" s="10"/>
    </row>
    <row r="646804" spans="14:14">
      <c r="N646804" s="10"/>
    </row>
    <row r="646805" spans="14:14">
      <c r="N646805" s="10"/>
    </row>
    <row r="646806" spans="14:14">
      <c r="N646806" s="10"/>
    </row>
    <row r="646807" spans="14:14">
      <c r="N646807" s="10"/>
    </row>
    <row r="646808" spans="14:14">
      <c r="N646808" s="10"/>
    </row>
    <row r="646809" spans="14:14">
      <c r="N646809" s="10"/>
    </row>
    <row r="646810" spans="14:14">
      <c r="N646810" s="10"/>
    </row>
    <row r="646811" spans="14:14">
      <c r="N646811" s="10"/>
    </row>
    <row r="646812" spans="14:14">
      <c r="N646812" s="10"/>
    </row>
    <row r="646813" spans="14:14">
      <c r="N646813" s="10"/>
    </row>
    <row r="646814" spans="14:14">
      <c r="N646814" s="10"/>
    </row>
    <row r="646815" spans="14:14">
      <c r="N646815" s="10"/>
    </row>
    <row r="646816" spans="14:14">
      <c r="N646816" s="10"/>
    </row>
    <row r="646817" spans="14:14">
      <c r="N646817" s="10"/>
    </row>
    <row r="646818" spans="14:14">
      <c r="N646818" s="10"/>
    </row>
    <row r="646819" spans="14:14">
      <c r="N646819" s="10"/>
    </row>
    <row r="646820" spans="14:14">
      <c r="N646820" s="10"/>
    </row>
    <row r="646821" spans="14:14">
      <c r="N646821" s="10"/>
    </row>
    <row r="646822" spans="14:14">
      <c r="N646822" s="10"/>
    </row>
    <row r="646823" spans="14:14">
      <c r="N646823" s="10"/>
    </row>
    <row r="646824" spans="14:14">
      <c r="N646824" s="10"/>
    </row>
    <row r="646825" spans="14:14">
      <c r="N646825" s="10"/>
    </row>
    <row r="646826" spans="14:14">
      <c r="N646826" s="10"/>
    </row>
    <row r="646827" spans="14:14">
      <c r="N646827" s="10"/>
    </row>
    <row r="646828" spans="14:14">
      <c r="N646828" s="10"/>
    </row>
    <row r="646829" spans="14:14">
      <c r="N646829" s="10"/>
    </row>
    <row r="646830" spans="14:14">
      <c r="N646830" s="10"/>
    </row>
    <row r="646831" spans="14:14">
      <c r="N646831" s="10"/>
    </row>
    <row r="646832" spans="14:14">
      <c r="N646832" s="10"/>
    </row>
    <row r="646833" spans="14:14">
      <c r="N646833" s="10"/>
    </row>
    <row r="646834" spans="14:14">
      <c r="N646834" s="10"/>
    </row>
    <row r="646835" spans="14:14">
      <c r="N646835" s="10"/>
    </row>
    <row r="646836" spans="14:14">
      <c r="N646836" s="10"/>
    </row>
    <row r="646837" spans="14:14">
      <c r="N646837" s="10"/>
    </row>
    <row r="646838" spans="14:14">
      <c r="N646838" s="10"/>
    </row>
    <row r="646839" spans="14:14">
      <c r="N646839" s="10"/>
    </row>
    <row r="646840" spans="14:14">
      <c r="N646840" s="10"/>
    </row>
    <row r="646841" spans="14:14">
      <c r="N646841" s="10"/>
    </row>
    <row r="646842" spans="14:14">
      <c r="N646842" s="10"/>
    </row>
    <row r="646843" spans="14:14">
      <c r="N646843" s="10"/>
    </row>
    <row r="646844" spans="14:14">
      <c r="N646844" s="10"/>
    </row>
    <row r="646845" spans="14:14">
      <c r="N646845" s="10"/>
    </row>
    <row r="646846" spans="14:14">
      <c r="N646846" s="10"/>
    </row>
    <row r="646847" spans="14:14">
      <c r="N646847" s="10"/>
    </row>
    <row r="646848" spans="14:14">
      <c r="N646848" s="10"/>
    </row>
    <row r="646849" spans="14:14">
      <c r="N646849" s="10"/>
    </row>
    <row r="646850" spans="14:14">
      <c r="N646850" s="10"/>
    </row>
    <row r="646851" spans="14:14">
      <c r="N646851" s="10"/>
    </row>
    <row r="646852" spans="14:14">
      <c r="N646852" s="10"/>
    </row>
    <row r="646853" spans="14:14">
      <c r="N646853" s="10"/>
    </row>
    <row r="646854" spans="14:14">
      <c r="N646854" s="10"/>
    </row>
    <row r="646855" spans="14:14">
      <c r="N646855" s="10"/>
    </row>
    <row r="646856" spans="14:14">
      <c r="N646856" s="10"/>
    </row>
    <row r="646857" spans="14:14">
      <c r="N646857" s="10"/>
    </row>
    <row r="646858" spans="14:14">
      <c r="N646858" s="10"/>
    </row>
    <row r="646859" spans="14:14">
      <c r="N646859" s="10"/>
    </row>
    <row r="646860" spans="14:14">
      <c r="N646860" s="10"/>
    </row>
    <row r="646861" spans="14:14">
      <c r="N646861" s="10"/>
    </row>
    <row r="646862" spans="14:14">
      <c r="N646862" s="10"/>
    </row>
    <row r="646863" spans="14:14">
      <c r="N646863" s="10"/>
    </row>
    <row r="646864" spans="14:14">
      <c r="N646864" s="10"/>
    </row>
    <row r="646865" spans="14:14">
      <c r="N646865" s="10"/>
    </row>
    <row r="646866" spans="14:14">
      <c r="N646866" s="10"/>
    </row>
    <row r="646867" spans="14:14">
      <c r="N646867" s="10"/>
    </row>
    <row r="646868" spans="14:14">
      <c r="N646868" s="10"/>
    </row>
    <row r="646869" spans="14:14">
      <c r="N646869" s="10"/>
    </row>
    <row r="646870" spans="14:14">
      <c r="N646870" s="10"/>
    </row>
    <row r="646871" spans="14:14">
      <c r="N646871" s="10"/>
    </row>
    <row r="646872" spans="14:14">
      <c r="N646872" s="10"/>
    </row>
    <row r="646873" spans="14:14">
      <c r="N646873" s="10"/>
    </row>
    <row r="646874" spans="14:14">
      <c r="N646874" s="10"/>
    </row>
    <row r="646875" spans="14:14">
      <c r="N646875" s="10"/>
    </row>
    <row r="646876" spans="14:14">
      <c r="N646876" s="10"/>
    </row>
    <row r="646877" spans="14:14">
      <c r="N646877" s="10"/>
    </row>
    <row r="646878" spans="14:14">
      <c r="N646878" s="10"/>
    </row>
    <row r="646879" spans="14:14">
      <c r="N646879" s="10"/>
    </row>
    <row r="646880" spans="14:14">
      <c r="N646880" s="10"/>
    </row>
    <row r="646881" spans="14:14">
      <c r="N646881" s="10"/>
    </row>
    <row r="646882" spans="14:14">
      <c r="N646882" s="10"/>
    </row>
    <row r="646883" spans="14:14">
      <c r="N646883" s="10"/>
    </row>
    <row r="646884" spans="14:14">
      <c r="N646884" s="10"/>
    </row>
    <row r="646885" spans="14:14">
      <c r="N646885" s="10"/>
    </row>
    <row r="646886" spans="14:14">
      <c r="N646886" s="10"/>
    </row>
    <row r="646887" spans="14:14">
      <c r="N646887" s="10"/>
    </row>
    <row r="646888" spans="14:14">
      <c r="N646888" s="10"/>
    </row>
    <row r="646889" spans="14:14">
      <c r="N646889" s="10"/>
    </row>
    <row r="646890" spans="14:14">
      <c r="N646890" s="10"/>
    </row>
    <row r="646891" spans="14:14">
      <c r="N646891" s="10"/>
    </row>
    <row r="646892" spans="14:14">
      <c r="N646892" s="10"/>
    </row>
    <row r="646893" spans="14:14">
      <c r="N646893" s="10"/>
    </row>
    <row r="646894" spans="14:14">
      <c r="N646894" s="10"/>
    </row>
    <row r="646895" spans="14:14">
      <c r="N646895" s="10"/>
    </row>
    <row r="646896" spans="14:14">
      <c r="N646896" s="10"/>
    </row>
    <row r="646897" spans="14:14">
      <c r="N646897" s="10"/>
    </row>
    <row r="646898" spans="14:14">
      <c r="N646898" s="10"/>
    </row>
    <row r="646899" spans="14:14">
      <c r="N646899" s="10"/>
    </row>
    <row r="646900" spans="14:14">
      <c r="N646900" s="10"/>
    </row>
    <row r="646901" spans="14:14">
      <c r="N646901" s="10"/>
    </row>
    <row r="646902" spans="14:14">
      <c r="N646902" s="10"/>
    </row>
    <row r="646903" spans="14:14">
      <c r="N646903" s="10"/>
    </row>
    <row r="646904" spans="14:14">
      <c r="N646904" s="10"/>
    </row>
    <row r="646905" spans="14:14">
      <c r="N646905" s="10"/>
    </row>
    <row r="646906" spans="14:14">
      <c r="N646906" s="10"/>
    </row>
    <row r="646907" spans="14:14">
      <c r="N646907" s="10"/>
    </row>
    <row r="646908" spans="14:14">
      <c r="N646908" s="10"/>
    </row>
    <row r="646909" spans="14:14">
      <c r="N646909" s="10"/>
    </row>
    <row r="646910" spans="14:14">
      <c r="N646910" s="10"/>
    </row>
    <row r="646911" spans="14:14">
      <c r="N646911" s="10"/>
    </row>
    <row r="646912" spans="14:14">
      <c r="N646912" s="10"/>
    </row>
    <row r="646913" spans="14:14">
      <c r="N646913" s="10"/>
    </row>
    <row r="646914" spans="14:14">
      <c r="N646914" s="10"/>
    </row>
    <row r="646915" spans="14:14">
      <c r="N646915" s="10"/>
    </row>
    <row r="646916" spans="14:14">
      <c r="N646916" s="10"/>
    </row>
    <row r="646917" spans="14:14">
      <c r="N646917" s="10"/>
    </row>
    <row r="646918" spans="14:14">
      <c r="N646918" s="10"/>
    </row>
    <row r="646919" spans="14:14">
      <c r="N646919" s="10"/>
    </row>
    <row r="646920" spans="14:14">
      <c r="N646920" s="10"/>
    </row>
    <row r="646921" spans="14:14">
      <c r="N646921" s="10"/>
    </row>
    <row r="646922" spans="14:14">
      <c r="N646922" s="10"/>
    </row>
    <row r="646923" spans="14:14">
      <c r="N646923" s="10"/>
    </row>
    <row r="646924" spans="14:14">
      <c r="N646924" s="10"/>
    </row>
    <row r="646925" spans="14:14">
      <c r="N646925" s="10"/>
    </row>
    <row r="646926" spans="14:14">
      <c r="N646926" s="10"/>
    </row>
    <row r="646927" spans="14:14">
      <c r="N646927" s="10"/>
    </row>
    <row r="646928" spans="14:14">
      <c r="N646928" s="10"/>
    </row>
    <row r="646929" spans="14:14">
      <c r="N646929" s="10"/>
    </row>
    <row r="646930" spans="14:14">
      <c r="N646930" s="10"/>
    </row>
    <row r="646931" spans="14:14">
      <c r="N646931" s="10"/>
    </row>
    <row r="646932" spans="14:14">
      <c r="N646932" s="10"/>
    </row>
    <row r="646933" spans="14:14">
      <c r="N646933" s="10"/>
    </row>
    <row r="646934" spans="14:14">
      <c r="N646934" s="10"/>
    </row>
    <row r="646935" spans="14:14">
      <c r="N646935" s="10"/>
    </row>
    <row r="646936" spans="14:14">
      <c r="N646936" s="10"/>
    </row>
    <row r="646937" spans="14:14">
      <c r="N646937" s="10"/>
    </row>
    <row r="646938" spans="14:14">
      <c r="N646938" s="10"/>
    </row>
    <row r="646939" spans="14:14">
      <c r="N646939" s="10"/>
    </row>
    <row r="646940" spans="14:14">
      <c r="N646940" s="10"/>
    </row>
    <row r="646941" spans="14:14">
      <c r="N646941" s="10"/>
    </row>
    <row r="646942" spans="14:14">
      <c r="N646942" s="10"/>
    </row>
    <row r="646943" spans="14:14">
      <c r="N646943" s="10"/>
    </row>
    <row r="646944" spans="14:14">
      <c r="N646944" s="10"/>
    </row>
    <row r="646945" spans="14:14">
      <c r="N646945" s="10"/>
    </row>
    <row r="646946" spans="14:14">
      <c r="N646946" s="10"/>
    </row>
    <row r="646947" spans="14:14">
      <c r="N646947" s="10"/>
    </row>
    <row r="646948" spans="14:14">
      <c r="N646948" s="10"/>
    </row>
    <row r="646949" spans="14:14">
      <c r="N646949" s="10"/>
    </row>
    <row r="646950" spans="14:14">
      <c r="N646950" s="10"/>
    </row>
    <row r="646951" spans="14:14">
      <c r="N646951" s="10"/>
    </row>
    <row r="646952" spans="14:14">
      <c r="N646952" s="10"/>
    </row>
    <row r="646953" spans="14:14">
      <c r="N646953" s="10"/>
    </row>
    <row r="646954" spans="14:14">
      <c r="N646954" s="10"/>
    </row>
    <row r="646955" spans="14:14">
      <c r="N646955" s="10"/>
    </row>
    <row r="646956" spans="14:14">
      <c r="N646956" s="10"/>
    </row>
    <row r="646957" spans="14:14">
      <c r="N646957" s="10"/>
    </row>
    <row r="646958" spans="14:14">
      <c r="N646958" s="10"/>
    </row>
    <row r="646959" spans="14:14">
      <c r="N646959" s="10"/>
    </row>
    <row r="646960" spans="14:14">
      <c r="N646960" s="10"/>
    </row>
    <row r="646961" spans="14:14">
      <c r="N646961" s="10"/>
    </row>
    <row r="646962" spans="14:14">
      <c r="N646962" s="10"/>
    </row>
    <row r="646963" spans="14:14">
      <c r="N646963" s="10"/>
    </row>
    <row r="646964" spans="14:14">
      <c r="N646964" s="10"/>
    </row>
    <row r="646965" spans="14:14">
      <c r="N646965" s="10"/>
    </row>
    <row r="646966" spans="14:14">
      <c r="N646966" s="10"/>
    </row>
    <row r="646967" spans="14:14">
      <c r="N646967" s="10"/>
    </row>
    <row r="646968" spans="14:14">
      <c r="N646968" s="10"/>
    </row>
    <row r="646969" spans="14:14">
      <c r="N646969" s="10"/>
    </row>
    <row r="646970" spans="14:14">
      <c r="N646970" s="10"/>
    </row>
    <row r="646971" spans="14:14">
      <c r="N646971" s="10"/>
    </row>
    <row r="646972" spans="14:14">
      <c r="N646972" s="10"/>
    </row>
    <row r="646973" spans="14:14">
      <c r="N646973" s="10"/>
    </row>
    <row r="646974" spans="14:14">
      <c r="N646974" s="10"/>
    </row>
    <row r="646975" spans="14:14">
      <c r="N646975" s="10"/>
    </row>
    <row r="646976" spans="14:14">
      <c r="N646976" s="10"/>
    </row>
    <row r="646977" spans="14:14">
      <c r="N646977" s="10"/>
    </row>
    <row r="646978" spans="14:14">
      <c r="N646978" s="10"/>
    </row>
    <row r="646979" spans="14:14">
      <c r="N646979" s="10"/>
    </row>
    <row r="646980" spans="14:14">
      <c r="N646980" s="10"/>
    </row>
    <row r="646981" spans="14:14">
      <c r="N646981" s="10"/>
    </row>
    <row r="646982" spans="14:14">
      <c r="N646982" s="10"/>
    </row>
    <row r="646983" spans="14:14">
      <c r="N646983" s="10"/>
    </row>
    <row r="646984" spans="14:14">
      <c r="N646984" s="10"/>
    </row>
    <row r="646985" spans="14:14">
      <c r="N646985" s="10"/>
    </row>
    <row r="646986" spans="14:14">
      <c r="N646986" s="10"/>
    </row>
    <row r="646987" spans="14:14">
      <c r="N646987" s="10"/>
    </row>
    <row r="646988" spans="14:14">
      <c r="N646988" s="10"/>
    </row>
    <row r="646989" spans="14:14">
      <c r="N646989" s="10"/>
    </row>
    <row r="646990" spans="14:14">
      <c r="N646990" s="10"/>
    </row>
    <row r="646991" spans="14:14">
      <c r="N646991" s="10"/>
    </row>
    <row r="646992" spans="14:14">
      <c r="N646992" s="10"/>
    </row>
    <row r="646993" spans="14:14">
      <c r="N646993" s="10"/>
    </row>
    <row r="646994" spans="14:14">
      <c r="N646994" s="10"/>
    </row>
    <row r="646995" spans="14:14">
      <c r="N646995" s="10"/>
    </row>
    <row r="646996" spans="14:14">
      <c r="N646996" s="10"/>
    </row>
    <row r="646997" spans="14:14">
      <c r="N646997" s="10"/>
    </row>
    <row r="646998" spans="14:14">
      <c r="N646998" s="10"/>
    </row>
    <row r="646999" spans="14:14">
      <c r="N646999" s="10"/>
    </row>
    <row r="647000" spans="14:14">
      <c r="N647000" s="10"/>
    </row>
    <row r="647001" spans="14:14">
      <c r="N647001" s="10"/>
    </row>
    <row r="647002" spans="14:14">
      <c r="N647002" s="10"/>
    </row>
    <row r="647003" spans="14:14">
      <c r="N647003" s="10"/>
    </row>
    <row r="647004" spans="14:14">
      <c r="N647004" s="10"/>
    </row>
    <row r="647005" spans="14:14">
      <c r="N647005" s="10"/>
    </row>
    <row r="647006" spans="14:14">
      <c r="N647006" s="10"/>
    </row>
    <row r="647007" spans="14:14">
      <c r="N647007" s="10"/>
    </row>
    <row r="647008" spans="14:14">
      <c r="N647008" s="10"/>
    </row>
    <row r="647009" spans="14:14">
      <c r="N647009" s="10"/>
    </row>
    <row r="647010" spans="14:14">
      <c r="N647010" s="10"/>
    </row>
    <row r="647011" spans="14:14">
      <c r="N647011" s="10"/>
    </row>
    <row r="647012" spans="14:14">
      <c r="N647012" s="10"/>
    </row>
    <row r="647013" spans="14:14">
      <c r="N647013" s="10"/>
    </row>
    <row r="647014" spans="14:14">
      <c r="N647014" s="10"/>
    </row>
    <row r="647015" spans="14:14">
      <c r="N647015" s="10"/>
    </row>
    <row r="647016" spans="14:14">
      <c r="N647016" s="10"/>
    </row>
    <row r="647017" spans="14:14">
      <c r="N647017" s="10"/>
    </row>
    <row r="647018" spans="14:14">
      <c r="N647018" s="10"/>
    </row>
    <row r="647019" spans="14:14">
      <c r="N647019" s="10"/>
    </row>
    <row r="647020" spans="14:14">
      <c r="N647020" s="10"/>
    </row>
    <row r="647021" spans="14:14">
      <c r="N647021" s="10"/>
    </row>
    <row r="647022" spans="14:14">
      <c r="N647022" s="10"/>
    </row>
    <row r="647023" spans="14:14">
      <c r="N647023" s="10"/>
    </row>
    <row r="647024" spans="14:14">
      <c r="N647024" s="10"/>
    </row>
    <row r="647025" spans="14:14">
      <c r="N647025" s="10"/>
    </row>
    <row r="647026" spans="14:14">
      <c r="N647026" s="10"/>
    </row>
    <row r="647027" spans="14:14">
      <c r="N647027" s="10"/>
    </row>
    <row r="647028" spans="14:14">
      <c r="N647028" s="10"/>
    </row>
    <row r="647029" spans="14:14">
      <c r="N647029" s="10"/>
    </row>
    <row r="647030" spans="14:14">
      <c r="N647030" s="10"/>
    </row>
    <row r="647031" spans="14:14">
      <c r="N647031" s="10"/>
    </row>
    <row r="647032" spans="14:14">
      <c r="N647032" s="10"/>
    </row>
    <row r="647033" spans="14:14">
      <c r="N647033" s="10"/>
    </row>
    <row r="647034" spans="14:14">
      <c r="N647034" s="10"/>
    </row>
    <row r="647035" spans="14:14">
      <c r="N647035" s="10"/>
    </row>
    <row r="647036" spans="14:14">
      <c r="N647036" s="10"/>
    </row>
    <row r="647037" spans="14:14">
      <c r="N647037" s="10"/>
    </row>
    <row r="647038" spans="14:14">
      <c r="N647038" s="10"/>
    </row>
    <row r="647039" spans="14:14">
      <c r="N647039" s="10"/>
    </row>
    <row r="647040" spans="14:14">
      <c r="N647040" s="10"/>
    </row>
    <row r="647041" spans="14:14">
      <c r="N647041" s="10"/>
    </row>
    <row r="647042" spans="14:14">
      <c r="N647042" s="10"/>
    </row>
    <row r="647043" spans="14:14">
      <c r="N647043" s="10"/>
    </row>
    <row r="647044" spans="14:14">
      <c r="N647044" s="10"/>
    </row>
    <row r="647045" spans="14:14">
      <c r="N647045" s="10"/>
    </row>
    <row r="647046" spans="14:14">
      <c r="N647046" s="10"/>
    </row>
    <row r="647047" spans="14:14">
      <c r="N647047" s="10"/>
    </row>
    <row r="647048" spans="14:14">
      <c r="N647048" s="10"/>
    </row>
    <row r="647049" spans="14:14">
      <c r="N647049" s="10"/>
    </row>
    <row r="647050" spans="14:14">
      <c r="N647050" s="10"/>
    </row>
    <row r="647051" spans="14:14">
      <c r="N647051" s="10"/>
    </row>
    <row r="647052" spans="14:14">
      <c r="N647052" s="10"/>
    </row>
    <row r="647053" spans="14:14">
      <c r="N647053" s="10"/>
    </row>
    <row r="647054" spans="14:14">
      <c r="N647054" s="10"/>
    </row>
    <row r="647055" spans="14:14">
      <c r="N647055" s="10"/>
    </row>
    <row r="647056" spans="14:14">
      <c r="N647056" s="10"/>
    </row>
    <row r="647057" spans="14:14">
      <c r="N647057" s="10"/>
    </row>
    <row r="647058" spans="14:14">
      <c r="N647058" s="10"/>
    </row>
    <row r="647059" spans="14:14">
      <c r="N647059" s="10"/>
    </row>
    <row r="647060" spans="14:14">
      <c r="N647060" s="10"/>
    </row>
    <row r="647061" spans="14:14">
      <c r="N647061" s="10"/>
    </row>
    <row r="647062" spans="14:14">
      <c r="N647062" s="10"/>
    </row>
    <row r="647063" spans="14:14">
      <c r="N647063" s="10"/>
    </row>
    <row r="647064" spans="14:14">
      <c r="N647064" s="10"/>
    </row>
    <row r="647065" spans="14:14">
      <c r="N647065" s="10"/>
    </row>
    <row r="647066" spans="14:14">
      <c r="N647066" s="10"/>
    </row>
    <row r="647067" spans="14:14">
      <c r="N647067" s="10"/>
    </row>
    <row r="647068" spans="14:14">
      <c r="N647068" s="10"/>
    </row>
    <row r="647069" spans="14:14">
      <c r="N647069" s="10"/>
    </row>
    <row r="647070" spans="14:14">
      <c r="N647070" s="10"/>
    </row>
    <row r="647071" spans="14:14">
      <c r="N647071" s="10"/>
    </row>
    <row r="647072" spans="14:14">
      <c r="N647072" s="10"/>
    </row>
    <row r="647073" spans="14:14">
      <c r="N647073" s="10"/>
    </row>
    <row r="647074" spans="14:14">
      <c r="N647074" s="10"/>
    </row>
    <row r="647075" spans="14:14">
      <c r="N647075" s="10"/>
    </row>
    <row r="647076" spans="14:14">
      <c r="N647076" s="10"/>
    </row>
    <row r="647077" spans="14:14">
      <c r="N647077" s="10"/>
    </row>
    <row r="647078" spans="14:14">
      <c r="N647078" s="10"/>
    </row>
    <row r="647079" spans="14:14">
      <c r="N647079" s="10"/>
    </row>
    <row r="647080" spans="14:14">
      <c r="N647080" s="10"/>
    </row>
    <row r="647081" spans="14:14">
      <c r="N647081" s="10"/>
    </row>
    <row r="647082" spans="14:14">
      <c r="N647082" s="10"/>
    </row>
    <row r="647083" spans="14:14">
      <c r="N647083" s="10"/>
    </row>
    <row r="647084" spans="14:14">
      <c r="N647084" s="10"/>
    </row>
    <row r="647085" spans="14:14">
      <c r="N647085" s="10"/>
    </row>
    <row r="647086" spans="14:14">
      <c r="N647086" s="10"/>
    </row>
    <row r="647087" spans="14:14">
      <c r="N647087" s="10"/>
    </row>
    <row r="647088" spans="14:14">
      <c r="N647088" s="10"/>
    </row>
    <row r="647089" spans="14:14">
      <c r="N647089" s="10"/>
    </row>
    <row r="647090" spans="14:14">
      <c r="N647090" s="10"/>
    </row>
    <row r="647091" spans="14:14">
      <c r="N647091" s="10"/>
    </row>
    <row r="647092" spans="14:14">
      <c r="N647092" s="10"/>
    </row>
    <row r="647093" spans="14:14">
      <c r="N647093" s="10"/>
    </row>
    <row r="647094" spans="14:14">
      <c r="N647094" s="10"/>
    </row>
    <row r="647095" spans="14:14">
      <c r="N647095" s="10"/>
    </row>
    <row r="647096" spans="14:14">
      <c r="N647096" s="10"/>
    </row>
    <row r="647097" spans="14:14">
      <c r="N647097" s="10"/>
    </row>
    <row r="647098" spans="14:14">
      <c r="N647098" s="10"/>
    </row>
    <row r="647099" spans="14:14">
      <c r="N647099" s="10"/>
    </row>
    <row r="647100" spans="14:14">
      <c r="N647100" s="10"/>
    </row>
    <row r="647101" spans="14:14">
      <c r="N647101" s="10"/>
    </row>
    <row r="647102" spans="14:14">
      <c r="N647102" s="10"/>
    </row>
    <row r="647103" spans="14:14">
      <c r="N647103" s="10"/>
    </row>
    <row r="647104" spans="14:14">
      <c r="N647104" s="10"/>
    </row>
    <row r="647105" spans="14:14">
      <c r="N647105" s="10"/>
    </row>
    <row r="647106" spans="14:14">
      <c r="N647106" s="10"/>
    </row>
    <row r="647107" spans="14:14">
      <c r="N647107" s="10"/>
    </row>
    <row r="647108" spans="14:14">
      <c r="N647108" s="10"/>
    </row>
    <row r="647109" spans="14:14">
      <c r="N647109" s="10"/>
    </row>
    <row r="647110" spans="14:14">
      <c r="N647110" s="10"/>
    </row>
    <row r="647111" spans="14:14">
      <c r="N647111" s="10"/>
    </row>
    <row r="647112" spans="14:14">
      <c r="N647112" s="10"/>
    </row>
    <row r="647113" spans="14:14">
      <c r="N647113" s="10"/>
    </row>
    <row r="647114" spans="14:14">
      <c r="N647114" s="10"/>
    </row>
    <row r="647115" spans="14:14">
      <c r="N647115" s="10"/>
    </row>
    <row r="647116" spans="14:14">
      <c r="N647116" s="10"/>
    </row>
    <row r="647117" spans="14:14">
      <c r="N647117" s="10"/>
    </row>
    <row r="647118" spans="14:14">
      <c r="N647118" s="10"/>
    </row>
    <row r="647119" spans="14:14">
      <c r="N647119" s="10"/>
    </row>
    <row r="647120" spans="14:14">
      <c r="N647120" s="10"/>
    </row>
    <row r="647121" spans="14:14">
      <c r="N647121" s="10"/>
    </row>
    <row r="647122" spans="14:14">
      <c r="N647122" s="10"/>
    </row>
    <row r="647123" spans="14:14">
      <c r="N647123" s="10"/>
    </row>
    <row r="647124" spans="14:14">
      <c r="N647124" s="10"/>
    </row>
    <row r="647125" spans="14:14">
      <c r="N647125" s="10"/>
    </row>
    <row r="647126" spans="14:14">
      <c r="N647126" s="10"/>
    </row>
    <row r="647127" spans="14:14">
      <c r="N647127" s="10"/>
    </row>
    <row r="647128" spans="14:14">
      <c r="N647128" s="10"/>
    </row>
    <row r="647129" spans="14:14">
      <c r="N647129" s="10"/>
    </row>
    <row r="647130" spans="14:14">
      <c r="N647130" s="10"/>
    </row>
    <row r="647131" spans="14:14">
      <c r="N647131" s="10"/>
    </row>
    <row r="647132" spans="14:14">
      <c r="N647132" s="10"/>
    </row>
    <row r="647133" spans="14:14">
      <c r="N647133" s="10"/>
    </row>
    <row r="647134" spans="14:14">
      <c r="N647134" s="10"/>
    </row>
    <row r="647135" spans="14:14">
      <c r="N647135" s="10"/>
    </row>
    <row r="647136" spans="14:14">
      <c r="N647136" s="10"/>
    </row>
    <row r="647137" spans="14:14">
      <c r="N647137" s="10"/>
    </row>
    <row r="647138" spans="14:14">
      <c r="N647138" s="10"/>
    </row>
    <row r="647139" spans="14:14">
      <c r="N647139" s="10"/>
    </row>
    <row r="647140" spans="14:14">
      <c r="N647140" s="10"/>
    </row>
    <row r="647141" spans="14:14">
      <c r="N647141" s="10"/>
    </row>
    <row r="647142" spans="14:14">
      <c r="N647142" s="10"/>
    </row>
    <row r="647143" spans="14:14">
      <c r="N647143" s="10"/>
    </row>
    <row r="647144" spans="14:14">
      <c r="N647144" s="10"/>
    </row>
    <row r="647145" spans="14:14">
      <c r="N647145" s="10"/>
    </row>
    <row r="647146" spans="14:14">
      <c r="N647146" s="10"/>
    </row>
    <row r="647147" spans="14:14">
      <c r="N647147" s="10"/>
    </row>
    <row r="647148" spans="14:14">
      <c r="N647148" s="10"/>
    </row>
    <row r="647149" spans="14:14">
      <c r="N647149" s="10"/>
    </row>
    <row r="647150" spans="14:14">
      <c r="N647150" s="10"/>
    </row>
    <row r="647151" spans="14:14">
      <c r="N647151" s="10"/>
    </row>
    <row r="647152" spans="14:14">
      <c r="N647152" s="10"/>
    </row>
    <row r="647153" spans="14:14">
      <c r="N647153" s="10"/>
    </row>
    <row r="647154" spans="14:14">
      <c r="N647154" s="10"/>
    </row>
    <row r="647155" spans="14:14">
      <c r="N647155" s="10"/>
    </row>
    <row r="647156" spans="14:14">
      <c r="N647156" s="10"/>
    </row>
    <row r="647157" spans="14:14">
      <c r="N647157" s="10"/>
    </row>
    <row r="647158" spans="14:14">
      <c r="N647158" s="10"/>
    </row>
    <row r="647159" spans="14:14">
      <c r="N647159" s="10"/>
    </row>
    <row r="647160" spans="14:14">
      <c r="N647160" s="10"/>
    </row>
    <row r="647161" spans="14:14">
      <c r="N647161" s="10"/>
    </row>
    <row r="647162" spans="14:14">
      <c r="N647162" s="10"/>
    </row>
    <row r="647163" spans="14:14">
      <c r="N647163" s="10"/>
    </row>
    <row r="647164" spans="14:14">
      <c r="N647164" s="10"/>
    </row>
    <row r="647165" spans="14:14">
      <c r="N647165" s="10"/>
    </row>
    <row r="647166" spans="14:14">
      <c r="N647166" s="10"/>
    </row>
    <row r="647167" spans="14:14">
      <c r="N647167" s="10"/>
    </row>
    <row r="647168" spans="14:14">
      <c r="N647168" s="10"/>
    </row>
    <row r="647169" spans="14:14">
      <c r="N647169" s="10"/>
    </row>
    <row r="647170" spans="14:14">
      <c r="N647170" s="10"/>
    </row>
    <row r="647171" spans="14:14">
      <c r="N647171" s="10"/>
    </row>
    <row r="647172" spans="14:14">
      <c r="N647172" s="10"/>
    </row>
    <row r="647173" spans="14:14">
      <c r="N647173" s="10"/>
    </row>
    <row r="647174" spans="14:14">
      <c r="N647174" s="10"/>
    </row>
    <row r="647175" spans="14:14">
      <c r="N647175" s="10"/>
    </row>
    <row r="647176" spans="14:14">
      <c r="N647176" s="10"/>
    </row>
    <row r="647177" spans="14:14">
      <c r="N647177" s="10"/>
    </row>
    <row r="647178" spans="14:14">
      <c r="N647178" s="10"/>
    </row>
    <row r="647179" spans="14:14">
      <c r="N647179" s="10"/>
    </row>
    <row r="647180" spans="14:14">
      <c r="N647180" s="10"/>
    </row>
    <row r="647181" spans="14:14">
      <c r="N647181" s="10"/>
    </row>
    <row r="647182" spans="14:14">
      <c r="N647182" s="10"/>
    </row>
    <row r="647183" spans="14:14">
      <c r="N647183" s="10"/>
    </row>
    <row r="647184" spans="14:14">
      <c r="N647184" s="10"/>
    </row>
    <row r="647185" spans="14:14">
      <c r="N647185" s="10"/>
    </row>
    <row r="647186" spans="14:14">
      <c r="N647186" s="10"/>
    </row>
    <row r="647187" spans="14:14">
      <c r="N647187" s="10"/>
    </row>
    <row r="647188" spans="14:14">
      <c r="N647188" s="10"/>
    </row>
    <row r="647189" spans="14:14">
      <c r="N647189" s="10"/>
    </row>
    <row r="647190" spans="14:14">
      <c r="N647190" s="10"/>
    </row>
    <row r="647191" spans="14:14">
      <c r="N647191" s="10"/>
    </row>
    <row r="647192" spans="14:14">
      <c r="N647192" s="10"/>
    </row>
    <row r="647193" spans="14:14">
      <c r="N647193" s="10"/>
    </row>
    <row r="647194" spans="14:14">
      <c r="N647194" s="10"/>
    </row>
    <row r="647195" spans="14:14">
      <c r="N647195" s="10"/>
    </row>
    <row r="647196" spans="14:14">
      <c r="N647196" s="10"/>
    </row>
    <row r="647197" spans="14:14">
      <c r="N647197" s="10"/>
    </row>
    <row r="647198" spans="14:14">
      <c r="N647198" s="10"/>
    </row>
    <row r="647199" spans="14:14">
      <c r="N647199" s="10"/>
    </row>
    <row r="647200" spans="14:14">
      <c r="N647200" s="10"/>
    </row>
    <row r="647201" spans="14:14">
      <c r="N647201" s="10"/>
    </row>
    <row r="647202" spans="14:14">
      <c r="N647202" s="10"/>
    </row>
    <row r="647203" spans="14:14">
      <c r="N647203" s="10"/>
    </row>
    <row r="647204" spans="14:14">
      <c r="N647204" s="10"/>
    </row>
    <row r="647205" spans="14:14">
      <c r="N647205" s="10"/>
    </row>
    <row r="647206" spans="14:14">
      <c r="N647206" s="10"/>
    </row>
    <row r="647207" spans="14:14">
      <c r="N647207" s="10"/>
    </row>
    <row r="647208" spans="14:14">
      <c r="N647208" s="10"/>
    </row>
    <row r="647209" spans="14:14">
      <c r="N647209" s="10"/>
    </row>
    <row r="647210" spans="14:14">
      <c r="N647210" s="10"/>
    </row>
    <row r="647211" spans="14:14">
      <c r="N647211" s="10"/>
    </row>
    <row r="647212" spans="14:14">
      <c r="N647212" s="10"/>
    </row>
    <row r="647213" spans="14:14">
      <c r="N647213" s="10"/>
    </row>
    <row r="647214" spans="14:14">
      <c r="N647214" s="10"/>
    </row>
    <row r="647215" spans="14:14">
      <c r="N647215" s="10"/>
    </row>
    <row r="647216" spans="14:14">
      <c r="N647216" s="10"/>
    </row>
    <row r="647217" spans="14:14">
      <c r="N647217" s="10"/>
    </row>
    <row r="647218" spans="14:14">
      <c r="N647218" s="10"/>
    </row>
    <row r="647219" spans="14:14">
      <c r="N647219" s="10"/>
    </row>
    <row r="647220" spans="14:14">
      <c r="N647220" s="10"/>
    </row>
    <row r="647221" spans="14:14">
      <c r="N647221" s="10"/>
    </row>
    <row r="647222" spans="14:14">
      <c r="N647222" s="10"/>
    </row>
    <row r="647223" spans="14:14">
      <c r="N647223" s="10"/>
    </row>
    <row r="647224" spans="14:14">
      <c r="N647224" s="10"/>
    </row>
    <row r="647225" spans="14:14">
      <c r="N647225" s="10"/>
    </row>
    <row r="647226" spans="14:14">
      <c r="N647226" s="10"/>
    </row>
    <row r="647227" spans="14:14">
      <c r="N647227" s="10"/>
    </row>
    <row r="647228" spans="14:14">
      <c r="N647228" s="10"/>
    </row>
    <row r="647229" spans="14:14">
      <c r="N647229" s="10"/>
    </row>
    <row r="647230" spans="14:14">
      <c r="N647230" s="10"/>
    </row>
    <row r="647231" spans="14:14">
      <c r="N647231" s="10"/>
    </row>
    <row r="647232" spans="14:14">
      <c r="N647232" s="10"/>
    </row>
    <row r="647233" spans="14:14">
      <c r="N647233" s="10"/>
    </row>
    <row r="647234" spans="14:14">
      <c r="N647234" s="10"/>
    </row>
    <row r="647235" spans="14:14">
      <c r="N647235" s="10"/>
    </row>
    <row r="647236" spans="14:14">
      <c r="N647236" s="10"/>
    </row>
    <row r="647237" spans="14:14">
      <c r="N647237" s="10"/>
    </row>
    <row r="647238" spans="14:14">
      <c r="N647238" s="10"/>
    </row>
    <row r="647239" spans="14:14">
      <c r="N647239" s="10"/>
    </row>
    <row r="647240" spans="14:14">
      <c r="N647240" s="10"/>
    </row>
    <row r="647241" spans="14:14">
      <c r="N647241" s="10"/>
    </row>
    <row r="647242" spans="14:14">
      <c r="N647242" s="10"/>
    </row>
    <row r="647243" spans="14:14">
      <c r="N647243" s="10"/>
    </row>
    <row r="647244" spans="14:14">
      <c r="N647244" s="10"/>
    </row>
    <row r="647245" spans="14:14">
      <c r="N647245" s="10"/>
    </row>
    <row r="647246" spans="14:14">
      <c r="N647246" s="10"/>
    </row>
    <row r="647247" spans="14:14">
      <c r="N647247" s="10"/>
    </row>
    <row r="647248" spans="14:14">
      <c r="N647248" s="10"/>
    </row>
    <row r="647249" spans="14:14">
      <c r="N647249" s="10"/>
    </row>
    <row r="647250" spans="14:14">
      <c r="N647250" s="10"/>
    </row>
    <row r="647251" spans="14:14">
      <c r="N647251" s="10"/>
    </row>
    <row r="647252" spans="14:14">
      <c r="N647252" s="10"/>
    </row>
    <row r="647253" spans="14:14">
      <c r="N647253" s="10"/>
    </row>
    <row r="647254" spans="14:14">
      <c r="N647254" s="10"/>
    </row>
    <row r="647255" spans="14:14">
      <c r="N647255" s="10"/>
    </row>
    <row r="647256" spans="14:14">
      <c r="N647256" s="10"/>
    </row>
    <row r="647257" spans="14:14">
      <c r="N647257" s="10"/>
    </row>
    <row r="647258" spans="14:14">
      <c r="N647258" s="10"/>
    </row>
    <row r="647259" spans="14:14">
      <c r="N647259" s="10"/>
    </row>
    <row r="647260" spans="14:14">
      <c r="N647260" s="10"/>
    </row>
    <row r="647261" spans="14:14">
      <c r="N647261" s="10"/>
    </row>
    <row r="647262" spans="14:14">
      <c r="N647262" s="10"/>
    </row>
    <row r="647263" spans="14:14">
      <c r="N647263" s="10"/>
    </row>
    <row r="647264" spans="14:14">
      <c r="N647264" s="10"/>
    </row>
    <row r="647265" spans="14:14">
      <c r="N647265" s="10"/>
    </row>
    <row r="647266" spans="14:14">
      <c r="N647266" s="10"/>
    </row>
    <row r="647267" spans="14:14">
      <c r="N647267" s="10"/>
    </row>
    <row r="647268" spans="14:14">
      <c r="N647268" s="10"/>
    </row>
    <row r="647269" spans="14:14">
      <c r="N647269" s="10"/>
    </row>
    <row r="647270" spans="14:14">
      <c r="N647270" s="10"/>
    </row>
    <row r="647271" spans="14:14">
      <c r="N647271" s="10"/>
    </row>
    <row r="647272" spans="14:14">
      <c r="N647272" s="10"/>
    </row>
    <row r="647273" spans="14:14">
      <c r="N647273" s="10"/>
    </row>
    <row r="647274" spans="14:14">
      <c r="N647274" s="10"/>
    </row>
    <row r="647275" spans="14:14">
      <c r="N647275" s="10"/>
    </row>
    <row r="647276" spans="14:14">
      <c r="N647276" s="10"/>
    </row>
    <row r="647277" spans="14:14">
      <c r="N647277" s="10"/>
    </row>
    <row r="647278" spans="14:14">
      <c r="N647278" s="10"/>
    </row>
    <row r="647279" spans="14:14">
      <c r="N647279" s="10"/>
    </row>
    <row r="647280" spans="14:14">
      <c r="N647280" s="10"/>
    </row>
    <row r="647281" spans="14:14">
      <c r="N647281" s="10"/>
    </row>
    <row r="647282" spans="14:14">
      <c r="N647282" s="10"/>
    </row>
    <row r="647283" spans="14:14">
      <c r="N647283" s="10"/>
    </row>
    <row r="647284" spans="14:14">
      <c r="N647284" s="10"/>
    </row>
    <row r="647285" spans="14:14">
      <c r="N647285" s="10"/>
    </row>
    <row r="647286" spans="14:14">
      <c r="N647286" s="10"/>
    </row>
    <row r="647287" spans="14:14">
      <c r="N647287" s="10"/>
    </row>
    <row r="647288" spans="14:14">
      <c r="N647288" s="10"/>
    </row>
    <row r="647289" spans="14:14">
      <c r="N647289" s="10"/>
    </row>
    <row r="647290" spans="14:14">
      <c r="N647290" s="10"/>
    </row>
    <row r="647291" spans="14:14">
      <c r="N647291" s="10"/>
    </row>
    <row r="647292" spans="14:14">
      <c r="N647292" s="10"/>
    </row>
    <row r="647293" spans="14:14">
      <c r="N647293" s="10"/>
    </row>
    <row r="647294" spans="14:14">
      <c r="N647294" s="10"/>
    </row>
    <row r="647295" spans="14:14">
      <c r="N647295" s="10"/>
    </row>
    <row r="647296" spans="14:14">
      <c r="N647296" s="10"/>
    </row>
    <row r="647297" spans="14:14">
      <c r="N647297" s="10"/>
    </row>
    <row r="647298" spans="14:14">
      <c r="N647298" s="10"/>
    </row>
    <row r="647299" spans="14:14">
      <c r="N647299" s="10"/>
    </row>
    <row r="647300" spans="14:14">
      <c r="N647300" s="10"/>
    </row>
    <row r="647301" spans="14:14">
      <c r="N647301" s="10"/>
    </row>
    <row r="647302" spans="14:14">
      <c r="N647302" s="10"/>
    </row>
    <row r="647303" spans="14:14">
      <c r="N647303" s="10"/>
    </row>
    <row r="647304" spans="14:14">
      <c r="N647304" s="10"/>
    </row>
    <row r="647305" spans="14:14">
      <c r="N647305" s="10"/>
    </row>
    <row r="647306" spans="14:14">
      <c r="N647306" s="10"/>
    </row>
    <row r="647307" spans="14:14">
      <c r="N647307" s="10"/>
    </row>
    <row r="647308" spans="14:14">
      <c r="N647308" s="10"/>
    </row>
    <row r="647309" spans="14:14">
      <c r="N647309" s="10"/>
    </row>
    <row r="647310" spans="14:14">
      <c r="N647310" s="10"/>
    </row>
    <row r="647311" spans="14:14">
      <c r="N647311" s="10"/>
    </row>
    <row r="647312" spans="14:14">
      <c r="N647312" s="10"/>
    </row>
    <row r="647313" spans="14:14">
      <c r="N647313" s="10"/>
    </row>
    <row r="647314" spans="14:14">
      <c r="N647314" s="10"/>
    </row>
    <row r="647315" spans="14:14">
      <c r="N647315" s="10"/>
    </row>
    <row r="647316" spans="14:14">
      <c r="N647316" s="10"/>
    </row>
    <row r="647317" spans="14:14">
      <c r="N647317" s="10"/>
    </row>
    <row r="647318" spans="14:14">
      <c r="N647318" s="10"/>
    </row>
    <row r="647319" spans="14:14">
      <c r="N647319" s="10"/>
    </row>
    <row r="647320" spans="14:14">
      <c r="N647320" s="10"/>
    </row>
    <row r="647321" spans="14:14">
      <c r="N647321" s="10"/>
    </row>
    <row r="647322" spans="14:14">
      <c r="N647322" s="10"/>
    </row>
    <row r="647323" spans="14:14">
      <c r="N647323" s="10"/>
    </row>
    <row r="647324" spans="14:14">
      <c r="N647324" s="10"/>
    </row>
    <row r="647325" spans="14:14">
      <c r="N647325" s="10"/>
    </row>
    <row r="647326" spans="14:14">
      <c r="N647326" s="10"/>
    </row>
    <row r="647327" spans="14:14">
      <c r="N647327" s="10"/>
    </row>
    <row r="647328" spans="14:14">
      <c r="N647328" s="10"/>
    </row>
    <row r="647329" spans="14:14">
      <c r="N647329" s="10"/>
    </row>
    <row r="647330" spans="14:14">
      <c r="N647330" s="10"/>
    </row>
    <row r="647331" spans="14:14">
      <c r="N647331" s="10"/>
    </row>
    <row r="647332" spans="14:14">
      <c r="N647332" s="10"/>
    </row>
    <row r="647333" spans="14:14">
      <c r="N647333" s="10"/>
    </row>
    <row r="647334" spans="14:14">
      <c r="N647334" s="10"/>
    </row>
    <row r="647335" spans="14:14">
      <c r="N647335" s="10"/>
    </row>
    <row r="647336" spans="14:14">
      <c r="N647336" s="10"/>
    </row>
    <row r="647337" spans="14:14">
      <c r="N647337" s="10"/>
    </row>
    <row r="647338" spans="14:14">
      <c r="N647338" s="10"/>
    </row>
    <row r="647339" spans="14:14">
      <c r="N647339" s="10"/>
    </row>
    <row r="647340" spans="14:14">
      <c r="N647340" s="10"/>
    </row>
    <row r="647341" spans="14:14">
      <c r="N647341" s="10"/>
    </row>
    <row r="647342" spans="14:14">
      <c r="N647342" s="10"/>
    </row>
    <row r="647343" spans="14:14">
      <c r="N647343" s="10"/>
    </row>
    <row r="647344" spans="14:14">
      <c r="N647344" s="10"/>
    </row>
    <row r="647345" spans="14:14">
      <c r="N647345" s="10"/>
    </row>
    <row r="647346" spans="14:14">
      <c r="N647346" s="10"/>
    </row>
    <row r="647347" spans="14:14">
      <c r="N647347" s="10"/>
    </row>
    <row r="647348" spans="14:14">
      <c r="N647348" s="10"/>
    </row>
    <row r="647349" spans="14:14">
      <c r="N647349" s="10"/>
    </row>
    <row r="647350" spans="14:14">
      <c r="N647350" s="10"/>
    </row>
    <row r="647351" spans="14:14">
      <c r="N647351" s="10"/>
    </row>
    <row r="647352" spans="14:14">
      <c r="N647352" s="10"/>
    </row>
    <row r="647353" spans="14:14">
      <c r="N647353" s="10"/>
    </row>
    <row r="647354" spans="14:14">
      <c r="N647354" s="10"/>
    </row>
    <row r="647355" spans="14:14">
      <c r="N647355" s="10"/>
    </row>
    <row r="647356" spans="14:14">
      <c r="N647356" s="10"/>
    </row>
    <row r="647357" spans="14:14">
      <c r="N647357" s="10"/>
    </row>
    <row r="647358" spans="14:14">
      <c r="N647358" s="10"/>
    </row>
    <row r="647359" spans="14:14">
      <c r="N647359" s="10"/>
    </row>
    <row r="647360" spans="14:14">
      <c r="N647360" s="10"/>
    </row>
    <row r="647361" spans="14:14">
      <c r="N647361" s="10"/>
    </row>
    <row r="647362" spans="14:14">
      <c r="N647362" s="10"/>
    </row>
    <row r="647363" spans="14:14">
      <c r="N647363" s="10"/>
    </row>
    <row r="647364" spans="14:14">
      <c r="N647364" s="10"/>
    </row>
    <row r="647365" spans="14:14">
      <c r="N647365" s="10"/>
    </row>
    <row r="647366" spans="14:14">
      <c r="N647366" s="10"/>
    </row>
    <row r="647367" spans="14:14">
      <c r="N647367" s="10"/>
    </row>
    <row r="647368" spans="14:14">
      <c r="N647368" s="10"/>
    </row>
    <row r="647369" spans="14:14">
      <c r="N647369" s="10"/>
    </row>
    <row r="647370" spans="14:14">
      <c r="N647370" s="10"/>
    </row>
    <row r="647371" spans="14:14">
      <c r="N647371" s="10"/>
    </row>
    <row r="647372" spans="14:14">
      <c r="N647372" s="10"/>
    </row>
    <row r="647373" spans="14:14">
      <c r="N647373" s="10"/>
    </row>
    <row r="647374" spans="14:14">
      <c r="N647374" s="10"/>
    </row>
    <row r="647375" spans="14:14">
      <c r="N647375" s="10"/>
    </row>
    <row r="647376" spans="14:14">
      <c r="N647376" s="10"/>
    </row>
    <row r="647377" spans="14:14">
      <c r="N647377" s="10"/>
    </row>
    <row r="647378" spans="14:14">
      <c r="N647378" s="10"/>
    </row>
    <row r="647379" spans="14:14">
      <c r="N647379" s="10"/>
    </row>
    <row r="647380" spans="14:14">
      <c r="N647380" s="10"/>
    </row>
    <row r="647381" spans="14:14">
      <c r="N647381" s="10"/>
    </row>
    <row r="647382" spans="14:14">
      <c r="N647382" s="10"/>
    </row>
    <row r="647383" spans="14:14">
      <c r="N647383" s="10"/>
    </row>
    <row r="647384" spans="14:14">
      <c r="N647384" s="10"/>
    </row>
    <row r="647385" spans="14:14">
      <c r="N647385" s="10"/>
    </row>
    <row r="647386" spans="14:14">
      <c r="N647386" s="10"/>
    </row>
    <row r="647387" spans="14:14">
      <c r="N647387" s="10"/>
    </row>
    <row r="647388" spans="14:14">
      <c r="N647388" s="10"/>
    </row>
    <row r="647389" spans="14:14">
      <c r="N647389" s="10"/>
    </row>
    <row r="647390" spans="14:14">
      <c r="N647390" s="10"/>
    </row>
    <row r="647391" spans="14:14">
      <c r="N647391" s="10"/>
    </row>
    <row r="647392" spans="14:14">
      <c r="N647392" s="10"/>
    </row>
    <row r="647393" spans="14:14">
      <c r="N647393" s="10"/>
    </row>
    <row r="647394" spans="14:14">
      <c r="N647394" s="10"/>
    </row>
    <row r="647395" spans="14:14">
      <c r="N647395" s="10"/>
    </row>
    <row r="647396" spans="14:14">
      <c r="N647396" s="10"/>
    </row>
    <row r="647397" spans="14:14">
      <c r="N647397" s="10"/>
    </row>
    <row r="647398" spans="14:14">
      <c r="N647398" s="10"/>
    </row>
    <row r="647399" spans="14:14">
      <c r="N647399" s="10"/>
    </row>
    <row r="647400" spans="14:14">
      <c r="N647400" s="10"/>
    </row>
    <row r="647401" spans="14:14">
      <c r="N647401" s="10"/>
    </row>
    <row r="647402" spans="14:14">
      <c r="N647402" s="10"/>
    </row>
    <row r="647403" spans="14:14">
      <c r="N647403" s="10"/>
    </row>
    <row r="647404" spans="14:14">
      <c r="N647404" s="10"/>
    </row>
    <row r="647405" spans="14:14">
      <c r="N647405" s="10"/>
    </row>
    <row r="647406" spans="14:14">
      <c r="N647406" s="10"/>
    </row>
    <row r="647407" spans="14:14">
      <c r="N647407" s="10"/>
    </row>
    <row r="647408" spans="14:14">
      <c r="N647408" s="10"/>
    </row>
    <row r="647409" spans="14:14">
      <c r="N647409" s="10"/>
    </row>
    <row r="647410" spans="14:14">
      <c r="N647410" s="10"/>
    </row>
    <row r="647411" spans="14:14">
      <c r="N647411" s="10"/>
    </row>
    <row r="647412" spans="14:14">
      <c r="N647412" s="10"/>
    </row>
    <row r="647413" spans="14:14">
      <c r="N647413" s="10"/>
    </row>
    <row r="647414" spans="14:14">
      <c r="N647414" s="10"/>
    </row>
    <row r="647415" spans="14:14">
      <c r="N647415" s="10"/>
    </row>
    <row r="647416" spans="14:14">
      <c r="N647416" s="10"/>
    </row>
    <row r="647417" spans="14:14">
      <c r="N647417" s="10"/>
    </row>
    <row r="647418" spans="14:14">
      <c r="N647418" s="10"/>
    </row>
    <row r="647419" spans="14:14">
      <c r="N647419" s="10"/>
    </row>
    <row r="647420" spans="14:14">
      <c r="N647420" s="10"/>
    </row>
    <row r="647421" spans="14:14">
      <c r="N647421" s="10"/>
    </row>
    <row r="647422" spans="14:14">
      <c r="N647422" s="10"/>
    </row>
    <row r="647423" spans="14:14">
      <c r="N647423" s="10"/>
    </row>
    <row r="647424" spans="14:14">
      <c r="N647424" s="10"/>
    </row>
    <row r="647425" spans="14:14">
      <c r="N647425" s="10"/>
    </row>
    <row r="647426" spans="14:14">
      <c r="N647426" s="10"/>
    </row>
    <row r="647427" spans="14:14">
      <c r="N647427" s="10"/>
    </row>
    <row r="647428" spans="14:14">
      <c r="N647428" s="10"/>
    </row>
    <row r="647429" spans="14:14">
      <c r="N647429" s="10"/>
    </row>
    <row r="647430" spans="14:14">
      <c r="N647430" s="10"/>
    </row>
    <row r="647431" spans="14:14">
      <c r="N647431" s="10"/>
    </row>
    <row r="647432" spans="14:14">
      <c r="N647432" s="10"/>
    </row>
    <row r="647433" spans="14:14">
      <c r="N647433" s="10"/>
    </row>
    <row r="647434" spans="14:14">
      <c r="N647434" s="10"/>
    </row>
    <row r="647435" spans="14:14">
      <c r="N647435" s="10"/>
    </row>
    <row r="647436" spans="14:14">
      <c r="N647436" s="10"/>
    </row>
    <row r="647437" spans="14:14">
      <c r="N647437" s="10"/>
    </row>
    <row r="647438" spans="14:14">
      <c r="N647438" s="10"/>
    </row>
    <row r="647439" spans="14:14">
      <c r="N647439" s="10"/>
    </row>
    <row r="647440" spans="14:14">
      <c r="N647440" s="10"/>
    </row>
    <row r="647441" spans="14:14">
      <c r="N647441" s="10"/>
    </row>
    <row r="647442" spans="14:14">
      <c r="N647442" s="10"/>
    </row>
    <row r="647443" spans="14:14">
      <c r="N647443" s="10"/>
    </row>
    <row r="647444" spans="14:14">
      <c r="N647444" s="10"/>
    </row>
    <row r="647445" spans="14:14">
      <c r="N647445" s="10"/>
    </row>
    <row r="647446" spans="14:14">
      <c r="N647446" s="10"/>
    </row>
    <row r="647447" spans="14:14">
      <c r="N647447" s="10"/>
    </row>
    <row r="647448" spans="14:14">
      <c r="N647448" s="10"/>
    </row>
    <row r="647449" spans="14:14">
      <c r="N647449" s="10"/>
    </row>
    <row r="647450" spans="14:14">
      <c r="N647450" s="10"/>
    </row>
    <row r="647451" spans="14:14">
      <c r="N647451" s="10"/>
    </row>
    <row r="647452" spans="14:14">
      <c r="N647452" s="10"/>
    </row>
    <row r="647453" spans="14:14">
      <c r="N647453" s="10"/>
    </row>
    <row r="647454" spans="14:14">
      <c r="N647454" s="10"/>
    </row>
    <row r="647455" spans="14:14">
      <c r="N647455" s="10"/>
    </row>
    <row r="647456" spans="14:14">
      <c r="N647456" s="10"/>
    </row>
    <row r="647457" spans="14:14">
      <c r="N647457" s="10"/>
    </row>
    <row r="647458" spans="14:14">
      <c r="N647458" s="10"/>
    </row>
    <row r="647459" spans="14:14">
      <c r="N647459" s="10"/>
    </row>
    <row r="647460" spans="14:14">
      <c r="N647460" s="10"/>
    </row>
    <row r="647461" spans="14:14">
      <c r="N647461" s="10"/>
    </row>
    <row r="647462" spans="14:14">
      <c r="N647462" s="10"/>
    </row>
    <row r="647463" spans="14:14">
      <c r="N647463" s="10"/>
    </row>
    <row r="647464" spans="14:14">
      <c r="N647464" s="10"/>
    </row>
    <row r="647465" spans="14:14">
      <c r="N647465" s="10"/>
    </row>
    <row r="647466" spans="14:14">
      <c r="N647466" s="10"/>
    </row>
    <row r="647467" spans="14:14">
      <c r="N647467" s="10"/>
    </row>
    <row r="647468" spans="14:14">
      <c r="N647468" s="10"/>
    </row>
    <row r="647469" spans="14:14">
      <c r="N647469" s="10"/>
    </row>
    <row r="647470" spans="14:14">
      <c r="N647470" s="10"/>
    </row>
    <row r="647471" spans="14:14">
      <c r="N647471" s="10"/>
    </row>
    <row r="647472" spans="14:14">
      <c r="N647472" s="10"/>
    </row>
    <row r="647473" spans="14:14">
      <c r="N647473" s="10"/>
    </row>
    <row r="647474" spans="14:14">
      <c r="N647474" s="10"/>
    </row>
    <row r="647475" spans="14:14">
      <c r="N647475" s="10"/>
    </row>
    <row r="647476" spans="14:14">
      <c r="N647476" s="10"/>
    </row>
    <row r="647477" spans="14:14">
      <c r="N647477" s="10"/>
    </row>
    <row r="647478" spans="14:14">
      <c r="N647478" s="10"/>
    </row>
    <row r="647479" spans="14:14">
      <c r="N647479" s="10"/>
    </row>
    <row r="647480" spans="14:14">
      <c r="N647480" s="10"/>
    </row>
    <row r="647481" spans="14:14">
      <c r="N647481" s="10"/>
    </row>
    <row r="647482" spans="14:14">
      <c r="N647482" s="10"/>
    </row>
    <row r="647483" spans="14:14">
      <c r="N647483" s="10"/>
    </row>
    <row r="647484" spans="14:14">
      <c r="N647484" s="10"/>
    </row>
    <row r="647485" spans="14:14">
      <c r="N647485" s="10"/>
    </row>
    <row r="647486" spans="14:14">
      <c r="N647486" s="10"/>
    </row>
    <row r="647487" spans="14:14">
      <c r="N647487" s="10"/>
    </row>
    <row r="647488" spans="14:14">
      <c r="N647488" s="10"/>
    </row>
    <row r="647489" spans="14:14">
      <c r="N647489" s="10"/>
    </row>
    <row r="647490" spans="14:14">
      <c r="N647490" s="10"/>
    </row>
    <row r="647491" spans="14:14">
      <c r="N647491" s="10"/>
    </row>
    <row r="647492" spans="14:14">
      <c r="N647492" s="10"/>
    </row>
    <row r="647493" spans="14:14">
      <c r="N647493" s="10"/>
    </row>
    <row r="647494" spans="14:14">
      <c r="N647494" s="10"/>
    </row>
    <row r="647495" spans="14:14">
      <c r="N647495" s="10"/>
    </row>
    <row r="647496" spans="14:14">
      <c r="N647496" s="10"/>
    </row>
    <row r="647497" spans="14:14">
      <c r="N647497" s="10"/>
    </row>
    <row r="647498" spans="14:14">
      <c r="N647498" s="10"/>
    </row>
    <row r="647499" spans="14:14">
      <c r="N647499" s="10"/>
    </row>
    <row r="647500" spans="14:14">
      <c r="N647500" s="10"/>
    </row>
    <row r="647501" spans="14:14">
      <c r="N647501" s="10"/>
    </row>
    <row r="647502" spans="14:14">
      <c r="N647502" s="10"/>
    </row>
    <row r="647503" spans="14:14">
      <c r="N647503" s="10"/>
    </row>
    <row r="647504" spans="14:14">
      <c r="N647504" s="10"/>
    </row>
    <row r="647505" spans="14:14">
      <c r="N647505" s="10"/>
    </row>
    <row r="647506" spans="14:14">
      <c r="N647506" s="10"/>
    </row>
    <row r="647507" spans="14:14">
      <c r="N647507" s="10"/>
    </row>
    <row r="647508" spans="14:14">
      <c r="N647508" s="10"/>
    </row>
    <row r="647509" spans="14:14">
      <c r="N647509" s="10"/>
    </row>
    <row r="647510" spans="14:14">
      <c r="N647510" s="10"/>
    </row>
    <row r="647511" spans="14:14">
      <c r="N647511" s="10"/>
    </row>
    <row r="647512" spans="14:14">
      <c r="N647512" s="10"/>
    </row>
    <row r="647513" spans="14:14">
      <c r="N647513" s="10"/>
    </row>
    <row r="647514" spans="14:14">
      <c r="N647514" s="10"/>
    </row>
    <row r="647515" spans="14:14">
      <c r="N647515" s="10"/>
    </row>
    <row r="647516" spans="14:14">
      <c r="N647516" s="10"/>
    </row>
    <row r="647517" spans="14:14">
      <c r="N647517" s="10"/>
    </row>
    <row r="647518" spans="14:14">
      <c r="N647518" s="10"/>
    </row>
    <row r="647519" spans="14:14">
      <c r="N647519" s="10"/>
    </row>
    <row r="647520" spans="14:14">
      <c r="N647520" s="10"/>
    </row>
    <row r="647521" spans="14:14">
      <c r="N647521" s="10"/>
    </row>
    <row r="647522" spans="14:14">
      <c r="N647522" s="10"/>
    </row>
    <row r="647523" spans="14:14">
      <c r="N647523" s="10"/>
    </row>
    <row r="647524" spans="14:14">
      <c r="N647524" s="10"/>
    </row>
    <row r="647525" spans="14:14">
      <c r="N647525" s="10"/>
    </row>
    <row r="647526" spans="14:14">
      <c r="N647526" s="10"/>
    </row>
    <row r="647527" spans="14:14">
      <c r="N647527" s="10"/>
    </row>
    <row r="647528" spans="14:14">
      <c r="N647528" s="10"/>
    </row>
    <row r="647529" spans="14:14">
      <c r="N647529" s="10"/>
    </row>
    <row r="647530" spans="14:14">
      <c r="N647530" s="10"/>
    </row>
    <row r="647531" spans="14:14">
      <c r="N647531" s="10"/>
    </row>
    <row r="647532" spans="14:14">
      <c r="N647532" s="10"/>
    </row>
    <row r="647533" spans="14:14">
      <c r="N647533" s="10"/>
    </row>
    <row r="647534" spans="14:14">
      <c r="N647534" s="10"/>
    </row>
    <row r="647535" spans="14:14">
      <c r="N647535" s="10"/>
    </row>
    <row r="647536" spans="14:14">
      <c r="N647536" s="10"/>
    </row>
    <row r="647537" spans="14:14">
      <c r="N647537" s="10"/>
    </row>
    <row r="647538" spans="14:14">
      <c r="N647538" s="10"/>
    </row>
    <row r="647539" spans="14:14">
      <c r="N647539" s="10"/>
    </row>
    <row r="647540" spans="14:14">
      <c r="N647540" s="10"/>
    </row>
    <row r="647541" spans="14:14">
      <c r="N647541" s="10"/>
    </row>
    <row r="647542" spans="14:14">
      <c r="N647542" s="10"/>
    </row>
    <row r="647543" spans="14:14">
      <c r="N647543" s="10"/>
    </row>
    <row r="647544" spans="14:14">
      <c r="N647544" s="10"/>
    </row>
    <row r="647545" spans="14:14">
      <c r="N647545" s="10"/>
    </row>
    <row r="647546" spans="14:14">
      <c r="N647546" s="10"/>
    </row>
    <row r="647547" spans="14:14">
      <c r="N647547" s="10"/>
    </row>
    <row r="647548" spans="14:14">
      <c r="N647548" s="10"/>
    </row>
    <row r="647549" spans="14:14">
      <c r="N647549" s="10"/>
    </row>
    <row r="647550" spans="14:14">
      <c r="N647550" s="10"/>
    </row>
    <row r="647551" spans="14:14">
      <c r="N647551" s="10"/>
    </row>
    <row r="647552" spans="14:14">
      <c r="N647552" s="10"/>
    </row>
    <row r="647553" spans="14:14">
      <c r="N647553" s="10"/>
    </row>
    <row r="647554" spans="14:14">
      <c r="N647554" s="10"/>
    </row>
    <row r="647555" spans="14:14">
      <c r="N647555" s="10"/>
    </row>
    <row r="647556" spans="14:14">
      <c r="N647556" s="10"/>
    </row>
    <row r="647557" spans="14:14">
      <c r="N647557" s="10"/>
    </row>
    <row r="647558" spans="14:14">
      <c r="N647558" s="10"/>
    </row>
    <row r="647559" spans="14:14">
      <c r="N647559" s="10"/>
    </row>
    <row r="647560" spans="14:14">
      <c r="N647560" s="10"/>
    </row>
    <row r="647561" spans="14:14">
      <c r="N647561" s="10"/>
    </row>
    <row r="647562" spans="14:14">
      <c r="N647562" s="10"/>
    </row>
    <row r="647563" spans="14:14">
      <c r="N647563" s="10"/>
    </row>
    <row r="647564" spans="14:14">
      <c r="N647564" s="10"/>
    </row>
    <row r="647565" spans="14:14">
      <c r="N647565" s="10"/>
    </row>
    <row r="647566" spans="14:14">
      <c r="N647566" s="10"/>
    </row>
    <row r="647567" spans="14:14">
      <c r="N647567" s="10"/>
    </row>
    <row r="647568" spans="14:14">
      <c r="N647568" s="10"/>
    </row>
    <row r="647569" spans="14:14">
      <c r="N647569" s="10"/>
    </row>
    <row r="647570" spans="14:14">
      <c r="N647570" s="10"/>
    </row>
    <row r="647571" spans="14:14">
      <c r="N647571" s="10"/>
    </row>
    <row r="647572" spans="14:14">
      <c r="N647572" s="10"/>
    </row>
    <row r="647573" spans="14:14">
      <c r="N647573" s="10"/>
    </row>
    <row r="647574" spans="14:14">
      <c r="N647574" s="10"/>
    </row>
    <row r="647575" spans="14:14">
      <c r="N647575" s="10"/>
    </row>
    <row r="647576" spans="14:14">
      <c r="N647576" s="10"/>
    </row>
    <row r="647577" spans="14:14">
      <c r="N647577" s="10"/>
    </row>
    <row r="647578" spans="14:14">
      <c r="N647578" s="10"/>
    </row>
    <row r="647579" spans="14:14">
      <c r="N647579" s="10"/>
    </row>
    <row r="647580" spans="14:14">
      <c r="N647580" s="10"/>
    </row>
    <row r="647581" spans="14:14">
      <c r="N647581" s="10"/>
    </row>
    <row r="647582" spans="14:14">
      <c r="N647582" s="10"/>
    </row>
    <row r="647583" spans="14:14">
      <c r="N647583" s="10"/>
    </row>
    <row r="647584" spans="14:14">
      <c r="N647584" s="10"/>
    </row>
    <row r="647585" spans="14:14">
      <c r="N647585" s="10"/>
    </row>
    <row r="647586" spans="14:14">
      <c r="N647586" s="10"/>
    </row>
    <row r="647587" spans="14:14">
      <c r="N647587" s="10"/>
    </row>
    <row r="647588" spans="14:14">
      <c r="N647588" s="10"/>
    </row>
    <row r="647589" spans="14:14">
      <c r="N647589" s="10"/>
    </row>
    <row r="647590" spans="14:14">
      <c r="N647590" s="10"/>
    </row>
    <row r="647591" spans="14:14">
      <c r="N647591" s="10"/>
    </row>
    <row r="647592" spans="14:14">
      <c r="N647592" s="10"/>
    </row>
    <row r="647593" spans="14:14">
      <c r="N647593" s="10"/>
    </row>
    <row r="647594" spans="14:14">
      <c r="N647594" s="10"/>
    </row>
    <row r="647595" spans="14:14">
      <c r="N647595" s="10"/>
    </row>
    <row r="647596" spans="14:14">
      <c r="N647596" s="10"/>
    </row>
    <row r="647597" spans="14:14">
      <c r="N647597" s="10"/>
    </row>
    <row r="647598" spans="14:14">
      <c r="N647598" s="10"/>
    </row>
    <row r="647599" spans="14:14">
      <c r="N647599" s="10"/>
    </row>
    <row r="647600" spans="14:14">
      <c r="N647600" s="10"/>
    </row>
    <row r="647601" spans="14:14">
      <c r="N647601" s="10"/>
    </row>
    <row r="647602" spans="14:14">
      <c r="N647602" s="10"/>
    </row>
    <row r="647603" spans="14:14">
      <c r="N647603" s="10"/>
    </row>
    <row r="647604" spans="14:14">
      <c r="N647604" s="10"/>
    </row>
    <row r="647605" spans="14:14">
      <c r="N647605" s="10"/>
    </row>
    <row r="647606" spans="14:14">
      <c r="N647606" s="10"/>
    </row>
    <row r="647607" spans="14:14">
      <c r="N647607" s="10"/>
    </row>
    <row r="647608" spans="14:14">
      <c r="N647608" s="10"/>
    </row>
    <row r="647609" spans="14:14">
      <c r="N647609" s="10"/>
    </row>
    <row r="647610" spans="14:14">
      <c r="N647610" s="10"/>
    </row>
    <row r="647611" spans="14:14">
      <c r="N647611" s="10"/>
    </row>
    <row r="647612" spans="14:14">
      <c r="N647612" s="10"/>
    </row>
    <row r="647613" spans="14:14">
      <c r="N647613" s="10"/>
    </row>
    <row r="647614" spans="14:14">
      <c r="N647614" s="10"/>
    </row>
    <row r="647615" spans="14:14">
      <c r="N647615" s="10"/>
    </row>
    <row r="647616" spans="14:14">
      <c r="N647616" s="10"/>
    </row>
    <row r="647617" spans="14:14">
      <c r="N647617" s="10"/>
    </row>
    <row r="647618" spans="14:14">
      <c r="N647618" s="10"/>
    </row>
    <row r="647619" spans="14:14">
      <c r="N647619" s="10"/>
    </row>
    <row r="647620" spans="14:14">
      <c r="N647620" s="10"/>
    </row>
    <row r="647621" spans="14:14">
      <c r="N647621" s="10"/>
    </row>
    <row r="647622" spans="14:14">
      <c r="N647622" s="10"/>
    </row>
    <row r="647623" spans="14:14">
      <c r="N647623" s="10"/>
    </row>
    <row r="647624" spans="14:14">
      <c r="N647624" s="10"/>
    </row>
    <row r="647625" spans="14:14">
      <c r="N647625" s="10"/>
    </row>
    <row r="647626" spans="14:14">
      <c r="N647626" s="10"/>
    </row>
    <row r="647627" spans="14:14">
      <c r="N647627" s="10"/>
    </row>
    <row r="647628" spans="14:14">
      <c r="N647628" s="10"/>
    </row>
    <row r="647629" spans="14:14">
      <c r="N647629" s="10"/>
    </row>
    <row r="647630" spans="14:14">
      <c r="N647630" s="10"/>
    </row>
    <row r="647631" spans="14:14">
      <c r="N647631" s="10"/>
    </row>
    <row r="647632" spans="14:14">
      <c r="N647632" s="10"/>
    </row>
    <row r="647633" spans="14:14">
      <c r="N647633" s="10"/>
    </row>
    <row r="647634" spans="14:14">
      <c r="N647634" s="10"/>
    </row>
    <row r="647635" spans="14:14">
      <c r="N647635" s="10"/>
    </row>
    <row r="647636" spans="14:14">
      <c r="N647636" s="10"/>
    </row>
    <row r="647637" spans="14:14">
      <c r="N647637" s="10"/>
    </row>
    <row r="647638" spans="14:14">
      <c r="N647638" s="10"/>
    </row>
    <row r="647639" spans="14:14">
      <c r="N647639" s="10"/>
    </row>
    <row r="647640" spans="14:14">
      <c r="N647640" s="10"/>
    </row>
    <row r="647641" spans="14:14">
      <c r="N647641" s="10"/>
    </row>
    <row r="647642" spans="14:14">
      <c r="N647642" s="10"/>
    </row>
    <row r="647643" spans="14:14">
      <c r="N647643" s="10"/>
    </row>
    <row r="647644" spans="14:14">
      <c r="N647644" s="10"/>
    </row>
    <row r="647645" spans="14:14">
      <c r="N647645" s="10"/>
    </row>
    <row r="647646" spans="14:14">
      <c r="N647646" s="10"/>
    </row>
    <row r="647647" spans="14:14">
      <c r="N647647" s="10"/>
    </row>
    <row r="647648" spans="14:14">
      <c r="N647648" s="10"/>
    </row>
    <row r="647649" spans="14:14">
      <c r="N647649" s="10"/>
    </row>
    <row r="647650" spans="14:14">
      <c r="N647650" s="10"/>
    </row>
    <row r="647651" spans="14:14">
      <c r="N647651" s="10"/>
    </row>
    <row r="647652" spans="14:14">
      <c r="N647652" s="10"/>
    </row>
    <row r="647653" spans="14:14">
      <c r="N647653" s="10"/>
    </row>
    <row r="647654" spans="14:14">
      <c r="N647654" s="10"/>
    </row>
    <row r="647655" spans="14:14">
      <c r="N647655" s="10"/>
    </row>
    <row r="647656" spans="14:14">
      <c r="N647656" s="10"/>
    </row>
    <row r="647657" spans="14:14">
      <c r="N647657" s="10"/>
    </row>
    <row r="647658" spans="14:14">
      <c r="N647658" s="10"/>
    </row>
    <row r="647659" spans="14:14">
      <c r="N647659" s="10"/>
    </row>
    <row r="647660" spans="14:14">
      <c r="N647660" s="10"/>
    </row>
    <row r="647661" spans="14:14">
      <c r="N647661" s="10"/>
    </row>
    <row r="647662" spans="14:14">
      <c r="N647662" s="10"/>
    </row>
    <row r="647663" spans="14:14">
      <c r="N647663" s="10"/>
    </row>
    <row r="647664" spans="14:14">
      <c r="N647664" s="10"/>
    </row>
    <row r="647665" spans="14:14">
      <c r="N647665" s="10"/>
    </row>
    <row r="647666" spans="14:14">
      <c r="N647666" s="10"/>
    </row>
    <row r="647667" spans="14:14">
      <c r="N647667" s="10"/>
    </row>
    <row r="647668" spans="14:14">
      <c r="N647668" s="10"/>
    </row>
    <row r="647669" spans="14:14">
      <c r="N647669" s="10"/>
    </row>
    <row r="647670" spans="14:14">
      <c r="N647670" s="10"/>
    </row>
    <row r="647671" spans="14:14">
      <c r="N647671" s="10"/>
    </row>
    <row r="647672" spans="14:14">
      <c r="N647672" s="10"/>
    </row>
    <row r="647673" spans="14:14">
      <c r="N647673" s="10"/>
    </row>
    <row r="647674" spans="14:14">
      <c r="N647674" s="10"/>
    </row>
    <row r="647675" spans="14:14">
      <c r="N647675" s="10"/>
    </row>
    <row r="647676" spans="14:14">
      <c r="N647676" s="10"/>
    </row>
    <row r="647677" spans="14:14">
      <c r="N647677" s="10"/>
    </row>
    <row r="647678" spans="14:14">
      <c r="N647678" s="10"/>
    </row>
    <row r="647679" spans="14:14">
      <c r="N647679" s="10"/>
    </row>
    <row r="647680" spans="14:14">
      <c r="N647680" s="10"/>
    </row>
    <row r="647681" spans="14:14">
      <c r="N647681" s="10"/>
    </row>
    <row r="647682" spans="14:14">
      <c r="N647682" s="10"/>
    </row>
    <row r="647683" spans="14:14">
      <c r="N647683" s="10"/>
    </row>
    <row r="647684" spans="14:14">
      <c r="N647684" s="10"/>
    </row>
    <row r="647685" spans="14:14">
      <c r="N647685" s="10"/>
    </row>
    <row r="647686" spans="14:14">
      <c r="N647686" s="10"/>
    </row>
    <row r="647687" spans="14:14">
      <c r="N647687" s="10"/>
    </row>
    <row r="647688" spans="14:14">
      <c r="N647688" s="10"/>
    </row>
    <row r="647689" spans="14:14">
      <c r="N647689" s="10"/>
    </row>
    <row r="647690" spans="14:14">
      <c r="N647690" s="10"/>
    </row>
    <row r="647691" spans="14:14">
      <c r="N647691" s="10"/>
    </row>
    <row r="647692" spans="14:14">
      <c r="N647692" s="10"/>
    </row>
    <row r="647693" spans="14:14">
      <c r="N647693" s="10"/>
    </row>
    <row r="647694" spans="14:14">
      <c r="N647694" s="10"/>
    </row>
    <row r="647695" spans="14:14">
      <c r="N647695" s="10"/>
    </row>
    <row r="647696" spans="14:14">
      <c r="N647696" s="10"/>
    </row>
    <row r="647697" spans="14:14">
      <c r="N647697" s="10"/>
    </row>
    <row r="647698" spans="14:14">
      <c r="N647698" s="10"/>
    </row>
    <row r="647699" spans="14:14">
      <c r="N647699" s="10"/>
    </row>
    <row r="647700" spans="14:14">
      <c r="N647700" s="10"/>
    </row>
    <row r="647701" spans="14:14">
      <c r="N647701" s="10"/>
    </row>
    <row r="647702" spans="14:14">
      <c r="N647702" s="10"/>
    </row>
    <row r="647703" spans="14:14">
      <c r="N647703" s="10"/>
    </row>
    <row r="647704" spans="14:14">
      <c r="N647704" s="10"/>
    </row>
    <row r="647705" spans="14:14">
      <c r="N647705" s="10"/>
    </row>
    <row r="647706" spans="14:14">
      <c r="N647706" s="10"/>
    </row>
    <row r="647707" spans="14:14">
      <c r="N647707" s="10"/>
    </row>
    <row r="647708" spans="14:14">
      <c r="N647708" s="10"/>
    </row>
    <row r="647709" spans="14:14">
      <c r="N647709" s="10"/>
    </row>
    <row r="647710" spans="14:14">
      <c r="N647710" s="10"/>
    </row>
    <row r="647711" spans="14:14">
      <c r="N647711" s="10"/>
    </row>
    <row r="647712" spans="14:14">
      <c r="N647712" s="10"/>
    </row>
    <row r="647713" spans="14:14">
      <c r="N647713" s="10"/>
    </row>
    <row r="647714" spans="14:14">
      <c r="N647714" s="10"/>
    </row>
    <row r="647715" spans="14:14">
      <c r="N647715" s="10"/>
    </row>
    <row r="647716" spans="14:14">
      <c r="N647716" s="10"/>
    </row>
    <row r="647717" spans="14:14">
      <c r="N647717" s="10"/>
    </row>
    <row r="647718" spans="14:14">
      <c r="N647718" s="10"/>
    </row>
    <row r="647719" spans="14:14">
      <c r="N647719" s="10"/>
    </row>
    <row r="647720" spans="14:14">
      <c r="N647720" s="10"/>
    </row>
    <row r="647721" spans="14:14">
      <c r="N647721" s="10"/>
    </row>
    <row r="647722" spans="14:14">
      <c r="N647722" s="10"/>
    </row>
    <row r="647723" spans="14:14">
      <c r="N647723" s="10"/>
    </row>
    <row r="647724" spans="14:14">
      <c r="N647724" s="10"/>
    </row>
    <row r="647725" spans="14:14">
      <c r="N647725" s="10"/>
    </row>
    <row r="647726" spans="14:14">
      <c r="N647726" s="10"/>
    </row>
    <row r="647727" spans="14:14">
      <c r="N647727" s="10"/>
    </row>
    <row r="647728" spans="14:14">
      <c r="N647728" s="10"/>
    </row>
    <row r="647729" spans="14:14">
      <c r="N647729" s="10"/>
    </row>
    <row r="647730" spans="14:14">
      <c r="N647730" s="10"/>
    </row>
    <row r="647731" spans="14:14">
      <c r="N647731" s="10"/>
    </row>
    <row r="647732" spans="14:14">
      <c r="N647732" s="10"/>
    </row>
    <row r="647733" spans="14:14">
      <c r="N647733" s="10"/>
    </row>
    <row r="647734" spans="14:14">
      <c r="N647734" s="10"/>
    </row>
    <row r="647735" spans="14:14">
      <c r="N647735" s="10"/>
    </row>
    <row r="647736" spans="14:14">
      <c r="N647736" s="10"/>
    </row>
    <row r="647737" spans="14:14">
      <c r="N647737" s="10"/>
    </row>
    <row r="647738" spans="14:14">
      <c r="N647738" s="10"/>
    </row>
    <row r="647739" spans="14:14">
      <c r="N647739" s="10"/>
    </row>
    <row r="647740" spans="14:14">
      <c r="N647740" s="10"/>
    </row>
    <row r="647741" spans="14:14">
      <c r="N647741" s="10"/>
    </row>
    <row r="647742" spans="14:14">
      <c r="N647742" s="10"/>
    </row>
    <row r="647743" spans="14:14">
      <c r="N647743" s="10"/>
    </row>
    <row r="647744" spans="14:14">
      <c r="N647744" s="10"/>
    </row>
    <row r="647745" spans="14:14">
      <c r="N647745" s="10"/>
    </row>
    <row r="647746" spans="14:14">
      <c r="N647746" s="10"/>
    </row>
    <row r="647747" spans="14:14">
      <c r="N647747" s="10"/>
    </row>
    <row r="647748" spans="14:14">
      <c r="N647748" s="10"/>
    </row>
    <row r="647749" spans="14:14">
      <c r="N647749" s="10"/>
    </row>
    <row r="647750" spans="14:14">
      <c r="N647750" s="10"/>
    </row>
    <row r="647751" spans="14:14">
      <c r="N647751" s="10"/>
    </row>
    <row r="647752" spans="14:14">
      <c r="N647752" s="10"/>
    </row>
    <row r="647753" spans="14:14">
      <c r="N647753" s="10"/>
    </row>
    <row r="647754" spans="14:14">
      <c r="N647754" s="10"/>
    </row>
    <row r="647755" spans="14:14">
      <c r="N647755" s="10"/>
    </row>
    <row r="647756" spans="14:14">
      <c r="N647756" s="10"/>
    </row>
    <row r="647757" spans="14:14">
      <c r="N647757" s="10"/>
    </row>
    <row r="647758" spans="14:14">
      <c r="N647758" s="10"/>
    </row>
    <row r="647759" spans="14:14">
      <c r="N647759" s="10"/>
    </row>
    <row r="647760" spans="14:14">
      <c r="N647760" s="10"/>
    </row>
    <row r="647761" spans="14:14">
      <c r="N647761" s="10"/>
    </row>
    <row r="647762" spans="14:14">
      <c r="N647762" s="10"/>
    </row>
    <row r="647763" spans="14:14">
      <c r="N647763" s="10"/>
    </row>
    <row r="647764" spans="14:14">
      <c r="N647764" s="10"/>
    </row>
    <row r="647765" spans="14:14">
      <c r="N647765" s="10"/>
    </row>
    <row r="647766" spans="14:14">
      <c r="N647766" s="10"/>
    </row>
    <row r="647767" spans="14:14">
      <c r="N647767" s="10"/>
    </row>
    <row r="647768" spans="14:14">
      <c r="N647768" s="10"/>
    </row>
    <row r="647769" spans="14:14">
      <c r="N647769" s="10"/>
    </row>
    <row r="647770" spans="14:14">
      <c r="N647770" s="10"/>
    </row>
    <row r="647771" spans="14:14">
      <c r="N647771" s="10"/>
    </row>
    <row r="647772" spans="14:14">
      <c r="N647772" s="10"/>
    </row>
    <row r="647773" spans="14:14">
      <c r="N647773" s="10"/>
    </row>
    <row r="647774" spans="14:14">
      <c r="N647774" s="10"/>
    </row>
    <row r="647775" spans="14:14">
      <c r="N647775" s="10"/>
    </row>
    <row r="647776" spans="14:14">
      <c r="N647776" s="10"/>
    </row>
    <row r="647777" spans="14:14">
      <c r="N647777" s="10"/>
    </row>
    <row r="647778" spans="14:14">
      <c r="N647778" s="10"/>
    </row>
    <row r="647779" spans="14:14">
      <c r="N647779" s="10"/>
    </row>
    <row r="647780" spans="14:14">
      <c r="N647780" s="10"/>
    </row>
    <row r="647781" spans="14:14">
      <c r="N647781" s="10"/>
    </row>
    <row r="647782" spans="14:14">
      <c r="N647782" s="10"/>
    </row>
    <row r="647783" spans="14:14">
      <c r="N647783" s="10"/>
    </row>
    <row r="647784" spans="14:14">
      <c r="N647784" s="10"/>
    </row>
    <row r="647785" spans="14:14">
      <c r="N647785" s="10"/>
    </row>
    <row r="647786" spans="14:14">
      <c r="N647786" s="10"/>
    </row>
    <row r="647787" spans="14:14">
      <c r="N647787" s="10"/>
    </row>
    <row r="647788" spans="14:14">
      <c r="N647788" s="10"/>
    </row>
    <row r="647789" spans="14:14">
      <c r="N647789" s="10"/>
    </row>
    <row r="647790" spans="14:14">
      <c r="N647790" s="10"/>
    </row>
    <row r="647791" spans="14:14">
      <c r="N647791" s="10"/>
    </row>
    <row r="647792" spans="14:14">
      <c r="N647792" s="10"/>
    </row>
    <row r="647793" spans="14:14">
      <c r="N647793" s="10"/>
    </row>
    <row r="647794" spans="14:14">
      <c r="N647794" s="10"/>
    </row>
    <row r="647795" spans="14:14">
      <c r="N647795" s="10"/>
    </row>
    <row r="647796" spans="14:14">
      <c r="N647796" s="10"/>
    </row>
    <row r="647797" spans="14:14">
      <c r="N647797" s="10"/>
    </row>
    <row r="647798" spans="14:14">
      <c r="N647798" s="10"/>
    </row>
    <row r="647799" spans="14:14">
      <c r="N647799" s="10"/>
    </row>
    <row r="647800" spans="14:14">
      <c r="N647800" s="10"/>
    </row>
    <row r="647801" spans="14:14">
      <c r="N647801" s="10"/>
    </row>
    <row r="647802" spans="14:14">
      <c r="N647802" s="10"/>
    </row>
    <row r="647803" spans="14:14">
      <c r="N647803" s="10"/>
    </row>
    <row r="647804" spans="14:14">
      <c r="N647804" s="10"/>
    </row>
    <row r="647805" spans="14:14">
      <c r="N647805" s="10"/>
    </row>
    <row r="647806" spans="14:14">
      <c r="N647806" s="10"/>
    </row>
    <row r="647807" spans="14:14">
      <c r="N647807" s="10"/>
    </row>
    <row r="647808" spans="14:14">
      <c r="N647808" s="10"/>
    </row>
    <row r="647809" spans="14:14">
      <c r="N647809" s="10"/>
    </row>
    <row r="647810" spans="14:14">
      <c r="N647810" s="10"/>
    </row>
    <row r="647811" spans="14:14">
      <c r="N647811" s="10"/>
    </row>
    <row r="647812" spans="14:14">
      <c r="N647812" s="10"/>
    </row>
    <row r="647813" spans="14:14">
      <c r="N647813" s="10"/>
    </row>
    <row r="647814" spans="14:14">
      <c r="N647814" s="10"/>
    </row>
    <row r="647815" spans="14:14">
      <c r="N647815" s="10"/>
    </row>
    <row r="647816" spans="14:14">
      <c r="N647816" s="10"/>
    </row>
    <row r="647817" spans="14:14">
      <c r="N647817" s="10"/>
    </row>
    <row r="647818" spans="14:14">
      <c r="N647818" s="10"/>
    </row>
    <row r="647819" spans="14:14">
      <c r="N647819" s="10"/>
    </row>
    <row r="647820" spans="14:14">
      <c r="N647820" s="10"/>
    </row>
    <row r="647821" spans="14:14">
      <c r="N647821" s="10"/>
    </row>
    <row r="647822" spans="14:14">
      <c r="N647822" s="10"/>
    </row>
    <row r="647823" spans="14:14">
      <c r="N647823" s="10"/>
    </row>
    <row r="647824" spans="14:14">
      <c r="N647824" s="10"/>
    </row>
    <row r="647825" spans="14:14">
      <c r="N647825" s="10"/>
    </row>
    <row r="647826" spans="14:14">
      <c r="N647826" s="10"/>
    </row>
    <row r="647827" spans="14:14">
      <c r="N647827" s="10"/>
    </row>
    <row r="647828" spans="14:14">
      <c r="N647828" s="10"/>
    </row>
    <row r="647829" spans="14:14">
      <c r="N647829" s="10"/>
    </row>
    <row r="647830" spans="14:14">
      <c r="N647830" s="10"/>
    </row>
    <row r="647831" spans="14:14">
      <c r="N647831" s="10"/>
    </row>
    <row r="647832" spans="14:14">
      <c r="N647832" s="10"/>
    </row>
    <row r="647833" spans="14:14">
      <c r="N647833" s="10"/>
    </row>
    <row r="647834" spans="14:14">
      <c r="N647834" s="10"/>
    </row>
    <row r="647835" spans="14:14">
      <c r="N647835" s="10"/>
    </row>
    <row r="647836" spans="14:14">
      <c r="N647836" s="10"/>
    </row>
    <row r="647837" spans="14:14">
      <c r="N647837" s="10"/>
    </row>
    <row r="647838" spans="14:14">
      <c r="N647838" s="10"/>
    </row>
    <row r="647839" spans="14:14">
      <c r="N647839" s="10"/>
    </row>
    <row r="647840" spans="14:14">
      <c r="N647840" s="10"/>
    </row>
    <row r="647841" spans="14:14">
      <c r="N647841" s="10"/>
    </row>
    <row r="647842" spans="14:14">
      <c r="N647842" s="10"/>
    </row>
    <row r="647843" spans="14:14">
      <c r="N647843" s="10"/>
    </row>
    <row r="647844" spans="14:14">
      <c r="N647844" s="10"/>
    </row>
    <row r="647845" spans="14:14">
      <c r="N647845" s="10"/>
    </row>
    <row r="647846" spans="14:14">
      <c r="N647846" s="10"/>
    </row>
    <row r="647847" spans="14:14">
      <c r="N647847" s="10"/>
    </row>
    <row r="647848" spans="14:14">
      <c r="N647848" s="10"/>
    </row>
    <row r="647849" spans="14:14">
      <c r="N647849" s="10"/>
    </row>
    <row r="647850" spans="14:14">
      <c r="N647850" s="10"/>
    </row>
    <row r="647851" spans="14:14">
      <c r="N647851" s="10"/>
    </row>
    <row r="647852" spans="14:14">
      <c r="N647852" s="10"/>
    </row>
    <row r="647853" spans="14:14">
      <c r="N647853" s="10"/>
    </row>
    <row r="647854" spans="14:14">
      <c r="N647854" s="10"/>
    </row>
    <row r="647855" spans="14:14">
      <c r="N647855" s="10"/>
    </row>
    <row r="647856" spans="14:14">
      <c r="N647856" s="10"/>
    </row>
    <row r="647857" spans="14:14">
      <c r="N647857" s="10"/>
    </row>
    <row r="647858" spans="14:14">
      <c r="N647858" s="10"/>
    </row>
    <row r="647859" spans="14:14">
      <c r="N647859" s="10"/>
    </row>
    <row r="647860" spans="14:14">
      <c r="N647860" s="10"/>
    </row>
    <row r="647861" spans="14:14">
      <c r="N647861" s="10"/>
    </row>
    <row r="647862" spans="14:14">
      <c r="N647862" s="10"/>
    </row>
    <row r="647863" spans="14:14">
      <c r="N647863" s="10"/>
    </row>
    <row r="647864" spans="14:14">
      <c r="N647864" s="10"/>
    </row>
    <row r="647865" spans="14:14">
      <c r="N647865" s="10"/>
    </row>
    <row r="647866" spans="14:14">
      <c r="N647866" s="10"/>
    </row>
    <row r="647867" spans="14:14">
      <c r="N647867" s="10"/>
    </row>
    <row r="647868" spans="14:14">
      <c r="N647868" s="10"/>
    </row>
    <row r="647869" spans="14:14">
      <c r="N647869" s="10"/>
    </row>
    <row r="647870" spans="14:14">
      <c r="N647870" s="10"/>
    </row>
    <row r="647871" spans="14:14">
      <c r="N647871" s="10"/>
    </row>
    <row r="647872" spans="14:14">
      <c r="N647872" s="10"/>
    </row>
    <row r="647873" spans="14:14">
      <c r="N647873" s="10"/>
    </row>
    <row r="647874" spans="14:14">
      <c r="N647874" s="10"/>
    </row>
    <row r="647875" spans="14:14">
      <c r="N647875" s="10"/>
    </row>
    <row r="647876" spans="14:14">
      <c r="N647876" s="10"/>
    </row>
    <row r="647877" spans="14:14">
      <c r="N647877" s="10"/>
    </row>
    <row r="647878" spans="14:14">
      <c r="N647878" s="10"/>
    </row>
    <row r="647879" spans="14:14">
      <c r="N647879" s="10"/>
    </row>
    <row r="647880" spans="14:14">
      <c r="N647880" s="10"/>
    </row>
    <row r="647881" spans="14:14">
      <c r="N647881" s="10"/>
    </row>
    <row r="647882" spans="14:14">
      <c r="N647882" s="10"/>
    </row>
    <row r="647883" spans="14:14">
      <c r="N647883" s="10"/>
    </row>
    <row r="647884" spans="14:14">
      <c r="N647884" s="10"/>
    </row>
    <row r="647885" spans="14:14">
      <c r="N647885" s="10"/>
    </row>
    <row r="647886" spans="14:14">
      <c r="N647886" s="10"/>
    </row>
    <row r="647887" spans="14:14">
      <c r="N647887" s="10"/>
    </row>
    <row r="647888" spans="14:14">
      <c r="N647888" s="10"/>
    </row>
    <row r="647889" spans="14:14">
      <c r="N647889" s="10"/>
    </row>
    <row r="647890" spans="14:14">
      <c r="N647890" s="10"/>
    </row>
    <row r="647891" spans="14:14">
      <c r="N647891" s="10"/>
    </row>
    <row r="647892" spans="14:14">
      <c r="N647892" s="10"/>
    </row>
    <row r="647893" spans="14:14">
      <c r="N647893" s="10"/>
    </row>
    <row r="647894" spans="14:14">
      <c r="N647894" s="10"/>
    </row>
    <row r="647895" spans="14:14">
      <c r="N647895" s="10"/>
    </row>
    <row r="647896" spans="14:14">
      <c r="N647896" s="10"/>
    </row>
    <row r="647897" spans="14:14">
      <c r="N647897" s="10"/>
    </row>
    <row r="647898" spans="14:14">
      <c r="N647898" s="10"/>
    </row>
    <row r="647899" spans="14:14">
      <c r="N647899" s="10"/>
    </row>
    <row r="647900" spans="14:14">
      <c r="N647900" s="10"/>
    </row>
    <row r="647901" spans="14:14">
      <c r="N647901" s="10"/>
    </row>
    <row r="647902" spans="14:14">
      <c r="N647902" s="10"/>
    </row>
    <row r="647903" spans="14:14">
      <c r="N647903" s="10"/>
    </row>
    <row r="647904" spans="14:14">
      <c r="N647904" s="10"/>
    </row>
    <row r="647905" spans="14:14">
      <c r="N647905" s="10"/>
    </row>
    <row r="647906" spans="14:14">
      <c r="N647906" s="10"/>
    </row>
    <row r="647907" spans="14:14">
      <c r="N647907" s="10"/>
    </row>
    <row r="647908" spans="14:14">
      <c r="N647908" s="10"/>
    </row>
    <row r="647909" spans="14:14">
      <c r="N647909" s="10"/>
    </row>
    <row r="647910" spans="14:14">
      <c r="N647910" s="10"/>
    </row>
    <row r="647911" spans="14:14">
      <c r="N647911" s="10"/>
    </row>
    <row r="647912" spans="14:14">
      <c r="N647912" s="10"/>
    </row>
    <row r="647913" spans="14:14">
      <c r="N647913" s="10"/>
    </row>
    <row r="647914" spans="14:14">
      <c r="N647914" s="10"/>
    </row>
    <row r="647915" spans="14:14">
      <c r="N647915" s="10"/>
    </row>
    <row r="647916" spans="14:14">
      <c r="N647916" s="10"/>
    </row>
    <row r="647917" spans="14:14">
      <c r="N647917" s="10"/>
    </row>
    <row r="647918" spans="14:14">
      <c r="N647918" s="10"/>
    </row>
    <row r="647919" spans="14:14">
      <c r="N647919" s="10"/>
    </row>
    <row r="647920" spans="14:14">
      <c r="N647920" s="10"/>
    </row>
    <row r="647921" spans="14:14">
      <c r="N647921" s="10"/>
    </row>
    <row r="647922" spans="14:14">
      <c r="N647922" s="10"/>
    </row>
    <row r="647923" spans="14:14">
      <c r="N647923" s="10"/>
    </row>
    <row r="647924" spans="14:14">
      <c r="N647924" s="10"/>
    </row>
    <row r="647925" spans="14:14">
      <c r="N647925" s="10"/>
    </row>
    <row r="647926" spans="14:14">
      <c r="N647926" s="10"/>
    </row>
    <row r="647927" spans="14:14">
      <c r="N647927" s="10"/>
    </row>
    <row r="647928" spans="14:14">
      <c r="N647928" s="10"/>
    </row>
    <row r="647929" spans="14:14">
      <c r="N647929" s="10"/>
    </row>
    <row r="647930" spans="14:14">
      <c r="N647930" s="10"/>
    </row>
    <row r="647931" spans="14:14">
      <c r="N647931" s="10"/>
    </row>
    <row r="647932" spans="14:14">
      <c r="N647932" s="10"/>
    </row>
    <row r="647933" spans="14:14">
      <c r="N647933" s="10"/>
    </row>
    <row r="647934" spans="14:14">
      <c r="N647934" s="10"/>
    </row>
    <row r="647935" spans="14:14">
      <c r="N647935" s="10"/>
    </row>
    <row r="647936" spans="14:14">
      <c r="N647936" s="10"/>
    </row>
    <row r="647937" spans="14:14">
      <c r="N647937" s="10"/>
    </row>
    <row r="647938" spans="14:14">
      <c r="N647938" s="10"/>
    </row>
    <row r="647939" spans="14:14">
      <c r="N647939" s="10"/>
    </row>
    <row r="647940" spans="14:14">
      <c r="N647940" s="10"/>
    </row>
    <row r="647941" spans="14:14">
      <c r="N647941" s="10"/>
    </row>
    <row r="647942" spans="14:14">
      <c r="N647942" s="10"/>
    </row>
    <row r="647943" spans="14:14">
      <c r="N647943" s="10"/>
    </row>
    <row r="647944" spans="14:14">
      <c r="N647944" s="10"/>
    </row>
    <row r="647945" spans="14:14">
      <c r="N647945" s="10"/>
    </row>
    <row r="647946" spans="14:14">
      <c r="N647946" s="10"/>
    </row>
    <row r="647947" spans="14:14">
      <c r="N647947" s="10"/>
    </row>
    <row r="647948" spans="14:14">
      <c r="N647948" s="10"/>
    </row>
    <row r="647949" spans="14:14">
      <c r="N647949" s="10"/>
    </row>
    <row r="647950" spans="14:14">
      <c r="N647950" s="10"/>
    </row>
    <row r="647951" spans="14:14">
      <c r="N647951" s="10"/>
    </row>
    <row r="647952" spans="14:14">
      <c r="N647952" s="10"/>
    </row>
    <row r="647953" spans="14:14">
      <c r="N647953" s="10"/>
    </row>
    <row r="647954" spans="14:14">
      <c r="N647954" s="10"/>
    </row>
    <row r="647955" spans="14:14">
      <c r="N647955" s="10"/>
    </row>
    <row r="647956" spans="14:14">
      <c r="N647956" s="10"/>
    </row>
    <row r="647957" spans="14:14">
      <c r="N647957" s="10"/>
    </row>
    <row r="647958" spans="14:14">
      <c r="N647958" s="10"/>
    </row>
    <row r="647959" spans="14:14">
      <c r="N647959" s="10"/>
    </row>
    <row r="647960" spans="14:14">
      <c r="N647960" s="10"/>
    </row>
    <row r="647961" spans="14:14">
      <c r="N647961" s="10"/>
    </row>
    <row r="647962" spans="14:14">
      <c r="N647962" s="10"/>
    </row>
    <row r="647963" spans="14:14">
      <c r="N647963" s="10"/>
    </row>
    <row r="647964" spans="14:14">
      <c r="N647964" s="10"/>
    </row>
    <row r="647965" spans="14:14">
      <c r="N647965" s="10"/>
    </row>
    <row r="647966" spans="14:14">
      <c r="N647966" s="10"/>
    </row>
    <row r="647967" spans="14:14">
      <c r="N647967" s="10"/>
    </row>
    <row r="647968" spans="14:14">
      <c r="N647968" s="10"/>
    </row>
    <row r="647969" spans="14:14">
      <c r="N647969" s="10"/>
    </row>
    <row r="647970" spans="14:14">
      <c r="N647970" s="10"/>
    </row>
    <row r="647971" spans="14:14">
      <c r="N647971" s="10"/>
    </row>
    <row r="647972" spans="14:14">
      <c r="N647972" s="10"/>
    </row>
    <row r="647973" spans="14:14">
      <c r="N647973" s="10"/>
    </row>
    <row r="647974" spans="14:14">
      <c r="N647974" s="10"/>
    </row>
    <row r="647975" spans="14:14">
      <c r="N647975" s="10"/>
    </row>
    <row r="647976" spans="14:14">
      <c r="N647976" s="10"/>
    </row>
    <row r="647977" spans="14:14">
      <c r="N647977" s="10"/>
    </row>
    <row r="647978" spans="14:14">
      <c r="N647978" s="10"/>
    </row>
    <row r="647979" spans="14:14">
      <c r="N647979" s="10"/>
    </row>
    <row r="647980" spans="14:14">
      <c r="N647980" s="10"/>
    </row>
    <row r="647981" spans="14:14">
      <c r="N647981" s="10"/>
    </row>
    <row r="647982" spans="14:14">
      <c r="N647982" s="10"/>
    </row>
    <row r="647983" spans="14:14">
      <c r="N647983" s="10"/>
    </row>
    <row r="647984" spans="14:14">
      <c r="N647984" s="10"/>
    </row>
    <row r="647985" spans="14:14">
      <c r="N647985" s="10"/>
    </row>
    <row r="647986" spans="14:14">
      <c r="N647986" s="10"/>
    </row>
    <row r="647987" spans="14:14">
      <c r="N647987" s="10"/>
    </row>
    <row r="647988" spans="14:14">
      <c r="N647988" s="10"/>
    </row>
    <row r="647989" spans="14:14">
      <c r="N647989" s="10"/>
    </row>
    <row r="647990" spans="14:14">
      <c r="N647990" s="10"/>
    </row>
    <row r="647991" spans="14:14">
      <c r="N647991" s="10"/>
    </row>
    <row r="647992" spans="14:14">
      <c r="N647992" s="10"/>
    </row>
    <row r="647993" spans="14:14">
      <c r="N647993" s="10"/>
    </row>
    <row r="647994" spans="14:14">
      <c r="N647994" s="10"/>
    </row>
    <row r="647995" spans="14:14">
      <c r="N647995" s="10"/>
    </row>
    <row r="647996" spans="14:14">
      <c r="N647996" s="10"/>
    </row>
    <row r="647997" spans="14:14">
      <c r="N647997" s="10"/>
    </row>
    <row r="647998" spans="14:14">
      <c r="N647998" s="10"/>
    </row>
    <row r="647999" spans="14:14">
      <c r="N647999" s="10"/>
    </row>
    <row r="648000" spans="14:14">
      <c r="N648000" s="10"/>
    </row>
    <row r="648001" spans="14:14">
      <c r="N648001" s="10"/>
    </row>
    <row r="648002" spans="14:14">
      <c r="N648002" s="10"/>
    </row>
    <row r="648003" spans="14:14">
      <c r="N648003" s="10"/>
    </row>
    <row r="648004" spans="14:14">
      <c r="N648004" s="10"/>
    </row>
    <row r="648005" spans="14:14">
      <c r="N648005" s="10"/>
    </row>
    <row r="648006" spans="14:14">
      <c r="N648006" s="10"/>
    </row>
    <row r="648007" spans="14:14">
      <c r="N648007" s="10"/>
    </row>
    <row r="648008" spans="14:14">
      <c r="N648008" s="10"/>
    </row>
    <row r="648009" spans="14:14">
      <c r="N648009" s="10"/>
    </row>
    <row r="648010" spans="14:14">
      <c r="N648010" s="10"/>
    </row>
    <row r="648011" spans="14:14">
      <c r="N648011" s="10"/>
    </row>
    <row r="648012" spans="14:14">
      <c r="N648012" s="10"/>
    </row>
    <row r="648013" spans="14:14">
      <c r="N648013" s="10"/>
    </row>
    <row r="648014" spans="14:14">
      <c r="N648014" s="10"/>
    </row>
    <row r="648015" spans="14:14">
      <c r="N648015" s="10"/>
    </row>
    <row r="648016" spans="14:14">
      <c r="N648016" s="10"/>
    </row>
    <row r="648017" spans="14:14">
      <c r="N648017" s="10"/>
    </row>
    <row r="648018" spans="14:14">
      <c r="N648018" s="10"/>
    </row>
    <row r="648019" spans="14:14">
      <c r="N648019" s="10"/>
    </row>
    <row r="648020" spans="14:14">
      <c r="N648020" s="10"/>
    </row>
    <row r="648021" spans="14:14">
      <c r="N648021" s="10"/>
    </row>
    <row r="648022" spans="14:14">
      <c r="N648022" s="10"/>
    </row>
    <row r="648023" spans="14:14">
      <c r="N648023" s="10"/>
    </row>
    <row r="648024" spans="14:14">
      <c r="N648024" s="10"/>
    </row>
    <row r="648025" spans="14:14">
      <c r="N648025" s="10"/>
    </row>
    <row r="648026" spans="14:14">
      <c r="N648026" s="10"/>
    </row>
    <row r="648027" spans="14:14">
      <c r="N648027" s="10"/>
    </row>
    <row r="648028" spans="14:14">
      <c r="N648028" s="10"/>
    </row>
    <row r="648029" spans="14:14">
      <c r="N648029" s="10"/>
    </row>
    <row r="648030" spans="14:14">
      <c r="N648030" s="10"/>
    </row>
    <row r="648031" spans="14:14">
      <c r="N648031" s="10"/>
    </row>
    <row r="648032" spans="14:14">
      <c r="N648032" s="10"/>
    </row>
    <row r="648033" spans="14:14">
      <c r="N648033" s="10"/>
    </row>
    <row r="648034" spans="14:14">
      <c r="N648034" s="10"/>
    </row>
    <row r="648035" spans="14:14">
      <c r="N648035" s="10"/>
    </row>
    <row r="648036" spans="14:14">
      <c r="N648036" s="10"/>
    </row>
    <row r="648037" spans="14:14">
      <c r="N648037" s="10"/>
    </row>
    <row r="648038" spans="14:14">
      <c r="N648038" s="10"/>
    </row>
    <row r="648039" spans="14:14">
      <c r="N648039" s="10"/>
    </row>
    <row r="648040" spans="14:14">
      <c r="N648040" s="10"/>
    </row>
    <row r="648041" spans="14:14">
      <c r="N648041" s="10"/>
    </row>
    <row r="648042" spans="14:14">
      <c r="N648042" s="10"/>
    </row>
    <row r="648043" spans="14:14">
      <c r="N648043" s="10"/>
    </row>
    <row r="648044" spans="14:14">
      <c r="N648044" s="10"/>
    </row>
    <row r="648045" spans="14:14">
      <c r="N648045" s="10"/>
    </row>
    <row r="648046" spans="14:14">
      <c r="N648046" s="10"/>
    </row>
    <row r="648047" spans="14:14">
      <c r="N648047" s="10"/>
    </row>
    <row r="648048" spans="14:14">
      <c r="N648048" s="10"/>
    </row>
    <row r="648049" spans="14:14">
      <c r="N648049" s="10"/>
    </row>
    <row r="648050" spans="14:14">
      <c r="N648050" s="10"/>
    </row>
    <row r="648051" spans="14:14">
      <c r="N648051" s="10"/>
    </row>
    <row r="648052" spans="14:14">
      <c r="N648052" s="10"/>
    </row>
    <row r="648053" spans="14:14">
      <c r="N648053" s="10"/>
    </row>
    <row r="648054" spans="14:14">
      <c r="N648054" s="10"/>
    </row>
    <row r="648055" spans="14:14">
      <c r="N648055" s="10"/>
    </row>
    <row r="648056" spans="14:14">
      <c r="N648056" s="10"/>
    </row>
    <row r="648057" spans="14:14">
      <c r="N648057" s="10"/>
    </row>
    <row r="648058" spans="14:14">
      <c r="N648058" s="10"/>
    </row>
    <row r="648059" spans="14:14">
      <c r="N648059" s="10"/>
    </row>
    <row r="648060" spans="14:14">
      <c r="N648060" s="10"/>
    </row>
    <row r="648061" spans="14:14">
      <c r="N648061" s="10"/>
    </row>
    <row r="648062" spans="14:14">
      <c r="N648062" s="10"/>
    </row>
    <row r="648063" spans="14:14">
      <c r="N648063" s="10"/>
    </row>
    <row r="648064" spans="14:14">
      <c r="N648064" s="10"/>
    </row>
    <row r="648065" spans="14:14">
      <c r="N648065" s="10"/>
    </row>
    <row r="648066" spans="14:14">
      <c r="N648066" s="10"/>
    </row>
    <row r="648067" spans="14:14">
      <c r="N648067" s="10"/>
    </row>
    <row r="648068" spans="14:14">
      <c r="N648068" s="10"/>
    </row>
    <row r="648069" spans="14:14">
      <c r="N648069" s="10"/>
    </row>
    <row r="648070" spans="14:14">
      <c r="N648070" s="10"/>
    </row>
    <row r="648071" spans="14:14">
      <c r="N648071" s="10"/>
    </row>
    <row r="648072" spans="14:14">
      <c r="N648072" s="10"/>
    </row>
    <row r="648073" spans="14:14">
      <c r="N648073" s="10"/>
    </row>
    <row r="648074" spans="14:14">
      <c r="N648074" s="10"/>
    </row>
    <row r="648075" spans="14:14">
      <c r="N648075" s="10"/>
    </row>
    <row r="648076" spans="14:14">
      <c r="N648076" s="10"/>
    </row>
    <row r="648077" spans="14:14">
      <c r="N648077" s="10"/>
    </row>
    <row r="648078" spans="14:14">
      <c r="N648078" s="10"/>
    </row>
    <row r="648079" spans="14:14">
      <c r="N648079" s="10"/>
    </row>
    <row r="648080" spans="14:14">
      <c r="N648080" s="10"/>
    </row>
    <row r="648081" spans="14:14">
      <c r="N648081" s="10"/>
    </row>
    <row r="648082" spans="14:14">
      <c r="N648082" s="10"/>
    </row>
    <row r="648083" spans="14:14">
      <c r="N648083" s="10"/>
    </row>
    <row r="648084" spans="14:14">
      <c r="N648084" s="10"/>
    </row>
    <row r="648085" spans="14:14">
      <c r="N648085" s="10"/>
    </row>
    <row r="648086" spans="14:14">
      <c r="N648086" s="10"/>
    </row>
    <row r="648087" spans="14:14">
      <c r="N648087" s="10"/>
    </row>
    <row r="648088" spans="14:14">
      <c r="N648088" s="10"/>
    </row>
    <row r="648089" spans="14:14">
      <c r="N648089" s="10"/>
    </row>
    <row r="648090" spans="14:14">
      <c r="N648090" s="10"/>
    </row>
    <row r="648091" spans="14:14">
      <c r="N648091" s="10"/>
    </row>
    <row r="648092" spans="14:14">
      <c r="N648092" s="10"/>
    </row>
    <row r="648093" spans="14:14">
      <c r="N648093" s="10"/>
    </row>
    <row r="648094" spans="14:14">
      <c r="N648094" s="10"/>
    </row>
    <row r="648095" spans="14:14">
      <c r="N648095" s="10"/>
    </row>
    <row r="648096" spans="14:14">
      <c r="N648096" s="10"/>
    </row>
    <row r="648097" spans="14:14">
      <c r="N648097" s="10"/>
    </row>
    <row r="648098" spans="14:14">
      <c r="N648098" s="10"/>
    </row>
    <row r="648099" spans="14:14">
      <c r="N648099" s="10"/>
    </row>
    <row r="648100" spans="14:14">
      <c r="N648100" s="10"/>
    </row>
    <row r="648101" spans="14:14">
      <c r="N648101" s="10"/>
    </row>
    <row r="648102" spans="14:14">
      <c r="N648102" s="10"/>
    </row>
    <row r="648103" spans="14:14">
      <c r="N648103" s="10"/>
    </row>
    <row r="648104" spans="14:14">
      <c r="N648104" s="10"/>
    </row>
    <row r="648105" spans="14:14">
      <c r="N648105" s="10"/>
    </row>
    <row r="648106" spans="14:14">
      <c r="N648106" s="10"/>
    </row>
    <row r="648107" spans="14:14">
      <c r="N648107" s="10"/>
    </row>
    <row r="648108" spans="14:14">
      <c r="N648108" s="10"/>
    </row>
    <row r="648109" spans="14:14">
      <c r="N648109" s="10"/>
    </row>
    <row r="648110" spans="14:14">
      <c r="N648110" s="10"/>
    </row>
    <row r="648111" spans="14:14">
      <c r="N648111" s="10"/>
    </row>
    <row r="648112" spans="14:14">
      <c r="N648112" s="10"/>
    </row>
    <row r="648113" spans="14:14">
      <c r="N648113" s="10"/>
    </row>
    <row r="648114" spans="14:14">
      <c r="N648114" s="10"/>
    </row>
    <row r="648115" spans="14:14">
      <c r="N648115" s="10"/>
    </row>
    <row r="648116" spans="14:14">
      <c r="N648116" s="10"/>
    </row>
    <row r="648117" spans="14:14">
      <c r="N648117" s="10"/>
    </row>
    <row r="648118" spans="14:14">
      <c r="N648118" s="10"/>
    </row>
    <row r="648119" spans="14:14">
      <c r="N648119" s="10"/>
    </row>
    <row r="648120" spans="14:14">
      <c r="N648120" s="10"/>
    </row>
    <row r="648121" spans="14:14">
      <c r="N648121" s="10"/>
    </row>
    <row r="648122" spans="14:14">
      <c r="N648122" s="10"/>
    </row>
    <row r="648123" spans="14:14">
      <c r="N648123" s="10"/>
    </row>
    <row r="648124" spans="14:14">
      <c r="N648124" s="10"/>
    </row>
    <row r="648125" spans="14:14">
      <c r="N648125" s="10"/>
    </row>
    <row r="648126" spans="14:14">
      <c r="N648126" s="10"/>
    </row>
    <row r="648127" spans="14:14">
      <c r="N648127" s="10"/>
    </row>
    <row r="648128" spans="14:14">
      <c r="N648128" s="10"/>
    </row>
    <row r="648129" spans="14:14">
      <c r="N648129" s="10"/>
    </row>
    <row r="648130" spans="14:14">
      <c r="N648130" s="10"/>
    </row>
    <row r="648131" spans="14:14">
      <c r="N648131" s="10"/>
    </row>
    <row r="648132" spans="14:14">
      <c r="N648132" s="10"/>
    </row>
    <row r="648133" spans="14:14">
      <c r="N648133" s="10"/>
    </row>
    <row r="648134" spans="14:14">
      <c r="N648134" s="10"/>
    </row>
    <row r="648135" spans="14:14">
      <c r="N648135" s="10"/>
    </row>
    <row r="648136" spans="14:14">
      <c r="N648136" s="10"/>
    </row>
    <row r="648137" spans="14:14">
      <c r="N648137" s="10"/>
    </row>
    <row r="648138" spans="14:14">
      <c r="N648138" s="10"/>
    </row>
    <row r="648139" spans="14:14">
      <c r="N648139" s="10"/>
    </row>
    <row r="648140" spans="14:14">
      <c r="N648140" s="10"/>
    </row>
    <row r="648141" spans="14:14">
      <c r="N648141" s="10"/>
    </row>
    <row r="648142" spans="14:14">
      <c r="N648142" s="10"/>
    </row>
    <row r="648143" spans="14:14">
      <c r="N648143" s="10"/>
    </row>
    <row r="648144" spans="14:14">
      <c r="N648144" s="10"/>
    </row>
    <row r="648145" spans="14:14">
      <c r="N648145" s="10"/>
    </row>
    <row r="648146" spans="14:14">
      <c r="N648146" s="10"/>
    </row>
    <row r="648147" spans="14:14">
      <c r="N648147" s="10"/>
    </row>
    <row r="648148" spans="14:14">
      <c r="N648148" s="10"/>
    </row>
    <row r="648149" spans="14:14">
      <c r="N648149" s="10"/>
    </row>
    <row r="648150" spans="14:14">
      <c r="N648150" s="10"/>
    </row>
    <row r="648151" spans="14:14">
      <c r="N648151" s="10"/>
    </row>
    <row r="648152" spans="14:14">
      <c r="N648152" s="10"/>
    </row>
    <row r="648153" spans="14:14">
      <c r="N648153" s="10"/>
    </row>
    <row r="648154" spans="14:14">
      <c r="N648154" s="10"/>
    </row>
    <row r="648155" spans="14:14">
      <c r="N648155" s="10"/>
    </row>
    <row r="648156" spans="14:14">
      <c r="N648156" s="10"/>
    </row>
    <row r="648157" spans="14:14">
      <c r="N648157" s="10"/>
    </row>
    <row r="648158" spans="14:14">
      <c r="N648158" s="10"/>
    </row>
    <row r="648159" spans="14:14">
      <c r="N648159" s="10"/>
    </row>
    <row r="648160" spans="14:14">
      <c r="N648160" s="10"/>
    </row>
    <row r="648161" spans="14:14">
      <c r="N648161" s="10"/>
    </row>
    <row r="648162" spans="14:14">
      <c r="N648162" s="10"/>
    </row>
    <row r="648163" spans="14:14">
      <c r="N648163" s="10"/>
    </row>
    <row r="648164" spans="14:14">
      <c r="N648164" s="10"/>
    </row>
    <row r="648165" spans="14:14">
      <c r="N648165" s="10"/>
    </row>
    <row r="648166" spans="14:14">
      <c r="N648166" s="10"/>
    </row>
    <row r="648167" spans="14:14">
      <c r="N648167" s="10"/>
    </row>
    <row r="648168" spans="14:14">
      <c r="N648168" s="10"/>
    </row>
    <row r="648169" spans="14:14">
      <c r="N648169" s="10"/>
    </row>
    <row r="648170" spans="14:14">
      <c r="N648170" s="10"/>
    </row>
    <row r="648171" spans="14:14">
      <c r="N648171" s="10"/>
    </row>
    <row r="648172" spans="14:14">
      <c r="N648172" s="10"/>
    </row>
    <row r="648173" spans="14:14">
      <c r="N648173" s="10"/>
    </row>
    <row r="648174" spans="14:14">
      <c r="N648174" s="10"/>
    </row>
    <row r="648175" spans="14:14">
      <c r="N648175" s="10"/>
    </row>
    <row r="648176" spans="14:14">
      <c r="N648176" s="10"/>
    </row>
    <row r="648177" spans="14:14">
      <c r="N648177" s="10"/>
    </row>
    <row r="648178" spans="14:14">
      <c r="N648178" s="10"/>
    </row>
    <row r="648179" spans="14:14">
      <c r="N648179" s="10"/>
    </row>
    <row r="648180" spans="14:14">
      <c r="N648180" s="10"/>
    </row>
    <row r="648181" spans="14:14">
      <c r="N648181" s="10"/>
    </row>
    <row r="648182" spans="14:14">
      <c r="N648182" s="10"/>
    </row>
    <row r="648183" spans="14:14">
      <c r="N648183" s="10"/>
    </row>
    <row r="648184" spans="14:14">
      <c r="N648184" s="10"/>
    </row>
    <row r="648185" spans="14:14">
      <c r="N648185" s="10"/>
    </row>
    <row r="648186" spans="14:14">
      <c r="N648186" s="10"/>
    </row>
    <row r="648187" spans="14:14">
      <c r="N648187" s="10"/>
    </row>
    <row r="648188" spans="14:14">
      <c r="N648188" s="10"/>
    </row>
    <row r="648189" spans="14:14">
      <c r="N648189" s="10"/>
    </row>
    <row r="648190" spans="14:14">
      <c r="N648190" s="10"/>
    </row>
    <row r="648191" spans="14:14">
      <c r="N648191" s="10"/>
    </row>
    <row r="648192" spans="14:14">
      <c r="N648192" s="10"/>
    </row>
    <row r="648193" spans="14:14">
      <c r="N648193" s="10"/>
    </row>
    <row r="648194" spans="14:14">
      <c r="N648194" s="10"/>
    </row>
    <row r="648195" spans="14:14">
      <c r="N648195" s="10"/>
    </row>
    <row r="648196" spans="14:14">
      <c r="N648196" s="10"/>
    </row>
    <row r="648197" spans="14:14">
      <c r="N648197" s="10"/>
    </row>
    <row r="648198" spans="14:14">
      <c r="N648198" s="10"/>
    </row>
    <row r="648199" spans="14:14">
      <c r="N648199" s="10"/>
    </row>
    <row r="648200" spans="14:14">
      <c r="N648200" s="10"/>
    </row>
    <row r="648201" spans="14:14">
      <c r="N648201" s="10"/>
    </row>
    <row r="648202" spans="14:14">
      <c r="N648202" s="10"/>
    </row>
    <row r="648203" spans="14:14">
      <c r="N648203" s="10"/>
    </row>
    <row r="648204" spans="14:14">
      <c r="N648204" s="10"/>
    </row>
    <row r="648205" spans="14:14">
      <c r="N648205" s="10"/>
    </row>
    <row r="648206" spans="14:14">
      <c r="N648206" s="10"/>
    </row>
    <row r="648207" spans="14:14">
      <c r="N648207" s="10"/>
    </row>
    <row r="648208" spans="14:14">
      <c r="N648208" s="10"/>
    </row>
    <row r="648209" spans="14:14">
      <c r="N648209" s="10"/>
    </row>
    <row r="648210" spans="14:14">
      <c r="N648210" s="10"/>
    </row>
    <row r="648211" spans="14:14">
      <c r="N648211" s="10"/>
    </row>
    <row r="648212" spans="14:14">
      <c r="N648212" s="10"/>
    </row>
    <row r="648213" spans="14:14">
      <c r="N648213" s="10"/>
    </row>
    <row r="648214" spans="14:14">
      <c r="N648214" s="10"/>
    </row>
    <row r="648215" spans="14:14">
      <c r="N648215" s="10"/>
    </row>
    <row r="648216" spans="14:14">
      <c r="N648216" s="10"/>
    </row>
    <row r="648217" spans="14:14">
      <c r="N648217" s="10"/>
    </row>
    <row r="648218" spans="14:14">
      <c r="N648218" s="10"/>
    </row>
    <row r="648219" spans="14:14">
      <c r="N648219" s="10"/>
    </row>
    <row r="648220" spans="14:14">
      <c r="N648220" s="10"/>
    </row>
    <row r="648221" spans="14:14">
      <c r="N648221" s="10"/>
    </row>
    <row r="648222" spans="14:14">
      <c r="N648222" s="10"/>
    </row>
    <row r="648223" spans="14:14">
      <c r="N648223" s="10"/>
    </row>
    <row r="648224" spans="14:14">
      <c r="N648224" s="10"/>
    </row>
    <row r="648225" spans="14:14">
      <c r="N648225" s="10"/>
    </row>
    <row r="648226" spans="14:14">
      <c r="N648226" s="10"/>
    </row>
    <row r="648227" spans="14:14">
      <c r="N648227" s="10"/>
    </row>
    <row r="648228" spans="14:14">
      <c r="N648228" s="10"/>
    </row>
    <row r="648229" spans="14:14">
      <c r="N648229" s="10"/>
    </row>
    <row r="648230" spans="14:14">
      <c r="N648230" s="10"/>
    </row>
    <row r="648231" spans="14:14">
      <c r="N648231" s="10"/>
    </row>
    <row r="648232" spans="14:14">
      <c r="N648232" s="10"/>
    </row>
    <row r="648233" spans="14:14">
      <c r="N648233" s="10"/>
    </row>
    <row r="648234" spans="14:14">
      <c r="N648234" s="10"/>
    </row>
    <row r="648235" spans="14:14">
      <c r="N648235" s="10"/>
    </row>
    <row r="648236" spans="14:14">
      <c r="N648236" s="10"/>
    </row>
    <row r="648237" spans="14:14">
      <c r="N648237" s="10"/>
    </row>
    <row r="648238" spans="14:14">
      <c r="N648238" s="10"/>
    </row>
    <row r="648239" spans="14:14">
      <c r="N648239" s="10"/>
    </row>
    <row r="648240" spans="14:14">
      <c r="N648240" s="10"/>
    </row>
    <row r="648241" spans="14:14">
      <c r="N648241" s="10"/>
    </row>
    <row r="648242" spans="14:14">
      <c r="N648242" s="10"/>
    </row>
    <row r="648243" spans="14:14">
      <c r="N648243" s="10"/>
    </row>
    <row r="648244" spans="14:14">
      <c r="N648244" s="10"/>
    </row>
    <row r="648245" spans="14:14">
      <c r="N648245" s="10"/>
    </row>
    <row r="648246" spans="14:14">
      <c r="N648246" s="10"/>
    </row>
    <row r="648247" spans="14:14">
      <c r="N648247" s="10"/>
    </row>
    <row r="648248" spans="14:14">
      <c r="N648248" s="10"/>
    </row>
    <row r="648249" spans="14:14">
      <c r="N648249" s="10"/>
    </row>
    <row r="648250" spans="14:14">
      <c r="N648250" s="10"/>
    </row>
    <row r="648251" spans="14:14">
      <c r="N648251" s="10"/>
    </row>
    <row r="648252" spans="14:14">
      <c r="N648252" s="10"/>
    </row>
    <row r="648253" spans="14:14">
      <c r="N648253" s="10"/>
    </row>
    <row r="648254" spans="14:14">
      <c r="N648254" s="10"/>
    </row>
    <row r="648255" spans="14:14">
      <c r="N648255" s="10"/>
    </row>
    <row r="648256" spans="14:14">
      <c r="N648256" s="10"/>
    </row>
    <row r="648257" spans="14:14">
      <c r="N648257" s="10"/>
    </row>
    <row r="648258" spans="14:14">
      <c r="N648258" s="10"/>
    </row>
    <row r="648259" spans="14:14">
      <c r="N648259" s="10"/>
    </row>
    <row r="648260" spans="14:14">
      <c r="N648260" s="10"/>
    </row>
    <row r="648261" spans="14:14">
      <c r="N648261" s="10"/>
    </row>
    <row r="648262" spans="14:14">
      <c r="N648262" s="10"/>
    </row>
    <row r="648263" spans="14:14">
      <c r="N648263" s="10"/>
    </row>
    <row r="648264" spans="14:14">
      <c r="N648264" s="10"/>
    </row>
    <row r="648265" spans="14:14">
      <c r="N648265" s="10"/>
    </row>
    <row r="648266" spans="14:14">
      <c r="N648266" s="10"/>
    </row>
    <row r="648267" spans="14:14">
      <c r="N648267" s="10"/>
    </row>
    <row r="648268" spans="14:14">
      <c r="N648268" s="10"/>
    </row>
    <row r="648269" spans="14:14">
      <c r="N648269" s="10"/>
    </row>
    <row r="648270" spans="14:14">
      <c r="N648270" s="10"/>
    </row>
    <row r="648271" spans="14:14">
      <c r="N648271" s="10"/>
    </row>
    <row r="648272" spans="14:14">
      <c r="N648272" s="10"/>
    </row>
    <row r="648273" spans="14:14">
      <c r="N648273" s="10"/>
    </row>
    <row r="648274" spans="14:14">
      <c r="N648274" s="10"/>
    </row>
    <row r="648275" spans="14:14">
      <c r="N648275" s="10"/>
    </row>
    <row r="648276" spans="14:14">
      <c r="N648276" s="10"/>
    </row>
    <row r="648277" spans="14:14">
      <c r="N648277" s="10"/>
    </row>
    <row r="648278" spans="14:14">
      <c r="N648278" s="10"/>
    </row>
    <row r="648279" spans="14:14">
      <c r="N648279" s="10"/>
    </row>
    <row r="648280" spans="14:14">
      <c r="N648280" s="10"/>
    </row>
    <row r="648281" spans="14:14">
      <c r="N648281" s="10"/>
    </row>
    <row r="648282" spans="14:14">
      <c r="N648282" s="10"/>
    </row>
    <row r="648283" spans="14:14">
      <c r="N648283" s="10"/>
    </row>
    <row r="648284" spans="14:14">
      <c r="N648284" s="10"/>
    </row>
    <row r="648285" spans="14:14">
      <c r="N648285" s="10"/>
    </row>
    <row r="648286" spans="14:14">
      <c r="N648286" s="10"/>
    </row>
    <row r="648287" spans="14:14">
      <c r="N648287" s="10"/>
    </row>
    <row r="648288" spans="14:14">
      <c r="N648288" s="10"/>
    </row>
    <row r="648289" spans="14:14">
      <c r="N648289" s="10"/>
    </row>
    <row r="648290" spans="14:14">
      <c r="N648290" s="10"/>
    </row>
    <row r="648291" spans="14:14">
      <c r="N648291" s="10"/>
    </row>
    <row r="648292" spans="14:14">
      <c r="N648292" s="10"/>
    </row>
    <row r="648293" spans="14:14">
      <c r="N648293" s="10"/>
    </row>
    <row r="648294" spans="14:14">
      <c r="N648294" s="10"/>
    </row>
    <row r="648295" spans="14:14">
      <c r="N648295" s="10"/>
    </row>
    <row r="648296" spans="14:14">
      <c r="N648296" s="10"/>
    </row>
    <row r="648297" spans="14:14">
      <c r="N648297" s="10"/>
    </row>
    <row r="648298" spans="14:14">
      <c r="N648298" s="10"/>
    </row>
    <row r="648299" spans="14:14">
      <c r="N648299" s="10"/>
    </row>
    <row r="648300" spans="14:14">
      <c r="N648300" s="10"/>
    </row>
    <row r="648301" spans="14:14">
      <c r="N648301" s="10"/>
    </row>
    <row r="648302" spans="14:14">
      <c r="N648302" s="10"/>
    </row>
    <row r="648303" spans="14:14">
      <c r="N648303" s="10"/>
    </row>
    <row r="648304" spans="14:14">
      <c r="N648304" s="10"/>
    </row>
    <row r="648305" spans="14:14">
      <c r="N648305" s="10"/>
    </row>
    <row r="648306" spans="14:14">
      <c r="N648306" s="10"/>
    </row>
    <row r="648307" spans="14:14">
      <c r="N648307" s="10"/>
    </row>
    <row r="648308" spans="14:14">
      <c r="N648308" s="10"/>
    </row>
    <row r="648309" spans="14:14">
      <c r="N648309" s="10"/>
    </row>
    <row r="648310" spans="14:14">
      <c r="N648310" s="10"/>
    </row>
    <row r="648311" spans="14:14">
      <c r="N648311" s="10"/>
    </row>
    <row r="648312" spans="14:14">
      <c r="N648312" s="10"/>
    </row>
    <row r="648313" spans="14:14">
      <c r="N648313" s="10"/>
    </row>
    <row r="648314" spans="14:14">
      <c r="N648314" s="10"/>
    </row>
    <row r="648315" spans="14:14">
      <c r="N648315" s="10"/>
    </row>
    <row r="648316" spans="14:14">
      <c r="N648316" s="10"/>
    </row>
    <row r="648317" spans="14:14">
      <c r="N648317" s="10"/>
    </row>
    <row r="648318" spans="14:14">
      <c r="N648318" s="10"/>
    </row>
    <row r="648319" spans="14:14">
      <c r="N648319" s="10"/>
    </row>
    <row r="648320" spans="14:14">
      <c r="N648320" s="10"/>
    </row>
    <row r="648321" spans="14:14">
      <c r="N648321" s="10"/>
    </row>
    <row r="648322" spans="14:14">
      <c r="N648322" s="10"/>
    </row>
    <row r="648323" spans="14:14">
      <c r="N648323" s="10"/>
    </row>
    <row r="648324" spans="14:14">
      <c r="N648324" s="10"/>
    </row>
    <row r="648325" spans="14:14">
      <c r="N648325" s="10"/>
    </row>
    <row r="648326" spans="14:14">
      <c r="N648326" s="10"/>
    </row>
    <row r="648327" spans="14:14">
      <c r="N648327" s="10"/>
    </row>
    <row r="648328" spans="14:14">
      <c r="N648328" s="10"/>
    </row>
    <row r="648329" spans="14:14">
      <c r="N648329" s="10"/>
    </row>
    <row r="648330" spans="14:14">
      <c r="N648330" s="10"/>
    </row>
    <row r="648331" spans="14:14">
      <c r="N648331" s="10"/>
    </row>
    <row r="648332" spans="14:14">
      <c r="N648332" s="10"/>
    </row>
    <row r="648333" spans="14:14">
      <c r="N648333" s="10"/>
    </row>
    <row r="648334" spans="14:14">
      <c r="N648334" s="10"/>
    </row>
    <row r="648335" spans="14:14">
      <c r="N648335" s="10"/>
    </row>
    <row r="648336" spans="14:14">
      <c r="N648336" s="10"/>
    </row>
    <row r="648337" spans="14:14">
      <c r="N648337" s="10"/>
    </row>
    <row r="648338" spans="14:14">
      <c r="N648338" s="10"/>
    </row>
    <row r="648339" spans="14:14">
      <c r="N648339" s="10"/>
    </row>
    <row r="648340" spans="14:14">
      <c r="N648340" s="10"/>
    </row>
    <row r="648341" spans="14:14">
      <c r="N648341" s="10"/>
    </row>
    <row r="648342" spans="14:14">
      <c r="N648342" s="10"/>
    </row>
    <row r="648343" spans="14:14">
      <c r="N648343" s="10"/>
    </row>
    <row r="648344" spans="14:14">
      <c r="N648344" s="10"/>
    </row>
    <row r="648345" spans="14:14">
      <c r="N648345" s="10"/>
    </row>
    <row r="648346" spans="14:14">
      <c r="N648346" s="10"/>
    </row>
    <row r="648347" spans="14:14">
      <c r="N648347" s="10"/>
    </row>
    <row r="648348" spans="14:14">
      <c r="N648348" s="10"/>
    </row>
    <row r="648349" spans="14:14">
      <c r="N648349" s="10"/>
    </row>
    <row r="648350" spans="14:14">
      <c r="N648350" s="10"/>
    </row>
    <row r="648351" spans="14:14">
      <c r="N648351" s="10"/>
    </row>
    <row r="648352" spans="14:14">
      <c r="N648352" s="10"/>
    </row>
    <row r="648353" spans="14:14">
      <c r="N648353" s="10"/>
    </row>
    <row r="648354" spans="14:14">
      <c r="N648354" s="10"/>
    </row>
    <row r="648355" spans="14:14">
      <c r="N648355" s="10"/>
    </row>
    <row r="648356" spans="14:14">
      <c r="N648356" s="10"/>
    </row>
    <row r="648357" spans="14:14">
      <c r="N648357" s="10"/>
    </row>
    <row r="648358" spans="14:14">
      <c r="N648358" s="10"/>
    </row>
    <row r="648359" spans="14:14">
      <c r="N648359" s="10"/>
    </row>
    <row r="648360" spans="14:14">
      <c r="N648360" s="10"/>
    </row>
    <row r="648361" spans="14:14">
      <c r="N648361" s="10"/>
    </row>
    <row r="648362" spans="14:14">
      <c r="N648362" s="10"/>
    </row>
    <row r="648363" spans="14:14">
      <c r="N648363" s="10"/>
    </row>
    <row r="648364" spans="14:14">
      <c r="N648364" s="10"/>
    </row>
    <row r="648365" spans="14:14">
      <c r="N648365" s="10"/>
    </row>
    <row r="648366" spans="14:14">
      <c r="N648366" s="10"/>
    </row>
    <row r="648367" spans="14:14">
      <c r="N648367" s="10"/>
    </row>
    <row r="648368" spans="14:14">
      <c r="N648368" s="10"/>
    </row>
    <row r="648369" spans="14:14">
      <c r="N648369" s="10"/>
    </row>
    <row r="648370" spans="14:14">
      <c r="N648370" s="10"/>
    </row>
    <row r="648371" spans="14:14">
      <c r="N648371" s="10"/>
    </row>
    <row r="648372" spans="14:14">
      <c r="N648372" s="10"/>
    </row>
    <row r="648373" spans="14:14">
      <c r="N648373" s="10"/>
    </row>
    <row r="648374" spans="14:14">
      <c r="N648374" s="10"/>
    </row>
    <row r="648375" spans="14:14">
      <c r="N648375" s="10"/>
    </row>
    <row r="648376" spans="14:14">
      <c r="N648376" s="10"/>
    </row>
    <row r="648377" spans="14:14">
      <c r="N648377" s="10"/>
    </row>
    <row r="648378" spans="14:14">
      <c r="N648378" s="10"/>
    </row>
    <row r="648379" spans="14:14">
      <c r="N648379" s="10"/>
    </row>
    <row r="648380" spans="14:14">
      <c r="N648380" s="10"/>
    </row>
    <row r="648381" spans="14:14">
      <c r="N648381" s="10"/>
    </row>
    <row r="648382" spans="14:14">
      <c r="N648382" s="10"/>
    </row>
    <row r="648383" spans="14:14">
      <c r="N648383" s="10"/>
    </row>
    <row r="648384" spans="14:14">
      <c r="N648384" s="10"/>
    </row>
    <row r="648385" spans="14:14">
      <c r="N648385" s="10"/>
    </row>
    <row r="648386" spans="14:14">
      <c r="N648386" s="10"/>
    </row>
    <row r="648387" spans="14:14">
      <c r="N648387" s="10"/>
    </row>
    <row r="648388" spans="14:14">
      <c r="N648388" s="10"/>
    </row>
    <row r="648389" spans="14:14">
      <c r="N648389" s="10"/>
    </row>
    <row r="648390" spans="14:14">
      <c r="N648390" s="10"/>
    </row>
    <row r="648391" spans="14:14">
      <c r="N648391" s="10"/>
    </row>
    <row r="648392" spans="14:14">
      <c r="N648392" s="10"/>
    </row>
    <row r="648393" spans="14:14">
      <c r="N648393" s="10"/>
    </row>
    <row r="648394" spans="14:14">
      <c r="N648394" s="10"/>
    </row>
    <row r="648395" spans="14:14">
      <c r="N648395" s="10"/>
    </row>
    <row r="648396" spans="14:14">
      <c r="N648396" s="10"/>
    </row>
    <row r="648397" spans="14:14">
      <c r="N648397" s="10"/>
    </row>
    <row r="648398" spans="14:14">
      <c r="N648398" s="10"/>
    </row>
    <row r="648399" spans="14:14">
      <c r="N648399" s="10"/>
    </row>
    <row r="648400" spans="14:14">
      <c r="N648400" s="10"/>
    </row>
    <row r="648401" spans="14:14">
      <c r="N648401" s="10"/>
    </row>
    <row r="648402" spans="14:14">
      <c r="N648402" s="10"/>
    </row>
    <row r="648403" spans="14:14">
      <c r="N648403" s="10"/>
    </row>
    <row r="648404" spans="14:14">
      <c r="N648404" s="10"/>
    </row>
    <row r="648405" spans="14:14">
      <c r="N648405" s="10"/>
    </row>
    <row r="648406" spans="14:14">
      <c r="N648406" s="10"/>
    </row>
    <row r="648407" spans="14:14">
      <c r="N648407" s="10"/>
    </row>
    <row r="648408" spans="14:14">
      <c r="N648408" s="10"/>
    </row>
    <row r="648409" spans="14:14">
      <c r="N648409" s="10"/>
    </row>
    <row r="648410" spans="14:14">
      <c r="N648410" s="10"/>
    </row>
    <row r="648411" spans="14:14">
      <c r="N648411" s="10"/>
    </row>
    <row r="648412" spans="14:14">
      <c r="N648412" s="10"/>
    </row>
    <row r="648413" spans="14:14">
      <c r="N648413" s="10"/>
    </row>
    <row r="648414" spans="14:14">
      <c r="N648414" s="10"/>
    </row>
    <row r="648415" spans="14:14">
      <c r="N648415" s="10"/>
    </row>
    <row r="648416" spans="14:14">
      <c r="N648416" s="10"/>
    </row>
    <row r="648417" spans="14:14">
      <c r="N648417" s="10"/>
    </row>
    <row r="648418" spans="14:14">
      <c r="N648418" s="10"/>
    </row>
    <row r="648419" spans="14:14">
      <c r="N648419" s="10"/>
    </row>
    <row r="648420" spans="14:14">
      <c r="N648420" s="10"/>
    </row>
    <row r="648421" spans="14:14">
      <c r="N648421" s="10"/>
    </row>
    <row r="648422" spans="14:14">
      <c r="N648422" s="10"/>
    </row>
    <row r="648423" spans="14:14">
      <c r="N648423" s="10"/>
    </row>
    <row r="648424" spans="14:14">
      <c r="N648424" s="10"/>
    </row>
    <row r="648425" spans="14:14">
      <c r="N648425" s="10"/>
    </row>
    <row r="648426" spans="14:14">
      <c r="N648426" s="10"/>
    </row>
    <row r="648427" spans="14:14">
      <c r="N648427" s="10"/>
    </row>
    <row r="648428" spans="14:14">
      <c r="N648428" s="10"/>
    </row>
    <row r="648429" spans="14:14">
      <c r="N648429" s="10"/>
    </row>
    <row r="648430" spans="14:14">
      <c r="N648430" s="10"/>
    </row>
    <row r="648431" spans="14:14">
      <c r="N648431" s="10"/>
    </row>
    <row r="648432" spans="14:14">
      <c r="N648432" s="10"/>
    </row>
    <row r="648433" spans="14:14">
      <c r="N648433" s="10"/>
    </row>
    <row r="648434" spans="14:14">
      <c r="N648434" s="10"/>
    </row>
    <row r="648435" spans="14:14">
      <c r="N648435" s="10"/>
    </row>
    <row r="648436" spans="14:14">
      <c r="N648436" s="10"/>
    </row>
    <row r="648437" spans="14:14">
      <c r="N648437" s="10"/>
    </row>
    <row r="648438" spans="14:14">
      <c r="N648438" s="10"/>
    </row>
    <row r="648439" spans="14:14">
      <c r="N648439" s="10"/>
    </row>
    <row r="648440" spans="14:14">
      <c r="N648440" s="10"/>
    </row>
    <row r="648441" spans="14:14">
      <c r="N648441" s="10"/>
    </row>
    <row r="648442" spans="14:14">
      <c r="N648442" s="10"/>
    </row>
    <row r="648443" spans="14:14">
      <c r="N648443" s="10"/>
    </row>
    <row r="648444" spans="14:14">
      <c r="N648444" s="10"/>
    </row>
    <row r="648445" spans="14:14">
      <c r="N648445" s="10"/>
    </row>
    <row r="648446" spans="14:14">
      <c r="N648446" s="10"/>
    </row>
    <row r="648447" spans="14:14">
      <c r="N648447" s="10"/>
    </row>
    <row r="648448" spans="14:14">
      <c r="N648448" s="10"/>
    </row>
    <row r="648449" spans="14:14">
      <c r="N648449" s="10"/>
    </row>
    <row r="648450" spans="14:14">
      <c r="N648450" s="10"/>
    </row>
    <row r="648451" spans="14:14">
      <c r="N648451" s="10"/>
    </row>
    <row r="648452" spans="14:14">
      <c r="N648452" s="10"/>
    </row>
    <row r="648453" spans="14:14">
      <c r="N648453" s="10"/>
    </row>
    <row r="648454" spans="14:14">
      <c r="N648454" s="10"/>
    </row>
    <row r="648455" spans="14:14">
      <c r="N648455" s="10"/>
    </row>
    <row r="648456" spans="14:14">
      <c r="N648456" s="10"/>
    </row>
    <row r="648457" spans="14:14">
      <c r="N648457" s="10"/>
    </row>
    <row r="648458" spans="14:14">
      <c r="N648458" s="10"/>
    </row>
    <row r="648459" spans="14:14">
      <c r="N648459" s="10"/>
    </row>
    <row r="648460" spans="14:14">
      <c r="N648460" s="10"/>
    </row>
    <row r="648461" spans="14:14">
      <c r="N648461" s="10"/>
    </row>
    <row r="648462" spans="14:14">
      <c r="N648462" s="10"/>
    </row>
    <row r="648463" spans="14:14">
      <c r="N648463" s="10"/>
    </row>
    <row r="648464" spans="14:14">
      <c r="N648464" s="10"/>
    </row>
    <row r="648465" spans="14:14">
      <c r="N648465" s="10"/>
    </row>
    <row r="648466" spans="14:14">
      <c r="N648466" s="10"/>
    </row>
    <row r="648467" spans="14:14">
      <c r="N648467" s="10"/>
    </row>
    <row r="648468" spans="14:14">
      <c r="N648468" s="10"/>
    </row>
    <row r="648469" spans="14:14">
      <c r="N648469" s="10"/>
    </row>
    <row r="648470" spans="14:14">
      <c r="N648470" s="10"/>
    </row>
    <row r="648471" spans="14:14">
      <c r="N648471" s="10"/>
    </row>
    <row r="648472" spans="14:14">
      <c r="N648472" s="10"/>
    </row>
    <row r="648473" spans="14:14">
      <c r="N648473" s="10"/>
    </row>
    <row r="648474" spans="14:14">
      <c r="N648474" s="10"/>
    </row>
    <row r="648475" spans="14:14">
      <c r="N648475" s="10"/>
    </row>
    <row r="648476" spans="14:14">
      <c r="N648476" s="10"/>
    </row>
    <row r="648477" spans="14:14">
      <c r="N648477" s="10"/>
    </row>
    <row r="648478" spans="14:14">
      <c r="N648478" s="10"/>
    </row>
    <row r="648479" spans="14:14">
      <c r="N648479" s="10"/>
    </row>
    <row r="648480" spans="14:14">
      <c r="N648480" s="10"/>
    </row>
    <row r="648481" spans="14:14">
      <c r="N648481" s="10"/>
    </row>
    <row r="648482" spans="14:14">
      <c r="N648482" s="10"/>
    </row>
    <row r="648483" spans="14:14">
      <c r="N648483" s="10"/>
    </row>
    <row r="648484" spans="14:14">
      <c r="N648484" s="10"/>
    </row>
    <row r="648485" spans="14:14">
      <c r="N648485" s="10"/>
    </row>
    <row r="648486" spans="14:14">
      <c r="N648486" s="10"/>
    </row>
    <row r="648487" spans="14:14">
      <c r="N648487" s="10"/>
    </row>
    <row r="648488" spans="14:14">
      <c r="N648488" s="10"/>
    </row>
    <row r="648489" spans="14:14">
      <c r="N648489" s="10"/>
    </row>
    <row r="648490" spans="14:14">
      <c r="N648490" s="10"/>
    </row>
    <row r="648491" spans="14:14">
      <c r="N648491" s="10"/>
    </row>
    <row r="648492" spans="14:14">
      <c r="N648492" s="10"/>
    </row>
    <row r="648493" spans="14:14">
      <c r="N648493" s="10"/>
    </row>
    <row r="648494" spans="14:14">
      <c r="N648494" s="10"/>
    </row>
    <row r="648495" spans="14:14">
      <c r="N648495" s="10"/>
    </row>
    <row r="648496" spans="14:14">
      <c r="N648496" s="10"/>
    </row>
    <row r="648497" spans="14:14">
      <c r="N648497" s="10"/>
    </row>
    <row r="648498" spans="14:14">
      <c r="N648498" s="10"/>
    </row>
    <row r="648499" spans="14:14">
      <c r="N648499" s="10"/>
    </row>
    <row r="648500" spans="14:14">
      <c r="N648500" s="10"/>
    </row>
    <row r="648501" spans="14:14">
      <c r="N648501" s="10"/>
    </row>
    <row r="648502" spans="14:14">
      <c r="N648502" s="10"/>
    </row>
    <row r="648503" spans="14:14">
      <c r="N648503" s="10"/>
    </row>
    <row r="648504" spans="14:14">
      <c r="N648504" s="10"/>
    </row>
    <row r="648505" spans="14:14">
      <c r="N648505" s="10"/>
    </row>
    <row r="648506" spans="14:14">
      <c r="N648506" s="10"/>
    </row>
    <row r="648507" spans="14:14">
      <c r="N648507" s="10"/>
    </row>
    <row r="648508" spans="14:14">
      <c r="N648508" s="10"/>
    </row>
    <row r="648509" spans="14:14">
      <c r="N648509" s="10"/>
    </row>
    <row r="648510" spans="14:14">
      <c r="N648510" s="10"/>
    </row>
    <row r="648511" spans="14:14">
      <c r="N648511" s="10"/>
    </row>
    <row r="648512" spans="14:14">
      <c r="N648512" s="10"/>
    </row>
    <row r="648513" spans="14:14">
      <c r="N648513" s="10"/>
    </row>
    <row r="648514" spans="14:14">
      <c r="N648514" s="10"/>
    </row>
    <row r="648515" spans="14:14">
      <c r="N648515" s="10"/>
    </row>
    <row r="648516" spans="14:14">
      <c r="N648516" s="10"/>
    </row>
    <row r="648517" spans="14:14">
      <c r="N648517" s="10"/>
    </row>
    <row r="648518" spans="14:14">
      <c r="N648518" s="10"/>
    </row>
    <row r="648519" spans="14:14">
      <c r="N648519" s="10"/>
    </row>
    <row r="648520" spans="14:14">
      <c r="N648520" s="10"/>
    </row>
    <row r="648521" spans="14:14">
      <c r="N648521" s="10"/>
    </row>
    <row r="648522" spans="14:14">
      <c r="N648522" s="10"/>
    </row>
    <row r="648523" spans="14:14">
      <c r="N648523" s="10"/>
    </row>
    <row r="648524" spans="14:14">
      <c r="N648524" s="10"/>
    </row>
    <row r="648525" spans="14:14">
      <c r="N648525" s="10"/>
    </row>
    <row r="648526" spans="14:14">
      <c r="N648526" s="10"/>
    </row>
    <row r="648527" spans="14:14">
      <c r="N648527" s="10"/>
    </row>
    <row r="648528" spans="14:14">
      <c r="N648528" s="10"/>
    </row>
    <row r="648529" spans="14:14">
      <c r="N648529" s="10"/>
    </row>
    <row r="648530" spans="14:14">
      <c r="N648530" s="10"/>
    </row>
    <row r="648531" spans="14:14">
      <c r="N648531" s="10"/>
    </row>
    <row r="648532" spans="14:14">
      <c r="N648532" s="10"/>
    </row>
    <row r="648533" spans="14:14">
      <c r="N648533" s="10"/>
    </row>
    <row r="648534" spans="14:14">
      <c r="N648534" s="10"/>
    </row>
    <row r="648535" spans="14:14">
      <c r="N648535" s="10"/>
    </row>
    <row r="648536" spans="14:14">
      <c r="N648536" s="10"/>
    </row>
    <row r="648537" spans="14:14">
      <c r="N648537" s="10"/>
    </row>
    <row r="648538" spans="14:14">
      <c r="N648538" s="10"/>
    </row>
    <row r="648539" spans="14:14">
      <c r="N648539" s="10"/>
    </row>
    <row r="648540" spans="14:14">
      <c r="N648540" s="10"/>
    </row>
    <row r="648541" spans="14:14">
      <c r="N648541" s="10"/>
    </row>
    <row r="648542" spans="14:14">
      <c r="N648542" s="10"/>
    </row>
    <row r="648543" spans="14:14">
      <c r="N648543" s="10"/>
    </row>
    <row r="648544" spans="14:14">
      <c r="N648544" s="10"/>
    </row>
    <row r="648545" spans="14:14">
      <c r="N648545" s="10"/>
    </row>
    <row r="648546" spans="14:14">
      <c r="N648546" s="10"/>
    </row>
    <row r="648547" spans="14:14">
      <c r="N648547" s="10"/>
    </row>
    <row r="648548" spans="14:14">
      <c r="N648548" s="10"/>
    </row>
    <row r="648549" spans="14:14">
      <c r="N648549" s="10"/>
    </row>
    <row r="648550" spans="14:14">
      <c r="N648550" s="10"/>
    </row>
    <row r="648551" spans="14:14">
      <c r="N648551" s="10"/>
    </row>
    <row r="648552" spans="14:14">
      <c r="N648552" s="10"/>
    </row>
    <row r="648553" spans="14:14">
      <c r="N648553" s="10"/>
    </row>
    <row r="648554" spans="14:14">
      <c r="N648554" s="10"/>
    </row>
    <row r="648555" spans="14:14">
      <c r="N648555" s="10"/>
    </row>
    <row r="648556" spans="14:14">
      <c r="N648556" s="10"/>
    </row>
    <row r="648557" spans="14:14">
      <c r="N648557" s="10"/>
    </row>
    <row r="648558" spans="14:14">
      <c r="N648558" s="10"/>
    </row>
    <row r="648559" spans="14:14">
      <c r="N648559" s="10"/>
    </row>
    <row r="648560" spans="14:14">
      <c r="N648560" s="10"/>
    </row>
    <row r="648561" spans="14:14">
      <c r="N648561" s="10"/>
    </row>
    <row r="648562" spans="14:14">
      <c r="N648562" s="10"/>
    </row>
    <row r="648563" spans="14:14">
      <c r="N648563" s="10"/>
    </row>
    <row r="648564" spans="14:14">
      <c r="N648564" s="10"/>
    </row>
    <row r="648565" spans="14:14">
      <c r="N648565" s="10"/>
    </row>
    <row r="648566" spans="14:14">
      <c r="N648566" s="10"/>
    </row>
    <row r="648567" spans="14:14">
      <c r="N648567" s="10"/>
    </row>
    <row r="648568" spans="14:14">
      <c r="N648568" s="10"/>
    </row>
    <row r="648569" spans="14:14">
      <c r="N648569" s="10"/>
    </row>
    <row r="648570" spans="14:14">
      <c r="N648570" s="10"/>
    </row>
    <row r="648571" spans="14:14">
      <c r="N648571" s="10"/>
    </row>
    <row r="648572" spans="14:14">
      <c r="N648572" s="10"/>
    </row>
    <row r="648573" spans="14:14">
      <c r="N648573" s="10"/>
    </row>
    <row r="648574" spans="14:14">
      <c r="N648574" s="10"/>
    </row>
    <row r="648575" spans="14:14">
      <c r="N648575" s="10"/>
    </row>
    <row r="648576" spans="14:14">
      <c r="N648576" s="10"/>
    </row>
    <row r="648577" spans="14:14">
      <c r="N648577" s="10"/>
    </row>
    <row r="648578" spans="14:14">
      <c r="N648578" s="10"/>
    </row>
    <row r="648579" spans="14:14">
      <c r="N648579" s="10"/>
    </row>
    <row r="648580" spans="14:14">
      <c r="N648580" s="10"/>
    </row>
    <row r="648581" spans="14:14">
      <c r="N648581" s="10"/>
    </row>
    <row r="648582" spans="14:14">
      <c r="N648582" s="10"/>
    </row>
    <row r="648583" spans="14:14">
      <c r="N648583" s="10"/>
    </row>
    <row r="648584" spans="14:14">
      <c r="N648584" s="10"/>
    </row>
    <row r="648585" spans="14:14">
      <c r="N648585" s="10"/>
    </row>
    <row r="648586" spans="14:14">
      <c r="N648586" s="10"/>
    </row>
    <row r="648587" spans="14:14">
      <c r="N648587" s="10"/>
    </row>
    <row r="648588" spans="14:14">
      <c r="N648588" s="10"/>
    </row>
    <row r="648589" spans="14:14">
      <c r="N648589" s="10"/>
    </row>
    <row r="648590" spans="14:14">
      <c r="N648590" s="10"/>
    </row>
    <row r="648591" spans="14:14">
      <c r="N648591" s="10"/>
    </row>
    <row r="648592" spans="14:14">
      <c r="N648592" s="10"/>
    </row>
    <row r="648593" spans="14:14">
      <c r="N648593" s="10"/>
    </row>
    <row r="648594" spans="14:14">
      <c r="N648594" s="10"/>
    </row>
    <row r="648595" spans="14:14">
      <c r="N648595" s="10"/>
    </row>
    <row r="648596" spans="14:14">
      <c r="N648596" s="10"/>
    </row>
    <row r="648597" spans="14:14">
      <c r="N648597" s="10"/>
    </row>
    <row r="648598" spans="14:14">
      <c r="N648598" s="10"/>
    </row>
    <row r="648599" spans="14:14">
      <c r="N648599" s="10"/>
    </row>
    <row r="648600" spans="14:14">
      <c r="N648600" s="10"/>
    </row>
    <row r="648601" spans="14:14">
      <c r="N648601" s="10"/>
    </row>
    <row r="648602" spans="14:14">
      <c r="N648602" s="10"/>
    </row>
    <row r="648603" spans="14:14">
      <c r="N648603" s="10"/>
    </row>
    <row r="648604" spans="14:14">
      <c r="N648604" s="10"/>
    </row>
    <row r="648605" spans="14:14">
      <c r="N648605" s="10"/>
    </row>
    <row r="648606" spans="14:14">
      <c r="N648606" s="10"/>
    </row>
    <row r="648607" spans="14:14">
      <c r="N648607" s="10"/>
    </row>
    <row r="648608" spans="14:14">
      <c r="N648608" s="10"/>
    </row>
    <row r="648609" spans="14:14">
      <c r="N648609" s="10"/>
    </row>
    <row r="648610" spans="14:14">
      <c r="N648610" s="10"/>
    </row>
    <row r="648611" spans="14:14">
      <c r="N648611" s="10"/>
    </row>
    <row r="648612" spans="14:14">
      <c r="N648612" s="10"/>
    </row>
    <row r="648613" spans="14:14">
      <c r="N648613" s="10"/>
    </row>
    <row r="648614" spans="14:14">
      <c r="N648614" s="10"/>
    </row>
    <row r="648615" spans="14:14">
      <c r="N648615" s="10"/>
    </row>
    <row r="648616" spans="14:14">
      <c r="N648616" s="10"/>
    </row>
    <row r="648617" spans="14:14">
      <c r="N648617" s="10"/>
    </row>
    <row r="648618" spans="14:14">
      <c r="N648618" s="10"/>
    </row>
    <row r="648619" spans="14:14">
      <c r="N648619" s="10"/>
    </row>
    <row r="648620" spans="14:14">
      <c r="N648620" s="10"/>
    </row>
    <row r="648621" spans="14:14">
      <c r="N648621" s="10"/>
    </row>
    <row r="648622" spans="14:14">
      <c r="N648622" s="10"/>
    </row>
    <row r="648623" spans="14:14">
      <c r="N648623" s="10"/>
    </row>
    <row r="648624" spans="14:14">
      <c r="N648624" s="10"/>
    </row>
    <row r="648625" spans="14:14">
      <c r="N648625" s="10"/>
    </row>
    <row r="648626" spans="14:14">
      <c r="N648626" s="10"/>
    </row>
    <row r="648627" spans="14:14">
      <c r="N648627" s="10"/>
    </row>
    <row r="648628" spans="14:14">
      <c r="N648628" s="10"/>
    </row>
    <row r="648629" spans="14:14">
      <c r="N648629" s="10"/>
    </row>
    <row r="648630" spans="14:14">
      <c r="N648630" s="10"/>
    </row>
    <row r="648631" spans="14:14">
      <c r="N648631" s="10"/>
    </row>
    <row r="648632" spans="14:14">
      <c r="N648632" s="10"/>
    </row>
    <row r="648633" spans="14:14">
      <c r="N648633" s="10"/>
    </row>
    <row r="648634" spans="14:14">
      <c r="N648634" s="10"/>
    </row>
    <row r="648635" spans="14:14">
      <c r="N648635" s="10"/>
    </row>
    <row r="648636" spans="14:14">
      <c r="N648636" s="10"/>
    </row>
    <row r="648637" spans="14:14">
      <c r="N648637" s="10"/>
    </row>
    <row r="648638" spans="14:14">
      <c r="N648638" s="10"/>
    </row>
    <row r="648639" spans="14:14">
      <c r="N648639" s="10"/>
    </row>
    <row r="648640" spans="14:14">
      <c r="N648640" s="10"/>
    </row>
    <row r="648641" spans="14:14">
      <c r="N648641" s="10"/>
    </row>
    <row r="648642" spans="14:14">
      <c r="N648642" s="10"/>
    </row>
    <row r="648643" spans="14:14">
      <c r="N648643" s="10"/>
    </row>
    <row r="648644" spans="14:14">
      <c r="N648644" s="10"/>
    </row>
    <row r="648645" spans="14:14">
      <c r="N648645" s="10"/>
    </row>
    <row r="648646" spans="14:14">
      <c r="N648646" s="10"/>
    </row>
    <row r="648647" spans="14:14">
      <c r="N648647" s="10"/>
    </row>
    <row r="648648" spans="14:14">
      <c r="N648648" s="10"/>
    </row>
    <row r="648649" spans="14:14">
      <c r="N648649" s="10"/>
    </row>
    <row r="648650" spans="14:14">
      <c r="N648650" s="10"/>
    </row>
    <row r="648651" spans="14:14">
      <c r="N648651" s="10"/>
    </row>
    <row r="648652" spans="14:14">
      <c r="N648652" s="10"/>
    </row>
    <row r="648653" spans="14:14">
      <c r="N648653" s="10"/>
    </row>
    <row r="648654" spans="14:14">
      <c r="N648654" s="10"/>
    </row>
    <row r="648655" spans="14:14">
      <c r="N648655" s="10"/>
    </row>
    <row r="648656" spans="14:14">
      <c r="N648656" s="10"/>
    </row>
    <row r="648657" spans="14:14">
      <c r="N648657" s="10"/>
    </row>
    <row r="648658" spans="14:14">
      <c r="N648658" s="10"/>
    </row>
    <row r="648659" spans="14:14">
      <c r="N648659" s="10"/>
    </row>
    <row r="648660" spans="14:14">
      <c r="N648660" s="10"/>
    </row>
    <row r="648661" spans="14:14">
      <c r="N648661" s="10"/>
    </row>
    <row r="648662" spans="14:14">
      <c r="N648662" s="10"/>
    </row>
    <row r="648663" spans="14:14">
      <c r="N648663" s="10"/>
    </row>
    <row r="648664" spans="14:14">
      <c r="N648664" s="10"/>
    </row>
    <row r="648665" spans="14:14">
      <c r="N648665" s="10"/>
    </row>
    <row r="648666" spans="14:14">
      <c r="N648666" s="10"/>
    </row>
    <row r="648667" spans="14:14">
      <c r="N648667" s="10"/>
    </row>
    <row r="648668" spans="14:14">
      <c r="N648668" s="10"/>
    </row>
    <row r="648669" spans="14:14">
      <c r="N648669" s="10"/>
    </row>
    <row r="648670" spans="14:14">
      <c r="N648670" s="10"/>
    </row>
    <row r="648671" spans="14:14">
      <c r="N648671" s="10"/>
    </row>
    <row r="648672" spans="14:14">
      <c r="N648672" s="10"/>
    </row>
    <row r="648673" spans="14:14">
      <c r="N648673" s="10"/>
    </row>
    <row r="648674" spans="14:14">
      <c r="N648674" s="10"/>
    </row>
    <row r="648675" spans="14:14">
      <c r="N648675" s="10"/>
    </row>
    <row r="648676" spans="14:14">
      <c r="N648676" s="10"/>
    </row>
    <row r="648677" spans="14:14">
      <c r="N648677" s="10"/>
    </row>
    <row r="648678" spans="14:14">
      <c r="N648678" s="10"/>
    </row>
    <row r="648679" spans="14:14">
      <c r="N648679" s="10"/>
    </row>
    <row r="648680" spans="14:14">
      <c r="N648680" s="10"/>
    </row>
    <row r="648681" spans="14:14">
      <c r="N648681" s="10"/>
    </row>
    <row r="648682" spans="14:14">
      <c r="N648682" s="10"/>
    </row>
    <row r="648683" spans="14:14">
      <c r="N648683" s="10"/>
    </row>
    <row r="648684" spans="14:14">
      <c r="N648684" s="10"/>
    </row>
    <row r="648685" spans="14:14">
      <c r="N648685" s="10"/>
    </row>
    <row r="648686" spans="14:14">
      <c r="N648686" s="10"/>
    </row>
    <row r="648687" spans="14:14">
      <c r="N648687" s="10"/>
    </row>
    <row r="648688" spans="14:14">
      <c r="N648688" s="10"/>
    </row>
    <row r="648689" spans="14:14">
      <c r="N648689" s="10"/>
    </row>
    <row r="648690" spans="14:14">
      <c r="N648690" s="10"/>
    </row>
    <row r="648691" spans="14:14">
      <c r="N648691" s="10"/>
    </row>
    <row r="648692" spans="14:14">
      <c r="N648692" s="10"/>
    </row>
    <row r="648693" spans="14:14">
      <c r="N648693" s="10"/>
    </row>
    <row r="648694" spans="14:14">
      <c r="N648694" s="10"/>
    </row>
    <row r="648695" spans="14:14">
      <c r="N648695" s="10"/>
    </row>
    <row r="648696" spans="14:14">
      <c r="N648696" s="10"/>
    </row>
    <row r="648697" spans="14:14">
      <c r="N648697" s="10"/>
    </row>
    <row r="648698" spans="14:14">
      <c r="N648698" s="10"/>
    </row>
    <row r="648699" spans="14:14">
      <c r="N648699" s="10"/>
    </row>
    <row r="648700" spans="14:14">
      <c r="N648700" s="10"/>
    </row>
    <row r="648701" spans="14:14">
      <c r="N648701" s="10"/>
    </row>
    <row r="648702" spans="14:14">
      <c r="N648702" s="10"/>
    </row>
    <row r="648703" spans="14:14">
      <c r="N648703" s="10"/>
    </row>
    <row r="648704" spans="14:14">
      <c r="N648704" s="10"/>
    </row>
    <row r="648705" spans="14:14">
      <c r="N648705" s="10"/>
    </row>
    <row r="648706" spans="14:14">
      <c r="N648706" s="10"/>
    </row>
    <row r="648707" spans="14:14">
      <c r="N648707" s="10"/>
    </row>
    <row r="648708" spans="14:14">
      <c r="N648708" s="10"/>
    </row>
    <row r="648709" spans="14:14">
      <c r="N648709" s="10"/>
    </row>
    <row r="648710" spans="14:14">
      <c r="N648710" s="10"/>
    </row>
    <row r="648711" spans="14:14">
      <c r="N648711" s="10"/>
    </row>
    <row r="648712" spans="14:14">
      <c r="N648712" s="10"/>
    </row>
    <row r="648713" spans="14:14">
      <c r="N648713" s="10"/>
    </row>
    <row r="648714" spans="14:14">
      <c r="N648714" s="10"/>
    </row>
    <row r="648715" spans="14:14">
      <c r="N648715" s="10"/>
    </row>
    <row r="648716" spans="14:14">
      <c r="N648716" s="10"/>
    </row>
    <row r="648717" spans="14:14">
      <c r="N648717" s="10"/>
    </row>
    <row r="648718" spans="14:14">
      <c r="N648718" s="10"/>
    </row>
    <row r="648719" spans="14:14">
      <c r="N648719" s="10"/>
    </row>
    <row r="648720" spans="14:14">
      <c r="N648720" s="10"/>
    </row>
    <row r="648721" spans="14:14">
      <c r="N648721" s="10"/>
    </row>
    <row r="648722" spans="14:14">
      <c r="N648722" s="10"/>
    </row>
    <row r="648723" spans="14:14">
      <c r="N648723" s="10"/>
    </row>
    <row r="648724" spans="14:14">
      <c r="N648724" s="10"/>
    </row>
    <row r="648725" spans="14:14">
      <c r="N648725" s="10"/>
    </row>
    <row r="648726" spans="14:14">
      <c r="N648726" s="10"/>
    </row>
    <row r="648727" spans="14:14">
      <c r="N648727" s="10"/>
    </row>
    <row r="648728" spans="14:14">
      <c r="N648728" s="10"/>
    </row>
    <row r="648729" spans="14:14">
      <c r="N648729" s="10"/>
    </row>
    <row r="648730" spans="14:14">
      <c r="N648730" s="10"/>
    </row>
    <row r="648731" spans="14:14">
      <c r="N648731" s="10"/>
    </row>
    <row r="648732" spans="14:14">
      <c r="N648732" s="10"/>
    </row>
    <row r="648733" spans="14:14">
      <c r="N648733" s="10"/>
    </row>
    <row r="648734" spans="14:14">
      <c r="N648734" s="10"/>
    </row>
    <row r="648735" spans="14:14">
      <c r="N648735" s="10"/>
    </row>
    <row r="648736" spans="14:14">
      <c r="N648736" s="10"/>
    </row>
    <row r="648737" spans="14:14">
      <c r="N648737" s="10"/>
    </row>
    <row r="648738" spans="14:14">
      <c r="N648738" s="10"/>
    </row>
    <row r="648739" spans="14:14">
      <c r="N648739" s="10"/>
    </row>
    <row r="648740" spans="14:14">
      <c r="N648740" s="10"/>
    </row>
    <row r="648741" spans="14:14">
      <c r="N648741" s="10"/>
    </row>
    <row r="648742" spans="14:14">
      <c r="N648742" s="10"/>
    </row>
    <row r="648743" spans="14:14">
      <c r="N648743" s="10"/>
    </row>
    <row r="648744" spans="14:14">
      <c r="N648744" s="10"/>
    </row>
    <row r="648745" spans="14:14">
      <c r="N648745" s="10"/>
    </row>
    <row r="648746" spans="14:14">
      <c r="N648746" s="10"/>
    </row>
    <row r="648747" spans="14:14">
      <c r="N648747" s="10"/>
    </row>
    <row r="648748" spans="14:14">
      <c r="N648748" s="10"/>
    </row>
    <row r="648749" spans="14:14">
      <c r="N648749" s="10"/>
    </row>
    <row r="648750" spans="14:14">
      <c r="N648750" s="10"/>
    </row>
    <row r="648751" spans="14:14">
      <c r="N648751" s="10"/>
    </row>
    <row r="648752" spans="14:14">
      <c r="N648752" s="10"/>
    </row>
    <row r="648753" spans="14:14">
      <c r="N648753" s="10"/>
    </row>
    <row r="648754" spans="14:14">
      <c r="N648754" s="10"/>
    </row>
    <row r="648755" spans="14:14">
      <c r="N648755" s="10"/>
    </row>
    <row r="648756" spans="14:14">
      <c r="N648756" s="10"/>
    </row>
    <row r="648757" spans="14:14">
      <c r="N648757" s="10"/>
    </row>
    <row r="648758" spans="14:14">
      <c r="N648758" s="10"/>
    </row>
    <row r="648759" spans="14:14">
      <c r="N648759" s="10"/>
    </row>
    <row r="648760" spans="14:14">
      <c r="N648760" s="10"/>
    </row>
    <row r="648761" spans="14:14">
      <c r="N648761" s="10"/>
    </row>
    <row r="648762" spans="14:14">
      <c r="N648762" s="10"/>
    </row>
    <row r="648763" spans="14:14">
      <c r="N648763" s="10"/>
    </row>
    <row r="648764" spans="14:14">
      <c r="N648764" s="10"/>
    </row>
    <row r="648765" spans="14:14">
      <c r="N648765" s="10"/>
    </row>
    <row r="648766" spans="14:14">
      <c r="N648766" s="10"/>
    </row>
    <row r="648767" spans="14:14">
      <c r="N648767" s="10"/>
    </row>
    <row r="648768" spans="14:14">
      <c r="N648768" s="10"/>
    </row>
    <row r="648769" spans="14:14">
      <c r="N648769" s="10"/>
    </row>
    <row r="648770" spans="14:14">
      <c r="N648770" s="10"/>
    </row>
    <row r="648771" spans="14:14">
      <c r="N648771" s="10"/>
    </row>
    <row r="648772" spans="14:14">
      <c r="N648772" s="10"/>
    </row>
    <row r="648773" spans="14:14">
      <c r="N648773" s="10"/>
    </row>
    <row r="648774" spans="14:14">
      <c r="N648774" s="10"/>
    </row>
    <row r="648775" spans="14:14">
      <c r="N648775" s="10"/>
    </row>
    <row r="648776" spans="14:14">
      <c r="N648776" s="10"/>
    </row>
    <row r="648777" spans="14:14">
      <c r="N648777" s="10"/>
    </row>
    <row r="648778" spans="14:14">
      <c r="N648778" s="10"/>
    </row>
    <row r="648779" spans="14:14">
      <c r="N648779" s="10"/>
    </row>
    <row r="648780" spans="14:14">
      <c r="N648780" s="10"/>
    </row>
    <row r="648781" spans="14:14">
      <c r="N648781" s="10"/>
    </row>
    <row r="648782" spans="14:14">
      <c r="N648782" s="10"/>
    </row>
    <row r="648783" spans="14:14">
      <c r="N648783" s="10"/>
    </row>
    <row r="648784" spans="14:14">
      <c r="N648784" s="10"/>
    </row>
    <row r="648785" spans="14:14">
      <c r="N648785" s="10"/>
    </row>
    <row r="648786" spans="14:14">
      <c r="N648786" s="10"/>
    </row>
    <row r="648787" spans="14:14">
      <c r="N648787" s="10"/>
    </row>
    <row r="648788" spans="14:14">
      <c r="N648788" s="10"/>
    </row>
    <row r="648789" spans="14:14">
      <c r="N648789" s="10"/>
    </row>
    <row r="648790" spans="14:14">
      <c r="N648790" s="10"/>
    </row>
    <row r="648791" spans="14:14">
      <c r="N648791" s="10"/>
    </row>
    <row r="648792" spans="14:14">
      <c r="N648792" s="10"/>
    </row>
    <row r="648793" spans="14:14">
      <c r="N648793" s="10"/>
    </row>
    <row r="648794" spans="14:14">
      <c r="N648794" s="10"/>
    </row>
    <row r="648795" spans="14:14">
      <c r="N648795" s="10"/>
    </row>
    <row r="648796" spans="14:14">
      <c r="N648796" s="10"/>
    </row>
    <row r="648797" spans="14:14">
      <c r="N648797" s="10"/>
    </row>
    <row r="648798" spans="14:14">
      <c r="N648798" s="10"/>
    </row>
    <row r="648799" spans="14:14">
      <c r="N648799" s="10"/>
    </row>
    <row r="648800" spans="14:14">
      <c r="N648800" s="10"/>
    </row>
    <row r="648801" spans="14:14">
      <c r="N648801" s="10"/>
    </row>
    <row r="648802" spans="14:14">
      <c r="N648802" s="10"/>
    </row>
    <row r="648803" spans="14:14">
      <c r="N648803" s="10"/>
    </row>
    <row r="648804" spans="14:14">
      <c r="N648804" s="10"/>
    </row>
    <row r="648805" spans="14:14">
      <c r="N648805" s="10"/>
    </row>
    <row r="648806" spans="14:14">
      <c r="N648806" s="10"/>
    </row>
    <row r="648807" spans="14:14">
      <c r="N648807" s="10"/>
    </row>
    <row r="648808" spans="14:14">
      <c r="N648808" s="10"/>
    </row>
    <row r="648809" spans="14:14">
      <c r="N648809" s="10"/>
    </row>
    <row r="648810" spans="14:14">
      <c r="N648810" s="10"/>
    </row>
    <row r="648811" spans="14:14">
      <c r="N648811" s="10"/>
    </row>
    <row r="648812" spans="14:14">
      <c r="N648812" s="10"/>
    </row>
    <row r="648813" spans="14:14">
      <c r="N648813" s="10"/>
    </row>
    <row r="648814" spans="14:14">
      <c r="N648814" s="10"/>
    </row>
    <row r="648815" spans="14:14">
      <c r="N648815" s="10"/>
    </row>
    <row r="648816" spans="14:14">
      <c r="N648816" s="10"/>
    </row>
    <row r="648817" spans="14:14">
      <c r="N648817" s="10"/>
    </row>
    <row r="648818" spans="14:14">
      <c r="N648818" s="10"/>
    </row>
    <row r="648819" spans="14:14">
      <c r="N648819" s="10"/>
    </row>
    <row r="648820" spans="14:14">
      <c r="N648820" s="10"/>
    </row>
    <row r="648821" spans="14:14">
      <c r="N648821" s="10"/>
    </row>
    <row r="648822" spans="14:14">
      <c r="N648822" s="10"/>
    </row>
    <row r="648823" spans="14:14">
      <c r="N648823" s="10"/>
    </row>
    <row r="648824" spans="14:14">
      <c r="N648824" s="10"/>
    </row>
    <row r="648825" spans="14:14">
      <c r="N648825" s="10"/>
    </row>
    <row r="648826" spans="14:14">
      <c r="N648826" s="10"/>
    </row>
    <row r="648827" spans="14:14">
      <c r="N648827" s="10"/>
    </row>
    <row r="648828" spans="14:14">
      <c r="N648828" s="10"/>
    </row>
    <row r="648829" spans="14:14">
      <c r="N648829" s="10"/>
    </row>
    <row r="648830" spans="14:14">
      <c r="N648830" s="10"/>
    </row>
    <row r="648831" spans="14:14">
      <c r="N648831" s="10"/>
    </row>
    <row r="648832" spans="14:14">
      <c r="N648832" s="10"/>
    </row>
    <row r="648833" spans="14:14">
      <c r="N648833" s="10"/>
    </row>
    <row r="648834" spans="14:14">
      <c r="N648834" s="10"/>
    </row>
    <row r="648835" spans="14:14">
      <c r="N648835" s="10"/>
    </row>
    <row r="648836" spans="14:14">
      <c r="N648836" s="10"/>
    </row>
    <row r="648837" spans="14:14">
      <c r="N648837" s="10"/>
    </row>
    <row r="648838" spans="14:14">
      <c r="N648838" s="10"/>
    </row>
    <row r="648839" spans="14:14">
      <c r="N648839" s="10"/>
    </row>
    <row r="648840" spans="14:14">
      <c r="N648840" s="10"/>
    </row>
    <row r="648841" spans="14:14">
      <c r="N648841" s="10"/>
    </row>
    <row r="648842" spans="14:14">
      <c r="N648842" s="10"/>
    </row>
    <row r="648843" spans="14:14">
      <c r="N648843" s="10"/>
    </row>
    <row r="648844" spans="14:14">
      <c r="N648844" s="10"/>
    </row>
    <row r="648845" spans="14:14">
      <c r="N648845" s="10"/>
    </row>
    <row r="648846" spans="14:14">
      <c r="N648846" s="10"/>
    </row>
    <row r="648847" spans="14:14">
      <c r="N648847" s="10"/>
    </row>
    <row r="648848" spans="14:14">
      <c r="N648848" s="10"/>
    </row>
    <row r="648849" spans="14:14">
      <c r="N648849" s="10"/>
    </row>
    <row r="648850" spans="14:14">
      <c r="N648850" s="10"/>
    </row>
    <row r="648851" spans="14:14">
      <c r="N648851" s="10"/>
    </row>
    <row r="648852" spans="14:14">
      <c r="N648852" s="10"/>
    </row>
    <row r="648853" spans="14:14">
      <c r="N648853" s="10"/>
    </row>
    <row r="648854" spans="14:14">
      <c r="N648854" s="10"/>
    </row>
    <row r="648855" spans="14:14">
      <c r="N648855" s="10"/>
    </row>
    <row r="648856" spans="14:14">
      <c r="N648856" s="10"/>
    </row>
    <row r="648857" spans="14:14">
      <c r="N648857" s="10"/>
    </row>
    <row r="648858" spans="14:14">
      <c r="N648858" s="10"/>
    </row>
    <row r="648859" spans="14:14">
      <c r="N648859" s="10"/>
    </row>
    <row r="648860" spans="14:14">
      <c r="N648860" s="10"/>
    </row>
    <row r="648861" spans="14:14">
      <c r="N648861" s="10"/>
    </row>
    <row r="648862" spans="14:14">
      <c r="N648862" s="10"/>
    </row>
    <row r="648863" spans="14:14">
      <c r="N648863" s="10"/>
    </row>
    <row r="648864" spans="14:14">
      <c r="N648864" s="10"/>
    </row>
    <row r="648865" spans="14:14">
      <c r="N648865" s="10"/>
    </row>
    <row r="648866" spans="14:14">
      <c r="N648866" s="10"/>
    </row>
    <row r="648867" spans="14:14">
      <c r="N648867" s="10"/>
    </row>
    <row r="648868" spans="14:14">
      <c r="N648868" s="10"/>
    </row>
    <row r="648869" spans="14:14">
      <c r="N648869" s="10"/>
    </row>
    <row r="648870" spans="14:14">
      <c r="N648870" s="10"/>
    </row>
    <row r="648871" spans="14:14">
      <c r="N648871" s="10"/>
    </row>
    <row r="648872" spans="14:14">
      <c r="N648872" s="10"/>
    </row>
    <row r="648873" spans="14:14">
      <c r="N648873" s="10"/>
    </row>
    <row r="648874" spans="14:14">
      <c r="N648874" s="10"/>
    </row>
    <row r="648875" spans="14:14">
      <c r="N648875" s="10"/>
    </row>
    <row r="648876" spans="14:14">
      <c r="N648876" s="10"/>
    </row>
    <row r="648877" spans="14:14">
      <c r="N648877" s="10"/>
    </row>
    <row r="648878" spans="14:14">
      <c r="N648878" s="10"/>
    </row>
    <row r="648879" spans="14:14">
      <c r="N648879" s="10"/>
    </row>
    <row r="648880" spans="14:14">
      <c r="N648880" s="10"/>
    </row>
    <row r="648881" spans="14:14">
      <c r="N648881" s="10"/>
    </row>
    <row r="648882" spans="14:14">
      <c r="N648882" s="10"/>
    </row>
    <row r="648883" spans="14:14">
      <c r="N648883" s="10"/>
    </row>
    <row r="648884" spans="14:14">
      <c r="N648884" s="10"/>
    </row>
    <row r="648885" spans="14:14">
      <c r="N648885" s="10"/>
    </row>
    <row r="648886" spans="14:14">
      <c r="N648886" s="10"/>
    </row>
    <row r="648887" spans="14:14">
      <c r="N648887" s="10"/>
    </row>
    <row r="648888" spans="14:14">
      <c r="N648888" s="10"/>
    </row>
    <row r="648889" spans="14:14">
      <c r="N648889" s="10"/>
    </row>
    <row r="648890" spans="14:14">
      <c r="N648890" s="10"/>
    </row>
    <row r="648891" spans="14:14">
      <c r="N648891" s="10"/>
    </row>
    <row r="648892" spans="14:14">
      <c r="N648892" s="10"/>
    </row>
    <row r="648893" spans="14:14">
      <c r="N648893" s="10"/>
    </row>
    <row r="648894" spans="14:14">
      <c r="N648894" s="10"/>
    </row>
    <row r="648895" spans="14:14">
      <c r="N648895" s="10"/>
    </row>
    <row r="648896" spans="14:14">
      <c r="N648896" s="10"/>
    </row>
    <row r="648897" spans="14:14">
      <c r="N648897" s="10"/>
    </row>
    <row r="648898" spans="14:14">
      <c r="N648898" s="10"/>
    </row>
    <row r="648899" spans="14:14">
      <c r="N648899" s="10"/>
    </row>
    <row r="648900" spans="14:14">
      <c r="N648900" s="10"/>
    </row>
    <row r="648901" spans="14:14">
      <c r="N648901" s="10"/>
    </row>
    <row r="648902" spans="14:14">
      <c r="N648902" s="10"/>
    </row>
    <row r="648903" spans="14:14">
      <c r="N648903" s="10"/>
    </row>
    <row r="648904" spans="14:14">
      <c r="N648904" s="10"/>
    </row>
    <row r="648905" spans="14:14">
      <c r="N648905" s="10"/>
    </row>
    <row r="648906" spans="14:14">
      <c r="N648906" s="10"/>
    </row>
    <row r="648907" spans="14:14">
      <c r="N648907" s="10"/>
    </row>
    <row r="648908" spans="14:14">
      <c r="N648908" s="10"/>
    </row>
    <row r="648909" spans="14:14">
      <c r="N648909" s="10"/>
    </row>
    <row r="648910" spans="14:14">
      <c r="N648910" s="10"/>
    </row>
    <row r="648911" spans="14:14">
      <c r="N648911" s="10"/>
    </row>
    <row r="648912" spans="14:14">
      <c r="N648912" s="10"/>
    </row>
    <row r="648913" spans="14:14">
      <c r="N648913" s="10"/>
    </row>
    <row r="648914" spans="14:14">
      <c r="N648914" s="10"/>
    </row>
    <row r="648915" spans="14:14">
      <c r="N648915" s="10"/>
    </row>
    <row r="648916" spans="14:14">
      <c r="N648916" s="10"/>
    </row>
    <row r="648917" spans="14:14">
      <c r="N648917" s="10"/>
    </row>
    <row r="648918" spans="14:14">
      <c r="N648918" s="10"/>
    </row>
    <row r="648919" spans="14:14">
      <c r="N648919" s="10"/>
    </row>
    <row r="648920" spans="14:14">
      <c r="N648920" s="10"/>
    </row>
    <row r="648921" spans="14:14">
      <c r="N648921" s="10"/>
    </row>
    <row r="648922" spans="14:14">
      <c r="N648922" s="10"/>
    </row>
    <row r="648923" spans="14:14">
      <c r="N648923" s="10"/>
    </row>
    <row r="648924" spans="14:14">
      <c r="N648924" s="10"/>
    </row>
    <row r="648925" spans="14:14">
      <c r="N648925" s="10"/>
    </row>
    <row r="648926" spans="14:14">
      <c r="N648926" s="10"/>
    </row>
    <row r="648927" spans="14:14">
      <c r="N648927" s="10"/>
    </row>
    <row r="648928" spans="14:14">
      <c r="N648928" s="10"/>
    </row>
    <row r="648929" spans="14:14">
      <c r="N648929" s="10"/>
    </row>
    <row r="648930" spans="14:14">
      <c r="N648930" s="10"/>
    </row>
    <row r="648931" spans="14:14">
      <c r="N648931" s="10"/>
    </row>
    <row r="648932" spans="14:14">
      <c r="N648932" s="10"/>
    </row>
    <row r="648933" spans="14:14">
      <c r="N648933" s="10"/>
    </row>
    <row r="648934" spans="14:14">
      <c r="N648934" s="10"/>
    </row>
    <row r="648935" spans="14:14">
      <c r="N648935" s="10"/>
    </row>
    <row r="648936" spans="14:14">
      <c r="N648936" s="10"/>
    </row>
    <row r="648937" spans="14:14">
      <c r="N648937" s="10"/>
    </row>
    <row r="648938" spans="14:14">
      <c r="N648938" s="10"/>
    </row>
    <row r="648939" spans="14:14">
      <c r="N648939" s="10"/>
    </row>
    <row r="648940" spans="14:14">
      <c r="N648940" s="10"/>
    </row>
    <row r="648941" spans="14:14">
      <c r="N648941" s="10"/>
    </row>
    <row r="648942" spans="14:14">
      <c r="N648942" s="10"/>
    </row>
    <row r="648943" spans="14:14">
      <c r="N648943" s="10"/>
    </row>
    <row r="648944" spans="14:14">
      <c r="N648944" s="10"/>
    </row>
    <row r="648945" spans="14:14">
      <c r="N648945" s="10"/>
    </row>
    <row r="648946" spans="14:14">
      <c r="N648946" s="10"/>
    </row>
    <row r="648947" spans="14:14">
      <c r="N648947" s="10"/>
    </row>
    <row r="648948" spans="14:14">
      <c r="N648948" s="10"/>
    </row>
    <row r="648949" spans="14:14">
      <c r="N648949" s="10"/>
    </row>
    <row r="648950" spans="14:14">
      <c r="N648950" s="10"/>
    </row>
    <row r="648951" spans="14:14">
      <c r="N648951" s="10"/>
    </row>
    <row r="648952" spans="14:14">
      <c r="N648952" s="10"/>
    </row>
    <row r="648953" spans="14:14">
      <c r="N648953" s="10"/>
    </row>
    <row r="648954" spans="14:14">
      <c r="N648954" s="10"/>
    </row>
    <row r="648955" spans="14:14">
      <c r="N648955" s="10"/>
    </row>
    <row r="648956" spans="14:14">
      <c r="N648956" s="10"/>
    </row>
    <row r="648957" spans="14:14">
      <c r="N648957" s="10"/>
    </row>
    <row r="648958" spans="14:14">
      <c r="N648958" s="10"/>
    </row>
    <row r="648959" spans="14:14">
      <c r="N648959" s="10"/>
    </row>
    <row r="648960" spans="14:14">
      <c r="N648960" s="10"/>
    </row>
    <row r="648961" spans="14:14">
      <c r="N648961" s="10"/>
    </row>
    <row r="648962" spans="14:14">
      <c r="N648962" s="10"/>
    </row>
    <row r="648963" spans="14:14">
      <c r="N648963" s="10"/>
    </row>
    <row r="648964" spans="14:14">
      <c r="N648964" s="10"/>
    </row>
    <row r="648965" spans="14:14">
      <c r="N648965" s="10"/>
    </row>
    <row r="648966" spans="14:14">
      <c r="N648966" s="10"/>
    </row>
    <row r="648967" spans="14:14">
      <c r="N648967" s="10"/>
    </row>
    <row r="648968" spans="14:14">
      <c r="N648968" s="10"/>
    </row>
    <row r="648969" spans="14:14">
      <c r="N648969" s="10"/>
    </row>
    <row r="648970" spans="14:14">
      <c r="N648970" s="10"/>
    </row>
    <row r="648971" spans="14:14">
      <c r="N648971" s="10"/>
    </row>
    <row r="648972" spans="14:14">
      <c r="N648972" s="10"/>
    </row>
    <row r="648973" spans="14:14">
      <c r="N648973" s="10"/>
    </row>
    <row r="648974" spans="14:14">
      <c r="N648974" s="10"/>
    </row>
    <row r="648975" spans="14:14">
      <c r="N648975" s="10"/>
    </row>
    <row r="648976" spans="14:14">
      <c r="N648976" s="10"/>
    </row>
    <row r="648977" spans="14:14">
      <c r="N648977" s="10"/>
    </row>
    <row r="648978" spans="14:14">
      <c r="N648978" s="10"/>
    </row>
    <row r="648979" spans="14:14">
      <c r="N648979" s="10"/>
    </row>
    <row r="648980" spans="14:14">
      <c r="N648980" s="10"/>
    </row>
    <row r="648981" spans="14:14">
      <c r="N648981" s="10"/>
    </row>
    <row r="648982" spans="14:14">
      <c r="N648982" s="10"/>
    </row>
    <row r="648983" spans="14:14">
      <c r="N648983" s="10"/>
    </row>
    <row r="648984" spans="14:14">
      <c r="N648984" s="10"/>
    </row>
    <row r="648985" spans="14:14">
      <c r="N648985" s="10"/>
    </row>
    <row r="648986" spans="14:14">
      <c r="N648986" s="10"/>
    </row>
    <row r="648987" spans="14:14">
      <c r="N648987" s="10"/>
    </row>
    <row r="648988" spans="14:14">
      <c r="N648988" s="10"/>
    </row>
    <row r="648989" spans="14:14">
      <c r="N648989" s="10"/>
    </row>
    <row r="648990" spans="14:14">
      <c r="N648990" s="10"/>
    </row>
    <row r="648991" spans="14:14">
      <c r="N648991" s="10"/>
    </row>
    <row r="648992" spans="14:14">
      <c r="N648992" s="10"/>
    </row>
    <row r="648993" spans="14:14">
      <c r="N648993" s="10"/>
    </row>
    <row r="648994" spans="14:14">
      <c r="N648994" s="10"/>
    </row>
    <row r="648995" spans="14:14">
      <c r="N648995" s="10"/>
    </row>
    <row r="648996" spans="14:14">
      <c r="N648996" s="10"/>
    </row>
    <row r="648997" spans="14:14">
      <c r="N648997" s="10"/>
    </row>
    <row r="648998" spans="14:14">
      <c r="N648998" s="10"/>
    </row>
    <row r="648999" spans="14:14">
      <c r="N648999" s="10"/>
    </row>
    <row r="649000" spans="14:14">
      <c r="N649000" s="10"/>
    </row>
    <row r="649001" spans="14:14">
      <c r="N649001" s="10"/>
    </row>
    <row r="649002" spans="14:14">
      <c r="N649002" s="10"/>
    </row>
    <row r="649003" spans="14:14">
      <c r="N649003" s="10"/>
    </row>
    <row r="649004" spans="14:14">
      <c r="N649004" s="10"/>
    </row>
    <row r="649005" spans="14:14">
      <c r="N649005" s="10"/>
    </row>
    <row r="649006" spans="14:14">
      <c r="N649006" s="10"/>
    </row>
    <row r="649007" spans="14:14">
      <c r="N649007" s="10"/>
    </row>
    <row r="649008" spans="14:14">
      <c r="N649008" s="10"/>
    </row>
    <row r="649009" spans="14:14">
      <c r="N649009" s="10"/>
    </row>
    <row r="649010" spans="14:14">
      <c r="N649010" s="10"/>
    </row>
    <row r="649011" spans="14:14">
      <c r="N649011" s="10"/>
    </row>
    <row r="649012" spans="14:14">
      <c r="N649012" s="10"/>
    </row>
    <row r="649013" spans="14:14">
      <c r="N649013" s="10"/>
    </row>
    <row r="649014" spans="14:14">
      <c r="N649014" s="10"/>
    </row>
    <row r="649015" spans="14:14">
      <c r="N649015" s="10"/>
    </row>
    <row r="649016" spans="14:14">
      <c r="N649016" s="10"/>
    </row>
    <row r="649017" spans="14:14">
      <c r="N649017" s="10"/>
    </row>
    <row r="649018" spans="14:14">
      <c r="N649018" s="10"/>
    </row>
    <row r="649019" spans="14:14">
      <c r="N649019" s="10"/>
    </row>
    <row r="649020" spans="14:14">
      <c r="N649020" s="10"/>
    </row>
    <row r="649021" spans="14:14">
      <c r="N649021" s="10"/>
    </row>
    <row r="649022" spans="14:14">
      <c r="N649022" s="10"/>
    </row>
    <row r="649023" spans="14:14">
      <c r="N649023" s="10"/>
    </row>
    <row r="649024" spans="14:14">
      <c r="N649024" s="10"/>
    </row>
    <row r="649025" spans="14:14">
      <c r="N649025" s="10"/>
    </row>
    <row r="649026" spans="14:14">
      <c r="N649026" s="10"/>
    </row>
    <row r="649027" spans="14:14">
      <c r="N649027" s="10"/>
    </row>
    <row r="649028" spans="14:14">
      <c r="N649028" s="10"/>
    </row>
    <row r="649029" spans="14:14">
      <c r="N649029" s="10"/>
    </row>
    <row r="649030" spans="14:14">
      <c r="N649030" s="10"/>
    </row>
    <row r="649031" spans="14:14">
      <c r="N649031" s="10"/>
    </row>
    <row r="649032" spans="14:14">
      <c r="N649032" s="10"/>
    </row>
    <row r="649033" spans="14:14">
      <c r="N649033" s="10"/>
    </row>
    <row r="649034" spans="14:14">
      <c r="N649034" s="10"/>
    </row>
    <row r="649035" spans="14:14">
      <c r="N649035" s="10"/>
    </row>
    <row r="649036" spans="14:14">
      <c r="N649036" s="10"/>
    </row>
    <row r="649037" spans="14:14">
      <c r="N649037" s="10"/>
    </row>
    <row r="649038" spans="14:14">
      <c r="N649038" s="10"/>
    </row>
    <row r="649039" spans="14:14">
      <c r="N649039" s="10"/>
    </row>
    <row r="649040" spans="14:14">
      <c r="N649040" s="10"/>
    </row>
    <row r="649041" spans="14:14">
      <c r="N649041" s="10"/>
    </row>
    <row r="649042" spans="14:14">
      <c r="N649042" s="10"/>
    </row>
    <row r="649043" spans="14:14">
      <c r="N649043" s="10"/>
    </row>
    <row r="649044" spans="14:14">
      <c r="N649044" s="10"/>
    </row>
    <row r="649045" spans="14:14">
      <c r="N649045" s="10"/>
    </row>
    <row r="649046" spans="14:14">
      <c r="N649046" s="10"/>
    </row>
    <row r="649047" spans="14:14">
      <c r="N649047" s="10"/>
    </row>
    <row r="649048" spans="14:14">
      <c r="N649048" s="10"/>
    </row>
    <row r="649049" spans="14:14">
      <c r="N649049" s="10"/>
    </row>
    <row r="649050" spans="14:14">
      <c r="N649050" s="10"/>
    </row>
    <row r="649051" spans="14:14">
      <c r="N649051" s="10"/>
    </row>
    <row r="649052" spans="14:14">
      <c r="N649052" s="10"/>
    </row>
    <row r="649053" spans="14:14">
      <c r="N649053" s="10"/>
    </row>
    <row r="649054" spans="14:14">
      <c r="N649054" s="10"/>
    </row>
    <row r="649055" spans="14:14">
      <c r="N649055" s="10"/>
    </row>
    <row r="649056" spans="14:14">
      <c r="N649056" s="10"/>
    </row>
    <row r="649057" spans="14:14">
      <c r="N649057" s="10"/>
    </row>
    <row r="649058" spans="14:14">
      <c r="N649058" s="10"/>
    </row>
    <row r="649059" spans="14:14">
      <c r="N649059" s="10"/>
    </row>
    <row r="649060" spans="14:14">
      <c r="N649060" s="10"/>
    </row>
    <row r="649061" spans="14:14">
      <c r="N649061" s="10"/>
    </row>
    <row r="649062" spans="14:14">
      <c r="N649062" s="10"/>
    </row>
    <row r="649063" spans="14:14">
      <c r="N649063" s="10"/>
    </row>
    <row r="649064" spans="14:14">
      <c r="N649064" s="10"/>
    </row>
    <row r="649065" spans="14:14">
      <c r="N649065" s="10"/>
    </row>
    <row r="649066" spans="14:14">
      <c r="N649066" s="10"/>
    </row>
    <row r="649067" spans="14:14">
      <c r="N649067" s="10"/>
    </row>
    <row r="649068" spans="14:14">
      <c r="N649068" s="10"/>
    </row>
    <row r="649069" spans="14:14">
      <c r="N649069" s="10"/>
    </row>
    <row r="649070" spans="14:14">
      <c r="N649070" s="10"/>
    </row>
    <row r="649071" spans="14:14">
      <c r="N649071" s="10"/>
    </row>
    <row r="649072" spans="14:14">
      <c r="N649072" s="10"/>
    </row>
    <row r="649073" spans="14:14">
      <c r="N649073" s="10"/>
    </row>
    <row r="649074" spans="14:14">
      <c r="N649074" s="10"/>
    </row>
    <row r="649075" spans="14:14">
      <c r="N649075" s="10"/>
    </row>
    <row r="649076" spans="14:14">
      <c r="N649076" s="10"/>
    </row>
    <row r="649077" spans="14:14">
      <c r="N649077" s="10"/>
    </row>
    <row r="649078" spans="14:14">
      <c r="N649078" s="10"/>
    </row>
    <row r="649079" spans="14:14">
      <c r="N649079" s="10"/>
    </row>
    <row r="649080" spans="14:14">
      <c r="N649080" s="10"/>
    </row>
    <row r="649081" spans="14:14">
      <c r="N649081" s="10"/>
    </row>
    <row r="649082" spans="14:14">
      <c r="N649082" s="10"/>
    </row>
    <row r="649083" spans="14:14">
      <c r="N649083" s="10"/>
    </row>
    <row r="649084" spans="14:14">
      <c r="N649084" s="10"/>
    </row>
    <row r="649085" spans="14:14">
      <c r="N649085" s="10"/>
    </row>
    <row r="649086" spans="14:14">
      <c r="N649086" s="10"/>
    </row>
    <row r="649087" spans="14:14">
      <c r="N649087" s="10"/>
    </row>
    <row r="649088" spans="14:14">
      <c r="N649088" s="10"/>
    </row>
    <row r="649089" spans="14:14">
      <c r="N649089" s="10"/>
    </row>
    <row r="649090" spans="14:14">
      <c r="N649090" s="10"/>
    </row>
    <row r="649091" spans="14:14">
      <c r="N649091" s="10"/>
    </row>
    <row r="649092" spans="14:14">
      <c r="N649092" s="10"/>
    </row>
    <row r="649093" spans="14:14">
      <c r="N649093" s="10"/>
    </row>
    <row r="649094" spans="14:14">
      <c r="N649094" s="10"/>
    </row>
    <row r="649095" spans="14:14">
      <c r="N649095" s="10"/>
    </row>
    <row r="649096" spans="14:14">
      <c r="N649096" s="10"/>
    </row>
    <row r="649097" spans="14:14">
      <c r="N649097" s="10"/>
    </row>
    <row r="649098" spans="14:14">
      <c r="N649098" s="10"/>
    </row>
    <row r="649099" spans="14:14">
      <c r="N649099" s="10"/>
    </row>
    <row r="649100" spans="14:14">
      <c r="N649100" s="10"/>
    </row>
    <row r="649101" spans="14:14">
      <c r="N649101" s="10"/>
    </row>
    <row r="649102" spans="14:14">
      <c r="N649102" s="10"/>
    </row>
    <row r="649103" spans="14:14">
      <c r="N649103" s="10"/>
    </row>
    <row r="649104" spans="14:14">
      <c r="N649104" s="10"/>
    </row>
    <row r="649105" spans="14:14">
      <c r="N649105" s="10"/>
    </row>
    <row r="649106" spans="14:14">
      <c r="N649106" s="10"/>
    </row>
    <row r="649107" spans="14:14">
      <c r="N649107" s="10"/>
    </row>
    <row r="649108" spans="14:14">
      <c r="N649108" s="10"/>
    </row>
    <row r="649109" spans="14:14">
      <c r="N649109" s="10"/>
    </row>
    <row r="649110" spans="14:14">
      <c r="N649110" s="10"/>
    </row>
    <row r="649111" spans="14:14">
      <c r="N649111" s="10"/>
    </row>
    <row r="649112" spans="14:14">
      <c r="N649112" s="10"/>
    </row>
    <row r="649113" spans="14:14">
      <c r="N649113" s="10"/>
    </row>
    <row r="649114" spans="14:14">
      <c r="N649114" s="10"/>
    </row>
    <row r="649115" spans="14:14">
      <c r="N649115" s="10"/>
    </row>
    <row r="649116" spans="14:14">
      <c r="N649116" s="10"/>
    </row>
    <row r="649117" spans="14:14">
      <c r="N649117" s="10"/>
    </row>
    <row r="649118" spans="14:14">
      <c r="N649118" s="10"/>
    </row>
    <row r="649119" spans="14:14">
      <c r="N649119" s="10"/>
    </row>
    <row r="649120" spans="14:14">
      <c r="N649120" s="10"/>
    </row>
    <row r="649121" spans="14:14">
      <c r="N649121" s="10"/>
    </row>
    <row r="649122" spans="14:14">
      <c r="N649122" s="10"/>
    </row>
    <row r="649123" spans="14:14">
      <c r="N649123" s="10"/>
    </row>
    <row r="649124" spans="14:14">
      <c r="N649124" s="10"/>
    </row>
    <row r="649125" spans="14:14">
      <c r="N649125" s="10"/>
    </row>
    <row r="649126" spans="14:14">
      <c r="N649126" s="10"/>
    </row>
    <row r="649127" spans="14:14">
      <c r="N649127" s="10"/>
    </row>
    <row r="649128" spans="14:14">
      <c r="N649128" s="10"/>
    </row>
    <row r="649129" spans="14:14">
      <c r="N649129" s="10"/>
    </row>
    <row r="649130" spans="14:14">
      <c r="N649130" s="10"/>
    </row>
    <row r="649131" spans="14:14">
      <c r="N649131" s="10"/>
    </row>
    <row r="649132" spans="14:14">
      <c r="N649132" s="10"/>
    </row>
    <row r="649133" spans="14:14">
      <c r="N649133" s="10"/>
    </row>
    <row r="649134" spans="14:14">
      <c r="N649134" s="10"/>
    </row>
    <row r="649135" spans="14:14">
      <c r="N649135" s="10"/>
    </row>
    <row r="649136" spans="14:14">
      <c r="N649136" s="10"/>
    </row>
    <row r="649137" spans="14:14">
      <c r="N649137" s="10"/>
    </row>
    <row r="649138" spans="14:14">
      <c r="N649138" s="10"/>
    </row>
    <row r="649139" spans="14:14">
      <c r="N649139" s="10"/>
    </row>
    <row r="649140" spans="14:14">
      <c r="N649140" s="10"/>
    </row>
    <row r="649141" spans="14:14">
      <c r="N649141" s="10"/>
    </row>
    <row r="649142" spans="14:14">
      <c r="N649142" s="10"/>
    </row>
    <row r="649143" spans="14:14">
      <c r="N649143" s="10"/>
    </row>
    <row r="649144" spans="14:14">
      <c r="N649144" s="10"/>
    </row>
    <row r="649145" spans="14:14">
      <c r="N649145" s="10"/>
    </row>
    <row r="649146" spans="14:14">
      <c r="N649146" s="10"/>
    </row>
    <row r="649147" spans="14:14">
      <c r="N649147" s="10"/>
    </row>
    <row r="649148" spans="14:14">
      <c r="N649148" s="10"/>
    </row>
    <row r="649149" spans="14:14">
      <c r="N649149" s="10"/>
    </row>
    <row r="649150" spans="14:14">
      <c r="N649150" s="10"/>
    </row>
    <row r="649151" spans="14:14">
      <c r="N649151" s="10"/>
    </row>
    <row r="649152" spans="14:14">
      <c r="N649152" s="10"/>
    </row>
    <row r="649153" spans="14:14">
      <c r="N649153" s="10"/>
    </row>
    <row r="649154" spans="14:14">
      <c r="N649154" s="10"/>
    </row>
    <row r="649155" spans="14:14">
      <c r="N649155" s="10"/>
    </row>
    <row r="649156" spans="14:14">
      <c r="N649156" s="10"/>
    </row>
    <row r="649157" spans="14:14">
      <c r="N649157" s="10"/>
    </row>
    <row r="649158" spans="14:14">
      <c r="N649158" s="10"/>
    </row>
    <row r="649159" spans="14:14">
      <c r="N649159" s="10"/>
    </row>
    <row r="649160" spans="14:14">
      <c r="N649160" s="10"/>
    </row>
    <row r="649161" spans="14:14">
      <c r="N649161" s="10"/>
    </row>
    <row r="649162" spans="14:14">
      <c r="N649162" s="10"/>
    </row>
    <row r="649163" spans="14:14">
      <c r="N649163" s="10"/>
    </row>
    <row r="649164" spans="14:14">
      <c r="N649164" s="10"/>
    </row>
    <row r="649165" spans="14:14">
      <c r="N649165" s="10"/>
    </row>
    <row r="649166" spans="14:14">
      <c r="N649166" s="10"/>
    </row>
    <row r="649167" spans="14:14">
      <c r="N649167" s="10"/>
    </row>
    <row r="649168" spans="14:14">
      <c r="N649168" s="10"/>
    </row>
    <row r="649169" spans="14:14">
      <c r="N649169" s="10"/>
    </row>
    <row r="649170" spans="14:14">
      <c r="N649170" s="10"/>
    </row>
    <row r="649171" spans="14:14">
      <c r="N649171" s="10"/>
    </row>
    <row r="649172" spans="14:14">
      <c r="N649172" s="10"/>
    </row>
    <row r="649173" spans="14:14">
      <c r="N649173" s="10"/>
    </row>
    <row r="649174" spans="14:14">
      <c r="N649174" s="10"/>
    </row>
    <row r="649175" spans="14:14">
      <c r="N649175" s="10"/>
    </row>
    <row r="649176" spans="14:14">
      <c r="N649176" s="10"/>
    </row>
    <row r="649177" spans="14:14">
      <c r="N649177" s="10"/>
    </row>
    <row r="649178" spans="14:14">
      <c r="N649178" s="10"/>
    </row>
    <row r="649179" spans="14:14">
      <c r="N649179" s="10"/>
    </row>
    <row r="649180" spans="14:14">
      <c r="N649180" s="10"/>
    </row>
    <row r="649181" spans="14:14">
      <c r="N649181" s="10"/>
    </row>
    <row r="649182" spans="14:14">
      <c r="N649182" s="10"/>
    </row>
    <row r="649183" spans="14:14">
      <c r="N649183" s="10"/>
    </row>
    <row r="649184" spans="14:14">
      <c r="N649184" s="10"/>
    </row>
    <row r="649185" spans="14:14">
      <c r="N649185" s="10"/>
    </row>
    <row r="649186" spans="14:14">
      <c r="N649186" s="10"/>
    </row>
    <row r="649187" spans="14:14">
      <c r="N649187" s="10"/>
    </row>
    <row r="649188" spans="14:14">
      <c r="N649188" s="10"/>
    </row>
    <row r="649189" spans="14:14">
      <c r="N649189" s="10"/>
    </row>
    <row r="649190" spans="14:14">
      <c r="N649190" s="10"/>
    </row>
    <row r="649191" spans="14:14">
      <c r="N649191" s="10"/>
    </row>
    <row r="649192" spans="14:14">
      <c r="N649192" s="10"/>
    </row>
    <row r="649193" spans="14:14">
      <c r="N649193" s="10"/>
    </row>
    <row r="649194" spans="14:14">
      <c r="N649194" s="10"/>
    </row>
    <row r="649195" spans="14:14">
      <c r="N649195" s="10"/>
    </row>
    <row r="649196" spans="14:14">
      <c r="N649196" s="10"/>
    </row>
    <row r="649197" spans="14:14">
      <c r="N649197" s="10"/>
    </row>
    <row r="649198" spans="14:14">
      <c r="N649198" s="10"/>
    </row>
    <row r="649199" spans="14:14">
      <c r="N649199" s="10"/>
    </row>
    <row r="649200" spans="14:14">
      <c r="N649200" s="10"/>
    </row>
    <row r="649201" spans="14:14">
      <c r="N649201" s="10"/>
    </row>
    <row r="649202" spans="14:14">
      <c r="N649202" s="10"/>
    </row>
    <row r="649203" spans="14:14">
      <c r="N649203" s="10"/>
    </row>
    <row r="649204" spans="14:14">
      <c r="N649204" s="10"/>
    </row>
    <row r="649205" spans="14:14">
      <c r="N649205" s="10"/>
    </row>
    <row r="649206" spans="14:14">
      <c r="N649206" s="10"/>
    </row>
    <row r="649207" spans="14:14">
      <c r="N649207" s="10"/>
    </row>
    <row r="649208" spans="14:14">
      <c r="N649208" s="10"/>
    </row>
    <row r="649209" spans="14:14">
      <c r="N649209" s="10"/>
    </row>
    <row r="649210" spans="14:14">
      <c r="N649210" s="10"/>
    </row>
    <row r="649211" spans="14:14">
      <c r="N649211" s="10"/>
    </row>
    <row r="649212" spans="14:14">
      <c r="N649212" s="10"/>
    </row>
    <row r="649213" spans="14:14">
      <c r="N649213" s="10"/>
    </row>
    <row r="649214" spans="14:14">
      <c r="N649214" s="10"/>
    </row>
    <row r="649215" spans="14:14">
      <c r="N649215" s="10"/>
    </row>
    <row r="649216" spans="14:14">
      <c r="N649216" s="10"/>
    </row>
    <row r="649217" spans="14:14">
      <c r="N649217" s="10"/>
    </row>
    <row r="649218" spans="14:14">
      <c r="N649218" s="10"/>
    </row>
    <row r="649219" spans="14:14">
      <c r="N649219" s="10"/>
    </row>
    <row r="649220" spans="14:14">
      <c r="N649220" s="10"/>
    </row>
    <row r="649221" spans="14:14">
      <c r="N649221" s="10"/>
    </row>
    <row r="649222" spans="14:14">
      <c r="N649222" s="10"/>
    </row>
    <row r="649223" spans="14:14">
      <c r="N649223" s="10"/>
    </row>
    <row r="649224" spans="14:14">
      <c r="N649224" s="10"/>
    </row>
    <row r="649225" spans="14:14">
      <c r="N649225" s="10"/>
    </row>
    <row r="649226" spans="14:14">
      <c r="N649226" s="10"/>
    </row>
    <row r="649227" spans="14:14">
      <c r="N649227" s="10"/>
    </row>
    <row r="649228" spans="14:14">
      <c r="N649228" s="10"/>
    </row>
    <row r="649229" spans="14:14">
      <c r="N649229" s="10"/>
    </row>
    <row r="649230" spans="14:14">
      <c r="N649230" s="10"/>
    </row>
    <row r="649231" spans="14:14">
      <c r="N649231" s="10"/>
    </row>
    <row r="649232" spans="14:14">
      <c r="N649232" s="10"/>
    </row>
    <row r="649233" spans="14:14">
      <c r="N649233" s="10"/>
    </row>
    <row r="649234" spans="14:14">
      <c r="N649234" s="10"/>
    </row>
    <row r="649235" spans="14:14">
      <c r="N649235" s="10"/>
    </row>
    <row r="649236" spans="14:14">
      <c r="N649236" s="10"/>
    </row>
    <row r="649237" spans="14:14">
      <c r="N649237" s="10"/>
    </row>
    <row r="649238" spans="14:14">
      <c r="N649238" s="10"/>
    </row>
    <row r="649239" spans="14:14">
      <c r="N649239" s="10"/>
    </row>
    <row r="649240" spans="14:14">
      <c r="N649240" s="10"/>
    </row>
    <row r="649241" spans="14:14">
      <c r="N649241" s="10"/>
    </row>
    <row r="649242" spans="14:14">
      <c r="N649242" s="10"/>
    </row>
    <row r="649243" spans="14:14">
      <c r="N649243" s="10"/>
    </row>
    <row r="649244" spans="14:14">
      <c r="N649244" s="10"/>
    </row>
    <row r="649245" spans="14:14">
      <c r="N649245" s="10"/>
    </row>
    <row r="649246" spans="14:14">
      <c r="N649246" s="10"/>
    </row>
    <row r="649247" spans="14:14">
      <c r="N649247" s="10"/>
    </row>
    <row r="649248" spans="14:14">
      <c r="N649248" s="10"/>
    </row>
    <row r="649249" spans="14:14">
      <c r="N649249" s="10"/>
    </row>
    <row r="649250" spans="14:14">
      <c r="N649250" s="10"/>
    </row>
    <row r="649251" spans="14:14">
      <c r="N649251" s="10"/>
    </row>
    <row r="649252" spans="14:14">
      <c r="N649252" s="10"/>
    </row>
    <row r="649253" spans="14:14">
      <c r="N649253" s="10"/>
    </row>
    <row r="649254" spans="14:14">
      <c r="N649254" s="10"/>
    </row>
    <row r="649255" spans="14:14">
      <c r="N649255" s="10"/>
    </row>
    <row r="649256" spans="14:14">
      <c r="N649256" s="10"/>
    </row>
    <row r="649257" spans="14:14">
      <c r="N649257" s="10"/>
    </row>
    <row r="649258" spans="14:14">
      <c r="N649258" s="10"/>
    </row>
    <row r="649259" spans="14:14">
      <c r="N649259" s="10"/>
    </row>
    <row r="649260" spans="14:14">
      <c r="N649260" s="10"/>
    </row>
    <row r="649261" spans="14:14">
      <c r="N649261" s="10"/>
    </row>
    <row r="649262" spans="14:14">
      <c r="N649262" s="10"/>
    </row>
    <row r="649263" spans="14:14">
      <c r="N649263" s="10"/>
    </row>
    <row r="649264" spans="14:14">
      <c r="N649264" s="10"/>
    </row>
    <row r="649265" spans="14:14">
      <c r="N649265" s="10"/>
    </row>
    <row r="649266" spans="14:14">
      <c r="N649266" s="10"/>
    </row>
    <row r="649267" spans="14:14">
      <c r="N649267" s="10"/>
    </row>
    <row r="649268" spans="14:14">
      <c r="N649268" s="10"/>
    </row>
    <row r="649269" spans="14:14">
      <c r="N649269" s="10"/>
    </row>
    <row r="649270" spans="14:14">
      <c r="N649270" s="10"/>
    </row>
    <row r="649271" spans="14:14">
      <c r="N649271" s="10"/>
    </row>
    <row r="649272" spans="14:14">
      <c r="N649272" s="10"/>
    </row>
    <row r="649273" spans="14:14">
      <c r="N649273" s="10"/>
    </row>
    <row r="649274" spans="14:14">
      <c r="N649274" s="10"/>
    </row>
    <row r="649275" spans="14:14">
      <c r="N649275" s="10"/>
    </row>
    <row r="649276" spans="14:14">
      <c r="N649276" s="10"/>
    </row>
    <row r="649277" spans="14:14">
      <c r="N649277" s="10"/>
    </row>
    <row r="649278" spans="14:14">
      <c r="N649278" s="10"/>
    </row>
    <row r="649279" spans="14:14">
      <c r="N649279" s="10"/>
    </row>
    <row r="649280" spans="14:14">
      <c r="N649280" s="10"/>
    </row>
    <row r="649281" spans="14:14">
      <c r="N649281" s="10"/>
    </row>
    <row r="649282" spans="14:14">
      <c r="N649282" s="10"/>
    </row>
    <row r="649283" spans="14:14">
      <c r="N649283" s="10"/>
    </row>
    <row r="649284" spans="14:14">
      <c r="N649284" s="10"/>
    </row>
    <row r="649285" spans="14:14">
      <c r="N649285" s="10"/>
    </row>
    <row r="649286" spans="14:14">
      <c r="N649286" s="10"/>
    </row>
    <row r="649287" spans="14:14">
      <c r="N649287" s="10"/>
    </row>
    <row r="649288" spans="14:14">
      <c r="N649288" s="10"/>
    </row>
    <row r="649289" spans="14:14">
      <c r="N649289" s="10"/>
    </row>
    <row r="649290" spans="14:14">
      <c r="N649290" s="10"/>
    </row>
    <row r="649291" spans="14:14">
      <c r="N649291" s="10"/>
    </row>
    <row r="649292" spans="14:14">
      <c r="N649292" s="10"/>
    </row>
    <row r="649293" spans="14:14">
      <c r="N649293" s="10"/>
    </row>
    <row r="649294" spans="14:14">
      <c r="N649294" s="10"/>
    </row>
    <row r="649295" spans="14:14">
      <c r="N649295" s="10"/>
    </row>
    <row r="649296" spans="14:14">
      <c r="N649296" s="10"/>
    </row>
    <row r="649297" spans="14:14">
      <c r="N649297" s="10"/>
    </row>
    <row r="649298" spans="14:14">
      <c r="N649298" s="10"/>
    </row>
    <row r="649299" spans="14:14">
      <c r="N649299" s="10"/>
    </row>
    <row r="649300" spans="14:14">
      <c r="N649300" s="10"/>
    </row>
    <row r="649301" spans="14:14">
      <c r="N649301" s="10"/>
    </row>
    <row r="649302" spans="14:14">
      <c r="N649302" s="10"/>
    </row>
    <row r="649303" spans="14:14">
      <c r="N649303" s="10"/>
    </row>
    <row r="649304" spans="14:14">
      <c r="N649304" s="10"/>
    </row>
    <row r="649305" spans="14:14">
      <c r="N649305" s="10"/>
    </row>
    <row r="649306" spans="14:14">
      <c r="N649306" s="10"/>
    </row>
    <row r="649307" spans="14:14">
      <c r="N649307" s="10"/>
    </row>
    <row r="649308" spans="14:14">
      <c r="N649308" s="10"/>
    </row>
    <row r="649309" spans="14:14">
      <c r="N649309" s="10"/>
    </row>
    <row r="649310" spans="14:14">
      <c r="N649310" s="10"/>
    </row>
    <row r="649311" spans="14:14">
      <c r="N649311" s="10"/>
    </row>
    <row r="649312" spans="14:14">
      <c r="N649312" s="10"/>
    </row>
    <row r="649313" spans="14:14">
      <c r="N649313" s="10"/>
    </row>
    <row r="649314" spans="14:14">
      <c r="N649314" s="10"/>
    </row>
    <row r="649315" spans="14:14">
      <c r="N649315" s="10"/>
    </row>
    <row r="649316" spans="14:14">
      <c r="N649316" s="10"/>
    </row>
    <row r="649317" spans="14:14">
      <c r="N649317" s="10"/>
    </row>
    <row r="649318" spans="14:14">
      <c r="N649318" s="10"/>
    </row>
    <row r="649319" spans="14:14">
      <c r="N649319" s="10"/>
    </row>
    <row r="649320" spans="14:14">
      <c r="N649320" s="10"/>
    </row>
    <row r="649321" spans="14:14">
      <c r="N649321" s="10"/>
    </row>
    <row r="649322" spans="14:14">
      <c r="N649322" s="10"/>
    </row>
    <row r="649323" spans="14:14">
      <c r="N649323" s="10"/>
    </row>
    <row r="649324" spans="14:14">
      <c r="N649324" s="10"/>
    </row>
    <row r="649325" spans="14:14">
      <c r="N649325" s="10"/>
    </row>
    <row r="649326" spans="14:14">
      <c r="N649326" s="10"/>
    </row>
    <row r="649327" spans="14:14">
      <c r="N649327" s="10"/>
    </row>
    <row r="649328" spans="14:14">
      <c r="N649328" s="10"/>
    </row>
    <row r="649329" spans="14:14">
      <c r="N649329" s="10"/>
    </row>
    <row r="649330" spans="14:14">
      <c r="N649330" s="10"/>
    </row>
    <row r="649331" spans="14:14">
      <c r="N649331" s="10"/>
    </row>
    <row r="649332" spans="14:14">
      <c r="N649332" s="10"/>
    </row>
    <row r="649333" spans="14:14">
      <c r="N649333" s="10"/>
    </row>
    <row r="649334" spans="14:14">
      <c r="N649334" s="10"/>
    </row>
    <row r="649335" spans="14:14">
      <c r="N649335" s="10"/>
    </row>
    <row r="649336" spans="14:14">
      <c r="N649336" s="10"/>
    </row>
    <row r="649337" spans="14:14">
      <c r="N649337" s="10"/>
    </row>
    <row r="649338" spans="14:14">
      <c r="N649338" s="10"/>
    </row>
    <row r="649339" spans="14:14">
      <c r="N649339" s="10"/>
    </row>
    <row r="649340" spans="14:14">
      <c r="N649340" s="10"/>
    </row>
    <row r="649341" spans="14:14">
      <c r="N649341" s="10"/>
    </row>
    <row r="649342" spans="14:14">
      <c r="N649342" s="10"/>
    </row>
    <row r="649343" spans="14:14">
      <c r="N649343" s="10"/>
    </row>
    <row r="649344" spans="14:14">
      <c r="N649344" s="10"/>
    </row>
    <row r="649345" spans="14:14">
      <c r="N649345" s="10"/>
    </row>
    <row r="649346" spans="14:14">
      <c r="N649346" s="10"/>
    </row>
    <row r="649347" spans="14:14">
      <c r="N649347" s="10"/>
    </row>
    <row r="649348" spans="14:14">
      <c r="N649348" s="10"/>
    </row>
    <row r="649349" spans="14:14">
      <c r="N649349" s="10"/>
    </row>
    <row r="649350" spans="14:14">
      <c r="N649350" s="10"/>
    </row>
    <row r="649351" spans="14:14">
      <c r="N649351" s="10"/>
    </row>
    <row r="649352" spans="14:14">
      <c r="N649352" s="10"/>
    </row>
    <row r="649353" spans="14:14">
      <c r="N649353" s="10"/>
    </row>
    <row r="649354" spans="14:14">
      <c r="N649354" s="10"/>
    </row>
    <row r="649355" spans="14:14">
      <c r="N649355" s="10"/>
    </row>
    <row r="649356" spans="14:14">
      <c r="N649356" s="10"/>
    </row>
    <row r="649357" spans="14:14">
      <c r="N649357" s="10"/>
    </row>
    <row r="649358" spans="14:14">
      <c r="N649358" s="10"/>
    </row>
    <row r="649359" spans="14:14">
      <c r="N649359" s="10"/>
    </row>
    <row r="649360" spans="14:14">
      <c r="N649360" s="10"/>
    </row>
    <row r="649361" spans="14:14">
      <c r="N649361" s="10"/>
    </row>
    <row r="649362" spans="14:14">
      <c r="N649362" s="10"/>
    </row>
    <row r="649363" spans="14:14">
      <c r="N649363" s="10"/>
    </row>
    <row r="649364" spans="14:14">
      <c r="N649364" s="10"/>
    </row>
    <row r="649365" spans="14:14">
      <c r="N649365" s="10"/>
    </row>
    <row r="649366" spans="14:14">
      <c r="N649366" s="10"/>
    </row>
    <row r="649367" spans="14:14">
      <c r="N649367" s="10"/>
    </row>
    <row r="649368" spans="14:14">
      <c r="N649368" s="10"/>
    </row>
    <row r="649369" spans="14:14">
      <c r="N649369" s="10"/>
    </row>
    <row r="649370" spans="14:14">
      <c r="N649370" s="10"/>
    </row>
    <row r="649371" spans="14:14">
      <c r="N649371" s="10"/>
    </row>
    <row r="649372" spans="14:14">
      <c r="N649372" s="10"/>
    </row>
    <row r="649373" spans="14:14">
      <c r="N649373" s="10"/>
    </row>
    <row r="649374" spans="14:14">
      <c r="N649374" s="10"/>
    </row>
    <row r="649375" spans="14:14">
      <c r="N649375" s="10"/>
    </row>
    <row r="649376" spans="14:14">
      <c r="N649376" s="10"/>
    </row>
    <row r="649377" spans="14:14">
      <c r="N649377" s="10"/>
    </row>
    <row r="649378" spans="14:14">
      <c r="N649378" s="10"/>
    </row>
    <row r="649379" spans="14:14">
      <c r="N649379" s="10"/>
    </row>
    <row r="649380" spans="14:14">
      <c r="N649380" s="10"/>
    </row>
    <row r="649381" spans="14:14">
      <c r="N649381" s="10"/>
    </row>
    <row r="649382" spans="14:14">
      <c r="N649382" s="10"/>
    </row>
    <row r="649383" spans="14:14">
      <c r="N649383" s="10"/>
    </row>
    <row r="649384" spans="14:14">
      <c r="N649384" s="10"/>
    </row>
    <row r="649385" spans="14:14">
      <c r="N649385" s="10"/>
    </row>
    <row r="649386" spans="14:14">
      <c r="N649386" s="10"/>
    </row>
    <row r="649387" spans="14:14">
      <c r="N649387" s="10"/>
    </row>
    <row r="649388" spans="14:14">
      <c r="N649388" s="10"/>
    </row>
    <row r="649389" spans="14:14">
      <c r="N649389" s="10"/>
    </row>
    <row r="649390" spans="14:14">
      <c r="N649390" s="10"/>
    </row>
    <row r="649391" spans="14:14">
      <c r="N649391" s="10"/>
    </row>
    <row r="649392" spans="14:14">
      <c r="N649392" s="10"/>
    </row>
    <row r="649393" spans="14:14">
      <c r="N649393" s="10"/>
    </row>
    <row r="649394" spans="14:14">
      <c r="N649394" s="10"/>
    </row>
    <row r="649395" spans="14:14">
      <c r="N649395" s="10"/>
    </row>
    <row r="649396" spans="14:14">
      <c r="N649396" s="10"/>
    </row>
    <row r="649397" spans="14:14">
      <c r="N649397" s="10"/>
    </row>
    <row r="649398" spans="14:14">
      <c r="N649398" s="10"/>
    </row>
    <row r="649399" spans="14:14">
      <c r="N649399" s="10"/>
    </row>
    <row r="649400" spans="14:14">
      <c r="N649400" s="10"/>
    </row>
    <row r="649401" spans="14:14">
      <c r="N649401" s="10"/>
    </row>
    <row r="649402" spans="14:14">
      <c r="N649402" s="10"/>
    </row>
    <row r="649403" spans="14:14">
      <c r="N649403" s="10"/>
    </row>
    <row r="649404" spans="14:14">
      <c r="N649404" s="10"/>
    </row>
    <row r="649405" spans="14:14">
      <c r="N649405" s="10"/>
    </row>
    <row r="649406" spans="14:14">
      <c r="N649406" s="10"/>
    </row>
    <row r="649407" spans="14:14">
      <c r="N649407" s="10"/>
    </row>
    <row r="649408" spans="14:14">
      <c r="N649408" s="10"/>
    </row>
    <row r="649409" spans="14:14">
      <c r="N649409" s="10"/>
    </row>
    <row r="649410" spans="14:14">
      <c r="N649410" s="10"/>
    </row>
    <row r="649411" spans="14:14">
      <c r="N649411" s="10"/>
    </row>
    <row r="649412" spans="14:14">
      <c r="N649412" s="10"/>
    </row>
    <row r="649413" spans="14:14">
      <c r="N649413" s="10"/>
    </row>
    <row r="649414" spans="14:14">
      <c r="N649414" s="10"/>
    </row>
    <row r="649415" spans="14:14">
      <c r="N649415" s="10"/>
    </row>
    <row r="649416" spans="14:14">
      <c r="N649416" s="10"/>
    </row>
    <row r="649417" spans="14:14">
      <c r="N649417" s="10"/>
    </row>
    <row r="649418" spans="14:14">
      <c r="N649418" s="10"/>
    </row>
    <row r="649419" spans="14:14">
      <c r="N649419" s="10"/>
    </row>
    <row r="649420" spans="14:14">
      <c r="N649420" s="10"/>
    </row>
    <row r="649421" spans="14:14">
      <c r="N649421" s="10"/>
    </row>
    <row r="649422" spans="14:14">
      <c r="N649422" s="10"/>
    </row>
    <row r="649423" spans="14:14">
      <c r="N649423" s="10"/>
    </row>
    <row r="649424" spans="14:14">
      <c r="N649424" s="10"/>
    </row>
    <row r="649425" spans="14:14">
      <c r="N649425" s="10"/>
    </row>
    <row r="649426" spans="14:14">
      <c r="N649426" s="10"/>
    </row>
    <row r="649427" spans="14:14">
      <c r="N649427" s="10"/>
    </row>
    <row r="649428" spans="14:14">
      <c r="N649428" s="10"/>
    </row>
    <row r="649429" spans="14:14">
      <c r="N649429" s="10"/>
    </row>
    <row r="649430" spans="14:14">
      <c r="N649430" s="10"/>
    </row>
    <row r="649431" spans="14:14">
      <c r="N649431" s="10"/>
    </row>
    <row r="649432" spans="14:14">
      <c r="N649432" s="10"/>
    </row>
    <row r="649433" spans="14:14">
      <c r="N649433" s="10"/>
    </row>
    <row r="649434" spans="14:14">
      <c r="N649434" s="10"/>
    </row>
    <row r="649435" spans="14:14">
      <c r="N649435" s="10"/>
    </row>
    <row r="649436" spans="14:14">
      <c r="N649436" s="10"/>
    </row>
    <row r="649437" spans="14:14">
      <c r="N649437" s="10"/>
    </row>
    <row r="649438" spans="14:14">
      <c r="N649438" s="10"/>
    </row>
    <row r="649439" spans="14:14">
      <c r="N649439" s="10"/>
    </row>
    <row r="649440" spans="14:14">
      <c r="N649440" s="10"/>
    </row>
    <row r="649441" spans="14:14">
      <c r="N649441" s="10"/>
    </row>
    <row r="649442" spans="14:14">
      <c r="N649442" s="10"/>
    </row>
    <row r="649443" spans="14:14">
      <c r="N649443" s="10"/>
    </row>
    <row r="649444" spans="14:14">
      <c r="N649444" s="10"/>
    </row>
    <row r="649445" spans="14:14">
      <c r="N649445" s="10"/>
    </row>
    <row r="649446" spans="14:14">
      <c r="N649446" s="10"/>
    </row>
    <row r="649447" spans="14:14">
      <c r="N649447" s="10"/>
    </row>
    <row r="649448" spans="14:14">
      <c r="N649448" s="10"/>
    </row>
    <row r="649449" spans="14:14">
      <c r="N649449" s="10"/>
    </row>
    <row r="649450" spans="14:14">
      <c r="N649450" s="10"/>
    </row>
    <row r="649451" spans="14:14">
      <c r="N649451" s="10"/>
    </row>
    <row r="649452" spans="14:14">
      <c r="N649452" s="10"/>
    </row>
    <row r="649453" spans="14:14">
      <c r="N649453" s="10"/>
    </row>
    <row r="649454" spans="14:14">
      <c r="N649454" s="10"/>
    </row>
    <row r="649455" spans="14:14">
      <c r="N649455" s="10"/>
    </row>
    <row r="649456" spans="14:14">
      <c r="N649456" s="10"/>
    </row>
    <row r="649457" spans="14:14">
      <c r="N649457" s="10"/>
    </row>
    <row r="649458" spans="14:14">
      <c r="N649458" s="10"/>
    </row>
    <row r="649459" spans="14:14">
      <c r="N649459" s="10"/>
    </row>
    <row r="649460" spans="14:14">
      <c r="N649460" s="10"/>
    </row>
    <row r="649461" spans="14:14">
      <c r="N649461" s="10"/>
    </row>
    <row r="649462" spans="14:14">
      <c r="N649462" s="10"/>
    </row>
    <row r="649463" spans="14:14">
      <c r="N649463" s="10"/>
    </row>
    <row r="649464" spans="14:14">
      <c r="N649464" s="10"/>
    </row>
    <row r="649465" spans="14:14">
      <c r="N649465" s="10"/>
    </row>
    <row r="649466" spans="14:14">
      <c r="N649466" s="10"/>
    </row>
    <row r="649467" spans="14:14">
      <c r="N649467" s="10"/>
    </row>
    <row r="649468" spans="14:14">
      <c r="N649468" s="10"/>
    </row>
    <row r="649469" spans="14:14">
      <c r="N649469" s="10"/>
    </row>
    <row r="649470" spans="14:14">
      <c r="N649470" s="10"/>
    </row>
    <row r="649471" spans="14:14">
      <c r="N649471" s="10"/>
    </row>
    <row r="649472" spans="14:14">
      <c r="N649472" s="10"/>
    </row>
    <row r="649473" spans="14:14">
      <c r="N649473" s="10"/>
    </row>
    <row r="649474" spans="14:14">
      <c r="N649474" s="10"/>
    </row>
    <row r="649475" spans="14:14">
      <c r="N649475" s="10"/>
    </row>
    <row r="649476" spans="14:14">
      <c r="N649476" s="10"/>
    </row>
    <row r="649477" spans="14:14">
      <c r="N649477" s="10"/>
    </row>
    <row r="649478" spans="14:14">
      <c r="N649478" s="10"/>
    </row>
    <row r="649479" spans="14:14">
      <c r="N649479" s="10"/>
    </row>
    <row r="649480" spans="14:14">
      <c r="N649480" s="10"/>
    </row>
    <row r="649481" spans="14:14">
      <c r="N649481" s="10"/>
    </row>
    <row r="649482" spans="14:14">
      <c r="N649482" s="10"/>
    </row>
    <row r="649483" spans="14:14">
      <c r="N649483" s="10"/>
    </row>
    <row r="649484" spans="14:14">
      <c r="N649484" s="10"/>
    </row>
    <row r="649485" spans="14:14">
      <c r="N649485" s="10"/>
    </row>
    <row r="649486" spans="14:14">
      <c r="N649486" s="10"/>
    </row>
    <row r="649487" spans="14:14">
      <c r="N649487" s="10"/>
    </row>
    <row r="649488" spans="14:14">
      <c r="N649488" s="10"/>
    </row>
    <row r="649489" spans="14:14">
      <c r="N649489" s="10"/>
    </row>
    <row r="649490" spans="14:14">
      <c r="N649490" s="10"/>
    </row>
    <row r="649491" spans="14:14">
      <c r="N649491" s="10"/>
    </row>
    <row r="649492" spans="14:14">
      <c r="N649492" s="10"/>
    </row>
    <row r="649493" spans="14:14">
      <c r="N649493" s="10"/>
    </row>
    <row r="649494" spans="14:14">
      <c r="N649494" s="10"/>
    </row>
    <row r="649495" spans="14:14">
      <c r="N649495" s="10"/>
    </row>
    <row r="649496" spans="14:14">
      <c r="N649496" s="10"/>
    </row>
    <row r="649497" spans="14:14">
      <c r="N649497" s="10"/>
    </row>
    <row r="649498" spans="14:14">
      <c r="N649498" s="10"/>
    </row>
    <row r="649499" spans="14:14">
      <c r="N649499" s="10"/>
    </row>
    <row r="649500" spans="14:14">
      <c r="N649500" s="10"/>
    </row>
    <row r="649501" spans="14:14">
      <c r="N649501" s="10"/>
    </row>
    <row r="649502" spans="14:14">
      <c r="N649502" s="10"/>
    </row>
    <row r="649503" spans="14:14">
      <c r="N649503" s="10"/>
    </row>
    <row r="649504" spans="14:14">
      <c r="N649504" s="10"/>
    </row>
    <row r="649505" spans="14:14">
      <c r="N649505" s="10"/>
    </row>
    <row r="649506" spans="14:14">
      <c r="N649506" s="10"/>
    </row>
    <row r="649507" spans="14:14">
      <c r="N649507" s="10"/>
    </row>
    <row r="649508" spans="14:14">
      <c r="N649508" s="10"/>
    </row>
    <row r="649509" spans="14:14">
      <c r="N649509" s="10"/>
    </row>
    <row r="649510" spans="14:14">
      <c r="N649510" s="10"/>
    </row>
    <row r="649511" spans="14:14">
      <c r="N649511" s="10"/>
    </row>
    <row r="649512" spans="14:14">
      <c r="N649512" s="10"/>
    </row>
    <row r="649513" spans="14:14">
      <c r="N649513" s="10"/>
    </row>
    <row r="649514" spans="14:14">
      <c r="N649514" s="10"/>
    </row>
    <row r="649515" spans="14:14">
      <c r="N649515" s="10"/>
    </row>
    <row r="649516" spans="14:14">
      <c r="N649516" s="10"/>
    </row>
    <row r="649517" spans="14:14">
      <c r="N649517" s="10"/>
    </row>
    <row r="649518" spans="14:14">
      <c r="N649518" s="10"/>
    </row>
    <row r="649519" spans="14:14">
      <c r="N649519" s="10"/>
    </row>
    <row r="649520" spans="14:14">
      <c r="N649520" s="10"/>
    </row>
    <row r="649521" spans="14:14">
      <c r="N649521" s="10"/>
    </row>
    <row r="649522" spans="14:14">
      <c r="N649522" s="10"/>
    </row>
    <row r="649523" spans="14:14">
      <c r="N649523" s="10"/>
    </row>
    <row r="649524" spans="14:14">
      <c r="N649524" s="10"/>
    </row>
    <row r="649525" spans="14:14">
      <c r="N649525" s="10"/>
    </row>
    <row r="649526" spans="14:14">
      <c r="N649526" s="10"/>
    </row>
    <row r="649527" spans="14:14">
      <c r="N649527" s="10"/>
    </row>
    <row r="649528" spans="14:14">
      <c r="N649528" s="10"/>
    </row>
    <row r="649529" spans="14:14">
      <c r="N649529" s="10"/>
    </row>
    <row r="649530" spans="14:14">
      <c r="N649530" s="10"/>
    </row>
    <row r="649531" spans="14:14">
      <c r="N649531" s="10"/>
    </row>
    <row r="649532" spans="14:14">
      <c r="N649532" s="10"/>
    </row>
    <row r="649533" spans="14:14">
      <c r="N649533" s="10"/>
    </row>
    <row r="649534" spans="14:14">
      <c r="N649534" s="10"/>
    </row>
    <row r="649535" spans="14:14">
      <c r="N649535" s="10"/>
    </row>
    <row r="649536" spans="14:14">
      <c r="N649536" s="10"/>
    </row>
    <row r="649537" spans="14:14">
      <c r="N649537" s="10"/>
    </row>
    <row r="649538" spans="14:14">
      <c r="N649538" s="10"/>
    </row>
    <row r="649539" spans="14:14">
      <c r="N649539" s="10"/>
    </row>
    <row r="649540" spans="14:14">
      <c r="N649540" s="10"/>
    </row>
    <row r="649541" spans="14:14">
      <c r="N649541" s="10"/>
    </row>
    <row r="649542" spans="14:14">
      <c r="N649542" s="10"/>
    </row>
    <row r="649543" spans="14:14">
      <c r="N649543" s="10"/>
    </row>
    <row r="649544" spans="14:14">
      <c r="N649544" s="10"/>
    </row>
    <row r="649545" spans="14:14">
      <c r="N649545" s="10"/>
    </row>
    <row r="649546" spans="14:14">
      <c r="N649546" s="10"/>
    </row>
    <row r="649547" spans="14:14">
      <c r="N649547" s="10"/>
    </row>
    <row r="649548" spans="14:14">
      <c r="N649548" s="10"/>
    </row>
    <row r="649549" spans="14:14">
      <c r="N649549" s="10"/>
    </row>
    <row r="649550" spans="14:14">
      <c r="N649550" s="10"/>
    </row>
    <row r="649551" spans="14:14">
      <c r="N649551" s="10"/>
    </row>
    <row r="649552" spans="14:14">
      <c r="N649552" s="10"/>
    </row>
    <row r="649553" spans="14:14">
      <c r="N649553" s="10"/>
    </row>
    <row r="649554" spans="14:14">
      <c r="N649554" s="10"/>
    </row>
    <row r="649555" spans="14:14">
      <c r="N649555" s="10"/>
    </row>
    <row r="649556" spans="14:14">
      <c r="N649556" s="10"/>
    </row>
    <row r="649557" spans="14:14">
      <c r="N649557" s="10"/>
    </row>
    <row r="649558" spans="14:14">
      <c r="N649558" s="10"/>
    </row>
    <row r="649559" spans="14:14">
      <c r="N649559" s="10"/>
    </row>
    <row r="649560" spans="14:14">
      <c r="N649560" s="10"/>
    </row>
    <row r="649561" spans="14:14">
      <c r="N649561" s="10"/>
    </row>
    <row r="649562" spans="14:14">
      <c r="N649562" s="10"/>
    </row>
    <row r="649563" spans="14:14">
      <c r="N649563" s="10"/>
    </row>
    <row r="649564" spans="14:14">
      <c r="N649564" s="10"/>
    </row>
    <row r="649565" spans="14:14">
      <c r="N649565" s="10"/>
    </row>
    <row r="649566" spans="14:14">
      <c r="N649566" s="10"/>
    </row>
    <row r="649567" spans="14:14">
      <c r="N649567" s="10"/>
    </row>
    <row r="649568" spans="14:14">
      <c r="N649568" s="10"/>
    </row>
    <row r="649569" spans="14:14">
      <c r="N649569" s="10"/>
    </row>
    <row r="649570" spans="14:14">
      <c r="N649570" s="10"/>
    </row>
    <row r="649571" spans="14:14">
      <c r="N649571" s="10"/>
    </row>
    <row r="649572" spans="14:14">
      <c r="N649572" s="10"/>
    </row>
    <row r="649573" spans="14:14">
      <c r="N649573" s="10"/>
    </row>
    <row r="649574" spans="14:14">
      <c r="N649574" s="10"/>
    </row>
    <row r="649575" spans="14:14">
      <c r="N649575" s="10"/>
    </row>
    <row r="649576" spans="14:14">
      <c r="N649576" s="10"/>
    </row>
    <row r="649577" spans="14:14">
      <c r="N649577" s="10"/>
    </row>
    <row r="649578" spans="14:14">
      <c r="N649578" s="10"/>
    </row>
    <row r="649579" spans="14:14">
      <c r="N649579" s="10"/>
    </row>
    <row r="649580" spans="14:14">
      <c r="N649580" s="10"/>
    </row>
    <row r="649581" spans="14:14">
      <c r="N649581" s="10"/>
    </row>
    <row r="649582" spans="14:14">
      <c r="N649582" s="10"/>
    </row>
    <row r="649583" spans="14:14">
      <c r="N649583" s="10"/>
    </row>
    <row r="649584" spans="14:14">
      <c r="N649584" s="10"/>
    </row>
    <row r="649585" spans="14:14">
      <c r="N649585" s="10"/>
    </row>
    <row r="649586" spans="14:14">
      <c r="N649586" s="10"/>
    </row>
    <row r="649587" spans="14:14">
      <c r="N649587" s="10"/>
    </row>
    <row r="649588" spans="14:14">
      <c r="N649588" s="10"/>
    </row>
    <row r="649589" spans="14:14">
      <c r="N649589" s="10"/>
    </row>
    <row r="649590" spans="14:14">
      <c r="N649590" s="10"/>
    </row>
    <row r="649591" spans="14:14">
      <c r="N649591" s="10"/>
    </row>
    <row r="649592" spans="14:14">
      <c r="N649592" s="10"/>
    </row>
    <row r="649593" spans="14:14">
      <c r="N649593" s="10"/>
    </row>
    <row r="649594" spans="14:14">
      <c r="N649594" s="10"/>
    </row>
    <row r="649595" spans="14:14">
      <c r="N649595" s="10"/>
    </row>
    <row r="649596" spans="14:14">
      <c r="N649596" s="10"/>
    </row>
    <row r="649597" spans="14:14">
      <c r="N649597" s="10"/>
    </row>
    <row r="649598" spans="14:14">
      <c r="N649598" s="10"/>
    </row>
    <row r="649599" spans="14:14">
      <c r="N649599" s="10"/>
    </row>
    <row r="649600" spans="14:14">
      <c r="N649600" s="10"/>
    </row>
    <row r="649601" spans="14:14">
      <c r="N649601" s="10"/>
    </row>
    <row r="649602" spans="14:14">
      <c r="N649602" s="10"/>
    </row>
    <row r="649603" spans="14:14">
      <c r="N649603" s="10"/>
    </row>
    <row r="649604" spans="14:14">
      <c r="N649604" s="10"/>
    </row>
    <row r="649605" spans="14:14">
      <c r="N649605" s="10"/>
    </row>
    <row r="649606" spans="14:14">
      <c r="N649606" s="10"/>
    </row>
    <row r="649607" spans="14:14">
      <c r="N649607" s="10"/>
    </row>
    <row r="649608" spans="14:14">
      <c r="N649608" s="10"/>
    </row>
    <row r="649609" spans="14:14">
      <c r="N649609" s="10"/>
    </row>
    <row r="649610" spans="14:14">
      <c r="N649610" s="10"/>
    </row>
    <row r="649611" spans="14:14">
      <c r="N649611" s="10"/>
    </row>
    <row r="649612" spans="14:14">
      <c r="N649612" s="10"/>
    </row>
    <row r="649613" spans="14:14">
      <c r="N649613" s="10"/>
    </row>
    <row r="649614" spans="14:14">
      <c r="N649614" s="10"/>
    </row>
    <row r="649615" spans="14:14">
      <c r="N649615" s="10"/>
    </row>
    <row r="649616" spans="14:14">
      <c r="N649616" s="10"/>
    </row>
    <row r="649617" spans="14:14">
      <c r="N649617" s="10"/>
    </row>
    <row r="649618" spans="14:14">
      <c r="N649618" s="10"/>
    </row>
    <row r="649619" spans="14:14">
      <c r="N649619" s="10"/>
    </row>
    <row r="649620" spans="14:14">
      <c r="N649620" s="10"/>
    </row>
    <row r="649621" spans="14:14">
      <c r="N649621" s="10"/>
    </row>
    <row r="649622" spans="14:14">
      <c r="N649622" s="10"/>
    </row>
    <row r="649623" spans="14:14">
      <c r="N649623" s="10"/>
    </row>
    <row r="649624" spans="14:14">
      <c r="N649624" s="10"/>
    </row>
    <row r="649625" spans="14:14">
      <c r="N649625" s="10"/>
    </row>
    <row r="649626" spans="14:14">
      <c r="N649626" s="10"/>
    </row>
    <row r="649627" spans="14:14">
      <c r="N649627" s="10"/>
    </row>
    <row r="649628" spans="14:14">
      <c r="N649628" s="10"/>
    </row>
    <row r="649629" spans="14:14">
      <c r="N649629" s="10"/>
    </row>
    <row r="649630" spans="14:14">
      <c r="N649630" s="10"/>
    </row>
    <row r="649631" spans="14:14">
      <c r="N649631" s="10"/>
    </row>
    <row r="649632" spans="14:14">
      <c r="N649632" s="10"/>
    </row>
    <row r="649633" spans="14:14">
      <c r="N649633" s="10"/>
    </row>
    <row r="649634" spans="14:14">
      <c r="N649634" s="10"/>
    </row>
    <row r="649635" spans="14:14">
      <c r="N649635" s="10"/>
    </row>
    <row r="649636" spans="14:14">
      <c r="N649636" s="10"/>
    </row>
    <row r="649637" spans="14:14">
      <c r="N649637" s="10"/>
    </row>
    <row r="649638" spans="14:14">
      <c r="N649638" s="10"/>
    </row>
    <row r="649639" spans="14:14">
      <c r="N649639" s="10"/>
    </row>
    <row r="649640" spans="14:14">
      <c r="N649640" s="10"/>
    </row>
    <row r="649641" spans="14:14">
      <c r="N649641" s="10"/>
    </row>
    <row r="649642" spans="14:14">
      <c r="N649642" s="10"/>
    </row>
    <row r="649643" spans="14:14">
      <c r="N649643" s="10"/>
    </row>
    <row r="649644" spans="14:14">
      <c r="N649644" s="10"/>
    </row>
    <row r="649645" spans="14:14">
      <c r="N649645" s="10"/>
    </row>
    <row r="649646" spans="14:14">
      <c r="N649646" s="10"/>
    </row>
    <row r="649647" spans="14:14">
      <c r="N649647" s="10"/>
    </row>
    <row r="649648" spans="14:14">
      <c r="N649648" s="10"/>
    </row>
    <row r="649649" spans="14:14">
      <c r="N649649" s="10"/>
    </row>
    <row r="649650" spans="14:14">
      <c r="N649650" s="10"/>
    </row>
    <row r="649651" spans="14:14">
      <c r="N649651" s="10"/>
    </row>
    <row r="649652" spans="14:14">
      <c r="N649652" s="10"/>
    </row>
    <row r="649653" spans="14:14">
      <c r="N649653" s="10"/>
    </row>
    <row r="649654" spans="14:14">
      <c r="N649654" s="10"/>
    </row>
    <row r="649655" spans="14:14">
      <c r="N649655" s="10"/>
    </row>
    <row r="649656" spans="14:14">
      <c r="N649656" s="10"/>
    </row>
    <row r="649657" spans="14:14">
      <c r="N649657" s="10"/>
    </row>
    <row r="649658" spans="14:14">
      <c r="N649658" s="10"/>
    </row>
    <row r="649659" spans="14:14">
      <c r="N649659" s="10"/>
    </row>
    <row r="649660" spans="14:14">
      <c r="N649660" s="10"/>
    </row>
    <row r="649661" spans="14:14">
      <c r="N649661" s="10"/>
    </row>
    <row r="649662" spans="14:14">
      <c r="N649662" s="10"/>
    </row>
    <row r="649663" spans="14:14">
      <c r="N649663" s="10"/>
    </row>
    <row r="649664" spans="14:14">
      <c r="N649664" s="10"/>
    </row>
    <row r="649665" spans="14:14">
      <c r="N649665" s="10"/>
    </row>
    <row r="649666" spans="14:14">
      <c r="N649666" s="10"/>
    </row>
    <row r="649667" spans="14:14">
      <c r="N649667" s="10"/>
    </row>
    <row r="649668" spans="14:14">
      <c r="N649668" s="10"/>
    </row>
    <row r="649669" spans="14:14">
      <c r="N649669" s="10"/>
    </row>
    <row r="649670" spans="14:14">
      <c r="N649670" s="10"/>
    </row>
    <row r="649671" spans="14:14">
      <c r="N649671" s="10"/>
    </row>
    <row r="649672" spans="14:14">
      <c r="N649672" s="10"/>
    </row>
    <row r="649673" spans="14:14">
      <c r="N649673" s="10"/>
    </row>
    <row r="649674" spans="14:14">
      <c r="N649674" s="10"/>
    </row>
    <row r="649675" spans="14:14">
      <c r="N649675" s="10"/>
    </row>
    <row r="649676" spans="14:14">
      <c r="N649676" s="10"/>
    </row>
    <row r="649677" spans="14:14">
      <c r="N649677" s="10"/>
    </row>
    <row r="649678" spans="14:14">
      <c r="N649678" s="10"/>
    </row>
    <row r="649679" spans="14:14">
      <c r="N649679" s="10"/>
    </row>
    <row r="649680" spans="14:14">
      <c r="N649680" s="10"/>
    </row>
    <row r="649681" spans="14:14">
      <c r="N649681" s="10"/>
    </row>
    <row r="649682" spans="14:14">
      <c r="N649682" s="10"/>
    </row>
    <row r="649683" spans="14:14">
      <c r="N649683" s="10"/>
    </row>
    <row r="649684" spans="14:14">
      <c r="N649684" s="10"/>
    </row>
    <row r="649685" spans="14:14">
      <c r="N649685" s="10"/>
    </row>
    <row r="649686" spans="14:14">
      <c r="N649686" s="10"/>
    </row>
    <row r="649687" spans="14:14">
      <c r="N649687" s="10"/>
    </row>
    <row r="649688" spans="14:14">
      <c r="N649688" s="10"/>
    </row>
    <row r="649689" spans="14:14">
      <c r="N649689" s="10"/>
    </row>
    <row r="649690" spans="14:14">
      <c r="N649690" s="10"/>
    </row>
    <row r="649691" spans="14:14">
      <c r="N649691" s="10"/>
    </row>
    <row r="649692" spans="14:14">
      <c r="N649692" s="10"/>
    </row>
    <row r="649693" spans="14:14">
      <c r="N649693" s="10"/>
    </row>
    <row r="649694" spans="14:14">
      <c r="N649694" s="10"/>
    </row>
    <row r="649695" spans="14:14">
      <c r="N649695" s="10"/>
    </row>
    <row r="649696" spans="14:14">
      <c r="N649696" s="10"/>
    </row>
    <row r="649697" spans="14:14">
      <c r="N649697" s="10"/>
    </row>
    <row r="649698" spans="14:14">
      <c r="N649698" s="10"/>
    </row>
    <row r="649699" spans="14:14">
      <c r="N649699" s="10"/>
    </row>
    <row r="649700" spans="14:14">
      <c r="N649700" s="10"/>
    </row>
    <row r="649701" spans="14:14">
      <c r="N649701" s="10"/>
    </row>
    <row r="649702" spans="14:14">
      <c r="N649702" s="10"/>
    </row>
    <row r="649703" spans="14:14">
      <c r="N649703" s="10"/>
    </row>
    <row r="649704" spans="14:14">
      <c r="N649704" s="10"/>
    </row>
    <row r="649705" spans="14:14">
      <c r="N649705" s="10"/>
    </row>
    <row r="649706" spans="14:14">
      <c r="N649706" s="10"/>
    </row>
    <row r="649707" spans="14:14">
      <c r="N649707" s="10"/>
    </row>
    <row r="649708" spans="14:14">
      <c r="N649708" s="10"/>
    </row>
    <row r="649709" spans="14:14">
      <c r="N649709" s="10"/>
    </row>
    <row r="649710" spans="14:14">
      <c r="N649710" s="10"/>
    </row>
    <row r="649711" spans="14:14">
      <c r="N649711" s="10"/>
    </row>
    <row r="649712" spans="14:14">
      <c r="N649712" s="10"/>
    </row>
    <row r="649713" spans="14:14">
      <c r="N649713" s="10"/>
    </row>
    <row r="649714" spans="14:14">
      <c r="N649714" s="10"/>
    </row>
    <row r="649715" spans="14:14">
      <c r="N649715" s="10"/>
    </row>
    <row r="649716" spans="14:14">
      <c r="N649716" s="10"/>
    </row>
    <row r="649717" spans="14:14">
      <c r="N649717" s="10"/>
    </row>
    <row r="649718" spans="14:14">
      <c r="N649718" s="10"/>
    </row>
    <row r="649719" spans="14:14">
      <c r="N649719" s="10"/>
    </row>
    <row r="649720" spans="14:14">
      <c r="N649720" s="10"/>
    </row>
    <row r="649721" spans="14:14">
      <c r="N649721" s="10"/>
    </row>
    <row r="649722" spans="14:14">
      <c r="N649722" s="10"/>
    </row>
    <row r="649723" spans="14:14">
      <c r="N649723" s="10"/>
    </row>
    <row r="649724" spans="14:14">
      <c r="N649724" s="10"/>
    </row>
    <row r="649725" spans="14:14">
      <c r="N649725" s="10"/>
    </row>
    <row r="649726" spans="14:14">
      <c r="N649726" s="10"/>
    </row>
    <row r="649727" spans="14:14">
      <c r="N649727" s="10"/>
    </row>
    <row r="649728" spans="14:14">
      <c r="N649728" s="10"/>
    </row>
    <row r="649729" spans="14:14">
      <c r="N649729" s="10"/>
    </row>
    <row r="649730" spans="14:14">
      <c r="N649730" s="10"/>
    </row>
    <row r="649731" spans="14:14">
      <c r="N649731" s="10"/>
    </row>
    <row r="649732" spans="14:14">
      <c r="N649732" s="10"/>
    </row>
    <row r="649733" spans="14:14">
      <c r="N649733" s="10"/>
    </row>
    <row r="649734" spans="14:14">
      <c r="N649734" s="10"/>
    </row>
    <row r="649735" spans="14:14">
      <c r="N649735" s="10"/>
    </row>
    <row r="649736" spans="14:14">
      <c r="N649736" s="10"/>
    </row>
    <row r="649737" spans="14:14">
      <c r="N649737" s="10"/>
    </row>
    <row r="649738" spans="14:14">
      <c r="N649738" s="10"/>
    </row>
    <row r="649739" spans="14:14">
      <c r="N649739" s="10"/>
    </row>
    <row r="649740" spans="14:14">
      <c r="N649740" s="10"/>
    </row>
    <row r="649741" spans="14:14">
      <c r="N649741" s="10"/>
    </row>
    <row r="649742" spans="14:14">
      <c r="N649742" s="10"/>
    </row>
    <row r="649743" spans="14:14">
      <c r="N649743" s="10"/>
    </row>
    <row r="649744" spans="14:14">
      <c r="N649744" s="10"/>
    </row>
    <row r="649745" spans="14:14">
      <c r="N649745" s="10"/>
    </row>
    <row r="649746" spans="14:14">
      <c r="N649746" s="10"/>
    </row>
    <row r="649747" spans="14:14">
      <c r="N649747" s="10"/>
    </row>
    <row r="649748" spans="14:14">
      <c r="N649748" s="10"/>
    </row>
    <row r="649749" spans="14:14">
      <c r="N649749" s="10"/>
    </row>
    <row r="649750" spans="14:14">
      <c r="N649750" s="10"/>
    </row>
    <row r="649751" spans="14:14">
      <c r="N649751" s="10"/>
    </row>
    <row r="649752" spans="14:14">
      <c r="N649752" s="10"/>
    </row>
    <row r="649753" spans="14:14">
      <c r="N649753" s="10"/>
    </row>
    <row r="649754" spans="14:14">
      <c r="N649754" s="10"/>
    </row>
    <row r="649755" spans="14:14">
      <c r="N649755" s="10"/>
    </row>
    <row r="649756" spans="14:14">
      <c r="N649756" s="10"/>
    </row>
    <row r="649757" spans="14:14">
      <c r="N649757" s="10"/>
    </row>
    <row r="649758" spans="14:14">
      <c r="N649758" s="10"/>
    </row>
    <row r="649759" spans="14:14">
      <c r="N649759" s="10"/>
    </row>
    <row r="649760" spans="14:14">
      <c r="N649760" s="10"/>
    </row>
    <row r="649761" spans="14:14">
      <c r="N649761" s="10"/>
    </row>
    <row r="649762" spans="14:14">
      <c r="N649762" s="10"/>
    </row>
    <row r="649763" spans="14:14">
      <c r="N649763" s="10"/>
    </row>
    <row r="649764" spans="14:14">
      <c r="N649764" s="10"/>
    </row>
    <row r="649765" spans="14:14">
      <c r="N649765" s="10"/>
    </row>
    <row r="649766" spans="14:14">
      <c r="N649766" s="10"/>
    </row>
    <row r="649767" spans="14:14">
      <c r="N649767" s="10"/>
    </row>
    <row r="649768" spans="14:14">
      <c r="N649768" s="10"/>
    </row>
    <row r="649769" spans="14:14">
      <c r="N649769" s="10"/>
    </row>
    <row r="649770" spans="14:14">
      <c r="N649770" s="10"/>
    </row>
    <row r="649771" spans="14:14">
      <c r="N649771" s="10"/>
    </row>
    <row r="649772" spans="14:14">
      <c r="N649772" s="10"/>
    </row>
    <row r="649773" spans="14:14">
      <c r="N649773" s="10"/>
    </row>
    <row r="649774" spans="14:14">
      <c r="N649774" s="10"/>
    </row>
    <row r="649775" spans="14:14">
      <c r="N649775" s="10"/>
    </row>
    <row r="649776" spans="14:14">
      <c r="N649776" s="10"/>
    </row>
    <row r="649777" spans="14:14">
      <c r="N649777" s="10"/>
    </row>
    <row r="649778" spans="14:14">
      <c r="N649778" s="10"/>
    </row>
    <row r="649779" spans="14:14">
      <c r="N649779" s="10"/>
    </row>
    <row r="649780" spans="14:14">
      <c r="N649780" s="10"/>
    </row>
    <row r="649781" spans="14:14">
      <c r="N649781" s="10"/>
    </row>
    <row r="649782" spans="14:14">
      <c r="N649782" s="10"/>
    </row>
    <row r="649783" spans="14:14">
      <c r="N649783" s="10"/>
    </row>
    <row r="649784" spans="14:14">
      <c r="N649784" s="10"/>
    </row>
    <row r="649785" spans="14:14">
      <c r="N649785" s="10"/>
    </row>
    <row r="649786" spans="14:14">
      <c r="N649786" s="10"/>
    </row>
    <row r="649787" spans="14:14">
      <c r="N649787" s="10"/>
    </row>
    <row r="649788" spans="14:14">
      <c r="N649788" s="10"/>
    </row>
    <row r="649789" spans="14:14">
      <c r="N649789" s="10"/>
    </row>
    <row r="649790" spans="14:14">
      <c r="N649790" s="10"/>
    </row>
    <row r="649791" spans="14:14">
      <c r="N649791" s="10"/>
    </row>
    <row r="649792" spans="14:14">
      <c r="N649792" s="10"/>
    </row>
    <row r="649793" spans="14:14">
      <c r="N649793" s="10"/>
    </row>
    <row r="649794" spans="14:14">
      <c r="N649794" s="10"/>
    </row>
    <row r="649795" spans="14:14">
      <c r="N649795" s="10"/>
    </row>
    <row r="649796" spans="14:14">
      <c r="N649796" s="10"/>
    </row>
    <row r="649797" spans="14:14">
      <c r="N649797" s="10"/>
    </row>
    <row r="649798" spans="14:14">
      <c r="N649798" s="10"/>
    </row>
    <row r="649799" spans="14:14">
      <c r="N649799" s="10"/>
    </row>
    <row r="649800" spans="14:14">
      <c r="N649800" s="10"/>
    </row>
    <row r="649801" spans="14:14">
      <c r="N649801" s="10"/>
    </row>
    <row r="649802" spans="14:14">
      <c r="N649802" s="10"/>
    </row>
    <row r="649803" spans="14:14">
      <c r="N649803" s="10"/>
    </row>
    <row r="649804" spans="14:14">
      <c r="N649804" s="10"/>
    </row>
    <row r="649805" spans="14:14">
      <c r="N649805" s="10"/>
    </row>
    <row r="649806" spans="14:14">
      <c r="N649806" s="10"/>
    </row>
    <row r="649807" spans="14:14">
      <c r="N649807" s="10"/>
    </row>
    <row r="649808" spans="14:14">
      <c r="N649808" s="10"/>
    </row>
    <row r="649809" spans="14:14">
      <c r="N649809" s="10"/>
    </row>
    <row r="649810" spans="14:14">
      <c r="N649810" s="10"/>
    </row>
    <row r="649811" spans="14:14">
      <c r="N649811" s="10"/>
    </row>
    <row r="649812" spans="14:14">
      <c r="N649812" s="10"/>
    </row>
    <row r="649813" spans="14:14">
      <c r="N649813" s="10"/>
    </row>
    <row r="649814" spans="14:14">
      <c r="N649814" s="10"/>
    </row>
    <row r="649815" spans="14:14">
      <c r="N649815" s="10"/>
    </row>
    <row r="649816" spans="14:14">
      <c r="N649816" s="10"/>
    </row>
    <row r="649817" spans="14:14">
      <c r="N649817" s="10"/>
    </row>
    <row r="649818" spans="14:14">
      <c r="N649818" s="10"/>
    </row>
    <row r="649819" spans="14:14">
      <c r="N649819" s="10"/>
    </row>
    <row r="649820" spans="14:14">
      <c r="N649820" s="10"/>
    </row>
    <row r="649821" spans="14:14">
      <c r="N649821" s="10"/>
    </row>
    <row r="649822" spans="14:14">
      <c r="N649822" s="10"/>
    </row>
    <row r="649823" spans="14:14">
      <c r="N649823" s="10"/>
    </row>
    <row r="649824" spans="14:14">
      <c r="N649824" s="10"/>
    </row>
    <row r="649825" spans="14:14">
      <c r="N649825" s="10"/>
    </row>
    <row r="649826" spans="14:14">
      <c r="N649826" s="10"/>
    </row>
    <row r="649827" spans="14:14">
      <c r="N649827" s="10"/>
    </row>
    <row r="649828" spans="14:14">
      <c r="N649828" s="10"/>
    </row>
    <row r="649829" spans="14:14">
      <c r="N649829" s="10"/>
    </row>
    <row r="649830" spans="14:14">
      <c r="N649830" s="10"/>
    </row>
    <row r="649831" spans="14:14">
      <c r="N649831" s="10"/>
    </row>
    <row r="649832" spans="14:14">
      <c r="N649832" s="10"/>
    </row>
    <row r="649833" spans="14:14">
      <c r="N649833" s="10"/>
    </row>
    <row r="649834" spans="14:14">
      <c r="N649834" s="10"/>
    </row>
    <row r="649835" spans="14:14">
      <c r="N649835" s="10"/>
    </row>
    <row r="649836" spans="14:14">
      <c r="N649836" s="10"/>
    </row>
    <row r="649837" spans="14:14">
      <c r="N649837" s="10"/>
    </row>
    <row r="649838" spans="14:14">
      <c r="N649838" s="10"/>
    </row>
    <row r="649839" spans="14:14">
      <c r="N649839" s="10"/>
    </row>
    <row r="649840" spans="14:14">
      <c r="N649840" s="10"/>
    </row>
    <row r="649841" spans="14:14">
      <c r="N649841" s="10"/>
    </row>
    <row r="649842" spans="14:14">
      <c r="N649842" s="10"/>
    </row>
    <row r="649843" spans="14:14">
      <c r="N649843" s="10"/>
    </row>
    <row r="649844" spans="14:14">
      <c r="N649844" s="10"/>
    </row>
    <row r="649845" spans="14:14">
      <c r="N649845" s="10"/>
    </row>
    <row r="649846" spans="14:14">
      <c r="N649846" s="10"/>
    </row>
    <row r="649847" spans="14:14">
      <c r="N649847" s="10"/>
    </row>
    <row r="649848" spans="14:14">
      <c r="N649848" s="10"/>
    </row>
    <row r="649849" spans="14:14">
      <c r="N649849" s="10"/>
    </row>
    <row r="649850" spans="14:14">
      <c r="N649850" s="10"/>
    </row>
    <row r="649851" spans="14:14">
      <c r="N649851" s="10"/>
    </row>
    <row r="649852" spans="14:14">
      <c r="N649852" s="10"/>
    </row>
    <row r="649853" spans="14:14">
      <c r="N649853" s="10"/>
    </row>
    <row r="649854" spans="14:14">
      <c r="N649854" s="10"/>
    </row>
    <row r="649855" spans="14:14">
      <c r="N649855" s="10"/>
    </row>
    <row r="649856" spans="14:14">
      <c r="N649856" s="10"/>
    </row>
    <row r="649857" spans="14:14">
      <c r="N649857" s="10"/>
    </row>
    <row r="649858" spans="14:14">
      <c r="N649858" s="10"/>
    </row>
    <row r="649859" spans="14:14">
      <c r="N649859" s="10"/>
    </row>
    <row r="649860" spans="14:14">
      <c r="N649860" s="10"/>
    </row>
    <row r="649861" spans="14:14">
      <c r="N649861" s="10"/>
    </row>
    <row r="649862" spans="14:14">
      <c r="N649862" s="10"/>
    </row>
    <row r="649863" spans="14:14">
      <c r="N649863" s="10"/>
    </row>
    <row r="649864" spans="14:14">
      <c r="N649864" s="10"/>
    </row>
    <row r="649865" spans="14:14">
      <c r="N649865" s="10"/>
    </row>
    <row r="649866" spans="14:14">
      <c r="N649866" s="10"/>
    </row>
    <row r="649867" spans="14:14">
      <c r="N649867" s="10"/>
    </row>
    <row r="649868" spans="14:14">
      <c r="N649868" s="10"/>
    </row>
    <row r="649869" spans="14:14">
      <c r="N649869" s="10"/>
    </row>
    <row r="649870" spans="14:14">
      <c r="N649870" s="10"/>
    </row>
    <row r="649871" spans="14:14">
      <c r="N649871" s="10"/>
    </row>
    <row r="649872" spans="14:14">
      <c r="N649872" s="10"/>
    </row>
    <row r="649873" spans="14:14">
      <c r="N649873" s="10"/>
    </row>
    <row r="649874" spans="14:14">
      <c r="N649874" s="10"/>
    </row>
    <row r="649875" spans="14:14">
      <c r="N649875" s="10"/>
    </row>
    <row r="649876" spans="14:14">
      <c r="N649876" s="10"/>
    </row>
    <row r="649877" spans="14:14">
      <c r="N649877" s="10"/>
    </row>
    <row r="649878" spans="14:14">
      <c r="N649878" s="10"/>
    </row>
    <row r="649879" spans="14:14">
      <c r="N649879" s="10"/>
    </row>
    <row r="649880" spans="14:14">
      <c r="N649880" s="10"/>
    </row>
    <row r="649881" spans="14:14">
      <c r="N649881" s="10"/>
    </row>
    <row r="649882" spans="14:14">
      <c r="N649882" s="10"/>
    </row>
    <row r="649883" spans="14:14">
      <c r="N649883" s="10"/>
    </row>
    <row r="649884" spans="14:14">
      <c r="N649884" s="10"/>
    </row>
    <row r="649885" spans="14:14">
      <c r="N649885" s="10"/>
    </row>
    <row r="649886" spans="14:14">
      <c r="N649886" s="10"/>
    </row>
    <row r="649887" spans="14:14">
      <c r="N649887" s="10"/>
    </row>
    <row r="649888" spans="14:14">
      <c r="N649888" s="10"/>
    </row>
    <row r="649889" spans="14:14">
      <c r="N649889" s="10"/>
    </row>
    <row r="649890" spans="14:14">
      <c r="N649890" s="10"/>
    </row>
    <row r="649891" spans="14:14">
      <c r="N649891" s="10"/>
    </row>
    <row r="649892" spans="14:14">
      <c r="N649892" s="10"/>
    </row>
    <row r="649893" spans="14:14">
      <c r="N649893" s="10"/>
    </row>
    <row r="649894" spans="14:14">
      <c r="N649894" s="10"/>
    </row>
    <row r="649895" spans="14:14">
      <c r="N649895" s="10"/>
    </row>
    <row r="649896" spans="14:14">
      <c r="N649896" s="10"/>
    </row>
    <row r="649897" spans="14:14">
      <c r="N649897" s="10"/>
    </row>
    <row r="649898" spans="14:14">
      <c r="N649898" s="10"/>
    </row>
    <row r="649899" spans="14:14">
      <c r="N649899" s="10"/>
    </row>
    <row r="649900" spans="14:14">
      <c r="N649900" s="10"/>
    </row>
    <row r="649901" spans="14:14">
      <c r="N649901" s="10"/>
    </row>
    <row r="649902" spans="14:14">
      <c r="N649902" s="10"/>
    </row>
    <row r="649903" spans="14:14">
      <c r="N649903" s="10"/>
    </row>
    <row r="649904" spans="14:14">
      <c r="N649904" s="10"/>
    </row>
    <row r="649905" spans="14:14">
      <c r="N649905" s="10"/>
    </row>
    <row r="649906" spans="14:14">
      <c r="N649906" s="10"/>
    </row>
    <row r="649907" spans="14:14">
      <c r="N649907" s="10"/>
    </row>
    <row r="649908" spans="14:14">
      <c r="N649908" s="10"/>
    </row>
    <row r="649909" spans="14:14">
      <c r="N649909" s="10"/>
    </row>
    <row r="649910" spans="14:14">
      <c r="N649910" s="10"/>
    </row>
    <row r="649911" spans="14:14">
      <c r="N649911" s="10"/>
    </row>
    <row r="649912" spans="14:14">
      <c r="N649912" s="10"/>
    </row>
    <row r="649913" spans="14:14">
      <c r="N649913" s="10"/>
    </row>
    <row r="649914" spans="14:14">
      <c r="N649914" s="10"/>
    </row>
    <row r="649915" spans="14:14">
      <c r="N649915" s="10"/>
    </row>
    <row r="649916" spans="14:14">
      <c r="N649916" s="10"/>
    </row>
    <row r="649917" spans="14:14">
      <c r="N649917" s="10"/>
    </row>
    <row r="649918" spans="14:14">
      <c r="N649918" s="10"/>
    </row>
    <row r="649919" spans="14:14">
      <c r="N649919" s="10"/>
    </row>
    <row r="649920" spans="14:14">
      <c r="N649920" s="10"/>
    </row>
    <row r="649921" spans="14:14">
      <c r="N649921" s="10"/>
    </row>
    <row r="649922" spans="14:14">
      <c r="N649922" s="10"/>
    </row>
    <row r="649923" spans="14:14">
      <c r="N649923" s="10"/>
    </row>
    <row r="649924" spans="14:14">
      <c r="N649924" s="10"/>
    </row>
    <row r="649925" spans="14:14">
      <c r="N649925" s="10"/>
    </row>
    <row r="649926" spans="14:14">
      <c r="N649926" s="10"/>
    </row>
    <row r="649927" spans="14:14">
      <c r="N649927" s="10"/>
    </row>
    <row r="649928" spans="14:14">
      <c r="N649928" s="10"/>
    </row>
    <row r="649929" spans="14:14">
      <c r="N649929" s="10"/>
    </row>
    <row r="649930" spans="14:14">
      <c r="N649930" s="10"/>
    </row>
    <row r="649931" spans="14:14">
      <c r="N649931" s="10"/>
    </row>
    <row r="649932" spans="14:14">
      <c r="N649932" s="10"/>
    </row>
    <row r="649933" spans="14:14">
      <c r="N649933" s="10"/>
    </row>
    <row r="649934" spans="14:14">
      <c r="N649934" s="10"/>
    </row>
    <row r="649935" spans="14:14">
      <c r="N649935" s="10"/>
    </row>
    <row r="649936" spans="14:14">
      <c r="N649936" s="10"/>
    </row>
    <row r="649937" spans="14:14">
      <c r="N649937" s="10"/>
    </row>
    <row r="649938" spans="14:14">
      <c r="N649938" s="10"/>
    </row>
    <row r="649939" spans="14:14">
      <c r="N649939" s="10"/>
    </row>
    <row r="649940" spans="14:14">
      <c r="N649940" s="10"/>
    </row>
    <row r="649941" spans="14:14">
      <c r="N649941" s="10"/>
    </row>
    <row r="649942" spans="14:14">
      <c r="N649942" s="10"/>
    </row>
    <row r="649943" spans="14:14">
      <c r="N649943" s="10"/>
    </row>
    <row r="649944" spans="14:14">
      <c r="N649944" s="10"/>
    </row>
    <row r="649945" spans="14:14">
      <c r="N649945" s="10"/>
    </row>
    <row r="649946" spans="14:14">
      <c r="N649946" s="10"/>
    </row>
    <row r="649947" spans="14:14">
      <c r="N649947" s="10"/>
    </row>
    <row r="649948" spans="14:14">
      <c r="N649948" s="10"/>
    </row>
    <row r="649949" spans="14:14">
      <c r="N649949" s="10"/>
    </row>
    <row r="649950" spans="14:14">
      <c r="N649950" s="10"/>
    </row>
    <row r="649951" spans="14:14">
      <c r="N649951" s="10"/>
    </row>
    <row r="649952" spans="14:14">
      <c r="N649952" s="10"/>
    </row>
    <row r="649953" spans="14:14">
      <c r="N649953" s="10"/>
    </row>
    <row r="649954" spans="14:14">
      <c r="N649954" s="10"/>
    </row>
    <row r="649955" spans="14:14">
      <c r="N649955" s="10"/>
    </row>
    <row r="649956" spans="14:14">
      <c r="N649956" s="10"/>
    </row>
    <row r="649957" spans="14:14">
      <c r="N649957" s="10"/>
    </row>
    <row r="649958" spans="14:14">
      <c r="N649958" s="10"/>
    </row>
    <row r="649959" spans="14:14">
      <c r="N649959" s="10"/>
    </row>
    <row r="649960" spans="14:14">
      <c r="N649960" s="10"/>
    </row>
    <row r="649961" spans="14:14">
      <c r="N649961" s="10"/>
    </row>
    <row r="649962" spans="14:14">
      <c r="N649962" s="10"/>
    </row>
    <row r="649963" spans="14:14">
      <c r="N649963" s="10"/>
    </row>
    <row r="649964" spans="14:14">
      <c r="N649964" s="10"/>
    </row>
    <row r="649965" spans="14:14">
      <c r="N649965" s="10"/>
    </row>
    <row r="649966" spans="14:14">
      <c r="N649966" s="10"/>
    </row>
    <row r="649967" spans="14:14">
      <c r="N649967" s="10"/>
    </row>
    <row r="649968" spans="14:14">
      <c r="N649968" s="10"/>
    </row>
    <row r="649969" spans="14:14">
      <c r="N649969" s="10"/>
    </row>
    <row r="649970" spans="14:14">
      <c r="N649970" s="10"/>
    </row>
    <row r="649971" spans="14:14">
      <c r="N649971" s="10"/>
    </row>
    <row r="649972" spans="14:14">
      <c r="N649972" s="10"/>
    </row>
    <row r="649973" spans="14:14">
      <c r="N649973" s="10"/>
    </row>
    <row r="649974" spans="14:14">
      <c r="N649974" s="10"/>
    </row>
    <row r="649975" spans="14:14">
      <c r="N649975" s="10"/>
    </row>
    <row r="649976" spans="14:14">
      <c r="N649976" s="10"/>
    </row>
    <row r="649977" spans="14:14">
      <c r="N649977" s="10"/>
    </row>
    <row r="649978" spans="14:14">
      <c r="N649978" s="10"/>
    </row>
    <row r="649979" spans="14:14">
      <c r="N649979" s="10"/>
    </row>
    <row r="649980" spans="14:14">
      <c r="N649980" s="10"/>
    </row>
    <row r="649981" spans="14:14">
      <c r="N649981" s="10"/>
    </row>
    <row r="649982" spans="14:14">
      <c r="N649982" s="10"/>
    </row>
    <row r="649983" spans="14:14">
      <c r="N649983" s="10"/>
    </row>
    <row r="649984" spans="14:14">
      <c r="N649984" s="10"/>
    </row>
    <row r="649985" spans="14:14">
      <c r="N649985" s="10"/>
    </row>
    <row r="649986" spans="14:14">
      <c r="N649986" s="10"/>
    </row>
    <row r="649987" spans="14:14">
      <c r="N649987" s="10"/>
    </row>
    <row r="649988" spans="14:14">
      <c r="N649988" s="10"/>
    </row>
    <row r="649989" spans="14:14">
      <c r="N649989" s="10"/>
    </row>
    <row r="649990" spans="14:14">
      <c r="N649990" s="10"/>
    </row>
    <row r="649991" spans="14:14">
      <c r="N649991" s="10"/>
    </row>
    <row r="649992" spans="14:14">
      <c r="N649992" s="10"/>
    </row>
    <row r="649993" spans="14:14">
      <c r="N649993" s="10"/>
    </row>
    <row r="649994" spans="14:14">
      <c r="N649994" s="10"/>
    </row>
    <row r="649995" spans="14:14">
      <c r="N649995" s="10"/>
    </row>
    <row r="649996" spans="14:14">
      <c r="N649996" s="10"/>
    </row>
    <row r="649997" spans="14:14">
      <c r="N649997" s="10"/>
    </row>
    <row r="649998" spans="14:14">
      <c r="N649998" s="10"/>
    </row>
    <row r="649999" spans="14:14">
      <c r="N649999" s="10"/>
    </row>
    <row r="650000" spans="14:14">
      <c r="N650000" s="10"/>
    </row>
    <row r="650001" spans="14:14">
      <c r="N650001" s="10"/>
    </row>
    <row r="650002" spans="14:14">
      <c r="N650002" s="10"/>
    </row>
    <row r="650003" spans="14:14">
      <c r="N650003" s="10"/>
    </row>
    <row r="650004" spans="14:14">
      <c r="N650004" s="10"/>
    </row>
    <row r="650005" spans="14:14">
      <c r="N650005" s="10"/>
    </row>
    <row r="650006" spans="14:14">
      <c r="N650006" s="10"/>
    </row>
    <row r="650007" spans="14:14">
      <c r="N650007" s="10"/>
    </row>
    <row r="650008" spans="14:14">
      <c r="N650008" s="10"/>
    </row>
    <row r="650009" spans="14:14">
      <c r="N650009" s="10"/>
    </row>
    <row r="650010" spans="14:14">
      <c r="N650010" s="10"/>
    </row>
    <row r="650011" spans="14:14">
      <c r="N650011" s="10"/>
    </row>
    <row r="650012" spans="14:14">
      <c r="N650012" s="10"/>
    </row>
    <row r="650013" spans="14:14">
      <c r="N650013" s="10"/>
    </row>
    <row r="650014" spans="14:14">
      <c r="N650014" s="10"/>
    </row>
    <row r="650015" spans="14:14">
      <c r="N650015" s="10"/>
    </row>
    <row r="650016" spans="14:14">
      <c r="N650016" s="10"/>
    </row>
    <row r="650017" spans="14:14">
      <c r="N650017" s="10"/>
    </row>
    <row r="650018" spans="14:14">
      <c r="N650018" s="10"/>
    </row>
    <row r="650019" spans="14:14">
      <c r="N650019" s="10"/>
    </row>
    <row r="650020" spans="14:14">
      <c r="N650020" s="10"/>
    </row>
    <row r="650021" spans="14:14">
      <c r="N650021" s="10"/>
    </row>
    <row r="650022" spans="14:14">
      <c r="N650022" s="10"/>
    </row>
    <row r="650023" spans="14:14">
      <c r="N650023" s="10"/>
    </row>
    <row r="650024" spans="14:14">
      <c r="N650024" s="10"/>
    </row>
    <row r="650025" spans="14:14">
      <c r="N650025" s="10"/>
    </row>
    <row r="650026" spans="14:14">
      <c r="N650026" s="10"/>
    </row>
    <row r="650027" spans="14:14">
      <c r="N650027" s="10"/>
    </row>
    <row r="650028" spans="14:14">
      <c r="N650028" s="10"/>
    </row>
    <row r="650029" spans="14:14">
      <c r="N650029" s="10"/>
    </row>
    <row r="650030" spans="14:14">
      <c r="N650030" s="10"/>
    </row>
    <row r="650031" spans="14:14">
      <c r="N650031" s="10"/>
    </row>
    <row r="650032" spans="14:14">
      <c r="N650032" s="10"/>
    </row>
    <row r="650033" spans="14:14">
      <c r="N650033" s="10"/>
    </row>
    <row r="650034" spans="14:14">
      <c r="N650034" s="10"/>
    </row>
    <row r="650035" spans="14:14">
      <c r="N650035" s="10"/>
    </row>
    <row r="650036" spans="14:14">
      <c r="N650036" s="10"/>
    </row>
    <row r="650037" spans="14:14">
      <c r="N650037" s="10"/>
    </row>
    <row r="650038" spans="14:14">
      <c r="N650038" s="10"/>
    </row>
    <row r="650039" spans="14:14">
      <c r="N650039" s="10"/>
    </row>
    <row r="650040" spans="14:14">
      <c r="N650040" s="10"/>
    </row>
    <row r="650041" spans="14:14">
      <c r="N650041" s="10"/>
    </row>
    <row r="650042" spans="14:14">
      <c r="N650042" s="10"/>
    </row>
    <row r="650043" spans="14:14">
      <c r="N650043" s="10"/>
    </row>
    <row r="650044" spans="14:14">
      <c r="N650044" s="10"/>
    </row>
    <row r="650045" spans="14:14">
      <c r="N650045" s="10"/>
    </row>
    <row r="650046" spans="14:14">
      <c r="N650046" s="10"/>
    </row>
    <row r="650047" spans="14:14">
      <c r="N650047" s="10"/>
    </row>
    <row r="650048" spans="14:14">
      <c r="N650048" s="10"/>
    </row>
    <row r="650049" spans="14:14">
      <c r="N650049" s="10"/>
    </row>
    <row r="650050" spans="14:14">
      <c r="N650050" s="10"/>
    </row>
    <row r="650051" spans="14:14">
      <c r="N650051" s="10"/>
    </row>
    <row r="650052" spans="14:14">
      <c r="N650052" s="10"/>
    </row>
    <row r="650053" spans="14:14">
      <c r="N650053" s="10"/>
    </row>
    <row r="650054" spans="14:14">
      <c r="N650054" s="10"/>
    </row>
    <row r="650055" spans="14:14">
      <c r="N650055" s="10"/>
    </row>
    <row r="650056" spans="14:14">
      <c r="N650056" s="10"/>
    </row>
    <row r="650057" spans="14:14">
      <c r="N650057" s="10"/>
    </row>
    <row r="650058" spans="14:14">
      <c r="N650058" s="10"/>
    </row>
    <row r="650059" spans="14:14">
      <c r="N650059" s="10"/>
    </row>
    <row r="650060" spans="14:14">
      <c r="N650060" s="10"/>
    </row>
    <row r="650061" spans="14:14">
      <c r="N650061" s="10"/>
    </row>
    <row r="650062" spans="14:14">
      <c r="N650062" s="10"/>
    </row>
    <row r="650063" spans="14:14">
      <c r="N650063" s="10"/>
    </row>
    <row r="650064" spans="14:14">
      <c r="N650064" s="10"/>
    </row>
    <row r="650065" spans="14:14">
      <c r="N650065" s="10"/>
    </row>
    <row r="650066" spans="14:14">
      <c r="N650066" s="10"/>
    </row>
    <row r="650067" spans="14:14">
      <c r="N650067" s="10"/>
    </row>
    <row r="650068" spans="14:14">
      <c r="N650068" s="10"/>
    </row>
    <row r="650069" spans="14:14">
      <c r="N650069" s="10"/>
    </row>
    <row r="650070" spans="14:14">
      <c r="N650070" s="10"/>
    </row>
    <row r="650071" spans="14:14">
      <c r="N650071" s="10"/>
    </row>
    <row r="650072" spans="14:14">
      <c r="N650072" s="10"/>
    </row>
    <row r="650073" spans="14:14">
      <c r="N650073" s="10"/>
    </row>
    <row r="650074" spans="14:14">
      <c r="N650074" s="10"/>
    </row>
    <row r="650075" spans="14:14">
      <c r="N650075" s="10"/>
    </row>
    <row r="650076" spans="14:14">
      <c r="N650076" s="10"/>
    </row>
    <row r="650077" spans="14:14">
      <c r="N650077" s="10"/>
    </row>
    <row r="650078" spans="14:14">
      <c r="N650078" s="10"/>
    </row>
    <row r="650079" spans="14:14">
      <c r="N650079" s="10"/>
    </row>
    <row r="650080" spans="14:14">
      <c r="N650080" s="10"/>
    </row>
    <row r="650081" spans="14:14">
      <c r="N650081" s="10"/>
    </row>
    <row r="650082" spans="14:14">
      <c r="N650082" s="10"/>
    </row>
    <row r="650083" spans="14:14">
      <c r="N650083" s="10"/>
    </row>
    <row r="650084" spans="14:14">
      <c r="N650084" s="10"/>
    </row>
    <row r="650085" spans="14:14">
      <c r="N650085" s="10"/>
    </row>
    <row r="650086" spans="14:14">
      <c r="N650086" s="10"/>
    </row>
    <row r="650087" spans="14:14">
      <c r="N650087" s="10"/>
    </row>
    <row r="650088" spans="14:14">
      <c r="N650088" s="10"/>
    </row>
    <row r="650089" spans="14:14">
      <c r="N650089" s="10"/>
    </row>
    <row r="650090" spans="14:14">
      <c r="N650090" s="10"/>
    </row>
    <row r="650091" spans="14:14">
      <c r="N650091" s="10"/>
    </row>
    <row r="650092" spans="14:14">
      <c r="N650092" s="10"/>
    </row>
    <row r="650093" spans="14:14">
      <c r="N650093" s="10"/>
    </row>
    <row r="650094" spans="14:14">
      <c r="N650094" s="10"/>
    </row>
    <row r="650095" spans="14:14">
      <c r="N650095" s="10"/>
    </row>
    <row r="650096" spans="14:14">
      <c r="N650096" s="10"/>
    </row>
    <row r="650097" spans="14:14">
      <c r="N650097" s="10"/>
    </row>
    <row r="650098" spans="14:14">
      <c r="N650098" s="10"/>
    </row>
    <row r="650099" spans="14:14">
      <c r="N650099" s="10"/>
    </row>
    <row r="650100" spans="14:14">
      <c r="N650100" s="10"/>
    </row>
    <row r="650101" spans="14:14">
      <c r="N650101" s="10"/>
    </row>
    <row r="650102" spans="14:14">
      <c r="N650102" s="10"/>
    </row>
    <row r="650103" spans="14:14">
      <c r="N650103" s="10"/>
    </row>
    <row r="650104" spans="14:14">
      <c r="N650104" s="10"/>
    </row>
    <row r="650105" spans="14:14">
      <c r="N650105" s="10"/>
    </row>
    <row r="650106" spans="14:14">
      <c r="N650106" s="10"/>
    </row>
    <row r="650107" spans="14:14">
      <c r="N650107" s="10"/>
    </row>
    <row r="650108" spans="14:14">
      <c r="N650108" s="10"/>
    </row>
    <row r="650109" spans="14:14">
      <c r="N650109" s="10"/>
    </row>
    <row r="650110" spans="14:14">
      <c r="N650110" s="10"/>
    </row>
    <row r="650111" spans="14:14">
      <c r="N650111" s="10"/>
    </row>
    <row r="650112" spans="14:14">
      <c r="N650112" s="10"/>
    </row>
    <row r="650113" spans="14:14">
      <c r="N650113" s="10"/>
    </row>
    <row r="650114" spans="14:14">
      <c r="N650114" s="10"/>
    </row>
    <row r="650115" spans="14:14">
      <c r="N650115" s="10"/>
    </row>
    <row r="650116" spans="14:14">
      <c r="N650116" s="10"/>
    </row>
    <row r="650117" spans="14:14">
      <c r="N650117" s="10"/>
    </row>
    <row r="650118" spans="14:14">
      <c r="N650118" s="10"/>
    </row>
    <row r="650119" spans="14:14">
      <c r="N650119" s="10"/>
    </row>
    <row r="650120" spans="14:14">
      <c r="N650120" s="10"/>
    </row>
    <row r="650121" spans="14:14">
      <c r="N650121" s="10"/>
    </row>
    <row r="650122" spans="14:14">
      <c r="N650122" s="10"/>
    </row>
    <row r="650123" spans="14:14">
      <c r="N650123" s="10"/>
    </row>
    <row r="650124" spans="14:14">
      <c r="N650124" s="10"/>
    </row>
    <row r="650125" spans="14:14">
      <c r="N650125" s="10"/>
    </row>
    <row r="650126" spans="14:14">
      <c r="N650126" s="10"/>
    </row>
    <row r="650127" spans="14:14">
      <c r="N650127" s="10"/>
    </row>
    <row r="650128" spans="14:14">
      <c r="N650128" s="10"/>
    </row>
    <row r="650129" spans="14:14">
      <c r="N650129" s="10"/>
    </row>
    <row r="650130" spans="14:14">
      <c r="N650130" s="10"/>
    </row>
    <row r="650131" spans="14:14">
      <c r="N650131" s="10"/>
    </row>
    <row r="650132" spans="14:14">
      <c r="N650132" s="10"/>
    </row>
    <row r="650133" spans="14:14">
      <c r="N650133" s="10"/>
    </row>
    <row r="650134" spans="14:14">
      <c r="N650134" s="10"/>
    </row>
    <row r="650135" spans="14:14">
      <c r="N650135" s="10"/>
    </row>
    <row r="650136" spans="14:14">
      <c r="N650136" s="10"/>
    </row>
    <row r="650137" spans="14:14">
      <c r="N650137" s="10"/>
    </row>
    <row r="650138" spans="14:14">
      <c r="N650138" s="10"/>
    </row>
    <row r="650139" spans="14:14">
      <c r="N650139" s="10"/>
    </row>
    <row r="650140" spans="14:14">
      <c r="N650140" s="10"/>
    </row>
    <row r="650141" spans="14:14">
      <c r="N650141" s="10"/>
    </row>
    <row r="650142" spans="14:14">
      <c r="N650142" s="10"/>
    </row>
    <row r="650143" spans="14:14">
      <c r="N650143" s="10"/>
    </row>
    <row r="650144" spans="14:14">
      <c r="N650144" s="10"/>
    </row>
    <row r="650145" spans="14:14">
      <c r="N650145" s="10"/>
    </row>
    <row r="650146" spans="14:14">
      <c r="N650146" s="10"/>
    </row>
    <row r="650147" spans="14:14">
      <c r="N650147" s="10"/>
    </row>
    <row r="650148" spans="14:14">
      <c r="N650148" s="10"/>
    </row>
    <row r="650149" spans="14:14">
      <c r="N650149" s="10"/>
    </row>
    <row r="650150" spans="14:14">
      <c r="N650150" s="10"/>
    </row>
    <row r="650151" spans="14:14">
      <c r="N650151" s="10"/>
    </row>
    <row r="650152" spans="14:14">
      <c r="N650152" s="10"/>
    </row>
    <row r="650153" spans="14:14">
      <c r="N650153" s="10"/>
    </row>
    <row r="650154" spans="14:14">
      <c r="N650154" s="10"/>
    </row>
    <row r="650155" spans="14:14">
      <c r="N650155" s="10"/>
    </row>
    <row r="650156" spans="14:14">
      <c r="N650156" s="10"/>
    </row>
    <row r="650157" spans="14:14">
      <c r="N650157" s="10"/>
    </row>
    <row r="650158" spans="14:14">
      <c r="N650158" s="10"/>
    </row>
    <row r="650159" spans="14:14">
      <c r="N650159" s="10"/>
    </row>
    <row r="650160" spans="14:14">
      <c r="N650160" s="10"/>
    </row>
    <row r="650161" spans="14:14">
      <c r="N650161" s="10"/>
    </row>
    <row r="650162" spans="14:14">
      <c r="N650162" s="10"/>
    </row>
    <row r="650163" spans="14:14">
      <c r="N650163" s="10"/>
    </row>
    <row r="650164" spans="14:14">
      <c r="N650164" s="10"/>
    </row>
    <row r="650165" spans="14:14">
      <c r="N650165" s="10"/>
    </row>
    <row r="650166" spans="14:14">
      <c r="N650166" s="10"/>
    </row>
    <row r="650167" spans="14:14">
      <c r="N650167" s="10"/>
    </row>
    <row r="650168" spans="14:14">
      <c r="N650168" s="10"/>
    </row>
    <row r="650169" spans="14:14">
      <c r="N650169" s="10"/>
    </row>
    <row r="650170" spans="14:14">
      <c r="N650170" s="10"/>
    </row>
    <row r="650171" spans="14:14">
      <c r="N650171" s="10"/>
    </row>
    <row r="650172" spans="14:14">
      <c r="N650172" s="10"/>
    </row>
    <row r="650173" spans="14:14">
      <c r="N650173" s="10"/>
    </row>
    <row r="650174" spans="14:14">
      <c r="N650174" s="10"/>
    </row>
    <row r="650175" spans="14:14">
      <c r="N650175" s="10"/>
    </row>
    <row r="650176" spans="14:14">
      <c r="N650176" s="10"/>
    </row>
    <row r="650177" spans="14:14">
      <c r="N650177" s="10"/>
    </row>
    <row r="650178" spans="14:14">
      <c r="N650178" s="10"/>
    </row>
    <row r="650179" spans="14:14">
      <c r="N650179" s="10"/>
    </row>
    <row r="650180" spans="14:14">
      <c r="N650180" s="10"/>
    </row>
    <row r="650181" spans="14:14">
      <c r="N650181" s="10"/>
    </row>
    <row r="650182" spans="14:14">
      <c r="N650182" s="10"/>
    </row>
    <row r="650183" spans="14:14">
      <c r="N650183" s="10"/>
    </row>
    <row r="650184" spans="14:14">
      <c r="N650184" s="10"/>
    </row>
    <row r="650185" spans="14:14">
      <c r="N650185" s="10"/>
    </row>
    <row r="650186" spans="14:14">
      <c r="N650186" s="10"/>
    </row>
    <row r="650187" spans="14:14">
      <c r="N650187" s="10"/>
    </row>
    <row r="650188" spans="14:14">
      <c r="N650188" s="10"/>
    </row>
    <row r="650189" spans="14:14">
      <c r="N650189" s="10"/>
    </row>
    <row r="650190" spans="14:14">
      <c r="N650190" s="10"/>
    </row>
    <row r="650191" spans="14:14">
      <c r="N650191" s="10"/>
    </row>
    <row r="650192" spans="14:14">
      <c r="N650192" s="10"/>
    </row>
    <row r="650193" spans="14:14">
      <c r="N650193" s="10"/>
    </row>
    <row r="650194" spans="14:14">
      <c r="N650194" s="10"/>
    </row>
    <row r="650195" spans="14:14">
      <c r="N650195" s="10"/>
    </row>
    <row r="650196" spans="14:14">
      <c r="N650196" s="10"/>
    </row>
    <row r="650197" spans="14:14">
      <c r="N650197" s="10"/>
    </row>
    <row r="650198" spans="14:14">
      <c r="N650198" s="10"/>
    </row>
    <row r="650199" spans="14:14">
      <c r="N650199" s="10"/>
    </row>
    <row r="650200" spans="14:14">
      <c r="N650200" s="10"/>
    </row>
    <row r="650201" spans="14:14">
      <c r="N650201" s="10"/>
    </row>
    <row r="650202" spans="14:14">
      <c r="N650202" s="10"/>
    </row>
    <row r="650203" spans="14:14">
      <c r="N650203" s="10"/>
    </row>
    <row r="650204" spans="14:14">
      <c r="N650204" s="10"/>
    </row>
    <row r="650205" spans="14:14">
      <c r="N650205" s="10"/>
    </row>
    <row r="650206" spans="14:14">
      <c r="N650206" s="10"/>
    </row>
    <row r="650207" spans="14:14">
      <c r="N650207" s="10"/>
    </row>
    <row r="650208" spans="14:14">
      <c r="N650208" s="10"/>
    </row>
    <row r="650209" spans="14:14">
      <c r="N650209" s="10"/>
    </row>
    <row r="650210" spans="14:14">
      <c r="N650210" s="10"/>
    </row>
    <row r="650211" spans="14:14">
      <c r="N650211" s="10"/>
    </row>
    <row r="650212" spans="14:14">
      <c r="N650212" s="10"/>
    </row>
    <row r="650213" spans="14:14">
      <c r="N650213" s="10"/>
    </row>
    <row r="650214" spans="14:14">
      <c r="N650214" s="10"/>
    </row>
    <row r="650215" spans="14:14">
      <c r="N650215" s="10"/>
    </row>
    <row r="650216" spans="14:14">
      <c r="N650216" s="10"/>
    </row>
    <row r="650217" spans="14:14">
      <c r="N650217" s="10"/>
    </row>
    <row r="650218" spans="14:14">
      <c r="N650218" s="10"/>
    </row>
    <row r="650219" spans="14:14">
      <c r="N650219" s="10"/>
    </row>
    <row r="650220" spans="14:14">
      <c r="N650220" s="10"/>
    </row>
    <row r="650221" spans="14:14">
      <c r="N650221" s="10"/>
    </row>
    <row r="650222" spans="14:14">
      <c r="N650222" s="10"/>
    </row>
    <row r="650223" spans="14:14">
      <c r="N650223" s="10"/>
    </row>
    <row r="650224" spans="14:14">
      <c r="N650224" s="10"/>
    </row>
    <row r="650225" spans="14:14">
      <c r="N650225" s="10"/>
    </row>
    <row r="650226" spans="14:14">
      <c r="N650226" s="10"/>
    </row>
    <row r="650227" spans="14:14">
      <c r="N650227" s="10"/>
    </row>
    <row r="650228" spans="14:14">
      <c r="N650228" s="10"/>
    </row>
    <row r="650229" spans="14:14">
      <c r="N650229" s="10"/>
    </row>
    <row r="650230" spans="14:14">
      <c r="N650230" s="10"/>
    </row>
    <row r="650231" spans="14:14">
      <c r="N650231" s="10"/>
    </row>
    <row r="650232" spans="14:14">
      <c r="N650232" s="10"/>
    </row>
    <row r="650233" spans="14:14">
      <c r="N650233" s="10"/>
    </row>
    <row r="650234" spans="14:14">
      <c r="N650234" s="10"/>
    </row>
    <row r="650235" spans="14:14">
      <c r="N650235" s="10"/>
    </row>
    <row r="650236" spans="14:14">
      <c r="N650236" s="10"/>
    </row>
    <row r="650237" spans="14:14">
      <c r="N650237" s="10"/>
    </row>
    <row r="650238" spans="14:14">
      <c r="N650238" s="10"/>
    </row>
    <row r="650239" spans="14:14">
      <c r="N650239" s="10"/>
    </row>
    <row r="650240" spans="14:14">
      <c r="N650240" s="10"/>
    </row>
    <row r="650241" spans="14:14">
      <c r="N650241" s="10"/>
    </row>
    <row r="650242" spans="14:14">
      <c r="N650242" s="10"/>
    </row>
    <row r="650243" spans="14:14">
      <c r="N650243" s="10"/>
    </row>
    <row r="650244" spans="14:14">
      <c r="N650244" s="10"/>
    </row>
    <row r="650245" spans="14:14">
      <c r="N650245" s="10"/>
    </row>
    <row r="650246" spans="14:14">
      <c r="N650246" s="10"/>
    </row>
    <row r="650247" spans="14:14">
      <c r="N650247" s="10"/>
    </row>
    <row r="650248" spans="14:14">
      <c r="N650248" s="10"/>
    </row>
    <row r="650249" spans="14:14">
      <c r="N650249" s="10"/>
    </row>
    <row r="650250" spans="14:14">
      <c r="N650250" s="10"/>
    </row>
    <row r="650251" spans="14:14">
      <c r="N650251" s="10"/>
    </row>
    <row r="650252" spans="14:14">
      <c r="N650252" s="10"/>
    </row>
    <row r="650253" spans="14:14">
      <c r="N650253" s="10"/>
    </row>
    <row r="650254" spans="14:14">
      <c r="N650254" s="10"/>
    </row>
    <row r="650255" spans="14:14">
      <c r="N650255" s="10"/>
    </row>
    <row r="650256" spans="14:14">
      <c r="N650256" s="10"/>
    </row>
    <row r="650257" spans="14:14">
      <c r="N650257" s="10"/>
    </row>
    <row r="650258" spans="14:14">
      <c r="N650258" s="10"/>
    </row>
    <row r="650259" spans="14:14">
      <c r="N650259" s="10"/>
    </row>
    <row r="650260" spans="14:14">
      <c r="N650260" s="10"/>
    </row>
    <row r="650261" spans="14:14">
      <c r="N650261" s="10"/>
    </row>
    <row r="650262" spans="14:14">
      <c r="N650262" s="10"/>
    </row>
    <row r="650263" spans="14:14">
      <c r="N650263" s="10"/>
    </row>
    <row r="650264" spans="14:14">
      <c r="N650264" s="10"/>
    </row>
    <row r="650265" spans="14:14">
      <c r="N650265" s="10"/>
    </row>
    <row r="650266" spans="14:14">
      <c r="N650266" s="10"/>
    </row>
    <row r="650267" spans="14:14">
      <c r="N650267" s="10"/>
    </row>
    <row r="650268" spans="14:14">
      <c r="N650268" s="10"/>
    </row>
    <row r="650269" spans="14:14">
      <c r="N650269" s="10"/>
    </row>
    <row r="650270" spans="14:14">
      <c r="N650270" s="10"/>
    </row>
    <row r="650271" spans="14:14">
      <c r="N650271" s="10"/>
    </row>
    <row r="650272" spans="14:14">
      <c r="N650272" s="10"/>
    </row>
    <row r="650273" spans="14:14">
      <c r="N650273" s="10"/>
    </row>
    <row r="650274" spans="14:14">
      <c r="N650274" s="10"/>
    </row>
    <row r="650275" spans="14:14">
      <c r="N650275" s="10"/>
    </row>
    <row r="650276" spans="14:14">
      <c r="N650276" s="10"/>
    </row>
    <row r="650277" spans="14:14">
      <c r="N650277" s="10"/>
    </row>
    <row r="650278" spans="14:14">
      <c r="N650278" s="10"/>
    </row>
    <row r="650279" spans="14:14">
      <c r="N650279" s="10"/>
    </row>
    <row r="650280" spans="14:14">
      <c r="N650280" s="10"/>
    </row>
    <row r="650281" spans="14:14">
      <c r="N650281" s="10"/>
    </row>
    <row r="650282" spans="14:14">
      <c r="N650282" s="10"/>
    </row>
    <row r="650283" spans="14:14">
      <c r="N650283" s="10"/>
    </row>
    <row r="650284" spans="14:14">
      <c r="N650284" s="10"/>
    </row>
    <row r="650285" spans="14:14">
      <c r="N650285" s="10"/>
    </row>
    <row r="650286" spans="14:14">
      <c r="N650286" s="10"/>
    </row>
    <row r="650287" spans="14:14">
      <c r="N650287" s="10"/>
    </row>
    <row r="650288" spans="14:14">
      <c r="N650288" s="10"/>
    </row>
    <row r="650289" spans="14:14">
      <c r="N650289" s="10"/>
    </row>
    <row r="650290" spans="14:14">
      <c r="N650290" s="10"/>
    </row>
    <row r="650291" spans="14:14">
      <c r="N650291" s="10"/>
    </row>
    <row r="650292" spans="14:14">
      <c r="N650292" s="10"/>
    </row>
    <row r="650293" spans="14:14">
      <c r="N650293" s="10"/>
    </row>
    <row r="650294" spans="14:14">
      <c r="N650294" s="10"/>
    </row>
    <row r="650295" spans="14:14">
      <c r="N650295" s="10"/>
    </row>
    <row r="650296" spans="14:14">
      <c r="N650296" s="10"/>
    </row>
    <row r="650297" spans="14:14">
      <c r="N650297" s="10"/>
    </row>
    <row r="650298" spans="14:14">
      <c r="N650298" s="10"/>
    </row>
    <row r="650299" spans="14:14">
      <c r="N650299" s="10"/>
    </row>
    <row r="650300" spans="14:14">
      <c r="N650300" s="10"/>
    </row>
    <row r="650301" spans="14:14">
      <c r="N650301" s="10"/>
    </row>
    <row r="650302" spans="14:14">
      <c r="N650302" s="10"/>
    </row>
    <row r="650303" spans="14:14">
      <c r="N650303" s="10"/>
    </row>
    <row r="650304" spans="14:14">
      <c r="N650304" s="10"/>
    </row>
    <row r="650305" spans="14:14">
      <c r="N650305" s="10"/>
    </row>
    <row r="650306" spans="14:14">
      <c r="N650306" s="10"/>
    </row>
    <row r="650307" spans="14:14">
      <c r="N650307" s="10"/>
    </row>
    <row r="650308" spans="14:14">
      <c r="N650308" s="10"/>
    </row>
    <row r="650309" spans="14:14">
      <c r="N650309" s="10"/>
    </row>
    <row r="650310" spans="14:14">
      <c r="N650310" s="10"/>
    </row>
    <row r="650311" spans="14:14">
      <c r="N650311" s="10"/>
    </row>
    <row r="650312" spans="14:14">
      <c r="N650312" s="10"/>
    </row>
    <row r="650313" spans="14:14">
      <c r="N650313" s="10"/>
    </row>
    <row r="650314" spans="14:14">
      <c r="N650314" s="10"/>
    </row>
    <row r="650315" spans="14:14">
      <c r="N650315" s="10"/>
    </row>
    <row r="650316" spans="14:14">
      <c r="N650316" s="10"/>
    </row>
    <row r="650317" spans="14:14">
      <c r="N650317" s="10"/>
    </row>
    <row r="650318" spans="14:14">
      <c r="N650318" s="10"/>
    </row>
    <row r="650319" spans="14:14">
      <c r="N650319" s="10"/>
    </row>
    <row r="650320" spans="14:14">
      <c r="N650320" s="10"/>
    </row>
    <row r="650321" spans="14:14">
      <c r="N650321" s="10"/>
    </row>
    <row r="650322" spans="14:14">
      <c r="N650322" s="10"/>
    </row>
    <row r="650323" spans="14:14">
      <c r="N650323" s="10"/>
    </row>
    <row r="650324" spans="14:14">
      <c r="N650324" s="10"/>
    </row>
    <row r="650325" spans="14:14">
      <c r="N650325" s="10"/>
    </row>
    <row r="650326" spans="14:14">
      <c r="N650326" s="10"/>
    </row>
    <row r="650327" spans="14:14">
      <c r="N650327" s="10"/>
    </row>
    <row r="650328" spans="14:14">
      <c r="N650328" s="10"/>
    </row>
    <row r="650329" spans="14:14">
      <c r="N650329" s="10"/>
    </row>
    <row r="650330" spans="14:14">
      <c r="N650330" s="10"/>
    </row>
    <row r="650331" spans="14:14">
      <c r="N650331" s="10"/>
    </row>
    <row r="650332" spans="14:14">
      <c r="N650332" s="10"/>
    </row>
    <row r="650333" spans="14:14">
      <c r="N650333" s="10"/>
    </row>
    <row r="650334" spans="14:14">
      <c r="N650334" s="10"/>
    </row>
    <row r="650335" spans="14:14">
      <c r="N650335" s="10"/>
    </row>
    <row r="650336" spans="14:14">
      <c r="N650336" s="10"/>
    </row>
    <row r="650337" spans="14:14">
      <c r="N650337" s="10"/>
    </row>
    <row r="650338" spans="14:14">
      <c r="N650338" s="10"/>
    </row>
    <row r="650339" spans="14:14">
      <c r="N650339" s="10"/>
    </row>
    <row r="650340" spans="14:14">
      <c r="N650340" s="10"/>
    </row>
    <row r="650341" spans="14:14">
      <c r="N650341" s="10"/>
    </row>
    <row r="650342" spans="14:14">
      <c r="N650342" s="10"/>
    </row>
    <row r="650343" spans="14:14">
      <c r="N650343" s="10"/>
    </row>
    <row r="650344" spans="14:14">
      <c r="N650344" s="10"/>
    </row>
    <row r="650345" spans="14:14">
      <c r="N650345" s="10"/>
    </row>
    <row r="650346" spans="14:14">
      <c r="N650346" s="10"/>
    </row>
    <row r="650347" spans="14:14">
      <c r="N650347" s="10"/>
    </row>
    <row r="650348" spans="14:14">
      <c r="N650348" s="10"/>
    </row>
    <row r="650349" spans="14:14">
      <c r="N650349" s="10"/>
    </row>
    <row r="650350" spans="14:14">
      <c r="N650350" s="10"/>
    </row>
    <row r="650351" spans="14:14">
      <c r="N650351" s="10"/>
    </row>
    <row r="650352" spans="14:14">
      <c r="N650352" s="10"/>
    </row>
    <row r="650353" spans="14:14">
      <c r="N650353" s="10"/>
    </row>
    <row r="650354" spans="14:14">
      <c r="N650354" s="10"/>
    </row>
    <row r="650355" spans="14:14">
      <c r="N650355" s="10"/>
    </row>
    <row r="650356" spans="14:14">
      <c r="N650356" s="10"/>
    </row>
    <row r="650357" spans="14:14">
      <c r="N650357" s="10"/>
    </row>
    <row r="650358" spans="14:14">
      <c r="N650358" s="10"/>
    </row>
    <row r="650359" spans="14:14">
      <c r="N650359" s="10"/>
    </row>
    <row r="650360" spans="14:14">
      <c r="N650360" s="10"/>
    </row>
    <row r="650361" spans="14:14">
      <c r="N650361" s="10"/>
    </row>
    <row r="650362" spans="14:14">
      <c r="N650362" s="10"/>
    </row>
    <row r="650363" spans="14:14">
      <c r="N650363" s="10"/>
    </row>
    <row r="650364" spans="14:14">
      <c r="N650364" s="10"/>
    </row>
    <row r="650365" spans="14:14">
      <c r="N650365" s="10"/>
    </row>
    <row r="650366" spans="14:14">
      <c r="N650366" s="10"/>
    </row>
    <row r="650367" spans="14:14">
      <c r="N650367" s="10"/>
    </row>
    <row r="650368" spans="14:14">
      <c r="N650368" s="10"/>
    </row>
    <row r="650369" spans="14:14">
      <c r="N650369" s="10"/>
    </row>
    <row r="650370" spans="14:14">
      <c r="N650370" s="10"/>
    </row>
    <row r="650371" spans="14:14">
      <c r="N650371" s="10"/>
    </row>
    <row r="650372" spans="14:14">
      <c r="N650372" s="10"/>
    </row>
    <row r="650373" spans="14:14">
      <c r="N650373" s="10"/>
    </row>
    <row r="650374" spans="14:14">
      <c r="N650374" s="10"/>
    </row>
    <row r="650375" spans="14:14">
      <c r="N650375" s="10"/>
    </row>
    <row r="650376" spans="14:14">
      <c r="N650376" s="10"/>
    </row>
    <row r="650377" spans="14:14">
      <c r="N650377" s="10"/>
    </row>
    <row r="650378" spans="14:14">
      <c r="N650378" s="10"/>
    </row>
    <row r="650379" spans="14:14">
      <c r="N650379" s="10"/>
    </row>
    <row r="650380" spans="14:14">
      <c r="N650380" s="10"/>
    </row>
    <row r="650381" spans="14:14">
      <c r="N650381" s="10"/>
    </row>
    <row r="650382" spans="14:14">
      <c r="N650382" s="10"/>
    </row>
    <row r="650383" spans="14:14">
      <c r="N650383" s="10"/>
    </row>
    <row r="650384" spans="14:14">
      <c r="N650384" s="10"/>
    </row>
    <row r="650385" spans="14:14">
      <c r="N650385" s="10"/>
    </row>
    <row r="650386" spans="14:14">
      <c r="N650386" s="10"/>
    </row>
    <row r="650387" spans="14:14">
      <c r="N650387" s="10"/>
    </row>
    <row r="650388" spans="14:14">
      <c r="N650388" s="10"/>
    </row>
    <row r="650389" spans="14:14">
      <c r="N650389" s="10"/>
    </row>
    <row r="650390" spans="14:14">
      <c r="N650390" s="10"/>
    </row>
    <row r="650391" spans="14:14">
      <c r="N650391" s="10"/>
    </row>
    <row r="650392" spans="14:14">
      <c r="N650392" s="10"/>
    </row>
    <row r="650393" spans="14:14">
      <c r="N650393" s="10"/>
    </row>
    <row r="650394" spans="14:14">
      <c r="N650394" s="10"/>
    </row>
    <row r="650395" spans="14:14">
      <c r="N650395" s="10"/>
    </row>
    <row r="650396" spans="14:14">
      <c r="N650396" s="10"/>
    </row>
    <row r="650397" spans="14:14">
      <c r="N650397" s="10"/>
    </row>
    <row r="650398" spans="14:14">
      <c r="N650398" s="10"/>
    </row>
    <row r="650399" spans="14:14">
      <c r="N650399" s="10"/>
    </row>
    <row r="650400" spans="14:14">
      <c r="N650400" s="10"/>
    </row>
    <row r="650401" spans="14:14">
      <c r="N650401" s="10"/>
    </row>
    <row r="650402" spans="14:14">
      <c r="N650402" s="10"/>
    </row>
    <row r="650403" spans="14:14">
      <c r="N650403" s="10"/>
    </row>
    <row r="650404" spans="14:14">
      <c r="N650404" s="10"/>
    </row>
    <row r="650405" spans="14:14">
      <c r="N650405" s="10"/>
    </row>
    <row r="650406" spans="14:14">
      <c r="N650406" s="10"/>
    </row>
    <row r="650407" spans="14:14">
      <c r="N650407" s="10"/>
    </row>
    <row r="650408" spans="14:14">
      <c r="N650408" s="10"/>
    </row>
    <row r="650409" spans="14:14">
      <c r="N650409" s="10"/>
    </row>
    <row r="650410" spans="14:14">
      <c r="N650410" s="10"/>
    </row>
    <row r="650411" spans="14:14">
      <c r="N650411" s="10"/>
    </row>
    <row r="650412" spans="14:14">
      <c r="N650412" s="10"/>
    </row>
    <row r="650413" spans="14:14">
      <c r="N650413" s="10"/>
    </row>
    <row r="650414" spans="14:14">
      <c r="N650414" s="10"/>
    </row>
    <row r="650415" spans="14:14">
      <c r="N650415" s="10"/>
    </row>
    <row r="650416" spans="14:14">
      <c r="N650416" s="10"/>
    </row>
    <row r="650417" spans="14:14">
      <c r="N650417" s="10"/>
    </row>
    <row r="650418" spans="14:14">
      <c r="N650418" s="10"/>
    </row>
    <row r="650419" spans="14:14">
      <c r="N650419" s="10"/>
    </row>
    <row r="650420" spans="14:14">
      <c r="N650420" s="10"/>
    </row>
    <row r="650421" spans="14:14">
      <c r="N650421" s="10"/>
    </row>
    <row r="650422" spans="14:14">
      <c r="N650422" s="10"/>
    </row>
    <row r="650423" spans="14:14">
      <c r="N650423" s="10"/>
    </row>
    <row r="650424" spans="14:14">
      <c r="N650424" s="10"/>
    </row>
    <row r="650425" spans="14:14">
      <c r="N650425" s="10"/>
    </row>
    <row r="650426" spans="14:14">
      <c r="N650426" s="10"/>
    </row>
    <row r="650427" spans="14:14">
      <c r="N650427" s="10"/>
    </row>
    <row r="650428" spans="14:14">
      <c r="N650428" s="10"/>
    </row>
    <row r="650429" spans="14:14">
      <c r="N650429" s="10"/>
    </row>
    <row r="650430" spans="14:14">
      <c r="N650430" s="10"/>
    </row>
    <row r="650431" spans="14:14">
      <c r="N650431" s="10"/>
    </row>
    <row r="650432" spans="14:14">
      <c r="N650432" s="10"/>
    </row>
    <row r="650433" spans="14:14">
      <c r="N650433" s="10"/>
    </row>
    <row r="650434" spans="14:14">
      <c r="N650434" s="10"/>
    </row>
    <row r="650435" spans="14:14">
      <c r="N650435" s="10"/>
    </row>
    <row r="650436" spans="14:14">
      <c r="N650436" s="10"/>
    </row>
    <row r="650437" spans="14:14">
      <c r="N650437" s="10"/>
    </row>
    <row r="650438" spans="14:14">
      <c r="N650438" s="10"/>
    </row>
    <row r="650439" spans="14:14">
      <c r="N650439" s="10"/>
    </row>
    <row r="650440" spans="14:14">
      <c r="N650440" s="10"/>
    </row>
    <row r="650441" spans="14:14">
      <c r="N650441" s="10"/>
    </row>
    <row r="650442" spans="14:14">
      <c r="N650442" s="10"/>
    </row>
    <row r="650443" spans="14:14">
      <c r="N650443" s="10"/>
    </row>
    <row r="650444" spans="14:14">
      <c r="N650444" s="10"/>
    </row>
    <row r="650445" spans="14:14">
      <c r="N650445" s="10"/>
    </row>
    <row r="650446" spans="14:14">
      <c r="N650446" s="10"/>
    </row>
    <row r="650447" spans="14:14">
      <c r="N650447" s="10"/>
    </row>
    <row r="650448" spans="14:14">
      <c r="N650448" s="10"/>
    </row>
    <row r="650449" spans="14:14">
      <c r="N650449" s="10"/>
    </row>
    <row r="650450" spans="14:14">
      <c r="N650450" s="10"/>
    </row>
    <row r="650451" spans="14:14">
      <c r="N650451" s="10"/>
    </row>
    <row r="650452" spans="14:14">
      <c r="N650452" s="10"/>
    </row>
    <row r="650453" spans="14:14">
      <c r="N650453" s="10"/>
    </row>
    <row r="650454" spans="14:14">
      <c r="N650454" s="10"/>
    </row>
    <row r="650455" spans="14:14">
      <c r="N650455" s="10"/>
    </row>
    <row r="650456" spans="14:14">
      <c r="N650456" s="10"/>
    </row>
    <row r="650457" spans="14:14">
      <c r="N650457" s="10"/>
    </row>
    <row r="650458" spans="14:14">
      <c r="N650458" s="10"/>
    </row>
    <row r="650459" spans="14:14">
      <c r="N650459" s="10"/>
    </row>
    <row r="650460" spans="14:14">
      <c r="N650460" s="10"/>
    </row>
    <row r="650461" spans="14:14">
      <c r="N650461" s="10"/>
    </row>
    <row r="650462" spans="14:14">
      <c r="N650462" s="10"/>
    </row>
    <row r="650463" spans="14:14">
      <c r="N650463" s="10"/>
    </row>
    <row r="650464" spans="14:14">
      <c r="N650464" s="10"/>
    </row>
    <row r="650465" spans="14:14">
      <c r="N650465" s="10"/>
    </row>
    <row r="650466" spans="14:14">
      <c r="N650466" s="10"/>
    </row>
    <row r="650467" spans="14:14">
      <c r="N650467" s="10"/>
    </row>
    <row r="650468" spans="14:14">
      <c r="N650468" s="10"/>
    </row>
    <row r="650469" spans="14:14">
      <c r="N650469" s="10"/>
    </row>
    <row r="650470" spans="14:14">
      <c r="N650470" s="10"/>
    </row>
    <row r="650471" spans="14:14">
      <c r="N650471" s="10"/>
    </row>
    <row r="650472" spans="14:14">
      <c r="N650472" s="10"/>
    </row>
    <row r="650473" spans="14:14">
      <c r="N650473" s="10"/>
    </row>
    <row r="650474" spans="14:14">
      <c r="N650474" s="10"/>
    </row>
    <row r="650475" spans="14:14">
      <c r="N650475" s="10"/>
    </row>
    <row r="650476" spans="14:14">
      <c r="N650476" s="10"/>
    </row>
    <row r="650477" spans="14:14">
      <c r="N650477" s="10"/>
    </row>
    <row r="650478" spans="14:14">
      <c r="N650478" s="10"/>
    </row>
    <row r="650479" spans="14:14">
      <c r="N650479" s="10"/>
    </row>
    <row r="650480" spans="14:14">
      <c r="N650480" s="10"/>
    </row>
    <row r="650481" spans="14:14">
      <c r="N650481" s="10"/>
    </row>
    <row r="650482" spans="14:14">
      <c r="N650482" s="10"/>
    </row>
    <row r="650483" spans="14:14">
      <c r="N650483" s="10"/>
    </row>
    <row r="650484" spans="14:14">
      <c r="N650484" s="10"/>
    </row>
    <row r="650485" spans="14:14">
      <c r="N650485" s="10"/>
    </row>
    <row r="650486" spans="14:14">
      <c r="N650486" s="10"/>
    </row>
    <row r="650487" spans="14:14">
      <c r="N650487" s="10"/>
    </row>
    <row r="650488" spans="14:14">
      <c r="N650488" s="10"/>
    </row>
    <row r="650489" spans="14:14">
      <c r="N650489" s="10"/>
    </row>
    <row r="650490" spans="14:14">
      <c r="N650490" s="10"/>
    </row>
    <row r="650491" spans="14:14">
      <c r="N650491" s="10"/>
    </row>
    <row r="650492" spans="14:14">
      <c r="N650492" s="10"/>
    </row>
    <row r="650493" spans="14:14">
      <c r="N650493" s="10"/>
    </row>
    <row r="650494" spans="14:14">
      <c r="N650494" s="10"/>
    </row>
    <row r="650495" spans="14:14">
      <c r="N650495" s="10"/>
    </row>
    <row r="650496" spans="14:14">
      <c r="N650496" s="10"/>
    </row>
    <row r="650497" spans="14:14">
      <c r="N650497" s="10"/>
    </row>
    <row r="650498" spans="14:14">
      <c r="N650498" s="10"/>
    </row>
    <row r="650499" spans="14:14">
      <c r="N650499" s="10"/>
    </row>
    <row r="650500" spans="14:14">
      <c r="N650500" s="10"/>
    </row>
    <row r="650501" spans="14:14">
      <c r="N650501" s="10"/>
    </row>
    <row r="650502" spans="14:14">
      <c r="N650502" s="10"/>
    </row>
    <row r="650503" spans="14:14">
      <c r="N650503" s="10"/>
    </row>
    <row r="650504" spans="14:14">
      <c r="N650504" s="10"/>
    </row>
    <row r="650505" spans="14:14">
      <c r="N650505" s="10"/>
    </row>
    <row r="650506" spans="14:14">
      <c r="N650506" s="10"/>
    </row>
    <row r="650507" spans="14:14">
      <c r="N650507" s="10"/>
    </row>
    <row r="650508" spans="14:14">
      <c r="N650508" s="10"/>
    </row>
    <row r="650509" spans="14:14">
      <c r="N650509" s="10"/>
    </row>
    <row r="650510" spans="14:14">
      <c r="N650510" s="10"/>
    </row>
    <row r="650511" spans="14:14">
      <c r="N650511" s="10"/>
    </row>
    <row r="650512" spans="14:14">
      <c r="N650512" s="10"/>
    </row>
    <row r="650513" spans="14:14">
      <c r="N650513" s="10"/>
    </row>
    <row r="650514" spans="14:14">
      <c r="N650514" s="10"/>
    </row>
    <row r="650515" spans="14:14">
      <c r="N650515" s="10"/>
    </row>
    <row r="650516" spans="14:14">
      <c r="N650516" s="10"/>
    </row>
    <row r="650517" spans="14:14">
      <c r="N650517" s="10"/>
    </row>
    <row r="650518" spans="14:14">
      <c r="N650518" s="10"/>
    </row>
    <row r="650519" spans="14:14">
      <c r="N650519" s="10"/>
    </row>
    <row r="650520" spans="14:14">
      <c r="N650520" s="10"/>
    </row>
    <row r="650521" spans="14:14">
      <c r="N650521" s="10"/>
    </row>
    <row r="650522" spans="14:14">
      <c r="N650522" s="10"/>
    </row>
    <row r="650523" spans="14:14">
      <c r="N650523" s="10"/>
    </row>
    <row r="650524" spans="14:14">
      <c r="N650524" s="10"/>
    </row>
    <row r="650525" spans="14:14">
      <c r="N650525" s="10"/>
    </row>
    <row r="650526" spans="14:14">
      <c r="N650526" s="10"/>
    </row>
    <row r="650527" spans="14:14">
      <c r="N650527" s="10"/>
    </row>
    <row r="650528" spans="14:14">
      <c r="N650528" s="10"/>
    </row>
    <row r="650529" spans="14:14">
      <c r="N650529" s="10"/>
    </row>
    <row r="650530" spans="14:14">
      <c r="N650530" s="10"/>
    </row>
    <row r="650531" spans="14:14">
      <c r="N650531" s="10"/>
    </row>
    <row r="650532" spans="14:14">
      <c r="N650532" s="10"/>
    </row>
    <row r="650533" spans="14:14">
      <c r="N650533" s="10"/>
    </row>
    <row r="650534" spans="14:14">
      <c r="N650534" s="10"/>
    </row>
    <row r="650535" spans="14:14">
      <c r="N650535" s="10"/>
    </row>
    <row r="650536" spans="14:14">
      <c r="N650536" s="10"/>
    </row>
    <row r="650537" spans="14:14">
      <c r="N650537" s="10"/>
    </row>
    <row r="650538" spans="14:14">
      <c r="N650538" s="10"/>
    </row>
    <row r="650539" spans="14:14">
      <c r="N650539" s="10"/>
    </row>
    <row r="650540" spans="14:14">
      <c r="N650540" s="10"/>
    </row>
    <row r="650541" spans="14:14">
      <c r="N650541" s="10"/>
    </row>
    <row r="650542" spans="14:14">
      <c r="N650542" s="10"/>
    </row>
    <row r="650543" spans="14:14">
      <c r="N650543" s="10"/>
    </row>
    <row r="650544" spans="14:14">
      <c r="N650544" s="10"/>
    </row>
    <row r="650545" spans="14:14">
      <c r="N650545" s="10"/>
    </row>
    <row r="650546" spans="14:14">
      <c r="N650546" s="10"/>
    </row>
    <row r="650547" spans="14:14">
      <c r="N650547" s="10"/>
    </row>
    <row r="650548" spans="14:14">
      <c r="N650548" s="10"/>
    </row>
    <row r="650549" spans="14:14">
      <c r="N650549" s="10"/>
    </row>
    <row r="650550" spans="14:14">
      <c r="N650550" s="10"/>
    </row>
    <row r="650551" spans="14:14">
      <c r="N650551" s="10"/>
    </row>
    <row r="650552" spans="14:14">
      <c r="N650552" s="10"/>
    </row>
    <row r="650553" spans="14:14">
      <c r="N650553" s="10"/>
    </row>
    <row r="650554" spans="14:14">
      <c r="N650554" s="10"/>
    </row>
    <row r="650555" spans="14:14">
      <c r="N650555" s="10"/>
    </row>
    <row r="650556" spans="14:14">
      <c r="N650556" s="10"/>
    </row>
    <row r="650557" spans="14:14">
      <c r="N650557" s="10"/>
    </row>
    <row r="650558" spans="14:14">
      <c r="N650558" s="10"/>
    </row>
    <row r="650559" spans="14:14">
      <c r="N650559" s="10"/>
    </row>
    <row r="650560" spans="14:14">
      <c r="N650560" s="10"/>
    </row>
    <row r="650561" spans="14:14">
      <c r="N650561" s="10"/>
    </row>
    <row r="650562" spans="14:14">
      <c r="N650562" s="10"/>
    </row>
    <row r="650563" spans="14:14">
      <c r="N650563" s="10"/>
    </row>
    <row r="650564" spans="14:14">
      <c r="N650564" s="10"/>
    </row>
    <row r="650565" spans="14:14">
      <c r="N650565" s="10"/>
    </row>
    <row r="650566" spans="14:14">
      <c r="N650566" s="10"/>
    </row>
    <row r="650567" spans="14:14">
      <c r="N650567" s="10"/>
    </row>
    <row r="650568" spans="14:14">
      <c r="N650568" s="10"/>
    </row>
    <row r="650569" spans="14:14">
      <c r="N650569" s="10"/>
    </row>
    <row r="650570" spans="14:14">
      <c r="N650570" s="10"/>
    </row>
    <row r="650571" spans="14:14">
      <c r="N650571" s="10"/>
    </row>
    <row r="650572" spans="14:14">
      <c r="N650572" s="10"/>
    </row>
    <row r="650573" spans="14:14">
      <c r="N650573" s="10"/>
    </row>
    <row r="650574" spans="14:14">
      <c r="N650574" s="10"/>
    </row>
    <row r="650575" spans="14:14">
      <c r="N650575" s="10"/>
    </row>
    <row r="650576" spans="14:14">
      <c r="N650576" s="10"/>
    </row>
    <row r="650577" spans="14:14">
      <c r="N650577" s="10"/>
    </row>
    <row r="650578" spans="14:14">
      <c r="N650578" s="10"/>
    </row>
    <row r="650579" spans="14:14">
      <c r="N650579" s="10"/>
    </row>
    <row r="650580" spans="14:14">
      <c r="N650580" s="10"/>
    </row>
    <row r="650581" spans="14:14">
      <c r="N650581" s="10"/>
    </row>
    <row r="650582" spans="14:14">
      <c r="N650582" s="10"/>
    </row>
    <row r="650583" spans="14:14">
      <c r="N650583" s="10"/>
    </row>
    <row r="650584" spans="14:14">
      <c r="N650584" s="10"/>
    </row>
    <row r="650585" spans="14:14">
      <c r="N650585" s="10"/>
    </row>
    <row r="650586" spans="14:14">
      <c r="N650586" s="10"/>
    </row>
    <row r="650587" spans="14:14">
      <c r="N650587" s="10"/>
    </row>
    <row r="650588" spans="14:14">
      <c r="N650588" s="10"/>
    </row>
    <row r="650589" spans="14:14">
      <c r="N650589" s="10"/>
    </row>
    <row r="650590" spans="14:14">
      <c r="N650590" s="10"/>
    </row>
    <row r="650591" spans="14:14">
      <c r="N650591" s="10"/>
    </row>
    <row r="650592" spans="14:14">
      <c r="N650592" s="10"/>
    </row>
    <row r="650593" spans="14:14">
      <c r="N650593" s="10"/>
    </row>
    <row r="650594" spans="14:14">
      <c r="N650594" s="10"/>
    </row>
    <row r="650595" spans="14:14">
      <c r="N650595" s="10"/>
    </row>
    <row r="650596" spans="14:14">
      <c r="N650596" s="10"/>
    </row>
    <row r="650597" spans="14:14">
      <c r="N650597" s="10"/>
    </row>
    <row r="650598" spans="14:14">
      <c r="N650598" s="10"/>
    </row>
    <row r="650599" spans="14:14">
      <c r="N650599" s="10"/>
    </row>
    <row r="650600" spans="14:14">
      <c r="N650600" s="10"/>
    </row>
    <row r="650601" spans="14:14">
      <c r="N650601" s="10"/>
    </row>
    <row r="650602" spans="14:14">
      <c r="N650602" s="10"/>
    </row>
    <row r="650603" spans="14:14">
      <c r="N650603" s="10"/>
    </row>
    <row r="650604" spans="14:14">
      <c r="N650604" s="10"/>
    </row>
    <row r="650605" spans="14:14">
      <c r="N650605" s="10"/>
    </row>
    <row r="650606" spans="14:14">
      <c r="N650606" s="10"/>
    </row>
    <row r="650607" spans="14:14">
      <c r="N650607" s="10"/>
    </row>
    <row r="650608" spans="14:14">
      <c r="N650608" s="10"/>
    </row>
    <row r="650609" spans="14:14">
      <c r="N650609" s="10"/>
    </row>
    <row r="650610" spans="14:14">
      <c r="N650610" s="10"/>
    </row>
    <row r="650611" spans="14:14">
      <c r="N650611" s="10"/>
    </row>
    <row r="650612" spans="14:14">
      <c r="N650612" s="10"/>
    </row>
    <row r="650613" spans="14:14">
      <c r="N650613" s="10"/>
    </row>
    <row r="650614" spans="14:14">
      <c r="N650614" s="10"/>
    </row>
    <row r="650615" spans="14:14">
      <c r="N650615" s="10"/>
    </row>
    <row r="650616" spans="14:14">
      <c r="N650616" s="10"/>
    </row>
    <row r="650617" spans="14:14">
      <c r="N650617" s="10"/>
    </row>
    <row r="650618" spans="14:14">
      <c r="N650618" s="10"/>
    </row>
    <row r="650619" spans="14:14">
      <c r="N650619" s="10"/>
    </row>
    <row r="650620" spans="14:14">
      <c r="N650620" s="10"/>
    </row>
    <row r="650621" spans="14:14">
      <c r="N650621" s="10"/>
    </row>
    <row r="650622" spans="14:14">
      <c r="N650622" s="10"/>
    </row>
    <row r="650623" spans="14:14">
      <c r="N650623" s="10"/>
    </row>
    <row r="650624" spans="14:14">
      <c r="N650624" s="10"/>
    </row>
    <row r="650625" spans="14:14">
      <c r="N650625" s="10"/>
    </row>
    <row r="650626" spans="14:14">
      <c r="N650626" s="10"/>
    </row>
    <row r="650627" spans="14:14">
      <c r="N650627" s="10"/>
    </row>
    <row r="650628" spans="14:14">
      <c r="N650628" s="10"/>
    </row>
    <row r="650629" spans="14:14">
      <c r="N650629" s="10"/>
    </row>
    <row r="650630" spans="14:14">
      <c r="N650630" s="10"/>
    </row>
    <row r="650631" spans="14:14">
      <c r="N650631" s="10"/>
    </row>
    <row r="650632" spans="14:14">
      <c r="N650632" s="10"/>
    </row>
    <row r="650633" spans="14:14">
      <c r="N650633" s="10"/>
    </row>
    <row r="650634" spans="14:14">
      <c r="N650634" s="10"/>
    </row>
    <row r="650635" spans="14:14">
      <c r="N650635" s="10"/>
    </row>
    <row r="650636" spans="14:14">
      <c r="N650636" s="10"/>
    </row>
    <row r="650637" spans="14:14">
      <c r="N650637" s="10"/>
    </row>
    <row r="650638" spans="14:14">
      <c r="N650638" s="10"/>
    </row>
    <row r="650639" spans="14:14">
      <c r="N650639" s="10"/>
    </row>
    <row r="650640" spans="14:14">
      <c r="N650640" s="10"/>
    </row>
    <row r="650641" spans="14:14">
      <c r="N650641" s="10"/>
    </row>
    <row r="650642" spans="14:14">
      <c r="N650642" s="10"/>
    </row>
    <row r="650643" spans="14:14">
      <c r="N650643" s="10"/>
    </row>
    <row r="650644" spans="14:14">
      <c r="N650644" s="10"/>
    </row>
    <row r="650645" spans="14:14">
      <c r="N650645" s="10"/>
    </row>
    <row r="650646" spans="14:14">
      <c r="N650646" s="10"/>
    </row>
    <row r="650647" spans="14:14">
      <c r="N650647" s="10"/>
    </row>
    <row r="650648" spans="14:14">
      <c r="N650648" s="10"/>
    </row>
    <row r="650649" spans="14:14">
      <c r="N650649" s="10"/>
    </row>
    <row r="650650" spans="14:14">
      <c r="N650650" s="10"/>
    </row>
    <row r="650651" spans="14:14">
      <c r="N650651" s="10"/>
    </row>
    <row r="650652" spans="14:14">
      <c r="N650652" s="10"/>
    </row>
    <row r="650653" spans="14:14">
      <c r="N650653" s="10"/>
    </row>
    <row r="650654" spans="14:14">
      <c r="N650654" s="10"/>
    </row>
    <row r="650655" spans="14:14">
      <c r="N650655" s="10"/>
    </row>
    <row r="650656" spans="14:14">
      <c r="N650656" s="10"/>
    </row>
    <row r="650657" spans="14:14">
      <c r="N650657" s="10"/>
    </row>
    <row r="650658" spans="14:14">
      <c r="N650658" s="10"/>
    </row>
    <row r="650659" spans="14:14">
      <c r="N650659" s="10"/>
    </row>
    <row r="650660" spans="14:14">
      <c r="N650660" s="10"/>
    </row>
    <row r="650661" spans="14:14">
      <c r="N650661" s="10"/>
    </row>
    <row r="650662" spans="14:14">
      <c r="N650662" s="10"/>
    </row>
    <row r="650663" spans="14:14">
      <c r="N650663" s="10"/>
    </row>
    <row r="650664" spans="14:14">
      <c r="N650664" s="10"/>
    </row>
    <row r="650665" spans="14:14">
      <c r="N650665" s="10"/>
    </row>
    <row r="650666" spans="14:14">
      <c r="N650666" s="10"/>
    </row>
    <row r="650667" spans="14:14">
      <c r="N650667" s="10"/>
    </row>
    <row r="650668" spans="14:14">
      <c r="N650668" s="10"/>
    </row>
    <row r="650669" spans="14:14">
      <c r="N650669" s="10"/>
    </row>
    <row r="650670" spans="14:14">
      <c r="N650670" s="10"/>
    </row>
    <row r="650671" spans="14:14">
      <c r="N650671" s="10"/>
    </row>
    <row r="650672" spans="14:14">
      <c r="N650672" s="10"/>
    </row>
    <row r="650673" spans="14:14">
      <c r="N650673" s="10"/>
    </row>
    <row r="650674" spans="14:14">
      <c r="N650674" s="10"/>
    </row>
    <row r="650675" spans="14:14">
      <c r="N650675" s="10"/>
    </row>
    <row r="650676" spans="14:14">
      <c r="N650676" s="10"/>
    </row>
    <row r="650677" spans="14:14">
      <c r="N650677" s="10"/>
    </row>
    <row r="650678" spans="14:14">
      <c r="N650678" s="10"/>
    </row>
    <row r="650679" spans="14:14">
      <c r="N650679" s="10"/>
    </row>
    <row r="650680" spans="14:14">
      <c r="N650680" s="10"/>
    </row>
    <row r="650681" spans="14:14">
      <c r="N650681" s="10"/>
    </row>
    <row r="650682" spans="14:14">
      <c r="N650682" s="10"/>
    </row>
    <row r="650683" spans="14:14">
      <c r="N650683" s="10"/>
    </row>
    <row r="650684" spans="14:14">
      <c r="N650684" s="10"/>
    </row>
    <row r="650685" spans="14:14">
      <c r="N650685" s="10"/>
    </row>
    <row r="650686" spans="14:14">
      <c r="N650686" s="10"/>
    </row>
    <row r="650687" spans="14:14">
      <c r="N650687" s="10"/>
    </row>
    <row r="650688" spans="14:14">
      <c r="N650688" s="10"/>
    </row>
    <row r="650689" spans="14:14">
      <c r="N650689" s="10"/>
    </row>
    <row r="650690" spans="14:14">
      <c r="N650690" s="10"/>
    </row>
    <row r="650691" spans="14:14">
      <c r="N650691" s="10"/>
    </row>
    <row r="650692" spans="14:14">
      <c r="N650692" s="10"/>
    </row>
    <row r="650693" spans="14:14">
      <c r="N650693" s="10"/>
    </row>
    <row r="650694" spans="14:14">
      <c r="N650694" s="10"/>
    </row>
    <row r="650695" spans="14:14">
      <c r="N650695" s="10"/>
    </row>
    <row r="650696" spans="14:14">
      <c r="N650696" s="10"/>
    </row>
    <row r="650697" spans="14:14">
      <c r="N650697" s="10"/>
    </row>
    <row r="650698" spans="14:14">
      <c r="N650698" s="10"/>
    </row>
    <row r="650699" spans="14:14">
      <c r="N650699" s="10"/>
    </row>
    <row r="650700" spans="14:14">
      <c r="N650700" s="10"/>
    </row>
    <row r="650701" spans="14:14">
      <c r="N650701" s="10"/>
    </row>
    <row r="650702" spans="14:14">
      <c r="N650702" s="10"/>
    </row>
    <row r="650703" spans="14:14">
      <c r="N650703" s="10"/>
    </row>
    <row r="650704" spans="14:14">
      <c r="N650704" s="10"/>
    </row>
    <row r="650705" spans="14:14">
      <c r="N650705" s="10"/>
    </row>
    <row r="650706" spans="14:14">
      <c r="N650706" s="10"/>
    </row>
    <row r="650707" spans="14:14">
      <c r="N650707" s="10"/>
    </row>
    <row r="650708" spans="14:14">
      <c r="N650708" s="10"/>
    </row>
    <row r="650709" spans="14:14">
      <c r="N650709" s="10"/>
    </row>
    <row r="650710" spans="14:14">
      <c r="N650710" s="10"/>
    </row>
    <row r="650711" spans="14:14">
      <c r="N650711" s="10"/>
    </row>
    <row r="650712" spans="14:14">
      <c r="N650712" s="10"/>
    </row>
    <row r="650713" spans="14:14">
      <c r="N650713" s="10"/>
    </row>
    <row r="650714" spans="14:14">
      <c r="N650714" s="10"/>
    </row>
    <row r="650715" spans="14:14">
      <c r="N650715" s="10"/>
    </row>
    <row r="650716" spans="14:14">
      <c r="N650716" s="10"/>
    </row>
    <row r="650717" spans="14:14">
      <c r="N650717" s="10"/>
    </row>
    <row r="650718" spans="14:14">
      <c r="N650718" s="10"/>
    </row>
    <row r="650719" spans="14:14">
      <c r="N650719" s="10"/>
    </row>
    <row r="650720" spans="14:14">
      <c r="N650720" s="10"/>
    </row>
    <row r="650721" spans="14:14">
      <c r="N650721" s="10"/>
    </row>
    <row r="650722" spans="14:14">
      <c r="N650722" s="10"/>
    </row>
    <row r="650723" spans="14:14">
      <c r="N650723" s="10"/>
    </row>
    <row r="650724" spans="14:14">
      <c r="N650724" s="10"/>
    </row>
    <row r="650725" spans="14:14">
      <c r="N650725" s="10"/>
    </row>
    <row r="650726" spans="14:14">
      <c r="N650726" s="10"/>
    </row>
    <row r="650727" spans="14:14">
      <c r="N650727" s="10"/>
    </row>
    <row r="650728" spans="14:14">
      <c r="N650728" s="10"/>
    </row>
    <row r="650729" spans="14:14">
      <c r="N650729" s="10"/>
    </row>
    <row r="650730" spans="14:14">
      <c r="N650730" s="10"/>
    </row>
    <row r="650731" spans="14:14">
      <c r="N650731" s="10"/>
    </row>
    <row r="650732" spans="14:14">
      <c r="N650732" s="10"/>
    </row>
    <row r="650733" spans="14:14">
      <c r="N650733" s="10"/>
    </row>
    <row r="650734" spans="14:14">
      <c r="N650734" s="10"/>
    </row>
    <row r="650735" spans="14:14">
      <c r="N650735" s="10"/>
    </row>
    <row r="650736" spans="14:14">
      <c r="N650736" s="10"/>
    </row>
    <row r="650737" spans="14:14">
      <c r="N650737" s="10"/>
    </row>
    <row r="650738" spans="14:14">
      <c r="N650738" s="10"/>
    </row>
    <row r="650739" spans="14:14">
      <c r="N650739" s="10"/>
    </row>
    <row r="650740" spans="14:14">
      <c r="N650740" s="10"/>
    </row>
    <row r="650741" spans="14:14">
      <c r="N650741" s="10"/>
    </row>
    <row r="650742" spans="14:14">
      <c r="N650742" s="10"/>
    </row>
    <row r="650743" spans="14:14">
      <c r="N650743" s="10"/>
    </row>
    <row r="650744" spans="14:14">
      <c r="N650744" s="10"/>
    </row>
    <row r="650745" spans="14:14">
      <c r="N650745" s="10"/>
    </row>
    <row r="650746" spans="14:14">
      <c r="N650746" s="10"/>
    </row>
    <row r="650747" spans="14:14">
      <c r="N650747" s="10"/>
    </row>
    <row r="650748" spans="14:14">
      <c r="N650748" s="10"/>
    </row>
    <row r="650749" spans="14:14">
      <c r="N650749" s="10"/>
    </row>
    <row r="650750" spans="14:14">
      <c r="N650750" s="10"/>
    </row>
    <row r="650751" spans="14:14">
      <c r="N650751" s="10"/>
    </row>
    <row r="650752" spans="14:14">
      <c r="N650752" s="10"/>
    </row>
    <row r="650753" spans="14:14">
      <c r="N650753" s="10"/>
    </row>
    <row r="650754" spans="14:14">
      <c r="N650754" s="10"/>
    </row>
    <row r="650755" spans="14:14">
      <c r="N650755" s="10"/>
    </row>
    <row r="650756" spans="14:14">
      <c r="N650756" s="10"/>
    </row>
    <row r="650757" spans="14:14">
      <c r="N650757" s="10"/>
    </row>
    <row r="650758" spans="14:14">
      <c r="N650758" s="10"/>
    </row>
    <row r="650759" spans="14:14">
      <c r="N650759" s="10"/>
    </row>
    <row r="650760" spans="14:14">
      <c r="N650760" s="10"/>
    </row>
    <row r="650761" spans="14:14">
      <c r="N650761" s="10"/>
    </row>
    <row r="650762" spans="14:14">
      <c r="N650762" s="10"/>
    </row>
    <row r="650763" spans="14:14">
      <c r="N650763" s="10"/>
    </row>
    <row r="650764" spans="14:14">
      <c r="N650764" s="10"/>
    </row>
    <row r="650765" spans="14:14">
      <c r="N650765" s="10"/>
    </row>
    <row r="650766" spans="14:14">
      <c r="N650766" s="10"/>
    </row>
    <row r="650767" spans="14:14">
      <c r="N650767" s="10"/>
    </row>
    <row r="650768" spans="14:14">
      <c r="N650768" s="10"/>
    </row>
    <row r="650769" spans="14:14">
      <c r="N650769" s="10"/>
    </row>
    <row r="650770" spans="14:14">
      <c r="N650770" s="10"/>
    </row>
    <row r="650771" spans="14:14">
      <c r="N650771" s="10"/>
    </row>
    <row r="650772" spans="14:14">
      <c r="N650772" s="10"/>
    </row>
    <row r="650773" spans="14:14">
      <c r="N650773" s="10"/>
    </row>
    <row r="650774" spans="14:14">
      <c r="N650774" s="10"/>
    </row>
    <row r="650775" spans="14:14">
      <c r="N650775" s="10"/>
    </row>
    <row r="650776" spans="14:14">
      <c r="N650776" s="10"/>
    </row>
    <row r="650777" spans="14:14">
      <c r="N650777" s="10"/>
    </row>
    <row r="650778" spans="14:14">
      <c r="N650778" s="10"/>
    </row>
    <row r="650779" spans="14:14">
      <c r="N650779" s="10"/>
    </row>
    <row r="650780" spans="14:14">
      <c r="N650780" s="10"/>
    </row>
    <row r="650781" spans="14:14">
      <c r="N650781" s="10"/>
    </row>
    <row r="650782" spans="14:14">
      <c r="N650782" s="10"/>
    </row>
    <row r="650783" spans="14:14">
      <c r="N650783" s="10"/>
    </row>
    <row r="650784" spans="14:14">
      <c r="N650784" s="10"/>
    </row>
    <row r="650785" spans="14:14">
      <c r="N650785" s="10"/>
    </row>
    <row r="650786" spans="14:14">
      <c r="N650786" s="10"/>
    </row>
    <row r="650787" spans="14:14">
      <c r="N650787" s="10"/>
    </row>
    <row r="650788" spans="14:14">
      <c r="N650788" s="10"/>
    </row>
    <row r="650789" spans="14:14">
      <c r="N650789" s="10"/>
    </row>
    <row r="650790" spans="14:14">
      <c r="N650790" s="10"/>
    </row>
    <row r="650791" spans="14:14">
      <c r="N650791" s="10"/>
    </row>
    <row r="650792" spans="14:14">
      <c r="N650792" s="10"/>
    </row>
    <row r="650793" spans="14:14">
      <c r="N650793" s="10"/>
    </row>
    <row r="650794" spans="14:14">
      <c r="N650794" s="10"/>
    </row>
    <row r="650795" spans="14:14">
      <c r="N650795" s="10"/>
    </row>
    <row r="650796" spans="14:14">
      <c r="N650796" s="10"/>
    </row>
    <row r="650797" spans="14:14">
      <c r="N650797" s="10"/>
    </row>
    <row r="650798" spans="14:14">
      <c r="N650798" s="10"/>
    </row>
    <row r="650799" spans="14:14">
      <c r="N650799" s="10"/>
    </row>
    <row r="650800" spans="14:14">
      <c r="N650800" s="10"/>
    </row>
    <row r="650801" spans="14:14">
      <c r="N650801" s="10"/>
    </row>
    <row r="650802" spans="14:14">
      <c r="N650802" s="10"/>
    </row>
    <row r="650803" spans="14:14">
      <c r="N650803" s="10"/>
    </row>
    <row r="650804" spans="14:14">
      <c r="N650804" s="10"/>
    </row>
    <row r="650805" spans="14:14">
      <c r="N650805" s="10"/>
    </row>
    <row r="650806" spans="14:14">
      <c r="N650806" s="10"/>
    </row>
    <row r="650807" spans="14:14">
      <c r="N650807" s="10"/>
    </row>
    <row r="650808" spans="14:14">
      <c r="N650808" s="10"/>
    </row>
    <row r="650809" spans="14:14">
      <c r="N650809" s="10"/>
    </row>
    <row r="650810" spans="14:14">
      <c r="N650810" s="10"/>
    </row>
    <row r="650811" spans="14:14">
      <c r="N650811" s="10"/>
    </row>
    <row r="650812" spans="14:14">
      <c r="N650812" s="10"/>
    </row>
    <row r="650813" spans="14:14">
      <c r="N650813" s="10"/>
    </row>
    <row r="650814" spans="14:14">
      <c r="N650814" s="10"/>
    </row>
    <row r="650815" spans="14:14">
      <c r="N650815" s="10"/>
    </row>
    <row r="650816" spans="14:14">
      <c r="N650816" s="10"/>
    </row>
    <row r="650817" spans="14:14">
      <c r="N650817" s="10"/>
    </row>
    <row r="650818" spans="14:14">
      <c r="N650818" s="10"/>
    </row>
    <row r="650819" spans="14:14">
      <c r="N650819" s="10"/>
    </row>
    <row r="650820" spans="14:14">
      <c r="N650820" s="10"/>
    </row>
    <row r="650821" spans="14:14">
      <c r="N650821" s="10"/>
    </row>
    <row r="650822" spans="14:14">
      <c r="N650822" s="10"/>
    </row>
    <row r="650823" spans="14:14">
      <c r="N650823" s="10"/>
    </row>
    <row r="650824" spans="14:14">
      <c r="N650824" s="10"/>
    </row>
    <row r="650825" spans="14:14">
      <c r="N650825" s="10"/>
    </row>
    <row r="650826" spans="14:14">
      <c r="N650826" s="10"/>
    </row>
    <row r="650827" spans="14:14">
      <c r="N650827" s="10"/>
    </row>
    <row r="650828" spans="14:14">
      <c r="N650828" s="10"/>
    </row>
    <row r="650829" spans="14:14">
      <c r="N650829" s="10"/>
    </row>
    <row r="650830" spans="14:14">
      <c r="N650830" s="10"/>
    </row>
    <row r="650831" spans="14:14">
      <c r="N650831" s="10"/>
    </row>
    <row r="650832" spans="14:14">
      <c r="N650832" s="10"/>
    </row>
    <row r="650833" spans="14:14">
      <c r="N650833" s="10"/>
    </row>
    <row r="650834" spans="14:14">
      <c r="N650834" s="10"/>
    </row>
    <row r="650835" spans="14:14">
      <c r="N650835" s="10"/>
    </row>
    <row r="650836" spans="14:14">
      <c r="N650836" s="10"/>
    </row>
    <row r="650837" spans="14:14">
      <c r="N650837" s="10"/>
    </row>
    <row r="650838" spans="14:14">
      <c r="N650838" s="10"/>
    </row>
    <row r="650839" spans="14:14">
      <c r="N650839" s="10"/>
    </row>
    <row r="650840" spans="14:14">
      <c r="N650840" s="10"/>
    </row>
    <row r="650841" spans="14:14">
      <c r="N650841" s="10"/>
    </row>
    <row r="650842" spans="14:14">
      <c r="N650842" s="10"/>
    </row>
    <row r="650843" spans="14:14">
      <c r="N650843" s="10"/>
    </row>
    <row r="650844" spans="14:14">
      <c r="N650844" s="10"/>
    </row>
    <row r="650845" spans="14:14">
      <c r="N650845" s="10"/>
    </row>
    <row r="650846" spans="14:14">
      <c r="N650846" s="10"/>
    </row>
    <row r="650847" spans="14:14">
      <c r="N650847" s="10"/>
    </row>
    <row r="650848" spans="14:14">
      <c r="N650848" s="10"/>
    </row>
    <row r="650849" spans="14:14">
      <c r="N650849" s="10"/>
    </row>
    <row r="650850" spans="14:14">
      <c r="N650850" s="10"/>
    </row>
    <row r="650851" spans="14:14">
      <c r="N650851" s="10"/>
    </row>
    <row r="650852" spans="14:14">
      <c r="N650852" s="10"/>
    </row>
    <row r="650853" spans="14:14">
      <c r="N650853" s="10"/>
    </row>
    <row r="650854" spans="14:14">
      <c r="N650854" s="10"/>
    </row>
    <row r="650855" spans="14:14">
      <c r="N650855" s="10"/>
    </row>
    <row r="650856" spans="14:14">
      <c r="N650856" s="10"/>
    </row>
    <row r="650857" spans="14:14">
      <c r="N650857" s="10"/>
    </row>
    <row r="650858" spans="14:14">
      <c r="N650858" s="10"/>
    </row>
    <row r="650859" spans="14:14">
      <c r="N650859" s="10"/>
    </row>
    <row r="650860" spans="14:14">
      <c r="N650860" s="10"/>
    </row>
    <row r="650861" spans="14:14">
      <c r="N650861" s="10"/>
    </row>
    <row r="650862" spans="14:14">
      <c r="N650862" s="10"/>
    </row>
    <row r="650863" spans="14:14">
      <c r="N650863" s="10"/>
    </row>
    <row r="650864" spans="14:14">
      <c r="N650864" s="10"/>
    </row>
    <row r="650865" spans="14:14">
      <c r="N650865" s="10"/>
    </row>
    <row r="650866" spans="14:14">
      <c r="N650866" s="10"/>
    </row>
    <row r="650867" spans="14:14">
      <c r="N650867" s="10"/>
    </row>
    <row r="650868" spans="14:14">
      <c r="N650868" s="10"/>
    </row>
    <row r="650869" spans="14:14">
      <c r="N650869" s="10"/>
    </row>
    <row r="650870" spans="14:14">
      <c r="N650870" s="10"/>
    </row>
    <row r="650871" spans="14:14">
      <c r="N650871" s="10"/>
    </row>
    <row r="650872" spans="14:14">
      <c r="N650872" s="10"/>
    </row>
    <row r="650873" spans="14:14">
      <c r="N650873" s="10"/>
    </row>
    <row r="650874" spans="14:14">
      <c r="N650874" s="10"/>
    </row>
    <row r="650875" spans="14:14">
      <c r="N650875" s="10"/>
    </row>
    <row r="650876" spans="14:14">
      <c r="N650876" s="10"/>
    </row>
    <row r="650877" spans="14:14">
      <c r="N650877" s="10"/>
    </row>
    <row r="650878" spans="14:14">
      <c r="N650878" s="10"/>
    </row>
    <row r="650879" spans="14:14">
      <c r="N650879" s="10"/>
    </row>
    <row r="650880" spans="14:14">
      <c r="N650880" s="10"/>
    </row>
    <row r="650881" spans="14:14">
      <c r="N650881" s="10"/>
    </row>
    <row r="650882" spans="14:14">
      <c r="N650882" s="10"/>
    </row>
    <row r="650883" spans="14:14">
      <c r="N650883" s="10"/>
    </row>
    <row r="650884" spans="14:14">
      <c r="N650884" s="10"/>
    </row>
    <row r="650885" spans="14:14">
      <c r="N650885" s="10"/>
    </row>
    <row r="650886" spans="14:14">
      <c r="N650886" s="10"/>
    </row>
    <row r="650887" spans="14:14">
      <c r="N650887" s="10"/>
    </row>
    <row r="650888" spans="14:14">
      <c r="N650888" s="10"/>
    </row>
    <row r="650889" spans="14:14">
      <c r="N650889" s="10"/>
    </row>
    <row r="650890" spans="14:14">
      <c r="N650890" s="10"/>
    </row>
    <row r="650891" spans="14:14">
      <c r="N650891" s="10"/>
    </row>
    <row r="650892" spans="14:14">
      <c r="N650892" s="10"/>
    </row>
    <row r="650893" spans="14:14">
      <c r="N650893" s="10"/>
    </row>
    <row r="650894" spans="14:14">
      <c r="N650894" s="10"/>
    </row>
    <row r="650895" spans="14:14">
      <c r="N650895" s="10"/>
    </row>
    <row r="650896" spans="14:14">
      <c r="N650896" s="10"/>
    </row>
    <row r="650897" spans="14:14">
      <c r="N650897" s="10"/>
    </row>
    <row r="650898" spans="14:14">
      <c r="N650898" s="10"/>
    </row>
    <row r="650899" spans="14:14">
      <c r="N650899" s="10"/>
    </row>
    <row r="650900" spans="14:14">
      <c r="N650900" s="10"/>
    </row>
    <row r="650901" spans="14:14">
      <c r="N650901" s="10"/>
    </row>
    <row r="650902" spans="14:14">
      <c r="N650902" s="10"/>
    </row>
    <row r="650903" spans="14:14">
      <c r="N650903" s="10"/>
    </row>
    <row r="650904" spans="14:14">
      <c r="N650904" s="10"/>
    </row>
    <row r="650905" spans="14:14">
      <c r="N650905" s="10"/>
    </row>
    <row r="650906" spans="14:14">
      <c r="N650906" s="10"/>
    </row>
    <row r="650907" spans="14:14">
      <c r="N650907" s="10"/>
    </row>
    <row r="650908" spans="14:14">
      <c r="N650908" s="10"/>
    </row>
    <row r="650909" spans="14:14">
      <c r="N650909" s="10"/>
    </row>
    <row r="650910" spans="14:14">
      <c r="N650910" s="10"/>
    </row>
    <row r="650911" spans="14:14">
      <c r="N650911" s="10"/>
    </row>
    <row r="650912" spans="14:14">
      <c r="N650912" s="10"/>
    </row>
    <row r="650913" spans="14:14">
      <c r="N650913" s="10"/>
    </row>
    <row r="650914" spans="14:14">
      <c r="N650914" s="10"/>
    </row>
    <row r="650915" spans="14:14">
      <c r="N650915" s="10"/>
    </row>
    <row r="650916" spans="14:14">
      <c r="N650916" s="10"/>
    </row>
    <row r="650917" spans="14:14">
      <c r="N650917" s="10"/>
    </row>
    <row r="650918" spans="14:14">
      <c r="N650918" s="10"/>
    </row>
    <row r="650919" spans="14:14">
      <c r="N650919" s="10"/>
    </row>
    <row r="650920" spans="14:14">
      <c r="N650920" s="10"/>
    </row>
    <row r="650921" spans="14:14">
      <c r="N650921" s="10"/>
    </row>
    <row r="650922" spans="14:14">
      <c r="N650922" s="10"/>
    </row>
    <row r="650923" spans="14:14">
      <c r="N650923" s="10"/>
    </row>
    <row r="650924" spans="14:14">
      <c r="N650924" s="10"/>
    </row>
    <row r="650925" spans="14:14">
      <c r="N650925" s="10"/>
    </row>
    <row r="650926" spans="14:14">
      <c r="N650926" s="10"/>
    </row>
    <row r="650927" spans="14:14">
      <c r="N650927" s="10"/>
    </row>
    <row r="650928" spans="14:14">
      <c r="N650928" s="10"/>
    </row>
    <row r="650929" spans="14:14">
      <c r="N650929" s="10"/>
    </row>
    <row r="650930" spans="14:14">
      <c r="N650930" s="10"/>
    </row>
    <row r="650931" spans="14:14">
      <c r="N650931" s="10"/>
    </row>
    <row r="650932" spans="14:14">
      <c r="N650932" s="10"/>
    </row>
    <row r="650933" spans="14:14">
      <c r="N650933" s="10"/>
    </row>
    <row r="650934" spans="14:14">
      <c r="N650934" s="10"/>
    </row>
    <row r="650935" spans="14:14">
      <c r="N650935" s="10"/>
    </row>
    <row r="650936" spans="14:14">
      <c r="N650936" s="10"/>
    </row>
    <row r="650937" spans="14:14">
      <c r="N650937" s="10"/>
    </row>
    <row r="650938" spans="14:14">
      <c r="N650938" s="10"/>
    </row>
    <row r="650939" spans="14:14">
      <c r="N650939" s="10"/>
    </row>
    <row r="650940" spans="14:14">
      <c r="N650940" s="10"/>
    </row>
    <row r="650941" spans="14:14">
      <c r="N650941" s="10"/>
    </row>
    <row r="650942" spans="14:14">
      <c r="N650942" s="10"/>
    </row>
    <row r="650943" spans="14:14">
      <c r="N650943" s="10"/>
    </row>
    <row r="650944" spans="14:14">
      <c r="N650944" s="10"/>
    </row>
    <row r="650945" spans="14:14">
      <c r="N650945" s="10"/>
    </row>
    <row r="650946" spans="14:14">
      <c r="N650946" s="10"/>
    </row>
    <row r="650947" spans="14:14">
      <c r="N650947" s="10"/>
    </row>
    <row r="650948" spans="14:14">
      <c r="N650948" s="10"/>
    </row>
    <row r="650949" spans="14:14">
      <c r="N650949" s="10"/>
    </row>
    <row r="650950" spans="14:14">
      <c r="N650950" s="10"/>
    </row>
    <row r="650951" spans="14:14">
      <c r="N650951" s="10"/>
    </row>
    <row r="650952" spans="14:14">
      <c r="N650952" s="10"/>
    </row>
    <row r="650953" spans="14:14">
      <c r="N650953" s="10"/>
    </row>
    <row r="650954" spans="14:14">
      <c r="N650954" s="10"/>
    </row>
    <row r="650955" spans="14:14">
      <c r="N650955" s="10"/>
    </row>
    <row r="650956" spans="14:14">
      <c r="N650956" s="10"/>
    </row>
    <row r="650957" spans="14:14">
      <c r="N650957" s="10"/>
    </row>
    <row r="650958" spans="14:14">
      <c r="N650958" s="10"/>
    </row>
    <row r="650959" spans="14:14">
      <c r="N650959" s="10"/>
    </row>
    <row r="650960" spans="14:14">
      <c r="N650960" s="10"/>
    </row>
    <row r="650961" spans="14:14">
      <c r="N650961" s="10"/>
    </row>
    <row r="650962" spans="14:14">
      <c r="N650962" s="10"/>
    </row>
    <row r="650963" spans="14:14">
      <c r="N650963" s="10"/>
    </row>
    <row r="650964" spans="14:14">
      <c r="N650964" s="10"/>
    </row>
    <row r="650965" spans="14:14">
      <c r="N650965" s="10"/>
    </row>
    <row r="650966" spans="14:14">
      <c r="N650966" s="10"/>
    </row>
    <row r="650967" spans="14:14">
      <c r="N650967" s="10"/>
    </row>
    <row r="650968" spans="14:14">
      <c r="N650968" s="10"/>
    </row>
    <row r="650969" spans="14:14">
      <c r="N650969" s="10"/>
    </row>
    <row r="650970" spans="14:14">
      <c r="N650970" s="10"/>
    </row>
    <row r="650971" spans="14:14">
      <c r="N650971" s="10"/>
    </row>
    <row r="650972" spans="14:14">
      <c r="N650972" s="10"/>
    </row>
    <row r="650973" spans="14:14">
      <c r="N650973" s="10"/>
    </row>
    <row r="650974" spans="14:14">
      <c r="N650974" s="10"/>
    </row>
    <row r="650975" spans="14:14">
      <c r="N650975" s="10"/>
    </row>
    <row r="650976" spans="14:14">
      <c r="N650976" s="10"/>
    </row>
    <row r="650977" spans="14:14">
      <c r="N650977" s="10"/>
    </row>
    <row r="650978" spans="14:14">
      <c r="N650978" s="10"/>
    </row>
    <row r="650979" spans="14:14">
      <c r="N650979" s="10"/>
    </row>
    <row r="650980" spans="14:14">
      <c r="N650980" s="10"/>
    </row>
    <row r="650981" spans="14:14">
      <c r="N650981" s="10"/>
    </row>
    <row r="650982" spans="14:14">
      <c r="N650982" s="10"/>
    </row>
    <row r="650983" spans="14:14">
      <c r="N650983" s="10"/>
    </row>
    <row r="650984" spans="14:14">
      <c r="N650984" s="10"/>
    </row>
    <row r="650985" spans="14:14">
      <c r="N650985" s="10"/>
    </row>
    <row r="650986" spans="14:14">
      <c r="N650986" s="10"/>
    </row>
    <row r="650987" spans="14:14">
      <c r="N650987" s="10"/>
    </row>
    <row r="650988" spans="14:14">
      <c r="N650988" s="10"/>
    </row>
    <row r="650989" spans="14:14">
      <c r="N650989" s="10"/>
    </row>
    <row r="650990" spans="14:14">
      <c r="N650990" s="10"/>
    </row>
    <row r="650991" spans="14:14">
      <c r="N650991" s="10"/>
    </row>
    <row r="650992" spans="14:14">
      <c r="N650992" s="10"/>
    </row>
    <row r="650993" spans="14:14">
      <c r="N650993" s="10"/>
    </row>
    <row r="650994" spans="14:14">
      <c r="N650994" s="10"/>
    </row>
    <row r="650995" spans="14:14">
      <c r="N650995" s="10"/>
    </row>
    <row r="650996" spans="14:14">
      <c r="N650996" s="10"/>
    </row>
    <row r="650997" spans="14:14">
      <c r="N650997" s="10"/>
    </row>
    <row r="650998" spans="14:14">
      <c r="N650998" s="10"/>
    </row>
    <row r="650999" spans="14:14">
      <c r="N650999" s="10"/>
    </row>
    <row r="651000" spans="14:14">
      <c r="N651000" s="10"/>
    </row>
    <row r="651001" spans="14:14">
      <c r="N651001" s="10"/>
    </row>
    <row r="651002" spans="14:14">
      <c r="N651002" s="10"/>
    </row>
    <row r="651003" spans="14:14">
      <c r="N651003" s="10"/>
    </row>
    <row r="651004" spans="14:14">
      <c r="N651004" s="10"/>
    </row>
    <row r="651005" spans="14:14">
      <c r="N651005" s="10"/>
    </row>
    <row r="651006" spans="14:14">
      <c r="N651006" s="10"/>
    </row>
    <row r="651007" spans="14:14">
      <c r="N651007" s="10"/>
    </row>
    <row r="651008" spans="14:14">
      <c r="N651008" s="10"/>
    </row>
    <row r="651009" spans="14:14">
      <c r="N651009" s="10"/>
    </row>
    <row r="651010" spans="14:14">
      <c r="N651010" s="10"/>
    </row>
    <row r="651011" spans="14:14">
      <c r="N651011" s="10"/>
    </row>
    <row r="651012" spans="14:14">
      <c r="N651012" s="10"/>
    </row>
    <row r="651013" spans="14:14">
      <c r="N651013" s="10"/>
    </row>
    <row r="651014" spans="14:14">
      <c r="N651014" s="10"/>
    </row>
    <row r="651015" spans="14:14">
      <c r="N651015" s="10"/>
    </row>
    <row r="651016" spans="14:14">
      <c r="N651016" s="10"/>
    </row>
    <row r="651017" spans="14:14">
      <c r="N651017" s="10"/>
    </row>
    <row r="651018" spans="14:14">
      <c r="N651018" s="10"/>
    </row>
    <row r="651019" spans="14:14">
      <c r="N651019" s="10"/>
    </row>
    <row r="651020" spans="14:14">
      <c r="N651020" s="10"/>
    </row>
    <row r="651021" spans="14:14">
      <c r="N651021" s="10"/>
    </row>
    <row r="651022" spans="14:14">
      <c r="N651022" s="10"/>
    </row>
    <row r="651023" spans="14:14">
      <c r="N651023" s="10"/>
    </row>
    <row r="651024" spans="14:14">
      <c r="N651024" s="10"/>
    </row>
    <row r="651025" spans="14:14">
      <c r="N651025" s="10"/>
    </row>
    <row r="651026" spans="14:14">
      <c r="N651026" s="10"/>
    </row>
    <row r="651027" spans="14:14">
      <c r="N651027" s="10"/>
    </row>
    <row r="651028" spans="14:14">
      <c r="N651028" s="10"/>
    </row>
    <row r="651029" spans="14:14">
      <c r="N651029" s="10"/>
    </row>
    <row r="651030" spans="14:14">
      <c r="N651030" s="10"/>
    </row>
    <row r="651031" spans="14:14">
      <c r="N651031" s="10"/>
    </row>
    <row r="651032" spans="14:14">
      <c r="N651032" s="10"/>
    </row>
    <row r="651033" spans="14:14">
      <c r="N651033" s="10"/>
    </row>
    <row r="651034" spans="14:14">
      <c r="N651034" s="10"/>
    </row>
    <row r="651035" spans="14:14">
      <c r="N651035" s="10"/>
    </row>
    <row r="651036" spans="14:14">
      <c r="N651036" s="10"/>
    </row>
    <row r="651037" spans="14:14">
      <c r="N651037" s="10"/>
    </row>
    <row r="651038" spans="14:14">
      <c r="N651038" s="10"/>
    </row>
    <row r="651039" spans="14:14">
      <c r="N651039" s="10"/>
    </row>
    <row r="651040" spans="14:14">
      <c r="N651040" s="10"/>
    </row>
    <row r="651041" spans="14:14">
      <c r="N651041" s="10"/>
    </row>
    <row r="651042" spans="14:14">
      <c r="N651042" s="10"/>
    </row>
    <row r="651043" spans="14:14">
      <c r="N651043" s="10"/>
    </row>
    <row r="651044" spans="14:14">
      <c r="N651044" s="10"/>
    </row>
    <row r="651045" spans="14:14">
      <c r="N651045" s="10"/>
    </row>
    <row r="651046" spans="14:14">
      <c r="N651046" s="10"/>
    </row>
    <row r="651047" spans="14:14">
      <c r="N651047" s="10"/>
    </row>
    <row r="651048" spans="14:14">
      <c r="N651048" s="10"/>
    </row>
    <row r="651049" spans="14:14">
      <c r="N651049" s="10"/>
    </row>
    <row r="651050" spans="14:14">
      <c r="N651050" s="10"/>
    </row>
    <row r="651051" spans="14:14">
      <c r="N651051" s="10"/>
    </row>
    <row r="651052" spans="14:14">
      <c r="N651052" s="10"/>
    </row>
    <row r="651053" spans="14:14">
      <c r="N651053" s="10"/>
    </row>
    <row r="651054" spans="14:14">
      <c r="N651054" s="10"/>
    </row>
    <row r="651055" spans="14:14">
      <c r="N651055" s="10"/>
    </row>
    <row r="651056" spans="14:14">
      <c r="N651056" s="10"/>
    </row>
    <row r="651057" spans="14:14">
      <c r="N651057" s="10"/>
    </row>
    <row r="651058" spans="14:14">
      <c r="N651058" s="10"/>
    </row>
    <row r="651059" spans="14:14">
      <c r="N651059" s="10"/>
    </row>
    <row r="651060" spans="14:14">
      <c r="N651060" s="10"/>
    </row>
    <row r="651061" spans="14:14">
      <c r="N651061" s="10"/>
    </row>
    <row r="651062" spans="14:14">
      <c r="N651062" s="10"/>
    </row>
    <row r="651063" spans="14:14">
      <c r="N651063" s="10"/>
    </row>
    <row r="651064" spans="14:14">
      <c r="N651064" s="10"/>
    </row>
    <row r="651065" spans="14:14">
      <c r="N651065" s="10"/>
    </row>
    <row r="651066" spans="14:14">
      <c r="N651066" s="10"/>
    </row>
    <row r="651067" spans="14:14">
      <c r="N651067" s="10"/>
    </row>
    <row r="651068" spans="14:14">
      <c r="N651068" s="10"/>
    </row>
    <row r="651069" spans="14:14">
      <c r="N651069" s="10"/>
    </row>
    <row r="651070" spans="14:14">
      <c r="N651070" s="10"/>
    </row>
    <row r="651071" spans="14:14">
      <c r="N651071" s="10"/>
    </row>
    <row r="651072" spans="14:14">
      <c r="N651072" s="10"/>
    </row>
    <row r="651073" spans="14:14">
      <c r="N651073" s="10"/>
    </row>
    <row r="651074" spans="14:14">
      <c r="N651074" s="10"/>
    </row>
    <row r="651075" spans="14:14">
      <c r="N651075" s="10"/>
    </row>
    <row r="651076" spans="14:14">
      <c r="N651076" s="10"/>
    </row>
    <row r="651077" spans="14:14">
      <c r="N651077" s="10"/>
    </row>
    <row r="651078" spans="14:14">
      <c r="N651078" s="10"/>
    </row>
    <row r="651079" spans="14:14">
      <c r="N651079" s="10"/>
    </row>
    <row r="651080" spans="14:14">
      <c r="N651080" s="10"/>
    </row>
    <row r="651081" spans="14:14">
      <c r="N651081" s="10"/>
    </row>
    <row r="651082" spans="14:14">
      <c r="N651082" s="10"/>
    </row>
    <row r="651083" spans="14:14">
      <c r="N651083" s="10"/>
    </row>
    <row r="651084" spans="14:14">
      <c r="N651084" s="10"/>
    </row>
    <row r="651085" spans="14:14">
      <c r="N651085" s="10"/>
    </row>
    <row r="651086" spans="14:14">
      <c r="N651086" s="10"/>
    </row>
    <row r="651087" spans="14:14">
      <c r="N651087" s="10"/>
    </row>
    <row r="651088" spans="14:14">
      <c r="N651088" s="10"/>
    </row>
    <row r="651089" spans="14:14">
      <c r="N651089" s="10"/>
    </row>
    <row r="651090" spans="14:14">
      <c r="N651090" s="10"/>
    </row>
    <row r="651091" spans="14:14">
      <c r="N651091" s="10"/>
    </row>
    <row r="651092" spans="14:14">
      <c r="N651092" s="10"/>
    </row>
    <row r="651093" spans="14:14">
      <c r="N651093" s="10"/>
    </row>
    <row r="651094" spans="14:14">
      <c r="N651094" s="10"/>
    </row>
    <row r="651095" spans="14:14">
      <c r="N651095" s="10"/>
    </row>
    <row r="651096" spans="14:14">
      <c r="N651096" s="10"/>
    </row>
    <row r="651097" spans="14:14">
      <c r="N651097" s="10"/>
    </row>
    <row r="651098" spans="14:14">
      <c r="N651098" s="10"/>
    </row>
    <row r="651099" spans="14:14">
      <c r="N651099" s="10"/>
    </row>
    <row r="651100" spans="14:14">
      <c r="N651100" s="10"/>
    </row>
    <row r="651101" spans="14:14">
      <c r="N651101" s="10"/>
    </row>
    <row r="651102" spans="14:14">
      <c r="N651102" s="10"/>
    </row>
    <row r="651103" spans="14:14">
      <c r="N651103" s="10"/>
    </row>
    <row r="651104" spans="14:14">
      <c r="N651104" s="10"/>
    </row>
    <row r="651105" spans="14:14">
      <c r="N651105" s="10"/>
    </row>
    <row r="651106" spans="14:14">
      <c r="N651106" s="10"/>
    </row>
    <row r="651107" spans="14:14">
      <c r="N651107" s="10"/>
    </row>
    <row r="651108" spans="14:14">
      <c r="N651108" s="10"/>
    </row>
    <row r="651109" spans="14:14">
      <c r="N651109" s="10"/>
    </row>
    <row r="651110" spans="14:14">
      <c r="N651110" s="10"/>
    </row>
    <row r="651111" spans="14:14">
      <c r="N651111" s="10"/>
    </row>
    <row r="651112" spans="14:14">
      <c r="N651112" s="10"/>
    </row>
    <row r="651113" spans="14:14">
      <c r="N651113" s="10"/>
    </row>
    <row r="651114" spans="14:14">
      <c r="N651114" s="10"/>
    </row>
    <row r="651115" spans="14:14">
      <c r="N651115" s="10"/>
    </row>
    <row r="651116" spans="14:14">
      <c r="N651116" s="10"/>
    </row>
    <row r="651117" spans="14:14">
      <c r="N651117" s="10"/>
    </row>
    <row r="651118" spans="14:14">
      <c r="N651118" s="10"/>
    </row>
    <row r="651119" spans="14:14">
      <c r="N651119" s="10"/>
    </row>
    <row r="651120" spans="14:14">
      <c r="N651120" s="10"/>
    </row>
    <row r="651121" spans="14:14">
      <c r="N651121" s="10"/>
    </row>
    <row r="651122" spans="14:14">
      <c r="N651122" s="10"/>
    </row>
    <row r="651123" spans="14:14">
      <c r="N651123" s="10"/>
    </row>
    <row r="651124" spans="14:14">
      <c r="N651124" s="10"/>
    </row>
    <row r="651125" spans="14:14">
      <c r="N651125" s="10"/>
    </row>
    <row r="651126" spans="14:14">
      <c r="N651126" s="10"/>
    </row>
    <row r="651127" spans="14:14">
      <c r="N651127" s="10"/>
    </row>
    <row r="651128" spans="14:14">
      <c r="N651128" s="10"/>
    </row>
    <row r="651129" spans="14:14">
      <c r="N651129" s="10"/>
    </row>
    <row r="651130" spans="14:14">
      <c r="N651130" s="10"/>
    </row>
    <row r="651131" spans="14:14">
      <c r="N651131" s="10"/>
    </row>
    <row r="651132" spans="14:14">
      <c r="N651132" s="10"/>
    </row>
    <row r="651133" spans="14:14">
      <c r="N651133" s="10"/>
    </row>
    <row r="651134" spans="14:14">
      <c r="N651134" s="10"/>
    </row>
    <row r="651135" spans="14:14">
      <c r="N651135" s="10"/>
    </row>
    <row r="651136" spans="14:14">
      <c r="N651136" s="10"/>
    </row>
    <row r="651137" spans="14:14">
      <c r="N651137" s="10"/>
    </row>
    <row r="651138" spans="14:14">
      <c r="N651138" s="10"/>
    </row>
    <row r="651139" spans="14:14">
      <c r="N651139" s="10"/>
    </row>
    <row r="651140" spans="14:14">
      <c r="N651140" s="10"/>
    </row>
    <row r="651141" spans="14:14">
      <c r="N651141" s="10"/>
    </row>
    <row r="651142" spans="14:14">
      <c r="N651142" s="10"/>
    </row>
    <row r="651143" spans="14:14">
      <c r="N651143" s="10"/>
    </row>
    <row r="651144" spans="14:14">
      <c r="N651144" s="10"/>
    </row>
    <row r="651145" spans="14:14">
      <c r="N651145" s="10"/>
    </row>
    <row r="651146" spans="14:14">
      <c r="N651146" s="10"/>
    </row>
    <row r="651147" spans="14:14">
      <c r="N651147" s="10"/>
    </row>
    <row r="651148" spans="14:14">
      <c r="N651148" s="10"/>
    </row>
    <row r="651149" spans="14:14">
      <c r="N651149" s="10"/>
    </row>
    <row r="651150" spans="14:14">
      <c r="N651150" s="10"/>
    </row>
    <row r="651151" spans="14:14">
      <c r="N651151" s="10"/>
    </row>
    <row r="651152" spans="14:14">
      <c r="N651152" s="10"/>
    </row>
    <row r="651153" spans="14:14">
      <c r="N651153" s="10"/>
    </row>
    <row r="651154" spans="14:14">
      <c r="N651154" s="10"/>
    </row>
    <row r="651155" spans="14:14">
      <c r="N651155" s="10"/>
    </row>
    <row r="651156" spans="14:14">
      <c r="N651156" s="10"/>
    </row>
    <row r="651157" spans="14:14">
      <c r="N651157" s="10"/>
    </row>
    <row r="651158" spans="14:14">
      <c r="N651158" s="10"/>
    </row>
    <row r="651159" spans="14:14">
      <c r="N651159" s="10"/>
    </row>
    <row r="651160" spans="14:14">
      <c r="N651160" s="10"/>
    </row>
    <row r="651161" spans="14:14">
      <c r="N651161" s="10"/>
    </row>
    <row r="651162" spans="14:14">
      <c r="N651162" s="10"/>
    </row>
    <row r="651163" spans="14:14">
      <c r="N651163" s="10"/>
    </row>
    <row r="651164" spans="14:14">
      <c r="N651164" s="10"/>
    </row>
    <row r="651165" spans="14:14">
      <c r="N651165" s="10"/>
    </row>
    <row r="651166" spans="14:14">
      <c r="N651166" s="10"/>
    </row>
    <row r="651167" spans="14:14">
      <c r="N651167" s="10"/>
    </row>
    <row r="651168" spans="14:14">
      <c r="N651168" s="10"/>
    </row>
    <row r="651169" spans="14:14">
      <c r="N651169" s="10"/>
    </row>
    <row r="651170" spans="14:14">
      <c r="N651170" s="10"/>
    </row>
    <row r="651171" spans="14:14">
      <c r="N651171" s="10"/>
    </row>
    <row r="651172" spans="14:14">
      <c r="N651172" s="10"/>
    </row>
    <row r="651173" spans="14:14">
      <c r="N651173" s="10"/>
    </row>
    <row r="651174" spans="14:14">
      <c r="N651174" s="10"/>
    </row>
    <row r="651175" spans="14:14">
      <c r="N651175" s="10"/>
    </row>
    <row r="651176" spans="14:14">
      <c r="N651176" s="10"/>
    </row>
    <row r="651177" spans="14:14">
      <c r="N651177" s="10"/>
    </row>
    <row r="651178" spans="14:14">
      <c r="N651178" s="10"/>
    </row>
    <row r="651179" spans="14:14">
      <c r="N651179" s="10"/>
    </row>
    <row r="651180" spans="14:14">
      <c r="N651180" s="10"/>
    </row>
    <row r="651181" spans="14:14">
      <c r="N651181" s="10"/>
    </row>
    <row r="651182" spans="14:14">
      <c r="N651182" s="10"/>
    </row>
    <row r="651183" spans="14:14">
      <c r="N651183" s="10"/>
    </row>
    <row r="651184" spans="14:14">
      <c r="N651184" s="10"/>
    </row>
    <row r="651185" spans="14:14">
      <c r="N651185" s="10"/>
    </row>
    <row r="651186" spans="14:14">
      <c r="N651186" s="10"/>
    </row>
    <row r="651187" spans="14:14">
      <c r="N651187" s="10"/>
    </row>
    <row r="651188" spans="14:14">
      <c r="N651188" s="10"/>
    </row>
    <row r="651189" spans="14:14">
      <c r="N651189" s="10"/>
    </row>
    <row r="651190" spans="14:14">
      <c r="N651190" s="10"/>
    </row>
    <row r="651191" spans="14:14">
      <c r="N651191" s="10"/>
    </row>
    <row r="651192" spans="14:14">
      <c r="N651192" s="10"/>
    </row>
    <row r="651193" spans="14:14">
      <c r="N651193" s="10"/>
    </row>
    <row r="651194" spans="14:14">
      <c r="N651194" s="10"/>
    </row>
    <row r="651195" spans="14:14">
      <c r="N651195" s="10"/>
    </row>
    <row r="651196" spans="14:14">
      <c r="N651196" s="10"/>
    </row>
    <row r="651197" spans="14:14">
      <c r="N651197" s="10"/>
    </row>
    <row r="651198" spans="14:14">
      <c r="N651198" s="10"/>
    </row>
    <row r="651199" spans="14:14">
      <c r="N651199" s="10"/>
    </row>
    <row r="651200" spans="14:14">
      <c r="N651200" s="10"/>
    </row>
    <row r="651201" spans="14:14">
      <c r="N651201" s="10"/>
    </row>
    <row r="651202" spans="14:14">
      <c r="N651202" s="10"/>
    </row>
    <row r="651203" spans="14:14">
      <c r="N651203" s="10"/>
    </row>
    <row r="651204" spans="14:14">
      <c r="N651204" s="10"/>
    </row>
    <row r="651205" spans="14:14">
      <c r="N651205" s="10"/>
    </row>
    <row r="651206" spans="14:14">
      <c r="N651206" s="10"/>
    </row>
    <row r="651207" spans="14:14">
      <c r="N651207" s="10"/>
    </row>
    <row r="651208" spans="14:14">
      <c r="N651208" s="10"/>
    </row>
    <row r="651209" spans="14:14">
      <c r="N651209" s="10"/>
    </row>
    <row r="651210" spans="14:14">
      <c r="N651210" s="10"/>
    </row>
    <row r="651211" spans="14:14">
      <c r="N651211" s="10"/>
    </row>
    <row r="651212" spans="14:14">
      <c r="N651212" s="10"/>
    </row>
    <row r="651213" spans="14:14">
      <c r="N651213" s="10"/>
    </row>
    <row r="651214" spans="14:14">
      <c r="N651214" s="10"/>
    </row>
    <row r="651215" spans="14:14">
      <c r="N651215" s="10"/>
    </row>
    <row r="651216" spans="14:14">
      <c r="N651216" s="10"/>
    </row>
    <row r="651217" spans="14:14">
      <c r="N651217" s="10"/>
    </row>
    <row r="651218" spans="14:14">
      <c r="N651218" s="10"/>
    </row>
    <row r="651219" spans="14:14">
      <c r="N651219" s="10"/>
    </row>
    <row r="651220" spans="14:14">
      <c r="N651220" s="10"/>
    </row>
    <row r="651221" spans="14:14">
      <c r="N651221" s="10"/>
    </row>
    <row r="651222" spans="14:14">
      <c r="N651222" s="10"/>
    </row>
    <row r="651223" spans="14:14">
      <c r="N651223" s="10"/>
    </row>
    <row r="651224" spans="14:14">
      <c r="N651224" s="10"/>
    </row>
    <row r="651225" spans="14:14">
      <c r="N651225" s="10"/>
    </row>
    <row r="651226" spans="14:14">
      <c r="N651226" s="10"/>
    </row>
    <row r="651227" spans="14:14">
      <c r="N651227" s="10"/>
    </row>
    <row r="651228" spans="14:14">
      <c r="N651228" s="10"/>
    </row>
    <row r="651229" spans="14:14">
      <c r="N651229" s="10"/>
    </row>
    <row r="651230" spans="14:14">
      <c r="N651230" s="10"/>
    </row>
    <row r="651231" spans="14:14">
      <c r="N651231" s="10"/>
    </row>
    <row r="651232" spans="14:14">
      <c r="N651232" s="10"/>
    </row>
    <row r="651233" spans="14:14">
      <c r="N651233" s="10"/>
    </row>
    <row r="651234" spans="14:14">
      <c r="N651234" s="10"/>
    </row>
    <row r="651235" spans="14:14">
      <c r="N651235" s="10"/>
    </row>
    <row r="651236" spans="14:14">
      <c r="N651236" s="10"/>
    </row>
    <row r="651237" spans="14:14">
      <c r="N651237" s="10"/>
    </row>
    <row r="651238" spans="14:14">
      <c r="N651238" s="10"/>
    </row>
    <row r="651239" spans="14:14">
      <c r="N651239" s="10"/>
    </row>
    <row r="651240" spans="14:14">
      <c r="N651240" s="10"/>
    </row>
    <row r="651241" spans="14:14">
      <c r="N651241" s="10"/>
    </row>
    <row r="651242" spans="14:14">
      <c r="N651242" s="10"/>
    </row>
    <row r="651243" spans="14:14">
      <c r="N651243" s="10"/>
    </row>
    <row r="651244" spans="14:14">
      <c r="N651244" s="10"/>
    </row>
    <row r="651245" spans="14:14">
      <c r="N651245" s="10"/>
    </row>
    <row r="651246" spans="14:14">
      <c r="N651246" s="10"/>
    </row>
    <row r="651247" spans="14:14">
      <c r="N651247" s="10"/>
    </row>
    <row r="651248" spans="14:14">
      <c r="N651248" s="10"/>
    </row>
    <row r="651249" spans="14:14">
      <c r="N651249" s="10"/>
    </row>
    <row r="651250" spans="14:14">
      <c r="N651250" s="10"/>
    </row>
    <row r="651251" spans="14:14">
      <c r="N651251" s="10"/>
    </row>
    <row r="651252" spans="14:14">
      <c r="N651252" s="10"/>
    </row>
    <row r="651253" spans="14:14">
      <c r="N651253" s="10"/>
    </row>
    <row r="651254" spans="14:14">
      <c r="N651254" s="10"/>
    </row>
    <row r="651255" spans="14:14">
      <c r="N651255" s="10"/>
    </row>
    <row r="651256" spans="14:14">
      <c r="N651256" s="10"/>
    </row>
    <row r="651257" spans="14:14">
      <c r="N651257" s="10"/>
    </row>
    <row r="651258" spans="14:14">
      <c r="N651258" s="10"/>
    </row>
    <row r="651259" spans="14:14">
      <c r="N651259" s="10"/>
    </row>
    <row r="651260" spans="14:14">
      <c r="N651260" s="10"/>
    </row>
    <row r="651261" spans="14:14">
      <c r="N651261" s="10"/>
    </row>
    <row r="651262" spans="14:14">
      <c r="N651262" s="10"/>
    </row>
    <row r="651263" spans="14:14">
      <c r="N651263" s="10"/>
    </row>
    <row r="651264" spans="14:14">
      <c r="N651264" s="10"/>
    </row>
    <row r="651265" spans="14:14">
      <c r="N651265" s="10"/>
    </row>
    <row r="651266" spans="14:14">
      <c r="N651266" s="10"/>
    </row>
    <row r="651267" spans="14:14">
      <c r="N651267" s="10"/>
    </row>
    <row r="651268" spans="14:14">
      <c r="N651268" s="10"/>
    </row>
    <row r="651269" spans="14:14">
      <c r="N651269" s="10"/>
    </row>
    <row r="651270" spans="14:14">
      <c r="N651270" s="10"/>
    </row>
    <row r="651271" spans="14:14">
      <c r="N651271" s="10"/>
    </row>
    <row r="651272" spans="14:14">
      <c r="N651272" s="10"/>
    </row>
    <row r="651273" spans="14:14">
      <c r="N651273" s="10"/>
    </row>
    <row r="651274" spans="14:14">
      <c r="N651274" s="10"/>
    </row>
    <row r="651275" spans="14:14">
      <c r="N651275" s="10"/>
    </row>
    <row r="651276" spans="14:14">
      <c r="N651276" s="10"/>
    </row>
    <row r="651277" spans="14:14">
      <c r="N651277" s="10"/>
    </row>
    <row r="651278" spans="14:14">
      <c r="N651278" s="10"/>
    </row>
    <row r="651279" spans="14:14">
      <c r="N651279" s="10"/>
    </row>
    <row r="651280" spans="14:14">
      <c r="N651280" s="10"/>
    </row>
    <row r="651281" spans="14:14">
      <c r="N651281" s="10"/>
    </row>
    <row r="651282" spans="14:14">
      <c r="N651282" s="10"/>
    </row>
    <row r="651283" spans="14:14">
      <c r="N651283" s="10"/>
    </row>
    <row r="651284" spans="14:14">
      <c r="N651284" s="10"/>
    </row>
    <row r="651285" spans="14:14">
      <c r="N651285" s="10"/>
    </row>
    <row r="651286" spans="14:14">
      <c r="N651286" s="10"/>
    </row>
    <row r="651287" spans="14:14">
      <c r="N651287" s="10"/>
    </row>
    <row r="651288" spans="14:14">
      <c r="N651288" s="10"/>
    </row>
    <row r="651289" spans="14:14">
      <c r="N651289" s="10"/>
    </row>
    <row r="651290" spans="14:14">
      <c r="N651290" s="10"/>
    </row>
    <row r="651291" spans="14:14">
      <c r="N651291" s="10"/>
    </row>
    <row r="651292" spans="14:14">
      <c r="N651292" s="10"/>
    </row>
    <row r="651293" spans="14:14">
      <c r="N651293" s="10"/>
    </row>
    <row r="651294" spans="14:14">
      <c r="N651294" s="10"/>
    </row>
    <row r="651295" spans="14:14">
      <c r="N651295" s="10"/>
    </row>
    <row r="651296" spans="14:14">
      <c r="N651296" s="10"/>
    </row>
    <row r="651297" spans="14:14">
      <c r="N651297" s="10"/>
    </row>
    <row r="651298" spans="14:14">
      <c r="N651298" s="10"/>
    </row>
    <row r="651299" spans="14:14">
      <c r="N651299" s="10"/>
    </row>
    <row r="651300" spans="14:14">
      <c r="N651300" s="10"/>
    </row>
    <row r="651301" spans="14:14">
      <c r="N651301" s="10"/>
    </row>
    <row r="651302" spans="14:14">
      <c r="N651302" s="10"/>
    </row>
    <row r="651303" spans="14:14">
      <c r="N651303" s="10"/>
    </row>
    <row r="651304" spans="14:14">
      <c r="N651304" s="10"/>
    </row>
    <row r="651305" spans="14:14">
      <c r="N651305" s="10"/>
    </row>
    <row r="651306" spans="14:14">
      <c r="N651306" s="10"/>
    </row>
    <row r="651307" spans="14:14">
      <c r="N651307" s="10"/>
    </row>
    <row r="651308" spans="14:14">
      <c r="N651308" s="10"/>
    </row>
    <row r="651309" spans="14:14">
      <c r="N651309" s="10"/>
    </row>
    <row r="651310" spans="14:14">
      <c r="N651310" s="10"/>
    </row>
    <row r="651311" spans="14:14">
      <c r="N651311" s="10"/>
    </row>
    <row r="651312" spans="14:14">
      <c r="N651312" s="10"/>
    </row>
    <row r="651313" spans="14:14">
      <c r="N651313" s="10"/>
    </row>
    <row r="651314" spans="14:14">
      <c r="N651314" s="10"/>
    </row>
    <row r="651315" spans="14:14">
      <c r="N651315" s="10"/>
    </row>
    <row r="651316" spans="14:14">
      <c r="N651316" s="10"/>
    </row>
    <row r="651317" spans="14:14">
      <c r="N651317" s="10"/>
    </row>
    <row r="651318" spans="14:14">
      <c r="N651318" s="10"/>
    </row>
    <row r="651319" spans="14:14">
      <c r="N651319" s="10"/>
    </row>
    <row r="651320" spans="14:14">
      <c r="N651320" s="10"/>
    </row>
    <row r="651321" spans="14:14">
      <c r="N651321" s="10"/>
    </row>
    <row r="651322" spans="14:14">
      <c r="N651322" s="10"/>
    </row>
    <row r="651323" spans="14:14">
      <c r="N651323" s="10"/>
    </row>
    <row r="651324" spans="14:14">
      <c r="N651324" s="10"/>
    </row>
    <row r="651325" spans="14:14">
      <c r="N651325" s="10"/>
    </row>
    <row r="651326" spans="14:14">
      <c r="N651326" s="10"/>
    </row>
    <row r="651327" spans="14:14">
      <c r="N651327" s="10"/>
    </row>
    <row r="651328" spans="14:14">
      <c r="N651328" s="10"/>
    </row>
    <row r="651329" spans="14:14">
      <c r="N651329" s="10"/>
    </row>
    <row r="651330" spans="14:14">
      <c r="N651330" s="10"/>
    </row>
    <row r="651331" spans="14:14">
      <c r="N651331" s="10"/>
    </row>
    <row r="651332" spans="14:14">
      <c r="N651332" s="10"/>
    </row>
    <row r="651333" spans="14:14">
      <c r="N651333" s="10"/>
    </row>
    <row r="651334" spans="14:14">
      <c r="N651334" s="10"/>
    </row>
    <row r="651335" spans="14:14">
      <c r="N651335" s="10"/>
    </row>
    <row r="651336" spans="14:14">
      <c r="N651336" s="10"/>
    </row>
    <row r="651337" spans="14:14">
      <c r="N651337" s="10"/>
    </row>
    <row r="651338" spans="14:14">
      <c r="N651338" s="10"/>
    </row>
    <row r="651339" spans="14:14">
      <c r="N651339" s="10"/>
    </row>
    <row r="651340" spans="14:14">
      <c r="N651340" s="10"/>
    </row>
    <row r="651341" spans="14:14">
      <c r="N651341" s="10"/>
    </row>
    <row r="651342" spans="14:14">
      <c r="N651342" s="10"/>
    </row>
    <row r="651343" spans="14:14">
      <c r="N651343" s="10"/>
    </row>
    <row r="651344" spans="14:14">
      <c r="N651344" s="10"/>
    </row>
    <row r="651345" spans="14:14">
      <c r="N651345" s="10"/>
    </row>
    <row r="651346" spans="14:14">
      <c r="N651346" s="10"/>
    </row>
    <row r="651347" spans="14:14">
      <c r="N651347" s="10"/>
    </row>
    <row r="651348" spans="14:14">
      <c r="N651348" s="10"/>
    </row>
    <row r="651349" spans="14:14">
      <c r="N651349" s="10"/>
    </row>
    <row r="651350" spans="14:14">
      <c r="N651350" s="10"/>
    </row>
    <row r="651351" spans="14:14">
      <c r="N651351" s="10"/>
    </row>
    <row r="651352" spans="14:14">
      <c r="N651352" s="10"/>
    </row>
    <row r="651353" spans="14:14">
      <c r="N651353" s="10"/>
    </row>
    <row r="651354" spans="14:14">
      <c r="N651354" s="10"/>
    </row>
    <row r="651355" spans="14:14">
      <c r="N651355" s="10"/>
    </row>
    <row r="651356" spans="14:14">
      <c r="N651356" s="10"/>
    </row>
    <row r="651357" spans="14:14">
      <c r="N651357" s="10"/>
    </row>
    <row r="651358" spans="14:14">
      <c r="N651358" s="10"/>
    </row>
    <row r="651359" spans="14:14">
      <c r="N651359" s="10"/>
    </row>
    <row r="651360" spans="14:14">
      <c r="N651360" s="10"/>
    </row>
    <row r="651361" spans="14:14">
      <c r="N651361" s="10"/>
    </row>
    <row r="651362" spans="14:14">
      <c r="N651362" s="10"/>
    </row>
    <row r="651363" spans="14:14">
      <c r="N651363" s="10"/>
    </row>
    <row r="651364" spans="14:14">
      <c r="N651364" s="10"/>
    </row>
    <row r="651365" spans="14:14">
      <c r="N651365" s="10"/>
    </row>
    <row r="651366" spans="14:14">
      <c r="N651366" s="10"/>
    </row>
    <row r="651367" spans="14:14">
      <c r="N651367" s="10"/>
    </row>
    <row r="651368" spans="14:14">
      <c r="N651368" s="10"/>
    </row>
    <row r="651369" spans="14:14">
      <c r="N651369" s="10"/>
    </row>
    <row r="651370" spans="14:14">
      <c r="N651370" s="10"/>
    </row>
    <row r="651371" spans="14:14">
      <c r="N651371" s="10"/>
    </row>
    <row r="651372" spans="14:14">
      <c r="N651372" s="10"/>
    </row>
    <row r="651373" spans="14:14">
      <c r="N651373" s="10"/>
    </row>
    <row r="651374" spans="14:14">
      <c r="N651374" s="10"/>
    </row>
    <row r="651375" spans="14:14">
      <c r="N651375" s="10"/>
    </row>
    <row r="651376" spans="14:14">
      <c r="N651376" s="10"/>
    </row>
    <row r="651377" spans="14:14">
      <c r="N651377" s="10"/>
    </row>
    <row r="651378" spans="14:14">
      <c r="N651378" s="10"/>
    </row>
    <row r="651379" spans="14:14">
      <c r="N651379" s="10"/>
    </row>
    <row r="651380" spans="14:14">
      <c r="N651380" s="10"/>
    </row>
    <row r="651381" spans="14:14">
      <c r="N651381" s="10"/>
    </row>
    <row r="651382" spans="14:14">
      <c r="N651382" s="10"/>
    </row>
    <row r="651383" spans="14:14">
      <c r="N651383" s="10"/>
    </row>
    <row r="651384" spans="14:14">
      <c r="N651384" s="10"/>
    </row>
    <row r="651385" spans="14:14">
      <c r="N651385" s="10"/>
    </row>
    <row r="651386" spans="14:14">
      <c r="N651386" s="10"/>
    </row>
    <row r="651387" spans="14:14">
      <c r="N651387" s="10"/>
    </row>
    <row r="651388" spans="14:14">
      <c r="N651388" s="10"/>
    </row>
    <row r="651389" spans="14:14">
      <c r="N651389" s="10"/>
    </row>
    <row r="651390" spans="14:14">
      <c r="N651390" s="10"/>
    </row>
    <row r="651391" spans="14:14">
      <c r="N651391" s="10"/>
    </row>
    <row r="651392" spans="14:14">
      <c r="N651392" s="10"/>
    </row>
    <row r="651393" spans="14:14">
      <c r="N651393" s="10"/>
    </row>
    <row r="651394" spans="14:14">
      <c r="N651394" s="10"/>
    </row>
    <row r="651395" spans="14:14">
      <c r="N651395" s="10"/>
    </row>
    <row r="651396" spans="14:14">
      <c r="N651396" s="10"/>
    </row>
    <row r="651397" spans="14:14">
      <c r="N651397" s="10"/>
    </row>
    <row r="651398" spans="14:14">
      <c r="N651398" s="10"/>
    </row>
    <row r="651399" spans="14:14">
      <c r="N651399" s="10"/>
    </row>
    <row r="651400" spans="14:14">
      <c r="N651400" s="10"/>
    </row>
    <row r="651401" spans="14:14">
      <c r="N651401" s="10"/>
    </row>
    <row r="651402" spans="14:14">
      <c r="N651402" s="10"/>
    </row>
    <row r="651403" spans="14:14">
      <c r="N651403" s="10"/>
    </row>
    <row r="651404" spans="14:14">
      <c r="N651404" s="10"/>
    </row>
    <row r="651405" spans="14:14">
      <c r="N651405" s="10"/>
    </row>
    <row r="651406" spans="14:14">
      <c r="N651406" s="10"/>
    </row>
    <row r="651407" spans="14:14">
      <c r="N651407" s="10"/>
    </row>
    <row r="651408" spans="14:14">
      <c r="N651408" s="10"/>
    </row>
    <row r="651409" spans="14:14">
      <c r="N651409" s="10"/>
    </row>
    <row r="651410" spans="14:14">
      <c r="N651410" s="10"/>
    </row>
    <row r="651411" spans="14:14">
      <c r="N651411" s="10"/>
    </row>
    <row r="651412" spans="14:14">
      <c r="N651412" s="10"/>
    </row>
    <row r="651413" spans="14:14">
      <c r="N651413" s="10"/>
    </row>
    <row r="651414" spans="14:14">
      <c r="N651414" s="10"/>
    </row>
    <row r="651415" spans="14:14">
      <c r="N651415" s="10"/>
    </row>
    <row r="651416" spans="14:14">
      <c r="N651416" s="10"/>
    </row>
    <row r="651417" spans="14:14">
      <c r="N651417" s="10"/>
    </row>
    <row r="651418" spans="14:14">
      <c r="N651418" s="10"/>
    </row>
    <row r="651419" spans="14:14">
      <c r="N651419" s="10"/>
    </row>
    <row r="651420" spans="14:14">
      <c r="N651420" s="10"/>
    </row>
    <row r="651421" spans="14:14">
      <c r="N651421" s="10"/>
    </row>
    <row r="651422" spans="14:14">
      <c r="N651422" s="10"/>
    </row>
    <row r="651423" spans="14:14">
      <c r="N651423" s="10"/>
    </row>
    <row r="651424" spans="14:14">
      <c r="N651424" s="10"/>
    </row>
    <row r="651425" spans="14:14">
      <c r="N651425" s="10"/>
    </row>
    <row r="651426" spans="14:14">
      <c r="N651426" s="10"/>
    </row>
    <row r="651427" spans="14:14">
      <c r="N651427" s="10"/>
    </row>
    <row r="651428" spans="14:14">
      <c r="N651428" s="10"/>
    </row>
    <row r="651429" spans="14:14">
      <c r="N651429" s="10"/>
    </row>
    <row r="651430" spans="14:14">
      <c r="N651430" s="10"/>
    </row>
    <row r="651431" spans="14:14">
      <c r="N651431" s="10"/>
    </row>
    <row r="651432" spans="14:14">
      <c r="N651432" s="10"/>
    </row>
    <row r="651433" spans="14:14">
      <c r="N651433" s="10"/>
    </row>
    <row r="651434" spans="14:14">
      <c r="N651434" s="10"/>
    </row>
    <row r="651435" spans="14:14">
      <c r="N651435" s="10"/>
    </row>
    <row r="651436" spans="14:14">
      <c r="N651436" s="10"/>
    </row>
    <row r="651437" spans="14:14">
      <c r="N651437" s="10"/>
    </row>
    <row r="651438" spans="14:14">
      <c r="N651438" s="10"/>
    </row>
    <row r="651439" spans="14:14">
      <c r="N651439" s="10"/>
    </row>
    <row r="651440" spans="14:14">
      <c r="N651440" s="10"/>
    </row>
    <row r="651441" spans="14:14">
      <c r="N651441" s="10"/>
    </row>
    <row r="651442" spans="14:14">
      <c r="N651442" s="10"/>
    </row>
    <row r="651443" spans="14:14">
      <c r="N651443" s="10"/>
    </row>
    <row r="651444" spans="14:14">
      <c r="N651444" s="10"/>
    </row>
    <row r="651445" spans="14:14">
      <c r="N651445" s="10"/>
    </row>
    <row r="651446" spans="14:14">
      <c r="N651446" s="10"/>
    </row>
    <row r="651447" spans="14:14">
      <c r="N651447" s="10"/>
    </row>
    <row r="651448" spans="14:14">
      <c r="N651448" s="10"/>
    </row>
    <row r="651449" spans="14:14">
      <c r="N651449" s="10"/>
    </row>
    <row r="651450" spans="14:14">
      <c r="N651450" s="10"/>
    </row>
    <row r="651451" spans="14:14">
      <c r="N651451" s="10"/>
    </row>
    <row r="651452" spans="14:14">
      <c r="N651452" s="10"/>
    </row>
    <row r="651453" spans="14:14">
      <c r="N651453" s="10"/>
    </row>
    <row r="651454" spans="14:14">
      <c r="N651454" s="10"/>
    </row>
    <row r="651455" spans="14:14">
      <c r="N651455" s="10"/>
    </row>
    <row r="651456" spans="14:14">
      <c r="N651456" s="10"/>
    </row>
    <row r="651457" spans="14:14">
      <c r="N651457" s="10"/>
    </row>
    <row r="651458" spans="14:14">
      <c r="N651458" s="10"/>
    </row>
    <row r="651459" spans="14:14">
      <c r="N651459" s="10"/>
    </row>
    <row r="651460" spans="14:14">
      <c r="N651460" s="10"/>
    </row>
    <row r="651461" spans="14:14">
      <c r="N651461" s="10"/>
    </row>
    <row r="651462" spans="14:14">
      <c r="N651462" s="10"/>
    </row>
    <row r="651463" spans="14:14">
      <c r="N651463" s="10"/>
    </row>
    <row r="651464" spans="14:14">
      <c r="N651464" s="10"/>
    </row>
    <row r="651465" spans="14:14">
      <c r="N651465" s="10"/>
    </row>
    <row r="651466" spans="14:14">
      <c r="N651466" s="10"/>
    </row>
    <row r="651467" spans="14:14">
      <c r="N651467" s="10"/>
    </row>
    <row r="651468" spans="14:14">
      <c r="N651468" s="10"/>
    </row>
    <row r="651469" spans="14:14">
      <c r="N651469" s="10"/>
    </row>
    <row r="651470" spans="14:14">
      <c r="N651470" s="10"/>
    </row>
    <row r="651471" spans="14:14">
      <c r="N651471" s="10"/>
    </row>
    <row r="651472" spans="14:14">
      <c r="N651472" s="10"/>
    </row>
    <row r="651473" spans="14:14">
      <c r="N651473" s="10"/>
    </row>
    <row r="651474" spans="14:14">
      <c r="N651474" s="10"/>
    </row>
    <row r="651475" spans="14:14">
      <c r="N651475" s="10"/>
    </row>
    <row r="651476" spans="14:14">
      <c r="N651476" s="10"/>
    </row>
    <row r="651477" spans="14:14">
      <c r="N651477" s="10"/>
    </row>
    <row r="651478" spans="14:14">
      <c r="N651478" s="10"/>
    </row>
    <row r="651479" spans="14:14">
      <c r="N651479" s="10"/>
    </row>
    <row r="651480" spans="14:14">
      <c r="N651480" s="10"/>
    </row>
    <row r="651481" spans="14:14">
      <c r="N651481" s="10"/>
    </row>
    <row r="651482" spans="14:14">
      <c r="N651482" s="10"/>
    </row>
    <row r="651483" spans="14:14">
      <c r="N651483" s="10"/>
    </row>
    <row r="651484" spans="14:14">
      <c r="N651484" s="10"/>
    </row>
    <row r="651485" spans="14:14">
      <c r="N651485" s="10"/>
    </row>
    <row r="651486" spans="14:14">
      <c r="N651486" s="10"/>
    </row>
    <row r="651487" spans="14:14">
      <c r="N651487" s="10"/>
    </row>
    <row r="651488" spans="14:14">
      <c r="N651488" s="10"/>
    </row>
    <row r="651489" spans="14:14">
      <c r="N651489" s="10"/>
    </row>
    <row r="651490" spans="14:14">
      <c r="N651490" s="10"/>
    </row>
    <row r="651491" spans="14:14">
      <c r="N651491" s="10"/>
    </row>
    <row r="651492" spans="14:14">
      <c r="N651492" s="10"/>
    </row>
    <row r="651493" spans="14:14">
      <c r="N651493" s="10"/>
    </row>
    <row r="651494" spans="14:14">
      <c r="N651494" s="10"/>
    </row>
    <row r="651495" spans="14:14">
      <c r="N651495" s="10"/>
    </row>
    <row r="651496" spans="14:14">
      <c r="N651496" s="10"/>
    </row>
    <row r="651497" spans="14:14">
      <c r="N651497" s="10"/>
    </row>
    <row r="651498" spans="14:14">
      <c r="N651498" s="10"/>
    </row>
    <row r="651499" spans="14:14">
      <c r="N651499" s="10"/>
    </row>
    <row r="651500" spans="14:14">
      <c r="N651500" s="10"/>
    </row>
    <row r="651501" spans="14:14">
      <c r="N651501" s="10"/>
    </row>
    <row r="651502" spans="14:14">
      <c r="N651502" s="10"/>
    </row>
    <row r="651503" spans="14:14">
      <c r="N651503" s="10"/>
    </row>
    <row r="651504" spans="14:14">
      <c r="N651504" s="10"/>
    </row>
    <row r="651505" spans="14:14">
      <c r="N651505" s="10"/>
    </row>
    <row r="651506" spans="14:14">
      <c r="N651506" s="10"/>
    </row>
    <row r="651507" spans="14:14">
      <c r="N651507" s="10"/>
    </row>
    <row r="651508" spans="14:14">
      <c r="N651508" s="10"/>
    </row>
    <row r="651509" spans="14:14">
      <c r="N651509" s="10"/>
    </row>
    <row r="651510" spans="14:14">
      <c r="N651510" s="10"/>
    </row>
    <row r="651511" spans="14:14">
      <c r="N651511" s="10"/>
    </row>
    <row r="651512" spans="14:14">
      <c r="N651512" s="10"/>
    </row>
    <row r="651513" spans="14:14">
      <c r="N651513" s="10"/>
    </row>
    <row r="651514" spans="14:14">
      <c r="N651514" s="10"/>
    </row>
    <row r="651515" spans="14:14">
      <c r="N651515" s="10"/>
    </row>
    <row r="651516" spans="14:14">
      <c r="N651516" s="10"/>
    </row>
    <row r="651517" spans="14:14">
      <c r="N651517" s="10"/>
    </row>
    <row r="651518" spans="14:14">
      <c r="N651518" s="10"/>
    </row>
    <row r="651519" spans="14:14">
      <c r="N651519" s="10"/>
    </row>
    <row r="651520" spans="14:14">
      <c r="N651520" s="10"/>
    </row>
    <row r="651521" spans="14:14">
      <c r="N651521" s="10"/>
    </row>
    <row r="651522" spans="14:14">
      <c r="N651522" s="10"/>
    </row>
    <row r="651523" spans="14:14">
      <c r="N651523" s="10"/>
    </row>
    <row r="651524" spans="14:14">
      <c r="N651524" s="10"/>
    </row>
    <row r="651525" spans="14:14">
      <c r="N651525" s="10"/>
    </row>
    <row r="651526" spans="14:14">
      <c r="N651526" s="10"/>
    </row>
    <row r="651527" spans="14:14">
      <c r="N651527" s="10"/>
    </row>
    <row r="651528" spans="14:14">
      <c r="N651528" s="10"/>
    </row>
    <row r="651529" spans="14:14">
      <c r="N651529" s="10"/>
    </row>
    <row r="651530" spans="14:14">
      <c r="N651530" s="10"/>
    </row>
    <row r="651531" spans="14:14">
      <c r="N651531" s="10"/>
    </row>
    <row r="651532" spans="14:14">
      <c r="N651532" s="10"/>
    </row>
    <row r="651533" spans="14:14">
      <c r="N651533" s="10"/>
    </row>
    <row r="651534" spans="14:14">
      <c r="N651534" s="10"/>
    </row>
    <row r="651535" spans="14:14">
      <c r="N651535" s="10"/>
    </row>
    <row r="651536" spans="14:14">
      <c r="N651536" s="10"/>
    </row>
    <row r="651537" spans="14:14">
      <c r="N651537" s="10"/>
    </row>
    <row r="651538" spans="14:14">
      <c r="N651538" s="10"/>
    </row>
    <row r="651539" spans="14:14">
      <c r="N651539" s="10"/>
    </row>
    <row r="651540" spans="14:14">
      <c r="N651540" s="10"/>
    </row>
    <row r="651541" spans="14:14">
      <c r="N651541" s="10"/>
    </row>
    <row r="651542" spans="14:14">
      <c r="N651542" s="10"/>
    </row>
    <row r="651543" spans="14:14">
      <c r="N651543" s="10"/>
    </row>
    <row r="651544" spans="14:14">
      <c r="N651544" s="10"/>
    </row>
    <row r="651545" spans="14:14">
      <c r="N651545" s="10"/>
    </row>
    <row r="651546" spans="14:14">
      <c r="N651546" s="10"/>
    </row>
    <row r="651547" spans="14:14">
      <c r="N651547" s="10"/>
    </row>
    <row r="651548" spans="14:14">
      <c r="N651548" s="10"/>
    </row>
    <row r="651549" spans="14:14">
      <c r="N651549" s="10"/>
    </row>
    <row r="651550" spans="14:14">
      <c r="N651550" s="10"/>
    </row>
    <row r="651551" spans="14:14">
      <c r="N651551" s="10"/>
    </row>
    <row r="651552" spans="14:14">
      <c r="N651552" s="10"/>
    </row>
    <row r="651553" spans="14:14">
      <c r="N651553" s="10"/>
    </row>
    <row r="651554" spans="14:14">
      <c r="N651554" s="10"/>
    </row>
    <row r="651555" spans="14:14">
      <c r="N651555" s="10"/>
    </row>
    <row r="651556" spans="14:14">
      <c r="N651556" s="10"/>
    </row>
    <row r="651557" spans="14:14">
      <c r="N651557" s="10"/>
    </row>
    <row r="651558" spans="14:14">
      <c r="N651558" s="10"/>
    </row>
    <row r="651559" spans="14:14">
      <c r="N651559" s="10"/>
    </row>
    <row r="651560" spans="14:14">
      <c r="N651560" s="10"/>
    </row>
    <row r="651561" spans="14:14">
      <c r="N651561" s="10"/>
    </row>
    <row r="651562" spans="14:14">
      <c r="N651562" s="10"/>
    </row>
    <row r="651563" spans="14:14">
      <c r="N651563" s="10"/>
    </row>
    <row r="651564" spans="14:14">
      <c r="N651564" s="10"/>
    </row>
    <row r="651565" spans="14:14">
      <c r="N651565" s="10"/>
    </row>
    <row r="651566" spans="14:14">
      <c r="N651566" s="10"/>
    </row>
    <row r="651567" spans="14:14">
      <c r="N651567" s="10"/>
    </row>
    <row r="651568" spans="14:14">
      <c r="N651568" s="10"/>
    </row>
    <row r="651569" spans="14:14">
      <c r="N651569" s="10"/>
    </row>
    <row r="651570" spans="14:14">
      <c r="N651570" s="10"/>
    </row>
    <row r="651571" spans="14:14">
      <c r="N651571" s="10"/>
    </row>
    <row r="651572" spans="14:14">
      <c r="N651572" s="10"/>
    </row>
    <row r="651573" spans="14:14">
      <c r="N651573" s="10"/>
    </row>
    <row r="651574" spans="14:14">
      <c r="N651574" s="10"/>
    </row>
    <row r="651575" spans="14:14">
      <c r="N651575" s="10"/>
    </row>
    <row r="651576" spans="14:14">
      <c r="N651576" s="10"/>
    </row>
    <row r="651577" spans="14:14">
      <c r="N651577" s="10"/>
    </row>
    <row r="651578" spans="14:14">
      <c r="N651578" s="10"/>
    </row>
    <row r="651579" spans="14:14">
      <c r="N651579" s="10"/>
    </row>
    <row r="651580" spans="14:14">
      <c r="N651580" s="10"/>
    </row>
    <row r="651581" spans="14:14">
      <c r="N651581" s="10"/>
    </row>
    <row r="651582" spans="14:14">
      <c r="N651582" s="10"/>
    </row>
    <row r="651583" spans="14:14">
      <c r="N651583" s="10"/>
    </row>
    <row r="651584" spans="14:14">
      <c r="N651584" s="10"/>
    </row>
    <row r="651585" spans="14:14">
      <c r="N651585" s="10"/>
    </row>
    <row r="651586" spans="14:14">
      <c r="N651586" s="10"/>
    </row>
    <row r="651587" spans="14:14">
      <c r="N651587" s="10"/>
    </row>
    <row r="651588" spans="14:14">
      <c r="N651588" s="10"/>
    </row>
    <row r="651589" spans="14:14">
      <c r="N651589" s="10"/>
    </row>
    <row r="651590" spans="14:14">
      <c r="N651590" s="10"/>
    </row>
    <row r="651591" spans="14:14">
      <c r="N651591" s="10"/>
    </row>
    <row r="651592" spans="14:14">
      <c r="N651592" s="10"/>
    </row>
    <row r="651593" spans="14:14">
      <c r="N651593" s="10"/>
    </row>
    <row r="651594" spans="14:14">
      <c r="N651594" s="10"/>
    </row>
    <row r="651595" spans="14:14">
      <c r="N651595" s="10"/>
    </row>
    <row r="651596" spans="14:14">
      <c r="N651596" s="10"/>
    </row>
    <row r="651597" spans="14:14">
      <c r="N651597" s="10"/>
    </row>
    <row r="651598" spans="14:14">
      <c r="N651598" s="10"/>
    </row>
    <row r="651599" spans="14:14">
      <c r="N651599" s="10"/>
    </row>
    <row r="651600" spans="14:14">
      <c r="N651600" s="10"/>
    </row>
    <row r="651601" spans="14:14">
      <c r="N651601" s="10"/>
    </row>
    <row r="651602" spans="14:14">
      <c r="N651602" s="10"/>
    </row>
    <row r="651603" spans="14:14">
      <c r="N651603" s="10"/>
    </row>
    <row r="651604" spans="14:14">
      <c r="N651604" s="10"/>
    </row>
    <row r="651605" spans="14:14">
      <c r="N651605" s="10"/>
    </row>
    <row r="651606" spans="14:14">
      <c r="N651606" s="10"/>
    </row>
    <row r="651607" spans="14:14">
      <c r="N651607" s="10"/>
    </row>
    <row r="651608" spans="14:14">
      <c r="N651608" s="10"/>
    </row>
    <row r="651609" spans="14:14">
      <c r="N651609" s="10"/>
    </row>
    <row r="651610" spans="14:14">
      <c r="N651610" s="10"/>
    </row>
    <row r="651611" spans="14:14">
      <c r="N651611" s="10"/>
    </row>
    <row r="651612" spans="14:14">
      <c r="N651612" s="10"/>
    </row>
    <row r="651613" spans="14:14">
      <c r="N651613" s="10"/>
    </row>
    <row r="651614" spans="14:14">
      <c r="N651614" s="10"/>
    </row>
    <row r="651615" spans="14:14">
      <c r="N651615" s="10"/>
    </row>
    <row r="651616" spans="14:14">
      <c r="N651616" s="10"/>
    </row>
    <row r="651617" spans="14:14">
      <c r="N651617" s="10"/>
    </row>
    <row r="651618" spans="14:14">
      <c r="N651618" s="10"/>
    </row>
    <row r="651619" spans="14:14">
      <c r="N651619" s="10"/>
    </row>
    <row r="651620" spans="14:14">
      <c r="N651620" s="10"/>
    </row>
    <row r="651621" spans="14:14">
      <c r="N651621" s="10"/>
    </row>
    <row r="651622" spans="14:14">
      <c r="N651622" s="10"/>
    </row>
    <row r="651623" spans="14:14">
      <c r="N651623" s="10"/>
    </row>
    <row r="651624" spans="14:14">
      <c r="N651624" s="10"/>
    </row>
    <row r="651625" spans="14:14">
      <c r="N651625" s="10"/>
    </row>
    <row r="651626" spans="14:14">
      <c r="N651626" s="10"/>
    </row>
    <row r="651627" spans="14:14">
      <c r="N651627" s="10"/>
    </row>
    <row r="651628" spans="14:14">
      <c r="N651628" s="10"/>
    </row>
    <row r="651629" spans="14:14">
      <c r="N651629" s="10"/>
    </row>
    <row r="651630" spans="14:14">
      <c r="N651630" s="10"/>
    </row>
    <row r="651631" spans="14:14">
      <c r="N651631" s="10"/>
    </row>
    <row r="651632" spans="14:14">
      <c r="N651632" s="10"/>
    </row>
    <row r="651633" spans="14:14">
      <c r="N651633" s="10"/>
    </row>
    <row r="651634" spans="14:14">
      <c r="N651634" s="10"/>
    </row>
    <row r="651635" spans="14:14">
      <c r="N651635" s="10"/>
    </row>
    <row r="651636" spans="14:14">
      <c r="N651636" s="10"/>
    </row>
    <row r="651637" spans="14:14">
      <c r="N651637" s="10"/>
    </row>
    <row r="651638" spans="14:14">
      <c r="N651638" s="10"/>
    </row>
    <row r="651639" spans="14:14">
      <c r="N651639" s="10"/>
    </row>
    <row r="651640" spans="14:14">
      <c r="N651640" s="10"/>
    </row>
    <row r="651641" spans="14:14">
      <c r="N651641" s="10"/>
    </row>
    <row r="651642" spans="14:14">
      <c r="N651642" s="10"/>
    </row>
    <row r="651643" spans="14:14">
      <c r="N651643" s="10"/>
    </row>
    <row r="651644" spans="14:14">
      <c r="N651644" s="10"/>
    </row>
    <row r="651645" spans="14:14">
      <c r="N651645" s="10"/>
    </row>
    <row r="651646" spans="14:14">
      <c r="N651646" s="10"/>
    </row>
    <row r="651647" spans="14:14">
      <c r="N651647" s="10"/>
    </row>
    <row r="651648" spans="14:14">
      <c r="N651648" s="10"/>
    </row>
    <row r="651649" spans="14:14">
      <c r="N651649" s="10"/>
    </row>
    <row r="651650" spans="14:14">
      <c r="N651650" s="10"/>
    </row>
    <row r="651651" spans="14:14">
      <c r="N651651" s="10"/>
    </row>
    <row r="651652" spans="14:14">
      <c r="N651652" s="10"/>
    </row>
    <row r="651653" spans="14:14">
      <c r="N651653" s="10"/>
    </row>
    <row r="651654" spans="14:14">
      <c r="N651654" s="10"/>
    </row>
    <row r="651655" spans="14:14">
      <c r="N651655" s="10"/>
    </row>
    <row r="651656" spans="14:14">
      <c r="N651656" s="10"/>
    </row>
    <row r="651657" spans="14:14">
      <c r="N651657" s="10"/>
    </row>
    <row r="651658" spans="14:14">
      <c r="N651658" s="10"/>
    </row>
    <row r="651659" spans="14:14">
      <c r="N651659" s="10"/>
    </row>
    <row r="651660" spans="14:14">
      <c r="N651660" s="10"/>
    </row>
    <row r="651661" spans="14:14">
      <c r="N651661" s="10"/>
    </row>
    <row r="651662" spans="14:14">
      <c r="N651662" s="10"/>
    </row>
    <row r="651663" spans="14:14">
      <c r="N651663" s="10"/>
    </row>
    <row r="651664" spans="14:14">
      <c r="N651664" s="10"/>
    </row>
    <row r="651665" spans="14:14">
      <c r="N651665" s="10"/>
    </row>
    <row r="651666" spans="14:14">
      <c r="N651666" s="10"/>
    </row>
    <row r="651667" spans="14:14">
      <c r="N651667" s="10"/>
    </row>
    <row r="651668" spans="14:14">
      <c r="N651668" s="10"/>
    </row>
    <row r="651669" spans="14:14">
      <c r="N651669" s="10"/>
    </row>
    <row r="651670" spans="14:14">
      <c r="N651670" s="10"/>
    </row>
    <row r="651671" spans="14:14">
      <c r="N651671" s="10"/>
    </row>
    <row r="651672" spans="14:14">
      <c r="N651672" s="10"/>
    </row>
    <row r="651673" spans="14:14">
      <c r="N651673" s="10"/>
    </row>
    <row r="651674" spans="14:14">
      <c r="N651674" s="10"/>
    </row>
    <row r="651675" spans="14:14">
      <c r="N651675" s="10"/>
    </row>
    <row r="651676" spans="14:14">
      <c r="N651676" s="10"/>
    </row>
    <row r="651677" spans="14:14">
      <c r="N651677" s="10"/>
    </row>
    <row r="651678" spans="14:14">
      <c r="N651678" s="10"/>
    </row>
    <row r="651679" spans="14:14">
      <c r="N651679" s="10"/>
    </row>
    <row r="651680" spans="14:14">
      <c r="N651680" s="10"/>
    </row>
    <row r="651681" spans="14:14">
      <c r="N651681" s="10"/>
    </row>
    <row r="651682" spans="14:14">
      <c r="N651682" s="10"/>
    </row>
    <row r="651683" spans="14:14">
      <c r="N651683" s="10"/>
    </row>
    <row r="651684" spans="14:14">
      <c r="N651684" s="10"/>
    </row>
    <row r="651685" spans="14:14">
      <c r="N651685" s="10"/>
    </row>
    <row r="651686" spans="14:14">
      <c r="N651686" s="10"/>
    </row>
    <row r="651687" spans="14:14">
      <c r="N651687" s="10"/>
    </row>
    <row r="651688" spans="14:14">
      <c r="N651688" s="10"/>
    </row>
    <row r="651689" spans="14:14">
      <c r="N651689" s="10"/>
    </row>
    <row r="651690" spans="14:14">
      <c r="N651690" s="10"/>
    </row>
    <row r="651691" spans="14:14">
      <c r="N651691" s="10"/>
    </row>
    <row r="651692" spans="14:14">
      <c r="N651692" s="10"/>
    </row>
    <row r="651693" spans="14:14">
      <c r="N651693" s="10"/>
    </row>
    <row r="651694" spans="14:14">
      <c r="N651694" s="10"/>
    </row>
    <row r="651695" spans="14:14">
      <c r="N651695" s="10"/>
    </row>
    <row r="651696" spans="14:14">
      <c r="N651696" s="10"/>
    </row>
    <row r="651697" spans="14:14">
      <c r="N651697" s="10"/>
    </row>
    <row r="651698" spans="14:14">
      <c r="N651698" s="10"/>
    </row>
    <row r="651699" spans="14:14">
      <c r="N651699" s="10"/>
    </row>
    <row r="651700" spans="14:14">
      <c r="N651700" s="10"/>
    </row>
    <row r="651701" spans="14:14">
      <c r="N651701" s="10"/>
    </row>
    <row r="651702" spans="14:14">
      <c r="N651702" s="10"/>
    </row>
    <row r="651703" spans="14:14">
      <c r="N651703" s="10"/>
    </row>
    <row r="651704" spans="14:14">
      <c r="N651704" s="10"/>
    </row>
    <row r="651705" spans="14:14">
      <c r="N651705" s="10"/>
    </row>
    <row r="651706" spans="14:14">
      <c r="N651706" s="10"/>
    </row>
    <row r="651707" spans="14:14">
      <c r="N651707" s="10"/>
    </row>
    <row r="651708" spans="14:14">
      <c r="N651708" s="10"/>
    </row>
    <row r="651709" spans="14:14">
      <c r="N651709" s="10"/>
    </row>
    <row r="651710" spans="14:14">
      <c r="N651710" s="10"/>
    </row>
    <row r="651711" spans="14:14">
      <c r="N651711" s="10"/>
    </row>
    <row r="651712" spans="14:14">
      <c r="N651712" s="10"/>
    </row>
    <row r="651713" spans="14:14">
      <c r="N651713" s="10"/>
    </row>
    <row r="651714" spans="14:14">
      <c r="N651714" s="10"/>
    </row>
    <row r="651715" spans="14:14">
      <c r="N651715" s="10"/>
    </row>
    <row r="651716" spans="14:14">
      <c r="N651716" s="10"/>
    </row>
    <row r="651717" spans="14:14">
      <c r="N651717" s="10"/>
    </row>
    <row r="651718" spans="14:14">
      <c r="N651718" s="10"/>
    </row>
    <row r="651719" spans="14:14">
      <c r="N651719" s="10"/>
    </row>
    <row r="651720" spans="14:14">
      <c r="N651720" s="10"/>
    </row>
    <row r="651721" spans="14:14">
      <c r="N651721" s="10"/>
    </row>
    <row r="651722" spans="14:14">
      <c r="N651722" s="10"/>
    </row>
    <row r="651723" spans="14:14">
      <c r="N651723" s="10"/>
    </row>
    <row r="651724" spans="14:14">
      <c r="N651724" s="10"/>
    </row>
    <row r="651725" spans="14:14">
      <c r="N651725" s="10"/>
    </row>
    <row r="651726" spans="14:14">
      <c r="N651726" s="10"/>
    </row>
    <row r="651727" spans="14:14">
      <c r="N651727" s="10"/>
    </row>
    <row r="651728" spans="14:14">
      <c r="N651728" s="10"/>
    </row>
    <row r="651729" spans="14:14">
      <c r="N651729" s="10"/>
    </row>
    <row r="651730" spans="14:14">
      <c r="N651730" s="10"/>
    </row>
    <row r="651731" spans="14:14">
      <c r="N651731" s="10"/>
    </row>
    <row r="651732" spans="14:14">
      <c r="N651732" s="10"/>
    </row>
    <row r="651733" spans="14:14">
      <c r="N651733" s="10"/>
    </row>
    <row r="651734" spans="14:14">
      <c r="N651734" s="10"/>
    </row>
    <row r="651735" spans="14:14">
      <c r="N651735" s="10"/>
    </row>
    <row r="651736" spans="14:14">
      <c r="N651736" s="10"/>
    </row>
    <row r="651737" spans="14:14">
      <c r="N651737" s="10"/>
    </row>
    <row r="651738" spans="14:14">
      <c r="N651738" s="10"/>
    </row>
    <row r="651739" spans="14:14">
      <c r="N651739" s="10"/>
    </row>
    <row r="651740" spans="14:14">
      <c r="N651740" s="10"/>
    </row>
    <row r="651741" spans="14:14">
      <c r="N651741" s="10"/>
    </row>
    <row r="651742" spans="14:14">
      <c r="N651742" s="10"/>
    </row>
    <row r="651743" spans="14:14">
      <c r="N651743" s="10"/>
    </row>
    <row r="651744" spans="14:14">
      <c r="N651744" s="10"/>
    </row>
    <row r="651745" spans="14:14">
      <c r="N651745" s="10"/>
    </row>
    <row r="651746" spans="14:14">
      <c r="N651746" s="10"/>
    </row>
    <row r="651747" spans="14:14">
      <c r="N651747" s="10"/>
    </row>
    <row r="651748" spans="14:14">
      <c r="N651748" s="10"/>
    </row>
    <row r="651749" spans="14:14">
      <c r="N651749" s="10"/>
    </row>
    <row r="651750" spans="14:14">
      <c r="N651750" s="10"/>
    </row>
    <row r="651751" spans="14:14">
      <c r="N651751" s="10"/>
    </row>
    <row r="651752" spans="14:14">
      <c r="N651752" s="10"/>
    </row>
    <row r="651753" spans="14:14">
      <c r="N651753" s="10"/>
    </row>
    <row r="651754" spans="14:14">
      <c r="N651754" s="10"/>
    </row>
    <row r="651755" spans="14:14">
      <c r="N651755" s="10"/>
    </row>
    <row r="651756" spans="14:14">
      <c r="N651756" s="10"/>
    </row>
    <row r="651757" spans="14:14">
      <c r="N651757" s="10"/>
    </row>
    <row r="651758" spans="14:14">
      <c r="N651758" s="10"/>
    </row>
    <row r="651759" spans="14:14">
      <c r="N651759" s="10"/>
    </row>
    <row r="651760" spans="14:14">
      <c r="N651760" s="10"/>
    </row>
    <row r="651761" spans="14:14">
      <c r="N651761" s="10"/>
    </row>
    <row r="651762" spans="14:14">
      <c r="N651762" s="10"/>
    </row>
    <row r="651763" spans="14:14">
      <c r="N651763" s="10"/>
    </row>
    <row r="651764" spans="14:14">
      <c r="N651764" s="10"/>
    </row>
    <row r="651765" spans="14:14">
      <c r="N651765" s="10"/>
    </row>
    <row r="651766" spans="14:14">
      <c r="N651766" s="10"/>
    </row>
    <row r="651767" spans="14:14">
      <c r="N651767" s="10"/>
    </row>
    <row r="651768" spans="14:14">
      <c r="N651768" s="10"/>
    </row>
    <row r="651769" spans="14:14">
      <c r="N651769" s="10"/>
    </row>
    <row r="651770" spans="14:14">
      <c r="N651770" s="10"/>
    </row>
    <row r="651771" spans="14:14">
      <c r="N651771" s="10"/>
    </row>
    <row r="651772" spans="14:14">
      <c r="N651772" s="10"/>
    </row>
    <row r="651773" spans="14:14">
      <c r="N651773" s="10"/>
    </row>
    <row r="651774" spans="14:14">
      <c r="N651774" s="10"/>
    </row>
    <row r="651775" spans="14:14">
      <c r="N651775" s="10"/>
    </row>
    <row r="651776" spans="14:14">
      <c r="N651776" s="10"/>
    </row>
    <row r="651777" spans="14:14">
      <c r="N651777" s="10"/>
    </row>
    <row r="651778" spans="14:14">
      <c r="N651778" s="10"/>
    </row>
    <row r="651779" spans="14:14">
      <c r="N651779" s="10"/>
    </row>
    <row r="651780" spans="14:14">
      <c r="N651780" s="10"/>
    </row>
    <row r="651781" spans="14:14">
      <c r="N651781" s="10"/>
    </row>
    <row r="651782" spans="14:14">
      <c r="N651782" s="10"/>
    </row>
    <row r="651783" spans="14:14">
      <c r="N651783" s="10"/>
    </row>
    <row r="651784" spans="14:14">
      <c r="N651784" s="10"/>
    </row>
    <row r="651785" spans="14:14">
      <c r="N651785" s="10"/>
    </row>
    <row r="651786" spans="14:14">
      <c r="N651786" s="10"/>
    </row>
    <row r="651787" spans="14:14">
      <c r="N651787" s="10"/>
    </row>
    <row r="651788" spans="14:14">
      <c r="N651788" s="10"/>
    </row>
    <row r="651789" spans="14:14">
      <c r="N651789" s="10"/>
    </row>
    <row r="651790" spans="14:14">
      <c r="N651790" s="10"/>
    </row>
    <row r="651791" spans="14:14">
      <c r="N651791" s="10"/>
    </row>
    <row r="651792" spans="14:14">
      <c r="N651792" s="10"/>
    </row>
    <row r="651793" spans="14:14">
      <c r="N651793" s="10"/>
    </row>
    <row r="651794" spans="14:14">
      <c r="N651794" s="10"/>
    </row>
    <row r="651795" spans="14:14">
      <c r="N651795" s="10"/>
    </row>
    <row r="651796" spans="14:14">
      <c r="N651796" s="10"/>
    </row>
    <row r="651797" spans="14:14">
      <c r="N651797" s="10"/>
    </row>
    <row r="651798" spans="14:14">
      <c r="N651798" s="10"/>
    </row>
    <row r="651799" spans="14:14">
      <c r="N651799" s="10"/>
    </row>
    <row r="651800" spans="14:14">
      <c r="N651800" s="10"/>
    </row>
    <row r="651801" spans="14:14">
      <c r="N651801" s="10"/>
    </row>
    <row r="651802" spans="14:14">
      <c r="N651802" s="10"/>
    </row>
    <row r="651803" spans="14:14">
      <c r="N651803" s="10"/>
    </row>
    <row r="651804" spans="14:14">
      <c r="N651804" s="10"/>
    </row>
    <row r="651805" spans="14:14">
      <c r="N651805" s="10"/>
    </row>
    <row r="651806" spans="14:14">
      <c r="N651806" s="10"/>
    </row>
    <row r="651807" spans="14:14">
      <c r="N651807" s="10"/>
    </row>
    <row r="651808" spans="14:14">
      <c r="N651808" s="10"/>
    </row>
    <row r="651809" spans="14:14">
      <c r="N651809" s="10"/>
    </row>
    <row r="651810" spans="14:14">
      <c r="N651810" s="10"/>
    </row>
    <row r="651811" spans="14:14">
      <c r="N651811" s="10"/>
    </row>
    <row r="651812" spans="14:14">
      <c r="N651812" s="10"/>
    </row>
    <row r="651813" spans="14:14">
      <c r="N651813" s="10"/>
    </row>
    <row r="651814" spans="14:14">
      <c r="N651814" s="10"/>
    </row>
    <row r="651815" spans="14:14">
      <c r="N651815" s="10"/>
    </row>
    <row r="651816" spans="14:14">
      <c r="N651816" s="10"/>
    </row>
    <row r="651817" spans="14:14">
      <c r="N651817" s="10"/>
    </row>
    <row r="651818" spans="14:14">
      <c r="N651818" s="10"/>
    </row>
    <row r="651819" spans="14:14">
      <c r="N651819" s="10"/>
    </row>
    <row r="651820" spans="14:14">
      <c r="N651820" s="10"/>
    </row>
    <row r="651821" spans="14:14">
      <c r="N651821" s="10"/>
    </row>
    <row r="651822" spans="14:14">
      <c r="N651822" s="10"/>
    </row>
    <row r="651823" spans="14:14">
      <c r="N651823" s="10"/>
    </row>
    <row r="651824" spans="14:14">
      <c r="N651824" s="10"/>
    </row>
    <row r="651825" spans="14:14">
      <c r="N651825" s="10"/>
    </row>
    <row r="651826" spans="14:14">
      <c r="N651826" s="10"/>
    </row>
    <row r="651827" spans="14:14">
      <c r="N651827" s="10"/>
    </row>
    <row r="651828" spans="14:14">
      <c r="N651828" s="10"/>
    </row>
    <row r="651829" spans="14:14">
      <c r="N651829" s="10"/>
    </row>
    <row r="651830" spans="14:14">
      <c r="N651830" s="10"/>
    </row>
    <row r="651831" spans="14:14">
      <c r="N651831" s="10"/>
    </row>
    <row r="651832" spans="14:14">
      <c r="N651832" s="10"/>
    </row>
    <row r="651833" spans="14:14">
      <c r="N651833" s="10"/>
    </row>
    <row r="651834" spans="14:14">
      <c r="N651834" s="10"/>
    </row>
    <row r="651835" spans="14:14">
      <c r="N651835" s="10"/>
    </row>
    <row r="651836" spans="14:14">
      <c r="N651836" s="10"/>
    </row>
    <row r="651837" spans="14:14">
      <c r="N651837" s="10"/>
    </row>
    <row r="651838" spans="14:14">
      <c r="N651838" s="10"/>
    </row>
    <row r="651839" spans="14:14">
      <c r="N651839" s="10"/>
    </row>
    <row r="651840" spans="14:14">
      <c r="N651840" s="10"/>
    </row>
    <row r="651841" spans="14:14">
      <c r="N651841" s="10"/>
    </row>
    <row r="651842" spans="14:14">
      <c r="N651842" s="10"/>
    </row>
    <row r="651843" spans="14:14">
      <c r="N651843" s="10"/>
    </row>
    <row r="651844" spans="14:14">
      <c r="N651844" s="10"/>
    </row>
    <row r="651845" spans="14:14">
      <c r="N651845" s="10"/>
    </row>
    <row r="651846" spans="14:14">
      <c r="N651846" s="10"/>
    </row>
    <row r="651847" spans="14:14">
      <c r="N651847" s="10"/>
    </row>
    <row r="651848" spans="14:14">
      <c r="N651848" s="10"/>
    </row>
    <row r="651849" spans="14:14">
      <c r="N651849" s="10"/>
    </row>
    <row r="651850" spans="14:14">
      <c r="N651850" s="10"/>
    </row>
    <row r="651851" spans="14:14">
      <c r="N651851" s="10"/>
    </row>
    <row r="651852" spans="14:14">
      <c r="N651852" s="10"/>
    </row>
    <row r="651853" spans="14:14">
      <c r="N651853" s="10"/>
    </row>
    <row r="651854" spans="14:14">
      <c r="N651854" s="10"/>
    </row>
    <row r="651855" spans="14:14">
      <c r="N651855" s="10"/>
    </row>
    <row r="651856" spans="14:14">
      <c r="N651856" s="10"/>
    </row>
    <row r="651857" spans="14:14">
      <c r="N651857" s="10"/>
    </row>
    <row r="651858" spans="14:14">
      <c r="N651858" s="10"/>
    </row>
    <row r="651859" spans="14:14">
      <c r="N651859" s="10"/>
    </row>
    <row r="651860" spans="14:14">
      <c r="N651860" s="10"/>
    </row>
    <row r="651861" spans="14:14">
      <c r="N651861" s="10"/>
    </row>
    <row r="651862" spans="14:14">
      <c r="N651862" s="10"/>
    </row>
    <row r="651863" spans="14:14">
      <c r="N651863" s="10"/>
    </row>
    <row r="651864" spans="14:14">
      <c r="N651864" s="10"/>
    </row>
    <row r="651865" spans="14:14">
      <c r="N651865" s="10"/>
    </row>
    <row r="651866" spans="14:14">
      <c r="N651866" s="10"/>
    </row>
    <row r="651867" spans="14:14">
      <c r="N651867" s="10"/>
    </row>
    <row r="651868" spans="14:14">
      <c r="N651868" s="10"/>
    </row>
    <row r="651869" spans="14:14">
      <c r="N651869" s="10"/>
    </row>
    <row r="651870" spans="14:14">
      <c r="N651870" s="10"/>
    </row>
    <row r="651871" spans="14:14">
      <c r="N651871" s="10"/>
    </row>
    <row r="651872" spans="14:14">
      <c r="N651872" s="10"/>
    </row>
    <row r="651873" spans="14:14">
      <c r="N651873" s="10"/>
    </row>
    <row r="651874" spans="14:14">
      <c r="N651874" s="10"/>
    </row>
    <row r="651875" spans="14:14">
      <c r="N651875" s="10"/>
    </row>
    <row r="651876" spans="14:14">
      <c r="N651876" s="10"/>
    </row>
    <row r="651877" spans="14:14">
      <c r="N651877" s="10"/>
    </row>
    <row r="651878" spans="14:14">
      <c r="N651878" s="10"/>
    </row>
    <row r="651879" spans="14:14">
      <c r="N651879" s="10"/>
    </row>
    <row r="651880" spans="14:14">
      <c r="N651880" s="10"/>
    </row>
    <row r="651881" spans="14:14">
      <c r="N651881" s="10"/>
    </row>
    <row r="651882" spans="14:14">
      <c r="N651882" s="10"/>
    </row>
    <row r="651883" spans="14:14">
      <c r="N651883" s="10"/>
    </row>
    <row r="651884" spans="14:14">
      <c r="N651884" s="10"/>
    </row>
    <row r="651885" spans="14:14">
      <c r="N651885" s="10"/>
    </row>
    <row r="651886" spans="14:14">
      <c r="N651886" s="10"/>
    </row>
    <row r="651887" spans="14:14">
      <c r="N651887" s="10"/>
    </row>
    <row r="651888" spans="14:14">
      <c r="N651888" s="10"/>
    </row>
    <row r="651889" spans="14:14">
      <c r="N651889" s="10"/>
    </row>
    <row r="651890" spans="14:14">
      <c r="N651890" s="10"/>
    </row>
    <row r="651891" spans="14:14">
      <c r="N651891" s="10"/>
    </row>
    <row r="651892" spans="14:14">
      <c r="N651892" s="10"/>
    </row>
    <row r="651893" spans="14:14">
      <c r="N651893" s="10"/>
    </row>
    <row r="651894" spans="14:14">
      <c r="N651894" s="10"/>
    </row>
    <row r="651895" spans="14:14">
      <c r="N651895" s="10"/>
    </row>
    <row r="651896" spans="14:14">
      <c r="N651896" s="10"/>
    </row>
    <row r="651897" spans="14:14">
      <c r="N651897" s="10"/>
    </row>
    <row r="651898" spans="14:14">
      <c r="N651898" s="10"/>
    </row>
    <row r="651899" spans="14:14">
      <c r="N651899" s="10"/>
    </row>
    <row r="651900" spans="14:14">
      <c r="N651900" s="10"/>
    </row>
    <row r="651901" spans="14:14">
      <c r="N651901" s="10"/>
    </row>
    <row r="651902" spans="14:14">
      <c r="N651902" s="10"/>
    </row>
    <row r="651903" spans="14:14">
      <c r="N651903" s="10"/>
    </row>
    <row r="651904" spans="14:14">
      <c r="N651904" s="10"/>
    </row>
    <row r="651905" spans="14:14">
      <c r="N651905" s="10"/>
    </row>
    <row r="651906" spans="14:14">
      <c r="N651906" s="10"/>
    </row>
    <row r="651907" spans="14:14">
      <c r="N651907" s="10"/>
    </row>
    <row r="651908" spans="14:14">
      <c r="N651908" s="10"/>
    </row>
    <row r="651909" spans="14:14">
      <c r="N651909" s="10"/>
    </row>
    <row r="651910" spans="14:14">
      <c r="N651910" s="10"/>
    </row>
    <row r="651911" spans="14:14">
      <c r="N651911" s="10"/>
    </row>
    <row r="651912" spans="14:14">
      <c r="N651912" s="10"/>
    </row>
    <row r="651913" spans="14:14">
      <c r="N651913" s="10"/>
    </row>
    <row r="651914" spans="14:14">
      <c r="N651914" s="10"/>
    </row>
    <row r="651915" spans="14:14">
      <c r="N651915" s="10"/>
    </row>
    <row r="651916" spans="14:14">
      <c r="N651916" s="10"/>
    </row>
    <row r="651917" spans="14:14">
      <c r="N651917" s="10"/>
    </row>
    <row r="651918" spans="14:14">
      <c r="N651918" s="10"/>
    </row>
    <row r="651919" spans="14:14">
      <c r="N651919" s="10"/>
    </row>
    <row r="651920" spans="14:14">
      <c r="N651920" s="10"/>
    </row>
    <row r="651921" spans="14:14">
      <c r="N651921" s="10"/>
    </row>
    <row r="651922" spans="14:14">
      <c r="N651922" s="10"/>
    </row>
    <row r="651923" spans="14:14">
      <c r="N651923" s="10"/>
    </row>
    <row r="651924" spans="14:14">
      <c r="N651924" s="10"/>
    </row>
    <row r="651925" spans="14:14">
      <c r="N651925" s="10"/>
    </row>
    <row r="651926" spans="14:14">
      <c r="N651926" s="10"/>
    </row>
    <row r="651927" spans="14:14">
      <c r="N651927" s="10"/>
    </row>
    <row r="651928" spans="14:14">
      <c r="N651928" s="10"/>
    </row>
    <row r="651929" spans="14:14">
      <c r="N651929" s="10"/>
    </row>
    <row r="651930" spans="14:14">
      <c r="N651930" s="10"/>
    </row>
    <row r="651931" spans="14:14">
      <c r="N651931" s="10"/>
    </row>
    <row r="651932" spans="14:14">
      <c r="N651932" s="10"/>
    </row>
    <row r="651933" spans="14:14">
      <c r="N651933" s="10"/>
    </row>
    <row r="651934" spans="14:14">
      <c r="N651934" s="10"/>
    </row>
    <row r="651935" spans="14:14">
      <c r="N651935" s="10"/>
    </row>
    <row r="651936" spans="14:14">
      <c r="N651936" s="10"/>
    </row>
    <row r="651937" spans="14:14">
      <c r="N651937" s="10"/>
    </row>
    <row r="651938" spans="14:14">
      <c r="N651938" s="10"/>
    </row>
    <row r="651939" spans="14:14">
      <c r="N651939" s="10"/>
    </row>
    <row r="651940" spans="14:14">
      <c r="N651940" s="10"/>
    </row>
    <row r="651941" spans="14:14">
      <c r="N651941" s="10"/>
    </row>
    <row r="651942" spans="14:14">
      <c r="N651942" s="10"/>
    </row>
    <row r="651943" spans="14:14">
      <c r="N651943" s="10"/>
    </row>
    <row r="651944" spans="14:14">
      <c r="N651944" s="10"/>
    </row>
    <row r="651945" spans="14:14">
      <c r="N651945" s="10"/>
    </row>
    <row r="651946" spans="14:14">
      <c r="N651946" s="10"/>
    </row>
    <row r="651947" spans="14:14">
      <c r="N651947" s="10"/>
    </row>
    <row r="651948" spans="14:14">
      <c r="N651948" s="10"/>
    </row>
    <row r="651949" spans="14:14">
      <c r="N651949" s="10"/>
    </row>
    <row r="651950" spans="14:14">
      <c r="N651950" s="10"/>
    </row>
    <row r="651951" spans="14:14">
      <c r="N651951" s="10"/>
    </row>
    <row r="651952" spans="14:14">
      <c r="N651952" s="10"/>
    </row>
    <row r="651953" spans="14:14">
      <c r="N651953" s="10"/>
    </row>
    <row r="651954" spans="14:14">
      <c r="N651954" s="10"/>
    </row>
    <row r="651955" spans="14:14">
      <c r="N651955" s="10"/>
    </row>
    <row r="651956" spans="14:14">
      <c r="N651956" s="10"/>
    </row>
    <row r="651957" spans="14:14">
      <c r="N651957" s="10"/>
    </row>
    <row r="651958" spans="14:14">
      <c r="N651958" s="10"/>
    </row>
    <row r="651959" spans="14:14">
      <c r="N651959" s="10"/>
    </row>
    <row r="651960" spans="14:14">
      <c r="N651960" s="10"/>
    </row>
    <row r="651961" spans="14:14">
      <c r="N651961" s="10"/>
    </row>
    <row r="651962" spans="14:14">
      <c r="N651962" s="10"/>
    </row>
    <row r="651963" spans="14:14">
      <c r="N651963" s="10"/>
    </row>
    <row r="651964" spans="14:14">
      <c r="N651964" s="10"/>
    </row>
    <row r="651965" spans="14:14">
      <c r="N651965" s="10"/>
    </row>
    <row r="651966" spans="14:14">
      <c r="N651966" s="10"/>
    </row>
    <row r="651967" spans="14:14">
      <c r="N651967" s="10"/>
    </row>
    <row r="651968" spans="14:14">
      <c r="N651968" s="10"/>
    </row>
    <row r="651969" spans="14:14">
      <c r="N651969" s="10"/>
    </row>
    <row r="651970" spans="14:14">
      <c r="N651970" s="10"/>
    </row>
    <row r="651971" spans="14:14">
      <c r="N651971" s="10"/>
    </row>
    <row r="651972" spans="14:14">
      <c r="N651972" s="10"/>
    </row>
    <row r="651973" spans="14:14">
      <c r="N651973" s="10"/>
    </row>
    <row r="651974" spans="14:14">
      <c r="N651974" s="10"/>
    </row>
    <row r="651975" spans="14:14">
      <c r="N651975" s="10"/>
    </row>
    <row r="651976" spans="14:14">
      <c r="N651976" s="10"/>
    </row>
    <row r="651977" spans="14:14">
      <c r="N651977" s="10"/>
    </row>
    <row r="651978" spans="14:14">
      <c r="N651978" s="10"/>
    </row>
    <row r="651979" spans="14:14">
      <c r="N651979" s="10"/>
    </row>
    <row r="651980" spans="14:14">
      <c r="N651980" s="10"/>
    </row>
    <row r="651981" spans="14:14">
      <c r="N651981" s="10"/>
    </row>
    <row r="651982" spans="14:14">
      <c r="N651982" s="10"/>
    </row>
    <row r="651983" spans="14:14">
      <c r="N651983" s="10"/>
    </row>
    <row r="651984" spans="14:14">
      <c r="N651984" s="10"/>
    </row>
    <row r="651985" spans="14:14">
      <c r="N651985" s="10"/>
    </row>
    <row r="651986" spans="14:14">
      <c r="N651986" s="10"/>
    </row>
    <row r="651987" spans="14:14">
      <c r="N651987" s="10"/>
    </row>
    <row r="651988" spans="14:14">
      <c r="N651988" s="10"/>
    </row>
    <row r="651989" spans="14:14">
      <c r="N651989" s="10"/>
    </row>
    <row r="651990" spans="14:14">
      <c r="N651990" s="10"/>
    </row>
    <row r="651991" spans="14:14">
      <c r="N651991" s="10"/>
    </row>
    <row r="651992" spans="14:14">
      <c r="N651992" s="10"/>
    </row>
    <row r="651993" spans="14:14">
      <c r="N651993" s="10"/>
    </row>
    <row r="651994" spans="14:14">
      <c r="N651994" s="10"/>
    </row>
    <row r="651995" spans="14:14">
      <c r="N651995" s="10"/>
    </row>
    <row r="651996" spans="14:14">
      <c r="N651996" s="10"/>
    </row>
    <row r="651997" spans="14:14">
      <c r="N651997" s="10"/>
    </row>
    <row r="651998" spans="14:14">
      <c r="N651998" s="10"/>
    </row>
    <row r="651999" spans="14:14">
      <c r="N651999" s="10"/>
    </row>
    <row r="652000" spans="14:14">
      <c r="N652000" s="10"/>
    </row>
    <row r="652001" spans="14:14">
      <c r="N652001" s="10"/>
    </row>
    <row r="652002" spans="14:14">
      <c r="N652002" s="10"/>
    </row>
    <row r="652003" spans="14:14">
      <c r="N652003" s="10"/>
    </row>
    <row r="652004" spans="14:14">
      <c r="N652004" s="10"/>
    </row>
    <row r="652005" spans="14:14">
      <c r="N652005" s="10"/>
    </row>
    <row r="652006" spans="14:14">
      <c r="N652006" s="10"/>
    </row>
    <row r="652007" spans="14:14">
      <c r="N652007" s="10"/>
    </row>
    <row r="652008" spans="14:14">
      <c r="N652008" s="10"/>
    </row>
    <row r="652009" spans="14:14">
      <c r="N652009" s="10"/>
    </row>
    <row r="652010" spans="14:14">
      <c r="N652010" s="10"/>
    </row>
    <row r="652011" spans="14:14">
      <c r="N652011" s="10"/>
    </row>
    <row r="652012" spans="14:14">
      <c r="N652012" s="10"/>
    </row>
    <row r="652013" spans="14:14">
      <c r="N652013" s="10"/>
    </row>
    <row r="652014" spans="14:14">
      <c r="N652014" s="10"/>
    </row>
    <row r="652015" spans="14:14">
      <c r="N652015" s="10"/>
    </row>
    <row r="652016" spans="14:14">
      <c r="N652016" s="10"/>
    </row>
    <row r="652017" spans="14:14">
      <c r="N652017" s="10"/>
    </row>
    <row r="652018" spans="14:14">
      <c r="N652018" s="10"/>
    </row>
    <row r="652019" spans="14:14">
      <c r="N652019" s="10"/>
    </row>
    <row r="652020" spans="14:14">
      <c r="N652020" s="10"/>
    </row>
    <row r="652021" spans="14:14">
      <c r="N652021" s="10"/>
    </row>
    <row r="652022" spans="14:14">
      <c r="N652022" s="10"/>
    </row>
    <row r="652023" spans="14:14">
      <c r="N652023" s="10"/>
    </row>
    <row r="652024" spans="14:14">
      <c r="N652024" s="10"/>
    </row>
    <row r="652025" spans="14:14">
      <c r="N652025" s="10"/>
    </row>
    <row r="652026" spans="14:14">
      <c r="N652026" s="10"/>
    </row>
    <row r="652027" spans="14:14">
      <c r="N652027" s="10"/>
    </row>
    <row r="652028" spans="14:14">
      <c r="N652028" s="10"/>
    </row>
    <row r="652029" spans="14:14">
      <c r="N652029" s="10"/>
    </row>
    <row r="652030" spans="14:14">
      <c r="N652030" s="10"/>
    </row>
    <row r="652031" spans="14:14">
      <c r="N652031" s="10"/>
    </row>
    <row r="652032" spans="14:14">
      <c r="N652032" s="10"/>
    </row>
    <row r="652033" spans="14:14">
      <c r="N652033" s="10"/>
    </row>
    <row r="652034" spans="14:14">
      <c r="N652034" s="10"/>
    </row>
    <row r="652035" spans="14:14">
      <c r="N652035" s="10"/>
    </row>
    <row r="652036" spans="14:14">
      <c r="N652036" s="10"/>
    </row>
    <row r="652037" spans="14:14">
      <c r="N652037" s="10"/>
    </row>
    <row r="652038" spans="14:14">
      <c r="N652038" s="10"/>
    </row>
    <row r="652039" spans="14:14">
      <c r="N652039" s="10"/>
    </row>
    <row r="652040" spans="14:14">
      <c r="N652040" s="10"/>
    </row>
    <row r="652041" spans="14:14">
      <c r="N652041" s="10"/>
    </row>
    <row r="652042" spans="14:14">
      <c r="N652042" s="10"/>
    </row>
    <row r="652043" spans="14:14">
      <c r="N652043" s="10"/>
    </row>
    <row r="652044" spans="14:14">
      <c r="N652044" s="10"/>
    </row>
    <row r="652045" spans="14:14">
      <c r="N652045" s="10"/>
    </row>
    <row r="652046" spans="14:14">
      <c r="N652046" s="10"/>
    </row>
    <row r="652047" spans="14:14">
      <c r="N652047" s="10"/>
    </row>
    <row r="652048" spans="14:14">
      <c r="N652048" s="10"/>
    </row>
    <row r="652049" spans="14:14">
      <c r="N652049" s="10"/>
    </row>
    <row r="652050" spans="14:14">
      <c r="N652050" s="10"/>
    </row>
    <row r="652051" spans="14:14">
      <c r="N652051" s="10"/>
    </row>
    <row r="652052" spans="14:14">
      <c r="N652052" s="10"/>
    </row>
    <row r="652053" spans="14:14">
      <c r="N652053" s="10"/>
    </row>
    <row r="652054" spans="14:14">
      <c r="N652054" s="10"/>
    </row>
    <row r="652055" spans="14:14">
      <c r="N652055" s="10"/>
    </row>
    <row r="652056" spans="14:14">
      <c r="N652056" s="10"/>
    </row>
    <row r="652057" spans="14:14">
      <c r="N652057" s="10"/>
    </row>
    <row r="652058" spans="14:14">
      <c r="N652058" s="10"/>
    </row>
    <row r="652059" spans="14:14">
      <c r="N652059" s="10"/>
    </row>
    <row r="652060" spans="14:14">
      <c r="N652060" s="10"/>
    </row>
    <row r="652061" spans="14:14">
      <c r="N652061" s="10"/>
    </row>
    <row r="652062" spans="14:14">
      <c r="N652062" s="10"/>
    </row>
    <row r="652063" spans="14:14">
      <c r="N652063" s="10"/>
    </row>
    <row r="652064" spans="14:14">
      <c r="N652064" s="10"/>
    </row>
    <row r="652065" spans="14:14">
      <c r="N652065" s="10"/>
    </row>
    <row r="652066" spans="14:14">
      <c r="N652066" s="10"/>
    </row>
    <row r="652067" spans="14:14">
      <c r="N652067" s="10"/>
    </row>
    <row r="652068" spans="14:14">
      <c r="N652068" s="10"/>
    </row>
    <row r="652069" spans="14:14">
      <c r="N652069" s="10"/>
    </row>
    <row r="652070" spans="14:14">
      <c r="N652070" s="10"/>
    </row>
    <row r="652071" spans="14:14">
      <c r="N652071" s="10"/>
    </row>
    <row r="652072" spans="14:14">
      <c r="N652072" s="10"/>
    </row>
    <row r="652073" spans="14:14">
      <c r="N652073" s="10"/>
    </row>
    <row r="652074" spans="14:14">
      <c r="N652074" s="10"/>
    </row>
    <row r="652075" spans="14:14">
      <c r="N652075" s="10"/>
    </row>
    <row r="652076" spans="14:14">
      <c r="N652076" s="10"/>
    </row>
    <row r="652077" spans="14:14">
      <c r="N652077" s="10"/>
    </row>
    <row r="652078" spans="14:14">
      <c r="N652078" s="10"/>
    </row>
    <row r="652079" spans="14:14">
      <c r="N652079" s="10"/>
    </row>
    <row r="652080" spans="14:14">
      <c r="N652080" s="10"/>
    </row>
    <row r="652081" spans="14:14">
      <c r="N652081" s="10"/>
    </row>
    <row r="652082" spans="14:14">
      <c r="N652082" s="10"/>
    </row>
    <row r="652083" spans="14:14">
      <c r="N652083" s="10"/>
    </row>
    <row r="652084" spans="14:14">
      <c r="N652084" s="10"/>
    </row>
    <row r="652085" spans="14:14">
      <c r="N652085" s="10"/>
    </row>
    <row r="652086" spans="14:14">
      <c r="N652086" s="10"/>
    </row>
    <row r="652087" spans="14:14">
      <c r="N652087" s="10"/>
    </row>
    <row r="652088" spans="14:14">
      <c r="N652088" s="10"/>
    </row>
    <row r="652089" spans="14:14">
      <c r="N652089" s="10"/>
    </row>
    <row r="652090" spans="14:14">
      <c r="N652090" s="10"/>
    </row>
    <row r="652091" spans="14:14">
      <c r="N652091" s="10"/>
    </row>
    <row r="652092" spans="14:14">
      <c r="N652092" s="10"/>
    </row>
    <row r="652093" spans="14:14">
      <c r="N652093" s="10"/>
    </row>
    <row r="652094" spans="14:14">
      <c r="N652094" s="10"/>
    </row>
    <row r="652095" spans="14:14">
      <c r="N652095" s="10"/>
    </row>
    <row r="652096" spans="14:14">
      <c r="N652096" s="10"/>
    </row>
    <row r="652097" spans="14:14">
      <c r="N652097" s="10"/>
    </row>
    <row r="652098" spans="14:14">
      <c r="N652098" s="10"/>
    </row>
    <row r="652099" spans="14:14">
      <c r="N652099" s="10"/>
    </row>
    <row r="652100" spans="14:14">
      <c r="N652100" s="10"/>
    </row>
    <row r="652101" spans="14:14">
      <c r="N652101" s="10"/>
    </row>
    <row r="652102" spans="14:14">
      <c r="N652102" s="10"/>
    </row>
    <row r="652103" spans="14:14">
      <c r="N652103" s="10"/>
    </row>
    <row r="652104" spans="14:14">
      <c r="N652104" s="10"/>
    </row>
    <row r="652105" spans="14:14">
      <c r="N652105" s="10"/>
    </row>
    <row r="652106" spans="14:14">
      <c r="N652106" s="10"/>
    </row>
    <row r="652107" spans="14:14">
      <c r="N652107" s="10"/>
    </row>
    <row r="652108" spans="14:14">
      <c r="N652108" s="10"/>
    </row>
    <row r="652109" spans="14:14">
      <c r="N652109" s="10"/>
    </row>
    <row r="652110" spans="14:14">
      <c r="N652110" s="10"/>
    </row>
    <row r="652111" spans="14:14">
      <c r="N652111" s="10"/>
    </row>
    <row r="652112" spans="14:14">
      <c r="N652112" s="10"/>
    </row>
    <row r="652113" spans="14:14">
      <c r="N652113" s="10"/>
    </row>
    <row r="652114" spans="14:14">
      <c r="N652114" s="10"/>
    </row>
    <row r="652115" spans="14:14">
      <c r="N652115" s="10"/>
    </row>
    <row r="652116" spans="14:14">
      <c r="N652116" s="10"/>
    </row>
    <row r="652117" spans="14:14">
      <c r="N652117" s="10"/>
    </row>
    <row r="652118" spans="14:14">
      <c r="N652118" s="10"/>
    </row>
    <row r="652119" spans="14:14">
      <c r="N652119" s="10"/>
    </row>
    <row r="652120" spans="14:14">
      <c r="N652120" s="10"/>
    </row>
    <row r="652121" spans="14:14">
      <c r="N652121" s="10"/>
    </row>
    <row r="652122" spans="14:14">
      <c r="N652122" s="10"/>
    </row>
    <row r="652123" spans="14:14">
      <c r="N652123" s="10"/>
    </row>
    <row r="652124" spans="14:14">
      <c r="N652124" s="10"/>
    </row>
    <row r="652125" spans="14:14">
      <c r="N652125" s="10"/>
    </row>
    <row r="652126" spans="14:14">
      <c r="N652126" s="10"/>
    </row>
    <row r="652127" spans="14:14">
      <c r="N652127" s="10"/>
    </row>
    <row r="652128" spans="14:14">
      <c r="N652128" s="10"/>
    </row>
    <row r="652129" spans="14:14">
      <c r="N652129" s="10"/>
    </row>
    <row r="652130" spans="14:14">
      <c r="N652130" s="10"/>
    </row>
    <row r="652131" spans="14:14">
      <c r="N652131" s="10"/>
    </row>
    <row r="652132" spans="14:14">
      <c r="N652132" s="10"/>
    </row>
    <row r="652133" spans="14:14">
      <c r="N652133" s="10"/>
    </row>
    <row r="652134" spans="14:14">
      <c r="N652134" s="10"/>
    </row>
    <row r="652135" spans="14:14">
      <c r="N652135" s="10"/>
    </row>
    <row r="652136" spans="14:14">
      <c r="N652136" s="10"/>
    </row>
    <row r="652137" spans="14:14">
      <c r="N652137" s="10"/>
    </row>
    <row r="652138" spans="14:14">
      <c r="N652138" s="10"/>
    </row>
    <row r="652139" spans="14:14">
      <c r="N652139" s="10"/>
    </row>
    <row r="652140" spans="14:14">
      <c r="N652140" s="10"/>
    </row>
    <row r="652141" spans="14:14">
      <c r="N652141" s="10"/>
    </row>
    <row r="652142" spans="14:14">
      <c r="N652142" s="10"/>
    </row>
    <row r="652143" spans="14:14">
      <c r="N652143" s="10"/>
    </row>
    <row r="652144" spans="14:14">
      <c r="N652144" s="10"/>
    </row>
    <row r="652145" spans="14:14">
      <c r="N652145" s="10"/>
    </row>
    <row r="652146" spans="14:14">
      <c r="N652146" s="10"/>
    </row>
    <row r="652147" spans="14:14">
      <c r="N652147" s="10"/>
    </row>
    <row r="652148" spans="14:14">
      <c r="N652148" s="10"/>
    </row>
    <row r="652149" spans="14:14">
      <c r="N652149" s="10"/>
    </row>
    <row r="652150" spans="14:14">
      <c r="N652150" s="10"/>
    </row>
    <row r="652151" spans="14:14">
      <c r="N652151" s="10"/>
    </row>
    <row r="652152" spans="14:14">
      <c r="N652152" s="10"/>
    </row>
    <row r="652153" spans="14:14">
      <c r="N652153" s="10"/>
    </row>
    <row r="652154" spans="14:14">
      <c r="N652154" s="10"/>
    </row>
    <row r="652155" spans="14:14">
      <c r="N652155" s="10"/>
    </row>
    <row r="652156" spans="14:14">
      <c r="N652156" s="10"/>
    </row>
    <row r="652157" spans="14:14">
      <c r="N652157" s="10"/>
    </row>
    <row r="652158" spans="14:14">
      <c r="N652158" s="10"/>
    </row>
    <row r="652159" spans="14:14">
      <c r="N652159" s="10"/>
    </row>
    <row r="652160" spans="14:14">
      <c r="N652160" s="10"/>
    </row>
    <row r="652161" spans="14:14">
      <c r="N652161" s="10"/>
    </row>
    <row r="652162" spans="14:14">
      <c r="N652162" s="10"/>
    </row>
    <row r="652163" spans="14:14">
      <c r="N652163" s="10"/>
    </row>
    <row r="652164" spans="14:14">
      <c r="N652164" s="10"/>
    </row>
    <row r="652165" spans="14:14">
      <c r="N652165" s="10"/>
    </row>
    <row r="652166" spans="14:14">
      <c r="N652166" s="10"/>
    </row>
    <row r="652167" spans="14:14">
      <c r="N652167" s="10"/>
    </row>
    <row r="652168" spans="14:14">
      <c r="N652168" s="10"/>
    </row>
    <row r="652169" spans="14:14">
      <c r="N652169" s="10"/>
    </row>
    <row r="652170" spans="14:14">
      <c r="N652170" s="10"/>
    </row>
    <row r="652171" spans="14:14">
      <c r="N652171" s="10"/>
    </row>
    <row r="652172" spans="14:14">
      <c r="N652172" s="10"/>
    </row>
    <row r="652173" spans="14:14">
      <c r="N652173" s="10"/>
    </row>
    <row r="652174" spans="14:14">
      <c r="N652174" s="10"/>
    </row>
    <row r="652175" spans="14:14">
      <c r="N652175" s="10"/>
    </row>
    <row r="652176" spans="14:14">
      <c r="N652176" s="10"/>
    </row>
    <row r="652177" spans="14:14">
      <c r="N652177" s="10"/>
    </row>
    <row r="652178" spans="14:14">
      <c r="N652178" s="10"/>
    </row>
    <row r="652179" spans="14:14">
      <c r="N652179" s="10"/>
    </row>
    <row r="652180" spans="14:14">
      <c r="N652180" s="10"/>
    </row>
    <row r="652181" spans="14:14">
      <c r="N652181" s="10"/>
    </row>
    <row r="652182" spans="14:14">
      <c r="N652182" s="10"/>
    </row>
    <row r="652183" spans="14:14">
      <c r="N652183" s="10"/>
    </row>
    <row r="652184" spans="14:14">
      <c r="N652184" s="10"/>
    </row>
    <row r="652185" spans="14:14">
      <c r="N652185" s="10"/>
    </row>
    <row r="652186" spans="14:14">
      <c r="N652186" s="10"/>
    </row>
    <row r="652187" spans="14:14">
      <c r="N652187" s="10"/>
    </row>
    <row r="652188" spans="14:14">
      <c r="N652188" s="10"/>
    </row>
    <row r="652189" spans="14:14">
      <c r="N652189" s="10"/>
    </row>
    <row r="652190" spans="14:14">
      <c r="N652190" s="10"/>
    </row>
    <row r="652191" spans="14:14">
      <c r="N652191" s="10"/>
    </row>
    <row r="652192" spans="14:14">
      <c r="N652192" s="10"/>
    </row>
    <row r="652193" spans="14:14">
      <c r="N652193" s="10"/>
    </row>
    <row r="652194" spans="14:14">
      <c r="N652194" s="10"/>
    </row>
    <row r="652195" spans="14:14">
      <c r="N652195" s="10"/>
    </row>
    <row r="652196" spans="14:14">
      <c r="N652196" s="10"/>
    </row>
    <row r="652197" spans="14:14">
      <c r="N652197" s="10"/>
    </row>
    <row r="652198" spans="14:14">
      <c r="N652198" s="10"/>
    </row>
    <row r="652199" spans="14:14">
      <c r="N652199" s="10"/>
    </row>
    <row r="652200" spans="14:14">
      <c r="N652200" s="10"/>
    </row>
    <row r="652201" spans="14:14">
      <c r="N652201" s="10"/>
    </row>
    <row r="652202" spans="14:14">
      <c r="N652202" s="10"/>
    </row>
    <row r="652203" spans="14:14">
      <c r="N652203" s="10"/>
    </row>
    <row r="652204" spans="14:14">
      <c r="N652204" s="10"/>
    </row>
    <row r="652205" spans="14:14">
      <c r="N652205" s="10"/>
    </row>
    <row r="652206" spans="14:14">
      <c r="N652206" s="10"/>
    </row>
    <row r="652207" spans="14:14">
      <c r="N652207" s="10"/>
    </row>
    <row r="652208" spans="14:14">
      <c r="N652208" s="10"/>
    </row>
    <row r="652209" spans="14:14">
      <c r="N652209" s="10"/>
    </row>
    <row r="652210" spans="14:14">
      <c r="N652210" s="10"/>
    </row>
    <row r="652211" spans="14:14">
      <c r="N652211" s="10"/>
    </row>
    <row r="652212" spans="14:14">
      <c r="N652212" s="10"/>
    </row>
    <row r="652213" spans="14:14">
      <c r="N652213" s="10"/>
    </row>
    <row r="652214" spans="14:14">
      <c r="N652214" s="10"/>
    </row>
    <row r="652215" spans="14:14">
      <c r="N652215" s="10"/>
    </row>
    <row r="652216" spans="14:14">
      <c r="N652216" s="10"/>
    </row>
    <row r="652217" spans="14:14">
      <c r="N652217" s="10"/>
    </row>
    <row r="652218" spans="14:14">
      <c r="N652218" s="10"/>
    </row>
    <row r="652219" spans="14:14">
      <c r="N652219" s="10"/>
    </row>
    <row r="652220" spans="14:14">
      <c r="N652220" s="10"/>
    </row>
    <row r="652221" spans="14:14">
      <c r="N652221" s="10"/>
    </row>
    <row r="652222" spans="14:14">
      <c r="N652222" s="10"/>
    </row>
    <row r="652223" spans="14:14">
      <c r="N652223" s="10"/>
    </row>
    <row r="652224" spans="14:14">
      <c r="N652224" s="10"/>
    </row>
    <row r="652225" spans="14:14">
      <c r="N652225" s="10"/>
    </row>
    <row r="652226" spans="14:14">
      <c r="N652226" s="10"/>
    </row>
    <row r="652227" spans="14:14">
      <c r="N652227" s="10"/>
    </row>
    <row r="652228" spans="14:14">
      <c r="N652228" s="10"/>
    </row>
    <row r="652229" spans="14:14">
      <c r="N652229" s="10"/>
    </row>
    <row r="652230" spans="14:14">
      <c r="N652230" s="10"/>
    </row>
    <row r="652231" spans="14:14">
      <c r="N652231" s="10"/>
    </row>
    <row r="652232" spans="14:14">
      <c r="N652232" s="10"/>
    </row>
    <row r="652233" spans="14:14">
      <c r="N652233" s="10"/>
    </row>
    <row r="652234" spans="14:14">
      <c r="N652234" s="10"/>
    </row>
    <row r="652235" spans="14:14">
      <c r="N652235" s="10"/>
    </row>
    <row r="652236" spans="14:14">
      <c r="N652236" s="10"/>
    </row>
    <row r="652237" spans="14:14">
      <c r="N652237" s="10"/>
    </row>
    <row r="652238" spans="14:14">
      <c r="N652238" s="10"/>
    </row>
    <row r="652239" spans="14:14">
      <c r="N652239" s="10"/>
    </row>
    <row r="652240" spans="14:14">
      <c r="N652240" s="10"/>
    </row>
    <row r="652241" spans="14:14">
      <c r="N652241" s="10"/>
    </row>
    <row r="652242" spans="14:14">
      <c r="N652242" s="10"/>
    </row>
    <row r="652243" spans="14:14">
      <c r="N652243" s="10"/>
    </row>
    <row r="652244" spans="14:14">
      <c r="N652244" s="10"/>
    </row>
    <row r="652245" spans="14:14">
      <c r="N652245" s="10"/>
    </row>
    <row r="652246" spans="14:14">
      <c r="N652246" s="10"/>
    </row>
    <row r="652247" spans="14:14">
      <c r="N652247" s="10"/>
    </row>
    <row r="652248" spans="14:14">
      <c r="N652248" s="10"/>
    </row>
    <row r="652249" spans="14:14">
      <c r="N652249" s="10"/>
    </row>
    <row r="652250" spans="14:14">
      <c r="N652250" s="10"/>
    </row>
    <row r="652251" spans="14:14">
      <c r="N652251" s="10"/>
    </row>
    <row r="652252" spans="14:14">
      <c r="N652252" s="10"/>
    </row>
    <row r="652253" spans="14:14">
      <c r="N652253" s="10"/>
    </row>
    <row r="652254" spans="14:14">
      <c r="N652254" s="10"/>
    </row>
    <row r="652255" spans="14:14">
      <c r="N652255" s="10"/>
    </row>
    <row r="652256" spans="14:14">
      <c r="N652256" s="10"/>
    </row>
    <row r="652257" spans="14:14">
      <c r="N652257" s="10"/>
    </row>
    <row r="652258" spans="14:14">
      <c r="N652258" s="10"/>
    </row>
    <row r="652259" spans="14:14">
      <c r="N652259" s="10"/>
    </row>
    <row r="652260" spans="14:14">
      <c r="N652260" s="10"/>
    </row>
    <row r="652261" spans="14:14">
      <c r="N652261" s="10"/>
    </row>
    <row r="652262" spans="14:14">
      <c r="N652262" s="10"/>
    </row>
    <row r="652263" spans="14:14">
      <c r="N652263" s="10"/>
    </row>
    <row r="652264" spans="14:14">
      <c r="N652264" s="10"/>
    </row>
    <row r="652265" spans="14:14">
      <c r="N652265" s="10"/>
    </row>
    <row r="652266" spans="14:14">
      <c r="N652266" s="10"/>
    </row>
    <row r="652267" spans="14:14">
      <c r="N652267" s="10"/>
    </row>
    <row r="652268" spans="14:14">
      <c r="N652268" s="10"/>
    </row>
    <row r="652269" spans="14:14">
      <c r="N652269" s="10"/>
    </row>
    <row r="652270" spans="14:14">
      <c r="N652270" s="10"/>
    </row>
    <row r="652271" spans="14:14">
      <c r="N652271" s="10"/>
    </row>
    <row r="652272" spans="14:14">
      <c r="N652272" s="10"/>
    </row>
    <row r="652273" spans="14:14">
      <c r="N652273" s="10"/>
    </row>
    <row r="652274" spans="14:14">
      <c r="N652274" s="10"/>
    </row>
    <row r="652275" spans="14:14">
      <c r="N652275" s="10"/>
    </row>
    <row r="652276" spans="14:14">
      <c r="N652276" s="10"/>
    </row>
    <row r="652277" spans="14:14">
      <c r="N652277" s="10"/>
    </row>
    <row r="652278" spans="14:14">
      <c r="N652278" s="10"/>
    </row>
    <row r="652279" spans="14:14">
      <c r="N652279" s="10"/>
    </row>
    <row r="652280" spans="14:14">
      <c r="N652280" s="10"/>
    </row>
    <row r="652281" spans="14:14">
      <c r="N652281" s="10"/>
    </row>
    <row r="652282" spans="14:14">
      <c r="N652282" s="10"/>
    </row>
    <row r="652283" spans="14:14">
      <c r="N652283" s="10"/>
    </row>
    <row r="652284" spans="14:14">
      <c r="N652284" s="10"/>
    </row>
    <row r="652285" spans="14:14">
      <c r="N652285" s="10"/>
    </row>
    <row r="652286" spans="14:14">
      <c r="N652286" s="10"/>
    </row>
    <row r="652287" spans="14:14">
      <c r="N652287" s="10"/>
    </row>
    <row r="652288" spans="14:14">
      <c r="N652288" s="10"/>
    </row>
    <row r="652289" spans="14:14">
      <c r="N652289" s="10"/>
    </row>
    <row r="652290" spans="14:14">
      <c r="N652290" s="10"/>
    </row>
    <row r="652291" spans="14:14">
      <c r="N652291" s="10"/>
    </row>
    <row r="652292" spans="14:14">
      <c r="N652292" s="10"/>
    </row>
    <row r="652293" spans="14:14">
      <c r="N652293" s="10"/>
    </row>
    <row r="652294" spans="14:14">
      <c r="N652294" s="10"/>
    </row>
    <row r="652295" spans="14:14">
      <c r="N652295" s="10"/>
    </row>
    <row r="652296" spans="14:14">
      <c r="N652296" s="10"/>
    </row>
    <row r="652297" spans="14:14">
      <c r="N652297" s="10"/>
    </row>
    <row r="652298" spans="14:14">
      <c r="N652298" s="10"/>
    </row>
    <row r="652299" spans="14:14">
      <c r="N652299" s="10"/>
    </row>
    <row r="652300" spans="14:14">
      <c r="N652300" s="10"/>
    </row>
    <row r="652301" spans="14:14">
      <c r="N652301" s="10"/>
    </row>
    <row r="652302" spans="14:14">
      <c r="N652302" s="10"/>
    </row>
    <row r="652303" spans="14:14">
      <c r="N652303" s="10"/>
    </row>
    <row r="652304" spans="14:14">
      <c r="N652304" s="10"/>
    </row>
    <row r="652305" spans="14:14">
      <c r="N652305" s="10"/>
    </row>
    <row r="652306" spans="14:14">
      <c r="N652306" s="10"/>
    </row>
    <row r="652307" spans="14:14">
      <c r="N652307" s="10"/>
    </row>
    <row r="652308" spans="14:14">
      <c r="N652308" s="10"/>
    </row>
    <row r="652309" spans="14:14">
      <c r="N652309" s="10"/>
    </row>
    <row r="652310" spans="14:14">
      <c r="N652310" s="10"/>
    </row>
    <row r="652311" spans="14:14">
      <c r="N652311" s="10"/>
    </row>
    <row r="652312" spans="14:14">
      <c r="N652312" s="10"/>
    </row>
    <row r="652313" spans="14:14">
      <c r="N652313" s="10"/>
    </row>
    <row r="652314" spans="14:14">
      <c r="N652314" s="10"/>
    </row>
    <row r="652315" spans="14:14">
      <c r="N652315" s="10"/>
    </row>
    <row r="652316" spans="14:14">
      <c r="N652316" s="10"/>
    </row>
    <row r="652317" spans="14:14">
      <c r="N652317" s="10"/>
    </row>
    <row r="652318" spans="14:14">
      <c r="N652318" s="10"/>
    </row>
    <row r="652319" spans="14:14">
      <c r="N652319" s="10"/>
    </row>
    <row r="652320" spans="14:14">
      <c r="N652320" s="10"/>
    </row>
    <row r="652321" spans="14:14">
      <c r="N652321" s="10"/>
    </row>
    <row r="652322" spans="14:14">
      <c r="N652322" s="10"/>
    </row>
    <row r="652323" spans="14:14">
      <c r="N652323" s="10"/>
    </row>
    <row r="652324" spans="14:14">
      <c r="N652324" s="10"/>
    </row>
    <row r="652325" spans="14:14">
      <c r="N652325" s="10"/>
    </row>
    <row r="652326" spans="14:14">
      <c r="N652326" s="10"/>
    </row>
    <row r="652327" spans="14:14">
      <c r="N652327" s="10"/>
    </row>
    <row r="652328" spans="14:14">
      <c r="N652328" s="10"/>
    </row>
    <row r="652329" spans="14:14">
      <c r="N652329" s="10"/>
    </row>
    <row r="652330" spans="14:14">
      <c r="N652330" s="10"/>
    </row>
    <row r="652331" spans="14:14">
      <c r="N652331" s="10"/>
    </row>
    <row r="652332" spans="14:14">
      <c r="N652332" s="10"/>
    </row>
    <row r="652333" spans="14:14">
      <c r="N652333" s="10"/>
    </row>
    <row r="652334" spans="14:14">
      <c r="N652334" s="10"/>
    </row>
    <row r="652335" spans="14:14">
      <c r="N652335" s="10"/>
    </row>
    <row r="652336" spans="14:14">
      <c r="N652336" s="10"/>
    </row>
    <row r="652337" spans="14:14">
      <c r="N652337" s="10"/>
    </row>
    <row r="652338" spans="14:14">
      <c r="N652338" s="10"/>
    </row>
    <row r="652339" spans="14:14">
      <c r="N652339" s="10"/>
    </row>
    <row r="652340" spans="14:14">
      <c r="N652340" s="10"/>
    </row>
    <row r="652341" spans="14:14">
      <c r="N652341" s="10"/>
    </row>
    <row r="652342" spans="14:14">
      <c r="N652342" s="10"/>
    </row>
    <row r="652343" spans="14:14">
      <c r="N652343" s="10"/>
    </row>
    <row r="652344" spans="14:14">
      <c r="N652344" s="10"/>
    </row>
    <row r="652345" spans="14:14">
      <c r="N652345" s="10"/>
    </row>
    <row r="652346" spans="14:14">
      <c r="N652346" s="10"/>
    </row>
    <row r="652347" spans="14:14">
      <c r="N652347" s="10"/>
    </row>
    <row r="652348" spans="14:14">
      <c r="N652348" s="10"/>
    </row>
    <row r="652349" spans="14:14">
      <c r="N652349" s="10"/>
    </row>
    <row r="652350" spans="14:14">
      <c r="N652350" s="10"/>
    </row>
    <row r="652351" spans="14:14">
      <c r="N652351" s="10"/>
    </row>
    <row r="652352" spans="14:14">
      <c r="N652352" s="10"/>
    </row>
    <row r="652353" spans="14:14">
      <c r="N652353" s="10"/>
    </row>
    <row r="652354" spans="14:14">
      <c r="N652354" s="10"/>
    </row>
    <row r="652355" spans="14:14">
      <c r="N652355" s="10"/>
    </row>
    <row r="652356" spans="14:14">
      <c r="N652356" s="10"/>
    </row>
    <row r="652357" spans="14:14">
      <c r="N652357" s="10"/>
    </row>
    <row r="652358" spans="14:14">
      <c r="N652358" s="10"/>
    </row>
    <row r="652359" spans="14:14">
      <c r="N652359" s="10"/>
    </row>
    <row r="652360" spans="14:14">
      <c r="N652360" s="10"/>
    </row>
    <row r="652361" spans="14:14">
      <c r="N652361" s="10"/>
    </row>
    <row r="652362" spans="14:14">
      <c r="N652362" s="10"/>
    </row>
    <row r="652363" spans="14:14">
      <c r="N652363" s="10"/>
    </row>
    <row r="652364" spans="14:14">
      <c r="N652364" s="10"/>
    </row>
    <row r="652365" spans="14:14">
      <c r="N652365" s="10"/>
    </row>
    <row r="652366" spans="14:14">
      <c r="N652366" s="10"/>
    </row>
    <row r="652367" spans="14:14">
      <c r="N652367" s="10"/>
    </row>
    <row r="652368" spans="14:14">
      <c r="N652368" s="10"/>
    </row>
    <row r="652369" spans="14:14">
      <c r="N652369" s="10"/>
    </row>
    <row r="652370" spans="14:14">
      <c r="N652370" s="10"/>
    </row>
    <row r="652371" spans="14:14">
      <c r="N652371" s="10"/>
    </row>
    <row r="652372" spans="14:14">
      <c r="N652372" s="10"/>
    </row>
    <row r="652373" spans="14:14">
      <c r="N652373" s="10"/>
    </row>
    <row r="652374" spans="14:14">
      <c r="N652374" s="10"/>
    </row>
    <row r="652375" spans="14:14">
      <c r="N652375" s="10"/>
    </row>
    <row r="652376" spans="14:14">
      <c r="N652376" s="10"/>
    </row>
    <row r="652377" spans="14:14">
      <c r="N652377" s="10"/>
    </row>
    <row r="652378" spans="14:14">
      <c r="N652378" s="10"/>
    </row>
    <row r="652379" spans="14:14">
      <c r="N652379" s="10"/>
    </row>
    <row r="652380" spans="14:14">
      <c r="N652380" s="10"/>
    </row>
    <row r="652381" spans="14:14">
      <c r="N652381" s="10"/>
    </row>
    <row r="652382" spans="14:14">
      <c r="N652382" s="10"/>
    </row>
    <row r="652383" spans="14:14">
      <c r="N652383" s="10"/>
    </row>
    <row r="652384" spans="14:14">
      <c r="N652384" s="10"/>
    </row>
    <row r="652385" spans="14:14">
      <c r="N652385" s="10"/>
    </row>
    <row r="652386" spans="14:14">
      <c r="N652386" s="10"/>
    </row>
    <row r="652387" spans="14:14">
      <c r="N652387" s="10"/>
    </row>
    <row r="652388" spans="14:14">
      <c r="N652388" s="10"/>
    </row>
    <row r="652389" spans="14:14">
      <c r="N652389" s="10"/>
    </row>
    <row r="652390" spans="14:14">
      <c r="N652390" s="10"/>
    </row>
    <row r="652391" spans="14:14">
      <c r="N652391" s="10"/>
    </row>
    <row r="652392" spans="14:14">
      <c r="N652392" s="10"/>
    </row>
    <row r="652393" spans="14:14">
      <c r="N652393" s="10"/>
    </row>
    <row r="652394" spans="14:14">
      <c r="N652394" s="10"/>
    </row>
    <row r="652395" spans="14:14">
      <c r="N652395" s="10"/>
    </row>
    <row r="652396" spans="14:14">
      <c r="N652396" s="10"/>
    </row>
    <row r="652397" spans="14:14">
      <c r="N652397" s="10"/>
    </row>
    <row r="652398" spans="14:14">
      <c r="N652398" s="10"/>
    </row>
    <row r="652399" spans="14:14">
      <c r="N652399" s="10"/>
    </row>
    <row r="652400" spans="14:14">
      <c r="N652400" s="10"/>
    </row>
    <row r="652401" spans="14:14">
      <c r="N652401" s="10"/>
    </row>
    <row r="652402" spans="14:14">
      <c r="N652402" s="10"/>
    </row>
    <row r="652403" spans="14:14">
      <c r="N652403" s="10"/>
    </row>
    <row r="652404" spans="14:14">
      <c r="N652404" s="10"/>
    </row>
    <row r="652405" spans="14:14">
      <c r="N652405" s="10"/>
    </row>
    <row r="652406" spans="14:14">
      <c r="N652406" s="10"/>
    </row>
    <row r="652407" spans="14:14">
      <c r="N652407" s="10"/>
    </row>
    <row r="652408" spans="14:14">
      <c r="N652408" s="10"/>
    </row>
    <row r="652409" spans="14:14">
      <c r="N652409" s="10"/>
    </row>
    <row r="652410" spans="14:14">
      <c r="N652410" s="10"/>
    </row>
    <row r="652411" spans="14:14">
      <c r="N652411" s="10"/>
    </row>
    <row r="652412" spans="14:14">
      <c r="N652412" s="10"/>
    </row>
    <row r="652413" spans="14:14">
      <c r="N652413" s="10"/>
    </row>
    <row r="652414" spans="14:14">
      <c r="N652414" s="10"/>
    </row>
    <row r="652415" spans="14:14">
      <c r="N652415" s="10"/>
    </row>
    <row r="652416" spans="14:14">
      <c r="N652416" s="10"/>
    </row>
    <row r="652417" spans="14:14">
      <c r="N652417" s="10"/>
    </row>
    <row r="652418" spans="14:14">
      <c r="N652418" s="10"/>
    </row>
    <row r="652419" spans="14:14">
      <c r="N652419" s="10"/>
    </row>
    <row r="652420" spans="14:14">
      <c r="N652420" s="10"/>
    </row>
    <row r="652421" spans="14:14">
      <c r="N652421" s="10"/>
    </row>
    <row r="652422" spans="14:14">
      <c r="N652422" s="10"/>
    </row>
    <row r="652423" spans="14:14">
      <c r="N652423" s="10"/>
    </row>
    <row r="652424" spans="14:14">
      <c r="N652424" s="10"/>
    </row>
    <row r="652425" spans="14:14">
      <c r="N652425" s="10"/>
    </row>
    <row r="652426" spans="14:14">
      <c r="N652426" s="10"/>
    </row>
    <row r="652427" spans="14:14">
      <c r="N652427" s="10"/>
    </row>
    <row r="652428" spans="14:14">
      <c r="N652428" s="10"/>
    </row>
    <row r="652429" spans="14:14">
      <c r="N652429" s="10"/>
    </row>
    <row r="652430" spans="14:14">
      <c r="N652430" s="10"/>
    </row>
    <row r="652431" spans="14:14">
      <c r="N652431" s="10"/>
    </row>
    <row r="652432" spans="14:14">
      <c r="N652432" s="10"/>
    </row>
    <row r="652433" spans="14:14">
      <c r="N652433" s="10"/>
    </row>
    <row r="652434" spans="14:14">
      <c r="N652434" s="10"/>
    </row>
    <row r="652435" spans="14:14">
      <c r="N652435" s="10"/>
    </row>
    <row r="652436" spans="14:14">
      <c r="N652436" s="10"/>
    </row>
    <row r="652437" spans="14:14">
      <c r="N652437" s="10"/>
    </row>
    <row r="652438" spans="14:14">
      <c r="N652438" s="10"/>
    </row>
    <row r="652439" spans="14:14">
      <c r="N652439" s="10"/>
    </row>
    <row r="652440" spans="14:14">
      <c r="N652440" s="10"/>
    </row>
    <row r="652441" spans="14:14">
      <c r="N652441" s="10"/>
    </row>
    <row r="652442" spans="14:14">
      <c r="N652442" s="10"/>
    </row>
    <row r="652443" spans="14:14">
      <c r="N652443" s="10"/>
    </row>
    <row r="652444" spans="14:14">
      <c r="N652444" s="10"/>
    </row>
    <row r="652445" spans="14:14">
      <c r="N652445" s="10"/>
    </row>
    <row r="652446" spans="14:14">
      <c r="N652446" s="10"/>
    </row>
    <row r="652447" spans="14:14">
      <c r="N652447" s="10"/>
    </row>
    <row r="652448" spans="14:14">
      <c r="N652448" s="10"/>
    </row>
    <row r="652449" spans="14:14">
      <c r="N652449" s="10"/>
    </row>
    <row r="652450" spans="14:14">
      <c r="N652450" s="10"/>
    </row>
    <row r="652451" spans="14:14">
      <c r="N652451" s="10"/>
    </row>
    <row r="652452" spans="14:14">
      <c r="N652452" s="10"/>
    </row>
    <row r="652453" spans="14:14">
      <c r="N652453" s="10"/>
    </row>
    <row r="652454" spans="14:14">
      <c r="N652454" s="10"/>
    </row>
    <row r="652455" spans="14:14">
      <c r="N652455" s="10"/>
    </row>
    <row r="652456" spans="14:14">
      <c r="N652456" s="10"/>
    </row>
    <row r="652457" spans="14:14">
      <c r="N652457" s="10"/>
    </row>
    <row r="652458" spans="14:14">
      <c r="N652458" s="10"/>
    </row>
    <row r="652459" spans="14:14">
      <c r="N652459" s="10"/>
    </row>
    <row r="652460" spans="14:14">
      <c r="N652460" s="10"/>
    </row>
    <row r="652461" spans="14:14">
      <c r="N652461" s="10"/>
    </row>
    <row r="652462" spans="14:14">
      <c r="N652462" s="10"/>
    </row>
    <row r="652463" spans="14:14">
      <c r="N652463" s="10"/>
    </row>
    <row r="652464" spans="14:14">
      <c r="N652464" s="10"/>
    </row>
    <row r="652465" spans="14:14">
      <c r="N652465" s="10"/>
    </row>
    <row r="652466" spans="14:14">
      <c r="N652466" s="10"/>
    </row>
    <row r="652467" spans="14:14">
      <c r="N652467" s="10"/>
    </row>
    <row r="652468" spans="14:14">
      <c r="N652468" s="10"/>
    </row>
    <row r="652469" spans="14:14">
      <c r="N652469" s="10"/>
    </row>
    <row r="652470" spans="14:14">
      <c r="N652470" s="10"/>
    </row>
    <row r="652471" spans="14:14">
      <c r="N652471" s="10"/>
    </row>
    <row r="652472" spans="14:14">
      <c r="N652472" s="10"/>
    </row>
    <row r="652473" spans="14:14">
      <c r="N652473" s="10"/>
    </row>
    <row r="652474" spans="14:14">
      <c r="N652474" s="10"/>
    </row>
    <row r="652475" spans="14:14">
      <c r="N652475" s="10"/>
    </row>
    <row r="652476" spans="14:14">
      <c r="N652476" s="10"/>
    </row>
    <row r="652477" spans="14:14">
      <c r="N652477" s="10"/>
    </row>
    <row r="652478" spans="14:14">
      <c r="N652478" s="10"/>
    </row>
    <row r="652479" spans="14:14">
      <c r="N652479" s="10"/>
    </row>
    <row r="652480" spans="14:14">
      <c r="N652480" s="10"/>
    </row>
    <row r="652481" spans="14:14">
      <c r="N652481" s="10"/>
    </row>
    <row r="652482" spans="14:14">
      <c r="N652482" s="10"/>
    </row>
    <row r="652483" spans="14:14">
      <c r="N652483" s="10"/>
    </row>
    <row r="652484" spans="14:14">
      <c r="N652484" s="10"/>
    </row>
    <row r="652485" spans="14:14">
      <c r="N652485" s="10"/>
    </row>
    <row r="652486" spans="14:14">
      <c r="N652486" s="10"/>
    </row>
    <row r="652487" spans="14:14">
      <c r="N652487" s="10"/>
    </row>
    <row r="652488" spans="14:14">
      <c r="N652488" s="10"/>
    </row>
    <row r="652489" spans="14:14">
      <c r="N652489" s="10"/>
    </row>
    <row r="652490" spans="14:14">
      <c r="N652490" s="10"/>
    </row>
    <row r="652491" spans="14:14">
      <c r="N652491" s="10"/>
    </row>
    <row r="652492" spans="14:14">
      <c r="N652492" s="10"/>
    </row>
    <row r="652493" spans="14:14">
      <c r="N652493" s="10"/>
    </row>
    <row r="652494" spans="14:14">
      <c r="N652494" s="10"/>
    </row>
    <row r="652495" spans="14:14">
      <c r="N652495" s="10"/>
    </row>
    <row r="652496" spans="14:14">
      <c r="N652496" s="10"/>
    </row>
    <row r="652497" spans="14:14">
      <c r="N652497" s="10"/>
    </row>
    <row r="652498" spans="14:14">
      <c r="N652498" s="10"/>
    </row>
    <row r="652499" spans="14:14">
      <c r="N652499" s="10"/>
    </row>
    <row r="652500" spans="14:14">
      <c r="N652500" s="10"/>
    </row>
    <row r="652501" spans="14:14">
      <c r="N652501" s="10"/>
    </row>
    <row r="652502" spans="14:14">
      <c r="N652502" s="10"/>
    </row>
    <row r="652503" spans="14:14">
      <c r="N652503" s="10"/>
    </row>
    <row r="652504" spans="14:14">
      <c r="N652504" s="10"/>
    </row>
    <row r="652505" spans="14:14">
      <c r="N652505" s="10"/>
    </row>
    <row r="652506" spans="14:14">
      <c r="N652506" s="10"/>
    </row>
    <row r="652507" spans="14:14">
      <c r="N652507" s="10"/>
    </row>
    <row r="652508" spans="14:14">
      <c r="N652508" s="10"/>
    </row>
    <row r="652509" spans="14:14">
      <c r="N652509" s="10"/>
    </row>
    <row r="652510" spans="14:14">
      <c r="N652510" s="10"/>
    </row>
    <row r="652511" spans="14:14">
      <c r="N652511" s="10"/>
    </row>
    <row r="652512" spans="14:14">
      <c r="N652512" s="10"/>
    </row>
    <row r="652513" spans="14:14">
      <c r="N652513" s="10"/>
    </row>
    <row r="652514" spans="14:14">
      <c r="N652514" s="10"/>
    </row>
    <row r="652515" spans="14:14">
      <c r="N652515" s="10"/>
    </row>
    <row r="652516" spans="14:14">
      <c r="N652516" s="10"/>
    </row>
    <row r="652517" spans="14:14">
      <c r="N652517" s="10"/>
    </row>
    <row r="652518" spans="14:14">
      <c r="N652518" s="10"/>
    </row>
    <row r="652519" spans="14:14">
      <c r="N652519" s="10"/>
    </row>
    <row r="652520" spans="14:14">
      <c r="N652520" s="10"/>
    </row>
    <row r="652521" spans="14:14">
      <c r="N652521" s="10"/>
    </row>
    <row r="652522" spans="14:14">
      <c r="N652522" s="10"/>
    </row>
    <row r="652523" spans="14:14">
      <c r="N652523" s="10"/>
    </row>
    <row r="652524" spans="14:14">
      <c r="N652524" s="10"/>
    </row>
    <row r="652525" spans="14:14">
      <c r="N652525" s="10"/>
    </row>
    <row r="652526" spans="14:14">
      <c r="N652526" s="10"/>
    </row>
    <row r="652527" spans="14:14">
      <c r="N652527" s="10"/>
    </row>
    <row r="652528" spans="14:14">
      <c r="N652528" s="10"/>
    </row>
    <row r="652529" spans="14:14">
      <c r="N652529" s="10"/>
    </row>
    <row r="652530" spans="14:14">
      <c r="N652530" s="10"/>
    </row>
    <row r="652531" spans="14:14">
      <c r="N652531" s="10"/>
    </row>
    <row r="652532" spans="14:14">
      <c r="N652532" s="10"/>
    </row>
    <row r="652533" spans="14:14">
      <c r="N652533" s="10"/>
    </row>
    <row r="652534" spans="14:14">
      <c r="N652534" s="10"/>
    </row>
    <row r="652535" spans="14:14">
      <c r="N652535" s="10"/>
    </row>
    <row r="652536" spans="14:14">
      <c r="N652536" s="10"/>
    </row>
    <row r="652537" spans="14:14">
      <c r="N652537" s="10"/>
    </row>
    <row r="652538" spans="14:14">
      <c r="N652538" s="10"/>
    </row>
    <row r="652539" spans="14:14">
      <c r="N652539" s="10"/>
    </row>
    <row r="652540" spans="14:14">
      <c r="N652540" s="10"/>
    </row>
    <row r="652541" spans="14:14">
      <c r="N652541" s="10"/>
    </row>
    <row r="652542" spans="14:14">
      <c r="N652542" s="10"/>
    </row>
    <row r="652543" spans="14:14">
      <c r="N652543" s="10"/>
    </row>
    <row r="652544" spans="14:14">
      <c r="N652544" s="10"/>
    </row>
    <row r="652545" spans="14:14">
      <c r="N652545" s="10"/>
    </row>
    <row r="652546" spans="14:14">
      <c r="N652546" s="10"/>
    </row>
    <row r="652547" spans="14:14">
      <c r="N652547" s="10"/>
    </row>
    <row r="652548" spans="14:14">
      <c r="N652548" s="10"/>
    </row>
    <row r="652549" spans="14:14">
      <c r="N652549" s="10"/>
    </row>
    <row r="652550" spans="14:14">
      <c r="N652550" s="10"/>
    </row>
    <row r="652551" spans="14:14">
      <c r="N652551" s="10"/>
    </row>
    <row r="652552" spans="14:14">
      <c r="N652552" s="10"/>
    </row>
    <row r="652553" spans="14:14">
      <c r="N652553" s="10"/>
    </row>
    <row r="652554" spans="14:14">
      <c r="N652554" s="10"/>
    </row>
    <row r="652555" spans="14:14">
      <c r="N652555" s="10"/>
    </row>
    <row r="652556" spans="14:14">
      <c r="N652556" s="10"/>
    </row>
    <row r="652557" spans="14:14">
      <c r="N652557" s="10"/>
    </row>
    <row r="652558" spans="14:14">
      <c r="N652558" s="10"/>
    </row>
    <row r="652559" spans="14:14">
      <c r="N652559" s="10"/>
    </row>
    <row r="652560" spans="14:14">
      <c r="N652560" s="10"/>
    </row>
    <row r="652561" spans="14:14">
      <c r="N652561" s="10"/>
    </row>
    <row r="652562" spans="14:14">
      <c r="N652562" s="10"/>
    </row>
    <row r="652563" spans="14:14">
      <c r="N652563" s="10"/>
    </row>
    <row r="652564" spans="14:14">
      <c r="N652564" s="10"/>
    </row>
    <row r="652565" spans="14:14">
      <c r="N652565" s="10"/>
    </row>
    <row r="652566" spans="14:14">
      <c r="N652566" s="10"/>
    </row>
    <row r="652567" spans="14:14">
      <c r="N652567" s="10"/>
    </row>
    <row r="652568" spans="14:14">
      <c r="N652568" s="10"/>
    </row>
    <row r="652569" spans="14:14">
      <c r="N652569" s="10"/>
    </row>
    <row r="652570" spans="14:14">
      <c r="N652570" s="10"/>
    </row>
    <row r="652571" spans="14:14">
      <c r="N652571" s="10"/>
    </row>
    <row r="652572" spans="14:14">
      <c r="N652572" s="10"/>
    </row>
    <row r="652573" spans="14:14">
      <c r="N652573" s="10"/>
    </row>
    <row r="652574" spans="14:14">
      <c r="N652574" s="10"/>
    </row>
    <row r="652575" spans="14:14">
      <c r="N652575" s="10"/>
    </row>
    <row r="652576" spans="14:14">
      <c r="N652576" s="10"/>
    </row>
    <row r="652577" spans="14:14">
      <c r="N652577" s="10"/>
    </row>
    <row r="652578" spans="14:14">
      <c r="N652578" s="10"/>
    </row>
    <row r="652579" spans="14:14">
      <c r="N652579" s="10"/>
    </row>
    <row r="652580" spans="14:14">
      <c r="N652580" s="10"/>
    </row>
    <row r="652581" spans="14:14">
      <c r="N652581" s="10"/>
    </row>
    <row r="652582" spans="14:14">
      <c r="N652582" s="10"/>
    </row>
    <row r="652583" spans="14:14">
      <c r="N652583" s="10"/>
    </row>
    <row r="652584" spans="14:14">
      <c r="N652584" s="10"/>
    </row>
    <row r="652585" spans="14:14">
      <c r="N652585" s="10"/>
    </row>
    <row r="652586" spans="14:14">
      <c r="N652586" s="10"/>
    </row>
    <row r="652587" spans="14:14">
      <c r="N652587" s="10"/>
    </row>
    <row r="652588" spans="14:14">
      <c r="N652588" s="10"/>
    </row>
    <row r="652589" spans="14:14">
      <c r="N652589" s="10"/>
    </row>
    <row r="652590" spans="14:14">
      <c r="N652590" s="10"/>
    </row>
    <row r="652591" spans="14:14">
      <c r="N652591" s="10"/>
    </row>
    <row r="652592" spans="14:14">
      <c r="N652592" s="10"/>
    </row>
    <row r="652593" spans="14:14">
      <c r="N652593" s="10"/>
    </row>
    <row r="652594" spans="14:14">
      <c r="N652594" s="10"/>
    </row>
    <row r="652595" spans="14:14">
      <c r="N652595" s="10"/>
    </row>
    <row r="652596" spans="14:14">
      <c r="N652596" s="10"/>
    </row>
    <row r="652597" spans="14:14">
      <c r="N652597" s="10"/>
    </row>
    <row r="652598" spans="14:14">
      <c r="N652598" s="10"/>
    </row>
    <row r="652599" spans="14:14">
      <c r="N652599" s="10"/>
    </row>
    <row r="652600" spans="14:14">
      <c r="N652600" s="10"/>
    </row>
    <row r="652601" spans="14:14">
      <c r="N652601" s="10"/>
    </row>
    <row r="652602" spans="14:14">
      <c r="N652602" s="10"/>
    </row>
    <row r="652603" spans="14:14">
      <c r="N652603" s="10"/>
    </row>
    <row r="652604" spans="14:14">
      <c r="N652604" s="10"/>
    </row>
    <row r="652605" spans="14:14">
      <c r="N652605" s="10"/>
    </row>
    <row r="652606" spans="14:14">
      <c r="N652606" s="10"/>
    </row>
    <row r="652607" spans="14:14">
      <c r="N652607" s="10"/>
    </row>
    <row r="652608" spans="14:14">
      <c r="N652608" s="10"/>
    </row>
    <row r="652609" spans="14:14">
      <c r="N652609" s="10"/>
    </row>
    <row r="652610" spans="14:14">
      <c r="N652610" s="10"/>
    </row>
    <row r="652611" spans="14:14">
      <c r="N652611" s="10"/>
    </row>
    <row r="652612" spans="14:14">
      <c r="N652612" s="10"/>
    </row>
    <row r="652613" spans="14:14">
      <c r="N652613" s="10"/>
    </row>
    <row r="652614" spans="14:14">
      <c r="N652614" s="10"/>
    </row>
    <row r="652615" spans="14:14">
      <c r="N652615" s="10"/>
    </row>
    <row r="652616" spans="14:14">
      <c r="N652616" s="10"/>
    </row>
    <row r="652617" spans="14:14">
      <c r="N652617" s="10"/>
    </row>
    <row r="652618" spans="14:14">
      <c r="N652618" s="10"/>
    </row>
    <row r="652619" spans="14:14">
      <c r="N652619" s="10"/>
    </row>
    <row r="652620" spans="14:14">
      <c r="N652620" s="10"/>
    </row>
    <row r="652621" spans="14:14">
      <c r="N652621" s="10"/>
    </row>
    <row r="652622" spans="14:14">
      <c r="N652622" s="10"/>
    </row>
    <row r="652623" spans="14:14">
      <c r="N652623" s="10"/>
    </row>
    <row r="652624" spans="14:14">
      <c r="N652624" s="10"/>
    </row>
    <row r="652625" spans="14:14">
      <c r="N652625" s="10"/>
    </row>
    <row r="652626" spans="14:14">
      <c r="N652626" s="10"/>
    </row>
    <row r="652627" spans="14:14">
      <c r="N652627" s="10"/>
    </row>
    <row r="652628" spans="14:14">
      <c r="N652628" s="10"/>
    </row>
    <row r="652629" spans="14:14">
      <c r="N652629" s="10"/>
    </row>
    <row r="652630" spans="14:14">
      <c r="N652630" s="10"/>
    </row>
    <row r="652631" spans="14:14">
      <c r="N652631" s="10"/>
    </row>
    <row r="652632" spans="14:14">
      <c r="N652632" s="10"/>
    </row>
    <row r="652633" spans="14:14">
      <c r="N652633" s="10"/>
    </row>
    <row r="652634" spans="14:14">
      <c r="N652634" s="10"/>
    </row>
    <row r="652635" spans="14:14">
      <c r="N652635" s="10"/>
    </row>
    <row r="652636" spans="14:14">
      <c r="N652636" s="10"/>
    </row>
    <row r="652637" spans="14:14">
      <c r="N652637" s="10"/>
    </row>
    <row r="652638" spans="14:14">
      <c r="N652638" s="10"/>
    </row>
    <row r="652639" spans="14:14">
      <c r="N652639" s="10"/>
    </row>
    <row r="652640" spans="14:14">
      <c r="N652640" s="10"/>
    </row>
    <row r="652641" spans="14:14">
      <c r="N652641" s="10"/>
    </row>
    <row r="652642" spans="14:14">
      <c r="N652642" s="10"/>
    </row>
    <row r="652643" spans="14:14">
      <c r="N652643" s="10"/>
    </row>
    <row r="652644" spans="14:14">
      <c r="N652644" s="10"/>
    </row>
    <row r="652645" spans="14:14">
      <c r="N652645" s="10"/>
    </row>
    <row r="652646" spans="14:14">
      <c r="N652646" s="10"/>
    </row>
    <row r="652647" spans="14:14">
      <c r="N652647" s="10"/>
    </row>
    <row r="652648" spans="14:14">
      <c r="N652648" s="10"/>
    </row>
    <row r="652649" spans="14:14">
      <c r="N652649" s="10"/>
    </row>
    <row r="652650" spans="14:14">
      <c r="N652650" s="10"/>
    </row>
    <row r="652651" spans="14:14">
      <c r="N652651" s="10"/>
    </row>
    <row r="652652" spans="14:14">
      <c r="N652652" s="10"/>
    </row>
    <row r="652653" spans="14:14">
      <c r="N652653" s="10"/>
    </row>
    <row r="652654" spans="14:14">
      <c r="N652654" s="10"/>
    </row>
    <row r="652655" spans="14:14">
      <c r="N652655" s="10"/>
    </row>
    <row r="652656" spans="14:14">
      <c r="N652656" s="10"/>
    </row>
    <row r="652657" spans="14:14">
      <c r="N652657" s="10"/>
    </row>
    <row r="652658" spans="14:14">
      <c r="N652658" s="10"/>
    </row>
    <row r="652659" spans="14:14">
      <c r="N652659" s="10"/>
    </row>
    <row r="652660" spans="14:14">
      <c r="N652660" s="10"/>
    </row>
    <row r="652661" spans="14:14">
      <c r="N652661" s="10"/>
    </row>
    <row r="652662" spans="14:14">
      <c r="N652662" s="10"/>
    </row>
    <row r="652663" spans="14:14">
      <c r="N652663" s="10"/>
    </row>
    <row r="652664" spans="14:14">
      <c r="N652664" s="10"/>
    </row>
    <row r="652665" spans="14:14">
      <c r="N652665" s="10"/>
    </row>
    <row r="652666" spans="14:14">
      <c r="N652666" s="10"/>
    </row>
    <row r="652667" spans="14:14">
      <c r="N652667" s="10"/>
    </row>
    <row r="652668" spans="14:14">
      <c r="N652668" s="10"/>
    </row>
    <row r="652669" spans="14:14">
      <c r="N652669" s="10"/>
    </row>
    <row r="652670" spans="14:14">
      <c r="N652670" s="10"/>
    </row>
    <row r="652671" spans="14:14">
      <c r="N652671" s="10"/>
    </row>
    <row r="652672" spans="14:14">
      <c r="N652672" s="10"/>
    </row>
    <row r="652673" spans="14:14">
      <c r="N652673" s="10"/>
    </row>
    <row r="652674" spans="14:14">
      <c r="N652674" s="10"/>
    </row>
    <row r="652675" spans="14:14">
      <c r="N652675" s="10"/>
    </row>
    <row r="652676" spans="14:14">
      <c r="N652676" s="10"/>
    </row>
    <row r="652677" spans="14:14">
      <c r="N652677" s="10"/>
    </row>
    <row r="652678" spans="14:14">
      <c r="N652678" s="10"/>
    </row>
    <row r="652679" spans="14:14">
      <c r="N652679" s="10"/>
    </row>
    <row r="652680" spans="14:14">
      <c r="N652680" s="10"/>
    </row>
    <row r="652681" spans="14:14">
      <c r="N652681" s="10"/>
    </row>
    <row r="652682" spans="14:14">
      <c r="N652682" s="10"/>
    </row>
    <row r="652683" spans="14:14">
      <c r="N652683" s="10"/>
    </row>
    <row r="652684" spans="14:14">
      <c r="N652684" s="10"/>
    </row>
    <row r="652685" spans="14:14">
      <c r="N652685" s="10"/>
    </row>
    <row r="652686" spans="14:14">
      <c r="N652686" s="10"/>
    </row>
    <row r="652687" spans="14:14">
      <c r="N652687" s="10"/>
    </row>
    <row r="652688" spans="14:14">
      <c r="N652688" s="10"/>
    </row>
    <row r="652689" spans="14:14">
      <c r="N652689" s="10"/>
    </row>
    <row r="652690" spans="14:14">
      <c r="N652690" s="10"/>
    </row>
    <row r="652691" spans="14:14">
      <c r="N652691" s="10"/>
    </row>
    <row r="652692" spans="14:14">
      <c r="N652692" s="10"/>
    </row>
    <row r="652693" spans="14:14">
      <c r="N652693" s="10"/>
    </row>
    <row r="652694" spans="14:14">
      <c r="N652694" s="10"/>
    </row>
    <row r="652695" spans="14:14">
      <c r="N652695" s="10"/>
    </row>
    <row r="652696" spans="14:14">
      <c r="N652696" s="10"/>
    </row>
    <row r="652697" spans="14:14">
      <c r="N652697" s="10"/>
    </row>
    <row r="652698" spans="14:14">
      <c r="N652698" s="10"/>
    </row>
    <row r="652699" spans="14:14">
      <c r="N652699" s="10"/>
    </row>
    <row r="652700" spans="14:14">
      <c r="N652700" s="10"/>
    </row>
    <row r="652701" spans="14:14">
      <c r="N652701" s="10"/>
    </row>
    <row r="652702" spans="14:14">
      <c r="N652702" s="10"/>
    </row>
    <row r="652703" spans="14:14">
      <c r="N652703" s="10"/>
    </row>
    <row r="652704" spans="14:14">
      <c r="N652704" s="10"/>
    </row>
    <row r="652705" spans="14:14">
      <c r="N652705" s="10"/>
    </row>
    <row r="652706" spans="14:14">
      <c r="N652706" s="10"/>
    </row>
    <row r="652707" spans="14:14">
      <c r="N652707" s="10"/>
    </row>
    <row r="652708" spans="14:14">
      <c r="N652708" s="10"/>
    </row>
    <row r="652709" spans="14:14">
      <c r="N652709" s="10"/>
    </row>
    <row r="652710" spans="14:14">
      <c r="N652710" s="10"/>
    </row>
    <row r="652711" spans="14:14">
      <c r="N652711" s="10"/>
    </row>
    <row r="652712" spans="14:14">
      <c r="N652712" s="10"/>
    </row>
    <row r="652713" spans="14:14">
      <c r="N652713" s="10"/>
    </row>
    <row r="652714" spans="14:14">
      <c r="N652714" s="10"/>
    </row>
    <row r="652715" spans="14:14">
      <c r="N652715" s="10"/>
    </row>
    <row r="652716" spans="14:14">
      <c r="N652716" s="10"/>
    </row>
    <row r="652717" spans="14:14">
      <c r="N652717" s="10"/>
    </row>
    <row r="652718" spans="14:14">
      <c r="N652718" s="10"/>
    </row>
    <row r="652719" spans="14:14">
      <c r="N652719" s="10"/>
    </row>
    <row r="652720" spans="14:14">
      <c r="N652720" s="10"/>
    </row>
    <row r="652721" spans="14:14">
      <c r="N652721" s="10"/>
    </row>
    <row r="652722" spans="14:14">
      <c r="N652722" s="10"/>
    </row>
    <row r="652723" spans="14:14">
      <c r="N652723" s="10"/>
    </row>
    <row r="652724" spans="14:14">
      <c r="N652724" s="10"/>
    </row>
    <row r="652725" spans="14:14">
      <c r="N652725" s="10"/>
    </row>
    <row r="652726" spans="14:14">
      <c r="N652726" s="10"/>
    </row>
    <row r="652727" spans="14:14">
      <c r="N652727" s="10"/>
    </row>
    <row r="652728" spans="14:14">
      <c r="N652728" s="10"/>
    </row>
    <row r="652729" spans="14:14">
      <c r="N652729" s="10"/>
    </row>
    <row r="652730" spans="14:14">
      <c r="N652730" s="10"/>
    </row>
    <row r="652731" spans="14:14">
      <c r="N652731" s="10"/>
    </row>
    <row r="652732" spans="14:14">
      <c r="N652732" s="10"/>
    </row>
    <row r="652733" spans="14:14">
      <c r="N652733" s="10"/>
    </row>
    <row r="652734" spans="14:14">
      <c r="N652734" s="10"/>
    </row>
    <row r="652735" spans="14:14">
      <c r="N652735" s="10"/>
    </row>
    <row r="652736" spans="14:14">
      <c r="N652736" s="10"/>
    </row>
    <row r="652737" spans="14:14">
      <c r="N652737" s="10"/>
    </row>
    <row r="652738" spans="14:14">
      <c r="N652738" s="10"/>
    </row>
    <row r="652739" spans="14:14">
      <c r="N652739" s="10"/>
    </row>
    <row r="652740" spans="14:14">
      <c r="N652740" s="10"/>
    </row>
    <row r="652741" spans="14:14">
      <c r="N652741" s="10"/>
    </row>
    <row r="652742" spans="14:14">
      <c r="N652742" s="10"/>
    </row>
    <row r="652743" spans="14:14">
      <c r="N652743" s="10"/>
    </row>
    <row r="652744" spans="14:14">
      <c r="N652744" s="10"/>
    </row>
    <row r="652745" spans="14:14">
      <c r="N652745" s="10"/>
    </row>
    <row r="652746" spans="14:14">
      <c r="N652746" s="10"/>
    </row>
    <row r="652747" spans="14:14">
      <c r="N652747" s="10"/>
    </row>
    <row r="652748" spans="14:14">
      <c r="N652748" s="10"/>
    </row>
    <row r="652749" spans="14:14">
      <c r="N652749" s="10"/>
    </row>
    <row r="652750" spans="14:14">
      <c r="N652750" s="10"/>
    </row>
    <row r="652751" spans="14:14">
      <c r="N652751" s="10"/>
    </row>
    <row r="652752" spans="14:14">
      <c r="N652752" s="10"/>
    </row>
    <row r="652753" spans="14:14">
      <c r="N652753" s="10"/>
    </row>
    <row r="652754" spans="14:14">
      <c r="N652754" s="10"/>
    </row>
    <row r="652755" spans="14:14">
      <c r="N652755" s="10"/>
    </row>
    <row r="652756" spans="14:14">
      <c r="N652756" s="10"/>
    </row>
    <row r="652757" spans="14:14">
      <c r="N652757" s="10"/>
    </row>
    <row r="652758" spans="14:14">
      <c r="N652758" s="10"/>
    </row>
    <row r="652759" spans="14:14">
      <c r="N652759" s="10"/>
    </row>
    <row r="652760" spans="14:14">
      <c r="N652760" s="10"/>
    </row>
    <row r="652761" spans="14:14">
      <c r="N652761" s="10"/>
    </row>
    <row r="652762" spans="14:14">
      <c r="N652762" s="10"/>
    </row>
    <row r="652763" spans="14:14">
      <c r="N652763" s="10"/>
    </row>
    <row r="652764" spans="14:14">
      <c r="N652764" s="10"/>
    </row>
    <row r="652765" spans="14:14">
      <c r="N652765" s="10"/>
    </row>
    <row r="652766" spans="14:14">
      <c r="N652766" s="10"/>
    </row>
    <row r="652767" spans="14:14">
      <c r="N652767" s="10"/>
    </row>
    <row r="652768" spans="14:14">
      <c r="N652768" s="10"/>
    </row>
    <row r="652769" spans="14:14">
      <c r="N652769" s="10"/>
    </row>
    <row r="652770" spans="14:14">
      <c r="N652770" s="10"/>
    </row>
    <row r="652771" spans="14:14">
      <c r="N652771" s="10"/>
    </row>
    <row r="652772" spans="14:14">
      <c r="N652772" s="10"/>
    </row>
    <row r="652773" spans="14:14">
      <c r="N652773" s="10"/>
    </row>
    <row r="652774" spans="14:14">
      <c r="N652774" s="10"/>
    </row>
    <row r="652775" spans="14:14">
      <c r="N652775" s="10"/>
    </row>
    <row r="652776" spans="14:14">
      <c r="N652776" s="10"/>
    </row>
    <row r="652777" spans="14:14">
      <c r="N652777" s="10"/>
    </row>
    <row r="652778" spans="14:14">
      <c r="N652778" s="10"/>
    </row>
    <row r="652779" spans="14:14">
      <c r="N652779" s="10"/>
    </row>
    <row r="652780" spans="14:14">
      <c r="N652780" s="10"/>
    </row>
    <row r="652781" spans="14:14">
      <c r="N652781" s="10"/>
    </row>
    <row r="652782" spans="14:14">
      <c r="N652782" s="10"/>
    </row>
    <row r="652783" spans="14:14">
      <c r="N652783" s="10"/>
    </row>
    <row r="652784" spans="14:14">
      <c r="N652784" s="10"/>
    </row>
    <row r="652785" spans="14:14">
      <c r="N652785" s="10"/>
    </row>
    <row r="652786" spans="14:14">
      <c r="N652786" s="10"/>
    </row>
    <row r="652787" spans="14:14">
      <c r="N652787" s="10"/>
    </row>
    <row r="652788" spans="14:14">
      <c r="N652788" s="10"/>
    </row>
    <row r="652789" spans="14:14">
      <c r="N652789" s="10"/>
    </row>
    <row r="652790" spans="14:14">
      <c r="N652790" s="10"/>
    </row>
    <row r="652791" spans="14:14">
      <c r="N652791" s="10"/>
    </row>
    <row r="652792" spans="14:14">
      <c r="N652792" s="10"/>
    </row>
    <row r="652793" spans="14:14">
      <c r="N652793" s="10"/>
    </row>
    <row r="652794" spans="14:14">
      <c r="N652794" s="10"/>
    </row>
    <row r="652795" spans="14:14">
      <c r="N652795" s="10"/>
    </row>
    <row r="652796" spans="14:14">
      <c r="N652796" s="10"/>
    </row>
    <row r="652797" spans="14:14">
      <c r="N652797" s="10"/>
    </row>
    <row r="652798" spans="14:14">
      <c r="N652798" s="10"/>
    </row>
    <row r="652799" spans="14:14">
      <c r="N652799" s="10"/>
    </row>
    <row r="652800" spans="14:14">
      <c r="N652800" s="10"/>
    </row>
    <row r="652801" spans="14:14">
      <c r="N652801" s="10"/>
    </row>
    <row r="652802" spans="14:14">
      <c r="N652802" s="10"/>
    </row>
    <row r="652803" spans="14:14">
      <c r="N652803" s="10"/>
    </row>
    <row r="652804" spans="14:14">
      <c r="N652804" s="10"/>
    </row>
    <row r="652805" spans="14:14">
      <c r="N652805" s="10"/>
    </row>
    <row r="652806" spans="14:14">
      <c r="N652806" s="10"/>
    </row>
    <row r="652807" spans="14:14">
      <c r="N652807" s="10"/>
    </row>
    <row r="652808" spans="14:14">
      <c r="N652808" s="10"/>
    </row>
    <row r="652809" spans="14:14">
      <c r="N652809" s="10"/>
    </row>
    <row r="652810" spans="14:14">
      <c r="N652810" s="10"/>
    </row>
    <row r="652811" spans="14:14">
      <c r="N652811" s="10"/>
    </row>
    <row r="652812" spans="14:14">
      <c r="N652812" s="10"/>
    </row>
    <row r="652813" spans="14:14">
      <c r="N652813" s="10"/>
    </row>
    <row r="652814" spans="14:14">
      <c r="N652814" s="10"/>
    </row>
    <row r="652815" spans="14:14">
      <c r="N652815" s="10"/>
    </row>
    <row r="652816" spans="14:14">
      <c r="N652816" s="10"/>
    </row>
    <row r="652817" spans="14:14">
      <c r="N652817" s="10"/>
    </row>
    <row r="652818" spans="14:14">
      <c r="N652818" s="10"/>
    </row>
    <row r="652819" spans="14:14">
      <c r="N652819" s="10"/>
    </row>
    <row r="652820" spans="14:14">
      <c r="N652820" s="10"/>
    </row>
    <row r="652821" spans="14:14">
      <c r="N652821" s="10"/>
    </row>
    <row r="652822" spans="14:14">
      <c r="N652822" s="10"/>
    </row>
    <row r="652823" spans="14:14">
      <c r="N652823" s="10"/>
    </row>
    <row r="652824" spans="14:14">
      <c r="N652824" s="10"/>
    </row>
    <row r="652825" spans="14:14">
      <c r="N652825" s="10"/>
    </row>
    <row r="652826" spans="14:14">
      <c r="N652826" s="10"/>
    </row>
    <row r="652827" spans="14:14">
      <c r="N652827" s="10"/>
    </row>
    <row r="652828" spans="14:14">
      <c r="N652828" s="10"/>
    </row>
    <row r="652829" spans="14:14">
      <c r="N652829" s="10"/>
    </row>
    <row r="652830" spans="14:14">
      <c r="N652830" s="10"/>
    </row>
    <row r="652831" spans="14:14">
      <c r="N652831" s="10"/>
    </row>
    <row r="652832" spans="14:14">
      <c r="N652832" s="10"/>
    </row>
    <row r="652833" spans="14:14">
      <c r="N652833" s="10"/>
    </row>
    <row r="652834" spans="14:14">
      <c r="N652834" s="10"/>
    </row>
    <row r="652835" spans="14:14">
      <c r="N652835" s="10"/>
    </row>
    <row r="652836" spans="14:14">
      <c r="N652836" s="10"/>
    </row>
    <row r="652837" spans="14:14">
      <c r="N652837" s="10"/>
    </row>
    <row r="652838" spans="14:14">
      <c r="N652838" s="10"/>
    </row>
    <row r="652839" spans="14:14">
      <c r="N652839" s="10"/>
    </row>
    <row r="652840" spans="14:14">
      <c r="N652840" s="10"/>
    </row>
    <row r="652841" spans="14:14">
      <c r="N652841" s="10"/>
    </row>
    <row r="652842" spans="14:14">
      <c r="N652842" s="10"/>
    </row>
    <row r="652843" spans="14:14">
      <c r="N652843" s="10"/>
    </row>
    <row r="652844" spans="14:14">
      <c r="N652844" s="10"/>
    </row>
    <row r="652845" spans="14:14">
      <c r="N652845" s="10"/>
    </row>
    <row r="652846" spans="14:14">
      <c r="N652846" s="10"/>
    </row>
    <row r="652847" spans="14:14">
      <c r="N652847" s="10"/>
    </row>
    <row r="652848" spans="14:14">
      <c r="N652848" s="10"/>
    </row>
    <row r="652849" spans="14:14">
      <c r="N652849" s="10"/>
    </row>
    <row r="652850" spans="14:14">
      <c r="N652850" s="10"/>
    </row>
    <row r="652851" spans="14:14">
      <c r="N652851" s="10"/>
    </row>
    <row r="652852" spans="14:14">
      <c r="N652852" s="10"/>
    </row>
    <row r="652853" spans="14:14">
      <c r="N652853" s="10"/>
    </row>
    <row r="652854" spans="14:14">
      <c r="N652854" s="10"/>
    </row>
    <row r="652855" spans="14:14">
      <c r="N652855" s="10"/>
    </row>
    <row r="652856" spans="14:14">
      <c r="N652856" s="10"/>
    </row>
    <row r="652857" spans="14:14">
      <c r="N652857" s="10"/>
    </row>
    <row r="652858" spans="14:14">
      <c r="N652858" s="10"/>
    </row>
    <row r="652859" spans="14:14">
      <c r="N652859" s="10"/>
    </row>
    <row r="652860" spans="14:14">
      <c r="N652860" s="10"/>
    </row>
    <row r="652861" spans="14:14">
      <c r="N652861" s="10"/>
    </row>
    <row r="652862" spans="14:14">
      <c r="N652862" s="10"/>
    </row>
    <row r="652863" spans="14:14">
      <c r="N652863" s="10"/>
    </row>
    <row r="652864" spans="14:14">
      <c r="N652864" s="10"/>
    </row>
    <row r="652865" spans="14:14">
      <c r="N652865" s="10"/>
    </row>
    <row r="652866" spans="14:14">
      <c r="N652866" s="10"/>
    </row>
    <row r="652867" spans="14:14">
      <c r="N652867" s="10"/>
    </row>
    <row r="652868" spans="14:14">
      <c r="N652868" s="10"/>
    </row>
    <row r="652869" spans="14:14">
      <c r="N652869" s="10"/>
    </row>
    <row r="652870" spans="14:14">
      <c r="N652870" s="10"/>
    </row>
    <row r="652871" spans="14:14">
      <c r="N652871" s="10"/>
    </row>
    <row r="652872" spans="14:14">
      <c r="N652872" s="10"/>
    </row>
    <row r="652873" spans="14:14">
      <c r="N652873" s="10"/>
    </row>
    <row r="652874" spans="14:14">
      <c r="N652874" s="10"/>
    </row>
    <row r="652875" spans="14:14">
      <c r="N652875" s="10"/>
    </row>
    <row r="652876" spans="14:14">
      <c r="N652876" s="10"/>
    </row>
    <row r="652877" spans="14:14">
      <c r="N652877" s="10"/>
    </row>
    <row r="652878" spans="14:14">
      <c r="N652878" s="10"/>
    </row>
    <row r="652879" spans="14:14">
      <c r="N652879" s="10"/>
    </row>
    <row r="652880" spans="14:14">
      <c r="N652880" s="10"/>
    </row>
    <row r="652881" spans="14:14">
      <c r="N652881" s="10"/>
    </row>
    <row r="652882" spans="14:14">
      <c r="N652882" s="10"/>
    </row>
    <row r="652883" spans="14:14">
      <c r="N652883" s="10"/>
    </row>
    <row r="652884" spans="14:14">
      <c r="N652884" s="10"/>
    </row>
    <row r="652885" spans="14:14">
      <c r="N652885" s="10"/>
    </row>
    <row r="652886" spans="14:14">
      <c r="N652886" s="10"/>
    </row>
    <row r="652887" spans="14:14">
      <c r="N652887" s="10"/>
    </row>
    <row r="652888" spans="14:14">
      <c r="N652888" s="10"/>
    </row>
    <row r="652889" spans="14:14">
      <c r="N652889" s="10"/>
    </row>
    <row r="652890" spans="14:14">
      <c r="N652890" s="10"/>
    </row>
    <row r="652891" spans="14:14">
      <c r="N652891" s="10"/>
    </row>
    <row r="652892" spans="14:14">
      <c r="N652892" s="10"/>
    </row>
    <row r="652893" spans="14:14">
      <c r="N652893" s="10"/>
    </row>
    <row r="652894" spans="14:14">
      <c r="N652894" s="10"/>
    </row>
    <row r="652895" spans="14:14">
      <c r="N652895" s="10"/>
    </row>
    <row r="652896" spans="14:14">
      <c r="N652896" s="10"/>
    </row>
    <row r="652897" spans="14:14">
      <c r="N652897" s="10"/>
    </row>
    <row r="652898" spans="14:14">
      <c r="N652898" s="10"/>
    </row>
    <row r="652899" spans="14:14">
      <c r="N652899" s="10"/>
    </row>
    <row r="652900" spans="14:14">
      <c r="N652900" s="10"/>
    </row>
    <row r="652901" spans="14:14">
      <c r="N652901" s="10"/>
    </row>
    <row r="652902" spans="14:14">
      <c r="N652902" s="10"/>
    </row>
    <row r="652903" spans="14:14">
      <c r="N652903" s="10"/>
    </row>
    <row r="652904" spans="14:14">
      <c r="N652904" s="10"/>
    </row>
    <row r="652905" spans="14:14">
      <c r="N652905" s="10"/>
    </row>
    <row r="652906" spans="14:14">
      <c r="N652906" s="10"/>
    </row>
    <row r="652907" spans="14:14">
      <c r="N652907" s="10"/>
    </row>
    <row r="652908" spans="14:14">
      <c r="N652908" s="10"/>
    </row>
    <row r="652909" spans="14:14">
      <c r="N652909" s="10"/>
    </row>
    <row r="652910" spans="14:14">
      <c r="N652910" s="10"/>
    </row>
    <row r="652911" spans="14:14">
      <c r="N652911" s="10"/>
    </row>
    <row r="652912" spans="14:14">
      <c r="N652912" s="10"/>
    </row>
    <row r="652913" spans="14:14">
      <c r="N652913" s="10"/>
    </row>
    <row r="652914" spans="14:14">
      <c r="N652914" s="10"/>
    </row>
    <row r="652915" spans="14:14">
      <c r="N652915" s="10"/>
    </row>
    <row r="652916" spans="14:14">
      <c r="N652916" s="10"/>
    </row>
    <row r="652917" spans="14:14">
      <c r="N652917" s="10"/>
    </row>
    <row r="652918" spans="14:14">
      <c r="N652918" s="10"/>
    </row>
    <row r="652919" spans="14:14">
      <c r="N652919" s="10"/>
    </row>
    <row r="652920" spans="14:14">
      <c r="N652920" s="10"/>
    </row>
    <row r="652921" spans="14:14">
      <c r="N652921" s="10"/>
    </row>
    <row r="652922" spans="14:14">
      <c r="N652922" s="10"/>
    </row>
    <row r="652923" spans="14:14">
      <c r="N652923" s="10"/>
    </row>
    <row r="652924" spans="14:14">
      <c r="N652924" s="10"/>
    </row>
    <row r="652925" spans="14:14">
      <c r="N652925" s="10"/>
    </row>
    <row r="652926" spans="14:14">
      <c r="N652926" s="10"/>
    </row>
    <row r="652927" spans="14:14">
      <c r="N652927" s="10"/>
    </row>
    <row r="652928" spans="14:14">
      <c r="N652928" s="10"/>
    </row>
    <row r="652929" spans="14:14">
      <c r="N652929" s="10"/>
    </row>
    <row r="652930" spans="14:14">
      <c r="N652930" s="10"/>
    </row>
    <row r="652931" spans="14:14">
      <c r="N652931" s="10"/>
    </row>
    <row r="652932" spans="14:14">
      <c r="N652932" s="10"/>
    </row>
    <row r="652933" spans="14:14">
      <c r="N652933" s="10"/>
    </row>
    <row r="652934" spans="14:14">
      <c r="N652934" s="10"/>
    </row>
    <row r="652935" spans="14:14">
      <c r="N652935" s="10"/>
    </row>
    <row r="652936" spans="14:14">
      <c r="N652936" s="10"/>
    </row>
    <row r="652937" spans="14:14">
      <c r="N652937" s="10"/>
    </row>
    <row r="652938" spans="14:14">
      <c r="N652938" s="10"/>
    </row>
    <row r="652939" spans="14:14">
      <c r="N652939" s="10"/>
    </row>
    <row r="652940" spans="14:14">
      <c r="N652940" s="10"/>
    </row>
    <row r="652941" spans="14:14">
      <c r="N652941" s="10"/>
    </row>
    <row r="652942" spans="14:14">
      <c r="N652942" s="10"/>
    </row>
    <row r="652943" spans="14:14">
      <c r="N652943" s="10"/>
    </row>
    <row r="652944" spans="14:14">
      <c r="N652944" s="10"/>
    </row>
    <row r="652945" spans="14:14">
      <c r="N652945" s="10"/>
    </row>
    <row r="652946" spans="14:14">
      <c r="N652946" s="10"/>
    </row>
    <row r="652947" spans="14:14">
      <c r="N652947" s="10"/>
    </row>
    <row r="652948" spans="14:14">
      <c r="N652948" s="10"/>
    </row>
    <row r="652949" spans="14:14">
      <c r="N652949" s="10"/>
    </row>
    <row r="652950" spans="14:14">
      <c r="N652950" s="10"/>
    </row>
    <row r="652951" spans="14:14">
      <c r="N652951" s="10"/>
    </row>
    <row r="652952" spans="14:14">
      <c r="N652952" s="10"/>
    </row>
    <row r="652953" spans="14:14">
      <c r="N652953" s="10"/>
    </row>
    <row r="652954" spans="14:14">
      <c r="N652954" s="10"/>
    </row>
    <row r="652955" spans="14:14">
      <c r="N652955" s="10"/>
    </row>
    <row r="652956" spans="14:14">
      <c r="N652956" s="10"/>
    </row>
    <row r="652957" spans="14:14">
      <c r="N652957" s="10"/>
    </row>
    <row r="652958" spans="14:14">
      <c r="N652958" s="10"/>
    </row>
    <row r="652959" spans="14:14">
      <c r="N652959" s="10"/>
    </row>
    <row r="652960" spans="14:14">
      <c r="N652960" s="10"/>
    </row>
    <row r="652961" spans="14:14">
      <c r="N652961" s="10"/>
    </row>
    <row r="652962" spans="14:14">
      <c r="N652962" s="10"/>
    </row>
    <row r="652963" spans="14:14">
      <c r="N652963" s="10"/>
    </row>
    <row r="652964" spans="14:14">
      <c r="N652964" s="10"/>
    </row>
    <row r="652965" spans="14:14">
      <c r="N652965" s="10"/>
    </row>
    <row r="652966" spans="14:14">
      <c r="N652966" s="10"/>
    </row>
    <row r="652967" spans="14:14">
      <c r="N652967" s="10"/>
    </row>
    <row r="652968" spans="14:14">
      <c r="N652968" s="10"/>
    </row>
    <row r="652969" spans="14:14">
      <c r="N652969" s="10"/>
    </row>
    <row r="652970" spans="14:14">
      <c r="N652970" s="10"/>
    </row>
    <row r="652971" spans="14:14">
      <c r="N652971" s="10"/>
    </row>
    <row r="652972" spans="14:14">
      <c r="N652972" s="10"/>
    </row>
    <row r="652973" spans="14:14">
      <c r="N652973" s="10"/>
    </row>
    <row r="652974" spans="14:14">
      <c r="N652974" s="10"/>
    </row>
    <row r="652975" spans="14:14">
      <c r="N652975" s="10"/>
    </row>
    <row r="652976" spans="14:14">
      <c r="N652976" s="10"/>
    </row>
    <row r="652977" spans="14:14">
      <c r="N652977" s="10"/>
    </row>
    <row r="652978" spans="14:14">
      <c r="N652978" s="10"/>
    </row>
    <row r="652979" spans="14:14">
      <c r="N652979" s="10"/>
    </row>
    <row r="652980" spans="14:14">
      <c r="N652980" s="10"/>
    </row>
    <row r="652981" spans="14:14">
      <c r="N652981" s="10"/>
    </row>
    <row r="652982" spans="14:14">
      <c r="N652982" s="10"/>
    </row>
    <row r="652983" spans="14:14">
      <c r="N652983" s="10"/>
    </row>
    <row r="652984" spans="14:14">
      <c r="N652984" s="10"/>
    </row>
    <row r="652985" spans="14:14">
      <c r="N652985" s="10"/>
    </row>
    <row r="652986" spans="14:14">
      <c r="N652986" s="10"/>
    </row>
    <row r="652987" spans="14:14">
      <c r="N652987" s="10"/>
    </row>
    <row r="652988" spans="14:14">
      <c r="N652988" s="10"/>
    </row>
    <row r="652989" spans="14:14">
      <c r="N652989" s="10"/>
    </row>
    <row r="652990" spans="14:14">
      <c r="N652990" s="10"/>
    </row>
    <row r="652991" spans="14:14">
      <c r="N652991" s="10"/>
    </row>
    <row r="652992" spans="14:14">
      <c r="N652992" s="10"/>
    </row>
    <row r="652993" spans="14:14">
      <c r="N652993" s="10"/>
    </row>
    <row r="652994" spans="14:14">
      <c r="N652994" s="10"/>
    </row>
    <row r="652995" spans="14:14">
      <c r="N652995" s="10"/>
    </row>
    <row r="652996" spans="14:14">
      <c r="N652996" s="10"/>
    </row>
    <row r="652997" spans="14:14">
      <c r="N652997" s="10"/>
    </row>
    <row r="652998" spans="14:14">
      <c r="N652998" s="10"/>
    </row>
    <row r="652999" spans="14:14">
      <c r="N652999" s="10"/>
    </row>
    <row r="653000" spans="14:14">
      <c r="N653000" s="10"/>
    </row>
    <row r="653001" spans="14:14">
      <c r="N653001" s="10"/>
    </row>
    <row r="653002" spans="14:14">
      <c r="N653002" s="10"/>
    </row>
    <row r="653003" spans="14:14">
      <c r="N653003" s="10"/>
    </row>
    <row r="653004" spans="14:14">
      <c r="N653004" s="10"/>
    </row>
    <row r="653005" spans="14:14">
      <c r="N653005" s="10"/>
    </row>
    <row r="653006" spans="14:14">
      <c r="N653006" s="10"/>
    </row>
    <row r="653007" spans="14:14">
      <c r="N653007" s="10"/>
    </row>
    <row r="653008" spans="14:14">
      <c r="N653008" s="10"/>
    </row>
    <row r="653009" spans="14:14">
      <c r="N653009" s="10"/>
    </row>
    <row r="653010" spans="14:14">
      <c r="N653010" s="10"/>
    </row>
    <row r="653011" spans="14:14">
      <c r="N653011" s="10"/>
    </row>
    <row r="653012" spans="14:14">
      <c r="N653012" s="10"/>
    </row>
    <row r="653013" spans="14:14">
      <c r="N653013" s="10"/>
    </row>
    <row r="653014" spans="14:14">
      <c r="N653014" s="10"/>
    </row>
    <row r="653015" spans="14:14">
      <c r="N653015" s="10"/>
    </row>
    <row r="653016" spans="14:14">
      <c r="N653016" s="10"/>
    </row>
    <row r="653017" spans="14:14">
      <c r="N653017" s="10"/>
    </row>
    <row r="653018" spans="14:14">
      <c r="N653018" s="10"/>
    </row>
    <row r="653019" spans="14:14">
      <c r="N653019" s="10"/>
    </row>
    <row r="653020" spans="14:14">
      <c r="N653020" s="10"/>
    </row>
    <row r="653021" spans="14:14">
      <c r="N653021" s="10"/>
    </row>
    <row r="653022" spans="14:14">
      <c r="N653022" s="10"/>
    </row>
    <row r="653023" spans="14:14">
      <c r="N653023" s="10"/>
    </row>
    <row r="653024" spans="14:14">
      <c r="N653024" s="10"/>
    </row>
    <row r="653025" spans="14:14">
      <c r="N653025" s="10"/>
    </row>
    <row r="653026" spans="14:14">
      <c r="N653026" s="10"/>
    </row>
    <row r="653027" spans="14:14">
      <c r="N653027" s="10"/>
    </row>
    <row r="653028" spans="14:14">
      <c r="N653028" s="10"/>
    </row>
    <row r="653029" spans="14:14">
      <c r="N653029" s="10"/>
    </row>
    <row r="653030" spans="14:14">
      <c r="N653030" s="10"/>
    </row>
    <row r="653031" spans="14:14">
      <c r="N653031" s="10"/>
    </row>
    <row r="653032" spans="14:14">
      <c r="N653032" s="10"/>
    </row>
    <row r="653033" spans="14:14">
      <c r="N653033" s="10"/>
    </row>
    <row r="653034" spans="14:14">
      <c r="N653034" s="10"/>
    </row>
    <row r="653035" spans="14:14">
      <c r="N653035" s="10"/>
    </row>
    <row r="653036" spans="14:14">
      <c r="N653036" s="10"/>
    </row>
    <row r="653037" spans="14:14">
      <c r="N653037" s="10"/>
    </row>
    <row r="653038" spans="14:14">
      <c r="N653038" s="10"/>
    </row>
    <row r="653039" spans="14:14">
      <c r="N653039" s="10"/>
    </row>
    <row r="653040" spans="14:14">
      <c r="N653040" s="10"/>
    </row>
    <row r="653041" spans="14:14">
      <c r="N653041" s="10"/>
    </row>
    <row r="653042" spans="14:14">
      <c r="N653042" s="10"/>
    </row>
    <row r="653043" spans="14:14">
      <c r="N653043" s="10"/>
    </row>
    <row r="653044" spans="14:14">
      <c r="N653044" s="10"/>
    </row>
    <row r="653045" spans="14:14">
      <c r="N653045" s="10"/>
    </row>
    <row r="653046" spans="14:14">
      <c r="N653046" s="10"/>
    </row>
    <row r="653047" spans="14:14">
      <c r="N653047" s="10"/>
    </row>
    <row r="653048" spans="14:14">
      <c r="N653048" s="10"/>
    </row>
    <row r="653049" spans="14:14">
      <c r="N653049" s="10"/>
    </row>
    <row r="653050" spans="14:14">
      <c r="N653050" s="10"/>
    </row>
    <row r="653051" spans="14:14">
      <c r="N653051" s="10"/>
    </row>
    <row r="653052" spans="14:14">
      <c r="N653052" s="10"/>
    </row>
    <row r="653053" spans="14:14">
      <c r="N653053" s="10"/>
    </row>
    <row r="653054" spans="14:14">
      <c r="N653054" s="10"/>
    </row>
    <row r="653055" spans="14:14">
      <c r="N653055" s="10"/>
    </row>
    <row r="653056" spans="14:14">
      <c r="N653056" s="10"/>
    </row>
    <row r="653057" spans="14:14">
      <c r="N653057" s="10"/>
    </row>
    <row r="653058" spans="14:14">
      <c r="N653058" s="10"/>
    </row>
    <row r="653059" spans="14:14">
      <c r="N653059" s="10"/>
    </row>
    <row r="653060" spans="14:14">
      <c r="N653060" s="10"/>
    </row>
    <row r="653061" spans="14:14">
      <c r="N653061" s="10"/>
    </row>
    <row r="653062" spans="14:14">
      <c r="N653062" s="10"/>
    </row>
    <row r="653063" spans="14:14">
      <c r="N653063" s="10"/>
    </row>
    <row r="653064" spans="14:14">
      <c r="N653064" s="10"/>
    </row>
    <row r="653065" spans="14:14">
      <c r="N653065" s="10"/>
    </row>
    <row r="653066" spans="14:14">
      <c r="N653066" s="10"/>
    </row>
    <row r="653067" spans="14:14">
      <c r="N653067" s="10"/>
    </row>
    <row r="653068" spans="14:14">
      <c r="N653068" s="10"/>
    </row>
    <row r="653069" spans="14:14">
      <c r="N653069" s="10"/>
    </row>
    <row r="653070" spans="14:14">
      <c r="N653070" s="10"/>
    </row>
    <row r="653071" spans="14:14">
      <c r="N653071" s="10"/>
    </row>
    <row r="653072" spans="14:14">
      <c r="N653072" s="10"/>
    </row>
    <row r="653073" spans="14:14">
      <c r="N653073" s="10"/>
    </row>
    <row r="653074" spans="14:14">
      <c r="N653074" s="10"/>
    </row>
    <row r="653075" spans="14:14">
      <c r="N653075" s="10"/>
    </row>
    <row r="653076" spans="14:14">
      <c r="N653076" s="10"/>
    </row>
    <row r="653077" spans="14:14">
      <c r="N653077" s="10"/>
    </row>
    <row r="653078" spans="14:14">
      <c r="N653078" s="10"/>
    </row>
    <row r="653079" spans="14:14">
      <c r="N653079" s="10"/>
    </row>
    <row r="653080" spans="14:14">
      <c r="N653080" s="10"/>
    </row>
    <row r="653081" spans="14:14">
      <c r="N653081" s="10"/>
    </row>
    <row r="653082" spans="14:14">
      <c r="N653082" s="10"/>
    </row>
    <row r="653083" spans="14:14">
      <c r="N653083" s="10"/>
    </row>
    <row r="653084" spans="14:14">
      <c r="N653084" s="10"/>
    </row>
    <row r="653085" spans="14:14">
      <c r="N653085" s="10"/>
    </row>
    <row r="653086" spans="14:14">
      <c r="N653086" s="10"/>
    </row>
    <row r="653087" spans="14:14">
      <c r="N653087" s="10"/>
    </row>
    <row r="653088" spans="14:14">
      <c r="N653088" s="10"/>
    </row>
    <row r="653089" spans="14:14">
      <c r="N653089" s="10"/>
    </row>
    <row r="653090" spans="14:14">
      <c r="N653090" s="10"/>
    </row>
    <row r="653091" spans="14:14">
      <c r="N653091" s="10"/>
    </row>
    <row r="653092" spans="14:14">
      <c r="N653092" s="10"/>
    </row>
    <row r="653093" spans="14:14">
      <c r="N653093" s="10"/>
    </row>
    <row r="653094" spans="14:14">
      <c r="N653094" s="10"/>
    </row>
    <row r="653095" spans="14:14">
      <c r="N653095" s="10"/>
    </row>
    <row r="653096" spans="14:14">
      <c r="N653096" s="10"/>
    </row>
    <row r="653097" spans="14:14">
      <c r="N653097" s="10"/>
    </row>
    <row r="653098" spans="14:14">
      <c r="N653098" s="10"/>
    </row>
    <row r="653099" spans="14:14">
      <c r="N653099" s="10"/>
    </row>
    <row r="653100" spans="14:14">
      <c r="N653100" s="10"/>
    </row>
    <row r="653101" spans="14:14">
      <c r="N653101" s="10"/>
    </row>
    <row r="653102" spans="14:14">
      <c r="N653102" s="10"/>
    </row>
    <row r="653103" spans="14:14">
      <c r="N653103" s="10"/>
    </row>
    <row r="653104" spans="14:14">
      <c r="N653104" s="10"/>
    </row>
    <row r="653105" spans="14:14">
      <c r="N653105" s="10"/>
    </row>
    <row r="653106" spans="14:14">
      <c r="N653106" s="10"/>
    </row>
    <row r="653107" spans="14:14">
      <c r="N653107" s="10"/>
    </row>
    <row r="653108" spans="14:14">
      <c r="N653108" s="10"/>
    </row>
    <row r="653109" spans="14:14">
      <c r="N653109" s="10"/>
    </row>
    <row r="653110" spans="14:14">
      <c r="N653110" s="10"/>
    </row>
    <row r="653111" spans="14:14">
      <c r="N653111" s="10"/>
    </row>
    <row r="653112" spans="14:14">
      <c r="N653112" s="10"/>
    </row>
    <row r="653113" spans="14:14">
      <c r="N653113" s="10"/>
    </row>
    <row r="653114" spans="14:14">
      <c r="N653114" s="10"/>
    </row>
    <row r="653115" spans="14:14">
      <c r="N653115" s="10"/>
    </row>
    <row r="653116" spans="14:14">
      <c r="N653116" s="10"/>
    </row>
    <row r="653117" spans="14:14">
      <c r="N653117" s="10"/>
    </row>
    <row r="653118" spans="14:14">
      <c r="N653118" s="10"/>
    </row>
    <row r="653119" spans="14:14">
      <c r="N653119" s="10"/>
    </row>
    <row r="653120" spans="14:14">
      <c r="N653120" s="10"/>
    </row>
    <row r="653121" spans="14:14">
      <c r="N653121" s="10"/>
    </row>
    <row r="653122" spans="14:14">
      <c r="N653122" s="10"/>
    </row>
    <row r="653123" spans="14:14">
      <c r="N653123" s="10"/>
    </row>
    <row r="653124" spans="14:14">
      <c r="N653124" s="10"/>
    </row>
    <row r="653125" spans="14:14">
      <c r="N653125" s="10"/>
    </row>
    <row r="653126" spans="14:14">
      <c r="N653126" s="10"/>
    </row>
    <row r="653127" spans="14:14">
      <c r="N653127" s="10"/>
    </row>
    <row r="653128" spans="14:14">
      <c r="N653128" s="10"/>
    </row>
    <row r="653129" spans="14:14">
      <c r="N653129" s="10"/>
    </row>
    <row r="653130" spans="14:14">
      <c r="N653130" s="10"/>
    </row>
    <row r="653131" spans="14:14">
      <c r="N653131" s="10"/>
    </row>
    <row r="653132" spans="14:14">
      <c r="N653132" s="10"/>
    </row>
    <row r="653133" spans="14:14">
      <c r="N653133" s="10"/>
    </row>
    <row r="653134" spans="14:14">
      <c r="N653134" s="10"/>
    </row>
    <row r="653135" spans="14:14">
      <c r="N653135" s="10"/>
    </row>
    <row r="653136" spans="14:14">
      <c r="N653136" s="10"/>
    </row>
    <row r="653137" spans="14:14">
      <c r="N653137" s="10"/>
    </row>
    <row r="653138" spans="14:14">
      <c r="N653138" s="10"/>
    </row>
    <row r="653139" spans="14:14">
      <c r="N653139" s="10"/>
    </row>
    <row r="653140" spans="14:14">
      <c r="N653140" s="10"/>
    </row>
    <row r="653141" spans="14:14">
      <c r="N653141" s="10"/>
    </row>
    <row r="653142" spans="14:14">
      <c r="N653142" s="10"/>
    </row>
    <row r="653143" spans="14:14">
      <c r="N653143" s="10"/>
    </row>
    <row r="653144" spans="14:14">
      <c r="N653144" s="10"/>
    </row>
    <row r="653145" spans="14:14">
      <c r="N653145" s="10"/>
    </row>
    <row r="653146" spans="14:14">
      <c r="N653146" s="10"/>
    </row>
    <row r="653147" spans="14:14">
      <c r="N653147" s="10"/>
    </row>
    <row r="653148" spans="14:14">
      <c r="N653148" s="10"/>
    </row>
    <row r="653149" spans="14:14">
      <c r="N653149" s="10"/>
    </row>
    <row r="653150" spans="14:14">
      <c r="N653150" s="10"/>
    </row>
    <row r="653151" spans="14:14">
      <c r="N653151" s="10"/>
    </row>
    <row r="653152" spans="14:14">
      <c r="N653152" s="10"/>
    </row>
    <row r="653153" spans="14:14">
      <c r="N653153" s="10"/>
    </row>
    <row r="653154" spans="14:14">
      <c r="N653154" s="10"/>
    </row>
    <row r="653155" spans="14:14">
      <c r="N653155" s="10"/>
    </row>
    <row r="653156" spans="14:14">
      <c r="N653156" s="10"/>
    </row>
    <row r="653157" spans="14:14">
      <c r="N653157" s="10"/>
    </row>
    <row r="653158" spans="14:14">
      <c r="N653158" s="10"/>
    </row>
    <row r="653159" spans="14:14">
      <c r="N653159" s="10"/>
    </row>
    <row r="653160" spans="14:14">
      <c r="N653160" s="10"/>
    </row>
    <row r="653161" spans="14:14">
      <c r="N653161" s="10"/>
    </row>
    <row r="653162" spans="14:14">
      <c r="N653162" s="10"/>
    </row>
    <row r="653163" spans="14:14">
      <c r="N653163" s="10"/>
    </row>
    <row r="653164" spans="14:14">
      <c r="N653164" s="10"/>
    </row>
    <row r="653165" spans="14:14">
      <c r="N653165" s="10"/>
    </row>
    <row r="653166" spans="14:14">
      <c r="N653166" s="10"/>
    </row>
    <row r="653167" spans="14:14">
      <c r="N653167" s="10"/>
    </row>
    <row r="653168" spans="14:14">
      <c r="N653168" s="10"/>
    </row>
    <row r="653169" spans="14:14">
      <c r="N653169" s="10"/>
    </row>
    <row r="653170" spans="14:14">
      <c r="N653170" s="10"/>
    </row>
    <row r="653171" spans="14:14">
      <c r="N653171" s="10"/>
    </row>
    <row r="653172" spans="14:14">
      <c r="N653172" s="10"/>
    </row>
    <row r="653173" spans="14:14">
      <c r="N653173" s="10"/>
    </row>
    <row r="653174" spans="14:14">
      <c r="N653174" s="10"/>
    </row>
    <row r="653175" spans="14:14">
      <c r="N653175" s="10"/>
    </row>
    <row r="653176" spans="14:14">
      <c r="N653176" s="10"/>
    </row>
    <row r="653177" spans="14:14">
      <c r="N653177" s="10"/>
    </row>
    <row r="653178" spans="14:14">
      <c r="N653178" s="10"/>
    </row>
    <row r="653179" spans="14:14">
      <c r="N653179" s="10"/>
    </row>
    <row r="653180" spans="14:14">
      <c r="N653180" s="10"/>
    </row>
    <row r="653181" spans="14:14">
      <c r="N653181" s="10"/>
    </row>
    <row r="653182" spans="14:14">
      <c r="N653182" s="10"/>
    </row>
    <row r="653183" spans="14:14">
      <c r="N653183" s="10"/>
    </row>
    <row r="653184" spans="14:14">
      <c r="N653184" s="10"/>
    </row>
    <row r="653185" spans="14:14">
      <c r="N653185" s="10"/>
    </row>
    <row r="653186" spans="14:14">
      <c r="N653186" s="10"/>
    </row>
    <row r="653187" spans="14:14">
      <c r="N653187" s="10"/>
    </row>
    <row r="653188" spans="14:14">
      <c r="N653188" s="10"/>
    </row>
    <row r="653189" spans="14:14">
      <c r="N653189" s="10"/>
    </row>
    <row r="653190" spans="14:14">
      <c r="N653190" s="10"/>
    </row>
    <row r="653191" spans="14:14">
      <c r="N653191" s="10"/>
    </row>
    <row r="653192" spans="14:14">
      <c r="N653192" s="10"/>
    </row>
    <row r="653193" spans="14:14">
      <c r="N653193" s="10"/>
    </row>
    <row r="653194" spans="14:14">
      <c r="N653194" s="10"/>
    </row>
    <row r="653195" spans="14:14">
      <c r="N653195" s="10"/>
    </row>
    <row r="653196" spans="14:14">
      <c r="N653196" s="10"/>
    </row>
    <row r="653197" spans="14:14">
      <c r="N653197" s="10"/>
    </row>
    <row r="653198" spans="14:14">
      <c r="N653198" s="10"/>
    </row>
    <row r="653199" spans="14:14">
      <c r="N653199" s="10"/>
    </row>
    <row r="653200" spans="14:14">
      <c r="N653200" s="10"/>
    </row>
    <row r="653201" spans="14:14">
      <c r="N653201" s="10"/>
    </row>
    <row r="653202" spans="14:14">
      <c r="N653202" s="10"/>
    </row>
    <row r="653203" spans="14:14">
      <c r="N653203" s="10"/>
    </row>
    <row r="653204" spans="14:14">
      <c r="N653204" s="10"/>
    </row>
    <row r="653205" spans="14:14">
      <c r="N653205" s="10"/>
    </row>
    <row r="653206" spans="14:14">
      <c r="N653206" s="10"/>
    </row>
    <row r="653207" spans="14:14">
      <c r="N653207" s="10"/>
    </row>
    <row r="653208" spans="14:14">
      <c r="N653208" s="10"/>
    </row>
    <row r="653209" spans="14:14">
      <c r="N653209" s="10"/>
    </row>
    <row r="653210" spans="14:14">
      <c r="N653210" s="10"/>
    </row>
    <row r="653211" spans="14:14">
      <c r="N653211" s="10"/>
    </row>
    <row r="653212" spans="14:14">
      <c r="N653212" s="10"/>
    </row>
    <row r="653213" spans="14:14">
      <c r="N653213" s="10"/>
    </row>
    <row r="653214" spans="14:14">
      <c r="N653214" s="10"/>
    </row>
    <row r="653215" spans="14:14">
      <c r="N653215" s="10"/>
    </row>
    <row r="653216" spans="14:14">
      <c r="N653216" s="10"/>
    </row>
    <row r="653217" spans="14:14">
      <c r="N653217" s="10"/>
    </row>
    <row r="653218" spans="14:14">
      <c r="N653218" s="10"/>
    </row>
    <row r="653219" spans="14:14">
      <c r="N653219" s="10"/>
    </row>
    <row r="653220" spans="14:14">
      <c r="N653220" s="10"/>
    </row>
    <row r="653221" spans="14:14">
      <c r="N653221" s="10"/>
    </row>
    <row r="653222" spans="14:14">
      <c r="N653222" s="10"/>
    </row>
    <row r="653223" spans="14:14">
      <c r="N653223" s="10"/>
    </row>
    <row r="653224" spans="14:14">
      <c r="N653224" s="10"/>
    </row>
    <row r="653225" spans="14:14">
      <c r="N653225" s="10"/>
    </row>
    <row r="653226" spans="14:14">
      <c r="N653226" s="10"/>
    </row>
    <row r="653227" spans="14:14">
      <c r="N653227" s="10"/>
    </row>
    <row r="653228" spans="14:14">
      <c r="N653228" s="10"/>
    </row>
    <row r="653229" spans="14:14">
      <c r="N653229" s="10"/>
    </row>
    <row r="653230" spans="14:14">
      <c r="N653230" s="10"/>
    </row>
    <row r="653231" spans="14:14">
      <c r="N653231" s="10"/>
    </row>
    <row r="653232" spans="14:14">
      <c r="N653232" s="10"/>
    </row>
    <row r="653233" spans="14:14">
      <c r="N653233" s="10"/>
    </row>
    <row r="653234" spans="14:14">
      <c r="N653234" s="10"/>
    </row>
    <row r="653235" spans="14:14">
      <c r="N653235" s="10"/>
    </row>
    <row r="653236" spans="14:14">
      <c r="N653236" s="10"/>
    </row>
    <row r="653237" spans="14:14">
      <c r="N653237" s="10"/>
    </row>
    <row r="653238" spans="14:14">
      <c r="N653238" s="10"/>
    </row>
    <row r="653239" spans="14:14">
      <c r="N653239" s="10"/>
    </row>
    <row r="653240" spans="14:14">
      <c r="N653240" s="10"/>
    </row>
    <row r="653241" spans="14:14">
      <c r="N653241" s="10"/>
    </row>
    <row r="653242" spans="14:14">
      <c r="N653242" s="10"/>
    </row>
    <row r="653243" spans="14:14">
      <c r="N653243" s="10"/>
    </row>
    <row r="653244" spans="14:14">
      <c r="N653244" s="10"/>
    </row>
    <row r="653245" spans="14:14">
      <c r="N653245" s="10"/>
    </row>
    <row r="653246" spans="14:14">
      <c r="N653246" s="10"/>
    </row>
    <row r="653247" spans="14:14">
      <c r="N653247" s="10"/>
    </row>
    <row r="653248" spans="14:14">
      <c r="N653248" s="10"/>
    </row>
    <row r="653249" spans="14:14">
      <c r="N653249" s="10"/>
    </row>
    <row r="653250" spans="14:14">
      <c r="N653250" s="10"/>
    </row>
    <row r="653251" spans="14:14">
      <c r="N653251" s="10"/>
    </row>
    <row r="653252" spans="14:14">
      <c r="N653252" s="10"/>
    </row>
    <row r="653253" spans="14:14">
      <c r="N653253" s="10"/>
    </row>
    <row r="653254" spans="14:14">
      <c r="N653254" s="10"/>
    </row>
    <row r="653255" spans="14:14">
      <c r="N653255" s="10"/>
    </row>
    <row r="653256" spans="14:14">
      <c r="N653256" s="10"/>
    </row>
    <row r="653257" spans="14:14">
      <c r="N653257" s="10"/>
    </row>
    <row r="653258" spans="14:14">
      <c r="N653258" s="10"/>
    </row>
    <row r="653259" spans="14:14">
      <c r="N653259" s="10"/>
    </row>
    <row r="653260" spans="14:14">
      <c r="N653260" s="10"/>
    </row>
    <row r="653261" spans="14:14">
      <c r="N653261" s="10"/>
    </row>
    <row r="653262" spans="14:14">
      <c r="N653262" s="10"/>
    </row>
    <row r="653263" spans="14:14">
      <c r="N653263" s="10"/>
    </row>
    <row r="653264" spans="14:14">
      <c r="N653264" s="10"/>
    </row>
    <row r="653265" spans="14:14">
      <c r="N653265" s="10"/>
    </row>
    <row r="653266" spans="14:14">
      <c r="N653266" s="10"/>
    </row>
    <row r="653267" spans="14:14">
      <c r="N653267" s="10"/>
    </row>
    <row r="653268" spans="14:14">
      <c r="N653268" s="10"/>
    </row>
    <row r="653269" spans="14:14">
      <c r="N653269" s="10"/>
    </row>
    <row r="653270" spans="14:14">
      <c r="N653270" s="10"/>
    </row>
    <row r="653271" spans="14:14">
      <c r="N653271" s="10"/>
    </row>
    <row r="653272" spans="14:14">
      <c r="N653272" s="10"/>
    </row>
    <row r="653273" spans="14:14">
      <c r="N653273" s="10"/>
    </row>
    <row r="653274" spans="14:14">
      <c r="N653274" s="10"/>
    </row>
    <row r="653275" spans="14:14">
      <c r="N653275" s="10"/>
    </row>
    <row r="653276" spans="14:14">
      <c r="N653276" s="10"/>
    </row>
    <row r="653277" spans="14:14">
      <c r="N653277" s="10"/>
    </row>
    <row r="653278" spans="14:14">
      <c r="N653278" s="10"/>
    </row>
    <row r="653279" spans="14:14">
      <c r="N653279" s="10"/>
    </row>
    <row r="653280" spans="14:14">
      <c r="N653280" s="10"/>
    </row>
    <row r="653281" spans="14:14">
      <c r="N653281" s="10"/>
    </row>
    <row r="653282" spans="14:14">
      <c r="N653282" s="10"/>
    </row>
    <row r="653283" spans="14:14">
      <c r="N653283" s="10"/>
    </row>
    <row r="653284" spans="14:14">
      <c r="N653284" s="10"/>
    </row>
    <row r="653285" spans="14:14">
      <c r="N653285" s="10"/>
    </row>
    <row r="653286" spans="14:14">
      <c r="N653286" s="10"/>
    </row>
    <row r="653287" spans="14:14">
      <c r="N653287" s="10"/>
    </row>
    <row r="653288" spans="14:14">
      <c r="N653288" s="10"/>
    </row>
    <row r="653289" spans="14:14">
      <c r="N653289" s="10"/>
    </row>
    <row r="653290" spans="14:14">
      <c r="N653290" s="10"/>
    </row>
    <row r="653291" spans="14:14">
      <c r="N653291" s="10"/>
    </row>
    <row r="653292" spans="14:14">
      <c r="N653292" s="10"/>
    </row>
    <row r="653293" spans="14:14">
      <c r="N653293" s="10"/>
    </row>
    <row r="653294" spans="14:14">
      <c r="N653294" s="10"/>
    </row>
    <row r="653295" spans="14:14">
      <c r="N653295" s="10"/>
    </row>
    <row r="653296" spans="14:14">
      <c r="N653296" s="10"/>
    </row>
    <row r="653297" spans="14:14">
      <c r="N653297" s="10"/>
    </row>
    <row r="653298" spans="14:14">
      <c r="N653298" s="10"/>
    </row>
    <row r="653299" spans="14:14">
      <c r="N653299" s="10"/>
    </row>
    <row r="653300" spans="14:14">
      <c r="N653300" s="10"/>
    </row>
    <row r="653301" spans="14:14">
      <c r="N653301" s="10"/>
    </row>
    <row r="653302" spans="14:14">
      <c r="N653302" s="10"/>
    </row>
    <row r="653303" spans="14:14">
      <c r="N653303" s="10"/>
    </row>
    <row r="653304" spans="14:14">
      <c r="N653304" s="10"/>
    </row>
    <row r="653305" spans="14:14">
      <c r="N653305" s="10"/>
    </row>
    <row r="653306" spans="14:14">
      <c r="N653306" s="10"/>
    </row>
    <row r="653307" spans="14:14">
      <c r="N653307" s="10"/>
    </row>
    <row r="653308" spans="14:14">
      <c r="N653308" s="10"/>
    </row>
    <row r="653309" spans="14:14">
      <c r="N653309" s="10"/>
    </row>
    <row r="653310" spans="14:14">
      <c r="N653310" s="10"/>
    </row>
    <row r="653311" spans="14:14">
      <c r="N653311" s="10"/>
    </row>
    <row r="653312" spans="14:14">
      <c r="N653312" s="10"/>
    </row>
    <row r="653313" spans="14:14">
      <c r="N653313" s="10"/>
    </row>
    <row r="653314" spans="14:14">
      <c r="N653314" s="10"/>
    </row>
    <row r="653315" spans="14:14">
      <c r="N653315" s="10"/>
    </row>
    <row r="653316" spans="14:14">
      <c r="N653316" s="10"/>
    </row>
    <row r="653317" spans="14:14">
      <c r="N653317" s="10"/>
    </row>
    <row r="653318" spans="14:14">
      <c r="N653318" s="10"/>
    </row>
    <row r="653319" spans="14:14">
      <c r="N653319" s="10"/>
    </row>
    <row r="653320" spans="14:14">
      <c r="N653320" s="10"/>
    </row>
    <row r="653321" spans="14:14">
      <c r="N653321" s="10"/>
    </row>
    <row r="653322" spans="14:14">
      <c r="N653322" s="10"/>
    </row>
    <row r="653323" spans="14:14">
      <c r="N653323" s="10"/>
    </row>
    <row r="653324" spans="14:14">
      <c r="N653324" s="10"/>
    </row>
    <row r="653325" spans="14:14">
      <c r="N653325" s="10"/>
    </row>
    <row r="653326" spans="14:14">
      <c r="N653326" s="10"/>
    </row>
    <row r="653327" spans="14:14">
      <c r="N653327" s="10"/>
    </row>
    <row r="653328" spans="14:14">
      <c r="N653328" s="10"/>
    </row>
    <row r="653329" spans="14:14">
      <c r="N653329" s="10"/>
    </row>
    <row r="653330" spans="14:14">
      <c r="N653330" s="10"/>
    </row>
    <row r="653331" spans="14:14">
      <c r="N653331" s="10"/>
    </row>
    <row r="653332" spans="14:14">
      <c r="N653332" s="10"/>
    </row>
    <row r="653333" spans="14:14">
      <c r="N653333" s="10"/>
    </row>
    <row r="653334" spans="14:14">
      <c r="N653334" s="10"/>
    </row>
    <row r="653335" spans="14:14">
      <c r="N653335" s="10"/>
    </row>
    <row r="653336" spans="14:14">
      <c r="N653336" s="10"/>
    </row>
    <row r="653337" spans="14:14">
      <c r="N653337" s="10"/>
    </row>
    <row r="653338" spans="14:14">
      <c r="N653338" s="10"/>
    </row>
    <row r="653339" spans="14:14">
      <c r="N653339" s="10"/>
    </row>
    <row r="653340" spans="14:14">
      <c r="N653340" s="10"/>
    </row>
    <row r="653341" spans="14:14">
      <c r="N653341" s="10"/>
    </row>
    <row r="653342" spans="14:14">
      <c r="N653342" s="10"/>
    </row>
    <row r="653343" spans="14:14">
      <c r="N653343" s="10"/>
    </row>
    <row r="653344" spans="14:14">
      <c r="N653344" s="10"/>
    </row>
    <row r="653345" spans="14:14">
      <c r="N653345" s="10"/>
    </row>
    <row r="653346" spans="14:14">
      <c r="N653346" s="10"/>
    </row>
    <row r="653347" spans="14:14">
      <c r="N653347" s="10"/>
    </row>
    <row r="653348" spans="14:14">
      <c r="N653348" s="10"/>
    </row>
    <row r="653349" spans="14:14">
      <c r="N653349" s="10"/>
    </row>
    <row r="653350" spans="14:14">
      <c r="N653350" s="10"/>
    </row>
    <row r="653351" spans="14:14">
      <c r="N653351" s="10"/>
    </row>
    <row r="653352" spans="14:14">
      <c r="N653352" s="10"/>
    </row>
    <row r="653353" spans="14:14">
      <c r="N653353" s="10"/>
    </row>
    <row r="653354" spans="14:14">
      <c r="N653354" s="10"/>
    </row>
    <row r="653355" spans="14:14">
      <c r="N653355" s="10"/>
    </row>
    <row r="653356" spans="14:14">
      <c r="N653356" s="10"/>
    </row>
    <row r="653357" spans="14:14">
      <c r="N653357" s="10"/>
    </row>
    <row r="653358" spans="14:14">
      <c r="N653358" s="10"/>
    </row>
    <row r="653359" spans="14:14">
      <c r="N653359" s="10"/>
    </row>
    <row r="653360" spans="14:14">
      <c r="N653360" s="10"/>
    </row>
    <row r="653361" spans="14:14">
      <c r="N653361" s="10"/>
    </row>
    <row r="653362" spans="14:14">
      <c r="N653362" s="10"/>
    </row>
    <row r="653363" spans="14:14">
      <c r="N653363" s="10"/>
    </row>
    <row r="653364" spans="14:14">
      <c r="N653364" s="10"/>
    </row>
    <row r="653365" spans="14:14">
      <c r="N653365" s="10"/>
    </row>
    <row r="653366" spans="14:14">
      <c r="N653366" s="10"/>
    </row>
    <row r="653367" spans="14:14">
      <c r="N653367" s="10"/>
    </row>
    <row r="653368" spans="14:14">
      <c r="N653368" s="10"/>
    </row>
    <row r="653369" spans="14:14">
      <c r="N653369" s="10"/>
    </row>
    <row r="653370" spans="14:14">
      <c r="N653370" s="10"/>
    </row>
    <row r="653371" spans="14:14">
      <c r="N653371" s="10"/>
    </row>
    <row r="653372" spans="14:14">
      <c r="N653372" s="10"/>
    </row>
    <row r="653373" spans="14:14">
      <c r="N653373" s="10"/>
    </row>
    <row r="653374" spans="14:14">
      <c r="N653374" s="10"/>
    </row>
    <row r="653375" spans="14:14">
      <c r="N653375" s="10"/>
    </row>
    <row r="653376" spans="14:14">
      <c r="N653376" s="10"/>
    </row>
    <row r="653377" spans="14:14">
      <c r="N653377" s="10"/>
    </row>
    <row r="653378" spans="14:14">
      <c r="N653378" s="10"/>
    </row>
    <row r="653379" spans="14:14">
      <c r="N653379" s="10"/>
    </row>
    <row r="653380" spans="14:14">
      <c r="N653380" s="10"/>
    </row>
    <row r="653381" spans="14:14">
      <c r="N653381" s="10"/>
    </row>
    <row r="653382" spans="14:14">
      <c r="N653382" s="10"/>
    </row>
    <row r="653383" spans="14:14">
      <c r="N653383" s="10"/>
    </row>
    <row r="653384" spans="14:14">
      <c r="N653384" s="10"/>
    </row>
    <row r="653385" spans="14:14">
      <c r="N653385" s="10"/>
    </row>
    <row r="653386" spans="14:14">
      <c r="N653386" s="10"/>
    </row>
    <row r="653387" spans="14:14">
      <c r="N653387" s="10"/>
    </row>
    <row r="653388" spans="14:14">
      <c r="N653388" s="10"/>
    </row>
    <row r="653389" spans="14:14">
      <c r="N653389" s="10"/>
    </row>
    <row r="653390" spans="14:14">
      <c r="N653390" s="10"/>
    </row>
    <row r="653391" spans="14:14">
      <c r="N653391" s="10"/>
    </row>
    <row r="653392" spans="14:14">
      <c r="N653392" s="10"/>
    </row>
    <row r="653393" spans="14:14">
      <c r="N653393" s="10"/>
    </row>
    <row r="653394" spans="14:14">
      <c r="N653394" s="10"/>
    </row>
    <row r="653395" spans="14:14">
      <c r="N653395" s="10"/>
    </row>
    <row r="653396" spans="14:14">
      <c r="N653396" s="10"/>
    </row>
    <row r="653397" spans="14:14">
      <c r="N653397" s="10"/>
    </row>
    <row r="653398" spans="14:14">
      <c r="N653398" s="10"/>
    </row>
    <row r="653399" spans="14:14">
      <c r="N653399" s="10"/>
    </row>
    <row r="653400" spans="14:14">
      <c r="N653400" s="10"/>
    </row>
    <row r="653401" spans="14:14">
      <c r="N653401" s="10"/>
    </row>
    <row r="653402" spans="14:14">
      <c r="N653402" s="10"/>
    </row>
    <row r="653403" spans="14:14">
      <c r="N653403" s="10"/>
    </row>
    <row r="653404" spans="14:14">
      <c r="N653404" s="10"/>
    </row>
    <row r="653405" spans="14:14">
      <c r="N653405" s="10"/>
    </row>
    <row r="653406" spans="14:14">
      <c r="N653406" s="10"/>
    </row>
    <row r="653407" spans="14:14">
      <c r="N653407" s="10"/>
    </row>
    <row r="653408" spans="14:14">
      <c r="N653408" s="10"/>
    </row>
    <row r="653409" spans="14:14">
      <c r="N653409" s="10"/>
    </row>
    <row r="653410" spans="14:14">
      <c r="N653410" s="10"/>
    </row>
    <row r="653411" spans="14:14">
      <c r="N653411" s="10"/>
    </row>
    <row r="653412" spans="14:14">
      <c r="N653412" s="10"/>
    </row>
    <row r="653413" spans="14:14">
      <c r="N653413" s="10"/>
    </row>
    <row r="653414" spans="14:14">
      <c r="N653414" s="10"/>
    </row>
    <row r="653415" spans="14:14">
      <c r="N653415" s="10"/>
    </row>
    <row r="653416" spans="14:14">
      <c r="N653416" s="10"/>
    </row>
    <row r="653417" spans="14:14">
      <c r="N653417" s="10"/>
    </row>
    <row r="653418" spans="14:14">
      <c r="N653418" s="10"/>
    </row>
    <row r="653419" spans="14:14">
      <c r="N653419" s="10"/>
    </row>
    <row r="653420" spans="14:14">
      <c r="N653420" s="10"/>
    </row>
    <row r="653421" spans="14:14">
      <c r="N653421" s="10"/>
    </row>
    <row r="653422" spans="14:14">
      <c r="N653422" s="10"/>
    </row>
    <row r="653423" spans="14:14">
      <c r="N653423" s="10"/>
    </row>
    <row r="653424" spans="14:14">
      <c r="N653424" s="10"/>
    </row>
    <row r="653425" spans="14:14">
      <c r="N653425" s="10"/>
    </row>
    <row r="653426" spans="14:14">
      <c r="N653426" s="10"/>
    </row>
    <row r="653427" spans="14:14">
      <c r="N653427" s="10"/>
    </row>
    <row r="653428" spans="14:14">
      <c r="N653428" s="10"/>
    </row>
    <row r="653429" spans="14:14">
      <c r="N653429" s="10"/>
    </row>
    <row r="653430" spans="14:14">
      <c r="N653430" s="10"/>
    </row>
    <row r="653431" spans="14:14">
      <c r="N653431" s="10"/>
    </row>
    <row r="653432" spans="14:14">
      <c r="N653432" s="10"/>
    </row>
    <row r="653433" spans="14:14">
      <c r="N653433" s="10"/>
    </row>
    <row r="653434" spans="14:14">
      <c r="N653434" s="10"/>
    </row>
    <row r="653435" spans="14:14">
      <c r="N653435" s="10"/>
    </row>
    <row r="653436" spans="14:14">
      <c r="N653436" s="10"/>
    </row>
    <row r="653437" spans="14:14">
      <c r="N653437" s="10"/>
    </row>
    <row r="653438" spans="14:14">
      <c r="N653438" s="10"/>
    </row>
    <row r="653439" spans="14:14">
      <c r="N653439" s="10"/>
    </row>
    <row r="653440" spans="14:14">
      <c r="N653440" s="10"/>
    </row>
    <row r="653441" spans="14:14">
      <c r="N653441" s="10"/>
    </row>
    <row r="653442" spans="14:14">
      <c r="N653442" s="10"/>
    </row>
    <row r="653443" spans="14:14">
      <c r="N653443" s="10"/>
    </row>
    <row r="653444" spans="14:14">
      <c r="N653444" s="10"/>
    </row>
    <row r="653445" spans="14:14">
      <c r="N653445" s="10"/>
    </row>
    <row r="653446" spans="14:14">
      <c r="N653446" s="10"/>
    </row>
    <row r="653447" spans="14:14">
      <c r="N653447" s="10"/>
    </row>
    <row r="653448" spans="14:14">
      <c r="N653448" s="10"/>
    </row>
    <row r="653449" spans="14:14">
      <c r="N653449" s="10"/>
    </row>
    <row r="653450" spans="14:14">
      <c r="N653450" s="10"/>
    </row>
    <row r="653451" spans="14:14">
      <c r="N653451" s="10"/>
    </row>
    <row r="653452" spans="14:14">
      <c r="N653452" s="10"/>
    </row>
    <row r="653453" spans="14:14">
      <c r="N653453" s="10"/>
    </row>
    <row r="653454" spans="14:14">
      <c r="N653454" s="10"/>
    </row>
    <row r="653455" spans="14:14">
      <c r="N653455" s="10"/>
    </row>
    <row r="653456" spans="14:14">
      <c r="N653456" s="10"/>
    </row>
    <row r="653457" spans="14:14">
      <c r="N653457" s="10"/>
    </row>
    <row r="653458" spans="14:14">
      <c r="N653458" s="10"/>
    </row>
    <row r="653459" spans="14:14">
      <c r="N653459" s="10"/>
    </row>
    <row r="653460" spans="14:14">
      <c r="N653460" s="10"/>
    </row>
    <row r="653461" spans="14:14">
      <c r="N653461" s="10"/>
    </row>
    <row r="653462" spans="14:14">
      <c r="N653462" s="10"/>
    </row>
    <row r="653463" spans="14:14">
      <c r="N653463" s="10"/>
    </row>
    <row r="653464" spans="14:14">
      <c r="N653464" s="10"/>
    </row>
    <row r="653465" spans="14:14">
      <c r="N653465" s="10"/>
    </row>
    <row r="653466" spans="14:14">
      <c r="N653466" s="10"/>
    </row>
    <row r="653467" spans="14:14">
      <c r="N653467" s="10"/>
    </row>
    <row r="653468" spans="14:14">
      <c r="N653468" s="10"/>
    </row>
    <row r="653469" spans="14:14">
      <c r="N653469" s="10"/>
    </row>
    <row r="653470" spans="14:14">
      <c r="N653470" s="10"/>
    </row>
    <row r="653471" spans="14:14">
      <c r="N653471" s="10"/>
    </row>
    <row r="653472" spans="14:14">
      <c r="N653472" s="10"/>
    </row>
    <row r="653473" spans="14:14">
      <c r="N653473" s="10"/>
    </row>
    <row r="653474" spans="14:14">
      <c r="N653474" s="10"/>
    </row>
    <row r="653475" spans="14:14">
      <c r="N653475" s="10"/>
    </row>
    <row r="653476" spans="14:14">
      <c r="N653476" s="10"/>
    </row>
    <row r="653477" spans="14:14">
      <c r="N653477" s="10"/>
    </row>
    <row r="653478" spans="14:14">
      <c r="N653478" s="10"/>
    </row>
    <row r="653479" spans="14:14">
      <c r="N653479" s="10"/>
    </row>
    <row r="653480" spans="14:14">
      <c r="N653480" s="10"/>
    </row>
    <row r="653481" spans="14:14">
      <c r="N653481" s="10"/>
    </row>
    <row r="653482" spans="14:14">
      <c r="N653482" s="10"/>
    </row>
    <row r="653483" spans="14:14">
      <c r="N653483" s="10"/>
    </row>
    <row r="653484" spans="14:14">
      <c r="N653484" s="10"/>
    </row>
    <row r="653485" spans="14:14">
      <c r="N653485" s="10"/>
    </row>
    <row r="653486" spans="14:14">
      <c r="N653486" s="10"/>
    </row>
    <row r="653487" spans="14:14">
      <c r="N653487" s="10"/>
    </row>
    <row r="653488" spans="14:14">
      <c r="N653488" s="10"/>
    </row>
    <row r="653489" spans="14:14">
      <c r="N653489" s="10"/>
    </row>
    <row r="653490" spans="14:14">
      <c r="N653490" s="10"/>
    </row>
    <row r="653491" spans="14:14">
      <c r="N653491" s="10"/>
    </row>
    <row r="653492" spans="14:14">
      <c r="N653492" s="10"/>
    </row>
    <row r="653493" spans="14:14">
      <c r="N653493" s="10"/>
    </row>
    <row r="653494" spans="14:14">
      <c r="N653494" s="10"/>
    </row>
    <row r="653495" spans="14:14">
      <c r="N653495" s="10"/>
    </row>
    <row r="653496" spans="14:14">
      <c r="N653496" s="10"/>
    </row>
    <row r="653497" spans="14:14">
      <c r="N653497" s="10"/>
    </row>
    <row r="653498" spans="14:14">
      <c r="N653498" s="10"/>
    </row>
    <row r="653499" spans="14:14">
      <c r="N653499" s="10"/>
    </row>
    <row r="653500" spans="14:14">
      <c r="N653500" s="10"/>
    </row>
    <row r="653501" spans="14:14">
      <c r="N653501" s="10"/>
    </row>
    <row r="653502" spans="14:14">
      <c r="N653502" s="10"/>
    </row>
    <row r="653503" spans="14:14">
      <c r="N653503" s="10"/>
    </row>
    <row r="653504" spans="14:14">
      <c r="N653504" s="10"/>
    </row>
    <row r="653505" spans="14:14">
      <c r="N653505" s="10"/>
    </row>
    <row r="653506" spans="14:14">
      <c r="N653506" s="10"/>
    </row>
    <row r="653507" spans="14:14">
      <c r="N653507" s="10"/>
    </row>
    <row r="653508" spans="14:14">
      <c r="N653508" s="10"/>
    </row>
    <row r="653509" spans="14:14">
      <c r="N653509" s="10"/>
    </row>
    <row r="653510" spans="14:14">
      <c r="N653510" s="10"/>
    </row>
    <row r="653511" spans="14:14">
      <c r="N653511" s="10"/>
    </row>
    <row r="653512" spans="14:14">
      <c r="N653512" s="10"/>
    </row>
    <row r="653513" spans="14:14">
      <c r="N653513" s="10"/>
    </row>
    <row r="653514" spans="14:14">
      <c r="N653514" s="10"/>
    </row>
    <row r="653515" spans="14:14">
      <c r="N653515" s="10"/>
    </row>
    <row r="653516" spans="14:14">
      <c r="N653516" s="10"/>
    </row>
    <row r="653517" spans="14:14">
      <c r="N653517" s="10"/>
    </row>
    <row r="653518" spans="14:14">
      <c r="N653518" s="10"/>
    </row>
    <row r="653519" spans="14:14">
      <c r="N653519" s="10"/>
    </row>
    <row r="653520" spans="14:14">
      <c r="N653520" s="10"/>
    </row>
    <row r="653521" spans="14:14">
      <c r="N653521" s="10"/>
    </row>
    <row r="653522" spans="14:14">
      <c r="N653522" s="10"/>
    </row>
    <row r="653523" spans="14:14">
      <c r="N653523" s="10"/>
    </row>
    <row r="653524" spans="14:14">
      <c r="N653524" s="10"/>
    </row>
    <row r="653525" spans="14:14">
      <c r="N653525" s="10"/>
    </row>
    <row r="653526" spans="14:14">
      <c r="N653526" s="10"/>
    </row>
    <row r="653527" spans="14:14">
      <c r="N653527" s="10"/>
    </row>
    <row r="653528" spans="14:14">
      <c r="N653528" s="10"/>
    </row>
    <row r="653529" spans="14:14">
      <c r="N653529" s="10"/>
    </row>
    <row r="653530" spans="14:14">
      <c r="N653530" s="10"/>
    </row>
    <row r="653531" spans="14:14">
      <c r="N653531" s="10"/>
    </row>
    <row r="653532" spans="14:14">
      <c r="N653532" s="10"/>
    </row>
    <row r="653533" spans="14:14">
      <c r="N653533" s="10"/>
    </row>
    <row r="653534" spans="14:14">
      <c r="N653534" s="10"/>
    </row>
    <row r="653535" spans="14:14">
      <c r="N653535" s="10"/>
    </row>
    <row r="653536" spans="14:14">
      <c r="N653536" s="10"/>
    </row>
    <row r="653537" spans="14:14">
      <c r="N653537" s="10"/>
    </row>
    <row r="653538" spans="14:14">
      <c r="N653538" s="10"/>
    </row>
    <row r="653539" spans="14:14">
      <c r="N653539" s="10"/>
    </row>
    <row r="653540" spans="14:14">
      <c r="N653540" s="10"/>
    </row>
    <row r="653541" spans="14:14">
      <c r="N653541" s="10"/>
    </row>
    <row r="653542" spans="14:14">
      <c r="N653542" s="10"/>
    </row>
    <row r="653543" spans="14:14">
      <c r="N653543" s="10"/>
    </row>
    <row r="653544" spans="14:14">
      <c r="N653544" s="10"/>
    </row>
    <row r="653545" spans="14:14">
      <c r="N653545" s="10"/>
    </row>
    <row r="653546" spans="14:14">
      <c r="N653546" s="10"/>
    </row>
    <row r="653547" spans="14:14">
      <c r="N653547" s="10"/>
    </row>
    <row r="653548" spans="14:14">
      <c r="N653548" s="10"/>
    </row>
    <row r="653549" spans="14:14">
      <c r="N653549" s="10"/>
    </row>
    <row r="653550" spans="14:14">
      <c r="N653550" s="10"/>
    </row>
    <row r="653551" spans="14:14">
      <c r="N653551" s="10"/>
    </row>
    <row r="653552" spans="14:14">
      <c r="N653552" s="10"/>
    </row>
    <row r="653553" spans="14:14">
      <c r="N653553" s="10"/>
    </row>
    <row r="653554" spans="14:14">
      <c r="N653554" s="10"/>
    </row>
    <row r="653555" spans="14:14">
      <c r="N653555" s="10"/>
    </row>
    <row r="653556" spans="14:14">
      <c r="N653556" s="10"/>
    </row>
    <row r="653557" spans="14:14">
      <c r="N653557" s="10"/>
    </row>
    <row r="653558" spans="14:14">
      <c r="N653558" s="10"/>
    </row>
    <row r="653559" spans="14:14">
      <c r="N653559" s="10"/>
    </row>
    <row r="653560" spans="14:14">
      <c r="N653560" s="10"/>
    </row>
    <row r="653561" spans="14:14">
      <c r="N653561" s="10"/>
    </row>
    <row r="653562" spans="14:14">
      <c r="N653562" s="10"/>
    </row>
    <row r="653563" spans="14:14">
      <c r="N653563" s="10"/>
    </row>
    <row r="653564" spans="14:14">
      <c r="N653564" s="10"/>
    </row>
    <row r="653565" spans="14:14">
      <c r="N653565" s="10"/>
    </row>
    <row r="653566" spans="14:14">
      <c r="N653566" s="10"/>
    </row>
    <row r="653567" spans="14:14">
      <c r="N653567" s="10"/>
    </row>
    <row r="653568" spans="14:14">
      <c r="N653568" s="10"/>
    </row>
    <row r="653569" spans="14:14">
      <c r="N653569" s="10"/>
    </row>
    <row r="653570" spans="14:14">
      <c r="N653570" s="10"/>
    </row>
    <row r="653571" spans="14:14">
      <c r="N653571" s="10"/>
    </row>
    <row r="653572" spans="14:14">
      <c r="N653572" s="10"/>
    </row>
    <row r="653573" spans="14:14">
      <c r="N653573" s="10"/>
    </row>
    <row r="653574" spans="14:14">
      <c r="N653574" s="10"/>
    </row>
    <row r="653575" spans="14:14">
      <c r="N653575" s="10"/>
    </row>
    <row r="653576" spans="14:14">
      <c r="N653576" s="10"/>
    </row>
    <row r="653577" spans="14:14">
      <c r="N653577" s="10"/>
    </row>
    <row r="653578" spans="14:14">
      <c r="N653578" s="10"/>
    </row>
    <row r="653579" spans="14:14">
      <c r="N653579" s="10"/>
    </row>
    <row r="653580" spans="14:14">
      <c r="N653580" s="10"/>
    </row>
    <row r="653581" spans="14:14">
      <c r="N653581" s="10"/>
    </row>
    <row r="653582" spans="14:14">
      <c r="N653582" s="10"/>
    </row>
    <row r="653583" spans="14:14">
      <c r="N653583" s="10"/>
    </row>
    <row r="653584" spans="14:14">
      <c r="N653584" s="10"/>
    </row>
    <row r="653585" spans="14:14">
      <c r="N653585" s="10"/>
    </row>
    <row r="653586" spans="14:14">
      <c r="N653586" s="10"/>
    </row>
    <row r="653587" spans="14:14">
      <c r="N653587" s="10"/>
    </row>
    <row r="653588" spans="14:14">
      <c r="N653588" s="10"/>
    </row>
    <row r="653589" spans="14:14">
      <c r="N653589" s="10"/>
    </row>
    <row r="653590" spans="14:14">
      <c r="N653590" s="10"/>
    </row>
    <row r="653591" spans="14:14">
      <c r="N653591" s="10"/>
    </row>
    <row r="653592" spans="14:14">
      <c r="N653592" s="10"/>
    </row>
    <row r="653593" spans="14:14">
      <c r="N653593" s="10"/>
    </row>
    <row r="653594" spans="14:14">
      <c r="N653594" s="10"/>
    </row>
    <row r="653595" spans="14:14">
      <c r="N653595" s="10"/>
    </row>
    <row r="653596" spans="14:14">
      <c r="N653596" s="10"/>
    </row>
    <row r="653597" spans="14:14">
      <c r="N653597" s="10"/>
    </row>
    <row r="653598" spans="14:14">
      <c r="N653598" s="10"/>
    </row>
    <row r="653599" spans="14:14">
      <c r="N653599" s="10"/>
    </row>
    <row r="653600" spans="14:14">
      <c r="N653600" s="10"/>
    </row>
    <row r="653601" spans="14:14">
      <c r="N653601" s="10"/>
    </row>
    <row r="653602" spans="14:14">
      <c r="N653602" s="10"/>
    </row>
    <row r="653603" spans="14:14">
      <c r="N653603" s="10"/>
    </row>
    <row r="653604" spans="14:14">
      <c r="N653604" s="10"/>
    </row>
    <row r="653605" spans="14:14">
      <c r="N653605" s="10"/>
    </row>
    <row r="653606" spans="14:14">
      <c r="N653606" s="10"/>
    </row>
    <row r="653607" spans="14:14">
      <c r="N653607" s="10"/>
    </row>
    <row r="653608" spans="14:14">
      <c r="N653608" s="10"/>
    </row>
    <row r="653609" spans="14:14">
      <c r="N653609" s="10"/>
    </row>
    <row r="653610" spans="14:14">
      <c r="N653610" s="10"/>
    </row>
    <row r="653611" spans="14:14">
      <c r="N653611" s="10"/>
    </row>
    <row r="653612" spans="14:14">
      <c r="N653612" s="10"/>
    </row>
    <row r="653613" spans="14:14">
      <c r="N653613" s="10"/>
    </row>
    <row r="653614" spans="14:14">
      <c r="N653614" s="10"/>
    </row>
    <row r="653615" spans="14:14">
      <c r="N653615" s="10"/>
    </row>
    <row r="653616" spans="14:14">
      <c r="N653616" s="10"/>
    </row>
    <row r="653617" spans="14:14">
      <c r="N653617" s="10"/>
    </row>
    <row r="653618" spans="14:14">
      <c r="N653618" s="10"/>
    </row>
    <row r="653619" spans="14:14">
      <c r="N653619" s="10"/>
    </row>
    <row r="653620" spans="14:14">
      <c r="N653620" s="10"/>
    </row>
    <row r="653621" spans="14:14">
      <c r="N653621" s="10"/>
    </row>
    <row r="653622" spans="14:14">
      <c r="N653622" s="10"/>
    </row>
    <row r="653623" spans="14:14">
      <c r="N653623" s="10"/>
    </row>
    <row r="653624" spans="14:14">
      <c r="N653624" s="10"/>
    </row>
    <row r="653625" spans="14:14">
      <c r="N653625" s="10"/>
    </row>
    <row r="653626" spans="14:14">
      <c r="N653626" s="10"/>
    </row>
    <row r="653627" spans="14:14">
      <c r="N653627" s="10"/>
    </row>
    <row r="653628" spans="14:14">
      <c r="N653628" s="10"/>
    </row>
    <row r="653629" spans="14:14">
      <c r="N653629" s="10"/>
    </row>
    <row r="653630" spans="14:14">
      <c r="N653630" s="10"/>
    </row>
    <row r="653631" spans="14:14">
      <c r="N653631" s="10"/>
    </row>
    <row r="653632" spans="14:14">
      <c r="N653632" s="10"/>
    </row>
    <row r="653633" spans="14:14">
      <c r="N653633" s="10"/>
    </row>
    <row r="653634" spans="14:14">
      <c r="N653634" s="10"/>
    </row>
    <row r="653635" spans="14:14">
      <c r="N653635" s="10"/>
    </row>
    <row r="653636" spans="14:14">
      <c r="N653636" s="10"/>
    </row>
    <row r="653637" spans="14:14">
      <c r="N653637" s="10"/>
    </row>
    <row r="653638" spans="14:14">
      <c r="N653638" s="10"/>
    </row>
    <row r="653639" spans="14:14">
      <c r="N653639" s="10"/>
    </row>
    <row r="653640" spans="14:14">
      <c r="N653640" s="10"/>
    </row>
    <row r="653641" spans="14:14">
      <c r="N653641" s="10"/>
    </row>
    <row r="653642" spans="14:14">
      <c r="N653642" s="10"/>
    </row>
    <row r="653643" spans="14:14">
      <c r="N653643" s="10"/>
    </row>
    <row r="653644" spans="14:14">
      <c r="N653644" s="10"/>
    </row>
    <row r="653645" spans="14:14">
      <c r="N653645" s="10"/>
    </row>
    <row r="653646" spans="14:14">
      <c r="N653646" s="10"/>
    </row>
    <row r="653647" spans="14:14">
      <c r="N653647" s="10"/>
    </row>
    <row r="653648" spans="14:14">
      <c r="N653648" s="10"/>
    </row>
    <row r="653649" spans="14:14">
      <c r="N653649" s="10"/>
    </row>
    <row r="653650" spans="14:14">
      <c r="N653650" s="10"/>
    </row>
    <row r="653651" spans="14:14">
      <c r="N653651" s="10"/>
    </row>
    <row r="653652" spans="14:14">
      <c r="N653652" s="10"/>
    </row>
    <row r="653653" spans="14:14">
      <c r="N653653" s="10"/>
    </row>
    <row r="653654" spans="14:14">
      <c r="N653654" s="10"/>
    </row>
    <row r="653655" spans="14:14">
      <c r="N653655" s="10"/>
    </row>
    <row r="653656" spans="14:14">
      <c r="N653656" s="10"/>
    </row>
    <row r="653657" spans="14:14">
      <c r="N653657" s="10"/>
    </row>
    <row r="653658" spans="14:14">
      <c r="N653658" s="10"/>
    </row>
    <row r="653659" spans="14:14">
      <c r="N653659" s="10"/>
    </row>
    <row r="653660" spans="14:14">
      <c r="N653660" s="10"/>
    </row>
    <row r="653661" spans="14:14">
      <c r="N653661" s="10"/>
    </row>
    <row r="653662" spans="14:14">
      <c r="N653662" s="10"/>
    </row>
    <row r="653663" spans="14:14">
      <c r="N653663" s="10"/>
    </row>
    <row r="653664" spans="14:14">
      <c r="N653664" s="10"/>
    </row>
    <row r="653665" spans="14:14">
      <c r="N653665" s="10"/>
    </row>
    <row r="653666" spans="14:14">
      <c r="N653666" s="10"/>
    </row>
    <row r="653667" spans="14:14">
      <c r="N653667" s="10"/>
    </row>
    <row r="653668" spans="14:14">
      <c r="N653668" s="10"/>
    </row>
    <row r="653669" spans="14:14">
      <c r="N653669" s="10"/>
    </row>
    <row r="653670" spans="14:14">
      <c r="N653670" s="10"/>
    </row>
    <row r="653671" spans="14:14">
      <c r="N653671" s="10"/>
    </row>
    <row r="653672" spans="14:14">
      <c r="N653672" s="10"/>
    </row>
    <row r="653673" spans="14:14">
      <c r="N653673" s="10"/>
    </row>
    <row r="653674" spans="14:14">
      <c r="N653674" s="10"/>
    </row>
    <row r="653675" spans="14:14">
      <c r="N653675" s="10"/>
    </row>
    <row r="653676" spans="14:14">
      <c r="N653676" s="10"/>
    </row>
    <row r="653677" spans="14:14">
      <c r="N653677" s="10"/>
    </row>
    <row r="653678" spans="14:14">
      <c r="N653678" s="10"/>
    </row>
    <row r="653679" spans="14:14">
      <c r="N653679" s="10"/>
    </row>
    <row r="653680" spans="14:14">
      <c r="N653680" s="10"/>
    </row>
    <row r="653681" spans="14:14">
      <c r="N653681" s="10"/>
    </row>
    <row r="653682" spans="14:14">
      <c r="N653682" s="10"/>
    </row>
    <row r="653683" spans="14:14">
      <c r="N653683" s="10"/>
    </row>
    <row r="653684" spans="14:14">
      <c r="N653684" s="10"/>
    </row>
    <row r="653685" spans="14:14">
      <c r="N653685" s="10"/>
    </row>
    <row r="653686" spans="14:14">
      <c r="N653686" s="10"/>
    </row>
    <row r="653687" spans="14:14">
      <c r="N653687" s="10"/>
    </row>
    <row r="653688" spans="14:14">
      <c r="N653688" s="10"/>
    </row>
    <row r="653689" spans="14:14">
      <c r="N653689" s="10"/>
    </row>
    <row r="653690" spans="14:14">
      <c r="N653690" s="10"/>
    </row>
    <row r="653691" spans="14:14">
      <c r="N653691" s="10"/>
    </row>
    <row r="653692" spans="14:14">
      <c r="N653692" s="10"/>
    </row>
    <row r="653693" spans="14:14">
      <c r="N653693" s="10"/>
    </row>
    <row r="653694" spans="14:14">
      <c r="N653694" s="10"/>
    </row>
    <row r="653695" spans="14:14">
      <c r="N653695" s="10"/>
    </row>
    <row r="653696" spans="14:14">
      <c r="N653696" s="10"/>
    </row>
    <row r="653697" spans="14:14">
      <c r="N653697" s="10"/>
    </row>
    <row r="653698" spans="14:14">
      <c r="N653698" s="10"/>
    </row>
    <row r="653699" spans="14:14">
      <c r="N653699" s="10"/>
    </row>
    <row r="653700" spans="14:14">
      <c r="N653700" s="10"/>
    </row>
    <row r="653701" spans="14:14">
      <c r="N653701" s="10"/>
    </row>
    <row r="653702" spans="14:14">
      <c r="N653702" s="10"/>
    </row>
    <row r="653703" spans="14:14">
      <c r="N653703" s="10"/>
    </row>
    <row r="653704" spans="14:14">
      <c r="N653704" s="10"/>
    </row>
    <row r="653705" spans="14:14">
      <c r="N653705" s="10"/>
    </row>
    <row r="653706" spans="14:14">
      <c r="N653706" s="10"/>
    </row>
    <row r="653707" spans="14:14">
      <c r="N653707" s="10"/>
    </row>
    <row r="653708" spans="14:14">
      <c r="N653708" s="10"/>
    </row>
    <row r="653709" spans="14:14">
      <c r="N653709" s="10"/>
    </row>
    <row r="653710" spans="14:14">
      <c r="N653710" s="10"/>
    </row>
    <row r="653711" spans="14:14">
      <c r="N653711" s="10"/>
    </row>
    <row r="653712" spans="14:14">
      <c r="N653712" s="10"/>
    </row>
    <row r="653713" spans="14:14">
      <c r="N653713" s="10"/>
    </row>
    <row r="653714" spans="14:14">
      <c r="N653714" s="10"/>
    </row>
    <row r="653715" spans="14:14">
      <c r="N653715" s="10"/>
    </row>
    <row r="653716" spans="14:14">
      <c r="N653716" s="10"/>
    </row>
    <row r="653717" spans="14:14">
      <c r="N653717" s="10"/>
    </row>
    <row r="653718" spans="14:14">
      <c r="N653718" s="10"/>
    </row>
    <row r="653719" spans="14:14">
      <c r="N653719" s="10"/>
    </row>
    <row r="653720" spans="14:14">
      <c r="N653720" s="10"/>
    </row>
    <row r="653721" spans="14:14">
      <c r="N653721" s="10"/>
    </row>
    <row r="653722" spans="14:14">
      <c r="N653722" s="10"/>
    </row>
    <row r="653723" spans="14:14">
      <c r="N653723" s="10"/>
    </row>
    <row r="653724" spans="14:14">
      <c r="N653724" s="10"/>
    </row>
    <row r="653725" spans="14:14">
      <c r="N653725" s="10"/>
    </row>
    <row r="653726" spans="14:14">
      <c r="N653726" s="10"/>
    </row>
    <row r="653727" spans="14:14">
      <c r="N653727" s="10"/>
    </row>
    <row r="653728" spans="14:14">
      <c r="N653728" s="10"/>
    </row>
    <row r="653729" spans="14:14">
      <c r="N653729" s="10"/>
    </row>
    <row r="653730" spans="14:14">
      <c r="N653730" s="10"/>
    </row>
    <row r="653731" spans="14:14">
      <c r="N653731" s="10"/>
    </row>
    <row r="653732" spans="14:14">
      <c r="N653732" s="10"/>
    </row>
    <row r="653733" spans="14:14">
      <c r="N653733" s="10"/>
    </row>
    <row r="653734" spans="14:14">
      <c r="N653734" s="10"/>
    </row>
    <row r="653735" spans="14:14">
      <c r="N653735" s="10"/>
    </row>
    <row r="653736" spans="14:14">
      <c r="N653736" s="10"/>
    </row>
    <row r="653737" spans="14:14">
      <c r="N653737" s="10"/>
    </row>
    <row r="653738" spans="14:14">
      <c r="N653738" s="10"/>
    </row>
    <row r="653739" spans="14:14">
      <c r="N653739" s="10"/>
    </row>
    <row r="653740" spans="14:14">
      <c r="N653740" s="10"/>
    </row>
    <row r="653741" spans="14:14">
      <c r="N653741" s="10"/>
    </row>
    <row r="653742" spans="14:14">
      <c r="N653742" s="10"/>
    </row>
    <row r="653743" spans="14:14">
      <c r="N653743" s="10"/>
    </row>
    <row r="653744" spans="14:14">
      <c r="N653744" s="10"/>
    </row>
    <row r="653745" spans="14:14">
      <c r="N653745" s="10"/>
    </row>
    <row r="653746" spans="14:14">
      <c r="N653746" s="10"/>
    </row>
    <row r="653747" spans="14:14">
      <c r="N653747" s="10"/>
    </row>
    <row r="653748" spans="14:14">
      <c r="N653748" s="10"/>
    </row>
    <row r="653749" spans="14:14">
      <c r="N653749" s="10"/>
    </row>
    <row r="653750" spans="14:14">
      <c r="N653750" s="10"/>
    </row>
    <row r="653751" spans="14:14">
      <c r="N653751" s="10"/>
    </row>
    <row r="653752" spans="14:14">
      <c r="N653752" s="10"/>
    </row>
    <row r="653753" spans="14:14">
      <c r="N653753" s="10"/>
    </row>
    <row r="653754" spans="14:14">
      <c r="N653754" s="10"/>
    </row>
    <row r="653755" spans="14:14">
      <c r="N653755" s="10"/>
    </row>
    <row r="653756" spans="14:14">
      <c r="N653756" s="10"/>
    </row>
    <row r="653757" spans="14:14">
      <c r="N653757" s="10"/>
    </row>
    <row r="653758" spans="14:14">
      <c r="N653758" s="10"/>
    </row>
    <row r="653759" spans="14:14">
      <c r="N653759" s="10"/>
    </row>
    <row r="653760" spans="14:14">
      <c r="N653760" s="10"/>
    </row>
    <row r="653761" spans="14:14">
      <c r="N653761" s="10"/>
    </row>
    <row r="653762" spans="14:14">
      <c r="N653762" s="10"/>
    </row>
    <row r="653763" spans="14:14">
      <c r="N653763" s="10"/>
    </row>
    <row r="653764" spans="14:14">
      <c r="N653764" s="10"/>
    </row>
    <row r="653765" spans="14:14">
      <c r="N653765" s="10"/>
    </row>
    <row r="653766" spans="14:14">
      <c r="N653766" s="10"/>
    </row>
    <row r="653767" spans="14:14">
      <c r="N653767" s="10"/>
    </row>
    <row r="653768" spans="14:14">
      <c r="N653768" s="10"/>
    </row>
    <row r="653769" spans="14:14">
      <c r="N653769" s="10"/>
    </row>
    <row r="653770" spans="14:14">
      <c r="N653770" s="10"/>
    </row>
    <row r="653771" spans="14:14">
      <c r="N653771" s="10"/>
    </row>
    <row r="653772" spans="14:14">
      <c r="N653772" s="10"/>
    </row>
    <row r="653773" spans="14:14">
      <c r="N653773" s="10"/>
    </row>
    <row r="653774" spans="14:14">
      <c r="N653774" s="10"/>
    </row>
    <row r="653775" spans="14:14">
      <c r="N653775" s="10"/>
    </row>
    <row r="653776" spans="14:14">
      <c r="N653776" s="10"/>
    </row>
    <row r="653777" spans="14:14">
      <c r="N653777" s="10"/>
    </row>
    <row r="653778" spans="14:14">
      <c r="N653778" s="10"/>
    </row>
    <row r="653779" spans="14:14">
      <c r="N653779" s="10"/>
    </row>
    <row r="653780" spans="14:14">
      <c r="N653780" s="10"/>
    </row>
    <row r="653781" spans="14:14">
      <c r="N653781" s="10"/>
    </row>
    <row r="653782" spans="14:14">
      <c r="N653782" s="10"/>
    </row>
    <row r="653783" spans="14:14">
      <c r="N653783" s="10"/>
    </row>
    <row r="653784" spans="14:14">
      <c r="N653784" s="10"/>
    </row>
    <row r="653785" spans="14:14">
      <c r="N653785" s="10"/>
    </row>
    <row r="653786" spans="14:14">
      <c r="N653786" s="10"/>
    </row>
    <row r="653787" spans="14:14">
      <c r="N653787" s="10"/>
    </row>
    <row r="653788" spans="14:14">
      <c r="N653788" s="10"/>
    </row>
    <row r="653789" spans="14:14">
      <c r="N653789" s="10"/>
    </row>
    <row r="653790" spans="14:14">
      <c r="N653790" s="10"/>
    </row>
    <row r="653791" spans="14:14">
      <c r="N653791" s="10"/>
    </row>
    <row r="653792" spans="14:14">
      <c r="N653792" s="10"/>
    </row>
    <row r="653793" spans="14:14">
      <c r="N653793" s="10"/>
    </row>
    <row r="653794" spans="14:14">
      <c r="N653794" s="10"/>
    </row>
    <row r="653795" spans="14:14">
      <c r="N653795" s="10"/>
    </row>
    <row r="653796" spans="14:14">
      <c r="N653796" s="10"/>
    </row>
    <row r="653797" spans="14:14">
      <c r="N653797" s="10"/>
    </row>
    <row r="653798" spans="14:14">
      <c r="N653798" s="10"/>
    </row>
    <row r="653799" spans="14:14">
      <c r="N653799" s="10"/>
    </row>
    <row r="653800" spans="14:14">
      <c r="N653800" s="10"/>
    </row>
    <row r="653801" spans="14:14">
      <c r="N653801" s="10"/>
    </row>
    <row r="653802" spans="14:14">
      <c r="N653802" s="10"/>
    </row>
    <row r="653803" spans="14:14">
      <c r="N653803" s="10"/>
    </row>
    <row r="653804" spans="14:14">
      <c r="N653804" s="10"/>
    </row>
    <row r="653805" spans="14:14">
      <c r="N653805" s="10"/>
    </row>
    <row r="653806" spans="14:14">
      <c r="N653806" s="10"/>
    </row>
    <row r="653807" spans="14:14">
      <c r="N653807" s="10"/>
    </row>
    <row r="653808" spans="14:14">
      <c r="N653808" s="10"/>
    </row>
    <row r="653809" spans="14:14">
      <c r="N653809" s="10"/>
    </row>
    <row r="653810" spans="14:14">
      <c r="N653810" s="10"/>
    </row>
    <row r="653811" spans="14:14">
      <c r="N653811" s="10"/>
    </row>
    <row r="653812" spans="14:14">
      <c r="N653812" s="10"/>
    </row>
    <row r="653813" spans="14:14">
      <c r="N653813" s="10"/>
    </row>
    <row r="653814" spans="14:14">
      <c r="N653814" s="10"/>
    </row>
    <row r="653815" spans="14:14">
      <c r="N653815" s="10"/>
    </row>
    <row r="653816" spans="14:14">
      <c r="N653816" s="10"/>
    </row>
    <row r="653817" spans="14:14">
      <c r="N653817" s="10"/>
    </row>
    <row r="653818" spans="14:14">
      <c r="N653818" s="10"/>
    </row>
    <row r="653819" spans="14:14">
      <c r="N653819" s="10"/>
    </row>
    <row r="653820" spans="14:14">
      <c r="N653820" s="10"/>
    </row>
    <row r="653821" spans="14:14">
      <c r="N653821" s="10"/>
    </row>
    <row r="653822" spans="14:14">
      <c r="N653822" s="10"/>
    </row>
    <row r="653823" spans="14:14">
      <c r="N653823" s="10"/>
    </row>
    <row r="653824" spans="14:14">
      <c r="N653824" s="10"/>
    </row>
    <row r="653825" spans="14:14">
      <c r="N653825" s="10"/>
    </row>
    <row r="653826" spans="14:14">
      <c r="N653826" s="10"/>
    </row>
    <row r="653827" spans="14:14">
      <c r="N653827" s="10"/>
    </row>
    <row r="653828" spans="14:14">
      <c r="N653828" s="10"/>
    </row>
    <row r="653829" spans="14:14">
      <c r="N653829" s="10"/>
    </row>
    <row r="653830" spans="14:14">
      <c r="N653830" s="10"/>
    </row>
    <row r="653831" spans="14:14">
      <c r="N653831" s="10"/>
    </row>
    <row r="653832" spans="14:14">
      <c r="N653832" s="10"/>
    </row>
    <row r="653833" spans="14:14">
      <c r="N653833" s="10"/>
    </row>
    <row r="653834" spans="14:14">
      <c r="N653834" s="10"/>
    </row>
    <row r="653835" spans="14:14">
      <c r="N653835" s="10"/>
    </row>
    <row r="653836" spans="14:14">
      <c r="N653836" s="10"/>
    </row>
    <row r="653837" spans="14:14">
      <c r="N653837" s="10"/>
    </row>
    <row r="653838" spans="14:14">
      <c r="N653838" s="10"/>
    </row>
    <row r="653839" spans="14:14">
      <c r="N653839" s="10"/>
    </row>
    <row r="653840" spans="14:14">
      <c r="N653840" s="10"/>
    </row>
    <row r="653841" spans="14:14">
      <c r="N653841" s="10"/>
    </row>
    <row r="653842" spans="14:14">
      <c r="N653842" s="10"/>
    </row>
    <row r="653843" spans="14:14">
      <c r="N653843" s="10"/>
    </row>
    <row r="653844" spans="14:14">
      <c r="N653844" s="10"/>
    </row>
    <row r="653845" spans="14:14">
      <c r="N653845" s="10"/>
    </row>
    <row r="653846" spans="14:14">
      <c r="N653846" s="10"/>
    </row>
    <row r="653847" spans="14:14">
      <c r="N653847" s="10"/>
    </row>
    <row r="653848" spans="14:14">
      <c r="N653848" s="10"/>
    </row>
    <row r="653849" spans="14:14">
      <c r="N653849" s="10"/>
    </row>
    <row r="653850" spans="14:14">
      <c r="N653850" s="10"/>
    </row>
    <row r="653851" spans="14:14">
      <c r="N653851" s="10"/>
    </row>
    <row r="653852" spans="14:14">
      <c r="N653852" s="10"/>
    </row>
    <row r="653853" spans="14:14">
      <c r="N653853" s="10"/>
    </row>
    <row r="653854" spans="14:14">
      <c r="N653854" s="10"/>
    </row>
    <row r="653855" spans="14:14">
      <c r="N653855" s="10"/>
    </row>
    <row r="653856" spans="14:14">
      <c r="N653856" s="10"/>
    </row>
    <row r="653857" spans="14:14">
      <c r="N653857" s="10"/>
    </row>
    <row r="653858" spans="14:14">
      <c r="N653858" s="10"/>
    </row>
    <row r="653859" spans="14:14">
      <c r="N653859" s="10"/>
    </row>
    <row r="653860" spans="14:14">
      <c r="N653860" s="10"/>
    </row>
    <row r="653861" spans="14:14">
      <c r="N653861" s="10"/>
    </row>
    <row r="653862" spans="14:14">
      <c r="N653862" s="10"/>
    </row>
    <row r="653863" spans="14:14">
      <c r="N653863" s="10"/>
    </row>
    <row r="653864" spans="14:14">
      <c r="N653864" s="10"/>
    </row>
    <row r="653865" spans="14:14">
      <c r="N653865" s="10"/>
    </row>
    <row r="653866" spans="14:14">
      <c r="N653866" s="10"/>
    </row>
    <row r="653867" spans="14:14">
      <c r="N653867" s="10"/>
    </row>
    <row r="653868" spans="14:14">
      <c r="N653868" s="10"/>
    </row>
    <row r="653869" spans="14:14">
      <c r="N653869" s="10"/>
    </row>
    <row r="653870" spans="14:14">
      <c r="N653870" s="10"/>
    </row>
    <row r="653871" spans="14:14">
      <c r="N653871" s="10"/>
    </row>
    <row r="653872" spans="14:14">
      <c r="N653872" s="10"/>
    </row>
    <row r="653873" spans="14:14">
      <c r="N653873" s="10"/>
    </row>
    <row r="653874" spans="14:14">
      <c r="N653874" s="10"/>
    </row>
    <row r="653875" spans="14:14">
      <c r="N653875" s="10"/>
    </row>
    <row r="653876" spans="14:14">
      <c r="N653876" s="10"/>
    </row>
    <row r="653877" spans="14:14">
      <c r="N653877" s="10"/>
    </row>
    <row r="653878" spans="14:14">
      <c r="N653878" s="10"/>
    </row>
    <row r="653879" spans="14:14">
      <c r="N653879" s="10"/>
    </row>
    <row r="653880" spans="14:14">
      <c r="N653880" s="10"/>
    </row>
    <row r="653881" spans="14:14">
      <c r="N653881" s="10"/>
    </row>
    <row r="653882" spans="14:14">
      <c r="N653882" s="10"/>
    </row>
    <row r="653883" spans="14:14">
      <c r="N653883" s="10"/>
    </row>
    <row r="653884" spans="14:14">
      <c r="N653884" s="10"/>
    </row>
    <row r="653885" spans="14:14">
      <c r="N653885" s="10"/>
    </row>
    <row r="653886" spans="14:14">
      <c r="N653886" s="10"/>
    </row>
    <row r="653887" spans="14:14">
      <c r="N653887" s="10"/>
    </row>
    <row r="653888" spans="14:14">
      <c r="N653888" s="10"/>
    </row>
    <row r="653889" spans="14:14">
      <c r="N653889" s="10"/>
    </row>
    <row r="653890" spans="14:14">
      <c r="N653890" s="10"/>
    </row>
    <row r="653891" spans="14:14">
      <c r="N653891" s="10"/>
    </row>
    <row r="653892" spans="14:14">
      <c r="N653892" s="10"/>
    </row>
    <row r="653893" spans="14:14">
      <c r="N653893" s="10"/>
    </row>
    <row r="653894" spans="14:14">
      <c r="N653894" s="10"/>
    </row>
    <row r="653895" spans="14:14">
      <c r="N653895" s="10"/>
    </row>
    <row r="653896" spans="14:14">
      <c r="N653896" s="10"/>
    </row>
    <row r="653897" spans="14:14">
      <c r="N653897" s="10"/>
    </row>
    <row r="653898" spans="14:14">
      <c r="N653898" s="10"/>
    </row>
    <row r="653899" spans="14:14">
      <c r="N653899" s="10"/>
    </row>
    <row r="653900" spans="14:14">
      <c r="N653900" s="10"/>
    </row>
    <row r="653901" spans="14:14">
      <c r="N653901" s="10"/>
    </row>
    <row r="653902" spans="14:14">
      <c r="N653902" s="10"/>
    </row>
    <row r="653903" spans="14:14">
      <c r="N653903" s="10"/>
    </row>
    <row r="653904" spans="14:14">
      <c r="N653904" s="10"/>
    </row>
    <row r="653905" spans="14:14">
      <c r="N653905" s="10"/>
    </row>
    <row r="653906" spans="14:14">
      <c r="N653906" s="10"/>
    </row>
    <row r="653907" spans="14:14">
      <c r="N653907" s="10"/>
    </row>
    <row r="653908" spans="14:14">
      <c r="N653908" s="10"/>
    </row>
    <row r="653909" spans="14:14">
      <c r="N653909" s="10"/>
    </row>
    <row r="653910" spans="14:14">
      <c r="N653910" s="10"/>
    </row>
    <row r="653911" spans="14:14">
      <c r="N653911" s="10"/>
    </row>
    <row r="653912" spans="14:14">
      <c r="N653912" s="10"/>
    </row>
    <row r="653913" spans="14:14">
      <c r="N653913" s="10"/>
    </row>
    <row r="653914" spans="14:14">
      <c r="N653914" s="10"/>
    </row>
    <row r="653915" spans="14:14">
      <c r="N653915" s="10"/>
    </row>
    <row r="653916" spans="14:14">
      <c r="N653916" s="10"/>
    </row>
    <row r="653917" spans="14:14">
      <c r="N653917" s="10"/>
    </row>
    <row r="653918" spans="14:14">
      <c r="N653918" s="10"/>
    </row>
    <row r="653919" spans="14:14">
      <c r="N653919" s="10"/>
    </row>
    <row r="653920" spans="14:14">
      <c r="N653920" s="10"/>
    </row>
    <row r="653921" spans="14:14">
      <c r="N653921" s="10"/>
    </row>
    <row r="653922" spans="14:14">
      <c r="N653922" s="10"/>
    </row>
    <row r="653923" spans="14:14">
      <c r="N653923" s="10"/>
    </row>
    <row r="653924" spans="14:14">
      <c r="N653924" s="10"/>
    </row>
    <row r="653925" spans="14:14">
      <c r="N653925" s="10"/>
    </row>
    <row r="653926" spans="14:14">
      <c r="N653926" s="10"/>
    </row>
    <row r="653927" spans="14:14">
      <c r="N653927" s="10"/>
    </row>
    <row r="653928" spans="14:14">
      <c r="N653928" s="10"/>
    </row>
    <row r="653929" spans="14:14">
      <c r="N653929" s="10"/>
    </row>
    <row r="653930" spans="14:14">
      <c r="N653930" s="10"/>
    </row>
    <row r="653931" spans="14:14">
      <c r="N653931" s="10"/>
    </row>
    <row r="653932" spans="14:14">
      <c r="N653932" s="10"/>
    </row>
    <row r="653933" spans="14:14">
      <c r="N653933" s="10"/>
    </row>
    <row r="653934" spans="14:14">
      <c r="N653934" s="10"/>
    </row>
    <row r="653935" spans="14:14">
      <c r="N653935" s="10"/>
    </row>
    <row r="653936" spans="14:14">
      <c r="N653936" s="10"/>
    </row>
    <row r="653937" spans="14:14">
      <c r="N653937" s="10"/>
    </row>
    <row r="653938" spans="14:14">
      <c r="N653938" s="10"/>
    </row>
    <row r="653939" spans="14:14">
      <c r="N653939" s="10"/>
    </row>
    <row r="653940" spans="14:14">
      <c r="N653940" s="10"/>
    </row>
    <row r="653941" spans="14:14">
      <c r="N653941" s="10"/>
    </row>
    <row r="653942" spans="14:14">
      <c r="N653942" s="10"/>
    </row>
    <row r="653943" spans="14:14">
      <c r="N653943" s="10"/>
    </row>
    <row r="653944" spans="14:14">
      <c r="N653944" s="10"/>
    </row>
    <row r="653945" spans="14:14">
      <c r="N653945" s="10"/>
    </row>
    <row r="653946" spans="14:14">
      <c r="N653946" s="10"/>
    </row>
    <row r="653947" spans="14:14">
      <c r="N653947" s="10"/>
    </row>
    <row r="653948" spans="14:14">
      <c r="N653948" s="10"/>
    </row>
    <row r="653949" spans="14:14">
      <c r="N653949" s="10"/>
    </row>
    <row r="653950" spans="14:14">
      <c r="N653950" s="10"/>
    </row>
    <row r="653951" spans="14:14">
      <c r="N653951" s="10"/>
    </row>
    <row r="653952" spans="14:14">
      <c r="N653952" s="10"/>
    </row>
    <row r="653953" spans="14:14">
      <c r="N653953" s="10"/>
    </row>
    <row r="653954" spans="14:14">
      <c r="N653954" s="10"/>
    </row>
    <row r="653955" spans="14:14">
      <c r="N653955" s="10"/>
    </row>
    <row r="653956" spans="14:14">
      <c r="N653956" s="10"/>
    </row>
    <row r="653957" spans="14:14">
      <c r="N653957" s="10"/>
    </row>
    <row r="653958" spans="14:14">
      <c r="N653958" s="10"/>
    </row>
    <row r="653959" spans="14:14">
      <c r="N653959" s="10"/>
    </row>
    <row r="653960" spans="14:14">
      <c r="N653960" s="10"/>
    </row>
    <row r="653961" spans="14:14">
      <c r="N653961" s="10"/>
    </row>
    <row r="653962" spans="14:14">
      <c r="N653962" s="10"/>
    </row>
    <row r="653963" spans="14:14">
      <c r="N653963" s="10"/>
    </row>
    <row r="653964" spans="14:14">
      <c r="N653964" s="10"/>
    </row>
    <row r="653965" spans="14:14">
      <c r="N653965" s="10"/>
    </row>
    <row r="653966" spans="14:14">
      <c r="N653966" s="10"/>
    </row>
    <row r="653967" spans="14:14">
      <c r="N653967" s="10"/>
    </row>
    <row r="653968" spans="14:14">
      <c r="N653968" s="10"/>
    </row>
    <row r="653969" spans="14:14">
      <c r="N653969" s="10"/>
    </row>
    <row r="653970" spans="14:14">
      <c r="N653970" s="10"/>
    </row>
    <row r="653971" spans="14:14">
      <c r="N653971" s="10"/>
    </row>
    <row r="653972" spans="14:14">
      <c r="N653972" s="10"/>
    </row>
    <row r="653973" spans="14:14">
      <c r="N653973" s="10"/>
    </row>
    <row r="653974" spans="14:14">
      <c r="N653974" s="10"/>
    </row>
    <row r="653975" spans="14:14">
      <c r="N653975" s="10"/>
    </row>
    <row r="653976" spans="14:14">
      <c r="N653976" s="10"/>
    </row>
    <row r="653977" spans="14:14">
      <c r="N653977" s="10"/>
    </row>
    <row r="653978" spans="14:14">
      <c r="N653978" s="10"/>
    </row>
    <row r="653979" spans="14:14">
      <c r="N653979" s="10"/>
    </row>
    <row r="653980" spans="14:14">
      <c r="N653980" s="10"/>
    </row>
    <row r="653981" spans="14:14">
      <c r="N653981" s="10"/>
    </row>
    <row r="653982" spans="14:14">
      <c r="N653982" s="10"/>
    </row>
    <row r="653983" spans="14:14">
      <c r="N653983" s="10"/>
    </row>
    <row r="653984" spans="14:14">
      <c r="N653984" s="10"/>
    </row>
    <row r="653985" spans="14:14">
      <c r="N653985" s="10"/>
    </row>
    <row r="653986" spans="14:14">
      <c r="N653986" s="10"/>
    </row>
    <row r="653987" spans="14:14">
      <c r="N653987" s="10"/>
    </row>
    <row r="653988" spans="14:14">
      <c r="N653988" s="10"/>
    </row>
    <row r="653989" spans="14:14">
      <c r="N653989" s="10"/>
    </row>
    <row r="653990" spans="14:14">
      <c r="N653990" s="10"/>
    </row>
    <row r="653991" spans="14:14">
      <c r="N653991" s="10"/>
    </row>
    <row r="653992" spans="14:14">
      <c r="N653992" s="10"/>
    </row>
    <row r="653993" spans="14:14">
      <c r="N653993" s="10"/>
    </row>
    <row r="653994" spans="14:14">
      <c r="N653994" s="10"/>
    </row>
    <row r="653995" spans="14:14">
      <c r="N653995" s="10"/>
    </row>
    <row r="653996" spans="14:14">
      <c r="N653996" s="10"/>
    </row>
    <row r="653997" spans="14:14">
      <c r="N653997" s="10"/>
    </row>
    <row r="653998" spans="14:14">
      <c r="N653998" s="10"/>
    </row>
    <row r="653999" spans="14:14">
      <c r="N653999" s="10"/>
    </row>
    <row r="654000" spans="14:14">
      <c r="N654000" s="10"/>
    </row>
    <row r="654001" spans="14:14">
      <c r="N654001" s="10"/>
    </row>
    <row r="654002" spans="14:14">
      <c r="N654002" s="10"/>
    </row>
    <row r="654003" spans="14:14">
      <c r="N654003" s="10"/>
    </row>
    <row r="654004" spans="14:14">
      <c r="N654004" s="10"/>
    </row>
    <row r="654005" spans="14:14">
      <c r="N654005" s="10"/>
    </row>
    <row r="654006" spans="14:14">
      <c r="N654006" s="10"/>
    </row>
    <row r="654007" spans="14:14">
      <c r="N654007" s="10"/>
    </row>
    <row r="654008" spans="14:14">
      <c r="N654008" s="10"/>
    </row>
    <row r="654009" spans="14:14">
      <c r="N654009" s="10"/>
    </row>
    <row r="654010" spans="14:14">
      <c r="N654010" s="10"/>
    </row>
    <row r="654011" spans="14:14">
      <c r="N654011" s="10"/>
    </row>
    <row r="654012" spans="14:14">
      <c r="N654012" s="10"/>
    </row>
    <row r="654013" spans="14:14">
      <c r="N654013" s="10"/>
    </row>
    <row r="654014" spans="14:14">
      <c r="N654014" s="10"/>
    </row>
    <row r="654015" spans="14:14">
      <c r="N654015" s="10"/>
    </row>
    <row r="654016" spans="14:14">
      <c r="N654016" s="10"/>
    </row>
    <row r="654017" spans="14:14">
      <c r="N654017" s="10"/>
    </row>
    <row r="654018" spans="14:14">
      <c r="N654018" s="10"/>
    </row>
    <row r="654019" spans="14:14">
      <c r="N654019" s="10"/>
    </row>
    <row r="654020" spans="14:14">
      <c r="N654020" s="10"/>
    </row>
    <row r="654021" spans="14:14">
      <c r="N654021" s="10"/>
    </row>
    <row r="654022" spans="14:14">
      <c r="N654022" s="10"/>
    </row>
    <row r="654023" spans="14:14">
      <c r="N654023" s="10"/>
    </row>
    <row r="654024" spans="14:14">
      <c r="N654024" s="10"/>
    </row>
    <row r="654025" spans="14:14">
      <c r="N654025" s="10"/>
    </row>
    <row r="654026" spans="14:14">
      <c r="N654026" s="10"/>
    </row>
    <row r="654027" spans="14:14">
      <c r="N654027" s="10"/>
    </row>
    <row r="654028" spans="14:14">
      <c r="N654028" s="10"/>
    </row>
    <row r="654029" spans="14:14">
      <c r="N654029" s="10"/>
    </row>
    <row r="654030" spans="14:14">
      <c r="N654030" s="10"/>
    </row>
    <row r="654031" spans="14:14">
      <c r="N654031" s="10"/>
    </row>
    <row r="654032" spans="14:14">
      <c r="N654032" s="10"/>
    </row>
    <row r="654033" spans="14:14">
      <c r="N654033" s="10"/>
    </row>
    <row r="654034" spans="14:14">
      <c r="N654034" s="10"/>
    </row>
    <row r="654035" spans="14:14">
      <c r="N654035" s="10"/>
    </row>
    <row r="654036" spans="14:14">
      <c r="N654036" s="10"/>
    </row>
    <row r="654037" spans="14:14">
      <c r="N654037" s="10"/>
    </row>
    <row r="654038" spans="14:14">
      <c r="N654038" s="10"/>
    </row>
    <row r="654039" spans="14:14">
      <c r="N654039" s="10"/>
    </row>
    <row r="654040" spans="14:14">
      <c r="N654040" s="10"/>
    </row>
    <row r="654041" spans="14:14">
      <c r="N654041" s="10"/>
    </row>
    <row r="654042" spans="14:14">
      <c r="N654042" s="10"/>
    </row>
    <row r="654043" spans="14:14">
      <c r="N654043" s="10"/>
    </row>
    <row r="654044" spans="14:14">
      <c r="N654044" s="10"/>
    </row>
    <row r="654045" spans="14:14">
      <c r="N654045" s="10"/>
    </row>
    <row r="654046" spans="14:14">
      <c r="N654046" s="10"/>
    </row>
    <row r="654047" spans="14:14">
      <c r="N654047" s="10"/>
    </row>
    <row r="654048" spans="14:14">
      <c r="N654048" s="10"/>
    </row>
    <row r="654049" spans="14:14">
      <c r="N654049" s="10"/>
    </row>
    <row r="654050" spans="14:14">
      <c r="N654050" s="10"/>
    </row>
    <row r="654051" spans="14:14">
      <c r="N654051" s="10"/>
    </row>
    <row r="654052" spans="14:14">
      <c r="N654052" s="10"/>
    </row>
    <row r="654053" spans="14:14">
      <c r="N654053" s="10"/>
    </row>
    <row r="654054" spans="14:14">
      <c r="N654054" s="10"/>
    </row>
    <row r="654055" spans="14:14">
      <c r="N654055" s="10"/>
    </row>
    <row r="654056" spans="14:14">
      <c r="N654056" s="10"/>
    </row>
    <row r="654057" spans="14:14">
      <c r="N654057" s="10"/>
    </row>
    <row r="654058" spans="14:14">
      <c r="N654058" s="10"/>
    </row>
    <row r="654059" spans="14:14">
      <c r="N654059" s="10"/>
    </row>
    <row r="654060" spans="14:14">
      <c r="N654060" s="10"/>
    </row>
    <row r="654061" spans="14:14">
      <c r="N654061" s="10"/>
    </row>
    <row r="654062" spans="14:14">
      <c r="N654062" s="10"/>
    </row>
    <row r="654063" spans="14:14">
      <c r="N654063" s="10"/>
    </row>
    <row r="654064" spans="14:14">
      <c r="N654064" s="10"/>
    </row>
    <row r="654065" spans="14:14">
      <c r="N654065" s="10"/>
    </row>
    <row r="654066" spans="14:14">
      <c r="N654066" s="10"/>
    </row>
    <row r="654067" spans="14:14">
      <c r="N654067" s="10"/>
    </row>
    <row r="654068" spans="14:14">
      <c r="N654068" s="10"/>
    </row>
    <row r="654069" spans="14:14">
      <c r="N654069" s="10"/>
    </row>
    <row r="654070" spans="14:14">
      <c r="N654070" s="10"/>
    </row>
    <row r="654071" spans="14:14">
      <c r="N654071" s="10"/>
    </row>
    <row r="654072" spans="14:14">
      <c r="N654072" s="10"/>
    </row>
    <row r="654073" spans="14:14">
      <c r="N654073" s="10"/>
    </row>
    <row r="654074" spans="14:14">
      <c r="N654074" s="10"/>
    </row>
    <row r="654075" spans="14:14">
      <c r="N654075" s="10"/>
    </row>
    <row r="654076" spans="14:14">
      <c r="N654076" s="10"/>
    </row>
    <row r="654077" spans="14:14">
      <c r="N654077" s="10"/>
    </row>
    <row r="654078" spans="14:14">
      <c r="N654078" s="10"/>
    </row>
    <row r="654079" spans="14:14">
      <c r="N654079" s="10"/>
    </row>
    <row r="654080" spans="14:14">
      <c r="N654080" s="10"/>
    </row>
    <row r="654081" spans="14:14">
      <c r="N654081" s="10"/>
    </row>
    <row r="654082" spans="14:14">
      <c r="N654082" s="10"/>
    </row>
    <row r="654083" spans="14:14">
      <c r="N654083" s="10"/>
    </row>
    <row r="654084" spans="14:14">
      <c r="N654084" s="10"/>
    </row>
    <row r="654085" spans="14:14">
      <c r="N654085" s="10"/>
    </row>
    <row r="654086" spans="14:14">
      <c r="N654086" s="10"/>
    </row>
    <row r="654087" spans="14:14">
      <c r="N654087" s="10"/>
    </row>
    <row r="654088" spans="14:14">
      <c r="N654088" s="10"/>
    </row>
    <row r="654089" spans="14:14">
      <c r="N654089" s="10"/>
    </row>
    <row r="654090" spans="14:14">
      <c r="N654090" s="10"/>
    </row>
    <row r="654091" spans="14:14">
      <c r="N654091" s="10"/>
    </row>
    <row r="654092" spans="14:14">
      <c r="N654092" s="10"/>
    </row>
    <row r="654093" spans="14:14">
      <c r="N654093" s="10"/>
    </row>
    <row r="654094" spans="14:14">
      <c r="N654094" s="10"/>
    </row>
    <row r="654095" spans="14:14">
      <c r="N654095" s="10"/>
    </row>
    <row r="654096" spans="14:14">
      <c r="N654096" s="10"/>
    </row>
    <row r="654097" spans="14:14">
      <c r="N654097" s="10"/>
    </row>
    <row r="654098" spans="14:14">
      <c r="N654098" s="10"/>
    </row>
    <row r="654099" spans="14:14">
      <c r="N654099" s="10"/>
    </row>
    <row r="654100" spans="14:14">
      <c r="N654100" s="10"/>
    </row>
    <row r="654101" spans="14:14">
      <c r="N654101" s="10"/>
    </row>
    <row r="654102" spans="14:14">
      <c r="N654102" s="10"/>
    </row>
    <row r="654103" spans="14:14">
      <c r="N654103" s="10"/>
    </row>
    <row r="654104" spans="14:14">
      <c r="N654104" s="10"/>
    </row>
    <row r="654105" spans="14:14">
      <c r="N654105" s="10"/>
    </row>
    <row r="654106" spans="14:14">
      <c r="N654106" s="10"/>
    </row>
    <row r="654107" spans="14:14">
      <c r="N654107" s="10"/>
    </row>
    <row r="654108" spans="14:14">
      <c r="N654108" s="10"/>
    </row>
    <row r="654109" spans="14:14">
      <c r="N654109" s="10"/>
    </row>
    <row r="654110" spans="14:14">
      <c r="N654110" s="10"/>
    </row>
    <row r="654111" spans="14:14">
      <c r="N654111" s="10"/>
    </row>
    <row r="654112" spans="14:14">
      <c r="N654112" s="10"/>
    </row>
    <row r="654113" spans="14:14">
      <c r="N654113" s="10"/>
    </row>
    <row r="654114" spans="14:14">
      <c r="N654114" s="10"/>
    </row>
    <row r="654115" spans="14:14">
      <c r="N654115" s="10"/>
    </row>
    <row r="654116" spans="14:14">
      <c r="N654116" s="10"/>
    </row>
    <row r="654117" spans="14:14">
      <c r="N654117" s="10"/>
    </row>
    <row r="654118" spans="14:14">
      <c r="N654118" s="10"/>
    </row>
    <row r="654119" spans="14:14">
      <c r="N654119" s="10"/>
    </row>
    <row r="654120" spans="14:14">
      <c r="N654120" s="10"/>
    </row>
    <row r="654121" spans="14:14">
      <c r="N654121" s="10"/>
    </row>
    <row r="654122" spans="14:14">
      <c r="N654122" s="10"/>
    </row>
    <row r="654123" spans="14:14">
      <c r="N654123" s="10"/>
    </row>
    <row r="654124" spans="14:14">
      <c r="N654124" s="10"/>
    </row>
    <row r="654125" spans="14:14">
      <c r="N654125" s="10"/>
    </row>
    <row r="654126" spans="14:14">
      <c r="N654126" s="10"/>
    </row>
    <row r="654127" spans="14:14">
      <c r="N654127" s="10"/>
    </row>
    <row r="654128" spans="14:14">
      <c r="N654128" s="10"/>
    </row>
    <row r="654129" spans="14:14">
      <c r="N654129" s="10"/>
    </row>
    <row r="654130" spans="14:14">
      <c r="N654130" s="10"/>
    </row>
    <row r="654131" spans="14:14">
      <c r="N654131" s="10"/>
    </row>
    <row r="654132" spans="14:14">
      <c r="N654132" s="10"/>
    </row>
    <row r="654133" spans="14:14">
      <c r="N654133" s="10"/>
    </row>
    <row r="654134" spans="14:14">
      <c r="N654134" s="10"/>
    </row>
    <row r="654135" spans="14:14">
      <c r="N654135" s="10"/>
    </row>
    <row r="654136" spans="14:14">
      <c r="N654136" s="10"/>
    </row>
    <row r="654137" spans="14:14">
      <c r="N654137" s="10"/>
    </row>
    <row r="654138" spans="14:14">
      <c r="N654138" s="10"/>
    </row>
    <row r="654139" spans="14:14">
      <c r="N654139" s="10"/>
    </row>
    <row r="654140" spans="14:14">
      <c r="N654140" s="10"/>
    </row>
    <row r="654141" spans="14:14">
      <c r="N654141" s="10"/>
    </row>
    <row r="654142" spans="14:14">
      <c r="N654142" s="10"/>
    </row>
    <row r="654143" spans="14:14">
      <c r="N654143" s="10"/>
    </row>
    <row r="654144" spans="14:14">
      <c r="N654144" s="10"/>
    </row>
    <row r="654145" spans="14:14">
      <c r="N654145" s="10"/>
    </row>
    <row r="654146" spans="14:14">
      <c r="N654146" s="10"/>
    </row>
    <row r="654147" spans="14:14">
      <c r="N654147" s="10"/>
    </row>
    <row r="654148" spans="14:14">
      <c r="N654148" s="10"/>
    </row>
    <row r="654149" spans="14:14">
      <c r="N654149" s="10"/>
    </row>
    <row r="654150" spans="14:14">
      <c r="N654150" s="10"/>
    </row>
    <row r="654151" spans="14:14">
      <c r="N654151" s="10"/>
    </row>
    <row r="654152" spans="14:14">
      <c r="N654152" s="10"/>
    </row>
    <row r="654153" spans="14:14">
      <c r="N654153" s="10"/>
    </row>
    <row r="654154" spans="14:14">
      <c r="N654154" s="10"/>
    </row>
    <row r="654155" spans="14:14">
      <c r="N654155" s="10"/>
    </row>
    <row r="654156" spans="14:14">
      <c r="N654156" s="10"/>
    </row>
    <row r="654157" spans="14:14">
      <c r="N654157" s="10"/>
    </row>
    <row r="654158" spans="14:14">
      <c r="N654158" s="10"/>
    </row>
    <row r="654159" spans="14:14">
      <c r="N654159" s="10"/>
    </row>
    <row r="654160" spans="14:14">
      <c r="N654160" s="10"/>
    </row>
    <row r="654161" spans="14:14">
      <c r="N654161" s="10"/>
    </row>
    <row r="654162" spans="14:14">
      <c r="N654162" s="10"/>
    </row>
    <row r="654163" spans="14:14">
      <c r="N654163" s="10"/>
    </row>
    <row r="654164" spans="14:14">
      <c r="N654164" s="10"/>
    </row>
    <row r="654165" spans="14:14">
      <c r="N654165" s="10"/>
    </row>
    <row r="654166" spans="14:14">
      <c r="N654166" s="10"/>
    </row>
    <row r="654167" spans="14:14">
      <c r="N654167" s="10"/>
    </row>
    <row r="654168" spans="14:14">
      <c r="N654168" s="10"/>
    </row>
    <row r="654169" spans="14:14">
      <c r="N654169" s="10"/>
    </row>
    <row r="654170" spans="14:14">
      <c r="N654170" s="10"/>
    </row>
    <row r="654171" spans="14:14">
      <c r="N654171" s="10"/>
    </row>
    <row r="654172" spans="14:14">
      <c r="N654172" s="10"/>
    </row>
    <row r="654173" spans="14:14">
      <c r="N654173" s="10"/>
    </row>
    <row r="654174" spans="14:14">
      <c r="N654174" s="10"/>
    </row>
    <row r="654175" spans="14:14">
      <c r="N654175" s="10"/>
    </row>
    <row r="654176" spans="14:14">
      <c r="N654176" s="10"/>
    </row>
    <row r="654177" spans="14:14">
      <c r="N654177" s="10"/>
    </row>
    <row r="654178" spans="14:14">
      <c r="N654178" s="10"/>
    </row>
    <row r="654179" spans="14:14">
      <c r="N654179" s="10"/>
    </row>
    <row r="654180" spans="14:14">
      <c r="N654180" s="10"/>
    </row>
    <row r="654181" spans="14:14">
      <c r="N654181" s="10"/>
    </row>
    <row r="654182" spans="14:14">
      <c r="N654182" s="10"/>
    </row>
    <row r="654183" spans="14:14">
      <c r="N654183" s="10"/>
    </row>
    <row r="654184" spans="14:14">
      <c r="N654184" s="10"/>
    </row>
    <row r="654185" spans="14:14">
      <c r="N654185" s="10"/>
    </row>
    <row r="654186" spans="14:14">
      <c r="N654186" s="10"/>
    </row>
    <row r="654187" spans="14:14">
      <c r="N654187" s="10"/>
    </row>
    <row r="654188" spans="14:14">
      <c r="N654188" s="10"/>
    </row>
    <row r="654189" spans="14:14">
      <c r="N654189" s="10"/>
    </row>
    <row r="654190" spans="14:14">
      <c r="N654190" s="10"/>
    </row>
    <row r="654191" spans="14:14">
      <c r="N654191" s="10"/>
    </row>
    <row r="654192" spans="14:14">
      <c r="N654192" s="10"/>
    </row>
    <row r="654193" spans="14:14">
      <c r="N654193" s="10"/>
    </row>
    <row r="654194" spans="14:14">
      <c r="N654194" s="10"/>
    </row>
    <row r="654195" spans="14:14">
      <c r="N654195" s="10"/>
    </row>
    <row r="654196" spans="14:14">
      <c r="N654196" s="10"/>
    </row>
    <row r="654197" spans="14:14">
      <c r="N654197" s="10"/>
    </row>
    <row r="654198" spans="14:14">
      <c r="N654198" s="10"/>
    </row>
    <row r="654199" spans="14:14">
      <c r="N654199" s="10"/>
    </row>
    <row r="654200" spans="14:14">
      <c r="N654200" s="10"/>
    </row>
    <row r="654201" spans="14:14">
      <c r="N654201" s="10"/>
    </row>
    <row r="654202" spans="14:14">
      <c r="N654202" s="10"/>
    </row>
    <row r="654203" spans="14:14">
      <c r="N654203" s="10"/>
    </row>
    <row r="654204" spans="14:14">
      <c r="N654204" s="10"/>
    </row>
    <row r="654205" spans="14:14">
      <c r="N654205" s="10"/>
    </row>
    <row r="654206" spans="14:14">
      <c r="N654206" s="10"/>
    </row>
    <row r="654207" spans="14:14">
      <c r="N654207" s="10"/>
    </row>
    <row r="654208" spans="14:14">
      <c r="N654208" s="10"/>
    </row>
    <row r="654209" spans="14:14">
      <c r="N654209" s="10"/>
    </row>
    <row r="654210" spans="14:14">
      <c r="N654210" s="10"/>
    </row>
    <row r="654211" spans="14:14">
      <c r="N654211" s="10"/>
    </row>
    <row r="654212" spans="14:14">
      <c r="N654212" s="10"/>
    </row>
    <row r="654213" spans="14:14">
      <c r="N654213" s="10"/>
    </row>
    <row r="654214" spans="14:14">
      <c r="N654214" s="10"/>
    </row>
    <row r="654215" spans="14:14">
      <c r="N654215" s="10"/>
    </row>
    <row r="654216" spans="14:14">
      <c r="N654216" s="10"/>
    </row>
    <row r="654217" spans="14:14">
      <c r="N654217" s="10"/>
    </row>
    <row r="654218" spans="14:14">
      <c r="N654218" s="10"/>
    </row>
    <row r="654219" spans="14:14">
      <c r="N654219" s="10"/>
    </row>
    <row r="654220" spans="14:14">
      <c r="N654220" s="10"/>
    </row>
    <row r="654221" spans="14:14">
      <c r="N654221" s="10"/>
    </row>
    <row r="654222" spans="14:14">
      <c r="N654222" s="10"/>
    </row>
    <row r="654223" spans="14:14">
      <c r="N654223" s="10"/>
    </row>
    <row r="654224" spans="14:14">
      <c r="N654224" s="10"/>
    </row>
    <row r="654225" spans="14:14">
      <c r="N654225" s="10"/>
    </row>
    <row r="654226" spans="14:14">
      <c r="N654226" s="10"/>
    </row>
    <row r="654227" spans="14:14">
      <c r="N654227" s="10"/>
    </row>
    <row r="654228" spans="14:14">
      <c r="N654228" s="10"/>
    </row>
    <row r="654229" spans="14:14">
      <c r="N654229" s="10"/>
    </row>
    <row r="654230" spans="14:14">
      <c r="N654230" s="10"/>
    </row>
    <row r="654231" spans="14:14">
      <c r="N654231" s="10"/>
    </row>
    <row r="654232" spans="14:14">
      <c r="N654232" s="10"/>
    </row>
    <row r="654233" spans="14:14">
      <c r="N654233" s="10"/>
    </row>
    <row r="654234" spans="14:14">
      <c r="N654234" s="10"/>
    </row>
    <row r="654235" spans="14:14">
      <c r="N654235" s="10"/>
    </row>
    <row r="654236" spans="14:14">
      <c r="N654236" s="10"/>
    </row>
    <row r="654237" spans="14:14">
      <c r="N654237" s="10"/>
    </row>
    <row r="654238" spans="14:14">
      <c r="N654238" s="10"/>
    </row>
    <row r="654239" spans="14:14">
      <c r="N654239" s="10"/>
    </row>
    <row r="654240" spans="14:14">
      <c r="N654240" s="10"/>
    </row>
    <row r="654241" spans="14:14">
      <c r="N654241" s="10"/>
    </row>
    <row r="654242" spans="14:14">
      <c r="N654242" s="10"/>
    </row>
    <row r="654243" spans="14:14">
      <c r="N654243" s="10"/>
    </row>
    <row r="654244" spans="14:14">
      <c r="N654244" s="10"/>
    </row>
    <row r="654245" spans="14:14">
      <c r="N654245" s="10"/>
    </row>
    <row r="654246" spans="14:14">
      <c r="N654246" s="10"/>
    </row>
    <row r="654247" spans="14:14">
      <c r="N654247" s="10"/>
    </row>
    <row r="654248" spans="14:14">
      <c r="N654248" s="10"/>
    </row>
    <row r="654249" spans="14:14">
      <c r="N654249" s="10"/>
    </row>
    <row r="654250" spans="14:14">
      <c r="N654250" s="10"/>
    </row>
    <row r="654251" spans="14:14">
      <c r="N654251" s="10"/>
    </row>
    <row r="654252" spans="14:14">
      <c r="N654252" s="10"/>
    </row>
    <row r="654253" spans="14:14">
      <c r="N654253" s="10"/>
    </row>
    <row r="654254" spans="14:14">
      <c r="N654254" s="10"/>
    </row>
    <row r="654255" spans="14:14">
      <c r="N654255" s="10"/>
    </row>
    <row r="654256" spans="14:14">
      <c r="N654256" s="10"/>
    </row>
    <row r="654257" spans="14:14">
      <c r="N654257" s="10"/>
    </row>
    <row r="654258" spans="14:14">
      <c r="N654258" s="10"/>
    </row>
    <row r="654259" spans="14:14">
      <c r="N654259" s="10"/>
    </row>
    <row r="654260" spans="14:14">
      <c r="N654260" s="10"/>
    </row>
    <row r="654261" spans="14:14">
      <c r="N654261" s="10"/>
    </row>
    <row r="654262" spans="14:14">
      <c r="N654262" s="10"/>
    </row>
    <row r="654263" spans="14:14">
      <c r="N654263" s="10"/>
    </row>
    <row r="654264" spans="14:14">
      <c r="N654264" s="10"/>
    </row>
    <row r="654265" spans="14:14">
      <c r="N654265" s="10"/>
    </row>
    <row r="654266" spans="14:14">
      <c r="N654266" s="10"/>
    </row>
    <row r="654267" spans="14:14">
      <c r="N654267" s="10"/>
    </row>
    <row r="654268" spans="14:14">
      <c r="N654268" s="10"/>
    </row>
    <row r="654269" spans="14:14">
      <c r="N654269" s="10"/>
    </row>
    <row r="654270" spans="14:14">
      <c r="N654270" s="10"/>
    </row>
    <row r="654271" spans="14:14">
      <c r="N654271" s="10"/>
    </row>
    <row r="654272" spans="14:14">
      <c r="N654272" s="10"/>
    </row>
    <row r="654273" spans="14:14">
      <c r="N654273" s="10"/>
    </row>
    <row r="654274" spans="14:14">
      <c r="N654274" s="10"/>
    </row>
    <row r="654275" spans="14:14">
      <c r="N654275" s="10"/>
    </row>
    <row r="654276" spans="14:14">
      <c r="N654276" s="10"/>
    </row>
    <row r="654277" spans="14:14">
      <c r="N654277" s="10"/>
    </row>
    <row r="654278" spans="14:14">
      <c r="N654278" s="10"/>
    </row>
    <row r="654279" spans="14:14">
      <c r="N654279" s="10"/>
    </row>
    <row r="654280" spans="14:14">
      <c r="N654280" s="10"/>
    </row>
    <row r="654281" spans="14:14">
      <c r="N654281" s="10"/>
    </row>
    <row r="654282" spans="14:14">
      <c r="N654282" s="10"/>
    </row>
    <row r="654283" spans="14:14">
      <c r="N654283" s="10"/>
    </row>
    <row r="654284" spans="14:14">
      <c r="N654284" s="10"/>
    </row>
    <row r="654285" spans="14:14">
      <c r="N654285" s="10"/>
    </row>
    <row r="654286" spans="14:14">
      <c r="N654286" s="10"/>
    </row>
    <row r="654287" spans="14:14">
      <c r="N654287" s="10"/>
    </row>
    <row r="654288" spans="14:14">
      <c r="N654288" s="10"/>
    </row>
    <row r="654289" spans="14:14">
      <c r="N654289" s="10"/>
    </row>
    <row r="654290" spans="14:14">
      <c r="N654290" s="10"/>
    </row>
    <row r="654291" spans="14:14">
      <c r="N654291" s="10"/>
    </row>
    <row r="654292" spans="14:14">
      <c r="N654292" s="10"/>
    </row>
    <row r="654293" spans="14:14">
      <c r="N654293" s="10"/>
    </row>
    <row r="654294" spans="14:14">
      <c r="N654294" s="10"/>
    </row>
    <row r="654295" spans="14:14">
      <c r="N654295" s="10"/>
    </row>
    <row r="654296" spans="14:14">
      <c r="N654296" s="10"/>
    </row>
    <row r="654297" spans="14:14">
      <c r="N654297" s="10"/>
    </row>
    <row r="654298" spans="14:14">
      <c r="N654298" s="10"/>
    </row>
    <row r="654299" spans="14:14">
      <c r="N654299" s="10"/>
    </row>
    <row r="654300" spans="14:14">
      <c r="N654300" s="10"/>
    </row>
    <row r="654301" spans="14:14">
      <c r="N654301" s="10"/>
    </row>
    <row r="654302" spans="14:14">
      <c r="N654302" s="10"/>
    </row>
    <row r="654303" spans="14:14">
      <c r="N654303" s="10"/>
    </row>
    <row r="654304" spans="14:14">
      <c r="N654304" s="10"/>
    </row>
    <row r="654305" spans="14:14">
      <c r="N654305" s="10"/>
    </row>
    <row r="654306" spans="14:14">
      <c r="N654306" s="10"/>
    </row>
    <row r="654307" spans="14:14">
      <c r="N654307" s="10"/>
    </row>
    <row r="654308" spans="14:14">
      <c r="N654308" s="10"/>
    </row>
    <row r="654309" spans="14:14">
      <c r="N654309" s="10"/>
    </row>
    <row r="654310" spans="14:14">
      <c r="N654310" s="10"/>
    </row>
    <row r="654311" spans="14:14">
      <c r="N654311" s="10"/>
    </row>
    <row r="654312" spans="14:14">
      <c r="N654312" s="10"/>
    </row>
    <row r="654313" spans="14:14">
      <c r="N654313" s="10"/>
    </row>
    <row r="654314" spans="14:14">
      <c r="N654314" s="10"/>
    </row>
    <row r="654315" spans="14:14">
      <c r="N654315" s="10"/>
    </row>
    <row r="654316" spans="14:14">
      <c r="N654316" s="10"/>
    </row>
    <row r="654317" spans="14:14">
      <c r="N654317" s="10"/>
    </row>
    <row r="654318" spans="14:14">
      <c r="N654318" s="10"/>
    </row>
    <row r="654319" spans="14:14">
      <c r="N654319" s="10"/>
    </row>
    <row r="654320" spans="14:14">
      <c r="N654320" s="10"/>
    </row>
    <row r="654321" spans="14:14">
      <c r="N654321" s="10"/>
    </row>
    <row r="654322" spans="14:14">
      <c r="N654322" s="10"/>
    </row>
    <row r="654323" spans="14:14">
      <c r="N654323" s="10"/>
    </row>
    <row r="654324" spans="14:14">
      <c r="N654324" s="10"/>
    </row>
    <row r="654325" spans="14:14">
      <c r="N654325" s="10"/>
    </row>
    <row r="654326" spans="14:14">
      <c r="N654326" s="10"/>
    </row>
    <row r="654327" spans="14:14">
      <c r="N654327" s="10"/>
    </row>
    <row r="654328" spans="14:14">
      <c r="N654328" s="10"/>
    </row>
    <row r="654329" spans="14:14">
      <c r="N654329" s="10"/>
    </row>
    <row r="654330" spans="14:14">
      <c r="N654330" s="10"/>
    </row>
    <row r="654331" spans="14:14">
      <c r="N654331" s="10"/>
    </row>
    <row r="654332" spans="14:14">
      <c r="N654332" s="10"/>
    </row>
    <row r="654333" spans="14:14">
      <c r="N654333" s="10"/>
    </row>
    <row r="654334" spans="14:14">
      <c r="N654334" s="10"/>
    </row>
    <row r="654335" spans="14:14">
      <c r="N654335" s="10"/>
    </row>
    <row r="654336" spans="14:14">
      <c r="N654336" s="10"/>
    </row>
    <row r="654337" spans="14:14">
      <c r="N654337" s="10"/>
    </row>
    <row r="654338" spans="14:14">
      <c r="N654338" s="10"/>
    </row>
    <row r="654339" spans="14:14">
      <c r="N654339" s="10"/>
    </row>
    <row r="654340" spans="14:14">
      <c r="N654340" s="10"/>
    </row>
    <row r="654341" spans="14:14">
      <c r="N654341" s="10"/>
    </row>
    <row r="654342" spans="14:14">
      <c r="N654342" s="10"/>
    </row>
    <row r="654343" spans="14:14">
      <c r="N654343" s="10"/>
    </row>
    <row r="654344" spans="14:14">
      <c r="N654344" s="10"/>
    </row>
    <row r="654345" spans="14:14">
      <c r="N654345" s="10"/>
    </row>
    <row r="654346" spans="14:14">
      <c r="N654346" s="10"/>
    </row>
    <row r="654347" spans="14:14">
      <c r="N654347" s="10"/>
    </row>
    <row r="654348" spans="14:14">
      <c r="N654348" s="10"/>
    </row>
    <row r="654349" spans="14:14">
      <c r="N654349" s="10"/>
    </row>
    <row r="654350" spans="14:14">
      <c r="N654350" s="10"/>
    </row>
    <row r="654351" spans="14:14">
      <c r="N654351" s="10"/>
    </row>
    <row r="654352" spans="14:14">
      <c r="N654352" s="10"/>
    </row>
    <row r="654353" spans="14:14">
      <c r="N654353" s="10"/>
    </row>
    <row r="654354" spans="14:14">
      <c r="N654354" s="10"/>
    </row>
    <row r="654355" spans="14:14">
      <c r="N654355" s="10"/>
    </row>
    <row r="654356" spans="14:14">
      <c r="N654356" s="10"/>
    </row>
    <row r="654357" spans="14:14">
      <c r="N654357" s="10"/>
    </row>
    <row r="654358" spans="14:14">
      <c r="N654358" s="10"/>
    </row>
    <row r="654359" spans="14:14">
      <c r="N654359" s="10"/>
    </row>
    <row r="654360" spans="14:14">
      <c r="N654360" s="10"/>
    </row>
    <row r="654361" spans="14:14">
      <c r="N654361" s="10"/>
    </row>
    <row r="654362" spans="14:14">
      <c r="N654362" s="10"/>
    </row>
    <row r="654363" spans="14:14">
      <c r="N654363" s="10"/>
    </row>
    <row r="654364" spans="14:14">
      <c r="N654364" s="10"/>
    </row>
    <row r="654365" spans="14:14">
      <c r="N654365" s="10"/>
    </row>
    <row r="654366" spans="14:14">
      <c r="N654366" s="10"/>
    </row>
    <row r="654367" spans="14:14">
      <c r="N654367" s="10"/>
    </row>
    <row r="654368" spans="14:14">
      <c r="N654368" s="10"/>
    </row>
    <row r="654369" spans="14:14">
      <c r="N654369" s="10"/>
    </row>
    <row r="654370" spans="14:14">
      <c r="N654370" s="10"/>
    </row>
    <row r="654371" spans="14:14">
      <c r="N654371" s="10"/>
    </row>
    <row r="654372" spans="14:14">
      <c r="N654372" s="10"/>
    </row>
    <row r="654373" spans="14:14">
      <c r="N654373" s="10"/>
    </row>
    <row r="654374" spans="14:14">
      <c r="N654374" s="10"/>
    </row>
    <row r="654375" spans="14:14">
      <c r="N654375" s="10"/>
    </row>
    <row r="654376" spans="14:14">
      <c r="N654376" s="10"/>
    </row>
    <row r="654377" spans="14:14">
      <c r="N654377" s="10"/>
    </row>
    <row r="654378" spans="14:14">
      <c r="N654378" s="10"/>
    </row>
    <row r="654379" spans="14:14">
      <c r="N654379" s="10"/>
    </row>
    <row r="654380" spans="14:14">
      <c r="N654380" s="10"/>
    </row>
    <row r="654381" spans="14:14">
      <c r="N654381" s="10"/>
    </row>
    <row r="654382" spans="14:14">
      <c r="N654382" s="10"/>
    </row>
    <row r="654383" spans="14:14">
      <c r="N654383" s="10"/>
    </row>
    <row r="654384" spans="14:14">
      <c r="N654384" s="10"/>
    </row>
    <row r="654385" spans="14:14">
      <c r="N654385" s="10"/>
    </row>
    <row r="654386" spans="14:14">
      <c r="N654386" s="10"/>
    </row>
    <row r="654387" spans="14:14">
      <c r="N654387" s="10"/>
    </row>
    <row r="654388" spans="14:14">
      <c r="N654388" s="10"/>
    </row>
    <row r="654389" spans="14:14">
      <c r="N654389" s="10"/>
    </row>
    <row r="654390" spans="14:14">
      <c r="N654390" s="10"/>
    </row>
    <row r="654391" spans="14:14">
      <c r="N654391" s="10"/>
    </row>
    <row r="654392" spans="14:14">
      <c r="N654392" s="10"/>
    </row>
    <row r="654393" spans="14:14">
      <c r="N654393" s="10"/>
    </row>
    <row r="654394" spans="14:14">
      <c r="N654394" s="10"/>
    </row>
    <row r="654395" spans="14:14">
      <c r="N654395" s="10"/>
    </row>
    <row r="654396" spans="14:14">
      <c r="N654396" s="10"/>
    </row>
    <row r="654397" spans="14:14">
      <c r="N654397" s="10"/>
    </row>
    <row r="654398" spans="14:14">
      <c r="N654398" s="10"/>
    </row>
    <row r="654399" spans="14:14">
      <c r="N654399" s="10"/>
    </row>
    <row r="654400" spans="14:14">
      <c r="N654400" s="10"/>
    </row>
    <row r="654401" spans="14:14">
      <c r="N654401" s="10"/>
    </row>
    <row r="654402" spans="14:14">
      <c r="N654402" s="10"/>
    </row>
    <row r="654403" spans="14:14">
      <c r="N654403" s="10"/>
    </row>
    <row r="654404" spans="14:14">
      <c r="N654404" s="10"/>
    </row>
    <row r="654405" spans="14:14">
      <c r="N654405" s="10"/>
    </row>
    <row r="654406" spans="14:14">
      <c r="N654406" s="10"/>
    </row>
    <row r="654407" spans="14:14">
      <c r="N654407" s="10"/>
    </row>
    <row r="654408" spans="14:14">
      <c r="N654408" s="10"/>
    </row>
    <row r="654409" spans="14:14">
      <c r="N654409" s="10"/>
    </row>
    <row r="654410" spans="14:14">
      <c r="N654410" s="10"/>
    </row>
    <row r="654411" spans="14:14">
      <c r="N654411" s="10"/>
    </row>
    <row r="654412" spans="14:14">
      <c r="N654412" s="10"/>
    </row>
    <row r="654413" spans="14:14">
      <c r="N654413" s="10"/>
    </row>
    <row r="654414" spans="14:14">
      <c r="N654414" s="10"/>
    </row>
    <row r="654415" spans="14:14">
      <c r="N654415" s="10"/>
    </row>
    <row r="654416" spans="14:14">
      <c r="N654416" s="10"/>
    </row>
    <row r="654417" spans="14:14">
      <c r="N654417" s="10"/>
    </row>
    <row r="654418" spans="14:14">
      <c r="N654418" s="10"/>
    </row>
    <row r="654419" spans="14:14">
      <c r="N654419" s="10"/>
    </row>
    <row r="654420" spans="14:14">
      <c r="N654420" s="10"/>
    </row>
    <row r="654421" spans="14:14">
      <c r="N654421" s="10"/>
    </row>
    <row r="654422" spans="14:14">
      <c r="N654422" s="10"/>
    </row>
    <row r="654423" spans="14:14">
      <c r="N654423" s="10"/>
    </row>
    <row r="654424" spans="14:14">
      <c r="N654424" s="10"/>
    </row>
    <row r="654425" spans="14:14">
      <c r="N654425" s="10"/>
    </row>
    <row r="654426" spans="14:14">
      <c r="N654426" s="10"/>
    </row>
    <row r="654427" spans="14:14">
      <c r="N654427" s="10"/>
    </row>
    <row r="654428" spans="14:14">
      <c r="N654428" s="10"/>
    </row>
    <row r="654429" spans="14:14">
      <c r="N654429" s="10"/>
    </row>
    <row r="654430" spans="14:14">
      <c r="N654430" s="10"/>
    </row>
    <row r="654431" spans="14:14">
      <c r="N654431" s="10"/>
    </row>
    <row r="654432" spans="14:14">
      <c r="N654432" s="10"/>
    </row>
    <row r="654433" spans="14:14">
      <c r="N654433" s="10"/>
    </row>
    <row r="654434" spans="14:14">
      <c r="N654434" s="10"/>
    </row>
    <row r="654435" spans="14:14">
      <c r="N654435" s="10"/>
    </row>
    <row r="654436" spans="14:14">
      <c r="N654436" s="10"/>
    </row>
    <row r="654437" spans="14:14">
      <c r="N654437" s="10"/>
    </row>
    <row r="654438" spans="14:14">
      <c r="N654438" s="10"/>
    </row>
    <row r="654439" spans="14:14">
      <c r="N654439" s="10"/>
    </row>
    <row r="654440" spans="14:14">
      <c r="N654440" s="10"/>
    </row>
    <row r="654441" spans="14:14">
      <c r="N654441" s="10"/>
    </row>
    <row r="654442" spans="14:14">
      <c r="N654442" s="10"/>
    </row>
    <row r="654443" spans="14:14">
      <c r="N654443" s="10"/>
    </row>
    <row r="654444" spans="14:14">
      <c r="N654444" s="10"/>
    </row>
    <row r="654445" spans="14:14">
      <c r="N654445" s="10"/>
    </row>
    <row r="654446" spans="14:14">
      <c r="N654446" s="10"/>
    </row>
    <row r="654447" spans="14:14">
      <c r="N654447" s="10"/>
    </row>
    <row r="654448" spans="14:14">
      <c r="N654448" s="10"/>
    </row>
    <row r="654449" spans="14:14">
      <c r="N654449" s="10"/>
    </row>
    <row r="654450" spans="14:14">
      <c r="N654450" s="10"/>
    </row>
    <row r="654451" spans="14:14">
      <c r="N654451" s="10"/>
    </row>
    <row r="654452" spans="14:14">
      <c r="N654452" s="10"/>
    </row>
    <row r="654453" spans="14:14">
      <c r="N654453" s="10"/>
    </row>
    <row r="654454" spans="14:14">
      <c r="N654454" s="10"/>
    </row>
    <row r="654455" spans="14:14">
      <c r="N654455" s="10"/>
    </row>
    <row r="654456" spans="14:14">
      <c r="N654456" s="10"/>
    </row>
    <row r="654457" spans="14:14">
      <c r="N654457" s="10"/>
    </row>
    <row r="654458" spans="14:14">
      <c r="N654458" s="10"/>
    </row>
    <row r="654459" spans="14:14">
      <c r="N654459" s="10"/>
    </row>
    <row r="654460" spans="14:14">
      <c r="N654460" s="10"/>
    </row>
    <row r="654461" spans="14:14">
      <c r="N654461" s="10"/>
    </row>
    <row r="654462" spans="14:14">
      <c r="N654462" s="10"/>
    </row>
    <row r="654463" spans="14:14">
      <c r="N654463" s="10"/>
    </row>
    <row r="654464" spans="14:14">
      <c r="N654464" s="10"/>
    </row>
    <row r="654465" spans="14:14">
      <c r="N654465" s="10"/>
    </row>
    <row r="654466" spans="14:14">
      <c r="N654466" s="10"/>
    </row>
    <row r="654467" spans="14:14">
      <c r="N654467" s="10"/>
    </row>
    <row r="654468" spans="14:14">
      <c r="N654468" s="10"/>
    </row>
    <row r="654469" spans="14:14">
      <c r="N654469" s="10"/>
    </row>
    <row r="654470" spans="14:14">
      <c r="N654470" s="10"/>
    </row>
    <row r="654471" spans="14:14">
      <c r="N654471" s="10"/>
    </row>
    <row r="654472" spans="14:14">
      <c r="N654472" s="10"/>
    </row>
    <row r="654473" spans="14:14">
      <c r="N654473" s="10"/>
    </row>
    <row r="654474" spans="14:14">
      <c r="N654474" s="10"/>
    </row>
    <row r="654475" spans="14:14">
      <c r="N654475" s="10"/>
    </row>
    <row r="654476" spans="14:14">
      <c r="N654476" s="10"/>
    </row>
    <row r="654477" spans="14:14">
      <c r="N654477" s="10"/>
    </row>
    <row r="654478" spans="14:14">
      <c r="N654478" s="10"/>
    </row>
    <row r="654479" spans="14:14">
      <c r="N654479" s="10"/>
    </row>
    <row r="654480" spans="14:14">
      <c r="N654480" s="10"/>
    </row>
    <row r="654481" spans="14:14">
      <c r="N654481" s="10"/>
    </row>
    <row r="654482" spans="14:14">
      <c r="N654482" s="10"/>
    </row>
    <row r="654483" spans="14:14">
      <c r="N654483" s="10"/>
    </row>
    <row r="654484" spans="14:14">
      <c r="N654484" s="10"/>
    </row>
    <row r="654485" spans="14:14">
      <c r="N654485" s="10"/>
    </row>
    <row r="654486" spans="14:14">
      <c r="N654486" s="10"/>
    </row>
    <row r="654487" spans="14:14">
      <c r="N654487" s="10"/>
    </row>
    <row r="654488" spans="14:14">
      <c r="N654488" s="10"/>
    </row>
    <row r="654489" spans="14:14">
      <c r="N654489" s="10"/>
    </row>
    <row r="654490" spans="14:14">
      <c r="N654490" s="10"/>
    </row>
    <row r="654491" spans="14:14">
      <c r="N654491" s="10"/>
    </row>
    <row r="654492" spans="14:14">
      <c r="N654492" s="10"/>
    </row>
    <row r="654493" spans="14:14">
      <c r="N654493" s="10"/>
    </row>
    <row r="654494" spans="14:14">
      <c r="N654494" s="10"/>
    </row>
    <row r="654495" spans="14:14">
      <c r="N654495" s="10"/>
    </row>
    <row r="654496" spans="14:14">
      <c r="N654496" s="10"/>
    </row>
    <row r="654497" spans="14:14">
      <c r="N654497" s="10"/>
    </row>
    <row r="654498" spans="14:14">
      <c r="N654498" s="10"/>
    </row>
    <row r="654499" spans="14:14">
      <c r="N654499" s="10"/>
    </row>
    <row r="654500" spans="14:14">
      <c r="N654500" s="10"/>
    </row>
    <row r="654501" spans="14:14">
      <c r="N654501" s="10"/>
    </row>
    <row r="654502" spans="14:14">
      <c r="N654502" s="10"/>
    </row>
    <row r="654503" spans="14:14">
      <c r="N654503" s="10"/>
    </row>
    <row r="654504" spans="14:14">
      <c r="N654504" s="10"/>
    </row>
    <row r="654505" spans="14:14">
      <c r="N654505" s="10"/>
    </row>
    <row r="654506" spans="14:14">
      <c r="N654506" s="10"/>
    </row>
    <row r="654507" spans="14:14">
      <c r="N654507" s="10"/>
    </row>
    <row r="654508" spans="14:14">
      <c r="N654508" s="10"/>
    </row>
    <row r="654509" spans="14:14">
      <c r="N654509" s="10"/>
    </row>
    <row r="654510" spans="14:14">
      <c r="N654510" s="10"/>
    </row>
    <row r="654511" spans="14:14">
      <c r="N654511" s="10"/>
    </row>
    <row r="654512" spans="14:14">
      <c r="N654512" s="10"/>
    </row>
    <row r="654513" spans="14:14">
      <c r="N654513" s="10"/>
    </row>
    <row r="654514" spans="14:14">
      <c r="N654514" s="10"/>
    </row>
    <row r="654515" spans="14:14">
      <c r="N654515" s="10"/>
    </row>
    <row r="654516" spans="14:14">
      <c r="N654516" s="10"/>
    </row>
    <row r="654517" spans="14:14">
      <c r="N654517" s="10"/>
    </row>
    <row r="654518" spans="14:14">
      <c r="N654518" s="10"/>
    </row>
    <row r="654519" spans="14:14">
      <c r="N654519" s="10"/>
    </row>
    <row r="654520" spans="14:14">
      <c r="N654520" s="10"/>
    </row>
    <row r="654521" spans="14:14">
      <c r="N654521" s="10"/>
    </row>
    <row r="654522" spans="14:14">
      <c r="N654522" s="10"/>
    </row>
    <row r="654523" spans="14:14">
      <c r="N654523" s="10"/>
    </row>
    <row r="654524" spans="14:14">
      <c r="N654524" s="10"/>
    </row>
    <row r="654525" spans="14:14">
      <c r="N654525" s="10"/>
    </row>
    <row r="654526" spans="14:14">
      <c r="N654526" s="10"/>
    </row>
    <row r="654527" spans="14:14">
      <c r="N654527" s="10"/>
    </row>
    <row r="654528" spans="14:14">
      <c r="N654528" s="10"/>
    </row>
    <row r="654529" spans="14:14">
      <c r="N654529" s="10"/>
    </row>
    <row r="654530" spans="14:14">
      <c r="N654530" s="10"/>
    </row>
    <row r="654531" spans="14:14">
      <c r="N654531" s="10"/>
    </row>
    <row r="654532" spans="14:14">
      <c r="N654532" s="10"/>
    </row>
    <row r="654533" spans="14:14">
      <c r="N654533" s="10"/>
    </row>
    <row r="654534" spans="14:14">
      <c r="N654534" s="10"/>
    </row>
    <row r="654535" spans="14:14">
      <c r="N654535" s="10"/>
    </row>
    <row r="654536" spans="14:14">
      <c r="N654536" s="10"/>
    </row>
    <row r="654537" spans="14:14">
      <c r="N654537" s="10"/>
    </row>
    <row r="654538" spans="14:14">
      <c r="N654538" s="10"/>
    </row>
    <row r="654539" spans="14:14">
      <c r="N654539" s="10"/>
    </row>
    <row r="654540" spans="14:14">
      <c r="N654540" s="10"/>
    </row>
    <row r="654541" spans="14:14">
      <c r="N654541" s="10"/>
    </row>
    <row r="654542" spans="14:14">
      <c r="N654542" s="10"/>
    </row>
    <row r="654543" spans="14:14">
      <c r="N654543" s="10"/>
    </row>
    <row r="654544" spans="14:14">
      <c r="N654544" s="10"/>
    </row>
    <row r="654545" spans="14:14">
      <c r="N654545" s="10"/>
    </row>
    <row r="654546" spans="14:14">
      <c r="N654546" s="10"/>
    </row>
    <row r="654547" spans="14:14">
      <c r="N654547" s="10"/>
    </row>
    <row r="654548" spans="14:14">
      <c r="N654548" s="10"/>
    </row>
    <row r="654549" spans="14:14">
      <c r="N654549" s="10"/>
    </row>
    <row r="654550" spans="14:14">
      <c r="N654550" s="10"/>
    </row>
    <row r="654551" spans="14:14">
      <c r="N654551" s="10"/>
    </row>
    <row r="654552" spans="14:14">
      <c r="N654552" s="10"/>
    </row>
    <row r="654553" spans="14:14">
      <c r="N654553" s="10"/>
    </row>
    <row r="654554" spans="14:14">
      <c r="N654554" s="10"/>
    </row>
    <row r="654555" spans="14:14">
      <c r="N654555" s="10"/>
    </row>
    <row r="654556" spans="14:14">
      <c r="N654556" s="10"/>
    </row>
    <row r="654557" spans="14:14">
      <c r="N654557" s="10"/>
    </row>
    <row r="654558" spans="14:14">
      <c r="N654558" s="10"/>
    </row>
    <row r="654559" spans="14:14">
      <c r="N654559" s="10"/>
    </row>
    <row r="654560" spans="14:14">
      <c r="N654560" s="10"/>
    </row>
    <row r="654561" spans="14:14">
      <c r="N654561" s="10"/>
    </row>
    <row r="654562" spans="14:14">
      <c r="N654562" s="10"/>
    </row>
    <row r="654563" spans="14:14">
      <c r="N654563" s="10"/>
    </row>
    <row r="654564" spans="14:14">
      <c r="N654564" s="10"/>
    </row>
    <row r="654565" spans="14:14">
      <c r="N654565" s="10"/>
    </row>
    <row r="654566" spans="14:14">
      <c r="N654566" s="10"/>
    </row>
    <row r="654567" spans="14:14">
      <c r="N654567" s="10"/>
    </row>
    <row r="654568" spans="14:14">
      <c r="N654568" s="10"/>
    </row>
    <row r="654569" spans="14:14">
      <c r="N654569" s="10"/>
    </row>
    <row r="654570" spans="14:14">
      <c r="N654570" s="10"/>
    </row>
    <row r="654571" spans="14:14">
      <c r="N654571" s="10"/>
    </row>
    <row r="654572" spans="14:14">
      <c r="N654572" s="10"/>
    </row>
    <row r="654573" spans="14:14">
      <c r="N654573" s="10"/>
    </row>
    <row r="654574" spans="14:14">
      <c r="N654574" s="10"/>
    </row>
    <row r="654575" spans="14:14">
      <c r="N654575" s="10"/>
    </row>
    <row r="654576" spans="14:14">
      <c r="N654576" s="10"/>
    </row>
    <row r="654577" spans="14:14">
      <c r="N654577" s="10"/>
    </row>
    <row r="654578" spans="14:14">
      <c r="N654578" s="10"/>
    </row>
    <row r="654579" spans="14:14">
      <c r="N654579" s="10"/>
    </row>
    <row r="654580" spans="14:14">
      <c r="N654580" s="10"/>
    </row>
    <row r="654581" spans="14:14">
      <c r="N654581" s="10"/>
    </row>
    <row r="654582" spans="14:14">
      <c r="N654582" s="10"/>
    </row>
    <row r="654583" spans="14:14">
      <c r="N654583" s="10"/>
    </row>
    <row r="654584" spans="14:14">
      <c r="N654584" s="10"/>
    </row>
    <row r="654585" spans="14:14">
      <c r="N654585" s="10"/>
    </row>
    <row r="654586" spans="14:14">
      <c r="N654586" s="10"/>
    </row>
    <row r="654587" spans="14:14">
      <c r="N654587" s="10"/>
    </row>
    <row r="654588" spans="14:14">
      <c r="N654588" s="10"/>
    </row>
    <row r="654589" spans="14:14">
      <c r="N654589" s="10"/>
    </row>
    <row r="654590" spans="14:14">
      <c r="N654590" s="10"/>
    </row>
    <row r="654591" spans="14:14">
      <c r="N654591" s="10"/>
    </row>
    <row r="654592" spans="14:14">
      <c r="N654592" s="10"/>
    </row>
    <row r="654593" spans="14:14">
      <c r="N654593" s="10"/>
    </row>
    <row r="654594" spans="14:14">
      <c r="N654594" s="10"/>
    </row>
    <row r="654595" spans="14:14">
      <c r="N654595" s="10"/>
    </row>
    <row r="654596" spans="14:14">
      <c r="N654596" s="10"/>
    </row>
    <row r="654597" spans="14:14">
      <c r="N654597" s="10"/>
    </row>
    <row r="654598" spans="14:14">
      <c r="N654598" s="10"/>
    </row>
    <row r="654599" spans="14:14">
      <c r="N654599" s="10"/>
    </row>
    <row r="654600" spans="14:14">
      <c r="N654600" s="10"/>
    </row>
    <row r="654601" spans="14:14">
      <c r="N654601" s="10"/>
    </row>
    <row r="654602" spans="14:14">
      <c r="N654602" s="10"/>
    </row>
    <row r="654603" spans="14:14">
      <c r="N654603" s="10"/>
    </row>
    <row r="654604" spans="14:14">
      <c r="N654604" s="10"/>
    </row>
    <row r="654605" spans="14:14">
      <c r="N654605" s="10"/>
    </row>
    <row r="654606" spans="14:14">
      <c r="N654606" s="10"/>
    </row>
    <row r="654607" spans="14:14">
      <c r="N654607" s="10"/>
    </row>
    <row r="654608" spans="14:14">
      <c r="N654608" s="10"/>
    </row>
    <row r="654609" spans="14:14">
      <c r="N654609" s="10"/>
    </row>
    <row r="654610" spans="14:14">
      <c r="N654610" s="10"/>
    </row>
    <row r="654611" spans="14:14">
      <c r="N654611" s="10"/>
    </row>
    <row r="654612" spans="14:14">
      <c r="N654612" s="10"/>
    </row>
    <row r="654613" spans="14:14">
      <c r="N654613" s="10"/>
    </row>
    <row r="654614" spans="14:14">
      <c r="N654614" s="10"/>
    </row>
    <row r="654615" spans="14:14">
      <c r="N654615" s="10"/>
    </row>
    <row r="654616" spans="14:14">
      <c r="N654616" s="10"/>
    </row>
    <row r="654617" spans="14:14">
      <c r="N654617" s="10"/>
    </row>
    <row r="654618" spans="14:14">
      <c r="N654618" s="10"/>
    </row>
    <row r="654619" spans="14:14">
      <c r="N654619" s="10"/>
    </row>
    <row r="654620" spans="14:14">
      <c r="N654620" s="10"/>
    </row>
    <row r="654621" spans="14:14">
      <c r="N654621" s="10"/>
    </row>
    <row r="654622" spans="14:14">
      <c r="N654622" s="10"/>
    </row>
    <row r="654623" spans="14:14">
      <c r="N654623" s="10"/>
    </row>
    <row r="654624" spans="14:14">
      <c r="N654624" s="10"/>
    </row>
    <row r="654625" spans="14:14">
      <c r="N654625" s="10"/>
    </row>
    <row r="654626" spans="14:14">
      <c r="N654626" s="10"/>
    </row>
    <row r="654627" spans="14:14">
      <c r="N654627" s="10"/>
    </row>
    <row r="654628" spans="14:14">
      <c r="N654628" s="10"/>
    </row>
    <row r="654629" spans="14:14">
      <c r="N654629" s="10"/>
    </row>
    <row r="654630" spans="14:14">
      <c r="N654630" s="10"/>
    </row>
    <row r="654631" spans="14:14">
      <c r="N654631" s="10"/>
    </row>
    <row r="654632" spans="14:14">
      <c r="N654632" s="10"/>
    </row>
    <row r="654633" spans="14:14">
      <c r="N654633" s="10"/>
    </row>
    <row r="654634" spans="14:14">
      <c r="N654634" s="10"/>
    </row>
    <row r="654635" spans="14:14">
      <c r="N654635" s="10"/>
    </row>
    <row r="654636" spans="14:14">
      <c r="N654636" s="10"/>
    </row>
    <row r="654637" spans="14:14">
      <c r="N654637" s="10"/>
    </row>
    <row r="654638" spans="14:14">
      <c r="N654638" s="10"/>
    </row>
    <row r="654639" spans="14:14">
      <c r="N654639" s="10"/>
    </row>
    <row r="654640" spans="14:14">
      <c r="N654640" s="10"/>
    </row>
    <row r="654641" spans="14:14">
      <c r="N654641" s="10"/>
    </row>
    <row r="654642" spans="14:14">
      <c r="N654642" s="10"/>
    </row>
    <row r="654643" spans="14:14">
      <c r="N654643" s="10"/>
    </row>
    <row r="654644" spans="14:14">
      <c r="N654644" s="10"/>
    </row>
    <row r="654645" spans="14:14">
      <c r="N654645" s="10"/>
    </row>
    <row r="654646" spans="14:14">
      <c r="N654646" s="10"/>
    </row>
    <row r="654647" spans="14:14">
      <c r="N654647" s="10"/>
    </row>
    <row r="654648" spans="14:14">
      <c r="N654648" s="10"/>
    </row>
    <row r="654649" spans="14:14">
      <c r="N654649" s="10"/>
    </row>
    <row r="654650" spans="14:14">
      <c r="N654650" s="10"/>
    </row>
    <row r="654651" spans="14:14">
      <c r="N654651" s="10"/>
    </row>
    <row r="654652" spans="14:14">
      <c r="N654652" s="10"/>
    </row>
    <row r="654653" spans="14:14">
      <c r="N654653" s="10"/>
    </row>
    <row r="654654" spans="14:14">
      <c r="N654654" s="10"/>
    </row>
    <row r="654655" spans="14:14">
      <c r="N654655" s="10"/>
    </row>
    <row r="654656" spans="14:14">
      <c r="N654656" s="10"/>
    </row>
    <row r="654657" spans="14:14">
      <c r="N654657" s="10"/>
    </row>
    <row r="654658" spans="14:14">
      <c r="N654658" s="10"/>
    </row>
    <row r="654659" spans="14:14">
      <c r="N654659" s="10"/>
    </row>
    <row r="654660" spans="14:14">
      <c r="N654660" s="10"/>
    </row>
    <row r="654661" spans="14:14">
      <c r="N654661" s="10"/>
    </row>
    <row r="654662" spans="14:14">
      <c r="N654662" s="10"/>
    </row>
    <row r="654663" spans="14:14">
      <c r="N654663" s="10"/>
    </row>
    <row r="654664" spans="14:14">
      <c r="N654664" s="10"/>
    </row>
    <row r="654665" spans="14:14">
      <c r="N654665" s="10"/>
    </row>
    <row r="654666" spans="14:14">
      <c r="N654666" s="10"/>
    </row>
    <row r="654667" spans="14:14">
      <c r="N654667" s="10"/>
    </row>
    <row r="654668" spans="14:14">
      <c r="N654668" s="10"/>
    </row>
    <row r="654669" spans="14:14">
      <c r="N654669" s="10"/>
    </row>
    <row r="654670" spans="14:14">
      <c r="N654670" s="10"/>
    </row>
    <row r="654671" spans="14:14">
      <c r="N654671" s="10"/>
    </row>
    <row r="654672" spans="14:14">
      <c r="N654672" s="10"/>
    </row>
    <row r="654673" spans="14:14">
      <c r="N654673" s="10"/>
    </row>
    <row r="654674" spans="14:14">
      <c r="N654674" s="10"/>
    </row>
    <row r="654675" spans="14:14">
      <c r="N654675" s="10"/>
    </row>
    <row r="654676" spans="14:14">
      <c r="N654676" s="10"/>
    </row>
    <row r="654677" spans="14:14">
      <c r="N654677" s="10"/>
    </row>
    <row r="654678" spans="14:14">
      <c r="N654678" s="10"/>
    </row>
    <row r="654679" spans="14:14">
      <c r="N654679" s="10"/>
    </row>
    <row r="654680" spans="14:14">
      <c r="N654680" s="10"/>
    </row>
    <row r="654681" spans="14:14">
      <c r="N654681" s="10"/>
    </row>
    <row r="654682" spans="14:14">
      <c r="N654682" s="10"/>
    </row>
    <row r="654683" spans="14:14">
      <c r="N654683" s="10"/>
    </row>
    <row r="654684" spans="14:14">
      <c r="N654684" s="10"/>
    </row>
    <row r="654685" spans="14:14">
      <c r="N654685" s="10"/>
    </row>
    <row r="654686" spans="14:14">
      <c r="N654686" s="10"/>
    </row>
    <row r="654687" spans="14:14">
      <c r="N654687" s="10"/>
    </row>
    <row r="654688" spans="14:14">
      <c r="N654688" s="10"/>
    </row>
    <row r="654689" spans="14:14">
      <c r="N654689" s="10"/>
    </row>
    <row r="654690" spans="14:14">
      <c r="N654690" s="10"/>
    </row>
    <row r="654691" spans="14:14">
      <c r="N654691" s="10"/>
    </row>
    <row r="654692" spans="14:14">
      <c r="N654692" s="10"/>
    </row>
    <row r="654693" spans="14:14">
      <c r="N654693" s="10"/>
    </row>
    <row r="654694" spans="14:14">
      <c r="N654694" s="10"/>
    </row>
    <row r="654695" spans="14:14">
      <c r="N654695" s="10"/>
    </row>
    <row r="654696" spans="14:14">
      <c r="N654696" s="10"/>
    </row>
    <row r="654697" spans="14:14">
      <c r="N654697" s="10"/>
    </row>
    <row r="654698" spans="14:14">
      <c r="N654698" s="10"/>
    </row>
    <row r="654699" spans="14:14">
      <c r="N654699" s="10"/>
    </row>
    <row r="654700" spans="14:14">
      <c r="N654700" s="10"/>
    </row>
    <row r="654701" spans="14:14">
      <c r="N654701" s="10"/>
    </row>
    <row r="654702" spans="14:14">
      <c r="N654702" s="10"/>
    </row>
    <row r="654703" spans="14:14">
      <c r="N654703" s="10"/>
    </row>
    <row r="654704" spans="14:14">
      <c r="N654704" s="10"/>
    </row>
    <row r="654705" spans="14:14">
      <c r="N654705" s="10"/>
    </row>
    <row r="654706" spans="14:14">
      <c r="N654706" s="10"/>
    </row>
    <row r="654707" spans="14:14">
      <c r="N654707" s="10"/>
    </row>
    <row r="654708" spans="14:14">
      <c r="N654708" s="10"/>
    </row>
    <row r="654709" spans="14:14">
      <c r="N654709" s="10"/>
    </row>
    <row r="654710" spans="14:14">
      <c r="N654710" s="10"/>
    </row>
    <row r="654711" spans="14:14">
      <c r="N654711" s="10"/>
    </row>
    <row r="654712" spans="14:14">
      <c r="N654712" s="10"/>
    </row>
    <row r="654713" spans="14:14">
      <c r="N654713" s="10"/>
    </row>
    <row r="654714" spans="14:14">
      <c r="N654714" s="10"/>
    </row>
    <row r="654715" spans="14:14">
      <c r="N654715" s="10"/>
    </row>
    <row r="654716" spans="14:14">
      <c r="N654716" s="10"/>
    </row>
    <row r="654717" spans="14:14">
      <c r="N654717" s="10"/>
    </row>
    <row r="654718" spans="14:14">
      <c r="N654718" s="10"/>
    </row>
    <row r="654719" spans="14:14">
      <c r="N654719" s="10"/>
    </row>
    <row r="654720" spans="14:14">
      <c r="N654720" s="10"/>
    </row>
    <row r="654721" spans="14:14">
      <c r="N654721" s="10"/>
    </row>
    <row r="654722" spans="14:14">
      <c r="N654722" s="10"/>
    </row>
    <row r="654723" spans="14:14">
      <c r="N654723" s="10"/>
    </row>
    <row r="654724" spans="14:14">
      <c r="N654724" s="10"/>
    </row>
    <row r="654725" spans="14:14">
      <c r="N654725" s="10"/>
    </row>
    <row r="654726" spans="14:14">
      <c r="N654726" s="10"/>
    </row>
    <row r="654727" spans="14:14">
      <c r="N654727" s="10"/>
    </row>
    <row r="654728" spans="14:14">
      <c r="N654728" s="10"/>
    </row>
    <row r="654729" spans="14:14">
      <c r="N654729" s="10"/>
    </row>
    <row r="654730" spans="14:14">
      <c r="N654730" s="10"/>
    </row>
    <row r="654731" spans="14:14">
      <c r="N654731" s="10"/>
    </row>
    <row r="654732" spans="14:14">
      <c r="N654732" s="10"/>
    </row>
    <row r="654733" spans="14:14">
      <c r="N654733" s="10"/>
    </row>
    <row r="654734" spans="14:14">
      <c r="N654734" s="10"/>
    </row>
    <row r="654735" spans="14:14">
      <c r="N654735" s="10"/>
    </row>
    <row r="654736" spans="14:14">
      <c r="N654736" s="10"/>
    </row>
    <row r="654737" spans="14:14">
      <c r="N654737" s="10"/>
    </row>
    <row r="654738" spans="14:14">
      <c r="N654738" s="10"/>
    </row>
    <row r="654739" spans="14:14">
      <c r="N654739" s="10"/>
    </row>
    <row r="654740" spans="14:14">
      <c r="N654740" s="10"/>
    </row>
    <row r="654741" spans="14:14">
      <c r="N654741" s="10"/>
    </row>
    <row r="654742" spans="14:14">
      <c r="N654742" s="10"/>
    </row>
    <row r="654743" spans="14:14">
      <c r="N654743" s="10"/>
    </row>
    <row r="654744" spans="14:14">
      <c r="N654744" s="10"/>
    </row>
    <row r="654745" spans="14:14">
      <c r="N654745" s="10"/>
    </row>
    <row r="654746" spans="14:14">
      <c r="N654746" s="10"/>
    </row>
    <row r="654747" spans="14:14">
      <c r="N654747" s="10"/>
    </row>
    <row r="654748" spans="14:14">
      <c r="N654748" s="10"/>
    </row>
    <row r="654749" spans="14:14">
      <c r="N654749" s="10"/>
    </row>
    <row r="654750" spans="14:14">
      <c r="N654750" s="10"/>
    </row>
    <row r="654751" spans="14:14">
      <c r="N654751" s="10"/>
    </row>
    <row r="654752" spans="14:14">
      <c r="N654752" s="10"/>
    </row>
    <row r="654753" spans="14:14">
      <c r="N654753" s="10"/>
    </row>
    <row r="654754" spans="14:14">
      <c r="N654754" s="10"/>
    </row>
    <row r="654755" spans="14:14">
      <c r="N654755" s="10"/>
    </row>
    <row r="654756" spans="14:14">
      <c r="N654756" s="10"/>
    </row>
    <row r="654757" spans="14:14">
      <c r="N654757" s="10"/>
    </row>
    <row r="654758" spans="14:14">
      <c r="N654758" s="10"/>
    </row>
    <row r="654759" spans="14:14">
      <c r="N654759" s="10"/>
    </row>
    <row r="654760" spans="14:14">
      <c r="N654760" s="10"/>
    </row>
    <row r="654761" spans="14:14">
      <c r="N654761" s="10"/>
    </row>
    <row r="654762" spans="14:14">
      <c r="N654762" s="10"/>
    </row>
    <row r="654763" spans="14:14">
      <c r="N654763" s="10"/>
    </row>
    <row r="654764" spans="14:14">
      <c r="N654764" s="10"/>
    </row>
    <row r="654765" spans="14:14">
      <c r="N654765" s="10"/>
    </row>
    <row r="654766" spans="14:14">
      <c r="N654766" s="10"/>
    </row>
    <row r="654767" spans="14:14">
      <c r="N654767" s="10"/>
    </row>
    <row r="654768" spans="14:14">
      <c r="N654768" s="10"/>
    </row>
    <row r="654769" spans="14:14">
      <c r="N654769" s="10"/>
    </row>
    <row r="654770" spans="14:14">
      <c r="N654770" s="10"/>
    </row>
    <row r="654771" spans="14:14">
      <c r="N654771" s="10"/>
    </row>
    <row r="654772" spans="14:14">
      <c r="N654772" s="10"/>
    </row>
    <row r="654773" spans="14:14">
      <c r="N654773" s="10"/>
    </row>
    <row r="654774" spans="14:14">
      <c r="N654774" s="10"/>
    </row>
    <row r="654775" spans="14:14">
      <c r="N654775" s="10"/>
    </row>
    <row r="654776" spans="14:14">
      <c r="N654776" s="10"/>
    </row>
    <row r="654777" spans="14:14">
      <c r="N654777" s="10"/>
    </row>
    <row r="654778" spans="14:14">
      <c r="N654778" s="10"/>
    </row>
    <row r="654779" spans="14:14">
      <c r="N654779" s="10"/>
    </row>
    <row r="654780" spans="14:14">
      <c r="N654780" s="10"/>
    </row>
    <row r="654781" spans="14:14">
      <c r="N654781" s="10"/>
    </row>
    <row r="654782" spans="14:14">
      <c r="N654782" s="10"/>
    </row>
    <row r="654783" spans="14:14">
      <c r="N654783" s="10"/>
    </row>
    <row r="654784" spans="14:14">
      <c r="N654784" s="10"/>
    </row>
    <row r="654785" spans="14:14">
      <c r="N654785" s="10"/>
    </row>
    <row r="654786" spans="14:14">
      <c r="N654786" s="10"/>
    </row>
    <row r="654787" spans="14:14">
      <c r="N654787" s="10"/>
    </row>
    <row r="654788" spans="14:14">
      <c r="N654788" s="10"/>
    </row>
    <row r="654789" spans="14:14">
      <c r="N654789" s="10"/>
    </row>
    <row r="654790" spans="14:14">
      <c r="N654790" s="10"/>
    </row>
    <row r="654791" spans="14:14">
      <c r="N654791" s="10"/>
    </row>
    <row r="654792" spans="14:14">
      <c r="N654792" s="10"/>
    </row>
    <row r="654793" spans="14:14">
      <c r="N654793" s="10"/>
    </row>
    <row r="654794" spans="14:14">
      <c r="N654794" s="10"/>
    </row>
    <row r="654795" spans="14:14">
      <c r="N654795" s="10"/>
    </row>
    <row r="654796" spans="14:14">
      <c r="N654796" s="10"/>
    </row>
    <row r="654797" spans="14:14">
      <c r="N654797" s="10"/>
    </row>
    <row r="654798" spans="14:14">
      <c r="N654798" s="10"/>
    </row>
    <row r="654799" spans="14:14">
      <c r="N654799" s="10"/>
    </row>
    <row r="654800" spans="14:14">
      <c r="N654800" s="10"/>
    </row>
    <row r="654801" spans="14:14">
      <c r="N654801" s="10"/>
    </row>
    <row r="654802" spans="14:14">
      <c r="N654802" s="10"/>
    </row>
    <row r="654803" spans="14:14">
      <c r="N654803" s="10"/>
    </row>
    <row r="654804" spans="14:14">
      <c r="N654804" s="10"/>
    </row>
    <row r="654805" spans="14:14">
      <c r="N654805" s="10"/>
    </row>
    <row r="654806" spans="14:14">
      <c r="N654806" s="10"/>
    </row>
    <row r="654807" spans="14:14">
      <c r="N654807" s="10"/>
    </row>
    <row r="654808" spans="14:14">
      <c r="N654808" s="10"/>
    </row>
    <row r="654809" spans="14:14">
      <c r="N654809" s="10"/>
    </row>
    <row r="654810" spans="14:14">
      <c r="N654810" s="10"/>
    </row>
    <row r="654811" spans="14:14">
      <c r="N654811" s="10"/>
    </row>
    <row r="654812" spans="14:14">
      <c r="N654812" s="10"/>
    </row>
    <row r="654813" spans="14:14">
      <c r="N654813" s="10"/>
    </row>
    <row r="654814" spans="14:14">
      <c r="N654814" s="10"/>
    </row>
    <row r="654815" spans="14:14">
      <c r="N654815" s="10"/>
    </row>
    <row r="654816" spans="14:14">
      <c r="N654816" s="10"/>
    </row>
    <row r="654817" spans="14:14">
      <c r="N654817" s="10"/>
    </row>
    <row r="654818" spans="14:14">
      <c r="N654818" s="10"/>
    </row>
    <row r="654819" spans="14:14">
      <c r="N654819" s="10"/>
    </row>
    <row r="654820" spans="14:14">
      <c r="N654820" s="10"/>
    </row>
    <row r="654821" spans="14:14">
      <c r="N654821" s="10"/>
    </row>
    <row r="654822" spans="14:14">
      <c r="N654822" s="10"/>
    </row>
    <row r="654823" spans="14:14">
      <c r="N654823" s="10"/>
    </row>
    <row r="654824" spans="14:14">
      <c r="N654824" s="10"/>
    </row>
    <row r="654825" spans="14:14">
      <c r="N654825" s="10"/>
    </row>
    <row r="654826" spans="14:14">
      <c r="N654826" s="10"/>
    </row>
    <row r="654827" spans="14:14">
      <c r="N654827" s="10"/>
    </row>
    <row r="654828" spans="14:14">
      <c r="N654828" s="10"/>
    </row>
    <row r="654829" spans="14:14">
      <c r="N654829" s="10"/>
    </row>
    <row r="654830" spans="14:14">
      <c r="N654830" s="10"/>
    </row>
    <row r="654831" spans="14:14">
      <c r="N654831" s="10"/>
    </row>
    <row r="654832" spans="14:14">
      <c r="N654832" s="10"/>
    </row>
    <row r="654833" spans="14:14">
      <c r="N654833" s="10"/>
    </row>
    <row r="654834" spans="14:14">
      <c r="N654834" s="10"/>
    </row>
    <row r="654835" spans="14:14">
      <c r="N654835" s="10"/>
    </row>
    <row r="654836" spans="14:14">
      <c r="N654836" s="10"/>
    </row>
    <row r="654837" spans="14:14">
      <c r="N654837" s="10"/>
    </row>
    <row r="654838" spans="14:14">
      <c r="N654838" s="10"/>
    </row>
    <row r="654839" spans="14:14">
      <c r="N654839" s="10"/>
    </row>
    <row r="654840" spans="14:14">
      <c r="N654840" s="10"/>
    </row>
    <row r="654841" spans="14:14">
      <c r="N654841" s="10"/>
    </row>
    <row r="654842" spans="14:14">
      <c r="N654842" s="10"/>
    </row>
    <row r="654843" spans="14:14">
      <c r="N654843" s="10"/>
    </row>
    <row r="654844" spans="14:14">
      <c r="N654844" s="10"/>
    </row>
    <row r="654845" spans="14:14">
      <c r="N654845" s="10"/>
    </row>
    <row r="654846" spans="14:14">
      <c r="N654846" s="10"/>
    </row>
    <row r="654847" spans="14:14">
      <c r="N654847" s="10"/>
    </row>
    <row r="654848" spans="14:14">
      <c r="N654848" s="10"/>
    </row>
    <row r="654849" spans="14:14">
      <c r="N654849" s="10"/>
    </row>
    <row r="654850" spans="14:14">
      <c r="N654850" s="10"/>
    </row>
    <row r="654851" spans="14:14">
      <c r="N654851" s="10"/>
    </row>
    <row r="654852" spans="14:14">
      <c r="N654852" s="10"/>
    </row>
    <row r="654853" spans="14:14">
      <c r="N654853" s="10"/>
    </row>
    <row r="654854" spans="14:14">
      <c r="N654854" s="10"/>
    </row>
    <row r="654855" spans="14:14">
      <c r="N654855" s="10"/>
    </row>
    <row r="654856" spans="14:14">
      <c r="N654856" s="10"/>
    </row>
    <row r="654857" spans="14:14">
      <c r="N654857" s="10"/>
    </row>
    <row r="654858" spans="14:14">
      <c r="N654858" s="10"/>
    </row>
    <row r="654859" spans="14:14">
      <c r="N654859" s="10"/>
    </row>
    <row r="654860" spans="14:14">
      <c r="N654860" s="10"/>
    </row>
    <row r="654861" spans="14:14">
      <c r="N654861" s="10"/>
    </row>
    <row r="654862" spans="14:14">
      <c r="N654862" s="10"/>
    </row>
    <row r="654863" spans="14:14">
      <c r="N654863" s="10"/>
    </row>
    <row r="654864" spans="14:14">
      <c r="N654864" s="10"/>
    </row>
    <row r="654865" spans="14:14">
      <c r="N654865" s="10"/>
    </row>
    <row r="654866" spans="14:14">
      <c r="N654866" s="10"/>
    </row>
    <row r="654867" spans="14:14">
      <c r="N654867" s="10"/>
    </row>
    <row r="654868" spans="14:14">
      <c r="N654868" s="10"/>
    </row>
    <row r="654869" spans="14:14">
      <c r="N654869" s="10"/>
    </row>
    <row r="654870" spans="14:14">
      <c r="N654870" s="10"/>
    </row>
    <row r="654871" spans="14:14">
      <c r="N654871" s="10"/>
    </row>
    <row r="654872" spans="14:14">
      <c r="N654872" s="10"/>
    </row>
    <row r="654873" spans="14:14">
      <c r="N654873" s="10"/>
    </row>
    <row r="654874" spans="14:14">
      <c r="N654874" s="10"/>
    </row>
    <row r="654875" spans="14:14">
      <c r="N654875" s="10"/>
    </row>
    <row r="654876" spans="14:14">
      <c r="N654876" s="10"/>
    </row>
    <row r="654877" spans="14:14">
      <c r="N654877" s="10"/>
    </row>
    <row r="654878" spans="14:14">
      <c r="N654878" s="10"/>
    </row>
    <row r="654879" spans="14:14">
      <c r="N654879" s="10"/>
    </row>
    <row r="654880" spans="14:14">
      <c r="N654880" s="10"/>
    </row>
    <row r="654881" spans="14:14">
      <c r="N654881" s="10"/>
    </row>
    <row r="654882" spans="14:14">
      <c r="N654882" s="10"/>
    </row>
    <row r="654883" spans="14:14">
      <c r="N654883" s="10"/>
    </row>
    <row r="654884" spans="14:14">
      <c r="N654884" s="10"/>
    </row>
    <row r="654885" spans="14:14">
      <c r="N654885" s="10"/>
    </row>
    <row r="654886" spans="14:14">
      <c r="N654886" s="10"/>
    </row>
    <row r="654887" spans="14:14">
      <c r="N654887" s="10"/>
    </row>
    <row r="654888" spans="14:14">
      <c r="N654888" s="10"/>
    </row>
    <row r="654889" spans="14:14">
      <c r="N654889" s="10"/>
    </row>
    <row r="654890" spans="14:14">
      <c r="N654890" s="10"/>
    </row>
    <row r="654891" spans="14:14">
      <c r="N654891" s="10"/>
    </row>
    <row r="654892" spans="14:14">
      <c r="N654892" s="10"/>
    </row>
    <row r="654893" spans="14:14">
      <c r="N654893" s="10"/>
    </row>
    <row r="654894" spans="14:14">
      <c r="N654894" s="10"/>
    </row>
    <row r="654895" spans="14:14">
      <c r="N654895" s="10"/>
    </row>
    <row r="654896" spans="14:14">
      <c r="N654896" s="10"/>
    </row>
    <row r="654897" spans="14:14">
      <c r="N654897" s="10"/>
    </row>
    <row r="654898" spans="14:14">
      <c r="N654898" s="10"/>
    </row>
    <row r="654899" spans="14:14">
      <c r="N654899" s="10"/>
    </row>
    <row r="654900" spans="14:14">
      <c r="N654900" s="10"/>
    </row>
    <row r="654901" spans="14:14">
      <c r="N654901" s="10"/>
    </row>
    <row r="654902" spans="14:14">
      <c r="N654902" s="10"/>
    </row>
    <row r="654903" spans="14:14">
      <c r="N654903" s="10"/>
    </row>
    <row r="654904" spans="14:14">
      <c r="N654904" s="10"/>
    </row>
    <row r="654905" spans="14:14">
      <c r="N654905" s="10"/>
    </row>
    <row r="654906" spans="14:14">
      <c r="N654906" s="10"/>
    </row>
    <row r="654907" spans="14:14">
      <c r="N654907" s="10"/>
    </row>
    <row r="654908" spans="14:14">
      <c r="N654908" s="10"/>
    </row>
    <row r="654909" spans="14:14">
      <c r="N654909" s="10"/>
    </row>
    <row r="654910" spans="14:14">
      <c r="N654910" s="10"/>
    </row>
    <row r="654911" spans="14:14">
      <c r="N654911" s="10"/>
    </row>
    <row r="654912" spans="14:14">
      <c r="N654912" s="10"/>
    </row>
    <row r="654913" spans="14:14">
      <c r="N654913" s="10"/>
    </row>
    <row r="654914" spans="14:14">
      <c r="N654914" s="10"/>
    </row>
    <row r="654915" spans="14:14">
      <c r="N654915" s="10"/>
    </row>
    <row r="654916" spans="14:14">
      <c r="N654916" s="10"/>
    </row>
    <row r="654917" spans="14:14">
      <c r="N654917" s="10"/>
    </row>
    <row r="654918" spans="14:14">
      <c r="N654918" s="10"/>
    </row>
    <row r="654919" spans="14:14">
      <c r="N654919" s="10"/>
    </row>
    <row r="654920" spans="14:14">
      <c r="N654920" s="10"/>
    </row>
    <row r="654921" spans="14:14">
      <c r="N654921" s="10"/>
    </row>
    <row r="654922" spans="14:14">
      <c r="N654922" s="10"/>
    </row>
    <row r="654923" spans="14:14">
      <c r="N654923" s="10"/>
    </row>
    <row r="654924" spans="14:14">
      <c r="N654924" s="10"/>
    </row>
    <row r="654925" spans="14:14">
      <c r="N654925" s="10"/>
    </row>
    <row r="654926" spans="14:14">
      <c r="N654926" s="10"/>
    </row>
    <row r="654927" spans="14:14">
      <c r="N654927" s="10"/>
    </row>
    <row r="654928" spans="14:14">
      <c r="N654928" s="10"/>
    </row>
    <row r="654929" spans="14:14">
      <c r="N654929" s="10"/>
    </row>
    <row r="654930" spans="14:14">
      <c r="N654930" s="10"/>
    </row>
    <row r="654931" spans="14:14">
      <c r="N654931" s="10"/>
    </row>
    <row r="654932" spans="14:14">
      <c r="N654932" s="10"/>
    </row>
    <row r="654933" spans="14:14">
      <c r="N654933" s="10"/>
    </row>
    <row r="654934" spans="14:14">
      <c r="N654934" s="10"/>
    </row>
    <row r="654935" spans="14:14">
      <c r="N654935" s="10"/>
    </row>
    <row r="654936" spans="14:14">
      <c r="N654936" s="10"/>
    </row>
    <row r="654937" spans="14:14">
      <c r="N654937" s="10"/>
    </row>
    <row r="654938" spans="14:14">
      <c r="N654938" s="10"/>
    </row>
    <row r="654939" spans="14:14">
      <c r="N654939" s="10"/>
    </row>
    <row r="654940" spans="14:14">
      <c r="N654940" s="10"/>
    </row>
    <row r="654941" spans="14:14">
      <c r="N654941" s="10"/>
    </row>
    <row r="654942" spans="14:14">
      <c r="N654942" s="10"/>
    </row>
    <row r="654943" spans="14:14">
      <c r="N654943" s="10"/>
    </row>
    <row r="654944" spans="14:14">
      <c r="N654944" s="10"/>
    </row>
    <row r="654945" spans="14:14">
      <c r="N654945" s="10"/>
    </row>
    <row r="654946" spans="14:14">
      <c r="N654946" s="10"/>
    </row>
    <row r="654947" spans="14:14">
      <c r="N654947" s="10"/>
    </row>
    <row r="654948" spans="14:14">
      <c r="N654948" s="10"/>
    </row>
    <row r="654949" spans="14:14">
      <c r="N654949" s="10"/>
    </row>
    <row r="654950" spans="14:14">
      <c r="N654950" s="10"/>
    </row>
    <row r="654951" spans="14:14">
      <c r="N654951" s="10"/>
    </row>
    <row r="654952" spans="14:14">
      <c r="N654952" s="10"/>
    </row>
    <row r="654953" spans="14:14">
      <c r="N654953" s="10"/>
    </row>
    <row r="654954" spans="14:14">
      <c r="N654954" s="10"/>
    </row>
    <row r="654955" spans="14:14">
      <c r="N654955" s="10"/>
    </row>
    <row r="654956" spans="14:14">
      <c r="N654956" s="10"/>
    </row>
    <row r="654957" spans="14:14">
      <c r="N654957" s="10"/>
    </row>
    <row r="654958" spans="14:14">
      <c r="N654958" s="10"/>
    </row>
    <row r="654959" spans="14:14">
      <c r="N654959" s="10"/>
    </row>
    <row r="654960" spans="14:14">
      <c r="N654960" s="10"/>
    </row>
    <row r="654961" spans="14:14">
      <c r="N654961" s="10"/>
    </row>
    <row r="654962" spans="14:14">
      <c r="N654962" s="10"/>
    </row>
    <row r="654963" spans="14:14">
      <c r="N654963" s="10"/>
    </row>
    <row r="654964" spans="14:14">
      <c r="N654964" s="10"/>
    </row>
    <row r="654965" spans="14:14">
      <c r="N654965" s="10"/>
    </row>
    <row r="654966" spans="14:14">
      <c r="N654966" s="10"/>
    </row>
    <row r="654967" spans="14:14">
      <c r="N654967" s="10"/>
    </row>
    <row r="654968" spans="14:14">
      <c r="N654968" s="10"/>
    </row>
    <row r="654969" spans="14:14">
      <c r="N654969" s="10"/>
    </row>
    <row r="654970" spans="14:14">
      <c r="N654970" s="10"/>
    </row>
    <row r="654971" spans="14:14">
      <c r="N654971" s="10"/>
    </row>
    <row r="654972" spans="14:14">
      <c r="N654972" s="10"/>
    </row>
    <row r="654973" spans="14:14">
      <c r="N654973" s="10"/>
    </row>
    <row r="654974" spans="14:14">
      <c r="N654974" s="10"/>
    </row>
    <row r="654975" spans="14:14">
      <c r="N654975" s="10"/>
    </row>
    <row r="654976" spans="14:14">
      <c r="N654976" s="10"/>
    </row>
    <row r="654977" spans="14:14">
      <c r="N654977" s="10"/>
    </row>
    <row r="654978" spans="14:14">
      <c r="N654978" s="10"/>
    </row>
    <row r="654979" spans="14:14">
      <c r="N654979" s="10"/>
    </row>
    <row r="654980" spans="14:14">
      <c r="N654980" s="10"/>
    </row>
    <row r="654981" spans="14:14">
      <c r="N654981" s="10"/>
    </row>
    <row r="654982" spans="14:14">
      <c r="N654982" s="10"/>
    </row>
    <row r="654983" spans="14:14">
      <c r="N654983" s="10"/>
    </row>
    <row r="654984" spans="14:14">
      <c r="N654984" s="10"/>
    </row>
    <row r="654985" spans="14:14">
      <c r="N654985" s="10"/>
    </row>
    <row r="654986" spans="14:14">
      <c r="N654986" s="10"/>
    </row>
    <row r="654987" spans="14:14">
      <c r="N654987" s="10"/>
    </row>
    <row r="654988" spans="14:14">
      <c r="N654988" s="10"/>
    </row>
    <row r="654989" spans="14:14">
      <c r="N654989" s="10"/>
    </row>
    <row r="654990" spans="14:14">
      <c r="N654990" s="10"/>
    </row>
    <row r="654991" spans="14:14">
      <c r="N654991" s="10"/>
    </row>
    <row r="654992" spans="14:14">
      <c r="N654992" s="10"/>
    </row>
    <row r="654993" spans="14:14">
      <c r="N654993" s="10"/>
    </row>
    <row r="654994" spans="14:14">
      <c r="N654994" s="10"/>
    </row>
    <row r="654995" spans="14:14">
      <c r="N654995" s="10"/>
    </row>
    <row r="654996" spans="14:14">
      <c r="N654996" s="10"/>
    </row>
    <row r="654997" spans="14:14">
      <c r="N654997" s="10"/>
    </row>
    <row r="654998" spans="14:14">
      <c r="N654998" s="10"/>
    </row>
    <row r="654999" spans="14:14">
      <c r="N654999" s="10"/>
    </row>
    <row r="655000" spans="14:14">
      <c r="N655000" s="10"/>
    </row>
    <row r="655001" spans="14:14">
      <c r="N655001" s="10"/>
    </row>
    <row r="655002" spans="14:14">
      <c r="N655002" s="10"/>
    </row>
    <row r="655003" spans="14:14">
      <c r="N655003" s="10"/>
    </row>
    <row r="655004" spans="14:14">
      <c r="N655004" s="10"/>
    </row>
    <row r="655005" spans="14:14">
      <c r="N655005" s="10"/>
    </row>
    <row r="655006" spans="14:14">
      <c r="N655006" s="10"/>
    </row>
    <row r="655007" spans="14:14">
      <c r="N655007" s="10"/>
    </row>
    <row r="655008" spans="14:14">
      <c r="N655008" s="10"/>
    </row>
    <row r="655009" spans="14:14">
      <c r="N655009" s="10"/>
    </row>
    <row r="655010" spans="14:14">
      <c r="N655010" s="10"/>
    </row>
    <row r="655011" spans="14:14">
      <c r="N655011" s="10"/>
    </row>
    <row r="655012" spans="14:14">
      <c r="N655012" s="10"/>
    </row>
    <row r="655013" spans="14:14">
      <c r="N655013" s="10"/>
    </row>
    <row r="655014" spans="14:14">
      <c r="N655014" s="10"/>
    </row>
    <row r="655015" spans="14:14">
      <c r="N655015" s="10"/>
    </row>
    <row r="655016" spans="14:14">
      <c r="N655016" s="10"/>
    </row>
    <row r="655017" spans="14:14">
      <c r="N655017" s="10"/>
    </row>
    <row r="655018" spans="14:14">
      <c r="N655018" s="10"/>
    </row>
    <row r="655019" spans="14:14">
      <c r="N655019" s="10"/>
    </row>
    <row r="655020" spans="14:14">
      <c r="N655020" s="10"/>
    </row>
    <row r="655021" spans="14:14">
      <c r="N655021" s="10"/>
    </row>
    <row r="655022" spans="14:14">
      <c r="N655022" s="10"/>
    </row>
    <row r="655023" spans="14:14">
      <c r="N655023" s="10"/>
    </row>
    <row r="655024" spans="14:14">
      <c r="N655024" s="10"/>
    </row>
    <row r="655025" spans="14:14">
      <c r="N655025" s="10"/>
    </row>
    <row r="655026" spans="14:14">
      <c r="N655026" s="10"/>
    </row>
    <row r="655027" spans="14:14">
      <c r="N655027" s="10"/>
    </row>
    <row r="655028" spans="14:14">
      <c r="N655028" s="10"/>
    </row>
    <row r="655029" spans="14:14">
      <c r="N655029" s="10"/>
    </row>
    <row r="655030" spans="14:14">
      <c r="N655030" s="10"/>
    </row>
    <row r="655031" spans="14:14">
      <c r="N655031" s="10"/>
    </row>
    <row r="655032" spans="14:14">
      <c r="N655032" s="10"/>
    </row>
    <row r="655033" spans="14:14">
      <c r="N655033" s="10"/>
    </row>
    <row r="655034" spans="14:14">
      <c r="N655034" s="10"/>
    </row>
    <row r="655035" spans="14:14">
      <c r="N655035" s="10"/>
    </row>
    <row r="655036" spans="14:14">
      <c r="N655036" s="10"/>
    </row>
    <row r="655037" spans="14:14">
      <c r="N655037" s="10"/>
    </row>
    <row r="655038" spans="14:14">
      <c r="N655038" s="10"/>
    </row>
    <row r="655039" spans="14:14">
      <c r="N655039" s="10"/>
    </row>
    <row r="655040" spans="14:14">
      <c r="N655040" s="10"/>
    </row>
    <row r="655041" spans="14:14">
      <c r="N655041" s="10"/>
    </row>
    <row r="655042" spans="14:14">
      <c r="N655042" s="10"/>
    </row>
    <row r="655043" spans="14:14">
      <c r="N655043" s="10"/>
    </row>
    <row r="655044" spans="14:14">
      <c r="N655044" s="10"/>
    </row>
    <row r="655045" spans="14:14">
      <c r="N655045" s="10"/>
    </row>
    <row r="655046" spans="14:14">
      <c r="N655046" s="10"/>
    </row>
    <row r="655047" spans="14:14">
      <c r="N655047" s="10"/>
    </row>
    <row r="655048" spans="14:14">
      <c r="N655048" s="10"/>
    </row>
    <row r="655049" spans="14:14">
      <c r="N655049" s="10"/>
    </row>
    <row r="655050" spans="14:14">
      <c r="N655050" s="10"/>
    </row>
    <row r="655051" spans="14:14">
      <c r="N655051" s="10"/>
    </row>
    <row r="655052" spans="14:14">
      <c r="N655052" s="10"/>
    </row>
    <row r="655053" spans="14:14">
      <c r="N655053" s="10"/>
    </row>
    <row r="655054" spans="14:14">
      <c r="N655054" s="10"/>
    </row>
    <row r="655055" spans="14:14">
      <c r="N655055" s="10"/>
    </row>
    <row r="655056" spans="14:14">
      <c r="N655056" s="10"/>
    </row>
    <row r="655057" spans="14:14">
      <c r="N655057" s="10"/>
    </row>
    <row r="655058" spans="14:14">
      <c r="N655058" s="10"/>
    </row>
    <row r="655059" spans="14:14">
      <c r="N655059" s="10"/>
    </row>
    <row r="655060" spans="14:14">
      <c r="N655060" s="10"/>
    </row>
    <row r="655061" spans="14:14">
      <c r="N655061" s="10"/>
    </row>
    <row r="655062" spans="14:14">
      <c r="N655062" s="10"/>
    </row>
    <row r="655063" spans="14:14">
      <c r="N655063" s="10"/>
    </row>
    <row r="655064" spans="14:14">
      <c r="N655064" s="10"/>
    </row>
    <row r="655065" spans="14:14">
      <c r="N655065" s="10"/>
    </row>
    <row r="655066" spans="14:14">
      <c r="N655066" s="10"/>
    </row>
    <row r="655067" spans="14:14">
      <c r="N655067" s="10"/>
    </row>
    <row r="655068" spans="14:14">
      <c r="N655068" s="10"/>
    </row>
    <row r="655069" spans="14:14">
      <c r="N655069" s="10"/>
    </row>
    <row r="655070" spans="14:14">
      <c r="N655070" s="10"/>
    </row>
    <row r="655071" spans="14:14">
      <c r="N655071" s="10"/>
    </row>
    <row r="655072" spans="14:14">
      <c r="N655072" s="10"/>
    </row>
    <row r="655073" spans="14:14">
      <c r="N655073" s="10"/>
    </row>
    <row r="655074" spans="14:14">
      <c r="N655074" s="10"/>
    </row>
    <row r="655075" spans="14:14">
      <c r="N655075" s="10"/>
    </row>
    <row r="655076" spans="14:14">
      <c r="N655076" s="10"/>
    </row>
    <row r="655077" spans="14:14">
      <c r="N655077" s="10"/>
    </row>
    <row r="655078" spans="14:14">
      <c r="N655078" s="10"/>
    </row>
    <row r="655079" spans="14:14">
      <c r="N655079" s="10"/>
    </row>
    <row r="655080" spans="14:14">
      <c r="N655080" s="10"/>
    </row>
    <row r="655081" spans="14:14">
      <c r="N655081" s="10"/>
    </row>
    <row r="655082" spans="14:14">
      <c r="N655082" s="10"/>
    </row>
    <row r="655083" spans="14:14">
      <c r="N655083" s="10"/>
    </row>
    <row r="655084" spans="14:14">
      <c r="N655084" s="10"/>
    </row>
    <row r="655085" spans="14:14">
      <c r="N655085" s="10"/>
    </row>
    <row r="655086" spans="14:14">
      <c r="N655086" s="10"/>
    </row>
    <row r="655087" spans="14:14">
      <c r="N655087" s="10"/>
    </row>
    <row r="655088" spans="14:14">
      <c r="N655088" s="10"/>
    </row>
    <row r="655089" spans="14:14">
      <c r="N655089" s="10"/>
    </row>
    <row r="655090" spans="14:14">
      <c r="N655090" s="10"/>
    </row>
    <row r="655091" spans="14:14">
      <c r="N655091" s="10"/>
    </row>
    <row r="655092" spans="14:14">
      <c r="N655092" s="10"/>
    </row>
    <row r="655093" spans="14:14">
      <c r="N655093" s="10"/>
    </row>
    <row r="655094" spans="14:14">
      <c r="N655094" s="10"/>
    </row>
    <row r="655095" spans="14:14">
      <c r="N655095" s="10"/>
    </row>
    <row r="655096" spans="14:14">
      <c r="N655096" s="10"/>
    </row>
    <row r="655097" spans="14:14">
      <c r="N655097" s="10"/>
    </row>
    <row r="655098" spans="14:14">
      <c r="N655098" s="10"/>
    </row>
    <row r="655099" spans="14:14">
      <c r="N655099" s="10"/>
    </row>
    <row r="655100" spans="14:14">
      <c r="N655100" s="10"/>
    </row>
    <row r="655101" spans="14:14">
      <c r="N655101" s="10"/>
    </row>
    <row r="655102" spans="14:14">
      <c r="N655102" s="10"/>
    </row>
    <row r="655103" spans="14:14">
      <c r="N655103" s="10"/>
    </row>
    <row r="655104" spans="14:14">
      <c r="N655104" s="10"/>
    </row>
    <row r="655105" spans="14:14">
      <c r="N655105" s="10"/>
    </row>
    <row r="655106" spans="14:14">
      <c r="N655106" s="10"/>
    </row>
    <row r="655107" spans="14:14">
      <c r="N655107" s="10"/>
    </row>
    <row r="655108" spans="14:14">
      <c r="N655108" s="10"/>
    </row>
    <row r="655109" spans="14:14">
      <c r="N655109" s="10"/>
    </row>
    <row r="655110" spans="14:14">
      <c r="N655110" s="10"/>
    </row>
    <row r="655111" spans="14:14">
      <c r="N655111" s="10"/>
    </row>
    <row r="655112" spans="14:14">
      <c r="N655112" s="10"/>
    </row>
    <row r="655113" spans="14:14">
      <c r="N655113" s="10"/>
    </row>
    <row r="655114" spans="14:14">
      <c r="N655114" s="10"/>
    </row>
    <row r="655115" spans="14:14">
      <c r="N655115" s="10"/>
    </row>
    <row r="655116" spans="14:14">
      <c r="N655116" s="10"/>
    </row>
    <row r="655117" spans="14:14">
      <c r="N655117" s="10"/>
    </row>
    <row r="655118" spans="14:14">
      <c r="N655118" s="10"/>
    </row>
    <row r="655119" spans="14:14">
      <c r="N655119" s="10"/>
    </row>
    <row r="655120" spans="14:14">
      <c r="N655120" s="10"/>
    </row>
    <row r="655121" spans="14:14">
      <c r="N655121" s="10"/>
    </row>
    <row r="655122" spans="14:14">
      <c r="N655122" s="10"/>
    </row>
    <row r="655123" spans="14:14">
      <c r="N655123" s="10"/>
    </row>
    <row r="655124" spans="14:14">
      <c r="N655124" s="10"/>
    </row>
    <row r="655125" spans="14:14">
      <c r="N655125" s="10"/>
    </row>
    <row r="655126" spans="14:14">
      <c r="N655126" s="10"/>
    </row>
    <row r="655127" spans="14:14">
      <c r="N655127" s="10"/>
    </row>
    <row r="655128" spans="14:14">
      <c r="N655128" s="10"/>
    </row>
    <row r="655129" spans="14:14">
      <c r="N655129" s="10"/>
    </row>
    <row r="655130" spans="14:14">
      <c r="N655130" s="10"/>
    </row>
    <row r="655131" spans="14:14">
      <c r="N655131" s="10"/>
    </row>
    <row r="655132" spans="14:14">
      <c r="N655132" s="10"/>
    </row>
    <row r="655133" spans="14:14">
      <c r="N655133" s="10"/>
    </row>
    <row r="655134" spans="14:14">
      <c r="N655134" s="10"/>
    </row>
    <row r="655135" spans="14:14">
      <c r="N655135" s="10"/>
    </row>
    <row r="655136" spans="14:14">
      <c r="N655136" s="10"/>
    </row>
    <row r="655137" spans="14:14">
      <c r="N655137" s="10"/>
    </row>
    <row r="655138" spans="14:14">
      <c r="N655138" s="10"/>
    </row>
    <row r="655139" spans="14:14">
      <c r="N655139" s="10"/>
    </row>
    <row r="655140" spans="14:14">
      <c r="N655140" s="10"/>
    </row>
    <row r="655141" spans="14:14">
      <c r="N655141" s="10"/>
    </row>
    <row r="655142" spans="14:14">
      <c r="N655142" s="10"/>
    </row>
    <row r="655143" spans="14:14">
      <c r="N655143" s="10"/>
    </row>
    <row r="655144" spans="14:14">
      <c r="N655144" s="10"/>
    </row>
    <row r="655145" spans="14:14">
      <c r="N655145" s="10"/>
    </row>
    <row r="655146" spans="14:14">
      <c r="N655146" s="10"/>
    </row>
    <row r="655147" spans="14:14">
      <c r="N655147" s="10"/>
    </row>
    <row r="655148" spans="14:14">
      <c r="N655148" s="10"/>
    </row>
    <row r="655149" spans="14:14">
      <c r="N655149" s="10"/>
    </row>
    <row r="655150" spans="14:14">
      <c r="N655150" s="10"/>
    </row>
    <row r="655151" spans="14:14">
      <c r="N655151" s="10"/>
    </row>
    <row r="655152" spans="14:14">
      <c r="N655152" s="10"/>
    </row>
    <row r="655153" spans="14:14">
      <c r="N655153" s="10"/>
    </row>
    <row r="655154" spans="14:14">
      <c r="N655154" s="10"/>
    </row>
    <row r="655155" spans="14:14">
      <c r="N655155" s="10"/>
    </row>
    <row r="655156" spans="14:14">
      <c r="N655156" s="10"/>
    </row>
    <row r="655157" spans="14:14">
      <c r="N655157" s="10"/>
    </row>
    <row r="655158" spans="14:14">
      <c r="N655158" s="10"/>
    </row>
    <row r="655159" spans="14:14">
      <c r="N655159" s="10"/>
    </row>
    <row r="655160" spans="14:14">
      <c r="N655160" s="10"/>
    </row>
    <row r="655161" spans="14:14">
      <c r="N655161" s="10"/>
    </row>
    <row r="655162" spans="14:14">
      <c r="N655162" s="10"/>
    </row>
    <row r="655163" spans="14:14">
      <c r="N655163" s="10"/>
    </row>
    <row r="655164" spans="14:14">
      <c r="N655164" s="10"/>
    </row>
    <row r="655165" spans="14:14">
      <c r="N655165" s="10"/>
    </row>
    <row r="655166" spans="14:14">
      <c r="N655166" s="10"/>
    </row>
    <row r="655167" spans="14:14">
      <c r="N655167" s="10"/>
    </row>
    <row r="655168" spans="14:14">
      <c r="N655168" s="10"/>
    </row>
    <row r="655169" spans="14:14">
      <c r="N655169" s="10"/>
    </row>
    <row r="655170" spans="14:14">
      <c r="N655170" s="10"/>
    </row>
    <row r="655171" spans="14:14">
      <c r="N655171" s="10"/>
    </row>
    <row r="655172" spans="14:14">
      <c r="N655172" s="10"/>
    </row>
    <row r="655173" spans="14:14">
      <c r="N655173" s="10"/>
    </row>
    <row r="655174" spans="14:14">
      <c r="N655174" s="10"/>
    </row>
    <row r="655175" spans="14:14">
      <c r="N655175" s="10"/>
    </row>
    <row r="655176" spans="14:14">
      <c r="N655176" s="10"/>
    </row>
    <row r="655177" spans="14:14">
      <c r="N655177" s="10"/>
    </row>
    <row r="655178" spans="14:14">
      <c r="N655178" s="10"/>
    </row>
    <row r="655179" spans="14:14">
      <c r="N655179" s="10"/>
    </row>
    <row r="655180" spans="14:14">
      <c r="N655180" s="10"/>
    </row>
    <row r="655181" spans="14:14">
      <c r="N655181" s="10"/>
    </row>
    <row r="655182" spans="14:14">
      <c r="N655182" s="10"/>
    </row>
    <row r="655183" spans="14:14">
      <c r="N655183" s="10"/>
    </row>
    <row r="655184" spans="14:14">
      <c r="N655184" s="10"/>
    </row>
    <row r="655185" spans="14:14">
      <c r="N655185" s="10"/>
    </row>
    <row r="655186" spans="14:14">
      <c r="N655186" s="10"/>
    </row>
    <row r="655187" spans="14:14">
      <c r="N655187" s="10"/>
    </row>
    <row r="655188" spans="14:14">
      <c r="N655188" s="10"/>
    </row>
    <row r="655189" spans="14:14">
      <c r="N655189" s="10"/>
    </row>
    <row r="655190" spans="14:14">
      <c r="N655190" s="10"/>
    </row>
    <row r="655191" spans="14:14">
      <c r="N655191" s="10"/>
    </row>
    <row r="655192" spans="14:14">
      <c r="N655192" s="10"/>
    </row>
    <row r="655193" spans="14:14">
      <c r="N655193" s="10"/>
    </row>
    <row r="655194" spans="14:14">
      <c r="N655194" s="10"/>
    </row>
    <row r="655195" spans="14:14">
      <c r="N655195" s="10"/>
    </row>
    <row r="655196" spans="14:14">
      <c r="N655196" s="10"/>
    </row>
    <row r="655197" spans="14:14">
      <c r="N655197" s="10"/>
    </row>
    <row r="655198" spans="14:14">
      <c r="N655198" s="10"/>
    </row>
    <row r="655199" spans="14:14">
      <c r="N655199" s="10"/>
    </row>
    <row r="655200" spans="14:14">
      <c r="N655200" s="10"/>
    </row>
    <row r="655201" spans="14:14">
      <c r="N655201" s="10"/>
    </row>
    <row r="655202" spans="14:14">
      <c r="N655202" s="10"/>
    </row>
    <row r="655203" spans="14:14">
      <c r="N655203" s="10"/>
    </row>
    <row r="655204" spans="14:14">
      <c r="N655204" s="10"/>
    </row>
    <row r="655205" spans="14:14">
      <c r="N655205" s="10"/>
    </row>
    <row r="655206" spans="14:14">
      <c r="N655206" s="10"/>
    </row>
    <row r="655207" spans="14:14">
      <c r="N655207" s="10"/>
    </row>
    <row r="655208" spans="14:14">
      <c r="N655208" s="10"/>
    </row>
    <row r="655209" spans="14:14">
      <c r="N655209" s="10"/>
    </row>
    <row r="655210" spans="14:14">
      <c r="N655210" s="10"/>
    </row>
    <row r="655211" spans="14:14">
      <c r="N655211" s="10"/>
    </row>
    <row r="655212" spans="14:14">
      <c r="N655212" s="10"/>
    </row>
    <row r="655213" spans="14:14">
      <c r="N655213" s="10"/>
    </row>
    <row r="655214" spans="14:14">
      <c r="N655214" s="10"/>
    </row>
    <row r="655215" spans="14:14">
      <c r="N655215" s="10"/>
    </row>
    <row r="655216" spans="14:14">
      <c r="N655216" s="10"/>
    </row>
    <row r="655217" spans="14:14">
      <c r="N655217" s="10"/>
    </row>
    <row r="655218" spans="14:14">
      <c r="N655218" s="10"/>
    </row>
    <row r="655219" spans="14:14">
      <c r="N655219" s="10"/>
    </row>
    <row r="655220" spans="14:14">
      <c r="N655220" s="10"/>
    </row>
    <row r="655221" spans="14:14">
      <c r="N655221" s="10"/>
    </row>
    <row r="655222" spans="14:14">
      <c r="N655222" s="10"/>
    </row>
    <row r="655223" spans="14:14">
      <c r="N655223" s="10"/>
    </row>
    <row r="655224" spans="14:14">
      <c r="N655224" s="10"/>
    </row>
    <row r="655225" spans="14:14">
      <c r="N655225" s="10"/>
    </row>
    <row r="655226" spans="14:14">
      <c r="N655226" s="10"/>
    </row>
    <row r="655227" spans="14:14">
      <c r="N655227" s="10"/>
    </row>
    <row r="655228" spans="14:14">
      <c r="N655228" s="10"/>
    </row>
    <row r="655229" spans="14:14">
      <c r="N655229" s="10"/>
    </row>
    <row r="655230" spans="14:14">
      <c r="N655230" s="10"/>
    </row>
    <row r="655231" spans="14:14">
      <c r="N655231" s="10"/>
    </row>
    <row r="655232" spans="14:14">
      <c r="N655232" s="10"/>
    </row>
    <row r="655233" spans="14:14">
      <c r="N655233" s="10"/>
    </row>
    <row r="655234" spans="14:14">
      <c r="N655234" s="10"/>
    </row>
    <row r="655235" spans="14:14">
      <c r="N655235" s="10"/>
    </row>
    <row r="655236" spans="14:14">
      <c r="N655236" s="10"/>
    </row>
    <row r="655237" spans="14:14">
      <c r="N655237" s="10"/>
    </row>
    <row r="655238" spans="14:14">
      <c r="N655238" s="10"/>
    </row>
    <row r="655239" spans="14:14">
      <c r="N655239" s="10"/>
    </row>
    <row r="655240" spans="14:14">
      <c r="N655240" s="10"/>
    </row>
    <row r="655241" spans="14:14">
      <c r="N655241" s="10"/>
    </row>
    <row r="655242" spans="14:14">
      <c r="N655242" s="10"/>
    </row>
    <row r="655243" spans="14:14">
      <c r="N655243" s="10"/>
    </row>
    <row r="655244" spans="14:14">
      <c r="N655244" s="10"/>
    </row>
    <row r="655245" spans="14:14">
      <c r="N655245" s="10"/>
    </row>
    <row r="655246" spans="14:14">
      <c r="N655246" s="10"/>
    </row>
    <row r="655247" spans="14:14">
      <c r="N655247" s="10"/>
    </row>
    <row r="655248" spans="14:14">
      <c r="N655248" s="10"/>
    </row>
    <row r="655249" spans="14:14">
      <c r="N655249" s="10"/>
    </row>
    <row r="655250" spans="14:14">
      <c r="N655250" s="10"/>
    </row>
    <row r="655251" spans="14:14">
      <c r="N655251" s="10"/>
    </row>
    <row r="655252" spans="14:14">
      <c r="N655252" s="10"/>
    </row>
    <row r="655253" spans="14:14">
      <c r="N655253" s="10"/>
    </row>
    <row r="655254" spans="14:14">
      <c r="N655254" s="10"/>
    </row>
    <row r="655255" spans="14:14">
      <c r="N655255" s="10"/>
    </row>
    <row r="655256" spans="14:14">
      <c r="N655256" s="10"/>
    </row>
    <row r="655257" spans="14:14">
      <c r="N655257" s="10"/>
    </row>
    <row r="655258" spans="14:14">
      <c r="N655258" s="10"/>
    </row>
    <row r="655259" spans="14:14">
      <c r="N655259" s="10"/>
    </row>
    <row r="655260" spans="14:14">
      <c r="N655260" s="10"/>
    </row>
    <row r="655261" spans="14:14">
      <c r="N655261" s="10"/>
    </row>
    <row r="655262" spans="14:14">
      <c r="N655262" s="10"/>
    </row>
    <row r="655263" spans="14:14">
      <c r="N655263" s="10"/>
    </row>
    <row r="655264" spans="14:14">
      <c r="N655264" s="10"/>
    </row>
    <row r="655265" spans="14:14">
      <c r="N655265" s="10"/>
    </row>
    <row r="655266" spans="14:14">
      <c r="N655266" s="10"/>
    </row>
    <row r="655267" spans="14:14">
      <c r="N655267" s="10"/>
    </row>
    <row r="655268" spans="14:14">
      <c r="N655268" s="10"/>
    </row>
    <row r="655269" spans="14:14">
      <c r="N655269" s="10"/>
    </row>
    <row r="655270" spans="14:14">
      <c r="N655270" s="10"/>
    </row>
    <row r="655271" spans="14:14">
      <c r="N655271" s="10"/>
    </row>
    <row r="655272" spans="14:14">
      <c r="N655272" s="10"/>
    </row>
    <row r="655273" spans="14:14">
      <c r="N655273" s="10"/>
    </row>
    <row r="655274" spans="14:14">
      <c r="N655274" s="10"/>
    </row>
    <row r="655275" spans="14:14">
      <c r="N655275" s="10"/>
    </row>
    <row r="655276" spans="14:14">
      <c r="N655276" s="10"/>
    </row>
    <row r="655277" spans="14:14">
      <c r="N655277" s="10"/>
    </row>
    <row r="655278" spans="14:14">
      <c r="N655278" s="10"/>
    </row>
    <row r="655279" spans="14:14">
      <c r="N655279" s="10"/>
    </row>
    <row r="655280" spans="14:14">
      <c r="N655280" s="10"/>
    </row>
    <row r="655281" spans="14:14">
      <c r="N655281" s="10"/>
    </row>
    <row r="655282" spans="14:14">
      <c r="N655282" s="10"/>
    </row>
    <row r="655283" spans="14:14">
      <c r="N655283" s="10"/>
    </row>
    <row r="655284" spans="14:14">
      <c r="N655284" s="10"/>
    </row>
    <row r="655285" spans="14:14">
      <c r="N655285" s="10"/>
    </row>
    <row r="655286" spans="14:14">
      <c r="N655286" s="10"/>
    </row>
    <row r="655287" spans="14:14">
      <c r="N655287" s="10"/>
    </row>
    <row r="655288" spans="14:14">
      <c r="N655288" s="10"/>
    </row>
    <row r="655289" spans="14:14">
      <c r="N655289" s="10"/>
    </row>
    <row r="655290" spans="14:14">
      <c r="N655290" s="10"/>
    </row>
    <row r="655291" spans="14:14">
      <c r="N655291" s="10"/>
    </row>
    <row r="655292" spans="14:14">
      <c r="N655292" s="10"/>
    </row>
    <row r="655293" spans="14:14">
      <c r="N655293" s="10"/>
    </row>
    <row r="655294" spans="14:14">
      <c r="N655294" s="10"/>
    </row>
    <row r="655295" spans="14:14">
      <c r="N655295" s="10"/>
    </row>
    <row r="655296" spans="14:14">
      <c r="N655296" s="10"/>
    </row>
    <row r="655297" spans="14:14">
      <c r="N655297" s="10"/>
    </row>
    <row r="655298" spans="14:14">
      <c r="N655298" s="10"/>
    </row>
    <row r="655299" spans="14:14">
      <c r="N655299" s="10"/>
    </row>
    <row r="655300" spans="14:14">
      <c r="N655300" s="10"/>
    </row>
    <row r="655301" spans="14:14">
      <c r="N655301" s="10"/>
    </row>
    <row r="655302" spans="14:14">
      <c r="N655302" s="10"/>
    </row>
    <row r="655303" spans="14:14">
      <c r="N655303" s="10"/>
    </row>
    <row r="655304" spans="14:14">
      <c r="N655304" s="10"/>
    </row>
    <row r="655305" spans="14:14">
      <c r="N655305" s="10"/>
    </row>
    <row r="655306" spans="14:14">
      <c r="N655306" s="10"/>
    </row>
    <row r="655307" spans="14:14">
      <c r="N655307" s="10"/>
    </row>
    <row r="655308" spans="14:14">
      <c r="N655308" s="10"/>
    </row>
    <row r="655309" spans="14:14">
      <c r="N655309" s="10"/>
    </row>
    <row r="655310" spans="14:14">
      <c r="N655310" s="10"/>
    </row>
    <row r="655311" spans="14:14">
      <c r="N655311" s="10"/>
    </row>
    <row r="655312" spans="14:14">
      <c r="N655312" s="10"/>
    </row>
    <row r="655313" spans="14:14">
      <c r="N655313" s="10"/>
    </row>
    <row r="655314" spans="14:14">
      <c r="N655314" s="10"/>
    </row>
    <row r="655315" spans="14:14">
      <c r="N655315" s="10"/>
    </row>
    <row r="655316" spans="14:14">
      <c r="N655316" s="10"/>
    </row>
    <row r="655317" spans="14:14">
      <c r="N655317" s="10"/>
    </row>
    <row r="655318" spans="14:14">
      <c r="N655318" s="10"/>
    </row>
    <row r="655319" spans="14:14">
      <c r="N655319" s="10"/>
    </row>
    <row r="655320" spans="14:14">
      <c r="N655320" s="10"/>
    </row>
    <row r="655321" spans="14:14">
      <c r="N655321" s="10"/>
    </row>
    <row r="655322" spans="14:14">
      <c r="N655322" s="10"/>
    </row>
    <row r="655323" spans="14:14">
      <c r="N655323" s="10"/>
    </row>
    <row r="655324" spans="14:14">
      <c r="N655324" s="10"/>
    </row>
    <row r="655325" spans="14:14">
      <c r="N655325" s="10"/>
    </row>
    <row r="655326" spans="14:14">
      <c r="N655326" s="10"/>
    </row>
    <row r="655327" spans="14:14">
      <c r="N655327" s="10"/>
    </row>
    <row r="655328" spans="14:14">
      <c r="N655328" s="10"/>
    </row>
    <row r="655329" spans="14:14">
      <c r="N655329" s="10"/>
    </row>
    <row r="655330" spans="14:14">
      <c r="N655330" s="10"/>
    </row>
    <row r="655331" spans="14:14">
      <c r="N655331" s="10"/>
    </row>
    <row r="655332" spans="14:14">
      <c r="N655332" s="10"/>
    </row>
    <row r="655333" spans="14:14">
      <c r="N655333" s="10"/>
    </row>
    <row r="655334" spans="14:14">
      <c r="N655334" s="10"/>
    </row>
    <row r="655335" spans="14:14">
      <c r="N655335" s="10"/>
    </row>
    <row r="655336" spans="14:14">
      <c r="N655336" s="10"/>
    </row>
    <row r="655337" spans="14:14">
      <c r="N655337" s="10"/>
    </row>
    <row r="655338" spans="14:14">
      <c r="N655338" s="10"/>
    </row>
    <row r="655339" spans="14:14">
      <c r="N655339" s="10"/>
    </row>
    <row r="655340" spans="14:14">
      <c r="N655340" s="10"/>
    </row>
    <row r="655341" spans="14:14">
      <c r="N655341" s="10"/>
    </row>
    <row r="655342" spans="14:14">
      <c r="N655342" s="10"/>
    </row>
    <row r="655343" spans="14:14">
      <c r="N655343" s="10"/>
    </row>
    <row r="655344" spans="14:14">
      <c r="N655344" s="10"/>
    </row>
    <row r="655345" spans="14:14">
      <c r="N655345" s="10"/>
    </row>
    <row r="655346" spans="14:14">
      <c r="N655346" s="10"/>
    </row>
    <row r="655347" spans="14:14">
      <c r="N655347" s="10"/>
    </row>
    <row r="655348" spans="14:14">
      <c r="N655348" s="10"/>
    </row>
    <row r="655349" spans="14:14">
      <c r="N655349" s="10"/>
    </row>
    <row r="655350" spans="14:14">
      <c r="N655350" s="10"/>
    </row>
    <row r="655351" spans="14:14">
      <c r="N655351" s="10"/>
    </row>
    <row r="655352" spans="14:14">
      <c r="N655352" s="10"/>
    </row>
    <row r="655353" spans="14:14">
      <c r="N655353" s="10"/>
    </row>
    <row r="655354" spans="14:14">
      <c r="N655354" s="10"/>
    </row>
    <row r="655355" spans="14:14">
      <c r="N655355" s="10"/>
    </row>
    <row r="655356" spans="14:14">
      <c r="N655356" s="10"/>
    </row>
    <row r="655357" spans="14:14">
      <c r="N655357" s="10"/>
    </row>
    <row r="655358" spans="14:14">
      <c r="N655358" s="10"/>
    </row>
    <row r="655359" spans="14:14">
      <c r="N655359" s="10"/>
    </row>
    <row r="655360" spans="14:14">
      <c r="N655360" s="10"/>
    </row>
    <row r="655361" spans="14:14">
      <c r="N655361" s="10"/>
    </row>
    <row r="655362" spans="14:14">
      <c r="N655362" s="10"/>
    </row>
    <row r="655363" spans="14:14">
      <c r="N655363" s="10"/>
    </row>
    <row r="655364" spans="14:14">
      <c r="N655364" s="10"/>
    </row>
    <row r="655365" spans="14:14">
      <c r="N655365" s="10"/>
    </row>
    <row r="655366" spans="14:14">
      <c r="N655366" s="10"/>
    </row>
    <row r="655367" spans="14:14">
      <c r="N655367" s="10"/>
    </row>
    <row r="655368" spans="14:14">
      <c r="N655368" s="10"/>
    </row>
    <row r="655369" spans="14:14">
      <c r="N655369" s="10"/>
    </row>
    <row r="655370" spans="14:14">
      <c r="N655370" s="10"/>
    </row>
    <row r="655371" spans="14:14">
      <c r="N655371" s="10"/>
    </row>
    <row r="655372" spans="14:14">
      <c r="N655372" s="10"/>
    </row>
    <row r="655373" spans="14:14">
      <c r="N655373" s="10"/>
    </row>
    <row r="655374" spans="14:14">
      <c r="N655374" s="10"/>
    </row>
    <row r="655375" spans="14:14">
      <c r="N655375" s="10"/>
    </row>
    <row r="655376" spans="14:14">
      <c r="N655376" s="10"/>
    </row>
    <row r="655377" spans="14:14">
      <c r="N655377" s="10"/>
    </row>
    <row r="655378" spans="14:14">
      <c r="N655378" s="10"/>
    </row>
    <row r="655379" spans="14:14">
      <c r="N655379" s="10"/>
    </row>
    <row r="655380" spans="14:14">
      <c r="N655380" s="10"/>
    </row>
    <row r="655381" spans="14:14">
      <c r="N655381" s="10"/>
    </row>
    <row r="655382" spans="14:14">
      <c r="N655382" s="10"/>
    </row>
    <row r="655383" spans="14:14">
      <c r="N655383" s="10"/>
    </row>
    <row r="655384" spans="14:14">
      <c r="N655384" s="10"/>
    </row>
    <row r="655385" spans="14:14">
      <c r="N655385" s="10"/>
    </row>
    <row r="655386" spans="14:14">
      <c r="N655386" s="10"/>
    </row>
    <row r="655387" spans="14:14">
      <c r="N655387" s="10"/>
    </row>
    <row r="655388" spans="14:14">
      <c r="N655388" s="10"/>
    </row>
    <row r="655389" spans="14:14">
      <c r="N655389" s="10"/>
    </row>
    <row r="655390" spans="14:14">
      <c r="N655390" s="10"/>
    </row>
    <row r="655391" spans="14:14">
      <c r="N655391" s="10"/>
    </row>
    <row r="655392" spans="14:14">
      <c r="N655392" s="10"/>
    </row>
    <row r="655393" spans="14:14">
      <c r="N655393" s="10"/>
    </row>
    <row r="655394" spans="14:14">
      <c r="N655394" s="10"/>
    </row>
    <row r="655395" spans="14:14">
      <c r="N655395" s="10"/>
    </row>
    <row r="655396" spans="14:14">
      <c r="N655396" s="10"/>
    </row>
    <row r="655397" spans="14:14">
      <c r="N655397" s="10"/>
    </row>
    <row r="655398" spans="14:14">
      <c r="N655398" s="10"/>
    </row>
    <row r="655399" spans="14:14">
      <c r="N655399" s="10"/>
    </row>
    <row r="655400" spans="14:14">
      <c r="N655400" s="10"/>
    </row>
    <row r="655401" spans="14:14">
      <c r="N655401" s="10"/>
    </row>
    <row r="655402" spans="14:14">
      <c r="N655402" s="10"/>
    </row>
    <row r="655403" spans="14:14">
      <c r="N655403" s="10"/>
    </row>
    <row r="655404" spans="14:14">
      <c r="N655404" s="10"/>
    </row>
    <row r="655405" spans="14:14">
      <c r="N655405" s="10"/>
    </row>
    <row r="655406" spans="14:14">
      <c r="N655406" s="10"/>
    </row>
    <row r="655407" spans="14:14">
      <c r="N655407" s="10"/>
    </row>
    <row r="655408" spans="14:14">
      <c r="N655408" s="10"/>
    </row>
    <row r="655409" spans="14:14">
      <c r="N655409" s="10"/>
    </row>
    <row r="655410" spans="14:14">
      <c r="N655410" s="10"/>
    </row>
    <row r="655411" spans="14:14">
      <c r="N655411" s="10"/>
    </row>
    <row r="655412" spans="14:14">
      <c r="N655412" s="10"/>
    </row>
    <row r="655413" spans="14:14">
      <c r="N655413" s="10"/>
    </row>
    <row r="655414" spans="14:14">
      <c r="N655414" s="10"/>
    </row>
    <row r="655415" spans="14:14">
      <c r="N655415" s="10"/>
    </row>
    <row r="655416" spans="14:14">
      <c r="N655416" s="10"/>
    </row>
    <row r="655417" spans="14:14">
      <c r="N655417" s="10"/>
    </row>
    <row r="655418" spans="14:14">
      <c r="N655418" s="10"/>
    </row>
    <row r="655419" spans="14:14">
      <c r="N655419" s="10"/>
    </row>
    <row r="655420" spans="14:14">
      <c r="N655420" s="10"/>
    </row>
    <row r="655421" spans="14:14">
      <c r="N655421" s="10"/>
    </row>
    <row r="655422" spans="14:14">
      <c r="N655422" s="10"/>
    </row>
    <row r="655423" spans="14:14">
      <c r="N655423" s="10"/>
    </row>
    <row r="655424" spans="14:14">
      <c r="N655424" s="10"/>
    </row>
    <row r="655425" spans="14:14">
      <c r="N655425" s="10"/>
    </row>
    <row r="655426" spans="14:14">
      <c r="N655426" s="10"/>
    </row>
    <row r="655427" spans="14:14">
      <c r="N655427" s="10"/>
    </row>
    <row r="655428" spans="14:14">
      <c r="N655428" s="10"/>
    </row>
    <row r="655429" spans="14:14">
      <c r="N655429" s="10"/>
    </row>
    <row r="655430" spans="14:14">
      <c r="N655430" s="10"/>
    </row>
    <row r="655431" spans="14:14">
      <c r="N655431" s="10"/>
    </row>
    <row r="655432" spans="14:14">
      <c r="N655432" s="10"/>
    </row>
    <row r="655433" spans="14:14">
      <c r="N655433" s="10"/>
    </row>
    <row r="655434" spans="14:14">
      <c r="N655434" s="10"/>
    </row>
    <row r="655435" spans="14:14">
      <c r="N655435" s="10"/>
    </row>
    <row r="655436" spans="14:14">
      <c r="N655436" s="10"/>
    </row>
    <row r="655437" spans="14:14">
      <c r="N655437" s="10"/>
    </row>
    <row r="655438" spans="14:14">
      <c r="N655438" s="10"/>
    </row>
    <row r="655439" spans="14:14">
      <c r="N655439" s="10"/>
    </row>
    <row r="655440" spans="14:14">
      <c r="N655440" s="10"/>
    </row>
    <row r="655441" spans="14:14">
      <c r="N655441" s="10"/>
    </row>
    <row r="655442" spans="14:14">
      <c r="N655442" s="10"/>
    </row>
    <row r="655443" spans="14:14">
      <c r="N655443" s="10"/>
    </row>
    <row r="655444" spans="14:14">
      <c r="N655444" s="10"/>
    </row>
    <row r="655445" spans="14:14">
      <c r="N655445" s="10"/>
    </row>
    <row r="655446" spans="14:14">
      <c r="N655446" s="10"/>
    </row>
    <row r="655447" spans="14:14">
      <c r="N655447" s="10"/>
    </row>
    <row r="655448" spans="14:14">
      <c r="N655448" s="10"/>
    </row>
    <row r="655449" spans="14:14">
      <c r="N655449" s="10"/>
    </row>
    <row r="655450" spans="14:14">
      <c r="N655450" s="10"/>
    </row>
    <row r="655451" spans="14:14">
      <c r="N655451" s="10"/>
    </row>
    <row r="655452" spans="14:14">
      <c r="N655452" s="10"/>
    </row>
    <row r="655453" spans="14:14">
      <c r="N655453" s="10"/>
    </row>
    <row r="655454" spans="14:14">
      <c r="N655454" s="10"/>
    </row>
    <row r="655455" spans="14:14">
      <c r="N655455" s="10"/>
    </row>
    <row r="655456" spans="14:14">
      <c r="N655456" s="10"/>
    </row>
    <row r="655457" spans="14:14">
      <c r="N655457" s="10"/>
    </row>
    <row r="655458" spans="14:14">
      <c r="N655458" s="10"/>
    </row>
    <row r="655459" spans="14:14">
      <c r="N655459" s="10"/>
    </row>
    <row r="655460" spans="14:14">
      <c r="N655460" s="10"/>
    </row>
    <row r="655461" spans="14:14">
      <c r="N655461" s="10"/>
    </row>
    <row r="655462" spans="14:14">
      <c r="N655462" s="10"/>
    </row>
    <row r="655463" spans="14:14">
      <c r="N655463" s="10"/>
    </row>
    <row r="655464" spans="14:14">
      <c r="N655464" s="10"/>
    </row>
    <row r="655465" spans="14:14">
      <c r="N655465" s="10"/>
    </row>
    <row r="655466" spans="14:14">
      <c r="N655466" s="10"/>
    </row>
    <row r="655467" spans="14:14">
      <c r="N655467" s="10"/>
    </row>
    <row r="655468" spans="14:14">
      <c r="N655468" s="10"/>
    </row>
    <row r="655469" spans="14:14">
      <c r="N655469" s="10"/>
    </row>
    <row r="655470" spans="14:14">
      <c r="N655470" s="10"/>
    </row>
    <row r="655471" spans="14:14">
      <c r="N655471" s="10"/>
    </row>
    <row r="655472" spans="14:14">
      <c r="N655472" s="10"/>
    </row>
    <row r="655473" spans="14:14">
      <c r="N655473" s="10"/>
    </row>
    <row r="655474" spans="14:14">
      <c r="N655474" s="10"/>
    </row>
    <row r="655475" spans="14:14">
      <c r="N655475" s="10"/>
    </row>
    <row r="655476" spans="14:14">
      <c r="N655476" s="10"/>
    </row>
    <row r="655477" spans="14:14">
      <c r="N655477" s="10"/>
    </row>
    <row r="655478" spans="14:14">
      <c r="N655478" s="10"/>
    </row>
    <row r="655479" spans="14:14">
      <c r="N655479" s="10"/>
    </row>
    <row r="655480" spans="14:14">
      <c r="N655480" s="10"/>
    </row>
    <row r="655481" spans="14:14">
      <c r="N655481" s="10"/>
    </row>
    <row r="655482" spans="14:14">
      <c r="N655482" s="10"/>
    </row>
    <row r="655483" spans="14:14">
      <c r="N655483" s="10"/>
    </row>
    <row r="655484" spans="14:14">
      <c r="N655484" s="10"/>
    </row>
    <row r="655485" spans="14:14">
      <c r="N655485" s="10"/>
    </row>
    <row r="655486" spans="14:14">
      <c r="N655486" s="10"/>
    </row>
    <row r="655487" spans="14:14">
      <c r="N655487" s="10"/>
    </row>
    <row r="655488" spans="14:14">
      <c r="N655488" s="10"/>
    </row>
    <row r="655489" spans="14:14">
      <c r="N655489" s="10"/>
    </row>
    <row r="655490" spans="14:14">
      <c r="N655490" s="10"/>
    </row>
    <row r="655491" spans="14:14">
      <c r="N655491" s="10"/>
    </row>
    <row r="655492" spans="14:14">
      <c r="N655492" s="10"/>
    </row>
    <row r="655493" spans="14:14">
      <c r="N655493" s="10"/>
    </row>
    <row r="655494" spans="14:14">
      <c r="N655494" s="10"/>
    </row>
    <row r="655495" spans="14:14">
      <c r="N655495" s="10"/>
    </row>
    <row r="655496" spans="14:14">
      <c r="N655496" s="10"/>
    </row>
    <row r="655497" spans="14:14">
      <c r="N655497" s="10"/>
    </row>
    <row r="655498" spans="14:14">
      <c r="N655498" s="10"/>
    </row>
    <row r="655499" spans="14:14">
      <c r="N655499" s="10"/>
    </row>
    <row r="655500" spans="14:14">
      <c r="N655500" s="10"/>
    </row>
    <row r="655501" spans="14:14">
      <c r="N655501" s="10"/>
    </row>
    <row r="655502" spans="14:14">
      <c r="N655502" s="10"/>
    </row>
    <row r="655503" spans="14:14">
      <c r="N655503" s="10"/>
    </row>
    <row r="655504" spans="14:14">
      <c r="N655504" s="10"/>
    </row>
    <row r="655505" spans="14:14">
      <c r="N655505" s="10"/>
    </row>
    <row r="655506" spans="14:14">
      <c r="N655506" s="10"/>
    </row>
    <row r="655507" spans="14:14">
      <c r="N655507" s="10"/>
    </row>
    <row r="655508" spans="14:14">
      <c r="N655508" s="10"/>
    </row>
    <row r="655509" spans="14:14">
      <c r="N655509" s="10"/>
    </row>
    <row r="655510" spans="14:14">
      <c r="N655510" s="10"/>
    </row>
    <row r="655511" spans="14:14">
      <c r="N655511" s="10"/>
    </row>
    <row r="655512" spans="14:14">
      <c r="N655512" s="10"/>
    </row>
    <row r="655513" spans="14:14">
      <c r="N655513" s="10"/>
    </row>
    <row r="655514" spans="14:14">
      <c r="N655514" s="10"/>
    </row>
    <row r="655515" spans="14:14">
      <c r="N655515" s="10"/>
    </row>
    <row r="655516" spans="14:14">
      <c r="N655516" s="10"/>
    </row>
    <row r="655517" spans="14:14">
      <c r="N655517" s="10"/>
    </row>
    <row r="655518" spans="14:14">
      <c r="N655518" s="10"/>
    </row>
    <row r="655519" spans="14:14">
      <c r="N655519" s="10"/>
    </row>
    <row r="655520" spans="14:14">
      <c r="N655520" s="10"/>
    </row>
    <row r="655521" spans="14:14">
      <c r="N655521" s="10"/>
    </row>
    <row r="655522" spans="14:14">
      <c r="N655522" s="10"/>
    </row>
    <row r="655523" spans="14:14">
      <c r="N655523" s="10"/>
    </row>
    <row r="655524" spans="14:14">
      <c r="N655524" s="10"/>
    </row>
    <row r="655525" spans="14:14">
      <c r="N655525" s="10"/>
    </row>
    <row r="655526" spans="14:14">
      <c r="N655526" s="10"/>
    </row>
    <row r="655527" spans="14:14">
      <c r="N655527" s="10"/>
    </row>
    <row r="655528" spans="14:14">
      <c r="N655528" s="10"/>
    </row>
    <row r="655529" spans="14:14">
      <c r="N655529" s="10"/>
    </row>
    <row r="655530" spans="14:14">
      <c r="N655530" s="10"/>
    </row>
    <row r="655531" spans="14:14">
      <c r="N655531" s="10"/>
    </row>
    <row r="655532" spans="14:14">
      <c r="N655532" s="10"/>
    </row>
    <row r="655533" spans="14:14">
      <c r="N655533" s="10"/>
    </row>
    <row r="655534" spans="14:14">
      <c r="N655534" s="10"/>
    </row>
    <row r="655535" spans="14:14">
      <c r="N655535" s="10"/>
    </row>
    <row r="655536" spans="14:14">
      <c r="N655536" s="10"/>
    </row>
    <row r="655537" spans="14:14">
      <c r="N655537" s="10"/>
    </row>
    <row r="655538" spans="14:14">
      <c r="N655538" s="10"/>
    </row>
    <row r="655539" spans="14:14">
      <c r="N655539" s="10"/>
    </row>
    <row r="655540" spans="14:14">
      <c r="N655540" s="10"/>
    </row>
    <row r="655541" spans="14:14">
      <c r="N655541" s="10"/>
    </row>
    <row r="655542" spans="14:14">
      <c r="N655542" s="10"/>
    </row>
    <row r="655543" spans="14:14">
      <c r="N655543" s="10"/>
    </row>
    <row r="655544" spans="14:14">
      <c r="N655544" s="10"/>
    </row>
    <row r="655545" spans="14:14">
      <c r="N655545" s="10"/>
    </row>
    <row r="655546" spans="14:14">
      <c r="N655546" s="10"/>
    </row>
    <row r="655547" spans="14:14">
      <c r="N655547" s="10"/>
    </row>
    <row r="655548" spans="14:14">
      <c r="N655548" s="10"/>
    </row>
    <row r="655549" spans="14:14">
      <c r="N655549" s="10"/>
    </row>
    <row r="655550" spans="14:14">
      <c r="N655550" s="10"/>
    </row>
    <row r="655551" spans="14:14">
      <c r="N655551" s="10"/>
    </row>
    <row r="655552" spans="14:14">
      <c r="N655552" s="10"/>
    </row>
    <row r="655553" spans="14:14">
      <c r="N655553" s="10"/>
    </row>
    <row r="655554" spans="14:14">
      <c r="N655554" s="10"/>
    </row>
    <row r="655555" spans="14:14">
      <c r="N655555" s="10"/>
    </row>
    <row r="655556" spans="14:14">
      <c r="N655556" s="10"/>
    </row>
    <row r="655557" spans="14:14">
      <c r="N655557" s="10"/>
    </row>
    <row r="655558" spans="14:14">
      <c r="N655558" s="10"/>
    </row>
    <row r="655559" spans="14:14">
      <c r="N655559" s="10"/>
    </row>
    <row r="655560" spans="14:14">
      <c r="N655560" s="10"/>
    </row>
    <row r="655561" spans="14:14">
      <c r="N655561" s="10"/>
    </row>
    <row r="655562" spans="14:14">
      <c r="N655562" s="10"/>
    </row>
    <row r="655563" spans="14:14">
      <c r="N655563" s="10"/>
    </row>
    <row r="655564" spans="14:14">
      <c r="N655564" s="10"/>
    </row>
    <row r="655565" spans="14:14">
      <c r="N655565" s="10"/>
    </row>
    <row r="655566" spans="14:14">
      <c r="N655566" s="10"/>
    </row>
    <row r="655567" spans="14:14">
      <c r="N655567" s="10"/>
    </row>
    <row r="655568" spans="14:14">
      <c r="N655568" s="10"/>
    </row>
    <row r="655569" spans="14:14">
      <c r="N655569" s="10"/>
    </row>
    <row r="655570" spans="14:14">
      <c r="N655570" s="10"/>
    </row>
    <row r="655571" spans="14:14">
      <c r="N655571" s="10"/>
    </row>
    <row r="655572" spans="14:14">
      <c r="N655572" s="10"/>
    </row>
    <row r="655573" spans="14:14">
      <c r="N655573" s="10"/>
    </row>
    <row r="655574" spans="14:14">
      <c r="N655574" s="10"/>
    </row>
    <row r="655575" spans="14:14">
      <c r="N655575" s="10"/>
    </row>
    <row r="655576" spans="14:14">
      <c r="N655576" s="10"/>
    </row>
    <row r="655577" spans="14:14">
      <c r="N655577" s="10"/>
    </row>
    <row r="655578" spans="14:14">
      <c r="N655578" s="10"/>
    </row>
    <row r="655579" spans="14:14">
      <c r="N655579" s="10"/>
    </row>
    <row r="655580" spans="14:14">
      <c r="N655580" s="10"/>
    </row>
    <row r="655581" spans="14:14">
      <c r="N655581" s="10"/>
    </row>
    <row r="655582" spans="14:14">
      <c r="N655582" s="10"/>
    </row>
    <row r="655583" spans="14:14">
      <c r="N655583" s="10"/>
    </row>
    <row r="655584" spans="14:14">
      <c r="N655584" s="10"/>
    </row>
    <row r="655585" spans="14:14">
      <c r="N655585" s="10"/>
    </row>
    <row r="655586" spans="14:14">
      <c r="N655586" s="10"/>
    </row>
    <row r="655587" spans="14:14">
      <c r="N655587" s="10"/>
    </row>
    <row r="655588" spans="14:14">
      <c r="N655588" s="10"/>
    </row>
    <row r="655589" spans="14:14">
      <c r="N655589" s="10"/>
    </row>
    <row r="655590" spans="14:14">
      <c r="N655590" s="10"/>
    </row>
    <row r="655591" spans="14:14">
      <c r="N655591" s="10"/>
    </row>
    <row r="655592" spans="14:14">
      <c r="N655592" s="10"/>
    </row>
    <row r="655593" spans="14:14">
      <c r="N655593" s="10"/>
    </row>
    <row r="655594" spans="14:14">
      <c r="N655594" s="10"/>
    </row>
    <row r="655595" spans="14:14">
      <c r="N655595" s="10"/>
    </row>
    <row r="655596" spans="14:14">
      <c r="N655596" s="10"/>
    </row>
    <row r="655597" spans="14:14">
      <c r="N655597" s="10"/>
    </row>
    <row r="655598" spans="14:14">
      <c r="N655598" s="10"/>
    </row>
    <row r="655599" spans="14:14">
      <c r="N655599" s="10"/>
    </row>
    <row r="655600" spans="14:14">
      <c r="N655600" s="10"/>
    </row>
    <row r="655601" spans="14:14">
      <c r="N655601" s="10"/>
    </row>
    <row r="655602" spans="14:14">
      <c r="N655602" s="10"/>
    </row>
    <row r="655603" spans="14:14">
      <c r="N655603" s="10"/>
    </row>
    <row r="655604" spans="14:14">
      <c r="N655604" s="10"/>
    </row>
    <row r="655605" spans="14:14">
      <c r="N655605" s="10"/>
    </row>
    <row r="655606" spans="14:14">
      <c r="N655606" s="10"/>
    </row>
    <row r="655607" spans="14:14">
      <c r="N655607" s="10"/>
    </row>
    <row r="655608" spans="14:14">
      <c r="N655608" s="10"/>
    </row>
    <row r="655609" spans="14:14">
      <c r="N655609" s="10"/>
    </row>
    <row r="655610" spans="14:14">
      <c r="N655610" s="10"/>
    </row>
    <row r="655611" spans="14:14">
      <c r="N655611" s="10"/>
    </row>
    <row r="655612" spans="14:14">
      <c r="N655612" s="10"/>
    </row>
    <row r="655613" spans="14:14">
      <c r="N655613" s="10"/>
    </row>
    <row r="655614" spans="14:14">
      <c r="N655614" s="10"/>
    </row>
    <row r="655615" spans="14:14">
      <c r="N655615" s="10"/>
    </row>
    <row r="655616" spans="14:14">
      <c r="N655616" s="10"/>
    </row>
    <row r="655617" spans="14:14">
      <c r="N655617" s="10"/>
    </row>
    <row r="655618" spans="14:14">
      <c r="N655618" s="10"/>
    </row>
    <row r="655619" spans="14:14">
      <c r="N655619" s="10"/>
    </row>
    <row r="655620" spans="14:14">
      <c r="N655620" s="10"/>
    </row>
    <row r="655621" spans="14:14">
      <c r="N655621" s="10"/>
    </row>
    <row r="655622" spans="14:14">
      <c r="N655622" s="10"/>
    </row>
    <row r="655623" spans="14:14">
      <c r="N655623" s="10"/>
    </row>
    <row r="655624" spans="14:14">
      <c r="N655624" s="10"/>
    </row>
    <row r="655625" spans="14:14">
      <c r="N655625" s="10"/>
    </row>
    <row r="655626" spans="14:14">
      <c r="N655626" s="10"/>
    </row>
    <row r="655627" spans="14:14">
      <c r="N655627" s="10"/>
    </row>
    <row r="655628" spans="14:14">
      <c r="N655628" s="10"/>
    </row>
    <row r="655629" spans="14:14">
      <c r="N655629" s="10"/>
    </row>
    <row r="655630" spans="14:14">
      <c r="N655630" s="10"/>
    </row>
    <row r="655631" spans="14:14">
      <c r="N655631" s="10"/>
    </row>
    <row r="655632" spans="14:14">
      <c r="N655632" s="10"/>
    </row>
    <row r="655633" spans="14:14">
      <c r="N655633" s="10"/>
    </row>
    <row r="655634" spans="14:14">
      <c r="N655634" s="10"/>
    </row>
    <row r="655635" spans="14:14">
      <c r="N655635" s="10"/>
    </row>
    <row r="655636" spans="14:14">
      <c r="N655636" s="10"/>
    </row>
    <row r="655637" spans="14:14">
      <c r="N655637" s="10"/>
    </row>
    <row r="655638" spans="14:14">
      <c r="N655638" s="10"/>
    </row>
    <row r="655639" spans="14:14">
      <c r="N655639" s="10"/>
    </row>
    <row r="655640" spans="14:14">
      <c r="N655640" s="10"/>
    </row>
    <row r="655641" spans="14:14">
      <c r="N655641" s="10"/>
    </row>
    <row r="655642" spans="14:14">
      <c r="N655642" s="10"/>
    </row>
    <row r="655643" spans="14:14">
      <c r="N655643" s="10"/>
    </row>
    <row r="655644" spans="14:14">
      <c r="N655644" s="10"/>
    </row>
    <row r="655645" spans="14:14">
      <c r="N655645" s="10"/>
    </row>
    <row r="655646" spans="14:14">
      <c r="N655646" s="10"/>
    </row>
    <row r="655647" spans="14:14">
      <c r="N655647" s="10"/>
    </row>
    <row r="655648" spans="14:14">
      <c r="N655648" s="10"/>
    </row>
    <row r="655649" spans="14:14">
      <c r="N655649" s="10"/>
    </row>
    <row r="655650" spans="14:14">
      <c r="N655650" s="10"/>
    </row>
    <row r="655651" spans="14:14">
      <c r="N655651" s="10"/>
    </row>
    <row r="655652" spans="14:14">
      <c r="N655652" s="10"/>
    </row>
    <row r="655653" spans="14:14">
      <c r="N655653" s="10"/>
    </row>
    <row r="655654" spans="14:14">
      <c r="N655654" s="10"/>
    </row>
    <row r="655655" spans="14:14">
      <c r="N655655" s="10"/>
    </row>
    <row r="655656" spans="14:14">
      <c r="N655656" s="10"/>
    </row>
    <row r="655657" spans="14:14">
      <c r="N655657" s="10"/>
    </row>
    <row r="655658" spans="14:14">
      <c r="N655658" s="10"/>
    </row>
    <row r="655659" spans="14:14">
      <c r="N655659" s="10"/>
    </row>
    <row r="655660" spans="14:14">
      <c r="N655660" s="10"/>
    </row>
    <row r="655661" spans="14:14">
      <c r="N655661" s="10"/>
    </row>
    <row r="655662" spans="14:14">
      <c r="N655662" s="10"/>
    </row>
    <row r="655663" spans="14:14">
      <c r="N655663" s="10"/>
    </row>
    <row r="655664" spans="14:14">
      <c r="N655664" s="10"/>
    </row>
    <row r="655665" spans="14:14">
      <c r="N655665" s="10"/>
    </row>
    <row r="655666" spans="14:14">
      <c r="N655666" s="10"/>
    </row>
    <row r="655667" spans="14:14">
      <c r="N655667" s="10"/>
    </row>
    <row r="655668" spans="14:14">
      <c r="N655668" s="10"/>
    </row>
    <row r="655669" spans="14:14">
      <c r="N655669" s="10"/>
    </row>
    <row r="655670" spans="14:14">
      <c r="N655670" s="10"/>
    </row>
    <row r="655671" spans="14:14">
      <c r="N655671" s="10"/>
    </row>
    <row r="655672" spans="14:14">
      <c r="N655672" s="10"/>
    </row>
    <row r="655673" spans="14:14">
      <c r="N655673" s="10"/>
    </row>
    <row r="655674" spans="14:14">
      <c r="N655674" s="10"/>
    </row>
    <row r="655675" spans="14:14">
      <c r="N655675" s="10"/>
    </row>
    <row r="655676" spans="14:14">
      <c r="N655676" s="10"/>
    </row>
    <row r="655677" spans="14:14">
      <c r="N655677" s="10"/>
    </row>
    <row r="655678" spans="14:14">
      <c r="N655678" s="10"/>
    </row>
    <row r="655679" spans="14:14">
      <c r="N655679" s="10"/>
    </row>
    <row r="655680" spans="14:14">
      <c r="N655680" s="10"/>
    </row>
    <row r="655681" spans="14:14">
      <c r="N655681" s="10"/>
    </row>
    <row r="655682" spans="14:14">
      <c r="N655682" s="10"/>
    </row>
    <row r="655683" spans="14:14">
      <c r="N655683" s="10"/>
    </row>
    <row r="655684" spans="14:14">
      <c r="N655684" s="10"/>
    </row>
    <row r="655685" spans="14:14">
      <c r="N655685" s="10"/>
    </row>
    <row r="655686" spans="14:14">
      <c r="N655686" s="10"/>
    </row>
    <row r="655687" spans="14:14">
      <c r="N655687" s="10"/>
    </row>
    <row r="655688" spans="14:14">
      <c r="N655688" s="10"/>
    </row>
    <row r="655689" spans="14:14">
      <c r="N655689" s="10"/>
    </row>
    <row r="655690" spans="14:14">
      <c r="N655690" s="10"/>
    </row>
    <row r="655691" spans="14:14">
      <c r="N655691" s="10"/>
    </row>
    <row r="655692" spans="14:14">
      <c r="N655692" s="10"/>
    </row>
    <row r="655693" spans="14:14">
      <c r="N655693" s="10"/>
    </row>
    <row r="655694" spans="14:14">
      <c r="N655694" s="10"/>
    </row>
    <row r="655695" spans="14:14">
      <c r="N655695" s="10"/>
    </row>
    <row r="655696" spans="14:14">
      <c r="N655696" s="10"/>
    </row>
    <row r="655697" spans="14:14">
      <c r="N655697" s="10"/>
    </row>
    <row r="655698" spans="14:14">
      <c r="N655698" s="10"/>
    </row>
    <row r="655699" spans="14:14">
      <c r="N655699" s="10"/>
    </row>
    <row r="655700" spans="14:14">
      <c r="N655700" s="10"/>
    </row>
    <row r="655701" spans="14:14">
      <c r="N655701" s="10"/>
    </row>
    <row r="655702" spans="14:14">
      <c r="N655702" s="10"/>
    </row>
    <row r="655703" spans="14:14">
      <c r="N655703" s="10"/>
    </row>
    <row r="655704" spans="14:14">
      <c r="N655704" s="10"/>
    </row>
    <row r="655705" spans="14:14">
      <c r="N655705" s="10"/>
    </row>
    <row r="655706" spans="14:14">
      <c r="N655706" s="10"/>
    </row>
    <row r="655707" spans="14:14">
      <c r="N655707" s="10"/>
    </row>
    <row r="655708" spans="14:14">
      <c r="N655708" s="10"/>
    </row>
    <row r="655709" spans="14:14">
      <c r="N655709" s="10"/>
    </row>
    <row r="655710" spans="14:14">
      <c r="N655710" s="10"/>
    </row>
    <row r="655711" spans="14:14">
      <c r="N655711" s="10"/>
    </row>
    <row r="655712" spans="14:14">
      <c r="N655712" s="10"/>
    </row>
    <row r="655713" spans="14:14">
      <c r="N655713" s="10"/>
    </row>
    <row r="655714" spans="14:14">
      <c r="N655714" s="10"/>
    </row>
    <row r="655715" spans="14:14">
      <c r="N655715" s="10"/>
    </row>
    <row r="655716" spans="14:14">
      <c r="N655716" s="10"/>
    </row>
    <row r="655717" spans="14:14">
      <c r="N655717" s="10"/>
    </row>
    <row r="655718" spans="14:14">
      <c r="N655718" s="10"/>
    </row>
    <row r="655719" spans="14:14">
      <c r="N655719" s="10"/>
    </row>
    <row r="655720" spans="14:14">
      <c r="N655720" s="10"/>
    </row>
    <row r="655721" spans="14:14">
      <c r="N655721" s="10"/>
    </row>
    <row r="655722" spans="14:14">
      <c r="N655722" s="10"/>
    </row>
    <row r="655723" spans="14:14">
      <c r="N655723" s="10"/>
    </row>
    <row r="655724" spans="14:14">
      <c r="N655724" s="10"/>
    </row>
    <row r="655725" spans="14:14">
      <c r="N655725" s="10"/>
    </row>
    <row r="655726" spans="14:14">
      <c r="N655726" s="10"/>
    </row>
    <row r="655727" spans="14:14">
      <c r="N655727" s="10"/>
    </row>
    <row r="655728" spans="14:14">
      <c r="N655728" s="10"/>
    </row>
    <row r="655729" spans="14:14">
      <c r="N655729" s="10"/>
    </row>
    <row r="655730" spans="14:14">
      <c r="N655730" s="10"/>
    </row>
    <row r="655731" spans="14:14">
      <c r="N655731" s="10"/>
    </row>
    <row r="655732" spans="14:14">
      <c r="N655732" s="10"/>
    </row>
    <row r="655733" spans="14:14">
      <c r="N655733" s="10"/>
    </row>
    <row r="655734" spans="14:14">
      <c r="N655734" s="10"/>
    </row>
    <row r="655735" spans="14:14">
      <c r="N655735" s="10"/>
    </row>
    <row r="655736" spans="14:14">
      <c r="N655736" s="10"/>
    </row>
    <row r="655737" spans="14:14">
      <c r="N655737" s="10"/>
    </row>
    <row r="655738" spans="14:14">
      <c r="N655738" s="10"/>
    </row>
    <row r="655739" spans="14:14">
      <c r="N655739" s="10"/>
    </row>
    <row r="655740" spans="14:14">
      <c r="N655740" s="10"/>
    </row>
    <row r="655741" spans="14:14">
      <c r="N655741" s="10"/>
    </row>
    <row r="655742" spans="14:14">
      <c r="N655742" s="10"/>
    </row>
    <row r="655743" spans="14:14">
      <c r="N655743" s="10"/>
    </row>
    <row r="655744" spans="14:14">
      <c r="N655744" s="10"/>
    </row>
    <row r="655745" spans="14:14">
      <c r="N655745" s="10"/>
    </row>
    <row r="655746" spans="14:14">
      <c r="N655746" s="10"/>
    </row>
    <row r="655747" spans="14:14">
      <c r="N655747" s="10"/>
    </row>
    <row r="655748" spans="14:14">
      <c r="N655748" s="10"/>
    </row>
    <row r="655749" spans="14:14">
      <c r="N655749" s="10"/>
    </row>
    <row r="655750" spans="14:14">
      <c r="N655750" s="10"/>
    </row>
    <row r="655751" spans="14:14">
      <c r="N655751" s="10"/>
    </row>
    <row r="655752" spans="14:14">
      <c r="N655752" s="10"/>
    </row>
    <row r="655753" spans="14:14">
      <c r="N655753" s="10"/>
    </row>
    <row r="655754" spans="14:14">
      <c r="N655754" s="10"/>
    </row>
    <row r="655755" spans="14:14">
      <c r="N655755" s="10"/>
    </row>
    <row r="655756" spans="14:14">
      <c r="N655756" s="10"/>
    </row>
    <row r="655757" spans="14:14">
      <c r="N655757" s="10"/>
    </row>
    <row r="655758" spans="14:14">
      <c r="N655758" s="10"/>
    </row>
    <row r="655759" spans="14:14">
      <c r="N655759" s="10"/>
    </row>
    <row r="655760" spans="14:14">
      <c r="N655760" s="10"/>
    </row>
    <row r="655761" spans="14:14">
      <c r="N655761" s="10"/>
    </row>
    <row r="655762" spans="14:14">
      <c r="N655762" s="10"/>
    </row>
    <row r="655763" spans="14:14">
      <c r="N655763" s="10"/>
    </row>
    <row r="655764" spans="14:14">
      <c r="N655764" s="10"/>
    </row>
    <row r="655765" spans="14:14">
      <c r="N655765" s="10"/>
    </row>
    <row r="655766" spans="14:14">
      <c r="N655766" s="10"/>
    </row>
    <row r="655767" spans="14:14">
      <c r="N655767" s="10"/>
    </row>
    <row r="655768" spans="14:14">
      <c r="N655768" s="10"/>
    </row>
    <row r="655769" spans="14:14">
      <c r="N655769" s="10"/>
    </row>
    <row r="655770" spans="14:14">
      <c r="N655770" s="10"/>
    </row>
    <row r="655771" spans="14:14">
      <c r="N655771" s="10"/>
    </row>
    <row r="655772" spans="14:14">
      <c r="N655772" s="10"/>
    </row>
    <row r="655773" spans="14:14">
      <c r="N655773" s="10"/>
    </row>
    <row r="655774" spans="14:14">
      <c r="N655774" s="10"/>
    </row>
    <row r="655775" spans="14:14">
      <c r="N655775" s="10"/>
    </row>
    <row r="655776" spans="14:14">
      <c r="N655776" s="10"/>
    </row>
    <row r="655777" spans="14:14">
      <c r="N655777" s="10"/>
    </row>
    <row r="655778" spans="14:14">
      <c r="N655778" s="10"/>
    </row>
    <row r="655779" spans="14:14">
      <c r="N655779" s="10"/>
    </row>
    <row r="655780" spans="14:14">
      <c r="N655780" s="10"/>
    </row>
    <row r="655781" spans="14:14">
      <c r="N655781" s="10"/>
    </row>
    <row r="655782" spans="14:14">
      <c r="N655782" s="10"/>
    </row>
    <row r="655783" spans="14:14">
      <c r="N655783" s="10"/>
    </row>
    <row r="655784" spans="14:14">
      <c r="N655784" s="10"/>
    </row>
    <row r="655785" spans="14:14">
      <c r="N655785" s="10"/>
    </row>
    <row r="655786" spans="14:14">
      <c r="N655786" s="10"/>
    </row>
    <row r="655787" spans="14:14">
      <c r="N655787" s="10"/>
    </row>
    <row r="655788" spans="14:14">
      <c r="N655788" s="10"/>
    </row>
    <row r="655789" spans="14:14">
      <c r="N655789" s="10"/>
    </row>
    <row r="655790" spans="14:14">
      <c r="N655790" s="10"/>
    </row>
    <row r="655791" spans="14:14">
      <c r="N655791" s="10"/>
    </row>
    <row r="655792" spans="14:14">
      <c r="N655792" s="10"/>
    </row>
    <row r="655793" spans="14:14">
      <c r="N655793" s="10"/>
    </row>
    <row r="655794" spans="14:14">
      <c r="N655794" s="10"/>
    </row>
    <row r="655795" spans="14:14">
      <c r="N655795" s="10"/>
    </row>
    <row r="655796" spans="14:14">
      <c r="N655796" s="10"/>
    </row>
    <row r="655797" spans="14:14">
      <c r="N655797" s="10"/>
    </row>
    <row r="655798" spans="14:14">
      <c r="N655798" s="10"/>
    </row>
    <row r="655799" spans="14:14">
      <c r="N655799" s="10"/>
    </row>
    <row r="655800" spans="14:14">
      <c r="N655800" s="10"/>
    </row>
    <row r="655801" spans="14:14">
      <c r="N655801" s="10"/>
    </row>
    <row r="655802" spans="14:14">
      <c r="N655802" s="10"/>
    </row>
    <row r="655803" spans="14:14">
      <c r="N655803" s="10"/>
    </row>
    <row r="655804" spans="14:14">
      <c r="N655804" s="10"/>
    </row>
    <row r="655805" spans="14:14">
      <c r="N655805" s="10"/>
    </row>
    <row r="655806" spans="14:14">
      <c r="N655806" s="10"/>
    </row>
    <row r="655807" spans="14:14">
      <c r="N655807" s="10"/>
    </row>
    <row r="655808" spans="14:14">
      <c r="N655808" s="10"/>
    </row>
    <row r="655809" spans="14:14">
      <c r="N655809" s="10"/>
    </row>
    <row r="655810" spans="14:14">
      <c r="N655810" s="10"/>
    </row>
    <row r="655811" spans="14:14">
      <c r="N655811" s="10"/>
    </row>
    <row r="655812" spans="14:14">
      <c r="N655812" s="10"/>
    </row>
    <row r="655813" spans="14:14">
      <c r="N655813" s="10"/>
    </row>
    <row r="655814" spans="14:14">
      <c r="N655814" s="10"/>
    </row>
    <row r="655815" spans="14:14">
      <c r="N655815" s="10"/>
    </row>
    <row r="655816" spans="14:14">
      <c r="N655816" s="10"/>
    </row>
    <row r="655817" spans="14:14">
      <c r="N655817" s="10"/>
    </row>
    <row r="655818" spans="14:14">
      <c r="N655818" s="10"/>
    </row>
    <row r="655819" spans="14:14">
      <c r="N655819" s="10"/>
    </row>
    <row r="655820" spans="14:14">
      <c r="N655820" s="10"/>
    </row>
    <row r="655821" spans="14:14">
      <c r="N655821" s="10"/>
    </row>
    <row r="655822" spans="14:14">
      <c r="N655822" s="10"/>
    </row>
    <row r="655823" spans="14:14">
      <c r="N655823" s="10"/>
    </row>
    <row r="655824" spans="14:14">
      <c r="N655824" s="10"/>
    </row>
    <row r="655825" spans="14:14">
      <c r="N655825" s="10"/>
    </row>
    <row r="655826" spans="14:14">
      <c r="N655826" s="10"/>
    </row>
    <row r="655827" spans="14:14">
      <c r="N655827" s="10"/>
    </row>
    <row r="655828" spans="14:14">
      <c r="N655828" s="10"/>
    </row>
    <row r="655829" spans="14:14">
      <c r="N655829" s="10"/>
    </row>
    <row r="655830" spans="14:14">
      <c r="N655830" s="10"/>
    </row>
    <row r="655831" spans="14:14">
      <c r="N655831" s="10"/>
    </row>
    <row r="655832" spans="14:14">
      <c r="N655832" s="10"/>
    </row>
    <row r="655833" spans="14:14">
      <c r="N655833" s="10"/>
    </row>
    <row r="655834" spans="14:14">
      <c r="N655834" s="10"/>
    </row>
    <row r="655835" spans="14:14">
      <c r="N655835" s="10"/>
    </row>
    <row r="655836" spans="14:14">
      <c r="N655836" s="10"/>
    </row>
    <row r="655837" spans="14:14">
      <c r="N655837" s="10"/>
    </row>
    <row r="655838" spans="14:14">
      <c r="N655838" s="10"/>
    </row>
    <row r="655839" spans="14:14">
      <c r="N655839" s="10"/>
    </row>
    <row r="655840" spans="14:14">
      <c r="N655840" s="10"/>
    </row>
    <row r="655841" spans="14:14">
      <c r="N655841" s="10"/>
    </row>
    <row r="655842" spans="14:14">
      <c r="N655842" s="10"/>
    </row>
    <row r="655843" spans="14:14">
      <c r="N655843" s="10"/>
    </row>
    <row r="655844" spans="14:14">
      <c r="N655844" s="10"/>
    </row>
    <row r="655845" spans="14:14">
      <c r="N655845" s="10"/>
    </row>
    <row r="655846" spans="14:14">
      <c r="N655846" s="10"/>
    </row>
    <row r="655847" spans="14:14">
      <c r="N655847" s="10"/>
    </row>
    <row r="655848" spans="14:14">
      <c r="N655848" s="10"/>
    </row>
    <row r="655849" spans="14:14">
      <c r="N655849" s="10"/>
    </row>
    <row r="655850" spans="14:14">
      <c r="N655850" s="10"/>
    </row>
    <row r="655851" spans="14:14">
      <c r="N655851" s="10"/>
    </row>
    <row r="655852" spans="14:14">
      <c r="N655852" s="10"/>
    </row>
    <row r="655853" spans="14:14">
      <c r="N655853" s="10"/>
    </row>
    <row r="655854" spans="14:14">
      <c r="N655854" s="10"/>
    </row>
    <row r="655855" spans="14:14">
      <c r="N655855" s="10"/>
    </row>
    <row r="655856" spans="14:14">
      <c r="N655856" s="10"/>
    </row>
    <row r="655857" spans="14:14">
      <c r="N655857" s="10"/>
    </row>
    <row r="655858" spans="14:14">
      <c r="N655858" s="10"/>
    </row>
    <row r="655859" spans="14:14">
      <c r="N655859" s="10"/>
    </row>
    <row r="655860" spans="14:14">
      <c r="N655860" s="10"/>
    </row>
    <row r="655861" spans="14:14">
      <c r="N655861" s="10"/>
    </row>
    <row r="655862" spans="14:14">
      <c r="N655862" s="10"/>
    </row>
    <row r="655863" spans="14:14">
      <c r="N655863" s="10"/>
    </row>
    <row r="655864" spans="14:14">
      <c r="N655864" s="10"/>
    </row>
    <row r="655865" spans="14:14">
      <c r="N655865" s="10"/>
    </row>
    <row r="655866" spans="14:14">
      <c r="N655866" s="10"/>
    </row>
    <row r="655867" spans="14:14">
      <c r="N655867" s="10"/>
    </row>
    <row r="655868" spans="14:14">
      <c r="N655868" s="10"/>
    </row>
    <row r="655869" spans="14:14">
      <c r="N655869" s="10"/>
    </row>
    <row r="655870" spans="14:14">
      <c r="N655870" s="10"/>
    </row>
    <row r="655871" spans="14:14">
      <c r="N655871" s="10"/>
    </row>
    <row r="655872" spans="14:14">
      <c r="N655872" s="10"/>
    </row>
    <row r="655873" spans="14:14">
      <c r="N655873" s="10"/>
    </row>
    <row r="655874" spans="14:14">
      <c r="N655874" s="10"/>
    </row>
    <row r="655875" spans="14:14">
      <c r="N655875" s="10"/>
    </row>
    <row r="655876" spans="14:14">
      <c r="N655876" s="10"/>
    </row>
    <row r="655877" spans="14:14">
      <c r="N655877" s="10"/>
    </row>
    <row r="655878" spans="14:14">
      <c r="N655878" s="10"/>
    </row>
    <row r="655879" spans="14:14">
      <c r="N655879" s="10"/>
    </row>
    <row r="655880" spans="14:14">
      <c r="N655880" s="10"/>
    </row>
    <row r="655881" spans="14:14">
      <c r="N655881" s="10"/>
    </row>
    <row r="655882" spans="14:14">
      <c r="N655882" s="10"/>
    </row>
    <row r="655883" spans="14:14">
      <c r="N655883" s="10"/>
    </row>
    <row r="655884" spans="14:14">
      <c r="N655884" s="10"/>
    </row>
    <row r="655885" spans="14:14">
      <c r="N655885" s="10"/>
    </row>
    <row r="655886" spans="14:14">
      <c r="N655886" s="10"/>
    </row>
    <row r="655887" spans="14:14">
      <c r="N655887" s="10"/>
    </row>
    <row r="655888" spans="14:14">
      <c r="N655888" s="10"/>
    </row>
    <row r="655889" spans="14:14">
      <c r="N655889" s="10"/>
    </row>
    <row r="655890" spans="14:14">
      <c r="N655890" s="10"/>
    </row>
    <row r="655891" spans="14:14">
      <c r="N655891" s="10"/>
    </row>
    <row r="655892" spans="14:14">
      <c r="N655892" s="10"/>
    </row>
    <row r="655893" spans="14:14">
      <c r="N655893" s="10"/>
    </row>
    <row r="655894" spans="14:14">
      <c r="N655894" s="10"/>
    </row>
    <row r="655895" spans="14:14">
      <c r="N655895" s="10"/>
    </row>
    <row r="655896" spans="14:14">
      <c r="N655896" s="10"/>
    </row>
    <row r="655897" spans="14:14">
      <c r="N655897" s="10"/>
    </row>
    <row r="655898" spans="14:14">
      <c r="N655898" s="10"/>
    </row>
    <row r="655899" spans="14:14">
      <c r="N655899" s="10"/>
    </row>
    <row r="655900" spans="14:14">
      <c r="N655900" s="10"/>
    </row>
    <row r="655901" spans="14:14">
      <c r="N655901" s="10"/>
    </row>
    <row r="655902" spans="14:14">
      <c r="N655902" s="10"/>
    </row>
    <row r="655903" spans="14:14">
      <c r="N655903" s="10"/>
    </row>
    <row r="655904" spans="14:14">
      <c r="N655904" s="10"/>
    </row>
    <row r="655905" spans="14:14">
      <c r="N655905" s="10"/>
    </row>
    <row r="655906" spans="14:14">
      <c r="N655906" s="10"/>
    </row>
    <row r="655907" spans="14:14">
      <c r="N655907" s="10"/>
    </row>
    <row r="655908" spans="14:14">
      <c r="N655908" s="10"/>
    </row>
    <row r="655909" spans="14:14">
      <c r="N655909" s="10"/>
    </row>
    <row r="655910" spans="14:14">
      <c r="N655910" s="10"/>
    </row>
    <row r="655911" spans="14:14">
      <c r="N655911" s="10"/>
    </row>
    <row r="655912" spans="14:14">
      <c r="N655912" s="10"/>
    </row>
    <row r="655913" spans="14:14">
      <c r="N655913" s="10"/>
    </row>
    <row r="655914" spans="14:14">
      <c r="N655914" s="10"/>
    </row>
    <row r="655915" spans="14:14">
      <c r="N655915" s="10"/>
    </row>
    <row r="655916" spans="14:14">
      <c r="N655916" s="10"/>
    </row>
    <row r="655917" spans="14:14">
      <c r="N655917" s="10"/>
    </row>
    <row r="655918" spans="14:14">
      <c r="N655918" s="10"/>
    </row>
    <row r="655919" spans="14:14">
      <c r="N655919" s="10"/>
    </row>
    <row r="655920" spans="14:14">
      <c r="N655920" s="10"/>
    </row>
    <row r="655921" spans="14:14">
      <c r="N655921" s="10"/>
    </row>
    <row r="655922" spans="14:14">
      <c r="N655922" s="10"/>
    </row>
    <row r="655923" spans="14:14">
      <c r="N655923" s="10"/>
    </row>
    <row r="655924" spans="14:14">
      <c r="N655924" s="10"/>
    </row>
    <row r="655925" spans="14:14">
      <c r="N655925" s="10"/>
    </row>
    <row r="655926" spans="14:14">
      <c r="N655926" s="10"/>
    </row>
    <row r="655927" spans="14:14">
      <c r="N655927" s="10"/>
    </row>
    <row r="655928" spans="14:14">
      <c r="N655928" s="10"/>
    </row>
    <row r="655929" spans="14:14">
      <c r="N655929" s="10"/>
    </row>
    <row r="655930" spans="14:14">
      <c r="N655930" s="10"/>
    </row>
    <row r="655931" spans="14:14">
      <c r="N655931" s="10"/>
    </row>
    <row r="655932" spans="14:14">
      <c r="N655932" s="10"/>
    </row>
    <row r="655933" spans="14:14">
      <c r="N655933" s="10"/>
    </row>
    <row r="655934" spans="14:14">
      <c r="N655934" s="10"/>
    </row>
    <row r="655935" spans="14:14">
      <c r="N655935" s="10"/>
    </row>
    <row r="655936" spans="14:14">
      <c r="N655936" s="10"/>
    </row>
    <row r="655937" spans="14:14">
      <c r="N655937" s="10"/>
    </row>
    <row r="655938" spans="14:14">
      <c r="N655938" s="10"/>
    </row>
    <row r="655939" spans="14:14">
      <c r="N655939" s="10"/>
    </row>
    <row r="655940" spans="14:14">
      <c r="N655940" s="10"/>
    </row>
    <row r="655941" spans="14:14">
      <c r="N655941" s="10"/>
    </row>
    <row r="655942" spans="14:14">
      <c r="N655942" s="10"/>
    </row>
    <row r="655943" spans="14:14">
      <c r="N655943" s="10"/>
    </row>
    <row r="655944" spans="14:14">
      <c r="N655944" s="10"/>
    </row>
    <row r="655945" spans="14:14">
      <c r="N655945" s="10"/>
    </row>
    <row r="655946" spans="14:14">
      <c r="N655946" s="10"/>
    </row>
    <row r="655947" spans="14:14">
      <c r="N655947" s="10"/>
    </row>
    <row r="655948" spans="14:14">
      <c r="N655948" s="10"/>
    </row>
    <row r="655949" spans="14:14">
      <c r="N655949" s="10"/>
    </row>
    <row r="655950" spans="14:14">
      <c r="N655950" s="10"/>
    </row>
    <row r="655951" spans="14:14">
      <c r="N655951" s="10"/>
    </row>
    <row r="655952" spans="14:14">
      <c r="N655952" s="10"/>
    </row>
    <row r="655953" spans="14:14">
      <c r="N655953" s="10"/>
    </row>
    <row r="655954" spans="14:14">
      <c r="N655954" s="10"/>
    </row>
    <row r="655955" spans="14:14">
      <c r="N655955" s="10"/>
    </row>
    <row r="655956" spans="14:14">
      <c r="N655956" s="10"/>
    </row>
    <row r="655957" spans="14:14">
      <c r="N655957" s="10"/>
    </row>
    <row r="655958" spans="14:14">
      <c r="N655958" s="10"/>
    </row>
    <row r="655959" spans="14:14">
      <c r="N655959" s="10"/>
    </row>
    <row r="655960" spans="14:14">
      <c r="N655960" s="10"/>
    </row>
    <row r="655961" spans="14:14">
      <c r="N655961" s="10"/>
    </row>
    <row r="655962" spans="14:14">
      <c r="N655962" s="10"/>
    </row>
    <row r="655963" spans="14:14">
      <c r="N655963" s="10"/>
    </row>
    <row r="655964" spans="14:14">
      <c r="N655964" s="10"/>
    </row>
    <row r="655965" spans="14:14">
      <c r="N655965" s="10"/>
    </row>
    <row r="655966" spans="14:14">
      <c r="N655966" s="10"/>
    </row>
    <row r="655967" spans="14:14">
      <c r="N655967" s="10"/>
    </row>
    <row r="655968" spans="14:14">
      <c r="N655968" s="10"/>
    </row>
    <row r="655969" spans="14:14">
      <c r="N655969" s="10"/>
    </row>
    <row r="655970" spans="14:14">
      <c r="N655970" s="10"/>
    </row>
    <row r="655971" spans="14:14">
      <c r="N655971" s="10"/>
    </row>
    <row r="655972" spans="14:14">
      <c r="N655972" s="10"/>
    </row>
    <row r="655973" spans="14:14">
      <c r="N655973" s="10"/>
    </row>
    <row r="655974" spans="14:14">
      <c r="N655974" s="10"/>
    </row>
    <row r="655975" spans="14:14">
      <c r="N655975" s="10"/>
    </row>
    <row r="655976" spans="14:14">
      <c r="N655976" s="10"/>
    </row>
    <row r="655977" spans="14:14">
      <c r="N655977" s="10"/>
    </row>
    <row r="655978" spans="14:14">
      <c r="N655978" s="10"/>
    </row>
    <row r="655979" spans="14:14">
      <c r="N655979" s="10"/>
    </row>
    <row r="655980" spans="14:14">
      <c r="N655980" s="10"/>
    </row>
    <row r="655981" spans="14:14">
      <c r="N655981" s="10"/>
    </row>
    <row r="655982" spans="14:14">
      <c r="N655982" s="10"/>
    </row>
    <row r="655983" spans="14:14">
      <c r="N655983" s="10"/>
    </row>
    <row r="655984" spans="14:14">
      <c r="N655984" s="10"/>
    </row>
    <row r="655985" spans="14:14">
      <c r="N655985" s="10"/>
    </row>
    <row r="655986" spans="14:14">
      <c r="N655986" s="10"/>
    </row>
    <row r="655987" spans="14:14">
      <c r="N655987" s="10"/>
    </row>
    <row r="655988" spans="14:14">
      <c r="N655988" s="10"/>
    </row>
    <row r="655989" spans="14:14">
      <c r="N655989" s="10"/>
    </row>
    <row r="655990" spans="14:14">
      <c r="N655990" s="10"/>
    </row>
    <row r="655991" spans="14:14">
      <c r="N655991" s="10"/>
    </row>
    <row r="655992" spans="14:14">
      <c r="N655992" s="10"/>
    </row>
    <row r="655993" spans="14:14">
      <c r="N655993" s="10"/>
    </row>
    <row r="655994" spans="14:14">
      <c r="N655994" s="10"/>
    </row>
    <row r="655995" spans="14:14">
      <c r="N655995" s="10"/>
    </row>
    <row r="655996" spans="14:14">
      <c r="N655996" s="10"/>
    </row>
    <row r="655997" spans="14:14">
      <c r="N655997" s="10"/>
    </row>
    <row r="655998" spans="14:14">
      <c r="N655998" s="10"/>
    </row>
    <row r="655999" spans="14:14">
      <c r="N655999" s="10"/>
    </row>
    <row r="656000" spans="14:14">
      <c r="N656000" s="10"/>
    </row>
    <row r="656001" spans="14:14">
      <c r="N656001" s="10"/>
    </row>
    <row r="656002" spans="14:14">
      <c r="N656002" s="10"/>
    </row>
    <row r="656003" spans="14:14">
      <c r="N656003" s="10"/>
    </row>
    <row r="656004" spans="14:14">
      <c r="N656004" s="10"/>
    </row>
    <row r="656005" spans="14:14">
      <c r="N656005" s="10"/>
    </row>
    <row r="656006" spans="14:14">
      <c r="N656006" s="10"/>
    </row>
    <row r="656007" spans="14:14">
      <c r="N656007" s="10"/>
    </row>
    <row r="656008" spans="14:14">
      <c r="N656008" s="10"/>
    </row>
    <row r="656009" spans="14:14">
      <c r="N656009" s="10"/>
    </row>
    <row r="656010" spans="14:14">
      <c r="N656010" s="10"/>
    </row>
    <row r="656011" spans="14:14">
      <c r="N656011" s="10"/>
    </row>
    <row r="656012" spans="14:14">
      <c r="N656012" s="10"/>
    </row>
    <row r="656013" spans="14:14">
      <c r="N656013" s="10"/>
    </row>
    <row r="656014" spans="14:14">
      <c r="N656014" s="10"/>
    </row>
    <row r="656015" spans="14:14">
      <c r="N656015" s="10"/>
    </row>
    <row r="656016" spans="14:14">
      <c r="N656016" s="10"/>
    </row>
    <row r="656017" spans="14:14">
      <c r="N656017" s="10"/>
    </row>
    <row r="656018" spans="14:14">
      <c r="N656018" s="10"/>
    </row>
    <row r="656019" spans="14:14">
      <c r="N656019" s="10"/>
    </row>
    <row r="656020" spans="14:14">
      <c r="N656020" s="10"/>
    </row>
    <row r="656021" spans="14:14">
      <c r="N656021" s="10"/>
    </row>
    <row r="656022" spans="14:14">
      <c r="N656022" s="10"/>
    </row>
    <row r="656023" spans="14:14">
      <c r="N656023" s="10"/>
    </row>
    <row r="656024" spans="14:14">
      <c r="N656024" s="10"/>
    </row>
    <row r="656025" spans="14:14">
      <c r="N656025" s="10"/>
    </row>
    <row r="656026" spans="14:14">
      <c r="N656026" s="10"/>
    </row>
    <row r="656027" spans="14:14">
      <c r="N656027" s="10"/>
    </row>
    <row r="656028" spans="14:14">
      <c r="N656028" s="10"/>
    </row>
    <row r="656029" spans="14:14">
      <c r="N656029" s="10"/>
    </row>
    <row r="656030" spans="14:14">
      <c r="N656030" s="10"/>
    </row>
    <row r="656031" spans="14:14">
      <c r="N656031" s="10"/>
    </row>
    <row r="656032" spans="14:14">
      <c r="N656032" s="10"/>
    </row>
    <row r="656033" spans="14:14">
      <c r="N656033" s="10"/>
    </row>
    <row r="656034" spans="14:14">
      <c r="N656034" s="10"/>
    </row>
    <row r="656035" spans="14:14">
      <c r="N656035" s="10"/>
    </row>
    <row r="656036" spans="14:14">
      <c r="N656036" s="10"/>
    </row>
    <row r="656037" spans="14:14">
      <c r="N656037" s="10"/>
    </row>
    <row r="656038" spans="14:14">
      <c r="N656038" s="10"/>
    </row>
    <row r="656039" spans="14:14">
      <c r="N656039" s="10"/>
    </row>
    <row r="656040" spans="14:14">
      <c r="N656040" s="10"/>
    </row>
    <row r="656041" spans="14:14">
      <c r="N656041" s="10"/>
    </row>
    <row r="656042" spans="14:14">
      <c r="N656042" s="10"/>
    </row>
    <row r="656043" spans="14:14">
      <c r="N656043" s="10"/>
    </row>
    <row r="656044" spans="14:14">
      <c r="N656044" s="10"/>
    </row>
    <row r="656045" spans="14:14">
      <c r="N656045" s="10"/>
    </row>
    <row r="656046" spans="14:14">
      <c r="N656046" s="10"/>
    </row>
    <row r="656047" spans="14:14">
      <c r="N656047" s="10"/>
    </row>
    <row r="656048" spans="14:14">
      <c r="N656048" s="10"/>
    </row>
    <row r="656049" spans="14:14">
      <c r="N656049" s="10"/>
    </row>
    <row r="656050" spans="14:14">
      <c r="N656050" s="10"/>
    </row>
    <row r="656051" spans="14:14">
      <c r="N656051" s="10"/>
    </row>
    <row r="656052" spans="14:14">
      <c r="N656052" s="10"/>
    </row>
    <row r="656053" spans="14:14">
      <c r="N656053" s="10"/>
    </row>
    <row r="656054" spans="14:14">
      <c r="N656054" s="10"/>
    </row>
    <row r="656055" spans="14:14">
      <c r="N656055" s="10"/>
    </row>
    <row r="656056" spans="14:14">
      <c r="N656056" s="10"/>
    </row>
    <row r="656057" spans="14:14">
      <c r="N656057" s="10"/>
    </row>
    <row r="656058" spans="14:14">
      <c r="N656058" s="10"/>
    </row>
    <row r="656059" spans="14:14">
      <c r="N656059" s="10"/>
    </row>
    <row r="656060" spans="14:14">
      <c r="N656060" s="10"/>
    </row>
    <row r="656061" spans="14:14">
      <c r="N656061" s="10"/>
    </row>
    <row r="656062" spans="14:14">
      <c r="N656062" s="10"/>
    </row>
    <row r="656063" spans="14:14">
      <c r="N656063" s="10"/>
    </row>
    <row r="656064" spans="14:14">
      <c r="N656064" s="10"/>
    </row>
    <row r="656065" spans="14:14">
      <c r="N656065" s="10"/>
    </row>
    <row r="656066" spans="14:14">
      <c r="N656066" s="10"/>
    </row>
    <row r="656067" spans="14:14">
      <c r="N656067" s="10"/>
    </row>
    <row r="656068" spans="14:14">
      <c r="N656068" s="10"/>
    </row>
    <row r="656069" spans="14:14">
      <c r="N656069" s="10"/>
    </row>
    <row r="656070" spans="14:14">
      <c r="N656070" s="10"/>
    </row>
    <row r="656071" spans="14:14">
      <c r="N656071" s="10"/>
    </row>
    <row r="656072" spans="14:14">
      <c r="N656072" s="10"/>
    </row>
    <row r="656073" spans="14:14">
      <c r="N656073" s="10"/>
    </row>
    <row r="656074" spans="14:14">
      <c r="N656074" s="10"/>
    </row>
    <row r="656075" spans="14:14">
      <c r="N656075" s="10"/>
    </row>
    <row r="656076" spans="14:14">
      <c r="N656076" s="10"/>
    </row>
    <row r="656077" spans="14:14">
      <c r="N656077" s="10"/>
    </row>
    <row r="656078" spans="14:14">
      <c r="N656078" s="10"/>
    </row>
    <row r="656079" spans="14:14">
      <c r="N656079" s="10"/>
    </row>
    <row r="656080" spans="14:14">
      <c r="N656080" s="10"/>
    </row>
    <row r="656081" spans="14:14">
      <c r="N656081" s="10"/>
    </row>
    <row r="656082" spans="14:14">
      <c r="N656082" s="10"/>
    </row>
    <row r="656083" spans="14:14">
      <c r="N656083" s="10"/>
    </row>
    <row r="656084" spans="14:14">
      <c r="N656084" s="10"/>
    </row>
    <row r="656085" spans="14:14">
      <c r="N656085" s="10"/>
    </row>
    <row r="656086" spans="14:14">
      <c r="N656086" s="10"/>
    </row>
    <row r="656087" spans="14:14">
      <c r="N656087" s="10"/>
    </row>
    <row r="656088" spans="14:14">
      <c r="N656088" s="10"/>
    </row>
    <row r="656089" spans="14:14">
      <c r="N656089" s="10"/>
    </row>
    <row r="656090" spans="14:14">
      <c r="N656090" s="10"/>
    </row>
    <row r="656091" spans="14:14">
      <c r="N656091" s="10"/>
    </row>
    <row r="656092" spans="14:14">
      <c r="N656092" s="10"/>
    </row>
    <row r="656093" spans="14:14">
      <c r="N656093" s="10"/>
    </row>
    <row r="656094" spans="14:14">
      <c r="N656094" s="10"/>
    </row>
    <row r="656095" spans="14:14">
      <c r="N656095" s="10"/>
    </row>
    <row r="656096" spans="14:14">
      <c r="N656096" s="10"/>
    </row>
    <row r="656097" spans="14:14">
      <c r="N656097" s="10"/>
    </row>
    <row r="656098" spans="14:14">
      <c r="N656098" s="10"/>
    </row>
    <row r="656099" spans="14:14">
      <c r="N656099" s="10"/>
    </row>
    <row r="656100" spans="14:14">
      <c r="N656100" s="10"/>
    </row>
    <row r="656101" spans="14:14">
      <c r="N656101" s="10"/>
    </row>
    <row r="656102" spans="14:14">
      <c r="N656102" s="10"/>
    </row>
    <row r="656103" spans="14:14">
      <c r="N656103" s="10"/>
    </row>
    <row r="656104" spans="14:14">
      <c r="N656104" s="10"/>
    </row>
    <row r="656105" spans="14:14">
      <c r="N656105" s="10"/>
    </row>
    <row r="656106" spans="14:14">
      <c r="N656106" s="10"/>
    </row>
    <row r="656107" spans="14:14">
      <c r="N656107" s="10"/>
    </row>
    <row r="656108" spans="14:14">
      <c r="N656108" s="10"/>
    </row>
    <row r="656109" spans="14:14">
      <c r="N656109" s="10"/>
    </row>
    <row r="656110" spans="14:14">
      <c r="N656110" s="10"/>
    </row>
    <row r="656111" spans="14:14">
      <c r="N656111" s="10"/>
    </row>
    <row r="656112" spans="14:14">
      <c r="N656112" s="10"/>
    </row>
    <row r="656113" spans="14:14">
      <c r="N656113" s="10"/>
    </row>
    <row r="656114" spans="14:14">
      <c r="N656114" s="10"/>
    </row>
    <row r="656115" spans="14:14">
      <c r="N656115" s="10"/>
    </row>
    <row r="656116" spans="14:14">
      <c r="N656116" s="10"/>
    </row>
    <row r="656117" spans="14:14">
      <c r="N656117" s="10"/>
    </row>
    <row r="656118" spans="14:14">
      <c r="N656118" s="10"/>
    </row>
    <row r="656119" spans="14:14">
      <c r="N656119" s="10"/>
    </row>
    <row r="656120" spans="14:14">
      <c r="N656120" s="10"/>
    </row>
    <row r="656121" spans="14:14">
      <c r="N656121" s="10"/>
    </row>
    <row r="656122" spans="14:14">
      <c r="N656122" s="10"/>
    </row>
    <row r="656123" spans="14:14">
      <c r="N656123" s="10"/>
    </row>
    <row r="656124" spans="14:14">
      <c r="N656124" s="10"/>
    </row>
    <row r="656125" spans="14:14">
      <c r="N656125" s="10"/>
    </row>
    <row r="656126" spans="14:14">
      <c r="N656126" s="10"/>
    </row>
    <row r="656127" spans="14:14">
      <c r="N656127" s="10"/>
    </row>
    <row r="656128" spans="14:14">
      <c r="N656128" s="10"/>
    </row>
    <row r="656129" spans="14:14">
      <c r="N656129" s="10"/>
    </row>
    <row r="656130" spans="14:14">
      <c r="N656130" s="10"/>
    </row>
    <row r="656131" spans="14:14">
      <c r="N656131" s="10"/>
    </row>
    <row r="656132" spans="14:14">
      <c r="N656132" s="10"/>
    </row>
    <row r="656133" spans="14:14">
      <c r="N656133" s="10"/>
    </row>
    <row r="656134" spans="14:14">
      <c r="N656134" s="10"/>
    </row>
    <row r="656135" spans="14:14">
      <c r="N656135" s="10"/>
    </row>
    <row r="656136" spans="14:14">
      <c r="N656136" s="10"/>
    </row>
    <row r="656137" spans="14:14">
      <c r="N656137" s="10"/>
    </row>
    <row r="656138" spans="14:14">
      <c r="N656138" s="10"/>
    </row>
    <row r="656139" spans="14:14">
      <c r="N656139" s="10"/>
    </row>
    <row r="656140" spans="14:14">
      <c r="N656140" s="10"/>
    </row>
    <row r="656141" spans="14:14">
      <c r="N656141" s="10"/>
    </row>
    <row r="656142" spans="14:14">
      <c r="N656142" s="10"/>
    </row>
    <row r="656143" spans="14:14">
      <c r="N656143" s="10"/>
    </row>
    <row r="656144" spans="14:14">
      <c r="N656144" s="10"/>
    </row>
    <row r="656145" spans="14:14">
      <c r="N656145" s="10"/>
    </row>
    <row r="656146" spans="14:14">
      <c r="N656146" s="10"/>
    </row>
    <row r="656147" spans="14:14">
      <c r="N656147" s="10"/>
    </row>
    <row r="656148" spans="14:14">
      <c r="N656148" s="10"/>
    </row>
    <row r="656149" spans="14:14">
      <c r="N656149" s="10"/>
    </row>
    <row r="656150" spans="14:14">
      <c r="N656150" s="10"/>
    </row>
    <row r="656151" spans="14:14">
      <c r="N656151" s="10"/>
    </row>
    <row r="656152" spans="14:14">
      <c r="N656152" s="10"/>
    </row>
    <row r="656153" spans="14:14">
      <c r="N656153" s="10"/>
    </row>
    <row r="656154" spans="14:14">
      <c r="N656154" s="10"/>
    </row>
    <row r="656155" spans="14:14">
      <c r="N656155" s="10"/>
    </row>
    <row r="656156" spans="14:14">
      <c r="N656156" s="10"/>
    </row>
    <row r="656157" spans="14:14">
      <c r="N656157" s="10"/>
    </row>
    <row r="656158" spans="14:14">
      <c r="N656158" s="10"/>
    </row>
    <row r="656159" spans="14:14">
      <c r="N656159" s="10"/>
    </row>
    <row r="656160" spans="14:14">
      <c r="N656160" s="10"/>
    </row>
    <row r="656161" spans="14:14">
      <c r="N656161" s="10"/>
    </row>
    <row r="656162" spans="14:14">
      <c r="N656162" s="10"/>
    </row>
    <row r="656163" spans="14:14">
      <c r="N656163" s="10"/>
    </row>
    <row r="656164" spans="14:14">
      <c r="N656164" s="10"/>
    </row>
    <row r="656165" spans="14:14">
      <c r="N656165" s="10"/>
    </row>
    <row r="656166" spans="14:14">
      <c r="N656166" s="10"/>
    </row>
    <row r="656167" spans="14:14">
      <c r="N656167" s="10"/>
    </row>
    <row r="656168" spans="14:14">
      <c r="N656168" s="10"/>
    </row>
    <row r="656169" spans="14:14">
      <c r="N656169" s="10"/>
    </row>
    <row r="656170" spans="14:14">
      <c r="N656170" s="10"/>
    </row>
    <row r="656171" spans="14:14">
      <c r="N656171" s="10"/>
    </row>
    <row r="656172" spans="14:14">
      <c r="N656172" s="10"/>
    </row>
    <row r="656173" spans="14:14">
      <c r="N656173" s="10"/>
    </row>
    <row r="656174" spans="14:14">
      <c r="N656174" s="10"/>
    </row>
    <row r="656175" spans="14:14">
      <c r="N656175" s="10"/>
    </row>
    <row r="656176" spans="14:14">
      <c r="N656176" s="10"/>
    </row>
    <row r="656177" spans="14:14">
      <c r="N656177" s="10"/>
    </row>
    <row r="656178" spans="14:14">
      <c r="N656178" s="10"/>
    </row>
    <row r="656179" spans="14:14">
      <c r="N656179" s="10"/>
    </row>
    <row r="656180" spans="14:14">
      <c r="N656180" s="10"/>
    </row>
    <row r="656181" spans="14:14">
      <c r="N656181" s="10"/>
    </row>
    <row r="656182" spans="14:14">
      <c r="N656182" s="10"/>
    </row>
    <row r="656183" spans="14:14">
      <c r="N656183" s="10"/>
    </row>
    <row r="656184" spans="14:14">
      <c r="N656184" s="10"/>
    </row>
    <row r="656185" spans="14:14">
      <c r="N656185" s="10"/>
    </row>
    <row r="656186" spans="14:14">
      <c r="N656186" s="10"/>
    </row>
    <row r="656187" spans="14:14">
      <c r="N656187" s="10"/>
    </row>
    <row r="656188" spans="14:14">
      <c r="N656188" s="10"/>
    </row>
    <row r="656189" spans="14:14">
      <c r="N656189" s="10"/>
    </row>
    <row r="656190" spans="14:14">
      <c r="N656190" s="10"/>
    </row>
    <row r="656191" spans="14:14">
      <c r="N656191" s="10"/>
    </row>
    <row r="656192" spans="14:14">
      <c r="N656192" s="10"/>
    </row>
    <row r="656193" spans="14:14">
      <c r="N656193" s="10"/>
    </row>
    <row r="656194" spans="14:14">
      <c r="N656194" s="10"/>
    </row>
    <row r="656195" spans="14:14">
      <c r="N656195" s="10"/>
    </row>
    <row r="656196" spans="14:14">
      <c r="N656196" s="10"/>
    </row>
    <row r="656197" spans="14:14">
      <c r="N656197" s="10"/>
    </row>
    <row r="656198" spans="14:14">
      <c r="N656198" s="10"/>
    </row>
    <row r="656199" spans="14:14">
      <c r="N656199" s="10"/>
    </row>
    <row r="656200" spans="14:14">
      <c r="N656200" s="10"/>
    </row>
    <row r="656201" spans="14:14">
      <c r="N656201" s="10"/>
    </row>
    <row r="656202" spans="14:14">
      <c r="N656202" s="10"/>
    </row>
    <row r="656203" spans="14:14">
      <c r="N656203" s="10"/>
    </row>
    <row r="656204" spans="14:14">
      <c r="N656204" s="10"/>
    </row>
    <row r="656205" spans="14:14">
      <c r="N656205" s="10"/>
    </row>
    <row r="656206" spans="14:14">
      <c r="N656206" s="10"/>
    </row>
    <row r="656207" spans="14:14">
      <c r="N656207" s="10"/>
    </row>
    <row r="656208" spans="14:14">
      <c r="N656208" s="10"/>
    </row>
    <row r="656209" spans="14:14">
      <c r="N656209" s="10"/>
    </row>
    <row r="656210" spans="14:14">
      <c r="N656210" s="10"/>
    </row>
    <row r="656211" spans="14:14">
      <c r="N656211" s="10"/>
    </row>
    <row r="656212" spans="14:14">
      <c r="N656212" s="10"/>
    </row>
    <row r="656213" spans="14:14">
      <c r="N656213" s="10"/>
    </row>
    <row r="656214" spans="14:14">
      <c r="N656214" s="10"/>
    </row>
    <row r="656215" spans="14:14">
      <c r="N656215" s="10"/>
    </row>
    <row r="656216" spans="14:14">
      <c r="N656216" s="10"/>
    </row>
    <row r="656217" spans="14:14">
      <c r="N656217" s="10"/>
    </row>
    <row r="656218" spans="14:14">
      <c r="N656218" s="10"/>
    </row>
    <row r="656219" spans="14:14">
      <c r="N656219" s="10"/>
    </row>
    <row r="656220" spans="14:14">
      <c r="N656220" s="10"/>
    </row>
    <row r="656221" spans="14:14">
      <c r="N656221" s="10"/>
    </row>
    <row r="656222" spans="14:14">
      <c r="N656222" s="10"/>
    </row>
    <row r="656223" spans="14:14">
      <c r="N656223" s="10"/>
    </row>
    <row r="656224" spans="14:14">
      <c r="N656224" s="10"/>
    </row>
    <row r="656225" spans="14:14">
      <c r="N656225" s="10"/>
    </row>
    <row r="656226" spans="14:14">
      <c r="N656226" s="10"/>
    </row>
    <row r="656227" spans="14:14">
      <c r="N656227" s="10"/>
    </row>
    <row r="656228" spans="14:14">
      <c r="N656228" s="10"/>
    </row>
    <row r="656229" spans="14:14">
      <c r="N656229" s="10"/>
    </row>
    <row r="656230" spans="14:14">
      <c r="N656230" s="10"/>
    </row>
    <row r="656231" spans="14:14">
      <c r="N656231" s="10"/>
    </row>
    <row r="656232" spans="14:14">
      <c r="N656232" s="10"/>
    </row>
    <row r="656233" spans="14:14">
      <c r="N656233" s="10"/>
    </row>
    <row r="656234" spans="14:14">
      <c r="N656234" s="10"/>
    </row>
    <row r="656235" spans="14:14">
      <c r="N656235" s="10"/>
    </row>
    <row r="656236" spans="14:14">
      <c r="N656236" s="10"/>
    </row>
    <row r="656237" spans="14:14">
      <c r="N656237" s="10"/>
    </row>
    <row r="656238" spans="14:14">
      <c r="N656238" s="10"/>
    </row>
    <row r="656239" spans="14:14">
      <c r="N656239" s="10"/>
    </row>
    <row r="656240" spans="14:14">
      <c r="N656240" s="10"/>
    </row>
    <row r="656241" spans="14:14">
      <c r="N656241" s="10"/>
    </row>
    <row r="656242" spans="14:14">
      <c r="N656242" s="10"/>
    </row>
    <row r="656243" spans="14:14">
      <c r="N656243" s="10"/>
    </row>
    <row r="656244" spans="14:14">
      <c r="N656244" s="10"/>
    </row>
    <row r="656245" spans="14:14">
      <c r="N656245" s="10"/>
    </row>
    <row r="656246" spans="14:14">
      <c r="N656246" s="10"/>
    </row>
    <row r="656247" spans="14:14">
      <c r="N656247" s="10"/>
    </row>
    <row r="656248" spans="14:14">
      <c r="N656248" s="10"/>
    </row>
    <row r="656249" spans="14:14">
      <c r="N656249" s="10"/>
    </row>
    <row r="656250" spans="14:14">
      <c r="N656250" s="10"/>
    </row>
    <row r="656251" spans="14:14">
      <c r="N656251" s="10"/>
    </row>
    <row r="656252" spans="14:14">
      <c r="N656252" s="10"/>
    </row>
    <row r="656253" spans="14:14">
      <c r="N656253" s="10"/>
    </row>
    <row r="656254" spans="14:14">
      <c r="N656254" s="10"/>
    </row>
    <row r="656255" spans="14:14">
      <c r="N656255" s="10"/>
    </row>
    <row r="656256" spans="14:14">
      <c r="N656256" s="10"/>
    </row>
    <row r="656257" spans="14:14">
      <c r="N656257" s="10"/>
    </row>
    <row r="656258" spans="14:14">
      <c r="N656258" s="10"/>
    </row>
    <row r="656259" spans="14:14">
      <c r="N656259" s="10"/>
    </row>
    <row r="656260" spans="14:14">
      <c r="N656260" s="10"/>
    </row>
    <row r="656261" spans="14:14">
      <c r="N656261" s="10"/>
    </row>
    <row r="656262" spans="14:14">
      <c r="N656262" s="10"/>
    </row>
    <row r="656263" spans="14:14">
      <c r="N656263" s="10"/>
    </row>
    <row r="656264" spans="14:14">
      <c r="N656264" s="10"/>
    </row>
    <row r="656265" spans="14:14">
      <c r="N656265" s="10"/>
    </row>
    <row r="656266" spans="14:14">
      <c r="N656266" s="10"/>
    </row>
    <row r="656267" spans="14:14">
      <c r="N656267" s="10"/>
    </row>
    <row r="656268" spans="14:14">
      <c r="N656268" s="10"/>
    </row>
    <row r="656269" spans="14:14">
      <c r="N656269" s="10"/>
    </row>
    <row r="656270" spans="14:14">
      <c r="N656270" s="10"/>
    </row>
    <row r="656271" spans="14:14">
      <c r="N656271" s="10"/>
    </row>
    <row r="656272" spans="14:14">
      <c r="N656272" s="10"/>
    </row>
    <row r="656273" spans="14:14">
      <c r="N656273" s="10"/>
    </row>
    <row r="656274" spans="14:14">
      <c r="N656274" s="10"/>
    </row>
    <row r="656275" spans="14:14">
      <c r="N656275" s="10"/>
    </row>
    <row r="656276" spans="14:14">
      <c r="N656276" s="10"/>
    </row>
    <row r="656277" spans="14:14">
      <c r="N656277" s="10"/>
    </row>
    <row r="656278" spans="14:14">
      <c r="N656278" s="10"/>
    </row>
    <row r="656279" spans="14:14">
      <c r="N656279" s="10"/>
    </row>
    <row r="656280" spans="14:14">
      <c r="N656280" s="10"/>
    </row>
    <row r="656281" spans="14:14">
      <c r="N656281" s="10"/>
    </row>
    <row r="656282" spans="14:14">
      <c r="N656282" s="10"/>
    </row>
    <row r="656283" spans="14:14">
      <c r="N656283" s="10"/>
    </row>
    <row r="656284" spans="14:14">
      <c r="N656284" s="10"/>
    </row>
    <row r="656285" spans="14:14">
      <c r="N656285" s="10"/>
    </row>
    <row r="656286" spans="14:14">
      <c r="N656286" s="10"/>
    </row>
    <row r="656287" spans="14:14">
      <c r="N656287" s="10"/>
    </row>
    <row r="656288" spans="14:14">
      <c r="N656288" s="10"/>
    </row>
    <row r="656289" spans="14:14">
      <c r="N656289" s="10"/>
    </row>
    <row r="656290" spans="14:14">
      <c r="N656290" s="10"/>
    </row>
    <row r="656291" spans="14:14">
      <c r="N656291" s="10"/>
    </row>
    <row r="656292" spans="14:14">
      <c r="N656292" s="10"/>
    </row>
    <row r="656293" spans="14:14">
      <c r="N656293" s="10"/>
    </row>
    <row r="656294" spans="14:14">
      <c r="N656294" s="10"/>
    </row>
    <row r="656295" spans="14:14">
      <c r="N656295" s="10"/>
    </row>
    <row r="656296" spans="14:14">
      <c r="N656296" s="10"/>
    </row>
    <row r="656297" spans="14:14">
      <c r="N656297" s="10"/>
    </row>
    <row r="656298" spans="14:14">
      <c r="N656298" s="10"/>
    </row>
    <row r="656299" spans="14:14">
      <c r="N656299" s="10"/>
    </row>
    <row r="656300" spans="14:14">
      <c r="N656300" s="10"/>
    </row>
    <row r="656301" spans="14:14">
      <c r="N656301" s="10"/>
    </row>
    <row r="656302" spans="14:14">
      <c r="N656302" s="10"/>
    </row>
    <row r="656303" spans="14:14">
      <c r="N656303" s="10"/>
    </row>
    <row r="656304" spans="14:14">
      <c r="N656304" s="10"/>
    </row>
    <row r="656305" spans="14:14">
      <c r="N656305" s="10"/>
    </row>
    <row r="656306" spans="14:14">
      <c r="N656306" s="10"/>
    </row>
    <row r="656307" spans="14:14">
      <c r="N656307" s="10"/>
    </row>
    <row r="656308" spans="14:14">
      <c r="N656308" s="10"/>
    </row>
    <row r="656309" spans="14:14">
      <c r="N656309" s="10"/>
    </row>
    <row r="656310" spans="14:14">
      <c r="N656310" s="10"/>
    </row>
    <row r="656311" spans="14:14">
      <c r="N656311" s="10"/>
    </row>
    <row r="656312" spans="14:14">
      <c r="N656312" s="10"/>
    </row>
    <row r="656313" spans="14:14">
      <c r="N656313" s="10"/>
    </row>
    <row r="656314" spans="14:14">
      <c r="N656314" s="10"/>
    </row>
    <row r="656315" spans="14:14">
      <c r="N656315" s="10"/>
    </row>
    <row r="656316" spans="14:14">
      <c r="N656316" s="10"/>
    </row>
    <row r="656317" spans="14:14">
      <c r="N656317" s="10"/>
    </row>
    <row r="656318" spans="14:14">
      <c r="N656318" s="10"/>
    </row>
    <row r="656319" spans="14:14">
      <c r="N656319" s="10"/>
    </row>
    <row r="656320" spans="14:14">
      <c r="N656320" s="10"/>
    </row>
    <row r="656321" spans="14:14">
      <c r="N656321" s="10"/>
    </row>
    <row r="656322" spans="14:14">
      <c r="N656322" s="10"/>
    </row>
    <row r="656323" spans="14:14">
      <c r="N656323" s="10"/>
    </row>
    <row r="656324" spans="14:14">
      <c r="N656324" s="10"/>
    </row>
    <row r="656325" spans="14:14">
      <c r="N656325" s="10"/>
    </row>
    <row r="656326" spans="14:14">
      <c r="N656326" s="10"/>
    </row>
    <row r="656327" spans="14:14">
      <c r="N656327" s="10"/>
    </row>
    <row r="656328" spans="14:14">
      <c r="N656328" s="10"/>
    </row>
    <row r="656329" spans="14:14">
      <c r="N656329" s="10"/>
    </row>
    <row r="656330" spans="14:14">
      <c r="N656330" s="10"/>
    </row>
    <row r="656331" spans="14:14">
      <c r="N656331" s="10"/>
    </row>
    <row r="656332" spans="14:14">
      <c r="N656332" s="10"/>
    </row>
    <row r="656333" spans="14:14">
      <c r="N656333" s="10"/>
    </row>
    <row r="656334" spans="14:14">
      <c r="N656334" s="10"/>
    </row>
    <row r="656335" spans="14:14">
      <c r="N656335" s="10"/>
    </row>
    <row r="656336" spans="14:14">
      <c r="N656336" s="10"/>
    </row>
    <row r="656337" spans="14:14">
      <c r="N656337" s="10"/>
    </row>
    <row r="656338" spans="14:14">
      <c r="N656338" s="10"/>
    </row>
    <row r="656339" spans="14:14">
      <c r="N656339" s="10"/>
    </row>
    <row r="656340" spans="14:14">
      <c r="N656340" s="10"/>
    </row>
    <row r="656341" spans="14:14">
      <c r="N656341" s="10"/>
    </row>
    <row r="656342" spans="14:14">
      <c r="N656342" s="10"/>
    </row>
    <row r="656343" spans="14:14">
      <c r="N656343" s="10"/>
    </row>
    <row r="656344" spans="14:14">
      <c r="N656344" s="10"/>
    </row>
    <row r="656345" spans="14:14">
      <c r="N656345" s="10"/>
    </row>
    <row r="656346" spans="14:14">
      <c r="N656346" s="10"/>
    </row>
    <row r="656347" spans="14:14">
      <c r="N656347" s="10"/>
    </row>
    <row r="656348" spans="14:14">
      <c r="N656348" s="10"/>
    </row>
    <row r="656349" spans="14:14">
      <c r="N656349" s="10"/>
    </row>
    <row r="656350" spans="14:14">
      <c r="N656350" s="10"/>
    </row>
    <row r="656351" spans="14:14">
      <c r="N656351" s="10"/>
    </row>
    <row r="656352" spans="14:14">
      <c r="N656352" s="10"/>
    </row>
    <row r="656353" spans="14:14">
      <c r="N656353" s="10"/>
    </row>
    <row r="656354" spans="14:14">
      <c r="N656354" s="10"/>
    </row>
    <row r="656355" spans="14:14">
      <c r="N656355" s="10"/>
    </row>
    <row r="656356" spans="14:14">
      <c r="N656356" s="10"/>
    </row>
    <row r="656357" spans="14:14">
      <c r="N656357" s="10"/>
    </row>
    <row r="656358" spans="14:14">
      <c r="N656358" s="10"/>
    </row>
    <row r="656359" spans="14:14">
      <c r="N656359" s="10"/>
    </row>
    <row r="656360" spans="14:14">
      <c r="N656360" s="10"/>
    </row>
    <row r="656361" spans="14:14">
      <c r="N656361" s="10"/>
    </row>
    <row r="656362" spans="14:14">
      <c r="N656362" s="10"/>
    </row>
    <row r="656363" spans="14:14">
      <c r="N656363" s="10"/>
    </row>
    <row r="656364" spans="14:14">
      <c r="N656364" s="10"/>
    </row>
    <row r="656365" spans="14:14">
      <c r="N656365" s="10"/>
    </row>
    <row r="656366" spans="14:14">
      <c r="N656366" s="10"/>
    </row>
    <row r="656367" spans="14:14">
      <c r="N656367" s="10"/>
    </row>
    <row r="656368" spans="14:14">
      <c r="N656368" s="10"/>
    </row>
    <row r="656369" spans="14:14">
      <c r="N656369" s="10"/>
    </row>
    <row r="656370" spans="14:14">
      <c r="N656370" s="10"/>
    </row>
    <row r="656371" spans="14:14">
      <c r="N656371" s="10"/>
    </row>
    <row r="656372" spans="14:14">
      <c r="N656372" s="10"/>
    </row>
    <row r="656373" spans="14:14">
      <c r="N656373" s="10"/>
    </row>
    <row r="656374" spans="14:14">
      <c r="N656374" s="10"/>
    </row>
    <row r="656375" spans="14:14">
      <c r="N656375" s="10"/>
    </row>
    <row r="656376" spans="14:14">
      <c r="N656376" s="10"/>
    </row>
    <row r="656377" spans="14:14">
      <c r="N656377" s="10"/>
    </row>
    <row r="656378" spans="14:14">
      <c r="N656378" s="10"/>
    </row>
    <row r="656379" spans="14:14">
      <c r="N656379" s="10"/>
    </row>
    <row r="656380" spans="14:14">
      <c r="N656380" s="10"/>
    </row>
    <row r="656381" spans="14:14">
      <c r="N656381" s="10"/>
    </row>
    <row r="656382" spans="14:14">
      <c r="N656382" s="10"/>
    </row>
    <row r="656383" spans="14:14">
      <c r="N656383" s="10"/>
    </row>
    <row r="656384" spans="14:14">
      <c r="N656384" s="10"/>
    </row>
    <row r="656385" spans="14:14">
      <c r="N656385" s="10"/>
    </row>
    <row r="656386" spans="14:14">
      <c r="N656386" s="10"/>
    </row>
    <row r="656387" spans="14:14">
      <c r="N656387" s="10"/>
    </row>
    <row r="656388" spans="14:14">
      <c r="N656388" s="10"/>
    </row>
    <row r="656389" spans="14:14">
      <c r="N656389" s="10"/>
    </row>
    <row r="656390" spans="14:14">
      <c r="N656390" s="10"/>
    </row>
    <row r="656391" spans="14:14">
      <c r="N656391" s="10"/>
    </row>
    <row r="656392" spans="14:14">
      <c r="N656392" s="10"/>
    </row>
    <row r="656393" spans="14:14">
      <c r="N656393" s="10"/>
    </row>
    <row r="656394" spans="14:14">
      <c r="N656394" s="10"/>
    </row>
    <row r="656395" spans="14:14">
      <c r="N656395" s="10"/>
    </row>
    <row r="656396" spans="14:14">
      <c r="N656396" s="10"/>
    </row>
    <row r="656397" spans="14:14">
      <c r="N656397" s="10"/>
    </row>
    <row r="656398" spans="14:14">
      <c r="N656398" s="10"/>
    </row>
    <row r="656399" spans="14:14">
      <c r="N656399" s="10"/>
    </row>
    <row r="656400" spans="14:14">
      <c r="N656400" s="10"/>
    </row>
    <row r="656401" spans="14:14">
      <c r="N656401" s="10"/>
    </row>
    <row r="656402" spans="14:14">
      <c r="N656402" s="10"/>
    </row>
    <row r="656403" spans="14:14">
      <c r="N656403" s="10"/>
    </row>
    <row r="656404" spans="14:14">
      <c r="N656404" s="10"/>
    </row>
    <row r="656405" spans="14:14">
      <c r="N656405" s="10"/>
    </row>
    <row r="656406" spans="14:14">
      <c r="N656406" s="10"/>
    </row>
    <row r="656407" spans="14:14">
      <c r="N656407" s="10"/>
    </row>
    <row r="656408" spans="14:14">
      <c r="N656408" s="10"/>
    </row>
    <row r="656409" spans="14:14">
      <c r="N656409" s="10"/>
    </row>
    <row r="656410" spans="14:14">
      <c r="N656410" s="10"/>
    </row>
    <row r="656411" spans="14:14">
      <c r="N656411" s="10"/>
    </row>
    <row r="656412" spans="14:14">
      <c r="N656412" s="10"/>
    </row>
    <row r="656413" spans="14:14">
      <c r="N656413" s="10"/>
    </row>
    <row r="656414" spans="14:14">
      <c r="N656414" s="10"/>
    </row>
    <row r="656415" spans="14:14">
      <c r="N656415" s="10"/>
    </row>
    <row r="656416" spans="14:14">
      <c r="N656416" s="10"/>
    </row>
    <row r="656417" spans="14:14">
      <c r="N656417" s="10"/>
    </row>
    <row r="656418" spans="14:14">
      <c r="N656418" s="10"/>
    </row>
    <row r="656419" spans="14:14">
      <c r="N656419" s="10"/>
    </row>
    <row r="656420" spans="14:14">
      <c r="N656420" s="10"/>
    </row>
    <row r="656421" spans="14:14">
      <c r="N656421" s="10"/>
    </row>
    <row r="656422" spans="14:14">
      <c r="N656422" s="10"/>
    </row>
    <row r="656423" spans="14:14">
      <c r="N656423" s="10"/>
    </row>
    <row r="656424" spans="14:14">
      <c r="N656424" s="10"/>
    </row>
    <row r="656425" spans="14:14">
      <c r="N656425" s="10"/>
    </row>
    <row r="656426" spans="14:14">
      <c r="N656426" s="10"/>
    </row>
    <row r="656427" spans="14:14">
      <c r="N656427" s="10"/>
    </row>
    <row r="656428" spans="14:14">
      <c r="N656428" s="10"/>
    </row>
    <row r="656429" spans="14:14">
      <c r="N656429" s="10"/>
    </row>
    <row r="656430" spans="14:14">
      <c r="N656430" s="10"/>
    </row>
    <row r="656431" spans="14:14">
      <c r="N656431" s="10"/>
    </row>
    <row r="656432" spans="14:14">
      <c r="N656432" s="10"/>
    </row>
    <row r="656433" spans="14:14">
      <c r="N656433" s="10"/>
    </row>
    <row r="656434" spans="14:14">
      <c r="N656434" s="10"/>
    </row>
    <row r="656435" spans="14:14">
      <c r="N656435" s="10"/>
    </row>
    <row r="656436" spans="14:14">
      <c r="N656436" s="10"/>
    </row>
    <row r="656437" spans="14:14">
      <c r="N656437" s="10"/>
    </row>
    <row r="656438" spans="14:14">
      <c r="N656438" s="10"/>
    </row>
    <row r="656439" spans="14:14">
      <c r="N656439" s="10"/>
    </row>
    <row r="656440" spans="14:14">
      <c r="N656440" s="10"/>
    </row>
    <row r="656441" spans="14:14">
      <c r="N656441" s="10"/>
    </row>
    <row r="656442" spans="14:14">
      <c r="N656442" s="10"/>
    </row>
    <row r="656443" spans="14:14">
      <c r="N656443" s="10"/>
    </row>
    <row r="656444" spans="14:14">
      <c r="N656444" s="10"/>
    </row>
    <row r="656445" spans="14:14">
      <c r="N656445" s="10"/>
    </row>
    <row r="656446" spans="14:14">
      <c r="N656446" s="10"/>
    </row>
    <row r="656447" spans="14:14">
      <c r="N656447" s="10"/>
    </row>
    <row r="656448" spans="14:14">
      <c r="N656448" s="10"/>
    </row>
    <row r="656449" spans="14:14">
      <c r="N656449" s="10"/>
    </row>
    <row r="656450" spans="14:14">
      <c r="N656450" s="10"/>
    </row>
    <row r="656451" spans="14:14">
      <c r="N656451" s="10"/>
    </row>
    <row r="656452" spans="14:14">
      <c r="N656452" s="10"/>
    </row>
    <row r="656453" spans="14:14">
      <c r="N656453" s="10"/>
    </row>
    <row r="656454" spans="14:14">
      <c r="N656454" s="10"/>
    </row>
    <row r="656455" spans="14:14">
      <c r="N656455" s="10"/>
    </row>
    <row r="656456" spans="14:14">
      <c r="N656456" s="10"/>
    </row>
    <row r="656457" spans="14:14">
      <c r="N656457" s="10"/>
    </row>
    <row r="656458" spans="14:14">
      <c r="N656458" s="10"/>
    </row>
    <row r="656459" spans="14:14">
      <c r="N656459" s="10"/>
    </row>
    <row r="656460" spans="14:14">
      <c r="N656460" s="10"/>
    </row>
    <row r="656461" spans="14:14">
      <c r="N656461" s="10"/>
    </row>
    <row r="656462" spans="14:14">
      <c r="N656462" s="10"/>
    </row>
    <row r="656463" spans="14:14">
      <c r="N656463" s="10"/>
    </row>
    <row r="656464" spans="14:14">
      <c r="N656464" s="10"/>
    </row>
    <row r="656465" spans="14:14">
      <c r="N656465" s="10"/>
    </row>
    <row r="656466" spans="14:14">
      <c r="N656466" s="10"/>
    </row>
    <row r="656467" spans="14:14">
      <c r="N656467" s="10"/>
    </row>
    <row r="656468" spans="14:14">
      <c r="N656468" s="10"/>
    </row>
    <row r="656469" spans="14:14">
      <c r="N656469" s="10"/>
    </row>
    <row r="656470" spans="14:14">
      <c r="N656470" s="10"/>
    </row>
    <row r="656471" spans="14:14">
      <c r="N656471" s="10"/>
    </row>
    <row r="656472" spans="14:14">
      <c r="N656472" s="10"/>
    </row>
    <row r="656473" spans="14:14">
      <c r="N656473" s="10"/>
    </row>
    <row r="656474" spans="14:14">
      <c r="N656474" s="10"/>
    </row>
    <row r="656475" spans="14:14">
      <c r="N656475" s="10"/>
    </row>
    <row r="656476" spans="14:14">
      <c r="N656476" s="10"/>
    </row>
    <row r="656477" spans="14:14">
      <c r="N656477" s="10"/>
    </row>
    <row r="656478" spans="14:14">
      <c r="N656478" s="10"/>
    </row>
    <row r="656479" spans="14:14">
      <c r="N656479" s="10"/>
    </row>
    <row r="656480" spans="14:14">
      <c r="N656480" s="10"/>
    </row>
    <row r="656481" spans="14:14">
      <c r="N656481" s="10"/>
    </row>
    <row r="656482" spans="14:14">
      <c r="N656482" s="10"/>
    </row>
    <row r="656483" spans="14:14">
      <c r="N656483" s="10"/>
    </row>
    <row r="656484" spans="14:14">
      <c r="N656484" s="10"/>
    </row>
    <row r="656485" spans="14:14">
      <c r="N656485" s="10"/>
    </row>
    <row r="656486" spans="14:14">
      <c r="N656486" s="10"/>
    </row>
    <row r="656487" spans="14:14">
      <c r="N656487" s="10"/>
    </row>
    <row r="656488" spans="14:14">
      <c r="N656488" s="10"/>
    </row>
    <row r="656489" spans="14:14">
      <c r="N656489" s="10"/>
    </row>
    <row r="656490" spans="14:14">
      <c r="N656490" s="10"/>
    </row>
    <row r="656491" spans="14:14">
      <c r="N656491" s="10"/>
    </row>
    <row r="656492" spans="14:14">
      <c r="N656492" s="10"/>
    </row>
    <row r="656493" spans="14:14">
      <c r="N656493" s="10"/>
    </row>
    <row r="656494" spans="14:14">
      <c r="N656494" s="10"/>
    </row>
    <row r="656495" spans="14:14">
      <c r="N656495" s="10"/>
    </row>
    <row r="656496" spans="14:14">
      <c r="N656496" s="10"/>
    </row>
    <row r="656497" spans="14:14">
      <c r="N656497" s="10"/>
    </row>
    <row r="656498" spans="14:14">
      <c r="N656498" s="10"/>
    </row>
    <row r="656499" spans="14:14">
      <c r="N656499" s="10"/>
    </row>
    <row r="656500" spans="14:14">
      <c r="N656500" s="10"/>
    </row>
    <row r="656501" spans="14:14">
      <c r="N656501" s="10"/>
    </row>
    <row r="656502" spans="14:14">
      <c r="N656502" s="10"/>
    </row>
    <row r="656503" spans="14:14">
      <c r="N656503" s="10"/>
    </row>
    <row r="656504" spans="14:14">
      <c r="N656504" s="10"/>
    </row>
    <row r="656505" spans="14:14">
      <c r="N656505" s="10"/>
    </row>
    <row r="656506" spans="14:14">
      <c r="N656506" s="10"/>
    </row>
    <row r="656507" spans="14:14">
      <c r="N656507" s="10"/>
    </row>
    <row r="656508" spans="14:14">
      <c r="N656508" s="10"/>
    </row>
    <row r="656509" spans="14:14">
      <c r="N656509" s="10"/>
    </row>
    <row r="656510" spans="14:14">
      <c r="N656510" s="10"/>
    </row>
    <row r="656511" spans="14:14">
      <c r="N656511" s="10"/>
    </row>
    <row r="656512" spans="14:14">
      <c r="N656512" s="10"/>
    </row>
    <row r="656513" spans="14:14">
      <c r="N656513" s="10"/>
    </row>
    <row r="656514" spans="14:14">
      <c r="N656514" s="10"/>
    </row>
    <row r="656515" spans="14:14">
      <c r="N656515" s="10"/>
    </row>
    <row r="656516" spans="14:14">
      <c r="N656516" s="10"/>
    </row>
    <row r="656517" spans="14:14">
      <c r="N656517" s="10"/>
    </row>
    <row r="656518" spans="14:14">
      <c r="N656518" s="10"/>
    </row>
    <row r="656519" spans="14:14">
      <c r="N656519" s="10"/>
    </row>
    <row r="656520" spans="14:14">
      <c r="N656520" s="10"/>
    </row>
    <row r="656521" spans="14:14">
      <c r="N656521" s="10"/>
    </row>
    <row r="656522" spans="14:14">
      <c r="N656522" s="10"/>
    </row>
    <row r="656523" spans="14:14">
      <c r="N656523" s="10"/>
    </row>
    <row r="656524" spans="14:14">
      <c r="N656524" s="10"/>
    </row>
    <row r="656525" spans="14:14">
      <c r="N656525" s="10"/>
    </row>
    <row r="656526" spans="14:14">
      <c r="N656526" s="10"/>
    </row>
    <row r="656527" spans="14:14">
      <c r="N656527" s="10"/>
    </row>
    <row r="656528" spans="14:14">
      <c r="N656528" s="10"/>
    </row>
    <row r="656529" spans="14:14">
      <c r="N656529" s="10"/>
    </row>
    <row r="656530" spans="14:14">
      <c r="N656530" s="10"/>
    </row>
    <row r="656531" spans="14:14">
      <c r="N656531" s="10"/>
    </row>
    <row r="656532" spans="14:14">
      <c r="N656532" s="10"/>
    </row>
    <row r="656533" spans="14:14">
      <c r="N656533" s="10"/>
    </row>
    <row r="656534" spans="14:14">
      <c r="N656534" s="10"/>
    </row>
    <row r="656535" spans="14:14">
      <c r="N656535" s="10"/>
    </row>
    <row r="656536" spans="14:14">
      <c r="N656536" s="10"/>
    </row>
    <row r="656537" spans="14:14">
      <c r="N656537" s="10"/>
    </row>
    <row r="656538" spans="14:14">
      <c r="N656538" s="10"/>
    </row>
    <row r="656539" spans="14:14">
      <c r="N656539" s="10"/>
    </row>
    <row r="656540" spans="14:14">
      <c r="N656540" s="10"/>
    </row>
    <row r="656541" spans="14:14">
      <c r="N656541" s="10"/>
    </row>
    <row r="656542" spans="14:14">
      <c r="N656542" s="10"/>
    </row>
    <row r="656543" spans="14:14">
      <c r="N656543" s="10"/>
    </row>
    <row r="656544" spans="14:14">
      <c r="N656544" s="10"/>
    </row>
    <row r="656545" spans="14:14">
      <c r="N656545" s="10"/>
    </row>
    <row r="656546" spans="14:14">
      <c r="N656546" s="10"/>
    </row>
    <row r="656547" spans="14:14">
      <c r="N656547" s="10"/>
    </row>
    <row r="656548" spans="14:14">
      <c r="N656548" s="10"/>
    </row>
    <row r="656549" spans="14:14">
      <c r="N656549" s="10"/>
    </row>
    <row r="656550" spans="14:14">
      <c r="N656550" s="10"/>
    </row>
    <row r="656551" spans="14:14">
      <c r="N656551" s="10"/>
    </row>
    <row r="656552" spans="14:14">
      <c r="N656552" s="10"/>
    </row>
    <row r="656553" spans="14:14">
      <c r="N656553" s="10"/>
    </row>
    <row r="656554" spans="14:14">
      <c r="N656554" s="10"/>
    </row>
    <row r="656555" spans="14:14">
      <c r="N656555" s="10"/>
    </row>
    <row r="656556" spans="14:14">
      <c r="N656556" s="10"/>
    </row>
    <row r="656557" spans="14:14">
      <c r="N656557" s="10"/>
    </row>
    <row r="656558" spans="14:14">
      <c r="N656558" s="10"/>
    </row>
    <row r="656559" spans="14:14">
      <c r="N656559" s="10"/>
    </row>
    <row r="656560" spans="14:14">
      <c r="N656560" s="10"/>
    </row>
    <row r="656561" spans="14:14">
      <c r="N656561" s="10"/>
    </row>
    <row r="656562" spans="14:14">
      <c r="N656562" s="10"/>
    </row>
    <row r="656563" spans="14:14">
      <c r="N656563" s="10"/>
    </row>
    <row r="656564" spans="14:14">
      <c r="N656564" s="10"/>
    </row>
    <row r="656565" spans="14:14">
      <c r="N656565" s="10"/>
    </row>
    <row r="656566" spans="14:14">
      <c r="N656566" s="10"/>
    </row>
    <row r="656567" spans="14:14">
      <c r="N656567" s="10"/>
    </row>
    <row r="656568" spans="14:14">
      <c r="N656568" s="10"/>
    </row>
    <row r="656569" spans="14:14">
      <c r="N656569" s="10"/>
    </row>
    <row r="656570" spans="14:14">
      <c r="N656570" s="10"/>
    </row>
    <row r="656571" spans="14:14">
      <c r="N656571" s="10"/>
    </row>
    <row r="656572" spans="14:14">
      <c r="N656572" s="10"/>
    </row>
    <row r="656573" spans="14:14">
      <c r="N656573" s="10"/>
    </row>
    <row r="656574" spans="14:14">
      <c r="N656574" s="10"/>
    </row>
    <row r="656575" spans="14:14">
      <c r="N656575" s="10"/>
    </row>
    <row r="656576" spans="14:14">
      <c r="N656576" s="10"/>
    </row>
    <row r="656577" spans="14:14">
      <c r="N656577" s="10"/>
    </row>
    <row r="656578" spans="14:14">
      <c r="N656578" s="10"/>
    </row>
    <row r="656579" spans="14:14">
      <c r="N656579" s="10"/>
    </row>
    <row r="656580" spans="14:14">
      <c r="N656580" s="10"/>
    </row>
    <row r="656581" spans="14:14">
      <c r="N656581" s="10"/>
    </row>
    <row r="656582" spans="14:14">
      <c r="N656582" s="10"/>
    </row>
    <row r="656583" spans="14:14">
      <c r="N656583" s="10"/>
    </row>
    <row r="656584" spans="14:14">
      <c r="N656584" s="10"/>
    </row>
    <row r="656585" spans="14:14">
      <c r="N656585" s="10"/>
    </row>
    <row r="656586" spans="14:14">
      <c r="N656586" s="10"/>
    </row>
    <row r="656587" spans="14:14">
      <c r="N656587" s="10"/>
    </row>
    <row r="656588" spans="14:14">
      <c r="N656588" s="10"/>
    </row>
    <row r="656589" spans="14:14">
      <c r="N656589" s="10"/>
    </row>
    <row r="656590" spans="14:14">
      <c r="N656590" s="10"/>
    </row>
    <row r="656591" spans="14:14">
      <c r="N656591" s="10"/>
    </row>
    <row r="656592" spans="14:14">
      <c r="N656592" s="10"/>
    </row>
    <row r="656593" spans="14:14">
      <c r="N656593" s="10"/>
    </row>
    <row r="656594" spans="14:14">
      <c r="N656594" s="10"/>
    </row>
    <row r="656595" spans="14:14">
      <c r="N656595" s="10"/>
    </row>
    <row r="656596" spans="14:14">
      <c r="N656596" s="10"/>
    </row>
    <row r="656597" spans="14:14">
      <c r="N656597" s="10"/>
    </row>
    <row r="656598" spans="14:14">
      <c r="N656598" s="10"/>
    </row>
    <row r="656599" spans="14:14">
      <c r="N656599" s="10"/>
    </row>
    <row r="656600" spans="14:14">
      <c r="N656600" s="10"/>
    </row>
    <row r="656601" spans="14:14">
      <c r="N656601" s="10"/>
    </row>
    <row r="656602" spans="14:14">
      <c r="N656602" s="10"/>
    </row>
    <row r="656603" spans="14:14">
      <c r="N656603" s="10"/>
    </row>
    <row r="656604" spans="14:14">
      <c r="N656604" s="10"/>
    </row>
    <row r="656605" spans="14:14">
      <c r="N656605" s="10"/>
    </row>
    <row r="656606" spans="14:14">
      <c r="N656606" s="10"/>
    </row>
    <row r="656607" spans="14:14">
      <c r="N656607" s="10"/>
    </row>
    <row r="656608" spans="14:14">
      <c r="N656608" s="10"/>
    </row>
    <row r="656609" spans="14:14">
      <c r="N656609" s="10"/>
    </row>
    <row r="656610" spans="14:14">
      <c r="N656610" s="10"/>
    </row>
    <row r="656611" spans="14:14">
      <c r="N656611" s="10"/>
    </row>
    <row r="656612" spans="14:14">
      <c r="N656612" s="10"/>
    </row>
    <row r="656613" spans="14:14">
      <c r="N656613" s="10"/>
    </row>
    <row r="656614" spans="14:14">
      <c r="N656614" s="10"/>
    </row>
    <row r="656615" spans="14:14">
      <c r="N656615" s="10"/>
    </row>
    <row r="656616" spans="14:14">
      <c r="N656616" s="10"/>
    </row>
    <row r="656617" spans="14:14">
      <c r="N656617" s="10"/>
    </row>
    <row r="656618" spans="14:14">
      <c r="N656618" s="10"/>
    </row>
    <row r="656619" spans="14:14">
      <c r="N656619" s="10"/>
    </row>
    <row r="656620" spans="14:14">
      <c r="N656620" s="10"/>
    </row>
    <row r="656621" spans="14:14">
      <c r="N656621" s="10"/>
    </row>
    <row r="656622" spans="14:14">
      <c r="N656622" s="10"/>
    </row>
    <row r="656623" spans="14:14">
      <c r="N656623" s="10"/>
    </row>
    <row r="656624" spans="14:14">
      <c r="N656624" s="10"/>
    </row>
    <row r="656625" spans="14:14">
      <c r="N656625" s="10"/>
    </row>
    <row r="656626" spans="14:14">
      <c r="N656626" s="10"/>
    </row>
    <row r="656627" spans="14:14">
      <c r="N656627" s="10"/>
    </row>
    <row r="656628" spans="14:14">
      <c r="N656628" s="10"/>
    </row>
    <row r="656629" spans="14:14">
      <c r="N656629" s="10"/>
    </row>
    <row r="656630" spans="14:14">
      <c r="N656630" s="10"/>
    </row>
    <row r="656631" spans="14:14">
      <c r="N656631" s="10"/>
    </row>
    <row r="656632" spans="14:14">
      <c r="N656632" s="10"/>
    </row>
    <row r="656633" spans="14:14">
      <c r="N656633" s="10"/>
    </row>
    <row r="656634" spans="14:14">
      <c r="N656634" s="10"/>
    </row>
    <row r="656635" spans="14:14">
      <c r="N656635" s="10"/>
    </row>
    <row r="656636" spans="14:14">
      <c r="N656636" s="10"/>
    </row>
    <row r="656637" spans="14:14">
      <c r="N656637" s="10"/>
    </row>
    <row r="656638" spans="14:14">
      <c r="N656638" s="10"/>
    </row>
    <row r="656639" spans="14:14">
      <c r="N656639" s="10"/>
    </row>
    <row r="656640" spans="14:14">
      <c r="N656640" s="10"/>
    </row>
    <row r="656641" spans="14:14">
      <c r="N656641" s="10"/>
    </row>
    <row r="656642" spans="14:14">
      <c r="N656642" s="10"/>
    </row>
    <row r="656643" spans="14:14">
      <c r="N656643" s="10"/>
    </row>
    <row r="656644" spans="14:14">
      <c r="N656644" s="10"/>
    </row>
    <row r="656645" spans="14:14">
      <c r="N656645" s="10"/>
    </row>
    <row r="656646" spans="14:14">
      <c r="N656646" s="10"/>
    </row>
    <row r="656647" spans="14:14">
      <c r="N656647" s="10"/>
    </row>
    <row r="656648" spans="14:14">
      <c r="N656648" s="10"/>
    </row>
    <row r="656649" spans="14:14">
      <c r="N656649" s="10"/>
    </row>
    <row r="656650" spans="14:14">
      <c r="N656650" s="10"/>
    </row>
    <row r="656651" spans="14:14">
      <c r="N656651" s="10"/>
    </row>
    <row r="656652" spans="14:14">
      <c r="N656652" s="10"/>
    </row>
    <row r="656653" spans="14:14">
      <c r="N656653" s="10"/>
    </row>
    <row r="656654" spans="14:14">
      <c r="N656654" s="10"/>
    </row>
    <row r="656655" spans="14:14">
      <c r="N656655" s="10"/>
    </row>
    <row r="656656" spans="14:14">
      <c r="N656656" s="10"/>
    </row>
    <row r="656657" spans="14:14">
      <c r="N656657" s="10"/>
    </row>
    <row r="656658" spans="14:14">
      <c r="N656658" s="10"/>
    </row>
    <row r="656659" spans="14:14">
      <c r="N656659" s="10"/>
    </row>
    <row r="656660" spans="14:14">
      <c r="N656660" s="10"/>
    </row>
    <row r="656661" spans="14:14">
      <c r="N656661" s="10"/>
    </row>
    <row r="656662" spans="14:14">
      <c r="N656662" s="10"/>
    </row>
    <row r="656663" spans="14:14">
      <c r="N656663" s="10"/>
    </row>
    <row r="656664" spans="14:14">
      <c r="N656664" s="10"/>
    </row>
    <row r="656665" spans="14:14">
      <c r="N656665" s="10"/>
    </row>
    <row r="656666" spans="14:14">
      <c r="N656666" s="10"/>
    </row>
    <row r="656667" spans="14:14">
      <c r="N656667" s="10"/>
    </row>
    <row r="656668" spans="14:14">
      <c r="N656668" s="10"/>
    </row>
    <row r="656669" spans="14:14">
      <c r="N656669" s="10"/>
    </row>
    <row r="656670" spans="14:14">
      <c r="N656670" s="10"/>
    </row>
    <row r="656671" spans="14:14">
      <c r="N656671" s="10"/>
    </row>
    <row r="656672" spans="14:14">
      <c r="N656672" s="10"/>
    </row>
    <row r="656673" spans="14:14">
      <c r="N656673" s="10"/>
    </row>
    <row r="656674" spans="14:14">
      <c r="N656674" s="10"/>
    </row>
    <row r="656675" spans="14:14">
      <c r="N656675" s="10"/>
    </row>
    <row r="656676" spans="14:14">
      <c r="N656676" s="10"/>
    </row>
    <row r="656677" spans="14:14">
      <c r="N656677" s="10"/>
    </row>
    <row r="656678" spans="14:14">
      <c r="N656678" s="10"/>
    </row>
    <row r="656679" spans="14:14">
      <c r="N656679" s="10"/>
    </row>
    <row r="656680" spans="14:14">
      <c r="N656680" s="10"/>
    </row>
    <row r="656681" spans="14:14">
      <c r="N656681" s="10"/>
    </row>
    <row r="656682" spans="14:14">
      <c r="N656682" s="10"/>
    </row>
    <row r="656683" spans="14:14">
      <c r="N656683" s="10"/>
    </row>
    <row r="656684" spans="14:14">
      <c r="N656684" s="10"/>
    </row>
    <row r="656685" spans="14:14">
      <c r="N656685" s="10"/>
    </row>
    <row r="656686" spans="14:14">
      <c r="N656686" s="10"/>
    </row>
    <row r="656687" spans="14:14">
      <c r="N656687" s="10"/>
    </row>
    <row r="656688" spans="14:14">
      <c r="N656688" s="10"/>
    </row>
    <row r="656689" spans="14:14">
      <c r="N656689" s="10"/>
    </row>
    <row r="656690" spans="14:14">
      <c r="N656690" s="10"/>
    </row>
    <row r="656691" spans="14:14">
      <c r="N656691" s="10"/>
    </row>
    <row r="656692" spans="14:14">
      <c r="N656692" s="10"/>
    </row>
    <row r="656693" spans="14:14">
      <c r="N656693" s="10"/>
    </row>
    <row r="656694" spans="14:14">
      <c r="N656694" s="10"/>
    </row>
    <row r="656695" spans="14:14">
      <c r="N656695" s="10"/>
    </row>
    <row r="656696" spans="14:14">
      <c r="N656696" s="10"/>
    </row>
    <row r="656697" spans="14:14">
      <c r="N656697" s="10"/>
    </row>
    <row r="656698" spans="14:14">
      <c r="N656698" s="10"/>
    </row>
    <row r="656699" spans="14:14">
      <c r="N656699" s="10"/>
    </row>
    <row r="656700" spans="14:14">
      <c r="N656700" s="10"/>
    </row>
    <row r="656701" spans="14:14">
      <c r="N656701" s="10"/>
    </row>
    <row r="656702" spans="14:14">
      <c r="N656702" s="10"/>
    </row>
    <row r="656703" spans="14:14">
      <c r="N656703" s="10"/>
    </row>
    <row r="656704" spans="14:14">
      <c r="N656704" s="10"/>
    </row>
    <row r="656705" spans="14:14">
      <c r="N656705" s="10"/>
    </row>
    <row r="656706" spans="14:14">
      <c r="N656706" s="10"/>
    </row>
    <row r="656707" spans="14:14">
      <c r="N656707" s="10"/>
    </row>
    <row r="656708" spans="14:14">
      <c r="N656708" s="10"/>
    </row>
    <row r="656709" spans="14:14">
      <c r="N656709" s="10"/>
    </row>
    <row r="656710" spans="14:14">
      <c r="N656710" s="10"/>
    </row>
    <row r="656711" spans="14:14">
      <c r="N656711" s="10"/>
    </row>
    <row r="656712" spans="14:14">
      <c r="N656712" s="10"/>
    </row>
    <row r="656713" spans="14:14">
      <c r="N656713" s="10"/>
    </row>
    <row r="656714" spans="14:14">
      <c r="N656714" s="10"/>
    </row>
    <row r="656715" spans="14:14">
      <c r="N656715" s="10"/>
    </row>
    <row r="656716" spans="14:14">
      <c r="N656716" s="10"/>
    </row>
    <row r="656717" spans="14:14">
      <c r="N656717" s="10"/>
    </row>
    <row r="656718" spans="14:14">
      <c r="N656718" s="10"/>
    </row>
    <row r="656719" spans="14:14">
      <c r="N656719" s="10"/>
    </row>
    <row r="656720" spans="14:14">
      <c r="N656720" s="10"/>
    </row>
    <row r="656721" spans="14:14">
      <c r="N656721" s="10"/>
    </row>
    <row r="656722" spans="14:14">
      <c r="N656722" s="10"/>
    </row>
    <row r="656723" spans="14:14">
      <c r="N656723" s="10"/>
    </row>
    <row r="656724" spans="14:14">
      <c r="N656724" s="10"/>
    </row>
    <row r="656725" spans="14:14">
      <c r="N656725" s="10"/>
    </row>
    <row r="656726" spans="14:14">
      <c r="N656726" s="10"/>
    </row>
    <row r="656727" spans="14:14">
      <c r="N656727" s="10"/>
    </row>
    <row r="656728" spans="14:14">
      <c r="N656728" s="10"/>
    </row>
    <row r="656729" spans="14:14">
      <c r="N656729" s="10"/>
    </row>
    <row r="656730" spans="14:14">
      <c r="N656730" s="10"/>
    </row>
    <row r="656731" spans="14:14">
      <c r="N656731" s="10"/>
    </row>
    <row r="656732" spans="14:14">
      <c r="N656732" s="10"/>
    </row>
    <row r="656733" spans="14:14">
      <c r="N656733" s="10"/>
    </row>
    <row r="656734" spans="14:14">
      <c r="N656734" s="10"/>
    </row>
    <row r="656735" spans="14:14">
      <c r="N656735" s="10"/>
    </row>
    <row r="656736" spans="14:14">
      <c r="N656736" s="10"/>
    </row>
    <row r="656737" spans="14:14">
      <c r="N656737" s="10"/>
    </row>
    <row r="656738" spans="14:14">
      <c r="N656738" s="10"/>
    </row>
    <row r="656739" spans="14:14">
      <c r="N656739" s="10"/>
    </row>
    <row r="656740" spans="14:14">
      <c r="N656740" s="10"/>
    </row>
    <row r="656741" spans="14:14">
      <c r="N656741" s="10"/>
    </row>
    <row r="656742" spans="14:14">
      <c r="N656742" s="10"/>
    </row>
    <row r="656743" spans="14:14">
      <c r="N656743" s="10"/>
    </row>
    <row r="656744" spans="14:14">
      <c r="N656744" s="10"/>
    </row>
    <row r="656745" spans="14:14">
      <c r="N656745" s="10"/>
    </row>
    <row r="656746" spans="14:14">
      <c r="N656746" s="10"/>
    </row>
    <row r="656747" spans="14:14">
      <c r="N656747" s="10"/>
    </row>
    <row r="656748" spans="14:14">
      <c r="N656748" s="10"/>
    </row>
    <row r="656749" spans="14:14">
      <c r="N656749" s="10"/>
    </row>
    <row r="656750" spans="14:14">
      <c r="N656750" s="10"/>
    </row>
    <row r="656751" spans="14:14">
      <c r="N656751" s="10"/>
    </row>
    <row r="656752" spans="14:14">
      <c r="N656752" s="10"/>
    </row>
    <row r="656753" spans="14:14">
      <c r="N656753" s="10"/>
    </row>
    <row r="656754" spans="14:14">
      <c r="N656754" s="10"/>
    </row>
    <row r="656755" spans="14:14">
      <c r="N656755" s="10"/>
    </row>
    <row r="656756" spans="14:14">
      <c r="N656756" s="10"/>
    </row>
    <row r="656757" spans="14:14">
      <c r="N656757" s="10"/>
    </row>
    <row r="656758" spans="14:14">
      <c r="N656758" s="10"/>
    </row>
    <row r="656759" spans="14:14">
      <c r="N656759" s="10"/>
    </row>
    <row r="656760" spans="14:14">
      <c r="N656760" s="10"/>
    </row>
    <row r="656761" spans="14:14">
      <c r="N656761" s="10"/>
    </row>
    <row r="656762" spans="14:14">
      <c r="N656762" s="10"/>
    </row>
    <row r="656763" spans="14:14">
      <c r="N656763" s="10"/>
    </row>
    <row r="656764" spans="14:14">
      <c r="N656764" s="10"/>
    </row>
    <row r="656765" spans="14:14">
      <c r="N656765" s="10"/>
    </row>
    <row r="656766" spans="14:14">
      <c r="N656766" s="10"/>
    </row>
    <row r="656767" spans="14:14">
      <c r="N656767" s="10"/>
    </row>
    <row r="656768" spans="14:14">
      <c r="N656768" s="10"/>
    </row>
    <row r="656769" spans="14:14">
      <c r="N656769" s="10"/>
    </row>
    <row r="656770" spans="14:14">
      <c r="N656770" s="10"/>
    </row>
    <row r="656771" spans="14:14">
      <c r="N656771" s="10"/>
    </row>
    <row r="656772" spans="14:14">
      <c r="N656772" s="10"/>
    </row>
    <row r="656773" spans="14:14">
      <c r="N656773" s="10"/>
    </row>
    <row r="656774" spans="14:14">
      <c r="N656774" s="10"/>
    </row>
    <row r="656775" spans="14:14">
      <c r="N656775" s="10"/>
    </row>
    <row r="656776" spans="14:14">
      <c r="N656776" s="10"/>
    </row>
    <row r="656777" spans="14:14">
      <c r="N656777" s="10"/>
    </row>
    <row r="656778" spans="14:14">
      <c r="N656778" s="10"/>
    </row>
    <row r="656779" spans="14:14">
      <c r="N656779" s="10"/>
    </row>
    <row r="656780" spans="14:14">
      <c r="N656780" s="10"/>
    </row>
    <row r="656781" spans="14:14">
      <c r="N656781" s="10"/>
    </row>
    <row r="656782" spans="14:14">
      <c r="N656782" s="10"/>
    </row>
    <row r="656783" spans="14:14">
      <c r="N656783" s="10"/>
    </row>
    <row r="656784" spans="14:14">
      <c r="N656784" s="10"/>
    </row>
    <row r="656785" spans="14:14">
      <c r="N656785" s="10"/>
    </row>
    <row r="656786" spans="14:14">
      <c r="N656786" s="10"/>
    </row>
    <row r="656787" spans="14:14">
      <c r="N656787" s="10"/>
    </row>
    <row r="656788" spans="14:14">
      <c r="N656788" s="10"/>
    </row>
    <row r="656789" spans="14:14">
      <c r="N656789" s="10"/>
    </row>
    <row r="656790" spans="14:14">
      <c r="N656790" s="10"/>
    </row>
    <row r="656791" spans="14:14">
      <c r="N656791" s="10"/>
    </row>
    <row r="656792" spans="14:14">
      <c r="N656792" s="10"/>
    </row>
    <row r="656793" spans="14:14">
      <c r="N656793" s="10"/>
    </row>
    <row r="656794" spans="14:14">
      <c r="N656794" s="10"/>
    </row>
    <row r="656795" spans="14:14">
      <c r="N656795" s="10"/>
    </row>
    <row r="656796" spans="14:14">
      <c r="N656796" s="10"/>
    </row>
    <row r="656797" spans="14:14">
      <c r="N656797" s="10"/>
    </row>
    <row r="656798" spans="14:14">
      <c r="N656798" s="10"/>
    </row>
    <row r="656799" spans="14:14">
      <c r="N656799" s="10"/>
    </row>
    <row r="656800" spans="14:14">
      <c r="N656800" s="10"/>
    </row>
    <row r="656801" spans="14:14">
      <c r="N656801" s="10"/>
    </row>
    <row r="656802" spans="14:14">
      <c r="N656802" s="10"/>
    </row>
    <row r="656803" spans="14:14">
      <c r="N656803" s="10"/>
    </row>
    <row r="656804" spans="14:14">
      <c r="N656804" s="10"/>
    </row>
    <row r="656805" spans="14:14">
      <c r="N656805" s="10"/>
    </row>
    <row r="656806" spans="14:14">
      <c r="N656806" s="10"/>
    </row>
    <row r="656807" spans="14:14">
      <c r="N656807" s="10"/>
    </row>
    <row r="656808" spans="14:14">
      <c r="N656808" s="10"/>
    </row>
    <row r="656809" spans="14:14">
      <c r="N656809" s="10"/>
    </row>
    <row r="656810" spans="14:14">
      <c r="N656810" s="10"/>
    </row>
    <row r="656811" spans="14:14">
      <c r="N656811" s="10"/>
    </row>
    <row r="656812" spans="14:14">
      <c r="N656812" s="10"/>
    </row>
    <row r="656813" spans="14:14">
      <c r="N656813" s="10"/>
    </row>
    <row r="656814" spans="14:14">
      <c r="N656814" s="10"/>
    </row>
    <row r="656815" spans="14:14">
      <c r="N656815" s="10"/>
    </row>
    <row r="656816" spans="14:14">
      <c r="N656816" s="10"/>
    </row>
    <row r="656817" spans="14:14">
      <c r="N656817" s="10"/>
    </row>
    <row r="656818" spans="14:14">
      <c r="N656818" s="10"/>
    </row>
    <row r="656819" spans="14:14">
      <c r="N656819" s="10"/>
    </row>
    <row r="656820" spans="14:14">
      <c r="N656820" s="10"/>
    </row>
    <row r="656821" spans="14:14">
      <c r="N656821" s="10"/>
    </row>
    <row r="656822" spans="14:14">
      <c r="N656822" s="10"/>
    </row>
    <row r="656823" spans="14:14">
      <c r="N656823" s="10"/>
    </row>
    <row r="656824" spans="14:14">
      <c r="N656824" s="10"/>
    </row>
    <row r="656825" spans="14:14">
      <c r="N656825" s="10"/>
    </row>
    <row r="656826" spans="14:14">
      <c r="N656826" s="10"/>
    </row>
    <row r="656827" spans="14:14">
      <c r="N656827" s="10"/>
    </row>
    <row r="656828" spans="14:14">
      <c r="N656828" s="10"/>
    </row>
    <row r="656829" spans="14:14">
      <c r="N656829" s="10"/>
    </row>
    <row r="656830" spans="14:14">
      <c r="N656830" s="10"/>
    </row>
    <row r="656831" spans="14:14">
      <c r="N656831" s="10"/>
    </row>
    <row r="656832" spans="14:14">
      <c r="N656832" s="10"/>
    </row>
    <row r="656833" spans="14:14">
      <c r="N656833" s="10"/>
    </row>
    <row r="656834" spans="14:14">
      <c r="N656834" s="10"/>
    </row>
    <row r="656835" spans="14:14">
      <c r="N656835" s="10"/>
    </row>
    <row r="656836" spans="14:14">
      <c r="N656836" s="10"/>
    </row>
    <row r="656837" spans="14:14">
      <c r="N656837" s="10"/>
    </row>
    <row r="656838" spans="14:14">
      <c r="N656838" s="10"/>
    </row>
    <row r="656839" spans="14:14">
      <c r="N656839" s="10"/>
    </row>
    <row r="656840" spans="14:14">
      <c r="N656840" s="10"/>
    </row>
    <row r="656841" spans="14:14">
      <c r="N656841" s="10"/>
    </row>
    <row r="656842" spans="14:14">
      <c r="N656842" s="10"/>
    </row>
    <row r="656843" spans="14:14">
      <c r="N656843" s="10"/>
    </row>
    <row r="656844" spans="14:14">
      <c r="N656844" s="10"/>
    </row>
    <row r="656845" spans="14:14">
      <c r="N656845" s="10"/>
    </row>
    <row r="656846" spans="14:14">
      <c r="N656846" s="10"/>
    </row>
    <row r="656847" spans="14:14">
      <c r="N656847" s="10"/>
    </row>
    <row r="656848" spans="14:14">
      <c r="N656848" s="10"/>
    </row>
    <row r="656849" spans="14:14">
      <c r="N656849" s="10"/>
    </row>
    <row r="656850" spans="14:14">
      <c r="N656850" s="10"/>
    </row>
    <row r="656851" spans="14:14">
      <c r="N656851" s="10"/>
    </row>
    <row r="656852" spans="14:14">
      <c r="N656852" s="10"/>
    </row>
    <row r="656853" spans="14:14">
      <c r="N656853" s="10"/>
    </row>
    <row r="656854" spans="14:14">
      <c r="N656854" s="10"/>
    </row>
    <row r="656855" spans="14:14">
      <c r="N656855" s="10"/>
    </row>
    <row r="656856" spans="14:14">
      <c r="N656856" s="10"/>
    </row>
    <row r="656857" spans="14:14">
      <c r="N656857" s="10"/>
    </row>
    <row r="656858" spans="14:14">
      <c r="N656858" s="10"/>
    </row>
    <row r="656859" spans="14:14">
      <c r="N656859" s="10"/>
    </row>
    <row r="656860" spans="14:14">
      <c r="N656860" s="10"/>
    </row>
    <row r="656861" spans="14:14">
      <c r="N656861" s="10"/>
    </row>
    <row r="656862" spans="14:14">
      <c r="N656862" s="10"/>
    </row>
    <row r="656863" spans="14:14">
      <c r="N656863" s="10"/>
    </row>
    <row r="656864" spans="14:14">
      <c r="N656864" s="10"/>
    </row>
    <row r="656865" spans="14:14">
      <c r="N656865" s="10"/>
    </row>
    <row r="656866" spans="14:14">
      <c r="N656866" s="10"/>
    </row>
    <row r="656867" spans="14:14">
      <c r="N656867" s="10"/>
    </row>
    <row r="656868" spans="14:14">
      <c r="N656868" s="10"/>
    </row>
    <row r="656869" spans="14:14">
      <c r="N656869" s="10"/>
    </row>
    <row r="656870" spans="14:14">
      <c r="N656870" s="10"/>
    </row>
    <row r="656871" spans="14:14">
      <c r="N656871" s="10"/>
    </row>
    <row r="656872" spans="14:14">
      <c r="N656872" s="10"/>
    </row>
    <row r="656873" spans="14:14">
      <c r="N656873" s="10"/>
    </row>
    <row r="656874" spans="14:14">
      <c r="N656874" s="10"/>
    </row>
    <row r="656875" spans="14:14">
      <c r="N656875" s="10"/>
    </row>
    <row r="656876" spans="14:14">
      <c r="N656876" s="10"/>
    </row>
    <row r="656877" spans="14:14">
      <c r="N656877" s="10"/>
    </row>
    <row r="656878" spans="14:14">
      <c r="N656878" s="10"/>
    </row>
    <row r="656879" spans="14:14">
      <c r="N656879" s="10"/>
    </row>
    <row r="656880" spans="14:14">
      <c r="N656880" s="10"/>
    </row>
    <row r="656881" spans="14:14">
      <c r="N656881" s="10"/>
    </row>
    <row r="656882" spans="14:14">
      <c r="N656882" s="10"/>
    </row>
    <row r="656883" spans="14:14">
      <c r="N656883" s="10"/>
    </row>
    <row r="656884" spans="14:14">
      <c r="N656884" s="10"/>
    </row>
    <row r="656885" spans="14:14">
      <c r="N656885" s="10"/>
    </row>
    <row r="656886" spans="14:14">
      <c r="N656886" s="10"/>
    </row>
    <row r="656887" spans="14:14">
      <c r="N656887" s="10"/>
    </row>
    <row r="656888" spans="14:14">
      <c r="N656888" s="10"/>
    </row>
    <row r="656889" spans="14:14">
      <c r="N656889" s="10"/>
    </row>
    <row r="656890" spans="14:14">
      <c r="N656890" s="10"/>
    </row>
    <row r="656891" spans="14:14">
      <c r="N656891" s="10"/>
    </row>
    <row r="656892" spans="14:14">
      <c r="N656892" s="10"/>
    </row>
    <row r="656893" spans="14:14">
      <c r="N656893" s="10"/>
    </row>
    <row r="656894" spans="14:14">
      <c r="N656894" s="10"/>
    </row>
    <row r="656895" spans="14:14">
      <c r="N656895" s="10"/>
    </row>
    <row r="656896" spans="14:14">
      <c r="N656896" s="10"/>
    </row>
    <row r="656897" spans="14:14">
      <c r="N656897" s="10"/>
    </row>
    <row r="656898" spans="14:14">
      <c r="N656898" s="10"/>
    </row>
    <row r="656899" spans="14:14">
      <c r="N656899" s="10"/>
    </row>
    <row r="656900" spans="14:14">
      <c r="N656900" s="10"/>
    </row>
    <row r="656901" spans="14:14">
      <c r="N656901" s="10"/>
    </row>
    <row r="656902" spans="14:14">
      <c r="N656902" s="10"/>
    </row>
    <row r="656903" spans="14:14">
      <c r="N656903" s="10"/>
    </row>
    <row r="656904" spans="14:14">
      <c r="N656904" s="10"/>
    </row>
    <row r="656905" spans="14:14">
      <c r="N656905" s="10"/>
    </row>
    <row r="656906" spans="14:14">
      <c r="N656906" s="10"/>
    </row>
    <row r="656907" spans="14:14">
      <c r="N656907" s="10"/>
    </row>
    <row r="656908" spans="14:14">
      <c r="N656908" s="10"/>
    </row>
    <row r="656909" spans="14:14">
      <c r="N656909" s="10"/>
    </row>
    <row r="656910" spans="14:14">
      <c r="N656910" s="10"/>
    </row>
    <row r="656911" spans="14:14">
      <c r="N656911" s="10"/>
    </row>
    <row r="656912" spans="14:14">
      <c r="N656912" s="10"/>
    </row>
    <row r="656913" spans="14:14">
      <c r="N656913" s="10"/>
    </row>
    <row r="656914" spans="14:14">
      <c r="N656914" s="10"/>
    </row>
    <row r="656915" spans="14:14">
      <c r="N656915" s="10"/>
    </row>
    <row r="656916" spans="14:14">
      <c r="N656916" s="10"/>
    </row>
    <row r="656917" spans="14:14">
      <c r="N656917" s="10"/>
    </row>
    <row r="656918" spans="14:14">
      <c r="N656918" s="10"/>
    </row>
    <row r="656919" spans="14:14">
      <c r="N656919" s="10"/>
    </row>
    <row r="656920" spans="14:14">
      <c r="N656920" s="10"/>
    </row>
    <row r="656921" spans="14:14">
      <c r="N656921" s="10"/>
    </row>
    <row r="656922" spans="14:14">
      <c r="N656922" s="10"/>
    </row>
    <row r="656923" spans="14:14">
      <c r="N656923" s="10"/>
    </row>
    <row r="656924" spans="14:14">
      <c r="N656924" s="10"/>
    </row>
    <row r="656925" spans="14:14">
      <c r="N656925" s="10"/>
    </row>
    <row r="656926" spans="14:14">
      <c r="N656926" s="10"/>
    </row>
    <row r="656927" spans="14:14">
      <c r="N656927" s="10"/>
    </row>
    <row r="656928" spans="14:14">
      <c r="N656928" s="10"/>
    </row>
    <row r="656929" spans="14:14">
      <c r="N656929" s="10"/>
    </row>
    <row r="656930" spans="14:14">
      <c r="N656930" s="10"/>
    </row>
    <row r="656931" spans="14:14">
      <c r="N656931" s="10"/>
    </row>
    <row r="656932" spans="14:14">
      <c r="N656932" s="10"/>
    </row>
    <row r="656933" spans="14:14">
      <c r="N656933" s="10"/>
    </row>
    <row r="656934" spans="14:14">
      <c r="N656934" s="10"/>
    </row>
    <row r="656935" spans="14:14">
      <c r="N656935" s="10"/>
    </row>
    <row r="656936" spans="14:14">
      <c r="N656936" s="10"/>
    </row>
    <row r="656937" spans="14:14">
      <c r="N656937" s="10"/>
    </row>
    <row r="656938" spans="14:14">
      <c r="N656938" s="10"/>
    </row>
    <row r="656939" spans="14:14">
      <c r="N656939" s="10"/>
    </row>
    <row r="656940" spans="14:14">
      <c r="N656940" s="10"/>
    </row>
    <row r="656941" spans="14:14">
      <c r="N656941" s="10"/>
    </row>
    <row r="656942" spans="14:14">
      <c r="N656942" s="10"/>
    </row>
    <row r="656943" spans="14:14">
      <c r="N656943" s="10"/>
    </row>
    <row r="656944" spans="14:14">
      <c r="N656944" s="10"/>
    </row>
    <row r="656945" spans="14:14">
      <c r="N656945" s="10"/>
    </row>
    <row r="656946" spans="14:14">
      <c r="N656946" s="10"/>
    </row>
    <row r="656947" spans="14:14">
      <c r="N656947" s="10"/>
    </row>
    <row r="656948" spans="14:14">
      <c r="N656948" s="10"/>
    </row>
    <row r="656949" spans="14:14">
      <c r="N656949" s="10"/>
    </row>
    <row r="656950" spans="14:14">
      <c r="N656950" s="10"/>
    </row>
    <row r="656951" spans="14:14">
      <c r="N656951" s="10"/>
    </row>
    <row r="656952" spans="14:14">
      <c r="N656952" s="10"/>
    </row>
    <row r="656953" spans="14:14">
      <c r="N656953" s="10"/>
    </row>
    <row r="656954" spans="14:14">
      <c r="N656954" s="10"/>
    </row>
    <row r="656955" spans="14:14">
      <c r="N656955" s="10"/>
    </row>
    <row r="656956" spans="14:14">
      <c r="N656956" s="10"/>
    </row>
    <row r="656957" spans="14:14">
      <c r="N656957" s="10"/>
    </row>
    <row r="656958" spans="14:14">
      <c r="N656958" s="10"/>
    </row>
    <row r="656959" spans="14:14">
      <c r="N656959" s="10"/>
    </row>
    <row r="656960" spans="14:14">
      <c r="N656960" s="10"/>
    </row>
    <row r="656961" spans="14:14">
      <c r="N656961" s="10"/>
    </row>
    <row r="656962" spans="14:14">
      <c r="N656962" s="10"/>
    </row>
    <row r="656963" spans="14:14">
      <c r="N656963" s="10"/>
    </row>
    <row r="656964" spans="14:14">
      <c r="N656964" s="10"/>
    </row>
    <row r="656965" spans="14:14">
      <c r="N656965" s="10"/>
    </row>
    <row r="656966" spans="14:14">
      <c r="N656966" s="10"/>
    </row>
    <row r="656967" spans="14:14">
      <c r="N656967" s="10"/>
    </row>
    <row r="656968" spans="14:14">
      <c r="N656968" s="10"/>
    </row>
    <row r="656969" spans="14:14">
      <c r="N656969" s="10"/>
    </row>
    <row r="656970" spans="14:14">
      <c r="N656970" s="10"/>
    </row>
    <row r="656971" spans="14:14">
      <c r="N656971" s="10"/>
    </row>
    <row r="656972" spans="14:14">
      <c r="N656972" s="10"/>
    </row>
    <row r="656973" spans="14:14">
      <c r="N656973" s="10"/>
    </row>
    <row r="656974" spans="14:14">
      <c r="N656974" s="10"/>
    </row>
    <row r="656975" spans="14:14">
      <c r="N656975" s="10"/>
    </row>
    <row r="656976" spans="14:14">
      <c r="N656976" s="10"/>
    </row>
    <row r="656977" spans="14:14">
      <c r="N656977" s="10"/>
    </row>
    <row r="656978" spans="14:14">
      <c r="N656978" s="10"/>
    </row>
    <row r="656979" spans="14:14">
      <c r="N656979" s="10"/>
    </row>
    <row r="656980" spans="14:14">
      <c r="N656980" s="10"/>
    </row>
    <row r="656981" spans="14:14">
      <c r="N656981" s="10"/>
    </row>
    <row r="656982" spans="14:14">
      <c r="N656982" s="10"/>
    </row>
    <row r="656983" spans="14:14">
      <c r="N656983" s="10"/>
    </row>
    <row r="656984" spans="14:14">
      <c r="N656984" s="10"/>
    </row>
    <row r="656985" spans="14:14">
      <c r="N656985" s="10"/>
    </row>
    <row r="656986" spans="14:14">
      <c r="N656986" s="10"/>
    </row>
    <row r="656987" spans="14:14">
      <c r="N656987" s="10"/>
    </row>
    <row r="656988" spans="14:14">
      <c r="N656988" s="10"/>
    </row>
    <row r="656989" spans="14:14">
      <c r="N656989" s="10"/>
    </row>
    <row r="656990" spans="14:14">
      <c r="N656990" s="10"/>
    </row>
    <row r="656991" spans="14:14">
      <c r="N656991" s="10"/>
    </row>
    <row r="656992" spans="14:14">
      <c r="N656992" s="10"/>
    </row>
    <row r="656993" spans="14:14">
      <c r="N656993" s="10"/>
    </row>
    <row r="656994" spans="14:14">
      <c r="N656994" s="10"/>
    </row>
    <row r="656995" spans="14:14">
      <c r="N656995" s="10"/>
    </row>
    <row r="656996" spans="14:14">
      <c r="N656996" s="10"/>
    </row>
    <row r="656997" spans="14:14">
      <c r="N656997" s="10"/>
    </row>
    <row r="656998" spans="14:14">
      <c r="N656998" s="10"/>
    </row>
    <row r="656999" spans="14:14">
      <c r="N656999" s="10"/>
    </row>
    <row r="657000" spans="14:14">
      <c r="N657000" s="10"/>
    </row>
    <row r="657001" spans="14:14">
      <c r="N657001" s="10"/>
    </row>
    <row r="657002" spans="14:14">
      <c r="N657002" s="10"/>
    </row>
    <row r="657003" spans="14:14">
      <c r="N657003" s="10"/>
    </row>
    <row r="657004" spans="14:14">
      <c r="N657004" s="10"/>
    </row>
    <row r="657005" spans="14:14">
      <c r="N657005" s="10"/>
    </row>
    <row r="657006" spans="14:14">
      <c r="N657006" s="10"/>
    </row>
    <row r="657007" spans="14:14">
      <c r="N657007" s="10"/>
    </row>
    <row r="657008" spans="14:14">
      <c r="N657008" s="10"/>
    </row>
    <row r="657009" spans="14:14">
      <c r="N657009" s="10"/>
    </row>
    <row r="657010" spans="14:14">
      <c r="N657010" s="10"/>
    </row>
    <row r="657011" spans="14:14">
      <c r="N657011" s="10"/>
    </row>
    <row r="657012" spans="14:14">
      <c r="N657012" s="10"/>
    </row>
    <row r="657013" spans="14:14">
      <c r="N657013" s="10"/>
    </row>
    <row r="657014" spans="14:14">
      <c r="N657014" s="10"/>
    </row>
    <row r="657015" spans="14:14">
      <c r="N657015" s="10"/>
    </row>
    <row r="657016" spans="14:14">
      <c r="N657016" s="10"/>
    </row>
    <row r="657017" spans="14:14">
      <c r="N657017" s="10"/>
    </row>
    <row r="657018" spans="14:14">
      <c r="N657018" s="10"/>
    </row>
    <row r="657019" spans="14:14">
      <c r="N657019" s="10"/>
    </row>
    <row r="657020" spans="14:14">
      <c r="N657020" s="10"/>
    </row>
    <row r="657021" spans="14:14">
      <c r="N657021" s="10"/>
    </row>
    <row r="657022" spans="14:14">
      <c r="N657022" s="10"/>
    </row>
    <row r="657023" spans="14:14">
      <c r="N657023" s="10"/>
    </row>
    <row r="657024" spans="14:14">
      <c r="N657024" s="10"/>
    </row>
    <row r="657025" spans="14:14">
      <c r="N657025" s="10"/>
    </row>
    <row r="657026" spans="14:14">
      <c r="N657026" s="10"/>
    </row>
    <row r="657027" spans="14:14">
      <c r="N657027" s="10"/>
    </row>
    <row r="657028" spans="14:14">
      <c r="N657028" s="10"/>
    </row>
    <row r="657029" spans="14:14">
      <c r="N657029" s="10"/>
    </row>
    <row r="657030" spans="14:14">
      <c r="N657030" s="10"/>
    </row>
    <row r="657031" spans="14:14">
      <c r="N657031" s="10"/>
    </row>
    <row r="657032" spans="14:14">
      <c r="N657032" s="10"/>
    </row>
    <row r="657033" spans="14:14">
      <c r="N657033" s="10"/>
    </row>
    <row r="657034" spans="14:14">
      <c r="N657034" s="10"/>
    </row>
    <row r="657035" spans="14:14">
      <c r="N657035" s="10"/>
    </row>
    <row r="657036" spans="14:14">
      <c r="N657036" s="10"/>
    </row>
    <row r="657037" spans="14:14">
      <c r="N657037" s="10"/>
    </row>
    <row r="657038" spans="14:14">
      <c r="N657038" s="10"/>
    </row>
    <row r="657039" spans="14:14">
      <c r="N657039" s="10"/>
    </row>
    <row r="657040" spans="14:14">
      <c r="N657040" s="10"/>
    </row>
    <row r="657041" spans="14:14">
      <c r="N657041" s="10"/>
    </row>
    <row r="657042" spans="14:14">
      <c r="N657042" s="10"/>
    </row>
    <row r="657043" spans="14:14">
      <c r="N657043" s="10"/>
    </row>
    <row r="657044" spans="14:14">
      <c r="N657044" s="10"/>
    </row>
    <row r="657045" spans="14:14">
      <c r="N657045" s="10"/>
    </row>
    <row r="657046" spans="14:14">
      <c r="N657046" s="10"/>
    </row>
    <row r="657047" spans="14:14">
      <c r="N657047" s="10"/>
    </row>
    <row r="657048" spans="14:14">
      <c r="N657048" s="10"/>
    </row>
    <row r="657049" spans="14:14">
      <c r="N657049" s="10"/>
    </row>
    <row r="657050" spans="14:14">
      <c r="N657050" s="10"/>
    </row>
    <row r="657051" spans="14:14">
      <c r="N657051" s="10"/>
    </row>
    <row r="657052" spans="14:14">
      <c r="N657052" s="10"/>
    </row>
    <row r="657053" spans="14:14">
      <c r="N657053" s="10"/>
    </row>
    <row r="657054" spans="14:14">
      <c r="N657054" s="10"/>
    </row>
    <row r="657055" spans="14:14">
      <c r="N657055" s="10"/>
    </row>
    <row r="657056" spans="14:14">
      <c r="N657056" s="10"/>
    </row>
    <row r="657057" spans="14:14">
      <c r="N657057" s="10"/>
    </row>
    <row r="657058" spans="14:14">
      <c r="N657058" s="10"/>
    </row>
    <row r="657059" spans="14:14">
      <c r="N657059" s="10"/>
    </row>
    <row r="657060" spans="14:14">
      <c r="N657060" s="10"/>
    </row>
    <row r="657061" spans="14:14">
      <c r="N657061" s="10"/>
    </row>
    <row r="657062" spans="14:14">
      <c r="N657062" s="10"/>
    </row>
    <row r="657063" spans="14:14">
      <c r="N657063" s="10"/>
    </row>
    <row r="657064" spans="14:14">
      <c r="N657064" s="10"/>
    </row>
    <row r="657065" spans="14:14">
      <c r="N657065" s="10"/>
    </row>
    <row r="657066" spans="14:14">
      <c r="N657066" s="10"/>
    </row>
    <row r="657067" spans="14:14">
      <c r="N657067" s="10"/>
    </row>
    <row r="657068" spans="14:14">
      <c r="N657068" s="10"/>
    </row>
    <row r="657069" spans="14:14">
      <c r="N657069" s="10"/>
    </row>
    <row r="657070" spans="14:14">
      <c r="N657070" s="10"/>
    </row>
    <row r="657071" spans="14:14">
      <c r="N657071" s="10"/>
    </row>
    <row r="657072" spans="14:14">
      <c r="N657072" s="10"/>
    </row>
    <row r="657073" spans="14:14">
      <c r="N657073" s="10"/>
    </row>
    <row r="657074" spans="14:14">
      <c r="N657074" s="10"/>
    </row>
    <row r="657075" spans="14:14">
      <c r="N657075" s="10"/>
    </row>
    <row r="657076" spans="14:14">
      <c r="N657076" s="10"/>
    </row>
    <row r="657077" spans="14:14">
      <c r="N657077" s="10"/>
    </row>
    <row r="657078" spans="14:14">
      <c r="N657078" s="10"/>
    </row>
    <row r="657079" spans="14:14">
      <c r="N657079" s="10"/>
    </row>
    <row r="657080" spans="14:14">
      <c r="N657080" s="10"/>
    </row>
    <row r="657081" spans="14:14">
      <c r="N657081" s="10"/>
    </row>
    <row r="657082" spans="14:14">
      <c r="N657082" s="10"/>
    </row>
    <row r="657083" spans="14:14">
      <c r="N657083" s="10"/>
    </row>
    <row r="657084" spans="14:14">
      <c r="N657084" s="10"/>
    </row>
    <row r="657085" spans="14:14">
      <c r="N657085" s="10"/>
    </row>
    <row r="657086" spans="14:14">
      <c r="N657086" s="10"/>
    </row>
    <row r="657087" spans="14:14">
      <c r="N657087" s="10"/>
    </row>
    <row r="657088" spans="14:14">
      <c r="N657088" s="10"/>
    </row>
    <row r="657089" spans="14:14">
      <c r="N657089" s="10"/>
    </row>
    <row r="657090" spans="14:14">
      <c r="N657090" s="10"/>
    </row>
    <row r="657091" spans="14:14">
      <c r="N657091" s="10"/>
    </row>
    <row r="657092" spans="14:14">
      <c r="N657092" s="10"/>
    </row>
    <row r="657093" spans="14:14">
      <c r="N657093" s="10"/>
    </row>
    <row r="657094" spans="14:14">
      <c r="N657094" s="10"/>
    </row>
    <row r="657095" spans="14:14">
      <c r="N657095" s="10"/>
    </row>
    <row r="657096" spans="14:14">
      <c r="N657096" s="10"/>
    </row>
    <row r="657097" spans="14:14">
      <c r="N657097" s="10"/>
    </row>
    <row r="657098" spans="14:14">
      <c r="N657098" s="10"/>
    </row>
    <row r="657099" spans="14:14">
      <c r="N657099" s="10"/>
    </row>
    <row r="657100" spans="14:14">
      <c r="N657100" s="10"/>
    </row>
    <row r="657101" spans="14:14">
      <c r="N657101" s="10"/>
    </row>
    <row r="657102" spans="14:14">
      <c r="N657102" s="10"/>
    </row>
    <row r="657103" spans="14:14">
      <c r="N657103" s="10"/>
    </row>
    <row r="657104" spans="14:14">
      <c r="N657104" s="10"/>
    </row>
    <row r="657105" spans="14:14">
      <c r="N657105" s="10"/>
    </row>
    <row r="657106" spans="14:14">
      <c r="N657106" s="10"/>
    </row>
    <row r="657107" spans="14:14">
      <c r="N657107" s="10"/>
    </row>
    <row r="657108" spans="14:14">
      <c r="N657108" s="10"/>
    </row>
    <row r="657109" spans="14:14">
      <c r="N657109" s="10"/>
    </row>
    <row r="657110" spans="14:14">
      <c r="N657110" s="10"/>
    </row>
    <row r="657111" spans="14:14">
      <c r="N657111" s="10"/>
    </row>
    <row r="657112" spans="14:14">
      <c r="N657112" s="10"/>
    </row>
    <row r="657113" spans="14:14">
      <c r="N657113" s="10"/>
    </row>
    <row r="657114" spans="14:14">
      <c r="N657114" s="10"/>
    </row>
    <row r="657115" spans="14:14">
      <c r="N657115" s="10"/>
    </row>
    <row r="657116" spans="14:14">
      <c r="N657116" s="10"/>
    </row>
    <row r="657117" spans="14:14">
      <c r="N657117" s="10"/>
    </row>
    <row r="657118" spans="14:14">
      <c r="N657118" s="10"/>
    </row>
    <row r="657119" spans="14:14">
      <c r="N657119" s="10"/>
    </row>
    <row r="657120" spans="14:14">
      <c r="N657120" s="10"/>
    </row>
    <row r="657121" spans="14:14">
      <c r="N657121" s="10"/>
    </row>
    <row r="657122" spans="14:14">
      <c r="N657122" s="10"/>
    </row>
    <row r="657123" spans="14:14">
      <c r="N657123" s="10"/>
    </row>
    <row r="657124" spans="14:14">
      <c r="N657124" s="10"/>
    </row>
    <row r="657125" spans="14:14">
      <c r="N657125" s="10"/>
    </row>
    <row r="657126" spans="14:14">
      <c r="N657126" s="10"/>
    </row>
    <row r="657127" spans="14:14">
      <c r="N657127" s="10"/>
    </row>
    <row r="657128" spans="14:14">
      <c r="N657128" s="10"/>
    </row>
    <row r="657129" spans="14:14">
      <c r="N657129" s="10"/>
    </row>
    <row r="657130" spans="14:14">
      <c r="N657130" s="10"/>
    </row>
    <row r="657131" spans="14:14">
      <c r="N657131" s="10"/>
    </row>
    <row r="657132" spans="14:14">
      <c r="N657132" s="10"/>
    </row>
    <row r="657133" spans="14:14">
      <c r="N657133" s="10"/>
    </row>
    <row r="657134" spans="14:14">
      <c r="N657134" s="10"/>
    </row>
    <row r="657135" spans="14:14">
      <c r="N657135" s="10"/>
    </row>
    <row r="657136" spans="14:14">
      <c r="N657136" s="10"/>
    </row>
    <row r="657137" spans="14:14">
      <c r="N657137" s="10"/>
    </row>
    <row r="657138" spans="14:14">
      <c r="N657138" s="10"/>
    </row>
    <row r="657139" spans="14:14">
      <c r="N657139" s="10"/>
    </row>
    <row r="657140" spans="14:14">
      <c r="N657140" s="10"/>
    </row>
    <row r="657141" spans="14:14">
      <c r="N657141" s="10"/>
    </row>
    <row r="657142" spans="14:14">
      <c r="N657142" s="10"/>
    </row>
    <row r="657143" spans="14:14">
      <c r="N657143" s="10"/>
    </row>
    <row r="657144" spans="14:14">
      <c r="N657144" s="10"/>
    </row>
    <row r="657145" spans="14:14">
      <c r="N657145" s="10"/>
    </row>
    <row r="657146" spans="14:14">
      <c r="N657146" s="10"/>
    </row>
    <row r="657147" spans="14:14">
      <c r="N657147" s="10"/>
    </row>
    <row r="657148" spans="14:14">
      <c r="N657148" s="10"/>
    </row>
    <row r="657149" spans="14:14">
      <c r="N657149" s="10"/>
    </row>
    <row r="657150" spans="14:14">
      <c r="N657150" s="10"/>
    </row>
    <row r="657151" spans="14:14">
      <c r="N657151" s="10"/>
    </row>
    <row r="657152" spans="14:14">
      <c r="N657152" s="10"/>
    </row>
    <row r="657153" spans="14:14">
      <c r="N657153" s="10"/>
    </row>
    <row r="657154" spans="14:14">
      <c r="N657154" s="10"/>
    </row>
    <row r="657155" spans="14:14">
      <c r="N657155" s="10"/>
    </row>
    <row r="657156" spans="14:14">
      <c r="N657156" s="10"/>
    </row>
    <row r="657157" spans="14:14">
      <c r="N657157" s="10"/>
    </row>
    <row r="657158" spans="14:14">
      <c r="N657158" s="10"/>
    </row>
    <row r="657159" spans="14:14">
      <c r="N657159" s="10"/>
    </row>
    <row r="657160" spans="14:14">
      <c r="N657160" s="10"/>
    </row>
    <row r="657161" spans="14:14">
      <c r="N657161" s="10"/>
    </row>
    <row r="657162" spans="14:14">
      <c r="N657162" s="10"/>
    </row>
    <row r="657163" spans="14:14">
      <c r="N657163" s="10"/>
    </row>
    <row r="657164" spans="14:14">
      <c r="N657164" s="10"/>
    </row>
    <row r="657165" spans="14:14">
      <c r="N657165" s="10"/>
    </row>
    <row r="657166" spans="14:14">
      <c r="N657166" s="10"/>
    </row>
    <row r="657167" spans="14:14">
      <c r="N657167" s="10"/>
    </row>
    <row r="657168" spans="14:14">
      <c r="N657168" s="10"/>
    </row>
    <row r="657169" spans="14:14">
      <c r="N657169" s="10"/>
    </row>
    <row r="657170" spans="14:14">
      <c r="N657170" s="10"/>
    </row>
    <row r="657171" spans="14:14">
      <c r="N657171" s="10"/>
    </row>
    <row r="657172" spans="14:14">
      <c r="N657172" s="10"/>
    </row>
    <row r="657173" spans="14:14">
      <c r="N657173" s="10"/>
    </row>
    <row r="657174" spans="14:14">
      <c r="N657174" s="10"/>
    </row>
    <row r="657175" spans="14:14">
      <c r="N657175" s="10"/>
    </row>
    <row r="657176" spans="14:14">
      <c r="N657176" s="10"/>
    </row>
    <row r="657177" spans="14:14">
      <c r="N657177" s="10"/>
    </row>
    <row r="657178" spans="14:14">
      <c r="N657178" s="10"/>
    </row>
    <row r="657179" spans="14:14">
      <c r="N657179" s="10"/>
    </row>
    <row r="657180" spans="14:14">
      <c r="N657180" s="10"/>
    </row>
    <row r="657181" spans="14:14">
      <c r="N657181" s="10"/>
    </row>
    <row r="657182" spans="14:14">
      <c r="N657182" s="10"/>
    </row>
    <row r="657183" spans="14:14">
      <c r="N657183" s="10"/>
    </row>
    <row r="657184" spans="14:14">
      <c r="N657184" s="10"/>
    </row>
    <row r="657185" spans="14:14">
      <c r="N657185" s="10"/>
    </row>
    <row r="657186" spans="14:14">
      <c r="N657186" s="10"/>
    </row>
    <row r="657187" spans="14:14">
      <c r="N657187" s="10"/>
    </row>
    <row r="657188" spans="14:14">
      <c r="N657188" s="10"/>
    </row>
    <row r="657189" spans="14:14">
      <c r="N657189" s="10"/>
    </row>
    <row r="657190" spans="14:14">
      <c r="N657190" s="10"/>
    </row>
    <row r="657191" spans="14:14">
      <c r="N657191" s="10"/>
    </row>
    <row r="657192" spans="14:14">
      <c r="N657192" s="10"/>
    </row>
    <row r="657193" spans="14:14">
      <c r="N657193" s="10"/>
    </row>
    <row r="657194" spans="14:14">
      <c r="N657194" s="10"/>
    </row>
    <row r="657195" spans="14:14">
      <c r="N657195" s="10"/>
    </row>
    <row r="657196" spans="14:14">
      <c r="N657196" s="10"/>
    </row>
    <row r="657197" spans="14:14">
      <c r="N657197" s="10"/>
    </row>
    <row r="657198" spans="14:14">
      <c r="N657198" s="10"/>
    </row>
    <row r="657199" spans="14:14">
      <c r="N657199" s="10"/>
    </row>
    <row r="657200" spans="14:14">
      <c r="N657200" s="10"/>
    </row>
    <row r="657201" spans="14:14">
      <c r="N657201" s="10"/>
    </row>
    <row r="657202" spans="14:14">
      <c r="N657202" s="10"/>
    </row>
    <row r="657203" spans="14:14">
      <c r="N657203" s="10"/>
    </row>
    <row r="657204" spans="14:14">
      <c r="N657204" s="10"/>
    </row>
    <row r="657205" spans="14:14">
      <c r="N657205" s="10"/>
    </row>
    <row r="657206" spans="14:14">
      <c r="N657206" s="10"/>
    </row>
    <row r="657207" spans="14:14">
      <c r="N657207" s="10"/>
    </row>
    <row r="657208" spans="14:14">
      <c r="N657208" s="10"/>
    </row>
    <row r="657209" spans="14:14">
      <c r="N657209" s="10"/>
    </row>
    <row r="657210" spans="14:14">
      <c r="N657210" s="10"/>
    </row>
    <row r="657211" spans="14:14">
      <c r="N657211" s="10"/>
    </row>
    <row r="657212" spans="14:14">
      <c r="N657212" s="10"/>
    </row>
    <row r="657213" spans="14:14">
      <c r="N657213" s="10"/>
    </row>
    <row r="657214" spans="14:14">
      <c r="N657214" s="10"/>
    </row>
    <row r="657215" spans="14:14">
      <c r="N657215" s="10"/>
    </row>
    <row r="657216" spans="14:14">
      <c r="N657216" s="10"/>
    </row>
    <row r="657217" spans="14:14">
      <c r="N657217" s="10"/>
    </row>
    <row r="657218" spans="14:14">
      <c r="N657218" s="10"/>
    </row>
    <row r="657219" spans="14:14">
      <c r="N657219" s="10"/>
    </row>
    <row r="657220" spans="14:14">
      <c r="N657220" s="10"/>
    </row>
    <row r="657221" spans="14:14">
      <c r="N657221" s="10"/>
    </row>
    <row r="657222" spans="14:14">
      <c r="N657222" s="10"/>
    </row>
    <row r="657223" spans="14:14">
      <c r="N657223" s="10"/>
    </row>
    <row r="657224" spans="14:14">
      <c r="N657224" s="10"/>
    </row>
    <row r="657225" spans="14:14">
      <c r="N657225" s="10"/>
    </row>
    <row r="657226" spans="14:14">
      <c r="N657226" s="10"/>
    </row>
    <row r="657227" spans="14:14">
      <c r="N657227" s="10"/>
    </row>
    <row r="657228" spans="14:14">
      <c r="N657228" s="10"/>
    </row>
    <row r="657229" spans="14:14">
      <c r="N657229" s="10"/>
    </row>
    <row r="657230" spans="14:14">
      <c r="N657230" s="10"/>
    </row>
    <row r="657231" spans="14:14">
      <c r="N657231" s="10"/>
    </row>
    <row r="657232" spans="14:14">
      <c r="N657232" s="10"/>
    </row>
    <row r="657233" spans="14:14">
      <c r="N657233" s="10"/>
    </row>
    <row r="657234" spans="14:14">
      <c r="N657234" s="10"/>
    </row>
    <row r="657235" spans="14:14">
      <c r="N657235" s="10"/>
    </row>
    <row r="657236" spans="14:14">
      <c r="N657236" s="10"/>
    </row>
    <row r="657237" spans="14:14">
      <c r="N657237" s="10"/>
    </row>
    <row r="657238" spans="14:14">
      <c r="N657238" s="10"/>
    </row>
    <row r="657239" spans="14:14">
      <c r="N657239" s="10"/>
    </row>
    <row r="657240" spans="14:14">
      <c r="N657240" s="10"/>
    </row>
    <row r="657241" spans="14:14">
      <c r="N657241" s="10"/>
    </row>
    <row r="657242" spans="14:14">
      <c r="N657242" s="10"/>
    </row>
    <row r="657243" spans="14:14">
      <c r="N657243" s="10"/>
    </row>
    <row r="657244" spans="14:14">
      <c r="N657244" s="10"/>
    </row>
    <row r="657245" spans="14:14">
      <c r="N657245" s="10"/>
    </row>
    <row r="657246" spans="14:14">
      <c r="N657246" s="10"/>
    </row>
    <row r="657247" spans="14:14">
      <c r="N657247" s="10"/>
    </row>
    <row r="657248" spans="14:14">
      <c r="N657248" s="10"/>
    </row>
    <row r="657249" spans="14:14">
      <c r="N657249" s="10"/>
    </row>
    <row r="657250" spans="14:14">
      <c r="N657250" s="10"/>
    </row>
    <row r="657251" spans="14:14">
      <c r="N657251" s="10"/>
    </row>
    <row r="657252" spans="14:14">
      <c r="N657252" s="10"/>
    </row>
    <row r="657253" spans="14:14">
      <c r="N657253" s="10"/>
    </row>
    <row r="657254" spans="14:14">
      <c r="N657254" s="10"/>
    </row>
    <row r="657255" spans="14:14">
      <c r="N657255" s="10"/>
    </row>
    <row r="657256" spans="14:14">
      <c r="N657256" s="10"/>
    </row>
    <row r="657257" spans="14:14">
      <c r="N657257" s="10"/>
    </row>
    <row r="657258" spans="14:14">
      <c r="N657258" s="10"/>
    </row>
    <row r="657259" spans="14:14">
      <c r="N657259" s="10"/>
    </row>
    <row r="657260" spans="14:14">
      <c r="N657260" s="10"/>
    </row>
    <row r="657261" spans="14:14">
      <c r="N657261" s="10"/>
    </row>
    <row r="657262" spans="14:14">
      <c r="N657262" s="10"/>
    </row>
    <row r="657263" spans="14:14">
      <c r="N657263" s="10"/>
    </row>
    <row r="657264" spans="14:14">
      <c r="N657264" s="10"/>
    </row>
    <row r="657265" spans="14:14">
      <c r="N657265" s="10"/>
    </row>
    <row r="657266" spans="14:14">
      <c r="N657266" s="10"/>
    </row>
    <row r="657267" spans="14:14">
      <c r="N657267" s="10"/>
    </row>
    <row r="657268" spans="14:14">
      <c r="N657268" s="10"/>
    </row>
    <row r="657269" spans="14:14">
      <c r="N657269" s="10"/>
    </row>
    <row r="657270" spans="14:14">
      <c r="N657270" s="10"/>
    </row>
    <row r="657271" spans="14:14">
      <c r="N657271" s="10"/>
    </row>
    <row r="657272" spans="14:14">
      <c r="N657272" s="10"/>
    </row>
    <row r="657273" spans="14:14">
      <c r="N657273" s="10"/>
    </row>
    <row r="657274" spans="14:14">
      <c r="N657274" s="10"/>
    </row>
    <row r="657275" spans="14:14">
      <c r="N657275" s="10"/>
    </row>
    <row r="657276" spans="14:14">
      <c r="N657276" s="10"/>
    </row>
    <row r="657277" spans="14:14">
      <c r="N657277" s="10"/>
    </row>
    <row r="657278" spans="14:14">
      <c r="N657278" s="10"/>
    </row>
    <row r="657279" spans="14:14">
      <c r="N657279" s="10"/>
    </row>
    <row r="657280" spans="14:14">
      <c r="N657280" s="10"/>
    </row>
    <row r="657281" spans="14:14">
      <c r="N657281" s="10"/>
    </row>
    <row r="657282" spans="14:14">
      <c r="N657282" s="10"/>
    </row>
    <row r="657283" spans="14:14">
      <c r="N657283" s="10"/>
    </row>
    <row r="657284" spans="14:14">
      <c r="N657284" s="10"/>
    </row>
    <row r="657285" spans="14:14">
      <c r="N657285" s="10"/>
    </row>
    <row r="657286" spans="14:14">
      <c r="N657286" s="10"/>
    </row>
    <row r="657287" spans="14:14">
      <c r="N657287" s="10"/>
    </row>
    <row r="657288" spans="14:14">
      <c r="N657288" s="10"/>
    </row>
    <row r="657289" spans="14:14">
      <c r="N657289" s="10"/>
    </row>
    <row r="657290" spans="14:14">
      <c r="N657290" s="10"/>
    </row>
    <row r="657291" spans="14:14">
      <c r="N657291" s="10"/>
    </row>
    <row r="657292" spans="14:14">
      <c r="N657292" s="10"/>
    </row>
    <row r="657293" spans="14:14">
      <c r="N657293" s="10"/>
    </row>
    <row r="657294" spans="14:14">
      <c r="N657294" s="10"/>
    </row>
    <row r="657295" spans="14:14">
      <c r="N657295" s="10"/>
    </row>
    <row r="657296" spans="14:14">
      <c r="N657296" s="10"/>
    </row>
    <row r="657297" spans="14:14">
      <c r="N657297" s="10"/>
    </row>
    <row r="657298" spans="14:14">
      <c r="N657298" s="10"/>
    </row>
    <row r="657299" spans="14:14">
      <c r="N657299" s="10"/>
    </row>
    <row r="657300" spans="14:14">
      <c r="N657300" s="10"/>
    </row>
    <row r="657301" spans="14:14">
      <c r="N657301" s="10"/>
    </row>
    <row r="657302" spans="14:14">
      <c r="N657302" s="10"/>
    </row>
    <row r="657303" spans="14:14">
      <c r="N657303" s="10"/>
    </row>
    <row r="657304" spans="14:14">
      <c r="N657304" s="10"/>
    </row>
    <row r="657305" spans="14:14">
      <c r="N657305" s="10"/>
    </row>
    <row r="657306" spans="14:14">
      <c r="N657306" s="10"/>
    </row>
    <row r="657307" spans="14:14">
      <c r="N657307" s="10"/>
    </row>
    <row r="657308" spans="14:14">
      <c r="N657308" s="10"/>
    </row>
    <row r="657309" spans="14:14">
      <c r="N657309" s="10"/>
    </row>
    <row r="657310" spans="14:14">
      <c r="N657310" s="10"/>
    </row>
    <row r="657311" spans="14:14">
      <c r="N657311" s="10"/>
    </row>
    <row r="657312" spans="14:14">
      <c r="N657312" s="10"/>
    </row>
    <row r="657313" spans="14:14">
      <c r="N657313" s="10"/>
    </row>
    <row r="657314" spans="14:14">
      <c r="N657314" s="10"/>
    </row>
    <row r="657315" spans="14:14">
      <c r="N657315" s="10"/>
    </row>
    <row r="657316" spans="14:14">
      <c r="N657316" s="10"/>
    </row>
    <row r="657317" spans="14:14">
      <c r="N657317" s="10"/>
    </row>
    <row r="657318" spans="14:14">
      <c r="N657318" s="10"/>
    </row>
    <row r="657319" spans="14:14">
      <c r="N657319" s="10"/>
    </row>
    <row r="657320" spans="14:14">
      <c r="N657320" s="10"/>
    </row>
    <row r="657321" spans="14:14">
      <c r="N657321" s="10"/>
    </row>
    <row r="657322" spans="14:14">
      <c r="N657322" s="10"/>
    </row>
    <row r="657323" spans="14:14">
      <c r="N657323" s="10"/>
    </row>
    <row r="657324" spans="14:14">
      <c r="N657324" s="10"/>
    </row>
    <row r="657325" spans="14:14">
      <c r="N657325" s="10"/>
    </row>
    <row r="657326" spans="14:14">
      <c r="N657326" s="10"/>
    </row>
    <row r="657327" spans="14:14">
      <c r="N657327" s="10"/>
    </row>
    <row r="657328" spans="14:14">
      <c r="N657328" s="10"/>
    </row>
    <row r="657329" spans="14:14">
      <c r="N657329" s="10"/>
    </row>
    <row r="657330" spans="14:14">
      <c r="N657330" s="10"/>
    </row>
    <row r="657331" spans="14:14">
      <c r="N657331" s="10"/>
    </row>
    <row r="657332" spans="14:14">
      <c r="N657332" s="10"/>
    </row>
    <row r="657333" spans="14:14">
      <c r="N657333" s="10"/>
    </row>
    <row r="657334" spans="14:14">
      <c r="N657334" s="10"/>
    </row>
    <row r="657335" spans="14:14">
      <c r="N657335" s="10"/>
    </row>
    <row r="657336" spans="14:14">
      <c r="N657336" s="10"/>
    </row>
    <row r="657337" spans="14:14">
      <c r="N657337" s="10"/>
    </row>
    <row r="657338" spans="14:14">
      <c r="N657338" s="10"/>
    </row>
    <row r="657339" spans="14:14">
      <c r="N657339" s="10"/>
    </row>
    <row r="657340" spans="14:14">
      <c r="N657340" s="10"/>
    </row>
    <row r="657341" spans="14:14">
      <c r="N657341" s="10"/>
    </row>
    <row r="657342" spans="14:14">
      <c r="N657342" s="10"/>
    </row>
    <row r="657343" spans="14:14">
      <c r="N657343" s="10"/>
    </row>
    <row r="657344" spans="14:14">
      <c r="N657344" s="10"/>
    </row>
    <row r="657345" spans="14:14">
      <c r="N657345" s="10"/>
    </row>
    <row r="657346" spans="14:14">
      <c r="N657346" s="10"/>
    </row>
    <row r="657347" spans="14:14">
      <c r="N657347" s="10"/>
    </row>
    <row r="657348" spans="14:14">
      <c r="N657348" s="10"/>
    </row>
    <row r="657349" spans="14:14">
      <c r="N657349" s="10"/>
    </row>
    <row r="657350" spans="14:14">
      <c r="N657350" s="10"/>
    </row>
    <row r="657351" spans="14:14">
      <c r="N657351" s="10"/>
    </row>
    <row r="657352" spans="14:14">
      <c r="N657352" s="10"/>
    </row>
    <row r="657353" spans="14:14">
      <c r="N657353" s="10"/>
    </row>
    <row r="657354" spans="14:14">
      <c r="N657354" s="10"/>
    </row>
    <row r="657355" spans="14:14">
      <c r="N657355" s="10"/>
    </row>
    <row r="657356" spans="14:14">
      <c r="N657356" s="10"/>
    </row>
    <row r="657357" spans="14:14">
      <c r="N657357" s="10"/>
    </row>
    <row r="657358" spans="14:14">
      <c r="N657358" s="10"/>
    </row>
    <row r="657359" spans="14:14">
      <c r="N657359" s="10"/>
    </row>
    <row r="657360" spans="14:14">
      <c r="N657360" s="10"/>
    </row>
    <row r="657361" spans="14:14">
      <c r="N657361" s="10"/>
    </row>
    <row r="657362" spans="14:14">
      <c r="N657362" s="10"/>
    </row>
    <row r="657363" spans="14:14">
      <c r="N657363" s="10"/>
    </row>
    <row r="657364" spans="14:14">
      <c r="N657364" s="10"/>
    </row>
    <row r="657365" spans="14:14">
      <c r="N657365" s="10"/>
    </row>
    <row r="657366" spans="14:14">
      <c r="N657366" s="10"/>
    </row>
    <row r="657367" spans="14:14">
      <c r="N657367" s="10"/>
    </row>
    <row r="657368" spans="14:14">
      <c r="N657368" s="10"/>
    </row>
    <row r="657369" spans="14:14">
      <c r="N657369" s="10"/>
    </row>
    <row r="657370" spans="14:14">
      <c r="N657370" s="10"/>
    </row>
    <row r="657371" spans="14:14">
      <c r="N657371" s="10"/>
    </row>
    <row r="657372" spans="14:14">
      <c r="N657372" s="10"/>
    </row>
    <row r="657373" spans="14:14">
      <c r="N657373" s="10"/>
    </row>
    <row r="657374" spans="14:14">
      <c r="N657374" s="10"/>
    </row>
    <row r="657375" spans="14:14">
      <c r="N657375" s="10"/>
    </row>
    <row r="657376" spans="14:14">
      <c r="N657376" s="10"/>
    </row>
    <row r="657377" spans="14:14">
      <c r="N657377" s="10"/>
    </row>
    <row r="657378" spans="14:14">
      <c r="N657378" s="10"/>
    </row>
    <row r="657379" spans="14:14">
      <c r="N657379" s="10"/>
    </row>
    <row r="657380" spans="14:14">
      <c r="N657380" s="10"/>
    </row>
    <row r="657381" spans="14:14">
      <c r="N657381" s="10"/>
    </row>
    <row r="657382" spans="14:14">
      <c r="N657382" s="10"/>
    </row>
    <row r="657383" spans="14:14">
      <c r="N657383" s="10"/>
    </row>
    <row r="657384" spans="14:14">
      <c r="N657384" s="10"/>
    </row>
    <row r="657385" spans="14:14">
      <c r="N657385" s="10"/>
    </row>
    <row r="657386" spans="14:14">
      <c r="N657386" s="10"/>
    </row>
    <row r="657387" spans="14:14">
      <c r="N657387" s="10"/>
    </row>
    <row r="657388" spans="14:14">
      <c r="N657388" s="10"/>
    </row>
    <row r="657389" spans="14:14">
      <c r="N657389" s="10"/>
    </row>
    <row r="657390" spans="14:14">
      <c r="N657390" s="10"/>
    </row>
    <row r="657391" spans="14:14">
      <c r="N657391" s="10"/>
    </row>
    <row r="657392" spans="14:14">
      <c r="N657392" s="10"/>
    </row>
    <row r="657393" spans="14:14">
      <c r="N657393" s="10"/>
    </row>
    <row r="657394" spans="14:14">
      <c r="N657394" s="10"/>
    </row>
    <row r="657395" spans="14:14">
      <c r="N657395" s="10"/>
    </row>
    <row r="657396" spans="14:14">
      <c r="N657396" s="10"/>
    </row>
    <row r="657397" spans="14:14">
      <c r="N657397" s="10"/>
    </row>
    <row r="657398" spans="14:14">
      <c r="N657398" s="10"/>
    </row>
    <row r="657399" spans="14:14">
      <c r="N657399" s="10"/>
    </row>
    <row r="657400" spans="14:14">
      <c r="N657400" s="10"/>
    </row>
    <row r="657401" spans="14:14">
      <c r="N657401" s="10"/>
    </row>
    <row r="657402" spans="14:14">
      <c r="N657402" s="10"/>
    </row>
    <row r="657403" spans="14:14">
      <c r="N657403" s="10"/>
    </row>
    <row r="657404" spans="14:14">
      <c r="N657404" s="10"/>
    </row>
    <row r="657405" spans="14:14">
      <c r="N657405" s="10"/>
    </row>
    <row r="657406" spans="14:14">
      <c r="N657406" s="10"/>
    </row>
    <row r="657407" spans="14:14">
      <c r="N657407" s="10"/>
    </row>
    <row r="657408" spans="14:14">
      <c r="N657408" s="10"/>
    </row>
    <row r="657409" spans="14:14">
      <c r="N657409" s="10"/>
    </row>
    <row r="657410" spans="14:14">
      <c r="N657410" s="10"/>
    </row>
    <row r="657411" spans="14:14">
      <c r="N657411" s="10"/>
    </row>
    <row r="657412" spans="14:14">
      <c r="N657412" s="10"/>
    </row>
    <row r="657413" spans="14:14">
      <c r="N657413" s="10"/>
    </row>
    <row r="657414" spans="14:14">
      <c r="N657414" s="10"/>
    </row>
    <row r="657415" spans="14:14">
      <c r="N657415" s="10"/>
    </row>
    <row r="657416" spans="14:14">
      <c r="N657416" s="10"/>
    </row>
    <row r="657417" spans="14:14">
      <c r="N657417" s="10"/>
    </row>
    <row r="657418" spans="14:14">
      <c r="N657418" s="10"/>
    </row>
    <row r="657419" spans="14:14">
      <c r="N657419" s="10"/>
    </row>
    <row r="657420" spans="14:14">
      <c r="N657420" s="10"/>
    </row>
    <row r="657421" spans="14:14">
      <c r="N657421" s="10"/>
    </row>
    <row r="657422" spans="14:14">
      <c r="N657422" s="10"/>
    </row>
    <row r="657423" spans="14:14">
      <c r="N657423" s="10"/>
    </row>
    <row r="657424" spans="14:14">
      <c r="N657424" s="10"/>
    </row>
    <row r="657425" spans="14:14">
      <c r="N657425" s="10"/>
    </row>
    <row r="657426" spans="14:14">
      <c r="N657426" s="10"/>
    </row>
    <row r="657427" spans="14:14">
      <c r="N657427" s="10"/>
    </row>
    <row r="657428" spans="14:14">
      <c r="N657428" s="10"/>
    </row>
    <row r="657429" spans="14:14">
      <c r="N657429" s="10"/>
    </row>
    <row r="657430" spans="14:14">
      <c r="N657430" s="10"/>
    </row>
    <row r="657431" spans="14:14">
      <c r="N657431" s="10"/>
    </row>
    <row r="657432" spans="14:14">
      <c r="N657432" s="10"/>
    </row>
    <row r="657433" spans="14:14">
      <c r="N657433" s="10"/>
    </row>
    <row r="657434" spans="14:14">
      <c r="N657434" s="10"/>
    </row>
    <row r="657435" spans="14:14">
      <c r="N657435" s="10"/>
    </row>
    <row r="657436" spans="14:14">
      <c r="N657436" s="10"/>
    </row>
    <row r="657437" spans="14:14">
      <c r="N657437" s="10"/>
    </row>
    <row r="657438" spans="14:14">
      <c r="N657438" s="10"/>
    </row>
    <row r="657439" spans="14:14">
      <c r="N657439" s="10"/>
    </row>
    <row r="657440" spans="14:14">
      <c r="N657440" s="10"/>
    </row>
    <row r="657441" spans="14:14">
      <c r="N657441" s="10"/>
    </row>
    <row r="657442" spans="14:14">
      <c r="N657442" s="10"/>
    </row>
    <row r="657443" spans="14:14">
      <c r="N657443" s="10"/>
    </row>
    <row r="657444" spans="14:14">
      <c r="N657444" s="10"/>
    </row>
    <row r="657445" spans="14:14">
      <c r="N657445" s="10"/>
    </row>
    <row r="657446" spans="14:14">
      <c r="N657446" s="10"/>
    </row>
    <row r="657447" spans="14:14">
      <c r="N657447" s="10"/>
    </row>
    <row r="657448" spans="14:14">
      <c r="N657448" s="10"/>
    </row>
    <row r="657449" spans="14:14">
      <c r="N657449" s="10"/>
    </row>
    <row r="657450" spans="14:14">
      <c r="N657450" s="10"/>
    </row>
    <row r="657451" spans="14:14">
      <c r="N657451" s="10"/>
    </row>
    <row r="657452" spans="14:14">
      <c r="N657452" s="10"/>
    </row>
    <row r="657453" spans="14:14">
      <c r="N657453" s="10"/>
    </row>
    <row r="657454" spans="14:14">
      <c r="N657454" s="10"/>
    </row>
    <row r="657455" spans="14:14">
      <c r="N657455" s="10"/>
    </row>
    <row r="657456" spans="14:14">
      <c r="N657456" s="10"/>
    </row>
    <row r="657457" spans="14:14">
      <c r="N657457" s="10"/>
    </row>
    <row r="657458" spans="14:14">
      <c r="N657458" s="10"/>
    </row>
    <row r="657459" spans="14:14">
      <c r="N657459" s="10"/>
    </row>
    <row r="657460" spans="14:14">
      <c r="N657460" s="10"/>
    </row>
    <row r="657461" spans="14:14">
      <c r="N657461" s="10"/>
    </row>
    <row r="657462" spans="14:14">
      <c r="N657462" s="10"/>
    </row>
    <row r="657463" spans="14:14">
      <c r="N657463" s="10"/>
    </row>
    <row r="657464" spans="14:14">
      <c r="N657464" s="10"/>
    </row>
    <row r="657465" spans="14:14">
      <c r="N657465" s="10"/>
    </row>
    <row r="657466" spans="14:14">
      <c r="N657466" s="10"/>
    </row>
    <row r="657467" spans="14:14">
      <c r="N657467" s="10"/>
    </row>
    <row r="657468" spans="14:14">
      <c r="N657468" s="10"/>
    </row>
    <row r="657469" spans="14:14">
      <c r="N657469" s="10"/>
    </row>
    <row r="657470" spans="14:14">
      <c r="N657470" s="10"/>
    </row>
    <row r="657471" spans="14:14">
      <c r="N657471" s="10"/>
    </row>
    <row r="657472" spans="14:14">
      <c r="N657472" s="10"/>
    </row>
    <row r="657473" spans="14:14">
      <c r="N657473" s="10"/>
    </row>
    <row r="657474" spans="14:14">
      <c r="N657474" s="10"/>
    </row>
    <row r="657475" spans="14:14">
      <c r="N657475" s="10"/>
    </row>
    <row r="657476" spans="14:14">
      <c r="N657476" s="10"/>
    </row>
    <row r="657477" spans="14:14">
      <c r="N657477" s="10"/>
    </row>
    <row r="657478" spans="14:14">
      <c r="N657478" s="10"/>
    </row>
    <row r="657479" spans="14:14">
      <c r="N657479" s="10"/>
    </row>
    <row r="657480" spans="14:14">
      <c r="N657480" s="10"/>
    </row>
    <row r="657481" spans="14:14">
      <c r="N657481" s="10"/>
    </row>
    <row r="657482" spans="14:14">
      <c r="N657482" s="10"/>
    </row>
    <row r="657483" spans="14:14">
      <c r="N657483" s="10"/>
    </row>
    <row r="657484" spans="14:14">
      <c r="N657484" s="10"/>
    </row>
    <row r="657485" spans="14:14">
      <c r="N657485" s="10"/>
    </row>
    <row r="657486" spans="14:14">
      <c r="N657486" s="10"/>
    </row>
    <row r="657487" spans="14:14">
      <c r="N657487" s="10"/>
    </row>
    <row r="657488" spans="14:14">
      <c r="N657488" s="10"/>
    </row>
    <row r="657489" spans="14:14">
      <c r="N657489" s="10"/>
    </row>
    <row r="657490" spans="14:14">
      <c r="N657490" s="10"/>
    </row>
    <row r="657491" spans="14:14">
      <c r="N657491" s="10"/>
    </row>
    <row r="657492" spans="14:14">
      <c r="N657492" s="10"/>
    </row>
    <row r="657493" spans="14:14">
      <c r="N657493" s="10"/>
    </row>
    <row r="657494" spans="14:14">
      <c r="N657494" s="10"/>
    </row>
    <row r="657495" spans="14:14">
      <c r="N657495" s="10"/>
    </row>
    <row r="657496" spans="14:14">
      <c r="N657496" s="10"/>
    </row>
    <row r="657497" spans="14:14">
      <c r="N657497" s="10"/>
    </row>
    <row r="657498" spans="14:14">
      <c r="N657498" s="10"/>
    </row>
    <row r="657499" spans="14:14">
      <c r="N657499" s="10"/>
    </row>
    <row r="657500" spans="14:14">
      <c r="N657500" s="10"/>
    </row>
    <row r="657501" spans="14:14">
      <c r="N657501" s="10"/>
    </row>
    <row r="657502" spans="14:14">
      <c r="N657502" s="10"/>
    </row>
    <row r="657503" spans="14:14">
      <c r="N657503" s="10"/>
    </row>
    <row r="657504" spans="14:14">
      <c r="N657504" s="10"/>
    </row>
    <row r="657505" spans="14:14">
      <c r="N657505" s="10"/>
    </row>
    <row r="657506" spans="14:14">
      <c r="N657506" s="10"/>
    </row>
    <row r="657507" spans="14:14">
      <c r="N657507" s="10"/>
    </row>
    <row r="657508" spans="14:14">
      <c r="N657508" s="10"/>
    </row>
    <row r="657509" spans="14:14">
      <c r="N657509" s="10"/>
    </row>
    <row r="657510" spans="14:14">
      <c r="N657510" s="10"/>
    </row>
    <row r="657511" spans="14:14">
      <c r="N657511" s="10"/>
    </row>
    <row r="657512" spans="14:14">
      <c r="N657512" s="10"/>
    </row>
    <row r="657513" spans="14:14">
      <c r="N657513" s="10"/>
    </row>
    <row r="657514" spans="14:14">
      <c r="N657514" s="10"/>
    </row>
    <row r="657515" spans="14:14">
      <c r="N657515" s="10"/>
    </row>
    <row r="657516" spans="14:14">
      <c r="N657516" s="10"/>
    </row>
    <row r="657517" spans="14:14">
      <c r="N657517" s="10"/>
    </row>
    <row r="657518" spans="14:14">
      <c r="N657518" s="10"/>
    </row>
    <row r="657519" spans="14:14">
      <c r="N657519" s="10"/>
    </row>
    <row r="657520" spans="14:14">
      <c r="N657520" s="10"/>
    </row>
    <row r="657521" spans="14:14">
      <c r="N657521" s="10"/>
    </row>
    <row r="657522" spans="14:14">
      <c r="N657522" s="10"/>
    </row>
    <row r="657523" spans="14:14">
      <c r="N657523" s="10"/>
    </row>
    <row r="657524" spans="14:14">
      <c r="N657524" s="10"/>
    </row>
    <row r="657525" spans="14:14">
      <c r="N657525" s="10"/>
    </row>
    <row r="657526" spans="14:14">
      <c r="N657526" s="10"/>
    </row>
    <row r="657527" spans="14:14">
      <c r="N657527" s="10"/>
    </row>
    <row r="657528" spans="14:14">
      <c r="N657528" s="10"/>
    </row>
    <row r="657529" spans="14:14">
      <c r="N657529" s="10"/>
    </row>
    <row r="657530" spans="14:14">
      <c r="N657530" s="10"/>
    </row>
    <row r="657531" spans="14:14">
      <c r="N657531" s="10"/>
    </row>
    <row r="657532" spans="14:14">
      <c r="N657532" s="10"/>
    </row>
    <row r="657533" spans="14:14">
      <c r="N657533" s="10"/>
    </row>
    <row r="657534" spans="14:14">
      <c r="N657534" s="10"/>
    </row>
    <row r="657535" spans="14:14">
      <c r="N657535" s="10"/>
    </row>
    <row r="657536" spans="14:14">
      <c r="N657536" s="10"/>
    </row>
    <row r="657537" spans="14:14">
      <c r="N657537" s="10"/>
    </row>
    <row r="657538" spans="14:14">
      <c r="N657538" s="10"/>
    </row>
    <row r="657539" spans="14:14">
      <c r="N657539" s="10"/>
    </row>
    <row r="657540" spans="14:14">
      <c r="N657540" s="10"/>
    </row>
    <row r="657541" spans="14:14">
      <c r="N657541" s="10"/>
    </row>
    <row r="657542" spans="14:14">
      <c r="N657542" s="10"/>
    </row>
    <row r="657543" spans="14:14">
      <c r="N657543" s="10"/>
    </row>
    <row r="657544" spans="14:14">
      <c r="N657544" s="10"/>
    </row>
    <row r="657545" spans="14:14">
      <c r="N657545" s="10"/>
    </row>
    <row r="657546" spans="14:14">
      <c r="N657546" s="10"/>
    </row>
    <row r="657547" spans="14:14">
      <c r="N657547" s="10"/>
    </row>
    <row r="657548" spans="14:14">
      <c r="N657548" s="10"/>
    </row>
    <row r="657549" spans="14:14">
      <c r="N657549" s="10"/>
    </row>
    <row r="657550" spans="14:14">
      <c r="N657550" s="10"/>
    </row>
    <row r="657551" spans="14:14">
      <c r="N657551" s="10"/>
    </row>
    <row r="657552" spans="14:14">
      <c r="N657552" s="10"/>
    </row>
    <row r="657553" spans="14:14">
      <c r="N657553" s="10"/>
    </row>
    <row r="657554" spans="14:14">
      <c r="N657554" s="10"/>
    </row>
    <row r="657555" spans="14:14">
      <c r="N657555" s="10"/>
    </row>
    <row r="657556" spans="14:14">
      <c r="N657556" s="10"/>
    </row>
    <row r="657557" spans="14:14">
      <c r="N657557" s="10"/>
    </row>
    <row r="657558" spans="14:14">
      <c r="N657558" s="10"/>
    </row>
    <row r="657559" spans="14:14">
      <c r="N657559" s="10"/>
    </row>
    <row r="657560" spans="14:14">
      <c r="N657560" s="10"/>
    </row>
    <row r="657561" spans="14:14">
      <c r="N657561" s="10"/>
    </row>
    <row r="657562" spans="14:14">
      <c r="N657562" s="10"/>
    </row>
    <row r="657563" spans="14:14">
      <c r="N657563" s="10"/>
    </row>
    <row r="657564" spans="14:14">
      <c r="N657564" s="10"/>
    </row>
    <row r="657565" spans="14:14">
      <c r="N657565" s="10"/>
    </row>
    <row r="657566" spans="14:14">
      <c r="N657566" s="10"/>
    </row>
    <row r="657567" spans="14:14">
      <c r="N657567" s="10"/>
    </row>
    <row r="657568" spans="14:14">
      <c r="N657568" s="10"/>
    </row>
    <row r="657569" spans="14:14">
      <c r="N657569" s="10"/>
    </row>
    <row r="657570" spans="14:14">
      <c r="N657570" s="10"/>
    </row>
    <row r="657571" spans="14:14">
      <c r="N657571" s="10"/>
    </row>
    <row r="657572" spans="14:14">
      <c r="N657572" s="10"/>
    </row>
    <row r="657573" spans="14:14">
      <c r="N657573" s="10"/>
    </row>
    <row r="657574" spans="14:14">
      <c r="N657574" s="10"/>
    </row>
    <row r="657575" spans="14:14">
      <c r="N657575" s="10"/>
    </row>
    <row r="657576" spans="14:14">
      <c r="N657576" s="10"/>
    </row>
    <row r="657577" spans="14:14">
      <c r="N657577" s="10"/>
    </row>
    <row r="657578" spans="14:14">
      <c r="N657578" s="10"/>
    </row>
    <row r="657579" spans="14:14">
      <c r="N657579" s="10"/>
    </row>
    <row r="657580" spans="14:14">
      <c r="N657580" s="10"/>
    </row>
    <row r="657581" spans="14:14">
      <c r="N657581" s="10"/>
    </row>
    <row r="657582" spans="14:14">
      <c r="N657582" s="10"/>
    </row>
    <row r="657583" spans="14:14">
      <c r="N657583" s="10"/>
    </row>
    <row r="657584" spans="14:14">
      <c r="N657584" s="10"/>
    </row>
    <row r="657585" spans="14:14">
      <c r="N657585" s="10"/>
    </row>
    <row r="657586" spans="14:14">
      <c r="N657586" s="10"/>
    </row>
    <row r="657587" spans="14:14">
      <c r="N657587" s="10"/>
    </row>
    <row r="657588" spans="14:14">
      <c r="N657588" s="10"/>
    </row>
    <row r="657589" spans="14:14">
      <c r="N657589" s="10"/>
    </row>
    <row r="657590" spans="14:14">
      <c r="N657590" s="10"/>
    </row>
    <row r="657591" spans="14:14">
      <c r="N657591" s="10"/>
    </row>
    <row r="657592" spans="14:14">
      <c r="N657592" s="10"/>
    </row>
    <row r="657593" spans="14:14">
      <c r="N657593" s="10"/>
    </row>
    <row r="657594" spans="14:14">
      <c r="N657594" s="10"/>
    </row>
    <row r="657595" spans="14:14">
      <c r="N657595" s="10"/>
    </row>
    <row r="657596" spans="14:14">
      <c r="N657596" s="10"/>
    </row>
    <row r="657597" spans="14:14">
      <c r="N657597" s="10"/>
    </row>
    <row r="657598" spans="14:14">
      <c r="N657598" s="10"/>
    </row>
    <row r="657599" spans="14:14">
      <c r="N657599" s="10"/>
    </row>
    <row r="657600" spans="14:14">
      <c r="N657600" s="10"/>
    </row>
    <row r="657601" spans="14:14">
      <c r="N657601" s="10"/>
    </row>
    <row r="657602" spans="14:14">
      <c r="N657602" s="10"/>
    </row>
    <row r="657603" spans="14:14">
      <c r="N657603" s="10"/>
    </row>
    <row r="657604" spans="14:14">
      <c r="N657604" s="10"/>
    </row>
    <row r="657605" spans="14:14">
      <c r="N657605" s="10"/>
    </row>
    <row r="657606" spans="14:14">
      <c r="N657606" s="10"/>
    </row>
    <row r="657607" spans="14:14">
      <c r="N657607" s="10"/>
    </row>
    <row r="657608" spans="14:14">
      <c r="N657608" s="10"/>
    </row>
    <row r="657609" spans="14:14">
      <c r="N657609" s="10"/>
    </row>
    <row r="657610" spans="14:14">
      <c r="N657610" s="10"/>
    </row>
    <row r="657611" spans="14:14">
      <c r="N657611" s="10"/>
    </row>
    <row r="657612" spans="14:14">
      <c r="N657612" s="10"/>
    </row>
    <row r="657613" spans="14:14">
      <c r="N657613" s="10"/>
    </row>
    <row r="657614" spans="14:14">
      <c r="N657614" s="10"/>
    </row>
    <row r="657615" spans="14:14">
      <c r="N657615" s="10"/>
    </row>
    <row r="657616" spans="14:14">
      <c r="N657616" s="10"/>
    </row>
    <row r="657617" spans="14:14">
      <c r="N657617" s="10"/>
    </row>
    <row r="657618" spans="14:14">
      <c r="N657618" s="10"/>
    </row>
    <row r="657619" spans="14:14">
      <c r="N657619" s="10"/>
    </row>
    <row r="657620" spans="14:14">
      <c r="N657620" s="10"/>
    </row>
    <row r="657621" spans="14:14">
      <c r="N657621" s="10"/>
    </row>
    <row r="657622" spans="14:14">
      <c r="N657622" s="10"/>
    </row>
    <row r="657623" spans="14:14">
      <c r="N657623" s="10"/>
    </row>
    <row r="657624" spans="14:14">
      <c r="N657624" s="10"/>
    </row>
    <row r="657625" spans="14:14">
      <c r="N657625" s="10"/>
    </row>
    <row r="657626" spans="14:14">
      <c r="N657626" s="10"/>
    </row>
    <row r="657627" spans="14:14">
      <c r="N657627" s="10"/>
    </row>
    <row r="657628" spans="14:14">
      <c r="N657628" s="10"/>
    </row>
    <row r="657629" spans="14:14">
      <c r="N657629" s="10"/>
    </row>
    <row r="657630" spans="14:14">
      <c r="N657630" s="10"/>
    </row>
    <row r="657631" spans="14:14">
      <c r="N657631" s="10"/>
    </row>
    <row r="657632" spans="14:14">
      <c r="N657632" s="10"/>
    </row>
    <row r="657633" spans="14:14">
      <c r="N657633" s="10"/>
    </row>
    <row r="657634" spans="14:14">
      <c r="N657634" s="10"/>
    </row>
    <row r="657635" spans="14:14">
      <c r="N657635" s="10"/>
    </row>
    <row r="657636" spans="14:14">
      <c r="N657636" s="10"/>
    </row>
    <row r="657637" spans="14:14">
      <c r="N657637" s="10"/>
    </row>
    <row r="657638" spans="14:14">
      <c r="N657638" s="10"/>
    </row>
    <row r="657639" spans="14:14">
      <c r="N657639" s="10"/>
    </row>
    <row r="657640" spans="14:14">
      <c r="N657640" s="10"/>
    </row>
    <row r="657641" spans="14:14">
      <c r="N657641" s="10"/>
    </row>
    <row r="657642" spans="14:14">
      <c r="N657642" s="10"/>
    </row>
    <row r="657643" spans="14:14">
      <c r="N657643" s="10"/>
    </row>
    <row r="657644" spans="14:14">
      <c r="N657644" s="10"/>
    </row>
    <row r="657645" spans="14:14">
      <c r="N657645" s="10"/>
    </row>
    <row r="657646" spans="14:14">
      <c r="N657646" s="10"/>
    </row>
    <row r="657647" spans="14:14">
      <c r="N657647" s="10"/>
    </row>
    <row r="657648" spans="14:14">
      <c r="N657648" s="10"/>
    </row>
    <row r="657649" spans="14:14">
      <c r="N657649" s="10"/>
    </row>
    <row r="657650" spans="14:14">
      <c r="N657650" s="10"/>
    </row>
    <row r="657651" spans="14:14">
      <c r="N657651" s="10"/>
    </row>
    <row r="657652" spans="14:14">
      <c r="N657652" s="10"/>
    </row>
    <row r="657653" spans="14:14">
      <c r="N657653" s="10"/>
    </row>
    <row r="657654" spans="14:14">
      <c r="N657654" s="10"/>
    </row>
    <row r="657655" spans="14:14">
      <c r="N657655" s="10"/>
    </row>
    <row r="657656" spans="14:14">
      <c r="N657656" s="10"/>
    </row>
    <row r="657657" spans="14:14">
      <c r="N657657" s="10"/>
    </row>
    <row r="657658" spans="14:14">
      <c r="N657658" s="10"/>
    </row>
    <row r="657659" spans="14:14">
      <c r="N657659" s="10"/>
    </row>
    <row r="657660" spans="14:14">
      <c r="N657660" s="10"/>
    </row>
    <row r="657661" spans="14:14">
      <c r="N657661" s="10"/>
    </row>
    <row r="657662" spans="14:14">
      <c r="N657662" s="10"/>
    </row>
    <row r="657663" spans="14:14">
      <c r="N657663" s="10"/>
    </row>
    <row r="657664" spans="14:14">
      <c r="N657664" s="10"/>
    </row>
    <row r="657665" spans="14:14">
      <c r="N657665" s="10"/>
    </row>
    <row r="657666" spans="14:14">
      <c r="N657666" s="10"/>
    </row>
    <row r="657667" spans="14:14">
      <c r="N657667" s="10"/>
    </row>
    <row r="657668" spans="14:14">
      <c r="N657668" s="10"/>
    </row>
    <row r="657669" spans="14:14">
      <c r="N657669" s="10"/>
    </row>
    <row r="657670" spans="14:14">
      <c r="N657670" s="10"/>
    </row>
    <row r="657671" spans="14:14">
      <c r="N657671" s="10"/>
    </row>
    <row r="657672" spans="14:14">
      <c r="N657672" s="10"/>
    </row>
    <row r="657673" spans="14:14">
      <c r="N657673" s="10"/>
    </row>
    <row r="657674" spans="14:14">
      <c r="N657674" s="10"/>
    </row>
    <row r="657675" spans="14:14">
      <c r="N657675" s="10"/>
    </row>
    <row r="657676" spans="14:14">
      <c r="N657676" s="10"/>
    </row>
    <row r="657677" spans="14:14">
      <c r="N657677" s="10"/>
    </row>
    <row r="657678" spans="14:14">
      <c r="N657678" s="10"/>
    </row>
    <row r="657679" spans="14:14">
      <c r="N657679" s="10"/>
    </row>
    <row r="657680" spans="14:14">
      <c r="N657680" s="10"/>
    </row>
    <row r="657681" spans="14:14">
      <c r="N657681" s="10"/>
    </row>
    <row r="657682" spans="14:14">
      <c r="N657682" s="10"/>
    </row>
    <row r="657683" spans="14:14">
      <c r="N657683" s="10"/>
    </row>
    <row r="657684" spans="14:14">
      <c r="N657684" s="10"/>
    </row>
    <row r="657685" spans="14:14">
      <c r="N657685" s="10"/>
    </row>
    <row r="657686" spans="14:14">
      <c r="N657686" s="10"/>
    </row>
    <row r="657687" spans="14:14">
      <c r="N657687" s="10"/>
    </row>
    <row r="657688" spans="14:14">
      <c r="N657688" s="10"/>
    </row>
    <row r="657689" spans="14:14">
      <c r="N657689" s="10"/>
    </row>
    <row r="657690" spans="14:14">
      <c r="N657690" s="10"/>
    </row>
    <row r="657691" spans="14:14">
      <c r="N657691" s="10"/>
    </row>
    <row r="657692" spans="14:14">
      <c r="N657692" s="10"/>
    </row>
    <row r="657693" spans="14:14">
      <c r="N657693" s="10"/>
    </row>
    <row r="657694" spans="14:14">
      <c r="N657694" s="10"/>
    </row>
    <row r="657695" spans="14:14">
      <c r="N657695" s="10"/>
    </row>
    <row r="657696" spans="14:14">
      <c r="N657696" s="10"/>
    </row>
    <row r="657697" spans="14:14">
      <c r="N657697" s="10"/>
    </row>
    <row r="657698" spans="14:14">
      <c r="N657698" s="10"/>
    </row>
    <row r="657699" spans="14:14">
      <c r="N657699" s="10"/>
    </row>
    <row r="657700" spans="14:14">
      <c r="N657700" s="10"/>
    </row>
    <row r="657701" spans="14:14">
      <c r="N657701" s="10"/>
    </row>
    <row r="657702" spans="14:14">
      <c r="N657702" s="10"/>
    </row>
    <row r="657703" spans="14:14">
      <c r="N657703" s="10"/>
    </row>
    <row r="657704" spans="14:14">
      <c r="N657704" s="10"/>
    </row>
    <row r="657705" spans="14:14">
      <c r="N657705" s="10"/>
    </row>
    <row r="657706" spans="14:14">
      <c r="N657706" s="10"/>
    </row>
    <row r="657707" spans="14:14">
      <c r="N657707" s="10"/>
    </row>
    <row r="657708" spans="14:14">
      <c r="N657708" s="10"/>
    </row>
    <row r="657709" spans="14:14">
      <c r="N657709" s="10"/>
    </row>
    <row r="657710" spans="14:14">
      <c r="N657710" s="10"/>
    </row>
    <row r="657711" spans="14:14">
      <c r="N657711" s="10"/>
    </row>
    <row r="657712" spans="14:14">
      <c r="N657712" s="10"/>
    </row>
    <row r="657713" spans="14:14">
      <c r="N657713" s="10"/>
    </row>
    <row r="657714" spans="14:14">
      <c r="N657714" s="10"/>
    </row>
    <row r="657715" spans="14:14">
      <c r="N657715" s="10"/>
    </row>
    <row r="657716" spans="14:14">
      <c r="N657716" s="10"/>
    </row>
    <row r="657717" spans="14:14">
      <c r="N657717" s="10"/>
    </row>
    <row r="657718" spans="14:14">
      <c r="N657718" s="10"/>
    </row>
    <row r="657719" spans="14:14">
      <c r="N657719" s="10"/>
    </row>
    <row r="657720" spans="14:14">
      <c r="N657720" s="10"/>
    </row>
    <row r="657721" spans="14:14">
      <c r="N657721" s="10"/>
    </row>
    <row r="657722" spans="14:14">
      <c r="N657722" s="10"/>
    </row>
    <row r="657723" spans="14:14">
      <c r="N657723" s="10"/>
    </row>
    <row r="657724" spans="14:14">
      <c r="N657724" s="10"/>
    </row>
    <row r="657725" spans="14:14">
      <c r="N657725" s="10"/>
    </row>
    <row r="657726" spans="14:14">
      <c r="N657726" s="10"/>
    </row>
    <row r="657727" spans="14:14">
      <c r="N657727" s="10"/>
    </row>
    <row r="657728" spans="14:14">
      <c r="N657728" s="10"/>
    </row>
    <row r="657729" spans="14:14">
      <c r="N657729" s="10"/>
    </row>
    <row r="657730" spans="14:14">
      <c r="N657730" s="10"/>
    </row>
    <row r="657731" spans="14:14">
      <c r="N657731" s="10"/>
    </row>
    <row r="657732" spans="14:14">
      <c r="N657732" s="10"/>
    </row>
    <row r="657733" spans="14:14">
      <c r="N657733" s="10"/>
    </row>
    <row r="657734" spans="14:14">
      <c r="N657734" s="10"/>
    </row>
    <row r="657735" spans="14:14">
      <c r="N657735" s="10"/>
    </row>
    <row r="657736" spans="14:14">
      <c r="N657736" s="10"/>
    </row>
    <row r="657737" spans="14:14">
      <c r="N657737" s="10"/>
    </row>
    <row r="657738" spans="14:14">
      <c r="N657738" s="10"/>
    </row>
    <row r="657739" spans="14:14">
      <c r="N657739" s="10"/>
    </row>
    <row r="657740" spans="14:14">
      <c r="N657740" s="10"/>
    </row>
    <row r="657741" spans="14:14">
      <c r="N657741" s="10"/>
    </row>
    <row r="657742" spans="14:14">
      <c r="N657742" s="10"/>
    </row>
    <row r="657743" spans="14:14">
      <c r="N657743" s="10"/>
    </row>
    <row r="657744" spans="14:14">
      <c r="N657744" s="10"/>
    </row>
    <row r="657745" spans="14:14">
      <c r="N657745" s="10"/>
    </row>
    <row r="657746" spans="14:14">
      <c r="N657746" s="10"/>
    </row>
    <row r="657747" spans="14:14">
      <c r="N657747" s="10"/>
    </row>
    <row r="657748" spans="14:14">
      <c r="N657748" s="10"/>
    </row>
    <row r="657749" spans="14:14">
      <c r="N657749" s="10"/>
    </row>
    <row r="657750" spans="14:14">
      <c r="N657750" s="10"/>
    </row>
    <row r="657751" spans="14:14">
      <c r="N657751" s="10"/>
    </row>
    <row r="657752" spans="14:14">
      <c r="N657752" s="10"/>
    </row>
    <row r="657753" spans="14:14">
      <c r="N657753" s="10"/>
    </row>
    <row r="657754" spans="14:14">
      <c r="N657754" s="10"/>
    </row>
    <row r="657755" spans="14:14">
      <c r="N657755" s="10"/>
    </row>
    <row r="657756" spans="14:14">
      <c r="N657756" s="10"/>
    </row>
    <row r="657757" spans="14:14">
      <c r="N657757" s="10"/>
    </row>
    <row r="657758" spans="14:14">
      <c r="N657758" s="10"/>
    </row>
    <row r="657759" spans="14:14">
      <c r="N657759" s="10"/>
    </row>
    <row r="657760" spans="14:14">
      <c r="N657760" s="10"/>
    </row>
    <row r="657761" spans="14:14">
      <c r="N657761" s="10"/>
    </row>
    <row r="657762" spans="14:14">
      <c r="N657762" s="10"/>
    </row>
    <row r="657763" spans="14:14">
      <c r="N657763" s="10"/>
    </row>
    <row r="657764" spans="14:14">
      <c r="N657764" s="10"/>
    </row>
    <row r="657765" spans="14:14">
      <c r="N657765" s="10"/>
    </row>
    <row r="657766" spans="14:14">
      <c r="N657766" s="10"/>
    </row>
    <row r="657767" spans="14:14">
      <c r="N657767" s="10"/>
    </row>
    <row r="657768" spans="14:14">
      <c r="N657768" s="10"/>
    </row>
    <row r="657769" spans="14:14">
      <c r="N657769" s="10"/>
    </row>
    <row r="657770" spans="14:14">
      <c r="N657770" s="10"/>
    </row>
    <row r="657771" spans="14:14">
      <c r="N657771" s="10"/>
    </row>
    <row r="657772" spans="14:14">
      <c r="N657772" s="10"/>
    </row>
    <row r="657773" spans="14:14">
      <c r="N657773" s="10"/>
    </row>
    <row r="657774" spans="14:14">
      <c r="N657774" s="10"/>
    </row>
    <row r="657775" spans="14:14">
      <c r="N657775" s="10"/>
    </row>
    <row r="657776" spans="14:14">
      <c r="N657776" s="10"/>
    </row>
    <row r="657777" spans="14:14">
      <c r="N657777" s="10"/>
    </row>
    <row r="657778" spans="14:14">
      <c r="N657778" s="10"/>
    </row>
    <row r="657779" spans="14:14">
      <c r="N657779" s="10"/>
    </row>
    <row r="657780" spans="14:14">
      <c r="N657780" s="10"/>
    </row>
    <row r="657781" spans="14:14">
      <c r="N657781" s="10"/>
    </row>
    <row r="657782" spans="14:14">
      <c r="N657782" s="10"/>
    </row>
    <row r="657783" spans="14:14">
      <c r="N657783" s="10"/>
    </row>
    <row r="657784" spans="14:14">
      <c r="N657784" s="10"/>
    </row>
    <row r="657785" spans="14:14">
      <c r="N657785" s="10"/>
    </row>
    <row r="657786" spans="14:14">
      <c r="N657786" s="10"/>
    </row>
    <row r="657787" spans="14:14">
      <c r="N657787" s="10"/>
    </row>
    <row r="657788" spans="14:14">
      <c r="N657788" s="10"/>
    </row>
    <row r="657789" spans="14:14">
      <c r="N657789" s="10"/>
    </row>
    <row r="657790" spans="14:14">
      <c r="N657790" s="10"/>
    </row>
    <row r="657791" spans="14:14">
      <c r="N657791" s="10"/>
    </row>
    <row r="657792" spans="14:14">
      <c r="N657792" s="10"/>
    </row>
    <row r="657793" spans="14:14">
      <c r="N657793" s="10"/>
    </row>
    <row r="657794" spans="14:14">
      <c r="N657794" s="10"/>
    </row>
    <row r="657795" spans="14:14">
      <c r="N657795" s="10"/>
    </row>
    <row r="657796" spans="14:14">
      <c r="N657796" s="10"/>
    </row>
    <row r="657797" spans="14:14">
      <c r="N657797" s="10"/>
    </row>
    <row r="657798" spans="14:14">
      <c r="N657798" s="10"/>
    </row>
    <row r="657799" spans="14:14">
      <c r="N657799" s="10"/>
    </row>
    <row r="657800" spans="14:14">
      <c r="N657800" s="10"/>
    </row>
    <row r="657801" spans="14:14">
      <c r="N657801" s="10"/>
    </row>
    <row r="657802" spans="14:14">
      <c r="N657802" s="10"/>
    </row>
    <row r="657803" spans="14:14">
      <c r="N657803" s="10"/>
    </row>
    <row r="657804" spans="14:14">
      <c r="N657804" s="10"/>
    </row>
    <row r="657805" spans="14:14">
      <c r="N657805" s="10"/>
    </row>
    <row r="657806" spans="14:14">
      <c r="N657806" s="10"/>
    </row>
    <row r="657807" spans="14:14">
      <c r="N657807" s="10"/>
    </row>
    <row r="657808" spans="14:14">
      <c r="N657808" s="10"/>
    </row>
    <row r="657809" spans="14:14">
      <c r="N657809" s="10"/>
    </row>
    <row r="657810" spans="14:14">
      <c r="N657810" s="10"/>
    </row>
    <row r="657811" spans="14:14">
      <c r="N657811" s="10"/>
    </row>
    <row r="657812" spans="14:14">
      <c r="N657812" s="10"/>
    </row>
    <row r="657813" spans="14:14">
      <c r="N657813" s="10"/>
    </row>
    <row r="657814" spans="14:14">
      <c r="N657814" s="10"/>
    </row>
    <row r="657815" spans="14:14">
      <c r="N657815" s="10"/>
    </row>
    <row r="657816" spans="14:14">
      <c r="N657816" s="10"/>
    </row>
    <row r="657817" spans="14:14">
      <c r="N657817" s="10"/>
    </row>
    <row r="657818" spans="14:14">
      <c r="N657818" s="10"/>
    </row>
    <row r="657819" spans="14:14">
      <c r="N657819" s="10"/>
    </row>
    <row r="657820" spans="14:14">
      <c r="N657820" s="10"/>
    </row>
    <row r="657821" spans="14:14">
      <c r="N657821" s="10"/>
    </row>
    <row r="657822" spans="14:14">
      <c r="N657822" s="10"/>
    </row>
    <row r="657823" spans="14:14">
      <c r="N657823" s="10"/>
    </row>
    <row r="657824" spans="14:14">
      <c r="N657824" s="10"/>
    </row>
    <row r="657825" spans="14:14">
      <c r="N657825" s="10"/>
    </row>
    <row r="657826" spans="14:14">
      <c r="N657826" s="10"/>
    </row>
    <row r="657827" spans="14:14">
      <c r="N657827" s="10"/>
    </row>
    <row r="657828" spans="14:14">
      <c r="N657828" s="10"/>
    </row>
    <row r="657829" spans="14:14">
      <c r="N657829" s="10"/>
    </row>
    <row r="657830" spans="14:14">
      <c r="N657830" s="10"/>
    </row>
    <row r="657831" spans="14:14">
      <c r="N657831" s="10"/>
    </row>
    <row r="657832" spans="14:14">
      <c r="N657832" s="10"/>
    </row>
    <row r="657833" spans="14:14">
      <c r="N657833" s="10"/>
    </row>
    <row r="657834" spans="14:14">
      <c r="N657834" s="10"/>
    </row>
    <row r="657835" spans="14:14">
      <c r="N657835" s="10"/>
    </row>
    <row r="657836" spans="14:14">
      <c r="N657836" s="10"/>
    </row>
    <row r="657837" spans="14:14">
      <c r="N657837" s="10"/>
    </row>
    <row r="657838" spans="14:14">
      <c r="N657838" s="10"/>
    </row>
    <row r="657839" spans="14:14">
      <c r="N657839" s="10"/>
    </row>
    <row r="657840" spans="14:14">
      <c r="N657840" s="10"/>
    </row>
    <row r="657841" spans="14:14">
      <c r="N657841" s="10"/>
    </row>
    <row r="657842" spans="14:14">
      <c r="N657842" s="10"/>
    </row>
    <row r="657843" spans="14:14">
      <c r="N657843" s="10"/>
    </row>
    <row r="657844" spans="14:14">
      <c r="N657844" s="10"/>
    </row>
    <row r="657845" spans="14:14">
      <c r="N657845" s="10"/>
    </row>
    <row r="657846" spans="14:14">
      <c r="N657846" s="10"/>
    </row>
    <row r="657847" spans="14:14">
      <c r="N657847" s="10"/>
    </row>
    <row r="657848" spans="14:14">
      <c r="N657848" s="10"/>
    </row>
    <row r="657849" spans="14:14">
      <c r="N657849" s="10"/>
    </row>
    <row r="657850" spans="14:14">
      <c r="N657850" s="10"/>
    </row>
    <row r="657851" spans="14:14">
      <c r="N657851" s="10"/>
    </row>
    <row r="657852" spans="14:14">
      <c r="N657852" s="10"/>
    </row>
    <row r="657853" spans="14:14">
      <c r="N657853" s="10"/>
    </row>
    <row r="657854" spans="14:14">
      <c r="N657854" s="10"/>
    </row>
    <row r="657855" spans="14:14">
      <c r="N657855" s="10"/>
    </row>
    <row r="657856" spans="14:14">
      <c r="N657856" s="10"/>
    </row>
    <row r="657857" spans="14:14">
      <c r="N657857" s="10"/>
    </row>
    <row r="657858" spans="14:14">
      <c r="N657858" s="10"/>
    </row>
    <row r="657859" spans="14:14">
      <c r="N657859" s="10"/>
    </row>
    <row r="657860" spans="14:14">
      <c r="N657860" s="10"/>
    </row>
    <row r="657861" spans="14:14">
      <c r="N657861" s="10"/>
    </row>
    <row r="657862" spans="14:14">
      <c r="N657862" s="10"/>
    </row>
    <row r="657863" spans="14:14">
      <c r="N657863" s="10"/>
    </row>
    <row r="657864" spans="14:14">
      <c r="N657864" s="10"/>
    </row>
    <row r="657865" spans="14:14">
      <c r="N657865" s="10"/>
    </row>
    <row r="657866" spans="14:14">
      <c r="N657866" s="10"/>
    </row>
    <row r="657867" spans="14:14">
      <c r="N657867" s="10"/>
    </row>
    <row r="657868" spans="14:14">
      <c r="N657868" s="10"/>
    </row>
    <row r="657869" spans="14:14">
      <c r="N657869" s="10"/>
    </row>
    <row r="657870" spans="14:14">
      <c r="N657870" s="10"/>
    </row>
    <row r="657871" spans="14:14">
      <c r="N657871" s="10"/>
    </row>
    <row r="657872" spans="14:14">
      <c r="N657872" s="10"/>
    </row>
    <row r="657873" spans="14:14">
      <c r="N657873" s="10"/>
    </row>
    <row r="657874" spans="14:14">
      <c r="N657874" s="10"/>
    </row>
    <row r="657875" spans="14:14">
      <c r="N657875" s="10"/>
    </row>
    <row r="657876" spans="14:14">
      <c r="N657876" s="10"/>
    </row>
    <row r="657877" spans="14:14">
      <c r="N657877" s="10"/>
    </row>
    <row r="657878" spans="14:14">
      <c r="N657878" s="10"/>
    </row>
    <row r="657879" spans="14:14">
      <c r="N657879" s="10"/>
    </row>
    <row r="657880" spans="14:14">
      <c r="N657880" s="10"/>
    </row>
    <row r="657881" spans="14:14">
      <c r="N657881" s="10"/>
    </row>
    <row r="657882" spans="14:14">
      <c r="N657882" s="10"/>
    </row>
    <row r="657883" spans="14:14">
      <c r="N657883" s="10"/>
    </row>
    <row r="657884" spans="14:14">
      <c r="N657884" s="10"/>
    </row>
    <row r="657885" spans="14:14">
      <c r="N657885" s="10"/>
    </row>
    <row r="657886" spans="14:14">
      <c r="N657886" s="10"/>
    </row>
    <row r="657887" spans="14:14">
      <c r="N657887" s="10"/>
    </row>
    <row r="657888" spans="14:14">
      <c r="N657888" s="10"/>
    </row>
    <row r="657889" spans="14:14">
      <c r="N657889" s="10"/>
    </row>
    <row r="657890" spans="14:14">
      <c r="N657890" s="10"/>
    </row>
    <row r="657891" spans="14:14">
      <c r="N657891" s="10"/>
    </row>
    <row r="657892" spans="14:14">
      <c r="N657892" s="10"/>
    </row>
    <row r="657893" spans="14:14">
      <c r="N657893" s="10"/>
    </row>
    <row r="657894" spans="14:14">
      <c r="N657894" s="10"/>
    </row>
    <row r="657895" spans="14:14">
      <c r="N657895" s="10"/>
    </row>
    <row r="657896" spans="14:14">
      <c r="N657896" s="10"/>
    </row>
    <row r="657897" spans="14:14">
      <c r="N657897" s="10"/>
    </row>
    <row r="657898" spans="14:14">
      <c r="N657898" s="10"/>
    </row>
    <row r="657899" spans="14:14">
      <c r="N657899" s="10"/>
    </row>
    <row r="657900" spans="14:14">
      <c r="N657900" s="10"/>
    </row>
    <row r="657901" spans="14:14">
      <c r="N657901" s="10"/>
    </row>
    <row r="657902" spans="14:14">
      <c r="N657902" s="10"/>
    </row>
    <row r="657903" spans="14:14">
      <c r="N657903" s="10"/>
    </row>
    <row r="657904" spans="14:14">
      <c r="N657904" s="10"/>
    </row>
    <row r="657905" spans="14:14">
      <c r="N657905" s="10"/>
    </row>
    <row r="657906" spans="14:14">
      <c r="N657906" s="10"/>
    </row>
    <row r="657907" spans="14:14">
      <c r="N657907" s="10"/>
    </row>
    <row r="657908" spans="14:14">
      <c r="N657908" s="10"/>
    </row>
    <row r="657909" spans="14:14">
      <c r="N657909" s="10"/>
    </row>
    <row r="657910" spans="14:14">
      <c r="N657910" s="10"/>
    </row>
    <row r="657911" spans="14:14">
      <c r="N657911" s="10"/>
    </row>
    <row r="657912" spans="14:14">
      <c r="N657912" s="10"/>
    </row>
    <row r="657913" spans="14:14">
      <c r="N657913" s="10"/>
    </row>
    <row r="657914" spans="14:14">
      <c r="N657914" s="10"/>
    </row>
    <row r="657915" spans="14:14">
      <c r="N657915" s="10"/>
    </row>
    <row r="657916" spans="14:14">
      <c r="N657916" s="10"/>
    </row>
    <row r="657917" spans="14:14">
      <c r="N657917" s="10"/>
    </row>
    <row r="657918" spans="14:14">
      <c r="N657918" s="10"/>
    </row>
    <row r="657919" spans="14:14">
      <c r="N657919" s="10"/>
    </row>
    <row r="657920" spans="14:14">
      <c r="N657920" s="10"/>
    </row>
    <row r="657921" spans="14:14">
      <c r="N657921" s="10"/>
    </row>
    <row r="657922" spans="14:14">
      <c r="N657922" s="10"/>
    </row>
    <row r="657923" spans="14:14">
      <c r="N657923" s="10"/>
    </row>
    <row r="657924" spans="14:14">
      <c r="N657924" s="10"/>
    </row>
    <row r="657925" spans="14:14">
      <c r="N657925" s="10"/>
    </row>
    <row r="657926" spans="14:14">
      <c r="N657926" s="10"/>
    </row>
    <row r="657927" spans="14:14">
      <c r="N657927" s="10"/>
    </row>
    <row r="657928" spans="14:14">
      <c r="N657928" s="10"/>
    </row>
    <row r="657929" spans="14:14">
      <c r="N657929" s="10"/>
    </row>
    <row r="657930" spans="14:14">
      <c r="N657930" s="10"/>
    </row>
    <row r="657931" spans="14:14">
      <c r="N657931" s="10"/>
    </row>
    <row r="657932" spans="14:14">
      <c r="N657932" s="10"/>
    </row>
    <row r="657933" spans="14:14">
      <c r="N657933" s="10"/>
    </row>
    <row r="657934" spans="14:14">
      <c r="N657934" s="10"/>
    </row>
    <row r="657935" spans="14:14">
      <c r="N657935" s="10"/>
    </row>
    <row r="657936" spans="14:14">
      <c r="N657936" s="10"/>
    </row>
    <row r="657937" spans="14:14">
      <c r="N657937" s="10"/>
    </row>
    <row r="657938" spans="14:14">
      <c r="N657938" s="10"/>
    </row>
    <row r="657939" spans="14:14">
      <c r="N657939" s="10"/>
    </row>
    <row r="657940" spans="14:14">
      <c r="N657940" s="10"/>
    </row>
    <row r="657941" spans="14:14">
      <c r="N657941" s="10"/>
    </row>
    <row r="657942" spans="14:14">
      <c r="N657942" s="10"/>
    </row>
    <row r="657943" spans="14:14">
      <c r="N657943" s="10"/>
    </row>
    <row r="657944" spans="14:14">
      <c r="N657944" s="10"/>
    </row>
    <row r="657945" spans="14:14">
      <c r="N657945" s="10"/>
    </row>
    <row r="657946" spans="14:14">
      <c r="N657946" s="10"/>
    </row>
    <row r="657947" spans="14:14">
      <c r="N657947" s="10"/>
    </row>
    <row r="657948" spans="14:14">
      <c r="N657948" s="10"/>
    </row>
    <row r="657949" spans="14:14">
      <c r="N657949" s="10"/>
    </row>
    <row r="657950" spans="14:14">
      <c r="N657950" s="10"/>
    </row>
    <row r="657951" spans="14:14">
      <c r="N657951" s="10"/>
    </row>
    <row r="657952" spans="14:14">
      <c r="N657952" s="10"/>
    </row>
    <row r="657953" spans="14:14">
      <c r="N657953" s="10"/>
    </row>
    <row r="657954" spans="14:14">
      <c r="N657954" s="10"/>
    </row>
    <row r="657955" spans="14:14">
      <c r="N657955" s="10"/>
    </row>
    <row r="657956" spans="14:14">
      <c r="N657956" s="10"/>
    </row>
    <row r="657957" spans="14:14">
      <c r="N657957" s="10"/>
    </row>
    <row r="657958" spans="14:14">
      <c r="N657958" s="10"/>
    </row>
    <row r="657959" spans="14:14">
      <c r="N657959" s="10"/>
    </row>
    <row r="657960" spans="14:14">
      <c r="N657960" s="10"/>
    </row>
    <row r="657961" spans="14:14">
      <c r="N657961" s="10"/>
    </row>
    <row r="657962" spans="14:14">
      <c r="N657962" s="10"/>
    </row>
    <row r="657963" spans="14:14">
      <c r="N657963" s="10"/>
    </row>
    <row r="657964" spans="14:14">
      <c r="N657964" s="10"/>
    </row>
    <row r="657965" spans="14:14">
      <c r="N657965" s="10"/>
    </row>
    <row r="657966" spans="14:14">
      <c r="N657966" s="10"/>
    </row>
    <row r="657967" spans="14:14">
      <c r="N657967" s="10"/>
    </row>
    <row r="657968" spans="14:14">
      <c r="N657968" s="10"/>
    </row>
    <row r="657969" spans="14:14">
      <c r="N657969" s="10"/>
    </row>
    <row r="657970" spans="14:14">
      <c r="N657970" s="10"/>
    </row>
    <row r="657971" spans="14:14">
      <c r="N657971" s="10"/>
    </row>
    <row r="657972" spans="14:14">
      <c r="N657972" s="10"/>
    </row>
    <row r="657973" spans="14:14">
      <c r="N657973" s="10"/>
    </row>
    <row r="657974" spans="14:14">
      <c r="N657974" s="10"/>
    </row>
    <row r="657975" spans="14:14">
      <c r="N657975" s="10"/>
    </row>
    <row r="657976" spans="14:14">
      <c r="N657976" s="10"/>
    </row>
    <row r="657977" spans="14:14">
      <c r="N657977" s="10"/>
    </row>
    <row r="657978" spans="14:14">
      <c r="N657978" s="10"/>
    </row>
    <row r="657979" spans="14:14">
      <c r="N657979" s="10"/>
    </row>
    <row r="657980" spans="14:14">
      <c r="N657980" s="10"/>
    </row>
    <row r="657981" spans="14:14">
      <c r="N657981" s="10"/>
    </row>
    <row r="657982" spans="14:14">
      <c r="N657982" s="10"/>
    </row>
    <row r="657983" spans="14:14">
      <c r="N657983" s="10"/>
    </row>
    <row r="657984" spans="14:14">
      <c r="N657984" s="10"/>
    </row>
    <row r="657985" spans="14:14">
      <c r="N657985" s="10"/>
    </row>
    <row r="657986" spans="14:14">
      <c r="N657986" s="10"/>
    </row>
    <row r="657987" spans="14:14">
      <c r="N657987" s="10"/>
    </row>
    <row r="657988" spans="14:14">
      <c r="N657988" s="10"/>
    </row>
    <row r="657989" spans="14:14">
      <c r="N657989" s="10"/>
    </row>
    <row r="657990" spans="14:14">
      <c r="N657990" s="10"/>
    </row>
    <row r="657991" spans="14:14">
      <c r="N657991" s="10"/>
    </row>
    <row r="657992" spans="14:14">
      <c r="N657992" s="10"/>
    </row>
    <row r="657993" spans="14:14">
      <c r="N657993" s="10"/>
    </row>
    <row r="657994" spans="14:14">
      <c r="N657994" s="10"/>
    </row>
    <row r="657995" spans="14:14">
      <c r="N657995" s="10"/>
    </row>
    <row r="657996" spans="14:14">
      <c r="N657996" s="10"/>
    </row>
    <row r="657997" spans="14:14">
      <c r="N657997" s="10"/>
    </row>
    <row r="657998" spans="14:14">
      <c r="N657998" s="10"/>
    </row>
    <row r="657999" spans="14:14">
      <c r="N657999" s="10"/>
    </row>
    <row r="658000" spans="14:14">
      <c r="N658000" s="10"/>
    </row>
    <row r="658001" spans="14:14">
      <c r="N658001" s="10"/>
    </row>
    <row r="658002" spans="14:14">
      <c r="N658002" s="10"/>
    </row>
    <row r="658003" spans="14:14">
      <c r="N658003" s="10"/>
    </row>
    <row r="658004" spans="14:14">
      <c r="N658004" s="10"/>
    </row>
    <row r="658005" spans="14:14">
      <c r="N658005" s="10"/>
    </row>
    <row r="658006" spans="14:14">
      <c r="N658006" s="10"/>
    </row>
    <row r="658007" spans="14:14">
      <c r="N658007" s="10"/>
    </row>
    <row r="658008" spans="14:14">
      <c r="N658008" s="10"/>
    </row>
    <row r="658009" spans="14:14">
      <c r="N658009" s="10"/>
    </row>
    <row r="658010" spans="14:14">
      <c r="N658010" s="10"/>
    </row>
    <row r="658011" spans="14:14">
      <c r="N658011" s="10"/>
    </row>
    <row r="658012" spans="14:14">
      <c r="N658012" s="10"/>
    </row>
    <row r="658013" spans="14:14">
      <c r="N658013" s="10"/>
    </row>
    <row r="658014" spans="14:14">
      <c r="N658014" s="10"/>
    </row>
    <row r="658015" spans="14:14">
      <c r="N658015" s="10"/>
    </row>
    <row r="658016" spans="14:14">
      <c r="N658016" s="10"/>
    </row>
    <row r="658017" spans="14:14">
      <c r="N658017" s="10"/>
    </row>
    <row r="658018" spans="14:14">
      <c r="N658018" s="10"/>
    </row>
    <row r="658019" spans="14:14">
      <c r="N658019" s="10"/>
    </row>
    <row r="658020" spans="14:14">
      <c r="N658020" s="10"/>
    </row>
    <row r="658021" spans="14:14">
      <c r="N658021" s="10"/>
    </row>
    <row r="658022" spans="14:14">
      <c r="N658022" s="10"/>
    </row>
    <row r="658023" spans="14:14">
      <c r="N658023" s="10"/>
    </row>
    <row r="658024" spans="14:14">
      <c r="N658024" s="10"/>
    </row>
    <row r="658025" spans="14:14">
      <c r="N658025" s="10"/>
    </row>
    <row r="658026" spans="14:14">
      <c r="N658026" s="10"/>
    </row>
    <row r="658027" spans="14:14">
      <c r="N658027" s="10"/>
    </row>
    <row r="658028" spans="14:14">
      <c r="N658028" s="10"/>
    </row>
    <row r="658029" spans="14:14">
      <c r="N658029" s="10"/>
    </row>
    <row r="658030" spans="14:14">
      <c r="N658030" s="10"/>
    </row>
    <row r="658031" spans="14:14">
      <c r="N658031" s="10"/>
    </row>
    <row r="658032" spans="14:14">
      <c r="N658032" s="10"/>
    </row>
    <row r="658033" spans="14:14">
      <c r="N658033" s="10"/>
    </row>
    <row r="658034" spans="14:14">
      <c r="N658034" s="10"/>
    </row>
    <row r="658035" spans="14:14">
      <c r="N658035" s="10"/>
    </row>
    <row r="658036" spans="14:14">
      <c r="N658036" s="10"/>
    </row>
    <row r="658037" spans="14:14">
      <c r="N658037" s="10"/>
    </row>
    <row r="658038" spans="14:14">
      <c r="N658038" s="10"/>
    </row>
    <row r="658039" spans="14:14">
      <c r="N658039" s="10"/>
    </row>
    <row r="658040" spans="14:14">
      <c r="N658040" s="10"/>
    </row>
    <row r="658041" spans="14:14">
      <c r="N658041" s="10"/>
    </row>
    <row r="658042" spans="14:14">
      <c r="N658042" s="10"/>
    </row>
    <row r="658043" spans="14:14">
      <c r="N658043" s="10"/>
    </row>
    <row r="658044" spans="14:14">
      <c r="N658044" s="10"/>
    </row>
    <row r="658045" spans="14:14">
      <c r="N658045" s="10"/>
    </row>
    <row r="658046" spans="14:14">
      <c r="N658046" s="10"/>
    </row>
    <row r="658047" spans="14:14">
      <c r="N658047" s="10"/>
    </row>
    <row r="658048" spans="14:14">
      <c r="N658048" s="10"/>
    </row>
    <row r="658049" spans="14:14">
      <c r="N658049" s="10"/>
    </row>
    <row r="658050" spans="14:14">
      <c r="N658050" s="10"/>
    </row>
    <row r="658051" spans="14:14">
      <c r="N658051" s="10"/>
    </row>
    <row r="658052" spans="14:14">
      <c r="N658052" s="10"/>
    </row>
    <row r="658053" spans="14:14">
      <c r="N658053" s="10"/>
    </row>
    <row r="658054" spans="14:14">
      <c r="N658054" s="10"/>
    </row>
    <row r="658055" spans="14:14">
      <c r="N658055" s="10"/>
    </row>
    <row r="658056" spans="14:14">
      <c r="N658056" s="10"/>
    </row>
    <row r="658057" spans="14:14">
      <c r="N658057" s="10"/>
    </row>
    <row r="658058" spans="14:14">
      <c r="N658058" s="10"/>
    </row>
    <row r="658059" spans="14:14">
      <c r="N658059" s="10"/>
    </row>
    <row r="658060" spans="14:14">
      <c r="N658060" s="10"/>
    </row>
    <row r="658061" spans="14:14">
      <c r="N658061" s="10"/>
    </row>
    <row r="658062" spans="14:14">
      <c r="N658062" s="10"/>
    </row>
    <row r="658063" spans="14:14">
      <c r="N658063" s="10"/>
    </row>
    <row r="658064" spans="14:14">
      <c r="N658064" s="10"/>
    </row>
    <row r="658065" spans="14:14">
      <c r="N658065" s="10"/>
    </row>
    <row r="658066" spans="14:14">
      <c r="N658066" s="10"/>
    </row>
    <row r="658067" spans="14:14">
      <c r="N658067" s="10"/>
    </row>
    <row r="658068" spans="14:14">
      <c r="N658068" s="10"/>
    </row>
    <row r="658069" spans="14:14">
      <c r="N658069" s="10"/>
    </row>
    <row r="658070" spans="14:14">
      <c r="N658070" s="10"/>
    </row>
    <row r="658071" spans="14:14">
      <c r="N658071" s="10"/>
    </row>
    <row r="658072" spans="14:14">
      <c r="N658072" s="10"/>
    </row>
    <row r="658073" spans="14:14">
      <c r="N658073" s="10"/>
    </row>
    <row r="658074" spans="14:14">
      <c r="N658074" s="10"/>
    </row>
    <row r="658075" spans="14:14">
      <c r="N658075" s="10"/>
    </row>
    <row r="658076" spans="14:14">
      <c r="N658076" s="10"/>
    </row>
    <row r="658077" spans="14:14">
      <c r="N658077" s="10"/>
    </row>
    <row r="658078" spans="14:14">
      <c r="N658078" s="10"/>
    </row>
    <row r="658079" spans="14:14">
      <c r="N658079" s="10"/>
    </row>
    <row r="658080" spans="14:14">
      <c r="N658080" s="10"/>
    </row>
    <row r="658081" spans="14:14">
      <c r="N658081" s="10"/>
    </row>
    <row r="658082" spans="14:14">
      <c r="N658082" s="10"/>
    </row>
    <row r="658083" spans="14:14">
      <c r="N658083" s="10"/>
    </row>
    <row r="658084" spans="14:14">
      <c r="N658084" s="10"/>
    </row>
    <row r="658085" spans="14:14">
      <c r="N658085" s="10"/>
    </row>
    <row r="658086" spans="14:14">
      <c r="N658086" s="10"/>
    </row>
    <row r="658087" spans="14:14">
      <c r="N658087" s="10"/>
    </row>
    <row r="658088" spans="14:14">
      <c r="N658088" s="10"/>
    </row>
    <row r="658089" spans="14:14">
      <c r="N658089" s="10"/>
    </row>
    <row r="658090" spans="14:14">
      <c r="N658090" s="10"/>
    </row>
    <row r="658091" spans="14:14">
      <c r="N658091" s="10"/>
    </row>
    <row r="658092" spans="14:14">
      <c r="N658092" s="10"/>
    </row>
    <row r="658093" spans="14:14">
      <c r="N658093" s="10"/>
    </row>
    <row r="658094" spans="14:14">
      <c r="N658094" s="10"/>
    </row>
    <row r="658095" spans="14:14">
      <c r="N658095" s="10"/>
    </row>
    <row r="658096" spans="14:14">
      <c r="N658096" s="10"/>
    </row>
    <row r="658097" spans="14:14">
      <c r="N658097" s="10"/>
    </row>
    <row r="658098" spans="14:14">
      <c r="N658098" s="10"/>
    </row>
    <row r="658099" spans="14:14">
      <c r="N658099" s="10"/>
    </row>
    <row r="658100" spans="14:14">
      <c r="N658100" s="10"/>
    </row>
    <row r="658101" spans="14:14">
      <c r="N658101" s="10"/>
    </row>
    <row r="658102" spans="14:14">
      <c r="N658102" s="10"/>
    </row>
    <row r="658103" spans="14:14">
      <c r="N658103" s="10"/>
    </row>
    <row r="658104" spans="14:14">
      <c r="N658104" s="10"/>
    </row>
    <row r="658105" spans="14:14">
      <c r="N658105" s="10"/>
    </row>
    <row r="658106" spans="14:14">
      <c r="N658106" s="10"/>
    </row>
    <row r="658107" spans="14:14">
      <c r="N658107" s="10"/>
    </row>
    <row r="658108" spans="14:14">
      <c r="N658108" s="10"/>
    </row>
    <row r="658109" spans="14:14">
      <c r="N658109" s="10"/>
    </row>
    <row r="658110" spans="14:14">
      <c r="N658110" s="10"/>
    </row>
    <row r="658111" spans="14:14">
      <c r="N658111" s="10"/>
    </row>
    <row r="658112" spans="14:14">
      <c r="N658112" s="10"/>
    </row>
    <row r="658113" spans="14:14">
      <c r="N658113" s="10"/>
    </row>
    <row r="658114" spans="14:14">
      <c r="N658114" s="10"/>
    </row>
    <row r="658115" spans="14:14">
      <c r="N658115" s="10"/>
    </row>
    <row r="658116" spans="14:14">
      <c r="N658116" s="10"/>
    </row>
    <row r="658117" spans="14:14">
      <c r="N658117" s="10"/>
    </row>
    <row r="658118" spans="14:14">
      <c r="N658118" s="10"/>
    </row>
    <row r="658119" spans="14:14">
      <c r="N658119" s="10"/>
    </row>
    <row r="658120" spans="14:14">
      <c r="N658120" s="10"/>
    </row>
    <row r="658121" spans="14:14">
      <c r="N658121" s="10"/>
    </row>
    <row r="658122" spans="14:14">
      <c r="N658122" s="10"/>
    </row>
    <row r="658123" spans="14:14">
      <c r="N658123" s="10"/>
    </row>
    <row r="658124" spans="14:14">
      <c r="N658124" s="10"/>
    </row>
    <row r="658125" spans="14:14">
      <c r="N658125" s="10"/>
    </row>
    <row r="658126" spans="14:14">
      <c r="N658126" s="10"/>
    </row>
    <row r="658127" spans="14:14">
      <c r="N658127" s="10"/>
    </row>
    <row r="658128" spans="14:14">
      <c r="N658128" s="10"/>
    </row>
    <row r="658129" spans="14:14">
      <c r="N658129" s="10"/>
    </row>
    <row r="658130" spans="14:14">
      <c r="N658130" s="10"/>
    </row>
    <row r="658131" spans="14:14">
      <c r="N658131" s="10"/>
    </row>
    <row r="658132" spans="14:14">
      <c r="N658132" s="10"/>
    </row>
    <row r="658133" spans="14:14">
      <c r="N658133" s="10"/>
    </row>
    <row r="658134" spans="14:14">
      <c r="N658134" s="10"/>
    </row>
    <row r="658135" spans="14:14">
      <c r="N658135" s="10"/>
    </row>
    <row r="658136" spans="14:14">
      <c r="N658136" s="10"/>
    </row>
    <row r="658137" spans="14:14">
      <c r="N658137" s="10"/>
    </row>
    <row r="658138" spans="14:14">
      <c r="N658138" s="10"/>
    </row>
    <row r="658139" spans="14:14">
      <c r="N658139" s="10"/>
    </row>
    <row r="658140" spans="14:14">
      <c r="N658140" s="10"/>
    </row>
    <row r="658141" spans="14:14">
      <c r="N658141" s="10"/>
    </row>
    <row r="658142" spans="14:14">
      <c r="N658142" s="10"/>
    </row>
    <row r="658143" spans="14:14">
      <c r="N658143" s="10"/>
    </row>
    <row r="658144" spans="14:14">
      <c r="N658144" s="10"/>
    </row>
    <row r="658145" spans="14:14">
      <c r="N658145" s="10"/>
    </row>
    <row r="658146" spans="14:14">
      <c r="N658146" s="10"/>
    </row>
    <row r="658147" spans="14:14">
      <c r="N658147" s="10"/>
    </row>
    <row r="658148" spans="14:14">
      <c r="N658148" s="10"/>
    </row>
    <row r="658149" spans="14:14">
      <c r="N658149" s="10"/>
    </row>
    <row r="658150" spans="14:14">
      <c r="N658150" s="10"/>
    </row>
    <row r="658151" spans="14:14">
      <c r="N658151" s="10"/>
    </row>
    <row r="658152" spans="14:14">
      <c r="N658152" s="10"/>
    </row>
    <row r="658153" spans="14:14">
      <c r="N658153" s="10"/>
    </row>
    <row r="658154" spans="14:14">
      <c r="N658154" s="10"/>
    </row>
    <row r="658155" spans="14:14">
      <c r="N658155" s="10"/>
    </row>
    <row r="658156" spans="14:14">
      <c r="N658156" s="10"/>
    </row>
    <row r="658157" spans="14:14">
      <c r="N658157" s="10"/>
    </row>
    <row r="658158" spans="14:14">
      <c r="N658158" s="10"/>
    </row>
    <row r="658159" spans="14:14">
      <c r="N658159" s="10"/>
    </row>
    <row r="658160" spans="14:14">
      <c r="N658160" s="10"/>
    </row>
    <row r="658161" spans="14:14">
      <c r="N658161" s="10"/>
    </row>
    <row r="658162" spans="14:14">
      <c r="N658162" s="10"/>
    </row>
    <row r="658163" spans="14:14">
      <c r="N658163" s="10"/>
    </row>
    <row r="658164" spans="14:14">
      <c r="N658164" s="10"/>
    </row>
    <row r="658165" spans="14:14">
      <c r="N658165" s="10"/>
    </row>
    <row r="658166" spans="14:14">
      <c r="N658166" s="10"/>
    </row>
    <row r="658167" spans="14:14">
      <c r="N658167" s="10"/>
    </row>
    <row r="658168" spans="14:14">
      <c r="N658168" s="10"/>
    </row>
    <row r="658169" spans="14:14">
      <c r="N658169" s="10"/>
    </row>
    <row r="658170" spans="14:14">
      <c r="N658170" s="10"/>
    </row>
    <row r="658171" spans="14:14">
      <c r="N658171" s="10"/>
    </row>
    <row r="658172" spans="14:14">
      <c r="N658172" s="10"/>
    </row>
    <row r="658173" spans="14:14">
      <c r="N658173" s="10"/>
    </row>
    <row r="658174" spans="14:14">
      <c r="N658174" s="10"/>
    </row>
    <row r="658175" spans="14:14">
      <c r="N658175" s="10"/>
    </row>
    <row r="658176" spans="14:14">
      <c r="N658176" s="10"/>
    </row>
    <row r="658177" spans="14:14">
      <c r="N658177" s="10"/>
    </row>
    <row r="658178" spans="14:14">
      <c r="N658178" s="10"/>
    </row>
    <row r="658179" spans="14:14">
      <c r="N658179" s="10"/>
    </row>
    <row r="658180" spans="14:14">
      <c r="N658180" s="10"/>
    </row>
    <row r="658181" spans="14:14">
      <c r="N658181" s="10"/>
    </row>
    <row r="658182" spans="14:14">
      <c r="N658182" s="10"/>
    </row>
    <row r="658183" spans="14:14">
      <c r="N658183" s="10"/>
    </row>
    <row r="658184" spans="14:14">
      <c r="N658184" s="10"/>
    </row>
    <row r="658185" spans="14:14">
      <c r="N658185" s="10"/>
    </row>
    <row r="658186" spans="14:14">
      <c r="N658186" s="10"/>
    </row>
    <row r="658187" spans="14:14">
      <c r="N658187" s="10"/>
    </row>
    <row r="658188" spans="14:14">
      <c r="N658188" s="10"/>
    </row>
    <row r="658189" spans="14:14">
      <c r="N658189" s="10"/>
    </row>
    <row r="658190" spans="14:14">
      <c r="N658190" s="10"/>
    </row>
    <row r="658191" spans="14:14">
      <c r="N658191" s="10"/>
    </row>
    <row r="658192" spans="14:14">
      <c r="N658192" s="10"/>
    </row>
    <row r="658193" spans="14:14">
      <c r="N658193" s="10"/>
    </row>
    <row r="658194" spans="14:14">
      <c r="N658194" s="10"/>
    </row>
    <row r="658195" spans="14:14">
      <c r="N658195" s="10"/>
    </row>
    <row r="658196" spans="14:14">
      <c r="N658196" s="10"/>
    </row>
    <row r="658197" spans="14:14">
      <c r="N658197" s="10"/>
    </row>
    <row r="658198" spans="14:14">
      <c r="N658198" s="10"/>
    </row>
    <row r="658199" spans="14:14">
      <c r="N658199" s="10"/>
    </row>
    <row r="658200" spans="14:14">
      <c r="N658200" s="10"/>
    </row>
    <row r="658201" spans="14:14">
      <c r="N658201" s="10"/>
    </row>
    <row r="658202" spans="14:14">
      <c r="N658202" s="10"/>
    </row>
    <row r="658203" spans="14:14">
      <c r="N658203" s="10"/>
    </row>
    <row r="658204" spans="14:14">
      <c r="N658204" s="10"/>
    </row>
    <row r="658205" spans="14:14">
      <c r="N658205" s="10"/>
    </row>
    <row r="658206" spans="14:14">
      <c r="N658206" s="10"/>
    </row>
    <row r="658207" spans="14:14">
      <c r="N658207" s="10"/>
    </row>
    <row r="658208" spans="14:14">
      <c r="N658208" s="10"/>
    </row>
    <row r="658209" spans="14:14">
      <c r="N658209" s="10"/>
    </row>
    <row r="658210" spans="14:14">
      <c r="N658210" s="10"/>
    </row>
    <row r="658211" spans="14:14">
      <c r="N658211" s="10"/>
    </row>
    <row r="658212" spans="14:14">
      <c r="N658212" s="10"/>
    </row>
    <row r="658213" spans="14:14">
      <c r="N658213" s="10"/>
    </row>
    <row r="658214" spans="14:14">
      <c r="N658214" s="10"/>
    </row>
    <row r="658215" spans="14:14">
      <c r="N658215" s="10"/>
    </row>
    <row r="658216" spans="14:14">
      <c r="N658216" s="10"/>
    </row>
    <row r="658217" spans="14:14">
      <c r="N658217" s="10"/>
    </row>
    <row r="658218" spans="14:14">
      <c r="N658218" s="10"/>
    </row>
    <row r="658219" spans="14:14">
      <c r="N658219" s="10"/>
    </row>
    <row r="658220" spans="14:14">
      <c r="N658220" s="10"/>
    </row>
    <row r="658221" spans="14:14">
      <c r="N658221" s="10"/>
    </row>
    <row r="658222" spans="14:14">
      <c r="N658222" s="10"/>
    </row>
    <row r="658223" spans="14:14">
      <c r="N658223" s="10"/>
    </row>
    <row r="658224" spans="14:14">
      <c r="N658224" s="10"/>
    </row>
    <row r="658225" spans="14:14">
      <c r="N658225" s="10"/>
    </row>
    <row r="658226" spans="14:14">
      <c r="N658226" s="10"/>
    </row>
    <row r="658227" spans="14:14">
      <c r="N658227" s="10"/>
    </row>
    <row r="658228" spans="14:14">
      <c r="N658228" s="10"/>
    </row>
    <row r="658229" spans="14:14">
      <c r="N658229" s="10"/>
    </row>
    <row r="658230" spans="14:14">
      <c r="N658230" s="10"/>
    </row>
    <row r="658231" spans="14:14">
      <c r="N658231" s="10"/>
    </row>
    <row r="658232" spans="14:14">
      <c r="N658232" s="10"/>
    </row>
    <row r="658233" spans="14:14">
      <c r="N658233" s="10"/>
    </row>
    <row r="658234" spans="14:14">
      <c r="N658234" s="10"/>
    </row>
    <row r="658235" spans="14:14">
      <c r="N658235" s="10"/>
    </row>
    <row r="658236" spans="14:14">
      <c r="N658236" s="10"/>
    </row>
    <row r="658237" spans="14:14">
      <c r="N658237" s="10"/>
    </row>
    <row r="658238" spans="14:14">
      <c r="N658238" s="10"/>
    </row>
    <row r="658239" spans="14:14">
      <c r="N658239" s="10"/>
    </row>
    <row r="658240" spans="14:14">
      <c r="N658240" s="10"/>
    </row>
    <row r="658241" spans="14:14">
      <c r="N658241" s="10"/>
    </row>
    <row r="658242" spans="14:14">
      <c r="N658242" s="10"/>
    </row>
    <row r="658243" spans="14:14">
      <c r="N658243" s="10"/>
    </row>
    <row r="658244" spans="14:14">
      <c r="N658244" s="10"/>
    </row>
    <row r="658245" spans="14:14">
      <c r="N658245" s="10"/>
    </row>
    <row r="658246" spans="14:14">
      <c r="N658246" s="10"/>
    </row>
    <row r="658247" spans="14:14">
      <c r="N658247" s="10"/>
    </row>
    <row r="658248" spans="14:14">
      <c r="N658248" s="10"/>
    </row>
    <row r="658249" spans="14:14">
      <c r="N658249" s="10"/>
    </row>
    <row r="658250" spans="14:14">
      <c r="N658250" s="10"/>
    </row>
    <row r="658251" spans="14:14">
      <c r="N658251" s="10"/>
    </row>
    <row r="658252" spans="14:14">
      <c r="N658252" s="10"/>
    </row>
    <row r="658253" spans="14:14">
      <c r="N658253" s="10"/>
    </row>
    <row r="658254" spans="14:14">
      <c r="N658254" s="10"/>
    </row>
    <row r="658255" spans="14:14">
      <c r="N658255" s="10"/>
    </row>
    <row r="658256" spans="14:14">
      <c r="N658256" s="10"/>
    </row>
    <row r="658257" spans="14:14">
      <c r="N658257" s="10"/>
    </row>
    <row r="658258" spans="14:14">
      <c r="N658258" s="10"/>
    </row>
    <row r="658259" spans="14:14">
      <c r="N658259" s="10"/>
    </row>
    <row r="658260" spans="14:14">
      <c r="N658260" s="10"/>
    </row>
    <row r="658261" spans="14:14">
      <c r="N658261" s="10"/>
    </row>
    <row r="658262" spans="14:14">
      <c r="N658262" s="10"/>
    </row>
    <row r="658263" spans="14:14">
      <c r="N658263" s="10"/>
    </row>
    <row r="658264" spans="14:14">
      <c r="N658264" s="10"/>
    </row>
    <row r="658265" spans="14:14">
      <c r="N658265" s="10"/>
    </row>
    <row r="658266" spans="14:14">
      <c r="N658266" s="10"/>
    </row>
    <row r="658267" spans="14:14">
      <c r="N658267" s="10"/>
    </row>
    <row r="658268" spans="14:14">
      <c r="N658268" s="10"/>
    </row>
    <row r="658269" spans="14:14">
      <c r="N658269" s="10"/>
    </row>
    <row r="658270" spans="14:14">
      <c r="N658270" s="10"/>
    </row>
    <row r="658271" spans="14:14">
      <c r="N658271" s="10"/>
    </row>
    <row r="658272" spans="14:14">
      <c r="N658272" s="10"/>
    </row>
    <row r="658273" spans="14:14">
      <c r="N658273" s="10"/>
    </row>
    <row r="658274" spans="14:14">
      <c r="N658274" s="10"/>
    </row>
    <row r="658275" spans="14:14">
      <c r="N658275" s="10"/>
    </row>
    <row r="658276" spans="14:14">
      <c r="N658276" s="10"/>
    </row>
    <row r="658277" spans="14:14">
      <c r="N658277" s="10"/>
    </row>
    <row r="658278" spans="14:14">
      <c r="N658278" s="10"/>
    </row>
    <row r="658279" spans="14:14">
      <c r="N658279" s="10"/>
    </row>
    <row r="658280" spans="14:14">
      <c r="N658280" s="10"/>
    </row>
    <row r="658281" spans="14:14">
      <c r="N658281" s="10"/>
    </row>
    <row r="658282" spans="14:14">
      <c r="N658282" s="10"/>
    </row>
    <row r="658283" spans="14:14">
      <c r="N658283" s="10"/>
    </row>
    <row r="658284" spans="14:14">
      <c r="N658284" s="10"/>
    </row>
    <row r="658285" spans="14:14">
      <c r="N658285" s="10"/>
    </row>
    <row r="658286" spans="14:14">
      <c r="N658286" s="10"/>
    </row>
    <row r="658287" spans="14:14">
      <c r="N658287" s="10"/>
    </row>
    <row r="658288" spans="14:14">
      <c r="N658288" s="10"/>
    </row>
    <row r="658289" spans="14:14">
      <c r="N658289" s="10"/>
    </row>
    <row r="658290" spans="14:14">
      <c r="N658290" s="10"/>
    </row>
    <row r="658291" spans="14:14">
      <c r="N658291" s="10"/>
    </row>
    <row r="658292" spans="14:14">
      <c r="N658292" s="10"/>
    </row>
    <row r="658293" spans="14:14">
      <c r="N658293" s="10"/>
    </row>
    <row r="658294" spans="14:14">
      <c r="N658294" s="10"/>
    </row>
    <row r="658295" spans="14:14">
      <c r="N658295" s="10"/>
    </row>
    <row r="658296" spans="14:14">
      <c r="N658296" s="10"/>
    </row>
    <row r="658297" spans="14:14">
      <c r="N658297" s="10"/>
    </row>
    <row r="658298" spans="14:14">
      <c r="N658298" s="10"/>
    </row>
    <row r="658299" spans="14:14">
      <c r="N658299" s="10"/>
    </row>
    <row r="658300" spans="14:14">
      <c r="N658300" s="10"/>
    </row>
    <row r="658301" spans="14:14">
      <c r="N658301" s="10"/>
    </row>
    <row r="658302" spans="14:14">
      <c r="N658302" s="10"/>
    </row>
    <row r="658303" spans="14:14">
      <c r="N658303" s="10"/>
    </row>
    <row r="658304" spans="14:14">
      <c r="N658304" s="10"/>
    </row>
    <row r="658305" spans="14:14">
      <c r="N658305" s="10"/>
    </row>
    <row r="658306" spans="14:14">
      <c r="N658306" s="10"/>
    </row>
    <row r="658307" spans="14:14">
      <c r="N658307" s="10"/>
    </row>
    <row r="658308" spans="14:14">
      <c r="N658308" s="10"/>
    </row>
    <row r="658309" spans="14:14">
      <c r="N658309" s="10"/>
    </row>
    <row r="658310" spans="14:14">
      <c r="N658310" s="10"/>
    </row>
    <row r="658311" spans="14:14">
      <c r="N658311" s="10"/>
    </row>
    <row r="658312" spans="14:14">
      <c r="N658312" s="10"/>
    </row>
    <row r="658313" spans="14:14">
      <c r="N658313" s="10"/>
    </row>
    <row r="658314" spans="14:14">
      <c r="N658314" s="10"/>
    </row>
    <row r="658315" spans="14:14">
      <c r="N658315" s="10"/>
    </row>
    <row r="658316" spans="14:14">
      <c r="N658316" s="10"/>
    </row>
    <row r="658317" spans="14:14">
      <c r="N658317" s="10"/>
    </row>
    <row r="658318" spans="14:14">
      <c r="N658318" s="10"/>
    </row>
    <row r="658319" spans="14:14">
      <c r="N658319" s="10"/>
    </row>
    <row r="658320" spans="14:14">
      <c r="N658320" s="10"/>
    </row>
    <row r="658321" spans="14:14">
      <c r="N658321" s="10"/>
    </row>
    <row r="658322" spans="14:14">
      <c r="N658322" s="10"/>
    </row>
    <row r="658323" spans="14:14">
      <c r="N658323" s="10"/>
    </row>
    <row r="658324" spans="14:14">
      <c r="N658324" s="10"/>
    </row>
    <row r="658325" spans="14:14">
      <c r="N658325" s="10"/>
    </row>
    <row r="658326" spans="14:14">
      <c r="N658326" s="10"/>
    </row>
    <row r="658327" spans="14:14">
      <c r="N658327" s="10"/>
    </row>
    <row r="658328" spans="14:14">
      <c r="N658328" s="10"/>
    </row>
    <row r="658329" spans="14:14">
      <c r="N658329" s="10"/>
    </row>
    <row r="658330" spans="14:14">
      <c r="N658330" s="10"/>
    </row>
    <row r="658331" spans="14:14">
      <c r="N658331" s="10"/>
    </row>
    <row r="658332" spans="14:14">
      <c r="N658332" s="10"/>
    </row>
    <row r="658333" spans="14:14">
      <c r="N658333" s="10"/>
    </row>
    <row r="658334" spans="14:14">
      <c r="N658334" s="10"/>
    </row>
    <row r="658335" spans="14:14">
      <c r="N658335" s="10"/>
    </row>
    <row r="658336" spans="14:14">
      <c r="N658336" s="10"/>
    </row>
    <row r="658337" spans="14:14">
      <c r="N658337" s="10"/>
    </row>
    <row r="658338" spans="14:14">
      <c r="N658338" s="10"/>
    </row>
    <row r="658339" spans="14:14">
      <c r="N658339" s="10"/>
    </row>
    <row r="658340" spans="14:14">
      <c r="N658340" s="10"/>
    </row>
    <row r="658341" spans="14:14">
      <c r="N658341" s="10"/>
    </row>
    <row r="658342" spans="14:14">
      <c r="N658342" s="10"/>
    </row>
    <row r="658343" spans="14:14">
      <c r="N658343" s="10"/>
    </row>
    <row r="658344" spans="14:14">
      <c r="N658344" s="10"/>
    </row>
    <row r="658345" spans="14:14">
      <c r="N658345" s="10"/>
    </row>
    <row r="658346" spans="14:14">
      <c r="N658346" s="10"/>
    </row>
    <row r="658347" spans="14:14">
      <c r="N658347" s="10"/>
    </row>
    <row r="658348" spans="14:14">
      <c r="N658348" s="10"/>
    </row>
    <row r="658349" spans="14:14">
      <c r="N658349" s="10"/>
    </row>
    <row r="658350" spans="14:14">
      <c r="N658350" s="10"/>
    </row>
    <row r="658351" spans="14:14">
      <c r="N658351" s="10"/>
    </row>
    <row r="658352" spans="14:14">
      <c r="N658352" s="10"/>
    </row>
    <row r="658353" spans="14:14">
      <c r="N658353" s="10"/>
    </row>
    <row r="658354" spans="14:14">
      <c r="N658354" s="10"/>
    </row>
    <row r="658355" spans="14:14">
      <c r="N658355" s="10"/>
    </row>
    <row r="658356" spans="14:14">
      <c r="N658356" s="10"/>
    </row>
    <row r="658357" spans="14:14">
      <c r="N658357" s="10"/>
    </row>
    <row r="658358" spans="14:14">
      <c r="N658358" s="10"/>
    </row>
    <row r="658359" spans="14:14">
      <c r="N658359" s="10"/>
    </row>
    <row r="658360" spans="14:14">
      <c r="N658360" s="10"/>
    </row>
    <row r="658361" spans="14:14">
      <c r="N658361" s="10"/>
    </row>
    <row r="658362" spans="14:14">
      <c r="N658362" s="10"/>
    </row>
    <row r="658363" spans="14:14">
      <c r="N658363" s="10"/>
    </row>
    <row r="658364" spans="14:14">
      <c r="N658364" s="10"/>
    </row>
    <row r="658365" spans="14:14">
      <c r="N658365" s="10"/>
    </row>
    <row r="658366" spans="14:14">
      <c r="N658366" s="10"/>
    </row>
    <row r="658367" spans="14:14">
      <c r="N658367" s="10"/>
    </row>
    <row r="658368" spans="14:14">
      <c r="N658368" s="10"/>
    </row>
    <row r="658369" spans="14:14">
      <c r="N658369" s="10"/>
    </row>
    <row r="658370" spans="14:14">
      <c r="N658370" s="10"/>
    </row>
    <row r="658371" spans="14:14">
      <c r="N658371" s="10"/>
    </row>
    <row r="658372" spans="14:14">
      <c r="N658372" s="10"/>
    </row>
    <row r="658373" spans="14:14">
      <c r="N658373" s="10"/>
    </row>
    <row r="658374" spans="14:14">
      <c r="N658374" s="10"/>
    </row>
    <row r="658375" spans="14:14">
      <c r="N658375" s="10"/>
    </row>
    <row r="658376" spans="14:14">
      <c r="N658376" s="10"/>
    </row>
    <row r="658377" spans="14:14">
      <c r="N658377" s="10"/>
    </row>
    <row r="658378" spans="14:14">
      <c r="N658378" s="10"/>
    </row>
    <row r="658379" spans="14:14">
      <c r="N658379" s="10"/>
    </row>
    <row r="658380" spans="14:14">
      <c r="N658380" s="10"/>
    </row>
    <row r="658381" spans="14:14">
      <c r="N658381" s="10"/>
    </row>
    <row r="658382" spans="14:14">
      <c r="N658382" s="10"/>
    </row>
    <row r="658383" spans="14:14">
      <c r="N658383" s="10"/>
    </row>
    <row r="658384" spans="14:14">
      <c r="N658384" s="10"/>
    </row>
    <row r="658385" spans="14:14">
      <c r="N658385" s="10"/>
    </row>
    <row r="658386" spans="14:14">
      <c r="N658386" s="10"/>
    </row>
    <row r="658387" spans="14:14">
      <c r="N658387" s="10"/>
    </row>
    <row r="658388" spans="14:14">
      <c r="N658388" s="10"/>
    </row>
    <row r="658389" spans="14:14">
      <c r="N658389" s="10"/>
    </row>
    <row r="658390" spans="14:14">
      <c r="N658390" s="10"/>
    </row>
    <row r="658391" spans="14:14">
      <c r="N658391" s="10"/>
    </row>
    <row r="658392" spans="14:14">
      <c r="N658392" s="10"/>
    </row>
    <row r="658393" spans="14:14">
      <c r="N658393" s="10"/>
    </row>
    <row r="658394" spans="14:14">
      <c r="N658394" s="10"/>
    </row>
    <row r="658395" spans="14:14">
      <c r="N658395" s="10"/>
    </row>
    <row r="658396" spans="14:14">
      <c r="N658396" s="10"/>
    </row>
    <row r="658397" spans="14:14">
      <c r="N658397" s="10"/>
    </row>
    <row r="658398" spans="14:14">
      <c r="N658398" s="10"/>
    </row>
    <row r="658399" spans="14:14">
      <c r="N658399" s="10"/>
    </row>
    <row r="658400" spans="14:14">
      <c r="N658400" s="10"/>
    </row>
    <row r="658401" spans="14:14">
      <c r="N658401" s="10"/>
    </row>
    <row r="658402" spans="14:14">
      <c r="N658402" s="10"/>
    </row>
    <row r="658403" spans="14:14">
      <c r="N658403" s="10"/>
    </row>
    <row r="658404" spans="14:14">
      <c r="N658404" s="10"/>
    </row>
    <row r="658405" spans="14:14">
      <c r="N658405" s="10"/>
    </row>
    <row r="658406" spans="14:14">
      <c r="N658406" s="10"/>
    </row>
    <row r="658407" spans="14:14">
      <c r="N658407" s="10"/>
    </row>
    <row r="658408" spans="14:14">
      <c r="N658408" s="10"/>
    </row>
    <row r="658409" spans="14:14">
      <c r="N658409" s="10"/>
    </row>
    <row r="658410" spans="14:14">
      <c r="N658410" s="10"/>
    </row>
    <row r="658411" spans="14:14">
      <c r="N658411" s="10"/>
    </row>
    <row r="658412" spans="14:14">
      <c r="N658412" s="10"/>
    </row>
    <row r="658413" spans="14:14">
      <c r="N658413" s="10"/>
    </row>
    <row r="658414" spans="14:14">
      <c r="N658414" s="10"/>
    </row>
    <row r="658415" spans="14:14">
      <c r="N658415" s="10"/>
    </row>
    <row r="658416" spans="14:14">
      <c r="N658416" s="10"/>
    </row>
    <row r="658417" spans="14:14">
      <c r="N658417" s="10"/>
    </row>
    <row r="658418" spans="14:14">
      <c r="N658418" s="10"/>
    </row>
    <row r="658419" spans="14:14">
      <c r="N658419" s="10"/>
    </row>
    <row r="658420" spans="14:14">
      <c r="N658420" s="10"/>
    </row>
    <row r="658421" spans="14:14">
      <c r="N658421" s="10"/>
    </row>
    <row r="658422" spans="14:14">
      <c r="N658422" s="10"/>
    </row>
    <row r="658423" spans="14:14">
      <c r="N658423" s="10"/>
    </row>
    <row r="658424" spans="14:14">
      <c r="N658424" s="10"/>
    </row>
    <row r="658425" spans="14:14">
      <c r="N658425" s="10"/>
    </row>
    <row r="658426" spans="14:14">
      <c r="N658426" s="10"/>
    </row>
    <row r="658427" spans="14:14">
      <c r="N658427" s="10"/>
    </row>
    <row r="658428" spans="14:14">
      <c r="N658428" s="10"/>
    </row>
    <row r="658429" spans="14:14">
      <c r="N658429" s="10"/>
    </row>
    <row r="658430" spans="14:14">
      <c r="N658430" s="10"/>
    </row>
    <row r="658431" spans="14:14">
      <c r="N658431" s="10"/>
    </row>
    <row r="658432" spans="14:14">
      <c r="N658432" s="10"/>
    </row>
    <row r="658433" spans="14:14">
      <c r="N658433" s="10"/>
    </row>
    <row r="658434" spans="14:14">
      <c r="N658434" s="10"/>
    </row>
    <row r="658435" spans="14:14">
      <c r="N658435" s="10"/>
    </row>
    <row r="658436" spans="14:14">
      <c r="N658436" s="10"/>
    </row>
    <row r="658437" spans="14:14">
      <c r="N658437" s="10"/>
    </row>
    <row r="658438" spans="14:14">
      <c r="N658438" s="10"/>
    </row>
    <row r="658439" spans="14:14">
      <c r="N658439" s="10"/>
    </row>
    <row r="658440" spans="14:14">
      <c r="N658440" s="10"/>
    </row>
    <row r="658441" spans="14:14">
      <c r="N658441" s="10"/>
    </row>
    <row r="658442" spans="14:14">
      <c r="N658442" s="10"/>
    </row>
    <row r="658443" spans="14:14">
      <c r="N658443" s="10"/>
    </row>
    <row r="658444" spans="14:14">
      <c r="N658444" s="10"/>
    </row>
    <row r="658445" spans="14:14">
      <c r="N658445" s="10"/>
    </row>
    <row r="658446" spans="14:14">
      <c r="N658446" s="10"/>
    </row>
    <row r="658447" spans="14:14">
      <c r="N658447" s="10"/>
    </row>
    <row r="658448" spans="14:14">
      <c r="N658448" s="10"/>
    </row>
    <row r="658449" spans="14:14">
      <c r="N658449" s="10"/>
    </row>
    <row r="658450" spans="14:14">
      <c r="N658450" s="10"/>
    </row>
    <row r="658451" spans="14:14">
      <c r="N658451" s="10"/>
    </row>
    <row r="658452" spans="14:14">
      <c r="N658452" s="10"/>
    </row>
    <row r="658453" spans="14:14">
      <c r="N658453" s="10"/>
    </row>
    <row r="658454" spans="14:14">
      <c r="N658454" s="10"/>
    </row>
    <row r="658455" spans="14:14">
      <c r="N658455" s="10"/>
    </row>
    <row r="658456" spans="14:14">
      <c r="N658456" s="10"/>
    </row>
    <row r="658457" spans="14:14">
      <c r="N658457" s="10"/>
    </row>
    <row r="658458" spans="14:14">
      <c r="N658458" s="10"/>
    </row>
    <row r="658459" spans="14:14">
      <c r="N658459" s="10"/>
    </row>
    <row r="658460" spans="14:14">
      <c r="N658460" s="10"/>
    </row>
    <row r="658461" spans="14:14">
      <c r="N658461" s="10"/>
    </row>
    <row r="658462" spans="14:14">
      <c r="N658462" s="10"/>
    </row>
    <row r="658463" spans="14:14">
      <c r="N658463" s="10"/>
    </row>
    <row r="658464" spans="14:14">
      <c r="N658464" s="10"/>
    </row>
    <row r="658465" spans="14:14">
      <c r="N658465" s="10"/>
    </row>
    <row r="658466" spans="14:14">
      <c r="N658466" s="10"/>
    </row>
    <row r="658467" spans="14:14">
      <c r="N658467" s="10"/>
    </row>
    <row r="658468" spans="14:14">
      <c r="N658468" s="10"/>
    </row>
    <row r="658469" spans="14:14">
      <c r="N658469" s="10"/>
    </row>
    <row r="658470" spans="14:14">
      <c r="N658470" s="10"/>
    </row>
    <row r="658471" spans="14:14">
      <c r="N658471" s="10"/>
    </row>
    <row r="658472" spans="14:14">
      <c r="N658472" s="10"/>
    </row>
    <row r="658473" spans="14:14">
      <c r="N658473" s="10"/>
    </row>
    <row r="658474" spans="14:14">
      <c r="N658474" s="10"/>
    </row>
    <row r="658475" spans="14:14">
      <c r="N658475" s="10"/>
    </row>
    <row r="658476" spans="14:14">
      <c r="N658476" s="10"/>
    </row>
    <row r="658477" spans="14:14">
      <c r="N658477" s="10"/>
    </row>
    <row r="658478" spans="14:14">
      <c r="N658478" s="10"/>
    </row>
    <row r="658479" spans="14:14">
      <c r="N658479" s="10"/>
    </row>
    <row r="658480" spans="14:14">
      <c r="N658480" s="10"/>
    </row>
    <row r="658481" spans="14:14">
      <c r="N658481" s="10"/>
    </row>
    <row r="658482" spans="14:14">
      <c r="N658482" s="10"/>
    </row>
    <row r="658483" spans="14:14">
      <c r="N658483" s="10"/>
    </row>
    <row r="658484" spans="14:14">
      <c r="N658484" s="10"/>
    </row>
    <row r="658485" spans="14:14">
      <c r="N658485" s="10"/>
    </row>
    <row r="658486" spans="14:14">
      <c r="N658486" s="10"/>
    </row>
    <row r="658487" spans="14:14">
      <c r="N658487" s="10"/>
    </row>
    <row r="658488" spans="14:14">
      <c r="N658488" s="10"/>
    </row>
    <row r="658489" spans="14:14">
      <c r="N658489" s="10"/>
    </row>
    <row r="658490" spans="14:14">
      <c r="N658490" s="10"/>
    </row>
    <row r="658491" spans="14:14">
      <c r="N658491" s="10"/>
    </row>
    <row r="658492" spans="14:14">
      <c r="N658492" s="10"/>
    </row>
    <row r="658493" spans="14:14">
      <c r="N658493" s="10"/>
    </row>
    <row r="658494" spans="14:14">
      <c r="N658494" s="10"/>
    </row>
    <row r="658495" spans="14:14">
      <c r="N658495" s="10"/>
    </row>
    <row r="658496" spans="14:14">
      <c r="N658496" s="10"/>
    </row>
    <row r="658497" spans="14:14">
      <c r="N658497" s="10"/>
    </row>
    <row r="658498" spans="14:14">
      <c r="N658498" s="10"/>
    </row>
    <row r="658499" spans="14:14">
      <c r="N658499" s="10"/>
    </row>
    <row r="658500" spans="14:14">
      <c r="N658500" s="10"/>
    </row>
    <row r="658501" spans="14:14">
      <c r="N658501" s="10"/>
    </row>
    <row r="658502" spans="14:14">
      <c r="N658502" s="10"/>
    </row>
    <row r="658503" spans="14:14">
      <c r="N658503" s="10"/>
    </row>
    <row r="658504" spans="14:14">
      <c r="N658504" s="10"/>
    </row>
    <row r="658505" spans="14:14">
      <c r="N658505" s="10"/>
    </row>
    <row r="658506" spans="14:14">
      <c r="N658506" s="10"/>
    </row>
    <row r="658507" spans="14:14">
      <c r="N658507" s="10"/>
    </row>
    <row r="658508" spans="14:14">
      <c r="N658508" s="10"/>
    </row>
    <row r="658509" spans="14:14">
      <c r="N658509" s="10"/>
    </row>
    <row r="658510" spans="14:14">
      <c r="N658510" s="10"/>
    </row>
    <row r="658511" spans="14:14">
      <c r="N658511" s="10"/>
    </row>
    <row r="658512" spans="14:14">
      <c r="N658512" s="10"/>
    </row>
    <row r="658513" spans="14:14">
      <c r="N658513" s="10"/>
    </row>
    <row r="658514" spans="14:14">
      <c r="N658514" s="10"/>
    </row>
    <row r="658515" spans="14:14">
      <c r="N658515" s="10"/>
    </row>
    <row r="658516" spans="14:14">
      <c r="N658516" s="10"/>
    </row>
    <row r="658517" spans="14:14">
      <c r="N658517" s="10"/>
    </row>
    <row r="658518" spans="14:14">
      <c r="N658518" s="10"/>
    </row>
    <row r="658519" spans="14:14">
      <c r="N658519" s="10"/>
    </row>
    <row r="658520" spans="14:14">
      <c r="N658520" s="10"/>
    </row>
    <row r="658521" spans="14:14">
      <c r="N658521" s="10"/>
    </row>
    <row r="658522" spans="14:14">
      <c r="N658522" s="10"/>
    </row>
    <row r="658523" spans="14:14">
      <c r="N658523" s="10"/>
    </row>
    <row r="658524" spans="14:14">
      <c r="N658524" s="10"/>
    </row>
    <row r="658525" spans="14:14">
      <c r="N658525" s="10"/>
    </row>
    <row r="658526" spans="14:14">
      <c r="N658526" s="10"/>
    </row>
    <row r="658527" spans="14:14">
      <c r="N658527" s="10"/>
    </row>
    <row r="658528" spans="14:14">
      <c r="N658528" s="10"/>
    </row>
    <row r="658529" spans="14:14">
      <c r="N658529" s="10"/>
    </row>
    <row r="658530" spans="14:14">
      <c r="N658530" s="10"/>
    </row>
    <row r="658531" spans="14:14">
      <c r="N658531" s="10"/>
    </row>
    <row r="658532" spans="14:14">
      <c r="N658532" s="10"/>
    </row>
    <row r="658533" spans="14:14">
      <c r="N658533" s="10"/>
    </row>
    <row r="658534" spans="14:14">
      <c r="N658534" s="10"/>
    </row>
    <row r="658535" spans="14:14">
      <c r="N658535" s="10"/>
    </row>
    <row r="658536" spans="14:14">
      <c r="N658536" s="10"/>
    </row>
    <row r="658537" spans="14:14">
      <c r="N658537" s="10"/>
    </row>
    <row r="658538" spans="14:14">
      <c r="N658538" s="10"/>
    </row>
    <row r="658539" spans="14:14">
      <c r="N658539" s="10"/>
    </row>
    <row r="658540" spans="14:14">
      <c r="N658540" s="10"/>
    </row>
    <row r="658541" spans="14:14">
      <c r="N658541" s="10"/>
    </row>
    <row r="658542" spans="14:14">
      <c r="N658542" s="10"/>
    </row>
    <row r="658543" spans="14:14">
      <c r="N658543" s="10"/>
    </row>
    <row r="658544" spans="14:14">
      <c r="N658544" s="10"/>
    </row>
    <row r="658545" spans="14:14">
      <c r="N658545" s="10"/>
    </row>
    <row r="658546" spans="14:14">
      <c r="N658546" s="10"/>
    </row>
    <row r="658547" spans="14:14">
      <c r="N658547" s="10"/>
    </row>
    <row r="658548" spans="14:14">
      <c r="N658548" s="10"/>
    </row>
    <row r="658549" spans="14:14">
      <c r="N658549" s="10"/>
    </row>
    <row r="658550" spans="14:14">
      <c r="N658550" s="10"/>
    </row>
    <row r="658551" spans="14:14">
      <c r="N658551" s="10"/>
    </row>
    <row r="658552" spans="14:14">
      <c r="N658552" s="10"/>
    </row>
    <row r="658553" spans="14:14">
      <c r="N658553" s="10"/>
    </row>
    <row r="658554" spans="14:14">
      <c r="N658554" s="10"/>
    </row>
    <row r="658555" spans="14:14">
      <c r="N658555" s="10"/>
    </row>
    <row r="658556" spans="14:14">
      <c r="N658556" s="10"/>
    </row>
    <row r="658557" spans="14:14">
      <c r="N658557" s="10"/>
    </row>
    <row r="658558" spans="14:14">
      <c r="N658558" s="10"/>
    </row>
    <row r="658559" spans="14:14">
      <c r="N658559" s="10"/>
    </row>
    <row r="658560" spans="14:14">
      <c r="N658560" s="10"/>
    </row>
    <row r="658561" spans="14:14">
      <c r="N658561" s="10"/>
    </row>
    <row r="658562" spans="14:14">
      <c r="N658562" s="10"/>
    </row>
    <row r="658563" spans="14:14">
      <c r="N658563" s="10"/>
    </row>
    <row r="658564" spans="14:14">
      <c r="N658564" s="10"/>
    </row>
    <row r="658565" spans="14:14">
      <c r="N658565" s="10"/>
    </row>
    <row r="658566" spans="14:14">
      <c r="N658566" s="10"/>
    </row>
    <row r="658567" spans="14:14">
      <c r="N658567" s="10"/>
    </row>
    <row r="658568" spans="14:14">
      <c r="N658568" s="10"/>
    </row>
    <row r="658569" spans="14:14">
      <c r="N658569" s="10"/>
    </row>
    <row r="658570" spans="14:14">
      <c r="N658570" s="10"/>
    </row>
    <row r="658571" spans="14:14">
      <c r="N658571" s="10"/>
    </row>
    <row r="658572" spans="14:14">
      <c r="N658572" s="10"/>
    </row>
    <row r="658573" spans="14:14">
      <c r="N658573" s="10"/>
    </row>
    <row r="658574" spans="14:14">
      <c r="N658574" s="10"/>
    </row>
    <row r="658575" spans="14:14">
      <c r="N658575" s="10"/>
    </row>
    <row r="658576" spans="14:14">
      <c r="N658576" s="10"/>
    </row>
    <row r="658577" spans="14:14">
      <c r="N658577" s="10"/>
    </row>
    <row r="658578" spans="14:14">
      <c r="N658578" s="10"/>
    </row>
    <row r="658579" spans="14:14">
      <c r="N658579" s="10"/>
    </row>
    <row r="658580" spans="14:14">
      <c r="N658580" s="10"/>
    </row>
    <row r="658581" spans="14:14">
      <c r="N658581" s="10"/>
    </row>
    <row r="658582" spans="14:14">
      <c r="N658582" s="10"/>
    </row>
    <row r="658583" spans="14:14">
      <c r="N658583" s="10"/>
    </row>
    <row r="658584" spans="14:14">
      <c r="N658584" s="10"/>
    </row>
    <row r="658585" spans="14:14">
      <c r="N658585" s="10"/>
    </row>
    <row r="658586" spans="14:14">
      <c r="N658586" s="10"/>
    </row>
    <row r="658587" spans="14:14">
      <c r="N658587" s="10"/>
    </row>
    <row r="658588" spans="14:14">
      <c r="N658588" s="10"/>
    </row>
    <row r="658589" spans="14:14">
      <c r="N658589" s="10"/>
    </row>
    <row r="658590" spans="14:14">
      <c r="N658590" s="10"/>
    </row>
    <row r="658591" spans="14:14">
      <c r="N658591" s="10"/>
    </row>
    <row r="658592" spans="14:14">
      <c r="N658592" s="10"/>
    </row>
    <row r="658593" spans="14:14">
      <c r="N658593" s="10"/>
    </row>
    <row r="658594" spans="14:14">
      <c r="N658594" s="10"/>
    </row>
    <row r="658595" spans="14:14">
      <c r="N658595" s="10"/>
    </row>
    <row r="658596" spans="14:14">
      <c r="N658596" s="10"/>
    </row>
    <row r="658597" spans="14:14">
      <c r="N658597" s="10"/>
    </row>
    <row r="658598" spans="14:14">
      <c r="N658598" s="10"/>
    </row>
    <row r="658599" spans="14:14">
      <c r="N658599" s="10"/>
    </row>
    <row r="658600" spans="14:14">
      <c r="N658600" s="10"/>
    </row>
    <row r="658601" spans="14:14">
      <c r="N658601" s="10"/>
    </row>
    <row r="658602" spans="14:14">
      <c r="N658602" s="10"/>
    </row>
    <row r="658603" spans="14:14">
      <c r="N658603" s="10"/>
    </row>
    <row r="658604" spans="14:14">
      <c r="N658604" s="10"/>
    </row>
    <row r="658605" spans="14:14">
      <c r="N658605" s="10"/>
    </row>
    <row r="658606" spans="14:14">
      <c r="N658606" s="10"/>
    </row>
    <row r="658607" spans="14:14">
      <c r="N658607" s="10"/>
    </row>
    <row r="658608" spans="14:14">
      <c r="N658608" s="10"/>
    </row>
    <row r="658609" spans="14:14">
      <c r="N658609" s="10"/>
    </row>
    <row r="658610" spans="14:14">
      <c r="N658610" s="10"/>
    </row>
    <row r="658611" spans="14:14">
      <c r="N658611" s="10"/>
    </row>
    <row r="658612" spans="14:14">
      <c r="N658612" s="10"/>
    </row>
    <row r="658613" spans="14:14">
      <c r="N658613" s="10"/>
    </row>
    <row r="658614" spans="14:14">
      <c r="N658614" s="10"/>
    </row>
    <row r="658615" spans="14:14">
      <c r="N658615" s="10"/>
    </row>
    <row r="658616" spans="14:14">
      <c r="N658616" s="10"/>
    </row>
    <row r="658617" spans="14:14">
      <c r="N658617" s="10"/>
    </row>
    <row r="658618" spans="14:14">
      <c r="N658618" s="10"/>
    </row>
    <row r="658619" spans="14:14">
      <c r="N658619" s="10"/>
    </row>
    <row r="658620" spans="14:14">
      <c r="N658620" s="10"/>
    </row>
    <row r="658621" spans="14:14">
      <c r="N658621" s="10"/>
    </row>
    <row r="658622" spans="14:14">
      <c r="N658622" s="10"/>
    </row>
    <row r="658623" spans="14:14">
      <c r="N658623" s="10"/>
    </row>
    <row r="658624" spans="14:14">
      <c r="N658624" s="10"/>
    </row>
    <row r="658625" spans="14:14">
      <c r="N658625" s="10"/>
    </row>
    <row r="658626" spans="14:14">
      <c r="N658626" s="10"/>
    </row>
    <row r="658627" spans="14:14">
      <c r="N658627" s="10"/>
    </row>
    <row r="658628" spans="14:14">
      <c r="N658628" s="10"/>
    </row>
    <row r="658629" spans="14:14">
      <c r="N658629" s="10"/>
    </row>
    <row r="658630" spans="14:14">
      <c r="N658630" s="10"/>
    </row>
    <row r="658631" spans="14:14">
      <c r="N658631" s="10"/>
    </row>
    <row r="658632" spans="14:14">
      <c r="N658632" s="10"/>
    </row>
    <row r="658633" spans="14:14">
      <c r="N658633" s="10"/>
    </row>
    <row r="658634" spans="14:14">
      <c r="N658634" s="10"/>
    </row>
    <row r="658635" spans="14:14">
      <c r="N658635" s="10"/>
    </row>
    <row r="658636" spans="14:14">
      <c r="N658636" s="10"/>
    </row>
    <row r="658637" spans="14:14">
      <c r="N658637" s="10"/>
    </row>
    <row r="658638" spans="14:14">
      <c r="N658638" s="10"/>
    </row>
    <row r="658639" spans="14:14">
      <c r="N658639" s="10"/>
    </row>
    <row r="658640" spans="14:14">
      <c r="N658640" s="10"/>
    </row>
    <row r="658641" spans="14:14">
      <c r="N658641" s="10"/>
    </row>
    <row r="658642" spans="14:14">
      <c r="N658642" s="10"/>
    </row>
    <row r="658643" spans="14:14">
      <c r="N658643" s="10"/>
    </row>
    <row r="658644" spans="14:14">
      <c r="N658644" s="10"/>
    </row>
    <row r="658645" spans="14:14">
      <c r="N658645" s="10"/>
    </row>
    <row r="658646" spans="14:14">
      <c r="N658646" s="10"/>
    </row>
    <row r="658647" spans="14:14">
      <c r="N658647" s="10"/>
    </row>
    <row r="658648" spans="14:14">
      <c r="N658648" s="10"/>
    </row>
    <row r="658649" spans="14:14">
      <c r="N658649" s="10"/>
    </row>
    <row r="658650" spans="14:14">
      <c r="N658650" s="10"/>
    </row>
    <row r="658651" spans="14:14">
      <c r="N658651" s="10"/>
    </row>
    <row r="658652" spans="14:14">
      <c r="N658652" s="10"/>
    </row>
    <row r="658653" spans="14:14">
      <c r="N658653" s="10"/>
    </row>
    <row r="658654" spans="14:14">
      <c r="N658654" s="10"/>
    </row>
    <row r="658655" spans="14:14">
      <c r="N658655" s="10"/>
    </row>
    <row r="658656" spans="14:14">
      <c r="N658656" s="10"/>
    </row>
    <row r="658657" spans="14:14">
      <c r="N658657" s="10"/>
    </row>
    <row r="658658" spans="14:14">
      <c r="N658658" s="10"/>
    </row>
    <row r="658659" spans="14:14">
      <c r="N658659" s="10"/>
    </row>
    <row r="658660" spans="14:14">
      <c r="N658660" s="10"/>
    </row>
    <row r="658661" spans="14:14">
      <c r="N658661" s="10"/>
    </row>
    <row r="658662" spans="14:14">
      <c r="N658662" s="10"/>
    </row>
    <row r="658663" spans="14:14">
      <c r="N658663" s="10"/>
    </row>
    <row r="658664" spans="14:14">
      <c r="N658664" s="10"/>
    </row>
    <row r="658665" spans="14:14">
      <c r="N658665" s="10"/>
    </row>
    <row r="658666" spans="14:14">
      <c r="N658666" s="10"/>
    </row>
    <row r="658667" spans="14:14">
      <c r="N658667" s="10"/>
    </row>
    <row r="658668" spans="14:14">
      <c r="N658668" s="10"/>
    </row>
    <row r="658669" spans="14:14">
      <c r="N658669" s="10"/>
    </row>
    <row r="658670" spans="14:14">
      <c r="N658670" s="10"/>
    </row>
    <row r="658671" spans="14:14">
      <c r="N658671" s="10"/>
    </row>
    <row r="658672" spans="14:14">
      <c r="N658672" s="10"/>
    </row>
    <row r="658673" spans="14:14">
      <c r="N658673" s="10"/>
    </row>
    <row r="658674" spans="14:14">
      <c r="N658674" s="10"/>
    </row>
    <row r="658675" spans="14:14">
      <c r="N658675" s="10"/>
    </row>
    <row r="658676" spans="14:14">
      <c r="N658676" s="10"/>
    </row>
    <row r="658677" spans="14:14">
      <c r="N658677" s="10"/>
    </row>
    <row r="658678" spans="14:14">
      <c r="N658678" s="10"/>
    </row>
    <row r="658679" spans="14:14">
      <c r="N658679" s="10"/>
    </row>
    <row r="658680" spans="14:14">
      <c r="N658680" s="10"/>
    </row>
    <row r="658681" spans="14:14">
      <c r="N658681" s="10"/>
    </row>
    <row r="658682" spans="14:14">
      <c r="N658682" s="10"/>
    </row>
    <row r="658683" spans="14:14">
      <c r="N658683" s="10"/>
    </row>
    <row r="658684" spans="14:14">
      <c r="N658684" s="10"/>
    </row>
    <row r="658685" spans="14:14">
      <c r="N658685" s="10"/>
    </row>
    <row r="658686" spans="14:14">
      <c r="N658686" s="10"/>
    </row>
    <row r="658687" spans="14:14">
      <c r="N658687" s="10"/>
    </row>
    <row r="658688" spans="14:14">
      <c r="N658688" s="10"/>
    </row>
    <row r="658689" spans="14:14">
      <c r="N658689" s="10"/>
    </row>
    <row r="658690" spans="14:14">
      <c r="N658690" s="10"/>
    </row>
    <row r="658691" spans="14:14">
      <c r="N658691" s="10"/>
    </row>
    <row r="658692" spans="14:14">
      <c r="N658692" s="10"/>
    </row>
    <row r="658693" spans="14:14">
      <c r="N658693" s="10"/>
    </row>
    <row r="658694" spans="14:14">
      <c r="N658694" s="10"/>
    </row>
    <row r="658695" spans="14:14">
      <c r="N658695" s="10"/>
    </row>
    <row r="658696" spans="14:14">
      <c r="N658696" s="10"/>
    </row>
    <row r="658697" spans="14:14">
      <c r="N658697" s="10"/>
    </row>
    <row r="658698" spans="14:14">
      <c r="N658698" s="10"/>
    </row>
    <row r="658699" spans="14:14">
      <c r="N658699" s="10"/>
    </row>
    <row r="658700" spans="14:14">
      <c r="N658700" s="10"/>
    </row>
    <row r="658701" spans="14:14">
      <c r="N658701" s="10"/>
    </row>
    <row r="658702" spans="14:14">
      <c r="N658702" s="10"/>
    </row>
    <row r="658703" spans="14:14">
      <c r="N658703" s="10"/>
    </row>
    <row r="658704" spans="14:14">
      <c r="N658704" s="10"/>
    </row>
    <row r="658705" spans="14:14">
      <c r="N658705" s="10"/>
    </row>
    <row r="658706" spans="14:14">
      <c r="N658706" s="10"/>
    </row>
    <row r="658707" spans="14:14">
      <c r="N658707" s="10"/>
    </row>
    <row r="658708" spans="14:14">
      <c r="N658708" s="10"/>
    </row>
    <row r="658709" spans="14:14">
      <c r="N658709" s="10"/>
    </row>
    <row r="658710" spans="14:14">
      <c r="N658710" s="10"/>
    </row>
    <row r="658711" spans="14:14">
      <c r="N658711" s="10"/>
    </row>
    <row r="658712" spans="14:14">
      <c r="N658712" s="10"/>
    </row>
    <row r="658713" spans="14:14">
      <c r="N658713" s="10"/>
    </row>
    <row r="658714" spans="14:14">
      <c r="N658714" s="10"/>
    </row>
    <row r="658715" spans="14:14">
      <c r="N658715" s="10"/>
    </row>
    <row r="658716" spans="14:14">
      <c r="N658716" s="10"/>
    </row>
    <row r="658717" spans="14:14">
      <c r="N658717" s="10"/>
    </row>
    <row r="658718" spans="14:14">
      <c r="N658718" s="10"/>
    </row>
    <row r="658719" spans="14:14">
      <c r="N658719" s="10"/>
    </row>
    <row r="658720" spans="14:14">
      <c r="N658720" s="10"/>
    </row>
    <row r="658721" spans="14:14">
      <c r="N658721" s="10"/>
    </row>
    <row r="658722" spans="14:14">
      <c r="N658722" s="10"/>
    </row>
    <row r="658723" spans="14:14">
      <c r="N658723" s="10"/>
    </row>
    <row r="658724" spans="14:14">
      <c r="N658724" s="10"/>
    </row>
    <row r="658725" spans="14:14">
      <c r="N658725" s="10"/>
    </row>
    <row r="658726" spans="14:14">
      <c r="N658726" s="10"/>
    </row>
    <row r="658727" spans="14:14">
      <c r="N658727" s="10"/>
    </row>
    <row r="658728" spans="14:14">
      <c r="N658728" s="10"/>
    </row>
    <row r="658729" spans="14:14">
      <c r="N658729" s="10"/>
    </row>
    <row r="658730" spans="14:14">
      <c r="N658730" s="10"/>
    </row>
    <row r="658731" spans="14:14">
      <c r="N658731" s="10"/>
    </row>
    <row r="658732" spans="14:14">
      <c r="N658732" s="10"/>
    </row>
    <row r="658733" spans="14:14">
      <c r="N658733" s="10"/>
    </row>
    <row r="658734" spans="14:14">
      <c r="N658734" s="10"/>
    </row>
    <row r="658735" spans="14:14">
      <c r="N658735" s="10"/>
    </row>
    <row r="658736" spans="14:14">
      <c r="N658736" s="10"/>
    </row>
    <row r="658737" spans="14:14">
      <c r="N658737" s="10"/>
    </row>
    <row r="658738" spans="14:14">
      <c r="N658738" s="10"/>
    </row>
    <row r="658739" spans="14:14">
      <c r="N658739" s="10"/>
    </row>
    <row r="658740" spans="14:14">
      <c r="N658740" s="10"/>
    </row>
    <row r="658741" spans="14:14">
      <c r="N658741" s="10"/>
    </row>
    <row r="658742" spans="14:14">
      <c r="N658742" s="10"/>
    </row>
    <row r="658743" spans="14:14">
      <c r="N658743" s="10"/>
    </row>
    <row r="658744" spans="14:14">
      <c r="N658744" s="10"/>
    </row>
    <row r="658745" spans="14:14">
      <c r="N658745" s="10"/>
    </row>
    <row r="658746" spans="14:14">
      <c r="N658746" s="10"/>
    </row>
    <row r="658747" spans="14:14">
      <c r="N658747" s="10"/>
    </row>
    <row r="658748" spans="14:14">
      <c r="N658748" s="10"/>
    </row>
    <row r="658749" spans="14:14">
      <c r="N658749" s="10"/>
    </row>
    <row r="658750" spans="14:14">
      <c r="N658750" s="10"/>
    </row>
    <row r="658751" spans="14:14">
      <c r="N658751" s="10"/>
    </row>
    <row r="658752" spans="14:14">
      <c r="N658752" s="10"/>
    </row>
    <row r="658753" spans="14:14">
      <c r="N658753" s="10"/>
    </row>
    <row r="658754" spans="14:14">
      <c r="N658754" s="10"/>
    </row>
    <row r="658755" spans="14:14">
      <c r="N658755" s="10"/>
    </row>
    <row r="658756" spans="14:14">
      <c r="N658756" s="10"/>
    </row>
    <row r="658757" spans="14:14">
      <c r="N658757" s="10"/>
    </row>
    <row r="658758" spans="14:14">
      <c r="N658758" s="10"/>
    </row>
    <row r="658759" spans="14:14">
      <c r="N658759" s="10"/>
    </row>
    <row r="658760" spans="14:14">
      <c r="N658760" s="10"/>
    </row>
    <row r="658761" spans="14:14">
      <c r="N658761" s="10"/>
    </row>
    <row r="658762" spans="14:14">
      <c r="N658762" s="10"/>
    </row>
    <row r="658763" spans="14:14">
      <c r="N658763" s="10"/>
    </row>
    <row r="658764" spans="14:14">
      <c r="N658764" s="10"/>
    </row>
    <row r="658765" spans="14:14">
      <c r="N658765" s="10"/>
    </row>
    <row r="658766" spans="14:14">
      <c r="N658766" s="10"/>
    </row>
    <row r="658767" spans="14:14">
      <c r="N658767" s="10"/>
    </row>
    <row r="658768" spans="14:14">
      <c r="N658768" s="10"/>
    </row>
    <row r="658769" spans="14:14">
      <c r="N658769" s="10"/>
    </row>
    <row r="658770" spans="14:14">
      <c r="N658770" s="10"/>
    </row>
    <row r="658771" spans="14:14">
      <c r="N658771" s="10"/>
    </row>
    <row r="658772" spans="14:14">
      <c r="N658772" s="10"/>
    </row>
    <row r="658773" spans="14:14">
      <c r="N658773" s="10"/>
    </row>
    <row r="658774" spans="14:14">
      <c r="N658774" s="10"/>
    </row>
    <row r="658775" spans="14:14">
      <c r="N658775" s="10"/>
    </row>
    <row r="658776" spans="14:14">
      <c r="N658776" s="10"/>
    </row>
    <row r="658777" spans="14:14">
      <c r="N658777" s="10"/>
    </row>
    <row r="658778" spans="14:14">
      <c r="N658778" s="10"/>
    </row>
    <row r="658779" spans="14:14">
      <c r="N658779" s="10"/>
    </row>
    <row r="658780" spans="14:14">
      <c r="N658780" s="10"/>
    </row>
    <row r="658781" spans="14:14">
      <c r="N658781" s="10"/>
    </row>
    <row r="658782" spans="14:14">
      <c r="N658782" s="10"/>
    </row>
    <row r="658783" spans="14:14">
      <c r="N658783" s="10"/>
    </row>
    <row r="658784" spans="14:14">
      <c r="N658784" s="10"/>
    </row>
    <row r="658785" spans="14:14">
      <c r="N658785" s="10"/>
    </row>
    <row r="658786" spans="14:14">
      <c r="N658786" s="10"/>
    </row>
    <row r="658787" spans="14:14">
      <c r="N658787" s="10"/>
    </row>
    <row r="658788" spans="14:14">
      <c r="N658788" s="10"/>
    </row>
    <row r="658789" spans="14:14">
      <c r="N658789" s="10"/>
    </row>
    <row r="658790" spans="14:14">
      <c r="N658790" s="10"/>
    </row>
    <row r="658791" spans="14:14">
      <c r="N658791" s="10"/>
    </row>
    <row r="658792" spans="14:14">
      <c r="N658792" s="10"/>
    </row>
    <row r="658793" spans="14:14">
      <c r="N658793" s="10"/>
    </row>
    <row r="658794" spans="14:14">
      <c r="N658794" s="10"/>
    </row>
    <row r="658795" spans="14:14">
      <c r="N658795" s="10"/>
    </row>
    <row r="658796" spans="14:14">
      <c r="N658796" s="10"/>
    </row>
    <row r="658797" spans="14:14">
      <c r="N658797" s="10"/>
    </row>
    <row r="658798" spans="14:14">
      <c r="N658798" s="10"/>
    </row>
    <row r="658799" spans="14:14">
      <c r="N658799" s="10"/>
    </row>
    <row r="658800" spans="14:14">
      <c r="N658800" s="10"/>
    </row>
    <row r="658801" spans="14:14">
      <c r="N658801" s="10"/>
    </row>
    <row r="658802" spans="14:14">
      <c r="N658802" s="10"/>
    </row>
    <row r="658803" spans="14:14">
      <c r="N658803" s="10"/>
    </row>
    <row r="658804" spans="14:14">
      <c r="N658804" s="10"/>
    </row>
    <row r="658805" spans="14:14">
      <c r="N658805" s="10"/>
    </row>
    <row r="658806" spans="14:14">
      <c r="N658806" s="10"/>
    </row>
    <row r="658807" spans="14:14">
      <c r="N658807" s="10"/>
    </row>
    <row r="658808" spans="14:14">
      <c r="N658808" s="10"/>
    </row>
    <row r="658809" spans="14:14">
      <c r="N658809" s="10"/>
    </row>
    <row r="658810" spans="14:14">
      <c r="N658810" s="10"/>
    </row>
    <row r="658811" spans="14:14">
      <c r="N658811" s="10"/>
    </row>
    <row r="658812" spans="14:14">
      <c r="N658812" s="10"/>
    </row>
    <row r="658813" spans="14:14">
      <c r="N658813" s="10"/>
    </row>
    <row r="658814" spans="14:14">
      <c r="N658814" s="10"/>
    </row>
    <row r="658815" spans="14:14">
      <c r="N658815" s="10"/>
    </row>
    <row r="658816" spans="14:14">
      <c r="N658816" s="10"/>
    </row>
    <row r="658817" spans="14:14">
      <c r="N658817" s="10"/>
    </row>
    <row r="658818" spans="14:14">
      <c r="N658818" s="10"/>
    </row>
    <row r="658819" spans="14:14">
      <c r="N658819" s="10"/>
    </row>
    <row r="658820" spans="14:14">
      <c r="N658820" s="10"/>
    </row>
    <row r="658821" spans="14:14">
      <c r="N658821" s="10"/>
    </row>
    <row r="658822" spans="14:14">
      <c r="N658822" s="10"/>
    </row>
    <row r="658823" spans="14:14">
      <c r="N658823" s="10"/>
    </row>
    <row r="658824" spans="14:14">
      <c r="N658824" s="10"/>
    </row>
    <row r="658825" spans="14:14">
      <c r="N658825" s="10"/>
    </row>
    <row r="658826" spans="14:14">
      <c r="N658826" s="10"/>
    </row>
    <row r="658827" spans="14:14">
      <c r="N658827" s="10"/>
    </row>
    <row r="658828" spans="14:14">
      <c r="N658828" s="10"/>
    </row>
    <row r="658829" spans="14:14">
      <c r="N658829" s="10"/>
    </row>
    <row r="658830" spans="14:14">
      <c r="N658830" s="10"/>
    </row>
    <row r="658831" spans="14:14">
      <c r="N658831" s="10"/>
    </row>
    <row r="658832" spans="14:14">
      <c r="N658832" s="10"/>
    </row>
    <row r="658833" spans="14:14">
      <c r="N658833" s="10"/>
    </row>
    <row r="658834" spans="14:14">
      <c r="N658834" s="10"/>
    </row>
    <row r="658835" spans="14:14">
      <c r="N658835" s="10"/>
    </row>
    <row r="658836" spans="14:14">
      <c r="N658836" s="10"/>
    </row>
    <row r="658837" spans="14:14">
      <c r="N658837" s="10"/>
    </row>
    <row r="658838" spans="14:14">
      <c r="N658838" s="10"/>
    </row>
    <row r="658839" spans="14:14">
      <c r="N658839" s="10"/>
    </row>
    <row r="658840" spans="14:14">
      <c r="N658840" s="10"/>
    </row>
    <row r="658841" spans="14:14">
      <c r="N658841" s="10"/>
    </row>
    <row r="658842" spans="14:14">
      <c r="N658842" s="10"/>
    </row>
    <row r="658843" spans="14:14">
      <c r="N658843" s="10"/>
    </row>
    <row r="658844" spans="14:14">
      <c r="N658844" s="10"/>
    </row>
    <row r="658845" spans="14:14">
      <c r="N658845" s="10"/>
    </row>
    <row r="658846" spans="14:14">
      <c r="N658846" s="10"/>
    </row>
    <row r="658847" spans="14:14">
      <c r="N658847" s="10"/>
    </row>
    <row r="658848" spans="14:14">
      <c r="N658848" s="10"/>
    </row>
    <row r="658849" spans="14:14">
      <c r="N658849" s="10"/>
    </row>
    <row r="658850" spans="14:14">
      <c r="N658850" s="10"/>
    </row>
    <row r="658851" spans="14:14">
      <c r="N658851" s="10"/>
    </row>
    <row r="658852" spans="14:14">
      <c r="N658852" s="10"/>
    </row>
    <row r="658853" spans="14:14">
      <c r="N658853" s="10"/>
    </row>
    <row r="658854" spans="14:14">
      <c r="N658854" s="10"/>
    </row>
    <row r="658855" spans="14:14">
      <c r="N658855" s="10"/>
    </row>
    <row r="658856" spans="14:14">
      <c r="N658856" s="10"/>
    </row>
    <row r="658857" spans="14:14">
      <c r="N658857" s="10"/>
    </row>
    <row r="658858" spans="14:14">
      <c r="N658858" s="10"/>
    </row>
    <row r="658859" spans="14:14">
      <c r="N658859" s="10"/>
    </row>
    <row r="658860" spans="14:14">
      <c r="N658860" s="10"/>
    </row>
    <row r="658861" spans="14:14">
      <c r="N658861" s="10"/>
    </row>
    <row r="658862" spans="14:14">
      <c r="N658862" s="10"/>
    </row>
    <row r="658863" spans="14:14">
      <c r="N658863" s="10"/>
    </row>
    <row r="658864" spans="14:14">
      <c r="N658864" s="10"/>
    </row>
    <row r="658865" spans="14:14">
      <c r="N658865" s="10"/>
    </row>
    <row r="658866" spans="14:14">
      <c r="N658866" s="10"/>
    </row>
    <row r="658867" spans="14:14">
      <c r="N658867" s="10"/>
    </row>
    <row r="658868" spans="14:14">
      <c r="N658868" s="10"/>
    </row>
    <row r="658869" spans="14:14">
      <c r="N658869" s="10"/>
    </row>
    <row r="658870" spans="14:14">
      <c r="N658870" s="10"/>
    </row>
    <row r="658871" spans="14:14">
      <c r="N658871" s="10"/>
    </row>
    <row r="658872" spans="14:14">
      <c r="N658872" s="10"/>
    </row>
    <row r="658873" spans="14:14">
      <c r="N658873" s="10"/>
    </row>
    <row r="658874" spans="14:14">
      <c r="N658874" s="10"/>
    </row>
    <row r="658875" spans="14:14">
      <c r="N658875" s="10"/>
    </row>
    <row r="658876" spans="14:14">
      <c r="N658876" s="10"/>
    </row>
    <row r="658877" spans="14:14">
      <c r="N658877" s="10"/>
    </row>
    <row r="658878" spans="14:14">
      <c r="N658878" s="10"/>
    </row>
    <row r="658879" spans="14:14">
      <c r="N658879" s="10"/>
    </row>
    <row r="658880" spans="14:14">
      <c r="N658880" s="10"/>
    </row>
    <row r="658881" spans="14:14">
      <c r="N658881" s="10"/>
    </row>
    <row r="658882" spans="14:14">
      <c r="N658882" s="10"/>
    </row>
    <row r="658883" spans="14:14">
      <c r="N658883" s="10"/>
    </row>
    <row r="658884" spans="14:14">
      <c r="N658884" s="10"/>
    </row>
    <row r="658885" spans="14:14">
      <c r="N658885" s="10"/>
    </row>
    <row r="658886" spans="14:14">
      <c r="N658886" s="10"/>
    </row>
    <row r="658887" spans="14:14">
      <c r="N658887" s="10"/>
    </row>
    <row r="658888" spans="14:14">
      <c r="N658888" s="10"/>
    </row>
    <row r="658889" spans="14:14">
      <c r="N658889" s="10"/>
    </row>
    <row r="658890" spans="14:14">
      <c r="N658890" s="10"/>
    </row>
    <row r="658891" spans="14:14">
      <c r="N658891" s="10"/>
    </row>
    <row r="658892" spans="14:14">
      <c r="N658892" s="10"/>
    </row>
    <row r="658893" spans="14:14">
      <c r="N658893" s="10"/>
    </row>
    <row r="658894" spans="14:14">
      <c r="N658894" s="10"/>
    </row>
    <row r="658895" spans="14:14">
      <c r="N658895" s="10"/>
    </row>
    <row r="658896" spans="14:14">
      <c r="N658896" s="10"/>
    </row>
    <row r="658897" spans="14:14">
      <c r="N658897" s="10"/>
    </row>
    <row r="658898" spans="14:14">
      <c r="N658898" s="10"/>
    </row>
    <row r="658899" spans="14:14">
      <c r="N658899" s="10"/>
    </row>
    <row r="658900" spans="14:14">
      <c r="N658900" s="10"/>
    </row>
    <row r="658901" spans="14:14">
      <c r="N658901" s="10"/>
    </row>
    <row r="658902" spans="14:14">
      <c r="N658902" s="10"/>
    </row>
    <row r="658903" spans="14:14">
      <c r="N658903" s="10"/>
    </row>
    <row r="658904" spans="14:14">
      <c r="N658904" s="10"/>
    </row>
    <row r="658905" spans="14:14">
      <c r="N658905" s="10"/>
    </row>
    <row r="658906" spans="14:14">
      <c r="N658906" s="10"/>
    </row>
    <row r="658907" spans="14:14">
      <c r="N658907" s="10"/>
    </row>
    <row r="658908" spans="14:14">
      <c r="N658908" s="10"/>
    </row>
    <row r="658909" spans="14:14">
      <c r="N658909" s="10"/>
    </row>
    <row r="658910" spans="14:14">
      <c r="N658910" s="10"/>
    </row>
    <row r="658911" spans="14:14">
      <c r="N658911" s="10"/>
    </row>
    <row r="658912" spans="14:14">
      <c r="N658912" s="10"/>
    </row>
    <row r="658913" spans="14:14">
      <c r="N658913" s="10"/>
    </row>
    <row r="658914" spans="14:14">
      <c r="N658914" s="10"/>
    </row>
    <row r="658915" spans="14:14">
      <c r="N658915" s="10"/>
    </row>
    <row r="658916" spans="14:14">
      <c r="N658916" s="10"/>
    </row>
    <row r="658917" spans="14:14">
      <c r="N658917" s="10"/>
    </row>
    <row r="658918" spans="14:14">
      <c r="N658918" s="10"/>
    </row>
    <row r="658919" spans="14:14">
      <c r="N658919" s="10"/>
    </row>
    <row r="658920" spans="14:14">
      <c r="N658920" s="10"/>
    </row>
    <row r="658921" spans="14:14">
      <c r="N658921" s="10"/>
    </row>
    <row r="658922" spans="14:14">
      <c r="N658922" s="10"/>
    </row>
    <row r="658923" spans="14:14">
      <c r="N658923" s="10"/>
    </row>
    <row r="658924" spans="14:14">
      <c r="N658924" s="10"/>
    </row>
    <row r="658925" spans="14:14">
      <c r="N658925" s="10"/>
    </row>
    <row r="658926" spans="14:14">
      <c r="N658926" s="10"/>
    </row>
    <row r="658927" spans="14:14">
      <c r="N658927" s="10"/>
    </row>
    <row r="658928" spans="14:14">
      <c r="N658928" s="10"/>
    </row>
    <row r="658929" spans="14:14">
      <c r="N658929" s="10"/>
    </row>
    <row r="658930" spans="14:14">
      <c r="N658930" s="10"/>
    </row>
    <row r="658931" spans="14:14">
      <c r="N658931" s="10"/>
    </row>
    <row r="658932" spans="14:14">
      <c r="N658932" s="10"/>
    </row>
    <row r="658933" spans="14:14">
      <c r="N658933" s="10"/>
    </row>
    <row r="658934" spans="14:14">
      <c r="N658934" s="10"/>
    </row>
    <row r="658935" spans="14:14">
      <c r="N658935" s="10"/>
    </row>
    <row r="658936" spans="14:14">
      <c r="N658936" s="10"/>
    </row>
    <row r="658937" spans="14:14">
      <c r="N658937" s="10"/>
    </row>
    <row r="658938" spans="14:14">
      <c r="N658938" s="10"/>
    </row>
    <row r="658939" spans="14:14">
      <c r="N658939" s="10"/>
    </row>
    <row r="658940" spans="14:14">
      <c r="N658940" s="10"/>
    </row>
    <row r="658941" spans="14:14">
      <c r="N658941" s="10"/>
    </row>
    <row r="658942" spans="14:14">
      <c r="N658942" s="10"/>
    </row>
    <row r="658943" spans="14:14">
      <c r="N658943" s="10"/>
    </row>
    <row r="658944" spans="14:14">
      <c r="N658944" s="10"/>
    </row>
    <row r="658945" spans="14:14">
      <c r="N658945" s="10"/>
    </row>
    <row r="658946" spans="14:14">
      <c r="N658946" s="10"/>
    </row>
    <row r="658947" spans="14:14">
      <c r="N658947" s="10"/>
    </row>
    <row r="658948" spans="14:14">
      <c r="N658948" s="10"/>
    </row>
    <row r="658949" spans="14:14">
      <c r="N658949" s="10"/>
    </row>
    <row r="658950" spans="14:14">
      <c r="N658950" s="10"/>
    </row>
    <row r="658951" spans="14:14">
      <c r="N658951" s="10"/>
    </row>
    <row r="658952" spans="14:14">
      <c r="N658952" s="10"/>
    </row>
    <row r="658953" spans="14:14">
      <c r="N658953" s="10"/>
    </row>
    <row r="658954" spans="14:14">
      <c r="N658954" s="10"/>
    </row>
    <row r="658955" spans="14:14">
      <c r="N658955" s="10"/>
    </row>
    <row r="658956" spans="14:14">
      <c r="N658956" s="10"/>
    </row>
    <row r="658957" spans="14:14">
      <c r="N658957" s="10"/>
    </row>
    <row r="658958" spans="14:14">
      <c r="N658958" s="10"/>
    </row>
    <row r="658959" spans="14:14">
      <c r="N658959" s="10"/>
    </row>
    <row r="658960" spans="14:14">
      <c r="N658960" s="10"/>
    </row>
    <row r="658961" spans="14:14">
      <c r="N658961" s="10"/>
    </row>
    <row r="658962" spans="14:14">
      <c r="N658962" s="10"/>
    </row>
    <row r="658963" spans="14:14">
      <c r="N658963" s="10"/>
    </row>
    <row r="658964" spans="14:14">
      <c r="N658964" s="10"/>
    </row>
    <row r="658965" spans="14:14">
      <c r="N658965" s="10"/>
    </row>
    <row r="658966" spans="14:14">
      <c r="N658966" s="10"/>
    </row>
    <row r="658967" spans="14:14">
      <c r="N658967" s="10"/>
    </row>
    <row r="658968" spans="14:14">
      <c r="N658968" s="10"/>
    </row>
    <row r="658969" spans="14:14">
      <c r="N658969" s="10"/>
    </row>
    <row r="658970" spans="14:14">
      <c r="N658970" s="10"/>
    </row>
    <row r="658971" spans="14:14">
      <c r="N658971" s="10"/>
    </row>
    <row r="658972" spans="14:14">
      <c r="N658972" s="10"/>
    </row>
    <row r="658973" spans="14:14">
      <c r="N658973" s="10"/>
    </row>
    <row r="658974" spans="14:14">
      <c r="N658974" s="10"/>
    </row>
    <row r="658975" spans="14:14">
      <c r="N658975" s="10"/>
    </row>
    <row r="658976" spans="14:14">
      <c r="N658976" s="10"/>
    </row>
    <row r="658977" spans="14:14">
      <c r="N658977" s="10"/>
    </row>
    <row r="658978" spans="14:14">
      <c r="N658978" s="10"/>
    </row>
    <row r="658979" spans="14:14">
      <c r="N658979" s="10"/>
    </row>
    <row r="658980" spans="14:14">
      <c r="N658980" s="10"/>
    </row>
    <row r="658981" spans="14:14">
      <c r="N658981" s="10"/>
    </row>
    <row r="658982" spans="14:14">
      <c r="N658982" s="10"/>
    </row>
    <row r="658983" spans="14:14">
      <c r="N658983" s="10"/>
    </row>
    <row r="658984" spans="14:14">
      <c r="N658984" s="10"/>
    </row>
    <row r="658985" spans="14:14">
      <c r="N658985" s="10"/>
    </row>
    <row r="658986" spans="14:14">
      <c r="N658986" s="10"/>
    </row>
    <row r="658987" spans="14:14">
      <c r="N658987" s="10"/>
    </row>
    <row r="658988" spans="14:14">
      <c r="N658988" s="10"/>
    </row>
    <row r="658989" spans="14:14">
      <c r="N658989" s="10"/>
    </row>
    <row r="658990" spans="14:14">
      <c r="N658990" s="10"/>
    </row>
    <row r="658991" spans="14:14">
      <c r="N658991" s="10"/>
    </row>
    <row r="658992" spans="14:14">
      <c r="N658992" s="10"/>
    </row>
    <row r="658993" spans="14:14">
      <c r="N658993" s="10"/>
    </row>
    <row r="658994" spans="14:14">
      <c r="N658994" s="10"/>
    </row>
    <row r="658995" spans="14:14">
      <c r="N658995" s="10"/>
    </row>
    <row r="658996" spans="14:14">
      <c r="N658996" s="10"/>
    </row>
    <row r="658997" spans="14:14">
      <c r="N658997" s="10"/>
    </row>
    <row r="658998" spans="14:14">
      <c r="N658998" s="10"/>
    </row>
    <row r="658999" spans="14:14">
      <c r="N658999" s="10"/>
    </row>
    <row r="659000" spans="14:14">
      <c r="N659000" s="10"/>
    </row>
    <row r="659001" spans="14:14">
      <c r="N659001" s="10"/>
    </row>
    <row r="659002" spans="14:14">
      <c r="N659002" s="10"/>
    </row>
    <row r="659003" spans="14:14">
      <c r="N659003" s="10"/>
    </row>
    <row r="659004" spans="14:14">
      <c r="N659004" s="10"/>
    </row>
    <row r="659005" spans="14:14">
      <c r="N659005" s="10"/>
    </row>
    <row r="659006" spans="14:14">
      <c r="N659006" s="10"/>
    </row>
    <row r="659007" spans="14:14">
      <c r="N659007" s="10"/>
    </row>
    <row r="659008" spans="14:14">
      <c r="N659008" s="10"/>
    </row>
    <row r="659009" spans="14:14">
      <c r="N659009" s="10"/>
    </row>
    <row r="659010" spans="14:14">
      <c r="N659010" s="10"/>
    </row>
    <row r="659011" spans="14:14">
      <c r="N659011" s="10"/>
    </row>
    <row r="659012" spans="14:14">
      <c r="N659012" s="10"/>
    </row>
    <row r="659013" spans="14:14">
      <c r="N659013" s="10"/>
    </row>
    <row r="659014" spans="14:14">
      <c r="N659014" s="10"/>
    </row>
    <row r="659015" spans="14:14">
      <c r="N659015" s="10"/>
    </row>
    <row r="659016" spans="14:14">
      <c r="N659016" s="10"/>
    </row>
    <row r="659017" spans="14:14">
      <c r="N659017" s="10"/>
    </row>
    <row r="659018" spans="14:14">
      <c r="N659018" s="10"/>
    </row>
    <row r="659019" spans="14:14">
      <c r="N659019" s="10"/>
    </row>
    <row r="659020" spans="14:14">
      <c r="N659020" s="10"/>
    </row>
    <row r="659021" spans="14:14">
      <c r="N659021" s="10"/>
    </row>
    <row r="659022" spans="14:14">
      <c r="N659022" s="10"/>
    </row>
    <row r="659023" spans="14:14">
      <c r="N659023" s="10"/>
    </row>
    <row r="659024" spans="14:14">
      <c r="N659024" s="10"/>
    </row>
    <row r="659025" spans="14:14">
      <c r="N659025" s="10"/>
    </row>
    <row r="659026" spans="14:14">
      <c r="N659026" s="10"/>
    </row>
    <row r="659027" spans="14:14">
      <c r="N659027" s="10"/>
    </row>
    <row r="659028" spans="14:14">
      <c r="N659028" s="10"/>
    </row>
    <row r="659029" spans="14:14">
      <c r="N659029" s="10"/>
    </row>
    <row r="659030" spans="14:14">
      <c r="N659030" s="10"/>
    </row>
    <row r="659031" spans="14:14">
      <c r="N659031" s="10"/>
    </row>
    <row r="659032" spans="14:14">
      <c r="N659032" s="10"/>
    </row>
    <row r="659033" spans="14:14">
      <c r="N659033" s="10"/>
    </row>
    <row r="659034" spans="14:14">
      <c r="N659034" s="10"/>
    </row>
    <row r="659035" spans="14:14">
      <c r="N659035" s="10"/>
    </row>
    <row r="659036" spans="14:14">
      <c r="N659036" s="10"/>
    </row>
    <row r="659037" spans="14:14">
      <c r="N659037" s="10"/>
    </row>
    <row r="659038" spans="14:14">
      <c r="N659038" s="10"/>
    </row>
    <row r="659039" spans="14:14">
      <c r="N659039" s="10"/>
    </row>
    <row r="659040" spans="14:14">
      <c r="N659040" s="10"/>
    </row>
    <row r="659041" spans="14:14">
      <c r="N659041" s="10"/>
    </row>
    <row r="659042" spans="14:14">
      <c r="N659042" s="10"/>
    </row>
    <row r="659043" spans="14:14">
      <c r="N659043" s="10"/>
    </row>
    <row r="659044" spans="14:14">
      <c r="N659044" s="10"/>
    </row>
    <row r="659045" spans="14:14">
      <c r="N659045" s="10"/>
    </row>
    <row r="659046" spans="14:14">
      <c r="N659046" s="10"/>
    </row>
    <row r="659047" spans="14:14">
      <c r="N659047" s="10"/>
    </row>
    <row r="659048" spans="14:14">
      <c r="N659048" s="10"/>
    </row>
    <row r="659049" spans="14:14">
      <c r="N659049" s="10"/>
    </row>
    <row r="659050" spans="14:14">
      <c r="N659050" s="10"/>
    </row>
    <row r="659051" spans="14:14">
      <c r="N659051" s="10"/>
    </row>
    <row r="659052" spans="14:14">
      <c r="N659052" s="10"/>
    </row>
    <row r="659053" spans="14:14">
      <c r="N659053" s="10"/>
    </row>
    <row r="659054" spans="14:14">
      <c r="N659054" s="10"/>
    </row>
    <row r="659055" spans="14:14">
      <c r="N659055" s="10"/>
    </row>
    <row r="659056" spans="14:14">
      <c r="N659056" s="10"/>
    </row>
    <row r="659057" spans="14:14">
      <c r="N659057" s="10"/>
    </row>
    <row r="659058" spans="14:14">
      <c r="N659058" s="10"/>
    </row>
    <row r="659059" spans="14:14">
      <c r="N659059" s="10"/>
    </row>
    <row r="659060" spans="14:14">
      <c r="N659060" s="10"/>
    </row>
    <row r="659061" spans="14:14">
      <c r="N659061" s="10"/>
    </row>
    <row r="659062" spans="14:14">
      <c r="N659062" s="10"/>
    </row>
    <row r="659063" spans="14:14">
      <c r="N659063" s="10"/>
    </row>
    <row r="659064" spans="14:14">
      <c r="N659064" s="10"/>
    </row>
    <row r="659065" spans="14:14">
      <c r="N659065" s="10"/>
    </row>
    <row r="659066" spans="14:14">
      <c r="N659066" s="10"/>
    </row>
    <row r="659067" spans="14:14">
      <c r="N659067" s="10"/>
    </row>
    <row r="659068" spans="14:14">
      <c r="N659068" s="10"/>
    </row>
    <row r="659069" spans="14:14">
      <c r="N659069" s="10"/>
    </row>
    <row r="659070" spans="14:14">
      <c r="N659070" s="10"/>
    </row>
    <row r="659071" spans="14:14">
      <c r="N659071" s="10"/>
    </row>
    <row r="659072" spans="14:14">
      <c r="N659072" s="10"/>
    </row>
    <row r="659073" spans="14:14">
      <c r="N659073" s="10"/>
    </row>
    <row r="659074" spans="14:14">
      <c r="N659074" s="10"/>
    </row>
    <row r="659075" spans="14:14">
      <c r="N659075" s="10"/>
    </row>
    <row r="659076" spans="14:14">
      <c r="N659076" s="10"/>
    </row>
    <row r="659077" spans="14:14">
      <c r="N659077" s="10"/>
    </row>
    <row r="659078" spans="14:14">
      <c r="N659078" s="10"/>
    </row>
    <row r="659079" spans="14:14">
      <c r="N659079" s="10"/>
    </row>
    <row r="659080" spans="14:14">
      <c r="N659080" s="10"/>
    </row>
    <row r="659081" spans="14:14">
      <c r="N659081" s="10"/>
    </row>
    <row r="659082" spans="14:14">
      <c r="N659082" s="10"/>
    </row>
    <row r="659083" spans="14:14">
      <c r="N659083" s="10"/>
    </row>
    <row r="659084" spans="14:14">
      <c r="N659084" s="10"/>
    </row>
    <row r="659085" spans="14:14">
      <c r="N659085" s="10"/>
    </row>
    <row r="659086" spans="14:14">
      <c r="N659086" s="10"/>
    </row>
    <row r="659087" spans="14:14">
      <c r="N659087" s="10"/>
    </row>
    <row r="659088" spans="14:14">
      <c r="N659088" s="10"/>
    </row>
    <row r="659089" spans="14:14">
      <c r="N659089" s="10"/>
    </row>
    <row r="659090" spans="14:14">
      <c r="N659090" s="10"/>
    </row>
    <row r="659091" spans="14:14">
      <c r="N659091" s="10"/>
    </row>
    <row r="659092" spans="14:14">
      <c r="N659092" s="10"/>
    </row>
    <row r="659093" spans="14:14">
      <c r="N659093" s="10"/>
    </row>
    <row r="659094" spans="14:14">
      <c r="N659094" s="10"/>
    </row>
    <row r="659095" spans="14:14">
      <c r="N659095" s="10"/>
    </row>
    <row r="659096" spans="14:14">
      <c r="N659096" s="10"/>
    </row>
    <row r="659097" spans="14:14">
      <c r="N659097" s="10"/>
    </row>
    <row r="659098" spans="14:14">
      <c r="N659098" s="10"/>
    </row>
    <row r="659099" spans="14:14">
      <c r="N659099" s="10"/>
    </row>
    <row r="659100" spans="14:14">
      <c r="N659100" s="10"/>
    </row>
    <row r="659101" spans="14:14">
      <c r="N659101" s="10"/>
    </row>
    <row r="659102" spans="14:14">
      <c r="N659102" s="10"/>
    </row>
    <row r="659103" spans="14:14">
      <c r="N659103" s="10"/>
    </row>
    <row r="659104" spans="14:14">
      <c r="N659104" s="10"/>
    </row>
    <row r="659105" spans="14:14">
      <c r="N659105" s="10"/>
    </row>
    <row r="659106" spans="14:14">
      <c r="N659106" s="10"/>
    </row>
    <row r="659107" spans="14:14">
      <c r="N659107" s="10"/>
    </row>
    <row r="659108" spans="14:14">
      <c r="N659108" s="10"/>
    </row>
    <row r="659109" spans="14:14">
      <c r="N659109" s="10"/>
    </row>
    <row r="659110" spans="14:14">
      <c r="N659110" s="10"/>
    </row>
    <row r="659111" spans="14:14">
      <c r="N659111" s="10"/>
    </row>
    <row r="659112" spans="14:14">
      <c r="N659112" s="10"/>
    </row>
    <row r="659113" spans="14:14">
      <c r="N659113" s="10"/>
    </row>
    <row r="659114" spans="14:14">
      <c r="N659114" s="10"/>
    </row>
    <row r="659115" spans="14:14">
      <c r="N659115" s="10"/>
    </row>
    <row r="659116" spans="14:14">
      <c r="N659116" s="10"/>
    </row>
    <row r="659117" spans="14:14">
      <c r="N659117" s="10"/>
    </row>
    <row r="659118" spans="14:14">
      <c r="N659118" s="10"/>
    </row>
    <row r="659119" spans="14:14">
      <c r="N659119" s="10"/>
    </row>
    <row r="659120" spans="14:14">
      <c r="N659120" s="10"/>
    </row>
    <row r="659121" spans="14:14">
      <c r="N659121" s="10"/>
    </row>
    <row r="659122" spans="14:14">
      <c r="N659122" s="10"/>
    </row>
    <row r="659123" spans="14:14">
      <c r="N659123" s="10"/>
    </row>
    <row r="659124" spans="14:14">
      <c r="N659124" s="10"/>
    </row>
    <row r="659125" spans="14:14">
      <c r="N659125" s="10"/>
    </row>
    <row r="659126" spans="14:14">
      <c r="N659126" s="10"/>
    </row>
    <row r="659127" spans="14:14">
      <c r="N659127" s="10"/>
    </row>
    <row r="659128" spans="14:14">
      <c r="N659128" s="10"/>
    </row>
    <row r="659129" spans="14:14">
      <c r="N659129" s="10"/>
    </row>
    <row r="659130" spans="14:14">
      <c r="N659130" s="10"/>
    </row>
    <row r="659131" spans="14:14">
      <c r="N659131" s="10"/>
    </row>
    <row r="659132" spans="14:14">
      <c r="N659132" s="10"/>
    </row>
    <row r="659133" spans="14:14">
      <c r="N659133" s="10"/>
    </row>
    <row r="659134" spans="14:14">
      <c r="N659134" s="10"/>
    </row>
    <row r="659135" spans="14:14">
      <c r="N659135" s="10"/>
    </row>
    <row r="659136" spans="14:14">
      <c r="N659136" s="10"/>
    </row>
    <row r="659137" spans="14:14">
      <c r="N659137" s="10"/>
    </row>
    <row r="659138" spans="14:14">
      <c r="N659138" s="10"/>
    </row>
    <row r="659139" spans="14:14">
      <c r="N659139" s="10"/>
    </row>
    <row r="659140" spans="14:14">
      <c r="N659140" s="10"/>
    </row>
    <row r="659141" spans="14:14">
      <c r="N659141" s="10"/>
    </row>
    <row r="659142" spans="14:14">
      <c r="N659142" s="10"/>
    </row>
    <row r="659143" spans="14:14">
      <c r="N659143" s="10"/>
    </row>
    <row r="659144" spans="14:14">
      <c r="N659144" s="10"/>
    </row>
    <row r="659145" spans="14:14">
      <c r="N659145" s="10"/>
    </row>
    <row r="659146" spans="14:14">
      <c r="N659146" s="10"/>
    </row>
    <row r="659147" spans="14:14">
      <c r="N659147" s="10"/>
    </row>
    <row r="659148" spans="14:14">
      <c r="N659148" s="10"/>
    </row>
    <row r="659149" spans="14:14">
      <c r="N659149" s="10"/>
    </row>
    <row r="659150" spans="14:14">
      <c r="N659150" s="10"/>
    </row>
    <row r="659151" spans="14:14">
      <c r="N659151" s="10"/>
    </row>
    <row r="659152" spans="14:14">
      <c r="N659152" s="10"/>
    </row>
    <row r="659153" spans="14:14">
      <c r="N659153" s="10"/>
    </row>
    <row r="659154" spans="14:14">
      <c r="N659154" s="10"/>
    </row>
    <row r="659155" spans="14:14">
      <c r="N659155" s="10"/>
    </row>
    <row r="659156" spans="14:14">
      <c r="N659156" s="10"/>
    </row>
    <row r="659157" spans="14:14">
      <c r="N659157" s="10"/>
    </row>
    <row r="659158" spans="14:14">
      <c r="N659158" s="10"/>
    </row>
    <row r="659159" spans="14:14">
      <c r="N659159" s="10"/>
    </row>
    <row r="659160" spans="14:14">
      <c r="N659160" s="10"/>
    </row>
    <row r="659161" spans="14:14">
      <c r="N659161" s="10"/>
    </row>
    <row r="659162" spans="14:14">
      <c r="N659162" s="10"/>
    </row>
    <row r="659163" spans="14:14">
      <c r="N659163" s="10"/>
    </row>
    <row r="659164" spans="14:14">
      <c r="N659164" s="10"/>
    </row>
    <row r="659165" spans="14:14">
      <c r="N659165" s="10"/>
    </row>
    <row r="659166" spans="14:14">
      <c r="N659166" s="10"/>
    </row>
    <row r="659167" spans="14:14">
      <c r="N659167" s="10"/>
    </row>
    <row r="659168" spans="14:14">
      <c r="N659168" s="10"/>
    </row>
    <row r="659169" spans="14:14">
      <c r="N659169" s="10"/>
    </row>
    <row r="659170" spans="14:14">
      <c r="N659170" s="10"/>
    </row>
    <row r="659171" spans="14:14">
      <c r="N659171" s="10"/>
    </row>
    <row r="659172" spans="14:14">
      <c r="N659172" s="10"/>
    </row>
    <row r="659173" spans="14:14">
      <c r="N659173" s="10"/>
    </row>
    <row r="659174" spans="14:14">
      <c r="N659174" s="10"/>
    </row>
    <row r="659175" spans="14:14">
      <c r="N659175" s="10"/>
    </row>
    <row r="659176" spans="14:14">
      <c r="N659176" s="10"/>
    </row>
    <row r="659177" spans="14:14">
      <c r="N659177" s="10"/>
    </row>
    <row r="659178" spans="14:14">
      <c r="N659178" s="10"/>
    </row>
    <row r="659179" spans="14:14">
      <c r="N659179" s="10"/>
    </row>
    <row r="659180" spans="14:14">
      <c r="N659180" s="10"/>
    </row>
    <row r="659181" spans="14:14">
      <c r="N659181" s="10"/>
    </row>
    <row r="659182" spans="14:14">
      <c r="N659182" s="10"/>
    </row>
    <row r="659183" spans="14:14">
      <c r="N659183" s="10"/>
    </row>
    <row r="659184" spans="14:14">
      <c r="N659184" s="10"/>
    </row>
    <row r="659185" spans="14:14">
      <c r="N659185" s="10"/>
    </row>
    <row r="659186" spans="14:14">
      <c r="N659186" s="10"/>
    </row>
    <row r="659187" spans="14:14">
      <c r="N659187" s="10"/>
    </row>
    <row r="659188" spans="14:14">
      <c r="N659188" s="10"/>
    </row>
    <row r="659189" spans="14:14">
      <c r="N659189" s="10"/>
    </row>
    <row r="659190" spans="14:14">
      <c r="N659190" s="10"/>
    </row>
    <row r="659191" spans="14:14">
      <c r="N659191" s="10"/>
    </row>
    <row r="659192" spans="14:14">
      <c r="N659192" s="10"/>
    </row>
    <row r="659193" spans="14:14">
      <c r="N659193" s="10"/>
    </row>
    <row r="659194" spans="14:14">
      <c r="N659194" s="10"/>
    </row>
    <row r="659195" spans="14:14">
      <c r="N659195" s="10"/>
    </row>
    <row r="659196" spans="14:14">
      <c r="N659196" s="10"/>
    </row>
    <row r="659197" spans="14:14">
      <c r="N659197" s="10"/>
    </row>
    <row r="659198" spans="14:14">
      <c r="N659198" s="10"/>
    </row>
    <row r="659199" spans="14:14">
      <c r="N659199" s="10"/>
    </row>
    <row r="659200" spans="14:14">
      <c r="N659200" s="10"/>
    </row>
    <row r="659201" spans="14:14">
      <c r="N659201" s="10"/>
    </row>
    <row r="659202" spans="14:14">
      <c r="N659202" s="10"/>
    </row>
    <row r="659203" spans="14:14">
      <c r="N659203" s="10"/>
    </row>
    <row r="659204" spans="14:14">
      <c r="N659204" s="10"/>
    </row>
    <row r="659205" spans="14:14">
      <c r="N659205" s="10"/>
    </row>
    <row r="659206" spans="14:14">
      <c r="N659206" s="10"/>
    </row>
    <row r="659207" spans="14:14">
      <c r="N659207" s="10"/>
    </row>
    <row r="659208" spans="14:14">
      <c r="N659208" s="10"/>
    </row>
    <row r="659209" spans="14:14">
      <c r="N659209" s="10"/>
    </row>
    <row r="659210" spans="14:14">
      <c r="N659210" s="10"/>
    </row>
    <row r="659211" spans="14:14">
      <c r="N659211" s="10"/>
    </row>
    <row r="659212" spans="14:14">
      <c r="N659212" s="10"/>
    </row>
    <row r="659213" spans="14:14">
      <c r="N659213" s="10"/>
    </row>
    <row r="659214" spans="14:14">
      <c r="N659214" s="10"/>
    </row>
    <row r="659215" spans="14:14">
      <c r="N659215" s="10"/>
    </row>
    <row r="659216" spans="14:14">
      <c r="N659216" s="10"/>
    </row>
    <row r="659217" spans="14:14">
      <c r="N659217" s="10"/>
    </row>
    <row r="659218" spans="14:14">
      <c r="N659218" s="10"/>
    </row>
    <row r="659219" spans="14:14">
      <c r="N659219" s="10"/>
    </row>
    <row r="659220" spans="14:14">
      <c r="N659220" s="10"/>
    </row>
    <row r="659221" spans="14:14">
      <c r="N659221" s="10"/>
    </row>
    <row r="659222" spans="14:14">
      <c r="N659222" s="10"/>
    </row>
    <row r="659223" spans="14:14">
      <c r="N659223" s="10"/>
    </row>
    <row r="659224" spans="14:14">
      <c r="N659224" s="10"/>
    </row>
    <row r="659225" spans="14:14">
      <c r="N659225" s="10"/>
    </row>
    <row r="659226" spans="14:14">
      <c r="N659226" s="10"/>
    </row>
    <row r="659227" spans="14:14">
      <c r="N659227" s="10"/>
    </row>
    <row r="659228" spans="14:14">
      <c r="N659228" s="10"/>
    </row>
    <row r="659229" spans="14:14">
      <c r="N659229" s="10"/>
    </row>
    <row r="659230" spans="14:14">
      <c r="N659230" s="10"/>
    </row>
    <row r="659231" spans="14:14">
      <c r="N659231" s="10"/>
    </row>
    <row r="659232" spans="14:14">
      <c r="N659232" s="10"/>
    </row>
    <row r="659233" spans="14:14">
      <c r="N659233" s="10"/>
    </row>
    <row r="659234" spans="14:14">
      <c r="N659234" s="10"/>
    </row>
    <row r="659235" spans="14:14">
      <c r="N659235" s="10"/>
    </row>
    <row r="659236" spans="14:14">
      <c r="N659236" s="10"/>
    </row>
    <row r="659237" spans="14:14">
      <c r="N659237" s="10"/>
    </row>
    <row r="659238" spans="14:14">
      <c r="N659238" s="10"/>
    </row>
    <row r="659239" spans="14:14">
      <c r="N659239" s="10"/>
    </row>
    <row r="659240" spans="14:14">
      <c r="N659240" s="10"/>
    </row>
    <row r="659241" spans="14:14">
      <c r="N659241" s="10"/>
    </row>
    <row r="659242" spans="14:14">
      <c r="N659242" s="10"/>
    </row>
    <row r="659243" spans="14:14">
      <c r="N659243" s="10"/>
    </row>
    <row r="659244" spans="14:14">
      <c r="N659244" s="10"/>
    </row>
    <row r="659245" spans="14:14">
      <c r="N659245" s="10"/>
    </row>
    <row r="659246" spans="14:14">
      <c r="N659246" s="10"/>
    </row>
    <row r="659247" spans="14:14">
      <c r="N659247" s="10"/>
    </row>
    <row r="659248" spans="14:14">
      <c r="N659248" s="10"/>
    </row>
    <row r="659249" spans="14:14">
      <c r="N659249" s="10"/>
    </row>
    <row r="659250" spans="14:14">
      <c r="N659250" s="10"/>
    </row>
    <row r="659251" spans="14:14">
      <c r="N659251" s="10"/>
    </row>
    <row r="659252" spans="14:14">
      <c r="N659252" s="10"/>
    </row>
    <row r="659253" spans="14:14">
      <c r="N659253" s="10"/>
    </row>
    <row r="659254" spans="14:14">
      <c r="N659254" s="10"/>
    </row>
    <row r="659255" spans="14:14">
      <c r="N659255" s="10"/>
    </row>
    <row r="659256" spans="14:14">
      <c r="N659256" s="10"/>
    </row>
    <row r="659257" spans="14:14">
      <c r="N659257" s="10"/>
    </row>
    <row r="659258" spans="14:14">
      <c r="N659258" s="10"/>
    </row>
    <row r="659259" spans="14:14">
      <c r="N659259" s="10"/>
    </row>
    <row r="659260" spans="14:14">
      <c r="N659260" s="10"/>
    </row>
    <row r="659261" spans="14:14">
      <c r="N659261" s="10"/>
    </row>
    <row r="659262" spans="14:14">
      <c r="N659262" s="10"/>
    </row>
    <row r="659263" spans="14:14">
      <c r="N659263" s="10"/>
    </row>
    <row r="659264" spans="14:14">
      <c r="N659264" s="10"/>
    </row>
    <row r="659265" spans="14:14">
      <c r="N659265" s="10"/>
    </row>
    <row r="659266" spans="14:14">
      <c r="N659266" s="10"/>
    </row>
    <row r="659267" spans="14:14">
      <c r="N659267" s="10"/>
    </row>
    <row r="659268" spans="14:14">
      <c r="N659268" s="10"/>
    </row>
    <row r="659269" spans="14:14">
      <c r="N659269" s="10"/>
    </row>
    <row r="659270" spans="14:14">
      <c r="N659270" s="10"/>
    </row>
    <row r="659271" spans="14:14">
      <c r="N659271" s="10"/>
    </row>
    <row r="659272" spans="14:14">
      <c r="N659272" s="10"/>
    </row>
    <row r="659273" spans="14:14">
      <c r="N659273" s="10"/>
    </row>
    <row r="659274" spans="14:14">
      <c r="N659274" s="10"/>
    </row>
    <row r="659275" spans="14:14">
      <c r="N659275" s="10"/>
    </row>
    <row r="659276" spans="14:14">
      <c r="N659276" s="10"/>
    </row>
    <row r="659277" spans="14:14">
      <c r="N659277" s="10"/>
    </row>
    <row r="659278" spans="14:14">
      <c r="N659278" s="10"/>
    </row>
    <row r="659279" spans="14:14">
      <c r="N659279" s="10"/>
    </row>
    <row r="659280" spans="14:14">
      <c r="N659280" s="10"/>
    </row>
    <row r="659281" spans="14:14">
      <c r="N659281" s="10"/>
    </row>
    <row r="659282" spans="14:14">
      <c r="N659282" s="10"/>
    </row>
    <row r="659283" spans="14:14">
      <c r="N659283" s="10"/>
    </row>
    <row r="659284" spans="14:14">
      <c r="N659284" s="10"/>
    </row>
    <row r="659285" spans="14:14">
      <c r="N659285" s="10"/>
    </row>
    <row r="659286" spans="14:14">
      <c r="N659286" s="10"/>
    </row>
    <row r="659287" spans="14:14">
      <c r="N659287" s="10"/>
    </row>
    <row r="659288" spans="14:14">
      <c r="N659288" s="10"/>
    </row>
    <row r="659289" spans="14:14">
      <c r="N659289" s="10"/>
    </row>
    <row r="659290" spans="14:14">
      <c r="N659290" s="10"/>
    </row>
    <row r="659291" spans="14:14">
      <c r="N659291" s="10"/>
    </row>
    <row r="659292" spans="14:14">
      <c r="N659292" s="10"/>
    </row>
    <row r="659293" spans="14:14">
      <c r="N659293" s="10"/>
    </row>
    <row r="659294" spans="14:14">
      <c r="N659294" s="10"/>
    </row>
    <row r="659295" spans="14:14">
      <c r="N659295" s="10"/>
    </row>
    <row r="659296" spans="14:14">
      <c r="N659296" s="10"/>
    </row>
    <row r="659297" spans="14:14">
      <c r="N659297" s="10"/>
    </row>
    <row r="659298" spans="14:14">
      <c r="N659298" s="10"/>
    </row>
    <row r="659299" spans="14:14">
      <c r="N659299" s="10"/>
    </row>
    <row r="659300" spans="14:14">
      <c r="N659300" s="10"/>
    </row>
    <row r="659301" spans="14:14">
      <c r="N659301" s="10"/>
    </row>
    <row r="659302" spans="14:14">
      <c r="N659302" s="10"/>
    </row>
    <row r="659303" spans="14:14">
      <c r="N659303" s="10"/>
    </row>
    <row r="659304" spans="14:14">
      <c r="N659304" s="10"/>
    </row>
    <row r="659305" spans="14:14">
      <c r="N659305" s="10"/>
    </row>
    <row r="659306" spans="14:14">
      <c r="N659306" s="10"/>
    </row>
    <row r="659307" spans="14:14">
      <c r="N659307" s="10"/>
    </row>
    <row r="659308" spans="14:14">
      <c r="N659308" s="10"/>
    </row>
    <row r="659309" spans="14:14">
      <c r="N659309" s="10"/>
    </row>
    <row r="659310" spans="14:14">
      <c r="N659310" s="10"/>
    </row>
    <row r="659311" spans="14:14">
      <c r="N659311" s="10"/>
    </row>
    <row r="659312" spans="14:14">
      <c r="N659312" s="10"/>
    </row>
    <row r="659313" spans="14:14">
      <c r="N659313" s="10"/>
    </row>
    <row r="659314" spans="14:14">
      <c r="N659314" s="10"/>
    </row>
    <row r="659315" spans="14:14">
      <c r="N659315" s="10"/>
    </row>
    <row r="659316" spans="14:14">
      <c r="N659316" s="10"/>
    </row>
    <row r="659317" spans="14:14">
      <c r="N659317" s="10"/>
    </row>
    <row r="659318" spans="14:14">
      <c r="N659318" s="10"/>
    </row>
    <row r="659319" spans="14:14">
      <c r="N659319" s="10"/>
    </row>
    <row r="659320" spans="14:14">
      <c r="N659320" s="10"/>
    </row>
    <row r="659321" spans="14:14">
      <c r="N659321" s="10"/>
    </row>
    <row r="659322" spans="14:14">
      <c r="N659322" s="10"/>
    </row>
    <row r="659323" spans="14:14">
      <c r="N659323" s="10"/>
    </row>
    <row r="659324" spans="14:14">
      <c r="N659324" s="10"/>
    </row>
    <row r="659325" spans="14:14">
      <c r="N659325" s="10"/>
    </row>
    <row r="659326" spans="14:14">
      <c r="N659326" s="10"/>
    </row>
    <row r="659327" spans="14:14">
      <c r="N659327" s="10"/>
    </row>
    <row r="659328" spans="14:14">
      <c r="N659328" s="10"/>
    </row>
    <row r="659329" spans="14:14">
      <c r="N659329" s="10"/>
    </row>
    <row r="659330" spans="14:14">
      <c r="N659330" s="10"/>
    </row>
    <row r="659331" spans="14:14">
      <c r="N659331" s="10"/>
    </row>
    <row r="659332" spans="14:14">
      <c r="N659332" s="10"/>
    </row>
    <row r="659333" spans="14:14">
      <c r="N659333" s="10"/>
    </row>
    <row r="659334" spans="14:14">
      <c r="N659334" s="10"/>
    </row>
    <row r="659335" spans="14:14">
      <c r="N659335" s="10"/>
    </row>
    <row r="659336" spans="14:14">
      <c r="N659336" s="10"/>
    </row>
    <row r="659337" spans="14:14">
      <c r="N659337" s="10"/>
    </row>
    <row r="659338" spans="14:14">
      <c r="N659338" s="10"/>
    </row>
    <row r="659339" spans="14:14">
      <c r="N659339" s="10"/>
    </row>
    <row r="659340" spans="14:14">
      <c r="N659340" s="10"/>
    </row>
    <row r="659341" spans="14:14">
      <c r="N659341" s="10"/>
    </row>
    <row r="659342" spans="14:14">
      <c r="N659342" s="10"/>
    </row>
    <row r="659343" spans="14:14">
      <c r="N659343" s="10"/>
    </row>
    <row r="659344" spans="14:14">
      <c r="N659344" s="10"/>
    </row>
    <row r="659345" spans="14:14">
      <c r="N659345" s="10"/>
    </row>
    <row r="659346" spans="14:14">
      <c r="N659346" s="10"/>
    </row>
    <row r="659347" spans="14:14">
      <c r="N659347" s="10"/>
    </row>
    <row r="659348" spans="14:14">
      <c r="N659348" s="10"/>
    </row>
    <row r="659349" spans="14:14">
      <c r="N659349" s="10"/>
    </row>
    <row r="659350" spans="14:14">
      <c r="N659350" s="10"/>
    </row>
    <row r="659351" spans="14:14">
      <c r="N659351" s="10"/>
    </row>
    <row r="659352" spans="14:14">
      <c r="N659352" s="10"/>
    </row>
    <row r="659353" spans="14:14">
      <c r="N659353" s="10"/>
    </row>
    <row r="659354" spans="14:14">
      <c r="N659354" s="10"/>
    </row>
    <row r="659355" spans="14:14">
      <c r="N659355" s="10"/>
    </row>
    <row r="659356" spans="14:14">
      <c r="N659356" s="10"/>
    </row>
    <row r="659357" spans="14:14">
      <c r="N659357" s="10"/>
    </row>
    <row r="659358" spans="14:14">
      <c r="N659358" s="10"/>
    </row>
    <row r="659359" spans="14:14">
      <c r="N659359" s="10"/>
    </row>
    <row r="659360" spans="14:14">
      <c r="N659360" s="10"/>
    </row>
    <row r="659361" spans="14:14">
      <c r="N659361" s="10"/>
    </row>
    <row r="659362" spans="14:14">
      <c r="N659362" s="10"/>
    </row>
    <row r="659363" spans="14:14">
      <c r="N659363" s="10"/>
    </row>
    <row r="659364" spans="14:14">
      <c r="N659364" s="10"/>
    </row>
    <row r="659365" spans="14:14">
      <c r="N659365" s="10"/>
    </row>
    <row r="659366" spans="14:14">
      <c r="N659366" s="10"/>
    </row>
    <row r="659367" spans="14:14">
      <c r="N659367" s="10"/>
    </row>
    <row r="659368" spans="14:14">
      <c r="N659368" s="10"/>
    </row>
    <row r="659369" spans="14:14">
      <c r="N659369" s="10"/>
    </row>
    <row r="659370" spans="14:14">
      <c r="N659370" s="10"/>
    </row>
    <row r="659371" spans="14:14">
      <c r="N659371" s="10"/>
    </row>
    <row r="659372" spans="14:14">
      <c r="N659372" s="10"/>
    </row>
    <row r="659373" spans="14:14">
      <c r="N659373" s="10"/>
    </row>
    <row r="659374" spans="14:14">
      <c r="N659374" s="10"/>
    </row>
    <row r="659375" spans="14:14">
      <c r="N659375" s="10"/>
    </row>
    <row r="659376" spans="14:14">
      <c r="N659376" s="10"/>
    </row>
    <row r="659377" spans="14:14">
      <c r="N659377" s="10"/>
    </row>
    <row r="659378" spans="14:14">
      <c r="N659378" s="10"/>
    </row>
    <row r="659379" spans="14:14">
      <c r="N659379" s="10"/>
    </row>
    <row r="659380" spans="14:14">
      <c r="N659380" s="10"/>
    </row>
    <row r="659381" spans="14:14">
      <c r="N659381" s="10"/>
    </row>
    <row r="659382" spans="14:14">
      <c r="N659382" s="10"/>
    </row>
    <row r="659383" spans="14:14">
      <c r="N659383" s="10"/>
    </row>
    <row r="659384" spans="14:14">
      <c r="N659384" s="10"/>
    </row>
    <row r="659385" spans="14:14">
      <c r="N659385" s="10"/>
    </row>
    <row r="659386" spans="14:14">
      <c r="N659386" s="10"/>
    </row>
    <row r="659387" spans="14:14">
      <c r="N659387" s="10"/>
    </row>
    <row r="659388" spans="14:14">
      <c r="N659388" s="10"/>
    </row>
    <row r="659389" spans="14:14">
      <c r="N659389" s="10"/>
    </row>
    <row r="659390" spans="14:14">
      <c r="N659390" s="10"/>
    </row>
    <row r="659391" spans="14:14">
      <c r="N659391" s="10"/>
    </row>
    <row r="659392" spans="14:14">
      <c r="N659392" s="10"/>
    </row>
    <row r="659393" spans="14:14">
      <c r="N659393" s="10"/>
    </row>
    <row r="659394" spans="14:14">
      <c r="N659394" s="10"/>
    </row>
    <row r="659395" spans="14:14">
      <c r="N659395" s="10"/>
    </row>
    <row r="659396" spans="14:14">
      <c r="N659396" s="10"/>
    </row>
    <row r="659397" spans="14:14">
      <c r="N659397" s="10"/>
    </row>
    <row r="659398" spans="14:14">
      <c r="N659398" s="10"/>
    </row>
    <row r="659399" spans="14:14">
      <c r="N659399" s="10"/>
    </row>
    <row r="659400" spans="14:14">
      <c r="N659400" s="10"/>
    </row>
    <row r="659401" spans="14:14">
      <c r="N659401" s="10"/>
    </row>
    <row r="659402" spans="14:14">
      <c r="N659402" s="10"/>
    </row>
    <row r="659403" spans="14:14">
      <c r="N659403" s="10"/>
    </row>
    <row r="659404" spans="14:14">
      <c r="N659404" s="10"/>
    </row>
    <row r="659405" spans="14:14">
      <c r="N659405" s="10"/>
    </row>
    <row r="659406" spans="14:14">
      <c r="N659406" s="10"/>
    </row>
    <row r="659407" spans="14:14">
      <c r="N659407" s="10"/>
    </row>
    <row r="659408" spans="14:14">
      <c r="N659408" s="10"/>
    </row>
    <row r="659409" spans="14:14">
      <c r="N659409" s="10"/>
    </row>
    <row r="659410" spans="14:14">
      <c r="N659410" s="10"/>
    </row>
    <row r="659411" spans="14:14">
      <c r="N659411" s="10"/>
    </row>
    <row r="659412" spans="14:14">
      <c r="N659412" s="10"/>
    </row>
    <row r="659413" spans="14:14">
      <c r="N659413" s="10"/>
    </row>
    <row r="659414" spans="14:14">
      <c r="N659414" s="10"/>
    </row>
    <row r="659415" spans="14:14">
      <c r="N659415" s="10"/>
    </row>
    <row r="659416" spans="14:14">
      <c r="N659416" s="10"/>
    </row>
    <row r="659417" spans="14:14">
      <c r="N659417" s="10"/>
    </row>
    <row r="659418" spans="14:14">
      <c r="N659418" s="10"/>
    </row>
    <row r="659419" spans="14:14">
      <c r="N659419" s="10"/>
    </row>
    <row r="659420" spans="14:14">
      <c r="N659420" s="10"/>
    </row>
    <row r="659421" spans="14:14">
      <c r="N659421" s="10"/>
    </row>
    <row r="659422" spans="14:14">
      <c r="N659422" s="10"/>
    </row>
    <row r="659423" spans="14:14">
      <c r="N659423" s="10"/>
    </row>
    <row r="659424" spans="14:14">
      <c r="N659424" s="10"/>
    </row>
    <row r="659425" spans="14:14">
      <c r="N659425" s="10"/>
    </row>
    <row r="659426" spans="14:14">
      <c r="N659426" s="10"/>
    </row>
    <row r="659427" spans="14:14">
      <c r="N659427" s="10"/>
    </row>
    <row r="659428" spans="14:14">
      <c r="N659428" s="10"/>
    </row>
    <row r="659429" spans="14:14">
      <c r="N659429" s="10"/>
    </row>
    <row r="659430" spans="14:14">
      <c r="N659430" s="10"/>
    </row>
    <row r="659431" spans="14:14">
      <c r="N659431" s="10"/>
    </row>
    <row r="659432" spans="14:14">
      <c r="N659432" s="10"/>
    </row>
    <row r="659433" spans="14:14">
      <c r="N659433" s="10"/>
    </row>
    <row r="659434" spans="14:14">
      <c r="N659434" s="10"/>
    </row>
    <row r="659435" spans="14:14">
      <c r="N659435" s="10"/>
    </row>
    <row r="659436" spans="14:14">
      <c r="N659436" s="10"/>
    </row>
    <row r="659437" spans="14:14">
      <c r="N659437" s="10"/>
    </row>
    <row r="659438" spans="14:14">
      <c r="N659438" s="10"/>
    </row>
    <row r="659439" spans="14:14">
      <c r="N659439" s="10"/>
    </row>
    <row r="659440" spans="14:14">
      <c r="N659440" s="10"/>
    </row>
    <row r="659441" spans="14:14">
      <c r="N659441" s="10"/>
    </row>
    <row r="659442" spans="14:14">
      <c r="N659442" s="10"/>
    </row>
    <row r="659443" spans="14:14">
      <c r="N659443" s="10"/>
    </row>
    <row r="659444" spans="14:14">
      <c r="N659444" s="10"/>
    </row>
    <row r="659445" spans="14:14">
      <c r="N659445" s="10"/>
    </row>
    <row r="659446" spans="14:14">
      <c r="N659446" s="10"/>
    </row>
    <row r="659447" spans="14:14">
      <c r="N659447" s="10"/>
    </row>
    <row r="659448" spans="14:14">
      <c r="N659448" s="10"/>
    </row>
    <row r="659449" spans="14:14">
      <c r="N659449" s="10"/>
    </row>
    <row r="659450" spans="14:14">
      <c r="N659450" s="10"/>
    </row>
    <row r="659451" spans="14:14">
      <c r="N659451" s="10"/>
    </row>
    <row r="659452" spans="14:14">
      <c r="N659452" s="10"/>
    </row>
    <row r="659453" spans="14:14">
      <c r="N659453" s="10"/>
    </row>
    <row r="659454" spans="14:14">
      <c r="N659454" s="10"/>
    </row>
    <row r="659455" spans="14:14">
      <c r="N659455" s="10"/>
    </row>
    <row r="659456" spans="14:14">
      <c r="N659456" s="10"/>
    </row>
    <row r="659457" spans="14:14">
      <c r="N659457" s="10"/>
    </row>
    <row r="659458" spans="14:14">
      <c r="N659458" s="10"/>
    </row>
    <row r="659459" spans="14:14">
      <c r="N659459" s="10"/>
    </row>
    <row r="659460" spans="14:14">
      <c r="N659460" s="10"/>
    </row>
    <row r="659461" spans="14:14">
      <c r="N659461" s="10"/>
    </row>
    <row r="659462" spans="14:14">
      <c r="N659462" s="10"/>
    </row>
    <row r="659463" spans="14:14">
      <c r="N659463" s="10"/>
    </row>
    <row r="659464" spans="14:14">
      <c r="N659464" s="10"/>
    </row>
    <row r="659465" spans="14:14">
      <c r="N659465" s="10"/>
    </row>
    <row r="659466" spans="14:14">
      <c r="N659466" s="10"/>
    </row>
    <row r="659467" spans="14:14">
      <c r="N659467" s="10"/>
    </row>
    <row r="659468" spans="14:14">
      <c r="N659468" s="10"/>
    </row>
    <row r="659469" spans="14:14">
      <c r="N659469" s="10"/>
    </row>
    <row r="659470" spans="14:14">
      <c r="N659470" s="10"/>
    </row>
    <row r="659471" spans="14:14">
      <c r="N659471" s="10"/>
    </row>
    <row r="659472" spans="14:14">
      <c r="N659472" s="10"/>
    </row>
    <row r="659473" spans="14:14">
      <c r="N659473" s="10"/>
    </row>
    <row r="659474" spans="14:14">
      <c r="N659474" s="10"/>
    </row>
    <row r="659475" spans="14:14">
      <c r="N659475" s="10"/>
    </row>
    <row r="659476" spans="14:14">
      <c r="N659476" s="10"/>
    </row>
    <row r="659477" spans="14:14">
      <c r="N659477" s="10"/>
    </row>
    <row r="659478" spans="14:14">
      <c r="N659478" s="10"/>
    </row>
    <row r="659479" spans="14:14">
      <c r="N659479" s="10"/>
    </row>
    <row r="659480" spans="14:14">
      <c r="N659480" s="10"/>
    </row>
    <row r="659481" spans="14:14">
      <c r="N659481" s="10"/>
    </row>
    <row r="659482" spans="14:14">
      <c r="N659482" s="10"/>
    </row>
    <row r="659483" spans="14:14">
      <c r="N659483" s="10"/>
    </row>
    <row r="659484" spans="14:14">
      <c r="N659484" s="10"/>
    </row>
    <row r="659485" spans="14:14">
      <c r="N659485" s="10"/>
    </row>
    <row r="659486" spans="14:14">
      <c r="N659486" s="10"/>
    </row>
    <row r="659487" spans="14:14">
      <c r="N659487" s="10"/>
    </row>
    <row r="659488" spans="14:14">
      <c r="N659488" s="10"/>
    </row>
    <row r="659489" spans="14:14">
      <c r="N659489" s="10"/>
    </row>
    <row r="659490" spans="14:14">
      <c r="N659490" s="10"/>
    </row>
    <row r="659491" spans="14:14">
      <c r="N659491" s="10"/>
    </row>
    <row r="659492" spans="14:14">
      <c r="N659492" s="10"/>
    </row>
    <row r="659493" spans="14:14">
      <c r="N659493" s="10"/>
    </row>
    <row r="659494" spans="14:14">
      <c r="N659494" s="10"/>
    </row>
    <row r="659495" spans="14:14">
      <c r="N659495" s="10"/>
    </row>
    <row r="659496" spans="14:14">
      <c r="N659496" s="10"/>
    </row>
    <row r="659497" spans="14:14">
      <c r="N659497" s="10"/>
    </row>
    <row r="659498" spans="14:14">
      <c r="N659498" s="10"/>
    </row>
    <row r="659499" spans="14:14">
      <c r="N659499" s="10"/>
    </row>
    <row r="659500" spans="14:14">
      <c r="N659500" s="10"/>
    </row>
    <row r="659501" spans="14:14">
      <c r="N659501" s="10"/>
    </row>
    <row r="659502" spans="14:14">
      <c r="N659502" s="10"/>
    </row>
    <row r="659503" spans="14:14">
      <c r="N659503" s="10"/>
    </row>
    <row r="659504" spans="14:14">
      <c r="N659504" s="10"/>
    </row>
    <row r="659505" spans="14:14">
      <c r="N659505" s="10"/>
    </row>
    <row r="659506" spans="14:14">
      <c r="N659506" s="10"/>
    </row>
    <row r="659507" spans="14:14">
      <c r="N659507" s="10"/>
    </row>
    <row r="659508" spans="14:14">
      <c r="N659508" s="10"/>
    </row>
    <row r="659509" spans="14:14">
      <c r="N659509" s="10"/>
    </row>
    <row r="659510" spans="14:14">
      <c r="N659510" s="10"/>
    </row>
    <row r="659511" spans="14:14">
      <c r="N659511" s="10"/>
    </row>
    <row r="659512" spans="14:14">
      <c r="N659512" s="10"/>
    </row>
    <row r="659513" spans="14:14">
      <c r="N659513" s="10"/>
    </row>
    <row r="659514" spans="14:14">
      <c r="N659514" s="10"/>
    </row>
    <row r="659515" spans="14:14">
      <c r="N659515" s="10"/>
    </row>
    <row r="659516" spans="14:14">
      <c r="N659516" s="10"/>
    </row>
    <row r="659517" spans="14:14">
      <c r="N659517" s="10"/>
    </row>
    <row r="659518" spans="14:14">
      <c r="N659518" s="10"/>
    </row>
    <row r="659519" spans="14:14">
      <c r="N659519" s="10"/>
    </row>
    <row r="659520" spans="14:14">
      <c r="N659520" s="10"/>
    </row>
    <row r="659521" spans="14:14">
      <c r="N659521" s="10"/>
    </row>
    <row r="659522" spans="14:14">
      <c r="N659522" s="10"/>
    </row>
    <row r="659523" spans="14:14">
      <c r="N659523" s="10"/>
    </row>
    <row r="659524" spans="14:14">
      <c r="N659524" s="10"/>
    </row>
    <row r="659525" spans="14:14">
      <c r="N659525" s="10"/>
    </row>
    <row r="659526" spans="14:14">
      <c r="N659526" s="10"/>
    </row>
    <row r="659527" spans="14:14">
      <c r="N659527" s="10"/>
    </row>
    <row r="659528" spans="14:14">
      <c r="N659528" s="10"/>
    </row>
    <row r="659529" spans="14:14">
      <c r="N659529" s="10"/>
    </row>
    <row r="659530" spans="14:14">
      <c r="N659530" s="10"/>
    </row>
    <row r="659531" spans="14:14">
      <c r="N659531" s="10"/>
    </row>
    <row r="659532" spans="14:14">
      <c r="N659532" s="10"/>
    </row>
    <row r="659533" spans="14:14">
      <c r="N659533" s="10"/>
    </row>
    <row r="659534" spans="14:14">
      <c r="N659534" s="10"/>
    </row>
    <row r="659535" spans="14:14">
      <c r="N659535" s="10"/>
    </row>
    <row r="659536" spans="14:14">
      <c r="N659536" s="10"/>
    </row>
    <row r="659537" spans="14:14">
      <c r="N659537" s="10"/>
    </row>
    <row r="659538" spans="14:14">
      <c r="N659538" s="10"/>
    </row>
    <row r="659539" spans="14:14">
      <c r="N659539" s="10"/>
    </row>
    <row r="659540" spans="14:14">
      <c r="N659540" s="10"/>
    </row>
    <row r="659541" spans="14:14">
      <c r="N659541" s="10"/>
    </row>
    <row r="659542" spans="14:14">
      <c r="N659542" s="10"/>
    </row>
    <row r="659543" spans="14:14">
      <c r="N659543" s="10"/>
    </row>
    <row r="659544" spans="14:14">
      <c r="N659544" s="10"/>
    </row>
    <row r="659545" spans="14:14">
      <c r="N659545" s="10"/>
    </row>
    <row r="659546" spans="14:14">
      <c r="N659546" s="10"/>
    </row>
    <row r="659547" spans="14:14">
      <c r="N659547" s="10"/>
    </row>
    <row r="659548" spans="14:14">
      <c r="N659548" s="10"/>
    </row>
    <row r="659549" spans="14:14">
      <c r="N659549" s="10"/>
    </row>
    <row r="659550" spans="14:14">
      <c r="N659550" s="10"/>
    </row>
    <row r="659551" spans="14:14">
      <c r="N659551" s="10"/>
    </row>
    <row r="659552" spans="14:14">
      <c r="N659552" s="10"/>
    </row>
    <row r="659553" spans="14:14">
      <c r="N659553" s="10"/>
    </row>
    <row r="659554" spans="14:14">
      <c r="N659554" s="10"/>
    </row>
    <row r="659555" spans="14:14">
      <c r="N659555" s="10"/>
    </row>
    <row r="659556" spans="14:14">
      <c r="N659556" s="10"/>
    </row>
    <row r="659557" spans="14:14">
      <c r="N659557" s="10"/>
    </row>
    <row r="659558" spans="14:14">
      <c r="N659558" s="10"/>
    </row>
    <row r="659559" spans="14:14">
      <c r="N659559" s="10"/>
    </row>
    <row r="659560" spans="14:14">
      <c r="N659560" s="10"/>
    </row>
    <row r="659561" spans="14:14">
      <c r="N659561" s="10"/>
    </row>
    <row r="659562" spans="14:14">
      <c r="N659562" s="10"/>
    </row>
    <row r="659563" spans="14:14">
      <c r="N659563" s="10"/>
    </row>
    <row r="659564" spans="14:14">
      <c r="N659564" s="10"/>
    </row>
    <row r="659565" spans="14:14">
      <c r="N659565" s="10"/>
    </row>
    <row r="659566" spans="14:14">
      <c r="N659566" s="10"/>
    </row>
    <row r="659567" spans="14:14">
      <c r="N659567" s="10"/>
    </row>
    <row r="659568" spans="14:14">
      <c r="N659568" s="10"/>
    </row>
    <row r="659569" spans="14:14">
      <c r="N659569" s="10"/>
    </row>
    <row r="659570" spans="14:14">
      <c r="N659570" s="10"/>
    </row>
    <row r="659571" spans="14:14">
      <c r="N659571" s="10"/>
    </row>
    <row r="659572" spans="14:14">
      <c r="N659572" s="10"/>
    </row>
    <row r="659573" spans="14:14">
      <c r="N659573" s="10"/>
    </row>
    <row r="659574" spans="14:14">
      <c r="N659574" s="10"/>
    </row>
    <row r="659575" spans="14:14">
      <c r="N659575" s="10"/>
    </row>
    <row r="659576" spans="14:14">
      <c r="N659576" s="10"/>
    </row>
    <row r="659577" spans="14:14">
      <c r="N659577" s="10"/>
    </row>
    <row r="659578" spans="14:14">
      <c r="N659578" s="10"/>
    </row>
    <row r="659579" spans="14:14">
      <c r="N659579" s="10"/>
    </row>
    <row r="659580" spans="14:14">
      <c r="N659580" s="10"/>
    </row>
    <row r="659581" spans="14:14">
      <c r="N659581" s="10"/>
    </row>
    <row r="659582" spans="14:14">
      <c r="N659582" s="10"/>
    </row>
    <row r="659583" spans="14:14">
      <c r="N659583" s="10"/>
    </row>
    <row r="659584" spans="14:14">
      <c r="N659584" s="10"/>
    </row>
    <row r="659585" spans="14:14">
      <c r="N659585" s="10"/>
    </row>
    <row r="659586" spans="14:14">
      <c r="N659586" s="10"/>
    </row>
    <row r="659587" spans="14:14">
      <c r="N659587" s="10"/>
    </row>
    <row r="659588" spans="14:14">
      <c r="N659588" s="10"/>
    </row>
    <row r="659589" spans="14:14">
      <c r="N659589" s="10"/>
    </row>
    <row r="659590" spans="14:14">
      <c r="N659590" s="10"/>
    </row>
    <row r="659591" spans="14:14">
      <c r="N659591" s="10"/>
    </row>
    <row r="659592" spans="14:14">
      <c r="N659592" s="10"/>
    </row>
    <row r="659593" spans="14:14">
      <c r="N659593" s="10"/>
    </row>
    <row r="659594" spans="14:14">
      <c r="N659594" s="10"/>
    </row>
    <row r="659595" spans="14:14">
      <c r="N659595" s="10"/>
    </row>
    <row r="659596" spans="14:14">
      <c r="N659596" s="10"/>
    </row>
    <row r="659597" spans="14:14">
      <c r="N659597" s="10"/>
    </row>
    <row r="659598" spans="14:14">
      <c r="N659598" s="10"/>
    </row>
    <row r="659599" spans="14:14">
      <c r="N659599" s="10"/>
    </row>
    <row r="659600" spans="14:14">
      <c r="N659600" s="10"/>
    </row>
    <row r="659601" spans="14:14">
      <c r="N659601" s="10"/>
    </row>
    <row r="659602" spans="14:14">
      <c r="N659602" s="10"/>
    </row>
    <row r="659603" spans="14:14">
      <c r="N659603" s="10"/>
    </row>
    <row r="659604" spans="14:14">
      <c r="N659604" s="10"/>
    </row>
    <row r="659605" spans="14:14">
      <c r="N659605" s="10"/>
    </row>
    <row r="659606" spans="14:14">
      <c r="N659606" s="10"/>
    </row>
    <row r="659607" spans="14:14">
      <c r="N659607" s="10"/>
    </row>
    <row r="659608" spans="14:14">
      <c r="N659608" s="10"/>
    </row>
    <row r="659609" spans="14:14">
      <c r="N659609" s="10"/>
    </row>
    <row r="659610" spans="14:14">
      <c r="N659610" s="10"/>
    </row>
    <row r="659611" spans="14:14">
      <c r="N659611" s="10"/>
    </row>
    <row r="659612" spans="14:14">
      <c r="N659612" s="10"/>
    </row>
    <row r="659613" spans="14:14">
      <c r="N659613" s="10"/>
    </row>
    <row r="659614" spans="14:14">
      <c r="N659614" s="10"/>
    </row>
    <row r="659615" spans="14:14">
      <c r="N659615" s="10"/>
    </row>
    <row r="659616" spans="14:14">
      <c r="N659616" s="10"/>
    </row>
    <row r="659617" spans="14:14">
      <c r="N659617" s="10"/>
    </row>
    <row r="659618" spans="14:14">
      <c r="N659618" s="10"/>
    </row>
    <row r="659619" spans="14:14">
      <c r="N659619" s="10"/>
    </row>
    <row r="659620" spans="14:14">
      <c r="N659620" s="10"/>
    </row>
    <row r="659621" spans="14:14">
      <c r="N659621" s="10"/>
    </row>
    <row r="659622" spans="14:14">
      <c r="N659622" s="10"/>
    </row>
    <row r="659623" spans="14:14">
      <c r="N659623" s="10"/>
    </row>
    <row r="659624" spans="14:14">
      <c r="N659624" s="10"/>
    </row>
    <row r="659625" spans="14:14">
      <c r="N659625" s="10"/>
    </row>
    <row r="659626" spans="14:14">
      <c r="N659626" s="10"/>
    </row>
    <row r="659627" spans="14:14">
      <c r="N659627" s="10"/>
    </row>
    <row r="659628" spans="14:14">
      <c r="N659628" s="10"/>
    </row>
    <row r="659629" spans="14:14">
      <c r="N659629" s="10"/>
    </row>
    <row r="659630" spans="14:14">
      <c r="N659630" s="10"/>
    </row>
    <row r="659631" spans="14:14">
      <c r="N659631" s="10"/>
    </row>
    <row r="659632" spans="14:14">
      <c r="N659632" s="10"/>
    </row>
    <row r="659633" spans="14:14">
      <c r="N659633" s="10"/>
    </row>
    <row r="659634" spans="14:14">
      <c r="N659634" s="10"/>
    </row>
    <row r="659635" spans="14:14">
      <c r="N659635" s="10"/>
    </row>
    <row r="659636" spans="14:14">
      <c r="N659636" s="10"/>
    </row>
    <row r="659637" spans="14:14">
      <c r="N659637" s="10"/>
    </row>
    <row r="659638" spans="14:14">
      <c r="N659638" s="10"/>
    </row>
    <row r="659639" spans="14:14">
      <c r="N659639" s="10"/>
    </row>
    <row r="659640" spans="14:14">
      <c r="N659640" s="10"/>
    </row>
    <row r="659641" spans="14:14">
      <c r="N659641" s="10"/>
    </row>
    <row r="659642" spans="14:14">
      <c r="N659642" s="10"/>
    </row>
    <row r="659643" spans="14:14">
      <c r="N659643" s="10"/>
    </row>
    <row r="659644" spans="14:14">
      <c r="N659644" s="10"/>
    </row>
    <row r="659645" spans="14:14">
      <c r="N659645" s="10"/>
    </row>
    <row r="659646" spans="14:14">
      <c r="N659646" s="10"/>
    </row>
    <row r="659647" spans="14:14">
      <c r="N659647" s="10"/>
    </row>
    <row r="659648" spans="14:14">
      <c r="N659648" s="10"/>
    </row>
    <row r="659649" spans="14:14">
      <c r="N659649" s="10"/>
    </row>
    <row r="659650" spans="14:14">
      <c r="N659650" s="10"/>
    </row>
    <row r="659651" spans="14:14">
      <c r="N659651" s="10"/>
    </row>
    <row r="659652" spans="14:14">
      <c r="N659652" s="10"/>
    </row>
    <row r="659653" spans="14:14">
      <c r="N659653" s="10"/>
    </row>
    <row r="659654" spans="14:14">
      <c r="N659654" s="10"/>
    </row>
    <row r="659655" spans="14:14">
      <c r="N659655" s="10"/>
    </row>
    <row r="659656" spans="14:14">
      <c r="N659656" s="10"/>
    </row>
    <row r="659657" spans="14:14">
      <c r="N659657" s="10"/>
    </row>
    <row r="659658" spans="14:14">
      <c r="N659658" s="10"/>
    </row>
    <row r="659659" spans="14:14">
      <c r="N659659" s="10"/>
    </row>
    <row r="659660" spans="14:14">
      <c r="N659660" s="10"/>
    </row>
    <row r="659661" spans="14:14">
      <c r="N659661" s="10"/>
    </row>
    <row r="659662" spans="14:14">
      <c r="N659662" s="10"/>
    </row>
    <row r="659663" spans="14:14">
      <c r="N659663" s="10"/>
    </row>
    <row r="659664" spans="14:14">
      <c r="N659664" s="10"/>
    </row>
    <row r="659665" spans="14:14">
      <c r="N659665" s="10"/>
    </row>
    <row r="659666" spans="14:14">
      <c r="N659666" s="10"/>
    </row>
    <row r="659667" spans="14:14">
      <c r="N659667" s="10"/>
    </row>
    <row r="659668" spans="14:14">
      <c r="N659668" s="10"/>
    </row>
    <row r="659669" spans="14:14">
      <c r="N659669" s="10"/>
    </row>
    <row r="659670" spans="14:14">
      <c r="N659670" s="10"/>
    </row>
    <row r="659671" spans="14:14">
      <c r="N659671" s="10"/>
    </row>
    <row r="659672" spans="14:14">
      <c r="N659672" s="10"/>
    </row>
    <row r="659673" spans="14:14">
      <c r="N659673" s="10"/>
    </row>
    <row r="659674" spans="14:14">
      <c r="N659674" s="10"/>
    </row>
    <row r="659675" spans="14:14">
      <c r="N659675" s="10"/>
    </row>
    <row r="659676" spans="14:14">
      <c r="N659676" s="10"/>
    </row>
    <row r="659677" spans="14:14">
      <c r="N659677" s="10"/>
    </row>
    <row r="659678" spans="14:14">
      <c r="N659678" s="10"/>
    </row>
    <row r="659679" spans="14:14">
      <c r="N659679" s="10"/>
    </row>
    <row r="659680" spans="14:14">
      <c r="N659680" s="10"/>
    </row>
    <row r="659681" spans="14:14">
      <c r="N659681" s="10"/>
    </row>
    <row r="659682" spans="14:14">
      <c r="N659682" s="10"/>
    </row>
    <row r="659683" spans="14:14">
      <c r="N659683" s="10"/>
    </row>
    <row r="659684" spans="14:14">
      <c r="N659684" s="10"/>
    </row>
    <row r="659685" spans="14:14">
      <c r="N659685" s="10"/>
    </row>
    <row r="659686" spans="14:14">
      <c r="N659686" s="10"/>
    </row>
    <row r="659687" spans="14:14">
      <c r="N659687" s="10"/>
    </row>
    <row r="659688" spans="14:14">
      <c r="N659688" s="10"/>
    </row>
    <row r="659689" spans="14:14">
      <c r="N659689" s="10"/>
    </row>
    <row r="659690" spans="14:14">
      <c r="N659690" s="10"/>
    </row>
    <row r="659691" spans="14:14">
      <c r="N659691" s="10"/>
    </row>
    <row r="659692" spans="14:14">
      <c r="N659692" s="10"/>
    </row>
    <row r="659693" spans="14:14">
      <c r="N659693" s="10"/>
    </row>
    <row r="659694" spans="14:14">
      <c r="N659694" s="10"/>
    </row>
    <row r="659695" spans="14:14">
      <c r="N659695" s="10"/>
    </row>
    <row r="659696" spans="14:14">
      <c r="N659696" s="10"/>
    </row>
    <row r="659697" spans="14:14">
      <c r="N659697" s="10"/>
    </row>
    <row r="659698" spans="14:14">
      <c r="N659698" s="10"/>
    </row>
    <row r="659699" spans="14:14">
      <c r="N659699" s="10"/>
    </row>
    <row r="659700" spans="14:14">
      <c r="N659700" s="10"/>
    </row>
    <row r="659701" spans="14:14">
      <c r="N659701" s="10"/>
    </row>
    <row r="659702" spans="14:14">
      <c r="N659702" s="10"/>
    </row>
    <row r="659703" spans="14:14">
      <c r="N659703" s="10"/>
    </row>
    <row r="659704" spans="14:14">
      <c r="N659704" s="10"/>
    </row>
    <row r="659705" spans="14:14">
      <c r="N659705" s="10"/>
    </row>
    <row r="659706" spans="14:14">
      <c r="N659706" s="10"/>
    </row>
    <row r="659707" spans="14:14">
      <c r="N659707" s="10"/>
    </row>
    <row r="659708" spans="14:14">
      <c r="N659708" s="10"/>
    </row>
    <row r="659709" spans="14:14">
      <c r="N659709" s="10"/>
    </row>
    <row r="659710" spans="14:14">
      <c r="N659710" s="10"/>
    </row>
    <row r="659711" spans="14:14">
      <c r="N659711" s="10"/>
    </row>
    <row r="659712" spans="14:14">
      <c r="N659712" s="10"/>
    </row>
    <row r="659713" spans="14:14">
      <c r="N659713" s="10"/>
    </row>
    <row r="659714" spans="14:14">
      <c r="N659714" s="10"/>
    </row>
    <row r="659715" spans="14:14">
      <c r="N659715" s="10"/>
    </row>
    <row r="659716" spans="14:14">
      <c r="N659716" s="10"/>
    </row>
    <row r="659717" spans="14:14">
      <c r="N659717" s="10"/>
    </row>
    <row r="659718" spans="14:14">
      <c r="N659718" s="10"/>
    </row>
    <row r="659719" spans="14:14">
      <c r="N659719" s="10"/>
    </row>
    <row r="659720" spans="14:14">
      <c r="N659720" s="10"/>
    </row>
    <row r="659721" spans="14:14">
      <c r="N659721" s="10"/>
    </row>
    <row r="659722" spans="14:14">
      <c r="N659722" s="10"/>
    </row>
    <row r="659723" spans="14:14">
      <c r="N659723" s="10"/>
    </row>
    <row r="659724" spans="14:14">
      <c r="N659724" s="10"/>
    </row>
    <row r="659725" spans="14:14">
      <c r="N659725" s="10"/>
    </row>
    <row r="659726" spans="14:14">
      <c r="N659726" s="10"/>
    </row>
    <row r="659727" spans="14:14">
      <c r="N659727" s="10"/>
    </row>
    <row r="659728" spans="14:14">
      <c r="N659728" s="10"/>
    </row>
    <row r="659729" spans="14:14">
      <c r="N659729" s="10"/>
    </row>
    <row r="659730" spans="14:14">
      <c r="N659730" s="10"/>
    </row>
    <row r="659731" spans="14:14">
      <c r="N659731" s="10"/>
    </row>
    <row r="659732" spans="14:14">
      <c r="N659732" s="10"/>
    </row>
    <row r="659733" spans="14:14">
      <c r="N659733" s="10"/>
    </row>
    <row r="659734" spans="14:14">
      <c r="N659734" s="10"/>
    </row>
    <row r="659735" spans="14:14">
      <c r="N659735" s="10"/>
    </row>
    <row r="659736" spans="14:14">
      <c r="N659736" s="10"/>
    </row>
    <row r="659737" spans="14:14">
      <c r="N659737" s="10"/>
    </row>
    <row r="659738" spans="14:14">
      <c r="N659738" s="10"/>
    </row>
    <row r="659739" spans="14:14">
      <c r="N659739" s="10"/>
    </row>
    <row r="659740" spans="14:14">
      <c r="N659740" s="10"/>
    </row>
    <row r="659741" spans="14:14">
      <c r="N659741" s="10"/>
    </row>
    <row r="659742" spans="14:14">
      <c r="N659742" s="10"/>
    </row>
    <row r="659743" spans="14:14">
      <c r="N659743" s="10"/>
    </row>
    <row r="659744" spans="14:14">
      <c r="N659744" s="10"/>
    </row>
    <row r="659745" spans="14:14">
      <c r="N659745" s="10"/>
    </row>
    <row r="659746" spans="14:14">
      <c r="N659746" s="10"/>
    </row>
    <row r="659747" spans="14:14">
      <c r="N659747" s="10"/>
    </row>
    <row r="659748" spans="14:14">
      <c r="N659748" s="10"/>
    </row>
    <row r="659749" spans="14:14">
      <c r="N659749" s="10"/>
    </row>
    <row r="659750" spans="14:14">
      <c r="N659750" s="10"/>
    </row>
    <row r="659751" spans="14:14">
      <c r="N659751" s="10"/>
    </row>
    <row r="659752" spans="14:14">
      <c r="N659752" s="10"/>
    </row>
    <row r="659753" spans="14:14">
      <c r="N659753" s="10"/>
    </row>
    <row r="659754" spans="14:14">
      <c r="N659754" s="10"/>
    </row>
    <row r="659755" spans="14:14">
      <c r="N659755" s="10"/>
    </row>
    <row r="659756" spans="14:14">
      <c r="N659756" s="10"/>
    </row>
    <row r="659757" spans="14:14">
      <c r="N659757" s="10"/>
    </row>
    <row r="659758" spans="14:14">
      <c r="N659758" s="10"/>
    </row>
    <row r="659759" spans="14:14">
      <c r="N659759" s="10"/>
    </row>
    <row r="659760" spans="14:14">
      <c r="N659760" s="10"/>
    </row>
    <row r="659761" spans="14:14">
      <c r="N659761" s="10"/>
    </row>
    <row r="659762" spans="14:14">
      <c r="N659762" s="10"/>
    </row>
    <row r="659763" spans="14:14">
      <c r="N659763" s="10"/>
    </row>
    <row r="659764" spans="14:14">
      <c r="N659764" s="10"/>
    </row>
    <row r="659765" spans="14:14">
      <c r="N659765" s="10"/>
    </row>
    <row r="659766" spans="14:14">
      <c r="N659766" s="10"/>
    </row>
    <row r="659767" spans="14:14">
      <c r="N659767" s="10"/>
    </row>
    <row r="659768" spans="14:14">
      <c r="N659768" s="10"/>
    </row>
    <row r="659769" spans="14:14">
      <c r="N659769" s="10"/>
    </row>
    <row r="659770" spans="14:14">
      <c r="N659770" s="10"/>
    </row>
    <row r="659771" spans="14:14">
      <c r="N659771" s="10"/>
    </row>
    <row r="659772" spans="14:14">
      <c r="N659772" s="10"/>
    </row>
    <row r="659773" spans="14:14">
      <c r="N659773" s="10"/>
    </row>
    <row r="659774" spans="14:14">
      <c r="N659774" s="10"/>
    </row>
    <row r="659775" spans="14:14">
      <c r="N659775" s="10"/>
    </row>
    <row r="659776" spans="14:14">
      <c r="N659776" s="10"/>
    </row>
    <row r="659777" spans="14:14">
      <c r="N659777" s="10"/>
    </row>
    <row r="659778" spans="14:14">
      <c r="N659778" s="10"/>
    </row>
    <row r="659779" spans="14:14">
      <c r="N659779" s="10"/>
    </row>
    <row r="659780" spans="14:14">
      <c r="N659780" s="10"/>
    </row>
    <row r="659781" spans="14:14">
      <c r="N659781" s="10"/>
    </row>
    <row r="659782" spans="14:14">
      <c r="N659782" s="10"/>
    </row>
    <row r="659783" spans="14:14">
      <c r="N659783" s="10"/>
    </row>
    <row r="659784" spans="14:14">
      <c r="N659784" s="10"/>
    </row>
    <row r="659785" spans="14:14">
      <c r="N659785" s="10"/>
    </row>
    <row r="659786" spans="14:14">
      <c r="N659786" s="10"/>
    </row>
    <row r="659787" spans="14:14">
      <c r="N659787" s="10"/>
    </row>
    <row r="659788" spans="14:14">
      <c r="N659788" s="10"/>
    </row>
    <row r="659789" spans="14:14">
      <c r="N659789" s="10"/>
    </row>
    <row r="659790" spans="14:14">
      <c r="N659790" s="10"/>
    </row>
    <row r="659791" spans="14:14">
      <c r="N659791" s="10"/>
    </row>
    <row r="659792" spans="14:14">
      <c r="N659792" s="10"/>
    </row>
    <row r="659793" spans="14:14">
      <c r="N659793" s="10"/>
    </row>
    <row r="659794" spans="14:14">
      <c r="N659794" s="10"/>
    </row>
    <row r="659795" spans="14:14">
      <c r="N659795" s="10"/>
    </row>
    <row r="659796" spans="14:14">
      <c r="N659796" s="10"/>
    </row>
    <row r="659797" spans="14:14">
      <c r="N659797" s="10"/>
    </row>
    <row r="659798" spans="14:14">
      <c r="N659798" s="10"/>
    </row>
    <row r="659799" spans="14:14">
      <c r="N659799" s="10"/>
    </row>
    <row r="659800" spans="14:14">
      <c r="N659800" s="10"/>
    </row>
    <row r="659801" spans="14:14">
      <c r="N659801" s="10"/>
    </row>
    <row r="659802" spans="14:14">
      <c r="N659802" s="10"/>
    </row>
    <row r="659803" spans="14:14">
      <c r="N659803" s="10"/>
    </row>
    <row r="659804" spans="14:14">
      <c r="N659804" s="10"/>
    </row>
    <row r="659805" spans="14:14">
      <c r="N659805" s="10"/>
    </row>
    <row r="659806" spans="14:14">
      <c r="N659806" s="10"/>
    </row>
    <row r="659807" spans="14:14">
      <c r="N659807" s="10"/>
    </row>
    <row r="659808" spans="14:14">
      <c r="N659808" s="10"/>
    </row>
    <row r="659809" spans="14:14">
      <c r="N659809" s="10"/>
    </row>
    <row r="659810" spans="14:14">
      <c r="N659810" s="10"/>
    </row>
    <row r="659811" spans="14:14">
      <c r="N659811" s="10"/>
    </row>
    <row r="659812" spans="14:14">
      <c r="N659812" s="10"/>
    </row>
    <row r="659813" spans="14:14">
      <c r="N659813" s="10"/>
    </row>
    <row r="659814" spans="14:14">
      <c r="N659814" s="10"/>
    </row>
    <row r="659815" spans="14:14">
      <c r="N659815" s="10"/>
    </row>
    <row r="659816" spans="14:14">
      <c r="N659816" s="10"/>
    </row>
    <row r="659817" spans="14:14">
      <c r="N659817" s="10"/>
    </row>
    <row r="659818" spans="14:14">
      <c r="N659818" s="10"/>
    </row>
    <row r="659819" spans="14:14">
      <c r="N659819" s="10"/>
    </row>
    <row r="659820" spans="14:14">
      <c r="N659820" s="10"/>
    </row>
    <row r="659821" spans="14:14">
      <c r="N659821" s="10"/>
    </row>
    <row r="659822" spans="14:14">
      <c r="N659822" s="10"/>
    </row>
    <row r="659823" spans="14:14">
      <c r="N659823" s="10"/>
    </row>
    <row r="659824" spans="14:14">
      <c r="N659824" s="10"/>
    </row>
    <row r="659825" spans="14:14">
      <c r="N659825" s="10"/>
    </row>
    <row r="659826" spans="14:14">
      <c r="N659826" s="10"/>
    </row>
    <row r="659827" spans="14:14">
      <c r="N659827" s="10"/>
    </row>
    <row r="659828" spans="14:14">
      <c r="N659828" s="10"/>
    </row>
    <row r="659829" spans="14:14">
      <c r="N659829" s="10"/>
    </row>
    <row r="659830" spans="14:14">
      <c r="N659830" s="10"/>
    </row>
    <row r="659831" spans="14:14">
      <c r="N659831" s="10"/>
    </row>
    <row r="659832" spans="14:14">
      <c r="N659832" s="10"/>
    </row>
    <row r="659833" spans="14:14">
      <c r="N659833" s="10"/>
    </row>
    <row r="659834" spans="14:14">
      <c r="N659834" s="10"/>
    </row>
    <row r="659835" spans="14:14">
      <c r="N659835" s="10"/>
    </row>
    <row r="659836" spans="14:14">
      <c r="N659836" s="10"/>
    </row>
    <row r="659837" spans="14:14">
      <c r="N659837" s="10"/>
    </row>
    <row r="659838" spans="14:14">
      <c r="N659838" s="10"/>
    </row>
    <row r="659839" spans="14:14">
      <c r="N659839" s="10"/>
    </row>
    <row r="659840" spans="14:14">
      <c r="N659840" s="10"/>
    </row>
    <row r="659841" spans="14:14">
      <c r="N659841" s="10"/>
    </row>
    <row r="659842" spans="14:14">
      <c r="N659842" s="10"/>
    </row>
    <row r="659843" spans="14:14">
      <c r="N659843" s="10"/>
    </row>
    <row r="659844" spans="14:14">
      <c r="N659844" s="10"/>
    </row>
    <row r="659845" spans="14:14">
      <c r="N659845" s="10"/>
    </row>
    <row r="659846" spans="14:14">
      <c r="N659846" s="10"/>
    </row>
    <row r="659847" spans="14:14">
      <c r="N659847" s="10"/>
    </row>
    <row r="659848" spans="14:14">
      <c r="N659848" s="10"/>
    </row>
    <row r="659849" spans="14:14">
      <c r="N659849" s="10"/>
    </row>
    <row r="659850" spans="14:14">
      <c r="N659850" s="10"/>
    </row>
    <row r="659851" spans="14:14">
      <c r="N659851" s="10"/>
    </row>
    <row r="659852" spans="14:14">
      <c r="N659852" s="10"/>
    </row>
    <row r="659853" spans="14:14">
      <c r="N659853" s="10"/>
    </row>
    <row r="659854" spans="14:14">
      <c r="N659854" s="10"/>
    </row>
    <row r="659855" spans="14:14">
      <c r="N659855" s="10"/>
    </row>
    <row r="659856" spans="14:14">
      <c r="N659856" s="10"/>
    </row>
    <row r="659857" spans="14:14">
      <c r="N659857" s="10"/>
    </row>
    <row r="659858" spans="14:14">
      <c r="N659858" s="10"/>
    </row>
    <row r="659859" spans="14:14">
      <c r="N659859" s="10"/>
    </row>
    <row r="659860" spans="14:14">
      <c r="N659860" s="10"/>
    </row>
    <row r="659861" spans="14:14">
      <c r="N659861" s="10"/>
    </row>
    <row r="659862" spans="14:14">
      <c r="N659862" s="10"/>
    </row>
    <row r="659863" spans="14:14">
      <c r="N659863" s="10"/>
    </row>
    <row r="659864" spans="14:14">
      <c r="N659864" s="10"/>
    </row>
    <row r="659865" spans="14:14">
      <c r="N659865" s="10"/>
    </row>
    <row r="659866" spans="14:14">
      <c r="N659866" s="10"/>
    </row>
    <row r="659867" spans="14:14">
      <c r="N659867" s="10"/>
    </row>
    <row r="659868" spans="14:14">
      <c r="N659868" s="10"/>
    </row>
    <row r="659869" spans="14:14">
      <c r="N659869" s="10"/>
    </row>
    <row r="659870" spans="14:14">
      <c r="N659870" s="10"/>
    </row>
    <row r="659871" spans="14:14">
      <c r="N659871" s="10"/>
    </row>
    <row r="659872" spans="14:14">
      <c r="N659872" s="10"/>
    </row>
    <row r="659873" spans="14:14">
      <c r="N659873" s="10"/>
    </row>
    <row r="659874" spans="14:14">
      <c r="N659874" s="10"/>
    </row>
    <row r="659875" spans="14:14">
      <c r="N659875" s="10"/>
    </row>
    <row r="659876" spans="14:14">
      <c r="N659876" s="10"/>
    </row>
    <row r="659877" spans="14:14">
      <c r="N659877" s="10"/>
    </row>
    <row r="659878" spans="14:14">
      <c r="N659878" s="10"/>
    </row>
    <row r="659879" spans="14:14">
      <c r="N659879" s="10"/>
    </row>
    <row r="659880" spans="14:14">
      <c r="N659880" s="10"/>
    </row>
    <row r="659881" spans="14:14">
      <c r="N659881" s="10"/>
    </row>
    <row r="659882" spans="14:14">
      <c r="N659882" s="10"/>
    </row>
    <row r="659883" spans="14:14">
      <c r="N659883" s="10"/>
    </row>
    <row r="659884" spans="14:14">
      <c r="N659884" s="10"/>
    </row>
    <row r="659885" spans="14:14">
      <c r="N659885" s="10"/>
    </row>
    <row r="659886" spans="14:14">
      <c r="N659886" s="10"/>
    </row>
    <row r="659887" spans="14:14">
      <c r="N659887" s="10"/>
    </row>
    <row r="659888" spans="14:14">
      <c r="N659888" s="10"/>
    </row>
    <row r="659889" spans="14:14">
      <c r="N659889" s="10"/>
    </row>
    <row r="659890" spans="14:14">
      <c r="N659890" s="10"/>
    </row>
    <row r="659891" spans="14:14">
      <c r="N659891" s="10"/>
    </row>
    <row r="659892" spans="14:14">
      <c r="N659892" s="10"/>
    </row>
    <row r="659893" spans="14:14">
      <c r="N659893" s="10"/>
    </row>
    <row r="659894" spans="14:14">
      <c r="N659894" s="10"/>
    </row>
    <row r="659895" spans="14:14">
      <c r="N659895" s="10"/>
    </row>
    <row r="659896" spans="14:14">
      <c r="N659896" s="10"/>
    </row>
    <row r="659897" spans="14:14">
      <c r="N659897" s="10"/>
    </row>
    <row r="659898" spans="14:14">
      <c r="N659898" s="10"/>
    </row>
    <row r="659899" spans="14:14">
      <c r="N659899" s="10"/>
    </row>
    <row r="659900" spans="14:14">
      <c r="N659900" s="10"/>
    </row>
    <row r="659901" spans="14:14">
      <c r="N659901" s="10"/>
    </row>
    <row r="659902" spans="14:14">
      <c r="N659902" s="10"/>
    </row>
    <row r="659903" spans="14:14">
      <c r="N659903" s="10"/>
    </row>
    <row r="659904" spans="14:14">
      <c r="N659904" s="10"/>
    </row>
    <row r="659905" spans="14:14">
      <c r="N659905" s="10"/>
    </row>
    <row r="659906" spans="14:14">
      <c r="N659906" s="10"/>
    </row>
    <row r="659907" spans="14:14">
      <c r="N659907" s="10"/>
    </row>
    <row r="659908" spans="14:14">
      <c r="N659908" s="10"/>
    </row>
    <row r="659909" spans="14:14">
      <c r="N659909" s="10"/>
    </row>
    <row r="659910" spans="14:14">
      <c r="N659910" s="10"/>
    </row>
    <row r="659911" spans="14:14">
      <c r="N659911" s="10"/>
    </row>
    <row r="659912" spans="14:14">
      <c r="N659912" s="10"/>
    </row>
    <row r="659913" spans="14:14">
      <c r="N659913" s="10"/>
    </row>
    <row r="659914" spans="14:14">
      <c r="N659914" s="10"/>
    </row>
    <row r="659915" spans="14:14">
      <c r="N659915" s="10"/>
    </row>
    <row r="659916" spans="14:14">
      <c r="N659916" s="10"/>
    </row>
    <row r="659917" spans="14:14">
      <c r="N659917" s="10"/>
    </row>
    <row r="659918" spans="14:14">
      <c r="N659918" s="10"/>
    </row>
    <row r="659919" spans="14:14">
      <c r="N659919" s="10"/>
    </row>
    <row r="659920" spans="14:14">
      <c r="N659920" s="10"/>
    </row>
    <row r="659921" spans="14:14">
      <c r="N659921" s="10"/>
    </row>
    <row r="659922" spans="14:14">
      <c r="N659922" s="10"/>
    </row>
    <row r="659923" spans="14:14">
      <c r="N659923" s="10"/>
    </row>
    <row r="659924" spans="14:14">
      <c r="N659924" s="10"/>
    </row>
    <row r="659925" spans="14:14">
      <c r="N659925" s="10"/>
    </row>
    <row r="659926" spans="14:14">
      <c r="N659926" s="10"/>
    </row>
    <row r="659927" spans="14:14">
      <c r="N659927" s="10"/>
    </row>
    <row r="659928" spans="14:14">
      <c r="N659928" s="10"/>
    </row>
    <row r="659929" spans="14:14">
      <c r="N659929" s="10"/>
    </row>
    <row r="659930" spans="14:14">
      <c r="N659930" s="10"/>
    </row>
    <row r="659931" spans="14:14">
      <c r="N659931" s="10"/>
    </row>
    <row r="659932" spans="14:14">
      <c r="N659932" s="10"/>
    </row>
    <row r="659933" spans="14:14">
      <c r="N659933" s="10"/>
    </row>
    <row r="659934" spans="14:14">
      <c r="N659934" s="10"/>
    </row>
    <row r="659935" spans="14:14">
      <c r="N659935" s="10"/>
    </row>
    <row r="659936" spans="14:14">
      <c r="N659936" s="10"/>
    </row>
    <row r="659937" spans="14:14">
      <c r="N659937" s="10"/>
    </row>
    <row r="659938" spans="14:14">
      <c r="N659938" s="10"/>
    </row>
    <row r="659939" spans="14:14">
      <c r="N659939" s="10"/>
    </row>
    <row r="659940" spans="14:14">
      <c r="N659940" s="10"/>
    </row>
    <row r="659941" spans="14:14">
      <c r="N659941" s="10"/>
    </row>
    <row r="659942" spans="14:14">
      <c r="N659942" s="10"/>
    </row>
    <row r="659943" spans="14:14">
      <c r="N659943" s="10"/>
    </row>
    <row r="659944" spans="14:14">
      <c r="N659944" s="10"/>
    </row>
    <row r="659945" spans="14:14">
      <c r="N659945" s="10"/>
    </row>
    <row r="659946" spans="14:14">
      <c r="N659946" s="10"/>
    </row>
    <row r="659947" spans="14:14">
      <c r="N659947" s="10"/>
    </row>
    <row r="659948" spans="14:14">
      <c r="N659948" s="10"/>
    </row>
    <row r="659949" spans="14:14">
      <c r="N659949" s="10"/>
    </row>
    <row r="659950" spans="14:14">
      <c r="N659950" s="10"/>
    </row>
    <row r="659951" spans="14:14">
      <c r="N659951" s="10"/>
    </row>
    <row r="659952" spans="14:14">
      <c r="N659952" s="10"/>
    </row>
    <row r="659953" spans="14:14">
      <c r="N659953" s="10"/>
    </row>
    <row r="659954" spans="14:14">
      <c r="N659954" s="10"/>
    </row>
    <row r="659955" spans="14:14">
      <c r="N659955" s="10"/>
    </row>
    <row r="659956" spans="14:14">
      <c r="N659956" s="10"/>
    </row>
    <row r="659957" spans="14:14">
      <c r="N659957" s="10"/>
    </row>
    <row r="659958" spans="14:14">
      <c r="N659958" s="10"/>
    </row>
    <row r="659959" spans="14:14">
      <c r="N659959" s="10"/>
    </row>
    <row r="659960" spans="14:14">
      <c r="N659960" s="10"/>
    </row>
    <row r="659961" spans="14:14">
      <c r="N659961" s="10"/>
    </row>
    <row r="659962" spans="14:14">
      <c r="N659962" s="10"/>
    </row>
    <row r="659963" spans="14:14">
      <c r="N659963" s="10"/>
    </row>
    <row r="659964" spans="14:14">
      <c r="N659964" s="10"/>
    </row>
    <row r="659965" spans="14:14">
      <c r="N659965" s="10"/>
    </row>
    <row r="659966" spans="14:14">
      <c r="N659966" s="10"/>
    </row>
    <row r="659967" spans="14:14">
      <c r="N659967" s="10"/>
    </row>
    <row r="659968" spans="14:14">
      <c r="N659968" s="10"/>
    </row>
    <row r="659969" spans="14:14">
      <c r="N659969" s="10"/>
    </row>
    <row r="659970" spans="14:14">
      <c r="N659970" s="10"/>
    </row>
    <row r="659971" spans="14:14">
      <c r="N659971" s="10"/>
    </row>
    <row r="659972" spans="14:14">
      <c r="N659972" s="10"/>
    </row>
    <row r="659973" spans="14:14">
      <c r="N659973" s="10"/>
    </row>
    <row r="659974" spans="14:14">
      <c r="N659974" s="10"/>
    </row>
    <row r="659975" spans="14:14">
      <c r="N659975" s="10"/>
    </row>
    <row r="659976" spans="14:14">
      <c r="N659976" s="10"/>
    </row>
    <row r="659977" spans="14:14">
      <c r="N659977" s="10"/>
    </row>
    <row r="659978" spans="14:14">
      <c r="N659978" s="10"/>
    </row>
    <row r="659979" spans="14:14">
      <c r="N659979" s="10"/>
    </row>
    <row r="659980" spans="14:14">
      <c r="N659980" s="10"/>
    </row>
    <row r="659981" spans="14:14">
      <c r="N659981" s="10"/>
    </row>
    <row r="659982" spans="14:14">
      <c r="N659982" s="10"/>
    </row>
    <row r="659983" spans="14:14">
      <c r="N659983" s="10"/>
    </row>
    <row r="659984" spans="14:14">
      <c r="N659984" s="10"/>
    </row>
    <row r="659985" spans="14:14">
      <c r="N659985" s="10"/>
    </row>
    <row r="659986" spans="14:14">
      <c r="N659986" s="10"/>
    </row>
    <row r="659987" spans="14:14">
      <c r="N659987" s="10"/>
    </row>
    <row r="659988" spans="14:14">
      <c r="N659988" s="10"/>
    </row>
    <row r="659989" spans="14:14">
      <c r="N659989" s="10"/>
    </row>
    <row r="659990" spans="14:14">
      <c r="N659990" s="10"/>
    </row>
    <row r="659991" spans="14:14">
      <c r="N659991" s="10"/>
    </row>
    <row r="659992" spans="14:14">
      <c r="N659992" s="10"/>
    </row>
    <row r="659993" spans="14:14">
      <c r="N659993" s="10"/>
    </row>
    <row r="659994" spans="14:14">
      <c r="N659994" s="10"/>
    </row>
    <row r="659995" spans="14:14">
      <c r="N659995" s="10"/>
    </row>
    <row r="659996" spans="14:14">
      <c r="N659996" s="10"/>
    </row>
    <row r="659997" spans="14:14">
      <c r="N659997" s="10"/>
    </row>
    <row r="659998" spans="14:14">
      <c r="N659998" s="10"/>
    </row>
    <row r="659999" spans="14:14">
      <c r="N659999" s="10"/>
    </row>
    <row r="660000" spans="14:14">
      <c r="N660000" s="10"/>
    </row>
    <row r="660001" spans="14:14">
      <c r="N660001" s="10"/>
    </row>
    <row r="660002" spans="14:14">
      <c r="N660002" s="10"/>
    </row>
    <row r="660003" spans="14:14">
      <c r="N660003" s="10"/>
    </row>
    <row r="660004" spans="14:14">
      <c r="N660004" s="10"/>
    </row>
    <row r="660005" spans="14:14">
      <c r="N660005" s="10"/>
    </row>
    <row r="660006" spans="14:14">
      <c r="N660006" s="10"/>
    </row>
    <row r="660007" spans="14:14">
      <c r="N660007" s="10"/>
    </row>
    <row r="660008" spans="14:14">
      <c r="N660008" s="10"/>
    </row>
    <row r="660009" spans="14:14">
      <c r="N660009" s="10"/>
    </row>
    <row r="660010" spans="14:14">
      <c r="N660010" s="10"/>
    </row>
    <row r="660011" spans="14:14">
      <c r="N660011" s="10"/>
    </row>
    <row r="660012" spans="14:14">
      <c r="N660012" s="10"/>
    </row>
    <row r="660013" spans="14:14">
      <c r="N660013" s="10"/>
    </row>
    <row r="660014" spans="14:14">
      <c r="N660014" s="10"/>
    </row>
    <row r="660015" spans="14:14">
      <c r="N660015" s="10"/>
    </row>
    <row r="660016" spans="14:14">
      <c r="N660016" s="10"/>
    </row>
    <row r="660017" spans="14:14">
      <c r="N660017" s="10"/>
    </row>
    <row r="660018" spans="14:14">
      <c r="N660018" s="10"/>
    </row>
    <row r="660019" spans="14:14">
      <c r="N660019" s="10"/>
    </row>
    <row r="660020" spans="14:14">
      <c r="N660020" s="10"/>
    </row>
    <row r="660021" spans="14:14">
      <c r="N660021" s="10"/>
    </row>
    <row r="660022" spans="14:14">
      <c r="N660022" s="10"/>
    </row>
    <row r="660023" spans="14:14">
      <c r="N660023" s="10"/>
    </row>
    <row r="660024" spans="14:14">
      <c r="N660024" s="10"/>
    </row>
    <row r="660025" spans="14:14">
      <c r="N660025" s="10"/>
    </row>
    <row r="660026" spans="14:14">
      <c r="N660026" s="10"/>
    </row>
    <row r="660027" spans="14:14">
      <c r="N660027" s="10"/>
    </row>
    <row r="660028" spans="14:14">
      <c r="N660028" s="10"/>
    </row>
    <row r="660029" spans="14:14">
      <c r="N660029" s="10"/>
    </row>
    <row r="660030" spans="14:14">
      <c r="N660030" s="10"/>
    </row>
    <row r="660031" spans="14:14">
      <c r="N660031" s="10"/>
    </row>
    <row r="660032" spans="14:14">
      <c r="N660032" s="10"/>
    </row>
    <row r="660033" spans="14:14">
      <c r="N660033" s="10"/>
    </row>
    <row r="660034" spans="14:14">
      <c r="N660034" s="10"/>
    </row>
    <row r="660035" spans="14:14">
      <c r="N660035" s="10"/>
    </row>
    <row r="660036" spans="14:14">
      <c r="N660036" s="10"/>
    </row>
    <row r="660037" spans="14:14">
      <c r="N660037" s="10"/>
    </row>
    <row r="660038" spans="14:14">
      <c r="N660038" s="10"/>
    </row>
    <row r="660039" spans="14:14">
      <c r="N660039" s="10"/>
    </row>
    <row r="660040" spans="14:14">
      <c r="N660040" s="10"/>
    </row>
    <row r="660041" spans="14:14">
      <c r="N660041" s="10"/>
    </row>
    <row r="660042" spans="14:14">
      <c r="N660042" s="10"/>
    </row>
    <row r="660043" spans="14:14">
      <c r="N660043" s="10"/>
    </row>
    <row r="660044" spans="14:14">
      <c r="N660044" s="10"/>
    </row>
    <row r="660045" spans="14:14">
      <c r="N660045" s="10"/>
    </row>
    <row r="660046" spans="14:14">
      <c r="N660046" s="10"/>
    </row>
    <row r="660047" spans="14:14">
      <c r="N660047" s="10"/>
    </row>
    <row r="660048" spans="14:14">
      <c r="N660048" s="10"/>
    </row>
    <row r="660049" spans="14:14">
      <c r="N660049" s="10"/>
    </row>
    <row r="660050" spans="14:14">
      <c r="N660050" s="10"/>
    </row>
    <row r="660051" spans="14:14">
      <c r="N660051" s="10"/>
    </row>
    <row r="660052" spans="14:14">
      <c r="N660052" s="10"/>
    </row>
    <row r="660053" spans="14:14">
      <c r="N660053" s="10"/>
    </row>
    <row r="660054" spans="14:14">
      <c r="N660054" s="10"/>
    </row>
    <row r="660055" spans="14:14">
      <c r="N660055" s="10"/>
    </row>
    <row r="660056" spans="14:14">
      <c r="N660056" s="10"/>
    </row>
    <row r="660057" spans="14:14">
      <c r="N660057" s="10"/>
    </row>
    <row r="660058" spans="14:14">
      <c r="N660058" s="10"/>
    </row>
    <row r="660059" spans="14:14">
      <c r="N660059" s="10"/>
    </row>
    <row r="660060" spans="14:14">
      <c r="N660060" s="10"/>
    </row>
    <row r="660061" spans="14:14">
      <c r="N660061" s="10"/>
    </row>
    <row r="660062" spans="14:14">
      <c r="N660062" s="10"/>
    </row>
    <row r="660063" spans="14:14">
      <c r="N660063" s="10"/>
    </row>
    <row r="660064" spans="14:14">
      <c r="N660064" s="10"/>
    </row>
    <row r="660065" spans="14:14">
      <c r="N660065" s="10"/>
    </row>
    <row r="660066" spans="14:14">
      <c r="N660066" s="10"/>
    </row>
    <row r="660067" spans="14:14">
      <c r="N660067" s="10"/>
    </row>
    <row r="660068" spans="14:14">
      <c r="N660068" s="10"/>
    </row>
    <row r="660069" spans="14:14">
      <c r="N660069" s="10"/>
    </row>
    <row r="660070" spans="14:14">
      <c r="N660070" s="10"/>
    </row>
    <row r="660071" spans="14:14">
      <c r="N660071" s="10"/>
    </row>
    <row r="660072" spans="14:14">
      <c r="N660072" s="10"/>
    </row>
    <row r="660073" spans="14:14">
      <c r="N660073" s="10"/>
    </row>
    <row r="660074" spans="14:14">
      <c r="N660074" s="10"/>
    </row>
    <row r="660075" spans="14:14">
      <c r="N660075" s="10"/>
    </row>
    <row r="660076" spans="14:14">
      <c r="N660076" s="10"/>
    </row>
    <row r="660077" spans="14:14">
      <c r="N660077" s="10"/>
    </row>
    <row r="660078" spans="14:14">
      <c r="N660078" s="10"/>
    </row>
    <row r="660079" spans="14:14">
      <c r="N660079" s="10"/>
    </row>
    <row r="660080" spans="14:14">
      <c r="N660080" s="10"/>
    </row>
    <row r="660081" spans="14:14">
      <c r="N660081" s="10"/>
    </row>
    <row r="660082" spans="14:14">
      <c r="N660082" s="10"/>
    </row>
    <row r="660083" spans="14:14">
      <c r="N660083" s="10"/>
    </row>
    <row r="660084" spans="14:14">
      <c r="N660084" s="10"/>
    </row>
    <row r="660085" spans="14:14">
      <c r="N660085" s="10"/>
    </row>
    <row r="660086" spans="14:14">
      <c r="N660086" s="10"/>
    </row>
    <row r="660087" spans="14:14">
      <c r="N660087" s="10"/>
    </row>
    <row r="660088" spans="14:14">
      <c r="N660088" s="10"/>
    </row>
    <row r="660089" spans="14:14">
      <c r="N660089" s="10"/>
    </row>
    <row r="660090" spans="14:14">
      <c r="N660090" s="10"/>
    </row>
    <row r="660091" spans="14:14">
      <c r="N660091" s="10"/>
    </row>
    <row r="660092" spans="14:14">
      <c r="N660092" s="10"/>
    </row>
    <row r="660093" spans="14:14">
      <c r="N660093" s="10"/>
    </row>
    <row r="660094" spans="14:14">
      <c r="N660094" s="10"/>
    </row>
    <row r="660095" spans="14:14">
      <c r="N660095" s="10"/>
    </row>
    <row r="660096" spans="14:14">
      <c r="N660096" s="10"/>
    </row>
    <row r="660097" spans="14:14">
      <c r="N660097" s="10"/>
    </row>
    <row r="660098" spans="14:14">
      <c r="N660098" s="10"/>
    </row>
    <row r="660099" spans="14:14">
      <c r="N660099" s="10"/>
    </row>
    <row r="660100" spans="14:14">
      <c r="N660100" s="10"/>
    </row>
    <row r="660101" spans="14:14">
      <c r="N660101" s="10"/>
    </row>
    <row r="660102" spans="14:14">
      <c r="N660102" s="10"/>
    </row>
    <row r="660103" spans="14:14">
      <c r="N660103" s="10"/>
    </row>
    <row r="660104" spans="14:14">
      <c r="N660104" s="10"/>
    </row>
    <row r="660105" spans="14:14">
      <c r="N660105" s="10"/>
    </row>
    <row r="660106" spans="14:14">
      <c r="N660106" s="10"/>
    </row>
    <row r="660107" spans="14:14">
      <c r="N660107" s="10"/>
    </row>
    <row r="660108" spans="14:14">
      <c r="N660108" s="10"/>
    </row>
    <row r="660109" spans="14:14">
      <c r="N660109" s="10"/>
    </row>
    <row r="660110" spans="14:14">
      <c r="N660110" s="10"/>
    </row>
    <row r="660111" spans="14:14">
      <c r="N660111" s="10"/>
    </row>
    <row r="660112" spans="14:14">
      <c r="N660112" s="10"/>
    </row>
    <row r="660113" spans="14:14">
      <c r="N660113" s="10"/>
    </row>
    <row r="660114" spans="14:14">
      <c r="N660114" s="10"/>
    </row>
    <row r="660115" spans="14:14">
      <c r="N660115" s="10"/>
    </row>
    <row r="660116" spans="14:14">
      <c r="N660116" s="10"/>
    </row>
    <row r="660117" spans="14:14">
      <c r="N660117" s="10"/>
    </row>
    <row r="660118" spans="14:14">
      <c r="N660118" s="10"/>
    </row>
    <row r="660119" spans="14:14">
      <c r="N660119" s="10"/>
    </row>
    <row r="660120" spans="14:14">
      <c r="N660120" s="10"/>
    </row>
    <row r="660121" spans="14:14">
      <c r="N660121" s="10"/>
    </row>
    <row r="660122" spans="14:14">
      <c r="N660122" s="10"/>
    </row>
    <row r="660123" spans="14:14">
      <c r="N660123" s="10"/>
    </row>
    <row r="660124" spans="14:14">
      <c r="N660124" s="10"/>
    </row>
    <row r="660125" spans="14:14">
      <c r="N660125" s="10"/>
    </row>
    <row r="660126" spans="14:14">
      <c r="N660126" s="10"/>
    </row>
    <row r="660127" spans="14:14">
      <c r="N660127" s="10"/>
    </row>
    <row r="660128" spans="14:14">
      <c r="N660128" s="10"/>
    </row>
    <row r="660129" spans="14:14">
      <c r="N660129" s="10"/>
    </row>
    <row r="660130" spans="14:14">
      <c r="N660130" s="10"/>
    </row>
    <row r="660131" spans="14:14">
      <c r="N660131" s="10"/>
    </row>
    <row r="660132" spans="14:14">
      <c r="N660132" s="10"/>
    </row>
    <row r="660133" spans="14:14">
      <c r="N660133" s="10"/>
    </row>
    <row r="660134" spans="14:14">
      <c r="N660134" s="10"/>
    </row>
    <row r="660135" spans="14:14">
      <c r="N660135" s="10"/>
    </row>
    <row r="660136" spans="14:14">
      <c r="N660136" s="10"/>
    </row>
    <row r="660137" spans="14:14">
      <c r="N660137" s="10"/>
    </row>
    <row r="660138" spans="14:14">
      <c r="N660138" s="10"/>
    </row>
    <row r="660139" spans="14:14">
      <c r="N660139" s="10"/>
    </row>
    <row r="660140" spans="14:14">
      <c r="N660140" s="10"/>
    </row>
    <row r="660141" spans="14:14">
      <c r="N660141" s="10"/>
    </row>
    <row r="660142" spans="14:14">
      <c r="N660142" s="10"/>
    </row>
    <row r="660143" spans="14:14">
      <c r="N660143" s="10"/>
    </row>
    <row r="660144" spans="14:14">
      <c r="N660144" s="10"/>
    </row>
    <row r="660145" spans="14:14">
      <c r="N660145" s="10"/>
    </row>
    <row r="660146" spans="14:14">
      <c r="N660146" s="10"/>
    </row>
    <row r="660147" spans="14:14">
      <c r="N660147" s="10"/>
    </row>
    <row r="660148" spans="14:14">
      <c r="N660148" s="10"/>
    </row>
    <row r="660149" spans="14:14">
      <c r="N660149" s="10"/>
    </row>
    <row r="660150" spans="14:14">
      <c r="N660150" s="10"/>
    </row>
    <row r="660151" spans="14:14">
      <c r="N660151" s="10"/>
    </row>
    <row r="660152" spans="14:14">
      <c r="N660152" s="10"/>
    </row>
    <row r="660153" spans="14:14">
      <c r="N660153" s="10"/>
    </row>
    <row r="660154" spans="14:14">
      <c r="N660154" s="10"/>
    </row>
    <row r="660155" spans="14:14">
      <c r="N660155" s="10"/>
    </row>
    <row r="660156" spans="14:14">
      <c r="N660156" s="10"/>
    </row>
    <row r="660157" spans="14:14">
      <c r="N660157" s="10"/>
    </row>
    <row r="660158" spans="14:14">
      <c r="N660158" s="10"/>
    </row>
    <row r="660159" spans="14:14">
      <c r="N660159" s="10"/>
    </row>
    <row r="660160" spans="14:14">
      <c r="N660160" s="10"/>
    </row>
    <row r="660161" spans="14:14">
      <c r="N660161" s="10"/>
    </row>
    <row r="660162" spans="14:14">
      <c r="N660162" s="10"/>
    </row>
    <row r="660163" spans="14:14">
      <c r="N660163" s="10"/>
    </row>
    <row r="660164" spans="14:14">
      <c r="N660164" s="10"/>
    </row>
    <row r="660165" spans="14:14">
      <c r="N660165" s="10"/>
    </row>
    <row r="660166" spans="14:14">
      <c r="N660166" s="10"/>
    </row>
    <row r="660167" spans="14:14">
      <c r="N660167" s="10"/>
    </row>
    <row r="660168" spans="14:14">
      <c r="N660168" s="10"/>
    </row>
    <row r="660169" spans="14:14">
      <c r="N660169" s="10"/>
    </row>
    <row r="660170" spans="14:14">
      <c r="N660170" s="10"/>
    </row>
    <row r="660171" spans="14:14">
      <c r="N660171" s="10"/>
    </row>
    <row r="660172" spans="14:14">
      <c r="N660172" s="10"/>
    </row>
    <row r="660173" spans="14:14">
      <c r="N660173" s="10"/>
    </row>
    <row r="660174" spans="14:14">
      <c r="N660174" s="10"/>
    </row>
    <row r="660175" spans="14:14">
      <c r="N660175" s="10"/>
    </row>
    <row r="660176" spans="14:14">
      <c r="N660176" s="10"/>
    </row>
    <row r="660177" spans="14:14">
      <c r="N660177" s="10"/>
    </row>
    <row r="660178" spans="14:14">
      <c r="N660178" s="10"/>
    </row>
    <row r="660179" spans="14:14">
      <c r="N660179" s="10"/>
    </row>
    <row r="660180" spans="14:14">
      <c r="N660180" s="10"/>
    </row>
    <row r="660181" spans="14:14">
      <c r="N660181" s="10"/>
    </row>
    <row r="660182" spans="14:14">
      <c r="N660182" s="10"/>
    </row>
    <row r="660183" spans="14:14">
      <c r="N660183" s="10"/>
    </row>
    <row r="660184" spans="14:14">
      <c r="N660184" s="10"/>
    </row>
    <row r="660185" spans="14:14">
      <c r="N660185" s="10"/>
    </row>
    <row r="660186" spans="14:14">
      <c r="N660186" s="10"/>
    </row>
    <row r="660187" spans="14:14">
      <c r="N660187" s="10"/>
    </row>
    <row r="660188" spans="14:14">
      <c r="N660188" s="10"/>
    </row>
    <row r="660189" spans="14:14">
      <c r="N660189" s="10"/>
    </row>
    <row r="660190" spans="14:14">
      <c r="N660190" s="10"/>
    </row>
    <row r="660191" spans="14:14">
      <c r="N660191" s="10"/>
    </row>
    <row r="660192" spans="14:14">
      <c r="N660192" s="10"/>
    </row>
    <row r="660193" spans="14:14">
      <c r="N660193" s="10"/>
    </row>
    <row r="660194" spans="14:14">
      <c r="N660194" s="10"/>
    </row>
    <row r="660195" spans="14:14">
      <c r="N660195" s="10"/>
    </row>
    <row r="660196" spans="14:14">
      <c r="N660196" s="10"/>
    </row>
    <row r="660197" spans="14:14">
      <c r="N660197" s="10"/>
    </row>
    <row r="660198" spans="14:14">
      <c r="N660198" s="10"/>
    </row>
    <row r="660199" spans="14:14">
      <c r="N660199" s="10"/>
    </row>
    <row r="660200" spans="14:14">
      <c r="N660200" s="10"/>
    </row>
    <row r="660201" spans="14:14">
      <c r="N660201" s="10"/>
    </row>
    <row r="660202" spans="14:14">
      <c r="N660202" s="10"/>
    </row>
    <row r="660203" spans="14:14">
      <c r="N660203" s="10"/>
    </row>
    <row r="660204" spans="14:14">
      <c r="N660204" s="10"/>
    </row>
    <row r="660205" spans="14:14">
      <c r="N660205" s="10"/>
    </row>
    <row r="660206" spans="14:14">
      <c r="N660206" s="10"/>
    </row>
    <row r="660207" spans="14:14">
      <c r="N660207" s="10"/>
    </row>
    <row r="660208" spans="14:14">
      <c r="N660208" s="10"/>
    </row>
    <row r="660209" spans="14:14">
      <c r="N660209" s="10"/>
    </row>
    <row r="660210" spans="14:14">
      <c r="N660210" s="10"/>
    </row>
    <row r="660211" spans="14:14">
      <c r="N660211" s="10"/>
    </row>
    <row r="660212" spans="14:14">
      <c r="N660212" s="10"/>
    </row>
    <row r="660213" spans="14:14">
      <c r="N660213" s="10"/>
    </row>
    <row r="660214" spans="14:14">
      <c r="N660214" s="10"/>
    </row>
    <row r="660215" spans="14:14">
      <c r="N660215" s="10"/>
    </row>
    <row r="660216" spans="14:14">
      <c r="N660216" s="10"/>
    </row>
    <row r="660217" spans="14:14">
      <c r="N660217" s="10"/>
    </row>
    <row r="660218" spans="14:14">
      <c r="N660218" s="10"/>
    </row>
    <row r="660219" spans="14:14">
      <c r="N660219" s="10"/>
    </row>
    <row r="660220" spans="14:14">
      <c r="N660220" s="10"/>
    </row>
    <row r="660221" spans="14:14">
      <c r="N660221" s="10"/>
    </row>
    <row r="660222" spans="14:14">
      <c r="N660222" s="10"/>
    </row>
    <row r="660223" spans="14:14">
      <c r="N660223" s="10"/>
    </row>
    <row r="660224" spans="14:14">
      <c r="N660224" s="10"/>
    </row>
    <row r="660225" spans="14:14">
      <c r="N660225" s="10"/>
    </row>
    <row r="660226" spans="14:14">
      <c r="N660226" s="10"/>
    </row>
    <row r="660227" spans="14:14">
      <c r="N660227" s="10"/>
    </row>
    <row r="660228" spans="14:14">
      <c r="N660228" s="10"/>
    </row>
    <row r="660229" spans="14:14">
      <c r="N660229" s="10"/>
    </row>
    <row r="660230" spans="14:14">
      <c r="N660230" s="10"/>
    </row>
    <row r="660231" spans="14:14">
      <c r="N660231" s="10"/>
    </row>
    <row r="660232" spans="14:14">
      <c r="N660232" s="10"/>
    </row>
    <row r="660233" spans="14:14">
      <c r="N660233" s="10"/>
    </row>
    <row r="660234" spans="14:14">
      <c r="N660234" s="10"/>
    </row>
    <row r="660235" spans="14:14">
      <c r="N660235" s="10"/>
    </row>
    <row r="660236" spans="14:14">
      <c r="N660236" s="10"/>
    </row>
    <row r="660237" spans="14:14">
      <c r="N660237" s="10"/>
    </row>
    <row r="660238" spans="14:14">
      <c r="N660238" s="10"/>
    </row>
    <row r="660239" spans="14:14">
      <c r="N660239" s="10"/>
    </row>
    <row r="660240" spans="14:14">
      <c r="N660240" s="10"/>
    </row>
    <row r="660241" spans="14:14">
      <c r="N660241" s="10"/>
    </row>
    <row r="660242" spans="14:14">
      <c r="N660242" s="10"/>
    </row>
    <row r="660243" spans="14:14">
      <c r="N660243" s="10"/>
    </row>
    <row r="660244" spans="14:14">
      <c r="N660244" s="10"/>
    </row>
    <row r="660245" spans="14:14">
      <c r="N660245" s="10"/>
    </row>
    <row r="660246" spans="14:14">
      <c r="N660246" s="10"/>
    </row>
    <row r="660247" spans="14:14">
      <c r="N660247" s="10"/>
    </row>
    <row r="660248" spans="14:14">
      <c r="N660248" s="10"/>
    </row>
    <row r="660249" spans="14:14">
      <c r="N660249" s="10"/>
    </row>
    <row r="660250" spans="14:14">
      <c r="N660250" s="10"/>
    </row>
    <row r="660251" spans="14:14">
      <c r="N660251" s="10"/>
    </row>
    <row r="660252" spans="14:14">
      <c r="N660252" s="10"/>
    </row>
    <row r="660253" spans="14:14">
      <c r="N660253" s="10"/>
    </row>
    <row r="660254" spans="14:14">
      <c r="N660254" s="10"/>
    </row>
    <row r="660255" spans="14:14">
      <c r="N660255" s="10"/>
    </row>
    <row r="660256" spans="14:14">
      <c r="N660256" s="10"/>
    </row>
    <row r="660257" spans="14:14">
      <c r="N660257" s="10"/>
    </row>
    <row r="660258" spans="14:14">
      <c r="N660258" s="10"/>
    </row>
    <row r="660259" spans="14:14">
      <c r="N660259" s="10"/>
    </row>
    <row r="660260" spans="14:14">
      <c r="N660260" s="10"/>
    </row>
    <row r="660261" spans="14:14">
      <c r="N660261" s="10"/>
    </row>
    <row r="660262" spans="14:14">
      <c r="N660262" s="10"/>
    </row>
    <row r="660263" spans="14:14">
      <c r="N660263" s="10"/>
    </row>
    <row r="660264" spans="14:14">
      <c r="N660264" s="10"/>
    </row>
    <row r="660265" spans="14:14">
      <c r="N660265" s="10"/>
    </row>
    <row r="660266" spans="14:14">
      <c r="N660266" s="10"/>
    </row>
    <row r="660267" spans="14:14">
      <c r="N660267" s="10"/>
    </row>
    <row r="660268" spans="14:14">
      <c r="N660268" s="10"/>
    </row>
    <row r="660269" spans="14:14">
      <c r="N660269" s="10"/>
    </row>
    <row r="660270" spans="14:14">
      <c r="N660270" s="10"/>
    </row>
    <row r="660271" spans="14:14">
      <c r="N660271" s="10"/>
    </row>
    <row r="660272" spans="14:14">
      <c r="N660272" s="10"/>
    </row>
    <row r="660273" spans="14:14">
      <c r="N660273" s="10"/>
    </row>
    <row r="660274" spans="14:14">
      <c r="N660274" s="10"/>
    </row>
    <row r="660275" spans="14:14">
      <c r="N660275" s="10"/>
    </row>
    <row r="660276" spans="14:14">
      <c r="N660276" s="10"/>
    </row>
    <row r="660277" spans="14:14">
      <c r="N660277" s="10"/>
    </row>
    <row r="660278" spans="14:14">
      <c r="N660278" s="10"/>
    </row>
    <row r="660279" spans="14:14">
      <c r="N660279" s="10"/>
    </row>
    <row r="660280" spans="14:14">
      <c r="N660280" s="10"/>
    </row>
    <row r="660281" spans="14:14">
      <c r="N660281" s="10"/>
    </row>
    <row r="660282" spans="14:14">
      <c r="N660282" s="10"/>
    </row>
    <row r="660283" spans="14:14">
      <c r="N660283" s="10"/>
    </row>
    <row r="660284" spans="14:14">
      <c r="N660284" s="10"/>
    </row>
    <row r="660285" spans="14:14">
      <c r="N660285" s="10"/>
    </row>
    <row r="660286" spans="14:14">
      <c r="N660286" s="10"/>
    </row>
    <row r="660287" spans="14:14">
      <c r="N660287" s="10"/>
    </row>
    <row r="660288" spans="14:14">
      <c r="N660288" s="10"/>
    </row>
    <row r="660289" spans="14:14">
      <c r="N660289" s="10"/>
    </row>
    <row r="660290" spans="14:14">
      <c r="N660290" s="10"/>
    </row>
    <row r="660291" spans="14:14">
      <c r="N660291" s="10"/>
    </row>
    <row r="660292" spans="14:14">
      <c r="N660292" s="10"/>
    </row>
    <row r="660293" spans="14:14">
      <c r="N660293" s="10"/>
    </row>
    <row r="660294" spans="14:14">
      <c r="N660294" s="10"/>
    </row>
    <row r="660295" spans="14:14">
      <c r="N660295" s="10"/>
    </row>
    <row r="660296" spans="14:14">
      <c r="N660296" s="10"/>
    </row>
    <row r="660297" spans="14:14">
      <c r="N660297" s="10"/>
    </row>
    <row r="660298" spans="14:14">
      <c r="N660298" s="10"/>
    </row>
    <row r="660299" spans="14:14">
      <c r="N660299" s="10"/>
    </row>
    <row r="660300" spans="14:14">
      <c r="N660300" s="10"/>
    </row>
    <row r="660301" spans="14:14">
      <c r="N660301" s="10"/>
    </row>
    <row r="660302" spans="14:14">
      <c r="N660302" s="10"/>
    </row>
    <row r="660303" spans="14:14">
      <c r="N660303" s="10"/>
    </row>
    <row r="660304" spans="14:14">
      <c r="N660304" s="10"/>
    </row>
    <row r="660305" spans="14:14">
      <c r="N660305" s="10"/>
    </row>
    <row r="660306" spans="14:14">
      <c r="N660306" s="10"/>
    </row>
    <row r="660307" spans="14:14">
      <c r="N660307" s="10"/>
    </row>
    <row r="660308" spans="14:14">
      <c r="N660308" s="10"/>
    </row>
    <row r="660309" spans="14:14">
      <c r="N660309" s="10"/>
    </row>
    <row r="660310" spans="14:14">
      <c r="N660310" s="10"/>
    </row>
    <row r="660311" spans="14:14">
      <c r="N660311" s="10"/>
    </row>
    <row r="660312" spans="14:14">
      <c r="N660312" s="10"/>
    </row>
    <row r="660313" spans="14:14">
      <c r="N660313" s="10"/>
    </row>
    <row r="660314" spans="14:14">
      <c r="N660314" s="10"/>
    </row>
    <row r="660315" spans="14:14">
      <c r="N660315" s="10"/>
    </row>
    <row r="660316" spans="14:14">
      <c r="N660316" s="10"/>
    </row>
    <row r="660317" spans="14:14">
      <c r="N660317" s="10"/>
    </row>
    <row r="660318" spans="14:14">
      <c r="N660318" s="10"/>
    </row>
    <row r="660319" spans="14:14">
      <c r="N660319" s="10"/>
    </row>
    <row r="660320" spans="14:14">
      <c r="N660320" s="10"/>
    </row>
    <row r="660321" spans="14:14">
      <c r="N660321" s="10"/>
    </row>
    <row r="660322" spans="14:14">
      <c r="N660322" s="10"/>
    </row>
    <row r="660323" spans="14:14">
      <c r="N660323" s="10"/>
    </row>
    <row r="660324" spans="14:14">
      <c r="N660324" s="10"/>
    </row>
    <row r="660325" spans="14:14">
      <c r="N660325" s="10"/>
    </row>
    <row r="660326" spans="14:14">
      <c r="N660326" s="10"/>
    </row>
    <row r="660327" spans="14:14">
      <c r="N660327" s="10"/>
    </row>
    <row r="660328" spans="14:14">
      <c r="N660328" s="10"/>
    </row>
    <row r="660329" spans="14:14">
      <c r="N660329" s="10"/>
    </row>
    <row r="660330" spans="14:14">
      <c r="N660330" s="10"/>
    </row>
    <row r="660331" spans="14:14">
      <c r="N660331" s="10"/>
    </row>
    <row r="660332" spans="14:14">
      <c r="N660332" s="10"/>
    </row>
    <row r="660333" spans="14:14">
      <c r="N660333" s="10"/>
    </row>
    <row r="660334" spans="14:14">
      <c r="N660334" s="10"/>
    </row>
    <row r="660335" spans="14:14">
      <c r="N660335" s="10"/>
    </row>
    <row r="660336" spans="14:14">
      <c r="N660336" s="10"/>
    </row>
    <row r="660337" spans="14:14">
      <c r="N660337" s="10"/>
    </row>
    <row r="660338" spans="14:14">
      <c r="N660338" s="10"/>
    </row>
    <row r="660339" spans="14:14">
      <c r="N660339" s="10"/>
    </row>
    <row r="660340" spans="14:14">
      <c r="N660340" s="10"/>
    </row>
    <row r="660341" spans="14:14">
      <c r="N660341" s="10"/>
    </row>
    <row r="660342" spans="14:14">
      <c r="N660342" s="10"/>
    </row>
    <row r="660343" spans="14:14">
      <c r="N660343" s="10"/>
    </row>
    <row r="660344" spans="14:14">
      <c r="N660344" s="10"/>
    </row>
    <row r="660345" spans="14:14">
      <c r="N660345" s="10"/>
    </row>
    <row r="660346" spans="14:14">
      <c r="N660346" s="10"/>
    </row>
    <row r="660347" spans="14:14">
      <c r="N660347" s="10"/>
    </row>
    <row r="660348" spans="14:14">
      <c r="N660348" s="10"/>
    </row>
    <row r="660349" spans="14:14">
      <c r="N660349" s="10"/>
    </row>
    <row r="660350" spans="14:14">
      <c r="N660350" s="10"/>
    </row>
    <row r="660351" spans="14:14">
      <c r="N660351" s="10"/>
    </row>
    <row r="660352" spans="14:14">
      <c r="N660352" s="10"/>
    </row>
    <row r="660353" spans="14:14">
      <c r="N660353" s="10"/>
    </row>
    <row r="660354" spans="14:14">
      <c r="N660354" s="10"/>
    </row>
    <row r="660355" spans="14:14">
      <c r="N660355" s="10"/>
    </row>
    <row r="660356" spans="14:14">
      <c r="N660356" s="10"/>
    </row>
    <row r="660357" spans="14:14">
      <c r="N660357" s="10"/>
    </row>
    <row r="660358" spans="14:14">
      <c r="N660358" s="10"/>
    </row>
    <row r="660359" spans="14:14">
      <c r="N660359" s="10"/>
    </row>
    <row r="660360" spans="14:14">
      <c r="N660360" s="10"/>
    </row>
    <row r="660361" spans="14:14">
      <c r="N660361" s="10"/>
    </row>
    <row r="660362" spans="14:14">
      <c r="N660362" s="10"/>
    </row>
    <row r="660363" spans="14:14">
      <c r="N660363" s="10"/>
    </row>
    <row r="660364" spans="14:14">
      <c r="N660364" s="10"/>
    </row>
    <row r="660365" spans="14:14">
      <c r="N660365" s="10"/>
    </row>
    <row r="660366" spans="14:14">
      <c r="N660366" s="10"/>
    </row>
    <row r="660367" spans="14:14">
      <c r="N660367" s="10"/>
    </row>
    <row r="660368" spans="14:14">
      <c r="N660368" s="10"/>
    </row>
    <row r="660369" spans="14:14">
      <c r="N660369" s="10"/>
    </row>
    <row r="660370" spans="14:14">
      <c r="N660370" s="10"/>
    </row>
    <row r="660371" spans="14:14">
      <c r="N660371" s="10"/>
    </row>
    <row r="660372" spans="14:14">
      <c r="N660372" s="10"/>
    </row>
    <row r="660373" spans="14:14">
      <c r="N660373" s="10"/>
    </row>
    <row r="660374" spans="14:14">
      <c r="N660374" s="10"/>
    </row>
    <row r="660375" spans="14:14">
      <c r="N660375" s="10"/>
    </row>
    <row r="660376" spans="14:14">
      <c r="N660376" s="10"/>
    </row>
    <row r="660377" spans="14:14">
      <c r="N660377" s="10"/>
    </row>
    <row r="660378" spans="14:14">
      <c r="N660378" s="10"/>
    </row>
    <row r="660379" spans="14:14">
      <c r="N660379" s="10"/>
    </row>
    <row r="660380" spans="14:14">
      <c r="N660380" s="10"/>
    </row>
    <row r="660381" spans="14:14">
      <c r="N660381" s="10"/>
    </row>
    <row r="660382" spans="14:14">
      <c r="N660382" s="10"/>
    </row>
    <row r="660383" spans="14:14">
      <c r="N660383" s="10"/>
    </row>
    <row r="660384" spans="14:14">
      <c r="N660384" s="10"/>
    </row>
    <row r="660385" spans="14:14">
      <c r="N660385" s="10"/>
    </row>
    <row r="660386" spans="14:14">
      <c r="N660386" s="10"/>
    </row>
    <row r="660387" spans="14:14">
      <c r="N660387" s="10"/>
    </row>
    <row r="660388" spans="14:14">
      <c r="N660388" s="10"/>
    </row>
    <row r="660389" spans="14:14">
      <c r="N660389" s="10"/>
    </row>
    <row r="660390" spans="14:14">
      <c r="N660390" s="10"/>
    </row>
    <row r="660391" spans="14:14">
      <c r="N660391" s="10"/>
    </row>
    <row r="660392" spans="14:14">
      <c r="N660392" s="10"/>
    </row>
    <row r="660393" spans="14:14">
      <c r="N660393" s="10"/>
    </row>
    <row r="660394" spans="14:14">
      <c r="N660394" s="10"/>
    </row>
    <row r="660395" spans="14:14">
      <c r="N660395" s="10"/>
    </row>
    <row r="660396" spans="14:14">
      <c r="N660396" s="10"/>
    </row>
    <row r="660397" spans="14:14">
      <c r="N660397" s="10"/>
    </row>
    <row r="660398" spans="14:14">
      <c r="N660398" s="10"/>
    </row>
    <row r="660399" spans="14:14">
      <c r="N660399" s="10"/>
    </row>
    <row r="660400" spans="14:14">
      <c r="N660400" s="10"/>
    </row>
    <row r="660401" spans="14:14">
      <c r="N660401" s="10"/>
    </row>
    <row r="660402" spans="14:14">
      <c r="N660402" s="10"/>
    </row>
    <row r="660403" spans="14:14">
      <c r="N660403" s="10"/>
    </row>
    <row r="660404" spans="14:14">
      <c r="N660404" s="10"/>
    </row>
    <row r="660405" spans="14:14">
      <c r="N660405" s="10"/>
    </row>
    <row r="660406" spans="14:14">
      <c r="N660406" s="10"/>
    </row>
    <row r="660407" spans="14:14">
      <c r="N660407" s="10"/>
    </row>
    <row r="660408" spans="14:14">
      <c r="N660408" s="10"/>
    </row>
    <row r="660409" spans="14:14">
      <c r="N660409" s="10"/>
    </row>
    <row r="660410" spans="14:14">
      <c r="N660410" s="10"/>
    </row>
    <row r="660411" spans="14:14">
      <c r="N660411" s="10"/>
    </row>
    <row r="660412" spans="14:14">
      <c r="N660412" s="10"/>
    </row>
    <row r="660413" spans="14:14">
      <c r="N660413" s="10"/>
    </row>
    <row r="660414" spans="14:14">
      <c r="N660414" s="10"/>
    </row>
    <row r="660415" spans="14:14">
      <c r="N660415" s="10"/>
    </row>
    <row r="660416" spans="14:14">
      <c r="N660416" s="10"/>
    </row>
    <row r="660417" spans="14:14">
      <c r="N660417" s="10"/>
    </row>
    <row r="660418" spans="14:14">
      <c r="N660418" s="10"/>
    </row>
    <row r="660419" spans="14:14">
      <c r="N660419" s="10"/>
    </row>
    <row r="660420" spans="14:14">
      <c r="N660420" s="10"/>
    </row>
    <row r="660421" spans="14:14">
      <c r="N660421" s="10"/>
    </row>
    <row r="660422" spans="14:14">
      <c r="N660422" s="10"/>
    </row>
    <row r="660423" spans="14:14">
      <c r="N660423" s="10"/>
    </row>
    <row r="660424" spans="14:14">
      <c r="N660424" s="10"/>
    </row>
    <row r="660425" spans="14:14">
      <c r="N660425" s="10"/>
    </row>
    <row r="660426" spans="14:14">
      <c r="N660426" s="10"/>
    </row>
    <row r="660427" spans="14:14">
      <c r="N660427" s="10"/>
    </row>
    <row r="660428" spans="14:14">
      <c r="N660428" s="10"/>
    </row>
    <row r="660429" spans="14:14">
      <c r="N660429" s="10"/>
    </row>
    <row r="660430" spans="14:14">
      <c r="N660430" s="10"/>
    </row>
    <row r="660431" spans="14:14">
      <c r="N660431" s="10"/>
    </row>
    <row r="660432" spans="14:14">
      <c r="N660432" s="10"/>
    </row>
    <row r="660433" spans="14:14">
      <c r="N660433" s="10"/>
    </row>
    <row r="660434" spans="14:14">
      <c r="N660434" s="10"/>
    </row>
    <row r="660435" spans="14:14">
      <c r="N660435" s="10"/>
    </row>
    <row r="660436" spans="14:14">
      <c r="N660436" s="10"/>
    </row>
    <row r="660437" spans="14:14">
      <c r="N660437" s="10"/>
    </row>
    <row r="660438" spans="14:14">
      <c r="N660438" s="10"/>
    </row>
    <row r="660439" spans="14:14">
      <c r="N660439" s="10"/>
    </row>
    <row r="660440" spans="14:14">
      <c r="N660440" s="10"/>
    </row>
    <row r="660441" spans="14:14">
      <c r="N660441" s="10"/>
    </row>
    <row r="660442" spans="14:14">
      <c r="N660442" s="10"/>
    </row>
    <row r="660443" spans="14:14">
      <c r="N660443" s="10"/>
    </row>
    <row r="660444" spans="14:14">
      <c r="N660444" s="10"/>
    </row>
    <row r="660445" spans="14:14">
      <c r="N660445" s="10"/>
    </row>
    <row r="660446" spans="14:14">
      <c r="N660446" s="10"/>
    </row>
    <row r="660447" spans="14:14">
      <c r="N660447" s="10"/>
    </row>
    <row r="660448" spans="14:14">
      <c r="N660448" s="10"/>
    </row>
    <row r="660449" spans="14:14">
      <c r="N660449" s="10"/>
    </row>
    <row r="660450" spans="14:14">
      <c r="N660450" s="10"/>
    </row>
    <row r="660451" spans="14:14">
      <c r="N660451" s="10"/>
    </row>
    <row r="660452" spans="14:14">
      <c r="N660452" s="10"/>
    </row>
    <row r="660453" spans="14:14">
      <c r="N660453" s="10"/>
    </row>
    <row r="660454" spans="14:14">
      <c r="N660454" s="10"/>
    </row>
    <row r="660455" spans="14:14">
      <c r="N660455" s="10"/>
    </row>
    <row r="660456" spans="14:14">
      <c r="N660456" s="10"/>
    </row>
    <row r="660457" spans="14:14">
      <c r="N660457" s="10"/>
    </row>
    <row r="660458" spans="14:14">
      <c r="N660458" s="10"/>
    </row>
    <row r="660459" spans="14:14">
      <c r="N660459" s="10"/>
    </row>
    <row r="660460" spans="14:14">
      <c r="N660460" s="10"/>
    </row>
    <row r="660461" spans="14:14">
      <c r="N660461" s="10"/>
    </row>
    <row r="660462" spans="14:14">
      <c r="N660462" s="10"/>
    </row>
    <row r="660463" spans="14:14">
      <c r="N660463" s="10"/>
    </row>
    <row r="660464" spans="14:14">
      <c r="N660464" s="10"/>
    </row>
    <row r="660465" spans="14:14">
      <c r="N660465" s="10"/>
    </row>
    <row r="660466" spans="14:14">
      <c r="N660466" s="10"/>
    </row>
    <row r="660467" spans="14:14">
      <c r="N660467" s="10"/>
    </row>
    <row r="660468" spans="14:14">
      <c r="N660468" s="10"/>
    </row>
    <row r="660469" spans="14:14">
      <c r="N660469" s="10"/>
    </row>
    <row r="660470" spans="14:14">
      <c r="N660470" s="10"/>
    </row>
    <row r="660471" spans="14:14">
      <c r="N660471" s="10"/>
    </row>
    <row r="660472" spans="14:14">
      <c r="N660472" s="10"/>
    </row>
    <row r="660473" spans="14:14">
      <c r="N660473" s="10"/>
    </row>
    <row r="660474" spans="14:14">
      <c r="N660474" s="10"/>
    </row>
    <row r="660475" spans="14:14">
      <c r="N660475" s="10"/>
    </row>
    <row r="660476" spans="14:14">
      <c r="N660476" s="10"/>
    </row>
    <row r="660477" spans="14:14">
      <c r="N660477" s="10"/>
    </row>
    <row r="660478" spans="14:14">
      <c r="N660478" s="10"/>
    </row>
    <row r="660479" spans="14:14">
      <c r="N660479" s="10"/>
    </row>
    <row r="660480" spans="14:14">
      <c r="N660480" s="10"/>
    </row>
    <row r="660481" spans="14:14">
      <c r="N660481" s="10"/>
    </row>
    <row r="660482" spans="14:14">
      <c r="N660482" s="10"/>
    </row>
    <row r="660483" spans="14:14">
      <c r="N660483" s="10"/>
    </row>
    <row r="660484" spans="14:14">
      <c r="N660484" s="10"/>
    </row>
    <row r="660485" spans="14:14">
      <c r="N660485" s="10"/>
    </row>
    <row r="660486" spans="14:14">
      <c r="N660486" s="10"/>
    </row>
    <row r="660487" spans="14:14">
      <c r="N660487" s="10"/>
    </row>
    <row r="660488" spans="14:14">
      <c r="N660488" s="10"/>
    </row>
    <row r="660489" spans="14:14">
      <c r="N660489" s="10"/>
    </row>
    <row r="660490" spans="14:14">
      <c r="N660490" s="10"/>
    </row>
    <row r="660491" spans="14:14">
      <c r="N660491" s="10"/>
    </row>
    <row r="660492" spans="14:14">
      <c r="N660492" s="10"/>
    </row>
    <row r="660493" spans="14:14">
      <c r="N660493" s="10"/>
    </row>
    <row r="660494" spans="14:14">
      <c r="N660494" s="10"/>
    </row>
    <row r="660495" spans="14:14">
      <c r="N660495" s="10"/>
    </row>
    <row r="660496" spans="14:14">
      <c r="N660496" s="10"/>
    </row>
    <row r="660497" spans="14:14">
      <c r="N660497" s="10"/>
    </row>
    <row r="660498" spans="14:14">
      <c r="N660498" s="10"/>
    </row>
    <row r="660499" spans="14:14">
      <c r="N660499" s="10"/>
    </row>
    <row r="660500" spans="14:14">
      <c r="N660500" s="10"/>
    </row>
    <row r="660501" spans="14:14">
      <c r="N660501" s="10"/>
    </row>
    <row r="660502" spans="14:14">
      <c r="N660502" s="10"/>
    </row>
    <row r="660503" spans="14:14">
      <c r="N660503" s="10"/>
    </row>
    <row r="660504" spans="14:14">
      <c r="N660504" s="10"/>
    </row>
    <row r="660505" spans="14:14">
      <c r="N660505" s="10"/>
    </row>
    <row r="660506" spans="14:14">
      <c r="N660506" s="10"/>
    </row>
    <row r="660507" spans="14:14">
      <c r="N660507" s="10"/>
    </row>
    <row r="660508" spans="14:14">
      <c r="N660508" s="10"/>
    </row>
    <row r="660509" spans="14:14">
      <c r="N660509" s="10"/>
    </row>
    <row r="660510" spans="14:14">
      <c r="N660510" s="10"/>
    </row>
    <row r="660511" spans="14:14">
      <c r="N660511" s="10"/>
    </row>
    <row r="660512" spans="14:14">
      <c r="N660512" s="10"/>
    </row>
    <row r="660513" spans="14:14">
      <c r="N660513" s="10"/>
    </row>
    <row r="660514" spans="14:14">
      <c r="N660514" s="10"/>
    </row>
    <row r="660515" spans="14:14">
      <c r="N660515" s="10"/>
    </row>
    <row r="660516" spans="14:14">
      <c r="N660516" s="10"/>
    </row>
    <row r="660517" spans="14:14">
      <c r="N660517" s="10"/>
    </row>
    <row r="660518" spans="14:14">
      <c r="N660518" s="10"/>
    </row>
    <row r="660519" spans="14:14">
      <c r="N660519" s="10"/>
    </row>
    <row r="660520" spans="14:14">
      <c r="N660520" s="10"/>
    </row>
    <row r="660521" spans="14:14">
      <c r="N660521" s="10"/>
    </row>
    <row r="660522" spans="14:14">
      <c r="N660522" s="10"/>
    </row>
    <row r="660523" spans="14:14">
      <c r="N660523" s="10"/>
    </row>
    <row r="660524" spans="14:14">
      <c r="N660524" s="10"/>
    </row>
    <row r="660525" spans="14:14">
      <c r="N660525" s="10"/>
    </row>
    <row r="660526" spans="14:14">
      <c r="N660526" s="10"/>
    </row>
    <row r="660527" spans="14:14">
      <c r="N660527" s="10"/>
    </row>
    <row r="660528" spans="14:14">
      <c r="N660528" s="10"/>
    </row>
    <row r="660529" spans="14:14">
      <c r="N660529" s="10"/>
    </row>
    <row r="660530" spans="14:14">
      <c r="N660530" s="10"/>
    </row>
    <row r="660531" spans="14:14">
      <c r="N660531" s="10"/>
    </row>
    <row r="660532" spans="14:14">
      <c r="N660532" s="10"/>
    </row>
    <row r="660533" spans="14:14">
      <c r="N660533" s="10"/>
    </row>
    <row r="660534" spans="14:14">
      <c r="N660534" s="10"/>
    </row>
    <row r="660535" spans="14:14">
      <c r="N660535" s="10"/>
    </row>
    <row r="660536" spans="14:14">
      <c r="N660536" s="10"/>
    </row>
    <row r="660537" spans="14:14">
      <c r="N660537" s="10"/>
    </row>
    <row r="660538" spans="14:14">
      <c r="N660538" s="10"/>
    </row>
    <row r="660539" spans="14:14">
      <c r="N660539" s="10"/>
    </row>
    <row r="660540" spans="14:14">
      <c r="N660540" s="10"/>
    </row>
    <row r="660541" spans="14:14">
      <c r="N660541" s="10"/>
    </row>
    <row r="660542" spans="14:14">
      <c r="N660542" s="10"/>
    </row>
    <row r="660543" spans="14:14">
      <c r="N660543" s="10"/>
    </row>
    <row r="660544" spans="14:14">
      <c r="N660544" s="10"/>
    </row>
    <row r="660545" spans="14:14">
      <c r="N660545" s="10"/>
    </row>
    <row r="660546" spans="14:14">
      <c r="N660546" s="10"/>
    </row>
    <row r="660547" spans="14:14">
      <c r="N660547" s="10"/>
    </row>
    <row r="660548" spans="14:14">
      <c r="N660548" s="10"/>
    </row>
    <row r="660549" spans="14:14">
      <c r="N660549" s="10"/>
    </row>
    <row r="660550" spans="14:14">
      <c r="N660550" s="10"/>
    </row>
    <row r="660551" spans="14:14">
      <c r="N660551" s="10"/>
    </row>
    <row r="660552" spans="14:14">
      <c r="N660552" s="10"/>
    </row>
    <row r="660553" spans="14:14">
      <c r="N660553" s="10"/>
    </row>
    <row r="660554" spans="14:14">
      <c r="N660554" s="10"/>
    </row>
    <row r="660555" spans="14:14">
      <c r="N660555" s="10"/>
    </row>
    <row r="660556" spans="14:14">
      <c r="N660556" s="10"/>
    </row>
    <row r="660557" spans="14:14">
      <c r="N660557" s="10"/>
    </row>
    <row r="660558" spans="14:14">
      <c r="N660558" s="10"/>
    </row>
    <row r="660559" spans="14:14">
      <c r="N660559" s="10"/>
    </row>
    <row r="660560" spans="14:14">
      <c r="N660560" s="10"/>
    </row>
    <row r="660561" spans="14:14">
      <c r="N660561" s="10"/>
    </row>
    <row r="660562" spans="14:14">
      <c r="N660562" s="10"/>
    </row>
    <row r="660563" spans="14:14">
      <c r="N660563" s="10"/>
    </row>
    <row r="660564" spans="14:14">
      <c r="N660564" s="10"/>
    </row>
    <row r="660565" spans="14:14">
      <c r="N660565" s="10"/>
    </row>
    <row r="660566" spans="14:14">
      <c r="N660566" s="10"/>
    </row>
    <row r="660567" spans="14:14">
      <c r="N660567" s="10"/>
    </row>
    <row r="660568" spans="14:14">
      <c r="N660568" s="10"/>
    </row>
    <row r="660569" spans="14:14">
      <c r="N660569" s="10"/>
    </row>
    <row r="660570" spans="14:14">
      <c r="N660570" s="10"/>
    </row>
    <row r="660571" spans="14:14">
      <c r="N660571" s="10"/>
    </row>
    <row r="660572" spans="14:14">
      <c r="N660572" s="10"/>
    </row>
    <row r="660573" spans="14:14">
      <c r="N660573" s="10"/>
    </row>
    <row r="660574" spans="14:14">
      <c r="N660574" s="10"/>
    </row>
    <row r="660575" spans="14:14">
      <c r="N660575" s="10"/>
    </row>
    <row r="660576" spans="14:14">
      <c r="N660576" s="10"/>
    </row>
    <row r="660577" spans="14:14">
      <c r="N660577" s="10"/>
    </row>
    <row r="660578" spans="14:14">
      <c r="N660578" s="10"/>
    </row>
    <row r="660579" spans="14:14">
      <c r="N660579" s="10"/>
    </row>
    <row r="660580" spans="14:14">
      <c r="N660580" s="10"/>
    </row>
    <row r="660581" spans="14:14">
      <c r="N660581" s="10"/>
    </row>
    <row r="660582" spans="14:14">
      <c r="N660582" s="10"/>
    </row>
    <row r="660583" spans="14:14">
      <c r="N660583" s="10"/>
    </row>
    <row r="660584" spans="14:14">
      <c r="N660584" s="10"/>
    </row>
    <row r="660585" spans="14:14">
      <c r="N660585" s="10"/>
    </row>
    <row r="660586" spans="14:14">
      <c r="N660586" s="10"/>
    </row>
    <row r="660587" spans="14:14">
      <c r="N660587" s="10"/>
    </row>
    <row r="660588" spans="14:14">
      <c r="N660588" s="10"/>
    </row>
    <row r="660589" spans="14:14">
      <c r="N660589" s="10"/>
    </row>
    <row r="660590" spans="14:14">
      <c r="N660590" s="10"/>
    </row>
    <row r="660591" spans="14:14">
      <c r="N660591" s="10"/>
    </row>
    <row r="660592" spans="14:14">
      <c r="N660592" s="10"/>
    </row>
    <row r="660593" spans="14:14">
      <c r="N660593" s="10"/>
    </row>
    <row r="660594" spans="14:14">
      <c r="N660594" s="10"/>
    </row>
    <row r="660595" spans="14:14">
      <c r="N660595" s="10"/>
    </row>
    <row r="660596" spans="14:14">
      <c r="N660596" s="10"/>
    </row>
    <row r="660597" spans="14:14">
      <c r="N660597" s="10"/>
    </row>
    <row r="660598" spans="14:14">
      <c r="N660598" s="10"/>
    </row>
    <row r="660599" spans="14:14">
      <c r="N660599" s="10"/>
    </row>
    <row r="660600" spans="14:14">
      <c r="N660600" s="10"/>
    </row>
    <row r="660601" spans="14:14">
      <c r="N660601" s="10"/>
    </row>
    <row r="660602" spans="14:14">
      <c r="N660602" s="10"/>
    </row>
    <row r="660603" spans="14:14">
      <c r="N660603" s="10"/>
    </row>
    <row r="660604" spans="14:14">
      <c r="N660604" s="10"/>
    </row>
    <row r="660605" spans="14:14">
      <c r="N660605" s="10"/>
    </row>
    <row r="660606" spans="14:14">
      <c r="N660606" s="10"/>
    </row>
    <row r="660607" spans="14:14">
      <c r="N660607" s="10"/>
    </row>
    <row r="660608" spans="14:14">
      <c r="N660608" s="10"/>
    </row>
    <row r="660609" spans="14:14">
      <c r="N660609" s="10"/>
    </row>
    <row r="660610" spans="14:14">
      <c r="N660610" s="10"/>
    </row>
    <row r="660611" spans="14:14">
      <c r="N660611" s="10"/>
    </row>
    <row r="660612" spans="14:14">
      <c r="N660612" s="10"/>
    </row>
    <row r="660613" spans="14:14">
      <c r="N660613" s="10"/>
    </row>
    <row r="660614" spans="14:14">
      <c r="N660614" s="10"/>
    </row>
    <row r="660615" spans="14:14">
      <c r="N660615" s="10"/>
    </row>
    <row r="660616" spans="14:14">
      <c r="N660616" s="10"/>
    </row>
    <row r="660617" spans="14:14">
      <c r="N660617" s="10"/>
    </row>
    <row r="660618" spans="14:14">
      <c r="N660618" s="10"/>
    </row>
    <row r="660619" spans="14:14">
      <c r="N660619" s="10"/>
    </row>
    <row r="660620" spans="14:14">
      <c r="N660620" s="10"/>
    </row>
    <row r="660621" spans="14:14">
      <c r="N660621" s="10"/>
    </row>
    <row r="660622" spans="14:14">
      <c r="N660622" s="10"/>
    </row>
    <row r="660623" spans="14:14">
      <c r="N660623" s="10"/>
    </row>
    <row r="660624" spans="14:14">
      <c r="N660624" s="10"/>
    </row>
    <row r="660625" spans="14:14">
      <c r="N660625" s="10"/>
    </row>
    <row r="660626" spans="14:14">
      <c r="N660626" s="10"/>
    </row>
    <row r="660627" spans="14:14">
      <c r="N660627" s="10"/>
    </row>
    <row r="660628" spans="14:14">
      <c r="N660628" s="10"/>
    </row>
    <row r="660629" spans="14:14">
      <c r="N660629" s="10"/>
    </row>
    <row r="660630" spans="14:14">
      <c r="N660630" s="10"/>
    </row>
    <row r="660631" spans="14:14">
      <c r="N660631" s="10"/>
    </row>
    <row r="660632" spans="14:14">
      <c r="N660632" s="10"/>
    </row>
    <row r="660633" spans="14:14">
      <c r="N660633" s="10"/>
    </row>
    <row r="660634" spans="14:14">
      <c r="N660634" s="10"/>
    </row>
    <row r="660635" spans="14:14">
      <c r="N660635" s="10"/>
    </row>
    <row r="660636" spans="14:14">
      <c r="N660636" s="10"/>
    </row>
    <row r="660637" spans="14:14">
      <c r="N660637" s="10"/>
    </row>
    <row r="660638" spans="14:14">
      <c r="N660638" s="10"/>
    </row>
    <row r="660639" spans="14:14">
      <c r="N660639" s="10"/>
    </row>
    <row r="660640" spans="14:14">
      <c r="N660640" s="10"/>
    </row>
    <row r="660641" spans="14:14">
      <c r="N660641" s="10"/>
    </row>
    <row r="660642" spans="14:14">
      <c r="N660642" s="10"/>
    </row>
    <row r="660643" spans="14:14">
      <c r="N660643" s="10"/>
    </row>
    <row r="660644" spans="14:14">
      <c r="N660644" s="10"/>
    </row>
    <row r="660645" spans="14:14">
      <c r="N660645" s="10"/>
    </row>
    <row r="660646" spans="14:14">
      <c r="N660646" s="10"/>
    </row>
    <row r="660647" spans="14:14">
      <c r="N660647" s="10"/>
    </row>
    <row r="660648" spans="14:14">
      <c r="N660648" s="10"/>
    </row>
    <row r="660649" spans="14:14">
      <c r="N660649" s="10"/>
    </row>
    <row r="660650" spans="14:14">
      <c r="N660650" s="10"/>
    </row>
    <row r="660651" spans="14:14">
      <c r="N660651" s="10"/>
    </row>
    <row r="660652" spans="14:14">
      <c r="N660652" s="10"/>
    </row>
    <row r="660653" spans="14:14">
      <c r="N660653" s="10"/>
    </row>
    <row r="660654" spans="14:14">
      <c r="N660654" s="10"/>
    </row>
    <row r="660655" spans="14:14">
      <c r="N660655" s="10"/>
    </row>
    <row r="660656" spans="14:14">
      <c r="N660656" s="10"/>
    </row>
    <row r="660657" spans="14:14">
      <c r="N660657" s="10"/>
    </row>
    <row r="660658" spans="14:14">
      <c r="N660658" s="10"/>
    </row>
    <row r="660659" spans="14:14">
      <c r="N660659" s="10"/>
    </row>
    <row r="660660" spans="14:14">
      <c r="N660660" s="10"/>
    </row>
    <row r="660661" spans="14:14">
      <c r="N660661" s="10"/>
    </row>
    <row r="660662" spans="14:14">
      <c r="N660662" s="10"/>
    </row>
    <row r="660663" spans="14:14">
      <c r="N660663" s="10"/>
    </row>
    <row r="660664" spans="14:14">
      <c r="N660664" s="10"/>
    </row>
    <row r="660665" spans="14:14">
      <c r="N660665" s="10"/>
    </row>
    <row r="660666" spans="14:14">
      <c r="N660666" s="10"/>
    </row>
    <row r="660667" spans="14:14">
      <c r="N660667" s="10"/>
    </row>
    <row r="660668" spans="14:14">
      <c r="N660668" s="10"/>
    </row>
    <row r="660669" spans="14:14">
      <c r="N660669" s="10"/>
    </row>
    <row r="660670" spans="14:14">
      <c r="N660670" s="10"/>
    </row>
    <row r="660671" spans="14:14">
      <c r="N660671" s="10"/>
    </row>
    <row r="660672" spans="14:14">
      <c r="N660672" s="10"/>
    </row>
    <row r="660673" spans="14:14">
      <c r="N660673" s="10"/>
    </row>
    <row r="660674" spans="14:14">
      <c r="N660674" s="10"/>
    </row>
    <row r="660675" spans="14:14">
      <c r="N660675" s="10"/>
    </row>
    <row r="660676" spans="14:14">
      <c r="N660676" s="10"/>
    </row>
    <row r="660677" spans="14:14">
      <c r="N660677" s="10"/>
    </row>
    <row r="660678" spans="14:14">
      <c r="N660678" s="10"/>
    </row>
    <row r="660679" spans="14:14">
      <c r="N660679" s="10"/>
    </row>
    <row r="660680" spans="14:14">
      <c r="N660680" s="10"/>
    </row>
    <row r="660681" spans="14:14">
      <c r="N660681" s="10"/>
    </row>
    <row r="660682" spans="14:14">
      <c r="N660682" s="10"/>
    </row>
    <row r="660683" spans="14:14">
      <c r="N660683" s="10"/>
    </row>
    <row r="660684" spans="14:14">
      <c r="N660684" s="10"/>
    </row>
    <row r="660685" spans="14:14">
      <c r="N660685" s="10"/>
    </row>
    <row r="660686" spans="14:14">
      <c r="N660686" s="10"/>
    </row>
    <row r="660687" spans="14:14">
      <c r="N660687" s="10"/>
    </row>
    <row r="660688" spans="14:14">
      <c r="N660688" s="10"/>
    </row>
    <row r="660689" spans="14:14">
      <c r="N660689" s="10"/>
    </row>
    <row r="660690" spans="14:14">
      <c r="N660690" s="10"/>
    </row>
    <row r="660691" spans="14:14">
      <c r="N660691" s="10"/>
    </row>
    <row r="660692" spans="14:14">
      <c r="N660692" s="10"/>
    </row>
    <row r="660693" spans="14:14">
      <c r="N660693" s="10"/>
    </row>
    <row r="660694" spans="14:14">
      <c r="N660694" s="10"/>
    </row>
    <row r="660695" spans="14:14">
      <c r="N660695" s="10"/>
    </row>
    <row r="660696" spans="14:14">
      <c r="N660696" s="10"/>
    </row>
    <row r="660697" spans="14:14">
      <c r="N660697" s="10"/>
    </row>
    <row r="660698" spans="14:14">
      <c r="N660698" s="10"/>
    </row>
    <row r="660699" spans="14:14">
      <c r="N660699" s="10"/>
    </row>
    <row r="660700" spans="14:14">
      <c r="N660700" s="10"/>
    </row>
    <row r="660701" spans="14:14">
      <c r="N660701" s="10"/>
    </row>
    <row r="660702" spans="14:14">
      <c r="N660702" s="10"/>
    </row>
    <row r="660703" spans="14:14">
      <c r="N660703" s="10"/>
    </row>
    <row r="660704" spans="14:14">
      <c r="N660704" s="10"/>
    </row>
    <row r="660705" spans="14:14">
      <c r="N660705" s="10"/>
    </row>
    <row r="660706" spans="14:14">
      <c r="N660706" s="10"/>
    </row>
    <row r="660707" spans="14:14">
      <c r="N660707" s="10"/>
    </row>
    <row r="660708" spans="14:14">
      <c r="N660708" s="10"/>
    </row>
    <row r="660709" spans="14:14">
      <c r="N660709" s="10"/>
    </row>
    <row r="660710" spans="14:14">
      <c r="N660710" s="10"/>
    </row>
    <row r="660711" spans="14:14">
      <c r="N660711" s="10"/>
    </row>
    <row r="660712" spans="14:14">
      <c r="N660712" s="10"/>
    </row>
    <row r="660713" spans="14:14">
      <c r="N660713" s="10"/>
    </row>
    <row r="660714" spans="14:14">
      <c r="N660714" s="10"/>
    </row>
    <row r="660715" spans="14:14">
      <c r="N660715" s="10"/>
    </row>
    <row r="660716" spans="14:14">
      <c r="N660716" s="10"/>
    </row>
    <row r="660717" spans="14:14">
      <c r="N660717" s="10"/>
    </row>
    <row r="660718" spans="14:14">
      <c r="N660718" s="10"/>
    </row>
    <row r="660719" spans="14:14">
      <c r="N660719" s="10"/>
    </row>
    <row r="660720" spans="14:14">
      <c r="N660720" s="10"/>
    </row>
    <row r="660721" spans="14:14">
      <c r="N660721" s="10"/>
    </row>
    <row r="660722" spans="14:14">
      <c r="N660722" s="10"/>
    </row>
    <row r="660723" spans="14:14">
      <c r="N660723" s="10"/>
    </row>
    <row r="660724" spans="14:14">
      <c r="N660724" s="10"/>
    </row>
    <row r="660725" spans="14:14">
      <c r="N660725" s="10"/>
    </row>
    <row r="660726" spans="14:14">
      <c r="N660726" s="10"/>
    </row>
    <row r="660727" spans="14:14">
      <c r="N660727" s="10"/>
    </row>
    <row r="660728" spans="14:14">
      <c r="N660728" s="10"/>
    </row>
    <row r="660729" spans="14:14">
      <c r="N660729" s="10"/>
    </row>
    <row r="660730" spans="14:14">
      <c r="N660730" s="10"/>
    </row>
    <row r="660731" spans="14:14">
      <c r="N660731" s="10"/>
    </row>
    <row r="660732" spans="14:14">
      <c r="N660732" s="10"/>
    </row>
    <row r="660733" spans="14:14">
      <c r="N660733" s="10"/>
    </row>
    <row r="660734" spans="14:14">
      <c r="N660734" s="10"/>
    </row>
    <row r="660735" spans="14:14">
      <c r="N660735" s="10"/>
    </row>
    <row r="660736" spans="14:14">
      <c r="N660736" s="10"/>
    </row>
    <row r="660737" spans="14:14">
      <c r="N660737" s="10"/>
    </row>
    <row r="660738" spans="14:14">
      <c r="N660738" s="10"/>
    </row>
    <row r="660739" spans="14:14">
      <c r="N660739" s="10"/>
    </row>
    <row r="660740" spans="14:14">
      <c r="N660740" s="10"/>
    </row>
    <row r="660741" spans="14:14">
      <c r="N660741" s="10"/>
    </row>
    <row r="660742" spans="14:14">
      <c r="N660742" s="10"/>
    </row>
    <row r="660743" spans="14:14">
      <c r="N660743" s="10"/>
    </row>
    <row r="660744" spans="14:14">
      <c r="N660744" s="10"/>
    </row>
    <row r="660745" spans="14:14">
      <c r="N660745" s="10"/>
    </row>
    <row r="660746" spans="14:14">
      <c r="N660746" s="10"/>
    </row>
    <row r="660747" spans="14:14">
      <c r="N660747" s="10"/>
    </row>
    <row r="660748" spans="14:14">
      <c r="N660748" s="10"/>
    </row>
    <row r="660749" spans="14:14">
      <c r="N660749" s="10"/>
    </row>
    <row r="660750" spans="14:14">
      <c r="N660750" s="10"/>
    </row>
    <row r="660751" spans="14:14">
      <c r="N660751" s="10"/>
    </row>
    <row r="660752" spans="14:14">
      <c r="N660752" s="10"/>
    </row>
    <row r="660753" spans="14:14">
      <c r="N660753" s="10"/>
    </row>
    <row r="660754" spans="14:14">
      <c r="N660754" s="10"/>
    </row>
    <row r="660755" spans="14:14">
      <c r="N660755" s="10"/>
    </row>
    <row r="660756" spans="14:14">
      <c r="N660756" s="10"/>
    </row>
    <row r="660757" spans="14:14">
      <c r="N660757" s="10"/>
    </row>
    <row r="660758" spans="14:14">
      <c r="N660758" s="10"/>
    </row>
    <row r="660759" spans="14:14">
      <c r="N660759" s="10"/>
    </row>
    <row r="660760" spans="14:14">
      <c r="N660760" s="10"/>
    </row>
    <row r="660761" spans="14:14">
      <c r="N660761" s="10"/>
    </row>
    <row r="660762" spans="14:14">
      <c r="N660762" s="10"/>
    </row>
    <row r="660763" spans="14:14">
      <c r="N660763" s="10"/>
    </row>
    <row r="660764" spans="14:14">
      <c r="N660764" s="10"/>
    </row>
    <row r="660765" spans="14:14">
      <c r="N660765" s="10"/>
    </row>
    <row r="660766" spans="14:14">
      <c r="N660766" s="10"/>
    </row>
    <row r="660767" spans="14:14">
      <c r="N660767" s="10"/>
    </row>
    <row r="660768" spans="14:14">
      <c r="N660768" s="10"/>
    </row>
    <row r="660769" spans="14:14">
      <c r="N660769" s="10"/>
    </row>
    <row r="660770" spans="14:14">
      <c r="N660770" s="10"/>
    </row>
    <row r="660771" spans="14:14">
      <c r="N660771" s="10"/>
    </row>
    <row r="660772" spans="14:14">
      <c r="N660772" s="10"/>
    </row>
    <row r="660773" spans="14:14">
      <c r="N660773" s="10"/>
    </row>
    <row r="660774" spans="14:14">
      <c r="N660774" s="10"/>
    </row>
    <row r="660775" spans="14:14">
      <c r="N660775" s="10"/>
    </row>
    <row r="660776" spans="14:14">
      <c r="N660776" s="10"/>
    </row>
    <row r="660777" spans="14:14">
      <c r="N660777" s="10"/>
    </row>
    <row r="660778" spans="14:14">
      <c r="N660778" s="10"/>
    </row>
    <row r="660779" spans="14:14">
      <c r="N660779" s="10"/>
    </row>
    <row r="660780" spans="14:14">
      <c r="N660780" s="10"/>
    </row>
    <row r="660781" spans="14:14">
      <c r="N660781" s="10"/>
    </row>
    <row r="660782" spans="14:14">
      <c r="N660782" s="10"/>
    </row>
    <row r="660783" spans="14:14">
      <c r="N660783" s="10"/>
    </row>
    <row r="660784" spans="14:14">
      <c r="N660784" s="10"/>
    </row>
    <row r="660785" spans="14:14">
      <c r="N660785" s="10"/>
    </row>
    <row r="660786" spans="14:14">
      <c r="N660786" s="10"/>
    </row>
    <row r="660787" spans="14:14">
      <c r="N660787" s="10"/>
    </row>
    <row r="660788" spans="14:14">
      <c r="N660788" s="10"/>
    </row>
    <row r="660789" spans="14:14">
      <c r="N660789" s="10"/>
    </row>
    <row r="660790" spans="14:14">
      <c r="N660790" s="10"/>
    </row>
    <row r="660791" spans="14:14">
      <c r="N660791" s="10"/>
    </row>
    <row r="660792" spans="14:14">
      <c r="N660792" s="10"/>
    </row>
    <row r="660793" spans="14:14">
      <c r="N660793" s="10"/>
    </row>
    <row r="660794" spans="14:14">
      <c r="N660794" s="10"/>
    </row>
    <row r="660795" spans="14:14">
      <c r="N660795" s="10"/>
    </row>
    <row r="660796" spans="14:14">
      <c r="N660796" s="10"/>
    </row>
    <row r="660797" spans="14:14">
      <c r="N660797" s="10"/>
    </row>
    <row r="660798" spans="14:14">
      <c r="N660798" s="10"/>
    </row>
    <row r="660799" spans="14:14">
      <c r="N660799" s="10"/>
    </row>
    <row r="660800" spans="14:14">
      <c r="N660800" s="10"/>
    </row>
    <row r="660801" spans="14:14">
      <c r="N660801" s="10"/>
    </row>
    <row r="660802" spans="14:14">
      <c r="N660802" s="10"/>
    </row>
    <row r="660803" spans="14:14">
      <c r="N660803" s="10"/>
    </row>
    <row r="660804" spans="14:14">
      <c r="N660804" s="10"/>
    </row>
    <row r="660805" spans="14:14">
      <c r="N660805" s="10"/>
    </row>
    <row r="660806" spans="14:14">
      <c r="N660806" s="10"/>
    </row>
    <row r="660807" spans="14:14">
      <c r="N660807" s="10"/>
    </row>
    <row r="660808" spans="14:14">
      <c r="N660808" s="10"/>
    </row>
    <row r="660809" spans="14:14">
      <c r="N660809" s="10"/>
    </row>
    <row r="660810" spans="14:14">
      <c r="N660810" s="10"/>
    </row>
    <row r="660811" spans="14:14">
      <c r="N660811" s="10"/>
    </row>
    <row r="660812" spans="14:14">
      <c r="N660812" s="10"/>
    </row>
    <row r="660813" spans="14:14">
      <c r="N660813" s="10"/>
    </row>
    <row r="660814" spans="14:14">
      <c r="N660814" s="10"/>
    </row>
    <row r="660815" spans="14:14">
      <c r="N660815" s="10"/>
    </row>
    <row r="660816" spans="14:14">
      <c r="N660816" s="10"/>
    </row>
    <row r="660817" spans="14:14">
      <c r="N660817" s="10"/>
    </row>
    <row r="660818" spans="14:14">
      <c r="N660818" s="10"/>
    </row>
    <row r="660819" spans="14:14">
      <c r="N660819" s="10"/>
    </row>
    <row r="660820" spans="14:14">
      <c r="N660820" s="10"/>
    </row>
    <row r="660821" spans="14:14">
      <c r="N660821" s="10"/>
    </row>
    <row r="660822" spans="14:14">
      <c r="N660822" s="10"/>
    </row>
    <row r="660823" spans="14:14">
      <c r="N660823" s="10"/>
    </row>
    <row r="660824" spans="14:14">
      <c r="N660824" s="10"/>
    </row>
    <row r="660825" spans="14:14">
      <c r="N660825" s="10"/>
    </row>
    <row r="660826" spans="14:14">
      <c r="N660826" s="10"/>
    </row>
    <row r="660827" spans="14:14">
      <c r="N660827" s="10"/>
    </row>
    <row r="660828" spans="14:14">
      <c r="N660828" s="10"/>
    </row>
    <row r="660829" spans="14:14">
      <c r="N660829" s="10"/>
    </row>
    <row r="660830" spans="14:14">
      <c r="N660830" s="10"/>
    </row>
    <row r="660831" spans="14:14">
      <c r="N660831" s="10"/>
    </row>
    <row r="660832" spans="14:14">
      <c r="N660832" s="10"/>
    </row>
    <row r="660833" spans="14:14">
      <c r="N660833" s="10"/>
    </row>
    <row r="660834" spans="14:14">
      <c r="N660834" s="10"/>
    </row>
    <row r="660835" spans="14:14">
      <c r="N660835" s="10"/>
    </row>
    <row r="660836" spans="14:14">
      <c r="N660836" s="10"/>
    </row>
    <row r="660837" spans="14:14">
      <c r="N660837" s="10"/>
    </row>
    <row r="660838" spans="14:14">
      <c r="N660838" s="10"/>
    </row>
    <row r="660839" spans="14:14">
      <c r="N660839" s="10"/>
    </row>
    <row r="660840" spans="14:14">
      <c r="N660840" s="10"/>
    </row>
    <row r="660841" spans="14:14">
      <c r="N660841" s="10"/>
    </row>
    <row r="660842" spans="14:14">
      <c r="N660842" s="10"/>
    </row>
    <row r="660843" spans="14:14">
      <c r="N660843" s="10"/>
    </row>
    <row r="660844" spans="14:14">
      <c r="N660844" s="10"/>
    </row>
    <row r="660845" spans="14:14">
      <c r="N660845" s="10"/>
    </row>
    <row r="660846" spans="14:14">
      <c r="N660846" s="10"/>
    </row>
    <row r="660847" spans="14:14">
      <c r="N660847" s="10"/>
    </row>
    <row r="660848" spans="14:14">
      <c r="N660848" s="10"/>
    </row>
    <row r="660849" spans="14:14">
      <c r="N660849" s="10"/>
    </row>
    <row r="660850" spans="14:14">
      <c r="N660850" s="10"/>
    </row>
    <row r="660851" spans="14:14">
      <c r="N660851" s="10"/>
    </row>
    <row r="660852" spans="14:14">
      <c r="N660852" s="10"/>
    </row>
    <row r="660853" spans="14:14">
      <c r="N660853" s="10"/>
    </row>
    <row r="660854" spans="14:14">
      <c r="N660854" s="10"/>
    </row>
    <row r="660855" spans="14:14">
      <c r="N660855" s="10"/>
    </row>
    <row r="660856" spans="14:14">
      <c r="N660856" s="10"/>
    </row>
    <row r="660857" spans="14:14">
      <c r="N660857" s="10"/>
    </row>
    <row r="660858" spans="14:14">
      <c r="N660858" s="10"/>
    </row>
    <row r="660859" spans="14:14">
      <c r="N660859" s="10"/>
    </row>
    <row r="660860" spans="14:14">
      <c r="N660860" s="10"/>
    </row>
    <row r="660861" spans="14:14">
      <c r="N660861" s="10"/>
    </row>
    <row r="660862" spans="14:14">
      <c r="N660862" s="10"/>
    </row>
    <row r="660863" spans="14:14">
      <c r="N660863" s="10"/>
    </row>
    <row r="660864" spans="14:14">
      <c r="N660864" s="10"/>
    </row>
    <row r="660865" spans="14:14">
      <c r="N660865" s="10"/>
    </row>
    <row r="660866" spans="14:14">
      <c r="N660866" s="10"/>
    </row>
    <row r="660867" spans="14:14">
      <c r="N660867" s="10"/>
    </row>
    <row r="660868" spans="14:14">
      <c r="N660868" s="10"/>
    </row>
    <row r="660869" spans="14:14">
      <c r="N660869" s="10"/>
    </row>
    <row r="660870" spans="14:14">
      <c r="N660870" s="10"/>
    </row>
    <row r="660871" spans="14:14">
      <c r="N660871" s="10"/>
    </row>
    <row r="660872" spans="14:14">
      <c r="N660872" s="10"/>
    </row>
    <row r="660873" spans="14:14">
      <c r="N660873" s="10"/>
    </row>
    <row r="660874" spans="14:14">
      <c r="N660874" s="10"/>
    </row>
    <row r="660875" spans="14:14">
      <c r="N660875" s="10"/>
    </row>
    <row r="660876" spans="14:14">
      <c r="N660876" s="10"/>
    </row>
    <row r="660877" spans="14:14">
      <c r="N660877" s="10"/>
    </row>
    <row r="660878" spans="14:14">
      <c r="N660878" s="10"/>
    </row>
    <row r="660879" spans="14:14">
      <c r="N660879" s="10"/>
    </row>
    <row r="660880" spans="14:14">
      <c r="N660880" s="10"/>
    </row>
    <row r="660881" spans="14:14">
      <c r="N660881" s="10"/>
    </row>
    <row r="660882" spans="14:14">
      <c r="N660882" s="10"/>
    </row>
    <row r="660883" spans="14:14">
      <c r="N660883" s="10"/>
    </row>
    <row r="660884" spans="14:14">
      <c r="N660884" s="10"/>
    </row>
    <row r="660885" spans="14:14">
      <c r="N660885" s="10"/>
    </row>
    <row r="660886" spans="14:14">
      <c r="N660886" s="10"/>
    </row>
    <row r="660887" spans="14:14">
      <c r="N660887" s="10"/>
    </row>
    <row r="660888" spans="14:14">
      <c r="N660888" s="10"/>
    </row>
    <row r="660889" spans="14:14">
      <c r="N660889" s="10"/>
    </row>
    <row r="660890" spans="14:14">
      <c r="N660890" s="10"/>
    </row>
    <row r="660891" spans="14:14">
      <c r="N660891" s="10"/>
    </row>
    <row r="660892" spans="14:14">
      <c r="N660892" s="10"/>
    </row>
    <row r="660893" spans="14:14">
      <c r="N660893" s="10"/>
    </row>
    <row r="660894" spans="14:14">
      <c r="N660894" s="10"/>
    </row>
    <row r="660895" spans="14:14">
      <c r="N660895" s="10"/>
    </row>
    <row r="660896" spans="14:14">
      <c r="N660896" s="10"/>
    </row>
    <row r="660897" spans="14:14">
      <c r="N660897" s="10"/>
    </row>
    <row r="660898" spans="14:14">
      <c r="N660898" s="10"/>
    </row>
    <row r="660899" spans="14:14">
      <c r="N660899" s="10"/>
    </row>
    <row r="660900" spans="14:14">
      <c r="N660900" s="10"/>
    </row>
    <row r="660901" spans="14:14">
      <c r="N660901" s="10"/>
    </row>
    <row r="660902" spans="14:14">
      <c r="N660902" s="10"/>
    </row>
    <row r="660903" spans="14:14">
      <c r="N660903" s="10"/>
    </row>
    <row r="660904" spans="14:14">
      <c r="N660904" s="10"/>
    </row>
    <row r="660905" spans="14:14">
      <c r="N660905" s="10"/>
    </row>
    <row r="660906" spans="14:14">
      <c r="N660906" s="10"/>
    </row>
    <row r="660907" spans="14:14">
      <c r="N660907" s="10"/>
    </row>
    <row r="660908" spans="14:14">
      <c r="N660908" s="10"/>
    </row>
    <row r="660909" spans="14:14">
      <c r="N660909" s="10"/>
    </row>
    <row r="660910" spans="14:14">
      <c r="N660910" s="10"/>
    </row>
    <row r="660911" spans="14:14">
      <c r="N660911" s="10"/>
    </row>
    <row r="660912" spans="14:14">
      <c r="N660912" s="10"/>
    </row>
    <row r="660913" spans="14:14">
      <c r="N660913" s="10"/>
    </row>
    <row r="660914" spans="14:14">
      <c r="N660914" s="10"/>
    </row>
    <row r="660915" spans="14:14">
      <c r="N660915" s="10"/>
    </row>
    <row r="660916" spans="14:14">
      <c r="N660916" s="10"/>
    </row>
    <row r="660917" spans="14:14">
      <c r="N660917" s="10"/>
    </row>
    <row r="660918" spans="14:14">
      <c r="N660918" s="10"/>
    </row>
    <row r="660919" spans="14:14">
      <c r="N660919" s="10"/>
    </row>
    <row r="660920" spans="14:14">
      <c r="N660920" s="10"/>
    </row>
    <row r="660921" spans="14:14">
      <c r="N660921" s="10"/>
    </row>
    <row r="660922" spans="14:14">
      <c r="N660922" s="10"/>
    </row>
    <row r="660923" spans="14:14">
      <c r="N660923" s="10"/>
    </row>
    <row r="660924" spans="14:14">
      <c r="N660924" s="10"/>
    </row>
    <row r="660925" spans="14:14">
      <c r="N660925" s="10"/>
    </row>
    <row r="660926" spans="14:14">
      <c r="N660926" s="10"/>
    </row>
    <row r="660927" spans="14:14">
      <c r="N660927" s="10"/>
    </row>
    <row r="660928" spans="14:14">
      <c r="N660928" s="10"/>
    </row>
    <row r="660929" spans="14:14">
      <c r="N660929" s="10"/>
    </row>
    <row r="660930" spans="14:14">
      <c r="N660930" s="10"/>
    </row>
    <row r="660931" spans="14:14">
      <c r="N660931" s="10"/>
    </row>
    <row r="660932" spans="14:14">
      <c r="N660932" s="10"/>
    </row>
    <row r="660933" spans="14:14">
      <c r="N660933" s="10"/>
    </row>
    <row r="660934" spans="14:14">
      <c r="N660934" s="10"/>
    </row>
    <row r="660935" spans="14:14">
      <c r="N660935" s="10"/>
    </row>
    <row r="660936" spans="14:14">
      <c r="N660936" s="10"/>
    </row>
    <row r="660937" spans="14:14">
      <c r="N660937" s="10"/>
    </row>
    <row r="660938" spans="14:14">
      <c r="N660938" s="10"/>
    </row>
    <row r="660939" spans="14:14">
      <c r="N660939" s="10"/>
    </row>
    <row r="660940" spans="14:14">
      <c r="N660940" s="10"/>
    </row>
    <row r="660941" spans="14:14">
      <c r="N660941" s="10"/>
    </row>
    <row r="660942" spans="14:14">
      <c r="N660942" s="10"/>
    </row>
    <row r="660943" spans="14:14">
      <c r="N660943" s="10"/>
    </row>
    <row r="660944" spans="14:14">
      <c r="N660944" s="10"/>
    </row>
    <row r="660945" spans="14:14">
      <c r="N660945" s="10"/>
    </row>
    <row r="660946" spans="14:14">
      <c r="N660946" s="10"/>
    </row>
    <row r="660947" spans="14:14">
      <c r="N660947" s="10"/>
    </row>
    <row r="660948" spans="14:14">
      <c r="N660948" s="10"/>
    </row>
    <row r="660949" spans="14:14">
      <c r="N660949" s="10"/>
    </row>
    <row r="660950" spans="14:14">
      <c r="N660950" s="10"/>
    </row>
    <row r="660951" spans="14:14">
      <c r="N660951" s="10"/>
    </row>
    <row r="660952" spans="14:14">
      <c r="N660952" s="10"/>
    </row>
    <row r="660953" spans="14:14">
      <c r="N660953" s="10"/>
    </row>
    <row r="660954" spans="14:14">
      <c r="N660954" s="10"/>
    </row>
    <row r="660955" spans="14:14">
      <c r="N660955" s="10"/>
    </row>
    <row r="660956" spans="14:14">
      <c r="N660956" s="10"/>
    </row>
    <row r="660957" spans="14:14">
      <c r="N660957" s="10"/>
    </row>
    <row r="660958" spans="14:14">
      <c r="N660958" s="10"/>
    </row>
    <row r="660959" spans="14:14">
      <c r="N660959" s="10"/>
    </row>
    <row r="660960" spans="14:14">
      <c r="N660960" s="10"/>
    </row>
    <row r="660961" spans="14:14">
      <c r="N660961" s="10"/>
    </row>
    <row r="660962" spans="14:14">
      <c r="N660962" s="10"/>
    </row>
    <row r="660963" spans="14:14">
      <c r="N660963" s="10"/>
    </row>
    <row r="660964" spans="14:14">
      <c r="N660964" s="10"/>
    </row>
    <row r="660965" spans="14:14">
      <c r="N660965" s="10"/>
    </row>
    <row r="660966" spans="14:14">
      <c r="N660966" s="10"/>
    </row>
    <row r="660967" spans="14:14">
      <c r="N660967" s="10"/>
    </row>
    <row r="660968" spans="14:14">
      <c r="N660968" s="10"/>
    </row>
    <row r="660969" spans="14:14">
      <c r="N660969" s="10"/>
    </row>
    <row r="660970" spans="14:14">
      <c r="N660970" s="10"/>
    </row>
    <row r="660971" spans="14:14">
      <c r="N660971" s="10"/>
    </row>
    <row r="660972" spans="14:14">
      <c r="N660972" s="10"/>
    </row>
    <row r="660973" spans="14:14">
      <c r="N660973" s="10"/>
    </row>
    <row r="660974" spans="14:14">
      <c r="N660974" s="10"/>
    </row>
    <row r="660975" spans="14:14">
      <c r="N660975" s="10"/>
    </row>
    <row r="660976" spans="14:14">
      <c r="N660976" s="10"/>
    </row>
    <row r="660977" spans="14:14">
      <c r="N660977" s="10"/>
    </row>
    <row r="660978" spans="14:14">
      <c r="N660978" s="10"/>
    </row>
    <row r="660979" spans="14:14">
      <c r="N660979" s="10"/>
    </row>
    <row r="660980" spans="14:14">
      <c r="N660980" s="10"/>
    </row>
    <row r="660981" spans="14:14">
      <c r="N660981" s="10"/>
    </row>
    <row r="660982" spans="14:14">
      <c r="N660982" s="10"/>
    </row>
    <row r="660983" spans="14:14">
      <c r="N660983" s="10"/>
    </row>
    <row r="660984" spans="14:14">
      <c r="N660984" s="10"/>
    </row>
    <row r="660985" spans="14:14">
      <c r="N660985" s="10"/>
    </row>
    <row r="660986" spans="14:14">
      <c r="N660986" s="10"/>
    </row>
    <row r="660987" spans="14:14">
      <c r="N660987" s="10"/>
    </row>
    <row r="660988" spans="14:14">
      <c r="N660988" s="10"/>
    </row>
    <row r="660989" spans="14:14">
      <c r="N660989" s="10"/>
    </row>
    <row r="660990" spans="14:14">
      <c r="N660990" s="10"/>
    </row>
    <row r="660991" spans="14:14">
      <c r="N660991" s="10"/>
    </row>
    <row r="660992" spans="14:14">
      <c r="N660992" s="10"/>
    </row>
    <row r="660993" spans="14:14">
      <c r="N660993" s="10"/>
    </row>
    <row r="660994" spans="14:14">
      <c r="N660994" s="10"/>
    </row>
    <row r="660995" spans="14:14">
      <c r="N660995" s="10"/>
    </row>
    <row r="660996" spans="14:14">
      <c r="N660996" s="10"/>
    </row>
    <row r="660997" spans="14:14">
      <c r="N660997" s="10"/>
    </row>
    <row r="660998" spans="14:14">
      <c r="N660998" s="10"/>
    </row>
    <row r="660999" spans="14:14">
      <c r="N660999" s="10"/>
    </row>
    <row r="661000" spans="14:14">
      <c r="N661000" s="10"/>
    </row>
    <row r="661001" spans="14:14">
      <c r="N661001" s="10"/>
    </row>
    <row r="661002" spans="14:14">
      <c r="N661002" s="10"/>
    </row>
    <row r="661003" spans="14:14">
      <c r="N661003" s="10"/>
    </row>
    <row r="661004" spans="14:14">
      <c r="N661004" s="10"/>
    </row>
    <row r="661005" spans="14:14">
      <c r="N661005" s="10"/>
    </row>
    <row r="661006" spans="14:14">
      <c r="N661006" s="10"/>
    </row>
    <row r="661007" spans="14:14">
      <c r="N661007" s="10"/>
    </row>
    <row r="661008" spans="14:14">
      <c r="N661008" s="10"/>
    </row>
    <row r="661009" spans="14:14">
      <c r="N661009" s="10"/>
    </row>
    <row r="661010" spans="14:14">
      <c r="N661010" s="10"/>
    </row>
    <row r="661011" spans="14:14">
      <c r="N661011" s="10"/>
    </row>
    <row r="661012" spans="14:14">
      <c r="N661012" s="10"/>
    </row>
    <row r="661013" spans="14:14">
      <c r="N661013" s="10"/>
    </row>
    <row r="661014" spans="14:14">
      <c r="N661014" s="10"/>
    </row>
    <row r="661015" spans="14:14">
      <c r="N661015" s="10"/>
    </row>
    <row r="661016" spans="14:14">
      <c r="N661016" s="10"/>
    </row>
    <row r="661017" spans="14:14">
      <c r="N661017" s="10"/>
    </row>
    <row r="661018" spans="14:14">
      <c r="N661018" s="10"/>
    </row>
    <row r="661019" spans="14:14">
      <c r="N661019" s="10"/>
    </row>
    <row r="661020" spans="14:14">
      <c r="N661020" s="10"/>
    </row>
    <row r="661021" spans="14:14">
      <c r="N661021" s="10"/>
    </row>
    <row r="661022" spans="14:14">
      <c r="N661022" s="10"/>
    </row>
    <row r="661023" spans="14:14">
      <c r="N661023" s="10"/>
    </row>
    <row r="661024" spans="14:14">
      <c r="N661024" s="10"/>
    </row>
    <row r="661025" spans="14:14">
      <c r="N661025" s="10"/>
    </row>
    <row r="661026" spans="14:14">
      <c r="N661026" s="10"/>
    </row>
    <row r="661027" spans="14:14">
      <c r="N661027" s="10"/>
    </row>
    <row r="661028" spans="14:14">
      <c r="N661028" s="10"/>
    </row>
    <row r="661029" spans="14:14">
      <c r="N661029" s="10"/>
    </row>
    <row r="661030" spans="14:14">
      <c r="N661030" s="10"/>
    </row>
    <row r="661031" spans="14:14">
      <c r="N661031" s="10"/>
    </row>
    <row r="661032" spans="14:14">
      <c r="N661032" s="10"/>
    </row>
    <row r="661033" spans="14:14">
      <c r="N661033" s="10"/>
    </row>
    <row r="661034" spans="14:14">
      <c r="N661034" s="10"/>
    </row>
    <row r="661035" spans="14:14">
      <c r="N661035" s="10"/>
    </row>
    <row r="661036" spans="14:14">
      <c r="N661036" s="10"/>
    </row>
    <row r="661037" spans="14:14">
      <c r="N661037" s="10"/>
    </row>
    <row r="661038" spans="14:14">
      <c r="N661038" s="10"/>
    </row>
    <row r="661039" spans="14:14">
      <c r="N661039" s="10"/>
    </row>
    <row r="661040" spans="14:14">
      <c r="N661040" s="10"/>
    </row>
    <row r="661041" spans="14:14">
      <c r="N661041" s="10"/>
    </row>
    <row r="661042" spans="14:14">
      <c r="N661042" s="10"/>
    </row>
    <row r="661043" spans="14:14">
      <c r="N661043" s="10"/>
    </row>
    <row r="661044" spans="14:14">
      <c r="N661044" s="10"/>
    </row>
    <row r="661045" spans="14:14">
      <c r="N661045" s="10"/>
    </row>
    <row r="661046" spans="14:14">
      <c r="N661046" s="10"/>
    </row>
    <row r="661047" spans="14:14">
      <c r="N661047" s="10"/>
    </row>
    <row r="661048" spans="14:14">
      <c r="N661048" s="10"/>
    </row>
    <row r="661049" spans="14:14">
      <c r="N661049" s="10"/>
    </row>
    <row r="661050" spans="14:14">
      <c r="N661050" s="10"/>
    </row>
    <row r="661051" spans="14:14">
      <c r="N661051" s="10"/>
    </row>
    <row r="661052" spans="14:14">
      <c r="N661052" s="10"/>
    </row>
    <row r="661053" spans="14:14">
      <c r="N661053" s="10"/>
    </row>
    <row r="661054" spans="14:14">
      <c r="N661054" s="10"/>
    </row>
    <row r="661055" spans="14:14">
      <c r="N661055" s="10"/>
    </row>
    <row r="661056" spans="14:14">
      <c r="N661056" s="10"/>
    </row>
    <row r="661057" spans="14:14">
      <c r="N661057" s="10"/>
    </row>
    <row r="661058" spans="14:14">
      <c r="N661058" s="10"/>
    </row>
    <row r="661059" spans="14:14">
      <c r="N661059" s="10"/>
    </row>
    <row r="661060" spans="14:14">
      <c r="N661060" s="10"/>
    </row>
    <row r="661061" spans="14:14">
      <c r="N661061" s="10"/>
    </row>
    <row r="661062" spans="14:14">
      <c r="N661062" s="10"/>
    </row>
    <row r="661063" spans="14:14">
      <c r="N661063" s="10"/>
    </row>
    <row r="661064" spans="14:14">
      <c r="N661064" s="10"/>
    </row>
    <row r="661065" spans="14:14">
      <c r="N661065" s="10"/>
    </row>
    <row r="661066" spans="14:14">
      <c r="N661066" s="10"/>
    </row>
    <row r="661067" spans="14:14">
      <c r="N661067" s="10"/>
    </row>
    <row r="661068" spans="14:14">
      <c r="N661068" s="10"/>
    </row>
    <row r="661069" spans="14:14">
      <c r="N661069" s="10"/>
    </row>
    <row r="661070" spans="14:14">
      <c r="N661070" s="10"/>
    </row>
    <row r="661071" spans="14:14">
      <c r="N661071" s="10"/>
    </row>
    <row r="661072" spans="14:14">
      <c r="N661072" s="10"/>
    </row>
    <row r="661073" spans="14:14">
      <c r="N661073" s="10"/>
    </row>
    <row r="661074" spans="14:14">
      <c r="N661074" s="10"/>
    </row>
    <row r="661075" spans="14:14">
      <c r="N661075" s="10"/>
    </row>
    <row r="661076" spans="14:14">
      <c r="N661076" s="10"/>
    </row>
    <row r="661077" spans="14:14">
      <c r="N661077" s="10"/>
    </row>
    <row r="661078" spans="14:14">
      <c r="N661078" s="10"/>
    </row>
    <row r="661079" spans="14:14">
      <c r="N661079" s="10"/>
    </row>
    <row r="661080" spans="14:14">
      <c r="N661080" s="10"/>
    </row>
    <row r="661081" spans="14:14">
      <c r="N661081" s="10"/>
    </row>
    <row r="661082" spans="14:14">
      <c r="N661082" s="10"/>
    </row>
    <row r="661083" spans="14:14">
      <c r="N661083" s="10"/>
    </row>
    <row r="661084" spans="14:14">
      <c r="N661084" s="10"/>
    </row>
    <row r="661085" spans="14:14">
      <c r="N661085" s="10"/>
    </row>
    <row r="661086" spans="14:14">
      <c r="N661086" s="10"/>
    </row>
    <row r="661087" spans="14:14">
      <c r="N661087" s="10"/>
    </row>
    <row r="661088" spans="14:14">
      <c r="N661088" s="10"/>
    </row>
    <row r="661089" spans="14:14">
      <c r="N661089" s="10"/>
    </row>
    <row r="661090" spans="14:14">
      <c r="N661090" s="10"/>
    </row>
    <row r="661091" spans="14:14">
      <c r="N661091" s="10"/>
    </row>
    <row r="661092" spans="14:14">
      <c r="N661092" s="10"/>
    </row>
    <row r="661093" spans="14:14">
      <c r="N661093" s="10"/>
    </row>
    <row r="661094" spans="14:14">
      <c r="N661094" s="10"/>
    </row>
    <row r="661095" spans="14:14">
      <c r="N661095" s="10"/>
    </row>
    <row r="661096" spans="14:14">
      <c r="N661096" s="10"/>
    </row>
    <row r="661097" spans="14:14">
      <c r="N661097" s="10"/>
    </row>
    <row r="661098" spans="14:14">
      <c r="N661098" s="10"/>
    </row>
    <row r="661099" spans="14:14">
      <c r="N661099" s="10"/>
    </row>
    <row r="661100" spans="14:14">
      <c r="N661100" s="10"/>
    </row>
    <row r="661101" spans="14:14">
      <c r="N661101" s="10"/>
    </row>
    <row r="661102" spans="14:14">
      <c r="N661102" s="10"/>
    </row>
    <row r="661103" spans="14:14">
      <c r="N661103" s="10"/>
    </row>
    <row r="661104" spans="14:14">
      <c r="N661104" s="10"/>
    </row>
    <row r="661105" spans="14:14">
      <c r="N661105" s="10"/>
    </row>
    <row r="661106" spans="14:14">
      <c r="N661106" s="10"/>
    </row>
    <row r="661107" spans="14:14">
      <c r="N661107" s="10"/>
    </row>
    <row r="661108" spans="14:14">
      <c r="N661108" s="10"/>
    </row>
    <row r="661109" spans="14:14">
      <c r="N661109" s="10"/>
    </row>
    <row r="661110" spans="14:14">
      <c r="N661110" s="10"/>
    </row>
    <row r="661111" spans="14:14">
      <c r="N661111" s="10"/>
    </row>
    <row r="661112" spans="14:14">
      <c r="N661112" s="10"/>
    </row>
    <row r="661113" spans="14:14">
      <c r="N661113" s="10"/>
    </row>
    <row r="661114" spans="14:14">
      <c r="N661114" s="10"/>
    </row>
    <row r="661115" spans="14:14">
      <c r="N661115" s="10"/>
    </row>
    <row r="661116" spans="14:14">
      <c r="N661116" s="10"/>
    </row>
    <row r="661117" spans="14:14">
      <c r="N661117" s="10"/>
    </row>
    <row r="661118" spans="14:14">
      <c r="N661118" s="10"/>
    </row>
    <row r="661119" spans="14:14">
      <c r="N661119" s="10"/>
    </row>
    <row r="661120" spans="14:14">
      <c r="N661120" s="10"/>
    </row>
    <row r="661121" spans="14:14">
      <c r="N661121" s="10"/>
    </row>
    <row r="661122" spans="14:14">
      <c r="N661122" s="10"/>
    </row>
    <row r="661123" spans="14:14">
      <c r="N661123" s="10"/>
    </row>
    <row r="661124" spans="14:14">
      <c r="N661124" s="10"/>
    </row>
    <row r="661125" spans="14:14">
      <c r="N661125" s="10"/>
    </row>
    <row r="661126" spans="14:14">
      <c r="N661126" s="10"/>
    </row>
    <row r="661127" spans="14:14">
      <c r="N661127" s="10"/>
    </row>
    <row r="661128" spans="14:14">
      <c r="N661128" s="10"/>
    </row>
    <row r="661129" spans="14:14">
      <c r="N661129" s="10"/>
    </row>
    <row r="661130" spans="14:14">
      <c r="N661130" s="10"/>
    </row>
    <row r="661131" spans="14:14">
      <c r="N661131" s="10"/>
    </row>
    <row r="661132" spans="14:14">
      <c r="N661132" s="10"/>
    </row>
    <row r="661133" spans="14:14">
      <c r="N661133" s="10"/>
    </row>
    <row r="661134" spans="14:14">
      <c r="N661134" s="10"/>
    </row>
    <row r="661135" spans="14:14">
      <c r="N661135" s="10"/>
    </row>
    <row r="661136" spans="14:14">
      <c r="N661136" s="10"/>
    </row>
    <row r="661137" spans="14:14">
      <c r="N661137" s="10"/>
    </row>
    <row r="661138" spans="14:14">
      <c r="N661138" s="10"/>
    </row>
    <row r="661139" spans="14:14">
      <c r="N661139" s="10"/>
    </row>
    <row r="661140" spans="14:14">
      <c r="N661140" s="10"/>
    </row>
    <row r="661141" spans="14:14">
      <c r="N661141" s="10"/>
    </row>
    <row r="661142" spans="14:14">
      <c r="N661142" s="10"/>
    </row>
    <row r="661143" spans="14:14">
      <c r="N661143" s="10"/>
    </row>
    <row r="661144" spans="14:14">
      <c r="N661144" s="10"/>
    </row>
    <row r="661145" spans="14:14">
      <c r="N661145" s="10"/>
    </row>
    <row r="661146" spans="14:14">
      <c r="N661146" s="10"/>
    </row>
    <row r="661147" spans="14:14">
      <c r="N661147" s="10"/>
    </row>
    <row r="661148" spans="14:14">
      <c r="N661148" s="10"/>
    </row>
    <row r="661149" spans="14:14">
      <c r="N661149" s="10"/>
    </row>
    <row r="661150" spans="14:14">
      <c r="N661150" s="10"/>
    </row>
    <row r="661151" spans="14:14">
      <c r="N661151" s="10"/>
    </row>
    <row r="661152" spans="14:14">
      <c r="N661152" s="10"/>
    </row>
    <row r="661153" spans="14:14">
      <c r="N661153" s="10"/>
    </row>
    <row r="661154" spans="14:14">
      <c r="N661154" s="10"/>
    </row>
    <row r="661155" spans="14:14">
      <c r="N661155" s="10"/>
    </row>
    <row r="661156" spans="14:14">
      <c r="N661156" s="10"/>
    </row>
    <row r="661157" spans="14:14">
      <c r="N661157" s="10"/>
    </row>
    <row r="661158" spans="14:14">
      <c r="N661158" s="10"/>
    </row>
    <row r="661159" spans="14:14">
      <c r="N661159" s="10"/>
    </row>
    <row r="661160" spans="14:14">
      <c r="N661160" s="10"/>
    </row>
    <row r="661161" spans="14:14">
      <c r="N661161" s="10"/>
    </row>
    <row r="661162" spans="14:14">
      <c r="N661162" s="10"/>
    </row>
    <row r="661163" spans="14:14">
      <c r="N661163" s="10"/>
    </row>
    <row r="661164" spans="14:14">
      <c r="N661164" s="10"/>
    </row>
    <row r="661165" spans="14:14">
      <c r="N661165" s="10"/>
    </row>
    <row r="661166" spans="14:14">
      <c r="N661166" s="10"/>
    </row>
    <row r="661167" spans="14:14">
      <c r="N661167" s="10"/>
    </row>
    <row r="661168" spans="14:14">
      <c r="N661168" s="10"/>
    </row>
    <row r="661169" spans="14:14">
      <c r="N661169" s="10"/>
    </row>
    <row r="661170" spans="14:14">
      <c r="N661170" s="10"/>
    </row>
    <row r="661171" spans="14:14">
      <c r="N661171" s="10"/>
    </row>
    <row r="661172" spans="14:14">
      <c r="N661172" s="10"/>
    </row>
    <row r="661173" spans="14:14">
      <c r="N661173" s="10"/>
    </row>
    <row r="661174" spans="14:14">
      <c r="N661174" s="10"/>
    </row>
    <row r="661175" spans="14:14">
      <c r="N661175" s="10"/>
    </row>
    <row r="661176" spans="14:14">
      <c r="N661176" s="10"/>
    </row>
    <row r="661177" spans="14:14">
      <c r="N661177" s="10"/>
    </row>
    <row r="661178" spans="14:14">
      <c r="N661178" s="10"/>
    </row>
    <row r="661179" spans="14:14">
      <c r="N661179" s="10"/>
    </row>
    <row r="661180" spans="14:14">
      <c r="N661180" s="10"/>
    </row>
    <row r="661181" spans="14:14">
      <c r="N661181" s="10"/>
    </row>
    <row r="661182" spans="14:14">
      <c r="N661182" s="10"/>
    </row>
    <row r="661183" spans="14:14">
      <c r="N661183" s="10"/>
    </row>
    <row r="661184" spans="14:14">
      <c r="N661184" s="10"/>
    </row>
    <row r="661185" spans="14:14">
      <c r="N661185" s="10"/>
    </row>
    <row r="661186" spans="14:14">
      <c r="N661186" s="10"/>
    </row>
    <row r="661187" spans="14:14">
      <c r="N661187" s="10"/>
    </row>
    <row r="661188" spans="14:14">
      <c r="N661188" s="10"/>
    </row>
    <row r="661189" spans="14:14">
      <c r="N661189" s="10"/>
    </row>
    <row r="661190" spans="14:14">
      <c r="N661190" s="10"/>
    </row>
    <row r="661191" spans="14:14">
      <c r="N661191" s="10"/>
    </row>
    <row r="661192" spans="14:14">
      <c r="N661192" s="10"/>
    </row>
    <row r="661193" spans="14:14">
      <c r="N661193" s="10"/>
    </row>
    <row r="661194" spans="14:14">
      <c r="N661194" s="10"/>
    </row>
    <row r="661195" spans="14:14">
      <c r="N661195" s="10"/>
    </row>
    <row r="661196" spans="14:14">
      <c r="N661196" s="10"/>
    </row>
    <row r="661197" spans="14:14">
      <c r="N661197" s="10"/>
    </row>
    <row r="661198" spans="14:14">
      <c r="N661198" s="10"/>
    </row>
    <row r="661199" spans="14:14">
      <c r="N661199" s="10"/>
    </row>
    <row r="661200" spans="14:14">
      <c r="N661200" s="10"/>
    </row>
    <row r="661201" spans="14:14">
      <c r="N661201" s="10"/>
    </row>
    <row r="661202" spans="14:14">
      <c r="N661202" s="10"/>
    </row>
    <row r="661203" spans="14:14">
      <c r="N661203" s="10"/>
    </row>
    <row r="661204" spans="14:14">
      <c r="N661204" s="10"/>
    </row>
    <row r="661205" spans="14:14">
      <c r="N661205" s="10"/>
    </row>
    <row r="661206" spans="14:14">
      <c r="N661206" s="10"/>
    </row>
    <row r="661207" spans="14:14">
      <c r="N661207" s="10"/>
    </row>
    <row r="661208" spans="14:14">
      <c r="N661208" s="10"/>
    </row>
    <row r="661209" spans="14:14">
      <c r="N661209" s="10"/>
    </row>
    <row r="661210" spans="14:14">
      <c r="N661210" s="10"/>
    </row>
    <row r="661211" spans="14:14">
      <c r="N661211" s="10"/>
    </row>
    <row r="661212" spans="14:14">
      <c r="N661212" s="10"/>
    </row>
    <row r="661213" spans="14:14">
      <c r="N661213" s="10"/>
    </row>
    <row r="661214" spans="14:14">
      <c r="N661214" s="10"/>
    </row>
    <row r="661215" spans="14:14">
      <c r="N661215" s="10"/>
    </row>
    <row r="661216" spans="14:14">
      <c r="N661216" s="10"/>
    </row>
    <row r="661217" spans="14:14">
      <c r="N661217" s="10"/>
    </row>
    <row r="661218" spans="14:14">
      <c r="N661218" s="10"/>
    </row>
    <row r="661219" spans="14:14">
      <c r="N661219" s="10"/>
    </row>
    <row r="661220" spans="14:14">
      <c r="N661220" s="10"/>
    </row>
    <row r="661221" spans="14:14">
      <c r="N661221" s="10"/>
    </row>
    <row r="661222" spans="14:14">
      <c r="N661222" s="10"/>
    </row>
    <row r="661223" spans="14:14">
      <c r="N661223" s="10"/>
    </row>
    <row r="661224" spans="14:14">
      <c r="N661224" s="10"/>
    </row>
    <row r="661225" spans="14:14">
      <c r="N661225" s="10"/>
    </row>
    <row r="661226" spans="14:14">
      <c r="N661226" s="10"/>
    </row>
    <row r="661227" spans="14:14">
      <c r="N661227" s="10"/>
    </row>
    <row r="661228" spans="14:14">
      <c r="N661228" s="10"/>
    </row>
    <row r="661229" spans="14:14">
      <c r="N661229" s="10"/>
    </row>
    <row r="661230" spans="14:14">
      <c r="N661230" s="10"/>
    </row>
    <row r="661231" spans="14:14">
      <c r="N661231" s="10"/>
    </row>
    <row r="661232" spans="14:14">
      <c r="N661232" s="10"/>
    </row>
    <row r="661233" spans="14:14">
      <c r="N661233" s="10"/>
    </row>
    <row r="661234" spans="14:14">
      <c r="N661234" s="10"/>
    </row>
    <row r="661235" spans="14:14">
      <c r="N661235" s="10"/>
    </row>
    <row r="661236" spans="14:14">
      <c r="N661236" s="10"/>
    </row>
    <row r="661237" spans="14:14">
      <c r="N661237" s="10"/>
    </row>
    <row r="661238" spans="14:14">
      <c r="N661238" s="10"/>
    </row>
    <row r="661239" spans="14:14">
      <c r="N661239" s="10"/>
    </row>
    <row r="661240" spans="14:14">
      <c r="N661240" s="10"/>
    </row>
    <row r="661241" spans="14:14">
      <c r="N661241" s="10"/>
    </row>
    <row r="661242" spans="14:14">
      <c r="N661242" s="10"/>
    </row>
    <row r="661243" spans="14:14">
      <c r="N661243" s="10"/>
    </row>
    <row r="661244" spans="14:14">
      <c r="N661244" s="10"/>
    </row>
    <row r="661245" spans="14:14">
      <c r="N661245" s="10"/>
    </row>
    <row r="661246" spans="14:14">
      <c r="N661246" s="10"/>
    </row>
    <row r="661247" spans="14:14">
      <c r="N661247" s="10"/>
    </row>
    <row r="661248" spans="14:14">
      <c r="N661248" s="10"/>
    </row>
    <row r="661249" spans="14:14">
      <c r="N661249" s="10"/>
    </row>
    <row r="661250" spans="14:14">
      <c r="N661250" s="10"/>
    </row>
    <row r="661251" spans="14:14">
      <c r="N661251" s="10"/>
    </row>
    <row r="661252" spans="14:14">
      <c r="N661252" s="10"/>
    </row>
    <row r="661253" spans="14:14">
      <c r="N661253" s="10"/>
    </row>
    <row r="661254" spans="14:14">
      <c r="N661254" s="10"/>
    </row>
    <row r="661255" spans="14:14">
      <c r="N661255" s="10"/>
    </row>
    <row r="661256" spans="14:14">
      <c r="N661256" s="10"/>
    </row>
    <row r="661257" spans="14:14">
      <c r="N661257" s="10"/>
    </row>
    <row r="661258" spans="14:14">
      <c r="N661258" s="10"/>
    </row>
    <row r="661259" spans="14:14">
      <c r="N661259" s="10"/>
    </row>
    <row r="661260" spans="14:14">
      <c r="N661260" s="10"/>
    </row>
    <row r="661261" spans="14:14">
      <c r="N661261" s="10"/>
    </row>
    <row r="661262" spans="14:14">
      <c r="N661262" s="10"/>
    </row>
    <row r="661263" spans="14:14">
      <c r="N661263" s="10"/>
    </row>
    <row r="661264" spans="14:14">
      <c r="N661264" s="10"/>
    </row>
    <row r="661265" spans="14:14">
      <c r="N661265" s="10"/>
    </row>
    <row r="661266" spans="14:14">
      <c r="N661266" s="10"/>
    </row>
    <row r="661267" spans="14:14">
      <c r="N661267" s="10"/>
    </row>
    <row r="661268" spans="14:14">
      <c r="N661268" s="10"/>
    </row>
    <row r="661269" spans="14:14">
      <c r="N661269" s="10"/>
    </row>
    <row r="661270" spans="14:14">
      <c r="N661270" s="10"/>
    </row>
    <row r="661271" spans="14:14">
      <c r="N661271" s="10"/>
    </row>
    <row r="661272" spans="14:14">
      <c r="N661272" s="10"/>
    </row>
    <row r="661273" spans="14:14">
      <c r="N661273" s="10"/>
    </row>
    <row r="661274" spans="14:14">
      <c r="N661274" s="10"/>
    </row>
    <row r="661275" spans="14:14">
      <c r="N661275" s="10"/>
    </row>
    <row r="661276" spans="14:14">
      <c r="N661276" s="10"/>
    </row>
    <row r="661277" spans="14:14">
      <c r="N661277" s="10"/>
    </row>
    <row r="661278" spans="14:14">
      <c r="N661278" s="10"/>
    </row>
    <row r="661279" spans="14:14">
      <c r="N661279" s="10"/>
    </row>
    <row r="661280" spans="14:14">
      <c r="N661280" s="10"/>
    </row>
    <row r="661281" spans="14:14">
      <c r="N661281" s="10"/>
    </row>
    <row r="661282" spans="14:14">
      <c r="N661282" s="10"/>
    </row>
    <row r="661283" spans="14:14">
      <c r="N661283" s="10"/>
    </row>
    <row r="661284" spans="14:14">
      <c r="N661284" s="10"/>
    </row>
    <row r="661285" spans="14:14">
      <c r="N661285" s="10"/>
    </row>
    <row r="661286" spans="14:14">
      <c r="N661286" s="10"/>
    </row>
    <row r="661287" spans="14:14">
      <c r="N661287" s="10"/>
    </row>
    <row r="661288" spans="14:14">
      <c r="N661288" s="10"/>
    </row>
    <row r="661289" spans="14:14">
      <c r="N661289" s="10"/>
    </row>
    <row r="661290" spans="14:14">
      <c r="N661290" s="10"/>
    </row>
    <row r="661291" spans="14:14">
      <c r="N661291" s="10"/>
    </row>
    <row r="661292" spans="14:14">
      <c r="N661292" s="10"/>
    </row>
    <row r="661293" spans="14:14">
      <c r="N661293" s="10"/>
    </row>
    <row r="661294" spans="14:14">
      <c r="N661294" s="10"/>
    </row>
    <row r="661295" spans="14:14">
      <c r="N661295" s="10"/>
    </row>
    <row r="661296" spans="14:14">
      <c r="N661296" s="10"/>
    </row>
    <row r="661297" spans="14:14">
      <c r="N661297" s="10"/>
    </row>
    <row r="661298" spans="14:14">
      <c r="N661298" s="10"/>
    </row>
    <row r="661299" spans="14:14">
      <c r="N661299" s="10"/>
    </row>
    <row r="661300" spans="14:14">
      <c r="N661300" s="10"/>
    </row>
    <row r="661301" spans="14:14">
      <c r="N661301" s="10"/>
    </row>
    <row r="661302" spans="14:14">
      <c r="N661302" s="10"/>
    </row>
    <row r="661303" spans="14:14">
      <c r="N661303" s="10"/>
    </row>
    <row r="661304" spans="14:14">
      <c r="N661304" s="10"/>
    </row>
    <row r="661305" spans="14:14">
      <c r="N661305" s="10"/>
    </row>
    <row r="661306" spans="14:14">
      <c r="N661306" s="10"/>
    </row>
    <row r="661307" spans="14:14">
      <c r="N661307" s="10"/>
    </row>
    <row r="661308" spans="14:14">
      <c r="N661308" s="10"/>
    </row>
    <row r="661309" spans="14:14">
      <c r="N661309" s="10"/>
    </row>
    <row r="661310" spans="14:14">
      <c r="N661310" s="10"/>
    </row>
    <row r="661311" spans="14:14">
      <c r="N661311" s="10"/>
    </row>
    <row r="661312" spans="14:14">
      <c r="N661312" s="10"/>
    </row>
    <row r="661313" spans="14:14">
      <c r="N661313" s="10"/>
    </row>
    <row r="661314" spans="14:14">
      <c r="N661314" s="10"/>
    </row>
    <row r="661315" spans="14:14">
      <c r="N661315" s="10"/>
    </row>
    <row r="661316" spans="14:14">
      <c r="N661316" s="10"/>
    </row>
    <row r="661317" spans="14:14">
      <c r="N661317" s="10"/>
    </row>
    <row r="661318" spans="14:14">
      <c r="N661318" s="10"/>
    </row>
    <row r="661319" spans="14:14">
      <c r="N661319" s="10"/>
    </row>
    <row r="661320" spans="14:14">
      <c r="N661320" s="10"/>
    </row>
    <row r="661321" spans="14:14">
      <c r="N661321" s="10"/>
    </row>
    <row r="661322" spans="14:14">
      <c r="N661322" s="10"/>
    </row>
    <row r="661323" spans="14:14">
      <c r="N661323" s="10"/>
    </row>
    <row r="661324" spans="14:14">
      <c r="N661324" s="10"/>
    </row>
    <row r="661325" spans="14:14">
      <c r="N661325" s="10"/>
    </row>
    <row r="661326" spans="14:14">
      <c r="N661326" s="10"/>
    </row>
    <row r="661327" spans="14:14">
      <c r="N661327" s="10"/>
    </row>
    <row r="661328" spans="14:14">
      <c r="N661328" s="10"/>
    </row>
    <row r="661329" spans="14:14">
      <c r="N661329" s="10"/>
    </row>
    <row r="661330" spans="14:14">
      <c r="N661330" s="10"/>
    </row>
    <row r="661331" spans="14:14">
      <c r="N661331" s="10"/>
    </row>
    <row r="661332" spans="14:14">
      <c r="N661332" s="10"/>
    </row>
    <row r="661333" spans="14:14">
      <c r="N661333" s="10"/>
    </row>
    <row r="661334" spans="14:14">
      <c r="N661334" s="10"/>
    </row>
    <row r="661335" spans="14:14">
      <c r="N661335" s="10"/>
    </row>
    <row r="661336" spans="14:14">
      <c r="N661336" s="10"/>
    </row>
    <row r="661337" spans="14:14">
      <c r="N661337" s="10"/>
    </row>
    <row r="661338" spans="14:14">
      <c r="N661338" s="10"/>
    </row>
    <row r="661339" spans="14:14">
      <c r="N661339" s="10"/>
    </row>
    <row r="661340" spans="14:14">
      <c r="N661340" s="10"/>
    </row>
    <row r="661341" spans="14:14">
      <c r="N661341" s="10"/>
    </row>
    <row r="661342" spans="14:14">
      <c r="N661342" s="10"/>
    </row>
    <row r="661343" spans="14:14">
      <c r="N661343" s="10"/>
    </row>
    <row r="661344" spans="14:14">
      <c r="N661344" s="10"/>
    </row>
    <row r="661345" spans="14:14">
      <c r="N661345" s="10"/>
    </row>
    <row r="661346" spans="14:14">
      <c r="N661346" s="10"/>
    </row>
    <row r="661347" spans="14:14">
      <c r="N661347" s="10"/>
    </row>
    <row r="661348" spans="14:14">
      <c r="N661348" s="10"/>
    </row>
    <row r="661349" spans="14:14">
      <c r="N661349" s="10"/>
    </row>
    <row r="661350" spans="14:14">
      <c r="N661350" s="10"/>
    </row>
    <row r="661351" spans="14:14">
      <c r="N661351" s="10"/>
    </row>
    <row r="661352" spans="14:14">
      <c r="N661352" s="10"/>
    </row>
    <row r="661353" spans="14:14">
      <c r="N661353" s="10"/>
    </row>
    <row r="661354" spans="14:14">
      <c r="N661354" s="10"/>
    </row>
    <row r="661355" spans="14:14">
      <c r="N661355" s="10"/>
    </row>
    <row r="661356" spans="14:14">
      <c r="N661356" s="10"/>
    </row>
    <row r="661357" spans="14:14">
      <c r="N661357" s="10"/>
    </row>
    <row r="661358" spans="14:14">
      <c r="N661358" s="10"/>
    </row>
    <row r="661359" spans="14:14">
      <c r="N661359" s="10"/>
    </row>
    <row r="661360" spans="14:14">
      <c r="N661360" s="10"/>
    </row>
    <row r="661361" spans="14:14">
      <c r="N661361" s="10"/>
    </row>
    <row r="661362" spans="14:14">
      <c r="N661362" s="10"/>
    </row>
    <row r="661363" spans="14:14">
      <c r="N661363" s="10"/>
    </row>
    <row r="661364" spans="14:14">
      <c r="N661364" s="10"/>
    </row>
    <row r="661365" spans="14:14">
      <c r="N661365" s="10"/>
    </row>
    <row r="661366" spans="14:14">
      <c r="N661366" s="10"/>
    </row>
    <row r="661367" spans="14:14">
      <c r="N661367" s="10"/>
    </row>
    <row r="661368" spans="14:14">
      <c r="N661368" s="10"/>
    </row>
    <row r="661369" spans="14:14">
      <c r="N661369" s="10"/>
    </row>
    <row r="661370" spans="14:14">
      <c r="N661370" s="10"/>
    </row>
    <row r="661371" spans="14:14">
      <c r="N661371" s="10"/>
    </row>
    <row r="661372" spans="14:14">
      <c r="N661372" s="10"/>
    </row>
    <row r="661373" spans="14:14">
      <c r="N661373" s="10"/>
    </row>
    <row r="661374" spans="14:14">
      <c r="N661374" s="10"/>
    </row>
    <row r="661375" spans="14:14">
      <c r="N661375" s="10"/>
    </row>
    <row r="661376" spans="14:14">
      <c r="N661376" s="10"/>
    </row>
    <row r="661377" spans="14:14">
      <c r="N661377" s="10"/>
    </row>
    <row r="661378" spans="14:14">
      <c r="N661378" s="10"/>
    </row>
    <row r="661379" spans="14:14">
      <c r="N661379" s="10"/>
    </row>
    <row r="661380" spans="14:14">
      <c r="N661380" s="10"/>
    </row>
    <row r="661381" spans="14:14">
      <c r="N661381" s="10"/>
    </row>
    <row r="661382" spans="14:14">
      <c r="N661382" s="10"/>
    </row>
    <row r="661383" spans="14:14">
      <c r="N661383" s="10"/>
    </row>
    <row r="661384" spans="14:14">
      <c r="N661384" s="10"/>
    </row>
    <row r="661385" spans="14:14">
      <c r="N661385" s="10"/>
    </row>
    <row r="661386" spans="14:14">
      <c r="N661386" s="10"/>
    </row>
    <row r="661387" spans="14:14">
      <c r="N661387" s="10"/>
    </row>
    <row r="661388" spans="14:14">
      <c r="N661388" s="10"/>
    </row>
    <row r="661389" spans="14:14">
      <c r="N661389" s="10"/>
    </row>
    <row r="661390" spans="14:14">
      <c r="N661390" s="10"/>
    </row>
    <row r="661391" spans="14:14">
      <c r="N661391" s="10"/>
    </row>
    <row r="661392" spans="14:14">
      <c r="N661392" s="10"/>
    </row>
    <row r="661393" spans="14:14">
      <c r="N661393" s="10"/>
    </row>
    <row r="661394" spans="14:14">
      <c r="N661394" s="10"/>
    </row>
    <row r="661395" spans="14:14">
      <c r="N661395" s="10"/>
    </row>
    <row r="661396" spans="14:14">
      <c r="N661396" s="10"/>
    </row>
    <row r="661397" spans="14:14">
      <c r="N661397" s="10"/>
    </row>
    <row r="661398" spans="14:14">
      <c r="N661398" s="10"/>
    </row>
    <row r="661399" spans="14:14">
      <c r="N661399" s="10"/>
    </row>
    <row r="661400" spans="14:14">
      <c r="N661400" s="10"/>
    </row>
    <row r="661401" spans="14:14">
      <c r="N661401" s="10"/>
    </row>
    <row r="661402" spans="14:14">
      <c r="N661402" s="10"/>
    </row>
    <row r="661403" spans="14:14">
      <c r="N661403" s="10"/>
    </row>
    <row r="661404" spans="14:14">
      <c r="N661404" s="10"/>
    </row>
    <row r="661405" spans="14:14">
      <c r="N661405" s="10"/>
    </row>
    <row r="661406" spans="14:14">
      <c r="N661406" s="10"/>
    </row>
    <row r="661407" spans="14:14">
      <c r="N661407" s="10"/>
    </row>
    <row r="661408" spans="14:14">
      <c r="N661408" s="10"/>
    </row>
    <row r="661409" spans="14:14">
      <c r="N661409" s="10"/>
    </row>
    <row r="661410" spans="14:14">
      <c r="N661410" s="10"/>
    </row>
    <row r="661411" spans="14:14">
      <c r="N661411" s="10"/>
    </row>
    <row r="661412" spans="14:14">
      <c r="N661412" s="10"/>
    </row>
    <row r="661413" spans="14:14">
      <c r="N661413" s="10"/>
    </row>
    <row r="661414" spans="14:14">
      <c r="N661414" s="10"/>
    </row>
    <row r="661415" spans="14:14">
      <c r="N661415" s="10"/>
    </row>
    <row r="661416" spans="14:14">
      <c r="N661416" s="10"/>
    </row>
    <row r="661417" spans="14:14">
      <c r="N661417" s="10"/>
    </row>
    <row r="661418" spans="14:14">
      <c r="N661418" s="10"/>
    </row>
    <row r="661419" spans="14:14">
      <c r="N661419" s="10"/>
    </row>
    <row r="661420" spans="14:14">
      <c r="N661420" s="10"/>
    </row>
    <row r="661421" spans="14:14">
      <c r="N661421" s="10"/>
    </row>
    <row r="661422" spans="14:14">
      <c r="N661422" s="10"/>
    </row>
    <row r="661423" spans="14:14">
      <c r="N661423" s="10"/>
    </row>
    <row r="661424" spans="14:14">
      <c r="N661424" s="10"/>
    </row>
    <row r="661425" spans="14:14">
      <c r="N661425" s="10"/>
    </row>
    <row r="661426" spans="14:14">
      <c r="N661426" s="10"/>
    </row>
    <row r="661427" spans="14:14">
      <c r="N661427" s="10"/>
    </row>
    <row r="661428" spans="14:14">
      <c r="N661428" s="10"/>
    </row>
    <row r="661429" spans="14:14">
      <c r="N661429" s="10"/>
    </row>
    <row r="661430" spans="14:14">
      <c r="N661430" s="10"/>
    </row>
    <row r="661431" spans="14:14">
      <c r="N661431" s="10"/>
    </row>
    <row r="661432" spans="14:14">
      <c r="N661432" s="10"/>
    </row>
    <row r="661433" spans="14:14">
      <c r="N661433" s="10"/>
    </row>
    <row r="661434" spans="14:14">
      <c r="N661434" s="10"/>
    </row>
    <row r="661435" spans="14:14">
      <c r="N661435" s="10"/>
    </row>
    <row r="661436" spans="14:14">
      <c r="N661436" s="10"/>
    </row>
    <row r="661437" spans="14:14">
      <c r="N661437" s="10"/>
    </row>
    <row r="661438" spans="14:14">
      <c r="N661438" s="10"/>
    </row>
    <row r="661439" spans="14:14">
      <c r="N661439" s="10"/>
    </row>
    <row r="661440" spans="14:14">
      <c r="N661440" s="10"/>
    </row>
    <row r="661441" spans="14:14">
      <c r="N661441" s="10"/>
    </row>
    <row r="661442" spans="14:14">
      <c r="N661442" s="10"/>
    </row>
    <row r="661443" spans="14:14">
      <c r="N661443" s="10"/>
    </row>
    <row r="661444" spans="14:14">
      <c r="N661444" s="10"/>
    </row>
    <row r="661445" spans="14:14">
      <c r="N661445" s="10"/>
    </row>
    <row r="661446" spans="14:14">
      <c r="N661446" s="10"/>
    </row>
    <row r="661447" spans="14:14">
      <c r="N661447" s="10"/>
    </row>
    <row r="661448" spans="14:14">
      <c r="N661448" s="10"/>
    </row>
    <row r="661449" spans="14:14">
      <c r="N661449" s="10"/>
    </row>
    <row r="661450" spans="14:14">
      <c r="N661450" s="10"/>
    </row>
    <row r="661451" spans="14:14">
      <c r="N661451" s="10"/>
    </row>
    <row r="661452" spans="14:14">
      <c r="N661452" s="10"/>
    </row>
    <row r="661453" spans="14:14">
      <c r="N661453" s="10"/>
    </row>
    <row r="661454" spans="14:14">
      <c r="N661454" s="10"/>
    </row>
    <row r="661455" spans="14:14">
      <c r="N661455" s="10"/>
    </row>
    <row r="661456" spans="14:14">
      <c r="N661456" s="10"/>
    </row>
    <row r="661457" spans="14:14">
      <c r="N661457" s="10"/>
    </row>
    <row r="661458" spans="14:14">
      <c r="N661458" s="10"/>
    </row>
    <row r="661459" spans="14:14">
      <c r="N661459" s="10"/>
    </row>
    <row r="661460" spans="14:14">
      <c r="N661460" s="10"/>
    </row>
    <row r="661461" spans="14:14">
      <c r="N661461" s="10"/>
    </row>
    <row r="661462" spans="14:14">
      <c r="N661462" s="10"/>
    </row>
    <row r="661463" spans="14:14">
      <c r="N661463" s="10"/>
    </row>
    <row r="661464" spans="14:14">
      <c r="N661464" s="10"/>
    </row>
    <row r="661465" spans="14:14">
      <c r="N661465" s="10"/>
    </row>
    <row r="661466" spans="14:14">
      <c r="N661466" s="10"/>
    </row>
    <row r="661467" spans="14:14">
      <c r="N661467" s="10"/>
    </row>
    <row r="661468" spans="14:14">
      <c r="N661468" s="10"/>
    </row>
    <row r="661469" spans="14:14">
      <c r="N661469" s="10"/>
    </row>
    <row r="661470" spans="14:14">
      <c r="N661470" s="10"/>
    </row>
    <row r="661471" spans="14:14">
      <c r="N661471" s="10"/>
    </row>
    <row r="661472" spans="14:14">
      <c r="N661472" s="10"/>
    </row>
    <row r="661473" spans="14:14">
      <c r="N661473" s="10"/>
    </row>
    <row r="661474" spans="14:14">
      <c r="N661474" s="10"/>
    </row>
    <row r="661475" spans="14:14">
      <c r="N661475" s="10"/>
    </row>
    <row r="661476" spans="14:14">
      <c r="N661476" s="10"/>
    </row>
    <row r="661477" spans="14:14">
      <c r="N661477" s="10"/>
    </row>
    <row r="661478" spans="14:14">
      <c r="N661478" s="10"/>
    </row>
    <row r="661479" spans="14:14">
      <c r="N661479" s="10"/>
    </row>
    <row r="661480" spans="14:14">
      <c r="N661480" s="10"/>
    </row>
    <row r="661481" spans="14:14">
      <c r="N661481" s="10"/>
    </row>
    <row r="661482" spans="14:14">
      <c r="N661482" s="10"/>
    </row>
    <row r="661483" spans="14:14">
      <c r="N661483" s="10"/>
    </row>
    <row r="661484" spans="14:14">
      <c r="N661484" s="10"/>
    </row>
    <row r="661485" spans="14:14">
      <c r="N661485" s="10"/>
    </row>
    <row r="661486" spans="14:14">
      <c r="N661486" s="10"/>
    </row>
    <row r="661487" spans="14:14">
      <c r="N661487" s="10"/>
    </row>
    <row r="661488" spans="14:14">
      <c r="N661488" s="10"/>
    </row>
    <row r="661489" spans="14:14">
      <c r="N661489" s="10"/>
    </row>
    <row r="661490" spans="14:14">
      <c r="N661490" s="10"/>
    </row>
    <row r="661491" spans="14:14">
      <c r="N661491" s="10"/>
    </row>
    <row r="661492" spans="14:14">
      <c r="N661492" s="10"/>
    </row>
    <row r="661493" spans="14:14">
      <c r="N661493" s="10"/>
    </row>
    <row r="661494" spans="14:14">
      <c r="N661494" s="10"/>
    </row>
    <row r="661495" spans="14:14">
      <c r="N661495" s="10"/>
    </row>
    <row r="661496" spans="14:14">
      <c r="N661496" s="10"/>
    </row>
    <row r="661497" spans="14:14">
      <c r="N661497" s="10"/>
    </row>
    <row r="661498" spans="14:14">
      <c r="N661498" s="10"/>
    </row>
    <row r="661499" spans="14:14">
      <c r="N661499" s="10"/>
    </row>
    <row r="661500" spans="14:14">
      <c r="N661500" s="10"/>
    </row>
    <row r="661501" spans="14:14">
      <c r="N661501" s="10"/>
    </row>
    <row r="661502" spans="14:14">
      <c r="N661502" s="10"/>
    </row>
    <row r="661503" spans="14:14">
      <c r="N661503" s="10"/>
    </row>
    <row r="661504" spans="14:14">
      <c r="N661504" s="10"/>
    </row>
    <row r="661505" spans="14:14">
      <c r="N661505" s="10"/>
    </row>
    <row r="661506" spans="14:14">
      <c r="N661506" s="10"/>
    </row>
    <row r="661507" spans="14:14">
      <c r="N661507" s="10"/>
    </row>
    <row r="661508" spans="14:14">
      <c r="N661508" s="10"/>
    </row>
    <row r="661509" spans="14:14">
      <c r="N661509" s="10"/>
    </row>
    <row r="661510" spans="14:14">
      <c r="N661510" s="10"/>
    </row>
    <row r="661511" spans="14:14">
      <c r="N661511" s="10"/>
    </row>
    <row r="661512" spans="14:14">
      <c r="N661512" s="10"/>
    </row>
    <row r="661513" spans="14:14">
      <c r="N661513" s="10"/>
    </row>
    <row r="661514" spans="14:14">
      <c r="N661514" s="10"/>
    </row>
    <row r="661515" spans="14:14">
      <c r="N661515" s="10"/>
    </row>
    <row r="661516" spans="14:14">
      <c r="N661516" s="10"/>
    </row>
    <row r="661517" spans="14:14">
      <c r="N661517" s="10"/>
    </row>
    <row r="661518" spans="14:14">
      <c r="N661518" s="10"/>
    </row>
    <row r="661519" spans="14:14">
      <c r="N661519" s="10"/>
    </row>
    <row r="661520" spans="14:14">
      <c r="N661520" s="10"/>
    </row>
    <row r="661521" spans="14:14">
      <c r="N661521" s="10"/>
    </row>
    <row r="661522" spans="14:14">
      <c r="N661522" s="10"/>
    </row>
    <row r="661523" spans="14:14">
      <c r="N661523" s="10"/>
    </row>
    <row r="661524" spans="14:14">
      <c r="N661524" s="10"/>
    </row>
    <row r="661525" spans="14:14">
      <c r="N661525" s="10"/>
    </row>
    <row r="661526" spans="14:14">
      <c r="N661526" s="10"/>
    </row>
    <row r="661527" spans="14:14">
      <c r="N661527" s="10"/>
    </row>
    <row r="661528" spans="14:14">
      <c r="N661528" s="10"/>
    </row>
    <row r="661529" spans="14:14">
      <c r="N661529" s="10"/>
    </row>
    <row r="661530" spans="14:14">
      <c r="N661530" s="10"/>
    </row>
    <row r="661531" spans="14:14">
      <c r="N661531" s="10"/>
    </row>
    <row r="661532" spans="14:14">
      <c r="N661532" s="10"/>
    </row>
    <row r="661533" spans="14:14">
      <c r="N661533" s="10"/>
    </row>
    <row r="661534" spans="14:14">
      <c r="N661534" s="10"/>
    </row>
    <row r="661535" spans="14:14">
      <c r="N661535" s="10"/>
    </row>
    <row r="661536" spans="14:14">
      <c r="N661536" s="10"/>
    </row>
    <row r="661537" spans="14:14">
      <c r="N661537" s="10"/>
    </row>
    <row r="661538" spans="14:14">
      <c r="N661538" s="10"/>
    </row>
    <row r="661539" spans="14:14">
      <c r="N661539" s="10"/>
    </row>
    <row r="661540" spans="14:14">
      <c r="N661540" s="10"/>
    </row>
    <row r="661541" spans="14:14">
      <c r="N661541" s="10"/>
    </row>
    <row r="661542" spans="14:14">
      <c r="N661542" s="10"/>
    </row>
    <row r="661543" spans="14:14">
      <c r="N661543" s="10"/>
    </row>
    <row r="661544" spans="14:14">
      <c r="N661544" s="10"/>
    </row>
    <row r="661545" spans="14:14">
      <c r="N661545" s="10"/>
    </row>
    <row r="661546" spans="14:14">
      <c r="N661546" s="10"/>
    </row>
    <row r="661547" spans="14:14">
      <c r="N661547" s="10"/>
    </row>
    <row r="661548" spans="14:14">
      <c r="N661548" s="10"/>
    </row>
    <row r="661549" spans="14:14">
      <c r="N661549" s="10"/>
    </row>
    <row r="661550" spans="14:14">
      <c r="N661550" s="10"/>
    </row>
    <row r="661551" spans="14:14">
      <c r="N661551" s="10"/>
    </row>
    <row r="661552" spans="14:14">
      <c r="N661552" s="10"/>
    </row>
    <row r="661553" spans="14:14">
      <c r="N661553" s="10"/>
    </row>
    <row r="661554" spans="14:14">
      <c r="N661554" s="10"/>
    </row>
    <row r="661555" spans="14:14">
      <c r="N661555" s="10"/>
    </row>
    <row r="661556" spans="14:14">
      <c r="N661556" s="10"/>
    </row>
    <row r="661557" spans="14:14">
      <c r="N661557" s="10"/>
    </row>
    <row r="661558" spans="14:14">
      <c r="N661558" s="10"/>
    </row>
    <row r="661559" spans="14:14">
      <c r="N661559" s="10"/>
    </row>
    <row r="661560" spans="14:14">
      <c r="N661560" s="10"/>
    </row>
    <row r="661561" spans="14:14">
      <c r="N661561" s="10"/>
    </row>
    <row r="661562" spans="14:14">
      <c r="N661562" s="10"/>
    </row>
    <row r="661563" spans="14:14">
      <c r="N661563" s="10"/>
    </row>
    <row r="661564" spans="14:14">
      <c r="N661564" s="10"/>
    </row>
    <row r="661565" spans="14:14">
      <c r="N661565" s="10"/>
    </row>
    <row r="661566" spans="14:14">
      <c r="N661566" s="10"/>
    </row>
    <row r="661567" spans="14:14">
      <c r="N661567" s="10"/>
    </row>
    <row r="661568" spans="14:14">
      <c r="N661568" s="10"/>
    </row>
    <row r="661569" spans="14:14">
      <c r="N661569" s="10"/>
    </row>
    <row r="661570" spans="14:14">
      <c r="N661570" s="10"/>
    </row>
    <row r="661571" spans="14:14">
      <c r="N661571" s="10"/>
    </row>
    <row r="661572" spans="14:14">
      <c r="N661572" s="10"/>
    </row>
    <row r="661573" spans="14:14">
      <c r="N661573" s="10"/>
    </row>
    <row r="661574" spans="14:14">
      <c r="N661574" s="10"/>
    </row>
    <row r="661575" spans="14:14">
      <c r="N661575" s="10"/>
    </row>
    <row r="661576" spans="14:14">
      <c r="N661576" s="10"/>
    </row>
    <row r="661577" spans="14:14">
      <c r="N661577" s="10"/>
    </row>
    <row r="661578" spans="14:14">
      <c r="N661578" s="10"/>
    </row>
    <row r="661579" spans="14:14">
      <c r="N661579" s="10"/>
    </row>
    <row r="661580" spans="14:14">
      <c r="N661580" s="10"/>
    </row>
    <row r="661581" spans="14:14">
      <c r="N661581" s="10"/>
    </row>
    <row r="661582" spans="14:14">
      <c r="N661582" s="10"/>
    </row>
    <row r="661583" spans="14:14">
      <c r="N661583" s="10"/>
    </row>
    <row r="661584" spans="14:14">
      <c r="N661584" s="10"/>
    </row>
    <row r="661585" spans="14:14">
      <c r="N661585" s="10"/>
    </row>
    <row r="661586" spans="14:14">
      <c r="N661586" s="10"/>
    </row>
    <row r="661587" spans="14:14">
      <c r="N661587" s="10"/>
    </row>
    <row r="661588" spans="14:14">
      <c r="N661588" s="10"/>
    </row>
    <row r="661589" spans="14:14">
      <c r="N661589" s="10"/>
    </row>
    <row r="661590" spans="14:14">
      <c r="N661590" s="10"/>
    </row>
    <row r="661591" spans="14:14">
      <c r="N661591" s="10"/>
    </row>
    <row r="661592" spans="14:14">
      <c r="N661592" s="10"/>
    </row>
    <row r="661593" spans="14:14">
      <c r="N661593" s="10"/>
    </row>
    <row r="661594" spans="14:14">
      <c r="N661594" s="10"/>
    </row>
    <row r="661595" spans="14:14">
      <c r="N661595" s="10"/>
    </row>
    <row r="661596" spans="14:14">
      <c r="N661596" s="10"/>
    </row>
    <row r="661597" spans="14:14">
      <c r="N661597" s="10"/>
    </row>
    <row r="661598" spans="14:14">
      <c r="N661598" s="10"/>
    </row>
    <row r="661599" spans="14:14">
      <c r="N661599" s="10"/>
    </row>
    <row r="661600" spans="14:14">
      <c r="N661600" s="10"/>
    </row>
    <row r="661601" spans="14:14">
      <c r="N661601" s="10"/>
    </row>
    <row r="661602" spans="14:14">
      <c r="N661602" s="10"/>
    </row>
    <row r="661603" spans="14:14">
      <c r="N661603" s="10"/>
    </row>
    <row r="661604" spans="14:14">
      <c r="N661604" s="10"/>
    </row>
    <row r="661605" spans="14:14">
      <c r="N661605" s="10"/>
    </row>
    <row r="661606" spans="14:14">
      <c r="N661606" s="10"/>
    </row>
    <row r="661607" spans="14:14">
      <c r="N661607" s="10"/>
    </row>
    <row r="661608" spans="14:14">
      <c r="N661608" s="10"/>
    </row>
    <row r="661609" spans="14:14">
      <c r="N661609" s="10"/>
    </row>
    <row r="661610" spans="14:14">
      <c r="N661610" s="10"/>
    </row>
    <row r="661611" spans="14:14">
      <c r="N661611" s="10"/>
    </row>
    <row r="661612" spans="14:14">
      <c r="N661612" s="10"/>
    </row>
    <row r="661613" spans="14:14">
      <c r="N661613" s="10"/>
    </row>
    <row r="661614" spans="14:14">
      <c r="N661614" s="10"/>
    </row>
    <row r="661615" spans="14:14">
      <c r="N661615" s="10"/>
    </row>
    <row r="661616" spans="14:14">
      <c r="N661616" s="10"/>
    </row>
    <row r="661617" spans="14:14">
      <c r="N661617" s="10"/>
    </row>
    <row r="661618" spans="14:14">
      <c r="N661618" s="10"/>
    </row>
    <row r="661619" spans="14:14">
      <c r="N661619" s="10"/>
    </row>
    <row r="661620" spans="14:14">
      <c r="N661620" s="10"/>
    </row>
    <row r="661621" spans="14:14">
      <c r="N661621" s="10"/>
    </row>
    <row r="661622" spans="14:14">
      <c r="N661622" s="10"/>
    </row>
    <row r="661623" spans="14:14">
      <c r="N661623" s="10"/>
    </row>
    <row r="661624" spans="14:14">
      <c r="N661624" s="10"/>
    </row>
    <row r="661625" spans="14:14">
      <c r="N661625" s="10"/>
    </row>
    <row r="661626" spans="14:14">
      <c r="N661626" s="10"/>
    </row>
    <row r="661627" spans="14:14">
      <c r="N661627" s="10"/>
    </row>
    <row r="661628" spans="14:14">
      <c r="N661628" s="10"/>
    </row>
    <row r="661629" spans="14:14">
      <c r="N661629" s="10"/>
    </row>
    <row r="661630" spans="14:14">
      <c r="N661630" s="10"/>
    </row>
    <row r="661631" spans="14:14">
      <c r="N661631" s="10"/>
    </row>
    <row r="661632" spans="14:14">
      <c r="N661632" s="10"/>
    </row>
    <row r="661633" spans="14:14">
      <c r="N661633" s="10"/>
    </row>
    <row r="661634" spans="14:14">
      <c r="N661634" s="10"/>
    </row>
    <row r="661635" spans="14:14">
      <c r="N661635" s="10"/>
    </row>
    <row r="661636" spans="14:14">
      <c r="N661636" s="10"/>
    </row>
    <row r="661637" spans="14:14">
      <c r="N661637" s="10"/>
    </row>
    <row r="661638" spans="14:14">
      <c r="N661638" s="10"/>
    </row>
    <row r="661639" spans="14:14">
      <c r="N661639" s="10"/>
    </row>
    <row r="661640" spans="14:14">
      <c r="N661640" s="10"/>
    </row>
    <row r="661641" spans="14:14">
      <c r="N661641" s="10"/>
    </row>
    <row r="661642" spans="14:14">
      <c r="N661642" s="10"/>
    </row>
    <row r="661643" spans="14:14">
      <c r="N661643" s="10"/>
    </row>
    <row r="661644" spans="14:14">
      <c r="N661644" s="10"/>
    </row>
    <row r="661645" spans="14:14">
      <c r="N661645" s="10"/>
    </row>
    <row r="661646" spans="14:14">
      <c r="N661646" s="10"/>
    </row>
    <row r="661647" spans="14:14">
      <c r="N661647" s="10"/>
    </row>
    <row r="661648" spans="14:14">
      <c r="N661648" s="10"/>
    </row>
    <row r="661649" spans="14:14">
      <c r="N661649" s="10"/>
    </row>
    <row r="661650" spans="14:14">
      <c r="N661650" s="10"/>
    </row>
    <row r="661651" spans="14:14">
      <c r="N661651" s="10"/>
    </row>
    <row r="661652" spans="14:14">
      <c r="N661652" s="10"/>
    </row>
    <row r="661653" spans="14:14">
      <c r="N661653" s="10"/>
    </row>
    <row r="661654" spans="14:14">
      <c r="N661654" s="10"/>
    </row>
    <row r="661655" spans="14:14">
      <c r="N661655" s="10"/>
    </row>
    <row r="661656" spans="14:14">
      <c r="N661656" s="10"/>
    </row>
    <row r="661657" spans="14:14">
      <c r="N661657" s="10"/>
    </row>
    <row r="661658" spans="14:14">
      <c r="N661658" s="10"/>
    </row>
    <row r="661659" spans="14:14">
      <c r="N661659" s="10"/>
    </row>
    <row r="661660" spans="14:14">
      <c r="N661660" s="10"/>
    </row>
    <row r="661661" spans="14:14">
      <c r="N661661" s="10"/>
    </row>
    <row r="661662" spans="14:14">
      <c r="N661662" s="10"/>
    </row>
    <row r="661663" spans="14:14">
      <c r="N661663" s="10"/>
    </row>
    <row r="661664" spans="14:14">
      <c r="N661664" s="10"/>
    </row>
    <row r="661665" spans="14:14">
      <c r="N661665" s="10"/>
    </row>
    <row r="661666" spans="14:14">
      <c r="N661666" s="10"/>
    </row>
    <row r="661667" spans="14:14">
      <c r="N661667" s="10"/>
    </row>
    <row r="661668" spans="14:14">
      <c r="N661668" s="10"/>
    </row>
    <row r="661669" spans="14:14">
      <c r="N661669" s="10"/>
    </row>
    <row r="661670" spans="14:14">
      <c r="N661670" s="10"/>
    </row>
    <row r="661671" spans="14:14">
      <c r="N661671" s="10"/>
    </row>
    <row r="661672" spans="14:14">
      <c r="N661672" s="10"/>
    </row>
    <row r="661673" spans="14:14">
      <c r="N661673" s="10"/>
    </row>
    <row r="661674" spans="14:14">
      <c r="N661674" s="10"/>
    </row>
    <row r="661675" spans="14:14">
      <c r="N661675" s="10"/>
    </row>
    <row r="661676" spans="14:14">
      <c r="N661676" s="10"/>
    </row>
    <row r="661677" spans="14:14">
      <c r="N661677" s="10"/>
    </row>
    <row r="661678" spans="14:14">
      <c r="N661678" s="10"/>
    </row>
    <row r="661679" spans="14:14">
      <c r="N661679" s="10"/>
    </row>
    <row r="661680" spans="14:14">
      <c r="N661680" s="10"/>
    </row>
    <row r="661681" spans="14:14">
      <c r="N661681" s="10"/>
    </row>
    <row r="661682" spans="14:14">
      <c r="N661682" s="10"/>
    </row>
    <row r="661683" spans="14:14">
      <c r="N661683" s="10"/>
    </row>
    <row r="661684" spans="14:14">
      <c r="N661684" s="10"/>
    </row>
    <row r="661685" spans="14:14">
      <c r="N661685" s="10"/>
    </row>
    <row r="661686" spans="14:14">
      <c r="N661686" s="10"/>
    </row>
    <row r="661687" spans="14:14">
      <c r="N661687" s="10"/>
    </row>
    <row r="661688" spans="14:14">
      <c r="N661688" s="10"/>
    </row>
    <row r="661689" spans="14:14">
      <c r="N661689" s="10"/>
    </row>
    <row r="661690" spans="14:14">
      <c r="N661690" s="10"/>
    </row>
    <row r="661691" spans="14:14">
      <c r="N661691" s="10"/>
    </row>
    <row r="661692" spans="14:14">
      <c r="N661692" s="10"/>
    </row>
    <row r="661693" spans="14:14">
      <c r="N661693" s="10"/>
    </row>
    <row r="661694" spans="14:14">
      <c r="N661694" s="10"/>
    </row>
    <row r="661695" spans="14:14">
      <c r="N661695" s="10"/>
    </row>
    <row r="661696" spans="14:14">
      <c r="N661696" s="10"/>
    </row>
    <row r="661697" spans="14:14">
      <c r="N661697" s="10"/>
    </row>
    <row r="661698" spans="14:14">
      <c r="N661698" s="10"/>
    </row>
    <row r="661699" spans="14:14">
      <c r="N661699" s="10"/>
    </row>
    <row r="661700" spans="14:14">
      <c r="N661700" s="10"/>
    </row>
    <row r="661701" spans="14:14">
      <c r="N661701" s="10"/>
    </row>
    <row r="661702" spans="14:14">
      <c r="N661702" s="10"/>
    </row>
    <row r="661703" spans="14:14">
      <c r="N661703" s="10"/>
    </row>
    <row r="661704" spans="14:14">
      <c r="N661704" s="10"/>
    </row>
    <row r="661705" spans="14:14">
      <c r="N661705" s="10"/>
    </row>
    <row r="661706" spans="14:14">
      <c r="N661706" s="10"/>
    </row>
    <row r="661707" spans="14:14">
      <c r="N661707" s="10"/>
    </row>
    <row r="661708" spans="14:14">
      <c r="N661708" s="10"/>
    </row>
    <row r="661709" spans="14:14">
      <c r="N661709" s="10"/>
    </row>
    <row r="661710" spans="14:14">
      <c r="N661710" s="10"/>
    </row>
    <row r="661711" spans="14:14">
      <c r="N661711" s="10"/>
    </row>
    <row r="661712" spans="14:14">
      <c r="N661712" s="10"/>
    </row>
    <row r="661713" spans="14:14">
      <c r="N661713" s="10"/>
    </row>
    <row r="661714" spans="14:14">
      <c r="N661714" s="10"/>
    </row>
    <row r="661715" spans="14:14">
      <c r="N661715" s="10"/>
    </row>
    <row r="661716" spans="14:14">
      <c r="N661716" s="10"/>
    </row>
    <row r="661717" spans="14:14">
      <c r="N661717" s="10"/>
    </row>
    <row r="661718" spans="14:14">
      <c r="N661718" s="10"/>
    </row>
    <row r="661719" spans="14:14">
      <c r="N661719" s="10"/>
    </row>
    <row r="661720" spans="14:14">
      <c r="N661720" s="10"/>
    </row>
    <row r="661721" spans="14:14">
      <c r="N661721" s="10"/>
    </row>
    <row r="661722" spans="14:14">
      <c r="N661722" s="10"/>
    </row>
    <row r="661723" spans="14:14">
      <c r="N661723" s="10"/>
    </row>
    <row r="661724" spans="14:14">
      <c r="N661724" s="10"/>
    </row>
    <row r="661725" spans="14:14">
      <c r="N661725" s="10"/>
    </row>
    <row r="661726" spans="14:14">
      <c r="N661726" s="10"/>
    </row>
    <row r="661727" spans="14:14">
      <c r="N661727" s="10"/>
    </row>
    <row r="661728" spans="14:14">
      <c r="N661728" s="10"/>
    </row>
    <row r="661729" spans="14:14">
      <c r="N661729" s="10"/>
    </row>
    <row r="661730" spans="14:14">
      <c r="N661730" s="10"/>
    </row>
    <row r="661731" spans="14:14">
      <c r="N661731" s="10"/>
    </row>
    <row r="661732" spans="14:14">
      <c r="N661732" s="10"/>
    </row>
    <row r="661733" spans="14:14">
      <c r="N661733" s="10"/>
    </row>
    <row r="661734" spans="14:14">
      <c r="N661734" s="10"/>
    </row>
    <row r="661735" spans="14:14">
      <c r="N661735" s="10"/>
    </row>
    <row r="661736" spans="14:14">
      <c r="N661736" s="10"/>
    </row>
    <row r="661737" spans="14:14">
      <c r="N661737" s="10"/>
    </row>
    <row r="661738" spans="14:14">
      <c r="N661738" s="10"/>
    </row>
    <row r="661739" spans="14:14">
      <c r="N661739" s="10"/>
    </row>
    <row r="661740" spans="14:14">
      <c r="N661740" s="10"/>
    </row>
    <row r="661741" spans="14:14">
      <c r="N661741" s="10"/>
    </row>
    <row r="661742" spans="14:14">
      <c r="N661742" s="10"/>
    </row>
    <row r="661743" spans="14:14">
      <c r="N661743" s="10"/>
    </row>
    <row r="661744" spans="14:14">
      <c r="N661744" s="10"/>
    </row>
    <row r="661745" spans="14:14">
      <c r="N661745" s="10"/>
    </row>
    <row r="661746" spans="14:14">
      <c r="N661746" s="10"/>
    </row>
    <row r="661747" spans="14:14">
      <c r="N661747" s="10"/>
    </row>
    <row r="661748" spans="14:14">
      <c r="N661748" s="10"/>
    </row>
    <row r="661749" spans="14:14">
      <c r="N661749" s="10"/>
    </row>
    <row r="661750" spans="14:14">
      <c r="N661750" s="10"/>
    </row>
    <row r="661751" spans="14:14">
      <c r="N661751" s="10"/>
    </row>
    <row r="661752" spans="14:14">
      <c r="N661752" s="10"/>
    </row>
    <row r="661753" spans="14:14">
      <c r="N661753" s="10"/>
    </row>
    <row r="661754" spans="14:14">
      <c r="N661754" s="10"/>
    </row>
    <row r="661755" spans="14:14">
      <c r="N661755" s="10"/>
    </row>
    <row r="661756" spans="14:14">
      <c r="N661756" s="10"/>
    </row>
    <row r="661757" spans="14:14">
      <c r="N661757" s="10"/>
    </row>
    <row r="661758" spans="14:14">
      <c r="N661758" s="10"/>
    </row>
    <row r="661759" spans="14:14">
      <c r="N661759" s="10"/>
    </row>
    <row r="661760" spans="14:14">
      <c r="N661760" s="10"/>
    </row>
    <row r="661761" spans="14:14">
      <c r="N661761" s="10"/>
    </row>
    <row r="661762" spans="14:14">
      <c r="N661762" s="10"/>
    </row>
    <row r="661763" spans="14:14">
      <c r="N661763" s="10"/>
    </row>
    <row r="661764" spans="14:14">
      <c r="N661764" s="10"/>
    </row>
    <row r="661765" spans="14:14">
      <c r="N661765" s="10"/>
    </row>
    <row r="661766" spans="14:14">
      <c r="N661766" s="10"/>
    </row>
    <row r="661767" spans="14:14">
      <c r="N661767" s="10"/>
    </row>
    <row r="661768" spans="14:14">
      <c r="N661768" s="10"/>
    </row>
    <row r="661769" spans="14:14">
      <c r="N661769" s="10"/>
    </row>
    <row r="661770" spans="14:14">
      <c r="N661770" s="10"/>
    </row>
    <row r="661771" spans="14:14">
      <c r="N661771" s="10"/>
    </row>
    <row r="661772" spans="14:14">
      <c r="N661772" s="10"/>
    </row>
    <row r="661773" spans="14:14">
      <c r="N661773" s="10"/>
    </row>
    <row r="661774" spans="14:14">
      <c r="N661774" s="10"/>
    </row>
    <row r="661775" spans="14:14">
      <c r="N661775" s="10"/>
    </row>
    <row r="661776" spans="14:14">
      <c r="N661776" s="10"/>
    </row>
    <row r="661777" spans="14:14">
      <c r="N661777" s="10"/>
    </row>
    <row r="661778" spans="14:14">
      <c r="N661778" s="10"/>
    </row>
    <row r="661779" spans="14:14">
      <c r="N661779" s="10"/>
    </row>
    <row r="661780" spans="14:14">
      <c r="N661780" s="10"/>
    </row>
    <row r="661781" spans="14:14">
      <c r="N661781" s="10"/>
    </row>
    <row r="661782" spans="14:14">
      <c r="N661782" s="10"/>
    </row>
    <row r="661783" spans="14:14">
      <c r="N661783" s="10"/>
    </row>
    <row r="661784" spans="14:14">
      <c r="N661784" s="10"/>
    </row>
    <row r="661785" spans="14:14">
      <c r="N661785" s="10"/>
    </row>
    <row r="661786" spans="14:14">
      <c r="N661786" s="10"/>
    </row>
    <row r="661787" spans="14:14">
      <c r="N661787" s="10"/>
    </row>
    <row r="661788" spans="14:14">
      <c r="N661788" s="10"/>
    </row>
    <row r="661789" spans="14:14">
      <c r="N661789" s="10"/>
    </row>
    <row r="661790" spans="14:14">
      <c r="N661790" s="10"/>
    </row>
    <row r="661791" spans="14:14">
      <c r="N661791" s="10"/>
    </row>
    <row r="661792" spans="14:14">
      <c r="N661792" s="10"/>
    </row>
    <row r="661793" spans="14:14">
      <c r="N661793" s="10"/>
    </row>
    <row r="661794" spans="14:14">
      <c r="N661794" s="10"/>
    </row>
    <row r="661795" spans="14:14">
      <c r="N661795" s="10"/>
    </row>
    <row r="661796" spans="14:14">
      <c r="N661796" s="10"/>
    </row>
    <row r="661797" spans="14:14">
      <c r="N661797" s="10"/>
    </row>
    <row r="661798" spans="14:14">
      <c r="N661798" s="10"/>
    </row>
    <row r="661799" spans="14:14">
      <c r="N661799" s="10"/>
    </row>
    <row r="661800" spans="14:14">
      <c r="N661800" s="10"/>
    </row>
    <row r="661801" spans="14:14">
      <c r="N661801" s="10"/>
    </row>
    <row r="661802" spans="14:14">
      <c r="N661802" s="10"/>
    </row>
    <row r="661803" spans="14:14">
      <c r="N661803" s="10"/>
    </row>
    <row r="661804" spans="14:14">
      <c r="N661804" s="10"/>
    </row>
    <row r="661805" spans="14:14">
      <c r="N661805" s="10"/>
    </row>
    <row r="661806" spans="14:14">
      <c r="N661806" s="10"/>
    </row>
    <row r="661807" spans="14:14">
      <c r="N661807" s="10"/>
    </row>
    <row r="661808" spans="14:14">
      <c r="N661808" s="10"/>
    </row>
    <row r="661809" spans="14:14">
      <c r="N661809" s="10"/>
    </row>
    <row r="661810" spans="14:14">
      <c r="N661810" s="10"/>
    </row>
    <row r="661811" spans="14:14">
      <c r="N661811" s="10"/>
    </row>
    <row r="661812" spans="14:14">
      <c r="N661812" s="10"/>
    </row>
    <row r="661813" spans="14:14">
      <c r="N661813" s="10"/>
    </row>
    <row r="661814" spans="14:14">
      <c r="N661814" s="10"/>
    </row>
    <row r="661815" spans="14:14">
      <c r="N661815" s="10"/>
    </row>
    <row r="661816" spans="14:14">
      <c r="N661816" s="10"/>
    </row>
    <row r="661817" spans="14:14">
      <c r="N661817" s="10"/>
    </row>
    <row r="661818" spans="14:14">
      <c r="N661818" s="10"/>
    </row>
    <row r="661819" spans="14:14">
      <c r="N661819" s="10"/>
    </row>
    <row r="661820" spans="14:14">
      <c r="N661820" s="10"/>
    </row>
    <row r="661821" spans="14:14">
      <c r="N661821" s="10"/>
    </row>
    <row r="661822" spans="14:14">
      <c r="N661822" s="10"/>
    </row>
    <row r="661823" spans="14:14">
      <c r="N661823" s="10"/>
    </row>
    <row r="661824" spans="14:14">
      <c r="N661824" s="10"/>
    </row>
    <row r="661825" spans="14:14">
      <c r="N661825" s="10"/>
    </row>
    <row r="661826" spans="14:14">
      <c r="N661826" s="10"/>
    </row>
    <row r="661827" spans="14:14">
      <c r="N661827" s="10"/>
    </row>
    <row r="661828" spans="14:14">
      <c r="N661828" s="10"/>
    </row>
    <row r="661829" spans="14:14">
      <c r="N661829" s="10"/>
    </row>
    <row r="661830" spans="14:14">
      <c r="N661830" s="10"/>
    </row>
    <row r="661831" spans="14:14">
      <c r="N661831" s="10"/>
    </row>
    <row r="661832" spans="14:14">
      <c r="N661832" s="10"/>
    </row>
    <row r="661833" spans="14:14">
      <c r="N661833" s="10"/>
    </row>
    <row r="661834" spans="14:14">
      <c r="N661834" s="10"/>
    </row>
    <row r="661835" spans="14:14">
      <c r="N661835" s="10"/>
    </row>
    <row r="661836" spans="14:14">
      <c r="N661836" s="10"/>
    </row>
    <row r="661837" spans="14:14">
      <c r="N661837" s="10"/>
    </row>
    <row r="661838" spans="14:14">
      <c r="N661838" s="10"/>
    </row>
    <row r="661839" spans="14:14">
      <c r="N661839" s="10"/>
    </row>
    <row r="661840" spans="14:14">
      <c r="N661840" s="10"/>
    </row>
    <row r="661841" spans="14:14">
      <c r="N661841" s="10"/>
    </row>
    <row r="661842" spans="14:14">
      <c r="N661842" s="10"/>
    </row>
    <row r="661843" spans="14:14">
      <c r="N661843" s="10"/>
    </row>
    <row r="661844" spans="14:14">
      <c r="N661844" s="10"/>
    </row>
    <row r="661845" spans="14:14">
      <c r="N661845" s="10"/>
    </row>
    <row r="661846" spans="14:14">
      <c r="N661846" s="10"/>
    </row>
    <row r="661847" spans="14:14">
      <c r="N661847" s="10"/>
    </row>
    <row r="661848" spans="14:14">
      <c r="N661848" s="10"/>
    </row>
    <row r="661849" spans="14:14">
      <c r="N661849" s="10"/>
    </row>
    <row r="661850" spans="14:14">
      <c r="N661850" s="10"/>
    </row>
    <row r="661851" spans="14:14">
      <c r="N661851" s="10"/>
    </row>
    <row r="661852" spans="14:14">
      <c r="N661852" s="10"/>
    </row>
    <row r="661853" spans="14:14">
      <c r="N661853" s="10"/>
    </row>
    <row r="661854" spans="14:14">
      <c r="N661854" s="10"/>
    </row>
    <row r="661855" spans="14:14">
      <c r="N661855" s="10"/>
    </row>
    <row r="661856" spans="14:14">
      <c r="N661856" s="10"/>
    </row>
    <row r="661857" spans="14:14">
      <c r="N661857" s="10"/>
    </row>
    <row r="661858" spans="14:14">
      <c r="N661858" s="10"/>
    </row>
    <row r="661859" spans="14:14">
      <c r="N661859" s="10"/>
    </row>
    <row r="661860" spans="14:14">
      <c r="N661860" s="10"/>
    </row>
    <row r="661861" spans="14:14">
      <c r="N661861" s="10"/>
    </row>
    <row r="661862" spans="14:14">
      <c r="N661862" s="10"/>
    </row>
    <row r="661863" spans="14:14">
      <c r="N661863" s="10"/>
    </row>
    <row r="661864" spans="14:14">
      <c r="N661864" s="10"/>
    </row>
    <row r="661865" spans="14:14">
      <c r="N661865" s="10"/>
    </row>
    <row r="661866" spans="14:14">
      <c r="N661866" s="10"/>
    </row>
    <row r="661867" spans="14:14">
      <c r="N661867" s="10"/>
    </row>
    <row r="661868" spans="14:14">
      <c r="N661868" s="10"/>
    </row>
    <row r="661869" spans="14:14">
      <c r="N661869" s="10"/>
    </row>
    <row r="661870" spans="14:14">
      <c r="N661870" s="10"/>
    </row>
    <row r="661871" spans="14:14">
      <c r="N661871" s="10"/>
    </row>
    <row r="661872" spans="14:14">
      <c r="N661872" s="10"/>
    </row>
    <row r="661873" spans="14:14">
      <c r="N661873" s="10"/>
    </row>
    <row r="661874" spans="14:14">
      <c r="N661874" s="10"/>
    </row>
    <row r="661875" spans="14:14">
      <c r="N661875" s="10"/>
    </row>
    <row r="661876" spans="14:14">
      <c r="N661876" s="10"/>
    </row>
    <row r="661877" spans="14:14">
      <c r="N661877" s="10"/>
    </row>
    <row r="661878" spans="14:14">
      <c r="N661878" s="10"/>
    </row>
    <row r="661879" spans="14:14">
      <c r="N661879" s="10"/>
    </row>
    <row r="661880" spans="14:14">
      <c r="N661880" s="10"/>
    </row>
    <row r="661881" spans="14:14">
      <c r="N661881" s="10"/>
    </row>
    <row r="661882" spans="14:14">
      <c r="N661882" s="10"/>
    </row>
    <row r="661883" spans="14:14">
      <c r="N661883" s="10"/>
    </row>
    <row r="661884" spans="14:14">
      <c r="N661884" s="10"/>
    </row>
    <row r="661885" spans="14:14">
      <c r="N661885" s="10"/>
    </row>
    <row r="661886" spans="14:14">
      <c r="N661886" s="10"/>
    </row>
    <row r="661887" spans="14:14">
      <c r="N661887" s="10"/>
    </row>
    <row r="661888" spans="14:14">
      <c r="N661888" s="10"/>
    </row>
    <row r="661889" spans="14:14">
      <c r="N661889" s="10"/>
    </row>
    <row r="661890" spans="14:14">
      <c r="N661890" s="10"/>
    </row>
    <row r="661891" spans="14:14">
      <c r="N661891" s="10"/>
    </row>
    <row r="661892" spans="14:14">
      <c r="N661892" s="10"/>
    </row>
    <row r="661893" spans="14:14">
      <c r="N661893" s="10"/>
    </row>
    <row r="661894" spans="14:14">
      <c r="N661894" s="10"/>
    </row>
    <row r="661895" spans="14:14">
      <c r="N661895" s="10"/>
    </row>
    <row r="661896" spans="14:14">
      <c r="N661896" s="10"/>
    </row>
    <row r="661897" spans="14:14">
      <c r="N661897" s="10"/>
    </row>
    <row r="661898" spans="14:14">
      <c r="N661898" s="10"/>
    </row>
    <row r="661899" spans="14:14">
      <c r="N661899" s="10"/>
    </row>
    <row r="661900" spans="14:14">
      <c r="N661900" s="10"/>
    </row>
    <row r="661901" spans="14:14">
      <c r="N661901" s="10"/>
    </row>
    <row r="661902" spans="14:14">
      <c r="N661902" s="10"/>
    </row>
    <row r="661903" spans="14:14">
      <c r="N661903" s="10"/>
    </row>
    <row r="661904" spans="14:14">
      <c r="N661904" s="10"/>
    </row>
    <row r="661905" spans="14:14">
      <c r="N661905" s="10"/>
    </row>
    <row r="661906" spans="14:14">
      <c r="N661906" s="10"/>
    </row>
    <row r="661907" spans="14:14">
      <c r="N661907" s="10"/>
    </row>
    <row r="661908" spans="14:14">
      <c r="N661908" s="10"/>
    </row>
    <row r="661909" spans="14:14">
      <c r="N661909" s="10"/>
    </row>
    <row r="661910" spans="14:14">
      <c r="N661910" s="10"/>
    </row>
    <row r="661911" spans="14:14">
      <c r="N661911" s="10"/>
    </row>
    <row r="661912" spans="14:14">
      <c r="N661912" s="10"/>
    </row>
    <row r="661913" spans="14:14">
      <c r="N661913" s="10"/>
    </row>
    <row r="661914" spans="14:14">
      <c r="N661914" s="10"/>
    </row>
    <row r="661915" spans="14:14">
      <c r="N661915" s="10"/>
    </row>
    <row r="661916" spans="14:14">
      <c r="N661916" s="10"/>
    </row>
    <row r="661917" spans="14:14">
      <c r="N661917" s="10"/>
    </row>
    <row r="661918" spans="14:14">
      <c r="N661918" s="10"/>
    </row>
    <row r="661919" spans="14:14">
      <c r="N661919" s="10"/>
    </row>
    <row r="661920" spans="14:14">
      <c r="N661920" s="10"/>
    </row>
    <row r="661921" spans="14:14">
      <c r="N661921" s="10"/>
    </row>
    <row r="661922" spans="14:14">
      <c r="N661922" s="10"/>
    </row>
    <row r="661923" spans="14:14">
      <c r="N661923" s="10"/>
    </row>
    <row r="661924" spans="14:14">
      <c r="N661924" s="10"/>
    </row>
    <row r="661925" spans="14:14">
      <c r="N661925" s="10"/>
    </row>
    <row r="661926" spans="14:14">
      <c r="N661926" s="10"/>
    </row>
    <row r="661927" spans="14:14">
      <c r="N661927" s="10"/>
    </row>
    <row r="661928" spans="14:14">
      <c r="N661928" s="10"/>
    </row>
    <row r="661929" spans="14:14">
      <c r="N661929" s="10"/>
    </row>
    <row r="661930" spans="14:14">
      <c r="N661930" s="10"/>
    </row>
    <row r="661931" spans="14:14">
      <c r="N661931" s="10"/>
    </row>
    <row r="661932" spans="14:14">
      <c r="N661932" s="10"/>
    </row>
    <row r="661933" spans="14:14">
      <c r="N661933" s="10"/>
    </row>
    <row r="661934" spans="14:14">
      <c r="N661934" s="10"/>
    </row>
    <row r="661935" spans="14:14">
      <c r="N661935" s="10"/>
    </row>
    <row r="661936" spans="14:14">
      <c r="N661936" s="10"/>
    </row>
    <row r="661937" spans="14:14">
      <c r="N661937" s="10"/>
    </row>
    <row r="661938" spans="14:14">
      <c r="N661938" s="10"/>
    </row>
    <row r="661939" spans="14:14">
      <c r="N661939" s="10"/>
    </row>
    <row r="661940" spans="14:14">
      <c r="N661940" s="10"/>
    </row>
    <row r="661941" spans="14:14">
      <c r="N661941" s="10"/>
    </row>
    <row r="661942" spans="14:14">
      <c r="N661942" s="10"/>
    </row>
    <row r="661943" spans="14:14">
      <c r="N661943" s="10"/>
    </row>
    <row r="661944" spans="14:14">
      <c r="N661944" s="10"/>
    </row>
    <row r="661945" spans="14:14">
      <c r="N661945" s="10"/>
    </row>
    <row r="661946" spans="14:14">
      <c r="N661946" s="10"/>
    </row>
    <row r="661947" spans="14:14">
      <c r="N661947" s="10"/>
    </row>
    <row r="661948" spans="14:14">
      <c r="N661948" s="10"/>
    </row>
    <row r="661949" spans="14:14">
      <c r="N661949" s="10"/>
    </row>
    <row r="661950" spans="14:14">
      <c r="N661950" s="10"/>
    </row>
    <row r="661951" spans="14:14">
      <c r="N661951" s="10"/>
    </row>
    <row r="661952" spans="14:14">
      <c r="N661952" s="10"/>
    </row>
    <row r="661953" spans="14:14">
      <c r="N661953" s="10"/>
    </row>
    <row r="661954" spans="14:14">
      <c r="N661954" s="10"/>
    </row>
    <row r="661955" spans="14:14">
      <c r="N661955" s="10"/>
    </row>
    <row r="661956" spans="14:14">
      <c r="N661956" s="10"/>
    </row>
    <row r="661957" spans="14:14">
      <c r="N661957" s="10"/>
    </row>
    <row r="661958" spans="14:14">
      <c r="N661958" s="10"/>
    </row>
    <row r="661959" spans="14:14">
      <c r="N661959" s="10"/>
    </row>
    <row r="661960" spans="14:14">
      <c r="N661960" s="10"/>
    </row>
    <row r="661961" spans="14:14">
      <c r="N661961" s="10"/>
    </row>
    <row r="661962" spans="14:14">
      <c r="N661962" s="10"/>
    </row>
    <row r="661963" spans="14:14">
      <c r="N661963" s="10"/>
    </row>
    <row r="661964" spans="14:14">
      <c r="N661964" s="10"/>
    </row>
    <row r="661965" spans="14:14">
      <c r="N661965" s="10"/>
    </row>
    <row r="661966" spans="14:14">
      <c r="N661966" s="10"/>
    </row>
    <row r="661967" spans="14:14">
      <c r="N661967" s="10"/>
    </row>
    <row r="661968" spans="14:14">
      <c r="N661968" s="10"/>
    </row>
    <row r="661969" spans="14:14">
      <c r="N661969" s="10"/>
    </row>
    <row r="661970" spans="14:14">
      <c r="N661970" s="10"/>
    </row>
    <row r="661971" spans="14:14">
      <c r="N661971" s="10"/>
    </row>
    <row r="661972" spans="14:14">
      <c r="N661972" s="10"/>
    </row>
    <row r="661973" spans="14:14">
      <c r="N661973" s="10"/>
    </row>
    <row r="661974" spans="14:14">
      <c r="N661974" s="10"/>
    </row>
    <row r="661975" spans="14:14">
      <c r="N661975" s="10"/>
    </row>
    <row r="661976" spans="14:14">
      <c r="N661976" s="10"/>
    </row>
    <row r="661977" spans="14:14">
      <c r="N661977" s="10"/>
    </row>
    <row r="661978" spans="14:14">
      <c r="N661978" s="10"/>
    </row>
    <row r="661979" spans="14:14">
      <c r="N661979" s="10"/>
    </row>
    <row r="661980" spans="14:14">
      <c r="N661980" s="10"/>
    </row>
    <row r="661981" spans="14:14">
      <c r="N661981" s="10"/>
    </row>
    <row r="661982" spans="14:14">
      <c r="N661982" s="10"/>
    </row>
    <row r="661983" spans="14:14">
      <c r="N661983" s="10"/>
    </row>
    <row r="661984" spans="14:14">
      <c r="N661984" s="10"/>
    </row>
    <row r="661985" spans="14:14">
      <c r="N661985" s="10"/>
    </row>
    <row r="661986" spans="14:14">
      <c r="N661986" s="10"/>
    </row>
    <row r="661987" spans="14:14">
      <c r="N661987" s="10"/>
    </row>
    <row r="661988" spans="14:14">
      <c r="N661988" s="10"/>
    </row>
    <row r="661989" spans="14:14">
      <c r="N661989" s="10"/>
    </row>
    <row r="661990" spans="14:14">
      <c r="N661990" s="10"/>
    </row>
    <row r="661991" spans="14:14">
      <c r="N661991" s="10"/>
    </row>
    <row r="661992" spans="14:14">
      <c r="N661992" s="10"/>
    </row>
    <row r="661993" spans="14:14">
      <c r="N661993" s="10"/>
    </row>
    <row r="661994" spans="14:14">
      <c r="N661994" s="10"/>
    </row>
    <row r="661995" spans="14:14">
      <c r="N661995" s="10"/>
    </row>
    <row r="661996" spans="14:14">
      <c r="N661996" s="10"/>
    </row>
    <row r="661997" spans="14:14">
      <c r="N661997" s="10"/>
    </row>
    <row r="661998" spans="14:14">
      <c r="N661998" s="10"/>
    </row>
    <row r="661999" spans="14:14">
      <c r="N661999" s="10"/>
    </row>
    <row r="662000" spans="14:14">
      <c r="N662000" s="10"/>
    </row>
    <row r="662001" spans="14:14">
      <c r="N662001" s="10"/>
    </row>
    <row r="662002" spans="14:14">
      <c r="N662002" s="10"/>
    </row>
    <row r="662003" spans="14:14">
      <c r="N662003" s="10"/>
    </row>
    <row r="662004" spans="14:14">
      <c r="N662004" s="10"/>
    </row>
    <row r="662005" spans="14:14">
      <c r="N662005" s="10"/>
    </row>
    <row r="662006" spans="14:14">
      <c r="N662006" s="10"/>
    </row>
    <row r="662007" spans="14:14">
      <c r="N662007" s="10"/>
    </row>
    <row r="662008" spans="14:14">
      <c r="N662008" s="10"/>
    </row>
    <row r="662009" spans="14:14">
      <c r="N662009" s="10"/>
    </row>
    <row r="662010" spans="14:14">
      <c r="N662010" s="10"/>
    </row>
    <row r="662011" spans="14:14">
      <c r="N662011" s="10"/>
    </row>
    <row r="662012" spans="14:14">
      <c r="N662012" s="10"/>
    </row>
    <row r="662013" spans="14:14">
      <c r="N662013" s="10"/>
    </row>
    <row r="662014" spans="14:14">
      <c r="N662014" s="10"/>
    </row>
    <row r="662015" spans="14:14">
      <c r="N662015" s="10"/>
    </row>
    <row r="662016" spans="14:14">
      <c r="N662016" s="10"/>
    </row>
    <row r="662017" spans="14:14">
      <c r="N662017" s="10"/>
    </row>
    <row r="662018" spans="14:14">
      <c r="N662018" s="10"/>
    </row>
    <row r="662019" spans="14:14">
      <c r="N662019" s="10"/>
    </row>
    <row r="662020" spans="14:14">
      <c r="N662020" s="10"/>
    </row>
    <row r="662021" spans="14:14">
      <c r="N662021" s="10"/>
    </row>
    <row r="662022" spans="14:14">
      <c r="N662022" s="10"/>
    </row>
    <row r="662023" spans="14:14">
      <c r="N662023" s="10"/>
    </row>
    <row r="662024" spans="14:14">
      <c r="N662024" s="10"/>
    </row>
    <row r="662025" spans="14:14">
      <c r="N662025" s="10"/>
    </row>
    <row r="662026" spans="14:14">
      <c r="N662026" s="10"/>
    </row>
    <row r="662027" spans="14:14">
      <c r="N662027" s="10"/>
    </row>
    <row r="662028" spans="14:14">
      <c r="N662028" s="10"/>
    </row>
    <row r="662029" spans="14:14">
      <c r="N662029" s="10"/>
    </row>
    <row r="662030" spans="14:14">
      <c r="N662030" s="10"/>
    </row>
    <row r="662031" spans="14:14">
      <c r="N662031" s="10"/>
    </row>
    <row r="662032" spans="14:14">
      <c r="N662032" s="10"/>
    </row>
    <row r="662033" spans="14:14">
      <c r="N662033" s="10"/>
    </row>
    <row r="662034" spans="14:14">
      <c r="N662034" s="10"/>
    </row>
    <row r="662035" spans="14:14">
      <c r="N662035" s="10"/>
    </row>
    <row r="662036" spans="14:14">
      <c r="N662036" s="10"/>
    </row>
    <row r="662037" spans="14:14">
      <c r="N662037" s="10"/>
    </row>
    <row r="662038" spans="14:14">
      <c r="N662038" s="10"/>
    </row>
    <row r="662039" spans="14:14">
      <c r="N662039" s="10"/>
    </row>
    <row r="662040" spans="14:14">
      <c r="N662040" s="10"/>
    </row>
    <row r="662041" spans="14:14">
      <c r="N662041" s="10"/>
    </row>
    <row r="662042" spans="14:14">
      <c r="N662042" s="10"/>
    </row>
    <row r="662043" spans="14:14">
      <c r="N662043" s="10"/>
    </row>
    <row r="662044" spans="14:14">
      <c r="N662044" s="10"/>
    </row>
    <row r="662045" spans="14:14">
      <c r="N662045" s="10"/>
    </row>
    <row r="662046" spans="14:14">
      <c r="N662046" s="10"/>
    </row>
    <row r="662047" spans="14:14">
      <c r="N662047" s="10"/>
    </row>
    <row r="662048" spans="14:14">
      <c r="N662048" s="10"/>
    </row>
    <row r="662049" spans="14:14">
      <c r="N662049" s="10"/>
    </row>
    <row r="662050" spans="14:14">
      <c r="N662050" s="10"/>
    </row>
    <row r="662051" spans="14:14">
      <c r="N662051" s="10"/>
    </row>
    <row r="662052" spans="14:14">
      <c r="N662052" s="10"/>
    </row>
    <row r="662053" spans="14:14">
      <c r="N662053" s="10"/>
    </row>
    <row r="662054" spans="14:14">
      <c r="N662054" s="10"/>
    </row>
    <row r="662055" spans="14:14">
      <c r="N662055" s="10"/>
    </row>
    <row r="662056" spans="14:14">
      <c r="N662056" s="10"/>
    </row>
    <row r="662057" spans="14:14">
      <c r="N662057" s="10"/>
    </row>
    <row r="662058" spans="14:14">
      <c r="N662058" s="10"/>
    </row>
    <row r="662059" spans="14:14">
      <c r="N662059" s="10"/>
    </row>
    <row r="662060" spans="14:14">
      <c r="N662060" s="10"/>
    </row>
    <row r="662061" spans="14:14">
      <c r="N662061" s="10"/>
    </row>
    <row r="662062" spans="14:14">
      <c r="N662062" s="10"/>
    </row>
    <row r="662063" spans="14:14">
      <c r="N662063" s="10"/>
    </row>
    <row r="662064" spans="14:14">
      <c r="N662064" s="10"/>
    </row>
    <row r="662065" spans="14:14">
      <c r="N662065" s="10"/>
    </row>
    <row r="662066" spans="14:14">
      <c r="N662066" s="10"/>
    </row>
    <row r="662067" spans="14:14">
      <c r="N662067" s="10"/>
    </row>
    <row r="662068" spans="14:14">
      <c r="N662068" s="10"/>
    </row>
    <row r="662069" spans="14:14">
      <c r="N662069" s="10"/>
    </row>
    <row r="662070" spans="14:14">
      <c r="N662070" s="10"/>
    </row>
    <row r="662071" spans="14:14">
      <c r="N662071" s="10"/>
    </row>
    <row r="662072" spans="14:14">
      <c r="N662072" s="10"/>
    </row>
    <row r="662073" spans="14:14">
      <c r="N662073" s="10"/>
    </row>
    <row r="662074" spans="14:14">
      <c r="N662074" s="10"/>
    </row>
    <row r="662075" spans="14:14">
      <c r="N662075" s="10"/>
    </row>
    <row r="662076" spans="14:14">
      <c r="N662076" s="10"/>
    </row>
    <row r="662077" spans="14:14">
      <c r="N662077" s="10"/>
    </row>
    <row r="662078" spans="14:14">
      <c r="N662078" s="10"/>
    </row>
    <row r="662079" spans="14:14">
      <c r="N662079" s="10"/>
    </row>
    <row r="662080" spans="14:14">
      <c r="N662080" s="10"/>
    </row>
    <row r="662081" spans="14:14">
      <c r="N662081" s="10"/>
    </row>
    <row r="662082" spans="14:14">
      <c r="N662082" s="10"/>
    </row>
    <row r="662083" spans="14:14">
      <c r="N662083" s="10"/>
    </row>
    <row r="662084" spans="14:14">
      <c r="N662084" s="10"/>
    </row>
    <row r="662085" spans="14:14">
      <c r="N662085" s="10"/>
    </row>
    <row r="662086" spans="14:14">
      <c r="N662086" s="10"/>
    </row>
    <row r="662087" spans="14:14">
      <c r="N662087" s="10"/>
    </row>
    <row r="662088" spans="14:14">
      <c r="N662088" s="10"/>
    </row>
    <row r="662089" spans="14:14">
      <c r="N662089" s="10"/>
    </row>
    <row r="662090" spans="14:14">
      <c r="N662090" s="10"/>
    </row>
    <row r="662091" spans="14:14">
      <c r="N662091" s="10"/>
    </row>
    <row r="662092" spans="14:14">
      <c r="N662092" s="10"/>
    </row>
    <row r="662093" spans="14:14">
      <c r="N662093" s="10"/>
    </row>
    <row r="662094" spans="14:14">
      <c r="N662094" s="10"/>
    </row>
    <row r="662095" spans="14:14">
      <c r="N662095" s="10"/>
    </row>
    <row r="662096" spans="14:14">
      <c r="N662096" s="10"/>
    </row>
    <row r="662097" spans="14:14">
      <c r="N662097" s="10"/>
    </row>
    <row r="662098" spans="14:14">
      <c r="N662098" s="10"/>
    </row>
    <row r="662099" spans="14:14">
      <c r="N662099" s="10"/>
    </row>
    <row r="662100" spans="14:14">
      <c r="N662100" s="10"/>
    </row>
    <row r="662101" spans="14:14">
      <c r="N662101" s="10"/>
    </row>
    <row r="662102" spans="14:14">
      <c r="N662102" s="10"/>
    </row>
    <row r="662103" spans="14:14">
      <c r="N662103" s="10"/>
    </row>
    <row r="662104" spans="14:14">
      <c r="N662104" s="10"/>
    </row>
    <row r="662105" spans="14:14">
      <c r="N662105" s="10"/>
    </row>
    <row r="662106" spans="14:14">
      <c r="N662106" s="10"/>
    </row>
    <row r="662107" spans="14:14">
      <c r="N662107" s="10"/>
    </row>
    <row r="662108" spans="14:14">
      <c r="N662108" s="10"/>
    </row>
    <row r="662109" spans="14:14">
      <c r="N662109" s="10"/>
    </row>
    <row r="662110" spans="14:14">
      <c r="N662110" s="10"/>
    </row>
    <row r="662111" spans="14:14">
      <c r="N662111" s="10"/>
    </row>
    <row r="662112" spans="14:14">
      <c r="N662112" s="10"/>
    </row>
    <row r="662113" spans="14:14">
      <c r="N662113" s="10"/>
    </row>
    <row r="662114" spans="14:14">
      <c r="N662114" s="10"/>
    </row>
    <row r="662115" spans="14:14">
      <c r="N662115" s="10"/>
    </row>
    <row r="662116" spans="14:14">
      <c r="N662116" s="10"/>
    </row>
    <row r="662117" spans="14:14">
      <c r="N662117" s="10"/>
    </row>
    <row r="662118" spans="14:14">
      <c r="N662118" s="10"/>
    </row>
    <row r="662119" spans="14:14">
      <c r="N662119" s="10"/>
    </row>
    <row r="662120" spans="14:14">
      <c r="N662120" s="10"/>
    </row>
    <row r="662121" spans="14:14">
      <c r="N662121" s="10"/>
    </row>
    <row r="662122" spans="14:14">
      <c r="N662122" s="10"/>
    </row>
    <row r="662123" spans="14:14">
      <c r="N662123" s="10"/>
    </row>
    <row r="662124" spans="14:14">
      <c r="N662124" s="10"/>
    </row>
    <row r="662125" spans="14:14">
      <c r="N662125" s="10"/>
    </row>
    <row r="662126" spans="14:14">
      <c r="N662126" s="10"/>
    </row>
    <row r="662127" spans="14:14">
      <c r="N662127" s="10"/>
    </row>
    <row r="662128" spans="14:14">
      <c r="N662128" s="10"/>
    </row>
    <row r="662129" spans="14:14">
      <c r="N662129" s="10"/>
    </row>
    <row r="662130" spans="14:14">
      <c r="N662130" s="10"/>
    </row>
    <row r="662131" spans="14:14">
      <c r="N662131" s="10"/>
    </row>
    <row r="662132" spans="14:14">
      <c r="N662132" s="10"/>
    </row>
    <row r="662133" spans="14:14">
      <c r="N662133" s="10"/>
    </row>
    <row r="662134" spans="14:14">
      <c r="N662134" s="10"/>
    </row>
    <row r="662135" spans="14:14">
      <c r="N662135" s="10"/>
    </row>
    <row r="662136" spans="14:14">
      <c r="N662136" s="10"/>
    </row>
    <row r="662137" spans="14:14">
      <c r="N662137" s="10"/>
    </row>
    <row r="662138" spans="14:14">
      <c r="N662138" s="10"/>
    </row>
    <row r="662139" spans="14:14">
      <c r="N662139" s="10"/>
    </row>
    <row r="662140" spans="14:14">
      <c r="N662140" s="10"/>
    </row>
    <row r="662141" spans="14:14">
      <c r="N662141" s="10"/>
    </row>
    <row r="662142" spans="14:14">
      <c r="N662142" s="10"/>
    </row>
    <row r="662143" spans="14:14">
      <c r="N662143" s="10"/>
    </row>
    <row r="662144" spans="14:14">
      <c r="N662144" s="10"/>
    </row>
    <row r="662145" spans="14:14">
      <c r="N662145" s="10"/>
    </row>
    <row r="662146" spans="14:14">
      <c r="N662146" s="10"/>
    </row>
    <row r="662147" spans="14:14">
      <c r="N662147" s="10"/>
    </row>
    <row r="662148" spans="14:14">
      <c r="N662148" s="10"/>
    </row>
    <row r="662149" spans="14:14">
      <c r="N662149" s="10"/>
    </row>
    <row r="662150" spans="14:14">
      <c r="N662150" s="10"/>
    </row>
    <row r="662151" spans="14:14">
      <c r="N662151" s="10"/>
    </row>
    <row r="662152" spans="14:14">
      <c r="N662152" s="10"/>
    </row>
    <row r="662153" spans="14:14">
      <c r="N662153" s="10"/>
    </row>
    <row r="662154" spans="14:14">
      <c r="N662154" s="10"/>
    </row>
    <row r="662155" spans="14:14">
      <c r="N662155" s="10"/>
    </row>
    <row r="662156" spans="14:14">
      <c r="N662156" s="10"/>
    </row>
    <row r="662157" spans="14:14">
      <c r="N662157" s="10"/>
    </row>
    <row r="662158" spans="14:14">
      <c r="N662158" s="10"/>
    </row>
    <row r="662159" spans="14:14">
      <c r="N662159" s="10"/>
    </row>
    <row r="662160" spans="14:14">
      <c r="N662160" s="10"/>
    </row>
    <row r="662161" spans="14:14">
      <c r="N662161" s="10"/>
    </row>
    <row r="662162" spans="14:14">
      <c r="N662162" s="10"/>
    </row>
    <row r="662163" spans="14:14">
      <c r="N662163" s="10"/>
    </row>
    <row r="662164" spans="14:14">
      <c r="N662164" s="10"/>
    </row>
    <row r="662165" spans="14:14">
      <c r="N662165" s="10"/>
    </row>
    <row r="662166" spans="14:14">
      <c r="N662166" s="10"/>
    </row>
    <row r="662167" spans="14:14">
      <c r="N662167" s="10"/>
    </row>
    <row r="662168" spans="14:14">
      <c r="N662168" s="10"/>
    </row>
    <row r="662169" spans="14:14">
      <c r="N662169" s="10"/>
    </row>
    <row r="662170" spans="14:14">
      <c r="N662170" s="10"/>
    </row>
    <row r="662171" spans="14:14">
      <c r="N662171" s="10"/>
    </row>
    <row r="662172" spans="14:14">
      <c r="N662172" s="10"/>
    </row>
    <row r="662173" spans="14:14">
      <c r="N662173" s="10"/>
    </row>
    <row r="662174" spans="14:14">
      <c r="N662174" s="10"/>
    </row>
    <row r="662175" spans="14:14">
      <c r="N662175" s="10"/>
    </row>
    <row r="662176" spans="14:14">
      <c r="N662176" s="10"/>
    </row>
    <row r="662177" spans="14:14">
      <c r="N662177" s="10"/>
    </row>
    <row r="662178" spans="14:14">
      <c r="N662178" s="10"/>
    </row>
    <row r="662179" spans="14:14">
      <c r="N662179" s="10"/>
    </row>
    <row r="662180" spans="14:14">
      <c r="N662180" s="10"/>
    </row>
    <row r="662181" spans="14:14">
      <c r="N662181" s="10"/>
    </row>
    <row r="662182" spans="14:14">
      <c r="N662182" s="10"/>
    </row>
    <row r="662183" spans="14:14">
      <c r="N662183" s="10"/>
    </row>
    <row r="662184" spans="14:14">
      <c r="N662184" s="10"/>
    </row>
    <row r="662185" spans="14:14">
      <c r="N662185" s="10"/>
    </row>
    <row r="662186" spans="14:14">
      <c r="N662186" s="10"/>
    </row>
    <row r="662187" spans="14:14">
      <c r="N662187" s="10"/>
    </row>
    <row r="662188" spans="14:14">
      <c r="N662188" s="10"/>
    </row>
    <row r="662189" spans="14:14">
      <c r="N662189" s="10"/>
    </row>
    <row r="662190" spans="14:14">
      <c r="N662190" s="10"/>
    </row>
    <row r="662191" spans="14:14">
      <c r="N662191" s="10"/>
    </row>
    <row r="662192" spans="14:14">
      <c r="N662192" s="10"/>
    </row>
    <row r="662193" spans="14:14">
      <c r="N662193" s="10"/>
    </row>
    <row r="662194" spans="14:14">
      <c r="N662194" s="10"/>
    </row>
    <row r="662195" spans="14:14">
      <c r="N662195" s="10"/>
    </row>
    <row r="662196" spans="14:14">
      <c r="N662196" s="10"/>
    </row>
    <row r="662197" spans="14:14">
      <c r="N662197" s="10"/>
    </row>
    <row r="662198" spans="14:14">
      <c r="N662198" s="10"/>
    </row>
    <row r="662199" spans="14:14">
      <c r="N662199" s="10"/>
    </row>
    <row r="662200" spans="14:14">
      <c r="N662200" s="10"/>
    </row>
    <row r="662201" spans="14:14">
      <c r="N662201" s="10"/>
    </row>
    <row r="662202" spans="14:14">
      <c r="N662202" s="10"/>
    </row>
    <row r="662203" spans="14:14">
      <c r="N662203" s="10"/>
    </row>
    <row r="662204" spans="14:14">
      <c r="N662204" s="10"/>
    </row>
    <row r="662205" spans="14:14">
      <c r="N662205" s="10"/>
    </row>
    <row r="662206" spans="14:14">
      <c r="N662206" s="10"/>
    </row>
    <row r="662207" spans="14:14">
      <c r="N662207" s="10"/>
    </row>
    <row r="662208" spans="14:14">
      <c r="N662208" s="10"/>
    </row>
    <row r="662209" spans="14:14">
      <c r="N662209" s="10"/>
    </row>
    <row r="662210" spans="14:14">
      <c r="N662210" s="10"/>
    </row>
    <row r="662211" spans="14:14">
      <c r="N662211" s="10"/>
    </row>
    <row r="662212" spans="14:14">
      <c r="N662212" s="10"/>
    </row>
    <row r="662213" spans="14:14">
      <c r="N662213" s="10"/>
    </row>
    <row r="662214" spans="14:14">
      <c r="N662214" s="10"/>
    </row>
    <row r="662215" spans="14:14">
      <c r="N662215" s="10"/>
    </row>
    <row r="662216" spans="14:14">
      <c r="N662216" s="10"/>
    </row>
    <row r="662217" spans="14:14">
      <c r="N662217" s="10"/>
    </row>
    <row r="662218" spans="14:14">
      <c r="N662218" s="10"/>
    </row>
    <row r="662219" spans="14:14">
      <c r="N662219" s="10"/>
    </row>
    <row r="662220" spans="14:14">
      <c r="N662220" s="10"/>
    </row>
    <row r="662221" spans="14:14">
      <c r="N662221" s="10"/>
    </row>
    <row r="662222" spans="14:14">
      <c r="N662222" s="10"/>
    </row>
    <row r="662223" spans="14:14">
      <c r="N662223" s="10"/>
    </row>
    <row r="662224" spans="14:14">
      <c r="N662224" s="10"/>
    </row>
    <row r="662225" spans="14:14">
      <c r="N662225" s="10"/>
    </row>
    <row r="662226" spans="14:14">
      <c r="N662226" s="10"/>
    </row>
    <row r="662227" spans="14:14">
      <c r="N662227" s="10"/>
    </row>
    <row r="662228" spans="14:14">
      <c r="N662228" s="10"/>
    </row>
    <row r="662229" spans="14:14">
      <c r="N662229" s="10"/>
    </row>
    <row r="662230" spans="14:14">
      <c r="N662230" s="10"/>
    </row>
    <row r="662231" spans="14:14">
      <c r="N662231" s="10"/>
    </row>
    <row r="662232" spans="14:14">
      <c r="N662232" s="10"/>
    </row>
    <row r="662233" spans="14:14">
      <c r="N662233" s="10"/>
    </row>
    <row r="662234" spans="14:14">
      <c r="N662234" s="10"/>
    </row>
    <row r="662235" spans="14:14">
      <c r="N662235" s="10"/>
    </row>
    <row r="662236" spans="14:14">
      <c r="N662236" s="10"/>
    </row>
    <row r="662237" spans="14:14">
      <c r="N662237" s="10"/>
    </row>
    <row r="662238" spans="14:14">
      <c r="N662238" s="10"/>
    </row>
    <row r="662239" spans="14:14">
      <c r="N662239" s="10"/>
    </row>
    <row r="662240" spans="14:14">
      <c r="N662240" s="10"/>
    </row>
    <row r="662241" spans="14:14">
      <c r="N662241" s="10"/>
    </row>
    <row r="662242" spans="14:14">
      <c r="N662242" s="10"/>
    </row>
    <row r="662243" spans="14:14">
      <c r="N662243" s="10"/>
    </row>
    <row r="662244" spans="14:14">
      <c r="N662244" s="10"/>
    </row>
    <row r="662245" spans="14:14">
      <c r="N662245" s="10"/>
    </row>
    <row r="662246" spans="14:14">
      <c r="N662246" s="10"/>
    </row>
    <row r="662247" spans="14:14">
      <c r="N662247" s="10"/>
    </row>
    <row r="662248" spans="14:14">
      <c r="N662248" s="10"/>
    </row>
    <row r="662249" spans="14:14">
      <c r="N662249" s="10"/>
    </row>
    <row r="662250" spans="14:14">
      <c r="N662250" s="10"/>
    </row>
    <row r="662251" spans="14:14">
      <c r="N662251" s="10"/>
    </row>
    <row r="662252" spans="14:14">
      <c r="N662252" s="10"/>
    </row>
    <row r="662253" spans="14:14">
      <c r="N662253" s="10"/>
    </row>
    <row r="662254" spans="14:14">
      <c r="N662254" s="10"/>
    </row>
    <row r="662255" spans="14:14">
      <c r="N662255" s="10"/>
    </row>
    <row r="662256" spans="14:14">
      <c r="N662256" s="10"/>
    </row>
    <row r="662257" spans="14:14">
      <c r="N662257" s="10"/>
    </row>
    <row r="662258" spans="14:14">
      <c r="N662258" s="10"/>
    </row>
    <row r="662259" spans="14:14">
      <c r="N662259" s="10"/>
    </row>
    <row r="662260" spans="14:14">
      <c r="N662260" s="10"/>
    </row>
    <row r="662261" spans="14:14">
      <c r="N662261" s="10"/>
    </row>
    <row r="662262" spans="14:14">
      <c r="N662262" s="10"/>
    </row>
    <row r="662263" spans="14:14">
      <c r="N662263" s="10"/>
    </row>
    <row r="662264" spans="14:14">
      <c r="N662264" s="10"/>
    </row>
    <row r="662265" spans="14:14">
      <c r="N662265" s="10"/>
    </row>
    <row r="662266" spans="14:14">
      <c r="N662266" s="10"/>
    </row>
    <row r="662267" spans="14:14">
      <c r="N662267" s="10"/>
    </row>
    <row r="662268" spans="14:14">
      <c r="N662268" s="10"/>
    </row>
    <row r="662269" spans="14:14">
      <c r="N662269" s="10"/>
    </row>
    <row r="662270" spans="14:14">
      <c r="N662270" s="10"/>
    </row>
    <row r="662271" spans="14:14">
      <c r="N662271" s="10"/>
    </row>
    <row r="662272" spans="14:14">
      <c r="N662272" s="10"/>
    </row>
    <row r="662273" spans="14:14">
      <c r="N662273" s="10"/>
    </row>
    <row r="662274" spans="14:14">
      <c r="N662274" s="10"/>
    </row>
    <row r="662275" spans="14:14">
      <c r="N662275" s="10"/>
    </row>
    <row r="662276" spans="14:14">
      <c r="N662276" s="10"/>
    </row>
    <row r="662277" spans="14:14">
      <c r="N662277" s="10"/>
    </row>
    <row r="662278" spans="14:14">
      <c r="N662278" s="10"/>
    </row>
    <row r="662279" spans="14:14">
      <c r="N662279" s="10"/>
    </row>
    <row r="662280" spans="14:14">
      <c r="N662280" s="10"/>
    </row>
    <row r="662281" spans="14:14">
      <c r="N662281" s="10"/>
    </row>
    <row r="662282" spans="14:14">
      <c r="N662282" s="10"/>
    </row>
    <row r="662283" spans="14:14">
      <c r="N662283" s="10"/>
    </row>
    <row r="662284" spans="14:14">
      <c r="N662284" s="10"/>
    </row>
    <row r="662285" spans="14:14">
      <c r="N662285" s="10"/>
    </row>
    <row r="662286" spans="14:14">
      <c r="N662286" s="10"/>
    </row>
    <row r="662287" spans="14:14">
      <c r="N662287" s="10"/>
    </row>
    <row r="662288" spans="14:14">
      <c r="N662288" s="10"/>
    </row>
    <row r="662289" spans="14:14">
      <c r="N662289" s="10"/>
    </row>
    <row r="662290" spans="14:14">
      <c r="N662290" s="10"/>
    </row>
    <row r="662291" spans="14:14">
      <c r="N662291" s="10"/>
    </row>
    <row r="662292" spans="14:14">
      <c r="N662292" s="10"/>
    </row>
    <row r="662293" spans="14:14">
      <c r="N662293" s="10"/>
    </row>
    <row r="662294" spans="14:14">
      <c r="N662294" s="10"/>
    </row>
    <row r="662295" spans="14:14">
      <c r="N662295" s="10"/>
    </row>
    <row r="662296" spans="14:14">
      <c r="N662296" s="10"/>
    </row>
    <row r="662297" spans="14:14">
      <c r="N662297" s="10"/>
    </row>
    <row r="662298" spans="14:14">
      <c r="N662298" s="10"/>
    </row>
    <row r="662299" spans="14:14">
      <c r="N662299" s="10"/>
    </row>
    <row r="662300" spans="14:14">
      <c r="N662300" s="10"/>
    </row>
    <row r="662301" spans="14:14">
      <c r="N662301" s="10"/>
    </row>
    <row r="662302" spans="14:14">
      <c r="N662302" s="10"/>
    </row>
    <row r="662303" spans="14:14">
      <c r="N662303" s="10"/>
    </row>
    <row r="662304" spans="14:14">
      <c r="N662304" s="10"/>
    </row>
    <row r="662305" spans="14:14">
      <c r="N662305" s="10"/>
    </row>
    <row r="662306" spans="14:14">
      <c r="N662306" s="10"/>
    </row>
    <row r="662307" spans="14:14">
      <c r="N662307" s="10"/>
    </row>
    <row r="662308" spans="14:14">
      <c r="N662308" s="10"/>
    </row>
    <row r="662309" spans="14:14">
      <c r="N662309" s="10"/>
    </row>
    <row r="662310" spans="14:14">
      <c r="N662310" s="10"/>
    </row>
    <row r="662311" spans="14:14">
      <c r="N662311" s="10"/>
    </row>
    <row r="662312" spans="14:14">
      <c r="N662312" s="10"/>
    </row>
    <row r="662313" spans="14:14">
      <c r="N662313" s="10"/>
    </row>
    <row r="662314" spans="14:14">
      <c r="N662314" s="10"/>
    </row>
    <row r="662315" spans="14:14">
      <c r="N662315" s="10"/>
    </row>
    <row r="662316" spans="14:14">
      <c r="N662316" s="10"/>
    </row>
    <row r="662317" spans="14:14">
      <c r="N662317" s="10"/>
    </row>
    <row r="662318" spans="14:14">
      <c r="N662318" s="10"/>
    </row>
    <row r="662319" spans="14:14">
      <c r="N662319" s="10"/>
    </row>
    <row r="662320" spans="14:14">
      <c r="N662320" s="10"/>
    </row>
    <row r="662321" spans="14:14">
      <c r="N662321" s="10"/>
    </row>
    <row r="662322" spans="14:14">
      <c r="N662322" s="10"/>
    </row>
    <row r="662323" spans="14:14">
      <c r="N662323" s="10"/>
    </row>
    <row r="662324" spans="14:14">
      <c r="N662324" s="10"/>
    </row>
    <row r="662325" spans="14:14">
      <c r="N662325" s="10"/>
    </row>
    <row r="662326" spans="14:14">
      <c r="N662326" s="10"/>
    </row>
    <row r="662327" spans="14:14">
      <c r="N662327" s="10"/>
    </row>
    <row r="662328" spans="14:14">
      <c r="N662328" s="10"/>
    </row>
    <row r="662329" spans="14:14">
      <c r="N662329" s="10"/>
    </row>
    <row r="662330" spans="14:14">
      <c r="N662330" s="10"/>
    </row>
    <row r="662331" spans="14:14">
      <c r="N662331" s="10"/>
    </row>
    <row r="662332" spans="14:14">
      <c r="N662332" s="10"/>
    </row>
    <row r="662333" spans="14:14">
      <c r="N662333" s="10"/>
    </row>
    <row r="662334" spans="14:14">
      <c r="N662334" s="10"/>
    </row>
    <row r="662335" spans="14:14">
      <c r="N662335" s="10"/>
    </row>
    <row r="662336" spans="14:14">
      <c r="N662336" s="10"/>
    </row>
    <row r="662337" spans="14:14">
      <c r="N662337" s="10"/>
    </row>
    <row r="662338" spans="14:14">
      <c r="N662338" s="10"/>
    </row>
    <row r="662339" spans="14:14">
      <c r="N662339" s="10"/>
    </row>
    <row r="662340" spans="14:14">
      <c r="N662340" s="10"/>
    </row>
    <row r="662341" spans="14:14">
      <c r="N662341" s="10"/>
    </row>
    <row r="662342" spans="14:14">
      <c r="N662342" s="10"/>
    </row>
    <row r="662343" spans="14:14">
      <c r="N662343" s="10"/>
    </row>
    <row r="662344" spans="14:14">
      <c r="N662344" s="10"/>
    </row>
    <row r="662345" spans="14:14">
      <c r="N662345" s="10"/>
    </row>
    <row r="662346" spans="14:14">
      <c r="N662346" s="10"/>
    </row>
    <row r="662347" spans="14:14">
      <c r="N662347" s="10"/>
    </row>
    <row r="662348" spans="14:14">
      <c r="N662348" s="10"/>
    </row>
    <row r="662349" spans="14:14">
      <c r="N662349" s="10"/>
    </row>
    <row r="662350" spans="14:14">
      <c r="N662350" s="10"/>
    </row>
    <row r="662351" spans="14:14">
      <c r="N662351" s="10"/>
    </row>
    <row r="662352" spans="14:14">
      <c r="N662352" s="10"/>
    </row>
    <row r="662353" spans="14:14">
      <c r="N662353" s="10"/>
    </row>
    <row r="662354" spans="14:14">
      <c r="N662354" s="10"/>
    </row>
    <row r="662355" spans="14:14">
      <c r="N662355" s="10"/>
    </row>
    <row r="662356" spans="14:14">
      <c r="N662356" s="10"/>
    </row>
    <row r="662357" spans="14:14">
      <c r="N662357" s="10"/>
    </row>
    <row r="662358" spans="14:14">
      <c r="N662358" s="10"/>
    </row>
    <row r="662359" spans="14:14">
      <c r="N662359" s="10"/>
    </row>
    <row r="662360" spans="14:14">
      <c r="N662360" s="10"/>
    </row>
    <row r="662361" spans="14:14">
      <c r="N662361" s="10"/>
    </row>
    <row r="662362" spans="14:14">
      <c r="N662362" s="10"/>
    </row>
    <row r="662363" spans="14:14">
      <c r="N662363" s="10"/>
    </row>
    <row r="662364" spans="14:14">
      <c r="N662364" s="10"/>
    </row>
    <row r="662365" spans="14:14">
      <c r="N662365" s="10"/>
    </row>
    <row r="662366" spans="14:14">
      <c r="N662366" s="10"/>
    </row>
    <row r="662367" spans="14:14">
      <c r="N662367" s="10"/>
    </row>
    <row r="662368" spans="14:14">
      <c r="N662368" s="10"/>
    </row>
    <row r="662369" spans="14:14">
      <c r="N662369" s="10"/>
    </row>
    <row r="662370" spans="14:14">
      <c r="N662370" s="10"/>
    </row>
    <row r="662371" spans="14:14">
      <c r="N662371" s="10"/>
    </row>
    <row r="662372" spans="14:14">
      <c r="N662372" s="10"/>
    </row>
    <row r="662373" spans="14:14">
      <c r="N662373" s="10"/>
    </row>
    <row r="662374" spans="14:14">
      <c r="N662374" s="10"/>
    </row>
    <row r="662375" spans="14:14">
      <c r="N662375" s="10"/>
    </row>
    <row r="662376" spans="14:14">
      <c r="N662376" s="10"/>
    </row>
    <row r="662377" spans="14:14">
      <c r="N662377" s="10"/>
    </row>
    <row r="662378" spans="14:14">
      <c r="N662378" s="10"/>
    </row>
    <row r="662379" spans="14:14">
      <c r="N662379" s="10"/>
    </row>
    <row r="662380" spans="14:14">
      <c r="N662380" s="10"/>
    </row>
    <row r="662381" spans="14:14">
      <c r="N662381" s="10"/>
    </row>
    <row r="662382" spans="14:14">
      <c r="N662382" s="10"/>
    </row>
    <row r="662383" spans="14:14">
      <c r="N662383" s="10"/>
    </row>
    <row r="662384" spans="14:14">
      <c r="N662384" s="10"/>
    </row>
    <row r="662385" spans="14:14">
      <c r="N662385" s="10"/>
    </row>
    <row r="662386" spans="14:14">
      <c r="N662386" s="10"/>
    </row>
    <row r="662387" spans="14:14">
      <c r="N662387" s="10"/>
    </row>
    <row r="662388" spans="14:14">
      <c r="N662388" s="10"/>
    </row>
    <row r="662389" spans="14:14">
      <c r="N662389" s="10"/>
    </row>
    <row r="662390" spans="14:14">
      <c r="N662390" s="10"/>
    </row>
    <row r="662391" spans="14:14">
      <c r="N662391" s="10"/>
    </row>
    <row r="662392" spans="14:14">
      <c r="N662392" s="10"/>
    </row>
    <row r="662393" spans="14:14">
      <c r="N662393" s="10"/>
    </row>
    <row r="662394" spans="14:14">
      <c r="N662394" s="10"/>
    </row>
    <row r="662395" spans="14:14">
      <c r="N662395" s="10"/>
    </row>
    <row r="662396" spans="14:14">
      <c r="N662396" s="10"/>
    </row>
    <row r="662397" spans="14:14">
      <c r="N662397" s="10"/>
    </row>
    <row r="662398" spans="14:14">
      <c r="N662398" s="10"/>
    </row>
    <row r="662399" spans="14:14">
      <c r="N662399" s="10"/>
    </row>
    <row r="662400" spans="14:14">
      <c r="N662400" s="10"/>
    </row>
    <row r="662401" spans="14:14">
      <c r="N662401" s="10"/>
    </row>
    <row r="662402" spans="14:14">
      <c r="N662402" s="10"/>
    </row>
    <row r="662403" spans="14:14">
      <c r="N662403" s="10"/>
    </row>
    <row r="662404" spans="14:14">
      <c r="N662404" s="10"/>
    </row>
    <row r="662405" spans="14:14">
      <c r="N662405" s="10"/>
    </row>
    <row r="662406" spans="14:14">
      <c r="N662406" s="10"/>
    </row>
    <row r="662407" spans="14:14">
      <c r="N662407" s="10"/>
    </row>
    <row r="662408" spans="14:14">
      <c r="N662408" s="10"/>
    </row>
    <row r="662409" spans="14:14">
      <c r="N662409" s="10"/>
    </row>
    <row r="662410" spans="14:14">
      <c r="N662410" s="10"/>
    </row>
    <row r="662411" spans="14:14">
      <c r="N662411" s="10"/>
    </row>
    <row r="662412" spans="14:14">
      <c r="N662412" s="10"/>
    </row>
    <row r="662413" spans="14:14">
      <c r="N662413" s="10"/>
    </row>
    <row r="662414" spans="14:14">
      <c r="N662414" s="10"/>
    </row>
    <row r="662415" spans="14:14">
      <c r="N662415" s="10"/>
    </row>
    <row r="662416" spans="14:14">
      <c r="N662416" s="10"/>
    </row>
    <row r="662417" spans="14:14">
      <c r="N662417" s="10"/>
    </row>
    <row r="662418" spans="14:14">
      <c r="N662418" s="10"/>
    </row>
    <row r="662419" spans="14:14">
      <c r="N662419" s="10"/>
    </row>
    <row r="662420" spans="14:14">
      <c r="N662420" s="10"/>
    </row>
    <row r="662421" spans="14:14">
      <c r="N662421" s="10"/>
    </row>
    <row r="662422" spans="14:14">
      <c r="N662422" s="10"/>
    </row>
    <row r="662423" spans="14:14">
      <c r="N662423" s="10"/>
    </row>
    <row r="662424" spans="14:14">
      <c r="N662424" s="10"/>
    </row>
    <row r="662425" spans="14:14">
      <c r="N662425" s="10"/>
    </row>
    <row r="662426" spans="14:14">
      <c r="N662426" s="10"/>
    </row>
    <row r="662427" spans="14:14">
      <c r="N662427" s="10"/>
    </row>
    <row r="662428" spans="14:14">
      <c r="N662428" s="10"/>
    </row>
    <row r="662429" spans="14:14">
      <c r="N662429" s="10"/>
    </row>
    <row r="662430" spans="14:14">
      <c r="N662430" s="10"/>
    </row>
    <row r="662431" spans="14:14">
      <c r="N662431" s="10"/>
    </row>
    <row r="662432" spans="14:14">
      <c r="N662432" s="10"/>
    </row>
    <row r="662433" spans="14:14">
      <c r="N662433" s="10"/>
    </row>
    <row r="662434" spans="14:14">
      <c r="N662434" s="10"/>
    </row>
    <row r="662435" spans="14:14">
      <c r="N662435" s="10"/>
    </row>
    <row r="662436" spans="14:14">
      <c r="N662436" s="10"/>
    </row>
    <row r="662437" spans="14:14">
      <c r="N662437" s="10"/>
    </row>
    <row r="662438" spans="14:14">
      <c r="N662438" s="10"/>
    </row>
    <row r="662439" spans="14:14">
      <c r="N662439" s="10"/>
    </row>
    <row r="662440" spans="14:14">
      <c r="N662440" s="10"/>
    </row>
    <row r="662441" spans="14:14">
      <c r="N662441" s="10"/>
    </row>
    <row r="662442" spans="14:14">
      <c r="N662442" s="10"/>
    </row>
    <row r="662443" spans="14:14">
      <c r="N662443" s="10"/>
    </row>
    <row r="662444" spans="14:14">
      <c r="N662444" s="10"/>
    </row>
    <row r="662445" spans="14:14">
      <c r="N662445" s="10"/>
    </row>
    <row r="662446" spans="14:14">
      <c r="N662446" s="10"/>
    </row>
    <row r="662447" spans="14:14">
      <c r="N662447" s="10"/>
    </row>
    <row r="662448" spans="14:14">
      <c r="N662448" s="10"/>
    </row>
    <row r="662449" spans="14:14">
      <c r="N662449" s="10"/>
    </row>
    <row r="662450" spans="14:14">
      <c r="N662450" s="10"/>
    </row>
    <row r="662451" spans="14:14">
      <c r="N662451" s="10"/>
    </row>
    <row r="662452" spans="14:14">
      <c r="N662452" s="10"/>
    </row>
    <row r="662453" spans="14:14">
      <c r="N662453" s="10"/>
    </row>
    <row r="662454" spans="14:14">
      <c r="N662454" s="10"/>
    </row>
    <row r="662455" spans="14:14">
      <c r="N662455" s="10"/>
    </row>
    <row r="662456" spans="14:14">
      <c r="N662456" s="10"/>
    </row>
    <row r="662457" spans="14:14">
      <c r="N662457" s="10"/>
    </row>
    <row r="662458" spans="14:14">
      <c r="N662458" s="10"/>
    </row>
    <row r="662459" spans="14:14">
      <c r="N662459" s="10"/>
    </row>
    <row r="662460" spans="14:14">
      <c r="N662460" s="10"/>
    </row>
    <row r="662461" spans="14:14">
      <c r="N662461" s="10"/>
    </row>
    <row r="662462" spans="14:14">
      <c r="N662462" s="10"/>
    </row>
    <row r="662463" spans="14:14">
      <c r="N662463" s="10"/>
    </row>
    <row r="662464" spans="14:14">
      <c r="N662464" s="10"/>
    </row>
    <row r="662465" spans="14:14">
      <c r="N662465" s="10"/>
    </row>
    <row r="662466" spans="14:14">
      <c r="N662466" s="10"/>
    </row>
    <row r="662467" spans="14:14">
      <c r="N662467" s="10"/>
    </row>
    <row r="662468" spans="14:14">
      <c r="N662468" s="10"/>
    </row>
    <row r="662469" spans="14:14">
      <c r="N662469" s="10"/>
    </row>
    <row r="662470" spans="14:14">
      <c r="N662470" s="10"/>
    </row>
    <row r="662471" spans="14:14">
      <c r="N662471" s="10"/>
    </row>
    <row r="662472" spans="14:14">
      <c r="N662472" s="10"/>
    </row>
    <row r="662473" spans="14:14">
      <c r="N662473" s="10"/>
    </row>
    <row r="662474" spans="14:14">
      <c r="N662474" s="10"/>
    </row>
    <row r="662475" spans="14:14">
      <c r="N662475" s="10"/>
    </row>
    <row r="662476" spans="14:14">
      <c r="N662476" s="10"/>
    </row>
    <row r="662477" spans="14:14">
      <c r="N662477" s="10"/>
    </row>
    <row r="662478" spans="14:14">
      <c r="N662478" s="10"/>
    </row>
    <row r="662479" spans="14:14">
      <c r="N662479" s="10"/>
    </row>
    <row r="662480" spans="14:14">
      <c r="N662480" s="10"/>
    </row>
    <row r="662481" spans="14:14">
      <c r="N662481" s="10"/>
    </row>
    <row r="662482" spans="14:14">
      <c r="N662482" s="10"/>
    </row>
    <row r="662483" spans="14:14">
      <c r="N662483" s="10"/>
    </row>
    <row r="662484" spans="14:14">
      <c r="N662484" s="10"/>
    </row>
    <row r="662485" spans="14:14">
      <c r="N662485" s="10"/>
    </row>
    <row r="662486" spans="14:14">
      <c r="N662486" s="10"/>
    </row>
    <row r="662487" spans="14:14">
      <c r="N662487" s="10"/>
    </row>
    <row r="662488" spans="14:14">
      <c r="N662488" s="10"/>
    </row>
    <row r="662489" spans="14:14">
      <c r="N662489" s="10"/>
    </row>
    <row r="662490" spans="14:14">
      <c r="N662490" s="10"/>
    </row>
    <row r="662491" spans="14:14">
      <c r="N662491" s="10"/>
    </row>
    <row r="662492" spans="14:14">
      <c r="N662492" s="10"/>
    </row>
    <row r="662493" spans="14:14">
      <c r="N662493" s="10"/>
    </row>
    <row r="662494" spans="14:14">
      <c r="N662494" s="10"/>
    </row>
    <row r="662495" spans="14:14">
      <c r="N662495" s="10"/>
    </row>
    <row r="662496" spans="14:14">
      <c r="N662496" s="10"/>
    </row>
    <row r="662497" spans="14:14">
      <c r="N662497" s="10"/>
    </row>
    <row r="662498" spans="14:14">
      <c r="N662498" s="10"/>
    </row>
    <row r="662499" spans="14:14">
      <c r="N662499" s="10"/>
    </row>
    <row r="662500" spans="14:14">
      <c r="N662500" s="10"/>
    </row>
    <row r="662501" spans="14:14">
      <c r="N662501" s="10"/>
    </row>
    <row r="662502" spans="14:14">
      <c r="N662502" s="10"/>
    </row>
    <row r="662503" spans="14:14">
      <c r="N662503" s="10"/>
    </row>
    <row r="662504" spans="14:14">
      <c r="N662504" s="10"/>
    </row>
    <row r="662505" spans="14:14">
      <c r="N662505" s="10"/>
    </row>
    <row r="662506" spans="14:14">
      <c r="N662506" s="10"/>
    </row>
    <row r="662507" spans="14:14">
      <c r="N662507" s="10"/>
    </row>
    <row r="662508" spans="14:14">
      <c r="N662508" s="10"/>
    </row>
    <row r="662509" spans="14:14">
      <c r="N662509" s="10"/>
    </row>
    <row r="662510" spans="14:14">
      <c r="N662510" s="10"/>
    </row>
    <row r="662511" spans="14:14">
      <c r="N662511" s="10"/>
    </row>
    <row r="662512" spans="14:14">
      <c r="N662512" s="10"/>
    </row>
    <row r="662513" spans="14:14">
      <c r="N662513" s="10"/>
    </row>
    <row r="662514" spans="14:14">
      <c r="N662514" s="10"/>
    </row>
    <row r="662515" spans="14:14">
      <c r="N662515" s="10"/>
    </row>
    <row r="662516" spans="14:14">
      <c r="N662516" s="10"/>
    </row>
    <row r="662517" spans="14:14">
      <c r="N662517" s="10"/>
    </row>
    <row r="662518" spans="14:14">
      <c r="N662518" s="10"/>
    </row>
    <row r="662519" spans="14:14">
      <c r="N662519" s="10"/>
    </row>
    <row r="662520" spans="14:14">
      <c r="N662520" s="10"/>
    </row>
    <row r="662521" spans="14:14">
      <c r="N662521" s="10"/>
    </row>
    <row r="662522" spans="14:14">
      <c r="N662522" s="10"/>
    </row>
    <row r="662523" spans="14:14">
      <c r="N662523" s="10"/>
    </row>
    <row r="662524" spans="14:14">
      <c r="N662524" s="10"/>
    </row>
    <row r="662525" spans="14:14">
      <c r="N662525" s="10"/>
    </row>
    <row r="662526" spans="14:14">
      <c r="N662526" s="10"/>
    </row>
    <row r="662527" spans="14:14">
      <c r="N662527" s="10"/>
    </row>
    <row r="662528" spans="14:14">
      <c r="N662528" s="10"/>
    </row>
    <row r="662529" spans="14:14">
      <c r="N662529" s="10"/>
    </row>
    <row r="662530" spans="14:14">
      <c r="N662530" s="10"/>
    </row>
    <row r="662531" spans="14:14">
      <c r="N662531" s="10"/>
    </row>
    <row r="662532" spans="14:14">
      <c r="N662532" s="10"/>
    </row>
    <row r="662533" spans="14:14">
      <c r="N662533" s="10"/>
    </row>
    <row r="662534" spans="14:14">
      <c r="N662534" s="10"/>
    </row>
    <row r="662535" spans="14:14">
      <c r="N662535" s="10"/>
    </row>
    <row r="662536" spans="14:14">
      <c r="N662536" s="10"/>
    </row>
    <row r="662537" spans="14:14">
      <c r="N662537" s="10"/>
    </row>
    <row r="662538" spans="14:14">
      <c r="N662538" s="10"/>
    </row>
    <row r="662539" spans="14:14">
      <c r="N662539" s="10"/>
    </row>
    <row r="662540" spans="14:14">
      <c r="N662540" s="10"/>
    </row>
    <row r="662541" spans="14:14">
      <c r="N662541" s="10"/>
    </row>
    <row r="662542" spans="14:14">
      <c r="N662542" s="10"/>
    </row>
    <row r="662543" spans="14:14">
      <c r="N662543" s="10"/>
    </row>
    <row r="662544" spans="14:14">
      <c r="N662544" s="10"/>
    </row>
    <row r="662545" spans="14:14">
      <c r="N662545" s="10"/>
    </row>
    <row r="662546" spans="14:14">
      <c r="N662546" s="10"/>
    </row>
    <row r="662547" spans="14:14">
      <c r="N662547" s="10"/>
    </row>
    <row r="662548" spans="14:14">
      <c r="N662548" s="10"/>
    </row>
    <row r="662549" spans="14:14">
      <c r="N662549" s="10"/>
    </row>
    <row r="662550" spans="14:14">
      <c r="N662550" s="10"/>
    </row>
    <row r="662551" spans="14:14">
      <c r="N662551" s="10"/>
    </row>
    <row r="662552" spans="14:14">
      <c r="N662552" s="10"/>
    </row>
    <row r="662553" spans="14:14">
      <c r="N662553" s="10"/>
    </row>
    <row r="662554" spans="14:14">
      <c r="N662554" s="10"/>
    </row>
    <row r="662555" spans="14:14">
      <c r="N662555" s="10"/>
    </row>
    <row r="662556" spans="14:14">
      <c r="N662556" s="10"/>
    </row>
    <row r="662557" spans="14:14">
      <c r="N662557" s="10"/>
    </row>
    <row r="662558" spans="14:14">
      <c r="N662558" s="10"/>
    </row>
    <row r="662559" spans="14:14">
      <c r="N662559" s="10"/>
    </row>
    <row r="662560" spans="14:14">
      <c r="N662560" s="10"/>
    </row>
    <row r="662561" spans="14:14">
      <c r="N662561" s="10"/>
    </row>
    <row r="662562" spans="14:14">
      <c r="N662562" s="10"/>
    </row>
    <row r="662563" spans="14:14">
      <c r="N662563" s="10"/>
    </row>
    <row r="662564" spans="14:14">
      <c r="N662564" s="10"/>
    </row>
    <row r="662565" spans="14:14">
      <c r="N662565" s="10"/>
    </row>
    <row r="662566" spans="14:14">
      <c r="N662566" s="10"/>
    </row>
    <row r="662567" spans="14:14">
      <c r="N662567" s="10"/>
    </row>
    <row r="662568" spans="14:14">
      <c r="N662568" s="10"/>
    </row>
    <row r="662569" spans="14:14">
      <c r="N662569" s="10"/>
    </row>
    <row r="662570" spans="14:14">
      <c r="N662570" s="10"/>
    </row>
    <row r="662571" spans="14:14">
      <c r="N662571" s="10"/>
    </row>
    <row r="662572" spans="14:14">
      <c r="N662572" s="10"/>
    </row>
    <row r="662573" spans="14:14">
      <c r="N662573" s="10"/>
    </row>
    <row r="662574" spans="14:14">
      <c r="N662574" s="10"/>
    </row>
    <row r="662575" spans="14:14">
      <c r="N662575" s="10"/>
    </row>
    <row r="662576" spans="14:14">
      <c r="N662576" s="10"/>
    </row>
    <row r="662577" spans="14:14">
      <c r="N662577" s="10"/>
    </row>
    <row r="662578" spans="14:14">
      <c r="N662578" s="10"/>
    </row>
    <row r="662579" spans="14:14">
      <c r="N662579" s="10"/>
    </row>
    <row r="662580" spans="14:14">
      <c r="N662580" s="10"/>
    </row>
    <row r="662581" spans="14:14">
      <c r="N662581" s="10"/>
    </row>
    <row r="662582" spans="14:14">
      <c r="N662582" s="10"/>
    </row>
    <row r="662583" spans="14:14">
      <c r="N662583" s="10"/>
    </row>
    <row r="662584" spans="14:14">
      <c r="N662584" s="10"/>
    </row>
    <row r="662585" spans="14:14">
      <c r="N662585" s="10"/>
    </row>
    <row r="662586" spans="14:14">
      <c r="N662586" s="10"/>
    </row>
    <row r="662587" spans="14:14">
      <c r="N662587" s="10"/>
    </row>
    <row r="662588" spans="14:14">
      <c r="N662588" s="10"/>
    </row>
    <row r="662589" spans="14:14">
      <c r="N662589" s="10"/>
    </row>
    <row r="662590" spans="14:14">
      <c r="N662590" s="10"/>
    </row>
    <row r="662591" spans="14:14">
      <c r="N662591" s="10"/>
    </row>
    <row r="662592" spans="14:14">
      <c r="N662592" s="10"/>
    </row>
    <row r="662593" spans="14:14">
      <c r="N662593" s="10"/>
    </row>
    <row r="662594" spans="14:14">
      <c r="N662594" s="10"/>
    </row>
    <row r="662595" spans="14:14">
      <c r="N662595" s="10"/>
    </row>
    <row r="662596" spans="14:14">
      <c r="N662596" s="10"/>
    </row>
    <row r="662597" spans="14:14">
      <c r="N662597" s="10"/>
    </row>
    <row r="662598" spans="14:14">
      <c r="N662598" s="10"/>
    </row>
    <row r="662599" spans="14:14">
      <c r="N662599" s="10"/>
    </row>
    <row r="662600" spans="14:14">
      <c r="N662600" s="10"/>
    </row>
    <row r="662601" spans="14:14">
      <c r="N662601" s="10"/>
    </row>
    <row r="662602" spans="14:14">
      <c r="N662602" s="10"/>
    </row>
    <row r="662603" spans="14:14">
      <c r="N662603" s="10"/>
    </row>
    <row r="662604" spans="14:14">
      <c r="N662604" s="10"/>
    </row>
    <row r="662605" spans="14:14">
      <c r="N662605" s="10"/>
    </row>
    <row r="662606" spans="14:14">
      <c r="N662606" s="10"/>
    </row>
    <row r="662607" spans="14:14">
      <c r="N662607" s="10"/>
    </row>
    <row r="662608" spans="14:14">
      <c r="N662608" s="10"/>
    </row>
    <row r="662609" spans="14:14">
      <c r="N662609" s="10"/>
    </row>
    <row r="662610" spans="14:14">
      <c r="N662610" s="10"/>
    </row>
    <row r="662611" spans="14:14">
      <c r="N662611" s="10"/>
    </row>
    <row r="662612" spans="14:14">
      <c r="N662612" s="10"/>
    </row>
    <row r="662613" spans="14:14">
      <c r="N662613" s="10"/>
    </row>
    <row r="662614" spans="14:14">
      <c r="N662614" s="10"/>
    </row>
    <row r="662615" spans="14:14">
      <c r="N662615" s="10"/>
    </row>
    <row r="662616" spans="14:14">
      <c r="N662616" s="10"/>
    </row>
    <row r="662617" spans="14:14">
      <c r="N662617" s="10"/>
    </row>
    <row r="662618" spans="14:14">
      <c r="N662618" s="10"/>
    </row>
    <row r="662619" spans="14:14">
      <c r="N662619" s="10"/>
    </row>
    <row r="662620" spans="14:14">
      <c r="N662620" s="10"/>
    </row>
    <row r="662621" spans="14:14">
      <c r="N662621" s="10"/>
    </row>
    <row r="662622" spans="14:14">
      <c r="N662622" s="10"/>
    </row>
    <row r="662623" spans="14:14">
      <c r="N662623" s="10"/>
    </row>
    <row r="662624" spans="14:14">
      <c r="N662624" s="10"/>
    </row>
    <row r="662625" spans="14:14">
      <c r="N662625" s="10"/>
    </row>
    <row r="662626" spans="14:14">
      <c r="N662626" s="10"/>
    </row>
    <row r="662627" spans="14:14">
      <c r="N662627" s="10"/>
    </row>
    <row r="662628" spans="14:14">
      <c r="N662628" s="10"/>
    </row>
    <row r="662629" spans="14:14">
      <c r="N662629" s="10"/>
    </row>
    <row r="662630" spans="14:14">
      <c r="N662630" s="10"/>
    </row>
    <row r="662631" spans="14:14">
      <c r="N662631" s="10"/>
    </row>
    <row r="662632" spans="14:14">
      <c r="N662632" s="10"/>
    </row>
    <row r="662633" spans="14:14">
      <c r="N662633" s="10"/>
    </row>
    <row r="662634" spans="14:14">
      <c r="N662634" s="10"/>
    </row>
    <row r="662635" spans="14:14">
      <c r="N662635" s="10"/>
    </row>
    <row r="662636" spans="14:14">
      <c r="N662636" s="10"/>
    </row>
    <row r="662637" spans="14:14">
      <c r="N662637" s="10"/>
    </row>
    <row r="662638" spans="14:14">
      <c r="N662638" s="10"/>
    </row>
    <row r="662639" spans="14:14">
      <c r="N662639" s="10"/>
    </row>
    <row r="662640" spans="14:14">
      <c r="N662640" s="10"/>
    </row>
    <row r="662641" spans="14:14">
      <c r="N662641" s="10"/>
    </row>
    <row r="662642" spans="14:14">
      <c r="N662642" s="10"/>
    </row>
    <row r="662643" spans="14:14">
      <c r="N662643" s="10"/>
    </row>
    <row r="662644" spans="14:14">
      <c r="N662644" s="10"/>
    </row>
    <row r="662645" spans="14:14">
      <c r="N662645" s="10"/>
    </row>
    <row r="662646" spans="14:14">
      <c r="N662646" s="10"/>
    </row>
    <row r="662647" spans="14:14">
      <c r="N662647" s="10"/>
    </row>
    <row r="662648" spans="14:14">
      <c r="N662648" s="10"/>
    </row>
    <row r="662649" spans="14:14">
      <c r="N662649" s="10"/>
    </row>
    <row r="662650" spans="14:14">
      <c r="N662650" s="10"/>
    </row>
    <row r="662651" spans="14:14">
      <c r="N662651" s="10"/>
    </row>
    <row r="662652" spans="14:14">
      <c r="N662652" s="10"/>
    </row>
    <row r="662653" spans="14:14">
      <c r="N662653" s="10"/>
    </row>
    <row r="662654" spans="14:14">
      <c r="N662654" s="10"/>
    </row>
    <row r="662655" spans="14:14">
      <c r="N662655" s="10"/>
    </row>
    <row r="662656" spans="14:14">
      <c r="N662656" s="10"/>
    </row>
    <row r="662657" spans="14:14">
      <c r="N662657" s="10"/>
    </row>
    <row r="662658" spans="14:14">
      <c r="N662658" s="10"/>
    </row>
    <row r="662659" spans="14:14">
      <c r="N662659" s="10"/>
    </row>
    <row r="662660" spans="14:14">
      <c r="N662660" s="10"/>
    </row>
    <row r="662661" spans="14:14">
      <c r="N662661" s="10"/>
    </row>
    <row r="662662" spans="14:14">
      <c r="N662662" s="10"/>
    </row>
    <row r="662663" spans="14:14">
      <c r="N662663" s="10"/>
    </row>
    <row r="662664" spans="14:14">
      <c r="N662664" s="10"/>
    </row>
    <row r="662665" spans="14:14">
      <c r="N662665" s="10"/>
    </row>
    <row r="662666" spans="14:14">
      <c r="N662666" s="10"/>
    </row>
    <row r="662667" spans="14:14">
      <c r="N662667" s="10"/>
    </row>
    <row r="662668" spans="14:14">
      <c r="N662668" s="10"/>
    </row>
    <row r="662669" spans="14:14">
      <c r="N662669" s="10"/>
    </row>
    <row r="662670" spans="14:14">
      <c r="N662670" s="10"/>
    </row>
    <row r="662671" spans="14:14">
      <c r="N662671" s="10"/>
    </row>
    <row r="662672" spans="14:14">
      <c r="N662672" s="10"/>
    </row>
    <row r="662673" spans="14:14">
      <c r="N662673" s="10"/>
    </row>
    <row r="662674" spans="14:14">
      <c r="N662674" s="10"/>
    </row>
    <row r="662675" spans="14:14">
      <c r="N662675" s="10"/>
    </row>
    <row r="662676" spans="14:14">
      <c r="N662676" s="10"/>
    </row>
    <row r="662677" spans="14:14">
      <c r="N662677" s="10"/>
    </row>
    <row r="662678" spans="14:14">
      <c r="N662678" s="10"/>
    </row>
    <row r="662679" spans="14:14">
      <c r="N662679" s="10"/>
    </row>
    <row r="662680" spans="14:14">
      <c r="N662680" s="10"/>
    </row>
    <row r="662681" spans="14:14">
      <c r="N662681" s="10"/>
    </row>
    <row r="662682" spans="14:14">
      <c r="N662682" s="10"/>
    </row>
    <row r="662683" spans="14:14">
      <c r="N662683" s="10"/>
    </row>
    <row r="662684" spans="14:14">
      <c r="N662684" s="10"/>
    </row>
    <row r="662685" spans="14:14">
      <c r="N662685" s="10"/>
    </row>
    <row r="662686" spans="14:14">
      <c r="N662686" s="10"/>
    </row>
    <row r="662687" spans="14:14">
      <c r="N662687" s="10"/>
    </row>
    <row r="662688" spans="14:14">
      <c r="N662688" s="10"/>
    </row>
    <row r="662689" spans="14:14">
      <c r="N662689" s="10"/>
    </row>
    <row r="662690" spans="14:14">
      <c r="N662690" s="10"/>
    </row>
    <row r="662691" spans="14:14">
      <c r="N662691" s="10"/>
    </row>
    <row r="662692" spans="14:14">
      <c r="N662692" s="10"/>
    </row>
    <row r="662693" spans="14:14">
      <c r="N662693" s="10"/>
    </row>
    <row r="662694" spans="14:14">
      <c r="N662694" s="10"/>
    </row>
    <row r="662695" spans="14:14">
      <c r="N662695" s="10"/>
    </row>
    <row r="662696" spans="14:14">
      <c r="N662696" s="10"/>
    </row>
    <row r="662697" spans="14:14">
      <c r="N662697" s="10"/>
    </row>
    <row r="662698" spans="14:14">
      <c r="N662698" s="10"/>
    </row>
    <row r="662699" spans="14:14">
      <c r="N662699" s="10"/>
    </row>
    <row r="662700" spans="14:14">
      <c r="N662700" s="10"/>
    </row>
    <row r="662701" spans="14:14">
      <c r="N662701" s="10"/>
    </row>
    <row r="662702" spans="14:14">
      <c r="N662702" s="10"/>
    </row>
    <row r="662703" spans="14:14">
      <c r="N662703" s="10"/>
    </row>
    <row r="662704" spans="14:14">
      <c r="N662704" s="10"/>
    </row>
    <row r="662705" spans="14:14">
      <c r="N662705" s="10"/>
    </row>
    <row r="662706" spans="14:14">
      <c r="N662706" s="10"/>
    </row>
    <row r="662707" spans="14:14">
      <c r="N662707" s="10"/>
    </row>
    <row r="662708" spans="14:14">
      <c r="N662708" s="10"/>
    </row>
    <row r="662709" spans="14:14">
      <c r="N662709" s="10"/>
    </row>
    <row r="662710" spans="14:14">
      <c r="N662710" s="10"/>
    </row>
    <row r="662711" spans="14:14">
      <c r="N662711" s="10"/>
    </row>
    <row r="662712" spans="14:14">
      <c r="N662712" s="10"/>
    </row>
    <row r="662713" spans="14:14">
      <c r="N662713" s="10"/>
    </row>
    <row r="662714" spans="14:14">
      <c r="N662714" s="10"/>
    </row>
    <row r="662715" spans="14:14">
      <c r="N662715" s="10"/>
    </row>
    <row r="662716" spans="14:14">
      <c r="N662716" s="10"/>
    </row>
    <row r="662717" spans="14:14">
      <c r="N662717" s="10"/>
    </row>
    <row r="662718" spans="14:14">
      <c r="N662718" s="10"/>
    </row>
    <row r="662719" spans="14:14">
      <c r="N662719" s="10"/>
    </row>
    <row r="662720" spans="14:14">
      <c r="N662720" s="10"/>
    </row>
    <row r="662721" spans="14:14">
      <c r="N662721" s="10"/>
    </row>
    <row r="662722" spans="14:14">
      <c r="N662722" s="10"/>
    </row>
    <row r="662723" spans="14:14">
      <c r="N662723" s="10"/>
    </row>
    <row r="662724" spans="14:14">
      <c r="N662724" s="10"/>
    </row>
    <row r="662725" spans="14:14">
      <c r="N662725" s="10"/>
    </row>
    <row r="662726" spans="14:14">
      <c r="N662726" s="10"/>
    </row>
    <row r="662727" spans="14:14">
      <c r="N662727" s="10"/>
    </row>
    <row r="662728" spans="14:14">
      <c r="N662728" s="10"/>
    </row>
    <row r="662729" spans="14:14">
      <c r="N662729" s="10"/>
    </row>
    <row r="662730" spans="14:14">
      <c r="N662730" s="10"/>
    </row>
    <row r="662731" spans="14:14">
      <c r="N662731" s="10"/>
    </row>
    <row r="662732" spans="14:14">
      <c r="N662732" s="10"/>
    </row>
    <row r="662733" spans="14:14">
      <c r="N662733" s="10"/>
    </row>
    <row r="662734" spans="14:14">
      <c r="N662734" s="10"/>
    </row>
    <row r="662735" spans="14:14">
      <c r="N662735" s="10"/>
    </row>
    <row r="662736" spans="14:14">
      <c r="N662736" s="10"/>
    </row>
    <row r="662737" spans="14:14">
      <c r="N662737" s="10"/>
    </row>
    <row r="662738" spans="14:14">
      <c r="N662738" s="10"/>
    </row>
    <row r="662739" spans="14:14">
      <c r="N662739" s="10"/>
    </row>
    <row r="662740" spans="14:14">
      <c r="N662740" s="10"/>
    </row>
    <row r="662741" spans="14:14">
      <c r="N662741" s="10"/>
    </row>
    <row r="662742" spans="14:14">
      <c r="N662742" s="10"/>
    </row>
    <row r="662743" spans="14:14">
      <c r="N662743" s="10"/>
    </row>
    <row r="662744" spans="14:14">
      <c r="N662744" s="10"/>
    </row>
    <row r="662745" spans="14:14">
      <c r="N662745" s="10"/>
    </row>
    <row r="662746" spans="14:14">
      <c r="N662746" s="10"/>
    </row>
    <row r="662747" spans="14:14">
      <c r="N662747" s="10"/>
    </row>
    <row r="662748" spans="14:14">
      <c r="N662748" s="10"/>
    </row>
    <row r="662749" spans="14:14">
      <c r="N662749" s="10"/>
    </row>
    <row r="662750" spans="14:14">
      <c r="N662750" s="10"/>
    </row>
    <row r="662751" spans="14:14">
      <c r="N662751" s="10"/>
    </row>
    <row r="662752" spans="14:14">
      <c r="N662752" s="10"/>
    </row>
    <row r="662753" spans="14:14">
      <c r="N662753" s="10"/>
    </row>
    <row r="662754" spans="14:14">
      <c r="N662754" s="10"/>
    </row>
    <row r="662755" spans="14:14">
      <c r="N662755" s="10"/>
    </row>
    <row r="662756" spans="14:14">
      <c r="N662756" s="10"/>
    </row>
    <row r="662757" spans="14:14">
      <c r="N662757" s="10"/>
    </row>
    <row r="662758" spans="14:14">
      <c r="N662758" s="10"/>
    </row>
    <row r="662759" spans="14:14">
      <c r="N662759" s="10"/>
    </row>
    <row r="662760" spans="14:14">
      <c r="N662760" s="10"/>
    </row>
    <row r="662761" spans="14:14">
      <c r="N662761" s="10"/>
    </row>
    <row r="662762" spans="14:14">
      <c r="N662762" s="10"/>
    </row>
    <row r="662763" spans="14:14">
      <c r="N662763" s="10"/>
    </row>
    <row r="662764" spans="14:14">
      <c r="N662764" s="10"/>
    </row>
    <row r="662765" spans="14:14">
      <c r="N662765" s="10"/>
    </row>
    <row r="662766" spans="14:14">
      <c r="N662766" s="10"/>
    </row>
    <row r="662767" spans="14:14">
      <c r="N662767" s="10"/>
    </row>
    <row r="662768" spans="14:14">
      <c r="N662768" s="10"/>
    </row>
    <row r="662769" spans="14:14">
      <c r="N662769" s="10"/>
    </row>
    <row r="662770" spans="14:14">
      <c r="N662770" s="10"/>
    </row>
    <row r="662771" spans="14:14">
      <c r="N662771" s="10"/>
    </row>
    <row r="662772" spans="14:14">
      <c r="N662772" s="10"/>
    </row>
    <row r="662773" spans="14:14">
      <c r="N662773" s="10"/>
    </row>
    <row r="662774" spans="14:14">
      <c r="N662774" s="10"/>
    </row>
    <row r="662775" spans="14:14">
      <c r="N662775" s="10"/>
    </row>
    <row r="662776" spans="14:14">
      <c r="N662776" s="10"/>
    </row>
    <row r="662777" spans="14:14">
      <c r="N662777" s="10"/>
    </row>
    <row r="662778" spans="14:14">
      <c r="N662778" s="10"/>
    </row>
    <row r="662779" spans="14:14">
      <c r="N662779" s="10"/>
    </row>
    <row r="662780" spans="14:14">
      <c r="N662780" s="10"/>
    </row>
    <row r="662781" spans="14:14">
      <c r="N662781" s="10"/>
    </row>
    <row r="662782" spans="14:14">
      <c r="N662782" s="10"/>
    </row>
    <row r="662783" spans="14:14">
      <c r="N662783" s="10"/>
    </row>
    <row r="662784" spans="14:14">
      <c r="N662784" s="10"/>
    </row>
    <row r="662785" spans="14:14">
      <c r="N662785" s="10"/>
    </row>
    <row r="662786" spans="14:14">
      <c r="N662786" s="10"/>
    </row>
    <row r="662787" spans="14:14">
      <c r="N662787" s="10"/>
    </row>
    <row r="662788" spans="14:14">
      <c r="N662788" s="10"/>
    </row>
    <row r="662789" spans="14:14">
      <c r="N662789" s="10"/>
    </row>
    <row r="662790" spans="14:14">
      <c r="N662790" s="10"/>
    </row>
    <row r="662791" spans="14:14">
      <c r="N662791" s="10"/>
    </row>
    <row r="662792" spans="14:14">
      <c r="N662792" s="10"/>
    </row>
    <row r="662793" spans="14:14">
      <c r="N662793" s="10"/>
    </row>
    <row r="662794" spans="14:14">
      <c r="N662794" s="10"/>
    </row>
    <row r="662795" spans="14:14">
      <c r="N662795" s="10"/>
    </row>
    <row r="662796" spans="14:14">
      <c r="N662796" s="10"/>
    </row>
    <row r="662797" spans="14:14">
      <c r="N662797" s="10"/>
    </row>
    <row r="662798" spans="14:14">
      <c r="N662798" s="10"/>
    </row>
    <row r="662799" spans="14:14">
      <c r="N662799" s="10"/>
    </row>
    <row r="662800" spans="14:14">
      <c r="N662800" s="10"/>
    </row>
    <row r="662801" spans="14:14">
      <c r="N662801" s="10"/>
    </row>
    <row r="662802" spans="14:14">
      <c r="N662802" s="10"/>
    </row>
    <row r="662803" spans="14:14">
      <c r="N662803" s="10"/>
    </row>
    <row r="662804" spans="14:14">
      <c r="N662804" s="10"/>
    </row>
    <row r="662805" spans="14:14">
      <c r="N662805" s="10"/>
    </row>
    <row r="662806" spans="14:14">
      <c r="N662806" s="10"/>
    </row>
    <row r="662807" spans="14:14">
      <c r="N662807" s="10"/>
    </row>
    <row r="662808" spans="14:14">
      <c r="N662808" s="10"/>
    </row>
    <row r="662809" spans="14:14">
      <c r="N662809" s="10"/>
    </row>
    <row r="662810" spans="14:14">
      <c r="N662810" s="10"/>
    </row>
    <row r="662811" spans="14:14">
      <c r="N662811" s="10"/>
    </row>
    <row r="662812" spans="14:14">
      <c r="N662812" s="10"/>
    </row>
    <row r="662813" spans="14:14">
      <c r="N662813" s="10"/>
    </row>
    <row r="662814" spans="14:14">
      <c r="N662814" s="10"/>
    </row>
    <row r="662815" spans="14:14">
      <c r="N662815" s="10"/>
    </row>
    <row r="662816" spans="14:14">
      <c r="N662816" s="10"/>
    </row>
    <row r="662817" spans="14:14">
      <c r="N662817" s="10"/>
    </row>
    <row r="662818" spans="14:14">
      <c r="N662818" s="10"/>
    </row>
    <row r="662819" spans="14:14">
      <c r="N662819" s="10"/>
    </row>
    <row r="662820" spans="14:14">
      <c r="N662820" s="10"/>
    </row>
    <row r="662821" spans="14:14">
      <c r="N662821" s="10"/>
    </row>
    <row r="662822" spans="14:14">
      <c r="N662822" s="10"/>
    </row>
    <row r="662823" spans="14:14">
      <c r="N662823" s="10"/>
    </row>
    <row r="662824" spans="14:14">
      <c r="N662824" s="10"/>
    </row>
    <row r="662825" spans="14:14">
      <c r="N662825" s="10"/>
    </row>
    <row r="662826" spans="14:14">
      <c r="N662826" s="10"/>
    </row>
    <row r="662827" spans="14:14">
      <c r="N662827" s="10"/>
    </row>
    <row r="662828" spans="14:14">
      <c r="N662828" s="10"/>
    </row>
    <row r="662829" spans="14:14">
      <c r="N662829" s="10"/>
    </row>
    <row r="662830" spans="14:14">
      <c r="N662830" s="10"/>
    </row>
    <row r="662831" spans="14:14">
      <c r="N662831" s="10"/>
    </row>
    <row r="662832" spans="14:14">
      <c r="N662832" s="10"/>
    </row>
    <row r="662833" spans="14:14">
      <c r="N662833" s="10"/>
    </row>
    <row r="662834" spans="14:14">
      <c r="N662834" s="10"/>
    </row>
    <row r="662835" spans="14:14">
      <c r="N662835" s="10"/>
    </row>
    <row r="662836" spans="14:14">
      <c r="N662836" s="10"/>
    </row>
    <row r="662837" spans="14:14">
      <c r="N662837" s="10"/>
    </row>
    <row r="662838" spans="14:14">
      <c r="N662838" s="10"/>
    </row>
    <row r="662839" spans="14:14">
      <c r="N662839" s="10"/>
    </row>
    <row r="662840" spans="14:14">
      <c r="N662840" s="10"/>
    </row>
    <row r="662841" spans="14:14">
      <c r="N662841" s="10"/>
    </row>
    <row r="662842" spans="14:14">
      <c r="N662842" s="10"/>
    </row>
    <row r="662843" spans="14:14">
      <c r="N662843" s="10"/>
    </row>
    <row r="662844" spans="14:14">
      <c r="N662844" s="10"/>
    </row>
    <row r="662845" spans="14:14">
      <c r="N662845" s="10"/>
    </row>
    <row r="662846" spans="14:14">
      <c r="N662846" s="10"/>
    </row>
    <row r="662847" spans="14:14">
      <c r="N662847" s="10"/>
    </row>
    <row r="662848" spans="14:14">
      <c r="N662848" s="10"/>
    </row>
    <row r="662849" spans="14:14">
      <c r="N662849" s="10"/>
    </row>
    <row r="662850" spans="14:14">
      <c r="N662850" s="10"/>
    </row>
    <row r="662851" spans="14:14">
      <c r="N662851" s="10"/>
    </row>
    <row r="662852" spans="14:14">
      <c r="N662852" s="10"/>
    </row>
    <row r="662853" spans="14:14">
      <c r="N662853" s="10"/>
    </row>
    <row r="662854" spans="14:14">
      <c r="N662854" s="10"/>
    </row>
    <row r="662855" spans="14:14">
      <c r="N662855" s="10"/>
    </row>
    <row r="662856" spans="14:14">
      <c r="N662856" s="10"/>
    </row>
    <row r="662857" spans="14:14">
      <c r="N662857" s="10"/>
    </row>
    <row r="662858" spans="14:14">
      <c r="N662858" s="10"/>
    </row>
    <row r="662859" spans="14:14">
      <c r="N662859" s="10"/>
    </row>
    <row r="662860" spans="14:14">
      <c r="N662860" s="10"/>
    </row>
    <row r="662861" spans="14:14">
      <c r="N662861" s="10"/>
    </row>
    <row r="662862" spans="14:14">
      <c r="N662862" s="10"/>
    </row>
    <row r="662863" spans="14:14">
      <c r="N662863" s="10"/>
    </row>
    <row r="662864" spans="14:14">
      <c r="N662864" s="10"/>
    </row>
    <row r="662865" spans="14:14">
      <c r="N662865" s="10"/>
    </row>
    <row r="662866" spans="14:14">
      <c r="N662866" s="10"/>
    </row>
    <row r="662867" spans="14:14">
      <c r="N662867" s="10"/>
    </row>
    <row r="662868" spans="14:14">
      <c r="N662868" s="10"/>
    </row>
    <row r="662869" spans="14:14">
      <c r="N662869" s="10"/>
    </row>
    <row r="662870" spans="14:14">
      <c r="N662870" s="10"/>
    </row>
    <row r="662871" spans="14:14">
      <c r="N662871" s="10"/>
    </row>
    <row r="662872" spans="14:14">
      <c r="N662872" s="10"/>
    </row>
    <row r="662873" spans="14:14">
      <c r="N662873" s="10"/>
    </row>
    <row r="662874" spans="14:14">
      <c r="N662874" s="10"/>
    </row>
    <row r="662875" spans="14:14">
      <c r="N662875" s="10"/>
    </row>
    <row r="662876" spans="14:14">
      <c r="N662876" s="10"/>
    </row>
    <row r="662877" spans="14:14">
      <c r="N662877" s="10"/>
    </row>
    <row r="662878" spans="14:14">
      <c r="N662878" s="10"/>
    </row>
    <row r="662879" spans="14:14">
      <c r="N662879" s="10"/>
    </row>
    <row r="662880" spans="14:14">
      <c r="N662880" s="10"/>
    </row>
    <row r="662881" spans="14:14">
      <c r="N662881" s="10"/>
    </row>
    <row r="662882" spans="14:14">
      <c r="N662882" s="10"/>
    </row>
    <row r="662883" spans="14:14">
      <c r="N662883" s="10"/>
    </row>
    <row r="662884" spans="14:14">
      <c r="N662884" s="10"/>
    </row>
    <row r="662885" spans="14:14">
      <c r="N662885" s="10"/>
    </row>
    <row r="662886" spans="14:14">
      <c r="N662886" s="10"/>
    </row>
    <row r="662887" spans="14:14">
      <c r="N662887" s="10"/>
    </row>
    <row r="662888" spans="14:14">
      <c r="N662888" s="10"/>
    </row>
    <row r="662889" spans="14:14">
      <c r="N662889" s="10"/>
    </row>
    <row r="662890" spans="14:14">
      <c r="N662890" s="10"/>
    </row>
    <row r="662891" spans="14:14">
      <c r="N662891" s="10"/>
    </row>
    <row r="662892" spans="14:14">
      <c r="N662892" s="10"/>
    </row>
    <row r="662893" spans="14:14">
      <c r="N662893" s="10"/>
    </row>
    <row r="662894" spans="14:14">
      <c r="N662894" s="10"/>
    </row>
    <row r="662895" spans="14:14">
      <c r="N662895" s="10"/>
    </row>
    <row r="662896" spans="14:14">
      <c r="N662896" s="10"/>
    </row>
    <row r="662897" spans="14:14">
      <c r="N662897" s="10"/>
    </row>
    <row r="662898" spans="14:14">
      <c r="N662898" s="10"/>
    </row>
    <row r="662899" spans="14:14">
      <c r="N662899" s="10"/>
    </row>
    <row r="662900" spans="14:14">
      <c r="N662900" s="10"/>
    </row>
    <row r="662901" spans="14:14">
      <c r="N662901" s="10"/>
    </row>
    <row r="662902" spans="14:14">
      <c r="N662902" s="10"/>
    </row>
    <row r="662903" spans="14:14">
      <c r="N662903" s="10"/>
    </row>
    <row r="662904" spans="14:14">
      <c r="N662904" s="10"/>
    </row>
    <row r="662905" spans="14:14">
      <c r="N662905" s="10"/>
    </row>
    <row r="662906" spans="14:14">
      <c r="N662906" s="10"/>
    </row>
    <row r="662907" spans="14:14">
      <c r="N662907" s="10"/>
    </row>
    <row r="662908" spans="14:14">
      <c r="N662908" s="10"/>
    </row>
    <row r="662909" spans="14:14">
      <c r="N662909" s="10"/>
    </row>
    <row r="662910" spans="14:14">
      <c r="N662910" s="10"/>
    </row>
    <row r="662911" spans="14:14">
      <c r="N662911" s="10"/>
    </row>
    <row r="662912" spans="14:14">
      <c r="N662912" s="10"/>
    </row>
    <row r="662913" spans="14:14">
      <c r="N662913" s="10"/>
    </row>
    <row r="662914" spans="14:14">
      <c r="N662914" s="10"/>
    </row>
    <row r="662915" spans="14:14">
      <c r="N662915" s="10"/>
    </row>
    <row r="662916" spans="14:14">
      <c r="N662916" s="10"/>
    </row>
    <row r="662917" spans="14:14">
      <c r="N662917" s="10"/>
    </row>
    <row r="662918" spans="14:14">
      <c r="N662918" s="10"/>
    </row>
    <row r="662919" spans="14:14">
      <c r="N662919" s="10"/>
    </row>
    <row r="662920" spans="14:14">
      <c r="N662920" s="10"/>
    </row>
    <row r="662921" spans="14:14">
      <c r="N662921" s="10"/>
    </row>
    <row r="662922" spans="14:14">
      <c r="N662922" s="10"/>
    </row>
    <row r="662923" spans="14:14">
      <c r="N662923" s="10"/>
    </row>
    <row r="662924" spans="14:14">
      <c r="N662924" s="10"/>
    </row>
    <row r="662925" spans="14:14">
      <c r="N662925" s="10"/>
    </row>
    <row r="662926" spans="14:14">
      <c r="N662926" s="10"/>
    </row>
    <row r="662927" spans="14:14">
      <c r="N662927" s="10"/>
    </row>
    <row r="662928" spans="14:14">
      <c r="N662928" s="10"/>
    </row>
    <row r="662929" spans="14:14">
      <c r="N662929" s="10"/>
    </row>
    <row r="662930" spans="14:14">
      <c r="N662930" s="10"/>
    </row>
    <row r="662931" spans="14:14">
      <c r="N662931" s="10"/>
    </row>
    <row r="662932" spans="14:14">
      <c r="N662932" s="10"/>
    </row>
    <row r="662933" spans="14:14">
      <c r="N662933" s="10"/>
    </row>
    <row r="662934" spans="14:14">
      <c r="N662934" s="10"/>
    </row>
    <row r="662935" spans="14:14">
      <c r="N662935" s="10"/>
    </row>
    <row r="662936" spans="14:14">
      <c r="N662936" s="10"/>
    </row>
    <row r="662937" spans="14:14">
      <c r="N662937" s="10"/>
    </row>
    <row r="662938" spans="14:14">
      <c r="N662938" s="10"/>
    </row>
    <row r="662939" spans="14:14">
      <c r="N662939" s="10"/>
    </row>
    <row r="662940" spans="14:14">
      <c r="N662940" s="10"/>
    </row>
    <row r="662941" spans="14:14">
      <c r="N662941" s="10"/>
    </row>
    <row r="662942" spans="14:14">
      <c r="N662942" s="10"/>
    </row>
    <row r="662943" spans="14:14">
      <c r="N662943" s="10"/>
    </row>
    <row r="662944" spans="14:14">
      <c r="N662944" s="10"/>
    </row>
    <row r="662945" spans="14:14">
      <c r="N662945" s="10"/>
    </row>
    <row r="662946" spans="14:14">
      <c r="N662946" s="10"/>
    </row>
    <row r="662947" spans="14:14">
      <c r="N662947" s="10"/>
    </row>
    <row r="662948" spans="14:14">
      <c r="N662948" s="10"/>
    </row>
    <row r="662949" spans="14:14">
      <c r="N662949" s="10"/>
    </row>
    <row r="662950" spans="14:14">
      <c r="N662950" s="10"/>
    </row>
    <row r="662951" spans="14:14">
      <c r="N662951" s="10"/>
    </row>
    <row r="662952" spans="14:14">
      <c r="N662952" s="10"/>
    </row>
    <row r="662953" spans="14:14">
      <c r="N662953" s="10"/>
    </row>
    <row r="662954" spans="14:14">
      <c r="N662954" s="10"/>
    </row>
    <row r="662955" spans="14:14">
      <c r="N662955" s="10"/>
    </row>
    <row r="662956" spans="14:14">
      <c r="N662956" s="10"/>
    </row>
    <row r="662957" spans="14:14">
      <c r="N662957" s="10"/>
    </row>
    <row r="662958" spans="14:14">
      <c r="N662958" s="10"/>
    </row>
    <row r="662959" spans="14:14">
      <c r="N662959" s="10"/>
    </row>
    <row r="662960" spans="14:14">
      <c r="N662960" s="10"/>
    </row>
    <row r="662961" spans="14:14">
      <c r="N662961" s="10"/>
    </row>
    <row r="662962" spans="14:14">
      <c r="N662962" s="10"/>
    </row>
    <row r="662963" spans="14:14">
      <c r="N662963" s="10"/>
    </row>
    <row r="662964" spans="14:14">
      <c r="N662964" s="10"/>
    </row>
    <row r="662965" spans="14:14">
      <c r="N662965" s="10"/>
    </row>
    <row r="662966" spans="14:14">
      <c r="N662966" s="10"/>
    </row>
    <row r="662967" spans="14:14">
      <c r="N662967" s="10"/>
    </row>
    <row r="662968" spans="14:14">
      <c r="N662968" s="10"/>
    </row>
    <row r="662969" spans="14:14">
      <c r="N662969" s="10"/>
    </row>
    <row r="662970" spans="14:14">
      <c r="N662970" s="10"/>
    </row>
    <row r="662971" spans="14:14">
      <c r="N662971" s="10"/>
    </row>
    <row r="662972" spans="14:14">
      <c r="N662972" s="10"/>
    </row>
    <row r="662973" spans="14:14">
      <c r="N662973" s="10"/>
    </row>
    <row r="662974" spans="14:14">
      <c r="N662974" s="10"/>
    </row>
    <row r="662975" spans="14:14">
      <c r="N662975" s="10"/>
    </row>
    <row r="662976" spans="14:14">
      <c r="N662976" s="10"/>
    </row>
    <row r="662977" spans="14:14">
      <c r="N662977" s="10"/>
    </row>
    <row r="662978" spans="14:14">
      <c r="N662978" s="10"/>
    </row>
    <row r="662979" spans="14:14">
      <c r="N662979" s="10"/>
    </row>
    <row r="662980" spans="14:14">
      <c r="N662980" s="10"/>
    </row>
    <row r="662981" spans="14:14">
      <c r="N662981" s="10"/>
    </row>
    <row r="662982" spans="14:14">
      <c r="N662982" s="10"/>
    </row>
    <row r="662983" spans="14:14">
      <c r="N662983" s="10"/>
    </row>
    <row r="662984" spans="14:14">
      <c r="N662984" s="10"/>
    </row>
    <row r="662985" spans="14:14">
      <c r="N662985" s="10"/>
    </row>
    <row r="662986" spans="14:14">
      <c r="N662986" s="10"/>
    </row>
    <row r="662987" spans="14:14">
      <c r="N662987" s="10"/>
    </row>
    <row r="662988" spans="14:14">
      <c r="N662988" s="10"/>
    </row>
    <row r="662989" spans="14:14">
      <c r="N662989" s="10"/>
    </row>
    <row r="662990" spans="14:14">
      <c r="N662990" s="10"/>
    </row>
    <row r="662991" spans="14:14">
      <c r="N662991" s="10"/>
    </row>
    <row r="662992" spans="14:14">
      <c r="N662992" s="10"/>
    </row>
    <row r="662993" spans="14:14">
      <c r="N662993" s="10"/>
    </row>
    <row r="662994" spans="14:14">
      <c r="N662994" s="10"/>
    </row>
    <row r="662995" spans="14:14">
      <c r="N662995" s="10"/>
    </row>
    <row r="662996" spans="14:14">
      <c r="N662996" s="10"/>
    </row>
    <row r="662997" spans="14:14">
      <c r="N662997" s="10"/>
    </row>
    <row r="662998" spans="14:14">
      <c r="N662998" s="10"/>
    </row>
    <row r="662999" spans="14:14">
      <c r="N662999" s="10"/>
    </row>
    <row r="663000" spans="14:14">
      <c r="N663000" s="10"/>
    </row>
    <row r="663001" spans="14:14">
      <c r="N663001" s="10"/>
    </row>
    <row r="663002" spans="14:14">
      <c r="N663002" s="10"/>
    </row>
    <row r="663003" spans="14:14">
      <c r="N663003" s="10"/>
    </row>
    <row r="663004" spans="14:14">
      <c r="N663004" s="10"/>
    </row>
    <row r="663005" spans="14:14">
      <c r="N663005" s="10"/>
    </row>
    <row r="663006" spans="14:14">
      <c r="N663006" s="10"/>
    </row>
    <row r="663007" spans="14:14">
      <c r="N663007" s="10"/>
    </row>
    <row r="663008" spans="14:14">
      <c r="N663008" s="10"/>
    </row>
    <row r="663009" spans="14:14">
      <c r="N663009" s="10"/>
    </row>
    <row r="663010" spans="14:14">
      <c r="N663010" s="10"/>
    </row>
    <row r="663011" spans="14:14">
      <c r="N663011" s="10"/>
    </row>
    <row r="663012" spans="14:14">
      <c r="N663012" s="10"/>
    </row>
    <row r="663013" spans="14:14">
      <c r="N663013" s="10"/>
    </row>
    <row r="663014" spans="14:14">
      <c r="N663014" s="10"/>
    </row>
    <row r="663015" spans="14:14">
      <c r="N663015" s="10"/>
    </row>
    <row r="663016" spans="14:14">
      <c r="N663016" s="10"/>
    </row>
    <row r="663017" spans="14:14">
      <c r="N663017" s="10"/>
    </row>
    <row r="663018" spans="14:14">
      <c r="N663018" s="10"/>
    </row>
    <row r="663019" spans="14:14">
      <c r="N663019" s="10"/>
    </row>
    <row r="663020" spans="14:14">
      <c r="N663020" s="10"/>
    </row>
    <row r="663021" spans="14:14">
      <c r="N663021" s="10"/>
    </row>
    <row r="663022" spans="14:14">
      <c r="N663022" s="10"/>
    </row>
    <row r="663023" spans="14:14">
      <c r="N663023" s="10"/>
    </row>
    <row r="663024" spans="14:14">
      <c r="N663024" s="10"/>
    </row>
    <row r="663025" spans="14:14">
      <c r="N663025" s="10"/>
    </row>
    <row r="663026" spans="14:14">
      <c r="N663026" s="10"/>
    </row>
    <row r="663027" spans="14:14">
      <c r="N663027" s="10"/>
    </row>
    <row r="663028" spans="14:14">
      <c r="N663028" s="10"/>
    </row>
    <row r="663029" spans="14:14">
      <c r="N663029" s="10"/>
    </row>
    <row r="663030" spans="14:14">
      <c r="N663030" s="10"/>
    </row>
    <row r="663031" spans="14:14">
      <c r="N663031" s="10"/>
    </row>
    <row r="663032" spans="14:14">
      <c r="N663032" s="10"/>
    </row>
    <row r="663033" spans="14:14">
      <c r="N663033" s="10"/>
    </row>
    <row r="663034" spans="14:14">
      <c r="N663034" s="10"/>
    </row>
    <row r="663035" spans="14:14">
      <c r="N663035" s="10"/>
    </row>
    <row r="663036" spans="14:14">
      <c r="N663036" s="10"/>
    </row>
    <row r="663037" spans="14:14">
      <c r="N663037" s="10"/>
    </row>
    <row r="663038" spans="14:14">
      <c r="N663038" s="10"/>
    </row>
    <row r="663039" spans="14:14">
      <c r="N663039" s="10"/>
    </row>
    <row r="663040" spans="14:14">
      <c r="N663040" s="10"/>
    </row>
    <row r="663041" spans="14:14">
      <c r="N663041" s="10"/>
    </row>
    <row r="663042" spans="14:14">
      <c r="N663042" s="10"/>
    </row>
    <row r="663043" spans="14:14">
      <c r="N663043" s="10"/>
    </row>
    <row r="663044" spans="14:14">
      <c r="N663044" s="10"/>
    </row>
    <row r="663045" spans="14:14">
      <c r="N663045" s="10"/>
    </row>
    <row r="663046" spans="14:14">
      <c r="N663046" s="10"/>
    </row>
    <row r="663047" spans="14:14">
      <c r="N663047" s="10"/>
    </row>
    <row r="663048" spans="14:14">
      <c r="N663048" s="10"/>
    </row>
    <row r="663049" spans="14:14">
      <c r="N663049" s="10"/>
    </row>
    <row r="663050" spans="14:14">
      <c r="N663050" s="10"/>
    </row>
    <row r="663051" spans="14:14">
      <c r="N663051" s="10"/>
    </row>
    <row r="663052" spans="14:14">
      <c r="N663052" s="10"/>
    </row>
    <row r="663053" spans="14:14">
      <c r="N663053" s="10"/>
    </row>
    <row r="663054" spans="14:14">
      <c r="N663054" s="10"/>
    </row>
    <row r="663055" spans="14:14">
      <c r="N663055" s="10"/>
    </row>
    <row r="663056" spans="14:14">
      <c r="N663056" s="10"/>
    </row>
    <row r="663057" spans="14:14">
      <c r="N663057" s="10"/>
    </row>
    <row r="663058" spans="14:14">
      <c r="N663058" s="10"/>
    </row>
    <row r="663059" spans="14:14">
      <c r="N663059" s="10"/>
    </row>
    <row r="663060" spans="14:14">
      <c r="N663060" s="10"/>
    </row>
    <row r="663061" spans="14:14">
      <c r="N663061" s="10"/>
    </row>
    <row r="663062" spans="14:14">
      <c r="N663062" s="10"/>
    </row>
    <row r="663063" spans="14:14">
      <c r="N663063" s="10"/>
    </row>
    <row r="663064" spans="14:14">
      <c r="N663064" s="10"/>
    </row>
    <row r="663065" spans="14:14">
      <c r="N663065" s="10"/>
    </row>
    <row r="663066" spans="14:14">
      <c r="N663066" s="10"/>
    </row>
    <row r="663067" spans="14:14">
      <c r="N663067" s="10"/>
    </row>
    <row r="663068" spans="14:14">
      <c r="N663068" s="10"/>
    </row>
    <row r="663069" spans="14:14">
      <c r="N663069" s="10"/>
    </row>
    <row r="663070" spans="14:14">
      <c r="N663070" s="10"/>
    </row>
    <row r="663071" spans="14:14">
      <c r="N663071" s="10"/>
    </row>
    <row r="663072" spans="14:14">
      <c r="N663072" s="10"/>
    </row>
    <row r="663073" spans="14:14">
      <c r="N663073" s="10"/>
    </row>
    <row r="663074" spans="14:14">
      <c r="N663074" s="10"/>
    </row>
    <row r="663075" spans="14:14">
      <c r="N663075" s="10"/>
    </row>
    <row r="663076" spans="14:14">
      <c r="N663076" s="10"/>
    </row>
    <row r="663077" spans="14:14">
      <c r="N663077" s="10"/>
    </row>
    <row r="663078" spans="14:14">
      <c r="N663078" s="10"/>
    </row>
    <row r="663079" spans="14:14">
      <c r="N663079" s="10"/>
    </row>
    <row r="663080" spans="14:14">
      <c r="N663080" s="10"/>
    </row>
    <row r="663081" spans="14:14">
      <c r="N663081" s="10"/>
    </row>
    <row r="663082" spans="14:14">
      <c r="N663082" s="10"/>
    </row>
    <row r="663083" spans="14:14">
      <c r="N663083" s="10"/>
    </row>
    <row r="663084" spans="14:14">
      <c r="N663084" s="10"/>
    </row>
    <row r="663085" spans="14:14">
      <c r="N663085" s="10"/>
    </row>
    <row r="663086" spans="14:14">
      <c r="N663086" s="10"/>
    </row>
    <row r="663087" spans="14:14">
      <c r="N663087" s="10"/>
    </row>
    <row r="663088" spans="14:14">
      <c r="N663088" s="10"/>
    </row>
    <row r="663089" spans="14:14">
      <c r="N663089" s="10"/>
    </row>
    <row r="663090" spans="14:14">
      <c r="N663090" s="10"/>
    </row>
    <row r="663091" spans="14:14">
      <c r="N663091" s="10"/>
    </row>
    <row r="663092" spans="14:14">
      <c r="N663092" s="10"/>
    </row>
    <row r="663093" spans="14:14">
      <c r="N663093" s="10"/>
    </row>
    <row r="663094" spans="14:14">
      <c r="N663094" s="10"/>
    </row>
    <row r="663095" spans="14:14">
      <c r="N663095" s="10"/>
    </row>
    <row r="663096" spans="14:14">
      <c r="N663096" s="10"/>
    </row>
    <row r="663097" spans="14:14">
      <c r="N663097" s="10"/>
    </row>
    <row r="663098" spans="14:14">
      <c r="N663098" s="10"/>
    </row>
    <row r="663099" spans="14:14">
      <c r="N663099" s="10"/>
    </row>
    <row r="663100" spans="14:14">
      <c r="N663100" s="10"/>
    </row>
    <row r="663101" spans="14:14">
      <c r="N663101" s="10"/>
    </row>
    <row r="663102" spans="14:14">
      <c r="N663102" s="10"/>
    </row>
    <row r="663103" spans="14:14">
      <c r="N663103" s="10"/>
    </row>
    <row r="663104" spans="14:14">
      <c r="N663104" s="10"/>
    </row>
    <row r="663105" spans="14:14">
      <c r="N663105" s="10"/>
    </row>
    <row r="663106" spans="14:14">
      <c r="N663106" s="10"/>
    </row>
    <row r="663107" spans="14:14">
      <c r="N663107" s="10"/>
    </row>
    <row r="663108" spans="14:14">
      <c r="N663108" s="10"/>
    </row>
    <row r="663109" spans="14:14">
      <c r="N663109" s="10"/>
    </row>
    <row r="663110" spans="14:14">
      <c r="N663110" s="10"/>
    </row>
    <row r="663111" spans="14:14">
      <c r="N663111" s="10"/>
    </row>
    <row r="663112" spans="14:14">
      <c r="N663112" s="10"/>
    </row>
    <row r="663113" spans="14:14">
      <c r="N663113" s="10"/>
    </row>
    <row r="663114" spans="14:14">
      <c r="N663114" s="10"/>
    </row>
    <row r="663115" spans="14:14">
      <c r="N663115" s="10"/>
    </row>
    <row r="663116" spans="14:14">
      <c r="N663116" s="10"/>
    </row>
    <row r="663117" spans="14:14">
      <c r="N663117" s="10"/>
    </row>
    <row r="663118" spans="14:14">
      <c r="N663118" s="10"/>
    </row>
    <row r="663119" spans="14:14">
      <c r="N663119" s="10"/>
    </row>
    <row r="663120" spans="14:14">
      <c r="N663120" s="10"/>
    </row>
    <row r="663121" spans="14:14">
      <c r="N663121" s="10"/>
    </row>
    <row r="663122" spans="14:14">
      <c r="N663122" s="10"/>
    </row>
    <row r="663123" spans="14:14">
      <c r="N663123" s="10"/>
    </row>
    <row r="663124" spans="14:14">
      <c r="N663124" s="10"/>
    </row>
    <row r="663125" spans="14:14">
      <c r="N663125" s="10"/>
    </row>
    <row r="663126" spans="14:14">
      <c r="N663126" s="10"/>
    </row>
    <row r="663127" spans="14:14">
      <c r="N663127" s="10"/>
    </row>
    <row r="663128" spans="14:14">
      <c r="N663128" s="10"/>
    </row>
    <row r="663129" spans="14:14">
      <c r="N663129" s="10"/>
    </row>
    <row r="663130" spans="14:14">
      <c r="N663130" s="10"/>
    </row>
    <row r="663131" spans="14:14">
      <c r="N663131" s="10"/>
    </row>
    <row r="663132" spans="14:14">
      <c r="N663132" s="10"/>
    </row>
    <row r="663133" spans="14:14">
      <c r="N663133" s="10"/>
    </row>
    <row r="663134" spans="14:14">
      <c r="N663134" s="10"/>
    </row>
    <row r="663135" spans="14:14">
      <c r="N663135" s="10"/>
    </row>
    <row r="663136" spans="14:14">
      <c r="N663136" s="10"/>
    </row>
    <row r="663137" spans="14:14">
      <c r="N663137" s="10"/>
    </row>
    <row r="663138" spans="14:14">
      <c r="N663138" s="10"/>
    </row>
    <row r="663139" spans="14:14">
      <c r="N663139" s="10"/>
    </row>
    <row r="663140" spans="14:14">
      <c r="N663140" s="10"/>
    </row>
    <row r="663141" spans="14:14">
      <c r="N663141" s="10"/>
    </row>
    <row r="663142" spans="14:14">
      <c r="N663142" s="10"/>
    </row>
    <row r="663143" spans="14:14">
      <c r="N663143" s="10"/>
    </row>
    <row r="663144" spans="14:14">
      <c r="N663144" s="10"/>
    </row>
    <row r="663145" spans="14:14">
      <c r="N663145" s="10"/>
    </row>
    <row r="663146" spans="14:14">
      <c r="N663146" s="10"/>
    </row>
    <row r="663147" spans="14:14">
      <c r="N663147" s="10"/>
    </row>
    <row r="663148" spans="14:14">
      <c r="N663148" s="10"/>
    </row>
    <row r="663149" spans="14:14">
      <c r="N663149" s="10"/>
    </row>
    <row r="663150" spans="14:14">
      <c r="N663150" s="10"/>
    </row>
    <row r="663151" spans="14:14">
      <c r="N663151" s="10"/>
    </row>
    <row r="663152" spans="14:14">
      <c r="N663152" s="10"/>
    </row>
    <row r="663153" spans="14:14">
      <c r="N663153" s="10"/>
    </row>
    <row r="663154" spans="14:14">
      <c r="N663154" s="10"/>
    </row>
    <row r="663155" spans="14:14">
      <c r="N663155" s="10"/>
    </row>
    <row r="663156" spans="14:14">
      <c r="N663156" s="10"/>
    </row>
    <row r="663157" spans="14:14">
      <c r="N663157" s="10"/>
    </row>
    <row r="663158" spans="14:14">
      <c r="N663158" s="10"/>
    </row>
    <row r="663159" spans="14:14">
      <c r="N663159" s="10"/>
    </row>
    <row r="663160" spans="14:14">
      <c r="N663160" s="10"/>
    </row>
    <row r="663161" spans="14:14">
      <c r="N663161" s="10"/>
    </row>
    <row r="663162" spans="14:14">
      <c r="N663162" s="10"/>
    </row>
    <row r="663163" spans="14:14">
      <c r="N663163" s="10"/>
    </row>
    <row r="663164" spans="14:14">
      <c r="N663164" s="10"/>
    </row>
    <row r="663165" spans="14:14">
      <c r="N663165" s="10"/>
    </row>
    <row r="663166" spans="14:14">
      <c r="N663166" s="10"/>
    </row>
    <row r="663167" spans="14:14">
      <c r="N663167" s="10"/>
    </row>
    <row r="663168" spans="14:14">
      <c r="N663168" s="10"/>
    </row>
    <row r="663169" spans="14:14">
      <c r="N663169" s="10"/>
    </row>
    <row r="663170" spans="14:14">
      <c r="N663170" s="10"/>
    </row>
    <row r="663171" spans="14:14">
      <c r="N663171" s="10"/>
    </row>
    <row r="663172" spans="14:14">
      <c r="N663172" s="10"/>
    </row>
    <row r="663173" spans="14:14">
      <c r="N663173" s="10"/>
    </row>
    <row r="663174" spans="14:14">
      <c r="N663174" s="10"/>
    </row>
    <row r="663175" spans="14:14">
      <c r="N663175" s="10"/>
    </row>
    <row r="663176" spans="14:14">
      <c r="N663176" s="10"/>
    </row>
    <row r="663177" spans="14:14">
      <c r="N663177" s="10"/>
    </row>
    <row r="663178" spans="14:14">
      <c r="N663178" s="10"/>
    </row>
    <row r="663179" spans="14:14">
      <c r="N663179" s="10"/>
    </row>
    <row r="663180" spans="14:14">
      <c r="N663180" s="10"/>
    </row>
    <row r="663181" spans="14:14">
      <c r="N663181" s="10"/>
    </row>
    <row r="663182" spans="14:14">
      <c r="N663182" s="10"/>
    </row>
    <row r="663183" spans="14:14">
      <c r="N663183" s="10"/>
    </row>
    <row r="663184" spans="14:14">
      <c r="N663184" s="10"/>
    </row>
    <row r="663185" spans="14:14">
      <c r="N663185" s="10"/>
    </row>
    <row r="663186" spans="14:14">
      <c r="N663186" s="10"/>
    </row>
    <row r="663187" spans="14:14">
      <c r="N663187" s="10"/>
    </row>
    <row r="663188" spans="14:14">
      <c r="N663188" s="10"/>
    </row>
    <row r="663189" spans="14:14">
      <c r="N663189" s="10"/>
    </row>
    <row r="663190" spans="14:14">
      <c r="N663190" s="10"/>
    </row>
    <row r="663191" spans="14:14">
      <c r="N663191" s="10"/>
    </row>
    <row r="663192" spans="14:14">
      <c r="N663192" s="10"/>
    </row>
    <row r="663193" spans="14:14">
      <c r="N663193" s="10"/>
    </row>
    <row r="663194" spans="14:14">
      <c r="N663194" s="10"/>
    </row>
    <row r="663195" spans="14:14">
      <c r="N663195" s="10"/>
    </row>
    <row r="663196" spans="14:14">
      <c r="N663196" s="10"/>
    </row>
    <row r="663197" spans="14:14">
      <c r="N663197" s="10"/>
    </row>
    <row r="663198" spans="14:14">
      <c r="N663198" s="10"/>
    </row>
    <row r="663199" spans="14:14">
      <c r="N663199" s="10"/>
    </row>
    <row r="663200" spans="14:14">
      <c r="N663200" s="10"/>
    </row>
    <row r="663201" spans="14:14">
      <c r="N663201" s="10"/>
    </row>
    <row r="663202" spans="14:14">
      <c r="N663202" s="10"/>
    </row>
    <row r="663203" spans="14:14">
      <c r="N663203" s="10"/>
    </row>
    <row r="663204" spans="14:14">
      <c r="N663204" s="10"/>
    </row>
    <row r="663205" spans="14:14">
      <c r="N663205" s="10"/>
    </row>
    <row r="663206" spans="14:14">
      <c r="N663206" s="10"/>
    </row>
    <row r="663207" spans="14:14">
      <c r="N663207" s="10"/>
    </row>
    <row r="663208" spans="14:14">
      <c r="N663208" s="10"/>
    </row>
    <row r="663209" spans="14:14">
      <c r="N663209" s="10"/>
    </row>
    <row r="663210" spans="14:14">
      <c r="N663210" s="10"/>
    </row>
    <row r="663211" spans="14:14">
      <c r="N663211" s="10"/>
    </row>
    <row r="663212" spans="14:14">
      <c r="N663212" s="10"/>
    </row>
    <row r="663213" spans="14:14">
      <c r="N663213" s="10"/>
    </row>
    <row r="663214" spans="14:14">
      <c r="N663214" s="10"/>
    </row>
    <row r="663215" spans="14:14">
      <c r="N663215" s="10"/>
    </row>
    <row r="663216" spans="14:14">
      <c r="N663216" s="10"/>
    </row>
    <row r="663217" spans="14:14">
      <c r="N663217" s="10"/>
    </row>
    <row r="663218" spans="14:14">
      <c r="N663218" s="10"/>
    </row>
    <row r="663219" spans="14:14">
      <c r="N663219" s="10"/>
    </row>
    <row r="663220" spans="14:14">
      <c r="N663220" s="10"/>
    </row>
    <row r="663221" spans="14:14">
      <c r="N663221" s="10"/>
    </row>
    <row r="663222" spans="14:14">
      <c r="N663222" s="10"/>
    </row>
    <row r="663223" spans="14:14">
      <c r="N663223" s="10"/>
    </row>
    <row r="663224" spans="14:14">
      <c r="N663224" s="10"/>
    </row>
    <row r="663225" spans="14:14">
      <c r="N663225" s="10"/>
    </row>
    <row r="663226" spans="14:14">
      <c r="N663226" s="10"/>
    </row>
    <row r="663227" spans="14:14">
      <c r="N663227" s="10"/>
    </row>
    <row r="663228" spans="14:14">
      <c r="N663228" s="10"/>
    </row>
    <row r="663229" spans="14:14">
      <c r="N663229" s="10"/>
    </row>
    <row r="663230" spans="14:14">
      <c r="N663230" s="10"/>
    </row>
    <row r="663231" spans="14:14">
      <c r="N663231" s="10"/>
    </row>
    <row r="663232" spans="14:14">
      <c r="N663232" s="10"/>
    </row>
    <row r="663233" spans="14:14">
      <c r="N663233" s="10"/>
    </row>
    <row r="663234" spans="14:14">
      <c r="N663234" s="10"/>
    </row>
    <row r="663235" spans="14:14">
      <c r="N663235" s="10"/>
    </row>
    <row r="663236" spans="14:14">
      <c r="N663236" s="10"/>
    </row>
    <row r="663237" spans="14:14">
      <c r="N663237" s="10"/>
    </row>
    <row r="663238" spans="14:14">
      <c r="N663238" s="10"/>
    </row>
    <row r="663239" spans="14:14">
      <c r="N663239" s="10"/>
    </row>
    <row r="663240" spans="14:14">
      <c r="N663240" s="10"/>
    </row>
    <row r="663241" spans="14:14">
      <c r="N663241" s="10"/>
    </row>
    <row r="663242" spans="14:14">
      <c r="N663242" s="10"/>
    </row>
    <row r="663243" spans="14:14">
      <c r="N663243" s="10"/>
    </row>
    <row r="663244" spans="14:14">
      <c r="N663244" s="10"/>
    </row>
    <row r="663245" spans="14:14">
      <c r="N663245" s="10"/>
    </row>
    <row r="663246" spans="14:14">
      <c r="N663246" s="10"/>
    </row>
    <row r="663247" spans="14:14">
      <c r="N663247" s="10"/>
    </row>
    <row r="663248" spans="14:14">
      <c r="N663248" s="10"/>
    </row>
    <row r="663249" spans="14:14">
      <c r="N663249" s="10"/>
    </row>
    <row r="663250" spans="14:14">
      <c r="N663250" s="10"/>
    </row>
    <row r="663251" spans="14:14">
      <c r="N663251" s="10"/>
    </row>
    <row r="663252" spans="14:14">
      <c r="N663252" s="10"/>
    </row>
    <row r="663253" spans="14:14">
      <c r="N663253" s="10"/>
    </row>
    <row r="663254" spans="14:14">
      <c r="N663254" s="10"/>
    </row>
    <row r="663255" spans="14:14">
      <c r="N663255" s="10"/>
    </row>
    <row r="663256" spans="14:14">
      <c r="N663256" s="10"/>
    </row>
    <row r="663257" spans="14:14">
      <c r="N663257" s="10"/>
    </row>
    <row r="663258" spans="14:14">
      <c r="N663258" s="10"/>
    </row>
    <row r="663259" spans="14:14">
      <c r="N663259" s="10"/>
    </row>
    <row r="663260" spans="14:14">
      <c r="N663260" s="10"/>
    </row>
    <row r="663261" spans="14:14">
      <c r="N663261" s="10"/>
    </row>
    <row r="663262" spans="14:14">
      <c r="N663262" s="10"/>
    </row>
    <row r="663263" spans="14:14">
      <c r="N663263" s="10"/>
    </row>
    <row r="663264" spans="14:14">
      <c r="N663264" s="10"/>
    </row>
    <row r="663265" spans="14:14">
      <c r="N663265" s="10"/>
    </row>
    <row r="663266" spans="14:14">
      <c r="N663266" s="10"/>
    </row>
    <row r="663267" spans="14:14">
      <c r="N663267" s="10"/>
    </row>
    <row r="663268" spans="14:14">
      <c r="N663268" s="10"/>
    </row>
    <row r="663269" spans="14:14">
      <c r="N663269" s="10"/>
    </row>
    <row r="663270" spans="14:14">
      <c r="N663270" s="10"/>
    </row>
    <row r="663271" spans="14:14">
      <c r="N663271" s="10"/>
    </row>
    <row r="663272" spans="14:14">
      <c r="N663272" s="10"/>
    </row>
    <row r="663273" spans="14:14">
      <c r="N663273" s="10"/>
    </row>
    <row r="663274" spans="14:14">
      <c r="N663274" s="10"/>
    </row>
    <row r="663275" spans="14:14">
      <c r="N663275" s="10"/>
    </row>
    <row r="663276" spans="14:14">
      <c r="N663276" s="10"/>
    </row>
    <row r="663277" spans="14:14">
      <c r="N663277" s="10"/>
    </row>
    <row r="663278" spans="14:14">
      <c r="N663278" s="10"/>
    </row>
    <row r="663279" spans="14:14">
      <c r="N663279" s="10"/>
    </row>
    <row r="663280" spans="14:14">
      <c r="N663280" s="10"/>
    </row>
    <row r="663281" spans="14:14">
      <c r="N663281" s="10"/>
    </row>
    <row r="663282" spans="14:14">
      <c r="N663282" s="10"/>
    </row>
    <row r="663283" spans="14:14">
      <c r="N663283" s="10"/>
    </row>
    <row r="663284" spans="14:14">
      <c r="N663284" s="10"/>
    </row>
    <row r="663285" spans="14:14">
      <c r="N663285" s="10"/>
    </row>
    <row r="663286" spans="14:14">
      <c r="N663286" s="10"/>
    </row>
    <row r="663287" spans="14:14">
      <c r="N663287" s="10"/>
    </row>
    <row r="663288" spans="14:14">
      <c r="N663288" s="10"/>
    </row>
    <row r="663289" spans="14:14">
      <c r="N663289" s="10"/>
    </row>
    <row r="663290" spans="14:14">
      <c r="N663290" s="10"/>
    </row>
    <row r="663291" spans="14:14">
      <c r="N663291" s="10"/>
    </row>
    <row r="663292" spans="14:14">
      <c r="N663292" s="10"/>
    </row>
    <row r="663293" spans="14:14">
      <c r="N663293" s="10"/>
    </row>
    <row r="663294" spans="14:14">
      <c r="N663294" s="10"/>
    </row>
    <row r="663295" spans="14:14">
      <c r="N663295" s="10"/>
    </row>
    <row r="663296" spans="14:14">
      <c r="N663296" s="10"/>
    </row>
    <row r="663297" spans="14:14">
      <c r="N663297" s="10"/>
    </row>
    <row r="663298" spans="14:14">
      <c r="N663298" s="10"/>
    </row>
    <row r="663299" spans="14:14">
      <c r="N663299" s="10"/>
    </row>
    <row r="663300" spans="14:14">
      <c r="N663300" s="10"/>
    </row>
    <row r="663301" spans="14:14">
      <c r="N663301" s="10"/>
    </row>
    <row r="663302" spans="14:14">
      <c r="N663302" s="10"/>
    </row>
    <row r="663303" spans="14:14">
      <c r="N663303" s="10"/>
    </row>
    <row r="663304" spans="14:14">
      <c r="N663304" s="10"/>
    </row>
    <row r="663305" spans="14:14">
      <c r="N663305" s="10"/>
    </row>
    <row r="663306" spans="14:14">
      <c r="N663306" s="10"/>
    </row>
    <row r="663307" spans="14:14">
      <c r="N663307" s="10"/>
    </row>
    <row r="663308" spans="14:14">
      <c r="N663308" s="10"/>
    </row>
    <row r="663309" spans="14:14">
      <c r="N663309" s="10"/>
    </row>
    <row r="663310" spans="14:14">
      <c r="N663310" s="10"/>
    </row>
    <row r="663311" spans="14:14">
      <c r="N663311" s="10"/>
    </row>
    <row r="663312" spans="14:14">
      <c r="N663312" s="10"/>
    </row>
    <row r="663313" spans="14:14">
      <c r="N663313" s="10"/>
    </row>
    <row r="663314" spans="14:14">
      <c r="N663314" s="10"/>
    </row>
    <row r="663315" spans="14:14">
      <c r="N663315" s="10"/>
    </row>
    <row r="663316" spans="14:14">
      <c r="N663316" s="10"/>
    </row>
    <row r="663317" spans="14:14">
      <c r="N663317" s="10"/>
    </row>
    <row r="663318" spans="14:14">
      <c r="N663318" s="10"/>
    </row>
    <row r="663319" spans="14:14">
      <c r="N663319" s="10"/>
    </row>
    <row r="663320" spans="14:14">
      <c r="N663320" s="10"/>
    </row>
    <row r="663321" spans="14:14">
      <c r="N663321" s="10"/>
    </row>
    <row r="663322" spans="14:14">
      <c r="N663322" s="10"/>
    </row>
    <row r="663323" spans="14:14">
      <c r="N663323" s="10"/>
    </row>
    <row r="663324" spans="14:14">
      <c r="N663324" s="10"/>
    </row>
    <row r="663325" spans="14:14">
      <c r="N663325" s="10"/>
    </row>
    <row r="663326" spans="14:14">
      <c r="N663326" s="10"/>
    </row>
    <row r="663327" spans="14:14">
      <c r="N663327" s="10"/>
    </row>
    <row r="663328" spans="14:14">
      <c r="N663328" s="10"/>
    </row>
    <row r="663329" spans="14:14">
      <c r="N663329" s="10"/>
    </row>
    <row r="663330" spans="14:14">
      <c r="N663330" s="10"/>
    </row>
    <row r="663331" spans="14:14">
      <c r="N663331" s="10"/>
    </row>
    <row r="663332" spans="14:14">
      <c r="N663332" s="10"/>
    </row>
    <row r="663333" spans="14:14">
      <c r="N663333" s="10"/>
    </row>
    <row r="663334" spans="14:14">
      <c r="N663334" s="10"/>
    </row>
    <row r="663335" spans="14:14">
      <c r="N663335" s="10"/>
    </row>
    <row r="663336" spans="14:14">
      <c r="N663336" s="10"/>
    </row>
    <row r="663337" spans="14:14">
      <c r="N663337" s="10"/>
    </row>
    <row r="663338" spans="14:14">
      <c r="N663338" s="10"/>
    </row>
    <row r="663339" spans="14:14">
      <c r="N663339" s="10"/>
    </row>
    <row r="663340" spans="14:14">
      <c r="N663340" s="10"/>
    </row>
    <row r="663341" spans="14:14">
      <c r="N663341" s="10"/>
    </row>
    <row r="663342" spans="14:14">
      <c r="N663342" s="10"/>
    </row>
    <row r="663343" spans="14:14">
      <c r="N663343" s="10"/>
    </row>
    <row r="663344" spans="14:14">
      <c r="N663344" s="10"/>
    </row>
    <row r="663345" spans="14:14">
      <c r="N663345" s="10"/>
    </row>
    <row r="663346" spans="14:14">
      <c r="N663346" s="10"/>
    </row>
    <row r="663347" spans="14:14">
      <c r="N663347" s="10"/>
    </row>
    <row r="663348" spans="14:14">
      <c r="N663348" s="10"/>
    </row>
    <row r="663349" spans="14:14">
      <c r="N663349" s="10"/>
    </row>
    <row r="663350" spans="14:14">
      <c r="N663350" s="10"/>
    </row>
    <row r="663351" spans="14:14">
      <c r="N663351" s="10"/>
    </row>
    <row r="663352" spans="14:14">
      <c r="N663352" s="10"/>
    </row>
    <row r="663353" spans="14:14">
      <c r="N663353" s="10"/>
    </row>
    <row r="663354" spans="14:14">
      <c r="N663354" s="10"/>
    </row>
    <row r="663355" spans="14:14">
      <c r="N663355" s="10"/>
    </row>
    <row r="663356" spans="14:14">
      <c r="N663356" s="10"/>
    </row>
    <row r="663357" spans="14:14">
      <c r="N663357" s="10"/>
    </row>
    <row r="663358" spans="14:14">
      <c r="N663358" s="10"/>
    </row>
    <row r="663359" spans="14:14">
      <c r="N663359" s="10"/>
    </row>
    <row r="663360" spans="14:14">
      <c r="N663360" s="10"/>
    </row>
    <row r="663361" spans="14:14">
      <c r="N663361" s="10"/>
    </row>
    <row r="663362" spans="14:14">
      <c r="N663362" s="10"/>
    </row>
    <row r="663363" spans="14:14">
      <c r="N663363" s="10"/>
    </row>
    <row r="663364" spans="14:14">
      <c r="N663364" s="10"/>
    </row>
    <row r="663365" spans="14:14">
      <c r="N663365" s="10"/>
    </row>
    <row r="663366" spans="14:14">
      <c r="N663366" s="10"/>
    </row>
    <row r="663367" spans="14:14">
      <c r="N663367" s="10"/>
    </row>
    <row r="663368" spans="14:14">
      <c r="N663368" s="10"/>
    </row>
    <row r="663369" spans="14:14">
      <c r="N663369" s="10"/>
    </row>
    <row r="663370" spans="14:14">
      <c r="N663370" s="10"/>
    </row>
    <row r="663371" spans="14:14">
      <c r="N663371" s="10"/>
    </row>
    <row r="663372" spans="14:14">
      <c r="N663372" s="10"/>
    </row>
    <row r="663373" spans="14:14">
      <c r="N663373" s="10"/>
    </row>
    <row r="663374" spans="14:14">
      <c r="N663374" s="10"/>
    </row>
    <row r="663375" spans="14:14">
      <c r="N663375" s="10"/>
    </row>
    <row r="663376" spans="14:14">
      <c r="N663376" s="10"/>
    </row>
    <row r="663377" spans="14:14">
      <c r="N663377" s="10"/>
    </row>
    <row r="663378" spans="14:14">
      <c r="N663378" s="10"/>
    </row>
    <row r="663379" spans="14:14">
      <c r="N663379" s="10"/>
    </row>
    <row r="663380" spans="14:14">
      <c r="N663380" s="10"/>
    </row>
    <row r="663381" spans="14:14">
      <c r="N663381" s="10"/>
    </row>
    <row r="663382" spans="14:14">
      <c r="N663382" s="10"/>
    </row>
    <row r="663383" spans="14:14">
      <c r="N663383" s="10"/>
    </row>
    <row r="663384" spans="14:14">
      <c r="N663384" s="10"/>
    </row>
    <row r="663385" spans="14:14">
      <c r="N663385" s="10"/>
    </row>
    <row r="663386" spans="14:14">
      <c r="N663386" s="10"/>
    </row>
    <row r="663387" spans="14:14">
      <c r="N663387" s="10"/>
    </row>
    <row r="663388" spans="14:14">
      <c r="N663388" s="10"/>
    </row>
    <row r="663389" spans="14:14">
      <c r="N663389" s="10"/>
    </row>
    <row r="663390" spans="14:14">
      <c r="N663390" s="10"/>
    </row>
    <row r="663391" spans="14:14">
      <c r="N663391" s="10"/>
    </row>
    <row r="663392" spans="14:14">
      <c r="N663392" s="10"/>
    </row>
    <row r="663393" spans="14:14">
      <c r="N663393" s="10"/>
    </row>
    <row r="663394" spans="14:14">
      <c r="N663394" s="10"/>
    </row>
    <row r="663395" spans="14:14">
      <c r="N663395" s="10"/>
    </row>
    <row r="663396" spans="14:14">
      <c r="N663396" s="10"/>
    </row>
    <row r="663397" spans="14:14">
      <c r="N663397" s="10"/>
    </row>
    <row r="663398" spans="14:14">
      <c r="N663398" s="10"/>
    </row>
    <row r="663399" spans="14:14">
      <c r="N663399" s="10"/>
    </row>
    <row r="663400" spans="14:14">
      <c r="N663400" s="10"/>
    </row>
    <row r="663401" spans="14:14">
      <c r="N663401" s="10"/>
    </row>
    <row r="663402" spans="14:14">
      <c r="N663402" s="10"/>
    </row>
    <row r="663403" spans="14:14">
      <c r="N663403" s="10"/>
    </row>
    <row r="663404" spans="14:14">
      <c r="N663404" s="10"/>
    </row>
    <row r="663405" spans="14:14">
      <c r="N663405" s="10"/>
    </row>
    <row r="663406" spans="14:14">
      <c r="N663406" s="10"/>
    </row>
    <row r="663407" spans="14:14">
      <c r="N663407" s="10"/>
    </row>
    <row r="663408" spans="14:14">
      <c r="N663408" s="10"/>
    </row>
    <row r="663409" spans="14:14">
      <c r="N663409" s="10"/>
    </row>
    <row r="663410" spans="14:14">
      <c r="N663410" s="10"/>
    </row>
    <row r="663411" spans="14:14">
      <c r="N663411" s="10"/>
    </row>
    <row r="663412" spans="14:14">
      <c r="N663412" s="10"/>
    </row>
    <row r="663413" spans="14:14">
      <c r="N663413" s="10"/>
    </row>
    <row r="663414" spans="14:14">
      <c r="N663414" s="10"/>
    </row>
    <row r="663415" spans="14:14">
      <c r="N663415" s="10"/>
    </row>
    <row r="663416" spans="14:14">
      <c r="N663416" s="10"/>
    </row>
    <row r="663417" spans="14:14">
      <c r="N663417" s="10"/>
    </row>
    <row r="663418" spans="14:14">
      <c r="N663418" s="10"/>
    </row>
    <row r="663419" spans="14:14">
      <c r="N663419" s="10"/>
    </row>
    <row r="663420" spans="14:14">
      <c r="N663420" s="10"/>
    </row>
    <row r="663421" spans="14:14">
      <c r="N663421" s="10"/>
    </row>
    <row r="663422" spans="14:14">
      <c r="N663422" s="10"/>
    </row>
    <row r="663423" spans="14:14">
      <c r="N663423" s="10"/>
    </row>
    <row r="663424" spans="14:14">
      <c r="N663424" s="10"/>
    </row>
    <row r="663425" spans="14:14">
      <c r="N663425" s="10"/>
    </row>
    <row r="663426" spans="14:14">
      <c r="N663426" s="10"/>
    </row>
    <row r="663427" spans="14:14">
      <c r="N663427" s="10"/>
    </row>
    <row r="663428" spans="14:14">
      <c r="N663428" s="10"/>
    </row>
    <row r="663429" spans="14:14">
      <c r="N663429" s="10"/>
    </row>
    <row r="663430" spans="14:14">
      <c r="N663430" s="10"/>
    </row>
    <row r="663431" spans="14:14">
      <c r="N663431" s="10"/>
    </row>
    <row r="663432" spans="14:14">
      <c r="N663432" s="10"/>
    </row>
    <row r="663433" spans="14:14">
      <c r="N663433" s="10"/>
    </row>
    <row r="663434" spans="14:14">
      <c r="N663434" s="10"/>
    </row>
    <row r="663435" spans="14:14">
      <c r="N663435" s="10"/>
    </row>
    <row r="663436" spans="14:14">
      <c r="N663436" s="10"/>
    </row>
    <row r="663437" spans="14:14">
      <c r="N663437" s="10"/>
    </row>
    <row r="663438" spans="14:14">
      <c r="N663438" s="10"/>
    </row>
    <row r="663439" spans="14:14">
      <c r="N663439" s="10"/>
    </row>
    <row r="663440" spans="14:14">
      <c r="N663440" s="10"/>
    </row>
    <row r="663441" spans="14:14">
      <c r="N663441" s="10"/>
    </row>
    <row r="663442" spans="14:14">
      <c r="N663442" s="10"/>
    </row>
    <row r="663443" spans="14:14">
      <c r="N663443" s="10"/>
    </row>
    <row r="663444" spans="14:14">
      <c r="N663444" s="10"/>
    </row>
    <row r="663445" spans="14:14">
      <c r="N663445" s="10"/>
    </row>
    <row r="663446" spans="14:14">
      <c r="N663446" s="10"/>
    </row>
    <row r="663447" spans="14:14">
      <c r="N663447" s="10"/>
    </row>
    <row r="663448" spans="14:14">
      <c r="N663448" s="10"/>
    </row>
    <row r="663449" spans="14:14">
      <c r="N663449" s="10"/>
    </row>
    <row r="663450" spans="14:14">
      <c r="N663450" s="10"/>
    </row>
    <row r="663451" spans="14:14">
      <c r="N663451" s="10"/>
    </row>
    <row r="663452" spans="14:14">
      <c r="N663452" s="10"/>
    </row>
    <row r="663453" spans="14:14">
      <c r="N663453" s="10"/>
    </row>
    <row r="663454" spans="14:14">
      <c r="N663454" s="10"/>
    </row>
    <row r="663455" spans="14:14">
      <c r="N663455" s="10"/>
    </row>
    <row r="663456" spans="14:14">
      <c r="N663456" s="10"/>
    </row>
    <row r="663457" spans="14:14">
      <c r="N663457" s="10"/>
    </row>
    <row r="663458" spans="14:14">
      <c r="N663458" s="10"/>
    </row>
    <row r="663459" spans="14:14">
      <c r="N663459" s="10"/>
    </row>
    <row r="663460" spans="14:14">
      <c r="N663460" s="10"/>
    </row>
    <row r="663461" spans="14:14">
      <c r="N663461" s="10"/>
    </row>
    <row r="663462" spans="14:14">
      <c r="N663462" s="10"/>
    </row>
    <row r="663463" spans="14:14">
      <c r="N663463" s="10"/>
    </row>
    <row r="663464" spans="14:14">
      <c r="N663464" s="10"/>
    </row>
    <row r="663465" spans="14:14">
      <c r="N663465" s="10"/>
    </row>
    <row r="663466" spans="14:14">
      <c r="N663466" s="10"/>
    </row>
    <row r="663467" spans="14:14">
      <c r="N663467" s="10"/>
    </row>
    <row r="663468" spans="14:14">
      <c r="N663468" s="10"/>
    </row>
    <row r="663469" spans="14:14">
      <c r="N663469" s="10"/>
    </row>
    <row r="663470" spans="14:14">
      <c r="N663470" s="10"/>
    </row>
    <row r="663471" spans="14:14">
      <c r="N663471" s="10"/>
    </row>
    <row r="663472" spans="14:14">
      <c r="N663472" s="10"/>
    </row>
    <row r="663473" spans="14:14">
      <c r="N663473" s="10"/>
    </row>
    <row r="663474" spans="14:14">
      <c r="N663474" s="10"/>
    </row>
    <row r="663475" spans="14:14">
      <c r="N663475" s="10"/>
    </row>
    <row r="663476" spans="14:14">
      <c r="N663476" s="10"/>
    </row>
    <row r="663477" spans="14:14">
      <c r="N663477" s="10"/>
    </row>
    <row r="663478" spans="14:14">
      <c r="N663478" s="10"/>
    </row>
    <row r="663479" spans="14:14">
      <c r="N663479" s="10"/>
    </row>
    <row r="663480" spans="14:14">
      <c r="N663480" s="10"/>
    </row>
    <row r="663481" spans="14:14">
      <c r="N663481" s="10"/>
    </row>
    <row r="663482" spans="14:14">
      <c r="N663482" s="10"/>
    </row>
    <row r="663483" spans="14:14">
      <c r="N663483" s="10"/>
    </row>
    <row r="663484" spans="14:14">
      <c r="N663484" s="10"/>
    </row>
    <row r="663485" spans="14:14">
      <c r="N663485" s="10"/>
    </row>
    <row r="663486" spans="14:14">
      <c r="N663486" s="10"/>
    </row>
    <row r="663487" spans="14:14">
      <c r="N663487" s="10"/>
    </row>
    <row r="663488" spans="14:14">
      <c r="N663488" s="10"/>
    </row>
    <row r="663489" spans="14:14">
      <c r="N663489" s="10"/>
    </row>
    <row r="663490" spans="14:14">
      <c r="N663490" s="10"/>
    </row>
    <row r="663491" spans="14:14">
      <c r="N663491" s="10"/>
    </row>
    <row r="663492" spans="14:14">
      <c r="N663492" s="10"/>
    </row>
    <row r="663493" spans="14:14">
      <c r="N663493" s="10"/>
    </row>
    <row r="663494" spans="14:14">
      <c r="N663494" s="10"/>
    </row>
    <row r="663495" spans="14:14">
      <c r="N663495" s="10"/>
    </row>
    <row r="663496" spans="14:14">
      <c r="N663496" s="10"/>
    </row>
    <row r="663497" spans="14:14">
      <c r="N663497" s="10"/>
    </row>
    <row r="663498" spans="14:14">
      <c r="N663498" s="10"/>
    </row>
    <row r="663499" spans="14:14">
      <c r="N663499" s="10"/>
    </row>
    <row r="663500" spans="14:14">
      <c r="N663500" s="10"/>
    </row>
    <row r="663501" spans="14:14">
      <c r="N663501" s="10"/>
    </row>
    <row r="663502" spans="14:14">
      <c r="N663502" s="10"/>
    </row>
    <row r="663503" spans="14:14">
      <c r="N663503" s="10"/>
    </row>
    <row r="663504" spans="14:14">
      <c r="N663504" s="10"/>
    </row>
    <row r="663505" spans="14:14">
      <c r="N663505" s="10"/>
    </row>
    <row r="663506" spans="14:14">
      <c r="N663506" s="10"/>
    </row>
    <row r="663507" spans="14:14">
      <c r="N663507" s="10"/>
    </row>
    <row r="663508" spans="14:14">
      <c r="N663508" s="10"/>
    </row>
    <row r="663509" spans="14:14">
      <c r="N663509" s="10"/>
    </row>
    <row r="663510" spans="14:14">
      <c r="N663510" s="10"/>
    </row>
    <row r="663511" spans="14:14">
      <c r="N663511" s="10"/>
    </row>
    <row r="663512" spans="14:14">
      <c r="N663512" s="10"/>
    </row>
    <row r="663513" spans="14:14">
      <c r="N663513" s="10"/>
    </row>
    <row r="663514" spans="14:14">
      <c r="N663514" s="10"/>
    </row>
    <row r="663515" spans="14:14">
      <c r="N663515" s="10"/>
    </row>
    <row r="663516" spans="14:14">
      <c r="N663516" s="10"/>
    </row>
    <row r="663517" spans="14:14">
      <c r="N663517" s="10"/>
    </row>
    <row r="663518" spans="14:14">
      <c r="N663518" s="10"/>
    </row>
    <row r="663519" spans="14:14">
      <c r="N663519" s="10"/>
    </row>
    <row r="663520" spans="14:14">
      <c r="N663520" s="10"/>
    </row>
    <row r="663521" spans="14:14">
      <c r="N663521" s="10"/>
    </row>
    <row r="663522" spans="14:14">
      <c r="N663522" s="10"/>
    </row>
    <row r="663523" spans="14:14">
      <c r="N663523" s="10"/>
    </row>
    <row r="663524" spans="14:14">
      <c r="N663524" s="10"/>
    </row>
    <row r="663525" spans="14:14">
      <c r="N663525" s="10"/>
    </row>
    <row r="663526" spans="14:14">
      <c r="N663526" s="10"/>
    </row>
    <row r="663527" spans="14:14">
      <c r="N663527" s="10"/>
    </row>
    <row r="663528" spans="14:14">
      <c r="N663528" s="10"/>
    </row>
    <row r="663529" spans="14:14">
      <c r="N663529" s="10"/>
    </row>
    <row r="663530" spans="14:14">
      <c r="N663530" s="10"/>
    </row>
    <row r="663531" spans="14:14">
      <c r="N663531" s="10"/>
    </row>
    <row r="663532" spans="14:14">
      <c r="N663532" s="10"/>
    </row>
    <row r="663533" spans="14:14">
      <c r="N663533" s="10"/>
    </row>
    <row r="663534" spans="14:14">
      <c r="N663534" s="10"/>
    </row>
    <row r="663535" spans="14:14">
      <c r="N663535" s="10"/>
    </row>
    <row r="663536" spans="14:14">
      <c r="N663536" s="10"/>
    </row>
    <row r="663537" spans="14:14">
      <c r="N663537" s="10"/>
    </row>
    <row r="663538" spans="14:14">
      <c r="N663538" s="10"/>
    </row>
    <row r="663539" spans="14:14">
      <c r="N663539" s="10"/>
    </row>
    <row r="663540" spans="14:14">
      <c r="N663540" s="10"/>
    </row>
    <row r="663541" spans="14:14">
      <c r="N663541" s="10"/>
    </row>
    <row r="663542" spans="14:14">
      <c r="N663542" s="10"/>
    </row>
    <row r="663543" spans="14:14">
      <c r="N663543" s="10"/>
    </row>
    <row r="663544" spans="14:14">
      <c r="N663544" s="10"/>
    </row>
    <row r="663545" spans="14:14">
      <c r="N663545" s="10"/>
    </row>
    <row r="663546" spans="14:14">
      <c r="N663546" s="10"/>
    </row>
    <row r="663547" spans="14:14">
      <c r="N663547" s="10"/>
    </row>
    <row r="663548" spans="14:14">
      <c r="N663548" s="10"/>
    </row>
    <row r="663549" spans="14:14">
      <c r="N663549" s="10"/>
    </row>
    <row r="663550" spans="14:14">
      <c r="N663550" s="10"/>
    </row>
    <row r="663551" spans="14:14">
      <c r="N663551" s="10"/>
    </row>
    <row r="663552" spans="14:14">
      <c r="N663552" s="10"/>
    </row>
    <row r="663553" spans="14:14">
      <c r="N663553" s="10"/>
    </row>
    <row r="663554" spans="14:14">
      <c r="N663554" s="10"/>
    </row>
    <row r="663555" spans="14:14">
      <c r="N663555" s="10"/>
    </row>
    <row r="663556" spans="14:14">
      <c r="N663556" s="10"/>
    </row>
    <row r="663557" spans="14:14">
      <c r="N663557" s="10"/>
    </row>
    <row r="663558" spans="14:14">
      <c r="N663558" s="10"/>
    </row>
    <row r="663559" spans="14:14">
      <c r="N663559" s="10"/>
    </row>
    <row r="663560" spans="14:14">
      <c r="N663560" s="10"/>
    </row>
    <row r="663561" spans="14:14">
      <c r="N663561" s="10"/>
    </row>
    <row r="663562" spans="14:14">
      <c r="N663562" s="10"/>
    </row>
    <row r="663563" spans="14:14">
      <c r="N663563" s="10"/>
    </row>
    <row r="663564" spans="14:14">
      <c r="N663564" s="10"/>
    </row>
    <row r="663565" spans="14:14">
      <c r="N663565" s="10"/>
    </row>
    <row r="663566" spans="14:14">
      <c r="N663566" s="10"/>
    </row>
    <row r="663567" spans="14:14">
      <c r="N663567" s="10"/>
    </row>
    <row r="663568" spans="14:14">
      <c r="N663568" s="10"/>
    </row>
    <row r="663569" spans="14:14">
      <c r="N663569" s="10"/>
    </row>
    <row r="663570" spans="14:14">
      <c r="N663570" s="10"/>
    </row>
    <row r="663571" spans="14:14">
      <c r="N663571" s="10"/>
    </row>
    <row r="663572" spans="14:14">
      <c r="N663572" s="10"/>
    </row>
    <row r="663573" spans="14:14">
      <c r="N663573" s="10"/>
    </row>
    <row r="663574" spans="14:14">
      <c r="N663574" s="10"/>
    </row>
    <row r="663575" spans="14:14">
      <c r="N663575" s="10"/>
    </row>
    <row r="663576" spans="14:14">
      <c r="N663576" s="10"/>
    </row>
    <row r="663577" spans="14:14">
      <c r="N663577" s="10"/>
    </row>
    <row r="663578" spans="14:14">
      <c r="N663578" s="10"/>
    </row>
    <row r="663579" spans="14:14">
      <c r="N663579" s="10"/>
    </row>
    <row r="663580" spans="14:14">
      <c r="N663580" s="10"/>
    </row>
    <row r="663581" spans="14:14">
      <c r="N663581" s="10"/>
    </row>
    <row r="663582" spans="14:14">
      <c r="N663582" s="10"/>
    </row>
    <row r="663583" spans="14:14">
      <c r="N663583" s="10"/>
    </row>
    <row r="663584" spans="14:14">
      <c r="N663584" s="10"/>
    </row>
    <row r="663585" spans="14:14">
      <c r="N663585" s="10"/>
    </row>
    <row r="663586" spans="14:14">
      <c r="N663586" s="10"/>
    </row>
    <row r="663587" spans="14:14">
      <c r="N663587" s="10"/>
    </row>
    <row r="663588" spans="14:14">
      <c r="N663588" s="10"/>
    </row>
    <row r="663589" spans="14:14">
      <c r="N663589" s="10"/>
    </row>
    <row r="663590" spans="14:14">
      <c r="N663590" s="10"/>
    </row>
    <row r="663591" spans="14:14">
      <c r="N663591" s="10"/>
    </row>
    <row r="663592" spans="14:14">
      <c r="N663592" s="10"/>
    </row>
    <row r="663593" spans="14:14">
      <c r="N663593" s="10"/>
    </row>
    <row r="663594" spans="14:14">
      <c r="N663594" s="10"/>
    </row>
    <row r="663595" spans="14:14">
      <c r="N663595" s="10"/>
    </row>
    <row r="663596" spans="14:14">
      <c r="N663596" s="10"/>
    </row>
    <row r="663597" spans="14:14">
      <c r="N663597" s="10"/>
    </row>
    <row r="663598" spans="14:14">
      <c r="N663598" s="10"/>
    </row>
    <row r="663599" spans="14:14">
      <c r="N663599" s="10"/>
    </row>
    <row r="663600" spans="14:14">
      <c r="N663600" s="10"/>
    </row>
    <row r="663601" spans="14:14">
      <c r="N663601" s="10"/>
    </row>
    <row r="663602" spans="14:14">
      <c r="N663602" s="10"/>
    </row>
    <row r="663603" spans="14:14">
      <c r="N663603" s="10"/>
    </row>
    <row r="663604" spans="14:14">
      <c r="N663604" s="10"/>
    </row>
    <row r="663605" spans="14:14">
      <c r="N663605" s="10"/>
    </row>
    <row r="663606" spans="14:14">
      <c r="N663606" s="10"/>
    </row>
    <row r="663607" spans="14:14">
      <c r="N663607" s="10"/>
    </row>
    <row r="663608" spans="14:14">
      <c r="N663608" s="10"/>
    </row>
    <row r="663609" spans="14:14">
      <c r="N663609" s="10"/>
    </row>
    <row r="663610" spans="14:14">
      <c r="N663610" s="10"/>
    </row>
    <row r="663611" spans="14:14">
      <c r="N663611" s="10"/>
    </row>
    <row r="663612" spans="14:14">
      <c r="N663612" s="10"/>
    </row>
    <row r="663613" spans="14:14">
      <c r="N663613" s="10"/>
    </row>
    <row r="663614" spans="14:14">
      <c r="N663614" s="10"/>
    </row>
    <row r="663615" spans="14:14">
      <c r="N663615" s="10"/>
    </row>
    <row r="663616" spans="14:14">
      <c r="N663616" s="10"/>
    </row>
    <row r="663617" spans="14:14">
      <c r="N663617" s="10"/>
    </row>
    <row r="663618" spans="14:14">
      <c r="N663618" s="10"/>
    </row>
    <row r="663619" spans="14:14">
      <c r="N663619" s="10"/>
    </row>
    <row r="663620" spans="14:14">
      <c r="N663620" s="10"/>
    </row>
    <row r="663621" spans="14:14">
      <c r="N663621" s="10"/>
    </row>
    <row r="663622" spans="14:14">
      <c r="N663622" s="10"/>
    </row>
    <row r="663623" spans="14:14">
      <c r="N663623" s="10"/>
    </row>
    <row r="663624" spans="14:14">
      <c r="N663624" s="10"/>
    </row>
    <row r="663625" spans="14:14">
      <c r="N663625" s="10"/>
    </row>
    <row r="663626" spans="14:14">
      <c r="N663626" s="10"/>
    </row>
    <row r="663627" spans="14:14">
      <c r="N663627" s="10"/>
    </row>
    <row r="663628" spans="14:14">
      <c r="N663628" s="10"/>
    </row>
    <row r="663629" spans="14:14">
      <c r="N663629" s="10"/>
    </row>
    <row r="663630" spans="14:14">
      <c r="N663630" s="10"/>
    </row>
    <row r="663631" spans="14:14">
      <c r="N663631" s="10"/>
    </row>
    <row r="663632" spans="14:14">
      <c r="N663632" s="10"/>
    </row>
    <row r="663633" spans="14:14">
      <c r="N663633" s="10"/>
    </row>
    <row r="663634" spans="14:14">
      <c r="N663634" s="10"/>
    </row>
    <row r="663635" spans="14:14">
      <c r="N663635" s="10"/>
    </row>
    <row r="663636" spans="14:14">
      <c r="N663636" s="10"/>
    </row>
    <row r="663637" spans="14:14">
      <c r="N663637" s="10"/>
    </row>
    <row r="663638" spans="14:14">
      <c r="N663638" s="10"/>
    </row>
    <row r="663639" spans="14:14">
      <c r="N663639" s="10"/>
    </row>
    <row r="663640" spans="14:14">
      <c r="N663640" s="10"/>
    </row>
    <row r="663641" spans="14:14">
      <c r="N663641" s="10"/>
    </row>
    <row r="663642" spans="14:14">
      <c r="N663642" s="10"/>
    </row>
    <row r="663643" spans="14:14">
      <c r="N663643" s="10"/>
    </row>
    <row r="663644" spans="14:14">
      <c r="N663644" s="10"/>
    </row>
    <row r="663645" spans="14:14">
      <c r="N663645" s="10"/>
    </row>
    <row r="663646" spans="14:14">
      <c r="N663646" s="10"/>
    </row>
    <row r="663647" spans="14:14">
      <c r="N663647" s="10"/>
    </row>
    <row r="663648" spans="14:14">
      <c r="N663648" s="10"/>
    </row>
    <row r="663649" spans="14:14">
      <c r="N663649" s="10"/>
    </row>
    <row r="663650" spans="14:14">
      <c r="N663650" s="10"/>
    </row>
    <row r="663651" spans="14:14">
      <c r="N663651" s="10"/>
    </row>
    <row r="663652" spans="14:14">
      <c r="N663652" s="10"/>
    </row>
    <row r="663653" spans="14:14">
      <c r="N663653" s="10"/>
    </row>
    <row r="663654" spans="14:14">
      <c r="N663654" s="10"/>
    </row>
    <row r="663655" spans="14:14">
      <c r="N663655" s="10"/>
    </row>
    <row r="663656" spans="14:14">
      <c r="N663656" s="10"/>
    </row>
    <row r="663657" spans="14:14">
      <c r="N663657" s="10"/>
    </row>
    <row r="663658" spans="14:14">
      <c r="N663658" s="10"/>
    </row>
    <row r="663659" spans="14:14">
      <c r="N663659" s="10"/>
    </row>
    <row r="663660" spans="14:14">
      <c r="N663660" s="10"/>
    </row>
    <row r="663661" spans="14:14">
      <c r="N663661" s="10"/>
    </row>
    <row r="663662" spans="14:14">
      <c r="N663662" s="10"/>
    </row>
    <row r="663663" spans="14:14">
      <c r="N663663" s="10"/>
    </row>
    <row r="663664" spans="14:14">
      <c r="N663664" s="10"/>
    </row>
    <row r="663665" spans="14:14">
      <c r="N663665" s="10"/>
    </row>
    <row r="663666" spans="14:14">
      <c r="N663666" s="10"/>
    </row>
    <row r="663667" spans="14:14">
      <c r="N663667" s="10"/>
    </row>
    <row r="663668" spans="14:14">
      <c r="N663668" s="10"/>
    </row>
    <row r="663669" spans="14:14">
      <c r="N663669" s="10"/>
    </row>
    <row r="663670" spans="14:14">
      <c r="N663670" s="10"/>
    </row>
    <row r="663671" spans="14:14">
      <c r="N663671" s="10"/>
    </row>
    <row r="663672" spans="14:14">
      <c r="N663672" s="10"/>
    </row>
    <row r="663673" spans="14:14">
      <c r="N663673" s="10"/>
    </row>
    <row r="663674" spans="14:14">
      <c r="N663674" s="10"/>
    </row>
    <row r="663675" spans="14:14">
      <c r="N663675" s="10"/>
    </row>
    <row r="663676" spans="14:14">
      <c r="N663676" s="10"/>
    </row>
    <row r="663677" spans="14:14">
      <c r="N663677" s="10"/>
    </row>
    <row r="663678" spans="14:14">
      <c r="N663678" s="10"/>
    </row>
    <row r="663679" spans="14:14">
      <c r="N663679" s="10"/>
    </row>
    <row r="663680" spans="14:14">
      <c r="N663680" s="10"/>
    </row>
    <row r="663681" spans="14:14">
      <c r="N663681" s="10"/>
    </row>
    <row r="663682" spans="14:14">
      <c r="N663682" s="10"/>
    </row>
    <row r="663683" spans="14:14">
      <c r="N663683" s="10"/>
    </row>
    <row r="663684" spans="14:14">
      <c r="N663684" s="10"/>
    </row>
    <row r="663685" spans="14:14">
      <c r="N663685" s="10"/>
    </row>
    <row r="663686" spans="14:14">
      <c r="N663686" s="10"/>
    </row>
    <row r="663687" spans="14:14">
      <c r="N663687" s="10"/>
    </row>
    <row r="663688" spans="14:14">
      <c r="N663688" s="10"/>
    </row>
    <row r="663689" spans="14:14">
      <c r="N663689" s="10"/>
    </row>
    <row r="663690" spans="14:14">
      <c r="N663690" s="10"/>
    </row>
    <row r="663691" spans="14:14">
      <c r="N663691" s="10"/>
    </row>
    <row r="663692" spans="14:14">
      <c r="N663692" s="10"/>
    </row>
    <row r="663693" spans="14:14">
      <c r="N663693" s="10"/>
    </row>
    <row r="663694" spans="14:14">
      <c r="N663694" s="10"/>
    </row>
    <row r="663695" spans="14:14">
      <c r="N663695" s="10"/>
    </row>
    <row r="663696" spans="14:14">
      <c r="N663696" s="10"/>
    </row>
    <row r="663697" spans="14:14">
      <c r="N663697" s="10"/>
    </row>
    <row r="663698" spans="14:14">
      <c r="N663698" s="10"/>
    </row>
    <row r="663699" spans="14:14">
      <c r="N663699" s="10"/>
    </row>
    <row r="663700" spans="14:14">
      <c r="N663700" s="10"/>
    </row>
    <row r="663701" spans="14:14">
      <c r="N663701" s="10"/>
    </row>
    <row r="663702" spans="14:14">
      <c r="N663702" s="10"/>
    </row>
    <row r="663703" spans="14:14">
      <c r="N663703" s="10"/>
    </row>
    <row r="663704" spans="14:14">
      <c r="N663704" s="10"/>
    </row>
    <row r="663705" spans="14:14">
      <c r="N663705" s="10"/>
    </row>
    <row r="663706" spans="14:14">
      <c r="N663706" s="10"/>
    </row>
    <row r="663707" spans="14:14">
      <c r="N663707" s="10"/>
    </row>
    <row r="663708" spans="14:14">
      <c r="N663708" s="10"/>
    </row>
    <row r="663709" spans="14:14">
      <c r="N663709" s="10"/>
    </row>
    <row r="663710" spans="14:14">
      <c r="N663710" s="10"/>
    </row>
    <row r="663711" spans="14:14">
      <c r="N663711" s="10"/>
    </row>
    <row r="663712" spans="14:14">
      <c r="N663712" s="10"/>
    </row>
    <row r="663713" spans="14:14">
      <c r="N663713" s="10"/>
    </row>
    <row r="663714" spans="14:14">
      <c r="N663714" s="10"/>
    </row>
    <row r="663715" spans="14:14">
      <c r="N663715" s="10"/>
    </row>
    <row r="663716" spans="14:14">
      <c r="N663716" s="10"/>
    </row>
    <row r="663717" spans="14:14">
      <c r="N663717" s="10"/>
    </row>
    <row r="663718" spans="14:14">
      <c r="N663718" s="10"/>
    </row>
    <row r="663719" spans="14:14">
      <c r="N663719" s="10"/>
    </row>
    <row r="663720" spans="14:14">
      <c r="N663720" s="10"/>
    </row>
    <row r="663721" spans="14:14">
      <c r="N663721" s="10"/>
    </row>
    <row r="663722" spans="14:14">
      <c r="N663722" s="10"/>
    </row>
    <row r="663723" spans="14:14">
      <c r="N663723" s="10"/>
    </row>
    <row r="663724" spans="14:14">
      <c r="N663724" s="10"/>
    </row>
    <row r="663725" spans="14:14">
      <c r="N663725" s="10"/>
    </row>
    <row r="663726" spans="14:14">
      <c r="N663726" s="10"/>
    </row>
    <row r="663727" spans="14:14">
      <c r="N663727" s="10"/>
    </row>
    <row r="663728" spans="14:14">
      <c r="N663728" s="10"/>
    </row>
    <row r="663729" spans="14:14">
      <c r="N663729" s="10"/>
    </row>
    <row r="663730" spans="14:14">
      <c r="N663730" s="10"/>
    </row>
    <row r="663731" spans="14:14">
      <c r="N663731" s="10"/>
    </row>
    <row r="663732" spans="14:14">
      <c r="N663732" s="10"/>
    </row>
    <row r="663733" spans="14:14">
      <c r="N663733" s="10"/>
    </row>
    <row r="663734" spans="14:14">
      <c r="N663734" s="10"/>
    </row>
    <row r="663735" spans="14:14">
      <c r="N663735" s="10"/>
    </row>
    <row r="663736" spans="14:14">
      <c r="N663736" s="10"/>
    </row>
    <row r="663737" spans="14:14">
      <c r="N663737" s="10"/>
    </row>
    <row r="663738" spans="14:14">
      <c r="N663738" s="10"/>
    </row>
    <row r="663739" spans="14:14">
      <c r="N663739" s="10"/>
    </row>
    <row r="663740" spans="14:14">
      <c r="N663740" s="10"/>
    </row>
    <row r="663741" spans="14:14">
      <c r="N663741" s="10"/>
    </row>
    <row r="663742" spans="14:14">
      <c r="N663742" s="10"/>
    </row>
    <row r="663743" spans="14:14">
      <c r="N663743" s="10"/>
    </row>
    <row r="663744" spans="14:14">
      <c r="N663744" s="10"/>
    </row>
    <row r="663745" spans="14:14">
      <c r="N663745" s="10"/>
    </row>
    <row r="663746" spans="14:14">
      <c r="N663746" s="10"/>
    </row>
    <row r="663747" spans="14:14">
      <c r="N663747" s="10"/>
    </row>
    <row r="663748" spans="14:14">
      <c r="N663748" s="10"/>
    </row>
    <row r="663749" spans="14:14">
      <c r="N663749" s="10"/>
    </row>
    <row r="663750" spans="14:14">
      <c r="N663750" s="10"/>
    </row>
    <row r="663751" spans="14:14">
      <c r="N663751" s="10"/>
    </row>
    <row r="663752" spans="14:14">
      <c r="N663752" s="10"/>
    </row>
    <row r="663753" spans="14:14">
      <c r="N663753" s="10"/>
    </row>
    <row r="663754" spans="14:14">
      <c r="N663754" s="10"/>
    </row>
    <row r="663755" spans="14:14">
      <c r="N663755" s="10"/>
    </row>
    <row r="663756" spans="14:14">
      <c r="N663756" s="10"/>
    </row>
    <row r="663757" spans="14:14">
      <c r="N663757" s="10"/>
    </row>
    <row r="663758" spans="14:14">
      <c r="N663758" s="10"/>
    </row>
    <row r="663759" spans="14:14">
      <c r="N663759" s="10"/>
    </row>
    <row r="663760" spans="14:14">
      <c r="N663760" s="10"/>
    </row>
    <row r="663761" spans="14:14">
      <c r="N663761" s="10"/>
    </row>
    <row r="663762" spans="14:14">
      <c r="N663762" s="10"/>
    </row>
    <row r="663763" spans="14:14">
      <c r="N663763" s="10"/>
    </row>
    <row r="663764" spans="14:14">
      <c r="N663764" s="10"/>
    </row>
    <row r="663765" spans="14:14">
      <c r="N663765" s="10"/>
    </row>
    <row r="663766" spans="14:14">
      <c r="N663766" s="10"/>
    </row>
    <row r="663767" spans="14:14">
      <c r="N663767" s="10"/>
    </row>
    <row r="663768" spans="14:14">
      <c r="N663768" s="10"/>
    </row>
    <row r="663769" spans="14:14">
      <c r="N663769" s="10"/>
    </row>
    <row r="663770" spans="14:14">
      <c r="N663770" s="10"/>
    </row>
    <row r="663771" spans="14:14">
      <c r="N663771" s="10"/>
    </row>
    <row r="663772" spans="14:14">
      <c r="N663772" s="10"/>
    </row>
    <row r="663773" spans="14:14">
      <c r="N663773" s="10"/>
    </row>
    <row r="663774" spans="14:14">
      <c r="N663774" s="10"/>
    </row>
    <row r="663775" spans="14:14">
      <c r="N663775" s="10"/>
    </row>
    <row r="663776" spans="14:14">
      <c r="N663776" s="10"/>
    </row>
    <row r="663777" spans="14:14">
      <c r="N663777" s="10"/>
    </row>
    <row r="663778" spans="14:14">
      <c r="N663778" s="10"/>
    </row>
    <row r="663779" spans="14:14">
      <c r="N663779" s="10"/>
    </row>
    <row r="663780" spans="14:14">
      <c r="N663780" s="10"/>
    </row>
    <row r="663781" spans="14:14">
      <c r="N663781" s="10"/>
    </row>
    <row r="663782" spans="14:14">
      <c r="N663782" s="10"/>
    </row>
    <row r="663783" spans="14:14">
      <c r="N663783" s="10"/>
    </row>
    <row r="663784" spans="14:14">
      <c r="N663784" s="10"/>
    </row>
    <row r="663785" spans="14:14">
      <c r="N663785" s="10"/>
    </row>
    <row r="663786" spans="14:14">
      <c r="N663786" s="10"/>
    </row>
    <row r="663787" spans="14:14">
      <c r="N663787" s="10"/>
    </row>
    <row r="663788" spans="14:14">
      <c r="N663788" s="10"/>
    </row>
    <row r="663789" spans="14:14">
      <c r="N663789" s="10"/>
    </row>
    <row r="663790" spans="14:14">
      <c r="N663790" s="10"/>
    </row>
    <row r="663791" spans="14:14">
      <c r="N663791" s="10"/>
    </row>
    <row r="663792" spans="14:14">
      <c r="N663792" s="10"/>
    </row>
    <row r="663793" spans="14:14">
      <c r="N663793" s="10"/>
    </row>
    <row r="663794" spans="14:14">
      <c r="N663794" s="10"/>
    </row>
    <row r="663795" spans="14:14">
      <c r="N663795" s="10"/>
    </row>
    <row r="663796" spans="14:14">
      <c r="N663796" s="10"/>
    </row>
    <row r="663797" spans="14:14">
      <c r="N663797" s="10"/>
    </row>
    <row r="663798" spans="14:14">
      <c r="N663798" s="10"/>
    </row>
    <row r="663799" spans="14:14">
      <c r="N663799" s="10"/>
    </row>
    <row r="663800" spans="14:14">
      <c r="N663800" s="10"/>
    </row>
    <row r="663801" spans="14:14">
      <c r="N663801" s="10"/>
    </row>
    <row r="663802" spans="14:14">
      <c r="N663802" s="10"/>
    </row>
    <row r="663803" spans="14:14">
      <c r="N663803" s="10"/>
    </row>
    <row r="663804" spans="14:14">
      <c r="N663804" s="10"/>
    </row>
    <row r="663805" spans="14:14">
      <c r="N663805" s="10"/>
    </row>
    <row r="663806" spans="14:14">
      <c r="N663806" s="10"/>
    </row>
    <row r="663807" spans="14:14">
      <c r="N663807" s="10"/>
    </row>
    <row r="663808" spans="14:14">
      <c r="N663808" s="10"/>
    </row>
    <row r="663809" spans="14:14">
      <c r="N663809" s="10"/>
    </row>
    <row r="663810" spans="14:14">
      <c r="N663810" s="10"/>
    </row>
    <row r="663811" spans="14:14">
      <c r="N663811" s="10"/>
    </row>
    <row r="663812" spans="14:14">
      <c r="N663812" s="10"/>
    </row>
    <row r="663813" spans="14:14">
      <c r="N663813" s="10"/>
    </row>
    <row r="663814" spans="14:14">
      <c r="N663814" s="10"/>
    </row>
    <row r="663815" spans="14:14">
      <c r="N663815" s="10"/>
    </row>
    <row r="663816" spans="14:14">
      <c r="N663816" s="10"/>
    </row>
    <row r="663817" spans="14:14">
      <c r="N663817" s="10"/>
    </row>
    <row r="663818" spans="14:14">
      <c r="N663818" s="10"/>
    </row>
    <row r="663819" spans="14:14">
      <c r="N663819" s="10"/>
    </row>
    <row r="663820" spans="14:14">
      <c r="N663820" s="10"/>
    </row>
    <row r="663821" spans="14:14">
      <c r="N663821" s="10"/>
    </row>
    <row r="663822" spans="14:14">
      <c r="N663822" s="10"/>
    </row>
    <row r="663823" spans="14:14">
      <c r="N663823" s="10"/>
    </row>
    <row r="663824" spans="14:14">
      <c r="N663824" s="10"/>
    </row>
    <row r="663825" spans="14:14">
      <c r="N663825" s="10"/>
    </row>
    <row r="663826" spans="14:14">
      <c r="N663826" s="10"/>
    </row>
    <row r="663827" spans="14:14">
      <c r="N663827" s="10"/>
    </row>
    <row r="663828" spans="14:14">
      <c r="N663828" s="10"/>
    </row>
    <row r="663829" spans="14:14">
      <c r="N663829" s="10"/>
    </row>
    <row r="663830" spans="14:14">
      <c r="N663830" s="10"/>
    </row>
    <row r="663831" spans="14:14">
      <c r="N663831" s="10"/>
    </row>
    <row r="663832" spans="14:14">
      <c r="N663832" s="10"/>
    </row>
    <row r="663833" spans="14:14">
      <c r="N663833" s="10"/>
    </row>
    <row r="663834" spans="14:14">
      <c r="N663834" s="10"/>
    </row>
    <row r="663835" spans="14:14">
      <c r="N663835" s="10"/>
    </row>
    <row r="663836" spans="14:14">
      <c r="N663836" s="10"/>
    </row>
    <row r="663837" spans="14:14">
      <c r="N663837" s="10"/>
    </row>
    <row r="663838" spans="14:14">
      <c r="N663838" s="10"/>
    </row>
    <row r="663839" spans="14:14">
      <c r="N663839" s="10"/>
    </row>
    <row r="663840" spans="14:14">
      <c r="N663840" s="10"/>
    </row>
    <row r="663841" spans="14:14">
      <c r="N663841" s="10"/>
    </row>
    <row r="663842" spans="14:14">
      <c r="N663842" s="10"/>
    </row>
    <row r="663843" spans="14:14">
      <c r="N663843" s="10"/>
    </row>
    <row r="663844" spans="14:14">
      <c r="N663844" s="10"/>
    </row>
    <row r="663845" spans="14:14">
      <c r="N663845" s="10"/>
    </row>
    <row r="663846" spans="14:14">
      <c r="N663846" s="10"/>
    </row>
    <row r="663847" spans="14:14">
      <c r="N663847" s="10"/>
    </row>
    <row r="663848" spans="14:14">
      <c r="N663848" s="10"/>
    </row>
    <row r="663849" spans="14:14">
      <c r="N663849" s="10"/>
    </row>
    <row r="663850" spans="14:14">
      <c r="N663850" s="10"/>
    </row>
    <row r="663851" spans="14:14">
      <c r="N663851" s="10"/>
    </row>
    <row r="663852" spans="14:14">
      <c r="N663852" s="10"/>
    </row>
    <row r="663853" spans="14:14">
      <c r="N663853" s="10"/>
    </row>
    <row r="663854" spans="14:14">
      <c r="N663854" s="10"/>
    </row>
    <row r="663855" spans="14:14">
      <c r="N663855" s="10"/>
    </row>
    <row r="663856" spans="14:14">
      <c r="N663856" s="10"/>
    </row>
    <row r="663857" spans="14:14">
      <c r="N663857" s="10"/>
    </row>
    <row r="663858" spans="14:14">
      <c r="N663858" s="10"/>
    </row>
    <row r="663859" spans="14:14">
      <c r="N663859" s="10"/>
    </row>
    <row r="663860" spans="14:14">
      <c r="N663860" s="10"/>
    </row>
    <row r="663861" spans="14:14">
      <c r="N663861" s="10"/>
    </row>
    <row r="663862" spans="14:14">
      <c r="N663862" s="10"/>
    </row>
    <row r="663863" spans="14:14">
      <c r="N663863" s="10"/>
    </row>
    <row r="663864" spans="14:14">
      <c r="N663864" s="10"/>
    </row>
    <row r="663865" spans="14:14">
      <c r="N663865" s="10"/>
    </row>
    <row r="663866" spans="14:14">
      <c r="N663866" s="10"/>
    </row>
    <row r="663867" spans="14:14">
      <c r="N663867" s="10"/>
    </row>
    <row r="663868" spans="14:14">
      <c r="N663868" s="10"/>
    </row>
    <row r="663869" spans="14:14">
      <c r="N663869" s="10"/>
    </row>
    <row r="663870" spans="14:14">
      <c r="N663870" s="10"/>
    </row>
    <row r="663871" spans="14:14">
      <c r="N663871" s="10"/>
    </row>
    <row r="663872" spans="14:14">
      <c r="N663872" s="10"/>
    </row>
    <row r="663873" spans="14:14">
      <c r="N663873" s="10"/>
    </row>
    <row r="663874" spans="14:14">
      <c r="N663874" s="10"/>
    </row>
    <row r="663875" spans="14:14">
      <c r="N663875" s="10"/>
    </row>
    <row r="663876" spans="14:14">
      <c r="N663876" s="10"/>
    </row>
    <row r="663877" spans="14:14">
      <c r="N663877" s="10"/>
    </row>
    <row r="663878" spans="14:14">
      <c r="N663878" s="10"/>
    </row>
    <row r="663879" spans="14:14">
      <c r="N663879" s="10"/>
    </row>
    <row r="663880" spans="14:14">
      <c r="N663880" s="10"/>
    </row>
    <row r="663881" spans="14:14">
      <c r="N663881" s="10"/>
    </row>
    <row r="663882" spans="14:14">
      <c r="N663882" s="10"/>
    </row>
    <row r="663883" spans="14:14">
      <c r="N663883" s="10"/>
    </row>
    <row r="663884" spans="14:14">
      <c r="N663884" s="10"/>
    </row>
    <row r="663885" spans="14:14">
      <c r="N663885" s="10"/>
    </row>
    <row r="663886" spans="14:14">
      <c r="N663886" s="10"/>
    </row>
    <row r="663887" spans="14:14">
      <c r="N663887" s="10"/>
    </row>
    <row r="663888" spans="14:14">
      <c r="N663888" s="10"/>
    </row>
    <row r="663889" spans="14:14">
      <c r="N663889" s="10"/>
    </row>
    <row r="663890" spans="14:14">
      <c r="N663890" s="10"/>
    </row>
    <row r="663891" spans="14:14">
      <c r="N663891" s="10"/>
    </row>
    <row r="663892" spans="14:14">
      <c r="N663892" s="10"/>
    </row>
    <row r="663893" spans="14:14">
      <c r="N663893" s="10"/>
    </row>
    <row r="663894" spans="14:14">
      <c r="N663894" s="10"/>
    </row>
    <row r="663895" spans="14:14">
      <c r="N663895" s="10"/>
    </row>
    <row r="663896" spans="14:14">
      <c r="N663896" s="10"/>
    </row>
    <row r="663897" spans="14:14">
      <c r="N663897" s="10"/>
    </row>
    <row r="663898" spans="14:14">
      <c r="N663898" s="10"/>
    </row>
    <row r="663899" spans="14:14">
      <c r="N663899" s="10"/>
    </row>
    <row r="663900" spans="14:14">
      <c r="N663900" s="10"/>
    </row>
    <row r="663901" spans="14:14">
      <c r="N663901" s="10"/>
    </row>
    <row r="663902" spans="14:14">
      <c r="N663902" s="10"/>
    </row>
    <row r="663903" spans="14:14">
      <c r="N663903" s="10"/>
    </row>
    <row r="663904" spans="14:14">
      <c r="N663904" s="10"/>
    </row>
    <row r="663905" spans="14:14">
      <c r="N663905" s="10"/>
    </row>
    <row r="663906" spans="14:14">
      <c r="N663906" s="10"/>
    </row>
    <row r="663907" spans="14:14">
      <c r="N663907" s="10"/>
    </row>
    <row r="663908" spans="14:14">
      <c r="N663908" s="10"/>
    </row>
    <row r="663909" spans="14:14">
      <c r="N663909" s="10"/>
    </row>
    <row r="663910" spans="14:14">
      <c r="N663910" s="10"/>
    </row>
    <row r="663911" spans="14:14">
      <c r="N663911" s="10"/>
    </row>
    <row r="663912" spans="14:14">
      <c r="N663912" s="10"/>
    </row>
    <row r="663913" spans="14:14">
      <c r="N663913" s="10"/>
    </row>
    <row r="663914" spans="14:14">
      <c r="N663914" s="10"/>
    </row>
    <row r="663915" spans="14:14">
      <c r="N663915" s="10"/>
    </row>
    <row r="663916" spans="14:14">
      <c r="N663916" s="10"/>
    </row>
    <row r="663917" spans="14:14">
      <c r="N663917" s="10"/>
    </row>
    <row r="663918" spans="14:14">
      <c r="N663918" s="10"/>
    </row>
    <row r="663919" spans="14:14">
      <c r="N663919" s="10"/>
    </row>
    <row r="663920" spans="14:14">
      <c r="N663920" s="10"/>
    </row>
    <row r="663921" spans="14:14">
      <c r="N663921" s="10"/>
    </row>
    <row r="663922" spans="14:14">
      <c r="N663922" s="10"/>
    </row>
    <row r="663923" spans="14:14">
      <c r="N663923" s="10"/>
    </row>
    <row r="663924" spans="14:14">
      <c r="N663924" s="10"/>
    </row>
    <row r="663925" spans="14:14">
      <c r="N663925" s="10"/>
    </row>
    <row r="663926" spans="14:14">
      <c r="N663926" s="10"/>
    </row>
    <row r="663927" spans="14:14">
      <c r="N663927" s="10"/>
    </row>
    <row r="663928" spans="14:14">
      <c r="N663928" s="10"/>
    </row>
    <row r="663929" spans="14:14">
      <c r="N663929" s="10"/>
    </row>
    <row r="663930" spans="14:14">
      <c r="N663930" s="10"/>
    </row>
    <row r="663931" spans="14:14">
      <c r="N663931" s="10"/>
    </row>
    <row r="663932" spans="14:14">
      <c r="N663932" s="10"/>
    </row>
    <row r="663933" spans="14:14">
      <c r="N663933" s="10"/>
    </row>
    <row r="663934" spans="14:14">
      <c r="N663934" s="10"/>
    </row>
    <row r="663935" spans="14:14">
      <c r="N663935" s="10"/>
    </row>
    <row r="663936" spans="14:14">
      <c r="N663936" s="10"/>
    </row>
    <row r="663937" spans="14:14">
      <c r="N663937" s="10"/>
    </row>
    <row r="663938" spans="14:14">
      <c r="N663938" s="10"/>
    </row>
    <row r="663939" spans="14:14">
      <c r="N663939" s="10"/>
    </row>
    <row r="663940" spans="14:14">
      <c r="N663940" s="10"/>
    </row>
    <row r="663941" spans="14:14">
      <c r="N663941" s="10"/>
    </row>
    <row r="663942" spans="14:14">
      <c r="N663942" s="10"/>
    </row>
    <row r="663943" spans="14:14">
      <c r="N663943" s="10"/>
    </row>
    <row r="663944" spans="14:14">
      <c r="N663944" s="10"/>
    </row>
    <row r="663945" spans="14:14">
      <c r="N663945" s="10"/>
    </row>
    <row r="663946" spans="14:14">
      <c r="N663946" s="10"/>
    </row>
    <row r="663947" spans="14:14">
      <c r="N663947" s="10"/>
    </row>
    <row r="663948" spans="14:14">
      <c r="N663948" s="10"/>
    </row>
    <row r="663949" spans="14:14">
      <c r="N663949" s="10"/>
    </row>
    <row r="663950" spans="14:14">
      <c r="N663950" s="10"/>
    </row>
    <row r="663951" spans="14:14">
      <c r="N663951" s="10"/>
    </row>
    <row r="663952" spans="14:14">
      <c r="N663952" s="10"/>
    </row>
    <row r="663953" spans="14:14">
      <c r="N663953" s="10"/>
    </row>
    <row r="663954" spans="14:14">
      <c r="N663954" s="10"/>
    </row>
    <row r="663955" spans="14:14">
      <c r="N663955" s="10"/>
    </row>
    <row r="663956" spans="14:14">
      <c r="N663956" s="10"/>
    </row>
    <row r="663957" spans="14:14">
      <c r="N663957" s="10"/>
    </row>
    <row r="663958" spans="14:14">
      <c r="N663958" s="10"/>
    </row>
    <row r="663959" spans="14:14">
      <c r="N663959" s="10"/>
    </row>
    <row r="663960" spans="14:14">
      <c r="N663960" s="10"/>
    </row>
    <row r="663961" spans="14:14">
      <c r="N663961" s="10"/>
    </row>
    <row r="663962" spans="14:14">
      <c r="N663962" s="10"/>
    </row>
    <row r="663963" spans="14:14">
      <c r="N663963" s="10"/>
    </row>
    <row r="663964" spans="14:14">
      <c r="N663964" s="10"/>
    </row>
    <row r="663965" spans="14:14">
      <c r="N663965" s="10"/>
    </row>
    <row r="663966" spans="14:14">
      <c r="N663966" s="10"/>
    </row>
    <row r="663967" spans="14:14">
      <c r="N663967" s="10"/>
    </row>
    <row r="663968" spans="14:14">
      <c r="N663968" s="10"/>
    </row>
    <row r="663969" spans="14:14">
      <c r="N663969" s="10"/>
    </row>
    <row r="663970" spans="14:14">
      <c r="N663970" s="10"/>
    </row>
    <row r="663971" spans="14:14">
      <c r="N663971" s="10"/>
    </row>
    <row r="663972" spans="14:14">
      <c r="N663972" s="10"/>
    </row>
    <row r="663973" spans="14:14">
      <c r="N663973" s="10"/>
    </row>
    <row r="663974" spans="14:14">
      <c r="N663974" s="10"/>
    </row>
    <row r="663975" spans="14:14">
      <c r="N663975" s="10"/>
    </row>
    <row r="663976" spans="14:14">
      <c r="N663976" s="10"/>
    </row>
    <row r="663977" spans="14:14">
      <c r="N663977" s="10"/>
    </row>
    <row r="663978" spans="14:14">
      <c r="N663978" s="10"/>
    </row>
    <row r="663979" spans="14:14">
      <c r="N663979" s="10"/>
    </row>
    <row r="663980" spans="14:14">
      <c r="N663980" s="10"/>
    </row>
    <row r="663981" spans="14:14">
      <c r="N663981" s="10"/>
    </row>
    <row r="663982" spans="14:14">
      <c r="N663982" s="10"/>
    </row>
    <row r="663983" spans="14:14">
      <c r="N663983" s="10"/>
    </row>
    <row r="663984" spans="14:14">
      <c r="N663984" s="10"/>
    </row>
    <row r="663985" spans="14:14">
      <c r="N663985" s="10"/>
    </row>
    <row r="663986" spans="14:14">
      <c r="N663986" s="10"/>
    </row>
    <row r="663987" spans="14:14">
      <c r="N663987" s="10"/>
    </row>
    <row r="663988" spans="14:14">
      <c r="N663988" s="10"/>
    </row>
    <row r="663989" spans="14:14">
      <c r="N663989" s="10"/>
    </row>
    <row r="663990" spans="14:14">
      <c r="N663990" s="10"/>
    </row>
    <row r="663991" spans="14:14">
      <c r="N663991" s="10"/>
    </row>
    <row r="663992" spans="14:14">
      <c r="N663992" s="10"/>
    </row>
    <row r="663993" spans="14:14">
      <c r="N663993" s="10"/>
    </row>
    <row r="663994" spans="14:14">
      <c r="N663994" s="10"/>
    </row>
    <row r="663995" spans="14:14">
      <c r="N663995" s="10"/>
    </row>
    <row r="663996" spans="14:14">
      <c r="N663996" s="10"/>
    </row>
    <row r="663997" spans="14:14">
      <c r="N663997" s="10"/>
    </row>
    <row r="663998" spans="14:14">
      <c r="N663998" s="10"/>
    </row>
    <row r="663999" spans="14:14">
      <c r="N663999" s="10"/>
    </row>
    <row r="664000" spans="14:14">
      <c r="N664000" s="10"/>
    </row>
    <row r="664001" spans="14:14">
      <c r="N664001" s="10"/>
    </row>
    <row r="664002" spans="14:14">
      <c r="N664002" s="10"/>
    </row>
    <row r="664003" spans="14:14">
      <c r="N664003" s="10"/>
    </row>
    <row r="664004" spans="14:14">
      <c r="N664004" s="10"/>
    </row>
    <row r="664005" spans="14:14">
      <c r="N664005" s="10"/>
    </row>
    <row r="664006" spans="14:14">
      <c r="N664006" s="10"/>
    </row>
    <row r="664007" spans="14:14">
      <c r="N664007" s="10"/>
    </row>
    <row r="664008" spans="14:14">
      <c r="N664008" s="10"/>
    </row>
    <row r="664009" spans="14:14">
      <c r="N664009" s="10"/>
    </row>
    <row r="664010" spans="14:14">
      <c r="N664010" s="10"/>
    </row>
    <row r="664011" spans="14:14">
      <c r="N664011" s="10"/>
    </row>
    <row r="664012" spans="14:14">
      <c r="N664012" s="10"/>
    </row>
    <row r="664013" spans="14:14">
      <c r="N664013" s="10"/>
    </row>
    <row r="664014" spans="14:14">
      <c r="N664014" s="10"/>
    </row>
    <row r="664015" spans="14:14">
      <c r="N664015" s="10"/>
    </row>
    <row r="664016" spans="14:14">
      <c r="N664016" s="10"/>
    </row>
    <row r="664017" spans="14:14">
      <c r="N664017" s="10"/>
    </row>
    <row r="664018" spans="14:14">
      <c r="N664018" s="10"/>
    </row>
    <row r="664019" spans="14:14">
      <c r="N664019" s="10"/>
    </row>
    <row r="664020" spans="14:14">
      <c r="N664020" s="10"/>
    </row>
    <row r="664021" spans="14:14">
      <c r="N664021" s="10"/>
    </row>
    <row r="664022" spans="14:14">
      <c r="N664022" s="10"/>
    </row>
    <row r="664023" spans="14:14">
      <c r="N664023" s="10"/>
    </row>
    <row r="664024" spans="14:14">
      <c r="N664024" s="10"/>
    </row>
    <row r="664025" spans="14:14">
      <c r="N664025" s="10"/>
    </row>
    <row r="664026" spans="14:14">
      <c r="N664026" s="10"/>
    </row>
    <row r="664027" spans="14:14">
      <c r="N664027" s="10"/>
    </row>
    <row r="664028" spans="14:14">
      <c r="N664028" s="10"/>
    </row>
    <row r="664029" spans="14:14">
      <c r="N664029" s="10"/>
    </row>
    <row r="664030" spans="14:14">
      <c r="N664030" s="10"/>
    </row>
    <row r="664031" spans="14:14">
      <c r="N664031" s="10"/>
    </row>
    <row r="664032" spans="14:14">
      <c r="N664032" s="10"/>
    </row>
    <row r="664033" spans="14:14">
      <c r="N664033" s="10"/>
    </row>
    <row r="664034" spans="14:14">
      <c r="N664034" s="10"/>
    </row>
    <row r="664035" spans="14:14">
      <c r="N664035" s="10"/>
    </row>
    <row r="664036" spans="14:14">
      <c r="N664036" s="10"/>
    </row>
    <row r="664037" spans="14:14">
      <c r="N664037" s="10"/>
    </row>
    <row r="664038" spans="14:14">
      <c r="N664038" s="10"/>
    </row>
    <row r="664039" spans="14:14">
      <c r="N664039" s="10"/>
    </row>
    <row r="664040" spans="14:14">
      <c r="N664040" s="10"/>
    </row>
    <row r="664041" spans="14:14">
      <c r="N664041" s="10"/>
    </row>
    <row r="664042" spans="14:14">
      <c r="N664042" s="10"/>
    </row>
    <row r="664043" spans="14:14">
      <c r="N664043" s="10"/>
    </row>
    <row r="664044" spans="14:14">
      <c r="N664044" s="10"/>
    </row>
    <row r="664045" spans="14:14">
      <c r="N664045" s="10"/>
    </row>
    <row r="664046" spans="14:14">
      <c r="N664046" s="10"/>
    </row>
    <row r="664047" spans="14:14">
      <c r="N664047" s="10"/>
    </row>
    <row r="664048" spans="14:14">
      <c r="N664048" s="10"/>
    </row>
    <row r="664049" spans="14:14">
      <c r="N664049" s="10"/>
    </row>
    <row r="664050" spans="14:14">
      <c r="N664050" s="10"/>
    </row>
    <row r="664051" spans="14:14">
      <c r="N664051" s="10"/>
    </row>
    <row r="664052" spans="14:14">
      <c r="N664052" s="10"/>
    </row>
    <row r="664053" spans="14:14">
      <c r="N664053" s="10"/>
    </row>
    <row r="664054" spans="14:14">
      <c r="N664054" s="10"/>
    </row>
    <row r="664055" spans="14:14">
      <c r="N664055" s="10"/>
    </row>
    <row r="664056" spans="14:14">
      <c r="N664056" s="10"/>
    </row>
    <row r="664057" spans="14:14">
      <c r="N664057" s="10"/>
    </row>
    <row r="664058" spans="14:14">
      <c r="N664058" s="10"/>
    </row>
    <row r="664059" spans="14:14">
      <c r="N664059" s="10"/>
    </row>
    <row r="664060" spans="14:14">
      <c r="N664060" s="10"/>
    </row>
    <row r="664061" spans="14:14">
      <c r="N664061" s="10"/>
    </row>
    <row r="664062" spans="14:14">
      <c r="N664062" s="10"/>
    </row>
    <row r="664063" spans="14:14">
      <c r="N664063" s="10"/>
    </row>
    <row r="664064" spans="14:14">
      <c r="N664064" s="10"/>
    </row>
    <row r="664065" spans="14:14">
      <c r="N664065" s="10"/>
    </row>
    <row r="664066" spans="14:14">
      <c r="N664066" s="10"/>
    </row>
    <row r="664067" spans="14:14">
      <c r="N664067" s="10"/>
    </row>
    <row r="664068" spans="14:14">
      <c r="N664068" s="10"/>
    </row>
    <row r="664069" spans="14:14">
      <c r="N664069" s="10"/>
    </row>
    <row r="664070" spans="14:14">
      <c r="N664070" s="10"/>
    </row>
    <row r="664071" spans="14:14">
      <c r="N664071" s="10"/>
    </row>
    <row r="664072" spans="14:14">
      <c r="N664072" s="10"/>
    </row>
    <row r="664073" spans="14:14">
      <c r="N664073" s="10"/>
    </row>
    <row r="664074" spans="14:14">
      <c r="N664074" s="10"/>
    </row>
    <row r="664075" spans="14:14">
      <c r="N664075" s="10"/>
    </row>
    <row r="664076" spans="14:14">
      <c r="N664076" s="10"/>
    </row>
    <row r="664077" spans="14:14">
      <c r="N664077" s="10"/>
    </row>
    <row r="664078" spans="14:14">
      <c r="N664078" s="10"/>
    </row>
    <row r="664079" spans="14:14">
      <c r="N664079" s="10"/>
    </row>
    <row r="664080" spans="14:14">
      <c r="N664080" s="10"/>
    </row>
    <row r="664081" spans="14:14">
      <c r="N664081" s="10"/>
    </row>
    <row r="664082" spans="14:14">
      <c r="N664082" s="10"/>
    </row>
    <row r="664083" spans="14:14">
      <c r="N664083" s="10"/>
    </row>
    <row r="664084" spans="14:14">
      <c r="N664084" s="10"/>
    </row>
    <row r="664085" spans="14:14">
      <c r="N664085" s="10"/>
    </row>
    <row r="664086" spans="14:14">
      <c r="N664086" s="10"/>
    </row>
    <row r="664087" spans="14:14">
      <c r="N664087" s="10"/>
    </row>
    <row r="664088" spans="14:14">
      <c r="N664088" s="10"/>
    </row>
    <row r="664089" spans="14:14">
      <c r="N664089" s="10"/>
    </row>
    <row r="664090" spans="14:14">
      <c r="N664090" s="10"/>
    </row>
    <row r="664091" spans="14:14">
      <c r="N664091" s="10"/>
    </row>
    <row r="664092" spans="14:14">
      <c r="N664092" s="10"/>
    </row>
    <row r="664093" spans="14:14">
      <c r="N664093" s="10"/>
    </row>
    <row r="664094" spans="14:14">
      <c r="N664094" s="10"/>
    </row>
    <row r="664095" spans="14:14">
      <c r="N664095" s="10"/>
    </row>
    <row r="664096" spans="14:14">
      <c r="N664096" s="10"/>
    </row>
    <row r="664097" spans="14:14">
      <c r="N664097" s="10"/>
    </row>
    <row r="664098" spans="14:14">
      <c r="N664098" s="10"/>
    </row>
    <row r="664099" spans="14:14">
      <c r="N664099" s="10"/>
    </row>
    <row r="664100" spans="14:14">
      <c r="N664100" s="10"/>
    </row>
    <row r="664101" spans="14:14">
      <c r="N664101" s="10"/>
    </row>
    <row r="664102" spans="14:14">
      <c r="N664102" s="10"/>
    </row>
    <row r="664103" spans="14:14">
      <c r="N664103" s="10"/>
    </row>
    <row r="664104" spans="14:14">
      <c r="N664104" s="10"/>
    </row>
    <row r="664105" spans="14:14">
      <c r="N664105" s="10"/>
    </row>
    <row r="664106" spans="14:14">
      <c r="N664106" s="10"/>
    </row>
    <row r="664107" spans="14:14">
      <c r="N664107" s="10"/>
    </row>
    <row r="664108" spans="14:14">
      <c r="N664108" s="10"/>
    </row>
    <row r="664109" spans="14:14">
      <c r="N664109" s="10"/>
    </row>
    <row r="664110" spans="14:14">
      <c r="N664110" s="10"/>
    </row>
    <row r="664111" spans="14:14">
      <c r="N664111" s="10"/>
    </row>
    <row r="664112" spans="14:14">
      <c r="N664112" s="10"/>
    </row>
    <row r="664113" spans="14:14">
      <c r="N664113" s="10"/>
    </row>
    <row r="664114" spans="14:14">
      <c r="N664114" s="10"/>
    </row>
    <row r="664115" spans="14:14">
      <c r="N664115" s="10"/>
    </row>
    <row r="664116" spans="14:14">
      <c r="N664116" s="10"/>
    </row>
    <row r="664117" spans="14:14">
      <c r="N664117" s="10"/>
    </row>
    <row r="664118" spans="14:14">
      <c r="N664118" s="10"/>
    </row>
    <row r="664119" spans="14:14">
      <c r="N664119" s="10"/>
    </row>
    <row r="664120" spans="14:14">
      <c r="N664120" s="10"/>
    </row>
    <row r="664121" spans="14:14">
      <c r="N664121" s="10"/>
    </row>
    <row r="664122" spans="14:14">
      <c r="N664122" s="10"/>
    </row>
    <row r="664123" spans="14:14">
      <c r="N664123" s="10"/>
    </row>
    <row r="664124" spans="14:14">
      <c r="N664124" s="10"/>
    </row>
    <row r="664125" spans="14:14">
      <c r="N664125" s="10"/>
    </row>
    <row r="664126" spans="14:14">
      <c r="N664126" s="10"/>
    </row>
    <row r="664127" spans="14:14">
      <c r="N664127" s="10"/>
    </row>
    <row r="664128" spans="14:14">
      <c r="N664128" s="10"/>
    </row>
    <row r="664129" spans="14:14">
      <c r="N664129" s="10"/>
    </row>
    <row r="664130" spans="14:14">
      <c r="N664130" s="10"/>
    </row>
    <row r="664131" spans="14:14">
      <c r="N664131" s="10"/>
    </row>
    <row r="664132" spans="14:14">
      <c r="N664132" s="10"/>
    </row>
    <row r="664133" spans="14:14">
      <c r="N664133" s="10"/>
    </row>
    <row r="664134" spans="14:14">
      <c r="N664134" s="10"/>
    </row>
    <row r="664135" spans="14:14">
      <c r="N664135" s="10"/>
    </row>
    <row r="664136" spans="14:14">
      <c r="N664136" s="10"/>
    </row>
    <row r="664137" spans="14:14">
      <c r="N664137" s="10"/>
    </row>
    <row r="664138" spans="14:14">
      <c r="N664138" s="10"/>
    </row>
    <row r="664139" spans="14:14">
      <c r="N664139" s="10"/>
    </row>
    <row r="664140" spans="14:14">
      <c r="N664140" s="10"/>
    </row>
    <row r="664141" spans="14:14">
      <c r="N664141" s="10"/>
    </row>
    <row r="664142" spans="14:14">
      <c r="N664142" s="10"/>
    </row>
    <row r="664143" spans="14:14">
      <c r="N664143" s="10"/>
    </row>
    <row r="664144" spans="14:14">
      <c r="N664144" s="10"/>
    </row>
    <row r="664145" spans="14:14">
      <c r="N664145" s="10"/>
    </row>
    <row r="664146" spans="14:14">
      <c r="N664146" s="10"/>
    </row>
    <row r="664147" spans="14:14">
      <c r="N664147" s="10"/>
    </row>
    <row r="664148" spans="14:14">
      <c r="N664148" s="10"/>
    </row>
    <row r="664149" spans="14:14">
      <c r="N664149" s="10"/>
    </row>
    <row r="664150" spans="14:14">
      <c r="N664150" s="10"/>
    </row>
    <row r="664151" spans="14:14">
      <c r="N664151" s="10"/>
    </row>
    <row r="664152" spans="14:14">
      <c r="N664152" s="10"/>
    </row>
    <row r="664153" spans="14:14">
      <c r="N664153" s="10"/>
    </row>
    <row r="664154" spans="14:14">
      <c r="N664154" s="10"/>
    </row>
    <row r="664155" spans="14:14">
      <c r="N664155" s="10"/>
    </row>
    <row r="664156" spans="14:14">
      <c r="N664156" s="10"/>
    </row>
    <row r="664157" spans="14:14">
      <c r="N664157" s="10"/>
    </row>
    <row r="664158" spans="14:14">
      <c r="N664158" s="10"/>
    </row>
    <row r="664159" spans="14:14">
      <c r="N664159" s="10"/>
    </row>
    <row r="664160" spans="14:14">
      <c r="N664160" s="10"/>
    </row>
    <row r="664161" spans="14:14">
      <c r="N664161" s="10"/>
    </row>
    <row r="664162" spans="14:14">
      <c r="N664162" s="10"/>
    </row>
    <row r="664163" spans="14:14">
      <c r="N664163" s="10"/>
    </row>
    <row r="664164" spans="14:14">
      <c r="N664164" s="10"/>
    </row>
    <row r="664165" spans="14:14">
      <c r="N664165" s="10"/>
    </row>
    <row r="664166" spans="14:14">
      <c r="N664166" s="10"/>
    </row>
    <row r="664167" spans="14:14">
      <c r="N664167" s="10"/>
    </row>
    <row r="664168" spans="14:14">
      <c r="N664168" s="10"/>
    </row>
    <row r="664169" spans="14:14">
      <c r="N664169" s="10"/>
    </row>
    <row r="664170" spans="14:14">
      <c r="N664170" s="10"/>
    </row>
    <row r="664171" spans="14:14">
      <c r="N664171" s="10"/>
    </row>
    <row r="664172" spans="14:14">
      <c r="N664172" s="10"/>
    </row>
    <row r="664173" spans="14:14">
      <c r="N664173" s="10"/>
    </row>
    <row r="664174" spans="14:14">
      <c r="N664174" s="10"/>
    </row>
    <row r="664175" spans="14:14">
      <c r="N664175" s="10"/>
    </row>
    <row r="664176" spans="14:14">
      <c r="N664176" s="10"/>
    </row>
    <row r="664177" spans="14:14">
      <c r="N664177" s="10"/>
    </row>
    <row r="664178" spans="14:14">
      <c r="N664178" s="10"/>
    </row>
    <row r="664179" spans="14:14">
      <c r="N664179" s="10"/>
    </row>
    <row r="664180" spans="14:14">
      <c r="N664180" s="10"/>
    </row>
    <row r="664181" spans="14:14">
      <c r="N664181" s="10"/>
    </row>
    <row r="664182" spans="14:14">
      <c r="N664182" s="10"/>
    </row>
    <row r="664183" spans="14:14">
      <c r="N664183" s="10"/>
    </row>
    <row r="664184" spans="14:14">
      <c r="N664184" s="10"/>
    </row>
    <row r="664185" spans="14:14">
      <c r="N664185" s="10"/>
    </row>
    <row r="664186" spans="14:14">
      <c r="N664186" s="10"/>
    </row>
    <row r="664187" spans="14:14">
      <c r="N664187" s="10"/>
    </row>
    <row r="664188" spans="14:14">
      <c r="N664188" s="10"/>
    </row>
    <row r="664189" spans="14:14">
      <c r="N664189" s="10"/>
    </row>
    <row r="664190" spans="14:14">
      <c r="N664190" s="10"/>
    </row>
    <row r="664191" spans="14:14">
      <c r="N664191" s="10"/>
    </row>
    <row r="664192" spans="14:14">
      <c r="N664192" s="10"/>
    </row>
    <row r="664193" spans="14:14">
      <c r="N664193" s="10"/>
    </row>
    <row r="664194" spans="14:14">
      <c r="N664194" s="10"/>
    </row>
    <row r="664195" spans="14:14">
      <c r="N664195" s="10"/>
    </row>
    <row r="664196" spans="14:14">
      <c r="N664196" s="10"/>
    </row>
    <row r="664197" spans="14:14">
      <c r="N664197" s="10"/>
    </row>
    <row r="664198" spans="14:14">
      <c r="N664198" s="10"/>
    </row>
    <row r="664199" spans="14:14">
      <c r="N664199" s="10"/>
    </row>
    <row r="664200" spans="14:14">
      <c r="N664200" s="10"/>
    </row>
    <row r="664201" spans="14:14">
      <c r="N664201" s="10"/>
    </row>
    <row r="664202" spans="14:14">
      <c r="N664202" s="10"/>
    </row>
    <row r="664203" spans="14:14">
      <c r="N664203" s="10"/>
    </row>
    <row r="664204" spans="14:14">
      <c r="N664204" s="10"/>
    </row>
    <row r="664205" spans="14:14">
      <c r="N664205" s="10"/>
    </row>
    <row r="664206" spans="14:14">
      <c r="N664206" s="10"/>
    </row>
    <row r="664207" spans="14:14">
      <c r="N664207" s="10"/>
    </row>
    <row r="664208" spans="14:14">
      <c r="N664208" s="10"/>
    </row>
    <row r="664209" spans="14:14">
      <c r="N664209" s="10"/>
    </row>
    <row r="664210" spans="14:14">
      <c r="N664210" s="10"/>
    </row>
    <row r="664211" spans="14:14">
      <c r="N664211" s="10"/>
    </row>
    <row r="664212" spans="14:14">
      <c r="N664212" s="10"/>
    </row>
    <row r="664213" spans="14:14">
      <c r="N664213" s="10"/>
    </row>
    <row r="664214" spans="14:14">
      <c r="N664214" s="10"/>
    </row>
    <row r="664215" spans="14:14">
      <c r="N664215" s="10"/>
    </row>
    <row r="664216" spans="14:14">
      <c r="N664216" s="10"/>
    </row>
    <row r="664217" spans="14:14">
      <c r="N664217" s="10"/>
    </row>
    <row r="664218" spans="14:14">
      <c r="N664218" s="10"/>
    </row>
    <row r="664219" spans="14:14">
      <c r="N664219" s="10"/>
    </row>
    <row r="664220" spans="14:14">
      <c r="N664220" s="10"/>
    </row>
    <row r="664221" spans="14:14">
      <c r="N664221" s="10"/>
    </row>
    <row r="664222" spans="14:14">
      <c r="N664222" s="10"/>
    </row>
    <row r="664223" spans="14:14">
      <c r="N664223" s="10"/>
    </row>
    <row r="664224" spans="14:14">
      <c r="N664224" s="10"/>
    </row>
    <row r="664225" spans="14:14">
      <c r="N664225" s="10"/>
    </row>
    <row r="664226" spans="14:14">
      <c r="N664226" s="10"/>
    </row>
    <row r="664227" spans="14:14">
      <c r="N664227" s="10"/>
    </row>
    <row r="664228" spans="14:14">
      <c r="N664228" s="10"/>
    </row>
    <row r="664229" spans="14:14">
      <c r="N664229" s="10"/>
    </row>
    <row r="664230" spans="14:14">
      <c r="N664230" s="10"/>
    </row>
    <row r="664231" spans="14:14">
      <c r="N664231" s="10"/>
    </row>
    <row r="664232" spans="14:14">
      <c r="N664232" s="10"/>
    </row>
    <row r="664233" spans="14:14">
      <c r="N664233" s="10"/>
    </row>
    <row r="664234" spans="14:14">
      <c r="N664234" s="10"/>
    </row>
    <row r="664235" spans="14:14">
      <c r="N664235" s="10"/>
    </row>
    <row r="664236" spans="14:14">
      <c r="N664236" s="10"/>
    </row>
    <row r="664237" spans="14:14">
      <c r="N664237" s="10"/>
    </row>
    <row r="664238" spans="14:14">
      <c r="N664238" s="10"/>
    </row>
    <row r="664239" spans="14:14">
      <c r="N664239" s="10"/>
    </row>
    <row r="664240" spans="14:14">
      <c r="N664240" s="10"/>
    </row>
    <row r="664241" spans="14:14">
      <c r="N664241" s="10"/>
    </row>
    <row r="664242" spans="14:14">
      <c r="N664242" s="10"/>
    </row>
    <row r="664243" spans="14:14">
      <c r="N664243" s="10"/>
    </row>
    <row r="664244" spans="14:14">
      <c r="N664244" s="10"/>
    </row>
    <row r="664245" spans="14:14">
      <c r="N664245" s="10"/>
    </row>
    <row r="664246" spans="14:14">
      <c r="N664246" s="10"/>
    </row>
    <row r="664247" spans="14:14">
      <c r="N664247" s="10"/>
    </row>
    <row r="664248" spans="14:14">
      <c r="N664248" s="10"/>
    </row>
    <row r="664249" spans="14:14">
      <c r="N664249" s="10"/>
    </row>
    <row r="664250" spans="14:14">
      <c r="N664250" s="10"/>
    </row>
    <row r="664251" spans="14:14">
      <c r="N664251" s="10"/>
    </row>
    <row r="664252" spans="14:14">
      <c r="N664252" s="10"/>
    </row>
    <row r="664253" spans="14:14">
      <c r="N664253" s="10"/>
    </row>
    <row r="664254" spans="14:14">
      <c r="N664254" s="10"/>
    </row>
    <row r="664255" spans="14:14">
      <c r="N664255" s="10"/>
    </row>
    <row r="664256" spans="14:14">
      <c r="N664256" s="10"/>
    </row>
    <row r="664257" spans="14:14">
      <c r="N664257" s="10"/>
    </row>
    <row r="664258" spans="14:14">
      <c r="N664258" s="10"/>
    </row>
    <row r="664259" spans="14:14">
      <c r="N664259" s="10"/>
    </row>
    <row r="664260" spans="14:14">
      <c r="N664260" s="10"/>
    </row>
    <row r="664261" spans="14:14">
      <c r="N664261" s="10"/>
    </row>
    <row r="664262" spans="14:14">
      <c r="N664262" s="10"/>
    </row>
    <row r="664263" spans="14:14">
      <c r="N664263" s="10"/>
    </row>
    <row r="664264" spans="14:14">
      <c r="N664264" s="10"/>
    </row>
    <row r="664265" spans="14:14">
      <c r="N664265" s="10"/>
    </row>
    <row r="664266" spans="14:14">
      <c r="N664266" s="10"/>
    </row>
    <row r="664267" spans="14:14">
      <c r="N664267" s="10"/>
    </row>
    <row r="664268" spans="14:14">
      <c r="N664268" s="10"/>
    </row>
    <row r="664269" spans="14:14">
      <c r="N664269" s="10"/>
    </row>
    <row r="664270" spans="14:14">
      <c r="N664270" s="10"/>
    </row>
    <row r="664271" spans="14:14">
      <c r="N664271" s="10"/>
    </row>
    <row r="664272" spans="14:14">
      <c r="N664272" s="10"/>
    </row>
    <row r="664273" spans="14:14">
      <c r="N664273" s="10"/>
    </row>
    <row r="664274" spans="14:14">
      <c r="N664274" s="10"/>
    </row>
    <row r="664275" spans="14:14">
      <c r="N664275" s="10"/>
    </row>
    <row r="664276" spans="14:14">
      <c r="N664276" s="10"/>
    </row>
    <row r="664277" spans="14:14">
      <c r="N664277" s="10"/>
    </row>
    <row r="664278" spans="14:14">
      <c r="N664278" s="10"/>
    </row>
    <row r="664279" spans="14:14">
      <c r="N664279" s="10"/>
    </row>
    <row r="664280" spans="14:14">
      <c r="N664280" s="10"/>
    </row>
    <row r="664281" spans="14:14">
      <c r="N664281" s="10"/>
    </row>
    <row r="664282" spans="14:14">
      <c r="N664282" s="10"/>
    </row>
    <row r="664283" spans="14:14">
      <c r="N664283" s="10"/>
    </row>
    <row r="664284" spans="14:14">
      <c r="N664284" s="10"/>
    </row>
    <row r="664285" spans="14:14">
      <c r="N664285" s="10"/>
    </row>
    <row r="664286" spans="14:14">
      <c r="N664286" s="10"/>
    </row>
    <row r="664287" spans="14:14">
      <c r="N664287" s="10"/>
    </row>
    <row r="664288" spans="14:14">
      <c r="N664288" s="10"/>
    </row>
    <row r="664289" spans="14:14">
      <c r="N664289" s="10"/>
    </row>
    <row r="664290" spans="14:14">
      <c r="N664290" s="10"/>
    </row>
    <row r="664291" spans="14:14">
      <c r="N664291" s="10"/>
    </row>
    <row r="664292" spans="14:14">
      <c r="N664292" s="10"/>
    </row>
    <row r="664293" spans="14:14">
      <c r="N664293" s="10"/>
    </row>
    <row r="664294" spans="14:14">
      <c r="N664294" s="10"/>
    </row>
    <row r="664295" spans="14:14">
      <c r="N664295" s="10"/>
    </row>
    <row r="664296" spans="14:14">
      <c r="N664296" s="10"/>
    </row>
    <row r="664297" spans="14:14">
      <c r="N664297" s="10"/>
    </row>
    <row r="664298" spans="14:14">
      <c r="N664298" s="10"/>
    </row>
    <row r="664299" spans="14:14">
      <c r="N664299" s="10"/>
    </row>
    <row r="664300" spans="14:14">
      <c r="N664300" s="10"/>
    </row>
    <row r="664301" spans="14:14">
      <c r="N664301" s="10"/>
    </row>
    <row r="664302" spans="14:14">
      <c r="N664302" s="10"/>
    </row>
    <row r="664303" spans="14:14">
      <c r="N664303" s="10"/>
    </row>
    <row r="664304" spans="14:14">
      <c r="N664304" s="10"/>
    </row>
    <row r="664305" spans="14:14">
      <c r="N664305" s="10"/>
    </row>
    <row r="664306" spans="14:14">
      <c r="N664306" s="10"/>
    </row>
    <row r="664307" spans="14:14">
      <c r="N664307" s="10"/>
    </row>
    <row r="664308" spans="14:14">
      <c r="N664308" s="10"/>
    </row>
    <row r="664309" spans="14:14">
      <c r="N664309" s="10"/>
    </row>
    <row r="664310" spans="14:14">
      <c r="N664310" s="10"/>
    </row>
    <row r="664311" spans="14:14">
      <c r="N664311" s="10"/>
    </row>
    <row r="664312" spans="14:14">
      <c r="N664312" s="10"/>
    </row>
    <row r="664313" spans="14:14">
      <c r="N664313" s="10"/>
    </row>
    <row r="664314" spans="14:14">
      <c r="N664314" s="10"/>
    </row>
    <row r="664315" spans="14:14">
      <c r="N664315" s="10"/>
    </row>
    <row r="664316" spans="14:14">
      <c r="N664316" s="10"/>
    </row>
    <row r="664317" spans="14:14">
      <c r="N664317" s="10"/>
    </row>
    <row r="664318" spans="14:14">
      <c r="N664318" s="10"/>
    </row>
    <row r="664319" spans="14:14">
      <c r="N664319" s="10"/>
    </row>
    <row r="664320" spans="14:14">
      <c r="N664320" s="10"/>
    </row>
    <row r="664321" spans="14:14">
      <c r="N664321" s="10"/>
    </row>
    <row r="664322" spans="14:14">
      <c r="N664322" s="10"/>
    </row>
    <row r="664323" spans="14:14">
      <c r="N664323" s="10"/>
    </row>
    <row r="664324" spans="14:14">
      <c r="N664324" s="10"/>
    </row>
    <row r="664325" spans="14:14">
      <c r="N664325" s="10"/>
    </row>
    <row r="664326" spans="14:14">
      <c r="N664326" s="10"/>
    </row>
    <row r="664327" spans="14:14">
      <c r="N664327" s="10"/>
    </row>
    <row r="664328" spans="14:14">
      <c r="N664328" s="10"/>
    </row>
    <row r="664329" spans="14:14">
      <c r="N664329" s="10"/>
    </row>
    <row r="664330" spans="14:14">
      <c r="N664330" s="10"/>
    </row>
    <row r="664331" spans="14:14">
      <c r="N664331" s="10"/>
    </row>
    <row r="664332" spans="14:14">
      <c r="N664332" s="10"/>
    </row>
    <row r="664333" spans="14:14">
      <c r="N664333" s="10"/>
    </row>
    <row r="664334" spans="14:14">
      <c r="N664334" s="10"/>
    </row>
    <row r="664335" spans="14:14">
      <c r="N664335" s="10"/>
    </row>
    <row r="664336" spans="14:14">
      <c r="N664336" s="10"/>
    </row>
    <row r="664337" spans="14:14">
      <c r="N664337" s="10"/>
    </row>
    <row r="664338" spans="14:14">
      <c r="N664338" s="10"/>
    </row>
    <row r="664339" spans="14:14">
      <c r="N664339" s="10"/>
    </row>
    <row r="664340" spans="14:14">
      <c r="N664340" s="10"/>
    </row>
    <row r="664341" spans="14:14">
      <c r="N664341" s="10"/>
    </row>
    <row r="664342" spans="14:14">
      <c r="N664342" s="10"/>
    </row>
    <row r="664343" spans="14:14">
      <c r="N664343" s="10"/>
    </row>
    <row r="664344" spans="14:14">
      <c r="N664344" s="10"/>
    </row>
    <row r="664345" spans="14:14">
      <c r="N664345" s="10"/>
    </row>
    <row r="664346" spans="14:14">
      <c r="N664346" s="10"/>
    </row>
    <row r="664347" spans="14:14">
      <c r="N664347" s="10"/>
    </row>
    <row r="664348" spans="14:14">
      <c r="N664348" s="10"/>
    </row>
    <row r="664349" spans="14:14">
      <c r="N664349" s="10"/>
    </row>
    <row r="664350" spans="14:14">
      <c r="N664350" s="10"/>
    </row>
    <row r="664351" spans="14:14">
      <c r="N664351" s="10"/>
    </row>
    <row r="664352" spans="14:14">
      <c r="N664352" s="10"/>
    </row>
    <row r="664353" spans="14:14">
      <c r="N664353" s="10"/>
    </row>
    <row r="664354" spans="14:14">
      <c r="N664354" s="10"/>
    </row>
    <row r="664355" spans="14:14">
      <c r="N664355" s="10"/>
    </row>
    <row r="664356" spans="14:14">
      <c r="N664356" s="10"/>
    </row>
    <row r="664357" spans="14:14">
      <c r="N664357" s="10"/>
    </row>
    <row r="664358" spans="14:14">
      <c r="N664358" s="10"/>
    </row>
    <row r="664359" spans="14:14">
      <c r="N664359" s="10"/>
    </row>
    <row r="664360" spans="14:14">
      <c r="N664360" s="10"/>
    </row>
    <row r="664361" spans="14:14">
      <c r="N664361" s="10"/>
    </row>
    <row r="664362" spans="14:14">
      <c r="N664362" s="10"/>
    </row>
    <row r="664363" spans="14:14">
      <c r="N664363" s="10"/>
    </row>
    <row r="664364" spans="14:14">
      <c r="N664364" s="10"/>
    </row>
    <row r="664365" spans="14:14">
      <c r="N664365" s="10"/>
    </row>
    <row r="664366" spans="14:14">
      <c r="N664366" s="10"/>
    </row>
    <row r="664367" spans="14:14">
      <c r="N664367" s="10"/>
    </row>
    <row r="664368" spans="14:14">
      <c r="N664368" s="10"/>
    </row>
    <row r="664369" spans="14:14">
      <c r="N664369" s="10"/>
    </row>
    <row r="664370" spans="14:14">
      <c r="N664370" s="10"/>
    </row>
    <row r="664371" spans="14:14">
      <c r="N664371" s="10"/>
    </row>
    <row r="664372" spans="14:14">
      <c r="N664372" s="10"/>
    </row>
    <row r="664373" spans="14:14">
      <c r="N664373" s="10"/>
    </row>
    <row r="664374" spans="14:14">
      <c r="N664374" s="10"/>
    </row>
    <row r="664375" spans="14:14">
      <c r="N664375" s="10"/>
    </row>
    <row r="664376" spans="14:14">
      <c r="N664376" s="10"/>
    </row>
    <row r="664377" spans="14:14">
      <c r="N664377" s="10"/>
    </row>
    <row r="664378" spans="14:14">
      <c r="N664378" s="10"/>
    </row>
    <row r="664379" spans="14:14">
      <c r="N664379" s="10"/>
    </row>
    <row r="664380" spans="14:14">
      <c r="N664380" s="10"/>
    </row>
    <row r="664381" spans="14:14">
      <c r="N664381" s="10"/>
    </row>
    <row r="664382" spans="14:14">
      <c r="N664382" s="10"/>
    </row>
    <row r="664383" spans="14:14">
      <c r="N664383" s="10"/>
    </row>
    <row r="664384" spans="14:14">
      <c r="N664384" s="10"/>
    </row>
    <row r="664385" spans="14:14">
      <c r="N664385" s="10"/>
    </row>
    <row r="664386" spans="14:14">
      <c r="N664386" s="10"/>
    </row>
    <row r="664387" spans="14:14">
      <c r="N664387" s="10"/>
    </row>
    <row r="664388" spans="14:14">
      <c r="N664388" s="10"/>
    </row>
    <row r="664389" spans="14:14">
      <c r="N664389" s="10"/>
    </row>
    <row r="664390" spans="14:14">
      <c r="N664390" s="10"/>
    </row>
    <row r="664391" spans="14:14">
      <c r="N664391" s="10"/>
    </row>
    <row r="664392" spans="14:14">
      <c r="N664392" s="10"/>
    </row>
    <row r="664393" spans="14:14">
      <c r="N664393" s="10"/>
    </row>
    <row r="664394" spans="14:14">
      <c r="N664394" s="10"/>
    </row>
    <row r="664395" spans="14:14">
      <c r="N664395" s="10"/>
    </row>
    <row r="664396" spans="14:14">
      <c r="N664396" s="10"/>
    </row>
    <row r="664397" spans="14:14">
      <c r="N664397" s="10"/>
    </row>
    <row r="664398" spans="14:14">
      <c r="N664398" s="10"/>
    </row>
    <row r="664399" spans="14:14">
      <c r="N664399" s="10"/>
    </row>
    <row r="664400" spans="14:14">
      <c r="N664400" s="10"/>
    </row>
    <row r="664401" spans="14:14">
      <c r="N664401" s="10"/>
    </row>
    <row r="664402" spans="14:14">
      <c r="N664402" s="10"/>
    </row>
    <row r="664403" spans="14:14">
      <c r="N664403" s="10"/>
    </row>
    <row r="664404" spans="14:14">
      <c r="N664404" s="10"/>
    </row>
    <row r="664405" spans="14:14">
      <c r="N664405" s="10"/>
    </row>
    <row r="664406" spans="14:14">
      <c r="N664406" s="10"/>
    </row>
    <row r="664407" spans="14:14">
      <c r="N664407" s="10"/>
    </row>
    <row r="664408" spans="14:14">
      <c r="N664408" s="10"/>
    </row>
    <row r="664409" spans="14:14">
      <c r="N664409" s="10"/>
    </row>
    <row r="664410" spans="14:14">
      <c r="N664410" s="10"/>
    </row>
    <row r="664411" spans="14:14">
      <c r="N664411" s="10"/>
    </row>
    <row r="664412" spans="14:14">
      <c r="N664412" s="10"/>
    </row>
    <row r="664413" spans="14:14">
      <c r="N664413" s="10"/>
    </row>
    <row r="664414" spans="14:14">
      <c r="N664414" s="10"/>
    </row>
    <row r="664415" spans="14:14">
      <c r="N664415" s="10"/>
    </row>
    <row r="664416" spans="14:14">
      <c r="N664416" s="10"/>
    </row>
    <row r="664417" spans="14:14">
      <c r="N664417" s="10"/>
    </row>
    <row r="664418" spans="14:14">
      <c r="N664418" s="10"/>
    </row>
    <row r="664419" spans="14:14">
      <c r="N664419" s="10"/>
    </row>
    <row r="664420" spans="14:14">
      <c r="N664420" s="10"/>
    </row>
    <row r="664421" spans="14:14">
      <c r="N664421" s="10"/>
    </row>
    <row r="664422" spans="14:14">
      <c r="N664422" s="10"/>
    </row>
    <row r="664423" spans="14:14">
      <c r="N664423" s="10"/>
    </row>
    <row r="664424" spans="14:14">
      <c r="N664424" s="10"/>
    </row>
    <row r="664425" spans="14:14">
      <c r="N664425" s="10"/>
    </row>
    <row r="664426" spans="14:14">
      <c r="N664426" s="10"/>
    </row>
    <row r="664427" spans="14:14">
      <c r="N664427" s="10"/>
    </row>
    <row r="664428" spans="14:14">
      <c r="N664428" s="10"/>
    </row>
    <row r="664429" spans="14:14">
      <c r="N664429" s="10"/>
    </row>
    <row r="664430" spans="14:14">
      <c r="N664430" s="10"/>
    </row>
    <row r="664431" spans="14:14">
      <c r="N664431" s="10"/>
    </row>
    <row r="664432" spans="14:14">
      <c r="N664432" s="10"/>
    </row>
    <row r="664433" spans="14:14">
      <c r="N664433" s="10"/>
    </row>
    <row r="664434" spans="14:14">
      <c r="N664434" s="10"/>
    </row>
    <row r="664435" spans="14:14">
      <c r="N664435" s="10"/>
    </row>
    <row r="664436" spans="14:14">
      <c r="N664436" s="10"/>
    </row>
    <row r="664437" spans="14:14">
      <c r="N664437" s="10"/>
    </row>
    <row r="664438" spans="14:14">
      <c r="N664438" s="10"/>
    </row>
    <row r="664439" spans="14:14">
      <c r="N664439" s="10"/>
    </row>
    <row r="664440" spans="14:14">
      <c r="N664440" s="10"/>
    </row>
    <row r="664441" spans="14:14">
      <c r="N664441" s="10"/>
    </row>
    <row r="664442" spans="14:14">
      <c r="N664442" s="10"/>
    </row>
    <row r="664443" spans="14:14">
      <c r="N664443" s="10"/>
    </row>
    <row r="664444" spans="14:14">
      <c r="N664444" s="10"/>
    </row>
    <row r="664445" spans="14:14">
      <c r="N664445" s="10"/>
    </row>
    <row r="664446" spans="14:14">
      <c r="N664446" s="10"/>
    </row>
    <row r="664447" spans="14:14">
      <c r="N664447" s="10"/>
    </row>
    <row r="664448" spans="14:14">
      <c r="N664448" s="10"/>
    </row>
    <row r="664449" spans="14:14">
      <c r="N664449" s="10"/>
    </row>
    <row r="664450" spans="14:14">
      <c r="N664450" s="10"/>
    </row>
    <row r="664451" spans="14:14">
      <c r="N664451" s="10"/>
    </row>
    <row r="664452" spans="14:14">
      <c r="N664452" s="10"/>
    </row>
    <row r="664453" spans="14:14">
      <c r="N664453" s="10"/>
    </row>
    <row r="664454" spans="14:14">
      <c r="N664454" s="10"/>
    </row>
    <row r="664455" spans="14:14">
      <c r="N664455" s="10"/>
    </row>
    <row r="664456" spans="14:14">
      <c r="N664456" s="10"/>
    </row>
    <row r="664457" spans="14:14">
      <c r="N664457" s="10"/>
    </row>
    <row r="664458" spans="14:14">
      <c r="N664458" s="10"/>
    </row>
    <row r="664459" spans="14:14">
      <c r="N664459" s="10"/>
    </row>
    <row r="664460" spans="14:14">
      <c r="N664460" s="10"/>
    </row>
    <row r="664461" spans="14:14">
      <c r="N664461" s="10"/>
    </row>
    <row r="664462" spans="14:14">
      <c r="N664462" s="10"/>
    </row>
    <row r="664463" spans="14:14">
      <c r="N664463" s="10"/>
    </row>
    <row r="664464" spans="14:14">
      <c r="N664464" s="10"/>
    </row>
    <row r="664465" spans="14:14">
      <c r="N664465" s="10"/>
    </row>
    <row r="664466" spans="14:14">
      <c r="N664466" s="10"/>
    </row>
    <row r="664467" spans="14:14">
      <c r="N664467" s="10"/>
    </row>
    <row r="664468" spans="14:14">
      <c r="N664468" s="10"/>
    </row>
    <row r="664469" spans="14:14">
      <c r="N664469" s="10"/>
    </row>
    <row r="664470" spans="14:14">
      <c r="N664470" s="10"/>
    </row>
    <row r="664471" spans="14:14">
      <c r="N664471" s="10"/>
    </row>
    <row r="664472" spans="14:14">
      <c r="N664472" s="10"/>
    </row>
    <row r="664473" spans="14:14">
      <c r="N664473" s="10"/>
    </row>
    <row r="664474" spans="14:14">
      <c r="N664474" s="10"/>
    </row>
    <row r="664475" spans="14:14">
      <c r="N664475" s="10"/>
    </row>
    <row r="664476" spans="14:14">
      <c r="N664476" s="10"/>
    </row>
    <row r="664477" spans="14:14">
      <c r="N664477" s="10"/>
    </row>
    <row r="664478" spans="14:14">
      <c r="N664478" s="10"/>
    </row>
    <row r="664479" spans="14:14">
      <c r="N664479" s="10"/>
    </row>
    <row r="664480" spans="14:14">
      <c r="N664480" s="10"/>
    </row>
    <row r="664481" spans="14:14">
      <c r="N664481" s="10"/>
    </row>
    <row r="664482" spans="14:14">
      <c r="N664482" s="10"/>
    </row>
    <row r="664483" spans="14:14">
      <c r="N664483" s="10"/>
    </row>
    <row r="664484" spans="14:14">
      <c r="N664484" s="10"/>
    </row>
    <row r="664485" spans="14:14">
      <c r="N664485" s="10"/>
    </row>
    <row r="664486" spans="14:14">
      <c r="N664486" s="10"/>
    </row>
    <row r="664487" spans="14:14">
      <c r="N664487" s="10"/>
    </row>
    <row r="664488" spans="14:14">
      <c r="N664488" s="10"/>
    </row>
    <row r="664489" spans="14:14">
      <c r="N664489" s="10"/>
    </row>
    <row r="664490" spans="14:14">
      <c r="N664490" s="10"/>
    </row>
    <row r="664491" spans="14:14">
      <c r="N664491" s="10"/>
    </row>
    <row r="664492" spans="14:14">
      <c r="N664492" s="10"/>
    </row>
    <row r="664493" spans="14:14">
      <c r="N664493" s="10"/>
    </row>
    <row r="664494" spans="14:14">
      <c r="N664494" s="10"/>
    </row>
    <row r="664495" spans="14:14">
      <c r="N664495" s="10"/>
    </row>
    <row r="664496" spans="14:14">
      <c r="N664496" s="10"/>
    </row>
    <row r="664497" spans="14:14">
      <c r="N664497" s="10"/>
    </row>
    <row r="664498" spans="14:14">
      <c r="N664498" s="10"/>
    </row>
    <row r="664499" spans="14:14">
      <c r="N664499" s="10"/>
    </row>
    <row r="664500" spans="14:14">
      <c r="N664500" s="10"/>
    </row>
    <row r="664501" spans="14:14">
      <c r="N664501" s="10"/>
    </row>
    <row r="664502" spans="14:14">
      <c r="N664502" s="10"/>
    </row>
    <row r="664503" spans="14:14">
      <c r="N664503" s="10"/>
    </row>
    <row r="664504" spans="14:14">
      <c r="N664504" s="10"/>
    </row>
    <row r="664505" spans="14:14">
      <c r="N664505" s="10"/>
    </row>
    <row r="664506" spans="14:14">
      <c r="N664506" s="10"/>
    </row>
    <row r="664507" spans="14:14">
      <c r="N664507" s="10"/>
    </row>
    <row r="664508" spans="14:14">
      <c r="N664508" s="10"/>
    </row>
    <row r="664509" spans="14:14">
      <c r="N664509" s="10"/>
    </row>
    <row r="664510" spans="14:14">
      <c r="N664510" s="10"/>
    </row>
    <row r="664511" spans="14:14">
      <c r="N664511" s="10"/>
    </row>
    <row r="664512" spans="14:14">
      <c r="N664512" s="10"/>
    </row>
    <row r="664513" spans="14:14">
      <c r="N664513" s="10"/>
    </row>
    <row r="664514" spans="14:14">
      <c r="N664514" s="10"/>
    </row>
    <row r="664515" spans="14:14">
      <c r="N664515" s="10"/>
    </row>
    <row r="664516" spans="14:14">
      <c r="N664516" s="10"/>
    </row>
    <row r="664517" spans="14:14">
      <c r="N664517" s="10"/>
    </row>
    <row r="664518" spans="14:14">
      <c r="N664518" s="10"/>
    </row>
    <row r="664519" spans="14:14">
      <c r="N664519" s="10"/>
    </row>
    <row r="664520" spans="14:14">
      <c r="N664520" s="10"/>
    </row>
    <row r="664521" spans="14:14">
      <c r="N664521" s="10"/>
    </row>
    <row r="664522" spans="14:14">
      <c r="N664522" s="10"/>
    </row>
    <row r="664523" spans="14:14">
      <c r="N664523" s="10"/>
    </row>
    <row r="664524" spans="14:14">
      <c r="N664524" s="10"/>
    </row>
    <row r="664525" spans="14:14">
      <c r="N664525" s="10"/>
    </row>
    <row r="664526" spans="14:14">
      <c r="N664526" s="10"/>
    </row>
    <row r="664527" spans="14:14">
      <c r="N664527" s="10"/>
    </row>
    <row r="664528" spans="14:14">
      <c r="N664528" s="10"/>
    </row>
    <row r="664529" spans="14:14">
      <c r="N664529" s="10"/>
    </row>
    <row r="664530" spans="14:14">
      <c r="N664530" s="10"/>
    </row>
    <row r="664531" spans="14:14">
      <c r="N664531" s="10"/>
    </row>
    <row r="664532" spans="14:14">
      <c r="N664532" s="10"/>
    </row>
    <row r="664533" spans="14:14">
      <c r="N664533" s="10"/>
    </row>
    <row r="664534" spans="14:14">
      <c r="N664534" s="10"/>
    </row>
    <row r="664535" spans="14:14">
      <c r="N664535" s="10"/>
    </row>
    <row r="664536" spans="14:14">
      <c r="N664536" s="10"/>
    </row>
    <row r="664537" spans="14:14">
      <c r="N664537" s="10"/>
    </row>
    <row r="664538" spans="14:14">
      <c r="N664538" s="10"/>
    </row>
    <row r="664539" spans="14:14">
      <c r="N664539" s="10"/>
    </row>
    <row r="664540" spans="14:14">
      <c r="N664540" s="10"/>
    </row>
    <row r="664541" spans="14:14">
      <c r="N664541" s="10"/>
    </row>
    <row r="664542" spans="14:14">
      <c r="N664542" s="10"/>
    </row>
    <row r="664543" spans="14:14">
      <c r="N664543" s="10"/>
    </row>
    <row r="664544" spans="14:14">
      <c r="N664544" s="10"/>
    </row>
    <row r="664545" spans="14:14">
      <c r="N664545" s="10"/>
    </row>
    <row r="664546" spans="14:14">
      <c r="N664546" s="10"/>
    </row>
    <row r="664547" spans="14:14">
      <c r="N664547" s="10"/>
    </row>
    <row r="664548" spans="14:14">
      <c r="N664548" s="10"/>
    </row>
    <row r="664549" spans="14:14">
      <c r="N664549" s="10"/>
    </row>
    <row r="664550" spans="14:14">
      <c r="N664550" s="10"/>
    </row>
    <row r="664551" spans="14:14">
      <c r="N664551" s="10"/>
    </row>
    <row r="664552" spans="14:14">
      <c r="N664552" s="10"/>
    </row>
    <row r="664553" spans="14:14">
      <c r="N664553" s="10"/>
    </row>
    <row r="664554" spans="14:14">
      <c r="N664554" s="10"/>
    </row>
    <row r="664555" spans="14:14">
      <c r="N664555" s="10"/>
    </row>
    <row r="664556" spans="14:14">
      <c r="N664556" s="10"/>
    </row>
    <row r="664557" spans="14:14">
      <c r="N664557" s="10"/>
    </row>
    <row r="664558" spans="14:14">
      <c r="N664558" s="10"/>
    </row>
    <row r="664559" spans="14:14">
      <c r="N664559" s="10"/>
    </row>
    <row r="664560" spans="14:14">
      <c r="N664560" s="10"/>
    </row>
    <row r="664561" spans="14:14">
      <c r="N664561" s="10"/>
    </row>
    <row r="664562" spans="14:14">
      <c r="N664562" s="10"/>
    </row>
    <row r="664563" spans="14:14">
      <c r="N664563" s="10"/>
    </row>
    <row r="664564" spans="14:14">
      <c r="N664564" s="10"/>
    </row>
    <row r="664565" spans="14:14">
      <c r="N664565" s="10"/>
    </row>
    <row r="664566" spans="14:14">
      <c r="N664566" s="10"/>
    </row>
    <row r="664567" spans="14:14">
      <c r="N664567" s="10"/>
    </row>
    <row r="664568" spans="14:14">
      <c r="N664568" s="10"/>
    </row>
    <row r="664569" spans="14:14">
      <c r="N664569" s="10"/>
    </row>
    <row r="664570" spans="14:14">
      <c r="N664570" s="10"/>
    </row>
    <row r="664571" spans="14:14">
      <c r="N664571" s="10"/>
    </row>
    <row r="664572" spans="14:14">
      <c r="N664572" s="10"/>
    </row>
    <row r="664573" spans="14:14">
      <c r="N664573" s="10"/>
    </row>
    <row r="664574" spans="14:14">
      <c r="N664574" s="10"/>
    </row>
    <row r="664575" spans="14:14">
      <c r="N664575" s="10"/>
    </row>
    <row r="664576" spans="14:14">
      <c r="N664576" s="10"/>
    </row>
    <row r="664577" spans="14:14">
      <c r="N664577" s="10"/>
    </row>
    <row r="664578" spans="14:14">
      <c r="N664578" s="10"/>
    </row>
    <row r="664579" spans="14:14">
      <c r="N664579" s="10"/>
    </row>
    <row r="664580" spans="14:14">
      <c r="N664580" s="10"/>
    </row>
    <row r="664581" spans="14:14">
      <c r="N664581" s="10"/>
    </row>
    <row r="664582" spans="14:14">
      <c r="N664582" s="10"/>
    </row>
    <row r="664583" spans="14:14">
      <c r="N664583" s="10"/>
    </row>
    <row r="664584" spans="14:14">
      <c r="N664584" s="10"/>
    </row>
    <row r="664585" spans="14:14">
      <c r="N664585" s="10"/>
    </row>
    <row r="664586" spans="14:14">
      <c r="N664586" s="10"/>
    </row>
    <row r="664587" spans="14:14">
      <c r="N664587" s="10"/>
    </row>
    <row r="664588" spans="14:14">
      <c r="N664588" s="10"/>
    </row>
    <row r="664589" spans="14:14">
      <c r="N664589" s="10"/>
    </row>
    <row r="664590" spans="14:14">
      <c r="N664590" s="10"/>
    </row>
    <row r="664591" spans="14:14">
      <c r="N664591" s="10"/>
    </row>
    <row r="664592" spans="14:14">
      <c r="N664592" s="10"/>
    </row>
    <row r="664593" spans="14:14">
      <c r="N664593" s="10"/>
    </row>
    <row r="664594" spans="14:14">
      <c r="N664594" s="10"/>
    </row>
    <row r="664595" spans="14:14">
      <c r="N664595" s="10"/>
    </row>
    <row r="664596" spans="14:14">
      <c r="N664596" s="10"/>
    </row>
    <row r="664597" spans="14:14">
      <c r="N664597" s="10"/>
    </row>
    <row r="664598" spans="14:14">
      <c r="N664598" s="10"/>
    </row>
    <row r="664599" spans="14:14">
      <c r="N664599" s="10"/>
    </row>
    <row r="664600" spans="14:14">
      <c r="N664600" s="10"/>
    </row>
    <row r="664601" spans="14:14">
      <c r="N664601" s="10"/>
    </row>
    <row r="664602" spans="14:14">
      <c r="N664602" s="10"/>
    </row>
    <row r="664603" spans="14:14">
      <c r="N664603" s="10"/>
    </row>
    <row r="664604" spans="14:14">
      <c r="N664604" s="10"/>
    </row>
    <row r="664605" spans="14:14">
      <c r="N664605" s="10"/>
    </row>
    <row r="664606" spans="14:14">
      <c r="N664606" s="10"/>
    </row>
    <row r="664607" spans="14:14">
      <c r="N664607" s="10"/>
    </row>
    <row r="664608" spans="14:14">
      <c r="N664608" s="10"/>
    </row>
    <row r="664609" spans="14:14">
      <c r="N664609" s="10"/>
    </row>
    <row r="664610" spans="14:14">
      <c r="N664610" s="10"/>
    </row>
    <row r="664611" spans="14:14">
      <c r="N664611" s="10"/>
    </row>
    <row r="664612" spans="14:14">
      <c r="N664612" s="10"/>
    </row>
    <row r="664613" spans="14:14">
      <c r="N664613" s="10"/>
    </row>
    <row r="664614" spans="14:14">
      <c r="N664614" s="10"/>
    </row>
    <row r="664615" spans="14:14">
      <c r="N664615" s="10"/>
    </row>
    <row r="664616" spans="14:14">
      <c r="N664616" s="10"/>
    </row>
    <row r="664617" spans="14:14">
      <c r="N664617" s="10"/>
    </row>
    <row r="664618" spans="14:14">
      <c r="N664618" s="10"/>
    </row>
    <row r="664619" spans="14:14">
      <c r="N664619" s="10"/>
    </row>
    <row r="664620" spans="14:14">
      <c r="N664620" s="10"/>
    </row>
    <row r="664621" spans="14:14">
      <c r="N664621" s="10"/>
    </row>
    <row r="664622" spans="14:14">
      <c r="N664622" s="10"/>
    </row>
    <row r="664623" spans="14:14">
      <c r="N664623" s="10"/>
    </row>
    <row r="664624" spans="14:14">
      <c r="N664624" s="10"/>
    </row>
    <row r="664625" spans="14:14">
      <c r="N664625" s="10"/>
    </row>
    <row r="664626" spans="14:14">
      <c r="N664626" s="10"/>
    </row>
    <row r="664627" spans="14:14">
      <c r="N664627" s="10"/>
    </row>
    <row r="664628" spans="14:14">
      <c r="N664628" s="10"/>
    </row>
    <row r="664629" spans="14:14">
      <c r="N664629" s="10"/>
    </row>
    <row r="664630" spans="14:14">
      <c r="N664630" s="10"/>
    </row>
    <row r="664631" spans="14:14">
      <c r="N664631" s="10"/>
    </row>
    <row r="664632" spans="14:14">
      <c r="N664632" s="10"/>
    </row>
    <row r="664633" spans="14:14">
      <c r="N664633" s="10"/>
    </row>
    <row r="664634" spans="14:14">
      <c r="N664634" s="10"/>
    </row>
    <row r="664635" spans="14:14">
      <c r="N664635" s="10"/>
    </row>
    <row r="664636" spans="14:14">
      <c r="N664636" s="10"/>
    </row>
    <row r="664637" spans="14:14">
      <c r="N664637" s="10"/>
    </row>
    <row r="664638" spans="14:14">
      <c r="N664638" s="10"/>
    </row>
    <row r="664639" spans="14:14">
      <c r="N664639" s="10"/>
    </row>
    <row r="664640" spans="14:14">
      <c r="N664640" s="10"/>
    </row>
    <row r="664641" spans="14:14">
      <c r="N664641" s="10"/>
    </row>
    <row r="664642" spans="14:14">
      <c r="N664642" s="10"/>
    </row>
    <row r="664643" spans="14:14">
      <c r="N664643" s="10"/>
    </row>
    <row r="664644" spans="14:14">
      <c r="N664644" s="10"/>
    </row>
    <row r="664645" spans="14:14">
      <c r="N664645" s="10"/>
    </row>
    <row r="664646" spans="14:14">
      <c r="N664646" s="10"/>
    </row>
    <row r="664647" spans="14:14">
      <c r="N664647" s="10"/>
    </row>
    <row r="664648" spans="14:14">
      <c r="N664648" s="10"/>
    </row>
    <row r="664649" spans="14:14">
      <c r="N664649" s="10"/>
    </row>
    <row r="664650" spans="14:14">
      <c r="N664650" s="10"/>
    </row>
    <row r="664651" spans="14:14">
      <c r="N664651" s="10"/>
    </row>
    <row r="664652" spans="14:14">
      <c r="N664652" s="10"/>
    </row>
    <row r="664653" spans="14:14">
      <c r="N664653" s="10"/>
    </row>
    <row r="664654" spans="14:14">
      <c r="N664654" s="10"/>
    </row>
    <row r="664655" spans="14:14">
      <c r="N664655" s="10"/>
    </row>
    <row r="664656" spans="14:14">
      <c r="N664656" s="10"/>
    </row>
    <row r="664657" spans="14:14">
      <c r="N664657" s="10"/>
    </row>
    <row r="664658" spans="14:14">
      <c r="N664658" s="10"/>
    </row>
    <row r="664659" spans="14:14">
      <c r="N664659" s="10"/>
    </row>
    <row r="664660" spans="14:14">
      <c r="N664660" s="10"/>
    </row>
    <row r="664661" spans="14:14">
      <c r="N664661" s="10"/>
    </row>
    <row r="664662" spans="14:14">
      <c r="N664662" s="10"/>
    </row>
    <row r="664663" spans="14:14">
      <c r="N664663" s="10"/>
    </row>
    <row r="664664" spans="14:14">
      <c r="N664664" s="10"/>
    </row>
    <row r="664665" spans="14:14">
      <c r="N664665" s="10"/>
    </row>
    <row r="664666" spans="14:14">
      <c r="N664666" s="10"/>
    </row>
    <row r="664667" spans="14:14">
      <c r="N664667" s="10"/>
    </row>
    <row r="664668" spans="14:14">
      <c r="N664668" s="10"/>
    </row>
    <row r="664669" spans="14:14">
      <c r="N664669" s="10"/>
    </row>
    <row r="664670" spans="14:14">
      <c r="N664670" s="10"/>
    </row>
    <row r="664671" spans="14:14">
      <c r="N664671" s="10"/>
    </row>
    <row r="664672" spans="14:14">
      <c r="N664672" s="10"/>
    </row>
    <row r="664673" spans="14:14">
      <c r="N664673" s="10"/>
    </row>
    <row r="664674" spans="14:14">
      <c r="N664674" s="10"/>
    </row>
    <row r="664675" spans="14:14">
      <c r="N664675" s="10"/>
    </row>
    <row r="664676" spans="14:14">
      <c r="N664676" s="10"/>
    </row>
    <row r="664677" spans="14:14">
      <c r="N664677" s="10"/>
    </row>
    <row r="664678" spans="14:14">
      <c r="N664678" s="10"/>
    </row>
    <row r="664679" spans="14:14">
      <c r="N664679" s="10"/>
    </row>
    <row r="664680" spans="14:14">
      <c r="N664680" s="10"/>
    </row>
    <row r="664681" spans="14:14">
      <c r="N664681" s="10"/>
    </row>
    <row r="664682" spans="14:14">
      <c r="N664682" s="10"/>
    </row>
    <row r="664683" spans="14:14">
      <c r="N664683" s="10"/>
    </row>
    <row r="664684" spans="14:14">
      <c r="N664684" s="10"/>
    </row>
    <row r="664685" spans="14:14">
      <c r="N664685" s="10"/>
    </row>
    <row r="664686" spans="14:14">
      <c r="N664686" s="10"/>
    </row>
    <row r="664687" spans="14:14">
      <c r="N664687" s="10"/>
    </row>
    <row r="664688" spans="14:14">
      <c r="N664688" s="10"/>
    </row>
    <row r="664689" spans="14:14">
      <c r="N664689" s="10"/>
    </row>
    <row r="664690" spans="14:14">
      <c r="N664690" s="10"/>
    </row>
    <row r="664691" spans="14:14">
      <c r="N664691" s="10"/>
    </row>
    <row r="664692" spans="14:14">
      <c r="N664692" s="10"/>
    </row>
    <row r="664693" spans="14:14">
      <c r="N664693" s="10"/>
    </row>
    <row r="664694" spans="14:14">
      <c r="N664694" s="10"/>
    </row>
    <row r="664695" spans="14:14">
      <c r="N664695" s="10"/>
    </row>
    <row r="664696" spans="14:14">
      <c r="N664696" s="10"/>
    </row>
    <row r="664697" spans="14:14">
      <c r="N664697" s="10"/>
    </row>
    <row r="664698" spans="14:14">
      <c r="N664698" s="10"/>
    </row>
    <row r="664699" spans="14:14">
      <c r="N664699" s="10"/>
    </row>
    <row r="664700" spans="14:14">
      <c r="N664700" s="10"/>
    </row>
    <row r="664701" spans="14:14">
      <c r="N664701" s="10"/>
    </row>
    <row r="664702" spans="14:14">
      <c r="N664702" s="10"/>
    </row>
    <row r="664703" spans="14:14">
      <c r="N664703" s="10"/>
    </row>
    <row r="664704" spans="14:14">
      <c r="N664704" s="10"/>
    </row>
    <row r="664705" spans="14:14">
      <c r="N664705" s="10"/>
    </row>
    <row r="664706" spans="14:14">
      <c r="N664706" s="10"/>
    </row>
    <row r="664707" spans="14:14">
      <c r="N664707" s="10"/>
    </row>
    <row r="664708" spans="14:14">
      <c r="N664708" s="10"/>
    </row>
    <row r="664709" spans="14:14">
      <c r="N664709" s="10"/>
    </row>
    <row r="664710" spans="14:14">
      <c r="N664710" s="10"/>
    </row>
    <row r="664711" spans="14:14">
      <c r="N664711" s="10"/>
    </row>
    <row r="664712" spans="14:14">
      <c r="N664712" s="10"/>
    </row>
    <row r="664713" spans="14:14">
      <c r="N664713" s="10"/>
    </row>
    <row r="664714" spans="14:14">
      <c r="N664714" s="10"/>
    </row>
    <row r="664715" spans="14:14">
      <c r="N664715" s="10"/>
    </row>
    <row r="664716" spans="14:14">
      <c r="N664716" s="10"/>
    </row>
    <row r="664717" spans="14:14">
      <c r="N664717" s="10"/>
    </row>
    <row r="664718" spans="14:14">
      <c r="N664718" s="10"/>
    </row>
    <row r="664719" spans="14:14">
      <c r="N664719" s="10"/>
    </row>
    <row r="664720" spans="14:14">
      <c r="N664720" s="10"/>
    </row>
    <row r="664721" spans="14:14">
      <c r="N664721" s="10"/>
    </row>
    <row r="664722" spans="14:14">
      <c r="N664722" s="10"/>
    </row>
    <row r="664723" spans="14:14">
      <c r="N664723" s="10"/>
    </row>
    <row r="664724" spans="14:14">
      <c r="N664724" s="10"/>
    </row>
    <row r="664725" spans="14:14">
      <c r="N664725" s="10"/>
    </row>
    <row r="664726" spans="14:14">
      <c r="N664726" s="10"/>
    </row>
    <row r="664727" spans="14:14">
      <c r="N664727" s="10"/>
    </row>
    <row r="664728" spans="14:14">
      <c r="N664728" s="10"/>
    </row>
    <row r="664729" spans="14:14">
      <c r="N664729" s="10"/>
    </row>
    <row r="664730" spans="14:14">
      <c r="N664730" s="10"/>
    </row>
    <row r="664731" spans="14:14">
      <c r="N664731" s="10"/>
    </row>
    <row r="664732" spans="14:14">
      <c r="N664732" s="10"/>
    </row>
    <row r="664733" spans="14:14">
      <c r="N664733" s="10"/>
    </row>
    <row r="664734" spans="14:14">
      <c r="N664734" s="10"/>
    </row>
    <row r="664735" spans="14:14">
      <c r="N664735" s="10"/>
    </row>
    <row r="664736" spans="14:14">
      <c r="N664736" s="10"/>
    </row>
    <row r="664737" spans="14:14">
      <c r="N664737" s="10"/>
    </row>
    <row r="664738" spans="14:14">
      <c r="N664738" s="10"/>
    </row>
    <row r="664739" spans="14:14">
      <c r="N664739" s="10"/>
    </row>
    <row r="664740" spans="14:14">
      <c r="N664740" s="10"/>
    </row>
    <row r="664741" spans="14:14">
      <c r="N664741" s="10"/>
    </row>
    <row r="664742" spans="14:14">
      <c r="N664742" s="10"/>
    </row>
    <row r="664743" spans="14:14">
      <c r="N664743" s="10"/>
    </row>
    <row r="664744" spans="14:14">
      <c r="N664744" s="10"/>
    </row>
    <row r="664745" spans="14:14">
      <c r="N664745" s="10"/>
    </row>
    <row r="664746" spans="14:14">
      <c r="N664746" s="10"/>
    </row>
    <row r="664747" spans="14:14">
      <c r="N664747" s="10"/>
    </row>
    <row r="664748" spans="14:14">
      <c r="N664748" s="10"/>
    </row>
    <row r="664749" spans="14:14">
      <c r="N664749" s="10"/>
    </row>
    <row r="664750" spans="14:14">
      <c r="N664750" s="10"/>
    </row>
    <row r="664751" spans="14:14">
      <c r="N664751" s="10"/>
    </row>
    <row r="664752" spans="14:14">
      <c r="N664752" s="10"/>
    </row>
    <row r="664753" spans="14:14">
      <c r="N664753" s="10"/>
    </row>
    <row r="664754" spans="14:14">
      <c r="N664754" s="10"/>
    </row>
    <row r="664755" spans="14:14">
      <c r="N664755" s="10"/>
    </row>
    <row r="664756" spans="14:14">
      <c r="N664756" s="10"/>
    </row>
    <row r="664757" spans="14:14">
      <c r="N664757" s="10"/>
    </row>
    <row r="664758" spans="14:14">
      <c r="N664758" s="10"/>
    </row>
    <row r="664759" spans="14:14">
      <c r="N664759" s="10"/>
    </row>
    <row r="664760" spans="14:14">
      <c r="N664760" s="10"/>
    </row>
    <row r="664761" spans="14:14">
      <c r="N664761" s="10"/>
    </row>
    <row r="664762" spans="14:14">
      <c r="N664762" s="10"/>
    </row>
    <row r="664763" spans="14:14">
      <c r="N664763" s="10"/>
    </row>
    <row r="664764" spans="14:14">
      <c r="N664764" s="10"/>
    </row>
    <row r="664765" spans="14:14">
      <c r="N664765" s="10"/>
    </row>
    <row r="664766" spans="14:14">
      <c r="N664766" s="10"/>
    </row>
    <row r="664767" spans="14:14">
      <c r="N664767" s="10"/>
    </row>
    <row r="664768" spans="14:14">
      <c r="N664768" s="10"/>
    </row>
    <row r="664769" spans="14:14">
      <c r="N664769" s="10"/>
    </row>
    <row r="664770" spans="14:14">
      <c r="N664770" s="10"/>
    </row>
    <row r="664771" spans="14:14">
      <c r="N664771" s="10"/>
    </row>
    <row r="664772" spans="14:14">
      <c r="N664772" s="10"/>
    </row>
    <row r="664773" spans="14:14">
      <c r="N664773" s="10"/>
    </row>
    <row r="664774" spans="14:14">
      <c r="N664774" s="10"/>
    </row>
    <row r="664775" spans="14:14">
      <c r="N664775" s="10"/>
    </row>
    <row r="664776" spans="14:14">
      <c r="N664776" s="10"/>
    </row>
    <row r="664777" spans="14:14">
      <c r="N664777" s="10"/>
    </row>
    <row r="664778" spans="14:14">
      <c r="N664778" s="10"/>
    </row>
    <row r="664779" spans="14:14">
      <c r="N664779" s="10"/>
    </row>
    <row r="664780" spans="14:14">
      <c r="N664780" s="10"/>
    </row>
    <row r="664781" spans="14:14">
      <c r="N664781" s="10"/>
    </row>
    <row r="664782" spans="14:14">
      <c r="N664782" s="10"/>
    </row>
    <row r="664783" spans="14:14">
      <c r="N664783" s="10"/>
    </row>
    <row r="664784" spans="14:14">
      <c r="N664784" s="10"/>
    </row>
    <row r="664785" spans="14:14">
      <c r="N664785" s="10"/>
    </row>
    <row r="664786" spans="14:14">
      <c r="N664786" s="10"/>
    </row>
    <row r="664787" spans="14:14">
      <c r="N664787" s="10"/>
    </row>
    <row r="664788" spans="14:14">
      <c r="N664788" s="10"/>
    </row>
    <row r="664789" spans="14:14">
      <c r="N664789" s="10"/>
    </row>
    <row r="664790" spans="14:14">
      <c r="N664790" s="10"/>
    </row>
    <row r="664791" spans="14:14">
      <c r="N664791" s="10"/>
    </row>
    <row r="664792" spans="14:14">
      <c r="N664792" s="10"/>
    </row>
    <row r="664793" spans="14:14">
      <c r="N664793" s="10"/>
    </row>
    <row r="664794" spans="14:14">
      <c r="N664794" s="10"/>
    </row>
    <row r="664795" spans="14:14">
      <c r="N664795" s="10"/>
    </row>
    <row r="664796" spans="14:14">
      <c r="N664796" s="10"/>
    </row>
    <row r="664797" spans="14:14">
      <c r="N664797" s="10"/>
    </row>
    <row r="664798" spans="14:14">
      <c r="N664798" s="10"/>
    </row>
    <row r="664799" spans="14:14">
      <c r="N664799" s="10"/>
    </row>
    <row r="664800" spans="14:14">
      <c r="N664800" s="10"/>
    </row>
    <row r="664801" spans="14:14">
      <c r="N664801" s="10"/>
    </row>
    <row r="664802" spans="14:14">
      <c r="N664802" s="10"/>
    </row>
    <row r="664803" spans="14:14">
      <c r="N664803" s="10"/>
    </row>
    <row r="664804" spans="14:14">
      <c r="N664804" s="10"/>
    </row>
    <row r="664805" spans="14:14">
      <c r="N664805" s="10"/>
    </row>
    <row r="664806" spans="14:14">
      <c r="N664806" s="10"/>
    </row>
    <row r="664807" spans="14:14">
      <c r="N664807" s="10"/>
    </row>
    <row r="664808" spans="14:14">
      <c r="N664808" s="10"/>
    </row>
    <row r="664809" spans="14:14">
      <c r="N664809" s="10"/>
    </row>
    <row r="664810" spans="14:14">
      <c r="N664810" s="10"/>
    </row>
    <row r="664811" spans="14:14">
      <c r="N664811" s="10"/>
    </row>
    <row r="664812" spans="14:14">
      <c r="N664812" s="10"/>
    </row>
    <row r="664813" spans="14:14">
      <c r="N664813" s="10"/>
    </row>
    <row r="664814" spans="14:14">
      <c r="N664814" s="10"/>
    </row>
    <row r="664815" spans="14:14">
      <c r="N664815" s="10"/>
    </row>
    <row r="664816" spans="14:14">
      <c r="N664816" s="10"/>
    </row>
    <row r="664817" spans="14:14">
      <c r="N664817" s="10"/>
    </row>
    <row r="664818" spans="14:14">
      <c r="N664818" s="10"/>
    </row>
    <row r="664819" spans="14:14">
      <c r="N664819" s="10"/>
    </row>
    <row r="664820" spans="14:14">
      <c r="N664820" s="10"/>
    </row>
    <row r="664821" spans="14:14">
      <c r="N664821" s="10"/>
    </row>
    <row r="664822" spans="14:14">
      <c r="N664822" s="10"/>
    </row>
    <row r="664823" spans="14:14">
      <c r="N664823" s="10"/>
    </row>
    <row r="664824" spans="14:14">
      <c r="N664824" s="10"/>
    </row>
    <row r="664825" spans="14:14">
      <c r="N664825" s="10"/>
    </row>
    <row r="664826" spans="14:14">
      <c r="N664826" s="10"/>
    </row>
    <row r="664827" spans="14:14">
      <c r="N664827" s="10"/>
    </row>
    <row r="664828" spans="14:14">
      <c r="N664828" s="10"/>
    </row>
    <row r="664829" spans="14:14">
      <c r="N664829" s="10"/>
    </row>
    <row r="664830" spans="14:14">
      <c r="N664830" s="10"/>
    </row>
    <row r="664831" spans="14:14">
      <c r="N664831" s="10"/>
    </row>
    <row r="664832" spans="14:14">
      <c r="N664832" s="10"/>
    </row>
    <row r="664833" spans="14:14">
      <c r="N664833" s="10"/>
    </row>
    <row r="664834" spans="14:14">
      <c r="N664834" s="10"/>
    </row>
    <row r="664835" spans="14:14">
      <c r="N664835" s="10"/>
    </row>
    <row r="664836" spans="14:14">
      <c r="N664836" s="10"/>
    </row>
    <row r="664837" spans="14:14">
      <c r="N664837" s="10"/>
    </row>
    <row r="664838" spans="14:14">
      <c r="N664838" s="10"/>
    </row>
    <row r="664839" spans="14:14">
      <c r="N664839" s="10"/>
    </row>
    <row r="664840" spans="14:14">
      <c r="N664840" s="10"/>
    </row>
    <row r="664841" spans="14:14">
      <c r="N664841" s="10"/>
    </row>
    <row r="664842" spans="14:14">
      <c r="N664842" s="10"/>
    </row>
    <row r="664843" spans="14:14">
      <c r="N664843" s="10"/>
    </row>
    <row r="664844" spans="14:14">
      <c r="N664844" s="10"/>
    </row>
    <row r="664845" spans="14:14">
      <c r="N664845" s="10"/>
    </row>
    <row r="664846" spans="14:14">
      <c r="N664846" s="10"/>
    </row>
    <row r="664847" spans="14:14">
      <c r="N664847" s="10"/>
    </row>
    <row r="664848" spans="14:14">
      <c r="N664848" s="10"/>
    </row>
    <row r="664849" spans="14:14">
      <c r="N664849" s="10"/>
    </row>
    <row r="664850" spans="14:14">
      <c r="N664850" s="10"/>
    </row>
    <row r="664851" spans="14:14">
      <c r="N664851" s="10"/>
    </row>
    <row r="664852" spans="14:14">
      <c r="N664852" s="10"/>
    </row>
    <row r="664853" spans="14:14">
      <c r="N664853" s="10"/>
    </row>
    <row r="664854" spans="14:14">
      <c r="N664854" s="10"/>
    </row>
    <row r="664855" spans="14:14">
      <c r="N664855" s="10"/>
    </row>
    <row r="664856" spans="14:14">
      <c r="N664856" s="10"/>
    </row>
    <row r="664857" spans="14:14">
      <c r="N664857" s="10"/>
    </row>
    <row r="664858" spans="14:14">
      <c r="N664858" s="10"/>
    </row>
    <row r="664859" spans="14:14">
      <c r="N664859" s="10"/>
    </row>
    <row r="664860" spans="14:14">
      <c r="N664860" s="10"/>
    </row>
    <row r="664861" spans="14:14">
      <c r="N664861" s="10"/>
    </row>
    <row r="664862" spans="14:14">
      <c r="N664862" s="10"/>
    </row>
    <row r="664863" spans="14:14">
      <c r="N664863" s="10"/>
    </row>
    <row r="664864" spans="14:14">
      <c r="N664864" s="10"/>
    </row>
    <row r="664865" spans="14:14">
      <c r="N664865" s="10"/>
    </row>
    <row r="664866" spans="14:14">
      <c r="N664866" s="10"/>
    </row>
    <row r="664867" spans="14:14">
      <c r="N664867" s="10"/>
    </row>
    <row r="664868" spans="14:14">
      <c r="N664868" s="10"/>
    </row>
    <row r="664869" spans="14:14">
      <c r="N664869" s="10"/>
    </row>
    <row r="664870" spans="14:14">
      <c r="N664870" s="10"/>
    </row>
    <row r="664871" spans="14:14">
      <c r="N664871" s="10"/>
    </row>
    <row r="664872" spans="14:14">
      <c r="N664872" s="10"/>
    </row>
    <row r="664873" spans="14:14">
      <c r="N664873" s="10"/>
    </row>
    <row r="664874" spans="14:14">
      <c r="N664874" s="10"/>
    </row>
    <row r="664875" spans="14:14">
      <c r="N664875" s="10"/>
    </row>
    <row r="664876" spans="14:14">
      <c r="N664876" s="10"/>
    </row>
    <row r="664877" spans="14:14">
      <c r="N664877" s="10"/>
    </row>
    <row r="664878" spans="14:14">
      <c r="N664878" s="10"/>
    </row>
    <row r="664879" spans="14:14">
      <c r="N664879" s="10"/>
    </row>
    <row r="664880" spans="14:14">
      <c r="N664880" s="10"/>
    </row>
    <row r="664881" spans="14:14">
      <c r="N664881" s="10"/>
    </row>
    <row r="664882" spans="14:14">
      <c r="N664882" s="10"/>
    </row>
    <row r="664883" spans="14:14">
      <c r="N664883" s="10"/>
    </row>
    <row r="664884" spans="14:14">
      <c r="N664884" s="10"/>
    </row>
    <row r="664885" spans="14:14">
      <c r="N664885" s="10"/>
    </row>
    <row r="664886" spans="14:14">
      <c r="N664886" s="10"/>
    </row>
    <row r="664887" spans="14:14">
      <c r="N664887" s="10"/>
    </row>
    <row r="664888" spans="14:14">
      <c r="N664888" s="10"/>
    </row>
    <row r="664889" spans="14:14">
      <c r="N664889" s="10"/>
    </row>
    <row r="664890" spans="14:14">
      <c r="N664890" s="10"/>
    </row>
    <row r="664891" spans="14:14">
      <c r="N664891" s="10"/>
    </row>
    <row r="664892" spans="14:14">
      <c r="N664892" s="10"/>
    </row>
    <row r="664893" spans="14:14">
      <c r="N664893" s="10"/>
    </row>
    <row r="664894" spans="14:14">
      <c r="N664894" s="10"/>
    </row>
    <row r="664895" spans="14:14">
      <c r="N664895" s="10"/>
    </row>
    <row r="664896" spans="14:14">
      <c r="N664896" s="10"/>
    </row>
    <row r="664897" spans="14:14">
      <c r="N664897" s="10"/>
    </row>
    <row r="664898" spans="14:14">
      <c r="N664898" s="10"/>
    </row>
    <row r="664899" spans="14:14">
      <c r="N664899" s="10"/>
    </row>
    <row r="664900" spans="14:14">
      <c r="N664900" s="10"/>
    </row>
    <row r="664901" spans="14:14">
      <c r="N664901" s="10"/>
    </row>
    <row r="664902" spans="14:14">
      <c r="N664902" s="10"/>
    </row>
    <row r="664903" spans="14:14">
      <c r="N664903" s="10"/>
    </row>
    <row r="664904" spans="14:14">
      <c r="N664904" s="10"/>
    </row>
    <row r="664905" spans="14:14">
      <c r="N664905" s="10"/>
    </row>
    <row r="664906" spans="14:14">
      <c r="N664906" s="10"/>
    </row>
    <row r="664907" spans="14:14">
      <c r="N664907" s="10"/>
    </row>
    <row r="664908" spans="14:14">
      <c r="N664908" s="10"/>
    </row>
    <row r="664909" spans="14:14">
      <c r="N664909" s="10"/>
    </row>
    <row r="664910" spans="14:14">
      <c r="N664910" s="10"/>
    </row>
    <row r="664911" spans="14:14">
      <c r="N664911" s="10"/>
    </row>
    <row r="664912" spans="14:14">
      <c r="N664912" s="10"/>
    </row>
    <row r="664913" spans="14:14">
      <c r="N664913" s="10"/>
    </row>
    <row r="664914" spans="14:14">
      <c r="N664914" s="10"/>
    </row>
    <row r="664915" spans="14:14">
      <c r="N664915" s="10"/>
    </row>
    <row r="664916" spans="14:14">
      <c r="N664916" s="10"/>
    </row>
    <row r="664917" spans="14:14">
      <c r="N664917" s="10"/>
    </row>
    <row r="664918" spans="14:14">
      <c r="N664918" s="10"/>
    </row>
    <row r="664919" spans="14:14">
      <c r="N664919" s="10"/>
    </row>
    <row r="664920" spans="14:14">
      <c r="N664920" s="10"/>
    </row>
    <row r="664921" spans="14:14">
      <c r="N664921" s="10"/>
    </row>
    <row r="664922" spans="14:14">
      <c r="N664922" s="10"/>
    </row>
    <row r="664923" spans="14:14">
      <c r="N664923" s="10"/>
    </row>
    <row r="664924" spans="14:14">
      <c r="N664924" s="10"/>
    </row>
    <row r="664925" spans="14:14">
      <c r="N664925" s="10"/>
    </row>
    <row r="664926" spans="14:14">
      <c r="N664926" s="10"/>
    </row>
    <row r="664927" spans="14:14">
      <c r="N664927" s="10"/>
    </row>
    <row r="664928" spans="14:14">
      <c r="N664928" s="10"/>
    </row>
    <row r="664929" spans="14:14">
      <c r="N664929" s="10"/>
    </row>
    <row r="664930" spans="14:14">
      <c r="N664930" s="10"/>
    </row>
    <row r="664931" spans="14:14">
      <c r="N664931" s="10"/>
    </row>
    <row r="664932" spans="14:14">
      <c r="N664932" s="10"/>
    </row>
    <row r="664933" spans="14:14">
      <c r="N664933" s="10"/>
    </row>
    <row r="664934" spans="14:14">
      <c r="N664934" s="10"/>
    </row>
    <row r="664935" spans="14:14">
      <c r="N664935" s="10"/>
    </row>
    <row r="664936" spans="14:14">
      <c r="N664936" s="10"/>
    </row>
    <row r="664937" spans="14:14">
      <c r="N664937" s="10"/>
    </row>
    <row r="664938" spans="14:14">
      <c r="N664938" s="10"/>
    </row>
    <row r="664939" spans="14:14">
      <c r="N664939" s="10"/>
    </row>
    <row r="664940" spans="14:14">
      <c r="N664940" s="10"/>
    </row>
    <row r="664941" spans="14:14">
      <c r="N664941" s="10"/>
    </row>
    <row r="664942" spans="14:14">
      <c r="N664942" s="10"/>
    </row>
    <row r="664943" spans="14:14">
      <c r="N664943" s="10"/>
    </row>
    <row r="664944" spans="14:14">
      <c r="N664944" s="10"/>
    </row>
    <row r="664945" spans="14:14">
      <c r="N664945" s="10"/>
    </row>
    <row r="664946" spans="14:14">
      <c r="N664946" s="10"/>
    </row>
    <row r="664947" spans="14:14">
      <c r="N664947" s="10"/>
    </row>
    <row r="664948" spans="14:14">
      <c r="N664948" s="10"/>
    </row>
    <row r="664949" spans="14:14">
      <c r="N664949" s="10"/>
    </row>
    <row r="664950" spans="14:14">
      <c r="N664950" s="10"/>
    </row>
    <row r="664951" spans="14:14">
      <c r="N664951" s="10"/>
    </row>
    <row r="664952" spans="14:14">
      <c r="N664952" s="10"/>
    </row>
    <row r="664953" spans="14:14">
      <c r="N664953" s="10"/>
    </row>
    <row r="664954" spans="14:14">
      <c r="N664954" s="10"/>
    </row>
    <row r="664955" spans="14:14">
      <c r="N664955" s="10"/>
    </row>
    <row r="664956" spans="14:14">
      <c r="N664956" s="10"/>
    </row>
    <row r="664957" spans="14:14">
      <c r="N664957" s="10"/>
    </row>
    <row r="664958" spans="14:14">
      <c r="N664958" s="10"/>
    </row>
    <row r="664959" spans="14:14">
      <c r="N664959" s="10"/>
    </row>
    <row r="664960" spans="14:14">
      <c r="N664960" s="10"/>
    </row>
    <row r="664961" spans="14:14">
      <c r="N664961" s="10"/>
    </row>
    <row r="664962" spans="14:14">
      <c r="N664962" s="10"/>
    </row>
    <row r="664963" spans="14:14">
      <c r="N664963" s="10"/>
    </row>
    <row r="664964" spans="14:14">
      <c r="N664964" s="10"/>
    </row>
    <row r="664965" spans="14:14">
      <c r="N664965" s="10"/>
    </row>
    <row r="664966" spans="14:14">
      <c r="N664966" s="10"/>
    </row>
    <row r="664967" spans="14:14">
      <c r="N664967" s="10"/>
    </row>
    <row r="664968" spans="14:14">
      <c r="N664968" s="10"/>
    </row>
    <row r="664969" spans="14:14">
      <c r="N664969" s="10"/>
    </row>
    <row r="664970" spans="14:14">
      <c r="N664970" s="10"/>
    </row>
    <row r="664971" spans="14:14">
      <c r="N664971" s="10"/>
    </row>
    <row r="664972" spans="14:14">
      <c r="N664972" s="10"/>
    </row>
    <row r="664973" spans="14:14">
      <c r="N664973" s="10"/>
    </row>
    <row r="664974" spans="14:14">
      <c r="N664974" s="10"/>
    </row>
    <row r="664975" spans="14:14">
      <c r="N664975" s="10"/>
    </row>
    <row r="664976" spans="14:14">
      <c r="N664976" s="10"/>
    </row>
    <row r="664977" spans="14:14">
      <c r="N664977" s="10"/>
    </row>
    <row r="664978" spans="14:14">
      <c r="N664978" s="10"/>
    </row>
    <row r="664979" spans="14:14">
      <c r="N664979" s="10"/>
    </row>
    <row r="664980" spans="14:14">
      <c r="N664980" s="10"/>
    </row>
    <row r="664981" spans="14:14">
      <c r="N664981" s="10"/>
    </row>
    <row r="664982" spans="14:14">
      <c r="N664982" s="10"/>
    </row>
    <row r="664983" spans="14:14">
      <c r="N664983" s="10"/>
    </row>
    <row r="664984" spans="14:14">
      <c r="N664984" s="10"/>
    </row>
    <row r="664985" spans="14:14">
      <c r="N664985" s="10"/>
    </row>
    <row r="664986" spans="14:14">
      <c r="N664986" s="10"/>
    </row>
    <row r="664987" spans="14:14">
      <c r="N664987" s="10"/>
    </row>
    <row r="664988" spans="14:14">
      <c r="N664988" s="10"/>
    </row>
    <row r="664989" spans="14:14">
      <c r="N664989" s="10"/>
    </row>
    <row r="664990" spans="14:14">
      <c r="N664990" s="10"/>
    </row>
    <row r="664991" spans="14:14">
      <c r="N664991" s="10"/>
    </row>
    <row r="664992" spans="14:14">
      <c r="N664992" s="10"/>
    </row>
    <row r="664993" spans="14:14">
      <c r="N664993" s="10"/>
    </row>
    <row r="664994" spans="14:14">
      <c r="N664994" s="10"/>
    </row>
    <row r="664995" spans="14:14">
      <c r="N664995" s="10"/>
    </row>
    <row r="664996" spans="14:14">
      <c r="N664996" s="10"/>
    </row>
    <row r="664997" spans="14:14">
      <c r="N664997" s="10"/>
    </row>
    <row r="664998" spans="14:14">
      <c r="N664998" s="10"/>
    </row>
    <row r="664999" spans="14:14">
      <c r="N664999" s="10"/>
    </row>
    <row r="665000" spans="14:14">
      <c r="N665000" s="10"/>
    </row>
    <row r="665001" spans="14:14">
      <c r="N665001" s="10"/>
    </row>
    <row r="665002" spans="14:14">
      <c r="N665002" s="10"/>
    </row>
    <row r="665003" spans="14:14">
      <c r="N665003" s="10"/>
    </row>
    <row r="665004" spans="14:14">
      <c r="N665004" s="10"/>
    </row>
    <row r="665005" spans="14:14">
      <c r="N665005" s="10"/>
    </row>
    <row r="665006" spans="14:14">
      <c r="N665006" s="10"/>
    </row>
    <row r="665007" spans="14:14">
      <c r="N665007" s="10"/>
    </row>
    <row r="665008" spans="14:14">
      <c r="N665008" s="10"/>
    </row>
    <row r="665009" spans="14:14">
      <c r="N665009" s="10"/>
    </row>
    <row r="665010" spans="14:14">
      <c r="N665010" s="10"/>
    </row>
    <row r="665011" spans="14:14">
      <c r="N665011" s="10"/>
    </row>
    <row r="665012" spans="14:14">
      <c r="N665012" s="10"/>
    </row>
    <row r="665013" spans="14:14">
      <c r="N665013" s="10"/>
    </row>
    <row r="665014" spans="14:14">
      <c r="N665014" s="10"/>
    </row>
    <row r="665015" spans="14:14">
      <c r="N665015" s="10"/>
    </row>
    <row r="665016" spans="14:14">
      <c r="N665016" s="10"/>
    </row>
    <row r="665017" spans="14:14">
      <c r="N665017" s="10"/>
    </row>
    <row r="665018" spans="14:14">
      <c r="N665018" s="10"/>
    </row>
    <row r="665019" spans="14:14">
      <c r="N665019" s="10"/>
    </row>
    <row r="665020" spans="14:14">
      <c r="N665020" s="10"/>
    </row>
    <row r="665021" spans="14:14">
      <c r="N665021" s="10"/>
    </row>
    <row r="665022" spans="14:14">
      <c r="N665022" s="10"/>
    </row>
    <row r="665023" spans="14:14">
      <c r="N665023" s="10"/>
    </row>
    <row r="665024" spans="14:14">
      <c r="N665024" s="10"/>
    </row>
    <row r="665025" spans="14:14">
      <c r="N665025" s="10"/>
    </row>
    <row r="665026" spans="14:14">
      <c r="N665026" s="10"/>
    </row>
    <row r="665027" spans="14:14">
      <c r="N665027" s="10"/>
    </row>
    <row r="665028" spans="14:14">
      <c r="N665028" s="10"/>
    </row>
    <row r="665029" spans="14:14">
      <c r="N665029" s="10"/>
    </row>
    <row r="665030" spans="14:14">
      <c r="N665030" s="10"/>
    </row>
    <row r="665031" spans="14:14">
      <c r="N665031" s="10"/>
    </row>
    <row r="665032" spans="14:14">
      <c r="N665032" s="10"/>
    </row>
    <row r="665033" spans="14:14">
      <c r="N665033" s="10"/>
    </row>
    <row r="665034" spans="14:14">
      <c r="N665034" s="10"/>
    </row>
    <row r="665035" spans="14:14">
      <c r="N665035" s="10"/>
    </row>
    <row r="665036" spans="14:14">
      <c r="N665036" s="10"/>
    </row>
    <row r="665037" spans="14:14">
      <c r="N665037" s="10"/>
    </row>
    <row r="665038" spans="14:14">
      <c r="N665038" s="10"/>
    </row>
    <row r="665039" spans="14:14">
      <c r="N665039" s="10"/>
    </row>
    <row r="665040" spans="14:14">
      <c r="N665040" s="10"/>
    </row>
    <row r="665041" spans="14:14">
      <c r="N665041" s="10"/>
    </row>
    <row r="665042" spans="14:14">
      <c r="N665042" s="10"/>
    </row>
    <row r="665043" spans="14:14">
      <c r="N665043" s="10"/>
    </row>
    <row r="665044" spans="14:14">
      <c r="N665044" s="10"/>
    </row>
    <row r="665045" spans="14:14">
      <c r="N665045" s="10"/>
    </row>
    <row r="665046" spans="14:14">
      <c r="N665046" s="10"/>
    </row>
    <row r="665047" spans="14:14">
      <c r="N665047" s="10"/>
    </row>
    <row r="665048" spans="14:14">
      <c r="N665048" s="10"/>
    </row>
    <row r="665049" spans="14:14">
      <c r="N665049" s="10"/>
    </row>
    <row r="665050" spans="14:14">
      <c r="N665050" s="10"/>
    </row>
    <row r="665051" spans="14:14">
      <c r="N665051" s="10"/>
    </row>
    <row r="665052" spans="14:14">
      <c r="N665052" s="10"/>
    </row>
    <row r="665053" spans="14:14">
      <c r="N665053" s="10"/>
    </row>
    <row r="665054" spans="14:14">
      <c r="N665054" s="10"/>
    </row>
    <row r="665055" spans="14:14">
      <c r="N665055" s="10"/>
    </row>
    <row r="665056" spans="14:14">
      <c r="N665056" s="10"/>
    </row>
    <row r="665057" spans="14:14">
      <c r="N665057" s="10"/>
    </row>
    <row r="665058" spans="14:14">
      <c r="N665058" s="10"/>
    </row>
    <row r="665059" spans="14:14">
      <c r="N665059" s="10"/>
    </row>
    <row r="665060" spans="14:14">
      <c r="N665060" s="10"/>
    </row>
    <row r="665061" spans="14:14">
      <c r="N665061" s="10"/>
    </row>
    <row r="665062" spans="14:14">
      <c r="N665062" s="10"/>
    </row>
    <row r="665063" spans="14:14">
      <c r="N665063" s="10"/>
    </row>
    <row r="665064" spans="14:14">
      <c r="N665064" s="10"/>
    </row>
    <row r="665065" spans="14:14">
      <c r="N665065" s="10"/>
    </row>
    <row r="665066" spans="14:14">
      <c r="N665066" s="10"/>
    </row>
    <row r="665067" spans="14:14">
      <c r="N665067" s="10"/>
    </row>
    <row r="665068" spans="14:14">
      <c r="N665068" s="10"/>
    </row>
    <row r="665069" spans="14:14">
      <c r="N665069" s="10"/>
    </row>
    <row r="665070" spans="14:14">
      <c r="N665070" s="10"/>
    </row>
    <row r="665071" spans="14:14">
      <c r="N665071" s="10"/>
    </row>
    <row r="665072" spans="14:14">
      <c r="N665072" s="10"/>
    </row>
    <row r="665073" spans="14:14">
      <c r="N665073" s="10"/>
    </row>
    <row r="665074" spans="14:14">
      <c r="N665074" s="10"/>
    </row>
    <row r="665075" spans="14:14">
      <c r="N665075" s="10"/>
    </row>
    <row r="665076" spans="14:14">
      <c r="N665076" s="10"/>
    </row>
    <row r="665077" spans="14:14">
      <c r="N665077" s="10"/>
    </row>
    <row r="665078" spans="14:14">
      <c r="N665078" s="10"/>
    </row>
    <row r="665079" spans="14:14">
      <c r="N665079" s="10"/>
    </row>
    <row r="665080" spans="14:14">
      <c r="N665080" s="10"/>
    </row>
    <row r="665081" spans="14:14">
      <c r="N665081" s="10"/>
    </row>
    <row r="665082" spans="14:14">
      <c r="N665082" s="10"/>
    </row>
    <row r="665083" spans="14:14">
      <c r="N665083" s="10"/>
    </row>
    <row r="665084" spans="14:14">
      <c r="N665084" s="10"/>
    </row>
    <row r="665085" spans="14:14">
      <c r="N665085" s="10"/>
    </row>
    <row r="665086" spans="14:14">
      <c r="N665086" s="10"/>
    </row>
    <row r="665087" spans="14:14">
      <c r="N665087" s="10"/>
    </row>
    <row r="665088" spans="14:14">
      <c r="N665088" s="10"/>
    </row>
    <row r="665089" spans="14:14">
      <c r="N665089" s="10"/>
    </row>
    <row r="665090" spans="14:14">
      <c r="N665090" s="10"/>
    </row>
    <row r="665091" spans="14:14">
      <c r="N665091" s="10"/>
    </row>
    <row r="665092" spans="14:14">
      <c r="N665092" s="10"/>
    </row>
    <row r="665093" spans="14:14">
      <c r="N665093" s="10"/>
    </row>
    <row r="665094" spans="14:14">
      <c r="N665094" s="10"/>
    </row>
    <row r="665095" spans="14:14">
      <c r="N665095" s="10"/>
    </row>
    <row r="665096" spans="14:14">
      <c r="N665096" s="10"/>
    </row>
    <row r="665097" spans="14:14">
      <c r="N665097" s="10"/>
    </row>
    <row r="665098" spans="14:14">
      <c r="N665098" s="10"/>
    </row>
    <row r="665099" spans="14:14">
      <c r="N665099" s="10"/>
    </row>
    <row r="665100" spans="14:14">
      <c r="N665100" s="10"/>
    </row>
    <row r="665101" spans="14:14">
      <c r="N665101" s="10"/>
    </row>
    <row r="665102" spans="14:14">
      <c r="N665102" s="10"/>
    </row>
    <row r="665103" spans="14:14">
      <c r="N665103" s="10"/>
    </row>
    <row r="665104" spans="14:14">
      <c r="N665104" s="10"/>
    </row>
    <row r="665105" spans="14:14">
      <c r="N665105" s="10"/>
    </row>
    <row r="665106" spans="14:14">
      <c r="N665106" s="10"/>
    </row>
    <row r="665107" spans="14:14">
      <c r="N665107" s="10"/>
    </row>
    <row r="665108" spans="14:14">
      <c r="N665108" s="10"/>
    </row>
    <row r="665109" spans="14:14">
      <c r="N665109" s="10"/>
    </row>
    <row r="665110" spans="14:14">
      <c r="N665110" s="10"/>
    </row>
    <row r="665111" spans="14:14">
      <c r="N665111" s="10"/>
    </row>
    <row r="665112" spans="14:14">
      <c r="N665112" s="10"/>
    </row>
    <row r="665113" spans="14:14">
      <c r="N665113" s="10"/>
    </row>
    <row r="665114" spans="14:14">
      <c r="N665114" s="10"/>
    </row>
    <row r="665115" spans="14:14">
      <c r="N665115" s="10"/>
    </row>
    <row r="665116" spans="14:14">
      <c r="N665116" s="10"/>
    </row>
    <row r="665117" spans="14:14">
      <c r="N665117" s="10"/>
    </row>
    <row r="665118" spans="14:14">
      <c r="N665118" s="10"/>
    </row>
    <row r="665119" spans="14:14">
      <c r="N665119" s="10"/>
    </row>
    <row r="665120" spans="14:14">
      <c r="N665120" s="10"/>
    </row>
    <row r="665121" spans="14:14">
      <c r="N665121" s="10"/>
    </row>
    <row r="665122" spans="14:14">
      <c r="N665122" s="10"/>
    </row>
    <row r="665123" spans="14:14">
      <c r="N665123" s="10"/>
    </row>
    <row r="665124" spans="14:14">
      <c r="N665124" s="10"/>
    </row>
    <row r="665125" spans="14:14">
      <c r="N665125" s="10"/>
    </row>
    <row r="665126" spans="14:14">
      <c r="N665126" s="10"/>
    </row>
    <row r="665127" spans="14:14">
      <c r="N665127" s="10"/>
    </row>
    <row r="665128" spans="14:14">
      <c r="N665128" s="10"/>
    </row>
    <row r="665129" spans="14:14">
      <c r="N665129" s="10"/>
    </row>
    <row r="665130" spans="14:14">
      <c r="N665130" s="10"/>
    </row>
    <row r="665131" spans="14:14">
      <c r="N665131" s="10"/>
    </row>
    <row r="665132" spans="14:14">
      <c r="N665132" s="10"/>
    </row>
    <row r="665133" spans="14:14">
      <c r="N665133" s="10"/>
    </row>
    <row r="665134" spans="14:14">
      <c r="N665134" s="10"/>
    </row>
    <row r="665135" spans="14:14">
      <c r="N665135" s="10"/>
    </row>
    <row r="665136" spans="14:14">
      <c r="N665136" s="10"/>
    </row>
    <row r="665137" spans="14:14">
      <c r="N665137" s="10"/>
    </row>
    <row r="665138" spans="14:14">
      <c r="N665138" s="10"/>
    </row>
    <row r="665139" spans="14:14">
      <c r="N665139" s="10"/>
    </row>
    <row r="665140" spans="14:14">
      <c r="N665140" s="10"/>
    </row>
    <row r="665141" spans="14:14">
      <c r="N665141" s="10"/>
    </row>
    <row r="665142" spans="14:14">
      <c r="N665142" s="10"/>
    </row>
    <row r="665143" spans="14:14">
      <c r="N665143" s="10"/>
    </row>
    <row r="665144" spans="14:14">
      <c r="N665144" s="10"/>
    </row>
    <row r="665145" spans="14:14">
      <c r="N665145" s="10"/>
    </row>
    <row r="665146" spans="14:14">
      <c r="N665146" s="10"/>
    </row>
    <row r="665147" spans="14:14">
      <c r="N665147" s="10"/>
    </row>
    <row r="665148" spans="14:14">
      <c r="N665148" s="10"/>
    </row>
    <row r="665149" spans="14:14">
      <c r="N665149" s="10"/>
    </row>
    <row r="665150" spans="14:14">
      <c r="N665150" s="10"/>
    </row>
    <row r="665151" spans="14:14">
      <c r="N665151" s="10"/>
    </row>
    <row r="665152" spans="14:14">
      <c r="N665152" s="10"/>
    </row>
    <row r="665153" spans="14:14">
      <c r="N665153" s="10"/>
    </row>
    <row r="665154" spans="14:14">
      <c r="N665154" s="10"/>
    </row>
    <row r="665155" spans="14:14">
      <c r="N665155" s="10"/>
    </row>
    <row r="665156" spans="14:14">
      <c r="N665156" s="10"/>
    </row>
    <row r="665157" spans="14:14">
      <c r="N665157" s="10"/>
    </row>
    <row r="665158" spans="14:14">
      <c r="N665158" s="10"/>
    </row>
    <row r="665159" spans="14:14">
      <c r="N665159" s="10"/>
    </row>
    <row r="665160" spans="14:14">
      <c r="N665160" s="10"/>
    </row>
    <row r="665161" spans="14:14">
      <c r="N665161" s="10"/>
    </row>
    <row r="665162" spans="14:14">
      <c r="N665162" s="10"/>
    </row>
    <row r="665163" spans="14:14">
      <c r="N665163" s="10"/>
    </row>
    <row r="665164" spans="14:14">
      <c r="N665164" s="10"/>
    </row>
    <row r="665165" spans="14:14">
      <c r="N665165" s="10"/>
    </row>
    <row r="665166" spans="14:14">
      <c r="N665166" s="10"/>
    </row>
    <row r="665167" spans="14:14">
      <c r="N665167" s="10"/>
    </row>
    <row r="665168" spans="14:14">
      <c r="N665168" s="10"/>
    </row>
    <row r="665169" spans="14:14">
      <c r="N665169" s="10"/>
    </row>
    <row r="665170" spans="14:14">
      <c r="N665170" s="10"/>
    </row>
    <row r="665171" spans="14:14">
      <c r="N665171" s="10"/>
    </row>
    <row r="665172" spans="14:14">
      <c r="N665172" s="10"/>
    </row>
    <row r="665173" spans="14:14">
      <c r="N665173" s="10"/>
    </row>
    <row r="665174" spans="14:14">
      <c r="N665174" s="10"/>
    </row>
    <row r="665175" spans="14:14">
      <c r="N665175" s="10"/>
    </row>
    <row r="665176" spans="14:14">
      <c r="N665176" s="10"/>
    </row>
    <row r="665177" spans="14:14">
      <c r="N665177" s="10"/>
    </row>
    <row r="665178" spans="14:14">
      <c r="N665178" s="10"/>
    </row>
    <row r="665179" spans="14:14">
      <c r="N665179" s="10"/>
    </row>
    <row r="665180" spans="14:14">
      <c r="N665180" s="10"/>
    </row>
    <row r="665181" spans="14:14">
      <c r="N665181" s="10"/>
    </row>
    <row r="665182" spans="14:14">
      <c r="N665182" s="10"/>
    </row>
    <row r="665183" spans="14:14">
      <c r="N665183" s="10"/>
    </row>
    <row r="665184" spans="14:14">
      <c r="N665184" s="10"/>
    </row>
    <row r="665185" spans="14:14">
      <c r="N665185" s="10"/>
    </row>
    <row r="665186" spans="14:14">
      <c r="N665186" s="10"/>
    </row>
    <row r="665187" spans="14:14">
      <c r="N665187" s="10"/>
    </row>
    <row r="665188" spans="14:14">
      <c r="N665188" s="10"/>
    </row>
    <row r="665189" spans="14:14">
      <c r="N665189" s="10"/>
    </row>
    <row r="665190" spans="14:14">
      <c r="N665190" s="10"/>
    </row>
    <row r="665191" spans="14:14">
      <c r="N665191" s="10"/>
    </row>
    <row r="665192" spans="14:14">
      <c r="N665192" s="10"/>
    </row>
    <row r="665193" spans="14:14">
      <c r="N665193" s="10"/>
    </row>
    <row r="665194" spans="14:14">
      <c r="N665194" s="10"/>
    </row>
    <row r="665195" spans="14:14">
      <c r="N665195" s="10"/>
    </row>
    <row r="665196" spans="14:14">
      <c r="N665196" s="10"/>
    </row>
    <row r="665197" spans="14:14">
      <c r="N665197" s="10"/>
    </row>
    <row r="665198" spans="14:14">
      <c r="N665198" s="10"/>
    </row>
    <row r="665199" spans="14:14">
      <c r="N665199" s="10"/>
    </row>
    <row r="665200" spans="14:14">
      <c r="N665200" s="10"/>
    </row>
    <row r="665201" spans="14:14">
      <c r="N665201" s="10"/>
    </row>
    <row r="665202" spans="14:14">
      <c r="N665202" s="10"/>
    </row>
    <row r="665203" spans="14:14">
      <c r="N665203" s="10"/>
    </row>
    <row r="665204" spans="14:14">
      <c r="N665204" s="10"/>
    </row>
    <row r="665205" spans="14:14">
      <c r="N665205" s="10"/>
    </row>
    <row r="665206" spans="14:14">
      <c r="N665206" s="10"/>
    </row>
    <row r="665207" spans="14:14">
      <c r="N665207" s="10"/>
    </row>
    <row r="665208" spans="14:14">
      <c r="N665208" s="10"/>
    </row>
    <row r="665209" spans="14:14">
      <c r="N665209" s="10"/>
    </row>
    <row r="665210" spans="14:14">
      <c r="N665210" s="10"/>
    </row>
    <row r="665211" spans="14:14">
      <c r="N665211" s="10"/>
    </row>
    <row r="665212" spans="14:14">
      <c r="N665212" s="10"/>
    </row>
    <row r="665213" spans="14:14">
      <c r="N665213" s="10"/>
    </row>
    <row r="665214" spans="14:14">
      <c r="N665214" s="10"/>
    </row>
    <row r="665215" spans="14:14">
      <c r="N665215" s="10"/>
    </row>
    <row r="665216" spans="14:14">
      <c r="N665216" s="10"/>
    </row>
    <row r="665217" spans="14:14">
      <c r="N665217" s="10"/>
    </row>
    <row r="665218" spans="14:14">
      <c r="N665218" s="10"/>
    </row>
    <row r="665219" spans="14:14">
      <c r="N665219" s="10"/>
    </row>
    <row r="665220" spans="14:14">
      <c r="N665220" s="10"/>
    </row>
    <row r="665221" spans="14:14">
      <c r="N665221" s="10"/>
    </row>
    <row r="665222" spans="14:14">
      <c r="N665222" s="10"/>
    </row>
    <row r="665223" spans="14:14">
      <c r="N665223" s="10"/>
    </row>
    <row r="665224" spans="14:14">
      <c r="N665224" s="10"/>
    </row>
    <row r="665225" spans="14:14">
      <c r="N665225" s="10"/>
    </row>
    <row r="665226" spans="14:14">
      <c r="N665226" s="10"/>
    </row>
    <row r="665227" spans="14:14">
      <c r="N665227" s="10"/>
    </row>
    <row r="665228" spans="14:14">
      <c r="N665228" s="10"/>
    </row>
    <row r="665229" spans="14:14">
      <c r="N665229" s="10"/>
    </row>
    <row r="665230" spans="14:14">
      <c r="N665230" s="10"/>
    </row>
    <row r="665231" spans="14:14">
      <c r="N665231" s="10"/>
    </row>
    <row r="665232" spans="14:14">
      <c r="N665232" s="10"/>
    </row>
    <row r="665233" spans="14:14">
      <c r="N665233" s="10"/>
    </row>
    <row r="665234" spans="14:14">
      <c r="N665234" s="10"/>
    </row>
    <row r="665235" spans="14:14">
      <c r="N665235" s="10"/>
    </row>
    <row r="665236" spans="14:14">
      <c r="N665236" s="10"/>
    </row>
    <row r="665237" spans="14:14">
      <c r="N665237" s="10"/>
    </row>
    <row r="665238" spans="14:14">
      <c r="N665238" s="10"/>
    </row>
    <row r="665239" spans="14:14">
      <c r="N665239" s="10"/>
    </row>
    <row r="665240" spans="14:14">
      <c r="N665240" s="10"/>
    </row>
    <row r="665241" spans="14:14">
      <c r="N665241" s="10"/>
    </row>
    <row r="665242" spans="14:14">
      <c r="N665242" s="10"/>
    </row>
    <row r="665243" spans="14:14">
      <c r="N665243" s="10"/>
    </row>
    <row r="665244" spans="14:14">
      <c r="N665244" s="10"/>
    </row>
    <row r="665245" spans="14:14">
      <c r="N665245" s="10"/>
    </row>
    <row r="665246" spans="14:14">
      <c r="N665246" s="10"/>
    </row>
    <row r="665247" spans="14:14">
      <c r="N665247" s="10"/>
    </row>
    <row r="665248" spans="14:14">
      <c r="N665248" s="10"/>
    </row>
    <row r="665249" spans="14:14">
      <c r="N665249" s="10"/>
    </row>
    <row r="665250" spans="14:14">
      <c r="N665250" s="10"/>
    </row>
    <row r="665251" spans="14:14">
      <c r="N665251" s="10"/>
    </row>
    <row r="665252" spans="14:14">
      <c r="N665252" s="10"/>
    </row>
    <row r="665253" spans="14:14">
      <c r="N665253" s="10"/>
    </row>
    <row r="665254" spans="14:14">
      <c r="N665254" s="10"/>
    </row>
    <row r="665255" spans="14:14">
      <c r="N665255" s="10"/>
    </row>
    <row r="665256" spans="14:14">
      <c r="N665256" s="10"/>
    </row>
    <row r="665257" spans="14:14">
      <c r="N665257" s="10"/>
    </row>
    <row r="665258" spans="14:14">
      <c r="N665258" s="10"/>
    </row>
    <row r="665259" spans="14:14">
      <c r="N665259" s="10"/>
    </row>
    <row r="665260" spans="14:14">
      <c r="N665260" s="10"/>
    </row>
    <row r="665261" spans="14:14">
      <c r="N665261" s="10"/>
    </row>
    <row r="665262" spans="14:14">
      <c r="N665262" s="10"/>
    </row>
    <row r="665263" spans="14:14">
      <c r="N665263" s="10"/>
    </row>
    <row r="665264" spans="14:14">
      <c r="N665264" s="10"/>
    </row>
    <row r="665265" spans="14:14">
      <c r="N665265" s="10"/>
    </row>
    <row r="665266" spans="14:14">
      <c r="N665266" s="10"/>
    </row>
    <row r="665267" spans="14:14">
      <c r="N665267" s="10"/>
    </row>
    <row r="665268" spans="14:14">
      <c r="N665268" s="10"/>
    </row>
    <row r="665269" spans="14:14">
      <c r="N665269" s="10"/>
    </row>
    <row r="665270" spans="14:14">
      <c r="N665270" s="10"/>
    </row>
    <row r="665271" spans="14:14">
      <c r="N665271" s="10"/>
    </row>
    <row r="665272" spans="14:14">
      <c r="N665272" s="10"/>
    </row>
    <row r="665273" spans="14:14">
      <c r="N665273" s="10"/>
    </row>
    <row r="665274" spans="14:14">
      <c r="N665274" s="10"/>
    </row>
    <row r="665275" spans="14:14">
      <c r="N665275" s="10"/>
    </row>
    <row r="665276" spans="14:14">
      <c r="N665276" s="10"/>
    </row>
    <row r="665277" spans="14:14">
      <c r="N665277" s="10"/>
    </row>
    <row r="665278" spans="14:14">
      <c r="N665278" s="10"/>
    </row>
    <row r="665279" spans="14:14">
      <c r="N665279" s="10"/>
    </row>
    <row r="665280" spans="14:14">
      <c r="N665280" s="10"/>
    </row>
    <row r="665281" spans="14:14">
      <c r="N665281" s="10"/>
    </row>
    <row r="665282" spans="14:14">
      <c r="N665282" s="10"/>
    </row>
    <row r="665283" spans="14:14">
      <c r="N665283" s="10"/>
    </row>
    <row r="665284" spans="14:14">
      <c r="N665284" s="10"/>
    </row>
    <row r="665285" spans="14:14">
      <c r="N665285" s="10"/>
    </row>
    <row r="665286" spans="14:14">
      <c r="N665286" s="10"/>
    </row>
    <row r="665287" spans="14:14">
      <c r="N665287" s="10"/>
    </row>
    <row r="665288" spans="14:14">
      <c r="N665288" s="10"/>
    </row>
    <row r="665289" spans="14:14">
      <c r="N665289" s="10"/>
    </row>
    <row r="665290" spans="14:14">
      <c r="N665290" s="10"/>
    </row>
    <row r="665291" spans="14:14">
      <c r="N665291" s="10"/>
    </row>
    <row r="665292" spans="14:14">
      <c r="N665292" s="10"/>
    </row>
    <row r="665293" spans="14:14">
      <c r="N665293" s="10"/>
    </row>
    <row r="665294" spans="14:14">
      <c r="N665294" s="10"/>
    </row>
    <row r="665295" spans="14:14">
      <c r="N665295" s="10"/>
    </row>
    <row r="665296" spans="14:14">
      <c r="N665296" s="10"/>
    </row>
    <row r="665297" spans="14:14">
      <c r="N665297" s="10"/>
    </row>
    <row r="665298" spans="14:14">
      <c r="N665298" s="10"/>
    </row>
    <row r="665299" spans="14:14">
      <c r="N665299" s="10"/>
    </row>
    <row r="665300" spans="14:14">
      <c r="N665300" s="10"/>
    </row>
    <row r="665301" spans="14:14">
      <c r="N665301" s="10"/>
    </row>
    <row r="665302" spans="14:14">
      <c r="N665302" s="10"/>
    </row>
    <row r="665303" spans="14:14">
      <c r="N665303" s="10"/>
    </row>
    <row r="665304" spans="14:14">
      <c r="N665304" s="10"/>
    </row>
    <row r="665305" spans="14:14">
      <c r="N665305" s="10"/>
    </row>
    <row r="665306" spans="14:14">
      <c r="N665306" s="10"/>
    </row>
    <row r="665307" spans="14:14">
      <c r="N665307" s="10"/>
    </row>
    <row r="665308" spans="14:14">
      <c r="N665308" s="10"/>
    </row>
    <row r="665309" spans="14:14">
      <c r="N665309" s="10"/>
    </row>
    <row r="665310" spans="14:14">
      <c r="N665310" s="10"/>
    </row>
    <row r="665311" spans="14:14">
      <c r="N665311" s="10"/>
    </row>
    <row r="665312" spans="14:14">
      <c r="N665312" s="10"/>
    </row>
    <row r="665313" spans="14:14">
      <c r="N665313" s="10"/>
    </row>
    <row r="665314" spans="14:14">
      <c r="N665314" s="10"/>
    </row>
    <row r="665315" spans="14:14">
      <c r="N665315" s="10"/>
    </row>
    <row r="665316" spans="14:14">
      <c r="N665316" s="10"/>
    </row>
    <row r="665317" spans="14:14">
      <c r="N665317" s="10"/>
    </row>
    <row r="665318" spans="14:14">
      <c r="N665318" s="10"/>
    </row>
    <row r="665319" spans="14:14">
      <c r="N665319" s="10"/>
    </row>
    <row r="665320" spans="14:14">
      <c r="N665320" s="10"/>
    </row>
    <row r="665321" spans="14:14">
      <c r="N665321" s="10"/>
    </row>
    <row r="665322" spans="14:14">
      <c r="N665322" s="10"/>
    </row>
    <row r="665323" spans="14:14">
      <c r="N665323" s="10"/>
    </row>
    <row r="665324" spans="14:14">
      <c r="N665324" s="10"/>
    </row>
    <row r="665325" spans="14:14">
      <c r="N665325" s="10"/>
    </row>
    <row r="665326" spans="14:14">
      <c r="N665326" s="10"/>
    </row>
    <row r="665327" spans="14:14">
      <c r="N665327" s="10"/>
    </row>
    <row r="665328" spans="14:14">
      <c r="N665328" s="10"/>
    </row>
    <row r="665329" spans="14:14">
      <c r="N665329" s="10"/>
    </row>
    <row r="665330" spans="14:14">
      <c r="N665330" s="10"/>
    </row>
    <row r="665331" spans="14:14">
      <c r="N665331" s="10"/>
    </row>
    <row r="665332" spans="14:14">
      <c r="N665332" s="10"/>
    </row>
    <row r="665333" spans="14:14">
      <c r="N665333" s="10"/>
    </row>
    <row r="665334" spans="14:14">
      <c r="N665334" s="10"/>
    </row>
    <row r="665335" spans="14:14">
      <c r="N665335" s="10"/>
    </row>
    <row r="665336" spans="14:14">
      <c r="N665336" s="10"/>
    </row>
    <row r="665337" spans="14:14">
      <c r="N665337" s="10"/>
    </row>
    <row r="665338" spans="14:14">
      <c r="N665338" s="10"/>
    </row>
    <row r="665339" spans="14:14">
      <c r="N665339" s="10"/>
    </row>
    <row r="665340" spans="14:14">
      <c r="N665340" s="10"/>
    </row>
    <row r="665341" spans="14:14">
      <c r="N665341" s="10"/>
    </row>
    <row r="665342" spans="14:14">
      <c r="N665342" s="10"/>
    </row>
    <row r="665343" spans="14:14">
      <c r="N665343" s="10"/>
    </row>
    <row r="665344" spans="14:14">
      <c r="N665344" s="10"/>
    </row>
    <row r="665345" spans="14:14">
      <c r="N665345" s="10"/>
    </row>
    <row r="665346" spans="14:14">
      <c r="N665346" s="10"/>
    </row>
    <row r="665347" spans="14:14">
      <c r="N665347" s="10"/>
    </row>
    <row r="665348" spans="14:14">
      <c r="N665348" s="10"/>
    </row>
    <row r="665349" spans="14:14">
      <c r="N665349" s="10"/>
    </row>
    <row r="665350" spans="14:14">
      <c r="N665350" s="10"/>
    </row>
    <row r="665351" spans="14:14">
      <c r="N665351" s="10"/>
    </row>
    <row r="665352" spans="14:14">
      <c r="N665352" s="10"/>
    </row>
    <row r="665353" spans="14:14">
      <c r="N665353" s="10"/>
    </row>
    <row r="665354" spans="14:14">
      <c r="N665354" s="10"/>
    </row>
    <row r="665355" spans="14:14">
      <c r="N665355" s="10"/>
    </row>
    <row r="665356" spans="14:14">
      <c r="N665356" s="10"/>
    </row>
    <row r="665357" spans="14:14">
      <c r="N665357" s="10"/>
    </row>
    <row r="665358" spans="14:14">
      <c r="N665358" s="10"/>
    </row>
    <row r="665359" spans="14:14">
      <c r="N665359" s="10"/>
    </row>
    <row r="665360" spans="14:14">
      <c r="N665360" s="10"/>
    </row>
    <row r="665361" spans="14:14">
      <c r="N665361" s="10"/>
    </row>
    <row r="665362" spans="14:14">
      <c r="N665362" s="10"/>
    </row>
    <row r="665363" spans="14:14">
      <c r="N665363" s="10"/>
    </row>
    <row r="665364" spans="14:14">
      <c r="N665364" s="10"/>
    </row>
    <row r="665365" spans="14:14">
      <c r="N665365" s="10"/>
    </row>
    <row r="665366" spans="14:14">
      <c r="N665366" s="10"/>
    </row>
    <row r="665367" spans="14:14">
      <c r="N665367" s="10"/>
    </row>
    <row r="665368" spans="14:14">
      <c r="N665368" s="10"/>
    </row>
    <row r="665369" spans="14:14">
      <c r="N665369" s="10"/>
    </row>
    <row r="665370" spans="14:14">
      <c r="N665370" s="10"/>
    </row>
    <row r="665371" spans="14:14">
      <c r="N665371" s="10"/>
    </row>
    <row r="665372" spans="14:14">
      <c r="N665372" s="10"/>
    </row>
    <row r="665373" spans="14:14">
      <c r="N665373" s="10"/>
    </row>
    <row r="665374" spans="14:14">
      <c r="N665374" s="10"/>
    </row>
    <row r="665375" spans="14:14">
      <c r="N665375" s="10"/>
    </row>
    <row r="665376" spans="14:14">
      <c r="N665376" s="10"/>
    </row>
    <row r="665377" spans="14:14">
      <c r="N665377" s="10"/>
    </row>
    <row r="665378" spans="14:14">
      <c r="N665378" s="10"/>
    </row>
    <row r="665379" spans="14:14">
      <c r="N665379" s="10"/>
    </row>
    <row r="665380" spans="14:14">
      <c r="N665380" s="10"/>
    </row>
    <row r="665381" spans="14:14">
      <c r="N665381" s="10"/>
    </row>
    <row r="665382" spans="14:14">
      <c r="N665382" s="10"/>
    </row>
    <row r="665383" spans="14:14">
      <c r="N665383" s="10"/>
    </row>
    <row r="665384" spans="14:14">
      <c r="N665384" s="10"/>
    </row>
    <row r="665385" spans="14:14">
      <c r="N665385" s="10"/>
    </row>
    <row r="665386" spans="14:14">
      <c r="N665386" s="10"/>
    </row>
    <row r="665387" spans="14:14">
      <c r="N665387" s="10"/>
    </row>
    <row r="665388" spans="14:14">
      <c r="N665388" s="10"/>
    </row>
    <row r="665389" spans="14:14">
      <c r="N665389" s="10"/>
    </row>
    <row r="665390" spans="14:14">
      <c r="N665390" s="10"/>
    </row>
    <row r="665391" spans="14:14">
      <c r="N665391" s="10"/>
    </row>
    <row r="665392" spans="14:14">
      <c r="N665392" s="10"/>
    </row>
    <row r="665393" spans="14:14">
      <c r="N665393" s="10"/>
    </row>
    <row r="665394" spans="14:14">
      <c r="N665394" s="10"/>
    </row>
    <row r="665395" spans="14:14">
      <c r="N665395" s="10"/>
    </row>
    <row r="665396" spans="14:14">
      <c r="N665396" s="10"/>
    </row>
    <row r="665397" spans="14:14">
      <c r="N665397" s="10"/>
    </row>
    <row r="665398" spans="14:14">
      <c r="N665398" s="10"/>
    </row>
    <row r="665399" spans="14:14">
      <c r="N665399" s="10"/>
    </row>
    <row r="665400" spans="14:14">
      <c r="N665400" s="10"/>
    </row>
    <row r="665401" spans="14:14">
      <c r="N665401" s="10"/>
    </row>
    <row r="665402" spans="14:14">
      <c r="N665402" s="10"/>
    </row>
    <row r="665403" spans="14:14">
      <c r="N665403" s="10"/>
    </row>
    <row r="665404" spans="14:14">
      <c r="N665404" s="10"/>
    </row>
    <row r="665405" spans="14:14">
      <c r="N665405" s="10"/>
    </row>
    <row r="665406" spans="14:14">
      <c r="N665406" s="10"/>
    </row>
    <row r="665407" spans="14:14">
      <c r="N665407" s="10"/>
    </row>
    <row r="665408" spans="14:14">
      <c r="N665408" s="10"/>
    </row>
    <row r="665409" spans="14:14">
      <c r="N665409" s="10"/>
    </row>
    <row r="665410" spans="14:14">
      <c r="N665410" s="10"/>
    </row>
    <row r="665411" spans="14:14">
      <c r="N665411" s="10"/>
    </row>
    <row r="665412" spans="14:14">
      <c r="N665412" s="10"/>
    </row>
    <row r="665413" spans="14:14">
      <c r="N665413" s="10"/>
    </row>
    <row r="665414" spans="14:14">
      <c r="N665414" s="10"/>
    </row>
    <row r="665415" spans="14:14">
      <c r="N665415" s="10"/>
    </row>
    <row r="665416" spans="14:14">
      <c r="N665416" s="10"/>
    </row>
    <row r="665417" spans="14:14">
      <c r="N665417" s="10"/>
    </row>
    <row r="665418" spans="14:14">
      <c r="N665418" s="10"/>
    </row>
    <row r="665419" spans="14:14">
      <c r="N665419" s="10"/>
    </row>
    <row r="665420" spans="14:14">
      <c r="N665420" s="10"/>
    </row>
    <row r="665421" spans="14:14">
      <c r="N665421" s="10"/>
    </row>
    <row r="665422" spans="14:14">
      <c r="N665422" s="10"/>
    </row>
    <row r="665423" spans="14:14">
      <c r="N665423" s="10"/>
    </row>
    <row r="665424" spans="14:14">
      <c r="N665424" s="10"/>
    </row>
    <row r="665425" spans="14:14">
      <c r="N665425" s="10"/>
    </row>
    <row r="665426" spans="14:14">
      <c r="N665426" s="10"/>
    </row>
    <row r="665427" spans="14:14">
      <c r="N665427" s="10"/>
    </row>
    <row r="665428" spans="14:14">
      <c r="N665428" s="10"/>
    </row>
    <row r="665429" spans="14:14">
      <c r="N665429" s="10"/>
    </row>
    <row r="665430" spans="14:14">
      <c r="N665430" s="10"/>
    </row>
    <row r="665431" spans="14:14">
      <c r="N665431" s="10"/>
    </row>
    <row r="665432" spans="14:14">
      <c r="N665432" s="10"/>
    </row>
    <row r="665433" spans="14:14">
      <c r="N665433" s="10"/>
    </row>
    <row r="665434" spans="14:14">
      <c r="N665434" s="10"/>
    </row>
    <row r="665435" spans="14:14">
      <c r="N665435" s="10"/>
    </row>
    <row r="665436" spans="14:14">
      <c r="N665436" s="10"/>
    </row>
    <row r="665437" spans="14:14">
      <c r="N665437" s="10"/>
    </row>
    <row r="665438" spans="14:14">
      <c r="N665438" s="10"/>
    </row>
    <row r="665439" spans="14:14">
      <c r="N665439" s="10"/>
    </row>
    <row r="665440" spans="14:14">
      <c r="N665440" s="10"/>
    </row>
    <row r="665441" spans="14:14">
      <c r="N665441" s="10"/>
    </row>
    <row r="665442" spans="14:14">
      <c r="N665442" s="10"/>
    </row>
    <row r="665443" spans="14:14">
      <c r="N665443" s="10"/>
    </row>
    <row r="665444" spans="14:14">
      <c r="N665444" s="10"/>
    </row>
    <row r="665445" spans="14:14">
      <c r="N665445" s="10"/>
    </row>
    <row r="665446" spans="14:14">
      <c r="N665446" s="10"/>
    </row>
    <row r="665447" spans="14:14">
      <c r="N665447" s="10"/>
    </row>
    <row r="665448" spans="14:14">
      <c r="N665448" s="10"/>
    </row>
    <row r="665449" spans="14:14">
      <c r="N665449" s="10"/>
    </row>
    <row r="665450" spans="14:14">
      <c r="N665450" s="10"/>
    </row>
    <row r="665451" spans="14:14">
      <c r="N665451" s="10"/>
    </row>
    <row r="665452" spans="14:14">
      <c r="N665452" s="10"/>
    </row>
    <row r="665453" spans="14:14">
      <c r="N665453" s="10"/>
    </row>
    <row r="665454" spans="14:14">
      <c r="N665454" s="10"/>
    </row>
    <row r="665455" spans="14:14">
      <c r="N665455" s="10"/>
    </row>
    <row r="665456" spans="14:14">
      <c r="N665456" s="10"/>
    </row>
    <row r="665457" spans="14:14">
      <c r="N665457" s="10"/>
    </row>
    <row r="665458" spans="14:14">
      <c r="N665458" s="10"/>
    </row>
    <row r="665459" spans="14:14">
      <c r="N665459" s="10"/>
    </row>
    <row r="665460" spans="14:14">
      <c r="N665460" s="10"/>
    </row>
    <row r="665461" spans="14:14">
      <c r="N665461" s="10"/>
    </row>
    <row r="665462" spans="14:14">
      <c r="N665462" s="10"/>
    </row>
    <row r="665463" spans="14:14">
      <c r="N665463" s="10"/>
    </row>
    <row r="665464" spans="14:14">
      <c r="N665464" s="10"/>
    </row>
    <row r="665465" spans="14:14">
      <c r="N665465" s="10"/>
    </row>
    <row r="665466" spans="14:14">
      <c r="N665466" s="10"/>
    </row>
    <row r="665467" spans="14:14">
      <c r="N665467" s="10"/>
    </row>
    <row r="665468" spans="14:14">
      <c r="N665468" s="10"/>
    </row>
    <row r="665469" spans="14:14">
      <c r="N665469" s="10"/>
    </row>
    <row r="665470" spans="14:14">
      <c r="N665470" s="10"/>
    </row>
    <row r="665471" spans="14:14">
      <c r="N665471" s="10"/>
    </row>
    <row r="665472" spans="14:14">
      <c r="N665472" s="10"/>
    </row>
    <row r="665473" spans="14:14">
      <c r="N665473" s="10"/>
    </row>
    <row r="665474" spans="14:14">
      <c r="N665474" s="10"/>
    </row>
    <row r="665475" spans="14:14">
      <c r="N665475" s="10"/>
    </row>
    <row r="665476" spans="14:14">
      <c r="N665476" s="10"/>
    </row>
    <row r="665477" spans="14:14">
      <c r="N665477" s="10"/>
    </row>
    <row r="665478" spans="14:14">
      <c r="N665478" s="10"/>
    </row>
    <row r="665479" spans="14:14">
      <c r="N665479" s="10"/>
    </row>
    <row r="665480" spans="14:14">
      <c r="N665480" s="10"/>
    </row>
    <row r="665481" spans="14:14">
      <c r="N665481" s="10"/>
    </row>
    <row r="665482" spans="14:14">
      <c r="N665482" s="10"/>
    </row>
    <row r="665483" spans="14:14">
      <c r="N665483" s="10"/>
    </row>
    <row r="665484" spans="14:14">
      <c r="N665484" s="10"/>
    </row>
    <row r="665485" spans="14:14">
      <c r="N665485" s="10"/>
    </row>
    <row r="665486" spans="14:14">
      <c r="N665486" s="10"/>
    </row>
    <row r="665487" spans="14:14">
      <c r="N665487" s="10"/>
    </row>
    <row r="665488" spans="14:14">
      <c r="N665488" s="10"/>
    </row>
    <row r="665489" spans="14:14">
      <c r="N665489" s="10"/>
    </row>
    <row r="665490" spans="14:14">
      <c r="N665490" s="10"/>
    </row>
    <row r="665491" spans="14:14">
      <c r="N665491" s="10"/>
    </row>
    <row r="665492" spans="14:14">
      <c r="N665492" s="10"/>
    </row>
    <row r="665493" spans="14:14">
      <c r="N665493" s="10"/>
    </row>
    <row r="665494" spans="14:14">
      <c r="N665494" s="10"/>
    </row>
    <row r="665495" spans="14:14">
      <c r="N665495" s="10"/>
    </row>
    <row r="665496" spans="14:14">
      <c r="N665496" s="10"/>
    </row>
    <row r="665497" spans="14:14">
      <c r="N665497" s="10"/>
    </row>
    <row r="665498" spans="14:14">
      <c r="N665498" s="10"/>
    </row>
    <row r="665499" spans="14:14">
      <c r="N665499" s="10"/>
    </row>
    <row r="665500" spans="14:14">
      <c r="N665500" s="10"/>
    </row>
    <row r="665501" spans="14:14">
      <c r="N665501" s="10"/>
    </row>
    <row r="665502" spans="14:14">
      <c r="N665502" s="10"/>
    </row>
    <row r="665503" spans="14:14">
      <c r="N665503" s="10"/>
    </row>
    <row r="665504" spans="14:14">
      <c r="N665504" s="10"/>
    </row>
    <row r="665505" spans="14:14">
      <c r="N665505" s="10"/>
    </row>
    <row r="665506" spans="14:14">
      <c r="N665506" s="10"/>
    </row>
    <row r="665507" spans="14:14">
      <c r="N665507" s="10"/>
    </row>
    <row r="665508" spans="14:14">
      <c r="N665508" s="10"/>
    </row>
    <row r="665509" spans="14:14">
      <c r="N665509" s="10"/>
    </row>
    <row r="665510" spans="14:14">
      <c r="N665510" s="10"/>
    </row>
    <row r="665511" spans="14:14">
      <c r="N665511" s="10"/>
    </row>
    <row r="665512" spans="14:14">
      <c r="N665512" s="10"/>
    </row>
    <row r="665513" spans="14:14">
      <c r="N665513" s="10"/>
    </row>
    <row r="665514" spans="14:14">
      <c r="N665514" s="10"/>
    </row>
    <row r="665515" spans="14:14">
      <c r="N665515" s="10"/>
    </row>
    <row r="665516" spans="14:14">
      <c r="N665516" s="10"/>
    </row>
    <row r="665517" spans="14:14">
      <c r="N665517" s="10"/>
    </row>
    <row r="665518" spans="14:14">
      <c r="N665518" s="10"/>
    </row>
    <row r="665519" spans="14:14">
      <c r="N665519" s="10"/>
    </row>
    <row r="665520" spans="14:14">
      <c r="N665520" s="10"/>
    </row>
    <row r="665521" spans="14:14">
      <c r="N665521" s="10"/>
    </row>
    <row r="665522" spans="14:14">
      <c r="N665522" s="10"/>
    </row>
    <row r="665523" spans="14:14">
      <c r="N665523" s="10"/>
    </row>
    <row r="665524" spans="14:14">
      <c r="N665524" s="10"/>
    </row>
    <row r="665525" spans="14:14">
      <c r="N665525" s="10"/>
    </row>
    <row r="665526" spans="14:14">
      <c r="N665526" s="10"/>
    </row>
    <row r="665527" spans="14:14">
      <c r="N665527" s="10"/>
    </row>
    <row r="665528" spans="14:14">
      <c r="N665528" s="10"/>
    </row>
    <row r="665529" spans="14:14">
      <c r="N665529" s="10"/>
    </row>
    <row r="665530" spans="14:14">
      <c r="N665530" s="10"/>
    </row>
    <row r="665531" spans="14:14">
      <c r="N665531" s="10"/>
    </row>
    <row r="665532" spans="14:14">
      <c r="N665532" s="10"/>
    </row>
    <row r="665533" spans="14:14">
      <c r="N665533" s="10"/>
    </row>
    <row r="665534" spans="14:14">
      <c r="N665534" s="10"/>
    </row>
    <row r="665535" spans="14:14">
      <c r="N665535" s="10"/>
    </row>
    <row r="665536" spans="14:14">
      <c r="N665536" s="10"/>
    </row>
    <row r="665537" spans="14:14">
      <c r="N665537" s="10"/>
    </row>
    <row r="665538" spans="14:14">
      <c r="N665538" s="10"/>
    </row>
    <row r="665539" spans="14:14">
      <c r="N665539" s="10"/>
    </row>
    <row r="665540" spans="14:14">
      <c r="N665540" s="10"/>
    </row>
    <row r="665541" spans="14:14">
      <c r="N665541" s="10"/>
    </row>
    <row r="665542" spans="14:14">
      <c r="N665542" s="10"/>
    </row>
    <row r="665543" spans="14:14">
      <c r="N665543" s="10"/>
    </row>
    <row r="665544" spans="14:14">
      <c r="N665544" s="10"/>
    </row>
    <row r="665545" spans="14:14">
      <c r="N665545" s="10"/>
    </row>
    <row r="665546" spans="14:14">
      <c r="N665546" s="10"/>
    </row>
    <row r="665547" spans="14:14">
      <c r="N665547" s="10"/>
    </row>
    <row r="665548" spans="14:14">
      <c r="N665548" s="10"/>
    </row>
    <row r="665549" spans="14:14">
      <c r="N665549" s="10"/>
    </row>
    <row r="665550" spans="14:14">
      <c r="N665550" s="10"/>
    </row>
    <row r="665551" spans="14:14">
      <c r="N665551" s="10"/>
    </row>
    <row r="665552" spans="14:14">
      <c r="N665552" s="10"/>
    </row>
    <row r="665553" spans="14:14">
      <c r="N665553" s="10"/>
    </row>
    <row r="665554" spans="14:14">
      <c r="N665554" s="10"/>
    </row>
    <row r="665555" spans="14:14">
      <c r="N665555" s="10"/>
    </row>
    <row r="665556" spans="14:14">
      <c r="N665556" s="10"/>
    </row>
    <row r="665557" spans="14:14">
      <c r="N665557" s="10"/>
    </row>
    <row r="665558" spans="14:14">
      <c r="N665558" s="10"/>
    </row>
    <row r="665559" spans="14:14">
      <c r="N665559" s="10"/>
    </row>
    <row r="665560" spans="14:14">
      <c r="N665560" s="10"/>
    </row>
    <row r="665561" spans="14:14">
      <c r="N665561" s="10"/>
    </row>
    <row r="665562" spans="14:14">
      <c r="N665562" s="10"/>
    </row>
    <row r="665563" spans="14:14">
      <c r="N665563" s="10"/>
    </row>
    <row r="665564" spans="14:14">
      <c r="N665564" s="10"/>
    </row>
    <row r="665565" spans="14:14">
      <c r="N665565" s="10"/>
    </row>
    <row r="665566" spans="14:14">
      <c r="N665566" s="10"/>
    </row>
    <row r="665567" spans="14:14">
      <c r="N665567" s="10"/>
    </row>
    <row r="665568" spans="14:14">
      <c r="N665568" s="10"/>
    </row>
    <row r="665569" spans="14:14">
      <c r="N665569" s="10"/>
    </row>
    <row r="665570" spans="14:14">
      <c r="N665570" s="10"/>
    </row>
    <row r="665571" spans="14:14">
      <c r="N665571" s="10"/>
    </row>
    <row r="665572" spans="14:14">
      <c r="N665572" s="10"/>
    </row>
    <row r="665573" spans="14:14">
      <c r="N665573" s="10"/>
    </row>
    <row r="665574" spans="14:14">
      <c r="N665574" s="10"/>
    </row>
    <row r="665575" spans="14:14">
      <c r="N665575" s="10"/>
    </row>
    <row r="665576" spans="14:14">
      <c r="N665576" s="10"/>
    </row>
    <row r="665577" spans="14:14">
      <c r="N665577" s="10"/>
    </row>
    <row r="665578" spans="14:14">
      <c r="N665578" s="10"/>
    </row>
    <row r="665579" spans="14:14">
      <c r="N665579" s="10"/>
    </row>
    <row r="665580" spans="14:14">
      <c r="N665580" s="10"/>
    </row>
    <row r="665581" spans="14:14">
      <c r="N665581" s="10"/>
    </row>
    <row r="665582" spans="14:14">
      <c r="N665582" s="10"/>
    </row>
    <row r="665583" spans="14:14">
      <c r="N665583" s="10"/>
    </row>
    <row r="665584" spans="14:14">
      <c r="N665584" s="10"/>
    </row>
    <row r="665585" spans="14:14">
      <c r="N665585" s="10"/>
    </row>
    <row r="665586" spans="14:14">
      <c r="N665586" s="10"/>
    </row>
    <row r="665587" spans="14:14">
      <c r="N665587" s="10"/>
    </row>
    <row r="665588" spans="14:14">
      <c r="N665588" s="10"/>
    </row>
    <row r="665589" spans="14:14">
      <c r="N665589" s="10"/>
    </row>
    <row r="665590" spans="14:14">
      <c r="N665590" s="10"/>
    </row>
    <row r="665591" spans="14:14">
      <c r="N665591" s="10"/>
    </row>
    <row r="665592" spans="14:14">
      <c r="N665592" s="10"/>
    </row>
    <row r="665593" spans="14:14">
      <c r="N665593" s="10"/>
    </row>
    <row r="665594" spans="14:14">
      <c r="N665594" s="10"/>
    </row>
    <row r="665595" spans="14:14">
      <c r="N665595" s="10"/>
    </row>
    <row r="665596" spans="14:14">
      <c r="N665596" s="10"/>
    </row>
    <row r="665597" spans="14:14">
      <c r="N665597" s="10"/>
    </row>
    <row r="665598" spans="14:14">
      <c r="N665598" s="10"/>
    </row>
    <row r="665599" spans="14:14">
      <c r="N665599" s="10"/>
    </row>
    <row r="665600" spans="14:14">
      <c r="N665600" s="10"/>
    </row>
    <row r="665601" spans="14:14">
      <c r="N665601" s="10"/>
    </row>
    <row r="665602" spans="14:14">
      <c r="N665602" s="10"/>
    </row>
    <row r="665603" spans="14:14">
      <c r="N665603" s="10"/>
    </row>
    <row r="665604" spans="14:14">
      <c r="N665604" s="10"/>
    </row>
    <row r="665605" spans="14:14">
      <c r="N665605" s="10"/>
    </row>
    <row r="665606" spans="14:14">
      <c r="N665606" s="10"/>
    </row>
    <row r="665607" spans="14:14">
      <c r="N665607" s="10"/>
    </row>
    <row r="665608" spans="14:14">
      <c r="N665608" s="10"/>
    </row>
    <row r="665609" spans="14:14">
      <c r="N665609" s="10"/>
    </row>
    <row r="665610" spans="14:14">
      <c r="N665610" s="10"/>
    </row>
    <row r="665611" spans="14:14">
      <c r="N665611" s="10"/>
    </row>
    <row r="665612" spans="14:14">
      <c r="N665612" s="10"/>
    </row>
    <row r="665613" spans="14:14">
      <c r="N665613" s="10"/>
    </row>
    <row r="665614" spans="14:14">
      <c r="N665614" s="10"/>
    </row>
    <row r="665615" spans="14:14">
      <c r="N665615" s="10"/>
    </row>
    <row r="665616" spans="14:14">
      <c r="N665616" s="10"/>
    </row>
    <row r="665617" spans="14:14">
      <c r="N665617" s="10"/>
    </row>
    <row r="665618" spans="14:14">
      <c r="N665618" s="10"/>
    </row>
    <row r="665619" spans="14:14">
      <c r="N665619" s="10"/>
    </row>
    <row r="665620" spans="14:14">
      <c r="N665620" s="10"/>
    </row>
    <row r="665621" spans="14:14">
      <c r="N665621" s="10"/>
    </row>
    <row r="665622" spans="14:14">
      <c r="N665622" s="10"/>
    </row>
    <row r="665623" spans="14:14">
      <c r="N665623" s="10"/>
    </row>
    <row r="665624" spans="14:14">
      <c r="N665624" s="10"/>
    </row>
    <row r="665625" spans="14:14">
      <c r="N665625" s="10"/>
    </row>
    <row r="665626" spans="14:14">
      <c r="N665626" s="10"/>
    </row>
    <row r="665627" spans="14:14">
      <c r="N665627" s="10"/>
    </row>
    <row r="665628" spans="14:14">
      <c r="N665628" s="10"/>
    </row>
    <row r="665629" spans="14:14">
      <c r="N665629" s="10"/>
    </row>
    <row r="665630" spans="14:14">
      <c r="N665630" s="10"/>
    </row>
    <row r="665631" spans="14:14">
      <c r="N665631" s="10"/>
    </row>
    <row r="665632" spans="14:14">
      <c r="N665632" s="10"/>
    </row>
    <row r="665633" spans="14:14">
      <c r="N665633" s="10"/>
    </row>
    <row r="665634" spans="14:14">
      <c r="N665634" s="10"/>
    </row>
    <row r="665635" spans="14:14">
      <c r="N665635" s="10"/>
    </row>
    <row r="665636" spans="14:14">
      <c r="N665636" s="10"/>
    </row>
    <row r="665637" spans="14:14">
      <c r="N665637" s="10"/>
    </row>
    <row r="665638" spans="14:14">
      <c r="N665638" s="10"/>
    </row>
    <row r="665639" spans="14:14">
      <c r="N665639" s="10"/>
    </row>
    <row r="665640" spans="14:14">
      <c r="N665640" s="10"/>
    </row>
    <row r="665641" spans="14:14">
      <c r="N665641" s="10"/>
    </row>
    <row r="665642" spans="14:14">
      <c r="N665642" s="10"/>
    </row>
    <row r="665643" spans="14:14">
      <c r="N665643" s="10"/>
    </row>
    <row r="665644" spans="14:14">
      <c r="N665644" s="10"/>
    </row>
    <row r="665645" spans="14:14">
      <c r="N665645" s="10"/>
    </row>
    <row r="665646" spans="14:14">
      <c r="N665646" s="10"/>
    </row>
    <row r="665647" spans="14:14">
      <c r="N665647" s="10"/>
    </row>
    <row r="665648" spans="14:14">
      <c r="N665648" s="10"/>
    </row>
    <row r="665649" spans="14:14">
      <c r="N665649" s="10"/>
    </row>
    <row r="665650" spans="14:14">
      <c r="N665650" s="10"/>
    </row>
    <row r="665651" spans="14:14">
      <c r="N665651" s="10"/>
    </row>
    <row r="665652" spans="14:14">
      <c r="N665652" s="10"/>
    </row>
    <row r="665653" spans="14:14">
      <c r="N665653" s="10"/>
    </row>
    <row r="665654" spans="14:14">
      <c r="N665654" s="10"/>
    </row>
    <row r="665655" spans="14:14">
      <c r="N665655" s="10"/>
    </row>
    <row r="665656" spans="14:14">
      <c r="N665656" s="10"/>
    </row>
    <row r="665657" spans="14:14">
      <c r="N665657" s="10"/>
    </row>
    <row r="665658" spans="14:14">
      <c r="N665658" s="10"/>
    </row>
    <row r="665659" spans="14:14">
      <c r="N665659" s="10"/>
    </row>
    <row r="665660" spans="14:14">
      <c r="N665660" s="10"/>
    </row>
    <row r="665661" spans="14:14">
      <c r="N665661" s="10"/>
    </row>
    <row r="665662" spans="14:14">
      <c r="N665662" s="10"/>
    </row>
    <row r="665663" spans="14:14">
      <c r="N665663" s="10"/>
    </row>
    <row r="665664" spans="14:14">
      <c r="N665664" s="10"/>
    </row>
    <row r="665665" spans="14:14">
      <c r="N665665" s="10"/>
    </row>
    <row r="665666" spans="14:14">
      <c r="N665666" s="10"/>
    </row>
    <row r="665667" spans="14:14">
      <c r="N665667" s="10"/>
    </row>
    <row r="665668" spans="14:14">
      <c r="N665668" s="10"/>
    </row>
    <row r="665669" spans="14:14">
      <c r="N665669" s="10"/>
    </row>
    <row r="665670" spans="14:14">
      <c r="N665670" s="10"/>
    </row>
    <row r="665671" spans="14:14">
      <c r="N665671" s="10"/>
    </row>
    <row r="665672" spans="14:14">
      <c r="N665672" s="10"/>
    </row>
    <row r="665673" spans="14:14">
      <c r="N665673" s="10"/>
    </row>
    <row r="665674" spans="14:14">
      <c r="N665674" s="10"/>
    </row>
    <row r="665675" spans="14:14">
      <c r="N665675" s="10"/>
    </row>
    <row r="665676" spans="14:14">
      <c r="N665676" s="10"/>
    </row>
    <row r="665677" spans="14:14">
      <c r="N665677" s="10"/>
    </row>
    <row r="665678" spans="14:14">
      <c r="N665678" s="10"/>
    </row>
    <row r="665679" spans="14:14">
      <c r="N665679" s="10"/>
    </row>
    <row r="665680" spans="14:14">
      <c r="N665680" s="10"/>
    </row>
    <row r="665681" spans="14:14">
      <c r="N665681" s="10"/>
    </row>
    <row r="665682" spans="14:14">
      <c r="N665682" s="10"/>
    </row>
    <row r="665683" spans="14:14">
      <c r="N665683" s="10"/>
    </row>
    <row r="665684" spans="14:14">
      <c r="N665684" s="10"/>
    </row>
    <row r="665685" spans="14:14">
      <c r="N665685" s="10"/>
    </row>
    <row r="665686" spans="14:14">
      <c r="N665686" s="10"/>
    </row>
    <row r="665687" spans="14:14">
      <c r="N665687" s="10"/>
    </row>
    <row r="665688" spans="14:14">
      <c r="N665688" s="10"/>
    </row>
    <row r="665689" spans="14:14">
      <c r="N665689" s="10"/>
    </row>
    <row r="665690" spans="14:14">
      <c r="N665690" s="10"/>
    </row>
    <row r="665691" spans="14:14">
      <c r="N665691" s="10"/>
    </row>
    <row r="665692" spans="14:14">
      <c r="N665692" s="10"/>
    </row>
    <row r="665693" spans="14:14">
      <c r="N665693" s="10"/>
    </row>
    <row r="665694" spans="14:14">
      <c r="N665694" s="10"/>
    </row>
    <row r="665695" spans="14:14">
      <c r="N665695" s="10"/>
    </row>
    <row r="665696" spans="14:14">
      <c r="N665696" s="10"/>
    </row>
    <row r="665697" spans="14:14">
      <c r="N665697" s="10"/>
    </row>
    <row r="665698" spans="14:14">
      <c r="N665698" s="10"/>
    </row>
    <row r="665699" spans="14:14">
      <c r="N665699" s="10"/>
    </row>
    <row r="665700" spans="14:14">
      <c r="N665700" s="10"/>
    </row>
    <row r="665701" spans="14:14">
      <c r="N665701" s="10"/>
    </row>
    <row r="665702" spans="14:14">
      <c r="N665702" s="10"/>
    </row>
    <row r="665703" spans="14:14">
      <c r="N665703" s="10"/>
    </row>
    <row r="665704" spans="14:14">
      <c r="N665704" s="10"/>
    </row>
    <row r="665705" spans="14:14">
      <c r="N665705" s="10"/>
    </row>
    <row r="665706" spans="14:14">
      <c r="N665706" s="10"/>
    </row>
    <row r="665707" spans="14:14">
      <c r="N665707" s="10"/>
    </row>
    <row r="665708" spans="14:14">
      <c r="N665708" s="10"/>
    </row>
    <row r="665709" spans="14:14">
      <c r="N665709" s="10"/>
    </row>
    <row r="665710" spans="14:14">
      <c r="N665710" s="10"/>
    </row>
    <row r="665711" spans="14:14">
      <c r="N665711" s="10"/>
    </row>
    <row r="665712" spans="14:14">
      <c r="N665712" s="10"/>
    </row>
    <row r="665713" spans="14:14">
      <c r="N665713" s="10"/>
    </row>
    <row r="665714" spans="14:14">
      <c r="N665714" s="10"/>
    </row>
    <row r="665715" spans="14:14">
      <c r="N665715" s="10"/>
    </row>
    <row r="665716" spans="14:14">
      <c r="N665716" s="10"/>
    </row>
    <row r="665717" spans="14:14">
      <c r="N665717" s="10"/>
    </row>
    <row r="665718" spans="14:14">
      <c r="N665718" s="10"/>
    </row>
    <row r="665719" spans="14:14">
      <c r="N665719" s="10"/>
    </row>
    <row r="665720" spans="14:14">
      <c r="N665720" s="10"/>
    </row>
    <row r="665721" spans="14:14">
      <c r="N665721" s="10"/>
    </row>
    <row r="665722" spans="14:14">
      <c r="N665722" s="10"/>
    </row>
    <row r="665723" spans="14:14">
      <c r="N665723" s="10"/>
    </row>
    <row r="665724" spans="14:14">
      <c r="N665724" s="10"/>
    </row>
    <row r="665725" spans="14:14">
      <c r="N665725" s="10"/>
    </row>
    <row r="665726" spans="14:14">
      <c r="N665726" s="10"/>
    </row>
    <row r="665727" spans="14:14">
      <c r="N665727" s="10"/>
    </row>
    <row r="665728" spans="14:14">
      <c r="N665728" s="10"/>
    </row>
    <row r="665729" spans="14:14">
      <c r="N665729" s="10"/>
    </row>
    <row r="665730" spans="14:14">
      <c r="N665730" s="10"/>
    </row>
    <row r="665731" spans="14:14">
      <c r="N665731" s="10"/>
    </row>
    <row r="665732" spans="14:14">
      <c r="N665732" s="10"/>
    </row>
    <row r="665733" spans="14:14">
      <c r="N665733" s="10"/>
    </row>
    <row r="665734" spans="14:14">
      <c r="N665734" s="10"/>
    </row>
    <row r="665735" spans="14:14">
      <c r="N665735" s="10"/>
    </row>
    <row r="665736" spans="14:14">
      <c r="N665736" s="10"/>
    </row>
    <row r="665737" spans="14:14">
      <c r="N665737" s="10"/>
    </row>
    <row r="665738" spans="14:14">
      <c r="N665738" s="10"/>
    </row>
    <row r="665739" spans="14:14">
      <c r="N665739" s="10"/>
    </row>
    <row r="665740" spans="14:14">
      <c r="N665740" s="10"/>
    </row>
    <row r="665741" spans="14:14">
      <c r="N665741" s="10"/>
    </row>
    <row r="665742" spans="14:14">
      <c r="N665742" s="10"/>
    </row>
    <row r="665743" spans="14:14">
      <c r="N665743" s="10"/>
    </row>
    <row r="665744" spans="14:14">
      <c r="N665744" s="10"/>
    </row>
    <row r="665745" spans="14:14">
      <c r="N665745" s="10"/>
    </row>
    <row r="665746" spans="14:14">
      <c r="N665746" s="10"/>
    </row>
    <row r="665747" spans="14:14">
      <c r="N665747" s="10"/>
    </row>
    <row r="665748" spans="14:14">
      <c r="N665748" s="10"/>
    </row>
    <row r="665749" spans="14:14">
      <c r="N665749" s="10"/>
    </row>
    <row r="665750" spans="14:14">
      <c r="N665750" s="10"/>
    </row>
    <row r="665751" spans="14:14">
      <c r="N665751" s="10"/>
    </row>
    <row r="665752" spans="14:14">
      <c r="N665752" s="10"/>
    </row>
    <row r="665753" spans="14:14">
      <c r="N665753" s="10"/>
    </row>
    <row r="665754" spans="14:14">
      <c r="N665754" s="10"/>
    </row>
    <row r="665755" spans="14:14">
      <c r="N665755" s="10"/>
    </row>
    <row r="665756" spans="14:14">
      <c r="N665756" s="10"/>
    </row>
    <row r="665757" spans="14:14">
      <c r="N665757" s="10"/>
    </row>
    <row r="665758" spans="14:14">
      <c r="N665758" s="10"/>
    </row>
    <row r="665759" spans="14:14">
      <c r="N665759" s="10"/>
    </row>
    <row r="665760" spans="14:14">
      <c r="N665760" s="10"/>
    </row>
    <row r="665761" spans="14:14">
      <c r="N665761" s="10"/>
    </row>
    <row r="665762" spans="14:14">
      <c r="N665762" s="10"/>
    </row>
    <row r="665763" spans="14:14">
      <c r="N665763" s="10"/>
    </row>
    <row r="665764" spans="14:14">
      <c r="N665764" s="10"/>
    </row>
    <row r="665765" spans="14:14">
      <c r="N665765" s="10"/>
    </row>
    <row r="665766" spans="14:14">
      <c r="N665766" s="10"/>
    </row>
    <row r="665767" spans="14:14">
      <c r="N665767" s="10"/>
    </row>
    <row r="665768" spans="14:14">
      <c r="N665768" s="10"/>
    </row>
    <row r="665769" spans="14:14">
      <c r="N665769" s="10"/>
    </row>
    <row r="665770" spans="14:14">
      <c r="N665770" s="10"/>
    </row>
    <row r="665771" spans="14:14">
      <c r="N665771" s="10"/>
    </row>
    <row r="665772" spans="14:14">
      <c r="N665772" s="10"/>
    </row>
    <row r="665773" spans="14:14">
      <c r="N665773" s="10"/>
    </row>
    <row r="665774" spans="14:14">
      <c r="N665774" s="10"/>
    </row>
    <row r="665775" spans="14:14">
      <c r="N665775" s="10"/>
    </row>
    <row r="665776" spans="14:14">
      <c r="N665776" s="10"/>
    </row>
    <row r="665777" spans="14:14">
      <c r="N665777" s="10"/>
    </row>
    <row r="665778" spans="14:14">
      <c r="N665778" s="10"/>
    </row>
    <row r="665779" spans="14:14">
      <c r="N665779" s="10"/>
    </row>
    <row r="665780" spans="14:14">
      <c r="N665780" s="10"/>
    </row>
    <row r="665781" spans="14:14">
      <c r="N665781" s="10"/>
    </row>
    <row r="665782" spans="14:14">
      <c r="N665782" s="10"/>
    </row>
    <row r="665783" spans="14:14">
      <c r="N665783" s="10"/>
    </row>
    <row r="665784" spans="14:14">
      <c r="N665784" s="10"/>
    </row>
    <row r="665785" spans="14:14">
      <c r="N665785" s="10"/>
    </row>
    <row r="665786" spans="14:14">
      <c r="N665786" s="10"/>
    </row>
    <row r="665787" spans="14:14">
      <c r="N665787" s="10"/>
    </row>
    <row r="665788" spans="14:14">
      <c r="N665788" s="10"/>
    </row>
    <row r="665789" spans="14:14">
      <c r="N665789" s="10"/>
    </row>
    <row r="665790" spans="14:14">
      <c r="N665790" s="10"/>
    </row>
    <row r="665791" spans="14:14">
      <c r="N665791" s="10"/>
    </row>
    <row r="665792" spans="14:14">
      <c r="N665792" s="10"/>
    </row>
    <row r="665793" spans="14:14">
      <c r="N665793" s="10"/>
    </row>
    <row r="665794" spans="14:14">
      <c r="N665794" s="10"/>
    </row>
    <row r="665795" spans="14:14">
      <c r="N665795" s="10"/>
    </row>
    <row r="665796" spans="14:14">
      <c r="N665796" s="10"/>
    </row>
    <row r="665797" spans="14:14">
      <c r="N665797" s="10"/>
    </row>
    <row r="665798" spans="14:14">
      <c r="N665798" s="10"/>
    </row>
    <row r="665799" spans="14:14">
      <c r="N665799" s="10"/>
    </row>
    <row r="665800" spans="14:14">
      <c r="N665800" s="10"/>
    </row>
    <row r="665801" spans="14:14">
      <c r="N665801" s="10"/>
    </row>
    <row r="665802" spans="14:14">
      <c r="N665802" s="10"/>
    </row>
    <row r="665803" spans="14:14">
      <c r="N665803" s="10"/>
    </row>
    <row r="665804" spans="14:14">
      <c r="N665804" s="10"/>
    </row>
    <row r="665805" spans="14:14">
      <c r="N665805" s="10"/>
    </row>
    <row r="665806" spans="14:14">
      <c r="N665806" s="10"/>
    </row>
    <row r="665807" spans="14:14">
      <c r="N665807" s="10"/>
    </row>
    <row r="665808" spans="14:14">
      <c r="N665808" s="10"/>
    </row>
    <row r="665809" spans="14:14">
      <c r="N665809" s="10"/>
    </row>
    <row r="665810" spans="14:14">
      <c r="N665810" s="10"/>
    </row>
    <row r="665811" spans="14:14">
      <c r="N665811" s="10"/>
    </row>
    <row r="665812" spans="14:14">
      <c r="N665812" s="10"/>
    </row>
    <row r="665813" spans="14:14">
      <c r="N665813" s="10"/>
    </row>
    <row r="665814" spans="14:14">
      <c r="N665814" s="10"/>
    </row>
    <row r="665815" spans="14:14">
      <c r="N665815" s="10"/>
    </row>
    <row r="665816" spans="14:14">
      <c r="N665816" s="10"/>
    </row>
    <row r="665817" spans="14:14">
      <c r="N665817" s="10"/>
    </row>
    <row r="665818" spans="14:14">
      <c r="N665818" s="10"/>
    </row>
    <row r="665819" spans="14:14">
      <c r="N665819" s="10"/>
    </row>
    <row r="665820" spans="14:14">
      <c r="N665820" s="10"/>
    </row>
    <row r="665821" spans="14:14">
      <c r="N665821" s="10"/>
    </row>
    <row r="665822" spans="14:14">
      <c r="N665822" s="10"/>
    </row>
    <row r="665823" spans="14:14">
      <c r="N665823" s="10"/>
    </row>
    <row r="665824" spans="14:14">
      <c r="N665824" s="10"/>
    </row>
    <row r="665825" spans="14:14">
      <c r="N665825" s="10"/>
    </row>
    <row r="665826" spans="14:14">
      <c r="N665826" s="10"/>
    </row>
    <row r="665827" spans="14:14">
      <c r="N665827" s="10"/>
    </row>
    <row r="665828" spans="14:14">
      <c r="N665828" s="10"/>
    </row>
    <row r="665829" spans="14:14">
      <c r="N665829" s="10"/>
    </row>
    <row r="665830" spans="14:14">
      <c r="N665830" s="10"/>
    </row>
    <row r="665831" spans="14:14">
      <c r="N665831" s="10"/>
    </row>
    <row r="665832" spans="14:14">
      <c r="N665832" s="10"/>
    </row>
    <row r="665833" spans="14:14">
      <c r="N665833" s="10"/>
    </row>
    <row r="665834" spans="14:14">
      <c r="N665834" s="10"/>
    </row>
    <row r="665835" spans="14:14">
      <c r="N665835" s="10"/>
    </row>
    <row r="665836" spans="14:14">
      <c r="N665836" s="10"/>
    </row>
    <row r="665837" spans="14:14">
      <c r="N665837" s="10"/>
    </row>
    <row r="665838" spans="14:14">
      <c r="N665838" s="10"/>
    </row>
    <row r="665839" spans="14:14">
      <c r="N665839" s="10"/>
    </row>
    <row r="665840" spans="14:14">
      <c r="N665840" s="10"/>
    </row>
    <row r="665841" spans="14:14">
      <c r="N665841" s="10"/>
    </row>
    <row r="665842" spans="14:14">
      <c r="N665842" s="10"/>
    </row>
    <row r="665843" spans="14:14">
      <c r="N665843" s="10"/>
    </row>
    <row r="665844" spans="14:14">
      <c r="N665844" s="10"/>
    </row>
    <row r="665845" spans="14:14">
      <c r="N665845" s="10"/>
    </row>
    <row r="665846" spans="14:14">
      <c r="N665846" s="10"/>
    </row>
    <row r="665847" spans="14:14">
      <c r="N665847" s="10"/>
    </row>
    <row r="665848" spans="14:14">
      <c r="N665848" s="10"/>
    </row>
    <row r="665849" spans="14:14">
      <c r="N665849" s="10"/>
    </row>
    <row r="665850" spans="14:14">
      <c r="N665850" s="10"/>
    </row>
    <row r="665851" spans="14:14">
      <c r="N665851" s="10"/>
    </row>
    <row r="665852" spans="14:14">
      <c r="N665852" s="10"/>
    </row>
    <row r="665853" spans="14:14">
      <c r="N665853" s="10"/>
    </row>
    <row r="665854" spans="14:14">
      <c r="N665854" s="10"/>
    </row>
    <row r="665855" spans="14:14">
      <c r="N665855" s="10"/>
    </row>
    <row r="665856" spans="14:14">
      <c r="N665856" s="10"/>
    </row>
    <row r="665857" spans="14:14">
      <c r="N665857" s="10"/>
    </row>
    <row r="665858" spans="14:14">
      <c r="N665858" s="10"/>
    </row>
    <row r="665859" spans="14:14">
      <c r="N665859" s="10"/>
    </row>
    <row r="665860" spans="14:14">
      <c r="N665860" s="10"/>
    </row>
    <row r="665861" spans="14:14">
      <c r="N665861" s="10"/>
    </row>
    <row r="665862" spans="14:14">
      <c r="N665862" s="10"/>
    </row>
    <row r="665863" spans="14:14">
      <c r="N665863" s="10"/>
    </row>
    <row r="665864" spans="14:14">
      <c r="N665864" s="10"/>
    </row>
    <row r="665865" spans="14:14">
      <c r="N665865" s="10"/>
    </row>
    <row r="665866" spans="14:14">
      <c r="N665866" s="10"/>
    </row>
    <row r="665867" spans="14:14">
      <c r="N665867" s="10"/>
    </row>
    <row r="665868" spans="14:14">
      <c r="N665868" s="10"/>
    </row>
    <row r="665869" spans="14:14">
      <c r="N665869" s="10"/>
    </row>
    <row r="665870" spans="14:14">
      <c r="N665870" s="10"/>
    </row>
    <row r="665871" spans="14:14">
      <c r="N665871" s="10"/>
    </row>
    <row r="665872" spans="14:14">
      <c r="N665872" s="10"/>
    </row>
    <row r="665873" spans="14:14">
      <c r="N665873" s="10"/>
    </row>
    <row r="665874" spans="14:14">
      <c r="N665874" s="10"/>
    </row>
    <row r="665875" spans="14:14">
      <c r="N665875" s="10"/>
    </row>
    <row r="665876" spans="14:14">
      <c r="N665876" s="10"/>
    </row>
    <row r="665877" spans="14:14">
      <c r="N665877" s="10"/>
    </row>
    <row r="665878" spans="14:14">
      <c r="N665878" s="10"/>
    </row>
    <row r="665879" spans="14:14">
      <c r="N665879" s="10"/>
    </row>
    <row r="665880" spans="14:14">
      <c r="N665880" s="10"/>
    </row>
    <row r="665881" spans="14:14">
      <c r="N665881" s="10"/>
    </row>
    <row r="665882" spans="14:14">
      <c r="N665882" s="10"/>
    </row>
    <row r="665883" spans="14:14">
      <c r="N665883" s="10"/>
    </row>
    <row r="665884" spans="14:14">
      <c r="N665884" s="10"/>
    </row>
    <row r="665885" spans="14:14">
      <c r="N665885" s="10"/>
    </row>
    <row r="665886" spans="14:14">
      <c r="N665886" s="10"/>
    </row>
    <row r="665887" spans="14:14">
      <c r="N665887" s="10"/>
    </row>
    <row r="665888" spans="14:14">
      <c r="N665888" s="10"/>
    </row>
    <row r="665889" spans="14:14">
      <c r="N665889" s="10"/>
    </row>
    <row r="665890" spans="14:14">
      <c r="N665890" s="10"/>
    </row>
    <row r="665891" spans="14:14">
      <c r="N665891" s="10"/>
    </row>
    <row r="665892" spans="14:14">
      <c r="N665892" s="10"/>
    </row>
    <row r="665893" spans="14:14">
      <c r="N665893" s="10"/>
    </row>
    <row r="665894" spans="14:14">
      <c r="N665894" s="10"/>
    </row>
    <row r="665895" spans="14:14">
      <c r="N665895" s="10"/>
    </row>
    <row r="665896" spans="14:14">
      <c r="N665896" s="10"/>
    </row>
    <row r="665897" spans="14:14">
      <c r="N665897" s="10"/>
    </row>
    <row r="665898" spans="14:14">
      <c r="N665898" s="10"/>
    </row>
    <row r="665899" spans="14:14">
      <c r="N665899" s="10"/>
    </row>
    <row r="665900" spans="14:14">
      <c r="N665900" s="10"/>
    </row>
    <row r="665901" spans="14:14">
      <c r="N665901" s="10"/>
    </row>
    <row r="665902" spans="14:14">
      <c r="N665902" s="10"/>
    </row>
    <row r="665903" spans="14:14">
      <c r="N665903" s="10"/>
    </row>
    <row r="665904" spans="14:14">
      <c r="N665904" s="10"/>
    </row>
    <row r="665905" spans="14:14">
      <c r="N665905" s="10"/>
    </row>
    <row r="665906" spans="14:14">
      <c r="N665906" s="10"/>
    </row>
    <row r="665907" spans="14:14">
      <c r="N665907" s="10"/>
    </row>
    <row r="665908" spans="14:14">
      <c r="N665908" s="10"/>
    </row>
    <row r="665909" spans="14:14">
      <c r="N665909" s="10"/>
    </row>
    <row r="665910" spans="14:14">
      <c r="N665910" s="10"/>
    </row>
    <row r="665911" spans="14:14">
      <c r="N665911" s="10"/>
    </row>
    <row r="665912" spans="14:14">
      <c r="N665912" s="10"/>
    </row>
    <row r="665913" spans="14:14">
      <c r="N665913" s="10"/>
    </row>
    <row r="665914" spans="14:14">
      <c r="N665914" s="10"/>
    </row>
    <row r="665915" spans="14:14">
      <c r="N665915" s="10"/>
    </row>
    <row r="665916" spans="14:14">
      <c r="N665916" s="10"/>
    </row>
    <row r="665917" spans="14:14">
      <c r="N665917" s="10"/>
    </row>
    <row r="665918" spans="14:14">
      <c r="N665918" s="10"/>
    </row>
    <row r="665919" spans="14:14">
      <c r="N665919" s="10"/>
    </row>
    <row r="665920" spans="14:14">
      <c r="N665920" s="10"/>
    </row>
    <row r="665921" spans="14:14">
      <c r="N665921" s="10"/>
    </row>
    <row r="665922" spans="14:14">
      <c r="N665922" s="10"/>
    </row>
    <row r="665923" spans="14:14">
      <c r="N665923" s="10"/>
    </row>
    <row r="665924" spans="14:14">
      <c r="N665924" s="10"/>
    </row>
    <row r="665925" spans="14:14">
      <c r="N665925" s="10"/>
    </row>
    <row r="665926" spans="14:14">
      <c r="N665926" s="10"/>
    </row>
    <row r="665927" spans="14:14">
      <c r="N665927" s="10"/>
    </row>
    <row r="665928" spans="14:14">
      <c r="N665928" s="10"/>
    </row>
    <row r="665929" spans="14:14">
      <c r="N665929" s="10"/>
    </row>
    <row r="665930" spans="14:14">
      <c r="N665930" s="10"/>
    </row>
    <row r="665931" spans="14:14">
      <c r="N665931" s="10"/>
    </row>
    <row r="665932" spans="14:14">
      <c r="N665932" s="10"/>
    </row>
    <row r="665933" spans="14:14">
      <c r="N665933" s="10"/>
    </row>
    <row r="665934" spans="14:14">
      <c r="N665934" s="10"/>
    </row>
    <row r="665935" spans="14:14">
      <c r="N665935" s="10"/>
    </row>
    <row r="665936" spans="14:14">
      <c r="N665936" s="10"/>
    </row>
    <row r="665937" spans="14:14">
      <c r="N665937" s="10"/>
    </row>
    <row r="665938" spans="14:14">
      <c r="N665938" s="10"/>
    </row>
    <row r="665939" spans="14:14">
      <c r="N665939" s="10"/>
    </row>
    <row r="665940" spans="14:14">
      <c r="N665940" s="10"/>
    </row>
    <row r="665941" spans="14:14">
      <c r="N665941" s="10"/>
    </row>
    <row r="665942" spans="14:14">
      <c r="N665942" s="10"/>
    </row>
    <row r="665943" spans="14:14">
      <c r="N665943" s="10"/>
    </row>
    <row r="665944" spans="14:14">
      <c r="N665944" s="10"/>
    </row>
    <row r="665945" spans="14:14">
      <c r="N665945" s="10"/>
    </row>
    <row r="665946" spans="14:14">
      <c r="N665946" s="10"/>
    </row>
    <row r="665947" spans="14:14">
      <c r="N665947" s="10"/>
    </row>
    <row r="665948" spans="14:14">
      <c r="N665948" s="10"/>
    </row>
    <row r="665949" spans="14:14">
      <c r="N665949" s="10"/>
    </row>
    <row r="665950" spans="14:14">
      <c r="N665950" s="10"/>
    </row>
    <row r="665951" spans="14:14">
      <c r="N665951" s="10"/>
    </row>
    <row r="665952" spans="14:14">
      <c r="N665952" s="10"/>
    </row>
    <row r="665953" spans="14:14">
      <c r="N665953" s="10"/>
    </row>
    <row r="665954" spans="14:14">
      <c r="N665954" s="10"/>
    </row>
    <row r="665955" spans="14:14">
      <c r="N665955" s="10"/>
    </row>
    <row r="665956" spans="14:14">
      <c r="N665956" s="10"/>
    </row>
    <row r="665957" spans="14:14">
      <c r="N665957" s="10"/>
    </row>
    <row r="665958" spans="14:14">
      <c r="N665958" s="10"/>
    </row>
    <row r="665959" spans="14:14">
      <c r="N665959" s="10"/>
    </row>
    <row r="665960" spans="14:14">
      <c r="N665960" s="10"/>
    </row>
    <row r="665961" spans="14:14">
      <c r="N665961" s="10"/>
    </row>
    <row r="665962" spans="14:14">
      <c r="N665962" s="10"/>
    </row>
    <row r="665963" spans="14:14">
      <c r="N665963" s="10"/>
    </row>
    <row r="665964" spans="14:14">
      <c r="N665964" s="10"/>
    </row>
    <row r="665965" spans="14:14">
      <c r="N665965" s="10"/>
    </row>
    <row r="665966" spans="14:14">
      <c r="N665966" s="10"/>
    </row>
    <row r="665967" spans="14:14">
      <c r="N665967" s="10"/>
    </row>
    <row r="665968" spans="14:14">
      <c r="N665968" s="10"/>
    </row>
    <row r="665969" spans="14:14">
      <c r="N665969" s="10"/>
    </row>
    <row r="665970" spans="14:14">
      <c r="N665970" s="10"/>
    </row>
    <row r="665971" spans="14:14">
      <c r="N665971" s="10"/>
    </row>
    <row r="665972" spans="14:14">
      <c r="N665972" s="10"/>
    </row>
    <row r="665973" spans="14:14">
      <c r="N665973" s="10"/>
    </row>
    <row r="665974" spans="14:14">
      <c r="N665974" s="10"/>
    </row>
    <row r="665975" spans="14:14">
      <c r="N665975" s="10"/>
    </row>
    <row r="665976" spans="14:14">
      <c r="N665976" s="10"/>
    </row>
    <row r="665977" spans="14:14">
      <c r="N665977" s="10"/>
    </row>
    <row r="665978" spans="14:14">
      <c r="N665978" s="10"/>
    </row>
    <row r="665979" spans="14:14">
      <c r="N665979" s="10"/>
    </row>
    <row r="665980" spans="14:14">
      <c r="N665980" s="10"/>
    </row>
    <row r="665981" spans="14:14">
      <c r="N665981" s="10"/>
    </row>
    <row r="665982" spans="14:14">
      <c r="N665982" s="10"/>
    </row>
    <row r="665983" spans="14:14">
      <c r="N665983" s="10"/>
    </row>
    <row r="665984" spans="14:14">
      <c r="N665984" s="10"/>
    </row>
    <row r="665985" spans="14:14">
      <c r="N665985" s="10"/>
    </row>
    <row r="665986" spans="14:14">
      <c r="N665986" s="10"/>
    </row>
    <row r="665987" spans="14:14">
      <c r="N665987" s="10"/>
    </row>
    <row r="665988" spans="14:14">
      <c r="N665988" s="10"/>
    </row>
    <row r="665989" spans="14:14">
      <c r="N665989" s="10"/>
    </row>
    <row r="665990" spans="14:14">
      <c r="N665990" s="10"/>
    </row>
    <row r="665991" spans="14:14">
      <c r="N665991" s="10"/>
    </row>
    <row r="665992" spans="14:14">
      <c r="N665992" s="10"/>
    </row>
    <row r="665993" spans="14:14">
      <c r="N665993" s="10"/>
    </row>
    <row r="665994" spans="14:14">
      <c r="N665994" s="10"/>
    </row>
    <row r="665995" spans="14:14">
      <c r="N665995" s="10"/>
    </row>
    <row r="665996" spans="14:14">
      <c r="N665996" s="10"/>
    </row>
    <row r="665997" spans="14:14">
      <c r="N665997" s="10"/>
    </row>
    <row r="665998" spans="14:14">
      <c r="N665998" s="10"/>
    </row>
    <row r="665999" spans="14:14">
      <c r="N665999" s="10"/>
    </row>
    <row r="666000" spans="14:14">
      <c r="N666000" s="10"/>
    </row>
    <row r="666001" spans="14:14">
      <c r="N666001" s="10"/>
    </row>
    <row r="666002" spans="14:14">
      <c r="N666002" s="10"/>
    </row>
    <row r="666003" spans="14:14">
      <c r="N666003" s="10"/>
    </row>
    <row r="666004" spans="14:14">
      <c r="N666004" s="10"/>
    </row>
    <row r="666005" spans="14:14">
      <c r="N666005" s="10"/>
    </row>
    <row r="666006" spans="14:14">
      <c r="N666006" s="10"/>
    </row>
    <row r="666007" spans="14:14">
      <c r="N666007" s="10"/>
    </row>
    <row r="666008" spans="14:14">
      <c r="N666008" s="10"/>
    </row>
    <row r="666009" spans="14:14">
      <c r="N666009" s="10"/>
    </row>
    <row r="666010" spans="14:14">
      <c r="N666010" s="10"/>
    </row>
    <row r="666011" spans="14:14">
      <c r="N666011" s="10"/>
    </row>
    <row r="666012" spans="14:14">
      <c r="N666012" s="10"/>
    </row>
    <row r="666013" spans="14:14">
      <c r="N666013" s="10"/>
    </row>
    <row r="666014" spans="14:14">
      <c r="N666014" s="10"/>
    </row>
    <row r="666015" spans="14:14">
      <c r="N666015" s="10"/>
    </row>
    <row r="666016" spans="14:14">
      <c r="N666016" s="10"/>
    </row>
    <row r="666017" spans="14:14">
      <c r="N666017" s="10"/>
    </row>
    <row r="666018" spans="14:14">
      <c r="N666018" s="10"/>
    </row>
    <row r="666019" spans="14:14">
      <c r="N666019" s="10"/>
    </row>
    <row r="666020" spans="14:14">
      <c r="N666020" s="10"/>
    </row>
    <row r="666021" spans="14:14">
      <c r="N666021" s="10"/>
    </row>
    <row r="666022" spans="14:14">
      <c r="N666022" s="10"/>
    </row>
    <row r="666023" spans="14:14">
      <c r="N666023" s="10"/>
    </row>
    <row r="666024" spans="14:14">
      <c r="N666024" s="10"/>
    </row>
    <row r="666025" spans="14:14">
      <c r="N666025" s="10"/>
    </row>
    <row r="666026" spans="14:14">
      <c r="N666026" s="10"/>
    </row>
    <row r="666027" spans="14:14">
      <c r="N666027" s="10"/>
    </row>
    <row r="666028" spans="14:14">
      <c r="N666028" s="10"/>
    </row>
    <row r="666029" spans="14:14">
      <c r="N666029" s="10"/>
    </row>
    <row r="666030" spans="14:14">
      <c r="N666030" s="10"/>
    </row>
    <row r="666031" spans="14:14">
      <c r="N666031" s="10"/>
    </row>
    <row r="666032" spans="14:14">
      <c r="N666032" s="10"/>
    </row>
    <row r="666033" spans="14:14">
      <c r="N666033" s="10"/>
    </row>
    <row r="666034" spans="14:14">
      <c r="N666034" s="10"/>
    </row>
    <row r="666035" spans="14:14">
      <c r="N666035" s="10"/>
    </row>
    <row r="666036" spans="14:14">
      <c r="N666036" s="10"/>
    </row>
    <row r="666037" spans="14:14">
      <c r="N666037" s="10"/>
    </row>
    <row r="666038" spans="14:14">
      <c r="N666038" s="10"/>
    </row>
    <row r="666039" spans="14:14">
      <c r="N666039" s="10"/>
    </row>
    <row r="666040" spans="14:14">
      <c r="N666040" s="10"/>
    </row>
    <row r="666041" spans="14:14">
      <c r="N666041" s="10"/>
    </row>
    <row r="666042" spans="14:14">
      <c r="N666042" s="10"/>
    </row>
    <row r="666043" spans="14:14">
      <c r="N666043" s="10"/>
    </row>
    <row r="666044" spans="14:14">
      <c r="N666044" s="10"/>
    </row>
    <row r="666045" spans="14:14">
      <c r="N666045" s="10"/>
    </row>
    <row r="666046" spans="14:14">
      <c r="N666046" s="10"/>
    </row>
    <row r="666047" spans="14:14">
      <c r="N666047" s="10"/>
    </row>
    <row r="666048" spans="14:14">
      <c r="N666048" s="10"/>
    </row>
    <row r="666049" spans="14:14">
      <c r="N666049" s="10"/>
    </row>
    <row r="666050" spans="14:14">
      <c r="N666050" s="10"/>
    </row>
    <row r="666051" spans="14:14">
      <c r="N666051" s="10"/>
    </row>
    <row r="666052" spans="14:14">
      <c r="N666052" s="10"/>
    </row>
    <row r="666053" spans="14:14">
      <c r="N666053" s="10"/>
    </row>
    <row r="666054" spans="14:14">
      <c r="N666054" s="10"/>
    </row>
    <row r="666055" spans="14:14">
      <c r="N666055" s="10"/>
    </row>
    <row r="666056" spans="14:14">
      <c r="N666056" s="10"/>
    </row>
    <row r="666057" spans="14:14">
      <c r="N666057" s="10"/>
    </row>
    <row r="666058" spans="14:14">
      <c r="N666058" s="10"/>
    </row>
    <row r="666059" spans="14:14">
      <c r="N666059" s="10"/>
    </row>
    <row r="666060" spans="14:14">
      <c r="N666060" s="10"/>
    </row>
    <row r="666061" spans="14:14">
      <c r="N666061" s="10"/>
    </row>
    <row r="666062" spans="14:14">
      <c r="N666062" s="10"/>
    </row>
    <row r="666063" spans="14:14">
      <c r="N666063" s="10"/>
    </row>
    <row r="666064" spans="14:14">
      <c r="N666064" s="10"/>
    </row>
    <row r="666065" spans="14:14">
      <c r="N666065" s="10"/>
    </row>
    <row r="666066" spans="14:14">
      <c r="N666066" s="10"/>
    </row>
    <row r="666067" spans="14:14">
      <c r="N666067" s="10"/>
    </row>
    <row r="666068" spans="14:14">
      <c r="N666068" s="10"/>
    </row>
    <row r="666069" spans="14:14">
      <c r="N666069" s="10"/>
    </row>
    <row r="666070" spans="14:14">
      <c r="N666070" s="10"/>
    </row>
    <row r="666071" spans="14:14">
      <c r="N666071" s="10"/>
    </row>
    <row r="666072" spans="14:14">
      <c r="N666072" s="10"/>
    </row>
    <row r="666073" spans="14:14">
      <c r="N666073" s="10"/>
    </row>
    <row r="666074" spans="14:14">
      <c r="N666074" s="10"/>
    </row>
    <row r="666075" spans="14:14">
      <c r="N666075" s="10"/>
    </row>
    <row r="666076" spans="14:14">
      <c r="N666076" s="10"/>
    </row>
    <row r="666077" spans="14:14">
      <c r="N666077" s="10"/>
    </row>
    <row r="666078" spans="14:14">
      <c r="N666078" s="10"/>
    </row>
    <row r="666079" spans="14:14">
      <c r="N666079" s="10"/>
    </row>
    <row r="666080" spans="14:14">
      <c r="N666080" s="10"/>
    </row>
    <row r="666081" spans="14:14">
      <c r="N666081" s="10"/>
    </row>
    <row r="666082" spans="14:14">
      <c r="N666082" s="10"/>
    </row>
    <row r="666083" spans="14:14">
      <c r="N666083" s="10"/>
    </row>
    <row r="666084" spans="14:14">
      <c r="N666084" s="10"/>
    </row>
    <row r="666085" spans="14:14">
      <c r="N666085" s="10"/>
    </row>
    <row r="666086" spans="14:14">
      <c r="N666086" s="10"/>
    </row>
    <row r="666087" spans="14:14">
      <c r="N666087" s="10"/>
    </row>
    <row r="666088" spans="14:14">
      <c r="N666088" s="10"/>
    </row>
    <row r="666089" spans="14:14">
      <c r="N666089" s="10"/>
    </row>
    <row r="666090" spans="14:14">
      <c r="N666090" s="10"/>
    </row>
    <row r="666091" spans="14:14">
      <c r="N666091" s="10"/>
    </row>
    <row r="666092" spans="14:14">
      <c r="N666092" s="10"/>
    </row>
    <row r="666093" spans="14:14">
      <c r="N666093" s="10"/>
    </row>
    <row r="666094" spans="14:14">
      <c r="N666094" s="10"/>
    </row>
    <row r="666095" spans="14:14">
      <c r="N666095" s="10"/>
    </row>
    <row r="666096" spans="14:14">
      <c r="N666096" s="10"/>
    </row>
    <row r="666097" spans="14:14">
      <c r="N666097" s="10"/>
    </row>
    <row r="666098" spans="14:14">
      <c r="N666098" s="10"/>
    </row>
    <row r="666099" spans="14:14">
      <c r="N666099" s="10"/>
    </row>
    <row r="666100" spans="14:14">
      <c r="N666100" s="10"/>
    </row>
    <row r="666101" spans="14:14">
      <c r="N666101" s="10"/>
    </row>
    <row r="666102" spans="14:14">
      <c r="N666102" s="10"/>
    </row>
    <row r="666103" spans="14:14">
      <c r="N666103" s="10"/>
    </row>
    <row r="666104" spans="14:14">
      <c r="N666104" s="10"/>
    </row>
    <row r="666105" spans="14:14">
      <c r="N666105" s="10"/>
    </row>
    <row r="666106" spans="14:14">
      <c r="N666106" s="10"/>
    </row>
    <row r="666107" spans="14:14">
      <c r="N666107" s="10"/>
    </row>
    <row r="666108" spans="14:14">
      <c r="N666108" s="10"/>
    </row>
    <row r="666109" spans="14:14">
      <c r="N666109" s="10"/>
    </row>
    <row r="666110" spans="14:14">
      <c r="N666110" s="10"/>
    </row>
    <row r="666111" spans="14:14">
      <c r="N666111" s="10"/>
    </row>
    <row r="666112" spans="14:14">
      <c r="N666112" s="10"/>
    </row>
    <row r="666113" spans="14:14">
      <c r="N666113" s="10"/>
    </row>
    <row r="666114" spans="14:14">
      <c r="N666114" s="10"/>
    </row>
    <row r="666115" spans="14:14">
      <c r="N666115" s="10"/>
    </row>
    <row r="666116" spans="14:14">
      <c r="N666116" s="10"/>
    </row>
    <row r="666117" spans="14:14">
      <c r="N666117" s="10"/>
    </row>
    <row r="666118" spans="14:14">
      <c r="N666118" s="10"/>
    </row>
    <row r="666119" spans="14:14">
      <c r="N666119" s="10"/>
    </row>
    <row r="666120" spans="14:14">
      <c r="N666120" s="10"/>
    </row>
    <row r="666121" spans="14:14">
      <c r="N666121" s="10"/>
    </row>
    <row r="666122" spans="14:14">
      <c r="N666122" s="10"/>
    </row>
    <row r="666123" spans="14:14">
      <c r="N666123" s="10"/>
    </row>
    <row r="666124" spans="14:14">
      <c r="N666124" s="10"/>
    </row>
    <row r="666125" spans="14:14">
      <c r="N666125" s="10"/>
    </row>
    <row r="666126" spans="14:14">
      <c r="N666126" s="10"/>
    </row>
    <row r="666127" spans="14:14">
      <c r="N666127" s="10"/>
    </row>
    <row r="666128" spans="14:14">
      <c r="N666128" s="10"/>
    </row>
    <row r="666129" spans="14:14">
      <c r="N666129" s="10"/>
    </row>
    <row r="666130" spans="14:14">
      <c r="N666130" s="10"/>
    </row>
    <row r="666131" spans="14:14">
      <c r="N666131" s="10"/>
    </row>
    <row r="666132" spans="14:14">
      <c r="N666132" s="10"/>
    </row>
    <row r="666133" spans="14:14">
      <c r="N666133" s="10"/>
    </row>
    <row r="666134" spans="14:14">
      <c r="N666134" s="10"/>
    </row>
    <row r="666135" spans="14:14">
      <c r="N666135" s="10"/>
    </row>
    <row r="666136" spans="14:14">
      <c r="N666136" s="10"/>
    </row>
    <row r="666137" spans="14:14">
      <c r="N666137" s="10"/>
    </row>
    <row r="666138" spans="14:14">
      <c r="N666138" s="10"/>
    </row>
    <row r="666139" spans="14:14">
      <c r="N666139" s="10"/>
    </row>
    <row r="666140" spans="14:14">
      <c r="N666140" s="10"/>
    </row>
    <row r="666141" spans="14:14">
      <c r="N666141" s="10"/>
    </row>
    <row r="666142" spans="14:14">
      <c r="N666142" s="10"/>
    </row>
    <row r="666143" spans="14:14">
      <c r="N666143" s="10"/>
    </row>
    <row r="666144" spans="14:14">
      <c r="N666144" s="10"/>
    </row>
    <row r="666145" spans="14:14">
      <c r="N666145" s="10"/>
    </row>
    <row r="666146" spans="14:14">
      <c r="N666146" s="10"/>
    </row>
    <row r="666147" spans="14:14">
      <c r="N666147" s="10"/>
    </row>
    <row r="666148" spans="14:14">
      <c r="N666148" s="10"/>
    </row>
    <row r="666149" spans="14:14">
      <c r="N666149" s="10"/>
    </row>
    <row r="666150" spans="14:14">
      <c r="N666150" s="10"/>
    </row>
    <row r="666151" spans="14:14">
      <c r="N666151" s="10"/>
    </row>
    <row r="666152" spans="14:14">
      <c r="N666152" s="10"/>
    </row>
    <row r="666153" spans="14:14">
      <c r="N666153" s="10"/>
    </row>
    <row r="666154" spans="14:14">
      <c r="N666154" s="10"/>
    </row>
    <row r="666155" spans="14:14">
      <c r="N666155" s="10"/>
    </row>
    <row r="666156" spans="14:14">
      <c r="N666156" s="10"/>
    </row>
    <row r="666157" spans="14:14">
      <c r="N666157" s="10"/>
    </row>
    <row r="666158" spans="14:14">
      <c r="N666158" s="10"/>
    </row>
    <row r="666159" spans="14:14">
      <c r="N666159" s="10"/>
    </row>
    <row r="666160" spans="14:14">
      <c r="N666160" s="10"/>
    </row>
    <row r="666161" spans="14:14">
      <c r="N666161" s="10"/>
    </row>
    <row r="666162" spans="14:14">
      <c r="N666162" s="10"/>
    </row>
    <row r="666163" spans="14:14">
      <c r="N666163" s="10"/>
    </row>
    <row r="666164" spans="14:14">
      <c r="N666164" s="10"/>
    </row>
    <row r="666165" spans="14:14">
      <c r="N666165" s="10"/>
    </row>
    <row r="666166" spans="14:14">
      <c r="N666166" s="10"/>
    </row>
    <row r="666167" spans="14:14">
      <c r="N666167" s="10"/>
    </row>
    <row r="666168" spans="14:14">
      <c r="N666168" s="10"/>
    </row>
    <row r="666169" spans="14:14">
      <c r="N666169" s="10"/>
    </row>
    <row r="666170" spans="14:14">
      <c r="N666170" s="10"/>
    </row>
    <row r="666171" spans="14:14">
      <c r="N666171" s="10"/>
    </row>
    <row r="666172" spans="14:14">
      <c r="N666172" s="10"/>
    </row>
    <row r="666173" spans="14:14">
      <c r="N666173" s="10"/>
    </row>
    <row r="666174" spans="14:14">
      <c r="N666174" s="10"/>
    </row>
    <row r="666175" spans="14:14">
      <c r="N666175" s="10"/>
    </row>
    <row r="666176" spans="14:14">
      <c r="N666176" s="10"/>
    </row>
    <row r="666177" spans="14:14">
      <c r="N666177" s="10"/>
    </row>
    <row r="666178" spans="14:14">
      <c r="N666178" s="10"/>
    </row>
    <row r="666179" spans="14:14">
      <c r="N666179" s="10"/>
    </row>
    <row r="666180" spans="14:14">
      <c r="N666180" s="10"/>
    </row>
    <row r="666181" spans="14:14">
      <c r="N666181" s="10"/>
    </row>
    <row r="666182" spans="14:14">
      <c r="N666182" s="10"/>
    </row>
    <row r="666183" spans="14:14">
      <c r="N666183" s="10"/>
    </row>
    <row r="666184" spans="14:14">
      <c r="N666184" s="10"/>
    </row>
    <row r="666185" spans="14:14">
      <c r="N666185" s="10"/>
    </row>
    <row r="666186" spans="14:14">
      <c r="N666186" s="10"/>
    </row>
    <row r="666187" spans="14:14">
      <c r="N666187" s="10"/>
    </row>
    <row r="666188" spans="14:14">
      <c r="N666188" s="10"/>
    </row>
    <row r="666189" spans="14:14">
      <c r="N666189" s="10"/>
    </row>
    <row r="666190" spans="14:14">
      <c r="N666190" s="10"/>
    </row>
    <row r="666191" spans="14:14">
      <c r="N666191" s="10"/>
    </row>
    <row r="666192" spans="14:14">
      <c r="N666192" s="10"/>
    </row>
    <row r="666193" spans="14:14">
      <c r="N666193" s="10"/>
    </row>
    <row r="666194" spans="14:14">
      <c r="N666194" s="10"/>
    </row>
    <row r="666195" spans="14:14">
      <c r="N666195" s="10"/>
    </row>
    <row r="666196" spans="14:14">
      <c r="N666196" s="10"/>
    </row>
    <row r="666197" spans="14:14">
      <c r="N666197" s="10"/>
    </row>
    <row r="666198" spans="14:14">
      <c r="N666198" s="10"/>
    </row>
    <row r="666199" spans="14:14">
      <c r="N666199" s="10"/>
    </row>
    <row r="666200" spans="14:14">
      <c r="N666200" s="10"/>
    </row>
    <row r="666201" spans="14:14">
      <c r="N666201" s="10"/>
    </row>
    <row r="666202" spans="14:14">
      <c r="N666202" s="10"/>
    </row>
    <row r="666203" spans="14:14">
      <c r="N666203" s="10"/>
    </row>
    <row r="666204" spans="14:14">
      <c r="N666204" s="10"/>
    </row>
    <row r="666205" spans="14:14">
      <c r="N666205" s="10"/>
    </row>
    <row r="666206" spans="14:14">
      <c r="N666206" s="10"/>
    </row>
    <row r="666207" spans="14:14">
      <c r="N666207" s="10"/>
    </row>
    <row r="666208" spans="14:14">
      <c r="N666208" s="10"/>
    </row>
    <row r="666209" spans="14:14">
      <c r="N666209" s="10"/>
    </row>
    <row r="666210" spans="14:14">
      <c r="N666210" s="10"/>
    </row>
    <row r="666211" spans="14:14">
      <c r="N666211" s="10"/>
    </row>
    <row r="666212" spans="14:14">
      <c r="N666212" s="10"/>
    </row>
    <row r="666213" spans="14:14">
      <c r="N666213" s="10"/>
    </row>
    <row r="666214" spans="14:14">
      <c r="N666214" s="10"/>
    </row>
    <row r="666215" spans="14:14">
      <c r="N666215" s="10"/>
    </row>
    <row r="666216" spans="14:14">
      <c r="N666216" s="10"/>
    </row>
    <row r="666217" spans="14:14">
      <c r="N666217" s="10"/>
    </row>
    <row r="666218" spans="14:14">
      <c r="N666218" s="10"/>
    </row>
    <row r="666219" spans="14:14">
      <c r="N666219" s="10"/>
    </row>
    <row r="666220" spans="14:14">
      <c r="N666220" s="10"/>
    </row>
    <row r="666221" spans="14:14">
      <c r="N666221" s="10"/>
    </row>
    <row r="666222" spans="14:14">
      <c r="N666222" s="10"/>
    </row>
    <row r="666223" spans="14:14">
      <c r="N666223" s="10"/>
    </row>
    <row r="666224" spans="14:14">
      <c r="N666224" s="10"/>
    </row>
    <row r="666225" spans="14:14">
      <c r="N666225" s="10"/>
    </row>
    <row r="666226" spans="14:14">
      <c r="N666226" s="10"/>
    </row>
    <row r="666227" spans="14:14">
      <c r="N666227" s="10"/>
    </row>
    <row r="666228" spans="14:14">
      <c r="N666228" s="10"/>
    </row>
    <row r="666229" spans="14:14">
      <c r="N666229" s="10"/>
    </row>
    <row r="666230" spans="14:14">
      <c r="N666230" s="10"/>
    </row>
    <row r="666231" spans="14:14">
      <c r="N666231" s="10"/>
    </row>
    <row r="666232" spans="14:14">
      <c r="N666232" s="10"/>
    </row>
    <row r="666233" spans="14:14">
      <c r="N666233" s="10"/>
    </row>
    <row r="666234" spans="14:14">
      <c r="N666234" s="10"/>
    </row>
    <row r="666235" spans="14:14">
      <c r="N666235" s="10"/>
    </row>
    <row r="666236" spans="14:14">
      <c r="N666236" s="10"/>
    </row>
    <row r="666237" spans="14:14">
      <c r="N666237" s="10"/>
    </row>
    <row r="666238" spans="14:14">
      <c r="N666238" s="10"/>
    </row>
    <row r="666239" spans="14:14">
      <c r="N666239" s="10"/>
    </row>
    <row r="666240" spans="14:14">
      <c r="N666240" s="10"/>
    </row>
    <row r="666241" spans="14:14">
      <c r="N666241" s="10"/>
    </row>
    <row r="666242" spans="14:14">
      <c r="N666242" s="10"/>
    </row>
    <row r="666243" spans="14:14">
      <c r="N666243" s="10"/>
    </row>
    <row r="666244" spans="14:14">
      <c r="N666244" s="10"/>
    </row>
    <row r="666245" spans="14:14">
      <c r="N666245" s="10"/>
    </row>
    <row r="666246" spans="14:14">
      <c r="N666246" s="10"/>
    </row>
    <row r="666247" spans="14:14">
      <c r="N666247" s="10"/>
    </row>
    <row r="666248" spans="14:14">
      <c r="N666248" s="10"/>
    </row>
    <row r="666249" spans="14:14">
      <c r="N666249" s="10"/>
    </row>
    <row r="666250" spans="14:14">
      <c r="N666250" s="10"/>
    </row>
    <row r="666251" spans="14:14">
      <c r="N666251" s="10"/>
    </row>
    <row r="666252" spans="14:14">
      <c r="N666252" s="10"/>
    </row>
    <row r="666253" spans="14:14">
      <c r="N666253" s="10"/>
    </row>
    <row r="666254" spans="14:14">
      <c r="N666254" s="10"/>
    </row>
    <row r="666255" spans="14:14">
      <c r="N666255" s="10"/>
    </row>
    <row r="666256" spans="14:14">
      <c r="N666256" s="10"/>
    </row>
    <row r="666257" spans="14:14">
      <c r="N666257" s="10"/>
    </row>
    <row r="666258" spans="14:14">
      <c r="N666258" s="10"/>
    </row>
    <row r="666259" spans="14:14">
      <c r="N666259" s="10"/>
    </row>
    <row r="666260" spans="14:14">
      <c r="N666260" s="10"/>
    </row>
    <row r="666261" spans="14:14">
      <c r="N666261" s="10"/>
    </row>
    <row r="666262" spans="14:14">
      <c r="N666262" s="10"/>
    </row>
    <row r="666263" spans="14:14">
      <c r="N666263" s="10"/>
    </row>
    <row r="666264" spans="14:14">
      <c r="N666264" s="10"/>
    </row>
    <row r="666265" spans="14:14">
      <c r="N666265" s="10"/>
    </row>
    <row r="666266" spans="14:14">
      <c r="N666266" s="10"/>
    </row>
    <row r="666267" spans="14:14">
      <c r="N666267" s="10"/>
    </row>
    <row r="666268" spans="14:14">
      <c r="N666268" s="10"/>
    </row>
    <row r="666269" spans="14:14">
      <c r="N666269" s="10"/>
    </row>
    <row r="666270" spans="14:14">
      <c r="N666270" s="10"/>
    </row>
    <row r="666271" spans="14:14">
      <c r="N666271" s="10"/>
    </row>
    <row r="666272" spans="14:14">
      <c r="N666272" s="10"/>
    </row>
    <row r="666273" spans="14:14">
      <c r="N666273" s="10"/>
    </row>
    <row r="666274" spans="14:14">
      <c r="N666274" s="10"/>
    </row>
    <row r="666275" spans="14:14">
      <c r="N666275" s="10"/>
    </row>
    <row r="666276" spans="14:14">
      <c r="N666276" s="10"/>
    </row>
    <row r="666277" spans="14:14">
      <c r="N666277" s="10"/>
    </row>
    <row r="666278" spans="14:14">
      <c r="N666278" s="10"/>
    </row>
    <row r="666279" spans="14:14">
      <c r="N666279" s="10"/>
    </row>
    <row r="666280" spans="14:14">
      <c r="N666280" s="10"/>
    </row>
    <row r="666281" spans="14:14">
      <c r="N666281" s="10"/>
    </row>
    <row r="666282" spans="14:14">
      <c r="N666282" s="10"/>
    </row>
    <row r="666283" spans="14:14">
      <c r="N666283" s="10"/>
    </row>
    <row r="666284" spans="14:14">
      <c r="N666284" s="10"/>
    </row>
    <row r="666285" spans="14:14">
      <c r="N666285" s="10"/>
    </row>
    <row r="666286" spans="14:14">
      <c r="N666286" s="10"/>
    </row>
    <row r="666287" spans="14:14">
      <c r="N666287" s="10"/>
    </row>
    <row r="666288" spans="14:14">
      <c r="N666288" s="10"/>
    </row>
    <row r="666289" spans="14:14">
      <c r="N666289" s="10"/>
    </row>
    <row r="666290" spans="14:14">
      <c r="N666290" s="10"/>
    </row>
    <row r="666291" spans="14:14">
      <c r="N666291" s="10"/>
    </row>
    <row r="666292" spans="14:14">
      <c r="N666292" s="10"/>
    </row>
    <row r="666293" spans="14:14">
      <c r="N666293" s="10"/>
    </row>
    <row r="666294" spans="14:14">
      <c r="N666294" s="10"/>
    </row>
    <row r="666295" spans="14:14">
      <c r="N666295" s="10"/>
    </row>
    <row r="666296" spans="14:14">
      <c r="N666296" s="10"/>
    </row>
    <row r="666297" spans="14:14">
      <c r="N666297" s="10"/>
    </row>
    <row r="666298" spans="14:14">
      <c r="N666298" s="10"/>
    </row>
    <row r="666299" spans="14:14">
      <c r="N666299" s="10"/>
    </row>
    <row r="666300" spans="14:14">
      <c r="N666300" s="10"/>
    </row>
    <row r="666301" spans="14:14">
      <c r="N666301" s="10"/>
    </row>
    <row r="666302" spans="14:14">
      <c r="N666302" s="10"/>
    </row>
    <row r="666303" spans="14:14">
      <c r="N666303" s="10"/>
    </row>
    <row r="666304" spans="14:14">
      <c r="N666304" s="10"/>
    </row>
    <row r="666305" spans="14:14">
      <c r="N666305" s="10"/>
    </row>
    <row r="666306" spans="14:14">
      <c r="N666306" s="10"/>
    </row>
    <row r="666307" spans="14:14">
      <c r="N666307" s="10"/>
    </row>
    <row r="666308" spans="14:14">
      <c r="N666308" s="10"/>
    </row>
    <row r="666309" spans="14:14">
      <c r="N666309" s="10"/>
    </row>
    <row r="666310" spans="14:14">
      <c r="N666310" s="10"/>
    </row>
    <row r="666311" spans="14:14">
      <c r="N666311" s="10"/>
    </row>
    <row r="666312" spans="14:14">
      <c r="N666312" s="10"/>
    </row>
    <row r="666313" spans="14:14">
      <c r="N666313" s="10"/>
    </row>
    <row r="666314" spans="14:14">
      <c r="N666314" s="10"/>
    </row>
    <row r="666315" spans="14:14">
      <c r="N666315" s="10"/>
    </row>
    <row r="666316" spans="14:14">
      <c r="N666316" s="10"/>
    </row>
    <row r="666317" spans="14:14">
      <c r="N666317" s="10"/>
    </row>
    <row r="666318" spans="14:14">
      <c r="N666318" s="10"/>
    </row>
    <row r="666319" spans="14:14">
      <c r="N666319" s="10"/>
    </row>
    <row r="666320" spans="14:14">
      <c r="N666320" s="10"/>
    </row>
    <row r="666321" spans="14:14">
      <c r="N666321" s="10"/>
    </row>
    <row r="666322" spans="14:14">
      <c r="N666322" s="10"/>
    </row>
    <row r="666323" spans="14:14">
      <c r="N666323" s="10"/>
    </row>
    <row r="666324" spans="14:14">
      <c r="N666324" s="10"/>
    </row>
    <row r="666325" spans="14:14">
      <c r="N666325" s="10"/>
    </row>
    <row r="666326" spans="14:14">
      <c r="N666326" s="10"/>
    </row>
    <row r="666327" spans="14:14">
      <c r="N666327" s="10"/>
    </row>
    <row r="666328" spans="14:14">
      <c r="N666328" s="10"/>
    </row>
    <row r="666329" spans="14:14">
      <c r="N666329" s="10"/>
    </row>
    <row r="666330" spans="14:14">
      <c r="N666330" s="10"/>
    </row>
    <row r="666331" spans="14:14">
      <c r="N666331" s="10"/>
    </row>
    <row r="666332" spans="14:14">
      <c r="N666332" s="10"/>
    </row>
    <row r="666333" spans="14:14">
      <c r="N666333" s="10"/>
    </row>
    <row r="666334" spans="14:14">
      <c r="N666334" s="10"/>
    </row>
    <row r="666335" spans="14:14">
      <c r="N666335" s="10"/>
    </row>
    <row r="666336" spans="14:14">
      <c r="N666336" s="10"/>
    </row>
    <row r="666337" spans="14:14">
      <c r="N666337" s="10"/>
    </row>
    <row r="666338" spans="14:14">
      <c r="N666338" s="10"/>
    </row>
    <row r="666339" spans="14:14">
      <c r="N666339" s="10"/>
    </row>
    <row r="666340" spans="14:14">
      <c r="N666340" s="10"/>
    </row>
    <row r="666341" spans="14:14">
      <c r="N666341" s="10"/>
    </row>
    <row r="666342" spans="14:14">
      <c r="N666342" s="10"/>
    </row>
    <row r="666343" spans="14:14">
      <c r="N666343" s="10"/>
    </row>
    <row r="666344" spans="14:14">
      <c r="N666344" s="10"/>
    </row>
    <row r="666345" spans="14:14">
      <c r="N666345" s="10"/>
    </row>
    <row r="666346" spans="14:14">
      <c r="N666346" s="10"/>
    </row>
    <row r="666347" spans="14:14">
      <c r="N666347" s="10"/>
    </row>
    <row r="666348" spans="14:14">
      <c r="N666348" s="10"/>
    </row>
    <row r="666349" spans="14:14">
      <c r="N666349" s="10"/>
    </row>
    <row r="666350" spans="14:14">
      <c r="N666350" s="10"/>
    </row>
    <row r="666351" spans="14:14">
      <c r="N666351" s="10"/>
    </row>
    <row r="666352" spans="14:14">
      <c r="N666352" s="10"/>
    </row>
    <row r="666353" spans="14:14">
      <c r="N666353" s="10"/>
    </row>
    <row r="666354" spans="14:14">
      <c r="N666354" s="10"/>
    </row>
    <row r="666355" spans="14:14">
      <c r="N666355" s="10"/>
    </row>
    <row r="666356" spans="14:14">
      <c r="N666356" s="10"/>
    </row>
    <row r="666357" spans="14:14">
      <c r="N666357" s="10"/>
    </row>
    <row r="666358" spans="14:14">
      <c r="N666358" s="10"/>
    </row>
    <row r="666359" spans="14:14">
      <c r="N666359" s="10"/>
    </row>
    <row r="666360" spans="14:14">
      <c r="N666360" s="10"/>
    </row>
    <row r="666361" spans="14:14">
      <c r="N666361" s="10"/>
    </row>
    <row r="666362" spans="14:14">
      <c r="N666362" s="10"/>
    </row>
    <row r="666363" spans="14:14">
      <c r="N666363" s="10"/>
    </row>
    <row r="666364" spans="14:14">
      <c r="N666364" s="10"/>
    </row>
    <row r="666365" spans="14:14">
      <c r="N666365" s="10"/>
    </row>
    <row r="666366" spans="14:14">
      <c r="N666366" s="10"/>
    </row>
    <row r="666367" spans="14:14">
      <c r="N666367" s="10"/>
    </row>
    <row r="666368" spans="14:14">
      <c r="N666368" s="10"/>
    </row>
    <row r="666369" spans="14:14">
      <c r="N666369" s="10"/>
    </row>
    <row r="666370" spans="14:14">
      <c r="N666370" s="10"/>
    </row>
    <row r="666371" spans="14:14">
      <c r="N666371" s="10"/>
    </row>
    <row r="666372" spans="14:14">
      <c r="N666372" s="10"/>
    </row>
    <row r="666373" spans="14:14">
      <c r="N666373" s="10"/>
    </row>
    <row r="666374" spans="14:14">
      <c r="N666374" s="10"/>
    </row>
    <row r="666375" spans="14:14">
      <c r="N666375" s="10"/>
    </row>
    <row r="666376" spans="14:14">
      <c r="N666376" s="10"/>
    </row>
    <row r="666377" spans="14:14">
      <c r="N666377" s="10"/>
    </row>
    <row r="666378" spans="14:14">
      <c r="N666378" s="10"/>
    </row>
    <row r="666379" spans="14:14">
      <c r="N666379" s="10"/>
    </row>
    <row r="666380" spans="14:14">
      <c r="N666380" s="10"/>
    </row>
    <row r="666381" spans="14:14">
      <c r="N666381" s="10"/>
    </row>
    <row r="666382" spans="14:14">
      <c r="N666382" s="10"/>
    </row>
    <row r="666383" spans="14:14">
      <c r="N666383" s="10"/>
    </row>
    <row r="666384" spans="14:14">
      <c r="N666384" s="10"/>
    </row>
    <row r="666385" spans="14:14">
      <c r="N666385" s="10"/>
    </row>
    <row r="666386" spans="14:14">
      <c r="N666386" s="10"/>
    </row>
    <row r="666387" spans="14:14">
      <c r="N666387" s="10"/>
    </row>
    <row r="666388" spans="14:14">
      <c r="N666388" s="10"/>
    </row>
    <row r="666389" spans="14:14">
      <c r="N666389" s="10"/>
    </row>
    <row r="666390" spans="14:14">
      <c r="N666390" s="10"/>
    </row>
    <row r="666391" spans="14:14">
      <c r="N666391" s="10"/>
    </row>
    <row r="666392" spans="14:14">
      <c r="N666392" s="10"/>
    </row>
    <row r="666393" spans="14:14">
      <c r="N666393" s="10"/>
    </row>
    <row r="666394" spans="14:14">
      <c r="N666394" s="10"/>
    </row>
    <row r="666395" spans="14:14">
      <c r="N666395" s="10"/>
    </row>
    <row r="666396" spans="14:14">
      <c r="N666396" s="10"/>
    </row>
    <row r="666397" spans="14:14">
      <c r="N666397" s="10"/>
    </row>
    <row r="666398" spans="14:14">
      <c r="N666398" s="10"/>
    </row>
    <row r="666399" spans="14:14">
      <c r="N666399" s="10"/>
    </row>
    <row r="666400" spans="14:14">
      <c r="N666400" s="10"/>
    </row>
    <row r="666401" spans="14:14">
      <c r="N666401" s="10"/>
    </row>
    <row r="666402" spans="14:14">
      <c r="N666402" s="10"/>
    </row>
    <row r="666403" spans="14:14">
      <c r="N666403" s="10"/>
    </row>
    <row r="666404" spans="14:14">
      <c r="N666404" s="10"/>
    </row>
    <row r="666405" spans="14:14">
      <c r="N666405" s="10"/>
    </row>
    <row r="666406" spans="14:14">
      <c r="N666406" s="10"/>
    </row>
    <row r="666407" spans="14:14">
      <c r="N666407" s="10"/>
    </row>
    <row r="666408" spans="14:14">
      <c r="N666408" s="10"/>
    </row>
    <row r="666409" spans="14:14">
      <c r="N666409" s="10"/>
    </row>
    <row r="666410" spans="14:14">
      <c r="N666410" s="10"/>
    </row>
    <row r="666411" spans="14:14">
      <c r="N666411" s="10"/>
    </row>
    <row r="666412" spans="14:14">
      <c r="N666412" s="10"/>
    </row>
    <row r="666413" spans="14:14">
      <c r="N666413" s="10"/>
    </row>
    <row r="666414" spans="14:14">
      <c r="N666414" s="10"/>
    </row>
    <row r="666415" spans="14:14">
      <c r="N666415" s="10"/>
    </row>
    <row r="666416" spans="14:14">
      <c r="N666416" s="10"/>
    </row>
    <row r="666417" spans="14:14">
      <c r="N666417" s="10"/>
    </row>
    <row r="666418" spans="14:14">
      <c r="N666418" s="10"/>
    </row>
    <row r="666419" spans="14:14">
      <c r="N666419" s="10"/>
    </row>
    <row r="666420" spans="14:14">
      <c r="N666420" s="10"/>
    </row>
    <row r="666421" spans="14:14">
      <c r="N666421" s="10"/>
    </row>
    <row r="666422" spans="14:14">
      <c r="N666422" s="10"/>
    </row>
    <row r="666423" spans="14:14">
      <c r="N666423" s="10"/>
    </row>
    <row r="666424" spans="14:14">
      <c r="N666424" s="10"/>
    </row>
    <row r="666425" spans="14:14">
      <c r="N666425" s="10"/>
    </row>
    <row r="666426" spans="14:14">
      <c r="N666426" s="10"/>
    </row>
    <row r="666427" spans="14:14">
      <c r="N666427" s="10"/>
    </row>
    <row r="666428" spans="14:14">
      <c r="N666428" s="10"/>
    </row>
    <row r="666429" spans="14:14">
      <c r="N666429" s="10"/>
    </row>
    <row r="666430" spans="14:14">
      <c r="N666430" s="10"/>
    </row>
    <row r="666431" spans="14:14">
      <c r="N666431" s="10"/>
    </row>
    <row r="666432" spans="14:14">
      <c r="N666432" s="10"/>
    </row>
    <row r="666433" spans="14:14">
      <c r="N666433" s="10"/>
    </row>
    <row r="666434" spans="14:14">
      <c r="N666434" s="10"/>
    </row>
    <row r="666435" spans="14:14">
      <c r="N666435" s="10"/>
    </row>
    <row r="666436" spans="14:14">
      <c r="N666436" s="10"/>
    </row>
    <row r="666437" spans="14:14">
      <c r="N666437" s="10"/>
    </row>
    <row r="666438" spans="14:14">
      <c r="N666438" s="10"/>
    </row>
    <row r="666439" spans="14:14">
      <c r="N666439" s="10"/>
    </row>
    <row r="666440" spans="14:14">
      <c r="N666440" s="10"/>
    </row>
    <row r="666441" spans="14:14">
      <c r="N666441" s="10"/>
    </row>
    <row r="666442" spans="14:14">
      <c r="N666442" s="10"/>
    </row>
    <row r="666443" spans="14:14">
      <c r="N666443" s="10"/>
    </row>
    <row r="666444" spans="14:14">
      <c r="N666444" s="10"/>
    </row>
    <row r="666445" spans="14:14">
      <c r="N666445" s="10"/>
    </row>
    <row r="666446" spans="14:14">
      <c r="N666446" s="10"/>
    </row>
    <row r="666447" spans="14:14">
      <c r="N666447" s="10"/>
    </row>
    <row r="666448" spans="14:14">
      <c r="N666448" s="10"/>
    </row>
    <row r="666449" spans="14:14">
      <c r="N666449" s="10"/>
    </row>
    <row r="666450" spans="14:14">
      <c r="N666450" s="10"/>
    </row>
    <row r="666451" spans="14:14">
      <c r="N666451" s="10"/>
    </row>
    <row r="666452" spans="14:14">
      <c r="N666452" s="10"/>
    </row>
    <row r="666453" spans="14:14">
      <c r="N666453" s="10"/>
    </row>
    <row r="666454" spans="14:14">
      <c r="N666454" s="10"/>
    </row>
    <row r="666455" spans="14:14">
      <c r="N666455" s="10"/>
    </row>
    <row r="666456" spans="14:14">
      <c r="N666456" s="10"/>
    </row>
    <row r="666457" spans="14:14">
      <c r="N666457" s="10"/>
    </row>
    <row r="666458" spans="14:14">
      <c r="N666458" s="10"/>
    </row>
    <row r="666459" spans="14:14">
      <c r="N666459" s="10"/>
    </row>
    <row r="666460" spans="14:14">
      <c r="N666460" s="10"/>
    </row>
    <row r="666461" spans="14:14">
      <c r="N666461" s="10"/>
    </row>
    <row r="666462" spans="14:14">
      <c r="N666462" s="10"/>
    </row>
    <row r="666463" spans="14:14">
      <c r="N666463" s="10"/>
    </row>
    <row r="666464" spans="14:14">
      <c r="N666464" s="10"/>
    </row>
    <row r="666465" spans="14:14">
      <c r="N666465" s="10"/>
    </row>
    <row r="666466" spans="14:14">
      <c r="N666466" s="10"/>
    </row>
    <row r="666467" spans="14:14">
      <c r="N666467" s="10"/>
    </row>
    <row r="666468" spans="14:14">
      <c r="N666468" s="10"/>
    </row>
    <row r="666469" spans="14:14">
      <c r="N666469" s="10"/>
    </row>
    <row r="666470" spans="14:14">
      <c r="N666470" s="10"/>
    </row>
    <row r="666471" spans="14:14">
      <c r="N666471" s="10"/>
    </row>
    <row r="666472" spans="14:14">
      <c r="N666472" s="10"/>
    </row>
    <row r="666473" spans="14:14">
      <c r="N666473" s="10"/>
    </row>
    <row r="666474" spans="14:14">
      <c r="N666474" s="10"/>
    </row>
    <row r="666475" spans="14:14">
      <c r="N666475" s="10"/>
    </row>
    <row r="666476" spans="14:14">
      <c r="N666476" s="10"/>
    </row>
    <row r="666477" spans="14:14">
      <c r="N666477" s="10"/>
    </row>
    <row r="666478" spans="14:14">
      <c r="N666478" s="10"/>
    </row>
    <row r="666479" spans="14:14">
      <c r="N666479" s="10"/>
    </row>
    <row r="666480" spans="14:14">
      <c r="N666480" s="10"/>
    </row>
    <row r="666481" spans="14:14">
      <c r="N666481" s="10"/>
    </row>
    <row r="666482" spans="14:14">
      <c r="N666482" s="10"/>
    </row>
    <row r="666483" spans="14:14">
      <c r="N666483" s="10"/>
    </row>
    <row r="666484" spans="14:14">
      <c r="N666484" s="10"/>
    </row>
    <row r="666485" spans="14:14">
      <c r="N666485" s="10"/>
    </row>
    <row r="666486" spans="14:14">
      <c r="N666486" s="10"/>
    </row>
    <row r="666487" spans="14:14">
      <c r="N666487" s="10"/>
    </row>
    <row r="666488" spans="14:14">
      <c r="N666488" s="10"/>
    </row>
    <row r="666489" spans="14:14">
      <c r="N666489" s="10"/>
    </row>
    <row r="666490" spans="14:14">
      <c r="N666490" s="10"/>
    </row>
    <row r="666491" spans="14:14">
      <c r="N666491" s="10"/>
    </row>
    <row r="666492" spans="14:14">
      <c r="N666492" s="10"/>
    </row>
    <row r="666493" spans="14:14">
      <c r="N666493" s="10"/>
    </row>
    <row r="666494" spans="14:14">
      <c r="N666494" s="10"/>
    </row>
    <row r="666495" spans="14:14">
      <c r="N666495" s="10"/>
    </row>
    <row r="666496" spans="14:14">
      <c r="N666496" s="10"/>
    </row>
    <row r="666497" spans="14:14">
      <c r="N666497" s="10"/>
    </row>
    <row r="666498" spans="14:14">
      <c r="N666498" s="10"/>
    </row>
    <row r="666499" spans="14:14">
      <c r="N666499" s="10"/>
    </row>
    <row r="666500" spans="14:14">
      <c r="N666500" s="10"/>
    </row>
    <row r="666501" spans="14:14">
      <c r="N666501" s="10"/>
    </row>
    <row r="666502" spans="14:14">
      <c r="N666502" s="10"/>
    </row>
    <row r="666503" spans="14:14">
      <c r="N666503" s="10"/>
    </row>
    <row r="666504" spans="14:14">
      <c r="N666504" s="10"/>
    </row>
    <row r="666505" spans="14:14">
      <c r="N666505" s="10"/>
    </row>
    <row r="666506" spans="14:14">
      <c r="N666506" s="10"/>
    </row>
    <row r="666507" spans="14:14">
      <c r="N666507" s="10"/>
    </row>
    <row r="666508" spans="14:14">
      <c r="N666508" s="10"/>
    </row>
    <row r="666509" spans="14:14">
      <c r="N666509" s="10"/>
    </row>
    <row r="666510" spans="14:14">
      <c r="N666510" s="10"/>
    </row>
    <row r="666511" spans="14:14">
      <c r="N666511" s="10"/>
    </row>
    <row r="666512" spans="14:14">
      <c r="N666512" s="10"/>
    </row>
    <row r="666513" spans="14:14">
      <c r="N666513" s="10"/>
    </row>
    <row r="666514" spans="14:14">
      <c r="N666514" s="10"/>
    </row>
    <row r="666515" spans="14:14">
      <c r="N666515" s="10"/>
    </row>
    <row r="666516" spans="14:14">
      <c r="N666516" s="10"/>
    </row>
    <row r="666517" spans="14:14">
      <c r="N666517" s="10"/>
    </row>
    <row r="666518" spans="14:14">
      <c r="N666518" s="10"/>
    </row>
    <row r="666519" spans="14:14">
      <c r="N666519" s="10"/>
    </row>
    <row r="666520" spans="14:14">
      <c r="N666520" s="10"/>
    </row>
    <row r="666521" spans="14:14">
      <c r="N666521" s="10"/>
    </row>
    <row r="666522" spans="14:14">
      <c r="N666522" s="10"/>
    </row>
    <row r="666523" spans="14:14">
      <c r="N666523" s="10"/>
    </row>
    <row r="666524" spans="14:14">
      <c r="N666524" s="10"/>
    </row>
    <row r="666525" spans="14:14">
      <c r="N666525" s="10"/>
    </row>
    <row r="666526" spans="14:14">
      <c r="N666526" s="10"/>
    </row>
    <row r="666527" spans="14:14">
      <c r="N666527" s="10"/>
    </row>
    <row r="666528" spans="14:14">
      <c r="N666528" s="10"/>
    </row>
    <row r="666529" spans="14:14">
      <c r="N666529" s="10"/>
    </row>
    <row r="666530" spans="14:14">
      <c r="N666530" s="10"/>
    </row>
    <row r="666531" spans="14:14">
      <c r="N666531" s="10"/>
    </row>
    <row r="666532" spans="14:14">
      <c r="N666532" s="10"/>
    </row>
    <row r="666533" spans="14:14">
      <c r="N666533" s="10"/>
    </row>
    <row r="666534" spans="14:14">
      <c r="N666534" s="10"/>
    </row>
    <row r="666535" spans="14:14">
      <c r="N666535" s="10"/>
    </row>
    <row r="666536" spans="14:14">
      <c r="N666536" s="10"/>
    </row>
    <row r="666537" spans="14:14">
      <c r="N666537" s="10"/>
    </row>
    <row r="666538" spans="14:14">
      <c r="N666538" s="10"/>
    </row>
    <row r="666539" spans="14:14">
      <c r="N666539" s="10"/>
    </row>
    <row r="666540" spans="14:14">
      <c r="N666540" s="10"/>
    </row>
    <row r="666541" spans="14:14">
      <c r="N666541" s="10"/>
    </row>
    <row r="666542" spans="14:14">
      <c r="N666542" s="10"/>
    </row>
    <row r="666543" spans="14:14">
      <c r="N666543" s="10"/>
    </row>
    <row r="666544" spans="14:14">
      <c r="N666544" s="10"/>
    </row>
    <row r="666545" spans="14:14">
      <c r="N666545" s="10"/>
    </row>
    <row r="666546" spans="14:14">
      <c r="N666546" s="10"/>
    </row>
    <row r="666547" spans="14:14">
      <c r="N666547" s="10"/>
    </row>
    <row r="666548" spans="14:14">
      <c r="N666548" s="10"/>
    </row>
    <row r="666549" spans="14:14">
      <c r="N666549" s="10"/>
    </row>
    <row r="666550" spans="14:14">
      <c r="N666550" s="10"/>
    </row>
    <row r="666551" spans="14:14">
      <c r="N666551" s="10"/>
    </row>
    <row r="666552" spans="14:14">
      <c r="N666552" s="10"/>
    </row>
    <row r="666553" spans="14:14">
      <c r="N666553" s="10"/>
    </row>
    <row r="666554" spans="14:14">
      <c r="N666554" s="10"/>
    </row>
    <row r="666555" spans="14:14">
      <c r="N666555" s="10"/>
    </row>
    <row r="666556" spans="14:14">
      <c r="N666556" s="10"/>
    </row>
    <row r="666557" spans="14:14">
      <c r="N666557" s="10"/>
    </row>
    <row r="666558" spans="14:14">
      <c r="N666558" s="10"/>
    </row>
    <row r="666559" spans="14:14">
      <c r="N666559" s="10"/>
    </row>
    <row r="666560" spans="14:14">
      <c r="N666560" s="10"/>
    </row>
    <row r="666561" spans="14:14">
      <c r="N666561" s="10"/>
    </row>
    <row r="666562" spans="14:14">
      <c r="N666562" s="10"/>
    </row>
    <row r="666563" spans="14:14">
      <c r="N666563" s="10"/>
    </row>
    <row r="666564" spans="14:14">
      <c r="N666564" s="10"/>
    </row>
    <row r="666565" spans="14:14">
      <c r="N666565" s="10"/>
    </row>
    <row r="666566" spans="14:14">
      <c r="N666566" s="10"/>
    </row>
    <row r="666567" spans="14:14">
      <c r="N666567" s="10"/>
    </row>
    <row r="666568" spans="14:14">
      <c r="N666568" s="10"/>
    </row>
    <row r="666569" spans="14:14">
      <c r="N666569" s="10"/>
    </row>
    <row r="666570" spans="14:14">
      <c r="N666570" s="10"/>
    </row>
    <row r="666571" spans="14:14">
      <c r="N666571" s="10"/>
    </row>
    <row r="666572" spans="14:14">
      <c r="N666572" s="10"/>
    </row>
    <row r="666573" spans="14:14">
      <c r="N666573" s="10"/>
    </row>
    <row r="666574" spans="14:14">
      <c r="N666574" s="10"/>
    </row>
    <row r="666575" spans="14:14">
      <c r="N666575" s="10"/>
    </row>
    <row r="666576" spans="14:14">
      <c r="N666576" s="10"/>
    </row>
    <row r="666577" spans="14:14">
      <c r="N666577" s="10"/>
    </row>
    <row r="666578" spans="14:14">
      <c r="N666578" s="10"/>
    </row>
    <row r="666579" spans="14:14">
      <c r="N666579" s="10"/>
    </row>
    <row r="666580" spans="14:14">
      <c r="N666580" s="10"/>
    </row>
    <row r="666581" spans="14:14">
      <c r="N666581" s="10"/>
    </row>
    <row r="666582" spans="14:14">
      <c r="N666582" s="10"/>
    </row>
    <row r="666583" spans="14:14">
      <c r="N666583" s="10"/>
    </row>
    <row r="666584" spans="14:14">
      <c r="N666584" s="10"/>
    </row>
    <row r="666585" spans="14:14">
      <c r="N666585" s="10"/>
    </row>
    <row r="666586" spans="14:14">
      <c r="N666586" s="10"/>
    </row>
    <row r="666587" spans="14:14">
      <c r="N666587" s="10"/>
    </row>
    <row r="666588" spans="14:14">
      <c r="N666588" s="10"/>
    </row>
    <row r="666589" spans="14:14">
      <c r="N666589" s="10"/>
    </row>
    <row r="666590" spans="14:14">
      <c r="N666590" s="10"/>
    </row>
    <row r="666591" spans="14:14">
      <c r="N666591" s="10"/>
    </row>
    <row r="666592" spans="14:14">
      <c r="N666592" s="10"/>
    </row>
    <row r="666593" spans="14:14">
      <c r="N666593" s="10"/>
    </row>
    <row r="666594" spans="14:14">
      <c r="N666594" s="10"/>
    </row>
    <row r="666595" spans="14:14">
      <c r="N666595" s="10"/>
    </row>
    <row r="666596" spans="14:14">
      <c r="N666596" s="10"/>
    </row>
    <row r="666597" spans="14:14">
      <c r="N666597" s="10"/>
    </row>
    <row r="666598" spans="14:14">
      <c r="N666598" s="10"/>
    </row>
    <row r="666599" spans="14:14">
      <c r="N666599" s="10"/>
    </row>
    <row r="666600" spans="14:14">
      <c r="N666600" s="10"/>
    </row>
    <row r="666601" spans="14:14">
      <c r="N666601" s="10"/>
    </row>
    <row r="666602" spans="14:14">
      <c r="N666602" s="10"/>
    </row>
    <row r="666603" spans="14:14">
      <c r="N666603" s="10"/>
    </row>
    <row r="666604" spans="14:14">
      <c r="N666604" s="10"/>
    </row>
    <row r="666605" spans="14:14">
      <c r="N666605" s="10"/>
    </row>
    <row r="666606" spans="14:14">
      <c r="N666606" s="10"/>
    </row>
    <row r="666607" spans="14:14">
      <c r="N666607" s="10"/>
    </row>
    <row r="666608" spans="14:14">
      <c r="N666608" s="10"/>
    </row>
    <row r="666609" spans="14:14">
      <c r="N666609" s="10"/>
    </row>
    <row r="666610" spans="14:14">
      <c r="N666610" s="10"/>
    </row>
    <row r="666611" spans="14:14">
      <c r="N666611" s="10"/>
    </row>
    <row r="666612" spans="14:14">
      <c r="N666612" s="10"/>
    </row>
    <row r="666613" spans="14:14">
      <c r="N666613" s="10"/>
    </row>
    <row r="666614" spans="14:14">
      <c r="N666614" s="10"/>
    </row>
    <row r="666615" spans="14:14">
      <c r="N666615" s="10"/>
    </row>
    <row r="666616" spans="14:14">
      <c r="N666616" s="10"/>
    </row>
    <row r="666617" spans="14:14">
      <c r="N666617" s="10"/>
    </row>
    <row r="666618" spans="14:14">
      <c r="N666618" s="10"/>
    </row>
    <row r="666619" spans="14:14">
      <c r="N666619" s="10"/>
    </row>
    <row r="666620" spans="14:14">
      <c r="N666620" s="10"/>
    </row>
    <row r="666621" spans="14:14">
      <c r="N666621" s="10"/>
    </row>
    <row r="666622" spans="14:14">
      <c r="N666622" s="10"/>
    </row>
    <row r="666623" spans="14:14">
      <c r="N666623" s="10"/>
    </row>
    <row r="666624" spans="14:14">
      <c r="N666624" s="10"/>
    </row>
    <row r="666625" spans="14:14">
      <c r="N666625" s="10"/>
    </row>
    <row r="666626" spans="14:14">
      <c r="N666626" s="10"/>
    </row>
    <row r="666627" spans="14:14">
      <c r="N666627" s="10"/>
    </row>
    <row r="666628" spans="14:14">
      <c r="N666628" s="10"/>
    </row>
    <row r="666629" spans="14:14">
      <c r="N666629" s="10"/>
    </row>
    <row r="666630" spans="14:14">
      <c r="N666630" s="10"/>
    </row>
    <row r="666631" spans="14:14">
      <c r="N666631" s="10"/>
    </row>
    <row r="666632" spans="14:14">
      <c r="N666632" s="10"/>
    </row>
    <row r="666633" spans="14:14">
      <c r="N666633" s="10"/>
    </row>
    <row r="666634" spans="14:14">
      <c r="N666634" s="10"/>
    </row>
    <row r="666635" spans="14:14">
      <c r="N666635" s="10"/>
    </row>
    <row r="666636" spans="14:14">
      <c r="N666636" s="10"/>
    </row>
    <row r="666637" spans="14:14">
      <c r="N666637" s="10"/>
    </row>
    <row r="666638" spans="14:14">
      <c r="N666638" s="10"/>
    </row>
    <row r="666639" spans="14:14">
      <c r="N666639" s="10"/>
    </row>
    <row r="666640" spans="14:14">
      <c r="N666640" s="10"/>
    </row>
    <row r="666641" spans="14:14">
      <c r="N666641" s="10"/>
    </row>
    <row r="666642" spans="14:14">
      <c r="N666642" s="10"/>
    </row>
    <row r="666643" spans="14:14">
      <c r="N666643" s="10"/>
    </row>
    <row r="666644" spans="14:14">
      <c r="N666644" s="10"/>
    </row>
    <row r="666645" spans="14:14">
      <c r="N666645" s="10"/>
    </row>
    <row r="666646" spans="14:14">
      <c r="N666646" s="10"/>
    </row>
    <row r="666647" spans="14:14">
      <c r="N666647" s="10"/>
    </row>
    <row r="666648" spans="14:14">
      <c r="N666648" s="10"/>
    </row>
    <row r="666649" spans="14:14">
      <c r="N666649" s="10"/>
    </row>
    <row r="666650" spans="14:14">
      <c r="N666650" s="10"/>
    </row>
    <row r="666651" spans="14:14">
      <c r="N666651" s="10"/>
    </row>
    <row r="666652" spans="14:14">
      <c r="N666652" s="10"/>
    </row>
    <row r="666653" spans="14:14">
      <c r="N666653" s="10"/>
    </row>
    <row r="666654" spans="14:14">
      <c r="N666654" s="10"/>
    </row>
    <row r="666655" spans="14:14">
      <c r="N666655" s="10"/>
    </row>
    <row r="666656" spans="14:14">
      <c r="N666656" s="10"/>
    </row>
    <row r="666657" spans="14:14">
      <c r="N666657" s="10"/>
    </row>
    <row r="666658" spans="14:14">
      <c r="N666658" s="10"/>
    </row>
    <row r="666659" spans="14:14">
      <c r="N666659" s="10"/>
    </row>
    <row r="666660" spans="14:14">
      <c r="N666660" s="10"/>
    </row>
    <row r="666661" spans="14:14">
      <c r="N666661" s="10"/>
    </row>
    <row r="666662" spans="14:14">
      <c r="N666662" s="10"/>
    </row>
    <row r="666663" spans="14:14">
      <c r="N666663" s="10"/>
    </row>
    <row r="666664" spans="14:14">
      <c r="N666664" s="10"/>
    </row>
    <row r="666665" spans="14:14">
      <c r="N666665" s="10"/>
    </row>
    <row r="666666" spans="14:14">
      <c r="N666666" s="10"/>
    </row>
    <row r="666667" spans="14:14">
      <c r="N666667" s="10"/>
    </row>
    <row r="666668" spans="14:14">
      <c r="N666668" s="10"/>
    </row>
    <row r="666669" spans="14:14">
      <c r="N666669" s="10"/>
    </row>
    <row r="666670" spans="14:14">
      <c r="N666670" s="10"/>
    </row>
    <row r="666671" spans="14:14">
      <c r="N666671" s="10"/>
    </row>
    <row r="666672" spans="14:14">
      <c r="N666672" s="10"/>
    </row>
    <row r="666673" spans="14:14">
      <c r="N666673" s="10"/>
    </row>
    <row r="666674" spans="14:14">
      <c r="N666674" s="10"/>
    </row>
    <row r="666675" spans="14:14">
      <c r="N666675" s="10"/>
    </row>
    <row r="666676" spans="14:14">
      <c r="N666676" s="10"/>
    </row>
    <row r="666677" spans="14:14">
      <c r="N666677" s="10"/>
    </row>
    <row r="666678" spans="14:14">
      <c r="N666678" s="10"/>
    </row>
    <row r="666679" spans="14:14">
      <c r="N666679" s="10"/>
    </row>
    <row r="666680" spans="14:14">
      <c r="N666680" s="10"/>
    </row>
    <row r="666681" spans="14:14">
      <c r="N666681" s="10"/>
    </row>
    <row r="666682" spans="14:14">
      <c r="N666682" s="10"/>
    </row>
    <row r="666683" spans="14:14">
      <c r="N666683" s="10"/>
    </row>
    <row r="666684" spans="14:14">
      <c r="N666684" s="10"/>
    </row>
    <row r="666685" spans="14:14">
      <c r="N666685" s="10"/>
    </row>
    <row r="666686" spans="14:14">
      <c r="N666686" s="10"/>
    </row>
    <row r="666687" spans="14:14">
      <c r="N666687" s="10"/>
    </row>
    <row r="666688" spans="14:14">
      <c r="N666688" s="10"/>
    </row>
    <row r="666689" spans="14:14">
      <c r="N666689" s="10"/>
    </row>
    <row r="666690" spans="14:14">
      <c r="N666690" s="10"/>
    </row>
    <row r="666691" spans="14:14">
      <c r="N666691" s="10"/>
    </row>
    <row r="666692" spans="14:14">
      <c r="N666692" s="10"/>
    </row>
    <row r="666693" spans="14:14">
      <c r="N666693" s="10"/>
    </row>
    <row r="666694" spans="14:14">
      <c r="N666694" s="10"/>
    </row>
    <row r="666695" spans="14:14">
      <c r="N666695" s="10"/>
    </row>
    <row r="666696" spans="14:14">
      <c r="N666696" s="10"/>
    </row>
    <row r="666697" spans="14:14">
      <c r="N666697" s="10"/>
    </row>
    <row r="666698" spans="14:14">
      <c r="N666698" s="10"/>
    </row>
    <row r="666699" spans="14:14">
      <c r="N666699" s="10"/>
    </row>
    <row r="666700" spans="14:14">
      <c r="N666700" s="10"/>
    </row>
    <row r="666701" spans="14:14">
      <c r="N666701" s="10"/>
    </row>
    <row r="666702" spans="14:14">
      <c r="N666702" s="10"/>
    </row>
    <row r="666703" spans="14:14">
      <c r="N666703" s="10"/>
    </row>
    <row r="666704" spans="14:14">
      <c r="N666704" s="10"/>
    </row>
    <row r="666705" spans="14:14">
      <c r="N666705" s="10"/>
    </row>
    <row r="666706" spans="14:14">
      <c r="N666706" s="10"/>
    </row>
    <row r="666707" spans="14:14">
      <c r="N666707" s="10"/>
    </row>
    <row r="666708" spans="14:14">
      <c r="N666708" s="10"/>
    </row>
    <row r="666709" spans="14:14">
      <c r="N666709" s="10"/>
    </row>
    <row r="666710" spans="14:14">
      <c r="N666710" s="10"/>
    </row>
    <row r="666711" spans="14:14">
      <c r="N666711" s="10"/>
    </row>
    <row r="666712" spans="14:14">
      <c r="N666712" s="10"/>
    </row>
    <row r="666713" spans="14:14">
      <c r="N666713" s="10"/>
    </row>
    <row r="666714" spans="14:14">
      <c r="N666714" s="10"/>
    </row>
    <row r="666715" spans="14:14">
      <c r="N666715" s="10"/>
    </row>
    <row r="666716" spans="14:14">
      <c r="N666716" s="10"/>
    </row>
    <row r="666717" spans="14:14">
      <c r="N666717" s="10"/>
    </row>
    <row r="666718" spans="14:14">
      <c r="N666718" s="10"/>
    </row>
    <row r="666719" spans="14:14">
      <c r="N666719" s="10"/>
    </row>
    <row r="666720" spans="14:14">
      <c r="N666720" s="10"/>
    </row>
    <row r="666721" spans="14:14">
      <c r="N666721" s="10"/>
    </row>
    <row r="666722" spans="14:14">
      <c r="N666722" s="10"/>
    </row>
    <row r="666723" spans="14:14">
      <c r="N666723" s="10"/>
    </row>
    <row r="666724" spans="14:14">
      <c r="N666724" s="10"/>
    </row>
    <row r="666725" spans="14:14">
      <c r="N666725" s="10"/>
    </row>
    <row r="666726" spans="14:14">
      <c r="N666726" s="10"/>
    </row>
    <row r="666727" spans="14:14">
      <c r="N666727" s="10"/>
    </row>
    <row r="666728" spans="14:14">
      <c r="N666728" s="10"/>
    </row>
    <row r="666729" spans="14:14">
      <c r="N666729" s="10"/>
    </row>
    <row r="666730" spans="14:14">
      <c r="N666730" s="10"/>
    </row>
    <row r="666731" spans="14:14">
      <c r="N666731" s="10"/>
    </row>
    <row r="666732" spans="14:14">
      <c r="N666732" s="10"/>
    </row>
    <row r="666733" spans="14:14">
      <c r="N666733" s="10"/>
    </row>
    <row r="666734" spans="14:14">
      <c r="N666734" s="10"/>
    </row>
    <row r="666735" spans="14:14">
      <c r="N666735" s="10"/>
    </row>
    <row r="666736" spans="14:14">
      <c r="N666736" s="10"/>
    </row>
    <row r="666737" spans="14:14">
      <c r="N666737" s="10"/>
    </row>
    <row r="666738" spans="14:14">
      <c r="N666738" s="10"/>
    </row>
    <row r="666739" spans="14:14">
      <c r="N666739" s="10"/>
    </row>
    <row r="666740" spans="14:14">
      <c r="N666740" s="10"/>
    </row>
    <row r="666741" spans="14:14">
      <c r="N666741" s="10"/>
    </row>
    <row r="666742" spans="14:14">
      <c r="N666742" s="10"/>
    </row>
    <row r="666743" spans="14:14">
      <c r="N666743" s="10"/>
    </row>
    <row r="666744" spans="14:14">
      <c r="N666744" s="10"/>
    </row>
    <row r="666745" spans="14:14">
      <c r="N666745" s="10"/>
    </row>
    <row r="666746" spans="14:14">
      <c r="N666746" s="10"/>
    </row>
    <row r="666747" spans="14:14">
      <c r="N666747" s="10"/>
    </row>
    <row r="666748" spans="14:14">
      <c r="N666748" s="10"/>
    </row>
    <row r="666749" spans="14:14">
      <c r="N666749" s="10"/>
    </row>
    <row r="666750" spans="14:14">
      <c r="N666750" s="10"/>
    </row>
    <row r="666751" spans="14:14">
      <c r="N666751" s="10"/>
    </row>
    <row r="666752" spans="14:14">
      <c r="N666752" s="10"/>
    </row>
    <row r="666753" spans="14:14">
      <c r="N666753" s="10"/>
    </row>
    <row r="666754" spans="14:14">
      <c r="N666754" s="10"/>
    </row>
    <row r="666755" spans="14:14">
      <c r="N666755" s="10"/>
    </row>
    <row r="666756" spans="14:14">
      <c r="N666756" s="10"/>
    </row>
    <row r="666757" spans="14:14">
      <c r="N666757" s="10"/>
    </row>
    <row r="666758" spans="14:14">
      <c r="N666758" s="10"/>
    </row>
    <row r="666759" spans="14:14">
      <c r="N666759" s="10"/>
    </row>
    <row r="666760" spans="14:14">
      <c r="N666760" s="10"/>
    </row>
    <row r="666761" spans="14:14">
      <c r="N666761" s="10"/>
    </row>
    <row r="666762" spans="14:14">
      <c r="N666762" s="10"/>
    </row>
    <row r="666763" spans="14:14">
      <c r="N666763" s="10"/>
    </row>
    <row r="666764" spans="14:14">
      <c r="N666764" s="10"/>
    </row>
    <row r="666765" spans="14:14">
      <c r="N666765" s="10"/>
    </row>
    <row r="666766" spans="14:14">
      <c r="N666766" s="10"/>
    </row>
    <row r="666767" spans="14:14">
      <c r="N666767" s="10"/>
    </row>
    <row r="666768" spans="14:14">
      <c r="N666768" s="10"/>
    </row>
    <row r="666769" spans="14:14">
      <c r="N666769" s="10"/>
    </row>
    <row r="666770" spans="14:14">
      <c r="N666770" s="10"/>
    </row>
    <row r="666771" spans="14:14">
      <c r="N666771" s="10"/>
    </row>
    <row r="666772" spans="14:14">
      <c r="N666772" s="10"/>
    </row>
    <row r="666773" spans="14:14">
      <c r="N666773" s="10"/>
    </row>
    <row r="666774" spans="14:14">
      <c r="N666774" s="10"/>
    </row>
    <row r="666775" spans="14:14">
      <c r="N666775" s="10"/>
    </row>
    <row r="666776" spans="14:14">
      <c r="N666776" s="10"/>
    </row>
    <row r="666777" spans="14:14">
      <c r="N666777" s="10"/>
    </row>
    <row r="666778" spans="14:14">
      <c r="N666778" s="10"/>
    </row>
    <row r="666779" spans="14:14">
      <c r="N666779" s="10"/>
    </row>
    <row r="666780" spans="14:14">
      <c r="N666780" s="10"/>
    </row>
    <row r="666781" spans="14:14">
      <c r="N666781" s="10"/>
    </row>
    <row r="666782" spans="14:14">
      <c r="N666782" s="10"/>
    </row>
    <row r="666783" spans="14:14">
      <c r="N666783" s="10"/>
    </row>
    <row r="666784" spans="14:14">
      <c r="N666784" s="10"/>
    </row>
    <row r="666785" spans="14:14">
      <c r="N666785" s="10"/>
    </row>
    <row r="666786" spans="14:14">
      <c r="N666786" s="10"/>
    </row>
    <row r="666787" spans="14:14">
      <c r="N666787" s="10"/>
    </row>
    <row r="666788" spans="14:14">
      <c r="N666788" s="10"/>
    </row>
    <row r="666789" spans="14:14">
      <c r="N666789" s="10"/>
    </row>
    <row r="666790" spans="14:14">
      <c r="N666790" s="10"/>
    </row>
    <row r="666791" spans="14:14">
      <c r="N666791" s="10"/>
    </row>
    <row r="666792" spans="14:14">
      <c r="N666792" s="10"/>
    </row>
    <row r="666793" spans="14:14">
      <c r="N666793" s="10"/>
    </row>
    <row r="666794" spans="14:14">
      <c r="N666794" s="10"/>
    </row>
    <row r="666795" spans="14:14">
      <c r="N666795" s="10"/>
    </row>
    <row r="666796" spans="14:14">
      <c r="N666796" s="10"/>
    </row>
    <row r="666797" spans="14:14">
      <c r="N666797" s="10"/>
    </row>
    <row r="666798" spans="14:14">
      <c r="N666798" s="10"/>
    </row>
    <row r="666799" spans="14:14">
      <c r="N666799" s="10"/>
    </row>
    <row r="666800" spans="14:14">
      <c r="N666800" s="10"/>
    </row>
    <row r="666801" spans="14:14">
      <c r="N666801" s="10"/>
    </row>
    <row r="666802" spans="14:14">
      <c r="N666802" s="10"/>
    </row>
    <row r="666803" spans="14:14">
      <c r="N666803" s="10"/>
    </row>
    <row r="666804" spans="14:14">
      <c r="N666804" s="10"/>
    </row>
    <row r="666805" spans="14:14">
      <c r="N666805" s="10"/>
    </row>
    <row r="666806" spans="14:14">
      <c r="N666806" s="10"/>
    </row>
    <row r="666807" spans="14:14">
      <c r="N666807" s="10"/>
    </row>
    <row r="666808" spans="14:14">
      <c r="N666808" s="10"/>
    </row>
    <row r="666809" spans="14:14">
      <c r="N666809" s="10"/>
    </row>
    <row r="666810" spans="14:14">
      <c r="N666810" s="10"/>
    </row>
    <row r="666811" spans="14:14">
      <c r="N666811" s="10"/>
    </row>
    <row r="666812" spans="14:14">
      <c r="N666812" s="10"/>
    </row>
    <row r="666813" spans="14:14">
      <c r="N666813" s="10"/>
    </row>
    <row r="666814" spans="14:14">
      <c r="N666814" s="10"/>
    </row>
    <row r="666815" spans="14:14">
      <c r="N666815" s="10"/>
    </row>
    <row r="666816" spans="14:14">
      <c r="N666816" s="10"/>
    </row>
    <row r="666817" spans="14:14">
      <c r="N666817" s="10"/>
    </row>
    <row r="666818" spans="14:14">
      <c r="N666818" s="10"/>
    </row>
    <row r="666819" spans="14:14">
      <c r="N666819" s="10"/>
    </row>
    <row r="666820" spans="14:14">
      <c r="N666820" s="10"/>
    </row>
    <row r="666821" spans="14:14">
      <c r="N666821" s="10"/>
    </row>
    <row r="666822" spans="14:14">
      <c r="N666822" s="10"/>
    </row>
    <row r="666823" spans="14:14">
      <c r="N666823" s="10"/>
    </row>
    <row r="666824" spans="14:14">
      <c r="N666824" s="10"/>
    </row>
    <row r="666825" spans="14:14">
      <c r="N666825" s="10"/>
    </row>
    <row r="666826" spans="14:14">
      <c r="N666826" s="10"/>
    </row>
    <row r="666827" spans="14:14">
      <c r="N666827" s="10"/>
    </row>
    <row r="666828" spans="14:14">
      <c r="N666828" s="10"/>
    </row>
    <row r="666829" spans="14:14">
      <c r="N666829" s="10"/>
    </row>
    <row r="666830" spans="14:14">
      <c r="N666830" s="10"/>
    </row>
    <row r="666831" spans="14:14">
      <c r="N666831" s="10"/>
    </row>
    <row r="666832" spans="14:14">
      <c r="N666832" s="10"/>
    </row>
    <row r="666833" spans="14:14">
      <c r="N666833" s="10"/>
    </row>
    <row r="666834" spans="14:14">
      <c r="N666834" s="10"/>
    </row>
    <row r="666835" spans="14:14">
      <c r="N666835" s="10"/>
    </row>
    <row r="666836" spans="14:14">
      <c r="N666836" s="10"/>
    </row>
    <row r="666837" spans="14:14">
      <c r="N666837" s="10"/>
    </row>
    <row r="666838" spans="14:14">
      <c r="N666838" s="10"/>
    </row>
    <row r="666839" spans="14:14">
      <c r="N666839" s="10"/>
    </row>
    <row r="666840" spans="14:14">
      <c r="N666840" s="10"/>
    </row>
    <row r="666841" spans="14:14">
      <c r="N666841" s="10"/>
    </row>
    <row r="666842" spans="14:14">
      <c r="N666842" s="10"/>
    </row>
    <row r="666843" spans="14:14">
      <c r="N666843" s="10"/>
    </row>
    <row r="666844" spans="14:14">
      <c r="N666844" s="10"/>
    </row>
    <row r="666845" spans="14:14">
      <c r="N666845" s="10"/>
    </row>
    <row r="666846" spans="14:14">
      <c r="N666846" s="10"/>
    </row>
    <row r="666847" spans="14:14">
      <c r="N666847" s="10"/>
    </row>
    <row r="666848" spans="14:14">
      <c r="N666848" s="10"/>
    </row>
    <row r="666849" spans="14:14">
      <c r="N666849" s="10"/>
    </row>
    <row r="666850" spans="14:14">
      <c r="N666850" s="10"/>
    </row>
    <row r="666851" spans="14:14">
      <c r="N666851" s="10"/>
    </row>
    <row r="666852" spans="14:14">
      <c r="N666852" s="10"/>
    </row>
    <row r="666853" spans="14:14">
      <c r="N666853" s="10"/>
    </row>
    <row r="666854" spans="14:14">
      <c r="N666854" s="10"/>
    </row>
    <row r="666855" spans="14:14">
      <c r="N666855" s="10"/>
    </row>
    <row r="666856" spans="14:14">
      <c r="N666856" s="10"/>
    </row>
    <row r="666857" spans="14:14">
      <c r="N666857" s="10"/>
    </row>
    <row r="666858" spans="14:14">
      <c r="N666858" s="10"/>
    </row>
    <row r="666859" spans="14:14">
      <c r="N666859" s="10"/>
    </row>
    <row r="666860" spans="14:14">
      <c r="N666860" s="10"/>
    </row>
    <row r="666861" spans="14:14">
      <c r="N666861" s="10"/>
    </row>
    <row r="666862" spans="14:14">
      <c r="N666862" s="10"/>
    </row>
    <row r="666863" spans="14:14">
      <c r="N666863" s="10"/>
    </row>
    <row r="666864" spans="14:14">
      <c r="N666864" s="10"/>
    </row>
    <row r="666865" spans="14:14">
      <c r="N666865" s="10"/>
    </row>
    <row r="666866" spans="14:14">
      <c r="N666866" s="10"/>
    </row>
    <row r="666867" spans="14:14">
      <c r="N666867" s="10"/>
    </row>
    <row r="666868" spans="14:14">
      <c r="N666868" s="10"/>
    </row>
    <row r="666869" spans="14:14">
      <c r="N666869" s="10"/>
    </row>
    <row r="666870" spans="14:14">
      <c r="N666870" s="10"/>
    </row>
    <row r="666871" spans="14:14">
      <c r="N666871" s="10"/>
    </row>
    <row r="666872" spans="14:14">
      <c r="N666872" s="10"/>
    </row>
    <row r="666873" spans="14:14">
      <c r="N666873" s="10"/>
    </row>
    <row r="666874" spans="14:14">
      <c r="N666874" s="10"/>
    </row>
    <row r="666875" spans="14:14">
      <c r="N666875" s="10"/>
    </row>
    <row r="666876" spans="14:14">
      <c r="N666876" s="10"/>
    </row>
    <row r="666877" spans="14:14">
      <c r="N666877" s="10"/>
    </row>
    <row r="666878" spans="14:14">
      <c r="N666878" s="10"/>
    </row>
    <row r="666879" spans="14:14">
      <c r="N666879" s="10"/>
    </row>
    <row r="666880" spans="14:14">
      <c r="N666880" s="10"/>
    </row>
    <row r="666881" spans="14:14">
      <c r="N666881" s="10"/>
    </row>
    <row r="666882" spans="14:14">
      <c r="N666882" s="10"/>
    </row>
    <row r="666883" spans="14:14">
      <c r="N666883" s="10"/>
    </row>
    <row r="666884" spans="14:14">
      <c r="N666884" s="10"/>
    </row>
    <row r="666885" spans="14:14">
      <c r="N666885" s="10"/>
    </row>
    <row r="666886" spans="14:14">
      <c r="N666886" s="10"/>
    </row>
    <row r="666887" spans="14:14">
      <c r="N666887" s="10"/>
    </row>
    <row r="666888" spans="14:14">
      <c r="N666888" s="10"/>
    </row>
    <row r="666889" spans="14:14">
      <c r="N666889" s="10"/>
    </row>
    <row r="666890" spans="14:14">
      <c r="N666890" s="10"/>
    </row>
    <row r="666891" spans="14:14">
      <c r="N666891" s="10"/>
    </row>
    <row r="666892" spans="14:14">
      <c r="N666892" s="10"/>
    </row>
    <row r="666893" spans="14:14">
      <c r="N666893" s="10"/>
    </row>
    <row r="666894" spans="14:14">
      <c r="N666894" s="10"/>
    </row>
    <row r="666895" spans="14:14">
      <c r="N666895" s="10"/>
    </row>
    <row r="666896" spans="14:14">
      <c r="N666896" s="10"/>
    </row>
    <row r="666897" spans="14:14">
      <c r="N666897" s="10"/>
    </row>
    <row r="666898" spans="14:14">
      <c r="N666898" s="10"/>
    </row>
    <row r="666899" spans="14:14">
      <c r="N666899" s="10"/>
    </row>
    <row r="666900" spans="14:14">
      <c r="N666900" s="10"/>
    </row>
    <row r="666901" spans="14:14">
      <c r="N666901" s="10"/>
    </row>
    <row r="666902" spans="14:14">
      <c r="N666902" s="10"/>
    </row>
    <row r="666903" spans="14:14">
      <c r="N666903" s="10"/>
    </row>
    <row r="666904" spans="14:14">
      <c r="N666904" s="10"/>
    </row>
    <row r="666905" spans="14:14">
      <c r="N666905" s="10"/>
    </row>
    <row r="666906" spans="14:14">
      <c r="N666906" s="10"/>
    </row>
    <row r="666907" spans="14:14">
      <c r="N666907" s="10"/>
    </row>
    <row r="666908" spans="14:14">
      <c r="N666908" s="10"/>
    </row>
    <row r="666909" spans="14:14">
      <c r="N666909" s="10"/>
    </row>
    <row r="666910" spans="14:14">
      <c r="N666910" s="10"/>
    </row>
    <row r="666911" spans="14:14">
      <c r="N666911" s="10"/>
    </row>
    <row r="666912" spans="14:14">
      <c r="N666912" s="10"/>
    </row>
    <row r="666913" spans="14:14">
      <c r="N666913" s="10"/>
    </row>
    <row r="666914" spans="14:14">
      <c r="N666914" s="10"/>
    </row>
    <row r="666915" spans="14:14">
      <c r="N666915" s="10"/>
    </row>
    <row r="666916" spans="14:14">
      <c r="N666916" s="10"/>
    </row>
    <row r="666917" spans="14:14">
      <c r="N666917" s="10"/>
    </row>
    <row r="666918" spans="14:14">
      <c r="N666918" s="10"/>
    </row>
    <row r="666919" spans="14:14">
      <c r="N666919" s="10"/>
    </row>
    <row r="666920" spans="14:14">
      <c r="N666920" s="10"/>
    </row>
    <row r="666921" spans="14:14">
      <c r="N666921" s="10"/>
    </row>
    <row r="666922" spans="14:14">
      <c r="N666922" s="10"/>
    </row>
    <row r="666923" spans="14:14">
      <c r="N666923" s="10"/>
    </row>
    <row r="666924" spans="14:14">
      <c r="N666924" s="10"/>
    </row>
    <row r="666925" spans="14:14">
      <c r="N666925" s="10"/>
    </row>
    <row r="666926" spans="14:14">
      <c r="N666926" s="10"/>
    </row>
    <row r="666927" spans="14:14">
      <c r="N666927" s="10"/>
    </row>
    <row r="666928" spans="14:14">
      <c r="N666928" s="10"/>
    </row>
    <row r="666929" spans="14:14">
      <c r="N666929" s="10"/>
    </row>
    <row r="666930" spans="14:14">
      <c r="N666930" s="10"/>
    </row>
    <row r="666931" spans="14:14">
      <c r="N666931" s="10"/>
    </row>
    <row r="666932" spans="14:14">
      <c r="N666932" s="10"/>
    </row>
    <row r="666933" spans="14:14">
      <c r="N666933" s="10"/>
    </row>
    <row r="666934" spans="14:14">
      <c r="N666934" s="10"/>
    </row>
    <row r="666935" spans="14:14">
      <c r="N666935" s="10"/>
    </row>
    <row r="666936" spans="14:14">
      <c r="N666936" s="10"/>
    </row>
    <row r="666937" spans="14:14">
      <c r="N666937" s="10"/>
    </row>
    <row r="666938" spans="14:14">
      <c r="N666938" s="10"/>
    </row>
    <row r="666939" spans="14:14">
      <c r="N666939" s="10"/>
    </row>
    <row r="666940" spans="14:14">
      <c r="N666940" s="10"/>
    </row>
    <row r="666941" spans="14:14">
      <c r="N666941" s="10"/>
    </row>
    <row r="666942" spans="14:14">
      <c r="N666942" s="10"/>
    </row>
    <row r="666943" spans="14:14">
      <c r="N666943" s="10"/>
    </row>
    <row r="666944" spans="14:14">
      <c r="N666944" s="10"/>
    </row>
    <row r="666945" spans="14:14">
      <c r="N666945" s="10"/>
    </row>
    <row r="666946" spans="14:14">
      <c r="N666946" s="10"/>
    </row>
    <row r="666947" spans="14:14">
      <c r="N666947" s="10"/>
    </row>
    <row r="666948" spans="14:14">
      <c r="N666948" s="10"/>
    </row>
    <row r="666949" spans="14:14">
      <c r="N666949" s="10"/>
    </row>
    <row r="666950" spans="14:14">
      <c r="N666950" s="10"/>
    </row>
    <row r="666951" spans="14:14">
      <c r="N666951" s="10"/>
    </row>
    <row r="666952" spans="14:14">
      <c r="N666952" s="10"/>
    </row>
    <row r="666953" spans="14:14">
      <c r="N666953" s="10"/>
    </row>
    <row r="666954" spans="14:14">
      <c r="N666954" s="10"/>
    </row>
    <row r="666955" spans="14:14">
      <c r="N666955" s="10"/>
    </row>
    <row r="666956" spans="14:14">
      <c r="N666956" s="10"/>
    </row>
    <row r="666957" spans="14:14">
      <c r="N666957" s="10"/>
    </row>
    <row r="666958" spans="14:14">
      <c r="N666958" s="10"/>
    </row>
    <row r="666959" spans="14:14">
      <c r="N666959" s="10"/>
    </row>
    <row r="666960" spans="14:14">
      <c r="N666960" s="10"/>
    </row>
    <row r="666961" spans="14:14">
      <c r="N666961" s="10"/>
    </row>
    <row r="666962" spans="14:14">
      <c r="N666962" s="10"/>
    </row>
    <row r="666963" spans="14:14">
      <c r="N666963" s="10"/>
    </row>
    <row r="666964" spans="14:14">
      <c r="N666964" s="10"/>
    </row>
    <row r="666965" spans="14:14">
      <c r="N666965" s="10"/>
    </row>
    <row r="666966" spans="14:14">
      <c r="N666966" s="10"/>
    </row>
    <row r="666967" spans="14:14">
      <c r="N666967" s="10"/>
    </row>
    <row r="666968" spans="14:14">
      <c r="N666968" s="10"/>
    </row>
    <row r="666969" spans="14:14">
      <c r="N666969" s="10"/>
    </row>
    <row r="666970" spans="14:14">
      <c r="N666970" s="10"/>
    </row>
    <row r="666971" spans="14:14">
      <c r="N666971" s="10"/>
    </row>
    <row r="666972" spans="14:14">
      <c r="N666972" s="10"/>
    </row>
    <row r="666973" spans="14:14">
      <c r="N666973" s="10"/>
    </row>
    <row r="666974" spans="14:14">
      <c r="N666974" s="10"/>
    </row>
    <row r="666975" spans="14:14">
      <c r="N666975" s="10"/>
    </row>
    <row r="666976" spans="14:14">
      <c r="N666976" s="10"/>
    </row>
    <row r="666977" spans="14:14">
      <c r="N666977" s="10"/>
    </row>
    <row r="666978" spans="14:14">
      <c r="N666978" s="10"/>
    </row>
    <row r="666979" spans="14:14">
      <c r="N666979" s="10"/>
    </row>
    <row r="666980" spans="14:14">
      <c r="N666980" s="10"/>
    </row>
    <row r="666981" spans="14:14">
      <c r="N666981" s="10"/>
    </row>
    <row r="666982" spans="14:14">
      <c r="N666982" s="10"/>
    </row>
    <row r="666983" spans="14:14">
      <c r="N666983" s="10"/>
    </row>
    <row r="666984" spans="14:14">
      <c r="N666984" s="10"/>
    </row>
    <row r="666985" spans="14:14">
      <c r="N666985" s="10"/>
    </row>
    <row r="666986" spans="14:14">
      <c r="N666986" s="10"/>
    </row>
    <row r="666987" spans="14:14">
      <c r="N666987" s="10"/>
    </row>
    <row r="666988" spans="14:14">
      <c r="N666988" s="10"/>
    </row>
    <row r="666989" spans="14:14">
      <c r="N666989" s="10"/>
    </row>
    <row r="666990" spans="14:14">
      <c r="N666990" s="10"/>
    </row>
    <row r="666991" spans="14:14">
      <c r="N666991" s="10"/>
    </row>
    <row r="666992" spans="14:14">
      <c r="N666992" s="10"/>
    </row>
    <row r="666993" spans="14:14">
      <c r="N666993" s="10"/>
    </row>
    <row r="666994" spans="14:14">
      <c r="N666994" s="10"/>
    </row>
    <row r="666995" spans="14:14">
      <c r="N666995" s="10"/>
    </row>
    <row r="666996" spans="14:14">
      <c r="N666996" s="10"/>
    </row>
    <row r="666997" spans="14:14">
      <c r="N666997" s="10"/>
    </row>
    <row r="666998" spans="14:14">
      <c r="N666998" s="10"/>
    </row>
    <row r="666999" spans="14:14">
      <c r="N666999" s="10"/>
    </row>
    <row r="667000" spans="14:14">
      <c r="N667000" s="10"/>
    </row>
    <row r="667001" spans="14:14">
      <c r="N667001" s="10"/>
    </row>
    <row r="667002" spans="14:14">
      <c r="N667002" s="10"/>
    </row>
    <row r="667003" spans="14:14">
      <c r="N667003" s="10"/>
    </row>
    <row r="667004" spans="14:14">
      <c r="N667004" s="10"/>
    </row>
    <row r="667005" spans="14:14">
      <c r="N667005" s="10"/>
    </row>
    <row r="667006" spans="14:14">
      <c r="N667006" s="10"/>
    </row>
    <row r="667007" spans="14:14">
      <c r="N667007" s="10"/>
    </row>
    <row r="667008" spans="14:14">
      <c r="N667008" s="10"/>
    </row>
    <row r="667009" spans="14:14">
      <c r="N667009" s="10"/>
    </row>
    <row r="667010" spans="14:14">
      <c r="N667010" s="10"/>
    </row>
    <row r="667011" spans="14:14">
      <c r="N667011" s="10"/>
    </row>
    <row r="667012" spans="14:14">
      <c r="N667012" s="10"/>
    </row>
    <row r="667013" spans="14:14">
      <c r="N667013" s="10"/>
    </row>
    <row r="667014" spans="14:14">
      <c r="N667014" s="10"/>
    </row>
    <row r="667015" spans="14:14">
      <c r="N667015" s="10"/>
    </row>
    <row r="667016" spans="14:14">
      <c r="N667016" s="10"/>
    </row>
    <row r="667017" spans="14:14">
      <c r="N667017" s="10"/>
    </row>
    <row r="667018" spans="14:14">
      <c r="N667018" s="10"/>
    </row>
    <row r="667019" spans="14:14">
      <c r="N667019" s="10"/>
    </row>
    <row r="667020" spans="14:14">
      <c r="N667020" s="10"/>
    </row>
    <row r="667021" spans="14:14">
      <c r="N667021" s="10"/>
    </row>
    <row r="667022" spans="14:14">
      <c r="N667022" s="10"/>
    </row>
    <row r="667023" spans="14:14">
      <c r="N667023" s="10"/>
    </row>
    <row r="667024" spans="14:14">
      <c r="N667024" s="10"/>
    </row>
    <row r="667025" spans="14:14">
      <c r="N667025" s="10"/>
    </row>
    <row r="667026" spans="14:14">
      <c r="N667026" s="10"/>
    </row>
    <row r="667027" spans="14:14">
      <c r="N667027" s="10"/>
    </row>
    <row r="667028" spans="14:14">
      <c r="N667028" s="10"/>
    </row>
    <row r="667029" spans="14:14">
      <c r="N667029" s="10"/>
    </row>
    <row r="667030" spans="14:14">
      <c r="N667030" s="10"/>
    </row>
    <row r="667031" spans="14:14">
      <c r="N667031" s="10"/>
    </row>
    <row r="667032" spans="14:14">
      <c r="N667032" s="10"/>
    </row>
    <row r="667033" spans="14:14">
      <c r="N667033" s="10"/>
    </row>
    <row r="667034" spans="14:14">
      <c r="N667034" s="10"/>
    </row>
    <row r="667035" spans="14:14">
      <c r="N667035" s="10"/>
    </row>
    <row r="667036" spans="14:14">
      <c r="N667036" s="10"/>
    </row>
    <row r="667037" spans="14:14">
      <c r="N667037" s="10"/>
    </row>
    <row r="667038" spans="14:14">
      <c r="N667038" s="10"/>
    </row>
    <row r="667039" spans="14:14">
      <c r="N667039" s="10"/>
    </row>
    <row r="667040" spans="14:14">
      <c r="N667040" s="10"/>
    </row>
    <row r="667041" spans="14:14">
      <c r="N667041" s="10"/>
    </row>
    <row r="667042" spans="14:14">
      <c r="N667042" s="10"/>
    </row>
    <row r="667043" spans="14:14">
      <c r="N667043" s="10"/>
    </row>
    <row r="667044" spans="14:14">
      <c r="N667044" s="10"/>
    </row>
    <row r="667045" spans="14:14">
      <c r="N667045" s="10"/>
    </row>
    <row r="667046" spans="14:14">
      <c r="N667046" s="10"/>
    </row>
    <row r="667047" spans="14:14">
      <c r="N667047" s="10"/>
    </row>
    <row r="667048" spans="14:14">
      <c r="N667048" s="10"/>
    </row>
    <row r="667049" spans="14:14">
      <c r="N667049" s="10"/>
    </row>
    <row r="667050" spans="14:14">
      <c r="N667050" s="10"/>
    </row>
    <row r="667051" spans="14:14">
      <c r="N667051" s="10"/>
    </row>
    <row r="667052" spans="14:14">
      <c r="N667052" s="10"/>
    </row>
    <row r="667053" spans="14:14">
      <c r="N667053" s="10"/>
    </row>
    <row r="667054" spans="14:14">
      <c r="N667054" s="10"/>
    </row>
    <row r="667055" spans="14:14">
      <c r="N667055" s="10"/>
    </row>
    <row r="667056" spans="14:14">
      <c r="N667056" s="10"/>
    </row>
    <row r="667057" spans="14:14">
      <c r="N667057" s="10"/>
    </row>
    <row r="667058" spans="14:14">
      <c r="N667058" s="10"/>
    </row>
    <row r="667059" spans="14:14">
      <c r="N667059" s="10"/>
    </row>
    <row r="667060" spans="14:14">
      <c r="N667060" s="10"/>
    </row>
    <row r="667061" spans="14:14">
      <c r="N667061" s="10"/>
    </row>
    <row r="667062" spans="14:14">
      <c r="N667062" s="10"/>
    </row>
    <row r="667063" spans="14:14">
      <c r="N667063" s="10"/>
    </row>
    <row r="667064" spans="14:14">
      <c r="N667064" s="10"/>
    </row>
    <row r="667065" spans="14:14">
      <c r="N667065" s="10"/>
    </row>
    <row r="667066" spans="14:14">
      <c r="N667066" s="10"/>
    </row>
    <row r="667067" spans="14:14">
      <c r="N667067" s="10"/>
    </row>
    <row r="667068" spans="14:14">
      <c r="N667068" s="10"/>
    </row>
    <row r="667069" spans="14:14">
      <c r="N667069" s="10"/>
    </row>
    <row r="667070" spans="14:14">
      <c r="N667070" s="10"/>
    </row>
    <row r="667071" spans="14:14">
      <c r="N667071" s="10"/>
    </row>
    <row r="667072" spans="14:14">
      <c r="N667072" s="10"/>
    </row>
    <row r="667073" spans="14:14">
      <c r="N667073" s="10"/>
    </row>
    <row r="667074" spans="14:14">
      <c r="N667074" s="10"/>
    </row>
    <row r="667075" spans="14:14">
      <c r="N667075" s="10"/>
    </row>
    <row r="667076" spans="14:14">
      <c r="N667076" s="10"/>
    </row>
    <row r="667077" spans="14:14">
      <c r="N667077" s="10"/>
    </row>
    <row r="667078" spans="14:14">
      <c r="N667078" s="10"/>
    </row>
    <row r="667079" spans="14:14">
      <c r="N667079" s="10"/>
    </row>
    <row r="667080" spans="14:14">
      <c r="N667080" s="10"/>
    </row>
    <row r="667081" spans="14:14">
      <c r="N667081" s="10"/>
    </row>
    <row r="667082" spans="14:14">
      <c r="N667082" s="10"/>
    </row>
    <row r="667083" spans="14:14">
      <c r="N667083" s="10"/>
    </row>
    <row r="667084" spans="14:14">
      <c r="N667084" s="10"/>
    </row>
    <row r="667085" spans="14:14">
      <c r="N667085" s="10"/>
    </row>
    <row r="667086" spans="14:14">
      <c r="N667086" s="10"/>
    </row>
    <row r="667087" spans="14:14">
      <c r="N667087" s="10"/>
    </row>
    <row r="667088" spans="14:14">
      <c r="N667088" s="10"/>
    </row>
    <row r="667089" spans="14:14">
      <c r="N667089" s="10"/>
    </row>
    <row r="667090" spans="14:14">
      <c r="N667090" s="10"/>
    </row>
    <row r="667091" spans="14:14">
      <c r="N667091" s="10"/>
    </row>
    <row r="667092" spans="14:14">
      <c r="N667092" s="10"/>
    </row>
    <row r="667093" spans="14:14">
      <c r="N667093" s="10"/>
    </row>
    <row r="667094" spans="14:14">
      <c r="N667094" s="10"/>
    </row>
    <row r="667095" spans="14:14">
      <c r="N667095" s="10"/>
    </row>
    <row r="667096" spans="14:14">
      <c r="N667096" s="10"/>
    </row>
    <row r="667097" spans="14:14">
      <c r="N667097" s="10"/>
    </row>
    <row r="667098" spans="14:14">
      <c r="N667098" s="10"/>
    </row>
    <row r="667099" spans="14:14">
      <c r="N667099" s="10"/>
    </row>
    <row r="667100" spans="14:14">
      <c r="N667100" s="10"/>
    </row>
    <row r="667101" spans="14:14">
      <c r="N667101" s="10"/>
    </row>
    <row r="667102" spans="14:14">
      <c r="N667102" s="10"/>
    </row>
    <row r="667103" spans="14:14">
      <c r="N667103" s="10"/>
    </row>
    <row r="667104" spans="14:14">
      <c r="N667104" s="10"/>
    </row>
    <row r="667105" spans="14:14">
      <c r="N667105" s="10"/>
    </row>
    <row r="667106" spans="14:14">
      <c r="N667106" s="10"/>
    </row>
    <row r="667107" spans="14:14">
      <c r="N667107" s="10"/>
    </row>
    <row r="667108" spans="14:14">
      <c r="N667108" s="10"/>
    </row>
    <row r="667109" spans="14:14">
      <c r="N667109" s="10"/>
    </row>
    <row r="667110" spans="14:14">
      <c r="N667110" s="10"/>
    </row>
    <row r="667111" spans="14:14">
      <c r="N667111" s="10"/>
    </row>
    <row r="667112" spans="14:14">
      <c r="N667112" s="10"/>
    </row>
    <row r="667113" spans="14:14">
      <c r="N667113" s="10"/>
    </row>
    <row r="667114" spans="14:14">
      <c r="N667114" s="10"/>
    </row>
    <row r="667115" spans="14:14">
      <c r="N667115" s="10"/>
    </row>
    <row r="667116" spans="14:14">
      <c r="N667116" s="10"/>
    </row>
    <row r="667117" spans="14:14">
      <c r="N667117" s="10"/>
    </row>
    <row r="667118" spans="14:14">
      <c r="N667118" s="10"/>
    </row>
    <row r="667119" spans="14:14">
      <c r="N667119" s="10"/>
    </row>
    <row r="667120" spans="14:14">
      <c r="N667120" s="10"/>
    </row>
    <row r="667121" spans="14:14">
      <c r="N667121" s="10"/>
    </row>
    <row r="667122" spans="14:14">
      <c r="N667122" s="10"/>
    </row>
    <row r="667123" spans="14:14">
      <c r="N667123" s="10"/>
    </row>
    <row r="667124" spans="14:14">
      <c r="N667124" s="10"/>
    </row>
    <row r="667125" spans="14:14">
      <c r="N667125" s="10"/>
    </row>
    <row r="667126" spans="14:14">
      <c r="N667126" s="10"/>
    </row>
    <row r="667127" spans="14:14">
      <c r="N667127" s="10"/>
    </row>
    <row r="667128" spans="14:14">
      <c r="N667128" s="10"/>
    </row>
    <row r="667129" spans="14:14">
      <c r="N667129" s="10"/>
    </row>
    <row r="667130" spans="14:14">
      <c r="N667130" s="10"/>
    </row>
    <row r="667131" spans="14:14">
      <c r="N667131" s="10"/>
    </row>
    <row r="667132" spans="14:14">
      <c r="N667132" s="10"/>
    </row>
    <row r="667133" spans="14:14">
      <c r="N667133" s="10"/>
    </row>
    <row r="667134" spans="14:14">
      <c r="N667134" s="10"/>
    </row>
    <row r="667135" spans="14:14">
      <c r="N667135" s="10"/>
    </row>
    <row r="667136" spans="14:14">
      <c r="N667136" s="10"/>
    </row>
    <row r="667137" spans="14:14">
      <c r="N667137" s="10"/>
    </row>
    <row r="667138" spans="14:14">
      <c r="N667138" s="10"/>
    </row>
    <row r="667139" spans="14:14">
      <c r="N667139" s="10"/>
    </row>
    <row r="667140" spans="14:14">
      <c r="N667140" s="10"/>
    </row>
    <row r="667141" spans="14:14">
      <c r="N667141" s="10"/>
    </row>
    <row r="667142" spans="14:14">
      <c r="N667142" s="10"/>
    </row>
    <row r="667143" spans="14:14">
      <c r="N667143" s="10"/>
    </row>
    <row r="667144" spans="14:14">
      <c r="N667144" s="10"/>
    </row>
    <row r="667145" spans="14:14">
      <c r="N667145" s="10"/>
    </row>
    <row r="667146" spans="14:14">
      <c r="N667146" s="10"/>
    </row>
    <row r="667147" spans="14:14">
      <c r="N667147" s="10"/>
    </row>
    <row r="667148" spans="14:14">
      <c r="N667148" s="10"/>
    </row>
    <row r="667149" spans="14:14">
      <c r="N667149" s="10"/>
    </row>
    <row r="667150" spans="14:14">
      <c r="N667150" s="10"/>
    </row>
    <row r="667151" spans="14:14">
      <c r="N667151" s="10"/>
    </row>
    <row r="667152" spans="14:14">
      <c r="N667152" s="10"/>
    </row>
    <row r="667153" spans="14:14">
      <c r="N667153" s="10"/>
    </row>
    <row r="667154" spans="14:14">
      <c r="N667154" s="10"/>
    </row>
    <row r="667155" spans="14:14">
      <c r="N667155" s="10"/>
    </row>
    <row r="667156" spans="14:14">
      <c r="N667156" s="10"/>
    </row>
    <row r="667157" spans="14:14">
      <c r="N667157" s="10"/>
    </row>
    <row r="667158" spans="14:14">
      <c r="N667158" s="10"/>
    </row>
    <row r="667159" spans="14:14">
      <c r="N667159" s="10"/>
    </row>
    <row r="667160" spans="14:14">
      <c r="N667160" s="10"/>
    </row>
    <row r="667161" spans="14:14">
      <c r="N667161" s="10"/>
    </row>
    <row r="667162" spans="14:14">
      <c r="N667162" s="10"/>
    </row>
    <row r="667163" spans="14:14">
      <c r="N667163" s="10"/>
    </row>
    <row r="667164" spans="14:14">
      <c r="N667164" s="10"/>
    </row>
    <row r="667165" spans="14:14">
      <c r="N667165" s="10"/>
    </row>
    <row r="667166" spans="14:14">
      <c r="N667166" s="10"/>
    </row>
    <row r="667167" spans="14:14">
      <c r="N667167" s="10"/>
    </row>
    <row r="667168" spans="14:14">
      <c r="N667168" s="10"/>
    </row>
    <row r="667169" spans="14:14">
      <c r="N667169" s="10"/>
    </row>
    <row r="667170" spans="14:14">
      <c r="N667170" s="10"/>
    </row>
    <row r="667171" spans="14:14">
      <c r="N667171" s="10"/>
    </row>
    <row r="667172" spans="14:14">
      <c r="N667172" s="10"/>
    </row>
    <row r="667173" spans="14:14">
      <c r="N667173" s="10"/>
    </row>
    <row r="667174" spans="14:14">
      <c r="N667174" s="10"/>
    </row>
    <row r="667175" spans="14:14">
      <c r="N667175" s="10"/>
    </row>
    <row r="667176" spans="14:14">
      <c r="N667176" s="10"/>
    </row>
    <row r="667177" spans="14:14">
      <c r="N667177" s="10"/>
    </row>
    <row r="667178" spans="14:14">
      <c r="N667178" s="10"/>
    </row>
    <row r="667179" spans="14:14">
      <c r="N667179" s="10"/>
    </row>
    <row r="667180" spans="14:14">
      <c r="N667180" s="10"/>
    </row>
    <row r="667181" spans="14:14">
      <c r="N667181" s="10"/>
    </row>
    <row r="667182" spans="14:14">
      <c r="N667182" s="10"/>
    </row>
    <row r="667183" spans="14:14">
      <c r="N667183" s="10"/>
    </row>
    <row r="667184" spans="14:14">
      <c r="N667184" s="10"/>
    </row>
    <row r="667185" spans="14:14">
      <c r="N667185" s="10"/>
    </row>
    <row r="667186" spans="14:14">
      <c r="N667186" s="10"/>
    </row>
    <row r="667187" spans="14:14">
      <c r="N667187" s="10"/>
    </row>
    <row r="667188" spans="14:14">
      <c r="N667188" s="10"/>
    </row>
    <row r="667189" spans="14:14">
      <c r="N667189" s="10"/>
    </row>
    <row r="667190" spans="14:14">
      <c r="N667190" s="10"/>
    </row>
    <row r="667191" spans="14:14">
      <c r="N667191" s="10"/>
    </row>
    <row r="667192" spans="14:14">
      <c r="N667192" s="10"/>
    </row>
    <row r="667193" spans="14:14">
      <c r="N667193" s="10"/>
    </row>
    <row r="667194" spans="14:14">
      <c r="N667194" s="10"/>
    </row>
    <row r="667195" spans="14:14">
      <c r="N667195" s="10"/>
    </row>
    <row r="667196" spans="14:14">
      <c r="N667196" s="10"/>
    </row>
    <row r="667197" spans="14:14">
      <c r="N667197" s="10"/>
    </row>
    <row r="667198" spans="14:14">
      <c r="N667198" s="10"/>
    </row>
    <row r="667199" spans="14:14">
      <c r="N667199" s="10"/>
    </row>
    <row r="667200" spans="14:14">
      <c r="N667200" s="10"/>
    </row>
    <row r="667201" spans="14:14">
      <c r="N667201" s="10"/>
    </row>
    <row r="667202" spans="14:14">
      <c r="N667202" s="10"/>
    </row>
    <row r="667203" spans="14:14">
      <c r="N667203" s="10"/>
    </row>
    <row r="667204" spans="14:14">
      <c r="N667204" s="10"/>
    </row>
    <row r="667205" spans="14:14">
      <c r="N667205" s="10"/>
    </row>
    <row r="667206" spans="14:14">
      <c r="N667206" s="10"/>
    </row>
    <row r="667207" spans="14:14">
      <c r="N667207" s="10"/>
    </row>
    <row r="667208" spans="14:14">
      <c r="N667208" s="10"/>
    </row>
    <row r="667209" spans="14:14">
      <c r="N667209" s="10"/>
    </row>
    <row r="667210" spans="14:14">
      <c r="N667210" s="10"/>
    </row>
    <row r="667211" spans="14:14">
      <c r="N667211" s="10"/>
    </row>
    <row r="667212" spans="14:14">
      <c r="N667212" s="10"/>
    </row>
    <row r="667213" spans="14:14">
      <c r="N667213" s="10"/>
    </row>
    <row r="667214" spans="14:14">
      <c r="N667214" s="10"/>
    </row>
    <row r="667215" spans="14:14">
      <c r="N667215" s="10"/>
    </row>
    <row r="667216" spans="14:14">
      <c r="N667216" s="10"/>
    </row>
    <row r="667217" spans="14:14">
      <c r="N667217" s="10"/>
    </row>
    <row r="667218" spans="14:14">
      <c r="N667218" s="10"/>
    </row>
    <row r="667219" spans="14:14">
      <c r="N667219" s="10"/>
    </row>
    <row r="667220" spans="14:14">
      <c r="N667220" s="10"/>
    </row>
    <row r="667221" spans="14:14">
      <c r="N667221" s="10"/>
    </row>
    <row r="667222" spans="14:14">
      <c r="N667222" s="10"/>
    </row>
    <row r="667223" spans="14:14">
      <c r="N667223" s="10"/>
    </row>
    <row r="667224" spans="14:14">
      <c r="N667224" s="10"/>
    </row>
    <row r="667225" spans="14:14">
      <c r="N667225" s="10"/>
    </row>
    <row r="667226" spans="14:14">
      <c r="N667226" s="10"/>
    </row>
    <row r="667227" spans="14:14">
      <c r="N667227" s="10"/>
    </row>
    <row r="667228" spans="14:14">
      <c r="N667228" s="10"/>
    </row>
    <row r="667229" spans="14:14">
      <c r="N667229" s="10"/>
    </row>
    <row r="667230" spans="14:14">
      <c r="N667230" s="10"/>
    </row>
    <row r="667231" spans="14:14">
      <c r="N667231" s="10"/>
    </row>
    <row r="667232" spans="14:14">
      <c r="N667232" s="10"/>
    </row>
    <row r="667233" spans="14:14">
      <c r="N667233" s="10"/>
    </row>
    <row r="667234" spans="14:14">
      <c r="N667234" s="10"/>
    </row>
    <row r="667235" spans="14:14">
      <c r="N667235" s="10"/>
    </row>
    <row r="667236" spans="14:14">
      <c r="N667236" s="10"/>
    </row>
    <row r="667237" spans="14:14">
      <c r="N667237" s="10"/>
    </row>
    <row r="667238" spans="14:14">
      <c r="N667238" s="10"/>
    </row>
    <row r="667239" spans="14:14">
      <c r="N667239" s="10"/>
    </row>
    <row r="667240" spans="14:14">
      <c r="N667240" s="10"/>
    </row>
    <row r="667241" spans="14:14">
      <c r="N667241" s="10"/>
    </row>
    <row r="667242" spans="14:14">
      <c r="N667242" s="10"/>
    </row>
    <row r="667243" spans="14:14">
      <c r="N667243" s="10"/>
    </row>
    <row r="667244" spans="14:14">
      <c r="N667244" s="10"/>
    </row>
    <row r="667245" spans="14:14">
      <c r="N667245" s="10"/>
    </row>
    <row r="667246" spans="14:14">
      <c r="N667246" s="10"/>
    </row>
    <row r="667247" spans="14:14">
      <c r="N667247" s="10"/>
    </row>
    <row r="667248" spans="14:14">
      <c r="N667248" s="10"/>
    </row>
    <row r="667249" spans="14:14">
      <c r="N667249" s="10"/>
    </row>
    <row r="667250" spans="14:14">
      <c r="N667250" s="10"/>
    </row>
    <row r="667251" spans="14:14">
      <c r="N667251" s="10"/>
    </row>
    <row r="667252" spans="14:14">
      <c r="N667252" s="10"/>
    </row>
    <row r="667253" spans="14:14">
      <c r="N667253" s="10"/>
    </row>
    <row r="667254" spans="14:14">
      <c r="N667254" s="10"/>
    </row>
    <row r="667255" spans="14:14">
      <c r="N667255" s="10"/>
    </row>
    <row r="667256" spans="14:14">
      <c r="N667256" s="10"/>
    </row>
    <row r="667257" spans="14:14">
      <c r="N667257" s="10"/>
    </row>
    <row r="667258" spans="14:14">
      <c r="N667258" s="10"/>
    </row>
    <row r="667259" spans="14:14">
      <c r="N667259" s="10"/>
    </row>
    <row r="667260" spans="14:14">
      <c r="N667260" s="10"/>
    </row>
    <row r="667261" spans="14:14">
      <c r="N667261" s="10"/>
    </row>
    <row r="667262" spans="14:14">
      <c r="N667262" s="10"/>
    </row>
    <row r="667263" spans="14:14">
      <c r="N667263" s="10"/>
    </row>
    <row r="667264" spans="14:14">
      <c r="N667264" s="10"/>
    </row>
    <row r="667265" spans="14:14">
      <c r="N667265" s="10"/>
    </row>
    <row r="667266" spans="14:14">
      <c r="N667266" s="10"/>
    </row>
    <row r="667267" spans="14:14">
      <c r="N667267" s="10"/>
    </row>
    <row r="667268" spans="14:14">
      <c r="N667268" s="10"/>
    </row>
    <row r="667269" spans="14:14">
      <c r="N667269" s="10"/>
    </row>
    <row r="667270" spans="14:14">
      <c r="N667270" s="10"/>
    </row>
    <row r="667271" spans="14:14">
      <c r="N667271" s="10"/>
    </row>
    <row r="667272" spans="14:14">
      <c r="N667272" s="10"/>
    </row>
    <row r="667273" spans="14:14">
      <c r="N667273" s="10"/>
    </row>
    <row r="667274" spans="14:14">
      <c r="N667274" s="10"/>
    </row>
    <row r="667275" spans="14:14">
      <c r="N667275" s="10"/>
    </row>
    <row r="667276" spans="14:14">
      <c r="N667276" s="10"/>
    </row>
    <row r="667277" spans="14:14">
      <c r="N667277" s="10"/>
    </row>
    <row r="667278" spans="14:14">
      <c r="N667278" s="10"/>
    </row>
    <row r="667279" spans="14:14">
      <c r="N667279" s="10"/>
    </row>
    <row r="667280" spans="14:14">
      <c r="N667280" s="10"/>
    </row>
    <row r="667281" spans="14:14">
      <c r="N667281" s="10"/>
    </row>
    <row r="667282" spans="14:14">
      <c r="N667282" s="10"/>
    </row>
    <row r="667283" spans="14:14">
      <c r="N667283" s="10"/>
    </row>
    <row r="667284" spans="14:14">
      <c r="N667284" s="10"/>
    </row>
    <row r="667285" spans="14:14">
      <c r="N667285" s="10"/>
    </row>
    <row r="667286" spans="14:14">
      <c r="N667286" s="10"/>
    </row>
    <row r="667287" spans="14:14">
      <c r="N667287" s="10"/>
    </row>
    <row r="667288" spans="14:14">
      <c r="N667288" s="10"/>
    </row>
    <row r="667289" spans="14:14">
      <c r="N667289" s="10"/>
    </row>
    <row r="667290" spans="14:14">
      <c r="N667290" s="10"/>
    </row>
    <row r="667291" spans="14:14">
      <c r="N667291" s="10"/>
    </row>
    <row r="667292" spans="14:14">
      <c r="N667292" s="10"/>
    </row>
    <row r="667293" spans="14:14">
      <c r="N667293" s="10"/>
    </row>
    <row r="667294" spans="14:14">
      <c r="N667294" s="10"/>
    </row>
    <row r="667295" spans="14:14">
      <c r="N667295" s="10"/>
    </row>
    <row r="667296" spans="14:14">
      <c r="N667296" s="10"/>
    </row>
    <row r="667297" spans="14:14">
      <c r="N667297" s="10"/>
    </row>
    <row r="667298" spans="14:14">
      <c r="N667298" s="10"/>
    </row>
    <row r="667299" spans="14:14">
      <c r="N667299" s="10"/>
    </row>
    <row r="667300" spans="14:14">
      <c r="N667300" s="10"/>
    </row>
    <row r="667301" spans="14:14">
      <c r="N667301" s="10"/>
    </row>
    <row r="667302" spans="14:14">
      <c r="N667302" s="10"/>
    </row>
    <row r="667303" spans="14:14">
      <c r="N667303" s="10"/>
    </row>
    <row r="667304" spans="14:14">
      <c r="N667304" s="10"/>
    </row>
    <row r="667305" spans="14:14">
      <c r="N667305" s="10"/>
    </row>
    <row r="667306" spans="14:14">
      <c r="N667306" s="10"/>
    </row>
    <row r="667307" spans="14:14">
      <c r="N667307" s="10"/>
    </row>
    <row r="667308" spans="14:14">
      <c r="N667308" s="10"/>
    </row>
    <row r="667309" spans="14:14">
      <c r="N667309" s="10"/>
    </row>
    <row r="667310" spans="14:14">
      <c r="N667310" s="10"/>
    </row>
    <row r="667311" spans="14:14">
      <c r="N667311" s="10"/>
    </row>
    <row r="667312" spans="14:14">
      <c r="N667312" s="10"/>
    </row>
    <row r="667313" spans="14:14">
      <c r="N667313" s="10"/>
    </row>
    <row r="667314" spans="14:14">
      <c r="N667314" s="10"/>
    </row>
    <row r="667315" spans="14:14">
      <c r="N667315" s="10"/>
    </row>
    <row r="667316" spans="14:14">
      <c r="N667316" s="10"/>
    </row>
    <row r="667317" spans="14:14">
      <c r="N667317" s="10"/>
    </row>
    <row r="667318" spans="14:14">
      <c r="N667318" s="10"/>
    </row>
    <row r="667319" spans="14:14">
      <c r="N667319" s="10"/>
    </row>
    <row r="667320" spans="14:14">
      <c r="N667320" s="10"/>
    </row>
    <row r="667321" spans="14:14">
      <c r="N667321" s="10"/>
    </row>
    <row r="667322" spans="14:14">
      <c r="N667322" s="10"/>
    </row>
    <row r="667323" spans="14:14">
      <c r="N667323" s="10"/>
    </row>
    <row r="667324" spans="14:14">
      <c r="N667324" s="10"/>
    </row>
    <row r="667325" spans="14:14">
      <c r="N667325" s="10"/>
    </row>
    <row r="667326" spans="14:14">
      <c r="N667326" s="10"/>
    </row>
    <row r="667327" spans="14:14">
      <c r="N667327" s="10"/>
    </row>
    <row r="667328" spans="14:14">
      <c r="N667328" s="10"/>
    </row>
    <row r="667329" spans="14:14">
      <c r="N667329" s="10"/>
    </row>
    <row r="667330" spans="14:14">
      <c r="N667330" s="10"/>
    </row>
    <row r="667331" spans="14:14">
      <c r="N667331" s="10"/>
    </row>
    <row r="667332" spans="14:14">
      <c r="N667332" s="10"/>
    </row>
    <row r="667333" spans="14:14">
      <c r="N667333" s="10"/>
    </row>
    <row r="667334" spans="14:14">
      <c r="N667334" s="10"/>
    </row>
    <row r="667335" spans="14:14">
      <c r="N667335" s="10"/>
    </row>
    <row r="667336" spans="14:14">
      <c r="N667336" s="10"/>
    </row>
    <row r="667337" spans="14:14">
      <c r="N667337" s="10"/>
    </row>
    <row r="667338" spans="14:14">
      <c r="N667338" s="10"/>
    </row>
    <row r="667339" spans="14:14">
      <c r="N667339" s="10"/>
    </row>
    <row r="667340" spans="14:14">
      <c r="N667340" s="10"/>
    </row>
    <row r="667341" spans="14:14">
      <c r="N667341" s="10"/>
    </row>
    <row r="667342" spans="14:14">
      <c r="N667342" s="10"/>
    </row>
    <row r="667343" spans="14:14">
      <c r="N667343" s="10"/>
    </row>
    <row r="667344" spans="14:14">
      <c r="N667344" s="10"/>
    </row>
    <row r="667345" spans="14:14">
      <c r="N667345" s="10"/>
    </row>
    <row r="667346" spans="14:14">
      <c r="N667346" s="10"/>
    </row>
    <row r="667347" spans="14:14">
      <c r="N667347" s="10"/>
    </row>
    <row r="667348" spans="14:14">
      <c r="N667348" s="10"/>
    </row>
    <row r="667349" spans="14:14">
      <c r="N667349" s="10"/>
    </row>
    <row r="667350" spans="14:14">
      <c r="N667350" s="10"/>
    </row>
    <row r="667351" spans="14:14">
      <c r="N667351" s="10"/>
    </row>
    <row r="667352" spans="14:14">
      <c r="N667352" s="10"/>
    </row>
    <row r="667353" spans="14:14">
      <c r="N667353" s="10"/>
    </row>
    <row r="667354" spans="14:14">
      <c r="N667354" s="10"/>
    </row>
    <row r="667355" spans="14:14">
      <c r="N667355" s="10"/>
    </row>
    <row r="667356" spans="14:14">
      <c r="N667356" s="10"/>
    </row>
    <row r="667357" spans="14:14">
      <c r="N667357" s="10"/>
    </row>
    <row r="667358" spans="14:14">
      <c r="N667358" s="10"/>
    </row>
    <row r="667359" spans="14:14">
      <c r="N667359" s="10"/>
    </row>
    <row r="667360" spans="14:14">
      <c r="N667360" s="10"/>
    </row>
    <row r="667361" spans="14:14">
      <c r="N667361" s="10"/>
    </row>
    <row r="667362" spans="14:14">
      <c r="N667362" s="10"/>
    </row>
    <row r="667363" spans="14:14">
      <c r="N667363" s="10"/>
    </row>
    <row r="667364" spans="14:14">
      <c r="N667364" s="10"/>
    </row>
    <row r="667365" spans="14:14">
      <c r="N667365" s="10"/>
    </row>
    <row r="667366" spans="14:14">
      <c r="N667366" s="10"/>
    </row>
    <row r="667367" spans="14:14">
      <c r="N667367" s="10"/>
    </row>
    <row r="667368" spans="14:14">
      <c r="N667368" s="10"/>
    </row>
    <row r="667369" spans="14:14">
      <c r="N667369" s="10"/>
    </row>
    <row r="667370" spans="14:14">
      <c r="N667370" s="10"/>
    </row>
    <row r="667371" spans="14:14">
      <c r="N667371" s="10"/>
    </row>
    <row r="667372" spans="14:14">
      <c r="N667372" s="10"/>
    </row>
    <row r="667373" spans="14:14">
      <c r="N667373" s="10"/>
    </row>
    <row r="667374" spans="14:14">
      <c r="N667374" s="10"/>
    </row>
    <row r="667375" spans="14:14">
      <c r="N667375" s="10"/>
    </row>
    <row r="667376" spans="14:14">
      <c r="N667376" s="10"/>
    </row>
    <row r="667377" spans="14:14">
      <c r="N667377" s="10"/>
    </row>
    <row r="667378" spans="14:14">
      <c r="N667378" s="10"/>
    </row>
    <row r="667379" spans="14:14">
      <c r="N667379" s="10"/>
    </row>
    <row r="667380" spans="14:14">
      <c r="N667380" s="10"/>
    </row>
    <row r="667381" spans="14:14">
      <c r="N667381" s="10"/>
    </row>
    <row r="667382" spans="14:14">
      <c r="N667382" s="10"/>
    </row>
    <row r="667383" spans="14:14">
      <c r="N667383" s="10"/>
    </row>
    <row r="667384" spans="14:14">
      <c r="N667384" s="10"/>
    </row>
    <row r="667385" spans="14:14">
      <c r="N667385" s="10"/>
    </row>
    <row r="667386" spans="14:14">
      <c r="N667386" s="10"/>
    </row>
    <row r="667387" spans="14:14">
      <c r="N667387" s="10"/>
    </row>
    <row r="667388" spans="14:14">
      <c r="N667388" s="10"/>
    </row>
    <row r="667389" spans="14:14">
      <c r="N667389" s="10"/>
    </row>
    <row r="667390" spans="14:14">
      <c r="N667390" s="10"/>
    </row>
    <row r="667391" spans="14:14">
      <c r="N667391" s="10"/>
    </row>
    <row r="667392" spans="14:14">
      <c r="N667392" s="10"/>
    </row>
    <row r="667393" spans="14:14">
      <c r="N667393" s="10"/>
    </row>
    <row r="667394" spans="14:14">
      <c r="N667394" s="10"/>
    </row>
    <row r="667395" spans="14:14">
      <c r="N667395" s="10"/>
    </row>
    <row r="667396" spans="14:14">
      <c r="N667396" s="10"/>
    </row>
    <row r="667397" spans="14:14">
      <c r="N667397" s="10"/>
    </row>
    <row r="667398" spans="14:14">
      <c r="N667398" s="10"/>
    </row>
    <row r="667399" spans="14:14">
      <c r="N667399" s="10"/>
    </row>
    <row r="667400" spans="14:14">
      <c r="N667400" s="10"/>
    </row>
    <row r="667401" spans="14:14">
      <c r="N667401" s="10"/>
    </row>
    <row r="667402" spans="14:14">
      <c r="N667402" s="10"/>
    </row>
    <row r="667403" spans="14:14">
      <c r="N667403" s="10"/>
    </row>
    <row r="667404" spans="14:14">
      <c r="N667404" s="10"/>
    </row>
    <row r="667405" spans="14:14">
      <c r="N667405" s="10"/>
    </row>
    <row r="667406" spans="14:14">
      <c r="N667406" s="10"/>
    </row>
    <row r="667407" spans="14:14">
      <c r="N667407" s="10"/>
    </row>
    <row r="667408" spans="14:14">
      <c r="N667408" s="10"/>
    </row>
    <row r="667409" spans="14:14">
      <c r="N667409" s="10"/>
    </row>
    <row r="667410" spans="14:14">
      <c r="N667410" s="10"/>
    </row>
    <row r="667411" spans="14:14">
      <c r="N667411" s="10"/>
    </row>
    <row r="667412" spans="14:14">
      <c r="N667412" s="10"/>
    </row>
    <row r="667413" spans="14:14">
      <c r="N667413" s="10"/>
    </row>
    <row r="667414" spans="14:14">
      <c r="N667414" s="10"/>
    </row>
    <row r="667415" spans="14:14">
      <c r="N667415" s="10"/>
    </row>
    <row r="667416" spans="14:14">
      <c r="N667416" s="10"/>
    </row>
    <row r="667417" spans="14:14">
      <c r="N667417" s="10"/>
    </row>
    <row r="667418" spans="14:14">
      <c r="N667418" s="10"/>
    </row>
    <row r="667419" spans="14:14">
      <c r="N667419" s="10"/>
    </row>
    <row r="667420" spans="14:14">
      <c r="N667420" s="10"/>
    </row>
    <row r="667421" spans="14:14">
      <c r="N667421" s="10"/>
    </row>
    <row r="667422" spans="14:14">
      <c r="N667422" s="10"/>
    </row>
    <row r="667423" spans="14:14">
      <c r="N667423" s="10"/>
    </row>
    <row r="667424" spans="14:14">
      <c r="N667424" s="10"/>
    </row>
    <row r="667425" spans="14:14">
      <c r="N667425" s="10"/>
    </row>
    <row r="667426" spans="14:14">
      <c r="N667426" s="10"/>
    </row>
    <row r="667427" spans="14:14">
      <c r="N667427" s="10"/>
    </row>
    <row r="667428" spans="14:14">
      <c r="N667428" s="10"/>
    </row>
    <row r="667429" spans="14:14">
      <c r="N667429" s="10"/>
    </row>
    <row r="667430" spans="14:14">
      <c r="N667430" s="10"/>
    </row>
    <row r="667431" spans="14:14">
      <c r="N667431" s="10"/>
    </row>
    <row r="667432" spans="14:14">
      <c r="N667432" s="10"/>
    </row>
    <row r="667433" spans="14:14">
      <c r="N667433" s="10"/>
    </row>
    <row r="667434" spans="14:14">
      <c r="N667434" s="10"/>
    </row>
    <row r="667435" spans="14:14">
      <c r="N667435" s="10"/>
    </row>
    <row r="667436" spans="14:14">
      <c r="N667436" s="10"/>
    </row>
    <row r="667437" spans="14:14">
      <c r="N667437" s="10"/>
    </row>
    <row r="667438" spans="14:14">
      <c r="N667438" s="10"/>
    </row>
    <row r="667439" spans="14:14">
      <c r="N667439" s="10"/>
    </row>
    <row r="667440" spans="14:14">
      <c r="N667440" s="10"/>
    </row>
    <row r="667441" spans="14:14">
      <c r="N667441" s="10"/>
    </row>
    <row r="667442" spans="14:14">
      <c r="N667442" s="10"/>
    </row>
    <row r="667443" spans="14:14">
      <c r="N667443" s="10"/>
    </row>
    <row r="667444" spans="14:14">
      <c r="N667444" s="10"/>
    </row>
    <row r="667445" spans="14:14">
      <c r="N667445" s="10"/>
    </row>
    <row r="667446" spans="14:14">
      <c r="N667446" s="10"/>
    </row>
    <row r="667447" spans="14:14">
      <c r="N667447" s="10"/>
    </row>
    <row r="667448" spans="14:14">
      <c r="N667448" s="10"/>
    </row>
    <row r="667449" spans="14:14">
      <c r="N667449" s="10"/>
    </row>
    <row r="667450" spans="14:14">
      <c r="N667450" s="10"/>
    </row>
    <row r="667451" spans="14:14">
      <c r="N667451" s="10"/>
    </row>
    <row r="667452" spans="14:14">
      <c r="N667452" s="10"/>
    </row>
    <row r="667453" spans="14:14">
      <c r="N667453" s="10"/>
    </row>
    <row r="667454" spans="14:14">
      <c r="N667454" s="10"/>
    </row>
    <row r="667455" spans="14:14">
      <c r="N667455" s="10"/>
    </row>
    <row r="667456" spans="14:14">
      <c r="N667456" s="10"/>
    </row>
    <row r="667457" spans="14:14">
      <c r="N667457" s="10"/>
    </row>
    <row r="667458" spans="14:14">
      <c r="N667458" s="10"/>
    </row>
    <row r="667459" spans="14:14">
      <c r="N667459" s="10"/>
    </row>
    <row r="667460" spans="14:14">
      <c r="N667460" s="10"/>
    </row>
    <row r="667461" spans="14:14">
      <c r="N667461" s="10"/>
    </row>
    <row r="667462" spans="14:14">
      <c r="N667462" s="10"/>
    </row>
    <row r="667463" spans="14:14">
      <c r="N667463" s="10"/>
    </row>
    <row r="667464" spans="14:14">
      <c r="N667464" s="10"/>
    </row>
    <row r="667465" spans="14:14">
      <c r="N667465" s="10"/>
    </row>
    <row r="667466" spans="14:14">
      <c r="N667466" s="10"/>
    </row>
    <row r="667467" spans="14:14">
      <c r="N667467" s="10"/>
    </row>
    <row r="667468" spans="14:14">
      <c r="N667468" s="10"/>
    </row>
    <row r="667469" spans="14:14">
      <c r="N667469" s="10"/>
    </row>
    <row r="667470" spans="14:14">
      <c r="N667470" s="10"/>
    </row>
    <row r="667471" spans="14:14">
      <c r="N667471" s="10"/>
    </row>
    <row r="667472" spans="14:14">
      <c r="N667472" s="10"/>
    </row>
    <row r="667473" spans="14:14">
      <c r="N667473" s="10"/>
    </row>
    <row r="667474" spans="14:14">
      <c r="N667474" s="10"/>
    </row>
    <row r="667475" spans="14:14">
      <c r="N667475" s="10"/>
    </row>
    <row r="667476" spans="14:14">
      <c r="N667476" s="10"/>
    </row>
    <row r="667477" spans="14:14">
      <c r="N667477" s="10"/>
    </row>
    <row r="667478" spans="14:14">
      <c r="N667478" s="10"/>
    </row>
    <row r="667479" spans="14:14">
      <c r="N667479" s="10"/>
    </row>
    <row r="667480" spans="14:14">
      <c r="N667480" s="10"/>
    </row>
    <row r="667481" spans="14:14">
      <c r="N667481" s="10"/>
    </row>
    <row r="667482" spans="14:14">
      <c r="N667482" s="10"/>
    </row>
    <row r="667483" spans="14:14">
      <c r="N667483" s="10"/>
    </row>
    <row r="667484" spans="14:14">
      <c r="N667484" s="10"/>
    </row>
    <row r="667485" spans="14:14">
      <c r="N667485" s="10"/>
    </row>
    <row r="667486" spans="14:14">
      <c r="N667486" s="10"/>
    </row>
    <row r="667487" spans="14:14">
      <c r="N667487" s="10"/>
    </row>
    <row r="667488" spans="14:14">
      <c r="N667488" s="10"/>
    </row>
    <row r="667489" spans="14:14">
      <c r="N667489" s="10"/>
    </row>
    <row r="667490" spans="14:14">
      <c r="N667490" s="10"/>
    </row>
    <row r="667491" spans="14:14">
      <c r="N667491" s="10"/>
    </row>
    <row r="667492" spans="14:14">
      <c r="N667492" s="10"/>
    </row>
    <row r="667493" spans="14:14">
      <c r="N667493" s="10"/>
    </row>
    <row r="667494" spans="14:14">
      <c r="N667494" s="10"/>
    </row>
    <row r="667495" spans="14:14">
      <c r="N667495" s="10"/>
    </row>
    <row r="667496" spans="14:14">
      <c r="N667496" s="10"/>
    </row>
    <row r="667497" spans="14:14">
      <c r="N667497" s="10"/>
    </row>
    <row r="667498" spans="14:14">
      <c r="N667498" s="10"/>
    </row>
    <row r="667499" spans="14:14">
      <c r="N667499" s="10"/>
    </row>
    <row r="667500" spans="14:14">
      <c r="N667500" s="10"/>
    </row>
    <row r="667501" spans="14:14">
      <c r="N667501" s="10"/>
    </row>
    <row r="667502" spans="14:14">
      <c r="N667502" s="10"/>
    </row>
    <row r="667503" spans="14:14">
      <c r="N667503" s="10"/>
    </row>
    <row r="667504" spans="14:14">
      <c r="N667504" s="10"/>
    </row>
    <row r="667505" spans="14:14">
      <c r="N667505" s="10"/>
    </row>
    <row r="667506" spans="14:14">
      <c r="N667506" s="10"/>
    </row>
    <row r="667507" spans="14:14">
      <c r="N667507" s="10"/>
    </row>
    <row r="667508" spans="14:14">
      <c r="N667508" s="10"/>
    </row>
    <row r="667509" spans="14:14">
      <c r="N667509" s="10"/>
    </row>
    <row r="667510" spans="14:14">
      <c r="N667510" s="10"/>
    </row>
    <row r="667511" spans="14:14">
      <c r="N667511" s="10"/>
    </row>
    <row r="667512" spans="14:14">
      <c r="N667512" s="10"/>
    </row>
    <row r="667513" spans="14:14">
      <c r="N667513" s="10"/>
    </row>
    <row r="667514" spans="14:14">
      <c r="N667514" s="10"/>
    </row>
    <row r="667515" spans="14:14">
      <c r="N667515" s="10"/>
    </row>
    <row r="667516" spans="14:14">
      <c r="N667516" s="10"/>
    </row>
    <row r="667517" spans="14:14">
      <c r="N667517" s="10"/>
    </row>
    <row r="667518" spans="14:14">
      <c r="N667518" s="10"/>
    </row>
    <row r="667519" spans="14:14">
      <c r="N667519" s="10"/>
    </row>
    <row r="667520" spans="14:14">
      <c r="N667520" s="10"/>
    </row>
    <row r="667521" spans="14:14">
      <c r="N667521" s="10"/>
    </row>
    <row r="667522" spans="14:14">
      <c r="N667522" s="10"/>
    </row>
    <row r="667523" spans="14:14">
      <c r="N667523" s="10"/>
    </row>
    <row r="667524" spans="14:14">
      <c r="N667524" s="10"/>
    </row>
    <row r="667525" spans="14:14">
      <c r="N667525" s="10"/>
    </row>
    <row r="667526" spans="14:14">
      <c r="N667526" s="10"/>
    </row>
    <row r="667527" spans="14:14">
      <c r="N667527" s="10"/>
    </row>
    <row r="667528" spans="14:14">
      <c r="N667528" s="10"/>
    </row>
    <row r="667529" spans="14:14">
      <c r="N667529" s="10"/>
    </row>
    <row r="667530" spans="14:14">
      <c r="N667530" s="10"/>
    </row>
    <row r="667531" spans="14:14">
      <c r="N667531" s="10"/>
    </row>
    <row r="667532" spans="14:14">
      <c r="N667532" s="10"/>
    </row>
    <row r="667533" spans="14:14">
      <c r="N667533" s="10"/>
    </row>
    <row r="667534" spans="14:14">
      <c r="N667534" s="10"/>
    </row>
    <row r="667535" spans="14:14">
      <c r="N667535" s="10"/>
    </row>
    <row r="667536" spans="14:14">
      <c r="N667536" s="10"/>
    </row>
    <row r="667537" spans="14:14">
      <c r="N667537" s="10"/>
    </row>
    <row r="667538" spans="14:14">
      <c r="N667538" s="10"/>
    </row>
    <row r="667539" spans="14:14">
      <c r="N667539" s="10"/>
    </row>
    <row r="667540" spans="14:14">
      <c r="N667540" s="10"/>
    </row>
    <row r="667541" spans="14:14">
      <c r="N667541" s="10"/>
    </row>
    <row r="667542" spans="14:14">
      <c r="N667542" s="10"/>
    </row>
    <row r="667543" spans="14:14">
      <c r="N667543" s="10"/>
    </row>
    <row r="667544" spans="14:14">
      <c r="N667544" s="10"/>
    </row>
    <row r="667545" spans="14:14">
      <c r="N667545" s="10"/>
    </row>
    <row r="667546" spans="14:14">
      <c r="N667546" s="10"/>
    </row>
    <row r="667547" spans="14:14">
      <c r="N667547" s="10"/>
    </row>
    <row r="667548" spans="14:14">
      <c r="N667548" s="10"/>
    </row>
    <row r="667549" spans="14:14">
      <c r="N667549" s="10"/>
    </row>
    <row r="667550" spans="14:14">
      <c r="N667550" s="10"/>
    </row>
    <row r="667551" spans="14:14">
      <c r="N667551" s="10"/>
    </row>
    <row r="667552" spans="14:14">
      <c r="N667552" s="10"/>
    </row>
    <row r="667553" spans="14:14">
      <c r="N667553" s="10"/>
    </row>
    <row r="667554" spans="14:14">
      <c r="N667554" s="10"/>
    </row>
    <row r="667555" spans="14:14">
      <c r="N667555" s="10"/>
    </row>
    <row r="667556" spans="14:14">
      <c r="N667556" s="10"/>
    </row>
    <row r="667557" spans="14:14">
      <c r="N667557" s="10"/>
    </row>
    <row r="667558" spans="14:14">
      <c r="N667558" s="10"/>
    </row>
    <row r="667559" spans="14:14">
      <c r="N667559" s="10"/>
    </row>
    <row r="667560" spans="14:14">
      <c r="N667560" s="10"/>
    </row>
    <row r="667561" spans="14:14">
      <c r="N667561" s="10"/>
    </row>
    <row r="667562" spans="14:14">
      <c r="N667562" s="10"/>
    </row>
    <row r="667563" spans="14:14">
      <c r="N667563" s="10"/>
    </row>
    <row r="667564" spans="14:14">
      <c r="N667564" s="10"/>
    </row>
    <row r="667565" spans="14:14">
      <c r="N667565" s="10"/>
    </row>
    <row r="667566" spans="14:14">
      <c r="N667566" s="10"/>
    </row>
    <row r="667567" spans="14:14">
      <c r="N667567" s="10"/>
    </row>
    <row r="667568" spans="14:14">
      <c r="N667568" s="10"/>
    </row>
    <row r="667569" spans="14:14">
      <c r="N667569" s="10"/>
    </row>
    <row r="667570" spans="14:14">
      <c r="N667570" s="10"/>
    </row>
    <row r="667571" spans="14:14">
      <c r="N667571" s="10"/>
    </row>
    <row r="667572" spans="14:14">
      <c r="N667572" s="10"/>
    </row>
    <row r="667573" spans="14:14">
      <c r="N667573" s="10"/>
    </row>
    <row r="667574" spans="14:14">
      <c r="N667574" s="10"/>
    </row>
    <row r="667575" spans="14:14">
      <c r="N667575" s="10"/>
    </row>
    <row r="667576" spans="14:14">
      <c r="N667576" s="10"/>
    </row>
    <row r="667577" spans="14:14">
      <c r="N667577" s="10"/>
    </row>
    <row r="667578" spans="14:14">
      <c r="N667578" s="10"/>
    </row>
    <row r="667579" spans="14:14">
      <c r="N667579" s="10"/>
    </row>
    <row r="667580" spans="14:14">
      <c r="N667580" s="10"/>
    </row>
    <row r="667581" spans="14:14">
      <c r="N667581" s="10"/>
    </row>
    <row r="667582" spans="14:14">
      <c r="N667582" s="10"/>
    </row>
    <row r="667583" spans="14:14">
      <c r="N667583" s="10"/>
    </row>
    <row r="667584" spans="14:14">
      <c r="N667584" s="10"/>
    </row>
    <row r="667585" spans="14:14">
      <c r="N667585" s="10"/>
    </row>
    <row r="667586" spans="14:14">
      <c r="N667586" s="10"/>
    </row>
    <row r="667587" spans="14:14">
      <c r="N667587" s="10"/>
    </row>
    <row r="667588" spans="14:14">
      <c r="N667588" s="10"/>
    </row>
    <row r="667589" spans="14:14">
      <c r="N667589" s="10"/>
    </row>
    <row r="667590" spans="14:14">
      <c r="N667590" s="10"/>
    </row>
    <row r="667591" spans="14:14">
      <c r="N667591" s="10"/>
    </row>
    <row r="667592" spans="14:14">
      <c r="N667592" s="10"/>
    </row>
    <row r="667593" spans="14:14">
      <c r="N667593" s="10"/>
    </row>
    <row r="667594" spans="14:14">
      <c r="N667594" s="10"/>
    </row>
    <row r="667595" spans="14:14">
      <c r="N667595" s="10"/>
    </row>
    <row r="667596" spans="14:14">
      <c r="N667596" s="10"/>
    </row>
    <row r="667597" spans="14:14">
      <c r="N667597" s="10"/>
    </row>
    <row r="667598" spans="14:14">
      <c r="N667598" s="10"/>
    </row>
    <row r="667599" spans="14:14">
      <c r="N667599" s="10"/>
    </row>
    <row r="667600" spans="14:14">
      <c r="N667600" s="10"/>
    </row>
    <row r="667601" spans="14:14">
      <c r="N667601" s="10"/>
    </row>
    <row r="667602" spans="14:14">
      <c r="N667602" s="10"/>
    </row>
    <row r="667603" spans="14:14">
      <c r="N667603" s="10"/>
    </row>
    <row r="667604" spans="14:14">
      <c r="N667604" s="10"/>
    </row>
    <row r="667605" spans="14:14">
      <c r="N667605" s="10"/>
    </row>
    <row r="667606" spans="14:14">
      <c r="N667606" s="10"/>
    </row>
    <row r="667607" spans="14:14">
      <c r="N667607" s="10"/>
    </row>
    <row r="667608" spans="14:14">
      <c r="N667608" s="10"/>
    </row>
    <row r="667609" spans="14:14">
      <c r="N667609" s="10"/>
    </row>
    <row r="667610" spans="14:14">
      <c r="N667610" s="10"/>
    </row>
    <row r="667611" spans="14:14">
      <c r="N667611" s="10"/>
    </row>
    <row r="667612" spans="14:14">
      <c r="N667612" s="10"/>
    </row>
    <row r="667613" spans="14:14">
      <c r="N667613" s="10"/>
    </row>
    <row r="667614" spans="14:14">
      <c r="N667614" s="10"/>
    </row>
    <row r="667615" spans="14:14">
      <c r="N667615" s="10"/>
    </row>
    <row r="667616" spans="14:14">
      <c r="N667616" s="10"/>
    </row>
    <row r="667617" spans="14:14">
      <c r="N667617" s="10"/>
    </row>
    <row r="667618" spans="14:14">
      <c r="N667618" s="10"/>
    </row>
    <row r="667619" spans="14:14">
      <c r="N667619" s="10"/>
    </row>
    <row r="667620" spans="14:14">
      <c r="N667620" s="10"/>
    </row>
    <row r="667621" spans="14:14">
      <c r="N667621" s="10"/>
    </row>
    <row r="667622" spans="14:14">
      <c r="N667622" s="10"/>
    </row>
    <row r="667623" spans="14:14">
      <c r="N667623" s="10"/>
    </row>
    <row r="667624" spans="14:14">
      <c r="N667624" s="10"/>
    </row>
    <row r="667625" spans="14:14">
      <c r="N667625" s="10"/>
    </row>
    <row r="667626" spans="14:14">
      <c r="N667626" s="10"/>
    </row>
    <row r="667627" spans="14:14">
      <c r="N667627" s="10"/>
    </row>
    <row r="667628" spans="14:14">
      <c r="N667628" s="10"/>
    </row>
    <row r="667629" spans="14:14">
      <c r="N667629" s="10"/>
    </row>
    <row r="667630" spans="14:14">
      <c r="N667630" s="10"/>
    </row>
    <row r="667631" spans="14:14">
      <c r="N667631" s="10"/>
    </row>
    <row r="667632" spans="14:14">
      <c r="N667632" s="10"/>
    </row>
    <row r="667633" spans="14:14">
      <c r="N667633" s="10"/>
    </row>
    <row r="667634" spans="14:14">
      <c r="N667634" s="10"/>
    </row>
    <row r="667635" spans="14:14">
      <c r="N667635" s="10"/>
    </row>
    <row r="667636" spans="14:14">
      <c r="N667636" s="10"/>
    </row>
    <row r="667637" spans="14:14">
      <c r="N667637" s="10"/>
    </row>
    <row r="667638" spans="14:14">
      <c r="N667638" s="10"/>
    </row>
    <row r="667639" spans="14:14">
      <c r="N667639" s="10"/>
    </row>
    <row r="667640" spans="14:14">
      <c r="N667640" s="10"/>
    </row>
    <row r="667641" spans="14:14">
      <c r="N667641" s="10"/>
    </row>
    <row r="667642" spans="14:14">
      <c r="N667642" s="10"/>
    </row>
    <row r="667643" spans="14:14">
      <c r="N667643" s="10"/>
    </row>
    <row r="667644" spans="14:14">
      <c r="N667644" s="10"/>
    </row>
    <row r="667645" spans="14:14">
      <c r="N667645" s="10"/>
    </row>
    <row r="667646" spans="14:14">
      <c r="N667646" s="10"/>
    </row>
    <row r="667647" spans="14:14">
      <c r="N667647" s="10"/>
    </row>
    <row r="667648" spans="14:14">
      <c r="N667648" s="10"/>
    </row>
    <row r="667649" spans="14:14">
      <c r="N667649" s="10"/>
    </row>
    <row r="667650" spans="14:14">
      <c r="N667650" s="10"/>
    </row>
    <row r="667651" spans="14:14">
      <c r="N667651" s="10"/>
    </row>
    <row r="667652" spans="14:14">
      <c r="N667652" s="10"/>
    </row>
    <row r="667653" spans="14:14">
      <c r="N667653" s="10"/>
    </row>
    <row r="667654" spans="14:14">
      <c r="N667654" s="10"/>
    </row>
    <row r="667655" spans="14:14">
      <c r="N667655" s="10"/>
    </row>
    <row r="667656" spans="14:14">
      <c r="N667656" s="10"/>
    </row>
    <row r="667657" spans="14:14">
      <c r="N667657" s="10"/>
    </row>
    <row r="667658" spans="14:14">
      <c r="N667658" s="10"/>
    </row>
    <row r="667659" spans="14:14">
      <c r="N667659" s="10"/>
    </row>
    <row r="667660" spans="14:14">
      <c r="N667660" s="10"/>
    </row>
    <row r="667661" spans="14:14">
      <c r="N667661" s="10"/>
    </row>
    <row r="667662" spans="14:14">
      <c r="N667662" s="10"/>
    </row>
    <row r="667663" spans="14:14">
      <c r="N667663" s="10"/>
    </row>
    <row r="667664" spans="14:14">
      <c r="N667664" s="10"/>
    </row>
    <row r="667665" spans="14:14">
      <c r="N667665" s="10"/>
    </row>
    <row r="667666" spans="14:14">
      <c r="N667666" s="10"/>
    </row>
    <row r="667667" spans="14:14">
      <c r="N667667" s="10"/>
    </row>
    <row r="667668" spans="14:14">
      <c r="N667668" s="10"/>
    </row>
    <row r="667669" spans="14:14">
      <c r="N667669" s="10"/>
    </row>
    <row r="667670" spans="14:14">
      <c r="N667670" s="10"/>
    </row>
    <row r="667671" spans="14:14">
      <c r="N667671" s="10"/>
    </row>
    <row r="667672" spans="14:14">
      <c r="N667672" s="10"/>
    </row>
    <row r="667673" spans="14:14">
      <c r="N667673" s="10"/>
    </row>
    <row r="667674" spans="14:14">
      <c r="N667674" s="10"/>
    </row>
    <row r="667675" spans="14:14">
      <c r="N667675" s="10"/>
    </row>
    <row r="667676" spans="14:14">
      <c r="N667676" s="10"/>
    </row>
    <row r="667677" spans="14:14">
      <c r="N667677" s="10"/>
    </row>
    <row r="667678" spans="14:14">
      <c r="N667678" s="10"/>
    </row>
    <row r="667679" spans="14:14">
      <c r="N667679" s="10"/>
    </row>
    <row r="667680" spans="14:14">
      <c r="N667680" s="10"/>
    </row>
    <row r="667681" spans="14:14">
      <c r="N667681" s="10"/>
    </row>
    <row r="667682" spans="14:14">
      <c r="N667682" s="10"/>
    </row>
    <row r="667683" spans="14:14">
      <c r="N667683" s="10"/>
    </row>
    <row r="667684" spans="14:14">
      <c r="N667684" s="10"/>
    </row>
    <row r="667685" spans="14:14">
      <c r="N667685" s="10"/>
    </row>
    <row r="667686" spans="14:14">
      <c r="N667686" s="10"/>
    </row>
    <row r="667687" spans="14:14">
      <c r="N667687" s="10"/>
    </row>
    <row r="667688" spans="14:14">
      <c r="N667688" s="10"/>
    </row>
    <row r="667689" spans="14:14">
      <c r="N667689" s="10"/>
    </row>
    <row r="667690" spans="14:14">
      <c r="N667690" s="10"/>
    </row>
    <row r="667691" spans="14:14">
      <c r="N667691" s="10"/>
    </row>
    <row r="667692" spans="14:14">
      <c r="N667692" s="10"/>
    </row>
    <row r="667693" spans="14:14">
      <c r="N667693" s="10"/>
    </row>
    <row r="667694" spans="14:14">
      <c r="N667694" s="10"/>
    </row>
    <row r="667695" spans="14:14">
      <c r="N667695" s="10"/>
    </row>
    <row r="667696" spans="14:14">
      <c r="N667696" s="10"/>
    </row>
    <row r="667697" spans="14:14">
      <c r="N667697" s="10"/>
    </row>
    <row r="667698" spans="14:14">
      <c r="N667698" s="10"/>
    </row>
    <row r="667699" spans="14:14">
      <c r="N667699" s="10"/>
    </row>
    <row r="667700" spans="14:14">
      <c r="N667700" s="10"/>
    </row>
    <row r="667701" spans="14:14">
      <c r="N667701" s="10"/>
    </row>
    <row r="667702" spans="14:14">
      <c r="N667702" s="10"/>
    </row>
    <row r="667703" spans="14:14">
      <c r="N667703" s="10"/>
    </row>
    <row r="667704" spans="14:14">
      <c r="N667704" s="10"/>
    </row>
    <row r="667705" spans="14:14">
      <c r="N667705" s="10"/>
    </row>
    <row r="667706" spans="14:14">
      <c r="N667706" s="10"/>
    </row>
    <row r="667707" spans="14:14">
      <c r="N667707" s="10"/>
    </row>
    <row r="667708" spans="14:14">
      <c r="N667708" s="10"/>
    </row>
    <row r="667709" spans="14:14">
      <c r="N667709" s="10"/>
    </row>
    <row r="667710" spans="14:14">
      <c r="N667710" s="10"/>
    </row>
    <row r="667711" spans="14:14">
      <c r="N667711" s="10"/>
    </row>
    <row r="667712" spans="14:14">
      <c r="N667712" s="10"/>
    </row>
    <row r="667713" spans="14:14">
      <c r="N667713" s="10"/>
    </row>
    <row r="667714" spans="14:14">
      <c r="N667714" s="10"/>
    </row>
    <row r="667715" spans="14:14">
      <c r="N667715" s="10"/>
    </row>
    <row r="667716" spans="14:14">
      <c r="N667716" s="10"/>
    </row>
    <row r="667717" spans="14:14">
      <c r="N667717" s="10"/>
    </row>
    <row r="667718" spans="14:14">
      <c r="N667718" s="10"/>
    </row>
    <row r="667719" spans="14:14">
      <c r="N667719" s="10"/>
    </row>
    <row r="667720" spans="14:14">
      <c r="N667720" s="10"/>
    </row>
    <row r="667721" spans="14:14">
      <c r="N667721" s="10"/>
    </row>
    <row r="667722" spans="14:14">
      <c r="N667722" s="10"/>
    </row>
    <row r="667723" spans="14:14">
      <c r="N667723" s="10"/>
    </row>
    <row r="667724" spans="14:14">
      <c r="N667724" s="10"/>
    </row>
    <row r="667725" spans="14:14">
      <c r="N667725" s="10"/>
    </row>
    <row r="667726" spans="14:14">
      <c r="N667726" s="10"/>
    </row>
    <row r="667727" spans="14:14">
      <c r="N667727" s="10"/>
    </row>
    <row r="667728" spans="14:14">
      <c r="N667728" s="10"/>
    </row>
    <row r="667729" spans="14:14">
      <c r="N667729" s="10"/>
    </row>
    <row r="667730" spans="14:14">
      <c r="N667730" s="10"/>
    </row>
    <row r="667731" spans="14:14">
      <c r="N667731" s="10"/>
    </row>
    <row r="667732" spans="14:14">
      <c r="N667732" s="10"/>
    </row>
    <row r="667733" spans="14:14">
      <c r="N667733" s="10"/>
    </row>
    <row r="667734" spans="14:14">
      <c r="N667734" s="10"/>
    </row>
    <row r="667735" spans="14:14">
      <c r="N667735" s="10"/>
    </row>
    <row r="667736" spans="14:14">
      <c r="N667736" s="10"/>
    </row>
    <row r="667737" spans="14:14">
      <c r="N667737" s="10"/>
    </row>
    <row r="667738" spans="14:14">
      <c r="N667738" s="10"/>
    </row>
    <row r="667739" spans="14:14">
      <c r="N667739" s="10"/>
    </row>
    <row r="667740" spans="14:14">
      <c r="N667740" s="10"/>
    </row>
    <row r="667741" spans="14:14">
      <c r="N667741" s="10"/>
    </row>
    <row r="667742" spans="14:14">
      <c r="N667742" s="10"/>
    </row>
    <row r="667743" spans="14:14">
      <c r="N667743" s="10"/>
    </row>
    <row r="667744" spans="14:14">
      <c r="N667744" s="10"/>
    </row>
    <row r="667745" spans="14:14">
      <c r="N667745" s="10"/>
    </row>
    <row r="667746" spans="14:14">
      <c r="N667746" s="10"/>
    </row>
    <row r="667747" spans="14:14">
      <c r="N667747" s="10"/>
    </row>
    <row r="667748" spans="14:14">
      <c r="N667748" s="10"/>
    </row>
    <row r="667749" spans="14:14">
      <c r="N667749" s="10"/>
    </row>
    <row r="667750" spans="14:14">
      <c r="N667750" s="10"/>
    </row>
    <row r="667751" spans="14:14">
      <c r="N667751" s="10"/>
    </row>
    <row r="667752" spans="14:14">
      <c r="N667752" s="10"/>
    </row>
    <row r="667753" spans="14:14">
      <c r="N667753" s="10"/>
    </row>
    <row r="667754" spans="14:14">
      <c r="N667754" s="10"/>
    </row>
    <row r="667755" spans="14:14">
      <c r="N667755" s="10"/>
    </row>
    <row r="667756" spans="14:14">
      <c r="N667756" s="10"/>
    </row>
    <row r="667757" spans="14:14">
      <c r="N667757" s="10"/>
    </row>
    <row r="667758" spans="14:14">
      <c r="N667758" s="10"/>
    </row>
    <row r="667759" spans="14:14">
      <c r="N667759" s="10"/>
    </row>
    <row r="667760" spans="14:14">
      <c r="N667760" s="10"/>
    </row>
    <row r="667761" spans="14:14">
      <c r="N667761" s="10"/>
    </row>
    <row r="667762" spans="14:14">
      <c r="N667762" s="10"/>
    </row>
    <row r="667763" spans="14:14">
      <c r="N667763" s="10"/>
    </row>
    <row r="667764" spans="14:14">
      <c r="N667764" s="10"/>
    </row>
    <row r="667765" spans="14:14">
      <c r="N667765" s="10"/>
    </row>
    <row r="667766" spans="14:14">
      <c r="N667766" s="10"/>
    </row>
    <row r="667767" spans="14:14">
      <c r="N667767" s="10"/>
    </row>
    <row r="667768" spans="14:14">
      <c r="N667768" s="10"/>
    </row>
    <row r="667769" spans="14:14">
      <c r="N667769" s="10"/>
    </row>
    <row r="667770" spans="14:14">
      <c r="N667770" s="10"/>
    </row>
    <row r="667771" spans="14:14">
      <c r="N667771" s="10"/>
    </row>
    <row r="667772" spans="14:14">
      <c r="N667772" s="10"/>
    </row>
    <row r="667773" spans="14:14">
      <c r="N667773" s="10"/>
    </row>
    <row r="667774" spans="14:14">
      <c r="N667774" s="10"/>
    </row>
    <row r="667775" spans="14:14">
      <c r="N667775" s="10"/>
    </row>
    <row r="667776" spans="14:14">
      <c r="N667776" s="10"/>
    </row>
    <row r="667777" spans="14:14">
      <c r="N667777" s="10"/>
    </row>
    <row r="667778" spans="14:14">
      <c r="N667778" s="10"/>
    </row>
    <row r="667779" spans="14:14">
      <c r="N667779" s="10"/>
    </row>
    <row r="667780" spans="14:14">
      <c r="N667780" s="10"/>
    </row>
    <row r="667781" spans="14:14">
      <c r="N667781" s="10"/>
    </row>
    <row r="667782" spans="14:14">
      <c r="N667782" s="10"/>
    </row>
    <row r="667783" spans="14:14">
      <c r="N667783" s="10"/>
    </row>
    <row r="667784" spans="14:14">
      <c r="N667784" s="10"/>
    </row>
    <row r="667785" spans="14:14">
      <c r="N667785" s="10"/>
    </row>
    <row r="667786" spans="14:14">
      <c r="N667786" s="10"/>
    </row>
    <row r="667787" spans="14:14">
      <c r="N667787" s="10"/>
    </row>
    <row r="667788" spans="14:14">
      <c r="N667788" s="10"/>
    </row>
    <row r="667789" spans="14:14">
      <c r="N667789" s="10"/>
    </row>
    <row r="667790" spans="14:14">
      <c r="N667790" s="10"/>
    </row>
    <row r="667791" spans="14:14">
      <c r="N667791" s="10"/>
    </row>
    <row r="667792" spans="14:14">
      <c r="N667792" s="10"/>
    </row>
    <row r="667793" spans="14:14">
      <c r="N667793" s="10"/>
    </row>
    <row r="667794" spans="14:14">
      <c r="N667794" s="10"/>
    </row>
    <row r="667795" spans="14:14">
      <c r="N667795" s="10"/>
    </row>
    <row r="667796" spans="14:14">
      <c r="N667796" s="10"/>
    </row>
    <row r="667797" spans="14:14">
      <c r="N667797" s="10"/>
    </row>
    <row r="667798" spans="14:14">
      <c r="N667798" s="10"/>
    </row>
    <row r="667799" spans="14:14">
      <c r="N667799" s="10"/>
    </row>
    <row r="667800" spans="14:14">
      <c r="N667800" s="10"/>
    </row>
    <row r="667801" spans="14:14">
      <c r="N667801" s="10"/>
    </row>
    <row r="667802" spans="14:14">
      <c r="N667802" s="10"/>
    </row>
    <row r="667803" spans="14:14">
      <c r="N667803" s="10"/>
    </row>
    <row r="667804" spans="14:14">
      <c r="N667804" s="10"/>
    </row>
    <row r="667805" spans="14:14">
      <c r="N667805" s="10"/>
    </row>
    <row r="667806" spans="14:14">
      <c r="N667806" s="10"/>
    </row>
    <row r="667807" spans="14:14">
      <c r="N667807" s="10"/>
    </row>
    <row r="667808" spans="14:14">
      <c r="N667808" s="10"/>
    </row>
    <row r="667809" spans="14:14">
      <c r="N667809" s="10"/>
    </row>
    <row r="667810" spans="14:14">
      <c r="N667810" s="10"/>
    </row>
    <row r="667811" spans="14:14">
      <c r="N667811" s="10"/>
    </row>
    <row r="667812" spans="14:14">
      <c r="N667812" s="10"/>
    </row>
    <row r="667813" spans="14:14">
      <c r="N667813" s="10"/>
    </row>
    <row r="667814" spans="14:14">
      <c r="N667814" s="10"/>
    </row>
    <row r="667815" spans="14:14">
      <c r="N667815" s="10"/>
    </row>
    <row r="667816" spans="14:14">
      <c r="N667816" s="10"/>
    </row>
    <row r="667817" spans="14:14">
      <c r="N667817" s="10"/>
    </row>
    <row r="667818" spans="14:14">
      <c r="N667818" s="10"/>
    </row>
    <row r="667819" spans="14:14">
      <c r="N667819" s="10"/>
    </row>
    <row r="667820" spans="14:14">
      <c r="N667820" s="10"/>
    </row>
    <row r="667821" spans="14:14">
      <c r="N667821" s="10"/>
    </row>
    <row r="667822" spans="14:14">
      <c r="N667822" s="10"/>
    </row>
    <row r="667823" spans="14:14">
      <c r="N667823" s="10"/>
    </row>
    <row r="667824" spans="14:14">
      <c r="N667824" s="10"/>
    </row>
    <row r="667825" spans="14:14">
      <c r="N667825" s="10"/>
    </row>
    <row r="667826" spans="14:14">
      <c r="N667826" s="10"/>
    </row>
    <row r="667827" spans="14:14">
      <c r="N667827" s="10"/>
    </row>
    <row r="667828" spans="14:14">
      <c r="N667828" s="10"/>
    </row>
    <row r="667829" spans="14:14">
      <c r="N667829" s="10"/>
    </row>
    <row r="667830" spans="14:14">
      <c r="N667830" s="10"/>
    </row>
    <row r="667831" spans="14:14">
      <c r="N667831" s="10"/>
    </row>
    <row r="667832" spans="14:14">
      <c r="N667832" s="10"/>
    </row>
    <row r="667833" spans="14:14">
      <c r="N667833" s="10"/>
    </row>
    <row r="667834" spans="14:14">
      <c r="N667834" s="10"/>
    </row>
    <row r="667835" spans="14:14">
      <c r="N667835" s="10"/>
    </row>
    <row r="667836" spans="14:14">
      <c r="N667836" s="10"/>
    </row>
    <row r="667837" spans="14:14">
      <c r="N667837" s="10"/>
    </row>
    <row r="667838" spans="14:14">
      <c r="N667838" s="10"/>
    </row>
    <row r="667839" spans="14:14">
      <c r="N667839" s="10"/>
    </row>
    <row r="667840" spans="14:14">
      <c r="N667840" s="10"/>
    </row>
    <row r="667841" spans="14:14">
      <c r="N667841" s="10"/>
    </row>
    <row r="667842" spans="14:14">
      <c r="N667842" s="10"/>
    </row>
    <row r="667843" spans="14:14">
      <c r="N667843" s="10"/>
    </row>
    <row r="667844" spans="14:14">
      <c r="N667844" s="10"/>
    </row>
    <row r="667845" spans="14:14">
      <c r="N667845" s="10"/>
    </row>
    <row r="667846" spans="14:14">
      <c r="N667846" s="10"/>
    </row>
    <row r="667847" spans="14:14">
      <c r="N667847" s="10"/>
    </row>
    <row r="667848" spans="14:14">
      <c r="N667848" s="10"/>
    </row>
    <row r="667849" spans="14:14">
      <c r="N667849" s="10"/>
    </row>
    <row r="667850" spans="14:14">
      <c r="N667850" s="10"/>
    </row>
    <row r="667851" spans="14:14">
      <c r="N667851" s="10"/>
    </row>
    <row r="667852" spans="14:14">
      <c r="N667852" s="10"/>
    </row>
    <row r="667853" spans="14:14">
      <c r="N667853" s="10"/>
    </row>
    <row r="667854" spans="14:14">
      <c r="N667854" s="10"/>
    </row>
    <row r="667855" spans="14:14">
      <c r="N667855" s="10"/>
    </row>
    <row r="667856" spans="14:14">
      <c r="N667856" s="10"/>
    </row>
    <row r="667857" spans="14:14">
      <c r="N667857" s="10"/>
    </row>
    <row r="667858" spans="14:14">
      <c r="N667858" s="10"/>
    </row>
    <row r="667859" spans="14:14">
      <c r="N667859" s="10"/>
    </row>
    <row r="667860" spans="14:14">
      <c r="N667860" s="10"/>
    </row>
    <row r="667861" spans="14:14">
      <c r="N667861" s="10"/>
    </row>
    <row r="667862" spans="14:14">
      <c r="N667862" s="10"/>
    </row>
    <row r="667863" spans="14:14">
      <c r="N667863" s="10"/>
    </row>
    <row r="667864" spans="14:14">
      <c r="N667864" s="10"/>
    </row>
    <row r="667865" spans="14:14">
      <c r="N667865" s="10"/>
    </row>
    <row r="667866" spans="14:14">
      <c r="N667866" s="10"/>
    </row>
    <row r="667867" spans="14:14">
      <c r="N667867" s="10"/>
    </row>
    <row r="667868" spans="14:14">
      <c r="N667868" s="10"/>
    </row>
    <row r="667869" spans="14:14">
      <c r="N667869" s="10"/>
    </row>
    <row r="667870" spans="14:14">
      <c r="N667870" s="10"/>
    </row>
    <row r="667871" spans="14:14">
      <c r="N667871" s="10"/>
    </row>
    <row r="667872" spans="14:14">
      <c r="N667872" s="10"/>
    </row>
    <row r="667873" spans="14:14">
      <c r="N667873" s="10"/>
    </row>
    <row r="667874" spans="14:14">
      <c r="N667874" s="10"/>
    </row>
    <row r="667875" spans="14:14">
      <c r="N667875" s="10"/>
    </row>
    <row r="667876" spans="14:14">
      <c r="N667876" s="10"/>
    </row>
    <row r="667877" spans="14:14">
      <c r="N667877" s="10"/>
    </row>
    <row r="667878" spans="14:14">
      <c r="N667878" s="10"/>
    </row>
    <row r="667879" spans="14:14">
      <c r="N667879" s="10"/>
    </row>
    <row r="667880" spans="14:14">
      <c r="N667880" s="10"/>
    </row>
    <row r="667881" spans="14:14">
      <c r="N667881" s="10"/>
    </row>
    <row r="667882" spans="14:14">
      <c r="N667882" s="10"/>
    </row>
    <row r="667883" spans="14:14">
      <c r="N667883" s="10"/>
    </row>
    <row r="667884" spans="14:14">
      <c r="N667884" s="10"/>
    </row>
    <row r="667885" spans="14:14">
      <c r="N667885" s="10"/>
    </row>
    <row r="667886" spans="14:14">
      <c r="N667886" s="10"/>
    </row>
    <row r="667887" spans="14:14">
      <c r="N667887" s="10"/>
    </row>
    <row r="667888" spans="14:14">
      <c r="N667888" s="10"/>
    </row>
    <row r="667889" spans="14:14">
      <c r="N667889" s="10"/>
    </row>
    <row r="667890" spans="14:14">
      <c r="N667890" s="10"/>
    </row>
    <row r="667891" spans="14:14">
      <c r="N667891" s="10"/>
    </row>
    <row r="667892" spans="14:14">
      <c r="N667892" s="10"/>
    </row>
    <row r="667893" spans="14:14">
      <c r="N667893" s="10"/>
    </row>
    <row r="667894" spans="14:14">
      <c r="N667894" s="10"/>
    </row>
    <row r="667895" spans="14:14">
      <c r="N667895" s="10"/>
    </row>
    <row r="667896" spans="14:14">
      <c r="N667896" s="10"/>
    </row>
    <row r="667897" spans="14:14">
      <c r="N667897" s="10"/>
    </row>
    <row r="667898" spans="14:14">
      <c r="N667898" s="10"/>
    </row>
    <row r="667899" spans="14:14">
      <c r="N667899" s="10"/>
    </row>
    <row r="667900" spans="14:14">
      <c r="N667900" s="10"/>
    </row>
    <row r="667901" spans="14:14">
      <c r="N667901" s="10"/>
    </row>
    <row r="667902" spans="14:14">
      <c r="N667902" s="10"/>
    </row>
    <row r="667903" spans="14:14">
      <c r="N667903" s="10"/>
    </row>
    <row r="667904" spans="14:14">
      <c r="N667904" s="10"/>
    </row>
    <row r="667905" spans="14:14">
      <c r="N667905" s="10"/>
    </row>
    <row r="667906" spans="14:14">
      <c r="N667906" s="10"/>
    </row>
    <row r="667907" spans="14:14">
      <c r="N667907" s="10"/>
    </row>
    <row r="667908" spans="14:14">
      <c r="N667908" s="10"/>
    </row>
    <row r="667909" spans="14:14">
      <c r="N667909" s="10"/>
    </row>
    <row r="667910" spans="14:14">
      <c r="N667910" s="10"/>
    </row>
    <row r="667911" spans="14:14">
      <c r="N667911" s="10"/>
    </row>
    <row r="667912" spans="14:14">
      <c r="N667912" s="10"/>
    </row>
    <row r="667913" spans="14:14">
      <c r="N667913" s="10"/>
    </row>
    <row r="667914" spans="14:14">
      <c r="N667914" s="10"/>
    </row>
    <row r="667915" spans="14:14">
      <c r="N667915" s="10"/>
    </row>
    <row r="667916" spans="14:14">
      <c r="N667916" s="10"/>
    </row>
    <row r="667917" spans="14:14">
      <c r="N667917" s="10"/>
    </row>
    <row r="667918" spans="14:14">
      <c r="N667918" s="10"/>
    </row>
    <row r="667919" spans="14:14">
      <c r="N667919" s="10"/>
    </row>
    <row r="667920" spans="14:14">
      <c r="N667920" s="10"/>
    </row>
    <row r="667921" spans="14:14">
      <c r="N667921" s="10"/>
    </row>
    <row r="667922" spans="14:14">
      <c r="N667922" s="10"/>
    </row>
    <row r="667923" spans="14:14">
      <c r="N667923" s="10"/>
    </row>
    <row r="667924" spans="14:14">
      <c r="N667924" s="10"/>
    </row>
    <row r="667925" spans="14:14">
      <c r="N667925" s="10"/>
    </row>
    <row r="667926" spans="14:14">
      <c r="N667926" s="10"/>
    </row>
    <row r="667927" spans="14:14">
      <c r="N667927" s="10"/>
    </row>
    <row r="667928" spans="14:14">
      <c r="N667928" s="10"/>
    </row>
    <row r="667929" spans="14:14">
      <c r="N667929" s="10"/>
    </row>
    <row r="667930" spans="14:14">
      <c r="N667930" s="10"/>
    </row>
    <row r="667931" spans="14:14">
      <c r="N667931" s="10"/>
    </row>
    <row r="667932" spans="14:14">
      <c r="N667932" s="10"/>
    </row>
    <row r="667933" spans="14:14">
      <c r="N667933" s="10"/>
    </row>
    <row r="667934" spans="14:14">
      <c r="N667934" s="10"/>
    </row>
    <row r="667935" spans="14:14">
      <c r="N667935" s="10"/>
    </row>
    <row r="667936" spans="14:14">
      <c r="N667936" s="10"/>
    </row>
    <row r="667937" spans="14:14">
      <c r="N667937" s="10"/>
    </row>
    <row r="667938" spans="14:14">
      <c r="N667938" s="10"/>
    </row>
    <row r="667939" spans="14:14">
      <c r="N667939" s="10"/>
    </row>
    <row r="667940" spans="14:14">
      <c r="N667940" s="10"/>
    </row>
    <row r="667941" spans="14:14">
      <c r="N667941" s="10"/>
    </row>
    <row r="667942" spans="14:14">
      <c r="N667942" s="10"/>
    </row>
    <row r="667943" spans="14:14">
      <c r="N667943" s="10"/>
    </row>
    <row r="667944" spans="14:14">
      <c r="N667944" s="10"/>
    </row>
    <row r="667945" spans="14:14">
      <c r="N667945" s="10"/>
    </row>
    <row r="667946" spans="14:14">
      <c r="N667946" s="10"/>
    </row>
    <row r="667947" spans="14:14">
      <c r="N667947" s="10"/>
    </row>
    <row r="667948" spans="14:14">
      <c r="N667948" s="10"/>
    </row>
    <row r="667949" spans="14:14">
      <c r="N667949" s="10"/>
    </row>
    <row r="667950" spans="14:14">
      <c r="N667950" s="10"/>
    </row>
    <row r="667951" spans="14:14">
      <c r="N667951" s="10"/>
    </row>
    <row r="667952" spans="14:14">
      <c r="N667952" s="10"/>
    </row>
    <row r="667953" spans="14:14">
      <c r="N667953" s="10"/>
    </row>
    <row r="667954" spans="14:14">
      <c r="N667954" s="10"/>
    </row>
    <row r="667955" spans="14:14">
      <c r="N667955" s="10"/>
    </row>
    <row r="667956" spans="14:14">
      <c r="N667956" s="10"/>
    </row>
    <row r="667957" spans="14:14">
      <c r="N667957" s="10"/>
    </row>
    <row r="667958" spans="14:14">
      <c r="N667958" s="10"/>
    </row>
    <row r="667959" spans="14:14">
      <c r="N667959" s="10"/>
    </row>
    <row r="667960" spans="14:14">
      <c r="N667960" s="10"/>
    </row>
    <row r="667961" spans="14:14">
      <c r="N667961" s="10"/>
    </row>
    <row r="667962" spans="14:14">
      <c r="N667962" s="10"/>
    </row>
    <row r="667963" spans="14:14">
      <c r="N667963" s="10"/>
    </row>
    <row r="667964" spans="14:14">
      <c r="N667964" s="10"/>
    </row>
    <row r="667965" spans="14:14">
      <c r="N667965" s="10"/>
    </row>
    <row r="667966" spans="14:14">
      <c r="N667966" s="10"/>
    </row>
    <row r="667967" spans="14:14">
      <c r="N667967" s="10"/>
    </row>
    <row r="667968" spans="14:14">
      <c r="N667968" s="10"/>
    </row>
    <row r="667969" spans="14:14">
      <c r="N667969" s="10"/>
    </row>
    <row r="667970" spans="14:14">
      <c r="N667970" s="10"/>
    </row>
    <row r="667971" spans="14:14">
      <c r="N667971" s="10"/>
    </row>
    <row r="667972" spans="14:14">
      <c r="N667972" s="10"/>
    </row>
    <row r="667973" spans="14:14">
      <c r="N667973" s="10"/>
    </row>
    <row r="667974" spans="14:14">
      <c r="N667974" s="10"/>
    </row>
    <row r="667975" spans="14:14">
      <c r="N667975" s="10"/>
    </row>
    <row r="667976" spans="14:14">
      <c r="N667976" s="10"/>
    </row>
    <row r="667977" spans="14:14">
      <c r="N667977" s="10"/>
    </row>
    <row r="667978" spans="14:14">
      <c r="N667978" s="10"/>
    </row>
    <row r="667979" spans="14:14">
      <c r="N667979" s="10"/>
    </row>
    <row r="667980" spans="14:14">
      <c r="N667980" s="10"/>
    </row>
    <row r="667981" spans="14:14">
      <c r="N667981" s="10"/>
    </row>
    <row r="667982" spans="14:14">
      <c r="N667982" s="10"/>
    </row>
    <row r="667983" spans="14:14">
      <c r="N667983" s="10"/>
    </row>
    <row r="667984" spans="14:14">
      <c r="N667984" s="10"/>
    </row>
    <row r="667985" spans="14:14">
      <c r="N667985" s="10"/>
    </row>
    <row r="667986" spans="14:14">
      <c r="N667986" s="10"/>
    </row>
    <row r="667987" spans="14:14">
      <c r="N667987" s="10"/>
    </row>
    <row r="667988" spans="14:14">
      <c r="N667988" s="10"/>
    </row>
    <row r="667989" spans="14:14">
      <c r="N667989" s="10"/>
    </row>
    <row r="667990" spans="14:14">
      <c r="N667990" s="10"/>
    </row>
    <row r="667991" spans="14:14">
      <c r="N667991" s="10"/>
    </row>
    <row r="667992" spans="14:14">
      <c r="N667992" s="10"/>
    </row>
    <row r="667993" spans="14:14">
      <c r="N667993" s="10"/>
    </row>
    <row r="667994" spans="14:14">
      <c r="N667994" s="10"/>
    </row>
    <row r="667995" spans="14:14">
      <c r="N667995" s="10"/>
    </row>
    <row r="667996" spans="14:14">
      <c r="N667996" s="10"/>
    </row>
    <row r="667997" spans="14:14">
      <c r="N667997" s="10"/>
    </row>
    <row r="667998" spans="14:14">
      <c r="N667998" s="10"/>
    </row>
    <row r="667999" spans="14:14">
      <c r="N667999" s="10"/>
    </row>
    <row r="668000" spans="14:14">
      <c r="N668000" s="10"/>
    </row>
    <row r="668001" spans="14:14">
      <c r="N668001" s="10"/>
    </row>
    <row r="668002" spans="14:14">
      <c r="N668002" s="10"/>
    </row>
    <row r="668003" spans="14:14">
      <c r="N668003" s="10"/>
    </row>
    <row r="668004" spans="14:14">
      <c r="N668004" s="10"/>
    </row>
    <row r="668005" spans="14:14">
      <c r="N668005" s="10"/>
    </row>
    <row r="668006" spans="14:14">
      <c r="N668006" s="10"/>
    </row>
    <row r="668007" spans="14:14">
      <c r="N668007" s="10"/>
    </row>
    <row r="668008" spans="14:14">
      <c r="N668008" s="10"/>
    </row>
    <row r="668009" spans="14:14">
      <c r="N668009" s="10"/>
    </row>
    <row r="668010" spans="14:14">
      <c r="N668010" s="10"/>
    </row>
    <row r="668011" spans="14:14">
      <c r="N668011" s="10"/>
    </row>
    <row r="668012" spans="14:14">
      <c r="N668012" s="10"/>
    </row>
    <row r="668013" spans="14:14">
      <c r="N668013" s="10"/>
    </row>
    <row r="668014" spans="14:14">
      <c r="N668014" s="10"/>
    </row>
    <row r="668015" spans="14:14">
      <c r="N668015" s="10"/>
    </row>
    <row r="668016" spans="14:14">
      <c r="N668016" s="10"/>
    </row>
    <row r="668017" spans="14:14">
      <c r="N668017" s="10"/>
    </row>
    <row r="668018" spans="14:14">
      <c r="N668018" s="10"/>
    </row>
    <row r="668019" spans="14:14">
      <c r="N668019" s="10"/>
    </row>
    <row r="668020" spans="14:14">
      <c r="N668020" s="10"/>
    </row>
    <row r="668021" spans="14:14">
      <c r="N668021" s="10"/>
    </row>
    <row r="668022" spans="14:14">
      <c r="N668022" s="10"/>
    </row>
    <row r="668023" spans="14:14">
      <c r="N668023" s="10"/>
    </row>
    <row r="668024" spans="14:14">
      <c r="N668024" s="10"/>
    </row>
    <row r="668025" spans="14:14">
      <c r="N668025" s="10"/>
    </row>
    <row r="668026" spans="14:14">
      <c r="N668026" s="10"/>
    </row>
    <row r="668027" spans="14:14">
      <c r="N668027" s="10"/>
    </row>
    <row r="668028" spans="14:14">
      <c r="N668028" s="10"/>
    </row>
    <row r="668029" spans="14:14">
      <c r="N668029" s="10"/>
    </row>
    <row r="668030" spans="14:14">
      <c r="N668030" s="10"/>
    </row>
    <row r="668031" spans="14:14">
      <c r="N668031" s="10"/>
    </row>
    <row r="668032" spans="14:14">
      <c r="N668032" s="10"/>
    </row>
    <row r="668033" spans="14:14">
      <c r="N668033" s="10"/>
    </row>
    <row r="668034" spans="14:14">
      <c r="N668034" s="10"/>
    </row>
    <row r="668035" spans="14:14">
      <c r="N668035" s="10"/>
    </row>
    <row r="668036" spans="14:14">
      <c r="N668036" s="10"/>
    </row>
    <row r="668037" spans="14:14">
      <c r="N668037" s="10"/>
    </row>
    <row r="668038" spans="14:14">
      <c r="N668038" s="10"/>
    </row>
    <row r="668039" spans="14:14">
      <c r="N668039" s="10"/>
    </row>
    <row r="668040" spans="14:14">
      <c r="N668040" s="10"/>
    </row>
    <row r="668041" spans="14:14">
      <c r="N668041" s="10"/>
    </row>
    <row r="668042" spans="14:14">
      <c r="N668042" s="10"/>
    </row>
    <row r="668043" spans="14:14">
      <c r="N668043" s="10"/>
    </row>
    <row r="668044" spans="14:14">
      <c r="N668044" s="10"/>
    </row>
    <row r="668045" spans="14:14">
      <c r="N668045" s="10"/>
    </row>
    <row r="668046" spans="14:14">
      <c r="N668046" s="10"/>
    </row>
    <row r="668047" spans="14:14">
      <c r="N668047" s="10"/>
    </row>
    <row r="668048" spans="14:14">
      <c r="N668048" s="10"/>
    </row>
    <row r="668049" spans="14:14">
      <c r="N668049" s="10"/>
    </row>
    <row r="668050" spans="14:14">
      <c r="N668050" s="10"/>
    </row>
    <row r="668051" spans="14:14">
      <c r="N668051" s="10"/>
    </row>
    <row r="668052" spans="14:14">
      <c r="N668052" s="10"/>
    </row>
    <row r="668053" spans="14:14">
      <c r="N668053" s="10"/>
    </row>
    <row r="668054" spans="14:14">
      <c r="N668054" s="10"/>
    </row>
    <row r="668055" spans="14:14">
      <c r="N668055" s="10"/>
    </row>
    <row r="668056" spans="14:14">
      <c r="N668056" s="10"/>
    </row>
    <row r="668057" spans="14:14">
      <c r="N668057" s="10"/>
    </row>
    <row r="668058" spans="14:14">
      <c r="N668058" s="10"/>
    </row>
    <row r="668059" spans="14:14">
      <c r="N668059" s="10"/>
    </row>
    <row r="668060" spans="14:14">
      <c r="N668060" s="10"/>
    </row>
    <row r="668061" spans="14:14">
      <c r="N668061" s="10"/>
    </row>
    <row r="668062" spans="14:14">
      <c r="N668062" s="10"/>
    </row>
    <row r="668063" spans="14:14">
      <c r="N668063" s="10"/>
    </row>
    <row r="668064" spans="14:14">
      <c r="N668064" s="10"/>
    </row>
    <row r="668065" spans="14:14">
      <c r="N668065" s="10"/>
    </row>
    <row r="668066" spans="14:14">
      <c r="N668066" s="10"/>
    </row>
    <row r="668067" spans="14:14">
      <c r="N668067" s="10"/>
    </row>
    <row r="668068" spans="14:14">
      <c r="N668068" s="10"/>
    </row>
    <row r="668069" spans="14:14">
      <c r="N668069" s="10"/>
    </row>
    <row r="668070" spans="14:14">
      <c r="N668070" s="10"/>
    </row>
    <row r="668071" spans="14:14">
      <c r="N668071" s="10"/>
    </row>
    <row r="668072" spans="14:14">
      <c r="N668072" s="10"/>
    </row>
    <row r="668073" spans="14:14">
      <c r="N668073" s="10"/>
    </row>
    <row r="668074" spans="14:14">
      <c r="N668074" s="10"/>
    </row>
    <row r="668075" spans="14:14">
      <c r="N668075" s="10"/>
    </row>
    <row r="668076" spans="14:14">
      <c r="N668076" s="10"/>
    </row>
    <row r="668077" spans="14:14">
      <c r="N668077" s="10"/>
    </row>
    <row r="668078" spans="14:14">
      <c r="N668078" s="10"/>
    </row>
    <row r="668079" spans="14:14">
      <c r="N668079" s="10"/>
    </row>
    <row r="668080" spans="14:14">
      <c r="N668080" s="10"/>
    </row>
    <row r="668081" spans="14:14">
      <c r="N668081" s="10"/>
    </row>
    <row r="668082" spans="14:14">
      <c r="N668082" s="10"/>
    </row>
    <row r="668083" spans="14:14">
      <c r="N668083" s="10"/>
    </row>
    <row r="668084" spans="14:14">
      <c r="N668084" s="10"/>
    </row>
    <row r="668085" spans="14:14">
      <c r="N668085" s="10"/>
    </row>
    <row r="668086" spans="14:14">
      <c r="N668086" s="10"/>
    </row>
    <row r="668087" spans="14:14">
      <c r="N668087" s="10"/>
    </row>
    <row r="668088" spans="14:14">
      <c r="N668088" s="10"/>
    </row>
    <row r="668089" spans="14:14">
      <c r="N668089" s="10"/>
    </row>
    <row r="668090" spans="14:14">
      <c r="N668090" s="10"/>
    </row>
    <row r="668091" spans="14:14">
      <c r="N668091" s="10"/>
    </row>
    <row r="668092" spans="14:14">
      <c r="N668092" s="10"/>
    </row>
    <row r="668093" spans="14:14">
      <c r="N668093" s="10"/>
    </row>
    <row r="668094" spans="14:14">
      <c r="N668094" s="10"/>
    </row>
    <row r="668095" spans="14:14">
      <c r="N668095" s="10"/>
    </row>
    <row r="668096" spans="14:14">
      <c r="N668096" s="10"/>
    </row>
    <row r="668097" spans="14:14">
      <c r="N668097" s="10"/>
    </row>
    <row r="668098" spans="14:14">
      <c r="N668098" s="10"/>
    </row>
    <row r="668099" spans="14:14">
      <c r="N668099" s="10"/>
    </row>
    <row r="668100" spans="14:14">
      <c r="N668100" s="10"/>
    </row>
    <row r="668101" spans="14:14">
      <c r="N668101" s="10"/>
    </row>
    <row r="668102" spans="14:14">
      <c r="N668102" s="10"/>
    </row>
    <row r="668103" spans="14:14">
      <c r="N668103" s="10"/>
    </row>
    <row r="668104" spans="14:14">
      <c r="N668104" s="10"/>
    </row>
    <row r="668105" spans="14:14">
      <c r="N668105" s="10"/>
    </row>
    <row r="668106" spans="14:14">
      <c r="N668106" s="10"/>
    </row>
    <row r="668107" spans="14:14">
      <c r="N668107" s="10"/>
    </row>
    <row r="668108" spans="14:14">
      <c r="N668108" s="10"/>
    </row>
    <row r="668109" spans="14:14">
      <c r="N668109" s="10"/>
    </row>
    <row r="668110" spans="14:14">
      <c r="N668110" s="10"/>
    </row>
    <row r="668111" spans="14:14">
      <c r="N668111" s="10"/>
    </row>
    <row r="668112" spans="14:14">
      <c r="N668112" s="10"/>
    </row>
    <row r="668113" spans="14:14">
      <c r="N668113" s="10"/>
    </row>
    <row r="668114" spans="14:14">
      <c r="N668114" s="10"/>
    </row>
    <row r="668115" spans="14:14">
      <c r="N668115" s="10"/>
    </row>
    <row r="668116" spans="14:14">
      <c r="N668116" s="10"/>
    </row>
    <row r="668117" spans="14:14">
      <c r="N668117" s="10"/>
    </row>
    <row r="668118" spans="14:14">
      <c r="N668118" s="10"/>
    </row>
    <row r="668119" spans="14:14">
      <c r="N668119" s="10"/>
    </row>
    <row r="668120" spans="14:14">
      <c r="N668120" s="10"/>
    </row>
    <row r="668121" spans="14:14">
      <c r="N668121" s="10"/>
    </row>
    <row r="668122" spans="14:14">
      <c r="N668122" s="10"/>
    </row>
    <row r="668123" spans="14:14">
      <c r="N668123" s="10"/>
    </row>
    <row r="668124" spans="14:14">
      <c r="N668124" s="10"/>
    </row>
    <row r="668125" spans="14:14">
      <c r="N668125" s="10"/>
    </row>
    <row r="668126" spans="14:14">
      <c r="N668126" s="10"/>
    </row>
    <row r="668127" spans="14:14">
      <c r="N668127" s="10"/>
    </row>
    <row r="668128" spans="14:14">
      <c r="N668128" s="10"/>
    </row>
    <row r="668129" spans="14:14">
      <c r="N668129" s="10"/>
    </row>
    <row r="668130" spans="14:14">
      <c r="N668130" s="10"/>
    </row>
    <row r="668131" spans="14:14">
      <c r="N668131" s="10"/>
    </row>
    <row r="668132" spans="14:14">
      <c r="N668132" s="10"/>
    </row>
    <row r="668133" spans="14:14">
      <c r="N668133" s="10"/>
    </row>
    <row r="668134" spans="14:14">
      <c r="N668134" s="10"/>
    </row>
    <row r="668135" spans="14:14">
      <c r="N668135" s="10"/>
    </row>
    <row r="668136" spans="14:14">
      <c r="N668136" s="10"/>
    </row>
    <row r="668137" spans="14:14">
      <c r="N668137" s="10"/>
    </row>
    <row r="668138" spans="14:14">
      <c r="N668138" s="10"/>
    </row>
    <row r="668139" spans="14:14">
      <c r="N668139" s="10"/>
    </row>
    <row r="668140" spans="14:14">
      <c r="N668140" s="10"/>
    </row>
    <row r="668141" spans="14:14">
      <c r="N668141" s="10"/>
    </row>
    <row r="668142" spans="14:14">
      <c r="N668142" s="10"/>
    </row>
    <row r="668143" spans="14:14">
      <c r="N668143" s="10"/>
    </row>
    <row r="668144" spans="14:14">
      <c r="N668144" s="10"/>
    </row>
    <row r="668145" spans="14:14">
      <c r="N668145" s="10"/>
    </row>
    <row r="668146" spans="14:14">
      <c r="N668146" s="10"/>
    </row>
    <row r="668147" spans="14:14">
      <c r="N668147" s="10"/>
    </row>
    <row r="668148" spans="14:14">
      <c r="N668148" s="10"/>
    </row>
    <row r="668149" spans="14:14">
      <c r="N668149" s="10"/>
    </row>
    <row r="668150" spans="14:14">
      <c r="N668150" s="10"/>
    </row>
    <row r="668151" spans="14:14">
      <c r="N668151" s="10"/>
    </row>
    <row r="668152" spans="14:14">
      <c r="N668152" s="10"/>
    </row>
    <row r="668153" spans="14:14">
      <c r="N668153" s="10"/>
    </row>
    <row r="668154" spans="14:14">
      <c r="N668154" s="10"/>
    </row>
    <row r="668155" spans="14:14">
      <c r="N668155" s="10"/>
    </row>
    <row r="668156" spans="14:14">
      <c r="N668156" s="10"/>
    </row>
    <row r="668157" spans="14:14">
      <c r="N668157" s="10"/>
    </row>
    <row r="668158" spans="14:14">
      <c r="N668158" s="10"/>
    </row>
    <row r="668159" spans="14:14">
      <c r="N668159" s="10"/>
    </row>
    <row r="668160" spans="14:14">
      <c r="N668160" s="10"/>
    </row>
    <row r="668161" spans="14:14">
      <c r="N668161" s="10"/>
    </row>
    <row r="668162" spans="14:14">
      <c r="N668162" s="10"/>
    </row>
    <row r="668163" spans="14:14">
      <c r="N668163" s="10"/>
    </row>
    <row r="668164" spans="14:14">
      <c r="N668164" s="10"/>
    </row>
    <row r="668165" spans="14:14">
      <c r="N668165" s="10"/>
    </row>
    <row r="668166" spans="14:14">
      <c r="N668166" s="10"/>
    </row>
    <row r="668167" spans="14:14">
      <c r="N668167" s="10"/>
    </row>
    <row r="668168" spans="14:14">
      <c r="N668168" s="10"/>
    </row>
    <row r="668169" spans="14:14">
      <c r="N668169" s="10"/>
    </row>
    <row r="668170" spans="14:14">
      <c r="N668170" s="10"/>
    </row>
    <row r="668171" spans="14:14">
      <c r="N668171" s="10"/>
    </row>
    <row r="668172" spans="14:14">
      <c r="N668172" s="10"/>
    </row>
    <row r="668173" spans="14:14">
      <c r="N668173" s="10"/>
    </row>
    <row r="668174" spans="14:14">
      <c r="N668174" s="10"/>
    </row>
    <row r="668175" spans="14:14">
      <c r="N668175" s="10"/>
    </row>
    <row r="668176" spans="14:14">
      <c r="N668176" s="10"/>
    </row>
    <row r="668177" spans="14:14">
      <c r="N668177" s="10"/>
    </row>
    <row r="668178" spans="14:14">
      <c r="N668178" s="10"/>
    </row>
    <row r="668179" spans="14:14">
      <c r="N668179" s="10"/>
    </row>
    <row r="668180" spans="14:14">
      <c r="N668180" s="10"/>
    </row>
    <row r="668181" spans="14:14">
      <c r="N668181" s="10"/>
    </row>
    <row r="668182" spans="14:14">
      <c r="N668182" s="10"/>
    </row>
    <row r="668183" spans="14:14">
      <c r="N668183" s="10"/>
    </row>
    <row r="668184" spans="14:14">
      <c r="N668184" s="10"/>
    </row>
    <row r="668185" spans="14:14">
      <c r="N668185" s="10"/>
    </row>
    <row r="668186" spans="14:14">
      <c r="N668186" s="10"/>
    </row>
    <row r="668187" spans="14:14">
      <c r="N668187" s="10"/>
    </row>
    <row r="668188" spans="14:14">
      <c r="N668188" s="10"/>
    </row>
    <row r="668189" spans="14:14">
      <c r="N668189" s="10"/>
    </row>
    <row r="668190" spans="14:14">
      <c r="N668190" s="10"/>
    </row>
    <row r="668191" spans="14:14">
      <c r="N668191" s="10"/>
    </row>
    <row r="668192" spans="14:14">
      <c r="N668192" s="10"/>
    </row>
    <row r="668193" spans="14:14">
      <c r="N668193" s="10"/>
    </row>
    <row r="668194" spans="14:14">
      <c r="N668194" s="10"/>
    </row>
    <row r="668195" spans="14:14">
      <c r="N668195" s="10"/>
    </row>
    <row r="668196" spans="14:14">
      <c r="N668196" s="10"/>
    </row>
    <row r="668197" spans="14:14">
      <c r="N668197" s="10"/>
    </row>
    <row r="668198" spans="14:14">
      <c r="N668198" s="10"/>
    </row>
    <row r="668199" spans="14:14">
      <c r="N668199" s="10"/>
    </row>
    <row r="668200" spans="14:14">
      <c r="N668200" s="10"/>
    </row>
    <row r="668201" spans="14:14">
      <c r="N668201" s="10"/>
    </row>
    <row r="668202" spans="14:14">
      <c r="N668202" s="10"/>
    </row>
    <row r="668203" spans="14:14">
      <c r="N668203" s="10"/>
    </row>
    <row r="668204" spans="14:14">
      <c r="N668204" s="10"/>
    </row>
    <row r="668205" spans="14:14">
      <c r="N668205" s="10"/>
    </row>
    <row r="668206" spans="14:14">
      <c r="N668206" s="10"/>
    </row>
    <row r="668207" spans="14:14">
      <c r="N668207" s="10"/>
    </row>
    <row r="668208" spans="14:14">
      <c r="N668208" s="10"/>
    </row>
    <row r="668209" spans="14:14">
      <c r="N668209" s="10"/>
    </row>
    <row r="668210" spans="14:14">
      <c r="N668210" s="10"/>
    </row>
    <row r="668211" spans="14:14">
      <c r="N668211" s="10"/>
    </row>
    <row r="668212" spans="14:14">
      <c r="N668212" s="10"/>
    </row>
    <row r="668213" spans="14:14">
      <c r="N668213" s="10"/>
    </row>
    <row r="668214" spans="14:14">
      <c r="N668214" s="10"/>
    </row>
    <row r="668215" spans="14:14">
      <c r="N668215" s="10"/>
    </row>
    <row r="668216" spans="14:14">
      <c r="N668216" s="10"/>
    </row>
    <row r="668217" spans="14:14">
      <c r="N668217" s="10"/>
    </row>
    <row r="668218" spans="14:14">
      <c r="N668218" s="10"/>
    </row>
    <row r="668219" spans="14:14">
      <c r="N668219" s="10"/>
    </row>
    <row r="668220" spans="14:14">
      <c r="N668220" s="10"/>
    </row>
    <row r="668221" spans="14:14">
      <c r="N668221" s="10"/>
    </row>
    <row r="668222" spans="14:14">
      <c r="N668222" s="10"/>
    </row>
    <row r="668223" spans="14:14">
      <c r="N668223" s="10"/>
    </row>
    <row r="668224" spans="14:14">
      <c r="N668224" s="10"/>
    </row>
    <row r="668225" spans="14:14">
      <c r="N668225" s="10"/>
    </row>
    <row r="668226" spans="14:14">
      <c r="N668226" s="10"/>
    </row>
    <row r="668227" spans="14:14">
      <c r="N668227" s="10"/>
    </row>
    <row r="668228" spans="14:14">
      <c r="N668228" s="10"/>
    </row>
    <row r="668229" spans="14:14">
      <c r="N668229" s="10"/>
    </row>
    <row r="668230" spans="14:14">
      <c r="N668230" s="10"/>
    </row>
    <row r="668231" spans="14:14">
      <c r="N668231" s="10"/>
    </row>
    <row r="668232" spans="14:14">
      <c r="N668232" s="10"/>
    </row>
    <row r="668233" spans="14:14">
      <c r="N668233" s="10"/>
    </row>
    <row r="668234" spans="14:14">
      <c r="N668234" s="10"/>
    </row>
    <row r="668235" spans="14:14">
      <c r="N668235" s="10"/>
    </row>
    <row r="668236" spans="14:14">
      <c r="N668236" s="10"/>
    </row>
    <row r="668237" spans="14:14">
      <c r="N668237" s="10"/>
    </row>
    <row r="668238" spans="14:14">
      <c r="N668238" s="10"/>
    </row>
    <row r="668239" spans="14:14">
      <c r="N668239" s="10"/>
    </row>
    <row r="668240" spans="14:14">
      <c r="N668240" s="10"/>
    </row>
    <row r="668241" spans="14:14">
      <c r="N668241" s="10"/>
    </row>
    <row r="668242" spans="14:14">
      <c r="N668242" s="10"/>
    </row>
    <row r="668243" spans="14:14">
      <c r="N668243" s="10"/>
    </row>
    <row r="668244" spans="14:14">
      <c r="N668244" s="10"/>
    </row>
    <row r="668245" spans="14:14">
      <c r="N668245" s="10"/>
    </row>
    <row r="668246" spans="14:14">
      <c r="N668246" s="10"/>
    </row>
    <row r="668247" spans="14:14">
      <c r="N668247" s="10"/>
    </row>
    <row r="668248" spans="14:14">
      <c r="N668248" s="10"/>
    </row>
    <row r="668249" spans="14:14">
      <c r="N668249" s="10"/>
    </row>
    <row r="668250" spans="14:14">
      <c r="N668250" s="10"/>
    </row>
    <row r="668251" spans="14:14">
      <c r="N668251" s="10"/>
    </row>
    <row r="668252" spans="14:14">
      <c r="N668252" s="10"/>
    </row>
    <row r="668253" spans="14:14">
      <c r="N668253" s="10"/>
    </row>
    <row r="668254" spans="14:14">
      <c r="N668254" s="10"/>
    </row>
    <row r="668255" spans="14:14">
      <c r="N668255" s="10"/>
    </row>
    <row r="668256" spans="14:14">
      <c r="N668256" s="10"/>
    </row>
    <row r="668257" spans="14:14">
      <c r="N668257" s="10"/>
    </row>
    <row r="668258" spans="14:14">
      <c r="N668258" s="10"/>
    </row>
    <row r="668259" spans="14:14">
      <c r="N668259" s="10"/>
    </row>
    <row r="668260" spans="14:14">
      <c r="N668260" s="10"/>
    </row>
    <row r="668261" spans="14:14">
      <c r="N668261" s="10"/>
    </row>
    <row r="668262" spans="14:14">
      <c r="N668262" s="10"/>
    </row>
    <row r="668263" spans="14:14">
      <c r="N668263" s="10"/>
    </row>
    <row r="668264" spans="14:14">
      <c r="N668264" s="10"/>
    </row>
    <row r="668265" spans="14:14">
      <c r="N668265" s="10"/>
    </row>
    <row r="668266" spans="14:14">
      <c r="N668266" s="10"/>
    </row>
    <row r="668267" spans="14:14">
      <c r="N668267" s="10"/>
    </row>
    <row r="668268" spans="14:14">
      <c r="N668268" s="10"/>
    </row>
    <row r="668269" spans="14:14">
      <c r="N668269" s="10"/>
    </row>
    <row r="668270" spans="14:14">
      <c r="N668270" s="10"/>
    </row>
    <row r="668271" spans="14:14">
      <c r="N668271" s="10"/>
    </row>
    <row r="668272" spans="14:14">
      <c r="N668272" s="10"/>
    </row>
    <row r="668273" spans="14:14">
      <c r="N668273" s="10"/>
    </row>
    <row r="668274" spans="14:14">
      <c r="N668274" s="10"/>
    </row>
    <row r="668275" spans="14:14">
      <c r="N668275" s="10"/>
    </row>
    <row r="668276" spans="14:14">
      <c r="N668276" s="10"/>
    </row>
    <row r="668277" spans="14:14">
      <c r="N668277" s="10"/>
    </row>
    <row r="668278" spans="14:14">
      <c r="N668278" s="10"/>
    </row>
    <row r="668279" spans="14:14">
      <c r="N668279" s="10"/>
    </row>
    <row r="668280" spans="14:14">
      <c r="N668280" s="10"/>
    </row>
    <row r="668281" spans="14:14">
      <c r="N668281" s="10"/>
    </row>
    <row r="668282" spans="14:14">
      <c r="N668282" s="10"/>
    </row>
    <row r="668283" spans="14:14">
      <c r="N668283" s="10"/>
    </row>
    <row r="668284" spans="14:14">
      <c r="N668284" s="10"/>
    </row>
    <row r="668285" spans="14:14">
      <c r="N668285" s="10"/>
    </row>
    <row r="668286" spans="14:14">
      <c r="N668286" s="10"/>
    </row>
    <row r="668287" spans="14:14">
      <c r="N668287" s="10"/>
    </row>
    <row r="668288" spans="14:14">
      <c r="N668288" s="10"/>
    </row>
    <row r="668289" spans="14:14">
      <c r="N668289" s="10"/>
    </row>
    <row r="668290" spans="14:14">
      <c r="N668290" s="10"/>
    </row>
    <row r="668291" spans="14:14">
      <c r="N668291" s="10"/>
    </row>
    <row r="668292" spans="14:14">
      <c r="N668292" s="10"/>
    </row>
    <row r="668293" spans="14:14">
      <c r="N668293" s="10"/>
    </row>
    <row r="668294" spans="14:14">
      <c r="N668294" s="10"/>
    </row>
    <row r="668295" spans="14:14">
      <c r="N668295" s="10"/>
    </row>
    <row r="668296" spans="14:14">
      <c r="N668296" s="10"/>
    </row>
    <row r="668297" spans="14:14">
      <c r="N668297" s="10"/>
    </row>
    <row r="668298" spans="14:14">
      <c r="N668298" s="10"/>
    </row>
    <row r="668299" spans="14:14">
      <c r="N668299" s="10"/>
    </row>
    <row r="668300" spans="14:14">
      <c r="N668300" s="10"/>
    </row>
    <row r="668301" spans="14:14">
      <c r="N668301" s="10"/>
    </row>
    <row r="668302" spans="14:14">
      <c r="N668302" s="10"/>
    </row>
    <row r="668303" spans="14:14">
      <c r="N668303" s="10"/>
    </row>
    <row r="668304" spans="14:14">
      <c r="N668304" s="10"/>
    </row>
    <row r="668305" spans="14:14">
      <c r="N668305" s="10"/>
    </row>
    <row r="668306" spans="14:14">
      <c r="N668306" s="10"/>
    </row>
    <row r="668307" spans="14:14">
      <c r="N668307" s="10"/>
    </row>
    <row r="668308" spans="14:14">
      <c r="N668308" s="10"/>
    </row>
    <row r="668309" spans="14:14">
      <c r="N668309" s="10"/>
    </row>
    <row r="668310" spans="14:14">
      <c r="N668310" s="10"/>
    </row>
    <row r="668311" spans="14:14">
      <c r="N668311" s="10"/>
    </row>
    <row r="668312" spans="14:14">
      <c r="N668312" s="10"/>
    </row>
    <row r="668313" spans="14:14">
      <c r="N668313" s="10"/>
    </row>
    <row r="668314" spans="14:14">
      <c r="N668314" s="10"/>
    </row>
    <row r="668315" spans="14:14">
      <c r="N668315" s="10"/>
    </row>
    <row r="668316" spans="14:14">
      <c r="N668316" s="10"/>
    </row>
    <row r="668317" spans="14:14">
      <c r="N668317" s="10"/>
    </row>
    <row r="668318" spans="14:14">
      <c r="N668318" s="10"/>
    </row>
    <row r="668319" spans="14:14">
      <c r="N668319" s="10"/>
    </row>
    <row r="668320" spans="14:14">
      <c r="N668320" s="10"/>
    </row>
    <row r="668321" spans="14:14">
      <c r="N668321" s="10"/>
    </row>
    <row r="668322" spans="14:14">
      <c r="N668322" s="10"/>
    </row>
    <row r="668323" spans="14:14">
      <c r="N668323" s="10"/>
    </row>
    <row r="668324" spans="14:14">
      <c r="N668324" s="10"/>
    </row>
    <row r="668325" spans="14:14">
      <c r="N668325" s="10"/>
    </row>
    <row r="668326" spans="14:14">
      <c r="N668326" s="10"/>
    </row>
    <row r="668327" spans="14:14">
      <c r="N668327" s="10"/>
    </row>
    <row r="668328" spans="14:14">
      <c r="N668328" s="10"/>
    </row>
    <row r="668329" spans="14:14">
      <c r="N668329" s="10"/>
    </row>
    <row r="668330" spans="14:14">
      <c r="N668330" s="10"/>
    </row>
    <row r="668331" spans="14:14">
      <c r="N668331" s="10"/>
    </row>
    <row r="668332" spans="14:14">
      <c r="N668332" s="10"/>
    </row>
    <row r="668333" spans="14:14">
      <c r="N668333" s="10"/>
    </row>
    <row r="668334" spans="14:14">
      <c r="N668334" s="10"/>
    </row>
    <row r="668335" spans="14:14">
      <c r="N668335" s="10"/>
    </row>
    <row r="668336" spans="14:14">
      <c r="N668336" s="10"/>
    </row>
    <row r="668337" spans="14:14">
      <c r="N668337" s="10"/>
    </row>
    <row r="668338" spans="14:14">
      <c r="N668338" s="10"/>
    </row>
    <row r="668339" spans="14:14">
      <c r="N668339" s="10"/>
    </row>
    <row r="668340" spans="14:14">
      <c r="N668340" s="10"/>
    </row>
    <row r="668341" spans="14:14">
      <c r="N668341" s="10"/>
    </row>
    <row r="668342" spans="14:14">
      <c r="N668342" s="10"/>
    </row>
    <row r="668343" spans="14:14">
      <c r="N668343" s="10"/>
    </row>
    <row r="668344" spans="14:14">
      <c r="N668344" s="10"/>
    </row>
    <row r="668345" spans="14:14">
      <c r="N668345" s="10"/>
    </row>
    <row r="668346" spans="14:14">
      <c r="N668346" s="10"/>
    </row>
    <row r="668347" spans="14:14">
      <c r="N668347" s="10"/>
    </row>
    <row r="668348" spans="14:14">
      <c r="N668348" s="10"/>
    </row>
    <row r="668349" spans="14:14">
      <c r="N668349" s="10"/>
    </row>
    <row r="668350" spans="14:14">
      <c r="N668350" s="10"/>
    </row>
    <row r="668351" spans="14:14">
      <c r="N668351" s="10"/>
    </row>
    <row r="668352" spans="14:14">
      <c r="N668352" s="10"/>
    </row>
    <row r="668353" spans="14:14">
      <c r="N668353" s="10"/>
    </row>
    <row r="668354" spans="14:14">
      <c r="N668354" s="10"/>
    </row>
    <row r="668355" spans="14:14">
      <c r="N668355" s="10"/>
    </row>
    <row r="668356" spans="14:14">
      <c r="N668356" s="10"/>
    </row>
    <row r="668357" spans="14:14">
      <c r="N668357" s="10"/>
    </row>
    <row r="668358" spans="14:14">
      <c r="N668358" s="10"/>
    </row>
    <row r="668359" spans="14:14">
      <c r="N668359" s="10"/>
    </row>
    <row r="668360" spans="14:14">
      <c r="N668360" s="10"/>
    </row>
    <row r="668361" spans="14:14">
      <c r="N668361" s="10"/>
    </row>
    <row r="668362" spans="14:14">
      <c r="N668362" s="10"/>
    </row>
    <row r="668363" spans="14:14">
      <c r="N668363" s="10"/>
    </row>
    <row r="668364" spans="14:14">
      <c r="N668364" s="10"/>
    </row>
    <row r="668365" spans="14:14">
      <c r="N668365" s="10"/>
    </row>
    <row r="668366" spans="14:14">
      <c r="N668366" s="10"/>
    </row>
    <row r="668367" spans="14:14">
      <c r="N668367" s="10"/>
    </row>
    <row r="668368" spans="14:14">
      <c r="N668368" s="10"/>
    </row>
    <row r="668369" spans="14:14">
      <c r="N668369" s="10"/>
    </row>
    <row r="668370" spans="14:14">
      <c r="N668370" s="10"/>
    </row>
    <row r="668371" spans="14:14">
      <c r="N668371" s="10"/>
    </row>
    <row r="668372" spans="14:14">
      <c r="N668372" s="10"/>
    </row>
    <row r="668373" spans="14:14">
      <c r="N668373" s="10"/>
    </row>
    <row r="668374" spans="14:14">
      <c r="N668374" s="10"/>
    </row>
    <row r="668375" spans="14:14">
      <c r="N668375" s="10"/>
    </row>
    <row r="668376" spans="14:14">
      <c r="N668376" s="10"/>
    </row>
    <row r="668377" spans="14:14">
      <c r="N668377" s="10"/>
    </row>
    <row r="668378" spans="14:14">
      <c r="N668378" s="10"/>
    </row>
    <row r="668379" spans="14:14">
      <c r="N668379" s="10"/>
    </row>
    <row r="668380" spans="14:14">
      <c r="N668380" s="10"/>
    </row>
    <row r="668381" spans="14:14">
      <c r="N668381" s="10"/>
    </row>
    <row r="668382" spans="14:14">
      <c r="N668382" s="10"/>
    </row>
    <row r="668383" spans="14:14">
      <c r="N668383" s="10"/>
    </row>
    <row r="668384" spans="14:14">
      <c r="N668384" s="10"/>
    </row>
    <row r="668385" spans="14:14">
      <c r="N668385" s="10"/>
    </row>
    <row r="668386" spans="14:14">
      <c r="N668386" s="10"/>
    </row>
    <row r="668387" spans="14:14">
      <c r="N668387" s="10"/>
    </row>
    <row r="668388" spans="14:14">
      <c r="N668388" s="10"/>
    </row>
    <row r="668389" spans="14:14">
      <c r="N668389" s="10"/>
    </row>
    <row r="668390" spans="14:14">
      <c r="N668390" s="10"/>
    </row>
    <row r="668391" spans="14:14">
      <c r="N668391" s="10"/>
    </row>
    <row r="668392" spans="14:14">
      <c r="N668392" s="10"/>
    </row>
    <row r="668393" spans="14:14">
      <c r="N668393" s="10"/>
    </row>
    <row r="668394" spans="14:14">
      <c r="N668394" s="10"/>
    </row>
    <row r="668395" spans="14:14">
      <c r="N668395" s="10"/>
    </row>
    <row r="668396" spans="14:14">
      <c r="N668396" s="10"/>
    </row>
    <row r="668397" spans="14:14">
      <c r="N668397" s="10"/>
    </row>
    <row r="668398" spans="14:14">
      <c r="N668398" s="10"/>
    </row>
    <row r="668399" spans="14:14">
      <c r="N668399" s="10"/>
    </row>
    <row r="668400" spans="14:14">
      <c r="N668400" s="10"/>
    </row>
    <row r="668401" spans="14:14">
      <c r="N668401" s="10"/>
    </row>
    <row r="668402" spans="14:14">
      <c r="N668402" s="10"/>
    </row>
    <row r="668403" spans="14:14">
      <c r="N668403" s="10"/>
    </row>
    <row r="668404" spans="14:14">
      <c r="N668404" s="10"/>
    </row>
    <row r="668405" spans="14:14">
      <c r="N668405" s="10"/>
    </row>
    <row r="668406" spans="14:14">
      <c r="N668406" s="10"/>
    </row>
    <row r="668407" spans="14:14">
      <c r="N668407" s="10"/>
    </row>
    <row r="668408" spans="14:14">
      <c r="N668408" s="10"/>
    </row>
    <row r="668409" spans="14:14">
      <c r="N668409" s="10"/>
    </row>
    <row r="668410" spans="14:14">
      <c r="N668410" s="10"/>
    </row>
    <row r="668411" spans="14:14">
      <c r="N668411" s="10"/>
    </row>
    <row r="668412" spans="14:14">
      <c r="N668412" s="10"/>
    </row>
    <row r="668413" spans="14:14">
      <c r="N668413" s="10"/>
    </row>
    <row r="668414" spans="14:14">
      <c r="N668414" s="10"/>
    </row>
    <row r="668415" spans="14:14">
      <c r="N668415" s="10"/>
    </row>
    <row r="668416" spans="14:14">
      <c r="N668416" s="10"/>
    </row>
    <row r="668417" spans="14:14">
      <c r="N668417" s="10"/>
    </row>
    <row r="668418" spans="14:14">
      <c r="N668418" s="10"/>
    </row>
    <row r="668419" spans="14:14">
      <c r="N668419" s="10"/>
    </row>
    <row r="668420" spans="14:14">
      <c r="N668420" s="10"/>
    </row>
    <row r="668421" spans="14:14">
      <c r="N668421" s="10"/>
    </row>
    <row r="668422" spans="14:14">
      <c r="N668422" s="10"/>
    </row>
    <row r="668423" spans="14:14">
      <c r="N668423" s="10"/>
    </row>
    <row r="668424" spans="14:14">
      <c r="N668424" s="10"/>
    </row>
    <row r="668425" spans="14:14">
      <c r="N668425" s="10"/>
    </row>
    <row r="668426" spans="14:14">
      <c r="N668426" s="10"/>
    </row>
    <row r="668427" spans="14:14">
      <c r="N668427" s="10"/>
    </row>
    <row r="668428" spans="14:14">
      <c r="N668428" s="10"/>
    </row>
    <row r="668429" spans="14:14">
      <c r="N668429" s="10"/>
    </row>
    <row r="668430" spans="14:14">
      <c r="N668430" s="10"/>
    </row>
    <row r="668431" spans="14:14">
      <c r="N668431" s="10"/>
    </row>
    <row r="668432" spans="14:14">
      <c r="N668432" s="10"/>
    </row>
    <row r="668433" spans="14:14">
      <c r="N668433" s="10"/>
    </row>
    <row r="668434" spans="14:14">
      <c r="N668434" s="10"/>
    </row>
    <row r="668435" spans="14:14">
      <c r="N668435" s="10"/>
    </row>
    <row r="668436" spans="14:14">
      <c r="N668436" s="10"/>
    </row>
    <row r="668437" spans="14:14">
      <c r="N668437" s="10"/>
    </row>
    <row r="668438" spans="14:14">
      <c r="N668438" s="10"/>
    </row>
    <row r="668439" spans="14:14">
      <c r="N668439" s="10"/>
    </row>
    <row r="668440" spans="14:14">
      <c r="N668440" s="10"/>
    </row>
    <row r="668441" spans="14:14">
      <c r="N668441" s="10"/>
    </row>
    <row r="668442" spans="14:14">
      <c r="N668442" s="10"/>
    </row>
    <row r="668443" spans="14:14">
      <c r="N668443" s="10"/>
    </row>
    <row r="668444" spans="14:14">
      <c r="N668444" s="10"/>
    </row>
    <row r="668445" spans="14:14">
      <c r="N668445" s="10"/>
    </row>
    <row r="668446" spans="14:14">
      <c r="N668446" s="10"/>
    </row>
    <row r="668447" spans="14:14">
      <c r="N668447" s="10"/>
    </row>
    <row r="668448" spans="14:14">
      <c r="N668448" s="10"/>
    </row>
    <row r="668449" spans="14:14">
      <c r="N668449" s="10"/>
    </row>
    <row r="668450" spans="14:14">
      <c r="N668450" s="10"/>
    </row>
    <row r="668451" spans="14:14">
      <c r="N668451" s="10"/>
    </row>
    <row r="668452" spans="14:14">
      <c r="N668452" s="10"/>
    </row>
    <row r="668453" spans="14:14">
      <c r="N668453" s="10"/>
    </row>
    <row r="668454" spans="14:14">
      <c r="N668454" s="10"/>
    </row>
    <row r="668455" spans="14:14">
      <c r="N668455" s="10"/>
    </row>
    <row r="668456" spans="14:14">
      <c r="N668456" s="10"/>
    </row>
    <row r="668457" spans="14:14">
      <c r="N668457" s="10"/>
    </row>
    <row r="668458" spans="14:14">
      <c r="N668458" s="10"/>
    </row>
    <row r="668459" spans="14:14">
      <c r="N668459" s="10"/>
    </row>
    <row r="668460" spans="14:14">
      <c r="N668460" s="10"/>
    </row>
    <row r="668461" spans="14:14">
      <c r="N668461" s="10"/>
    </row>
    <row r="668462" spans="14:14">
      <c r="N668462" s="10"/>
    </row>
    <row r="668463" spans="14:14">
      <c r="N668463" s="10"/>
    </row>
    <row r="668464" spans="14:14">
      <c r="N668464" s="10"/>
    </row>
    <row r="668465" spans="14:14">
      <c r="N668465" s="10"/>
    </row>
    <row r="668466" spans="14:14">
      <c r="N668466" s="10"/>
    </row>
    <row r="668467" spans="14:14">
      <c r="N668467" s="10"/>
    </row>
    <row r="668468" spans="14:14">
      <c r="N668468" s="10"/>
    </row>
    <row r="668469" spans="14:14">
      <c r="N668469" s="10"/>
    </row>
    <row r="668470" spans="14:14">
      <c r="N668470" s="10"/>
    </row>
    <row r="668471" spans="14:14">
      <c r="N668471" s="10"/>
    </row>
    <row r="668472" spans="14:14">
      <c r="N668472" s="10"/>
    </row>
    <row r="668473" spans="14:14">
      <c r="N668473" s="10"/>
    </row>
    <row r="668474" spans="14:14">
      <c r="N668474" s="10"/>
    </row>
    <row r="668475" spans="14:14">
      <c r="N668475" s="10"/>
    </row>
    <row r="668476" spans="14:14">
      <c r="N668476" s="10"/>
    </row>
    <row r="668477" spans="14:14">
      <c r="N668477" s="10"/>
    </row>
    <row r="668478" spans="14:14">
      <c r="N668478" s="10"/>
    </row>
    <row r="668479" spans="14:14">
      <c r="N668479" s="10"/>
    </row>
    <row r="668480" spans="14:14">
      <c r="N668480" s="10"/>
    </row>
    <row r="668481" spans="14:14">
      <c r="N668481" s="10"/>
    </row>
    <row r="668482" spans="14:14">
      <c r="N668482" s="10"/>
    </row>
    <row r="668483" spans="14:14">
      <c r="N668483" s="10"/>
    </row>
    <row r="668484" spans="14:14">
      <c r="N668484" s="10"/>
    </row>
    <row r="668485" spans="14:14">
      <c r="N668485" s="10"/>
    </row>
    <row r="668486" spans="14:14">
      <c r="N668486" s="10"/>
    </row>
    <row r="668487" spans="14:14">
      <c r="N668487" s="10"/>
    </row>
    <row r="668488" spans="14:14">
      <c r="N668488" s="10"/>
    </row>
    <row r="668489" spans="14:14">
      <c r="N668489" s="10"/>
    </row>
    <row r="668490" spans="14:14">
      <c r="N668490" s="10"/>
    </row>
    <row r="668491" spans="14:14">
      <c r="N668491" s="10"/>
    </row>
    <row r="668492" spans="14:14">
      <c r="N668492" s="10"/>
    </row>
    <row r="668493" spans="14:14">
      <c r="N668493" s="10"/>
    </row>
    <row r="668494" spans="14:14">
      <c r="N668494" s="10"/>
    </row>
    <row r="668495" spans="14:14">
      <c r="N668495" s="10"/>
    </row>
    <row r="668496" spans="14:14">
      <c r="N668496" s="10"/>
    </row>
    <row r="668497" spans="14:14">
      <c r="N668497" s="10"/>
    </row>
    <row r="668498" spans="14:14">
      <c r="N668498" s="10"/>
    </row>
    <row r="668499" spans="14:14">
      <c r="N668499" s="10"/>
    </row>
    <row r="668500" spans="14:14">
      <c r="N668500" s="10"/>
    </row>
    <row r="668501" spans="14:14">
      <c r="N668501" s="10"/>
    </row>
    <row r="668502" spans="14:14">
      <c r="N668502" s="10"/>
    </row>
    <row r="668503" spans="14:14">
      <c r="N668503" s="10"/>
    </row>
    <row r="668504" spans="14:14">
      <c r="N668504" s="10"/>
    </row>
    <row r="668505" spans="14:14">
      <c r="N668505" s="10"/>
    </row>
    <row r="668506" spans="14:14">
      <c r="N668506" s="10"/>
    </row>
    <row r="668507" spans="14:14">
      <c r="N668507" s="10"/>
    </row>
    <row r="668508" spans="14:14">
      <c r="N668508" s="10"/>
    </row>
    <row r="668509" spans="14:14">
      <c r="N668509" s="10"/>
    </row>
    <row r="668510" spans="14:14">
      <c r="N668510" s="10"/>
    </row>
    <row r="668511" spans="14:14">
      <c r="N668511" s="10"/>
    </row>
    <row r="668512" spans="14:14">
      <c r="N668512" s="10"/>
    </row>
    <row r="668513" spans="14:14">
      <c r="N668513" s="10"/>
    </row>
    <row r="668514" spans="14:14">
      <c r="N668514" s="10"/>
    </row>
    <row r="668515" spans="14:14">
      <c r="N668515" s="10"/>
    </row>
    <row r="668516" spans="14:14">
      <c r="N668516" s="10"/>
    </row>
    <row r="668517" spans="14:14">
      <c r="N668517" s="10"/>
    </row>
    <row r="668518" spans="14:14">
      <c r="N668518" s="10"/>
    </row>
    <row r="668519" spans="14:14">
      <c r="N668519" s="10"/>
    </row>
    <row r="668520" spans="14:14">
      <c r="N668520" s="10"/>
    </row>
    <row r="668521" spans="14:14">
      <c r="N668521" s="10"/>
    </row>
    <row r="668522" spans="14:14">
      <c r="N668522" s="10"/>
    </row>
    <row r="668523" spans="14:14">
      <c r="N668523" s="10"/>
    </row>
    <row r="668524" spans="14:14">
      <c r="N668524" s="10"/>
    </row>
    <row r="668525" spans="14:14">
      <c r="N668525" s="10"/>
    </row>
    <row r="668526" spans="14:14">
      <c r="N668526" s="10"/>
    </row>
    <row r="668527" spans="14:14">
      <c r="N668527" s="10"/>
    </row>
    <row r="668528" spans="14:14">
      <c r="N668528" s="10"/>
    </row>
    <row r="668529" spans="14:14">
      <c r="N668529" s="10"/>
    </row>
    <row r="668530" spans="14:14">
      <c r="N668530" s="10"/>
    </row>
    <row r="668531" spans="14:14">
      <c r="N668531" s="10"/>
    </row>
    <row r="668532" spans="14:14">
      <c r="N668532" s="10"/>
    </row>
    <row r="668533" spans="14:14">
      <c r="N668533" s="10"/>
    </row>
    <row r="668534" spans="14:14">
      <c r="N668534" s="10"/>
    </row>
    <row r="668535" spans="14:14">
      <c r="N668535" s="10"/>
    </row>
    <row r="668536" spans="14:14">
      <c r="N668536" s="10"/>
    </row>
    <row r="668537" spans="14:14">
      <c r="N668537" s="10"/>
    </row>
    <row r="668538" spans="14:14">
      <c r="N668538" s="10"/>
    </row>
    <row r="668539" spans="14:14">
      <c r="N668539" s="10"/>
    </row>
    <row r="668540" spans="14:14">
      <c r="N668540" s="10"/>
    </row>
    <row r="668541" spans="14:14">
      <c r="N668541" s="10"/>
    </row>
    <row r="668542" spans="14:14">
      <c r="N668542" s="10"/>
    </row>
    <row r="668543" spans="14:14">
      <c r="N668543" s="10"/>
    </row>
    <row r="668544" spans="14:14">
      <c r="N668544" s="10"/>
    </row>
    <row r="668545" spans="14:14">
      <c r="N668545" s="10"/>
    </row>
    <row r="668546" spans="14:14">
      <c r="N668546" s="10"/>
    </row>
    <row r="668547" spans="14:14">
      <c r="N668547" s="10"/>
    </row>
    <row r="668548" spans="14:14">
      <c r="N668548" s="10"/>
    </row>
    <row r="668549" spans="14:14">
      <c r="N668549" s="10"/>
    </row>
    <row r="668550" spans="14:14">
      <c r="N668550" s="10"/>
    </row>
    <row r="668551" spans="14:14">
      <c r="N668551" s="10"/>
    </row>
    <row r="668552" spans="14:14">
      <c r="N668552" s="10"/>
    </row>
    <row r="668553" spans="14:14">
      <c r="N668553" s="10"/>
    </row>
    <row r="668554" spans="14:14">
      <c r="N668554" s="10"/>
    </row>
    <row r="668555" spans="14:14">
      <c r="N668555" s="10"/>
    </row>
    <row r="668556" spans="14:14">
      <c r="N668556" s="10"/>
    </row>
    <row r="668557" spans="14:14">
      <c r="N668557" s="10"/>
    </row>
    <row r="668558" spans="14:14">
      <c r="N668558" s="10"/>
    </row>
    <row r="668559" spans="14:14">
      <c r="N668559" s="10"/>
    </row>
    <row r="668560" spans="14:14">
      <c r="N668560" s="10"/>
    </row>
    <row r="668561" spans="14:14">
      <c r="N668561" s="10"/>
    </row>
    <row r="668562" spans="14:14">
      <c r="N668562" s="10"/>
    </row>
    <row r="668563" spans="14:14">
      <c r="N668563" s="10"/>
    </row>
    <row r="668564" spans="14:14">
      <c r="N668564" s="10"/>
    </row>
    <row r="668565" spans="14:14">
      <c r="N668565" s="10"/>
    </row>
    <row r="668566" spans="14:14">
      <c r="N668566" s="10"/>
    </row>
    <row r="668567" spans="14:14">
      <c r="N668567" s="10"/>
    </row>
    <row r="668568" spans="14:14">
      <c r="N668568" s="10"/>
    </row>
    <row r="668569" spans="14:14">
      <c r="N668569" s="10"/>
    </row>
    <row r="668570" spans="14:14">
      <c r="N668570" s="10"/>
    </row>
    <row r="668571" spans="14:14">
      <c r="N668571" s="10"/>
    </row>
    <row r="668572" spans="14:14">
      <c r="N668572" s="10"/>
    </row>
    <row r="668573" spans="14:14">
      <c r="N668573" s="10"/>
    </row>
    <row r="668574" spans="14:14">
      <c r="N668574" s="10"/>
    </row>
    <row r="668575" spans="14:14">
      <c r="N668575" s="10"/>
    </row>
    <row r="668576" spans="14:14">
      <c r="N668576" s="10"/>
    </row>
    <row r="668577" spans="14:14">
      <c r="N668577" s="10"/>
    </row>
    <row r="668578" spans="14:14">
      <c r="N668578" s="10"/>
    </row>
    <row r="668579" spans="14:14">
      <c r="N668579" s="10"/>
    </row>
    <row r="668580" spans="14:14">
      <c r="N668580" s="10"/>
    </row>
    <row r="668581" spans="14:14">
      <c r="N668581" s="10"/>
    </row>
    <row r="668582" spans="14:14">
      <c r="N668582" s="10"/>
    </row>
    <row r="668583" spans="14:14">
      <c r="N668583" s="10"/>
    </row>
    <row r="668584" spans="14:14">
      <c r="N668584" s="10"/>
    </row>
    <row r="668585" spans="14:14">
      <c r="N668585" s="10"/>
    </row>
    <row r="668586" spans="14:14">
      <c r="N668586" s="10"/>
    </row>
    <row r="668587" spans="14:14">
      <c r="N668587" s="10"/>
    </row>
    <row r="668588" spans="14:14">
      <c r="N668588" s="10"/>
    </row>
    <row r="668589" spans="14:14">
      <c r="N668589" s="10"/>
    </row>
    <row r="668590" spans="14:14">
      <c r="N668590" s="10"/>
    </row>
    <row r="668591" spans="14:14">
      <c r="N668591" s="10"/>
    </row>
    <row r="668592" spans="14:14">
      <c r="N668592" s="10"/>
    </row>
    <row r="668593" spans="14:14">
      <c r="N668593" s="10"/>
    </row>
    <row r="668594" spans="14:14">
      <c r="N668594" s="10"/>
    </row>
    <row r="668595" spans="14:14">
      <c r="N668595" s="10"/>
    </row>
    <row r="668596" spans="14:14">
      <c r="N668596" s="10"/>
    </row>
    <row r="668597" spans="14:14">
      <c r="N668597" s="10"/>
    </row>
    <row r="668598" spans="14:14">
      <c r="N668598" s="10"/>
    </row>
    <row r="668599" spans="14:14">
      <c r="N668599" s="10"/>
    </row>
    <row r="668600" spans="14:14">
      <c r="N668600" s="10"/>
    </row>
    <row r="668601" spans="14:14">
      <c r="N668601" s="10"/>
    </row>
    <row r="668602" spans="14:14">
      <c r="N668602" s="10"/>
    </row>
    <row r="668603" spans="14:14">
      <c r="N668603" s="10"/>
    </row>
    <row r="668604" spans="14:14">
      <c r="N668604" s="10"/>
    </row>
    <row r="668605" spans="14:14">
      <c r="N668605" s="10"/>
    </row>
    <row r="668606" spans="14:14">
      <c r="N668606" s="10"/>
    </row>
    <row r="668607" spans="14:14">
      <c r="N668607" s="10"/>
    </row>
    <row r="668608" spans="14:14">
      <c r="N668608" s="10"/>
    </row>
    <row r="668609" spans="14:14">
      <c r="N668609" s="10"/>
    </row>
    <row r="668610" spans="14:14">
      <c r="N668610" s="10"/>
    </row>
    <row r="668611" spans="14:14">
      <c r="N668611" s="10"/>
    </row>
    <row r="668612" spans="14:14">
      <c r="N668612" s="10"/>
    </row>
    <row r="668613" spans="14:14">
      <c r="N668613" s="10"/>
    </row>
    <row r="668614" spans="14:14">
      <c r="N668614" s="10"/>
    </row>
    <row r="668615" spans="14:14">
      <c r="N668615" s="10"/>
    </row>
    <row r="668616" spans="14:14">
      <c r="N668616" s="10"/>
    </row>
    <row r="668617" spans="14:14">
      <c r="N668617" s="10"/>
    </row>
    <row r="668618" spans="14:14">
      <c r="N668618" s="10"/>
    </row>
    <row r="668619" spans="14:14">
      <c r="N668619" s="10"/>
    </row>
    <row r="668620" spans="14:14">
      <c r="N668620" s="10"/>
    </row>
    <row r="668621" spans="14:14">
      <c r="N668621" s="10"/>
    </row>
    <row r="668622" spans="14:14">
      <c r="N668622" s="10"/>
    </row>
    <row r="668623" spans="14:14">
      <c r="N668623" s="10"/>
    </row>
    <row r="668624" spans="14:14">
      <c r="N668624" s="10"/>
    </row>
    <row r="668625" spans="14:14">
      <c r="N668625" s="10"/>
    </row>
    <row r="668626" spans="14:14">
      <c r="N668626" s="10"/>
    </row>
    <row r="668627" spans="14:14">
      <c r="N668627" s="10"/>
    </row>
    <row r="668628" spans="14:14">
      <c r="N668628" s="10"/>
    </row>
    <row r="668629" spans="14:14">
      <c r="N668629" s="10"/>
    </row>
    <row r="668630" spans="14:14">
      <c r="N668630" s="10"/>
    </row>
    <row r="668631" spans="14:14">
      <c r="N668631" s="10"/>
    </row>
    <row r="668632" spans="14:14">
      <c r="N668632" s="10"/>
    </row>
    <row r="668633" spans="14:14">
      <c r="N668633" s="10"/>
    </row>
    <row r="668634" spans="14:14">
      <c r="N668634" s="10"/>
    </row>
    <row r="668635" spans="14:14">
      <c r="N668635" s="10"/>
    </row>
    <row r="668636" spans="14:14">
      <c r="N668636" s="10"/>
    </row>
    <row r="668637" spans="14:14">
      <c r="N668637" s="10"/>
    </row>
    <row r="668638" spans="14:14">
      <c r="N668638" s="10"/>
    </row>
    <row r="668639" spans="14:14">
      <c r="N668639" s="10"/>
    </row>
    <row r="668640" spans="14:14">
      <c r="N668640" s="10"/>
    </row>
    <row r="668641" spans="14:14">
      <c r="N668641" s="10"/>
    </row>
    <row r="668642" spans="14:14">
      <c r="N668642" s="10"/>
    </row>
    <row r="668643" spans="14:14">
      <c r="N668643" s="10"/>
    </row>
    <row r="668644" spans="14:14">
      <c r="N668644" s="10"/>
    </row>
    <row r="668645" spans="14:14">
      <c r="N668645" s="10"/>
    </row>
    <row r="668646" spans="14:14">
      <c r="N668646" s="10"/>
    </row>
    <row r="668647" spans="14:14">
      <c r="N668647" s="10"/>
    </row>
    <row r="668648" spans="14:14">
      <c r="N668648" s="10"/>
    </row>
    <row r="668649" spans="14:14">
      <c r="N668649" s="10"/>
    </row>
    <row r="668650" spans="14:14">
      <c r="N668650" s="10"/>
    </row>
    <row r="668651" spans="14:14">
      <c r="N668651" s="10"/>
    </row>
    <row r="668652" spans="14:14">
      <c r="N668652" s="10"/>
    </row>
    <row r="668653" spans="14:14">
      <c r="N668653" s="10"/>
    </row>
    <row r="668654" spans="14:14">
      <c r="N668654" s="10"/>
    </row>
    <row r="668655" spans="14:14">
      <c r="N668655" s="10"/>
    </row>
    <row r="668656" spans="14:14">
      <c r="N668656" s="10"/>
    </row>
    <row r="668657" spans="14:14">
      <c r="N668657" s="10"/>
    </row>
    <row r="668658" spans="14:14">
      <c r="N668658" s="10"/>
    </row>
    <row r="668659" spans="14:14">
      <c r="N668659" s="10"/>
    </row>
    <row r="668660" spans="14:14">
      <c r="N668660" s="10"/>
    </row>
    <row r="668661" spans="14:14">
      <c r="N668661" s="10"/>
    </row>
    <row r="668662" spans="14:14">
      <c r="N668662" s="10"/>
    </row>
    <row r="668663" spans="14:14">
      <c r="N668663" s="10"/>
    </row>
    <row r="668664" spans="14:14">
      <c r="N668664" s="10"/>
    </row>
    <row r="668665" spans="14:14">
      <c r="N668665" s="10"/>
    </row>
    <row r="668666" spans="14:14">
      <c r="N668666" s="10"/>
    </row>
    <row r="668667" spans="14:14">
      <c r="N668667" s="10"/>
    </row>
    <row r="668668" spans="14:14">
      <c r="N668668" s="10"/>
    </row>
    <row r="668669" spans="14:14">
      <c r="N668669" s="10"/>
    </row>
    <row r="668670" spans="14:14">
      <c r="N668670" s="10"/>
    </row>
    <row r="668671" spans="14:14">
      <c r="N668671" s="10"/>
    </row>
    <row r="668672" spans="14:14">
      <c r="N668672" s="10"/>
    </row>
    <row r="668673" spans="14:14">
      <c r="N668673" s="10"/>
    </row>
    <row r="668674" spans="14:14">
      <c r="N668674" s="10"/>
    </row>
    <row r="668675" spans="14:14">
      <c r="N668675" s="10"/>
    </row>
    <row r="668676" spans="14:14">
      <c r="N668676" s="10"/>
    </row>
    <row r="668677" spans="14:14">
      <c r="N668677" s="10"/>
    </row>
    <row r="668678" spans="14:14">
      <c r="N668678" s="10"/>
    </row>
    <row r="668679" spans="14:14">
      <c r="N668679" s="10"/>
    </row>
    <row r="668680" spans="14:14">
      <c r="N668680" s="10"/>
    </row>
    <row r="668681" spans="14:14">
      <c r="N668681" s="10"/>
    </row>
    <row r="668682" spans="14:14">
      <c r="N668682" s="10"/>
    </row>
    <row r="668683" spans="14:14">
      <c r="N668683" s="10"/>
    </row>
    <row r="668684" spans="14:14">
      <c r="N668684" s="10"/>
    </row>
    <row r="668685" spans="14:14">
      <c r="N668685" s="10"/>
    </row>
    <row r="668686" spans="14:14">
      <c r="N668686" s="10"/>
    </row>
    <row r="668687" spans="14:14">
      <c r="N668687" s="10"/>
    </row>
    <row r="668688" spans="14:14">
      <c r="N668688" s="10"/>
    </row>
    <row r="668689" spans="14:14">
      <c r="N668689" s="10"/>
    </row>
    <row r="668690" spans="14:14">
      <c r="N668690" s="10"/>
    </row>
    <row r="668691" spans="14:14">
      <c r="N668691" s="10"/>
    </row>
    <row r="668692" spans="14:14">
      <c r="N668692" s="10"/>
    </row>
    <row r="668693" spans="14:14">
      <c r="N668693" s="10"/>
    </row>
    <row r="668694" spans="14:14">
      <c r="N668694" s="10"/>
    </row>
    <row r="668695" spans="14:14">
      <c r="N668695" s="10"/>
    </row>
    <row r="668696" spans="14:14">
      <c r="N668696" s="10"/>
    </row>
    <row r="668697" spans="14:14">
      <c r="N668697" s="10"/>
    </row>
    <row r="668698" spans="14:14">
      <c r="N668698" s="10"/>
    </row>
    <row r="668699" spans="14:14">
      <c r="N668699" s="10"/>
    </row>
    <row r="668700" spans="14:14">
      <c r="N668700" s="10"/>
    </row>
    <row r="668701" spans="14:14">
      <c r="N668701" s="10"/>
    </row>
    <row r="668702" spans="14:14">
      <c r="N668702" s="10"/>
    </row>
    <row r="668703" spans="14:14">
      <c r="N668703" s="10"/>
    </row>
    <row r="668704" spans="14:14">
      <c r="N668704" s="10"/>
    </row>
    <row r="668705" spans="14:14">
      <c r="N668705" s="10"/>
    </row>
    <row r="668706" spans="14:14">
      <c r="N668706" s="10"/>
    </row>
    <row r="668707" spans="14:14">
      <c r="N668707" s="10"/>
    </row>
    <row r="668708" spans="14:14">
      <c r="N668708" s="10"/>
    </row>
    <row r="668709" spans="14:14">
      <c r="N668709" s="10"/>
    </row>
    <row r="668710" spans="14:14">
      <c r="N668710" s="10"/>
    </row>
    <row r="668711" spans="14:14">
      <c r="N668711" s="10"/>
    </row>
    <row r="668712" spans="14:14">
      <c r="N668712" s="10"/>
    </row>
    <row r="668713" spans="14:14">
      <c r="N668713" s="10"/>
    </row>
    <row r="668714" spans="14:14">
      <c r="N668714" s="10"/>
    </row>
    <row r="668715" spans="14:14">
      <c r="N668715" s="10"/>
    </row>
    <row r="668716" spans="14:14">
      <c r="N668716" s="10"/>
    </row>
    <row r="668717" spans="14:14">
      <c r="N668717" s="10"/>
    </row>
    <row r="668718" spans="14:14">
      <c r="N668718" s="10"/>
    </row>
    <row r="668719" spans="14:14">
      <c r="N668719" s="10"/>
    </row>
    <row r="668720" spans="14:14">
      <c r="N668720" s="10"/>
    </row>
    <row r="668721" spans="14:14">
      <c r="N668721" s="10"/>
    </row>
    <row r="668722" spans="14:14">
      <c r="N668722" s="10"/>
    </row>
    <row r="668723" spans="14:14">
      <c r="N668723" s="10"/>
    </row>
    <row r="668724" spans="14:14">
      <c r="N668724" s="10"/>
    </row>
    <row r="668725" spans="14:14">
      <c r="N668725" s="10"/>
    </row>
    <row r="668726" spans="14:14">
      <c r="N668726" s="10"/>
    </row>
    <row r="668727" spans="14:14">
      <c r="N668727" s="10"/>
    </row>
    <row r="668728" spans="14:14">
      <c r="N668728" s="10"/>
    </row>
    <row r="668729" spans="14:14">
      <c r="N668729" s="10"/>
    </row>
    <row r="668730" spans="14:14">
      <c r="N668730" s="10"/>
    </row>
    <row r="668731" spans="14:14">
      <c r="N668731" s="10"/>
    </row>
    <row r="668732" spans="14:14">
      <c r="N668732" s="10"/>
    </row>
    <row r="668733" spans="14:14">
      <c r="N668733" s="10"/>
    </row>
    <row r="668734" spans="14:14">
      <c r="N668734" s="10"/>
    </row>
    <row r="668735" spans="14:14">
      <c r="N668735" s="10"/>
    </row>
    <row r="668736" spans="14:14">
      <c r="N668736" s="10"/>
    </row>
    <row r="668737" spans="14:14">
      <c r="N668737" s="10"/>
    </row>
    <row r="668738" spans="14:14">
      <c r="N668738" s="10"/>
    </row>
    <row r="668739" spans="14:14">
      <c r="N668739" s="10"/>
    </row>
    <row r="668740" spans="14:14">
      <c r="N668740" s="10"/>
    </row>
    <row r="668741" spans="14:14">
      <c r="N668741" s="10"/>
    </row>
    <row r="668742" spans="14:14">
      <c r="N668742" s="10"/>
    </row>
    <row r="668743" spans="14:14">
      <c r="N668743" s="10"/>
    </row>
    <row r="668744" spans="14:14">
      <c r="N668744" s="10"/>
    </row>
    <row r="668745" spans="14:14">
      <c r="N668745" s="10"/>
    </row>
    <row r="668746" spans="14:14">
      <c r="N668746" s="10"/>
    </row>
    <row r="668747" spans="14:14">
      <c r="N668747" s="10"/>
    </row>
    <row r="668748" spans="14:14">
      <c r="N668748" s="10"/>
    </row>
    <row r="668749" spans="14:14">
      <c r="N668749" s="10"/>
    </row>
    <row r="668750" spans="14:14">
      <c r="N668750" s="10"/>
    </row>
    <row r="668751" spans="14:14">
      <c r="N668751" s="10"/>
    </row>
    <row r="668752" spans="14:14">
      <c r="N668752" s="10"/>
    </row>
    <row r="668753" spans="14:14">
      <c r="N668753" s="10"/>
    </row>
    <row r="668754" spans="14:14">
      <c r="N668754" s="10"/>
    </row>
    <row r="668755" spans="14:14">
      <c r="N668755" s="10"/>
    </row>
    <row r="668756" spans="14:14">
      <c r="N668756" s="10"/>
    </row>
    <row r="668757" spans="14:14">
      <c r="N668757" s="10"/>
    </row>
    <row r="668758" spans="14:14">
      <c r="N668758" s="10"/>
    </row>
    <row r="668759" spans="14:14">
      <c r="N668759" s="10"/>
    </row>
    <row r="668760" spans="14:14">
      <c r="N668760" s="10"/>
    </row>
    <row r="668761" spans="14:14">
      <c r="N668761" s="10"/>
    </row>
    <row r="668762" spans="14:14">
      <c r="N668762" s="10"/>
    </row>
    <row r="668763" spans="14:14">
      <c r="N668763" s="10"/>
    </row>
    <row r="668764" spans="14:14">
      <c r="N668764" s="10"/>
    </row>
    <row r="668765" spans="14:14">
      <c r="N668765" s="10"/>
    </row>
    <row r="668766" spans="14:14">
      <c r="N668766" s="10"/>
    </row>
    <row r="668767" spans="14:14">
      <c r="N668767" s="10"/>
    </row>
    <row r="668768" spans="14:14">
      <c r="N668768" s="10"/>
    </row>
    <row r="668769" spans="14:14">
      <c r="N668769" s="10"/>
    </row>
    <row r="668770" spans="14:14">
      <c r="N668770" s="10"/>
    </row>
    <row r="668771" spans="14:14">
      <c r="N668771" s="10"/>
    </row>
    <row r="668772" spans="14:14">
      <c r="N668772" s="10"/>
    </row>
    <row r="668773" spans="14:14">
      <c r="N668773" s="10"/>
    </row>
    <row r="668774" spans="14:14">
      <c r="N668774" s="10"/>
    </row>
    <row r="668775" spans="14:14">
      <c r="N668775" s="10"/>
    </row>
    <row r="668776" spans="14:14">
      <c r="N668776" s="10"/>
    </row>
    <row r="668777" spans="14:14">
      <c r="N668777" s="10"/>
    </row>
    <row r="668778" spans="14:14">
      <c r="N668778" s="10"/>
    </row>
    <row r="668779" spans="14:14">
      <c r="N668779" s="10"/>
    </row>
    <row r="668780" spans="14:14">
      <c r="N668780" s="10"/>
    </row>
    <row r="668781" spans="14:14">
      <c r="N668781" s="10"/>
    </row>
    <row r="668782" spans="14:14">
      <c r="N668782" s="10"/>
    </row>
    <row r="668783" spans="14:14">
      <c r="N668783" s="10"/>
    </row>
    <row r="668784" spans="14:14">
      <c r="N668784" s="10"/>
    </row>
    <row r="668785" spans="14:14">
      <c r="N668785" s="10"/>
    </row>
    <row r="668786" spans="14:14">
      <c r="N668786" s="10"/>
    </row>
    <row r="668787" spans="14:14">
      <c r="N668787" s="10"/>
    </row>
    <row r="668788" spans="14:14">
      <c r="N668788" s="10"/>
    </row>
    <row r="668789" spans="14:14">
      <c r="N668789" s="10"/>
    </row>
    <row r="668790" spans="14:14">
      <c r="N668790" s="10"/>
    </row>
    <row r="668791" spans="14:14">
      <c r="N668791" s="10"/>
    </row>
    <row r="668792" spans="14:14">
      <c r="N668792" s="10"/>
    </row>
    <row r="668793" spans="14:14">
      <c r="N668793" s="10"/>
    </row>
    <row r="668794" spans="14:14">
      <c r="N668794" s="10"/>
    </row>
    <row r="668795" spans="14:14">
      <c r="N668795" s="10"/>
    </row>
    <row r="668796" spans="14:14">
      <c r="N668796" s="10"/>
    </row>
    <row r="668797" spans="14:14">
      <c r="N668797" s="10"/>
    </row>
    <row r="668798" spans="14:14">
      <c r="N668798" s="10"/>
    </row>
    <row r="668799" spans="14:14">
      <c r="N668799" s="10"/>
    </row>
    <row r="668800" spans="14:14">
      <c r="N668800" s="10"/>
    </row>
    <row r="668801" spans="14:14">
      <c r="N668801" s="10"/>
    </row>
    <row r="668802" spans="14:14">
      <c r="N668802" s="10"/>
    </row>
    <row r="668803" spans="14:14">
      <c r="N668803" s="10"/>
    </row>
    <row r="668804" spans="14:14">
      <c r="N668804" s="10"/>
    </row>
    <row r="668805" spans="14:14">
      <c r="N668805" s="10"/>
    </row>
    <row r="668806" spans="14:14">
      <c r="N668806" s="10"/>
    </row>
    <row r="668807" spans="14:14">
      <c r="N668807" s="10"/>
    </row>
    <row r="668808" spans="14:14">
      <c r="N668808" s="10"/>
    </row>
    <row r="668809" spans="14:14">
      <c r="N668809" s="10"/>
    </row>
    <row r="668810" spans="14:14">
      <c r="N668810" s="10"/>
    </row>
    <row r="668811" spans="14:14">
      <c r="N668811" s="10"/>
    </row>
    <row r="668812" spans="14:14">
      <c r="N668812" s="10"/>
    </row>
    <row r="668813" spans="14:14">
      <c r="N668813" s="10"/>
    </row>
    <row r="668814" spans="14:14">
      <c r="N668814" s="10"/>
    </row>
    <row r="668815" spans="14:14">
      <c r="N668815" s="10"/>
    </row>
    <row r="668816" spans="14:14">
      <c r="N668816" s="10"/>
    </row>
    <row r="668817" spans="14:14">
      <c r="N668817" s="10"/>
    </row>
    <row r="668818" spans="14:14">
      <c r="N668818" s="10"/>
    </row>
    <row r="668819" spans="14:14">
      <c r="N668819" s="10"/>
    </row>
    <row r="668820" spans="14:14">
      <c r="N668820" s="10"/>
    </row>
    <row r="668821" spans="14:14">
      <c r="N668821" s="10"/>
    </row>
    <row r="668822" spans="14:14">
      <c r="N668822" s="10"/>
    </row>
    <row r="668823" spans="14:14">
      <c r="N668823" s="10"/>
    </row>
    <row r="668824" spans="14:14">
      <c r="N668824" s="10"/>
    </row>
    <row r="668825" spans="14:14">
      <c r="N668825" s="10"/>
    </row>
    <row r="668826" spans="14:14">
      <c r="N668826" s="10"/>
    </row>
    <row r="668827" spans="14:14">
      <c r="N668827" s="10"/>
    </row>
    <row r="668828" spans="14:14">
      <c r="N668828" s="10"/>
    </row>
    <row r="668829" spans="14:14">
      <c r="N668829" s="10"/>
    </row>
    <row r="668830" spans="14:14">
      <c r="N668830" s="10"/>
    </row>
    <row r="668831" spans="14:14">
      <c r="N668831" s="10"/>
    </row>
    <row r="668832" spans="14:14">
      <c r="N668832" s="10"/>
    </row>
    <row r="668833" spans="14:14">
      <c r="N668833" s="10"/>
    </row>
    <row r="668834" spans="14:14">
      <c r="N668834" s="10"/>
    </row>
    <row r="668835" spans="14:14">
      <c r="N668835" s="10"/>
    </row>
    <row r="668836" spans="14:14">
      <c r="N668836" s="10"/>
    </row>
    <row r="668837" spans="14:14">
      <c r="N668837" s="10"/>
    </row>
    <row r="668838" spans="14:14">
      <c r="N668838" s="10"/>
    </row>
    <row r="668839" spans="14:14">
      <c r="N668839" s="10"/>
    </row>
    <row r="668840" spans="14:14">
      <c r="N668840" s="10"/>
    </row>
    <row r="668841" spans="14:14">
      <c r="N668841" s="10"/>
    </row>
    <row r="668842" spans="14:14">
      <c r="N668842" s="10"/>
    </row>
    <row r="668843" spans="14:14">
      <c r="N668843" s="10"/>
    </row>
    <row r="668844" spans="14:14">
      <c r="N668844" s="10"/>
    </row>
    <row r="668845" spans="14:14">
      <c r="N668845" s="10"/>
    </row>
    <row r="668846" spans="14:14">
      <c r="N668846" s="10"/>
    </row>
    <row r="668847" spans="14:14">
      <c r="N668847" s="10"/>
    </row>
    <row r="668848" spans="14:14">
      <c r="N668848" s="10"/>
    </row>
    <row r="668849" spans="14:14">
      <c r="N668849" s="10"/>
    </row>
    <row r="668850" spans="14:14">
      <c r="N668850" s="10"/>
    </row>
    <row r="668851" spans="14:14">
      <c r="N668851" s="10"/>
    </row>
    <row r="668852" spans="14:14">
      <c r="N668852" s="10"/>
    </row>
    <row r="668853" spans="14:14">
      <c r="N668853" s="10"/>
    </row>
    <row r="668854" spans="14:14">
      <c r="N668854" s="10"/>
    </row>
    <row r="668855" spans="14:14">
      <c r="N668855" s="10"/>
    </row>
    <row r="668856" spans="14:14">
      <c r="N668856" s="10"/>
    </row>
    <row r="668857" spans="14:14">
      <c r="N668857" s="10"/>
    </row>
    <row r="668858" spans="14:14">
      <c r="N668858" s="10"/>
    </row>
    <row r="668859" spans="14:14">
      <c r="N668859" s="10"/>
    </row>
    <row r="668860" spans="14:14">
      <c r="N668860" s="10"/>
    </row>
    <row r="668861" spans="14:14">
      <c r="N668861" s="10"/>
    </row>
    <row r="668862" spans="14:14">
      <c r="N668862" s="10"/>
    </row>
    <row r="668863" spans="14:14">
      <c r="N668863" s="10"/>
    </row>
    <row r="668864" spans="14:14">
      <c r="N668864" s="10"/>
    </row>
    <row r="668865" spans="14:14">
      <c r="N668865" s="10"/>
    </row>
    <row r="668866" spans="14:14">
      <c r="N668866" s="10"/>
    </row>
    <row r="668867" spans="14:14">
      <c r="N668867" s="10"/>
    </row>
    <row r="668868" spans="14:14">
      <c r="N668868" s="10"/>
    </row>
    <row r="668869" spans="14:14">
      <c r="N668869" s="10"/>
    </row>
    <row r="668870" spans="14:14">
      <c r="N668870" s="10"/>
    </row>
    <row r="668871" spans="14:14">
      <c r="N668871" s="10"/>
    </row>
    <row r="668872" spans="14:14">
      <c r="N668872" s="10"/>
    </row>
    <row r="668873" spans="14:14">
      <c r="N668873" s="10"/>
    </row>
    <row r="668874" spans="14:14">
      <c r="N668874" s="10"/>
    </row>
    <row r="668875" spans="14:14">
      <c r="N668875" s="10"/>
    </row>
    <row r="668876" spans="14:14">
      <c r="N668876" s="10"/>
    </row>
    <row r="668877" spans="14:14">
      <c r="N668877" s="10"/>
    </row>
    <row r="668878" spans="14:14">
      <c r="N668878" s="10"/>
    </row>
    <row r="668879" spans="14:14">
      <c r="N668879" s="10"/>
    </row>
    <row r="668880" spans="14:14">
      <c r="N668880" s="10"/>
    </row>
    <row r="668881" spans="14:14">
      <c r="N668881" s="10"/>
    </row>
    <row r="668882" spans="14:14">
      <c r="N668882" s="10"/>
    </row>
    <row r="668883" spans="14:14">
      <c r="N668883" s="10"/>
    </row>
    <row r="668884" spans="14:14">
      <c r="N668884" s="10"/>
    </row>
    <row r="668885" spans="14:14">
      <c r="N668885" s="10"/>
    </row>
    <row r="668886" spans="14:14">
      <c r="N668886" s="10"/>
    </row>
    <row r="668887" spans="14:14">
      <c r="N668887" s="10"/>
    </row>
    <row r="668888" spans="14:14">
      <c r="N668888" s="10"/>
    </row>
    <row r="668889" spans="14:14">
      <c r="N668889" s="10"/>
    </row>
    <row r="668890" spans="14:14">
      <c r="N668890" s="10"/>
    </row>
    <row r="668891" spans="14:14">
      <c r="N668891" s="10"/>
    </row>
    <row r="668892" spans="14:14">
      <c r="N668892" s="10"/>
    </row>
    <row r="668893" spans="14:14">
      <c r="N668893" s="10"/>
    </row>
    <row r="668894" spans="14:14">
      <c r="N668894" s="10"/>
    </row>
    <row r="668895" spans="14:14">
      <c r="N668895" s="10"/>
    </row>
    <row r="668896" spans="14:14">
      <c r="N668896" s="10"/>
    </row>
    <row r="668897" spans="14:14">
      <c r="N668897" s="10"/>
    </row>
    <row r="668898" spans="14:14">
      <c r="N668898" s="10"/>
    </row>
    <row r="668899" spans="14:14">
      <c r="N668899" s="10"/>
    </row>
    <row r="668900" spans="14:14">
      <c r="N668900" s="10"/>
    </row>
    <row r="668901" spans="14:14">
      <c r="N668901" s="10"/>
    </row>
    <row r="668902" spans="14:14">
      <c r="N668902" s="10"/>
    </row>
    <row r="668903" spans="14:14">
      <c r="N668903" s="10"/>
    </row>
    <row r="668904" spans="14:14">
      <c r="N668904" s="10"/>
    </row>
    <row r="668905" spans="14:14">
      <c r="N668905" s="10"/>
    </row>
    <row r="668906" spans="14:14">
      <c r="N668906" s="10"/>
    </row>
    <row r="668907" spans="14:14">
      <c r="N668907" s="10"/>
    </row>
    <row r="668908" spans="14:14">
      <c r="N668908" s="10"/>
    </row>
    <row r="668909" spans="14:14">
      <c r="N668909" s="10"/>
    </row>
    <row r="668910" spans="14:14">
      <c r="N668910" s="10"/>
    </row>
    <row r="668911" spans="14:14">
      <c r="N668911" s="10"/>
    </row>
    <row r="668912" spans="14:14">
      <c r="N668912" s="10"/>
    </row>
    <row r="668913" spans="14:14">
      <c r="N668913" s="10"/>
    </row>
    <row r="668914" spans="14:14">
      <c r="N668914" s="10"/>
    </row>
    <row r="668915" spans="14:14">
      <c r="N668915" s="10"/>
    </row>
    <row r="668916" spans="14:14">
      <c r="N668916" s="10"/>
    </row>
    <row r="668917" spans="14:14">
      <c r="N668917" s="10"/>
    </row>
    <row r="668918" spans="14:14">
      <c r="N668918" s="10"/>
    </row>
    <row r="668919" spans="14:14">
      <c r="N668919" s="10"/>
    </row>
    <row r="668920" spans="14:14">
      <c r="N668920" s="10"/>
    </row>
    <row r="668921" spans="14:14">
      <c r="N668921" s="10"/>
    </row>
    <row r="668922" spans="14:14">
      <c r="N668922" s="10"/>
    </row>
    <row r="668923" spans="14:14">
      <c r="N668923" s="10"/>
    </row>
    <row r="668924" spans="14:14">
      <c r="N668924" s="10"/>
    </row>
    <row r="668925" spans="14:14">
      <c r="N668925" s="10"/>
    </row>
    <row r="668926" spans="14:14">
      <c r="N668926" s="10"/>
    </row>
    <row r="668927" spans="14:14">
      <c r="N668927" s="10"/>
    </row>
    <row r="668928" spans="14:14">
      <c r="N668928" s="10"/>
    </row>
    <row r="668929" spans="14:14">
      <c r="N668929" s="10"/>
    </row>
    <row r="668930" spans="14:14">
      <c r="N668930" s="10"/>
    </row>
    <row r="668931" spans="14:14">
      <c r="N668931" s="10"/>
    </row>
    <row r="668932" spans="14:14">
      <c r="N668932" s="10"/>
    </row>
    <row r="668933" spans="14:14">
      <c r="N668933" s="10"/>
    </row>
    <row r="668934" spans="14:14">
      <c r="N668934" s="10"/>
    </row>
    <row r="668935" spans="14:14">
      <c r="N668935" s="10"/>
    </row>
    <row r="668936" spans="14:14">
      <c r="N668936" s="10"/>
    </row>
    <row r="668937" spans="14:14">
      <c r="N668937" s="10"/>
    </row>
    <row r="668938" spans="14:14">
      <c r="N668938" s="10"/>
    </row>
    <row r="668939" spans="14:14">
      <c r="N668939" s="10"/>
    </row>
    <row r="668940" spans="14:14">
      <c r="N668940" s="10"/>
    </row>
    <row r="668941" spans="14:14">
      <c r="N668941" s="10"/>
    </row>
    <row r="668942" spans="14:14">
      <c r="N668942" s="10"/>
    </row>
    <row r="668943" spans="14:14">
      <c r="N668943" s="10"/>
    </row>
    <row r="668944" spans="14:14">
      <c r="N668944" s="10"/>
    </row>
    <row r="668945" spans="14:14">
      <c r="N668945" s="10"/>
    </row>
    <row r="668946" spans="14:14">
      <c r="N668946" s="10"/>
    </row>
    <row r="668947" spans="14:14">
      <c r="N668947" s="10"/>
    </row>
    <row r="668948" spans="14:14">
      <c r="N668948" s="10"/>
    </row>
    <row r="668949" spans="14:14">
      <c r="N668949" s="10"/>
    </row>
    <row r="668950" spans="14:14">
      <c r="N668950" s="10"/>
    </row>
    <row r="668951" spans="14:14">
      <c r="N668951" s="10"/>
    </row>
    <row r="668952" spans="14:14">
      <c r="N668952" s="10"/>
    </row>
    <row r="668953" spans="14:14">
      <c r="N668953" s="10"/>
    </row>
    <row r="668954" spans="14:14">
      <c r="N668954" s="10"/>
    </row>
    <row r="668955" spans="14:14">
      <c r="N668955" s="10"/>
    </row>
    <row r="668956" spans="14:14">
      <c r="N668956" s="10"/>
    </row>
    <row r="668957" spans="14:14">
      <c r="N668957" s="10"/>
    </row>
    <row r="668958" spans="14:14">
      <c r="N668958" s="10"/>
    </row>
    <row r="668959" spans="14:14">
      <c r="N668959" s="10"/>
    </row>
    <row r="668960" spans="14:14">
      <c r="N668960" s="10"/>
    </row>
    <row r="668961" spans="14:14">
      <c r="N668961" s="10"/>
    </row>
    <row r="668962" spans="14:14">
      <c r="N668962" s="10"/>
    </row>
    <row r="668963" spans="14:14">
      <c r="N668963" s="10"/>
    </row>
    <row r="668964" spans="14:14">
      <c r="N668964" s="10"/>
    </row>
    <row r="668965" spans="14:14">
      <c r="N668965" s="10"/>
    </row>
    <row r="668966" spans="14:14">
      <c r="N668966" s="10"/>
    </row>
    <row r="668967" spans="14:14">
      <c r="N668967" s="10"/>
    </row>
    <row r="668968" spans="14:14">
      <c r="N668968" s="10"/>
    </row>
    <row r="668969" spans="14:14">
      <c r="N668969" s="10"/>
    </row>
    <row r="668970" spans="14:14">
      <c r="N668970" s="10"/>
    </row>
    <row r="668971" spans="14:14">
      <c r="N668971" s="10"/>
    </row>
    <row r="668972" spans="14:14">
      <c r="N668972" s="10"/>
    </row>
    <row r="668973" spans="14:14">
      <c r="N668973" s="10"/>
    </row>
    <row r="668974" spans="14:14">
      <c r="N668974" s="10"/>
    </row>
    <row r="668975" spans="14:14">
      <c r="N668975" s="10"/>
    </row>
    <row r="668976" spans="14:14">
      <c r="N668976" s="10"/>
    </row>
    <row r="668977" spans="14:14">
      <c r="N668977" s="10"/>
    </row>
    <row r="668978" spans="14:14">
      <c r="N668978" s="10"/>
    </row>
    <row r="668979" spans="14:14">
      <c r="N668979" s="10"/>
    </row>
    <row r="668980" spans="14:14">
      <c r="N668980" s="10"/>
    </row>
    <row r="668981" spans="14:14">
      <c r="N668981" s="10"/>
    </row>
    <row r="668982" spans="14:14">
      <c r="N668982" s="10"/>
    </row>
    <row r="668983" spans="14:14">
      <c r="N668983" s="10"/>
    </row>
    <row r="668984" spans="14:14">
      <c r="N668984" s="10"/>
    </row>
    <row r="668985" spans="14:14">
      <c r="N668985" s="10"/>
    </row>
    <row r="668986" spans="14:14">
      <c r="N668986" s="10"/>
    </row>
    <row r="668987" spans="14:14">
      <c r="N668987" s="10"/>
    </row>
    <row r="668988" spans="14:14">
      <c r="N668988" s="10"/>
    </row>
    <row r="668989" spans="14:14">
      <c r="N668989" s="10"/>
    </row>
    <row r="668990" spans="14:14">
      <c r="N668990" s="10"/>
    </row>
    <row r="668991" spans="14:14">
      <c r="N668991" s="10"/>
    </row>
    <row r="668992" spans="14:14">
      <c r="N668992" s="10"/>
    </row>
    <row r="668993" spans="14:14">
      <c r="N668993" s="10"/>
    </row>
    <row r="668994" spans="14:14">
      <c r="N668994" s="10"/>
    </row>
    <row r="668995" spans="14:14">
      <c r="N668995" s="10"/>
    </row>
    <row r="668996" spans="14:14">
      <c r="N668996" s="10"/>
    </row>
    <row r="668997" spans="14:14">
      <c r="N668997" s="10"/>
    </row>
    <row r="668998" spans="14:14">
      <c r="N668998" s="10"/>
    </row>
    <row r="668999" spans="14:14">
      <c r="N668999" s="10"/>
    </row>
    <row r="669000" spans="14:14">
      <c r="N669000" s="10"/>
    </row>
    <row r="669001" spans="14:14">
      <c r="N669001" s="10"/>
    </row>
    <row r="669002" spans="14:14">
      <c r="N669002" s="10"/>
    </row>
    <row r="669003" spans="14:14">
      <c r="N669003" s="10"/>
    </row>
    <row r="669004" spans="14:14">
      <c r="N669004" s="10"/>
    </row>
    <row r="669005" spans="14:14">
      <c r="N669005" s="10"/>
    </row>
    <row r="669006" spans="14:14">
      <c r="N669006" s="10"/>
    </row>
    <row r="669007" spans="14:14">
      <c r="N669007" s="10"/>
    </row>
    <row r="669008" spans="14:14">
      <c r="N669008" s="10"/>
    </row>
    <row r="669009" spans="14:14">
      <c r="N669009" s="10"/>
    </row>
    <row r="669010" spans="14:14">
      <c r="N669010" s="10"/>
    </row>
    <row r="669011" spans="14:14">
      <c r="N669011" s="10"/>
    </row>
    <row r="669012" spans="14:14">
      <c r="N669012" s="10"/>
    </row>
    <row r="669013" spans="14:14">
      <c r="N669013" s="10"/>
    </row>
    <row r="669014" spans="14:14">
      <c r="N669014" s="10"/>
    </row>
    <row r="669015" spans="14:14">
      <c r="N669015" s="10"/>
    </row>
    <row r="669016" spans="14:14">
      <c r="N669016" s="10"/>
    </row>
    <row r="669017" spans="14:14">
      <c r="N669017" s="10"/>
    </row>
    <row r="669018" spans="14:14">
      <c r="N669018" s="10"/>
    </row>
    <row r="669019" spans="14:14">
      <c r="N669019" s="10"/>
    </row>
    <row r="669020" spans="14:14">
      <c r="N669020" s="10"/>
    </row>
    <row r="669021" spans="14:14">
      <c r="N669021" s="10"/>
    </row>
    <row r="669022" spans="14:14">
      <c r="N669022" s="10"/>
    </row>
    <row r="669023" spans="14:14">
      <c r="N669023" s="10"/>
    </row>
    <row r="669024" spans="14:14">
      <c r="N669024" s="10"/>
    </row>
    <row r="669025" spans="14:14">
      <c r="N669025" s="10"/>
    </row>
    <row r="669026" spans="14:14">
      <c r="N669026" s="10"/>
    </row>
    <row r="669027" spans="14:14">
      <c r="N669027" s="10"/>
    </row>
    <row r="669028" spans="14:14">
      <c r="N669028" s="10"/>
    </row>
    <row r="669029" spans="14:14">
      <c r="N669029" s="10"/>
    </row>
    <row r="669030" spans="14:14">
      <c r="N669030" s="10"/>
    </row>
    <row r="669031" spans="14:14">
      <c r="N669031" s="10"/>
    </row>
    <row r="669032" spans="14:14">
      <c r="N669032" s="10"/>
    </row>
    <row r="669033" spans="14:14">
      <c r="N669033" s="10"/>
    </row>
    <row r="669034" spans="14:14">
      <c r="N669034" s="10"/>
    </row>
    <row r="669035" spans="14:14">
      <c r="N669035" s="10"/>
    </row>
    <row r="669036" spans="14:14">
      <c r="N669036" s="10"/>
    </row>
    <row r="669037" spans="14:14">
      <c r="N669037" s="10"/>
    </row>
    <row r="669038" spans="14:14">
      <c r="N669038" s="10"/>
    </row>
    <row r="669039" spans="14:14">
      <c r="N669039" s="10"/>
    </row>
    <row r="669040" spans="14:14">
      <c r="N669040" s="10"/>
    </row>
    <row r="669041" spans="14:14">
      <c r="N669041" s="10"/>
    </row>
    <row r="669042" spans="14:14">
      <c r="N669042" s="10"/>
    </row>
    <row r="669043" spans="14:14">
      <c r="N669043" s="10"/>
    </row>
    <row r="669044" spans="14:14">
      <c r="N669044" s="10"/>
    </row>
    <row r="669045" spans="14:14">
      <c r="N669045" s="10"/>
    </row>
    <row r="669046" spans="14:14">
      <c r="N669046" s="10"/>
    </row>
    <row r="669047" spans="14:14">
      <c r="N669047" s="10"/>
    </row>
    <row r="669048" spans="14:14">
      <c r="N669048" s="10"/>
    </row>
    <row r="669049" spans="14:14">
      <c r="N669049" s="10"/>
    </row>
    <row r="669050" spans="14:14">
      <c r="N669050" s="10"/>
    </row>
    <row r="669051" spans="14:14">
      <c r="N669051" s="10"/>
    </row>
    <row r="669052" spans="14:14">
      <c r="N669052" s="10"/>
    </row>
    <row r="669053" spans="14:14">
      <c r="N669053" s="10"/>
    </row>
    <row r="669054" spans="14:14">
      <c r="N669054" s="10"/>
    </row>
    <row r="669055" spans="14:14">
      <c r="N669055" s="10"/>
    </row>
    <row r="669056" spans="14:14">
      <c r="N669056" s="10"/>
    </row>
    <row r="669057" spans="14:14">
      <c r="N669057" s="10"/>
    </row>
    <row r="669058" spans="14:14">
      <c r="N669058" s="10"/>
    </row>
    <row r="669059" spans="14:14">
      <c r="N669059" s="10"/>
    </row>
    <row r="669060" spans="14:14">
      <c r="N669060" s="10"/>
    </row>
    <row r="669061" spans="14:14">
      <c r="N669061" s="10"/>
    </row>
    <row r="669062" spans="14:14">
      <c r="N669062" s="10"/>
    </row>
    <row r="669063" spans="14:14">
      <c r="N669063" s="10"/>
    </row>
    <row r="669064" spans="14:14">
      <c r="N669064" s="10"/>
    </row>
    <row r="669065" spans="14:14">
      <c r="N669065" s="10"/>
    </row>
    <row r="669066" spans="14:14">
      <c r="N669066" s="10"/>
    </row>
    <row r="669067" spans="14:14">
      <c r="N669067" s="10"/>
    </row>
    <row r="669068" spans="14:14">
      <c r="N669068" s="10"/>
    </row>
    <row r="669069" spans="14:14">
      <c r="N669069" s="10"/>
    </row>
    <row r="669070" spans="14:14">
      <c r="N669070" s="10"/>
    </row>
    <row r="669071" spans="14:14">
      <c r="N669071" s="10"/>
    </row>
    <row r="669072" spans="14:14">
      <c r="N669072" s="10"/>
    </row>
    <row r="669073" spans="14:14">
      <c r="N669073" s="10"/>
    </row>
    <row r="669074" spans="14:14">
      <c r="N669074" s="10"/>
    </row>
    <row r="669075" spans="14:14">
      <c r="N669075" s="10"/>
    </row>
    <row r="669076" spans="14:14">
      <c r="N669076" s="10"/>
    </row>
    <row r="669077" spans="14:14">
      <c r="N669077" s="10"/>
    </row>
    <row r="669078" spans="14:14">
      <c r="N669078" s="10"/>
    </row>
    <row r="669079" spans="14:14">
      <c r="N669079" s="10"/>
    </row>
    <row r="669080" spans="14:14">
      <c r="N669080" s="10"/>
    </row>
    <row r="669081" spans="14:14">
      <c r="N669081" s="10"/>
    </row>
    <row r="669082" spans="14:14">
      <c r="N669082" s="10"/>
    </row>
    <row r="669083" spans="14:14">
      <c r="N669083" s="10"/>
    </row>
    <row r="669084" spans="14:14">
      <c r="N669084" s="10"/>
    </row>
    <row r="669085" spans="14:14">
      <c r="N669085" s="10"/>
    </row>
    <row r="669086" spans="14:14">
      <c r="N669086" s="10"/>
    </row>
    <row r="669087" spans="14:14">
      <c r="N669087" s="10"/>
    </row>
    <row r="669088" spans="14:14">
      <c r="N669088" s="10"/>
    </row>
    <row r="669089" spans="14:14">
      <c r="N669089" s="10"/>
    </row>
    <row r="669090" spans="14:14">
      <c r="N669090" s="10"/>
    </row>
    <row r="669091" spans="14:14">
      <c r="N669091" s="10"/>
    </row>
    <row r="669092" spans="14:14">
      <c r="N669092" s="10"/>
    </row>
    <row r="669093" spans="14:14">
      <c r="N669093" s="10"/>
    </row>
    <row r="669094" spans="14:14">
      <c r="N669094" s="10"/>
    </row>
    <row r="669095" spans="14:14">
      <c r="N669095" s="10"/>
    </row>
    <row r="669096" spans="14:14">
      <c r="N669096" s="10"/>
    </row>
    <row r="669097" spans="14:14">
      <c r="N669097" s="10"/>
    </row>
    <row r="669098" spans="14:14">
      <c r="N669098" s="10"/>
    </row>
    <row r="669099" spans="14:14">
      <c r="N669099" s="10"/>
    </row>
    <row r="669100" spans="14:14">
      <c r="N669100" s="10"/>
    </row>
    <row r="669101" spans="14:14">
      <c r="N669101" s="10"/>
    </row>
    <row r="669102" spans="14:14">
      <c r="N669102" s="10"/>
    </row>
    <row r="669103" spans="14:14">
      <c r="N669103" s="10"/>
    </row>
    <row r="669104" spans="14:14">
      <c r="N669104" s="10"/>
    </row>
    <row r="669105" spans="14:14">
      <c r="N669105" s="10"/>
    </row>
    <row r="669106" spans="14:14">
      <c r="N669106" s="10"/>
    </row>
    <row r="669107" spans="14:14">
      <c r="N669107" s="10"/>
    </row>
    <row r="669108" spans="14:14">
      <c r="N669108" s="10"/>
    </row>
    <row r="669109" spans="14:14">
      <c r="N669109" s="10"/>
    </row>
    <row r="669110" spans="14:14">
      <c r="N669110" s="10"/>
    </row>
    <row r="669111" spans="14:14">
      <c r="N669111" s="10"/>
    </row>
    <row r="669112" spans="14:14">
      <c r="N669112" s="10"/>
    </row>
    <row r="669113" spans="14:14">
      <c r="N669113" s="10"/>
    </row>
    <row r="669114" spans="14:14">
      <c r="N669114" s="10"/>
    </row>
    <row r="669115" spans="14:14">
      <c r="N669115" s="10"/>
    </row>
    <row r="669116" spans="14:14">
      <c r="N669116" s="10"/>
    </row>
    <row r="669117" spans="14:14">
      <c r="N669117" s="10"/>
    </row>
    <row r="669118" spans="14:14">
      <c r="N669118" s="10"/>
    </row>
    <row r="669119" spans="14:14">
      <c r="N669119" s="10"/>
    </row>
    <row r="669120" spans="14:14">
      <c r="N669120" s="10"/>
    </row>
    <row r="669121" spans="14:14">
      <c r="N669121" s="10"/>
    </row>
    <row r="669122" spans="14:14">
      <c r="N669122" s="10"/>
    </row>
    <row r="669123" spans="14:14">
      <c r="N669123" s="10"/>
    </row>
    <row r="669124" spans="14:14">
      <c r="N669124" s="10"/>
    </row>
    <row r="669125" spans="14:14">
      <c r="N669125" s="10"/>
    </row>
    <row r="669126" spans="14:14">
      <c r="N669126" s="10"/>
    </row>
    <row r="669127" spans="14:14">
      <c r="N669127" s="10"/>
    </row>
    <row r="669128" spans="14:14">
      <c r="N669128" s="10"/>
    </row>
    <row r="669129" spans="14:14">
      <c r="N669129" s="10"/>
    </row>
    <row r="669130" spans="14:14">
      <c r="N669130" s="10"/>
    </row>
    <row r="669131" spans="14:14">
      <c r="N669131" s="10"/>
    </row>
    <row r="669132" spans="14:14">
      <c r="N669132" s="10"/>
    </row>
    <row r="669133" spans="14:14">
      <c r="N669133" s="10"/>
    </row>
    <row r="669134" spans="14:14">
      <c r="N669134" s="10"/>
    </row>
    <row r="669135" spans="14:14">
      <c r="N669135" s="10"/>
    </row>
    <row r="669136" spans="14:14">
      <c r="N669136" s="10"/>
    </row>
    <row r="669137" spans="14:14">
      <c r="N669137" s="10"/>
    </row>
    <row r="669138" spans="14:14">
      <c r="N669138" s="10"/>
    </row>
    <row r="669139" spans="14:14">
      <c r="N669139" s="10"/>
    </row>
    <row r="669140" spans="14:14">
      <c r="N669140" s="10"/>
    </row>
    <row r="669141" spans="14:14">
      <c r="N669141" s="10"/>
    </row>
    <row r="669142" spans="14:14">
      <c r="N669142" s="10"/>
    </row>
    <row r="669143" spans="14:14">
      <c r="N669143" s="10"/>
    </row>
    <row r="669144" spans="14:14">
      <c r="N669144" s="10"/>
    </row>
    <row r="669145" spans="14:14">
      <c r="N669145" s="10"/>
    </row>
    <row r="669146" spans="14:14">
      <c r="N669146" s="10"/>
    </row>
    <row r="669147" spans="14:14">
      <c r="N669147" s="10"/>
    </row>
    <row r="669148" spans="14:14">
      <c r="N669148" s="10"/>
    </row>
    <row r="669149" spans="14:14">
      <c r="N669149" s="10"/>
    </row>
    <row r="669150" spans="14:14">
      <c r="N669150" s="10"/>
    </row>
    <row r="669151" spans="14:14">
      <c r="N669151" s="10"/>
    </row>
    <row r="669152" spans="14:14">
      <c r="N669152" s="10"/>
    </row>
    <row r="669153" spans="14:14">
      <c r="N669153" s="10"/>
    </row>
    <row r="669154" spans="14:14">
      <c r="N669154" s="10"/>
    </row>
    <row r="669155" spans="14:14">
      <c r="N669155" s="10"/>
    </row>
    <row r="669156" spans="14:14">
      <c r="N669156" s="10"/>
    </row>
    <row r="669157" spans="14:14">
      <c r="N669157" s="10"/>
    </row>
    <row r="669158" spans="14:14">
      <c r="N669158" s="10"/>
    </row>
    <row r="669159" spans="14:14">
      <c r="N669159" s="10"/>
    </row>
    <row r="669160" spans="14:14">
      <c r="N669160" s="10"/>
    </row>
    <row r="669161" spans="14:14">
      <c r="N669161" s="10"/>
    </row>
    <row r="669162" spans="14:14">
      <c r="N669162" s="10"/>
    </row>
    <row r="669163" spans="14:14">
      <c r="N669163" s="10"/>
    </row>
    <row r="669164" spans="14:14">
      <c r="N669164" s="10"/>
    </row>
    <row r="669165" spans="14:14">
      <c r="N669165" s="10"/>
    </row>
    <row r="669166" spans="14:14">
      <c r="N669166" s="10"/>
    </row>
    <row r="669167" spans="14:14">
      <c r="N669167" s="10"/>
    </row>
    <row r="669168" spans="14:14">
      <c r="N669168" s="10"/>
    </row>
    <row r="669169" spans="14:14">
      <c r="N669169" s="10"/>
    </row>
    <row r="669170" spans="14:14">
      <c r="N669170" s="10"/>
    </row>
    <row r="669171" spans="14:14">
      <c r="N669171" s="10"/>
    </row>
    <row r="669172" spans="14:14">
      <c r="N669172" s="10"/>
    </row>
    <row r="669173" spans="14:14">
      <c r="N669173" s="10"/>
    </row>
    <row r="669174" spans="14:14">
      <c r="N669174" s="10"/>
    </row>
    <row r="669175" spans="14:14">
      <c r="N669175" s="10"/>
    </row>
    <row r="669176" spans="14:14">
      <c r="N669176" s="10"/>
    </row>
    <row r="669177" spans="14:14">
      <c r="N669177" s="10"/>
    </row>
    <row r="669178" spans="14:14">
      <c r="N669178" s="10"/>
    </row>
    <row r="669179" spans="14:14">
      <c r="N669179" s="10"/>
    </row>
    <row r="669180" spans="14:14">
      <c r="N669180" s="10"/>
    </row>
    <row r="669181" spans="14:14">
      <c r="N669181" s="10"/>
    </row>
    <row r="669182" spans="14:14">
      <c r="N669182" s="10"/>
    </row>
    <row r="669183" spans="14:14">
      <c r="N669183" s="10"/>
    </row>
    <row r="669184" spans="14:14">
      <c r="N669184" s="10"/>
    </row>
    <row r="669185" spans="14:14">
      <c r="N669185" s="10"/>
    </row>
    <row r="669186" spans="14:14">
      <c r="N669186" s="10"/>
    </row>
    <row r="669187" spans="14:14">
      <c r="N669187" s="10"/>
    </row>
    <row r="669188" spans="14:14">
      <c r="N669188" s="10"/>
    </row>
    <row r="669189" spans="14:14">
      <c r="N669189" s="10"/>
    </row>
    <row r="669190" spans="14:14">
      <c r="N669190" s="10"/>
    </row>
    <row r="669191" spans="14:14">
      <c r="N669191" s="10"/>
    </row>
    <row r="669192" spans="14:14">
      <c r="N669192" s="10"/>
    </row>
    <row r="669193" spans="14:14">
      <c r="N669193" s="10"/>
    </row>
    <row r="669194" spans="14:14">
      <c r="N669194" s="10"/>
    </row>
    <row r="669195" spans="14:14">
      <c r="N669195" s="10"/>
    </row>
    <row r="669196" spans="14:14">
      <c r="N669196" s="10"/>
    </row>
    <row r="669197" spans="14:14">
      <c r="N669197" s="10"/>
    </row>
    <row r="669198" spans="14:14">
      <c r="N669198" s="10"/>
    </row>
    <row r="669199" spans="14:14">
      <c r="N669199" s="10"/>
    </row>
    <row r="669200" spans="14:14">
      <c r="N669200" s="10"/>
    </row>
    <row r="669201" spans="14:14">
      <c r="N669201" s="10"/>
    </row>
    <row r="669202" spans="14:14">
      <c r="N669202" s="10"/>
    </row>
    <row r="669203" spans="14:14">
      <c r="N669203" s="10"/>
    </row>
    <row r="669204" spans="14:14">
      <c r="N669204" s="10"/>
    </row>
    <row r="669205" spans="14:14">
      <c r="N669205" s="10"/>
    </row>
    <row r="669206" spans="14:14">
      <c r="N669206" s="10"/>
    </row>
    <row r="669207" spans="14:14">
      <c r="N669207" s="10"/>
    </row>
    <row r="669208" spans="14:14">
      <c r="N669208" s="10"/>
    </row>
    <row r="669209" spans="14:14">
      <c r="N669209" s="10"/>
    </row>
    <row r="669210" spans="14:14">
      <c r="N669210" s="10"/>
    </row>
    <row r="669211" spans="14:14">
      <c r="N669211" s="10"/>
    </row>
    <row r="669212" spans="14:14">
      <c r="N669212" s="10"/>
    </row>
    <row r="669213" spans="14:14">
      <c r="N669213" s="10"/>
    </row>
    <row r="669214" spans="14:14">
      <c r="N669214" s="10"/>
    </row>
    <row r="669215" spans="14:14">
      <c r="N669215" s="10"/>
    </row>
    <row r="669216" spans="14:14">
      <c r="N669216" s="10"/>
    </row>
    <row r="669217" spans="14:14">
      <c r="N669217" s="10"/>
    </row>
    <row r="669218" spans="14:14">
      <c r="N669218" s="10"/>
    </row>
    <row r="669219" spans="14:14">
      <c r="N669219" s="10"/>
    </row>
    <row r="669220" spans="14:14">
      <c r="N669220" s="10"/>
    </row>
    <row r="669221" spans="14:14">
      <c r="N669221" s="10"/>
    </row>
    <row r="669222" spans="14:14">
      <c r="N669222" s="10"/>
    </row>
    <row r="669223" spans="14:14">
      <c r="N669223" s="10"/>
    </row>
    <row r="669224" spans="14:14">
      <c r="N669224" s="10"/>
    </row>
    <row r="669225" spans="14:14">
      <c r="N669225" s="10"/>
    </row>
    <row r="669226" spans="14:14">
      <c r="N669226" s="10"/>
    </row>
    <row r="669227" spans="14:14">
      <c r="N669227" s="10"/>
    </row>
    <row r="669228" spans="14:14">
      <c r="N669228" s="10"/>
    </row>
    <row r="669229" spans="14:14">
      <c r="N669229" s="10"/>
    </row>
    <row r="669230" spans="14:14">
      <c r="N669230" s="10"/>
    </row>
    <row r="669231" spans="14:14">
      <c r="N669231" s="10"/>
    </row>
    <row r="669232" spans="14:14">
      <c r="N669232" s="10"/>
    </row>
    <row r="669233" spans="14:14">
      <c r="N669233" s="10"/>
    </row>
    <row r="669234" spans="14:14">
      <c r="N669234" s="10"/>
    </row>
    <row r="669235" spans="14:14">
      <c r="N669235" s="10"/>
    </row>
    <row r="669236" spans="14:14">
      <c r="N669236" s="10"/>
    </row>
    <row r="669237" spans="14:14">
      <c r="N669237" s="10"/>
    </row>
    <row r="669238" spans="14:14">
      <c r="N669238" s="10"/>
    </row>
    <row r="669239" spans="14:14">
      <c r="N669239" s="10"/>
    </row>
    <row r="669240" spans="14:14">
      <c r="N669240" s="10"/>
    </row>
    <row r="669241" spans="14:14">
      <c r="N669241" s="10"/>
    </row>
    <row r="669242" spans="14:14">
      <c r="N669242" s="10"/>
    </row>
    <row r="669243" spans="14:14">
      <c r="N669243" s="10"/>
    </row>
    <row r="669244" spans="14:14">
      <c r="N669244" s="10"/>
    </row>
    <row r="669245" spans="14:14">
      <c r="N669245" s="10"/>
    </row>
    <row r="669246" spans="14:14">
      <c r="N669246" s="10"/>
    </row>
    <row r="669247" spans="14:14">
      <c r="N669247" s="10"/>
    </row>
    <row r="669248" spans="14:14">
      <c r="N669248" s="10"/>
    </row>
    <row r="669249" spans="14:14">
      <c r="N669249" s="10"/>
    </row>
    <row r="669250" spans="14:14">
      <c r="N669250" s="10"/>
    </row>
    <row r="669251" spans="14:14">
      <c r="N669251" s="10"/>
    </row>
    <row r="669252" spans="14:14">
      <c r="N669252" s="10"/>
    </row>
    <row r="669253" spans="14:14">
      <c r="N669253" s="10"/>
    </row>
    <row r="669254" spans="14:14">
      <c r="N669254" s="10"/>
    </row>
    <row r="669255" spans="14:14">
      <c r="N669255" s="10"/>
    </row>
    <row r="669256" spans="14:14">
      <c r="N669256" s="10"/>
    </row>
    <row r="669257" spans="14:14">
      <c r="N669257" s="10"/>
    </row>
    <row r="669258" spans="14:14">
      <c r="N669258" s="10"/>
    </row>
    <row r="669259" spans="14:14">
      <c r="N669259" s="10"/>
    </row>
    <row r="669260" spans="14:14">
      <c r="N669260" s="10"/>
    </row>
    <row r="669261" spans="14:14">
      <c r="N669261" s="10"/>
    </row>
    <row r="669262" spans="14:14">
      <c r="N669262" s="10"/>
    </row>
    <row r="669263" spans="14:14">
      <c r="N669263" s="10"/>
    </row>
    <row r="669264" spans="14:14">
      <c r="N669264" s="10"/>
    </row>
    <row r="669265" spans="14:14">
      <c r="N669265" s="10"/>
    </row>
    <row r="669266" spans="14:14">
      <c r="N669266" s="10"/>
    </row>
    <row r="669267" spans="14:14">
      <c r="N669267" s="10"/>
    </row>
    <row r="669268" spans="14:14">
      <c r="N669268" s="10"/>
    </row>
    <row r="669269" spans="14:14">
      <c r="N669269" s="10"/>
    </row>
    <row r="669270" spans="14:14">
      <c r="N669270" s="10"/>
    </row>
    <row r="669271" spans="14:14">
      <c r="N669271" s="10"/>
    </row>
    <row r="669272" spans="14:14">
      <c r="N669272" s="10"/>
    </row>
    <row r="669273" spans="14:14">
      <c r="N669273" s="10"/>
    </row>
    <row r="669274" spans="14:14">
      <c r="N669274" s="10"/>
    </row>
    <row r="669275" spans="14:14">
      <c r="N669275" s="10"/>
    </row>
    <row r="669276" spans="14:14">
      <c r="N669276" s="10"/>
    </row>
    <row r="669277" spans="14:14">
      <c r="N669277" s="10"/>
    </row>
    <row r="669278" spans="14:14">
      <c r="N669278" s="10"/>
    </row>
    <row r="669279" spans="14:14">
      <c r="N669279" s="10"/>
    </row>
    <row r="669280" spans="14:14">
      <c r="N669280" s="10"/>
    </row>
    <row r="669281" spans="14:14">
      <c r="N669281" s="10"/>
    </row>
    <row r="669282" spans="14:14">
      <c r="N669282" s="10"/>
    </row>
    <row r="669283" spans="14:14">
      <c r="N669283" s="10"/>
    </row>
    <row r="669284" spans="14:14">
      <c r="N669284" s="10"/>
    </row>
    <row r="669285" spans="14:14">
      <c r="N669285" s="10"/>
    </row>
    <row r="669286" spans="14:14">
      <c r="N669286" s="10"/>
    </row>
    <row r="669287" spans="14:14">
      <c r="N669287" s="10"/>
    </row>
    <row r="669288" spans="14:14">
      <c r="N669288" s="10"/>
    </row>
    <row r="669289" spans="14:14">
      <c r="N669289" s="10"/>
    </row>
    <row r="669290" spans="14:14">
      <c r="N669290" s="10"/>
    </row>
    <row r="669291" spans="14:14">
      <c r="N669291" s="10"/>
    </row>
    <row r="669292" spans="14:14">
      <c r="N669292" s="10"/>
    </row>
    <row r="669293" spans="14:14">
      <c r="N669293" s="10"/>
    </row>
    <row r="669294" spans="14:14">
      <c r="N669294" s="10"/>
    </row>
    <row r="669295" spans="14:14">
      <c r="N669295" s="10"/>
    </row>
    <row r="669296" spans="14:14">
      <c r="N669296" s="10"/>
    </row>
    <row r="669297" spans="14:14">
      <c r="N669297" s="10"/>
    </row>
    <row r="669298" spans="14:14">
      <c r="N669298" s="10"/>
    </row>
    <row r="669299" spans="14:14">
      <c r="N669299" s="10"/>
    </row>
    <row r="669300" spans="14:14">
      <c r="N669300" s="10"/>
    </row>
    <row r="669301" spans="14:14">
      <c r="N669301" s="10"/>
    </row>
    <row r="669302" spans="14:14">
      <c r="N669302" s="10"/>
    </row>
    <row r="669303" spans="14:14">
      <c r="N669303" s="10"/>
    </row>
    <row r="669304" spans="14:14">
      <c r="N669304" s="10"/>
    </row>
    <row r="669305" spans="14:14">
      <c r="N669305" s="10"/>
    </row>
    <row r="669306" spans="14:14">
      <c r="N669306" s="10"/>
    </row>
    <row r="669307" spans="14:14">
      <c r="N669307" s="10"/>
    </row>
    <row r="669308" spans="14:14">
      <c r="N669308" s="10"/>
    </row>
    <row r="669309" spans="14:14">
      <c r="N669309" s="10"/>
    </row>
    <row r="669310" spans="14:14">
      <c r="N669310" s="10"/>
    </row>
    <row r="669311" spans="14:14">
      <c r="N669311" s="10"/>
    </row>
    <row r="669312" spans="14:14">
      <c r="N669312" s="10"/>
    </row>
    <row r="669313" spans="14:14">
      <c r="N669313" s="10"/>
    </row>
    <row r="669314" spans="14:14">
      <c r="N669314" s="10"/>
    </row>
    <row r="669315" spans="14:14">
      <c r="N669315" s="10"/>
    </row>
    <row r="669316" spans="14:14">
      <c r="N669316" s="10"/>
    </row>
    <row r="669317" spans="14:14">
      <c r="N669317" s="10"/>
    </row>
    <row r="669318" spans="14:14">
      <c r="N669318" s="10"/>
    </row>
    <row r="669319" spans="14:14">
      <c r="N669319" s="10"/>
    </row>
    <row r="669320" spans="14:14">
      <c r="N669320" s="10"/>
    </row>
    <row r="669321" spans="14:14">
      <c r="N669321" s="10"/>
    </row>
    <row r="669322" spans="14:14">
      <c r="N669322" s="10"/>
    </row>
    <row r="669323" spans="14:14">
      <c r="N669323" s="10"/>
    </row>
    <row r="669324" spans="14:14">
      <c r="N669324" s="10"/>
    </row>
    <row r="669325" spans="14:14">
      <c r="N669325" s="10"/>
    </row>
    <row r="669326" spans="14:14">
      <c r="N669326" s="10"/>
    </row>
    <row r="669327" spans="14:14">
      <c r="N669327" s="10"/>
    </row>
    <row r="669328" spans="14:14">
      <c r="N669328" s="10"/>
    </row>
    <row r="669329" spans="14:14">
      <c r="N669329" s="10"/>
    </row>
    <row r="669330" spans="14:14">
      <c r="N669330" s="10"/>
    </row>
    <row r="669331" spans="14:14">
      <c r="N669331" s="10"/>
    </row>
    <row r="669332" spans="14:14">
      <c r="N669332" s="10"/>
    </row>
    <row r="669333" spans="14:14">
      <c r="N669333" s="10"/>
    </row>
    <row r="669334" spans="14:14">
      <c r="N669334" s="10"/>
    </row>
    <row r="669335" spans="14:14">
      <c r="N669335" s="10"/>
    </row>
    <row r="669336" spans="14:14">
      <c r="N669336" s="10"/>
    </row>
    <row r="669337" spans="14:14">
      <c r="N669337" s="10"/>
    </row>
    <row r="669338" spans="14:14">
      <c r="N669338" s="10"/>
    </row>
    <row r="669339" spans="14:14">
      <c r="N669339" s="10"/>
    </row>
    <row r="669340" spans="14:14">
      <c r="N669340" s="10"/>
    </row>
    <row r="669341" spans="14:14">
      <c r="N669341" s="10"/>
    </row>
    <row r="669342" spans="14:14">
      <c r="N669342" s="10"/>
    </row>
    <row r="669343" spans="14:14">
      <c r="N669343" s="10"/>
    </row>
    <row r="669344" spans="14:14">
      <c r="N669344" s="10"/>
    </row>
    <row r="669345" spans="14:14">
      <c r="N669345" s="10"/>
    </row>
    <row r="669346" spans="14:14">
      <c r="N669346" s="10"/>
    </row>
    <row r="669347" spans="14:14">
      <c r="N669347" s="10"/>
    </row>
    <row r="669348" spans="14:14">
      <c r="N669348" s="10"/>
    </row>
    <row r="669349" spans="14:14">
      <c r="N669349" s="10"/>
    </row>
    <row r="669350" spans="14:14">
      <c r="N669350" s="10"/>
    </row>
    <row r="669351" spans="14:14">
      <c r="N669351" s="10"/>
    </row>
    <row r="669352" spans="14:14">
      <c r="N669352" s="10"/>
    </row>
    <row r="669353" spans="14:14">
      <c r="N669353" s="10"/>
    </row>
    <row r="669354" spans="14:14">
      <c r="N669354" s="10"/>
    </row>
    <row r="669355" spans="14:14">
      <c r="N669355" s="10"/>
    </row>
    <row r="669356" spans="14:14">
      <c r="N669356" s="10"/>
    </row>
    <row r="669357" spans="14:14">
      <c r="N669357" s="10"/>
    </row>
    <row r="669358" spans="14:14">
      <c r="N669358" s="10"/>
    </row>
    <row r="669359" spans="14:14">
      <c r="N669359" s="10"/>
    </row>
    <row r="669360" spans="14:14">
      <c r="N669360" s="10"/>
    </row>
    <row r="669361" spans="14:14">
      <c r="N669361" s="10"/>
    </row>
    <row r="669362" spans="14:14">
      <c r="N669362" s="10"/>
    </row>
    <row r="669363" spans="14:14">
      <c r="N669363" s="10"/>
    </row>
    <row r="669364" spans="14:14">
      <c r="N669364" s="10"/>
    </row>
    <row r="669365" spans="14:14">
      <c r="N669365" s="10"/>
    </row>
    <row r="669366" spans="14:14">
      <c r="N669366" s="10"/>
    </row>
    <row r="669367" spans="14:14">
      <c r="N669367" s="10"/>
    </row>
    <row r="669368" spans="14:14">
      <c r="N669368" s="10"/>
    </row>
    <row r="669369" spans="14:14">
      <c r="N669369" s="10"/>
    </row>
    <row r="669370" spans="14:14">
      <c r="N669370" s="10"/>
    </row>
    <row r="669371" spans="14:14">
      <c r="N669371" s="10"/>
    </row>
    <row r="669372" spans="14:14">
      <c r="N669372" s="10"/>
    </row>
    <row r="669373" spans="14:14">
      <c r="N669373" s="10"/>
    </row>
    <row r="669374" spans="14:14">
      <c r="N669374" s="10"/>
    </row>
    <row r="669375" spans="14:14">
      <c r="N669375" s="10"/>
    </row>
    <row r="669376" spans="14:14">
      <c r="N669376" s="10"/>
    </row>
    <row r="669377" spans="14:14">
      <c r="N669377" s="10"/>
    </row>
    <row r="669378" spans="14:14">
      <c r="N669378" s="10"/>
    </row>
    <row r="669379" spans="14:14">
      <c r="N669379" s="10"/>
    </row>
    <row r="669380" spans="14:14">
      <c r="N669380" s="10"/>
    </row>
    <row r="669381" spans="14:14">
      <c r="N669381" s="10"/>
    </row>
    <row r="669382" spans="14:14">
      <c r="N669382" s="10"/>
    </row>
    <row r="669383" spans="14:14">
      <c r="N669383" s="10"/>
    </row>
    <row r="669384" spans="14:14">
      <c r="N669384" s="10"/>
    </row>
    <row r="669385" spans="14:14">
      <c r="N669385" s="10"/>
    </row>
    <row r="669386" spans="14:14">
      <c r="N669386" s="10"/>
    </row>
    <row r="669387" spans="14:14">
      <c r="N669387" s="10"/>
    </row>
    <row r="669388" spans="14:14">
      <c r="N669388" s="10"/>
    </row>
    <row r="669389" spans="14:14">
      <c r="N669389" s="10"/>
    </row>
    <row r="669390" spans="14:14">
      <c r="N669390" s="10"/>
    </row>
    <row r="669391" spans="14:14">
      <c r="N669391" s="10"/>
    </row>
    <row r="669392" spans="14:14">
      <c r="N669392" s="10"/>
    </row>
    <row r="669393" spans="14:14">
      <c r="N669393" s="10"/>
    </row>
    <row r="669394" spans="14:14">
      <c r="N669394" s="10"/>
    </row>
    <row r="669395" spans="14:14">
      <c r="N669395" s="10"/>
    </row>
    <row r="669396" spans="14:14">
      <c r="N669396" s="10"/>
    </row>
    <row r="669397" spans="14:14">
      <c r="N669397" s="10"/>
    </row>
    <row r="669398" spans="14:14">
      <c r="N669398" s="10"/>
    </row>
    <row r="669399" spans="14:14">
      <c r="N669399" s="10"/>
    </row>
    <row r="669400" spans="14:14">
      <c r="N669400" s="10"/>
    </row>
    <row r="669401" spans="14:14">
      <c r="N669401" s="10"/>
    </row>
    <row r="669402" spans="14:14">
      <c r="N669402" s="10"/>
    </row>
    <row r="669403" spans="14:14">
      <c r="N669403" s="10"/>
    </row>
    <row r="669404" spans="14:14">
      <c r="N669404" s="10"/>
    </row>
    <row r="669405" spans="14:14">
      <c r="N669405" s="10"/>
    </row>
    <row r="669406" spans="14:14">
      <c r="N669406" s="10"/>
    </row>
    <row r="669407" spans="14:14">
      <c r="N669407" s="10"/>
    </row>
    <row r="669408" spans="14:14">
      <c r="N669408" s="10"/>
    </row>
    <row r="669409" spans="14:14">
      <c r="N669409" s="10"/>
    </row>
    <row r="669410" spans="14:14">
      <c r="N669410" s="10"/>
    </row>
    <row r="669411" spans="14:14">
      <c r="N669411" s="10"/>
    </row>
    <row r="669412" spans="14:14">
      <c r="N669412" s="10"/>
    </row>
    <row r="669413" spans="14:14">
      <c r="N669413" s="10"/>
    </row>
    <row r="669414" spans="14:14">
      <c r="N669414" s="10"/>
    </row>
    <row r="669415" spans="14:14">
      <c r="N669415" s="10"/>
    </row>
    <row r="669416" spans="14:14">
      <c r="N669416" s="10"/>
    </row>
    <row r="669417" spans="14:14">
      <c r="N669417" s="10"/>
    </row>
    <row r="669418" spans="14:14">
      <c r="N669418" s="10"/>
    </row>
    <row r="669419" spans="14:14">
      <c r="N669419" s="10"/>
    </row>
    <row r="669420" spans="14:14">
      <c r="N669420" s="10"/>
    </row>
    <row r="669421" spans="14:14">
      <c r="N669421" s="10"/>
    </row>
    <row r="669422" spans="14:14">
      <c r="N669422" s="10"/>
    </row>
    <row r="669423" spans="14:14">
      <c r="N669423" s="10"/>
    </row>
    <row r="669424" spans="14:14">
      <c r="N669424" s="10"/>
    </row>
    <row r="669425" spans="14:14">
      <c r="N669425" s="10"/>
    </row>
    <row r="669426" spans="14:14">
      <c r="N669426" s="10"/>
    </row>
    <row r="669427" spans="14:14">
      <c r="N669427" s="10"/>
    </row>
    <row r="669428" spans="14:14">
      <c r="N669428" s="10"/>
    </row>
    <row r="669429" spans="14:14">
      <c r="N669429" s="10"/>
    </row>
    <row r="669430" spans="14:14">
      <c r="N669430" s="10"/>
    </row>
    <row r="669431" spans="14:14">
      <c r="N669431" s="10"/>
    </row>
    <row r="669432" spans="14:14">
      <c r="N669432" s="10"/>
    </row>
    <row r="669433" spans="14:14">
      <c r="N669433" s="10"/>
    </row>
    <row r="669434" spans="14:14">
      <c r="N669434" s="10"/>
    </row>
    <row r="669435" spans="14:14">
      <c r="N669435" s="10"/>
    </row>
    <row r="669436" spans="14:14">
      <c r="N669436" s="10"/>
    </row>
    <row r="669437" spans="14:14">
      <c r="N669437" s="10"/>
    </row>
    <row r="669438" spans="14:14">
      <c r="N669438" s="10"/>
    </row>
    <row r="669439" spans="14:14">
      <c r="N669439" s="10"/>
    </row>
    <row r="669440" spans="14:14">
      <c r="N669440" s="10"/>
    </row>
    <row r="669441" spans="14:14">
      <c r="N669441" s="10"/>
    </row>
    <row r="669442" spans="14:14">
      <c r="N669442" s="10"/>
    </row>
    <row r="669443" spans="14:14">
      <c r="N669443" s="10"/>
    </row>
    <row r="669444" spans="14:14">
      <c r="N669444" s="10"/>
    </row>
    <row r="669445" spans="14:14">
      <c r="N669445" s="10"/>
    </row>
    <row r="669446" spans="14:14">
      <c r="N669446" s="10"/>
    </row>
    <row r="669447" spans="14:14">
      <c r="N669447" s="10"/>
    </row>
    <row r="669448" spans="14:14">
      <c r="N669448" s="10"/>
    </row>
    <row r="669449" spans="14:14">
      <c r="N669449" s="10"/>
    </row>
    <row r="669450" spans="14:14">
      <c r="N669450" s="10"/>
    </row>
    <row r="669451" spans="14:14">
      <c r="N669451" s="10"/>
    </row>
    <row r="669452" spans="14:14">
      <c r="N669452" s="10"/>
    </row>
    <row r="669453" spans="14:14">
      <c r="N669453" s="10"/>
    </row>
    <row r="669454" spans="14:14">
      <c r="N669454" s="10"/>
    </row>
    <row r="669455" spans="14:14">
      <c r="N669455" s="10"/>
    </row>
    <row r="669456" spans="14:14">
      <c r="N669456" s="10"/>
    </row>
    <row r="669457" spans="14:14">
      <c r="N669457" s="10"/>
    </row>
    <row r="669458" spans="14:14">
      <c r="N669458" s="10"/>
    </row>
    <row r="669459" spans="14:14">
      <c r="N669459" s="10"/>
    </row>
    <row r="669460" spans="14:14">
      <c r="N669460" s="10"/>
    </row>
    <row r="669461" spans="14:14">
      <c r="N669461" s="10"/>
    </row>
    <row r="669462" spans="14:14">
      <c r="N669462" s="10"/>
    </row>
    <row r="669463" spans="14:14">
      <c r="N669463" s="10"/>
    </row>
    <row r="669464" spans="14:14">
      <c r="N669464" s="10"/>
    </row>
    <row r="669465" spans="14:14">
      <c r="N669465" s="10"/>
    </row>
    <row r="669466" spans="14:14">
      <c r="N669466" s="10"/>
    </row>
    <row r="669467" spans="14:14">
      <c r="N669467" s="10"/>
    </row>
    <row r="669468" spans="14:14">
      <c r="N669468" s="10"/>
    </row>
    <row r="669469" spans="14:14">
      <c r="N669469" s="10"/>
    </row>
    <row r="669470" spans="14:14">
      <c r="N669470" s="10"/>
    </row>
    <row r="669471" spans="14:14">
      <c r="N669471" s="10"/>
    </row>
    <row r="669472" spans="14:14">
      <c r="N669472" s="10"/>
    </row>
    <row r="669473" spans="14:14">
      <c r="N669473" s="10"/>
    </row>
    <row r="669474" spans="14:14">
      <c r="N669474" s="10"/>
    </row>
    <row r="669475" spans="14:14">
      <c r="N669475" s="10"/>
    </row>
    <row r="669476" spans="14:14">
      <c r="N669476" s="10"/>
    </row>
    <row r="669477" spans="14:14">
      <c r="N669477" s="10"/>
    </row>
    <row r="669478" spans="14:14">
      <c r="N669478" s="10"/>
    </row>
    <row r="669479" spans="14:14">
      <c r="N669479" s="10"/>
    </row>
    <row r="669480" spans="14:14">
      <c r="N669480" s="10"/>
    </row>
    <row r="669481" spans="14:14">
      <c r="N669481" s="10"/>
    </row>
    <row r="669482" spans="14:14">
      <c r="N669482" s="10"/>
    </row>
    <row r="669483" spans="14:14">
      <c r="N669483" s="10"/>
    </row>
    <row r="669484" spans="14:14">
      <c r="N669484" s="10"/>
    </row>
    <row r="669485" spans="14:14">
      <c r="N669485" s="10"/>
    </row>
    <row r="669486" spans="14:14">
      <c r="N669486" s="10"/>
    </row>
    <row r="669487" spans="14:14">
      <c r="N669487" s="10"/>
    </row>
    <row r="669488" spans="14:14">
      <c r="N669488" s="10"/>
    </row>
    <row r="669489" spans="14:14">
      <c r="N669489" s="10"/>
    </row>
    <row r="669490" spans="14:14">
      <c r="N669490" s="10"/>
    </row>
    <row r="669491" spans="14:14">
      <c r="N669491" s="10"/>
    </row>
    <row r="669492" spans="14:14">
      <c r="N669492" s="10"/>
    </row>
    <row r="669493" spans="14:14">
      <c r="N669493" s="10"/>
    </row>
    <row r="669494" spans="14:14">
      <c r="N669494" s="10"/>
    </row>
    <row r="669495" spans="14:14">
      <c r="N669495" s="10"/>
    </row>
    <row r="669496" spans="14:14">
      <c r="N669496" s="10"/>
    </row>
    <row r="669497" spans="14:14">
      <c r="N669497" s="10"/>
    </row>
    <row r="669498" spans="14:14">
      <c r="N669498" s="10"/>
    </row>
    <row r="669499" spans="14:14">
      <c r="N669499" s="10"/>
    </row>
    <row r="669500" spans="14:14">
      <c r="N669500" s="10"/>
    </row>
    <row r="669501" spans="14:14">
      <c r="N669501" s="10"/>
    </row>
    <row r="669502" spans="14:14">
      <c r="N669502" s="10"/>
    </row>
    <row r="669503" spans="14:14">
      <c r="N669503" s="10"/>
    </row>
    <row r="669504" spans="14:14">
      <c r="N669504" s="10"/>
    </row>
    <row r="669505" spans="14:14">
      <c r="N669505" s="10"/>
    </row>
    <row r="669506" spans="14:14">
      <c r="N669506" s="10"/>
    </row>
    <row r="669507" spans="14:14">
      <c r="N669507" s="10"/>
    </row>
    <row r="669508" spans="14:14">
      <c r="N669508" s="10"/>
    </row>
    <row r="669509" spans="14:14">
      <c r="N669509" s="10"/>
    </row>
    <row r="669510" spans="14:14">
      <c r="N669510" s="10"/>
    </row>
    <row r="669511" spans="14:14">
      <c r="N669511" s="10"/>
    </row>
    <row r="669512" spans="14:14">
      <c r="N669512" s="10"/>
    </row>
    <row r="669513" spans="14:14">
      <c r="N669513" s="10"/>
    </row>
    <row r="669514" spans="14:14">
      <c r="N669514" s="10"/>
    </row>
    <row r="669515" spans="14:14">
      <c r="N669515" s="10"/>
    </row>
    <row r="669516" spans="14:14">
      <c r="N669516" s="10"/>
    </row>
    <row r="669517" spans="14:14">
      <c r="N669517" s="10"/>
    </row>
    <row r="669518" spans="14:14">
      <c r="N669518" s="10"/>
    </row>
    <row r="669519" spans="14:14">
      <c r="N669519" s="10"/>
    </row>
    <row r="669520" spans="14:14">
      <c r="N669520" s="10"/>
    </row>
    <row r="669521" spans="14:14">
      <c r="N669521" s="10"/>
    </row>
    <row r="669522" spans="14:14">
      <c r="N669522" s="10"/>
    </row>
    <row r="669523" spans="14:14">
      <c r="N669523" s="10"/>
    </row>
    <row r="669524" spans="14:14">
      <c r="N669524" s="10"/>
    </row>
    <row r="669525" spans="14:14">
      <c r="N669525" s="10"/>
    </row>
    <row r="669526" spans="14:14">
      <c r="N669526" s="10"/>
    </row>
    <row r="669527" spans="14:14">
      <c r="N669527" s="10"/>
    </row>
    <row r="669528" spans="14:14">
      <c r="N669528" s="10"/>
    </row>
    <row r="669529" spans="14:14">
      <c r="N669529" s="10"/>
    </row>
    <row r="669530" spans="14:14">
      <c r="N669530" s="10"/>
    </row>
    <row r="669531" spans="14:14">
      <c r="N669531" s="10"/>
    </row>
    <row r="669532" spans="14:14">
      <c r="N669532" s="10"/>
    </row>
    <row r="669533" spans="14:14">
      <c r="N669533" s="10"/>
    </row>
    <row r="669534" spans="14:14">
      <c r="N669534" s="10"/>
    </row>
    <row r="669535" spans="14:14">
      <c r="N669535" s="10"/>
    </row>
    <row r="669536" spans="14:14">
      <c r="N669536" s="10"/>
    </row>
    <row r="669537" spans="14:14">
      <c r="N669537" s="10"/>
    </row>
    <row r="669538" spans="14:14">
      <c r="N669538" s="10"/>
    </row>
    <row r="669539" spans="14:14">
      <c r="N669539" s="10"/>
    </row>
    <row r="669540" spans="14:14">
      <c r="N669540" s="10"/>
    </row>
    <row r="669541" spans="14:14">
      <c r="N669541" s="10"/>
    </row>
    <row r="669542" spans="14:14">
      <c r="N669542" s="10"/>
    </row>
    <row r="669543" spans="14:14">
      <c r="N669543" s="10"/>
    </row>
    <row r="669544" spans="14:14">
      <c r="N669544" s="10"/>
    </row>
    <row r="669545" spans="14:14">
      <c r="N669545" s="10"/>
    </row>
    <row r="669546" spans="14:14">
      <c r="N669546" s="10"/>
    </row>
    <row r="669547" spans="14:14">
      <c r="N669547" s="10"/>
    </row>
    <row r="669548" spans="14:14">
      <c r="N669548" s="10"/>
    </row>
    <row r="669549" spans="14:14">
      <c r="N669549" s="10"/>
    </row>
    <row r="669550" spans="14:14">
      <c r="N669550" s="10"/>
    </row>
    <row r="669551" spans="14:14">
      <c r="N669551" s="10"/>
    </row>
    <row r="669552" spans="14:14">
      <c r="N669552" s="10"/>
    </row>
    <row r="669553" spans="14:14">
      <c r="N669553" s="10"/>
    </row>
    <row r="669554" spans="14:14">
      <c r="N669554" s="10"/>
    </row>
    <row r="669555" spans="14:14">
      <c r="N669555" s="10"/>
    </row>
    <row r="669556" spans="14:14">
      <c r="N669556" s="10"/>
    </row>
    <row r="669557" spans="14:14">
      <c r="N669557" s="10"/>
    </row>
    <row r="669558" spans="14:14">
      <c r="N669558" s="10"/>
    </row>
    <row r="669559" spans="14:14">
      <c r="N669559" s="10"/>
    </row>
    <row r="669560" spans="14:14">
      <c r="N669560" s="10"/>
    </row>
    <row r="669561" spans="14:14">
      <c r="N669561" s="10"/>
    </row>
    <row r="669562" spans="14:14">
      <c r="N669562" s="10"/>
    </row>
    <row r="669563" spans="14:14">
      <c r="N669563" s="10"/>
    </row>
    <row r="669564" spans="14:14">
      <c r="N669564" s="10"/>
    </row>
    <row r="669565" spans="14:14">
      <c r="N669565" s="10"/>
    </row>
    <row r="669566" spans="14:14">
      <c r="N669566" s="10"/>
    </row>
    <row r="669567" spans="14:14">
      <c r="N669567" s="10"/>
    </row>
    <row r="669568" spans="14:14">
      <c r="N669568" s="10"/>
    </row>
    <row r="669569" spans="14:14">
      <c r="N669569" s="10"/>
    </row>
    <row r="669570" spans="14:14">
      <c r="N669570" s="10"/>
    </row>
    <row r="669571" spans="14:14">
      <c r="N669571" s="10"/>
    </row>
    <row r="669572" spans="14:14">
      <c r="N669572" s="10"/>
    </row>
    <row r="669573" spans="14:14">
      <c r="N669573" s="10"/>
    </row>
    <row r="669574" spans="14:14">
      <c r="N669574" s="10"/>
    </row>
    <row r="669575" spans="14:14">
      <c r="N669575" s="10"/>
    </row>
    <row r="669576" spans="14:14">
      <c r="N669576" s="10"/>
    </row>
    <row r="669577" spans="14:14">
      <c r="N669577" s="10"/>
    </row>
    <row r="669578" spans="14:14">
      <c r="N669578" s="10"/>
    </row>
    <row r="669579" spans="14:14">
      <c r="N669579" s="10"/>
    </row>
    <row r="669580" spans="14:14">
      <c r="N669580" s="10"/>
    </row>
    <row r="669581" spans="14:14">
      <c r="N669581" s="10"/>
    </row>
    <row r="669582" spans="14:14">
      <c r="N669582" s="10"/>
    </row>
    <row r="669583" spans="14:14">
      <c r="N669583" s="10"/>
    </row>
    <row r="669584" spans="14:14">
      <c r="N669584" s="10"/>
    </row>
    <row r="669585" spans="14:14">
      <c r="N669585" s="10"/>
    </row>
    <row r="669586" spans="14:14">
      <c r="N669586" s="10"/>
    </row>
    <row r="669587" spans="14:14">
      <c r="N669587" s="10"/>
    </row>
    <row r="669588" spans="14:14">
      <c r="N669588" s="10"/>
    </row>
    <row r="669589" spans="14:14">
      <c r="N669589" s="10"/>
    </row>
    <row r="669590" spans="14:14">
      <c r="N669590" s="10"/>
    </row>
    <row r="669591" spans="14:14">
      <c r="N669591" s="10"/>
    </row>
    <row r="669592" spans="14:14">
      <c r="N669592" s="10"/>
    </row>
    <row r="669593" spans="14:14">
      <c r="N669593" s="10"/>
    </row>
    <row r="669594" spans="14:14">
      <c r="N669594" s="10"/>
    </row>
    <row r="669595" spans="14:14">
      <c r="N669595" s="10"/>
    </row>
    <row r="669596" spans="14:14">
      <c r="N669596" s="10"/>
    </row>
    <row r="669597" spans="14:14">
      <c r="N669597" s="10"/>
    </row>
    <row r="669598" spans="14:14">
      <c r="N669598" s="10"/>
    </row>
    <row r="669599" spans="14:14">
      <c r="N669599" s="10"/>
    </row>
    <row r="669600" spans="14:14">
      <c r="N669600" s="10"/>
    </row>
    <row r="669601" spans="14:14">
      <c r="N669601" s="10"/>
    </row>
    <row r="669602" spans="14:14">
      <c r="N669602" s="10"/>
    </row>
    <row r="669603" spans="14:14">
      <c r="N669603" s="10"/>
    </row>
    <row r="669604" spans="14:14">
      <c r="N669604" s="10"/>
    </row>
    <row r="669605" spans="14:14">
      <c r="N669605" s="10"/>
    </row>
    <row r="669606" spans="14:14">
      <c r="N669606" s="10"/>
    </row>
    <row r="669607" spans="14:14">
      <c r="N669607" s="10"/>
    </row>
    <row r="669608" spans="14:14">
      <c r="N669608" s="10"/>
    </row>
    <row r="669609" spans="14:14">
      <c r="N669609" s="10"/>
    </row>
    <row r="669610" spans="14:14">
      <c r="N669610" s="10"/>
    </row>
    <row r="669611" spans="14:14">
      <c r="N669611" s="10"/>
    </row>
    <row r="669612" spans="14:14">
      <c r="N669612" s="10"/>
    </row>
    <row r="669613" spans="14:14">
      <c r="N669613" s="10"/>
    </row>
    <row r="669614" spans="14:14">
      <c r="N669614" s="10"/>
    </row>
    <row r="669615" spans="14:14">
      <c r="N669615" s="10"/>
    </row>
    <row r="669616" spans="14:14">
      <c r="N669616" s="10"/>
    </row>
    <row r="669617" spans="14:14">
      <c r="N669617" s="10"/>
    </row>
    <row r="669618" spans="14:14">
      <c r="N669618" s="10"/>
    </row>
    <row r="669619" spans="14:14">
      <c r="N669619" s="10"/>
    </row>
    <row r="669620" spans="14:14">
      <c r="N669620" s="10"/>
    </row>
    <row r="669621" spans="14:14">
      <c r="N669621" s="10"/>
    </row>
    <row r="669622" spans="14:14">
      <c r="N669622" s="10"/>
    </row>
    <row r="669623" spans="14:14">
      <c r="N669623" s="10"/>
    </row>
    <row r="669624" spans="14:14">
      <c r="N669624" s="10"/>
    </row>
    <row r="669625" spans="14:14">
      <c r="N669625" s="10"/>
    </row>
    <row r="669626" spans="14:14">
      <c r="N669626" s="10"/>
    </row>
    <row r="669627" spans="14:14">
      <c r="N669627" s="10"/>
    </row>
    <row r="669628" spans="14:14">
      <c r="N669628" s="10"/>
    </row>
    <row r="669629" spans="14:14">
      <c r="N669629" s="10"/>
    </row>
    <row r="669630" spans="14:14">
      <c r="N669630" s="10"/>
    </row>
    <row r="669631" spans="14:14">
      <c r="N669631" s="10"/>
    </row>
    <row r="669632" spans="14:14">
      <c r="N669632" s="10"/>
    </row>
    <row r="669633" spans="14:14">
      <c r="N669633" s="10"/>
    </row>
    <row r="669634" spans="14:14">
      <c r="N669634" s="10"/>
    </row>
    <row r="669635" spans="14:14">
      <c r="N669635" s="10"/>
    </row>
    <row r="669636" spans="14:14">
      <c r="N669636" s="10"/>
    </row>
    <row r="669637" spans="14:14">
      <c r="N669637" s="10"/>
    </row>
    <row r="669638" spans="14:14">
      <c r="N669638" s="10"/>
    </row>
    <row r="669639" spans="14:14">
      <c r="N669639" s="10"/>
    </row>
    <row r="669640" spans="14:14">
      <c r="N669640" s="10"/>
    </row>
    <row r="669641" spans="14:14">
      <c r="N669641" s="10"/>
    </row>
    <row r="669642" spans="14:14">
      <c r="N669642" s="10"/>
    </row>
    <row r="669643" spans="14:14">
      <c r="N669643" s="10"/>
    </row>
    <row r="669644" spans="14:14">
      <c r="N669644" s="10"/>
    </row>
    <row r="669645" spans="14:14">
      <c r="N669645" s="10"/>
    </row>
    <row r="669646" spans="14:14">
      <c r="N669646" s="10"/>
    </row>
    <row r="669647" spans="14:14">
      <c r="N669647" s="10"/>
    </row>
    <row r="669648" spans="14:14">
      <c r="N669648" s="10"/>
    </row>
    <row r="669649" spans="14:14">
      <c r="N669649" s="10"/>
    </row>
    <row r="669650" spans="14:14">
      <c r="N669650" s="10"/>
    </row>
    <row r="669651" spans="14:14">
      <c r="N669651" s="10"/>
    </row>
    <row r="669652" spans="14:14">
      <c r="N669652" s="10"/>
    </row>
    <row r="669653" spans="14:14">
      <c r="N669653" s="10"/>
    </row>
    <row r="669654" spans="14:14">
      <c r="N669654" s="10"/>
    </row>
    <row r="669655" spans="14:14">
      <c r="N669655" s="10"/>
    </row>
    <row r="669656" spans="14:14">
      <c r="N669656" s="10"/>
    </row>
    <row r="669657" spans="14:14">
      <c r="N669657" s="10"/>
    </row>
    <row r="669658" spans="14:14">
      <c r="N669658" s="10"/>
    </row>
    <row r="669659" spans="14:14">
      <c r="N669659" s="10"/>
    </row>
    <row r="669660" spans="14:14">
      <c r="N669660" s="10"/>
    </row>
    <row r="669661" spans="14:14">
      <c r="N669661" s="10"/>
    </row>
    <row r="669662" spans="14:14">
      <c r="N669662" s="10"/>
    </row>
    <row r="669663" spans="14:14">
      <c r="N669663" s="10"/>
    </row>
    <row r="669664" spans="14:14">
      <c r="N669664" s="10"/>
    </row>
    <row r="669665" spans="14:14">
      <c r="N669665" s="10"/>
    </row>
    <row r="669666" spans="14:14">
      <c r="N669666" s="10"/>
    </row>
    <row r="669667" spans="14:14">
      <c r="N669667" s="10"/>
    </row>
    <row r="669668" spans="14:14">
      <c r="N669668" s="10"/>
    </row>
    <row r="669669" spans="14:14">
      <c r="N669669" s="10"/>
    </row>
    <row r="669670" spans="14:14">
      <c r="N669670" s="10"/>
    </row>
    <row r="669671" spans="14:14">
      <c r="N669671" s="10"/>
    </row>
    <row r="669672" spans="14:14">
      <c r="N669672" s="10"/>
    </row>
    <row r="669673" spans="14:14">
      <c r="N669673" s="10"/>
    </row>
    <row r="669674" spans="14:14">
      <c r="N669674" s="10"/>
    </row>
    <row r="669675" spans="14:14">
      <c r="N669675" s="10"/>
    </row>
    <row r="669676" spans="14:14">
      <c r="N669676" s="10"/>
    </row>
    <row r="669677" spans="14:14">
      <c r="N669677" s="10"/>
    </row>
    <row r="669678" spans="14:14">
      <c r="N669678" s="10"/>
    </row>
    <row r="669679" spans="14:14">
      <c r="N669679" s="10"/>
    </row>
    <row r="669680" spans="14:14">
      <c r="N669680" s="10"/>
    </row>
    <row r="669681" spans="14:14">
      <c r="N669681" s="10"/>
    </row>
    <row r="669682" spans="14:14">
      <c r="N669682" s="10"/>
    </row>
    <row r="669683" spans="14:14">
      <c r="N669683" s="10"/>
    </row>
    <row r="669684" spans="14:14">
      <c r="N669684" s="10"/>
    </row>
    <row r="669685" spans="14:14">
      <c r="N669685" s="10"/>
    </row>
    <row r="669686" spans="14:14">
      <c r="N669686" s="10"/>
    </row>
    <row r="669687" spans="14:14">
      <c r="N669687" s="10"/>
    </row>
    <row r="669688" spans="14:14">
      <c r="N669688" s="10"/>
    </row>
    <row r="669689" spans="14:14">
      <c r="N669689" s="10"/>
    </row>
    <row r="669690" spans="14:14">
      <c r="N669690" s="10"/>
    </row>
    <row r="669691" spans="14:14">
      <c r="N669691" s="10"/>
    </row>
    <row r="669692" spans="14:14">
      <c r="N669692" s="10"/>
    </row>
    <row r="669693" spans="14:14">
      <c r="N669693" s="10"/>
    </row>
    <row r="669694" spans="14:14">
      <c r="N669694" s="10"/>
    </row>
    <row r="669695" spans="14:14">
      <c r="N669695" s="10"/>
    </row>
    <row r="669696" spans="14:14">
      <c r="N669696" s="10"/>
    </row>
    <row r="669697" spans="14:14">
      <c r="N669697" s="10"/>
    </row>
    <row r="669698" spans="14:14">
      <c r="N669698" s="10"/>
    </row>
    <row r="669699" spans="14:14">
      <c r="N669699" s="10"/>
    </row>
    <row r="669700" spans="14:14">
      <c r="N669700" s="10"/>
    </row>
    <row r="669701" spans="14:14">
      <c r="N669701" s="10"/>
    </row>
    <row r="669702" spans="14:14">
      <c r="N669702" s="10"/>
    </row>
    <row r="669703" spans="14:14">
      <c r="N669703" s="10"/>
    </row>
    <row r="669704" spans="14:14">
      <c r="N669704" s="10"/>
    </row>
    <row r="669705" spans="14:14">
      <c r="N669705" s="10"/>
    </row>
    <row r="669706" spans="14:14">
      <c r="N669706" s="10"/>
    </row>
    <row r="669707" spans="14:14">
      <c r="N669707" s="10"/>
    </row>
    <row r="669708" spans="14:14">
      <c r="N669708" s="10"/>
    </row>
    <row r="669709" spans="14:14">
      <c r="N669709" s="10"/>
    </row>
    <row r="669710" spans="14:14">
      <c r="N669710" s="10"/>
    </row>
    <row r="669711" spans="14:14">
      <c r="N669711" s="10"/>
    </row>
    <row r="669712" spans="14:14">
      <c r="N669712" s="10"/>
    </row>
    <row r="669713" spans="14:14">
      <c r="N669713" s="10"/>
    </row>
    <row r="669714" spans="14:14">
      <c r="N669714" s="10"/>
    </row>
    <row r="669715" spans="14:14">
      <c r="N669715" s="10"/>
    </row>
    <row r="669716" spans="14:14">
      <c r="N669716" s="10"/>
    </row>
    <row r="669717" spans="14:14">
      <c r="N669717" s="10"/>
    </row>
    <row r="669718" spans="14:14">
      <c r="N669718" s="10"/>
    </row>
    <row r="669719" spans="14:14">
      <c r="N669719" s="10"/>
    </row>
    <row r="669720" spans="14:14">
      <c r="N669720" s="10"/>
    </row>
    <row r="669721" spans="14:14">
      <c r="N669721" s="10"/>
    </row>
    <row r="669722" spans="14:14">
      <c r="N669722" s="10"/>
    </row>
    <row r="669723" spans="14:14">
      <c r="N669723" s="10"/>
    </row>
    <row r="669724" spans="14:14">
      <c r="N669724" s="10"/>
    </row>
    <row r="669725" spans="14:14">
      <c r="N669725" s="10"/>
    </row>
    <row r="669726" spans="14:14">
      <c r="N669726" s="10"/>
    </row>
    <row r="669727" spans="14:14">
      <c r="N669727" s="10"/>
    </row>
    <row r="669728" spans="14:14">
      <c r="N669728" s="10"/>
    </row>
    <row r="669729" spans="14:14">
      <c r="N669729" s="10"/>
    </row>
    <row r="669730" spans="14:14">
      <c r="N669730" s="10"/>
    </row>
    <row r="669731" spans="14:14">
      <c r="N669731" s="10"/>
    </row>
    <row r="669732" spans="14:14">
      <c r="N669732" s="10"/>
    </row>
    <row r="669733" spans="14:14">
      <c r="N669733" s="10"/>
    </row>
    <row r="669734" spans="14:14">
      <c r="N669734" s="10"/>
    </row>
    <row r="669735" spans="14:14">
      <c r="N669735" s="10"/>
    </row>
    <row r="669736" spans="14:14">
      <c r="N669736" s="10"/>
    </row>
    <row r="669737" spans="14:14">
      <c r="N669737" s="10"/>
    </row>
    <row r="669738" spans="14:14">
      <c r="N669738" s="10"/>
    </row>
    <row r="669739" spans="14:14">
      <c r="N669739" s="10"/>
    </row>
    <row r="669740" spans="14:14">
      <c r="N669740" s="10"/>
    </row>
    <row r="669741" spans="14:14">
      <c r="N669741" s="10"/>
    </row>
    <row r="669742" spans="14:14">
      <c r="N669742" s="10"/>
    </row>
    <row r="669743" spans="14:14">
      <c r="N669743" s="10"/>
    </row>
    <row r="669744" spans="14:14">
      <c r="N669744" s="10"/>
    </row>
    <row r="669745" spans="14:14">
      <c r="N669745" s="10"/>
    </row>
    <row r="669746" spans="14:14">
      <c r="N669746" s="10"/>
    </row>
    <row r="669747" spans="14:14">
      <c r="N669747" s="10"/>
    </row>
    <row r="669748" spans="14:14">
      <c r="N669748" s="10"/>
    </row>
    <row r="669749" spans="14:14">
      <c r="N669749" s="10"/>
    </row>
    <row r="669750" spans="14:14">
      <c r="N669750" s="10"/>
    </row>
    <row r="669751" spans="14:14">
      <c r="N669751" s="10"/>
    </row>
    <row r="669752" spans="14:14">
      <c r="N669752" s="10"/>
    </row>
    <row r="669753" spans="14:14">
      <c r="N669753" s="10"/>
    </row>
    <row r="669754" spans="14:14">
      <c r="N669754" s="10"/>
    </row>
    <row r="669755" spans="14:14">
      <c r="N669755" s="10"/>
    </row>
    <row r="669756" spans="14:14">
      <c r="N669756" s="10"/>
    </row>
    <row r="669757" spans="14:14">
      <c r="N669757" s="10"/>
    </row>
    <row r="669758" spans="14:14">
      <c r="N669758" s="10"/>
    </row>
    <row r="669759" spans="14:14">
      <c r="N669759" s="10"/>
    </row>
    <row r="669760" spans="14:14">
      <c r="N669760" s="10"/>
    </row>
    <row r="669761" spans="14:14">
      <c r="N669761" s="10"/>
    </row>
    <row r="669762" spans="14:14">
      <c r="N669762" s="10"/>
    </row>
    <row r="669763" spans="14:14">
      <c r="N669763" s="10"/>
    </row>
    <row r="669764" spans="14:14">
      <c r="N669764" s="10"/>
    </row>
    <row r="669765" spans="14:14">
      <c r="N669765" s="10"/>
    </row>
    <row r="669766" spans="14:14">
      <c r="N669766" s="10"/>
    </row>
    <row r="669767" spans="14:14">
      <c r="N669767" s="10"/>
    </row>
    <row r="669768" spans="14:14">
      <c r="N669768" s="10"/>
    </row>
    <row r="669769" spans="14:14">
      <c r="N669769" s="10"/>
    </row>
    <row r="669770" spans="14:14">
      <c r="N669770" s="10"/>
    </row>
    <row r="669771" spans="14:14">
      <c r="N669771" s="10"/>
    </row>
    <row r="669772" spans="14:14">
      <c r="N669772" s="10"/>
    </row>
    <row r="669773" spans="14:14">
      <c r="N669773" s="10"/>
    </row>
    <row r="669774" spans="14:14">
      <c r="N669774" s="10"/>
    </row>
    <row r="669775" spans="14:14">
      <c r="N669775" s="10"/>
    </row>
    <row r="669776" spans="14:14">
      <c r="N669776" s="10"/>
    </row>
    <row r="669777" spans="14:14">
      <c r="N669777" s="10"/>
    </row>
    <row r="669778" spans="14:14">
      <c r="N669778" s="10"/>
    </row>
    <row r="669779" spans="14:14">
      <c r="N669779" s="10"/>
    </row>
    <row r="669780" spans="14:14">
      <c r="N669780" s="10"/>
    </row>
    <row r="669781" spans="14:14">
      <c r="N669781" s="10"/>
    </row>
    <row r="669782" spans="14:14">
      <c r="N669782" s="10"/>
    </row>
    <row r="669783" spans="14:14">
      <c r="N669783" s="10"/>
    </row>
    <row r="669784" spans="14:14">
      <c r="N669784" s="10"/>
    </row>
    <row r="669785" spans="14:14">
      <c r="N669785" s="10"/>
    </row>
    <row r="669786" spans="14:14">
      <c r="N669786" s="10"/>
    </row>
    <row r="669787" spans="14:14">
      <c r="N669787" s="10"/>
    </row>
    <row r="669788" spans="14:14">
      <c r="N669788" s="10"/>
    </row>
    <row r="669789" spans="14:14">
      <c r="N669789" s="10"/>
    </row>
    <row r="669790" spans="14:14">
      <c r="N669790" s="10"/>
    </row>
    <row r="669791" spans="14:14">
      <c r="N669791" s="10"/>
    </row>
    <row r="669792" spans="14:14">
      <c r="N669792" s="10"/>
    </row>
    <row r="669793" spans="14:14">
      <c r="N669793" s="10"/>
    </row>
    <row r="669794" spans="14:14">
      <c r="N669794" s="10"/>
    </row>
    <row r="669795" spans="14:14">
      <c r="N669795" s="10"/>
    </row>
    <row r="669796" spans="14:14">
      <c r="N669796" s="10"/>
    </row>
    <row r="669797" spans="14:14">
      <c r="N669797" s="10"/>
    </row>
    <row r="669798" spans="14:14">
      <c r="N669798" s="10"/>
    </row>
    <row r="669799" spans="14:14">
      <c r="N669799" s="10"/>
    </row>
    <row r="669800" spans="14:14">
      <c r="N669800" s="10"/>
    </row>
    <row r="669801" spans="14:14">
      <c r="N669801" s="10"/>
    </row>
    <row r="669802" spans="14:14">
      <c r="N669802" s="10"/>
    </row>
    <row r="669803" spans="14:14">
      <c r="N669803" s="10"/>
    </row>
    <row r="669804" spans="14:14">
      <c r="N669804" s="10"/>
    </row>
    <row r="669805" spans="14:14">
      <c r="N669805" s="10"/>
    </row>
    <row r="669806" spans="14:14">
      <c r="N669806" s="10"/>
    </row>
    <row r="669807" spans="14:14">
      <c r="N669807" s="10"/>
    </row>
    <row r="669808" spans="14:14">
      <c r="N669808" s="10"/>
    </row>
    <row r="669809" spans="14:14">
      <c r="N669809" s="10"/>
    </row>
    <row r="669810" spans="14:14">
      <c r="N669810" s="10"/>
    </row>
    <row r="669811" spans="14:14">
      <c r="N669811" s="10"/>
    </row>
    <row r="669812" spans="14:14">
      <c r="N669812" s="10"/>
    </row>
    <row r="669813" spans="14:14">
      <c r="N669813" s="10"/>
    </row>
    <row r="669814" spans="14:14">
      <c r="N669814" s="10"/>
    </row>
    <row r="669815" spans="14:14">
      <c r="N669815" s="10"/>
    </row>
    <row r="669816" spans="14:14">
      <c r="N669816" s="10"/>
    </row>
    <row r="669817" spans="14:14">
      <c r="N669817" s="10"/>
    </row>
    <row r="669818" spans="14:14">
      <c r="N669818" s="10"/>
    </row>
    <row r="669819" spans="14:14">
      <c r="N669819" s="10"/>
    </row>
    <row r="669820" spans="14:14">
      <c r="N669820" s="10"/>
    </row>
    <row r="669821" spans="14:14">
      <c r="N669821" s="10"/>
    </row>
    <row r="669822" spans="14:14">
      <c r="N669822" s="10"/>
    </row>
    <row r="669823" spans="14:14">
      <c r="N669823" s="10"/>
    </row>
    <row r="669824" spans="14:14">
      <c r="N669824" s="10"/>
    </row>
    <row r="669825" spans="14:14">
      <c r="N669825" s="10"/>
    </row>
    <row r="669826" spans="14:14">
      <c r="N669826" s="10"/>
    </row>
    <row r="669827" spans="14:14">
      <c r="N669827" s="10"/>
    </row>
    <row r="669828" spans="14:14">
      <c r="N669828" s="10"/>
    </row>
    <row r="669829" spans="14:14">
      <c r="N669829" s="10"/>
    </row>
    <row r="669830" spans="14:14">
      <c r="N669830" s="10"/>
    </row>
    <row r="669831" spans="14:14">
      <c r="N669831" s="10"/>
    </row>
    <row r="669832" spans="14:14">
      <c r="N669832" s="10"/>
    </row>
    <row r="669833" spans="14:14">
      <c r="N669833" s="10"/>
    </row>
    <row r="669834" spans="14:14">
      <c r="N669834" s="10"/>
    </row>
    <row r="669835" spans="14:14">
      <c r="N669835" s="10"/>
    </row>
    <row r="669836" spans="14:14">
      <c r="N669836" s="10"/>
    </row>
    <row r="669837" spans="14:14">
      <c r="N669837" s="10"/>
    </row>
    <row r="669838" spans="14:14">
      <c r="N669838" s="10"/>
    </row>
    <row r="669839" spans="14:14">
      <c r="N669839" s="10"/>
    </row>
    <row r="669840" spans="14:14">
      <c r="N669840" s="10"/>
    </row>
    <row r="669841" spans="14:14">
      <c r="N669841" s="10"/>
    </row>
    <row r="669842" spans="14:14">
      <c r="N669842" s="10"/>
    </row>
    <row r="669843" spans="14:14">
      <c r="N669843" s="10"/>
    </row>
    <row r="669844" spans="14:14">
      <c r="N669844" s="10"/>
    </row>
    <row r="669845" spans="14:14">
      <c r="N669845" s="10"/>
    </row>
    <row r="669846" spans="14:14">
      <c r="N669846" s="10"/>
    </row>
    <row r="669847" spans="14:14">
      <c r="N669847" s="10"/>
    </row>
    <row r="669848" spans="14:14">
      <c r="N669848" s="10"/>
    </row>
    <row r="669849" spans="14:14">
      <c r="N669849" s="10"/>
    </row>
    <row r="669850" spans="14:14">
      <c r="N669850" s="10"/>
    </row>
    <row r="669851" spans="14:14">
      <c r="N669851" s="10"/>
    </row>
    <row r="669852" spans="14:14">
      <c r="N669852" s="10"/>
    </row>
    <row r="669853" spans="14:14">
      <c r="N669853" s="10"/>
    </row>
    <row r="669854" spans="14:14">
      <c r="N669854" s="10"/>
    </row>
    <row r="669855" spans="14:14">
      <c r="N669855" s="10"/>
    </row>
    <row r="669856" spans="14:14">
      <c r="N669856" s="10"/>
    </row>
    <row r="669857" spans="14:14">
      <c r="N669857" s="10"/>
    </row>
    <row r="669858" spans="14:14">
      <c r="N669858" s="10"/>
    </row>
    <row r="669859" spans="14:14">
      <c r="N669859" s="10"/>
    </row>
    <row r="669860" spans="14:14">
      <c r="N669860" s="10"/>
    </row>
    <row r="669861" spans="14:14">
      <c r="N669861" s="10"/>
    </row>
    <row r="669862" spans="14:14">
      <c r="N669862" s="10"/>
    </row>
    <row r="669863" spans="14:14">
      <c r="N669863" s="10"/>
    </row>
    <row r="669864" spans="14:14">
      <c r="N669864" s="10"/>
    </row>
    <row r="669865" spans="14:14">
      <c r="N669865" s="10"/>
    </row>
    <row r="669866" spans="14:14">
      <c r="N669866" s="10"/>
    </row>
    <row r="669867" spans="14:14">
      <c r="N669867" s="10"/>
    </row>
    <row r="669868" spans="14:14">
      <c r="N669868" s="10"/>
    </row>
    <row r="669869" spans="14:14">
      <c r="N669869" s="10"/>
    </row>
    <row r="669870" spans="14:14">
      <c r="N669870" s="10"/>
    </row>
    <row r="669871" spans="14:14">
      <c r="N669871" s="10"/>
    </row>
    <row r="669872" spans="14:14">
      <c r="N669872" s="10"/>
    </row>
    <row r="669873" spans="14:14">
      <c r="N669873" s="10"/>
    </row>
    <row r="669874" spans="14:14">
      <c r="N669874" s="10"/>
    </row>
    <row r="669875" spans="14:14">
      <c r="N669875" s="10"/>
    </row>
    <row r="669876" spans="14:14">
      <c r="N669876" s="10"/>
    </row>
    <row r="669877" spans="14:14">
      <c r="N669877" s="10"/>
    </row>
    <row r="669878" spans="14:14">
      <c r="N669878" s="10"/>
    </row>
    <row r="669879" spans="14:14">
      <c r="N669879" s="10"/>
    </row>
    <row r="669880" spans="14:14">
      <c r="N669880" s="10"/>
    </row>
    <row r="669881" spans="14:14">
      <c r="N669881" s="10"/>
    </row>
    <row r="669882" spans="14:14">
      <c r="N669882" s="10"/>
    </row>
    <row r="669883" spans="14:14">
      <c r="N669883" s="10"/>
    </row>
    <row r="669884" spans="14:14">
      <c r="N669884" s="10"/>
    </row>
    <row r="669885" spans="14:14">
      <c r="N669885" s="10"/>
    </row>
    <row r="669886" spans="14:14">
      <c r="N669886" s="10"/>
    </row>
    <row r="669887" spans="14:14">
      <c r="N669887" s="10"/>
    </row>
    <row r="669888" spans="14:14">
      <c r="N669888" s="10"/>
    </row>
    <row r="669889" spans="14:14">
      <c r="N669889" s="10"/>
    </row>
    <row r="669890" spans="14:14">
      <c r="N669890" s="10"/>
    </row>
    <row r="669891" spans="14:14">
      <c r="N669891" s="10"/>
    </row>
    <row r="669892" spans="14:14">
      <c r="N669892" s="10"/>
    </row>
    <row r="669893" spans="14:14">
      <c r="N669893" s="10"/>
    </row>
    <row r="669894" spans="14:14">
      <c r="N669894" s="10"/>
    </row>
    <row r="669895" spans="14:14">
      <c r="N669895" s="10"/>
    </row>
    <row r="669896" spans="14:14">
      <c r="N669896" s="10"/>
    </row>
    <row r="669897" spans="14:14">
      <c r="N669897" s="10"/>
    </row>
    <row r="669898" spans="14:14">
      <c r="N669898" s="10"/>
    </row>
    <row r="669899" spans="14:14">
      <c r="N669899" s="10"/>
    </row>
    <row r="669900" spans="14:14">
      <c r="N669900" s="10"/>
    </row>
    <row r="669901" spans="14:14">
      <c r="N669901" s="10"/>
    </row>
    <row r="669902" spans="14:14">
      <c r="N669902" s="10"/>
    </row>
    <row r="669903" spans="14:14">
      <c r="N669903" s="10"/>
    </row>
    <row r="669904" spans="14:14">
      <c r="N669904" s="10"/>
    </row>
    <row r="669905" spans="14:14">
      <c r="N669905" s="10"/>
    </row>
    <row r="669906" spans="14:14">
      <c r="N669906" s="10"/>
    </row>
    <row r="669907" spans="14:14">
      <c r="N669907" s="10"/>
    </row>
    <row r="669908" spans="14:14">
      <c r="N669908" s="10"/>
    </row>
    <row r="669909" spans="14:14">
      <c r="N669909" s="10"/>
    </row>
    <row r="669910" spans="14:14">
      <c r="N669910" s="10"/>
    </row>
    <row r="669911" spans="14:14">
      <c r="N669911" s="10"/>
    </row>
    <row r="669912" spans="14:14">
      <c r="N669912" s="10"/>
    </row>
    <row r="669913" spans="14:14">
      <c r="N669913" s="10"/>
    </row>
    <row r="669914" spans="14:14">
      <c r="N669914" s="10"/>
    </row>
    <row r="669915" spans="14:14">
      <c r="N669915" s="10"/>
    </row>
    <row r="669916" spans="14:14">
      <c r="N669916" s="10"/>
    </row>
    <row r="669917" spans="14:14">
      <c r="N669917" s="10"/>
    </row>
    <row r="669918" spans="14:14">
      <c r="N669918" s="10"/>
    </row>
    <row r="669919" spans="14:14">
      <c r="N669919" s="10"/>
    </row>
    <row r="669920" spans="14:14">
      <c r="N669920" s="10"/>
    </row>
    <row r="669921" spans="14:14">
      <c r="N669921" s="10"/>
    </row>
    <row r="669922" spans="14:14">
      <c r="N669922" s="10"/>
    </row>
    <row r="669923" spans="14:14">
      <c r="N669923" s="10"/>
    </row>
    <row r="669924" spans="14:14">
      <c r="N669924" s="10"/>
    </row>
    <row r="669925" spans="14:14">
      <c r="N669925" s="10"/>
    </row>
    <row r="669926" spans="14:14">
      <c r="N669926" s="10"/>
    </row>
    <row r="669927" spans="14:14">
      <c r="N669927" s="10"/>
    </row>
    <row r="669928" spans="14:14">
      <c r="N669928" s="10"/>
    </row>
    <row r="669929" spans="14:14">
      <c r="N669929" s="10"/>
    </row>
    <row r="669930" spans="14:14">
      <c r="N669930" s="10"/>
    </row>
    <row r="669931" spans="14:14">
      <c r="N669931" s="10"/>
    </row>
    <row r="669932" spans="14:14">
      <c r="N669932" s="10"/>
    </row>
    <row r="669933" spans="14:14">
      <c r="N669933" s="10"/>
    </row>
    <row r="669934" spans="14:14">
      <c r="N669934" s="10"/>
    </row>
    <row r="669935" spans="14:14">
      <c r="N669935" s="10"/>
    </row>
    <row r="669936" spans="14:14">
      <c r="N669936" s="10"/>
    </row>
    <row r="669937" spans="14:14">
      <c r="N669937" s="10"/>
    </row>
    <row r="669938" spans="14:14">
      <c r="N669938" s="10"/>
    </row>
    <row r="669939" spans="14:14">
      <c r="N669939" s="10"/>
    </row>
    <row r="669940" spans="14:14">
      <c r="N669940" s="10"/>
    </row>
    <row r="669941" spans="14:14">
      <c r="N669941" s="10"/>
    </row>
    <row r="669942" spans="14:14">
      <c r="N669942" s="10"/>
    </row>
    <row r="669943" spans="14:14">
      <c r="N669943" s="10"/>
    </row>
    <row r="669944" spans="14:14">
      <c r="N669944" s="10"/>
    </row>
    <row r="669945" spans="14:14">
      <c r="N669945" s="10"/>
    </row>
    <row r="669946" spans="14:14">
      <c r="N669946" s="10"/>
    </row>
    <row r="669947" spans="14:14">
      <c r="N669947" s="10"/>
    </row>
    <row r="669948" spans="14:14">
      <c r="N669948" s="10"/>
    </row>
    <row r="669949" spans="14:14">
      <c r="N669949" s="10"/>
    </row>
    <row r="669950" spans="14:14">
      <c r="N669950" s="10"/>
    </row>
    <row r="669951" spans="14:14">
      <c r="N669951" s="10"/>
    </row>
    <row r="669952" spans="14:14">
      <c r="N669952" s="10"/>
    </row>
    <row r="669953" spans="14:14">
      <c r="N669953" s="10"/>
    </row>
    <row r="669954" spans="14:14">
      <c r="N669954" s="10"/>
    </row>
    <row r="669955" spans="14:14">
      <c r="N669955" s="10"/>
    </row>
    <row r="669956" spans="14:14">
      <c r="N669956" s="10"/>
    </row>
    <row r="669957" spans="14:14">
      <c r="N669957" s="10"/>
    </row>
    <row r="669958" spans="14:14">
      <c r="N669958" s="10"/>
    </row>
    <row r="669959" spans="14:14">
      <c r="N669959" s="10"/>
    </row>
    <row r="669960" spans="14:14">
      <c r="N669960" s="10"/>
    </row>
    <row r="669961" spans="14:14">
      <c r="N669961" s="10"/>
    </row>
    <row r="669962" spans="14:14">
      <c r="N669962" s="10"/>
    </row>
    <row r="669963" spans="14:14">
      <c r="N669963" s="10"/>
    </row>
    <row r="669964" spans="14:14">
      <c r="N669964" s="10"/>
    </row>
    <row r="669965" spans="14:14">
      <c r="N669965" s="10"/>
    </row>
    <row r="669966" spans="14:14">
      <c r="N669966" s="10"/>
    </row>
    <row r="669967" spans="14:14">
      <c r="N669967" s="10"/>
    </row>
    <row r="669968" spans="14:14">
      <c r="N669968" s="10"/>
    </row>
    <row r="669969" spans="14:14">
      <c r="N669969" s="10"/>
    </row>
    <row r="669970" spans="14:14">
      <c r="N669970" s="10"/>
    </row>
    <row r="669971" spans="14:14">
      <c r="N669971" s="10"/>
    </row>
    <row r="669972" spans="14:14">
      <c r="N669972" s="10"/>
    </row>
    <row r="669973" spans="14:14">
      <c r="N669973" s="10"/>
    </row>
    <row r="669974" spans="14:14">
      <c r="N669974" s="10"/>
    </row>
    <row r="669975" spans="14:14">
      <c r="N669975" s="10"/>
    </row>
    <row r="669976" spans="14:14">
      <c r="N669976" s="10"/>
    </row>
    <row r="669977" spans="14:14">
      <c r="N669977" s="10"/>
    </row>
    <row r="669978" spans="14:14">
      <c r="N669978" s="10"/>
    </row>
    <row r="669979" spans="14:14">
      <c r="N669979" s="10"/>
    </row>
    <row r="669980" spans="14:14">
      <c r="N669980" s="10"/>
    </row>
    <row r="669981" spans="14:14">
      <c r="N669981" s="10"/>
    </row>
    <row r="669982" spans="14:14">
      <c r="N669982" s="10"/>
    </row>
    <row r="669983" spans="14:14">
      <c r="N669983" s="10"/>
    </row>
    <row r="669984" spans="14:14">
      <c r="N669984" s="10"/>
    </row>
    <row r="669985" spans="14:14">
      <c r="N669985" s="10"/>
    </row>
    <row r="669986" spans="14:14">
      <c r="N669986" s="10"/>
    </row>
    <row r="669987" spans="14:14">
      <c r="N669987" s="10"/>
    </row>
    <row r="669988" spans="14:14">
      <c r="N669988" s="10"/>
    </row>
    <row r="669989" spans="14:14">
      <c r="N669989" s="10"/>
    </row>
    <row r="669990" spans="14:14">
      <c r="N669990" s="10"/>
    </row>
    <row r="669991" spans="14:14">
      <c r="N669991" s="10"/>
    </row>
    <row r="669992" spans="14:14">
      <c r="N669992" s="10"/>
    </row>
    <row r="669993" spans="14:14">
      <c r="N669993" s="10"/>
    </row>
    <row r="669994" spans="14:14">
      <c r="N669994" s="10"/>
    </row>
    <row r="669995" spans="14:14">
      <c r="N669995" s="10"/>
    </row>
    <row r="669996" spans="14:14">
      <c r="N669996" s="10"/>
    </row>
    <row r="669997" spans="14:14">
      <c r="N669997" s="10"/>
    </row>
    <row r="669998" spans="14:14">
      <c r="N669998" s="10"/>
    </row>
    <row r="669999" spans="14:14">
      <c r="N669999" s="10"/>
    </row>
    <row r="670000" spans="14:14">
      <c r="N670000" s="10"/>
    </row>
    <row r="670001" spans="14:14">
      <c r="N670001" s="10"/>
    </row>
    <row r="670002" spans="14:14">
      <c r="N670002" s="10"/>
    </row>
    <row r="670003" spans="14:14">
      <c r="N670003" s="10"/>
    </row>
    <row r="670004" spans="14:14">
      <c r="N670004" s="10"/>
    </row>
    <row r="670005" spans="14:14">
      <c r="N670005" s="10"/>
    </row>
    <row r="670006" spans="14:14">
      <c r="N670006" s="10"/>
    </row>
    <row r="670007" spans="14:14">
      <c r="N670007" s="10"/>
    </row>
    <row r="670008" spans="14:14">
      <c r="N670008" s="10"/>
    </row>
    <row r="670009" spans="14:14">
      <c r="N670009" s="10"/>
    </row>
    <row r="670010" spans="14:14">
      <c r="N670010" s="10"/>
    </row>
    <row r="670011" spans="14:14">
      <c r="N670011" s="10"/>
    </row>
    <row r="670012" spans="14:14">
      <c r="N670012" s="10"/>
    </row>
    <row r="670013" spans="14:14">
      <c r="N670013" s="10"/>
    </row>
    <row r="670014" spans="14:14">
      <c r="N670014" s="10"/>
    </row>
    <row r="670015" spans="14:14">
      <c r="N670015" s="10"/>
    </row>
    <row r="670016" spans="14:14">
      <c r="N670016" s="10"/>
    </row>
    <row r="670017" spans="14:14">
      <c r="N670017" s="10"/>
    </row>
    <row r="670018" spans="14:14">
      <c r="N670018" s="10"/>
    </row>
    <row r="670019" spans="14:14">
      <c r="N670019" s="10"/>
    </row>
    <row r="670020" spans="14:14">
      <c r="N670020" s="10"/>
    </row>
    <row r="670021" spans="14:14">
      <c r="N670021" s="10"/>
    </row>
    <row r="670022" spans="14:14">
      <c r="N670022" s="10"/>
    </row>
    <row r="670023" spans="14:14">
      <c r="N670023" s="10"/>
    </row>
    <row r="670024" spans="14:14">
      <c r="N670024" s="10"/>
    </row>
    <row r="670025" spans="14:14">
      <c r="N670025" s="10"/>
    </row>
    <row r="670026" spans="14:14">
      <c r="N670026" s="10"/>
    </row>
    <row r="670027" spans="14:14">
      <c r="N670027" s="10"/>
    </row>
    <row r="670028" spans="14:14">
      <c r="N670028" s="10"/>
    </row>
    <row r="670029" spans="14:14">
      <c r="N670029" s="10"/>
    </row>
    <row r="670030" spans="14:14">
      <c r="N670030" s="10"/>
    </row>
    <row r="670031" spans="14:14">
      <c r="N670031" s="10"/>
    </row>
    <row r="670032" spans="14:14">
      <c r="N670032" s="10"/>
    </row>
    <row r="670033" spans="14:14">
      <c r="N670033" s="10"/>
    </row>
    <row r="670034" spans="14:14">
      <c r="N670034" s="10"/>
    </row>
    <row r="670035" spans="14:14">
      <c r="N670035" s="10"/>
    </row>
    <row r="670036" spans="14:14">
      <c r="N670036" s="10"/>
    </row>
    <row r="670037" spans="14:14">
      <c r="N670037" s="10"/>
    </row>
    <row r="670038" spans="14:14">
      <c r="N670038" s="10"/>
    </row>
    <row r="670039" spans="14:14">
      <c r="N670039" s="10"/>
    </row>
    <row r="670040" spans="14:14">
      <c r="N670040" s="10"/>
    </row>
    <row r="670041" spans="14:14">
      <c r="N670041" s="10"/>
    </row>
    <row r="670042" spans="14:14">
      <c r="N670042" s="10"/>
    </row>
    <row r="670043" spans="14:14">
      <c r="N670043" s="10"/>
    </row>
    <row r="670044" spans="14:14">
      <c r="N670044" s="10"/>
    </row>
    <row r="670045" spans="14:14">
      <c r="N670045" s="10"/>
    </row>
    <row r="670046" spans="14:14">
      <c r="N670046" s="10"/>
    </row>
    <row r="670047" spans="14:14">
      <c r="N670047" s="10"/>
    </row>
    <row r="670048" spans="14:14">
      <c r="N670048" s="10"/>
    </row>
    <row r="670049" spans="14:14">
      <c r="N670049" s="10"/>
    </row>
    <row r="670050" spans="14:14">
      <c r="N670050" s="10"/>
    </row>
    <row r="670051" spans="14:14">
      <c r="N670051" s="10"/>
    </row>
    <row r="670052" spans="14:14">
      <c r="N670052" s="10"/>
    </row>
    <row r="670053" spans="14:14">
      <c r="N670053" s="10"/>
    </row>
    <row r="670054" spans="14:14">
      <c r="N670054" s="10"/>
    </row>
    <row r="670055" spans="14:14">
      <c r="N670055" s="10"/>
    </row>
    <row r="670056" spans="14:14">
      <c r="N670056" s="10"/>
    </row>
    <row r="670057" spans="14:14">
      <c r="N670057" s="10"/>
    </row>
    <row r="670058" spans="14:14">
      <c r="N670058" s="10"/>
    </row>
    <row r="670059" spans="14:14">
      <c r="N670059" s="10"/>
    </row>
    <row r="670060" spans="14:14">
      <c r="N670060" s="10"/>
    </row>
    <row r="670061" spans="14:14">
      <c r="N670061" s="10"/>
    </row>
    <row r="670062" spans="14:14">
      <c r="N670062" s="10"/>
    </row>
    <row r="670063" spans="14:14">
      <c r="N670063" s="10"/>
    </row>
    <row r="670064" spans="14:14">
      <c r="N670064" s="10"/>
    </row>
    <row r="670065" spans="14:14">
      <c r="N670065" s="10"/>
    </row>
    <row r="670066" spans="14:14">
      <c r="N670066" s="10"/>
    </row>
    <row r="670067" spans="14:14">
      <c r="N670067" s="10"/>
    </row>
    <row r="670068" spans="14:14">
      <c r="N670068" s="10"/>
    </row>
    <row r="670069" spans="14:14">
      <c r="N670069" s="10"/>
    </row>
    <row r="670070" spans="14:14">
      <c r="N670070" s="10"/>
    </row>
    <row r="670071" spans="14:14">
      <c r="N670071" s="10"/>
    </row>
    <row r="670072" spans="14:14">
      <c r="N670072" s="10"/>
    </row>
    <row r="670073" spans="14:14">
      <c r="N670073" s="10"/>
    </row>
    <row r="670074" spans="14:14">
      <c r="N670074" s="10"/>
    </row>
    <row r="670075" spans="14:14">
      <c r="N670075" s="10"/>
    </row>
    <row r="670076" spans="14:14">
      <c r="N670076" s="10"/>
    </row>
    <row r="670077" spans="14:14">
      <c r="N670077" s="10"/>
    </row>
    <row r="670078" spans="14:14">
      <c r="N670078" s="10"/>
    </row>
    <row r="670079" spans="14:14">
      <c r="N670079" s="10"/>
    </row>
    <row r="670080" spans="14:14">
      <c r="N670080" s="10"/>
    </row>
    <row r="670081" spans="14:14">
      <c r="N670081" s="10"/>
    </row>
    <row r="670082" spans="14:14">
      <c r="N670082" s="10"/>
    </row>
    <row r="670083" spans="14:14">
      <c r="N670083" s="10"/>
    </row>
    <row r="670084" spans="14:14">
      <c r="N670084" s="10"/>
    </row>
    <row r="670085" spans="14:14">
      <c r="N670085" s="10"/>
    </row>
    <row r="670086" spans="14:14">
      <c r="N670086" s="10"/>
    </row>
    <row r="670087" spans="14:14">
      <c r="N670087" s="10"/>
    </row>
    <row r="670088" spans="14:14">
      <c r="N670088" s="10"/>
    </row>
    <row r="670089" spans="14:14">
      <c r="N670089" s="10"/>
    </row>
    <row r="670090" spans="14:14">
      <c r="N670090" s="10"/>
    </row>
    <row r="670091" spans="14:14">
      <c r="N670091" s="10"/>
    </row>
    <row r="670092" spans="14:14">
      <c r="N670092" s="10"/>
    </row>
    <row r="670093" spans="14:14">
      <c r="N670093" s="10"/>
    </row>
    <row r="670094" spans="14:14">
      <c r="N670094" s="10"/>
    </row>
    <row r="670095" spans="14:14">
      <c r="N670095" s="10"/>
    </row>
    <row r="670096" spans="14:14">
      <c r="N670096" s="10"/>
    </row>
    <row r="670097" spans="14:14">
      <c r="N670097" s="10"/>
    </row>
    <row r="670098" spans="14:14">
      <c r="N670098" s="10"/>
    </row>
    <row r="670099" spans="14:14">
      <c r="N670099" s="10"/>
    </row>
    <row r="670100" spans="14:14">
      <c r="N670100" s="10"/>
    </row>
    <row r="670101" spans="14:14">
      <c r="N670101" s="10"/>
    </row>
    <row r="670102" spans="14:14">
      <c r="N670102" s="10"/>
    </row>
    <row r="670103" spans="14:14">
      <c r="N670103" s="10"/>
    </row>
    <row r="670104" spans="14:14">
      <c r="N670104" s="10"/>
    </row>
    <row r="670105" spans="14:14">
      <c r="N670105" s="10"/>
    </row>
    <row r="670106" spans="14:14">
      <c r="N670106" s="10"/>
    </row>
    <row r="670107" spans="14:14">
      <c r="N670107" s="10"/>
    </row>
    <row r="670108" spans="14:14">
      <c r="N670108" s="10"/>
    </row>
    <row r="670109" spans="14:14">
      <c r="N670109" s="10"/>
    </row>
    <row r="670110" spans="14:14">
      <c r="N670110" s="10"/>
    </row>
    <row r="670111" spans="14:14">
      <c r="N670111" s="10"/>
    </row>
    <row r="670112" spans="14:14">
      <c r="N670112" s="10"/>
    </row>
    <row r="670113" spans="14:14">
      <c r="N670113" s="10"/>
    </row>
    <row r="670114" spans="14:14">
      <c r="N670114" s="10"/>
    </row>
    <row r="670115" spans="14:14">
      <c r="N670115" s="10"/>
    </row>
    <row r="670116" spans="14:14">
      <c r="N670116" s="10"/>
    </row>
    <row r="670117" spans="14:14">
      <c r="N670117" s="10"/>
    </row>
    <row r="670118" spans="14:14">
      <c r="N670118" s="10"/>
    </row>
    <row r="670119" spans="14:14">
      <c r="N670119" s="10"/>
    </row>
    <row r="670120" spans="14:14">
      <c r="N670120" s="10"/>
    </row>
    <row r="670121" spans="14:14">
      <c r="N670121" s="10"/>
    </row>
    <row r="670122" spans="14:14">
      <c r="N670122" s="10"/>
    </row>
    <row r="670123" spans="14:14">
      <c r="N670123" s="10"/>
    </row>
    <row r="670124" spans="14:14">
      <c r="N670124" s="10"/>
    </row>
    <row r="670125" spans="14:14">
      <c r="N670125" s="10"/>
    </row>
    <row r="670126" spans="14:14">
      <c r="N670126" s="10"/>
    </row>
    <row r="670127" spans="14:14">
      <c r="N670127" s="10"/>
    </row>
    <row r="670128" spans="14:14">
      <c r="N670128" s="10"/>
    </row>
    <row r="670129" spans="14:14">
      <c r="N670129" s="10"/>
    </row>
    <row r="670130" spans="14:14">
      <c r="N670130" s="10"/>
    </row>
    <row r="670131" spans="14:14">
      <c r="N670131" s="10"/>
    </row>
    <row r="670132" spans="14:14">
      <c r="N670132" s="10"/>
    </row>
    <row r="670133" spans="14:14">
      <c r="N670133" s="10"/>
    </row>
    <row r="670134" spans="14:14">
      <c r="N670134" s="10"/>
    </row>
    <row r="670135" spans="14:14">
      <c r="N670135" s="10"/>
    </row>
    <row r="670136" spans="14:14">
      <c r="N670136" s="10"/>
    </row>
    <row r="670137" spans="14:14">
      <c r="N670137" s="10"/>
    </row>
    <row r="670138" spans="14:14">
      <c r="N670138" s="10"/>
    </row>
    <row r="670139" spans="14:14">
      <c r="N670139" s="10"/>
    </row>
    <row r="670140" spans="14:14">
      <c r="N670140" s="10"/>
    </row>
    <row r="670141" spans="14:14">
      <c r="N670141" s="10"/>
    </row>
    <row r="670142" spans="14:14">
      <c r="N670142" s="10"/>
    </row>
    <row r="670143" spans="14:14">
      <c r="N670143" s="10"/>
    </row>
    <row r="670144" spans="14:14">
      <c r="N670144" s="10"/>
    </row>
    <row r="670145" spans="14:14">
      <c r="N670145" s="10"/>
    </row>
    <row r="670146" spans="14:14">
      <c r="N670146" s="10"/>
    </row>
    <row r="670147" spans="14:14">
      <c r="N670147" s="10"/>
    </row>
    <row r="670148" spans="14:14">
      <c r="N670148" s="10"/>
    </row>
    <row r="670149" spans="14:14">
      <c r="N670149" s="10"/>
    </row>
    <row r="670150" spans="14:14">
      <c r="N670150" s="10"/>
    </row>
    <row r="670151" spans="14:14">
      <c r="N670151" s="10"/>
    </row>
    <row r="670152" spans="14:14">
      <c r="N670152" s="10"/>
    </row>
    <row r="670153" spans="14:14">
      <c r="N670153" s="10"/>
    </row>
    <row r="670154" spans="14:14">
      <c r="N670154" s="10"/>
    </row>
    <row r="670155" spans="14:14">
      <c r="N670155" s="10"/>
    </row>
    <row r="670156" spans="14:14">
      <c r="N670156" s="10"/>
    </row>
    <row r="670157" spans="14:14">
      <c r="N670157" s="10"/>
    </row>
    <row r="670158" spans="14:14">
      <c r="N670158" s="10"/>
    </row>
    <row r="670159" spans="14:14">
      <c r="N670159" s="10"/>
    </row>
    <row r="670160" spans="14:14">
      <c r="N670160" s="10"/>
    </row>
    <row r="670161" spans="14:14">
      <c r="N670161" s="10"/>
    </row>
    <row r="670162" spans="14:14">
      <c r="N670162" s="10"/>
    </row>
    <row r="670163" spans="14:14">
      <c r="N670163" s="10"/>
    </row>
    <row r="670164" spans="14:14">
      <c r="N670164" s="10"/>
    </row>
    <row r="670165" spans="14:14">
      <c r="N670165" s="10"/>
    </row>
    <row r="670166" spans="14:14">
      <c r="N670166" s="10"/>
    </row>
    <row r="670167" spans="14:14">
      <c r="N670167" s="10"/>
    </row>
    <row r="670168" spans="14:14">
      <c r="N670168" s="10"/>
    </row>
    <row r="670169" spans="14:14">
      <c r="N670169" s="10"/>
    </row>
    <row r="670170" spans="14:14">
      <c r="N670170" s="10"/>
    </row>
    <row r="670171" spans="14:14">
      <c r="N670171" s="10"/>
    </row>
    <row r="670172" spans="14:14">
      <c r="N670172" s="10"/>
    </row>
    <row r="670173" spans="14:14">
      <c r="N670173" s="10"/>
    </row>
    <row r="670174" spans="14:14">
      <c r="N670174" s="10"/>
    </row>
    <row r="670175" spans="14:14">
      <c r="N670175" s="10"/>
    </row>
    <row r="670176" spans="14:14">
      <c r="N670176" s="10"/>
    </row>
    <row r="670177" spans="14:14">
      <c r="N670177" s="10"/>
    </row>
    <row r="670178" spans="14:14">
      <c r="N670178" s="10"/>
    </row>
    <row r="670179" spans="14:14">
      <c r="N670179" s="10"/>
    </row>
    <row r="670180" spans="14:14">
      <c r="N670180" s="10"/>
    </row>
    <row r="670181" spans="14:14">
      <c r="N670181" s="10"/>
    </row>
    <row r="670182" spans="14:14">
      <c r="N670182" s="10"/>
    </row>
    <row r="670183" spans="14:14">
      <c r="N670183" s="10"/>
    </row>
    <row r="670184" spans="14:14">
      <c r="N670184" s="10"/>
    </row>
    <row r="670185" spans="14:14">
      <c r="N670185" s="10"/>
    </row>
    <row r="670186" spans="14:14">
      <c r="N670186" s="10"/>
    </row>
    <row r="670187" spans="14:14">
      <c r="N670187" s="10"/>
    </row>
    <row r="670188" spans="14:14">
      <c r="N670188" s="10"/>
    </row>
    <row r="670189" spans="14:14">
      <c r="N670189" s="10"/>
    </row>
    <row r="670190" spans="14:14">
      <c r="N670190" s="10"/>
    </row>
    <row r="670191" spans="14:14">
      <c r="N670191" s="10"/>
    </row>
    <row r="670192" spans="14:14">
      <c r="N670192" s="10"/>
    </row>
    <row r="670193" spans="14:14">
      <c r="N670193" s="10"/>
    </row>
    <row r="670194" spans="14:14">
      <c r="N670194" s="10"/>
    </row>
    <row r="670195" spans="14:14">
      <c r="N670195" s="10"/>
    </row>
    <row r="670196" spans="14:14">
      <c r="N670196" s="10"/>
    </row>
    <row r="670197" spans="14:14">
      <c r="N670197" s="10"/>
    </row>
    <row r="670198" spans="14:14">
      <c r="N670198" s="10"/>
    </row>
    <row r="670199" spans="14:14">
      <c r="N670199" s="10"/>
    </row>
    <row r="670200" spans="14:14">
      <c r="N670200" s="10"/>
    </row>
    <row r="670201" spans="14:14">
      <c r="N670201" s="10"/>
    </row>
    <row r="670202" spans="14:14">
      <c r="N670202" s="10"/>
    </row>
    <row r="670203" spans="14:14">
      <c r="N670203" s="10"/>
    </row>
    <row r="670204" spans="14:14">
      <c r="N670204" s="10"/>
    </row>
    <row r="670205" spans="14:14">
      <c r="N670205" s="10"/>
    </row>
    <row r="670206" spans="14:14">
      <c r="N670206" s="10"/>
    </row>
    <row r="670207" spans="14:14">
      <c r="N670207" s="10"/>
    </row>
    <row r="670208" spans="14:14">
      <c r="N670208" s="10"/>
    </row>
    <row r="670209" spans="14:14">
      <c r="N670209" s="10"/>
    </row>
    <row r="670210" spans="14:14">
      <c r="N670210" s="10"/>
    </row>
    <row r="670211" spans="14:14">
      <c r="N670211" s="10"/>
    </row>
    <row r="670212" spans="14:14">
      <c r="N670212" s="10"/>
    </row>
    <row r="670213" spans="14:14">
      <c r="N670213" s="10"/>
    </row>
    <row r="670214" spans="14:14">
      <c r="N670214" s="10"/>
    </row>
    <row r="670215" spans="14:14">
      <c r="N670215" s="10"/>
    </row>
    <row r="670216" spans="14:14">
      <c r="N670216" s="10"/>
    </row>
    <row r="670217" spans="14:14">
      <c r="N670217" s="10"/>
    </row>
    <row r="670218" spans="14:14">
      <c r="N670218" s="10"/>
    </row>
    <row r="670219" spans="14:14">
      <c r="N670219" s="10"/>
    </row>
    <row r="670220" spans="14:14">
      <c r="N670220" s="10"/>
    </row>
    <row r="670221" spans="14:14">
      <c r="N670221" s="10"/>
    </row>
    <row r="670222" spans="14:14">
      <c r="N670222" s="10"/>
    </row>
    <row r="670223" spans="14:14">
      <c r="N670223" s="10"/>
    </row>
    <row r="670224" spans="14:14">
      <c r="N670224" s="10"/>
    </row>
    <row r="670225" spans="14:14">
      <c r="N670225" s="10"/>
    </row>
    <row r="670226" spans="14:14">
      <c r="N670226" s="10"/>
    </row>
    <row r="670227" spans="14:14">
      <c r="N670227" s="10"/>
    </row>
    <row r="670228" spans="14:14">
      <c r="N670228" s="10"/>
    </row>
    <row r="670229" spans="14:14">
      <c r="N670229" s="10"/>
    </row>
    <row r="670230" spans="14:14">
      <c r="N670230" s="10"/>
    </row>
    <row r="670231" spans="14:14">
      <c r="N670231" s="10"/>
    </row>
    <row r="670232" spans="14:14">
      <c r="N670232" s="10"/>
    </row>
    <row r="670233" spans="14:14">
      <c r="N670233" s="10"/>
    </row>
    <row r="670234" spans="14:14">
      <c r="N670234" s="10"/>
    </row>
    <row r="670235" spans="14:14">
      <c r="N670235" s="10"/>
    </row>
    <row r="670236" spans="14:14">
      <c r="N670236" s="10"/>
    </row>
    <row r="670237" spans="14:14">
      <c r="N670237" s="10"/>
    </row>
    <row r="670238" spans="14:14">
      <c r="N670238" s="10"/>
    </row>
    <row r="670239" spans="14:14">
      <c r="N670239" s="10"/>
    </row>
    <row r="670240" spans="14:14">
      <c r="N670240" s="10"/>
    </row>
    <row r="670241" spans="14:14">
      <c r="N670241" s="10"/>
    </row>
    <row r="670242" spans="14:14">
      <c r="N670242" s="10"/>
    </row>
    <row r="670243" spans="14:14">
      <c r="N670243" s="10"/>
    </row>
    <row r="670244" spans="14:14">
      <c r="N670244" s="10"/>
    </row>
    <row r="670245" spans="14:14">
      <c r="N670245" s="10"/>
    </row>
    <row r="670246" spans="14:14">
      <c r="N670246" s="10"/>
    </row>
    <row r="670247" spans="14:14">
      <c r="N670247" s="10"/>
    </row>
    <row r="670248" spans="14:14">
      <c r="N670248" s="10"/>
    </row>
    <row r="670249" spans="14:14">
      <c r="N670249" s="10"/>
    </row>
    <row r="670250" spans="14:14">
      <c r="N670250" s="10"/>
    </row>
    <row r="670251" spans="14:14">
      <c r="N670251" s="10"/>
    </row>
    <row r="670252" spans="14:14">
      <c r="N670252" s="10"/>
    </row>
    <row r="670253" spans="14:14">
      <c r="N670253" s="10"/>
    </row>
    <row r="670254" spans="14:14">
      <c r="N670254" s="10"/>
    </row>
    <row r="670255" spans="14:14">
      <c r="N670255" s="10"/>
    </row>
    <row r="670256" spans="14:14">
      <c r="N670256" s="10"/>
    </row>
    <row r="670257" spans="14:14">
      <c r="N670257" s="10"/>
    </row>
    <row r="670258" spans="14:14">
      <c r="N670258" s="10"/>
    </row>
    <row r="670259" spans="14:14">
      <c r="N670259" s="10"/>
    </row>
    <row r="670260" spans="14:14">
      <c r="N670260" s="10"/>
    </row>
    <row r="670261" spans="14:14">
      <c r="N670261" s="10"/>
    </row>
    <row r="670262" spans="14:14">
      <c r="N670262" s="10"/>
    </row>
    <row r="670263" spans="14:14">
      <c r="N670263" s="10"/>
    </row>
    <row r="670264" spans="14:14">
      <c r="N670264" s="10"/>
    </row>
    <row r="670265" spans="14:14">
      <c r="N670265" s="10"/>
    </row>
    <row r="670266" spans="14:14">
      <c r="N670266" s="10"/>
    </row>
    <row r="670267" spans="14:14">
      <c r="N670267" s="10"/>
    </row>
    <row r="670268" spans="14:14">
      <c r="N670268" s="10"/>
    </row>
    <row r="670269" spans="14:14">
      <c r="N670269" s="10"/>
    </row>
    <row r="670270" spans="14:14">
      <c r="N670270" s="10"/>
    </row>
    <row r="670271" spans="14:14">
      <c r="N670271" s="10"/>
    </row>
    <row r="670272" spans="14:14">
      <c r="N670272" s="10"/>
    </row>
    <row r="670273" spans="14:14">
      <c r="N670273" s="10"/>
    </row>
    <row r="670274" spans="14:14">
      <c r="N670274" s="10"/>
    </row>
    <row r="670275" spans="14:14">
      <c r="N670275" s="10"/>
    </row>
    <row r="670276" spans="14:14">
      <c r="N670276" s="10"/>
    </row>
    <row r="670277" spans="14:14">
      <c r="N670277" s="10"/>
    </row>
    <row r="670278" spans="14:14">
      <c r="N670278" s="10"/>
    </row>
    <row r="670279" spans="14:14">
      <c r="N670279" s="10"/>
    </row>
    <row r="670280" spans="14:14">
      <c r="N670280" s="10"/>
    </row>
    <row r="670281" spans="14:14">
      <c r="N670281" s="10"/>
    </row>
    <row r="670282" spans="14:14">
      <c r="N670282" s="10"/>
    </row>
    <row r="670283" spans="14:14">
      <c r="N670283" s="10"/>
    </row>
    <row r="670284" spans="14:14">
      <c r="N670284" s="10"/>
    </row>
    <row r="670285" spans="14:14">
      <c r="N670285" s="10"/>
    </row>
    <row r="670286" spans="14:14">
      <c r="N670286" s="10"/>
    </row>
    <row r="670287" spans="14:14">
      <c r="N670287" s="10"/>
    </row>
    <row r="670288" spans="14:14">
      <c r="N670288" s="10"/>
    </row>
    <row r="670289" spans="14:14">
      <c r="N670289" s="10"/>
    </row>
    <row r="670290" spans="14:14">
      <c r="N670290" s="10"/>
    </row>
    <row r="670291" spans="14:14">
      <c r="N670291" s="10"/>
    </row>
    <row r="670292" spans="14:14">
      <c r="N670292" s="10"/>
    </row>
    <row r="670293" spans="14:14">
      <c r="N670293" s="10"/>
    </row>
    <row r="670294" spans="14:14">
      <c r="N670294" s="10"/>
    </row>
    <row r="670295" spans="14:14">
      <c r="N670295" s="10"/>
    </row>
    <row r="670296" spans="14:14">
      <c r="N670296" s="10"/>
    </row>
    <row r="670297" spans="14:14">
      <c r="N670297" s="10"/>
    </row>
    <row r="670298" spans="14:14">
      <c r="N670298" s="10"/>
    </row>
    <row r="670299" spans="14:14">
      <c r="N670299" s="10"/>
    </row>
    <row r="670300" spans="14:14">
      <c r="N670300" s="10"/>
    </row>
    <row r="670301" spans="14:14">
      <c r="N670301" s="10"/>
    </row>
    <row r="670302" spans="14:14">
      <c r="N670302" s="10"/>
    </row>
    <row r="670303" spans="14:14">
      <c r="N670303" s="10"/>
    </row>
    <row r="670304" spans="14:14">
      <c r="N670304" s="10"/>
    </row>
    <row r="670305" spans="14:14">
      <c r="N670305" s="10"/>
    </row>
    <row r="670306" spans="14:14">
      <c r="N670306" s="10"/>
    </row>
    <row r="670307" spans="14:14">
      <c r="N670307" s="10"/>
    </row>
    <row r="670308" spans="14:14">
      <c r="N670308" s="10"/>
    </row>
    <row r="670309" spans="14:14">
      <c r="N670309" s="10"/>
    </row>
    <row r="670310" spans="14:14">
      <c r="N670310" s="10"/>
    </row>
    <row r="670311" spans="14:14">
      <c r="N670311" s="10"/>
    </row>
    <row r="670312" spans="14:14">
      <c r="N670312" s="10"/>
    </row>
    <row r="670313" spans="14:14">
      <c r="N670313" s="10"/>
    </row>
    <row r="670314" spans="14:14">
      <c r="N670314" s="10"/>
    </row>
    <row r="670315" spans="14:14">
      <c r="N670315" s="10"/>
    </row>
    <row r="670316" spans="14:14">
      <c r="N670316" s="10"/>
    </row>
    <row r="670317" spans="14:14">
      <c r="N670317" s="10"/>
    </row>
    <row r="670318" spans="14:14">
      <c r="N670318" s="10"/>
    </row>
    <row r="670319" spans="14:14">
      <c r="N670319" s="10"/>
    </row>
    <row r="670320" spans="14:14">
      <c r="N670320" s="10"/>
    </row>
    <row r="670321" spans="14:14">
      <c r="N670321" s="10"/>
    </row>
    <row r="670322" spans="14:14">
      <c r="N670322" s="10"/>
    </row>
    <row r="670323" spans="14:14">
      <c r="N670323" s="10"/>
    </row>
    <row r="670324" spans="14:14">
      <c r="N670324" s="10"/>
    </row>
    <row r="670325" spans="14:14">
      <c r="N670325" s="10"/>
    </row>
    <row r="670326" spans="14:14">
      <c r="N670326" s="10"/>
    </row>
    <row r="670327" spans="14:14">
      <c r="N670327" s="10"/>
    </row>
    <row r="670328" spans="14:14">
      <c r="N670328" s="10"/>
    </row>
    <row r="670329" spans="14:14">
      <c r="N670329" s="10"/>
    </row>
    <row r="670330" spans="14:14">
      <c r="N670330" s="10"/>
    </row>
    <row r="670331" spans="14:14">
      <c r="N670331" s="10"/>
    </row>
    <row r="670332" spans="14:14">
      <c r="N670332" s="10"/>
    </row>
    <row r="670333" spans="14:14">
      <c r="N670333" s="10"/>
    </row>
    <row r="670334" spans="14:14">
      <c r="N670334" s="10"/>
    </row>
    <row r="670335" spans="14:14">
      <c r="N670335" s="10"/>
    </row>
    <row r="670336" spans="14:14">
      <c r="N670336" s="10"/>
    </row>
    <row r="670337" spans="14:14">
      <c r="N670337" s="10"/>
    </row>
    <row r="670338" spans="14:14">
      <c r="N670338" s="10"/>
    </row>
    <row r="670339" spans="14:14">
      <c r="N670339" s="10"/>
    </row>
    <row r="670340" spans="14:14">
      <c r="N670340" s="10"/>
    </row>
    <row r="670341" spans="14:14">
      <c r="N670341" s="10"/>
    </row>
    <row r="670342" spans="14:14">
      <c r="N670342" s="10"/>
    </row>
    <row r="670343" spans="14:14">
      <c r="N670343" s="10"/>
    </row>
    <row r="670344" spans="14:14">
      <c r="N670344" s="10"/>
    </row>
    <row r="670345" spans="14:14">
      <c r="N670345" s="10"/>
    </row>
    <row r="670346" spans="14:14">
      <c r="N670346" s="10"/>
    </row>
    <row r="670347" spans="14:14">
      <c r="N670347" s="10"/>
    </row>
    <row r="670348" spans="14:14">
      <c r="N670348" s="10"/>
    </row>
    <row r="670349" spans="14:14">
      <c r="N670349" s="10"/>
    </row>
    <row r="670350" spans="14:14">
      <c r="N670350" s="10"/>
    </row>
    <row r="670351" spans="14:14">
      <c r="N670351" s="10"/>
    </row>
    <row r="670352" spans="14:14">
      <c r="N670352" s="10"/>
    </row>
    <row r="670353" spans="14:14">
      <c r="N670353" s="10"/>
    </row>
    <row r="670354" spans="14:14">
      <c r="N670354" s="10"/>
    </row>
    <row r="670355" spans="14:14">
      <c r="N670355" s="10"/>
    </row>
    <row r="670356" spans="14:14">
      <c r="N670356" s="10"/>
    </row>
    <row r="670357" spans="14:14">
      <c r="N670357" s="10"/>
    </row>
    <row r="670358" spans="14:14">
      <c r="N670358" s="10"/>
    </row>
    <row r="670359" spans="14:14">
      <c r="N670359" s="10"/>
    </row>
    <row r="670360" spans="14:14">
      <c r="N670360" s="10"/>
    </row>
    <row r="670361" spans="14:14">
      <c r="N670361" s="10"/>
    </row>
    <row r="670362" spans="14:14">
      <c r="N670362" s="10"/>
    </row>
    <row r="670363" spans="14:14">
      <c r="N670363" s="10"/>
    </row>
    <row r="670364" spans="14:14">
      <c r="N670364" s="10"/>
    </row>
    <row r="670365" spans="14:14">
      <c r="N670365" s="10"/>
    </row>
    <row r="670366" spans="14:14">
      <c r="N670366" s="10"/>
    </row>
    <row r="670367" spans="14:14">
      <c r="N670367" s="10"/>
    </row>
    <row r="670368" spans="14:14">
      <c r="N670368" s="10"/>
    </row>
    <row r="670369" spans="14:14">
      <c r="N670369" s="10"/>
    </row>
    <row r="670370" spans="14:14">
      <c r="N670370" s="10"/>
    </row>
    <row r="670371" spans="14:14">
      <c r="N670371" s="10"/>
    </row>
    <row r="670372" spans="14:14">
      <c r="N670372" s="10"/>
    </row>
    <row r="670373" spans="14:14">
      <c r="N670373" s="10"/>
    </row>
    <row r="670374" spans="14:14">
      <c r="N670374" s="10"/>
    </row>
    <row r="670375" spans="14:14">
      <c r="N670375" s="10"/>
    </row>
    <row r="670376" spans="14:14">
      <c r="N670376" s="10"/>
    </row>
    <row r="670377" spans="14:14">
      <c r="N670377" s="10"/>
    </row>
    <row r="670378" spans="14:14">
      <c r="N670378" s="10"/>
    </row>
    <row r="670379" spans="14:14">
      <c r="N670379" s="10"/>
    </row>
    <row r="670380" spans="14:14">
      <c r="N670380" s="10"/>
    </row>
    <row r="670381" spans="14:14">
      <c r="N670381" s="10"/>
    </row>
    <row r="670382" spans="14:14">
      <c r="N670382" s="10"/>
    </row>
    <row r="670383" spans="14:14">
      <c r="N670383" s="10"/>
    </row>
    <row r="670384" spans="14:14">
      <c r="N670384" s="10"/>
    </row>
    <row r="670385" spans="14:14">
      <c r="N670385" s="10"/>
    </row>
    <row r="670386" spans="14:14">
      <c r="N670386" s="10"/>
    </row>
    <row r="670387" spans="14:14">
      <c r="N670387" s="10"/>
    </row>
    <row r="670388" spans="14:14">
      <c r="N670388" s="10"/>
    </row>
    <row r="670389" spans="14:14">
      <c r="N670389" s="10"/>
    </row>
    <row r="670390" spans="14:14">
      <c r="N670390" s="10"/>
    </row>
    <row r="670391" spans="14:14">
      <c r="N670391" s="10"/>
    </row>
    <row r="670392" spans="14:14">
      <c r="N670392" s="10"/>
    </row>
    <row r="670393" spans="14:14">
      <c r="N670393" s="10"/>
    </row>
    <row r="670394" spans="14:14">
      <c r="N670394" s="10"/>
    </row>
    <row r="670395" spans="14:14">
      <c r="N670395" s="10"/>
    </row>
    <row r="670396" spans="14:14">
      <c r="N670396" s="10"/>
    </row>
    <row r="670397" spans="14:14">
      <c r="N670397" s="10"/>
    </row>
    <row r="670398" spans="14:14">
      <c r="N670398" s="10"/>
    </row>
    <row r="670399" spans="14:14">
      <c r="N670399" s="10"/>
    </row>
    <row r="670400" spans="14:14">
      <c r="N670400" s="10"/>
    </row>
    <row r="670401" spans="14:14">
      <c r="N670401" s="10"/>
    </row>
    <row r="670402" spans="14:14">
      <c r="N670402" s="10"/>
    </row>
    <row r="670403" spans="14:14">
      <c r="N670403" s="10"/>
    </row>
    <row r="670404" spans="14:14">
      <c r="N670404" s="10"/>
    </row>
    <row r="670405" spans="14:14">
      <c r="N670405" s="10"/>
    </row>
    <row r="670406" spans="14:14">
      <c r="N670406" s="10"/>
    </row>
    <row r="670407" spans="14:14">
      <c r="N670407" s="10"/>
    </row>
    <row r="670408" spans="14:14">
      <c r="N670408" s="10"/>
    </row>
    <row r="670409" spans="14:14">
      <c r="N670409" s="10"/>
    </row>
    <row r="670410" spans="14:14">
      <c r="N670410" s="10"/>
    </row>
    <row r="670411" spans="14:14">
      <c r="N670411" s="10"/>
    </row>
    <row r="670412" spans="14:14">
      <c r="N670412" s="10"/>
    </row>
    <row r="670413" spans="14:14">
      <c r="N670413" s="10"/>
    </row>
    <row r="670414" spans="14:14">
      <c r="N670414" s="10"/>
    </row>
    <row r="670415" spans="14:14">
      <c r="N670415" s="10"/>
    </row>
    <row r="670416" spans="14:14">
      <c r="N670416" s="10"/>
    </row>
    <row r="670417" spans="14:14">
      <c r="N670417" s="10"/>
    </row>
    <row r="670418" spans="14:14">
      <c r="N670418" s="10"/>
    </row>
    <row r="670419" spans="14:14">
      <c r="N670419" s="10"/>
    </row>
    <row r="670420" spans="14:14">
      <c r="N670420" s="10"/>
    </row>
    <row r="670421" spans="14:14">
      <c r="N670421" s="10"/>
    </row>
    <row r="670422" spans="14:14">
      <c r="N670422" s="10"/>
    </row>
    <row r="670423" spans="14:14">
      <c r="N670423" s="10"/>
    </row>
    <row r="670424" spans="14:14">
      <c r="N670424" s="10"/>
    </row>
    <row r="670425" spans="14:14">
      <c r="N670425" s="10"/>
    </row>
    <row r="670426" spans="14:14">
      <c r="N670426" s="10"/>
    </row>
    <row r="670427" spans="14:14">
      <c r="N670427" s="10"/>
    </row>
    <row r="670428" spans="14:14">
      <c r="N670428" s="10"/>
    </row>
    <row r="670429" spans="14:14">
      <c r="N670429" s="10"/>
    </row>
    <row r="670430" spans="14:14">
      <c r="N670430" s="10"/>
    </row>
    <row r="670431" spans="14:14">
      <c r="N670431" s="10"/>
    </row>
    <row r="670432" spans="14:14">
      <c r="N670432" s="10"/>
    </row>
    <row r="670433" spans="14:14">
      <c r="N670433" s="10"/>
    </row>
    <row r="670434" spans="14:14">
      <c r="N670434" s="10"/>
    </row>
    <row r="670435" spans="14:14">
      <c r="N670435" s="10"/>
    </row>
    <row r="670436" spans="14:14">
      <c r="N670436" s="10"/>
    </row>
    <row r="670437" spans="14:14">
      <c r="N670437" s="10"/>
    </row>
    <row r="670438" spans="14:14">
      <c r="N670438" s="10"/>
    </row>
    <row r="670439" spans="14:14">
      <c r="N670439" s="10"/>
    </row>
    <row r="670440" spans="14:14">
      <c r="N670440" s="10"/>
    </row>
    <row r="670441" spans="14:14">
      <c r="N670441" s="10"/>
    </row>
    <row r="670442" spans="14:14">
      <c r="N670442" s="10"/>
    </row>
    <row r="670443" spans="14:14">
      <c r="N670443" s="10"/>
    </row>
    <row r="670444" spans="14:14">
      <c r="N670444" s="10"/>
    </row>
    <row r="670445" spans="14:14">
      <c r="N670445" s="10"/>
    </row>
    <row r="670446" spans="14:14">
      <c r="N670446" s="10"/>
    </row>
    <row r="670447" spans="14:14">
      <c r="N670447" s="10"/>
    </row>
    <row r="670448" spans="14:14">
      <c r="N670448" s="10"/>
    </row>
    <row r="670449" spans="14:14">
      <c r="N670449" s="10"/>
    </row>
    <row r="670450" spans="14:14">
      <c r="N670450" s="10"/>
    </row>
    <row r="670451" spans="14:14">
      <c r="N670451" s="10"/>
    </row>
    <row r="670452" spans="14:14">
      <c r="N670452" s="10"/>
    </row>
    <row r="670453" spans="14:14">
      <c r="N670453" s="10"/>
    </row>
    <row r="670454" spans="14:14">
      <c r="N670454" s="10"/>
    </row>
    <row r="670455" spans="14:14">
      <c r="N670455" s="10"/>
    </row>
    <row r="670456" spans="14:14">
      <c r="N670456" s="10"/>
    </row>
    <row r="670457" spans="14:14">
      <c r="N670457" s="10"/>
    </row>
    <row r="670458" spans="14:14">
      <c r="N670458" s="10"/>
    </row>
    <row r="670459" spans="14:14">
      <c r="N670459" s="10"/>
    </row>
    <row r="670460" spans="14:14">
      <c r="N670460" s="10"/>
    </row>
    <row r="670461" spans="14:14">
      <c r="N670461" s="10"/>
    </row>
    <row r="670462" spans="14:14">
      <c r="N670462" s="10"/>
    </row>
    <row r="670463" spans="14:14">
      <c r="N670463" s="10"/>
    </row>
    <row r="670464" spans="14:14">
      <c r="N670464" s="10"/>
    </row>
    <row r="670465" spans="14:14">
      <c r="N670465" s="10"/>
    </row>
    <row r="670466" spans="14:14">
      <c r="N670466" s="10"/>
    </row>
    <row r="670467" spans="14:14">
      <c r="N670467" s="10"/>
    </row>
    <row r="670468" spans="14:14">
      <c r="N670468" s="10"/>
    </row>
    <row r="670469" spans="14:14">
      <c r="N670469" s="10"/>
    </row>
    <row r="670470" spans="14:14">
      <c r="N670470" s="10"/>
    </row>
    <row r="670471" spans="14:14">
      <c r="N670471" s="10"/>
    </row>
    <row r="670472" spans="14:14">
      <c r="N670472" s="10"/>
    </row>
    <row r="670473" spans="14:14">
      <c r="N670473" s="10"/>
    </row>
    <row r="670474" spans="14:14">
      <c r="N670474" s="10"/>
    </row>
    <row r="670475" spans="14:14">
      <c r="N670475" s="10"/>
    </row>
    <row r="670476" spans="14:14">
      <c r="N670476" s="10"/>
    </row>
    <row r="670477" spans="14:14">
      <c r="N670477" s="10"/>
    </row>
    <row r="670478" spans="14:14">
      <c r="N670478" s="10"/>
    </row>
    <row r="670479" spans="14:14">
      <c r="N670479" s="10"/>
    </row>
    <row r="670480" spans="14:14">
      <c r="N670480" s="10"/>
    </row>
    <row r="670481" spans="14:14">
      <c r="N670481" s="10"/>
    </row>
    <row r="670482" spans="14:14">
      <c r="N670482" s="10"/>
    </row>
    <row r="670483" spans="14:14">
      <c r="N670483" s="10"/>
    </row>
    <row r="670484" spans="14:14">
      <c r="N670484" s="10"/>
    </row>
    <row r="670485" spans="14:14">
      <c r="N670485" s="10"/>
    </row>
    <row r="670486" spans="14:14">
      <c r="N670486" s="10"/>
    </row>
    <row r="670487" spans="14:14">
      <c r="N670487" s="10"/>
    </row>
    <row r="670488" spans="14:14">
      <c r="N670488" s="10"/>
    </row>
    <row r="670489" spans="14:14">
      <c r="N670489" s="10"/>
    </row>
    <row r="670490" spans="14:14">
      <c r="N670490" s="10"/>
    </row>
    <row r="670491" spans="14:14">
      <c r="N670491" s="10"/>
    </row>
    <row r="670492" spans="14:14">
      <c r="N670492" s="10"/>
    </row>
    <row r="670493" spans="14:14">
      <c r="N670493" s="10"/>
    </row>
    <row r="670494" spans="14:14">
      <c r="N670494" s="10"/>
    </row>
    <row r="670495" spans="14:14">
      <c r="N670495" s="10"/>
    </row>
    <row r="670496" spans="14:14">
      <c r="N670496" s="10"/>
    </row>
    <row r="670497" spans="14:14">
      <c r="N670497" s="10"/>
    </row>
    <row r="670498" spans="14:14">
      <c r="N670498" s="10"/>
    </row>
    <row r="670499" spans="14:14">
      <c r="N670499" s="10"/>
    </row>
    <row r="670500" spans="14:14">
      <c r="N670500" s="10"/>
    </row>
    <row r="670501" spans="14:14">
      <c r="N670501" s="10"/>
    </row>
    <row r="670502" spans="14:14">
      <c r="N670502" s="10"/>
    </row>
    <row r="670503" spans="14:14">
      <c r="N670503" s="10"/>
    </row>
    <row r="670504" spans="14:14">
      <c r="N670504" s="10"/>
    </row>
    <row r="670505" spans="14:14">
      <c r="N670505" s="10"/>
    </row>
    <row r="670506" spans="14:14">
      <c r="N670506" s="10"/>
    </row>
    <row r="670507" spans="14:14">
      <c r="N670507" s="10"/>
    </row>
    <row r="670508" spans="14:14">
      <c r="N670508" s="10"/>
    </row>
    <row r="670509" spans="14:14">
      <c r="N670509" s="10"/>
    </row>
    <row r="670510" spans="14:14">
      <c r="N670510" s="10"/>
    </row>
    <row r="670511" spans="14:14">
      <c r="N670511" s="10"/>
    </row>
    <row r="670512" spans="14:14">
      <c r="N670512" s="10"/>
    </row>
    <row r="670513" spans="14:14">
      <c r="N670513" s="10"/>
    </row>
    <row r="670514" spans="14:14">
      <c r="N670514" s="10"/>
    </row>
    <row r="670515" spans="14:14">
      <c r="N670515" s="10"/>
    </row>
    <row r="670516" spans="14:14">
      <c r="N670516" s="10"/>
    </row>
    <row r="670517" spans="14:14">
      <c r="N670517" s="10"/>
    </row>
    <row r="670518" spans="14:14">
      <c r="N670518" s="10"/>
    </row>
    <row r="670519" spans="14:14">
      <c r="N670519" s="10"/>
    </row>
    <row r="670520" spans="14:14">
      <c r="N670520" s="10"/>
    </row>
    <row r="670521" spans="14:14">
      <c r="N670521" s="10"/>
    </row>
    <row r="670522" spans="14:14">
      <c r="N670522" s="10"/>
    </row>
    <row r="670523" spans="14:14">
      <c r="N670523" s="10"/>
    </row>
    <row r="670524" spans="14:14">
      <c r="N670524" s="10"/>
    </row>
    <row r="670525" spans="14:14">
      <c r="N670525" s="10"/>
    </row>
    <row r="670526" spans="14:14">
      <c r="N670526" s="10"/>
    </row>
    <row r="670527" spans="14:14">
      <c r="N670527" s="10"/>
    </row>
    <row r="670528" spans="14:14">
      <c r="N670528" s="10"/>
    </row>
    <row r="670529" spans="14:14">
      <c r="N670529" s="10"/>
    </row>
    <row r="670530" spans="14:14">
      <c r="N670530" s="10"/>
    </row>
    <row r="670531" spans="14:14">
      <c r="N670531" s="10"/>
    </row>
    <row r="670532" spans="14:14">
      <c r="N670532" s="10"/>
    </row>
    <row r="670533" spans="14:14">
      <c r="N670533" s="10"/>
    </row>
    <row r="670534" spans="14:14">
      <c r="N670534" s="10"/>
    </row>
    <row r="670535" spans="14:14">
      <c r="N670535" s="10"/>
    </row>
    <row r="670536" spans="14:14">
      <c r="N670536" s="10"/>
    </row>
    <row r="670537" spans="14:14">
      <c r="N670537" s="10"/>
    </row>
    <row r="670538" spans="14:14">
      <c r="N670538" s="10"/>
    </row>
    <row r="670539" spans="14:14">
      <c r="N670539" s="10"/>
    </row>
    <row r="670540" spans="14:14">
      <c r="N670540" s="10"/>
    </row>
    <row r="670541" spans="14:14">
      <c r="N670541" s="10"/>
    </row>
    <row r="670542" spans="14:14">
      <c r="N670542" s="10"/>
    </row>
    <row r="670543" spans="14:14">
      <c r="N670543" s="10"/>
    </row>
    <row r="670544" spans="14:14">
      <c r="N670544" s="10"/>
    </row>
    <row r="670545" spans="14:14">
      <c r="N670545" s="10"/>
    </row>
    <row r="670546" spans="14:14">
      <c r="N670546" s="10"/>
    </row>
    <row r="670547" spans="14:14">
      <c r="N670547" s="10"/>
    </row>
    <row r="670548" spans="14:14">
      <c r="N670548" s="10"/>
    </row>
    <row r="670549" spans="14:14">
      <c r="N670549" s="10"/>
    </row>
    <row r="670550" spans="14:14">
      <c r="N670550" s="10"/>
    </row>
    <row r="670551" spans="14:14">
      <c r="N670551" s="10"/>
    </row>
    <row r="670552" spans="14:14">
      <c r="N670552" s="10"/>
    </row>
    <row r="670553" spans="14:14">
      <c r="N670553" s="10"/>
    </row>
    <row r="670554" spans="14:14">
      <c r="N670554" s="10"/>
    </row>
    <row r="670555" spans="14:14">
      <c r="N670555" s="10"/>
    </row>
    <row r="670556" spans="14:14">
      <c r="N670556" s="10"/>
    </row>
    <row r="670557" spans="14:14">
      <c r="N670557" s="10"/>
    </row>
    <row r="670558" spans="14:14">
      <c r="N670558" s="10"/>
    </row>
    <row r="670559" spans="14:14">
      <c r="N670559" s="10"/>
    </row>
    <row r="670560" spans="14:14">
      <c r="N670560" s="10"/>
    </row>
    <row r="670561" spans="14:14">
      <c r="N670561" s="10"/>
    </row>
    <row r="670562" spans="14:14">
      <c r="N670562" s="10"/>
    </row>
    <row r="670563" spans="14:14">
      <c r="N670563" s="10"/>
    </row>
    <row r="670564" spans="14:14">
      <c r="N670564" s="10"/>
    </row>
    <row r="670565" spans="14:14">
      <c r="N670565" s="10"/>
    </row>
    <row r="670566" spans="14:14">
      <c r="N670566" s="10"/>
    </row>
    <row r="670567" spans="14:14">
      <c r="N670567" s="10"/>
    </row>
    <row r="670568" spans="14:14">
      <c r="N670568" s="10"/>
    </row>
    <row r="670569" spans="14:14">
      <c r="N670569" s="10"/>
    </row>
    <row r="670570" spans="14:14">
      <c r="N670570" s="10"/>
    </row>
    <row r="670571" spans="14:14">
      <c r="N670571" s="10"/>
    </row>
    <row r="670572" spans="14:14">
      <c r="N670572" s="10"/>
    </row>
    <row r="670573" spans="14:14">
      <c r="N670573" s="10"/>
    </row>
    <row r="670574" spans="14:14">
      <c r="N670574" s="10"/>
    </row>
    <row r="670575" spans="14:14">
      <c r="N670575" s="10"/>
    </row>
    <row r="670576" spans="14:14">
      <c r="N670576" s="10"/>
    </row>
    <row r="670577" spans="14:14">
      <c r="N670577" s="10"/>
    </row>
    <row r="670578" spans="14:14">
      <c r="N670578" s="10"/>
    </row>
    <row r="670579" spans="14:14">
      <c r="N670579" s="10"/>
    </row>
    <row r="670580" spans="14:14">
      <c r="N670580" s="10"/>
    </row>
    <row r="670581" spans="14:14">
      <c r="N670581" s="10"/>
    </row>
    <row r="670582" spans="14:14">
      <c r="N670582" s="10"/>
    </row>
    <row r="670583" spans="14:14">
      <c r="N670583" s="10"/>
    </row>
    <row r="670584" spans="14:14">
      <c r="N670584" s="10"/>
    </row>
    <row r="670585" spans="14:14">
      <c r="N670585" s="10"/>
    </row>
    <row r="670586" spans="14:14">
      <c r="N670586" s="10"/>
    </row>
    <row r="670587" spans="14:14">
      <c r="N670587" s="10"/>
    </row>
    <row r="670588" spans="14:14">
      <c r="N670588" s="10"/>
    </row>
    <row r="670589" spans="14:14">
      <c r="N670589" s="10"/>
    </row>
    <row r="670590" spans="14:14">
      <c r="N670590" s="10"/>
    </row>
    <row r="670591" spans="14:14">
      <c r="N670591" s="10"/>
    </row>
    <row r="670592" spans="14:14">
      <c r="N670592" s="10"/>
    </row>
    <row r="670593" spans="14:14">
      <c r="N670593" s="10"/>
    </row>
    <row r="670594" spans="14:14">
      <c r="N670594" s="10"/>
    </row>
    <row r="670595" spans="14:14">
      <c r="N670595" s="10"/>
    </row>
    <row r="670596" spans="14:14">
      <c r="N670596" s="10"/>
    </row>
    <row r="670597" spans="14:14">
      <c r="N670597" s="10"/>
    </row>
    <row r="670598" spans="14:14">
      <c r="N670598" s="10"/>
    </row>
    <row r="670599" spans="14:14">
      <c r="N670599" s="10"/>
    </row>
    <row r="670600" spans="14:14">
      <c r="N670600" s="10"/>
    </row>
    <row r="670601" spans="14:14">
      <c r="N670601" s="10"/>
    </row>
    <row r="670602" spans="14:14">
      <c r="N670602" s="10"/>
    </row>
    <row r="670603" spans="14:14">
      <c r="N670603" s="10"/>
    </row>
    <row r="670604" spans="14:14">
      <c r="N670604" s="10"/>
    </row>
    <row r="670605" spans="14:14">
      <c r="N670605" s="10"/>
    </row>
    <row r="670606" spans="14:14">
      <c r="N670606" s="10"/>
    </row>
    <row r="670607" spans="14:14">
      <c r="N670607" s="10"/>
    </row>
    <row r="670608" spans="14:14">
      <c r="N670608" s="10"/>
    </row>
    <row r="670609" spans="14:14">
      <c r="N670609" s="10"/>
    </row>
    <row r="670610" spans="14:14">
      <c r="N670610" s="10"/>
    </row>
    <row r="670611" spans="14:14">
      <c r="N670611" s="10"/>
    </row>
    <row r="670612" spans="14:14">
      <c r="N670612" s="10"/>
    </row>
    <row r="670613" spans="14:14">
      <c r="N670613" s="10"/>
    </row>
    <row r="670614" spans="14:14">
      <c r="N670614" s="10"/>
    </row>
    <row r="670615" spans="14:14">
      <c r="N670615" s="10"/>
    </row>
    <row r="670616" spans="14:14">
      <c r="N670616" s="10"/>
    </row>
    <row r="670617" spans="14:14">
      <c r="N670617" s="10"/>
    </row>
    <row r="670618" spans="14:14">
      <c r="N670618" s="10"/>
    </row>
    <row r="670619" spans="14:14">
      <c r="N670619" s="10"/>
    </row>
    <row r="670620" spans="14:14">
      <c r="N670620" s="10"/>
    </row>
    <row r="670621" spans="14:14">
      <c r="N670621" s="10"/>
    </row>
    <row r="670622" spans="14:14">
      <c r="N670622" s="10"/>
    </row>
    <row r="670623" spans="14:14">
      <c r="N670623" s="10"/>
    </row>
    <row r="670624" spans="14:14">
      <c r="N670624" s="10"/>
    </row>
    <row r="670625" spans="14:14">
      <c r="N670625" s="10"/>
    </row>
    <row r="670626" spans="14:14">
      <c r="N670626" s="10"/>
    </row>
    <row r="670627" spans="14:14">
      <c r="N670627" s="10"/>
    </row>
    <row r="670628" spans="14:14">
      <c r="N670628" s="10"/>
    </row>
    <row r="670629" spans="14:14">
      <c r="N670629" s="10"/>
    </row>
    <row r="670630" spans="14:14">
      <c r="N670630" s="10"/>
    </row>
    <row r="670631" spans="14:14">
      <c r="N670631" s="10"/>
    </row>
    <row r="670632" spans="14:14">
      <c r="N670632" s="10"/>
    </row>
    <row r="670633" spans="14:14">
      <c r="N670633" s="10"/>
    </row>
    <row r="670634" spans="14:14">
      <c r="N670634" s="10"/>
    </row>
    <row r="670635" spans="14:14">
      <c r="N670635" s="10"/>
    </row>
    <row r="670636" spans="14:14">
      <c r="N670636" s="10"/>
    </row>
    <row r="670637" spans="14:14">
      <c r="N670637" s="10"/>
    </row>
    <row r="670638" spans="14:14">
      <c r="N670638" s="10"/>
    </row>
    <row r="670639" spans="14:14">
      <c r="N670639" s="10"/>
    </row>
    <row r="670640" spans="14:14">
      <c r="N670640" s="10"/>
    </row>
    <row r="670641" spans="14:14">
      <c r="N670641" s="10"/>
    </row>
    <row r="670642" spans="14:14">
      <c r="N670642" s="10"/>
    </row>
    <row r="670643" spans="14:14">
      <c r="N670643" s="10"/>
    </row>
    <row r="670644" spans="14:14">
      <c r="N670644" s="10"/>
    </row>
    <row r="670645" spans="14:14">
      <c r="N670645" s="10"/>
    </row>
    <row r="670646" spans="14:14">
      <c r="N670646" s="10"/>
    </row>
    <row r="670647" spans="14:14">
      <c r="N670647" s="10"/>
    </row>
    <row r="670648" spans="14:14">
      <c r="N670648" s="10"/>
    </row>
    <row r="670649" spans="14:14">
      <c r="N670649" s="10"/>
    </row>
    <row r="670650" spans="14:14">
      <c r="N670650" s="10"/>
    </row>
    <row r="670651" spans="14:14">
      <c r="N670651" s="10"/>
    </row>
    <row r="670652" spans="14:14">
      <c r="N670652" s="10"/>
    </row>
    <row r="670653" spans="14:14">
      <c r="N670653" s="10"/>
    </row>
    <row r="670654" spans="14:14">
      <c r="N670654" s="10"/>
    </row>
    <row r="670655" spans="14:14">
      <c r="N670655" s="10"/>
    </row>
    <row r="670656" spans="14:14">
      <c r="N670656" s="10"/>
    </row>
    <row r="670657" spans="14:14">
      <c r="N670657" s="10"/>
    </row>
    <row r="670658" spans="14:14">
      <c r="N670658" s="10"/>
    </row>
    <row r="670659" spans="14:14">
      <c r="N670659" s="10"/>
    </row>
    <row r="670660" spans="14:14">
      <c r="N670660" s="10"/>
    </row>
    <row r="670661" spans="14:14">
      <c r="N670661" s="10"/>
    </row>
    <row r="670662" spans="14:14">
      <c r="N670662" s="10"/>
    </row>
    <row r="670663" spans="14:14">
      <c r="N670663" s="10"/>
    </row>
    <row r="670664" spans="14:14">
      <c r="N670664" s="10"/>
    </row>
    <row r="670665" spans="14:14">
      <c r="N670665" s="10"/>
    </row>
    <row r="670666" spans="14:14">
      <c r="N670666" s="10"/>
    </row>
    <row r="670667" spans="14:14">
      <c r="N670667" s="10"/>
    </row>
    <row r="670668" spans="14:14">
      <c r="N670668" s="10"/>
    </row>
    <row r="670669" spans="14:14">
      <c r="N670669" s="10"/>
    </row>
    <row r="670670" spans="14:14">
      <c r="N670670" s="10"/>
    </row>
    <row r="670671" spans="14:14">
      <c r="N670671" s="10"/>
    </row>
    <row r="670672" spans="14:14">
      <c r="N670672" s="10"/>
    </row>
    <row r="670673" spans="14:14">
      <c r="N670673" s="10"/>
    </row>
    <row r="670674" spans="14:14">
      <c r="N670674" s="10"/>
    </row>
    <row r="670675" spans="14:14">
      <c r="N670675" s="10"/>
    </row>
    <row r="670676" spans="14:14">
      <c r="N670676" s="10"/>
    </row>
    <row r="670677" spans="14:14">
      <c r="N670677" s="10"/>
    </row>
    <row r="670678" spans="14:14">
      <c r="N670678" s="10"/>
    </row>
    <row r="670679" spans="14:14">
      <c r="N670679" s="10"/>
    </row>
    <row r="670680" spans="14:14">
      <c r="N670680" s="10"/>
    </row>
    <row r="670681" spans="14:14">
      <c r="N670681" s="10"/>
    </row>
    <row r="670682" spans="14:14">
      <c r="N670682" s="10"/>
    </row>
    <row r="670683" spans="14:14">
      <c r="N670683" s="10"/>
    </row>
    <row r="670684" spans="14:14">
      <c r="N670684" s="10"/>
    </row>
    <row r="670685" spans="14:14">
      <c r="N670685" s="10"/>
    </row>
    <row r="670686" spans="14:14">
      <c r="N670686" s="10"/>
    </row>
    <row r="670687" spans="14:14">
      <c r="N670687" s="10"/>
    </row>
    <row r="670688" spans="14:14">
      <c r="N670688" s="10"/>
    </row>
    <row r="670689" spans="14:14">
      <c r="N670689" s="10"/>
    </row>
    <row r="670690" spans="14:14">
      <c r="N670690" s="10"/>
    </row>
    <row r="670691" spans="14:14">
      <c r="N670691" s="10"/>
    </row>
    <row r="670692" spans="14:14">
      <c r="N670692" s="10"/>
    </row>
    <row r="670693" spans="14:14">
      <c r="N670693" s="10"/>
    </row>
    <row r="670694" spans="14:14">
      <c r="N670694" s="10"/>
    </row>
    <row r="670695" spans="14:14">
      <c r="N670695" s="10"/>
    </row>
    <row r="670696" spans="14:14">
      <c r="N670696" s="10"/>
    </row>
    <row r="670697" spans="14:14">
      <c r="N670697" s="10"/>
    </row>
    <row r="670698" spans="14:14">
      <c r="N670698" s="10"/>
    </row>
    <row r="670699" spans="14:14">
      <c r="N670699" s="10"/>
    </row>
    <row r="670700" spans="14:14">
      <c r="N670700" s="10"/>
    </row>
    <row r="670701" spans="14:14">
      <c r="N670701" s="10"/>
    </row>
    <row r="670702" spans="14:14">
      <c r="N670702" s="10"/>
    </row>
    <row r="670703" spans="14:14">
      <c r="N670703" s="10"/>
    </row>
    <row r="670704" spans="14:14">
      <c r="N670704" s="10"/>
    </row>
    <row r="670705" spans="14:14">
      <c r="N670705" s="10"/>
    </row>
    <row r="670706" spans="14:14">
      <c r="N670706" s="10"/>
    </row>
    <row r="670707" spans="14:14">
      <c r="N670707" s="10"/>
    </row>
    <row r="670708" spans="14:14">
      <c r="N670708" s="10"/>
    </row>
    <row r="670709" spans="14:14">
      <c r="N670709" s="10"/>
    </row>
    <row r="670710" spans="14:14">
      <c r="N670710" s="10"/>
    </row>
    <row r="670711" spans="14:14">
      <c r="N670711" s="10"/>
    </row>
    <row r="670712" spans="14:14">
      <c r="N670712" s="10"/>
    </row>
    <row r="670713" spans="14:14">
      <c r="N670713" s="10"/>
    </row>
    <row r="670714" spans="14:14">
      <c r="N670714" s="10"/>
    </row>
    <row r="670715" spans="14:14">
      <c r="N670715" s="10"/>
    </row>
    <row r="670716" spans="14:14">
      <c r="N670716" s="10"/>
    </row>
    <row r="670717" spans="14:14">
      <c r="N670717" s="10"/>
    </row>
    <row r="670718" spans="14:14">
      <c r="N670718" s="10"/>
    </row>
    <row r="670719" spans="14:14">
      <c r="N670719" s="10"/>
    </row>
    <row r="670720" spans="14:14">
      <c r="N670720" s="10"/>
    </row>
    <row r="670721" spans="14:14">
      <c r="N670721" s="10"/>
    </row>
    <row r="670722" spans="14:14">
      <c r="N670722" s="10"/>
    </row>
    <row r="670723" spans="14:14">
      <c r="N670723" s="10"/>
    </row>
    <row r="670724" spans="14:14">
      <c r="N670724" s="10"/>
    </row>
    <row r="670725" spans="14:14">
      <c r="N670725" s="10"/>
    </row>
    <row r="670726" spans="14:14">
      <c r="N670726" s="10"/>
    </row>
    <row r="670727" spans="14:14">
      <c r="N670727" s="10"/>
    </row>
    <row r="670728" spans="14:14">
      <c r="N670728" s="10"/>
    </row>
    <row r="670729" spans="14:14">
      <c r="N670729" s="10"/>
    </row>
    <row r="670730" spans="14:14">
      <c r="N670730" s="10"/>
    </row>
    <row r="670731" spans="14:14">
      <c r="N670731" s="10"/>
    </row>
    <row r="670732" spans="14:14">
      <c r="N670732" s="10"/>
    </row>
    <row r="670733" spans="14:14">
      <c r="N670733" s="10"/>
    </row>
    <row r="670734" spans="14:14">
      <c r="N670734" s="10"/>
    </row>
    <row r="670735" spans="14:14">
      <c r="N670735" s="10"/>
    </row>
    <row r="670736" spans="14:14">
      <c r="N670736" s="10"/>
    </row>
    <row r="670737" spans="14:14">
      <c r="N670737" s="10"/>
    </row>
    <row r="670738" spans="14:14">
      <c r="N670738" s="10"/>
    </row>
    <row r="670739" spans="14:14">
      <c r="N670739" s="10"/>
    </row>
    <row r="670740" spans="14:14">
      <c r="N670740" s="10"/>
    </row>
    <row r="670741" spans="14:14">
      <c r="N670741" s="10"/>
    </row>
    <row r="670742" spans="14:14">
      <c r="N670742" s="10"/>
    </row>
    <row r="670743" spans="14:14">
      <c r="N670743" s="10"/>
    </row>
    <row r="670744" spans="14:14">
      <c r="N670744" s="10"/>
    </row>
    <row r="670745" spans="14:14">
      <c r="N670745" s="10"/>
    </row>
    <row r="670746" spans="14:14">
      <c r="N670746" s="10"/>
    </row>
    <row r="670747" spans="14:14">
      <c r="N670747" s="10"/>
    </row>
    <row r="670748" spans="14:14">
      <c r="N670748" s="10"/>
    </row>
    <row r="670749" spans="14:14">
      <c r="N670749" s="10"/>
    </row>
    <row r="670750" spans="14:14">
      <c r="N670750" s="10"/>
    </row>
    <row r="670751" spans="14:14">
      <c r="N670751" s="10"/>
    </row>
    <row r="670752" spans="14:14">
      <c r="N670752" s="10"/>
    </row>
    <row r="670753" spans="14:14">
      <c r="N670753" s="10"/>
    </row>
    <row r="670754" spans="14:14">
      <c r="N670754" s="10"/>
    </row>
    <row r="670755" spans="14:14">
      <c r="N670755" s="10"/>
    </row>
    <row r="670756" spans="14:14">
      <c r="N670756" s="10"/>
    </row>
    <row r="670757" spans="14:14">
      <c r="N670757" s="10"/>
    </row>
    <row r="670758" spans="14:14">
      <c r="N670758" s="10"/>
    </row>
    <row r="670759" spans="14:14">
      <c r="N670759" s="10"/>
    </row>
    <row r="670760" spans="14:14">
      <c r="N670760" s="10"/>
    </row>
    <row r="670761" spans="14:14">
      <c r="N670761" s="10"/>
    </row>
    <row r="670762" spans="14:14">
      <c r="N670762" s="10"/>
    </row>
    <row r="670763" spans="14:14">
      <c r="N670763" s="10"/>
    </row>
    <row r="670764" spans="14:14">
      <c r="N670764" s="10"/>
    </row>
    <row r="670765" spans="14:14">
      <c r="N670765" s="10"/>
    </row>
    <row r="670766" spans="14:14">
      <c r="N670766" s="10"/>
    </row>
    <row r="670767" spans="14:14">
      <c r="N670767" s="10"/>
    </row>
    <row r="670768" spans="14:14">
      <c r="N670768" s="10"/>
    </row>
    <row r="670769" spans="14:14">
      <c r="N670769" s="10"/>
    </row>
    <row r="670770" spans="14:14">
      <c r="N670770" s="10"/>
    </row>
    <row r="670771" spans="14:14">
      <c r="N670771" s="10"/>
    </row>
    <row r="670772" spans="14:14">
      <c r="N670772" s="10"/>
    </row>
    <row r="670773" spans="14:14">
      <c r="N670773" s="10"/>
    </row>
    <row r="670774" spans="14:14">
      <c r="N670774" s="10"/>
    </row>
    <row r="670775" spans="14:14">
      <c r="N670775" s="10"/>
    </row>
    <row r="670776" spans="14:14">
      <c r="N670776" s="10"/>
    </row>
    <row r="670777" spans="14:14">
      <c r="N670777" s="10"/>
    </row>
    <row r="670778" spans="14:14">
      <c r="N670778" s="10"/>
    </row>
    <row r="670779" spans="14:14">
      <c r="N670779" s="10"/>
    </row>
    <row r="670780" spans="14:14">
      <c r="N670780" s="10"/>
    </row>
    <row r="670781" spans="14:14">
      <c r="N670781" s="10"/>
    </row>
    <row r="670782" spans="14:14">
      <c r="N670782" s="10"/>
    </row>
    <row r="670783" spans="14:14">
      <c r="N670783" s="10"/>
    </row>
    <row r="670784" spans="14:14">
      <c r="N670784" s="10"/>
    </row>
    <row r="670785" spans="14:14">
      <c r="N670785" s="10"/>
    </row>
    <row r="670786" spans="14:14">
      <c r="N670786" s="10"/>
    </row>
    <row r="670787" spans="14:14">
      <c r="N670787" s="10"/>
    </row>
    <row r="670788" spans="14:14">
      <c r="N670788" s="10"/>
    </row>
    <row r="670789" spans="14:14">
      <c r="N670789" s="10"/>
    </row>
    <row r="670790" spans="14:14">
      <c r="N670790" s="10"/>
    </row>
    <row r="670791" spans="14:14">
      <c r="N670791" s="10"/>
    </row>
    <row r="670792" spans="14:14">
      <c r="N670792" s="10"/>
    </row>
    <row r="670793" spans="14:14">
      <c r="N670793" s="10"/>
    </row>
    <row r="670794" spans="14:14">
      <c r="N670794" s="10"/>
    </row>
    <row r="670795" spans="14:14">
      <c r="N670795" s="10"/>
    </row>
    <row r="670796" spans="14:14">
      <c r="N670796" s="10"/>
    </row>
    <row r="670797" spans="14:14">
      <c r="N670797" s="10"/>
    </row>
    <row r="670798" spans="14:14">
      <c r="N670798" s="10"/>
    </row>
    <row r="670799" spans="14:14">
      <c r="N670799" s="10"/>
    </row>
    <row r="670800" spans="14:14">
      <c r="N670800" s="10"/>
    </row>
    <row r="670801" spans="14:14">
      <c r="N670801" s="10"/>
    </row>
    <row r="670802" spans="14:14">
      <c r="N670802" s="10"/>
    </row>
    <row r="670803" spans="14:14">
      <c r="N670803" s="10"/>
    </row>
    <row r="670804" spans="14:14">
      <c r="N670804" s="10"/>
    </row>
    <row r="670805" spans="14:14">
      <c r="N670805" s="10"/>
    </row>
    <row r="670806" spans="14:14">
      <c r="N670806" s="10"/>
    </row>
    <row r="670807" spans="14:14">
      <c r="N670807" s="10"/>
    </row>
    <row r="670808" spans="14:14">
      <c r="N670808" s="10"/>
    </row>
    <row r="670809" spans="14:14">
      <c r="N670809" s="10"/>
    </row>
    <row r="670810" spans="14:14">
      <c r="N670810" s="10"/>
    </row>
    <row r="670811" spans="14:14">
      <c r="N670811" s="10"/>
    </row>
    <row r="670812" spans="14:14">
      <c r="N670812" s="10"/>
    </row>
    <row r="670813" spans="14:14">
      <c r="N670813" s="10"/>
    </row>
    <row r="670814" spans="14:14">
      <c r="N670814" s="10"/>
    </row>
    <row r="670815" spans="14:14">
      <c r="N670815" s="10"/>
    </row>
    <row r="670816" spans="14:14">
      <c r="N670816" s="10"/>
    </row>
    <row r="670817" spans="14:14">
      <c r="N670817" s="10"/>
    </row>
    <row r="670818" spans="14:14">
      <c r="N670818" s="10"/>
    </row>
    <row r="670819" spans="14:14">
      <c r="N670819" s="10"/>
    </row>
    <row r="670820" spans="14:14">
      <c r="N670820" s="10"/>
    </row>
    <row r="670821" spans="14:14">
      <c r="N670821" s="10"/>
    </row>
    <row r="670822" spans="14:14">
      <c r="N670822" s="10"/>
    </row>
    <row r="670823" spans="14:14">
      <c r="N670823" s="10"/>
    </row>
    <row r="670824" spans="14:14">
      <c r="N670824" s="10"/>
    </row>
    <row r="670825" spans="14:14">
      <c r="N670825" s="10"/>
    </row>
    <row r="670826" spans="14:14">
      <c r="N670826" s="10"/>
    </row>
    <row r="670827" spans="14:14">
      <c r="N670827" s="10"/>
    </row>
    <row r="670828" spans="14:14">
      <c r="N670828" s="10"/>
    </row>
    <row r="670829" spans="14:14">
      <c r="N670829" s="10"/>
    </row>
    <row r="670830" spans="14:14">
      <c r="N670830" s="10"/>
    </row>
    <row r="670831" spans="14:14">
      <c r="N670831" s="10"/>
    </row>
    <row r="670832" spans="14:14">
      <c r="N670832" s="10"/>
    </row>
    <row r="670833" spans="14:14">
      <c r="N670833" s="10"/>
    </row>
    <row r="670834" spans="14:14">
      <c r="N670834" s="10"/>
    </row>
    <row r="670835" spans="14:14">
      <c r="N670835" s="10"/>
    </row>
    <row r="670836" spans="14:14">
      <c r="N670836" s="10"/>
    </row>
    <row r="670837" spans="14:14">
      <c r="N670837" s="10"/>
    </row>
    <row r="670838" spans="14:14">
      <c r="N670838" s="10"/>
    </row>
    <row r="670839" spans="14:14">
      <c r="N670839" s="10"/>
    </row>
    <row r="670840" spans="14:14">
      <c r="N670840" s="10"/>
    </row>
    <row r="670841" spans="14:14">
      <c r="N670841" s="10"/>
    </row>
    <row r="670842" spans="14:14">
      <c r="N670842" s="10"/>
    </row>
    <row r="670843" spans="14:14">
      <c r="N670843" s="10"/>
    </row>
    <row r="670844" spans="14:14">
      <c r="N670844" s="10"/>
    </row>
    <row r="670845" spans="14:14">
      <c r="N670845" s="10"/>
    </row>
    <row r="670846" spans="14:14">
      <c r="N670846" s="10"/>
    </row>
    <row r="670847" spans="14:14">
      <c r="N670847" s="10"/>
    </row>
    <row r="670848" spans="14:14">
      <c r="N670848" s="10"/>
    </row>
    <row r="670849" spans="14:14">
      <c r="N670849" s="10"/>
    </row>
    <row r="670850" spans="14:14">
      <c r="N670850" s="10"/>
    </row>
    <row r="670851" spans="14:14">
      <c r="N670851" s="10"/>
    </row>
    <row r="670852" spans="14:14">
      <c r="N670852" s="10"/>
    </row>
    <row r="670853" spans="14:14">
      <c r="N670853" s="10"/>
    </row>
    <row r="670854" spans="14:14">
      <c r="N670854" s="10"/>
    </row>
    <row r="670855" spans="14:14">
      <c r="N670855" s="10"/>
    </row>
    <row r="670856" spans="14:14">
      <c r="N670856" s="10"/>
    </row>
    <row r="670857" spans="14:14">
      <c r="N670857" s="10"/>
    </row>
    <row r="670858" spans="14:14">
      <c r="N670858" s="10"/>
    </row>
    <row r="670859" spans="14:14">
      <c r="N670859" s="10"/>
    </row>
    <row r="670860" spans="14:14">
      <c r="N670860" s="10"/>
    </row>
    <row r="670861" spans="14:14">
      <c r="N670861" s="10"/>
    </row>
    <row r="670862" spans="14:14">
      <c r="N670862" s="10"/>
    </row>
    <row r="670863" spans="14:14">
      <c r="N670863" s="10"/>
    </row>
    <row r="670864" spans="14:14">
      <c r="N670864" s="10"/>
    </row>
    <row r="670865" spans="14:14">
      <c r="N670865" s="10"/>
    </row>
    <row r="670866" spans="14:14">
      <c r="N670866" s="10"/>
    </row>
    <row r="670867" spans="14:14">
      <c r="N670867" s="10"/>
    </row>
    <row r="670868" spans="14:14">
      <c r="N670868" s="10"/>
    </row>
    <row r="670869" spans="14:14">
      <c r="N670869" s="10"/>
    </row>
    <row r="670870" spans="14:14">
      <c r="N670870" s="10"/>
    </row>
    <row r="670871" spans="14:14">
      <c r="N670871" s="10"/>
    </row>
    <row r="670872" spans="14:14">
      <c r="N670872" s="10"/>
    </row>
    <row r="670873" spans="14:14">
      <c r="N670873" s="10"/>
    </row>
    <row r="670874" spans="14:14">
      <c r="N670874" s="10"/>
    </row>
    <row r="670875" spans="14:14">
      <c r="N670875" s="10"/>
    </row>
    <row r="670876" spans="14:14">
      <c r="N670876" s="10"/>
    </row>
    <row r="670877" spans="14:14">
      <c r="N670877" s="10"/>
    </row>
    <row r="670878" spans="14:14">
      <c r="N670878" s="10"/>
    </row>
    <row r="670879" spans="14:14">
      <c r="N670879" s="10"/>
    </row>
    <row r="670880" spans="14:14">
      <c r="N670880" s="10"/>
    </row>
    <row r="670881" spans="14:14">
      <c r="N670881" s="10"/>
    </row>
    <row r="670882" spans="14:14">
      <c r="N670882" s="10"/>
    </row>
    <row r="670883" spans="14:14">
      <c r="N670883" s="10"/>
    </row>
    <row r="670884" spans="14:14">
      <c r="N670884" s="10"/>
    </row>
    <row r="670885" spans="14:14">
      <c r="N670885" s="10"/>
    </row>
    <row r="670886" spans="14:14">
      <c r="N670886" s="10"/>
    </row>
    <row r="670887" spans="14:14">
      <c r="N670887" s="10"/>
    </row>
    <row r="670888" spans="14:14">
      <c r="N670888" s="10"/>
    </row>
    <row r="670889" spans="14:14">
      <c r="N670889" s="10"/>
    </row>
    <row r="670890" spans="14:14">
      <c r="N670890" s="10"/>
    </row>
    <row r="670891" spans="14:14">
      <c r="N670891" s="10"/>
    </row>
    <row r="670892" spans="14:14">
      <c r="N670892" s="10"/>
    </row>
    <row r="670893" spans="14:14">
      <c r="N670893" s="10"/>
    </row>
    <row r="670894" spans="14:14">
      <c r="N670894" s="10"/>
    </row>
    <row r="670895" spans="14:14">
      <c r="N670895" s="10"/>
    </row>
    <row r="670896" spans="14:14">
      <c r="N670896" s="10"/>
    </row>
    <row r="670897" spans="14:14">
      <c r="N670897" s="10"/>
    </row>
    <row r="670898" spans="14:14">
      <c r="N670898" s="10"/>
    </row>
    <row r="670899" spans="14:14">
      <c r="N670899" s="10"/>
    </row>
    <row r="670900" spans="14:14">
      <c r="N670900" s="10"/>
    </row>
    <row r="670901" spans="14:14">
      <c r="N670901" s="10"/>
    </row>
    <row r="670902" spans="14:14">
      <c r="N670902" s="10"/>
    </row>
    <row r="670903" spans="14:14">
      <c r="N670903" s="10"/>
    </row>
    <row r="670904" spans="14:14">
      <c r="N670904" s="10"/>
    </row>
    <row r="670905" spans="14:14">
      <c r="N670905" s="10"/>
    </row>
    <row r="670906" spans="14:14">
      <c r="N670906" s="10"/>
    </row>
    <row r="670907" spans="14:14">
      <c r="N670907" s="10"/>
    </row>
    <row r="670908" spans="14:14">
      <c r="N670908" s="10"/>
    </row>
    <row r="670909" spans="14:14">
      <c r="N670909" s="10"/>
    </row>
    <row r="670910" spans="14:14">
      <c r="N670910" s="10"/>
    </row>
    <row r="670911" spans="14:14">
      <c r="N670911" s="10"/>
    </row>
    <row r="670912" spans="14:14">
      <c r="N670912" s="10"/>
    </row>
    <row r="670913" spans="14:14">
      <c r="N670913" s="10"/>
    </row>
    <row r="670914" spans="14:14">
      <c r="N670914" s="10"/>
    </row>
    <row r="670915" spans="14:14">
      <c r="N670915" s="10"/>
    </row>
    <row r="670916" spans="14:14">
      <c r="N670916" s="10"/>
    </row>
    <row r="670917" spans="14:14">
      <c r="N670917" s="10"/>
    </row>
    <row r="670918" spans="14:14">
      <c r="N670918" s="10"/>
    </row>
    <row r="670919" spans="14:14">
      <c r="N670919" s="10"/>
    </row>
    <row r="670920" spans="14:14">
      <c r="N670920" s="10"/>
    </row>
    <row r="670921" spans="14:14">
      <c r="N670921" s="10"/>
    </row>
    <row r="670922" spans="14:14">
      <c r="N670922" s="10"/>
    </row>
    <row r="670923" spans="14:14">
      <c r="N670923" s="10"/>
    </row>
    <row r="670924" spans="14:14">
      <c r="N670924" s="10"/>
    </row>
    <row r="670925" spans="14:14">
      <c r="N670925" s="10"/>
    </row>
    <row r="670926" spans="14:14">
      <c r="N670926" s="10"/>
    </row>
    <row r="670927" spans="14:14">
      <c r="N670927" s="10"/>
    </row>
    <row r="670928" spans="14:14">
      <c r="N670928" s="10"/>
    </row>
    <row r="670929" spans="14:14">
      <c r="N670929" s="10"/>
    </row>
    <row r="670930" spans="14:14">
      <c r="N670930" s="10"/>
    </row>
    <row r="670931" spans="14:14">
      <c r="N670931" s="10"/>
    </row>
    <row r="670932" spans="14:14">
      <c r="N670932" s="10"/>
    </row>
    <row r="670933" spans="14:14">
      <c r="N670933" s="10"/>
    </row>
    <row r="670934" spans="14:14">
      <c r="N670934" s="10"/>
    </row>
    <row r="670935" spans="14:14">
      <c r="N670935" s="10"/>
    </row>
    <row r="670936" spans="14:14">
      <c r="N670936" s="10"/>
    </row>
    <row r="670937" spans="14:14">
      <c r="N670937" s="10"/>
    </row>
    <row r="670938" spans="14:14">
      <c r="N670938" s="10"/>
    </row>
    <row r="670939" spans="14:14">
      <c r="N670939" s="10"/>
    </row>
    <row r="670940" spans="14:14">
      <c r="N670940" s="10"/>
    </row>
    <row r="670941" spans="14:14">
      <c r="N670941" s="10"/>
    </row>
    <row r="670942" spans="14:14">
      <c r="N670942" s="10"/>
    </row>
    <row r="670943" spans="14:14">
      <c r="N670943" s="10"/>
    </row>
    <row r="670944" spans="14:14">
      <c r="N670944" s="10"/>
    </row>
    <row r="670945" spans="14:14">
      <c r="N670945" s="10"/>
    </row>
    <row r="670946" spans="14:14">
      <c r="N670946" s="10"/>
    </row>
    <row r="670947" spans="14:14">
      <c r="N670947" s="10"/>
    </row>
    <row r="670948" spans="14:14">
      <c r="N670948" s="10"/>
    </row>
    <row r="670949" spans="14:14">
      <c r="N670949" s="10"/>
    </row>
    <row r="670950" spans="14:14">
      <c r="N670950" s="10"/>
    </row>
    <row r="670951" spans="14:14">
      <c r="N670951" s="10"/>
    </row>
    <row r="670952" spans="14:14">
      <c r="N670952" s="10"/>
    </row>
    <row r="670953" spans="14:14">
      <c r="N670953" s="10"/>
    </row>
    <row r="670954" spans="14:14">
      <c r="N670954" s="10"/>
    </row>
    <row r="670955" spans="14:14">
      <c r="N670955" s="10"/>
    </row>
    <row r="670956" spans="14:14">
      <c r="N670956" s="10"/>
    </row>
    <row r="670957" spans="14:14">
      <c r="N670957" s="10"/>
    </row>
    <row r="670958" spans="14:14">
      <c r="N670958" s="10"/>
    </row>
    <row r="670959" spans="14:14">
      <c r="N670959" s="10"/>
    </row>
    <row r="670960" spans="14:14">
      <c r="N670960" s="10"/>
    </row>
    <row r="670961" spans="14:14">
      <c r="N670961" s="10"/>
    </row>
    <row r="670962" spans="14:14">
      <c r="N670962" s="10"/>
    </row>
    <row r="670963" spans="14:14">
      <c r="N670963" s="10"/>
    </row>
    <row r="670964" spans="14:14">
      <c r="N670964" s="10"/>
    </row>
    <row r="670965" spans="14:14">
      <c r="N670965" s="10"/>
    </row>
    <row r="670966" spans="14:14">
      <c r="N670966" s="10"/>
    </row>
    <row r="670967" spans="14:14">
      <c r="N670967" s="10"/>
    </row>
    <row r="670968" spans="14:14">
      <c r="N670968" s="10"/>
    </row>
    <row r="670969" spans="14:14">
      <c r="N670969" s="10"/>
    </row>
    <row r="670970" spans="14:14">
      <c r="N670970" s="10"/>
    </row>
    <row r="670971" spans="14:14">
      <c r="N670971" s="10"/>
    </row>
    <row r="670972" spans="14:14">
      <c r="N670972" s="10"/>
    </row>
    <row r="670973" spans="14:14">
      <c r="N670973" s="10"/>
    </row>
    <row r="670974" spans="14:14">
      <c r="N670974" s="10"/>
    </row>
    <row r="670975" spans="14:14">
      <c r="N670975" s="10"/>
    </row>
    <row r="670976" spans="14:14">
      <c r="N670976" s="10"/>
    </row>
    <row r="670977" spans="14:14">
      <c r="N670977" s="10"/>
    </row>
    <row r="670978" spans="14:14">
      <c r="N670978" s="10"/>
    </row>
    <row r="670979" spans="14:14">
      <c r="N670979" s="10"/>
    </row>
    <row r="670980" spans="14:14">
      <c r="N670980" s="10"/>
    </row>
    <row r="670981" spans="14:14">
      <c r="N670981" s="10"/>
    </row>
    <row r="670982" spans="14:14">
      <c r="N670982" s="10"/>
    </row>
    <row r="670983" spans="14:14">
      <c r="N670983" s="10"/>
    </row>
    <row r="670984" spans="14:14">
      <c r="N670984" s="10"/>
    </row>
    <row r="670985" spans="14:14">
      <c r="N670985" s="10"/>
    </row>
    <row r="670986" spans="14:14">
      <c r="N670986" s="10"/>
    </row>
    <row r="670987" spans="14:14">
      <c r="N670987" s="10"/>
    </row>
    <row r="670988" spans="14:14">
      <c r="N670988" s="10"/>
    </row>
    <row r="670989" spans="14:14">
      <c r="N670989" s="10"/>
    </row>
    <row r="670990" spans="14:14">
      <c r="N670990" s="10"/>
    </row>
    <row r="670991" spans="14:14">
      <c r="N670991" s="10"/>
    </row>
    <row r="670992" spans="14:14">
      <c r="N670992" s="10"/>
    </row>
    <row r="670993" spans="14:14">
      <c r="N670993" s="10"/>
    </row>
    <row r="670994" spans="14:14">
      <c r="N670994" s="10"/>
    </row>
    <row r="670995" spans="14:14">
      <c r="N670995" s="10"/>
    </row>
    <row r="670996" spans="14:14">
      <c r="N670996" s="10"/>
    </row>
    <row r="670997" spans="14:14">
      <c r="N670997" s="10"/>
    </row>
    <row r="670998" spans="14:14">
      <c r="N670998" s="10"/>
    </row>
    <row r="670999" spans="14:14">
      <c r="N670999" s="10"/>
    </row>
    <row r="671000" spans="14:14">
      <c r="N671000" s="10"/>
    </row>
    <row r="671001" spans="14:14">
      <c r="N671001" s="10"/>
    </row>
    <row r="671002" spans="14:14">
      <c r="N671002" s="10"/>
    </row>
    <row r="671003" spans="14:14">
      <c r="N671003" s="10"/>
    </row>
    <row r="671004" spans="14:14">
      <c r="N671004" s="10"/>
    </row>
    <row r="671005" spans="14:14">
      <c r="N671005" s="10"/>
    </row>
    <row r="671006" spans="14:14">
      <c r="N671006" s="10"/>
    </row>
    <row r="671007" spans="14:14">
      <c r="N671007" s="10"/>
    </row>
    <row r="671008" spans="14:14">
      <c r="N671008" s="10"/>
    </row>
    <row r="671009" spans="14:14">
      <c r="N671009" s="10"/>
    </row>
    <row r="671010" spans="14:14">
      <c r="N671010" s="10"/>
    </row>
    <row r="671011" spans="14:14">
      <c r="N671011" s="10"/>
    </row>
    <row r="671012" spans="14:14">
      <c r="N671012" s="10"/>
    </row>
    <row r="671013" spans="14:14">
      <c r="N671013" s="10"/>
    </row>
    <row r="671014" spans="14:14">
      <c r="N671014" s="10"/>
    </row>
    <row r="671015" spans="14:14">
      <c r="N671015" s="10"/>
    </row>
    <row r="671016" spans="14:14">
      <c r="N671016" s="10"/>
    </row>
    <row r="671017" spans="14:14">
      <c r="N671017" s="10"/>
    </row>
    <row r="671018" spans="14:14">
      <c r="N671018" s="10"/>
    </row>
    <row r="671019" spans="14:14">
      <c r="N671019" s="10"/>
    </row>
    <row r="671020" spans="14:14">
      <c r="N671020" s="10"/>
    </row>
    <row r="671021" spans="14:14">
      <c r="N671021" s="10"/>
    </row>
    <row r="671022" spans="14:14">
      <c r="N671022" s="10"/>
    </row>
    <row r="671023" spans="14:14">
      <c r="N671023" s="10"/>
    </row>
    <row r="671024" spans="14:14">
      <c r="N671024" s="10"/>
    </row>
    <row r="671025" spans="14:14">
      <c r="N671025" s="10"/>
    </row>
    <row r="671026" spans="14:14">
      <c r="N671026" s="10"/>
    </row>
    <row r="671027" spans="14:14">
      <c r="N671027" s="10"/>
    </row>
    <row r="671028" spans="14:14">
      <c r="N671028" s="10"/>
    </row>
    <row r="671029" spans="14:14">
      <c r="N671029" s="10"/>
    </row>
    <row r="671030" spans="14:14">
      <c r="N671030" s="10"/>
    </row>
    <row r="671031" spans="14:14">
      <c r="N671031" s="10"/>
    </row>
    <row r="671032" spans="14:14">
      <c r="N671032" s="10"/>
    </row>
    <row r="671033" spans="14:14">
      <c r="N671033" s="10"/>
    </row>
    <row r="671034" spans="14:14">
      <c r="N671034" s="10"/>
    </row>
    <row r="671035" spans="14:14">
      <c r="N671035" s="10"/>
    </row>
    <row r="671036" spans="14:14">
      <c r="N671036" s="10"/>
    </row>
    <row r="671037" spans="14:14">
      <c r="N671037" s="10"/>
    </row>
    <row r="671038" spans="14:14">
      <c r="N671038" s="10"/>
    </row>
    <row r="671039" spans="14:14">
      <c r="N671039" s="10"/>
    </row>
    <row r="671040" spans="14:14">
      <c r="N671040" s="10"/>
    </row>
    <row r="671041" spans="14:14">
      <c r="N671041" s="10"/>
    </row>
    <row r="671042" spans="14:14">
      <c r="N671042" s="10"/>
    </row>
    <row r="671043" spans="14:14">
      <c r="N671043" s="10"/>
    </row>
    <row r="671044" spans="14:14">
      <c r="N671044" s="10"/>
    </row>
    <row r="671045" spans="14:14">
      <c r="N671045" s="10"/>
    </row>
    <row r="671046" spans="14:14">
      <c r="N671046" s="10"/>
    </row>
    <row r="671047" spans="14:14">
      <c r="N671047" s="10"/>
    </row>
    <row r="671048" spans="14:14">
      <c r="N671048" s="10"/>
    </row>
    <row r="671049" spans="14:14">
      <c r="N671049" s="10"/>
    </row>
    <row r="671050" spans="14:14">
      <c r="N671050" s="10"/>
    </row>
    <row r="671051" spans="14:14">
      <c r="N671051" s="10"/>
    </row>
    <row r="671052" spans="14:14">
      <c r="N671052" s="10"/>
    </row>
    <row r="671053" spans="14:14">
      <c r="N671053" s="10"/>
    </row>
    <row r="671054" spans="14:14">
      <c r="N671054" s="10"/>
    </row>
    <row r="671055" spans="14:14">
      <c r="N671055" s="10"/>
    </row>
    <row r="671056" spans="14:14">
      <c r="N671056" s="10"/>
    </row>
    <row r="671057" spans="14:14">
      <c r="N671057" s="10"/>
    </row>
    <row r="671058" spans="14:14">
      <c r="N671058" s="10"/>
    </row>
    <row r="671059" spans="14:14">
      <c r="N671059" s="10"/>
    </row>
    <row r="671060" spans="14:14">
      <c r="N671060" s="10"/>
    </row>
    <row r="671061" spans="14:14">
      <c r="N671061" s="10"/>
    </row>
    <row r="671062" spans="14:14">
      <c r="N671062" s="10"/>
    </row>
    <row r="671063" spans="14:14">
      <c r="N671063" s="10"/>
    </row>
    <row r="671064" spans="14:14">
      <c r="N671064" s="10"/>
    </row>
    <row r="671065" spans="14:14">
      <c r="N671065" s="10"/>
    </row>
    <row r="671066" spans="14:14">
      <c r="N671066" s="10"/>
    </row>
    <row r="671067" spans="14:14">
      <c r="N671067" s="10"/>
    </row>
    <row r="671068" spans="14:14">
      <c r="N671068" s="10"/>
    </row>
    <row r="671069" spans="14:14">
      <c r="N671069" s="10"/>
    </row>
    <row r="671070" spans="14:14">
      <c r="N671070" s="10"/>
    </row>
    <row r="671071" spans="14:14">
      <c r="N671071" s="10"/>
    </row>
    <row r="671072" spans="14:14">
      <c r="N671072" s="10"/>
    </row>
    <row r="671073" spans="14:14">
      <c r="N671073" s="10"/>
    </row>
    <row r="671074" spans="14:14">
      <c r="N671074" s="10"/>
    </row>
    <row r="671075" spans="14:14">
      <c r="N671075" s="10"/>
    </row>
    <row r="671076" spans="14:14">
      <c r="N671076" s="10"/>
    </row>
    <row r="671077" spans="14:14">
      <c r="N671077" s="10"/>
    </row>
    <row r="671078" spans="14:14">
      <c r="N671078" s="10"/>
    </row>
    <row r="671079" spans="14:14">
      <c r="N671079" s="10"/>
    </row>
    <row r="671080" spans="14:14">
      <c r="N671080" s="10"/>
    </row>
    <row r="671081" spans="14:14">
      <c r="N671081" s="10"/>
    </row>
    <row r="671082" spans="14:14">
      <c r="N671082" s="10"/>
    </row>
    <row r="671083" spans="14:14">
      <c r="N671083" s="10"/>
    </row>
    <row r="671084" spans="14:14">
      <c r="N671084" s="10"/>
    </row>
    <row r="671085" spans="14:14">
      <c r="N671085" s="10"/>
    </row>
    <row r="671086" spans="14:14">
      <c r="N671086" s="10"/>
    </row>
    <row r="671087" spans="14:14">
      <c r="N671087" s="10"/>
    </row>
    <row r="671088" spans="14:14">
      <c r="N671088" s="10"/>
    </row>
    <row r="671089" spans="14:14">
      <c r="N671089" s="10"/>
    </row>
    <row r="671090" spans="14:14">
      <c r="N671090" s="10"/>
    </row>
    <row r="671091" spans="14:14">
      <c r="N671091" s="10"/>
    </row>
    <row r="671092" spans="14:14">
      <c r="N671092" s="10"/>
    </row>
    <row r="671093" spans="14:14">
      <c r="N671093" s="10"/>
    </row>
    <row r="671094" spans="14:14">
      <c r="N671094" s="10"/>
    </row>
    <row r="671095" spans="14:14">
      <c r="N671095" s="10"/>
    </row>
    <row r="671096" spans="14:14">
      <c r="N671096" s="10"/>
    </row>
    <row r="671097" spans="14:14">
      <c r="N671097" s="10"/>
    </row>
    <row r="671098" spans="14:14">
      <c r="N671098" s="10"/>
    </row>
    <row r="671099" spans="14:14">
      <c r="N671099" s="10"/>
    </row>
    <row r="671100" spans="14:14">
      <c r="N671100" s="10"/>
    </row>
    <row r="671101" spans="14:14">
      <c r="N671101" s="10"/>
    </row>
    <row r="671102" spans="14:14">
      <c r="N671102" s="10"/>
    </row>
    <row r="671103" spans="14:14">
      <c r="N671103" s="10"/>
    </row>
    <row r="671104" spans="14:14">
      <c r="N671104" s="10"/>
    </row>
    <row r="671105" spans="14:14">
      <c r="N671105" s="10"/>
    </row>
    <row r="671106" spans="14:14">
      <c r="N671106" s="10"/>
    </row>
    <row r="671107" spans="14:14">
      <c r="N671107" s="10"/>
    </row>
    <row r="671108" spans="14:14">
      <c r="N671108" s="10"/>
    </row>
    <row r="671109" spans="14:14">
      <c r="N671109" s="10"/>
    </row>
    <row r="671110" spans="14:14">
      <c r="N671110" s="10"/>
    </row>
    <row r="671111" spans="14:14">
      <c r="N671111" s="10"/>
    </row>
    <row r="671112" spans="14:14">
      <c r="N671112" s="10"/>
    </row>
    <row r="671113" spans="14:14">
      <c r="N671113" s="10"/>
    </row>
    <row r="671114" spans="14:14">
      <c r="N671114" s="10"/>
    </row>
    <row r="671115" spans="14:14">
      <c r="N671115" s="10"/>
    </row>
    <row r="671116" spans="14:14">
      <c r="N671116" s="10"/>
    </row>
    <row r="671117" spans="14:14">
      <c r="N671117" s="10"/>
    </row>
    <row r="671118" spans="14:14">
      <c r="N671118" s="10"/>
    </row>
    <row r="671119" spans="14:14">
      <c r="N671119" s="10"/>
    </row>
    <row r="671120" spans="14:14">
      <c r="N671120" s="10"/>
    </row>
    <row r="671121" spans="14:14">
      <c r="N671121" s="10"/>
    </row>
    <row r="671122" spans="14:14">
      <c r="N671122" s="10"/>
    </row>
    <row r="671123" spans="14:14">
      <c r="N671123" s="10"/>
    </row>
    <row r="671124" spans="14:14">
      <c r="N671124" s="10"/>
    </row>
    <row r="671125" spans="14:14">
      <c r="N671125" s="10"/>
    </row>
    <row r="671126" spans="14:14">
      <c r="N671126" s="10"/>
    </row>
    <row r="671127" spans="14:14">
      <c r="N671127" s="10"/>
    </row>
    <row r="671128" spans="14:14">
      <c r="N671128" s="10"/>
    </row>
    <row r="671129" spans="14:14">
      <c r="N671129" s="10"/>
    </row>
    <row r="671130" spans="14:14">
      <c r="N671130" s="10"/>
    </row>
    <row r="671131" spans="14:14">
      <c r="N671131" s="10"/>
    </row>
    <row r="671132" spans="14:14">
      <c r="N671132" s="10"/>
    </row>
    <row r="671133" spans="14:14">
      <c r="N671133" s="10"/>
    </row>
    <row r="671134" spans="14:14">
      <c r="N671134" s="10"/>
    </row>
    <row r="671135" spans="14:14">
      <c r="N671135" s="10"/>
    </row>
    <row r="671136" spans="14:14">
      <c r="N671136" s="10"/>
    </row>
    <row r="671137" spans="14:14">
      <c r="N671137" s="10"/>
    </row>
    <row r="671138" spans="14:14">
      <c r="N671138" s="10"/>
    </row>
    <row r="671139" spans="14:14">
      <c r="N671139" s="10"/>
    </row>
    <row r="671140" spans="14:14">
      <c r="N671140" s="10"/>
    </row>
    <row r="671141" spans="14:14">
      <c r="N671141" s="10"/>
    </row>
    <row r="671142" spans="14:14">
      <c r="N671142" s="10"/>
    </row>
    <row r="671143" spans="14:14">
      <c r="N671143" s="10"/>
    </row>
    <row r="671144" spans="14:14">
      <c r="N671144" s="10"/>
    </row>
    <row r="671145" spans="14:14">
      <c r="N671145" s="10"/>
    </row>
    <row r="671146" spans="14:14">
      <c r="N671146" s="10"/>
    </row>
    <row r="671147" spans="14:14">
      <c r="N671147" s="10"/>
    </row>
    <row r="671148" spans="14:14">
      <c r="N671148" s="10"/>
    </row>
    <row r="671149" spans="14:14">
      <c r="N671149" s="10"/>
    </row>
    <row r="671150" spans="14:14">
      <c r="N671150" s="10"/>
    </row>
    <row r="671151" spans="14:14">
      <c r="N671151" s="10"/>
    </row>
    <row r="671152" spans="14:14">
      <c r="N671152" s="10"/>
    </row>
    <row r="671153" spans="14:14">
      <c r="N671153" s="10"/>
    </row>
    <row r="671154" spans="14:14">
      <c r="N671154" s="10"/>
    </row>
    <row r="671155" spans="14:14">
      <c r="N671155" s="10"/>
    </row>
    <row r="671156" spans="14:14">
      <c r="N671156" s="10"/>
    </row>
    <row r="671157" spans="14:14">
      <c r="N671157" s="10"/>
    </row>
    <row r="671158" spans="14:14">
      <c r="N671158" s="10"/>
    </row>
    <row r="671159" spans="14:14">
      <c r="N671159" s="10"/>
    </row>
    <row r="671160" spans="14:14">
      <c r="N671160" s="10"/>
    </row>
    <row r="671161" spans="14:14">
      <c r="N671161" s="10"/>
    </row>
    <row r="671162" spans="14:14">
      <c r="N671162" s="10"/>
    </row>
    <row r="671163" spans="14:14">
      <c r="N671163" s="10"/>
    </row>
    <row r="671164" spans="14:14">
      <c r="N671164" s="10"/>
    </row>
    <row r="671165" spans="14:14">
      <c r="N671165" s="10"/>
    </row>
    <row r="671166" spans="14:14">
      <c r="N671166" s="10"/>
    </row>
    <row r="671167" spans="14:14">
      <c r="N671167" s="10"/>
    </row>
    <row r="671168" spans="14:14">
      <c r="N671168" s="10"/>
    </row>
    <row r="671169" spans="14:14">
      <c r="N671169" s="10"/>
    </row>
    <row r="671170" spans="14:14">
      <c r="N671170" s="10"/>
    </row>
    <row r="671171" spans="14:14">
      <c r="N671171" s="10"/>
    </row>
    <row r="671172" spans="14:14">
      <c r="N671172" s="10"/>
    </row>
    <row r="671173" spans="14:14">
      <c r="N671173" s="10"/>
    </row>
    <row r="671174" spans="14:14">
      <c r="N671174" s="10"/>
    </row>
    <row r="671175" spans="14:14">
      <c r="N671175" s="10"/>
    </row>
    <row r="671176" spans="14:14">
      <c r="N671176" s="10"/>
    </row>
    <row r="671177" spans="14:14">
      <c r="N671177" s="10"/>
    </row>
    <row r="671178" spans="14:14">
      <c r="N671178" s="10"/>
    </row>
    <row r="671179" spans="14:14">
      <c r="N671179" s="10"/>
    </row>
    <row r="671180" spans="14:14">
      <c r="N671180" s="10"/>
    </row>
    <row r="671181" spans="14:14">
      <c r="N671181" s="10"/>
    </row>
    <row r="671182" spans="14:14">
      <c r="N671182" s="10"/>
    </row>
    <row r="671183" spans="14:14">
      <c r="N671183" s="10"/>
    </row>
    <row r="671184" spans="14:14">
      <c r="N671184" s="10"/>
    </row>
    <row r="671185" spans="14:14">
      <c r="N671185" s="10"/>
    </row>
    <row r="671186" spans="14:14">
      <c r="N671186" s="10"/>
    </row>
    <row r="671187" spans="14:14">
      <c r="N671187" s="10"/>
    </row>
    <row r="671188" spans="14:14">
      <c r="N671188" s="10"/>
    </row>
    <row r="671189" spans="14:14">
      <c r="N671189" s="10"/>
    </row>
    <row r="671190" spans="14:14">
      <c r="N671190" s="10"/>
    </row>
    <row r="671191" spans="14:14">
      <c r="N671191" s="10"/>
    </row>
    <row r="671192" spans="14:14">
      <c r="N671192" s="10"/>
    </row>
    <row r="671193" spans="14:14">
      <c r="N671193" s="10"/>
    </row>
    <row r="671194" spans="14:14">
      <c r="N671194" s="10"/>
    </row>
    <row r="671195" spans="14:14">
      <c r="N671195" s="10"/>
    </row>
    <row r="671196" spans="14:14">
      <c r="N671196" s="10"/>
    </row>
    <row r="671197" spans="14:14">
      <c r="N671197" s="10"/>
    </row>
    <row r="671198" spans="14:14">
      <c r="N671198" s="10"/>
    </row>
    <row r="671199" spans="14:14">
      <c r="N671199" s="10"/>
    </row>
    <row r="671200" spans="14:14">
      <c r="N671200" s="10"/>
    </row>
    <row r="671201" spans="14:14">
      <c r="N671201" s="10"/>
    </row>
    <row r="671202" spans="14:14">
      <c r="N671202" s="10"/>
    </row>
    <row r="671203" spans="14:14">
      <c r="N671203" s="10"/>
    </row>
    <row r="671204" spans="14:14">
      <c r="N671204" s="10"/>
    </row>
    <row r="671205" spans="14:14">
      <c r="N671205" s="10"/>
    </row>
    <row r="671206" spans="14:14">
      <c r="N671206" s="10"/>
    </row>
    <row r="671207" spans="14:14">
      <c r="N671207" s="10"/>
    </row>
    <row r="671208" spans="14:14">
      <c r="N671208" s="10"/>
    </row>
    <row r="671209" spans="14:14">
      <c r="N671209" s="10"/>
    </row>
    <row r="671210" spans="14:14">
      <c r="N671210" s="10"/>
    </row>
    <row r="671211" spans="14:14">
      <c r="N671211" s="10"/>
    </row>
    <row r="671212" spans="14:14">
      <c r="N671212" s="10"/>
    </row>
    <row r="671213" spans="14:14">
      <c r="N671213" s="10"/>
    </row>
    <row r="671214" spans="14:14">
      <c r="N671214" s="10"/>
    </row>
    <row r="671215" spans="14:14">
      <c r="N671215" s="10"/>
    </row>
    <row r="671216" spans="14:14">
      <c r="N671216" s="10"/>
    </row>
    <row r="671217" spans="14:14">
      <c r="N671217" s="10"/>
    </row>
    <row r="671218" spans="14:14">
      <c r="N671218" s="10"/>
    </row>
    <row r="671219" spans="14:14">
      <c r="N671219" s="10"/>
    </row>
    <row r="671220" spans="14:14">
      <c r="N671220" s="10"/>
    </row>
    <row r="671221" spans="14:14">
      <c r="N671221" s="10"/>
    </row>
    <row r="671222" spans="14:14">
      <c r="N671222" s="10"/>
    </row>
    <row r="671223" spans="14:14">
      <c r="N671223" s="10"/>
    </row>
    <row r="671224" spans="14:14">
      <c r="N671224" s="10"/>
    </row>
    <row r="671225" spans="14:14">
      <c r="N671225" s="10"/>
    </row>
    <row r="671226" spans="14:14">
      <c r="N671226" s="10"/>
    </row>
    <row r="671227" spans="14:14">
      <c r="N671227" s="10"/>
    </row>
    <row r="671228" spans="14:14">
      <c r="N671228" s="10"/>
    </row>
    <row r="671229" spans="14:14">
      <c r="N671229" s="10"/>
    </row>
    <row r="671230" spans="14:14">
      <c r="N671230" s="10"/>
    </row>
    <row r="671231" spans="14:14">
      <c r="N671231" s="10"/>
    </row>
    <row r="671232" spans="14:14">
      <c r="N671232" s="10"/>
    </row>
    <row r="671233" spans="14:14">
      <c r="N671233" s="10"/>
    </row>
    <row r="671234" spans="14:14">
      <c r="N671234" s="10"/>
    </row>
    <row r="671235" spans="14:14">
      <c r="N671235" s="10"/>
    </row>
    <row r="671236" spans="14:14">
      <c r="N671236" s="10"/>
    </row>
    <row r="671237" spans="14:14">
      <c r="N671237" s="10"/>
    </row>
    <row r="671238" spans="14:14">
      <c r="N671238" s="10"/>
    </row>
    <row r="671239" spans="14:14">
      <c r="N671239" s="10"/>
    </row>
    <row r="671240" spans="14:14">
      <c r="N671240" s="10"/>
    </row>
    <row r="671241" spans="14:14">
      <c r="N671241" s="10"/>
    </row>
    <row r="671242" spans="14:14">
      <c r="N671242" s="10"/>
    </row>
    <row r="671243" spans="14:14">
      <c r="N671243" s="10"/>
    </row>
    <row r="671244" spans="14:14">
      <c r="N671244" s="10"/>
    </row>
    <row r="671245" spans="14:14">
      <c r="N671245" s="10"/>
    </row>
    <row r="671246" spans="14:14">
      <c r="N671246" s="10"/>
    </row>
    <row r="671247" spans="14:14">
      <c r="N671247" s="10"/>
    </row>
    <row r="671248" spans="14:14">
      <c r="N671248" s="10"/>
    </row>
    <row r="671249" spans="14:14">
      <c r="N671249" s="10"/>
    </row>
    <row r="671250" spans="14:14">
      <c r="N671250" s="10"/>
    </row>
    <row r="671251" spans="14:14">
      <c r="N671251" s="10"/>
    </row>
    <row r="671252" spans="14:14">
      <c r="N671252" s="10"/>
    </row>
    <row r="671253" spans="14:14">
      <c r="N671253" s="10"/>
    </row>
    <row r="671254" spans="14:14">
      <c r="N671254" s="10"/>
    </row>
    <row r="671255" spans="14:14">
      <c r="N671255" s="10"/>
    </row>
    <row r="671256" spans="14:14">
      <c r="N671256" s="10"/>
    </row>
    <row r="671257" spans="14:14">
      <c r="N671257" s="10"/>
    </row>
    <row r="671258" spans="14:14">
      <c r="N671258" s="10"/>
    </row>
    <row r="671259" spans="14:14">
      <c r="N671259" s="10"/>
    </row>
    <row r="671260" spans="14:14">
      <c r="N671260" s="10"/>
    </row>
    <row r="671261" spans="14:14">
      <c r="N671261" s="10"/>
    </row>
    <row r="671262" spans="14:14">
      <c r="N671262" s="10"/>
    </row>
    <row r="671263" spans="14:14">
      <c r="N671263" s="10"/>
    </row>
    <row r="671264" spans="14:14">
      <c r="N671264" s="10"/>
    </row>
    <row r="671265" spans="14:14">
      <c r="N671265" s="10"/>
    </row>
    <row r="671266" spans="14:14">
      <c r="N671266" s="10"/>
    </row>
    <row r="671267" spans="14:14">
      <c r="N671267" s="10"/>
    </row>
    <row r="671268" spans="14:14">
      <c r="N671268" s="10"/>
    </row>
    <row r="671269" spans="14:14">
      <c r="N671269" s="10"/>
    </row>
    <row r="671270" spans="14:14">
      <c r="N671270" s="10"/>
    </row>
    <row r="671271" spans="14:14">
      <c r="N671271" s="10"/>
    </row>
    <row r="671272" spans="14:14">
      <c r="N671272" s="10"/>
    </row>
    <row r="671273" spans="14:14">
      <c r="N671273" s="10"/>
    </row>
    <row r="671274" spans="14:14">
      <c r="N671274" s="10"/>
    </row>
    <row r="671275" spans="14:14">
      <c r="N671275" s="10"/>
    </row>
    <row r="671276" spans="14:14">
      <c r="N671276" s="10"/>
    </row>
    <row r="671277" spans="14:14">
      <c r="N671277" s="10"/>
    </row>
    <row r="671278" spans="14:14">
      <c r="N671278" s="10"/>
    </row>
    <row r="671279" spans="14:14">
      <c r="N671279" s="10"/>
    </row>
    <row r="671280" spans="14:14">
      <c r="N671280" s="10"/>
    </row>
    <row r="671281" spans="14:14">
      <c r="N671281" s="10"/>
    </row>
    <row r="671282" spans="14:14">
      <c r="N671282" s="10"/>
    </row>
    <row r="671283" spans="14:14">
      <c r="N671283" s="10"/>
    </row>
    <row r="671284" spans="14:14">
      <c r="N671284" s="10"/>
    </row>
    <row r="671285" spans="14:14">
      <c r="N671285" s="10"/>
    </row>
    <row r="671286" spans="14:14">
      <c r="N671286" s="10"/>
    </row>
    <row r="671287" spans="14:14">
      <c r="N671287" s="10"/>
    </row>
    <row r="671288" spans="14:14">
      <c r="N671288" s="10"/>
    </row>
    <row r="671289" spans="14:14">
      <c r="N671289" s="10"/>
    </row>
    <row r="671290" spans="14:14">
      <c r="N671290" s="10"/>
    </row>
    <row r="671291" spans="14:14">
      <c r="N671291" s="10"/>
    </row>
    <row r="671292" spans="14:14">
      <c r="N671292" s="10"/>
    </row>
    <row r="671293" spans="14:14">
      <c r="N671293" s="10"/>
    </row>
    <row r="671294" spans="14:14">
      <c r="N671294" s="10"/>
    </row>
    <row r="671295" spans="14:14">
      <c r="N671295" s="10"/>
    </row>
    <row r="671296" spans="14:14">
      <c r="N671296" s="10"/>
    </row>
    <row r="671297" spans="14:14">
      <c r="N671297" s="10"/>
    </row>
    <row r="671298" spans="14:14">
      <c r="N671298" s="10"/>
    </row>
    <row r="671299" spans="14:14">
      <c r="N671299" s="10"/>
    </row>
    <row r="671300" spans="14:14">
      <c r="N671300" s="10"/>
    </row>
    <row r="671301" spans="14:14">
      <c r="N671301" s="10"/>
    </row>
    <row r="671302" spans="14:14">
      <c r="N671302" s="10"/>
    </row>
    <row r="671303" spans="14:14">
      <c r="N671303" s="10"/>
    </row>
    <row r="671304" spans="14:14">
      <c r="N671304" s="10"/>
    </row>
    <row r="671305" spans="14:14">
      <c r="N671305" s="10"/>
    </row>
    <row r="671306" spans="14:14">
      <c r="N671306" s="10"/>
    </row>
    <row r="671307" spans="14:14">
      <c r="N671307" s="10"/>
    </row>
    <row r="671308" spans="14:14">
      <c r="N671308" s="10"/>
    </row>
    <row r="671309" spans="14:14">
      <c r="N671309" s="10"/>
    </row>
    <row r="671310" spans="14:14">
      <c r="N671310" s="10"/>
    </row>
    <row r="671311" spans="14:14">
      <c r="N671311" s="10"/>
    </row>
    <row r="671312" spans="14:14">
      <c r="N671312" s="10"/>
    </row>
    <row r="671313" spans="14:14">
      <c r="N671313" s="10"/>
    </row>
    <row r="671314" spans="14:14">
      <c r="N671314" s="10"/>
    </row>
    <row r="671315" spans="14:14">
      <c r="N671315" s="10"/>
    </row>
    <row r="671316" spans="14:14">
      <c r="N671316" s="10"/>
    </row>
    <row r="671317" spans="14:14">
      <c r="N671317" s="10"/>
    </row>
    <row r="671318" spans="14:14">
      <c r="N671318" s="10"/>
    </row>
    <row r="671319" spans="14:14">
      <c r="N671319" s="10"/>
    </row>
    <row r="671320" spans="14:14">
      <c r="N671320" s="10"/>
    </row>
    <row r="671321" spans="14:14">
      <c r="N671321" s="10"/>
    </row>
    <row r="671322" spans="14:14">
      <c r="N671322" s="10"/>
    </row>
    <row r="671323" spans="14:14">
      <c r="N671323" s="10"/>
    </row>
    <row r="671324" spans="14:14">
      <c r="N671324" s="10"/>
    </row>
    <row r="671325" spans="14:14">
      <c r="N671325" s="10"/>
    </row>
    <row r="671326" spans="14:14">
      <c r="N671326" s="10"/>
    </row>
    <row r="671327" spans="14:14">
      <c r="N671327" s="10"/>
    </row>
    <row r="671328" spans="14:14">
      <c r="N671328" s="10"/>
    </row>
    <row r="671329" spans="14:14">
      <c r="N671329" s="10"/>
    </row>
    <row r="671330" spans="14:14">
      <c r="N671330" s="10"/>
    </row>
    <row r="671331" spans="14:14">
      <c r="N671331" s="10"/>
    </row>
    <row r="671332" spans="14:14">
      <c r="N671332" s="10"/>
    </row>
    <row r="671333" spans="14:14">
      <c r="N671333" s="10"/>
    </row>
    <row r="671334" spans="14:14">
      <c r="N671334" s="10"/>
    </row>
    <row r="671335" spans="14:14">
      <c r="N671335" s="10"/>
    </row>
    <row r="671336" spans="14:14">
      <c r="N671336" s="10"/>
    </row>
    <row r="671337" spans="14:14">
      <c r="N671337" s="10"/>
    </row>
    <row r="671338" spans="14:14">
      <c r="N671338" s="10"/>
    </row>
    <row r="671339" spans="14:14">
      <c r="N671339" s="10"/>
    </row>
    <row r="671340" spans="14:14">
      <c r="N671340" s="10"/>
    </row>
    <row r="671341" spans="14:14">
      <c r="N671341" s="10"/>
    </row>
    <row r="671342" spans="14:14">
      <c r="N671342" s="10"/>
    </row>
    <row r="671343" spans="14:14">
      <c r="N671343" s="10"/>
    </row>
    <row r="671344" spans="14:14">
      <c r="N671344" s="10"/>
    </row>
    <row r="671345" spans="14:14">
      <c r="N671345" s="10"/>
    </row>
    <row r="671346" spans="14:14">
      <c r="N671346" s="10"/>
    </row>
    <row r="671347" spans="14:14">
      <c r="N671347" s="10"/>
    </row>
    <row r="671348" spans="14:14">
      <c r="N671348" s="10"/>
    </row>
    <row r="671349" spans="14:14">
      <c r="N671349" s="10"/>
    </row>
    <row r="671350" spans="14:14">
      <c r="N671350" s="10"/>
    </row>
    <row r="671351" spans="14:14">
      <c r="N671351" s="10"/>
    </row>
    <row r="671352" spans="14:14">
      <c r="N671352" s="10"/>
    </row>
    <row r="671353" spans="14:14">
      <c r="N671353" s="10"/>
    </row>
    <row r="671354" spans="14:14">
      <c r="N671354" s="10"/>
    </row>
    <row r="671355" spans="14:14">
      <c r="N671355" s="10"/>
    </row>
    <row r="671356" spans="14:14">
      <c r="N671356" s="10"/>
    </row>
    <row r="671357" spans="14:14">
      <c r="N671357" s="10"/>
    </row>
    <row r="671358" spans="14:14">
      <c r="N671358" s="10"/>
    </row>
    <row r="671359" spans="14:14">
      <c r="N671359" s="10"/>
    </row>
    <row r="671360" spans="14:14">
      <c r="N671360" s="10"/>
    </row>
    <row r="671361" spans="14:14">
      <c r="N671361" s="10"/>
    </row>
    <row r="671362" spans="14:14">
      <c r="N671362" s="10"/>
    </row>
    <row r="671363" spans="14:14">
      <c r="N671363" s="10"/>
    </row>
    <row r="671364" spans="14:14">
      <c r="N671364" s="10"/>
    </row>
    <row r="671365" spans="14:14">
      <c r="N671365" s="10"/>
    </row>
    <row r="671366" spans="14:14">
      <c r="N671366" s="10"/>
    </row>
    <row r="671367" spans="14:14">
      <c r="N671367" s="10"/>
    </row>
    <row r="671368" spans="14:14">
      <c r="N671368" s="10"/>
    </row>
    <row r="671369" spans="14:14">
      <c r="N671369" s="10"/>
    </row>
    <row r="671370" spans="14:14">
      <c r="N671370" s="10"/>
    </row>
    <row r="671371" spans="14:14">
      <c r="N671371" s="10"/>
    </row>
    <row r="671372" spans="14:14">
      <c r="N671372" s="10"/>
    </row>
    <row r="671373" spans="14:14">
      <c r="N671373" s="10"/>
    </row>
    <row r="671374" spans="14:14">
      <c r="N671374" s="10"/>
    </row>
    <row r="671375" spans="14:14">
      <c r="N671375" s="10"/>
    </row>
    <row r="671376" spans="14:14">
      <c r="N671376" s="10"/>
    </row>
    <row r="671377" spans="14:14">
      <c r="N671377" s="10"/>
    </row>
    <row r="671378" spans="14:14">
      <c r="N671378" s="10"/>
    </row>
    <row r="671379" spans="14:14">
      <c r="N671379" s="10"/>
    </row>
    <row r="671380" spans="14:14">
      <c r="N671380" s="10"/>
    </row>
    <row r="671381" spans="14:14">
      <c r="N671381" s="10"/>
    </row>
    <row r="671382" spans="14:14">
      <c r="N671382" s="10"/>
    </row>
    <row r="671383" spans="14:14">
      <c r="N671383" s="10"/>
    </row>
    <row r="671384" spans="14:14">
      <c r="N671384" s="10"/>
    </row>
    <row r="671385" spans="14:14">
      <c r="N671385" s="10"/>
    </row>
    <row r="671386" spans="14:14">
      <c r="N671386" s="10"/>
    </row>
    <row r="671387" spans="14:14">
      <c r="N671387" s="10"/>
    </row>
    <row r="671388" spans="14:14">
      <c r="N671388" s="10"/>
    </row>
    <row r="671389" spans="14:14">
      <c r="N671389" s="10"/>
    </row>
    <row r="671390" spans="14:14">
      <c r="N671390" s="10"/>
    </row>
    <row r="671391" spans="14:14">
      <c r="N671391" s="10"/>
    </row>
    <row r="671392" spans="14:14">
      <c r="N671392" s="10"/>
    </row>
    <row r="671393" spans="14:14">
      <c r="N671393" s="10"/>
    </row>
    <row r="671394" spans="14:14">
      <c r="N671394" s="10"/>
    </row>
    <row r="671395" spans="14:14">
      <c r="N671395" s="10"/>
    </row>
    <row r="671396" spans="14:14">
      <c r="N671396" s="10"/>
    </row>
    <row r="671397" spans="14:14">
      <c r="N671397" s="10"/>
    </row>
    <row r="671398" spans="14:14">
      <c r="N671398" s="10"/>
    </row>
    <row r="671399" spans="14:14">
      <c r="N671399" s="10"/>
    </row>
    <row r="671400" spans="14:14">
      <c r="N671400" s="10"/>
    </row>
    <row r="671401" spans="14:14">
      <c r="N671401" s="10"/>
    </row>
    <row r="671402" spans="14:14">
      <c r="N671402" s="10"/>
    </row>
    <row r="671403" spans="14:14">
      <c r="N671403" s="10"/>
    </row>
    <row r="671404" spans="14:14">
      <c r="N671404" s="10"/>
    </row>
    <row r="671405" spans="14:14">
      <c r="N671405" s="10"/>
    </row>
    <row r="671406" spans="14:14">
      <c r="N671406" s="10"/>
    </row>
    <row r="671407" spans="14:14">
      <c r="N671407" s="10"/>
    </row>
    <row r="671408" spans="14:14">
      <c r="N671408" s="10"/>
    </row>
    <row r="671409" spans="14:14">
      <c r="N671409" s="10"/>
    </row>
    <row r="671410" spans="14:14">
      <c r="N671410" s="10"/>
    </row>
    <row r="671411" spans="14:14">
      <c r="N671411" s="10"/>
    </row>
    <row r="671412" spans="14:14">
      <c r="N671412" s="10"/>
    </row>
    <row r="671413" spans="14:14">
      <c r="N671413" s="10"/>
    </row>
    <row r="671414" spans="14:14">
      <c r="N671414" s="10"/>
    </row>
    <row r="671415" spans="14:14">
      <c r="N671415" s="10"/>
    </row>
    <row r="671416" spans="14:14">
      <c r="N671416" s="10"/>
    </row>
    <row r="671417" spans="14:14">
      <c r="N671417" s="10"/>
    </row>
    <row r="671418" spans="14:14">
      <c r="N671418" s="10"/>
    </row>
    <row r="671419" spans="14:14">
      <c r="N671419" s="10"/>
    </row>
    <row r="671420" spans="14:14">
      <c r="N671420" s="10"/>
    </row>
    <row r="671421" spans="14:14">
      <c r="N671421" s="10"/>
    </row>
    <row r="671422" spans="14:14">
      <c r="N671422" s="10"/>
    </row>
    <row r="671423" spans="14:14">
      <c r="N671423" s="10"/>
    </row>
    <row r="671424" spans="14:14">
      <c r="N671424" s="10"/>
    </row>
    <row r="671425" spans="14:14">
      <c r="N671425" s="10"/>
    </row>
    <row r="671426" spans="14:14">
      <c r="N671426" s="10"/>
    </row>
    <row r="671427" spans="14:14">
      <c r="N671427" s="10"/>
    </row>
    <row r="671428" spans="14:14">
      <c r="N671428" s="10"/>
    </row>
    <row r="671429" spans="14:14">
      <c r="N671429" s="10"/>
    </row>
    <row r="671430" spans="14:14">
      <c r="N671430" s="10"/>
    </row>
    <row r="671431" spans="14:14">
      <c r="N671431" s="10"/>
    </row>
    <row r="671432" spans="14:14">
      <c r="N671432" s="10"/>
    </row>
    <row r="671433" spans="14:14">
      <c r="N671433" s="10"/>
    </row>
    <row r="671434" spans="14:14">
      <c r="N671434" s="10"/>
    </row>
    <row r="671435" spans="14:14">
      <c r="N671435" s="10"/>
    </row>
    <row r="671436" spans="14:14">
      <c r="N671436" s="10"/>
    </row>
    <row r="671437" spans="14:14">
      <c r="N671437" s="10"/>
    </row>
    <row r="671438" spans="14:14">
      <c r="N671438" s="10"/>
    </row>
    <row r="671439" spans="14:14">
      <c r="N671439" s="10"/>
    </row>
    <row r="671440" spans="14:14">
      <c r="N671440" s="10"/>
    </row>
    <row r="671441" spans="14:14">
      <c r="N671441" s="10"/>
    </row>
    <row r="671442" spans="14:14">
      <c r="N671442" s="10"/>
    </row>
    <row r="671443" spans="14:14">
      <c r="N671443" s="10"/>
    </row>
    <row r="671444" spans="14:14">
      <c r="N671444" s="10"/>
    </row>
    <row r="671445" spans="14:14">
      <c r="N671445" s="10"/>
    </row>
    <row r="671446" spans="14:14">
      <c r="N671446" s="10"/>
    </row>
    <row r="671447" spans="14:14">
      <c r="N671447" s="10"/>
    </row>
    <row r="671448" spans="14:14">
      <c r="N671448" s="10"/>
    </row>
    <row r="671449" spans="14:14">
      <c r="N671449" s="10"/>
    </row>
    <row r="671450" spans="14:14">
      <c r="N671450" s="10"/>
    </row>
    <row r="671451" spans="14:14">
      <c r="N671451" s="10"/>
    </row>
    <row r="671452" spans="14:14">
      <c r="N671452" s="10"/>
    </row>
    <row r="671453" spans="14:14">
      <c r="N671453" s="10"/>
    </row>
    <row r="671454" spans="14:14">
      <c r="N671454" s="10"/>
    </row>
    <row r="671455" spans="14:14">
      <c r="N671455" s="10"/>
    </row>
    <row r="671456" spans="14:14">
      <c r="N671456" s="10"/>
    </row>
    <row r="671457" spans="14:14">
      <c r="N671457" s="10"/>
    </row>
    <row r="671458" spans="14:14">
      <c r="N671458" s="10"/>
    </row>
    <row r="671459" spans="14:14">
      <c r="N671459" s="10"/>
    </row>
    <row r="671460" spans="14:14">
      <c r="N671460" s="10"/>
    </row>
    <row r="671461" spans="14:14">
      <c r="N671461" s="10"/>
    </row>
    <row r="671462" spans="14:14">
      <c r="N671462" s="10"/>
    </row>
    <row r="671463" spans="14:14">
      <c r="N671463" s="10"/>
    </row>
    <row r="671464" spans="14:14">
      <c r="N671464" s="10"/>
    </row>
    <row r="671465" spans="14:14">
      <c r="N671465" s="10"/>
    </row>
    <row r="671466" spans="14:14">
      <c r="N671466" s="10"/>
    </row>
    <row r="671467" spans="14:14">
      <c r="N671467" s="10"/>
    </row>
    <row r="671468" spans="14:14">
      <c r="N671468" s="10"/>
    </row>
    <row r="671469" spans="14:14">
      <c r="N671469" s="10"/>
    </row>
    <row r="671470" spans="14:14">
      <c r="N671470" s="10"/>
    </row>
    <row r="671471" spans="14:14">
      <c r="N671471" s="10"/>
    </row>
    <row r="671472" spans="14:14">
      <c r="N671472" s="10"/>
    </row>
    <row r="671473" spans="14:14">
      <c r="N671473" s="10"/>
    </row>
    <row r="671474" spans="14:14">
      <c r="N671474" s="10"/>
    </row>
    <row r="671475" spans="14:14">
      <c r="N671475" s="10"/>
    </row>
    <row r="671476" spans="14:14">
      <c r="N671476" s="10"/>
    </row>
    <row r="671477" spans="14:14">
      <c r="N671477" s="10"/>
    </row>
    <row r="671478" spans="14:14">
      <c r="N671478" s="10"/>
    </row>
    <row r="671479" spans="14:14">
      <c r="N671479" s="10"/>
    </row>
    <row r="671480" spans="14:14">
      <c r="N671480" s="10"/>
    </row>
    <row r="671481" spans="14:14">
      <c r="N671481" s="10"/>
    </row>
    <row r="671482" spans="14:14">
      <c r="N671482" s="10"/>
    </row>
    <row r="671483" spans="14:14">
      <c r="N671483" s="10"/>
    </row>
    <row r="671484" spans="14:14">
      <c r="N671484" s="10"/>
    </row>
    <row r="671485" spans="14:14">
      <c r="N671485" s="10"/>
    </row>
    <row r="671486" spans="14:14">
      <c r="N671486" s="10"/>
    </row>
    <row r="671487" spans="14:14">
      <c r="N671487" s="10"/>
    </row>
    <row r="671488" spans="14:14">
      <c r="N671488" s="10"/>
    </row>
    <row r="671489" spans="14:14">
      <c r="N671489" s="10"/>
    </row>
    <row r="671490" spans="14:14">
      <c r="N671490" s="10"/>
    </row>
    <row r="671491" spans="14:14">
      <c r="N671491" s="10"/>
    </row>
    <row r="671492" spans="14:14">
      <c r="N671492" s="10"/>
    </row>
    <row r="671493" spans="14:14">
      <c r="N671493" s="10"/>
    </row>
    <row r="671494" spans="14:14">
      <c r="N671494" s="10"/>
    </row>
    <row r="671495" spans="14:14">
      <c r="N671495" s="10"/>
    </row>
    <row r="671496" spans="14:14">
      <c r="N671496" s="10"/>
    </row>
    <row r="671497" spans="14:14">
      <c r="N671497" s="10"/>
    </row>
    <row r="671498" spans="14:14">
      <c r="N671498" s="10"/>
    </row>
    <row r="671499" spans="14:14">
      <c r="N671499" s="10"/>
    </row>
    <row r="671500" spans="14:14">
      <c r="N671500" s="10"/>
    </row>
    <row r="671501" spans="14:14">
      <c r="N671501" s="10"/>
    </row>
    <row r="671502" spans="14:14">
      <c r="N671502" s="10"/>
    </row>
    <row r="671503" spans="14:14">
      <c r="N671503" s="10"/>
    </row>
    <row r="671504" spans="14:14">
      <c r="N671504" s="10"/>
    </row>
    <row r="671505" spans="14:14">
      <c r="N671505" s="10"/>
    </row>
    <row r="671506" spans="14:14">
      <c r="N671506" s="10"/>
    </row>
    <row r="671507" spans="14:14">
      <c r="N671507" s="10"/>
    </row>
    <row r="671508" spans="14:14">
      <c r="N671508" s="10"/>
    </row>
    <row r="671509" spans="14:14">
      <c r="N671509" s="10"/>
    </row>
    <row r="671510" spans="14:14">
      <c r="N671510" s="10"/>
    </row>
    <row r="671511" spans="14:14">
      <c r="N671511" s="10"/>
    </row>
    <row r="671512" spans="14:14">
      <c r="N671512" s="10"/>
    </row>
    <row r="671513" spans="14:14">
      <c r="N671513" s="10"/>
    </row>
    <row r="671514" spans="14:14">
      <c r="N671514" s="10"/>
    </row>
    <row r="671515" spans="14:14">
      <c r="N671515" s="10"/>
    </row>
    <row r="671516" spans="14:14">
      <c r="N671516" s="10"/>
    </row>
    <row r="671517" spans="14:14">
      <c r="N671517" s="10"/>
    </row>
    <row r="671518" spans="14:14">
      <c r="N671518" s="10"/>
    </row>
    <row r="671519" spans="14:14">
      <c r="N671519" s="10"/>
    </row>
    <row r="671520" spans="14:14">
      <c r="N671520" s="10"/>
    </row>
    <row r="671521" spans="14:14">
      <c r="N671521" s="10"/>
    </row>
    <row r="671522" spans="14:14">
      <c r="N671522" s="10"/>
    </row>
    <row r="671523" spans="14:14">
      <c r="N671523" s="10"/>
    </row>
    <row r="671524" spans="14:14">
      <c r="N671524" s="10"/>
    </row>
    <row r="671525" spans="14:14">
      <c r="N671525" s="10"/>
    </row>
    <row r="671526" spans="14:14">
      <c r="N671526" s="10"/>
    </row>
    <row r="671527" spans="14:14">
      <c r="N671527" s="10"/>
    </row>
    <row r="671528" spans="14:14">
      <c r="N671528" s="10"/>
    </row>
    <row r="671529" spans="14:14">
      <c r="N671529" s="10"/>
    </row>
    <row r="671530" spans="14:14">
      <c r="N671530" s="10"/>
    </row>
    <row r="671531" spans="14:14">
      <c r="N671531" s="10"/>
    </row>
    <row r="671532" spans="14:14">
      <c r="N671532" s="10"/>
    </row>
    <row r="671533" spans="14:14">
      <c r="N671533" s="10"/>
    </row>
    <row r="671534" spans="14:14">
      <c r="N671534" s="10"/>
    </row>
    <row r="671535" spans="14:14">
      <c r="N671535" s="10"/>
    </row>
    <row r="671536" spans="14:14">
      <c r="N671536" s="10"/>
    </row>
    <row r="671537" spans="14:14">
      <c r="N671537" s="10"/>
    </row>
    <row r="671538" spans="14:14">
      <c r="N671538" s="10"/>
    </row>
    <row r="671539" spans="14:14">
      <c r="N671539" s="10"/>
    </row>
    <row r="671540" spans="14:14">
      <c r="N671540" s="10"/>
    </row>
    <row r="671541" spans="14:14">
      <c r="N671541" s="10"/>
    </row>
    <row r="671542" spans="14:14">
      <c r="N671542" s="10"/>
    </row>
    <row r="671543" spans="14:14">
      <c r="N671543" s="10"/>
    </row>
    <row r="671544" spans="14:14">
      <c r="N671544" s="10"/>
    </row>
    <row r="671545" spans="14:14">
      <c r="N671545" s="10"/>
    </row>
    <row r="671546" spans="14:14">
      <c r="N671546" s="10"/>
    </row>
    <row r="671547" spans="14:14">
      <c r="N671547" s="10"/>
    </row>
    <row r="671548" spans="14:14">
      <c r="N671548" s="10"/>
    </row>
    <row r="671549" spans="14:14">
      <c r="N671549" s="10"/>
    </row>
    <row r="671550" spans="14:14">
      <c r="N671550" s="10"/>
    </row>
    <row r="671551" spans="14:14">
      <c r="N671551" s="10"/>
    </row>
    <row r="671552" spans="14:14">
      <c r="N671552" s="10"/>
    </row>
    <row r="671553" spans="14:14">
      <c r="N671553" s="10"/>
    </row>
    <row r="671554" spans="14:14">
      <c r="N671554" s="10"/>
    </row>
    <row r="671555" spans="14:14">
      <c r="N671555" s="10"/>
    </row>
    <row r="671556" spans="14:14">
      <c r="N671556" s="10"/>
    </row>
    <row r="671557" spans="14:14">
      <c r="N671557" s="10"/>
    </row>
    <row r="671558" spans="14:14">
      <c r="N671558" s="10"/>
    </row>
    <row r="671559" spans="14:14">
      <c r="N671559" s="10"/>
    </row>
    <row r="671560" spans="14:14">
      <c r="N671560" s="10"/>
    </row>
    <row r="671561" spans="14:14">
      <c r="N671561" s="10"/>
    </row>
    <row r="671562" spans="14:14">
      <c r="N671562" s="10"/>
    </row>
    <row r="671563" spans="14:14">
      <c r="N671563" s="10"/>
    </row>
    <row r="671564" spans="14:14">
      <c r="N671564" s="10"/>
    </row>
    <row r="671565" spans="14:14">
      <c r="N671565" s="10"/>
    </row>
    <row r="671566" spans="14:14">
      <c r="N671566" s="10"/>
    </row>
    <row r="671567" spans="14:14">
      <c r="N671567" s="10"/>
    </row>
    <row r="671568" spans="14:14">
      <c r="N671568" s="10"/>
    </row>
    <row r="671569" spans="14:14">
      <c r="N671569" s="10"/>
    </row>
    <row r="671570" spans="14:14">
      <c r="N671570" s="10"/>
    </row>
    <row r="671571" spans="14:14">
      <c r="N671571" s="10"/>
    </row>
    <row r="671572" spans="14:14">
      <c r="N671572" s="10"/>
    </row>
    <row r="671573" spans="14:14">
      <c r="N671573" s="10"/>
    </row>
    <row r="671574" spans="14:14">
      <c r="N671574" s="10"/>
    </row>
    <row r="671575" spans="14:14">
      <c r="N671575" s="10"/>
    </row>
    <row r="671576" spans="14:14">
      <c r="N671576" s="10"/>
    </row>
    <row r="671577" spans="14:14">
      <c r="N671577" s="10"/>
    </row>
    <row r="671578" spans="14:14">
      <c r="N671578" s="10"/>
    </row>
    <row r="671579" spans="14:14">
      <c r="N671579" s="10"/>
    </row>
    <row r="671580" spans="14:14">
      <c r="N671580" s="10"/>
    </row>
    <row r="671581" spans="14:14">
      <c r="N671581" s="10"/>
    </row>
    <row r="671582" spans="14:14">
      <c r="N671582" s="10"/>
    </row>
    <row r="671583" spans="14:14">
      <c r="N671583" s="10"/>
    </row>
    <row r="671584" spans="14:14">
      <c r="N671584" s="10"/>
    </row>
    <row r="671585" spans="14:14">
      <c r="N671585" s="10"/>
    </row>
    <row r="671586" spans="14:14">
      <c r="N671586" s="10"/>
    </row>
    <row r="671587" spans="14:14">
      <c r="N671587" s="10"/>
    </row>
    <row r="671588" spans="14:14">
      <c r="N671588" s="10"/>
    </row>
    <row r="671589" spans="14:14">
      <c r="N671589" s="10"/>
    </row>
    <row r="671590" spans="14:14">
      <c r="N671590" s="10"/>
    </row>
    <row r="671591" spans="14:14">
      <c r="N671591" s="10"/>
    </row>
    <row r="671592" spans="14:14">
      <c r="N671592" s="10"/>
    </row>
    <row r="671593" spans="14:14">
      <c r="N671593" s="10"/>
    </row>
    <row r="671594" spans="14:14">
      <c r="N671594" s="10"/>
    </row>
    <row r="671595" spans="14:14">
      <c r="N671595" s="10"/>
    </row>
    <row r="671596" spans="14:14">
      <c r="N671596" s="10"/>
    </row>
    <row r="671597" spans="14:14">
      <c r="N671597" s="10"/>
    </row>
    <row r="671598" spans="14:14">
      <c r="N671598" s="10"/>
    </row>
    <row r="671599" spans="14:14">
      <c r="N671599" s="10"/>
    </row>
    <row r="671600" spans="14:14">
      <c r="N671600" s="10"/>
    </row>
    <row r="671601" spans="14:14">
      <c r="N671601" s="10"/>
    </row>
    <row r="671602" spans="14:14">
      <c r="N671602" s="10"/>
    </row>
    <row r="671603" spans="14:14">
      <c r="N671603" s="10"/>
    </row>
    <row r="671604" spans="14:14">
      <c r="N671604" s="10"/>
    </row>
    <row r="671605" spans="14:14">
      <c r="N671605" s="10"/>
    </row>
    <row r="671606" spans="14:14">
      <c r="N671606" s="10"/>
    </row>
    <row r="671607" spans="14:14">
      <c r="N671607" s="10"/>
    </row>
    <row r="671608" spans="14:14">
      <c r="N671608" s="10"/>
    </row>
    <row r="671609" spans="14:14">
      <c r="N671609" s="10"/>
    </row>
    <row r="671610" spans="14:14">
      <c r="N671610" s="10"/>
    </row>
    <row r="671611" spans="14:14">
      <c r="N671611" s="10"/>
    </row>
    <row r="671612" spans="14:14">
      <c r="N671612" s="10"/>
    </row>
    <row r="671613" spans="14:14">
      <c r="N671613" s="10"/>
    </row>
    <row r="671614" spans="14:14">
      <c r="N671614" s="10"/>
    </row>
    <row r="671615" spans="14:14">
      <c r="N671615" s="10"/>
    </row>
    <row r="671616" spans="14:14">
      <c r="N671616" s="10"/>
    </row>
    <row r="671617" spans="14:14">
      <c r="N671617" s="10"/>
    </row>
    <row r="671618" spans="14:14">
      <c r="N671618" s="10"/>
    </row>
    <row r="671619" spans="14:14">
      <c r="N671619" s="10"/>
    </row>
    <row r="671620" spans="14:14">
      <c r="N671620" s="10"/>
    </row>
    <row r="671621" spans="14:14">
      <c r="N671621" s="10"/>
    </row>
    <row r="671622" spans="14:14">
      <c r="N671622" s="10"/>
    </row>
    <row r="671623" spans="14:14">
      <c r="N671623" s="10"/>
    </row>
    <row r="671624" spans="14:14">
      <c r="N671624" s="10"/>
    </row>
    <row r="671625" spans="14:14">
      <c r="N671625" s="10"/>
    </row>
    <row r="671626" spans="14:14">
      <c r="N671626" s="10"/>
    </row>
    <row r="671627" spans="14:14">
      <c r="N671627" s="10"/>
    </row>
    <row r="671628" spans="14:14">
      <c r="N671628" s="10"/>
    </row>
    <row r="671629" spans="14:14">
      <c r="N671629" s="10"/>
    </row>
    <row r="671630" spans="14:14">
      <c r="N671630" s="10"/>
    </row>
    <row r="671631" spans="14:14">
      <c r="N671631" s="10"/>
    </row>
    <row r="671632" spans="14:14">
      <c r="N671632" s="10"/>
    </row>
    <row r="671633" spans="14:14">
      <c r="N671633" s="10"/>
    </row>
    <row r="671634" spans="14:14">
      <c r="N671634" s="10"/>
    </row>
    <row r="671635" spans="14:14">
      <c r="N671635" s="10"/>
    </row>
    <row r="671636" spans="14:14">
      <c r="N671636" s="10"/>
    </row>
    <row r="671637" spans="14:14">
      <c r="N671637" s="10"/>
    </row>
    <row r="671638" spans="14:14">
      <c r="N671638" s="10"/>
    </row>
    <row r="671639" spans="14:14">
      <c r="N671639" s="10"/>
    </row>
    <row r="671640" spans="14:14">
      <c r="N671640" s="10"/>
    </row>
    <row r="671641" spans="14:14">
      <c r="N671641" s="10"/>
    </row>
    <row r="671642" spans="14:14">
      <c r="N671642" s="10"/>
    </row>
    <row r="671643" spans="14:14">
      <c r="N671643" s="10"/>
    </row>
    <row r="671644" spans="14:14">
      <c r="N671644" s="10"/>
    </row>
    <row r="671645" spans="14:14">
      <c r="N671645" s="10"/>
    </row>
    <row r="671646" spans="14:14">
      <c r="N671646" s="10"/>
    </row>
    <row r="671647" spans="14:14">
      <c r="N671647" s="10"/>
    </row>
    <row r="671648" spans="14:14">
      <c r="N671648" s="10"/>
    </row>
    <row r="671649" spans="14:14">
      <c r="N671649" s="10"/>
    </row>
    <row r="671650" spans="14:14">
      <c r="N671650" s="10"/>
    </row>
    <row r="671651" spans="14:14">
      <c r="N671651" s="10"/>
    </row>
    <row r="671652" spans="14:14">
      <c r="N671652" s="10"/>
    </row>
    <row r="671653" spans="14:14">
      <c r="N671653" s="10"/>
    </row>
    <row r="671654" spans="14:14">
      <c r="N671654" s="10"/>
    </row>
    <row r="671655" spans="14:14">
      <c r="N671655" s="10"/>
    </row>
    <row r="671656" spans="14:14">
      <c r="N671656" s="10"/>
    </row>
    <row r="671657" spans="14:14">
      <c r="N671657" s="10"/>
    </row>
    <row r="671658" spans="14:14">
      <c r="N671658" s="10"/>
    </row>
    <row r="671659" spans="14:14">
      <c r="N671659" s="10"/>
    </row>
    <row r="671660" spans="14:14">
      <c r="N671660" s="10"/>
    </row>
    <row r="671661" spans="14:14">
      <c r="N671661" s="10"/>
    </row>
    <row r="671662" spans="14:14">
      <c r="N671662" s="10"/>
    </row>
    <row r="671663" spans="14:14">
      <c r="N671663" s="10"/>
    </row>
    <row r="671664" spans="14:14">
      <c r="N671664" s="10"/>
    </row>
    <row r="671665" spans="14:14">
      <c r="N671665" s="10"/>
    </row>
    <row r="671666" spans="14:14">
      <c r="N671666" s="10"/>
    </row>
    <row r="671667" spans="14:14">
      <c r="N671667" s="10"/>
    </row>
    <row r="671668" spans="14:14">
      <c r="N671668" s="10"/>
    </row>
    <row r="671669" spans="14:14">
      <c r="N671669" s="10"/>
    </row>
    <row r="671670" spans="14:14">
      <c r="N671670" s="10"/>
    </row>
    <row r="671671" spans="14:14">
      <c r="N671671" s="10"/>
    </row>
    <row r="671672" spans="14:14">
      <c r="N671672" s="10"/>
    </row>
    <row r="671673" spans="14:14">
      <c r="N671673" s="10"/>
    </row>
    <row r="671674" spans="14:14">
      <c r="N671674" s="10"/>
    </row>
    <row r="671675" spans="14:14">
      <c r="N671675" s="10"/>
    </row>
    <row r="671676" spans="14:14">
      <c r="N671676" s="10"/>
    </row>
    <row r="671677" spans="14:14">
      <c r="N671677" s="10"/>
    </row>
    <row r="671678" spans="14:14">
      <c r="N671678" s="10"/>
    </row>
    <row r="671679" spans="14:14">
      <c r="N671679" s="10"/>
    </row>
    <row r="671680" spans="14:14">
      <c r="N671680" s="10"/>
    </row>
    <row r="671681" spans="14:14">
      <c r="N671681" s="10"/>
    </row>
    <row r="671682" spans="14:14">
      <c r="N671682" s="10"/>
    </row>
    <row r="671683" spans="14:14">
      <c r="N671683" s="10"/>
    </row>
    <row r="671684" spans="14:14">
      <c r="N671684" s="10"/>
    </row>
    <row r="671685" spans="14:14">
      <c r="N671685" s="10"/>
    </row>
    <row r="671686" spans="14:14">
      <c r="N671686" s="10"/>
    </row>
    <row r="671687" spans="14:14">
      <c r="N671687" s="10"/>
    </row>
    <row r="671688" spans="14:14">
      <c r="N671688" s="10"/>
    </row>
    <row r="671689" spans="14:14">
      <c r="N671689" s="10"/>
    </row>
    <row r="671690" spans="14:14">
      <c r="N671690" s="10"/>
    </row>
    <row r="671691" spans="14:14">
      <c r="N671691" s="10"/>
    </row>
    <row r="671692" spans="14:14">
      <c r="N671692" s="10"/>
    </row>
    <row r="671693" spans="14:14">
      <c r="N671693" s="10"/>
    </row>
    <row r="671694" spans="14:14">
      <c r="N671694" s="10"/>
    </row>
    <row r="671695" spans="14:14">
      <c r="N671695" s="10"/>
    </row>
    <row r="671696" spans="14:14">
      <c r="N671696" s="10"/>
    </row>
    <row r="671697" spans="14:14">
      <c r="N671697" s="10"/>
    </row>
    <row r="671698" spans="14:14">
      <c r="N671698" s="10"/>
    </row>
    <row r="671699" spans="14:14">
      <c r="N671699" s="10"/>
    </row>
    <row r="671700" spans="14:14">
      <c r="N671700" s="10"/>
    </row>
    <row r="671701" spans="14:14">
      <c r="N671701" s="10"/>
    </row>
    <row r="671702" spans="14:14">
      <c r="N671702" s="10"/>
    </row>
    <row r="671703" spans="14:14">
      <c r="N671703" s="10"/>
    </row>
    <row r="671704" spans="14:14">
      <c r="N671704" s="10"/>
    </row>
    <row r="671705" spans="14:14">
      <c r="N671705" s="10"/>
    </row>
    <row r="671706" spans="14:14">
      <c r="N671706" s="10"/>
    </row>
    <row r="671707" spans="14:14">
      <c r="N671707" s="10"/>
    </row>
    <row r="671708" spans="14:14">
      <c r="N671708" s="10"/>
    </row>
    <row r="671709" spans="14:14">
      <c r="N671709" s="10"/>
    </row>
    <row r="671710" spans="14:14">
      <c r="N671710" s="10"/>
    </row>
    <row r="671711" spans="14:14">
      <c r="N671711" s="10"/>
    </row>
    <row r="671712" spans="14:14">
      <c r="N671712" s="10"/>
    </row>
    <row r="671713" spans="14:14">
      <c r="N671713" s="10"/>
    </row>
    <row r="671714" spans="14:14">
      <c r="N671714" s="10"/>
    </row>
    <row r="671715" spans="14:14">
      <c r="N671715" s="10"/>
    </row>
    <row r="671716" spans="14:14">
      <c r="N671716" s="10"/>
    </row>
    <row r="671717" spans="14:14">
      <c r="N671717" s="10"/>
    </row>
    <row r="671718" spans="14:14">
      <c r="N671718" s="10"/>
    </row>
    <row r="671719" spans="14:14">
      <c r="N671719" s="10"/>
    </row>
    <row r="671720" spans="14:14">
      <c r="N671720" s="10"/>
    </row>
    <row r="671721" spans="14:14">
      <c r="N671721" s="10"/>
    </row>
    <row r="671722" spans="14:14">
      <c r="N671722" s="10"/>
    </row>
    <row r="671723" spans="14:14">
      <c r="N671723" s="10"/>
    </row>
    <row r="671724" spans="14:14">
      <c r="N671724" s="10"/>
    </row>
    <row r="671725" spans="14:14">
      <c r="N671725" s="10"/>
    </row>
    <row r="671726" spans="14:14">
      <c r="N671726" s="10"/>
    </row>
    <row r="671727" spans="14:14">
      <c r="N671727" s="10"/>
    </row>
    <row r="671728" spans="14:14">
      <c r="N671728" s="10"/>
    </row>
    <row r="671729" spans="14:14">
      <c r="N671729" s="10"/>
    </row>
    <row r="671730" spans="14:14">
      <c r="N671730" s="10"/>
    </row>
    <row r="671731" spans="14:14">
      <c r="N671731" s="10"/>
    </row>
    <row r="671732" spans="14:14">
      <c r="N671732" s="10"/>
    </row>
    <row r="671733" spans="14:14">
      <c r="N671733" s="10"/>
    </row>
    <row r="671734" spans="14:14">
      <c r="N671734" s="10"/>
    </row>
    <row r="671735" spans="14:14">
      <c r="N671735" s="10"/>
    </row>
    <row r="671736" spans="14:14">
      <c r="N671736" s="10"/>
    </row>
    <row r="671737" spans="14:14">
      <c r="N671737" s="10"/>
    </row>
    <row r="671738" spans="14:14">
      <c r="N671738" s="10"/>
    </row>
    <row r="671739" spans="14:14">
      <c r="N671739" s="10"/>
    </row>
    <row r="671740" spans="14:14">
      <c r="N671740" s="10"/>
    </row>
    <row r="671741" spans="14:14">
      <c r="N671741" s="10"/>
    </row>
    <row r="671742" spans="14:14">
      <c r="N671742" s="10"/>
    </row>
    <row r="671743" spans="14:14">
      <c r="N671743" s="10"/>
    </row>
    <row r="671744" spans="14:14">
      <c r="N671744" s="10"/>
    </row>
    <row r="671745" spans="14:14">
      <c r="N671745" s="10"/>
    </row>
    <row r="671746" spans="14:14">
      <c r="N671746" s="10"/>
    </row>
    <row r="671747" spans="14:14">
      <c r="N671747" s="10"/>
    </row>
    <row r="671748" spans="14:14">
      <c r="N671748" s="10"/>
    </row>
    <row r="671749" spans="14:14">
      <c r="N671749" s="10"/>
    </row>
    <row r="671750" spans="14:14">
      <c r="N671750" s="10"/>
    </row>
    <row r="671751" spans="14:14">
      <c r="N671751" s="10"/>
    </row>
    <row r="671752" spans="14:14">
      <c r="N671752" s="10"/>
    </row>
    <row r="671753" spans="14:14">
      <c r="N671753" s="10"/>
    </row>
    <row r="671754" spans="14:14">
      <c r="N671754" s="10"/>
    </row>
    <row r="671755" spans="14:14">
      <c r="N671755" s="10"/>
    </row>
    <row r="671756" spans="14:14">
      <c r="N671756" s="10"/>
    </row>
    <row r="671757" spans="14:14">
      <c r="N671757" s="10"/>
    </row>
    <row r="671758" spans="14:14">
      <c r="N671758" s="10"/>
    </row>
    <row r="671759" spans="14:14">
      <c r="N671759" s="10"/>
    </row>
    <row r="671760" spans="14:14">
      <c r="N671760" s="10"/>
    </row>
    <row r="671761" spans="14:14">
      <c r="N671761" s="10"/>
    </row>
    <row r="671762" spans="14:14">
      <c r="N671762" s="10"/>
    </row>
    <row r="671763" spans="14:14">
      <c r="N671763" s="10"/>
    </row>
    <row r="671764" spans="14:14">
      <c r="N671764" s="10"/>
    </row>
    <row r="671765" spans="14:14">
      <c r="N671765" s="10"/>
    </row>
    <row r="671766" spans="14:14">
      <c r="N671766" s="10"/>
    </row>
    <row r="671767" spans="14:14">
      <c r="N671767" s="10"/>
    </row>
    <row r="671768" spans="14:14">
      <c r="N671768" s="10"/>
    </row>
    <row r="671769" spans="14:14">
      <c r="N671769" s="10"/>
    </row>
    <row r="671770" spans="14:14">
      <c r="N671770" s="10"/>
    </row>
    <row r="671771" spans="14:14">
      <c r="N671771" s="10"/>
    </row>
    <row r="671772" spans="14:14">
      <c r="N671772" s="10"/>
    </row>
    <row r="671773" spans="14:14">
      <c r="N671773" s="10"/>
    </row>
    <row r="671774" spans="14:14">
      <c r="N671774" s="10"/>
    </row>
    <row r="671775" spans="14:14">
      <c r="N671775" s="10"/>
    </row>
    <row r="671776" spans="14:14">
      <c r="N671776" s="10"/>
    </row>
    <row r="671777" spans="14:14">
      <c r="N671777" s="10"/>
    </row>
    <row r="671778" spans="14:14">
      <c r="N671778" s="10"/>
    </row>
    <row r="671779" spans="14:14">
      <c r="N671779" s="10"/>
    </row>
    <row r="671780" spans="14:14">
      <c r="N671780" s="10"/>
    </row>
    <row r="671781" spans="14:14">
      <c r="N671781" s="10"/>
    </row>
    <row r="671782" spans="14:14">
      <c r="N671782" s="10"/>
    </row>
    <row r="671783" spans="14:14">
      <c r="N671783" s="10"/>
    </row>
    <row r="671784" spans="14:14">
      <c r="N671784" s="10"/>
    </row>
    <row r="671785" spans="14:14">
      <c r="N671785" s="10"/>
    </row>
    <row r="671786" spans="14:14">
      <c r="N671786" s="10"/>
    </row>
    <row r="671787" spans="14:14">
      <c r="N671787" s="10"/>
    </row>
    <row r="671788" spans="14:14">
      <c r="N671788" s="10"/>
    </row>
    <row r="671789" spans="14:14">
      <c r="N671789" s="10"/>
    </row>
    <row r="671790" spans="14:14">
      <c r="N671790" s="10"/>
    </row>
    <row r="671791" spans="14:14">
      <c r="N671791" s="10"/>
    </row>
    <row r="671792" spans="14:14">
      <c r="N671792" s="10"/>
    </row>
    <row r="671793" spans="14:14">
      <c r="N671793" s="10"/>
    </row>
    <row r="671794" spans="14:14">
      <c r="N671794" s="10"/>
    </row>
    <row r="671795" spans="14:14">
      <c r="N671795" s="10"/>
    </row>
    <row r="671796" spans="14:14">
      <c r="N671796" s="10"/>
    </row>
    <row r="671797" spans="14:14">
      <c r="N671797" s="10"/>
    </row>
    <row r="671798" spans="14:14">
      <c r="N671798" s="10"/>
    </row>
    <row r="671799" spans="14:14">
      <c r="N671799" s="10"/>
    </row>
    <row r="671800" spans="14:14">
      <c r="N671800" s="10"/>
    </row>
    <row r="671801" spans="14:14">
      <c r="N671801" s="10"/>
    </row>
    <row r="671802" spans="14:14">
      <c r="N671802" s="10"/>
    </row>
    <row r="671803" spans="14:14">
      <c r="N671803" s="10"/>
    </row>
    <row r="671804" spans="14:14">
      <c r="N671804" s="10"/>
    </row>
    <row r="671805" spans="14:14">
      <c r="N671805" s="10"/>
    </row>
    <row r="671806" spans="14:14">
      <c r="N671806" s="10"/>
    </row>
    <row r="671807" spans="14:14">
      <c r="N671807" s="10"/>
    </row>
    <row r="671808" spans="14:14">
      <c r="N671808" s="10"/>
    </row>
    <row r="671809" spans="14:14">
      <c r="N671809" s="10"/>
    </row>
    <row r="671810" spans="14:14">
      <c r="N671810" s="10"/>
    </row>
    <row r="671811" spans="14:14">
      <c r="N671811" s="10"/>
    </row>
    <row r="671812" spans="14:14">
      <c r="N671812" s="10"/>
    </row>
    <row r="671813" spans="14:14">
      <c r="N671813" s="10"/>
    </row>
    <row r="671814" spans="14:14">
      <c r="N671814" s="10"/>
    </row>
    <row r="671815" spans="14:14">
      <c r="N671815" s="10"/>
    </row>
    <row r="671816" spans="14:14">
      <c r="N671816" s="10"/>
    </row>
    <row r="671817" spans="14:14">
      <c r="N671817" s="10"/>
    </row>
    <row r="671818" spans="14:14">
      <c r="N671818" s="10"/>
    </row>
    <row r="671819" spans="14:14">
      <c r="N671819" s="10"/>
    </row>
    <row r="671820" spans="14:14">
      <c r="N671820" s="10"/>
    </row>
    <row r="671821" spans="14:14">
      <c r="N671821" s="10"/>
    </row>
    <row r="671822" spans="14:14">
      <c r="N671822" s="10"/>
    </row>
    <row r="671823" spans="14:14">
      <c r="N671823" s="10"/>
    </row>
    <row r="671824" spans="14:14">
      <c r="N671824" s="10"/>
    </row>
    <row r="671825" spans="14:14">
      <c r="N671825" s="10"/>
    </row>
    <row r="671826" spans="14:14">
      <c r="N671826" s="10"/>
    </row>
    <row r="671827" spans="14:14">
      <c r="N671827" s="10"/>
    </row>
    <row r="671828" spans="14:14">
      <c r="N671828" s="10"/>
    </row>
    <row r="671829" spans="14:14">
      <c r="N671829" s="10"/>
    </row>
    <row r="671830" spans="14:14">
      <c r="N671830" s="10"/>
    </row>
    <row r="671831" spans="14:14">
      <c r="N671831" s="10"/>
    </row>
    <row r="671832" spans="14:14">
      <c r="N671832" s="10"/>
    </row>
    <row r="671833" spans="14:14">
      <c r="N671833" s="10"/>
    </row>
    <row r="671834" spans="14:14">
      <c r="N671834" s="10"/>
    </row>
    <row r="671835" spans="14:14">
      <c r="N671835" s="10"/>
    </row>
    <row r="671836" spans="14:14">
      <c r="N671836" s="10"/>
    </row>
    <row r="671837" spans="14:14">
      <c r="N671837" s="10"/>
    </row>
    <row r="671838" spans="14:14">
      <c r="N671838" s="10"/>
    </row>
    <row r="671839" spans="14:14">
      <c r="N671839" s="10"/>
    </row>
    <row r="671840" spans="14:14">
      <c r="N671840" s="10"/>
    </row>
    <row r="671841" spans="14:14">
      <c r="N671841" s="10"/>
    </row>
    <row r="671842" spans="14:14">
      <c r="N671842" s="10"/>
    </row>
    <row r="671843" spans="14:14">
      <c r="N671843" s="10"/>
    </row>
    <row r="671844" spans="14:14">
      <c r="N671844" s="10"/>
    </row>
    <row r="671845" spans="14:14">
      <c r="N671845" s="10"/>
    </row>
    <row r="671846" spans="14:14">
      <c r="N671846" s="10"/>
    </row>
    <row r="671847" spans="14:14">
      <c r="N671847" s="10"/>
    </row>
    <row r="671848" spans="14:14">
      <c r="N671848" s="10"/>
    </row>
    <row r="671849" spans="14:14">
      <c r="N671849" s="10"/>
    </row>
    <row r="671850" spans="14:14">
      <c r="N671850" s="10"/>
    </row>
    <row r="671851" spans="14:14">
      <c r="N671851" s="10"/>
    </row>
    <row r="671852" spans="14:14">
      <c r="N671852" s="10"/>
    </row>
    <row r="671853" spans="14:14">
      <c r="N671853" s="10"/>
    </row>
    <row r="671854" spans="14:14">
      <c r="N671854" s="10"/>
    </row>
    <row r="671855" spans="14:14">
      <c r="N671855" s="10"/>
    </row>
    <row r="671856" spans="14:14">
      <c r="N671856" s="10"/>
    </row>
    <row r="671857" spans="14:14">
      <c r="N671857" s="10"/>
    </row>
    <row r="671858" spans="14:14">
      <c r="N671858" s="10"/>
    </row>
    <row r="671859" spans="14:14">
      <c r="N671859" s="10"/>
    </row>
    <row r="671860" spans="14:14">
      <c r="N671860" s="10"/>
    </row>
    <row r="671861" spans="14:14">
      <c r="N671861" s="10"/>
    </row>
    <row r="671862" spans="14:14">
      <c r="N671862" s="10"/>
    </row>
    <row r="671863" spans="14:14">
      <c r="N671863" s="10"/>
    </row>
    <row r="671864" spans="14:14">
      <c r="N671864" s="10"/>
    </row>
    <row r="671865" spans="14:14">
      <c r="N671865" s="10"/>
    </row>
    <row r="671866" spans="14:14">
      <c r="N671866" s="10"/>
    </row>
    <row r="671867" spans="14:14">
      <c r="N671867" s="10"/>
    </row>
    <row r="671868" spans="14:14">
      <c r="N671868" s="10"/>
    </row>
    <row r="671869" spans="14:14">
      <c r="N671869" s="10"/>
    </row>
    <row r="671870" spans="14:14">
      <c r="N671870" s="10"/>
    </row>
    <row r="671871" spans="14:14">
      <c r="N671871" s="10"/>
    </row>
    <row r="671872" spans="14:14">
      <c r="N671872" s="10"/>
    </row>
    <row r="671873" spans="14:14">
      <c r="N671873" s="10"/>
    </row>
    <row r="671874" spans="14:14">
      <c r="N671874" s="10"/>
    </row>
    <row r="671875" spans="14:14">
      <c r="N671875" s="10"/>
    </row>
    <row r="671876" spans="14:14">
      <c r="N671876" s="10"/>
    </row>
    <row r="671877" spans="14:14">
      <c r="N671877" s="10"/>
    </row>
    <row r="671878" spans="14:14">
      <c r="N671878" s="10"/>
    </row>
    <row r="671879" spans="14:14">
      <c r="N671879" s="10"/>
    </row>
    <row r="671880" spans="14:14">
      <c r="N671880" s="10"/>
    </row>
    <row r="671881" spans="14:14">
      <c r="N671881" s="10"/>
    </row>
    <row r="671882" spans="14:14">
      <c r="N671882" s="10"/>
    </row>
    <row r="671883" spans="14:14">
      <c r="N671883" s="10"/>
    </row>
    <row r="671884" spans="14:14">
      <c r="N671884" s="10"/>
    </row>
    <row r="671885" spans="14:14">
      <c r="N671885" s="10"/>
    </row>
    <row r="671886" spans="14:14">
      <c r="N671886" s="10"/>
    </row>
    <row r="671887" spans="14:14">
      <c r="N671887" s="10"/>
    </row>
    <row r="671888" spans="14:14">
      <c r="N671888" s="10"/>
    </row>
    <row r="671889" spans="14:14">
      <c r="N671889" s="10"/>
    </row>
    <row r="671890" spans="14:14">
      <c r="N671890" s="10"/>
    </row>
    <row r="671891" spans="14:14">
      <c r="N671891" s="10"/>
    </row>
    <row r="671892" spans="14:14">
      <c r="N671892" s="10"/>
    </row>
    <row r="671893" spans="14:14">
      <c r="N671893" s="10"/>
    </row>
    <row r="671894" spans="14:14">
      <c r="N671894" s="10"/>
    </row>
    <row r="671895" spans="14:14">
      <c r="N671895" s="10"/>
    </row>
    <row r="671896" spans="14:14">
      <c r="N671896" s="10"/>
    </row>
    <row r="671897" spans="14:14">
      <c r="N671897" s="10"/>
    </row>
    <row r="671898" spans="14:14">
      <c r="N671898" s="10"/>
    </row>
    <row r="671899" spans="14:14">
      <c r="N671899" s="10"/>
    </row>
    <row r="671900" spans="14:14">
      <c r="N671900" s="10"/>
    </row>
    <row r="671901" spans="14:14">
      <c r="N671901" s="10"/>
    </row>
    <row r="671902" spans="14:14">
      <c r="N671902" s="10"/>
    </row>
    <row r="671903" spans="14:14">
      <c r="N671903" s="10"/>
    </row>
    <row r="671904" spans="14:14">
      <c r="N671904" s="10"/>
    </row>
    <row r="671905" spans="14:14">
      <c r="N671905" s="10"/>
    </row>
    <row r="671906" spans="14:14">
      <c r="N671906" s="10"/>
    </row>
    <row r="671907" spans="14:14">
      <c r="N671907" s="10"/>
    </row>
    <row r="671908" spans="14:14">
      <c r="N671908" s="10"/>
    </row>
    <row r="671909" spans="14:14">
      <c r="N671909" s="10"/>
    </row>
    <row r="671910" spans="14:14">
      <c r="N671910" s="10"/>
    </row>
    <row r="671911" spans="14:14">
      <c r="N671911" s="10"/>
    </row>
    <row r="671912" spans="14:14">
      <c r="N671912" s="10"/>
    </row>
    <row r="671913" spans="14:14">
      <c r="N671913" s="10"/>
    </row>
    <row r="671914" spans="14:14">
      <c r="N671914" s="10"/>
    </row>
    <row r="671915" spans="14:14">
      <c r="N671915" s="10"/>
    </row>
    <row r="671916" spans="14:14">
      <c r="N671916" s="10"/>
    </row>
    <row r="671917" spans="14:14">
      <c r="N671917" s="10"/>
    </row>
    <row r="671918" spans="14:14">
      <c r="N671918" s="10"/>
    </row>
    <row r="671919" spans="14:14">
      <c r="N671919" s="10"/>
    </row>
    <row r="671920" spans="14:14">
      <c r="N671920" s="10"/>
    </row>
    <row r="671921" spans="14:14">
      <c r="N671921" s="10"/>
    </row>
    <row r="671922" spans="14:14">
      <c r="N671922" s="10"/>
    </row>
    <row r="671923" spans="14:14">
      <c r="N671923" s="10"/>
    </row>
    <row r="671924" spans="14:14">
      <c r="N671924" s="10"/>
    </row>
    <row r="671925" spans="14:14">
      <c r="N671925" s="10"/>
    </row>
    <row r="671926" spans="14:14">
      <c r="N671926" s="10"/>
    </row>
    <row r="671927" spans="14:14">
      <c r="N671927" s="10"/>
    </row>
    <row r="671928" spans="14:14">
      <c r="N671928" s="10"/>
    </row>
    <row r="671929" spans="14:14">
      <c r="N671929" s="10"/>
    </row>
    <row r="671930" spans="14:14">
      <c r="N671930" s="10"/>
    </row>
    <row r="671931" spans="14:14">
      <c r="N671931" s="10"/>
    </row>
    <row r="671932" spans="14:14">
      <c r="N671932" s="10"/>
    </row>
    <row r="671933" spans="14:14">
      <c r="N671933" s="10"/>
    </row>
    <row r="671934" spans="14:14">
      <c r="N671934" s="10"/>
    </row>
    <row r="671935" spans="14:14">
      <c r="N671935" s="10"/>
    </row>
    <row r="671936" spans="14:14">
      <c r="N671936" s="10"/>
    </row>
    <row r="671937" spans="14:14">
      <c r="N671937" s="10"/>
    </row>
    <row r="671938" spans="14:14">
      <c r="N671938" s="10"/>
    </row>
    <row r="671939" spans="14:14">
      <c r="N671939" s="10"/>
    </row>
    <row r="671940" spans="14:14">
      <c r="N671940" s="10"/>
    </row>
    <row r="671941" spans="14:14">
      <c r="N671941" s="10"/>
    </row>
    <row r="671942" spans="14:14">
      <c r="N671942" s="10"/>
    </row>
    <row r="671943" spans="14:14">
      <c r="N671943" s="10"/>
    </row>
    <row r="671944" spans="14:14">
      <c r="N671944" s="10"/>
    </row>
    <row r="671945" spans="14:14">
      <c r="N671945" s="10"/>
    </row>
    <row r="671946" spans="14:14">
      <c r="N671946" s="10"/>
    </row>
    <row r="671947" spans="14:14">
      <c r="N671947" s="10"/>
    </row>
    <row r="671948" spans="14:14">
      <c r="N671948" s="10"/>
    </row>
    <row r="671949" spans="14:14">
      <c r="N671949" s="10"/>
    </row>
    <row r="671950" spans="14:14">
      <c r="N671950" s="10"/>
    </row>
    <row r="671951" spans="14:14">
      <c r="N671951" s="10"/>
    </row>
    <row r="671952" spans="14:14">
      <c r="N671952" s="10"/>
    </row>
    <row r="671953" spans="14:14">
      <c r="N671953" s="10"/>
    </row>
    <row r="671954" spans="14:14">
      <c r="N671954" s="10"/>
    </row>
    <row r="671955" spans="14:14">
      <c r="N671955" s="10"/>
    </row>
    <row r="671956" spans="14:14">
      <c r="N671956" s="10"/>
    </row>
    <row r="671957" spans="14:14">
      <c r="N671957" s="10"/>
    </row>
    <row r="671958" spans="14:14">
      <c r="N671958" s="10"/>
    </row>
    <row r="671959" spans="14:14">
      <c r="N671959" s="10"/>
    </row>
    <row r="671960" spans="14:14">
      <c r="N671960" s="10"/>
    </row>
    <row r="671961" spans="14:14">
      <c r="N671961" s="10"/>
    </row>
    <row r="671962" spans="14:14">
      <c r="N671962" s="10"/>
    </row>
    <row r="671963" spans="14:14">
      <c r="N671963" s="10"/>
    </row>
    <row r="671964" spans="14:14">
      <c r="N671964" s="10"/>
    </row>
    <row r="671965" spans="14:14">
      <c r="N671965" s="10"/>
    </row>
    <row r="671966" spans="14:14">
      <c r="N671966" s="10"/>
    </row>
    <row r="671967" spans="14:14">
      <c r="N671967" s="10"/>
    </row>
    <row r="671968" spans="14:14">
      <c r="N671968" s="10"/>
    </row>
    <row r="671969" spans="14:14">
      <c r="N671969" s="10"/>
    </row>
    <row r="671970" spans="14:14">
      <c r="N671970" s="10"/>
    </row>
    <row r="671971" spans="14:14">
      <c r="N671971" s="10"/>
    </row>
    <row r="671972" spans="14:14">
      <c r="N671972" s="10"/>
    </row>
    <row r="671973" spans="14:14">
      <c r="N671973" s="10"/>
    </row>
    <row r="671974" spans="14:14">
      <c r="N671974" s="10"/>
    </row>
    <row r="671975" spans="14:14">
      <c r="N671975" s="10"/>
    </row>
    <row r="671976" spans="14:14">
      <c r="N671976" s="10"/>
    </row>
    <row r="671977" spans="14:14">
      <c r="N671977" s="10"/>
    </row>
    <row r="671978" spans="14:14">
      <c r="N671978" s="10"/>
    </row>
    <row r="671979" spans="14:14">
      <c r="N671979" s="10"/>
    </row>
    <row r="671980" spans="14:14">
      <c r="N671980" s="10"/>
    </row>
    <row r="671981" spans="14:14">
      <c r="N671981" s="10"/>
    </row>
    <row r="671982" spans="14:14">
      <c r="N671982" s="10"/>
    </row>
    <row r="671983" spans="14:14">
      <c r="N671983" s="10"/>
    </row>
    <row r="671984" spans="14:14">
      <c r="N671984" s="10"/>
    </row>
    <row r="671985" spans="14:14">
      <c r="N671985" s="10"/>
    </row>
    <row r="671986" spans="14:14">
      <c r="N671986" s="10"/>
    </row>
    <row r="671987" spans="14:14">
      <c r="N671987" s="10"/>
    </row>
    <row r="671988" spans="14:14">
      <c r="N671988" s="10"/>
    </row>
    <row r="671989" spans="14:14">
      <c r="N671989" s="10"/>
    </row>
    <row r="671990" spans="14:14">
      <c r="N671990" s="10"/>
    </row>
    <row r="671991" spans="14:14">
      <c r="N671991" s="10"/>
    </row>
    <row r="671992" spans="14:14">
      <c r="N671992" s="10"/>
    </row>
    <row r="671993" spans="14:14">
      <c r="N671993" s="10"/>
    </row>
    <row r="671994" spans="14:14">
      <c r="N671994" s="10"/>
    </row>
    <row r="671995" spans="14:14">
      <c r="N671995" s="10"/>
    </row>
    <row r="671996" spans="14:14">
      <c r="N671996" s="10"/>
    </row>
    <row r="671997" spans="14:14">
      <c r="N671997" s="10"/>
    </row>
    <row r="671998" spans="14:14">
      <c r="N671998" s="10"/>
    </row>
    <row r="671999" spans="14:14">
      <c r="N671999" s="10"/>
    </row>
    <row r="672000" spans="14:14">
      <c r="N672000" s="10"/>
    </row>
    <row r="672001" spans="14:14">
      <c r="N672001" s="10"/>
    </row>
    <row r="672002" spans="14:14">
      <c r="N672002" s="10"/>
    </row>
    <row r="672003" spans="14:14">
      <c r="N672003" s="10"/>
    </row>
    <row r="672004" spans="14:14">
      <c r="N672004" s="10"/>
    </row>
    <row r="672005" spans="14:14">
      <c r="N672005" s="10"/>
    </row>
    <row r="672006" spans="14:14">
      <c r="N672006" s="10"/>
    </row>
    <row r="672007" spans="14:14">
      <c r="N672007" s="10"/>
    </row>
    <row r="672008" spans="14:14">
      <c r="N672008" s="10"/>
    </row>
    <row r="672009" spans="14:14">
      <c r="N672009" s="10"/>
    </row>
    <row r="672010" spans="14:14">
      <c r="N672010" s="10"/>
    </row>
    <row r="672011" spans="14:14">
      <c r="N672011" s="10"/>
    </row>
    <row r="672012" spans="14:14">
      <c r="N672012" s="10"/>
    </row>
    <row r="672013" spans="14:14">
      <c r="N672013" s="10"/>
    </row>
    <row r="672014" spans="14:14">
      <c r="N672014" s="10"/>
    </row>
    <row r="672015" spans="14:14">
      <c r="N672015" s="10"/>
    </row>
    <row r="672016" spans="14:14">
      <c r="N672016" s="10"/>
    </row>
    <row r="672017" spans="14:14">
      <c r="N672017" s="10"/>
    </row>
    <row r="672018" spans="14:14">
      <c r="N672018" s="10"/>
    </row>
    <row r="672019" spans="14:14">
      <c r="N672019" s="10"/>
    </row>
    <row r="672020" spans="14:14">
      <c r="N672020" s="10"/>
    </row>
    <row r="672021" spans="14:14">
      <c r="N672021" s="10"/>
    </row>
    <row r="672022" spans="14:14">
      <c r="N672022" s="10"/>
    </row>
    <row r="672023" spans="14:14">
      <c r="N672023" s="10"/>
    </row>
    <row r="672024" spans="14:14">
      <c r="N672024" s="10"/>
    </row>
    <row r="672025" spans="14:14">
      <c r="N672025" s="10"/>
    </row>
    <row r="672026" spans="14:14">
      <c r="N672026" s="10"/>
    </row>
    <row r="672027" spans="14:14">
      <c r="N672027" s="10"/>
    </row>
    <row r="672028" spans="14:14">
      <c r="N672028" s="10"/>
    </row>
    <row r="672029" spans="14:14">
      <c r="N672029" s="10"/>
    </row>
    <row r="672030" spans="14:14">
      <c r="N672030" s="10"/>
    </row>
    <row r="672031" spans="14:14">
      <c r="N672031" s="10"/>
    </row>
    <row r="672032" spans="14:14">
      <c r="N672032" s="10"/>
    </row>
    <row r="672033" spans="14:14">
      <c r="N672033" s="10"/>
    </row>
    <row r="672034" spans="14:14">
      <c r="N672034" s="10"/>
    </row>
    <row r="672035" spans="14:14">
      <c r="N672035" s="10"/>
    </row>
    <row r="672036" spans="14:14">
      <c r="N672036" s="10"/>
    </row>
    <row r="672037" spans="14:14">
      <c r="N672037" s="10"/>
    </row>
    <row r="672038" spans="14:14">
      <c r="N672038" s="10"/>
    </row>
    <row r="672039" spans="14:14">
      <c r="N672039" s="10"/>
    </row>
    <row r="672040" spans="14:14">
      <c r="N672040" s="10"/>
    </row>
    <row r="672041" spans="14:14">
      <c r="N672041" s="10"/>
    </row>
    <row r="672042" spans="14:14">
      <c r="N672042" s="10"/>
    </row>
    <row r="672043" spans="14:14">
      <c r="N672043" s="10"/>
    </row>
    <row r="672044" spans="14:14">
      <c r="N672044" s="10"/>
    </row>
    <row r="672045" spans="14:14">
      <c r="N672045" s="10"/>
    </row>
    <row r="672046" spans="14:14">
      <c r="N672046" s="10"/>
    </row>
    <row r="672047" spans="14:14">
      <c r="N672047" s="10"/>
    </row>
    <row r="672048" spans="14:14">
      <c r="N672048" s="10"/>
    </row>
    <row r="672049" spans="14:14">
      <c r="N672049" s="10"/>
    </row>
    <row r="672050" spans="14:14">
      <c r="N672050" s="10"/>
    </row>
    <row r="672051" spans="14:14">
      <c r="N672051" s="10"/>
    </row>
    <row r="672052" spans="14:14">
      <c r="N672052" s="10"/>
    </row>
    <row r="672053" spans="14:14">
      <c r="N672053" s="10"/>
    </row>
    <row r="672054" spans="14:14">
      <c r="N672054" s="10"/>
    </row>
    <row r="672055" spans="14:14">
      <c r="N672055" s="10"/>
    </row>
    <row r="672056" spans="14:14">
      <c r="N672056" s="10"/>
    </row>
    <row r="672057" spans="14:14">
      <c r="N672057" s="10"/>
    </row>
    <row r="672058" spans="14:14">
      <c r="N672058" s="10"/>
    </row>
    <row r="672059" spans="14:14">
      <c r="N672059" s="10"/>
    </row>
    <row r="672060" spans="14:14">
      <c r="N672060" s="10"/>
    </row>
    <row r="672061" spans="14:14">
      <c r="N672061" s="10"/>
    </row>
    <row r="672062" spans="14:14">
      <c r="N672062" s="10"/>
    </row>
    <row r="672063" spans="14:14">
      <c r="N672063" s="10"/>
    </row>
    <row r="672064" spans="14:14">
      <c r="N672064" s="10"/>
    </row>
    <row r="672065" spans="14:14">
      <c r="N672065" s="10"/>
    </row>
    <row r="672066" spans="14:14">
      <c r="N672066" s="10"/>
    </row>
    <row r="672067" spans="14:14">
      <c r="N672067" s="10"/>
    </row>
    <row r="672068" spans="14:14">
      <c r="N672068" s="10"/>
    </row>
    <row r="672069" spans="14:14">
      <c r="N672069" s="10"/>
    </row>
    <row r="672070" spans="14:14">
      <c r="N672070" s="10"/>
    </row>
    <row r="672071" spans="14:14">
      <c r="N672071" s="10"/>
    </row>
    <row r="672072" spans="14:14">
      <c r="N672072" s="10"/>
    </row>
    <row r="672073" spans="14:14">
      <c r="N672073" s="10"/>
    </row>
    <row r="672074" spans="14:14">
      <c r="N672074" s="10"/>
    </row>
    <row r="672075" spans="14:14">
      <c r="N672075" s="10"/>
    </row>
    <row r="672076" spans="14:14">
      <c r="N672076" s="10"/>
    </row>
    <row r="672077" spans="14:14">
      <c r="N672077" s="10"/>
    </row>
    <row r="672078" spans="14:14">
      <c r="N672078" s="10"/>
    </row>
    <row r="672079" spans="14:14">
      <c r="N672079" s="10"/>
    </row>
    <row r="672080" spans="14:14">
      <c r="N672080" s="10"/>
    </row>
    <row r="672081" spans="14:14">
      <c r="N672081" s="10"/>
    </row>
    <row r="672082" spans="14:14">
      <c r="N672082" s="10"/>
    </row>
    <row r="672083" spans="14:14">
      <c r="N672083" s="10"/>
    </row>
    <row r="672084" spans="14:14">
      <c r="N672084" s="10"/>
    </row>
    <row r="672085" spans="14:14">
      <c r="N672085" s="10"/>
    </row>
    <row r="672086" spans="14:14">
      <c r="N672086" s="10"/>
    </row>
    <row r="672087" spans="14:14">
      <c r="N672087" s="10"/>
    </row>
    <row r="672088" spans="14:14">
      <c r="N672088" s="10"/>
    </row>
    <row r="672089" spans="14:14">
      <c r="N672089" s="10"/>
    </row>
    <row r="672090" spans="14:14">
      <c r="N672090" s="10"/>
    </row>
    <row r="672091" spans="14:14">
      <c r="N672091" s="10"/>
    </row>
    <row r="672092" spans="14:14">
      <c r="N672092" s="10"/>
    </row>
    <row r="672093" spans="14:14">
      <c r="N672093" s="10"/>
    </row>
    <row r="672094" spans="14:14">
      <c r="N672094" s="10"/>
    </row>
    <row r="672095" spans="14:14">
      <c r="N672095" s="10"/>
    </row>
    <row r="672096" spans="14:14">
      <c r="N672096" s="10"/>
    </row>
    <row r="672097" spans="14:14">
      <c r="N672097" s="10"/>
    </row>
    <row r="672098" spans="14:14">
      <c r="N672098" s="10"/>
    </row>
    <row r="672099" spans="14:14">
      <c r="N672099" s="10"/>
    </row>
    <row r="672100" spans="14:14">
      <c r="N672100" s="10"/>
    </row>
    <row r="672101" spans="14:14">
      <c r="N672101" s="10"/>
    </row>
    <row r="672102" spans="14:14">
      <c r="N672102" s="10"/>
    </row>
    <row r="672103" spans="14:14">
      <c r="N672103" s="10"/>
    </row>
    <row r="672104" spans="14:14">
      <c r="N672104" s="10"/>
    </row>
    <row r="672105" spans="14:14">
      <c r="N672105" s="10"/>
    </row>
    <row r="672106" spans="14:14">
      <c r="N672106" s="10"/>
    </row>
    <row r="672107" spans="14:14">
      <c r="N672107" s="10"/>
    </row>
    <row r="672108" spans="14:14">
      <c r="N672108" s="10"/>
    </row>
    <row r="672109" spans="14:14">
      <c r="N672109" s="10"/>
    </row>
    <row r="672110" spans="14:14">
      <c r="N672110" s="10"/>
    </row>
    <row r="672111" spans="14:14">
      <c r="N672111" s="10"/>
    </row>
    <row r="672112" spans="14:14">
      <c r="N672112" s="10"/>
    </row>
    <row r="672113" spans="14:14">
      <c r="N672113" s="10"/>
    </row>
    <row r="672114" spans="14:14">
      <c r="N672114" s="10"/>
    </row>
    <row r="672115" spans="14:14">
      <c r="N672115" s="10"/>
    </row>
    <row r="672116" spans="14:14">
      <c r="N672116" s="10"/>
    </row>
    <row r="672117" spans="14:14">
      <c r="N672117" s="10"/>
    </row>
    <row r="672118" spans="14:14">
      <c r="N672118" s="10"/>
    </row>
    <row r="672119" spans="14:14">
      <c r="N672119" s="10"/>
    </row>
    <row r="672120" spans="14:14">
      <c r="N672120" s="10"/>
    </row>
    <row r="672121" spans="14:14">
      <c r="N672121" s="10"/>
    </row>
    <row r="672122" spans="14:14">
      <c r="N672122" s="10"/>
    </row>
    <row r="672123" spans="14:14">
      <c r="N672123" s="10"/>
    </row>
    <row r="672124" spans="14:14">
      <c r="N672124" s="10"/>
    </row>
    <row r="672125" spans="14:14">
      <c r="N672125" s="10"/>
    </row>
    <row r="672126" spans="14:14">
      <c r="N672126" s="10"/>
    </row>
    <row r="672127" spans="14:14">
      <c r="N672127" s="10"/>
    </row>
    <row r="672128" spans="14:14">
      <c r="N672128" s="10"/>
    </row>
    <row r="672129" spans="14:14">
      <c r="N672129" s="10"/>
    </row>
    <row r="672130" spans="14:14">
      <c r="N672130" s="10"/>
    </row>
    <row r="672131" spans="14:14">
      <c r="N672131" s="10"/>
    </row>
    <row r="672132" spans="14:14">
      <c r="N672132" s="10"/>
    </row>
    <row r="672133" spans="14:14">
      <c r="N672133" s="10"/>
    </row>
    <row r="672134" spans="14:14">
      <c r="N672134" s="10"/>
    </row>
    <row r="672135" spans="14:14">
      <c r="N672135" s="10"/>
    </row>
    <row r="672136" spans="14:14">
      <c r="N672136" s="10"/>
    </row>
    <row r="672137" spans="14:14">
      <c r="N672137" s="10"/>
    </row>
    <row r="672138" spans="14:14">
      <c r="N672138" s="10"/>
    </row>
    <row r="672139" spans="14:14">
      <c r="N672139" s="10"/>
    </row>
    <row r="672140" spans="14:14">
      <c r="N672140" s="10"/>
    </row>
    <row r="672141" spans="14:14">
      <c r="N672141" s="10"/>
    </row>
    <row r="672142" spans="14:14">
      <c r="N672142" s="10"/>
    </row>
    <row r="672143" spans="14:14">
      <c r="N672143" s="10"/>
    </row>
    <row r="672144" spans="14:14">
      <c r="N672144" s="10"/>
    </row>
    <row r="672145" spans="14:14">
      <c r="N672145" s="10"/>
    </row>
    <row r="672146" spans="14:14">
      <c r="N672146" s="10"/>
    </row>
    <row r="672147" spans="14:14">
      <c r="N672147" s="10"/>
    </row>
    <row r="672148" spans="14:14">
      <c r="N672148" s="10"/>
    </row>
    <row r="672149" spans="14:14">
      <c r="N672149" s="10"/>
    </row>
    <row r="672150" spans="14:14">
      <c r="N672150" s="10"/>
    </row>
    <row r="672151" spans="14:14">
      <c r="N672151" s="10"/>
    </row>
    <row r="672152" spans="14:14">
      <c r="N672152" s="10"/>
    </row>
    <row r="672153" spans="14:14">
      <c r="N672153" s="10"/>
    </row>
    <row r="672154" spans="14:14">
      <c r="N672154" s="10"/>
    </row>
    <row r="672155" spans="14:14">
      <c r="N672155" s="10"/>
    </row>
    <row r="672156" spans="14:14">
      <c r="N672156" s="10"/>
    </row>
    <row r="672157" spans="14:14">
      <c r="N672157" s="10"/>
    </row>
    <row r="672158" spans="14:14">
      <c r="N672158" s="10"/>
    </row>
    <row r="672159" spans="14:14">
      <c r="N672159" s="10"/>
    </row>
    <row r="672160" spans="14:14">
      <c r="N672160" s="10"/>
    </row>
    <row r="672161" spans="14:14">
      <c r="N672161" s="10"/>
    </row>
    <row r="672162" spans="14:14">
      <c r="N672162" s="10"/>
    </row>
    <row r="672163" spans="14:14">
      <c r="N672163" s="10"/>
    </row>
    <row r="672164" spans="14:14">
      <c r="N672164" s="10"/>
    </row>
    <row r="672165" spans="14:14">
      <c r="N672165" s="10"/>
    </row>
    <row r="672166" spans="14:14">
      <c r="N672166" s="10"/>
    </row>
    <row r="672167" spans="14:14">
      <c r="N672167" s="10"/>
    </row>
    <row r="672168" spans="14:14">
      <c r="N672168" s="10"/>
    </row>
    <row r="672169" spans="14:14">
      <c r="N672169" s="10"/>
    </row>
    <row r="672170" spans="14:14">
      <c r="N672170" s="10"/>
    </row>
    <row r="672171" spans="14:14">
      <c r="N672171" s="10"/>
    </row>
    <row r="672172" spans="14:14">
      <c r="N672172" s="10"/>
    </row>
    <row r="672173" spans="14:14">
      <c r="N672173" s="10"/>
    </row>
    <row r="672174" spans="14:14">
      <c r="N672174" s="10"/>
    </row>
    <row r="672175" spans="14:14">
      <c r="N672175" s="10"/>
    </row>
    <row r="672176" spans="14:14">
      <c r="N672176" s="10"/>
    </row>
    <row r="672177" spans="14:14">
      <c r="N672177" s="10"/>
    </row>
    <row r="672178" spans="14:14">
      <c r="N672178" s="10"/>
    </row>
    <row r="672179" spans="14:14">
      <c r="N672179" s="10"/>
    </row>
    <row r="672180" spans="14:14">
      <c r="N672180" s="10"/>
    </row>
    <row r="672181" spans="14:14">
      <c r="N672181" s="10"/>
    </row>
    <row r="672182" spans="14:14">
      <c r="N672182" s="10"/>
    </row>
    <row r="672183" spans="14:14">
      <c r="N672183" s="10"/>
    </row>
    <row r="672184" spans="14:14">
      <c r="N672184" s="10"/>
    </row>
    <row r="672185" spans="14:14">
      <c r="N672185" s="10"/>
    </row>
    <row r="672186" spans="14:14">
      <c r="N672186" s="10"/>
    </row>
    <row r="672187" spans="14:14">
      <c r="N672187" s="10"/>
    </row>
    <row r="672188" spans="14:14">
      <c r="N672188" s="10"/>
    </row>
    <row r="672189" spans="14:14">
      <c r="N672189" s="10"/>
    </row>
    <row r="672190" spans="14:14">
      <c r="N672190" s="10"/>
    </row>
    <row r="672191" spans="14:14">
      <c r="N672191" s="10"/>
    </row>
    <row r="672192" spans="14:14">
      <c r="N672192" s="10"/>
    </row>
    <row r="672193" spans="14:14">
      <c r="N672193" s="10"/>
    </row>
    <row r="672194" spans="14:14">
      <c r="N672194" s="10"/>
    </row>
    <row r="672195" spans="14:14">
      <c r="N672195" s="10"/>
    </row>
    <row r="672196" spans="14:14">
      <c r="N672196" s="10"/>
    </row>
    <row r="672197" spans="14:14">
      <c r="N672197" s="10"/>
    </row>
    <row r="672198" spans="14:14">
      <c r="N672198" s="10"/>
    </row>
    <row r="672199" spans="14:14">
      <c r="N672199" s="10"/>
    </row>
    <row r="672200" spans="14:14">
      <c r="N672200" s="10"/>
    </row>
    <row r="672201" spans="14:14">
      <c r="N672201" s="10"/>
    </row>
    <row r="672202" spans="14:14">
      <c r="N672202" s="10"/>
    </row>
    <row r="672203" spans="14:14">
      <c r="N672203" s="10"/>
    </row>
    <row r="672204" spans="14:14">
      <c r="N672204" s="10"/>
    </row>
    <row r="672205" spans="14:14">
      <c r="N672205" s="10"/>
    </row>
    <row r="672206" spans="14:14">
      <c r="N672206" s="10"/>
    </row>
    <row r="672207" spans="14:14">
      <c r="N672207" s="10"/>
    </row>
    <row r="672208" spans="14:14">
      <c r="N672208" s="10"/>
    </row>
    <row r="672209" spans="14:14">
      <c r="N672209" s="10"/>
    </row>
    <row r="672210" spans="14:14">
      <c r="N672210" s="10"/>
    </row>
    <row r="672211" spans="14:14">
      <c r="N672211" s="10"/>
    </row>
    <row r="672212" spans="14:14">
      <c r="N672212" s="10"/>
    </row>
    <row r="672213" spans="14:14">
      <c r="N672213" s="10"/>
    </row>
    <row r="672214" spans="14:14">
      <c r="N672214" s="10"/>
    </row>
    <row r="672215" spans="14:14">
      <c r="N672215" s="10"/>
    </row>
    <row r="672216" spans="14:14">
      <c r="N672216" s="10"/>
    </row>
    <row r="672217" spans="14:14">
      <c r="N672217" s="10"/>
    </row>
    <row r="672218" spans="14:14">
      <c r="N672218" s="10"/>
    </row>
    <row r="672219" spans="14:14">
      <c r="N672219" s="10"/>
    </row>
    <row r="672220" spans="14:14">
      <c r="N672220" s="10"/>
    </row>
    <row r="672221" spans="14:14">
      <c r="N672221" s="10"/>
    </row>
    <row r="672222" spans="14:14">
      <c r="N672222" s="10"/>
    </row>
    <row r="672223" spans="14:14">
      <c r="N672223" s="10"/>
    </row>
    <row r="672224" spans="14:14">
      <c r="N672224" s="10"/>
    </row>
    <row r="672225" spans="14:14">
      <c r="N672225" s="10"/>
    </row>
    <row r="672226" spans="14:14">
      <c r="N672226" s="10"/>
    </row>
    <row r="672227" spans="14:14">
      <c r="N672227" s="10"/>
    </row>
    <row r="672228" spans="14:14">
      <c r="N672228" s="10"/>
    </row>
    <row r="672229" spans="14:14">
      <c r="N672229" s="10"/>
    </row>
    <row r="672230" spans="14:14">
      <c r="N672230" s="10"/>
    </row>
    <row r="672231" spans="14:14">
      <c r="N672231" s="10"/>
    </row>
    <row r="672232" spans="14:14">
      <c r="N672232" s="10"/>
    </row>
    <row r="672233" spans="14:14">
      <c r="N672233" s="10"/>
    </row>
    <row r="672234" spans="14:14">
      <c r="N672234" s="10"/>
    </row>
    <row r="672235" spans="14:14">
      <c r="N672235" s="10"/>
    </row>
    <row r="672236" spans="14:14">
      <c r="N672236" s="10"/>
    </row>
    <row r="672237" spans="14:14">
      <c r="N672237" s="10"/>
    </row>
    <row r="672238" spans="14:14">
      <c r="N672238" s="10"/>
    </row>
    <row r="672239" spans="14:14">
      <c r="N672239" s="10"/>
    </row>
    <row r="672240" spans="14:14">
      <c r="N672240" s="10"/>
    </row>
    <row r="672241" spans="14:14">
      <c r="N672241" s="10"/>
    </row>
    <row r="672242" spans="14:14">
      <c r="N672242" s="10"/>
    </row>
    <row r="672243" spans="14:14">
      <c r="N672243" s="10"/>
    </row>
    <row r="672244" spans="14:14">
      <c r="N672244" s="10"/>
    </row>
    <row r="672245" spans="14:14">
      <c r="N672245" s="10"/>
    </row>
    <row r="672246" spans="14:14">
      <c r="N672246" s="10"/>
    </row>
    <row r="672247" spans="14:14">
      <c r="N672247" s="10"/>
    </row>
    <row r="672248" spans="14:14">
      <c r="N672248" s="10"/>
    </row>
    <row r="672249" spans="14:14">
      <c r="N672249" s="10"/>
    </row>
    <row r="672250" spans="14:14">
      <c r="N672250" s="10"/>
    </row>
    <row r="672251" spans="14:14">
      <c r="N672251" s="10"/>
    </row>
    <row r="672252" spans="14:14">
      <c r="N672252" s="10"/>
    </row>
    <row r="672253" spans="14:14">
      <c r="N672253" s="10"/>
    </row>
    <row r="672254" spans="14:14">
      <c r="N672254" s="10"/>
    </row>
    <row r="672255" spans="14:14">
      <c r="N672255" s="10"/>
    </row>
    <row r="672256" spans="14:14">
      <c r="N672256" s="10"/>
    </row>
    <row r="672257" spans="14:14">
      <c r="N672257" s="10"/>
    </row>
    <row r="672258" spans="14:14">
      <c r="N672258" s="10"/>
    </row>
    <row r="672259" spans="14:14">
      <c r="N672259" s="10"/>
    </row>
    <row r="672260" spans="14:14">
      <c r="N672260" s="10"/>
    </row>
    <row r="672261" spans="14:14">
      <c r="N672261" s="10"/>
    </row>
    <row r="672262" spans="14:14">
      <c r="N672262" s="10"/>
    </row>
    <row r="672263" spans="14:14">
      <c r="N672263" s="10"/>
    </row>
    <row r="672264" spans="14:14">
      <c r="N672264" s="10"/>
    </row>
    <row r="672265" spans="14:14">
      <c r="N672265" s="10"/>
    </row>
    <row r="672266" spans="14:14">
      <c r="N672266" s="10"/>
    </row>
    <row r="672267" spans="14:14">
      <c r="N672267" s="10"/>
    </row>
    <row r="672268" spans="14:14">
      <c r="N672268" s="10"/>
    </row>
    <row r="672269" spans="14:14">
      <c r="N672269" s="10"/>
    </row>
    <row r="672270" spans="14:14">
      <c r="N672270" s="10"/>
    </row>
    <row r="672271" spans="14:14">
      <c r="N672271" s="10"/>
    </row>
    <row r="672272" spans="14:14">
      <c r="N672272" s="10"/>
    </row>
    <row r="672273" spans="14:14">
      <c r="N672273" s="10"/>
    </row>
    <row r="672274" spans="14:14">
      <c r="N672274" s="10"/>
    </row>
    <row r="672275" spans="14:14">
      <c r="N672275" s="10"/>
    </row>
    <row r="672276" spans="14:14">
      <c r="N672276" s="10"/>
    </row>
    <row r="672277" spans="14:14">
      <c r="N672277" s="10"/>
    </row>
    <row r="672278" spans="14:14">
      <c r="N672278" s="10"/>
    </row>
    <row r="672279" spans="14:14">
      <c r="N672279" s="10"/>
    </row>
    <row r="672280" spans="14:14">
      <c r="N672280" s="10"/>
    </row>
    <row r="672281" spans="14:14">
      <c r="N672281" s="10"/>
    </row>
    <row r="672282" spans="14:14">
      <c r="N672282" s="10"/>
    </row>
    <row r="672283" spans="14:14">
      <c r="N672283" s="10"/>
    </row>
    <row r="672284" spans="14:14">
      <c r="N672284" s="10"/>
    </row>
    <row r="672285" spans="14:14">
      <c r="N672285" s="10"/>
    </row>
    <row r="672286" spans="14:14">
      <c r="N672286" s="10"/>
    </row>
    <row r="672287" spans="14:14">
      <c r="N672287" s="10"/>
    </row>
    <row r="672288" spans="14:14">
      <c r="N672288" s="10"/>
    </row>
    <row r="672289" spans="14:14">
      <c r="N672289" s="10"/>
    </row>
    <row r="672290" spans="14:14">
      <c r="N672290" s="10"/>
    </row>
    <row r="672291" spans="14:14">
      <c r="N672291" s="10"/>
    </row>
    <row r="672292" spans="14:14">
      <c r="N672292" s="10"/>
    </row>
    <row r="672293" spans="14:14">
      <c r="N672293" s="10"/>
    </row>
    <row r="672294" spans="14:14">
      <c r="N672294" s="10"/>
    </row>
    <row r="672295" spans="14:14">
      <c r="N672295" s="10"/>
    </row>
    <row r="672296" spans="14:14">
      <c r="N672296" s="10"/>
    </row>
    <row r="672297" spans="14:14">
      <c r="N672297" s="10"/>
    </row>
    <row r="672298" spans="14:14">
      <c r="N672298" s="10"/>
    </row>
    <row r="672299" spans="14:14">
      <c r="N672299" s="10"/>
    </row>
    <row r="672300" spans="14:14">
      <c r="N672300" s="10"/>
    </row>
    <row r="672301" spans="14:14">
      <c r="N672301" s="10"/>
    </row>
    <row r="672302" spans="14:14">
      <c r="N672302" s="10"/>
    </row>
    <row r="672303" spans="14:14">
      <c r="N672303" s="10"/>
    </row>
    <row r="672304" spans="14:14">
      <c r="N672304" s="10"/>
    </row>
    <row r="672305" spans="14:14">
      <c r="N672305" s="10"/>
    </row>
    <row r="672306" spans="14:14">
      <c r="N672306" s="10"/>
    </row>
    <row r="672307" spans="14:14">
      <c r="N672307" s="10"/>
    </row>
    <row r="672308" spans="14:14">
      <c r="N672308" s="10"/>
    </row>
    <row r="672309" spans="14:14">
      <c r="N672309" s="10"/>
    </row>
    <row r="672310" spans="14:14">
      <c r="N672310" s="10"/>
    </row>
    <row r="672311" spans="14:14">
      <c r="N672311" s="10"/>
    </row>
    <row r="672312" spans="14:14">
      <c r="N672312" s="10"/>
    </row>
    <row r="672313" spans="14:14">
      <c r="N672313" s="10"/>
    </row>
    <row r="672314" spans="14:14">
      <c r="N672314" s="10"/>
    </row>
    <row r="672315" spans="14:14">
      <c r="N672315" s="10"/>
    </row>
    <row r="672316" spans="14:14">
      <c r="N672316" s="10"/>
    </row>
    <row r="672317" spans="14:14">
      <c r="N672317" s="10"/>
    </row>
    <row r="672318" spans="14:14">
      <c r="N672318" s="10"/>
    </row>
    <row r="672319" spans="14:14">
      <c r="N672319" s="10"/>
    </row>
    <row r="672320" spans="14:14">
      <c r="N672320" s="10"/>
    </row>
    <row r="672321" spans="14:14">
      <c r="N672321" s="10"/>
    </row>
    <row r="672322" spans="14:14">
      <c r="N672322" s="10"/>
    </row>
    <row r="672323" spans="14:14">
      <c r="N672323" s="10"/>
    </row>
    <row r="672324" spans="14:14">
      <c r="N672324" s="10"/>
    </row>
    <row r="672325" spans="14:14">
      <c r="N672325" s="10"/>
    </row>
    <row r="672326" spans="14:14">
      <c r="N672326" s="10"/>
    </row>
    <row r="672327" spans="14:14">
      <c r="N672327" s="10"/>
    </row>
    <row r="672328" spans="14:14">
      <c r="N672328" s="10"/>
    </row>
    <row r="672329" spans="14:14">
      <c r="N672329" s="10"/>
    </row>
    <row r="672330" spans="14:14">
      <c r="N672330" s="10"/>
    </row>
    <row r="672331" spans="14:14">
      <c r="N672331" s="10"/>
    </row>
    <row r="672332" spans="14:14">
      <c r="N672332" s="10"/>
    </row>
    <row r="672333" spans="14:14">
      <c r="N672333" s="10"/>
    </row>
    <row r="672334" spans="14:14">
      <c r="N672334" s="10"/>
    </row>
    <row r="672335" spans="14:14">
      <c r="N672335" s="10"/>
    </row>
    <row r="672336" spans="14:14">
      <c r="N672336" s="10"/>
    </row>
    <row r="672337" spans="14:14">
      <c r="N672337" s="10"/>
    </row>
    <row r="672338" spans="14:14">
      <c r="N672338" s="10"/>
    </row>
    <row r="672339" spans="14:14">
      <c r="N672339" s="10"/>
    </row>
    <row r="672340" spans="14:14">
      <c r="N672340" s="10"/>
    </row>
    <row r="672341" spans="14:14">
      <c r="N672341" s="10"/>
    </row>
    <row r="672342" spans="14:14">
      <c r="N672342" s="10"/>
    </row>
    <row r="672343" spans="14:14">
      <c r="N672343" s="10"/>
    </row>
    <row r="672344" spans="14:14">
      <c r="N672344" s="10"/>
    </row>
    <row r="672345" spans="14:14">
      <c r="N672345" s="10"/>
    </row>
    <row r="672346" spans="14:14">
      <c r="N672346" s="10"/>
    </row>
    <row r="672347" spans="14:14">
      <c r="N672347" s="10"/>
    </row>
    <row r="672348" spans="14:14">
      <c r="N672348" s="10"/>
    </row>
    <row r="672349" spans="14:14">
      <c r="N672349" s="10"/>
    </row>
    <row r="672350" spans="14:14">
      <c r="N672350" s="10"/>
    </row>
    <row r="672351" spans="14:14">
      <c r="N672351" s="10"/>
    </row>
    <row r="672352" spans="14:14">
      <c r="N672352" s="10"/>
    </row>
    <row r="672353" spans="14:14">
      <c r="N672353" s="10"/>
    </row>
    <row r="672354" spans="14:14">
      <c r="N672354" s="10"/>
    </row>
    <row r="672355" spans="14:14">
      <c r="N672355" s="10"/>
    </row>
    <row r="672356" spans="14:14">
      <c r="N672356" s="10"/>
    </row>
    <row r="672357" spans="14:14">
      <c r="N672357" s="10"/>
    </row>
    <row r="672358" spans="14:14">
      <c r="N672358" s="10"/>
    </row>
    <row r="672359" spans="14:14">
      <c r="N672359" s="10"/>
    </row>
    <row r="672360" spans="14:14">
      <c r="N672360" s="10"/>
    </row>
    <row r="672361" spans="14:14">
      <c r="N672361" s="10"/>
    </row>
    <row r="672362" spans="14:14">
      <c r="N672362" s="10"/>
    </row>
    <row r="672363" spans="14:14">
      <c r="N672363" s="10"/>
    </row>
    <row r="672364" spans="14:14">
      <c r="N672364" s="10"/>
    </row>
    <row r="672365" spans="14:14">
      <c r="N672365" s="10"/>
    </row>
    <row r="672366" spans="14:14">
      <c r="N672366" s="10"/>
    </row>
    <row r="672367" spans="14:14">
      <c r="N672367" s="10"/>
    </row>
    <row r="672368" spans="14:14">
      <c r="N672368" s="10"/>
    </row>
    <row r="672369" spans="14:14">
      <c r="N672369" s="10"/>
    </row>
    <row r="672370" spans="14:14">
      <c r="N672370" s="10"/>
    </row>
    <row r="672371" spans="14:14">
      <c r="N672371" s="10"/>
    </row>
    <row r="672372" spans="14:14">
      <c r="N672372" s="10"/>
    </row>
    <row r="672373" spans="14:14">
      <c r="N672373" s="10"/>
    </row>
    <row r="672374" spans="14:14">
      <c r="N672374" s="10"/>
    </row>
    <row r="672375" spans="14:14">
      <c r="N672375" s="10"/>
    </row>
    <row r="672376" spans="14:14">
      <c r="N672376" s="10"/>
    </row>
    <row r="672377" spans="14:14">
      <c r="N672377" s="10"/>
    </row>
    <row r="672378" spans="14:14">
      <c r="N672378" s="10"/>
    </row>
    <row r="672379" spans="14:14">
      <c r="N672379" s="10"/>
    </row>
    <row r="672380" spans="14:14">
      <c r="N672380" s="10"/>
    </row>
    <row r="672381" spans="14:14">
      <c r="N672381" s="10"/>
    </row>
    <row r="672382" spans="14:14">
      <c r="N672382" s="10"/>
    </row>
    <row r="672383" spans="14:14">
      <c r="N672383" s="10"/>
    </row>
    <row r="672384" spans="14:14">
      <c r="N672384" s="10"/>
    </row>
    <row r="672385" spans="14:14">
      <c r="N672385" s="10"/>
    </row>
    <row r="672386" spans="14:14">
      <c r="N672386" s="10"/>
    </row>
    <row r="672387" spans="14:14">
      <c r="N672387" s="10"/>
    </row>
    <row r="672388" spans="14:14">
      <c r="N672388" s="10"/>
    </row>
    <row r="672389" spans="14:14">
      <c r="N672389" s="10"/>
    </row>
    <row r="672390" spans="14:14">
      <c r="N672390" s="10"/>
    </row>
    <row r="672391" spans="14:14">
      <c r="N672391" s="10"/>
    </row>
    <row r="672392" spans="14:14">
      <c r="N672392" s="10"/>
    </row>
    <row r="672393" spans="14:14">
      <c r="N672393" s="10"/>
    </row>
    <row r="672394" spans="14:14">
      <c r="N672394" s="10"/>
    </row>
    <row r="672395" spans="14:14">
      <c r="N672395" s="10"/>
    </row>
    <row r="672396" spans="14:14">
      <c r="N672396" s="10"/>
    </row>
    <row r="672397" spans="14:14">
      <c r="N672397" s="10"/>
    </row>
    <row r="672398" spans="14:14">
      <c r="N672398" s="10"/>
    </row>
    <row r="672399" spans="14:14">
      <c r="N672399" s="10"/>
    </row>
    <row r="672400" spans="14:14">
      <c r="N672400" s="10"/>
    </row>
    <row r="672401" spans="14:14">
      <c r="N672401" s="10"/>
    </row>
    <row r="672402" spans="14:14">
      <c r="N672402" s="10"/>
    </row>
    <row r="672403" spans="14:14">
      <c r="N672403" s="10"/>
    </row>
    <row r="672404" spans="14:14">
      <c r="N672404" s="10"/>
    </row>
    <row r="672405" spans="14:14">
      <c r="N672405" s="10"/>
    </row>
    <row r="672406" spans="14:14">
      <c r="N672406" s="10"/>
    </row>
    <row r="672407" spans="14:14">
      <c r="N672407" s="10"/>
    </row>
    <row r="672408" spans="14:14">
      <c r="N672408" s="10"/>
    </row>
    <row r="672409" spans="14:14">
      <c r="N672409" s="10"/>
    </row>
    <row r="672410" spans="14:14">
      <c r="N672410" s="10"/>
    </row>
    <row r="672411" spans="14:14">
      <c r="N672411" s="10"/>
    </row>
    <row r="672412" spans="14:14">
      <c r="N672412" s="10"/>
    </row>
    <row r="672413" spans="14:14">
      <c r="N672413" s="10"/>
    </row>
    <row r="672414" spans="14:14">
      <c r="N672414" s="10"/>
    </row>
    <row r="672415" spans="14:14">
      <c r="N672415" s="10"/>
    </row>
    <row r="672416" spans="14:14">
      <c r="N672416" s="10"/>
    </row>
    <row r="672417" spans="14:14">
      <c r="N672417" s="10"/>
    </row>
    <row r="672418" spans="14:14">
      <c r="N672418" s="10"/>
    </row>
    <row r="672419" spans="14:14">
      <c r="N672419" s="10"/>
    </row>
    <row r="672420" spans="14:14">
      <c r="N672420" s="10"/>
    </row>
    <row r="672421" spans="14:14">
      <c r="N672421" s="10"/>
    </row>
    <row r="672422" spans="14:14">
      <c r="N672422" s="10"/>
    </row>
    <row r="672423" spans="14:14">
      <c r="N672423" s="10"/>
    </row>
    <row r="672424" spans="14:14">
      <c r="N672424" s="10"/>
    </row>
    <row r="672425" spans="14:14">
      <c r="N672425" s="10"/>
    </row>
    <row r="672426" spans="14:14">
      <c r="N672426" s="10"/>
    </row>
    <row r="672427" spans="14:14">
      <c r="N672427" s="10"/>
    </row>
    <row r="672428" spans="14:14">
      <c r="N672428" s="10"/>
    </row>
    <row r="672429" spans="14:14">
      <c r="N672429" s="10"/>
    </row>
    <row r="672430" spans="14:14">
      <c r="N672430" s="10"/>
    </row>
    <row r="672431" spans="14:14">
      <c r="N672431" s="10"/>
    </row>
    <row r="672432" spans="14:14">
      <c r="N672432" s="10"/>
    </row>
    <row r="672433" spans="14:14">
      <c r="N672433" s="10"/>
    </row>
    <row r="672434" spans="14:14">
      <c r="N672434" s="10"/>
    </row>
    <row r="672435" spans="14:14">
      <c r="N672435" s="10"/>
    </row>
    <row r="672436" spans="14:14">
      <c r="N672436" s="10"/>
    </row>
    <row r="672437" spans="14:14">
      <c r="N672437" s="10"/>
    </row>
    <row r="672438" spans="14:14">
      <c r="N672438" s="10"/>
    </row>
    <row r="672439" spans="14:14">
      <c r="N672439" s="10"/>
    </row>
    <row r="672440" spans="14:14">
      <c r="N672440" s="10"/>
    </row>
    <row r="672441" spans="14:14">
      <c r="N672441" s="10"/>
    </row>
    <row r="672442" spans="14:14">
      <c r="N672442" s="10"/>
    </row>
    <row r="672443" spans="14:14">
      <c r="N672443" s="10"/>
    </row>
    <row r="672444" spans="14:14">
      <c r="N672444" s="10"/>
    </row>
    <row r="672445" spans="14:14">
      <c r="N672445" s="10"/>
    </row>
    <row r="672446" spans="14:14">
      <c r="N672446" s="10"/>
    </row>
    <row r="672447" spans="14:14">
      <c r="N672447" s="10"/>
    </row>
    <row r="672448" spans="14:14">
      <c r="N672448" s="10"/>
    </row>
    <row r="672449" spans="14:14">
      <c r="N672449" s="10"/>
    </row>
    <row r="672450" spans="14:14">
      <c r="N672450" s="10"/>
    </row>
    <row r="672451" spans="14:14">
      <c r="N672451" s="10"/>
    </row>
    <row r="672452" spans="14:14">
      <c r="N672452" s="10"/>
    </row>
    <row r="672453" spans="14:14">
      <c r="N672453" s="10"/>
    </row>
    <row r="672454" spans="14:14">
      <c r="N672454" s="10"/>
    </row>
    <row r="672455" spans="14:14">
      <c r="N672455" s="10"/>
    </row>
    <row r="672456" spans="14:14">
      <c r="N672456" s="10"/>
    </row>
    <row r="672457" spans="14:14">
      <c r="N672457" s="10"/>
    </row>
    <row r="672458" spans="14:14">
      <c r="N672458" s="10"/>
    </row>
    <row r="672459" spans="14:14">
      <c r="N672459" s="10"/>
    </row>
    <row r="672460" spans="14:14">
      <c r="N672460" s="10"/>
    </row>
    <row r="672461" spans="14:14">
      <c r="N672461" s="10"/>
    </row>
    <row r="672462" spans="14:14">
      <c r="N672462" s="10"/>
    </row>
    <row r="672463" spans="14:14">
      <c r="N672463" s="10"/>
    </row>
    <row r="672464" spans="14:14">
      <c r="N672464" s="10"/>
    </row>
    <row r="672465" spans="14:14">
      <c r="N672465" s="10"/>
    </row>
    <row r="672466" spans="14:14">
      <c r="N672466" s="10"/>
    </row>
    <row r="672467" spans="14:14">
      <c r="N672467" s="10"/>
    </row>
    <row r="672468" spans="14:14">
      <c r="N672468" s="10"/>
    </row>
    <row r="672469" spans="14:14">
      <c r="N672469" s="10"/>
    </row>
    <row r="672470" spans="14:14">
      <c r="N672470" s="10"/>
    </row>
    <row r="672471" spans="14:14">
      <c r="N672471" s="10"/>
    </row>
    <row r="672472" spans="14:14">
      <c r="N672472" s="10"/>
    </row>
    <row r="672473" spans="14:14">
      <c r="N672473" s="10"/>
    </row>
    <row r="672474" spans="14:14">
      <c r="N672474" s="10"/>
    </row>
    <row r="672475" spans="14:14">
      <c r="N672475" s="10"/>
    </row>
    <row r="672476" spans="14:14">
      <c r="N672476" s="10"/>
    </row>
    <row r="672477" spans="14:14">
      <c r="N672477" s="10"/>
    </row>
    <row r="672478" spans="14:14">
      <c r="N672478" s="10"/>
    </row>
    <row r="672479" spans="14:14">
      <c r="N672479" s="10"/>
    </row>
    <row r="672480" spans="14:14">
      <c r="N672480" s="10"/>
    </row>
    <row r="672481" spans="14:14">
      <c r="N672481" s="10"/>
    </row>
    <row r="672482" spans="14:14">
      <c r="N672482" s="10"/>
    </row>
    <row r="672483" spans="14:14">
      <c r="N672483" s="10"/>
    </row>
    <row r="672484" spans="14:14">
      <c r="N672484" s="10"/>
    </row>
    <row r="672485" spans="14:14">
      <c r="N672485" s="10"/>
    </row>
    <row r="672486" spans="14:14">
      <c r="N672486" s="10"/>
    </row>
    <row r="672487" spans="14:14">
      <c r="N672487" s="10"/>
    </row>
    <row r="672488" spans="14:14">
      <c r="N672488" s="10"/>
    </row>
    <row r="672489" spans="14:14">
      <c r="N672489" s="10"/>
    </row>
    <row r="672490" spans="14:14">
      <c r="N672490" s="10"/>
    </row>
    <row r="672491" spans="14:14">
      <c r="N672491" s="10"/>
    </row>
    <row r="672492" spans="14:14">
      <c r="N672492" s="10"/>
    </row>
    <row r="672493" spans="14:14">
      <c r="N672493" s="10"/>
    </row>
    <row r="672494" spans="14:14">
      <c r="N672494" s="10"/>
    </row>
    <row r="672495" spans="14:14">
      <c r="N672495" s="10"/>
    </row>
    <row r="672496" spans="14:14">
      <c r="N672496" s="10"/>
    </row>
    <row r="672497" spans="14:14">
      <c r="N672497" s="10"/>
    </row>
    <row r="672498" spans="14:14">
      <c r="N672498" s="10"/>
    </row>
    <row r="672499" spans="14:14">
      <c r="N672499" s="10"/>
    </row>
    <row r="672500" spans="14:14">
      <c r="N672500" s="10"/>
    </row>
    <row r="672501" spans="14:14">
      <c r="N672501" s="10"/>
    </row>
    <row r="672502" spans="14:14">
      <c r="N672502" s="10"/>
    </row>
    <row r="672503" spans="14:14">
      <c r="N672503" s="10"/>
    </row>
    <row r="672504" spans="14:14">
      <c r="N672504" s="10"/>
    </row>
    <row r="672505" spans="14:14">
      <c r="N672505" s="10"/>
    </row>
    <row r="672506" spans="14:14">
      <c r="N672506" s="10"/>
    </row>
    <row r="672507" spans="14:14">
      <c r="N672507" s="10"/>
    </row>
    <row r="672508" spans="14:14">
      <c r="N672508" s="10"/>
    </row>
    <row r="672509" spans="14:14">
      <c r="N672509" s="10"/>
    </row>
    <row r="672510" spans="14:14">
      <c r="N672510" s="10"/>
    </row>
    <row r="672511" spans="14:14">
      <c r="N672511" s="10"/>
    </row>
    <row r="672512" spans="14:14">
      <c r="N672512" s="10"/>
    </row>
    <row r="672513" spans="14:14">
      <c r="N672513" s="10"/>
    </row>
    <row r="672514" spans="14:14">
      <c r="N672514" s="10"/>
    </row>
    <row r="672515" spans="14:14">
      <c r="N672515" s="10"/>
    </row>
    <row r="672516" spans="14:14">
      <c r="N672516" s="10"/>
    </row>
    <row r="672517" spans="14:14">
      <c r="N672517" s="10"/>
    </row>
    <row r="672518" spans="14:14">
      <c r="N672518" s="10"/>
    </row>
    <row r="672519" spans="14:14">
      <c r="N672519" s="10"/>
    </row>
    <row r="672520" spans="14:14">
      <c r="N672520" s="10"/>
    </row>
    <row r="672521" spans="14:14">
      <c r="N672521" s="10"/>
    </row>
    <row r="672522" spans="14:14">
      <c r="N672522" s="10"/>
    </row>
    <row r="672523" spans="14:14">
      <c r="N672523" s="10"/>
    </row>
    <row r="672524" spans="14:14">
      <c r="N672524" s="10"/>
    </row>
    <row r="672525" spans="14:14">
      <c r="N672525" s="10"/>
    </row>
    <row r="672526" spans="14:14">
      <c r="N672526" s="10"/>
    </row>
    <row r="672527" spans="14:14">
      <c r="N672527" s="10"/>
    </row>
    <row r="672528" spans="14:14">
      <c r="N672528" s="10"/>
    </row>
    <row r="672529" spans="14:14">
      <c r="N672529" s="10"/>
    </row>
    <row r="672530" spans="14:14">
      <c r="N672530" s="10"/>
    </row>
    <row r="672531" spans="14:14">
      <c r="N672531" s="10"/>
    </row>
    <row r="672532" spans="14:14">
      <c r="N672532" s="10"/>
    </row>
    <row r="672533" spans="14:14">
      <c r="N672533" s="10"/>
    </row>
    <row r="672534" spans="14:14">
      <c r="N672534" s="10"/>
    </row>
    <row r="672535" spans="14:14">
      <c r="N672535" s="10"/>
    </row>
    <row r="672536" spans="14:14">
      <c r="N672536" s="10"/>
    </row>
    <row r="672537" spans="14:14">
      <c r="N672537" s="10"/>
    </row>
    <row r="672538" spans="14:14">
      <c r="N672538" s="10"/>
    </row>
    <row r="672539" spans="14:14">
      <c r="N672539" s="10"/>
    </row>
    <row r="672540" spans="14:14">
      <c r="N672540" s="10"/>
    </row>
    <row r="672541" spans="14:14">
      <c r="N672541" s="10"/>
    </row>
    <row r="672542" spans="14:14">
      <c r="N672542" s="10"/>
    </row>
    <row r="672543" spans="14:14">
      <c r="N672543" s="10"/>
    </row>
    <row r="672544" spans="14:14">
      <c r="N672544" s="10"/>
    </row>
    <row r="672545" spans="14:14">
      <c r="N672545" s="10"/>
    </row>
    <row r="672546" spans="14:14">
      <c r="N672546" s="10"/>
    </row>
    <row r="672547" spans="14:14">
      <c r="N672547" s="10"/>
    </row>
    <row r="672548" spans="14:14">
      <c r="N672548" s="10"/>
    </row>
    <row r="672549" spans="14:14">
      <c r="N672549" s="10"/>
    </row>
    <row r="672550" spans="14:14">
      <c r="N672550" s="10"/>
    </row>
    <row r="672551" spans="14:14">
      <c r="N672551" s="10"/>
    </row>
    <row r="672552" spans="14:14">
      <c r="N672552" s="10"/>
    </row>
    <row r="672553" spans="14:14">
      <c r="N672553" s="10"/>
    </row>
    <row r="672554" spans="14:14">
      <c r="N672554" s="10"/>
    </row>
    <row r="672555" spans="14:14">
      <c r="N672555" s="10"/>
    </row>
    <row r="672556" spans="14:14">
      <c r="N672556" s="10"/>
    </row>
    <row r="672557" spans="14:14">
      <c r="N672557" s="10"/>
    </row>
    <row r="672558" spans="14:14">
      <c r="N672558" s="10"/>
    </row>
    <row r="672559" spans="14:14">
      <c r="N672559" s="10"/>
    </row>
    <row r="672560" spans="14:14">
      <c r="N672560" s="10"/>
    </row>
    <row r="672561" spans="14:14">
      <c r="N672561" s="10"/>
    </row>
    <row r="672562" spans="14:14">
      <c r="N672562" s="10"/>
    </row>
    <row r="672563" spans="14:14">
      <c r="N672563" s="10"/>
    </row>
    <row r="672564" spans="14:14">
      <c r="N672564" s="10"/>
    </row>
    <row r="672565" spans="14:14">
      <c r="N672565" s="10"/>
    </row>
    <row r="672566" spans="14:14">
      <c r="N672566" s="10"/>
    </row>
    <row r="672567" spans="14:14">
      <c r="N672567" s="10"/>
    </row>
    <row r="672568" spans="14:14">
      <c r="N672568" s="10"/>
    </row>
    <row r="672569" spans="14:14">
      <c r="N672569" s="10"/>
    </row>
    <row r="672570" spans="14:14">
      <c r="N672570" s="10"/>
    </row>
    <row r="672571" spans="14:14">
      <c r="N672571" s="10"/>
    </row>
    <row r="672572" spans="14:14">
      <c r="N672572" s="10"/>
    </row>
    <row r="672573" spans="14:14">
      <c r="N672573" s="10"/>
    </row>
    <row r="672574" spans="14:14">
      <c r="N672574" s="10"/>
    </row>
    <row r="672575" spans="14:14">
      <c r="N672575" s="10"/>
    </row>
    <row r="672576" spans="14:14">
      <c r="N672576" s="10"/>
    </row>
    <row r="672577" spans="14:14">
      <c r="N672577" s="10"/>
    </row>
    <row r="672578" spans="14:14">
      <c r="N672578" s="10"/>
    </row>
    <row r="672579" spans="14:14">
      <c r="N672579" s="10"/>
    </row>
    <row r="672580" spans="14:14">
      <c r="N672580" s="10"/>
    </row>
    <row r="672581" spans="14:14">
      <c r="N672581" s="10"/>
    </row>
    <row r="672582" spans="14:14">
      <c r="N672582" s="10"/>
    </row>
    <row r="672583" spans="14:14">
      <c r="N672583" s="10"/>
    </row>
    <row r="672584" spans="14:14">
      <c r="N672584" s="10"/>
    </row>
    <row r="672585" spans="14:14">
      <c r="N672585" s="10"/>
    </row>
    <row r="672586" spans="14:14">
      <c r="N672586" s="10"/>
    </row>
    <row r="672587" spans="14:14">
      <c r="N672587" s="10"/>
    </row>
    <row r="672588" spans="14:14">
      <c r="N672588" s="10"/>
    </row>
    <row r="672589" spans="14:14">
      <c r="N672589" s="10"/>
    </row>
    <row r="672590" spans="14:14">
      <c r="N672590" s="10"/>
    </row>
    <row r="672591" spans="14:14">
      <c r="N672591" s="10"/>
    </row>
    <row r="672592" spans="14:14">
      <c r="N672592" s="10"/>
    </row>
    <row r="672593" spans="14:14">
      <c r="N672593" s="10"/>
    </row>
    <row r="672594" spans="14:14">
      <c r="N672594" s="10"/>
    </row>
    <row r="672595" spans="14:14">
      <c r="N672595" s="10"/>
    </row>
    <row r="672596" spans="14:14">
      <c r="N672596" s="10"/>
    </row>
    <row r="672597" spans="14:14">
      <c r="N672597" s="10"/>
    </row>
    <row r="672598" spans="14:14">
      <c r="N672598" s="10"/>
    </row>
    <row r="672599" spans="14:14">
      <c r="N672599" s="10"/>
    </row>
    <row r="672600" spans="14:14">
      <c r="N672600" s="10"/>
    </row>
    <row r="672601" spans="14:14">
      <c r="N672601" s="10"/>
    </row>
    <row r="672602" spans="14:14">
      <c r="N672602" s="10"/>
    </row>
    <row r="672603" spans="14:14">
      <c r="N672603" s="10"/>
    </row>
    <row r="672604" spans="14:14">
      <c r="N672604" s="10"/>
    </row>
    <row r="672605" spans="14:14">
      <c r="N672605" s="10"/>
    </row>
    <row r="672606" spans="14:14">
      <c r="N672606" s="10"/>
    </row>
    <row r="672607" spans="14:14">
      <c r="N672607" s="10"/>
    </row>
    <row r="672608" spans="14:14">
      <c r="N672608" s="10"/>
    </row>
    <row r="672609" spans="14:14">
      <c r="N672609" s="10"/>
    </row>
    <row r="672610" spans="14:14">
      <c r="N672610" s="10"/>
    </row>
    <row r="672611" spans="14:14">
      <c r="N672611" s="10"/>
    </row>
    <row r="672612" spans="14:14">
      <c r="N672612" s="10"/>
    </row>
    <row r="672613" spans="14:14">
      <c r="N672613" s="10"/>
    </row>
    <row r="672614" spans="14:14">
      <c r="N672614" s="10"/>
    </row>
    <row r="672615" spans="14:14">
      <c r="N672615" s="10"/>
    </row>
    <row r="672616" spans="14:14">
      <c r="N672616" s="10"/>
    </row>
    <row r="672617" spans="14:14">
      <c r="N672617" s="10"/>
    </row>
    <row r="672618" spans="14:14">
      <c r="N672618" s="10"/>
    </row>
    <row r="672619" spans="14:14">
      <c r="N672619" s="10"/>
    </row>
    <row r="672620" spans="14:14">
      <c r="N672620" s="10"/>
    </row>
    <row r="672621" spans="14:14">
      <c r="N672621" s="10"/>
    </row>
    <row r="672622" spans="14:14">
      <c r="N672622" s="10"/>
    </row>
    <row r="672623" spans="14:14">
      <c r="N672623" s="10"/>
    </row>
    <row r="672624" spans="14:14">
      <c r="N672624" s="10"/>
    </row>
    <row r="672625" spans="14:14">
      <c r="N672625" s="10"/>
    </row>
    <row r="672626" spans="14:14">
      <c r="N672626" s="10"/>
    </row>
    <row r="672627" spans="14:14">
      <c r="N672627" s="10"/>
    </row>
    <row r="672628" spans="14:14">
      <c r="N672628" s="10"/>
    </row>
    <row r="672629" spans="14:14">
      <c r="N672629" s="10"/>
    </row>
    <row r="672630" spans="14:14">
      <c r="N672630" s="10"/>
    </row>
    <row r="672631" spans="14:14">
      <c r="N672631" s="10"/>
    </row>
    <row r="672632" spans="14:14">
      <c r="N672632" s="10"/>
    </row>
    <row r="672633" spans="14:14">
      <c r="N672633" s="10"/>
    </row>
    <row r="672634" spans="14:14">
      <c r="N672634" s="10"/>
    </row>
    <row r="672635" spans="14:14">
      <c r="N672635" s="10"/>
    </row>
    <row r="672636" spans="14:14">
      <c r="N672636" s="10"/>
    </row>
    <row r="672637" spans="14:14">
      <c r="N672637" s="10"/>
    </row>
    <row r="672638" spans="14:14">
      <c r="N672638" s="10"/>
    </row>
    <row r="672639" spans="14:14">
      <c r="N672639" s="10"/>
    </row>
    <row r="672640" spans="14:14">
      <c r="N672640" s="10"/>
    </row>
    <row r="672641" spans="14:14">
      <c r="N672641" s="10"/>
    </row>
    <row r="672642" spans="14:14">
      <c r="N672642" s="10"/>
    </row>
    <row r="672643" spans="14:14">
      <c r="N672643" s="10"/>
    </row>
    <row r="672644" spans="14:14">
      <c r="N672644" s="10"/>
    </row>
    <row r="672645" spans="14:14">
      <c r="N672645" s="10"/>
    </row>
    <row r="672646" spans="14:14">
      <c r="N672646" s="10"/>
    </row>
    <row r="672647" spans="14:14">
      <c r="N672647" s="10"/>
    </row>
    <row r="672648" spans="14:14">
      <c r="N672648" s="10"/>
    </row>
    <row r="672649" spans="14:14">
      <c r="N672649" s="10"/>
    </row>
    <row r="672650" spans="14:14">
      <c r="N672650" s="10"/>
    </row>
    <row r="672651" spans="14:14">
      <c r="N672651" s="10"/>
    </row>
    <row r="672652" spans="14:14">
      <c r="N672652" s="10"/>
    </row>
    <row r="672653" spans="14:14">
      <c r="N672653" s="10"/>
    </row>
    <row r="672654" spans="14:14">
      <c r="N672654" s="10"/>
    </row>
    <row r="672655" spans="14:14">
      <c r="N672655" s="10"/>
    </row>
    <row r="672656" spans="14:14">
      <c r="N672656" s="10"/>
    </row>
    <row r="672657" spans="14:14">
      <c r="N672657" s="10"/>
    </row>
    <row r="672658" spans="14:14">
      <c r="N672658" s="10"/>
    </row>
    <row r="672659" spans="14:14">
      <c r="N672659" s="10"/>
    </row>
    <row r="672660" spans="14:14">
      <c r="N672660" s="10"/>
    </row>
    <row r="672661" spans="14:14">
      <c r="N672661" s="10"/>
    </row>
    <row r="672662" spans="14:14">
      <c r="N672662" s="10"/>
    </row>
    <row r="672663" spans="14:14">
      <c r="N672663" s="10"/>
    </row>
    <row r="672664" spans="14:14">
      <c r="N672664" s="10"/>
    </row>
    <row r="672665" spans="14:14">
      <c r="N672665" s="10"/>
    </row>
    <row r="672666" spans="14:14">
      <c r="N672666" s="10"/>
    </row>
    <row r="672667" spans="14:14">
      <c r="N672667" s="10"/>
    </row>
    <row r="672668" spans="14:14">
      <c r="N672668" s="10"/>
    </row>
    <row r="672669" spans="14:14">
      <c r="N672669" s="10"/>
    </row>
    <row r="672670" spans="14:14">
      <c r="N672670" s="10"/>
    </row>
    <row r="672671" spans="14:14">
      <c r="N672671" s="10"/>
    </row>
    <row r="672672" spans="14:14">
      <c r="N672672" s="10"/>
    </row>
    <row r="672673" spans="14:14">
      <c r="N672673" s="10"/>
    </row>
    <row r="672674" spans="14:14">
      <c r="N672674" s="10"/>
    </row>
    <row r="672675" spans="14:14">
      <c r="N672675" s="10"/>
    </row>
    <row r="672676" spans="14:14">
      <c r="N672676" s="10"/>
    </row>
    <row r="672677" spans="14:14">
      <c r="N672677" s="10"/>
    </row>
    <row r="672678" spans="14:14">
      <c r="N672678" s="10"/>
    </row>
    <row r="672679" spans="14:14">
      <c r="N672679" s="10"/>
    </row>
    <row r="672680" spans="14:14">
      <c r="N672680" s="10"/>
    </row>
    <row r="672681" spans="14:14">
      <c r="N672681" s="10"/>
    </row>
    <row r="672682" spans="14:14">
      <c r="N672682" s="10"/>
    </row>
    <row r="672683" spans="14:14">
      <c r="N672683" s="10"/>
    </row>
    <row r="672684" spans="14:14">
      <c r="N672684" s="10"/>
    </row>
    <row r="672685" spans="14:14">
      <c r="N672685" s="10"/>
    </row>
    <row r="672686" spans="14:14">
      <c r="N672686" s="10"/>
    </row>
    <row r="672687" spans="14:14">
      <c r="N672687" s="10"/>
    </row>
    <row r="672688" spans="14:14">
      <c r="N672688" s="10"/>
    </row>
    <row r="672689" spans="14:14">
      <c r="N672689" s="10"/>
    </row>
    <row r="672690" spans="14:14">
      <c r="N672690" s="10"/>
    </row>
    <row r="672691" spans="14:14">
      <c r="N672691" s="10"/>
    </row>
    <row r="672692" spans="14:14">
      <c r="N672692" s="10"/>
    </row>
    <row r="672693" spans="14:14">
      <c r="N672693" s="10"/>
    </row>
    <row r="672694" spans="14:14">
      <c r="N672694" s="10"/>
    </row>
    <row r="672695" spans="14:14">
      <c r="N672695" s="10"/>
    </row>
    <row r="672696" spans="14:14">
      <c r="N672696" s="10"/>
    </row>
    <row r="672697" spans="14:14">
      <c r="N672697" s="10"/>
    </row>
    <row r="672698" spans="14:14">
      <c r="N672698" s="10"/>
    </row>
    <row r="672699" spans="14:14">
      <c r="N672699" s="10"/>
    </row>
    <row r="672700" spans="14:14">
      <c r="N672700" s="10"/>
    </row>
    <row r="672701" spans="14:14">
      <c r="N672701" s="10"/>
    </row>
    <row r="672702" spans="14:14">
      <c r="N672702" s="10"/>
    </row>
    <row r="672703" spans="14:14">
      <c r="N672703" s="10"/>
    </row>
    <row r="672704" spans="14:14">
      <c r="N672704" s="10"/>
    </row>
    <row r="672705" spans="14:14">
      <c r="N672705" s="10"/>
    </row>
    <row r="672706" spans="14:14">
      <c r="N672706" s="10"/>
    </row>
    <row r="672707" spans="14:14">
      <c r="N672707" s="10"/>
    </row>
    <row r="672708" spans="14:14">
      <c r="N672708" s="10"/>
    </row>
    <row r="672709" spans="14:14">
      <c r="N672709" s="10"/>
    </row>
    <row r="672710" spans="14:14">
      <c r="N672710" s="10"/>
    </row>
    <row r="672711" spans="14:14">
      <c r="N672711" s="10"/>
    </row>
    <row r="672712" spans="14:14">
      <c r="N672712" s="10"/>
    </row>
    <row r="672713" spans="14:14">
      <c r="N672713" s="10"/>
    </row>
    <row r="672714" spans="14:14">
      <c r="N672714" s="10"/>
    </row>
    <row r="672715" spans="14:14">
      <c r="N672715" s="10"/>
    </row>
    <row r="672716" spans="14:14">
      <c r="N672716" s="10"/>
    </row>
    <row r="672717" spans="14:14">
      <c r="N672717" s="10"/>
    </row>
    <row r="672718" spans="14:14">
      <c r="N672718" s="10"/>
    </row>
    <row r="672719" spans="14:14">
      <c r="N672719" s="10"/>
    </row>
    <row r="672720" spans="14:14">
      <c r="N672720" s="10"/>
    </row>
    <row r="672721" spans="14:14">
      <c r="N672721" s="10"/>
    </row>
    <row r="672722" spans="14:14">
      <c r="N672722" s="10"/>
    </row>
    <row r="672723" spans="14:14">
      <c r="N672723" s="10"/>
    </row>
    <row r="672724" spans="14:14">
      <c r="N672724" s="10"/>
    </row>
    <row r="672725" spans="14:14">
      <c r="N672725" s="10"/>
    </row>
    <row r="672726" spans="14:14">
      <c r="N672726" s="10"/>
    </row>
    <row r="672727" spans="14:14">
      <c r="N672727" s="10"/>
    </row>
    <row r="672728" spans="14:14">
      <c r="N672728" s="10"/>
    </row>
    <row r="672729" spans="14:14">
      <c r="N672729" s="10"/>
    </row>
    <row r="672730" spans="14:14">
      <c r="N672730" s="10"/>
    </row>
    <row r="672731" spans="14:14">
      <c r="N672731" s="10"/>
    </row>
    <row r="672732" spans="14:14">
      <c r="N672732" s="10"/>
    </row>
    <row r="672733" spans="14:14">
      <c r="N672733" s="10"/>
    </row>
    <row r="672734" spans="14:14">
      <c r="N672734" s="10"/>
    </row>
    <row r="672735" spans="14:14">
      <c r="N672735" s="10"/>
    </row>
    <row r="672736" spans="14:14">
      <c r="N672736" s="10"/>
    </row>
    <row r="672737" spans="14:14">
      <c r="N672737" s="10"/>
    </row>
    <row r="672738" spans="14:14">
      <c r="N672738" s="10"/>
    </row>
    <row r="672739" spans="14:14">
      <c r="N672739" s="10"/>
    </row>
    <row r="672740" spans="14:14">
      <c r="N672740" s="10"/>
    </row>
    <row r="672741" spans="14:14">
      <c r="N672741" s="10"/>
    </row>
    <row r="672742" spans="14:14">
      <c r="N672742" s="10"/>
    </row>
    <row r="672743" spans="14:14">
      <c r="N672743" s="10"/>
    </row>
    <row r="672744" spans="14:14">
      <c r="N672744" s="10"/>
    </row>
    <row r="672745" spans="14:14">
      <c r="N672745" s="10"/>
    </row>
    <row r="672746" spans="14:14">
      <c r="N672746" s="10"/>
    </row>
    <row r="672747" spans="14:14">
      <c r="N672747" s="10"/>
    </row>
    <row r="672748" spans="14:14">
      <c r="N672748" s="10"/>
    </row>
    <row r="672749" spans="14:14">
      <c r="N672749" s="10"/>
    </row>
    <row r="672750" spans="14:14">
      <c r="N672750" s="10"/>
    </row>
    <row r="672751" spans="14:14">
      <c r="N672751" s="10"/>
    </row>
    <row r="672752" spans="14:14">
      <c r="N672752" s="10"/>
    </row>
    <row r="672753" spans="14:14">
      <c r="N672753" s="10"/>
    </row>
    <row r="672754" spans="14:14">
      <c r="N672754" s="10"/>
    </row>
    <row r="672755" spans="14:14">
      <c r="N672755" s="10"/>
    </row>
    <row r="672756" spans="14:14">
      <c r="N672756" s="10"/>
    </row>
    <row r="672757" spans="14:14">
      <c r="N672757" s="10"/>
    </row>
    <row r="672758" spans="14:14">
      <c r="N672758" s="10"/>
    </row>
    <row r="672759" spans="14:14">
      <c r="N672759" s="10"/>
    </row>
    <row r="672760" spans="14:14">
      <c r="N672760" s="10"/>
    </row>
    <row r="672761" spans="14:14">
      <c r="N672761" s="10"/>
    </row>
    <row r="672762" spans="14:14">
      <c r="N672762" s="10"/>
    </row>
    <row r="672763" spans="14:14">
      <c r="N672763" s="10"/>
    </row>
    <row r="672764" spans="14:14">
      <c r="N672764" s="10"/>
    </row>
    <row r="672765" spans="14:14">
      <c r="N672765" s="10"/>
    </row>
    <row r="672766" spans="14:14">
      <c r="N672766" s="10"/>
    </row>
    <row r="672767" spans="14:14">
      <c r="N672767" s="10"/>
    </row>
    <row r="672768" spans="14:14">
      <c r="N672768" s="10"/>
    </row>
    <row r="672769" spans="14:14">
      <c r="N672769" s="10"/>
    </row>
    <row r="672770" spans="14:14">
      <c r="N672770" s="10"/>
    </row>
    <row r="672771" spans="14:14">
      <c r="N672771" s="10"/>
    </row>
    <row r="672772" spans="14:14">
      <c r="N672772" s="10"/>
    </row>
    <row r="672773" spans="14:14">
      <c r="N672773" s="10"/>
    </row>
    <row r="672774" spans="14:14">
      <c r="N672774" s="10"/>
    </row>
    <row r="672775" spans="14:14">
      <c r="N672775" s="10"/>
    </row>
    <row r="672776" spans="14:14">
      <c r="N672776" s="10"/>
    </row>
    <row r="672777" spans="14:14">
      <c r="N672777" s="10"/>
    </row>
    <row r="672778" spans="14:14">
      <c r="N672778" s="10"/>
    </row>
    <row r="672779" spans="14:14">
      <c r="N672779" s="10"/>
    </row>
    <row r="672780" spans="14:14">
      <c r="N672780" s="10"/>
    </row>
    <row r="672781" spans="14:14">
      <c r="N672781" s="10"/>
    </row>
    <row r="672782" spans="14:14">
      <c r="N672782" s="10"/>
    </row>
    <row r="672783" spans="14:14">
      <c r="N672783" s="10"/>
    </row>
    <row r="672784" spans="14:14">
      <c r="N672784" s="10"/>
    </row>
    <row r="672785" spans="14:14">
      <c r="N672785" s="10"/>
    </row>
    <row r="672786" spans="14:14">
      <c r="N672786" s="10"/>
    </row>
    <row r="672787" spans="14:14">
      <c r="N672787" s="10"/>
    </row>
    <row r="672788" spans="14:14">
      <c r="N672788" s="10"/>
    </row>
    <row r="672789" spans="14:14">
      <c r="N672789" s="10"/>
    </row>
    <row r="672790" spans="14:14">
      <c r="N672790" s="10"/>
    </row>
    <row r="672791" spans="14:14">
      <c r="N672791" s="10"/>
    </row>
    <row r="672792" spans="14:14">
      <c r="N672792" s="10"/>
    </row>
    <row r="672793" spans="14:14">
      <c r="N672793" s="10"/>
    </row>
    <row r="672794" spans="14:14">
      <c r="N672794" s="10"/>
    </row>
    <row r="672795" spans="14:14">
      <c r="N672795" s="10"/>
    </row>
    <row r="672796" spans="14:14">
      <c r="N672796" s="10"/>
    </row>
    <row r="672797" spans="14:14">
      <c r="N672797" s="10"/>
    </row>
    <row r="672798" spans="14:14">
      <c r="N672798" s="10"/>
    </row>
    <row r="672799" spans="14:14">
      <c r="N672799" s="10"/>
    </row>
    <row r="672800" spans="14:14">
      <c r="N672800" s="10"/>
    </row>
    <row r="672801" spans="14:14">
      <c r="N672801" s="10"/>
    </row>
    <row r="672802" spans="14:14">
      <c r="N672802" s="10"/>
    </row>
    <row r="672803" spans="14:14">
      <c r="N672803" s="10"/>
    </row>
    <row r="672804" spans="14:14">
      <c r="N672804" s="10"/>
    </row>
    <row r="672805" spans="14:14">
      <c r="N672805" s="10"/>
    </row>
    <row r="672806" spans="14:14">
      <c r="N672806" s="10"/>
    </row>
    <row r="672807" spans="14:14">
      <c r="N672807" s="10"/>
    </row>
    <row r="672808" spans="14:14">
      <c r="N672808" s="10"/>
    </row>
    <row r="672809" spans="14:14">
      <c r="N672809" s="10"/>
    </row>
    <row r="672810" spans="14:14">
      <c r="N672810" s="10"/>
    </row>
    <row r="672811" spans="14:14">
      <c r="N672811" s="10"/>
    </row>
    <row r="672812" spans="14:14">
      <c r="N672812" s="10"/>
    </row>
    <row r="672813" spans="14:14">
      <c r="N672813" s="10"/>
    </row>
    <row r="672814" spans="14:14">
      <c r="N672814" s="10"/>
    </row>
    <row r="672815" spans="14:14">
      <c r="N672815" s="10"/>
    </row>
    <row r="672816" spans="14:14">
      <c r="N672816" s="10"/>
    </row>
    <row r="672817" spans="14:14">
      <c r="N672817" s="10"/>
    </row>
    <row r="672818" spans="14:14">
      <c r="N672818" s="10"/>
    </row>
    <row r="672819" spans="14:14">
      <c r="N672819" s="10"/>
    </row>
    <row r="672820" spans="14:14">
      <c r="N672820" s="10"/>
    </row>
    <row r="672821" spans="14:14">
      <c r="N672821" s="10"/>
    </row>
    <row r="672822" spans="14:14">
      <c r="N672822" s="10"/>
    </row>
    <row r="672823" spans="14:14">
      <c r="N672823" s="10"/>
    </row>
    <row r="672824" spans="14:14">
      <c r="N672824" s="10"/>
    </row>
    <row r="672825" spans="14:14">
      <c r="N672825" s="10"/>
    </row>
    <row r="672826" spans="14:14">
      <c r="N672826" s="10"/>
    </row>
    <row r="672827" spans="14:14">
      <c r="N672827" s="10"/>
    </row>
    <row r="672828" spans="14:14">
      <c r="N672828" s="10"/>
    </row>
    <row r="672829" spans="14:14">
      <c r="N672829" s="10"/>
    </row>
    <row r="672830" spans="14:14">
      <c r="N672830" s="10"/>
    </row>
    <row r="672831" spans="14:14">
      <c r="N672831" s="10"/>
    </row>
    <row r="672832" spans="14:14">
      <c r="N672832" s="10"/>
    </row>
    <row r="672833" spans="14:14">
      <c r="N672833" s="10"/>
    </row>
    <row r="672834" spans="14:14">
      <c r="N672834" s="10"/>
    </row>
    <row r="672835" spans="14:14">
      <c r="N672835" s="10"/>
    </row>
    <row r="672836" spans="14:14">
      <c r="N672836" s="10"/>
    </row>
    <row r="672837" spans="14:14">
      <c r="N672837" s="10"/>
    </row>
    <row r="672838" spans="14:14">
      <c r="N672838" s="10"/>
    </row>
    <row r="672839" spans="14:14">
      <c r="N672839" s="10"/>
    </row>
    <row r="672840" spans="14:14">
      <c r="N672840" s="10"/>
    </row>
    <row r="672841" spans="14:14">
      <c r="N672841" s="10"/>
    </row>
    <row r="672842" spans="14:14">
      <c r="N672842" s="10"/>
    </row>
    <row r="672843" spans="14:14">
      <c r="N672843" s="10"/>
    </row>
    <row r="672844" spans="14:14">
      <c r="N672844" s="10"/>
    </row>
    <row r="672845" spans="14:14">
      <c r="N672845" s="10"/>
    </row>
    <row r="672846" spans="14:14">
      <c r="N672846" s="10"/>
    </row>
    <row r="672847" spans="14:14">
      <c r="N672847" s="10"/>
    </row>
    <row r="672848" spans="14:14">
      <c r="N672848" s="10"/>
    </row>
    <row r="672849" spans="14:14">
      <c r="N672849" s="10"/>
    </row>
    <row r="672850" spans="14:14">
      <c r="N672850" s="10"/>
    </row>
    <row r="672851" spans="14:14">
      <c r="N672851" s="10"/>
    </row>
    <row r="672852" spans="14:14">
      <c r="N672852" s="10"/>
    </row>
    <row r="672853" spans="14:14">
      <c r="N672853" s="10"/>
    </row>
    <row r="672854" spans="14:14">
      <c r="N672854" s="10"/>
    </row>
    <row r="672855" spans="14:14">
      <c r="N672855" s="10"/>
    </row>
    <row r="672856" spans="14:14">
      <c r="N672856" s="10"/>
    </row>
    <row r="672857" spans="14:14">
      <c r="N672857" s="10"/>
    </row>
    <row r="672858" spans="14:14">
      <c r="N672858" s="10"/>
    </row>
    <row r="672859" spans="14:14">
      <c r="N672859" s="10"/>
    </row>
    <row r="672860" spans="14:14">
      <c r="N672860" s="10"/>
    </row>
    <row r="672861" spans="14:14">
      <c r="N672861" s="10"/>
    </row>
    <row r="672862" spans="14:14">
      <c r="N672862" s="10"/>
    </row>
    <row r="672863" spans="14:14">
      <c r="N672863" s="10"/>
    </row>
    <row r="672864" spans="14:14">
      <c r="N672864" s="10"/>
    </row>
    <row r="672865" spans="14:14">
      <c r="N672865" s="10"/>
    </row>
    <row r="672866" spans="14:14">
      <c r="N672866" s="10"/>
    </row>
    <row r="672867" spans="14:14">
      <c r="N672867" s="10"/>
    </row>
    <row r="672868" spans="14:14">
      <c r="N672868" s="10"/>
    </row>
    <row r="672869" spans="14:14">
      <c r="N672869" s="10"/>
    </row>
    <row r="672870" spans="14:14">
      <c r="N672870" s="10"/>
    </row>
    <row r="672871" spans="14:14">
      <c r="N672871" s="10"/>
    </row>
    <row r="672872" spans="14:14">
      <c r="N672872" s="10"/>
    </row>
    <row r="672873" spans="14:14">
      <c r="N672873" s="10"/>
    </row>
    <row r="672874" spans="14:14">
      <c r="N672874" s="10"/>
    </row>
    <row r="672875" spans="14:14">
      <c r="N672875" s="10"/>
    </row>
    <row r="672876" spans="14:14">
      <c r="N672876" s="10"/>
    </row>
    <row r="672877" spans="14:14">
      <c r="N672877" s="10"/>
    </row>
    <row r="672878" spans="14:14">
      <c r="N672878" s="10"/>
    </row>
    <row r="672879" spans="14:14">
      <c r="N672879" s="10"/>
    </row>
    <row r="672880" spans="14:14">
      <c r="N672880" s="10"/>
    </row>
    <row r="672881" spans="14:14">
      <c r="N672881" s="10"/>
    </row>
    <row r="672882" spans="14:14">
      <c r="N672882" s="10"/>
    </row>
    <row r="672883" spans="14:14">
      <c r="N672883" s="10"/>
    </row>
    <row r="672884" spans="14:14">
      <c r="N672884" s="10"/>
    </row>
    <row r="672885" spans="14:14">
      <c r="N672885" s="10"/>
    </row>
    <row r="672886" spans="14:14">
      <c r="N672886" s="10"/>
    </row>
    <row r="672887" spans="14:14">
      <c r="N672887" s="10"/>
    </row>
    <row r="672888" spans="14:14">
      <c r="N672888" s="10"/>
    </row>
    <row r="672889" spans="14:14">
      <c r="N672889" s="10"/>
    </row>
    <row r="672890" spans="14:14">
      <c r="N672890" s="10"/>
    </row>
    <row r="672891" spans="14:14">
      <c r="N672891" s="10"/>
    </row>
    <row r="672892" spans="14:14">
      <c r="N672892" s="10"/>
    </row>
    <row r="672893" spans="14:14">
      <c r="N672893" s="10"/>
    </row>
    <row r="672894" spans="14:14">
      <c r="N672894" s="10"/>
    </row>
    <row r="672895" spans="14:14">
      <c r="N672895" s="10"/>
    </row>
    <row r="672896" spans="14:14">
      <c r="N672896" s="10"/>
    </row>
    <row r="672897" spans="14:14">
      <c r="N672897" s="10"/>
    </row>
    <row r="672898" spans="14:14">
      <c r="N672898" s="10"/>
    </row>
    <row r="672899" spans="14:14">
      <c r="N672899" s="10"/>
    </row>
    <row r="672900" spans="14:14">
      <c r="N672900" s="10"/>
    </row>
    <row r="672901" spans="14:14">
      <c r="N672901" s="10"/>
    </row>
    <row r="672902" spans="14:14">
      <c r="N672902" s="10"/>
    </row>
    <row r="672903" spans="14:14">
      <c r="N672903" s="10"/>
    </row>
    <row r="672904" spans="14:14">
      <c r="N672904" s="10"/>
    </row>
    <row r="672905" spans="14:14">
      <c r="N672905" s="10"/>
    </row>
    <row r="672906" spans="14:14">
      <c r="N672906" s="10"/>
    </row>
    <row r="672907" spans="14:14">
      <c r="N672907" s="10"/>
    </row>
    <row r="672908" spans="14:14">
      <c r="N672908" s="10"/>
    </row>
    <row r="672909" spans="14:14">
      <c r="N672909" s="10"/>
    </row>
    <row r="672910" spans="14:14">
      <c r="N672910" s="10"/>
    </row>
    <row r="672911" spans="14:14">
      <c r="N672911" s="10"/>
    </row>
    <row r="672912" spans="14:14">
      <c r="N672912" s="10"/>
    </row>
    <row r="672913" spans="14:14">
      <c r="N672913" s="10"/>
    </row>
    <row r="672914" spans="14:14">
      <c r="N672914" s="10"/>
    </row>
    <row r="672915" spans="14:14">
      <c r="N672915" s="10"/>
    </row>
    <row r="672916" spans="14:14">
      <c r="N672916" s="10"/>
    </row>
    <row r="672917" spans="14:14">
      <c r="N672917" s="10"/>
    </row>
    <row r="672918" spans="14:14">
      <c r="N672918" s="10"/>
    </row>
    <row r="672919" spans="14:14">
      <c r="N672919" s="10"/>
    </row>
    <row r="672920" spans="14:14">
      <c r="N672920" s="10"/>
    </row>
    <row r="672921" spans="14:14">
      <c r="N672921" s="10"/>
    </row>
    <row r="672922" spans="14:14">
      <c r="N672922" s="10"/>
    </row>
    <row r="672923" spans="14:14">
      <c r="N672923" s="10"/>
    </row>
    <row r="672924" spans="14:14">
      <c r="N672924" s="10"/>
    </row>
    <row r="672925" spans="14:14">
      <c r="N672925" s="10"/>
    </row>
    <row r="672926" spans="14:14">
      <c r="N672926" s="10"/>
    </row>
    <row r="672927" spans="14:14">
      <c r="N672927" s="10"/>
    </row>
    <row r="672928" spans="14:14">
      <c r="N672928" s="10"/>
    </row>
    <row r="672929" spans="14:14">
      <c r="N672929" s="10"/>
    </row>
    <row r="672930" spans="14:14">
      <c r="N672930" s="10"/>
    </row>
    <row r="672931" spans="14:14">
      <c r="N672931" s="10"/>
    </row>
    <row r="672932" spans="14:14">
      <c r="N672932" s="10"/>
    </row>
    <row r="672933" spans="14:14">
      <c r="N672933" s="10"/>
    </row>
    <row r="672934" spans="14:14">
      <c r="N672934" s="10"/>
    </row>
    <row r="672935" spans="14:14">
      <c r="N672935" s="10"/>
    </row>
    <row r="672936" spans="14:14">
      <c r="N672936" s="10"/>
    </row>
    <row r="672937" spans="14:14">
      <c r="N672937" s="10"/>
    </row>
    <row r="672938" spans="14:14">
      <c r="N672938" s="10"/>
    </row>
    <row r="672939" spans="14:14">
      <c r="N672939" s="10"/>
    </row>
    <row r="672940" spans="14:14">
      <c r="N672940" s="10"/>
    </row>
    <row r="672941" spans="14:14">
      <c r="N672941" s="10"/>
    </row>
    <row r="672942" spans="14:14">
      <c r="N672942" s="10"/>
    </row>
    <row r="672943" spans="14:14">
      <c r="N672943" s="10"/>
    </row>
    <row r="672944" spans="14:14">
      <c r="N672944" s="10"/>
    </row>
    <row r="672945" spans="14:14">
      <c r="N672945" s="10"/>
    </row>
    <row r="672946" spans="14:14">
      <c r="N672946" s="10"/>
    </row>
    <row r="672947" spans="14:14">
      <c r="N672947" s="10"/>
    </row>
    <row r="672948" spans="14:14">
      <c r="N672948" s="10"/>
    </row>
    <row r="672949" spans="14:14">
      <c r="N672949" s="10"/>
    </row>
    <row r="672950" spans="14:14">
      <c r="N672950" s="10"/>
    </row>
    <row r="672951" spans="14:14">
      <c r="N672951" s="10"/>
    </row>
    <row r="672952" spans="14:14">
      <c r="N672952" s="10"/>
    </row>
    <row r="672953" spans="14:14">
      <c r="N672953" s="10"/>
    </row>
    <row r="672954" spans="14:14">
      <c r="N672954" s="10"/>
    </row>
    <row r="672955" spans="14:14">
      <c r="N672955" s="10"/>
    </row>
    <row r="672956" spans="14:14">
      <c r="N672956" s="10"/>
    </row>
    <row r="672957" spans="14:14">
      <c r="N672957" s="10"/>
    </row>
    <row r="672958" spans="14:14">
      <c r="N672958" s="10"/>
    </row>
    <row r="672959" spans="14:14">
      <c r="N672959" s="10"/>
    </row>
    <row r="672960" spans="14:14">
      <c r="N672960" s="10"/>
    </row>
    <row r="672961" spans="14:14">
      <c r="N672961" s="10"/>
    </row>
    <row r="672962" spans="14:14">
      <c r="N672962" s="10"/>
    </row>
    <row r="672963" spans="14:14">
      <c r="N672963" s="10"/>
    </row>
    <row r="672964" spans="14:14">
      <c r="N672964" s="10"/>
    </row>
    <row r="672965" spans="14:14">
      <c r="N672965" s="10"/>
    </row>
    <row r="672966" spans="14:14">
      <c r="N672966" s="10"/>
    </row>
    <row r="672967" spans="14:14">
      <c r="N672967" s="10"/>
    </row>
    <row r="672968" spans="14:14">
      <c r="N672968" s="10"/>
    </row>
    <row r="672969" spans="14:14">
      <c r="N672969" s="10"/>
    </row>
    <row r="672970" spans="14:14">
      <c r="N672970" s="10"/>
    </row>
    <row r="672971" spans="14:14">
      <c r="N672971" s="10"/>
    </row>
    <row r="672972" spans="14:14">
      <c r="N672972" s="10"/>
    </row>
    <row r="672973" spans="14:14">
      <c r="N672973" s="10"/>
    </row>
    <row r="672974" spans="14:14">
      <c r="N672974" s="10"/>
    </row>
    <row r="672975" spans="14:14">
      <c r="N672975" s="10"/>
    </row>
    <row r="672976" spans="14:14">
      <c r="N672976" s="10"/>
    </row>
    <row r="672977" spans="14:14">
      <c r="N672977" s="10"/>
    </row>
    <row r="672978" spans="14:14">
      <c r="N672978" s="10"/>
    </row>
    <row r="672979" spans="14:14">
      <c r="N672979" s="10"/>
    </row>
    <row r="672980" spans="14:14">
      <c r="N672980" s="10"/>
    </row>
    <row r="672981" spans="14:14">
      <c r="N672981" s="10"/>
    </row>
    <row r="672982" spans="14:14">
      <c r="N672982" s="10"/>
    </row>
    <row r="672983" spans="14:14">
      <c r="N672983" s="10"/>
    </row>
    <row r="672984" spans="14:14">
      <c r="N672984" s="10"/>
    </row>
    <row r="672985" spans="14:14">
      <c r="N672985" s="10"/>
    </row>
    <row r="672986" spans="14:14">
      <c r="N672986" s="10"/>
    </row>
    <row r="672987" spans="14:14">
      <c r="N672987" s="10"/>
    </row>
    <row r="672988" spans="14:14">
      <c r="N672988" s="10"/>
    </row>
    <row r="672989" spans="14:14">
      <c r="N672989" s="10"/>
    </row>
    <row r="672990" spans="14:14">
      <c r="N672990" s="10"/>
    </row>
    <row r="672991" spans="14:14">
      <c r="N672991" s="10"/>
    </row>
    <row r="672992" spans="14:14">
      <c r="N672992" s="10"/>
    </row>
    <row r="672993" spans="14:14">
      <c r="N672993" s="10"/>
    </row>
    <row r="672994" spans="14:14">
      <c r="N672994" s="10"/>
    </row>
    <row r="672995" spans="14:14">
      <c r="N672995" s="10"/>
    </row>
    <row r="672996" spans="14:14">
      <c r="N672996" s="10"/>
    </row>
    <row r="672997" spans="14:14">
      <c r="N672997" s="10"/>
    </row>
    <row r="672998" spans="14:14">
      <c r="N672998" s="10"/>
    </row>
    <row r="672999" spans="14:14">
      <c r="N672999" s="10"/>
    </row>
    <row r="673000" spans="14:14">
      <c r="N673000" s="10"/>
    </row>
    <row r="673001" spans="14:14">
      <c r="N673001" s="10"/>
    </row>
    <row r="673002" spans="14:14">
      <c r="N673002" s="10"/>
    </row>
    <row r="673003" spans="14:14">
      <c r="N673003" s="10"/>
    </row>
    <row r="673004" spans="14:14">
      <c r="N673004" s="10"/>
    </row>
    <row r="673005" spans="14:14">
      <c r="N673005" s="10"/>
    </row>
    <row r="673006" spans="14:14">
      <c r="N673006" s="10"/>
    </row>
    <row r="673007" spans="14:14">
      <c r="N673007" s="10"/>
    </row>
    <row r="673008" spans="14:14">
      <c r="N673008" s="10"/>
    </row>
    <row r="673009" spans="14:14">
      <c r="N673009" s="10"/>
    </row>
    <row r="673010" spans="14:14">
      <c r="N673010" s="10"/>
    </row>
    <row r="673011" spans="14:14">
      <c r="N673011" s="10"/>
    </row>
    <row r="673012" spans="14:14">
      <c r="N673012" s="10"/>
    </row>
    <row r="673013" spans="14:14">
      <c r="N673013" s="10"/>
    </row>
    <row r="673014" spans="14:14">
      <c r="N673014" s="10"/>
    </row>
    <row r="673015" spans="14:14">
      <c r="N673015" s="10"/>
    </row>
    <row r="673016" spans="14:14">
      <c r="N673016" s="10"/>
    </row>
    <row r="673017" spans="14:14">
      <c r="N673017" s="10"/>
    </row>
    <row r="673018" spans="14:14">
      <c r="N673018" s="10"/>
    </row>
    <row r="673019" spans="14:14">
      <c r="N673019" s="10"/>
    </row>
    <row r="673020" spans="14:14">
      <c r="N673020" s="10"/>
    </row>
    <row r="673021" spans="14:14">
      <c r="N673021" s="10"/>
    </row>
    <row r="673022" spans="14:14">
      <c r="N673022" s="10"/>
    </row>
    <row r="673023" spans="14:14">
      <c r="N673023" s="10"/>
    </row>
    <row r="673024" spans="14:14">
      <c r="N673024" s="10"/>
    </row>
    <row r="673025" spans="14:14">
      <c r="N673025" s="10"/>
    </row>
    <row r="673026" spans="14:14">
      <c r="N673026" s="10"/>
    </row>
    <row r="673027" spans="14:14">
      <c r="N673027" s="10"/>
    </row>
    <row r="673028" spans="14:14">
      <c r="N673028" s="10"/>
    </row>
    <row r="673029" spans="14:14">
      <c r="N673029" s="10"/>
    </row>
    <row r="673030" spans="14:14">
      <c r="N673030" s="10"/>
    </row>
    <row r="673031" spans="14:14">
      <c r="N673031" s="10"/>
    </row>
    <row r="673032" spans="14:14">
      <c r="N673032" s="10"/>
    </row>
    <row r="673033" spans="14:14">
      <c r="N673033" s="10"/>
    </row>
    <row r="673034" spans="14:14">
      <c r="N673034" s="10"/>
    </row>
    <row r="673035" spans="14:14">
      <c r="N673035" s="10"/>
    </row>
    <row r="673036" spans="14:14">
      <c r="N673036" s="10"/>
    </row>
    <row r="673037" spans="14:14">
      <c r="N673037" s="10"/>
    </row>
    <row r="673038" spans="14:14">
      <c r="N673038" s="10"/>
    </row>
    <row r="673039" spans="14:14">
      <c r="N673039" s="10"/>
    </row>
    <row r="673040" spans="14:14">
      <c r="N673040" s="10"/>
    </row>
    <row r="673041" spans="14:14">
      <c r="N673041" s="10"/>
    </row>
    <row r="673042" spans="14:14">
      <c r="N673042" s="10"/>
    </row>
    <row r="673043" spans="14:14">
      <c r="N673043" s="10"/>
    </row>
    <row r="673044" spans="14:14">
      <c r="N673044" s="10"/>
    </row>
    <row r="673045" spans="14:14">
      <c r="N673045" s="10"/>
    </row>
    <row r="673046" spans="14:14">
      <c r="N673046" s="10"/>
    </row>
    <row r="673047" spans="14:14">
      <c r="N673047" s="10"/>
    </row>
    <row r="673048" spans="14:14">
      <c r="N673048" s="10"/>
    </row>
    <row r="673049" spans="14:14">
      <c r="N673049" s="10"/>
    </row>
    <row r="673050" spans="14:14">
      <c r="N673050" s="10"/>
    </row>
    <row r="673051" spans="14:14">
      <c r="N673051" s="10"/>
    </row>
    <row r="673052" spans="14:14">
      <c r="N673052" s="10"/>
    </row>
    <row r="673053" spans="14:14">
      <c r="N673053" s="10"/>
    </row>
    <row r="673054" spans="14:14">
      <c r="N673054" s="10"/>
    </row>
    <row r="673055" spans="14:14">
      <c r="N673055" s="10"/>
    </row>
    <row r="673056" spans="14:14">
      <c r="N673056" s="10"/>
    </row>
    <row r="673057" spans="14:14">
      <c r="N673057" s="10"/>
    </row>
    <row r="673058" spans="14:14">
      <c r="N673058" s="10"/>
    </row>
    <row r="673059" spans="14:14">
      <c r="N673059" s="10"/>
    </row>
    <row r="673060" spans="14:14">
      <c r="N673060" s="10"/>
    </row>
    <row r="673061" spans="14:14">
      <c r="N673061" s="10"/>
    </row>
    <row r="673062" spans="14:14">
      <c r="N673062" s="10"/>
    </row>
    <row r="673063" spans="14:14">
      <c r="N673063" s="10"/>
    </row>
    <row r="673064" spans="14:14">
      <c r="N673064" s="10"/>
    </row>
    <row r="673065" spans="14:14">
      <c r="N673065" s="10"/>
    </row>
    <row r="673066" spans="14:14">
      <c r="N673066" s="10"/>
    </row>
    <row r="673067" spans="14:14">
      <c r="N673067" s="10"/>
    </row>
    <row r="673068" spans="14:14">
      <c r="N673068" s="10"/>
    </row>
    <row r="673069" spans="14:14">
      <c r="N673069" s="10"/>
    </row>
    <row r="673070" spans="14:14">
      <c r="N673070" s="10"/>
    </row>
    <row r="673071" spans="14:14">
      <c r="N673071" s="10"/>
    </row>
    <row r="673072" spans="14:14">
      <c r="N673072" s="10"/>
    </row>
    <row r="673073" spans="14:14">
      <c r="N673073" s="10"/>
    </row>
    <row r="673074" spans="14:14">
      <c r="N673074" s="10"/>
    </row>
    <row r="673075" spans="14:14">
      <c r="N673075" s="10"/>
    </row>
    <row r="673076" spans="14:14">
      <c r="N673076" s="10"/>
    </row>
    <row r="673077" spans="14:14">
      <c r="N673077" s="10"/>
    </row>
    <row r="673078" spans="14:14">
      <c r="N673078" s="10"/>
    </row>
    <row r="673079" spans="14:14">
      <c r="N673079" s="10"/>
    </row>
    <row r="673080" spans="14:14">
      <c r="N673080" s="10"/>
    </row>
    <row r="673081" spans="14:14">
      <c r="N673081" s="10"/>
    </row>
    <row r="673082" spans="14:14">
      <c r="N673082" s="10"/>
    </row>
    <row r="673083" spans="14:14">
      <c r="N673083" s="10"/>
    </row>
    <row r="673084" spans="14:14">
      <c r="N673084" s="10"/>
    </row>
    <row r="673085" spans="14:14">
      <c r="N673085" s="10"/>
    </row>
    <row r="673086" spans="14:14">
      <c r="N673086" s="10"/>
    </row>
    <row r="673087" spans="14:14">
      <c r="N673087" s="10"/>
    </row>
    <row r="673088" spans="14:14">
      <c r="N673088" s="10"/>
    </row>
    <row r="673089" spans="14:14">
      <c r="N673089" s="10"/>
    </row>
    <row r="673090" spans="14:14">
      <c r="N673090" s="10"/>
    </row>
    <row r="673091" spans="14:14">
      <c r="N673091" s="10"/>
    </row>
    <row r="673092" spans="14:14">
      <c r="N673092" s="10"/>
    </row>
    <row r="673093" spans="14:14">
      <c r="N673093" s="10"/>
    </row>
    <row r="673094" spans="14:14">
      <c r="N673094" s="10"/>
    </row>
    <row r="673095" spans="14:14">
      <c r="N673095" s="10"/>
    </row>
    <row r="673096" spans="14:14">
      <c r="N673096" s="10"/>
    </row>
    <row r="673097" spans="14:14">
      <c r="N673097" s="10"/>
    </row>
    <row r="673098" spans="14:14">
      <c r="N673098" s="10"/>
    </row>
    <row r="673099" spans="14:14">
      <c r="N673099" s="10"/>
    </row>
    <row r="673100" spans="14:14">
      <c r="N673100" s="10"/>
    </row>
    <row r="673101" spans="14:14">
      <c r="N673101" s="10"/>
    </row>
    <row r="673102" spans="14:14">
      <c r="N673102" s="10"/>
    </row>
    <row r="673103" spans="14:14">
      <c r="N673103" s="10"/>
    </row>
    <row r="673104" spans="14:14">
      <c r="N673104" s="10"/>
    </row>
    <row r="673105" spans="14:14">
      <c r="N673105" s="10"/>
    </row>
    <row r="673106" spans="14:14">
      <c r="N673106" s="10"/>
    </row>
    <row r="673107" spans="14:14">
      <c r="N673107" s="10"/>
    </row>
    <row r="673108" spans="14:14">
      <c r="N673108" s="10"/>
    </row>
    <row r="673109" spans="14:14">
      <c r="N673109" s="10"/>
    </row>
    <row r="673110" spans="14:14">
      <c r="N673110" s="10"/>
    </row>
    <row r="673111" spans="14:14">
      <c r="N673111" s="10"/>
    </row>
    <row r="673112" spans="14:14">
      <c r="N673112" s="10"/>
    </row>
    <row r="673113" spans="14:14">
      <c r="N673113" s="10"/>
    </row>
    <row r="673114" spans="14:14">
      <c r="N673114" s="10"/>
    </row>
    <row r="673115" spans="14:14">
      <c r="N673115" s="10"/>
    </row>
    <row r="673116" spans="14:14">
      <c r="N673116" s="10"/>
    </row>
    <row r="673117" spans="14:14">
      <c r="N673117" s="10"/>
    </row>
    <row r="673118" spans="14:14">
      <c r="N673118" s="10"/>
    </row>
    <row r="673119" spans="14:14">
      <c r="N673119" s="10"/>
    </row>
    <row r="673120" spans="14:14">
      <c r="N673120" s="10"/>
    </row>
    <row r="673121" spans="14:14">
      <c r="N673121" s="10"/>
    </row>
    <row r="673122" spans="14:14">
      <c r="N673122" s="10"/>
    </row>
    <row r="673123" spans="14:14">
      <c r="N673123" s="10"/>
    </row>
    <row r="673124" spans="14:14">
      <c r="N673124" s="10"/>
    </row>
    <row r="673125" spans="14:14">
      <c r="N673125" s="10"/>
    </row>
    <row r="673126" spans="14:14">
      <c r="N673126" s="10"/>
    </row>
    <row r="673127" spans="14:14">
      <c r="N673127" s="10"/>
    </row>
    <row r="673128" spans="14:14">
      <c r="N673128" s="10"/>
    </row>
    <row r="673129" spans="14:14">
      <c r="N673129" s="10"/>
    </row>
    <row r="673130" spans="14:14">
      <c r="N673130" s="10"/>
    </row>
    <row r="673131" spans="14:14">
      <c r="N673131" s="10"/>
    </row>
    <row r="673132" spans="14:14">
      <c r="N673132" s="10"/>
    </row>
    <row r="673133" spans="14:14">
      <c r="N673133" s="10"/>
    </row>
    <row r="673134" spans="14:14">
      <c r="N673134" s="10"/>
    </row>
    <row r="673135" spans="14:14">
      <c r="N673135" s="10"/>
    </row>
    <row r="673136" spans="14:14">
      <c r="N673136" s="10"/>
    </row>
    <row r="673137" spans="14:14">
      <c r="N673137" s="10"/>
    </row>
    <row r="673138" spans="14:14">
      <c r="N673138" s="10"/>
    </row>
    <row r="673139" spans="14:14">
      <c r="N673139" s="10"/>
    </row>
    <row r="673140" spans="14:14">
      <c r="N673140" s="10"/>
    </row>
    <row r="673141" spans="14:14">
      <c r="N673141" s="10"/>
    </row>
    <row r="673142" spans="14:14">
      <c r="N673142" s="10"/>
    </row>
    <row r="673143" spans="14:14">
      <c r="N673143" s="10"/>
    </row>
    <row r="673144" spans="14:14">
      <c r="N673144" s="10"/>
    </row>
    <row r="673145" spans="14:14">
      <c r="N673145" s="10"/>
    </row>
    <row r="673146" spans="14:14">
      <c r="N673146" s="10"/>
    </row>
    <row r="673147" spans="14:14">
      <c r="N673147" s="10"/>
    </row>
    <row r="673148" spans="14:14">
      <c r="N673148" s="10"/>
    </row>
    <row r="673149" spans="14:14">
      <c r="N673149" s="10"/>
    </row>
    <row r="673150" spans="14:14">
      <c r="N673150" s="10"/>
    </row>
    <row r="673151" spans="14:14">
      <c r="N673151" s="10"/>
    </row>
    <row r="673152" spans="14:14">
      <c r="N673152" s="10"/>
    </row>
    <row r="673153" spans="14:14">
      <c r="N673153" s="10"/>
    </row>
    <row r="673154" spans="14:14">
      <c r="N673154" s="10"/>
    </row>
    <row r="673155" spans="14:14">
      <c r="N673155" s="10"/>
    </row>
    <row r="673156" spans="14:14">
      <c r="N673156" s="10"/>
    </row>
    <row r="673157" spans="14:14">
      <c r="N673157" s="10"/>
    </row>
    <row r="673158" spans="14:14">
      <c r="N673158" s="10"/>
    </row>
    <row r="673159" spans="14:14">
      <c r="N673159" s="10"/>
    </row>
    <row r="673160" spans="14:14">
      <c r="N673160" s="10"/>
    </row>
    <row r="673161" spans="14:14">
      <c r="N673161" s="10"/>
    </row>
    <row r="673162" spans="14:14">
      <c r="N673162" s="10"/>
    </row>
    <row r="673163" spans="14:14">
      <c r="N673163" s="10"/>
    </row>
    <row r="673164" spans="14:14">
      <c r="N673164" s="10"/>
    </row>
    <row r="673165" spans="14:14">
      <c r="N673165" s="10"/>
    </row>
    <row r="673166" spans="14:14">
      <c r="N673166" s="10"/>
    </row>
    <row r="673167" spans="14:14">
      <c r="N673167" s="10"/>
    </row>
    <row r="673168" spans="14:14">
      <c r="N673168" s="10"/>
    </row>
    <row r="673169" spans="14:14">
      <c r="N673169" s="10"/>
    </row>
    <row r="673170" spans="14:14">
      <c r="N673170" s="10"/>
    </row>
    <row r="673171" spans="14:14">
      <c r="N673171" s="10"/>
    </row>
    <row r="673172" spans="14:14">
      <c r="N673172" s="10"/>
    </row>
    <row r="673173" spans="14:14">
      <c r="N673173" s="10"/>
    </row>
    <row r="673174" spans="14:14">
      <c r="N673174" s="10"/>
    </row>
    <row r="673175" spans="14:14">
      <c r="N673175" s="10"/>
    </row>
    <row r="673176" spans="14:14">
      <c r="N673176" s="10"/>
    </row>
    <row r="673177" spans="14:14">
      <c r="N673177" s="10"/>
    </row>
    <row r="673178" spans="14:14">
      <c r="N673178" s="10"/>
    </row>
    <row r="673179" spans="14:14">
      <c r="N673179" s="10"/>
    </row>
    <row r="673180" spans="14:14">
      <c r="N673180" s="10"/>
    </row>
    <row r="673181" spans="14:14">
      <c r="N673181" s="10"/>
    </row>
    <row r="673182" spans="14:14">
      <c r="N673182" s="10"/>
    </row>
    <row r="673183" spans="14:14">
      <c r="N673183" s="10"/>
    </row>
    <row r="673184" spans="14:14">
      <c r="N673184" s="10"/>
    </row>
    <row r="673185" spans="14:14">
      <c r="N673185" s="10"/>
    </row>
    <row r="673186" spans="14:14">
      <c r="N673186" s="10"/>
    </row>
    <row r="673187" spans="14:14">
      <c r="N673187" s="10"/>
    </row>
    <row r="673188" spans="14:14">
      <c r="N673188" s="10"/>
    </row>
    <row r="673189" spans="14:14">
      <c r="N673189" s="10"/>
    </row>
    <row r="673190" spans="14:14">
      <c r="N673190" s="10"/>
    </row>
    <row r="673191" spans="14:14">
      <c r="N673191" s="10"/>
    </row>
    <row r="673192" spans="14:14">
      <c r="N673192" s="10"/>
    </row>
    <row r="673193" spans="14:14">
      <c r="N673193" s="10"/>
    </row>
    <row r="673194" spans="14:14">
      <c r="N673194" s="10"/>
    </row>
    <row r="673195" spans="14:14">
      <c r="N673195" s="10"/>
    </row>
    <row r="673196" spans="14:14">
      <c r="N673196" s="10"/>
    </row>
    <row r="673197" spans="14:14">
      <c r="N673197" s="10"/>
    </row>
    <row r="673198" spans="14:14">
      <c r="N673198" s="10"/>
    </row>
    <row r="673199" spans="14:14">
      <c r="N673199" s="10"/>
    </row>
    <row r="673200" spans="14:14">
      <c r="N673200" s="10"/>
    </row>
    <row r="673201" spans="14:14">
      <c r="N673201" s="10"/>
    </row>
    <row r="673202" spans="14:14">
      <c r="N673202" s="10"/>
    </row>
    <row r="673203" spans="14:14">
      <c r="N673203" s="10"/>
    </row>
    <row r="673204" spans="14:14">
      <c r="N673204" s="10"/>
    </row>
    <row r="673205" spans="14:14">
      <c r="N673205" s="10"/>
    </row>
    <row r="673206" spans="14:14">
      <c r="N673206" s="10"/>
    </row>
    <row r="673207" spans="14:14">
      <c r="N673207" s="10"/>
    </row>
    <row r="673208" spans="14:14">
      <c r="N673208" s="10"/>
    </row>
    <row r="673209" spans="14:14">
      <c r="N673209" s="10"/>
    </row>
    <row r="673210" spans="14:14">
      <c r="N673210" s="10"/>
    </row>
    <row r="673211" spans="14:14">
      <c r="N673211" s="10"/>
    </row>
    <row r="673212" spans="14:14">
      <c r="N673212" s="10"/>
    </row>
    <row r="673213" spans="14:14">
      <c r="N673213" s="10"/>
    </row>
    <row r="673214" spans="14:14">
      <c r="N673214" s="10"/>
    </row>
    <row r="673215" spans="14:14">
      <c r="N673215" s="10"/>
    </row>
    <row r="673216" spans="14:14">
      <c r="N673216" s="10"/>
    </row>
    <row r="673217" spans="14:14">
      <c r="N673217" s="10"/>
    </row>
    <row r="673218" spans="14:14">
      <c r="N673218" s="10"/>
    </row>
    <row r="673219" spans="14:14">
      <c r="N673219" s="10"/>
    </row>
    <row r="673220" spans="14:14">
      <c r="N673220" s="10"/>
    </row>
    <row r="673221" spans="14:14">
      <c r="N673221" s="10"/>
    </row>
    <row r="673222" spans="14:14">
      <c r="N673222" s="10"/>
    </row>
    <row r="673223" spans="14:14">
      <c r="N673223" s="10"/>
    </row>
    <row r="673224" spans="14:14">
      <c r="N673224" s="10"/>
    </row>
    <row r="673225" spans="14:14">
      <c r="N673225" s="10"/>
    </row>
    <row r="673226" spans="14:14">
      <c r="N673226" s="10"/>
    </row>
    <row r="673227" spans="14:14">
      <c r="N673227" s="10"/>
    </row>
    <row r="673228" spans="14:14">
      <c r="N673228" s="10"/>
    </row>
    <row r="673229" spans="14:14">
      <c r="N673229" s="10"/>
    </row>
    <row r="673230" spans="14:14">
      <c r="N673230" s="10"/>
    </row>
    <row r="673231" spans="14:14">
      <c r="N673231" s="10"/>
    </row>
    <row r="673232" spans="14:14">
      <c r="N673232" s="10"/>
    </row>
    <row r="673233" spans="14:14">
      <c r="N673233" s="10"/>
    </row>
    <row r="673234" spans="14:14">
      <c r="N673234" s="10"/>
    </row>
    <row r="673235" spans="14:14">
      <c r="N673235" s="10"/>
    </row>
    <row r="673236" spans="14:14">
      <c r="N673236" s="10"/>
    </row>
    <row r="673237" spans="14:14">
      <c r="N673237" s="10"/>
    </row>
    <row r="673238" spans="14:14">
      <c r="N673238" s="10"/>
    </row>
    <row r="673239" spans="14:14">
      <c r="N673239" s="10"/>
    </row>
    <row r="673240" spans="14:14">
      <c r="N673240" s="10"/>
    </row>
    <row r="673241" spans="14:14">
      <c r="N673241" s="10"/>
    </row>
    <row r="673242" spans="14:14">
      <c r="N673242" s="10"/>
    </row>
    <row r="673243" spans="14:14">
      <c r="N673243" s="10"/>
    </row>
    <row r="673244" spans="14:14">
      <c r="N673244" s="10"/>
    </row>
    <row r="673245" spans="14:14">
      <c r="N673245" s="10"/>
    </row>
    <row r="673246" spans="14:14">
      <c r="N673246" s="10"/>
    </row>
    <row r="673247" spans="14:14">
      <c r="N673247" s="10"/>
    </row>
    <row r="673248" spans="14:14">
      <c r="N673248" s="10"/>
    </row>
    <row r="673249" spans="14:14">
      <c r="N673249" s="10"/>
    </row>
    <row r="673250" spans="14:14">
      <c r="N673250" s="10"/>
    </row>
    <row r="673251" spans="14:14">
      <c r="N673251" s="10"/>
    </row>
    <row r="673252" spans="14:14">
      <c r="N673252" s="10"/>
    </row>
    <row r="673253" spans="14:14">
      <c r="N673253" s="10"/>
    </row>
    <row r="673254" spans="14:14">
      <c r="N673254" s="10"/>
    </row>
    <row r="673255" spans="14:14">
      <c r="N673255" s="10"/>
    </row>
    <row r="673256" spans="14:14">
      <c r="N673256" s="10"/>
    </row>
    <row r="673257" spans="14:14">
      <c r="N673257" s="10"/>
    </row>
    <row r="673258" spans="14:14">
      <c r="N673258" s="10"/>
    </row>
    <row r="673259" spans="14:14">
      <c r="N673259" s="10"/>
    </row>
    <row r="673260" spans="14:14">
      <c r="N673260" s="10"/>
    </row>
    <row r="673261" spans="14:14">
      <c r="N673261" s="10"/>
    </row>
    <row r="673262" spans="14:14">
      <c r="N673262" s="10"/>
    </row>
    <row r="673263" spans="14:14">
      <c r="N673263" s="10"/>
    </row>
    <row r="673264" spans="14:14">
      <c r="N673264" s="10"/>
    </row>
    <row r="673265" spans="14:14">
      <c r="N673265" s="10"/>
    </row>
    <row r="673266" spans="14:14">
      <c r="N673266" s="10"/>
    </row>
    <row r="673267" spans="14:14">
      <c r="N673267" s="10"/>
    </row>
    <row r="673268" spans="14:14">
      <c r="N673268" s="10"/>
    </row>
    <row r="673269" spans="14:14">
      <c r="N673269" s="10"/>
    </row>
    <row r="673270" spans="14:14">
      <c r="N673270" s="10"/>
    </row>
    <row r="673271" spans="14:14">
      <c r="N673271" s="10"/>
    </row>
    <row r="673272" spans="14:14">
      <c r="N673272" s="10"/>
    </row>
    <row r="673273" spans="14:14">
      <c r="N673273" s="10"/>
    </row>
    <row r="673274" spans="14:14">
      <c r="N673274" s="10"/>
    </row>
    <row r="673275" spans="14:14">
      <c r="N673275" s="10"/>
    </row>
    <row r="673276" spans="14:14">
      <c r="N673276" s="10"/>
    </row>
    <row r="673277" spans="14:14">
      <c r="N673277" s="10"/>
    </row>
    <row r="673278" spans="14:14">
      <c r="N673278" s="10"/>
    </row>
    <row r="673279" spans="14:14">
      <c r="N673279" s="10"/>
    </row>
    <row r="673280" spans="14:14">
      <c r="N673280" s="10"/>
    </row>
    <row r="673281" spans="14:14">
      <c r="N673281" s="10"/>
    </row>
    <row r="673282" spans="14:14">
      <c r="N673282" s="10"/>
    </row>
    <row r="673283" spans="14:14">
      <c r="N673283" s="10"/>
    </row>
    <row r="673284" spans="14:14">
      <c r="N673284" s="10"/>
    </row>
    <row r="673285" spans="14:14">
      <c r="N673285" s="10"/>
    </row>
    <row r="673286" spans="14:14">
      <c r="N673286" s="10"/>
    </row>
    <row r="673287" spans="14:14">
      <c r="N673287" s="10"/>
    </row>
    <row r="673288" spans="14:14">
      <c r="N673288" s="10"/>
    </row>
    <row r="673289" spans="14:14">
      <c r="N673289" s="10"/>
    </row>
    <row r="673290" spans="14:14">
      <c r="N673290" s="10"/>
    </row>
    <row r="673291" spans="14:14">
      <c r="N673291" s="10"/>
    </row>
    <row r="673292" spans="14:14">
      <c r="N673292" s="10"/>
    </row>
    <row r="673293" spans="14:14">
      <c r="N673293" s="10"/>
    </row>
    <row r="673294" spans="14:14">
      <c r="N673294" s="10"/>
    </row>
    <row r="673295" spans="14:14">
      <c r="N673295" s="10"/>
    </row>
    <row r="673296" spans="14:14">
      <c r="N673296" s="10"/>
    </row>
    <row r="673297" spans="14:14">
      <c r="N673297" s="10"/>
    </row>
    <row r="673298" spans="14:14">
      <c r="N673298" s="10"/>
    </row>
    <row r="673299" spans="14:14">
      <c r="N673299" s="10"/>
    </row>
    <row r="673300" spans="14:14">
      <c r="N673300" s="10"/>
    </row>
    <row r="673301" spans="14:14">
      <c r="N673301" s="10"/>
    </row>
    <row r="673302" spans="14:14">
      <c r="N673302" s="10"/>
    </row>
    <row r="673303" spans="14:14">
      <c r="N673303" s="10"/>
    </row>
    <row r="673304" spans="14:14">
      <c r="N673304" s="10"/>
    </row>
    <row r="673305" spans="14:14">
      <c r="N673305" s="10"/>
    </row>
    <row r="673306" spans="14:14">
      <c r="N673306" s="10"/>
    </row>
    <row r="673307" spans="14:14">
      <c r="N673307" s="10"/>
    </row>
    <row r="673308" spans="14:14">
      <c r="N673308" s="10"/>
    </row>
    <row r="673309" spans="14:14">
      <c r="N673309" s="10"/>
    </row>
    <row r="673310" spans="14:14">
      <c r="N673310" s="10"/>
    </row>
    <row r="673311" spans="14:14">
      <c r="N673311" s="10"/>
    </row>
    <row r="673312" spans="14:14">
      <c r="N673312" s="10"/>
    </row>
    <row r="673313" spans="14:14">
      <c r="N673313" s="10"/>
    </row>
    <row r="673314" spans="14:14">
      <c r="N673314" s="10"/>
    </row>
    <row r="673315" spans="14:14">
      <c r="N673315" s="10"/>
    </row>
    <row r="673316" spans="14:14">
      <c r="N673316" s="10"/>
    </row>
    <row r="673317" spans="14:14">
      <c r="N673317" s="10"/>
    </row>
    <row r="673318" spans="14:14">
      <c r="N673318" s="10"/>
    </row>
    <row r="673319" spans="14:14">
      <c r="N673319" s="10"/>
    </row>
    <row r="673320" spans="14:14">
      <c r="N673320" s="10"/>
    </row>
    <row r="673321" spans="14:14">
      <c r="N673321" s="10"/>
    </row>
    <row r="673322" spans="14:14">
      <c r="N673322" s="10"/>
    </row>
    <row r="673323" spans="14:14">
      <c r="N673323" s="10"/>
    </row>
    <row r="673324" spans="14:14">
      <c r="N673324" s="10"/>
    </row>
    <row r="673325" spans="14:14">
      <c r="N673325" s="10"/>
    </row>
    <row r="673326" spans="14:14">
      <c r="N673326" s="10"/>
    </row>
    <row r="673327" spans="14:14">
      <c r="N673327" s="10"/>
    </row>
    <row r="673328" spans="14:14">
      <c r="N673328" s="10"/>
    </row>
    <row r="673329" spans="14:14">
      <c r="N673329" s="10"/>
    </row>
    <row r="673330" spans="14:14">
      <c r="N673330" s="10"/>
    </row>
    <row r="673331" spans="14:14">
      <c r="N673331" s="10"/>
    </row>
    <row r="673332" spans="14:14">
      <c r="N673332" s="10"/>
    </row>
    <row r="673333" spans="14:14">
      <c r="N673333" s="10"/>
    </row>
    <row r="673334" spans="14:14">
      <c r="N673334" s="10"/>
    </row>
    <row r="673335" spans="14:14">
      <c r="N673335" s="10"/>
    </row>
    <row r="673336" spans="14:14">
      <c r="N673336" s="10"/>
    </row>
    <row r="673337" spans="14:14">
      <c r="N673337" s="10"/>
    </row>
    <row r="673338" spans="14:14">
      <c r="N673338" s="10"/>
    </row>
    <row r="673339" spans="14:14">
      <c r="N673339" s="10"/>
    </row>
    <row r="673340" spans="14:14">
      <c r="N673340" s="10"/>
    </row>
    <row r="673341" spans="14:14">
      <c r="N673341" s="10"/>
    </row>
    <row r="673342" spans="14:14">
      <c r="N673342" s="10"/>
    </row>
    <row r="673343" spans="14:14">
      <c r="N673343" s="10"/>
    </row>
    <row r="673344" spans="14:14">
      <c r="N673344" s="10"/>
    </row>
    <row r="673345" spans="14:14">
      <c r="N673345" s="10"/>
    </row>
    <row r="673346" spans="14:14">
      <c r="N673346" s="10"/>
    </row>
    <row r="673347" spans="14:14">
      <c r="N673347" s="10"/>
    </row>
    <row r="673348" spans="14:14">
      <c r="N673348" s="10"/>
    </row>
    <row r="673349" spans="14:14">
      <c r="N673349" s="10"/>
    </row>
    <row r="673350" spans="14:14">
      <c r="N673350" s="10"/>
    </row>
    <row r="673351" spans="14:14">
      <c r="N673351" s="10"/>
    </row>
    <row r="673352" spans="14:14">
      <c r="N673352" s="10"/>
    </row>
    <row r="673353" spans="14:14">
      <c r="N673353" s="10"/>
    </row>
    <row r="673354" spans="14:14">
      <c r="N673354" s="10"/>
    </row>
    <row r="673355" spans="14:14">
      <c r="N673355" s="10"/>
    </row>
    <row r="673356" spans="14:14">
      <c r="N673356" s="10"/>
    </row>
    <row r="673357" spans="14:14">
      <c r="N673357" s="10"/>
    </row>
    <row r="673358" spans="14:14">
      <c r="N673358" s="10"/>
    </row>
    <row r="673359" spans="14:14">
      <c r="N673359" s="10"/>
    </row>
    <row r="673360" spans="14:14">
      <c r="N673360" s="10"/>
    </row>
    <row r="673361" spans="14:14">
      <c r="N673361" s="10"/>
    </row>
    <row r="673362" spans="14:14">
      <c r="N673362" s="10"/>
    </row>
    <row r="673363" spans="14:14">
      <c r="N673363" s="10"/>
    </row>
    <row r="673364" spans="14:14">
      <c r="N673364" s="10"/>
    </row>
    <row r="673365" spans="14:14">
      <c r="N673365" s="10"/>
    </row>
    <row r="673366" spans="14:14">
      <c r="N673366" s="10"/>
    </row>
    <row r="673367" spans="14:14">
      <c r="N673367" s="10"/>
    </row>
    <row r="673368" spans="14:14">
      <c r="N673368" s="10"/>
    </row>
    <row r="673369" spans="14:14">
      <c r="N673369" s="10"/>
    </row>
    <row r="673370" spans="14:14">
      <c r="N673370" s="10"/>
    </row>
    <row r="673371" spans="14:14">
      <c r="N673371" s="10"/>
    </row>
    <row r="673372" spans="14:14">
      <c r="N673372" s="10"/>
    </row>
    <row r="673373" spans="14:14">
      <c r="N673373" s="10"/>
    </row>
    <row r="673374" spans="14:14">
      <c r="N673374" s="10"/>
    </row>
    <row r="673375" spans="14:14">
      <c r="N673375" s="10"/>
    </row>
    <row r="673376" spans="14:14">
      <c r="N673376" s="10"/>
    </row>
    <row r="673377" spans="14:14">
      <c r="N673377" s="10"/>
    </row>
    <row r="673378" spans="14:14">
      <c r="N673378" s="10"/>
    </row>
    <row r="673379" spans="14:14">
      <c r="N673379" s="10"/>
    </row>
    <row r="673380" spans="14:14">
      <c r="N673380" s="10"/>
    </row>
    <row r="673381" spans="14:14">
      <c r="N673381" s="10"/>
    </row>
    <row r="673382" spans="14:14">
      <c r="N673382" s="10"/>
    </row>
    <row r="673383" spans="14:14">
      <c r="N673383" s="10"/>
    </row>
    <row r="673384" spans="14:14">
      <c r="N673384" s="10"/>
    </row>
    <row r="673385" spans="14:14">
      <c r="N673385" s="10"/>
    </row>
    <row r="673386" spans="14:14">
      <c r="N673386" s="10"/>
    </row>
    <row r="673387" spans="14:14">
      <c r="N673387" s="10"/>
    </row>
    <row r="673388" spans="14:14">
      <c r="N673388" s="10"/>
    </row>
    <row r="673389" spans="14:14">
      <c r="N673389" s="10"/>
    </row>
    <row r="673390" spans="14:14">
      <c r="N673390" s="10"/>
    </row>
    <row r="673391" spans="14:14">
      <c r="N673391" s="10"/>
    </row>
    <row r="673392" spans="14:14">
      <c r="N673392" s="10"/>
    </row>
    <row r="673393" spans="14:14">
      <c r="N673393" s="10"/>
    </row>
    <row r="673394" spans="14:14">
      <c r="N673394" s="10"/>
    </row>
    <row r="673395" spans="14:14">
      <c r="N673395" s="10"/>
    </row>
    <row r="673396" spans="14:14">
      <c r="N673396" s="10"/>
    </row>
    <row r="673397" spans="14:14">
      <c r="N673397" s="10"/>
    </row>
    <row r="673398" spans="14:14">
      <c r="N673398" s="10"/>
    </row>
    <row r="673399" spans="14:14">
      <c r="N673399" s="10"/>
    </row>
    <row r="673400" spans="14:14">
      <c r="N673400" s="10"/>
    </row>
    <row r="673401" spans="14:14">
      <c r="N673401" s="10"/>
    </row>
    <row r="673402" spans="14:14">
      <c r="N673402" s="10"/>
    </row>
    <row r="673403" spans="14:14">
      <c r="N673403" s="10"/>
    </row>
    <row r="673404" spans="14:14">
      <c r="N673404" s="10"/>
    </row>
    <row r="673405" spans="14:14">
      <c r="N673405" s="10"/>
    </row>
    <row r="673406" spans="14:14">
      <c r="N673406" s="10"/>
    </row>
    <row r="673407" spans="14:14">
      <c r="N673407" s="10"/>
    </row>
    <row r="673408" spans="14:14">
      <c r="N673408" s="10"/>
    </row>
    <row r="673409" spans="14:14">
      <c r="N673409" s="10"/>
    </row>
    <row r="673410" spans="14:14">
      <c r="N673410" s="10"/>
    </row>
    <row r="673411" spans="14:14">
      <c r="N673411" s="10"/>
    </row>
    <row r="673412" spans="14:14">
      <c r="N673412" s="10"/>
    </row>
    <row r="673413" spans="14:14">
      <c r="N673413" s="10"/>
    </row>
    <row r="673414" spans="14:14">
      <c r="N673414" s="10"/>
    </row>
    <row r="673415" spans="14:14">
      <c r="N673415" s="10"/>
    </row>
    <row r="673416" spans="14:14">
      <c r="N673416" s="10"/>
    </row>
    <row r="673417" spans="14:14">
      <c r="N673417" s="10"/>
    </row>
    <row r="673418" spans="14:14">
      <c r="N673418" s="10"/>
    </row>
    <row r="673419" spans="14:14">
      <c r="N673419" s="10"/>
    </row>
    <row r="673420" spans="14:14">
      <c r="N673420" s="10"/>
    </row>
    <row r="673421" spans="14:14">
      <c r="N673421" s="10"/>
    </row>
    <row r="673422" spans="14:14">
      <c r="N673422" s="10"/>
    </row>
    <row r="673423" spans="14:14">
      <c r="N673423" s="10"/>
    </row>
    <row r="673424" spans="14:14">
      <c r="N673424" s="10"/>
    </row>
    <row r="673425" spans="14:14">
      <c r="N673425" s="10"/>
    </row>
    <row r="673426" spans="14:14">
      <c r="N673426" s="10"/>
    </row>
    <row r="673427" spans="14:14">
      <c r="N673427" s="10"/>
    </row>
    <row r="673428" spans="14:14">
      <c r="N673428" s="10"/>
    </row>
    <row r="673429" spans="14:14">
      <c r="N673429" s="10"/>
    </row>
    <row r="673430" spans="14:14">
      <c r="N673430" s="10"/>
    </row>
    <row r="673431" spans="14:14">
      <c r="N673431" s="10"/>
    </row>
    <row r="673432" spans="14:14">
      <c r="N673432" s="10"/>
    </row>
    <row r="673433" spans="14:14">
      <c r="N673433" s="10"/>
    </row>
    <row r="673434" spans="14:14">
      <c r="N673434" s="10"/>
    </row>
    <row r="673435" spans="14:14">
      <c r="N673435" s="10"/>
    </row>
    <row r="673436" spans="14:14">
      <c r="N673436" s="10"/>
    </row>
    <row r="673437" spans="14:14">
      <c r="N673437" s="10"/>
    </row>
    <row r="673438" spans="14:14">
      <c r="N673438" s="10"/>
    </row>
    <row r="673439" spans="14:14">
      <c r="N673439" s="10"/>
    </row>
    <row r="673440" spans="14:14">
      <c r="N673440" s="10"/>
    </row>
    <row r="673441" spans="14:14">
      <c r="N673441" s="10"/>
    </row>
    <row r="673442" spans="14:14">
      <c r="N673442" s="10"/>
    </row>
    <row r="673443" spans="14:14">
      <c r="N673443" s="10"/>
    </row>
    <row r="673444" spans="14:14">
      <c r="N673444" s="10"/>
    </row>
    <row r="673445" spans="14:14">
      <c r="N673445" s="10"/>
    </row>
    <row r="673446" spans="14:14">
      <c r="N673446" s="10"/>
    </row>
    <row r="673447" spans="14:14">
      <c r="N673447" s="10"/>
    </row>
    <row r="673448" spans="14:14">
      <c r="N673448" s="10"/>
    </row>
    <row r="673449" spans="14:14">
      <c r="N673449" s="10"/>
    </row>
    <row r="673450" spans="14:14">
      <c r="N673450" s="10"/>
    </row>
    <row r="673451" spans="14:14">
      <c r="N673451" s="10"/>
    </row>
    <row r="673452" spans="14:14">
      <c r="N673452" s="10"/>
    </row>
    <row r="673453" spans="14:14">
      <c r="N673453" s="10"/>
    </row>
    <row r="673454" spans="14:14">
      <c r="N673454" s="10"/>
    </row>
    <row r="673455" spans="14:14">
      <c r="N673455" s="10"/>
    </row>
    <row r="673456" spans="14:14">
      <c r="N673456" s="10"/>
    </row>
    <row r="673457" spans="14:14">
      <c r="N673457" s="10"/>
    </row>
    <row r="673458" spans="14:14">
      <c r="N673458" s="10"/>
    </row>
    <row r="673459" spans="14:14">
      <c r="N673459" s="10"/>
    </row>
    <row r="673460" spans="14:14">
      <c r="N673460" s="10"/>
    </row>
    <row r="673461" spans="14:14">
      <c r="N673461" s="10"/>
    </row>
    <row r="673462" spans="14:14">
      <c r="N673462" s="10"/>
    </row>
    <row r="673463" spans="14:14">
      <c r="N673463" s="10"/>
    </row>
    <row r="673464" spans="14:14">
      <c r="N673464" s="10"/>
    </row>
    <row r="673465" spans="14:14">
      <c r="N673465" s="10"/>
    </row>
    <row r="673466" spans="14:14">
      <c r="N673466" s="10"/>
    </row>
    <row r="673467" spans="14:14">
      <c r="N673467" s="10"/>
    </row>
    <row r="673468" spans="14:14">
      <c r="N673468" s="10"/>
    </row>
    <row r="673469" spans="14:14">
      <c r="N673469" s="10"/>
    </row>
    <row r="673470" spans="14:14">
      <c r="N673470" s="10"/>
    </row>
    <row r="673471" spans="14:14">
      <c r="N673471" s="10"/>
    </row>
    <row r="673472" spans="14:14">
      <c r="N673472" s="10"/>
    </row>
    <row r="673473" spans="14:14">
      <c r="N673473" s="10"/>
    </row>
    <row r="673474" spans="14:14">
      <c r="N673474" s="10"/>
    </row>
    <row r="673475" spans="14:14">
      <c r="N673475" s="10"/>
    </row>
    <row r="673476" spans="14:14">
      <c r="N673476" s="10"/>
    </row>
    <row r="673477" spans="14:14">
      <c r="N673477" s="10"/>
    </row>
    <row r="673478" spans="14:14">
      <c r="N673478" s="10"/>
    </row>
    <row r="673479" spans="14:14">
      <c r="N673479" s="10"/>
    </row>
    <row r="673480" spans="14:14">
      <c r="N673480" s="10"/>
    </row>
    <row r="673481" spans="14:14">
      <c r="N673481" s="10"/>
    </row>
    <row r="673482" spans="14:14">
      <c r="N673482" s="10"/>
    </row>
    <row r="673483" spans="14:14">
      <c r="N673483" s="10"/>
    </row>
    <row r="673484" spans="14:14">
      <c r="N673484" s="10"/>
    </row>
    <row r="673485" spans="14:14">
      <c r="N673485" s="10"/>
    </row>
    <row r="673486" spans="14:14">
      <c r="N673486" s="10"/>
    </row>
    <row r="673487" spans="14:14">
      <c r="N673487" s="10"/>
    </row>
    <row r="673488" spans="14:14">
      <c r="N673488" s="10"/>
    </row>
    <row r="673489" spans="14:14">
      <c r="N673489" s="10"/>
    </row>
    <row r="673490" spans="14:14">
      <c r="N673490" s="10"/>
    </row>
    <row r="673491" spans="14:14">
      <c r="N673491" s="10"/>
    </row>
    <row r="673492" spans="14:14">
      <c r="N673492" s="10"/>
    </row>
    <row r="673493" spans="14:14">
      <c r="N673493" s="10"/>
    </row>
    <row r="673494" spans="14:14">
      <c r="N673494" s="10"/>
    </row>
    <row r="673495" spans="14:14">
      <c r="N673495" s="10"/>
    </row>
    <row r="673496" spans="14:14">
      <c r="N673496" s="10"/>
    </row>
    <row r="673497" spans="14:14">
      <c r="N673497" s="10"/>
    </row>
    <row r="673498" spans="14:14">
      <c r="N673498" s="10"/>
    </row>
    <row r="673499" spans="14:14">
      <c r="N673499" s="10"/>
    </row>
    <row r="673500" spans="14:14">
      <c r="N673500" s="10"/>
    </row>
    <row r="673501" spans="14:14">
      <c r="N673501" s="10"/>
    </row>
    <row r="673502" spans="14:14">
      <c r="N673502" s="10"/>
    </row>
    <row r="673503" spans="14:14">
      <c r="N673503" s="10"/>
    </row>
    <row r="673504" spans="14:14">
      <c r="N673504" s="10"/>
    </row>
    <row r="673505" spans="14:14">
      <c r="N673505" s="10"/>
    </row>
    <row r="673506" spans="14:14">
      <c r="N673506" s="10"/>
    </row>
    <row r="673507" spans="14:14">
      <c r="N673507" s="10"/>
    </row>
    <row r="673508" spans="14:14">
      <c r="N673508" s="10"/>
    </row>
    <row r="673509" spans="14:14">
      <c r="N673509" s="10"/>
    </row>
    <row r="673510" spans="14:14">
      <c r="N673510" s="10"/>
    </row>
    <row r="673511" spans="14:14">
      <c r="N673511" s="10"/>
    </row>
    <row r="673512" spans="14:14">
      <c r="N673512" s="10"/>
    </row>
    <row r="673513" spans="14:14">
      <c r="N673513" s="10"/>
    </row>
    <row r="673514" spans="14:14">
      <c r="N673514" s="10"/>
    </row>
    <row r="673515" spans="14:14">
      <c r="N673515" s="10"/>
    </row>
    <row r="673516" spans="14:14">
      <c r="N673516" s="10"/>
    </row>
    <row r="673517" spans="14:14">
      <c r="N673517" s="10"/>
    </row>
    <row r="673518" spans="14:14">
      <c r="N673518" s="10"/>
    </row>
    <row r="673519" spans="14:14">
      <c r="N673519" s="10"/>
    </row>
    <row r="673520" spans="14:14">
      <c r="N673520" s="10"/>
    </row>
    <row r="673521" spans="14:14">
      <c r="N673521" s="10"/>
    </row>
    <row r="673522" spans="14:14">
      <c r="N673522" s="10"/>
    </row>
    <row r="673523" spans="14:14">
      <c r="N673523" s="10"/>
    </row>
    <row r="673524" spans="14:14">
      <c r="N673524" s="10"/>
    </row>
    <row r="673525" spans="14:14">
      <c r="N673525" s="10"/>
    </row>
    <row r="673526" spans="14:14">
      <c r="N673526" s="10"/>
    </row>
    <row r="673527" spans="14:14">
      <c r="N673527" s="10"/>
    </row>
    <row r="673528" spans="14:14">
      <c r="N673528" s="10"/>
    </row>
    <row r="673529" spans="14:14">
      <c r="N673529" s="10"/>
    </row>
    <row r="673530" spans="14:14">
      <c r="N673530" s="10"/>
    </row>
    <row r="673531" spans="14:14">
      <c r="N673531" s="10"/>
    </row>
    <row r="673532" spans="14:14">
      <c r="N673532" s="10"/>
    </row>
    <row r="673533" spans="14:14">
      <c r="N673533" s="10"/>
    </row>
    <row r="673534" spans="14:14">
      <c r="N673534" s="10"/>
    </row>
    <row r="673535" spans="14:14">
      <c r="N673535" s="10"/>
    </row>
    <row r="673536" spans="14:14">
      <c r="N673536" s="10"/>
    </row>
    <row r="673537" spans="14:14">
      <c r="N673537" s="10"/>
    </row>
    <row r="673538" spans="14:14">
      <c r="N673538" s="10"/>
    </row>
    <row r="673539" spans="14:14">
      <c r="N673539" s="10"/>
    </row>
    <row r="673540" spans="14:14">
      <c r="N673540" s="10"/>
    </row>
    <row r="673541" spans="14:14">
      <c r="N673541" s="10"/>
    </row>
    <row r="673542" spans="14:14">
      <c r="N673542" s="10"/>
    </row>
    <row r="673543" spans="14:14">
      <c r="N673543" s="10"/>
    </row>
    <row r="673544" spans="14:14">
      <c r="N673544" s="10"/>
    </row>
    <row r="673545" spans="14:14">
      <c r="N673545" s="10"/>
    </row>
    <row r="673546" spans="14:14">
      <c r="N673546" s="10"/>
    </row>
    <row r="673547" spans="14:14">
      <c r="N673547" s="10"/>
    </row>
    <row r="673548" spans="14:14">
      <c r="N673548" s="10"/>
    </row>
    <row r="673549" spans="14:14">
      <c r="N673549" s="10"/>
    </row>
    <row r="673550" spans="14:14">
      <c r="N673550" s="10"/>
    </row>
    <row r="673551" spans="14:14">
      <c r="N673551" s="10"/>
    </row>
    <row r="673552" spans="14:14">
      <c r="N673552" s="10"/>
    </row>
    <row r="673553" spans="14:14">
      <c r="N673553" s="10"/>
    </row>
    <row r="673554" spans="14:14">
      <c r="N673554" s="10"/>
    </row>
    <row r="673555" spans="14:14">
      <c r="N673555" s="10"/>
    </row>
    <row r="673556" spans="14:14">
      <c r="N673556" s="10"/>
    </row>
    <row r="673557" spans="14:14">
      <c r="N673557" s="10"/>
    </row>
    <row r="673558" spans="14:14">
      <c r="N673558" s="10"/>
    </row>
    <row r="673559" spans="14:14">
      <c r="N673559" s="10"/>
    </row>
    <row r="673560" spans="14:14">
      <c r="N673560" s="10"/>
    </row>
    <row r="673561" spans="14:14">
      <c r="N673561" s="10"/>
    </row>
    <row r="673562" spans="14:14">
      <c r="N673562" s="10"/>
    </row>
    <row r="673563" spans="14:14">
      <c r="N673563" s="10"/>
    </row>
    <row r="673564" spans="14:14">
      <c r="N673564" s="10"/>
    </row>
    <row r="673565" spans="14:14">
      <c r="N673565" s="10"/>
    </row>
    <row r="673566" spans="14:14">
      <c r="N673566" s="10"/>
    </row>
    <row r="673567" spans="14:14">
      <c r="N673567" s="10"/>
    </row>
    <row r="673568" spans="14:14">
      <c r="N673568" s="10"/>
    </row>
    <row r="673569" spans="14:14">
      <c r="N673569" s="10"/>
    </row>
    <row r="673570" spans="14:14">
      <c r="N673570" s="10"/>
    </row>
    <row r="673571" spans="14:14">
      <c r="N673571" s="10"/>
    </row>
    <row r="673572" spans="14:14">
      <c r="N673572" s="10"/>
    </row>
    <row r="673573" spans="14:14">
      <c r="N673573" s="10"/>
    </row>
    <row r="673574" spans="14:14">
      <c r="N673574" s="10"/>
    </row>
    <row r="673575" spans="14:14">
      <c r="N673575" s="10"/>
    </row>
    <row r="673576" spans="14:14">
      <c r="N673576" s="10"/>
    </row>
    <row r="673577" spans="14:14">
      <c r="N673577" s="10"/>
    </row>
    <row r="673578" spans="14:14">
      <c r="N673578" s="10"/>
    </row>
    <row r="673579" spans="14:14">
      <c r="N673579" s="10"/>
    </row>
    <row r="673580" spans="14:14">
      <c r="N673580" s="10"/>
    </row>
    <row r="673581" spans="14:14">
      <c r="N673581" s="10"/>
    </row>
    <row r="673582" spans="14:14">
      <c r="N673582" s="10"/>
    </row>
    <row r="673583" spans="14:14">
      <c r="N673583" s="10"/>
    </row>
    <row r="673584" spans="14:14">
      <c r="N673584" s="10"/>
    </row>
    <row r="673585" spans="14:14">
      <c r="N673585" s="10"/>
    </row>
    <row r="673586" spans="14:14">
      <c r="N673586" s="10"/>
    </row>
    <row r="673587" spans="14:14">
      <c r="N673587" s="10"/>
    </row>
    <row r="673588" spans="14:14">
      <c r="N673588" s="10"/>
    </row>
    <row r="673589" spans="14:14">
      <c r="N673589" s="10"/>
    </row>
    <row r="673590" spans="14:14">
      <c r="N673590" s="10"/>
    </row>
    <row r="673591" spans="14:14">
      <c r="N673591" s="10"/>
    </row>
    <row r="673592" spans="14:14">
      <c r="N673592" s="10"/>
    </row>
    <row r="673593" spans="14:14">
      <c r="N673593" s="10"/>
    </row>
    <row r="673594" spans="14:14">
      <c r="N673594" s="10"/>
    </row>
    <row r="673595" spans="14:14">
      <c r="N673595" s="10"/>
    </row>
    <row r="673596" spans="14:14">
      <c r="N673596" s="10"/>
    </row>
    <row r="673597" spans="14:14">
      <c r="N673597" s="10"/>
    </row>
    <row r="673598" spans="14:14">
      <c r="N673598" s="10"/>
    </row>
    <row r="673599" spans="14:14">
      <c r="N673599" s="10"/>
    </row>
    <row r="673600" spans="14:14">
      <c r="N673600" s="10"/>
    </row>
    <row r="673601" spans="14:14">
      <c r="N673601" s="10"/>
    </row>
    <row r="673602" spans="14:14">
      <c r="N673602" s="10"/>
    </row>
    <row r="673603" spans="14:14">
      <c r="N673603" s="10"/>
    </row>
    <row r="673604" spans="14:14">
      <c r="N673604" s="10"/>
    </row>
    <row r="673605" spans="14:14">
      <c r="N673605" s="10"/>
    </row>
    <row r="673606" spans="14:14">
      <c r="N673606" s="10"/>
    </row>
    <row r="673607" spans="14:14">
      <c r="N673607" s="10"/>
    </row>
    <row r="673608" spans="14:14">
      <c r="N673608" s="10"/>
    </row>
    <row r="673609" spans="14:14">
      <c r="N673609" s="10"/>
    </row>
    <row r="673610" spans="14:14">
      <c r="N673610" s="10"/>
    </row>
    <row r="673611" spans="14:14">
      <c r="N673611" s="10"/>
    </row>
    <row r="673612" spans="14:14">
      <c r="N673612" s="10"/>
    </row>
    <row r="673613" spans="14:14">
      <c r="N673613" s="10"/>
    </row>
    <row r="673614" spans="14:14">
      <c r="N673614" s="10"/>
    </row>
    <row r="673615" spans="14:14">
      <c r="N673615" s="10"/>
    </row>
    <row r="673616" spans="14:14">
      <c r="N673616" s="10"/>
    </row>
    <row r="673617" spans="14:14">
      <c r="N673617" s="10"/>
    </row>
    <row r="673618" spans="14:14">
      <c r="N673618" s="10"/>
    </row>
    <row r="673619" spans="14:14">
      <c r="N673619" s="10"/>
    </row>
    <row r="673620" spans="14:14">
      <c r="N673620" s="10"/>
    </row>
    <row r="673621" spans="14:14">
      <c r="N673621" s="10"/>
    </row>
    <row r="673622" spans="14:14">
      <c r="N673622" s="10"/>
    </row>
    <row r="673623" spans="14:14">
      <c r="N673623" s="10"/>
    </row>
    <row r="673624" spans="14:14">
      <c r="N673624" s="10"/>
    </row>
    <row r="673625" spans="14:14">
      <c r="N673625" s="10"/>
    </row>
    <row r="673626" spans="14:14">
      <c r="N673626" s="10"/>
    </row>
    <row r="673627" spans="14:14">
      <c r="N673627" s="10"/>
    </row>
    <row r="673628" spans="14:14">
      <c r="N673628" s="10"/>
    </row>
    <row r="673629" spans="14:14">
      <c r="N673629" s="10"/>
    </row>
    <row r="673630" spans="14:14">
      <c r="N673630" s="10"/>
    </row>
    <row r="673631" spans="14:14">
      <c r="N673631" s="10"/>
    </row>
    <row r="673632" spans="14:14">
      <c r="N673632" s="10"/>
    </row>
    <row r="673633" spans="14:14">
      <c r="N673633" s="10"/>
    </row>
    <row r="673634" spans="14:14">
      <c r="N673634" s="10"/>
    </row>
    <row r="673635" spans="14:14">
      <c r="N673635" s="10"/>
    </row>
    <row r="673636" spans="14:14">
      <c r="N673636" s="10"/>
    </row>
    <row r="673637" spans="14:14">
      <c r="N673637" s="10"/>
    </row>
    <row r="673638" spans="14:14">
      <c r="N673638" s="10"/>
    </row>
    <row r="673639" spans="14:14">
      <c r="N673639" s="10"/>
    </row>
    <row r="673640" spans="14:14">
      <c r="N673640" s="10"/>
    </row>
    <row r="673641" spans="14:14">
      <c r="N673641" s="10"/>
    </row>
    <row r="673642" spans="14:14">
      <c r="N673642" s="10"/>
    </row>
    <row r="673643" spans="14:14">
      <c r="N673643" s="10"/>
    </row>
    <row r="673644" spans="14:14">
      <c r="N673644" s="10"/>
    </row>
    <row r="673645" spans="14:14">
      <c r="N673645" s="10"/>
    </row>
    <row r="673646" spans="14:14">
      <c r="N673646" s="10"/>
    </row>
    <row r="673647" spans="14:14">
      <c r="N673647" s="10"/>
    </row>
    <row r="673648" spans="14:14">
      <c r="N673648" s="10"/>
    </row>
    <row r="673649" spans="14:14">
      <c r="N673649" s="10"/>
    </row>
    <row r="673650" spans="14:14">
      <c r="N673650" s="10"/>
    </row>
    <row r="673651" spans="14:14">
      <c r="N673651" s="10"/>
    </row>
    <row r="673652" spans="14:14">
      <c r="N673652" s="10"/>
    </row>
    <row r="673653" spans="14:14">
      <c r="N673653" s="10"/>
    </row>
    <row r="673654" spans="14:14">
      <c r="N673654" s="10"/>
    </row>
    <row r="673655" spans="14:14">
      <c r="N673655" s="10"/>
    </row>
    <row r="673656" spans="14:14">
      <c r="N673656" s="10"/>
    </row>
    <row r="673657" spans="14:14">
      <c r="N673657" s="10"/>
    </row>
    <row r="673658" spans="14:14">
      <c r="N673658" s="10"/>
    </row>
    <row r="673659" spans="14:14">
      <c r="N673659" s="10"/>
    </row>
    <row r="673660" spans="14:14">
      <c r="N673660" s="10"/>
    </row>
    <row r="673661" spans="14:14">
      <c r="N673661" s="10"/>
    </row>
    <row r="673662" spans="14:14">
      <c r="N673662" s="10"/>
    </row>
    <row r="673663" spans="14:14">
      <c r="N673663" s="10"/>
    </row>
    <row r="673664" spans="14:14">
      <c r="N673664" s="10"/>
    </row>
    <row r="673665" spans="14:14">
      <c r="N673665" s="10"/>
    </row>
    <row r="673666" spans="14:14">
      <c r="N673666" s="10"/>
    </row>
    <row r="673667" spans="14:14">
      <c r="N673667" s="10"/>
    </row>
    <row r="673668" spans="14:14">
      <c r="N673668" s="10"/>
    </row>
    <row r="673669" spans="14:14">
      <c r="N673669" s="10"/>
    </row>
    <row r="673670" spans="14:14">
      <c r="N673670" s="10"/>
    </row>
    <row r="673671" spans="14:14">
      <c r="N673671" s="10"/>
    </row>
    <row r="673672" spans="14:14">
      <c r="N673672" s="10"/>
    </row>
    <row r="673673" spans="14:14">
      <c r="N673673" s="10"/>
    </row>
    <row r="673674" spans="14:14">
      <c r="N673674" s="10"/>
    </row>
    <row r="673675" spans="14:14">
      <c r="N673675" s="10"/>
    </row>
    <row r="673676" spans="14:14">
      <c r="N673676" s="10"/>
    </row>
    <row r="673677" spans="14:14">
      <c r="N673677" s="10"/>
    </row>
    <row r="673678" spans="14:14">
      <c r="N673678" s="10"/>
    </row>
    <row r="673679" spans="14:14">
      <c r="N673679" s="10"/>
    </row>
    <row r="673680" spans="14:14">
      <c r="N673680" s="10"/>
    </row>
    <row r="673681" spans="14:14">
      <c r="N673681" s="10"/>
    </row>
    <row r="673682" spans="14:14">
      <c r="N673682" s="10"/>
    </row>
    <row r="673683" spans="14:14">
      <c r="N673683" s="10"/>
    </row>
    <row r="673684" spans="14:14">
      <c r="N673684" s="10"/>
    </row>
    <row r="673685" spans="14:14">
      <c r="N673685" s="10"/>
    </row>
    <row r="673686" spans="14:14">
      <c r="N673686" s="10"/>
    </row>
    <row r="673687" spans="14:14">
      <c r="N673687" s="10"/>
    </row>
    <row r="673688" spans="14:14">
      <c r="N673688" s="10"/>
    </row>
    <row r="673689" spans="14:14">
      <c r="N673689" s="10"/>
    </row>
    <row r="673690" spans="14:14">
      <c r="N673690" s="10"/>
    </row>
    <row r="673691" spans="14:14">
      <c r="N673691" s="10"/>
    </row>
    <row r="673692" spans="14:14">
      <c r="N673692" s="10"/>
    </row>
    <row r="673693" spans="14:14">
      <c r="N673693" s="10"/>
    </row>
    <row r="673694" spans="14:14">
      <c r="N673694" s="10"/>
    </row>
    <row r="673695" spans="14:14">
      <c r="N673695" s="10"/>
    </row>
    <row r="673696" spans="14:14">
      <c r="N673696" s="10"/>
    </row>
    <row r="673697" spans="14:14">
      <c r="N673697" s="10"/>
    </row>
    <row r="673698" spans="14:14">
      <c r="N673698" s="10"/>
    </row>
    <row r="673699" spans="14:14">
      <c r="N673699" s="10"/>
    </row>
    <row r="673700" spans="14:14">
      <c r="N673700" s="10"/>
    </row>
    <row r="673701" spans="14:14">
      <c r="N673701" s="10"/>
    </row>
    <row r="673702" spans="14:14">
      <c r="N673702" s="10"/>
    </row>
    <row r="673703" spans="14:14">
      <c r="N673703" s="10"/>
    </row>
    <row r="673704" spans="14:14">
      <c r="N673704" s="10"/>
    </row>
    <row r="673705" spans="14:14">
      <c r="N673705" s="10"/>
    </row>
    <row r="673706" spans="14:14">
      <c r="N673706" s="10"/>
    </row>
    <row r="673707" spans="14:14">
      <c r="N673707" s="10"/>
    </row>
    <row r="673708" spans="14:14">
      <c r="N673708" s="10"/>
    </row>
    <row r="673709" spans="14:14">
      <c r="N673709" s="10"/>
    </row>
    <row r="673710" spans="14:14">
      <c r="N673710" s="10"/>
    </row>
    <row r="673711" spans="14:14">
      <c r="N673711" s="10"/>
    </row>
    <row r="673712" spans="14:14">
      <c r="N673712" s="10"/>
    </row>
    <row r="673713" spans="14:14">
      <c r="N673713" s="10"/>
    </row>
    <row r="673714" spans="14:14">
      <c r="N673714" s="10"/>
    </row>
    <row r="673715" spans="14:14">
      <c r="N673715" s="10"/>
    </row>
    <row r="673716" spans="14:14">
      <c r="N673716" s="10"/>
    </row>
    <row r="673717" spans="14:14">
      <c r="N673717" s="10"/>
    </row>
    <row r="673718" spans="14:14">
      <c r="N673718" s="10"/>
    </row>
    <row r="673719" spans="14:14">
      <c r="N673719" s="10"/>
    </row>
    <row r="673720" spans="14:14">
      <c r="N673720" s="10"/>
    </row>
    <row r="673721" spans="14:14">
      <c r="N673721" s="10"/>
    </row>
    <row r="673722" spans="14:14">
      <c r="N673722" s="10"/>
    </row>
    <row r="673723" spans="14:14">
      <c r="N673723" s="10"/>
    </row>
    <row r="673724" spans="14:14">
      <c r="N673724" s="10"/>
    </row>
    <row r="673725" spans="14:14">
      <c r="N673725" s="10"/>
    </row>
    <row r="673726" spans="14:14">
      <c r="N673726" s="10"/>
    </row>
    <row r="673727" spans="14:14">
      <c r="N673727" s="10"/>
    </row>
    <row r="673728" spans="14:14">
      <c r="N673728" s="10"/>
    </row>
    <row r="673729" spans="14:14">
      <c r="N673729" s="10"/>
    </row>
    <row r="673730" spans="14:14">
      <c r="N673730" s="10"/>
    </row>
    <row r="673731" spans="14:14">
      <c r="N673731" s="10"/>
    </row>
    <row r="673732" spans="14:14">
      <c r="N673732" s="10"/>
    </row>
    <row r="673733" spans="14:14">
      <c r="N673733" s="10"/>
    </row>
    <row r="673734" spans="14:14">
      <c r="N673734" s="10"/>
    </row>
    <row r="673735" spans="14:14">
      <c r="N673735" s="10"/>
    </row>
    <row r="673736" spans="14:14">
      <c r="N673736" s="10"/>
    </row>
    <row r="673737" spans="14:14">
      <c r="N673737" s="10"/>
    </row>
    <row r="673738" spans="14:14">
      <c r="N673738" s="10"/>
    </row>
    <row r="673739" spans="14:14">
      <c r="N673739" s="10"/>
    </row>
    <row r="673740" spans="14:14">
      <c r="N673740" s="10"/>
    </row>
    <row r="673741" spans="14:14">
      <c r="N673741" s="10"/>
    </row>
    <row r="673742" spans="14:14">
      <c r="N673742" s="10"/>
    </row>
    <row r="673743" spans="14:14">
      <c r="N673743" s="10"/>
    </row>
    <row r="673744" spans="14:14">
      <c r="N673744" s="10"/>
    </row>
    <row r="673745" spans="14:14">
      <c r="N673745" s="10"/>
    </row>
    <row r="673746" spans="14:14">
      <c r="N673746" s="10"/>
    </row>
    <row r="673747" spans="14:14">
      <c r="N673747" s="10"/>
    </row>
    <row r="673748" spans="14:14">
      <c r="N673748" s="10"/>
    </row>
    <row r="673749" spans="14:14">
      <c r="N673749" s="10"/>
    </row>
    <row r="673750" spans="14:14">
      <c r="N673750" s="10"/>
    </row>
    <row r="673751" spans="14:14">
      <c r="N673751" s="10"/>
    </row>
    <row r="673752" spans="14:14">
      <c r="N673752" s="10"/>
    </row>
    <row r="673753" spans="14:14">
      <c r="N673753" s="10"/>
    </row>
    <row r="673754" spans="14:14">
      <c r="N673754" s="10"/>
    </row>
    <row r="673755" spans="14:14">
      <c r="N673755" s="10"/>
    </row>
    <row r="673756" spans="14:14">
      <c r="N673756" s="10"/>
    </row>
    <row r="673757" spans="14:14">
      <c r="N673757" s="10"/>
    </row>
    <row r="673758" spans="14:14">
      <c r="N673758" s="10"/>
    </row>
    <row r="673759" spans="14:14">
      <c r="N673759" s="10"/>
    </row>
    <row r="673760" spans="14:14">
      <c r="N673760" s="10"/>
    </row>
    <row r="673761" spans="14:14">
      <c r="N673761" s="10"/>
    </row>
    <row r="673762" spans="14:14">
      <c r="N673762" s="10"/>
    </row>
    <row r="673763" spans="14:14">
      <c r="N673763" s="10"/>
    </row>
    <row r="673764" spans="14:14">
      <c r="N673764" s="10"/>
    </row>
    <row r="673765" spans="14:14">
      <c r="N673765" s="10"/>
    </row>
    <row r="673766" spans="14:14">
      <c r="N673766" s="10"/>
    </row>
    <row r="673767" spans="14:14">
      <c r="N673767" s="10"/>
    </row>
    <row r="673768" spans="14:14">
      <c r="N673768" s="10"/>
    </row>
    <row r="673769" spans="14:14">
      <c r="N673769" s="10"/>
    </row>
    <row r="673770" spans="14:14">
      <c r="N673770" s="10"/>
    </row>
    <row r="673771" spans="14:14">
      <c r="N673771" s="10"/>
    </row>
    <row r="673772" spans="14:14">
      <c r="N673772" s="10"/>
    </row>
    <row r="673773" spans="14:14">
      <c r="N673773" s="10"/>
    </row>
    <row r="673774" spans="14:14">
      <c r="N673774" s="10"/>
    </row>
    <row r="673775" spans="14:14">
      <c r="N673775" s="10"/>
    </row>
    <row r="673776" spans="14:14">
      <c r="N673776" s="10"/>
    </row>
    <row r="673777" spans="14:14">
      <c r="N673777" s="10"/>
    </row>
    <row r="673778" spans="14:14">
      <c r="N673778" s="10"/>
    </row>
    <row r="673779" spans="14:14">
      <c r="N673779" s="10"/>
    </row>
    <row r="673780" spans="14:14">
      <c r="N673780" s="10"/>
    </row>
    <row r="673781" spans="14:14">
      <c r="N673781" s="10"/>
    </row>
    <row r="673782" spans="14:14">
      <c r="N673782" s="10"/>
    </row>
    <row r="673783" spans="14:14">
      <c r="N673783" s="10"/>
    </row>
    <row r="673784" spans="14:14">
      <c r="N673784" s="10"/>
    </row>
    <row r="673785" spans="14:14">
      <c r="N673785" s="10"/>
    </row>
    <row r="673786" spans="14:14">
      <c r="N673786" s="10"/>
    </row>
    <row r="673787" spans="14:14">
      <c r="N673787" s="10"/>
    </row>
    <row r="673788" spans="14:14">
      <c r="N673788" s="10"/>
    </row>
    <row r="673789" spans="14:14">
      <c r="N673789" s="10"/>
    </row>
    <row r="673790" spans="14:14">
      <c r="N673790" s="10"/>
    </row>
    <row r="673791" spans="14:14">
      <c r="N673791" s="10"/>
    </row>
    <row r="673792" spans="14:14">
      <c r="N673792" s="10"/>
    </row>
    <row r="673793" spans="14:14">
      <c r="N673793" s="10"/>
    </row>
    <row r="673794" spans="14:14">
      <c r="N673794" s="10"/>
    </row>
    <row r="673795" spans="14:14">
      <c r="N673795" s="10"/>
    </row>
    <row r="673796" spans="14:14">
      <c r="N673796" s="10"/>
    </row>
    <row r="673797" spans="14:14">
      <c r="N673797" s="10"/>
    </row>
    <row r="673798" spans="14:14">
      <c r="N673798" s="10"/>
    </row>
    <row r="673799" spans="14:14">
      <c r="N673799" s="10"/>
    </row>
    <row r="673800" spans="14:14">
      <c r="N673800" s="10"/>
    </row>
    <row r="673801" spans="14:14">
      <c r="N673801" s="10"/>
    </row>
    <row r="673802" spans="14:14">
      <c r="N673802" s="10"/>
    </row>
    <row r="673803" spans="14:14">
      <c r="N673803" s="10"/>
    </row>
    <row r="673804" spans="14:14">
      <c r="N673804" s="10"/>
    </row>
    <row r="673805" spans="14:14">
      <c r="N673805" s="10"/>
    </row>
    <row r="673806" spans="14:14">
      <c r="N673806" s="10"/>
    </row>
    <row r="673807" spans="14:14">
      <c r="N673807" s="10"/>
    </row>
    <row r="673808" spans="14:14">
      <c r="N673808" s="10"/>
    </row>
    <row r="673809" spans="14:14">
      <c r="N673809" s="10"/>
    </row>
    <row r="673810" spans="14:14">
      <c r="N673810" s="10"/>
    </row>
    <row r="673811" spans="14:14">
      <c r="N673811" s="10"/>
    </row>
    <row r="673812" spans="14:14">
      <c r="N673812" s="10"/>
    </row>
    <row r="673813" spans="14:14">
      <c r="N673813" s="10"/>
    </row>
    <row r="673814" spans="14:14">
      <c r="N673814" s="10"/>
    </row>
    <row r="673815" spans="14:14">
      <c r="N673815" s="10"/>
    </row>
    <row r="673816" spans="14:14">
      <c r="N673816" s="10"/>
    </row>
    <row r="673817" spans="14:14">
      <c r="N673817" s="10"/>
    </row>
    <row r="673818" spans="14:14">
      <c r="N673818" s="10"/>
    </row>
    <row r="673819" spans="14:14">
      <c r="N673819" s="10"/>
    </row>
    <row r="673820" spans="14:14">
      <c r="N673820" s="10"/>
    </row>
    <row r="673821" spans="14:14">
      <c r="N673821" s="10"/>
    </row>
    <row r="673822" spans="14:14">
      <c r="N673822" s="10"/>
    </row>
    <row r="673823" spans="14:14">
      <c r="N673823" s="10"/>
    </row>
    <row r="673824" spans="14:14">
      <c r="N673824" s="10"/>
    </row>
    <row r="673825" spans="14:14">
      <c r="N673825" s="10"/>
    </row>
    <row r="673826" spans="14:14">
      <c r="N673826" s="10"/>
    </row>
    <row r="673827" spans="14:14">
      <c r="N673827" s="10"/>
    </row>
    <row r="673828" spans="14:14">
      <c r="N673828" s="10"/>
    </row>
    <row r="673829" spans="14:14">
      <c r="N673829" s="10"/>
    </row>
    <row r="673830" spans="14:14">
      <c r="N673830" s="10"/>
    </row>
    <row r="673831" spans="14:14">
      <c r="N673831" s="10"/>
    </row>
    <row r="673832" spans="14:14">
      <c r="N673832" s="10"/>
    </row>
    <row r="673833" spans="14:14">
      <c r="N673833" s="10"/>
    </row>
    <row r="673834" spans="14:14">
      <c r="N673834" s="10"/>
    </row>
    <row r="673835" spans="14:14">
      <c r="N673835" s="10"/>
    </row>
    <row r="673836" spans="14:14">
      <c r="N673836" s="10"/>
    </row>
    <row r="673837" spans="14:14">
      <c r="N673837" s="10"/>
    </row>
    <row r="673838" spans="14:14">
      <c r="N673838" s="10"/>
    </row>
    <row r="673839" spans="14:14">
      <c r="N673839" s="10"/>
    </row>
    <row r="673840" spans="14:14">
      <c r="N673840" s="10"/>
    </row>
    <row r="673841" spans="14:14">
      <c r="N673841" s="10"/>
    </row>
    <row r="673842" spans="14:14">
      <c r="N673842" s="10"/>
    </row>
    <row r="673843" spans="14:14">
      <c r="N673843" s="10"/>
    </row>
    <row r="673844" spans="14:14">
      <c r="N673844" s="10"/>
    </row>
    <row r="673845" spans="14:14">
      <c r="N673845" s="10"/>
    </row>
    <row r="673846" spans="14:14">
      <c r="N673846" s="10"/>
    </row>
    <row r="673847" spans="14:14">
      <c r="N673847" s="10"/>
    </row>
    <row r="673848" spans="14:14">
      <c r="N673848" s="10"/>
    </row>
    <row r="673849" spans="14:14">
      <c r="N673849" s="10"/>
    </row>
    <row r="673850" spans="14:14">
      <c r="N673850" s="10"/>
    </row>
    <row r="673851" spans="14:14">
      <c r="N673851" s="10"/>
    </row>
    <row r="673852" spans="14:14">
      <c r="N673852" s="10"/>
    </row>
    <row r="673853" spans="14:14">
      <c r="N673853" s="10"/>
    </row>
    <row r="673854" spans="14:14">
      <c r="N673854" s="10"/>
    </row>
    <row r="673855" spans="14:14">
      <c r="N673855" s="10"/>
    </row>
    <row r="673856" spans="14:14">
      <c r="N673856" s="10"/>
    </row>
    <row r="673857" spans="14:14">
      <c r="N673857" s="10"/>
    </row>
    <row r="673858" spans="14:14">
      <c r="N673858" s="10"/>
    </row>
    <row r="673859" spans="14:14">
      <c r="N673859" s="10"/>
    </row>
    <row r="673860" spans="14:14">
      <c r="N673860" s="10"/>
    </row>
    <row r="673861" spans="14:14">
      <c r="N673861" s="10"/>
    </row>
    <row r="673862" spans="14:14">
      <c r="N673862" s="10"/>
    </row>
    <row r="673863" spans="14:14">
      <c r="N673863" s="10"/>
    </row>
    <row r="673864" spans="14:14">
      <c r="N673864" s="10"/>
    </row>
    <row r="673865" spans="14:14">
      <c r="N673865" s="10"/>
    </row>
    <row r="673866" spans="14:14">
      <c r="N673866" s="10"/>
    </row>
    <row r="673867" spans="14:14">
      <c r="N673867" s="10"/>
    </row>
    <row r="673868" spans="14:14">
      <c r="N673868" s="10"/>
    </row>
    <row r="673869" spans="14:14">
      <c r="N673869" s="10"/>
    </row>
    <row r="673870" spans="14:14">
      <c r="N673870" s="10"/>
    </row>
    <row r="673871" spans="14:14">
      <c r="N673871" s="10"/>
    </row>
    <row r="673872" spans="14:14">
      <c r="N673872" s="10"/>
    </row>
    <row r="673873" spans="14:14">
      <c r="N673873" s="10"/>
    </row>
    <row r="673874" spans="14:14">
      <c r="N673874" s="10"/>
    </row>
    <row r="673875" spans="14:14">
      <c r="N673875" s="10"/>
    </row>
    <row r="673876" spans="14:14">
      <c r="N673876" s="10"/>
    </row>
    <row r="673877" spans="14:14">
      <c r="N673877" s="10"/>
    </row>
    <row r="673878" spans="14:14">
      <c r="N673878" s="10"/>
    </row>
    <row r="673879" spans="14:14">
      <c r="N673879" s="10"/>
    </row>
    <row r="673880" spans="14:14">
      <c r="N673880" s="10"/>
    </row>
    <row r="673881" spans="14:14">
      <c r="N673881" s="10"/>
    </row>
    <row r="673882" spans="14:14">
      <c r="N673882" s="10"/>
    </row>
    <row r="673883" spans="14:14">
      <c r="N673883" s="10"/>
    </row>
    <row r="673884" spans="14:14">
      <c r="N673884" s="10"/>
    </row>
    <row r="673885" spans="14:14">
      <c r="N673885" s="10"/>
    </row>
    <row r="673886" spans="14:14">
      <c r="N673886" s="10"/>
    </row>
    <row r="673887" spans="14:14">
      <c r="N673887" s="10"/>
    </row>
    <row r="673888" spans="14:14">
      <c r="N673888" s="10"/>
    </row>
    <row r="673889" spans="14:14">
      <c r="N673889" s="10"/>
    </row>
    <row r="673890" spans="14:14">
      <c r="N673890" s="10"/>
    </row>
    <row r="673891" spans="14:14">
      <c r="N673891" s="10"/>
    </row>
    <row r="673892" spans="14:14">
      <c r="N673892" s="10"/>
    </row>
    <row r="673893" spans="14:14">
      <c r="N673893" s="10"/>
    </row>
    <row r="673894" spans="14:14">
      <c r="N673894" s="10"/>
    </row>
    <row r="673895" spans="14:14">
      <c r="N673895" s="10"/>
    </row>
    <row r="673896" spans="14:14">
      <c r="N673896" s="10"/>
    </row>
    <row r="673897" spans="14:14">
      <c r="N673897" s="10"/>
    </row>
    <row r="673898" spans="14:14">
      <c r="N673898" s="10"/>
    </row>
    <row r="673899" spans="14:14">
      <c r="N673899" s="10"/>
    </row>
    <row r="673900" spans="14:14">
      <c r="N673900" s="10"/>
    </row>
    <row r="673901" spans="14:14">
      <c r="N673901" s="10"/>
    </row>
    <row r="673902" spans="14:14">
      <c r="N673902" s="10"/>
    </row>
    <row r="673903" spans="14:14">
      <c r="N673903" s="10"/>
    </row>
    <row r="673904" spans="14:14">
      <c r="N673904" s="10"/>
    </row>
    <row r="673905" spans="14:14">
      <c r="N673905" s="10"/>
    </row>
    <row r="673906" spans="14:14">
      <c r="N673906" s="10"/>
    </row>
    <row r="673907" spans="14:14">
      <c r="N673907" s="10"/>
    </row>
    <row r="673908" spans="14:14">
      <c r="N673908" s="10"/>
    </row>
    <row r="673909" spans="14:14">
      <c r="N673909" s="10"/>
    </row>
    <row r="673910" spans="14:14">
      <c r="N673910" s="10"/>
    </row>
    <row r="673911" spans="14:14">
      <c r="N673911" s="10"/>
    </row>
    <row r="673912" spans="14:14">
      <c r="N673912" s="10"/>
    </row>
    <row r="673913" spans="14:14">
      <c r="N673913" s="10"/>
    </row>
    <row r="673914" spans="14:14">
      <c r="N673914" s="10"/>
    </row>
    <row r="673915" spans="14:14">
      <c r="N673915" s="10"/>
    </row>
    <row r="673916" spans="14:14">
      <c r="N673916" s="10"/>
    </row>
    <row r="673917" spans="14:14">
      <c r="N673917" s="10"/>
    </row>
    <row r="673918" spans="14:14">
      <c r="N673918" s="10"/>
    </row>
    <row r="673919" spans="14:14">
      <c r="N673919" s="10"/>
    </row>
    <row r="673920" spans="14:14">
      <c r="N673920" s="10"/>
    </row>
    <row r="673921" spans="14:14">
      <c r="N673921" s="10"/>
    </row>
    <row r="673922" spans="14:14">
      <c r="N673922" s="10"/>
    </row>
    <row r="673923" spans="14:14">
      <c r="N673923" s="10"/>
    </row>
    <row r="673924" spans="14:14">
      <c r="N673924" s="10"/>
    </row>
    <row r="673925" spans="14:14">
      <c r="N673925" s="10"/>
    </row>
    <row r="673926" spans="14:14">
      <c r="N673926" s="10"/>
    </row>
    <row r="673927" spans="14:14">
      <c r="N673927" s="10"/>
    </row>
    <row r="673928" spans="14:14">
      <c r="N673928" s="10"/>
    </row>
    <row r="673929" spans="14:14">
      <c r="N673929" s="10"/>
    </row>
    <row r="673930" spans="14:14">
      <c r="N673930" s="10"/>
    </row>
    <row r="673931" spans="14:14">
      <c r="N673931" s="10"/>
    </row>
    <row r="673932" spans="14:14">
      <c r="N673932" s="10"/>
    </row>
    <row r="673933" spans="14:14">
      <c r="N673933" s="10"/>
    </row>
    <row r="673934" spans="14:14">
      <c r="N673934" s="10"/>
    </row>
    <row r="673935" spans="14:14">
      <c r="N673935" s="10"/>
    </row>
    <row r="673936" spans="14:14">
      <c r="N673936" s="10"/>
    </row>
    <row r="673937" spans="14:14">
      <c r="N673937" s="10"/>
    </row>
    <row r="673938" spans="14:14">
      <c r="N673938" s="10"/>
    </row>
    <row r="673939" spans="14:14">
      <c r="N673939" s="10"/>
    </row>
    <row r="673940" spans="14:14">
      <c r="N673940" s="10"/>
    </row>
    <row r="673941" spans="14:14">
      <c r="N673941" s="10"/>
    </row>
    <row r="673942" spans="14:14">
      <c r="N673942" s="10"/>
    </row>
    <row r="673943" spans="14:14">
      <c r="N673943" s="10"/>
    </row>
    <row r="673944" spans="14:14">
      <c r="N673944" s="10"/>
    </row>
    <row r="673945" spans="14:14">
      <c r="N673945" s="10"/>
    </row>
    <row r="673946" spans="14:14">
      <c r="N673946" s="10"/>
    </row>
    <row r="673947" spans="14:14">
      <c r="N673947" s="10"/>
    </row>
    <row r="673948" spans="14:14">
      <c r="N673948" s="10"/>
    </row>
    <row r="673949" spans="14:14">
      <c r="N673949" s="10"/>
    </row>
    <row r="673950" spans="14:14">
      <c r="N673950" s="10"/>
    </row>
    <row r="673951" spans="14:14">
      <c r="N673951" s="10"/>
    </row>
    <row r="673952" spans="14:14">
      <c r="N673952" s="10"/>
    </row>
    <row r="673953" spans="14:14">
      <c r="N673953" s="10"/>
    </row>
    <row r="673954" spans="14:14">
      <c r="N673954" s="10"/>
    </row>
    <row r="673955" spans="14:14">
      <c r="N673955" s="10"/>
    </row>
    <row r="673956" spans="14:14">
      <c r="N673956" s="10"/>
    </row>
    <row r="673957" spans="14:14">
      <c r="N673957" s="10"/>
    </row>
    <row r="673958" spans="14:14">
      <c r="N673958" s="10"/>
    </row>
    <row r="673959" spans="14:14">
      <c r="N673959" s="10"/>
    </row>
    <row r="673960" spans="14:14">
      <c r="N673960" s="10"/>
    </row>
    <row r="673961" spans="14:14">
      <c r="N673961" s="10"/>
    </row>
    <row r="673962" spans="14:14">
      <c r="N673962" s="10"/>
    </row>
    <row r="673963" spans="14:14">
      <c r="N673963" s="10"/>
    </row>
    <row r="673964" spans="14:14">
      <c r="N673964" s="10"/>
    </row>
    <row r="673965" spans="14:14">
      <c r="N673965" s="10"/>
    </row>
    <row r="673966" spans="14:14">
      <c r="N673966" s="10"/>
    </row>
    <row r="673967" spans="14:14">
      <c r="N673967" s="10"/>
    </row>
    <row r="673968" spans="14:14">
      <c r="N673968" s="10"/>
    </row>
    <row r="673969" spans="14:14">
      <c r="N673969" s="10"/>
    </row>
    <row r="673970" spans="14:14">
      <c r="N673970" s="10"/>
    </row>
    <row r="673971" spans="14:14">
      <c r="N673971" s="10"/>
    </row>
    <row r="673972" spans="14:14">
      <c r="N673972" s="10"/>
    </row>
    <row r="673973" spans="14:14">
      <c r="N673973" s="10"/>
    </row>
    <row r="673974" spans="14:14">
      <c r="N673974" s="10"/>
    </row>
    <row r="673975" spans="14:14">
      <c r="N673975" s="10"/>
    </row>
    <row r="673976" spans="14:14">
      <c r="N673976" s="10"/>
    </row>
    <row r="673977" spans="14:14">
      <c r="N673977" s="10"/>
    </row>
    <row r="673978" spans="14:14">
      <c r="N673978" s="10"/>
    </row>
    <row r="673979" spans="14:14">
      <c r="N673979" s="10"/>
    </row>
    <row r="673980" spans="14:14">
      <c r="N673980" s="10"/>
    </row>
    <row r="673981" spans="14:14">
      <c r="N673981" s="10"/>
    </row>
    <row r="673982" spans="14:14">
      <c r="N673982" s="10"/>
    </row>
    <row r="673983" spans="14:14">
      <c r="N673983" s="10"/>
    </row>
    <row r="673984" spans="14:14">
      <c r="N673984" s="10"/>
    </row>
    <row r="673985" spans="14:14">
      <c r="N673985" s="10"/>
    </row>
    <row r="673986" spans="14:14">
      <c r="N673986" s="10"/>
    </row>
    <row r="673987" spans="14:14">
      <c r="N673987" s="10"/>
    </row>
    <row r="673988" spans="14:14">
      <c r="N673988" s="10"/>
    </row>
    <row r="673989" spans="14:14">
      <c r="N673989" s="10"/>
    </row>
    <row r="673990" spans="14:14">
      <c r="N673990" s="10"/>
    </row>
    <row r="673991" spans="14:14">
      <c r="N673991" s="10"/>
    </row>
    <row r="673992" spans="14:14">
      <c r="N673992" s="10"/>
    </row>
    <row r="673993" spans="14:14">
      <c r="N673993" s="10"/>
    </row>
    <row r="673994" spans="14:14">
      <c r="N673994" s="10"/>
    </row>
    <row r="673995" spans="14:14">
      <c r="N673995" s="10"/>
    </row>
    <row r="673996" spans="14:14">
      <c r="N673996" s="10"/>
    </row>
    <row r="673997" spans="14:14">
      <c r="N673997" s="10"/>
    </row>
    <row r="673998" spans="14:14">
      <c r="N673998" s="10"/>
    </row>
    <row r="673999" spans="14:14">
      <c r="N673999" s="10"/>
    </row>
    <row r="674000" spans="14:14">
      <c r="N674000" s="10"/>
    </row>
    <row r="674001" spans="14:14">
      <c r="N674001" s="10"/>
    </row>
    <row r="674002" spans="14:14">
      <c r="N674002" s="10"/>
    </row>
    <row r="674003" spans="14:14">
      <c r="N674003" s="10"/>
    </row>
    <row r="674004" spans="14:14">
      <c r="N674004" s="10"/>
    </row>
    <row r="674005" spans="14:14">
      <c r="N674005" s="10"/>
    </row>
    <row r="674006" spans="14:14">
      <c r="N674006" s="10"/>
    </row>
    <row r="674007" spans="14:14">
      <c r="N674007" s="10"/>
    </row>
    <row r="674008" spans="14:14">
      <c r="N674008" s="10"/>
    </row>
    <row r="674009" spans="14:14">
      <c r="N674009" s="10"/>
    </row>
    <row r="674010" spans="14:14">
      <c r="N674010" s="10"/>
    </row>
    <row r="674011" spans="14:14">
      <c r="N674011" s="10"/>
    </row>
    <row r="674012" spans="14:14">
      <c r="N674012" s="10"/>
    </row>
    <row r="674013" spans="14:14">
      <c r="N674013" s="10"/>
    </row>
    <row r="674014" spans="14:14">
      <c r="N674014" s="10"/>
    </row>
    <row r="674015" spans="14:14">
      <c r="N674015" s="10"/>
    </row>
    <row r="674016" spans="14:14">
      <c r="N674016" s="10"/>
    </row>
    <row r="674017" spans="14:14">
      <c r="N674017" s="10"/>
    </row>
    <row r="674018" spans="14:14">
      <c r="N674018" s="10"/>
    </row>
    <row r="674019" spans="14:14">
      <c r="N674019" s="10"/>
    </row>
    <row r="674020" spans="14:14">
      <c r="N674020" s="10"/>
    </row>
    <row r="674021" spans="14:14">
      <c r="N674021" s="10"/>
    </row>
    <row r="674022" spans="14:14">
      <c r="N674022" s="10"/>
    </row>
    <row r="674023" spans="14:14">
      <c r="N674023" s="10"/>
    </row>
    <row r="674024" spans="14:14">
      <c r="N674024" s="10"/>
    </row>
    <row r="674025" spans="14:14">
      <c r="N674025" s="10"/>
    </row>
    <row r="674026" spans="14:14">
      <c r="N674026" s="10"/>
    </row>
    <row r="674027" spans="14:14">
      <c r="N674027" s="10"/>
    </row>
    <row r="674028" spans="14:14">
      <c r="N674028" s="10"/>
    </row>
    <row r="674029" spans="14:14">
      <c r="N674029" s="10"/>
    </row>
    <row r="674030" spans="14:14">
      <c r="N674030" s="10"/>
    </row>
    <row r="674031" spans="14:14">
      <c r="N674031" s="10"/>
    </row>
    <row r="674032" spans="14:14">
      <c r="N674032" s="10"/>
    </row>
    <row r="674033" spans="14:14">
      <c r="N674033" s="10"/>
    </row>
    <row r="674034" spans="14:14">
      <c r="N674034" s="10"/>
    </row>
    <row r="674035" spans="14:14">
      <c r="N674035" s="10"/>
    </row>
    <row r="674036" spans="14:14">
      <c r="N674036" s="10"/>
    </row>
    <row r="674037" spans="14:14">
      <c r="N674037" s="10"/>
    </row>
    <row r="674038" spans="14:14">
      <c r="N674038" s="10"/>
    </row>
    <row r="674039" spans="14:14">
      <c r="N674039" s="10"/>
    </row>
    <row r="674040" spans="14:14">
      <c r="N674040" s="10"/>
    </row>
    <row r="674041" spans="14:14">
      <c r="N674041" s="10"/>
    </row>
    <row r="674042" spans="14:14">
      <c r="N674042" s="10"/>
    </row>
    <row r="674043" spans="14:14">
      <c r="N674043" s="10"/>
    </row>
    <row r="674044" spans="14:14">
      <c r="N674044" s="10"/>
    </row>
    <row r="674045" spans="14:14">
      <c r="N674045" s="10"/>
    </row>
    <row r="674046" spans="14:14">
      <c r="N674046" s="10"/>
    </row>
    <row r="674047" spans="14:14">
      <c r="N674047" s="10"/>
    </row>
    <row r="674048" spans="14:14">
      <c r="N674048" s="10"/>
    </row>
    <row r="674049" spans="14:14">
      <c r="N674049" s="10"/>
    </row>
    <row r="674050" spans="14:14">
      <c r="N674050" s="10"/>
    </row>
    <row r="674051" spans="14:14">
      <c r="N674051" s="10"/>
    </row>
    <row r="674052" spans="14:14">
      <c r="N674052" s="10"/>
    </row>
    <row r="674053" spans="14:14">
      <c r="N674053" s="10"/>
    </row>
    <row r="674054" spans="14:14">
      <c r="N674054" s="10"/>
    </row>
    <row r="674055" spans="14:14">
      <c r="N674055" s="10"/>
    </row>
    <row r="674056" spans="14:14">
      <c r="N674056" s="10"/>
    </row>
    <row r="674057" spans="14:14">
      <c r="N674057" s="10"/>
    </row>
    <row r="674058" spans="14:14">
      <c r="N674058" s="10"/>
    </row>
    <row r="674059" spans="14:14">
      <c r="N674059" s="10"/>
    </row>
    <row r="674060" spans="14:14">
      <c r="N674060" s="10"/>
    </row>
    <row r="674061" spans="14:14">
      <c r="N674061" s="10"/>
    </row>
    <row r="674062" spans="14:14">
      <c r="N674062" s="10"/>
    </row>
    <row r="674063" spans="14:14">
      <c r="N674063" s="10"/>
    </row>
    <row r="674064" spans="14:14">
      <c r="N674064" s="10"/>
    </row>
    <row r="674065" spans="14:14">
      <c r="N674065" s="10"/>
    </row>
    <row r="674066" spans="14:14">
      <c r="N674066" s="10"/>
    </row>
    <row r="674067" spans="14:14">
      <c r="N674067" s="10"/>
    </row>
    <row r="674068" spans="14:14">
      <c r="N674068" s="10"/>
    </row>
    <row r="674069" spans="14:14">
      <c r="N674069" s="10"/>
    </row>
    <row r="674070" spans="14:14">
      <c r="N674070" s="10"/>
    </row>
    <row r="674071" spans="14:14">
      <c r="N674071" s="10"/>
    </row>
    <row r="674072" spans="14:14">
      <c r="N674072" s="10"/>
    </row>
    <row r="674073" spans="14:14">
      <c r="N674073" s="10"/>
    </row>
    <row r="674074" spans="14:14">
      <c r="N674074" s="10"/>
    </row>
    <row r="674075" spans="14:14">
      <c r="N674075" s="10"/>
    </row>
    <row r="674076" spans="14:14">
      <c r="N674076" s="10"/>
    </row>
    <row r="674077" spans="14:14">
      <c r="N674077" s="10"/>
    </row>
    <row r="674078" spans="14:14">
      <c r="N674078" s="10"/>
    </row>
    <row r="674079" spans="14:14">
      <c r="N674079" s="10"/>
    </row>
    <row r="674080" spans="14:14">
      <c r="N674080" s="10"/>
    </row>
    <row r="674081" spans="14:14">
      <c r="N674081" s="10"/>
    </row>
    <row r="674082" spans="14:14">
      <c r="N674082" s="10"/>
    </row>
    <row r="674083" spans="14:14">
      <c r="N674083" s="10"/>
    </row>
    <row r="674084" spans="14:14">
      <c r="N674084" s="10"/>
    </row>
    <row r="674085" spans="14:14">
      <c r="N674085" s="10"/>
    </row>
    <row r="674086" spans="14:14">
      <c r="N674086" s="10"/>
    </row>
    <row r="674087" spans="14:14">
      <c r="N674087" s="10"/>
    </row>
    <row r="674088" spans="14:14">
      <c r="N674088" s="10"/>
    </row>
    <row r="674089" spans="14:14">
      <c r="N674089" s="10"/>
    </row>
    <row r="674090" spans="14:14">
      <c r="N674090" s="10"/>
    </row>
    <row r="674091" spans="14:14">
      <c r="N674091" s="10"/>
    </row>
    <row r="674092" spans="14:14">
      <c r="N674092" s="10"/>
    </row>
    <row r="674093" spans="14:14">
      <c r="N674093" s="10"/>
    </row>
    <row r="674094" spans="14:14">
      <c r="N674094" s="10"/>
    </row>
    <row r="674095" spans="14:14">
      <c r="N674095" s="10"/>
    </row>
    <row r="674096" spans="14:14">
      <c r="N674096" s="10"/>
    </row>
    <row r="674097" spans="14:14">
      <c r="N674097" s="10"/>
    </row>
    <row r="674098" spans="14:14">
      <c r="N674098" s="10"/>
    </row>
    <row r="674099" spans="14:14">
      <c r="N674099" s="10"/>
    </row>
    <row r="674100" spans="14:14">
      <c r="N674100" s="10"/>
    </row>
    <row r="674101" spans="14:14">
      <c r="N674101" s="10"/>
    </row>
    <row r="674102" spans="14:14">
      <c r="N674102" s="10"/>
    </row>
    <row r="674103" spans="14:14">
      <c r="N674103" s="10"/>
    </row>
    <row r="674104" spans="14:14">
      <c r="N674104" s="10"/>
    </row>
    <row r="674105" spans="14:14">
      <c r="N674105" s="10"/>
    </row>
    <row r="674106" spans="14:14">
      <c r="N674106" s="10"/>
    </row>
    <row r="674107" spans="14:14">
      <c r="N674107" s="10"/>
    </row>
    <row r="674108" spans="14:14">
      <c r="N674108" s="10"/>
    </row>
    <row r="674109" spans="14:14">
      <c r="N674109" s="10"/>
    </row>
    <row r="674110" spans="14:14">
      <c r="N674110" s="10"/>
    </row>
    <row r="674111" spans="14:14">
      <c r="N674111" s="10"/>
    </row>
    <row r="674112" spans="14:14">
      <c r="N674112" s="10"/>
    </row>
    <row r="674113" spans="14:14">
      <c r="N674113" s="10"/>
    </row>
    <row r="674114" spans="14:14">
      <c r="N674114" s="10"/>
    </row>
    <row r="674115" spans="14:14">
      <c r="N674115" s="10"/>
    </row>
    <row r="674116" spans="14:14">
      <c r="N674116" s="10"/>
    </row>
    <row r="674117" spans="14:14">
      <c r="N674117" s="10"/>
    </row>
    <row r="674118" spans="14:14">
      <c r="N674118" s="10"/>
    </row>
    <row r="674119" spans="14:14">
      <c r="N674119" s="10"/>
    </row>
    <row r="674120" spans="14:14">
      <c r="N674120" s="10"/>
    </row>
    <row r="674121" spans="14:14">
      <c r="N674121" s="10"/>
    </row>
    <row r="674122" spans="14:14">
      <c r="N674122" s="10"/>
    </row>
    <row r="674123" spans="14:14">
      <c r="N674123" s="10"/>
    </row>
    <row r="674124" spans="14:14">
      <c r="N674124" s="10"/>
    </row>
    <row r="674125" spans="14:14">
      <c r="N674125" s="10"/>
    </row>
    <row r="674126" spans="14:14">
      <c r="N674126" s="10"/>
    </row>
    <row r="674127" spans="14:14">
      <c r="N674127" s="10"/>
    </row>
    <row r="674128" spans="14:14">
      <c r="N674128" s="10"/>
    </row>
    <row r="674129" spans="14:14">
      <c r="N674129" s="10"/>
    </row>
    <row r="674130" spans="14:14">
      <c r="N674130" s="10"/>
    </row>
    <row r="674131" spans="14:14">
      <c r="N674131" s="10"/>
    </row>
    <row r="674132" spans="14:14">
      <c r="N674132" s="10"/>
    </row>
    <row r="674133" spans="14:14">
      <c r="N674133" s="10"/>
    </row>
    <row r="674134" spans="14:14">
      <c r="N674134" s="10"/>
    </row>
    <row r="674135" spans="14:14">
      <c r="N674135" s="10"/>
    </row>
    <row r="674136" spans="14:14">
      <c r="N674136" s="10"/>
    </row>
    <row r="674137" spans="14:14">
      <c r="N674137" s="10"/>
    </row>
    <row r="674138" spans="14:14">
      <c r="N674138" s="10"/>
    </row>
    <row r="674139" spans="14:14">
      <c r="N674139" s="10"/>
    </row>
    <row r="674140" spans="14:14">
      <c r="N674140" s="10"/>
    </row>
    <row r="674141" spans="14:14">
      <c r="N674141" s="10"/>
    </row>
    <row r="674142" spans="14:14">
      <c r="N674142" s="10"/>
    </row>
    <row r="674143" spans="14:14">
      <c r="N674143" s="10"/>
    </row>
    <row r="674144" spans="14:14">
      <c r="N674144" s="10"/>
    </row>
    <row r="674145" spans="14:14">
      <c r="N674145" s="10"/>
    </row>
    <row r="674146" spans="14:14">
      <c r="N674146" s="10"/>
    </row>
    <row r="674147" spans="14:14">
      <c r="N674147" s="10"/>
    </row>
    <row r="674148" spans="14:14">
      <c r="N674148" s="10"/>
    </row>
    <row r="674149" spans="14:14">
      <c r="N674149" s="10"/>
    </row>
    <row r="674150" spans="14:14">
      <c r="N674150" s="10"/>
    </row>
    <row r="674151" spans="14:14">
      <c r="N674151" s="10"/>
    </row>
    <row r="674152" spans="14:14">
      <c r="N674152" s="10"/>
    </row>
    <row r="674153" spans="14:14">
      <c r="N674153" s="10"/>
    </row>
    <row r="674154" spans="14:14">
      <c r="N674154" s="10"/>
    </row>
    <row r="674155" spans="14:14">
      <c r="N674155" s="10"/>
    </row>
    <row r="674156" spans="14:14">
      <c r="N674156" s="10"/>
    </row>
    <row r="674157" spans="14:14">
      <c r="N674157" s="10"/>
    </row>
    <row r="674158" spans="14:14">
      <c r="N674158" s="10"/>
    </row>
    <row r="674159" spans="14:14">
      <c r="N674159" s="10"/>
    </row>
    <row r="674160" spans="14:14">
      <c r="N674160" s="10"/>
    </row>
    <row r="674161" spans="14:14">
      <c r="N674161" s="10"/>
    </row>
    <row r="674162" spans="14:14">
      <c r="N674162" s="10"/>
    </row>
    <row r="674163" spans="14:14">
      <c r="N674163" s="10"/>
    </row>
    <row r="674164" spans="14:14">
      <c r="N674164" s="10"/>
    </row>
    <row r="674165" spans="14:14">
      <c r="N674165" s="10"/>
    </row>
    <row r="674166" spans="14:14">
      <c r="N674166" s="10"/>
    </row>
    <row r="674167" spans="14:14">
      <c r="N674167" s="10"/>
    </row>
    <row r="674168" spans="14:14">
      <c r="N674168" s="10"/>
    </row>
    <row r="674169" spans="14:14">
      <c r="N674169" s="10"/>
    </row>
    <row r="674170" spans="14:14">
      <c r="N674170" s="10"/>
    </row>
    <row r="674171" spans="14:14">
      <c r="N674171" s="10"/>
    </row>
    <row r="674172" spans="14:14">
      <c r="N674172" s="10"/>
    </row>
    <row r="674173" spans="14:14">
      <c r="N674173" s="10"/>
    </row>
    <row r="674174" spans="14:14">
      <c r="N674174" s="10"/>
    </row>
    <row r="674175" spans="14:14">
      <c r="N674175" s="10"/>
    </row>
    <row r="674176" spans="14:14">
      <c r="N674176" s="10"/>
    </row>
    <row r="674177" spans="14:14">
      <c r="N674177" s="10"/>
    </row>
    <row r="674178" spans="14:14">
      <c r="N674178" s="10"/>
    </row>
    <row r="674179" spans="14:14">
      <c r="N674179" s="10"/>
    </row>
    <row r="674180" spans="14:14">
      <c r="N674180" s="10"/>
    </row>
    <row r="674181" spans="14:14">
      <c r="N674181" s="10"/>
    </row>
    <row r="674182" spans="14:14">
      <c r="N674182" s="10"/>
    </row>
    <row r="674183" spans="14:14">
      <c r="N674183" s="10"/>
    </row>
    <row r="674184" spans="14:14">
      <c r="N674184" s="10"/>
    </row>
    <row r="674185" spans="14:14">
      <c r="N674185" s="10"/>
    </row>
    <row r="674186" spans="14:14">
      <c r="N674186" s="10"/>
    </row>
    <row r="674187" spans="14:14">
      <c r="N674187" s="10"/>
    </row>
    <row r="674188" spans="14:14">
      <c r="N674188" s="10"/>
    </row>
    <row r="674189" spans="14:14">
      <c r="N674189" s="10"/>
    </row>
    <row r="674190" spans="14:14">
      <c r="N674190" s="10"/>
    </row>
    <row r="674191" spans="14:14">
      <c r="N674191" s="10"/>
    </row>
    <row r="674192" spans="14:14">
      <c r="N674192" s="10"/>
    </row>
    <row r="674193" spans="14:14">
      <c r="N674193" s="10"/>
    </row>
    <row r="674194" spans="14:14">
      <c r="N674194" s="10"/>
    </row>
    <row r="674195" spans="14:14">
      <c r="N674195" s="10"/>
    </row>
    <row r="674196" spans="14:14">
      <c r="N674196" s="10"/>
    </row>
    <row r="674197" spans="14:14">
      <c r="N674197" s="10"/>
    </row>
    <row r="674198" spans="14:14">
      <c r="N674198" s="10"/>
    </row>
    <row r="674199" spans="14:14">
      <c r="N674199" s="10"/>
    </row>
    <row r="674200" spans="14:14">
      <c r="N674200" s="10"/>
    </row>
    <row r="674201" spans="14:14">
      <c r="N674201" s="10"/>
    </row>
    <row r="674202" spans="14:14">
      <c r="N674202" s="10"/>
    </row>
    <row r="674203" spans="14:14">
      <c r="N674203" s="10"/>
    </row>
    <row r="674204" spans="14:14">
      <c r="N674204" s="10"/>
    </row>
    <row r="674205" spans="14:14">
      <c r="N674205" s="10"/>
    </row>
    <row r="674206" spans="14:14">
      <c r="N674206" s="10"/>
    </row>
    <row r="674207" spans="14:14">
      <c r="N674207" s="10"/>
    </row>
    <row r="674208" spans="14:14">
      <c r="N674208" s="10"/>
    </row>
    <row r="674209" spans="14:14">
      <c r="N674209" s="10"/>
    </row>
    <row r="674210" spans="14:14">
      <c r="N674210" s="10"/>
    </row>
    <row r="674211" spans="14:14">
      <c r="N674211" s="10"/>
    </row>
    <row r="674212" spans="14:14">
      <c r="N674212" s="10"/>
    </row>
    <row r="674213" spans="14:14">
      <c r="N674213" s="10"/>
    </row>
    <row r="674214" spans="14:14">
      <c r="N674214" s="10"/>
    </row>
    <row r="674215" spans="14:14">
      <c r="N674215" s="10"/>
    </row>
    <row r="674216" spans="14:14">
      <c r="N674216" s="10"/>
    </row>
    <row r="674217" spans="14:14">
      <c r="N674217" s="10"/>
    </row>
    <row r="674218" spans="14:14">
      <c r="N674218" s="10"/>
    </row>
    <row r="674219" spans="14:14">
      <c r="N674219" s="10"/>
    </row>
    <row r="674220" spans="14:14">
      <c r="N674220" s="10"/>
    </row>
    <row r="674221" spans="14:14">
      <c r="N674221" s="10"/>
    </row>
    <row r="674222" spans="14:14">
      <c r="N674222" s="10"/>
    </row>
    <row r="674223" spans="14:14">
      <c r="N674223" s="10"/>
    </row>
    <row r="674224" spans="14:14">
      <c r="N674224" s="10"/>
    </row>
    <row r="674225" spans="14:14">
      <c r="N674225" s="10"/>
    </row>
    <row r="674226" spans="14:14">
      <c r="N674226" s="10"/>
    </row>
    <row r="674227" spans="14:14">
      <c r="N674227" s="10"/>
    </row>
    <row r="674228" spans="14:14">
      <c r="N674228" s="10"/>
    </row>
    <row r="674229" spans="14:14">
      <c r="N674229" s="10"/>
    </row>
    <row r="674230" spans="14:14">
      <c r="N674230" s="10"/>
    </row>
    <row r="674231" spans="14:14">
      <c r="N674231" s="10"/>
    </row>
    <row r="674232" spans="14:14">
      <c r="N674232" s="10"/>
    </row>
    <row r="674233" spans="14:14">
      <c r="N674233" s="10"/>
    </row>
    <row r="674234" spans="14:14">
      <c r="N674234" s="10"/>
    </row>
    <row r="674235" spans="14:14">
      <c r="N674235" s="10"/>
    </row>
    <row r="674236" spans="14:14">
      <c r="N674236" s="10"/>
    </row>
    <row r="674237" spans="14:14">
      <c r="N674237" s="10"/>
    </row>
    <row r="674238" spans="14:14">
      <c r="N674238" s="10"/>
    </row>
    <row r="674239" spans="14:14">
      <c r="N674239" s="10"/>
    </row>
    <row r="674240" spans="14:14">
      <c r="N674240" s="10"/>
    </row>
    <row r="674241" spans="14:14">
      <c r="N674241" s="10"/>
    </row>
    <row r="674242" spans="14:14">
      <c r="N674242" s="10"/>
    </row>
    <row r="674243" spans="14:14">
      <c r="N674243" s="10"/>
    </row>
    <row r="674244" spans="14:14">
      <c r="N674244" s="10"/>
    </row>
    <row r="674245" spans="14:14">
      <c r="N674245" s="10"/>
    </row>
    <row r="674246" spans="14:14">
      <c r="N674246" s="10"/>
    </row>
    <row r="674247" spans="14:14">
      <c r="N674247" s="10"/>
    </row>
    <row r="674248" spans="14:14">
      <c r="N674248" s="10"/>
    </row>
    <row r="674249" spans="14:14">
      <c r="N674249" s="10"/>
    </row>
    <row r="674250" spans="14:14">
      <c r="N674250" s="10"/>
    </row>
    <row r="674251" spans="14:14">
      <c r="N674251" s="10"/>
    </row>
    <row r="674252" spans="14:14">
      <c r="N674252" s="10"/>
    </row>
    <row r="674253" spans="14:14">
      <c r="N674253" s="10"/>
    </row>
    <row r="674254" spans="14:14">
      <c r="N674254" s="10"/>
    </row>
    <row r="674255" spans="14:14">
      <c r="N674255" s="10"/>
    </row>
    <row r="674256" spans="14:14">
      <c r="N674256" s="10"/>
    </row>
    <row r="674257" spans="14:14">
      <c r="N674257" s="10"/>
    </row>
    <row r="674258" spans="14:14">
      <c r="N674258" s="10"/>
    </row>
    <row r="674259" spans="14:14">
      <c r="N674259" s="10"/>
    </row>
    <row r="674260" spans="14:14">
      <c r="N674260" s="10"/>
    </row>
    <row r="674261" spans="14:14">
      <c r="N674261" s="10"/>
    </row>
    <row r="674262" spans="14:14">
      <c r="N674262" s="10"/>
    </row>
    <row r="674263" spans="14:14">
      <c r="N674263" s="10"/>
    </row>
    <row r="674264" spans="14:14">
      <c r="N674264" s="10"/>
    </row>
    <row r="674265" spans="14:14">
      <c r="N674265" s="10"/>
    </row>
    <row r="674266" spans="14:14">
      <c r="N674266" s="10"/>
    </row>
    <row r="674267" spans="14:14">
      <c r="N674267" s="10"/>
    </row>
    <row r="674268" spans="14:14">
      <c r="N674268" s="10"/>
    </row>
    <row r="674269" spans="14:14">
      <c r="N674269" s="10"/>
    </row>
    <row r="674270" spans="14:14">
      <c r="N674270" s="10"/>
    </row>
    <row r="674271" spans="14:14">
      <c r="N674271" s="10"/>
    </row>
    <row r="674272" spans="14:14">
      <c r="N674272" s="10"/>
    </row>
    <row r="674273" spans="14:14">
      <c r="N674273" s="10"/>
    </row>
    <row r="674274" spans="14:14">
      <c r="N674274" s="10"/>
    </row>
    <row r="674275" spans="14:14">
      <c r="N674275" s="10"/>
    </row>
    <row r="674276" spans="14:14">
      <c r="N674276" s="10"/>
    </row>
    <row r="674277" spans="14:14">
      <c r="N674277" s="10"/>
    </row>
    <row r="674278" spans="14:14">
      <c r="N674278" s="10"/>
    </row>
    <row r="674279" spans="14:14">
      <c r="N674279" s="10"/>
    </row>
    <row r="674280" spans="14:14">
      <c r="N674280" s="10"/>
    </row>
    <row r="674281" spans="14:14">
      <c r="N674281" s="10"/>
    </row>
    <row r="674282" spans="14:14">
      <c r="N674282" s="10"/>
    </row>
    <row r="674283" spans="14:14">
      <c r="N674283" s="10"/>
    </row>
    <row r="674284" spans="14:14">
      <c r="N674284" s="10"/>
    </row>
    <row r="674285" spans="14:14">
      <c r="N674285" s="10"/>
    </row>
    <row r="674286" spans="14:14">
      <c r="N674286" s="10"/>
    </row>
    <row r="674287" spans="14:14">
      <c r="N674287" s="10"/>
    </row>
    <row r="674288" spans="14:14">
      <c r="N674288" s="10"/>
    </row>
    <row r="674289" spans="14:14">
      <c r="N674289" s="10"/>
    </row>
    <row r="674290" spans="14:14">
      <c r="N674290" s="10"/>
    </row>
    <row r="674291" spans="14:14">
      <c r="N674291" s="10"/>
    </row>
    <row r="674292" spans="14:14">
      <c r="N674292" s="10"/>
    </row>
    <row r="674293" spans="14:14">
      <c r="N674293" s="10"/>
    </row>
    <row r="674294" spans="14:14">
      <c r="N674294" s="10"/>
    </row>
    <row r="674295" spans="14:14">
      <c r="N674295" s="10"/>
    </row>
    <row r="674296" spans="14:14">
      <c r="N674296" s="10"/>
    </row>
    <row r="674297" spans="14:14">
      <c r="N674297" s="10"/>
    </row>
    <row r="674298" spans="14:14">
      <c r="N674298" s="10"/>
    </row>
    <row r="674299" spans="14:14">
      <c r="N674299" s="10"/>
    </row>
    <row r="674300" spans="14:14">
      <c r="N674300" s="10"/>
    </row>
    <row r="674301" spans="14:14">
      <c r="N674301" s="10"/>
    </row>
    <row r="674302" spans="14:14">
      <c r="N674302" s="10"/>
    </row>
    <row r="674303" spans="14:14">
      <c r="N674303" s="10"/>
    </row>
    <row r="674304" spans="14:14">
      <c r="N674304" s="10"/>
    </row>
    <row r="674305" spans="14:14">
      <c r="N674305" s="10"/>
    </row>
    <row r="674306" spans="14:14">
      <c r="N674306" s="10"/>
    </row>
    <row r="674307" spans="14:14">
      <c r="N674307" s="10"/>
    </row>
    <row r="674308" spans="14:14">
      <c r="N674308" s="10"/>
    </row>
    <row r="674309" spans="14:14">
      <c r="N674309" s="10"/>
    </row>
    <row r="674310" spans="14:14">
      <c r="N674310" s="10"/>
    </row>
    <row r="674311" spans="14:14">
      <c r="N674311" s="10"/>
    </row>
    <row r="674312" spans="14:14">
      <c r="N674312" s="10"/>
    </row>
    <row r="674313" spans="14:14">
      <c r="N674313" s="10"/>
    </row>
    <row r="674314" spans="14:14">
      <c r="N674314" s="10"/>
    </row>
    <row r="674315" spans="14:14">
      <c r="N674315" s="10"/>
    </row>
    <row r="674316" spans="14:14">
      <c r="N674316" s="10"/>
    </row>
    <row r="674317" spans="14:14">
      <c r="N674317" s="10"/>
    </row>
    <row r="674318" spans="14:14">
      <c r="N674318" s="10"/>
    </row>
    <row r="674319" spans="14:14">
      <c r="N674319" s="10"/>
    </row>
    <row r="674320" spans="14:14">
      <c r="N674320" s="10"/>
    </row>
    <row r="674321" spans="14:14">
      <c r="N674321" s="10"/>
    </row>
    <row r="674322" spans="14:14">
      <c r="N674322" s="10"/>
    </row>
    <row r="674323" spans="14:14">
      <c r="N674323" s="10"/>
    </row>
    <row r="674324" spans="14:14">
      <c r="N674324" s="10"/>
    </row>
    <row r="674325" spans="14:14">
      <c r="N674325" s="10"/>
    </row>
    <row r="674326" spans="14:14">
      <c r="N674326" s="10"/>
    </row>
    <row r="674327" spans="14:14">
      <c r="N674327" s="10"/>
    </row>
    <row r="674328" spans="14:14">
      <c r="N674328" s="10"/>
    </row>
    <row r="674329" spans="14:14">
      <c r="N674329" s="10"/>
    </row>
    <row r="674330" spans="14:14">
      <c r="N674330" s="10"/>
    </row>
    <row r="674331" spans="14:14">
      <c r="N674331" s="10"/>
    </row>
    <row r="674332" spans="14:14">
      <c r="N674332" s="10"/>
    </row>
    <row r="674333" spans="14:14">
      <c r="N674333" s="10"/>
    </row>
    <row r="674334" spans="14:14">
      <c r="N674334" s="10"/>
    </row>
    <row r="674335" spans="14:14">
      <c r="N674335" s="10"/>
    </row>
    <row r="674336" spans="14:14">
      <c r="N674336" s="10"/>
    </row>
    <row r="674337" spans="14:14">
      <c r="N674337" s="10"/>
    </row>
    <row r="674338" spans="14:14">
      <c r="N674338" s="10"/>
    </row>
    <row r="674339" spans="14:14">
      <c r="N674339" s="10"/>
    </row>
    <row r="674340" spans="14:14">
      <c r="N674340" s="10"/>
    </row>
    <row r="674341" spans="14:14">
      <c r="N674341" s="10"/>
    </row>
    <row r="674342" spans="14:14">
      <c r="N674342" s="10"/>
    </row>
    <row r="674343" spans="14:14">
      <c r="N674343" s="10"/>
    </row>
    <row r="674344" spans="14:14">
      <c r="N674344" s="10"/>
    </row>
    <row r="674345" spans="14:14">
      <c r="N674345" s="10"/>
    </row>
    <row r="674346" spans="14:14">
      <c r="N674346" s="10"/>
    </row>
    <row r="674347" spans="14:14">
      <c r="N674347" s="10"/>
    </row>
    <row r="674348" spans="14:14">
      <c r="N674348" s="10"/>
    </row>
    <row r="674349" spans="14:14">
      <c r="N674349" s="10"/>
    </row>
    <row r="674350" spans="14:14">
      <c r="N674350" s="10"/>
    </row>
    <row r="674351" spans="14:14">
      <c r="N674351" s="10"/>
    </row>
    <row r="674352" spans="14:14">
      <c r="N674352" s="10"/>
    </row>
    <row r="674353" spans="14:14">
      <c r="N674353" s="10"/>
    </row>
    <row r="674354" spans="14:14">
      <c r="N674354" s="10"/>
    </row>
    <row r="674355" spans="14:14">
      <c r="N674355" s="10"/>
    </row>
    <row r="674356" spans="14:14">
      <c r="N674356" s="10"/>
    </row>
    <row r="674357" spans="14:14">
      <c r="N674357" s="10"/>
    </row>
    <row r="674358" spans="14:14">
      <c r="N674358" s="10"/>
    </row>
    <row r="674359" spans="14:14">
      <c r="N674359" s="10"/>
    </row>
    <row r="674360" spans="14:14">
      <c r="N674360" s="10"/>
    </row>
    <row r="674361" spans="14:14">
      <c r="N674361" s="10"/>
    </row>
    <row r="674362" spans="14:14">
      <c r="N674362" s="10"/>
    </row>
    <row r="674363" spans="14:14">
      <c r="N674363" s="10"/>
    </row>
    <row r="674364" spans="14:14">
      <c r="N674364" s="10"/>
    </row>
    <row r="674365" spans="14:14">
      <c r="N674365" s="10"/>
    </row>
    <row r="674366" spans="14:14">
      <c r="N674366" s="10"/>
    </row>
    <row r="674367" spans="14:14">
      <c r="N674367" s="10"/>
    </row>
    <row r="674368" spans="14:14">
      <c r="N674368" s="10"/>
    </row>
    <row r="674369" spans="14:14">
      <c r="N674369" s="10"/>
    </row>
    <row r="674370" spans="14:14">
      <c r="N674370" s="10"/>
    </row>
    <row r="674371" spans="14:14">
      <c r="N674371" s="10"/>
    </row>
    <row r="674372" spans="14:14">
      <c r="N674372" s="10"/>
    </row>
    <row r="674373" spans="14:14">
      <c r="N674373" s="10"/>
    </row>
    <row r="674374" spans="14:14">
      <c r="N674374" s="10"/>
    </row>
    <row r="674375" spans="14:14">
      <c r="N674375" s="10"/>
    </row>
    <row r="674376" spans="14:14">
      <c r="N674376" s="10"/>
    </row>
    <row r="674377" spans="14:14">
      <c r="N674377" s="10"/>
    </row>
    <row r="674378" spans="14:14">
      <c r="N674378" s="10"/>
    </row>
    <row r="674379" spans="14:14">
      <c r="N674379" s="10"/>
    </row>
    <row r="674380" spans="14:14">
      <c r="N674380" s="10"/>
    </row>
    <row r="674381" spans="14:14">
      <c r="N674381" s="10"/>
    </row>
    <row r="674382" spans="14:14">
      <c r="N674382" s="10"/>
    </row>
    <row r="674383" spans="14:14">
      <c r="N674383" s="10"/>
    </row>
    <row r="674384" spans="14:14">
      <c r="N674384" s="10"/>
    </row>
    <row r="674385" spans="14:14">
      <c r="N674385" s="10"/>
    </row>
    <row r="674386" spans="14:14">
      <c r="N674386" s="10"/>
    </row>
    <row r="674387" spans="14:14">
      <c r="N674387" s="10"/>
    </row>
    <row r="674388" spans="14:14">
      <c r="N674388" s="10"/>
    </row>
    <row r="674389" spans="14:14">
      <c r="N674389" s="10"/>
    </row>
    <row r="674390" spans="14:14">
      <c r="N674390" s="10"/>
    </row>
    <row r="674391" spans="14:14">
      <c r="N674391" s="10"/>
    </row>
    <row r="674392" spans="14:14">
      <c r="N674392" s="10"/>
    </row>
    <row r="674393" spans="14:14">
      <c r="N674393" s="10"/>
    </row>
    <row r="674394" spans="14:14">
      <c r="N674394" s="10"/>
    </row>
    <row r="674395" spans="14:14">
      <c r="N674395" s="10"/>
    </row>
    <row r="674396" spans="14:14">
      <c r="N674396" s="10"/>
    </row>
    <row r="674397" spans="14:14">
      <c r="N674397" s="10"/>
    </row>
    <row r="674398" spans="14:14">
      <c r="N674398" s="10"/>
    </row>
    <row r="674399" spans="14:14">
      <c r="N674399" s="10"/>
    </row>
    <row r="674400" spans="14:14">
      <c r="N674400" s="10"/>
    </row>
    <row r="674401" spans="14:14">
      <c r="N674401" s="10"/>
    </row>
    <row r="674402" spans="14:14">
      <c r="N674402" s="10"/>
    </row>
    <row r="674403" spans="14:14">
      <c r="N674403" s="10"/>
    </row>
    <row r="674404" spans="14:14">
      <c r="N674404" s="10"/>
    </row>
    <row r="674405" spans="14:14">
      <c r="N674405" s="10"/>
    </row>
    <row r="674406" spans="14:14">
      <c r="N674406" s="10"/>
    </row>
    <row r="674407" spans="14:14">
      <c r="N674407" s="10"/>
    </row>
    <row r="674408" spans="14:14">
      <c r="N674408" s="10"/>
    </row>
    <row r="674409" spans="14:14">
      <c r="N674409" s="10"/>
    </row>
    <row r="674410" spans="14:14">
      <c r="N674410" s="10"/>
    </row>
    <row r="674411" spans="14:14">
      <c r="N674411" s="10"/>
    </row>
    <row r="674412" spans="14:14">
      <c r="N674412" s="10"/>
    </row>
    <row r="674413" spans="14:14">
      <c r="N674413" s="10"/>
    </row>
    <row r="674414" spans="14:14">
      <c r="N674414" s="10"/>
    </row>
    <row r="674415" spans="14:14">
      <c r="N674415" s="10"/>
    </row>
    <row r="674416" spans="14:14">
      <c r="N674416" s="10"/>
    </row>
    <row r="674417" spans="14:14">
      <c r="N674417" s="10"/>
    </row>
    <row r="674418" spans="14:14">
      <c r="N674418" s="10"/>
    </row>
    <row r="674419" spans="14:14">
      <c r="N674419" s="10"/>
    </row>
    <row r="674420" spans="14:14">
      <c r="N674420" s="10"/>
    </row>
    <row r="674421" spans="14:14">
      <c r="N674421" s="10"/>
    </row>
    <row r="674422" spans="14:14">
      <c r="N674422" s="10"/>
    </row>
    <row r="674423" spans="14:14">
      <c r="N674423" s="10"/>
    </row>
    <row r="674424" spans="14:14">
      <c r="N674424" s="10"/>
    </row>
    <row r="674425" spans="14:14">
      <c r="N674425" s="10"/>
    </row>
    <row r="674426" spans="14:14">
      <c r="N674426" s="10"/>
    </row>
    <row r="674427" spans="14:14">
      <c r="N674427" s="10"/>
    </row>
    <row r="674428" spans="14:14">
      <c r="N674428" s="10"/>
    </row>
    <row r="674429" spans="14:14">
      <c r="N674429" s="10"/>
    </row>
    <row r="674430" spans="14:14">
      <c r="N674430" s="10"/>
    </row>
    <row r="674431" spans="14:14">
      <c r="N674431" s="10"/>
    </row>
    <row r="674432" spans="14:14">
      <c r="N674432" s="10"/>
    </row>
    <row r="674433" spans="14:14">
      <c r="N674433" s="10"/>
    </row>
    <row r="674434" spans="14:14">
      <c r="N674434" s="10"/>
    </row>
    <row r="674435" spans="14:14">
      <c r="N674435" s="10"/>
    </row>
    <row r="674436" spans="14:14">
      <c r="N674436" s="10"/>
    </row>
    <row r="674437" spans="14:14">
      <c r="N674437" s="10"/>
    </row>
    <row r="674438" spans="14:14">
      <c r="N674438" s="10"/>
    </row>
    <row r="674439" spans="14:14">
      <c r="N674439" s="10"/>
    </row>
    <row r="674440" spans="14:14">
      <c r="N674440" s="10"/>
    </row>
    <row r="674441" spans="14:14">
      <c r="N674441" s="10"/>
    </row>
    <row r="674442" spans="14:14">
      <c r="N674442" s="10"/>
    </row>
    <row r="674443" spans="14:14">
      <c r="N674443" s="10"/>
    </row>
    <row r="674444" spans="14:14">
      <c r="N674444" s="10"/>
    </row>
    <row r="674445" spans="14:14">
      <c r="N674445" s="10"/>
    </row>
    <row r="674446" spans="14:14">
      <c r="N674446" s="10"/>
    </row>
    <row r="674447" spans="14:14">
      <c r="N674447" s="10"/>
    </row>
    <row r="674448" spans="14:14">
      <c r="N674448" s="10"/>
    </row>
    <row r="674449" spans="14:14">
      <c r="N674449" s="10"/>
    </row>
    <row r="674450" spans="14:14">
      <c r="N674450" s="10"/>
    </row>
    <row r="674451" spans="14:14">
      <c r="N674451" s="10"/>
    </row>
    <row r="674452" spans="14:14">
      <c r="N674452" s="10"/>
    </row>
    <row r="674453" spans="14:14">
      <c r="N674453" s="10"/>
    </row>
    <row r="674454" spans="14:14">
      <c r="N674454" s="10"/>
    </row>
    <row r="674455" spans="14:14">
      <c r="N674455" s="10"/>
    </row>
    <row r="674456" spans="14:14">
      <c r="N674456" s="10"/>
    </row>
    <row r="674457" spans="14:14">
      <c r="N674457" s="10"/>
    </row>
    <row r="674458" spans="14:14">
      <c r="N674458" s="10"/>
    </row>
    <row r="674459" spans="14:14">
      <c r="N674459" s="10"/>
    </row>
    <row r="674460" spans="14:14">
      <c r="N674460" s="10"/>
    </row>
    <row r="674461" spans="14:14">
      <c r="N674461" s="10"/>
    </row>
    <row r="674462" spans="14:14">
      <c r="N674462" s="10"/>
    </row>
    <row r="674463" spans="14:14">
      <c r="N674463" s="10"/>
    </row>
    <row r="674464" spans="14:14">
      <c r="N674464" s="10"/>
    </row>
    <row r="674465" spans="14:14">
      <c r="N674465" s="10"/>
    </row>
    <row r="674466" spans="14:14">
      <c r="N674466" s="10"/>
    </row>
    <row r="674467" spans="14:14">
      <c r="N674467" s="10"/>
    </row>
    <row r="674468" spans="14:14">
      <c r="N674468" s="10"/>
    </row>
    <row r="674469" spans="14:14">
      <c r="N674469" s="10"/>
    </row>
    <row r="674470" spans="14:14">
      <c r="N674470" s="10"/>
    </row>
    <row r="674471" spans="14:14">
      <c r="N674471" s="10"/>
    </row>
    <row r="674472" spans="14:14">
      <c r="N674472" s="10"/>
    </row>
    <row r="674473" spans="14:14">
      <c r="N674473" s="10"/>
    </row>
    <row r="674474" spans="14:14">
      <c r="N674474" s="10"/>
    </row>
    <row r="674475" spans="14:14">
      <c r="N674475" s="10"/>
    </row>
    <row r="674476" spans="14:14">
      <c r="N674476" s="10"/>
    </row>
    <row r="674477" spans="14:14">
      <c r="N674477" s="10"/>
    </row>
    <row r="674478" spans="14:14">
      <c r="N674478" s="10"/>
    </row>
    <row r="674479" spans="14:14">
      <c r="N674479" s="10"/>
    </row>
    <row r="674480" spans="14:14">
      <c r="N674480" s="10"/>
    </row>
    <row r="674481" spans="14:14">
      <c r="N674481" s="10"/>
    </row>
    <row r="674482" spans="14:14">
      <c r="N674482" s="10"/>
    </row>
    <row r="674483" spans="14:14">
      <c r="N674483" s="10"/>
    </row>
    <row r="674484" spans="14:14">
      <c r="N674484" s="10"/>
    </row>
    <row r="674485" spans="14:14">
      <c r="N674485" s="10"/>
    </row>
    <row r="674486" spans="14:14">
      <c r="N674486" s="10"/>
    </row>
    <row r="674487" spans="14:14">
      <c r="N674487" s="10"/>
    </row>
    <row r="674488" spans="14:14">
      <c r="N674488" s="10"/>
    </row>
    <row r="674489" spans="14:14">
      <c r="N674489" s="10"/>
    </row>
    <row r="674490" spans="14:14">
      <c r="N674490" s="10"/>
    </row>
    <row r="674491" spans="14:14">
      <c r="N674491" s="10"/>
    </row>
    <row r="674492" spans="14:14">
      <c r="N674492" s="10"/>
    </row>
    <row r="674493" spans="14:14">
      <c r="N674493" s="10"/>
    </row>
    <row r="674494" spans="14:14">
      <c r="N674494" s="10"/>
    </row>
    <row r="674495" spans="14:14">
      <c r="N674495" s="10"/>
    </row>
    <row r="674496" spans="14:14">
      <c r="N674496" s="10"/>
    </row>
    <row r="674497" spans="14:14">
      <c r="N674497" s="10"/>
    </row>
    <row r="674498" spans="14:14">
      <c r="N674498" s="10"/>
    </row>
    <row r="674499" spans="14:14">
      <c r="N674499" s="10"/>
    </row>
    <row r="674500" spans="14:14">
      <c r="N674500" s="10"/>
    </row>
    <row r="674501" spans="14:14">
      <c r="N674501" s="10"/>
    </row>
    <row r="674502" spans="14:14">
      <c r="N674502" s="10"/>
    </row>
    <row r="674503" spans="14:14">
      <c r="N674503" s="10"/>
    </row>
    <row r="674504" spans="14:14">
      <c r="N674504" s="10"/>
    </row>
    <row r="674505" spans="14:14">
      <c r="N674505" s="10"/>
    </row>
    <row r="674506" spans="14:14">
      <c r="N674506" s="10"/>
    </row>
    <row r="674507" spans="14:14">
      <c r="N674507" s="10"/>
    </row>
    <row r="674508" spans="14:14">
      <c r="N674508" s="10"/>
    </row>
    <row r="674509" spans="14:14">
      <c r="N674509" s="10"/>
    </row>
    <row r="674510" spans="14:14">
      <c r="N674510" s="10"/>
    </row>
    <row r="674511" spans="14:14">
      <c r="N674511" s="10"/>
    </row>
    <row r="674512" spans="14:14">
      <c r="N674512" s="10"/>
    </row>
    <row r="674513" spans="14:14">
      <c r="N674513" s="10"/>
    </row>
    <row r="674514" spans="14:14">
      <c r="N674514" s="10"/>
    </row>
    <row r="674515" spans="14:14">
      <c r="N674515" s="10"/>
    </row>
    <row r="674516" spans="14:14">
      <c r="N674516" s="10"/>
    </row>
    <row r="674517" spans="14:14">
      <c r="N674517" s="10"/>
    </row>
    <row r="674518" spans="14:14">
      <c r="N674518" s="10"/>
    </row>
    <row r="674519" spans="14:14">
      <c r="N674519" s="10"/>
    </row>
    <row r="674520" spans="14:14">
      <c r="N674520" s="10"/>
    </row>
    <row r="674521" spans="14:14">
      <c r="N674521" s="10"/>
    </row>
    <row r="674522" spans="14:14">
      <c r="N674522" s="10"/>
    </row>
    <row r="674523" spans="14:14">
      <c r="N674523" s="10"/>
    </row>
    <row r="674524" spans="14:14">
      <c r="N674524" s="10"/>
    </row>
    <row r="674525" spans="14:14">
      <c r="N674525" s="10"/>
    </row>
    <row r="674526" spans="14:14">
      <c r="N674526" s="10"/>
    </row>
    <row r="674527" spans="14:14">
      <c r="N674527" s="10"/>
    </row>
    <row r="674528" spans="14:14">
      <c r="N674528" s="10"/>
    </row>
    <row r="674529" spans="14:14">
      <c r="N674529" s="10"/>
    </row>
    <row r="674530" spans="14:14">
      <c r="N674530" s="10"/>
    </row>
    <row r="674531" spans="14:14">
      <c r="N674531" s="10"/>
    </row>
    <row r="674532" spans="14:14">
      <c r="N674532" s="10"/>
    </row>
    <row r="674533" spans="14:14">
      <c r="N674533" s="10"/>
    </row>
    <row r="674534" spans="14:14">
      <c r="N674534" s="10"/>
    </row>
    <row r="674535" spans="14:14">
      <c r="N674535" s="10"/>
    </row>
    <row r="674536" spans="14:14">
      <c r="N674536" s="10"/>
    </row>
    <row r="674537" spans="14:14">
      <c r="N674537" s="10"/>
    </row>
    <row r="674538" spans="14:14">
      <c r="N674538" s="10"/>
    </row>
    <row r="674539" spans="14:14">
      <c r="N674539" s="10"/>
    </row>
    <row r="674540" spans="14:14">
      <c r="N674540" s="10"/>
    </row>
    <row r="674541" spans="14:14">
      <c r="N674541" s="10"/>
    </row>
    <row r="674542" spans="14:14">
      <c r="N674542" s="10"/>
    </row>
    <row r="674543" spans="14:14">
      <c r="N674543" s="10"/>
    </row>
    <row r="674544" spans="14:14">
      <c r="N674544" s="10"/>
    </row>
    <row r="674545" spans="14:14">
      <c r="N674545" s="10"/>
    </row>
    <row r="674546" spans="14:14">
      <c r="N674546" s="10"/>
    </row>
    <row r="674547" spans="14:14">
      <c r="N674547" s="10"/>
    </row>
    <row r="674548" spans="14:14">
      <c r="N674548" s="10"/>
    </row>
    <row r="674549" spans="14:14">
      <c r="N674549" s="10"/>
    </row>
    <row r="674550" spans="14:14">
      <c r="N674550" s="10"/>
    </row>
    <row r="674551" spans="14:14">
      <c r="N674551" s="10"/>
    </row>
    <row r="674552" spans="14:14">
      <c r="N674552" s="10"/>
    </row>
    <row r="674553" spans="14:14">
      <c r="N674553" s="10"/>
    </row>
    <row r="674554" spans="14:14">
      <c r="N674554" s="10"/>
    </row>
    <row r="674555" spans="14:14">
      <c r="N674555" s="10"/>
    </row>
    <row r="674556" spans="14:14">
      <c r="N674556" s="10"/>
    </row>
    <row r="674557" spans="14:14">
      <c r="N674557" s="10"/>
    </row>
    <row r="674558" spans="14:14">
      <c r="N674558" s="10"/>
    </row>
    <row r="674559" spans="14:14">
      <c r="N674559" s="10"/>
    </row>
    <row r="674560" spans="14:14">
      <c r="N674560" s="10"/>
    </row>
    <row r="674561" spans="14:14">
      <c r="N674561" s="10"/>
    </row>
    <row r="674562" spans="14:14">
      <c r="N674562" s="10"/>
    </row>
    <row r="674563" spans="14:14">
      <c r="N674563" s="10"/>
    </row>
    <row r="674564" spans="14:14">
      <c r="N674564" s="10"/>
    </row>
    <row r="674565" spans="14:14">
      <c r="N674565" s="10"/>
    </row>
    <row r="674566" spans="14:14">
      <c r="N674566" s="10"/>
    </row>
    <row r="674567" spans="14:14">
      <c r="N674567" s="10"/>
    </row>
    <row r="674568" spans="14:14">
      <c r="N674568" s="10"/>
    </row>
    <row r="674569" spans="14:14">
      <c r="N674569" s="10"/>
    </row>
    <row r="674570" spans="14:14">
      <c r="N674570" s="10"/>
    </row>
    <row r="674571" spans="14:14">
      <c r="N674571" s="10"/>
    </row>
    <row r="674572" spans="14:14">
      <c r="N674572" s="10"/>
    </row>
    <row r="674573" spans="14:14">
      <c r="N674573" s="10"/>
    </row>
    <row r="674574" spans="14:14">
      <c r="N674574" s="10"/>
    </row>
    <row r="674575" spans="14:14">
      <c r="N674575" s="10"/>
    </row>
    <row r="674576" spans="14:14">
      <c r="N674576" s="10"/>
    </row>
    <row r="674577" spans="14:14">
      <c r="N674577" s="10"/>
    </row>
    <row r="674578" spans="14:14">
      <c r="N674578" s="10"/>
    </row>
    <row r="674579" spans="14:14">
      <c r="N674579" s="10"/>
    </row>
    <row r="674580" spans="14:14">
      <c r="N674580" s="10"/>
    </row>
    <row r="674581" spans="14:14">
      <c r="N674581" s="10"/>
    </row>
    <row r="674582" spans="14:14">
      <c r="N674582" s="10"/>
    </row>
    <row r="674583" spans="14:14">
      <c r="N674583" s="10"/>
    </row>
    <row r="674584" spans="14:14">
      <c r="N674584" s="10"/>
    </row>
    <row r="674585" spans="14:14">
      <c r="N674585" s="10"/>
    </row>
    <row r="674586" spans="14:14">
      <c r="N674586" s="10"/>
    </row>
    <row r="674587" spans="14:14">
      <c r="N674587" s="10"/>
    </row>
    <row r="674588" spans="14:14">
      <c r="N674588" s="10"/>
    </row>
    <row r="674589" spans="14:14">
      <c r="N674589" s="10"/>
    </row>
    <row r="674590" spans="14:14">
      <c r="N674590" s="10"/>
    </row>
    <row r="674591" spans="14:14">
      <c r="N674591" s="10"/>
    </row>
    <row r="674592" spans="14:14">
      <c r="N674592" s="10"/>
    </row>
    <row r="674593" spans="14:14">
      <c r="N674593" s="10"/>
    </row>
    <row r="674594" spans="14:14">
      <c r="N674594" s="10"/>
    </row>
    <row r="674595" spans="14:14">
      <c r="N674595" s="10"/>
    </row>
    <row r="674596" spans="14:14">
      <c r="N674596" s="10"/>
    </row>
    <row r="674597" spans="14:14">
      <c r="N674597" s="10"/>
    </row>
    <row r="674598" spans="14:14">
      <c r="N674598" s="10"/>
    </row>
    <row r="674599" spans="14:14">
      <c r="N674599" s="10"/>
    </row>
    <row r="674600" spans="14:14">
      <c r="N674600" s="10"/>
    </row>
    <row r="674601" spans="14:14">
      <c r="N674601" s="10"/>
    </row>
    <row r="674602" spans="14:14">
      <c r="N674602" s="10"/>
    </row>
    <row r="674603" spans="14:14">
      <c r="N674603" s="10"/>
    </row>
    <row r="674604" spans="14:14">
      <c r="N674604" s="10"/>
    </row>
    <row r="674605" spans="14:14">
      <c r="N674605" s="10"/>
    </row>
    <row r="674606" spans="14:14">
      <c r="N674606" s="10"/>
    </row>
    <row r="674607" spans="14:14">
      <c r="N674607" s="10"/>
    </row>
    <row r="674608" spans="14:14">
      <c r="N674608" s="10"/>
    </row>
    <row r="674609" spans="14:14">
      <c r="N674609" s="10"/>
    </row>
    <row r="674610" spans="14:14">
      <c r="N674610" s="10"/>
    </row>
    <row r="674611" spans="14:14">
      <c r="N674611" s="10"/>
    </row>
    <row r="674612" spans="14:14">
      <c r="N674612" s="10"/>
    </row>
    <row r="674613" spans="14:14">
      <c r="N674613" s="10"/>
    </row>
    <row r="674614" spans="14:14">
      <c r="N674614" s="10"/>
    </row>
    <row r="674615" spans="14:14">
      <c r="N674615" s="10"/>
    </row>
    <row r="674616" spans="14:14">
      <c r="N674616" s="10"/>
    </row>
    <row r="674617" spans="14:14">
      <c r="N674617" s="10"/>
    </row>
    <row r="674618" spans="14:14">
      <c r="N674618" s="10"/>
    </row>
    <row r="674619" spans="14:14">
      <c r="N674619" s="10"/>
    </row>
    <row r="674620" spans="14:14">
      <c r="N674620" s="10"/>
    </row>
    <row r="674621" spans="14:14">
      <c r="N674621" s="10"/>
    </row>
    <row r="674622" spans="14:14">
      <c r="N674622" s="10"/>
    </row>
    <row r="674623" spans="14:14">
      <c r="N674623" s="10"/>
    </row>
    <row r="674624" spans="14:14">
      <c r="N674624" s="10"/>
    </row>
    <row r="674625" spans="14:14">
      <c r="N674625" s="10"/>
    </row>
    <row r="674626" spans="14:14">
      <c r="N674626" s="10"/>
    </row>
    <row r="674627" spans="14:14">
      <c r="N674627" s="10"/>
    </row>
    <row r="674628" spans="14:14">
      <c r="N674628" s="10"/>
    </row>
    <row r="674629" spans="14:14">
      <c r="N674629" s="10"/>
    </row>
    <row r="674630" spans="14:14">
      <c r="N674630" s="10"/>
    </row>
    <row r="674631" spans="14:14">
      <c r="N674631" s="10"/>
    </row>
    <row r="674632" spans="14:14">
      <c r="N674632" s="10"/>
    </row>
    <row r="674633" spans="14:14">
      <c r="N674633" s="10"/>
    </row>
    <row r="674634" spans="14:14">
      <c r="N674634" s="10"/>
    </row>
    <row r="674635" spans="14:14">
      <c r="N674635" s="10"/>
    </row>
    <row r="674636" spans="14:14">
      <c r="N674636" s="10"/>
    </row>
    <row r="674637" spans="14:14">
      <c r="N674637" s="10"/>
    </row>
    <row r="674638" spans="14:14">
      <c r="N674638" s="10"/>
    </row>
    <row r="674639" spans="14:14">
      <c r="N674639" s="10"/>
    </row>
    <row r="674640" spans="14:14">
      <c r="N674640" s="10"/>
    </row>
    <row r="674641" spans="14:14">
      <c r="N674641" s="10"/>
    </row>
    <row r="674642" spans="14:14">
      <c r="N674642" s="10"/>
    </row>
    <row r="674643" spans="14:14">
      <c r="N674643" s="10"/>
    </row>
    <row r="674644" spans="14:14">
      <c r="N674644" s="10"/>
    </row>
    <row r="674645" spans="14:14">
      <c r="N674645" s="10"/>
    </row>
    <row r="674646" spans="14:14">
      <c r="N674646" s="10"/>
    </row>
    <row r="674647" spans="14:14">
      <c r="N674647" s="10"/>
    </row>
    <row r="674648" spans="14:14">
      <c r="N674648" s="10"/>
    </row>
    <row r="674649" spans="14:14">
      <c r="N674649" s="10"/>
    </row>
    <row r="674650" spans="14:14">
      <c r="N674650" s="10"/>
    </row>
    <row r="674651" spans="14:14">
      <c r="N674651" s="10"/>
    </row>
    <row r="674652" spans="14:14">
      <c r="N674652" s="10"/>
    </row>
    <row r="674653" spans="14:14">
      <c r="N674653" s="10"/>
    </row>
    <row r="674654" spans="14:14">
      <c r="N674654" s="10"/>
    </row>
    <row r="674655" spans="14:14">
      <c r="N674655" s="10"/>
    </row>
    <row r="674656" spans="14:14">
      <c r="N674656" s="10"/>
    </row>
    <row r="674657" spans="14:14">
      <c r="N674657" s="10"/>
    </row>
    <row r="674658" spans="14:14">
      <c r="N674658" s="10"/>
    </row>
    <row r="674659" spans="14:14">
      <c r="N674659" s="10"/>
    </row>
    <row r="674660" spans="14:14">
      <c r="N674660" s="10"/>
    </row>
    <row r="674661" spans="14:14">
      <c r="N674661" s="10"/>
    </row>
    <row r="674662" spans="14:14">
      <c r="N674662" s="10"/>
    </row>
    <row r="674663" spans="14:14">
      <c r="N674663" s="10"/>
    </row>
    <row r="674664" spans="14:14">
      <c r="N674664" s="10"/>
    </row>
    <row r="674665" spans="14:14">
      <c r="N674665" s="10"/>
    </row>
    <row r="674666" spans="14:14">
      <c r="N674666" s="10"/>
    </row>
    <row r="674667" spans="14:14">
      <c r="N674667" s="10"/>
    </row>
    <row r="674668" spans="14:14">
      <c r="N674668" s="10"/>
    </row>
    <row r="674669" spans="14:14">
      <c r="N674669" s="10"/>
    </row>
    <row r="674670" spans="14:14">
      <c r="N674670" s="10"/>
    </row>
    <row r="674671" spans="14:14">
      <c r="N674671" s="10"/>
    </row>
    <row r="674672" spans="14:14">
      <c r="N674672" s="10"/>
    </row>
    <row r="674673" spans="14:14">
      <c r="N674673" s="10"/>
    </row>
    <row r="674674" spans="14:14">
      <c r="N674674" s="10"/>
    </row>
    <row r="674675" spans="14:14">
      <c r="N674675" s="10"/>
    </row>
    <row r="674676" spans="14:14">
      <c r="N674676" s="10"/>
    </row>
    <row r="674677" spans="14:14">
      <c r="N674677" s="10"/>
    </row>
    <row r="674678" spans="14:14">
      <c r="N674678" s="10"/>
    </row>
    <row r="674679" spans="14:14">
      <c r="N674679" s="10"/>
    </row>
    <row r="674680" spans="14:14">
      <c r="N674680" s="10"/>
    </row>
    <row r="674681" spans="14:14">
      <c r="N674681" s="10"/>
    </row>
    <row r="674682" spans="14:14">
      <c r="N674682" s="10"/>
    </row>
    <row r="674683" spans="14:14">
      <c r="N674683" s="10"/>
    </row>
    <row r="674684" spans="14:14">
      <c r="N674684" s="10"/>
    </row>
    <row r="674685" spans="14:14">
      <c r="N674685" s="10"/>
    </row>
    <row r="674686" spans="14:14">
      <c r="N674686" s="10"/>
    </row>
    <row r="674687" spans="14:14">
      <c r="N674687" s="10"/>
    </row>
    <row r="674688" spans="14:14">
      <c r="N674688" s="10"/>
    </row>
    <row r="674689" spans="14:14">
      <c r="N674689" s="10"/>
    </row>
    <row r="674690" spans="14:14">
      <c r="N674690" s="10"/>
    </row>
    <row r="674691" spans="14:14">
      <c r="N674691" s="10"/>
    </row>
    <row r="674692" spans="14:14">
      <c r="N674692" s="10"/>
    </row>
    <row r="674693" spans="14:14">
      <c r="N674693" s="10"/>
    </row>
    <row r="674694" spans="14:14">
      <c r="N674694" s="10"/>
    </row>
    <row r="674695" spans="14:14">
      <c r="N674695" s="10"/>
    </row>
    <row r="674696" spans="14:14">
      <c r="N674696" s="10"/>
    </row>
    <row r="674697" spans="14:14">
      <c r="N674697" s="10"/>
    </row>
    <row r="674698" spans="14:14">
      <c r="N674698" s="10"/>
    </row>
    <row r="674699" spans="14:14">
      <c r="N674699" s="10"/>
    </row>
    <row r="674700" spans="14:14">
      <c r="N674700" s="10"/>
    </row>
    <row r="674701" spans="14:14">
      <c r="N674701" s="10"/>
    </row>
    <row r="674702" spans="14:14">
      <c r="N674702" s="10"/>
    </row>
    <row r="674703" spans="14:14">
      <c r="N674703" s="10"/>
    </row>
    <row r="674704" spans="14:14">
      <c r="N674704" s="10"/>
    </row>
    <row r="674705" spans="14:14">
      <c r="N674705" s="10"/>
    </row>
    <row r="674706" spans="14:14">
      <c r="N674706" s="10"/>
    </row>
    <row r="674707" spans="14:14">
      <c r="N674707" s="10"/>
    </row>
    <row r="674708" spans="14:14">
      <c r="N674708" s="10"/>
    </row>
    <row r="674709" spans="14:14">
      <c r="N674709" s="10"/>
    </row>
    <row r="674710" spans="14:14">
      <c r="N674710" s="10"/>
    </row>
    <row r="674711" spans="14:14">
      <c r="N674711" s="10"/>
    </row>
    <row r="674712" spans="14:14">
      <c r="N674712" s="10"/>
    </row>
    <row r="674713" spans="14:14">
      <c r="N674713" s="10"/>
    </row>
    <row r="674714" spans="14:14">
      <c r="N674714" s="10"/>
    </row>
    <row r="674715" spans="14:14">
      <c r="N674715" s="10"/>
    </row>
    <row r="674716" spans="14:14">
      <c r="N674716" s="10"/>
    </row>
    <row r="674717" spans="14:14">
      <c r="N674717" s="10"/>
    </row>
    <row r="674718" spans="14:14">
      <c r="N674718" s="10"/>
    </row>
    <row r="674719" spans="14:14">
      <c r="N674719" s="10"/>
    </row>
    <row r="674720" spans="14:14">
      <c r="N674720" s="10"/>
    </row>
    <row r="674721" spans="14:14">
      <c r="N674721" s="10"/>
    </row>
    <row r="674722" spans="14:14">
      <c r="N674722" s="10"/>
    </row>
    <row r="674723" spans="14:14">
      <c r="N674723" s="10"/>
    </row>
    <row r="674724" spans="14:14">
      <c r="N674724" s="10"/>
    </row>
    <row r="674725" spans="14:14">
      <c r="N674725" s="10"/>
    </row>
    <row r="674726" spans="14:14">
      <c r="N674726" s="10"/>
    </row>
    <row r="674727" spans="14:14">
      <c r="N674727" s="10"/>
    </row>
    <row r="674728" spans="14:14">
      <c r="N674728" s="10"/>
    </row>
    <row r="674729" spans="14:14">
      <c r="N674729" s="10"/>
    </row>
    <row r="674730" spans="14:14">
      <c r="N674730" s="10"/>
    </row>
    <row r="674731" spans="14:14">
      <c r="N674731" s="10"/>
    </row>
    <row r="674732" spans="14:14">
      <c r="N674732" s="10"/>
    </row>
    <row r="674733" spans="14:14">
      <c r="N674733" s="10"/>
    </row>
    <row r="674734" spans="14:14">
      <c r="N674734" s="10"/>
    </row>
    <row r="674735" spans="14:14">
      <c r="N674735" s="10"/>
    </row>
    <row r="674736" spans="14:14">
      <c r="N674736" s="10"/>
    </row>
    <row r="674737" spans="14:14">
      <c r="N674737" s="10"/>
    </row>
    <row r="674738" spans="14:14">
      <c r="N674738" s="10"/>
    </row>
    <row r="674739" spans="14:14">
      <c r="N674739" s="10"/>
    </row>
    <row r="674740" spans="14:14">
      <c r="N674740" s="10"/>
    </row>
    <row r="674741" spans="14:14">
      <c r="N674741" s="10"/>
    </row>
    <row r="674742" spans="14:14">
      <c r="N674742" s="10"/>
    </row>
    <row r="674743" spans="14:14">
      <c r="N674743" s="10"/>
    </row>
    <row r="674744" spans="14:14">
      <c r="N674744" s="10"/>
    </row>
    <row r="674745" spans="14:14">
      <c r="N674745" s="10"/>
    </row>
    <row r="674746" spans="14:14">
      <c r="N674746" s="10"/>
    </row>
    <row r="674747" spans="14:14">
      <c r="N674747" s="10"/>
    </row>
    <row r="674748" spans="14:14">
      <c r="N674748" s="10"/>
    </row>
    <row r="674749" spans="14:14">
      <c r="N674749" s="10"/>
    </row>
    <row r="674750" spans="14:14">
      <c r="N674750" s="10"/>
    </row>
    <row r="674751" spans="14:14">
      <c r="N674751" s="10"/>
    </row>
    <row r="674752" spans="14:14">
      <c r="N674752" s="10"/>
    </row>
    <row r="674753" spans="14:14">
      <c r="N674753" s="10"/>
    </row>
    <row r="674754" spans="14:14">
      <c r="N674754" s="10"/>
    </row>
    <row r="674755" spans="14:14">
      <c r="N674755" s="10"/>
    </row>
    <row r="674756" spans="14:14">
      <c r="N674756" s="10"/>
    </row>
    <row r="674757" spans="14:14">
      <c r="N674757" s="10"/>
    </row>
    <row r="674758" spans="14:14">
      <c r="N674758" s="10"/>
    </row>
    <row r="674759" spans="14:14">
      <c r="N674759" s="10"/>
    </row>
    <row r="674760" spans="14:14">
      <c r="N674760" s="10"/>
    </row>
    <row r="674761" spans="14:14">
      <c r="N674761" s="10"/>
    </row>
    <row r="674762" spans="14:14">
      <c r="N674762" s="10"/>
    </row>
    <row r="674763" spans="14:14">
      <c r="N674763" s="10"/>
    </row>
    <row r="674764" spans="14:14">
      <c r="N674764" s="10"/>
    </row>
    <row r="674765" spans="14:14">
      <c r="N674765" s="10"/>
    </row>
    <row r="674766" spans="14:14">
      <c r="N674766" s="10"/>
    </row>
    <row r="674767" spans="14:14">
      <c r="N674767" s="10"/>
    </row>
    <row r="674768" spans="14:14">
      <c r="N674768" s="10"/>
    </row>
    <row r="674769" spans="14:14">
      <c r="N674769" s="10"/>
    </row>
    <row r="674770" spans="14:14">
      <c r="N674770" s="10"/>
    </row>
    <row r="674771" spans="14:14">
      <c r="N674771" s="10"/>
    </row>
    <row r="674772" spans="14:14">
      <c r="N674772" s="10"/>
    </row>
    <row r="674773" spans="14:14">
      <c r="N674773" s="10"/>
    </row>
    <row r="674774" spans="14:14">
      <c r="N674774" s="10"/>
    </row>
    <row r="674775" spans="14:14">
      <c r="N674775" s="10"/>
    </row>
    <row r="674776" spans="14:14">
      <c r="N674776" s="10"/>
    </row>
    <row r="674777" spans="14:14">
      <c r="N674777" s="10"/>
    </row>
    <row r="674778" spans="14:14">
      <c r="N674778" s="10"/>
    </row>
    <row r="674779" spans="14:14">
      <c r="N674779" s="10"/>
    </row>
    <row r="674780" spans="14:14">
      <c r="N674780" s="10"/>
    </row>
    <row r="674781" spans="14:14">
      <c r="N674781" s="10"/>
    </row>
    <row r="674782" spans="14:14">
      <c r="N674782" s="10"/>
    </row>
    <row r="674783" spans="14:14">
      <c r="N674783" s="10"/>
    </row>
    <row r="674784" spans="14:14">
      <c r="N674784" s="10"/>
    </row>
    <row r="674785" spans="14:14">
      <c r="N674785" s="10"/>
    </row>
    <row r="674786" spans="14:14">
      <c r="N674786" s="10"/>
    </row>
    <row r="674787" spans="14:14">
      <c r="N674787" s="10"/>
    </row>
    <row r="674788" spans="14:14">
      <c r="N674788" s="10"/>
    </row>
    <row r="674789" spans="14:14">
      <c r="N674789" s="10"/>
    </row>
    <row r="674790" spans="14:14">
      <c r="N674790" s="10"/>
    </row>
    <row r="674791" spans="14:14">
      <c r="N674791" s="10"/>
    </row>
    <row r="674792" spans="14:14">
      <c r="N674792" s="10"/>
    </row>
    <row r="674793" spans="14:14">
      <c r="N674793" s="10"/>
    </row>
    <row r="674794" spans="14:14">
      <c r="N674794" s="10"/>
    </row>
    <row r="674795" spans="14:14">
      <c r="N674795" s="10"/>
    </row>
    <row r="674796" spans="14:14">
      <c r="N674796" s="10"/>
    </row>
    <row r="674797" spans="14:14">
      <c r="N674797" s="10"/>
    </row>
    <row r="674798" spans="14:14">
      <c r="N674798" s="10"/>
    </row>
    <row r="674799" spans="14:14">
      <c r="N674799" s="10"/>
    </row>
    <row r="674800" spans="14:14">
      <c r="N674800" s="10"/>
    </row>
    <row r="674801" spans="14:14">
      <c r="N674801" s="10"/>
    </row>
    <row r="674802" spans="14:14">
      <c r="N674802" s="10"/>
    </row>
    <row r="674803" spans="14:14">
      <c r="N674803" s="10"/>
    </row>
    <row r="674804" spans="14:14">
      <c r="N674804" s="10"/>
    </row>
    <row r="674805" spans="14:14">
      <c r="N674805" s="10"/>
    </row>
    <row r="674806" spans="14:14">
      <c r="N674806" s="10"/>
    </row>
    <row r="674807" spans="14:14">
      <c r="N674807" s="10"/>
    </row>
    <row r="674808" spans="14:14">
      <c r="N674808" s="10"/>
    </row>
    <row r="674809" spans="14:14">
      <c r="N674809" s="10"/>
    </row>
    <row r="674810" spans="14:14">
      <c r="N674810" s="10"/>
    </row>
    <row r="674811" spans="14:14">
      <c r="N674811" s="10"/>
    </row>
    <row r="674812" spans="14:14">
      <c r="N674812" s="10"/>
    </row>
    <row r="674813" spans="14:14">
      <c r="N674813" s="10"/>
    </row>
    <row r="674814" spans="14:14">
      <c r="N674814" s="10"/>
    </row>
    <row r="674815" spans="14:14">
      <c r="N674815" s="10"/>
    </row>
    <row r="674816" spans="14:14">
      <c r="N674816" s="10"/>
    </row>
    <row r="674817" spans="14:14">
      <c r="N674817" s="10"/>
    </row>
    <row r="674818" spans="14:14">
      <c r="N674818" s="10"/>
    </row>
    <row r="674819" spans="14:14">
      <c r="N674819" s="10"/>
    </row>
    <row r="674820" spans="14:14">
      <c r="N674820" s="10"/>
    </row>
    <row r="674821" spans="14:14">
      <c r="N674821" s="10"/>
    </row>
    <row r="674822" spans="14:14">
      <c r="N674822" s="10"/>
    </row>
    <row r="674823" spans="14:14">
      <c r="N674823" s="10"/>
    </row>
    <row r="674824" spans="14:14">
      <c r="N674824" s="10"/>
    </row>
    <row r="674825" spans="14:14">
      <c r="N674825" s="10"/>
    </row>
    <row r="674826" spans="14:14">
      <c r="N674826" s="10"/>
    </row>
    <row r="674827" spans="14:14">
      <c r="N674827" s="10"/>
    </row>
    <row r="674828" spans="14:14">
      <c r="N674828" s="10"/>
    </row>
    <row r="674829" spans="14:14">
      <c r="N674829" s="10"/>
    </row>
    <row r="674830" spans="14:14">
      <c r="N674830" s="10"/>
    </row>
    <row r="674831" spans="14:14">
      <c r="N674831" s="10"/>
    </row>
    <row r="674832" spans="14:14">
      <c r="N674832" s="10"/>
    </row>
    <row r="674833" spans="14:14">
      <c r="N674833" s="10"/>
    </row>
    <row r="674834" spans="14:14">
      <c r="N674834" s="10"/>
    </row>
    <row r="674835" spans="14:14">
      <c r="N674835" s="10"/>
    </row>
    <row r="674836" spans="14:14">
      <c r="N674836" s="10"/>
    </row>
    <row r="674837" spans="14:14">
      <c r="N674837" s="10"/>
    </row>
    <row r="674838" spans="14:14">
      <c r="N674838" s="10"/>
    </row>
    <row r="674839" spans="14:14">
      <c r="N674839" s="10"/>
    </row>
    <row r="674840" spans="14:14">
      <c r="N674840" s="10"/>
    </row>
    <row r="674841" spans="14:14">
      <c r="N674841" s="10"/>
    </row>
    <row r="674842" spans="14:14">
      <c r="N674842" s="10"/>
    </row>
    <row r="674843" spans="14:14">
      <c r="N674843" s="10"/>
    </row>
    <row r="674844" spans="14:14">
      <c r="N674844" s="10"/>
    </row>
    <row r="674845" spans="14:14">
      <c r="N674845" s="10"/>
    </row>
    <row r="674846" spans="14:14">
      <c r="N674846" s="10"/>
    </row>
    <row r="674847" spans="14:14">
      <c r="N674847" s="10"/>
    </row>
    <row r="674848" spans="14:14">
      <c r="N674848" s="10"/>
    </row>
    <row r="674849" spans="14:14">
      <c r="N674849" s="10"/>
    </row>
    <row r="674850" spans="14:14">
      <c r="N674850" s="10"/>
    </row>
    <row r="674851" spans="14:14">
      <c r="N674851" s="10"/>
    </row>
    <row r="674852" spans="14:14">
      <c r="N674852" s="10"/>
    </row>
    <row r="674853" spans="14:14">
      <c r="N674853" s="10"/>
    </row>
    <row r="674854" spans="14:14">
      <c r="N674854" s="10"/>
    </row>
    <row r="674855" spans="14:14">
      <c r="N674855" s="10"/>
    </row>
    <row r="674856" spans="14:14">
      <c r="N674856" s="10"/>
    </row>
    <row r="674857" spans="14:14">
      <c r="N674857" s="10"/>
    </row>
    <row r="674858" spans="14:14">
      <c r="N674858" s="10"/>
    </row>
    <row r="674859" spans="14:14">
      <c r="N674859" s="10"/>
    </row>
    <row r="674860" spans="14:14">
      <c r="N674860" s="10"/>
    </row>
    <row r="674861" spans="14:14">
      <c r="N674861" s="10"/>
    </row>
    <row r="674862" spans="14:14">
      <c r="N674862" s="10"/>
    </row>
    <row r="674863" spans="14:14">
      <c r="N674863" s="10"/>
    </row>
    <row r="674864" spans="14:14">
      <c r="N674864" s="10"/>
    </row>
    <row r="674865" spans="14:14">
      <c r="N674865" s="10"/>
    </row>
    <row r="674866" spans="14:14">
      <c r="N674866" s="10"/>
    </row>
    <row r="674867" spans="14:14">
      <c r="N674867" s="10"/>
    </row>
    <row r="674868" spans="14:14">
      <c r="N674868" s="10"/>
    </row>
    <row r="674869" spans="14:14">
      <c r="N674869" s="10"/>
    </row>
    <row r="674870" spans="14:14">
      <c r="N674870" s="10"/>
    </row>
    <row r="674871" spans="14:14">
      <c r="N674871" s="10"/>
    </row>
    <row r="674872" spans="14:14">
      <c r="N674872" s="10"/>
    </row>
    <row r="674873" spans="14:14">
      <c r="N674873" s="10"/>
    </row>
    <row r="674874" spans="14:14">
      <c r="N674874" s="10"/>
    </row>
    <row r="674875" spans="14:14">
      <c r="N674875" s="10"/>
    </row>
    <row r="674876" spans="14:14">
      <c r="N674876" s="10"/>
    </row>
    <row r="674877" spans="14:14">
      <c r="N674877" s="10"/>
    </row>
    <row r="674878" spans="14:14">
      <c r="N674878" s="10"/>
    </row>
    <row r="674879" spans="14:14">
      <c r="N674879" s="10"/>
    </row>
    <row r="674880" spans="14:14">
      <c r="N674880" s="10"/>
    </row>
    <row r="674881" spans="14:14">
      <c r="N674881" s="10"/>
    </row>
    <row r="674882" spans="14:14">
      <c r="N674882" s="10"/>
    </row>
    <row r="674883" spans="14:14">
      <c r="N674883" s="10"/>
    </row>
    <row r="674884" spans="14:14">
      <c r="N674884" s="10"/>
    </row>
    <row r="674885" spans="14:14">
      <c r="N674885" s="10"/>
    </row>
    <row r="674886" spans="14:14">
      <c r="N674886" s="10"/>
    </row>
    <row r="674887" spans="14:14">
      <c r="N674887" s="10"/>
    </row>
    <row r="674888" spans="14:14">
      <c r="N674888" s="10"/>
    </row>
    <row r="674889" spans="14:14">
      <c r="N674889" s="10"/>
    </row>
    <row r="674890" spans="14:14">
      <c r="N674890" s="10"/>
    </row>
    <row r="674891" spans="14:14">
      <c r="N674891" s="10"/>
    </row>
    <row r="674892" spans="14:14">
      <c r="N674892" s="10"/>
    </row>
    <row r="674893" spans="14:14">
      <c r="N674893" s="10"/>
    </row>
    <row r="674894" spans="14:14">
      <c r="N674894" s="10"/>
    </row>
    <row r="674895" spans="14:14">
      <c r="N674895" s="10"/>
    </row>
    <row r="674896" spans="14:14">
      <c r="N674896" s="10"/>
    </row>
    <row r="674897" spans="14:14">
      <c r="N674897" s="10"/>
    </row>
    <row r="674898" spans="14:14">
      <c r="N674898" s="10"/>
    </row>
    <row r="674899" spans="14:14">
      <c r="N674899" s="10"/>
    </row>
    <row r="674900" spans="14:14">
      <c r="N674900" s="10"/>
    </row>
    <row r="674901" spans="14:14">
      <c r="N674901" s="10"/>
    </row>
    <row r="674902" spans="14:14">
      <c r="N674902" s="10"/>
    </row>
    <row r="674903" spans="14:14">
      <c r="N674903" s="10"/>
    </row>
    <row r="674904" spans="14:14">
      <c r="N674904" s="10"/>
    </row>
    <row r="674905" spans="14:14">
      <c r="N674905" s="10"/>
    </row>
    <row r="674906" spans="14:14">
      <c r="N674906" s="10"/>
    </row>
    <row r="674907" spans="14:14">
      <c r="N674907" s="10"/>
    </row>
    <row r="674908" spans="14:14">
      <c r="N674908" s="10"/>
    </row>
    <row r="674909" spans="14:14">
      <c r="N674909" s="10"/>
    </row>
    <row r="674910" spans="14:14">
      <c r="N674910" s="10"/>
    </row>
    <row r="674911" spans="14:14">
      <c r="N674911" s="10"/>
    </row>
    <row r="674912" spans="14:14">
      <c r="N674912" s="10"/>
    </row>
    <row r="674913" spans="14:14">
      <c r="N674913" s="10"/>
    </row>
    <row r="674914" spans="14:14">
      <c r="N674914" s="10"/>
    </row>
    <row r="674915" spans="14:14">
      <c r="N674915" s="10"/>
    </row>
    <row r="674916" spans="14:14">
      <c r="N674916" s="10"/>
    </row>
    <row r="674917" spans="14:14">
      <c r="N674917" s="10"/>
    </row>
    <row r="674918" spans="14:14">
      <c r="N674918" s="10"/>
    </row>
    <row r="674919" spans="14:14">
      <c r="N674919" s="10"/>
    </row>
    <row r="674920" spans="14:14">
      <c r="N674920" s="10"/>
    </row>
    <row r="674921" spans="14:14">
      <c r="N674921" s="10"/>
    </row>
    <row r="674922" spans="14:14">
      <c r="N674922" s="10"/>
    </row>
    <row r="674923" spans="14:14">
      <c r="N674923" s="10"/>
    </row>
    <row r="674924" spans="14:14">
      <c r="N674924" s="10"/>
    </row>
    <row r="674925" spans="14:14">
      <c r="N674925" s="10"/>
    </row>
    <row r="674926" spans="14:14">
      <c r="N674926" s="10"/>
    </row>
    <row r="674927" spans="14:14">
      <c r="N674927" s="10"/>
    </row>
    <row r="674928" spans="14:14">
      <c r="N674928" s="10"/>
    </row>
    <row r="674929" spans="14:14">
      <c r="N674929" s="10"/>
    </row>
    <row r="674930" spans="14:14">
      <c r="N674930" s="10"/>
    </row>
    <row r="674931" spans="14:14">
      <c r="N674931" s="10"/>
    </row>
    <row r="674932" spans="14:14">
      <c r="N674932" s="10"/>
    </row>
    <row r="674933" spans="14:14">
      <c r="N674933" s="10"/>
    </row>
    <row r="674934" spans="14:14">
      <c r="N674934" s="10"/>
    </row>
    <row r="674935" spans="14:14">
      <c r="N674935" s="10"/>
    </row>
    <row r="674936" spans="14:14">
      <c r="N674936" s="10"/>
    </row>
    <row r="674937" spans="14:14">
      <c r="N674937" s="10"/>
    </row>
    <row r="674938" spans="14:14">
      <c r="N674938" s="10"/>
    </row>
    <row r="674939" spans="14:14">
      <c r="N674939" s="10"/>
    </row>
    <row r="674940" spans="14:14">
      <c r="N674940" s="10"/>
    </row>
    <row r="674941" spans="14:14">
      <c r="N674941" s="10"/>
    </row>
    <row r="674942" spans="14:14">
      <c r="N674942" s="10"/>
    </row>
    <row r="674943" spans="14:14">
      <c r="N674943" s="10"/>
    </row>
    <row r="674944" spans="14:14">
      <c r="N674944" s="10"/>
    </row>
    <row r="674945" spans="14:14">
      <c r="N674945" s="10"/>
    </row>
    <row r="674946" spans="14:14">
      <c r="N674946" s="10"/>
    </row>
    <row r="674947" spans="14:14">
      <c r="N674947" s="10"/>
    </row>
    <row r="674948" spans="14:14">
      <c r="N674948" s="10"/>
    </row>
    <row r="674949" spans="14:14">
      <c r="N674949" s="10"/>
    </row>
    <row r="674950" spans="14:14">
      <c r="N674950" s="10"/>
    </row>
    <row r="674951" spans="14:14">
      <c r="N674951" s="10"/>
    </row>
    <row r="674952" spans="14:14">
      <c r="N674952" s="10"/>
    </row>
    <row r="674953" spans="14:14">
      <c r="N674953" s="10"/>
    </row>
    <row r="674954" spans="14:14">
      <c r="N674954" s="10"/>
    </row>
    <row r="674955" spans="14:14">
      <c r="N674955" s="10"/>
    </row>
    <row r="674956" spans="14:14">
      <c r="N674956" s="10"/>
    </row>
    <row r="674957" spans="14:14">
      <c r="N674957" s="10"/>
    </row>
    <row r="674958" spans="14:14">
      <c r="N674958" s="10"/>
    </row>
    <row r="674959" spans="14:14">
      <c r="N674959" s="10"/>
    </row>
    <row r="674960" spans="14:14">
      <c r="N674960" s="10"/>
    </row>
    <row r="674961" spans="14:14">
      <c r="N674961" s="10"/>
    </row>
    <row r="674962" spans="14:14">
      <c r="N674962" s="10"/>
    </row>
    <row r="674963" spans="14:14">
      <c r="N674963" s="10"/>
    </row>
    <row r="674964" spans="14:14">
      <c r="N674964" s="10"/>
    </row>
    <row r="674965" spans="14:14">
      <c r="N674965" s="10"/>
    </row>
    <row r="674966" spans="14:14">
      <c r="N674966" s="10"/>
    </row>
    <row r="674967" spans="14:14">
      <c r="N674967" s="10"/>
    </row>
    <row r="674968" spans="14:14">
      <c r="N674968" s="10"/>
    </row>
    <row r="674969" spans="14:14">
      <c r="N674969" s="10"/>
    </row>
    <row r="674970" spans="14:14">
      <c r="N674970" s="10"/>
    </row>
    <row r="674971" spans="14:14">
      <c r="N674971" s="10"/>
    </row>
    <row r="674972" spans="14:14">
      <c r="N674972" s="10"/>
    </row>
    <row r="674973" spans="14:14">
      <c r="N674973" s="10"/>
    </row>
    <row r="674974" spans="14:14">
      <c r="N674974" s="10"/>
    </row>
    <row r="674975" spans="14:14">
      <c r="N674975" s="10"/>
    </row>
    <row r="674976" spans="14:14">
      <c r="N674976" s="10"/>
    </row>
    <row r="674977" spans="14:14">
      <c r="N674977" s="10"/>
    </row>
    <row r="674978" spans="14:14">
      <c r="N674978" s="10"/>
    </row>
    <row r="674979" spans="14:14">
      <c r="N674979" s="10"/>
    </row>
    <row r="674980" spans="14:14">
      <c r="N674980" s="10"/>
    </row>
    <row r="674981" spans="14:14">
      <c r="N674981" s="10"/>
    </row>
    <row r="674982" spans="14:14">
      <c r="N674982" s="10"/>
    </row>
    <row r="674983" spans="14:14">
      <c r="N674983" s="10"/>
    </row>
    <row r="674984" spans="14:14">
      <c r="N674984" s="10"/>
    </row>
    <row r="674985" spans="14:14">
      <c r="N674985" s="10"/>
    </row>
    <row r="674986" spans="14:14">
      <c r="N674986" s="10"/>
    </row>
    <row r="674987" spans="14:14">
      <c r="N674987" s="10"/>
    </row>
    <row r="674988" spans="14:14">
      <c r="N674988" s="10"/>
    </row>
    <row r="674989" spans="14:14">
      <c r="N674989" s="10"/>
    </row>
    <row r="674990" spans="14:14">
      <c r="N674990" s="10"/>
    </row>
    <row r="674991" spans="14:14">
      <c r="N674991" s="10"/>
    </row>
    <row r="674992" spans="14:14">
      <c r="N674992" s="10"/>
    </row>
    <row r="674993" spans="14:14">
      <c r="N674993" s="10"/>
    </row>
    <row r="674994" spans="14:14">
      <c r="N674994" s="10"/>
    </row>
    <row r="674995" spans="14:14">
      <c r="N674995" s="10"/>
    </row>
    <row r="674996" spans="14:14">
      <c r="N674996" s="10"/>
    </row>
    <row r="674997" spans="14:14">
      <c r="N674997" s="10"/>
    </row>
    <row r="674998" spans="14:14">
      <c r="N674998" s="10"/>
    </row>
    <row r="674999" spans="14:14">
      <c r="N674999" s="10"/>
    </row>
    <row r="675000" spans="14:14">
      <c r="N675000" s="10"/>
    </row>
    <row r="675001" spans="14:14">
      <c r="N675001" s="10"/>
    </row>
    <row r="675002" spans="14:14">
      <c r="N675002" s="10"/>
    </row>
    <row r="675003" spans="14:14">
      <c r="N675003" s="10"/>
    </row>
    <row r="675004" spans="14:14">
      <c r="N675004" s="10"/>
    </row>
    <row r="675005" spans="14:14">
      <c r="N675005" s="10"/>
    </row>
    <row r="675006" spans="14:14">
      <c r="N675006" s="10"/>
    </row>
    <row r="675007" spans="14:14">
      <c r="N675007" s="10"/>
    </row>
    <row r="675008" spans="14:14">
      <c r="N675008" s="10"/>
    </row>
    <row r="675009" spans="14:14">
      <c r="N675009" s="10"/>
    </row>
    <row r="675010" spans="14:14">
      <c r="N675010" s="10"/>
    </row>
    <row r="675011" spans="14:14">
      <c r="N675011" s="10"/>
    </row>
    <row r="675012" spans="14:14">
      <c r="N675012" s="10"/>
    </row>
    <row r="675013" spans="14:14">
      <c r="N675013" s="10"/>
    </row>
    <row r="675014" spans="14:14">
      <c r="N675014" s="10"/>
    </row>
    <row r="675015" spans="14:14">
      <c r="N675015" s="10"/>
    </row>
    <row r="675016" spans="14:14">
      <c r="N675016" s="10"/>
    </row>
    <row r="675017" spans="14:14">
      <c r="N675017" s="10"/>
    </row>
    <row r="675018" spans="14:14">
      <c r="N675018" s="10"/>
    </row>
    <row r="675019" spans="14:14">
      <c r="N675019" s="10"/>
    </row>
    <row r="675020" spans="14:14">
      <c r="N675020" s="10"/>
    </row>
    <row r="675021" spans="14:14">
      <c r="N675021" s="10"/>
    </row>
    <row r="675022" spans="14:14">
      <c r="N675022" s="10"/>
    </row>
    <row r="675023" spans="14:14">
      <c r="N675023" s="10"/>
    </row>
    <row r="675024" spans="14:14">
      <c r="N675024" s="10"/>
    </row>
    <row r="675025" spans="14:14">
      <c r="N675025" s="10"/>
    </row>
    <row r="675026" spans="14:14">
      <c r="N675026" s="10"/>
    </row>
    <row r="675027" spans="14:14">
      <c r="N675027" s="10"/>
    </row>
    <row r="675028" spans="14:14">
      <c r="N675028" s="10"/>
    </row>
    <row r="675029" spans="14:14">
      <c r="N675029" s="10"/>
    </row>
    <row r="675030" spans="14:14">
      <c r="N675030" s="10"/>
    </row>
    <row r="675031" spans="14:14">
      <c r="N675031" s="10"/>
    </row>
    <row r="675032" spans="14:14">
      <c r="N675032" s="10"/>
    </row>
    <row r="675033" spans="14:14">
      <c r="N675033" s="10"/>
    </row>
    <row r="675034" spans="14:14">
      <c r="N675034" s="10"/>
    </row>
    <row r="675035" spans="14:14">
      <c r="N675035" s="10"/>
    </row>
    <row r="675036" spans="14:14">
      <c r="N675036" s="10"/>
    </row>
    <row r="675037" spans="14:14">
      <c r="N675037" s="10"/>
    </row>
    <row r="675038" spans="14:14">
      <c r="N675038" s="10"/>
    </row>
    <row r="675039" spans="14:14">
      <c r="N675039" s="10"/>
    </row>
    <row r="675040" spans="14:14">
      <c r="N675040" s="10"/>
    </row>
    <row r="675041" spans="14:14">
      <c r="N675041" s="10"/>
    </row>
    <row r="675042" spans="14:14">
      <c r="N675042" s="10"/>
    </row>
    <row r="675043" spans="14:14">
      <c r="N675043" s="10"/>
    </row>
    <row r="675044" spans="14:14">
      <c r="N675044" s="10"/>
    </row>
    <row r="675045" spans="14:14">
      <c r="N675045" s="10"/>
    </row>
    <row r="675046" spans="14:14">
      <c r="N675046" s="10"/>
    </row>
    <row r="675047" spans="14:14">
      <c r="N675047" s="10"/>
    </row>
    <row r="675048" spans="14:14">
      <c r="N675048" s="10"/>
    </row>
    <row r="675049" spans="14:14">
      <c r="N675049" s="10"/>
    </row>
    <row r="675050" spans="14:14">
      <c r="N675050" s="10"/>
    </row>
    <row r="675051" spans="14:14">
      <c r="N675051" s="10"/>
    </row>
    <row r="675052" spans="14:14">
      <c r="N675052" s="10"/>
    </row>
    <row r="675053" spans="14:14">
      <c r="N675053" s="10"/>
    </row>
    <row r="675054" spans="14:14">
      <c r="N675054" s="10"/>
    </row>
    <row r="675055" spans="14:14">
      <c r="N675055" s="10"/>
    </row>
    <row r="675056" spans="14:14">
      <c r="N675056" s="10"/>
    </row>
    <row r="675057" spans="14:14">
      <c r="N675057" s="10"/>
    </row>
    <row r="675058" spans="14:14">
      <c r="N675058" s="10"/>
    </row>
    <row r="675059" spans="14:14">
      <c r="N675059" s="10"/>
    </row>
    <row r="675060" spans="14:14">
      <c r="N675060" s="10"/>
    </row>
    <row r="675061" spans="14:14">
      <c r="N675061" s="10"/>
    </row>
    <row r="675062" spans="14:14">
      <c r="N675062" s="10"/>
    </row>
    <row r="675063" spans="14:14">
      <c r="N675063" s="10"/>
    </row>
    <row r="675064" spans="14:14">
      <c r="N675064" s="10"/>
    </row>
    <row r="675065" spans="14:14">
      <c r="N675065" s="10"/>
    </row>
    <row r="675066" spans="14:14">
      <c r="N675066" s="10"/>
    </row>
    <row r="675067" spans="14:14">
      <c r="N675067" s="10"/>
    </row>
    <row r="675068" spans="14:14">
      <c r="N675068" s="10"/>
    </row>
    <row r="675069" spans="14:14">
      <c r="N675069" s="10"/>
    </row>
    <row r="675070" spans="14:14">
      <c r="N675070" s="10"/>
    </row>
    <row r="675071" spans="14:14">
      <c r="N675071" s="10"/>
    </row>
    <row r="675072" spans="14:14">
      <c r="N675072" s="10"/>
    </row>
    <row r="675073" spans="14:14">
      <c r="N675073" s="10"/>
    </row>
    <row r="675074" spans="14:14">
      <c r="N675074" s="10"/>
    </row>
    <row r="675075" spans="14:14">
      <c r="N675075" s="10"/>
    </row>
    <row r="675076" spans="14:14">
      <c r="N675076" s="10"/>
    </row>
    <row r="675077" spans="14:14">
      <c r="N675077" s="10"/>
    </row>
    <row r="675078" spans="14:14">
      <c r="N675078" s="10"/>
    </row>
    <row r="675079" spans="14:14">
      <c r="N675079" s="10"/>
    </row>
    <row r="675080" spans="14:14">
      <c r="N675080" s="10"/>
    </row>
    <row r="675081" spans="14:14">
      <c r="N675081" s="10"/>
    </row>
    <row r="675082" spans="14:14">
      <c r="N675082" s="10"/>
    </row>
    <row r="675083" spans="14:14">
      <c r="N675083" s="10"/>
    </row>
    <row r="675084" spans="14:14">
      <c r="N675084" s="10"/>
    </row>
    <row r="675085" spans="14:14">
      <c r="N675085" s="10"/>
    </row>
    <row r="675086" spans="14:14">
      <c r="N675086" s="10"/>
    </row>
    <row r="675087" spans="14:14">
      <c r="N675087" s="10"/>
    </row>
    <row r="675088" spans="14:14">
      <c r="N675088" s="10"/>
    </row>
    <row r="675089" spans="14:14">
      <c r="N675089" s="10"/>
    </row>
    <row r="675090" spans="14:14">
      <c r="N675090" s="10"/>
    </row>
    <row r="675091" spans="14:14">
      <c r="N675091" s="10"/>
    </row>
    <row r="675092" spans="14:14">
      <c r="N675092" s="10"/>
    </row>
    <row r="675093" spans="14:14">
      <c r="N675093" s="10"/>
    </row>
    <row r="675094" spans="14:14">
      <c r="N675094" s="10"/>
    </row>
    <row r="675095" spans="14:14">
      <c r="N675095" s="10"/>
    </row>
    <row r="675096" spans="14:14">
      <c r="N675096" s="10"/>
    </row>
    <row r="675097" spans="14:14">
      <c r="N675097" s="10"/>
    </row>
    <row r="675098" spans="14:14">
      <c r="N675098" s="10"/>
    </row>
    <row r="675099" spans="14:14">
      <c r="N675099" s="10"/>
    </row>
    <row r="675100" spans="14:14">
      <c r="N675100" s="10"/>
    </row>
    <row r="675101" spans="14:14">
      <c r="N675101" s="10"/>
    </row>
    <row r="675102" spans="14:14">
      <c r="N675102" s="10"/>
    </row>
    <row r="675103" spans="14:14">
      <c r="N675103" s="10"/>
    </row>
    <row r="675104" spans="14:14">
      <c r="N675104" s="10"/>
    </row>
    <row r="675105" spans="14:14">
      <c r="N675105" s="10"/>
    </row>
    <row r="675106" spans="14:14">
      <c r="N675106" s="10"/>
    </row>
    <row r="675107" spans="14:14">
      <c r="N675107" s="10"/>
    </row>
    <row r="675108" spans="14:14">
      <c r="N675108" s="10"/>
    </row>
    <row r="675109" spans="14:14">
      <c r="N675109" s="10"/>
    </row>
    <row r="675110" spans="14:14">
      <c r="N675110" s="10"/>
    </row>
    <row r="675111" spans="14:14">
      <c r="N675111" s="10"/>
    </row>
    <row r="675112" spans="14:14">
      <c r="N675112" s="10"/>
    </row>
    <row r="675113" spans="14:14">
      <c r="N675113" s="10"/>
    </row>
    <row r="675114" spans="14:14">
      <c r="N675114" s="10"/>
    </row>
    <row r="675115" spans="14:14">
      <c r="N675115" s="10"/>
    </row>
    <row r="675116" spans="14:14">
      <c r="N675116" s="10"/>
    </row>
    <row r="675117" spans="14:14">
      <c r="N675117" s="10"/>
    </row>
    <row r="675118" spans="14:14">
      <c r="N675118" s="10"/>
    </row>
    <row r="675119" spans="14:14">
      <c r="N675119" s="10"/>
    </row>
    <row r="675120" spans="14:14">
      <c r="N675120" s="10"/>
    </row>
    <row r="675121" spans="14:14">
      <c r="N675121" s="10"/>
    </row>
    <row r="675122" spans="14:14">
      <c r="N675122" s="10"/>
    </row>
    <row r="675123" spans="14:14">
      <c r="N675123" s="10"/>
    </row>
    <row r="675124" spans="14:14">
      <c r="N675124" s="10"/>
    </row>
    <row r="675125" spans="14:14">
      <c r="N675125" s="10"/>
    </row>
    <row r="675126" spans="14:14">
      <c r="N675126" s="10"/>
    </row>
    <row r="675127" spans="14:14">
      <c r="N675127" s="10"/>
    </row>
    <row r="675128" spans="14:14">
      <c r="N675128" s="10"/>
    </row>
    <row r="675129" spans="14:14">
      <c r="N675129" s="10"/>
    </row>
    <row r="675130" spans="14:14">
      <c r="N675130" s="10"/>
    </row>
    <row r="675131" spans="14:14">
      <c r="N675131" s="10"/>
    </row>
    <row r="675132" spans="14:14">
      <c r="N675132" s="10"/>
    </row>
    <row r="675133" spans="14:14">
      <c r="N675133" s="10"/>
    </row>
    <row r="675134" spans="14:14">
      <c r="N675134" s="10"/>
    </row>
    <row r="675135" spans="14:14">
      <c r="N675135" s="10"/>
    </row>
    <row r="675136" spans="14:14">
      <c r="N675136" s="10"/>
    </row>
    <row r="675137" spans="14:14">
      <c r="N675137" s="10"/>
    </row>
    <row r="675138" spans="14:14">
      <c r="N675138" s="10"/>
    </row>
    <row r="675139" spans="14:14">
      <c r="N675139" s="10"/>
    </row>
    <row r="675140" spans="14:14">
      <c r="N675140" s="10"/>
    </row>
    <row r="675141" spans="14:14">
      <c r="N675141" s="10"/>
    </row>
    <row r="675142" spans="14:14">
      <c r="N675142" s="10"/>
    </row>
    <row r="675143" spans="14:14">
      <c r="N675143" s="10"/>
    </row>
    <row r="675144" spans="14:14">
      <c r="N675144" s="10"/>
    </row>
    <row r="675145" spans="14:14">
      <c r="N675145" s="10"/>
    </row>
    <row r="675146" spans="14:14">
      <c r="N675146" s="10"/>
    </row>
    <row r="675147" spans="14:14">
      <c r="N675147" s="10"/>
    </row>
    <row r="675148" spans="14:14">
      <c r="N675148" s="10"/>
    </row>
    <row r="675149" spans="14:14">
      <c r="N675149" s="10"/>
    </row>
    <row r="675150" spans="14:14">
      <c r="N675150" s="10"/>
    </row>
    <row r="675151" spans="14:14">
      <c r="N675151" s="10"/>
    </row>
    <row r="675152" spans="14:14">
      <c r="N675152" s="10"/>
    </row>
    <row r="675153" spans="14:14">
      <c r="N675153" s="10"/>
    </row>
    <row r="675154" spans="14:14">
      <c r="N675154" s="10"/>
    </row>
    <row r="675155" spans="14:14">
      <c r="N675155" s="10"/>
    </row>
    <row r="675156" spans="14:14">
      <c r="N675156" s="10"/>
    </row>
    <row r="675157" spans="14:14">
      <c r="N675157" s="10"/>
    </row>
    <row r="675158" spans="14:14">
      <c r="N675158" s="10"/>
    </row>
    <row r="675159" spans="14:14">
      <c r="N675159" s="10"/>
    </row>
    <row r="675160" spans="14:14">
      <c r="N675160" s="10"/>
    </row>
    <row r="675161" spans="14:14">
      <c r="N675161" s="10"/>
    </row>
    <row r="675162" spans="14:14">
      <c r="N675162" s="10"/>
    </row>
    <row r="675163" spans="14:14">
      <c r="N675163" s="10"/>
    </row>
    <row r="675164" spans="14:14">
      <c r="N675164" s="10"/>
    </row>
    <row r="675165" spans="14:14">
      <c r="N675165" s="10"/>
    </row>
    <row r="675166" spans="14:14">
      <c r="N675166" s="10"/>
    </row>
    <row r="675167" spans="14:14">
      <c r="N675167" s="10"/>
    </row>
    <row r="675168" spans="14:14">
      <c r="N675168" s="10"/>
    </row>
    <row r="675169" spans="14:14">
      <c r="N675169" s="10"/>
    </row>
    <row r="675170" spans="14:14">
      <c r="N675170" s="10"/>
    </row>
    <row r="675171" spans="14:14">
      <c r="N675171" s="10"/>
    </row>
    <row r="675172" spans="14:14">
      <c r="N675172" s="10"/>
    </row>
    <row r="675173" spans="14:14">
      <c r="N675173" s="10"/>
    </row>
    <row r="675174" spans="14:14">
      <c r="N675174" s="10"/>
    </row>
    <row r="675175" spans="14:14">
      <c r="N675175" s="10"/>
    </row>
    <row r="675176" spans="14:14">
      <c r="N675176" s="10"/>
    </row>
    <row r="675177" spans="14:14">
      <c r="N675177" s="10"/>
    </row>
    <row r="675178" spans="14:14">
      <c r="N675178" s="10"/>
    </row>
    <row r="675179" spans="14:14">
      <c r="N675179" s="10"/>
    </row>
    <row r="675180" spans="14:14">
      <c r="N675180" s="10"/>
    </row>
    <row r="675181" spans="14:14">
      <c r="N675181" s="10"/>
    </row>
    <row r="675182" spans="14:14">
      <c r="N675182" s="10"/>
    </row>
    <row r="675183" spans="14:14">
      <c r="N675183" s="10"/>
    </row>
    <row r="675184" spans="14:14">
      <c r="N675184" s="10"/>
    </row>
    <row r="675185" spans="14:14">
      <c r="N675185" s="10"/>
    </row>
    <row r="675186" spans="14:14">
      <c r="N675186" s="10"/>
    </row>
    <row r="675187" spans="14:14">
      <c r="N675187" s="10"/>
    </row>
    <row r="675188" spans="14:14">
      <c r="N675188" s="10"/>
    </row>
    <row r="675189" spans="14:14">
      <c r="N675189" s="10"/>
    </row>
    <row r="675190" spans="14:14">
      <c r="N675190" s="10"/>
    </row>
    <row r="675191" spans="14:14">
      <c r="N675191" s="10"/>
    </row>
    <row r="675192" spans="14:14">
      <c r="N675192" s="10"/>
    </row>
    <row r="675193" spans="14:14">
      <c r="N675193" s="10"/>
    </row>
    <row r="675194" spans="14:14">
      <c r="N675194" s="10"/>
    </row>
    <row r="675195" spans="14:14">
      <c r="N675195" s="10"/>
    </row>
    <row r="675196" spans="14:14">
      <c r="N675196" s="10"/>
    </row>
    <row r="675197" spans="14:14">
      <c r="N675197" s="10"/>
    </row>
    <row r="675198" spans="14:14">
      <c r="N675198" s="10"/>
    </row>
    <row r="675199" spans="14:14">
      <c r="N675199" s="10"/>
    </row>
    <row r="675200" spans="14:14">
      <c r="N675200" s="10"/>
    </row>
    <row r="675201" spans="14:14">
      <c r="N675201" s="10"/>
    </row>
    <row r="675202" spans="14:14">
      <c r="N675202" s="10"/>
    </row>
    <row r="675203" spans="14:14">
      <c r="N675203" s="10"/>
    </row>
    <row r="675204" spans="14:14">
      <c r="N675204" s="10"/>
    </row>
    <row r="675205" spans="14:14">
      <c r="N675205" s="10"/>
    </row>
    <row r="675206" spans="14:14">
      <c r="N675206" s="10"/>
    </row>
    <row r="675207" spans="14:14">
      <c r="N675207" s="10"/>
    </row>
    <row r="675208" spans="14:14">
      <c r="N675208" s="10"/>
    </row>
    <row r="675209" spans="14:14">
      <c r="N675209" s="10"/>
    </row>
    <row r="675210" spans="14:14">
      <c r="N675210" s="10"/>
    </row>
    <row r="675211" spans="14:14">
      <c r="N675211" s="10"/>
    </row>
    <row r="675212" spans="14:14">
      <c r="N675212" s="10"/>
    </row>
    <row r="675213" spans="14:14">
      <c r="N675213" s="10"/>
    </row>
    <row r="675214" spans="14:14">
      <c r="N675214" s="10"/>
    </row>
    <row r="675215" spans="14:14">
      <c r="N675215" s="10"/>
    </row>
    <row r="675216" spans="14:14">
      <c r="N675216" s="10"/>
    </row>
    <row r="675217" spans="14:14">
      <c r="N675217" s="10"/>
    </row>
    <row r="675218" spans="14:14">
      <c r="N675218" s="10"/>
    </row>
    <row r="675219" spans="14:14">
      <c r="N675219" s="10"/>
    </row>
    <row r="675220" spans="14:14">
      <c r="N675220" s="10"/>
    </row>
    <row r="675221" spans="14:14">
      <c r="N675221" s="10"/>
    </row>
    <row r="675222" spans="14:14">
      <c r="N675222" s="10"/>
    </row>
    <row r="675223" spans="14:14">
      <c r="N675223" s="10"/>
    </row>
    <row r="675224" spans="14:14">
      <c r="N675224" s="10"/>
    </row>
    <row r="675225" spans="14:14">
      <c r="N675225" s="10"/>
    </row>
    <row r="675226" spans="14:14">
      <c r="N675226" s="10"/>
    </row>
    <row r="675227" spans="14:14">
      <c r="N675227" s="10"/>
    </row>
    <row r="675228" spans="14:14">
      <c r="N675228" s="10"/>
    </row>
    <row r="675229" spans="14:14">
      <c r="N675229" s="10"/>
    </row>
    <row r="675230" spans="14:14">
      <c r="N675230" s="10"/>
    </row>
    <row r="675231" spans="14:14">
      <c r="N675231" s="10"/>
    </row>
    <row r="675232" spans="14:14">
      <c r="N675232" s="10"/>
    </row>
    <row r="675233" spans="14:14">
      <c r="N675233" s="10"/>
    </row>
    <row r="675234" spans="14:14">
      <c r="N675234" s="10"/>
    </row>
    <row r="675235" spans="14:14">
      <c r="N675235" s="10"/>
    </row>
    <row r="675236" spans="14:14">
      <c r="N675236" s="10"/>
    </row>
    <row r="675237" spans="14:14">
      <c r="N675237" s="10"/>
    </row>
    <row r="675238" spans="14:14">
      <c r="N675238" s="10"/>
    </row>
    <row r="675239" spans="14:14">
      <c r="N675239" s="10"/>
    </row>
    <row r="675240" spans="14:14">
      <c r="N675240" s="10"/>
    </row>
    <row r="675241" spans="14:14">
      <c r="N675241" s="10"/>
    </row>
    <row r="675242" spans="14:14">
      <c r="N675242" s="10"/>
    </row>
    <row r="675243" spans="14:14">
      <c r="N675243" s="10"/>
    </row>
    <row r="675244" spans="14:14">
      <c r="N675244" s="10"/>
    </row>
    <row r="675245" spans="14:14">
      <c r="N675245" s="10"/>
    </row>
    <row r="675246" spans="14:14">
      <c r="N675246" s="10"/>
    </row>
    <row r="675247" spans="14:14">
      <c r="N675247" s="10"/>
    </row>
    <row r="675248" spans="14:14">
      <c r="N675248" s="10"/>
    </row>
    <row r="675249" spans="14:14">
      <c r="N675249" s="10"/>
    </row>
    <row r="675250" spans="14:14">
      <c r="N675250" s="10"/>
    </row>
    <row r="675251" spans="14:14">
      <c r="N675251" s="10"/>
    </row>
    <row r="675252" spans="14:14">
      <c r="N675252" s="10"/>
    </row>
    <row r="675253" spans="14:14">
      <c r="N675253" s="10"/>
    </row>
    <row r="675254" spans="14:14">
      <c r="N675254" s="10"/>
    </row>
    <row r="675255" spans="14:14">
      <c r="N675255" s="10"/>
    </row>
    <row r="675256" spans="14:14">
      <c r="N675256" s="10"/>
    </row>
    <row r="675257" spans="14:14">
      <c r="N675257" s="10"/>
    </row>
    <row r="675258" spans="14:14">
      <c r="N675258" s="10"/>
    </row>
    <row r="675259" spans="14:14">
      <c r="N675259" s="10"/>
    </row>
    <row r="675260" spans="14:14">
      <c r="N675260" s="10"/>
    </row>
    <row r="675261" spans="14:14">
      <c r="N675261" s="10"/>
    </row>
    <row r="675262" spans="14:14">
      <c r="N675262" s="10"/>
    </row>
    <row r="675263" spans="14:14">
      <c r="N675263" s="10"/>
    </row>
    <row r="675264" spans="14:14">
      <c r="N675264" s="10"/>
    </row>
    <row r="675265" spans="14:14">
      <c r="N675265" s="10"/>
    </row>
    <row r="675266" spans="14:14">
      <c r="N675266" s="10"/>
    </row>
    <row r="675267" spans="14:14">
      <c r="N675267" s="10"/>
    </row>
    <row r="675268" spans="14:14">
      <c r="N675268" s="10"/>
    </row>
    <row r="675269" spans="14:14">
      <c r="N675269" s="10"/>
    </row>
    <row r="675270" spans="14:14">
      <c r="N675270" s="10"/>
    </row>
    <row r="675271" spans="14:14">
      <c r="N675271" s="10"/>
    </row>
    <row r="675272" spans="14:14">
      <c r="N675272" s="10"/>
    </row>
    <row r="675273" spans="14:14">
      <c r="N675273" s="10"/>
    </row>
    <row r="675274" spans="14:14">
      <c r="N675274" s="10"/>
    </row>
    <row r="675275" spans="14:14">
      <c r="N675275" s="10"/>
    </row>
    <row r="675276" spans="14:14">
      <c r="N675276" s="10"/>
    </row>
    <row r="675277" spans="14:14">
      <c r="N675277" s="10"/>
    </row>
    <row r="675278" spans="14:14">
      <c r="N675278" s="10"/>
    </row>
    <row r="675279" spans="14:14">
      <c r="N675279" s="10"/>
    </row>
    <row r="675280" spans="14:14">
      <c r="N675280" s="10"/>
    </row>
    <row r="675281" spans="14:14">
      <c r="N675281" s="10"/>
    </row>
    <row r="675282" spans="14:14">
      <c r="N675282" s="10"/>
    </row>
    <row r="675283" spans="14:14">
      <c r="N675283" s="10"/>
    </row>
    <row r="675284" spans="14:14">
      <c r="N675284" s="10"/>
    </row>
    <row r="675285" spans="14:14">
      <c r="N675285" s="10"/>
    </row>
    <row r="675286" spans="14:14">
      <c r="N675286" s="10"/>
    </row>
    <row r="675287" spans="14:14">
      <c r="N675287" s="10"/>
    </row>
    <row r="675288" spans="14:14">
      <c r="N675288" s="10"/>
    </row>
    <row r="675289" spans="14:14">
      <c r="N675289" s="10"/>
    </row>
    <row r="675290" spans="14:14">
      <c r="N675290" s="10"/>
    </row>
    <row r="675291" spans="14:14">
      <c r="N675291" s="10"/>
    </row>
    <row r="675292" spans="14:14">
      <c r="N675292" s="10"/>
    </row>
    <row r="675293" spans="14:14">
      <c r="N675293" s="10"/>
    </row>
    <row r="675294" spans="14:14">
      <c r="N675294" s="10"/>
    </row>
    <row r="675295" spans="14:14">
      <c r="N675295" s="10"/>
    </row>
    <row r="675296" spans="14:14">
      <c r="N675296" s="10"/>
    </row>
    <row r="675297" spans="14:14">
      <c r="N675297" s="10"/>
    </row>
    <row r="675298" spans="14:14">
      <c r="N675298" s="10"/>
    </row>
    <row r="675299" spans="14:14">
      <c r="N675299" s="10"/>
    </row>
    <row r="675300" spans="14:14">
      <c r="N675300" s="10"/>
    </row>
    <row r="675301" spans="14:14">
      <c r="N675301" s="10"/>
    </row>
    <row r="675302" spans="14:14">
      <c r="N675302" s="10"/>
    </row>
    <row r="675303" spans="14:14">
      <c r="N675303" s="10"/>
    </row>
    <row r="675304" spans="14:14">
      <c r="N675304" s="10"/>
    </row>
    <row r="675305" spans="14:14">
      <c r="N675305" s="10"/>
    </row>
    <row r="675306" spans="14:14">
      <c r="N675306" s="10"/>
    </row>
    <row r="675307" spans="14:14">
      <c r="N675307" s="10"/>
    </row>
    <row r="675308" spans="14:14">
      <c r="N675308" s="10"/>
    </row>
    <row r="675309" spans="14:14">
      <c r="N675309" s="10"/>
    </row>
    <row r="675310" spans="14:14">
      <c r="N675310" s="10"/>
    </row>
    <row r="675311" spans="14:14">
      <c r="N675311" s="10"/>
    </row>
    <row r="675312" spans="14:14">
      <c r="N675312" s="10"/>
    </row>
    <row r="675313" spans="14:14">
      <c r="N675313" s="10"/>
    </row>
    <row r="675314" spans="14:14">
      <c r="N675314" s="10"/>
    </row>
    <row r="675315" spans="14:14">
      <c r="N675315" s="10"/>
    </row>
    <row r="675316" spans="14:14">
      <c r="N675316" s="10"/>
    </row>
    <row r="675317" spans="14:14">
      <c r="N675317" s="10"/>
    </row>
    <row r="675318" spans="14:14">
      <c r="N675318" s="10"/>
    </row>
    <row r="675319" spans="14:14">
      <c r="N675319" s="10"/>
    </row>
    <row r="675320" spans="14:14">
      <c r="N675320" s="10"/>
    </row>
    <row r="675321" spans="14:14">
      <c r="N675321" s="10"/>
    </row>
    <row r="675322" spans="14:14">
      <c r="N675322" s="10"/>
    </row>
    <row r="675323" spans="14:14">
      <c r="N675323" s="10"/>
    </row>
    <row r="675324" spans="14:14">
      <c r="N675324" s="10"/>
    </row>
    <row r="675325" spans="14:14">
      <c r="N675325" s="10"/>
    </row>
    <row r="675326" spans="14:14">
      <c r="N675326" s="10"/>
    </row>
    <row r="675327" spans="14:14">
      <c r="N675327" s="10"/>
    </row>
    <row r="675328" spans="14:14">
      <c r="N675328" s="10"/>
    </row>
    <row r="675329" spans="14:14">
      <c r="N675329" s="10"/>
    </row>
    <row r="675330" spans="14:14">
      <c r="N675330" s="10"/>
    </row>
    <row r="675331" spans="14:14">
      <c r="N675331" s="10"/>
    </row>
    <row r="675332" spans="14:14">
      <c r="N675332" s="10"/>
    </row>
    <row r="675333" spans="14:14">
      <c r="N675333" s="10"/>
    </row>
    <row r="675334" spans="14:14">
      <c r="N675334" s="10"/>
    </row>
    <row r="675335" spans="14:14">
      <c r="N675335" s="10"/>
    </row>
    <row r="675336" spans="14:14">
      <c r="N675336" s="10"/>
    </row>
    <row r="675337" spans="14:14">
      <c r="N675337" s="10"/>
    </row>
    <row r="675338" spans="14:14">
      <c r="N675338" s="10"/>
    </row>
    <row r="675339" spans="14:14">
      <c r="N675339" s="10"/>
    </row>
    <row r="675340" spans="14:14">
      <c r="N675340" s="10"/>
    </row>
    <row r="675341" spans="14:14">
      <c r="N675341" s="10"/>
    </row>
    <row r="675342" spans="14:14">
      <c r="N675342" s="10"/>
    </row>
    <row r="675343" spans="14:14">
      <c r="N675343" s="10"/>
    </row>
    <row r="675344" spans="14:14">
      <c r="N675344" s="10"/>
    </row>
    <row r="675345" spans="14:14">
      <c r="N675345" s="10"/>
    </row>
    <row r="675346" spans="14:14">
      <c r="N675346" s="10"/>
    </row>
    <row r="675347" spans="14:14">
      <c r="N675347" s="10"/>
    </row>
    <row r="675348" spans="14:14">
      <c r="N675348" s="10"/>
    </row>
    <row r="675349" spans="14:14">
      <c r="N675349" s="10"/>
    </row>
    <row r="675350" spans="14:14">
      <c r="N675350" s="10"/>
    </row>
    <row r="675351" spans="14:14">
      <c r="N675351" s="10"/>
    </row>
    <row r="675352" spans="14:14">
      <c r="N675352" s="10"/>
    </row>
    <row r="675353" spans="14:14">
      <c r="N675353" s="10"/>
    </row>
    <row r="675354" spans="14:14">
      <c r="N675354" s="10"/>
    </row>
    <row r="675355" spans="14:14">
      <c r="N675355" s="10"/>
    </row>
    <row r="675356" spans="14:14">
      <c r="N675356" s="10"/>
    </row>
    <row r="675357" spans="14:14">
      <c r="N675357" s="10"/>
    </row>
    <row r="675358" spans="14:14">
      <c r="N675358" s="10"/>
    </row>
    <row r="675359" spans="14:14">
      <c r="N675359" s="10"/>
    </row>
    <row r="675360" spans="14:14">
      <c r="N675360" s="10"/>
    </row>
    <row r="675361" spans="14:14">
      <c r="N675361" s="10"/>
    </row>
    <row r="675362" spans="14:14">
      <c r="N675362" s="10"/>
    </row>
    <row r="675363" spans="14:14">
      <c r="N675363" s="10"/>
    </row>
    <row r="675364" spans="14:14">
      <c r="N675364" s="10"/>
    </row>
    <row r="675365" spans="14:14">
      <c r="N675365" s="10"/>
    </row>
    <row r="675366" spans="14:14">
      <c r="N675366" s="10"/>
    </row>
    <row r="675367" spans="14:14">
      <c r="N675367" s="10"/>
    </row>
    <row r="675368" spans="14:14">
      <c r="N675368" s="10"/>
    </row>
    <row r="675369" spans="14:14">
      <c r="N675369" s="10"/>
    </row>
    <row r="675370" spans="14:14">
      <c r="N675370" s="10"/>
    </row>
    <row r="675371" spans="14:14">
      <c r="N675371" s="10"/>
    </row>
    <row r="675372" spans="14:14">
      <c r="N675372" s="10"/>
    </row>
    <row r="675373" spans="14:14">
      <c r="N675373" s="10"/>
    </row>
    <row r="675374" spans="14:14">
      <c r="N675374" s="10"/>
    </row>
    <row r="675375" spans="14:14">
      <c r="N675375" s="10"/>
    </row>
    <row r="675376" spans="14:14">
      <c r="N675376" s="10"/>
    </row>
    <row r="675377" spans="14:14">
      <c r="N675377" s="10"/>
    </row>
    <row r="675378" spans="14:14">
      <c r="N675378" s="10"/>
    </row>
    <row r="675379" spans="14:14">
      <c r="N675379" s="10"/>
    </row>
    <row r="675380" spans="14:14">
      <c r="N675380" s="10"/>
    </row>
    <row r="675381" spans="14:14">
      <c r="N675381" s="10"/>
    </row>
    <row r="675382" spans="14:14">
      <c r="N675382" s="10"/>
    </row>
    <row r="675383" spans="14:14">
      <c r="N675383" s="10"/>
    </row>
    <row r="675384" spans="14:14">
      <c r="N675384" s="10"/>
    </row>
    <row r="675385" spans="14:14">
      <c r="N675385" s="10"/>
    </row>
    <row r="675386" spans="14:14">
      <c r="N675386" s="10"/>
    </row>
    <row r="675387" spans="14:14">
      <c r="N675387" s="10"/>
    </row>
    <row r="675388" spans="14:14">
      <c r="N675388" s="10"/>
    </row>
    <row r="675389" spans="14:14">
      <c r="N675389" s="10"/>
    </row>
    <row r="675390" spans="14:14">
      <c r="N675390" s="10"/>
    </row>
    <row r="675391" spans="14:14">
      <c r="N675391" s="10"/>
    </row>
    <row r="675392" spans="14:14">
      <c r="N675392" s="10"/>
    </row>
    <row r="675393" spans="14:14">
      <c r="N675393" s="10"/>
    </row>
    <row r="675394" spans="14:14">
      <c r="N675394" s="10"/>
    </row>
    <row r="675395" spans="14:14">
      <c r="N675395" s="10"/>
    </row>
    <row r="675396" spans="14:14">
      <c r="N675396" s="10"/>
    </row>
    <row r="675397" spans="14:14">
      <c r="N675397" s="10"/>
    </row>
    <row r="675398" spans="14:14">
      <c r="N675398" s="10"/>
    </row>
    <row r="675399" spans="14:14">
      <c r="N675399" s="10"/>
    </row>
    <row r="675400" spans="14:14">
      <c r="N675400" s="10"/>
    </row>
    <row r="675401" spans="14:14">
      <c r="N675401" s="10"/>
    </row>
    <row r="675402" spans="14:14">
      <c r="N675402" s="10"/>
    </row>
    <row r="675403" spans="14:14">
      <c r="N675403" s="10"/>
    </row>
    <row r="675404" spans="14:14">
      <c r="N675404" s="10"/>
    </row>
    <row r="675405" spans="14:14">
      <c r="N675405" s="10"/>
    </row>
    <row r="675406" spans="14:14">
      <c r="N675406" s="10"/>
    </row>
    <row r="675407" spans="14:14">
      <c r="N675407" s="10"/>
    </row>
    <row r="675408" spans="14:14">
      <c r="N675408" s="10"/>
    </row>
    <row r="675409" spans="14:14">
      <c r="N675409" s="10"/>
    </row>
    <row r="675410" spans="14:14">
      <c r="N675410" s="10"/>
    </row>
    <row r="675411" spans="14:14">
      <c r="N675411" s="10"/>
    </row>
    <row r="675412" spans="14:14">
      <c r="N675412" s="10"/>
    </row>
    <row r="675413" spans="14:14">
      <c r="N675413" s="10"/>
    </row>
    <row r="675414" spans="14:14">
      <c r="N675414" s="10"/>
    </row>
    <row r="675415" spans="14:14">
      <c r="N675415" s="10"/>
    </row>
    <row r="675416" spans="14:14">
      <c r="N675416" s="10"/>
    </row>
    <row r="675417" spans="14:14">
      <c r="N675417" s="10"/>
    </row>
    <row r="675418" spans="14:14">
      <c r="N675418" s="10"/>
    </row>
    <row r="675419" spans="14:14">
      <c r="N675419" s="10"/>
    </row>
    <row r="675420" spans="14:14">
      <c r="N675420" s="10"/>
    </row>
    <row r="675421" spans="14:14">
      <c r="N675421" s="10"/>
    </row>
    <row r="675422" spans="14:14">
      <c r="N675422" s="10"/>
    </row>
    <row r="675423" spans="14:14">
      <c r="N675423" s="10"/>
    </row>
    <row r="675424" spans="14:14">
      <c r="N675424" s="10"/>
    </row>
    <row r="675425" spans="14:14">
      <c r="N675425" s="10"/>
    </row>
    <row r="675426" spans="14:14">
      <c r="N675426" s="10"/>
    </row>
    <row r="675427" spans="14:14">
      <c r="N675427" s="10"/>
    </row>
    <row r="675428" spans="14:14">
      <c r="N675428" s="10"/>
    </row>
    <row r="675429" spans="14:14">
      <c r="N675429" s="10"/>
    </row>
    <row r="675430" spans="14:14">
      <c r="N675430" s="10"/>
    </row>
    <row r="675431" spans="14:14">
      <c r="N675431" s="10"/>
    </row>
    <row r="675432" spans="14:14">
      <c r="N675432" s="10"/>
    </row>
    <row r="675433" spans="14:14">
      <c r="N675433" s="10"/>
    </row>
    <row r="675434" spans="14:14">
      <c r="N675434" s="10"/>
    </row>
    <row r="675435" spans="14:14">
      <c r="N675435" s="10"/>
    </row>
    <row r="675436" spans="14:14">
      <c r="N675436" s="10"/>
    </row>
    <row r="675437" spans="14:14">
      <c r="N675437" s="10"/>
    </row>
    <row r="675438" spans="14:14">
      <c r="N675438" s="10"/>
    </row>
    <row r="675439" spans="14:14">
      <c r="N675439" s="10"/>
    </row>
    <row r="675440" spans="14:14">
      <c r="N675440" s="10"/>
    </row>
    <row r="675441" spans="14:14">
      <c r="N675441" s="10"/>
    </row>
    <row r="675442" spans="14:14">
      <c r="N675442" s="10"/>
    </row>
    <row r="675443" spans="14:14">
      <c r="N675443" s="10"/>
    </row>
    <row r="675444" spans="14:14">
      <c r="N675444" s="10"/>
    </row>
    <row r="675445" spans="14:14">
      <c r="N675445" s="10"/>
    </row>
    <row r="675446" spans="14:14">
      <c r="N675446" s="10"/>
    </row>
    <row r="675447" spans="14:14">
      <c r="N675447" s="10"/>
    </row>
    <row r="675448" spans="14:14">
      <c r="N675448" s="10"/>
    </row>
    <row r="675449" spans="14:14">
      <c r="N675449" s="10"/>
    </row>
    <row r="675450" spans="14:14">
      <c r="N675450" s="10"/>
    </row>
    <row r="675451" spans="14:14">
      <c r="N675451" s="10"/>
    </row>
    <row r="675452" spans="14:14">
      <c r="N675452" s="10"/>
    </row>
    <row r="675453" spans="14:14">
      <c r="N675453" s="10"/>
    </row>
    <row r="675454" spans="14:14">
      <c r="N675454" s="10"/>
    </row>
    <row r="675455" spans="14:14">
      <c r="N675455" s="10"/>
    </row>
    <row r="675456" spans="14:14">
      <c r="N675456" s="10"/>
    </row>
    <row r="675457" spans="14:14">
      <c r="N675457" s="10"/>
    </row>
    <row r="675458" spans="14:14">
      <c r="N675458" s="10"/>
    </row>
    <row r="675459" spans="14:14">
      <c r="N675459" s="10"/>
    </row>
    <row r="675460" spans="14:14">
      <c r="N675460" s="10"/>
    </row>
    <row r="675461" spans="14:14">
      <c r="N675461" s="10"/>
    </row>
    <row r="675462" spans="14:14">
      <c r="N675462" s="10"/>
    </row>
    <row r="675463" spans="14:14">
      <c r="N675463" s="10"/>
    </row>
    <row r="675464" spans="14:14">
      <c r="N675464" s="10"/>
    </row>
    <row r="675465" spans="14:14">
      <c r="N675465" s="10"/>
    </row>
    <row r="675466" spans="14:14">
      <c r="N675466" s="10"/>
    </row>
    <row r="675467" spans="14:14">
      <c r="N675467" s="10"/>
    </row>
    <row r="675468" spans="14:14">
      <c r="N675468" s="10"/>
    </row>
    <row r="675469" spans="14:14">
      <c r="N675469" s="10"/>
    </row>
    <row r="675470" spans="14:14">
      <c r="N675470" s="10"/>
    </row>
    <row r="675471" spans="14:14">
      <c r="N675471" s="10"/>
    </row>
    <row r="675472" spans="14:14">
      <c r="N675472" s="10"/>
    </row>
    <row r="675473" spans="14:14">
      <c r="N675473" s="10"/>
    </row>
    <row r="675474" spans="14:14">
      <c r="N675474" s="10"/>
    </row>
    <row r="675475" spans="14:14">
      <c r="N675475" s="10"/>
    </row>
    <row r="675476" spans="14:14">
      <c r="N675476" s="10"/>
    </row>
    <row r="675477" spans="14:14">
      <c r="N675477" s="10"/>
    </row>
    <row r="675478" spans="14:14">
      <c r="N675478" s="10"/>
    </row>
    <row r="675479" spans="14:14">
      <c r="N675479" s="10"/>
    </row>
    <row r="675480" spans="14:14">
      <c r="N675480" s="10"/>
    </row>
    <row r="675481" spans="14:14">
      <c r="N675481" s="10"/>
    </row>
    <row r="675482" spans="14:14">
      <c r="N675482" s="10"/>
    </row>
    <row r="675483" spans="14:14">
      <c r="N675483" s="10"/>
    </row>
    <row r="675484" spans="14:14">
      <c r="N675484" s="10"/>
    </row>
    <row r="675485" spans="14:14">
      <c r="N675485" s="10"/>
    </row>
    <row r="675486" spans="14:14">
      <c r="N675486" s="10"/>
    </row>
    <row r="675487" spans="14:14">
      <c r="N675487" s="10"/>
    </row>
    <row r="675488" spans="14:14">
      <c r="N675488" s="10"/>
    </row>
    <row r="675489" spans="14:14">
      <c r="N675489" s="10"/>
    </row>
    <row r="675490" spans="14:14">
      <c r="N675490" s="10"/>
    </row>
    <row r="675491" spans="14:14">
      <c r="N675491" s="10"/>
    </row>
    <row r="675492" spans="14:14">
      <c r="N675492" s="10"/>
    </row>
    <row r="675493" spans="14:14">
      <c r="N675493" s="10"/>
    </row>
    <row r="675494" spans="14:14">
      <c r="N675494" s="10"/>
    </row>
    <row r="675495" spans="14:14">
      <c r="N675495" s="10"/>
    </row>
    <row r="675496" spans="14:14">
      <c r="N675496" s="10"/>
    </row>
    <row r="675497" spans="14:14">
      <c r="N675497" s="10"/>
    </row>
    <row r="675498" spans="14:14">
      <c r="N675498" s="10"/>
    </row>
    <row r="675499" spans="14:14">
      <c r="N675499" s="10"/>
    </row>
    <row r="675500" spans="14:14">
      <c r="N675500" s="10"/>
    </row>
    <row r="675501" spans="14:14">
      <c r="N675501" s="10"/>
    </row>
    <row r="675502" spans="14:14">
      <c r="N675502" s="10"/>
    </row>
    <row r="675503" spans="14:14">
      <c r="N675503" s="10"/>
    </row>
    <row r="675504" spans="14:14">
      <c r="N675504" s="10"/>
    </row>
    <row r="675505" spans="14:14">
      <c r="N675505" s="10"/>
    </row>
    <row r="675506" spans="14:14">
      <c r="N675506" s="10"/>
    </row>
    <row r="675507" spans="14:14">
      <c r="N675507" s="10"/>
    </row>
    <row r="675508" spans="14:14">
      <c r="N675508" s="10"/>
    </row>
    <row r="675509" spans="14:14">
      <c r="N675509" s="10"/>
    </row>
    <row r="675510" spans="14:14">
      <c r="N675510" s="10"/>
    </row>
    <row r="675511" spans="14:14">
      <c r="N675511" s="10"/>
    </row>
    <row r="675512" spans="14:14">
      <c r="N675512" s="10"/>
    </row>
    <row r="675513" spans="14:14">
      <c r="N675513" s="10"/>
    </row>
    <row r="675514" spans="14:14">
      <c r="N675514" s="10"/>
    </row>
    <row r="675515" spans="14:14">
      <c r="N675515" s="10"/>
    </row>
    <row r="675516" spans="14:14">
      <c r="N675516" s="10"/>
    </row>
    <row r="675517" spans="14:14">
      <c r="N675517" s="10"/>
    </row>
    <row r="675518" spans="14:14">
      <c r="N675518" s="10"/>
    </row>
    <row r="675519" spans="14:14">
      <c r="N675519" s="10"/>
    </row>
    <row r="675520" spans="14:14">
      <c r="N675520" s="10"/>
    </row>
    <row r="675521" spans="14:14">
      <c r="N675521" s="10"/>
    </row>
    <row r="675522" spans="14:14">
      <c r="N675522" s="10"/>
    </row>
    <row r="675523" spans="14:14">
      <c r="N675523" s="10"/>
    </row>
    <row r="675524" spans="14:14">
      <c r="N675524" s="10"/>
    </row>
    <row r="675525" spans="14:14">
      <c r="N675525" s="10"/>
    </row>
    <row r="675526" spans="14:14">
      <c r="N675526" s="10"/>
    </row>
    <row r="675527" spans="14:14">
      <c r="N675527" s="10"/>
    </row>
    <row r="675528" spans="14:14">
      <c r="N675528" s="10"/>
    </row>
    <row r="675529" spans="14:14">
      <c r="N675529" s="10"/>
    </row>
    <row r="675530" spans="14:14">
      <c r="N675530" s="10"/>
    </row>
    <row r="675531" spans="14:14">
      <c r="N675531" s="10"/>
    </row>
    <row r="675532" spans="14:14">
      <c r="N675532" s="10"/>
    </row>
    <row r="675533" spans="14:14">
      <c r="N675533" s="10"/>
    </row>
    <row r="675534" spans="14:14">
      <c r="N675534" s="10"/>
    </row>
    <row r="675535" spans="14:14">
      <c r="N675535" s="10"/>
    </row>
    <row r="675536" spans="14:14">
      <c r="N675536" s="10"/>
    </row>
    <row r="675537" spans="14:14">
      <c r="N675537" s="10"/>
    </row>
    <row r="675538" spans="14:14">
      <c r="N675538" s="10"/>
    </row>
    <row r="675539" spans="14:14">
      <c r="N675539" s="10"/>
    </row>
    <row r="675540" spans="14:14">
      <c r="N675540" s="10"/>
    </row>
    <row r="675541" spans="14:14">
      <c r="N675541" s="10"/>
    </row>
    <row r="675542" spans="14:14">
      <c r="N675542" s="10"/>
    </row>
    <row r="675543" spans="14:14">
      <c r="N675543" s="10"/>
    </row>
    <row r="675544" spans="14:14">
      <c r="N675544" s="10"/>
    </row>
    <row r="675545" spans="14:14">
      <c r="N675545" s="10"/>
    </row>
    <row r="675546" spans="14:14">
      <c r="N675546" s="10"/>
    </row>
    <row r="675547" spans="14:14">
      <c r="N675547" s="10"/>
    </row>
    <row r="675548" spans="14:14">
      <c r="N675548" s="10"/>
    </row>
    <row r="675549" spans="14:14">
      <c r="N675549" s="10"/>
    </row>
    <row r="675550" spans="14:14">
      <c r="N675550" s="10"/>
    </row>
    <row r="675551" spans="14:14">
      <c r="N675551" s="10"/>
    </row>
    <row r="675552" spans="14:14">
      <c r="N675552" s="10"/>
    </row>
    <row r="675553" spans="14:14">
      <c r="N675553" s="10"/>
    </row>
    <row r="675554" spans="14:14">
      <c r="N675554" s="10"/>
    </row>
    <row r="675555" spans="14:14">
      <c r="N675555" s="10"/>
    </row>
    <row r="675556" spans="14:14">
      <c r="N675556" s="10"/>
    </row>
    <row r="675557" spans="14:14">
      <c r="N675557" s="10"/>
    </row>
    <row r="675558" spans="14:14">
      <c r="N675558" s="10"/>
    </row>
    <row r="675559" spans="14:14">
      <c r="N675559" s="10"/>
    </row>
    <row r="675560" spans="14:14">
      <c r="N675560" s="10"/>
    </row>
    <row r="675561" spans="14:14">
      <c r="N675561" s="10"/>
    </row>
    <row r="675562" spans="14:14">
      <c r="N675562" s="10"/>
    </row>
    <row r="675563" spans="14:14">
      <c r="N675563" s="10"/>
    </row>
    <row r="675564" spans="14:14">
      <c r="N675564" s="10"/>
    </row>
    <row r="675565" spans="14:14">
      <c r="N675565" s="10"/>
    </row>
    <row r="675566" spans="14:14">
      <c r="N675566" s="10"/>
    </row>
    <row r="675567" spans="14:14">
      <c r="N675567" s="10"/>
    </row>
    <row r="675568" spans="14:14">
      <c r="N675568" s="10"/>
    </row>
    <row r="675569" spans="14:14">
      <c r="N675569" s="10"/>
    </row>
    <row r="675570" spans="14:14">
      <c r="N675570" s="10"/>
    </row>
    <row r="675571" spans="14:14">
      <c r="N675571" s="10"/>
    </row>
    <row r="675572" spans="14:14">
      <c r="N675572" s="10"/>
    </row>
    <row r="675573" spans="14:14">
      <c r="N675573" s="10"/>
    </row>
    <row r="675574" spans="14:14">
      <c r="N675574" s="10"/>
    </row>
    <row r="675575" spans="14:14">
      <c r="N675575" s="10"/>
    </row>
    <row r="675576" spans="14:14">
      <c r="N675576" s="10"/>
    </row>
    <row r="675577" spans="14:14">
      <c r="N675577" s="10"/>
    </row>
    <row r="675578" spans="14:14">
      <c r="N675578" s="10"/>
    </row>
    <row r="675579" spans="14:14">
      <c r="N675579" s="10"/>
    </row>
    <row r="675580" spans="14:14">
      <c r="N675580" s="10"/>
    </row>
    <row r="675581" spans="14:14">
      <c r="N675581" s="10"/>
    </row>
    <row r="675582" spans="14:14">
      <c r="N675582" s="10"/>
    </row>
    <row r="675583" spans="14:14">
      <c r="N675583" s="10"/>
    </row>
    <row r="675584" spans="14:14">
      <c r="N675584" s="10"/>
    </row>
    <row r="675585" spans="14:14">
      <c r="N675585" s="10"/>
    </row>
    <row r="675586" spans="14:14">
      <c r="N675586" s="10"/>
    </row>
    <row r="675587" spans="14:14">
      <c r="N675587" s="10"/>
    </row>
    <row r="675588" spans="14:14">
      <c r="N675588" s="10"/>
    </row>
    <row r="675589" spans="14:14">
      <c r="N675589" s="10"/>
    </row>
    <row r="675590" spans="14:14">
      <c r="N675590" s="10"/>
    </row>
    <row r="675591" spans="14:14">
      <c r="N675591" s="10"/>
    </row>
    <row r="675592" spans="14:14">
      <c r="N675592" s="10"/>
    </row>
    <row r="675593" spans="14:14">
      <c r="N675593" s="10"/>
    </row>
    <row r="675594" spans="14:14">
      <c r="N675594" s="10"/>
    </row>
    <row r="675595" spans="14:14">
      <c r="N675595" s="10"/>
    </row>
    <row r="675596" spans="14:14">
      <c r="N675596" s="10"/>
    </row>
    <row r="675597" spans="14:14">
      <c r="N675597" s="10"/>
    </row>
    <row r="675598" spans="14:14">
      <c r="N675598" s="10"/>
    </row>
    <row r="675599" spans="14:14">
      <c r="N675599" s="10"/>
    </row>
    <row r="675600" spans="14:14">
      <c r="N675600" s="10"/>
    </row>
    <row r="675601" spans="14:14">
      <c r="N675601" s="10"/>
    </row>
    <row r="675602" spans="14:14">
      <c r="N675602" s="10"/>
    </row>
    <row r="675603" spans="14:14">
      <c r="N675603" s="10"/>
    </row>
    <row r="675604" spans="14:14">
      <c r="N675604" s="10"/>
    </row>
    <row r="675605" spans="14:14">
      <c r="N675605" s="10"/>
    </row>
    <row r="675606" spans="14:14">
      <c r="N675606" s="10"/>
    </row>
    <row r="675607" spans="14:14">
      <c r="N675607" s="10"/>
    </row>
    <row r="675608" spans="14:14">
      <c r="N675608" s="10"/>
    </row>
    <row r="675609" spans="14:14">
      <c r="N675609" s="10"/>
    </row>
    <row r="675610" spans="14:14">
      <c r="N675610" s="10"/>
    </row>
    <row r="675611" spans="14:14">
      <c r="N675611" s="10"/>
    </row>
    <row r="675612" spans="14:14">
      <c r="N675612" s="10"/>
    </row>
    <row r="675613" spans="14:14">
      <c r="N675613" s="10"/>
    </row>
    <row r="675614" spans="14:14">
      <c r="N675614" s="10"/>
    </row>
    <row r="675615" spans="14:14">
      <c r="N675615" s="10"/>
    </row>
    <row r="675616" spans="14:14">
      <c r="N675616" s="10"/>
    </row>
    <row r="675617" spans="14:14">
      <c r="N675617" s="10"/>
    </row>
    <row r="675618" spans="14:14">
      <c r="N675618" s="10"/>
    </row>
    <row r="675619" spans="14:14">
      <c r="N675619" s="10"/>
    </row>
    <row r="675620" spans="14:14">
      <c r="N675620" s="10"/>
    </row>
    <row r="675621" spans="14:14">
      <c r="N675621" s="10"/>
    </row>
    <row r="675622" spans="14:14">
      <c r="N675622" s="10"/>
    </row>
    <row r="675623" spans="14:14">
      <c r="N675623" s="10"/>
    </row>
    <row r="675624" spans="14:14">
      <c r="N675624" s="10"/>
    </row>
    <row r="675625" spans="14:14">
      <c r="N675625" s="10"/>
    </row>
    <row r="675626" spans="14:14">
      <c r="N675626" s="10"/>
    </row>
    <row r="675627" spans="14:14">
      <c r="N675627" s="10"/>
    </row>
    <row r="675628" spans="14:14">
      <c r="N675628" s="10"/>
    </row>
    <row r="675629" spans="14:14">
      <c r="N675629" s="10"/>
    </row>
    <row r="675630" spans="14:14">
      <c r="N675630" s="10"/>
    </row>
    <row r="675631" spans="14:14">
      <c r="N675631" s="10"/>
    </row>
    <row r="675632" spans="14:14">
      <c r="N675632" s="10"/>
    </row>
    <row r="675633" spans="14:14">
      <c r="N675633" s="10"/>
    </row>
    <row r="675634" spans="14:14">
      <c r="N675634" s="10"/>
    </row>
    <row r="675635" spans="14:14">
      <c r="N675635" s="10"/>
    </row>
    <row r="675636" spans="14:14">
      <c r="N675636" s="10"/>
    </row>
    <row r="675637" spans="14:14">
      <c r="N675637" s="10"/>
    </row>
    <row r="675638" spans="14:14">
      <c r="N675638" s="10"/>
    </row>
    <row r="675639" spans="14:14">
      <c r="N675639" s="10"/>
    </row>
    <row r="675640" spans="14:14">
      <c r="N675640" s="10"/>
    </row>
    <row r="675641" spans="14:14">
      <c r="N675641" s="10"/>
    </row>
    <row r="675642" spans="14:14">
      <c r="N675642" s="10"/>
    </row>
    <row r="675643" spans="14:14">
      <c r="N675643" s="10"/>
    </row>
    <row r="675644" spans="14:14">
      <c r="N675644" s="10"/>
    </row>
    <row r="675645" spans="14:14">
      <c r="N675645" s="10"/>
    </row>
    <row r="675646" spans="14:14">
      <c r="N675646" s="10"/>
    </row>
    <row r="675647" spans="14:14">
      <c r="N675647" s="10"/>
    </row>
    <row r="675648" spans="14:14">
      <c r="N675648" s="10"/>
    </row>
    <row r="675649" spans="14:14">
      <c r="N675649" s="10"/>
    </row>
    <row r="675650" spans="14:14">
      <c r="N675650" s="10"/>
    </row>
    <row r="675651" spans="14:14">
      <c r="N675651" s="10"/>
    </row>
    <row r="675652" spans="14:14">
      <c r="N675652" s="10"/>
    </row>
    <row r="675653" spans="14:14">
      <c r="N675653" s="10"/>
    </row>
    <row r="675654" spans="14:14">
      <c r="N675654" s="10"/>
    </row>
    <row r="675655" spans="14:14">
      <c r="N675655" s="10"/>
    </row>
    <row r="675656" spans="14:14">
      <c r="N675656" s="10"/>
    </row>
    <row r="675657" spans="14:14">
      <c r="N675657" s="10"/>
    </row>
    <row r="675658" spans="14:14">
      <c r="N675658" s="10"/>
    </row>
    <row r="675659" spans="14:14">
      <c r="N675659" s="10"/>
    </row>
    <row r="675660" spans="14:14">
      <c r="N675660" s="10"/>
    </row>
    <row r="675661" spans="14:14">
      <c r="N675661" s="10"/>
    </row>
    <row r="675662" spans="14:14">
      <c r="N675662" s="10"/>
    </row>
    <row r="675663" spans="14:14">
      <c r="N675663" s="10"/>
    </row>
    <row r="675664" spans="14:14">
      <c r="N675664" s="10"/>
    </row>
    <row r="675665" spans="14:14">
      <c r="N675665" s="10"/>
    </row>
    <row r="675666" spans="14:14">
      <c r="N675666" s="10"/>
    </row>
    <row r="675667" spans="14:14">
      <c r="N675667" s="10"/>
    </row>
    <row r="675668" spans="14:14">
      <c r="N675668" s="10"/>
    </row>
    <row r="675669" spans="14:14">
      <c r="N675669" s="10"/>
    </row>
    <row r="675670" spans="14:14">
      <c r="N675670" s="10"/>
    </row>
    <row r="675671" spans="14:14">
      <c r="N675671" s="10"/>
    </row>
    <row r="675672" spans="14:14">
      <c r="N675672" s="10"/>
    </row>
    <row r="675673" spans="14:14">
      <c r="N675673" s="10"/>
    </row>
    <row r="675674" spans="14:14">
      <c r="N675674" s="10"/>
    </row>
    <row r="675675" spans="14:14">
      <c r="N675675" s="10"/>
    </row>
    <row r="675676" spans="14:14">
      <c r="N675676" s="10"/>
    </row>
    <row r="675677" spans="14:14">
      <c r="N675677" s="10"/>
    </row>
    <row r="675678" spans="14:14">
      <c r="N675678" s="10"/>
    </row>
    <row r="675679" spans="14:14">
      <c r="N675679" s="10"/>
    </row>
    <row r="675680" spans="14:14">
      <c r="N675680" s="10"/>
    </row>
    <row r="675681" spans="14:14">
      <c r="N675681" s="10"/>
    </row>
    <row r="675682" spans="14:14">
      <c r="N675682" s="10"/>
    </row>
    <row r="675683" spans="14:14">
      <c r="N675683" s="10"/>
    </row>
    <row r="675684" spans="14:14">
      <c r="N675684" s="10"/>
    </row>
    <row r="675685" spans="14:14">
      <c r="N675685" s="10"/>
    </row>
    <row r="675686" spans="14:14">
      <c r="N675686" s="10"/>
    </row>
    <row r="675687" spans="14:14">
      <c r="N675687" s="10"/>
    </row>
    <row r="675688" spans="14:14">
      <c r="N675688" s="10"/>
    </row>
    <row r="675689" spans="14:14">
      <c r="N675689" s="10"/>
    </row>
    <row r="675690" spans="14:14">
      <c r="N675690" s="10"/>
    </row>
    <row r="675691" spans="14:14">
      <c r="N675691" s="10"/>
    </row>
    <row r="675692" spans="14:14">
      <c r="N675692" s="10"/>
    </row>
    <row r="675693" spans="14:14">
      <c r="N675693" s="10"/>
    </row>
    <row r="675694" spans="14:14">
      <c r="N675694" s="10"/>
    </row>
    <row r="675695" spans="14:14">
      <c r="N675695" s="10"/>
    </row>
    <row r="675696" spans="14:14">
      <c r="N675696" s="10"/>
    </row>
    <row r="675697" spans="14:14">
      <c r="N675697" s="10"/>
    </row>
    <row r="675698" spans="14:14">
      <c r="N675698" s="10"/>
    </row>
    <row r="675699" spans="14:14">
      <c r="N675699" s="10"/>
    </row>
    <row r="675700" spans="14:14">
      <c r="N675700" s="10"/>
    </row>
    <row r="675701" spans="14:14">
      <c r="N675701" s="10"/>
    </row>
    <row r="675702" spans="14:14">
      <c r="N675702" s="10"/>
    </row>
    <row r="675703" spans="14:14">
      <c r="N675703" s="10"/>
    </row>
    <row r="675704" spans="14:14">
      <c r="N675704" s="10"/>
    </row>
    <row r="675705" spans="14:14">
      <c r="N675705" s="10"/>
    </row>
    <row r="675706" spans="14:14">
      <c r="N675706" s="10"/>
    </row>
    <row r="675707" spans="14:14">
      <c r="N675707" s="10"/>
    </row>
    <row r="675708" spans="14:14">
      <c r="N675708" s="10"/>
    </row>
    <row r="675709" spans="14:14">
      <c r="N675709" s="10"/>
    </row>
    <row r="675710" spans="14:14">
      <c r="N675710" s="10"/>
    </row>
    <row r="675711" spans="14:14">
      <c r="N675711" s="10"/>
    </row>
    <row r="675712" spans="14:14">
      <c r="N675712" s="10"/>
    </row>
    <row r="675713" spans="14:14">
      <c r="N675713" s="10"/>
    </row>
    <row r="675714" spans="14:14">
      <c r="N675714" s="10"/>
    </row>
    <row r="675715" spans="14:14">
      <c r="N675715" s="10"/>
    </row>
    <row r="675716" spans="14:14">
      <c r="N675716" s="10"/>
    </row>
    <row r="675717" spans="14:14">
      <c r="N675717" s="10"/>
    </row>
    <row r="675718" spans="14:14">
      <c r="N675718" s="10"/>
    </row>
    <row r="675719" spans="14:14">
      <c r="N675719" s="10"/>
    </row>
    <row r="675720" spans="14:14">
      <c r="N675720" s="10"/>
    </row>
    <row r="675721" spans="14:14">
      <c r="N675721" s="10"/>
    </row>
    <row r="675722" spans="14:14">
      <c r="N675722" s="10"/>
    </row>
    <row r="675723" spans="14:14">
      <c r="N675723" s="10"/>
    </row>
    <row r="675724" spans="14:14">
      <c r="N675724" s="10"/>
    </row>
    <row r="675725" spans="14:14">
      <c r="N675725" s="10"/>
    </row>
    <row r="675726" spans="14:14">
      <c r="N675726" s="10"/>
    </row>
    <row r="675727" spans="14:14">
      <c r="N675727" s="10"/>
    </row>
    <row r="675728" spans="14:14">
      <c r="N675728" s="10"/>
    </row>
    <row r="675729" spans="14:14">
      <c r="N675729" s="10"/>
    </row>
    <row r="675730" spans="14:14">
      <c r="N675730" s="10"/>
    </row>
    <row r="675731" spans="14:14">
      <c r="N675731" s="10"/>
    </row>
    <row r="675732" spans="14:14">
      <c r="N675732" s="10"/>
    </row>
    <row r="675733" spans="14:14">
      <c r="N675733" s="10"/>
    </row>
    <row r="675734" spans="14:14">
      <c r="N675734" s="10"/>
    </row>
    <row r="675735" spans="14:14">
      <c r="N675735" s="10"/>
    </row>
    <row r="675736" spans="14:14">
      <c r="N675736" s="10"/>
    </row>
    <row r="675737" spans="14:14">
      <c r="N675737" s="10"/>
    </row>
    <row r="675738" spans="14:14">
      <c r="N675738" s="10"/>
    </row>
    <row r="675739" spans="14:14">
      <c r="N675739" s="10"/>
    </row>
    <row r="675740" spans="14:14">
      <c r="N675740" s="10"/>
    </row>
    <row r="675741" spans="14:14">
      <c r="N675741" s="10"/>
    </row>
    <row r="675742" spans="14:14">
      <c r="N675742" s="10"/>
    </row>
    <row r="675743" spans="14:14">
      <c r="N675743" s="10"/>
    </row>
    <row r="675744" spans="14:14">
      <c r="N675744" s="10"/>
    </row>
    <row r="675745" spans="14:14">
      <c r="N675745" s="10"/>
    </row>
    <row r="675746" spans="14:14">
      <c r="N675746" s="10"/>
    </row>
    <row r="675747" spans="14:14">
      <c r="N675747" s="10"/>
    </row>
    <row r="675748" spans="14:14">
      <c r="N675748" s="10"/>
    </row>
    <row r="675749" spans="14:14">
      <c r="N675749" s="10"/>
    </row>
    <row r="675750" spans="14:14">
      <c r="N675750" s="10"/>
    </row>
    <row r="675751" spans="14:14">
      <c r="N675751" s="10"/>
    </row>
    <row r="675752" spans="14:14">
      <c r="N675752" s="10"/>
    </row>
    <row r="675753" spans="14:14">
      <c r="N675753" s="10"/>
    </row>
    <row r="675754" spans="14:14">
      <c r="N675754" s="10"/>
    </row>
    <row r="675755" spans="14:14">
      <c r="N675755" s="10"/>
    </row>
    <row r="675756" spans="14:14">
      <c r="N675756" s="10"/>
    </row>
    <row r="675757" spans="14:14">
      <c r="N675757" s="10"/>
    </row>
    <row r="675758" spans="14:14">
      <c r="N675758" s="10"/>
    </row>
    <row r="675759" spans="14:14">
      <c r="N675759" s="10"/>
    </row>
    <row r="675760" spans="14:14">
      <c r="N675760" s="10"/>
    </row>
    <row r="675761" spans="14:14">
      <c r="N675761" s="10"/>
    </row>
    <row r="675762" spans="14:14">
      <c r="N675762" s="10"/>
    </row>
    <row r="675763" spans="14:14">
      <c r="N675763" s="10"/>
    </row>
    <row r="675764" spans="14:14">
      <c r="N675764" s="10"/>
    </row>
    <row r="675765" spans="14:14">
      <c r="N675765" s="10"/>
    </row>
    <row r="675766" spans="14:14">
      <c r="N675766" s="10"/>
    </row>
    <row r="675767" spans="14:14">
      <c r="N675767" s="10"/>
    </row>
    <row r="675768" spans="14:14">
      <c r="N675768" s="10"/>
    </row>
    <row r="675769" spans="14:14">
      <c r="N675769" s="10"/>
    </row>
    <row r="675770" spans="14:14">
      <c r="N675770" s="10"/>
    </row>
    <row r="675771" spans="14:14">
      <c r="N675771" s="10"/>
    </row>
    <row r="675772" spans="14:14">
      <c r="N675772" s="10"/>
    </row>
    <row r="675773" spans="14:14">
      <c r="N675773" s="10"/>
    </row>
    <row r="675774" spans="14:14">
      <c r="N675774" s="10"/>
    </row>
    <row r="675775" spans="14:14">
      <c r="N675775" s="10"/>
    </row>
    <row r="675776" spans="14:14">
      <c r="N675776" s="10"/>
    </row>
    <row r="675777" spans="14:14">
      <c r="N675777" s="10"/>
    </row>
    <row r="675778" spans="14:14">
      <c r="N675778" s="10"/>
    </row>
    <row r="675779" spans="14:14">
      <c r="N675779" s="10"/>
    </row>
    <row r="675780" spans="14:14">
      <c r="N675780" s="10"/>
    </row>
    <row r="675781" spans="14:14">
      <c r="N675781" s="10"/>
    </row>
    <row r="675782" spans="14:14">
      <c r="N675782" s="10"/>
    </row>
    <row r="675783" spans="14:14">
      <c r="N675783" s="10"/>
    </row>
    <row r="675784" spans="14:14">
      <c r="N675784" s="10"/>
    </row>
    <row r="675785" spans="14:14">
      <c r="N675785" s="10"/>
    </row>
    <row r="675786" spans="14:14">
      <c r="N675786" s="10"/>
    </row>
    <row r="675787" spans="14:14">
      <c r="N675787" s="10"/>
    </row>
    <row r="675788" spans="14:14">
      <c r="N675788" s="10"/>
    </row>
    <row r="675789" spans="14:14">
      <c r="N675789" s="10"/>
    </row>
    <row r="675790" spans="14:14">
      <c r="N675790" s="10"/>
    </row>
    <row r="675791" spans="14:14">
      <c r="N675791" s="10"/>
    </row>
    <row r="675792" spans="14:14">
      <c r="N675792" s="10"/>
    </row>
    <row r="675793" spans="14:14">
      <c r="N675793" s="10"/>
    </row>
    <row r="675794" spans="14:14">
      <c r="N675794" s="10"/>
    </row>
    <row r="675795" spans="14:14">
      <c r="N675795" s="10"/>
    </row>
    <row r="675796" spans="14:14">
      <c r="N675796" s="10"/>
    </row>
    <row r="675797" spans="14:14">
      <c r="N675797" s="10"/>
    </row>
    <row r="675798" spans="14:14">
      <c r="N675798" s="10"/>
    </row>
    <row r="675799" spans="14:14">
      <c r="N675799" s="10"/>
    </row>
    <row r="675800" spans="14:14">
      <c r="N675800" s="10"/>
    </row>
    <row r="675801" spans="14:14">
      <c r="N675801" s="10"/>
    </row>
    <row r="675802" spans="14:14">
      <c r="N675802" s="10"/>
    </row>
    <row r="675803" spans="14:14">
      <c r="N675803" s="10"/>
    </row>
    <row r="675804" spans="14:14">
      <c r="N675804" s="10"/>
    </row>
    <row r="675805" spans="14:14">
      <c r="N675805" s="10"/>
    </row>
    <row r="675806" spans="14:14">
      <c r="N675806" s="10"/>
    </row>
    <row r="675807" spans="14:14">
      <c r="N675807" s="10"/>
    </row>
    <row r="675808" spans="14:14">
      <c r="N675808" s="10"/>
    </row>
    <row r="675809" spans="14:14">
      <c r="N675809" s="10"/>
    </row>
    <row r="675810" spans="14:14">
      <c r="N675810" s="10"/>
    </row>
    <row r="675811" spans="14:14">
      <c r="N675811" s="10"/>
    </row>
    <row r="675812" spans="14:14">
      <c r="N675812" s="10"/>
    </row>
    <row r="675813" spans="14:14">
      <c r="N675813" s="10"/>
    </row>
    <row r="675814" spans="14:14">
      <c r="N675814" s="10"/>
    </row>
    <row r="675815" spans="14:14">
      <c r="N675815" s="10"/>
    </row>
    <row r="675816" spans="14:14">
      <c r="N675816" s="10"/>
    </row>
    <row r="675817" spans="14:14">
      <c r="N675817" s="10"/>
    </row>
    <row r="675818" spans="14:14">
      <c r="N675818" s="10"/>
    </row>
    <row r="675819" spans="14:14">
      <c r="N675819" s="10"/>
    </row>
    <row r="675820" spans="14:14">
      <c r="N675820" s="10"/>
    </row>
    <row r="675821" spans="14:14">
      <c r="N675821" s="10"/>
    </row>
    <row r="675822" spans="14:14">
      <c r="N675822" s="10"/>
    </row>
    <row r="675823" spans="14:14">
      <c r="N675823" s="10"/>
    </row>
    <row r="675824" spans="14:14">
      <c r="N675824" s="10"/>
    </row>
    <row r="675825" spans="14:14">
      <c r="N675825" s="10"/>
    </row>
    <row r="675826" spans="14:14">
      <c r="N675826" s="10"/>
    </row>
    <row r="675827" spans="14:14">
      <c r="N675827" s="10"/>
    </row>
    <row r="675828" spans="14:14">
      <c r="N675828" s="10"/>
    </row>
    <row r="675829" spans="14:14">
      <c r="N675829" s="10"/>
    </row>
    <row r="675830" spans="14:14">
      <c r="N675830" s="10"/>
    </row>
    <row r="675831" spans="14:14">
      <c r="N675831" s="10"/>
    </row>
    <row r="675832" spans="14:14">
      <c r="N675832" s="10"/>
    </row>
    <row r="675833" spans="14:14">
      <c r="N675833" s="10"/>
    </row>
    <row r="675834" spans="14:14">
      <c r="N675834" s="10"/>
    </row>
    <row r="675835" spans="14:14">
      <c r="N675835" s="10"/>
    </row>
    <row r="675836" spans="14:14">
      <c r="N675836" s="10"/>
    </row>
    <row r="675837" spans="14:14">
      <c r="N675837" s="10"/>
    </row>
    <row r="675838" spans="14:14">
      <c r="N675838" s="10"/>
    </row>
    <row r="675839" spans="14:14">
      <c r="N675839" s="10"/>
    </row>
    <row r="675840" spans="14:14">
      <c r="N675840" s="10"/>
    </row>
    <row r="675841" spans="14:14">
      <c r="N675841" s="10"/>
    </row>
    <row r="675842" spans="14:14">
      <c r="N675842" s="10"/>
    </row>
    <row r="675843" spans="14:14">
      <c r="N675843" s="10"/>
    </row>
    <row r="675844" spans="14:14">
      <c r="N675844" s="10"/>
    </row>
    <row r="675845" spans="14:14">
      <c r="N675845" s="10"/>
    </row>
    <row r="675846" spans="14:14">
      <c r="N675846" s="10"/>
    </row>
    <row r="675847" spans="14:14">
      <c r="N675847" s="10"/>
    </row>
    <row r="675848" spans="14:14">
      <c r="N675848" s="10"/>
    </row>
    <row r="675849" spans="14:14">
      <c r="N675849" s="10"/>
    </row>
    <row r="675850" spans="14:14">
      <c r="N675850" s="10"/>
    </row>
    <row r="675851" spans="14:14">
      <c r="N675851" s="10"/>
    </row>
    <row r="675852" spans="14:14">
      <c r="N675852" s="10"/>
    </row>
    <row r="675853" spans="14:14">
      <c r="N675853" s="10"/>
    </row>
    <row r="675854" spans="14:14">
      <c r="N675854" s="10"/>
    </row>
    <row r="675855" spans="14:14">
      <c r="N675855" s="10"/>
    </row>
    <row r="675856" spans="14:14">
      <c r="N675856" s="10"/>
    </row>
    <row r="675857" spans="14:14">
      <c r="N675857" s="10"/>
    </row>
    <row r="675858" spans="14:14">
      <c r="N675858" s="10"/>
    </row>
    <row r="675859" spans="14:14">
      <c r="N675859" s="10"/>
    </row>
    <row r="675860" spans="14:14">
      <c r="N675860" s="10"/>
    </row>
    <row r="675861" spans="14:14">
      <c r="N675861" s="10"/>
    </row>
    <row r="675862" spans="14:14">
      <c r="N675862" s="10"/>
    </row>
    <row r="675863" spans="14:14">
      <c r="N675863" s="10"/>
    </row>
    <row r="675864" spans="14:14">
      <c r="N675864" s="10"/>
    </row>
    <row r="675865" spans="14:14">
      <c r="N675865" s="10"/>
    </row>
    <row r="675866" spans="14:14">
      <c r="N675866" s="10"/>
    </row>
    <row r="675867" spans="14:14">
      <c r="N675867" s="10"/>
    </row>
    <row r="675868" spans="14:14">
      <c r="N675868" s="10"/>
    </row>
    <row r="675869" spans="14:14">
      <c r="N675869" s="10"/>
    </row>
    <row r="675870" spans="14:14">
      <c r="N675870" s="10"/>
    </row>
    <row r="675871" spans="14:14">
      <c r="N675871" s="10"/>
    </row>
    <row r="675872" spans="14:14">
      <c r="N675872" s="10"/>
    </row>
    <row r="675873" spans="14:14">
      <c r="N675873" s="10"/>
    </row>
    <row r="675874" spans="14:14">
      <c r="N675874" s="10"/>
    </row>
    <row r="675875" spans="14:14">
      <c r="N675875" s="10"/>
    </row>
    <row r="675876" spans="14:14">
      <c r="N675876" s="10"/>
    </row>
    <row r="675877" spans="14:14">
      <c r="N675877" s="10"/>
    </row>
    <row r="675878" spans="14:14">
      <c r="N675878" s="10"/>
    </row>
    <row r="675879" spans="14:14">
      <c r="N675879" s="10"/>
    </row>
    <row r="675880" spans="14:14">
      <c r="N675880" s="10"/>
    </row>
    <row r="675881" spans="14:14">
      <c r="N675881" s="10"/>
    </row>
    <row r="675882" spans="14:14">
      <c r="N675882" s="10"/>
    </row>
    <row r="675883" spans="14:14">
      <c r="N675883" s="10"/>
    </row>
    <row r="675884" spans="14:14">
      <c r="N675884" s="10"/>
    </row>
    <row r="675885" spans="14:14">
      <c r="N675885" s="10"/>
    </row>
    <row r="675886" spans="14:14">
      <c r="N675886" s="10"/>
    </row>
    <row r="675887" spans="14:14">
      <c r="N675887" s="10"/>
    </row>
    <row r="675888" spans="14:14">
      <c r="N675888" s="10"/>
    </row>
    <row r="675889" spans="14:14">
      <c r="N675889" s="10"/>
    </row>
    <row r="675890" spans="14:14">
      <c r="N675890" s="10"/>
    </row>
    <row r="675891" spans="14:14">
      <c r="N675891" s="10"/>
    </row>
    <row r="675892" spans="14:14">
      <c r="N675892" s="10"/>
    </row>
    <row r="675893" spans="14:14">
      <c r="N675893" s="10"/>
    </row>
    <row r="675894" spans="14:14">
      <c r="N675894" s="10"/>
    </row>
    <row r="675895" spans="14:14">
      <c r="N675895" s="10"/>
    </row>
    <row r="675896" spans="14:14">
      <c r="N675896" s="10"/>
    </row>
    <row r="675897" spans="14:14">
      <c r="N675897" s="10"/>
    </row>
    <row r="675898" spans="14:14">
      <c r="N675898" s="10"/>
    </row>
    <row r="675899" spans="14:14">
      <c r="N675899" s="10"/>
    </row>
    <row r="675900" spans="14:14">
      <c r="N675900" s="10"/>
    </row>
    <row r="675901" spans="14:14">
      <c r="N675901" s="10"/>
    </row>
    <row r="675902" spans="14:14">
      <c r="N675902" s="10"/>
    </row>
    <row r="675903" spans="14:14">
      <c r="N675903" s="10"/>
    </row>
    <row r="675904" spans="14:14">
      <c r="N675904" s="10"/>
    </row>
    <row r="675905" spans="14:14">
      <c r="N675905" s="10"/>
    </row>
    <row r="675906" spans="14:14">
      <c r="N675906" s="10"/>
    </row>
    <row r="675907" spans="14:14">
      <c r="N675907" s="10"/>
    </row>
    <row r="675908" spans="14:14">
      <c r="N675908" s="10"/>
    </row>
    <row r="675909" spans="14:14">
      <c r="N675909" s="10"/>
    </row>
    <row r="675910" spans="14:14">
      <c r="N675910" s="10"/>
    </row>
    <row r="675911" spans="14:14">
      <c r="N675911" s="10"/>
    </row>
    <row r="675912" spans="14:14">
      <c r="N675912" s="10"/>
    </row>
    <row r="675913" spans="14:14">
      <c r="N675913" s="10"/>
    </row>
    <row r="675914" spans="14:14">
      <c r="N675914" s="10"/>
    </row>
    <row r="675915" spans="14:14">
      <c r="N675915" s="10"/>
    </row>
    <row r="675916" spans="14:14">
      <c r="N675916" s="10"/>
    </row>
    <row r="675917" spans="14:14">
      <c r="N675917" s="10"/>
    </row>
    <row r="675918" spans="14:14">
      <c r="N675918" s="10"/>
    </row>
    <row r="675919" spans="14:14">
      <c r="N675919" s="10"/>
    </row>
    <row r="675920" spans="14:14">
      <c r="N675920" s="10"/>
    </row>
    <row r="675921" spans="14:14">
      <c r="N675921" s="10"/>
    </row>
    <row r="675922" spans="14:14">
      <c r="N675922" s="10"/>
    </row>
    <row r="675923" spans="14:14">
      <c r="N675923" s="10"/>
    </row>
    <row r="675924" spans="14:14">
      <c r="N675924" s="10"/>
    </row>
    <row r="675925" spans="14:14">
      <c r="N675925" s="10"/>
    </row>
    <row r="675926" spans="14:14">
      <c r="N675926" s="10"/>
    </row>
    <row r="675927" spans="14:14">
      <c r="N675927" s="10"/>
    </row>
    <row r="675928" spans="14:14">
      <c r="N675928" s="10"/>
    </row>
    <row r="675929" spans="14:14">
      <c r="N675929" s="10"/>
    </row>
    <row r="675930" spans="14:14">
      <c r="N675930" s="10"/>
    </row>
    <row r="675931" spans="14:14">
      <c r="N675931" s="10"/>
    </row>
    <row r="675932" spans="14:14">
      <c r="N675932" s="10"/>
    </row>
    <row r="675933" spans="14:14">
      <c r="N675933" s="10"/>
    </row>
    <row r="675934" spans="14:14">
      <c r="N675934" s="10"/>
    </row>
    <row r="675935" spans="14:14">
      <c r="N675935" s="10"/>
    </row>
    <row r="675936" spans="14:14">
      <c r="N675936" s="10"/>
    </row>
    <row r="675937" spans="14:14">
      <c r="N675937" s="10"/>
    </row>
    <row r="675938" spans="14:14">
      <c r="N675938" s="10"/>
    </row>
    <row r="675939" spans="14:14">
      <c r="N675939" s="10"/>
    </row>
    <row r="675940" spans="14:14">
      <c r="N675940" s="10"/>
    </row>
    <row r="675941" spans="14:14">
      <c r="N675941" s="10"/>
    </row>
    <row r="675942" spans="14:14">
      <c r="N675942" s="10"/>
    </row>
    <row r="675943" spans="14:14">
      <c r="N675943" s="10"/>
    </row>
    <row r="675944" spans="14:14">
      <c r="N675944" s="10"/>
    </row>
    <row r="675945" spans="14:14">
      <c r="N675945" s="10"/>
    </row>
    <row r="675946" spans="14:14">
      <c r="N675946" s="10"/>
    </row>
    <row r="675947" spans="14:14">
      <c r="N675947" s="10"/>
    </row>
    <row r="675948" spans="14:14">
      <c r="N675948" s="10"/>
    </row>
    <row r="675949" spans="14:14">
      <c r="N675949" s="10"/>
    </row>
    <row r="675950" spans="14:14">
      <c r="N675950" s="10"/>
    </row>
    <row r="675951" spans="14:14">
      <c r="N675951" s="10"/>
    </row>
    <row r="675952" spans="14:14">
      <c r="N675952" s="10"/>
    </row>
    <row r="675953" spans="14:14">
      <c r="N675953" s="10"/>
    </row>
    <row r="675954" spans="14:14">
      <c r="N675954" s="10"/>
    </row>
    <row r="675955" spans="14:14">
      <c r="N675955" s="10"/>
    </row>
    <row r="675956" spans="14:14">
      <c r="N675956" s="10"/>
    </row>
    <row r="675957" spans="14:14">
      <c r="N675957" s="10"/>
    </row>
    <row r="675958" spans="14:14">
      <c r="N675958" s="10"/>
    </row>
    <row r="675959" spans="14:14">
      <c r="N675959" s="10"/>
    </row>
    <row r="675960" spans="14:14">
      <c r="N675960" s="10"/>
    </row>
    <row r="675961" spans="14:14">
      <c r="N675961" s="10"/>
    </row>
    <row r="675962" spans="14:14">
      <c r="N675962" s="10"/>
    </row>
    <row r="675963" spans="14:14">
      <c r="N675963" s="10"/>
    </row>
    <row r="675964" spans="14:14">
      <c r="N675964" s="10"/>
    </row>
    <row r="675965" spans="14:14">
      <c r="N675965" s="10"/>
    </row>
    <row r="675966" spans="14:14">
      <c r="N675966" s="10"/>
    </row>
    <row r="675967" spans="14:14">
      <c r="N675967" s="10"/>
    </row>
    <row r="675968" spans="14:14">
      <c r="N675968" s="10"/>
    </row>
    <row r="675969" spans="14:14">
      <c r="N675969" s="10"/>
    </row>
    <row r="675970" spans="14:14">
      <c r="N675970" s="10"/>
    </row>
    <row r="675971" spans="14:14">
      <c r="N675971" s="10"/>
    </row>
    <row r="675972" spans="14:14">
      <c r="N675972" s="10"/>
    </row>
    <row r="675973" spans="14:14">
      <c r="N675973" s="10"/>
    </row>
    <row r="675974" spans="14:14">
      <c r="N675974" s="10"/>
    </row>
    <row r="675975" spans="14:14">
      <c r="N675975" s="10"/>
    </row>
    <row r="675976" spans="14:14">
      <c r="N675976" s="10"/>
    </row>
    <row r="675977" spans="14:14">
      <c r="N675977" s="10"/>
    </row>
    <row r="675978" spans="14:14">
      <c r="N675978" s="10"/>
    </row>
    <row r="675979" spans="14:14">
      <c r="N675979" s="10"/>
    </row>
    <row r="675980" spans="14:14">
      <c r="N675980" s="10"/>
    </row>
    <row r="675981" spans="14:14">
      <c r="N675981" s="10"/>
    </row>
    <row r="675982" spans="14:14">
      <c r="N675982" s="10"/>
    </row>
    <row r="675983" spans="14:14">
      <c r="N675983" s="10"/>
    </row>
    <row r="675984" spans="14:14">
      <c r="N675984" s="10"/>
    </row>
    <row r="675985" spans="14:14">
      <c r="N675985" s="10"/>
    </row>
    <row r="675986" spans="14:14">
      <c r="N675986" s="10"/>
    </row>
    <row r="675987" spans="14:14">
      <c r="N675987" s="10"/>
    </row>
    <row r="675988" spans="14:14">
      <c r="N675988" s="10"/>
    </row>
    <row r="675989" spans="14:14">
      <c r="N675989" s="10"/>
    </row>
    <row r="675990" spans="14:14">
      <c r="N675990" s="10"/>
    </row>
    <row r="675991" spans="14:14">
      <c r="N675991" s="10"/>
    </row>
    <row r="675992" spans="14:14">
      <c r="N675992" s="10"/>
    </row>
    <row r="675993" spans="14:14">
      <c r="N675993" s="10"/>
    </row>
    <row r="675994" spans="14:14">
      <c r="N675994" s="10"/>
    </row>
    <row r="675995" spans="14:14">
      <c r="N675995" s="10"/>
    </row>
    <row r="675996" spans="14:14">
      <c r="N675996" s="10"/>
    </row>
    <row r="675997" spans="14:14">
      <c r="N675997" s="10"/>
    </row>
    <row r="675998" spans="14:14">
      <c r="N675998" s="10"/>
    </row>
    <row r="675999" spans="14:14">
      <c r="N675999" s="10"/>
    </row>
    <row r="676000" spans="14:14">
      <c r="N676000" s="10"/>
    </row>
    <row r="676001" spans="14:14">
      <c r="N676001" s="10"/>
    </row>
    <row r="676002" spans="14:14">
      <c r="N676002" s="10"/>
    </row>
    <row r="676003" spans="14:14">
      <c r="N676003" s="10"/>
    </row>
    <row r="676004" spans="14:14">
      <c r="N676004" s="10"/>
    </row>
    <row r="676005" spans="14:14">
      <c r="N676005" s="10"/>
    </row>
    <row r="676006" spans="14:14">
      <c r="N676006" s="10"/>
    </row>
    <row r="676007" spans="14:14">
      <c r="N676007" s="10"/>
    </row>
    <row r="676008" spans="14:14">
      <c r="N676008" s="10"/>
    </row>
    <row r="676009" spans="14:14">
      <c r="N676009" s="10"/>
    </row>
    <row r="676010" spans="14:14">
      <c r="N676010" s="10"/>
    </row>
    <row r="676011" spans="14:14">
      <c r="N676011" s="10"/>
    </row>
    <row r="676012" spans="14:14">
      <c r="N676012" s="10"/>
    </row>
    <row r="676013" spans="14:14">
      <c r="N676013" s="10"/>
    </row>
    <row r="676014" spans="14:14">
      <c r="N676014" s="10"/>
    </row>
    <row r="676015" spans="14:14">
      <c r="N676015" s="10"/>
    </row>
    <row r="676016" spans="14:14">
      <c r="N676016" s="10"/>
    </row>
    <row r="676017" spans="14:14">
      <c r="N676017" s="10"/>
    </row>
    <row r="676018" spans="14:14">
      <c r="N676018" s="10"/>
    </row>
    <row r="676019" spans="14:14">
      <c r="N676019" s="10"/>
    </row>
    <row r="676020" spans="14:14">
      <c r="N676020" s="10"/>
    </row>
    <row r="676021" spans="14:14">
      <c r="N676021" s="10"/>
    </row>
    <row r="676022" spans="14:14">
      <c r="N676022" s="10"/>
    </row>
    <row r="676023" spans="14:14">
      <c r="N676023" s="10"/>
    </row>
    <row r="676024" spans="14:14">
      <c r="N676024" s="10"/>
    </row>
    <row r="676025" spans="14:14">
      <c r="N676025" s="10"/>
    </row>
    <row r="676026" spans="14:14">
      <c r="N676026" s="10"/>
    </row>
    <row r="676027" spans="14:14">
      <c r="N676027" s="10"/>
    </row>
    <row r="676028" spans="14:14">
      <c r="N676028" s="10"/>
    </row>
    <row r="676029" spans="14:14">
      <c r="N676029" s="10"/>
    </row>
    <row r="676030" spans="14:14">
      <c r="N676030" s="10"/>
    </row>
    <row r="676031" spans="14:14">
      <c r="N676031" s="10"/>
    </row>
    <row r="676032" spans="14:14">
      <c r="N676032" s="10"/>
    </row>
    <row r="676033" spans="14:14">
      <c r="N676033" s="10"/>
    </row>
    <row r="676034" spans="14:14">
      <c r="N676034" s="10"/>
    </row>
    <row r="676035" spans="14:14">
      <c r="N676035" s="10"/>
    </row>
    <row r="676036" spans="14:14">
      <c r="N676036" s="10"/>
    </row>
    <row r="676037" spans="14:14">
      <c r="N676037" s="10"/>
    </row>
    <row r="676038" spans="14:14">
      <c r="N676038" s="10"/>
    </row>
    <row r="676039" spans="14:14">
      <c r="N676039" s="10"/>
    </row>
    <row r="676040" spans="14:14">
      <c r="N676040" s="10"/>
    </row>
    <row r="676041" spans="14:14">
      <c r="N676041" s="10"/>
    </row>
    <row r="676042" spans="14:14">
      <c r="N676042" s="10"/>
    </row>
    <row r="676043" spans="14:14">
      <c r="N676043" s="10"/>
    </row>
    <row r="676044" spans="14:14">
      <c r="N676044" s="10"/>
    </row>
    <row r="676045" spans="14:14">
      <c r="N676045" s="10"/>
    </row>
    <row r="676046" spans="14:14">
      <c r="N676046" s="10"/>
    </row>
    <row r="676047" spans="14:14">
      <c r="N676047" s="10"/>
    </row>
    <row r="676048" spans="14:14">
      <c r="N676048" s="10"/>
    </row>
    <row r="676049" spans="14:14">
      <c r="N676049" s="10"/>
    </row>
    <row r="676050" spans="14:14">
      <c r="N676050" s="10"/>
    </row>
    <row r="676051" spans="14:14">
      <c r="N676051" s="10"/>
    </row>
    <row r="676052" spans="14:14">
      <c r="N676052" s="10"/>
    </row>
    <row r="676053" spans="14:14">
      <c r="N676053" s="10"/>
    </row>
    <row r="676054" spans="14:14">
      <c r="N676054" s="10"/>
    </row>
    <row r="676055" spans="14:14">
      <c r="N676055" s="10"/>
    </row>
    <row r="676056" spans="14:14">
      <c r="N676056" s="10"/>
    </row>
    <row r="676057" spans="14:14">
      <c r="N676057" s="10"/>
    </row>
    <row r="676058" spans="14:14">
      <c r="N676058" s="10"/>
    </row>
    <row r="676059" spans="14:14">
      <c r="N676059" s="10"/>
    </row>
    <row r="676060" spans="14:14">
      <c r="N676060" s="10"/>
    </row>
    <row r="676061" spans="14:14">
      <c r="N676061" s="10"/>
    </row>
    <row r="676062" spans="14:14">
      <c r="N676062" s="10"/>
    </row>
    <row r="676063" spans="14:14">
      <c r="N676063" s="10"/>
    </row>
    <row r="676064" spans="14:14">
      <c r="N676064" s="10"/>
    </row>
    <row r="676065" spans="14:14">
      <c r="N676065" s="10"/>
    </row>
    <row r="676066" spans="14:14">
      <c r="N676066" s="10"/>
    </row>
    <row r="676067" spans="14:14">
      <c r="N676067" s="10"/>
    </row>
    <row r="676068" spans="14:14">
      <c r="N676068" s="10"/>
    </row>
    <row r="676069" spans="14:14">
      <c r="N676069" s="10"/>
    </row>
    <row r="676070" spans="14:14">
      <c r="N676070" s="10"/>
    </row>
    <row r="676071" spans="14:14">
      <c r="N676071" s="10"/>
    </row>
    <row r="676072" spans="14:14">
      <c r="N676072" s="10"/>
    </row>
    <row r="676073" spans="14:14">
      <c r="N676073" s="10"/>
    </row>
    <row r="676074" spans="14:14">
      <c r="N676074" s="10"/>
    </row>
    <row r="676075" spans="14:14">
      <c r="N676075" s="10"/>
    </row>
    <row r="676076" spans="14:14">
      <c r="N676076" s="10"/>
    </row>
    <row r="676077" spans="14:14">
      <c r="N676077" s="10"/>
    </row>
    <row r="676078" spans="14:14">
      <c r="N676078" s="10"/>
    </row>
    <row r="676079" spans="14:14">
      <c r="N676079" s="10"/>
    </row>
    <row r="676080" spans="14:14">
      <c r="N676080" s="10"/>
    </row>
    <row r="676081" spans="14:14">
      <c r="N676081" s="10"/>
    </row>
    <row r="676082" spans="14:14">
      <c r="N676082" s="10"/>
    </row>
    <row r="676083" spans="14:14">
      <c r="N676083" s="10"/>
    </row>
    <row r="676084" spans="14:14">
      <c r="N676084" s="10"/>
    </row>
    <row r="676085" spans="14:14">
      <c r="N676085" s="10"/>
    </row>
    <row r="676086" spans="14:14">
      <c r="N676086" s="10"/>
    </row>
    <row r="676087" spans="14:14">
      <c r="N676087" s="10"/>
    </row>
    <row r="676088" spans="14:14">
      <c r="N676088" s="10"/>
    </row>
    <row r="676089" spans="14:14">
      <c r="N676089" s="10"/>
    </row>
    <row r="676090" spans="14:14">
      <c r="N676090" s="10"/>
    </row>
    <row r="676091" spans="14:14">
      <c r="N676091" s="10"/>
    </row>
    <row r="676092" spans="14:14">
      <c r="N676092" s="10"/>
    </row>
    <row r="676093" spans="14:14">
      <c r="N676093" s="10"/>
    </row>
    <row r="676094" spans="14:14">
      <c r="N676094" s="10"/>
    </row>
    <row r="676095" spans="14:14">
      <c r="N676095" s="10"/>
    </row>
    <row r="676096" spans="14:14">
      <c r="N676096" s="10"/>
    </row>
    <row r="676097" spans="14:14">
      <c r="N676097" s="10"/>
    </row>
    <row r="676098" spans="14:14">
      <c r="N676098" s="10"/>
    </row>
    <row r="676099" spans="14:14">
      <c r="N676099" s="10"/>
    </row>
    <row r="676100" spans="14:14">
      <c r="N676100" s="10"/>
    </row>
    <row r="676101" spans="14:14">
      <c r="N676101" s="10"/>
    </row>
    <row r="676102" spans="14:14">
      <c r="N676102" s="10"/>
    </row>
    <row r="676103" spans="14:14">
      <c r="N676103" s="10"/>
    </row>
    <row r="676104" spans="14:14">
      <c r="N676104" s="10"/>
    </row>
    <row r="676105" spans="14:14">
      <c r="N676105" s="10"/>
    </row>
    <row r="676106" spans="14:14">
      <c r="N676106" s="10"/>
    </row>
    <row r="676107" spans="14:14">
      <c r="N676107" s="10"/>
    </row>
    <row r="676108" spans="14:14">
      <c r="N676108" s="10"/>
    </row>
    <row r="676109" spans="14:14">
      <c r="N676109" s="10"/>
    </row>
    <row r="676110" spans="14:14">
      <c r="N676110" s="10"/>
    </row>
    <row r="676111" spans="14:14">
      <c r="N676111" s="10"/>
    </row>
    <row r="676112" spans="14:14">
      <c r="N676112" s="10"/>
    </row>
    <row r="676113" spans="14:14">
      <c r="N676113" s="10"/>
    </row>
    <row r="676114" spans="14:14">
      <c r="N676114" s="10"/>
    </row>
    <row r="676115" spans="14:14">
      <c r="N676115" s="10"/>
    </row>
    <row r="676116" spans="14:14">
      <c r="N676116" s="10"/>
    </row>
    <row r="676117" spans="14:14">
      <c r="N676117" s="10"/>
    </row>
    <row r="676118" spans="14:14">
      <c r="N676118" s="10"/>
    </row>
    <row r="676119" spans="14:14">
      <c r="N676119" s="10"/>
    </row>
    <row r="676120" spans="14:14">
      <c r="N676120" s="10"/>
    </row>
    <row r="676121" spans="14:14">
      <c r="N676121" s="10"/>
    </row>
    <row r="676122" spans="14:14">
      <c r="N676122" s="10"/>
    </row>
    <row r="676123" spans="14:14">
      <c r="N676123" s="10"/>
    </row>
    <row r="676124" spans="14:14">
      <c r="N676124" s="10"/>
    </row>
    <row r="676125" spans="14:14">
      <c r="N676125" s="10"/>
    </row>
    <row r="676126" spans="14:14">
      <c r="N676126" s="10"/>
    </row>
    <row r="676127" spans="14:14">
      <c r="N676127" s="10"/>
    </row>
    <row r="676128" spans="14:14">
      <c r="N676128" s="10"/>
    </row>
    <row r="676129" spans="14:14">
      <c r="N676129" s="10"/>
    </row>
    <row r="676130" spans="14:14">
      <c r="N676130" s="10"/>
    </row>
    <row r="676131" spans="14:14">
      <c r="N676131" s="10"/>
    </row>
    <row r="676132" spans="14:14">
      <c r="N676132" s="10"/>
    </row>
    <row r="676133" spans="14:14">
      <c r="N676133" s="10"/>
    </row>
    <row r="676134" spans="14:14">
      <c r="N676134" s="10"/>
    </row>
    <row r="676135" spans="14:14">
      <c r="N676135" s="10"/>
    </row>
    <row r="676136" spans="14:14">
      <c r="N676136" s="10"/>
    </row>
    <row r="676137" spans="14:14">
      <c r="N676137" s="10"/>
    </row>
    <row r="676138" spans="14:14">
      <c r="N676138" s="10"/>
    </row>
    <row r="676139" spans="14:14">
      <c r="N676139" s="10"/>
    </row>
    <row r="676140" spans="14:14">
      <c r="N676140" s="10"/>
    </row>
    <row r="676141" spans="14:14">
      <c r="N676141" s="10"/>
    </row>
    <row r="676142" spans="14:14">
      <c r="N676142" s="10"/>
    </row>
    <row r="676143" spans="14:14">
      <c r="N676143" s="10"/>
    </row>
    <row r="676144" spans="14:14">
      <c r="N676144" s="10"/>
    </row>
    <row r="676145" spans="14:14">
      <c r="N676145" s="10"/>
    </row>
    <row r="676146" spans="14:14">
      <c r="N676146" s="10"/>
    </row>
    <row r="676147" spans="14:14">
      <c r="N676147" s="10"/>
    </row>
    <row r="676148" spans="14:14">
      <c r="N676148" s="10"/>
    </row>
    <row r="676149" spans="14:14">
      <c r="N676149" s="10"/>
    </row>
    <row r="676150" spans="14:14">
      <c r="N676150" s="10"/>
    </row>
    <row r="676151" spans="14:14">
      <c r="N676151" s="10"/>
    </row>
    <row r="676152" spans="14:14">
      <c r="N676152" s="10"/>
    </row>
    <row r="676153" spans="14:14">
      <c r="N676153" s="10"/>
    </row>
    <row r="676154" spans="14:14">
      <c r="N676154" s="10"/>
    </row>
    <row r="676155" spans="14:14">
      <c r="N676155" s="10"/>
    </row>
    <row r="676156" spans="14:14">
      <c r="N676156" s="10"/>
    </row>
    <row r="676157" spans="14:14">
      <c r="N676157" s="10"/>
    </row>
    <row r="676158" spans="14:14">
      <c r="N676158" s="10"/>
    </row>
    <row r="676159" spans="14:14">
      <c r="N676159" s="10"/>
    </row>
    <row r="676160" spans="14:14">
      <c r="N676160" s="10"/>
    </row>
    <row r="676161" spans="14:14">
      <c r="N676161" s="10"/>
    </row>
    <row r="676162" spans="14:14">
      <c r="N676162" s="10"/>
    </row>
    <row r="676163" spans="14:14">
      <c r="N676163" s="10"/>
    </row>
    <row r="676164" spans="14:14">
      <c r="N676164" s="10"/>
    </row>
    <row r="676165" spans="14:14">
      <c r="N676165" s="10"/>
    </row>
    <row r="676166" spans="14:14">
      <c r="N676166" s="10"/>
    </row>
    <row r="676167" spans="14:14">
      <c r="N676167" s="10"/>
    </row>
    <row r="676168" spans="14:14">
      <c r="N676168" s="10"/>
    </row>
    <row r="676169" spans="14:14">
      <c r="N676169" s="10"/>
    </row>
    <row r="676170" spans="14:14">
      <c r="N676170" s="10"/>
    </row>
    <row r="676171" spans="14:14">
      <c r="N676171" s="10"/>
    </row>
    <row r="676172" spans="14:14">
      <c r="N676172" s="10"/>
    </row>
    <row r="676173" spans="14:14">
      <c r="N676173" s="10"/>
    </row>
    <row r="676174" spans="14:14">
      <c r="N676174" s="10"/>
    </row>
    <row r="676175" spans="14:14">
      <c r="N676175" s="10"/>
    </row>
    <row r="676176" spans="14:14">
      <c r="N676176" s="10"/>
    </row>
    <row r="676177" spans="14:14">
      <c r="N676177" s="10"/>
    </row>
    <row r="676178" spans="14:14">
      <c r="N676178" s="10"/>
    </row>
    <row r="676179" spans="14:14">
      <c r="N676179" s="10"/>
    </row>
    <row r="676180" spans="14:14">
      <c r="N676180" s="10"/>
    </row>
    <row r="676181" spans="14:14">
      <c r="N676181" s="10"/>
    </row>
    <row r="676182" spans="14:14">
      <c r="N676182" s="10"/>
    </row>
    <row r="676183" spans="14:14">
      <c r="N676183" s="10"/>
    </row>
    <row r="676184" spans="14:14">
      <c r="N676184" s="10"/>
    </row>
    <row r="676185" spans="14:14">
      <c r="N676185" s="10"/>
    </row>
    <row r="676186" spans="14:14">
      <c r="N676186" s="10"/>
    </row>
    <row r="676187" spans="14:14">
      <c r="N676187" s="10"/>
    </row>
    <row r="676188" spans="14:14">
      <c r="N676188" s="10"/>
    </row>
    <row r="676189" spans="14:14">
      <c r="N676189" s="10"/>
    </row>
    <row r="676190" spans="14:14">
      <c r="N676190" s="10"/>
    </row>
    <row r="676191" spans="14:14">
      <c r="N676191" s="10"/>
    </row>
    <row r="676192" spans="14:14">
      <c r="N676192" s="10"/>
    </row>
    <row r="676193" spans="14:14">
      <c r="N676193" s="10"/>
    </row>
    <row r="676194" spans="14:14">
      <c r="N676194" s="10"/>
    </row>
    <row r="676195" spans="14:14">
      <c r="N676195" s="10"/>
    </row>
    <row r="676196" spans="14:14">
      <c r="N676196" s="10"/>
    </row>
    <row r="676197" spans="14:14">
      <c r="N676197" s="10"/>
    </row>
    <row r="676198" spans="14:14">
      <c r="N676198" s="10"/>
    </row>
    <row r="676199" spans="14:14">
      <c r="N676199" s="10"/>
    </row>
    <row r="676200" spans="14:14">
      <c r="N676200" s="10"/>
    </row>
    <row r="676201" spans="14:14">
      <c r="N676201" s="10"/>
    </row>
    <row r="676202" spans="14:14">
      <c r="N676202" s="10"/>
    </row>
    <row r="676203" spans="14:14">
      <c r="N676203" s="10"/>
    </row>
    <row r="676204" spans="14:14">
      <c r="N676204" s="10"/>
    </row>
    <row r="676205" spans="14:14">
      <c r="N676205" s="10"/>
    </row>
    <row r="676206" spans="14:14">
      <c r="N676206" s="10"/>
    </row>
    <row r="676207" spans="14:14">
      <c r="N676207" s="10"/>
    </row>
    <row r="676208" spans="14:14">
      <c r="N676208" s="10"/>
    </row>
    <row r="676209" spans="14:14">
      <c r="N676209" s="10"/>
    </row>
    <row r="676210" spans="14:14">
      <c r="N676210" s="10"/>
    </row>
    <row r="676211" spans="14:14">
      <c r="N676211" s="10"/>
    </row>
    <row r="676212" spans="14:14">
      <c r="N676212" s="10"/>
    </row>
    <row r="676213" spans="14:14">
      <c r="N676213" s="10"/>
    </row>
    <row r="676214" spans="14:14">
      <c r="N676214" s="10"/>
    </row>
    <row r="676215" spans="14:14">
      <c r="N676215" s="10"/>
    </row>
    <row r="676216" spans="14:14">
      <c r="N676216" s="10"/>
    </row>
    <row r="676217" spans="14:14">
      <c r="N676217" s="10"/>
    </row>
    <row r="676218" spans="14:14">
      <c r="N676218" s="10"/>
    </row>
    <row r="676219" spans="14:14">
      <c r="N676219" s="10"/>
    </row>
    <row r="676220" spans="14:14">
      <c r="N676220" s="10"/>
    </row>
    <row r="676221" spans="14:14">
      <c r="N676221" s="10"/>
    </row>
    <row r="676222" spans="14:14">
      <c r="N676222" s="10"/>
    </row>
    <row r="676223" spans="14:14">
      <c r="N676223" s="10"/>
    </row>
    <row r="676224" spans="14:14">
      <c r="N676224" s="10"/>
    </row>
    <row r="676225" spans="14:14">
      <c r="N676225" s="10"/>
    </row>
    <row r="676226" spans="14:14">
      <c r="N676226" s="10"/>
    </row>
    <row r="676227" spans="14:14">
      <c r="N676227" s="10"/>
    </row>
    <row r="676228" spans="14:14">
      <c r="N676228" s="10"/>
    </row>
    <row r="676229" spans="14:14">
      <c r="N676229" s="10"/>
    </row>
    <row r="676230" spans="14:14">
      <c r="N676230" s="10"/>
    </row>
    <row r="676231" spans="14:14">
      <c r="N676231" s="10"/>
    </row>
    <row r="676232" spans="14:14">
      <c r="N676232" s="10"/>
    </row>
    <row r="676233" spans="14:14">
      <c r="N676233" s="10"/>
    </row>
    <row r="676234" spans="14:14">
      <c r="N676234" s="10"/>
    </row>
    <row r="676235" spans="14:14">
      <c r="N676235" s="10"/>
    </row>
    <row r="676236" spans="14:14">
      <c r="N676236" s="10"/>
    </row>
    <row r="676237" spans="14:14">
      <c r="N676237" s="10"/>
    </row>
    <row r="676238" spans="14:14">
      <c r="N676238" s="10"/>
    </row>
    <row r="676239" spans="14:14">
      <c r="N676239" s="10"/>
    </row>
    <row r="676240" spans="14:14">
      <c r="N676240" s="10"/>
    </row>
    <row r="676241" spans="14:14">
      <c r="N676241" s="10"/>
    </row>
    <row r="676242" spans="14:14">
      <c r="N676242" s="10"/>
    </row>
    <row r="676243" spans="14:14">
      <c r="N676243" s="10"/>
    </row>
    <row r="676244" spans="14:14">
      <c r="N676244" s="10"/>
    </row>
    <row r="676245" spans="14:14">
      <c r="N676245" s="10"/>
    </row>
    <row r="676246" spans="14:14">
      <c r="N676246" s="10"/>
    </row>
    <row r="676247" spans="14:14">
      <c r="N676247" s="10"/>
    </row>
    <row r="676248" spans="14:14">
      <c r="N676248" s="10"/>
    </row>
    <row r="676249" spans="14:14">
      <c r="N676249" s="10"/>
    </row>
    <row r="676250" spans="14:14">
      <c r="N676250" s="10"/>
    </row>
    <row r="676251" spans="14:14">
      <c r="N676251" s="10"/>
    </row>
    <row r="676252" spans="14:14">
      <c r="N676252" s="10"/>
    </row>
    <row r="676253" spans="14:14">
      <c r="N676253" s="10"/>
    </row>
    <row r="676254" spans="14:14">
      <c r="N676254" s="10"/>
    </row>
    <row r="676255" spans="14:14">
      <c r="N676255" s="10"/>
    </row>
    <row r="676256" spans="14:14">
      <c r="N676256" s="10"/>
    </row>
    <row r="676257" spans="14:14">
      <c r="N676257" s="10"/>
    </row>
    <row r="676258" spans="14:14">
      <c r="N676258" s="10"/>
    </row>
    <row r="676259" spans="14:14">
      <c r="N676259" s="10"/>
    </row>
    <row r="676260" spans="14:14">
      <c r="N676260" s="10"/>
    </row>
    <row r="676261" spans="14:14">
      <c r="N676261" s="10"/>
    </row>
    <row r="676262" spans="14:14">
      <c r="N676262" s="10"/>
    </row>
    <row r="676263" spans="14:14">
      <c r="N676263" s="10"/>
    </row>
    <row r="676264" spans="14:14">
      <c r="N676264" s="10"/>
    </row>
    <row r="676265" spans="14:14">
      <c r="N676265" s="10"/>
    </row>
    <row r="676266" spans="14:14">
      <c r="N676266" s="10"/>
    </row>
    <row r="676267" spans="14:14">
      <c r="N676267" s="10"/>
    </row>
    <row r="676268" spans="14:14">
      <c r="N676268" s="10"/>
    </row>
    <row r="676269" spans="14:14">
      <c r="N676269" s="10"/>
    </row>
    <row r="676270" spans="14:14">
      <c r="N676270" s="10"/>
    </row>
    <row r="676271" spans="14:14">
      <c r="N676271" s="10"/>
    </row>
    <row r="676272" spans="14:14">
      <c r="N676272" s="10"/>
    </row>
    <row r="676273" spans="14:14">
      <c r="N676273" s="10"/>
    </row>
    <row r="676274" spans="14:14">
      <c r="N676274" s="10"/>
    </row>
    <row r="676275" spans="14:14">
      <c r="N676275" s="10"/>
    </row>
    <row r="676276" spans="14:14">
      <c r="N676276" s="10"/>
    </row>
    <row r="676277" spans="14:14">
      <c r="N676277" s="10"/>
    </row>
    <row r="676278" spans="14:14">
      <c r="N676278" s="10"/>
    </row>
    <row r="676279" spans="14:14">
      <c r="N676279" s="10"/>
    </row>
    <row r="676280" spans="14:14">
      <c r="N676280" s="10"/>
    </row>
    <row r="676281" spans="14:14">
      <c r="N676281" s="10"/>
    </row>
    <row r="676282" spans="14:14">
      <c r="N676282" s="10"/>
    </row>
    <row r="676283" spans="14:14">
      <c r="N676283" s="10"/>
    </row>
    <row r="676284" spans="14:14">
      <c r="N676284" s="10"/>
    </row>
    <row r="676285" spans="14:14">
      <c r="N676285" s="10"/>
    </row>
    <row r="676286" spans="14:14">
      <c r="N676286" s="10"/>
    </row>
    <row r="676287" spans="14:14">
      <c r="N676287" s="10"/>
    </row>
    <row r="676288" spans="14:14">
      <c r="N676288" s="10"/>
    </row>
    <row r="676289" spans="14:14">
      <c r="N676289" s="10"/>
    </row>
    <row r="676290" spans="14:14">
      <c r="N676290" s="10"/>
    </row>
    <row r="676291" spans="14:14">
      <c r="N676291" s="10"/>
    </row>
    <row r="676292" spans="14:14">
      <c r="N676292" s="10"/>
    </row>
    <row r="676293" spans="14:14">
      <c r="N676293" s="10"/>
    </row>
    <row r="676294" spans="14:14">
      <c r="N676294" s="10"/>
    </row>
    <row r="676295" spans="14:14">
      <c r="N676295" s="10"/>
    </row>
    <row r="676296" spans="14:14">
      <c r="N676296" s="10"/>
    </row>
    <row r="676297" spans="14:14">
      <c r="N676297" s="10"/>
    </row>
    <row r="676298" spans="14:14">
      <c r="N676298" s="10"/>
    </row>
    <row r="676299" spans="14:14">
      <c r="N676299" s="10"/>
    </row>
    <row r="676300" spans="14:14">
      <c r="N676300" s="10"/>
    </row>
    <row r="676301" spans="14:14">
      <c r="N676301" s="10"/>
    </row>
    <row r="676302" spans="14:14">
      <c r="N676302" s="10"/>
    </row>
    <row r="676303" spans="14:14">
      <c r="N676303" s="10"/>
    </row>
    <row r="676304" spans="14:14">
      <c r="N676304" s="10"/>
    </row>
    <row r="676305" spans="14:14">
      <c r="N676305" s="10"/>
    </row>
    <row r="676306" spans="14:14">
      <c r="N676306" s="10"/>
    </row>
    <row r="676307" spans="14:14">
      <c r="N676307" s="10"/>
    </row>
    <row r="676308" spans="14:14">
      <c r="N676308" s="10"/>
    </row>
    <row r="676309" spans="14:14">
      <c r="N676309" s="10"/>
    </row>
    <row r="676310" spans="14:14">
      <c r="N676310" s="10"/>
    </row>
    <row r="676311" spans="14:14">
      <c r="N676311" s="10"/>
    </row>
    <row r="676312" spans="14:14">
      <c r="N676312" s="10"/>
    </row>
    <row r="676313" spans="14:14">
      <c r="N676313" s="10"/>
    </row>
    <row r="676314" spans="14:14">
      <c r="N676314" s="10"/>
    </row>
    <row r="676315" spans="14:14">
      <c r="N676315" s="10"/>
    </row>
    <row r="676316" spans="14:14">
      <c r="N676316" s="10"/>
    </row>
    <row r="676317" spans="14:14">
      <c r="N676317" s="10"/>
    </row>
    <row r="676318" spans="14:14">
      <c r="N676318" s="10"/>
    </row>
    <row r="676319" spans="14:14">
      <c r="N676319" s="10"/>
    </row>
    <row r="676320" spans="14:14">
      <c r="N676320" s="10"/>
    </row>
    <row r="676321" spans="14:14">
      <c r="N676321" s="10"/>
    </row>
    <row r="676322" spans="14:14">
      <c r="N676322" s="10"/>
    </row>
    <row r="676323" spans="14:14">
      <c r="N676323" s="10"/>
    </row>
    <row r="676324" spans="14:14">
      <c r="N676324" s="10"/>
    </row>
    <row r="676325" spans="14:14">
      <c r="N676325" s="10"/>
    </row>
    <row r="676326" spans="14:14">
      <c r="N676326" s="10"/>
    </row>
    <row r="676327" spans="14:14">
      <c r="N676327" s="10"/>
    </row>
    <row r="676328" spans="14:14">
      <c r="N676328" s="10"/>
    </row>
    <row r="676329" spans="14:14">
      <c r="N676329" s="10"/>
    </row>
    <row r="676330" spans="14:14">
      <c r="N676330" s="10"/>
    </row>
    <row r="676331" spans="14:14">
      <c r="N676331" s="10"/>
    </row>
    <row r="676332" spans="14:14">
      <c r="N676332" s="10"/>
    </row>
    <row r="676333" spans="14:14">
      <c r="N676333" s="10"/>
    </row>
    <row r="676334" spans="14:14">
      <c r="N676334" s="10"/>
    </row>
    <row r="676335" spans="14:14">
      <c r="N676335" s="10"/>
    </row>
    <row r="676336" spans="14:14">
      <c r="N676336" s="10"/>
    </row>
    <row r="676337" spans="14:14">
      <c r="N676337" s="10"/>
    </row>
    <row r="676338" spans="14:14">
      <c r="N676338" s="10"/>
    </row>
    <row r="676339" spans="14:14">
      <c r="N676339" s="10"/>
    </row>
    <row r="676340" spans="14:14">
      <c r="N676340" s="10"/>
    </row>
    <row r="676341" spans="14:14">
      <c r="N676341" s="10"/>
    </row>
    <row r="676342" spans="14:14">
      <c r="N676342" s="10"/>
    </row>
    <row r="676343" spans="14:14">
      <c r="N676343" s="10"/>
    </row>
    <row r="676344" spans="14:14">
      <c r="N676344" s="10"/>
    </row>
    <row r="676345" spans="14:14">
      <c r="N676345" s="10"/>
    </row>
    <row r="676346" spans="14:14">
      <c r="N676346" s="10"/>
    </row>
    <row r="676347" spans="14:14">
      <c r="N676347" s="10"/>
    </row>
    <row r="676348" spans="14:14">
      <c r="N676348" s="10"/>
    </row>
    <row r="676349" spans="14:14">
      <c r="N676349" s="10"/>
    </row>
    <row r="676350" spans="14:14">
      <c r="N676350" s="10"/>
    </row>
    <row r="676351" spans="14:14">
      <c r="N676351" s="10"/>
    </row>
    <row r="676352" spans="14:14">
      <c r="N676352" s="10"/>
    </row>
    <row r="676353" spans="14:14">
      <c r="N676353" s="10"/>
    </row>
    <row r="676354" spans="14:14">
      <c r="N676354" s="10"/>
    </row>
    <row r="676355" spans="14:14">
      <c r="N676355" s="10"/>
    </row>
    <row r="676356" spans="14:14">
      <c r="N676356" s="10"/>
    </row>
    <row r="676357" spans="14:14">
      <c r="N676357" s="10"/>
    </row>
    <row r="676358" spans="14:14">
      <c r="N676358" s="10"/>
    </row>
    <row r="676359" spans="14:14">
      <c r="N676359" s="10"/>
    </row>
    <row r="676360" spans="14:14">
      <c r="N676360" s="10"/>
    </row>
    <row r="676361" spans="14:14">
      <c r="N676361" s="10"/>
    </row>
    <row r="676362" spans="14:14">
      <c r="N676362" s="10"/>
    </row>
    <row r="676363" spans="14:14">
      <c r="N676363" s="10"/>
    </row>
    <row r="676364" spans="14:14">
      <c r="N676364" s="10"/>
    </row>
    <row r="676365" spans="14:14">
      <c r="N676365" s="10"/>
    </row>
    <row r="676366" spans="14:14">
      <c r="N676366" s="10"/>
    </row>
    <row r="676367" spans="14:14">
      <c r="N676367" s="10"/>
    </row>
    <row r="676368" spans="14:14">
      <c r="N676368" s="10"/>
    </row>
    <row r="676369" spans="14:14">
      <c r="N676369" s="10"/>
    </row>
    <row r="676370" spans="14:14">
      <c r="N676370" s="10"/>
    </row>
    <row r="676371" spans="14:14">
      <c r="N676371" s="10"/>
    </row>
    <row r="676372" spans="14:14">
      <c r="N676372" s="10"/>
    </row>
    <row r="676373" spans="14:14">
      <c r="N676373" s="10"/>
    </row>
    <row r="676374" spans="14:14">
      <c r="N676374" s="10"/>
    </row>
    <row r="676375" spans="14:14">
      <c r="N676375" s="10"/>
    </row>
    <row r="676376" spans="14:14">
      <c r="N676376" s="10"/>
    </row>
    <row r="676377" spans="14:14">
      <c r="N676377" s="10"/>
    </row>
    <row r="676378" spans="14:14">
      <c r="N676378" s="10"/>
    </row>
    <row r="676379" spans="14:14">
      <c r="N676379" s="10"/>
    </row>
    <row r="676380" spans="14:14">
      <c r="N676380" s="10"/>
    </row>
    <row r="676381" spans="14:14">
      <c r="N676381" s="10"/>
    </row>
    <row r="676382" spans="14:14">
      <c r="N676382" s="10"/>
    </row>
    <row r="676383" spans="14:14">
      <c r="N676383" s="10"/>
    </row>
    <row r="676384" spans="14:14">
      <c r="N676384" s="10"/>
    </row>
    <row r="676385" spans="14:14">
      <c r="N676385" s="10"/>
    </row>
    <row r="676386" spans="14:14">
      <c r="N676386" s="10"/>
    </row>
    <row r="676387" spans="14:14">
      <c r="N676387" s="10"/>
    </row>
    <row r="676388" spans="14:14">
      <c r="N676388" s="10"/>
    </row>
    <row r="676389" spans="14:14">
      <c r="N676389" s="10"/>
    </row>
    <row r="676390" spans="14:14">
      <c r="N676390" s="10"/>
    </row>
    <row r="676391" spans="14:14">
      <c r="N676391" s="10"/>
    </row>
    <row r="676392" spans="14:14">
      <c r="N676392" s="10"/>
    </row>
    <row r="676393" spans="14:14">
      <c r="N676393" s="10"/>
    </row>
    <row r="676394" spans="14:14">
      <c r="N676394" s="10"/>
    </row>
    <row r="676395" spans="14:14">
      <c r="N676395" s="10"/>
    </row>
    <row r="676396" spans="14:14">
      <c r="N676396" s="10"/>
    </row>
    <row r="676397" spans="14:14">
      <c r="N676397" s="10"/>
    </row>
    <row r="676398" spans="14:14">
      <c r="N676398" s="10"/>
    </row>
    <row r="676399" spans="14:14">
      <c r="N676399" s="10"/>
    </row>
    <row r="676400" spans="14:14">
      <c r="N676400" s="10"/>
    </row>
    <row r="676401" spans="14:14">
      <c r="N676401" s="10"/>
    </row>
    <row r="676402" spans="14:14">
      <c r="N676402" s="10"/>
    </row>
    <row r="676403" spans="14:14">
      <c r="N676403" s="10"/>
    </row>
    <row r="676404" spans="14:14">
      <c r="N676404" s="10"/>
    </row>
    <row r="676405" spans="14:14">
      <c r="N676405" s="10"/>
    </row>
    <row r="676406" spans="14:14">
      <c r="N676406" s="10"/>
    </row>
    <row r="676407" spans="14:14">
      <c r="N676407" s="10"/>
    </row>
    <row r="676408" spans="14:14">
      <c r="N676408" s="10"/>
    </row>
    <row r="676409" spans="14:14">
      <c r="N676409" s="10"/>
    </row>
    <row r="676410" spans="14:14">
      <c r="N676410" s="10"/>
    </row>
    <row r="676411" spans="14:14">
      <c r="N676411" s="10"/>
    </row>
    <row r="676412" spans="14:14">
      <c r="N676412" s="10"/>
    </row>
    <row r="676413" spans="14:14">
      <c r="N676413" s="10"/>
    </row>
    <row r="676414" spans="14:14">
      <c r="N676414" s="10"/>
    </row>
    <row r="676415" spans="14:14">
      <c r="N676415" s="10"/>
    </row>
    <row r="676416" spans="14:14">
      <c r="N676416" s="10"/>
    </row>
    <row r="676417" spans="14:14">
      <c r="N676417" s="10"/>
    </row>
    <row r="676418" spans="14:14">
      <c r="N676418" s="10"/>
    </row>
    <row r="676419" spans="14:14">
      <c r="N676419" s="10"/>
    </row>
    <row r="676420" spans="14:14">
      <c r="N676420" s="10"/>
    </row>
    <row r="676421" spans="14:14">
      <c r="N676421" s="10"/>
    </row>
    <row r="676422" spans="14:14">
      <c r="N676422" s="10"/>
    </row>
    <row r="676423" spans="14:14">
      <c r="N676423" s="10"/>
    </row>
    <row r="676424" spans="14:14">
      <c r="N676424" s="10"/>
    </row>
    <row r="676425" spans="14:14">
      <c r="N676425" s="10"/>
    </row>
    <row r="676426" spans="14:14">
      <c r="N676426" s="10"/>
    </row>
    <row r="676427" spans="14:14">
      <c r="N676427" s="10"/>
    </row>
    <row r="676428" spans="14:14">
      <c r="N676428" s="10"/>
    </row>
    <row r="676429" spans="14:14">
      <c r="N676429" s="10"/>
    </row>
    <row r="676430" spans="14:14">
      <c r="N676430" s="10"/>
    </row>
    <row r="676431" spans="14:14">
      <c r="N676431" s="10"/>
    </row>
    <row r="676432" spans="14:14">
      <c r="N676432" s="10"/>
    </row>
    <row r="676433" spans="14:14">
      <c r="N676433" s="10"/>
    </row>
    <row r="676434" spans="14:14">
      <c r="N676434" s="10"/>
    </row>
    <row r="676435" spans="14:14">
      <c r="N676435" s="10"/>
    </row>
    <row r="676436" spans="14:14">
      <c r="N676436" s="10"/>
    </row>
    <row r="676437" spans="14:14">
      <c r="N676437" s="10"/>
    </row>
    <row r="676438" spans="14:14">
      <c r="N676438" s="10"/>
    </row>
    <row r="676439" spans="14:14">
      <c r="N676439" s="10"/>
    </row>
    <row r="676440" spans="14:14">
      <c r="N676440" s="10"/>
    </row>
    <row r="676441" spans="14:14">
      <c r="N676441" s="10"/>
    </row>
    <row r="676442" spans="14:14">
      <c r="N676442" s="10"/>
    </row>
    <row r="676443" spans="14:14">
      <c r="N676443" s="10"/>
    </row>
    <row r="676444" spans="14:14">
      <c r="N676444" s="10"/>
    </row>
    <row r="676445" spans="14:14">
      <c r="N676445" s="10"/>
    </row>
    <row r="676446" spans="14:14">
      <c r="N676446" s="10"/>
    </row>
    <row r="676447" spans="14:14">
      <c r="N676447" s="10"/>
    </row>
    <row r="676448" spans="14:14">
      <c r="N676448" s="10"/>
    </row>
    <row r="676449" spans="14:14">
      <c r="N676449" s="10"/>
    </row>
    <row r="676450" spans="14:14">
      <c r="N676450" s="10"/>
    </row>
    <row r="676451" spans="14:14">
      <c r="N676451" s="10"/>
    </row>
    <row r="676452" spans="14:14">
      <c r="N676452" s="10"/>
    </row>
    <row r="676453" spans="14:14">
      <c r="N676453" s="10"/>
    </row>
    <row r="676454" spans="14:14">
      <c r="N676454" s="10"/>
    </row>
    <row r="676455" spans="14:14">
      <c r="N676455" s="10"/>
    </row>
    <row r="676456" spans="14:14">
      <c r="N676456" s="10"/>
    </row>
    <row r="676457" spans="14:14">
      <c r="N676457" s="10"/>
    </row>
    <row r="676458" spans="14:14">
      <c r="N676458" s="10"/>
    </row>
    <row r="676459" spans="14:14">
      <c r="N676459" s="10"/>
    </row>
    <row r="676460" spans="14:14">
      <c r="N676460" s="10"/>
    </row>
    <row r="676461" spans="14:14">
      <c r="N676461" s="10"/>
    </row>
    <row r="676462" spans="14:14">
      <c r="N676462" s="10"/>
    </row>
    <row r="676463" spans="14:14">
      <c r="N676463" s="10"/>
    </row>
    <row r="676464" spans="14:14">
      <c r="N676464" s="10"/>
    </row>
    <row r="676465" spans="14:14">
      <c r="N676465" s="10"/>
    </row>
    <row r="676466" spans="14:14">
      <c r="N676466" s="10"/>
    </row>
    <row r="676467" spans="14:14">
      <c r="N676467" s="10"/>
    </row>
    <row r="676468" spans="14:14">
      <c r="N676468" s="10"/>
    </row>
    <row r="676469" spans="14:14">
      <c r="N676469" s="10"/>
    </row>
    <row r="676470" spans="14:14">
      <c r="N676470" s="10"/>
    </row>
    <row r="676471" spans="14:14">
      <c r="N676471" s="10"/>
    </row>
    <row r="676472" spans="14:14">
      <c r="N676472" s="10"/>
    </row>
    <row r="676473" spans="14:14">
      <c r="N676473" s="10"/>
    </row>
    <row r="676474" spans="14:14">
      <c r="N676474" s="10"/>
    </row>
    <row r="676475" spans="14:14">
      <c r="N676475" s="10"/>
    </row>
    <row r="676476" spans="14:14">
      <c r="N676476" s="10"/>
    </row>
    <row r="676477" spans="14:14">
      <c r="N676477" s="10"/>
    </row>
    <row r="676478" spans="14:14">
      <c r="N676478" s="10"/>
    </row>
    <row r="676479" spans="14:14">
      <c r="N676479" s="10"/>
    </row>
    <row r="676480" spans="14:14">
      <c r="N676480" s="10"/>
    </row>
    <row r="676481" spans="14:14">
      <c r="N676481" s="10"/>
    </row>
    <row r="676482" spans="14:14">
      <c r="N676482" s="10"/>
    </row>
    <row r="676483" spans="14:14">
      <c r="N676483" s="10"/>
    </row>
    <row r="676484" spans="14:14">
      <c r="N676484" s="10"/>
    </row>
    <row r="676485" spans="14:14">
      <c r="N676485" s="10"/>
    </row>
    <row r="676486" spans="14:14">
      <c r="N676486" s="10"/>
    </row>
    <row r="676487" spans="14:14">
      <c r="N676487" s="10"/>
    </row>
    <row r="676488" spans="14:14">
      <c r="N676488" s="10"/>
    </row>
    <row r="676489" spans="14:14">
      <c r="N676489" s="10"/>
    </row>
    <row r="676490" spans="14:14">
      <c r="N676490" s="10"/>
    </row>
    <row r="676491" spans="14:14">
      <c r="N676491" s="10"/>
    </row>
    <row r="676492" spans="14:14">
      <c r="N676492" s="10"/>
    </row>
    <row r="676493" spans="14:14">
      <c r="N676493" s="10"/>
    </row>
    <row r="676494" spans="14:14">
      <c r="N676494" s="10"/>
    </row>
    <row r="676495" spans="14:14">
      <c r="N676495" s="10"/>
    </row>
    <row r="676496" spans="14:14">
      <c r="N676496" s="10"/>
    </row>
    <row r="676497" spans="14:14">
      <c r="N676497" s="10"/>
    </row>
    <row r="676498" spans="14:14">
      <c r="N676498" s="10"/>
    </row>
    <row r="676499" spans="14:14">
      <c r="N676499" s="10"/>
    </row>
    <row r="676500" spans="14:14">
      <c r="N676500" s="10"/>
    </row>
    <row r="676501" spans="14:14">
      <c r="N676501" s="10"/>
    </row>
    <row r="676502" spans="14:14">
      <c r="N676502" s="10"/>
    </row>
    <row r="676503" spans="14:14">
      <c r="N676503" s="10"/>
    </row>
    <row r="676504" spans="14:14">
      <c r="N676504" s="10"/>
    </row>
    <row r="676505" spans="14:14">
      <c r="N676505" s="10"/>
    </row>
    <row r="676506" spans="14:14">
      <c r="N676506" s="10"/>
    </row>
    <row r="676507" spans="14:14">
      <c r="N676507" s="10"/>
    </row>
    <row r="676508" spans="14:14">
      <c r="N676508" s="10"/>
    </row>
    <row r="676509" spans="14:14">
      <c r="N676509" s="10"/>
    </row>
    <row r="676510" spans="14:14">
      <c r="N676510" s="10"/>
    </row>
    <row r="676511" spans="14:14">
      <c r="N676511" s="10"/>
    </row>
    <row r="676512" spans="14:14">
      <c r="N676512" s="10"/>
    </row>
    <row r="676513" spans="14:14">
      <c r="N676513" s="10"/>
    </row>
    <row r="676514" spans="14:14">
      <c r="N676514" s="10"/>
    </row>
    <row r="676515" spans="14:14">
      <c r="N676515" s="10"/>
    </row>
    <row r="676516" spans="14:14">
      <c r="N676516" s="10"/>
    </row>
    <row r="676517" spans="14:14">
      <c r="N676517" s="10"/>
    </row>
    <row r="676518" spans="14:14">
      <c r="N676518" s="10"/>
    </row>
    <row r="676519" spans="14:14">
      <c r="N676519" s="10"/>
    </row>
    <row r="676520" spans="14:14">
      <c r="N676520" s="10"/>
    </row>
    <row r="676521" spans="14:14">
      <c r="N676521" s="10"/>
    </row>
    <row r="676522" spans="14:14">
      <c r="N676522" s="10"/>
    </row>
    <row r="676523" spans="14:14">
      <c r="N676523" s="10"/>
    </row>
    <row r="676524" spans="14:14">
      <c r="N676524" s="10"/>
    </row>
    <row r="676525" spans="14:14">
      <c r="N676525" s="10"/>
    </row>
    <row r="676526" spans="14:14">
      <c r="N676526" s="10"/>
    </row>
    <row r="676527" spans="14:14">
      <c r="N676527" s="10"/>
    </row>
    <row r="676528" spans="14:14">
      <c r="N676528" s="10"/>
    </row>
    <row r="676529" spans="14:14">
      <c r="N676529" s="10"/>
    </row>
    <row r="676530" spans="14:14">
      <c r="N676530" s="10"/>
    </row>
    <row r="676531" spans="14:14">
      <c r="N676531" s="10"/>
    </row>
    <row r="676532" spans="14:14">
      <c r="N676532" s="10"/>
    </row>
    <row r="676533" spans="14:14">
      <c r="N676533" s="10"/>
    </row>
    <row r="676534" spans="14:14">
      <c r="N676534" s="10"/>
    </row>
    <row r="676535" spans="14:14">
      <c r="N676535" s="10"/>
    </row>
    <row r="676536" spans="14:14">
      <c r="N676536" s="10"/>
    </row>
    <row r="676537" spans="14:14">
      <c r="N676537" s="10"/>
    </row>
    <row r="676538" spans="14:14">
      <c r="N676538" s="10"/>
    </row>
    <row r="676539" spans="14:14">
      <c r="N676539" s="10"/>
    </row>
    <row r="676540" spans="14:14">
      <c r="N676540" s="10"/>
    </row>
    <row r="676541" spans="14:14">
      <c r="N676541" s="10"/>
    </row>
    <row r="676542" spans="14:14">
      <c r="N676542" s="10"/>
    </row>
    <row r="676543" spans="14:14">
      <c r="N676543" s="10"/>
    </row>
    <row r="676544" spans="14:14">
      <c r="N676544" s="10"/>
    </row>
    <row r="676545" spans="14:14">
      <c r="N676545" s="10"/>
    </row>
    <row r="676546" spans="14:14">
      <c r="N676546" s="10"/>
    </row>
    <row r="676547" spans="14:14">
      <c r="N676547" s="10"/>
    </row>
    <row r="676548" spans="14:14">
      <c r="N676548" s="10"/>
    </row>
    <row r="676549" spans="14:14">
      <c r="N676549" s="10"/>
    </row>
    <row r="676550" spans="14:14">
      <c r="N676550" s="10"/>
    </row>
    <row r="676551" spans="14:14">
      <c r="N676551" s="10"/>
    </row>
    <row r="676552" spans="14:14">
      <c r="N676552" s="10"/>
    </row>
    <row r="676553" spans="14:14">
      <c r="N676553" s="10"/>
    </row>
    <row r="676554" spans="14:14">
      <c r="N676554" s="10"/>
    </row>
    <row r="676555" spans="14:14">
      <c r="N676555" s="10"/>
    </row>
    <row r="676556" spans="14:14">
      <c r="N676556" s="10"/>
    </row>
    <row r="676557" spans="14:14">
      <c r="N676557" s="10"/>
    </row>
    <row r="676558" spans="14:14">
      <c r="N676558" s="10"/>
    </row>
    <row r="676559" spans="14:14">
      <c r="N676559" s="10"/>
    </row>
    <row r="676560" spans="14:14">
      <c r="N676560" s="10"/>
    </row>
    <row r="676561" spans="14:14">
      <c r="N676561" s="10"/>
    </row>
    <row r="676562" spans="14:14">
      <c r="N676562" s="10"/>
    </row>
    <row r="676563" spans="14:14">
      <c r="N676563" s="10"/>
    </row>
    <row r="676564" spans="14:14">
      <c r="N676564" s="10"/>
    </row>
    <row r="676565" spans="14:14">
      <c r="N676565" s="10"/>
    </row>
    <row r="676566" spans="14:14">
      <c r="N676566" s="10"/>
    </row>
    <row r="676567" spans="14:14">
      <c r="N676567" s="10"/>
    </row>
    <row r="676568" spans="14:14">
      <c r="N676568" s="10"/>
    </row>
    <row r="676569" spans="14:14">
      <c r="N676569" s="10"/>
    </row>
    <row r="676570" spans="14:14">
      <c r="N676570" s="10"/>
    </row>
    <row r="676571" spans="14:14">
      <c r="N676571" s="10"/>
    </row>
    <row r="676572" spans="14:14">
      <c r="N676572" s="10"/>
    </row>
    <row r="676573" spans="14:14">
      <c r="N676573" s="10"/>
    </row>
    <row r="676574" spans="14:14">
      <c r="N676574" s="10"/>
    </row>
    <row r="676575" spans="14:14">
      <c r="N676575" s="10"/>
    </row>
    <row r="676576" spans="14:14">
      <c r="N676576" s="10"/>
    </row>
    <row r="676577" spans="14:14">
      <c r="N676577" s="10"/>
    </row>
    <row r="676578" spans="14:14">
      <c r="N676578" s="10"/>
    </row>
    <row r="676579" spans="14:14">
      <c r="N676579" s="10"/>
    </row>
    <row r="676580" spans="14:14">
      <c r="N676580" s="10"/>
    </row>
    <row r="676581" spans="14:14">
      <c r="N676581" s="10"/>
    </row>
    <row r="676582" spans="14:14">
      <c r="N676582" s="10"/>
    </row>
    <row r="676583" spans="14:14">
      <c r="N676583" s="10"/>
    </row>
    <row r="676584" spans="14:14">
      <c r="N676584" s="10"/>
    </row>
    <row r="676585" spans="14:14">
      <c r="N676585" s="10"/>
    </row>
    <row r="676586" spans="14:14">
      <c r="N676586" s="10"/>
    </row>
    <row r="676587" spans="14:14">
      <c r="N676587" s="10"/>
    </row>
    <row r="676588" spans="14:14">
      <c r="N676588" s="10"/>
    </row>
    <row r="676589" spans="14:14">
      <c r="N676589" s="10"/>
    </row>
    <row r="676590" spans="14:14">
      <c r="N676590" s="10"/>
    </row>
    <row r="676591" spans="14:14">
      <c r="N676591" s="10"/>
    </row>
    <row r="676592" spans="14:14">
      <c r="N676592" s="10"/>
    </row>
    <row r="676593" spans="14:14">
      <c r="N676593" s="10"/>
    </row>
    <row r="676594" spans="14:14">
      <c r="N676594" s="10"/>
    </row>
    <row r="676595" spans="14:14">
      <c r="N676595" s="10"/>
    </row>
    <row r="676596" spans="14:14">
      <c r="N676596" s="10"/>
    </row>
    <row r="676597" spans="14:14">
      <c r="N676597" s="10"/>
    </row>
    <row r="676598" spans="14:14">
      <c r="N676598" s="10"/>
    </row>
    <row r="676599" spans="14:14">
      <c r="N676599" s="10"/>
    </row>
    <row r="676600" spans="14:14">
      <c r="N676600" s="10"/>
    </row>
    <row r="676601" spans="14:14">
      <c r="N676601" s="10"/>
    </row>
    <row r="676602" spans="14:14">
      <c r="N676602" s="10"/>
    </row>
    <row r="676603" spans="14:14">
      <c r="N676603" s="10"/>
    </row>
    <row r="676604" spans="14:14">
      <c r="N676604" s="10"/>
    </row>
    <row r="676605" spans="14:14">
      <c r="N676605" s="10"/>
    </row>
    <row r="676606" spans="14:14">
      <c r="N676606" s="10"/>
    </row>
    <row r="676607" spans="14:14">
      <c r="N676607" s="10"/>
    </row>
    <row r="676608" spans="14:14">
      <c r="N676608" s="10"/>
    </row>
    <row r="676609" spans="14:14">
      <c r="N676609" s="10"/>
    </row>
    <row r="676610" spans="14:14">
      <c r="N676610" s="10"/>
    </row>
    <row r="676611" spans="14:14">
      <c r="N676611" s="10"/>
    </row>
    <row r="676612" spans="14:14">
      <c r="N676612" s="10"/>
    </row>
    <row r="676613" spans="14:14">
      <c r="N676613" s="10"/>
    </row>
    <row r="676614" spans="14:14">
      <c r="N676614" s="10"/>
    </row>
    <row r="676615" spans="14:14">
      <c r="N676615" s="10"/>
    </row>
    <row r="676616" spans="14:14">
      <c r="N676616" s="10"/>
    </row>
    <row r="676617" spans="14:14">
      <c r="N676617" s="10"/>
    </row>
    <row r="676618" spans="14:14">
      <c r="N676618" s="10"/>
    </row>
    <row r="676619" spans="14:14">
      <c r="N676619" s="10"/>
    </row>
    <row r="676620" spans="14:14">
      <c r="N676620" s="10"/>
    </row>
    <row r="676621" spans="14:14">
      <c r="N676621" s="10"/>
    </row>
    <row r="676622" spans="14:14">
      <c r="N676622" s="10"/>
    </row>
    <row r="676623" spans="14:14">
      <c r="N676623" s="10"/>
    </row>
    <row r="676624" spans="14:14">
      <c r="N676624" s="10"/>
    </row>
    <row r="676625" spans="14:14">
      <c r="N676625" s="10"/>
    </row>
    <row r="676626" spans="14:14">
      <c r="N676626" s="10"/>
    </row>
    <row r="676627" spans="14:14">
      <c r="N676627" s="10"/>
    </row>
    <row r="676628" spans="14:14">
      <c r="N676628" s="10"/>
    </row>
    <row r="676629" spans="14:14">
      <c r="N676629" s="10"/>
    </row>
    <row r="676630" spans="14:14">
      <c r="N676630" s="10"/>
    </row>
    <row r="676631" spans="14:14">
      <c r="N676631" s="10"/>
    </row>
    <row r="676632" spans="14:14">
      <c r="N676632" s="10"/>
    </row>
    <row r="676633" spans="14:14">
      <c r="N676633" s="10"/>
    </row>
    <row r="676634" spans="14:14">
      <c r="N676634" s="10"/>
    </row>
    <row r="676635" spans="14:14">
      <c r="N676635" s="10"/>
    </row>
    <row r="676636" spans="14:14">
      <c r="N676636" s="10"/>
    </row>
    <row r="676637" spans="14:14">
      <c r="N676637" s="10"/>
    </row>
    <row r="676638" spans="14:14">
      <c r="N676638" s="10"/>
    </row>
    <row r="676639" spans="14:14">
      <c r="N676639" s="10"/>
    </row>
    <row r="676640" spans="14:14">
      <c r="N676640" s="10"/>
    </row>
    <row r="676641" spans="14:14">
      <c r="N676641" s="10"/>
    </row>
    <row r="676642" spans="14:14">
      <c r="N676642" s="10"/>
    </row>
    <row r="676643" spans="14:14">
      <c r="N676643" s="10"/>
    </row>
    <row r="676644" spans="14:14">
      <c r="N676644" s="10"/>
    </row>
    <row r="676645" spans="14:14">
      <c r="N676645" s="10"/>
    </row>
    <row r="676646" spans="14:14">
      <c r="N676646" s="10"/>
    </row>
    <row r="676647" spans="14:14">
      <c r="N676647" s="10"/>
    </row>
    <row r="676648" spans="14:14">
      <c r="N676648" s="10"/>
    </row>
    <row r="676649" spans="14:14">
      <c r="N676649" s="10"/>
    </row>
    <row r="676650" spans="14:14">
      <c r="N676650" s="10"/>
    </row>
    <row r="676651" spans="14:14">
      <c r="N676651" s="10"/>
    </row>
    <row r="676652" spans="14:14">
      <c r="N676652" s="10"/>
    </row>
    <row r="676653" spans="14:14">
      <c r="N676653" s="10"/>
    </row>
    <row r="676654" spans="14:14">
      <c r="N676654" s="10"/>
    </row>
    <row r="676655" spans="14:14">
      <c r="N676655" s="10"/>
    </row>
    <row r="676656" spans="14:14">
      <c r="N676656" s="10"/>
    </row>
    <row r="676657" spans="14:14">
      <c r="N676657" s="10"/>
    </row>
    <row r="676658" spans="14:14">
      <c r="N676658" s="10"/>
    </row>
    <row r="676659" spans="14:14">
      <c r="N676659" s="10"/>
    </row>
    <row r="676660" spans="14:14">
      <c r="N676660" s="10"/>
    </row>
    <row r="676661" spans="14:14">
      <c r="N676661" s="10"/>
    </row>
    <row r="676662" spans="14:14">
      <c r="N676662" s="10"/>
    </row>
    <row r="676663" spans="14:14">
      <c r="N676663" s="10"/>
    </row>
    <row r="676664" spans="14:14">
      <c r="N676664" s="10"/>
    </row>
    <row r="676665" spans="14:14">
      <c r="N676665" s="10"/>
    </row>
    <row r="676666" spans="14:14">
      <c r="N676666" s="10"/>
    </row>
    <row r="676667" spans="14:14">
      <c r="N676667" s="10"/>
    </row>
    <row r="676668" spans="14:14">
      <c r="N676668" s="10"/>
    </row>
    <row r="676669" spans="14:14">
      <c r="N676669" s="10"/>
    </row>
    <row r="676670" spans="14:14">
      <c r="N676670" s="10"/>
    </row>
    <row r="676671" spans="14:14">
      <c r="N676671" s="10"/>
    </row>
    <row r="676672" spans="14:14">
      <c r="N676672" s="10"/>
    </row>
    <row r="676673" spans="14:14">
      <c r="N676673" s="10"/>
    </row>
    <row r="676674" spans="14:14">
      <c r="N676674" s="10"/>
    </row>
    <row r="676675" spans="14:14">
      <c r="N676675" s="10"/>
    </row>
    <row r="676676" spans="14:14">
      <c r="N676676" s="10"/>
    </row>
    <row r="676677" spans="14:14">
      <c r="N676677" s="10"/>
    </row>
    <row r="676678" spans="14:14">
      <c r="N676678" s="10"/>
    </row>
    <row r="676679" spans="14:14">
      <c r="N676679" s="10"/>
    </row>
    <row r="676680" spans="14:14">
      <c r="N676680" s="10"/>
    </row>
    <row r="676681" spans="14:14">
      <c r="N676681" s="10"/>
    </row>
    <row r="676682" spans="14:14">
      <c r="N676682" s="10"/>
    </row>
    <row r="676683" spans="14:14">
      <c r="N676683" s="10"/>
    </row>
    <row r="676684" spans="14:14">
      <c r="N676684" s="10"/>
    </row>
    <row r="676685" spans="14:14">
      <c r="N676685" s="10"/>
    </row>
    <row r="676686" spans="14:14">
      <c r="N676686" s="10"/>
    </row>
    <row r="676687" spans="14:14">
      <c r="N676687" s="10"/>
    </row>
    <row r="676688" spans="14:14">
      <c r="N676688" s="10"/>
    </row>
    <row r="676689" spans="14:14">
      <c r="N676689" s="10"/>
    </row>
    <row r="676690" spans="14:14">
      <c r="N676690" s="10"/>
    </row>
    <row r="676691" spans="14:14">
      <c r="N676691" s="10"/>
    </row>
    <row r="676692" spans="14:14">
      <c r="N676692" s="10"/>
    </row>
    <row r="676693" spans="14:14">
      <c r="N676693" s="10"/>
    </row>
    <row r="676694" spans="14:14">
      <c r="N676694" s="10"/>
    </row>
    <row r="676695" spans="14:14">
      <c r="N676695" s="10"/>
    </row>
    <row r="676696" spans="14:14">
      <c r="N676696" s="10"/>
    </row>
    <row r="676697" spans="14:14">
      <c r="N676697" s="10"/>
    </row>
    <row r="676698" spans="14:14">
      <c r="N676698" s="10"/>
    </row>
    <row r="676699" spans="14:14">
      <c r="N676699" s="10"/>
    </row>
    <row r="676700" spans="14:14">
      <c r="N676700" s="10"/>
    </row>
    <row r="676701" spans="14:14">
      <c r="N676701" s="10"/>
    </row>
    <row r="676702" spans="14:14">
      <c r="N676702" s="10"/>
    </row>
    <row r="676703" spans="14:14">
      <c r="N676703" s="10"/>
    </row>
    <row r="676704" spans="14:14">
      <c r="N676704" s="10"/>
    </row>
    <row r="676705" spans="14:14">
      <c r="N676705" s="10"/>
    </row>
    <row r="676706" spans="14:14">
      <c r="N676706" s="10"/>
    </row>
    <row r="676707" spans="14:14">
      <c r="N676707" s="10"/>
    </row>
    <row r="676708" spans="14:14">
      <c r="N676708" s="10"/>
    </row>
    <row r="676709" spans="14:14">
      <c r="N676709" s="10"/>
    </row>
    <row r="676710" spans="14:14">
      <c r="N676710" s="10"/>
    </row>
    <row r="676711" spans="14:14">
      <c r="N676711" s="10"/>
    </row>
    <row r="676712" spans="14:14">
      <c r="N676712" s="10"/>
    </row>
    <row r="676713" spans="14:14">
      <c r="N676713" s="10"/>
    </row>
    <row r="676714" spans="14:14">
      <c r="N676714" s="10"/>
    </row>
    <row r="676715" spans="14:14">
      <c r="N676715" s="10"/>
    </row>
    <row r="676716" spans="14:14">
      <c r="N676716" s="10"/>
    </row>
    <row r="676717" spans="14:14">
      <c r="N676717" s="10"/>
    </row>
    <row r="676718" spans="14:14">
      <c r="N676718" s="10"/>
    </row>
    <row r="676719" spans="14:14">
      <c r="N676719" s="10"/>
    </row>
    <row r="676720" spans="14:14">
      <c r="N676720" s="10"/>
    </row>
    <row r="676721" spans="14:14">
      <c r="N676721" s="10"/>
    </row>
    <row r="676722" spans="14:14">
      <c r="N676722" s="10"/>
    </row>
    <row r="676723" spans="14:14">
      <c r="N676723" s="10"/>
    </row>
    <row r="676724" spans="14:14">
      <c r="N676724" s="10"/>
    </row>
    <row r="676725" spans="14:14">
      <c r="N676725" s="10"/>
    </row>
    <row r="676726" spans="14:14">
      <c r="N676726" s="10"/>
    </row>
    <row r="676727" spans="14:14">
      <c r="N676727" s="10"/>
    </row>
    <row r="676728" spans="14:14">
      <c r="N676728" s="10"/>
    </row>
    <row r="676729" spans="14:14">
      <c r="N676729" s="10"/>
    </row>
    <row r="676730" spans="14:14">
      <c r="N676730" s="10"/>
    </row>
    <row r="676731" spans="14:14">
      <c r="N676731" s="10"/>
    </row>
    <row r="676732" spans="14:14">
      <c r="N676732" s="10"/>
    </row>
    <row r="676733" spans="14:14">
      <c r="N676733" s="10"/>
    </row>
    <row r="676734" spans="14:14">
      <c r="N676734" s="10"/>
    </row>
    <row r="676735" spans="14:14">
      <c r="N676735" s="10"/>
    </row>
    <row r="676736" spans="14:14">
      <c r="N676736" s="10"/>
    </row>
    <row r="676737" spans="14:14">
      <c r="N676737" s="10"/>
    </row>
    <row r="676738" spans="14:14">
      <c r="N676738" s="10"/>
    </row>
    <row r="676739" spans="14:14">
      <c r="N676739" s="10"/>
    </row>
    <row r="676740" spans="14:14">
      <c r="N676740" s="10"/>
    </row>
    <row r="676741" spans="14:14">
      <c r="N676741" s="10"/>
    </row>
    <row r="676742" spans="14:14">
      <c r="N676742" s="10"/>
    </row>
    <row r="676743" spans="14:14">
      <c r="N676743" s="10"/>
    </row>
    <row r="676744" spans="14:14">
      <c r="N676744" s="10"/>
    </row>
    <row r="676745" spans="14:14">
      <c r="N676745" s="10"/>
    </row>
    <row r="676746" spans="14:14">
      <c r="N676746" s="10"/>
    </row>
    <row r="676747" spans="14:14">
      <c r="N676747" s="10"/>
    </row>
    <row r="676748" spans="14:14">
      <c r="N676748" s="10"/>
    </row>
    <row r="676749" spans="14:14">
      <c r="N676749" s="10"/>
    </row>
    <row r="676750" spans="14:14">
      <c r="N676750" s="10"/>
    </row>
    <row r="676751" spans="14:14">
      <c r="N676751" s="10"/>
    </row>
    <row r="676752" spans="14:14">
      <c r="N676752" s="10"/>
    </row>
    <row r="676753" spans="14:14">
      <c r="N676753" s="10"/>
    </row>
    <row r="676754" spans="14:14">
      <c r="N676754" s="10"/>
    </row>
    <row r="676755" spans="14:14">
      <c r="N676755" s="10"/>
    </row>
    <row r="676756" spans="14:14">
      <c r="N676756" s="10"/>
    </row>
    <row r="676757" spans="14:14">
      <c r="N676757" s="10"/>
    </row>
    <row r="676758" spans="14:14">
      <c r="N676758" s="10"/>
    </row>
    <row r="676759" spans="14:14">
      <c r="N676759" s="10"/>
    </row>
    <row r="676760" spans="14:14">
      <c r="N676760" s="10"/>
    </row>
    <row r="676761" spans="14:14">
      <c r="N676761" s="10"/>
    </row>
    <row r="676762" spans="14:14">
      <c r="N676762" s="10"/>
    </row>
    <row r="676763" spans="14:14">
      <c r="N676763" s="10"/>
    </row>
    <row r="676764" spans="14:14">
      <c r="N676764" s="10"/>
    </row>
    <row r="676765" spans="14:14">
      <c r="N676765" s="10"/>
    </row>
    <row r="676766" spans="14:14">
      <c r="N676766" s="10"/>
    </row>
    <row r="676767" spans="14:14">
      <c r="N676767" s="10"/>
    </row>
    <row r="676768" spans="14:14">
      <c r="N676768" s="10"/>
    </row>
    <row r="676769" spans="14:14">
      <c r="N676769" s="10"/>
    </row>
    <row r="676770" spans="14:14">
      <c r="N676770" s="10"/>
    </row>
    <row r="676771" spans="14:14">
      <c r="N676771" s="10"/>
    </row>
    <row r="676772" spans="14:14">
      <c r="N676772" s="10"/>
    </row>
    <row r="676773" spans="14:14">
      <c r="N676773" s="10"/>
    </row>
    <row r="676774" spans="14:14">
      <c r="N676774" s="10"/>
    </row>
    <row r="676775" spans="14:14">
      <c r="N676775" s="10"/>
    </row>
    <row r="676776" spans="14:14">
      <c r="N676776" s="10"/>
    </row>
    <row r="676777" spans="14:14">
      <c r="N676777" s="10"/>
    </row>
    <row r="676778" spans="14:14">
      <c r="N676778" s="10"/>
    </row>
    <row r="676779" spans="14:14">
      <c r="N676779" s="10"/>
    </row>
    <row r="676780" spans="14:14">
      <c r="N676780" s="10"/>
    </row>
    <row r="676781" spans="14:14">
      <c r="N676781" s="10"/>
    </row>
    <row r="676782" spans="14:14">
      <c r="N676782" s="10"/>
    </row>
    <row r="676783" spans="14:14">
      <c r="N676783" s="10"/>
    </row>
    <row r="676784" spans="14:14">
      <c r="N676784" s="10"/>
    </row>
    <row r="676785" spans="14:14">
      <c r="N676785" s="10"/>
    </row>
    <row r="676786" spans="14:14">
      <c r="N676786" s="10"/>
    </row>
    <row r="676787" spans="14:14">
      <c r="N676787" s="10"/>
    </row>
    <row r="676788" spans="14:14">
      <c r="N676788" s="10"/>
    </row>
    <row r="676789" spans="14:14">
      <c r="N676789" s="10"/>
    </row>
    <row r="676790" spans="14:14">
      <c r="N676790" s="10"/>
    </row>
    <row r="676791" spans="14:14">
      <c r="N676791" s="10"/>
    </row>
    <row r="676792" spans="14:14">
      <c r="N676792" s="10"/>
    </row>
    <row r="676793" spans="14:14">
      <c r="N676793" s="10"/>
    </row>
    <row r="676794" spans="14:14">
      <c r="N676794" s="10"/>
    </row>
    <row r="676795" spans="14:14">
      <c r="N676795" s="10"/>
    </row>
    <row r="676796" spans="14:14">
      <c r="N676796" s="10"/>
    </row>
    <row r="676797" spans="14:14">
      <c r="N676797" s="10"/>
    </row>
    <row r="676798" spans="14:14">
      <c r="N676798" s="10"/>
    </row>
    <row r="676799" spans="14:14">
      <c r="N676799" s="10"/>
    </row>
    <row r="676800" spans="14:14">
      <c r="N676800" s="10"/>
    </row>
    <row r="676801" spans="14:14">
      <c r="N676801" s="10"/>
    </row>
    <row r="676802" spans="14:14">
      <c r="N676802" s="10"/>
    </row>
    <row r="676803" spans="14:14">
      <c r="N676803" s="10"/>
    </row>
    <row r="676804" spans="14:14">
      <c r="N676804" s="10"/>
    </row>
    <row r="676805" spans="14:14">
      <c r="N676805" s="10"/>
    </row>
    <row r="676806" spans="14:14">
      <c r="N676806" s="10"/>
    </row>
    <row r="676807" spans="14:14">
      <c r="N676807" s="10"/>
    </row>
    <row r="676808" spans="14:14">
      <c r="N676808" s="10"/>
    </row>
    <row r="676809" spans="14:14">
      <c r="N676809" s="10"/>
    </row>
    <row r="676810" spans="14:14">
      <c r="N676810" s="10"/>
    </row>
    <row r="676811" spans="14:14">
      <c r="N676811" s="10"/>
    </row>
    <row r="676812" spans="14:14">
      <c r="N676812" s="10"/>
    </row>
    <row r="676813" spans="14:14">
      <c r="N676813" s="10"/>
    </row>
    <row r="676814" spans="14:14">
      <c r="N676814" s="10"/>
    </row>
    <row r="676815" spans="14:14">
      <c r="N676815" s="10"/>
    </row>
    <row r="676816" spans="14:14">
      <c r="N676816" s="10"/>
    </row>
    <row r="676817" spans="14:14">
      <c r="N676817" s="10"/>
    </row>
    <row r="676818" spans="14:14">
      <c r="N676818" s="10"/>
    </row>
    <row r="676819" spans="14:14">
      <c r="N676819" s="10"/>
    </row>
    <row r="676820" spans="14:14">
      <c r="N676820" s="10"/>
    </row>
    <row r="676821" spans="14:14">
      <c r="N676821" s="10"/>
    </row>
    <row r="676822" spans="14:14">
      <c r="N676822" s="10"/>
    </row>
    <row r="676823" spans="14:14">
      <c r="N676823" s="10"/>
    </row>
    <row r="676824" spans="14:14">
      <c r="N676824" s="10"/>
    </row>
    <row r="676825" spans="14:14">
      <c r="N676825" s="10"/>
    </row>
    <row r="676826" spans="14:14">
      <c r="N676826" s="10"/>
    </row>
    <row r="676827" spans="14:14">
      <c r="N676827" s="10"/>
    </row>
    <row r="676828" spans="14:14">
      <c r="N676828" s="10"/>
    </row>
    <row r="676829" spans="14:14">
      <c r="N676829" s="10"/>
    </row>
    <row r="676830" spans="14:14">
      <c r="N676830" s="10"/>
    </row>
    <row r="676831" spans="14:14">
      <c r="N676831" s="10"/>
    </row>
    <row r="676832" spans="14:14">
      <c r="N676832" s="10"/>
    </row>
    <row r="676833" spans="14:14">
      <c r="N676833" s="10"/>
    </row>
    <row r="676834" spans="14:14">
      <c r="N676834" s="10"/>
    </row>
    <row r="676835" spans="14:14">
      <c r="N676835" s="10"/>
    </row>
    <row r="676836" spans="14:14">
      <c r="N676836" s="10"/>
    </row>
    <row r="676837" spans="14:14">
      <c r="N676837" s="10"/>
    </row>
    <row r="676838" spans="14:14">
      <c r="N676838" s="10"/>
    </row>
    <row r="676839" spans="14:14">
      <c r="N676839" s="10"/>
    </row>
    <row r="676840" spans="14:14">
      <c r="N676840" s="10"/>
    </row>
    <row r="676841" spans="14:14">
      <c r="N676841" s="10"/>
    </row>
    <row r="676842" spans="14:14">
      <c r="N676842" s="10"/>
    </row>
    <row r="676843" spans="14:14">
      <c r="N676843" s="10"/>
    </row>
    <row r="676844" spans="14:14">
      <c r="N676844" s="10"/>
    </row>
    <row r="676845" spans="14:14">
      <c r="N676845" s="10"/>
    </row>
    <row r="676846" spans="14:14">
      <c r="N676846" s="10"/>
    </row>
    <row r="676847" spans="14:14">
      <c r="N676847" s="10"/>
    </row>
    <row r="676848" spans="14:14">
      <c r="N676848" s="10"/>
    </row>
    <row r="676849" spans="14:14">
      <c r="N676849" s="10"/>
    </row>
    <row r="676850" spans="14:14">
      <c r="N676850" s="10"/>
    </row>
    <row r="676851" spans="14:14">
      <c r="N676851" s="10"/>
    </row>
    <row r="676852" spans="14:14">
      <c r="N676852" s="10"/>
    </row>
    <row r="676853" spans="14:14">
      <c r="N676853" s="10"/>
    </row>
    <row r="676854" spans="14:14">
      <c r="N676854" s="10"/>
    </row>
    <row r="676855" spans="14:14">
      <c r="N676855" s="10"/>
    </row>
    <row r="676856" spans="14:14">
      <c r="N676856" s="10"/>
    </row>
    <row r="676857" spans="14:14">
      <c r="N676857" s="10"/>
    </row>
    <row r="676858" spans="14:14">
      <c r="N676858" s="10"/>
    </row>
    <row r="676859" spans="14:14">
      <c r="N676859" s="10"/>
    </row>
    <row r="676860" spans="14:14">
      <c r="N676860" s="10"/>
    </row>
    <row r="676861" spans="14:14">
      <c r="N676861" s="10"/>
    </row>
    <row r="676862" spans="14:14">
      <c r="N676862" s="10"/>
    </row>
    <row r="676863" spans="14:14">
      <c r="N676863" s="10"/>
    </row>
    <row r="676864" spans="14:14">
      <c r="N676864" s="10"/>
    </row>
    <row r="676865" spans="14:14">
      <c r="N676865" s="10"/>
    </row>
    <row r="676866" spans="14:14">
      <c r="N676866" s="10"/>
    </row>
    <row r="676867" spans="14:14">
      <c r="N676867" s="10"/>
    </row>
    <row r="676868" spans="14:14">
      <c r="N676868" s="10"/>
    </row>
    <row r="676869" spans="14:14">
      <c r="N676869" s="10"/>
    </row>
    <row r="676870" spans="14:14">
      <c r="N676870" s="10"/>
    </row>
    <row r="676871" spans="14:14">
      <c r="N676871" s="10"/>
    </row>
    <row r="676872" spans="14:14">
      <c r="N676872" s="10"/>
    </row>
    <row r="676873" spans="14:14">
      <c r="N676873" s="10"/>
    </row>
    <row r="676874" spans="14:14">
      <c r="N676874" s="10"/>
    </row>
    <row r="676875" spans="14:14">
      <c r="N676875" s="10"/>
    </row>
    <row r="676876" spans="14:14">
      <c r="N676876" s="10"/>
    </row>
    <row r="676877" spans="14:14">
      <c r="N676877" s="10"/>
    </row>
    <row r="676878" spans="14:14">
      <c r="N676878" s="10"/>
    </row>
    <row r="676879" spans="14:14">
      <c r="N676879" s="10"/>
    </row>
    <row r="676880" spans="14:14">
      <c r="N676880" s="10"/>
    </row>
    <row r="676881" spans="14:14">
      <c r="N676881" s="10"/>
    </row>
    <row r="676882" spans="14:14">
      <c r="N676882" s="10"/>
    </row>
    <row r="676883" spans="14:14">
      <c r="N676883" s="10"/>
    </row>
    <row r="676884" spans="14:14">
      <c r="N676884" s="10"/>
    </row>
    <row r="676885" spans="14:14">
      <c r="N676885" s="10"/>
    </row>
    <row r="676886" spans="14:14">
      <c r="N676886" s="10"/>
    </row>
    <row r="676887" spans="14:14">
      <c r="N676887" s="10"/>
    </row>
    <row r="676888" spans="14:14">
      <c r="N676888" s="10"/>
    </row>
    <row r="676889" spans="14:14">
      <c r="N676889" s="10"/>
    </row>
    <row r="676890" spans="14:14">
      <c r="N676890" s="10"/>
    </row>
    <row r="676891" spans="14:14">
      <c r="N676891" s="10"/>
    </row>
    <row r="676892" spans="14:14">
      <c r="N676892" s="10"/>
    </row>
    <row r="676893" spans="14:14">
      <c r="N676893" s="10"/>
    </row>
    <row r="676894" spans="14:14">
      <c r="N676894" s="10"/>
    </row>
    <row r="676895" spans="14:14">
      <c r="N676895" s="10"/>
    </row>
    <row r="676896" spans="14:14">
      <c r="N676896" s="10"/>
    </row>
    <row r="676897" spans="14:14">
      <c r="N676897" s="10"/>
    </row>
    <row r="676898" spans="14:14">
      <c r="N676898" s="10"/>
    </row>
    <row r="676899" spans="14:14">
      <c r="N676899" s="10"/>
    </row>
    <row r="676900" spans="14:14">
      <c r="N676900" s="10"/>
    </row>
    <row r="676901" spans="14:14">
      <c r="N676901" s="10"/>
    </row>
    <row r="676902" spans="14:14">
      <c r="N676902" s="10"/>
    </row>
    <row r="676903" spans="14:14">
      <c r="N676903" s="10"/>
    </row>
    <row r="676904" spans="14:14">
      <c r="N676904" s="10"/>
    </row>
    <row r="676905" spans="14:14">
      <c r="N676905" s="10"/>
    </row>
    <row r="676906" spans="14:14">
      <c r="N676906" s="10"/>
    </row>
    <row r="676907" spans="14:14">
      <c r="N676907" s="10"/>
    </row>
    <row r="676908" spans="14:14">
      <c r="N676908" s="10"/>
    </row>
    <row r="676909" spans="14:14">
      <c r="N676909" s="10"/>
    </row>
    <row r="676910" spans="14:14">
      <c r="N676910" s="10"/>
    </row>
    <row r="676911" spans="14:14">
      <c r="N676911" s="10"/>
    </row>
    <row r="676912" spans="14:14">
      <c r="N676912" s="10"/>
    </row>
    <row r="676913" spans="14:14">
      <c r="N676913" s="10"/>
    </row>
    <row r="676914" spans="14:14">
      <c r="N676914" s="10"/>
    </row>
    <row r="676915" spans="14:14">
      <c r="N676915" s="10"/>
    </row>
    <row r="676916" spans="14:14">
      <c r="N676916" s="10"/>
    </row>
    <row r="676917" spans="14:14">
      <c r="N676917" s="10"/>
    </row>
    <row r="676918" spans="14:14">
      <c r="N676918" s="10"/>
    </row>
    <row r="676919" spans="14:14">
      <c r="N676919" s="10"/>
    </row>
    <row r="676920" spans="14:14">
      <c r="N676920" s="10"/>
    </row>
    <row r="676921" spans="14:14">
      <c r="N676921" s="10"/>
    </row>
    <row r="676922" spans="14:14">
      <c r="N676922" s="10"/>
    </row>
    <row r="676923" spans="14:14">
      <c r="N676923" s="10"/>
    </row>
    <row r="676924" spans="14:14">
      <c r="N676924" s="10"/>
    </row>
    <row r="676925" spans="14:14">
      <c r="N676925" s="10"/>
    </row>
    <row r="676926" spans="14:14">
      <c r="N676926" s="10"/>
    </row>
    <row r="676927" spans="14:14">
      <c r="N676927" s="10"/>
    </row>
    <row r="676928" spans="14:14">
      <c r="N676928" s="10"/>
    </row>
    <row r="676929" spans="14:14">
      <c r="N676929" s="10"/>
    </row>
    <row r="676930" spans="14:14">
      <c r="N676930" s="10"/>
    </row>
    <row r="676931" spans="14:14">
      <c r="N676931" s="10"/>
    </row>
    <row r="676932" spans="14:14">
      <c r="N676932" s="10"/>
    </row>
    <row r="676933" spans="14:14">
      <c r="N676933" s="10"/>
    </row>
    <row r="676934" spans="14:14">
      <c r="N676934" s="10"/>
    </row>
    <row r="676935" spans="14:14">
      <c r="N676935" s="10"/>
    </row>
    <row r="676936" spans="14:14">
      <c r="N676936" s="10"/>
    </row>
    <row r="676937" spans="14:14">
      <c r="N676937" s="10"/>
    </row>
    <row r="676938" spans="14:14">
      <c r="N676938" s="10"/>
    </row>
    <row r="676939" spans="14:14">
      <c r="N676939" s="10"/>
    </row>
    <row r="676940" spans="14:14">
      <c r="N676940" s="10"/>
    </row>
    <row r="676941" spans="14:14">
      <c r="N676941" s="10"/>
    </row>
    <row r="676942" spans="14:14">
      <c r="N676942" s="10"/>
    </row>
    <row r="676943" spans="14:14">
      <c r="N676943" s="10"/>
    </row>
    <row r="676944" spans="14:14">
      <c r="N676944" s="10"/>
    </row>
    <row r="676945" spans="14:14">
      <c r="N676945" s="10"/>
    </row>
    <row r="676946" spans="14:14">
      <c r="N676946" s="10"/>
    </row>
    <row r="676947" spans="14:14">
      <c r="N676947" s="10"/>
    </row>
    <row r="676948" spans="14:14">
      <c r="N676948" s="10"/>
    </row>
    <row r="676949" spans="14:14">
      <c r="N676949" s="10"/>
    </row>
    <row r="676950" spans="14:14">
      <c r="N676950" s="10"/>
    </row>
    <row r="676951" spans="14:14">
      <c r="N676951" s="10"/>
    </row>
    <row r="676952" spans="14:14">
      <c r="N676952" s="10"/>
    </row>
    <row r="676953" spans="14:14">
      <c r="N676953" s="10"/>
    </row>
    <row r="676954" spans="14:14">
      <c r="N676954" s="10"/>
    </row>
    <row r="676955" spans="14:14">
      <c r="N676955" s="10"/>
    </row>
    <row r="676956" spans="14:14">
      <c r="N676956" s="10"/>
    </row>
    <row r="676957" spans="14:14">
      <c r="N676957" s="10"/>
    </row>
    <row r="676958" spans="14:14">
      <c r="N676958" s="10"/>
    </row>
    <row r="676959" spans="14:14">
      <c r="N676959" s="10"/>
    </row>
    <row r="676960" spans="14:14">
      <c r="N676960" s="10"/>
    </row>
    <row r="676961" spans="14:14">
      <c r="N676961" s="10"/>
    </row>
    <row r="676962" spans="14:14">
      <c r="N676962" s="10"/>
    </row>
    <row r="676963" spans="14:14">
      <c r="N676963" s="10"/>
    </row>
    <row r="676964" spans="14:14">
      <c r="N676964" s="10"/>
    </row>
    <row r="676965" spans="14:14">
      <c r="N676965" s="10"/>
    </row>
    <row r="676966" spans="14:14">
      <c r="N676966" s="10"/>
    </row>
    <row r="676967" spans="14:14">
      <c r="N676967" s="10"/>
    </row>
    <row r="676968" spans="14:14">
      <c r="N676968" s="10"/>
    </row>
    <row r="676969" spans="14:14">
      <c r="N676969" s="10"/>
    </row>
    <row r="676970" spans="14:14">
      <c r="N676970" s="10"/>
    </row>
    <row r="676971" spans="14:14">
      <c r="N676971" s="10"/>
    </row>
    <row r="676972" spans="14:14">
      <c r="N676972" s="10"/>
    </row>
    <row r="676973" spans="14:14">
      <c r="N676973" s="10"/>
    </row>
    <row r="676974" spans="14:14">
      <c r="N676974" s="10"/>
    </row>
    <row r="676975" spans="14:14">
      <c r="N676975" s="10"/>
    </row>
    <row r="676976" spans="14:14">
      <c r="N676976" s="10"/>
    </row>
    <row r="676977" spans="14:14">
      <c r="N676977" s="10"/>
    </row>
    <row r="676978" spans="14:14">
      <c r="N676978" s="10"/>
    </row>
    <row r="676979" spans="14:14">
      <c r="N676979" s="10"/>
    </row>
    <row r="676980" spans="14:14">
      <c r="N676980" s="10"/>
    </row>
    <row r="676981" spans="14:14">
      <c r="N676981" s="10"/>
    </row>
    <row r="676982" spans="14:14">
      <c r="N676982" s="10"/>
    </row>
    <row r="676983" spans="14:14">
      <c r="N676983" s="10"/>
    </row>
    <row r="676984" spans="14:14">
      <c r="N676984" s="10"/>
    </row>
    <row r="676985" spans="14:14">
      <c r="N676985" s="10"/>
    </row>
    <row r="676986" spans="14:14">
      <c r="N676986" s="10"/>
    </row>
    <row r="676987" spans="14:14">
      <c r="N676987" s="10"/>
    </row>
    <row r="676988" spans="14:14">
      <c r="N676988" s="10"/>
    </row>
    <row r="676989" spans="14:14">
      <c r="N676989" s="10"/>
    </row>
    <row r="676990" spans="14:14">
      <c r="N676990" s="10"/>
    </row>
    <row r="676991" spans="14:14">
      <c r="N676991" s="10"/>
    </row>
    <row r="676992" spans="14:14">
      <c r="N676992" s="10"/>
    </row>
    <row r="676993" spans="14:14">
      <c r="N676993" s="10"/>
    </row>
    <row r="676994" spans="14:14">
      <c r="N676994" s="10"/>
    </row>
    <row r="676995" spans="14:14">
      <c r="N676995" s="10"/>
    </row>
    <row r="676996" spans="14:14">
      <c r="N676996" s="10"/>
    </row>
    <row r="676997" spans="14:14">
      <c r="N676997" s="10"/>
    </row>
    <row r="676998" spans="14:14">
      <c r="N676998" s="10"/>
    </row>
    <row r="676999" spans="14:14">
      <c r="N676999" s="10"/>
    </row>
    <row r="677000" spans="14:14">
      <c r="N677000" s="10"/>
    </row>
    <row r="677001" spans="14:14">
      <c r="N677001" s="10"/>
    </row>
    <row r="677002" spans="14:14">
      <c r="N677002" s="10"/>
    </row>
    <row r="677003" spans="14:14">
      <c r="N677003" s="10"/>
    </row>
    <row r="677004" spans="14:14">
      <c r="N677004" s="10"/>
    </row>
    <row r="677005" spans="14:14">
      <c r="N677005" s="10"/>
    </row>
    <row r="677006" spans="14:14">
      <c r="N677006" s="10"/>
    </row>
    <row r="677007" spans="14:14">
      <c r="N677007" s="10"/>
    </row>
    <row r="677008" spans="14:14">
      <c r="N677008" s="10"/>
    </row>
    <row r="677009" spans="14:14">
      <c r="N677009" s="10"/>
    </row>
    <row r="677010" spans="14:14">
      <c r="N677010" s="10"/>
    </row>
    <row r="677011" spans="14:14">
      <c r="N677011" s="10"/>
    </row>
    <row r="677012" spans="14:14">
      <c r="N677012" s="10"/>
    </row>
    <row r="677013" spans="14:14">
      <c r="N677013" s="10"/>
    </row>
    <row r="677014" spans="14:14">
      <c r="N677014" s="10"/>
    </row>
    <row r="677015" spans="14:14">
      <c r="N677015" s="10"/>
    </row>
    <row r="677016" spans="14:14">
      <c r="N677016" s="10"/>
    </row>
    <row r="677017" spans="14:14">
      <c r="N677017" s="10"/>
    </row>
    <row r="677018" spans="14:14">
      <c r="N677018" s="10"/>
    </row>
    <row r="677019" spans="14:14">
      <c r="N677019" s="10"/>
    </row>
    <row r="677020" spans="14:14">
      <c r="N677020" s="10"/>
    </row>
    <row r="677021" spans="14:14">
      <c r="N677021" s="10"/>
    </row>
    <row r="677022" spans="14:14">
      <c r="N677022" s="10"/>
    </row>
    <row r="677023" spans="14:14">
      <c r="N677023" s="10"/>
    </row>
    <row r="677024" spans="14:14">
      <c r="N677024" s="10"/>
    </row>
    <row r="677025" spans="14:14">
      <c r="N677025" s="10"/>
    </row>
    <row r="677026" spans="14:14">
      <c r="N677026" s="10"/>
    </row>
    <row r="677027" spans="14:14">
      <c r="N677027" s="10"/>
    </row>
    <row r="677028" spans="14:14">
      <c r="N677028" s="10"/>
    </row>
    <row r="677029" spans="14:14">
      <c r="N677029" s="10"/>
    </row>
    <row r="677030" spans="14:14">
      <c r="N677030" s="10"/>
    </row>
    <row r="677031" spans="14:14">
      <c r="N677031" s="10"/>
    </row>
    <row r="677032" spans="14:14">
      <c r="N677032" s="10"/>
    </row>
    <row r="677033" spans="14:14">
      <c r="N677033" s="10"/>
    </row>
    <row r="677034" spans="14:14">
      <c r="N677034" s="10"/>
    </row>
    <row r="677035" spans="14:14">
      <c r="N677035" s="10"/>
    </row>
    <row r="677036" spans="14:14">
      <c r="N677036" s="10"/>
    </row>
    <row r="677037" spans="14:14">
      <c r="N677037" s="10"/>
    </row>
    <row r="677038" spans="14:14">
      <c r="N677038" s="10"/>
    </row>
    <row r="677039" spans="14:14">
      <c r="N677039" s="10"/>
    </row>
    <row r="677040" spans="14:14">
      <c r="N677040" s="10"/>
    </row>
    <row r="677041" spans="14:14">
      <c r="N677041" s="10"/>
    </row>
    <row r="677042" spans="14:14">
      <c r="N677042" s="10"/>
    </row>
    <row r="677043" spans="14:14">
      <c r="N677043" s="10"/>
    </row>
    <row r="677044" spans="14:14">
      <c r="N677044" s="10"/>
    </row>
    <row r="677045" spans="14:14">
      <c r="N677045" s="10"/>
    </row>
    <row r="677046" spans="14:14">
      <c r="N677046" s="10"/>
    </row>
    <row r="677047" spans="14:14">
      <c r="N677047" s="10"/>
    </row>
    <row r="677048" spans="14:14">
      <c r="N677048" s="10"/>
    </row>
    <row r="677049" spans="14:14">
      <c r="N677049" s="10"/>
    </row>
    <row r="677050" spans="14:14">
      <c r="N677050" s="10"/>
    </row>
    <row r="677051" spans="14:14">
      <c r="N677051" s="10"/>
    </row>
    <row r="677052" spans="14:14">
      <c r="N677052" s="10"/>
    </row>
    <row r="677053" spans="14:14">
      <c r="N677053" s="10"/>
    </row>
    <row r="677054" spans="14:14">
      <c r="N677054" s="10"/>
    </row>
    <row r="677055" spans="14:14">
      <c r="N677055" s="10"/>
    </row>
    <row r="677056" spans="14:14">
      <c r="N677056" s="10"/>
    </row>
    <row r="677057" spans="14:14">
      <c r="N677057" s="10"/>
    </row>
    <row r="677058" spans="14:14">
      <c r="N677058" s="10"/>
    </row>
    <row r="677059" spans="14:14">
      <c r="N677059" s="10"/>
    </row>
    <row r="677060" spans="14:14">
      <c r="N677060" s="10"/>
    </row>
    <row r="677061" spans="14:14">
      <c r="N677061" s="10"/>
    </row>
    <row r="677062" spans="14:14">
      <c r="N677062" s="10"/>
    </row>
    <row r="677063" spans="14:14">
      <c r="N677063" s="10"/>
    </row>
    <row r="677064" spans="14:14">
      <c r="N677064" s="10"/>
    </row>
    <row r="677065" spans="14:14">
      <c r="N677065" s="10"/>
    </row>
    <row r="677066" spans="14:14">
      <c r="N677066" s="10"/>
    </row>
    <row r="677067" spans="14:14">
      <c r="N677067" s="10"/>
    </row>
    <row r="677068" spans="14:14">
      <c r="N677068" s="10"/>
    </row>
    <row r="677069" spans="14:14">
      <c r="N677069" s="10"/>
    </row>
    <row r="677070" spans="14:14">
      <c r="N677070" s="10"/>
    </row>
    <row r="677071" spans="14:14">
      <c r="N677071" s="10"/>
    </row>
    <row r="677072" spans="14:14">
      <c r="N677072" s="10"/>
    </row>
    <row r="677073" spans="14:14">
      <c r="N677073" s="10"/>
    </row>
    <row r="677074" spans="14:14">
      <c r="N677074" s="10"/>
    </row>
    <row r="677075" spans="14:14">
      <c r="N677075" s="10"/>
    </row>
    <row r="677076" spans="14:14">
      <c r="N677076" s="10"/>
    </row>
    <row r="677077" spans="14:14">
      <c r="N677077" s="10"/>
    </row>
    <row r="677078" spans="14:14">
      <c r="N677078" s="10"/>
    </row>
    <row r="677079" spans="14:14">
      <c r="N677079" s="10"/>
    </row>
    <row r="677080" spans="14:14">
      <c r="N677080" s="10"/>
    </row>
    <row r="677081" spans="14:14">
      <c r="N677081" s="10"/>
    </row>
    <row r="677082" spans="14:14">
      <c r="N677082" s="10"/>
    </row>
    <row r="677083" spans="14:14">
      <c r="N677083" s="10"/>
    </row>
    <row r="677084" spans="14:14">
      <c r="N677084" s="10"/>
    </row>
    <row r="677085" spans="14:14">
      <c r="N677085" s="10"/>
    </row>
    <row r="677086" spans="14:14">
      <c r="N677086" s="10"/>
    </row>
    <row r="677087" spans="14:14">
      <c r="N677087" s="10"/>
    </row>
    <row r="677088" spans="14:14">
      <c r="N677088" s="10"/>
    </row>
    <row r="677089" spans="14:14">
      <c r="N677089" s="10"/>
    </row>
    <row r="677090" spans="14:14">
      <c r="N677090" s="10"/>
    </row>
    <row r="677091" spans="14:14">
      <c r="N677091" s="10"/>
    </row>
    <row r="677092" spans="14:14">
      <c r="N677092" s="10"/>
    </row>
    <row r="677093" spans="14:14">
      <c r="N677093" s="10"/>
    </row>
    <row r="677094" spans="14:14">
      <c r="N677094" s="10"/>
    </row>
    <row r="677095" spans="14:14">
      <c r="N677095" s="10"/>
    </row>
    <row r="677096" spans="14:14">
      <c r="N677096" s="10"/>
    </row>
    <row r="677097" spans="14:14">
      <c r="N677097" s="10"/>
    </row>
    <row r="677098" spans="14:14">
      <c r="N677098" s="10"/>
    </row>
    <row r="677099" spans="14:14">
      <c r="N677099" s="10"/>
    </row>
    <row r="677100" spans="14:14">
      <c r="N677100" s="10"/>
    </row>
    <row r="677101" spans="14:14">
      <c r="N677101" s="10"/>
    </row>
    <row r="677102" spans="14:14">
      <c r="N677102" s="10"/>
    </row>
    <row r="677103" spans="14:14">
      <c r="N677103" s="10"/>
    </row>
    <row r="677104" spans="14:14">
      <c r="N677104" s="10"/>
    </row>
    <row r="677105" spans="14:14">
      <c r="N677105" s="10"/>
    </row>
    <row r="677106" spans="14:14">
      <c r="N677106" s="10"/>
    </row>
    <row r="677107" spans="14:14">
      <c r="N677107" s="10"/>
    </row>
    <row r="677108" spans="14:14">
      <c r="N677108" s="10"/>
    </row>
    <row r="677109" spans="14:14">
      <c r="N677109" s="10"/>
    </row>
    <row r="677110" spans="14:14">
      <c r="N677110" s="10"/>
    </row>
    <row r="677111" spans="14:14">
      <c r="N677111" s="10"/>
    </row>
    <row r="677112" spans="14:14">
      <c r="N677112" s="10"/>
    </row>
    <row r="677113" spans="14:14">
      <c r="N677113" s="10"/>
    </row>
    <row r="677114" spans="14:14">
      <c r="N677114" s="10"/>
    </row>
    <row r="677115" spans="14:14">
      <c r="N677115" s="10"/>
    </row>
    <row r="677116" spans="14:14">
      <c r="N677116" s="10"/>
    </row>
    <row r="677117" spans="14:14">
      <c r="N677117" s="10"/>
    </row>
    <row r="677118" spans="14:14">
      <c r="N677118" s="10"/>
    </row>
    <row r="677119" spans="14:14">
      <c r="N677119" s="10"/>
    </row>
    <row r="677120" spans="14:14">
      <c r="N677120" s="10"/>
    </row>
    <row r="677121" spans="14:14">
      <c r="N677121" s="10"/>
    </row>
    <row r="677122" spans="14:14">
      <c r="N677122" s="10"/>
    </row>
    <row r="677123" spans="14:14">
      <c r="N677123" s="10"/>
    </row>
    <row r="677124" spans="14:14">
      <c r="N677124" s="10"/>
    </row>
    <row r="677125" spans="14:14">
      <c r="N677125" s="10"/>
    </row>
    <row r="677126" spans="14:14">
      <c r="N677126" s="10"/>
    </row>
    <row r="677127" spans="14:14">
      <c r="N677127" s="10"/>
    </row>
    <row r="677128" spans="14:14">
      <c r="N677128" s="10"/>
    </row>
    <row r="677129" spans="14:14">
      <c r="N677129" s="10"/>
    </row>
    <row r="677130" spans="14:14">
      <c r="N677130" s="10"/>
    </row>
    <row r="677131" spans="14:14">
      <c r="N677131" s="10"/>
    </row>
    <row r="677132" spans="14:14">
      <c r="N677132" s="10"/>
    </row>
    <row r="677133" spans="14:14">
      <c r="N677133" s="10"/>
    </row>
    <row r="677134" spans="14:14">
      <c r="N677134" s="10"/>
    </row>
    <row r="677135" spans="14:14">
      <c r="N677135" s="10"/>
    </row>
    <row r="677136" spans="14:14">
      <c r="N677136" s="10"/>
    </row>
    <row r="677137" spans="14:14">
      <c r="N677137" s="10"/>
    </row>
    <row r="677138" spans="14:14">
      <c r="N677138" s="10"/>
    </row>
    <row r="677139" spans="14:14">
      <c r="N677139" s="10"/>
    </row>
    <row r="677140" spans="14:14">
      <c r="N677140" s="10"/>
    </row>
    <row r="677141" spans="14:14">
      <c r="N677141" s="10"/>
    </row>
    <row r="677142" spans="14:14">
      <c r="N677142" s="10"/>
    </row>
    <row r="677143" spans="14:14">
      <c r="N677143" s="10"/>
    </row>
    <row r="677144" spans="14:14">
      <c r="N677144" s="10"/>
    </row>
    <row r="677145" spans="14:14">
      <c r="N677145" s="10"/>
    </row>
    <row r="677146" spans="14:14">
      <c r="N677146" s="10"/>
    </row>
    <row r="677147" spans="14:14">
      <c r="N677147" s="10"/>
    </row>
    <row r="677148" spans="14:14">
      <c r="N677148" s="10"/>
    </row>
    <row r="677149" spans="14:14">
      <c r="N677149" s="10"/>
    </row>
    <row r="677150" spans="14:14">
      <c r="N677150" s="10"/>
    </row>
    <row r="677151" spans="14:14">
      <c r="N677151" s="10"/>
    </row>
    <row r="677152" spans="14:14">
      <c r="N677152" s="10"/>
    </row>
    <row r="677153" spans="14:14">
      <c r="N677153" s="10"/>
    </row>
    <row r="677154" spans="14:14">
      <c r="N677154" s="10"/>
    </row>
    <row r="677155" spans="14:14">
      <c r="N677155" s="10"/>
    </row>
    <row r="677156" spans="14:14">
      <c r="N677156" s="10"/>
    </row>
    <row r="677157" spans="14:14">
      <c r="N677157" s="10"/>
    </row>
    <row r="677158" spans="14:14">
      <c r="N677158" s="10"/>
    </row>
    <row r="677159" spans="14:14">
      <c r="N677159" s="10"/>
    </row>
    <row r="677160" spans="14:14">
      <c r="N677160" s="10"/>
    </row>
    <row r="677161" spans="14:14">
      <c r="N677161" s="10"/>
    </row>
    <row r="677162" spans="14:14">
      <c r="N677162" s="10"/>
    </row>
    <row r="677163" spans="14:14">
      <c r="N677163" s="10"/>
    </row>
    <row r="677164" spans="14:14">
      <c r="N677164" s="10"/>
    </row>
    <row r="677165" spans="14:14">
      <c r="N677165" s="10"/>
    </row>
    <row r="677166" spans="14:14">
      <c r="N677166" s="10"/>
    </row>
    <row r="677167" spans="14:14">
      <c r="N677167" s="10"/>
    </row>
    <row r="677168" spans="14:14">
      <c r="N677168" s="10"/>
    </row>
    <row r="677169" spans="14:14">
      <c r="N677169" s="10"/>
    </row>
    <row r="677170" spans="14:14">
      <c r="N677170" s="10"/>
    </row>
    <row r="677171" spans="14:14">
      <c r="N677171" s="10"/>
    </row>
    <row r="677172" spans="14:14">
      <c r="N677172" s="10"/>
    </row>
    <row r="677173" spans="14:14">
      <c r="N677173" s="10"/>
    </row>
    <row r="677174" spans="14:14">
      <c r="N677174" s="10"/>
    </row>
    <row r="677175" spans="14:14">
      <c r="N677175" s="10"/>
    </row>
    <row r="677176" spans="14:14">
      <c r="N677176" s="10"/>
    </row>
    <row r="677177" spans="14:14">
      <c r="N677177" s="10"/>
    </row>
    <row r="677178" spans="14:14">
      <c r="N677178" s="10"/>
    </row>
    <row r="677179" spans="14:14">
      <c r="N677179" s="10"/>
    </row>
    <row r="677180" spans="14:14">
      <c r="N677180" s="10"/>
    </row>
    <row r="677181" spans="14:14">
      <c r="N677181" s="10"/>
    </row>
    <row r="677182" spans="14:14">
      <c r="N677182" s="10"/>
    </row>
    <row r="677183" spans="14:14">
      <c r="N677183" s="10"/>
    </row>
    <row r="677184" spans="14:14">
      <c r="N677184" s="10"/>
    </row>
    <row r="677185" spans="14:14">
      <c r="N677185" s="10"/>
    </row>
    <row r="677186" spans="14:14">
      <c r="N677186" s="10"/>
    </row>
    <row r="677187" spans="14:14">
      <c r="N677187" s="10"/>
    </row>
    <row r="677188" spans="14:14">
      <c r="N677188" s="10"/>
    </row>
    <row r="677189" spans="14:14">
      <c r="N677189" s="10"/>
    </row>
    <row r="677190" spans="14:14">
      <c r="N677190" s="10"/>
    </row>
    <row r="677191" spans="14:14">
      <c r="N677191" s="10"/>
    </row>
    <row r="677192" spans="14:14">
      <c r="N677192" s="10"/>
    </row>
    <row r="677193" spans="14:14">
      <c r="N677193" s="10"/>
    </row>
    <row r="677194" spans="14:14">
      <c r="N677194" s="10"/>
    </row>
    <row r="677195" spans="14:14">
      <c r="N677195" s="10"/>
    </row>
    <row r="677196" spans="14:14">
      <c r="N677196" s="10"/>
    </row>
    <row r="677197" spans="14:14">
      <c r="N677197" s="10"/>
    </row>
    <row r="677198" spans="14:14">
      <c r="N677198" s="10"/>
    </row>
    <row r="677199" spans="14:14">
      <c r="N677199" s="10"/>
    </row>
    <row r="677200" spans="14:14">
      <c r="N677200" s="10"/>
    </row>
    <row r="677201" spans="14:14">
      <c r="N677201" s="10"/>
    </row>
    <row r="677202" spans="14:14">
      <c r="N677202" s="10"/>
    </row>
    <row r="677203" spans="14:14">
      <c r="N677203" s="10"/>
    </row>
    <row r="677204" spans="14:14">
      <c r="N677204" s="10"/>
    </row>
    <row r="677205" spans="14:14">
      <c r="N677205" s="10"/>
    </row>
    <row r="677206" spans="14:14">
      <c r="N677206" s="10"/>
    </row>
    <row r="677207" spans="14:14">
      <c r="N677207" s="10"/>
    </row>
    <row r="677208" spans="14:14">
      <c r="N677208" s="10"/>
    </row>
    <row r="677209" spans="14:14">
      <c r="N677209" s="10"/>
    </row>
    <row r="677210" spans="14:14">
      <c r="N677210" s="10"/>
    </row>
    <row r="677211" spans="14:14">
      <c r="N677211" s="10"/>
    </row>
    <row r="677212" spans="14:14">
      <c r="N677212" s="10"/>
    </row>
    <row r="677213" spans="14:14">
      <c r="N677213" s="10"/>
    </row>
    <row r="677214" spans="14:14">
      <c r="N677214" s="10"/>
    </row>
    <row r="677215" spans="14:14">
      <c r="N677215" s="10"/>
    </row>
    <row r="677216" spans="14:14">
      <c r="N677216" s="10"/>
    </row>
    <row r="677217" spans="14:14">
      <c r="N677217" s="10"/>
    </row>
    <row r="677218" spans="14:14">
      <c r="N677218" s="10"/>
    </row>
    <row r="677219" spans="14:14">
      <c r="N677219" s="10"/>
    </row>
    <row r="677220" spans="14:14">
      <c r="N677220" s="10"/>
    </row>
    <row r="677221" spans="14:14">
      <c r="N677221" s="10"/>
    </row>
    <row r="677222" spans="14:14">
      <c r="N677222" s="10"/>
    </row>
    <row r="677223" spans="14:14">
      <c r="N677223" s="10"/>
    </row>
    <row r="677224" spans="14:14">
      <c r="N677224" s="10"/>
    </row>
    <row r="677225" spans="14:14">
      <c r="N677225" s="10"/>
    </row>
    <row r="677226" spans="14:14">
      <c r="N677226" s="10"/>
    </row>
    <row r="677227" spans="14:14">
      <c r="N677227" s="10"/>
    </row>
    <row r="677228" spans="14:14">
      <c r="N677228" s="10"/>
    </row>
    <row r="677229" spans="14:14">
      <c r="N677229" s="10"/>
    </row>
    <row r="677230" spans="14:14">
      <c r="N677230" s="10"/>
    </row>
    <row r="677231" spans="14:14">
      <c r="N677231" s="10"/>
    </row>
    <row r="677232" spans="14:14">
      <c r="N677232" s="10"/>
    </row>
    <row r="677233" spans="14:14">
      <c r="N677233" s="10"/>
    </row>
    <row r="677234" spans="14:14">
      <c r="N677234" s="10"/>
    </row>
    <row r="677235" spans="14:14">
      <c r="N677235" s="10"/>
    </row>
    <row r="677236" spans="14:14">
      <c r="N677236" s="10"/>
    </row>
    <row r="677237" spans="14:14">
      <c r="N677237" s="10"/>
    </row>
    <row r="677238" spans="14:14">
      <c r="N677238" s="10"/>
    </row>
    <row r="677239" spans="14:14">
      <c r="N677239" s="10"/>
    </row>
    <row r="677240" spans="14:14">
      <c r="N677240" s="10"/>
    </row>
    <row r="677241" spans="14:14">
      <c r="N677241" s="10"/>
    </row>
    <row r="677242" spans="14:14">
      <c r="N677242" s="10"/>
    </row>
    <row r="677243" spans="14:14">
      <c r="N677243" s="10"/>
    </row>
    <row r="677244" spans="14:14">
      <c r="N677244" s="10"/>
    </row>
    <row r="677245" spans="14:14">
      <c r="N677245" s="10"/>
    </row>
    <row r="677246" spans="14:14">
      <c r="N677246" s="10"/>
    </row>
    <row r="677247" spans="14:14">
      <c r="N677247" s="10"/>
    </row>
    <row r="677248" spans="14:14">
      <c r="N677248" s="10"/>
    </row>
    <row r="677249" spans="14:14">
      <c r="N677249" s="10"/>
    </row>
    <row r="677250" spans="14:14">
      <c r="N677250" s="10"/>
    </row>
    <row r="677251" spans="14:14">
      <c r="N677251" s="10"/>
    </row>
    <row r="677252" spans="14:14">
      <c r="N677252" s="10"/>
    </row>
    <row r="677253" spans="14:14">
      <c r="N677253" s="10"/>
    </row>
    <row r="677254" spans="14:14">
      <c r="N677254" s="10"/>
    </row>
    <row r="677255" spans="14:14">
      <c r="N677255" s="10"/>
    </row>
    <row r="677256" spans="14:14">
      <c r="N677256" s="10"/>
    </row>
    <row r="677257" spans="14:14">
      <c r="N677257" s="10"/>
    </row>
    <row r="677258" spans="14:14">
      <c r="N677258" s="10"/>
    </row>
    <row r="677259" spans="14:14">
      <c r="N677259" s="10"/>
    </row>
    <row r="677260" spans="14:14">
      <c r="N677260" s="10"/>
    </row>
    <row r="677261" spans="14:14">
      <c r="N677261" s="10"/>
    </row>
    <row r="677262" spans="14:14">
      <c r="N677262" s="10"/>
    </row>
    <row r="677263" spans="14:14">
      <c r="N677263" s="10"/>
    </row>
    <row r="677264" spans="14:14">
      <c r="N677264" s="10"/>
    </row>
    <row r="677265" spans="14:14">
      <c r="N677265" s="10"/>
    </row>
    <row r="677266" spans="14:14">
      <c r="N677266" s="10"/>
    </row>
    <row r="677267" spans="14:14">
      <c r="N677267" s="10"/>
    </row>
    <row r="677268" spans="14:14">
      <c r="N677268" s="10"/>
    </row>
    <row r="677269" spans="14:14">
      <c r="N677269" s="10"/>
    </row>
    <row r="677270" spans="14:14">
      <c r="N677270" s="10"/>
    </row>
    <row r="677271" spans="14:14">
      <c r="N677271" s="10"/>
    </row>
    <row r="677272" spans="14:14">
      <c r="N677272" s="10"/>
    </row>
    <row r="677273" spans="14:14">
      <c r="N677273" s="10"/>
    </row>
    <row r="677274" spans="14:14">
      <c r="N677274" s="10"/>
    </row>
    <row r="677275" spans="14:14">
      <c r="N677275" s="10"/>
    </row>
    <row r="677276" spans="14:14">
      <c r="N677276" s="10"/>
    </row>
    <row r="677277" spans="14:14">
      <c r="N677277" s="10"/>
    </row>
    <row r="677278" spans="14:14">
      <c r="N677278" s="10"/>
    </row>
    <row r="677279" spans="14:14">
      <c r="N677279" s="10"/>
    </row>
    <row r="677280" spans="14:14">
      <c r="N677280" s="10"/>
    </row>
    <row r="677281" spans="14:14">
      <c r="N677281" s="10"/>
    </row>
    <row r="677282" spans="14:14">
      <c r="N677282" s="10"/>
    </row>
    <row r="677283" spans="14:14">
      <c r="N677283" s="10"/>
    </row>
    <row r="677284" spans="14:14">
      <c r="N677284" s="10"/>
    </row>
    <row r="677285" spans="14:14">
      <c r="N677285" s="10"/>
    </row>
    <row r="677286" spans="14:14">
      <c r="N677286" s="10"/>
    </row>
    <row r="677287" spans="14:14">
      <c r="N677287" s="10"/>
    </row>
    <row r="677288" spans="14:14">
      <c r="N677288" s="10"/>
    </row>
    <row r="677289" spans="14:14">
      <c r="N677289" s="10"/>
    </row>
    <row r="677290" spans="14:14">
      <c r="N677290" s="10"/>
    </row>
    <row r="677291" spans="14:14">
      <c r="N677291" s="10"/>
    </row>
    <row r="677292" spans="14:14">
      <c r="N677292" s="10"/>
    </row>
    <row r="677293" spans="14:14">
      <c r="N677293" s="10"/>
    </row>
    <row r="677294" spans="14:14">
      <c r="N677294" s="10"/>
    </row>
    <row r="677295" spans="14:14">
      <c r="N677295" s="10"/>
    </row>
    <row r="677296" spans="14:14">
      <c r="N677296" s="10"/>
    </row>
    <row r="677297" spans="14:14">
      <c r="N677297" s="10"/>
    </row>
    <row r="677298" spans="14:14">
      <c r="N677298" s="10"/>
    </row>
    <row r="677299" spans="14:14">
      <c r="N677299" s="10"/>
    </row>
    <row r="677300" spans="14:14">
      <c r="N677300" s="10"/>
    </row>
    <row r="677301" spans="14:14">
      <c r="N677301" s="10"/>
    </row>
    <row r="677302" spans="14:14">
      <c r="N677302" s="10"/>
    </row>
    <row r="677303" spans="14:14">
      <c r="N677303" s="10"/>
    </row>
    <row r="677304" spans="14:14">
      <c r="N677304" s="10"/>
    </row>
    <row r="677305" spans="14:14">
      <c r="N677305" s="10"/>
    </row>
    <row r="677306" spans="14:14">
      <c r="N677306" s="10"/>
    </row>
    <row r="677307" spans="14:14">
      <c r="N677307" s="10"/>
    </row>
    <row r="677308" spans="14:14">
      <c r="N677308" s="10"/>
    </row>
    <row r="677309" spans="14:14">
      <c r="N677309" s="10"/>
    </row>
    <row r="677310" spans="14:14">
      <c r="N677310" s="10"/>
    </row>
    <row r="677311" spans="14:14">
      <c r="N677311" s="10"/>
    </row>
    <row r="677312" spans="14:14">
      <c r="N677312" s="10"/>
    </row>
    <row r="677313" spans="14:14">
      <c r="N677313" s="10"/>
    </row>
    <row r="677314" spans="14:14">
      <c r="N677314" s="10"/>
    </row>
    <row r="677315" spans="14:14">
      <c r="N677315" s="10"/>
    </row>
    <row r="677316" spans="14:14">
      <c r="N677316" s="10"/>
    </row>
    <row r="677317" spans="14:14">
      <c r="N677317" s="10"/>
    </row>
    <row r="677318" spans="14:14">
      <c r="N677318" s="10"/>
    </row>
    <row r="677319" spans="14:14">
      <c r="N677319" s="10"/>
    </row>
    <row r="677320" spans="14:14">
      <c r="N677320" s="10"/>
    </row>
    <row r="677321" spans="14:14">
      <c r="N677321" s="10"/>
    </row>
    <row r="677322" spans="14:14">
      <c r="N677322" s="10"/>
    </row>
    <row r="677323" spans="14:14">
      <c r="N677323" s="10"/>
    </row>
    <row r="677324" spans="14:14">
      <c r="N677324" s="10"/>
    </row>
    <row r="677325" spans="14:14">
      <c r="N677325" s="10"/>
    </row>
    <row r="677326" spans="14:14">
      <c r="N677326" s="10"/>
    </row>
    <row r="677327" spans="14:14">
      <c r="N677327" s="10"/>
    </row>
    <row r="677328" spans="14:14">
      <c r="N677328" s="10"/>
    </row>
    <row r="677329" spans="14:14">
      <c r="N677329" s="10"/>
    </row>
    <row r="677330" spans="14:14">
      <c r="N677330" s="10"/>
    </row>
    <row r="677331" spans="14:14">
      <c r="N677331" s="10"/>
    </row>
    <row r="677332" spans="14:14">
      <c r="N677332" s="10"/>
    </row>
    <row r="677333" spans="14:14">
      <c r="N677333" s="10"/>
    </row>
    <row r="677334" spans="14:14">
      <c r="N677334" s="10"/>
    </row>
    <row r="677335" spans="14:14">
      <c r="N677335" s="10"/>
    </row>
    <row r="677336" spans="14:14">
      <c r="N677336" s="10"/>
    </row>
    <row r="677337" spans="14:14">
      <c r="N677337" s="10"/>
    </row>
    <row r="677338" spans="14:14">
      <c r="N677338" s="10"/>
    </row>
    <row r="677339" spans="14:14">
      <c r="N677339" s="10"/>
    </row>
    <row r="677340" spans="14:14">
      <c r="N677340" s="10"/>
    </row>
    <row r="677341" spans="14:14">
      <c r="N677341" s="10"/>
    </row>
    <row r="677342" spans="14:14">
      <c r="N677342" s="10"/>
    </row>
    <row r="677343" spans="14:14">
      <c r="N677343" s="10"/>
    </row>
    <row r="677344" spans="14:14">
      <c r="N677344" s="10"/>
    </row>
    <row r="677345" spans="14:14">
      <c r="N677345" s="10"/>
    </row>
    <row r="677346" spans="14:14">
      <c r="N677346" s="10"/>
    </row>
    <row r="677347" spans="14:14">
      <c r="N677347" s="10"/>
    </row>
    <row r="677348" spans="14:14">
      <c r="N677348" s="10"/>
    </row>
    <row r="677349" spans="14:14">
      <c r="N677349" s="10"/>
    </row>
    <row r="677350" spans="14:14">
      <c r="N677350" s="10"/>
    </row>
    <row r="677351" spans="14:14">
      <c r="N677351" s="10"/>
    </row>
    <row r="677352" spans="14:14">
      <c r="N677352" s="10"/>
    </row>
    <row r="677353" spans="14:14">
      <c r="N677353" s="10"/>
    </row>
    <row r="677354" spans="14:14">
      <c r="N677354" s="10"/>
    </row>
    <row r="677355" spans="14:14">
      <c r="N677355" s="10"/>
    </row>
    <row r="677356" spans="14:14">
      <c r="N677356" s="10"/>
    </row>
    <row r="677357" spans="14:14">
      <c r="N677357" s="10"/>
    </row>
    <row r="677358" spans="14:14">
      <c r="N677358" s="10"/>
    </row>
    <row r="677359" spans="14:14">
      <c r="N677359" s="10"/>
    </row>
    <row r="677360" spans="14:14">
      <c r="N677360" s="10"/>
    </row>
    <row r="677361" spans="14:14">
      <c r="N677361" s="10"/>
    </row>
    <row r="677362" spans="14:14">
      <c r="N677362" s="10"/>
    </row>
    <row r="677363" spans="14:14">
      <c r="N677363" s="10"/>
    </row>
    <row r="677364" spans="14:14">
      <c r="N677364" s="10"/>
    </row>
    <row r="677365" spans="14:14">
      <c r="N677365" s="10"/>
    </row>
    <row r="677366" spans="14:14">
      <c r="N677366" s="10"/>
    </row>
    <row r="677367" spans="14:14">
      <c r="N677367" s="10"/>
    </row>
    <row r="677368" spans="14:14">
      <c r="N677368" s="10"/>
    </row>
    <row r="677369" spans="14:14">
      <c r="N677369" s="10"/>
    </row>
    <row r="677370" spans="14:14">
      <c r="N677370" s="10"/>
    </row>
    <row r="677371" spans="14:14">
      <c r="N677371" s="10"/>
    </row>
    <row r="677372" spans="14:14">
      <c r="N677372" s="10"/>
    </row>
    <row r="677373" spans="14:14">
      <c r="N677373" s="10"/>
    </row>
    <row r="677374" spans="14:14">
      <c r="N677374" s="10"/>
    </row>
    <row r="677375" spans="14:14">
      <c r="N677375" s="10"/>
    </row>
    <row r="677376" spans="14:14">
      <c r="N677376" s="10"/>
    </row>
    <row r="677377" spans="14:14">
      <c r="N677377" s="10"/>
    </row>
    <row r="677378" spans="14:14">
      <c r="N677378" s="10"/>
    </row>
    <row r="677379" spans="14:14">
      <c r="N677379" s="10"/>
    </row>
    <row r="677380" spans="14:14">
      <c r="N677380" s="10"/>
    </row>
    <row r="677381" spans="14:14">
      <c r="N677381" s="10"/>
    </row>
    <row r="677382" spans="14:14">
      <c r="N677382" s="10"/>
    </row>
    <row r="677383" spans="14:14">
      <c r="N677383" s="10"/>
    </row>
    <row r="677384" spans="14:14">
      <c r="N677384" s="10"/>
    </row>
    <row r="677385" spans="14:14">
      <c r="N677385" s="10"/>
    </row>
    <row r="677386" spans="14:14">
      <c r="N677386" s="10"/>
    </row>
    <row r="677387" spans="14:14">
      <c r="N677387" s="10"/>
    </row>
    <row r="677388" spans="14:14">
      <c r="N677388" s="10"/>
    </row>
    <row r="677389" spans="14:14">
      <c r="N677389" s="10"/>
    </row>
    <row r="677390" spans="14:14">
      <c r="N677390" s="10"/>
    </row>
    <row r="677391" spans="14:14">
      <c r="N677391" s="10"/>
    </row>
    <row r="677392" spans="14:14">
      <c r="N677392" s="10"/>
    </row>
    <row r="677393" spans="14:14">
      <c r="N677393" s="10"/>
    </row>
    <row r="677394" spans="14:14">
      <c r="N677394" s="10"/>
    </row>
    <row r="677395" spans="14:14">
      <c r="N677395" s="10"/>
    </row>
    <row r="677396" spans="14:14">
      <c r="N677396" s="10"/>
    </row>
    <row r="677397" spans="14:14">
      <c r="N677397" s="10"/>
    </row>
    <row r="677398" spans="14:14">
      <c r="N677398" s="10"/>
    </row>
    <row r="677399" spans="14:14">
      <c r="N677399" s="10"/>
    </row>
    <row r="677400" spans="14:14">
      <c r="N677400" s="10"/>
    </row>
    <row r="677401" spans="14:14">
      <c r="N677401" s="10"/>
    </row>
    <row r="677402" spans="14:14">
      <c r="N677402" s="10"/>
    </row>
    <row r="677403" spans="14:14">
      <c r="N677403" s="10"/>
    </row>
    <row r="677404" spans="14:14">
      <c r="N677404" s="10"/>
    </row>
    <row r="677405" spans="14:14">
      <c r="N677405" s="10"/>
    </row>
    <row r="677406" spans="14:14">
      <c r="N677406" s="10"/>
    </row>
    <row r="677407" spans="14:14">
      <c r="N677407" s="10"/>
    </row>
    <row r="677408" spans="14:14">
      <c r="N677408" s="10"/>
    </row>
    <row r="677409" spans="14:14">
      <c r="N677409" s="10"/>
    </row>
    <row r="677410" spans="14:14">
      <c r="N677410" s="10"/>
    </row>
    <row r="677411" spans="14:14">
      <c r="N677411" s="10"/>
    </row>
    <row r="677412" spans="14:14">
      <c r="N677412" s="10"/>
    </row>
    <row r="677413" spans="14:14">
      <c r="N677413" s="10"/>
    </row>
    <row r="677414" spans="14:14">
      <c r="N677414" s="10"/>
    </row>
    <row r="677415" spans="14:14">
      <c r="N677415" s="10"/>
    </row>
    <row r="677416" spans="14:14">
      <c r="N677416" s="10"/>
    </row>
    <row r="677417" spans="14:14">
      <c r="N677417" s="10"/>
    </row>
    <row r="677418" spans="14:14">
      <c r="N677418" s="10"/>
    </row>
    <row r="677419" spans="14:14">
      <c r="N677419" s="10"/>
    </row>
    <row r="677420" spans="14:14">
      <c r="N677420" s="10"/>
    </row>
    <row r="677421" spans="14:14">
      <c r="N677421" s="10"/>
    </row>
    <row r="677422" spans="14:14">
      <c r="N677422" s="10"/>
    </row>
    <row r="677423" spans="14:14">
      <c r="N677423" s="10"/>
    </row>
    <row r="677424" spans="14:14">
      <c r="N677424" s="10"/>
    </row>
    <row r="677425" spans="14:14">
      <c r="N677425" s="10"/>
    </row>
    <row r="677426" spans="14:14">
      <c r="N677426" s="10"/>
    </row>
    <row r="677427" spans="14:14">
      <c r="N677427" s="10"/>
    </row>
    <row r="677428" spans="14:14">
      <c r="N677428" s="10"/>
    </row>
    <row r="677429" spans="14:14">
      <c r="N677429" s="10"/>
    </row>
    <row r="677430" spans="14:14">
      <c r="N677430" s="10"/>
    </row>
    <row r="677431" spans="14:14">
      <c r="N677431" s="10"/>
    </row>
    <row r="677432" spans="14:14">
      <c r="N677432" s="10"/>
    </row>
    <row r="677433" spans="14:14">
      <c r="N677433" s="10"/>
    </row>
    <row r="677434" spans="14:14">
      <c r="N677434" s="10"/>
    </row>
    <row r="677435" spans="14:14">
      <c r="N677435" s="10"/>
    </row>
    <row r="677436" spans="14:14">
      <c r="N677436" s="10"/>
    </row>
    <row r="677437" spans="14:14">
      <c r="N677437" s="10"/>
    </row>
    <row r="677438" spans="14:14">
      <c r="N677438" s="10"/>
    </row>
    <row r="677439" spans="14:14">
      <c r="N677439" s="10"/>
    </row>
    <row r="677440" spans="14:14">
      <c r="N677440" s="10"/>
    </row>
    <row r="677441" spans="14:14">
      <c r="N677441" s="10"/>
    </row>
    <row r="677442" spans="14:14">
      <c r="N677442" s="10"/>
    </row>
    <row r="677443" spans="14:14">
      <c r="N677443" s="10"/>
    </row>
    <row r="677444" spans="14:14">
      <c r="N677444" s="10"/>
    </row>
    <row r="677445" spans="14:14">
      <c r="N677445" s="10"/>
    </row>
    <row r="677446" spans="14:14">
      <c r="N677446" s="10"/>
    </row>
    <row r="677447" spans="14:14">
      <c r="N677447" s="10"/>
    </row>
    <row r="677448" spans="14:14">
      <c r="N677448" s="10"/>
    </row>
    <row r="677449" spans="14:14">
      <c r="N677449" s="10"/>
    </row>
    <row r="677450" spans="14:14">
      <c r="N677450" s="10"/>
    </row>
    <row r="677451" spans="14:14">
      <c r="N677451" s="10"/>
    </row>
    <row r="677452" spans="14:14">
      <c r="N677452" s="10"/>
    </row>
    <row r="677453" spans="14:14">
      <c r="N677453" s="10"/>
    </row>
    <row r="677454" spans="14:14">
      <c r="N677454" s="10"/>
    </row>
    <row r="677455" spans="14:14">
      <c r="N677455" s="10"/>
    </row>
    <row r="677456" spans="14:14">
      <c r="N677456" s="10"/>
    </row>
    <row r="677457" spans="14:14">
      <c r="N677457" s="10"/>
    </row>
    <row r="677458" spans="14:14">
      <c r="N677458" s="10"/>
    </row>
    <row r="677459" spans="14:14">
      <c r="N677459" s="10"/>
    </row>
    <row r="677460" spans="14:14">
      <c r="N677460" s="10"/>
    </row>
    <row r="677461" spans="14:14">
      <c r="N677461" s="10"/>
    </row>
    <row r="677462" spans="14:14">
      <c r="N677462" s="10"/>
    </row>
    <row r="677463" spans="14:14">
      <c r="N677463" s="10"/>
    </row>
    <row r="677464" spans="14:14">
      <c r="N677464" s="10"/>
    </row>
    <row r="677465" spans="14:14">
      <c r="N677465" s="10"/>
    </row>
    <row r="677466" spans="14:14">
      <c r="N677466" s="10"/>
    </row>
    <row r="677467" spans="14:14">
      <c r="N677467" s="10"/>
    </row>
    <row r="677468" spans="14:14">
      <c r="N677468" s="10"/>
    </row>
    <row r="677469" spans="14:14">
      <c r="N677469" s="10"/>
    </row>
    <row r="677470" spans="14:14">
      <c r="N677470" s="10"/>
    </row>
    <row r="677471" spans="14:14">
      <c r="N677471" s="10"/>
    </row>
    <row r="677472" spans="14:14">
      <c r="N677472" s="10"/>
    </row>
    <row r="677473" spans="14:14">
      <c r="N677473" s="10"/>
    </row>
    <row r="677474" spans="14:14">
      <c r="N677474" s="10"/>
    </row>
    <row r="677475" spans="14:14">
      <c r="N677475" s="10"/>
    </row>
    <row r="677476" spans="14:14">
      <c r="N677476" s="10"/>
    </row>
    <row r="677477" spans="14:14">
      <c r="N677477" s="10"/>
    </row>
    <row r="677478" spans="14:14">
      <c r="N677478" s="10"/>
    </row>
    <row r="677479" spans="14:14">
      <c r="N677479" s="10"/>
    </row>
    <row r="677480" spans="14:14">
      <c r="N677480" s="10"/>
    </row>
    <row r="677481" spans="14:14">
      <c r="N677481" s="10"/>
    </row>
    <row r="677482" spans="14:14">
      <c r="N677482" s="10"/>
    </row>
    <row r="677483" spans="14:14">
      <c r="N677483" s="10"/>
    </row>
    <row r="677484" spans="14:14">
      <c r="N677484" s="10"/>
    </row>
    <row r="677485" spans="14:14">
      <c r="N677485" s="10"/>
    </row>
    <row r="677486" spans="14:14">
      <c r="N677486" s="10"/>
    </row>
    <row r="677487" spans="14:14">
      <c r="N677487" s="10"/>
    </row>
    <row r="677488" spans="14:14">
      <c r="N677488" s="10"/>
    </row>
    <row r="677489" spans="14:14">
      <c r="N677489" s="10"/>
    </row>
    <row r="677490" spans="14:14">
      <c r="N677490" s="10"/>
    </row>
    <row r="677491" spans="14:14">
      <c r="N677491" s="10"/>
    </row>
    <row r="677492" spans="14:14">
      <c r="N677492" s="10"/>
    </row>
    <row r="677493" spans="14:14">
      <c r="N677493" s="10"/>
    </row>
    <row r="677494" spans="14:14">
      <c r="N677494" s="10"/>
    </row>
    <row r="677495" spans="14:14">
      <c r="N677495" s="10"/>
    </row>
    <row r="677496" spans="14:14">
      <c r="N677496" s="10"/>
    </row>
    <row r="677497" spans="14:14">
      <c r="N677497" s="10"/>
    </row>
    <row r="677498" spans="14:14">
      <c r="N677498" s="10"/>
    </row>
    <row r="677499" spans="14:14">
      <c r="N677499" s="10"/>
    </row>
    <row r="677500" spans="14:14">
      <c r="N677500" s="10"/>
    </row>
    <row r="677501" spans="14:14">
      <c r="N677501" s="10"/>
    </row>
    <row r="677502" spans="14:14">
      <c r="N677502" s="10"/>
    </row>
    <row r="677503" spans="14:14">
      <c r="N677503" s="10"/>
    </row>
    <row r="677504" spans="14:14">
      <c r="N677504" s="10"/>
    </row>
    <row r="677505" spans="14:14">
      <c r="N677505" s="10"/>
    </row>
    <row r="677506" spans="14:14">
      <c r="N677506" s="10"/>
    </row>
    <row r="677507" spans="14:14">
      <c r="N677507" s="10"/>
    </row>
    <row r="677508" spans="14:14">
      <c r="N677508" s="10"/>
    </row>
    <row r="677509" spans="14:14">
      <c r="N677509" s="10"/>
    </row>
    <row r="677510" spans="14:14">
      <c r="N677510" s="10"/>
    </row>
    <row r="677511" spans="14:14">
      <c r="N677511" s="10"/>
    </row>
    <row r="677512" spans="14:14">
      <c r="N677512" s="10"/>
    </row>
    <row r="677513" spans="14:14">
      <c r="N677513" s="10"/>
    </row>
    <row r="677514" spans="14:14">
      <c r="N677514" s="10"/>
    </row>
    <row r="677515" spans="14:14">
      <c r="N677515" s="10"/>
    </row>
    <row r="677516" spans="14:14">
      <c r="N677516" s="10"/>
    </row>
    <row r="677517" spans="14:14">
      <c r="N677517" s="10"/>
    </row>
    <row r="677518" spans="14:14">
      <c r="N677518" s="10"/>
    </row>
    <row r="677519" spans="14:14">
      <c r="N677519" s="10"/>
    </row>
    <row r="677520" spans="14:14">
      <c r="N677520" s="10"/>
    </row>
    <row r="677521" spans="14:14">
      <c r="N677521" s="10"/>
    </row>
    <row r="677522" spans="14:14">
      <c r="N677522" s="10"/>
    </row>
    <row r="677523" spans="14:14">
      <c r="N677523" s="10"/>
    </row>
    <row r="677524" spans="14:14">
      <c r="N677524" s="10"/>
    </row>
    <row r="677525" spans="14:14">
      <c r="N677525" s="10"/>
    </row>
    <row r="677526" spans="14:14">
      <c r="N677526" s="10"/>
    </row>
    <row r="677527" spans="14:14">
      <c r="N677527" s="10"/>
    </row>
    <row r="677528" spans="14:14">
      <c r="N677528" s="10"/>
    </row>
    <row r="677529" spans="14:14">
      <c r="N677529" s="10"/>
    </row>
    <row r="677530" spans="14:14">
      <c r="N677530" s="10"/>
    </row>
    <row r="677531" spans="14:14">
      <c r="N677531" s="10"/>
    </row>
    <row r="677532" spans="14:14">
      <c r="N677532" s="10"/>
    </row>
    <row r="677533" spans="14:14">
      <c r="N677533" s="10"/>
    </row>
    <row r="677534" spans="14:14">
      <c r="N677534" s="10"/>
    </row>
    <row r="677535" spans="14:14">
      <c r="N677535" s="10"/>
    </row>
    <row r="677536" spans="14:14">
      <c r="N677536" s="10"/>
    </row>
    <row r="677537" spans="14:14">
      <c r="N677537" s="10"/>
    </row>
    <row r="677538" spans="14:14">
      <c r="N677538" s="10"/>
    </row>
    <row r="677539" spans="14:14">
      <c r="N677539" s="10"/>
    </row>
    <row r="677540" spans="14:14">
      <c r="N677540" s="10"/>
    </row>
    <row r="677541" spans="14:14">
      <c r="N677541" s="10"/>
    </row>
    <row r="677542" spans="14:14">
      <c r="N677542" s="10"/>
    </row>
    <row r="677543" spans="14:14">
      <c r="N677543" s="10"/>
    </row>
    <row r="677544" spans="14:14">
      <c r="N677544" s="10"/>
    </row>
    <row r="677545" spans="14:14">
      <c r="N677545" s="10"/>
    </row>
    <row r="677546" spans="14:14">
      <c r="N677546" s="10"/>
    </row>
    <row r="677547" spans="14:14">
      <c r="N677547" s="10"/>
    </row>
    <row r="677548" spans="14:14">
      <c r="N677548" s="10"/>
    </row>
    <row r="677549" spans="14:14">
      <c r="N677549" s="10"/>
    </row>
    <row r="677550" spans="14:14">
      <c r="N677550" s="10"/>
    </row>
    <row r="677551" spans="14:14">
      <c r="N677551" s="10"/>
    </row>
    <row r="677552" spans="14:14">
      <c r="N677552" s="10"/>
    </row>
    <row r="677553" spans="14:14">
      <c r="N677553" s="10"/>
    </row>
    <row r="677554" spans="14:14">
      <c r="N677554" s="10"/>
    </row>
    <row r="677555" spans="14:14">
      <c r="N677555" s="10"/>
    </row>
    <row r="677556" spans="14:14">
      <c r="N677556" s="10"/>
    </row>
    <row r="677557" spans="14:14">
      <c r="N677557" s="10"/>
    </row>
    <row r="677558" spans="14:14">
      <c r="N677558" s="10"/>
    </row>
    <row r="677559" spans="14:14">
      <c r="N677559" s="10"/>
    </row>
    <row r="677560" spans="14:14">
      <c r="N677560" s="10"/>
    </row>
    <row r="677561" spans="14:14">
      <c r="N677561" s="10"/>
    </row>
    <row r="677562" spans="14:14">
      <c r="N677562" s="10"/>
    </row>
    <row r="677563" spans="14:14">
      <c r="N677563" s="10"/>
    </row>
    <row r="677564" spans="14:14">
      <c r="N677564" s="10"/>
    </row>
    <row r="677565" spans="14:14">
      <c r="N677565" s="10"/>
    </row>
    <row r="677566" spans="14:14">
      <c r="N677566" s="10"/>
    </row>
    <row r="677567" spans="14:14">
      <c r="N677567" s="10"/>
    </row>
    <row r="677568" spans="14:14">
      <c r="N677568" s="10"/>
    </row>
    <row r="677569" spans="14:14">
      <c r="N677569" s="10"/>
    </row>
    <row r="677570" spans="14:14">
      <c r="N677570" s="10"/>
    </row>
    <row r="677571" spans="14:14">
      <c r="N677571" s="10"/>
    </row>
    <row r="677572" spans="14:14">
      <c r="N677572" s="10"/>
    </row>
    <row r="677573" spans="14:14">
      <c r="N677573" s="10"/>
    </row>
    <row r="677574" spans="14:14">
      <c r="N677574" s="10"/>
    </row>
    <row r="677575" spans="14:14">
      <c r="N677575" s="10"/>
    </row>
    <row r="677576" spans="14:14">
      <c r="N677576" s="10"/>
    </row>
    <row r="677577" spans="14:14">
      <c r="N677577" s="10"/>
    </row>
    <row r="677578" spans="14:14">
      <c r="N677578" s="10"/>
    </row>
    <row r="677579" spans="14:14">
      <c r="N677579" s="10"/>
    </row>
    <row r="677580" spans="14:14">
      <c r="N677580" s="10"/>
    </row>
    <row r="677581" spans="14:14">
      <c r="N677581" s="10"/>
    </row>
    <row r="677582" spans="14:14">
      <c r="N677582" s="10"/>
    </row>
    <row r="677583" spans="14:14">
      <c r="N677583" s="10"/>
    </row>
    <row r="677584" spans="14:14">
      <c r="N677584" s="10"/>
    </row>
    <row r="677585" spans="14:14">
      <c r="N677585" s="10"/>
    </row>
    <row r="677586" spans="14:14">
      <c r="N677586" s="10"/>
    </row>
    <row r="677587" spans="14:14">
      <c r="N677587" s="10"/>
    </row>
    <row r="677588" spans="14:14">
      <c r="N677588" s="10"/>
    </row>
    <row r="677589" spans="14:14">
      <c r="N677589" s="10"/>
    </row>
    <row r="677590" spans="14:14">
      <c r="N677590" s="10"/>
    </row>
    <row r="677591" spans="14:14">
      <c r="N677591" s="10"/>
    </row>
    <row r="677592" spans="14:14">
      <c r="N677592" s="10"/>
    </row>
    <row r="677593" spans="14:14">
      <c r="N677593" s="10"/>
    </row>
    <row r="677594" spans="14:14">
      <c r="N677594" s="10"/>
    </row>
    <row r="677595" spans="14:14">
      <c r="N677595" s="10"/>
    </row>
    <row r="677596" spans="14:14">
      <c r="N677596" s="10"/>
    </row>
    <row r="677597" spans="14:14">
      <c r="N677597" s="10"/>
    </row>
    <row r="677598" spans="14:14">
      <c r="N677598" s="10"/>
    </row>
    <row r="677599" spans="14:14">
      <c r="N677599" s="10"/>
    </row>
    <row r="677600" spans="14:14">
      <c r="N677600" s="10"/>
    </row>
    <row r="677601" spans="14:14">
      <c r="N677601" s="10"/>
    </row>
    <row r="677602" spans="14:14">
      <c r="N677602" s="10"/>
    </row>
    <row r="677603" spans="14:14">
      <c r="N677603" s="10"/>
    </row>
    <row r="677604" spans="14:14">
      <c r="N677604" s="10"/>
    </row>
    <row r="677605" spans="14:14">
      <c r="N677605" s="10"/>
    </row>
    <row r="677606" spans="14:14">
      <c r="N677606" s="10"/>
    </row>
    <row r="677607" spans="14:14">
      <c r="N677607" s="10"/>
    </row>
    <row r="677608" spans="14:14">
      <c r="N677608" s="10"/>
    </row>
    <row r="677609" spans="14:14">
      <c r="N677609" s="10"/>
    </row>
    <row r="677610" spans="14:14">
      <c r="N677610" s="10"/>
    </row>
    <row r="677611" spans="14:14">
      <c r="N677611" s="10"/>
    </row>
    <row r="677612" spans="14:14">
      <c r="N677612" s="10"/>
    </row>
    <row r="677613" spans="14:14">
      <c r="N677613" s="10"/>
    </row>
    <row r="677614" spans="14:14">
      <c r="N677614" s="10"/>
    </row>
    <row r="677615" spans="14:14">
      <c r="N677615" s="10"/>
    </row>
    <row r="677616" spans="14:14">
      <c r="N677616" s="10"/>
    </row>
    <row r="677617" spans="14:14">
      <c r="N677617" s="10"/>
    </row>
    <row r="677618" spans="14:14">
      <c r="N677618" s="10"/>
    </row>
    <row r="677619" spans="14:14">
      <c r="N677619" s="10"/>
    </row>
    <row r="677620" spans="14:14">
      <c r="N677620" s="10"/>
    </row>
    <row r="677621" spans="14:14">
      <c r="N677621" s="10"/>
    </row>
    <row r="677622" spans="14:14">
      <c r="N677622" s="10"/>
    </row>
    <row r="677623" spans="14:14">
      <c r="N677623" s="10"/>
    </row>
    <row r="677624" spans="14:14">
      <c r="N677624" s="10"/>
    </row>
    <row r="677625" spans="14:14">
      <c r="N677625" s="10"/>
    </row>
    <row r="677626" spans="14:14">
      <c r="N677626" s="10"/>
    </row>
    <row r="677627" spans="14:14">
      <c r="N677627" s="10"/>
    </row>
    <row r="677628" spans="14:14">
      <c r="N677628" s="10"/>
    </row>
    <row r="677629" spans="14:14">
      <c r="N677629" s="10"/>
    </row>
    <row r="677630" spans="14:14">
      <c r="N677630" s="10"/>
    </row>
    <row r="677631" spans="14:14">
      <c r="N677631" s="10"/>
    </row>
    <row r="677632" spans="14:14">
      <c r="N677632" s="10"/>
    </row>
    <row r="677633" spans="14:14">
      <c r="N677633" s="10"/>
    </row>
    <row r="677634" spans="14:14">
      <c r="N677634" s="10"/>
    </row>
    <row r="677635" spans="14:14">
      <c r="N677635" s="10"/>
    </row>
    <row r="677636" spans="14:14">
      <c r="N677636" s="10"/>
    </row>
    <row r="677637" spans="14:14">
      <c r="N677637" s="10"/>
    </row>
    <row r="677638" spans="14:14">
      <c r="N677638" s="10"/>
    </row>
    <row r="677639" spans="14:14">
      <c r="N677639" s="10"/>
    </row>
    <row r="677640" spans="14:14">
      <c r="N677640" s="10"/>
    </row>
    <row r="677641" spans="14:14">
      <c r="N677641" s="10"/>
    </row>
    <row r="677642" spans="14:14">
      <c r="N677642" s="10"/>
    </row>
    <row r="677643" spans="14:14">
      <c r="N677643" s="10"/>
    </row>
    <row r="677644" spans="14:14">
      <c r="N677644" s="10"/>
    </row>
    <row r="677645" spans="14:14">
      <c r="N677645" s="10"/>
    </row>
    <row r="677646" spans="14:14">
      <c r="N677646" s="10"/>
    </row>
    <row r="677647" spans="14:14">
      <c r="N677647" s="10"/>
    </row>
    <row r="677648" spans="14:14">
      <c r="N677648" s="10"/>
    </row>
    <row r="677649" spans="14:14">
      <c r="N677649" s="10"/>
    </row>
    <row r="677650" spans="14:14">
      <c r="N677650" s="10"/>
    </row>
    <row r="677651" spans="14:14">
      <c r="N677651" s="10"/>
    </row>
    <row r="677652" spans="14:14">
      <c r="N677652" s="10"/>
    </row>
    <row r="677653" spans="14:14">
      <c r="N677653" s="10"/>
    </row>
    <row r="677654" spans="14:14">
      <c r="N677654" s="10"/>
    </row>
    <row r="677655" spans="14:14">
      <c r="N677655" s="10"/>
    </row>
    <row r="677656" spans="14:14">
      <c r="N677656" s="10"/>
    </row>
    <row r="677657" spans="14:14">
      <c r="N677657" s="10"/>
    </row>
    <row r="677658" spans="14:14">
      <c r="N677658" s="10"/>
    </row>
    <row r="677659" spans="14:14">
      <c r="N677659" s="10"/>
    </row>
    <row r="677660" spans="14:14">
      <c r="N677660" s="10"/>
    </row>
    <row r="677661" spans="14:14">
      <c r="N677661" s="10"/>
    </row>
    <row r="677662" spans="14:14">
      <c r="N677662" s="10"/>
    </row>
    <row r="677663" spans="14:14">
      <c r="N677663" s="10"/>
    </row>
    <row r="677664" spans="14:14">
      <c r="N677664" s="10"/>
    </row>
    <row r="677665" spans="14:14">
      <c r="N677665" s="10"/>
    </row>
    <row r="677666" spans="14:14">
      <c r="N677666" s="10"/>
    </row>
    <row r="677667" spans="14:14">
      <c r="N677667" s="10"/>
    </row>
    <row r="677668" spans="14:14">
      <c r="N677668" s="10"/>
    </row>
    <row r="677669" spans="14:14">
      <c r="N677669" s="10"/>
    </row>
    <row r="677670" spans="14:14">
      <c r="N677670" s="10"/>
    </row>
    <row r="677671" spans="14:14">
      <c r="N677671" s="10"/>
    </row>
    <row r="677672" spans="14:14">
      <c r="N677672" s="10"/>
    </row>
    <row r="677673" spans="14:14">
      <c r="N677673" s="10"/>
    </row>
    <row r="677674" spans="14:14">
      <c r="N677674" s="10"/>
    </row>
    <row r="677675" spans="14:14">
      <c r="N677675" s="10"/>
    </row>
    <row r="677676" spans="14:14">
      <c r="N677676" s="10"/>
    </row>
    <row r="677677" spans="14:14">
      <c r="N677677" s="10"/>
    </row>
    <row r="677678" spans="14:14">
      <c r="N677678" s="10"/>
    </row>
    <row r="677679" spans="14:14">
      <c r="N677679" s="10"/>
    </row>
    <row r="677680" spans="14:14">
      <c r="N677680" s="10"/>
    </row>
    <row r="677681" spans="14:14">
      <c r="N677681" s="10"/>
    </row>
    <row r="677682" spans="14:14">
      <c r="N677682" s="10"/>
    </row>
    <row r="677683" spans="14:14">
      <c r="N677683" s="10"/>
    </row>
    <row r="677684" spans="14:14">
      <c r="N677684" s="10"/>
    </row>
    <row r="677685" spans="14:14">
      <c r="N677685" s="10"/>
    </row>
    <row r="677686" spans="14:14">
      <c r="N677686" s="10"/>
    </row>
    <row r="677687" spans="14:14">
      <c r="N677687" s="10"/>
    </row>
    <row r="677688" spans="14:14">
      <c r="N677688" s="10"/>
    </row>
    <row r="677689" spans="14:14">
      <c r="N677689" s="10"/>
    </row>
    <row r="677690" spans="14:14">
      <c r="N677690" s="10"/>
    </row>
    <row r="677691" spans="14:14">
      <c r="N677691" s="10"/>
    </row>
    <row r="677692" spans="14:14">
      <c r="N677692" s="10"/>
    </row>
    <row r="677693" spans="14:14">
      <c r="N677693" s="10"/>
    </row>
    <row r="677694" spans="14:14">
      <c r="N677694" s="10"/>
    </row>
    <row r="677695" spans="14:14">
      <c r="N677695" s="10"/>
    </row>
    <row r="677696" spans="14:14">
      <c r="N677696" s="10"/>
    </row>
    <row r="677697" spans="14:14">
      <c r="N677697" s="10"/>
    </row>
    <row r="677698" spans="14:14">
      <c r="N677698" s="10"/>
    </row>
    <row r="677699" spans="14:14">
      <c r="N677699" s="10"/>
    </row>
    <row r="677700" spans="14:14">
      <c r="N677700" s="10"/>
    </row>
    <row r="677701" spans="14:14">
      <c r="N677701" s="10"/>
    </row>
    <row r="677702" spans="14:14">
      <c r="N677702" s="10"/>
    </row>
    <row r="677703" spans="14:14">
      <c r="N677703" s="10"/>
    </row>
    <row r="677704" spans="14:14">
      <c r="N677704" s="10"/>
    </row>
    <row r="677705" spans="14:14">
      <c r="N677705" s="10"/>
    </row>
    <row r="677706" spans="14:14">
      <c r="N677706" s="10"/>
    </row>
    <row r="677707" spans="14:14">
      <c r="N677707" s="10"/>
    </row>
    <row r="677708" spans="14:14">
      <c r="N677708" s="10"/>
    </row>
    <row r="677709" spans="14:14">
      <c r="N677709" s="10"/>
    </row>
    <row r="677710" spans="14:14">
      <c r="N677710" s="10"/>
    </row>
    <row r="677711" spans="14:14">
      <c r="N677711" s="10"/>
    </row>
    <row r="677712" spans="14:14">
      <c r="N677712" s="10"/>
    </row>
    <row r="677713" spans="14:14">
      <c r="N677713" s="10"/>
    </row>
    <row r="677714" spans="14:14">
      <c r="N677714" s="10"/>
    </row>
    <row r="677715" spans="14:14">
      <c r="N677715" s="10"/>
    </row>
    <row r="677716" spans="14:14">
      <c r="N677716" s="10"/>
    </row>
    <row r="677717" spans="14:14">
      <c r="N677717" s="10"/>
    </row>
    <row r="677718" spans="14:14">
      <c r="N677718" s="10"/>
    </row>
    <row r="677719" spans="14:14">
      <c r="N677719" s="10"/>
    </row>
    <row r="677720" spans="14:14">
      <c r="N677720" s="10"/>
    </row>
    <row r="677721" spans="14:14">
      <c r="N677721" s="10"/>
    </row>
    <row r="677722" spans="14:14">
      <c r="N677722" s="10"/>
    </row>
    <row r="677723" spans="14:14">
      <c r="N677723" s="10"/>
    </row>
    <row r="677724" spans="14:14">
      <c r="N677724" s="10"/>
    </row>
    <row r="677725" spans="14:14">
      <c r="N677725" s="10"/>
    </row>
    <row r="677726" spans="14:14">
      <c r="N677726" s="10"/>
    </row>
    <row r="677727" spans="14:14">
      <c r="N677727" s="10"/>
    </row>
    <row r="677728" spans="14:14">
      <c r="N677728" s="10"/>
    </row>
    <row r="677729" spans="14:14">
      <c r="N677729" s="10"/>
    </row>
    <row r="677730" spans="14:14">
      <c r="N677730" s="10"/>
    </row>
    <row r="677731" spans="14:14">
      <c r="N677731" s="10"/>
    </row>
    <row r="677732" spans="14:14">
      <c r="N677732" s="10"/>
    </row>
    <row r="677733" spans="14:14">
      <c r="N677733" s="10"/>
    </row>
    <row r="677734" spans="14:14">
      <c r="N677734" s="10"/>
    </row>
    <row r="677735" spans="14:14">
      <c r="N677735" s="10"/>
    </row>
    <row r="677736" spans="14:14">
      <c r="N677736" s="10"/>
    </row>
    <row r="677737" spans="14:14">
      <c r="N677737" s="10"/>
    </row>
    <row r="677738" spans="14:14">
      <c r="N677738" s="10"/>
    </row>
    <row r="677739" spans="14:14">
      <c r="N677739" s="10"/>
    </row>
    <row r="677740" spans="14:14">
      <c r="N677740" s="10"/>
    </row>
    <row r="677741" spans="14:14">
      <c r="N677741" s="10"/>
    </row>
    <row r="677742" spans="14:14">
      <c r="N677742" s="10"/>
    </row>
    <row r="677743" spans="14:14">
      <c r="N677743" s="10"/>
    </row>
    <row r="677744" spans="14:14">
      <c r="N677744" s="10"/>
    </row>
    <row r="677745" spans="14:14">
      <c r="N677745" s="10"/>
    </row>
    <row r="677746" spans="14:14">
      <c r="N677746" s="10"/>
    </row>
    <row r="677747" spans="14:14">
      <c r="N677747" s="10"/>
    </row>
    <row r="677748" spans="14:14">
      <c r="N677748" s="10"/>
    </row>
    <row r="677749" spans="14:14">
      <c r="N677749" s="10"/>
    </row>
    <row r="677750" spans="14:14">
      <c r="N677750" s="10"/>
    </row>
    <row r="677751" spans="14:14">
      <c r="N677751" s="10"/>
    </row>
    <row r="677752" spans="14:14">
      <c r="N677752" s="10"/>
    </row>
    <row r="677753" spans="14:14">
      <c r="N677753" s="10"/>
    </row>
    <row r="677754" spans="14:14">
      <c r="N677754" s="10"/>
    </row>
    <row r="677755" spans="14:14">
      <c r="N677755" s="10"/>
    </row>
    <row r="677756" spans="14:14">
      <c r="N677756" s="10"/>
    </row>
    <row r="677757" spans="14:14">
      <c r="N677757" s="10"/>
    </row>
    <row r="677758" spans="14:14">
      <c r="N677758" s="10"/>
    </row>
    <row r="677759" spans="14:14">
      <c r="N677759" s="10"/>
    </row>
    <row r="677760" spans="14:14">
      <c r="N677760" s="10"/>
    </row>
    <row r="677761" spans="14:14">
      <c r="N677761" s="10"/>
    </row>
    <row r="677762" spans="14:14">
      <c r="N677762" s="10"/>
    </row>
    <row r="677763" spans="14:14">
      <c r="N677763" s="10"/>
    </row>
    <row r="677764" spans="14:14">
      <c r="N677764" s="10"/>
    </row>
    <row r="677765" spans="14:14">
      <c r="N677765" s="10"/>
    </row>
    <row r="677766" spans="14:14">
      <c r="N677766" s="10"/>
    </row>
    <row r="677767" spans="14:14">
      <c r="N677767" s="10"/>
    </row>
    <row r="677768" spans="14:14">
      <c r="N677768" s="10"/>
    </row>
    <row r="677769" spans="14:14">
      <c r="N677769" s="10"/>
    </row>
    <row r="677770" spans="14:14">
      <c r="N677770" s="10"/>
    </row>
    <row r="677771" spans="14:14">
      <c r="N677771" s="10"/>
    </row>
    <row r="677772" spans="14:14">
      <c r="N677772" s="10"/>
    </row>
    <row r="677773" spans="14:14">
      <c r="N677773" s="10"/>
    </row>
    <row r="677774" spans="14:14">
      <c r="N677774" s="10"/>
    </row>
    <row r="677775" spans="14:14">
      <c r="N677775" s="10"/>
    </row>
    <row r="677776" spans="14:14">
      <c r="N677776" s="10"/>
    </row>
    <row r="677777" spans="14:14">
      <c r="N677777" s="10"/>
    </row>
    <row r="677778" spans="14:14">
      <c r="N677778" s="10"/>
    </row>
    <row r="677779" spans="14:14">
      <c r="N677779" s="10"/>
    </row>
    <row r="677780" spans="14:14">
      <c r="N677780" s="10"/>
    </row>
    <row r="677781" spans="14:14">
      <c r="N677781" s="10"/>
    </row>
    <row r="677782" spans="14:14">
      <c r="N677782" s="10"/>
    </row>
    <row r="677783" spans="14:14">
      <c r="N677783" s="10"/>
    </row>
    <row r="677784" spans="14:14">
      <c r="N677784" s="10"/>
    </row>
    <row r="677785" spans="14:14">
      <c r="N677785" s="10"/>
    </row>
    <row r="677786" spans="14:14">
      <c r="N677786" s="10"/>
    </row>
    <row r="677787" spans="14:14">
      <c r="N677787" s="10"/>
    </row>
    <row r="677788" spans="14:14">
      <c r="N677788" s="10"/>
    </row>
    <row r="677789" spans="14:14">
      <c r="N677789" s="10"/>
    </row>
    <row r="677790" spans="14:14">
      <c r="N677790" s="10"/>
    </row>
    <row r="677791" spans="14:14">
      <c r="N677791" s="10"/>
    </row>
    <row r="677792" spans="14:14">
      <c r="N677792" s="10"/>
    </row>
    <row r="677793" spans="14:14">
      <c r="N677793" s="10"/>
    </row>
    <row r="677794" spans="14:14">
      <c r="N677794" s="10"/>
    </row>
    <row r="677795" spans="14:14">
      <c r="N677795" s="10"/>
    </row>
    <row r="677796" spans="14:14">
      <c r="N677796" s="10"/>
    </row>
    <row r="677797" spans="14:14">
      <c r="N677797" s="10"/>
    </row>
    <row r="677798" spans="14:14">
      <c r="N677798" s="10"/>
    </row>
    <row r="677799" spans="14:14">
      <c r="N677799" s="10"/>
    </row>
    <row r="677800" spans="14:14">
      <c r="N677800" s="10"/>
    </row>
    <row r="677801" spans="14:14">
      <c r="N677801" s="10"/>
    </row>
    <row r="677802" spans="14:14">
      <c r="N677802" s="10"/>
    </row>
    <row r="677803" spans="14:14">
      <c r="N677803" s="10"/>
    </row>
    <row r="677804" spans="14:14">
      <c r="N677804" s="10"/>
    </row>
    <row r="677805" spans="14:14">
      <c r="N677805" s="10"/>
    </row>
    <row r="677806" spans="14:14">
      <c r="N677806" s="10"/>
    </row>
    <row r="677807" spans="14:14">
      <c r="N677807" s="10"/>
    </row>
    <row r="677808" spans="14:14">
      <c r="N677808" s="10"/>
    </row>
    <row r="677809" spans="14:14">
      <c r="N677809" s="10"/>
    </row>
    <row r="677810" spans="14:14">
      <c r="N677810" s="10"/>
    </row>
    <row r="677811" spans="14:14">
      <c r="N677811" s="10"/>
    </row>
    <row r="677812" spans="14:14">
      <c r="N677812" s="10"/>
    </row>
    <row r="677813" spans="14:14">
      <c r="N677813" s="10"/>
    </row>
    <row r="677814" spans="14:14">
      <c r="N677814" s="10"/>
    </row>
    <row r="677815" spans="14:14">
      <c r="N677815" s="10"/>
    </row>
    <row r="677816" spans="14:14">
      <c r="N677816" s="10"/>
    </row>
    <row r="677817" spans="14:14">
      <c r="N677817" s="10"/>
    </row>
    <row r="677818" spans="14:14">
      <c r="N677818" s="10"/>
    </row>
    <row r="677819" spans="14:14">
      <c r="N677819" s="10"/>
    </row>
    <row r="677820" spans="14:14">
      <c r="N677820" s="10"/>
    </row>
    <row r="677821" spans="14:14">
      <c r="N677821" s="10"/>
    </row>
    <row r="677822" spans="14:14">
      <c r="N677822" s="10"/>
    </row>
    <row r="677823" spans="14:14">
      <c r="N677823" s="10"/>
    </row>
    <row r="677824" spans="14:14">
      <c r="N677824" s="10"/>
    </row>
    <row r="677825" spans="14:14">
      <c r="N677825" s="10"/>
    </row>
    <row r="677826" spans="14:14">
      <c r="N677826" s="10"/>
    </row>
    <row r="677827" spans="14:14">
      <c r="N677827" s="10"/>
    </row>
    <row r="677828" spans="14:14">
      <c r="N677828" s="10"/>
    </row>
    <row r="677829" spans="14:14">
      <c r="N677829" s="10"/>
    </row>
    <row r="677830" spans="14:14">
      <c r="N677830" s="10"/>
    </row>
    <row r="677831" spans="14:14">
      <c r="N677831" s="10"/>
    </row>
    <row r="677832" spans="14:14">
      <c r="N677832" s="10"/>
    </row>
    <row r="677833" spans="14:14">
      <c r="N677833" s="10"/>
    </row>
    <row r="677834" spans="14:14">
      <c r="N677834" s="10"/>
    </row>
    <row r="677835" spans="14:14">
      <c r="N677835" s="10"/>
    </row>
    <row r="677836" spans="14:14">
      <c r="N677836" s="10"/>
    </row>
    <row r="677837" spans="14:14">
      <c r="N677837" s="10"/>
    </row>
    <row r="677838" spans="14:14">
      <c r="N677838" s="10"/>
    </row>
    <row r="677839" spans="14:14">
      <c r="N677839" s="10"/>
    </row>
    <row r="677840" spans="14:14">
      <c r="N677840" s="10"/>
    </row>
    <row r="677841" spans="14:14">
      <c r="N677841" s="10"/>
    </row>
    <row r="677842" spans="14:14">
      <c r="N677842" s="10"/>
    </row>
    <row r="677843" spans="14:14">
      <c r="N677843" s="10"/>
    </row>
    <row r="677844" spans="14:14">
      <c r="N677844" s="10"/>
    </row>
    <row r="677845" spans="14:14">
      <c r="N677845" s="10"/>
    </row>
    <row r="677846" spans="14:14">
      <c r="N677846" s="10"/>
    </row>
    <row r="677847" spans="14:14">
      <c r="N677847" s="10"/>
    </row>
    <row r="677848" spans="14:14">
      <c r="N677848" s="10"/>
    </row>
    <row r="677849" spans="14:14">
      <c r="N677849" s="10"/>
    </row>
    <row r="677850" spans="14:14">
      <c r="N677850" s="10"/>
    </row>
    <row r="677851" spans="14:14">
      <c r="N677851" s="10"/>
    </row>
    <row r="677852" spans="14:14">
      <c r="N677852" s="10"/>
    </row>
    <row r="677853" spans="14:14">
      <c r="N677853" s="10"/>
    </row>
    <row r="677854" spans="14:14">
      <c r="N677854" s="10"/>
    </row>
    <row r="677855" spans="14:14">
      <c r="N677855" s="10"/>
    </row>
    <row r="677856" spans="14:14">
      <c r="N677856" s="10"/>
    </row>
    <row r="677857" spans="14:14">
      <c r="N677857" s="10"/>
    </row>
    <row r="677858" spans="14:14">
      <c r="N677858" s="10"/>
    </row>
    <row r="677859" spans="14:14">
      <c r="N677859" s="10"/>
    </row>
    <row r="677860" spans="14:14">
      <c r="N677860" s="10"/>
    </row>
    <row r="677861" spans="14:14">
      <c r="N677861" s="10"/>
    </row>
    <row r="677862" spans="14:14">
      <c r="N677862" s="10"/>
    </row>
    <row r="677863" spans="14:14">
      <c r="N677863" s="10"/>
    </row>
    <row r="677864" spans="14:14">
      <c r="N677864" s="10"/>
    </row>
    <row r="677865" spans="14:14">
      <c r="N677865" s="10"/>
    </row>
    <row r="677866" spans="14:14">
      <c r="N677866" s="10"/>
    </row>
    <row r="677867" spans="14:14">
      <c r="N677867" s="10"/>
    </row>
    <row r="677868" spans="14:14">
      <c r="N677868" s="10"/>
    </row>
    <row r="677869" spans="14:14">
      <c r="N677869" s="10"/>
    </row>
    <row r="677870" spans="14:14">
      <c r="N677870" s="10"/>
    </row>
    <row r="677871" spans="14:14">
      <c r="N677871" s="10"/>
    </row>
    <row r="677872" spans="14:14">
      <c r="N677872" s="10"/>
    </row>
    <row r="677873" spans="14:14">
      <c r="N677873" s="10"/>
    </row>
    <row r="677874" spans="14:14">
      <c r="N677874" s="10"/>
    </row>
    <row r="677875" spans="14:14">
      <c r="N677875" s="10"/>
    </row>
    <row r="677876" spans="14:14">
      <c r="N677876" s="10"/>
    </row>
    <row r="677877" spans="14:14">
      <c r="N677877" s="10"/>
    </row>
    <row r="677878" spans="14:14">
      <c r="N677878" s="10"/>
    </row>
    <row r="677879" spans="14:14">
      <c r="N677879" s="10"/>
    </row>
    <row r="677880" spans="14:14">
      <c r="N677880" s="10"/>
    </row>
    <row r="677881" spans="14:14">
      <c r="N677881" s="10"/>
    </row>
    <row r="677882" spans="14:14">
      <c r="N677882" s="10"/>
    </row>
    <row r="677883" spans="14:14">
      <c r="N677883" s="10"/>
    </row>
    <row r="677884" spans="14:14">
      <c r="N677884" s="10"/>
    </row>
    <row r="677885" spans="14:14">
      <c r="N677885" s="10"/>
    </row>
    <row r="677886" spans="14:14">
      <c r="N677886" s="10"/>
    </row>
    <row r="677887" spans="14:14">
      <c r="N677887" s="10"/>
    </row>
    <row r="677888" spans="14:14">
      <c r="N677888" s="10"/>
    </row>
    <row r="677889" spans="14:14">
      <c r="N677889" s="10"/>
    </row>
    <row r="677890" spans="14:14">
      <c r="N677890" s="10"/>
    </row>
    <row r="677891" spans="14:14">
      <c r="N677891" s="10"/>
    </row>
    <row r="677892" spans="14:14">
      <c r="N677892" s="10"/>
    </row>
    <row r="677893" spans="14:14">
      <c r="N677893" s="10"/>
    </row>
    <row r="677894" spans="14:14">
      <c r="N677894" s="10"/>
    </row>
    <row r="677895" spans="14:14">
      <c r="N677895" s="10"/>
    </row>
    <row r="677896" spans="14:14">
      <c r="N677896" s="10"/>
    </row>
    <row r="677897" spans="14:14">
      <c r="N677897" s="10"/>
    </row>
    <row r="677898" spans="14:14">
      <c r="N677898" s="10"/>
    </row>
    <row r="677899" spans="14:14">
      <c r="N677899" s="10"/>
    </row>
    <row r="677900" spans="14:14">
      <c r="N677900" s="10"/>
    </row>
    <row r="677901" spans="14:14">
      <c r="N677901" s="10"/>
    </row>
    <row r="677902" spans="14:14">
      <c r="N677902" s="10"/>
    </row>
    <row r="677903" spans="14:14">
      <c r="N677903" s="10"/>
    </row>
    <row r="677904" spans="14:14">
      <c r="N677904" s="10"/>
    </row>
    <row r="677905" spans="14:14">
      <c r="N677905" s="10"/>
    </row>
    <row r="677906" spans="14:14">
      <c r="N677906" s="10"/>
    </row>
    <row r="677907" spans="14:14">
      <c r="N677907" s="10"/>
    </row>
    <row r="677908" spans="14:14">
      <c r="N677908" s="10"/>
    </row>
    <row r="677909" spans="14:14">
      <c r="N677909" s="10"/>
    </row>
    <row r="677910" spans="14:14">
      <c r="N677910" s="10"/>
    </row>
    <row r="677911" spans="14:14">
      <c r="N677911" s="10"/>
    </row>
    <row r="677912" spans="14:14">
      <c r="N677912" s="10"/>
    </row>
    <row r="677913" spans="14:14">
      <c r="N677913" s="10"/>
    </row>
    <row r="677914" spans="14:14">
      <c r="N677914" s="10"/>
    </row>
    <row r="677915" spans="14:14">
      <c r="N677915" s="10"/>
    </row>
    <row r="677916" spans="14:14">
      <c r="N677916" s="10"/>
    </row>
    <row r="677917" spans="14:14">
      <c r="N677917" s="10"/>
    </row>
    <row r="677918" spans="14:14">
      <c r="N677918" s="10"/>
    </row>
    <row r="677919" spans="14:14">
      <c r="N677919" s="10"/>
    </row>
    <row r="677920" spans="14:14">
      <c r="N677920" s="10"/>
    </row>
    <row r="677921" spans="14:14">
      <c r="N677921" s="10"/>
    </row>
    <row r="677922" spans="14:14">
      <c r="N677922" s="10"/>
    </row>
    <row r="677923" spans="14:14">
      <c r="N677923" s="10"/>
    </row>
    <row r="677924" spans="14:14">
      <c r="N677924" s="10"/>
    </row>
    <row r="677925" spans="14:14">
      <c r="N677925" s="10"/>
    </row>
    <row r="677926" spans="14:14">
      <c r="N677926" s="10"/>
    </row>
    <row r="677927" spans="14:14">
      <c r="N677927" s="10"/>
    </row>
    <row r="677928" spans="14:14">
      <c r="N677928" s="10"/>
    </row>
    <row r="677929" spans="14:14">
      <c r="N677929" s="10"/>
    </row>
    <row r="677930" spans="14:14">
      <c r="N677930" s="10"/>
    </row>
    <row r="677931" spans="14:14">
      <c r="N677931" s="10"/>
    </row>
    <row r="677932" spans="14:14">
      <c r="N677932" s="10"/>
    </row>
    <row r="677933" spans="14:14">
      <c r="N677933" s="10"/>
    </row>
    <row r="677934" spans="14:14">
      <c r="N677934" s="10"/>
    </row>
    <row r="677935" spans="14:14">
      <c r="N677935" s="10"/>
    </row>
    <row r="677936" spans="14:14">
      <c r="N677936" s="10"/>
    </row>
    <row r="677937" spans="14:14">
      <c r="N677937" s="10"/>
    </row>
    <row r="677938" spans="14:14">
      <c r="N677938" s="10"/>
    </row>
    <row r="677939" spans="14:14">
      <c r="N677939" s="10"/>
    </row>
    <row r="677940" spans="14:14">
      <c r="N677940" s="10"/>
    </row>
    <row r="677941" spans="14:14">
      <c r="N677941" s="10"/>
    </row>
    <row r="677942" spans="14:14">
      <c r="N677942" s="10"/>
    </row>
    <row r="677943" spans="14:14">
      <c r="N677943" s="10"/>
    </row>
    <row r="677944" spans="14:14">
      <c r="N677944" s="10"/>
    </row>
    <row r="677945" spans="14:14">
      <c r="N677945" s="10"/>
    </row>
    <row r="677946" spans="14:14">
      <c r="N677946" s="10"/>
    </row>
    <row r="677947" spans="14:14">
      <c r="N677947" s="10"/>
    </row>
    <row r="677948" spans="14:14">
      <c r="N677948" s="10"/>
    </row>
    <row r="677949" spans="14:14">
      <c r="N677949" s="10"/>
    </row>
    <row r="677950" spans="14:14">
      <c r="N677950" s="10"/>
    </row>
    <row r="677951" spans="14:14">
      <c r="N677951" s="10"/>
    </row>
    <row r="677952" spans="14:14">
      <c r="N677952" s="10"/>
    </row>
    <row r="677953" spans="14:14">
      <c r="N677953" s="10"/>
    </row>
    <row r="677954" spans="14:14">
      <c r="N677954" s="10"/>
    </row>
    <row r="677955" spans="14:14">
      <c r="N677955" s="10"/>
    </row>
    <row r="677956" spans="14:14">
      <c r="N677956" s="10"/>
    </row>
    <row r="677957" spans="14:14">
      <c r="N677957" s="10"/>
    </row>
    <row r="677958" spans="14:14">
      <c r="N677958" s="10"/>
    </row>
    <row r="677959" spans="14:14">
      <c r="N677959" s="10"/>
    </row>
    <row r="677960" spans="14:14">
      <c r="N677960" s="10"/>
    </row>
    <row r="677961" spans="14:14">
      <c r="N677961" s="10"/>
    </row>
    <row r="677962" spans="14:14">
      <c r="N677962" s="10"/>
    </row>
    <row r="677963" spans="14:14">
      <c r="N677963" s="10"/>
    </row>
    <row r="677964" spans="14:14">
      <c r="N677964" s="10"/>
    </row>
    <row r="677965" spans="14:14">
      <c r="N677965" s="10"/>
    </row>
    <row r="677966" spans="14:14">
      <c r="N677966" s="10"/>
    </row>
    <row r="677967" spans="14:14">
      <c r="N677967" s="10"/>
    </row>
    <row r="677968" spans="14:14">
      <c r="N677968" s="10"/>
    </row>
    <row r="677969" spans="14:14">
      <c r="N677969" s="10"/>
    </row>
    <row r="677970" spans="14:14">
      <c r="N677970" s="10"/>
    </row>
    <row r="677971" spans="14:14">
      <c r="N677971" s="10"/>
    </row>
    <row r="677972" spans="14:14">
      <c r="N677972" s="10"/>
    </row>
    <row r="677973" spans="14:14">
      <c r="N677973" s="10"/>
    </row>
    <row r="677974" spans="14:14">
      <c r="N677974" s="10"/>
    </row>
    <row r="677975" spans="14:14">
      <c r="N677975" s="10"/>
    </row>
    <row r="677976" spans="14:14">
      <c r="N677976" s="10"/>
    </row>
    <row r="677977" spans="14:14">
      <c r="N677977" s="10"/>
    </row>
    <row r="677978" spans="14:14">
      <c r="N677978" s="10"/>
    </row>
    <row r="677979" spans="14:14">
      <c r="N677979" s="10"/>
    </row>
    <row r="677980" spans="14:14">
      <c r="N677980" s="10"/>
    </row>
    <row r="677981" spans="14:14">
      <c r="N677981" s="10"/>
    </row>
    <row r="677982" spans="14:14">
      <c r="N677982" s="10"/>
    </row>
    <row r="677983" spans="14:14">
      <c r="N677983" s="10"/>
    </row>
    <row r="677984" spans="14:14">
      <c r="N677984" s="10"/>
    </row>
    <row r="677985" spans="14:14">
      <c r="N677985" s="10"/>
    </row>
    <row r="677986" spans="14:14">
      <c r="N677986" s="10"/>
    </row>
    <row r="677987" spans="14:14">
      <c r="N677987" s="10"/>
    </row>
    <row r="677988" spans="14:14">
      <c r="N677988" s="10"/>
    </row>
    <row r="677989" spans="14:14">
      <c r="N677989" s="10"/>
    </row>
    <row r="677990" spans="14:14">
      <c r="N677990" s="10"/>
    </row>
    <row r="677991" spans="14:14">
      <c r="N677991" s="10"/>
    </row>
    <row r="677992" spans="14:14">
      <c r="N677992" s="10"/>
    </row>
    <row r="677993" spans="14:14">
      <c r="N677993" s="10"/>
    </row>
    <row r="677994" spans="14:14">
      <c r="N677994" s="10"/>
    </row>
    <row r="677995" spans="14:14">
      <c r="N677995" s="10"/>
    </row>
    <row r="677996" spans="14:14">
      <c r="N677996" s="10"/>
    </row>
    <row r="677997" spans="14:14">
      <c r="N677997" s="10"/>
    </row>
    <row r="677998" spans="14:14">
      <c r="N677998" s="10"/>
    </row>
    <row r="677999" spans="14:14">
      <c r="N677999" s="10"/>
    </row>
    <row r="678000" spans="14:14">
      <c r="N678000" s="10"/>
    </row>
    <row r="678001" spans="14:14">
      <c r="N678001" s="10"/>
    </row>
    <row r="678002" spans="14:14">
      <c r="N678002" s="10"/>
    </row>
    <row r="678003" spans="14:14">
      <c r="N678003" s="10"/>
    </row>
    <row r="678004" spans="14:14">
      <c r="N678004" s="10"/>
    </row>
    <row r="678005" spans="14:14">
      <c r="N678005" s="10"/>
    </row>
    <row r="678006" spans="14:14">
      <c r="N678006" s="10"/>
    </row>
    <row r="678007" spans="14:14">
      <c r="N678007" s="10"/>
    </row>
    <row r="678008" spans="14:14">
      <c r="N678008" s="10"/>
    </row>
    <row r="678009" spans="14:14">
      <c r="N678009" s="10"/>
    </row>
    <row r="678010" spans="14:14">
      <c r="N678010" s="10"/>
    </row>
    <row r="678011" spans="14:14">
      <c r="N678011" s="10"/>
    </row>
    <row r="678012" spans="14:14">
      <c r="N678012" s="10"/>
    </row>
    <row r="678013" spans="14:14">
      <c r="N678013" s="10"/>
    </row>
    <row r="678014" spans="14:14">
      <c r="N678014" s="10"/>
    </row>
    <row r="678015" spans="14:14">
      <c r="N678015" s="10"/>
    </row>
    <row r="678016" spans="14:14">
      <c r="N678016" s="10"/>
    </row>
    <row r="678017" spans="14:14">
      <c r="N678017" s="10"/>
    </row>
    <row r="678018" spans="14:14">
      <c r="N678018" s="10"/>
    </row>
    <row r="678019" spans="14:14">
      <c r="N678019" s="10"/>
    </row>
    <row r="678020" spans="14:14">
      <c r="N678020" s="10"/>
    </row>
    <row r="678021" spans="14:14">
      <c r="N678021" s="10"/>
    </row>
    <row r="678022" spans="14:14">
      <c r="N678022" s="10"/>
    </row>
    <row r="678023" spans="14:14">
      <c r="N678023" s="10"/>
    </row>
    <row r="678024" spans="14:14">
      <c r="N678024" s="10"/>
    </row>
    <row r="678025" spans="14:14">
      <c r="N678025" s="10"/>
    </row>
    <row r="678026" spans="14:14">
      <c r="N678026" s="10"/>
    </row>
    <row r="678027" spans="14:14">
      <c r="N678027" s="10"/>
    </row>
    <row r="678028" spans="14:14">
      <c r="N678028" s="10"/>
    </row>
    <row r="678029" spans="14:14">
      <c r="N678029" s="10"/>
    </row>
    <row r="678030" spans="14:14">
      <c r="N678030" s="10"/>
    </row>
    <row r="678031" spans="14:14">
      <c r="N678031" s="10"/>
    </row>
    <row r="678032" spans="14:14">
      <c r="N678032" s="10"/>
    </row>
    <row r="678033" spans="14:14">
      <c r="N678033" s="10"/>
    </row>
    <row r="678034" spans="14:14">
      <c r="N678034" s="10"/>
    </row>
    <row r="678035" spans="14:14">
      <c r="N678035" s="10"/>
    </row>
    <row r="678036" spans="14:14">
      <c r="N678036" s="10"/>
    </row>
    <row r="678037" spans="14:14">
      <c r="N678037" s="10"/>
    </row>
    <row r="678038" spans="14:14">
      <c r="N678038" s="10"/>
    </row>
    <row r="678039" spans="14:14">
      <c r="N678039" s="10"/>
    </row>
    <row r="678040" spans="14:14">
      <c r="N678040" s="10"/>
    </row>
    <row r="678041" spans="14:14">
      <c r="N678041" s="10"/>
    </row>
    <row r="678042" spans="14:14">
      <c r="N678042" s="10"/>
    </row>
    <row r="678043" spans="14:14">
      <c r="N678043" s="10"/>
    </row>
    <row r="678044" spans="14:14">
      <c r="N678044" s="10"/>
    </row>
    <row r="678045" spans="14:14">
      <c r="N678045" s="10"/>
    </row>
    <row r="678046" spans="14:14">
      <c r="N678046" s="10"/>
    </row>
    <row r="678047" spans="14:14">
      <c r="N678047" s="10"/>
    </row>
    <row r="678048" spans="14:14">
      <c r="N678048" s="10"/>
    </row>
    <row r="678049" spans="14:14">
      <c r="N678049" s="10"/>
    </row>
    <row r="678050" spans="14:14">
      <c r="N678050" s="10"/>
    </row>
    <row r="678051" spans="14:14">
      <c r="N678051" s="10"/>
    </row>
    <row r="678052" spans="14:14">
      <c r="N678052" s="10"/>
    </row>
    <row r="678053" spans="14:14">
      <c r="N678053" s="10"/>
    </row>
    <row r="678054" spans="14:14">
      <c r="N678054" s="10"/>
    </row>
    <row r="678055" spans="14:14">
      <c r="N678055" s="10"/>
    </row>
    <row r="678056" spans="14:14">
      <c r="N678056" s="10"/>
    </row>
    <row r="678057" spans="14:14">
      <c r="N678057" s="10"/>
    </row>
    <row r="678058" spans="14:14">
      <c r="N678058" s="10"/>
    </row>
    <row r="678059" spans="14:14">
      <c r="N678059" s="10"/>
    </row>
    <row r="678060" spans="14:14">
      <c r="N678060" s="10"/>
    </row>
    <row r="678061" spans="14:14">
      <c r="N678061" s="10"/>
    </row>
    <row r="678062" spans="14:14">
      <c r="N678062" s="10"/>
    </row>
    <row r="678063" spans="14:14">
      <c r="N678063" s="10"/>
    </row>
    <row r="678064" spans="14:14">
      <c r="N678064" s="10"/>
    </row>
    <row r="678065" spans="14:14">
      <c r="N678065" s="10"/>
    </row>
    <row r="678066" spans="14:14">
      <c r="N678066" s="10"/>
    </row>
    <row r="678067" spans="14:14">
      <c r="N678067" s="10"/>
    </row>
    <row r="678068" spans="14:14">
      <c r="N678068" s="10"/>
    </row>
    <row r="678069" spans="14:14">
      <c r="N678069" s="10"/>
    </row>
    <row r="678070" spans="14:14">
      <c r="N678070" s="10"/>
    </row>
    <row r="678071" spans="14:14">
      <c r="N678071" s="10"/>
    </row>
    <row r="678072" spans="14:14">
      <c r="N678072" s="10"/>
    </row>
    <row r="678073" spans="14:14">
      <c r="N678073" s="10"/>
    </row>
    <row r="678074" spans="14:14">
      <c r="N678074" s="10"/>
    </row>
    <row r="678075" spans="14:14">
      <c r="N678075" s="10"/>
    </row>
    <row r="678076" spans="14:14">
      <c r="N678076" s="10"/>
    </row>
    <row r="678077" spans="14:14">
      <c r="N678077" s="10"/>
    </row>
    <row r="678078" spans="14:14">
      <c r="N678078" s="10"/>
    </row>
    <row r="678079" spans="14:14">
      <c r="N678079" s="10"/>
    </row>
    <row r="678080" spans="14:14">
      <c r="N678080" s="10"/>
    </row>
    <row r="678081" spans="14:14">
      <c r="N678081" s="10"/>
    </row>
    <row r="678082" spans="14:14">
      <c r="N678082" s="10"/>
    </row>
    <row r="678083" spans="14:14">
      <c r="N678083" s="10"/>
    </row>
    <row r="678084" spans="14:14">
      <c r="N678084" s="10"/>
    </row>
    <row r="678085" spans="14:14">
      <c r="N678085" s="10"/>
    </row>
    <row r="678086" spans="14:14">
      <c r="N678086" s="10"/>
    </row>
    <row r="678087" spans="14:14">
      <c r="N678087" s="10"/>
    </row>
    <row r="678088" spans="14:14">
      <c r="N678088" s="10"/>
    </row>
    <row r="678089" spans="14:14">
      <c r="N678089" s="10"/>
    </row>
    <row r="678090" spans="14:14">
      <c r="N678090" s="10"/>
    </row>
    <row r="678091" spans="14:14">
      <c r="N678091" s="10"/>
    </row>
    <row r="678092" spans="14:14">
      <c r="N678092" s="10"/>
    </row>
    <row r="678093" spans="14:14">
      <c r="N678093" s="10"/>
    </row>
    <row r="678094" spans="14:14">
      <c r="N678094" s="10"/>
    </row>
    <row r="678095" spans="14:14">
      <c r="N678095" s="10"/>
    </row>
    <row r="678096" spans="14:14">
      <c r="N678096" s="10"/>
    </row>
    <row r="678097" spans="14:14">
      <c r="N678097" s="10"/>
    </row>
    <row r="678098" spans="14:14">
      <c r="N678098" s="10"/>
    </row>
    <row r="678099" spans="14:14">
      <c r="N678099" s="10"/>
    </row>
    <row r="678100" spans="14:14">
      <c r="N678100" s="10"/>
    </row>
    <row r="678101" spans="14:14">
      <c r="N678101" s="10"/>
    </row>
    <row r="678102" spans="14:14">
      <c r="N678102" s="10"/>
    </row>
    <row r="678103" spans="14:14">
      <c r="N678103" s="10"/>
    </row>
    <row r="678104" spans="14:14">
      <c r="N678104" s="10"/>
    </row>
    <row r="678105" spans="14:14">
      <c r="N678105" s="10"/>
    </row>
    <row r="678106" spans="14:14">
      <c r="N678106" s="10"/>
    </row>
    <row r="678107" spans="14:14">
      <c r="N678107" s="10"/>
    </row>
    <row r="678108" spans="14:14">
      <c r="N678108" s="10"/>
    </row>
    <row r="678109" spans="14:14">
      <c r="N678109" s="10"/>
    </row>
    <row r="678110" spans="14:14">
      <c r="N678110" s="10"/>
    </row>
    <row r="678111" spans="14:14">
      <c r="N678111" s="10"/>
    </row>
    <row r="678112" spans="14:14">
      <c r="N678112" s="10"/>
    </row>
    <row r="678113" spans="14:14">
      <c r="N678113" s="10"/>
    </row>
    <row r="678114" spans="14:14">
      <c r="N678114" s="10"/>
    </row>
    <row r="678115" spans="14:14">
      <c r="N678115" s="10"/>
    </row>
    <row r="678116" spans="14:14">
      <c r="N678116" s="10"/>
    </row>
    <row r="678117" spans="14:14">
      <c r="N678117" s="10"/>
    </row>
    <row r="678118" spans="14:14">
      <c r="N678118" s="10"/>
    </row>
    <row r="678119" spans="14:14">
      <c r="N678119" s="10"/>
    </row>
    <row r="678120" spans="14:14">
      <c r="N678120" s="10"/>
    </row>
    <row r="678121" spans="14:14">
      <c r="N678121" s="10"/>
    </row>
    <row r="678122" spans="14:14">
      <c r="N678122" s="10"/>
    </row>
    <row r="678123" spans="14:14">
      <c r="N678123" s="10"/>
    </row>
    <row r="678124" spans="14:14">
      <c r="N678124" s="10"/>
    </row>
    <row r="678125" spans="14:14">
      <c r="N678125" s="10"/>
    </row>
    <row r="678126" spans="14:14">
      <c r="N678126" s="10"/>
    </row>
    <row r="678127" spans="14:14">
      <c r="N678127" s="10"/>
    </row>
    <row r="678128" spans="14:14">
      <c r="N678128" s="10"/>
    </row>
    <row r="678129" spans="14:14">
      <c r="N678129" s="10"/>
    </row>
    <row r="678130" spans="14:14">
      <c r="N678130" s="10"/>
    </row>
    <row r="678131" spans="14:14">
      <c r="N678131" s="10"/>
    </row>
    <row r="678132" spans="14:14">
      <c r="N678132" s="10"/>
    </row>
    <row r="678133" spans="14:14">
      <c r="N678133" s="10"/>
    </row>
    <row r="678134" spans="14:14">
      <c r="N678134" s="10"/>
    </row>
    <row r="678135" spans="14:14">
      <c r="N678135" s="10"/>
    </row>
    <row r="678136" spans="14:14">
      <c r="N678136" s="10"/>
    </row>
    <row r="678137" spans="14:14">
      <c r="N678137" s="10"/>
    </row>
    <row r="678138" spans="14:14">
      <c r="N678138" s="10"/>
    </row>
    <row r="678139" spans="14:14">
      <c r="N678139" s="10"/>
    </row>
    <row r="678140" spans="14:14">
      <c r="N678140" s="10"/>
    </row>
    <row r="678141" spans="14:14">
      <c r="N678141" s="10"/>
    </row>
    <row r="678142" spans="14:14">
      <c r="N678142" s="10"/>
    </row>
    <row r="678143" spans="14:14">
      <c r="N678143" s="10"/>
    </row>
    <row r="678144" spans="14:14">
      <c r="N678144" s="10"/>
    </row>
    <row r="678145" spans="14:14">
      <c r="N678145" s="10"/>
    </row>
    <row r="678146" spans="14:14">
      <c r="N678146" s="10"/>
    </row>
    <row r="678147" spans="14:14">
      <c r="N678147" s="10"/>
    </row>
    <row r="678148" spans="14:14">
      <c r="N678148" s="10"/>
    </row>
    <row r="678149" spans="14:14">
      <c r="N678149" s="10"/>
    </row>
    <row r="678150" spans="14:14">
      <c r="N678150" s="10"/>
    </row>
    <row r="678151" spans="14:14">
      <c r="N678151" s="10"/>
    </row>
    <row r="678152" spans="14:14">
      <c r="N678152" s="10"/>
    </row>
    <row r="678153" spans="14:14">
      <c r="N678153" s="10"/>
    </row>
    <row r="678154" spans="14:14">
      <c r="N678154" s="10"/>
    </row>
    <row r="678155" spans="14:14">
      <c r="N678155" s="10"/>
    </row>
    <row r="678156" spans="14:14">
      <c r="N678156" s="10"/>
    </row>
    <row r="678157" spans="14:14">
      <c r="N678157" s="10"/>
    </row>
    <row r="678158" spans="14:14">
      <c r="N678158" s="10"/>
    </row>
    <row r="678159" spans="14:14">
      <c r="N678159" s="10"/>
    </row>
    <row r="678160" spans="14:14">
      <c r="N678160" s="10"/>
    </row>
    <row r="678161" spans="14:14">
      <c r="N678161" s="10"/>
    </row>
    <row r="678162" spans="14:14">
      <c r="N678162" s="10"/>
    </row>
    <row r="678163" spans="14:14">
      <c r="N678163" s="10"/>
    </row>
    <row r="678164" spans="14:14">
      <c r="N678164" s="10"/>
    </row>
    <row r="678165" spans="14:14">
      <c r="N678165" s="10"/>
    </row>
    <row r="678166" spans="14:14">
      <c r="N678166" s="10"/>
    </row>
    <row r="678167" spans="14:14">
      <c r="N678167" s="10"/>
    </row>
    <row r="678168" spans="14:14">
      <c r="N678168" s="10"/>
    </row>
    <row r="678169" spans="14:14">
      <c r="N678169" s="10"/>
    </row>
    <row r="678170" spans="14:14">
      <c r="N678170" s="10"/>
    </row>
    <row r="678171" spans="14:14">
      <c r="N678171" s="10"/>
    </row>
    <row r="678172" spans="14:14">
      <c r="N678172" s="10"/>
    </row>
    <row r="678173" spans="14:14">
      <c r="N678173" s="10"/>
    </row>
    <row r="678174" spans="14:14">
      <c r="N678174" s="10"/>
    </row>
    <row r="678175" spans="14:14">
      <c r="N678175" s="10"/>
    </row>
    <row r="678176" spans="14:14">
      <c r="N678176" s="10"/>
    </row>
    <row r="678177" spans="14:14">
      <c r="N678177" s="10"/>
    </row>
    <row r="678178" spans="14:14">
      <c r="N678178" s="10"/>
    </row>
    <row r="678179" spans="14:14">
      <c r="N678179" s="10"/>
    </row>
    <row r="678180" spans="14:14">
      <c r="N678180" s="10"/>
    </row>
    <row r="678181" spans="14:14">
      <c r="N678181" s="10"/>
    </row>
    <row r="678182" spans="14:14">
      <c r="N678182" s="10"/>
    </row>
    <row r="678183" spans="14:14">
      <c r="N678183" s="10"/>
    </row>
    <row r="678184" spans="14:14">
      <c r="N678184" s="10"/>
    </row>
    <row r="678185" spans="14:14">
      <c r="N678185" s="10"/>
    </row>
    <row r="678186" spans="14:14">
      <c r="N678186" s="10"/>
    </row>
    <row r="678187" spans="14:14">
      <c r="N678187" s="10"/>
    </row>
    <row r="678188" spans="14:14">
      <c r="N678188" s="10"/>
    </row>
    <row r="678189" spans="14:14">
      <c r="N678189" s="10"/>
    </row>
    <row r="678190" spans="14:14">
      <c r="N678190" s="10"/>
    </row>
    <row r="678191" spans="14:14">
      <c r="N678191" s="10"/>
    </row>
    <row r="678192" spans="14:14">
      <c r="N678192" s="10"/>
    </row>
    <row r="678193" spans="14:14">
      <c r="N678193" s="10"/>
    </row>
    <row r="678194" spans="14:14">
      <c r="N678194" s="10"/>
    </row>
    <row r="678195" spans="14:14">
      <c r="N678195" s="10"/>
    </row>
    <row r="678196" spans="14:14">
      <c r="N678196" s="10"/>
    </row>
    <row r="678197" spans="14:14">
      <c r="N678197" s="10"/>
    </row>
    <row r="678198" spans="14:14">
      <c r="N678198" s="10"/>
    </row>
    <row r="678199" spans="14:14">
      <c r="N678199" s="10"/>
    </row>
    <row r="678200" spans="14:14">
      <c r="N678200" s="10"/>
    </row>
    <row r="678201" spans="14:14">
      <c r="N678201" s="10"/>
    </row>
    <row r="678202" spans="14:14">
      <c r="N678202" s="10"/>
    </row>
    <row r="678203" spans="14:14">
      <c r="N678203" s="10"/>
    </row>
    <row r="678204" spans="14:14">
      <c r="N678204" s="10"/>
    </row>
    <row r="678205" spans="14:14">
      <c r="N678205" s="10"/>
    </row>
    <row r="678206" spans="14:14">
      <c r="N678206" s="10"/>
    </row>
    <row r="678207" spans="14:14">
      <c r="N678207" s="10"/>
    </row>
    <row r="678208" spans="14:14">
      <c r="N678208" s="10"/>
    </row>
    <row r="678209" spans="14:14">
      <c r="N678209" s="10"/>
    </row>
    <row r="678210" spans="14:14">
      <c r="N678210" s="10"/>
    </row>
    <row r="678211" spans="14:14">
      <c r="N678211" s="10"/>
    </row>
    <row r="678212" spans="14:14">
      <c r="N678212" s="10"/>
    </row>
    <row r="678213" spans="14:14">
      <c r="N678213" s="10"/>
    </row>
    <row r="678214" spans="14:14">
      <c r="N678214" s="10"/>
    </row>
    <row r="678215" spans="14:14">
      <c r="N678215" s="10"/>
    </row>
    <row r="678216" spans="14:14">
      <c r="N678216" s="10"/>
    </row>
    <row r="678217" spans="14:14">
      <c r="N678217" s="10"/>
    </row>
    <row r="678218" spans="14:14">
      <c r="N678218" s="10"/>
    </row>
    <row r="678219" spans="14:14">
      <c r="N678219" s="10"/>
    </row>
    <row r="678220" spans="14:14">
      <c r="N678220" s="10"/>
    </row>
    <row r="678221" spans="14:14">
      <c r="N678221" s="10"/>
    </row>
    <row r="678222" spans="14:14">
      <c r="N678222" s="10"/>
    </row>
    <row r="678223" spans="14:14">
      <c r="N678223" s="10"/>
    </row>
    <row r="678224" spans="14:14">
      <c r="N678224" s="10"/>
    </row>
    <row r="678225" spans="14:14">
      <c r="N678225" s="10"/>
    </row>
    <row r="678226" spans="14:14">
      <c r="N678226" s="10"/>
    </row>
    <row r="678227" spans="14:14">
      <c r="N678227" s="10"/>
    </row>
    <row r="678228" spans="14:14">
      <c r="N678228" s="10"/>
    </row>
    <row r="678229" spans="14:14">
      <c r="N678229" s="10"/>
    </row>
    <row r="678230" spans="14:14">
      <c r="N678230" s="10"/>
    </row>
    <row r="678231" spans="14:14">
      <c r="N678231" s="10"/>
    </row>
    <row r="678232" spans="14:14">
      <c r="N678232" s="10"/>
    </row>
    <row r="678233" spans="14:14">
      <c r="N678233" s="10"/>
    </row>
    <row r="678234" spans="14:14">
      <c r="N678234" s="10"/>
    </row>
    <row r="678235" spans="14:14">
      <c r="N678235" s="10"/>
    </row>
    <row r="678236" spans="14:14">
      <c r="N678236" s="10"/>
    </row>
    <row r="678237" spans="14:14">
      <c r="N678237" s="10"/>
    </row>
    <row r="678238" spans="14:14">
      <c r="N678238" s="10"/>
    </row>
    <row r="678239" spans="14:14">
      <c r="N678239" s="10"/>
    </row>
    <row r="678240" spans="14:14">
      <c r="N678240" s="10"/>
    </row>
    <row r="678241" spans="14:14">
      <c r="N678241" s="10"/>
    </row>
    <row r="678242" spans="14:14">
      <c r="N678242" s="10"/>
    </row>
    <row r="678243" spans="14:14">
      <c r="N678243" s="10"/>
    </row>
    <row r="678244" spans="14:14">
      <c r="N678244" s="10"/>
    </row>
    <row r="678245" spans="14:14">
      <c r="N678245" s="10"/>
    </row>
    <row r="678246" spans="14:14">
      <c r="N678246" s="10"/>
    </row>
    <row r="678247" spans="14:14">
      <c r="N678247" s="10"/>
    </row>
    <row r="678248" spans="14:14">
      <c r="N678248" s="10"/>
    </row>
    <row r="678249" spans="14:14">
      <c r="N678249" s="10"/>
    </row>
    <row r="678250" spans="14:14">
      <c r="N678250" s="10"/>
    </row>
    <row r="678251" spans="14:14">
      <c r="N678251" s="10"/>
    </row>
    <row r="678252" spans="14:14">
      <c r="N678252" s="10"/>
    </row>
    <row r="678253" spans="14:14">
      <c r="N678253" s="10"/>
    </row>
    <row r="678254" spans="14:14">
      <c r="N678254" s="10"/>
    </row>
    <row r="678255" spans="14:14">
      <c r="N678255" s="10"/>
    </row>
    <row r="678256" spans="14:14">
      <c r="N678256" s="10"/>
    </row>
    <row r="678257" spans="14:14">
      <c r="N678257" s="10"/>
    </row>
    <row r="678258" spans="14:14">
      <c r="N678258" s="10"/>
    </row>
    <row r="678259" spans="14:14">
      <c r="N678259" s="10"/>
    </row>
    <row r="678260" spans="14:14">
      <c r="N678260" s="10"/>
    </row>
    <row r="678261" spans="14:14">
      <c r="N678261" s="10"/>
    </row>
    <row r="678262" spans="14:14">
      <c r="N678262" s="10"/>
    </row>
    <row r="678263" spans="14:14">
      <c r="N678263" s="10"/>
    </row>
    <row r="678264" spans="14:14">
      <c r="N678264" s="10"/>
    </row>
    <row r="678265" spans="14:14">
      <c r="N678265" s="10"/>
    </row>
    <row r="678266" spans="14:14">
      <c r="N678266" s="10"/>
    </row>
    <row r="678267" spans="14:14">
      <c r="N678267" s="10"/>
    </row>
    <row r="678268" spans="14:14">
      <c r="N678268" s="10"/>
    </row>
    <row r="678269" spans="14:14">
      <c r="N678269" s="10"/>
    </row>
    <row r="678270" spans="14:14">
      <c r="N678270" s="10"/>
    </row>
    <row r="678271" spans="14:14">
      <c r="N678271" s="10"/>
    </row>
    <row r="678272" spans="14:14">
      <c r="N678272" s="10"/>
    </row>
    <row r="678273" spans="14:14">
      <c r="N678273" s="10"/>
    </row>
    <row r="678274" spans="14:14">
      <c r="N678274" s="10"/>
    </row>
    <row r="678275" spans="14:14">
      <c r="N678275" s="10"/>
    </row>
    <row r="678276" spans="14:14">
      <c r="N678276" s="10"/>
    </row>
    <row r="678277" spans="14:14">
      <c r="N678277" s="10"/>
    </row>
    <row r="678278" spans="14:14">
      <c r="N678278" s="10"/>
    </row>
    <row r="678279" spans="14:14">
      <c r="N678279" s="10"/>
    </row>
    <row r="678280" spans="14:14">
      <c r="N678280" s="10"/>
    </row>
    <row r="678281" spans="14:14">
      <c r="N678281" s="10"/>
    </row>
    <row r="678282" spans="14:14">
      <c r="N678282" s="10"/>
    </row>
    <row r="678283" spans="14:14">
      <c r="N678283" s="10"/>
    </row>
    <row r="678284" spans="14:14">
      <c r="N678284" s="10"/>
    </row>
    <row r="678285" spans="14:14">
      <c r="N678285" s="10"/>
    </row>
    <row r="678286" spans="14:14">
      <c r="N678286" s="10"/>
    </row>
    <row r="678287" spans="14:14">
      <c r="N678287" s="10"/>
    </row>
    <row r="678288" spans="14:14">
      <c r="N678288" s="10"/>
    </row>
    <row r="678289" spans="14:14">
      <c r="N678289" s="10"/>
    </row>
    <row r="678290" spans="14:14">
      <c r="N678290" s="10"/>
    </row>
    <row r="678291" spans="14:14">
      <c r="N678291" s="10"/>
    </row>
    <row r="678292" spans="14:14">
      <c r="N678292" s="10"/>
    </row>
    <row r="678293" spans="14:14">
      <c r="N678293" s="10"/>
    </row>
    <row r="678294" spans="14:14">
      <c r="N678294" s="10"/>
    </row>
    <row r="678295" spans="14:14">
      <c r="N678295" s="10"/>
    </row>
    <row r="678296" spans="14:14">
      <c r="N678296" s="10"/>
    </row>
    <row r="678297" spans="14:14">
      <c r="N678297" s="10"/>
    </row>
    <row r="678298" spans="14:14">
      <c r="N678298" s="10"/>
    </row>
    <row r="678299" spans="14:14">
      <c r="N678299" s="10"/>
    </row>
    <row r="678300" spans="14:14">
      <c r="N678300" s="10"/>
    </row>
    <row r="678301" spans="14:14">
      <c r="N678301" s="10"/>
    </row>
    <row r="678302" spans="14:14">
      <c r="N678302" s="10"/>
    </row>
    <row r="678303" spans="14:14">
      <c r="N678303" s="10"/>
    </row>
    <row r="678304" spans="14:14">
      <c r="N678304" s="10"/>
    </row>
    <row r="678305" spans="14:14">
      <c r="N678305" s="10"/>
    </row>
    <row r="678306" spans="14:14">
      <c r="N678306" s="10"/>
    </row>
    <row r="678307" spans="14:14">
      <c r="N678307" s="10"/>
    </row>
    <row r="678308" spans="14:14">
      <c r="N678308" s="10"/>
    </row>
    <row r="678309" spans="14:14">
      <c r="N678309" s="10"/>
    </row>
    <row r="678310" spans="14:14">
      <c r="N678310" s="10"/>
    </row>
    <row r="678311" spans="14:14">
      <c r="N678311" s="10"/>
    </row>
    <row r="678312" spans="14:14">
      <c r="N678312" s="10"/>
    </row>
    <row r="678313" spans="14:14">
      <c r="N678313" s="10"/>
    </row>
    <row r="678314" spans="14:14">
      <c r="N678314" s="10"/>
    </row>
    <row r="678315" spans="14:14">
      <c r="N678315" s="10"/>
    </row>
    <row r="678316" spans="14:14">
      <c r="N678316" s="10"/>
    </row>
    <row r="678317" spans="14:14">
      <c r="N678317" s="10"/>
    </row>
    <row r="678318" spans="14:14">
      <c r="N678318" s="10"/>
    </row>
    <row r="678319" spans="14:14">
      <c r="N678319" s="10"/>
    </row>
    <row r="678320" spans="14:14">
      <c r="N678320" s="10"/>
    </row>
    <row r="678321" spans="14:14">
      <c r="N678321" s="10"/>
    </row>
    <row r="678322" spans="14:14">
      <c r="N678322" s="10"/>
    </row>
    <row r="678323" spans="14:14">
      <c r="N678323" s="10"/>
    </row>
    <row r="678324" spans="14:14">
      <c r="N678324" s="10"/>
    </row>
    <row r="678325" spans="14:14">
      <c r="N678325" s="10"/>
    </row>
    <row r="678326" spans="14:14">
      <c r="N678326" s="10"/>
    </row>
    <row r="678327" spans="14:14">
      <c r="N678327" s="10"/>
    </row>
    <row r="678328" spans="14:14">
      <c r="N678328" s="10"/>
    </row>
    <row r="678329" spans="14:14">
      <c r="N678329" s="10"/>
    </row>
    <row r="678330" spans="14:14">
      <c r="N678330" s="10"/>
    </row>
    <row r="678331" spans="14:14">
      <c r="N678331" s="10"/>
    </row>
    <row r="678332" spans="14:14">
      <c r="N678332" s="10"/>
    </row>
    <row r="678333" spans="14:14">
      <c r="N678333" s="10"/>
    </row>
    <row r="678334" spans="14:14">
      <c r="N678334" s="10"/>
    </row>
    <row r="678335" spans="14:14">
      <c r="N678335" s="10"/>
    </row>
    <row r="678336" spans="14:14">
      <c r="N678336" s="10"/>
    </row>
    <row r="678337" spans="14:14">
      <c r="N678337" s="10"/>
    </row>
    <row r="678338" spans="14:14">
      <c r="N678338" s="10"/>
    </row>
    <row r="678339" spans="14:14">
      <c r="N678339" s="10"/>
    </row>
    <row r="678340" spans="14:14">
      <c r="N678340" s="10"/>
    </row>
    <row r="678341" spans="14:14">
      <c r="N678341" s="10"/>
    </row>
    <row r="678342" spans="14:14">
      <c r="N678342" s="10"/>
    </row>
    <row r="678343" spans="14:14">
      <c r="N678343" s="10"/>
    </row>
    <row r="678344" spans="14:14">
      <c r="N678344" s="10"/>
    </row>
    <row r="678345" spans="14:14">
      <c r="N678345" s="10"/>
    </row>
    <row r="678346" spans="14:14">
      <c r="N678346" s="10"/>
    </row>
    <row r="678347" spans="14:14">
      <c r="N678347" s="10"/>
    </row>
    <row r="678348" spans="14:14">
      <c r="N678348" s="10"/>
    </row>
    <row r="678349" spans="14:14">
      <c r="N678349" s="10"/>
    </row>
    <row r="678350" spans="14:14">
      <c r="N678350" s="10"/>
    </row>
    <row r="678351" spans="14:14">
      <c r="N678351" s="10"/>
    </row>
    <row r="678352" spans="14:14">
      <c r="N678352" s="10"/>
    </row>
    <row r="678353" spans="14:14">
      <c r="N678353" s="10"/>
    </row>
    <row r="678354" spans="14:14">
      <c r="N678354" s="10"/>
    </row>
    <row r="678355" spans="14:14">
      <c r="N678355" s="10"/>
    </row>
    <row r="678356" spans="14:14">
      <c r="N678356" s="10"/>
    </row>
    <row r="678357" spans="14:14">
      <c r="N678357" s="10"/>
    </row>
    <row r="678358" spans="14:14">
      <c r="N678358" s="10"/>
    </row>
    <row r="678359" spans="14:14">
      <c r="N678359" s="10"/>
    </row>
    <row r="678360" spans="14:14">
      <c r="N678360" s="10"/>
    </row>
    <row r="678361" spans="14:14">
      <c r="N678361" s="10"/>
    </row>
    <row r="678362" spans="14:14">
      <c r="N678362" s="10"/>
    </row>
    <row r="678363" spans="14:14">
      <c r="N678363" s="10"/>
    </row>
    <row r="678364" spans="14:14">
      <c r="N678364" s="10"/>
    </row>
    <row r="678365" spans="14:14">
      <c r="N678365" s="10"/>
    </row>
    <row r="678366" spans="14:14">
      <c r="N678366" s="10"/>
    </row>
    <row r="678367" spans="14:14">
      <c r="N678367" s="10"/>
    </row>
    <row r="678368" spans="14:14">
      <c r="N678368" s="10"/>
    </row>
    <row r="678369" spans="14:14">
      <c r="N678369" s="10"/>
    </row>
    <row r="678370" spans="14:14">
      <c r="N678370" s="10"/>
    </row>
    <row r="678371" spans="14:14">
      <c r="N678371" s="10"/>
    </row>
    <row r="678372" spans="14:14">
      <c r="N678372" s="10"/>
    </row>
    <row r="678373" spans="14:14">
      <c r="N678373" s="10"/>
    </row>
    <row r="678374" spans="14:14">
      <c r="N678374" s="10"/>
    </row>
    <row r="678375" spans="14:14">
      <c r="N678375" s="10"/>
    </row>
    <row r="678376" spans="14:14">
      <c r="N678376" s="10"/>
    </row>
    <row r="678377" spans="14:14">
      <c r="N678377" s="10"/>
    </row>
    <row r="678378" spans="14:14">
      <c r="N678378" s="10"/>
    </row>
    <row r="678379" spans="14:14">
      <c r="N678379" s="10"/>
    </row>
    <row r="678380" spans="14:14">
      <c r="N678380" s="10"/>
    </row>
    <row r="678381" spans="14:14">
      <c r="N678381" s="10"/>
    </row>
    <row r="678382" spans="14:14">
      <c r="N678382" s="10"/>
    </row>
    <row r="678383" spans="14:14">
      <c r="N678383" s="10"/>
    </row>
    <row r="678384" spans="14:14">
      <c r="N678384" s="10"/>
    </row>
    <row r="678385" spans="14:14">
      <c r="N678385" s="10"/>
    </row>
    <row r="678386" spans="14:14">
      <c r="N678386" s="10"/>
    </row>
    <row r="678387" spans="14:14">
      <c r="N678387" s="10"/>
    </row>
    <row r="678388" spans="14:14">
      <c r="N678388" s="10"/>
    </row>
    <row r="678389" spans="14:14">
      <c r="N678389" s="10"/>
    </row>
    <row r="678390" spans="14:14">
      <c r="N678390" s="10"/>
    </row>
    <row r="678391" spans="14:14">
      <c r="N678391" s="10"/>
    </row>
    <row r="678392" spans="14:14">
      <c r="N678392" s="10"/>
    </row>
    <row r="678393" spans="14:14">
      <c r="N678393" s="10"/>
    </row>
    <row r="678394" spans="14:14">
      <c r="N678394" s="10"/>
    </row>
    <row r="678395" spans="14:14">
      <c r="N678395" s="10"/>
    </row>
    <row r="678396" spans="14:14">
      <c r="N678396" s="10"/>
    </row>
    <row r="678397" spans="14:14">
      <c r="N678397" s="10"/>
    </row>
    <row r="678398" spans="14:14">
      <c r="N678398" s="10"/>
    </row>
    <row r="678399" spans="14:14">
      <c r="N678399" s="10"/>
    </row>
    <row r="678400" spans="14:14">
      <c r="N678400" s="10"/>
    </row>
    <row r="678401" spans="14:14">
      <c r="N678401" s="10"/>
    </row>
    <row r="678402" spans="14:14">
      <c r="N678402" s="10"/>
    </row>
    <row r="678403" spans="14:14">
      <c r="N678403" s="10"/>
    </row>
    <row r="678404" spans="14:14">
      <c r="N678404" s="10"/>
    </row>
    <row r="678405" spans="14:14">
      <c r="N678405" s="10"/>
    </row>
    <row r="678406" spans="14:14">
      <c r="N678406" s="10"/>
    </row>
    <row r="678407" spans="14:14">
      <c r="N678407" s="10"/>
    </row>
    <row r="678408" spans="14:14">
      <c r="N678408" s="10"/>
    </row>
    <row r="678409" spans="14:14">
      <c r="N678409" s="10"/>
    </row>
    <row r="678410" spans="14:14">
      <c r="N678410" s="10"/>
    </row>
    <row r="678411" spans="14:14">
      <c r="N678411" s="10"/>
    </row>
    <row r="678412" spans="14:14">
      <c r="N678412" s="10"/>
    </row>
    <row r="678413" spans="14:14">
      <c r="N678413" s="10"/>
    </row>
    <row r="678414" spans="14:14">
      <c r="N678414" s="10"/>
    </row>
    <row r="678415" spans="14:14">
      <c r="N678415" s="10"/>
    </row>
    <row r="678416" spans="14:14">
      <c r="N678416" s="10"/>
    </row>
    <row r="678417" spans="14:14">
      <c r="N678417" s="10"/>
    </row>
    <row r="678418" spans="14:14">
      <c r="N678418" s="10"/>
    </row>
    <row r="678419" spans="14:14">
      <c r="N678419" s="10"/>
    </row>
    <row r="678420" spans="14:14">
      <c r="N678420" s="10"/>
    </row>
    <row r="678421" spans="14:14">
      <c r="N678421" s="10"/>
    </row>
    <row r="678422" spans="14:14">
      <c r="N678422" s="10"/>
    </row>
    <row r="678423" spans="14:14">
      <c r="N678423" s="10"/>
    </row>
    <row r="678424" spans="14:14">
      <c r="N678424" s="10"/>
    </row>
    <row r="678425" spans="14:14">
      <c r="N678425" s="10"/>
    </row>
    <row r="678426" spans="14:14">
      <c r="N678426" s="10"/>
    </row>
    <row r="678427" spans="14:14">
      <c r="N678427" s="10"/>
    </row>
    <row r="678428" spans="14:14">
      <c r="N678428" s="10"/>
    </row>
    <row r="678429" spans="14:14">
      <c r="N678429" s="10"/>
    </row>
    <row r="678430" spans="14:14">
      <c r="N678430" s="10"/>
    </row>
    <row r="678431" spans="14:14">
      <c r="N678431" s="10"/>
    </row>
    <row r="678432" spans="14:14">
      <c r="N678432" s="10"/>
    </row>
    <row r="678433" spans="14:14">
      <c r="N678433" s="10"/>
    </row>
    <row r="678434" spans="14:14">
      <c r="N678434" s="10"/>
    </row>
    <row r="678435" spans="14:14">
      <c r="N678435" s="10"/>
    </row>
    <row r="678436" spans="14:14">
      <c r="N678436" s="10"/>
    </row>
    <row r="678437" spans="14:14">
      <c r="N678437" s="10"/>
    </row>
    <row r="678438" spans="14:14">
      <c r="N678438" s="10"/>
    </row>
    <row r="678439" spans="14:14">
      <c r="N678439" s="10"/>
    </row>
    <row r="678440" spans="14:14">
      <c r="N678440" s="10"/>
    </row>
    <row r="678441" spans="14:14">
      <c r="N678441" s="10"/>
    </row>
    <row r="678442" spans="14:14">
      <c r="N678442" s="10"/>
    </row>
    <row r="678443" spans="14:14">
      <c r="N678443" s="10"/>
    </row>
    <row r="678444" spans="14:14">
      <c r="N678444" s="10"/>
    </row>
    <row r="678445" spans="14:14">
      <c r="N678445" s="10"/>
    </row>
    <row r="678446" spans="14:14">
      <c r="N678446" s="10"/>
    </row>
    <row r="678447" spans="14:14">
      <c r="N678447" s="10"/>
    </row>
    <row r="678448" spans="14:14">
      <c r="N678448" s="10"/>
    </row>
    <row r="678449" spans="14:14">
      <c r="N678449" s="10"/>
    </row>
    <row r="678450" spans="14:14">
      <c r="N678450" s="10"/>
    </row>
    <row r="678451" spans="14:14">
      <c r="N678451" s="10"/>
    </row>
    <row r="678452" spans="14:14">
      <c r="N678452" s="10"/>
    </row>
    <row r="678453" spans="14:14">
      <c r="N678453" s="10"/>
    </row>
    <row r="678454" spans="14:14">
      <c r="N678454" s="10"/>
    </row>
    <row r="678455" spans="14:14">
      <c r="N678455" s="10"/>
    </row>
    <row r="678456" spans="14:14">
      <c r="N678456" s="10"/>
    </row>
    <row r="678457" spans="14:14">
      <c r="N678457" s="10"/>
    </row>
    <row r="678458" spans="14:14">
      <c r="N678458" s="10"/>
    </row>
    <row r="678459" spans="14:14">
      <c r="N678459" s="10"/>
    </row>
    <row r="678460" spans="14:14">
      <c r="N678460" s="10"/>
    </row>
    <row r="678461" spans="14:14">
      <c r="N678461" s="10"/>
    </row>
    <row r="678462" spans="14:14">
      <c r="N678462" s="10"/>
    </row>
    <row r="678463" spans="14:14">
      <c r="N678463" s="10"/>
    </row>
    <row r="678464" spans="14:14">
      <c r="N678464" s="10"/>
    </row>
    <row r="678465" spans="14:14">
      <c r="N678465" s="10"/>
    </row>
    <row r="678466" spans="14:14">
      <c r="N678466" s="10"/>
    </row>
    <row r="678467" spans="14:14">
      <c r="N678467" s="10"/>
    </row>
    <row r="678468" spans="14:14">
      <c r="N678468" s="10"/>
    </row>
    <row r="678469" spans="14:14">
      <c r="N678469" s="10"/>
    </row>
    <row r="678470" spans="14:14">
      <c r="N678470" s="10"/>
    </row>
    <row r="678471" spans="14:14">
      <c r="N678471" s="10"/>
    </row>
    <row r="678472" spans="14:14">
      <c r="N678472" s="10"/>
    </row>
    <row r="678473" spans="14:14">
      <c r="N678473" s="10"/>
    </row>
    <row r="678474" spans="14:14">
      <c r="N678474" s="10"/>
    </row>
    <row r="678475" spans="14:14">
      <c r="N678475" s="10"/>
    </row>
    <row r="678476" spans="14:14">
      <c r="N678476" s="10"/>
    </row>
    <row r="678477" spans="14:14">
      <c r="N678477" s="10"/>
    </row>
    <row r="678478" spans="14:14">
      <c r="N678478" s="10"/>
    </row>
    <row r="678479" spans="14:14">
      <c r="N678479" s="10"/>
    </row>
    <row r="678480" spans="14:14">
      <c r="N678480" s="10"/>
    </row>
    <row r="678481" spans="14:14">
      <c r="N678481" s="10"/>
    </row>
    <row r="678482" spans="14:14">
      <c r="N678482" s="10"/>
    </row>
    <row r="678483" spans="14:14">
      <c r="N678483" s="10"/>
    </row>
    <row r="678484" spans="14:14">
      <c r="N678484" s="10"/>
    </row>
    <row r="678485" spans="14:14">
      <c r="N678485" s="10"/>
    </row>
    <row r="678486" spans="14:14">
      <c r="N678486" s="10"/>
    </row>
    <row r="678487" spans="14:14">
      <c r="N678487" s="10"/>
    </row>
    <row r="678488" spans="14:14">
      <c r="N678488" s="10"/>
    </row>
    <row r="678489" spans="14:14">
      <c r="N678489" s="10"/>
    </row>
    <row r="678490" spans="14:14">
      <c r="N678490" s="10"/>
    </row>
    <row r="678491" spans="14:14">
      <c r="N678491" s="10"/>
    </row>
    <row r="678492" spans="14:14">
      <c r="N678492" s="10"/>
    </row>
    <row r="678493" spans="14:14">
      <c r="N678493" s="10"/>
    </row>
    <row r="678494" spans="14:14">
      <c r="N678494" s="10"/>
    </row>
    <row r="678495" spans="14:14">
      <c r="N678495" s="10"/>
    </row>
    <row r="678496" spans="14:14">
      <c r="N678496" s="10"/>
    </row>
    <row r="678497" spans="14:14">
      <c r="N678497" s="10"/>
    </row>
    <row r="678498" spans="14:14">
      <c r="N678498" s="10"/>
    </row>
    <row r="678499" spans="14:14">
      <c r="N678499" s="10"/>
    </row>
    <row r="678500" spans="14:14">
      <c r="N678500" s="10"/>
    </row>
    <row r="678501" spans="14:14">
      <c r="N678501" s="10"/>
    </row>
    <row r="678502" spans="14:14">
      <c r="N678502" s="10"/>
    </row>
    <row r="678503" spans="14:14">
      <c r="N678503" s="10"/>
    </row>
    <row r="678504" spans="14:14">
      <c r="N678504" s="10"/>
    </row>
    <row r="678505" spans="14:14">
      <c r="N678505" s="10"/>
    </row>
    <row r="678506" spans="14:14">
      <c r="N678506" s="10"/>
    </row>
    <row r="678507" spans="14:14">
      <c r="N678507" s="10"/>
    </row>
    <row r="678508" spans="14:14">
      <c r="N678508" s="10"/>
    </row>
    <row r="678509" spans="14:14">
      <c r="N678509" s="10"/>
    </row>
    <row r="678510" spans="14:14">
      <c r="N678510" s="10"/>
    </row>
    <row r="678511" spans="14:14">
      <c r="N678511" s="10"/>
    </row>
    <row r="678512" spans="14:14">
      <c r="N678512" s="10"/>
    </row>
    <row r="678513" spans="14:14">
      <c r="N678513" s="10"/>
    </row>
    <row r="678514" spans="14:14">
      <c r="N678514" s="10"/>
    </row>
    <row r="678515" spans="14:14">
      <c r="N678515" s="10"/>
    </row>
    <row r="678516" spans="14:14">
      <c r="N678516" s="10"/>
    </row>
    <row r="678517" spans="14:14">
      <c r="N678517" s="10"/>
    </row>
    <row r="678518" spans="14:14">
      <c r="N678518" s="10"/>
    </row>
    <row r="678519" spans="14:14">
      <c r="N678519" s="10"/>
    </row>
    <row r="678520" spans="14:14">
      <c r="N678520" s="10"/>
    </row>
    <row r="678521" spans="14:14">
      <c r="N678521" s="10"/>
    </row>
    <row r="678522" spans="14:14">
      <c r="N678522" s="10"/>
    </row>
    <row r="678523" spans="14:14">
      <c r="N678523" s="10"/>
    </row>
    <row r="678524" spans="14:14">
      <c r="N678524" s="10"/>
    </row>
    <row r="678525" spans="14:14">
      <c r="N678525" s="10"/>
    </row>
    <row r="678526" spans="14:14">
      <c r="N678526" s="10"/>
    </row>
    <row r="678527" spans="14:14">
      <c r="N678527" s="10"/>
    </row>
    <row r="678528" spans="14:14">
      <c r="N678528" s="10"/>
    </row>
    <row r="678529" spans="14:14">
      <c r="N678529" s="10"/>
    </row>
    <row r="678530" spans="14:14">
      <c r="N678530" s="10"/>
    </row>
    <row r="678531" spans="14:14">
      <c r="N678531" s="10"/>
    </row>
    <row r="678532" spans="14:14">
      <c r="N678532" s="10"/>
    </row>
    <row r="678533" spans="14:14">
      <c r="N678533" s="10"/>
    </row>
    <row r="678534" spans="14:14">
      <c r="N678534" s="10"/>
    </row>
    <row r="678535" spans="14:14">
      <c r="N678535" s="10"/>
    </row>
    <row r="678536" spans="14:14">
      <c r="N678536" s="10"/>
    </row>
    <row r="678537" spans="14:14">
      <c r="N678537" s="10"/>
    </row>
    <row r="678538" spans="14:14">
      <c r="N678538" s="10"/>
    </row>
    <row r="678539" spans="14:14">
      <c r="N678539" s="10"/>
    </row>
    <row r="678540" spans="14:14">
      <c r="N678540" s="10"/>
    </row>
    <row r="678541" spans="14:14">
      <c r="N678541" s="10"/>
    </row>
    <row r="678542" spans="14:14">
      <c r="N678542" s="10"/>
    </row>
    <row r="678543" spans="14:14">
      <c r="N678543" s="10"/>
    </row>
    <row r="678544" spans="14:14">
      <c r="N678544" s="10"/>
    </row>
    <row r="678545" spans="14:14">
      <c r="N678545" s="10"/>
    </row>
    <row r="678546" spans="14:14">
      <c r="N678546" s="10"/>
    </row>
    <row r="678547" spans="14:14">
      <c r="N678547" s="10"/>
    </row>
    <row r="678548" spans="14:14">
      <c r="N678548" s="10"/>
    </row>
    <row r="678549" spans="14:14">
      <c r="N678549" s="10"/>
    </row>
    <row r="678550" spans="14:14">
      <c r="N678550" s="10"/>
    </row>
    <row r="678551" spans="14:14">
      <c r="N678551" s="10"/>
    </row>
    <row r="678552" spans="14:14">
      <c r="N678552" s="10"/>
    </row>
    <row r="678553" spans="14:14">
      <c r="N678553" s="10"/>
    </row>
    <row r="678554" spans="14:14">
      <c r="N678554" s="10"/>
    </row>
    <row r="678555" spans="14:14">
      <c r="N678555" s="10"/>
    </row>
    <row r="678556" spans="14:14">
      <c r="N678556" s="10"/>
    </row>
    <row r="678557" spans="14:14">
      <c r="N678557" s="10"/>
    </row>
    <row r="678558" spans="14:14">
      <c r="N678558" s="10"/>
    </row>
    <row r="678559" spans="14:14">
      <c r="N678559" s="10"/>
    </row>
    <row r="678560" spans="14:14">
      <c r="N678560" s="10"/>
    </row>
    <row r="678561" spans="14:14">
      <c r="N678561" s="10"/>
    </row>
    <row r="678562" spans="14:14">
      <c r="N678562" s="10"/>
    </row>
    <row r="678563" spans="14:14">
      <c r="N678563" s="10"/>
    </row>
    <row r="678564" spans="14:14">
      <c r="N678564" s="10"/>
    </row>
    <row r="678565" spans="14:14">
      <c r="N678565" s="10"/>
    </row>
    <row r="678566" spans="14:14">
      <c r="N678566" s="10"/>
    </row>
    <row r="678567" spans="14:14">
      <c r="N678567" s="10"/>
    </row>
    <row r="678568" spans="14:14">
      <c r="N678568" s="10"/>
    </row>
    <row r="678569" spans="14:14">
      <c r="N678569" s="10"/>
    </row>
    <row r="678570" spans="14:14">
      <c r="N678570" s="10"/>
    </row>
    <row r="678571" spans="14:14">
      <c r="N678571" s="10"/>
    </row>
    <row r="678572" spans="14:14">
      <c r="N678572" s="10"/>
    </row>
    <row r="678573" spans="14:14">
      <c r="N678573" s="10"/>
    </row>
    <row r="678574" spans="14:14">
      <c r="N678574" s="10"/>
    </row>
    <row r="678575" spans="14:14">
      <c r="N678575" s="10"/>
    </row>
    <row r="678576" spans="14:14">
      <c r="N678576" s="10"/>
    </row>
    <row r="678577" spans="14:14">
      <c r="N678577" s="10"/>
    </row>
    <row r="678578" spans="14:14">
      <c r="N678578" s="10"/>
    </row>
    <row r="678579" spans="14:14">
      <c r="N678579" s="10"/>
    </row>
    <row r="678580" spans="14:14">
      <c r="N678580" s="10"/>
    </row>
    <row r="678581" spans="14:14">
      <c r="N678581" s="10"/>
    </row>
    <row r="678582" spans="14:14">
      <c r="N678582" s="10"/>
    </row>
    <row r="678583" spans="14:14">
      <c r="N678583" s="10"/>
    </row>
    <row r="678584" spans="14:14">
      <c r="N678584" s="10"/>
    </row>
    <row r="678585" spans="14:14">
      <c r="N678585" s="10"/>
    </row>
    <row r="678586" spans="14:14">
      <c r="N678586" s="10"/>
    </row>
    <row r="678587" spans="14:14">
      <c r="N678587" s="10"/>
    </row>
    <row r="678588" spans="14:14">
      <c r="N678588" s="10"/>
    </row>
    <row r="678589" spans="14:14">
      <c r="N678589" s="10"/>
    </row>
    <row r="678590" spans="14:14">
      <c r="N678590" s="10"/>
    </row>
    <row r="678591" spans="14:14">
      <c r="N678591" s="10"/>
    </row>
    <row r="678592" spans="14:14">
      <c r="N678592" s="10"/>
    </row>
    <row r="678593" spans="14:14">
      <c r="N678593" s="10"/>
    </row>
    <row r="678594" spans="14:14">
      <c r="N678594" s="10"/>
    </row>
    <row r="678595" spans="14:14">
      <c r="N678595" s="10"/>
    </row>
    <row r="678596" spans="14:14">
      <c r="N678596" s="10"/>
    </row>
    <row r="678597" spans="14:14">
      <c r="N678597" s="10"/>
    </row>
    <row r="678598" spans="14:14">
      <c r="N678598" s="10"/>
    </row>
    <row r="678599" spans="14:14">
      <c r="N678599" s="10"/>
    </row>
    <row r="678600" spans="14:14">
      <c r="N678600" s="10"/>
    </row>
    <row r="678601" spans="14:14">
      <c r="N678601" s="10"/>
    </row>
    <row r="678602" spans="14:14">
      <c r="N678602" s="10"/>
    </row>
    <row r="678603" spans="14:14">
      <c r="N678603" s="10"/>
    </row>
    <row r="678604" spans="14:14">
      <c r="N678604" s="10"/>
    </row>
    <row r="678605" spans="14:14">
      <c r="N678605" s="10"/>
    </row>
    <row r="678606" spans="14:14">
      <c r="N678606" s="10"/>
    </row>
    <row r="678607" spans="14:14">
      <c r="N678607" s="10"/>
    </row>
    <row r="678608" spans="14:14">
      <c r="N678608" s="10"/>
    </row>
    <row r="678609" spans="14:14">
      <c r="N678609" s="10"/>
    </row>
    <row r="678610" spans="14:14">
      <c r="N678610" s="10"/>
    </row>
    <row r="678611" spans="14:14">
      <c r="N678611" s="10"/>
    </row>
    <row r="678612" spans="14:14">
      <c r="N678612" s="10"/>
    </row>
    <row r="678613" spans="14:14">
      <c r="N678613" s="10"/>
    </row>
    <row r="678614" spans="14:14">
      <c r="N678614" s="10"/>
    </row>
    <row r="678615" spans="14:14">
      <c r="N678615" s="10"/>
    </row>
    <row r="678616" spans="14:14">
      <c r="N678616" s="10"/>
    </row>
    <row r="678617" spans="14:14">
      <c r="N678617" s="10"/>
    </row>
    <row r="678618" spans="14:14">
      <c r="N678618" s="10"/>
    </row>
    <row r="678619" spans="14:14">
      <c r="N678619" s="10"/>
    </row>
    <row r="678620" spans="14:14">
      <c r="N678620" s="10"/>
    </row>
    <row r="678621" spans="14:14">
      <c r="N678621" s="10"/>
    </row>
    <row r="678622" spans="14:14">
      <c r="N678622" s="10"/>
    </row>
    <row r="678623" spans="14:14">
      <c r="N678623" s="10"/>
    </row>
    <row r="678624" spans="14:14">
      <c r="N678624" s="10"/>
    </row>
    <row r="678625" spans="14:14">
      <c r="N678625" s="10"/>
    </row>
    <row r="678626" spans="14:14">
      <c r="N678626" s="10"/>
    </row>
    <row r="678627" spans="14:14">
      <c r="N678627" s="10"/>
    </row>
    <row r="678628" spans="14:14">
      <c r="N678628" s="10"/>
    </row>
    <row r="678629" spans="14:14">
      <c r="N678629" s="10"/>
    </row>
    <row r="678630" spans="14:14">
      <c r="N678630" s="10"/>
    </row>
    <row r="678631" spans="14:14">
      <c r="N678631" s="10"/>
    </row>
    <row r="678632" spans="14:14">
      <c r="N678632" s="10"/>
    </row>
    <row r="678633" spans="14:14">
      <c r="N678633" s="10"/>
    </row>
    <row r="678634" spans="14:14">
      <c r="N678634" s="10"/>
    </row>
    <row r="678635" spans="14:14">
      <c r="N678635" s="10"/>
    </row>
    <row r="678636" spans="14:14">
      <c r="N678636" s="10"/>
    </row>
    <row r="678637" spans="14:14">
      <c r="N678637" s="10"/>
    </row>
    <row r="678638" spans="14:14">
      <c r="N678638" s="10"/>
    </row>
    <row r="678639" spans="14:14">
      <c r="N678639" s="10"/>
    </row>
    <row r="678640" spans="14:14">
      <c r="N678640" s="10"/>
    </row>
    <row r="678641" spans="14:14">
      <c r="N678641" s="10"/>
    </row>
    <row r="678642" spans="14:14">
      <c r="N678642" s="10"/>
    </row>
    <row r="678643" spans="14:14">
      <c r="N678643" s="10"/>
    </row>
    <row r="678644" spans="14:14">
      <c r="N678644" s="10"/>
    </row>
    <row r="678645" spans="14:14">
      <c r="N678645" s="10"/>
    </row>
    <row r="678646" spans="14:14">
      <c r="N678646" s="10"/>
    </row>
    <row r="678647" spans="14:14">
      <c r="N678647" s="10"/>
    </row>
    <row r="678648" spans="14:14">
      <c r="N678648" s="10"/>
    </row>
    <row r="678649" spans="14:14">
      <c r="N678649" s="10"/>
    </row>
    <row r="678650" spans="14:14">
      <c r="N678650" s="10"/>
    </row>
    <row r="678651" spans="14:14">
      <c r="N678651" s="10"/>
    </row>
    <row r="678652" spans="14:14">
      <c r="N678652" s="10"/>
    </row>
    <row r="678653" spans="14:14">
      <c r="N678653" s="10"/>
    </row>
    <row r="678654" spans="14:14">
      <c r="N678654" s="10"/>
    </row>
    <row r="678655" spans="14:14">
      <c r="N678655" s="10"/>
    </row>
    <row r="678656" spans="14:14">
      <c r="N678656" s="10"/>
    </row>
    <row r="678657" spans="14:14">
      <c r="N678657" s="10"/>
    </row>
    <row r="678658" spans="14:14">
      <c r="N678658" s="10"/>
    </row>
    <row r="678659" spans="14:14">
      <c r="N678659" s="10"/>
    </row>
    <row r="678660" spans="14:14">
      <c r="N678660" s="10"/>
    </row>
    <row r="678661" spans="14:14">
      <c r="N678661" s="10"/>
    </row>
    <row r="678662" spans="14:14">
      <c r="N678662" s="10"/>
    </row>
    <row r="678663" spans="14:14">
      <c r="N678663" s="10"/>
    </row>
    <row r="678664" spans="14:14">
      <c r="N678664" s="10"/>
    </row>
    <row r="678665" spans="14:14">
      <c r="N678665" s="10"/>
    </row>
    <row r="678666" spans="14:14">
      <c r="N678666" s="10"/>
    </row>
    <row r="678667" spans="14:14">
      <c r="N678667" s="10"/>
    </row>
    <row r="678668" spans="14:14">
      <c r="N678668" s="10"/>
    </row>
    <row r="678669" spans="14:14">
      <c r="N678669" s="10"/>
    </row>
    <row r="678670" spans="14:14">
      <c r="N678670" s="10"/>
    </row>
    <row r="678671" spans="14:14">
      <c r="N678671" s="10"/>
    </row>
    <row r="678672" spans="14:14">
      <c r="N678672" s="10"/>
    </row>
    <row r="678673" spans="14:14">
      <c r="N678673" s="10"/>
    </row>
    <row r="678674" spans="14:14">
      <c r="N678674" s="10"/>
    </row>
    <row r="678675" spans="14:14">
      <c r="N678675" s="10"/>
    </row>
    <row r="678676" spans="14:14">
      <c r="N678676" s="10"/>
    </row>
    <row r="678677" spans="14:14">
      <c r="N678677" s="10"/>
    </row>
    <row r="678678" spans="14:14">
      <c r="N678678" s="10"/>
    </row>
    <row r="678679" spans="14:14">
      <c r="N678679" s="10"/>
    </row>
    <row r="678680" spans="14:14">
      <c r="N678680" s="10"/>
    </row>
    <row r="678681" spans="14:14">
      <c r="N678681" s="10"/>
    </row>
    <row r="678682" spans="14:14">
      <c r="N678682" s="10"/>
    </row>
    <row r="678683" spans="14:14">
      <c r="N678683" s="10"/>
    </row>
    <row r="678684" spans="14:14">
      <c r="N678684" s="10"/>
    </row>
    <row r="678685" spans="14:14">
      <c r="N678685" s="10"/>
    </row>
    <row r="678686" spans="14:14">
      <c r="N678686" s="10"/>
    </row>
    <row r="678687" spans="14:14">
      <c r="N678687" s="10"/>
    </row>
    <row r="678688" spans="14:14">
      <c r="N678688" s="10"/>
    </row>
    <row r="678689" spans="14:14">
      <c r="N678689" s="10"/>
    </row>
    <row r="678690" spans="14:14">
      <c r="N678690" s="10"/>
    </row>
    <row r="678691" spans="14:14">
      <c r="N678691" s="10"/>
    </row>
    <row r="678692" spans="14:14">
      <c r="N678692" s="10"/>
    </row>
    <row r="678693" spans="14:14">
      <c r="N678693" s="10"/>
    </row>
    <row r="678694" spans="14:14">
      <c r="N678694" s="10"/>
    </row>
    <row r="678695" spans="14:14">
      <c r="N678695" s="10"/>
    </row>
    <row r="678696" spans="14:14">
      <c r="N678696" s="10"/>
    </row>
    <row r="678697" spans="14:14">
      <c r="N678697" s="10"/>
    </row>
    <row r="678698" spans="14:14">
      <c r="N678698" s="10"/>
    </row>
    <row r="678699" spans="14:14">
      <c r="N678699" s="10"/>
    </row>
    <row r="678700" spans="14:14">
      <c r="N678700" s="10"/>
    </row>
    <row r="678701" spans="14:14">
      <c r="N678701" s="10"/>
    </row>
    <row r="678702" spans="14:14">
      <c r="N678702" s="10"/>
    </row>
    <row r="678703" spans="14:14">
      <c r="N678703" s="10"/>
    </row>
    <row r="678704" spans="14:14">
      <c r="N678704" s="10"/>
    </row>
    <row r="678705" spans="14:14">
      <c r="N678705" s="10"/>
    </row>
    <row r="678706" spans="14:14">
      <c r="N678706" s="10"/>
    </row>
    <row r="678707" spans="14:14">
      <c r="N678707" s="10"/>
    </row>
    <row r="678708" spans="14:14">
      <c r="N678708" s="10"/>
    </row>
    <row r="678709" spans="14:14">
      <c r="N678709" s="10"/>
    </row>
    <row r="678710" spans="14:14">
      <c r="N678710" s="10"/>
    </row>
    <row r="678711" spans="14:14">
      <c r="N678711" s="10"/>
    </row>
    <row r="678712" spans="14:14">
      <c r="N678712" s="10"/>
    </row>
    <row r="678713" spans="14:14">
      <c r="N678713" s="10"/>
    </row>
    <row r="678714" spans="14:14">
      <c r="N678714" s="10"/>
    </row>
    <row r="678715" spans="14:14">
      <c r="N678715" s="10"/>
    </row>
    <row r="678716" spans="14:14">
      <c r="N678716" s="10"/>
    </row>
    <row r="678717" spans="14:14">
      <c r="N678717" s="10"/>
    </row>
    <row r="678718" spans="14:14">
      <c r="N678718" s="10"/>
    </row>
    <row r="678719" spans="14:14">
      <c r="N678719" s="10"/>
    </row>
    <row r="678720" spans="14:14">
      <c r="N678720" s="10"/>
    </row>
    <row r="678721" spans="14:14">
      <c r="N678721" s="10"/>
    </row>
    <row r="678722" spans="14:14">
      <c r="N678722" s="10"/>
    </row>
    <row r="678723" spans="14:14">
      <c r="N678723" s="10"/>
    </row>
    <row r="678724" spans="14:14">
      <c r="N678724" s="10"/>
    </row>
    <row r="678725" spans="14:14">
      <c r="N678725" s="10"/>
    </row>
    <row r="678726" spans="14:14">
      <c r="N678726" s="10"/>
    </row>
    <row r="678727" spans="14:14">
      <c r="N678727" s="10"/>
    </row>
    <row r="678728" spans="14:14">
      <c r="N678728" s="10"/>
    </row>
    <row r="678729" spans="14:14">
      <c r="N678729" s="10"/>
    </row>
    <row r="678730" spans="14:14">
      <c r="N678730" s="10"/>
    </row>
    <row r="678731" spans="14:14">
      <c r="N678731" s="10"/>
    </row>
    <row r="678732" spans="14:14">
      <c r="N678732" s="10"/>
    </row>
    <row r="678733" spans="14:14">
      <c r="N678733" s="10"/>
    </row>
    <row r="678734" spans="14:14">
      <c r="N678734" s="10"/>
    </row>
    <row r="678735" spans="14:14">
      <c r="N678735" s="10"/>
    </row>
    <row r="678736" spans="14:14">
      <c r="N678736" s="10"/>
    </row>
    <row r="678737" spans="14:14">
      <c r="N678737" s="10"/>
    </row>
    <row r="678738" spans="14:14">
      <c r="N678738" s="10"/>
    </row>
    <row r="678739" spans="14:14">
      <c r="N678739" s="10"/>
    </row>
    <row r="678740" spans="14:14">
      <c r="N678740" s="10"/>
    </row>
    <row r="678741" spans="14:14">
      <c r="N678741" s="10"/>
    </row>
    <row r="678742" spans="14:14">
      <c r="N678742" s="10"/>
    </row>
    <row r="678743" spans="14:14">
      <c r="N678743" s="10"/>
    </row>
    <row r="678744" spans="14:14">
      <c r="N678744" s="10"/>
    </row>
    <row r="678745" spans="14:14">
      <c r="N678745" s="10"/>
    </row>
    <row r="678746" spans="14:14">
      <c r="N678746" s="10"/>
    </row>
    <row r="678747" spans="14:14">
      <c r="N678747" s="10"/>
    </row>
    <row r="678748" spans="14:14">
      <c r="N678748" s="10"/>
    </row>
    <row r="678749" spans="14:14">
      <c r="N678749" s="10"/>
    </row>
    <row r="678750" spans="14:14">
      <c r="N678750" s="10"/>
    </row>
    <row r="678751" spans="14:14">
      <c r="N678751" s="10"/>
    </row>
    <row r="678752" spans="14:14">
      <c r="N678752" s="10"/>
    </row>
    <row r="678753" spans="14:14">
      <c r="N678753" s="10"/>
    </row>
    <row r="678754" spans="14:14">
      <c r="N678754" s="10"/>
    </row>
    <row r="678755" spans="14:14">
      <c r="N678755" s="10"/>
    </row>
    <row r="678756" spans="14:14">
      <c r="N678756" s="10"/>
    </row>
    <row r="678757" spans="14:14">
      <c r="N678757" s="10"/>
    </row>
    <row r="678758" spans="14:14">
      <c r="N678758" s="10"/>
    </row>
    <row r="678759" spans="14:14">
      <c r="N678759" s="10"/>
    </row>
    <row r="678760" spans="14:14">
      <c r="N678760" s="10"/>
    </row>
    <row r="678761" spans="14:14">
      <c r="N678761" s="10"/>
    </row>
    <row r="678762" spans="14:14">
      <c r="N678762" s="10"/>
    </row>
    <row r="678763" spans="14:14">
      <c r="N678763" s="10"/>
    </row>
    <row r="678764" spans="14:14">
      <c r="N678764" s="10"/>
    </row>
    <row r="678765" spans="14:14">
      <c r="N678765" s="10"/>
    </row>
    <row r="678766" spans="14:14">
      <c r="N678766" s="10"/>
    </row>
    <row r="678767" spans="14:14">
      <c r="N678767" s="10"/>
    </row>
    <row r="678768" spans="14:14">
      <c r="N678768" s="10"/>
    </row>
    <row r="678769" spans="14:14">
      <c r="N678769" s="10"/>
    </row>
    <row r="678770" spans="14:14">
      <c r="N678770" s="10"/>
    </row>
    <row r="678771" spans="14:14">
      <c r="N678771" s="10"/>
    </row>
    <row r="678772" spans="14:14">
      <c r="N678772" s="10"/>
    </row>
    <row r="678773" spans="14:14">
      <c r="N678773" s="10"/>
    </row>
    <row r="678774" spans="14:14">
      <c r="N678774" s="10"/>
    </row>
    <row r="678775" spans="14:14">
      <c r="N678775" s="10"/>
    </row>
    <row r="678776" spans="14:14">
      <c r="N678776" s="10"/>
    </row>
    <row r="678777" spans="14:14">
      <c r="N678777" s="10"/>
    </row>
    <row r="678778" spans="14:14">
      <c r="N678778" s="10"/>
    </row>
    <row r="678779" spans="14:14">
      <c r="N678779" s="10"/>
    </row>
    <row r="678780" spans="14:14">
      <c r="N678780" s="10"/>
    </row>
    <row r="678781" spans="14:14">
      <c r="N678781" s="10"/>
    </row>
    <row r="678782" spans="14:14">
      <c r="N678782" s="10"/>
    </row>
    <row r="678783" spans="14:14">
      <c r="N678783" s="10"/>
    </row>
    <row r="678784" spans="14:14">
      <c r="N678784" s="10"/>
    </row>
    <row r="678785" spans="14:14">
      <c r="N678785" s="10"/>
    </row>
    <row r="678786" spans="14:14">
      <c r="N678786" s="10"/>
    </row>
    <row r="678787" spans="14:14">
      <c r="N678787" s="10"/>
    </row>
    <row r="678788" spans="14:14">
      <c r="N678788" s="10"/>
    </row>
    <row r="678789" spans="14:14">
      <c r="N678789" s="10"/>
    </row>
    <row r="678790" spans="14:14">
      <c r="N678790" s="10"/>
    </row>
    <row r="678791" spans="14:14">
      <c r="N678791" s="10"/>
    </row>
    <row r="678792" spans="14:14">
      <c r="N678792" s="10"/>
    </row>
    <row r="678793" spans="14:14">
      <c r="N678793" s="10"/>
    </row>
    <row r="678794" spans="14:14">
      <c r="N678794" s="10"/>
    </row>
    <row r="678795" spans="14:14">
      <c r="N678795" s="10"/>
    </row>
    <row r="678796" spans="14:14">
      <c r="N678796" s="10"/>
    </row>
    <row r="678797" spans="14:14">
      <c r="N678797" s="10"/>
    </row>
    <row r="678798" spans="14:14">
      <c r="N678798" s="10"/>
    </row>
    <row r="678799" spans="14:14">
      <c r="N678799" s="10"/>
    </row>
    <row r="678800" spans="14:14">
      <c r="N678800" s="10"/>
    </row>
    <row r="678801" spans="14:14">
      <c r="N678801" s="10"/>
    </row>
    <row r="678802" spans="14:14">
      <c r="N678802" s="10"/>
    </row>
    <row r="678803" spans="14:14">
      <c r="N678803" s="10"/>
    </row>
    <row r="678804" spans="14:14">
      <c r="N678804" s="10"/>
    </row>
    <row r="678805" spans="14:14">
      <c r="N678805" s="10"/>
    </row>
    <row r="678806" spans="14:14">
      <c r="N678806" s="10"/>
    </row>
    <row r="678807" spans="14:14">
      <c r="N678807" s="10"/>
    </row>
    <row r="678808" spans="14:14">
      <c r="N678808" s="10"/>
    </row>
    <row r="678809" spans="14:14">
      <c r="N678809" s="10"/>
    </row>
    <row r="678810" spans="14:14">
      <c r="N678810" s="10"/>
    </row>
    <row r="678811" spans="14:14">
      <c r="N678811" s="10"/>
    </row>
    <row r="678812" spans="14:14">
      <c r="N678812" s="10"/>
    </row>
    <row r="678813" spans="14:14">
      <c r="N678813" s="10"/>
    </row>
    <row r="678814" spans="14:14">
      <c r="N678814" s="10"/>
    </row>
    <row r="678815" spans="14:14">
      <c r="N678815" s="10"/>
    </row>
    <row r="678816" spans="14:14">
      <c r="N678816" s="10"/>
    </row>
    <row r="678817" spans="14:14">
      <c r="N678817" s="10"/>
    </row>
    <row r="678818" spans="14:14">
      <c r="N678818" s="10"/>
    </row>
    <row r="678819" spans="14:14">
      <c r="N678819" s="10"/>
    </row>
    <row r="678820" spans="14:14">
      <c r="N678820" s="10"/>
    </row>
    <row r="678821" spans="14:14">
      <c r="N678821" s="10"/>
    </row>
    <row r="678822" spans="14:14">
      <c r="N678822" s="10"/>
    </row>
    <row r="678823" spans="14:14">
      <c r="N678823" s="10"/>
    </row>
    <row r="678824" spans="14:14">
      <c r="N678824" s="10"/>
    </row>
    <row r="678825" spans="14:14">
      <c r="N678825" s="10"/>
    </row>
    <row r="678826" spans="14:14">
      <c r="N678826" s="10"/>
    </row>
    <row r="678827" spans="14:14">
      <c r="N678827" s="10"/>
    </row>
    <row r="678828" spans="14:14">
      <c r="N678828" s="10"/>
    </row>
    <row r="678829" spans="14:14">
      <c r="N678829" s="10"/>
    </row>
    <row r="678830" spans="14:14">
      <c r="N678830" s="10"/>
    </row>
    <row r="678831" spans="14:14">
      <c r="N678831" s="10"/>
    </row>
    <row r="678832" spans="14:14">
      <c r="N678832" s="10"/>
    </row>
    <row r="678833" spans="14:14">
      <c r="N678833" s="10"/>
    </row>
    <row r="678834" spans="14:14">
      <c r="N678834" s="10"/>
    </row>
    <row r="678835" spans="14:14">
      <c r="N678835" s="10"/>
    </row>
    <row r="678836" spans="14:14">
      <c r="N678836" s="10"/>
    </row>
    <row r="678837" spans="14:14">
      <c r="N678837" s="10"/>
    </row>
    <row r="678838" spans="14:14">
      <c r="N678838" s="10"/>
    </row>
    <row r="678839" spans="14:14">
      <c r="N678839" s="10"/>
    </row>
    <row r="678840" spans="14:14">
      <c r="N678840" s="10"/>
    </row>
    <row r="678841" spans="14:14">
      <c r="N678841" s="10"/>
    </row>
    <row r="678842" spans="14:14">
      <c r="N678842" s="10"/>
    </row>
    <row r="678843" spans="14:14">
      <c r="N678843" s="10"/>
    </row>
    <row r="678844" spans="14:14">
      <c r="N678844" s="10"/>
    </row>
    <row r="678845" spans="14:14">
      <c r="N678845" s="10"/>
    </row>
    <row r="678846" spans="14:14">
      <c r="N678846" s="10"/>
    </row>
    <row r="678847" spans="14:14">
      <c r="N678847" s="10"/>
    </row>
    <row r="678848" spans="14:14">
      <c r="N678848" s="10"/>
    </row>
    <row r="678849" spans="14:14">
      <c r="N678849" s="10"/>
    </row>
    <row r="678850" spans="14:14">
      <c r="N678850" s="10"/>
    </row>
    <row r="678851" spans="14:14">
      <c r="N678851" s="10"/>
    </row>
    <row r="678852" spans="14:14">
      <c r="N678852" s="10"/>
    </row>
    <row r="678853" spans="14:14">
      <c r="N678853" s="10"/>
    </row>
    <row r="678854" spans="14:14">
      <c r="N678854" s="10"/>
    </row>
    <row r="678855" spans="14:14">
      <c r="N678855" s="10"/>
    </row>
    <row r="678856" spans="14:14">
      <c r="N678856" s="10"/>
    </row>
    <row r="678857" spans="14:14">
      <c r="N678857" s="10"/>
    </row>
    <row r="678858" spans="14:14">
      <c r="N678858" s="10"/>
    </row>
    <row r="678859" spans="14:14">
      <c r="N678859" s="10"/>
    </row>
    <row r="678860" spans="14:14">
      <c r="N678860" s="10"/>
    </row>
    <row r="678861" spans="14:14">
      <c r="N678861" s="10"/>
    </row>
    <row r="678862" spans="14:14">
      <c r="N678862" s="10"/>
    </row>
    <row r="678863" spans="14:14">
      <c r="N678863" s="10"/>
    </row>
    <row r="678864" spans="14:14">
      <c r="N678864" s="10"/>
    </row>
    <row r="678865" spans="14:14">
      <c r="N678865" s="10"/>
    </row>
    <row r="678866" spans="14:14">
      <c r="N678866" s="10"/>
    </row>
    <row r="678867" spans="14:14">
      <c r="N678867" s="10"/>
    </row>
    <row r="678868" spans="14:14">
      <c r="N678868" s="10"/>
    </row>
    <row r="678869" spans="14:14">
      <c r="N678869" s="10"/>
    </row>
    <row r="678870" spans="14:14">
      <c r="N678870" s="10"/>
    </row>
    <row r="678871" spans="14:14">
      <c r="N678871" s="10"/>
    </row>
    <row r="678872" spans="14:14">
      <c r="N678872" s="10"/>
    </row>
    <row r="678873" spans="14:14">
      <c r="N678873" s="10"/>
    </row>
    <row r="678874" spans="14:14">
      <c r="N678874" s="10"/>
    </row>
    <row r="678875" spans="14:14">
      <c r="N678875" s="10"/>
    </row>
    <row r="678876" spans="14:14">
      <c r="N678876" s="10"/>
    </row>
    <row r="678877" spans="14:14">
      <c r="N678877" s="10"/>
    </row>
    <row r="678878" spans="14:14">
      <c r="N678878" s="10"/>
    </row>
    <row r="678879" spans="14:14">
      <c r="N678879" s="10"/>
    </row>
    <row r="678880" spans="14:14">
      <c r="N678880" s="10"/>
    </row>
    <row r="678881" spans="14:14">
      <c r="N678881" s="10"/>
    </row>
    <row r="678882" spans="14:14">
      <c r="N678882" s="10"/>
    </row>
    <row r="678883" spans="14:14">
      <c r="N678883" s="10"/>
    </row>
    <row r="678884" spans="14:14">
      <c r="N678884" s="10"/>
    </row>
    <row r="678885" spans="14:14">
      <c r="N678885" s="10"/>
    </row>
    <row r="678886" spans="14:14">
      <c r="N678886" s="10"/>
    </row>
    <row r="678887" spans="14:14">
      <c r="N678887" s="10"/>
    </row>
    <row r="678888" spans="14:14">
      <c r="N678888" s="10"/>
    </row>
    <row r="678889" spans="14:14">
      <c r="N678889" s="10"/>
    </row>
    <row r="678890" spans="14:14">
      <c r="N678890" s="10"/>
    </row>
    <row r="678891" spans="14:14">
      <c r="N678891" s="10"/>
    </row>
    <row r="678892" spans="14:14">
      <c r="N678892" s="10"/>
    </row>
    <row r="678893" spans="14:14">
      <c r="N678893" s="10"/>
    </row>
    <row r="678894" spans="14:14">
      <c r="N678894" s="10"/>
    </row>
    <row r="678895" spans="14:14">
      <c r="N678895" s="10"/>
    </row>
    <row r="678896" spans="14:14">
      <c r="N678896" s="10"/>
    </row>
    <row r="678897" spans="14:14">
      <c r="N678897" s="10"/>
    </row>
    <row r="678898" spans="14:14">
      <c r="N678898" s="10"/>
    </row>
    <row r="678899" spans="14:14">
      <c r="N678899" s="10"/>
    </row>
    <row r="678900" spans="14:14">
      <c r="N678900" s="10"/>
    </row>
    <row r="678901" spans="14:14">
      <c r="N678901" s="10"/>
    </row>
    <row r="678902" spans="14:14">
      <c r="N678902" s="10"/>
    </row>
    <row r="678903" spans="14:14">
      <c r="N678903" s="10"/>
    </row>
    <row r="678904" spans="14:14">
      <c r="N678904" s="10"/>
    </row>
    <row r="678905" spans="14:14">
      <c r="N678905" s="10"/>
    </row>
    <row r="678906" spans="14:14">
      <c r="N678906" s="10"/>
    </row>
    <row r="678907" spans="14:14">
      <c r="N678907" s="10"/>
    </row>
    <row r="678908" spans="14:14">
      <c r="N678908" s="10"/>
    </row>
    <row r="678909" spans="14:14">
      <c r="N678909" s="10"/>
    </row>
    <row r="678910" spans="14:14">
      <c r="N678910" s="10"/>
    </row>
    <row r="678911" spans="14:14">
      <c r="N678911" s="10"/>
    </row>
    <row r="678912" spans="14:14">
      <c r="N678912" s="10"/>
    </row>
    <row r="678913" spans="14:14">
      <c r="N678913" s="10"/>
    </row>
    <row r="678914" spans="14:14">
      <c r="N678914" s="10"/>
    </row>
    <row r="678915" spans="14:14">
      <c r="N678915" s="10"/>
    </row>
    <row r="678916" spans="14:14">
      <c r="N678916" s="10"/>
    </row>
    <row r="678917" spans="14:14">
      <c r="N678917" s="10"/>
    </row>
    <row r="678918" spans="14:14">
      <c r="N678918" s="10"/>
    </row>
    <row r="678919" spans="14:14">
      <c r="N678919" s="10"/>
    </row>
    <row r="678920" spans="14:14">
      <c r="N678920" s="10"/>
    </row>
    <row r="678921" spans="14:14">
      <c r="N678921" s="10"/>
    </row>
    <row r="678922" spans="14:14">
      <c r="N678922" s="10"/>
    </row>
    <row r="678923" spans="14:14">
      <c r="N678923" s="10"/>
    </row>
    <row r="678924" spans="14:14">
      <c r="N678924" s="10"/>
    </row>
    <row r="678925" spans="14:14">
      <c r="N678925" s="10"/>
    </row>
    <row r="678926" spans="14:14">
      <c r="N678926" s="10"/>
    </row>
    <row r="678927" spans="14:14">
      <c r="N678927" s="10"/>
    </row>
    <row r="678928" spans="14:14">
      <c r="N678928" s="10"/>
    </row>
    <row r="678929" spans="14:14">
      <c r="N678929" s="10"/>
    </row>
    <row r="678930" spans="14:14">
      <c r="N678930" s="10"/>
    </row>
    <row r="678931" spans="14:14">
      <c r="N678931" s="10"/>
    </row>
    <row r="678932" spans="14:14">
      <c r="N678932" s="10"/>
    </row>
    <row r="678933" spans="14:14">
      <c r="N678933" s="10"/>
    </row>
    <row r="678934" spans="14:14">
      <c r="N678934" s="10"/>
    </row>
    <row r="678935" spans="14:14">
      <c r="N678935" s="10"/>
    </row>
    <row r="678936" spans="14:14">
      <c r="N678936" s="10"/>
    </row>
    <row r="678937" spans="14:14">
      <c r="N678937" s="10"/>
    </row>
    <row r="678938" spans="14:14">
      <c r="N678938" s="10"/>
    </row>
    <row r="678939" spans="14:14">
      <c r="N678939" s="10"/>
    </row>
    <row r="678940" spans="14:14">
      <c r="N678940" s="10"/>
    </row>
    <row r="678941" spans="14:14">
      <c r="N678941" s="10"/>
    </row>
    <row r="678942" spans="14:14">
      <c r="N678942" s="10"/>
    </row>
    <row r="678943" spans="14:14">
      <c r="N678943" s="10"/>
    </row>
    <row r="678944" spans="14:14">
      <c r="N678944" s="10"/>
    </row>
    <row r="678945" spans="14:14">
      <c r="N678945" s="10"/>
    </row>
    <row r="678946" spans="14:14">
      <c r="N678946" s="10"/>
    </row>
    <row r="678947" spans="14:14">
      <c r="N678947" s="10"/>
    </row>
    <row r="678948" spans="14:14">
      <c r="N678948" s="10"/>
    </row>
    <row r="678949" spans="14:14">
      <c r="N678949" s="10"/>
    </row>
    <row r="678950" spans="14:14">
      <c r="N678950" s="10"/>
    </row>
    <row r="678951" spans="14:14">
      <c r="N678951" s="10"/>
    </row>
    <row r="678952" spans="14:14">
      <c r="N678952" s="10"/>
    </row>
    <row r="678953" spans="14:14">
      <c r="N678953" s="10"/>
    </row>
    <row r="678954" spans="14:14">
      <c r="N678954" s="10"/>
    </row>
    <row r="678955" spans="14:14">
      <c r="N678955" s="10"/>
    </row>
    <row r="678956" spans="14:14">
      <c r="N678956" s="10"/>
    </row>
    <row r="678957" spans="14:14">
      <c r="N678957" s="10"/>
    </row>
    <row r="678958" spans="14:14">
      <c r="N678958" s="10"/>
    </row>
    <row r="678959" spans="14:14">
      <c r="N678959" s="10"/>
    </row>
    <row r="678960" spans="14:14">
      <c r="N678960" s="10"/>
    </row>
    <row r="678961" spans="14:14">
      <c r="N678961" s="10"/>
    </row>
    <row r="678962" spans="14:14">
      <c r="N678962" s="10"/>
    </row>
    <row r="678963" spans="14:14">
      <c r="N678963" s="10"/>
    </row>
    <row r="678964" spans="14:14">
      <c r="N678964" s="10"/>
    </row>
    <row r="678965" spans="14:14">
      <c r="N678965" s="10"/>
    </row>
    <row r="678966" spans="14:14">
      <c r="N678966" s="10"/>
    </row>
    <row r="678967" spans="14:14">
      <c r="N678967" s="10"/>
    </row>
    <row r="678968" spans="14:14">
      <c r="N678968" s="10"/>
    </row>
    <row r="678969" spans="14:14">
      <c r="N678969" s="10"/>
    </row>
    <row r="678970" spans="14:14">
      <c r="N678970" s="10"/>
    </row>
    <row r="678971" spans="14:14">
      <c r="N678971" s="10"/>
    </row>
    <row r="678972" spans="14:14">
      <c r="N678972" s="10"/>
    </row>
    <row r="678973" spans="14:14">
      <c r="N678973" s="10"/>
    </row>
    <row r="678974" spans="14:14">
      <c r="N678974" s="10"/>
    </row>
    <row r="678975" spans="14:14">
      <c r="N678975" s="10"/>
    </row>
    <row r="678976" spans="14:14">
      <c r="N678976" s="10"/>
    </row>
    <row r="678977" spans="14:14">
      <c r="N678977" s="10"/>
    </row>
    <row r="678978" spans="14:14">
      <c r="N678978" s="10"/>
    </row>
    <row r="678979" spans="14:14">
      <c r="N678979" s="10"/>
    </row>
    <row r="678980" spans="14:14">
      <c r="N678980" s="10"/>
    </row>
    <row r="678981" spans="14:14">
      <c r="N678981" s="10"/>
    </row>
    <row r="678982" spans="14:14">
      <c r="N678982" s="10"/>
    </row>
    <row r="678983" spans="14:14">
      <c r="N678983" s="10"/>
    </row>
    <row r="678984" spans="14:14">
      <c r="N678984" s="10"/>
    </row>
    <row r="678985" spans="14:14">
      <c r="N678985" s="10"/>
    </row>
    <row r="678986" spans="14:14">
      <c r="N678986" s="10"/>
    </row>
    <row r="678987" spans="14:14">
      <c r="N678987" s="10"/>
    </row>
    <row r="678988" spans="14:14">
      <c r="N678988" s="10"/>
    </row>
    <row r="678989" spans="14:14">
      <c r="N678989" s="10"/>
    </row>
    <row r="678990" spans="14:14">
      <c r="N678990" s="10"/>
    </row>
    <row r="678991" spans="14:14">
      <c r="N678991" s="10"/>
    </row>
    <row r="678992" spans="14:14">
      <c r="N678992" s="10"/>
    </row>
    <row r="678993" spans="14:14">
      <c r="N678993" s="10"/>
    </row>
    <row r="678994" spans="14:14">
      <c r="N678994" s="10"/>
    </row>
    <row r="678995" spans="14:14">
      <c r="N678995" s="10"/>
    </row>
    <row r="678996" spans="14:14">
      <c r="N678996" s="10"/>
    </row>
    <row r="678997" spans="14:14">
      <c r="N678997" s="10"/>
    </row>
    <row r="678998" spans="14:14">
      <c r="N678998" s="10"/>
    </row>
    <row r="678999" spans="14:14">
      <c r="N678999" s="10"/>
    </row>
    <row r="679000" spans="14:14">
      <c r="N679000" s="10"/>
    </row>
    <row r="679001" spans="14:14">
      <c r="N679001" s="10"/>
    </row>
    <row r="679002" spans="14:14">
      <c r="N679002" s="10"/>
    </row>
    <row r="679003" spans="14:14">
      <c r="N679003" s="10"/>
    </row>
    <row r="679004" spans="14:14">
      <c r="N679004" s="10"/>
    </row>
    <row r="679005" spans="14:14">
      <c r="N679005" s="10"/>
    </row>
    <row r="679006" spans="14:14">
      <c r="N679006" s="10"/>
    </row>
    <row r="679007" spans="14:14">
      <c r="N679007" s="10"/>
    </row>
    <row r="679008" spans="14:14">
      <c r="N679008" s="10"/>
    </row>
    <row r="679009" spans="14:14">
      <c r="N679009" s="10"/>
    </row>
    <row r="679010" spans="14:14">
      <c r="N679010" s="10"/>
    </row>
    <row r="679011" spans="14:14">
      <c r="N679011" s="10"/>
    </row>
    <row r="679012" spans="14:14">
      <c r="N679012" s="10"/>
    </row>
    <row r="679013" spans="14:14">
      <c r="N679013" s="10"/>
    </row>
    <row r="679014" spans="14:14">
      <c r="N679014" s="10"/>
    </row>
    <row r="679015" spans="14:14">
      <c r="N679015" s="10"/>
    </row>
    <row r="679016" spans="14:14">
      <c r="N679016" s="10"/>
    </row>
    <row r="679017" spans="14:14">
      <c r="N679017" s="10"/>
    </row>
    <row r="679018" spans="14:14">
      <c r="N679018" s="10"/>
    </row>
    <row r="679019" spans="14:14">
      <c r="N679019" s="10"/>
    </row>
    <row r="679020" spans="14:14">
      <c r="N679020" s="10"/>
    </row>
    <row r="679021" spans="14:14">
      <c r="N679021" s="10"/>
    </row>
    <row r="679022" spans="14:14">
      <c r="N679022" s="10"/>
    </row>
    <row r="679023" spans="14:14">
      <c r="N679023" s="10"/>
    </row>
    <row r="679024" spans="14:14">
      <c r="N679024" s="10"/>
    </row>
    <row r="679025" spans="14:14">
      <c r="N679025" s="10"/>
    </row>
    <row r="679026" spans="14:14">
      <c r="N679026" s="10"/>
    </row>
    <row r="679027" spans="14:14">
      <c r="N679027" s="10"/>
    </row>
    <row r="679028" spans="14:14">
      <c r="N679028" s="10"/>
    </row>
    <row r="679029" spans="14:14">
      <c r="N679029" s="10"/>
    </row>
    <row r="679030" spans="14:14">
      <c r="N679030" s="10"/>
    </row>
    <row r="679031" spans="14:14">
      <c r="N679031" s="10"/>
    </row>
    <row r="679032" spans="14:14">
      <c r="N679032" s="10"/>
    </row>
    <row r="679033" spans="14:14">
      <c r="N679033" s="10"/>
    </row>
    <row r="679034" spans="14:14">
      <c r="N679034" s="10"/>
    </row>
    <row r="679035" spans="14:14">
      <c r="N679035" s="10"/>
    </row>
    <row r="679036" spans="14:14">
      <c r="N679036" s="10"/>
    </row>
    <row r="679037" spans="14:14">
      <c r="N679037" s="10"/>
    </row>
    <row r="679038" spans="14:14">
      <c r="N679038" s="10"/>
    </row>
    <row r="679039" spans="14:14">
      <c r="N679039" s="10"/>
    </row>
    <row r="679040" spans="14:14">
      <c r="N679040" s="10"/>
    </row>
    <row r="679041" spans="14:14">
      <c r="N679041" s="10"/>
    </row>
    <row r="679042" spans="14:14">
      <c r="N679042" s="10"/>
    </row>
    <row r="679043" spans="14:14">
      <c r="N679043" s="10"/>
    </row>
    <row r="679044" spans="14:14">
      <c r="N679044" s="10"/>
    </row>
    <row r="679045" spans="14:14">
      <c r="N679045" s="10"/>
    </row>
    <row r="679046" spans="14:14">
      <c r="N679046" s="10"/>
    </row>
    <row r="679047" spans="14:14">
      <c r="N679047" s="10"/>
    </row>
    <row r="679048" spans="14:14">
      <c r="N679048" s="10"/>
    </row>
    <row r="679049" spans="14:14">
      <c r="N679049" s="10"/>
    </row>
    <row r="679050" spans="14:14">
      <c r="N679050" s="10"/>
    </row>
    <row r="679051" spans="14:14">
      <c r="N679051" s="10"/>
    </row>
    <row r="679052" spans="14:14">
      <c r="N679052" s="10"/>
    </row>
    <row r="679053" spans="14:14">
      <c r="N679053" s="10"/>
    </row>
    <row r="679054" spans="14:14">
      <c r="N679054" s="10"/>
    </row>
    <row r="679055" spans="14:14">
      <c r="N679055" s="10"/>
    </row>
    <row r="679056" spans="14:14">
      <c r="N679056" s="10"/>
    </row>
    <row r="679057" spans="14:14">
      <c r="N679057" s="10"/>
    </row>
    <row r="679058" spans="14:14">
      <c r="N679058" s="10"/>
    </row>
    <row r="679059" spans="14:14">
      <c r="N679059" s="10"/>
    </row>
    <row r="679060" spans="14:14">
      <c r="N679060" s="10"/>
    </row>
    <row r="679061" spans="14:14">
      <c r="N679061" s="10"/>
    </row>
    <row r="679062" spans="14:14">
      <c r="N679062" s="10"/>
    </row>
    <row r="679063" spans="14:14">
      <c r="N679063" s="10"/>
    </row>
    <row r="679064" spans="14:14">
      <c r="N679064" s="10"/>
    </row>
    <row r="679065" spans="14:14">
      <c r="N679065" s="10"/>
    </row>
    <row r="679066" spans="14:14">
      <c r="N679066" s="10"/>
    </row>
    <row r="679067" spans="14:14">
      <c r="N679067" s="10"/>
    </row>
    <row r="679068" spans="14:14">
      <c r="N679068" s="10"/>
    </row>
    <row r="679069" spans="14:14">
      <c r="N679069" s="10"/>
    </row>
    <row r="679070" spans="14:14">
      <c r="N679070" s="10"/>
    </row>
    <row r="679071" spans="14:14">
      <c r="N679071" s="10"/>
    </row>
    <row r="679072" spans="14:14">
      <c r="N679072" s="10"/>
    </row>
    <row r="679073" spans="14:14">
      <c r="N679073" s="10"/>
    </row>
    <row r="679074" spans="14:14">
      <c r="N679074" s="10"/>
    </row>
    <row r="679075" spans="14:14">
      <c r="N679075" s="10"/>
    </row>
    <row r="679076" spans="14:14">
      <c r="N679076" s="10"/>
    </row>
    <row r="679077" spans="14:14">
      <c r="N679077" s="10"/>
    </row>
    <row r="679078" spans="14:14">
      <c r="N679078" s="10"/>
    </row>
    <row r="679079" spans="14:14">
      <c r="N679079" s="10"/>
    </row>
    <row r="679080" spans="14:14">
      <c r="N679080" s="10"/>
    </row>
    <row r="679081" spans="14:14">
      <c r="N679081" s="10"/>
    </row>
    <row r="679082" spans="14:14">
      <c r="N679082" s="10"/>
    </row>
    <row r="679083" spans="14:14">
      <c r="N679083" s="10"/>
    </row>
    <row r="679084" spans="14:14">
      <c r="N679084" s="10"/>
    </row>
    <row r="679085" spans="14:14">
      <c r="N679085" s="10"/>
    </row>
    <row r="679086" spans="14:14">
      <c r="N679086" s="10"/>
    </row>
    <row r="679087" spans="14:14">
      <c r="N679087" s="10"/>
    </row>
    <row r="679088" spans="14:14">
      <c r="N679088" s="10"/>
    </row>
    <row r="679089" spans="14:14">
      <c r="N679089" s="10"/>
    </row>
    <row r="679090" spans="14:14">
      <c r="N679090" s="10"/>
    </row>
    <row r="679091" spans="14:14">
      <c r="N679091" s="10"/>
    </row>
    <row r="679092" spans="14:14">
      <c r="N679092" s="10"/>
    </row>
    <row r="679093" spans="14:14">
      <c r="N679093" s="10"/>
    </row>
    <row r="679094" spans="14:14">
      <c r="N679094" s="10"/>
    </row>
    <row r="679095" spans="14:14">
      <c r="N679095" s="10"/>
    </row>
    <row r="679096" spans="14:14">
      <c r="N679096" s="10"/>
    </row>
    <row r="679097" spans="14:14">
      <c r="N679097" s="10"/>
    </row>
    <row r="679098" spans="14:14">
      <c r="N679098" s="10"/>
    </row>
    <row r="679099" spans="14:14">
      <c r="N679099" s="10"/>
    </row>
    <row r="679100" spans="14:14">
      <c r="N679100" s="10"/>
    </row>
    <row r="679101" spans="14:14">
      <c r="N679101" s="10"/>
    </row>
    <row r="679102" spans="14:14">
      <c r="N679102" s="10"/>
    </row>
    <row r="679103" spans="14:14">
      <c r="N679103" s="10"/>
    </row>
    <row r="679104" spans="14:14">
      <c r="N679104" s="10"/>
    </row>
    <row r="679105" spans="14:14">
      <c r="N679105" s="10"/>
    </row>
    <row r="679106" spans="14:14">
      <c r="N679106" s="10"/>
    </row>
    <row r="679107" spans="14:14">
      <c r="N679107" s="10"/>
    </row>
    <row r="679108" spans="14:14">
      <c r="N679108" s="10"/>
    </row>
    <row r="679109" spans="14:14">
      <c r="N679109" s="10"/>
    </row>
    <row r="679110" spans="14:14">
      <c r="N679110" s="10"/>
    </row>
    <row r="679111" spans="14:14">
      <c r="N679111" s="10"/>
    </row>
    <row r="679112" spans="14:14">
      <c r="N679112" s="10"/>
    </row>
    <row r="679113" spans="14:14">
      <c r="N679113" s="10"/>
    </row>
    <row r="679114" spans="14:14">
      <c r="N679114" s="10"/>
    </row>
    <row r="679115" spans="14:14">
      <c r="N679115" s="10"/>
    </row>
    <row r="679116" spans="14:14">
      <c r="N679116" s="10"/>
    </row>
    <row r="679117" spans="14:14">
      <c r="N679117" s="10"/>
    </row>
    <row r="679118" spans="14:14">
      <c r="N679118" s="10"/>
    </row>
    <row r="679119" spans="14:14">
      <c r="N679119" s="10"/>
    </row>
    <row r="679120" spans="14:14">
      <c r="N679120" s="10"/>
    </row>
    <row r="679121" spans="14:14">
      <c r="N679121" s="10"/>
    </row>
    <row r="679122" spans="14:14">
      <c r="N679122" s="10"/>
    </row>
    <row r="679123" spans="14:14">
      <c r="N679123" s="10"/>
    </row>
    <row r="679124" spans="14:14">
      <c r="N679124" s="10"/>
    </row>
    <row r="679125" spans="14:14">
      <c r="N679125" s="10"/>
    </row>
    <row r="679126" spans="14:14">
      <c r="N679126" s="10"/>
    </row>
    <row r="679127" spans="14:14">
      <c r="N679127" s="10"/>
    </row>
    <row r="679128" spans="14:14">
      <c r="N679128" s="10"/>
    </row>
    <row r="679129" spans="14:14">
      <c r="N679129" s="10"/>
    </row>
    <row r="679130" spans="14:14">
      <c r="N679130" s="10"/>
    </row>
    <row r="679131" spans="14:14">
      <c r="N679131" s="10"/>
    </row>
    <row r="679132" spans="14:14">
      <c r="N679132" s="10"/>
    </row>
    <row r="679133" spans="14:14">
      <c r="N679133" s="10"/>
    </row>
    <row r="679134" spans="14:14">
      <c r="N679134" s="10"/>
    </row>
    <row r="679135" spans="14:14">
      <c r="N679135" s="10"/>
    </row>
    <row r="679136" spans="14:14">
      <c r="N679136" s="10"/>
    </row>
    <row r="679137" spans="14:14">
      <c r="N679137" s="10"/>
    </row>
    <row r="679138" spans="14:14">
      <c r="N679138" s="10"/>
    </row>
    <row r="679139" spans="14:14">
      <c r="N679139" s="10"/>
    </row>
    <row r="679140" spans="14:14">
      <c r="N679140" s="10"/>
    </row>
    <row r="679141" spans="14:14">
      <c r="N679141" s="10"/>
    </row>
    <row r="679142" spans="14:14">
      <c r="N679142" s="10"/>
    </row>
    <row r="679143" spans="14:14">
      <c r="N679143" s="10"/>
    </row>
    <row r="679144" spans="14:14">
      <c r="N679144" s="10"/>
    </row>
    <row r="679145" spans="14:14">
      <c r="N679145" s="10"/>
    </row>
    <row r="679146" spans="14:14">
      <c r="N679146" s="10"/>
    </row>
    <row r="679147" spans="14:14">
      <c r="N679147" s="10"/>
    </row>
    <row r="679148" spans="14:14">
      <c r="N679148" s="10"/>
    </row>
    <row r="679149" spans="14:14">
      <c r="N679149" s="10"/>
    </row>
    <row r="679150" spans="14:14">
      <c r="N679150" s="10"/>
    </row>
    <row r="679151" spans="14:14">
      <c r="N679151" s="10"/>
    </row>
    <row r="679152" spans="14:14">
      <c r="N679152" s="10"/>
    </row>
    <row r="679153" spans="14:14">
      <c r="N679153" s="10"/>
    </row>
    <row r="679154" spans="14:14">
      <c r="N679154" s="10"/>
    </row>
    <row r="679155" spans="14:14">
      <c r="N679155" s="10"/>
    </row>
    <row r="679156" spans="14:14">
      <c r="N679156" s="10"/>
    </row>
    <row r="679157" spans="14:14">
      <c r="N679157" s="10"/>
    </row>
    <row r="679158" spans="14:14">
      <c r="N679158" s="10"/>
    </row>
    <row r="679159" spans="14:14">
      <c r="N679159" s="10"/>
    </row>
    <row r="679160" spans="14:14">
      <c r="N679160" s="10"/>
    </row>
    <row r="679161" spans="14:14">
      <c r="N679161" s="10"/>
    </row>
    <row r="679162" spans="14:14">
      <c r="N679162" s="10"/>
    </row>
    <row r="679163" spans="14:14">
      <c r="N679163" s="10"/>
    </row>
    <row r="679164" spans="14:14">
      <c r="N679164" s="10"/>
    </row>
    <row r="679165" spans="14:14">
      <c r="N679165" s="10"/>
    </row>
    <row r="679166" spans="14:14">
      <c r="N679166" s="10"/>
    </row>
    <row r="679167" spans="14:14">
      <c r="N679167" s="10"/>
    </row>
    <row r="679168" spans="14:14">
      <c r="N679168" s="10"/>
    </row>
    <row r="679169" spans="14:14">
      <c r="N679169" s="10"/>
    </row>
    <row r="679170" spans="14:14">
      <c r="N679170" s="10"/>
    </row>
    <row r="679171" spans="14:14">
      <c r="N679171" s="10"/>
    </row>
    <row r="679172" spans="14:14">
      <c r="N679172" s="10"/>
    </row>
    <row r="679173" spans="14:14">
      <c r="N679173" s="10"/>
    </row>
    <row r="679174" spans="14:14">
      <c r="N679174" s="10"/>
    </row>
    <row r="679175" spans="14:14">
      <c r="N679175" s="10"/>
    </row>
    <row r="679176" spans="14:14">
      <c r="N679176" s="10"/>
    </row>
    <row r="679177" spans="14:14">
      <c r="N679177" s="10"/>
    </row>
    <row r="679178" spans="14:14">
      <c r="N679178" s="10"/>
    </row>
    <row r="679179" spans="14:14">
      <c r="N679179" s="10"/>
    </row>
    <row r="679180" spans="14:14">
      <c r="N679180" s="10"/>
    </row>
    <row r="679181" spans="14:14">
      <c r="N679181" s="10"/>
    </row>
    <row r="679182" spans="14:14">
      <c r="N679182" s="10"/>
    </row>
    <row r="679183" spans="14:14">
      <c r="N679183" s="10"/>
    </row>
    <row r="679184" spans="14:14">
      <c r="N679184" s="10"/>
    </row>
    <row r="679185" spans="14:14">
      <c r="N679185" s="10"/>
    </row>
    <row r="679186" spans="14:14">
      <c r="N679186" s="10"/>
    </row>
    <row r="679187" spans="14:14">
      <c r="N679187" s="10"/>
    </row>
    <row r="679188" spans="14:14">
      <c r="N679188" s="10"/>
    </row>
    <row r="679189" spans="14:14">
      <c r="N679189" s="10"/>
    </row>
    <row r="679190" spans="14:14">
      <c r="N679190" s="10"/>
    </row>
    <row r="679191" spans="14:14">
      <c r="N679191" s="10"/>
    </row>
    <row r="679192" spans="14:14">
      <c r="N679192" s="10"/>
    </row>
    <row r="679193" spans="14:14">
      <c r="N679193" s="10"/>
    </row>
    <row r="679194" spans="14:14">
      <c r="N679194" s="10"/>
    </row>
    <row r="679195" spans="14:14">
      <c r="N679195" s="10"/>
    </row>
    <row r="679196" spans="14:14">
      <c r="N679196" s="10"/>
    </row>
    <row r="679197" spans="14:14">
      <c r="N679197" s="10"/>
    </row>
    <row r="679198" spans="14:14">
      <c r="N679198" s="10"/>
    </row>
    <row r="679199" spans="14:14">
      <c r="N679199" s="10"/>
    </row>
    <row r="679200" spans="14:14">
      <c r="N679200" s="10"/>
    </row>
    <row r="679201" spans="14:14">
      <c r="N679201" s="10"/>
    </row>
    <row r="679202" spans="14:14">
      <c r="N679202" s="10"/>
    </row>
    <row r="679203" spans="14:14">
      <c r="N679203" s="10"/>
    </row>
    <row r="679204" spans="14:14">
      <c r="N679204" s="10"/>
    </row>
    <row r="679205" spans="14:14">
      <c r="N679205" s="10"/>
    </row>
    <row r="679206" spans="14:14">
      <c r="N679206" s="10"/>
    </row>
    <row r="679207" spans="14:14">
      <c r="N679207" s="10"/>
    </row>
    <row r="679208" spans="14:14">
      <c r="N679208" s="10"/>
    </row>
    <row r="679209" spans="14:14">
      <c r="N679209" s="10"/>
    </row>
    <row r="679210" spans="14:14">
      <c r="N679210" s="10"/>
    </row>
    <row r="679211" spans="14:14">
      <c r="N679211" s="10"/>
    </row>
    <row r="679212" spans="14:14">
      <c r="N679212" s="10"/>
    </row>
    <row r="679213" spans="14:14">
      <c r="N679213" s="10"/>
    </row>
    <row r="679214" spans="14:14">
      <c r="N679214" s="10"/>
    </row>
    <row r="679215" spans="14:14">
      <c r="N679215" s="10"/>
    </row>
    <row r="679216" spans="14:14">
      <c r="N679216" s="10"/>
    </row>
    <row r="679217" spans="14:14">
      <c r="N679217" s="10"/>
    </row>
    <row r="679218" spans="14:14">
      <c r="N679218" s="10"/>
    </row>
    <row r="679219" spans="14:14">
      <c r="N679219" s="10"/>
    </row>
    <row r="679220" spans="14:14">
      <c r="N679220" s="10"/>
    </row>
    <row r="679221" spans="14:14">
      <c r="N679221" s="10"/>
    </row>
    <row r="679222" spans="14:14">
      <c r="N679222" s="10"/>
    </row>
    <row r="679223" spans="14:14">
      <c r="N679223" s="10"/>
    </row>
    <row r="679224" spans="14:14">
      <c r="N679224" s="10"/>
    </row>
    <row r="679225" spans="14:14">
      <c r="N679225" s="10"/>
    </row>
    <row r="679226" spans="14:14">
      <c r="N679226" s="10"/>
    </row>
    <row r="679227" spans="14:14">
      <c r="N679227" s="10"/>
    </row>
    <row r="679228" spans="14:14">
      <c r="N679228" s="10"/>
    </row>
    <row r="679229" spans="14:14">
      <c r="N679229" s="10"/>
    </row>
    <row r="679230" spans="14:14">
      <c r="N679230" s="10"/>
    </row>
    <row r="679231" spans="14:14">
      <c r="N679231" s="10"/>
    </row>
    <row r="679232" spans="14:14">
      <c r="N679232" s="10"/>
    </row>
    <row r="679233" spans="14:14">
      <c r="N679233" s="10"/>
    </row>
    <row r="679234" spans="14:14">
      <c r="N679234" s="10"/>
    </row>
    <row r="679235" spans="14:14">
      <c r="N679235" s="10"/>
    </row>
    <row r="679236" spans="14:14">
      <c r="N679236" s="10"/>
    </row>
    <row r="679237" spans="14:14">
      <c r="N679237" s="10"/>
    </row>
    <row r="679238" spans="14:14">
      <c r="N679238" s="10"/>
    </row>
    <row r="679239" spans="14:14">
      <c r="N679239" s="10"/>
    </row>
    <row r="679240" spans="14:14">
      <c r="N679240" s="10"/>
    </row>
    <row r="679241" spans="14:14">
      <c r="N679241" s="10"/>
    </row>
    <row r="679242" spans="14:14">
      <c r="N679242" s="10"/>
    </row>
    <row r="679243" spans="14:14">
      <c r="N679243" s="10"/>
    </row>
    <row r="679244" spans="14:14">
      <c r="N679244" s="10"/>
    </row>
    <row r="679245" spans="14:14">
      <c r="N679245" s="10"/>
    </row>
    <row r="679246" spans="14:14">
      <c r="N679246" s="10"/>
    </row>
    <row r="679247" spans="14:14">
      <c r="N679247" s="10"/>
    </row>
    <row r="679248" spans="14:14">
      <c r="N679248" s="10"/>
    </row>
    <row r="679249" spans="14:14">
      <c r="N679249" s="10"/>
    </row>
    <row r="679250" spans="14:14">
      <c r="N679250" s="10"/>
    </row>
    <row r="679251" spans="14:14">
      <c r="N679251" s="10"/>
    </row>
    <row r="679252" spans="14:14">
      <c r="N679252" s="10"/>
    </row>
    <row r="679253" spans="14:14">
      <c r="N679253" s="10"/>
    </row>
    <row r="679254" spans="14:14">
      <c r="N679254" s="10"/>
    </row>
    <row r="679255" spans="14:14">
      <c r="N679255" s="10"/>
    </row>
    <row r="679256" spans="14:14">
      <c r="N679256" s="10"/>
    </row>
    <row r="679257" spans="14:14">
      <c r="N679257" s="10"/>
    </row>
    <row r="679258" spans="14:14">
      <c r="N679258" s="10"/>
    </row>
    <row r="679259" spans="14:14">
      <c r="N679259" s="10"/>
    </row>
    <row r="679260" spans="14:14">
      <c r="N679260" s="10"/>
    </row>
    <row r="679261" spans="14:14">
      <c r="N679261" s="10"/>
    </row>
    <row r="679262" spans="14:14">
      <c r="N679262" s="10"/>
    </row>
    <row r="679263" spans="14:14">
      <c r="N679263" s="10"/>
    </row>
    <row r="679264" spans="14:14">
      <c r="N679264" s="10"/>
    </row>
    <row r="679265" spans="14:14">
      <c r="N679265" s="10"/>
    </row>
    <row r="679266" spans="14:14">
      <c r="N679266" s="10"/>
    </row>
    <row r="679267" spans="14:14">
      <c r="N679267" s="10"/>
    </row>
    <row r="679268" spans="14:14">
      <c r="N679268" s="10"/>
    </row>
    <row r="679269" spans="14:14">
      <c r="N679269" s="10"/>
    </row>
    <row r="679270" spans="14:14">
      <c r="N679270" s="10"/>
    </row>
    <row r="679271" spans="14:14">
      <c r="N679271" s="10"/>
    </row>
    <row r="679272" spans="14:14">
      <c r="N679272" s="10"/>
    </row>
    <row r="679273" spans="14:14">
      <c r="N679273" s="10"/>
    </row>
    <row r="679274" spans="14:14">
      <c r="N679274" s="10"/>
    </row>
    <row r="679275" spans="14:14">
      <c r="N679275" s="10"/>
    </row>
    <row r="679276" spans="14:14">
      <c r="N679276" s="10"/>
    </row>
    <row r="679277" spans="14:14">
      <c r="N679277" s="10"/>
    </row>
    <row r="679278" spans="14:14">
      <c r="N679278" s="10"/>
    </row>
    <row r="679279" spans="14:14">
      <c r="N679279" s="10"/>
    </row>
    <row r="679280" spans="14:14">
      <c r="N679280" s="10"/>
    </row>
    <row r="679281" spans="14:14">
      <c r="N679281" s="10"/>
    </row>
    <row r="679282" spans="14:14">
      <c r="N679282" s="10"/>
    </row>
    <row r="679283" spans="14:14">
      <c r="N679283" s="10"/>
    </row>
    <row r="679284" spans="14:14">
      <c r="N679284" s="10"/>
    </row>
    <row r="679285" spans="14:14">
      <c r="N679285" s="10"/>
    </row>
    <row r="679286" spans="14:14">
      <c r="N679286" s="10"/>
    </row>
    <row r="679287" spans="14:14">
      <c r="N679287" s="10"/>
    </row>
    <row r="679288" spans="14:14">
      <c r="N679288" s="10"/>
    </row>
    <row r="679289" spans="14:14">
      <c r="N679289" s="10"/>
    </row>
    <row r="679290" spans="14:14">
      <c r="N679290" s="10"/>
    </row>
    <row r="679291" spans="14:14">
      <c r="N679291" s="10"/>
    </row>
    <row r="679292" spans="14:14">
      <c r="N679292" s="10"/>
    </row>
    <row r="679293" spans="14:14">
      <c r="N679293" s="10"/>
    </row>
    <row r="679294" spans="14:14">
      <c r="N679294" s="10"/>
    </row>
    <row r="679295" spans="14:14">
      <c r="N679295" s="10"/>
    </row>
    <row r="679296" spans="14:14">
      <c r="N679296" s="10"/>
    </row>
    <row r="679297" spans="14:14">
      <c r="N679297" s="10"/>
    </row>
    <row r="679298" spans="14:14">
      <c r="N679298" s="10"/>
    </row>
    <row r="679299" spans="14:14">
      <c r="N679299" s="10"/>
    </row>
    <row r="679300" spans="14:14">
      <c r="N679300" s="10"/>
    </row>
    <row r="679301" spans="14:14">
      <c r="N679301" s="10"/>
    </row>
    <row r="679302" spans="14:14">
      <c r="N679302" s="10"/>
    </row>
    <row r="679303" spans="14:14">
      <c r="N679303" s="10"/>
    </row>
    <row r="679304" spans="14:14">
      <c r="N679304" s="10"/>
    </row>
    <row r="679305" spans="14:14">
      <c r="N679305" s="10"/>
    </row>
    <row r="679306" spans="14:14">
      <c r="N679306" s="10"/>
    </row>
    <row r="679307" spans="14:14">
      <c r="N679307" s="10"/>
    </row>
    <row r="679308" spans="14:14">
      <c r="N679308" s="10"/>
    </row>
    <row r="679309" spans="14:14">
      <c r="N679309" s="10"/>
    </row>
    <row r="679310" spans="14:14">
      <c r="N679310" s="10"/>
    </row>
    <row r="679311" spans="14:14">
      <c r="N679311" s="10"/>
    </row>
    <row r="679312" spans="14:14">
      <c r="N679312" s="10"/>
    </row>
    <row r="679313" spans="14:14">
      <c r="N679313" s="10"/>
    </row>
    <row r="679314" spans="14:14">
      <c r="N679314" s="10"/>
    </row>
    <row r="679315" spans="14:14">
      <c r="N679315" s="10"/>
    </row>
    <row r="679316" spans="14:14">
      <c r="N679316" s="10"/>
    </row>
    <row r="679317" spans="14:14">
      <c r="N679317" s="10"/>
    </row>
    <row r="679318" spans="14:14">
      <c r="N679318" s="10"/>
    </row>
    <row r="679319" spans="14:14">
      <c r="N679319" s="10"/>
    </row>
    <row r="679320" spans="14:14">
      <c r="N679320" s="10"/>
    </row>
    <row r="679321" spans="14:14">
      <c r="N679321" s="10"/>
    </row>
    <row r="679322" spans="14:14">
      <c r="N679322" s="10"/>
    </row>
    <row r="679323" spans="14:14">
      <c r="N679323" s="10"/>
    </row>
    <row r="679324" spans="14:14">
      <c r="N679324" s="10"/>
    </row>
    <row r="679325" spans="14:14">
      <c r="N679325" s="10"/>
    </row>
    <row r="679326" spans="14:14">
      <c r="N679326" s="10"/>
    </row>
    <row r="679327" spans="14:14">
      <c r="N679327" s="10"/>
    </row>
    <row r="679328" spans="14:14">
      <c r="N679328" s="10"/>
    </row>
    <row r="679329" spans="14:14">
      <c r="N679329" s="10"/>
    </row>
    <row r="679330" spans="14:14">
      <c r="N679330" s="10"/>
    </row>
    <row r="679331" spans="14:14">
      <c r="N679331" s="10"/>
    </row>
    <row r="679332" spans="14:14">
      <c r="N679332" s="10"/>
    </row>
    <row r="679333" spans="14:14">
      <c r="N679333" s="10"/>
    </row>
    <row r="679334" spans="14:14">
      <c r="N679334" s="10"/>
    </row>
    <row r="679335" spans="14:14">
      <c r="N679335" s="10"/>
    </row>
    <row r="679336" spans="14:14">
      <c r="N679336" s="10"/>
    </row>
    <row r="679337" spans="14:14">
      <c r="N679337" s="10"/>
    </row>
    <row r="679338" spans="14:14">
      <c r="N679338" s="10"/>
    </row>
    <row r="679339" spans="14:14">
      <c r="N679339" s="10"/>
    </row>
    <row r="679340" spans="14:14">
      <c r="N679340" s="10"/>
    </row>
    <row r="679341" spans="14:14">
      <c r="N679341" s="10"/>
    </row>
    <row r="679342" spans="14:14">
      <c r="N679342" s="10"/>
    </row>
    <row r="679343" spans="14:14">
      <c r="N679343" s="10"/>
    </row>
    <row r="679344" spans="14:14">
      <c r="N679344" s="10"/>
    </row>
    <row r="679345" spans="14:14">
      <c r="N679345" s="10"/>
    </row>
    <row r="679346" spans="14:14">
      <c r="N679346" s="10"/>
    </row>
    <row r="679347" spans="14:14">
      <c r="N679347" s="10"/>
    </row>
    <row r="679348" spans="14:14">
      <c r="N679348" s="10"/>
    </row>
    <row r="679349" spans="14:14">
      <c r="N679349" s="10"/>
    </row>
    <row r="679350" spans="14:14">
      <c r="N679350" s="10"/>
    </row>
    <row r="679351" spans="14:14">
      <c r="N679351" s="10"/>
    </row>
    <row r="679352" spans="14:14">
      <c r="N679352" s="10"/>
    </row>
    <row r="679353" spans="14:14">
      <c r="N679353" s="10"/>
    </row>
    <row r="679354" spans="14:14">
      <c r="N679354" s="10"/>
    </row>
    <row r="679355" spans="14:14">
      <c r="N679355" s="10"/>
    </row>
    <row r="679356" spans="14:14">
      <c r="N679356" s="10"/>
    </row>
    <row r="679357" spans="14:14">
      <c r="N679357" s="10"/>
    </row>
    <row r="679358" spans="14:14">
      <c r="N679358" s="10"/>
    </row>
    <row r="679359" spans="14:14">
      <c r="N679359" s="10"/>
    </row>
    <row r="679360" spans="14:14">
      <c r="N679360" s="10"/>
    </row>
    <row r="679361" spans="14:14">
      <c r="N679361" s="10"/>
    </row>
    <row r="679362" spans="14:14">
      <c r="N679362" s="10"/>
    </row>
    <row r="679363" spans="14:14">
      <c r="N679363" s="10"/>
    </row>
    <row r="679364" spans="14:14">
      <c r="N679364" s="10"/>
    </row>
    <row r="679365" spans="14:14">
      <c r="N679365" s="10"/>
    </row>
    <row r="679366" spans="14:14">
      <c r="N679366" s="10"/>
    </row>
    <row r="679367" spans="14:14">
      <c r="N679367" s="10"/>
    </row>
    <row r="679368" spans="14:14">
      <c r="N679368" s="10"/>
    </row>
    <row r="679369" spans="14:14">
      <c r="N679369" s="10"/>
    </row>
    <row r="679370" spans="14:14">
      <c r="N679370" s="10"/>
    </row>
    <row r="679371" spans="14:14">
      <c r="N679371" s="10"/>
    </row>
    <row r="679372" spans="14:14">
      <c r="N679372" s="10"/>
    </row>
    <row r="679373" spans="14:14">
      <c r="N679373" s="10"/>
    </row>
    <row r="679374" spans="14:14">
      <c r="N679374" s="10"/>
    </row>
    <row r="679375" spans="14:14">
      <c r="N679375" s="10"/>
    </row>
    <row r="679376" spans="14:14">
      <c r="N679376" s="10"/>
    </row>
    <row r="679377" spans="14:14">
      <c r="N679377" s="10"/>
    </row>
    <row r="679378" spans="14:14">
      <c r="N679378" s="10"/>
    </row>
    <row r="679379" spans="14:14">
      <c r="N679379" s="10"/>
    </row>
    <row r="679380" spans="14:14">
      <c r="N679380" s="10"/>
    </row>
    <row r="679381" spans="14:14">
      <c r="N679381" s="10"/>
    </row>
    <row r="679382" spans="14:14">
      <c r="N679382" s="10"/>
    </row>
    <row r="679383" spans="14:14">
      <c r="N679383" s="10"/>
    </row>
    <row r="679384" spans="14:14">
      <c r="N679384" s="10"/>
    </row>
    <row r="679385" spans="14:14">
      <c r="N679385" s="10"/>
    </row>
    <row r="679386" spans="14:14">
      <c r="N679386" s="10"/>
    </row>
    <row r="679387" spans="14:14">
      <c r="N679387" s="10"/>
    </row>
    <row r="679388" spans="14:14">
      <c r="N679388" s="10"/>
    </row>
    <row r="679389" spans="14:14">
      <c r="N679389" s="10"/>
    </row>
    <row r="679390" spans="14:14">
      <c r="N679390" s="10"/>
    </row>
    <row r="679391" spans="14:14">
      <c r="N679391" s="10"/>
    </row>
    <row r="679392" spans="14:14">
      <c r="N679392" s="10"/>
    </row>
    <row r="679393" spans="14:14">
      <c r="N679393" s="10"/>
    </row>
    <row r="679394" spans="14:14">
      <c r="N679394" s="10"/>
    </row>
    <row r="679395" spans="14:14">
      <c r="N679395" s="10"/>
    </row>
    <row r="679396" spans="14:14">
      <c r="N679396" s="10"/>
    </row>
    <row r="679397" spans="14:14">
      <c r="N679397" s="10"/>
    </row>
    <row r="679398" spans="14:14">
      <c r="N679398" s="10"/>
    </row>
    <row r="679399" spans="14:14">
      <c r="N679399" s="10"/>
    </row>
    <row r="679400" spans="14:14">
      <c r="N679400" s="10"/>
    </row>
    <row r="679401" spans="14:14">
      <c r="N679401" s="10"/>
    </row>
    <row r="679402" spans="14:14">
      <c r="N679402" s="10"/>
    </row>
    <row r="679403" spans="14:14">
      <c r="N679403" s="10"/>
    </row>
    <row r="679404" spans="14:14">
      <c r="N679404" s="10"/>
    </row>
    <row r="679405" spans="14:14">
      <c r="N679405" s="10"/>
    </row>
    <row r="679406" spans="14:14">
      <c r="N679406" s="10"/>
    </row>
    <row r="679407" spans="14:14">
      <c r="N679407" s="10"/>
    </row>
    <row r="679408" spans="14:14">
      <c r="N679408" s="10"/>
    </row>
    <row r="679409" spans="14:14">
      <c r="N679409" s="10"/>
    </row>
    <row r="679410" spans="14:14">
      <c r="N679410" s="10"/>
    </row>
    <row r="679411" spans="14:14">
      <c r="N679411" s="10"/>
    </row>
    <row r="679412" spans="14:14">
      <c r="N679412" s="10"/>
    </row>
    <row r="679413" spans="14:14">
      <c r="N679413" s="10"/>
    </row>
    <row r="679414" spans="14:14">
      <c r="N679414" s="10"/>
    </row>
    <row r="679415" spans="14:14">
      <c r="N679415" s="10"/>
    </row>
    <row r="679416" spans="14:14">
      <c r="N679416" s="10"/>
    </row>
    <row r="679417" spans="14:14">
      <c r="N679417" s="10"/>
    </row>
    <row r="679418" spans="14:14">
      <c r="N679418" s="10"/>
    </row>
    <row r="679419" spans="14:14">
      <c r="N679419" s="10"/>
    </row>
    <row r="679420" spans="14:14">
      <c r="N679420" s="10"/>
    </row>
    <row r="679421" spans="14:14">
      <c r="N679421" s="10"/>
    </row>
    <row r="679422" spans="14:14">
      <c r="N679422" s="10"/>
    </row>
    <row r="679423" spans="14:14">
      <c r="N679423" s="10"/>
    </row>
    <row r="679424" spans="14:14">
      <c r="N679424" s="10"/>
    </row>
    <row r="679425" spans="14:14">
      <c r="N679425" s="10"/>
    </row>
    <row r="679426" spans="14:14">
      <c r="N679426" s="10"/>
    </row>
    <row r="679427" spans="14:14">
      <c r="N679427" s="10"/>
    </row>
    <row r="679428" spans="14:14">
      <c r="N679428" s="10"/>
    </row>
    <row r="679429" spans="14:14">
      <c r="N679429" s="10"/>
    </row>
    <row r="679430" spans="14:14">
      <c r="N679430" s="10"/>
    </row>
    <row r="679431" spans="14:14">
      <c r="N679431" s="10"/>
    </row>
    <row r="679432" spans="14:14">
      <c r="N679432" s="10"/>
    </row>
    <row r="679433" spans="14:14">
      <c r="N679433" s="10"/>
    </row>
    <row r="679434" spans="14:14">
      <c r="N679434" s="10"/>
    </row>
    <row r="679435" spans="14:14">
      <c r="N679435" s="10"/>
    </row>
    <row r="679436" spans="14:14">
      <c r="N679436" s="10"/>
    </row>
    <row r="679437" spans="14:14">
      <c r="N679437" s="10"/>
    </row>
    <row r="679438" spans="14:14">
      <c r="N679438" s="10"/>
    </row>
    <row r="679439" spans="14:14">
      <c r="N679439" s="10"/>
    </row>
    <row r="679440" spans="14:14">
      <c r="N679440" s="10"/>
    </row>
    <row r="679441" spans="14:14">
      <c r="N679441" s="10"/>
    </row>
    <row r="679442" spans="14:14">
      <c r="N679442" s="10"/>
    </row>
    <row r="679443" spans="14:14">
      <c r="N679443" s="10"/>
    </row>
    <row r="679444" spans="14:14">
      <c r="N679444" s="10"/>
    </row>
    <row r="679445" spans="14:14">
      <c r="N679445" s="10"/>
    </row>
    <row r="679446" spans="14:14">
      <c r="N679446" s="10"/>
    </row>
    <row r="679447" spans="14:14">
      <c r="N679447" s="10"/>
    </row>
    <row r="679448" spans="14:14">
      <c r="N679448" s="10"/>
    </row>
    <row r="679449" spans="14:14">
      <c r="N679449" s="10"/>
    </row>
    <row r="679450" spans="14:14">
      <c r="N679450" s="10"/>
    </row>
    <row r="679451" spans="14:14">
      <c r="N679451" s="10"/>
    </row>
    <row r="679452" spans="14:14">
      <c r="N679452" s="10"/>
    </row>
    <row r="679453" spans="14:14">
      <c r="N679453" s="10"/>
    </row>
    <row r="679454" spans="14:14">
      <c r="N679454" s="10"/>
    </row>
    <row r="679455" spans="14:14">
      <c r="N679455" s="10"/>
    </row>
    <row r="679456" spans="14:14">
      <c r="N679456" s="10"/>
    </row>
    <row r="679457" spans="14:14">
      <c r="N679457" s="10"/>
    </row>
    <row r="679458" spans="14:14">
      <c r="N679458" s="10"/>
    </row>
    <row r="679459" spans="14:14">
      <c r="N679459" s="10"/>
    </row>
    <row r="679460" spans="14:14">
      <c r="N679460" s="10"/>
    </row>
    <row r="679461" spans="14:14">
      <c r="N679461" s="10"/>
    </row>
    <row r="679462" spans="14:14">
      <c r="N679462" s="10"/>
    </row>
    <row r="679463" spans="14:14">
      <c r="N679463" s="10"/>
    </row>
    <row r="679464" spans="14:14">
      <c r="N679464" s="10"/>
    </row>
    <row r="679465" spans="14:14">
      <c r="N679465" s="10"/>
    </row>
    <row r="679466" spans="14:14">
      <c r="N679466" s="10"/>
    </row>
    <row r="679467" spans="14:14">
      <c r="N679467" s="10"/>
    </row>
    <row r="679468" spans="14:14">
      <c r="N679468" s="10"/>
    </row>
    <row r="679469" spans="14:14">
      <c r="N679469" s="10"/>
    </row>
    <row r="679470" spans="14:14">
      <c r="N679470" s="10"/>
    </row>
    <row r="679471" spans="14:14">
      <c r="N679471" s="10"/>
    </row>
    <row r="679472" spans="14:14">
      <c r="N679472" s="10"/>
    </row>
    <row r="679473" spans="14:14">
      <c r="N679473" s="10"/>
    </row>
    <row r="679474" spans="14:14">
      <c r="N679474" s="10"/>
    </row>
    <row r="679475" spans="14:14">
      <c r="N679475" s="10"/>
    </row>
    <row r="679476" spans="14:14">
      <c r="N679476" s="10"/>
    </row>
    <row r="679477" spans="14:14">
      <c r="N679477" s="10"/>
    </row>
    <row r="679478" spans="14:14">
      <c r="N679478" s="10"/>
    </row>
    <row r="679479" spans="14:14">
      <c r="N679479" s="10"/>
    </row>
    <row r="679480" spans="14:14">
      <c r="N679480" s="10"/>
    </row>
    <row r="679481" spans="14:14">
      <c r="N679481" s="10"/>
    </row>
    <row r="679482" spans="14:14">
      <c r="N679482" s="10"/>
    </row>
    <row r="679483" spans="14:14">
      <c r="N679483" s="10"/>
    </row>
    <row r="679484" spans="14:14">
      <c r="N679484" s="10"/>
    </row>
    <row r="679485" spans="14:14">
      <c r="N679485" s="10"/>
    </row>
    <row r="679486" spans="14:14">
      <c r="N679486" s="10"/>
    </row>
    <row r="679487" spans="14:14">
      <c r="N679487" s="10"/>
    </row>
    <row r="679488" spans="14:14">
      <c r="N679488" s="10"/>
    </row>
    <row r="679489" spans="14:14">
      <c r="N679489" s="10"/>
    </row>
    <row r="679490" spans="14:14">
      <c r="N679490" s="10"/>
    </row>
    <row r="679491" spans="14:14">
      <c r="N679491" s="10"/>
    </row>
    <row r="679492" spans="14:14">
      <c r="N679492" s="10"/>
    </row>
    <row r="679493" spans="14:14">
      <c r="N679493" s="10"/>
    </row>
    <row r="679494" spans="14:14">
      <c r="N679494" s="10"/>
    </row>
    <row r="679495" spans="14:14">
      <c r="N679495" s="10"/>
    </row>
    <row r="679496" spans="14:14">
      <c r="N679496" s="10"/>
    </row>
    <row r="679497" spans="14:14">
      <c r="N679497" s="10"/>
    </row>
    <row r="679498" spans="14:14">
      <c r="N679498" s="10"/>
    </row>
    <row r="679499" spans="14:14">
      <c r="N679499" s="10"/>
    </row>
    <row r="679500" spans="14:14">
      <c r="N679500" s="10"/>
    </row>
    <row r="679501" spans="14:14">
      <c r="N679501" s="10"/>
    </row>
    <row r="679502" spans="14:14">
      <c r="N679502" s="10"/>
    </row>
    <row r="679503" spans="14:14">
      <c r="N679503" s="10"/>
    </row>
    <row r="679504" spans="14:14">
      <c r="N679504" s="10"/>
    </row>
    <row r="679505" spans="14:14">
      <c r="N679505" s="10"/>
    </row>
    <row r="679506" spans="14:14">
      <c r="N679506" s="10"/>
    </row>
    <row r="679507" spans="14:14">
      <c r="N679507" s="10"/>
    </row>
    <row r="679508" spans="14:14">
      <c r="N679508" s="10"/>
    </row>
    <row r="679509" spans="14:14">
      <c r="N679509" s="10"/>
    </row>
    <row r="679510" spans="14:14">
      <c r="N679510" s="10"/>
    </row>
    <row r="679511" spans="14:14">
      <c r="N679511" s="10"/>
    </row>
    <row r="679512" spans="14:14">
      <c r="N679512" s="10"/>
    </row>
    <row r="679513" spans="14:14">
      <c r="N679513" s="10"/>
    </row>
    <row r="679514" spans="14:14">
      <c r="N679514" s="10"/>
    </row>
    <row r="679515" spans="14:14">
      <c r="N679515" s="10"/>
    </row>
    <row r="679516" spans="14:14">
      <c r="N679516" s="10"/>
    </row>
    <row r="679517" spans="14:14">
      <c r="N679517" s="10"/>
    </row>
    <row r="679518" spans="14:14">
      <c r="N679518" s="10"/>
    </row>
    <row r="679519" spans="14:14">
      <c r="N679519" s="10"/>
    </row>
    <row r="679520" spans="14:14">
      <c r="N679520" s="10"/>
    </row>
    <row r="679521" spans="14:14">
      <c r="N679521" s="10"/>
    </row>
    <row r="679522" spans="14:14">
      <c r="N679522" s="10"/>
    </row>
    <row r="679523" spans="14:14">
      <c r="N679523" s="10"/>
    </row>
    <row r="679524" spans="14:14">
      <c r="N679524" s="10"/>
    </row>
    <row r="679525" spans="14:14">
      <c r="N679525" s="10"/>
    </row>
    <row r="679526" spans="14:14">
      <c r="N679526" s="10"/>
    </row>
    <row r="679527" spans="14:14">
      <c r="N679527" s="10"/>
    </row>
    <row r="679528" spans="14:14">
      <c r="N679528" s="10"/>
    </row>
    <row r="679529" spans="14:14">
      <c r="N679529" s="10"/>
    </row>
    <row r="679530" spans="14:14">
      <c r="N679530" s="10"/>
    </row>
    <row r="679531" spans="14:14">
      <c r="N679531" s="10"/>
    </row>
    <row r="679532" spans="14:14">
      <c r="N679532" s="10"/>
    </row>
    <row r="679533" spans="14:14">
      <c r="N679533" s="10"/>
    </row>
    <row r="679534" spans="14:14">
      <c r="N679534" s="10"/>
    </row>
    <row r="679535" spans="14:14">
      <c r="N679535" s="10"/>
    </row>
    <row r="679536" spans="14:14">
      <c r="N679536" s="10"/>
    </row>
    <row r="679537" spans="14:14">
      <c r="N679537" s="10"/>
    </row>
    <row r="679538" spans="14:14">
      <c r="N679538" s="10"/>
    </row>
    <row r="679539" spans="14:14">
      <c r="N679539" s="10"/>
    </row>
    <row r="679540" spans="14:14">
      <c r="N679540" s="10"/>
    </row>
    <row r="679541" spans="14:14">
      <c r="N679541" s="10"/>
    </row>
    <row r="679542" spans="14:14">
      <c r="N679542" s="10"/>
    </row>
    <row r="679543" spans="14:14">
      <c r="N679543" s="10"/>
    </row>
    <row r="679544" spans="14:14">
      <c r="N679544" s="10"/>
    </row>
    <row r="679545" spans="14:14">
      <c r="N679545" s="10"/>
    </row>
    <row r="679546" spans="14:14">
      <c r="N679546" s="10"/>
    </row>
    <row r="679547" spans="14:14">
      <c r="N679547" s="10"/>
    </row>
    <row r="679548" spans="14:14">
      <c r="N679548" s="10"/>
    </row>
    <row r="679549" spans="14:14">
      <c r="N679549" s="10"/>
    </row>
    <row r="679550" spans="14:14">
      <c r="N679550" s="10"/>
    </row>
    <row r="679551" spans="14:14">
      <c r="N679551" s="10"/>
    </row>
    <row r="679552" spans="14:14">
      <c r="N679552" s="10"/>
    </row>
    <row r="679553" spans="14:14">
      <c r="N679553" s="10"/>
    </row>
    <row r="679554" spans="14:14">
      <c r="N679554" s="10"/>
    </row>
    <row r="679555" spans="14:14">
      <c r="N679555" s="10"/>
    </row>
    <row r="679556" spans="14:14">
      <c r="N679556" s="10"/>
    </row>
    <row r="679557" spans="14:14">
      <c r="N679557" s="10"/>
    </row>
    <row r="679558" spans="14:14">
      <c r="N679558" s="10"/>
    </row>
    <row r="679559" spans="14:14">
      <c r="N679559" s="10"/>
    </row>
    <row r="679560" spans="14:14">
      <c r="N679560" s="10"/>
    </row>
    <row r="679561" spans="14:14">
      <c r="N679561" s="10"/>
    </row>
    <row r="679562" spans="14:14">
      <c r="N679562" s="10"/>
    </row>
    <row r="679563" spans="14:14">
      <c r="N679563" s="10"/>
    </row>
    <row r="679564" spans="14:14">
      <c r="N679564" s="10"/>
    </row>
    <row r="679565" spans="14:14">
      <c r="N679565" s="10"/>
    </row>
    <row r="679566" spans="14:14">
      <c r="N679566" s="10"/>
    </row>
    <row r="679567" spans="14:14">
      <c r="N679567" s="10"/>
    </row>
    <row r="679568" spans="14:14">
      <c r="N679568" s="10"/>
    </row>
    <row r="679569" spans="14:14">
      <c r="N679569" s="10"/>
    </row>
    <row r="679570" spans="14:14">
      <c r="N679570" s="10"/>
    </row>
    <row r="679571" spans="14:14">
      <c r="N679571" s="10"/>
    </row>
    <row r="679572" spans="14:14">
      <c r="N679572" s="10"/>
    </row>
    <row r="679573" spans="14:14">
      <c r="N679573" s="10"/>
    </row>
    <row r="679574" spans="14:14">
      <c r="N679574" s="10"/>
    </row>
    <row r="679575" spans="14:14">
      <c r="N679575" s="10"/>
    </row>
    <row r="679576" spans="14:14">
      <c r="N679576" s="10"/>
    </row>
    <row r="679577" spans="14:14">
      <c r="N679577" s="10"/>
    </row>
    <row r="679578" spans="14:14">
      <c r="N679578" s="10"/>
    </row>
    <row r="679579" spans="14:14">
      <c r="N679579" s="10"/>
    </row>
    <row r="679580" spans="14:14">
      <c r="N679580" s="10"/>
    </row>
    <row r="679581" spans="14:14">
      <c r="N679581" s="10"/>
    </row>
    <row r="679582" spans="14:14">
      <c r="N679582" s="10"/>
    </row>
    <row r="679583" spans="14:14">
      <c r="N679583" s="10"/>
    </row>
    <row r="679584" spans="14:14">
      <c r="N679584" s="10"/>
    </row>
    <row r="679585" spans="14:14">
      <c r="N679585" s="10"/>
    </row>
    <row r="679586" spans="14:14">
      <c r="N679586" s="10"/>
    </row>
    <row r="679587" spans="14:14">
      <c r="N679587" s="10"/>
    </row>
    <row r="679588" spans="14:14">
      <c r="N679588" s="10"/>
    </row>
    <row r="679589" spans="14:14">
      <c r="N679589" s="10"/>
    </row>
    <row r="679590" spans="14:14">
      <c r="N679590" s="10"/>
    </row>
    <row r="679591" spans="14:14">
      <c r="N679591" s="10"/>
    </row>
    <row r="679592" spans="14:14">
      <c r="N679592" s="10"/>
    </row>
    <row r="679593" spans="14:14">
      <c r="N679593" s="10"/>
    </row>
    <row r="679594" spans="14:14">
      <c r="N679594" s="10"/>
    </row>
    <row r="679595" spans="14:14">
      <c r="N679595" s="10"/>
    </row>
    <row r="679596" spans="14:14">
      <c r="N679596" s="10"/>
    </row>
    <row r="679597" spans="14:14">
      <c r="N679597" s="10"/>
    </row>
    <row r="679598" spans="14:14">
      <c r="N679598" s="10"/>
    </row>
    <row r="679599" spans="14:14">
      <c r="N679599" s="10"/>
    </row>
    <row r="679600" spans="14:14">
      <c r="N679600" s="10"/>
    </row>
    <row r="679601" spans="14:14">
      <c r="N679601" s="10"/>
    </row>
    <row r="679602" spans="14:14">
      <c r="N679602" s="10"/>
    </row>
    <row r="679603" spans="14:14">
      <c r="N679603" s="10"/>
    </row>
    <row r="679604" spans="14:14">
      <c r="N679604" s="10"/>
    </row>
    <row r="679605" spans="14:14">
      <c r="N679605" s="10"/>
    </row>
    <row r="679606" spans="14:14">
      <c r="N679606" s="10"/>
    </row>
    <row r="679607" spans="14:14">
      <c r="N679607" s="10"/>
    </row>
    <row r="679608" spans="14:14">
      <c r="N679608" s="10"/>
    </row>
    <row r="679609" spans="14:14">
      <c r="N679609" s="10"/>
    </row>
    <row r="679610" spans="14:14">
      <c r="N679610" s="10"/>
    </row>
    <row r="679611" spans="14:14">
      <c r="N679611" s="10"/>
    </row>
    <row r="679612" spans="14:14">
      <c r="N679612" s="10"/>
    </row>
    <row r="679613" spans="14:14">
      <c r="N679613" s="10"/>
    </row>
    <row r="679614" spans="14:14">
      <c r="N679614" s="10"/>
    </row>
    <row r="679615" spans="14:14">
      <c r="N679615" s="10"/>
    </row>
    <row r="679616" spans="14:14">
      <c r="N679616" s="10"/>
    </row>
    <row r="679617" spans="14:14">
      <c r="N679617" s="10"/>
    </row>
    <row r="679618" spans="14:14">
      <c r="N679618" s="10"/>
    </row>
    <row r="679619" spans="14:14">
      <c r="N679619" s="10"/>
    </row>
    <row r="679620" spans="14:14">
      <c r="N679620" s="10"/>
    </row>
    <row r="679621" spans="14:14">
      <c r="N679621" s="10"/>
    </row>
    <row r="679622" spans="14:14">
      <c r="N679622" s="10"/>
    </row>
    <row r="679623" spans="14:14">
      <c r="N679623" s="10"/>
    </row>
    <row r="679624" spans="14:14">
      <c r="N679624" s="10"/>
    </row>
    <row r="679625" spans="14:14">
      <c r="N679625" s="10"/>
    </row>
    <row r="679626" spans="14:14">
      <c r="N679626" s="10"/>
    </row>
    <row r="679627" spans="14:14">
      <c r="N679627" s="10"/>
    </row>
    <row r="679628" spans="14:14">
      <c r="N679628" s="10"/>
    </row>
    <row r="679629" spans="14:14">
      <c r="N679629" s="10"/>
    </row>
    <row r="679630" spans="14:14">
      <c r="N679630" s="10"/>
    </row>
    <row r="679631" spans="14:14">
      <c r="N679631" s="10"/>
    </row>
    <row r="679632" spans="14:14">
      <c r="N679632" s="10"/>
    </row>
    <row r="679633" spans="14:14">
      <c r="N679633" s="10"/>
    </row>
    <row r="679634" spans="14:14">
      <c r="N679634" s="10"/>
    </row>
    <row r="679635" spans="14:14">
      <c r="N679635" s="10"/>
    </row>
    <row r="679636" spans="14:14">
      <c r="N679636" s="10"/>
    </row>
    <row r="679637" spans="14:14">
      <c r="N679637" s="10"/>
    </row>
    <row r="679638" spans="14:14">
      <c r="N679638" s="10"/>
    </row>
    <row r="679639" spans="14:14">
      <c r="N679639" s="10"/>
    </row>
    <row r="679640" spans="14:14">
      <c r="N679640" s="10"/>
    </row>
    <row r="679641" spans="14:14">
      <c r="N679641" s="10"/>
    </row>
    <row r="679642" spans="14:14">
      <c r="N679642" s="10"/>
    </row>
    <row r="679643" spans="14:14">
      <c r="N679643" s="10"/>
    </row>
    <row r="679644" spans="14:14">
      <c r="N679644" s="10"/>
    </row>
    <row r="679645" spans="14:14">
      <c r="N679645" s="10"/>
    </row>
    <row r="679646" spans="14:14">
      <c r="N679646" s="10"/>
    </row>
    <row r="679647" spans="14:14">
      <c r="N679647" s="10"/>
    </row>
    <row r="679648" spans="14:14">
      <c r="N679648" s="10"/>
    </row>
    <row r="679649" spans="14:14">
      <c r="N679649" s="10"/>
    </row>
    <row r="679650" spans="14:14">
      <c r="N679650" s="10"/>
    </row>
    <row r="679651" spans="14:14">
      <c r="N679651" s="10"/>
    </row>
    <row r="679652" spans="14:14">
      <c r="N679652" s="10"/>
    </row>
    <row r="679653" spans="14:14">
      <c r="N679653" s="10"/>
    </row>
    <row r="679654" spans="14:14">
      <c r="N679654" s="10"/>
    </row>
    <row r="679655" spans="14:14">
      <c r="N679655" s="10"/>
    </row>
    <row r="679656" spans="14:14">
      <c r="N679656" s="10"/>
    </row>
    <row r="679657" spans="14:14">
      <c r="N679657" s="10"/>
    </row>
    <row r="679658" spans="14:14">
      <c r="N679658" s="10"/>
    </row>
    <row r="679659" spans="14:14">
      <c r="N679659" s="10"/>
    </row>
    <row r="679660" spans="14:14">
      <c r="N679660" s="10"/>
    </row>
    <row r="679661" spans="14:14">
      <c r="N679661" s="10"/>
    </row>
    <row r="679662" spans="14:14">
      <c r="N679662" s="10"/>
    </row>
    <row r="679663" spans="14:14">
      <c r="N679663" s="10"/>
    </row>
    <row r="679664" spans="14:14">
      <c r="N679664" s="10"/>
    </row>
    <row r="679665" spans="14:14">
      <c r="N679665" s="10"/>
    </row>
    <row r="679666" spans="14:14">
      <c r="N679666" s="10"/>
    </row>
    <row r="679667" spans="14:14">
      <c r="N679667" s="10"/>
    </row>
    <row r="679668" spans="14:14">
      <c r="N679668" s="10"/>
    </row>
    <row r="679669" spans="14:14">
      <c r="N679669" s="10"/>
    </row>
    <row r="679670" spans="14:14">
      <c r="N679670" s="10"/>
    </row>
    <row r="679671" spans="14:14">
      <c r="N679671" s="10"/>
    </row>
    <row r="679672" spans="14:14">
      <c r="N679672" s="10"/>
    </row>
    <row r="679673" spans="14:14">
      <c r="N679673" s="10"/>
    </row>
    <row r="679674" spans="14:14">
      <c r="N679674" s="10"/>
    </row>
    <row r="679675" spans="14:14">
      <c r="N679675" s="10"/>
    </row>
    <row r="679676" spans="14:14">
      <c r="N679676" s="10"/>
    </row>
    <row r="679677" spans="14:14">
      <c r="N679677" s="10"/>
    </row>
    <row r="679678" spans="14:14">
      <c r="N679678" s="10"/>
    </row>
    <row r="679679" spans="14:14">
      <c r="N679679" s="10"/>
    </row>
    <row r="679680" spans="14:14">
      <c r="N679680" s="10"/>
    </row>
    <row r="679681" spans="14:14">
      <c r="N679681" s="10"/>
    </row>
    <row r="679682" spans="14:14">
      <c r="N679682" s="10"/>
    </row>
    <row r="679683" spans="14:14">
      <c r="N679683" s="10"/>
    </row>
    <row r="679684" spans="14:14">
      <c r="N679684" s="10"/>
    </row>
    <row r="679685" spans="14:14">
      <c r="N679685" s="10"/>
    </row>
    <row r="679686" spans="14:14">
      <c r="N679686" s="10"/>
    </row>
    <row r="679687" spans="14:14">
      <c r="N679687" s="10"/>
    </row>
    <row r="679688" spans="14:14">
      <c r="N679688" s="10"/>
    </row>
    <row r="679689" spans="14:14">
      <c r="N679689" s="10"/>
    </row>
    <row r="679690" spans="14:14">
      <c r="N679690" s="10"/>
    </row>
    <row r="679691" spans="14:14">
      <c r="N679691" s="10"/>
    </row>
    <row r="679692" spans="14:14">
      <c r="N679692" s="10"/>
    </row>
    <row r="679693" spans="14:14">
      <c r="N679693" s="10"/>
    </row>
    <row r="679694" spans="14:14">
      <c r="N679694" s="10"/>
    </row>
    <row r="679695" spans="14:14">
      <c r="N679695" s="10"/>
    </row>
    <row r="679696" spans="14:14">
      <c r="N679696" s="10"/>
    </row>
    <row r="679697" spans="14:14">
      <c r="N679697" s="10"/>
    </row>
    <row r="679698" spans="14:14">
      <c r="N679698" s="10"/>
    </row>
    <row r="679699" spans="14:14">
      <c r="N679699" s="10"/>
    </row>
    <row r="679700" spans="14:14">
      <c r="N679700" s="10"/>
    </row>
    <row r="679701" spans="14:14">
      <c r="N679701" s="10"/>
    </row>
    <row r="679702" spans="14:14">
      <c r="N679702" s="10"/>
    </row>
    <row r="679703" spans="14:14">
      <c r="N679703" s="10"/>
    </row>
    <row r="679704" spans="14:14">
      <c r="N679704" s="10"/>
    </row>
    <row r="679705" spans="14:14">
      <c r="N679705" s="10"/>
    </row>
    <row r="679706" spans="14:14">
      <c r="N679706" s="10"/>
    </row>
    <row r="679707" spans="14:14">
      <c r="N679707" s="10"/>
    </row>
    <row r="679708" spans="14:14">
      <c r="N679708" s="10"/>
    </row>
    <row r="679709" spans="14:14">
      <c r="N679709" s="10"/>
    </row>
    <row r="679710" spans="14:14">
      <c r="N679710" s="10"/>
    </row>
    <row r="679711" spans="14:14">
      <c r="N679711" s="10"/>
    </row>
    <row r="679712" spans="14:14">
      <c r="N679712" s="10"/>
    </row>
    <row r="679713" spans="14:14">
      <c r="N679713" s="10"/>
    </row>
    <row r="679714" spans="14:14">
      <c r="N679714" s="10"/>
    </row>
    <row r="679715" spans="14:14">
      <c r="N679715" s="10"/>
    </row>
    <row r="679716" spans="14:14">
      <c r="N679716" s="10"/>
    </row>
    <row r="679717" spans="14:14">
      <c r="N679717" s="10"/>
    </row>
    <row r="679718" spans="14:14">
      <c r="N679718" s="10"/>
    </row>
    <row r="679719" spans="14:14">
      <c r="N679719" s="10"/>
    </row>
    <row r="679720" spans="14:14">
      <c r="N679720" s="10"/>
    </row>
    <row r="679721" spans="14:14">
      <c r="N679721" s="10"/>
    </row>
    <row r="679722" spans="14:14">
      <c r="N679722" s="10"/>
    </row>
    <row r="679723" spans="14:14">
      <c r="N679723" s="10"/>
    </row>
    <row r="679724" spans="14:14">
      <c r="N679724" s="10"/>
    </row>
    <row r="679725" spans="14:14">
      <c r="N679725" s="10"/>
    </row>
    <row r="679726" spans="14:14">
      <c r="N679726" s="10"/>
    </row>
    <row r="679727" spans="14:14">
      <c r="N679727" s="10"/>
    </row>
    <row r="679728" spans="14:14">
      <c r="N679728" s="10"/>
    </row>
    <row r="679729" spans="14:14">
      <c r="N679729" s="10"/>
    </row>
    <row r="679730" spans="14:14">
      <c r="N679730" s="10"/>
    </row>
    <row r="679731" spans="14:14">
      <c r="N679731" s="10"/>
    </row>
    <row r="679732" spans="14:14">
      <c r="N679732" s="10"/>
    </row>
    <row r="679733" spans="14:14">
      <c r="N679733" s="10"/>
    </row>
    <row r="679734" spans="14:14">
      <c r="N679734" s="10"/>
    </row>
    <row r="679735" spans="14:14">
      <c r="N679735" s="10"/>
    </row>
    <row r="679736" spans="14:14">
      <c r="N679736" s="10"/>
    </row>
    <row r="679737" spans="14:14">
      <c r="N679737" s="10"/>
    </row>
    <row r="679738" spans="14:14">
      <c r="N679738" s="10"/>
    </row>
    <row r="679739" spans="14:14">
      <c r="N679739" s="10"/>
    </row>
    <row r="679740" spans="14:14">
      <c r="N679740" s="10"/>
    </row>
    <row r="679741" spans="14:14">
      <c r="N679741" s="10"/>
    </row>
    <row r="679742" spans="14:14">
      <c r="N679742" s="10"/>
    </row>
    <row r="679743" spans="14:14">
      <c r="N679743" s="10"/>
    </row>
    <row r="679744" spans="14:14">
      <c r="N679744" s="10"/>
    </row>
    <row r="679745" spans="14:14">
      <c r="N679745" s="10"/>
    </row>
    <row r="679746" spans="14:14">
      <c r="N679746" s="10"/>
    </row>
    <row r="679747" spans="14:14">
      <c r="N679747" s="10"/>
    </row>
    <row r="679748" spans="14:14">
      <c r="N679748" s="10"/>
    </row>
    <row r="679749" spans="14:14">
      <c r="N679749" s="10"/>
    </row>
    <row r="679750" spans="14:14">
      <c r="N679750" s="10"/>
    </row>
    <row r="679751" spans="14:14">
      <c r="N679751" s="10"/>
    </row>
    <row r="679752" spans="14:14">
      <c r="N679752" s="10"/>
    </row>
    <row r="679753" spans="14:14">
      <c r="N679753" s="10"/>
    </row>
    <row r="679754" spans="14:14">
      <c r="N679754" s="10"/>
    </row>
    <row r="679755" spans="14:14">
      <c r="N679755" s="10"/>
    </row>
    <row r="679756" spans="14:14">
      <c r="N679756" s="10"/>
    </row>
    <row r="679757" spans="14:14">
      <c r="N679757" s="10"/>
    </row>
    <row r="679758" spans="14:14">
      <c r="N679758" s="10"/>
    </row>
    <row r="679759" spans="14:14">
      <c r="N679759" s="10"/>
    </row>
    <row r="679760" spans="14:14">
      <c r="N679760" s="10"/>
    </row>
    <row r="679761" spans="14:14">
      <c r="N679761" s="10"/>
    </row>
    <row r="679762" spans="14:14">
      <c r="N679762" s="10"/>
    </row>
    <row r="679763" spans="14:14">
      <c r="N679763" s="10"/>
    </row>
    <row r="679764" spans="14:14">
      <c r="N679764" s="10"/>
    </row>
    <row r="679765" spans="14:14">
      <c r="N679765" s="10"/>
    </row>
    <row r="679766" spans="14:14">
      <c r="N679766" s="10"/>
    </row>
    <row r="679767" spans="14:14">
      <c r="N679767" s="10"/>
    </row>
    <row r="679768" spans="14:14">
      <c r="N679768" s="10"/>
    </row>
    <row r="679769" spans="14:14">
      <c r="N679769" s="10"/>
    </row>
    <row r="679770" spans="14:14">
      <c r="N679770" s="10"/>
    </row>
    <row r="679771" spans="14:14">
      <c r="N679771" s="10"/>
    </row>
    <row r="679772" spans="14:14">
      <c r="N679772" s="10"/>
    </row>
    <row r="679773" spans="14:14">
      <c r="N679773" s="10"/>
    </row>
    <row r="679774" spans="14:14">
      <c r="N679774" s="10"/>
    </row>
    <row r="679775" spans="14:14">
      <c r="N679775" s="10"/>
    </row>
    <row r="679776" spans="14:14">
      <c r="N679776" s="10"/>
    </row>
    <row r="679777" spans="14:14">
      <c r="N679777" s="10"/>
    </row>
    <row r="679778" spans="14:14">
      <c r="N679778" s="10"/>
    </row>
    <row r="679779" spans="14:14">
      <c r="N679779" s="10"/>
    </row>
    <row r="679780" spans="14:14">
      <c r="N679780" s="10"/>
    </row>
    <row r="679781" spans="14:14">
      <c r="N679781" s="10"/>
    </row>
    <row r="679782" spans="14:14">
      <c r="N679782" s="10"/>
    </row>
    <row r="679783" spans="14:14">
      <c r="N679783" s="10"/>
    </row>
    <row r="679784" spans="14:14">
      <c r="N679784" s="10"/>
    </row>
    <row r="679785" spans="14:14">
      <c r="N679785" s="10"/>
    </row>
    <row r="679786" spans="14:14">
      <c r="N679786" s="10"/>
    </row>
    <row r="679787" spans="14:14">
      <c r="N679787" s="10"/>
    </row>
    <row r="679788" spans="14:14">
      <c r="N679788" s="10"/>
    </row>
    <row r="679789" spans="14:14">
      <c r="N679789" s="10"/>
    </row>
    <row r="679790" spans="14:14">
      <c r="N679790" s="10"/>
    </row>
    <row r="679791" spans="14:14">
      <c r="N679791" s="10"/>
    </row>
    <row r="679792" spans="14:14">
      <c r="N679792" s="10"/>
    </row>
    <row r="679793" spans="14:14">
      <c r="N679793" s="10"/>
    </row>
    <row r="679794" spans="14:14">
      <c r="N679794" s="10"/>
    </row>
    <row r="679795" spans="14:14">
      <c r="N679795" s="10"/>
    </row>
    <row r="679796" spans="14:14">
      <c r="N679796" s="10"/>
    </row>
    <row r="679797" spans="14:14">
      <c r="N679797" s="10"/>
    </row>
    <row r="679798" spans="14:14">
      <c r="N679798" s="10"/>
    </row>
    <row r="679799" spans="14:14">
      <c r="N679799" s="10"/>
    </row>
    <row r="679800" spans="14:14">
      <c r="N679800" s="10"/>
    </row>
    <row r="679801" spans="14:14">
      <c r="N679801" s="10"/>
    </row>
    <row r="679802" spans="14:14">
      <c r="N679802" s="10"/>
    </row>
    <row r="679803" spans="14:14">
      <c r="N679803" s="10"/>
    </row>
    <row r="679804" spans="14:14">
      <c r="N679804" s="10"/>
    </row>
    <row r="679805" spans="14:14">
      <c r="N679805" s="10"/>
    </row>
    <row r="679806" spans="14:14">
      <c r="N679806" s="10"/>
    </row>
    <row r="679807" spans="14:14">
      <c r="N679807" s="10"/>
    </row>
    <row r="679808" spans="14:14">
      <c r="N679808" s="10"/>
    </row>
    <row r="679809" spans="14:14">
      <c r="N679809" s="10"/>
    </row>
    <row r="679810" spans="14:14">
      <c r="N679810" s="10"/>
    </row>
    <row r="679811" spans="14:14">
      <c r="N679811" s="10"/>
    </row>
    <row r="679812" spans="14:14">
      <c r="N679812" s="10"/>
    </row>
    <row r="679813" spans="14:14">
      <c r="N679813" s="10"/>
    </row>
    <row r="679814" spans="14:14">
      <c r="N679814" s="10"/>
    </row>
    <row r="679815" spans="14:14">
      <c r="N679815" s="10"/>
    </row>
    <row r="679816" spans="14:14">
      <c r="N679816" s="10"/>
    </row>
    <row r="679817" spans="14:14">
      <c r="N679817" s="10"/>
    </row>
    <row r="679818" spans="14:14">
      <c r="N679818" s="10"/>
    </row>
    <row r="679819" spans="14:14">
      <c r="N679819" s="10"/>
    </row>
    <row r="679820" spans="14:14">
      <c r="N679820" s="10"/>
    </row>
    <row r="679821" spans="14:14">
      <c r="N679821" s="10"/>
    </row>
    <row r="679822" spans="14:14">
      <c r="N679822" s="10"/>
    </row>
    <row r="679823" spans="14:14">
      <c r="N679823" s="10"/>
    </row>
    <row r="679824" spans="14:14">
      <c r="N679824" s="10"/>
    </row>
    <row r="679825" spans="14:14">
      <c r="N679825" s="10"/>
    </row>
    <row r="679826" spans="14:14">
      <c r="N679826" s="10"/>
    </row>
    <row r="679827" spans="14:14">
      <c r="N679827" s="10"/>
    </row>
    <row r="679828" spans="14:14">
      <c r="N679828" s="10"/>
    </row>
    <row r="679829" spans="14:14">
      <c r="N679829" s="10"/>
    </row>
    <row r="679830" spans="14:14">
      <c r="N679830" s="10"/>
    </row>
    <row r="679831" spans="14:14">
      <c r="N679831" s="10"/>
    </row>
    <row r="679832" spans="14:14">
      <c r="N679832" s="10"/>
    </row>
    <row r="679833" spans="14:14">
      <c r="N679833" s="10"/>
    </row>
    <row r="679834" spans="14:14">
      <c r="N679834" s="10"/>
    </row>
    <row r="679835" spans="14:14">
      <c r="N679835" s="10"/>
    </row>
    <row r="679836" spans="14:14">
      <c r="N679836" s="10"/>
    </row>
    <row r="679837" spans="14:14">
      <c r="N679837" s="10"/>
    </row>
    <row r="679838" spans="14:14">
      <c r="N679838" s="10"/>
    </row>
    <row r="679839" spans="14:14">
      <c r="N679839" s="10"/>
    </row>
    <row r="679840" spans="14:14">
      <c r="N679840" s="10"/>
    </row>
    <row r="679841" spans="14:14">
      <c r="N679841" s="10"/>
    </row>
    <row r="679842" spans="14:14">
      <c r="N679842" s="10"/>
    </row>
    <row r="679843" spans="14:14">
      <c r="N679843" s="10"/>
    </row>
    <row r="679844" spans="14:14">
      <c r="N679844" s="10"/>
    </row>
    <row r="679845" spans="14:14">
      <c r="N679845" s="10"/>
    </row>
    <row r="679846" spans="14:14">
      <c r="N679846" s="10"/>
    </row>
    <row r="679847" spans="14:14">
      <c r="N679847" s="10"/>
    </row>
    <row r="679848" spans="14:14">
      <c r="N679848" s="10"/>
    </row>
    <row r="679849" spans="14:14">
      <c r="N679849" s="10"/>
    </row>
    <row r="679850" spans="14:14">
      <c r="N679850" s="10"/>
    </row>
    <row r="679851" spans="14:14">
      <c r="N679851" s="10"/>
    </row>
    <row r="679852" spans="14:14">
      <c r="N679852" s="10"/>
    </row>
    <row r="679853" spans="14:14">
      <c r="N679853" s="10"/>
    </row>
    <row r="679854" spans="14:14">
      <c r="N679854" s="10"/>
    </row>
    <row r="679855" spans="14:14">
      <c r="N679855" s="10"/>
    </row>
    <row r="679856" spans="14:14">
      <c r="N679856" s="10"/>
    </row>
    <row r="679857" spans="14:14">
      <c r="N679857" s="10"/>
    </row>
    <row r="679858" spans="14:14">
      <c r="N679858" s="10"/>
    </row>
    <row r="679859" spans="14:14">
      <c r="N679859" s="10"/>
    </row>
    <row r="679860" spans="14:14">
      <c r="N679860" s="10"/>
    </row>
    <row r="679861" spans="14:14">
      <c r="N679861" s="10"/>
    </row>
    <row r="679862" spans="14:14">
      <c r="N679862" s="10"/>
    </row>
    <row r="679863" spans="14:14">
      <c r="N679863" s="10"/>
    </row>
    <row r="679864" spans="14:14">
      <c r="N679864" s="10"/>
    </row>
    <row r="679865" spans="14:14">
      <c r="N679865" s="10"/>
    </row>
    <row r="679866" spans="14:14">
      <c r="N679866" s="10"/>
    </row>
    <row r="679867" spans="14:14">
      <c r="N679867" s="10"/>
    </row>
    <row r="679868" spans="14:14">
      <c r="N679868" s="10"/>
    </row>
    <row r="679869" spans="14:14">
      <c r="N679869" s="10"/>
    </row>
    <row r="679870" spans="14:14">
      <c r="N679870" s="10"/>
    </row>
    <row r="679871" spans="14:14">
      <c r="N679871" s="10"/>
    </row>
    <row r="679872" spans="14:14">
      <c r="N679872" s="10"/>
    </row>
    <row r="679873" spans="14:14">
      <c r="N679873" s="10"/>
    </row>
    <row r="679874" spans="14:14">
      <c r="N679874" s="10"/>
    </row>
    <row r="679875" spans="14:14">
      <c r="N679875" s="10"/>
    </row>
    <row r="679876" spans="14:14">
      <c r="N679876" s="10"/>
    </row>
    <row r="679877" spans="14:14">
      <c r="N679877" s="10"/>
    </row>
    <row r="679878" spans="14:14">
      <c r="N679878" s="10"/>
    </row>
    <row r="679879" spans="14:14">
      <c r="N679879" s="10"/>
    </row>
    <row r="679880" spans="14:14">
      <c r="N679880" s="10"/>
    </row>
    <row r="679881" spans="14:14">
      <c r="N679881" s="10"/>
    </row>
    <row r="679882" spans="14:14">
      <c r="N679882" s="10"/>
    </row>
    <row r="679883" spans="14:14">
      <c r="N679883" s="10"/>
    </row>
    <row r="679884" spans="14:14">
      <c r="N679884" s="10"/>
    </row>
    <row r="679885" spans="14:14">
      <c r="N679885" s="10"/>
    </row>
    <row r="679886" spans="14:14">
      <c r="N679886" s="10"/>
    </row>
    <row r="679887" spans="14:14">
      <c r="N679887" s="10"/>
    </row>
    <row r="679888" spans="14:14">
      <c r="N679888" s="10"/>
    </row>
    <row r="679889" spans="14:14">
      <c r="N679889" s="10"/>
    </row>
    <row r="679890" spans="14:14">
      <c r="N679890" s="10"/>
    </row>
    <row r="679891" spans="14:14">
      <c r="N679891" s="10"/>
    </row>
    <row r="679892" spans="14:14">
      <c r="N679892" s="10"/>
    </row>
    <row r="679893" spans="14:14">
      <c r="N679893" s="10"/>
    </row>
    <row r="679894" spans="14:14">
      <c r="N679894" s="10"/>
    </row>
    <row r="679895" spans="14:14">
      <c r="N679895" s="10"/>
    </row>
    <row r="679896" spans="14:14">
      <c r="N679896" s="10"/>
    </row>
    <row r="679897" spans="14:14">
      <c r="N679897" s="10"/>
    </row>
    <row r="679898" spans="14:14">
      <c r="N679898" s="10"/>
    </row>
    <row r="679899" spans="14:14">
      <c r="N679899" s="10"/>
    </row>
    <row r="679900" spans="14:14">
      <c r="N679900" s="10"/>
    </row>
    <row r="679901" spans="14:14">
      <c r="N679901" s="10"/>
    </row>
    <row r="679902" spans="14:14">
      <c r="N679902" s="10"/>
    </row>
    <row r="679903" spans="14:14">
      <c r="N679903" s="10"/>
    </row>
    <row r="679904" spans="14:14">
      <c r="N679904" s="10"/>
    </row>
    <row r="679905" spans="14:14">
      <c r="N679905" s="10"/>
    </row>
    <row r="679906" spans="14:14">
      <c r="N679906" s="10"/>
    </row>
    <row r="679907" spans="14:14">
      <c r="N679907" s="10"/>
    </row>
    <row r="679908" spans="14:14">
      <c r="N679908" s="10"/>
    </row>
    <row r="679909" spans="14:14">
      <c r="N679909" s="10"/>
    </row>
    <row r="679910" spans="14:14">
      <c r="N679910" s="10"/>
    </row>
    <row r="679911" spans="14:14">
      <c r="N679911" s="10"/>
    </row>
    <row r="679912" spans="14:14">
      <c r="N679912" s="10"/>
    </row>
    <row r="679913" spans="14:14">
      <c r="N679913" s="10"/>
    </row>
    <row r="679914" spans="14:14">
      <c r="N679914" s="10"/>
    </row>
    <row r="679915" spans="14:14">
      <c r="N679915" s="10"/>
    </row>
    <row r="679916" spans="14:14">
      <c r="N679916" s="10"/>
    </row>
    <row r="679917" spans="14:14">
      <c r="N679917" s="10"/>
    </row>
    <row r="679918" spans="14:14">
      <c r="N679918" s="10"/>
    </row>
    <row r="679919" spans="14:14">
      <c r="N679919" s="10"/>
    </row>
    <row r="679920" spans="14:14">
      <c r="N679920" s="10"/>
    </row>
    <row r="679921" spans="14:14">
      <c r="N679921" s="10"/>
    </row>
    <row r="679922" spans="14:14">
      <c r="N679922" s="10"/>
    </row>
    <row r="679923" spans="14:14">
      <c r="N679923" s="10"/>
    </row>
    <row r="679924" spans="14:14">
      <c r="N679924" s="10"/>
    </row>
    <row r="679925" spans="14:14">
      <c r="N679925" s="10"/>
    </row>
    <row r="679926" spans="14:14">
      <c r="N679926" s="10"/>
    </row>
    <row r="679927" spans="14:14">
      <c r="N679927" s="10"/>
    </row>
    <row r="679928" spans="14:14">
      <c r="N679928" s="10"/>
    </row>
    <row r="679929" spans="14:14">
      <c r="N679929" s="10"/>
    </row>
    <row r="679930" spans="14:14">
      <c r="N679930" s="10"/>
    </row>
    <row r="679931" spans="14:14">
      <c r="N679931" s="10"/>
    </row>
    <row r="679932" spans="14:14">
      <c r="N679932" s="10"/>
    </row>
    <row r="679933" spans="14:14">
      <c r="N679933" s="10"/>
    </row>
    <row r="679934" spans="14:14">
      <c r="N679934" s="10"/>
    </row>
    <row r="679935" spans="14:14">
      <c r="N679935" s="10"/>
    </row>
    <row r="679936" spans="14:14">
      <c r="N679936" s="10"/>
    </row>
    <row r="679937" spans="14:14">
      <c r="N679937" s="10"/>
    </row>
    <row r="679938" spans="14:14">
      <c r="N679938" s="10"/>
    </row>
    <row r="679939" spans="14:14">
      <c r="N679939" s="10"/>
    </row>
    <row r="679940" spans="14:14">
      <c r="N679940" s="10"/>
    </row>
    <row r="679941" spans="14:14">
      <c r="N679941" s="10"/>
    </row>
    <row r="679942" spans="14:14">
      <c r="N679942" s="10"/>
    </row>
    <row r="679943" spans="14:14">
      <c r="N679943" s="10"/>
    </row>
    <row r="679944" spans="14:14">
      <c r="N679944" s="10"/>
    </row>
    <row r="679945" spans="14:14">
      <c r="N679945" s="10"/>
    </row>
    <row r="679946" spans="14:14">
      <c r="N679946" s="10"/>
    </row>
    <row r="679947" spans="14:14">
      <c r="N679947" s="10"/>
    </row>
    <row r="679948" spans="14:14">
      <c r="N679948" s="10"/>
    </row>
    <row r="679949" spans="14:14">
      <c r="N679949" s="10"/>
    </row>
    <row r="679950" spans="14:14">
      <c r="N679950" s="10"/>
    </row>
    <row r="679951" spans="14:14">
      <c r="N679951" s="10"/>
    </row>
    <row r="679952" spans="14:14">
      <c r="N679952" s="10"/>
    </row>
    <row r="679953" spans="14:14">
      <c r="N679953" s="10"/>
    </row>
    <row r="679954" spans="14:14">
      <c r="N679954" s="10"/>
    </row>
    <row r="679955" spans="14:14">
      <c r="N679955" s="10"/>
    </row>
    <row r="679956" spans="14:14">
      <c r="N679956" s="10"/>
    </row>
    <row r="679957" spans="14:14">
      <c r="N679957" s="10"/>
    </row>
    <row r="679958" spans="14:14">
      <c r="N679958" s="10"/>
    </row>
    <row r="679959" spans="14:14">
      <c r="N679959" s="10"/>
    </row>
    <row r="679960" spans="14:14">
      <c r="N679960" s="10"/>
    </row>
    <row r="679961" spans="14:14">
      <c r="N679961" s="10"/>
    </row>
    <row r="679962" spans="14:14">
      <c r="N679962" s="10"/>
    </row>
    <row r="679963" spans="14:14">
      <c r="N679963" s="10"/>
    </row>
    <row r="679964" spans="14:14">
      <c r="N679964" s="10"/>
    </row>
    <row r="679965" spans="14:14">
      <c r="N679965" s="10"/>
    </row>
    <row r="679966" spans="14:14">
      <c r="N679966" s="10"/>
    </row>
    <row r="679967" spans="14:14">
      <c r="N679967" s="10"/>
    </row>
    <row r="679968" spans="14:14">
      <c r="N679968" s="10"/>
    </row>
    <row r="679969" spans="14:14">
      <c r="N679969" s="10"/>
    </row>
    <row r="679970" spans="14:14">
      <c r="N679970" s="10"/>
    </row>
    <row r="679971" spans="14:14">
      <c r="N679971" s="10"/>
    </row>
    <row r="679972" spans="14:14">
      <c r="N679972" s="10"/>
    </row>
    <row r="679973" spans="14:14">
      <c r="N679973" s="10"/>
    </row>
    <row r="679974" spans="14:14">
      <c r="N679974" s="10"/>
    </row>
    <row r="679975" spans="14:14">
      <c r="N679975" s="10"/>
    </row>
    <row r="679976" spans="14:14">
      <c r="N679976" s="10"/>
    </row>
    <row r="679977" spans="14:14">
      <c r="N679977" s="10"/>
    </row>
    <row r="679978" spans="14:14">
      <c r="N679978" s="10"/>
    </row>
    <row r="679979" spans="14:14">
      <c r="N679979" s="10"/>
    </row>
    <row r="679980" spans="14:14">
      <c r="N679980" s="10"/>
    </row>
    <row r="679981" spans="14:14">
      <c r="N679981" s="10"/>
    </row>
    <row r="679982" spans="14:14">
      <c r="N679982" s="10"/>
    </row>
    <row r="679983" spans="14:14">
      <c r="N679983" s="10"/>
    </row>
    <row r="679984" spans="14:14">
      <c r="N679984" s="10"/>
    </row>
    <row r="679985" spans="14:14">
      <c r="N679985" s="10"/>
    </row>
    <row r="679986" spans="14:14">
      <c r="N679986" s="10"/>
    </row>
    <row r="679987" spans="14:14">
      <c r="N679987" s="10"/>
    </row>
    <row r="679988" spans="14:14">
      <c r="N679988" s="10"/>
    </row>
    <row r="679989" spans="14:14">
      <c r="N679989" s="10"/>
    </row>
    <row r="679990" spans="14:14">
      <c r="N679990" s="10"/>
    </row>
    <row r="679991" spans="14:14">
      <c r="N679991" s="10"/>
    </row>
    <row r="679992" spans="14:14">
      <c r="N679992" s="10"/>
    </row>
    <row r="679993" spans="14:14">
      <c r="N679993" s="10"/>
    </row>
    <row r="679994" spans="14:14">
      <c r="N679994" s="10"/>
    </row>
    <row r="679995" spans="14:14">
      <c r="N679995" s="10"/>
    </row>
    <row r="679996" spans="14:14">
      <c r="N679996" s="10"/>
    </row>
    <row r="679997" spans="14:14">
      <c r="N679997" s="10"/>
    </row>
    <row r="679998" spans="14:14">
      <c r="N679998" s="10"/>
    </row>
    <row r="679999" spans="14:14">
      <c r="N679999" s="10"/>
    </row>
    <row r="680000" spans="14:14">
      <c r="N680000" s="10"/>
    </row>
    <row r="680001" spans="14:14">
      <c r="N680001" s="10"/>
    </row>
    <row r="680002" spans="14:14">
      <c r="N680002" s="10"/>
    </row>
    <row r="680003" spans="14:14">
      <c r="N680003" s="10"/>
    </row>
    <row r="680004" spans="14:14">
      <c r="N680004" s="10"/>
    </row>
    <row r="680005" spans="14:14">
      <c r="N680005" s="10"/>
    </row>
    <row r="680006" spans="14:14">
      <c r="N680006" s="10"/>
    </row>
    <row r="680007" spans="14:14">
      <c r="N680007" s="10"/>
    </row>
    <row r="680008" spans="14:14">
      <c r="N680008" s="10"/>
    </row>
    <row r="680009" spans="14:14">
      <c r="N680009" s="10"/>
    </row>
    <row r="680010" spans="14:14">
      <c r="N680010" s="10"/>
    </row>
    <row r="680011" spans="14:14">
      <c r="N680011" s="10"/>
    </row>
    <row r="680012" spans="14:14">
      <c r="N680012" s="10"/>
    </row>
    <row r="680013" spans="14:14">
      <c r="N680013" s="10"/>
    </row>
    <row r="680014" spans="14:14">
      <c r="N680014" s="10"/>
    </row>
    <row r="680015" spans="14:14">
      <c r="N680015" s="10"/>
    </row>
    <row r="680016" spans="14:14">
      <c r="N680016" s="10"/>
    </row>
    <row r="680017" spans="14:14">
      <c r="N680017" s="10"/>
    </row>
    <row r="680018" spans="14:14">
      <c r="N680018" s="10"/>
    </row>
    <row r="680019" spans="14:14">
      <c r="N680019" s="10"/>
    </row>
    <row r="680020" spans="14:14">
      <c r="N680020" s="10"/>
    </row>
    <row r="680021" spans="14:14">
      <c r="N680021" s="10"/>
    </row>
    <row r="680022" spans="14:14">
      <c r="N680022" s="10"/>
    </row>
    <row r="680023" spans="14:14">
      <c r="N680023" s="10"/>
    </row>
    <row r="680024" spans="14:14">
      <c r="N680024" s="10"/>
    </row>
    <row r="680025" spans="14:14">
      <c r="N680025" s="10"/>
    </row>
    <row r="680026" spans="14:14">
      <c r="N680026" s="10"/>
    </row>
    <row r="680027" spans="14:14">
      <c r="N680027" s="10"/>
    </row>
    <row r="680028" spans="14:14">
      <c r="N680028" s="10"/>
    </row>
    <row r="680029" spans="14:14">
      <c r="N680029" s="10"/>
    </row>
    <row r="680030" spans="14:14">
      <c r="N680030" s="10"/>
    </row>
    <row r="680031" spans="14:14">
      <c r="N680031" s="10"/>
    </row>
    <row r="680032" spans="14:14">
      <c r="N680032" s="10"/>
    </row>
    <row r="680033" spans="14:14">
      <c r="N680033" s="10"/>
    </row>
    <row r="680034" spans="14:14">
      <c r="N680034" s="10"/>
    </row>
    <row r="680035" spans="14:14">
      <c r="N680035" s="10"/>
    </row>
    <row r="680036" spans="14:14">
      <c r="N680036" s="10"/>
    </row>
    <row r="680037" spans="14:14">
      <c r="N680037" s="10"/>
    </row>
    <row r="680038" spans="14:14">
      <c r="N680038" s="10"/>
    </row>
    <row r="680039" spans="14:14">
      <c r="N680039" s="10"/>
    </row>
    <row r="680040" spans="14:14">
      <c r="N680040" s="10"/>
    </row>
    <row r="680041" spans="14:14">
      <c r="N680041" s="10"/>
    </row>
    <row r="680042" spans="14:14">
      <c r="N680042" s="10"/>
    </row>
    <row r="680043" spans="14:14">
      <c r="N680043" s="10"/>
    </row>
    <row r="680044" spans="14:14">
      <c r="N680044" s="10"/>
    </row>
    <row r="680045" spans="14:14">
      <c r="N680045" s="10"/>
    </row>
    <row r="680046" spans="14:14">
      <c r="N680046" s="10"/>
    </row>
    <row r="680047" spans="14:14">
      <c r="N680047" s="10"/>
    </row>
    <row r="680048" spans="14:14">
      <c r="N680048" s="10"/>
    </row>
    <row r="680049" spans="14:14">
      <c r="N680049" s="10"/>
    </row>
    <row r="680050" spans="14:14">
      <c r="N680050" s="10"/>
    </row>
    <row r="680051" spans="14:14">
      <c r="N680051" s="10"/>
    </row>
    <row r="680052" spans="14:14">
      <c r="N680052" s="10"/>
    </row>
    <row r="680053" spans="14:14">
      <c r="N680053" s="10"/>
    </row>
    <row r="680054" spans="14:14">
      <c r="N680054" s="10"/>
    </row>
    <row r="680055" spans="14:14">
      <c r="N680055" s="10"/>
    </row>
    <row r="680056" spans="14:14">
      <c r="N680056" s="10"/>
    </row>
    <row r="680057" spans="14:14">
      <c r="N680057" s="10"/>
    </row>
    <row r="680058" spans="14:14">
      <c r="N680058" s="10"/>
    </row>
    <row r="680059" spans="14:14">
      <c r="N680059" s="10"/>
    </row>
    <row r="680060" spans="14:14">
      <c r="N680060" s="10"/>
    </row>
    <row r="680061" spans="14:14">
      <c r="N680061" s="10"/>
    </row>
    <row r="680062" spans="14:14">
      <c r="N680062" s="10"/>
    </row>
    <row r="680063" spans="14:14">
      <c r="N680063" s="10"/>
    </row>
    <row r="680064" spans="14:14">
      <c r="N680064" s="10"/>
    </row>
    <row r="680065" spans="14:14">
      <c r="N680065" s="10"/>
    </row>
    <row r="680066" spans="14:14">
      <c r="N680066" s="10"/>
    </row>
    <row r="680067" spans="14:14">
      <c r="N680067" s="10"/>
    </row>
    <row r="680068" spans="14:14">
      <c r="N680068" s="10"/>
    </row>
    <row r="680069" spans="14:14">
      <c r="N680069" s="10"/>
    </row>
    <row r="680070" spans="14:14">
      <c r="N680070" s="10"/>
    </row>
    <row r="680071" spans="14:14">
      <c r="N680071" s="10"/>
    </row>
    <row r="680072" spans="14:14">
      <c r="N680072" s="10"/>
    </row>
    <row r="680073" spans="14:14">
      <c r="N680073" s="10"/>
    </row>
    <row r="680074" spans="14:14">
      <c r="N680074" s="10"/>
    </row>
    <row r="680075" spans="14:14">
      <c r="N680075" s="10"/>
    </row>
    <row r="680076" spans="14:14">
      <c r="N680076" s="10"/>
    </row>
    <row r="680077" spans="14:14">
      <c r="N680077" s="10"/>
    </row>
    <row r="680078" spans="14:14">
      <c r="N680078" s="10"/>
    </row>
    <row r="680079" spans="14:14">
      <c r="N680079" s="10"/>
    </row>
    <row r="680080" spans="14:14">
      <c r="N680080" s="10"/>
    </row>
    <row r="680081" spans="14:14">
      <c r="N680081" s="10"/>
    </row>
    <row r="680082" spans="14:14">
      <c r="N680082" s="10"/>
    </row>
    <row r="680083" spans="14:14">
      <c r="N680083" s="10"/>
    </row>
    <row r="680084" spans="14:14">
      <c r="N680084" s="10"/>
    </row>
    <row r="680085" spans="14:14">
      <c r="N680085" s="10"/>
    </row>
    <row r="680086" spans="14:14">
      <c r="N680086" s="10"/>
    </row>
    <row r="680087" spans="14:14">
      <c r="N680087" s="10"/>
    </row>
    <row r="680088" spans="14:14">
      <c r="N680088" s="10"/>
    </row>
    <row r="680089" spans="14:14">
      <c r="N680089" s="10"/>
    </row>
    <row r="680090" spans="14:14">
      <c r="N680090" s="10"/>
    </row>
    <row r="680091" spans="14:14">
      <c r="N680091" s="10"/>
    </row>
    <row r="680092" spans="14:14">
      <c r="N680092" s="10"/>
    </row>
    <row r="680093" spans="14:14">
      <c r="N680093" s="10"/>
    </row>
    <row r="680094" spans="14:14">
      <c r="N680094" s="10"/>
    </row>
    <row r="680095" spans="14:14">
      <c r="N680095" s="10"/>
    </row>
    <row r="680096" spans="14:14">
      <c r="N680096" s="10"/>
    </row>
    <row r="680097" spans="14:14">
      <c r="N680097" s="10"/>
    </row>
    <row r="680098" spans="14:14">
      <c r="N680098" s="10"/>
    </row>
    <row r="680099" spans="14:14">
      <c r="N680099" s="10"/>
    </row>
    <row r="680100" spans="14:14">
      <c r="N680100" s="10"/>
    </row>
    <row r="680101" spans="14:14">
      <c r="N680101" s="10"/>
    </row>
    <row r="680102" spans="14:14">
      <c r="N680102" s="10"/>
    </row>
    <row r="680103" spans="14:14">
      <c r="N680103" s="10"/>
    </row>
    <row r="680104" spans="14:14">
      <c r="N680104" s="10"/>
    </row>
    <row r="680105" spans="14:14">
      <c r="N680105" s="10"/>
    </row>
    <row r="680106" spans="14:14">
      <c r="N680106" s="10"/>
    </row>
    <row r="680107" spans="14:14">
      <c r="N680107" s="10"/>
    </row>
    <row r="680108" spans="14:14">
      <c r="N680108" s="10"/>
    </row>
    <row r="680109" spans="14:14">
      <c r="N680109" s="10"/>
    </row>
    <row r="680110" spans="14:14">
      <c r="N680110" s="10"/>
    </row>
    <row r="680111" spans="14:14">
      <c r="N680111" s="10"/>
    </row>
    <row r="680112" spans="14:14">
      <c r="N680112" s="10"/>
    </row>
    <row r="680113" spans="14:14">
      <c r="N680113" s="10"/>
    </row>
    <row r="680114" spans="14:14">
      <c r="N680114" s="10"/>
    </row>
    <row r="680115" spans="14:14">
      <c r="N680115" s="10"/>
    </row>
    <row r="680116" spans="14:14">
      <c r="N680116" s="10"/>
    </row>
    <row r="680117" spans="14:14">
      <c r="N680117" s="10"/>
    </row>
    <row r="680118" spans="14:14">
      <c r="N680118" s="10"/>
    </row>
    <row r="680119" spans="14:14">
      <c r="N680119" s="10"/>
    </row>
    <row r="680120" spans="14:14">
      <c r="N680120" s="10"/>
    </row>
    <row r="680121" spans="14:14">
      <c r="N680121" s="10"/>
    </row>
    <row r="680122" spans="14:14">
      <c r="N680122" s="10"/>
    </row>
    <row r="680123" spans="14:14">
      <c r="N680123" s="10"/>
    </row>
    <row r="680124" spans="14:14">
      <c r="N680124" s="10"/>
    </row>
    <row r="680125" spans="14:14">
      <c r="N680125" s="10"/>
    </row>
    <row r="680126" spans="14:14">
      <c r="N680126" s="10"/>
    </row>
    <row r="680127" spans="14:14">
      <c r="N680127" s="10"/>
    </row>
    <row r="680128" spans="14:14">
      <c r="N680128" s="10"/>
    </row>
    <row r="680129" spans="14:14">
      <c r="N680129" s="10"/>
    </row>
    <row r="680130" spans="14:14">
      <c r="N680130" s="10"/>
    </row>
    <row r="680131" spans="14:14">
      <c r="N680131" s="10"/>
    </row>
    <row r="680132" spans="14:14">
      <c r="N680132" s="10"/>
    </row>
    <row r="680133" spans="14:14">
      <c r="N680133" s="10"/>
    </row>
    <row r="680134" spans="14:14">
      <c r="N680134" s="10"/>
    </row>
    <row r="680135" spans="14:14">
      <c r="N680135" s="10"/>
    </row>
    <row r="680136" spans="14:14">
      <c r="N680136" s="10"/>
    </row>
    <row r="680137" spans="14:14">
      <c r="N680137" s="10"/>
    </row>
    <row r="680138" spans="14:14">
      <c r="N680138" s="10"/>
    </row>
    <row r="680139" spans="14:14">
      <c r="N680139" s="10"/>
    </row>
    <row r="680140" spans="14:14">
      <c r="N680140" s="10"/>
    </row>
    <row r="680141" spans="14:14">
      <c r="N680141" s="10"/>
    </row>
    <row r="680142" spans="14:14">
      <c r="N680142" s="10"/>
    </row>
    <row r="680143" spans="14:14">
      <c r="N680143" s="10"/>
    </row>
    <row r="680144" spans="14:14">
      <c r="N680144" s="10"/>
    </row>
    <row r="680145" spans="14:14">
      <c r="N680145" s="10"/>
    </row>
    <row r="680146" spans="14:14">
      <c r="N680146" s="10"/>
    </row>
    <row r="680147" spans="14:14">
      <c r="N680147" s="10"/>
    </row>
    <row r="680148" spans="14:14">
      <c r="N680148" s="10"/>
    </row>
    <row r="680149" spans="14:14">
      <c r="N680149" s="10"/>
    </row>
    <row r="680150" spans="14:14">
      <c r="N680150" s="10"/>
    </row>
    <row r="680151" spans="14:14">
      <c r="N680151" s="10"/>
    </row>
    <row r="680152" spans="14:14">
      <c r="N680152" s="10"/>
    </row>
    <row r="680153" spans="14:14">
      <c r="N680153" s="10"/>
    </row>
    <row r="680154" spans="14:14">
      <c r="N680154" s="10"/>
    </row>
    <row r="680155" spans="14:14">
      <c r="N680155" s="10"/>
    </row>
    <row r="680156" spans="14:14">
      <c r="N680156" s="10"/>
    </row>
    <row r="680157" spans="14:14">
      <c r="N680157" s="10"/>
    </row>
    <row r="680158" spans="14:14">
      <c r="N680158" s="10"/>
    </row>
    <row r="680159" spans="14:14">
      <c r="N680159" s="10"/>
    </row>
    <row r="680160" spans="14:14">
      <c r="N680160" s="10"/>
    </row>
    <row r="680161" spans="14:14">
      <c r="N680161" s="10"/>
    </row>
    <row r="680162" spans="14:14">
      <c r="N680162" s="10"/>
    </row>
    <row r="680163" spans="14:14">
      <c r="N680163" s="10"/>
    </row>
    <row r="680164" spans="14:14">
      <c r="N680164" s="10"/>
    </row>
    <row r="680165" spans="14:14">
      <c r="N680165" s="10"/>
    </row>
    <row r="680166" spans="14:14">
      <c r="N680166" s="10"/>
    </row>
    <row r="680167" spans="14:14">
      <c r="N680167" s="10"/>
    </row>
    <row r="680168" spans="14:14">
      <c r="N680168" s="10"/>
    </row>
    <row r="680169" spans="14:14">
      <c r="N680169" s="10"/>
    </row>
    <row r="680170" spans="14:14">
      <c r="N680170" s="10"/>
    </row>
    <row r="680171" spans="14:14">
      <c r="N680171" s="10"/>
    </row>
    <row r="680172" spans="14:14">
      <c r="N680172" s="10"/>
    </row>
    <row r="680173" spans="14:14">
      <c r="N680173" s="10"/>
    </row>
    <row r="680174" spans="14:14">
      <c r="N680174" s="10"/>
    </row>
    <row r="680175" spans="14:14">
      <c r="N680175" s="10"/>
    </row>
    <row r="680176" spans="14:14">
      <c r="N680176" s="10"/>
    </row>
    <row r="680177" spans="14:14">
      <c r="N680177" s="10"/>
    </row>
    <row r="680178" spans="14:14">
      <c r="N680178" s="10"/>
    </row>
    <row r="680179" spans="14:14">
      <c r="N680179" s="10"/>
    </row>
    <row r="680180" spans="14:14">
      <c r="N680180" s="10"/>
    </row>
    <row r="680181" spans="14:14">
      <c r="N680181" s="10"/>
    </row>
    <row r="680182" spans="14:14">
      <c r="N680182" s="10"/>
    </row>
    <row r="680183" spans="14:14">
      <c r="N680183" s="10"/>
    </row>
    <row r="680184" spans="14:14">
      <c r="N680184" s="10"/>
    </row>
    <row r="680185" spans="14:14">
      <c r="N680185" s="10"/>
    </row>
    <row r="680186" spans="14:14">
      <c r="N680186" s="10"/>
    </row>
    <row r="680187" spans="14:14">
      <c r="N680187" s="10"/>
    </row>
    <row r="680188" spans="14:14">
      <c r="N680188" s="10"/>
    </row>
    <row r="680189" spans="14:14">
      <c r="N680189" s="10"/>
    </row>
    <row r="680190" spans="14:14">
      <c r="N680190" s="10"/>
    </row>
    <row r="680191" spans="14:14">
      <c r="N680191" s="10"/>
    </row>
    <row r="680192" spans="14:14">
      <c r="N680192" s="10"/>
    </row>
    <row r="680193" spans="14:14">
      <c r="N680193" s="10"/>
    </row>
    <row r="680194" spans="14:14">
      <c r="N680194" s="10"/>
    </row>
    <row r="680195" spans="14:14">
      <c r="N680195" s="10"/>
    </row>
    <row r="680196" spans="14:14">
      <c r="N680196" s="10"/>
    </row>
    <row r="680197" spans="14:14">
      <c r="N680197" s="10"/>
    </row>
    <row r="680198" spans="14:14">
      <c r="N680198" s="10"/>
    </row>
    <row r="680199" spans="14:14">
      <c r="N680199" s="10"/>
    </row>
    <row r="680200" spans="14:14">
      <c r="N680200" s="10"/>
    </row>
    <row r="680201" spans="14:14">
      <c r="N680201" s="10"/>
    </row>
    <row r="680202" spans="14:14">
      <c r="N680202" s="10"/>
    </row>
    <row r="680203" spans="14:14">
      <c r="N680203" s="10"/>
    </row>
    <row r="680204" spans="14:14">
      <c r="N680204" s="10"/>
    </row>
    <row r="680205" spans="14:14">
      <c r="N680205" s="10"/>
    </row>
    <row r="680206" spans="14:14">
      <c r="N680206" s="10"/>
    </row>
    <row r="680207" spans="14:14">
      <c r="N680207" s="10"/>
    </row>
    <row r="680208" spans="14:14">
      <c r="N680208" s="10"/>
    </row>
    <row r="680209" spans="14:14">
      <c r="N680209" s="10"/>
    </row>
    <row r="680210" spans="14:14">
      <c r="N680210" s="10"/>
    </row>
    <row r="680211" spans="14:14">
      <c r="N680211" s="10"/>
    </row>
    <row r="680212" spans="14:14">
      <c r="N680212" s="10"/>
    </row>
    <row r="680213" spans="14:14">
      <c r="N680213" s="10"/>
    </row>
    <row r="680214" spans="14:14">
      <c r="N680214" s="10"/>
    </row>
    <row r="680215" spans="14:14">
      <c r="N680215" s="10"/>
    </row>
    <row r="680216" spans="14:14">
      <c r="N680216" s="10"/>
    </row>
    <row r="680217" spans="14:14">
      <c r="N680217" s="10"/>
    </row>
    <row r="680218" spans="14:14">
      <c r="N680218" s="10"/>
    </row>
    <row r="680219" spans="14:14">
      <c r="N680219" s="10"/>
    </row>
    <row r="680220" spans="14:14">
      <c r="N680220" s="10"/>
    </row>
    <row r="680221" spans="14:14">
      <c r="N680221" s="10"/>
    </row>
    <row r="680222" spans="14:14">
      <c r="N680222" s="10"/>
    </row>
    <row r="680223" spans="14:14">
      <c r="N680223" s="10"/>
    </row>
    <row r="680224" spans="14:14">
      <c r="N680224" s="10"/>
    </row>
    <row r="680225" spans="14:14">
      <c r="N680225" s="10"/>
    </row>
    <row r="680226" spans="14:14">
      <c r="N680226" s="10"/>
    </row>
    <row r="680227" spans="14:14">
      <c r="N680227" s="10"/>
    </row>
    <row r="680228" spans="14:14">
      <c r="N680228" s="10"/>
    </row>
    <row r="680229" spans="14:14">
      <c r="N680229" s="10"/>
    </row>
    <row r="680230" spans="14:14">
      <c r="N680230" s="10"/>
    </row>
    <row r="680231" spans="14:14">
      <c r="N680231" s="10"/>
    </row>
    <row r="680232" spans="14:14">
      <c r="N680232" s="10"/>
    </row>
    <row r="680233" spans="14:14">
      <c r="N680233" s="10"/>
    </row>
    <row r="680234" spans="14:14">
      <c r="N680234" s="10"/>
    </row>
    <row r="680235" spans="14:14">
      <c r="N680235" s="10"/>
    </row>
    <row r="680236" spans="14:14">
      <c r="N680236" s="10"/>
    </row>
    <row r="680237" spans="14:14">
      <c r="N680237" s="10"/>
    </row>
    <row r="680238" spans="14:14">
      <c r="N680238" s="10"/>
    </row>
    <row r="680239" spans="14:14">
      <c r="N680239" s="10"/>
    </row>
    <row r="680240" spans="14:14">
      <c r="N680240" s="10"/>
    </row>
    <row r="680241" spans="14:14">
      <c r="N680241" s="10"/>
    </row>
    <row r="680242" spans="14:14">
      <c r="N680242" s="10"/>
    </row>
    <row r="680243" spans="14:14">
      <c r="N680243" s="10"/>
    </row>
    <row r="680244" spans="14:14">
      <c r="N680244" s="10"/>
    </row>
    <row r="680245" spans="14:14">
      <c r="N680245" s="10"/>
    </row>
    <row r="680246" spans="14:14">
      <c r="N680246" s="10"/>
    </row>
    <row r="680247" spans="14:14">
      <c r="N680247" s="10"/>
    </row>
    <row r="680248" spans="14:14">
      <c r="N680248" s="10"/>
    </row>
    <row r="680249" spans="14:14">
      <c r="N680249" s="10"/>
    </row>
    <row r="680250" spans="14:14">
      <c r="N680250" s="10"/>
    </row>
    <row r="680251" spans="14:14">
      <c r="N680251" s="10"/>
    </row>
    <row r="680252" spans="14:14">
      <c r="N680252" s="10"/>
    </row>
    <row r="680253" spans="14:14">
      <c r="N680253" s="10"/>
    </row>
    <row r="680254" spans="14:14">
      <c r="N680254" s="10"/>
    </row>
    <row r="680255" spans="14:14">
      <c r="N680255" s="10"/>
    </row>
    <row r="680256" spans="14:14">
      <c r="N680256" s="10"/>
    </row>
    <row r="680257" spans="14:14">
      <c r="N680257" s="10"/>
    </row>
    <row r="680258" spans="14:14">
      <c r="N680258" s="10"/>
    </row>
    <row r="680259" spans="14:14">
      <c r="N680259" s="10"/>
    </row>
    <row r="680260" spans="14:14">
      <c r="N680260" s="10"/>
    </row>
    <row r="680261" spans="14:14">
      <c r="N680261" s="10"/>
    </row>
    <row r="680262" spans="14:14">
      <c r="N680262" s="10"/>
    </row>
    <row r="680263" spans="14:14">
      <c r="N680263" s="10"/>
    </row>
    <row r="680264" spans="14:14">
      <c r="N680264" s="10"/>
    </row>
    <row r="680265" spans="14:14">
      <c r="N680265" s="10"/>
    </row>
    <row r="680266" spans="14:14">
      <c r="N680266" s="10"/>
    </row>
    <row r="680267" spans="14:14">
      <c r="N680267" s="10"/>
    </row>
    <row r="680268" spans="14:14">
      <c r="N680268" s="10"/>
    </row>
    <row r="680269" spans="14:14">
      <c r="N680269" s="10"/>
    </row>
    <row r="680270" spans="14:14">
      <c r="N680270" s="10"/>
    </row>
    <row r="680271" spans="14:14">
      <c r="N680271" s="10"/>
    </row>
    <row r="680272" spans="14:14">
      <c r="N680272" s="10"/>
    </row>
    <row r="680273" spans="14:14">
      <c r="N680273" s="10"/>
    </row>
    <row r="680274" spans="14:14">
      <c r="N680274" s="10"/>
    </row>
    <row r="680275" spans="14:14">
      <c r="N680275" s="10"/>
    </row>
    <row r="680276" spans="14:14">
      <c r="N680276" s="10"/>
    </row>
    <row r="680277" spans="14:14">
      <c r="N680277" s="10"/>
    </row>
    <row r="680278" spans="14:14">
      <c r="N680278" s="10"/>
    </row>
    <row r="680279" spans="14:14">
      <c r="N680279" s="10"/>
    </row>
    <row r="680280" spans="14:14">
      <c r="N680280" s="10"/>
    </row>
    <row r="680281" spans="14:14">
      <c r="N680281" s="10"/>
    </row>
    <row r="680282" spans="14:14">
      <c r="N680282" s="10"/>
    </row>
    <row r="680283" spans="14:14">
      <c r="N680283" s="10"/>
    </row>
    <row r="680284" spans="14:14">
      <c r="N680284" s="10"/>
    </row>
    <row r="680285" spans="14:14">
      <c r="N680285" s="10"/>
    </row>
    <row r="680286" spans="14:14">
      <c r="N680286" s="10"/>
    </row>
    <row r="680287" spans="14:14">
      <c r="N680287" s="10"/>
    </row>
    <row r="680288" spans="14:14">
      <c r="N680288" s="10"/>
    </row>
    <row r="680289" spans="14:14">
      <c r="N680289" s="10"/>
    </row>
    <row r="680290" spans="14:14">
      <c r="N680290" s="10"/>
    </row>
    <row r="680291" spans="14:14">
      <c r="N680291" s="10"/>
    </row>
    <row r="680292" spans="14:14">
      <c r="N680292" s="10"/>
    </row>
    <row r="680293" spans="14:14">
      <c r="N680293" s="10"/>
    </row>
    <row r="680294" spans="14:14">
      <c r="N680294" s="10"/>
    </row>
    <row r="680295" spans="14:14">
      <c r="N680295" s="10"/>
    </row>
    <row r="680296" spans="14:14">
      <c r="N680296" s="10"/>
    </row>
    <row r="680297" spans="14:14">
      <c r="N680297" s="10"/>
    </row>
    <row r="680298" spans="14:14">
      <c r="N680298" s="10"/>
    </row>
    <row r="680299" spans="14:14">
      <c r="N680299" s="10"/>
    </row>
    <row r="680300" spans="14:14">
      <c r="N680300" s="10"/>
    </row>
    <row r="680301" spans="14:14">
      <c r="N680301" s="10"/>
    </row>
    <row r="680302" spans="14:14">
      <c r="N680302" s="10"/>
    </row>
    <row r="680303" spans="14:14">
      <c r="N680303" s="10"/>
    </row>
    <row r="680304" spans="14:14">
      <c r="N680304" s="10"/>
    </row>
    <row r="680305" spans="14:14">
      <c r="N680305" s="10"/>
    </row>
    <row r="680306" spans="14:14">
      <c r="N680306" s="10"/>
    </row>
    <row r="680307" spans="14:14">
      <c r="N680307" s="10"/>
    </row>
    <row r="680308" spans="14:14">
      <c r="N680308" s="10"/>
    </row>
    <row r="680309" spans="14:14">
      <c r="N680309" s="10"/>
    </row>
    <row r="680310" spans="14:14">
      <c r="N680310" s="10"/>
    </row>
    <row r="680311" spans="14:14">
      <c r="N680311" s="10"/>
    </row>
    <row r="680312" spans="14:14">
      <c r="N680312" s="10"/>
    </row>
    <row r="680313" spans="14:14">
      <c r="N680313" s="10"/>
    </row>
    <row r="680314" spans="14:14">
      <c r="N680314" s="10"/>
    </row>
    <row r="680315" spans="14:14">
      <c r="N680315" s="10"/>
    </row>
    <row r="680316" spans="14:14">
      <c r="N680316" s="10"/>
    </row>
    <row r="680317" spans="14:14">
      <c r="N680317" s="10"/>
    </row>
    <row r="680318" spans="14:14">
      <c r="N680318" s="10"/>
    </row>
    <row r="680319" spans="14:14">
      <c r="N680319" s="10"/>
    </row>
    <row r="680320" spans="14:14">
      <c r="N680320" s="10"/>
    </row>
    <row r="680321" spans="14:14">
      <c r="N680321" s="10"/>
    </row>
    <row r="680322" spans="14:14">
      <c r="N680322" s="10"/>
    </row>
    <row r="680323" spans="14:14">
      <c r="N680323" s="10"/>
    </row>
    <row r="680324" spans="14:14">
      <c r="N680324" s="10"/>
    </row>
    <row r="680325" spans="14:14">
      <c r="N680325" s="10"/>
    </row>
    <row r="680326" spans="14:14">
      <c r="N680326" s="10"/>
    </row>
    <row r="680327" spans="14:14">
      <c r="N680327" s="10"/>
    </row>
    <row r="680328" spans="14:14">
      <c r="N680328" s="10"/>
    </row>
    <row r="680329" spans="14:14">
      <c r="N680329" s="10"/>
    </row>
    <row r="680330" spans="14:14">
      <c r="N680330" s="10"/>
    </row>
    <row r="680331" spans="14:14">
      <c r="N680331" s="10"/>
    </row>
    <row r="680332" spans="14:14">
      <c r="N680332" s="10"/>
    </row>
    <row r="680333" spans="14:14">
      <c r="N680333" s="10"/>
    </row>
    <row r="680334" spans="14:14">
      <c r="N680334" s="10"/>
    </row>
    <row r="680335" spans="14:14">
      <c r="N680335" s="10"/>
    </row>
    <row r="680336" spans="14:14">
      <c r="N680336" s="10"/>
    </row>
    <row r="680337" spans="14:14">
      <c r="N680337" s="10"/>
    </row>
    <row r="680338" spans="14:14">
      <c r="N680338" s="10"/>
    </row>
    <row r="680339" spans="14:14">
      <c r="N680339" s="10"/>
    </row>
    <row r="680340" spans="14:14">
      <c r="N680340" s="10"/>
    </row>
    <row r="680341" spans="14:14">
      <c r="N680341" s="10"/>
    </row>
    <row r="680342" spans="14:14">
      <c r="N680342" s="10"/>
    </row>
    <row r="680343" spans="14:14">
      <c r="N680343" s="10"/>
    </row>
    <row r="680344" spans="14:14">
      <c r="N680344" s="10"/>
    </row>
    <row r="680345" spans="14:14">
      <c r="N680345" s="10"/>
    </row>
    <row r="680346" spans="14:14">
      <c r="N680346" s="10"/>
    </row>
    <row r="680347" spans="14:14">
      <c r="N680347" s="10"/>
    </row>
    <row r="680348" spans="14:14">
      <c r="N680348" s="10"/>
    </row>
    <row r="680349" spans="14:14">
      <c r="N680349" s="10"/>
    </row>
    <row r="680350" spans="14:14">
      <c r="N680350" s="10"/>
    </row>
    <row r="680351" spans="14:14">
      <c r="N680351" s="10"/>
    </row>
    <row r="680352" spans="14:14">
      <c r="N680352" s="10"/>
    </row>
    <row r="680353" spans="14:14">
      <c r="N680353" s="10"/>
    </row>
    <row r="680354" spans="14:14">
      <c r="N680354" s="10"/>
    </row>
    <row r="680355" spans="14:14">
      <c r="N680355" s="10"/>
    </row>
    <row r="680356" spans="14:14">
      <c r="N680356" s="10"/>
    </row>
    <row r="680357" spans="14:14">
      <c r="N680357" s="10"/>
    </row>
    <row r="680358" spans="14:14">
      <c r="N680358" s="10"/>
    </row>
    <row r="680359" spans="14:14">
      <c r="N680359" s="10"/>
    </row>
    <row r="680360" spans="14:14">
      <c r="N680360" s="10"/>
    </row>
    <row r="680361" spans="14:14">
      <c r="N680361" s="10"/>
    </row>
    <row r="680362" spans="14:14">
      <c r="N680362" s="10"/>
    </row>
    <row r="680363" spans="14:14">
      <c r="N680363" s="10"/>
    </row>
    <row r="680364" spans="14:14">
      <c r="N680364" s="10"/>
    </row>
    <row r="680365" spans="14:14">
      <c r="N680365" s="10"/>
    </row>
    <row r="680366" spans="14:14">
      <c r="N680366" s="10"/>
    </row>
    <row r="680367" spans="14:14">
      <c r="N680367" s="10"/>
    </row>
    <row r="680368" spans="14:14">
      <c r="N680368" s="10"/>
    </row>
    <row r="680369" spans="14:14">
      <c r="N680369" s="10"/>
    </row>
    <row r="680370" spans="14:14">
      <c r="N680370" s="10"/>
    </row>
    <row r="680371" spans="14:14">
      <c r="N680371" s="10"/>
    </row>
    <row r="680372" spans="14:14">
      <c r="N680372" s="10"/>
    </row>
    <row r="680373" spans="14:14">
      <c r="N680373" s="10"/>
    </row>
    <row r="680374" spans="14:14">
      <c r="N680374" s="10"/>
    </row>
    <row r="680375" spans="14:14">
      <c r="N680375" s="10"/>
    </row>
    <row r="680376" spans="14:14">
      <c r="N680376" s="10"/>
    </row>
    <row r="680377" spans="14:14">
      <c r="N680377" s="10"/>
    </row>
    <row r="680378" spans="14:14">
      <c r="N680378" s="10"/>
    </row>
    <row r="680379" spans="14:14">
      <c r="N680379" s="10"/>
    </row>
    <row r="680380" spans="14:14">
      <c r="N680380" s="10"/>
    </row>
    <row r="680381" spans="14:14">
      <c r="N680381" s="10"/>
    </row>
    <row r="680382" spans="14:14">
      <c r="N680382" s="10"/>
    </row>
    <row r="680383" spans="14:14">
      <c r="N680383" s="10"/>
    </row>
    <row r="680384" spans="14:14">
      <c r="N680384" s="10"/>
    </row>
    <row r="680385" spans="14:14">
      <c r="N680385" s="10"/>
    </row>
    <row r="680386" spans="14:14">
      <c r="N680386" s="10"/>
    </row>
    <row r="680387" spans="14:14">
      <c r="N680387" s="10"/>
    </row>
    <row r="680388" spans="14:14">
      <c r="N680388" s="10"/>
    </row>
    <row r="680389" spans="14:14">
      <c r="N680389" s="10"/>
    </row>
    <row r="680390" spans="14:14">
      <c r="N680390" s="10"/>
    </row>
    <row r="680391" spans="14:14">
      <c r="N680391" s="10"/>
    </row>
    <row r="680392" spans="14:14">
      <c r="N680392" s="10"/>
    </row>
    <row r="680393" spans="14:14">
      <c r="N680393" s="10"/>
    </row>
    <row r="680394" spans="14:14">
      <c r="N680394" s="10"/>
    </row>
    <row r="680395" spans="14:14">
      <c r="N680395" s="10"/>
    </row>
    <row r="680396" spans="14:14">
      <c r="N680396" s="10"/>
    </row>
    <row r="680397" spans="14:14">
      <c r="N680397" s="10"/>
    </row>
    <row r="680398" spans="14:14">
      <c r="N680398" s="10"/>
    </row>
    <row r="680399" spans="14:14">
      <c r="N680399" s="10"/>
    </row>
    <row r="680400" spans="14:14">
      <c r="N680400" s="10"/>
    </row>
    <row r="680401" spans="14:14">
      <c r="N680401" s="10"/>
    </row>
    <row r="680402" spans="14:14">
      <c r="N680402" s="10"/>
    </row>
    <row r="680403" spans="14:14">
      <c r="N680403" s="10"/>
    </row>
    <row r="680404" spans="14:14">
      <c r="N680404" s="10"/>
    </row>
    <row r="680405" spans="14:14">
      <c r="N680405" s="10"/>
    </row>
    <row r="680406" spans="14:14">
      <c r="N680406" s="10"/>
    </row>
    <row r="680407" spans="14:14">
      <c r="N680407" s="10"/>
    </row>
    <row r="680408" spans="14:14">
      <c r="N680408" s="10"/>
    </row>
    <row r="680409" spans="14:14">
      <c r="N680409" s="10"/>
    </row>
    <row r="680410" spans="14:14">
      <c r="N680410" s="10"/>
    </row>
    <row r="680411" spans="14:14">
      <c r="N680411" s="10"/>
    </row>
    <row r="680412" spans="14:14">
      <c r="N680412" s="10"/>
    </row>
    <row r="680413" spans="14:14">
      <c r="N680413" s="10"/>
    </row>
    <row r="680414" spans="14:14">
      <c r="N680414" s="10"/>
    </row>
    <row r="680415" spans="14:14">
      <c r="N680415" s="10"/>
    </row>
    <row r="680416" spans="14:14">
      <c r="N680416" s="10"/>
    </row>
    <row r="680417" spans="14:14">
      <c r="N680417" s="10"/>
    </row>
    <row r="680418" spans="14:14">
      <c r="N680418" s="10"/>
    </row>
    <row r="680419" spans="14:14">
      <c r="N680419" s="10"/>
    </row>
    <row r="680420" spans="14:14">
      <c r="N680420" s="10"/>
    </row>
    <row r="680421" spans="14:14">
      <c r="N680421" s="10"/>
    </row>
    <row r="680422" spans="14:14">
      <c r="N680422" s="10"/>
    </row>
    <row r="680423" spans="14:14">
      <c r="N680423" s="10"/>
    </row>
    <row r="680424" spans="14:14">
      <c r="N680424" s="10"/>
    </row>
    <row r="680425" spans="14:14">
      <c r="N680425" s="10"/>
    </row>
    <row r="680426" spans="14:14">
      <c r="N680426" s="10"/>
    </row>
    <row r="680427" spans="14:14">
      <c r="N680427" s="10"/>
    </row>
    <row r="680428" spans="14:14">
      <c r="N680428" s="10"/>
    </row>
    <row r="680429" spans="14:14">
      <c r="N680429" s="10"/>
    </row>
    <row r="680430" spans="14:14">
      <c r="N680430" s="10"/>
    </row>
    <row r="680431" spans="14:14">
      <c r="N680431" s="10"/>
    </row>
    <row r="680432" spans="14:14">
      <c r="N680432" s="10"/>
    </row>
    <row r="680433" spans="14:14">
      <c r="N680433" s="10"/>
    </row>
    <row r="680434" spans="14:14">
      <c r="N680434" s="10"/>
    </row>
    <row r="680435" spans="14:14">
      <c r="N680435" s="10"/>
    </row>
    <row r="680436" spans="14:14">
      <c r="N680436" s="10"/>
    </row>
    <row r="680437" spans="14:14">
      <c r="N680437" s="10"/>
    </row>
    <row r="680438" spans="14:14">
      <c r="N680438" s="10"/>
    </row>
    <row r="680439" spans="14:14">
      <c r="N680439" s="10"/>
    </row>
    <row r="680440" spans="14:14">
      <c r="N680440" s="10"/>
    </row>
    <row r="680441" spans="14:14">
      <c r="N680441" s="10"/>
    </row>
    <row r="680442" spans="14:14">
      <c r="N680442" s="10"/>
    </row>
    <row r="680443" spans="14:14">
      <c r="N680443" s="10"/>
    </row>
    <row r="680444" spans="14:14">
      <c r="N680444" s="10"/>
    </row>
    <row r="680445" spans="14:14">
      <c r="N680445" s="10"/>
    </row>
    <row r="680446" spans="14:14">
      <c r="N680446" s="10"/>
    </row>
    <row r="680447" spans="14:14">
      <c r="N680447" s="10"/>
    </row>
    <row r="680448" spans="14:14">
      <c r="N680448" s="10"/>
    </row>
    <row r="680449" spans="14:14">
      <c r="N680449" s="10"/>
    </row>
    <row r="680450" spans="14:14">
      <c r="N680450" s="10"/>
    </row>
    <row r="680451" spans="14:14">
      <c r="N680451" s="10"/>
    </row>
    <row r="680452" spans="14:14">
      <c r="N680452" s="10"/>
    </row>
    <row r="680453" spans="14:14">
      <c r="N680453" s="10"/>
    </row>
    <row r="680454" spans="14:14">
      <c r="N680454" s="10"/>
    </row>
    <row r="680455" spans="14:14">
      <c r="N680455" s="10"/>
    </row>
    <row r="680456" spans="14:14">
      <c r="N680456" s="10"/>
    </row>
    <row r="680457" spans="14:14">
      <c r="N680457" s="10"/>
    </row>
    <row r="680458" spans="14:14">
      <c r="N680458" s="10"/>
    </row>
    <row r="680459" spans="14:14">
      <c r="N680459" s="10"/>
    </row>
    <row r="680460" spans="14:14">
      <c r="N680460" s="10"/>
    </row>
    <row r="680461" spans="14:14">
      <c r="N680461" s="10"/>
    </row>
    <row r="680462" spans="14:14">
      <c r="N680462" s="10"/>
    </row>
    <row r="680463" spans="14:14">
      <c r="N680463" s="10"/>
    </row>
    <row r="680464" spans="14:14">
      <c r="N680464" s="10"/>
    </row>
    <row r="680465" spans="14:14">
      <c r="N680465" s="10"/>
    </row>
    <row r="680466" spans="14:14">
      <c r="N680466" s="10"/>
    </row>
    <row r="680467" spans="14:14">
      <c r="N680467" s="10"/>
    </row>
    <row r="680468" spans="14:14">
      <c r="N680468" s="10"/>
    </row>
    <row r="680469" spans="14:14">
      <c r="N680469" s="10"/>
    </row>
    <row r="680470" spans="14:14">
      <c r="N680470" s="10"/>
    </row>
    <row r="680471" spans="14:14">
      <c r="N680471" s="10"/>
    </row>
    <row r="680472" spans="14:14">
      <c r="N680472" s="10"/>
    </row>
    <row r="680473" spans="14:14">
      <c r="N680473" s="10"/>
    </row>
    <row r="680474" spans="14:14">
      <c r="N680474" s="10"/>
    </row>
    <row r="680475" spans="14:14">
      <c r="N680475" s="10"/>
    </row>
    <row r="680476" spans="14:14">
      <c r="N680476" s="10"/>
    </row>
    <row r="680477" spans="14:14">
      <c r="N680477" s="10"/>
    </row>
    <row r="680478" spans="14:14">
      <c r="N680478" s="10"/>
    </row>
    <row r="680479" spans="14:14">
      <c r="N680479" s="10"/>
    </row>
    <row r="680480" spans="14:14">
      <c r="N680480" s="10"/>
    </row>
    <row r="680481" spans="14:14">
      <c r="N680481" s="10"/>
    </row>
    <row r="680482" spans="14:14">
      <c r="N680482" s="10"/>
    </row>
    <row r="680483" spans="14:14">
      <c r="N680483" s="10"/>
    </row>
    <row r="680484" spans="14:14">
      <c r="N680484" s="10"/>
    </row>
    <row r="680485" spans="14:14">
      <c r="N680485" s="10"/>
    </row>
    <row r="680486" spans="14:14">
      <c r="N680486" s="10"/>
    </row>
    <row r="680487" spans="14:14">
      <c r="N680487" s="10"/>
    </row>
    <row r="680488" spans="14:14">
      <c r="N680488" s="10"/>
    </row>
    <row r="680489" spans="14:14">
      <c r="N680489" s="10"/>
    </row>
    <row r="680490" spans="14:14">
      <c r="N680490" s="10"/>
    </row>
    <row r="680491" spans="14:14">
      <c r="N680491" s="10"/>
    </row>
    <row r="680492" spans="14:14">
      <c r="N680492" s="10"/>
    </row>
    <row r="680493" spans="14:14">
      <c r="N680493" s="10"/>
    </row>
    <row r="680494" spans="14:14">
      <c r="N680494" s="10"/>
    </row>
    <row r="680495" spans="14:14">
      <c r="N680495" s="10"/>
    </row>
    <row r="680496" spans="14:14">
      <c r="N680496" s="10"/>
    </row>
    <row r="680497" spans="14:14">
      <c r="N680497" s="10"/>
    </row>
    <row r="680498" spans="14:14">
      <c r="N680498" s="10"/>
    </row>
    <row r="680499" spans="14:14">
      <c r="N680499" s="10"/>
    </row>
    <row r="680500" spans="14:14">
      <c r="N680500" s="10"/>
    </row>
    <row r="680501" spans="14:14">
      <c r="N680501" s="10"/>
    </row>
    <row r="680502" spans="14:14">
      <c r="N680502" s="10"/>
    </row>
    <row r="680503" spans="14:14">
      <c r="N680503" s="10"/>
    </row>
    <row r="680504" spans="14:14">
      <c r="N680504" s="10"/>
    </row>
    <row r="680505" spans="14:14">
      <c r="N680505" s="10"/>
    </row>
    <row r="680506" spans="14:14">
      <c r="N680506" s="10"/>
    </row>
    <row r="680507" spans="14:14">
      <c r="N680507" s="10"/>
    </row>
    <row r="680508" spans="14:14">
      <c r="N680508" s="10"/>
    </row>
    <row r="680509" spans="14:14">
      <c r="N680509" s="10"/>
    </row>
    <row r="680510" spans="14:14">
      <c r="N680510" s="10"/>
    </row>
    <row r="680511" spans="14:14">
      <c r="N680511" s="10"/>
    </row>
    <row r="680512" spans="14:14">
      <c r="N680512" s="10"/>
    </row>
    <row r="680513" spans="14:14">
      <c r="N680513" s="10"/>
    </row>
    <row r="680514" spans="14:14">
      <c r="N680514" s="10"/>
    </row>
    <row r="680515" spans="14:14">
      <c r="N680515" s="10"/>
    </row>
    <row r="680516" spans="14:14">
      <c r="N680516" s="10"/>
    </row>
    <row r="680517" spans="14:14">
      <c r="N680517" s="10"/>
    </row>
    <row r="680518" spans="14:14">
      <c r="N680518" s="10"/>
    </row>
    <row r="680519" spans="14:14">
      <c r="N680519" s="10"/>
    </row>
    <row r="680520" spans="14:14">
      <c r="N680520" s="10"/>
    </row>
    <row r="680521" spans="14:14">
      <c r="N680521" s="10"/>
    </row>
    <row r="680522" spans="14:14">
      <c r="N680522" s="10"/>
    </row>
    <row r="680523" spans="14:14">
      <c r="N680523" s="10"/>
    </row>
    <row r="680524" spans="14:14">
      <c r="N680524" s="10"/>
    </row>
    <row r="680525" spans="14:14">
      <c r="N680525" s="10"/>
    </row>
    <row r="680526" spans="14:14">
      <c r="N680526" s="10"/>
    </row>
    <row r="680527" spans="14:14">
      <c r="N680527" s="10"/>
    </row>
    <row r="680528" spans="14:14">
      <c r="N680528" s="10"/>
    </row>
    <row r="680529" spans="14:14">
      <c r="N680529" s="10"/>
    </row>
    <row r="680530" spans="14:14">
      <c r="N680530" s="10"/>
    </row>
    <row r="680531" spans="14:14">
      <c r="N680531" s="10"/>
    </row>
    <row r="680532" spans="14:14">
      <c r="N680532" s="10"/>
    </row>
    <row r="680533" spans="14:14">
      <c r="N680533" s="10"/>
    </row>
    <row r="680534" spans="14:14">
      <c r="N680534" s="10"/>
    </row>
    <row r="680535" spans="14:14">
      <c r="N680535" s="10"/>
    </row>
    <row r="680536" spans="14:14">
      <c r="N680536" s="10"/>
    </row>
    <row r="680537" spans="14:14">
      <c r="N680537" s="10"/>
    </row>
    <row r="680538" spans="14:14">
      <c r="N680538" s="10"/>
    </row>
    <row r="680539" spans="14:14">
      <c r="N680539" s="10"/>
    </row>
    <row r="680540" spans="14:14">
      <c r="N680540" s="10"/>
    </row>
    <row r="680541" spans="14:14">
      <c r="N680541" s="10"/>
    </row>
    <row r="680542" spans="14:14">
      <c r="N680542" s="10"/>
    </row>
    <row r="680543" spans="14:14">
      <c r="N680543" s="10"/>
    </row>
    <row r="680544" spans="14:14">
      <c r="N680544" s="10"/>
    </row>
    <row r="680545" spans="14:14">
      <c r="N680545" s="10"/>
    </row>
    <row r="680546" spans="14:14">
      <c r="N680546" s="10"/>
    </row>
    <row r="680547" spans="14:14">
      <c r="N680547" s="10"/>
    </row>
    <row r="680548" spans="14:14">
      <c r="N680548" s="10"/>
    </row>
    <row r="680549" spans="14:14">
      <c r="N680549" s="10"/>
    </row>
    <row r="680550" spans="14:14">
      <c r="N680550" s="10"/>
    </row>
    <row r="680551" spans="14:14">
      <c r="N680551" s="10"/>
    </row>
    <row r="680552" spans="14:14">
      <c r="N680552" s="10"/>
    </row>
    <row r="680553" spans="14:14">
      <c r="N680553" s="10"/>
    </row>
    <row r="680554" spans="14:14">
      <c r="N680554" s="10"/>
    </row>
    <row r="680555" spans="14:14">
      <c r="N680555" s="10"/>
    </row>
    <row r="680556" spans="14:14">
      <c r="N680556" s="10"/>
    </row>
    <row r="680557" spans="14:14">
      <c r="N680557" s="10"/>
    </row>
    <row r="680558" spans="14:14">
      <c r="N680558" s="10"/>
    </row>
    <row r="680559" spans="14:14">
      <c r="N680559" s="10"/>
    </row>
    <row r="680560" spans="14:14">
      <c r="N680560" s="10"/>
    </row>
    <row r="680561" spans="14:14">
      <c r="N680561" s="10"/>
    </row>
    <row r="680562" spans="14:14">
      <c r="N680562" s="10"/>
    </row>
    <row r="680563" spans="14:14">
      <c r="N680563" s="10"/>
    </row>
    <row r="680564" spans="14:14">
      <c r="N680564" s="10"/>
    </row>
    <row r="680565" spans="14:14">
      <c r="N680565" s="10"/>
    </row>
    <row r="680566" spans="14:14">
      <c r="N680566" s="10"/>
    </row>
    <row r="680567" spans="14:14">
      <c r="N680567" s="10"/>
    </row>
    <row r="680568" spans="14:14">
      <c r="N680568" s="10"/>
    </row>
    <row r="680569" spans="14:14">
      <c r="N680569" s="10"/>
    </row>
    <row r="680570" spans="14:14">
      <c r="N680570" s="10"/>
    </row>
    <row r="680571" spans="14:14">
      <c r="N680571" s="10"/>
    </row>
    <row r="680572" spans="14:14">
      <c r="N680572" s="10"/>
    </row>
    <row r="680573" spans="14:14">
      <c r="N680573" s="10"/>
    </row>
    <row r="680574" spans="14:14">
      <c r="N680574" s="10"/>
    </row>
    <row r="680575" spans="14:14">
      <c r="N680575" s="10"/>
    </row>
    <row r="680576" spans="14:14">
      <c r="N680576" s="10"/>
    </row>
    <row r="680577" spans="14:14">
      <c r="N680577" s="10"/>
    </row>
    <row r="680578" spans="14:14">
      <c r="N680578" s="10"/>
    </row>
    <row r="680579" spans="14:14">
      <c r="N680579" s="10"/>
    </row>
    <row r="680580" spans="14:14">
      <c r="N680580" s="10"/>
    </row>
    <row r="680581" spans="14:14">
      <c r="N680581" s="10"/>
    </row>
    <row r="680582" spans="14:14">
      <c r="N680582" s="10"/>
    </row>
    <row r="680583" spans="14:14">
      <c r="N680583" s="10"/>
    </row>
    <row r="680584" spans="14:14">
      <c r="N680584" s="10"/>
    </row>
    <row r="680585" spans="14:14">
      <c r="N680585" s="10"/>
    </row>
    <row r="680586" spans="14:14">
      <c r="N680586" s="10"/>
    </row>
    <row r="680587" spans="14:14">
      <c r="N680587" s="10"/>
    </row>
    <row r="680588" spans="14:14">
      <c r="N680588" s="10"/>
    </row>
    <row r="680589" spans="14:14">
      <c r="N680589" s="10"/>
    </row>
    <row r="680590" spans="14:14">
      <c r="N680590" s="10"/>
    </row>
    <row r="680591" spans="14:14">
      <c r="N680591" s="10"/>
    </row>
    <row r="680592" spans="14:14">
      <c r="N680592" s="10"/>
    </row>
    <row r="680593" spans="14:14">
      <c r="N680593" s="10"/>
    </row>
    <row r="680594" spans="14:14">
      <c r="N680594" s="10"/>
    </row>
    <row r="680595" spans="14:14">
      <c r="N680595" s="10"/>
    </row>
    <row r="680596" spans="14:14">
      <c r="N680596" s="10"/>
    </row>
    <row r="680597" spans="14:14">
      <c r="N680597" s="10"/>
    </row>
    <row r="680598" spans="14:14">
      <c r="N680598" s="10"/>
    </row>
    <row r="680599" spans="14:14">
      <c r="N680599" s="10"/>
    </row>
    <row r="680600" spans="14:14">
      <c r="N680600" s="10"/>
    </row>
    <row r="680601" spans="14:14">
      <c r="N680601" s="10"/>
    </row>
    <row r="680602" spans="14:14">
      <c r="N680602" s="10"/>
    </row>
    <row r="680603" spans="14:14">
      <c r="N680603" s="10"/>
    </row>
    <row r="680604" spans="14:14">
      <c r="N680604" s="10"/>
    </row>
    <row r="680605" spans="14:14">
      <c r="N680605" s="10"/>
    </row>
    <row r="680606" spans="14:14">
      <c r="N680606" s="10"/>
    </row>
    <row r="680607" spans="14:14">
      <c r="N680607" s="10"/>
    </row>
    <row r="680608" spans="14:14">
      <c r="N680608" s="10"/>
    </row>
    <row r="680609" spans="14:14">
      <c r="N680609" s="10"/>
    </row>
    <row r="680610" spans="14:14">
      <c r="N680610" s="10"/>
    </row>
    <row r="680611" spans="14:14">
      <c r="N680611" s="10"/>
    </row>
    <row r="680612" spans="14:14">
      <c r="N680612" s="10"/>
    </row>
    <row r="680613" spans="14:14">
      <c r="N680613" s="10"/>
    </row>
    <row r="680614" spans="14:14">
      <c r="N680614" s="10"/>
    </row>
    <row r="680615" spans="14:14">
      <c r="N680615" s="10"/>
    </row>
    <row r="680616" spans="14:14">
      <c r="N680616" s="10"/>
    </row>
    <row r="680617" spans="14:14">
      <c r="N680617" s="10"/>
    </row>
    <row r="680618" spans="14:14">
      <c r="N680618" s="10"/>
    </row>
    <row r="680619" spans="14:14">
      <c r="N680619" s="10"/>
    </row>
    <row r="680620" spans="14:14">
      <c r="N680620" s="10"/>
    </row>
    <row r="680621" spans="14:14">
      <c r="N680621" s="10"/>
    </row>
    <row r="680622" spans="14:14">
      <c r="N680622" s="10"/>
    </row>
    <row r="680623" spans="14:14">
      <c r="N680623" s="10"/>
    </row>
    <row r="680624" spans="14:14">
      <c r="N680624" s="10"/>
    </row>
    <row r="680625" spans="14:14">
      <c r="N680625" s="10"/>
    </row>
    <row r="680626" spans="14:14">
      <c r="N680626" s="10"/>
    </row>
    <row r="680627" spans="14:14">
      <c r="N680627" s="10"/>
    </row>
    <row r="680628" spans="14:14">
      <c r="N680628" s="10"/>
    </row>
    <row r="680629" spans="14:14">
      <c r="N680629" s="10"/>
    </row>
    <row r="680630" spans="14:14">
      <c r="N680630" s="10"/>
    </row>
    <row r="680631" spans="14:14">
      <c r="N680631" s="10"/>
    </row>
    <row r="680632" spans="14:14">
      <c r="N680632" s="10"/>
    </row>
    <row r="680633" spans="14:14">
      <c r="N680633" s="10"/>
    </row>
    <row r="680634" spans="14:14">
      <c r="N680634" s="10"/>
    </row>
    <row r="680635" spans="14:14">
      <c r="N680635" s="10"/>
    </row>
    <row r="680636" spans="14:14">
      <c r="N680636" s="10"/>
    </row>
    <row r="680637" spans="14:14">
      <c r="N680637" s="10"/>
    </row>
    <row r="680638" spans="14:14">
      <c r="N680638" s="10"/>
    </row>
    <row r="680639" spans="14:14">
      <c r="N680639" s="10"/>
    </row>
    <row r="680640" spans="14:14">
      <c r="N680640" s="10"/>
    </row>
    <row r="680641" spans="14:14">
      <c r="N680641" s="10"/>
    </row>
    <row r="680642" spans="14:14">
      <c r="N680642" s="10"/>
    </row>
    <row r="680643" spans="14:14">
      <c r="N680643" s="10"/>
    </row>
    <row r="680644" spans="14:14">
      <c r="N680644" s="10"/>
    </row>
    <row r="680645" spans="14:14">
      <c r="N680645" s="10"/>
    </row>
    <row r="680646" spans="14:14">
      <c r="N680646" s="10"/>
    </row>
    <row r="680647" spans="14:14">
      <c r="N680647" s="10"/>
    </row>
    <row r="680648" spans="14:14">
      <c r="N680648" s="10"/>
    </row>
    <row r="680649" spans="14:14">
      <c r="N680649" s="10"/>
    </row>
    <row r="680650" spans="14:14">
      <c r="N680650" s="10"/>
    </row>
    <row r="680651" spans="14:14">
      <c r="N680651" s="10"/>
    </row>
    <row r="680652" spans="14:14">
      <c r="N680652" s="10"/>
    </row>
    <row r="680653" spans="14:14">
      <c r="N680653" s="10"/>
    </row>
    <row r="680654" spans="14:14">
      <c r="N680654" s="10"/>
    </row>
    <row r="680655" spans="14:14">
      <c r="N680655" s="10"/>
    </row>
    <row r="680656" spans="14:14">
      <c r="N680656" s="10"/>
    </row>
    <row r="680657" spans="14:14">
      <c r="N680657" s="10"/>
    </row>
    <row r="680658" spans="14:14">
      <c r="N680658" s="10"/>
    </row>
    <row r="680659" spans="14:14">
      <c r="N680659" s="10"/>
    </row>
    <row r="680660" spans="14:14">
      <c r="N680660" s="10"/>
    </row>
    <row r="680661" spans="14:14">
      <c r="N680661" s="10"/>
    </row>
    <row r="680662" spans="14:14">
      <c r="N680662" s="10"/>
    </row>
    <row r="680663" spans="14:14">
      <c r="N680663" s="10"/>
    </row>
    <row r="680664" spans="14:14">
      <c r="N680664" s="10"/>
    </row>
    <row r="680665" spans="14:14">
      <c r="N680665" s="10"/>
    </row>
    <row r="680666" spans="14:14">
      <c r="N680666" s="10"/>
    </row>
    <row r="680667" spans="14:14">
      <c r="N680667" s="10"/>
    </row>
    <row r="680668" spans="14:14">
      <c r="N680668" s="10"/>
    </row>
    <row r="680669" spans="14:14">
      <c r="N680669" s="10"/>
    </row>
    <row r="680670" spans="14:14">
      <c r="N680670" s="10"/>
    </row>
    <row r="680671" spans="14:14">
      <c r="N680671" s="10"/>
    </row>
    <row r="680672" spans="14:14">
      <c r="N680672" s="10"/>
    </row>
    <row r="680673" spans="14:14">
      <c r="N680673" s="10"/>
    </row>
    <row r="680674" spans="14:14">
      <c r="N680674" s="10"/>
    </row>
    <row r="680675" spans="14:14">
      <c r="N680675" s="10"/>
    </row>
    <row r="680676" spans="14:14">
      <c r="N680676" s="10"/>
    </row>
    <row r="680677" spans="14:14">
      <c r="N680677" s="10"/>
    </row>
    <row r="680678" spans="14:14">
      <c r="N680678" s="10"/>
    </row>
    <row r="680679" spans="14:14">
      <c r="N680679" s="10"/>
    </row>
    <row r="680680" spans="14:14">
      <c r="N680680" s="10"/>
    </row>
    <row r="680681" spans="14:14">
      <c r="N680681" s="10"/>
    </row>
    <row r="680682" spans="14:14">
      <c r="N680682" s="10"/>
    </row>
    <row r="680683" spans="14:14">
      <c r="N680683" s="10"/>
    </row>
    <row r="680684" spans="14:14">
      <c r="N680684" s="10"/>
    </row>
    <row r="680685" spans="14:14">
      <c r="N680685" s="10"/>
    </row>
    <row r="680686" spans="14:14">
      <c r="N680686" s="10"/>
    </row>
    <row r="680687" spans="14:14">
      <c r="N680687" s="10"/>
    </row>
    <row r="680688" spans="14:14">
      <c r="N680688" s="10"/>
    </row>
    <row r="680689" spans="14:14">
      <c r="N680689" s="10"/>
    </row>
    <row r="680690" spans="14:14">
      <c r="N680690" s="10"/>
    </row>
    <row r="680691" spans="14:14">
      <c r="N680691" s="10"/>
    </row>
    <row r="680692" spans="14:14">
      <c r="N680692" s="10"/>
    </row>
    <row r="680693" spans="14:14">
      <c r="N680693" s="10"/>
    </row>
    <row r="680694" spans="14:14">
      <c r="N680694" s="10"/>
    </row>
    <row r="680695" spans="14:14">
      <c r="N680695" s="10"/>
    </row>
    <row r="680696" spans="14:14">
      <c r="N680696" s="10"/>
    </row>
    <row r="680697" spans="14:14">
      <c r="N680697" s="10"/>
    </row>
    <row r="680698" spans="14:14">
      <c r="N680698" s="10"/>
    </row>
    <row r="680699" spans="14:14">
      <c r="N680699" s="10"/>
    </row>
    <row r="680700" spans="14:14">
      <c r="N680700" s="10"/>
    </row>
    <row r="680701" spans="14:14">
      <c r="N680701" s="10"/>
    </row>
    <row r="680702" spans="14:14">
      <c r="N680702" s="10"/>
    </row>
    <row r="680703" spans="14:14">
      <c r="N680703" s="10"/>
    </row>
    <row r="680704" spans="14:14">
      <c r="N680704" s="10"/>
    </row>
    <row r="680705" spans="14:14">
      <c r="N680705" s="10"/>
    </row>
    <row r="680706" spans="14:14">
      <c r="N680706" s="10"/>
    </row>
    <row r="680707" spans="14:14">
      <c r="N680707" s="10"/>
    </row>
    <row r="680708" spans="14:14">
      <c r="N680708" s="10"/>
    </row>
    <row r="680709" spans="14:14">
      <c r="N680709" s="10"/>
    </row>
    <row r="680710" spans="14:14">
      <c r="N680710" s="10"/>
    </row>
    <row r="680711" spans="14:14">
      <c r="N680711" s="10"/>
    </row>
    <row r="680712" spans="14:14">
      <c r="N680712" s="10"/>
    </row>
    <row r="680713" spans="14:14">
      <c r="N680713" s="10"/>
    </row>
    <row r="680714" spans="14:14">
      <c r="N680714" s="10"/>
    </row>
    <row r="680715" spans="14:14">
      <c r="N680715" s="10"/>
    </row>
    <row r="680716" spans="14:14">
      <c r="N680716" s="10"/>
    </row>
    <row r="680717" spans="14:14">
      <c r="N680717" s="10"/>
    </row>
    <row r="680718" spans="14:14">
      <c r="N680718" s="10"/>
    </row>
    <row r="680719" spans="14:14">
      <c r="N680719" s="10"/>
    </row>
    <row r="680720" spans="14:14">
      <c r="N680720" s="10"/>
    </row>
    <row r="680721" spans="14:14">
      <c r="N680721" s="10"/>
    </row>
    <row r="680722" spans="14:14">
      <c r="N680722" s="10"/>
    </row>
    <row r="680723" spans="14:14">
      <c r="N680723" s="10"/>
    </row>
    <row r="680724" spans="14:14">
      <c r="N680724" s="10"/>
    </row>
    <row r="680725" spans="14:14">
      <c r="N680725" s="10"/>
    </row>
    <row r="680726" spans="14:14">
      <c r="N680726" s="10"/>
    </row>
    <row r="680727" spans="14:14">
      <c r="N680727" s="10"/>
    </row>
    <row r="680728" spans="14:14">
      <c r="N680728" s="10"/>
    </row>
    <row r="680729" spans="14:14">
      <c r="N680729" s="10"/>
    </row>
    <row r="680730" spans="14:14">
      <c r="N680730" s="10"/>
    </row>
    <row r="680731" spans="14:14">
      <c r="N680731" s="10"/>
    </row>
    <row r="680732" spans="14:14">
      <c r="N680732" s="10"/>
    </row>
    <row r="680733" spans="14:14">
      <c r="N680733" s="10"/>
    </row>
    <row r="680734" spans="14:14">
      <c r="N680734" s="10"/>
    </row>
    <row r="680735" spans="14:14">
      <c r="N680735" s="10"/>
    </row>
    <row r="680736" spans="14:14">
      <c r="N680736" s="10"/>
    </row>
    <row r="680737" spans="14:14">
      <c r="N680737" s="10"/>
    </row>
    <row r="680738" spans="14:14">
      <c r="N680738" s="10"/>
    </row>
    <row r="680739" spans="14:14">
      <c r="N680739" s="10"/>
    </row>
    <row r="680740" spans="14:14">
      <c r="N680740" s="10"/>
    </row>
    <row r="680741" spans="14:14">
      <c r="N680741" s="10"/>
    </row>
    <row r="680742" spans="14:14">
      <c r="N680742" s="10"/>
    </row>
    <row r="680743" spans="14:14">
      <c r="N680743" s="10"/>
    </row>
    <row r="680744" spans="14:14">
      <c r="N680744" s="10"/>
    </row>
    <row r="680745" spans="14:14">
      <c r="N680745" s="10"/>
    </row>
    <row r="680746" spans="14:14">
      <c r="N680746" s="10"/>
    </row>
    <row r="680747" spans="14:14">
      <c r="N680747" s="10"/>
    </row>
    <row r="680748" spans="14:14">
      <c r="N680748" s="10"/>
    </row>
    <row r="680749" spans="14:14">
      <c r="N680749" s="10"/>
    </row>
    <row r="680750" spans="14:14">
      <c r="N680750" s="10"/>
    </row>
    <row r="680751" spans="14:14">
      <c r="N680751" s="10"/>
    </row>
    <row r="680752" spans="14:14">
      <c r="N680752" s="10"/>
    </row>
    <row r="680753" spans="14:14">
      <c r="N680753" s="10"/>
    </row>
    <row r="680754" spans="14:14">
      <c r="N680754" s="10"/>
    </row>
    <row r="680755" spans="14:14">
      <c r="N680755" s="10"/>
    </row>
    <row r="680756" spans="14:14">
      <c r="N680756" s="10"/>
    </row>
    <row r="680757" spans="14:14">
      <c r="N680757" s="10"/>
    </row>
    <row r="680758" spans="14:14">
      <c r="N680758" s="10"/>
    </row>
    <row r="680759" spans="14:14">
      <c r="N680759" s="10"/>
    </row>
    <row r="680760" spans="14:14">
      <c r="N680760" s="10"/>
    </row>
    <row r="680761" spans="14:14">
      <c r="N680761" s="10"/>
    </row>
    <row r="680762" spans="14:14">
      <c r="N680762" s="10"/>
    </row>
    <row r="680763" spans="14:14">
      <c r="N680763" s="10"/>
    </row>
    <row r="680764" spans="14:14">
      <c r="N680764" s="10"/>
    </row>
    <row r="680765" spans="14:14">
      <c r="N680765" s="10"/>
    </row>
    <row r="680766" spans="14:14">
      <c r="N680766" s="10"/>
    </row>
    <row r="680767" spans="14:14">
      <c r="N680767" s="10"/>
    </row>
    <row r="680768" spans="14:14">
      <c r="N680768" s="10"/>
    </row>
    <row r="680769" spans="14:14">
      <c r="N680769" s="10"/>
    </row>
    <row r="680770" spans="14:14">
      <c r="N680770" s="10"/>
    </row>
    <row r="680771" spans="14:14">
      <c r="N680771" s="10"/>
    </row>
    <row r="680772" spans="14:14">
      <c r="N680772" s="10"/>
    </row>
    <row r="680773" spans="14:14">
      <c r="N680773" s="10"/>
    </row>
    <row r="680774" spans="14:14">
      <c r="N680774" s="10"/>
    </row>
    <row r="680775" spans="14:14">
      <c r="N680775" s="10"/>
    </row>
    <row r="680776" spans="14:14">
      <c r="N680776" s="10"/>
    </row>
    <row r="680777" spans="14:14">
      <c r="N680777" s="10"/>
    </row>
    <row r="680778" spans="14:14">
      <c r="N680778" s="10"/>
    </row>
    <row r="680779" spans="14:14">
      <c r="N680779" s="10"/>
    </row>
    <row r="680780" spans="14:14">
      <c r="N680780" s="10"/>
    </row>
    <row r="680781" spans="14:14">
      <c r="N680781" s="10"/>
    </row>
    <row r="680782" spans="14:14">
      <c r="N680782" s="10"/>
    </row>
    <row r="680783" spans="14:14">
      <c r="N680783" s="10"/>
    </row>
    <row r="680784" spans="14:14">
      <c r="N680784" s="10"/>
    </row>
    <row r="680785" spans="14:14">
      <c r="N680785" s="10"/>
    </row>
    <row r="680786" spans="14:14">
      <c r="N680786" s="10"/>
    </row>
    <row r="680787" spans="14:14">
      <c r="N680787" s="10"/>
    </row>
    <row r="680788" spans="14:14">
      <c r="N680788" s="10"/>
    </row>
    <row r="680789" spans="14:14">
      <c r="N680789" s="10"/>
    </row>
    <row r="680790" spans="14:14">
      <c r="N680790" s="10"/>
    </row>
    <row r="680791" spans="14:14">
      <c r="N680791" s="10"/>
    </row>
    <row r="680792" spans="14:14">
      <c r="N680792" s="10"/>
    </row>
    <row r="680793" spans="14:14">
      <c r="N680793" s="10"/>
    </row>
    <row r="680794" spans="14:14">
      <c r="N680794" s="10"/>
    </row>
    <row r="680795" spans="14:14">
      <c r="N680795" s="10"/>
    </row>
    <row r="680796" spans="14:14">
      <c r="N680796" s="10"/>
    </row>
    <row r="680797" spans="14:14">
      <c r="N680797" s="10"/>
    </row>
    <row r="680798" spans="14:14">
      <c r="N680798" s="10"/>
    </row>
    <row r="680799" spans="14:14">
      <c r="N680799" s="10"/>
    </row>
    <row r="680800" spans="14:14">
      <c r="N680800" s="10"/>
    </row>
    <row r="680801" spans="14:14">
      <c r="N680801" s="10"/>
    </row>
    <row r="680802" spans="14:14">
      <c r="N680802" s="10"/>
    </row>
    <row r="680803" spans="14:14">
      <c r="N680803" s="10"/>
    </row>
    <row r="680804" spans="14:14">
      <c r="N680804" s="10"/>
    </row>
    <row r="680805" spans="14:14">
      <c r="N680805" s="10"/>
    </row>
    <row r="680806" spans="14:14">
      <c r="N680806" s="10"/>
    </row>
    <row r="680807" spans="14:14">
      <c r="N680807" s="10"/>
    </row>
    <row r="680808" spans="14:14">
      <c r="N680808" s="10"/>
    </row>
    <row r="680809" spans="14:14">
      <c r="N680809" s="10"/>
    </row>
    <row r="680810" spans="14:14">
      <c r="N680810" s="10"/>
    </row>
    <row r="680811" spans="14:14">
      <c r="N680811" s="10"/>
    </row>
    <row r="680812" spans="14:14">
      <c r="N680812" s="10"/>
    </row>
    <row r="680813" spans="14:14">
      <c r="N680813" s="10"/>
    </row>
    <row r="680814" spans="14:14">
      <c r="N680814" s="10"/>
    </row>
    <row r="680815" spans="14:14">
      <c r="N680815" s="10"/>
    </row>
    <row r="680816" spans="14:14">
      <c r="N680816" s="10"/>
    </row>
    <row r="680817" spans="14:14">
      <c r="N680817" s="10"/>
    </row>
    <row r="680818" spans="14:14">
      <c r="N680818" s="10"/>
    </row>
    <row r="680819" spans="14:14">
      <c r="N680819" s="10"/>
    </row>
    <row r="680820" spans="14:14">
      <c r="N680820" s="10"/>
    </row>
    <row r="680821" spans="14:14">
      <c r="N680821" s="10"/>
    </row>
    <row r="680822" spans="14:14">
      <c r="N680822" s="10"/>
    </row>
    <row r="680823" spans="14:14">
      <c r="N680823" s="10"/>
    </row>
    <row r="680824" spans="14:14">
      <c r="N680824" s="10"/>
    </row>
    <row r="680825" spans="14:14">
      <c r="N680825" s="10"/>
    </row>
    <row r="680826" spans="14:14">
      <c r="N680826" s="10"/>
    </row>
    <row r="680827" spans="14:14">
      <c r="N680827" s="10"/>
    </row>
    <row r="680828" spans="14:14">
      <c r="N680828" s="10"/>
    </row>
    <row r="680829" spans="14:14">
      <c r="N680829" s="10"/>
    </row>
    <row r="680830" spans="14:14">
      <c r="N680830" s="10"/>
    </row>
    <row r="680831" spans="14:14">
      <c r="N680831" s="10"/>
    </row>
    <row r="680832" spans="14:14">
      <c r="N680832" s="10"/>
    </row>
    <row r="680833" spans="14:14">
      <c r="N680833" s="10"/>
    </row>
    <row r="680834" spans="14:14">
      <c r="N680834" s="10"/>
    </row>
    <row r="680835" spans="14:14">
      <c r="N680835" s="10"/>
    </row>
    <row r="680836" spans="14:14">
      <c r="N680836" s="10"/>
    </row>
    <row r="680837" spans="14:14">
      <c r="N680837" s="10"/>
    </row>
    <row r="680838" spans="14:14">
      <c r="N680838" s="10"/>
    </row>
    <row r="680839" spans="14:14">
      <c r="N680839" s="10"/>
    </row>
    <row r="680840" spans="14:14">
      <c r="N680840" s="10"/>
    </row>
    <row r="680841" spans="14:14">
      <c r="N680841" s="10"/>
    </row>
    <row r="680842" spans="14:14">
      <c r="N680842" s="10"/>
    </row>
    <row r="680843" spans="14:14">
      <c r="N680843" s="10"/>
    </row>
    <row r="680844" spans="14:14">
      <c r="N680844" s="10"/>
    </row>
    <row r="680845" spans="14:14">
      <c r="N680845" s="10"/>
    </row>
    <row r="680846" spans="14:14">
      <c r="N680846" s="10"/>
    </row>
    <row r="680847" spans="14:14">
      <c r="N680847" s="10"/>
    </row>
    <row r="680848" spans="14:14">
      <c r="N680848" s="10"/>
    </row>
    <row r="680849" spans="14:14">
      <c r="N680849" s="10"/>
    </row>
    <row r="680850" spans="14:14">
      <c r="N680850" s="10"/>
    </row>
    <row r="680851" spans="14:14">
      <c r="N680851" s="10"/>
    </row>
    <row r="680852" spans="14:14">
      <c r="N680852" s="10"/>
    </row>
    <row r="680853" spans="14:14">
      <c r="N680853" s="10"/>
    </row>
    <row r="680854" spans="14:14">
      <c r="N680854" s="10"/>
    </row>
    <row r="680855" spans="14:14">
      <c r="N680855" s="10"/>
    </row>
    <row r="680856" spans="14:14">
      <c r="N680856" s="10"/>
    </row>
    <row r="680857" spans="14:14">
      <c r="N680857" s="10"/>
    </row>
    <row r="680858" spans="14:14">
      <c r="N680858" s="10"/>
    </row>
    <row r="680859" spans="14:14">
      <c r="N680859" s="10"/>
    </row>
    <row r="680860" spans="14:14">
      <c r="N680860" s="10"/>
    </row>
    <row r="680861" spans="14:14">
      <c r="N680861" s="10"/>
    </row>
    <row r="680862" spans="14:14">
      <c r="N680862" s="10"/>
    </row>
    <row r="680863" spans="14:14">
      <c r="N680863" s="10"/>
    </row>
    <row r="680864" spans="14:14">
      <c r="N680864" s="10"/>
    </row>
    <row r="680865" spans="14:14">
      <c r="N680865" s="10"/>
    </row>
    <row r="680866" spans="14:14">
      <c r="N680866" s="10"/>
    </row>
    <row r="680867" spans="14:14">
      <c r="N680867" s="10"/>
    </row>
    <row r="680868" spans="14:14">
      <c r="N680868" s="10"/>
    </row>
    <row r="680869" spans="14:14">
      <c r="N680869" s="10"/>
    </row>
    <row r="680870" spans="14:14">
      <c r="N680870" s="10"/>
    </row>
    <row r="680871" spans="14:14">
      <c r="N680871" s="10"/>
    </row>
    <row r="680872" spans="14:14">
      <c r="N680872" s="10"/>
    </row>
    <row r="680873" spans="14:14">
      <c r="N680873" s="10"/>
    </row>
    <row r="680874" spans="14:14">
      <c r="N680874" s="10"/>
    </row>
    <row r="680875" spans="14:14">
      <c r="N680875" s="10"/>
    </row>
    <row r="680876" spans="14:14">
      <c r="N680876" s="10"/>
    </row>
    <row r="680877" spans="14:14">
      <c r="N680877" s="10"/>
    </row>
    <row r="680878" spans="14:14">
      <c r="N680878" s="10"/>
    </row>
    <row r="680879" spans="14:14">
      <c r="N680879" s="10"/>
    </row>
    <row r="680880" spans="14:14">
      <c r="N680880" s="10"/>
    </row>
    <row r="680881" spans="14:14">
      <c r="N680881" s="10"/>
    </row>
    <row r="680882" spans="14:14">
      <c r="N680882" s="10"/>
    </row>
    <row r="680883" spans="14:14">
      <c r="N680883" s="10"/>
    </row>
    <row r="680884" spans="14:14">
      <c r="N680884" s="10"/>
    </row>
    <row r="680885" spans="14:14">
      <c r="N680885" s="10"/>
    </row>
    <row r="680886" spans="14:14">
      <c r="N680886" s="10"/>
    </row>
    <row r="680887" spans="14:14">
      <c r="N680887" s="10"/>
    </row>
    <row r="680888" spans="14:14">
      <c r="N680888" s="10"/>
    </row>
    <row r="680889" spans="14:14">
      <c r="N680889" s="10"/>
    </row>
    <row r="680890" spans="14:14">
      <c r="N680890" s="10"/>
    </row>
    <row r="680891" spans="14:14">
      <c r="N680891" s="10"/>
    </row>
    <row r="680892" spans="14:14">
      <c r="N680892" s="10"/>
    </row>
    <row r="680893" spans="14:14">
      <c r="N680893" s="10"/>
    </row>
    <row r="680894" spans="14:14">
      <c r="N680894" s="10"/>
    </row>
    <row r="680895" spans="14:14">
      <c r="N680895" s="10"/>
    </row>
    <row r="680896" spans="14:14">
      <c r="N680896" s="10"/>
    </row>
    <row r="680897" spans="14:14">
      <c r="N680897" s="10"/>
    </row>
    <row r="680898" spans="14:14">
      <c r="N680898" s="10"/>
    </row>
    <row r="680899" spans="14:14">
      <c r="N680899" s="10"/>
    </row>
    <row r="680900" spans="14:14">
      <c r="N680900" s="10"/>
    </row>
    <row r="680901" spans="14:14">
      <c r="N680901" s="10"/>
    </row>
    <row r="680902" spans="14:14">
      <c r="N680902" s="10"/>
    </row>
    <row r="680903" spans="14:14">
      <c r="N680903" s="10"/>
    </row>
    <row r="680904" spans="14:14">
      <c r="N680904" s="10"/>
    </row>
    <row r="680905" spans="14:14">
      <c r="N680905" s="10"/>
    </row>
    <row r="680906" spans="14:14">
      <c r="N680906" s="10"/>
    </row>
    <row r="680907" spans="14:14">
      <c r="N680907" s="10"/>
    </row>
    <row r="680908" spans="14:14">
      <c r="N680908" s="10"/>
    </row>
    <row r="680909" spans="14:14">
      <c r="N680909" s="10"/>
    </row>
    <row r="680910" spans="14:14">
      <c r="N680910" s="10"/>
    </row>
    <row r="680911" spans="14:14">
      <c r="N680911" s="10"/>
    </row>
    <row r="680912" spans="14:14">
      <c r="N680912" s="10"/>
    </row>
    <row r="680913" spans="14:14">
      <c r="N680913" s="10"/>
    </row>
    <row r="680914" spans="14:14">
      <c r="N680914" s="10"/>
    </row>
    <row r="680915" spans="14:14">
      <c r="N680915" s="10"/>
    </row>
    <row r="680916" spans="14:14">
      <c r="N680916" s="10"/>
    </row>
    <row r="680917" spans="14:14">
      <c r="N680917" s="10"/>
    </row>
    <row r="680918" spans="14:14">
      <c r="N680918" s="10"/>
    </row>
    <row r="680919" spans="14:14">
      <c r="N680919" s="10"/>
    </row>
    <row r="680920" spans="14:14">
      <c r="N680920" s="10"/>
    </row>
    <row r="680921" spans="14:14">
      <c r="N680921" s="10"/>
    </row>
    <row r="680922" spans="14:14">
      <c r="N680922" s="10"/>
    </row>
    <row r="680923" spans="14:14">
      <c r="N680923" s="10"/>
    </row>
    <row r="680924" spans="14:14">
      <c r="N680924" s="10"/>
    </row>
    <row r="680925" spans="14:14">
      <c r="N680925" s="10"/>
    </row>
    <row r="680926" spans="14:14">
      <c r="N680926" s="10"/>
    </row>
    <row r="680927" spans="14:14">
      <c r="N680927" s="10"/>
    </row>
    <row r="680928" spans="14:14">
      <c r="N680928" s="10"/>
    </row>
    <row r="680929" spans="14:14">
      <c r="N680929" s="10"/>
    </row>
    <row r="680930" spans="14:14">
      <c r="N680930" s="10"/>
    </row>
    <row r="680931" spans="14:14">
      <c r="N680931" s="10"/>
    </row>
    <row r="680932" spans="14:14">
      <c r="N680932" s="10"/>
    </row>
    <row r="680933" spans="14:14">
      <c r="N680933" s="10"/>
    </row>
    <row r="680934" spans="14:14">
      <c r="N680934" s="10"/>
    </row>
    <row r="680935" spans="14:14">
      <c r="N680935" s="10"/>
    </row>
    <row r="680936" spans="14:14">
      <c r="N680936" s="10"/>
    </row>
    <row r="680937" spans="14:14">
      <c r="N680937" s="10"/>
    </row>
    <row r="680938" spans="14:14">
      <c r="N680938" s="10"/>
    </row>
    <row r="680939" spans="14:14">
      <c r="N680939" s="10"/>
    </row>
    <row r="680940" spans="14:14">
      <c r="N680940" s="10"/>
    </row>
    <row r="680941" spans="14:14">
      <c r="N680941" s="10"/>
    </row>
    <row r="680942" spans="14:14">
      <c r="N680942" s="10"/>
    </row>
    <row r="680943" spans="14:14">
      <c r="N680943" s="10"/>
    </row>
    <row r="680944" spans="14:14">
      <c r="N680944" s="10"/>
    </row>
    <row r="680945" spans="14:14">
      <c r="N680945" s="10"/>
    </row>
    <row r="680946" spans="14:14">
      <c r="N680946" s="10"/>
    </row>
    <row r="680947" spans="14:14">
      <c r="N680947" s="10"/>
    </row>
    <row r="680948" spans="14:14">
      <c r="N680948" s="10"/>
    </row>
    <row r="680949" spans="14:14">
      <c r="N680949" s="10"/>
    </row>
    <row r="680950" spans="14:14">
      <c r="N680950" s="10"/>
    </row>
    <row r="680951" spans="14:14">
      <c r="N680951" s="10"/>
    </row>
    <row r="680952" spans="14:14">
      <c r="N680952" s="10"/>
    </row>
    <row r="680953" spans="14:14">
      <c r="N680953" s="10"/>
    </row>
    <row r="680954" spans="14:14">
      <c r="N680954" s="10"/>
    </row>
    <row r="680955" spans="14:14">
      <c r="N680955" s="10"/>
    </row>
    <row r="680956" spans="14:14">
      <c r="N680956" s="10"/>
    </row>
    <row r="680957" spans="14:14">
      <c r="N680957" s="10"/>
    </row>
    <row r="680958" spans="14:14">
      <c r="N680958" s="10"/>
    </row>
    <row r="680959" spans="14:14">
      <c r="N680959" s="10"/>
    </row>
    <row r="680960" spans="14:14">
      <c r="N680960" s="10"/>
    </row>
    <row r="680961" spans="14:14">
      <c r="N680961" s="10"/>
    </row>
    <row r="680962" spans="14:14">
      <c r="N680962" s="10"/>
    </row>
    <row r="680963" spans="14:14">
      <c r="N680963" s="10"/>
    </row>
    <row r="680964" spans="14:14">
      <c r="N680964" s="10"/>
    </row>
    <row r="680965" spans="14:14">
      <c r="N680965" s="10"/>
    </row>
    <row r="680966" spans="14:14">
      <c r="N680966" s="10"/>
    </row>
    <row r="680967" spans="14:14">
      <c r="N680967" s="10"/>
    </row>
    <row r="680968" spans="14:14">
      <c r="N680968" s="10"/>
    </row>
    <row r="680969" spans="14:14">
      <c r="N680969" s="10"/>
    </row>
    <row r="680970" spans="14:14">
      <c r="N680970" s="10"/>
    </row>
    <row r="680971" spans="14:14">
      <c r="N680971" s="10"/>
    </row>
    <row r="680972" spans="14:14">
      <c r="N680972" s="10"/>
    </row>
    <row r="680973" spans="14:14">
      <c r="N680973" s="10"/>
    </row>
    <row r="680974" spans="14:14">
      <c r="N680974" s="10"/>
    </row>
    <row r="680975" spans="14:14">
      <c r="N680975" s="10"/>
    </row>
    <row r="680976" spans="14:14">
      <c r="N680976" s="10"/>
    </row>
    <row r="680977" spans="14:14">
      <c r="N680977" s="10"/>
    </row>
    <row r="680978" spans="14:14">
      <c r="N680978" s="10"/>
    </row>
    <row r="680979" spans="14:14">
      <c r="N680979" s="10"/>
    </row>
    <row r="680980" spans="14:14">
      <c r="N680980" s="10"/>
    </row>
    <row r="680981" spans="14:14">
      <c r="N680981" s="10"/>
    </row>
    <row r="680982" spans="14:14">
      <c r="N680982" s="10"/>
    </row>
    <row r="680983" spans="14:14">
      <c r="N680983" s="10"/>
    </row>
    <row r="680984" spans="14:14">
      <c r="N680984" s="10"/>
    </row>
    <row r="680985" spans="14:14">
      <c r="N680985" s="10"/>
    </row>
    <row r="680986" spans="14:14">
      <c r="N680986" s="10"/>
    </row>
    <row r="680987" spans="14:14">
      <c r="N680987" s="10"/>
    </row>
    <row r="680988" spans="14:14">
      <c r="N680988" s="10"/>
    </row>
    <row r="680989" spans="14:14">
      <c r="N680989" s="10"/>
    </row>
    <row r="680990" spans="14:14">
      <c r="N680990" s="10"/>
    </row>
    <row r="680991" spans="14:14">
      <c r="N680991" s="10"/>
    </row>
    <row r="680992" spans="14:14">
      <c r="N680992" s="10"/>
    </row>
    <row r="680993" spans="14:14">
      <c r="N680993" s="10"/>
    </row>
    <row r="680994" spans="14:14">
      <c r="N680994" s="10"/>
    </row>
    <row r="680995" spans="14:14">
      <c r="N680995" s="10"/>
    </row>
    <row r="680996" spans="14:14">
      <c r="N680996" s="10"/>
    </row>
    <row r="680997" spans="14:14">
      <c r="N680997" s="10"/>
    </row>
    <row r="680998" spans="14:14">
      <c r="N680998" s="10"/>
    </row>
    <row r="680999" spans="14:14">
      <c r="N680999" s="10"/>
    </row>
    <row r="681000" spans="14:14">
      <c r="N681000" s="10"/>
    </row>
    <row r="681001" spans="14:14">
      <c r="N681001" s="10"/>
    </row>
    <row r="681002" spans="14:14">
      <c r="N681002" s="10"/>
    </row>
    <row r="681003" spans="14:14">
      <c r="N681003" s="10"/>
    </row>
    <row r="681004" spans="14:14">
      <c r="N681004" s="10"/>
    </row>
    <row r="681005" spans="14:14">
      <c r="N681005" s="10"/>
    </row>
    <row r="681006" spans="14:14">
      <c r="N681006" s="10"/>
    </row>
    <row r="681007" spans="14:14">
      <c r="N681007" s="10"/>
    </row>
    <row r="681008" spans="14:14">
      <c r="N681008" s="10"/>
    </row>
    <row r="681009" spans="14:14">
      <c r="N681009" s="10"/>
    </row>
    <row r="681010" spans="14:14">
      <c r="N681010" s="10"/>
    </row>
    <row r="681011" spans="14:14">
      <c r="N681011" s="10"/>
    </row>
    <row r="681012" spans="14:14">
      <c r="N681012" s="10"/>
    </row>
    <row r="681013" spans="14:14">
      <c r="N681013" s="10"/>
    </row>
    <row r="681014" spans="14:14">
      <c r="N681014" s="10"/>
    </row>
    <row r="681015" spans="14:14">
      <c r="N681015" s="10"/>
    </row>
    <row r="681016" spans="14:14">
      <c r="N681016" s="10"/>
    </row>
    <row r="681017" spans="14:14">
      <c r="N681017" s="10"/>
    </row>
    <row r="681018" spans="14:14">
      <c r="N681018" s="10"/>
    </row>
    <row r="681019" spans="14:14">
      <c r="N681019" s="10"/>
    </row>
    <row r="681020" spans="14:14">
      <c r="N681020" s="10"/>
    </row>
    <row r="681021" spans="14:14">
      <c r="N681021" s="10"/>
    </row>
    <row r="681022" spans="14:14">
      <c r="N681022" s="10"/>
    </row>
    <row r="681023" spans="14:14">
      <c r="N681023" s="10"/>
    </row>
    <row r="681024" spans="14:14">
      <c r="N681024" s="10"/>
    </row>
    <row r="681025" spans="14:14">
      <c r="N681025" s="10"/>
    </row>
    <row r="681026" spans="14:14">
      <c r="N681026" s="10"/>
    </row>
    <row r="681027" spans="14:14">
      <c r="N681027" s="10"/>
    </row>
    <row r="681028" spans="14:14">
      <c r="N681028" s="10"/>
    </row>
    <row r="681029" spans="14:14">
      <c r="N681029" s="10"/>
    </row>
    <row r="681030" spans="14:14">
      <c r="N681030" s="10"/>
    </row>
    <row r="681031" spans="14:14">
      <c r="N681031" s="10"/>
    </row>
    <row r="681032" spans="14:14">
      <c r="N681032" s="10"/>
    </row>
    <row r="681033" spans="14:14">
      <c r="N681033" s="10"/>
    </row>
    <row r="681034" spans="14:14">
      <c r="N681034" s="10"/>
    </row>
    <row r="681035" spans="14:14">
      <c r="N681035" s="10"/>
    </row>
    <row r="681036" spans="14:14">
      <c r="N681036" s="10"/>
    </row>
    <row r="681037" spans="14:14">
      <c r="N681037" s="10"/>
    </row>
    <row r="681038" spans="14:14">
      <c r="N681038" s="10"/>
    </row>
    <row r="681039" spans="14:14">
      <c r="N681039" s="10"/>
    </row>
    <row r="681040" spans="14:14">
      <c r="N681040" s="10"/>
    </row>
    <row r="681041" spans="14:14">
      <c r="N681041" s="10"/>
    </row>
    <row r="681042" spans="14:14">
      <c r="N681042" s="10"/>
    </row>
    <row r="681043" spans="14:14">
      <c r="N681043" s="10"/>
    </row>
    <row r="681044" spans="14:14">
      <c r="N681044" s="10"/>
    </row>
    <row r="681045" spans="14:14">
      <c r="N681045" s="10"/>
    </row>
    <row r="681046" spans="14:14">
      <c r="N681046" s="10"/>
    </row>
    <row r="681047" spans="14:14">
      <c r="N681047" s="10"/>
    </row>
    <row r="681048" spans="14:14">
      <c r="N681048" s="10"/>
    </row>
    <row r="681049" spans="14:14">
      <c r="N681049" s="10"/>
    </row>
    <row r="681050" spans="14:14">
      <c r="N681050" s="10"/>
    </row>
    <row r="681051" spans="14:14">
      <c r="N681051" s="10"/>
    </row>
    <row r="681052" spans="14:14">
      <c r="N681052" s="10"/>
    </row>
    <row r="681053" spans="14:14">
      <c r="N681053" s="10"/>
    </row>
    <row r="681054" spans="14:14">
      <c r="N681054" s="10"/>
    </row>
    <row r="681055" spans="14:14">
      <c r="N681055" s="10"/>
    </row>
    <row r="681056" spans="14:14">
      <c r="N681056" s="10"/>
    </row>
    <row r="681057" spans="14:14">
      <c r="N681057" s="10"/>
    </row>
    <row r="681058" spans="14:14">
      <c r="N681058" s="10"/>
    </row>
    <row r="681059" spans="14:14">
      <c r="N681059" s="10"/>
    </row>
    <row r="681060" spans="14:14">
      <c r="N681060" s="10"/>
    </row>
    <row r="681061" spans="14:14">
      <c r="N681061" s="10"/>
    </row>
    <row r="681062" spans="14:14">
      <c r="N681062" s="10"/>
    </row>
    <row r="681063" spans="14:14">
      <c r="N681063" s="10"/>
    </row>
    <row r="681064" spans="14:14">
      <c r="N681064" s="10"/>
    </row>
    <row r="681065" spans="14:14">
      <c r="N681065" s="10"/>
    </row>
    <row r="681066" spans="14:14">
      <c r="N681066" s="10"/>
    </row>
    <row r="681067" spans="14:14">
      <c r="N681067" s="10"/>
    </row>
    <row r="681068" spans="14:14">
      <c r="N681068" s="10"/>
    </row>
    <row r="681069" spans="14:14">
      <c r="N681069" s="10"/>
    </row>
    <row r="681070" spans="14:14">
      <c r="N681070" s="10"/>
    </row>
    <row r="681071" spans="14:14">
      <c r="N681071" s="10"/>
    </row>
    <row r="681072" spans="14:14">
      <c r="N681072" s="10"/>
    </row>
    <row r="681073" spans="14:14">
      <c r="N681073" s="10"/>
    </row>
    <row r="681074" spans="14:14">
      <c r="N681074" s="10"/>
    </row>
    <row r="681075" spans="14:14">
      <c r="N681075" s="10"/>
    </row>
    <row r="681076" spans="14:14">
      <c r="N681076" s="10"/>
    </row>
    <row r="681077" spans="14:14">
      <c r="N681077" s="10"/>
    </row>
    <row r="681078" spans="14:14">
      <c r="N681078" s="10"/>
    </row>
    <row r="681079" spans="14:14">
      <c r="N681079" s="10"/>
    </row>
    <row r="681080" spans="14:14">
      <c r="N681080" s="10"/>
    </row>
    <row r="681081" spans="14:14">
      <c r="N681081" s="10"/>
    </row>
    <row r="681082" spans="14:14">
      <c r="N681082" s="10"/>
    </row>
    <row r="681083" spans="14:14">
      <c r="N681083" s="10"/>
    </row>
    <row r="681084" spans="14:14">
      <c r="N681084" s="10"/>
    </row>
    <row r="681085" spans="14:14">
      <c r="N681085" s="10"/>
    </row>
    <row r="681086" spans="14:14">
      <c r="N681086" s="10"/>
    </row>
    <row r="681087" spans="14:14">
      <c r="N681087" s="10"/>
    </row>
    <row r="681088" spans="14:14">
      <c r="N681088" s="10"/>
    </row>
    <row r="681089" spans="14:14">
      <c r="N681089" s="10"/>
    </row>
    <row r="681090" spans="14:14">
      <c r="N681090" s="10"/>
    </row>
    <row r="681091" spans="14:14">
      <c r="N681091" s="10"/>
    </row>
    <row r="681092" spans="14:14">
      <c r="N681092" s="10"/>
    </row>
    <row r="681093" spans="14:14">
      <c r="N681093" s="10"/>
    </row>
    <row r="681094" spans="14:14">
      <c r="N681094" s="10"/>
    </row>
    <row r="681095" spans="14:14">
      <c r="N681095" s="10"/>
    </row>
    <row r="681096" spans="14:14">
      <c r="N681096" s="10"/>
    </row>
    <row r="681097" spans="14:14">
      <c r="N681097" s="10"/>
    </row>
    <row r="681098" spans="14:14">
      <c r="N681098" s="10"/>
    </row>
    <row r="681099" spans="14:14">
      <c r="N681099" s="10"/>
    </row>
    <row r="681100" spans="14:14">
      <c r="N681100" s="10"/>
    </row>
    <row r="681101" spans="14:14">
      <c r="N681101" s="10"/>
    </row>
    <row r="681102" spans="14:14">
      <c r="N681102" s="10"/>
    </row>
    <row r="681103" spans="14:14">
      <c r="N681103" s="10"/>
    </row>
    <row r="681104" spans="14:14">
      <c r="N681104" s="10"/>
    </row>
    <row r="681105" spans="14:14">
      <c r="N681105" s="10"/>
    </row>
    <row r="681106" spans="14:14">
      <c r="N681106" s="10"/>
    </row>
    <row r="681107" spans="14:14">
      <c r="N681107" s="10"/>
    </row>
    <row r="681108" spans="14:14">
      <c r="N681108" s="10"/>
    </row>
    <row r="681109" spans="14:14">
      <c r="N681109" s="10"/>
    </row>
    <row r="681110" spans="14:14">
      <c r="N681110" s="10"/>
    </row>
    <row r="681111" spans="14:14">
      <c r="N681111" s="10"/>
    </row>
    <row r="681112" spans="14:14">
      <c r="N681112" s="10"/>
    </row>
    <row r="681113" spans="14:14">
      <c r="N681113" s="10"/>
    </row>
    <row r="681114" spans="14:14">
      <c r="N681114" s="10"/>
    </row>
    <row r="681115" spans="14:14">
      <c r="N681115" s="10"/>
    </row>
    <row r="681116" spans="14:14">
      <c r="N681116" s="10"/>
    </row>
    <row r="681117" spans="14:14">
      <c r="N681117" s="10"/>
    </row>
    <row r="681118" spans="14:14">
      <c r="N681118" s="10"/>
    </row>
    <row r="681119" spans="14:14">
      <c r="N681119" s="10"/>
    </row>
    <row r="681120" spans="14:14">
      <c r="N681120" s="10"/>
    </row>
    <row r="681121" spans="14:14">
      <c r="N681121" s="10"/>
    </row>
    <row r="681122" spans="14:14">
      <c r="N681122" s="10"/>
    </row>
    <row r="681123" spans="14:14">
      <c r="N681123" s="10"/>
    </row>
    <row r="681124" spans="14:14">
      <c r="N681124" s="10"/>
    </row>
    <row r="681125" spans="14:14">
      <c r="N681125" s="10"/>
    </row>
    <row r="681126" spans="14:14">
      <c r="N681126" s="10"/>
    </row>
    <row r="681127" spans="14:14">
      <c r="N681127" s="10"/>
    </row>
    <row r="681128" spans="14:14">
      <c r="N681128" s="10"/>
    </row>
    <row r="681129" spans="14:14">
      <c r="N681129" s="10"/>
    </row>
    <row r="681130" spans="14:14">
      <c r="N681130" s="10"/>
    </row>
    <row r="681131" spans="14:14">
      <c r="N681131" s="10"/>
    </row>
    <row r="681132" spans="14:14">
      <c r="N681132" s="10"/>
    </row>
    <row r="681133" spans="14:14">
      <c r="N681133" s="10"/>
    </row>
    <row r="681134" spans="14:14">
      <c r="N681134" s="10"/>
    </row>
    <row r="681135" spans="14:14">
      <c r="N681135" s="10"/>
    </row>
    <row r="681136" spans="14:14">
      <c r="N681136" s="10"/>
    </row>
    <row r="681137" spans="14:14">
      <c r="N681137" s="10"/>
    </row>
    <row r="681138" spans="14:14">
      <c r="N681138" s="10"/>
    </row>
    <row r="681139" spans="14:14">
      <c r="N681139" s="10"/>
    </row>
    <row r="681140" spans="14:14">
      <c r="N681140" s="10"/>
    </row>
    <row r="681141" spans="14:14">
      <c r="N681141" s="10"/>
    </row>
    <row r="681142" spans="14:14">
      <c r="N681142" s="10"/>
    </row>
    <row r="681143" spans="14:14">
      <c r="N681143" s="10"/>
    </row>
    <row r="681144" spans="14:14">
      <c r="N681144" s="10"/>
    </row>
    <row r="681145" spans="14:14">
      <c r="N681145" s="10"/>
    </row>
    <row r="681146" spans="14:14">
      <c r="N681146" s="10"/>
    </row>
    <row r="681147" spans="14:14">
      <c r="N681147" s="10"/>
    </row>
    <row r="681148" spans="14:14">
      <c r="N681148" s="10"/>
    </row>
    <row r="681149" spans="14:14">
      <c r="N681149" s="10"/>
    </row>
    <row r="681150" spans="14:14">
      <c r="N681150" s="10"/>
    </row>
    <row r="681151" spans="14:14">
      <c r="N681151" s="10"/>
    </row>
    <row r="681152" spans="14:14">
      <c r="N681152" s="10"/>
    </row>
    <row r="681153" spans="14:14">
      <c r="N681153" s="10"/>
    </row>
    <row r="681154" spans="14:14">
      <c r="N681154" s="10"/>
    </row>
    <row r="681155" spans="14:14">
      <c r="N681155" s="10"/>
    </row>
    <row r="681156" spans="14:14">
      <c r="N681156" s="10"/>
    </row>
    <row r="681157" spans="14:14">
      <c r="N681157" s="10"/>
    </row>
    <row r="681158" spans="14:14">
      <c r="N681158" s="10"/>
    </row>
    <row r="681159" spans="14:14">
      <c r="N681159" s="10"/>
    </row>
    <row r="681160" spans="14:14">
      <c r="N681160" s="10"/>
    </row>
    <row r="681161" spans="14:14">
      <c r="N681161" s="10"/>
    </row>
    <row r="681162" spans="14:14">
      <c r="N681162" s="10"/>
    </row>
    <row r="681163" spans="14:14">
      <c r="N681163" s="10"/>
    </row>
    <row r="681164" spans="14:14">
      <c r="N681164" s="10"/>
    </row>
    <row r="681165" spans="14:14">
      <c r="N681165" s="10"/>
    </row>
    <row r="681166" spans="14:14">
      <c r="N681166" s="10"/>
    </row>
    <row r="681167" spans="14:14">
      <c r="N681167" s="10"/>
    </row>
    <row r="681168" spans="14:14">
      <c r="N681168" s="10"/>
    </row>
    <row r="681169" spans="14:14">
      <c r="N681169" s="10"/>
    </row>
    <row r="681170" spans="14:14">
      <c r="N681170" s="10"/>
    </row>
    <row r="681171" spans="14:14">
      <c r="N681171" s="10"/>
    </row>
    <row r="681172" spans="14:14">
      <c r="N681172" s="10"/>
    </row>
    <row r="681173" spans="14:14">
      <c r="N681173" s="10"/>
    </row>
    <row r="681174" spans="14:14">
      <c r="N681174" s="10"/>
    </row>
    <row r="681175" spans="14:14">
      <c r="N681175" s="10"/>
    </row>
    <row r="681176" spans="14:14">
      <c r="N681176" s="10"/>
    </row>
    <row r="681177" spans="14:14">
      <c r="N681177" s="10"/>
    </row>
    <row r="681178" spans="14:14">
      <c r="N681178" s="10"/>
    </row>
    <row r="681179" spans="14:14">
      <c r="N681179" s="10"/>
    </row>
    <row r="681180" spans="14:14">
      <c r="N681180" s="10"/>
    </row>
    <row r="681181" spans="14:14">
      <c r="N681181" s="10"/>
    </row>
    <row r="681182" spans="14:14">
      <c r="N681182" s="10"/>
    </row>
    <row r="681183" spans="14:14">
      <c r="N681183" s="10"/>
    </row>
    <row r="681184" spans="14:14">
      <c r="N681184" s="10"/>
    </row>
    <row r="681185" spans="14:14">
      <c r="N681185" s="10"/>
    </row>
    <row r="681186" spans="14:14">
      <c r="N681186" s="10"/>
    </row>
    <row r="681187" spans="14:14">
      <c r="N681187" s="10"/>
    </row>
    <row r="681188" spans="14:14">
      <c r="N681188" s="10"/>
    </row>
    <row r="681189" spans="14:14">
      <c r="N681189" s="10"/>
    </row>
    <row r="681190" spans="14:14">
      <c r="N681190" s="10"/>
    </row>
    <row r="681191" spans="14:14">
      <c r="N681191" s="10"/>
    </row>
    <row r="681192" spans="14:14">
      <c r="N681192" s="10"/>
    </row>
    <row r="681193" spans="14:14">
      <c r="N681193" s="10"/>
    </row>
    <row r="681194" spans="14:14">
      <c r="N681194" s="10"/>
    </row>
    <row r="681195" spans="14:14">
      <c r="N681195" s="10"/>
    </row>
    <row r="681196" spans="14:14">
      <c r="N681196" s="10"/>
    </row>
    <row r="681197" spans="14:14">
      <c r="N681197" s="10"/>
    </row>
    <row r="681198" spans="14:14">
      <c r="N681198" s="10"/>
    </row>
    <row r="681199" spans="14:14">
      <c r="N681199" s="10"/>
    </row>
    <row r="681200" spans="14:14">
      <c r="N681200" s="10"/>
    </row>
    <row r="681201" spans="14:14">
      <c r="N681201" s="10"/>
    </row>
    <row r="681202" spans="14:14">
      <c r="N681202" s="10"/>
    </row>
    <row r="681203" spans="14:14">
      <c r="N681203" s="10"/>
    </row>
    <row r="681204" spans="14:14">
      <c r="N681204" s="10"/>
    </row>
    <row r="681205" spans="14:14">
      <c r="N681205" s="10"/>
    </row>
    <row r="681206" spans="14:14">
      <c r="N681206" s="10"/>
    </row>
    <row r="681207" spans="14:14">
      <c r="N681207" s="10"/>
    </row>
    <row r="681208" spans="14:14">
      <c r="N681208" s="10"/>
    </row>
    <row r="681209" spans="14:14">
      <c r="N681209" s="10"/>
    </row>
    <row r="681210" spans="14:14">
      <c r="N681210" s="10"/>
    </row>
    <row r="681211" spans="14:14">
      <c r="N681211" s="10"/>
    </row>
    <row r="681212" spans="14:14">
      <c r="N681212" s="10"/>
    </row>
    <row r="681213" spans="14:14">
      <c r="N681213" s="10"/>
    </row>
    <row r="681214" spans="14:14">
      <c r="N681214" s="10"/>
    </row>
    <row r="681215" spans="14:14">
      <c r="N681215" s="10"/>
    </row>
    <row r="681216" spans="14:14">
      <c r="N681216" s="10"/>
    </row>
    <row r="681217" spans="14:14">
      <c r="N681217" s="10"/>
    </row>
    <row r="681218" spans="14:14">
      <c r="N681218" s="10"/>
    </row>
    <row r="681219" spans="14:14">
      <c r="N681219" s="10"/>
    </row>
    <row r="681220" spans="14:14">
      <c r="N681220" s="10"/>
    </row>
    <row r="681221" spans="14:14">
      <c r="N681221" s="10"/>
    </row>
    <row r="681222" spans="14:14">
      <c r="N681222" s="10"/>
    </row>
    <row r="681223" spans="14:14">
      <c r="N681223" s="10"/>
    </row>
    <row r="681224" spans="14:14">
      <c r="N681224" s="10"/>
    </row>
    <row r="681225" spans="14:14">
      <c r="N681225" s="10"/>
    </row>
    <row r="681226" spans="14:14">
      <c r="N681226" s="10"/>
    </row>
    <row r="681227" spans="14:14">
      <c r="N681227" s="10"/>
    </row>
    <row r="681228" spans="14:14">
      <c r="N681228" s="10"/>
    </row>
    <row r="681229" spans="14:14">
      <c r="N681229" s="10"/>
    </row>
    <row r="681230" spans="14:14">
      <c r="N681230" s="10"/>
    </row>
    <row r="681231" spans="14:14">
      <c r="N681231" s="10"/>
    </row>
    <row r="681232" spans="14:14">
      <c r="N681232" s="10"/>
    </row>
    <row r="681233" spans="14:14">
      <c r="N681233" s="10"/>
    </row>
    <row r="681234" spans="14:14">
      <c r="N681234" s="10"/>
    </row>
    <row r="681235" spans="14:14">
      <c r="N681235" s="10"/>
    </row>
    <row r="681236" spans="14:14">
      <c r="N681236" s="10"/>
    </row>
    <row r="681237" spans="14:14">
      <c r="N681237" s="10"/>
    </row>
    <row r="681238" spans="14:14">
      <c r="N681238" s="10"/>
    </row>
    <row r="681239" spans="14:14">
      <c r="N681239" s="10"/>
    </row>
    <row r="681240" spans="14:14">
      <c r="N681240" s="10"/>
    </row>
    <row r="681241" spans="14:14">
      <c r="N681241" s="10"/>
    </row>
    <row r="681242" spans="14:14">
      <c r="N681242" s="10"/>
    </row>
    <row r="681243" spans="14:14">
      <c r="N681243" s="10"/>
    </row>
    <row r="681244" spans="14:14">
      <c r="N681244" s="10"/>
    </row>
    <row r="681245" spans="14:14">
      <c r="N681245" s="10"/>
    </row>
    <row r="681246" spans="14:14">
      <c r="N681246" s="10"/>
    </row>
    <row r="681247" spans="14:14">
      <c r="N681247" s="10"/>
    </row>
    <row r="681248" spans="14:14">
      <c r="N681248" s="10"/>
    </row>
    <row r="681249" spans="14:14">
      <c r="N681249" s="10"/>
    </row>
    <row r="681250" spans="14:14">
      <c r="N681250" s="10"/>
    </row>
    <row r="681251" spans="14:14">
      <c r="N681251" s="10"/>
    </row>
    <row r="681252" spans="14:14">
      <c r="N681252" s="10"/>
    </row>
    <row r="681253" spans="14:14">
      <c r="N681253" s="10"/>
    </row>
    <row r="681254" spans="14:14">
      <c r="N681254" s="10"/>
    </row>
    <row r="681255" spans="14:14">
      <c r="N681255" s="10"/>
    </row>
    <row r="681256" spans="14:14">
      <c r="N681256" s="10"/>
    </row>
    <row r="681257" spans="14:14">
      <c r="N681257" s="10"/>
    </row>
    <row r="681258" spans="14:14">
      <c r="N681258" s="10"/>
    </row>
    <row r="681259" spans="14:14">
      <c r="N681259" s="10"/>
    </row>
    <row r="681260" spans="14:14">
      <c r="N681260" s="10"/>
    </row>
    <row r="681261" spans="14:14">
      <c r="N681261" s="10"/>
    </row>
    <row r="681262" spans="14:14">
      <c r="N681262" s="10"/>
    </row>
    <row r="681263" spans="14:14">
      <c r="N681263" s="10"/>
    </row>
    <row r="681264" spans="14:14">
      <c r="N681264" s="10"/>
    </row>
    <row r="681265" spans="14:14">
      <c r="N681265" s="10"/>
    </row>
    <row r="681266" spans="14:14">
      <c r="N681266" s="10"/>
    </row>
    <row r="681267" spans="14:14">
      <c r="N681267" s="10"/>
    </row>
    <row r="681268" spans="14:14">
      <c r="N681268" s="10"/>
    </row>
    <row r="681269" spans="14:14">
      <c r="N681269" s="10"/>
    </row>
    <row r="681270" spans="14:14">
      <c r="N681270" s="10"/>
    </row>
    <row r="681271" spans="14:14">
      <c r="N681271" s="10"/>
    </row>
    <row r="681272" spans="14:14">
      <c r="N681272" s="10"/>
    </row>
    <row r="681273" spans="14:14">
      <c r="N681273" s="10"/>
    </row>
    <row r="681274" spans="14:14">
      <c r="N681274" s="10"/>
    </row>
    <row r="681275" spans="14:14">
      <c r="N681275" s="10"/>
    </row>
    <row r="681276" spans="14:14">
      <c r="N681276" s="10"/>
    </row>
    <row r="681277" spans="14:14">
      <c r="N681277" s="10"/>
    </row>
    <row r="681278" spans="14:14">
      <c r="N681278" s="10"/>
    </row>
    <row r="681279" spans="14:14">
      <c r="N681279" s="10"/>
    </row>
    <row r="681280" spans="14:14">
      <c r="N681280" s="10"/>
    </row>
    <row r="681281" spans="14:14">
      <c r="N681281" s="10"/>
    </row>
    <row r="681282" spans="14:14">
      <c r="N681282" s="10"/>
    </row>
    <row r="681283" spans="14:14">
      <c r="N681283" s="10"/>
    </row>
    <row r="681284" spans="14:14">
      <c r="N681284" s="10"/>
    </row>
    <row r="681285" spans="14:14">
      <c r="N681285" s="10"/>
    </row>
    <row r="681286" spans="14:14">
      <c r="N681286" s="10"/>
    </row>
    <row r="681287" spans="14:14">
      <c r="N681287" s="10"/>
    </row>
    <row r="681288" spans="14:14">
      <c r="N681288" s="10"/>
    </row>
    <row r="681289" spans="14:14">
      <c r="N681289" s="10"/>
    </row>
    <row r="681290" spans="14:14">
      <c r="N681290" s="10"/>
    </row>
    <row r="681291" spans="14:14">
      <c r="N681291" s="10"/>
    </row>
    <row r="681292" spans="14:14">
      <c r="N681292" s="10"/>
    </row>
    <row r="681293" spans="14:14">
      <c r="N681293" s="10"/>
    </row>
    <row r="681294" spans="14:14">
      <c r="N681294" s="10"/>
    </row>
    <row r="681295" spans="14:14">
      <c r="N681295" s="10"/>
    </row>
    <row r="681296" spans="14:14">
      <c r="N681296" s="10"/>
    </row>
    <row r="681297" spans="14:14">
      <c r="N681297" s="10"/>
    </row>
    <row r="681298" spans="14:14">
      <c r="N681298" s="10"/>
    </row>
    <row r="681299" spans="14:14">
      <c r="N681299" s="10"/>
    </row>
    <row r="681300" spans="14:14">
      <c r="N681300" s="10"/>
    </row>
    <row r="681301" spans="14:14">
      <c r="N681301" s="10"/>
    </row>
    <row r="681302" spans="14:14">
      <c r="N681302" s="10"/>
    </row>
    <row r="681303" spans="14:14">
      <c r="N681303" s="10"/>
    </row>
    <row r="681304" spans="14:14">
      <c r="N681304" s="10"/>
    </row>
    <row r="681305" spans="14:14">
      <c r="N681305" s="10"/>
    </row>
    <row r="681306" spans="14:14">
      <c r="N681306" s="10"/>
    </row>
    <row r="681307" spans="14:14">
      <c r="N681307" s="10"/>
    </row>
    <row r="681308" spans="14:14">
      <c r="N681308" s="10"/>
    </row>
    <row r="681309" spans="14:14">
      <c r="N681309" s="10"/>
    </row>
    <row r="681310" spans="14:14">
      <c r="N681310" s="10"/>
    </row>
    <row r="681311" spans="14:14">
      <c r="N681311" s="10"/>
    </row>
    <row r="681312" spans="14:14">
      <c r="N681312" s="10"/>
    </row>
    <row r="681313" spans="14:14">
      <c r="N681313" s="10"/>
    </row>
    <row r="681314" spans="14:14">
      <c r="N681314" s="10"/>
    </row>
    <row r="681315" spans="14:14">
      <c r="N681315" s="10"/>
    </row>
    <row r="681316" spans="14:14">
      <c r="N681316" s="10"/>
    </row>
    <row r="681317" spans="14:14">
      <c r="N681317" s="10"/>
    </row>
    <row r="681318" spans="14:14">
      <c r="N681318" s="10"/>
    </row>
    <row r="681319" spans="14:14">
      <c r="N681319" s="10"/>
    </row>
    <row r="681320" spans="14:14">
      <c r="N681320" s="10"/>
    </row>
    <row r="681321" spans="14:14">
      <c r="N681321" s="10"/>
    </row>
    <row r="681322" spans="14:14">
      <c r="N681322" s="10"/>
    </row>
    <row r="681323" spans="14:14">
      <c r="N681323" s="10"/>
    </row>
    <row r="681324" spans="14:14">
      <c r="N681324" s="10"/>
    </row>
    <row r="681325" spans="14:14">
      <c r="N681325" s="10"/>
    </row>
    <row r="681326" spans="14:14">
      <c r="N681326" s="10"/>
    </row>
    <row r="681327" spans="14:14">
      <c r="N681327" s="10"/>
    </row>
    <row r="681328" spans="14:14">
      <c r="N681328" s="10"/>
    </row>
    <row r="681329" spans="14:14">
      <c r="N681329" s="10"/>
    </row>
    <row r="681330" spans="14:14">
      <c r="N681330" s="10"/>
    </row>
    <row r="681331" spans="14:14">
      <c r="N681331" s="10"/>
    </row>
    <row r="681332" spans="14:14">
      <c r="N681332" s="10"/>
    </row>
    <row r="681333" spans="14:14">
      <c r="N681333" s="10"/>
    </row>
    <row r="681334" spans="14:14">
      <c r="N681334" s="10"/>
    </row>
    <row r="681335" spans="14:14">
      <c r="N681335" s="10"/>
    </row>
    <row r="681336" spans="14:14">
      <c r="N681336" s="10"/>
    </row>
    <row r="681337" spans="14:14">
      <c r="N681337" s="10"/>
    </row>
    <row r="681338" spans="14:14">
      <c r="N681338" s="10"/>
    </row>
    <row r="681339" spans="14:14">
      <c r="N681339" s="10"/>
    </row>
    <row r="681340" spans="14:14">
      <c r="N681340" s="10"/>
    </row>
    <row r="681341" spans="14:14">
      <c r="N681341" s="10"/>
    </row>
    <row r="681342" spans="14:14">
      <c r="N681342" s="10"/>
    </row>
    <row r="681343" spans="14:14">
      <c r="N681343" s="10"/>
    </row>
    <row r="681344" spans="14:14">
      <c r="N681344" s="10"/>
    </row>
    <row r="681345" spans="14:14">
      <c r="N681345" s="10"/>
    </row>
    <row r="681346" spans="14:14">
      <c r="N681346" s="10"/>
    </row>
    <row r="681347" spans="14:14">
      <c r="N681347" s="10"/>
    </row>
    <row r="681348" spans="14:14">
      <c r="N681348" s="10"/>
    </row>
    <row r="681349" spans="14:14">
      <c r="N681349" s="10"/>
    </row>
    <row r="681350" spans="14:14">
      <c r="N681350" s="10"/>
    </row>
    <row r="681351" spans="14:14">
      <c r="N681351" s="10"/>
    </row>
    <row r="681352" spans="14:14">
      <c r="N681352" s="10"/>
    </row>
    <row r="681353" spans="14:14">
      <c r="N681353" s="10"/>
    </row>
    <row r="681354" spans="14:14">
      <c r="N681354" s="10"/>
    </row>
    <row r="681355" spans="14:14">
      <c r="N681355" s="10"/>
    </row>
    <row r="681356" spans="14:14">
      <c r="N681356" s="10"/>
    </row>
    <row r="681357" spans="14:14">
      <c r="N681357" s="10"/>
    </row>
    <row r="681358" spans="14:14">
      <c r="N681358" s="10"/>
    </row>
    <row r="681359" spans="14:14">
      <c r="N681359" s="10"/>
    </row>
    <row r="681360" spans="14:14">
      <c r="N681360" s="10"/>
    </row>
    <row r="681361" spans="14:14">
      <c r="N681361" s="10"/>
    </row>
    <row r="681362" spans="14:14">
      <c r="N681362" s="10"/>
    </row>
    <row r="681363" spans="14:14">
      <c r="N681363" s="10"/>
    </row>
    <row r="681364" spans="14:14">
      <c r="N681364" s="10"/>
    </row>
    <row r="681365" spans="14:14">
      <c r="N681365" s="10"/>
    </row>
    <row r="681366" spans="14:14">
      <c r="N681366" s="10"/>
    </row>
    <row r="681367" spans="14:14">
      <c r="N681367" s="10"/>
    </row>
    <row r="681368" spans="14:14">
      <c r="N681368" s="10"/>
    </row>
    <row r="681369" spans="14:14">
      <c r="N681369" s="10"/>
    </row>
    <row r="681370" spans="14:14">
      <c r="N681370" s="10"/>
    </row>
    <row r="681371" spans="14:14">
      <c r="N681371" s="10"/>
    </row>
    <row r="681372" spans="14:14">
      <c r="N681372" s="10"/>
    </row>
    <row r="681373" spans="14:14">
      <c r="N681373" s="10"/>
    </row>
    <row r="681374" spans="14:14">
      <c r="N681374" s="10"/>
    </row>
    <row r="681375" spans="14:14">
      <c r="N681375" s="10"/>
    </row>
    <row r="681376" spans="14:14">
      <c r="N681376" s="10"/>
    </row>
    <row r="681377" spans="14:14">
      <c r="N681377" s="10"/>
    </row>
    <row r="681378" spans="14:14">
      <c r="N681378" s="10"/>
    </row>
    <row r="681379" spans="14:14">
      <c r="N681379" s="10"/>
    </row>
    <row r="681380" spans="14:14">
      <c r="N681380" s="10"/>
    </row>
    <row r="681381" spans="14:14">
      <c r="N681381" s="10"/>
    </row>
    <row r="681382" spans="14:14">
      <c r="N681382" s="10"/>
    </row>
    <row r="681383" spans="14:14">
      <c r="N681383" s="10"/>
    </row>
    <row r="681384" spans="14:14">
      <c r="N681384" s="10"/>
    </row>
    <row r="681385" spans="14:14">
      <c r="N681385" s="10"/>
    </row>
    <row r="681386" spans="14:14">
      <c r="N681386" s="10"/>
    </row>
    <row r="681387" spans="14:14">
      <c r="N681387" s="10"/>
    </row>
    <row r="681388" spans="14:14">
      <c r="N681388" s="10"/>
    </row>
    <row r="681389" spans="14:14">
      <c r="N681389" s="10"/>
    </row>
    <row r="681390" spans="14:14">
      <c r="N681390" s="10"/>
    </row>
    <row r="681391" spans="14:14">
      <c r="N681391" s="10"/>
    </row>
    <row r="681392" spans="14:14">
      <c r="N681392" s="10"/>
    </row>
    <row r="681393" spans="14:14">
      <c r="N681393" s="10"/>
    </row>
    <row r="681394" spans="14:14">
      <c r="N681394" s="10"/>
    </row>
    <row r="681395" spans="14:14">
      <c r="N681395" s="10"/>
    </row>
    <row r="681396" spans="14:14">
      <c r="N681396" s="10"/>
    </row>
    <row r="681397" spans="14:14">
      <c r="N681397" s="10"/>
    </row>
    <row r="681398" spans="14:14">
      <c r="N681398" s="10"/>
    </row>
    <row r="681399" spans="14:14">
      <c r="N681399" s="10"/>
    </row>
    <row r="681400" spans="14:14">
      <c r="N681400" s="10"/>
    </row>
    <row r="681401" spans="14:14">
      <c r="N681401" s="10"/>
    </row>
    <row r="681402" spans="14:14">
      <c r="N681402" s="10"/>
    </row>
    <row r="681403" spans="14:14">
      <c r="N681403" s="10"/>
    </row>
    <row r="681404" spans="14:14">
      <c r="N681404" s="10"/>
    </row>
    <row r="681405" spans="14:14">
      <c r="N681405" s="10"/>
    </row>
    <row r="681406" spans="14:14">
      <c r="N681406" s="10"/>
    </row>
    <row r="681407" spans="14:14">
      <c r="N681407" s="10"/>
    </row>
    <row r="681408" spans="14:14">
      <c r="N681408" s="10"/>
    </row>
    <row r="681409" spans="14:14">
      <c r="N681409" s="10"/>
    </row>
    <row r="681410" spans="14:14">
      <c r="N681410" s="10"/>
    </row>
    <row r="681411" spans="14:14">
      <c r="N681411" s="10"/>
    </row>
    <row r="681412" spans="14:14">
      <c r="N681412" s="10"/>
    </row>
    <row r="681413" spans="14:14">
      <c r="N681413" s="10"/>
    </row>
    <row r="681414" spans="14:14">
      <c r="N681414" s="10"/>
    </row>
    <row r="681415" spans="14:14">
      <c r="N681415" s="10"/>
    </row>
    <row r="681416" spans="14:14">
      <c r="N681416" s="10"/>
    </row>
    <row r="681417" spans="14:14">
      <c r="N681417" s="10"/>
    </row>
    <row r="681418" spans="14:14">
      <c r="N681418" s="10"/>
    </row>
    <row r="681419" spans="14:14">
      <c r="N681419" s="10"/>
    </row>
    <row r="681420" spans="14:14">
      <c r="N681420" s="10"/>
    </row>
    <row r="681421" spans="14:14">
      <c r="N681421" s="10"/>
    </row>
    <row r="681422" spans="14:14">
      <c r="N681422" s="10"/>
    </row>
    <row r="681423" spans="14:14">
      <c r="N681423" s="10"/>
    </row>
    <row r="681424" spans="14:14">
      <c r="N681424" s="10"/>
    </row>
    <row r="681425" spans="14:14">
      <c r="N681425" s="10"/>
    </row>
    <row r="681426" spans="14:14">
      <c r="N681426" s="10"/>
    </row>
    <row r="681427" spans="14:14">
      <c r="N681427" s="10"/>
    </row>
    <row r="681428" spans="14:14">
      <c r="N681428" s="10"/>
    </row>
    <row r="681429" spans="14:14">
      <c r="N681429" s="10"/>
    </row>
    <row r="681430" spans="14:14">
      <c r="N681430" s="10"/>
    </row>
    <row r="681431" spans="14:14">
      <c r="N681431" s="10"/>
    </row>
    <row r="681432" spans="14:14">
      <c r="N681432" s="10"/>
    </row>
    <row r="681433" spans="14:14">
      <c r="N681433" s="10"/>
    </row>
    <row r="681434" spans="14:14">
      <c r="N681434" s="10"/>
    </row>
    <row r="681435" spans="14:14">
      <c r="N681435" s="10"/>
    </row>
    <row r="681436" spans="14:14">
      <c r="N681436" s="10"/>
    </row>
    <row r="681437" spans="14:14">
      <c r="N681437" s="10"/>
    </row>
    <row r="681438" spans="14:14">
      <c r="N681438" s="10"/>
    </row>
    <row r="681439" spans="14:14">
      <c r="N681439" s="10"/>
    </row>
    <row r="681440" spans="14:14">
      <c r="N681440" s="10"/>
    </row>
    <row r="681441" spans="14:14">
      <c r="N681441" s="10"/>
    </row>
    <row r="681442" spans="14:14">
      <c r="N681442" s="10"/>
    </row>
    <row r="681443" spans="14:14">
      <c r="N681443" s="10"/>
    </row>
    <row r="681444" spans="14:14">
      <c r="N681444" s="10"/>
    </row>
    <row r="681445" spans="14:14">
      <c r="N681445" s="10"/>
    </row>
    <row r="681446" spans="14:14">
      <c r="N681446" s="10"/>
    </row>
    <row r="681447" spans="14:14">
      <c r="N681447" s="10"/>
    </row>
    <row r="681448" spans="14:14">
      <c r="N681448" s="10"/>
    </row>
    <row r="681449" spans="14:14">
      <c r="N681449" s="10"/>
    </row>
    <row r="681450" spans="14:14">
      <c r="N681450" s="10"/>
    </row>
    <row r="681451" spans="14:14">
      <c r="N681451" s="10"/>
    </row>
    <row r="681452" spans="14:14">
      <c r="N681452" s="10"/>
    </row>
    <row r="681453" spans="14:14">
      <c r="N681453" s="10"/>
    </row>
    <row r="681454" spans="14:14">
      <c r="N681454" s="10"/>
    </row>
    <row r="681455" spans="14:14">
      <c r="N681455" s="10"/>
    </row>
    <row r="681456" spans="14:14">
      <c r="N681456" s="10"/>
    </row>
    <row r="681457" spans="14:14">
      <c r="N681457" s="10"/>
    </row>
    <row r="681458" spans="14:14">
      <c r="N681458" s="10"/>
    </row>
    <row r="681459" spans="14:14">
      <c r="N681459" s="10"/>
    </row>
    <row r="681460" spans="14:14">
      <c r="N681460" s="10"/>
    </row>
    <row r="681461" spans="14:14">
      <c r="N681461" s="10"/>
    </row>
    <row r="681462" spans="14:14">
      <c r="N681462" s="10"/>
    </row>
    <row r="681463" spans="14:14">
      <c r="N681463" s="10"/>
    </row>
    <row r="681464" spans="14:14">
      <c r="N681464" s="10"/>
    </row>
    <row r="681465" spans="14:14">
      <c r="N681465" s="10"/>
    </row>
    <row r="681466" spans="14:14">
      <c r="N681466" s="10"/>
    </row>
    <row r="681467" spans="14:14">
      <c r="N681467" s="10"/>
    </row>
    <row r="681468" spans="14:14">
      <c r="N681468" s="10"/>
    </row>
    <row r="681469" spans="14:14">
      <c r="N681469" s="10"/>
    </row>
    <row r="681470" spans="14:14">
      <c r="N681470" s="10"/>
    </row>
    <row r="681471" spans="14:14">
      <c r="N681471" s="10"/>
    </row>
    <row r="681472" spans="14:14">
      <c r="N681472" s="10"/>
    </row>
    <row r="681473" spans="14:14">
      <c r="N681473" s="10"/>
    </row>
    <row r="681474" spans="14:14">
      <c r="N681474" s="10"/>
    </row>
    <row r="681475" spans="14:14">
      <c r="N681475" s="10"/>
    </row>
    <row r="681476" spans="14:14">
      <c r="N681476" s="10"/>
    </row>
    <row r="681477" spans="14:14">
      <c r="N681477" s="10"/>
    </row>
    <row r="681478" spans="14:14">
      <c r="N681478" s="10"/>
    </row>
    <row r="681479" spans="14:14">
      <c r="N681479" s="10"/>
    </row>
    <row r="681480" spans="14:14">
      <c r="N681480" s="10"/>
    </row>
    <row r="681481" spans="14:14">
      <c r="N681481" s="10"/>
    </row>
    <row r="681482" spans="14:14">
      <c r="N681482" s="10"/>
    </row>
    <row r="681483" spans="14:14">
      <c r="N681483" s="10"/>
    </row>
    <row r="681484" spans="14:14">
      <c r="N681484" s="10"/>
    </row>
    <row r="681485" spans="14:14">
      <c r="N681485" s="10"/>
    </row>
    <row r="681486" spans="14:14">
      <c r="N681486" s="10"/>
    </row>
    <row r="681487" spans="14:14">
      <c r="N681487" s="10"/>
    </row>
    <row r="681488" spans="14:14">
      <c r="N681488" s="10"/>
    </row>
    <row r="681489" spans="14:14">
      <c r="N681489" s="10"/>
    </row>
    <row r="681490" spans="14:14">
      <c r="N681490" s="10"/>
    </row>
    <row r="681491" spans="14:14">
      <c r="N681491" s="10"/>
    </row>
    <row r="681492" spans="14:14">
      <c r="N681492" s="10"/>
    </row>
    <row r="681493" spans="14:14">
      <c r="N681493" s="10"/>
    </row>
    <row r="681494" spans="14:14">
      <c r="N681494" s="10"/>
    </row>
    <row r="681495" spans="14:14">
      <c r="N681495" s="10"/>
    </row>
    <row r="681496" spans="14:14">
      <c r="N681496" s="10"/>
    </row>
    <row r="681497" spans="14:14">
      <c r="N681497" s="10"/>
    </row>
    <row r="681498" spans="14:14">
      <c r="N681498" s="10"/>
    </row>
    <row r="681499" spans="14:14">
      <c r="N681499" s="10"/>
    </row>
    <row r="681500" spans="14:14">
      <c r="N681500" s="10"/>
    </row>
    <row r="681501" spans="14:14">
      <c r="N681501" s="10"/>
    </row>
    <row r="681502" spans="14:14">
      <c r="N681502" s="10"/>
    </row>
    <row r="681503" spans="14:14">
      <c r="N681503" s="10"/>
    </row>
    <row r="681504" spans="14:14">
      <c r="N681504" s="10"/>
    </row>
    <row r="681505" spans="14:14">
      <c r="N681505" s="10"/>
    </row>
    <row r="681506" spans="14:14">
      <c r="N681506" s="10"/>
    </row>
    <row r="681507" spans="14:14">
      <c r="N681507" s="10"/>
    </row>
    <row r="681508" spans="14:14">
      <c r="N681508" s="10"/>
    </row>
    <row r="681509" spans="14:14">
      <c r="N681509" s="10"/>
    </row>
    <row r="681510" spans="14:14">
      <c r="N681510" s="10"/>
    </row>
    <row r="681511" spans="14:14">
      <c r="N681511" s="10"/>
    </row>
    <row r="681512" spans="14:14">
      <c r="N681512" s="10"/>
    </row>
    <row r="681513" spans="14:14">
      <c r="N681513" s="10"/>
    </row>
    <row r="681514" spans="14:14">
      <c r="N681514" s="10"/>
    </row>
    <row r="681515" spans="14:14">
      <c r="N681515" s="10"/>
    </row>
    <row r="681516" spans="14:14">
      <c r="N681516" s="10"/>
    </row>
    <row r="681517" spans="14:14">
      <c r="N681517" s="10"/>
    </row>
    <row r="681518" spans="14:14">
      <c r="N681518" s="10"/>
    </row>
    <row r="681519" spans="14:14">
      <c r="N681519" s="10"/>
    </row>
    <row r="681520" spans="14:14">
      <c r="N681520" s="10"/>
    </row>
    <row r="681521" spans="14:14">
      <c r="N681521" s="10"/>
    </row>
    <row r="681522" spans="14:14">
      <c r="N681522" s="10"/>
    </row>
    <row r="681523" spans="14:14">
      <c r="N681523" s="10"/>
    </row>
    <row r="681524" spans="14:14">
      <c r="N681524" s="10"/>
    </row>
    <row r="681525" spans="14:14">
      <c r="N681525" s="10"/>
    </row>
    <row r="681526" spans="14:14">
      <c r="N681526" s="10"/>
    </row>
    <row r="681527" spans="14:14">
      <c r="N681527" s="10"/>
    </row>
    <row r="681528" spans="14:14">
      <c r="N681528" s="10"/>
    </row>
    <row r="681529" spans="14:14">
      <c r="N681529" s="10"/>
    </row>
    <row r="681530" spans="14:14">
      <c r="N681530" s="10"/>
    </row>
    <row r="681531" spans="14:14">
      <c r="N681531" s="10"/>
    </row>
    <row r="681532" spans="14:14">
      <c r="N681532" s="10"/>
    </row>
    <row r="681533" spans="14:14">
      <c r="N681533" s="10"/>
    </row>
    <row r="681534" spans="14:14">
      <c r="N681534" s="10"/>
    </row>
    <row r="681535" spans="14:14">
      <c r="N681535" s="10"/>
    </row>
    <row r="681536" spans="14:14">
      <c r="N681536" s="10"/>
    </row>
    <row r="681537" spans="14:14">
      <c r="N681537" s="10"/>
    </row>
    <row r="681538" spans="14:14">
      <c r="N681538" s="10"/>
    </row>
    <row r="681539" spans="14:14">
      <c r="N681539" s="10"/>
    </row>
    <row r="681540" spans="14:14">
      <c r="N681540" s="10"/>
    </row>
    <row r="681541" spans="14:14">
      <c r="N681541" s="10"/>
    </row>
    <row r="681542" spans="14:14">
      <c r="N681542" s="10"/>
    </row>
    <row r="681543" spans="14:14">
      <c r="N681543" s="10"/>
    </row>
    <row r="681544" spans="14:14">
      <c r="N681544" s="10"/>
    </row>
    <row r="681545" spans="14:14">
      <c r="N681545" s="10"/>
    </row>
    <row r="681546" spans="14:14">
      <c r="N681546" s="10"/>
    </row>
    <row r="681547" spans="14:14">
      <c r="N681547" s="10"/>
    </row>
    <row r="681548" spans="14:14">
      <c r="N681548" s="10"/>
    </row>
    <row r="681549" spans="14:14">
      <c r="N681549" s="10"/>
    </row>
    <row r="681550" spans="14:14">
      <c r="N681550" s="10"/>
    </row>
    <row r="681551" spans="14:14">
      <c r="N681551" s="10"/>
    </row>
    <row r="681552" spans="14:14">
      <c r="N681552" s="10"/>
    </row>
    <row r="681553" spans="14:14">
      <c r="N681553" s="10"/>
    </row>
    <row r="681554" spans="14:14">
      <c r="N681554" s="10"/>
    </row>
    <row r="681555" spans="14:14">
      <c r="N681555" s="10"/>
    </row>
    <row r="681556" spans="14:14">
      <c r="N681556" s="10"/>
    </row>
    <row r="681557" spans="14:14">
      <c r="N681557" s="10"/>
    </row>
    <row r="681558" spans="14:14">
      <c r="N681558" s="10"/>
    </row>
    <row r="681559" spans="14:14">
      <c r="N681559" s="10"/>
    </row>
    <row r="681560" spans="14:14">
      <c r="N681560" s="10"/>
    </row>
    <row r="681561" spans="14:14">
      <c r="N681561" s="10"/>
    </row>
    <row r="681562" spans="14:14">
      <c r="N681562" s="10"/>
    </row>
    <row r="681563" spans="14:14">
      <c r="N681563" s="10"/>
    </row>
    <row r="681564" spans="14:14">
      <c r="N681564" s="10"/>
    </row>
    <row r="681565" spans="14:14">
      <c r="N681565" s="10"/>
    </row>
    <row r="681566" spans="14:14">
      <c r="N681566" s="10"/>
    </row>
    <row r="681567" spans="14:14">
      <c r="N681567" s="10"/>
    </row>
    <row r="681568" spans="14:14">
      <c r="N681568" s="10"/>
    </row>
    <row r="681569" spans="14:14">
      <c r="N681569" s="10"/>
    </row>
    <row r="681570" spans="14:14">
      <c r="N681570" s="10"/>
    </row>
    <row r="681571" spans="14:14">
      <c r="N681571" s="10"/>
    </row>
    <row r="681572" spans="14:14">
      <c r="N681572" s="10"/>
    </row>
    <row r="681573" spans="14:14">
      <c r="N681573" s="10"/>
    </row>
    <row r="681574" spans="14:14">
      <c r="N681574" s="10"/>
    </row>
    <row r="681575" spans="14:14">
      <c r="N681575" s="10"/>
    </row>
    <row r="681576" spans="14:14">
      <c r="N681576" s="10"/>
    </row>
    <row r="681577" spans="14:14">
      <c r="N681577" s="10"/>
    </row>
    <row r="681578" spans="14:14">
      <c r="N681578" s="10"/>
    </row>
    <row r="681579" spans="14:14">
      <c r="N681579" s="10"/>
    </row>
    <row r="681580" spans="14:14">
      <c r="N681580" s="10"/>
    </row>
    <row r="681581" spans="14:14">
      <c r="N681581" s="10"/>
    </row>
    <row r="681582" spans="14:14">
      <c r="N681582" s="10"/>
    </row>
    <row r="681583" spans="14:14">
      <c r="N681583" s="10"/>
    </row>
    <row r="681584" spans="14:14">
      <c r="N681584" s="10"/>
    </row>
    <row r="681585" spans="14:14">
      <c r="N681585" s="10"/>
    </row>
    <row r="681586" spans="14:14">
      <c r="N681586" s="10"/>
    </row>
    <row r="681587" spans="14:14">
      <c r="N681587" s="10"/>
    </row>
    <row r="681588" spans="14:14">
      <c r="N681588" s="10"/>
    </row>
    <row r="681589" spans="14:14">
      <c r="N681589" s="10"/>
    </row>
    <row r="681590" spans="14:14">
      <c r="N681590" s="10"/>
    </row>
    <row r="681591" spans="14:14">
      <c r="N681591" s="10"/>
    </row>
    <row r="681592" spans="14:14">
      <c r="N681592" s="10"/>
    </row>
    <row r="681593" spans="14:14">
      <c r="N681593" s="10"/>
    </row>
    <row r="681594" spans="14:14">
      <c r="N681594" s="10"/>
    </row>
    <row r="681595" spans="14:14">
      <c r="N681595" s="10"/>
    </row>
    <row r="681596" spans="14:14">
      <c r="N681596" s="10"/>
    </row>
    <row r="681597" spans="14:14">
      <c r="N681597" s="10"/>
    </row>
    <row r="681598" spans="14:14">
      <c r="N681598" s="10"/>
    </row>
    <row r="681599" spans="14:14">
      <c r="N681599" s="10"/>
    </row>
    <row r="681600" spans="14:14">
      <c r="N681600" s="10"/>
    </row>
    <row r="681601" spans="14:14">
      <c r="N681601" s="10"/>
    </row>
    <row r="681602" spans="14:14">
      <c r="N681602" s="10"/>
    </row>
    <row r="681603" spans="14:14">
      <c r="N681603" s="10"/>
    </row>
    <row r="681604" spans="14:14">
      <c r="N681604" s="10"/>
    </row>
    <row r="681605" spans="14:14">
      <c r="N681605" s="10"/>
    </row>
    <row r="681606" spans="14:14">
      <c r="N681606" s="10"/>
    </row>
    <row r="681607" spans="14:14">
      <c r="N681607" s="10"/>
    </row>
    <row r="681608" spans="14:14">
      <c r="N681608" s="10"/>
    </row>
    <row r="681609" spans="14:14">
      <c r="N681609" s="10"/>
    </row>
    <row r="681610" spans="14:14">
      <c r="N681610" s="10"/>
    </row>
    <row r="681611" spans="14:14">
      <c r="N681611" s="10"/>
    </row>
    <row r="681612" spans="14:14">
      <c r="N681612" s="10"/>
    </row>
    <row r="681613" spans="14:14">
      <c r="N681613" s="10"/>
    </row>
    <row r="681614" spans="14:14">
      <c r="N681614" s="10"/>
    </row>
    <row r="681615" spans="14:14">
      <c r="N681615" s="10"/>
    </row>
    <row r="681616" spans="14:14">
      <c r="N681616" s="10"/>
    </row>
    <row r="681617" spans="14:14">
      <c r="N681617" s="10"/>
    </row>
    <row r="681618" spans="14:14">
      <c r="N681618" s="10"/>
    </row>
    <row r="681619" spans="14:14">
      <c r="N681619" s="10"/>
    </row>
    <row r="681620" spans="14:14">
      <c r="N681620" s="10"/>
    </row>
    <row r="681621" spans="14:14">
      <c r="N681621" s="10"/>
    </row>
    <row r="681622" spans="14:14">
      <c r="N681622" s="10"/>
    </row>
    <row r="681623" spans="14:14">
      <c r="N681623" s="10"/>
    </row>
    <row r="681624" spans="14:14">
      <c r="N681624" s="10"/>
    </row>
    <row r="681625" spans="14:14">
      <c r="N681625" s="10"/>
    </row>
    <row r="681626" spans="14:14">
      <c r="N681626" s="10"/>
    </row>
    <row r="681627" spans="14:14">
      <c r="N681627" s="10"/>
    </row>
    <row r="681628" spans="14:14">
      <c r="N681628" s="10"/>
    </row>
    <row r="681629" spans="14:14">
      <c r="N681629" s="10"/>
    </row>
    <row r="681630" spans="14:14">
      <c r="N681630" s="10"/>
    </row>
    <row r="681631" spans="14:14">
      <c r="N681631" s="10"/>
    </row>
    <row r="681632" spans="14:14">
      <c r="N681632" s="10"/>
    </row>
    <row r="681633" spans="14:14">
      <c r="N681633" s="10"/>
    </row>
    <row r="681634" spans="14:14">
      <c r="N681634" s="10"/>
    </row>
    <row r="681635" spans="14:14">
      <c r="N681635" s="10"/>
    </row>
    <row r="681636" spans="14:14">
      <c r="N681636" s="10"/>
    </row>
    <row r="681637" spans="14:14">
      <c r="N681637" s="10"/>
    </row>
    <row r="681638" spans="14:14">
      <c r="N681638" s="10"/>
    </row>
    <row r="681639" spans="14:14">
      <c r="N681639" s="10"/>
    </row>
    <row r="681640" spans="14:14">
      <c r="N681640" s="10"/>
    </row>
    <row r="681641" spans="14:14">
      <c r="N681641" s="10"/>
    </row>
    <row r="681642" spans="14:14">
      <c r="N681642" s="10"/>
    </row>
    <row r="681643" spans="14:14">
      <c r="N681643" s="10"/>
    </row>
    <row r="681644" spans="14:14">
      <c r="N681644" s="10"/>
    </row>
    <row r="681645" spans="14:14">
      <c r="N681645" s="10"/>
    </row>
    <row r="681646" spans="14:14">
      <c r="N681646" s="10"/>
    </row>
    <row r="681647" spans="14:14">
      <c r="N681647" s="10"/>
    </row>
    <row r="681648" spans="14:14">
      <c r="N681648" s="10"/>
    </row>
    <row r="681649" spans="14:14">
      <c r="N681649" s="10"/>
    </row>
    <row r="681650" spans="14:14">
      <c r="N681650" s="10"/>
    </row>
    <row r="681651" spans="14:14">
      <c r="N681651" s="10"/>
    </row>
    <row r="681652" spans="14:14">
      <c r="N681652" s="10"/>
    </row>
    <row r="681653" spans="14:14">
      <c r="N681653" s="10"/>
    </row>
    <row r="681654" spans="14:14">
      <c r="N681654" s="10"/>
    </row>
    <row r="681655" spans="14:14">
      <c r="N681655" s="10"/>
    </row>
    <row r="681656" spans="14:14">
      <c r="N681656" s="10"/>
    </row>
    <row r="681657" spans="14:14">
      <c r="N681657" s="10"/>
    </row>
    <row r="681658" spans="14:14">
      <c r="N681658" s="10"/>
    </row>
    <row r="681659" spans="14:14">
      <c r="N681659" s="10"/>
    </row>
    <row r="681660" spans="14:14">
      <c r="N681660" s="10"/>
    </row>
    <row r="681661" spans="14:14">
      <c r="N681661" s="10"/>
    </row>
    <row r="681662" spans="14:14">
      <c r="N681662" s="10"/>
    </row>
    <row r="681663" spans="14:14">
      <c r="N681663" s="10"/>
    </row>
    <row r="681664" spans="14:14">
      <c r="N681664" s="10"/>
    </row>
    <row r="681665" spans="14:14">
      <c r="N681665" s="10"/>
    </row>
    <row r="681666" spans="14:14">
      <c r="N681666" s="10"/>
    </row>
    <row r="681667" spans="14:14">
      <c r="N681667" s="10"/>
    </row>
    <row r="681668" spans="14:14">
      <c r="N681668" s="10"/>
    </row>
    <row r="681669" spans="14:14">
      <c r="N681669" s="10"/>
    </row>
    <row r="681670" spans="14:14">
      <c r="N681670" s="10"/>
    </row>
    <row r="681671" spans="14:14">
      <c r="N681671" s="10"/>
    </row>
    <row r="681672" spans="14:14">
      <c r="N681672" s="10"/>
    </row>
    <row r="681673" spans="14:14">
      <c r="N681673" s="10"/>
    </row>
    <row r="681674" spans="14:14">
      <c r="N681674" s="10"/>
    </row>
    <row r="681675" spans="14:14">
      <c r="N681675" s="10"/>
    </row>
    <row r="681676" spans="14:14">
      <c r="N681676" s="10"/>
    </row>
    <row r="681677" spans="14:14">
      <c r="N681677" s="10"/>
    </row>
    <row r="681678" spans="14:14">
      <c r="N681678" s="10"/>
    </row>
    <row r="681679" spans="14:14">
      <c r="N681679" s="10"/>
    </row>
    <row r="681680" spans="14:14">
      <c r="N681680" s="10"/>
    </row>
    <row r="681681" spans="14:14">
      <c r="N681681" s="10"/>
    </row>
    <row r="681682" spans="14:14">
      <c r="N681682" s="10"/>
    </row>
    <row r="681683" spans="14:14">
      <c r="N681683" s="10"/>
    </row>
    <row r="681684" spans="14:14">
      <c r="N681684" s="10"/>
    </row>
    <row r="681685" spans="14:14">
      <c r="N681685" s="10"/>
    </row>
    <row r="681686" spans="14:14">
      <c r="N681686" s="10"/>
    </row>
    <row r="681687" spans="14:14">
      <c r="N681687" s="10"/>
    </row>
    <row r="681688" spans="14:14">
      <c r="N681688" s="10"/>
    </row>
    <row r="681689" spans="14:14">
      <c r="N681689" s="10"/>
    </row>
    <row r="681690" spans="14:14">
      <c r="N681690" s="10"/>
    </row>
    <row r="681691" spans="14:14">
      <c r="N681691" s="10"/>
    </row>
    <row r="681692" spans="14:14">
      <c r="N681692" s="10"/>
    </row>
    <row r="681693" spans="14:14">
      <c r="N681693" s="10"/>
    </row>
    <row r="681694" spans="14:14">
      <c r="N681694" s="10"/>
    </row>
    <row r="681695" spans="14:14">
      <c r="N681695" s="10"/>
    </row>
    <row r="681696" spans="14:14">
      <c r="N681696" s="10"/>
    </row>
    <row r="681697" spans="14:14">
      <c r="N681697" s="10"/>
    </row>
    <row r="681698" spans="14:14">
      <c r="N681698" s="10"/>
    </row>
    <row r="681699" spans="14:14">
      <c r="N681699" s="10"/>
    </row>
    <row r="681700" spans="14:14">
      <c r="N681700" s="10"/>
    </row>
    <row r="681701" spans="14:14">
      <c r="N681701" s="10"/>
    </row>
    <row r="681702" spans="14:14">
      <c r="N681702" s="10"/>
    </row>
    <row r="681703" spans="14:14">
      <c r="N681703" s="10"/>
    </row>
    <row r="681704" spans="14:14">
      <c r="N681704" s="10"/>
    </row>
    <row r="681705" spans="14:14">
      <c r="N681705" s="10"/>
    </row>
    <row r="681706" spans="14:14">
      <c r="N681706" s="10"/>
    </row>
    <row r="681707" spans="14:14">
      <c r="N681707" s="10"/>
    </row>
    <row r="681708" spans="14:14">
      <c r="N681708" s="10"/>
    </row>
    <row r="681709" spans="14:14">
      <c r="N681709" s="10"/>
    </row>
    <row r="681710" spans="14:14">
      <c r="N681710" s="10"/>
    </row>
    <row r="681711" spans="14:14">
      <c r="N681711" s="10"/>
    </row>
    <row r="681712" spans="14:14">
      <c r="N681712" s="10"/>
    </row>
    <row r="681713" spans="14:14">
      <c r="N681713" s="10"/>
    </row>
    <row r="681714" spans="14:14">
      <c r="N681714" s="10"/>
    </row>
    <row r="681715" spans="14:14">
      <c r="N681715" s="10"/>
    </row>
    <row r="681716" spans="14:14">
      <c r="N681716" s="10"/>
    </row>
    <row r="681717" spans="14:14">
      <c r="N681717" s="10"/>
    </row>
    <row r="681718" spans="14:14">
      <c r="N681718" s="10"/>
    </row>
    <row r="681719" spans="14:14">
      <c r="N681719" s="10"/>
    </row>
    <row r="681720" spans="14:14">
      <c r="N681720" s="10"/>
    </row>
    <row r="681721" spans="14:14">
      <c r="N681721" s="10"/>
    </row>
    <row r="681722" spans="14:14">
      <c r="N681722" s="10"/>
    </row>
    <row r="681723" spans="14:14">
      <c r="N681723" s="10"/>
    </row>
    <row r="681724" spans="14:14">
      <c r="N681724" s="10"/>
    </row>
    <row r="681725" spans="14:14">
      <c r="N681725" s="10"/>
    </row>
    <row r="681726" spans="14:14">
      <c r="N681726" s="10"/>
    </row>
    <row r="681727" spans="14:14">
      <c r="N681727" s="10"/>
    </row>
    <row r="681728" spans="14:14">
      <c r="N681728" s="10"/>
    </row>
    <row r="681729" spans="14:14">
      <c r="N681729" s="10"/>
    </row>
    <row r="681730" spans="14:14">
      <c r="N681730" s="10"/>
    </row>
    <row r="681731" spans="14:14">
      <c r="N681731" s="10"/>
    </row>
    <row r="681732" spans="14:14">
      <c r="N681732" s="10"/>
    </row>
    <row r="681733" spans="14:14">
      <c r="N681733" s="10"/>
    </row>
    <row r="681734" spans="14:14">
      <c r="N681734" s="10"/>
    </row>
    <row r="681735" spans="14:14">
      <c r="N681735" s="10"/>
    </row>
    <row r="681736" spans="14:14">
      <c r="N681736" s="10"/>
    </row>
    <row r="681737" spans="14:14">
      <c r="N681737" s="10"/>
    </row>
    <row r="681738" spans="14:14">
      <c r="N681738" s="10"/>
    </row>
    <row r="681739" spans="14:14">
      <c r="N681739" s="10"/>
    </row>
    <row r="681740" spans="14:14">
      <c r="N681740" s="10"/>
    </row>
    <row r="681741" spans="14:14">
      <c r="N681741" s="10"/>
    </row>
    <row r="681742" spans="14:14">
      <c r="N681742" s="10"/>
    </row>
    <row r="681743" spans="14:14">
      <c r="N681743" s="10"/>
    </row>
    <row r="681744" spans="14:14">
      <c r="N681744" s="10"/>
    </row>
    <row r="681745" spans="14:14">
      <c r="N681745" s="10"/>
    </row>
    <row r="681746" spans="14:14">
      <c r="N681746" s="10"/>
    </row>
    <row r="681747" spans="14:14">
      <c r="N681747" s="10"/>
    </row>
    <row r="681748" spans="14:14">
      <c r="N681748" s="10"/>
    </row>
    <row r="681749" spans="14:14">
      <c r="N681749" s="10"/>
    </row>
    <row r="681750" spans="14:14">
      <c r="N681750" s="10"/>
    </row>
    <row r="681751" spans="14:14">
      <c r="N681751" s="10"/>
    </row>
    <row r="681752" spans="14:14">
      <c r="N681752" s="10"/>
    </row>
    <row r="681753" spans="14:14">
      <c r="N681753" s="10"/>
    </row>
    <row r="681754" spans="14:14">
      <c r="N681754" s="10"/>
    </row>
    <row r="681755" spans="14:14">
      <c r="N681755" s="10"/>
    </row>
    <row r="681756" spans="14:14">
      <c r="N681756" s="10"/>
    </row>
    <row r="681757" spans="14:14">
      <c r="N681757" s="10"/>
    </row>
    <row r="681758" spans="14:14">
      <c r="N681758" s="10"/>
    </row>
    <row r="681759" spans="14:14">
      <c r="N681759" s="10"/>
    </row>
    <row r="681760" spans="14:14">
      <c r="N681760" s="10"/>
    </row>
    <row r="681761" spans="14:14">
      <c r="N681761" s="10"/>
    </row>
    <row r="681762" spans="14:14">
      <c r="N681762" s="10"/>
    </row>
    <row r="681763" spans="14:14">
      <c r="N681763" s="10"/>
    </row>
    <row r="681764" spans="14:14">
      <c r="N681764" s="10"/>
    </row>
    <row r="681765" spans="14:14">
      <c r="N681765" s="10"/>
    </row>
    <row r="681766" spans="14:14">
      <c r="N681766" s="10"/>
    </row>
    <row r="681767" spans="14:14">
      <c r="N681767" s="10"/>
    </row>
    <row r="681768" spans="14:14">
      <c r="N681768" s="10"/>
    </row>
    <row r="681769" spans="14:14">
      <c r="N681769" s="10"/>
    </row>
    <row r="681770" spans="14:14">
      <c r="N681770" s="10"/>
    </row>
    <row r="681771" spans="14:14">
      <c r="N681771" s="10"/>
    </row>
    <row r="681772" spans="14:14">
      <c r="N681772" s="10"/>
    </row>
    <row r="681773" spans="14:14">
      <c r="N681773" s="10"/>
    </row>
    <row r="681774" spans="14:14">
      <c r="N681774" s="10"/>
    </row>
    <row r="681775" spans="14:14">
      <c r="N681775" s="10"/>
    </row>
    <row r="681776" spans="14:14">
      <c r="N681776" s="10"/>
    </row>
    <row r="681777" spans="14:14">
      <c r="N681777" s="10"/>
    </row>
    <row r="681778" spans="14:14">
      <c r="N681778" s="10"/>
    </row>
    <row r="681779" spans="14:14">
      <c r="N681779" s="10"/>
    </row>
    <row r="681780" spans="14:14">
      <c r="N681780" s="10"/>
    </row>
    <row r="681781" spans="14:14">
      <c r="N681781" s="10"/>
    </row>
    <row r="681782" spans="14:14">
      <c r="N681782" s="10"/>
    </row>
    <row r="681783" spans="14:14">
      <c r="N681783" s="10"/>
    </row>
    <row r="681784" spans="14:14">
      <c r="N681784" s="10"/>
    </row>
    <row r="681785" spans="14:14">
      <c r="N681785" s="10"/>
    </row>
    <row r="681786" spans="14:14">
      <c r="N681786" s="10"/>
    </row>
    <row r="681787" spans="14:14">
      <c r="N681787" s="10"/>
    </row>
    <row r="681788" spans="14:14">
      <c r="N681788" s="10"/>
    </row>
    <row r="681789" spans="14:14">
      <c r="N681789" s="10"/>
    </row>
    <row r="681790" spans="14:14">
      <c r="N681790" s="10"/>
    </row>
    <row r="681791" spans="14:14">
      <c r="N681791" s="10"/>
    </row>
    <row r="681792" spans="14:14">
      <c r="N681792" s="10"/>
    </row>
    <row r="681793" spans="14:14">
      <c r="N681793" s="10"/>
    </row>
    <row r="681794" spans="14:14">
      <c r="N681794" s="10"/>
    </row>
    <row r="681795" spans="14:14">
      <c r="N681795" s="10"/>
    </row>
    <row r="681796" spans="14:14">
      <c r="N681796" s="10"/>
    </row>
    <row r="681797" spans="14:14">
      <c r="N681797" s="10"/>
    </row>
    <row r="681798" spans="14:14">
      <c r="N681798" s="10"/>
    </row>
    <row r="681799" spans="14:14">
      <c r="N681799" s="10"/>
    </row>
    <row r="681800" spans="14:14">
      <c r="N681800" s="10"/>
    </row>
    <row r="681801" spans="14:14">
      <c r="N681801" s="10"/>
    </row>
    <row r="681802" spans="14:14">
      <c r="N681802" s="10"/>
    </row>
    <row r="681803" spans="14:14">
      <c r="N681803" s="10"/>
    </row>
    <row r="681804" spans="14:14">
      <c r="N681804" s="10"/>
    </row>
    <row r="681805" spans="14:14">
      <c r="N681805" s="10"/>
    </row>
    <row r="681806" spans="14:14">
      <c r="N681806" s="10"/>
    </row>
    <row r="681807" spans="14:14">
      <c r="N681807" s="10"/>
    </row>
    <row r="681808" spans="14:14">
      <c r="N681808" s="10"/>
    </row>
    <row r="681809" spans="14:14">
      <c r="N681809" s="10"/>
    </row>
    <row r="681810" spans="14:14">
      <c r="N681810" s="10"/>
    </row>
    <row r="681811" spans="14:14">
      <c r="N681811" s="10"/>
    </row>
    <row r="681812" spans="14:14">
      <c r="N681812" s="10"/>
    </row>
    <row r="681813" spans="14:14">
      <c r="N681813" s="10"/>
    </row>
    <row r="681814" spans="14:14">
      <c r="N681814" s="10"/>
    </row>
    <row r="681815" spans="14:14">
      <c r="N681815" s="10"/>
    </row>
    <row r="681816" spans="14:14">
      <c r="N681816" s="10"/>
    </row>
    <row r="681817" spans="14:14">
      <c r="N681817" s="10"/>
    </row>
    <row r="681818" spans="14:14">
      <c r="N681818" s="10"/>
    </row>
    <row r="681819" spans="14:14">
      <c r="N681819" s="10"/>
    </row>
    <row r="681820" spans="14:14">
      <c r="N681820" s="10"/>
    </row>
    <row r="681821" spans="14:14">
      <c r="N681821" s="10"/>
    </row>
    <row r="681822" spans="14:14">
      <c r="N681822" s="10"/>
    </row>
    <row r="681823" spans="14:14">
      <c r="N681823" s="10"/>
    </row>
    <row r="681824" spans="14:14">
      <c r="N681824" s="10"/>
    </row>
    <row r="681825" spans="14:14">
      <c r="N681825" s="10"/>
    </row>
    <row r="681826" spans="14:14">
      <c r="N681826" s="10"/>
    </row>
    <row r="681827" spans="14:14">
      <c r="N681827" s="10"/>
    </row>
    <row r="681828" spans="14:14">
      <c r="N681828" s="10"/>
    </row>
    <row r="681829" spans="14:14">
      <c r="N681829" s="10"/>
    </row>
    <row r="681830" spans="14:14">
      <c r="N681830" s="10"/>
    </row>
    <row r="681831" spans="14:14">
      <c r="N681831" s="10"/>
    </row>
    <row r="681832" spans="14:14">
      <c r="N681832" s="10"/>
    </row>
    <row r="681833" spans="14:14">
      <c r="N681833" s="10"/>
    </row>
    <row r="681834" spans="14:14">
      <c r="N681834" s="10"/>
    </row>
    <row r="681835" spans="14:14">
      <c r="N681835" s="10"/>
    </row>
    <row r="681836" spans="14:14">
      <c r="N681836" s="10"/>
    </row>
    <row r="681837" spans="14:14">
      <c r="N681837" s="10"/>
    </row>
    <row r="681838" spans="14:14">
      <c r="N681838" s="10"/>
    </row>
    <row r="681839" spans="14:14">
      <c r="N681839" s="10"/>
    </row>
    <row r="681840" spans="14:14">
      <c r="N681840" s="10"/>
    </row>
    <row r="681841" spans="14:14">
      <c r="N681841" s="10"/>
    </row>
    <row r="681842" spans="14:14">
      <c r="N681842" s="10"/>
    </row>
    <row r="681843" spans="14:14">
      <c r="N681843" s="10"/>
    </row>
    <row r="681844" spans="14:14">
      <c r="N681844" s="10"/>
    </row>
    <row r="681845" spans="14:14">
      <c r="N681845" s="10"/>
    </row>
    <row r="681846" spans="14:14">
      <c r="N681846" s="10"/>
    </row>
    <row r="681847" spans="14:14">
      <c r="N681847" s="10"/>
    </row>
    <row r="681848" spans="14:14">
      <c r="N681848" s="10"/>
    </row>
    <row r="681849" spans="14:14">
      <c r="N681849" s="10"/>
    </row>
    <row r="681850" spans="14:14">
      <c r="N681850" s="10"/>
    </row>
    <row r="681851" spans="14:14">
      <c r="N681851" s="10"/>
    </row>
    <row r="681852" spans="14:14">
      <c r="N681852" s="10"/>
    </row>
    <row r="681853" spans="14:14">
      <c r="N681853" s="10"/>
    </row>
    <row r="681854" spans="14:14">
      <c r="N681854" s="10"/>
    </row>
    <row r="681855" spans="14:14">
      <c r="N681855" s="10"/>
    </row>
    <row r="681856" spans="14:14">
      <c r="N681856" s="10"/>
    </row>
    <row r="681857" spans="14:14">
      <c r="N681857" s="10"/>
    </row>
    <row r="681858" spans="14:14">
      <c r="N681858" s="10"/>
    </row>
    <row r="681859" spans="14:14">
      <c r="N681859" s="10"/>
    </row>
    <row r="681860" spans="14:14">
      <c r="N681860" s="10"/>
    </row>
    <row r="681861" spans="14:14">
      <c r="N681861" s="10"/>
    </row>
    <row r="681862" spans="14:14">
      <c r="N681862" s="10"/>
    </row>
    <row r="681863" spans="14:14">
      <c r="N681863" s="10"/>
    </row>
    <row r="681864" spans="14:14">
      <c r="N681864" s="10"/>
    </row>
    <row r="681865" spans="14:14">
      <c r="N681865" s="10"/>
    </row>
    <row r="681866" spans="14:14">
      <c r="N681866" s="10"/>
    </row>
    <row r="681867" spans="14:14">
      <c r="N681867" s="10"/>
    </row>
    <row r="681868" spans="14:14">
      <c r="N681868" s="10"/>
    </row>
    <row r="681869" spans="14:14">
      <c r="N681869" s="10"/>
    </row>
    <row r="681870" spans="14:14">
      <c r="N681870" s="10"/>
    </row>
    <row r="681871" spans="14:14">
      <c r="N681871" s="10"/>
    </row>
    <row r="681872" spans="14:14">
      <c r="N681872" s="10"/>
    </row>
    <row r="681873" spans="14:14">
      <c r="N681873" s="10"/>
    </row>
    <row r="681874" spans="14:14">
      <c r="N681874" s="10"/>
    </row>
    <row r="681875" spans="14:14">
      <c r="N681875" s="10"/>
    </row>
    <row r="681876" spans="14:14">
      <c r="N681876" s="10"/>
    </row>
    <row r="681877" spans="14:14">
      <c r="N681877" s="10"/>
    </row>
    <row r="681878" spans="14:14">
      <c r="N681878" s="10"/>
    </row>
    <row r="681879" spans="14:14">
      <c r="N681879" s="10"/>
    </row>
    <row r="681880" spans="14:14">
      <c r="N681880" s="10"/>
    </row>
    <row r="681881" spans="14:14">
      <c r="N681881" s="10"/>
    </row>
    <row r="681882" spans="14:14">
      <c r="N681882" s="10"/>
    </row>
    <row r="681883" spans="14:14">
      <c r="N681883" s="10"/>
    </row>
    <row r="681884" spans="14:14">
      <c r="N681884" s="10"/>
    </row>
    <row r="681885" spans="14:14">
      <c r="N681885" s="10"/>
    </row>
    <row r="681886" spans="14:14">
      <c r="N681886" s="10"/>
    </row>
    <row r="681887" spans="14:14">
      <c r="N681887" s="10"/>
    </row>
    <row r="681888" spans="14:14">
      <c r="N681888" s="10"/>
    </row>
    <row r="681889" spans="14:14">
      <c r="N681889" s="10"/>
    </row>
    <row r="681890" spans="14:14">
      <c r="N681890" s="10"/>
    </row>
    <row r="681891" spans="14:14">
      <c r="N681891" s="10"/>
    </row>
    <row r="681892" spans="14:14">
      <c r="N681892" s="10"/>
    </row>
    <row r="681893" spans="14:14">
      <c r="N681893" s="10"/>
    </row>
    <row r="681894" spans="14:14">
      <c r="N681894" s="10"/>
    </row>
    <row r="681895" spans="14:14">
      <c r="N681895" s="10"/>
    </row>
    <row r="681896" spans="14:14">
      <c r="N681896" s="10"/>
    </row>
    <row r="681897" spans="14:14">
      <c r="N681897" s="10"/>
    </row>
    <row r="681898" spans="14:14">
      <c r="N681898" s="10"/>
    </row>
    <row r="681899" spans="14:14">
      <c r="N681899" s="10"/>
    </row>
    <row r="681900" spans="14:14">
      <c r="N681900" s="10"/>
    </row>
    <row r="681901" spans="14:14">
      <c r="N681901" s="10"/>
    </row>
    <row r="681902" spans="14:14">
      <c r="N681902" s="10"/>
    </row>
    <row r="681903" spans="14:14">
      <c r="N681903" s="10"/>
    </row>
    <row r="681904" spans="14:14">
      <c r="N681904" s="10"/>
    </row>
    <row r="681905" spans="14:14">
      <c r="N681905" s="10"/>
    </row>
    <row r="681906" spans="14:14">
      <c r="N681906" s="10"/>
    </row>
    <row r="681907" spans="14:14">
      <c r="N681907" s="10"/>
    </row>
    <row r="681908" spans="14:14">
      <c r="N681908" s="10"/>
    </row>
    <row r="681909" spans="14:14">
      <c r="N681909" s="10"/>
    </row>
    <row r="681910" spans="14:14">
      <c r="N681910" s="10"/>
    </row>
    <row r="681911" spans="14:14">
      <c r="N681911" s="10"/>
    </row>
    <row r="681912" spans="14:14">
      <c r="N681912" s="10"/>
    </row>
    <row r="681913" spans="14:14">
      <c r="N681913" s="10"/>
    </row>
    <row r="681914" spans="14:14">
      <c r="N681914" s="10"/>
    </row>
    <row r="681915" spans="14:14">
      <c r="N681915" s="10"/>
    </row>
    <row r="681916" spans="14:14">
      <c r="N681916" s="10"/>
    </row>
    <row r="681917" spans="14:14">
      <c r="N681917" s="10"/>
    </row>
    <row r="681918" spans="14:14">
      <c r="N681918" s="10"/>
    </row>
    <row r="681919" spans="14:14">
      <c r="N681919" s="10"/>
    </row>
    <row r="681920" spans="14:14">
      <c r="N681920" s="10"/>
    </row>
    <row r="681921" spans="14:14">
      <c r="N681921" s="10"/>
    </row>
    <row r="681922" spans="14:14">
      <c r="N681922" s="10"/>
    </row>
    <row r="681923" spans="14:14">
      <c r="N681923" s="10"/>
    </row>
    <row r="681924" spans="14:14">
      <c r="N681924" s="10"/>
    </row>
    <row r="681925" spans="14:14">
      <c r="N681925" s="10"/>
    </row>
    <row r="681926" spans="14:14">
      <c r="N681926" s="10"/>
    </row>
    <row r="681927" spans="14:14">
      <c r="N681927" s="10"/>
    </row>
    <row r="681928" spans="14:14">
      <c r="N681928" s="10"/>
    </row>
    <row r="681929" spans="14:14">
      <c r="N681929" s="10"/>
    </row>
    <row r="681930" spans="14:14">
      <c r="N681930" s="10"/>
    </row>
    <row r="681931" spans="14:14">
      <c r="N681931" s="10"/>
    </row>
    <row r="681932" spans="14:14">
      <c r="N681932" s="10"/>
    </row>
    <row r="681933" spans="14:14">
      <c r="N681933" s="10"/>
    </row>
    <row r="681934" spans="14:14">
      <c r="N681934" s="10"/>
    </row>
    <row r="681935" spans="14:14">
      <c r="N681935" s="10"/>
    </row>
    <row r="681936" spans="14:14">
      <c r="N681936" s="10"/>
    </row>
    <row r="681937" spans="14:14">
      <c r="N681937" s="10"/>
    </row>
    <row r="681938" spans="14:14">
      <c r="N681938" s="10"/>
    </row>
    <row r="681939" spans="14:14">
      <c r="N681939" s="10"/>
    </row>
    <row r="681940" spans="14:14">
      <c r="N681940" s="10"/>
    </row>
    <row r="681941" spans="14:14">
      <c r="N681941" s="10"/>
    </row>
    <row r="681942" spans="14:14">
      <c r="N681942" s="10"/>
    </row>
    <row r="681943" spans="14:14">
      <c r="N681943" s="10"/>
    </row>
    <row r="681944" spans="14:14">
      <c r="N681944" s="10"/>
    </row>
    <row r="681945" spans="14:14">
      <c r="N681945" s="10"/>
    </row>
    <row r="681946" spans="14:14">
      <c r="N681946" s="10"/>
    </row>
    <row r="681947" spans="14:14">
      <c r="N681947" s="10"/>
    </row>
    <row r="681948" spans="14:14">
      <c r="N681948" s="10"/>
    </row>
    <row r="681949" spans="14:14">
      <c r="N681949" s="10"/>
    </row>
    <row r="681950" spans="14:14">
      <c r="N681950" s="10"/>
    </row>
    <row r="681951" spans="14:14">
      <c r="N681951" s="10"/>
    </row>
    <row r="681952" spans="14:14">
      <c r="N681952" s="10"/>
    </row>
    <row r="681953" spans="14:14">
      <c r="N681953" s="10"/>
    </row>
    <row r="681954" spans="14:14">
      <c r="N681954" s="10"/>
    </row>
    <row r="681955" spans="14:14">
      <c r="N681955" s="10"/>
    </row>
    <row r="681956" spans="14:14">
      <c r="N681956" s="10"/>
    </row>
    <row r="681957" spans="14:14">
      <c r="N681957" s="10"/>
    </row>
    <row r="681958" spans="14:14">
      <c r="N681958" s="10"/>
    </row>
    <row r="681959" spans="14:14">
      <c r="N681959" s="10"/>
    </row>
    <row r="681960" spans="14:14">
      <c r="N681960" s="10"/>
    </row>
    <row r="681961" spans="14:14">
      <c r="N681961" s="10"/>
    </row>
    <row r="681962" spans="14:14">
      <c r="N681962" s="10"/>
    </row>
    <row r="681963" spans="14:14">
      <c r="N681963" s="10"/>
    </row>
    <row r="681964" spans="14:14">
      <c r="N681964" s="10"/>
    </row>
    <row r="681965" spans="14:14">
      <c r="N681965" s="10"/>
    </row>
    <row r="681966" spans="14:14">
      <c r="N681966" s="10"/>
    </row>
    <row r="681967" spans="14:14">
      <c r="N681967" s="10"/>
    </row>
    <row r="681968" spans="14:14">
      <c r="N681968" s="10"/>
    </row>
    <row r="681969" spans="14:14">
      <c r="N681969" s="10"/>
    </row>
    <row r="681970" spans="14:14">
      <c r="N681970" s="10"/>
    </row>
    <row r="681971" spans="14:14">
      <c r="N681971" s="10"/>
    </row>
    <row r="681972" spans="14:14">
      <c r="N681972" s="10"/>
    </row>
    <row r="681973" spans="14:14">
      <c r="N681973" s="10"/>
    </row>
    <row r="681974" spans="14:14">
      <c r="N681974" s="10"/>
    </row>
    <row r="681975" spans="14:14">
      <c r="N681975" s="10"/>
    </row>
    <row r="681976" spans="14:14">
      <c r="N681976" s="10"/>
    </row>
    <row r="681977" spans="14:14">
      <c r="N681977" s="10"/>
    </row>
    <row r="681978" spans="14:14">
      <c r="N681978" s="10"/>
    </row>
    <row r="681979" spans="14:14">
      <c r="N681979" s="10"/>
    </row>
    <row r="681980" spans="14:14">
      <c r="N681980" s="10"/>
    </row>
    <row r="681981" spans="14:14">
      <c r="N681981" s="10"/>
    </row>
    <row r="681982" spans="14:14">
      <c r="N681982" s="10"/>
    </row>
    <row r="681983" spans="14:14">
      <c r="N681983" s="10"/>
    </row>
    <row r="681984" spans="14:14">
      <c r="N681984" s="10"/>
    </row>
    <row r="681985" spans="14:14">
      <c r="N681985" s="10"/>
    </row>
    <row r="681986" spans="14:14">
      <c r="N681986" s="10"/>
    </row>
    <row r="681987" spans="14:14">
      <c r="N681987" s="10"/>
    </row>
    <row r="681988" spans="14:14">
      <c r="N681988" s="10"/>
    </row>
    <row r="681989" spans="14:14">
      <c r="N681989" s="10"/>
    </row>
    <row r="681990" spans="14:14">
      <c r="N681990" s="10"/>
    </row>
    <row r="681991" spans="14:14">
      <c r="N681991" s="10"/>
    </row>
    <row r="681992" spans="14:14">
      <c r="N681992" s="10"/>
    </row>
    <row r="681993" spans="14:14">
      <c r="N681993" s="10"/>
    </row>
    <row r="681994" spans="14:14">
      <c r="N681994" s="10"/>
    </row>
    <row r="681995" spans="14:14">
      <c r="N681995" s="10"/>
    </row>
    <row r="681996" spans="14:14">
      <c r="N681996" s="10"/>
    </row>
    <row r="681997" spans="14:14">
      <c r="N681997" s="10"/>
    </row>
    <row r="681998" spans="14:14">
      <c r="N681998" s="10"/>
    </row>
    <row r="681999" spans="14:14">
      <c r="N681999" s="10"/>
    </row>
    <row r="682000" spans="14:14">
      <c r="N682000" s="10"/>
    </row>
    <row r="682001" spans="14:14">
      <c r="N682001" s="10"/>
    </row>
    <row r="682002" spans="14:14">
      <c r="N682002" s="10"/>
    </row>
    <row r="682003" spans="14:14">
      <c r="N682003" s="10"/>
    </row>
    <row r="682004" spans="14:14">
      <c r="N682004" s="10"/>
    </row>
    <row r="682005" spans="14:14">
      <c r="N682005" s="10"/>
    </row>
    <row r="682006" spans="14:14">
      <c r="N682006" s="10"/>
    </row>
    <row r="682007" spans="14:14">
      <c r="N682007" s="10"/>
    </row>
    <row r="682008" spans="14:14">
      <c r="N682008" s="10"/>
    </row>
    <row r="682009" spans="14:14">
      <c r="N682009" s="10"/>
    </row>
    <row r="682010" spans="14:14">
      <c r="N682010" s="10"/>
    </row>
    <row r="682011" spans="14:14">
      <c r="N682011" s="10"/>
    </row>
    <row r="682012" spans="14:14">
      <c r="N682012" s="10"/>
    </row>
    <row r="682013" spans="14:14">
      <c r="N682013" s="10"/>
    </row>
    <row r="682014" spans="14:14">
      <c r="N682014" s="10"/>
    </row>
    <row r="682015" spans="14:14">
      <c r="N682015" s="10"/>
    </row>
    <row r="682016" spans="14:14">
      <c r="N682016" s="10"/>
    </row>
    <row r="682017" spans="14:14">
      <c r="N682017" s="10"/>
    </row>
    <row r="682018" spans="14:14">
      <c r="N682018" s="10"/>
    </row>
    <row r="682019" spans="14:14">
      <c r="N682019" s="10"/>
    </row>
    <row r="682020" spans="14:14">
      <c r="N682020" s="10"/>
    </row>
    <row r="682021" spans="14:14">
      <c r="N682021" s="10"/>
    </row>
    <row r="682022" spans="14:14">
      <c r="N682022" s="10"/>
    </row>
    <row r="682023" spans="14:14">
      <c r="N682023" s="10"/>
    </row>
    <row r="682024" spans="14:14">
      <c r="N682024" s="10"/>
    </row>
    <row r="682025" spans="14:14">
      <c r="N682025" s="10"/>
    </row>
    <row r="682026" spans="14:14">
      <c r="N682026" s="10"/>
    </row>
    <row r="682027" spans="14:14">
      <c r="N682027" s="10"/>
    </row>
    <row r="682028" spans="14:14">
      <c r="N682028" s="10"/>
    </row>
    <row r="682029" spans="14:14">
      <c r="N682029" s="10"/>
    </row>
    <row r="682030" spans="14:14">
      <c r="N682030" s="10"/>
    </row>
    <row r="682031" spans="14:14">
      <c r="N682031" s="10"/>
    </row>
    <row r="682032" spans="14:14">
      <c r="N682032" s="10"/>
    </row>
    <row r="682033" spans="14:14">
      <c r="N682033" s="10"/>
    </row>
    <row r="682034" spans="14:14">
      <c r="N682034" s="10"/>
    </row>
    <row r="682035" spans="14:14">
      <c r="N682035" s="10"/>
    </row>
    <row r="682036" spans="14:14">
      <c r="N682036" s="10"/>
    </row>
    <row r="682037" spans="14:14">
      <c r="N682037" s="10"/>
    </row>
    <row r="682038" spans="14:14">
      <c r="N682038" s="10"/>
    </row>
    <row r="682039" spans="14:14">
      <c r="N682039" s="10"/>
    </row>
    <row r="682040" spans="14:14">
      <c r="N682040" s="10"/>
    </row>
    <row r="682041" spans="14:14">
      <c r="N682041" s="10"/>
    </row>
    <row r="682042" spans="14:14">
      <c r="N682042" s="10"/>
    </row>
    <row r="682043" spans="14:14">
      <c r="N682043" s="10"/>
    </row>
    <row r="682044" spans="14:14">
      <c r="N682044" s="10"/>
    </row>
    <row r="682045" spans="14:14">
      <c r="N682045" s="10"/>
    </row>
    <row r="682046" spans="14:14">
      <c r="N682046" s="10"/>
    </row>
    <row r="682047" spans="14:14">
      <c r="N682047" s="10"/>
    </row>
    <row r="682048" spans="14:14">
      <c r="N682048" s="10"/>
    </row>
    <row r="682049" spans="14:14">
      <c r="N682049" s="10"/>
    </row>
    <row r="682050" spans="14:14">
      <c r="N682050" s="10"/>
    </row>
    <row r="682051" spans="14:14">
      <c r="N682051" s="10"/>
    </row>
    <row r="682052" spans="14:14">
      <c r="N682052" s="10"/>
    </row>
    <row r="682053" spans="14:14">
      <c r="N682053" s="10"/>
    </row>
    <row r="682054" spans="14:14">
      <c r="N682054" s="10"/>
    </row>
    <row r="682055" spans="14:14">
      <c r="N682055" s="10"/>
    </row>
    <row r="682056" spans="14:14">
      <c r="N682056" s="10"/>
    </row>
    <row r="682057" spans="14:14">
      <c r="N682057" s="10"/>
    </row>
    <row r="682058" spans="14:14">
      <c r="N682058" s="10"/>
    </row>
    <row r="682059" spans="14:14">
      <c r="N682059" s="10"/>
    </row>
    <row r="682060" spans="14:14">
      <c r="N682060" s="10"/>
    </row>
    <row r="682061" spans="14:14">
      <c r="N682061" s="10"/>
    </row>
    <row r="682062" spans="14:14">
      <c r="N682062" s="10"/>
    </row>
    <row r="682063" spans="14:14">
      <c r="N682063" s="10"/>
    </row>
    <row r="682064" spans="14:14">
      <c r="N682064" s="10"/>
    </row>
    <row r="682065" spans="14:14">
      <c r="N682065" s="10"/>
    </row>
    <row r="682066" spans="14:14">
      <c r="N682066" s="10"/>
    </row>
    <row r="682067" spans="14:14">
      <c r="N682067" s="10"/>
    </row>
    <row r="682068" spans="14:14">
      <c r="N682068" s="10"/>
    </row>
    <row r="682069" spans="14:14">
      <c r="N682069" s="10"/>
    </row>
    <row r="682070" spans="14:14">
      <c r="N682070" s="10"/>
    </row>
    <row r="682071" spans="14:14">
      <c r="N682071" s="10"/>
    </row>
    <row r="682072" spans="14:14">
      <c r="N682072" s="10"/>
    </row>
    <row r="682073" spans="14:14">
      <c r="N682073" s="10"/>
    </row>
    <row r="682074" spans="14:14">
      <c r="N682074" s="10"/>
    </row>
    <row r="682075" spans="14:14">
      <c r="N682075" s="10"/>
    </row>
    <row r="682076" spans="14:14">
      <c r="N682076" s="10"/>
    </row>
    <row r="682077" spans="14:14">
      <c r="N682077" s="10"/>
    </row>
    <row r="682078" spans="14:14">
      <c r="N682078" s="10"/>
    </row>
    <row r="682079" spans="14:14">
      <c r="N682079" s="10"/>
    </row>
    <row r="682080" spans="14:14">
      <c r="N682080" s="10"/>
    </row>
    <row r="682081" spans="14:14">
      <c r="N682081" s="10"/>
    </row>
    <row r="682082" spans="14:14">
      <c r="N682082" s="10"/>
    </row>
    <row r="682083" spans="14:14">
      <c r="N682083" s="10"/>
    </row>
    <row r="682084" spans="14:14">
      <c r="N682084" s="10"/>
    </row>
    <row r="682085" spans="14:14">
      <c r="N682085" s="10"/>
    </row>
    <row r="682086" spans="14:14">
      <c r="N682086" s="10"/>
    </row>
    <row r="682087" spans="14:14">
      <c r="N682087" s="10"/>
    </row>
    <row r="682088" spans="14:14">
      <c r="N682088" s="10"/>
    </row>
    <row r="682089" spans="14:14">
      <c r="N682089" s="10"/>
    </row>
    <row r="682090" spans="14:14">
      <c r="N682090" s="10"/>
    </row>
    <row r="682091" spans="14:14">
      <c r="N682091" s="10"/>
    </row>
    <row r="682092" spans="14:14">
      <c r="N682092" s="10"/>
    </row>
    <row r="682093" spans="14:14">
      <c r="N682093" s="10"/>
    </row>
    <row r="682094" spans="14:14">
      <c r="N682094" s="10"/>
    </row>
    <row r="682095" spans="14:14">
      <c r="N682095" s="10"/>
    </row>
    <row r="682096" spans="14:14">
      <c r="N682096" s="10"/>
    </row>
    <row r="682097" spans="14:14">
      <c r="N682097" s="10"/>
    </row>
    <row r="682098" spans="14:14">
      <c r="N682098" s="10"/>
    </row>
    <row r="682099" spans="14:14">
      <c r="N682099" s="10"/>
    </row>
    <row r="682100" spans="14:14">
      <c r="N682100" s="10"/>
    </row>
    <row r="682101" spans="14:14">
      <c r="N682101" s="10"/>
    </row>
    <row r="682102" spans="14:14">
      <c r="N682102" s="10"/>
    </row>
    <row r="682103" spans="14:14">
      <c r="N682103" s="10"/>
    </row>
    <row r="682104" spans="14:14">
      <c r="N682104" s="10"/>
    </row>
    <row r="682105" spans="14:14">
      <c r="N682105" s="10"/>
    </row>
    <row r="682106" spans="14:14">
      <c r="N682106" s="10"/>
    </row>
    <row r="682107" spans="14:14">
      <c r="N682107" s="10"/>
    </row>
    <row r="682108" spans="14:14">
      <c r="N682108" s="10"/>
    </row>
    <row r="682109" spans="14:14">
      <c r="N682109" s="10"/>
    </row>
    <row r="682110" spans="14:14">
      <c r="N682110" s="10"/>
    </row>
    <row r="682111" spans="14:14">
      <c r="N682111" s="10"/>
    </row>
    <row r="682112" spans="14:14">
      <c r="N682112" s="10"/>
    </row>
    <row r="682113" spans="14:14">
      <c r="N682113" s="10"/>
    </row>
    <row r="682114" spans="14:14">
      <c r="N682114" s="10"/>
    </row>
    <row r="682115" spans="14:14">
      <c r="N682115" s="10"/>
    </row>
    <row r="682116" spans="14:14">
      <c r="N682116" s="10"/>
    </row>
    <row r="682117" spans="14:14">
      <c r="N682117" s="10"/>
    </row>
    <row r="682118" spans="14:14">
      <c r="N682118" s="10"/>
    </row>
    <row r="682119" spans="14:14">
      <c r="N682119" s="10"/>
    </row>
    <row r="682120" spans="14:14">
      <c r="N682120" s="10"/>
    </row>
    <row r="682121" spans="14:14">
      <c r="N682121" s="10"/>
    </row>
    <row r="682122" spans="14:14">
      <c r="N682122" s="10"/>
    </row>
    <row r="682123" spans="14:14">
      <c r="N682123" s="10"/>
    </row>
    <row r="682124" spans="14:14">
      <c r="N682124" s="10"/>
    </row>
    <row r="682125" spans="14:14">
      <c r="N682125" s="10"/>
    </row>
    <row r="682126" spans="14:14">
      <c r="N682126" s="10"/>
    </row>
    <row r="682127" spans="14:14">
      <c r="N682127" s="10"/>
    </row>
    <row r="682128" spans="14:14">
      <c r="N682128" s="10"/>
    </row>
    <row r="682129" spans="14:14">
      <c r="N682129" s="10"/>
    </row>
    <row r="682130" spans="14:14">
      <c r="N682130" s="10"/>
    </row>
    <row r="682131" spans="14:14">
      <c r="N682131" s="10"/>
    </row>
    <row r="682132" spans="14:14">
      <c r="N682132" s="10"/>
    </row>
    <row r="682133" spans="14:14">
      <c r="N682133" s="10"/>
    </row>
    <row r="682134" spans="14:14">
      <c r="N682134" s="10"/>
    </row>
    <row r="682135" spans="14:14">
      <c r="N682135" s="10"/>
    </row>
    <row r="682136" spans="14:14">
      <c r="N682136" s="10"/>
    </row>
    <row r="682137" spans="14:14">
      <c r="N682137" s="10"/>
    </row>
    <row r="682138" spans="14:14">
      <c r="N682138" s="10"/>
    </row>
    <row r="682139" spans="14:14">
      <c r="N682139" s="10"/>
    </row>
    <row r="682140" spans="14:14">
      <c r="N682140" s="10"/>
    </row>
    <row r="682141" spans="14:14">
      <c r="N682141" s="10"/>
    </row>
    <row r="682142" spans="14:14">
      <c r="N682142" s="10"/>
    </row>
    <row r="682143" spans="14:14">
      <c r="N682143" s="10"/>
    </row>
    <row r="682144" spans="14:14">
      <c r="N682144" s="10"/>
    </row>
    <row r="682145" spans="14:14">
      <c r="N682145" s="10"/>
    </row>
    <row r="682146" spans="14:14">
      <c r="N682146" s="10"/>
    </row>
    <row r="682147" spans="14:14">
      <c r="N682147" s="10"/>
    </row>
    <row r="682148" spans="14:14">
      <c r="N682148" s="10"/>
    </row>
    <row r="682149" spans="14:14">
      <c r="N682149" s="10"/>
    </row>
    <row r="682150" spans="14:14">
      <c r="N682150" s="10"/>
    </row>
    <row r="682151" spans="14:14">
      <c r="N682151" s="10"/>
    </row>
    <row r="682152" spans="14:14">
      <c r="N682152" s="10"/>
    </row>
    <row r="682153" spans="14:14">
      <c r="N682153" s="10"/>
    </row>
    <row r="682154" spans="14:14">
      <c r="N682154" s="10"/>
    </row>
    <row r="682155" spans="14:14">
      <c r="N682155" s="10"/>
    </row>
    <row r="682156" spans="14:14">
      <c r="N682156" s="10"/>
    </row>
    <row r="682157" spans="14:14">
      <c r="N682157" s="10"/>
    </row>
    <row r="682158" spans="14:14">
      <c r="N682158" s="10"/>
    </row>
    <row r="682159" spans="14:14">
      <c r="N682159" s="10"/>
    </row>
    <row r="682160" spans="14:14">
      <c r="N682160" s="10"/>
    </row>
    <row r="682161" spans="14:14">
      <c r="N682161" s="10"/>
    </row>
    <row r="682162" spans="14:14">
      <c r="N682162" s="10"/>
    </row>
    <row r="682163" spans="14:14">
      <c r="N682163" s="10"/>
    </row>
    <row r="682164" spans="14:14">
      <c r="N682164" s="10"/>
    </row>
    <row r="682165" spans="14:14">
      <c r="N682165" s="10"/>
    </row>
    <row r="682166" spans="14:14">
      <c r="N682166" s="10"/>
    </row>
    <row r="682167" spans="14:14">
      <c r="N682167" s="10"/>
    </row>
    <row r="682168" spans="14:14">
      <c r="N682168" s="10"/>
    </row>
    <row r="682169" spans="14:14">
      <c r="N682169" s="10"/>
    </row>
    <row r="682170" spans="14:14">
      <c r="N682170" s="10"/>
    </row>
    <row r="682171" spans="14:14">
      <c r="N682171" s="10"/>
    </row>
    <row r="682172" spans="14:14">
      <c r="N682172" s="10"/>
    </row>
    <row r="682173" spans="14:14">
      <c r="N682173" s="10"/>
    </row>
    <row r="682174" spans="14:14">
      <c r="N682174" s="10"/>
    </row>
    <row r="682175" spans="14:14">
      <c r="N682175" s="10"/>
    </row>
    <row r="682176" spans="14:14">
      <c r="N682176" s="10"/>
    </row>
    <row r="682177" spans="14:14">
      <c r="N682177" s="10"/>
    </row>
    <row r="682178" spans="14:14">
      <c r="N682178" s="10"/>
    </row>
    <row r="682179" spans="14:14">
      <c r="N682179" s="10"/>
    </row>
    <row r="682180" spans="14:14">
      <c r="N682180" s="10"/>
    </row>
    <row r="682181" spans="14:14">
      <c r="N682181" s="10"/>
    </row>
    <row r="682182" spans="14:14">
      <c r="N682182" s="10"/>
    </row>
    <row r="682183" spans="14:14">
      <c r="N682183" s="10"/>
    </row>
    <row r="682184" spans="14:14">
      <c r="N682184" s="10"/>
    </row>
    <row r="682185" spans="14:14">
      <c r="N682185" s="10"/>
    </row>
    <row r="682186" spans="14:14">
      <c r="N682186" s="10"/>
    </row>
    <row r="682187" spans="14:14">
      <c r="N682187" s="10"/>
    </row>
    <row r="682188" spans="14:14">
      <c r="N682188" s="10"/>
    </row>
    <row r="682189" spans="14:14">
      <c r="N682189" s="10"/>
    </row>
    <row r="682190" spans="14:14">
      <c r="N682190" s="10"/>
    </row>
    <row r="682191" spans="14:14">
      <c r="N682191" s="10"/>
    </row>
    <row r="682192" spans="14:14">
      <c r="N682192" s="10"/>
    </row>
    <row r="682193" spans="14:14">
      <c r="N682193" s="10"/>
    </row>
    <row r="682194" spans="14:14">
      <c r="N682194" s="10"/>
    </row>
    <row r="682195" spans="14:14">
      <c r="N682195" s="10"/>
    </row>
    <row r="682196" spans="14:14">
      <c r="N682196" s="10"/>
    </row>
    <row r="682197" spans="14:14">
      <c r="N682197" s="10"/>
    </row>
    <row r="682198" spans="14:14">
      <c r="N682198" s="10"/>
    </row>
    <row r="682199" spans="14:14">
      <c r="N682199" s="10"/>
    </row>
    <row r="682200" spans="14:14">
      <c r="N682200" s="10"/>
    </row>
    <row r="682201" spans="14:14">
      <c r="N682201" s="10"/>
    </row>
    <row r="682202" spans="14:14">
      <c r="N682202" s="10"/>
    </row>
    <row r="682203" spans="14:14">
      <c r="N682203" s="10"/>
    </row>
    <row r="682204" spans="14:14">
      <c r="N682204" s="10"/>
    </row>
    <row r="682205" spans="14:14">
      <c r="N682205" s="10"/>
    </row>
    <row r="682206" spans="14:14">
      <c r="N682206" s="10"/>
    </row>
    <row r="682207" spans="14:14">
      <c r="N682207" s="10"/>
    </row>
    <row r="682208" spans="14:14">
      <c r="N682208" s="10"/>
    </row>
    <row r="682209" spans="14:14">
      <c r="N682209" s="10"/>
    </row>
    <row r="682210" spans="14:14">
      <c r="N682210" s="10"/>
    </row>
    <row r="682211" spans="14:14">
      <c r="N682211" s="10"/>
    </row>
    <row r="682212" spans="14:14">
      <c r="N682212" s="10"/>
    </row>
    <row r="682213" spans="14:14">
      <c r="N682213" s="10"/>
    </row>
    <row r="682214" spans="14:14">
      <c r="N682214" s="10"/>
    </row>
    <row r="682215" spans="14:14">
      <c r="N682215" s="10"/>
    </row>
    <row r="682216" spans="14:14">
      <c r="N682216" s="10"/>
    </row>
    <row r="682217" spans="14:14">
      <c r="N682217" s="10"/>
    </row>
    <row r="682218" spans="14:14">
      <c r="N682218" s="10"/>
    </row>
    <row r="682219" spans="14:14">
      <c r="N682219" s="10"/>
    </row>
    <row r="682220" spans="14:14">
      <c r="N682220" s="10"/>
    </row>
    <row r="682221" spans="14:14">
      <c r="N682221" s="10"/>
    </row>
    <row r="682222" spans="14:14">
      <c r="N682222" s="10"/>
    </row>
    <row r="682223" spans="14:14">
      <c r="N682223" s="10"/>
    </row>
    <row r="682224" spans="14:14">
      <c r="N682224" s="10"/>
    </row>
    <row r="682225" spans="14:14">
      <c r="N682225" s="10"/>
    </row>
    <row r="682226" spans="14:14">
      <c r="N682226" s="10"/>
    </row>
    <row r="682227" spans="14:14">
      <c r="N682227" s="10"/>
    </row>
    <row r="682228" spans="14:14">
      <c r="N682228" s="10"/>
    </row>
    <row r="682229" spans="14:14">
      <c r="N682229" s="10"/>
    </row>
    <row r="682230" spans="14:14">
      <c r="N682230" s="10"/>
    </row>
    <row r="682231" spans="14:14">
      <c r="N682231" s="10"/>
    </row>
    <row r="682232" spans="14:14">
      <c r="N682232" s="10"/>
    </row>
    <row r="682233" spans="14:14">
      <c r="N682233" s="10"/>
    </row>
    <row r="682234" spans="14:14">
      <c r="N682234" s="10"/>
    </row>
    <row r="682235" spans="14:14">
      <c r="N682235" s="10"/>
    </row>
    <row r="682236" spans="14:14">
      <c r="N682236" s="10"/>
    </row>
    <row r="682237" spans="14:14">
      <c r="N682237" s="10"/>
    </row>
    <row r="682238" spans="14:14">
      <c r="N682238" s="10"/>
    </row>
    <row r="682239" spans="14:14">
      <c r="N682239" s="10"/>
    </row>
    <row r="682240" spans="14:14">
      <c r="N682240" s="10"/>
    </row>
    <row r="682241" spans="14:14">
      <c r="N682241" s="10"/>
    </row>
    <row r="682242" spans="14:14">
      <c r="N682242" s="10"/>
    </row>
    <row r="682243" spans="14:14">
      <c r="N682243" s="10"/>
    </row>
    <row r="682244" spans="14:14">
      <c r="N682244" s="10"/>
    </row>
    <row r="682245" spans="14:14">
      <c r="N682245" s="10"/>
    </row>
    <row r="682246" spans="14:14">
      <c r="N682246" s="10"/>
    </row>
    <row r="682247" spans="14:14">
      <c r="N682247" s="10"/>
    </row>
    <row r="682248" spans="14:14">
      <c r="N682248" s="10"/>
    </row>
    <row r="682249" spans="14:14">
      <c r="N682249" s="10"/>
    </row>
    <row r="682250" spans="14:14">
      <c r="N682250" s="10"/>
    </row>
    <row r="682251" spans="14:14">
      <c r="N682251" s="10"/>
    </row>
    <row r="682252" spans="14:14">
      <c r="N682252" s="10"/>
    </row>
    <row r="682253" spans="14:14">
      <c r="N682253" s="10"/>
    </row>
    <row r="682254" spans="14:14">
      <c r="N682254" s="10"/>
    </row>
    <row r="682255" spans="14:14">
      <c r="N682255" s="10"/>
    </row>
    <row r="682256" spans="14:14">
      <c r="N682256" s="10"/>
    </row>
    <row r="682257" spans="14:14">
      <c r="N682257" s="10"/>
    </row>
    <row r="682258" spans="14:14">
      <c r="N682258" s="10"/>
    </row>
    <row r="682259" spans="14:14">
      <c r="N682259" s="10"/>
    </row>
    <row r="682260" spans="14:14">
      <c r="N682260" s="10"/>
    </row>
    <row r="682261" spans="14:14">
      <c r="N682261" s="10"/>
    </row>
    <row r="682262" spans="14:14">
      <c r="N682262" s="10"/>
    </row>
    <row r="682263" spans="14:14">
      <c r="N682263" s="10"/>
    </row>
    <row r="682264" spans="14:14">
      <c r="N682264" s="10"/>
    </row>
    <row r="682265" spans="14:14">
      <c r="N682265" s="10"/>
    </row>
    <row r="682266" spans="14:14">
      <c r="N682266" s="10"/>
    </row>
    <row r="682267" spans="14:14">
      <c r="N682267" s="10"/>
    </row>
    <row r="682268" spans="14:14">
      <c r="N682268" s="10"/>
    </row>
    <row r="682269" spans="14:14">
      <c r="N682269" s="10"/>
    </row>
    <row r="682270" spans="14:14">
      <c r="N682270" s="10"/>
    </row>
    <row r="682271" spans="14:14">
      <c r="N682271" s="10"/>
    </row>
    <row r="682272" spans="14:14">
      <c r="N682272" s="10"/>
    </row>
    <row r="682273" spans="14:14">
      <c r="N682273" s="10"/>
    </row>
    <row r="682274" spans="14:14">
      <c r="N682274" s="10"/>
    </row>
    <row r="682275" spans="14:14">
      <c r="N682275" s="10"/>
    </row>
    <row r="682276" spans="14:14">
      <c r="N682276" s="10"/>
    </row>
    <row r="682277" spans="14:14">
      <c r="N682277" s="10"/>
    </row>
    <row r="682278" spans="14:14">
      <c r="N682278" s="10"/>
    </row>
    <row r="682279" spans="14:14">
      <c r="N682279" s="10"/>
    </row>
    <row r="682280" spans="14:14">
      <c r="N682280" s="10"/>
    </row>
    <row r="682281" spans="14:14">
      <c r="N682281" s="10"/>
    </row>
    <row r="682282" spans="14:14">
      <c r="N682282" s="10"/>
    </row>
    <row r="682283" spans="14:14">
      <c r="N682283" s="10"/>
    </row>
    <row r="682284" spans="14:14">
      <c r="N682284" s="10"/>
    </row>
    <row r="682285" spans="14:14">
      <c r="N682285" s="10"/>
    </row>
    <row r="682286" spans="14:14">
      <c r="N682286" s="10"/>
    </row>
    <row r="682287" spans="14:14">
      <c r="N682287" s="10"/>
    </row>
    <row r="682288" spans="14:14">
      <c r="N682288" s="10"/>
    </row>
    <row r="682289" spans="14:14">
      <c r="N682289" s="10"/>
    </row>
    <row r="682290" spans="14:14">
      <c r="N682290" s="10"/>
    </row>
    <row r="682291" spans="14:14">
      <c r="N682291" s="10"/>
    </row>
    <row r="682292" spans="14:14">
      <c r="N682292" s="10"/>
    </row>
    <row r="682293" spans="14:14">
      <c r="N682293" s="10"/>
    </row>
    <row r="682294" spans="14:14">
      <c r="N682294" s="10"/>
    </row>
    <row r="682295" spans="14:14">
      <c r="N682295" s="10"/>
    </row>
    <row r="682296" spans="14:14">
      <c r="N682296" s="10"/>
    </row>
    <row r="682297" spans="14:14">
      <c r="N682297" s="10"/>
    </row>
    <row r="682298" spans="14:14">
      <c r="N682298" s="10"/>
    </row>
    <row r="682299" spans="14:14">
      <c r="N682299" s="10"/>
    </row>
    <row r="682300" spans="14:14">
      <c r="N682300" s="10"/>
    </row>
    <row r="682301" spans="14:14">
      <c r="N682301" s="10"/>
    </row>
    <row r="682302" spans="14:14">
      <c r="N682302" s="10"/>
    </row>
    <row r="682303" spans="14:14">
      <c r="N682303" s="10"/>
    </row>
    <row r="682304" spans="14:14">
      <c r="N682304" s="10"/>
    </row>
    <row r="682305" spans="14:14">
      <c r="N682305" s="10"/>
    </row>
    <row r="682306" spans="14:14">
      <c r="N682306" s="10"/>
    </row>
    <row r="682307" spans="14:14">
      <c r="N682307" s="10"/>
    </row>
    <row r="682308" spans="14:14">
      <c r="N682308" s="10"/>
    </row>
    <row r="682309" spans="14:14">
      <c r="N682309" s="10"/>
    </row>
    <row r="682310" spans="14:14">
      <c r="N682310" s="10"/>
    </row>
    <row r="682311" spans="14:14">
      <c r="N682311" s="10"/>
    </row>
    <row r="682312" spans="14:14">
      <c r="N682312" s="10"/>
    </row>
    <row r="682313" spans="14:14">
      <c r="N682313" s="10"/>
    </row>
    <row r="682314" spans="14:14">
      <c r="N682314" s="10"/>
    </row>
    <row r="682315" spans="14:14">
      <c r="N682315" s="10"/>
    </row>
    <row r="682316" spans="14:14">
      <c r="N682316" s="10"/>
    </row>
    <row r="682317" spans="14:14">
      <c r="N682317" s="10"/>
    </row>
    <row r="682318" spans="14:14">
      <c r="N682318" s="10"/>
    </row>
    <row r="682319" spans="14:14">
      <c r="N682319" s="10"/>
    </row>
    <row r="682320" spans="14:14">
      <c r="N682320" s="10"/>
    </row>
    <row r="682321" spans="14:14">
      <c r="N682321" s="10"/>
    </row>
    <row r="682322" spans="14:14">
      <c r="N682322" s="10"/>
    </row>
    <row r="682323" spans="14:14">
      <c r="N682323" s="10"/>
    </row>
    <row r="682324" spans="14:14">
      <c r="N682324" s="10"/>
    </row>
    <row r="682325" spans="14:14">
      <c r="N682325" s="10"/>
    </row>
    <row r="682326" spans="14:14">
      <c r="N682326" s="10"/>
    </row>
    <row r="682327" spans="14:14">
      <c r="N682327" s="10"/>
    </row>
    <row r="682328" spans="14:14">
      <c r="N682328" s="10"/>
    </row>
    <row r="682329" spans="14:14">
      <c r="N682329" s="10"/>
    </row>
    <row r="682330" spans="14:14">
      <c r="N682330" s="10"/>
    </row>
    <row r="682331" spans="14:14">
      <c r="N682331" s="10"/>
    </row>
    <row r="682332" spans="14:14">
      <c r="N682332" s="10"/>
    </row>
    <row r="682333" spans="14:14">
      <c r="N682333" s="10"/>
    </row>
    <row r="682334" spans="14:14">
      <c r="N682334" s="10"/>
    </row>
    <row r="682335" spans="14:14">
      <c r="N682335" s="10"/>
    </row>
    <row r="682336" spans="14:14">
      <c r="N682336" s="10"/>
    </row>
    <row r="682337" spans="14:14">
      <c r="N682337" s="10"/>
    </row>
    <row r="682338" spans="14:14">
      <c r="N682338" s="10"/>
    </row>
    <row r="682339" spans="14:14">
      <c r="N682339" s="10"/>
    </row>
    <row r="682340" spans="14:14">
      <c r="N682340" s="10"/>
    </row>
    <row r="682341" spans="14:14">
      <c r="N682341" s="10"/>
    </row>
    <row r="682342" spans="14:14">
      <c r="N682342" s="10"/>
    </row>
    <row r="682343" spans="14:14">
      <c r="N682343" s="10"/>
    </row>
    <row r="682344" spans="14:14">
      <c r="N682344" s="10"/>
    </row>
    <row r="682345" spans="14:14">
      <c r="N682345" s="10"/>
    </row>
    <row r="682346" spans="14:14">
      <c r="N682346" s="10"/>
    </row>
    <row r="682347" spans="14:14">
      <c r="N682347" s="10"/>
    </row>
    <row r="682348" spans="14:14">
      <c r="N682348" s="10"/>
    </row>
    <row r="682349" spans="14:14">
      <c r="N682349" s="10"/>
    </row>
    <row r="682350" spans="14:14">
      <c r="N682350" s="10"/>
    </row>
    <row r="682351" spans="14:14">
      <c r="N682351" s="10"/>
    </row>
    <row r="682352" spans="14:14">
      <c r="N682352" s="10"/>
    </row>
    <row r="682353" spans="14:14">
      <c r="N682353" s="10"/>
    </row>
    <row r="682354" spans="14:14">
      <c r="N682354" s="10"/>
    </row>
    <row r="682355" spans="14:14">
      <c r="N682355" s="10"/>
    </row>
    <row r="682356" spans="14:14">
      <c r="N682356" s="10"/>
    </row>
    <row r="682357" spans="14:14">
      <c r="N682357" s="10"/>
    </row>
    <row r="682358" spans="14:14">
      <c r="N682358" s="10"/>
    </row>
    <row r="682359" spans="14:14">
      <c r="N682359" s="10"/>
    </row>
    <row r="682360" spans="14:14">
      <c r="N682360" s="10"/>
    </row>
    <row r="682361" spans="14:14">
      <c r="N682361" s="10"/>
    </row>
    <row r="682362" spans="14:14">
      <c r="N682362" s="10"/>
    </row>
    <row r="682363" spans="14:14">
      <c r="N682363" s="10"/>
    </row>
    <row r="682364" spans="14:14">
      <c r="N682364" s="10"/>
    </row>
    <row r="682365" spans="14:14">
      <c r="N682365" s="10"/>
    </row>
    <row r="682366" spans="14:14">
      <c r="N682366" s="10"/>
    </row>
    <row r="682367" spans="14:14">
      <c r="N682367" s="10"/>
    </row>
    <row r="682368" spans="14:14">
      <c r="N682368" s="10"/>
    </row>
    <row r="682369" spans="14:14">
      <c r="N682369" s="10"/>
    </row>
    <row r="682370" spans="14:14">
      <c r="N682370" s="10"/>
    </row>
    <row r="682371" spans="14:14">
      <c r="N682371" s="10"/>
    </row>
    <row r="682372" spans="14:14">
      <c r="N682372" s="10"/>
    </row>
    <row r="682373" spans="14:14">
      <c r="N682373" s="10"/>
    </row>
    <row r="682374" spans="14:14">
      <c r="N682374" s="10"/>
    </row>
    <row r="682375" spans="14:14">
      <c r="N682375" s="10"/>
    </row>
    <row r="682376" spans="14:14">
      <c r="N682376" s="10"/>
    </row>
    <row r="682377" spans="14:14">
      <c r="N682377" s="10"/>
    </row>
    <row r="682378" spans="14:14">
      <c r="N682378" s="10"/>
    </row>
    <row r="682379" spans="14:14">
      <c r="N682379" s="10"/>
    </row>
    <row r="682380" spans="14:14">
      <c r="N682380" s="10"/>
    </row>
    <row r="682381" spans="14:14">
      <c r="N682381" s="10"/>
    </row>
    <row r="682382" spans="14:14">
      <c r="N682382" s="10"/>
    </row>
    <row r="682383" spans="14:14">
      <c r="N682383" s="10"/>
    </row>
    <row r="682384" spans="14:14">
      <c r="N682384" s="10"/>
    </row>
    <row r="682385" spans="14:14">
      <c r="N682385" s="10"/>
    </row>
    <row r="682386" spans="14:14">
      <c r="N682386" s="10"/>
    </row>
    <row r="682387" spans="14:14">
      <c r="N682387" s="10"/>
    </row>
    <row r="682388" spans="14:14">
      <c r="N682388" s="10"/>
    </row>
    <row r="682389" spans="14:14">
      <c r="N682389" s="10"/>
    </row>
    <row r="682390" spans="14:14">
      <c r="N682390" s="10"/>
    </row>
    <row r="682391" spans="14:14">
      <c r="N682391" s="10"/>
    </row>
    <row r="682392" spans="14:14">
      <c r="N682392" s="10"/>
    </row>
    <row r="682393" spans="14:14">
      <c r="N682393" s="10"/>
    </row>
    <row r="682394" spans="14:14">
      <c r="N682394" s="10"/>
    </row>
    <row r="682395" spans="14:14">
      <c r="N682395" s="10"/>
    </row>
    <row r="682396" spans="14:14">
      <c r="N682396" s="10"/>
    </row>
    <row r="682397" spans="14:14">
      <c r="N682397" s="10"/>
    </row>
    <row r="682398" spans="14:14">
      <c r="N682398" s="10"/>
    </row>
    <row r="682399" spans="14:14">
      <c r="N682399" s="10"/>
    </row>
    <row r="682400" spans="14:14">
      <c r="N682400" s="10"/>
    </row>
    <row r="682401" spans="14:14">
      <c r="N682401" s="10"/>
    </row>
    <row r="682402" spans="14:14">
      <c r="N682402" s="10"/>
    </row>
    <row r="682403" spans="14:14">
      <c r="N682403" s="10"/>
    </row>
    <row r="682404" spans="14:14">
      <c r="N682404" s="10"/>
    </row>
    <row r="682405" spans="14:14">
      <c r="N682405" s="10"/>
    </row>
    <row r="682406" spans="14:14">
      <c r="N682406" s="10"/>
    </row>
    <row r="682407" spans="14:14">
      <c r="N682407" s="10"/>
    </row>
    <row r="682408" spans="14:14">
      <c r="N682408" s="10"/>
    </row>
    <row r="682409" spans="14:14">
      <c r="N682409" s="10"/>
    </row>
    <row r="682410" spans="14:14">
      <c r="N682410" s="10"/>
    </row>
    <row r="682411" spans="14:14">
      <c r="N682411" s="10"/>
    </row>
    <row r="682412" spans="14:14">
      <c r="N682412" s="10"/>
    </row>
    <row r="682413" spans="14:14">
      <c r="N682413" s="10"/>
    </row>
    <row r="682414" spans="14:14">
      <c r="N682414" s="10"/>
    </row>
    <row r="682415" spans="14:14">
      <c r="N682415" s="10"/>
    </row>
    <row r="682416" spans="14:14">
      <c r="N682416" s="10"/>
    </row>
    <row r="682417" spans="14:14">
      <c r="N682417" s="10"/>
    </row>
    <row r="682418" spans="14:14">
      <c r="N682418" s="10"/>
    </row>
    <row r="682419" spans="14:14">
      <c r="N682419" s="10"/>
    </row>
    <row r="682420" spans="14:14">
      <c r="N682420" s="10"/>
    </row>
    <row r="682421" spans="14:14">
      <c r="N682421" s="10"/>
    </row>
    <row r="682422" spans="14:14">
      <c r="N682422" s="10"/>
    </row>
    <row r="682423" spans="14:14">
      <c r="N682423" s="10"/>
    </row>
    <row r="682424" spans="14:14">
      <c r="N682424" s="10"/>
    </row>
    <row r="682425" spans="14:14">
      <c r="N682425" s="10"/>
    </row>
    <row r="682426" spans="14:14">
      <c r="N682426" s="10"/>
    </row>
    <row r="682427" spans="14:14">
      <c r="N682427" s="10"/>
    </row>
    <row r="682428" spans="14:14">
      <c r="N682428" s="10"/>
    </row>
    <row r="682429" spans="14:14">
      <c r="N682429" s="10"/>
    </row>
    <row r="682430" spans="14:14">
      <c r="N682430" s="10"/>
    </row>
    <row r="682431" spans="14:14">
      <c r="N682431" s="10"/>
    </row>
    <row r="682432" spans="14:14">
      <c r="N682432" s="10"/>
    </row>
    <row r="682433" spans="14:14">
      <c r="N682433" s="10"/>
    </row>
    <row r="682434" spans="14:14">
      <c r="N682434" s="10"/>
    </row>
    <row r="682435" spans="14:14">
      <c r="N682435" s="10"/>
    </row>
    <row r="682436" spans="14:14">
      <c r="N682436" s="10"/>
    </row>
    <row r="682437" spans="14:14">
      <c r="N682437" s="10"/>
    </row>
    <row r="682438" spans="14:14">
      <c r="N682438" s="10"/>
    </row>
    <row r="682439" spans="14:14">
      <c r="N682439" s="10"/>
    </row>
    <row r="682440" spans="14:14">
      <c r="N682440" s="10"/>
    </row>
    <row r="682441" spans="14:14">
      <c r="N682441" s="10"/>
    </row>
    <row r="682442" spans="14:14">
      <c r="N682442" s="10"/>
    </row>
    <row r="682443" spans="14:14">
      <c r="N682443" s="10"/>
    </row>
    <row r="682444" spans="14:14">
      <c r="N682444" s="10"/>
    </row>
    <row r="682445" spans="14:14">
      <c r="N682445" s="10"/>
    </row>
    <row r="682446" spans="14:14">
      <c r="N682446" s="10"/>
    </row>
    <row r="682447" spans="14:14">
      <c r="N682447" s="10"/>
    </row>
    <row r="682448" spans="14:14">
      <c r="N682448" s="10"/>
    </row>
    <row r="682449" spans="14:14">
      <c r="N682449" s="10"/>
    </row>
    <row r="682450" spans="14:14">
      <c r="N682450" s="10"/>
    </row>
    <row r="682451" spans="14:14">
      <c r="N682451" s="10"/>
    </row>
    <row r="682452" spans="14:14">
      <c r="N682452" s="10"/>
    </row>
    <row r="682453" spans="14:14">
      <c r="N682453" s="10"/>
    </row>
    <row r="682454" spans="14:14">
      <c r="N682454" s="10"/>
    </row>
    <row r="682455" spans="14:14">
      <c r="N682455" s="10"/>
    </row>
    <row r="682456" spans="14:14">
      <c r="N682456" s="10"/>
    </row>
    <row r="682457" spans="14:14">
      <c r="N682457" s="10"/>
    </row>
    <row r="682458" spans="14:14">
      <c r="N682458" s="10"/>
    </row>
    <row r="682459" spans="14:14">
      <c r="N682459" s="10"/>
    </row>
    <row r="682460" spans="14:14">
      <c r="N682460" s="10"/>
    </row>
    <row r="682461" spans="14:14">
      <c r="N682461" s="10"/>
    </row>
    <row r="682462" spans="14:14">
      <c r="N682462" s="10"/>
    </row>
    <row r="682463" spans="14:14">
      <c r="N682463" s="10"/>
    </row>
    <row r="682464" spans="14:14">
      <c r="N682464" s="10"/>
    </row>
    <row r="682465" spans="14:14">
      <c r="N682465" s="10"/>
    </row>
    <row r="682466" spans="14:14">
      <c r="N682466" s="10"/>
    </row>
    <row r="682467" spans="14:14">
      <c r="N682467" s="10"/>
    </row>
    <row r="682468" spans="14:14">
      <c r="N682468" s="10"/>
    </row>
    <row r="682469" spans="14:14">
      <c r="N682469" s="10"/>
    </row>
    <row r="682470" spans="14:14">
      <c r="N682470" s="10"/>
    </row>
    <row r="682471" spans="14:14">
      <c r="N682471" s="10"/>
    </row>
    <row r="682472" spans="14:14">
      <c r="N682472" s="10"/>
    </row>
    <row r="682473" spans="14:14">
      <c r="N682473" s="10"/>
    </row>
    <row r="682474" spans="14:14">
      <c r="N682474" s="10"/>
    </row>
    <row r="682475" spans="14:14">
      <c r="N682475" s="10"/>
    </row>
    <row r="682476" spans="14:14">
      <c r="N682476" s="10"/>
    </row>
    <row r="682477" spans="14:14">
      <c r="N682477" s="10"/>
    </row>
    <row r="682478" spans="14:14">
      <c r="N682478" s="10"/>
    </row>
    <row r="682479" spans="14:14">
      <c r="N682479" s="10"/>
    </row>
    <row r="682480" spans="14:14">
      <c r="N682480" s="10"/>
    </row>
    <row r="682481" spans="14:14">
      <c r="N682481" s="10"/>
    </row>
    <row r="682482" spans="14:14">
      <c r="N682482" s="10"/>
    </row>
    <row r="682483" spans="14:14">
      <c r="N682483" s="10"/>
    </row>
    <row r="682484" spans="14:14">
      <c r="N682484" s="10"/>
    </row>
    <row r="682485" spans="14:14">
      <c r="N682485" s="10"/>
    </row>
    <row r="682486" spans="14:14">
      <c r="N682486" s="10"/>
    </row>
    <row r="682487" spans="14:14">
      <c r="N682487" s="10"/>
    </row>
    <row r="682488" spans="14:14">
      <c r="N682488" s="10"/>
    </row>
    <row r="682489" spans="14:14">
      <c r="N682489" s="10"/>
    </row>
    <row r="682490" spans="14:14">
      <c r="N682490" s="10"/>
    </row>
    <row r="682491" spans="14:14">
      <c r="N682491" s="10"/>
    </row>
    <row r="682492" spans="14:14">
      <c r="N682492" s="10"/>
    </row>
    <row r="682493" spans="14:14">
      <c r="N682493" s="10"/>
    </row>
    <row r="682494" spans="14:14">
      <c r="N682494" s="10"/>
    </row>
    <row r="682495" spans="14:14">
      <c r="N682495" s="10"/>
    </row>
    <row r="682496" spans="14:14">
      <c r="N682496" s="10"/>
    </row>
    <row r="682497" spans="14:14">
      <c r="N682497" s="10"/>
    </row>
    <row r="682498" spans="14:14">
      <c r="N682498" s="10"/>
    </row>
    <row r="682499" spans="14:14">
      <c r="N682499" s="10"/>
    </row>
    <row r="682500" spans="14:14">
      <c r="N682500" s="10"/>
    </row>
    <row r="682501" spans="14:14">
      <c r="N682501" s="10"/>
    </row>
    <row r="682502" spans="14:14">
      <c r="N682502" s="10"/>
    </row>
    <row r="682503" spans="14:14">
      <c r="N682503" s="10"/>
    </row>
    <row r="682504" spans="14:14">
      <c r="N682504" s="10"/>
    </row>
    <row r="682505" spans="14:14">
      <c r="N682505" s="10"/>
    </row>
    <row r="682506" spans="14:14">
      <c r="N682506" s="10"/>
    </row>
    <row r="682507" spans="14:14">
      <c r="N682507" s="10"/>
    </row>
    <row r="682508" spans="14:14">
      <c r="N682508" s="10"/>
    </row>
    <row r="682509" spans="14:14">
      <c r="N682509" s="10"/>
    </row>
    <row r="682510" spans="14:14">
      <c r="N682510" s="10"/>
    </row>
    <row r="682511" spans="14:14">
      <c r="N682511" s="10"/>
    </row>
    <row r="682512" spans="14:14">
      <c r="N682512" s="10"/>
    </row>
    <row r="682513" spans="14:14">
      <c r="N682513" s="10"/>
    </row>
    <row r="682514" spans="14:14">
      <c r="N682514" s="10"/>
    </row>
    <row r="682515" spans="14:14">
      <c r="N682515" s="10"/>
    </row>
    <row r="682516" spans="14:14">
      <c r="N682516" s="10"/>
    </row>
    <row r="682517" spans="14:14">
      <c r="N682517" s="10"/>
    </row>
    <row r="682518" spans="14:14">
      <c r="N682518" s="10"/>
    </row>
    <row r="682519" spans="14:14">
      <c r="N682519" s="10"/>
    </row>
    <row r="682520" spans="14:14">
      <c r="N682520" s="10"/>
    </row>
    <row r="682521" spans="14:14">
      <c r="N682521" s="10"/>
    </row>
    <row r="682522" spans="14:14">
      <c r="N682522" s="10"/>
    </row>
    <row r="682523" spans="14:14">
      <c r="N682523" s="10"/>
    </row>
    <row r="682524" spans="14:14">
      <c r="N682524" s="10"/>
    </row>
    <row r="682525" spans="14:14">
      <c r="N682525" s="10"/>
    </row>
    <row r="682526" spans="14:14">
      <c r="N682526" s="10"/>
    </row>
    <row r="682527" spans="14:14">
      <c r="N682527" s="10"/>
    </row>
    <row r="682528" spans="14:14">
      <c r="N682528" s="10"/>
    </row>
    <row r="682529" spans="14:14">
      <c r="N682529" s="10"/>
    </row>
    <row r="682530" spans="14:14">
      <c r="N682530" s="10"/>
    </row>
    <row r="682531" spans="14:14">
      <c r="N682531" s="10"/>
    </row>
    <row r="682532" spans="14:14">
      <c r="N682532" s="10"/>
    </row>
    <row r="682533" spans="14:14">
      <c r="N682533" s="10"/>
    </row>
    <row r="682534" spans="14:14">
      <c r="N682534" s="10"/>
    </row>
    <row r="682535" spans="14:14">
      <c r="N682535" s="10"/>
    </row>
    <row r="682536" spans="14:14">
      <c r="N682536" s="10"/>
    </row>
    <row r="682537" spans="14:14">
      <c r="N682537" s="10"/>
    </row>
    <row r="682538" spans="14:14">
      <c r="N682538" s="10"/>
    </row>
    <row r="682539" spans="14:14">
      <c r="N682539" s="10"/>
    </row>
    <row r="682540" spans="14:14">
      <c r="N682540" s="10"/>
    </row>
    <row r="682541" spans="14:14">
      <c r="N682541" s="10"/>
    </row>
    <row r="682542" spans="14:14">
      <c r="N682542" s="10"/>
    </row>
    <row r="682543" spans="14:14">
      <c r="N682543" s="10"/>
    </row>
    <row r="682544" spans="14:14">
      <c r="N682544" s="10"/>
    </row>
    <row r="682545" spans="14:14">
      <c r="N682545" s="10"/>
    </row>
    <row r="682546" spans="14:14">
      <c r="N682546" s="10"/>
    </row>
    <row r="682547" spans="14:14">
      <c r="N682547" s="10"/>
    </row>
    <row r="682548" spans="14:14">
      <c r="N682548" s="10"/>
    </row>
    <row r="682549" spans="14:14">
      <c r="N682549" s="10"/>
    </row>
    <row r="682550" spans="14:14">
      <c r="N682550" s="10"/>
    </row>
    <row r="682551" spans="14:14">
      <c r="N682551" s="10"/>
    </row>
    <row r="682552" spans="14:14">
      <c r="N682552" s="10"/>
    </row>
    <row r="682553" spans="14:14">
      <c r="N682553" s="10"/>
    </row>
    <row r="682554" spans="14:14">
      <c r="N682554" s="10"/>
    </row>
    <row r="682555" spans="14:14">
      <c r="N682555" s="10"/>
    </row>
    <row r="682556" spans="14:14">
      <c r="N682556" s="10"/>
    </row>
    <row r="682557" spans="14:14">
      <c r="N682557" s="10"/>
    </row>
    <row r="682558" spans="14:14">
      <c r="N682558" s="10"/>
    </row>
    <row r="682559" spans="14:14">
      <c r="N682559" s="10"/>
    </row>
    <row r="682560" spans="14:14">
      <c r="N682560" s="10"/>
    </row>
    <row r="682561" spans="14:14">
      <c r="N682561" s="10"/>
    </row>
    <row r="682562" spans="14:14">
      <c r="N682562" s="10"/>
    </row>
    <row r="682563" spans="14:14">
      <c r="N682563" s="10"/>
    </row>
    <row r="682564" spans="14:14">
      <c r="N682564" s="10"/>
    </row>
    <row r="682565" spans="14:14">
      <c r="N682565" s="10"/>
    </row>
    <row r="682566" spans="14:14">
      <c r="N682566" s="10"/>
    </row>
    <row r="682567" spans="14:14">
      <c r="N682567" s="10"/>
    </row>
    <row r="682568" spans="14:14">
      <c r="N682568" s="10"/>
    </row>
    <row r="682569" spans="14:14">
      <c r="N682569" s="10"/>
    </row>
    <row r="682570" spans="14:14">
      <c r="N682570" s="10"/>
    </row>
    <row r="682571" spans="14:14">
      <c r="N682571" s="10"/>
    </row>
    <row r="682572" spans="14:14">
      <c r="N682572" s="10"/>
    </row>
    <row r="682573" spans="14:14">
      <c r="N682573" s="10"/>
    </row>
    <row r="682574" spans="14:14">
      <c r="N682574" s="10"/>
    </row>
    <row r="682575" spans="14:14">
      <c r="N682575" s="10"/>
    </row>
    <row r="682576" spans="14:14">
      <c r="N682576" s="10"/>
    </row>
    <row r="682577" spans="14:14">
      <c r="N682577" s="10"/>
    </row>
    <row r="682578" spans="14:14">
      <c r="N682578" s="10"/>
    </row>
    <row r="682579" spans="14:14">
      <c r="N682579" s="10"/>
    </row>
    <row r="682580" spans="14:14">
      <c r="N682580" s="10"/>
    </row>
    <row r="682581" spans="14:14">
      <c r="N682581" s="10"/>
    </row>
    <row r="682582" spans="14:14">
      <c r="N682582" s="10"/>
    </row>
    <row r="682583" spans="14:14">
      <c r="N682583" s="10"/>
    </row>
    <row r="682584" spans="14:14">
      <c r="N682584" s="10"/>
    </row>
    <row r="682585" spans="14:14">
      <c r="N682585" s="10"/>
    </row>
    <row r="682586" spans="14:14">
      <c r="N682586" s="10"/>
    </row>
    <row r="682587" spans="14:14">
      <c r="N682587" s="10"/>
    </row>
    <row r="682588" spans="14:14">
      <c r="N682588" s="10"/>
    </row>
    <row r="682589" spans="14:14">
      <c r="N682589" s="10"/>
    </row>
    <row r="682590" spans="14:14">
      <c r="N682590" s="10"/>
    </row>
    <row r="682591" spans="14:14">
      <c r="N682591" s="10"/>
    </row>
    <row r="682592" spans="14:14">
      <c r="N682592" s="10"/>
    </row>
    <row r="682593" spans="14:14">
      <c r="N682593" s="10"/>
    </row>
    <row r="682594" spans="14:14">
      <c r="N682594" s="10"/>
    </row>
    <row r="682595" spans="14:14">
      <c r="N682595" s="10"/>
    </row>
    <row r="682596" spans="14:14">
      <c r="N682596" s="10"/>
    </row>
    <row r="682597" spans="14:14">
      <c r="N682597" s="10"/>
    </row>
    <row r="682598" spans="14:14">
      <c r="N682598" s="10"/>
    </row>
    <row r="682599" spans="14:14">
      <c r="N682599" s="10"/>
    </row>
    <row r="682600" spans="14:14">
      <c r="N682600" s="10"/>
    </row>
    <row r="682601" spans="14:14">
      <c r="N682601" s="10"/>
    </row>
    <row r="682602" spans="14:14">
      <c r="N682602" s="10"/>
    </row>
    <row r="682603" spans="14:14">
      <c r="N682603" s="10"/>
    </row>
    <row r="682604" spans="14:14">
      <c r="N682604" s="10"/>
    </row>
    <row r="682605" spans="14:14">
      <c r="N682605" s="10"/>
    </row>
    <row r="682606" spans="14:14">
      <c r="N682606" s="10"/>
    </row>
    <row r="682607" spans="14:14">
      <c r="N682607" s="10"/>
    </row>
    <row r="682608" spans="14:14">
      <c r="N682608" s="10"/>
    </row>
    <row r="682609" spans="14:14">
      <c r="N682609" s="10"/>
    </row>
    <row r="682610" spans="14:14">
      <c r="N682610" s="10"/>
    </row>
    <row r="682611" spans="14:14">
      <c r="N682611" s="10"/>
    </row>
    <row r="682612" spans="14:14">
      <c r="N682612" s="10"/>
    </row>
    <row r="682613" spans="14:14">
      <c r="N682613" s="10"/>
    </row>
    <row r="682614" spans="14:14">
      <c r="N682614" s="10"/>
    </row>
    <row r="682615" spans="14:14">
      <c r="N682615" s="10"/>
    </row>
    <row r="682616" spans="14:14">
      <c r="N682616" s="10"/>
    </row>
    <row r="682617" spans="14:14">
      <c r="N682617" s="10"/>
    </row>
    <row r="682618" spans="14:14">
      <c r="N682618" s="10"/>
    </row>
    <row r="682619" spans="14:14">
      <c r="N682619" s="10"/>
    </row>
    <row r="682620" spans="14:14">
      <c r="N682620" s="10"/>
    </row>
    <row r="682621" spans="14:14">
      <c r="N682621" s="10"/>
    </row>
    <row r="682622" spans="14:14">
      <c r="N682622" s="10"/>
    </row>
    <row r="682623" spans="14:14">
      <c r="N682623" s="10"/>
    </row>
    <row r="682624" spans="14:14">
      <c r="N682624" s="10"/>
    </row>
    <row r="682625" spans="14:14">
      <c r="N682625" s="10"/>
    </row>
    <row r="682626" spans="14:14">
      <c r="N682626" s="10"/>
    </row>
    <row r="682627" spans="14:14">
      <c r="N682627" s="10"/>
    </row>
    <row r="682628" spans="14:14">
      <c r="N682628" s="10"/>
    </row>
    <row r="682629" spans="14:14">
      <c r="N682629" s="10"/>
    </row>
    <row r="682630" spans="14:14">
      <c r="N682630" s="10"/>
    </row>
    <row r="682631" spans="14:14">
      <c r="N682631" s="10"/>
    </row>
    <row r="682632" spans="14:14">
      <c r="N682632" s="10"/>
    </row>
    <row r="682633" spans="14:14">
      <c r="N682633" s="10"/>
    </row>
    <row r="682634" spans="14:14">
      <c r="N682634" s="10"/>
    </row>
    <row r="682635" spans="14:14">
      <c r="N682635" s="10"/>
    </row>
    <row r="682636" spans="14:14">
      <c r="N682636" s="10"/>
    </row>
    <row r="682637" spans="14:14">
      <c r="N682637" s="10"/>
    </row>
    <row r="682638" spans="14:14">
      <c r="N682638" s="10"/>
    </row>
    <row r="682639" spans="14:14">
      <c r="N682639" s="10"/>
    </row>
    <row r="682640" spans="14:14">
      <c r="N682640" s="10"/>
    </row>
    <row r="682641" spans="14:14">
      <c r="N682641" s="10"/>
    </row>
    <row r="682642" spans="14:14">
      <c r="N682642" s="10"/>
    </row>
    <row r="682643" spans="14:14">
      <c r="N682643" s="10"/>
    </row>
    <row r="682644" spans="14:14">
      <c r="N682644" s="10"/>
    </row>
    <row r="682645" spans="14:14">
      <c r="N682645" s="10"/>
    </row>
    <row r="682646" spans="14:14">
      <c r="N682646" s="10"/>
    </row>
    <row r="682647" spans="14:14">
      <c r="N682647" s="10"/>
    </row>
    <row r="682648" spans="14:14">
      <c r="N682648" s="10"/>
    </row>
    <row r="682649" spans="14:14">
      <c r="N682649" s="10"/>
    </row>
    <row r="682650" spans="14:14">
      <c r="N682650" s="10"/>
    </row>
    <row r="682651" spans="14:14">
      <c r="N682651" s="10"/>
    </row>
    <row r="682652" spans="14:14">
      <c r="N682652" s="10"/>
    </row>
    <row r="682653" spans="14:14">
      <c r="N682653" s="10"/>
    </row>
    <row r="682654" spans="14:14">
      <c r="N682654" s="10"/>
    </row>
    <row r="682655" spans="14:14">
      <c r="N682655" s="10"/>
    </row>
    <row r="682656" spans="14:14">
      <c r="N682656" s="10"/>
    </row>
    <row r="682657" spans="14:14">
      <c r="N682657" s="10"/>
    </row>
    <row r="682658" spans="14:14">
      <c r="N682658" s="10"/>
    </row>
    <row r="682659" spans="14:14">
      <c r="N682659" s="10"/>
    </row>
    <row r="682660" spans="14:14">
      <c r="N682660" s="10"/>
    </row>
    <row r="682661" spans="14:14">
      <c r="N682661" s="10"/>
    </row>
    <row r="682662" spans="14:14">
      <c r="N682662" s="10"/>
    </row>
    <row r="682663" spans="14:14">
      <c r="N682663" s="10"/>
    </row>
    <row r="682664" spans="14:14">
      <c r="N682664" s="10"/>
    </row>
    <row r="682665" spans="14:14">
      <c r="N682665" s="10"/>
    </row>
    <row r="682666" spans="14:14">
      <c r="N682666" s="10"/>
    </row>
    <row r="682667" spans="14:14">
      <c r="N682667" s="10"/>
    </row>
    <row r="682668" spans="14:14">
      <c r="N682668" s="10"/>
    </row>
    <row r="682669" spans="14:14">
      <c r="N682669" s="10"/>
    </row>
    <row r="682670" spans="14:14">
      <c r="N682670" s="10"/>
    </row>
    <row r="682671" spans="14:14">
      <c r="N682671" s="10"/>
    </row>
    <row r="682672" spans="14:14">
      <c r="N682672" s="10"/>
    </row>
    <row r="682673" spans="14:14">
      <c r="N682673" s="10"/>
    </row>
    <row r="682674" spans="14:14">
      <c r="N682674" s="10"/>
    </row>
    <row r="682675" spans="14:14">
      <c r="N682675" s="10"/>
    </row>
    <row r="682676" spans="14:14">
      <c r="N682676" s="10"/>
    </row>
    <row r="682677" spans="14:14">
      <c r="N682677" s="10"/>
    </row>
    <row r="682678" spans="14:14">
      <c r="N682678" s="10"/>
    </row>
    <row r="682679" spans="14:14">
      <c r="N682679" s="10"/>
    </row>
    <row r="682680" spans="14:14">
      <c r="N682680" s="10"/>
    </row>
    <row r="682681" spans="14:14">
      <c r="N682681" s="10"/>
    </row>
    <row r="682682" spans="14:14">
      <c r="N682682" s="10"/>
    </row>
    <row r="682683" spans="14:14">
      <c r="N682683" s="10"/>
    </row>
    <row r="682684" spans="14:14">
      <c r="N682684" s="10"/>
    </row>
    <row r="682685" spans="14:14">
      <c r="N682685" s="10"/>
    </row>
    <row r="682686" spans="14:14">
      <c r="N682686" s="10"/>
    </row>
    <row r="682687" spans="14:14">
      <c r="N682687" s="10"/>
    </row>
    <row r="682688" spans="14:14">
      <c r="N682688" s="10"/>
    </row>
    <row r="682689" spans="14:14">
      <c r="N682689" s="10"/>
    </row>
    <row r="682690" spans="14:14">
      <c r="N682690" s="10"/>
    </row>
    <row r="682691" spans="14:14">
      <c r="N682691" s="10"/>
    </row>
    <row r="682692" spans="14:14">
      <c r="N682692" s="10"/>
    </row>
    <row r="682693" spans="14:14">
      <c r="N682693" s="10"/>
    </row>
    <row r="682694" spans="14:14">
      <c r="N682694" s="10"/>
    </row>
    <row r="682695" spans="14:14">
      <c r="N682695" s="10"/>
    </row>
    <row r="682696" spans="14:14">
      <c r="N682696" s="10"/>
    </row>
    <row r="682697" spans="14:14">
      <c r="N682697" s="10"/>
    </row>
    <row r="682698" spans="14:14">
      <c r="N682698" s="10"/>
    </row>
    <row r="682699" spans="14:14">
      <c r="N682699" s="10"/>
    </row>
    <row r="682700" spans="14:14">
      <c r="N682700" s="10"/>
    </row>
    <row r="682701" spans="14:14">
      <c r="N682701" s="10"/>
    </row>
    <row r="682702" spans="14:14">
      <c r="N682702" s="10"/>
    </row>
    <row r="682703" spans="14:14">
      <c r="N682703" s="10"/>
    </row>
    <row r="682704" spans="14:14">
      <c r="N682704" s="10"/>
    </row>
    <row r="682705" spans="14:14">
      <c r="N682705" s="10"/>
    </row>
    <row r="682706" spans="14:14">
      <c r="N682706" s="10"/>
    </row>
    <row r="682707" spans="14:14">
      <c r="N682707" s="10"/>
    </row>
    <row r="682708" spans="14:14">
      <c r="N682708" s="10"/>
    </row>
    <row r="682709" spans="14:14">
      <c r="N682709" s="10"/>
    </row>
    <row r="682710" spans="14:14">
      <c r="N682710" s="10"/>
    </row>
    <row r="682711" spans="14:14">
      <c r="N682711" s="10"/>
    </row>
    <row r="682712" spans="14:14">
      <c r="N682712" s="10"/>
    </row>
    <row r="682713" spans="14:14">
      <c r="N682713" s="10"/>
    </row>
    <row r="682714" spans="14:14">
      <c r="N682714" s="10"/>
    </row>
    <row r="682715" spans="14:14">
      <c r="N682715" s="10"/>
    </row>
    <row r="682716" spans="14:14">
      <c r="N682716" s="10"/>
    </row>
    <row r="682717" spans="14:14">
      <c r="N682717" s="10"/>
    </row>
    <row r="682718" spans="14:14">
      <c r="N682718" s="10"/>
    </row>
    <row r="682719" spans="14:14">
      <c r="N682719" s="10"/>
    </row>
    <row r="682720" spans="14:14">
      <c r="N682720" s="10"/>
    </row>
    <row r="682721" spans="14:14">
      <c r="N682721" s="10"/>
    </row>
    <row r="682722" spans="14:14">
      <c r="N682722" s="10"/>
    </row>
    <row r="682723" spans="14:14">
      <c r="N682723" s="10"/>
    </row>
    <row r="682724" spans="14:14">
      <c r="N682724" s="10"/>
    </row>
    <row r="682725" spans="14:14">
      <c r="N682725" s="10"/>
    </row>
    <row r="682726" spans="14:14">
      <c r="N682726" s="10"/>
    </row>
    <row r="682727" spans="14:14">
      <c r="N682727" s="10"/>
    </row>
    <row r="682728" spans="14:14">
      <c r="N682728" s="10"/>
    </row>
    <row r="682729" spans="14:14">
      <c r="N682729" s="10"/>
    </row>
    <row r="682730" spans="14:14">
      <c r="N682730" s="10"/>
    </row>
    <row r="682731" spans="14:14">
      <c r="N682731" s="10"/>
    </row>
    <row r="682732" spans="14:14">
      <c r="N682732" s="10"/>
    </row>
    <row r="682733" spans="14:14">
      <c r="N682733" s="10"/>
    </row>
    <row r="682734" spans="14:14">
      <c r="N682734" s="10"/>
    </row>
    <row r="682735" spans="14:14">
      <c r="N682735" s="10"/>
    </row>
    <row r="682736" spans="14:14">
      <c r="N682736" s="10"/>
    </row>
    <row r="682737" spans="14:14">
      <c r="N682737" s="10"/>
    </row>
    <row r="682738" spans="14:14">
      <c r="N682738" s="10"/>
    </row>
    <row r="682739" spans="14:14">
      <c r="N682739" s="10"/>
    </row>
    <row r="682740" spans="14:14">
      <c r="N682740" s="10"/>
    </row>
    <row r="682741" spans="14:14">
      <c r="N682741" s="10"/>
    </row>
    <row r="682742" spans="14:14">
      <c r="N682742" s="10"/>
    </row>
    <row r="682743" spans="14:14">
      <c r="N682743" s="10"/>
    </row>
    <row r="682744" spans="14:14">
      <c r="N682744" s="10"/>
    </row>
    <row r="682745" spans="14:14">
      <c r="N682745" s="10"/>
    </row>
    <row r="682746" spans="14:14">
      <c r="N682746" s="10"/>
    </row>
    <row r="682747" spans="14:14">
      <c r="N682747" s="10"/>
    </row>
    <row r="682748" spans="14:14">
      <c r="N682748" s="10"/>
    </row>
    <row r="682749" spans="14:14">
      <c r="N682749" s="10"/>
    </row>
    <row r="682750" spans="14:14">
      <c r="N682750" s="10"/>
    </row>
    <row r="682751" spans="14:14">
      <c r="N682751" s="10"/>
    </row>
    <row r="682752" spans="14:14">
      <c r="N682752" s="10"/>
    </row>
    <row r="682753" spans="14:14">
      <c r="N682753" s="10"/>
    </row>
    <row r="682754" spans="14:14">
      <c r="N682754" s="10"/>
    </row>
    <row r="682755" spans="14:14">
      <c r="N682755" s="10"/>
    </row>
    <row r="682756" spans="14:14">
      <c r="N682756" s="10"/>
    </row>
    <row r="682757" spans="14:14">
      <c r="N682757" s="10"/>
    </row>
    <row r="682758" spans="14:14">
      <c r="N682758" s="10"/>
    </row>
    <row r="682759" spans="14:14">
      <c r="N682759" s="10"/>
    </row>
    <row r="682760" spans="14:14">
      <c r="N682760" s="10"/>
    </row>
    <row r="682761" spans="14:14">
      <c r="N682761" s="10"/>
    </row>
    <row r="682762" spans="14:14">
      <c r="N682762" s="10"/>
    </row>
    <row r="682763" spans="14:14">
      <c r="N682763" s="10"/>
    </row>
    <row r="682764" spans="14:14">
      <c r="N682764" s="10"/>
    </row>
    <row r="682765" spans="14:14">
      <c r="N682765" s="10"/>
    </row>
    <row r="682766" spans="14:14">
      <c r="N682766" s="10"/>
    </row>
    <row r="682767" spans="14:14">
      <c r="N682767" s="10"/>
    </row>
    <row r="682768" spans="14:14">
      <c r="N682768" s="10"/>
    </row>
    <row r="682769" spans="14:14">
      <c r="N682769" s="10"/>
    </row>
    <row r="682770" spans="14:14">
      <c r="N682770" s="10"/>
    </row>
    <row r="682771" spans="14:14">
      <c r="N682771" s="10"/>
    </row>
    <row r="682772" spans="14:14">
      <c r="N682772" s="10"/>
    </row>
    <row r="682773" spans="14:14">
      <c r="N682773" s="10"/>
    </row>
    <row r="682774" spans="14:14">
      <c r="N682774" s="10"/>
    </row>
    <row r="682775" spans="14:14">
      <c r="N682775" s="10"/>
    </row>
    <row r="682776" spans="14:14">
      <c r="N682776" s="10"/>
    </row>
    <row r="682777" spans="14:14">
      <c r="N682777" s="10"/>
    </row>
    <row r="682778" spans="14:14">
      <c r="N682778" s="10"/>
    </row>
    <row r="682779" spans="14:14">
      <c r="N682779" s="10"/>
    </row>
    <row r="682780" spans="14:14">
      <c r="N682780" s="10"/>
    </row>
    <row r="682781" spans="14:14">
      <c r="N682781" s="10"/>
    </row>
    <row r="682782" spans="14:14">
      <c r="N682782" s="10"/>
    </row>
    <row r="682783" spans="14:14">
      <c r="N682783" s="10"/>
    </row>
    <row r="682784" spans="14:14">
      <c r="N682784" s="10"/>
    </row>
    <row r="682785" spans="14:14">
      <c r="N682785" s="10"/>
    </row>
    <row r="682786" spans="14:14">
      <c r="N682786" s="10"/>
    </row>
    <row r="682787" spans="14:14">
      <c r="N682787" s="10"/>
    </row>
    <row r="682788" spans="14:14">
      <c r="N682788" s="10"/>
    </row>
    <row r="682789" spans="14:14">
      <c r="N682789" s="10"/>
    </row>
    <row r="682790" spans="14:14">
      <c r="N682790" s="10"/>
    </row>
    <row r="682791" spans="14:14">
      <c r="N682791" s="10"/>
    </row>
    <row r="682792" spans="14:14">
      <c r="N682792" s="10"/>
    </row>
    <row r="682793" spans="14:14">
      <c r="N682793" s="10"/>
    </row>
    <row r="682794" spans="14:14">
      <c r="N682794" s="10"/>
    </row>
    <row r="682795" spans="14:14">
      <c r="N682795" s="10"/>
    </row>
    <row r="682796" spans="14:14">
      <c r="N682796" s="10"/>
    </row>
    <row r="682797" spans="14:14">
      <c r="N682797" s="10"/>
    </row>
    <row r="682798" spans="14:14">
      <c r="N682798" s="10"/>
    </row>
    <row r="682799" spans="14:14">
      <c r="N682799" s="10"/>
    </row>
    <row r="682800" spans="14:14">
      <c r="N682800" s="10"/>
    </row>
    <row r="682801" spans="14:14">
      <c r="N682801" s="10"/>
    </row>
    <row r="682802" spans="14:14">
      <c r="N682802" s="10"/>
    </row>
    <row r="682803" spans="14:14">
      <c r="N682803" s="10"/>
    </row>
    <row r="682804" spans="14:14">
      <c r="N682804" s="10"/>
    </row>
    <row r="682805" spans="14:14">
      <c r="N682805" s="10"/>
    </row>
    <row r="682806" spans="14:14">
      <c r="N682806" s="10"/>
    </row>
    <row r="682807" spans="14:14">
      <c r="N682807" s="10"/>
    </row>
    <row r="682808" spans="14:14">
      <c r="N682808" s="10"/>
    </row>
    <row r="682809" spans="14:14">
      <c r="N682809" s="10"/>
    </row>
    <row r="682810" spans="14:14">
      <c r="N682810" s="10"/>
    </row>
    <row r="682811" spans="14:14">
      <c r="N682811" s="10"/>
    </row>
    <row r="682812" spans="14:14">
      <c r="N682812" s="10"/>
    </row>
    <row r="682813" spans="14:14">
      <c r="N682813" s="10"/>
    </row>
    <row r="682814" spans="14:14">
      <c r="N682814" s="10"/>
    </row>
    <row r="682815" spans="14:14">
      <c r="N682815" s="10"/>
    </row>
    <row r="682816" spans="14:14">
      <c r="N682816" s="10"/>
    </row>
    <row r="682817" spans="14:14">
      <c r="N682817" s="10"/>
    </row>
    <row r="682818" spans="14:14">
      <c r="N682818" s="10"/>
    </row>
    <row r="682819" spans="14:14">
      <c r="N682819" s="10"/>
    </row>
    <row r="682820" spans="14:14">
      <c r="N682820" s="10"/>
    </row>
    <row r="682821" spans="14:14">
      <c r="N682821" s="10"/>
    </row>
    <row r="682822" spans="14:14">
      <c r="N682822" s="10"/>
    </row>
    <row r="682823" spans="14:14">
      <c r="N682823" s="10"/>
    </row>
    <row r="682824" spans="14:14">
      <c r="N682824" s="10"/>
    </row>
    <row r="682825" spans="14:14">
      <c r="N682825" s="10"/>
    </row>
    <row r="682826" spans="14:14">
      <c r="N682826" s="10"/>
    </row>
    <row r="682827" spans="14:14">
      <c r="N682827" s="10"/>
    </row>
    <row r="682828" spans="14:14">
      <c r="N682828" s="10"/>
    </row>
    <row r="682829" spans="14:14">
      <c r="N682829" s="10"/>
    </row>
    <row r="682830" spans="14:14">
      <c r="N682830" s="10"/>
    </row>
    <row r="682831" spans="14:14">
      <c r="N682831" s="10"/>
    </row>
    <row r="682832" spans="14:14">
      <c r="N682832" s="10"/>
    </row>
    <row r="682833" spans="14:14">
      <c r="N682833" s="10"/>
    </row>
    <row r="682834" spans="14:14">
      <c r="N682834" s="10"/>
    </row>
    <row r="682835" spans="14:14">
      <c r="N682835" s="10"/>
    </row>
    <row r="682836" spans="14:14">
      <c r="N682836" s="10"/>
    </row>
    <row r="682837" spans="14:14">
      <c r="N682837" s="10"/>
    </row>
    <row r="682838" spans="14:14">
      <c r="N682838" s="10"/>
    </row>
    <row r="682839" spans="14:14">
      <c r="N682839" s="10"/>
    </row>
    <row r="682840" spans="14:14">
      <c r="N682840" s="10"/>
    </row>
    <row r="682841" spans="14:14">
      <c r="N682841" s="10"/>
    </row>
    <row r="682842" spans="14:14">
      <c r="N682842" s="10"/>
    </row>
    <row r="682843" spans="14:14">
      <c r="N682843" s="10"/>
    </row>
    <row r="682844" spans="14:14">
      <c r="N682844" s="10"/>
    </row>
    <row r="682845" spans="14:14">
      <c r="N682845" s="10"/>
    </row>
    <row r="682846" spans="14:14">
      <c r="N682846" s="10"/>
    </row>
    <row r="682847" spans="14:14">
      <c r="N682847" s="10"/>
    </row>
    <row r="682848" spans="14:14">
      <c r="N682848" s="10"/>
    </row>
    <row r="682849" spans="14:14">
      <c r="N682849" s="10"/>
    </row>
    <row r="682850" spans="14:14">
      <c r="N682850" s="10"/>
    </row>
    <row r="682851" spans="14:14">
      <c r="N682851" s="10"/>
    </row>
    <row r="682852" spans="14:14">
      <c r="N682852" s="10"/>
    </row>
    <row r="682853" spans="14:14">
      <c r="N682853" s="10"/>
    </row>
    <row r="682854" spans="14:14">
      <c r="N682854" s="10"/>
    </row>
    <row r="682855" spans="14:14">
      <c r="N682855" s="10"/>
    </row>
    <row r="682856" spans="14:14">
      <c r="N682856" s="10"/>
    </row>
    <row r="682857" spans="14:14">
      <c r="N682857" s="10"/>
    </row>
    <row r="682858" spans="14:14">
      <c r="N682858" s="10"/>
    </row>
    <row r="682859" spans="14:14">
      <c r="N682859" s="10"/>
    </row>
    <row r="682860" spans="14:14">
      <c r="N682860" s="10"/>
    </row>
    <row r="682861" spans="14:14">
      <c r="N682861" s="10"/>
    </row>
    <row r="682862" spans="14:14">
      <c r="N682862" s="10"/>
    </row>
    <row r="682863" spans="14:14">
      <c r="N682863" s="10"/>
    </row>
    <row r="682864" spans="14:14">
      <c r="N682864" s="10"/>
    </row>
    <row r="682865" spans="14:14">
      <c r="N682865" s="10"/>
    </row>
    <row r="682866" spans="14:14">
      <c r="N682866" s="10"/>
    </row>
    <row r="682867" spans="14:14">
      <c r="N682867" s="10"/>
    </row>
    <row r="682868" spans="14:14">
      <c r="N682868" s="10"/>
    </row>
    <row r="682869" spans="14:14">
      <c r="N682869" s="10"/>
    </row>
    <row r="682870" spans="14:14">
      <c r="N682870" s="10"/>
    </row>
    <row r="682871" spans="14:14">
      <c r="N682871" s="10"/>
    </row>
    <row r="682872" spans="14:14">
      <c r="N682872" s="10"/>
    </row>
    <row r="682873" spans="14:14">
      <c r="N682873" s="10"/>
    </row>
    <row r="682874" spans="14:14">
      <c r="N682874" s="10"/>
    </row>
    <row r="682875" spans="14:14">
      <c r="N682875" s="10"/>
    </row>
    <row r="682876" spans="14:14">
      <c r="N682876" s="10"/>
    </row>
    <row r="682877" spans="14:14">
      <c r="N682877" s="10"/>
    </row>
    <row r="682878" spans="14:14">
      <c r="N682878" s="10"/>
    </row>
    <row r="682879" spans="14:14">
      <c r="N682879" s="10"/>
    </row>
    <row r="682880" spans="14:14">
      <c r="N682880" s="10"/>
    </row>
    <row r="682881" spans="14:14">
      <c r="N682881" s="10"/>
    </row>
    <row r="682882" spans="14:14">
      <c r="N682882" s="10"/>
    </row>
    <row r="682883" spans="14:14">
      <c r="N682883" s="10"/>
    </row>
    <row r="682884" spans="14:14">
      <c r="N682884" s="10"/>
    </row>
    <row r="682885" spans="14:14">
      <c r="N682885" s="10"/>
    </row>
    <row r="682886" spans="14:14">
      <c r="N682886" s="10"/>
    </row>
    <row r="682887" spans="14:14">
      <c r="N682887" s="10"/>
    </row>
    <row r="682888" spans="14:14">
      <c r="N682888" s="10"/>
    </row>
    <row r="682889" spans="14:14">
      <c r="N682889" s="10"/>
    </row>
    <row r="682890" spans="14:14">
      <c r="N682890" s="10"/>
    </row>
    <row r="682891" spans="14:14">
      <c r="N682891" s="10"/>
    </row>
    <row r="682892" spans="14:14">
      <c r="N682892" s="10"/>
    </row>
    <row r="682893" spans="14:14">
      <c r="N682893" s="10"/>
    </row>
    <row r="682894" spans="14:14">
      <c r="N682894" s="10"/>
    </row>
    <row r="682895" spans="14:14">
      <c r="N682895" s="10"/>
    </row>
    <row r="682896" spans="14:14">
      <c r="N682896" s="10"/>
    </row>
    <row r="682897" spans="14:14">
      <c r="N682897" s="10"/>
    </row>
    <row r="682898" spans="14:14">
      <c r="N682898" s="10"/>
    </row>
    <row r="682899" spans="14:14">
      <c r="N682899" s="10"/>
    </row>
    <row r="682900" spans="14:14">
      <c r="N682900" s="10"/>
    </row>
    <row r="682901" spans="14:14">
      <c r="N682901" s="10"/>
    </row>
    <row r="682902" spans="14:14">
      <c r="N682902" s="10"/>
    </row>
    <row r="682903" spans="14:14">
      <c r="N682903" s="10"/>
    </row>
    <row r="682904" spans="14:14">
      <c r="N682904" s="10"/>
    </row>
    <row r="682905" spans="14:14">
      <c r="N682905" s="10"/>
    </row>
    <row r="682906" spans="14:14">
      <c r="N682906" s="10"/>
    </row>
    <row r="682907" spans="14:14">
      <c r="N682907" s="10"/>
    </row>
    <row r="682908" spans="14:14">
      <c r="N682908" s="10"/>
    </row>
    <row r="682909" spans="14:14">
      <c r="N682909" s="10"/>
    </row>
    <row r="682910" spans="14:14">
      <c r="N682910" s="10"/>
    </row>
    <row r="682911" spans="14:14">
      <c r="N682911" s="10"/>
    </row>
    <row r="682912" spans="14:14">
      <c r="N682912" s="10"/>
    </row>
    <row r="682913" spans="14:14">
      <c r="N682913" s="10"/>
    </row>
    <row r="682914" spans="14:14">
      <c r="N682914" s="10"/>
    </row>
    <row r="682915" spans="14:14">
      <c r="N682915" s="10"/>
    </row>
    <row r="682916" spans="14:14">
      <c r="N682916" s="10"/>
    </row>
    <row r="682917" spans="14:14">
      <c r="N682917" s="10"/>
    </row>
    <row r="682918" spans="14:14">
      <c r="N682918" s="10"/>
    </row>
    <row r="682919" spans="14:14">
      <c r="N682919" s="10"/>
    </row>
    <row r="682920" spans="14:14">
      <c r="N682920" s="10"/>
    </row>
    <row r="682921" spans="14:14">
      <c r="N682921" s="10"/>
    </row>
    <row r="682922" spans="14:14">
      <c r="N682922" s="10"/>
    </row>
    <row r="682923" spans="14:14">
      <c r="N682923" s="10"/>
    </row>
    <row r="682924" spans="14:14">
      <c r="N682924" s="10"/>
    </row>
    <row r="682925" spans="14:14">
      <c r="N682925" s="10"/>
    </row>
    <row r="682926" spans="14:14">
      <c r="N682926" s="10"/>
    </row>
    <row r="682927" spans="14:14">
      <c r="N682927" s="10"/>
    </row>
    <row r="682928" spans="14:14">
      <c r="N682928" s="10"/>
    </row>
    <row r="682929" spans="14:14">
      <c r="N682929" s="10"/>
    </row>
    <row r="682930" spans="14:14">
      <c r="N682930" s="10"/>
    </row>
    <row r="682931" spans="14:14">
      <c r="N682931" s="10"/>
    </row>
    <row r="682932" spans="14:14">
      <c r="N682932" s="10"/>
    </row>
    <row r="682933" spans="14:14">
      <c r="N682933" s="10"/>
    </row>
    <row r="682934" spans="14:14">
      <c r="N682934" s="10"/>
    </row>
    <row r="682935" spans="14:14">
      <c r="N682935" s="10"/>
    </row>
    <row r="682936" spans="14:14">
      <c r="N682936" s="10"/>
    </row>
    <row r="682937" spans="14:14">
      <c r="N682937" s="10"/>
    </row>
    <row r="682938" spans="14:14">
      <c r="N682938" s="10"/>
    </row>
    <row r="682939" spans="14:14">
      <c r="N682939" s="10"/>
    </row>
    <row r="682940" spans="14:14">
      <c r="N682940" s="10"/>
    </row>
    <row r="682941" spans="14:14">
      <c r="N682941" s="10"/>
    </row>
    <row r="682942" spans="14:14">
      <c r="N682942" s="10"/>
    </row>
    <row r="682943" spans="14:14">
      <c r="N682943" s="10"/>
    </row>
    <row r="682944" spans="14:14">
      <c r="N682944" s="10"/>
    </row>
    <row r="682945" spans="14:14">
      <c r="N682945" s="10"/>
    </row>
    <row r="682946" spans="14:14">
      <c r="N682946" s="10"/>
    </row>
    <row r="682947" spans="14:14">
      <c r="N682947" s="10"/>
    </row>
    <row r="682948" spans="14:14">
      <c r="N682948" s="10"/>
    </row>
    <row r="682949" spans="14:14">
      <c r="N682949" s="10"/>
    </row>
    <row r="682950" spans="14:14">
      <c r="N682950" s="10"/>
    </row>
    <row r="682951" spans="14:14">
      <c r="N682951" s="10"/>
    </row>
    <row r="682952" spans="14:14">
      <c r="N682952" s="10"/>
    </row>
    <row r="682953" spans="14:14">
      <c r="N682953" s="10"/>
    </row>
    <row r="682954" spans="14:14">
      <c r="N682954" s="10"/>
    </row>
    <row r="682955" spans="14:14">
      <c r="N682955" s="10"/>
    </row>
    <row r="682956" spans="14:14">
      <c r="N682956" s="10"/>
    </row>
    <row r="682957" spans="14:14">
      <c r="N682957" s="10"/>
    </row>
    <row r="682958" spans="14:14">
      <c r="N682958" s="10"/>
    </row>
    <row r="682959" spans="14:14">
      <c r="N682959" s="10"/>
    </row>
    <row r="682960" spans="14:14">
      <c r="N682960" s="10"/>
    </row>
    <row r="682961" spans="14:14">
      <c r="N682961" s="10"/>
    </row>
    <row r="682962" spans="14:14">
      <c r="N682962" s="10"/>
    </row>
    <row r="682963" spans="14:14">
      <c r="N682963" s="10"/>
    </row>
    <row r="682964" spans="14:14">
      <c r="N682964" s="10"/>
    </row>
    <row r="682965" spans="14:14">
      <c r="N682965" s="10"/>
    </row>
    <row r="682966" spans="14:14">
      <c r="N682966" s="10"/>
    </row>
    <row r="682967" spans="14:14">
      <c r="N682967" s="10"/>
    </row>
    <row r="682968" spans="14:14">
      <c r="N682968" s="10"/>
    </row>
    <row r="682969" spans="14:14">
      <c r="N682969" s="10"/>
    </row>
    <row r="682970" spans="14:14">
      <c r="N682970" s="10"/>
    </row>
    <row r="682971" spans="14:14">
      <c r="N682971" s="10"/>
    </row>
    <row r="682972" spans="14:14">
      <c r="N682972" s="10"/>
    </row>
    <row r="682973" spans="14:14">
      <c r="N682973" s="10"/>
    </row>
    <row r="682974" spans="14:14">
      <c r="N682974" s="10"/>
    </row>
    <row r="682975" spans="14:14">
      <c r="N682975" s="10"/>
    </row>
    <row r="682976" spans="14:14">
      <c r="N682976" s="10"/>
    </row>
    <row r="682977" spans="14:14">
      <c r="N682977" s="10"/>
    </row>
    <row r="682978" spans="14:14">
      <c r="N682978" s="10"/>
    </row>
    <row r="682979" spans="14:14">
      <c r="N682979" s="10"/>
    </row>
    <row r="682980" spans="14:14">
      <c r="N682980" s="10"/>
    </row>
    <row r="682981" spans="14:14">
      <c r="N682981" s="10"/>
    </row>
    <row r="682982" spans="14:14">
      <c r="N682982" s="10"/>
    </row>
    <row r="682983" spans="14:14">
      <c r="N682983" s="10"/>
    </row>
    <row r="682984" spans="14:14">
      <c r="N682984" s="10"/>
    </row>
    <row r="682985" spans="14:14">
      <c r="N682985" s="10"/>
    </row>
    <row r="682986" spans="14:14">
      <c r="N682986" s="10"/>
    </row>
    <row r="682987" spans="14:14">
      <c r="N682987" s="10"/>
    </row>
    <row r="682988" spans="14:14">
      <c r="N682988" s="10"/>
    </row>
    <row r="682989" spans="14:14">
      <c r="N682989" s="10"/>
    </row>
    <row r="682990" spans="14:14">
      <c r="N682990" s="10"/>
    </row>
    <row r="682991" spans="14:14">
      <c r="N682991" s="10"/>
    </row>
    <row r="682992" spans="14:14">
      <c r="N682992" s="10"/>
    </row>
    <row r="682993" spans="14:14">
      <c r="N682993" s="10"/>
    </row>
    <row r="682994" spans="14:14">
      <c r="N682994" s="10"/>
    </row>
    <row r="682995" spans="14:14">
      <c r="N682995" s="10"/>
    </row>
    <row r="682996" spans="14:14">
      <c r="N682996" s="10"/>
    </row>
    <row r="682997" spans="14:14">
      <c r="N682997" s="10"/>
    </row>
    <row r="682998" spans="14:14">
      <c r="N682998" s="10"/>
    </row>
    <row r="682999" spans="14:14">
      <c r="N682999" s="10"/>
    </row>
    <row r="683000" spans="14:14">
      <c r="N683000" s="10"/>
    </row>
    <row r="683001" spans="14:14">
      <c r="N683001" s="10"/>
    </row>
    <row r="683002" spans="14:14">
      <c r="N683002" s="10"/>
    </row>
    <row r="683003" spans="14:14">
      <c r="N683003" s="10"/>
    </row>
    <row r="683004" spans="14:14">
      <c r="N683004" s="10"/>
    </row>
    <row r="683005" spans="14:14">
      <c r="N683005" s="10"/>
    </row>
    <row r="683006" spans="14:14">
      <c r="N683006" s="10"/>
    </row>
    <row r="683007" spans="14:14">
      <c r="N683007" s="10"/>
    </row>
    <row r="683008" spans="14:14">
      <c r="N683008" s="10"/>
    </row>
    <row r="683009" spans="14:14">
      <c r="N683009" s="10"/>
    </row>
    <row r="683010" spans="14:14">
      <c r="N683010" s="10"/>
    </row>
    <row r="683011" spans="14:14">
      <c r="N683011" s="10"/>
    </row>
    <row r="683012" spans="14:14">
      <c r="N683012" s="10"/>
    </row>
    <row r="683013" spans="14:14">
      <c r="N683013" s="10"/>
    </row>
    <row r="683014" spans="14:14">
      <c r="N683014" s="10"/>
    </row>
    <row r="683015" spans="14:14">
      <c r="N683015" s="10"/>
    </row>
    <row r="683016" spans="14:14">
      <c r="N683016" s="10"/>
    </row>
    <row r="683017" spans="14:14">
      <c r="N683017" s="10"/>
    </row>
    <row r="683018" spans="14:14">
      <c r="N683018" s="10"/>
    </row>
    <row r="683019" spans="14:14">
      <c r="N683019" s="10"/>
    </row>
    <row r="683020" spans="14:14">
      <c r="N683020" s="10"/>
    </row>
    <row r="683021" spans="14:14">
      <c r="N683021" s="10"/>
    </row>
    <row r="683022" spans="14:14">
      <c r="N683022" s="10"/>
    </row>
    <row r="683023" spans="14:14">
      <c r="N683023" s="10"/>
    </row>
    <row r="683024" spans="14:14">
      <c r="N683024" s="10"/>
    </row>
    <row r="683025" spans="14:14">
      <c r="N683025" s="10"/>
    </row>
    <row r="683026" spans="14:14">
      <c r="N683026" s="10"/>
    </row>
    <row r="683027" spans="14:14">
      <c r="N683027" s="10"/>
    </row>
    <row r="683028" spans="14:14">
      <c r="N683028" s="10"/>
    </row>
    <row r="683029" spans="14:14">
      <c r="N683029" s="10"/>
    </row>
    <row r="683030" spans="14:14">
      <c r="N683030" s="10"/>
    </row>
    <row r="683031" spans="14:14">
      <c r="N683031" s="10"/>
    </row>
    <row r="683032" spans="14:14">
      <c r="N683032" s="10"/>
    </row>
    <row r="683033" spans="14:14">
      <c r="N683033" s="10"/>
    </row>
    <row r="683034" spans="14:14">
      <c r="N683034" s="10"/>
    </row>
    <row r="683035" spans="14:14">
      <c r="N683035" s="10"/>
    </row>
    <row r="683036" spans="14:14">
      <c r="N683036" s="10"/>
    </row>
    <row r="683037" spans="14:14">
      <c r="N683037" s="10"/>
    </row>
    <row r="683038" spans="14:14">
      <c r="N683038" s="10"/>
    </row>
    <row r="683039" spans="14:14">
      <c r="N683039" s="10"/>
    </row>
    <row r="683040" spans="14:14">
      <c r="N683040" s="10"/>
    </row>
    <row r="683041" spans="14:14">
      <c r="N683041" s="10"/>
    </row>
    <row r="683042" spans="14:14">
      <c r="N683042" s="10"/>
    </row>
    <row r="683043" spans="14:14">
      <c r="N683043" s="10"/>
    </row>
    <row r="683044" spans="14:14">
      <c r="N683044" s="10"/>
    </row>
    <row r="683045" spans="14:14">
      <c r="N683045" s="10"/>
    </row>
    <row r="683046" spans="14:14">
      <c r="N683046" s="10"/>
    </row>
    <row r="683047" spans="14:14">
      <c r="N683047" s="10"/>
    </row>
    <row r="683048" spans="14:14">
      <c r="N683048" s="10"/>
    </row>
    <row r="683049" spans="14:14">
      <c r="N683049" s="10"/>
    </row>
    <row r="683050" spans="14:14">
      <c r="N683050" s="10"/>
    </row>
    <row r="683051" spans="14:14">
      <c r="N683051" s="10"/>
    </row>
    <row r="683052" spans="14:14">
      <c r="N683052" s="10"/>
    </row>
    <row r="683053" spans="14:14">
      <c r="N683053" s="10"/>
    </row>
    <row r="683054" spans="14:14">
      <c r="N683054" s="10"/>
    </row>
    <row r="683055" spans="14:14">
      <c r="N683055" s="10"/>
    </row>
    <row r="683056" spans="14:14">
      <c r="N683056" s="10"/>
    </row>
    <row r="683057" spans="14:14">
      <c r="N683057" s="10"/>
    </row>
    <row r="683058" spans="14:14">
      <c r="N683058" s="10"/>
    </row>
    <row r="683059" spans="14:14">
      <c r="N683059" s="10"/>
    </row>
    <row r="683060" spans="14:14">
      <c r="N683060" s="10"/>
    </row>
    <row r="683061" spans="14:14">
      <c r="N683061" s="10"/>
    </row>
    <row r="683062" spans="14:14">
      <c r="N683062" s="10"/>
    </row>
    <row r="683063" spans="14:14">
      <c r="N683063" s="10"/>
    </row>
    <row r="683064" spans="14:14">
      <c r="N683064" s="10"/>
    </row>
    <row r="683065" spans="14:14">
      <c r="N683065" s="10"/>
    </row>
    <row r="683066" spans="14:14">
      <c r="N683066" s="10"/>
    </row>
    <row r="683067" spans="14:14">
      <c r="N683067" s="10"/>
    </row>
    <row r="683068" spans="14:14">
      <c r="N683068" s="10"/>
    </row>
    <row r="683069" spans="14:14">
      <c r="N683069" s="10"/>
    </row>
    <row r="683070" spans="14:14">
      <c r="N683070" s="10"/>
    </row>
    <row r="683071" spans="14:14">
      <c r="N683071" s="10"/>
    </row>
    <row r="683072" spans="14:14">
      <c r="N683072" s="10"/>
    </row>
    <row r="683073" spans="14:14">
      <c r="N683073" s="10"/>
    </row>
    <row r="683074" spans="14:14">
      <c r="N683074" s="10"/>
    </row>
    <row r="683075" spans="14:14">
      <c r="N683075" s="10"/>
    </row>
    <row r="683076" spans="14:14">
      <c r="N683076" s="10"/>
    </row>
    <row r="683077" spans="14:14">
      <c r="N683077" s="10"/>
    </row>
    <row r="683078" spans="14:14">
      <c r="N683078" s="10"/>
    </row>
    <row r="683079" spans="14:14">
      <c r="N683079" s="10"/>
    </row>
    <row r="683080" spans="14:14">
      <c r="N683080" s="10"/>
    </row>
    <row r="683081" spans="14:14">
      <c r="N683081" s="10"/>
    </row>
    <row r="683082" spans="14:14">
      <c r="N683082" s="10"/>
    </row>
    <row r="683083" spans="14:14">
      <c r="N683083" s="10"/>
    </row>
    <row r="683084" spans="14:14">
      <c r="N683084" s="10"/>
    </row>
    <row r="683085" spans="14:14">
      <c r="N683085" s="10"/>
    </row>
    <row r="683086" spans="14:14">
      <c r="N683086" s="10"/>
    </row>
    <row r="683087" spans="14:14">
      <c r="N683087" s="10"/>
    </row>
    <row r="683088" spans="14:14">
      <c r="N683088" s="10"/>
    </row>
    <row r="683089" spans="14:14">
      <c r="N683089" s="10"/>
    </row>
    <row r="683090" spans="14:14">
      <c r="N683090" s="10"/>
    </row>
    <row r="683091" spans="14:14">
      <c r="N683091" s="10"/>
    </row>
    <row r="683092" spans="14:14">
      <c r="N683092" s="10"/>
    </row>
    <row r="683093" spans="14:14">
      <c r="N683093" s="10"/>
    </row>
    <row r="683094" spans="14:14">
      <c r="N683094" s="10"/>
    </row>
    <row r="683095" spans="14:14">
      <c r="N683095" s="10"/>
    </row>
    <row r="683096" spans="14:14">
      <c r="N683096" s="10"/>
    </row>
    <row r="683097" spans="14:14">
      <c r="N683097" s="10"/>
    </row>
    <row r="683098" spans="14:14">
      <c r="N683098" s="10"/>
    </row>
    <row r="683099" spans="14:14">
      <c r="N683099" s="10"/>
    </row>
    <row r="683100" spans="14:14">
      <c r="N683100" s="10"/>
    </row>
    <row r="683101" spans="14:14">
      <c r="N683101" s="10"/>
    </row>
    <row r="683102" spans="14:14">
      <c r="N683102" s="10"/>
    </row>
    <row r="683103" spans="14:14">
      <c r="N683103" s="10"/>
    </row>
    <row r="683104" spans="14:14">
      <c r="N683104" s="10"/>
    </row>
    <row r="683105" spans="14:14">
      <c r="N683105" s="10"/>
    </row>
    <row r="683106" spans="14:14">
      <c r="N683106" s="10"/>
    </row>
    <row r="683107" spans="14:14">
      <c r="N683107" s="10"/>
    </row>
    <row r="683108" spans="14:14">
      <c r="N683108" s="10"/>
    </row>
    <row r="683109" spans="14:14">
      <c r="N683109" s="10"/>
    </row>
    <row r="683110" spans="14:14">
      <c r="N683110" s="10"/>
    </row>
    <row r="683111" spans="14:14">
      <c r="N683111" s="10"/>
    </row>
    <row r="683112" spans="14:14">
      <c r="N683112" s="10"/>
    </row>
    <row r="683113" spans="14:14">
      <c r="N683113" s="10"/>
    </row>
    <row r="683114" spans="14:14">
      <c r="N683114" s="10"/>
    </row>
    <row r="683115" spans="14:14">
      <c r="N683115" s="10"/>
    </row>
    <row r="683116" spans="14:14">
      <c r="N683116" s="10"/>
    </row>
    <row r="683117" spans="14:14">
      <c r="N683117" s="10"/>
    </row>
    <row r="683118" spans="14:14">
      <c r="N683118" s="10"/>
    </row>
    <row r="683119" spans="14:14">
      <c r="N683119" s="10"/>
    </row>
    <row r="683120" spans="14:14">
      <c r="N683120" s="10"/>
    </row>
    <row r="683121" spans="14:14">
      <c r="N683121" s="10"/>
    </row>
    <row r="683122" spans="14:14">
      <c r="N683122" s="10"/>
    </row>
    <row r="683123" spans="14:14">
      <c r="N683123" s="10"/>
    </row>
    <row r="683124" spans="14:14">
      <c r="N683124" s="10"/>
    </row>
    <row r="683125" spans="14:14">
      <c r="N683125" s="10"/>
    </row>
    <row r="683126" spans="14:14">
      <c r="N683126" s="10"/>
    </row>
    <row r="683127" spans="14:14">
      <c r="N683127" s="10"/>
    </row>
    <row r="683128" spans="14:14">
      <c r="N683128" s="10"/>
    </row>
    <row r="683129" spans="14:14">
      <c r="N683129" s="10"/>
    </row>
    <row r="683130" spans="14:14">
      <c r="N683130" s="10"/>
    </row>
    <row r="683131" spans="14:14">
      <c r="N683131" s="10"/>
    </row>
    <row r="683132" spans="14:14">
      <c r="N683132" s="10"/>
    </row>
    <row r="683133" spans="14:14">
      <c r="N683133" s="10"/>
    </row>
    <row r="683134" spans="14:14">
      <c r="N683134" s="10"/>
    </row>
    <row r="683135" spans="14:14">
      <c r="N683135" s="10"/>
    </row>
    <row r="683136" spans="14:14">
      <c r="N683136" s="10"/>
    </row>
    <row r="683137" spans="14:14">
      <c r="N683137" s="10"/>
    </row>
    <row r="683138" spans="14:14">
      <c r="N683138" s="10"/>
    </row>
    <row r="683139" spans="14:14">
      <c r="N683139" s="10"/>
    </row>
    <row r="683140" spans="14:14">
      <c r="N683140" s="10"/>
    </row>
    <row r="683141" spans="14:14">
      <c r="N683141" s="10"/>
    </row>
    <row r="683142" spans="14:14">
      <c r="N683142" s="10"/>
    </row>
    <row r="683143" spans="14:14">
      <c r="N683143" s="10"/>
    </row>
    <row r="683144" spans="14:14">
      <c r="N683144" s="10"/>
    </row>
    <row r="683145" spans="14:14">
      <c r="N683145" s="10"/>
    </row>
    <row r="683146" spans="14:14">
      <c r="N683146" s="10"/>
    </row>
    <row r="683147" spans="14:14">
      <c r="N683147" s="10"/>
    </row>
    <row r="683148" spans="14:14">
      <c r="N683148" s="10"/>
    </row>
    <row r="683149" spans="14:14">
      <c r="N683149" s="10"/>
    </row>
    <row r="683150" spans="14:14">
      <c r="N683150" s="10"/>
    </row>
    <row r="683151" spans="14:14">
      <c r="N683151" s="10"/>
    </row>
    <row r="683152" spans="14:14">
      <c r="N683152" s="10"/>
    </row>
    <row r="683153" spans="14:14">
      <c r="N683153" s="10"/>
    </row>
    <row r="683154" spans="14:14">
      <c r="N683154" s="10"/>
    </row>
    <row r="683155" spans="14:14">
      <c r="N683155" s="10"/>
    </row>
    <row r="683156" spans="14:14">
      <c r="N683156" s="10"/>
    </row>
    <row r="683157" spans="14:14">
      <c r="N683157" s="10"/>
    </row>
    <row r="683158" spans="14:14">
      <c r="N683158" s="10"/>
    </row>
    <row r="683159" spans="14:14">
      <c r="N683159" s="10"/>
    </row>
    <row r="683160" spans="14:14">
      <c r="N683160" s="10"/>
    </row>
    <row r="683161" spans="14:14">
      <c r="N683161" s="10"/>
    </row>
    <row r="683162" spans="14:14">
      <c r="N683162" s="10"/>
    </row>
    <row r="683163" spans="14:14">
      <c r="N683163" s="10"/>
    </row>
    <row r="683164" spans="14:14">
      <c r="N683164" s="10"/>
    </row>
    <row r="683165" spans="14:14">
      <c r="N683165" s="10"/>
    </row>
    <row r="683166" spans="14:14">
      <c r="N683166" s="10"/>
    </row>
    <row r="683167" spans="14:14">
      <c r="N683167" s="10"/>
    </row>
    <row r="683168" spans="14:14">
      <c r="N683168" s="10"/>
    </row>
    <row r="683169" spans="14:14">
      <c r="N683169" s="10"/>
    </row>
    <row r="683170" spans="14:14">
      <c r="N683170" s="10"/>
    </row>
    <row r="683171" spans="14:14">
      <c r="N683171" s="10"/>
    </row>
    <row r="683172" spans="14:14">
      <c r="N683172" s="10"/>
    </row>
    <row r="683173" spans="14:14">
      <c r="N683173" s="10"/>
    </row>
    <row r="683174" spans="14:14">
      <c r="N683174" s="10"/>
    </row>
    <row r="683175" spans="14:14">
      <c r="N683175" s="10"/>
    </row>
    <row r="683176" spans="14:14">
      <c r="N683176" s="10"/>
    </row>
    <row r="683177" spans="14:14">
      <c r="N683177" s="10"/>
    </row>
    <row r="683178" spans="14:14">
      <c r="N683178" s="10"/>
    </row>
    <row r="683179" spans="14:14">
      <c r="N683179" s="10"/>
    </row>
    <row r="683180" spans="14:14">
      <c r="N683180" s="10"/>
    </row>
    <row r="683181" spans="14:14">
      <c r="N683181" s="10"/>
    </row>
    <row r="683182" spans="14:14">
      <c r="N683182" s="10"/>
    </row>
    <row r="683183" spans="14:14">
      <c r="N683183" s="10"/>
    </row>
    <row r="683184" spans="14:14">
      <c r="N683184" s="10"/>
    </row>
    <row r="683185" spans="14:14">
      <c r="N683185" s="10"/>
    </row>
    <row r="683186" spans="14:14">
      <c r="N683186" s="10"/>
    </row>
    <row r="683187" spans="14:14">
      <c r="N683187" s="10"/>
    </row>
    <row r="683188" spans="14:14">
      <c r="N683188" s="10"/>
    </row>
    <row r="683189" spans="14:14">
      <c r="N683189" s="10"/>
    </row>
    <row r="683190" spans="14:14">
      <c r="N683190" s="10"/>
    </row>
    <row r="683191" spans="14:14">
      <c r="N683191" s="10"/>
    </row>
    <row r="683192" spans="14:14">
      <c r="N683192" s="10"/>
    </row>
    <row r="683193" spans="14:14">
      <c r="N683193" s="10"/>
    </row>
    <row r="683194" spans="14:14">
      <c r="N683194" s="10"/>
    </row>
    <row r="683195" spans="14:14">
      <c r="N683195" s="10"/>
    </row>
    <row r="683196" spans="14:14">
      <c r="N683196" s="10"/>
    </row>
    <row r="683197" spans="14:14">
      <c r="N683197" s="10"/>
    </row>
    <row r="683198" spans="14:14">
      <c r="N683198" s="10"/>
    </row>
    <row r="683199" spans="14:14">
      <c r="N683199" s="10"/>
    </row>
    <row r="683200" spans="14:14">
      <c r="N683200" s="10"/>
    </row>
    <row r="683201" spans="14:14">
      <c r="N683201" s="10"/>
    </row>
    <row r="683202" spans="14:14">
      <c r="N683202" s="10"/>
    </row>
    <row r="683203" spans="14:14">
      <c r="N683203" s="10"/>
    </row>
    <row r="683204" spans="14:14">
      <c r="N683204" s="10"/>
    </row>
    <row r="683205" spans="14:14">
      <c r="N683205" s="10"/>
    </row>
    <row r="683206" spans="14:14">
      <c r="N683206" s="10"/>
    </row>
    <row r="683207" spans="14:14">
      <c r="N683207" s="10"/>
    </row>
    <row r="683208" spans="14:14">
      <c r="N683208" s="10"/>
    </row>
    <row r="683209" spans="14:14">
      <c r="N683209" s="10"/>
    </row>
    <row r="683210" spans="14:14">
      <c r="N683210" s="10"/>
    </row>
    <row r="683211" spans="14:14">
      <c r="N683211" s="10"/>
    </row>
    <row r="683212" spans="14:14">
      <c r="N683212" s="10"/>
    </row>
    <row r="683213" spans="14:14">
      <c r="N683213" s="10"/>
    </row>
    <row r="683214" spans="14:14">
      <c r="N683214" s="10"/>
    </row>
    <row r="683215" spans="14:14">
      <c r="N683215" s="10"/>
    </row>
    <row r="683216" spans="14:14">
      <c r="N683216" s="10"/>
    </row>
    <row r="683217" spans="14:14">
      <c r="N683217" s="10"/>
    </row>
    <row r="683218" spans="14:14">
      <c r="N683218" s="10"/>
    </row>
    <row r="683219" spans="14:14">
      <c r="N683219" s="10"/>
    </row>
    <row r="683220" spans="14:14">
      <c r="N683220" s="10"/>
    </row>
    <row r="683221" spans="14:14">
      <c r="N683221" s="10"/>
    </row>
    <row r="683222" spans="14:14">
      <c r="N683222" s="10"/>
    </row>
    <row r="683223" spans="14:14">
      <c r="N683223" s="10"/>
    </row>
    <row r="683224" spans="14:14">
      <c r="N683224" s="10"/>
    </row>
    <row r="683225" spans="14:14">
      <c r="N683225" s="10"/>
    </row>
    <row r="683226" spans="14:14">
      <c r="N683226" s="10"/>
    </row>
    <row r="683227" spans="14:14">
      <c r="N683227" s="10"/>
    </row>
    <row r="683228" spans="14:14">
      <c r="N683228" s="10"/>
    </row>
    <row r="683229" spans="14:14">
      <c r="N683229" s="10"/>
    </row>
    <row r="683230" spans="14:14">
      <c r="N683230" s="10"/>
    </row>
    <row r="683231" spans="14:14">
      <c r="N683231" s="10"/>
    </row>
    <row r="683232" spans="14:14">
      <c r="N683232" s="10"/>
    </row>
    <row r="683233" spans="14:14">
      <c r="N683233" s="10"/>
    </row>
    <row r="683234" spans="14:14">
      <c r="N683234" s="10"/>
    </row>
    <row r="683235" spans="14:14">
      <c r="N683235" s="10"/>
    </row>
    <row r="683236" spans="14:14">
      <c r="N683236" s="10"/>
    </row>
    <row r="683237" spans="14:14">
      <c r="N683237" s="10"/>
    </row>
    <row r="683238" spans="14:14">
      <c r="N683238" s="10"/>
    </row>
    <row r="683239" spans="14:14">
      <c r="N683239" s="10"/>
    </row>
    <row r="683240" spans="14:14">
      <c r="N683240" s="10"/>
    </row>
    <row r="683241" spans="14:14">
      <c r="N683241" s="10"/>
    </row>
    <row r="683242" spans="14:14">
      <c r="N683242" s="10"/>
    </row>
    <row r="683243" spans="14:14">
      <c r="N683243" s="10"/>
    </row>
    <row r="683244" spans="14:14">
      <c r="N683244" s="10"/>
    </row>
    <row r="683245" spans="14:14">
      <c r="N683245" s="10"/>
    </row>
    <row r="683246" spans="14:14">
      <c r="N683246" s="10"/>
    </row>
    <row r="683247" spans="14:14">
      <c r="N683247" s="10"/>
    </row>
    <row r="683248" spans="14:14">
      <c r="N683248" s="10"/>
    </row>
    <row r="683249" spans="14:14">
      <c r="N683249" s="10"/>
    </row>
    <row r="683250" spans="14:14">
      <c r="N683250" s="10"/>
    </row>
    <row r="683251" spans="14:14">
      <c r="N683251" s="10"/>
    </row>
    <row r="683252" spans="14:14">
      <c r="N683252" s="10"/>
    </row>
    <row r="683253" spans="14:14">
      <c r="N683253" s="10"/>
    </row>
    <row r="683254" spans="14:14">
      <c r="N683254" s="10"/>
    </row>
    <row r="683255" spans="14:14">
      <c r="N683255" s="10"/>
    </row>
    <row r="683256" spans="14:14">
      <c r="N683256" s="10"/>
    </row>
    <row r="683257" spans="14:14">
      <c r="N683257" s="10"/>
    </row>
    <row r="683258" spans="14:14">
      <c r="N683258" s="10"/>
    </row>
    <row r="683259" spans="14:14">
      <c r="N683259" s="10"/>
    </row>
    <row r="683260" spans="14:14">
      <c r="N683260" s="10"/>
    </row>
    <row r="683261" spans="14:14">
      <c r="N683261" s="10"/>
    </row>
    <row r="683262" spans="14:14">
      <c r="N683262" s="10"/>
    </row>
    <row r="683263" spans="14:14">
      <c r="N683263" s="10"/>
    </row>
    <row r="683264" spans="14:14">
      <c r="N683264" s="10"/>
    </row>
    <row r="683265" spans="14:14">
      <c r="N683265" s="10"/>
    </row>
    <row r="683266" spans="14:14">
      <c r="N683266" s="10"/>
    </row>
    <row r="683267" spans="14:14">
      <c r="N683267" s="10"/>
    </row>
    <row r="683268" spans="14:14">
      <c r="N683268" s="10"/>
    </row>
    <row r="683269" spans="14:14">
      <c r="N683269" s="10"/>
    </row>
    <row r="683270" spans="14:14">
      <c r="N683270" s="10"/>
    </row>
    <row r="683271" spans="14:14">
      <c r="N683271" s="10"/>
    </row>
    <row r="683272" spans="14:14">
      <c r="N683272" s="10"/>
    </row>
    <row r="683273" spans="14:14">
      <c r="N683273" s="10"/>
    </row>
    <row r="683274" spans="14:14">
      <c r="N683274" s="10"/>
    </row>
    <row r="683275" spans="14:14">
      <c r="N683275" s="10"/>
    </row>
    <row r="683276" spans="14:14">
      <c r="N683276" s="10"/>
    </row>
    <row r="683277" spans="14:14">
      <c r="N683277" s="10"/>
    </row>
    <row r="683278" spans="14:14">
      <c r="N683278" s="10"/>
    </row>
    <row r="683279" spans="14:14">
      <c r="N683279" s="10"/>
    </row>
    <row r="683280" spans="14:14">
      <c r="N683280" s="10"/>
    </row>
    <row r="683281" spans="14:14">
      <c r="N683281" s="10"/>
    </row>
    <row r="683282" spans="14:14">
      <c r="N683282" s="10"/>
    </row>
    <row r="683283" spans="14:14">
      <c r="N683283" s="10"/>
    </row>
    <row r="683284" spans="14:14">
      <c r="N683284" s="10"/>
    </row>
    <row r="683285" spans="14:14">
      <c r="N683285" s="10"/>
    </row>
    <row r="683286" spans="14:14">
      <c r="N683286" s="10"/>
    </row>
    <row r="683287" spans="14:14">
      <c r="N683287" s="10"/>
    </row>
    <row r="683288" spans="14:14">
      <c r="N683288" s="10"/>
    </row>
    <row r="683289" spans="14:14">
      <c r="N683289" s="10"/>
    </row>
    <row r="683290" spans="14:14">
      <c r="N683290" s="10"/>
    </row>
    <row r="683291" spans="14:14">
      <c r="N683291" s="10"/>
    </row>
    <row r="683292" spans="14:14">
      <c r="N683292" s="10"/>
    </row>
    <row r="683293" spans="14:14">
      <c r="N683293" s="10"/>
    </row>
    <row r="683294" spans="14:14">
      <c r="N683294" s="10"/>
    </row>
    <row r="683295" spans="14:14">
      <c r="N683295" s="10"/>
    </row>
    <row r="683296" spans="14:14">
      <c r="N683296" s="10"/>
    </row>
    <row r="683297" spans="14:14">
      <c r="N683297" s="10"/>
    </row>
    <row r="683298" spans="14:14">
      <c r="N683298" s="10"/>
    </row>
    <row r="683299" spans="14:14">
      <c r="N683299" s="10"/>
    </row>
    <row r="683300" spans="14:14">
      <c r="N683300" s="10"/>
    </row>
    <row r="683301" spans="14:14">
      <c r="N683301" s="10"/>
    </row>
    <row r="683302" spans="14:14">
      <c r="N683302" s="10"/>
    </row>
    <row r="683303" spans="14:14">
      <c r="N683303" s="10"/>
    </row>
    <row r="683304" spans="14:14">
      <c r="N683304" s="10"/>
    </row>
    <row r="683305" spans="14:14">
      <c r="N683305" s="10"/>
    </row>
    <row r="683306" spans="14:14">
      <c r="N683306" s="10"/>
    </row>
    <row r="683307" spans="14:14">
      <c r="N683307" s="10"/>
    </row>
    <row r="683308" spans="14:14">
      <c r="N683308" s="10"/>
    </row>
    <row r="683309" spans="14:14">
      <c r="N683309" s="10"/>
    </row>
    <row r="683310" spans="14:14">
      <c r="N683310" s="10"/>
    </row>
    <row r="683311" spans="14:14">
      <c r="N683311" s="10"/>
    </row>
    <row r="683312" spans="14:14">
      <c r="N683312" s="10"/>
    </row>
    <row r="683313" spans="14:14">
      <c r="N683313" s="10"/>
    </row>
    <row r="683314" spans="14:14">
      <c r="N683314" s="10"/>
    </row>
    <row r="683315" spans="14:14">
      <c r="N683315" s="10"/>
    </row>
    <row r="683316" spans="14:14">
      <c r="N683316" s="10"/>
    </row>
    <row r="683317" spans="14:14">
      <c r="N683317" s="10"/>
    </row>
    <row r="683318" spans="14:14">
      <c r="N683318" s="10"/>
    </row>
    <row r="683319" spans="14:14">
      <c r="N683319" s="10"/>
    </row>
    <row r="683320" spans="14:14">
      <c r="N683320" s="10"/>
    </row>
    <row r="683321" spans="14:14">
      <c r="N683321" s="10"/>
    </row>
    <row r="683322" spans="14:14">
      <c r="N683322" s="10"/>
    </row>
    <row r="683323" spans="14:14">
      <c r="N683323" s="10"/>
    </row>
    <row r="683324" spans="14:14">
      <c r="N683324" s="10"/>
    </row>
    <row r="683325" spans="14:14">
      <c r="N683325" s="10"/>
    </row>
    <row r="683326" spans="14:14">
      <c r="N683326" s="10"/>
    </row>
    <row r="683327" spans="14:14">
      <c r="N683327" s="10"/>
    </row>
    <row r="683328" spans="14:14">
      <c r="N683328" s="10"/>
    </row>
    <row r="683329" spans="14:14">
      <c r="N683329" s="10"/>
    </row>
    <row r="683330" spans="14:14">
      <c r="N683330" s="10"/>
    </row>
    <row r="683331" spans="14:14">
      <c r="N683331" s="10"/>
    </row>
    <row r="683332" spans="14:14">
      <c r="N683332" s="10"/>
    </row>
    <row r="683333" spans="14:14">
      <c r="N683333" s="10"/>
    </row>
    <row r="683334" spans="14:14">
      <c r="N683334" s="10"/>
    </row>
    <row r="683335" spans="14:14">
      <c r="N683335" s="10"/>
    </row>
    <row r="683336" spans="14:14">
      <c r="N683336" s="10"/>
    </row>
    <row r="683337" spans="14:14">
      <c r="N683337" s="10"/>
    </row>
    <row r="683338" spans="14:14">
      <c r="N683338" s="10"/>
    </row>
    <row r="683339" spans="14:14">
      <c r="N683339" s="10"/>
    </row>
    <row r="683340" spans="14:14">
      <c r="N683340" s="10"/>
    </row>
    <row r="683341" spans="14:14">
      <c r="N683341" s="10"/>
    </row>
    <row r="683342" spans="14:14">
      <c r="N683342" s="10"/>
    </row>
    <row r="683343" spans="14:14">
      <c r="N683343" s="10"/>
    </row>
    <row r="683344" spans="14:14">
      <c r="N683344" s="10"/>
    </row>
    <row r="683345" spans="14:14">
      <c r="N683345" s="10"/>
    </row>
    <row r="683346" spans="14:14">
      <c r="N683346" s="10"/>
    </row>
    <row r="683347" spans="14:14">
      <c r="N683347" s="10"/>
    </row>
    <row r="683348" spans="14:14">
      <c r="N683348" s="10"/>
    </row>
    <row r="683349" spans="14:14">
      <c r="N683349" s="10"/>
    </row>
    <row r="683350" spans="14:14">
      <c r="N683350" s="10"/>
    </row>
    <row r="683351" spans="14:14">
      <c r="N683351" s="10"/>
    </row>
    <row r="683352" spans="14:14">
      <c r="N683352" s="10"/>
    </row>
    <row r="683353" spans="14:14">
      <c r="N683353" s="10"/>
    </row>
    <row r="683354" spans="14:14">
      <c r="N683354" s="10"/>
    </row>
    <row r="683355" spans="14:14">
      <c r="N683355" s="10"/>
    </row>
    <row r="683356" spans="14:14">
      <c r="N683356" s="10"/>
    </row>
    <row r="683357" spans="14:14">
      <c r="N683357" s="10"/>
    </row>
    <row r="683358" spans="14:14">
      <c r="N683358" s="10"/>
    </row>
    <row r="683359" spans="14:14">
      <c r="N683359" s="10"/>
    </row>
    <row r="683360" spans="14:14">
      <c r="N683360" s="10"/>
    </row>
    <row r="683361" spans="14:14">
      <c r="N683361" s="10"/>
    </row>
    <row r="683362" spans="14:14">
      <c r="N683362" s="10"/>
    </row>
    <row r="683363" spans="14:14">
      <c r="N683363" s="10"/>
    </row>
    <row r="683364" spans="14:14">
      <c r="N683364" s="10"/>
    </row>
    <row r="683365" spans="14:14">
      <c r="N683365" s="10"/>
    </row>
    <row r="683366" spans="14:14">
      <c r="N683366" s="10"/>
    </row>
    <row r="683367" spans="14:14">
      <c r="N683367" s="10"/>
    </row>
    <row r="683368" spans="14:14">
      <c r="N683368" s="10"/>
    </row>
    <row r="683369" spans="14:14">
      <c r="N683369" s="10"/>
    </row>
    <row r="683370" spans="14:14">
      <c r="N683370" s="10"/>
    </row>
    <row r="683371" spans="14:14">
      <c r="N683371" s="10"/>
    </row>
    <row r="683372" spans="14:14">
      <c r="N683372" s="10"/>
    </row>
    <row r="683373" spans="14:14">
      <c r="N683373" s="10"/>
    </row>
    <row r="683374" spans="14:14">
      <c r="N683374" s="10"/>
    </row>
    <row r="683375" spans="14:14">
      <c r="N683375" s="10"/>
    </row>
    <row r="683376" spans="14:14">
      <c r="N683376" s="10"/>
    </row>
    <row r="683377" spans="14:14">
      <c r="N683377" s="10"/>
    </row>
    <row r="683378" spans="14:14">
      <c r="N683378" s="10"/>
    </row>
    <row r="683379" spans="14:14">
      <c r="N683379" s="10"/>
    </row>
    <row r="683380" spans="14:14">
      <c r="N683380" s="10"/>
    </row>
    <row r="683381" spans="14:14">
      <c r="N683381" s="10"/>
    </row>
    <row r="683382" spans="14:14">
      <c r="N683382" s="10"/>
    </row>
    <row r="683383" spans="14:14">
      <c r="N683383" s="10"/>
    </row>
    <row r="683384" spans="14:14">
      <c r="N683384" s="10"/>
    </row>
    <row r="683385" spans="14:14">
      <c r="N683385" s="10"/>
    </row>
    <row r="683386" spans="14:14">
      <c r="N683386" s="10"/>
    </row>
    <row r="683387" spans="14:14">
      <c r="N683387" s="10"/>
    </row>
    <row r="683388" spans="14:14">
      <c r="N683388" s="10"/>
    </row>
    <row r="683389" spans="14:14">
      <c r="N683389" s="10"/>
    </row>
    <row r="683390" spans="14:14">
      <c r="N683390" s="10"/>
    </row>
    <row r="683391" spans="14:14">
      <c r="N683391" s="10"/>
    </row>
    <row r="683392" spans="14:14">
      <c r="N683392" s="10"/>
    </row>
    <row r="683393" spans="14:14">
      <c r="N683393" s="10"/>
    </row>
    <row r="683394" spans="14:14">
      <c r="N683394" s="10"/>
    </row>
    <row r="683395" spans="14:14">
      <c r="N683395" s="10"/>
    </row>
    <row r="683396" spans="14:14">
      <c r="N683396" s="10"/>
    </row>
    <row r="683397" spans="14:14">
      <c r="N683397" s="10"/>
    </row>
    <row r="683398" spans="14:14">
      <c r="N683398" s="10"/>
    </row>
    <row r="683399" spans="14:14">
      <c r="N683399" s="10"/>
    </row>
    <row r="683400" spans="14:14">
      <c r="N683400" s="10"/>
    </row>
    <row r="683401" spans="14:14">
      <c r="N683401" s="10"/>
    </row>
    <row r="683402" spans="14:14">
      <c r="N683402" s="10"/>
    </row>
    <row r="683403" spans="14:14">
      <c r="N683403" s="10"/>
    </row>
    <row r="683404" spans="14:14">
      <c r="N683404" s="10"/>
    </row>
    <row r="683405" spans="14:14">
      <c r="N683405" s="10"/>
    </row>
    <row r="683406" spans="14:14">
      <c r="N683406" s="10"/>
    </row>
    <row r="683407" spans="14:14">
      <c r="N683407" s="10"/>
    </row>
    <row r="683408" spans="14:14">
      <c r="N683408" s="10"/>
    </row>
    <row r="683409" spans="14:14">
      <c r="N683409" s="10"/>
    </row>
    <row r="683410" spans="14:14">
      <c r="N683410" s="10"/>
    </row>
    <row r="683411" spans="14:14">
      <c r="N683411" s="10"/>
    </row>
    <row r="683412" spans="14:14">
      <c r="N683412" s="10"/>
    </row>
    <row r="683413" spans="14:14">
      <c r="N683413" s="10"/>
    </row>
    <row r="683414" spans="14:14">
      <c r="N683414" s="10"/>
    </row>
    <row r="683415" spans="14:14">
      <c r="N683415" s="10"/>
    </row>
    <row r="683416" spans="14:14">
      <c r="N683416" s="10"/>
    </row>
    <row r="683417" spans="14:14">
      <c r="N683417" s="10"/>
    </row>
    <row r="683418" spans="14:14">
      <c r="N683418" s="10"/>
    </row>
    <row r="683419" spans="14:14">
      <c r="N683419" s="10"/>
    </row>
    <row r="683420" spans="14:14">
      <c r="N683420" s="10"/>
    </row>
    <row r="683421" spans="14:14">
      <c r="N683421" s="10"/>
    </row>
    <row r="683422" spans="14:14">
      <c r="N683422" s="10"/>
    </row>
    <row r="683423" spans="14:14">
      <c r="N683423" s="10"/>
    </row>
    <row r="683424" spans="14:14">
      <c r="N683424" s="10"/>
    </row>
    <row r="683425" spans="14:14">
      <c r="N683425" s="10"/>
    </row>
    <row r="683426" spans="14:14">
      <c r="N683426" s="10"/>
    </row>
    <row r="683427" spans="14:14">
      <c r="N683427" s="10"/>
    </row>
    <row r="683428" spans="14:14">
      <c r="N683428" s="10"/>
    </row>
    <row r="683429" spans="14:14">
      <c r="N683429" s="10"/>
    </row>
    <row r="683430" spans="14:14">
      <c r="N683430" s="10"/>
    </row>
    <row r="683431" spans="14:14">
      <c r="N683431" s="10"/>
    </row>
    <row r="683432" spans="14:14">
      <c r="N683432" s="10"/>
    </row>
    <row r="683433" spans="14:14">
      <c r="N683433" s="10"/>
    </row>
    <row r="683434" spans="14:14">
      <c r="N683434" s="10"/>
    </row>
    <row r="683435" spans="14:14">
      <c r="N683435" s="10"/>
    </row>
    <row r="683436" spans="14:14">
      <c r="N683436" s="10"/>
    </row>
    <row r="683437" spans="14:14">
      <c r="N683437" s="10"/>
    </row>
    <row r="683438" spans="14:14">
      <c r="N683438" s="10"/>
    </row>
    <row r="683439" spans="14:14">
      <c r="N683439" s="10"/>
    </row>
    <row r="683440" spans="14:14">
      <c r="N683440" s="10"/>
    </row>
    <row r="683441" spans="14:14">
      <c r="N683441" s="10"/>
    </row>
    <row r="683442" spans="14:14">
      <c r="N683442" s="10"/>
    </row>
    <row r="683443" spans="14:14">
      <c r="N683443" s="10"/>
    </row>
    <row r="683444" spans="14:14">
      <c r="N683444" s="10"/>
    </row>
    <row r="683445" spans="14:14">
      <c r="N683445" s="10"/>
    </row>
    <row r="683446" spans="14:14">
      <c r="N683446" s="10"/>
    </row>
    <row r="683447" spans="14:14">
      <c r="N683447" s="10"/>
    </row>
    <row r="683448" spans="14:14">
      <c r="N683448" s="10"/>
    </row>
    <row r="683449" spans="14:14">
      <c r="N683449" s="10"/>
    </row>
    <row r="683450" spans="14:14">
      <c r="N683450" s="10"/>
    </row>
    <row r="683451" spans="14:14">
      <c r="N683451" s="10"/>
    </row>
    <row r="683452" spans="14:14">
      <c r="N683452" s="10"/>
    </row>
    <row r="683453" spans="14:14">
      <c r="N683453" s="10"/>
    </row>
    <row r="683454" spans="14:14">
      <c r="N683454" s="10"/>
    </row>
    <row r="683455" spans="14:14">
      <c r="N683455" s="10"/>
    </row>
    <row r="683456" spans="14:14">
      <c r="N683456" s="10"/>
    </row>
    <row r="683457" spans="14:14">
      <c r="N683457" s="10"/>
    </row>
    <row r="683458" spans="14:14">
      <c r="N683458" s="10"/>
    </row>
    <row r="683459" spans="14:14">
      <c r="N683459" s="10"/>
    </row>
    <row r="683460" spans="14:14">
      <c r="N683460" s="10"/>
    </row>
    <row r="683461" spans="14:14">
      <c r="N683461" s="10"/>
    </row>
    <row r="683462" spans="14:14">
      <c r="N683462" s="10"/>
    </row>
    <row r="683463" spans="14:14">
      <c r="N683463" s="10"/>
    </row>
    <row r="683464" spans="14:14">
      <c r="N683464" s="10"/>
    </row>
    <row r="683465" spans="14:14">
      <c r="N683465" s="10"/>
    </row>
    <row r="683466" spans="14:14">
      <c r="N683466" s="10"/>
    </row>
    <row r="683467" spans="14:14">
      <c r="N683467" s="10"/>
    </row>
    <row r="683468" spans="14:14">
      <c r="N683468" s="10"/>
    </row>
    <row r="683469" spans="14:14">
      <c r="N683469" s="10"/>
    </row>
    <row r="683470" spans="14:14">
      <c r="N683470" s="10"/>
    </row>
    <row r="683471" spans="14:14">
      <c r="N683471" s="10"/>
    </row>
    <row r="683472" spans="14:14">
      <c r="N683472" s="10"/>
    </row>
    <row r="683473" spans="14:14">
      <c r="N683473" s="10"/>
    </row>
    <row r="683474" spans="14:14">
      <c r="N683474" s="10"/>
    </row>
    <row r="683475" spans="14:14">
      <c r="N683475" s="10"/>
    </row>
    <row r="683476" spans="14:14">
      <c r="N683476" s="10"/>
    </row>
    <row r="683477" spans="14:14">
      <c r="N683477" s="10"/>
    </row>
    <row r="683478" spans="14:14">
      <c r="N683478" s="10"/>
    </row>
    <row r="683479" spans="14:14">
      <c r="N683479" s="10"/>
    </row>
    <row r="683480" spans="14:14">
      <c r="N683480" s="10"/>
    </row>
    <row r="683481" spans="14:14">
      <c r="N683481" s="10"/>
    </row>
    <row r="683482" spans="14:14">
      <c r="N683482" s="10"/>
    </row>
    <row r="683483" spans="14:14">
      <c r="N683483" s="10"/>
    </row>
    <row r="683484" spans="14:14">
      <c r="N683484" s="10"/>
    </row>
    <row r="683485" spans="14:14">
      <c r="N683485" s="10"/>
    </row>
    <row r="683486" spans="14:14">
      <c r="N683486" s="10"/>
    </row>
    <row r="683487" spans="14:14">
      <c r="N683487" s="10"/>
    </row>
    <row r="683488" spans="14:14">
      <c r="N683488" s="10"/>
    </row>
    <row r="683489" spans="14:14">
      <c r="N683489" s="10"/>
    </row>
    <row r="683490" spans="14:14">
      <c r="N683490" s="10"/>
    </row>
    <row r="683491" spans="14:14">
      <c r="N683491" s="10"/>
    </row>
    <row r="683492" spans="14:14">
      <c r="N683492" s="10"/>
    </row>
    <row r="683493" spans="14:14">
      <c r="N683493" s="10"/>
    </row>
    <row r="683494" spans="14:14">
      <c r="N683494" s="10"/>
    </row>
    <row r="683495" spans="14:14">
      <c r="N683495" s="10"/>
    </row>
    <row r="683496" spans="14:14">
      <c r="N683496" s="10"/>
    </row>
    <row r="683497" spans="14:14">
      <c r="N683497" s="10"/>
    </row>
    <row r="683498" spans="14:14">
      <c r="N683498" s="10"/>
    </row>
    <row r="683499" spans="14:14">
      <c r="N683499" s="10"/>
    </row>
    <row r="683500" spans="14:14">
      <c r="N683500" s="10"/>
    </row>
    <row r="683501" spans="14:14">
      <c r="N683501" s="10"/>
    </row>
    <row r="683502" spans="14:14">
      <c r="N683502" s="10"/>
    </row>
    <row r="683503" spans="14:14">
      <c r="N683503" s="10"/>
    </row>
    <row r="683504" spans="14:14">
      <c r="N683504" s="10"/>
    </row>
    <row r="683505" spans="14:14">
      <c r="N683505" s="10"/>
    </row>
    <row r="683506" spans="14:14">
      <c r="N683506" s="10"/>
    </row>
    <row r="683507" spans="14:14">
      <c r="N683507" s="10"/>
    </row>
    <row r="683508" spans="14:14">
      <c r="N683508" s="10"/>
    </row>
    <row r="683509" spans="14:14">
      <c r="N683509" s="10"/>
    </row>
    <row r="683510" spans="14:14">
      <c r="N683510" s="10"/>
    </row>
    <row r="683511" spans="14:14">
      <c r="N683511" s="10"/>
    </row>
    <row r="683512" spans="14:14">
      <c r="N683512" s="10"/>
    </row>
    <row r="683513" spans="14:14">
      <c r="N683513" s="10"/>
    </row>
    <row r="683514" spans="14:14">
      <c r="N683514" s="10"/>
    </row>
    <row r="683515" spans="14:14">
      <c r="N683515" s="10"/>
    </row>
    <row r="683516" spans="14:14">
      <c r="N683516" s="10"/>
    </row>
    <row r="683517" spans="14:14">
      <c r="N683517" s="10"/>
    </row>
    <row r="683518" spans="14:14">
      <c r="N683518" s="10"/>
    </row>
    <row r="683519" spans="14:14">
      <c r="N683519" s="10"/>
    </row>
    <row r="683520" spans="14:14">
      <c r="N683520" s="10"/>
    </row>
    <row r="683521" spans="14:14">
      <c r="N683521" s="10"/>
    </row>
    <row r="683522" spans="14:14">
      <c r="N683522" s="10"/>
    </row>
    <row r="683523" spans="14:14">
      <c r="N683523" s="10"/>
    </row>
    <row r="683524" spans="14:14">
      <c r="N683524" s="10"/>
    </row>
    <row r="683525" spans="14:14">
      <c r="N683525" s="10"/>
    </row>
    <row r="683526" spans="14:14">
      <c r="N683526" s="10"/>
    </row>
    <row r="683527" spans="14:14">
      <c r="N683527" s="10"/>
    </row>
    <row r="683528" spans="14:14">
      <c r="N683528" s="10"/>
    </row>
    <row r="683529" spans="14:14">
      <c r="N683529" s="10"/>
    </row>
    <row r="683530" spans="14:14">
      <c r="N683530" s="10"/>
    </row>
    <row r="683531" spans="14:14">
      <c r="N683531" s="10"/>
    </row>
    <row r="683532" spans="14:14">
      <c r="N683532" s="10"/>
    </row>
    <row r="683533" spans="14:14">
      <c r="N683533" s="10"/>
    </row>
    <row r="683534" spans="14:14">
      <c r="N683534" s="10"/>
    </row>
    <row r="683535" spans="14:14">
      <c r="N683535" s="10"/>
    </row>
    <row r="683536" spans="14:14">
      <c r="N683536" s="10"/>
    </row>
    <row r="683537" spans="14:14">
      <c r="N683537" s="10"/>
    </row>
    <row r="683538" spans="14:14">
      <c r="N683538" s="10"/>
    </row>
    <row r="683539" spans="14:14">
      <c r="N683539" s="10"/>
    </row>
    <row r="683540" spans="14:14">
      <c r="N683540" s="10"/>
    </row>
    <row r="683541" spans="14:14">
      <c r="N683541" s="10"/>
    </row>
    <row r="683542" spans="14:14">
      <c r="N683542" s="10"/>
    </row>
    <row r="683543" spans="14:14">
      <c r="N683543" s="10"/>
    </row>
    <row r="683544" spans="14:14">
      <c r="N683544" s="10"/>
    </row>
    <row r="683545" spans="14:14">
      <c r="N683545" s="10"/>
    </row>
    <row r="683546" spans="14:14">
      <c r="N683546" s="10"/>
    </row>
    <row r="683547" spans="14:14">
      <c r="N683547" s="10"/>
    </row>
    <row r="683548" spans="14:14">
      <c r="N683548" s="10"/>
    </row>
    <row r="683549" spans="14:14">
      <c r="N683549" s="10"/>
    </row>
    <row r="683550" spans="14:14">
      <c r="N683550" s="10"/>
    </row>
    <row r="683551" spans="14:14">
      <c r="N683551" s="10"/>
    </row>
    <row r="683552" spans="14:14">
      <c r="N683552" s="10"/>
    </row>
    <row r="683553" spans="14:14">
      <c r="N683553" s="10"/>
    </row>
    <row r="683554" spans="14:14">
      <c r="N683554" s="10"/>
    </row>
    <row r="683555" spans="14:14">
      <c r="N683555" s="10"/>
    </row>
    <row r="683556" spans="14:14">
      <c r="N683556" s="10"/>
    </row>
    <row r="683557" spans="14:14">
      <c r="N683557" s="10"/>
    </row>
    <row r="683558" spans="14:14">
      <c r="N683558" s="10"/>
    </row>
    <row r="683559" spans="14:14">
      <c r="N683559" s="10"/>
    </row>
    <row r="683560" spans="14:14">
      <c r="N683560" s="10"/>
    </row>
    <row r="683561" spans="14:14">
      <c r="N683561" s="10"/>
    </row>
    <row r="683562" spans="14:14">
      <c r="N683562" s="10"/>
    </row>
    <row r="683563" spans="14:14">
      <c r="N683563" s="10"/>
    </row>
    <row r="683564" spans="14:14">
      <c r="N683564" s="10"/>
    </row>
    <row r="683565" spans="14:14">
      <c r="N683565" s="10"/>
    </row>
    <row r="683566" spans="14:14">
      <c r="N683566" s="10"/>
    </row>
    <row r="683567" spans="14:14">
      <c r="N683567" s="10"/>
    </row>
    <row r="683568" spans="14:14">
      <c r="N683568" s="10"/>
    </row>
    <row r="683569" spans="14:14">
      <c r="N683569" s="10"/>
    </row>
    <row r="683570" spans="14:14">
      <c r="N683570" s="10"/>
    </row>
    <row r="683571" spans="14:14">
      <c r="N683571" s="10"/>
    </row>
    <row r="683572" spans="14:14">
      <c r="N683572" s="10"/>
    </row>
    <row r="683573" spans="14:14">
      <c r="N683573" s="10"/>
    </row>
    <row r="683574" spans="14:14">
      <c r="N683574" s="10"/>
    </row>
    <row r="683575" spans="14:14">
      <c r="N683575" s="10"/>
    </row>
    <row r="683576" spans="14:14">
      <c r="N683576" s="10"/>
    </row>
    <row r="683577" spans="14:14">
      <c r="N683577" s="10"/>
    </row>
    <row r="683578" spans="14:14">
      <c r="N683578" s="10"/>
    </row>
    <row r="683579" spans="14:14">
      <c r="N683579" s="10"/>
    </row>
    <row r="683580" spans="14:14">
      <c r="N683580" s="10"/>
    </row>
    <row r="683581" spans="14:14">
      <c r="N683581" s="10"/>
    </row>
    <row r="683582" spans="14:14">
      <c r="N683582" s="10"/>
    </row>
    <row r="683583" spans="14:14">
      <c r="N683583" s="10"/>
    </row>
    <row r="683584" spans="14:14">
      <c r="N683584" s="10"/>
    </row>
    <row r="683585" spans="14:14">
      <c r="N683585" s="10"/>
    </row>
    <row r="683586" spans="14:14">
      <c r="N683586" s="10"/>
    </row>
    <row r="683587" spans="14:14">
      <c r="N683587" s="10"/>
    </row>
    <row r="683588" spans="14:14">
      <c r="N683588" s="10"/>
    </row>
    <row r="683589" spans="14:14">
      <c r="N683589" s="10"/>
    </row>
    <row r="683590" spans="14:14">
      <c r="N683590" s="10"/>
    </row>
    <row r="683591" spans="14:14">
      <c r="N683591" s="10"/>
    </row>
    <row r="683592" spans="14:14">
      <c r="N683592" s="10"/>
    </row>
    <row r="683593" spans="14:14">
      <c r="N683593" s="10"/>
    </row>
    <row r="683594" spans="14:14">
      <c r="N683594" s="10"/>
    </row>
    <row r="683595" spans="14:14">
      <c r="N683595" s="10"/>
    </row>
    <row r="683596" spans="14:14">
      <c r="N683596" s="10"/>
    </row>
    <row r="683597" spans="14:14">
      <c r="N683597" s="10"/>
    </row>
    <row r="683598" spans="14:14">
      <c r="N683598" s="10"/>
    </row>
    <row r="683599" spans="14:14">
      <c r="N683599" s="10"/>
    </row>
    <row r="683600" spans="14:14">
      <c r="N683600" s="10"/>
    </row>
    <row r="683601" spans="14:14">
      <c r="N683601" s="10"/>
    </row>
    <row r="683602" spans="14:14">
      <c r="N683602" s="10"/>
    </row>
    <row r="683603" spans="14:14">
      <c r="N683603" s="10"/>
    </row>
    <row r="683604" spans="14:14">
      <c r="N683604" s="10"/>
    </row>
    <row r="683605" spans="14:14">
      <c r="N683605" s="10"/>
    </row>
    <row r="683606" spans="14:14">
      <c r="N683606" s="10"/>
    </row>
    <row r="683607" spans="14:14">
      <c r="N683607" s="10"/>
    </row>
    <row r="683608" spans="14:14">
      <c r="N683608" s="10"/>
    </row>
    <row r="683609" spans="14:14">
      <c r="N683609" s="10"/>
    </row>
    <row r="683610" spans="14:14">
      <c r="N683610" s="10"/>
    </row>
    <row r="683611" spans="14:14">
      <c r="N683611" s="10"/>
    </row>
    <row r="683612" spans="14:14">
      <c r="N683612" s="10"/>
    </row>
    <row r="683613" spans="14:14">
      <c r="N683613" s="10"/>
    </row>
    <row r="683614" spans="14:14">
      <c r="N683614" s="10"/>
    </row>
    <row r="683615" spans="14:14">
      <c r="N683615" s="10"/>
    </row>
    <row r="683616" spans="14:14">
      <c r="N683616" s="10"/>
    </row>
    <row r="683617" spans="14:14">
      <c r="N683617" s="10"/>
    </row>
    <row r="683618" spans="14:14">
      <c r="N683618" s="10"/>
    </row>
    <row r="683619" spans="14:14">
      <c r="N683619" s="10"/>
    </row>
    <row r="683620" spans="14:14">
      <c r="N683620" s="10"/>
    </row>
    <row r="683621" spans="14:14">
      <c r="N683621" s="10"/>
    </row>
    <row r="683622" spans="14:14">
      <c r="N683622" s="10"/>
    </row>
    <row r="683623" spans="14:14">
      <c r="N683623" s="10"/>
    </row>
    <row r="683624" spans="14:14">
      <c r="N683624" s="10"/>
    </row>
    <row r="683625" spans="14:14">
      <c r="N683625" s="10"/>
    </row>
    <row r="683626" spans="14:14">
      <c r="N683626" s="10"/>
    </row>
    <row r="683627" spans="14:14">
      <c r="N683627" s="10"/>
    </row>
    <row r="683628" spans="14:14">
      <c r="N683628" s="10"/>
    </row>
    <row r="683629" spans="14:14">
      <c r="N683629" s="10"/>
    </row>
    <row r="683630" spans="14:14">
      <c r="N683630" s="10"/>
    </row>
    <row r="683631" spans="14:14">
      <c r="N683631" s="10"/>
    </row>
    <row r="683632" spans="14:14">
      <c r="N683632" s="10"/>
    </row>
    <row r="683633" spans="14:14">
      <c r="N683633" s="10"/>
    </row>
    <row r="683634" spans="14:14">
      <c r="N683634" s="10"/>
    </row>
    <row r="683635" spans="14:14">
      <c r="N683635" s="10"/>
    </row>
    <row r="683636" spans="14:14">
      <c r="N683636" s="10"/>
    </row>
    <row r="683637" spans="14:14">
      <c r="N683637" s="10"/>
    </row>
    <row r="683638" spans="14:14">
      <c r="N683638" s="10"/>
    </row>
    <row r="683639" spans="14:14">
      <c r="N683639" s="10"/>
    </row>
    <row r="683640" spans="14:14">
      <c r="N683640" s="10"/>
    </row>
    <row r="683641" spans="14:14">
      <c r="N683641" s="10"/>
    </row>
    <row r="683642" spans="14:14">
      <c r="N683642" s="10"/>
    </row>
    <row r="683643" spans="14:14">
      <c r="N683643" s="10"/>
    </row>
    <row r="683644" spans="14:14">
      <c r="N683644" s="10"/>
    </row>
    <row r="683645" spans="14:14">
      <c r="N683645" s="10"/>
    </row>
    <row r="683646" spans="14:14">
      <c r="N683646" s="10"/>
    </row>
    <row r="683647" spans="14:14">
      <c r="N683647" s="10"/>
    </row>
    <row r="683648" spans="14:14">
      <c r="N683648" s="10"/>
    </row>
    <row r="683649" spans="14:14">
      <c r="N683649" s="10"/>
    </row>
    <row r="683650" spans="14:14">
      <c r="N683650" s="10"/>
    </row>
    <row r="683651" spans="14:14">
      <c r="N683651" s="10"/>
    </row>
    <row r="683652" spans="14:14">
      <c r="N683652" s="10"/>
    </row>
    <row r="683653" spans="14:14">
      <c r="N683653" s="10"/>
    </row>
    <row r="683654" spans="14:14">
      <c r="N683654" s="10"/>
    </row>
    <row r="683655" spans="14:14">
      <c r="N683655" s="10"/>
    </row>
    <row r="683656" spans="14:14">
      <c r="N683656" s="10"/>
    </row>
    <row r="683657" spans="14:14">
      <c r="N683657" s="10"/>
    </row>
    <row r="683658" spans="14:14">
      <c r="N683658" s="10"/>
    </row>
    <row r="683659" spans="14:14">
      <c r="N683659" s="10"/>
    </row>
    <row r="683660" spans="14:14">
      <c r="N683660" s="10"/>
    </row>
    <row r="683661" spans="14:14">
      <c r="N683661" s="10"/>
    </row>
    <row r="683662" spans="14:14">
      <c r="N683662" s="10"/>
    </row>
    <row r="683663" spans="14:14">
      <c r="N683663" s="10"/>
    </row>
    <row r="683664" spans="14:14">
      <c r="N683664" s="10"/>
    </row>
    <row r="683665" spans="14:14">
      <c r="N683665" s="10"/>
    </row>
    <row r="683666" spans="14:14">
      <c r="N683666" s="10"/>
    </row>
    <row r="683667" spans="14:14">
      <c r="N683667" s="10"/>
    </row>
    <row r="683668" spans="14:14">
      <c r="N683668" s="10"/>
    </row>
    <row r="683669" spans="14:14">
      <c r="N683669" s="10"/>
    </row>
    <row r="683670" spans="14:14">
      <c r="N683670" s="10"/>
    </row>
    <row r="683671" spans="14:14">
      <c r="N683671" s="10"/>
    </row>
    <row r="683672" spans="14:14">
      <c r="N683672" s="10"/>
    </row>
    <row r="683673" spans="14:14">
      <c r="N683673" s="10"/>
    </row>
    <row r="683674" spans="14:14">
      <c r="N683674" s="10"/>
    </row>
    <row r="683675" spans="14:14">
      <c r="N683675" s="10"/>
    </row>
    <row r="683676" spans="14:14">
      <c r="N683676" s="10"/>
    </row>
    <row r="683677" spans="14:14">
      <c r="N683677" s="10"/>
    </row>
    <row r="683678" spans="14:14">
      <c r="N683678" s="10"/>
    </row>
    <row r="683679" spans="14:14">
      <c r="N683679" s="10"/>
    </row>
    <row r="683680" spans="14:14">
      <c r="N683680" s="10"/>
    </row>
    <row r="683681" spans="14:14">
      <c r="N683681" s="10"/>
    </row>
    <row r="683682" spans="14:14">
      <c r="N683682" s="10"/>
    </row>
    <row r="683683" spans="14:14">
      <c r="N683683" s="10"/>
    </row>
    <row r="683684" spans="14:14">
      <c r="N683684" s="10"/>
    </row>
    <row r="683685" spans="14:14">
      <c r="N683685" s="10"/>
    </row>
    <row r="683686" spans="14:14">
      <c r="N683686" s="10"/>
    </row>
    <row r="683687" spans="14:14">
      <c r="N683687" s="10"/>
    </row>
    <row r="683688" spans="14:14">
      <c r="N683688" s="10"/>
    </row>
    <row r="683689" spans="14:14">
      <c r="N683689" s="10"/>
    </row>
    <row r="683690" spans="14:14">
      <c r="N683690" s="10"/>
    </row>
    <row r="683691" spans="14:14">
      <c r="N683691" s="10"/>
    </row>
    <row r="683692" spans="14:14">
      <c r="N683692" s="10"/>
    </row>
    <row r="683693" spans="14:14">
      <c r="N683693" s="10"/>
    </row>
    <row r="683694" spans="14:14">
      <c r="N683694" s="10"/>
    </row>
    <row r="683695" spans="14:14">
      <c r="N683695" s="10"/>
    </row>
    <row r="683696" spans="14:14">
      <c r="N683696" s="10"/>
    </row>
    <row r="683697" spans="14:14">
      <c r="N683697" s="10"/>
    </row>
    <row r="683698" spans="14:14">
      <c r="N683698" s="10"/>
    </row>
    <row r="683699" spans="14:14">
      <c r="N683699" s="10"/>
    </row>
    <row r="683700" spans="14:14">
      <c r="N683700" s="10"/>
    </row>
    <row r="683701" spans="14:14">
      <c r="N683701" s="10"/>
    </row>
    <row r="683702" spans="14:14">
      <c r="N683702" s="10"/>
    </row>
    <row r="683703" spans="14:14">
      <c r="N683703" s="10"/>
    </row>
    <row r="683704" spans="14:14">
      <c r="N683704" s="10"/>
    </row>
    <row r="683705" spans="14:14">
      <c r="N683705" s="10"/>
    </row>
    <row r="683706" spans="14:14">
      <c r="N683706" s="10"/>
    </row>
    <row r="683707" spans="14:14">
      <c r="N683707" s="10"/>
    </row>
    <row r="683708" spans="14:14">
      <c r="N683708" s="10"/>
    </row>
    <row r="683709" spans="14:14">
      <c r="N683709" s="10"/>
    </row>
    <row r="683710" spans="14:14">
      <c r="N683710" s="10"/>
    </row>
    <row r="683711" spans="14:14">
      <c r="N683711" s="10"/>
    </row>
    <row r="683712" spans="14:14">
      <c r="N683712" s="10"/>
    </row>
    <row r="683713" spans="14:14">
      <c r="N683713" s="10"/>
    </row>
    <row r="683714" spans="14:14">
      <c r="N683714" s="10"/>
    </row>
    <row r="683715" spans="14:14">
      <c r="N683715" s="10"/>
    </row>
    <row r="683716" spans="14:14">
      <c r="N683716" s="10"/>
    </row>
    <row r="683717" spans="14:14">
      <c r="N683717" s="10"/>
    </row>
    <row r="683718" spans="14:14">
      <c r="N683718" s="10"/>
    </row>
    <row r="683719" spans="14:14">
      <c r="N683719" s="10"/>
    </row>
    <row r="683720" spans="14:14">
      <c r="N683720" s="10"/>
    </row>
    <row r="683721" spans="14:14">
      <c r="N683721" s="10"/>
    </row>
    <row r="683722" spans="14:14">
      <c r="N683722" s="10"/>
    </row>
    <row r="683723" spans="14:14">
      <c r="N683723" s="10"/>
    </row>
    <row r="683724" spans="14:14">
      <c r="N683724" s="10"/>
    </row>
    <row r="683725" spans="14:14">
      <c r="N683725" s="10"/>
    </row>
    <row r="683726" spans="14:14">
      <c r="N683726" s="10"/>
    </row>
    <row r="683727" spans="14:14">
      <c r="N683727" s="10"/>
    </row>
    <row r="683728" spans="14:14">
      <c r="N683728" s="10"/>
    </row>
    <row r="683729" spans="14:14">
      <c r="N683729" s="10"/>
    </row>
    <row r="683730" spans="14:14">
      <c r="N683730" s="10"/>
    </row>
    <row r="683731" spans="14:14">
      <c r="N683731" s="10"/>
    </row>
    <row r="683732" spans="14:14">
      <c r="N683732" s="10"/>
    </row>
    <row r="683733" spans="14:14">
      <c r="N683733" s="10"/>
    </row>
    <row r="683734" spans="14:14">
      <c r="N683734" s="10"/>
    </row>
    <row r="683735" spans="14:14">
      <c r="N683735" s="10"/>
    </row>
    <row r="683736" spans="14:14">
      <c r="N683736" s="10"/>
    </row>
    <row r="683737" spans="14:14">
      <c r="N683737" s="10"/>
    </row>
    <row r="683738" spans="14:14">
      <c r="N683738" s="10"/>
    </row>
    <row r="683739" spans="14:14">
      <c r="N683739" s="10"/>
    </row>
    <row r="683740" spans="14:14">
      <c r="N683740" s="10"/>
    </row>
    <row r="683741" spans="14:14">
      <c r="N683741" s="10"/>
    </row>
    <row r="683742" spans="14:14">
      <c r="N683742" s="10"/>
    </row>
    <row r="683743" spans="14:14">
      <c r="N683743" s="10"/>
    </row>
    <row r="683744" spans="14:14">
      <c r="N683744" s="10"/>
    </row>
    <row r="683745" spans="14:14">
      <c r="N683745" s="10"/>
    </row>
    <row r="683746" spans="14:14">
      <c r="N683746" s="10"/>
    </row>
    <row r="683747" spans="14:14">
      <c r="N683747" s="10"/>
    </row>
    <row r="683748" spans="14:14">
      <c r="N683748" s="10"/>
    </row>
    <row r="683749" spans="14:14">
      <c r="N683749" s="10"/>
    </row>
    <row r="683750" spans="14:14">
      <c r="N683750" s="10"/>
    </row>
    <row r="683751" spans="14:14">
      <c r="N683751" s="10"/>
    </row>
    <row r="683752" spans="14:14">
      <c r="N683752" s="10"/>
    </row>
    <row r="683753" spans="14:14">
      <c r="N683753" s="10"/>
    </row>
    <row r="683754" spans="14:14">
      <c r="N683754" s="10"/>
    </row>
    <row r="683755" spans="14:14">
      <c r="N683755" s="10"/>
    </row>
    <row r="683756" spans="14:14">
      <c r="N683756" s="10"/>
    </row>
    <row r="683757" spans="14:14">
      <c r="N683757" s="10"/>
    </row>
    <row r="683758" spans="14:14">
      <c r="N683758" s="10"/>
    </row>
    <row r="683759" spans="14:14">
      <c r="N683759" s="10"/>
    </row>
    <row r="683760" spans="14:14">
      <c r="N683760" s="10"/>
    </row>
    <row r="683761" spans="14:14">
      <c r="N683761" s="10"/>
    </row>
    <row r="683762" spans="14:14">
      <c r="N683762" s="10"/>
    </row>
    <row r="683763" spans="14:14">
      <c r="N683763" s="10"/>
    </row>
    <row r="683764" spans="14:14">
      <c r="N683764" s="10"/>
    </row>
    <row r="683765" spans="14:14">
      <c r="N683765" s="10"/>
    </row>
    <row r="683766" spans="14:14">
      <c r="N683766" s="10"/>
    </row>
    <row r="683767" spans="14:14">
      <c r="N683767" s="10"/>
    </row>
    <row r="683768" spans="14:14">
      <c r="N683768" s="10"/>
    </row>
    <row r="683769" spans="14:14">
      <c r="N683769" s="10"/>
    </row>
    <row r="683770" spans="14:14">
      <c r="N683770" s="10"/>
    </row>
    <row r="683771" spans="14:14">
      <c r="N683771" s="10"/>
    </row>
    <row r="683772" spans="14:14">
      <c r="N683772" s="10"/>
    </row>
    <row r="683773" spans="14:14">
      <c r="N683773" s="10"/>
    </row>
    <row r="683774" spans="14:14">
      <c r="N683774" s="10"/>
    </row>
    <row r="683775" spans="14:14">
      <c r="N683775" s="10"/>
    </row>
    <row r="683776" spans="14:14">
      <c r="N683776" s="10"/>
    </row>
    <row r="683777" spans="14:14">
      <c r="N683777" s="10"/>
    </row>
    <row r="683778" spans="14:14">
      <c r="N683778" s="10"/>
    </row>
    <row r="683779" spans="14:14">
      <c r="N683779" s="10"/>
    </row>
    <row r="683780" spans="14:14">
      <c r="N683780" s="10"/>
    </row>
    <row r="683781" spans="14:14">
      <c r="N683781" s="10"/>
    </row>
    <row r="683782" spans="14:14">
      <c r="N683782" s="10"/>
    </row>
    <row r="683783" spans="14:14">
      <c r="N683783" s="10"/>
    </row>
    <row r="683784" spans="14:14">
      <c r="N683784" s="10"/>
    </row>
    <row r="683785" spans="14:14">
      <c r="N683785" s="10"/>
    </row>
    <row r="683786" spans="14:14">
      <c r="N683786" s="10"/>
    </row>
    <row r="683787" spans="14:14">
      <c r="N683787" s="10"/>
    </row>
    <row r="683788" spans="14:14">
      <c r="N683788" s="10"/>
    </row>
    <row r="683789" spans="14:14">
      <c r="N683789" s="10"/>
    </row>
    <row r="683790" spans="14:14">
      <c r="N683790" s="10"/>
    </row>
    <row r="683791" spans="14:14">
      <c r="N683791" s="10"/>
    </row>
    <row r="683792" spans="14:14">
      <c r="N683792" s="10"/>
    </row>
    <row r="683793" spans="14:14">
      <c r="N683793" s="10"/>
    </row>
    <row r="683794" spans="14:14">
      <c r="N683794" s="10"/>
    </row>
    <row r="683795" spans="14:14">
      <c r="N683795" s="10"/>
    </row>
    <row r="683796" spans="14:14">
      <c r="N683796" s="10"/>
    </row>
    <row r="683797" spans="14:14">
      <c r="N683797" s="10"/>
    </row>
    <row r="683798" spans="14:14">
      <c r="N683798" s="10"/>
    </row>
    <row r="683799" spans="14:14">
      <c r="N683799" s="10"/>
    </row>
    <row r="683800" spans="14:14">
      <c r="N683800" s="10"/>
    </row>
    <row r="683801" spans="14:14">
      <c r="N683801" s="10"/>
    </row>
    <row r="683802" spans="14:14">
      <c r="N683802" s="10"/>
    </row>
    <row r="683803" spans="14:14">
      <c r="N683803" s="10"/>
    </row>
    <row r="683804" spans="14:14">
      <c r="N683804" s="10"/>
    </row>
    <row r="683805" spans="14:14">
      <c r="N683805" s="10"/>
    </row>
    <row r="683806" spans="14:14">
      <c r="N683806" s="10"/>
    </row>
    <row r="683807" spans="14:14">
      <c r="N683807" s="10"/>
    </row>
    <row r="683808" spans="14:14">
      <c r="N683808" s="10"/>
    </row>
    <row r="683809" spans="14:14">
      <c r="N683809" s="10"/>
    </row>
    <row r="683810" spans="14:14">
      <c r="N683810" s="10"/>
    </row>
    <row r="683811" spans="14:14">
      <c r="N683811" s="10"/>
    </row>
    <row r="683812" spans="14:14">
      <c r="N683812" s="10"/>
    </row>
    <row r="683813" spans="14:14">
      <c r="N683813" s="10"/>
    </row>
    <row r="683814" spans="14:14">
      <c r="N683814" s="10"/>
    </row>
    <row r="683815" spans="14:14">
      <c r="N683815" s="10"/>
    </row>
    <row r="683816" spans="14:14">
      <c r="N683816" s="10"/>
    </row>
    <row r="683817" spans="14:14">
      <c r="N683817" s="10"/>
    </row>
    <row r="683818" spans="14:14">
      <c r="N683818" s="10"/>
    </row>
    <row r="683819" spans="14:14">
      <c r="N683819" s="10"/>
    </row>
    <row r="683820" spans="14:14">
      <c r="N683820" s="10"/>
    </row>
    <row r="683821" spans="14:14">
      <c r="N683821" s="10"/>
    </row>
    <row r="683822" spans="14:14">
      <c r="N683822" s="10"/>
    </row>
    <row r="683823" spans="14:14">
      <c r="N683823" s="10"/>
    </row>
    <row r="683824" spans="14:14">
      <c r="N683824" s="10"/>
    </row>
    <row r="683825" spans="14:14">
      <c r="N683825" s="10"/>
    </row>
    <row r="683826" spans="14:14">
      <c r="N683826" s="10"/>
    </row>
    <row r="683827" spans="14:14">
      <c r="N683827" s="10"/>
    </row>
    <row r="683828" spans="14:14">
      <c r="N683828" s="10"/>
    </row>
    <row r="683829" spans="14:14">
      <c r="N683829" s="10"/>
    </row>
    <row r="683830" spans="14:14">
      <c r="N683830" s="10"/>
    </row>
    <row r="683831" spans="14:14">
      <c r="N683831" s="10"/>
    </row>
    <row r="683832" spans="14:14">
      <c r="N683832" s="10"/>
    </row>
    <row r="683833" spans="14:14">
      <c r="N683833" s="10"/>
    </row>
    <row r="683834" spans="14:14">
      <c r="N683834" s="10"/>
    </row>
    <row r="683835" spans="14:14">
      <c r="N683835" s="10"/>
    </row>
    <row r="683836" spans="14:14">
      <c r="N683836" s="10"/>
    </row>
    <row r="683837" spans="14:14">
      <c r="N683837" s="10"/>
    </row>
    <row r="683838" spans="14:14">
      <c r="N683838" s="10"/>
    </row>
    <row r="683839" spans="14:14">
      <c r="N683839" s="10"/>
    </row>
    <row r="683840" spans="14:14">
      <c r="N683840" s="10"/>
    </row>
    <row r="683841" spans="14:14">
      <c r="N683841" s="10"/>
    </row>
    <row r="683842" spans="14:14">
      <c r="N683842" s="10"/>
    </row>
    <row r="683843" spans="14:14">
      <c r="N683843" s="10"/>
    </row>
    <row r="683844" spans="14:14">
      <c r="N683844" s="10"/>
    </row>
    <row r="683845" spans="14:14">
      <c r="N683845" s="10"/>
    </row>
    <row r="683846" spans="14:14">
      <c r="N683846" s="10"/>
    </row>
    <row r="683847" spans="14:14">
      <c r="N683847" s="10"/>
    </row>
    <row r="683848" spans="14:14">
      <c r="N683848" s="10"/>
    </row>
    <row r="683849" spans="14:14">
      <c r="N683849" s="10"/>
    </row>
    <row r="683850" spans="14:14">
      <c r="N683850" s="10"/>
    </row>
    <row r="683851" spans="14:14">
      <c r="N683851" s="10"/>
    </row>
    <row r="683852" spans="14:14">
      <c r="N683852" s="10"/>
    </row>
    <row r="683853" spans="14:14">
      <c r="N683853" s="10"/>
    </row>
    <row r="683854" spans="14:14">
      <c r="N683854" s="10"/>
    </row>
    <row r="683855" spans="14:14">
      <c r="N683855" s="10"/>
    </row>
    <row r="683856" spans="14:14">
      <c r="N683856" s="10"/>
    </row>
    <row r="683857" spans="14:14">
      <c r="N683857" s="10"/>
    </row>
    <row r="683858" spans="14:14">
      <c r="N683858" s="10"/>
    </row>
    <row r="683859" spans="14:14">
      <c r="N683859" s="10"/>
    </row>
    <row r="683860" spans="14:14">
      <c r="N683860" s="10"/>
    </row>
    <row r="683861" spans="14:14">
      <c r="N683861" s="10"/>
    </row>
    <row r="683862" spans="14:14">
      <c r="N683862" s="10"/>
    </row>
    <row r="683863" spans="14:14">
      <c r="N683863" s="10"/>
    </row>
    <row r="683864" spans="14:14">
      <c r="N683864" s="10"/>
    </row>
    <row r="683865" spans="14:14">
      <c r="N683865" s="10"/>
    </row>
    <row r="683866" spans="14:14">
      <c r="N683866" s="10"/>
    </row>
    <row r="683867" spans="14:14">
      <c r="N683867" s="10"/>
    </row>
    <row r="683868" spans="14:14">
      <c r="N683868" s="10"/>
    </row>
    <row r="683869" spans="14:14">
      <c r="N683869" s="10"/>
    </row>
    <row r="683870" spans="14:14">
      <c r="N683870" s="10"/>
    </row>
    <row r="683871" spans="14:14">
      <c r="N683871" s="10"/>
    </row>
    <row r="683872" spans="14:14">
      <c r="N683872" s="10"/>
    </row>
    <row r="683873" spans="14:14">
      <c r="N683873" s="10"/>
    </row>
    <row r="683874" spans="14:14">
      <c r="N683874" s="10"/>
    </row>
    <row r="683875" spans="14:14">
      <c r="N683875" s="10"/>
    </row>
    <row r="683876" spans="14:14">
      <c r="N683876" s="10"/>
    </row>
    <row r="683877" spans="14:14">
      <c r="N683877" s="10"/>
    </row>
    <row r="683878" spans="14:14">
      <c r="N683878" s="10"/>
    </row>
    <row r="683879" spans="14:14">
      <c r="N683879" s="10"/>
    </row>
    <row r="683880" spans="14:14">
      <c r="N683880" s="10"/>
    </row>
    <row r="683881" spans="14:14">
      <c r="N683881" s="10"/>
    </row>
    <row r="683882" spans="14:14">
      <c r="N683882" s="10"/>
    </row>
    <row r="683883" spans="14:14">
      <c r="N683883" s="10"/>
    </row>
    <row r="683884" spans="14:14">
      <c r="N683884" s="10"/>
    </row>
    <row r="683885" spans="14:14">
      <c r="N683885" s="10"/>
    </row>
    <row r="683886" spans="14:14">
      <c r="N683886" s="10"/>
    </row>
    <row r="683887" spans="14:14">
      <c r="N683887" s="10"/>
    </row>
    <row r="683888" spans="14:14">
      <c r="N683888" s="10"/>
    </row>
    <row r="683889" spans="14:14">
      <c r="N683889" s="10"/>
    </row>
    <row r="683890" spans="14:14">
      <c r="N683890" s="10"/>
    </row>
    <row r="683891" spans="14:14">
      <c r="N683891" s="10"/>
    </row>
    <row r="683892" spans="14:14">
      <c r="N683892" s="10"/>
    </row>
    <row r="683893" spans="14:14">
      <c r="N683893" s="10"/>
    </row>
    <row r="683894" spans="14:14">
      <c r="N683894" s="10"/>
    </row>
    <row r="683895" spans="14:14">
      <c r="N683895" s="10"/>
    </row>
    <row r="683896" spans="14:14">
      <c r="N683896" s="10"/>
    </row>
    <row r="683897" spans="14:14">
      <c r="N683897" s="10"/>
    </row>
    <row r="683898" spans="14:14">
      <c r="N683898" s="10"/>
    </row>
    <row r="683899" spans="14:14">
      <c r="N683899" s="10"/>
    </row>
    <row r="683900" spans="14:14">
      <c r="N683900" s="10"/>
    </row>
    <row r="683901" spans="14:14">
      <c r="N683901" s="10"/>
    </row>
    <row r="683902" spans="14:14">
      <c r="N683902" s="10"/>
    </row>
    <row r="683903" spans="14:14">
      <c r="N683903" s="10"/>
    </row>
    <row r="683904" spans="14:14">
      <c r="N683904" s="10"/>
    </row>
    <row r="683905" spans="14:14">
      <c r="N683905" s="10"/>
    </row>
    <row r="683906" spans="14:14">
      <c r="N683906" s="10"/>
    </row>
    <row r="683907" spans="14:14">
      <c r="N683907" s="10"/>
    </row>
    <row r="683908" spans="14:14">
      <c r="N683908" s="10"/>
    </row>
    <row r="683909" spans="14:14">
      <c r="N683909" s="10"/>
    </row>
    <row r="683910" spans="14:14">
      <c r="N683910" s="10"/>
    </row>
    <row r="683911" spans="14:14">
      <c r="N683911" s="10"/>
    </row>
    <row r="683912" spans="14:14">
      <c r="N683912" s="10"/>
    </row>
    <row r="683913" spans="14:14">
      <c r="N683913" s="10"/>
    </row>
    <row r="683914" spans="14:14">
      <c r="N683914" s="10"/>
    </row>
    <row r="683915" spans="14:14">
      <c r="N683915" s="10"/>
    </row>
    <row r="683916" spans="14:14">
      <c r="N683916" s="10"/>
    </row>
    <row r="683917" spans="14:14">
      <c r="N683917" s="10"/>
    </row>
    <row r="683918" spans="14:14">
      <c r="N683918" s="10"/>
    </row>
    <row r="683919" spans="14:14">
      <c r="N683919" s="10"/>
    </row>
    <row r="683920" spans="14:14">
      <c r="N683920" s="10"/>
    </row>
    <row r="683921" spans="14:14">
      <c r="N683921" s="10"/>
    </row>
    <row r="683922" spans="14:14">
      <c r="N683922" s="10"/>
    </row>
    <row r="683923" spans="14:14">
      <c r="N683923" s="10"/>
    </row>
    <row r="683924" spans="14:14">
      <c r="N683924" s="10"/>
    </row>
    <row r="683925" spans="14:14">
      <c r="N683925" s="10"/>
    </row>
    <row r="683926" spans="14:14">
      <c r="N683926" s="10"/>
    </row>
    <row r="683927" spans="14:14">
      <c r="N683927" s="10"/>
    </row>
    <row r="683928" spans="14:14">
      <c r="N683928" s="10"/>
    </row>
    <row r="683929" spans="14:14">
      <c r="N683929" s="10"/>
    </row>
    <row r="683930" spans="14:14">
      <c r="N683930" s="10"/>
    </row>
    <row r="683931" spans="14:14">
      <c r="N683931" s="10"/>
    </row>
    <row r="683932" spans="14:14">
      <c r="N683932" s="10"/>
    </row>
    <row r="683933" spans="14:14">
      <c r="N683933" s="10"/>
    </row>
    <row r="683934" spans="14:14">
      <c r="N683934" s="10"/>
    </row>
    <row r="683935" spans="14:14">
      <c r="N683935" s="10"/>
    </row>
    <row r="683936" spans="14:14">
      <c r="N683936" s="10"/>
    </row>
    <row r="683937" spans="14:14">
      <c r="N683937" s="10"/>
    </row>
    <row r="683938" spans="14:14">
      <c r="N683938" s="10"/>
    </row>
    <row r="683939" spans="14:14">
      <c r="N683939" s="10"/>
    </row>
    <row r="683940" spans="14:14">
      <c r="N683940" s="10"/>
    </row>
    <row r="683941" spans="14:14">
      <c r="N683941" s="10"/>
    </row>
    <row r="683942" spans="14:14">
      <c r="N683942" s="10"/>
    </row>
    <row r="683943" spans="14:14">
      <c r="N683943" s="10"/>
    </row>
    <row r="683944" spans="14:14">
      <c r="N683944" s="10"/>
    </row>
    <row r="683945" spans="14:14">
      <c r="N683945" s="10"/>
    </row>
    <row r="683946" spans="14:14">
      <c r="N683946" s="10"/>
    </row>
    <row r="683947" spans="14:14">
      <c r="N683947" s="10"/>
    </row>
    <row r="683948" spans="14:14">
      <c r="N683948" s="10"/>
    </row>
    <row r="683949" spans="14:14">
      <c r="N683949" s="10"/>
    </row>
    <row r="683950" spans="14:14">
      <c r="N683950" s="10"/>
    </row>
    <row r="683951" spans="14:14">
      <c r="N683951" s="10"/>
    </row>
    <row r="683952" spans="14:14">
      <c r="N683952" s="10"/>
    </row>
    <row r="683953" spans="14:14">
      <c r="N683953" s="10"/>
    </row>
    <row r="683954" spans="14:14">
      <c r="N683954" s="10"/>
    </row>
    <row r="683955" spans="14:14">
      <c r="N683955" s="10"/>
    </row>
    <row r="683956" spans="14:14">
      <c r="N683956" s="10"/>
    </row>
    <row r="683957" spans="14:14">
      <c r="N683957" s="10"/>
    </row>
    <row r="683958" spans="14:14">
      <c r="N683958" s="10"/>
    </row>
    <row r="683959" spans="14:14">
      <c r="N683959" s="10"/>
    </row>
    <row r="683960" spans="14:14">
      <c r="N683960" s="10"/>
    </row>
    <row r="683961" spans="14:14">
      <c r="N683961" s="10"/>
    </row>
    <row r="683962" spans="14:14">
      <c r="N683962" s="10"/>
    </row>
    <row r="683963" spans="14:14">
      <c r="N683963" s="10"/>
    </row>
    <row r="683964" spans="14:14">
      <c r="N683964" s="10"/>
    </row>
    <row r="683965" spans="14:14">
      <c r="N683965" s="10"/>
    </row>
    <row r="683966" spans="14:14">
      <c r="N683966" s="10"/>
    </row>
    <row r="683967" spans="14:14">
      <c r="N683967" s="10"/>
    </row>
    <row r="683968" spans="14:14">
      <c r="N683968" s="10"/>
    </row>
    <row r="683969" spans="14:14">
      <c r="N683969" s="10"/>
    </row>
    <row r="683970" spans="14:14">
      <c r="N683970" s="10"/>
    </row>
    <row r="683971" spans="14:14">
      <c r="N683971" s="10"/>
    </row>
    <row r="683972" spans="14:14">
      <c r="N683972" s="10"/>
    </row>
    <row r="683973" spans="14:14">
      <c r="N683973" s="10"/>
    </row>
    <row r="683974" spans="14:14">
      <c r="N683974" s="10"/>
    </row>
    <row r="683975" spans="14:14">
      <c r="N683975" s="10"/>
    </row>
    <row r="683976" spans="14:14">
      <c r="N683976" s="10"/>
    </row>
    <row r="683977" spans="14:14">
      <c r="N683977" s="10"/>
    </row>
    <row r="683978" spans="14:14">
      <c r="N683978" s="10"/>
    </row>
    <row r="683979" spans="14:14">
      <c r="N683979" s="10"/>
    </row>
    <row r="683980" spans="14:14">
      <c r="N683980" s="10"/>
    </row>
    <row r="683981" spans="14:14">
      <c r="N683981" s="10"/>
    </row>
    <row r="683982" spans="14:14">
      <c r="N683982" s="10"/>
    </row>
    <row r="683983" spans="14:14">
      <c r="N683983" s="10"/>
    </row>
    <row r="683984" spans="14:14">
      <c r="N683984" s="10"/>
    </row>
    <row r="683985" spans="14:14">
      <c r="N683985" s="10"/>
    </row>
    <row r="683986" spans="14:14">
      <c r="N683986" s="10"/>
    </row>
    <row r="683987" spans="14:14">
      <c r="N683987" s="10"/>
    </row>
    <row r="683988" spans="14:14">
      <c r="N683988" s="10"/>
    </row>
    <row r="683989" spans="14:14">
      <c r="N683989" s="10"/>
    </row>
    <row r="683990" spans="14:14">
      <c r="N683990" s="10"/>
    </row>
    <row r="683991" spans="14:14">
      <c r="N683991" s="10"/>
    </row>
    <row r="683992" spans="14:14">
      <c r="N683992" s="10"/>
    </row>
    <row r="683993" spans="14:14">
      <c r="N683993" s="10"/>
    </row>
    <row r="683994" spans="14:14">
      <c r="N683994" s="10"/>
    </row>
    <row r="683995" spans="14:14">
      <c r="N683995" s="10"/>
    </row>
    <row r="683996" spans="14:14">
      <c r="N683996" s="10"/>
    </row>
    <row r="683997" spans="14:14">
      <c r="N683997" s="10"/>
    </row>
    <row r="683998" spans="14:14">
      <c r="N683998" s="10"/>
    </row>
    <row r="683999" spans="14:14">
      <c r="N683999" s="10"/>
    </row>
    <row r="684000" spans="14:14">
      <c r="N684000" s="10"/>
    </row>
    <row r="684001" spans="14:14">
      <c r="N684001" s="10"/>
    </row>
    <row r="684002" spans="14:14">
      <c r="N684002" s="10"/>
    </row>
    <row r="684003" spans="14:14">
      <c r="N684003" s="10"/>
    </row>
    <row r="684004" spans="14:14">
      <c r="N684004" s="10"/>
    </row>
    <row r="684005" spans="14:14">
      <c r="N684005" s="10"/>
    </row>
    <row r="684006" spans="14:14">
      <c r="N684006" s="10"/>
    </row>
    <row r="684007" spans="14:14">
      <c r="N684007" s="10"/>
    </row>
    <row r="684008" spans="14:14">
      <c r="N684008" s="10"/>
    </row>
    <row r="684009" spans="14:14">
      <c r="N684009" s="10"/>
    </row>
    <row r="684010" spans="14:14">
      <c r="N684010" s="10"/>
    </row>
    <row r="684011" spans="14:14">
      <c r="N684011" s="10"/>
    </row>
    <row r="684012" spans="14:14">
      <c r="N684012" s="10"/>
    </row>
    <row r="684013" spans="14:14">
      <c r="N684013" s="10"/>
    </row>
    <row r="684014" spans="14:14">
      <c r="N684014" s="10"/>
    </row>
    <row r="684015" spans="14:14">
      <c r="N684015" s="10"/>
    </row>
    <row r="684016" spans="14:14">
      <c r="N684016" s="10"/>
    </row>
    <row r="684017" spans="14:14">
      <c r="N684017" s="10"/>
    </row>
    <row r="684018" spans="14:14">
      <c r="N684018" s="10"/>
    </row>
    <row r="684019" spans="14:14">
      <c r="N684019" s="10"/>
    </row>
    <row r="684020" spans="14:14">
      <c r="N684020" s="10"/>
    </row>
    <row r="684021" spans="14:14">
      <c r="N684021" s="10"/>
    </row>
    <row r="684022" spans="14:14">
      <c r="N684022" s="10"/>
    </row>
    <row r="684023" spans="14:14">
      <c r="N684023" s="10"/>
    </row>
    <row r="684024" spans="14:14">
      <c r="N684024" s="10"/>
    </row>
    <row r="684025" spans="14:14">
      <c r="N684025" s="10"/>
    </row>
    <row r="684026" spans="14:14">
      <c r="N684026" s="10"/>
    </row>
    <row r="684027" spans="14:14">
      <c r="N684027" s="10"/>
    </row>
    <row r="684028" spans="14:14">
      <c r="N684028" s="10"/>
    </row>
    <row r="684029" spans="14:14">
      <c r="N684029" s="10"/>
    </row>
    <row r="684030" spans="14:14">
      <c r="N684030" s="10"/>
    </row>
    <row r="684031" spans="14:14">
      <c r="N684031" s="10"/>
    </row>
    <row r="684032" spans="14:14">
      <c r="N684032" s="10"/>
    </row>
    <row r="684033" spans="14:14">
      <c r="N684033" s="10"/>
    </row>
    <row r="684034" spans="14:14">
      <c r="N684034" s="10"/>
    </row>
    <row r="684035" spans="14:14">
      <c r="N684035" s="10"/>
    </row>
    <row r="684036" spans="14:14">
      <c r="N684036" s="10"/>
    </row>
    <row r="684037" spans="14:14">
      <c r="N684037" s="10"/>
    </row>
    <row r="684038" spans="14:14">
      <c r="N684038" s="10"/>
    </row>
    <row r="684039" spans="14:14">
      <c r="N684039" s="10"/>
    </row>
    <row r="684040" spans="14:14">
      <c r="N684040" s="10"/>
    </row>
    <row r="684041" spans="14:14">
      <c r="N684041" s="10"/>
    </row>
    <row r="684042" spans="14:14">
      <c r="N684042" s="10"/>
    </row>
    <row r="684043" spans="14:14">
      <c r="N684043" s="10"/>
    </row>
    <row r="684044" spans="14:14">
      <c r="N684044" s="10"/>
    </row>
    <row r="684045" spans="14:14">
      <c r="N684045" s="10"/>
    </row>
    <row r="684046" spans="14:14">
      <c r="N684046" s="10"/>
    </row>
    <row r="684047" spans="14:14">
      <c r="N684047" s="10"/>
    </row>
    <row r="684048" spans="14:14">
      <c r="N684048" s="10"/>
    </row>
    <row r="684049" spans="14:14">
      <c r="N684049" s="10"/>
    </row>
    <row r="684050" spans="14:14">
      <c r="N684050" s="10"/>
    </row>
    <row r="684051" spans="14:14">
      <c r="N684051" s="10"/>
    </row>
    <row r="684052" spans="14:14">
      <c r="N684052" s="10"/>
    </row>
    <row r="684053" spans="14:14">
      <c r="N684053" s="10"/>
    </row>
    <row r="684054" spans="14:14">
      <c r="N684054" s="10"/>
    </row>
    <row r="684055" spans="14:14">
      <c r="N684055" s="10"/>
    </row>
    <row r="684056" spans="14:14">
      <c r="N684056" s="10"/>
    </row>
    <row r="684057" spans="14:14">
      <c r="N684057" s="10"/>
    </row>
    <row r="684058" spans="14:14">
      <c r="N684058" s="10"/>
    </row>
    <row r="684059" spans="14:14">
      <c r="N684059" s="10"/>
    </row>
    <row r="684060" spans="14:14">
      <c r="N684060" s="10"/>
    </row>
    <row r="684061" spans="14:14">
      <c r="N684061" s="10"/>
    </row>
    <row r="684062" spans="14:14">
      <c r="N684062" s="10"/>
    </row>
    <row r="684063" spans="14:14">
      <c r="N684063" s="10"/>
    </row>
    <row r="684064" spans="14:14">
      <c r="N684064" s="10"/>
    </row>
    <row r="684065" spans="14:14">
      <c r="N684065" s="10"/>
    </row>
    <row r="684066" spans="14:14">
      <c r="N684066" s="10"/>
    </row>
    <row r="684067" spans="14:14">
      <c r="N684067" s="10"/>
    </row>
    <row r="684068" spans="14:14">
      <c r="N684068" s="10"/>
    </row>
    <row r="684069" spans="14:14">
      <c r="N684069" s="10"/>
    </row>
    <row r="684070" spans="14:14">
      <c r="N684070" s="10"/>
    </row>
    <row r="684071" spans="14:14">
      <c r="N684071" s="10"/>
    </row>
    <row r="684072" spans="14:14">
      <c r="N684072" s="10"/>
    </row>
    <row r="684073" spans="14:14">
      <c r="N684073" s="10"/>
    </row>
    <row r="684074" spans="14:14">
      <c r="N684074" s="10"/>
    </row>
    <row r="684075" spans="14:14">
      <c r="N684075" s="10"/>
    </row>
    <row r="684076" spans="14:14">
      <c r="N684076" s="10"/>
    </row>
    <row r="684077" spans="14:14">
      <c r="N684077" s="10"/>
    </row>
    <row r="684078" spans="14:14">
      <c r="N684078" s="10"/>
    </row>
    <row r="684079" spans="14:14">
      <c r="N684079" s="10"/>
    </row>
    <row r="684080" spans="14:14">
      <c r="N684080" s="10"/>
    </row>
    <row r="684081" spans="14:14">
      <c r="N684081" s="10"/>
    </row>
    <row r="684082" spans="14:14">
      <c r="N684082" s="10"/>
    </row>
    <row r="684083" spans="14:14">
      <c r="N684083" s="10"/>
    </row>
    <row r="684084" spans="14:14">
      <c r="N684084" s="10"/>
    </row>
    <row r="684085" spans="14:14">
      <c r="N684085" s="10"/>
    </row>
    <row r="684086" spans="14:14">
      <c r="N684086" s="10"/>
    </row>
    <row r="684087" spans="14:14">
      <c r="N684087" s="10"/>
    </row>
    <row r="684088" spans="14:14">
      <c r="N684088" s="10"/>
    </row>
    <row r="684089" spans="14:14">
      <c r="N684089" s="10"/>
    </row>
    <row r="684090" spans="14:14">
      <c r="N684090" s="10"/>
    </row>
    <row r="684091" spans="14:14">
      <c r="N684091" s="10"/>
    </row>
    <row r="684092" spans="14:14">
      <c r="N684092" s="10"/>
    </row>
    <row r="684093" spans="14:14">
      <c r="N684093" s="10"/>
    </row>
    <row r="684094" spans="14:14">
      <c r="N684094" s="10"/>
    </row>
    <row r="684095" spans="14:14">
      <c r="N684095" s="10"/>
    </row>
    <row r="684096" spans="14:14">
      <c r="N684096" s="10"/>
    </row>
    <row r="684097" spans="14:14">
      <c r="N684097" s="10"/>
    </row>
    <row r="684098" spans="14:14">
      <c r="N684098" s="10"/>
    </row>
    <row r="684099" spans="14:14">
      <c r="N684099" s="10"/>
    </row>
    <row r="684100" spans="14:14">
      <c r="N684100" s="10"/>
    </row>
    <row r="684101" spans="14:14">
      <c r="N684101" s="10"/>
    </row>
    <row r="684102" spans="14:14">
      <c r="N684102" s="10"/>
    </row>
    <row r="684103" spans="14:14">
      <c r="N684103" s="10"/>
    </row>
    <row r="684104" spans="14:14">
      <c r="N684104" s="10"/>
    </row>
    <row r="684105" spans="14:14">
      <c r="N684105" s="10"/>
    </row>
    <row r="684106" spans="14:14">
      <c r="N684106" s="10"/>
    </row>
    <row r="684107" spans="14:14">
      <c r="N684107" s="10"/>
    </row>
    <row r="684108" spans="14:14">
      <c r="N684108" s="10"/>
    </row>
    <row r="684109" spans="14:14">
      <c r="N684109" s="10"/>
    </row>
    <row r="684110" spans="14:14">
      <c r="N684110" s="10"/>
    </row>
    <row r="684111" spans="14:14">
      <c r="N684111" s="10"/>
    </row>
    <row r="684112" spans="14:14">
      <c r="N684112" s="10"/>
    </row>
    <row r="684113" spans="14:14">
      <c r="N684113" s="10"/>
    </row>
    <row r="684114" spans="14:14">
      <c r="N684114" s="10"/>
    </row>
    <row r="684115" spans="14:14">
      <c r="N684115" s="10"/>
    </row>
    <row r="684116" spans="14:14">
      <c r="N684116" s="10"/>
    </row>
    <row r="684117" spans="14:14">
      <c r="N684117" s="10"/>
    </row>
    <row r="684118" spans="14:14">
      <c r="N684118" s="10"/>
    </row>
    <row r="684119" spans="14:14">
      <c r="N684119" s="10"/>
    </row>
    <row r="684120" spans="14:14">
      <c r="N684120" s="10"/>
    </row>
    <row r="684121" spans="14:14">
      <c r="N684121" s="10"/>
    </row>
    <row r="684122" spans="14:14">
      <c r="N684122" s="10"/>
    </row>
    <row r="684123" spans="14:14">
      <c r="N684123" s="10"/>
    </row>
    <row r="684124" spans="14:14">
      <c r="N684124" s="10"/>
    </row>
    <row r="684125" spans="14:14">
      <c r="N684125" s="10"/>
    </row>
    <row r="684126" spans="14:14">
      <c r="N684126" s="10"/>
    </row>
    <row r="684127" spans="14:14">
      <c r="N684127" s="10"/>
    </row>
    <row r="684128" spans="14:14">
      <c r="N684128" s="10"/>
    </row>
    <row r="684129" spans="14:14">
      <c r="N684129" s="10"/>
    </row>
    <row r="684130" spans="14:14">
      <c r="N684130" s="10"/>
    </row>
    <row r="684131" spans="14:14">
      <c r="N684131" s="10"/>
    </row>
    <row r="684132" spans="14:14">
      <c r="N684132" s="10"/>
    </row>
    <row r="684133" spans="14:14">
      <c r="N684133" s="10"/>
    </row>
    <row r="684134" spans="14:14">
      <c r="N684134" s="10"/>
    </row>
    <row r="684135" spans="14:14">
      <c r="N684135" s="10"/>
    </row>
    <row r="684136" spans="14:14">
      <c r="N684136" s="10"/>
    </row>
    <row r="684137" spans="14:14">
      <c r="N684137" s="10"/>
    </row>
    <row r="684138" spans="14:14">
      <c r="N684138" s="10"/>
    </row>
    <row r="684139" spans="14:14">
      <c r="N684139" s="10"/>
    </row>
    <row r="684140" spans="14:14">
      <c r="N684140" s="10"/>
    </row>
    <row r="684141" spans="14:14">
      <c r="N684141" s="10"/>
    </row>
    <row r="684142" spans="14:14">
      <c r="N684142" s="10"/>
    </row>
    <row r="684143" spans="14:14">
      <c r="N684143" s="10"/>
    </row>
    <row r="684144" spans="14:14">
      <c r="N684144" s="10"/>
    </row>
    <row r="684145" spans="14:14">
      <c r="N684145" s="10"/>
    </row>
    <row r="684146" spans="14:14">
      <c r="N684146" s="10"/>
    </row>
    <row r="684147" spans="14:14">
      <c r="N684147" s="10"/>
    </row>
    <row r="684148" spans="14:14">
      <c r="N684148" s="10"/>
    </row>
    <row r="684149" spans="14:14">
      <c r="N684149" s="10"/>
    </row>
    <row r="684150" spans="14:14">
      <c r="N684150" s="10"/>
    </row>
    <row r="684151" spans="14:14">
      <c r="N684151" s="10"/>
    </row>
    <row r="684152" spans="14:14">
      <c r="N684152" s="10"/>
    </row>
    <row r="684153" spans="14:14">
      <c r="N684153" s="10"/>
    </row>
    <row r="684154" spans="14:14">
      <c r="N684154" s="10"/>
    </row>
    <row r="684155" spans="14:14">
      <c r="N684155" s="10"/>
    </row>
    <row r="684156" spans="14:14">
      <c r="N684156" s="10"/>
    </row>
    <row r="684157" spans="14:14">
      <c r="N684157" s="10"/>
    </row>
    <row r="684158" spans="14:14">
      <c r="N684158" s="10"/>
    </row>
    <row r="684159" spans="14:14">
      <c r="N684159" s="10"/>
    </row>
    <row r="684160" spans="14:14">
      <c r="N684160" s="10"/>
    </row>
    <row r="684161" spans="14:14">
      <c r="N684161" s="10"/>
    </row>
    <row r="684162" spans="14:14">
      <c r="N684162" s="10"/>
    </row>
    <row r="684163" spans="14:14">
      <c r="N684163" s="10"/>
    </row>
    <row r="684164" spans="14:14">
      <c r="N684164" s="10"/>
    </row>
    <row r="684165" spans="14:14">
      <c r="N684165" s="10"/>
    </row>
    <row r="684166" spans="14:14">
      <c r="N684166" s="10"/>
    </row>
    <row r="684167" spans="14:14">
      <c r="N684167" s="10"/>
    </row>
    <row r="684168" spans="14:14">
      <c r="N684168" s="10"/>
    </row>
    <row r="684169" spans="14:14">
      <c r="N684169" s="10"/>
    </row>
    <row r="684170" spans="14:14">
      <c r="N684170" s="10"/>
    </row>
    <row r="684171" spans="14:14">
      <c r="N684171" s="10"/>
    </row>
    <row r="684172" spans="14:14">
      <c r="N684172" s="10"/>
    </row>
    <row r="684173" spans="14:14">
      <c r="N684173" s="10"/>
    </row>
    <row r="684174" spans="14:14">
      <c r="N684174" s="10"/>
    </row>
    <row r="684175" spans="14:14">
      <c r="N684175" s="10"/>
    </row>
    <row r="684176" spans="14:14">
      <c r="N684176" s="10"/>
    </row>
    <row r="684177" spans="14:14">
      <c r="N684177" s="10"/>
    </row>
    <row r="684178" spans="14:14">
      <c r="N684178" s="10"/>
    </row>
    <row r="684179" spans="14:14">
      <c r="N684179" s="10"/>
    </row>
    <row r="684180" spans="14:14">
      <c r="N684180" s="10"/>
    </row>
    <row r="684181" spans="14:14">
      <c r="N684181" s="10"/>
    </row>
    <row r="684182" spans="14:14">
      <c r="N684182" s="10"/>
    </row>
    <row r="684183" spans="14:14">
      <c r="N684183" s="10"/>
    </row>
    <row r="684184" spans="14:14">
      <c r="N684184" s="10"/>
    </row>
    <row r="684185" spans="14:14">
      <c r="N684185" s="10"/>
    </row>
    <row r="684186" spans="14:14">
      <c r="N684186" s="10"/>
    </row>
    <row r="684187" spans="14:14">
      <c r="N684187" s="10"/>
    </row>
    <row r="684188" spans="14:14">
      <c r="N684188" s="10"/>
    </row>
    <row r="684189" spans="14:14">
      <c r="N684189" s="10"/>
    </row>
    <row r="684190" spans="14:14">
      <c r="N684190" s="10"/>
    </row>
    <row r="684191" spans="14:14">
      <c r="N684191" s="10"/>
    </row>
    <row r="684192" spans="14:14">
      <c r="N684192" s="10"/>
    </row>
    <row r="684193" spans="14:14">
      <c r="N684193" s="10"/>
    </row>
    <row r="684194" spans="14:14">
      <c r="N684194" s="10"/>
    </row>
    <row r="684195" spans="14:14">
      <c r="N684195" s="10"/>
    </row>
    <row r="684196" spans="14:14">
      <c r="N684196" s="10"/>
    </row>
    <row r="684197" spans="14:14">
      <c r="N684197" s="10"/>
    </row>
    <row r="684198" spans="14:14">
      <c r="N684198" s="10"/>
    </row>
    <row r="684199" spans="14:14">
      <c r="N684199" s="10"/>
    </row>
    <row r="684200" spans="14:14">
      <c r="N684200" s="10"/>
    </row>
    <row r="684201" spans="14:14">
      <c r="N684201" s="10"/>
    </row>
    <row r="684202" spans="14:14">
      <c r="N684202" s="10"/>
    </row>
    <row r="684203" spans="14:14">
      <c r="N684203" s="10"/>
    </row>
    <row r="684204" spans="14:14">
      <c r="N684204" s="10"/>
    </row>
    <row r="684205" spans="14:14">
      <c r="N684205" s="10"/>
    </row>
    <row r="684206" spans="14:14">
      <c r="N684206" s="10"/>
    </row>
    <row r="684207" spans="14:14">
      <c r="N684207" s="10"/>
    </row>
    <row r="684208" spans="14:14">
      <c r="N684208" s="10"/>
    </row>
    <row r="684209" spans="14:14">
      <c r="N684209" s="10"/>
    </row>
    <row r="684210" spans="14:14">
      <c r="N684210" s="10"/>
    </row>
    <row r="684211" spans="14:14">
      <c r="N684211" s="10"/>
    </row>
    <row r="684212" spans="14:14">
      <c r="N684212" s="10"/>
    </row>
    <row r="684213" spans="14:14">
      <c r="N684213" s="10"/>
    </row>
    <row r="684214" spans="14:14">
      <c r="N684214" s="10"/>
    </row>
    <row r="684215" spans="14:14">
      <c r="N684215" s="10"/>
    </row>
    <row r="684216" spans="14:14">
      <c r="N684216" s="10"/>
    </row>
    <row r="684217" spans="14:14">
      <c r="N684217" s="10"/>
    </row>
    <row r="684218" spans="14:14">
      <c r="N684218" s="10"/>
    </row>
    <row r="684219" spans="14:14">
      <c r="N684219" s="10"/>
    </row>
    <row r="684220" spans="14:14">
      <c r="N684220" s="10"/>
    </row>
    <row r="684221" spans="14:14">
      <c r="N684221" s="10"/>
    </row>
    <row r="684222" spans="14:14">
      <c r="N684222" s="10"/>
    </row>
    <row r="684223" spans="14:14">
      <c r="N684223" s="10"/>
    </row>
    <row r="684224" spans="14:14">
      <c r="N684224" s="10"/>
    </row>
    <row r="684225" spans="14:14">
      <c r="N684225" s="10"/>
    </row>
    <row r="684226" spans="14:14">
      <c r="N684226" s="10"/>
    </row>
    <row r="684227" spans="14:14">
      <c r="N684227" s="10"/>
    </row>
    <row r="684228" spans="14:14">
      <c r="N684228" s="10"/>
    </row>
    <row r="684229" spans="14:14">
      <c r="N684229" s="10"/>
    </row>
    <row r="684230" spans="14:14">
      <c r="N684230" s="10"/>
    </row>
    <row r="684231" spans="14:14">
      <c r="N684231" s="10"/>
    </row>
    <row r="684232" spans="14:14">
      <c r="N684232" s="10"/>
    </row>
    <row r="684233" spans="14:14">
      <c r="N684233" s="10"/>
    </row>
    <row r="684234" spans="14:14">
      <c r="N684234" s="10"/>
    </row>
    <row r="684235" spans="14:14">
      <c r="N684235" s="10"/>
    </row>
    <row r="684236" spans="14:14">
      <c r="N684236" s="10"/>
    </row>
    <row r="684237" spans="14:14">
      <c r="N684237" s="10"/>
    </row>
    <row r="684238" spans="14:14">
      <c r="N684238" s="10"/>
    </row>
    <row r="684239" spans="14:14">
      <c r="N684239" s="10"/>
    </row>
    <row r="684240" spans="14:14">
      <c r="N684240" s="10"/>
    </row>
    <row r="684241" spans="14:14">
      <c r="N684241" s="10"/>
    </row>
    <row r="684242" spans="14:14">
      <c r="N684242" s="10"/>
    </row>
    <row r="684243" spans="14:14">
      <c r="N684243" s="10"/>
    </row>
    <row r="684244" spans="14:14">
      <c r="N684244" s="10"/>
    </row>
    <row r="684245" spans="14:14">
      <c r="N684245" s="10"/>
    </row>
    <row r="684246" spans="14:14">
      <c r="N684246" s="10"/>
    </row>
    <row r="684247" spans="14:14">
      <c r="N684247" s="10"/>
    </row>
    <row r="684248" spans="14:14">
      <c r="N684248" s="10"/>
    </row>
    <row r="684249" spans="14:14">
      <c r="N684249" s="10"/>
    </row>
    <row r="684250" spans="14:14">
      <c r="N684250" s="10"/>
    </row>
    <row r="684251" spans="14:14">
      <c r="N684251" s="10"/>
    </row>
    <row r="684252" spans="14:14">
      <c r="N684252" s="10"/>
    </row>
    <row r="684253" spans="14:14">
      <c r="N684253" s="10"/>
    </row>
    <row r="684254" spans="14:14">
      <c r="N684254" s="10"/>
    </row>
    <row r="684255" spans="14:14">
      <c r="N684255" s="10"/>
    </row>
    <row r="684256" spans="14:14">
      <c r="N684256" s="10"/>
    </row>
    <row r="684257" spans="14:14">
      <c r="N684257" s="10"/>
    </row>
    <row r="684258" spans="14:14">
      <c r="N684258" s="10"/>
    </row>
    <row r="684259" spans="14:14">
      <c r="N684259" s="10"/>
    </row>
    <row r="684260" spans="14:14">
      <c r="N684260" s="10"/>
    </row>
    <row r="684261" spans="14:14">
      <c r="N684261" s="10"/>
    </row>
    <row r="684262" spans="14:14">
      <c r="N684262" s="10"/>
    </row>
    <row r="684263" spans="14:14">
      <c r="N684263" s="10"/>
    </row>
    <row r="684264" spans="14:14">
      <c r="N684264" s="10"/>
    </row>
    <row r="684265" spans="14:14">
      <c r="N684265" s="10"/>
    </row>
    <row r="684266" spans="14:14">
      <c r="N684266" s="10"/>
    </row>
    <row r="684267" spans="14:14">
      <c r="N684267" s="10"/>
    </row>
    <row r="684268" spans="14:14">
      <c r="N684268" s="10"/>
    </row>
    <row r="684269" spans="14:14">
      <c r="N684269" s="10"/>
    </row>
    <row r="684270" spans="14:14">
      <c r="N684270" s="10"/>
    </row>
    <row r="684271" spans="14:14">
      <c r="N684271" s="10"/>
    </row>
    <row r="684272" spans="14:14">
      <c r="N684272" s="10"/>
    </row>
    <row r="684273" spans="14:14">
      <c r="N684273" s="10"/>
    </row>
    <row r="684274" spans="14:14">
      <c r="N684274" s="10"/>
    </row>
    <row r="684275" spans="14:14">
      <c r="N684275" s="10"/>
    </row>
    <row r="684276" spans="14:14">
      <c r="N684276" s="10"/>
    </row>
    <row r="684277" spans="14:14">
      <c r="N684277" s="10"/>
    </row>
    <row r="684278" spans="14:14">
      <c r="N684278" s="10"/>
    </row>
    <row r="684279" spans="14:14">
      <c r="N684279" s="10"/>
    </row>
    <row r="684280" spans="14:14">
      <c r="N684280" s="10"/>
    </row>
    <row r="684281" spans="14:14">
      <c r="N684281" s="10"/>
    </row>
    <row r="684282" spans="14:14">
      <c r="N684282" s="10"/>
    </row>
    <row r="684283" spans="14:14">
      <c r="N684283" s="10"/>
    </row>
    <row r="684284" spans="14:14">
      <c r="N684284" s="10"/>
    </row>
    <row r="684285" spans="14:14">
      <c r="N684285" s="10"/>
    </row>
    <row r="684286" spans="14:14">
      <c r="N684286" s="10"/>
    </row>
    <row r="684287" spans="14:14">
      <c r="N684287" s="10"/>
    </row>
    <row r="684288" spans="14:14">
      <c r="N684288" s="10"/>
    </row>
    <row r="684289" spans="14:14">
      <c r="N684289" s="10"/>
    </row>
    <row r="684290" spans="14:14">
      <c r="N684290" s="10"/>
    </row>
    <row r="684291" spans="14:14">
      <c r="N684291" s="10"/>
    </row>
    <row r="684292" spans="14:14">
      <c r="N684292" s="10"/>
    </row>
    <row r="684293" spans="14:14">
      <c r="N684293" s="10"/>
    </row>
    <row r="684294" spans="14:14">
      <c r="N684294" s="10"/>
    </row>
    <row r="684295" spans="14:14">
      <c r="N684295" s="10"/>
    </row>
    <row r="684296" spans="14:14">
      <c r="N684296" s="10"/>
    </row>
    <row r="684297" spans="14:14">
      <c r="N684297" s="10"/>
    </row>
    <row r="684298" spans="14:14">
      <c r="N684298" s="10"/>
    </row>
    <row r="684299" spans="14:14">
      <c r="N684299" s="10"/>
    </row>
    <row r="684300" spans="14:14">
      <c r="N684300" s="10"/>
    </row>
    <row r="684301" spans="14:14">
      <c r="N684301" s="10"/>
    </row>
    <row r="684302" spans="14:14">
      <c r="N684302" s="10"/>
    </row>
    <row r="684303" spans="14:14">
      <c r="N684303" s="10"/>
    </row>
    <row r="684304" spans="14:14">
      <c r="N684304" s="10"/>
    </row>
    <row r="684305" spans="14:14">
      <c r="N684305" s="10"/>
    </row>
    <row r="684306" spans="14:14">
      <c r="N684306" s="10"/>
    </row>
    <row r="684307" spans="14:14">
      <c r="N684307" s="10"/>
    </row>
    <row r="684308" spans="14:14">
      <c r="N684308" s="10"/>
    </row>
    <row r="684309" spans="14:14">
      <c r="N684309" s="10"/>
    </row>
    <row r="684310" spans="14:14">
      <c r="N684310" s="10"/>
    </row>
    <row r="684311" spans="14:14">
      <c r="N684311" s="10"/>
    </row>
    <row r="684312" spans="14:14">
      <c r="N684312" s="10"/>
    </row>
    <row r="684313" spans="14:14">
      <c r="N684313" s="10"/>
    </row>
    <row r="684314" spans="14:14">
      <c r="N684314" s="10"/>
    </row>
    <row r="684315" spans="14:14">
      <c r="N684315" s="10"/>
    </row>
    <row r="684316" spans="14:14">
      <c r="N684316" s="10"/>
    </row>
    <row r="684317" spans="14:14">
      <c r="N684317" s="10"/>
    </row>
    <row r="684318" spans="14:14">
      <c r="N684318" s="10"/>
    </row>
    <row r="684319" spans="14:14">
      <c r="N684319" s="10"/>
    </row>
    <row r="684320" spans="14:14">
      <c r="N684320" s="10"/>
    </row>
    <row r="684321" spans="14:14">
      <c r="N684321" s="10"/>
    </row>
    <row r="684322" spans="14:14">
      <c r="N684322" s="10"/>
    </row>
    <row r="684323" spans="14:14">
      <c r="N684323" s="10"/>
    </row>
    <row r="684324" spans="14:14">
      <c r="N684324" s="10"/>
    </row>
    <row r="684325" spans="14:14">
      <c r="N684325" s="10"/>
    </row>
    <row r="684326" spans="14:14">
      <c r="N684326" s="10"/>
    </row>
    <row r="684327" spans="14:14">
      <c r="N684327" s="10"/>
    </row>
    <row r="684328" spans="14:14">
      <c r="N684328" s="10"/>
    </row>
    <row r="684329" spans="14:14">
      <c r="N684329" s="10"/>
    </row>
    <row r="684330" spans="14:14">
      <c r="N684330" s="10"/>
    </row>
    <row r="684331" spans="14:14">
      <c r="N684331" s="10"/>
    </row>
    <row r="684332" spans="14:14">
      <c r="N684332" s="10"/>
    </row>
    <row r="684333" spans="14:14">
      <c r="N684333" s="10"/>
    </row>
    <row r="684334" spans="14:14">
      <c r="N684334" s="10"/>
    </row>
    <row r="684335" spans="14:14">
      <c r="N684335" s="10"/>
    </row>
    <row r="684336" spans="14:14">
      <c r="N684336" s="10"/>
    </row>
    <row r="684337" spans="14:14">
      <c r="N684337" s="10"/>
    </row>
    <row r="684338" spans="14:14">
      <c r="N684338" s="10"/>
    </row>
    <row r="684339" spans="14:14">
      <c r="N684339" s="10"/>
    </row>
    <row r="684340" spans="14:14">
      <c r="N684340" s="10"/>
    </row>
    <row r="684341" spans="14:14">
      <c r="N684341" s="10"/>
    </row>
    <row r="684342" spans="14:14">
      <c r="N684342" s="10"/>
    </row>
    <row r="684343" spans="14:14">
      <c r="N684343" s="10"/>
    </row>
    <row r="684344" spans="14:14">
      <c r="N684344" s="10"/>
    </row>
    <row r="684345" spans="14:14">
      <c r="N684345" s="10"/>
    </row>
    <row r="684346" spans="14:14">
      <c r="N684346" s="10"/>
    </row>
    <row r="684347" spans="14:14">
      <c r="N684347" s="10"/>
    </row>
    <row r="684348" spans="14:14">
      <c r="N684348" s="10"/>
    </row>
    <row r="684349" spans="14:14">
      <c r="N684349" s="10"/>
    </row>
    <row r="684350" spans="14:14">
      <c r="N684350" s="10"/>
    </row>
    <row r="684351" spans="14:14">
      <c r="N684351" s="10"/>
    </row>
    <row r="684352" spans="14:14">
      <c r="N684352" s="10"/>
    </row>
    <row r="684353" spans="14:14">
      <c r="N684353" s="10"/>
    </row>
    <row r="684354" spans="14:14">
      <c r="N684354" s="10"/>
    </row>
    <row r="684355" spans="14:14">
      <c r="N684355" s="10"/>
    </row>
    <row r="684356" spans="14:14">
      <c r="N684356" s="10"/>
    </row>
    <row r="684357" spans="14:14">
      <c r="N684357" s="10"/>
    </row>
    <row r="684358" spans="14:14">
      <c r="N684358" s="10"/>
    </row>
    <row r="684359" spans="14:14">
      <c r="N684359" s="10"/>
    </row>
    <row r="684360" spans="14:14">
      <c r="N684360" s="10"/>
    </row>
    <row r="684361" spans="14:14">
      <c r="N684361" s="10"/>
    </row>
    <row r="684362" spans="14:14">
      <c r="N684362" s="10"/>
    </row>
    <row r="684363" spans="14:14">
      <c r="N684363" s="10"/>
    </row>
    <row r="684364" spans="14:14">
      <c r="N684364" s="10"/>
    </row>
    <row r="684365" spans="14:14">
      <c r="N684365" s="10"/>
    </row>
    <row r="684366" spans="14:14">
      <c r="N684366" s="10"/>
    </row>
    <row r="684367" spans="14:14">
      <c r="N684367" s="10"/>
    </row>
    <row r="684368" spans="14:14">
      <c r="N684368" s="10"/>
    </row>
    <row r="684369" spans="14:14">
      <c r="N684369" s="10"/>
    </row>
    <row r="684370" spans="14:14">
      <c r="N684370" s="10"/>
    </row>
    <row r="684371" spans="14:14">
      <c r="N684371" s="10"/>
    </row>
    <row r="684372" spans="14:14">
      <c r="N684372" s="10"/>
    </row>
    <row r="684373" spans="14:14">
      <c r="N684373" s="10"/>
    </row>
    <row r="684374" spans="14:14">
      <c r="N684374" s="10"/>
    </row>
    <row r="684375" spans="14:14">
      <c r="N684375" s="10"/>
    </row>
    <row r="684376" spans="14:14">
      <c r="N684376" s="10"/>
    </row>
    <row r="684377" spans="14:14">
      <c r="N684377" s="10"/>
    </row>
    <row r="684378" spans="14:14">
      <c r="N684378" s="10"/>
    </row>
    <row r="684379" spans="14:14">
      <c r="N684379" s="10"/>
    </row>
    <row r="684380" spans="14:14">
      <c r="N684380" s="10"/>
    </row>
    <row r="684381" spans="14:14">
      <c r="N684381" s="10"/>
    </row>
    <row r="684382" spans="14:14">
      <c r="N684382" s="10"/>
    </row>
    <row r="684383" spans="14:14">
      <c r="N684383" s="10"/>
    </row>
    <row r="684384" spans="14:14">
      <c r="N684384" s="10"/>
    </row>
    <row r="684385" spans="14:14">
      <c r="N684385" s="10"/>
    </row>
    <row r="684386" spans="14:14">
      <c r="N684386" s="10"/>
    </row>
    <row r="684387" spans="14:14">
      <c r="N684387" s="10"/>
    </row>
    <row r="684388" spans="14:14">
      <c r="N684388" s="10"/>
    </row>
    <row r="684389" spans="14:14">
      <c r="N684389" s="10"/>
    </row>
    <row r="684390" spans="14:14">
      <c r="N684390" s="10"/>
    </row>
    <row r="684391" spans="14:14">
      <c r="N684391" s="10"/>
    </row>
    <row r="684392" spans="14:14">
      <c r="N684392" s="10"/>
    </row>
    <row r="684393" spans="14:14">
      <c r="N684393" s="10"/>
    </row>
    <row r="684394" spans="14:14">
      <c r="N684394" s="10"/>
    </row>
    <row r="684395" spans="14:14">
      <c r="N684395" s="10"/>
    </row>
    <row r="684396" spans="14:14">
      <c r="N684396" s="10"/>
    </row>
    <row r="684397" spans="14:14">
      <c r="N684397" s="10"/>
    </row>
    <row r="684398" spans="14:14">
      <c r="N684398" s="10"/>
    </row>
    <row r="684399" spans="14:14">
      <c r="N684399" s="10"/>
    </row>
    <row r="684400" spans="14:14">
      <c r="N684400" s="10"/>
    </row>
    <row r="684401" spans="14:14">
      <c r="N684401" s="10"/>
    </row>
    <row r="684402" spans="14:14">
      <c r="N684402" s="10"/>
    </row>
    <row r="684403" spans="14:14">
      <c r="N684403" s="10"/>
    </row>
    <row r="684404" spans="14:14">
      <c r="N684404" s="10"/>
    </row>
    <row r="684405" spans="14:14">
      <c r="N684405" s="10"/>
    </row>
    <row r="684406" spans="14:14">
      <c r="N684406" s="10"/>
    </row>
    <row r="684407" spans="14:14">
      <c r="N684407" s="10"/>
    </row>
    <row r="684408" spans="14:14">
      <c r="N684408" s="10"/>
    </row>
    <row r="684409" spans="14:14">
      <c r="N684409" s="10"/>
    </row>
    <row r="684410" spans="14:14">
      <c r="N684410" s="10"/>
    </row>
    <row r="684411" spans="14:14">
      <c r="N684411" s="10"/>
    </row>
    <row r="684412" spans="14:14">
      <c r="N684412" s="10"/>
    </row>
    <row r="684413" spans="14:14">
      <c r="N684413" s="10"/>
    </row>
    <row r="684414" spans="14:14">
      <c r="N684414" s="10"/>
    </row>
    <row r="684415" spans="14:14">
      <c r="N684415" s="10"/>
    </row>
    <row r="684416" spans="14:14">
      <c r="N684416" s="10"/>
    </row>
    <row r="684417" spans="14:14">
      <c r="N684417" s="10"/>
    </row>
    <row r="684418" spans="14:14">
      <c r="N684418" s="10"/>
    </row>
    <row r="684419" spans="14:14">
      <c r="N684419" s="10"/>
    </row>
    <row r="684420" spans="14:14">
      <c r="N684420" s="10"/>
    </row>
    <row r="684421" spans="14:14">
      <c r="N684421" s="10"/>
    </row>
    <row r="684422" spans="14:14">
      <c r="N684422" s="10"/>
    </row>
    <row r="684423" spans="14:14">
      <c r="N684423" s="10"/>
    </row>
    <row r="684424" spans="14:14">
      <c r="N684424" s="10"/>
    </row>
    <row r="684425" spans="14:14">
      <c r="N684425" s="10"/>
    </row>
    <row r="684426" spans="14:14">
      <c r="N684426" s="10"/>
    </row>
    <row r="684427" spans="14:14">
      <c r="N684427" s="10"/>
    </row>
    <row r="684428" spans="14:14">
      <c r="N684428" s="10"/>
    </row>
    <row r="684429" spans="14:14">
      <c r="N684429" s="10"/>
    </row>
    <row r="684430" spans="14:14">
      <c r="N684430" s="10"/>
    </row>
    <row r="684431" spans="14:14">
      <c r="N684431" s="10"/>
    </row>
    <row r="684432" spans="14:14">
      <c r="N684432" s="10"/>
    </row>
    <row r="684433" spans="14:14">
      <c r="N684433" s="10"/>
    </row>
    <row r="684434" spans="14:14">
      <c r="N684434" s="10"/>
    </row>
    <row r="684435" spans="14:14">
      <c r="N684435" s="10"/>
    </row>
    <row r="684436" spans="14:14">
      <c r="N684436" s="10"/>
    </row>
    <row r="684437" spans="14:14">
      <c r="N684437" s="10"/>
    </row>
    <row r="684438" spans="14:14">
      <c r="N684438" s="10"/>
    </row>
    <row r="684439" spans="14:14">
      <c r="N684439" s="10"/>
    </row>
    <row r="684440" spans="14:14">
      <c r="N684440" s="10"/>
    </row>
    <row r="684441" spans="14:14">
      <c r="N684441" s="10"/>
    </row>
    <row r="684442" spans="14:14">
      <c r="N684442" s="10"/>
    </row>
    <row r="684443" spans="14:14">
      <c r="N684443" s="10"/>
    </row>
    <row r="684444" spans="14:14">
      <c r="N684444" s="10"/>
    </row>
    <row r="684445" spans="14:14">
      <c r="N684445" s="10"/>
    </row>
    <row r="684446" spans="14:14">
      <c r="N684446" s="10"/>
    </row>
    <row r="684447" spans="14:14">
      <c r="N684447" s="10"/>
    </row>
    <row r="684448" spans="14:14">
      <c r="N684448" s="10"/>
    </row>
    <row r="684449" spans="14:14">
      <c r="N684449" s="10"/>
    </row>
    <row r="684450" spans="14:14">
      <c r="N684450" s="10"/>
    </row>
    <row r="684451" spans="14:14">
      <c r="N684451" s="10"/>
    </row>
    <row r="684452" spans="14:14">
      <c r="N684452" s="10"/>
    </row>
    <row r="684453" spans="14:14">
      <c r="N684453" s="10"/>
    </row>
    <row r="684454" spans="14:14">
      <c r="N684454" s="10"/>
    </row>
    <row r="684455" spans="14:14">
      <c r="N684455" s="10"/>
    </row>
    <row r="684456" spans="14:14">
      <c r="N684456" s="10"/>
    </row>
    <row r="684457" spans="14:14">
      <c r="N684457" s="10"/>
    </row>
    <row r="684458" spans="14:14">
      <c r="N684458" s="10"/>
    </row>
    <row r="684459" spans="14:14">
      <c r="N684459" s="10"/>
    </row>
    <row r="684460" spans="14:14">
      <c r="N684460" s="10"/>
    </row>
    <row r="684461" spans="14:14">
      <c r="N684461" s="10"/>
    </row>
    <row r="684462" spans="14:14">
      <c r="N684462" s="10"/>
    </row>
    <row r="684463" spans="14:14">
      <c r="N684463" s="10"/>
    </row>
    <row r="684464" spans="14:14">
      <c r="N684464" s="10"/>
    </row>
    <row r="684465" spans="14:14">
      <c r="N684465" s="10"/>
    </row>
    <row r="684466" spans="14:14">
      <c r="N684466" s="10"/>
    </row>
    <row r="684467" spans="14:14">
      <c r="N684467" s="10"/>
    </row>
    <row r="684468" spans="14:14">
      <c r="N684468" s="10"/>
    </row>
    <row r="684469" spans="14:14">
      <c r="N684469" s="10"/>
    </row>
    <row r="684470" spans="14:14">
      <c r="N684470" s="10"/>
    </row>
    <row r="684471" spans="14:14">
      <c r="N684471" s="10"/>
    </row>
    <row r="684472" spans="14:14">
      <c r="N684472" s="10"/>
    </row>
    <row r="684473" spans="14:14">
      <c r="N684473" s="10"/>
    </row>
    <row r="684474" spans="14:14">
      <c r="N684474" s="10"/>
    </row>
    <row r="684475" spans="14:14">
      <c r="N684475" s="10"/>
    </row>
    <row r="684476" spans="14:14">
      <c r="N684476" s="10"/>
    </row>
    <row r="684477" spans="14:14">
      <c r="N684477" s="10"/>
    </row>
    <row r="684478" spans="14:14">
      <c r="N684478" s="10"/>
    </row>
    <row r="684479" spans="14:14">
      <c r="N684479" s="10"/>
    </row>
    <row r="684480" spans="14:14">
      <c r="N684480" s="10"/>
    </row>
    <row r="684481" spans="14:14">
      <c r="N684481" s="10"/>
    </row>
    <row r="684482" spans="14:14">
      <c r="N684482" s="10"/>
    </row>
    <row r="684483" spans="14:14">
      <c r="N684483" s="10"/>
    </row>
    <row r="684484" spans="14:14">
      <c r="N684484" s="10"/>
    </row>
    <row r="684485" spans="14:14">
      <c r="N684485" s="10"/>
    </row>
    <row r="684486" spans="14:14">
      <c r="N684486" s="10"/>
    </row>
    <row r="684487" spans="14:14">
      <c r="N684487" s="10"/>
    </row>
    <row r="684488" spans="14:14">
      <c r="N684488" s="10"/>
    </row>
    <row r="684489" spans="14:14">
      <c r="N684489" s="10"/>
    </row>
    <row r="684490" spans="14:14">
      <c r="N684490" s="10"/>
    </row>
    <row r="684491" spans="14:14">
      <c r="N684491" s="10"/>
    </row>
    <row r="684492" spans="14:14">
      <c r="N684492" s="10"/>
    </row>
    <row r="684493" spans="14:14">
      <c r="N684493" s="10"/>
    </row>
    <row r="684494" spans="14:14">
      <c r="N684494" s="10"/>
    </row>
    <row r="684495" spans="14:14">
      <c r="N684495" s="10"/>
    </row>
    <row r="684496" spans="14:14">
      <c r="N684496" s="10"/>
    </row>
    <row r="684497" spans="14:14">
      <c r="N684497" s="10"/>
    </row>
    <row r="684498" spans="14:14">
      <c r="N684498" s="10"/>
    </row>
    <row r="684499" spans="14:14">
      <c r="N684499" s="10"/>
    </row>
    <row r="684500" spans="14:14">
      <c r="N684500" s="10"/>
    </row>
    <row r="684501" spans="14:14">
      <c r="N684501" s="10"/>
    </row>
    <row r="684502" spans="14:14">
      <c r="N684502" s="10"/>
    </row>
    <row r="684503" spans="14:14">
      <c r="N684503" s="10"/>
    </row>
    <row r="684504" spans="14:14">
      <c r="N684504" s="10"/>
    </row>
    <row r="684505" spans="14:14">
      <c r="N684505" s="10"/>
    </row>
    <row r="684506" spans="14:14">
      <c r="N684506" s="10"/>
    </row>
    <row r="684507" spans="14:14">
      <c r="N684507" s="10"/>
    </row>
    <row r="684508" spans="14:14">
      <c r="N684508" s="10"/>
    </row>
    <row r="684509" spans="14:14">
      <c r="N684509" s="10"/>
    </row>
    <row r="684510" spans="14:14">
      <c r="N684510" s="10"/>
    </row>
    <row r="684511" spans="14:14">
      <c r="N684511" s="10"/>
    </row>
    <row r="684512" spans="14:14">
      <c r="N684512" s="10"/>
    </row>
    <row r="684513" spans="14:14">
      <c r="N684513" s="10"/>
    </row>
    <row r="684514" spans="14:14">
      <c r="N684514" s="10"/>
    </row>
    <row r="684515" spans="14:14">
      <c r="N684515" s="10"/>
    </row>
    <row r="684516" spans="14:14">
      <c r="N684516" s="10"/>
    </row>
    <row r="684517" spans="14:14">
      <c r="N684517" s="10"/>
    </row>
    <row r="684518" spans="14:14">
      <c r="N684518" s="10"/>
    </row>
    <row r="684519" spans="14:14">
      <c r="N684519" s="10"/>
    </row>
    <row r="684520" spans="14:14">
      <c r="N684520" s="10"/>
    </row>
    <row r="684521" spans="14:14">
      <c r="N684521" s="10"/>
    </row>
    <row r="684522" spans="14:14">
      <c r="N684522" s="10"/>
    </row>
    <row r="684523" spans="14:14">
      <c r="N684523" s="10"/>
    </row>
    <row r="684524" spans="14:14">
      <c r="N684524" s="10"/>
    </row>
    <row r="684525" spans="14:14">
      <c r="N684525" s="10"/>
    </row>
    <row r="684526" spans="14:14">
      <c r="N684526" s="10"/>
    </row>
    <row r="684527" spans="14:14">
      <c r="N684527" s="10"/>
    </row>
    <row r="684528" spans="14:14">
      <c r="N684528" s="10"/>
    </row>
    <row r="684529" spans="14:14">
      <c r="N684529" s="10"/>
    </row>
    <row r="684530" spans="14:14">
      <c r="N684530" s="10"/>
    </row>
    <row r="684531" spans="14:14">
      <c r="N684531" s="10"/>
    </row>
    <row r="684532" spans="14:14">
      <c r="N684532" s="10"/>
    </row>
    <row r="684533" spans="14:14">
      <c r="N684533" s="10"/>
    </row>
    <row r="684534" spans="14:14">
      <c r="N684534" s="10"/>
    </row>
    <row r="684535" spans="14:14">
      <c r="N684535" s="10"/>
    </row>
    <row r="684536" spans="14:14">
      <c r="N684536" s="10"/>
    </row>
    <row r="684537" spans="14:14">
      <c r="N684537" s="10"/>
    </row>
    <row r="684538" spans="14:14">
      <c r="N684538" s="10"/>
    </row>
    <row r="684539" spans="14:14">
      <c r="N684539" s="10"/>
    </row>
    <row r="684540" spans="14:14">
      <c r="N684540" s="10"/>
    </row>
    <row r="684541" spans="14:14">
      <c r="N684541" s="10"/>
    </row>
    <row r="684542" spans="14:14">
      <c r="N684542" s="10"/>
    </row>
    <row r="684543" spans="14:14">
      <c r="N684543" s="10"/>
    </row>
    <row r="684544" spans="14:14">
      <c r="N684544" s="10"/>
    </row>
    <row r="684545" spans="14:14">
      <c r="N684545" s="10"/>
    </row>
    <row r="684546" spans="14:14">
      <c r="N684546" s="10"/>
    </row>
    <row r="684547" spans="14:14">
      <c r="N684547" s="10"/>
    </row>
    <row r="684548" spans="14:14">
      <c r="N684548" s="10"/>
    </row>
    <row r="684549" spans="14:14">
      <c r="N684549" s="10"/>
    </row>
    <row r="684550" spans="14:14">
      <c r="N684550" s="10"/>
    </row>
    <row r="684551" spans="14:14">
      <c r="N684551" s="10"/>
    </row>
    <row r="684552" spans="14:14">
      <c r="N684552" s="10"/>
    </row>
    <row r="684553" spans="14:14">
      <c r="N684553" s="10"/>
    </row>
    <row r="684554" spans="14:14">
      <c r="N684554" s="10"/>
    </row>
    <row r="684555" spans="14:14">
      <c r="N684555" s="10"/>
    </row>
    <row r="684556" spans="14:14">
      <c r="N684556" s="10"/>
    </row>
    <row r="684557" spans="14:14">
      <c r="N684557" s="10"/>
    </row>
    <row r="684558" spans="14:14">
      <c r="N684558" s="10"/>
    </row>
    <row r="684559" spans="14:14">
      <c r="N684559" s="10"/>
    </row>
    <row r="684560" spans="14:14">
      <c r="N684560" s="10"/>
    </row>
    <row r="684561" spans="14:14">
      <c r="N684561" s="10"/>
    </row>
    <row r="684562" spans="14:14">
      <c r="N684562" s="10"/>
    </row>
    <row r="684563" spans="14:14">
      <c r="N684563" s="10"/>
    </row>
    <row r="684564" spans="14:14">
      <c r="N684564" s="10"/>
    </row>
    <row r="684565" spans="14:14">
      <c r="N684565" s="10"/>
    </row>
    <row r="684566" spans="14:14">
      <c r="N684566" s="10"/>
    </row>
    <row r="684567" spans="14:14">
      <c r="N684567" s="10"/>
    </row>
    <row r="684568" spans="14:14">
      <c r="N684568" s="10"/>
    </row>
    <row r="684569" spans="14:14">
      <c r="N684569" s="10"/>
    </row>
    <row r="684570" spans="14:14">
      <c r="N684570" s="10"/>
    </row>
    <row r="684571" spans="14:14">
      <c r="N684571" s="10"/>
    </row>
    <row r="684572" spans="14:14">
      <c r="N684572" s="10"/>
    </row>
    <row r="684573" spans="14:14">
      <c r="N684573" s="10"/>
    </row>
    <row r="684574" spans="14:14">
      <c r="N684574" s="10"/>
    </row>
    <row r="684575" spans="14:14">
      <c r="N684575" s="10"/>
    </row>
    <row r="684576" spans="14:14">
      <c r="N684576" s="10"/>
    </row>
    <row r="684577" spans="14:14">
      <c r="N684577" s="10"/>
    </row>
    <row r="684578" spans="14:14">
      <c r="N684578" s="10"/>
    </row>
    <row r="684579" spans="14:14">
      <c r="N684579" s="10"/>
    </row>
    <row r="684580" spans="14:14">
      <c r="N684580" s="10"/>
    </row>
    <row r="684581" spans="14:14">
      <c r="N684581" s="10"/>
    </row>
    <row r="684582" spans="14:14">
      <c r="N684582" s="10"/>
    </row>
    <row r="684583" spans="14:14">
      <c r="N684583" s="10"/>
    </row>
    <row r="684584" spans="14:14">
      <c r="N684584" s="10"/>
    </row>
    <row r="684585" spans="14:14">
      <c r="N684585" s="10"/>
    </row>
    <row r="684586" spans="14:14">
      <c r="N684586" s="10"/>
    </row>
    <row r="684587" spans="14:14">
      <c r="N684587" s="10"/>
    </row>
    <row r="684588" spans="14:14">
      <c r="N684588" s="10"/>
    </row>
    <row r="684589" spans="14:14">
      <c r="N684589" s="10"/>
    </row>
    <row r="684590" spans="14:14">
      <c r="N684590" s="10"/>
    </row>
    <row r="684591" spans="14:14">
      <c r="N684591" s="10"/>
    </row>
    <row r="684592" spans="14:14">
      <c r="N684592" s="10"/>
    </row>
    <row r="684593" spans="14:14">
      <c r="N684593" s="10"/>
    </row>
    <row r="684594" spans="14:14">
      <c r="N684594" s="10"/>
    </row>
    <row r="684595" spans="14:14">
      <c r="N684595" s="10"/>
    </row>
    <row r="684596" spans="14:14">
      <c r="N684596" s="10"/>
    </row>
    <row r="684597" spans="14:14">
      <c r="N684597" s="10"/>
    </row>
    <row r="684598" spans="14:14">
      <c r="N684598" s="10"/>
    </row>
    <row r="684599" spans="14:14">
      <c r="N684599" s="10"/>
    </row>
    <row r="684600" spans="14:14">
      <c r="N684600" s="10"/>
    </row>
    <row r="684601" spans="14:14">
      <c r="N684601" s="10"/>
    </row>
    <row r="684602" spans="14:14">
      <c r="N684602" s="10"/>
    </row>
    <row r="684603" spans="14:14">
      <c r="N684603" s="10"/>
    </row>
    <row r="684604" spans="14:14">
      <c r="N684604" s="10"/>
    </row>
    <row r="684605" spans="14:14">
      <c r="N684605" s="10"/>
    </row>
    <row r="684606" spans="14:14">
      <c r="N684606" s="10"/>
    </row>
    <row r="684607" spans="14:14">
      <c r="N684607" s="10"/>
    </row>
    <row r="684608" spans="14:14">
      <c r="N684608" s="10"/>
    </row>
    <row r="684609" spans="14:14">
      <c r="N684609" s="10"/>
    </row>
    <row r="684610" spans="14:14">
      <c r="N684610" s="10"/>
    </row>
    <row r="684611" spans="14:14">
      <c r="N684611" s="10"/>
    </row>
    <row r="684612" spans="14:14">
      <c r="N684612" s="10"/>
    </row>
    <row r="684613" spans="14:14">
      <c r="N684613" s="10"/>
    </row>
    <row r="684614" spans="14:14">
      <c r="N684614" s="10"/>
    </row>
    <row r="684615" spans="14:14">
      <c r="N684615" s="10"/>
    </row>
    <row r="684616" spans="14:14">
      <c r="N684616" s="10"/>
    </row>
    <row r="684617" spans="14:14">
      <c r="N684617" s="10"/>
    </row>
    <row r="684618" spans="14:14">
      <c r="N684618" s="10"/>
    </row>
    <row r="684619" spans="14:14">
      <c r="N684619" s="10"/>
    </row>
    <row r="684620" spans="14:14">
      <c r="N684620" s="10"/>
    </row>
    <row r="684621" spans="14:14">
      <c r="N684621" s="10"/>
    </row>
    <row r="684622" spans="14:14">
      <c r="N684622" s="10"/>
    </row>
    <row r="684623" spans="14:14">
      <c r="N684623" s="10"/>
    </row>
    <row r="684624" spans="14:14">
      <c r="N684624" s="10"/>
    </row>
    <row r="684625" spans="14:14">
      <c r="N684625" s="10"/>
    </row>
    <row r="684626" spans="14:14">
      <c r="N684626" s="10"/>
    </row>
    <row r="684627" spans="14:14">
      <c r="N684627" s="10"/>
    </row>
    <row r="684628" spans="14:14">
      <c r="N684628" s="10"/>
    </row>
    <row r="684629" spans="14:14">
      <c r="N684629" s="10"/>
    </row>
    <row r="684630" spans="14:14">
      <c r="N684630" s="10"/>
    </row>
    <row r="684631" spans="14:14">
      <c r="N684631" s="10"/>
    </row>
    <row r="684632" spans="14:14">
      <c r="N684632" s="10"/>
    </row>
    <row r="684633" spans="14:14">
      <c r="N684633" s="10"/>
    </row>
    <row r="684634" spans="14:14">
      <c r="N684634" s="10"/>
    </row>
    <row r="684635" spans="14:14">
      <c r="N684635" s="10"/>
    </row>
    <row r="684636" spans="14:14">
      <c r="N684636" s="10"/>
    </row>
    <row r="684637" spans="14:14">
      <c r="N684637" s="10"/>
    </row>
    <row r="684638" spans="14:14">
      <c r="N684638" s="10"/>
    </row>
    <row r="684639" spans="14:14">
      <c r="N684639" s="10"/>
    </row>
    <row r="684640" spans="14:14">
      <c r="N684640" s="10"/>
    </row>
    <row r="684641" spans="14:14">
      <c r="N684641" s="10"/>
    </row>
    <row r="684642" spans="14:14">
      <c r="N684642" s="10"/>
    </row>
    <row r="684643" spans="14:14">
      <c r="N684643" s="10"/>
    </row>
    <row r="684644" spans="14:14">
      <c r="N684644" s="10"/>
    </row>
    <row r="684645" spans="14:14">
      <c r="N684645" s="10"/>
    </row>
    <row r="684646" spans="14:14">
      <c r="N684646" s="10"/>
    </row>
    <row r="684647" spans="14:14">
      <c r="N684647" s="10"/>
    </row>
    <row r="684648" spans="14:14">
      <c r="N684648" s="10"/>
    </row>
    <row r="684649" spans="14:14">
      <c r="N684649" s="10"/>
    </row>
    <row r="684650" spans="14:14">
      <c r="N684650" s="10"/>
    </row>
    <row r="684651" spans="14:14">
      <c r="N684651" s="10"/>
    </row>
    <row r="684652" spans="14:14">
      <c r="N684652" s="10"/>
    </row>
    <row r="684653" spans="14:14">
      <c r="N684653" s="10"/>
    </row>
    <row r="684654" spans="14:14">
      <c r="N684654" s="10"/>
    </row>
    <row r="684655" spans="14:14">
      <c r="N684655" s="10"/>
    </row>
    <row r="684656" spans="14:14">
      <c r="N684656" s="10"/>
    </row>
    <row r="684657" spans="14:14">
      <c r="N684657" s="10"/>
    </row>
    <row r="684658" spans="14:14">
      <c r="N684658" s="10"/>
    </row>
    <row r="684659" spans="14:14">
      <c r="N684659" s="10"/>
    </row>
    <row r="684660" spans="14:14">
      <c r="N684660" s="10"/>
    </row>
    <row r="684661" spans="14:14">
      <c r="N684661" s="10"/>
    </row>
    <row r="684662" spans="14:14">
      <c r="N684662" s="10"/>
    </row>
    <row r="684663" spans="14:14">
      <c r="N684663" s="10"/>
    </row>
    <row r="684664" spans="14:14">
      <c r="N684664" s="10"/>
    </row>
    <row r="684665" spans="14:14">
      <c r="N684665" s="10"/>
    </row>
    <row r="684666" spans="14:14">
      <c r="N684666" s="10"/>
    </row>
    <row r="684667" spans="14:14">
      <c r="N684667" s="10"/>
    </row>
    <row r="684668" spans="14:14">
      <c r="N684668" s="10"/>
    </row>
    <row r="684669" spans="14:14">
      <c r="N684669" s="10"/>
    </row>
    <row r="684670" spans="14:14">
      <c r="N684670" s="10"/>
    </row>
    <row r="684671" spans="14:14">
      <c r="N684671" s="10"/>
    </row>
    <row r="684672" spans="14:14">
      <c r="N684672" s="10"/>
    </row>
    <row r="684673" spans="14:14">
      <c r="N684673" s="10"/>
    </row>
    <row r="684674" spans="14:14">
      <c r="N684674" s="10"/>
    </row>
    <row r="684675" spans="14:14">
      <c r="N684675" s="10"/>
    </row>
    <row r="684676" spans="14:14">
      <c r="N684676" s="10"/>
    </row>
    <row r="684677" spans="14:14">
      <c r="N684677" s="10"/>
    </row>
    <row r="684678" spans="14:14">
      <c r="N684678" s="10"/>
    </row>
    <row r="684679" spans="14:14">
      <c r="N684679" s="10"/>
    </row>
    <row r="684680" spans="14:14">
      <c r="N684680" s="10"/>
    </row>
    <row r="684681" spans="14:14">
      <c r="N684681" s="10"/>
    </row>
    <row r="684682" spans="14:14">
      <c r="N684682" s="10"/>
    </row>
    <row r="684683" spans="14:14">
      <c r="N684683" s="10"/>
    </row>
    <row r="684684" spans="14:14">
      <c r="N684684" s="10"/>
    </row>
    <row r="684685" spans="14:14">
      <c r="N684685" s="10"/>
    </row>
    <row r="684686" spans="14:14">
      <c r="N684686" s="10"/>
    </row>
    <row r="684687" spans="14:14">
      <c r="N684687" s="10"/>
    </row>
    <row r="684688" spans="14:14">
      <c r="N684688" s="10"/>
    </row>
    <row r="684689" spans="14:14">
      <c r="N684689" s="10"/>
    </row>
    <row r="684690" spans="14:14">
      <c r="N684690" s="10"/>
    </row>
    <row r="684691" spans="14:14">
      <c r="N684691" s="10"/>
    </row>
    <row r="684692" spans="14:14">
      <c r="N684692" s="10"/>
    </row>
    <row r="684693" spans="14:14">
      <c r="N684693" s="10"/>
    </row>
    <row r="684694" spans="14:14">
      <c r="N684694" s="10"/>
    </row>
    <row r="684695" spans="14:14">
      <c r="N684695" s="10"/>
    </row>
    <row r="684696" spans="14:14">
      <c r="N684696" s="10"/>
    </row>
    <row r="684697" spans="14:14">
      <c r="N684697" s="10"/>
    </row>
    <row r="684698" spans="14:14">
      <c r="N684698" s="10"/>
    </row>
    <row r="684699" spans="14:14">
      <c r="N684699" s="10"/>
    </row>
    <row r="684700" spans="14:14">
      <c r="N684700" s="10"/>
    </row>
    <row r="684701" spans="14:14">
      <c r="N684701" s="10"/>
    </row>
    <row r="684702" spans="14:14">
      <c r="N684702" s="10"/>
    </row>
    <row r="684703" spans="14:14">
      <c r="N684703" s="10"/>
    </row>
    <row r="684704" spans="14:14">
      <c r="N684704" s="10"/>
    </row>
    <row r="684705" spans="14:14">
      <c r="N684705" s="10"/>
    </row>
    <row r="684706" spans="14:14">
      <c r="N684706" s="10"/>
    </row>
    <row r="684707" spans="14:14">
      <c r="N684707" s="10"/>
    </row>
    <row r="684708" spans="14:14">
      <c r="N684708" s="10"/>
    </row>
    <row r="684709" spans="14:14">
      <c r="N684709" s="10"/>
    </row>
    <row r="684710" spans="14:14">
      <c r="N684710" s="10"/>
    </row>
    <row r="684711" spans="14:14">
      <c r="N684711" s="10"/>
    </row>
    <row r="684712" spans="14:14">
      <c r="N684712" s="10"/>
    </row>
    <row r="684713" spans="14:14">
      <c r="N684713" s="10"/>
    </row>
    <row r="684714" spans="14:14">
      <c r="N684714" s="10"/>
    </row>
    <row r="684715" spans="14:14">
      <c r="N684715" s="10"/>
    </row>
    <row r="684716" spans="14:14">
      <c r="N684716" s="10"/>
    </row>
    <row r="684717" spans="14:14">
      <c r="N684717" s="10"/>
    </row>
    <row r="684718" spans="14:14">
      <c r="N684718" s="10"/>
    </row>
    <row r="684719" spans="14:14">
      <c r="N684719" s="10"/>
    </row>
    <row r="684720" spans="14:14">
      <c r="N684720" s="10"/>
    </row>
    <row r="684721" spans="14:14">
      <c r="N684721" s="10"/>
    </row>
    <row r="684722" spans="14:14">
      <c r="N684722" s="10"/>
    </row>
    <row r="684723" spans="14:14">
      <c r="N684723" s="10"/>
    </row>
    <row r="684724" spans="14:14">
      <c r="N684724" s="10"/>
    </row>
    <row r="684725" spans="14:14">
      <c r="N684725" s="10"/>
    </row>
    <row r="684726" spans="14:14">
      <c r="N684726" s="10"/>
    </row>
    <row r="684727" spans="14:14">
      <c r="N684727" s="10"/>
    </row>
    <row r="684728" spans="14:14">
      <c r="N684728" s="10"/>
    </row>
    <row r="684729" spans="14:14">
      <c r="N684729" s="10"/>
    </row>
    <row r="684730" spans="14:14">
      <c r="N684730" s="10"/>
    </row>
    <row r="684731" spans="14:14">
      <c r="N684731" s="10"/>
    </row>
    <row r="684732" spans="14:14">
      <c r="N684732" s="10"/>
    </row>
    <row r="684733" spans="14:14">
      <c r="N684733" s="10"/>
    </row>
    <row r="684734" spans="14:14">
      <c r="N684734" s="10"/>
    </row>
    <row r="684735" spans="14:14">
      <c r="N684735" s="10"/>
    </row>
    <row r="684736" spans="14:14">
      <c r="N684736" s="10"/>
    </row>
    <row r="684737" spans="14:14">
      <c r="N684737" s="10"/>
    </row>
    <row r="684738" spans="14:14">
      <c r="N684738" s="10"/>
    </row>
    <row r="684739" spans="14:14">
      <c r="N684739" s="10"/>
    </row>
    <row r="684740" spans="14:14">
      <c r="N684740" s="10"/>
    </row>
    <row r="684741" spans="14:14">
      <c r="N684741" s="10"/>
    </row>
    <row r="684742" spans="14:14">
      <c r="N684742" s="10"/>
    </row>
    <row r="684743" spans="14:14">
      <c r="N684743" s="10"/>
    </row>
    <row r="684744" spans="14:14">
      <c r="N684744" s="10"/>
    </row>
    <row r="684745" spans="14:14">
      <c r="N684745" s="10"/>
    </row>
    <row r="684746" spans="14:14">
      <c r="N684746" s="10"/>
    </row>
    <row r="684747" spans="14:14">
      <c r="N684747" s="10"/>
    </row>
    <row r="684748" spans="14:14">
      <c r="N684748" s="10"/>
    </row>
    <row r="684749" spans="14:14">
      <c r="N684749" s="10"/>
    </row>
    <row r="684750" spans="14:14">
      <c r="N684750" s="10"/>
    </row>
    <row r="684751" spans="14:14">
      <c r="N684751" s="10"/>
    </row>
    <row r="684752" spans="14:14">
      <c r="N684752" s="10"/>
    </row>
    <row r="684753" spans="14:14">
      <c r="N684753" s="10"/>
    </row>
    <row r="684754" spans="14:14">
      <c r="N684754" s="10"/>
    </row>
    <row r="684755" spans="14:14">
      <c r="N684755" s="10"/>
    </row>
    <row r="684756" spans="14:14">
      <c r="N684756" s="10"/>
    </row>
    <row r="684757" spans="14:14">
      <c r="N684757" s="10"/>
    </row>
    <row r="684758" spans="14:14">
      <c r="N684758" s="10"/>
    </row>
    <row r="684759" spans="14:14">
      <c r="N684759" s="10"/>
    </row>
    <row r="684760" spans="14:14">
      <c r="N684760" s="10"/>
    </row>
    <row r="684761" spans="14:14">
      <c r="N684761" s="10"/>
    </row>
    <row r="684762" spans="14:14">
      <c r="N684762" s="10"/>
    </row>
    <row r="684763" spans="14:14">
      <c r="N684763" s="10"/>
    </row>
    <row r="684764" spans="14:14">
      <c r="N684764" s="10"/>
    </row>
    <row r="684765" spans="14:14">
      <c r="N684765" s="10"/>
    </row>
    <row r="684766" spans="14:14">
      <c r="N684766" s="10"/>
    </row>
    <row r="684767" spans="14:14">
      <c r="N684767" s="10"/>
    </row>
    <row r="684768" spans="14:14">
      <c r="N684768" s="10"/>
    </row>
    <row r="684769" spans="14:14">
      <c r="N684769" s="10"/>
    </row>
    <row r="684770" spans="14:14">
      <c r="N684770" s="10"/>
    </row>
    <row r="684771" spans="14:14">
      <c r="N684771" s="10"/>
    </row>
    <row r="684772" spans="14:14">
      <c r="N684772" s="10"/>
    </row>
    <row r="684773" spans="14:14">
      <c r="N684773" s="10"/>
    </row>
    <row r="684774" spans="14:14">
      <c r="N684774" s="10"/>
    </row>
    <row r="684775" spans="14:14">
      <c r="N684775" s="10"/>
    </row>
    <row r="684776" spans="14:14">
      <c r="N684776" s="10"/>
    </row>
    <row r="684777" spans="14:14">
      <c r="N684777" s="10"/>
    </row>
    <row r="684778" spans="14:14">
      <c r="N684778" s="10"/>
    </row>
    <row r="684779" spans="14:14">
      <c r="N684779" s="10"/>
    </row>
    <row r="684780" spans="14:14">
      <c r="N684780" s="10"/>
    </row>
    <row r="684781" spans="14:14">
      <c r="N684781" s="10"/>
    </row>
    <row r="684782" spans="14:14">
      <c r="N684782" s="10"/>
    </row>
    <row r="684783" spans="14:14">
      <c r="N684783" s="10"/>
    </row>
    <row r="684784" spans="14:14">
      <c r="N684784" s="10"/>
    </row>
    <row r="684785" spans="14:14">
      <c r="N684785" s="10"/>
    </row>
    <row r="684786" spans="14:14">
      <c r="N684786" s="10"/>
    </row>
    <row r="684787" spans="14:14">
      <c r="N684787" s="10"/>
    </row>
    <row r="684788" spans="14:14">
      <c r="N684788" s="10"/>
    </row>
    <row r="684789" spans="14:14">
      <c r="N684789" s="10"/>
    </row>
    <row r="684790" spans="14:14">
      <c r="N684790" s="10"/>
    </row>
    <row r="684791" spans="14:14">
      <c r="N684791" s="10"/>
    </row>
    <row r="684792" spans="14:14">
      <c r="N684792" s="10"/>
    </row>
    <row r="684793" spans="14:14">
      <c r="N684793" s="10"/>
    </row>
    <row r="684794" spans="14:14">
      <c r="N684794" s="10"/>
    </row>
    <row r="684795" spans="14:14">
      <c r="N684795" s="10"/>
    </row>
    <row r="684796" spans="14:14">
      <c r="N684796" s="10"/>
    </row>
    <row r="684797" spans="14:14">
      <c r="N684797" s="10"/>
    </row>
    <row r="684798" spans="14:14">
      <c r="N684798" s="10"/>
    </row>
    <row r="684799" spans="14:14">
      <c r="N684799" s="10"/>
    </row>
    <row r="684800" spans="14:14">
      <c r="N684800" s="10"/>
    </row>
    <row r="684801" spans="14:14">
      <c r="N684801" s="10"/>
    </row>
    <row r="684802" spans="14:14">
      <c r="N684802" s="10"/>
    </row>
    <row r="684803" spans="14:14">
      <c r="N684803" s="10"/>
    </row>
    <row r="684804" spans="14:14">
      <c r="N684804" s="10"/>
    </row>
    <row r="684805" spans="14:14">
      <c r="N684805" s="10"/>
    </row>
    <row r="684806" spans="14:14">
      <c r="N684806" s="10"/>
    </row>
    <row r="684807" spans="14:14">
      <c r="N684807" s="10"/>
    </row>
    <row r="684808" spans="14:14">
      <c r="N684808" s="10"/>
    </row>
    <row r="684809" spans="14:14">
      <c r="N684809" s="10"/>
    </row>
    <row r="684810" spans="14:14">
      <c r="N684810" s="10"/>
    </row>
    <row r="684811" spans="14:14">
      <c r="N684811" s="10"/>
    </row>
    <row r="684812" spans="14:14">
      <c r="N684812" s="10"/>
    </row>
    <row r="684813" spans="14:14">
      <c r="N684813" s="10"/>
    </row>
    <row r="684814" spans="14:14">
      <c r="N684814" s="10"/>
    </row>
    <row r="684815" spans="14:14">
      <c r="N684815" s="10"/>
    </row>
    <row r="684816" spans="14:14">
      <c r="N684816" s="10"/>
    </row>
    <row r="684817" spans="14:14">
      <c r="N684817" s="10"/>
    </row>
    <row r="684818" spans="14:14">
      <c r="N684818" s="10"/>
    </row>
    <row r="684819" spans="14:14">
      <c r="N684819" s="10"/>
    </row>
    <row r="684820" spans="14:14">
      <c r="N684820" s="10"/>
    </row>
    <row r="684821" spans="14:14">
      <c r="N684821" s="10"/>
    </row>
    <row r="684822" spans="14:14">
      <c r="N684822" s="10"/>
    </row>
    <row r="684823" spans="14:14">
      <c r="N684823" s="10"/>
    </row>
    <row r="684824" spans="14:14">
      <c r="N684824" s="10"/>
    </row>
    <row r="684825" spans="14:14">
      <c r="N684825" s="10"/>
    </row>
    <row r="684826" spans="14:14">
      <c r="N684826" s="10"/>
    </row>
    <row r="684827" spans="14:14">
      <c r="N684827" s="10"/>
    </row>
    <row r="684828" spans="14:14">
      <c r="N684828" s="10"/>
    </row>
    <row r="684829" spans="14:14">
      <c r="N684829" s="10"/>
    </row>
    <row r="684830" spans="14:14">
      <c r="N684830" s="10"/>
    </row>
    <row r="684831" spans="14:14">
      <c r="N684831" s="10"/>
    </row>
    <row r="684832" spans="14:14">
      <c r="N684832" s="10"/>
    </row>
    <row r="684833" spans="14:14">
      <c r="N684833" s="10"/>
    </row>
    <row r="684834" spans="14:14">
      <c r="N684834" s="10"/>
    </row>
    <row r="684835" spans="14:14">
      <c r="N684835" s="10"/>
    </row>
    <row r="684836" spans="14:14">
      <c r="N684836" s="10"/>
    </row>
    <row r="684837" spans="14:14">
      <c r="N684837" s="10"/>
    </row>
    <row r="684838" spans="14:14">
      <c r="N684838" s="10"/>
    </row>
    <row r="684839" spans="14:14">
      <c r="N684839" s="10"/>
    </row>
    <row r="684840" spans="14:14">
      <c r="N684840" s="10"/>
    </row>
    <row r="684841" spans="14:14">
      <c r="N684841" s="10"/>
    </row>
    <row r="684842" spans="14:14">
      <c r="N684842" s="10"/>
    </row>
    <row r="684843" spans="14:14">
      <c r="N684843" s="10"/>
    </row>
    <row r="684844" spans="14:14">
      <c r="N684844" s="10"/>
    </row>
    <row r="684845" spans="14:14">
      <c r="N684845" s="10"/>
    </row>
    <row r="684846" spans="14:14">
      <c r="N684846" s="10"/>
    </row>
    <row r="684847" spans="14:14">
      <c r="N684847" s="10"/>
    </row>
    <row r="684848" spans="14:14">
      <c r="N684848" s="10"/>
    </row>
    <row r="684849" spans="14:14">
      <c r="N684849" s="10"/>
    </row>
    <row r="684850" spans="14:14">
      <c r="N684850" s="10"/>
    </row>
    <row r="684851" spans="14:14">
      <c r="N684851" s="10"/>
    </row>
    <row r="684852" spans="14:14">
      <c r="N684852" s="10"/>
    </row>
    <row r="684853" spans="14:14">
      <c r="N684853" s="10"/>
    </row>
    <row r="684854" spans="14:14">
      <c r="N684854" s="10"/>
    </row>
    <row r="684855" spans="14:14">
      <c r="N684855" s="10"/>
    </row>
    <row r="684856" spans="14:14">
      <c r="N684856" s="10"/>
    </row>
    <row r="684857" spans="14:14">
      <c r="N684857" s="10"/>
    </row>
    <row r="684858" spans="14:14">
      <c r="N684858" s="10"/>
    </row>
    <row r="684859" spans="14:14">
      <c r="N684859" s="10"/>
    </row>
    <row r="684860" spans="14:14">
      <c r="N684860" s="10"/>
    </row>
    <row r="684861" spans="14:14">
      <c r="N684861" s="10"/>
    </row>
    <row r="684862" spans="14:14">
      <c r="N684862" s="10"/>
    </row>
    <row r="684863" spans="14:14">
      <c r="N684863" s="10"/>
    </row>
    <row r="684864" spans="14:14">
      <c r="N684864" s="10"/>
    </row>
    <row r="684865" spans="14:14">
      <c r="N684865" s="10"/>
    </row>
    <row r="684866" spans="14:14">
      <c r="N684866" s="10"/>
    </row>
    <row r="684867" spans="14:14">
      <c r="N684867" s="10"/>
    </row>
    <row r="684868" spans="14:14">
      <c r="N684868" s="10"/>
    </row>
    <row r="684869" spans="14:14">
      <c r="N684869" s="10"/>
    </row>
    <row r="684870" spans="14:14">
      <c r="N684870" s="10"/>
    </row>
    <row r="684871" spans="14:14">
      <c r="N684871" s="10"/>
    </row>
    <row r="684872" spans="14:14">
      <c r="N684872" s="10"/>
    </row>
    <row r="684873" spans="14:14">
      <c r="N684873" s="10"/>
    </row>
    <row r="684874" spans="14:14">
      <c r="N684874" s="10"/>
    </row>
    <row r="684875" spans="14:14">
      <c r="N684875" s="10"/>
    </row>
    <row r="684876" spans="14:14">
      <c r="N684876" s="10"/>
    </row>
    <row r="684877" spans="14:14">
      <c r="N684877" s="10"/>
    </row>
    <row r="684878" spans="14:14">
      <c r="N684878" s="10"/>
    </row>
    <row r="684879" spans="14:14">
      <c r="N684879" s="10"/>
    </row>
    <row r="684880" spans="14:14">
      <c r="N684880" s="10"/>
    </row>
    <row r="684881" spans="14:14">
      <c r="N684881" s="10"/>
    </row>
    <row r="684882" spans="14:14">
      <c r="N684882" s="10"/>
    </row>
    <row r="684883" spans="14:14">
      <c r="N684883" s="10"/>
    </row>
    <row r="684884" spans="14:14">
      <c r="N684884" s="10"/>
    </row>
    <row r="684885" spans="14:14">
      <c r="N684885" s="10"/>
    </row>
    <row r="684886" spans="14:14">
      <c r="N684886" s="10"/>
    </row>
    <row r="684887" spans="14:14">
      <c r="N684887" s="10"/>
    </row>
    <row r="684888" spans="14:14">
      <c r="N684888" s="10"/>
    </row>
    <row r="684889" spans="14:14">
      <c r="N684889" s="10"/>
    </row>
    <row r="684890" spans="14:14">
      <c r="N684890" s="10"/>
    </row>
    <row r="684891" spans="14:14">
      <c r="N684891" s="10"/>
    </row>
    <row r="684892" spans="14:14">
      <c r="N684892" s="10"/>
    </row>
    <row r="684893" spans="14:14">
      <c r="N684893" s="10"/>
    </row>
    <row r="684894" spans="14:14">
      <c r="N684894" s="10"/>
    </row>
    <row r="684895" spans="14:14">
      <c r="N684895" s="10"/>
    </row>
    <row r="684896" spans="14:14">
      <c r="N684896" s="10"/>
    </row>
    <row r="684897" spans="14:14">
      <c r="N684897" s="10"/>
    </row>
    <row r="684898" spans="14:14">
      <c r="N684898" s="10"/>
    </row>
    <row r="684899" spans="14:14">
      <c r="N684899" s="10"/>
    </row>
    <row r="684900" spans="14:14">
      <c r="N684900" s="10"/>
    </row>
    <row r="684901" spans="14:14">
      <c r="N684901" s="10"/>
    </row>
    <row r="684902" spans="14:14">
      <c r="N684902" s="10"/>
    </row>
    <row r="684903" spans="14:14">
      <c r="N684903" s="10"/>
    </row>
    <row r="684904" spans="14:14">
      <c r="N684904" s="10"/>
    </row>
    <row r="684905" spans="14:14">
      <c r="N684905" s="10"/>
    </row>
    <row r="684906" spans="14:14">
      <c r="N684906" s="10"/>
    </row>
    <row r="684907" spans="14:14">
      <c r="N684907" s="10"/>
    </row>
    <row r="684908" spans="14:14">
      <c r="N684908" s="10"/>
    </row>
    <row r="684909" spans="14:14">
      <c r="N684909" s="10"/>
    </row>
    <row r="684910" spans="14:14">
      <c r="N684910" s="10"/>
    </row>
    <row r="684911" spans="14:14">
      <c r="N684911" s="10"/>
    </row>
    <row r="684912" spans="14:14">
      <c r="N684912" s="10"/>
    </row>
    <row r="684913" spans="14:14">
      <c r="N684913" s="10"/>
    </row>
    <row r="684914" spans="14:14">
      <c r="N684914" s="10"/>
    </row>
    <row r="684915" spans="14:14">
      <c r="N684915" s="10"/>
    </row>
    <row r="684916" spans="14:14">
      <c r="N684916" s="10"/>
    </row>
    <row r="684917" spans="14:14">
      <c r="N684917" s="10"/>
    </row>
    <row r="684918" spans="14:14">
      <c r="N684918" s="10"/>
    </row>
    <row r="684919" spans="14:14">
      <c r="N684919" s="10"/>
    </row>
    <row r="684920" spans="14:14">
      <c r="N684920" s="10"/>
    </row>
    <row r="684921" spans="14:14">
      <c r="N684921" s="10"/>
    </row>
    <row r="684922" spans="14:14">
      <c r="N684922" s="10"/>
    </row>
    <row r="684923" spans="14:14">
      <c r="N684923" s="10"/>
    </row>
    <row r="684924" spans="14:14">
      <c r="N684924" s="10"/>
    </row>
    <row r="684925" spans="14:14">
      <c r="N684925" s="10"/>
    </row>
    <row r="684926" spans="14:14">
      <c r="N684926" s="10"/>
    </row>
    <row r="684927" spans="14:14">
      <c r="N684927" s="10"/>
    </row>
    <row r="684928" spans="14:14">
      <c r="N684928" s="10"/>
    </row>
    <row r="684929" spans="14:14">
      <c r="N684929" s="10"/>
    </row>
    <row r="684930" spans="14:14">
      <c r="N684930" s="10"/>
    </row>
    <row r="684931" spans="14:14">
      <c r="N684931" s="10"/>
    </row>
    <row r="684932" spans="14:14">
      <c r="N684932" s="10"/>
    </row>
    <row r="684933" spans="14:14">
      <c r="N684933" s="10"/>
    </row>
    <row r="684934" spans="14:14">
      <c r="N684934" s="10"/>
    </row>
    <row r="684935" spans="14:14">
      <c r="N684935" s="10"/>
    </row>
    <row r="684936" spans="14:14">
      <c r="N684936" s="10"/>
    </row>
    <row r="684937" spans="14:14">
      <c r="N684937" s="10"/>
    </row>
    <row r="684938" spans="14:14">
      <c r="N684938" s="10"/>
    </row>
    <row r="684939" spans="14:14">
      <c r="N684939" s="10"/>
    </row>
    <row r="684940" spans="14:14">
      <c r="N684940" s="10"/>
    </row>
    <row r="684941" spans="14:14">
      <c r="N684941" s="10"/>
    </row>
    <row r="684942" spans="14:14">
      <c r="N684942" s="10"/>
    </row>
    <row r="684943" spans="14:14">
      <c r="N684943" s="10"/>
    </row>
    <row r="684944" spans="14:14">
      <c r="N684944" s="10"/>
    </row>
    <row r="684945" spans="14:14">
      <c r="N684945" s="10"/>
    </row>
    <row r="684946" spans="14:14">
      <c r="N684946" s="10"/>
    </row>
    <row r="684947" spans="14:14">
      <c r="N684947" s="10"/>
    </row>
    <row r="684948" spans="14:14">
      <c r="N684948" s="10"/>
    </row>
    <row r="684949" spans="14:14">
      <c r="N684949" s="10"/>
    </row>
    <row r="684950" spans="14:14">
      <c r="N684950" s="10"/>
    </row>
    <row r="684951" spans="14:14">
      <c r="N684951" s="10"/>
    </row>
    <row r="684952" spans="14:14">
      <c r="N684952" s="10"/>
    </row>
    <row r="684953" spans="14:14">
      <c r="N684953" s="10"/>
    </row>
    <row r="684954" spans="14:14">
      <c r="N684954" s="10"/>
    </row>
    <row r="684955" spans="14:14">
      <c r="N684955" s="10"/>
    </row>
    <row r="684956" spans="14:14">
      <c r="N684956" s="10"/>
    </row>
    <row r="684957" spans="14:14">
      <c r="N684957" s="10"/>
    </row>
    <row r="684958" spans="14:14">
      <c r="N684958" s="10"/>
    </row>
    <row r="684959" spans="14:14">
      <c r="N684959" s="10"/>
    </row>
    <row r="684960" spans="14:14">
      <c r="N684960" s="10"/>
    </row>
    <row r="684961" spans="14:14">
      <c r="N684961" s="10"/>
    </row>
    <row r="684962" spans="14:14">
      <c r="N684962" s="10"/>
    </row>
    <row r="684963" spans="14:14">
      <c r="N684963" s="10"/>
    </row>
    <row r="684964" spans="14:14">
      <c r="N684964" s="10"/>
    </row>
    <row r="684965" spans="14:14">
      <c r="N684965" s="10"/>
    </row>
    <row r="684966" spans="14:14">
      <c r="N684966" s="10"/>
    </row>
    <row r="684967" spans="14:14">
      <c r="N684967" s="10"/>
    </row>
    <row r="684968" spans="14:14">
      <c r="N684968" s="10"/>
    </row>
    <row r="684969" spans="14:14">
      <c r="N684969" s="10"/>
    </row>
    <row r="684970" spans="14:14">
      <c r="N684970" s="10"/>
    </row>
    <row r="684971" spans="14:14">
      <c r="N684971" s="10"/>
    </row>
    <row r="684972" spans="14:14">
      <c r="N684972" s="10"/>
    </row>
    <row r="684973" spans="14:14">
      <c r="N684973" s="10"/>
    </row>
    <row r="684974" spans="14:14">
      <c r="N684974" s="10"/>
    </row>
    <row r="684975" spans="14:14">
      <c r="N684975" s="10"/>
    </row>
    <row r="684976" spans="14:14">
      <c r="N684976" s="10"/>
    </row>
    <row r="684977" spans="14:14">
      <c r="N684977" s="10"/>
    </row>
    <row r="684978" spans="14:14">
      <c r="N684978" s="10"/>
    </row>
    <row r="684979" spans="14:14">
      <c r="N684979" s="10"/>
    </row>
    <row r="684980" spans="14:14">
      <c r="N684980" s="10"/>
    </row>
    <row r="684981" spans="14:14">
      <c r="N684981" s="10"/>
    </row>
    <row r="684982" spans="14:14">
      <c r="N684982" s="10"/>
    </row>
    <row r="684983" spans="14:14">
      <c r="N684983" s="10"/>
    </row>
    <row r="684984" spans="14:14">
      <c r="N684984" s="10"/>
    </row>
    <row r="684985" spans="14:14">
      <c r="N684985" s="10"/>
    </row>
    <row r="684986" spans="14:14">
      <c r="N684986" s="10"/>
    </row>
    <row r="684987" spans="14:14">
      <c r="N684987" s="10"/>
    </row>
    <row r="684988" spans="14:14">
      <c r="N684988" s="10"/>
    </row>
    <row r="684989" spans="14:14">
      <c r="N684989" s="10"/>
    </row>
    <row r="684990" spans="14:14">
      <c r="N684990" s="10"/>
    </row>
    <row r="684991" spans="14:14">
      <c r="N684991" s="10"/>
    </row>
    <row r="684992" spans="14:14">
      <c r="N684992" s="10"/>
    </row>
    <row r="684993" spans="14:14">
      <c r="N684993" s="10"/>
    </row>
    <row r="684994" spans="14:14">
      <c r="N684994" s="10"/>
    </row>
    <row r="684995" spans="14:14">
      <c r="N684995" s="10"/>
    </row>
    <row r="684996" spans="14:14">
      <c r="N684996" s="10"/>
    </row>
    <row r="684997" spans="14:14">
      <c r="N684997" s="10"/>
    </row>
    <row r="684998" spans="14:14">
      <c r="N684998" s="10"/>
    </row>
    <row r="684999" spans="14:14">
      <c r="N684999" s="10"/>
    </row>
    <row r="685000" spans="14:14">
      <c r="N685000" s="10"/>
    </row>
    <row r="685001" spans="14:14">
      <c r="N685001" s="10"/>
    </row>
    <row r="685002" spans="14:14">
      <c r="N685002" s="10"/>
    </row>
    <row r="685003" spans="14:14">
      <c r="N685003" s="10"/>
    </row>
    <row r="685004" spans="14:14">
      <c r="N685004" s="10"/>
    </row>
    <row r="685005" spans="14:14">
      <c r="N685005" s="10"/>
    </row>
    <row r="685006" spans="14:14">
      <c r="N685006" s="10"/>
    </row>
    <row r="685007" spans="14:14">
      <c r="N685007" s="10"/>
    </row>
    <row r="685008" spans="14:14">
      <c r="N685008" s="10"/>
    </row>
    <row r="685009" spans="14:14">
      <c r="N685009" s="10"/>
    </row>
    <row r="685010" spans="14:14">
      <c r="N685010" s="10"/>
    </row>
    <row r="685011" spans="14:14">
      <c r="N685011" s="10"/>
    </row>
    <row r="685012" spans="14:14">
      <c r="N685012" s="10"/>
    </row>
    <row r="685013" spans="14:14">
      <c r="N685013" s="10"/>
    </row>
    <row r="685014" spans="14:14">
      <c r="N685014" s="10"/>
    </row>
    <row r="685015" spans="14:14">
      <c r="N685015" s="10"/>
    </row>
    <row r="685016" spans="14:14">
      <c r="N685016" s="10"/>
    </row>
    <row r="685017" spans="14:14">
      <c r="N685017" s="10"/>
    </row>
    <row r="685018" spans="14:14">
      <c r="N685018" s="10"/>
    </row>
    <row r="685019" spans="14:14">
      <c r="N685019" s="10"/>
    </row>
    <row r="685020" spans="14:14">
      <c r="N685020" s="10"/>
    </row>
    <row r="685021" spans="14:14">
      <c r="N685021" s="10"/>
    </row>
    <row r="685022" spans="14:14">
      <c r="N685022" s="10"/>
    </row>
    <row r="685023" spans="14:14">
      <c r="N685023" s="10"/>
    </row>
    <row r="685024" spans="14:14">
      <c r="N685024" s="10"/>
    </row>
    <row r="685025" spans="14:14">
      <c r="N685025" s="10"/>
    </row>
    <row r="685026" spans="14:14">
      <c r="N685026" s="10"/>
    </row>
    <row r="685027" spans="14:14">
      <c r="N685027" s="10"/>
    </row>
    <row r="685028" spans="14:14">
      <c r="N685028" s="10"/>
    </row>
    <row r="685029" spans="14:14">
      <c r="N685029" s="10"/>
    </row>
    <row r="685030" spans="14:14">
      <c r="N685030" s="10"/>
    </row>
    <row r="685031" spans="14:14">
      <c r="N685031" s="10"/>
    </row>
    <row r="685032" spans="14:14">
      <c r="N685032" s="10"/>
    </row>
    <row r="685033" spans="14:14">
      <c r="N685033" s="10"/>
    </row>
    <row r="685034" spans="14:14">
      <c r="N685034" s="10"/>
    </row>
    <row r="685035" spans="14:14">
      <c r="N685035" s="10"/>
    </row>
    <row r="685036" spans="14:14">
      <c r="N685036" s="10"/>
    </row>
    <row r="685037" spans="14:14">
      <c r="N685037" s="10"/>
    </row>
    <row r="685038" spans="14:14">
      <c r="N685038" s="10"/>
    </row>
    <row r="685039" spans="14:14">
      <c r="N685039" s="10"/>
    </row>
    <row r="685040" spans="14:14">
      <c r="N685040" s="10"/>
    </row>
    <row r="685041" spans="14:14">
      <c r="N685041" s="10"/>
    </row>
    <row r="685042" spans="14:14">
      <c r="N685042" s="10"/>
    </row>
    <row r="685043" spans="14:14">
      <c r="N685043" s="10"/>
    </row>
    <row r="685044" spans="14:14">
      <c r="N685044" s="10"/>
    </row>
    <row r="685045" spans="14:14">
      <c r="N685045" s="10"/>
    </row>
    <row r="685046" spans="14:14">
      <c r="N685046" s="10"/>
    </row>
    <row r="685047" spans="14:14">
      <c r="N685047" s="10"/>
    </row>
    <row r="685048" spans="14:14">
      <c r="N685048" s="10"/>
    </row>
    <row r="685049" spans="14:14">
      <c r="N685049" s="10"/>
    </row>
    <row r="685050" spans="14:14">
      <c r="N685050" s="10"/>
    </row>
    <row r="685051" spans="14:14">
      <c r="N685051" s="10"/>
    </row>
    <row r="685052" spans="14:14">
      <c r="N685052" s="10"/>
    </row>
    <row r="685053" spans="14:14">
      <c r="N685053" s="10"/>
    </row>
    <row r="685054" spans="14:14">
      <c r="N685054" s="10"/>
    </row>
    <row r="685055" spans="14:14">
      <c r="N685055" s="10"/>
    </row>
    <row r="685056" spans="14:14">
      <c r="N685056" s="10"/>
    </row>
    <row r="685057" spans="14:14">
      <c r="N685057" s="10"/>
    </row>
    <row r="685058" spans="14:14">
      <c r="N685058" s="10"/>
    </row>
    <row r="685059" spans="14:14">
      <c r="N685059" s="10"/>
    </row>
    <row r="685060" spans="14:14">
      <c r="N685060" s="10"/>
    </row>
    <row r="685061" spans="14:14">
      <c r="N685061" s="10"/>
    </row>
    <row r="685062" spans="14:14">
      <c r="N685062" s="10"/>
    </row>
    <row r="685063" spans="14:14">
      <c r="N685063" s="10"/>
    </row>
    <row r="685064" spans="14:14">
      <c r="N685064" s="10"/>
    </row>
    <row r="685065" spans="14:14">
      <c r="N685065" s="10"/>
    </row>
    <row r="685066" spans="14:14">
      <c r="N685066" s="10"/>
    </row>
    <row r="685067" spans="14:14">
      <c r="N685067" s="10"/>
    </row>
    <row r="685068" spans="14:14">
      <c r="N685068" s="10"/>
    </row>
    <row r="685069" spans="14:14">
      <c r="N685069" s="10"/>
    </row>
    <row r="685070" spans="14:14">
      <c r="N685070" s="10"/>
    </row>
    <row r="685071" spans="14:14">
      <c r="N685071" s="10"/>
    </row>
    <row r="685072" spans="14:14">
      <c r="N685072" s="10"/>
    </row>
    <row r="685073" spans="14:14">
      <c r="N685073" s="10"/>
    </row>
    <row r="685074" spans="14:14">
      <c r="N685074" s="10"/>
    </row>
    <row r="685075" spans="14:14">
      <c r="N685075" s="10"/>
    </row>
    <row r="685076" spans="14:14">
      <c r="N685076" s="10"/>
    </row>
    <row r="685077" spans="14:14">
      <c r="N685077" s="10"/>
    </row>
    <row r="685078" spans="14:14">
      <c r="N685078" s="10"/>
    </row>
    <row r="685079" spans="14:14">
      <c r="N685079" s="10"/>
    </row>
    <row r="685080" spans="14:14">
      <c r="N685080" s="10"/>
    </row>
    <row r="685081" spans="14:14">
      <c r="N685081" s="10"/>
    </row>
    <row r="685082" spans="14:14">
      <c r="N685082" s="10"/>
    </row>
    <row r="685083" spans="14:14">
      <c r="N685083" s="10"/>
    </row>
    <row r="685084" spans="14:14">
      <c r="N685084" s="10"/>
    </row>
    <row r="685085" spans="14:14">
      <c r="N685085" s="10"/>
    </row>
    <row r="685086" spans="14:14">
      <c r="N685086" s="10"/>
    </row>
    <row r="685087" spans="14:14">
      <c r="N685087" s="10"/>
    </row>
    <row r="685088" spans="14:14">
      <c r="N685088" s="10"/>
    </row>
    <row r="685089" spans="14:14">
      <c r="N685089" s="10"/>
    </row>
    <row r="685090" spans="14:14">
      <c r="N685090" s="10"/>
    </row>
    <row r="685091" spans="14:14">
      <c r="N685091" s="10"/>
    </row>
    <row r="685092" spans="14:14">
      <c r="N685092" s="10"/>
    </row>
    <row r="685093" spans="14:14">
      <c r="N685093" s="10"/>
    </row>
    <row r="685094" spans="14:14">
      <c r="N685094" s="10"/>
    </row>
    <row r="685095" spans="14:14">
      <c r="N685095" s="10"/>
    </row>
    <row r="685096" spans="14:14">
      <c r="N685096" s="10"/>
    </row>
    <row r="685097" spans="14:14">
      <c r="N685097" s="10"/>
    </row>
    <row r="685098" spans="14:14">
      <c r="N685098" s="10"/>
    </row>
    <row r="685099" spans="14:14">
      <c r="N685099" s="10"/>
    </row>
    <row r="685100" spans="14:14">
      <c r="N685100" s="10"/>
    </row>
    <row r="685101" spans="14:14">
      <c r="N685101" s="10"/>
    </row>
    <row r="685102" spans="14:14">
      <c r="N685102" s="10"/>
    </row>
    <row r="685103" spans="14:14">
      <c r="N685103" s="10"/>
    </row>
    <row r="685104" spans="14:14">
      <c r="N685104" s="10"/>
    </row>
    <row r="685105" spans="14:14">
      <c r="N685105" s="10"/>
    </row>
    <row r="685106" spans="14:14">
      <c r="N685106" s="10"/>
    </row>
    <row r="685107" spans="14:14">
      <c r="N685107" s="10"/>
    </row>
    <row r="685108" spans="14:14">
      <c r="N685108" s="10"/>
    </row>
    <row r="685109" spans="14:14">
      <c r="N685109" s="10"/>
    </row>
    <row r="685110" spans="14:14">
      <c r="N685110" s="10"/>
    </row>
    <row r="685111" spans="14:14">
      <c r="N685111" s="10"/>
    </row>
    <row r="685112" spans="14:14">
      <c r="N685112" s="10"/>
    </row>
    <row r="685113" spans="14:14">
      <c r="N685113" s="10"/>
    </row>
    <row r="685114" spans="14:14">
      <c r="N685114" s="10"/>
    </row>
    <row r="685115" spans="14:14">
      <c r="N685115" s="10"/>
    </row>
    <row r="685116" spans="14:14">
      <c r="N685116" s="10"/>
    </row>
    <row r="685117" spans="14:14">
      <c r="N685117" s="10"/>
    </row>
    <row r="685118" spans="14:14">
      <c r="N685118" s="10"/>
    </row>
    <row r="685119" spans="14:14">
      <c r="N685119" s="10"/>
    </row>
    <row r="685120" spans="14:14">
      <c r="N685120" s="10"/>
    </row>
    <row r="685121" spans="14:14">
      <c r="N685121" s="10"/>
    </row>
    <row r="685122" spans="14:14">
      <c r="N685122" s="10"/>
    </row>
    <row r="685123" spans="14:14">
      <c r="N685123" s="10"/>
    </row>
    <row r="685124" spans="14:14">
      <c r="N685124" s="10"/>
    </row>
    <row r="685125" spans="14:14">
      <c r="N685125" s="10"/>
    </row>
    <row r="685126" spans="14:14">
      <c r="N685126" s="10"/>
    </row>
    <row r="685127" spans="14:14">
      <c r="N685127" s="10"/>
    </row>
    <row r="685128" spans="14:14">
      <c r="N685128" s="10"/>
    </row>
    <row r="685129" spans="14:14">
      <c r="N685129" s="10"/>
    </row>
    <row r="685130" spans="14:14">
      <c r="N685130" s="10"/>
    </row>
    <row r="685131" spans="14:14">
      <c r="N685131" s="10"/>
    </row>
    <row r="685132" spans="14:14">
      <c r="N685132" s="10"/>
    </row>
    <row r="685133" spans="14:14">
      <c r="N685133" s="10"/>
    </row>
    <row r="685134" spans="14:14">
      <c r="N685134" s="10"/>
    </row>
    <row r="685135" spans="14:14">
      <c r="N685135" s="10"/>
    </row>
    <row r="685136" spans="14:14">
      <c r="N685136" s="10"/>
    </row>
    <row r="685137" spans="14:14">
      <c r="N685137" s="10"/>
    </row>
    <row r="685138" spans="14:14">
      <c r="N685138" s="10"/>
    </row>
    <row r="685139" spans="14:14">
      <c r="N685139" s="10"/>
    </row>
    <row r="685140" spans="14:14">
      <c r="N685140" s="10"/>
    </row>
    <row r="685141" spans="14:14">
      <c r="N685141" s="10"/>
    </row>
    <row r="685142" spans="14:14">
      <c r="N685142" s="10"/>
    </row>
    <row r="685143" spans="14:14">
      <c r="N685143" s="10"/>
    </row>
    <row r="685144" spans="14:14">
      <c r="N685144" s="10"/>
    </row>
    <row r="685145" spans="14:14">
      <c r="N685145" s="10"/>
    </row>
    <row r="685146" spans="14:14">
      <c r="N685146" s="10"/>
    </row>
    <row r="685147" spans="14:14">
      <c r="N685147" s="10"/>
    </row>
    <row r="685148" spans="14:14">
      <c r="N685148" s="10"/>
    </row>
    <row r="685149" spans="14:14">
      <c r="N685149" s="10"/>
    </row>
    <row r="685150" spans="14:14">
      <c r="N685150" s="10"/>
    </row>
    <row r="685151" spans="14:14">
      <c r="N685151" s="10"/>
    </row>
    <row r="685152" spans="14:14">
      <c r="N685152" s="10"/>
    </row>
    <row r="685153" spans="14:14">
      <c r="N685153" s="10"/>
    </row>
    <row r="685154" spans="14:14">
      <c r="N685154" s="10"/>
    </row>
    <row r="685155" spans="14:14">
      <c r="N685155" s="10"/>
    </row>
    <row r="685156" spans="14:14">
      <c r="N685156" s="10"/>
    </row>
    <row r="685157" spans="14:14">
      <c r="N685157" s="10"/>
    </row>
    <row r="685158" spans="14:14">
      <c r="N685158" s="10"/>
    </row>
    <row r="685159" spans="14:14">
      <c r="N685159" s="10"/>
    </row>
    <row r="685160" spans="14:14">
      <c r="N685160" s="10"/>
    </row>
    <row r="685161" spans="14:14">
      <c r="N685161" s="10"/>
    </row>
    <row r="685162" spans="14:14">
      <c r="N685162" s="10"/>
    </row>
    <row r="685163" spans="14:14">
      <c r="N685163" s="10"/>
    </row>
    <row r="685164" spans="14:14">
      <c r="N685164" s="10"/>
    </row>
    <row r="685165" spans="14:14">
      <c r="N685165" s="10"/>
    </row>
    <row r="685166" spans="14:14">
      <c r="N685166" s="10"/>
    </row>
    <row r="685167" spans="14:14">
      <c r="N685167" s="10"/>
    </row>
    <row r="685168" spans="14:14">
      <c r="N685168" s="10"/>
    </row>
    <row r="685169" spans="14:14">
      <c r="N685169" s="10"/>
    </row>
    <row r="685170" spans="14:14">
      <c r="N685170" s="10"/>
    </row>
    <row r="685171" spans="14:14">
      <c r="N685171" s="10"/>
    </row>
    <row r="685172" spans="14:14">
      <c r="N685172" s="10"/>
    </row>
    <row r="685173" spans="14:14">
      <c r="N685173" s="10"/>
    </row>
    <row r="685174" spans="14:14">
      <c r="N685174" s="10"/>
    </row>
    <row r="685175" spans="14:14">
      <c r="N685175" s="10"/>
    </row>
    <row r="685176" spans="14:14">
      <c r="N685176" s="10"/>
    </row>
    <row r="685177" spans="14:14">
      <c r="N685177" s="10"/>
    </row>
    <row r="685178" spans="14:14">
      <c r="N685178" s="10"/>
    </row>
    <row r="685179" spans="14:14">
      <c r="N685179" s="10"/>
    </row>
    <row r="685180" spans="14:14">
      <c r="N685180" s="10"/>
    </row>
    <row r="685181" spans="14:14">
      <c r="N685181" s="10"/>
    </row>
    <row r="685182" spans="14:14">
      <c r="N685182" s="10"/>
    </row>
    <row r="685183" spans="14:14">
      <c r="N685183" s="10"/>
    </row>
    <row r="685184" spans="14:14">
      <c r="N685184" s="10"/>
    </row>
    <row r="685185" spans="14:14">
      <c r="N685185" s="10"/>
    </row>
    <row r="685186" spans="14:14">
      <c r="N685186" s="10"/>
    </row>
    <row r="685187" spans="14:14">
      <c r="N685187" s="10"/>
    </row>
    <row r="685188" spans="14:14">
      <c r="N685188" s="10"/>
    </row>
    <row r="685189" spans="14:14">
      <c r="N685189" s="10"/>
    </row>
    <row r="685190" spans="14:14">
      <c r="N685190" s="10"/>
    </row>
    <row r="685191" spans="14:14">
      <c r="N685191" s="10"/>
    </row>
    <row r="685192" spans="14:14">
      <c r="N685192" s="10"/>
    </row>
    <row r="685193" spans="14:14">
      <c r="N685193" s="10"/>
    </row>
    <row r="685194" spans="14:14">
      <c r="N685194" s="10"/>
    </row>
    <row r="685195" spans="14:14">
      <c r="N685195" s="10"/>
    </row>
    <row r="685196" spans="14:14">
      <c r="N685196" s="10"/>
    </row>
    <row r="685197" spans="14:14">
      <c r="N685197" s="10"/>
    </row>
    <row r="685198" spans="14:14">
      <c r="N685198" s="10"/>
    </row>
    <row r="685199" spans="14:14">
      <c r="N685199" s="10"/>
    </row>
    <row r="685200" spans="14:14">
      <c r="N685200" s="10"/>
    </row>
    <row r="685201" spans="14:14">
      <c r="N685201" s="10"/>
    </row>
    <row r="685202" spans="14:14">
      <c r="N685202" s="10"/>
    </row>
    <row r="685203" spans="14:14">
      <c r="N685203" s="10"/>
    </row>
    <row r="685204" spans="14:14">
      <c r="N685204" s="10"/>
    </row>
    <row r="685205" spans="14:14">
      <c r="N685205" s="10"/>
    </row>
    <row r="685206" spans="14:14">
      <c r="N685206" s="10"/>
    </row>
    <row r="685207" spans="14:14">
      <c r="N685207" s="10"/>
    </row>
    <row r="685208" spans="14:14">
      <c r="N685208" s="10"/>
    </row>
    <row r="685209" spans="14:14">
      <c r="N685209" s="10"/>
    </row>
    <row r="685210" spans="14:14">
      <c r="N685210" s="10"/>
    </row>
    <row r="685211" spans="14:14">
      <c r="N685211" s="10"/>
    </row>
    <row r="685212" spans="14:14">
      <c r="N685212" s="10"/>
    </row>
    <row r="685213" spans="14:14">
      <c r="N685213" s="10"/>
    </row>
    <row r="685214" spans="14:14">
      <c r="N685214" s="10"/>
    </row>
    <row r="685215" spans="14:14">
      <c r="N685215" s="10"/>
    </row>
    <row r="685216" spans="14:14">
      <c r="N685216" s="10"/>
    </row>
    <row r="685217" spans="14:14">
      <c r="N685217" s="10"/>
    </row>
    <row r="685218" spans="14:14">
      <c r="N685218" s="10"/>
    </row>
    <row r="685219" spans="14:14">
      <c r="N685219" s="10"/>
    </row>
    <row r="685220" spans="14:14">
      <c r="N685220" s="10"/>
    </row>
    <row r="685221" spans="14:14">
      <c r="N685221" s="10"/>
    </row>
    <row r="685222" spans="14:14">
      <c r="N685222" s="10"/>
    </row>
    <row r="685223" spans="14:14">
      <c r="N685223" s="10"/>
    </row>
    <row r="685224" spans="14:14">
      <c r="N685224" s="10"/>
    </row>
    <row r="685225" spans="14:14">
      <c r="N685225" s="10"/>
    </row>
    <row r="685226" spans="14:14">
      <c r="N685226" s="10"/>
    </row>
    <row r="685227" spans="14:14">
      <c r="N685227" s="10"/>
    </row>
    <row r="685228" spans="14:14">
      <c r="N685228" s="10"/>
    </row>
    <row r="685229" spans="14:14">
      <c r="N685229" s="10"/>
    </row>
    <row r="685230" spans="14:14">
      <c r="N685230" s="10"/>
    </row>
    <row r="685231" spans="14:14">
      <c r="N685231" s="10"/>
    </row>
    <row r="685232" spans="14:14">
      <c r="N685232" s="10"/>
    </row>
    <row r="685233" spans="14:14">
      <c r="N685233" s="10"/>
    </row>
    <row r="685234" spans="14:14">
      <c r="N685234" s="10"/>
    </row>
    <row r="685235" spans="14:14">
      <c r="N685235" s="10"/>
    </row>
    <row r="685236" spans="14:14">
      <c r="N685236" s="10"/>
    </row>
    <row r="685237" spans="14:14">
      <c r="N685237" s="10"/>
    </row>
    <row r="685238" spans="14:14">
      <c r="N685238" s="10"/>
    </row>
    <row r="685239" spans="14:14">
      <c r="N685239" s="10"/>
    </row>
    <row r="685240" spans="14:14">
      <c r="N685240" s="10"/>
    </row>
    <row r="685241" spans="14:14">
      <c r="N685241" s="10"/>
    </row>
    <row r="685242" spans="14:14">
      <c r="N685242" s="10"/>
    </row>
    <row r="685243" spans="14:14">
      <c r="N685243" s="10"/>
    </row>
    <row r="685244" spans="14:14">
      <c r="N685244" s="10"/>
    </row>
    <row r="685245" spans="14:14">
      <c r="N685245" s="10"/>
    </row>
    <row r="685246" spans="14:14">
      <c r="N685246" s="10"/>
    </row>
    <row r="685247" spans="14:14">
      <c r="N685247" s="10"/>
    </row>
    <row r="685248" spans="14:14">
      <c r="N685248" s="10"/>
    </row>
    <row r="685249" spans="14:14">
      <c r="N685249" s="10"/>
    </row>
    <row r="685250" spans="14:14">
      <c r="N685250" s="10"/>
    </row>
    <row r="685251" spans="14:14">
      <c r="N685251" s="10"/>
    </row>
    <row r="685252" spans="14:14">
      <c r="N685252" s="10"/>
    </row>
    <row r="685253" spans="14:14">
      <c r="N685253" s="10"/>
    </row>
    <row r="685254" spans="14:14">
      <c r="N685254" s="10"/>
    </row>
    <row r="685255" spans="14:14">
      <c r="N685255" s="10"/>
    </row>
    <row r="685256" spans="14:14">
      <c r="N685256" s="10"/>
    </row>
    <row r="685257" spans="14:14">
      <c r="N685257" s="10"/>
    </row>
    <row r="685258" spans="14:14">
      <c r="N685258" s="10"/>
    </row>
    <row r="685259" spans="14:14">
      <c r="N685259" s="10"/>
    </row>
    <row r="685260" spans="14:14">
      <c r="N685260" s="10"/>
    </row>
    <row r="685261" spans="14:14">
      <c r="N685261" s="10"/>
    </row>
    <row r="685262" spans="14:14">
      <c r="N685262" s="10"/>
    </row>
    <row r="685263" spans="14:14">
      <c r="N685263" s="10"/>
    </row>
    <row r="685264" spans="14:14">
      <c r="N685264" s="10"/>
    </row>
    <row r="685265" spans="14:14">
      <c r="N685265" s="10"/>
    </row>
    <row r="685266" spans="14:14">
      <c r="N685266" s="10"/>
    </row>
    <row r="685267" spans="14:14">
      <c r="N685267" s="10"/>
    </row>
    <row r="685268" spans="14:14">
      <c r="N685268" s="10"/>
    </row>
    <row r="685269" spans="14:14">
      <c r="N685269" s="10"/>
    </row>
    <row r="685270" spans="14:14">
      <c r="N685270" s="10"/>
    </row>
    <row r="685271" spans="14:14">
      <c r="N685271" s="10"/>
    </row>
    <row r="685272" spans="14:14">
      <c r="N685272" s="10"/>
    </row>
    <row r="685273" spans="14:14">
      <c r="N685273" s="10"/>
    </row>
    <row r="685274" spans="14:14">
      <c r="N685274" s="10"/>
    </row>
    <row r="685275" spans="14:14">
      <c r="N685275" s="10"/>
    </row>
    <row r="685276" spans="14:14">
      <c r="N685276" s="10"/>
    </row>
    <row r="685277" spans="14:14">
      <c r="N685277" s="10"/>
    </row>
    <row r="685278" spans="14:14">
      <c r="N685278" s="10"/>
    </row>
    <row r="685279" spans="14:14">
      <c r="N685279" s="10"/>
    </row>
    <row r="685280" spans="14:14">
      <c r="N685280" s="10"/>
    </row>
    <row r="685281" spans="14:14">
      <c r="N685281" s="10"/>
    </row>
    <row r="685282" spans="14:14">
      <c r="N685282" s="10"/>
    </row>
    <row r="685283" spans="14:14">
      <c r="N685283" s="10"/>
    </row>
    <row r="685284" spans="14:14">
      <c r="N685284" s="10"/>
    </row>
    <row r="685285" spans="14:14">
      <c r="N685285" s="10"/>
    </row>
    <row r="685286" spans="14:14">
      <c r="N685286" s="10"/>
    </row>
    <row r="685287" spans="14:14">
      <c r="N685287" s="10"/>
    </row>
    <row r="685288" spans="14:14">
      <c r="N685288" s="10"/>
    </row>
    <row r="685289" spans="14:14">
      <c r="N685289" s="10"/>
    </row>
    <row r="685290" spans="14:14">
      <c r="N685290" s="10"/>
    </row>
    <row r="685291" spans="14:14">
      <c r="N685291" s="10"/>
    </row>
    <row r="685292" spans="14:14">
      <c r="N685292" s="10"/>
    </row>
    <row r="685293" spans="14:14">
      <c r="N685293" s="10"/>
    </row>
    <row r="685294" spans="14:14">
      <c r="N685294" s="10"/>
    </row>
    <row r="685295" spans="14:14">
      <c r="N685295" s="10"/>
    </row>
    <row r="685296" spans="14:14">
      <c r="N685296" s="10"/>
    </row>
    <row r="685297" spans="14:14">
      <c r="N685297" s="10"/>
    </row>
    <row r="685298" spans="14:14">
      <c r="N685298" s="10"/>
    </row>
    <row r="685299" spans="14:14">
      <c r="N685299" s="10"/>
    </row>
    <row r="685300" spans="14:14">
      <c r="N685300" s="10"/>
    </row>
    <row r="685301" spans="14:14">
      <c r="N685301" s="10"/>
    </row>
    <row r="685302" spans="14:14">
      <c r="N685302" s="10"/>
    </row>
    <row r="685303" spans="14:14">
      <c r="N685303" s="10"/>
    </row>
    <row r="685304" spans="14:14">
      <c r="N685304" s="10"/>
    </row>
    <row r="685305" spans="14:14">
      <c r="N685305" s="10"/>
    </row>
    <row r="685306" spans="14:14">
      <c r="N685306" s="10"/>
    </row>
    <row r="685307" spans="14:14">
      <c r="N685307" s="10"/>
    </row>
    <row r="685308" spans="14:14">
      <c r="N685308" s="10"/>
    </row>
    <row r="685309" spans="14:14">
      <c r="N685309" s="10"/>
    </row>
    <row r="685310" spans="14:14">
      <c r="N685310" s="10"/>
    </row>
    <row r="685311" spans="14:14">
      <c r="N685311" s="10"/>
    </row>
    <row r="685312" spans="14:14">
      <c r="N685312" s="10"/>
    </row>
    <row r="685313" spans="14:14">
      <c r="N685313" s="10"/>
    </row>
    <row r="685314" spans="14:14">
      <c r="N685314" s="10"/>
    </row>
    <row r="685315" spans="14:14">
      <c r="N685315" s="10"/>
    </row>
    <row r="685316" spans="14:14">
      <c r="N685316" s="10"/>
    </row>
    <row r="685317" spans="14:14">
      <c r="N685317" s="10"/>
    </row>
    <row r="685318" spans="14:14">
      <c r="N685318" s="10"/>
    </row>
    <row r="685319" spans="14:14">
      <c r="N685319" s="10"/>
    </row>
    <row r="685320" spans="14:14">
      <c r="N685320" s="10"/>
    </row>
    <row r="685321" spans="14:14">
      <c r="N685321" s="10"/>
    </row>
    <row r="685322" spans="14:14">
      <c r="N685322" s="10"/>
    </row>
    <row r="685323" spans="14:14">
      <c r="N685323" s="10"/>
    </row>
    <row r="685324" spans="14:14">
      <c r="N685324" s="10"/>
    </row>
    <row r="685325" spans="14:14">
      <c r="N685325" s="10"/>
    </row>
    <row r="685326" spans="14:14">
      <c r="N685326" s="10"/>
    </row>
    <row r="685327" spans="14:14">
      <c r="N685327" s="10"/>
    </row>
    <row r="685328" spans="14:14">
      <c r="N685328" s="10"/>
    </row>
    <row r="685329" spans="14:14">
      <c r="N685329" s="10"/>
    </row>
    <row r="685330" spans="14:14">
      <c r="N685330" s="10"/>
    </row>
    <row r="685331" spans="14:14">
      <c r="N685331" s="10"/>
    </row>
    <row r="685332" spans="14:14">
      <c r="N685332" s="10"/>
    </row>
    <row r="685333" spans="14:14">
      <c r="N685333" s="10"/>
    </row>
    <row r="685334" spans="14:14">
      <c r="N685334" s="10"/>
    </row>
    <row r="685335" spans="14:14">
      <c r="N685335" s="10"/>
    </row>
    <row r="685336" spans="14:14">
      <c r="N685336" s="10"/>
    </row>
    <row r="685337" spans="14:14">
      <c r="N685337" s="10"/>
    </row>
    <row r="685338" spans="14:14">
      <c r="N685338" s="10"/>
    </row>
    <row r="685339" spans="14:14">
      <c r="N685339" s="10"/>
    </row>
    <row r="685340" spans="14:14">
      <c r="N685340" s="10"/>
    </row>
    <row r="685341" spans="14:14">
      <c r="N685341" s="10"/>
    </row>
    <row r="685342" spans="14:14">
      <c r="N685342" s="10"/>
    </row>
    <row r="685343" spans="14:14">
      <c r="N685343" s="10"/>
    </row>
    <row r="685344" spans="14:14">
      <c r="N685344" s="10"/>
    </row>
    <row r="685345" spans="14:14">
      <c r="N685345" s="10"/>
    </row>
    <row r="685346" spans="14:14">
      <c r="N685346" s="10"/>
    </row>
    <row r="685347" spans="14:14">
      <c r="N685347" s="10"/>
    </row>
    <row r="685348" spans="14:14">
      <c r="N685348" s="10"/>
    </row>
    <row r="685349" spans="14:14">
      <c r="N685349" s="10"/>
    </row>
    <row r="685350" spans="14:14">
      <c r="N685350" s="10"/>
    </row>
    <row r="685351" spans="14:14">
      <c r="N685351" s="10"/>
    </row>
    <row r="685352" spans="14:14">
      <c r="N685352" s="10"/>
    </row>
    <row r="685353" spans="14:14">
      <c r="N685353" s="10"/>
    </row>
    <row r="685354" spans="14:14">
      <c r="N685354" s="10"/>
    </row>
    <row r="685355" spans="14:14">
      <c r="N685355" s="10"/>
    </row>
    <row r="685356" spans="14:14">
      <c r="N685356" s="10"/>
    </row>
    <row r="685357" spans="14:14">
      <c r="N685357" s="10"/>
    </row>
    <row r="685358" spans="14:14">
      <c r="N685358" s="10"/>
    </row>
    <row r="685359" spans="14:14">
      <c r="N685359" s="10"/>
    </row>
    <row r="685360" spans="14:14">
      <c r="N685360" s="10"/>
    </row>
    <row r="685361" spans="14:14">
      <c r="N685361" s="10"/>
    </row>
    <row r="685362" spans="14:14">
      <c r="N685362" s="10"/>
    </row>
    <row r="685363" spans="14:14">
      <c r="N685363" s="10"/>
    </row>
    <row r="685364" spans="14:14">
      <c r="N685364" s="10"/>
    </row>
    <row r="685365" spans="14:14">
      <c r="N685365" s="10"/>
    </row>
    <row r="685366" spans="14:14">
      <c r="N685366" s="10"/>
    </row>
    <row r="685367" spans="14:14">
      <c r="N685367" s="10"/>
    </row>
    <row r="685368" spans="14:14">
      <c r="N685368" s="10"/>
    </row>
    <row r="685369" spans="14:14">
      <c r="N685369" s="10"/>
    </row>
    <row r="685370" spans="14:14">
      <c r="N685370" s="10"/>
    </row>
    <row r="685371" spans="14:14">
      <c r="N685371" s="10"/>
    </row>
    <row r="685372" spans="14:14">
      <c r="N685372" s="10"/>
    </row>
    <row r="685373" spans="14:14">
      <c r="N685373" s="10"/>
    </row>
    <row r="685374" spans="14:14">
      <c r="N685374" s="10"/>
    </row>
    <row r="685375" spans="14:14">
      <c r="N685375" s="10"/>
    </row>
    <row r="685376" spans="14:14">
      <c r="N685376" s="10"/>
    </row>
    <row r="685377" spans="14:14">
      <c r="N685377" s="10"/>
    </row>
    <row r="685378" spans="14:14">
      <c r="N685378" s="10"/>
    </row>
    <row r="685379" spans="14:14">
      <c r="N685379" s="10"/>
    </row>
    <row r="685380" spans="14:14">
      <c r="N685380" s="10"/>
    </row>
    <row r="685381" spans="14:14">
      <c r="N685381" s="10"/>
    </row>
    <row r="685382" spans="14:14">
      <c r="N685382" s="10"/>
    </row>
    <row r="685383" spans="14:14">
      <c r="N685383" s="10"/>
    </row>
    <row r="685384" spans="14:14">
      <c r="N685384" s="10"/>
    </row>
    <row r="685385" spans="14:14">
      <c r="N685385" s="10"/>
    </row>
    <row r="685386" spans="14:14">
      <c r="N685386" s="10"/>
    </row>
    <row r="685387" spans="14:14">
      <c r="N685387" s="10"/>
    </row>
    <row r="685388" spans="14:14">
      <c r="N685388" s="10"/>
    </row>
    <row r="685389" spans="14:14">
      <c r="N685389" s="10"/>
    </row>
    <row r="685390" spans="14:14">
      <c r="N685390" s="10"/>
    </row>
    <row r="685391" spans="14:14">
      <c r="N685391" s="10"/>
    </row>
    <row r="685392" spans="14:14">
      <c r="N685392" s="10"/>
    </row>
    <row r="685393" spans="14:14">
      <c r="N685393" s="10"/>
    </row>
    <row r="685394" spans="14:14">
      <c r="N685394" s="10"/>
    </row>
    <row r="685395" spans="14:14">
      <c r="N685395" s="10"/>
    </row>
    <row r="685396" spans="14:14">
      <c r="N685396" s="10"/>
    </row>
    <row r="685397" spans="14:14">
      <c r="N685397" s="10"/>
    </row>
    <row r="685398" spans="14:14">
      <c r="N685398" s="10"/>
    </row>
    <row r="685399" spans="14:14">
      <c r="N685399" s="10"/>
    </row>
    <row r="685400" spans="14:14">
      <c r="N685400" s="10"/>
    </row>
    <row r="685401" spans="14:14">
      <c r="N685401" s="10"/>
    </row>
    <row r="685402" spans="14:14">
      <c r="N685402" s="10"/>
    </row>
    <row r="685403" spans="14:14">
      <c r="N685403" s="10"/>
    </row>
    <row r="685404" spans="14:14">
      <c r="N685404" s="10"/>
    </row>
    <row r="685405" spans="14:14">
      <c r="N685405" s="10"/>
    </row>
    <row r="685406" spans="14:14">
      <c r="N685406" s="10"/>
    </row>
    <row r="685407" spans="14:14">
      <c r="N685407" s="10"/>
    </row>
    <row r="685408" spans="14:14">
      <c r="N685408" s="10"/>
    </row>
    <row r="685409" spans="14:14">
      <c r="N685409" s="10"/>
    </row>
    <row r="685410" spans="14:14">
      <c r="N685410" s="10"/>
    </row>
    <row r="685411" spans="14:14">
      <c r="N685411" s="10"/>
    </row>
    <row r="685412" spans="14:14">
      <c r="N685412" s="10"/>
    </row>
    <row r="685413" spans="14:14">
      <c r="N685413" s="10"/>
    </row>
    <row r="685414" spans="14:14">
      <c r="N685414" s="10"/>
    </row>
    <row r="685415" spans="14:14">
      <c r="N685415" s="10"/>
    </row>
    <row r="685416" spans="14:14">
      <c r="N685416" s="10"/>
    </row>
    <row r="685417" spans="14:14">
      <c r="N685417" s="10"/>
    </row>
    <row r="685418" spans="14:14">
      <c r="N685418" s="10"/>
    </row>
    <row r="685419" spans="14:14">
      <c r="N685419" s="10"/>
    </row>
    <row r="685420" spans="14:14">
      <c r="N685420" s="10"/>
    </row>
    <row r="685421" spans="14:14">
      <c r="N685421" s="10"/>
    </row>
    <row r="685422" spans="14:14">
      <c r="N685422" s="10"/>
    </row>
    <row r="685423" spans="14:14">
      <c r="N685423" s="10"/>
    </row>
    <row r="685424" spans="14:14">
      <c r="N685424" s="10"/>
    </row>
    <row r="685425" spans="14:14">
      <c r="N685425" s="10"/>
    </row>
    <row r="685426" spans="14:14">
      <c r="N685426" s="10"/>
    </row>
    <row r="685427" spans="14:14">
      <c r="N685427" s="10"/>
    </row>
    <row r="685428" spans="14:14">
      <c r="N685428" s="10"/>
    </row>
    <row r="685429" spans="14:14">
      <c r="N685429" s="10"/>
    </row>
    <row r="685430" spans="14:14">
      <c r="N685430" s="10"/>
    </row>
    <row r="685431" spans="14:14">
      <c r="N685431" s="10"/>
    </row>
    <row r="685432" spans="14:14">
      <c r="N685432" s="10"/>
    </row>
    <row r="685433" spans="14:14">
      <c r="N685433" s="10"/>
    </row>
    <row r="685434" spans="14:14">
      <c r="N685434" s="10"/>
    </row>
    <row r="685435" spans="14:14">
      <c r="N685435" s="10"/>
    </row>
    <row r="685436" spans="14:14">
      <c r="N685436" s="10"/>
    </row>
    <row r="685437" spans="14:14">
      <c r="N685437" s="10"/>
    </row>
    <row r="685438" spans="14:14">
      <c r="N685438" s="10"/>
    </row>
    <row r="685439" spans="14:14">
      <c r="N685439" s="10"/>
    </row>
    <row r="685440" spans="14:14">
      <c r="N685440" s="10"/>
    </row>
    <row r="685441" spans="14:14">
      <c r="N685441" s="10"/>
    </row>
    <row r="685442" spans="14:14">
      <c r="N685442" s="10"/>
    </row>
    <row r="685443" spans="14:14">
      <c r="N685443" s="10"/>
    </row>
    <row r="685444" spans="14:14">
      <c r="N685444" s="10"/>
    </row>
    <row r="685445" spans="14:14">
      <c r="N685445" s="10"/>
    </row>
    <row r="685446" spans="14:14">
      <c r="N685446" s="10"/>
    </row>
    <row r="685447" spans="14:14">
      <c r="N685447" s="10"/>
    </row>
    <row r="685448" spans="14:14">
      <c r="N685448" s="10"/>
    </row>
    <row r="685449" spans="14:14">
      <c r="N685449" s="10"/>
    </row>
    <row r="685450" spans="14:14">
      <c r="N685450" s="10"/>
    </row>
    <row r="685451" spans="14:14">
      <c r="N685451" s="10"/>
    </row>
    <row r="685452" spans="14:14">
      <c r="N685452" s="10"/>
    </row>
    <row r="685453" spans="14:14">
      <c r="N685453" s="10"/>
    </row>
    <row r="685454" spans="14:14">
      <c r="N685454" s="10"/>
    </row>
    <row r="685455" spans="14:14">
      <c r="N685455" s="10"/>
    </row>
    <row r="685456" spans="14:14">
      <c r="N685456" s="10"/>
    </row>
    <row r="685457" spans="14:14">
      <c r="N685457" s="10"/>
    </row>
    <row r="685458" spans="14:14">
      <c r="N685458" s="10"/>
    </row>
    <row r="685459" spans="14:14">
      <c r="N685459" s="10"/>
    </row>
    <row r="685460" spans="14:14">
      <c r="N685460" s="10"/>
    </row>
    <row r="685461" spans="14:14">
      <c r="N685461" s="10"/>
    </row>
    <row r="685462" spans="14:14">
      <c r="N685462" s="10"/>
    </row>
    <row r="685463" spans="14:14">
      <c r="N685463" s="10"/>
    </row>
    <row r="685464" spans="14:14">
      <c r="N685464" s="10"/>
    </row>
    <row r="685465" spans="14:14">
      <c r="N685465" s="10"/>
    </row>
    <row r="685466" spans="14:14">
      <c r="N685466" s="10"/>
    </row>
    <row r="685467" spans="14:14">
      <c r="N685467" s="10"/>
    </row>
    <row r="685468" spans="14:14">
      <c r="N685468" s="10"/>
    </row>
    <row r="685469" spans="14:14">
      <c r="N685469" s="10"/>
    </row>
    <row r="685470" spans="14:14">
      <c r="N685470" s="10"/>
    </row>
    <row r="685471" spans="14:14">
      <c r="N685471" s="10"/>
    </row>
    <row r="685472" spans="14:14">
      <c r="N685472" s="10"/>
    </row>
    <row r="685473" spans="14:14">
      <c r="N685473" s="10"/>
    </row>
    <row r="685474" spans="14:14">
      <c r="N685474" s="10"/>
    </row>
    <row r="685475" spans="14:14">
      <c r="N685475" s="10"/>
    </row>
    <row r="685476" spans="14:14">
      <c r="N685476" s="10"/>
    </row>
    <row r="685477" spans="14:14">
      <c r="N685477" s="10"/>
    </row>
    <row r="685478" spans="14:14">
      <c r="N685478" s="10"/>
    </row>
    <row r="685479" spans="14:14">
      <c r="N685479" s="10"/>
    </row>
    <row r="685480" spans="14:14">
      <c r="N685480" s="10"/>
    </row>
    <row r="685481" spans="14:14">
      <c r="N685481" s="10"/>
    </row>
    <row r="685482" spans="14:14">
      <c r="N685482" s="10"/>
    </row>
    <row r="685483" spans="14:14">
      <c r="N685483" s="10"/>
    </row>
    <row r="685484" spans="14:14">
      <c r="N685484" s="10"/>
    </row>
    <row r="685485" spans="14:14">
      <c r="N685485" s="10"/>
    </row>
    <row r="685486" spans="14:14">
      <c r="N685486" s="10"/>
    </row>
    <row r="685487" spans="14:14">
      <c r="N685487" s="10"/>
    </row>
    <row r="685488" spans="14:14">
      <c r="N685488" s="10"/>
    </row>
    <row r="685489" spans="14:14">
      <c r="N685489" s="10"/>
    </row>
    <row r="685490" spans="14:14">
      <c r="N685490" s="10"/>
    </row>
    <row r="685491" spans="14:14">
      <c r="N685491" s="10"/>
    </row>
    <row r="685492" spans="14:14">
      <c r="N685492" s="10"/>
    </row>
    <row r="685493" spans="14:14">
      <c r="N685493" s="10"/>
    </row>
    <row r="685494" spans="14:14">
      <c r="N685494" s="10"/>
    </row>
    <row r="685495" spans="14:14">
      <c r="N685495" s="10"/>
    </row>
    <row r="685496" spans="14:14">
      <c r="N685496" s="10"/>
    </row>
    <row r="685497" spans="14:14">
      <c r="N685497" s="10"/>
    </row>
    <row r="685498" spans="14:14">
      <c r="N685498" s="10"/>
    </row>
    <row r="685499" spans="14:14">
      <c r="N685499" s="10"/>
    </row>
    <row r="685500" spans="14:14">
      <c r="N685500" s="10"/>
    </row>
    <row r="685501" spans="14:14">
      <c r="N685501" s="10"/>
    </row>
    <row r="685502" spans="14:14">
      <c r="N685502" s="10"/>
    </row>
    <row r="685503" spans="14:14">
      <c r="N685503" s="10"/>
    </row>
    <row r="685504" spans="14:14">
      <c r="N685504" s="10"/>
    </row>
    <row r="685505" spans="14:14">
      <c r="N685505" s="10"/>
    </row>
    <row r="685506" spans="14:14">
      <c r="N685506" s="10"/>
    </row>
    <row r="685507" spans="14:14">
      <c r="N685507" s="10"/>
    </row>
    <row r="685508" spans="14:14">
      <c r="N685508" s="10"/>
    </row>
    <row r="685509" spans="14:14">
      <c r="N685509" s="10"/>
    </row>
    <row r="685510" spans="14:14">
      <c r="N685510" s="10"/>
    </row>
    <row r="685511" spans="14:14">
      <c r="N685511" s="10"/>
    </row>
    <row r="685512" spans="14:14">
      <c r="N685512" s="10"/>
    </row>
    <row r="685513" spans="14:14">
      <c r="N685513" s="10"/>
    </row>
    <row r="685514" spans="14:14">
      <c r="N685514" s="10"/>
    </row>
    <row r="685515" spans="14:14">
      <c r="N685515" s="10"/>
    </row>
    <row r="685516" spans="14:14">
      <c r="N685516" s="10"/>
    </row>
    <row r="685517" spans="14:14">
      <c r="N685517" s="10"/>
    </row>
    <row r="685518" spans="14:14">
      <c r="N685518" s="10"/>
    </row>
    <row r="685519" spans="14:14">
      <c r="N685519" s="10"/>
    </row>
    <row r="685520" spans="14:14">
      <c r="N685520" s="10"/>
    </row>
    <row r="685521" spans="14:14">
      <c r="N685521" s="10"/>
    </row>
    <row r="685522" spans="14:14">
      <c r="N685522" s="10"/>
    </row>
    <row r="685523" spans="14:14">
      <c r="N685523" s="10"/>
    </row>
    <row r="685524" spans="14:14">
      <c r="N685524" s="10"/>
    </row>
    <row r="685525" spans="14:14">
      <c r="N685525" s="10"/>
    </row>
    <row r="685526" spans="14:14">
      <c r="N685526" s="10"/>
    </row>
    <row r="685527" spans="14:14">
      <c r="N685527" s="10"/>
    </row>
    <row r="685528" spans="14:14">
      <c r="N685528" s="10"/>
    </row>
    <row r="685529" spans="14:14">
      <c r="N685529" s="10"/>
    </row>
    <row r="685530" spans="14:14">
      <c r="N685530" s="10"/>
    </row>
    <row r="685531" spans="14:14">
      <c r="N685531" s="10"/>
    </row>
    <row r="685532" spans="14:14">
      <c r="N685532" s="10"/>
    </row>
    <row r="685533" spans="14:14">
      <c r="N685533" s="10"/>
    </row>
    <row r="685534" spans="14:14">
      <c r="N685534" s="10"/>
    </row>
    <row r="685535" spans="14:14">
      <c r="N685535" s="10"/>
    </row>
    <row r="685536" spans="14:14">
      <c r="N685536" s="10"/>
    </row>
    <row r="685537" spans="14:14">
      <c r="N685537" s="10"/>
    </row>
    <row r="685538" spans="14:14">
      <c r="N685538" s="10"/>
    </row>
    <row r="685539" spans="14:14">
      <c r="N685539" s="10"/>
    </row>
    <row r="685540" spans="14:14">
      <c r="N685540" s="10"/>
    </row>
    <row r="685541" spans="14:14">
      <c r="N685541" s="10"/>
    </row>
    <row r="685542" spans="14:14">
      <c r="N685542" s="10"/>
    </row>
    <row r="685543" spans="14:14">
      <c r="N685543" s="10"/>
    </row>
    <row r="685544" spans="14:14">
      <c r="N685544" s="10"/>
    </row>
    <row r="685545" spans="14:14">
      <c r="N685545" s="10"/>
    </row>
    <row r="685546" spans="14:14">
      <c r="N685546" s="10"/>
    </row>
    <row r="685547" spans="14:14">
      <c r="N685547" s="10"/>
    </row>
    <row r="685548" spans="14:14">
      <c r="N685548" s="10"/>
    </row>
    <row r="685549" spans="14:14">
      <c r="N685549" s="10"/>
    </row>
    <row r="685550" spans="14:14">
      <c r="N685550" s="10"/>
    </row>
    <row r="685551" spans="14:14">
      <c r="N685551" s="10"/>
    </row>
    <row r="685552" spans="14:14">
      <c r="N685552" s="10"/>
    </row>
    <row r="685553" spans="14:14">
      <c r="N685553" s="10"/>
    </row>
    <row r="685554" spans="14:14">
      <c r="N685554" s="10"/>
    </row>
    <row r="685555" spans="14:14">
      <c r="N685555" s="10"/>
    </row>
    <row r="685556" spans="14:14">
      <c r="N685556" s="10"/>
    </row>
    <row r="685557" spans="14:14">
      <c r="N685557" s="10"/>
    </row>
    <row r="685558" spans="14:14">
      <c r="N685558" s="10"/>
    </row>
    <row r="685559" spans="14:14">
      <c r="N685559" s="10"/>
    </row>
    <row r="685560" spans="14:14">
      <c r="N685560" s="10"/>
    </row>
    <row r="685561" spans="14:14">
      <c r="N685561" s="10"/>
    </row>
    <row r="685562" spans="14:14">
      <c r="N685562" s="10"/>
    </row>
    <row r="685563" spans="14:14">
      <c r="N685563" s="10"/>
    </row>
    <row r="685564" spans="14:14">
      <c r="N685564" s="10"/>
    </row>
    <row r="685565" spans="14:14">
      <c r="N685565" s="10"/>
    </row>
    <row r="685566" spans="14:14">
      <c r="N685566" s="10"/>
    </row>
    <row r="685567" spans="14:14">
      <c r="N685567" s="10"/>
    </row>
    <row r="685568" spans="14:14">
      <c r="N685568" s="10"/>
    </row>
    <row r="685569" spans="14:14">
      <c r="N685569" s="10"/>
    </row>
    <row r="685570" spans="14:14">
      <c r="N685570" s="10"/>
    </row>
    <row r="685571" spans="14:14">
      <c r="N685571" s="10"/>
    </row>
    <row r="685572" spans="14:14">
      <c r="N685572" s="10"/>
    </row>
    <row r="685573" spans="14:14">
      <c r="N685573" s="10"/>
    </row>
    <row r="685574" spans="14:14">
      <c r="N685574" s="10"/>
    </row>
    <row r="685575" spans="14:14">
      <c r="N685575" s="10"/>
    </row>
    <row r="685576" spans="14:14">
      <c r="N685576" s="10"/>
    </row>
    <row r="685577" spans="14:14">
      <c r="N685577" s="10"/>
    </row>
    <row r="685578" spans="14:14">
      <c r="N685578" s="10"/>
    </row>
    <row r="685579" spans="14:14">
      <c r="N685579" s="10"/>
    </row>
    <row r="685580" spans="14:14">
      <c r="N685580" s="10"/>
    </row>
    <row r="685581" spans="14:14">
      <c r="N685581" s="10"/>
    </row>
    <row r="685582" spans="14:14">
      <c r="N685582" s="10"/>
    </row>
    <row r="685583" spans="14:14">
      <c r="N685583" s="10"/>
    </row>
    <row r="685584" spans="14:14">
      <c r="N685584" s="10"/>
    </row>
    <row r="685585" spans="14:14">
      <c r="N685585" s="10"/>
    </row>
    <row r="685586" spans="14:14">
      <c r="N685586" s="10"/>
    </row>
    <row r="685587" spans="14:14">
      <c r="N685587" s="10"/>
    </row>
    <row r="685588" spans="14:14">
      <c r="N685588" s="10"/>
    </row>
    <row r="685589" spans="14:14">
      <c r="N685589" s="10"/>
    </row>
    <row r="685590" spans="14:14">
      <c r="N685590" s="10"/>
    </row>
    <row r="685591" spans="14:14">
      <c r="N685591" s="10"/>
    </row>
    <row r="685592" spans="14:14">
      <c r="N685592" s="10"/>
    </row>
    <row r="685593" spans="14:14">
      <c r="N685593" s="10"/>
    </row>
    <row r="685594" spans="14:14">
      <c r="N685594" s="10"/>
    </row>
    <row r="685595" spans="14:14">
      <c r="N685595" s="10"/>
    </row>
    <row r="685596" spans="14:14">
      <c r="N685596" s="10"/>
    </row>
    <row r="685597" spans="14:14">
      <c r="N685597" s="10"/>
    </row>
    <row r="685598" spans="14:14">
      <c r="N685598" s="10"/>
    </row>
    <row r="685599" spans="14:14">
      <c r="N685599" s="10"/>
    </row>
    <row r="685600" spans="14:14">
      <c r="N685600" s="10"/>
    </row>
    <row r="685601" spans="14:14">
      <c r="N685601" s="10"/>
    </row>
    <row r="685602" spans="14:14">
      <c r="N685602" s="10"/>
    </row>
    <row r="685603" spans="14:14">
      <c r="N685603" s="10"/>
    </row>
    <row r="685604" spans="14:14">
      <c r="N685604" s="10"/>
    </row>
    <row r="685605" spans="14:14">
      <c r="N685605" s="10"/>
    </row>
    <row r="685606" spans="14:14">
      <c r="N685606" s="10"/>
    </row>
    <row r="685607" spans="14:14">
      <c r="N685607" s="10"/>
    </row>
    <row r="685608" spans="14:14">
      <c r="N685608" s="10"/>
    </row>
    <row r="685609" spans="14:14">
      <c r="N685609" s="10"/>
    </row>
    <row r="685610" spans="14:14">
      <c r="N685610" s="10"/>
    </row>
    <row r="685611" spans="14:14">
      <c r="N685611" s="10"/>
    </row>
    <row r="685612" spans="14:14">
      <c r="N685612" s="10"/>
    </row>
    <row r="685613" spans="14:14">
      <c r="N685613" s="10"/>
    </row>
    <row r="685614" spans="14:14">
      <c r="N685614" s="10"/>
    </row>
    <row r="685615" spans="14:14">
      <c r="N685615" s="10"/>
    </row>
    <row r="685616" spans="14:14">
      <c r="N685616" s="10"/>
    </row>
    <row r="685617" spans="14:14">
      <c r="N685617" s="10"/>
    </row>
    <row r="685618" spans="14:14">
      <c r="N685618" s="10"/>
    </row>
    <row r="685619" spans="14:14">
      <c r="N685619" s="10"/>
    </row>
    <row r="685620" spans="14:14">
      <c r="N685620" s="10"/>
    </row>
    <row r="685621" spans="14:14">
      <c r="N685621" s="10"/>
    </row>
    <row r="685622" spans="14:14">
      <c r="N685622" s="10"/>
    </row>
    <row r="685623" spans="14:14">
      <c r="N685623" s="10"/>
    </row>
    <row r="685624" spans="14:14">
      <c r="N685624" s="10"/>
    </row>
    <row r="685625" spans="14:14">
      <c r="N685625" s="10"/>
    </row>
    <row r="685626" spans="14:14">
      <c r="N685626" s="10"/>
    </row>
    <row r="685627" spans="14:14">
      <c r="N685627" s="10"/>
    </row>
    <row r="685628" spans="14:14">
      <c r="N685628" s="10"/>
    </row>
    <row r="685629" spans="14:14">
      <c r="N685629" s="10"/>
    </row>
    <row r="685630" spans="14:14">
      <c r="N685630" s="10"/>
    </row>
    <row r="685631" spans="14:14">
      <c r="N685631" s="10"/>
    </row>
    <row r="685632" spans="14:14">
      <c r="N685632" s="10"/>
    </row>
    <row r="685633" spans="14:14">
      <c r="N685633" s="10"/>
    </row>
    <row r="685634" spans="14:14">
      <c r="N685634" s="10"/>
    </row>
    <row r="685635" spans="14:14">
      <c r="N685635" s="10"/>
    </row>
    <row r="685636" spans="14:14">
      <c r="N685636" s="10"/>
    </row>
    <row r="685637" spans="14:14">
      <c r="N685637" s="10"/>
    </row>
    <row r="685638" spans="14:14">
      <c r="N685638" s="10"/>
    </row>
    <row r="685639" spans="14:14">
      <c r="N685639" s="10"/>
    </row>
    <row r="685640" spans="14:14">
      <c r="N685640" s="10"/>
    </row>
    <row r="685641" spans="14:14">
      <c r="N685641" s="10"/>
    </row>
    <row r="685642" spans="14:14">
      <c r="N685642" s="10"/>
    </row>
    <row r="685643" spans="14:14">
      <c r="N685643" s="10"/>
    </row>
    <row r="685644" spans="14:14">
      <c r="N685644" s="10"/>
    </row>
    <row r="685645" spans="14:14">
      <c r="N685645" s="10"/>
    </row>
    <row r="685646" spans="14:14">
      <c r="N685646" s="10"/>
    </row>
    <row r="685647" spans="14:14">
      <c r="N685647" s="10"/>
    </row>
    <row r="685648" spans="14:14">
      <c r="N685648" s="10"/>
    </row>
    <row r="685649" spans="14:14">
      <c r="N685649" s="10"/>
    </row>
    <row r="685650" spans="14:14">
      <c r="N685650" s="10"/>
    </row>
    <row r="685651" spans="14:14">
      <c r="N685651" s="10"/>
    </row>
    <row r="685652" spans="14:14">
      <c r="N685652" s="10"/>
    </row>
    <row r="685653" spans="14:14">
      <c r="N685653" s="10"/>
    </row>
    <row r="685654" spans="14:14">
      <c r="N685654" s="10"/>
    </row>
    <row r="685655" spans="14:14">
      <c r="N685655" s="10"/>
    </row>
    <row r="685656" spans="14:14">
      <c r="N685656" s="10"/>
    </row>
    <row r="685657" spans="14:14">
      <c r="N685657" s="10"/>
    </row>
    <row r="685658" spans="14:14">
      <c r="N685658" s="10"/>
    </row>
    <row r="685659" spans="14:14">
      <c r="N685659" s="10"/>
    </row>
    <row r="685660" spans="14:14">
      <c r="N685660" s="10"/>
    </row>
    <row r="685661" spans="14:14">
      <c r="N685661" s="10"/>
    </row>
    <row r="685662" spans="14:14">
      <c r="N685662" s="10"/>
    </row>
    <row r="685663" spans="14:14">
      <c r="N685663" s="10"/>
    </row>
    <row r="685664" spans="14:14">
      <c r="N685664" s="10"/>
    </row>
    <row r="685665" spans="14:14">
      <c r="N685665" s="10"/>
    </row>
    <row r="685666" spans="14:14">
      <c r="N685666" s="10"/>
    </row>
    <row r="685667" spans="14:14">
      <c r="N685667" s="10"/>
    </row>
    <row r="685668" spans="14:14">
      <c r="N685668" s="10"/>
    </row>
    <row r="685669" spans="14:14">
      <c r="N685669" s="10"/>
    </row>
    <row r="685670" spans="14:14">
      <c r="N685670" s="10"/>
    </row>
    <row r="685671" spans="14:14">
      <c r="N685671" s="10"/>
    </row>
    <row r="685672" spans="14:14">
      <c r="N685672" s="10"/>
    </row>
    <row r="685673" spans="14:14">
      <c r="N685673" s="10"/>
    </row>
    <row r="685674" spans="14:14">
      <c r="N685674" s="10"/>
    </row>
    <row r="685675" spans="14:14">
      <c r="N685675" s="10"/>
    </row>
    <row r="685676" spans="14:14">
      <c r="N685676" s="10"/>
    </row>
    <row r="685677" spans="14:14">
      <c r="N685677" s="10"/>
    </row>
    <row r="685678" spans="14:14">
      <c r="N685678" s="10"/>
    </row>
    <row r="685679" spans="14:14">
      <c r="N685679" s="10"/>
    </row>
    <row r="685680" spans="14:14">
      <c r="N685680" s="10"/>
    </row>
    <row r="685681" spans="14:14">
      <c r="N685681" s="10"/>
    </row>
    <row r="685682" spans="14:14">
      <c r="N685682" s="10"/>
    </row>
    <row r="685683" spans="14:14">
      <c r="N685683" s="10"/>
    </row>
    <row r="685684" spans="14:14">
      <c r="N685684" s="10"/>
    </row>
    <row r="685685" spans="14:14">
      <c r="N685685" s="10"/>
    </row>
    <row r="685686" spans="14:14">
      <c r="N685686" s="10"/>
    </row>
    <row r="685687" spans="14:14">
      <c r="N685687" s="10"/>
    </row>
    <row r="685688" spans="14:14">
      <c r="N685688" s="10"/>
    </row>
    <row r="685689" spans="14:14">
      <c r="N685689" s="10"/>
    </row>
    <row r="685690" spans="14:14">
      <c r="N685690" s="10"/>
    </row>
    <row r="685691" spans="14:14">
      <c r="N685691" s="10"/>
    </row>
    <row r="685692" spans="14:14">
      <c r="N685692" s="10"/>
    </row>
    <row r="685693" spans="14:14">
      <c r="N685693" s="10"/>
    </row>
    <row r="685694" spans="14:14">
      <c r="N685694" s="10"/>
    </row>
    <row r="685695" spans="14:14">
      <c r="N685695" s="10"/>
    </row>
    <row r="685696" spans="14:14">
      <c r="N685696" s="10"/>
    </row>
    <row r="685697" spans="14:14">
      <c r="N685697" s="10"/>
    </row>
    <row r="685698" spans="14:14">
      <c r="N685698" s="10"/>
    </row>
    <row r="685699" spans="14:14">
      <c r="N685699" s="10"/>
    </row>
    <row r="685700" spans="14:14">
      <c r="N685700" s="10"/>
    </row>
    <row r="685701" spans="14:14">
      <c r="N685701" s="10"/>
    </row>
    <row r="685702" spans="14:14">
      <c r="N685702" s="10"/>
    </row>
    <row r="685703" spans="14:14">
      <c r="N685703" s="10"/>
    </row>
    <row r="685704" spans="14:14">
      <c r="N685704" s="10"/>
    </row>
    <row r="685705" spans="14:14">
      <c r="N685705" s="10"/>
    </row>
    <row r="685706" spans="14:14">
      <c r="N685706" s="10"/>
    </row>
    <row r="685707" spans="14:14">
      <c r="N685707" s="10"/>
    </row>
    <row r="685708" spans="14:14">
      <c r="N685708" s="10"/>
    </row>
    <row r="685709" spans="14:14">
      <c r="N685709" s="10"/>
    </row>
    <row r="685710" spans="14:14">
      <c r="N685710" s="10"/>
    </row>
    <row r="685711" spans="14:14">
      <c r="N685711" s="10"/>
    </row>
    <row r="685712" spans="14:14">
      <c r="N685712" s="10"/>
    </row>
    <row r="685713" spans="14:14">
      <c r="N685713" s="10"/>
    </row>
    <row r="685714" spans="14:14">
      <c r="N685714" s="10"/>
    </row>
    <row r="685715" spans="14:14">
      <c r="N685715" s="10"/>
    </row>
    <row r="685716" spans="14:14">
      <c r="N685716" s="10"/>
    </row>
    <row r="685717" spans="14:14">
      <c r="N685717" s="10"/>
    </row>
    <row r="685718" spans="14:14">
      <c r="N685718" s="10"/>
    </row>
    <row r="685719" spans="14:14">
      <c r="N685719" s="10"/>
    </row>
    <row r="685720" spans="14:14">
      <c r="N685720" s="10"/>
    </row>
    <row r="685721" spans="14:14">
      <c r="N685721" s="10"/>
    </row>
    <row r="685722" spans="14:14">
      <c r="N685722" s="10"/>
    </row>
    <row r="685723" spans="14:14">
      <c r="N685723" s="10"/>
    </row>
    <row r="685724" spans="14:14">
      <c r="N685724" s="10"/>
    </row>
    <row r="685725" spans="14:14">
      <c r="N685725" s="10"/>
    </row>
    <row r="685726" spans="14:14">
      <c r="N685726" s="10"/>
    </row>
    <row r="685727" spans="14:14">
      <c r="N685727" s="10"/>
    </row>
    <row r="685728" spans="14:14">
      <c r="N685728" s="10"/>
    </row>
    <row r="685729" spans="14:14">
      <c r="N685729" s="10"/>
    </row>
    <row r="685730" spans="14:14">
      <c r="N685730" s="10"/>
    </row>
    <row r="685731" spans="14:14">
      <c r="N685731" s="10"/>
    </row>
    <row r="685732" spans="14:14">
      <c r="N685732" s="10"/>
    </row>
    <row r="685733" spans="14:14">
      <c r="N685733" s="10"/>
    </row>
    <row r="685734" spans="14:14">
      <c r="N685734" s="10"/>
    </row>
    <row r="685735" spans="14:14">
      <c r="N685735" s="10"/>
    </row>
    <row r="685736" spans="14:14">
      <c r="N685736" s="10"/>
    </row>
    <row r="685737" spans="14:14">
      <c r="N685737" s="10"/>
    </row>
    <row r="685738" spans="14:14">
      <c r="N685738" s="10"/>
    </row>
    <row r="685739" spans="14:14">
      <c r="N685739" s="10"/>
    </row>
    <row r="685740" spans="14:14">
      <c r="N685740" s="10"/>
    </row>
    <row r="685741" spans="14:14">
      <c r="N685741" s="10"/>
    </row>
    <row r="685742" spans="14:14">
      <c r="N685742" s="10"/>
    </row>
    <row r="685743" spans="14:14">
      <c r="N685743" s="10"/>
    </row>
    <row r="685744" spans="14:14">
      <c r="N685744" s="10"/>
    </row>
    <row r="685745" spans="14:14">
      <c r="N685745" s="10"/>
    </row>
    <row r="685746" spans="14:14">
      <c r="N685746" s="10"/>
    </row>
    <row r="685747" spans="14:14">
      <c r="N685747" s="10"/>
    </row>
    <row r="685748" spans="14:14">
      <c r="N685748" s="10"/>
    </row>
    <row r="685749" spans="14:14">
      <c r="N685749" s="10"/>
    </row>
    <row r="685750" spans="14:14">
      <c r="N685750" s="10"/>
    </row>
    <row r="685751" spans="14:14">
      <c r="N685751" s="10"/>
    </row>
    <row r="685752" spans="14:14">
      <c r="N685752" s="10"/>
    </row>
    <row r="685753" spans="14:14">
      <c r="N685753" s="10"/>
    </row>
    <row r="685754" spans="14:14">
      <c r="N685754" s="10"/>
    </row>
    <row r="685755" spans="14:14">
      <c r="N685755" s="10"/>
    </row>
    <row r="685756" spans="14:14">
      <c r="N685756" s="10"/>
    </row>
    <row r="685757" spans="14:14">
      <c r="N685757" s="10"/>
    </row>
    <row r="685758" spans="14:14">
      <c r="N685758" s="10"/>
    </row>
    <row r="685759" spans="14:14">
      <c r="N685759" s="10"/>
    </row>
    <row r="685760" spans="14:14">
      <c r="N685760" s="10"/>
    </row>
    <row r="685761" spans="14:14">
      <c r="N685761" s="10"/>
    </row>
    <row r="685762" spans="14:14">
      <c r="N685762" s="10"/>
    </row>
    <row r="685763" spans="14:14">
      <c r="N685763" s="10"/>
    </row>
    <row r="685764" spans="14:14">
      <c r="N685764" s="10"/>
    </row>
    <row r="685765" spans="14:14">
      <c r="N685765" s="10"/>
    </row>
    <row r="685766" spans="14:14">
      <c r="N685766" s="10"/>
    </row>
    <row r="685767" spans="14:14">
      <c r="N685767" s="10"/>
    </row>
    <row r="685768" spans="14:14">
      <c r="N685768" s="10"/>
    </row>
    <row r="685769" spans="14:14">
      <c r="N685769" s="10"/>
    </row>
    <row r="685770" spans="14:14">
      <c r="N685770" s="10"/>
    </row>
    <row r="685771" spans="14:14">
      <c r="N685771" s="10"/>
    </row>
    <row r="685772" spans="14:14">
      <c r="N685772" s="10"/>
    </row>
    <row r="685773" spans="14:14">
      <c r="N685773" s="10"/>
    </row>
    <row r="685774" spans="14:14">
      <c r="N685774" s="10"/>
    </row>
    <row r="685775" spans="14:14">
      <c r="N685775" s="10"/>
    </row>
    <row r="685776" spans="14:14">
      <c r="N685776" s="10"/>
    </row>
    <row r="685777" spans="14:14">
      <c r="N685777" s="10"/>
    </row>
    <row r="685778" spans="14:14">
      <c r="N685778" s="10"/>
    </row>
    <row r="685779" spans="14:14">
      <c r="N685779" s="10"/>
    </row>
    <row r="685780" spans="14:14">
      <c r="N685780" s="10"/>
    </row>
    <row r="685781" spans="14:14">
      <c r="N685781" s="10"/>
    </row>
    <row r="685782" spans="14:14">
      <c r="N685782" s="10"/>
    </row>
    <row r="685783" spans="14:14">
      <c r="N685783" s="10"/>
    </row>
    <row r="685784" spans="14:14">
      <c r="N685784" s="10"/>
    </row>
    <row r="685785" spans="14:14">
      <c r="N685785" s="10"/>
    </row>
    <row r="685786" spans="14:14">
      <c r="N685786" s="10"/>
    </row>
    <row r="685787" spans="14:14">
      <c r="N685787" s="10"/>
    </row>
    <row r="685788" spans="14:14">
      <c r="N685788" s="10"/>
    </row>
    <row r="685789" spans="14:14">
      <c r="N685789" s="10"/>
    </row>
    <row r="685790" spans="14:14">
      <c r="N685790" s="10"/>
    </row>
    <row r="685791" spans="14:14">
      <c r="N685791" s="10"/>
    </row>
    <row r="685792" spans="14:14">
      <c r="N685792" s="10"/>
    </row>
    <row r="685793" spans="14:14">
      <c r="N685793" s="10"/>
    </row>
    <row r="685794" spans="14:14">
      <c r="N685794" s="10"/>
    </row>
    <row r="685795" spans="14:14">
      <c r="N685795" s="10"/>
    </row>
    <row r="685796" spans="14:14">
      <c r="N685796" s="10"/>
    </row>
    <row r="685797" spans="14:14">
      <c r="N685797" s="10"/>
    </row>
    <row r="685798" spans="14:14">
      <c r="N685798" s="10"/>
    </row>
    <row r="685799" spans="14:14">
      <c r="N685799" s="10"/>
    </row>
    <row r="685800" spans="14:14">
      <c r="N685800" s="10"/>
    </row>
    <row r="685801" spans="14:14">
      <c r="N685801" s="10"/>
    </row>
    <row r="685802" spans="14:14">
      <c r="N685802" s="10"/>
    </row>
    <row r="685803" spans="14:14">
      <c r="N685803" s="10"/>
    </row>
    <row r="685804" spans="14:14">
      <c r="N685804" s="10"/>
    </row>
    <row r="685805" spans="14:14">
      <c r="N685805" s="10"/>
    </row>
    <row r="685806" spans="14:14">
      <c r="N685806" s="10"/>
    </row>
    <row r="685807" spans="14:14">
      <c r="N685807" s="10"/>
    </row>
    <row r="685808" spans="14:14">
      <c r="N685808" s="10"/>
    </row>
    <row r="685809" spans="14:14">
      <c r="N685809" s="10"/>
    </row>
    <row r="685810" spans="14:14">
      <c r="N685810" s="10"/>
    </row>
    <row r="685811" spans="14:14">
      <c r="N685811" s="10"/>
    </row>
    <row r="685812" spans="14:14">
      <c r="N685812" s="10"/>
    </row>
    <row r="685813" spans="14:14">
      <c r="N685813" s="10"/>
    </row>
    <row r="685814" spans="14:14">
      <c r="N685814" s="10"/>
    </row>
    <row r="685815" spans="14:14">
      <c r="N685815" s="10"/>
    </row>
    <row r="685816" spans="14:14">
      <c r="N685816" s="10"/>
    </row>
    <row r="685817" spans="14:14">
      <c r="N685817" s="10"/>
    </row>
    <row r="685818" spans="14:14">
      <c r="N685818" s="10"/>
    </row>
    <row r="685819" spans="14:14">
      <c r="N685819" s="10"/>
    </row>
    <row r="685820" spans="14:14">
      <c r="N685820" s="10"/>
    </row>
    <row r="685821" spans="14:14">
      <c r="N685821" s="10"/>
    </row>
    <row r="685822" spans="14:14">
      <c r="N685822" s="10"/>
    </row>
    <row r="685823" spans="14:14">
      <c r="N685823" s="10"/>
    </row>
    <row r="685824" spans="14:14">
      <c r="N685824" s="10"/>
    </row>
    <row r="685825" spans="14:14">
      <c r="N685825" s="10"/>
    </row>
    <row r="685826" spans="14:14">
      <c r="N685826" s="10"/>
    </row>
    <row r="685827" spans="14:14">
      <c r="N685827" s="10"/>
    </row>
    <row r="685828" spans="14:14">
      <c r="N685828" s="10"/>
    </row>
    <row r="685829" spans="14:14">
      <c r="N685829" s="10"/>
    </row>
    <row r="685830" spans="14:14">
      <c r="N685830" s="10"/>
    </row>
    <row r="685831" spans="14:14">
      <c r="N685831" s="10"/>
    </row>
    <row r="685832" spans="14:14">
      <c r="N685832" s="10"/>
    </row>
    <row r="685833" spans="14:14">
      <c r="N685833" s="10"/>
    </row>
    <row r="685834" spans="14:14">
      <c r="N685834" s="10"/>
    </row>
    <row r="685835" spans="14:14">
      <c r="N685835" s="10"/>
    </row>
    <row r="685836" spans="14:14">
      <c r="N685836" s="10"/>
    </row>
    <row r="685837" spans="14:14">
      <c r="N685837" s="10"/>
    </row>
    <row r="685838" spans="14:14">
      <c r="N685838" s="10"/>
    </row>
    <row r="685839" spans="14:14">
      <c r="N685839" s="10"/>
    </row>
    <row r="685840" spans="14:14">
      <c r="N685840" s="10"/>
    </row>
    <row r="685841" spans="14:14">
      <c r="N685841" s="10"/>
    </row>
    <row r="685842" spans="14:14">
      <c r="N685842" s="10"/>
    </row>
    <row r="685843" spans="14:14">
      <c r="N685843" s="10"/>
    </row>
    <row r="685844" spans="14:14">
      <c r="N685844" s="10"/>
    </row>
    <row r="685845" spans="14:14">
      <c r="N685845" s="10"/>
    </row>
    <row r="685846" spans="14:14">
      <c r="N685846" s="10"/>
    </row>
    <row r="685847" spans="14:14">
      <c r="N685847" s="10"/>
    </row>
    <row r="685848" spans="14:14">
      <c r="N685848" s="10"/>
    </row>
    <row r="685849" spans="14:14">
      <c r="N685849" s="10"/>
    </row>
    <row r="685850" spans="14:14">
      <c r="N685850" s="10"/>
    </row>
    <row r="685851" spans="14:14">
      <c r="N685851" s="10"/>
    </row>
    <row r="685852" spans="14:14">
      <c r="N685852" s="10"/>
    </row>
    <row r="685853" spans="14:14">
      <c r="N685853" s="10"/>
    </row>
    <row r="685854" spans="14:14">
      <c r="N685854" s="10"/>
    </row>
    <row r="685855" spans="14:14">
      <c r="N685855" s="10"/>
    </row>
    <row r="685856" spans="14:14">
      <c r="N685856" s="10"/>
    </row>
    <row r="685857" spans="14:14">
      <c r="N685857" s="10"/>
    </row>
    <row r="685858" spans="14:14">
      <c r="N685858" s="10"/>
    </row>
    <row r="685859" spans="14:14">
      <c r="N685859" s="10"/>
    </row>
    <row r="685860" spans="14:14">
      <c r="N685860" s="10"/>
    </row>
    <row r="685861" spans="14:14">
      <c r="N685861" s="10"/>
    </row>
    <row r="685862" spans="14:14">
      <c r="N685862" s="10"/>
    </row>
    <row r="685863" spans="14:14">
      <c r="N685863" s="10"/>
    </row>
    <row r="685864" spans="14:14">
      <c r="N685864" s="10"/>
    </row>
    <row r="685865" spans="14:14">
      <c r="N685865" s="10"/>
    </row>
    <row r="685866" spans="14:14">
      <c r="N685866" s="10"/>
    </row>
    <row r="685867" spans="14:14">
      <c r="N685867" s="10"/>
    </row>
    <row r="685868" spans="14:14">
      <c r="N685868" s="10"/>
    </row>
    <row r="685869" spans="14:14">
      <c r="N685869" s="10"/>
    </row>
    <row r="685870" spans="14:14">
      <c r="N685870" s="10"/>
    </row>
    <row r="685871" spans="14:14">
      <c r="N685871" s="10"/>
    </row>
    <row r="685872" spans="14:14">
      <c r="N685872" s="10"/>
    </row>
    <row r="685873" spans="14:14">
      <c r="N685873" s="10"/>
    </row>
    <row r="685874" spans="14:14">
      <c r="N685874" s="10"/>
    </row>
    <row r="685875" spans="14:14">
      <c r="N685875" s="10"/>
    </row>
    <row r="685876" spans="14:14">
      <c r="N685876" s="10"/>
    </row>
    <row r="685877" spans="14:14">
      <c r="N685877" s="10"/>
    </row>
    <row r="685878" spans="14:14">
      <c r="N685878" s="10"/>
    </row>
    <row r="685879" spans="14:14">
      <c r="N685879" s="10"/>
    </row>
    <row r="685880" spans="14:14">
      <c r="N685880" s="10"/>
    </row>
    <row r="685881" spans="14:14">
      <c r="N685881" s="10"/>
    </row>
    <row r="685882" spans="14:14">
      <c r="N685882" s="10"/>
    </row>
    <row r="685883" spans="14:14">
      <c r="N685883" s="10"/>
    </row>
    <row r="685884" spans="14:14">
      <c r="N685884" s="10"/>
    </row>
    <row r="685885" spans="14:14">
      <c r="N685885" s="10"/>
    </row>
    <row r="685886" spans="14:14">
      <c r="N685886" s="10"/>
    </row>
    <row r="685887" spans="14:14">
      <c r="N685887" s="10"/>
    </row>
    <row r="685888" spans="14:14">
      <c r="N685888" s="10"/>
    </row>
    <row r="685889" spans="14:14">
      <c r="N685889" s="10"/>
    </row>
    <row r="685890" spans="14:14">
      <c r="N685890" s="10"/>
    </row>
    <row r="685891" spans="14:14">
      <c r="N685891" s="10"/>
    </row>
    <row r="685892" spans="14:14">
      <c r="N685892" s="10"/>
    </row>
    <row r="685893" spans="14:14">
      <c r="N685893" s="10"/>
    </row>
    <row r="685894" spans="14:14">
      <c r="N685894" s="10"/>
    </row>
    <row r="685895" spans="14:14">
      <c r="N685895" s="10"/>
    </row>
    <row r="685896" spans="14:14">
      <c r="N685896" s="10"/>
    </row>
    <row r="685897" spans="14:14">
      <c r="N685897" s="10"/>
    </row>
    <row r="685898" spans="14:14">
      <c r="N685898" s="10"/>
    </row>
    <row r="685899" spans="14:14">
      <c r="N685899" s="10"/>
    </row>
    <row r="685900" spans="14:14">
      <c r="N685900" s="10"/>
    </row>
    <row r="685901" spans="14:14">
      <c r="N685901" s="10"/>
    </row>
    <row r="685902" spans="14:14">
      <c r="N685902" s="10"/>
    </row>
    <row r="685903" spans="14:14">
      <c r="N685903" s="10"/>
    </row>
    <row r="685904" spans="14:14">
      <c r="N685904" s="10"/>
    </row>
    <row r="685905" spans="14:14">
      <c r="N685905" s="10"/>
    </row>
    <row r="685906" spans="14:14">
      <c r="N685906" s="10"/>
    </row>
    <row r="685907" spans="14:14">
      <c r="N685907" s="10"/>
    </row>
    <row r="685908" spans="14:14">
      <c r="N685908" s="10"/>
    </row>
    <row r="685909" spans="14:14">
      <c r="N685909" s="10"/>
    </row>
    <row r="685910" spans="14:14">
      <c r="N685910" s="10"/>
    </row>
    <row r="685911" spans="14:14">
      <c r="N685911" s="10"/>
    </row>
    <row r="685912" spans="14:14">
      <c r="N685912" s="10"/>
    </row>
    <row r="685913" spans="14:14">
      <c r="N685913" s="10"/>
    </row>
    <row r="685914" spans="14:14">
      <c r="N685914" s="10"/>
    </row>
    <row r="685915" spans="14:14">
      <c r="N685915" s="10"/>
    </row>
    <row r="685916" spans="14:14">
      <c r="N685916" s="10"/>
    </row>
    <row r="685917" spans="14:14">
      <c r="N685917" s="10"/>
    </row>
    <row r="685918" spans="14:14">
      <c r="N685918" s="10"/>
    </row>
    <row r="685919" spans="14:14">
      <c r="N685919" s="10"/>
    </row>
    <row r="685920" spans="14:14">
      <c r="N685920" s="10"/>
    </row>
    <row r="685921" spans="14:14">
      <c r="N685921" s="10"/>
    </row>
    <row r="685922" spans="14:14">
      <c r="N685922" s="10"/>
    </row>
    <row r="685923" spans="14:14">
      <c r="N685923" s="10"/>
    </row>
    <row r="685924" spans="14:14">
      <c r="N685924" s="10"/>
    </row>
    <row r="685925" spans="14:14">
      <c r="N685925" s="10"/>
    </row>
    <row r="685926" spans="14:14">
      <c r="N685926" s="10"/>
    </row>
    <row r="685927" spans="14:14">
      <c r="N685927" s="10"/>
    </row>
    <row r="685928" spans="14:14">
      <c r="N685928" s="10"/>
    </row>
    <row r="685929" spans="14:14">
      <c r="N685929" s="10"/>
    </row>
    <row r="685930" spans="14:14">
      <c r="N685930" s="10"/>
    </row>
    <row r="685931" spans="14:14">
      <c r="N685931" s="10"/>
    </row>
    <row r="685932" spans="14:14">
      <c r="N685932" s="10"/>
    </row>
    <row r="685933" spans="14:14">
      <c r="N685933" s="10"/>
    </row>
    <row r="685934" spans="14:14">
      <c r="N685934" s="10"/>
    </row>
    <row r="685935" spans="14:14">
      <c r="N685935" s="10"/>
    </row>
    <row r="685936" spans="14:14">
      <c r="N685936" s="10"/>
    </row>
    <row r="685937" spans="14:14">
      <c r="N685937" s="10"/>
    </row>
    <row r="685938" spans="14:14">
      <c r="N685938" s="10"/>
    </row>
    <row r="685939" spans="14:14">
      <c r="N685939" s="10"/>
    </row>
    <row r="685940" spans="14:14">
      <c r="N685940" s="10"/>
    </row>
    <row r="685941" spans="14:14">
      <c r="N685941" s="10"/>
    </row>
    <row r="685942" spans="14:14">
      <c r="N685942" s="10"/>
    </row>
    <row r="685943" spans="14:14">
      <c r="N685943" s="10"/>
    </row>
    <row r="685944" spans="14:14">
      <c r="N685944" s="10"/>
    </row>
    <row r="685945" spans="14:14">
      <c r="N685945" s="10"/>
    </row>
    <row r="685946" spans="14:14">
      <c r="N685946" s="10"/>
    </row>
    <row r="685947" spans="14:14">
      <c r="N685947" s="10"/>
    </row>
    <row r="685948" spans="14:14">
      <c r="N685948" s="10"/>
    </row>
    <row r="685949" spans="14:14">
      <c r="N685949" s="10"/>
    </row>
    <row r="685950" spans="14:14">
      <c r="N685950" s="10"/>
    </row>
    <row r="685951" spans="14:14">
      <c r="N685951" s="10"/>
    </row>
    <row r="685952" spans="14:14">
      <c r="N685952" s="10"/>
    </row>
    <row r="685953" spans="14:14">
      <c r="N685953" s="10"/>
    </row>
    <row r="685954" spans="14:14">
      <c r="N685954" s="10"/>
    </row>
    <row r="685955" spans="14:14">
      <c r="N685955" s="10"/>
    </row>
    <row r="685956" spans="14:14">
      <c r="N685956" s="10"/>
    </row>
    <row r="685957" spans="14:14">
      <c r="N685957" s="10"/>
    </row>
    <row r="685958" spans="14:14">
      <c r="N685958" s="10"/>
    </row>
    <row r="685959" spans="14:14">
      <c r="N685959" s="10"/>
    </row>
    <row r="685960" spans="14:14">
      <c r="N685960" s="10"/>
    </row>
    <row r="685961" spans="14:14">
      <c r="N685961" s="10"/>
    </row>
    <row r="685962" spans="14:14">
      <c r="N685962" s="10"/>
    </row>
    <row r="685963" spans="14:14">
      <c r="N685963" s="10"/>
    </row>
    <row r="685964" spans="14:14">
      <c r="N685964" s="10"/>
    </row>
    <row r="685965" spans="14:14">
      <c r="N685965" s="10"/>
    </row>
    <row r="685966" spans="14:14">
      <c r="N685966" s="10"/>
    </row>
    <row r="685967" spans="14:14">
      <c r="N685967" s="10"/>
    </row>
    <row r="685968" spans="14:14">
      <c r="N685968" s="10"/>
    </row>
    <row r="685969" spans="14:14">
      <c r="N685969" s="10"/>
    </row>
    <row r="685970" spans="14:14">
      <c r="N685970" s="10"/>
    </row>
    <row r="685971" spans="14:14">
      <c r="N685971" s="10"/>
    </row>
    <row r="685972" spans="14:14">
      <c r="N685972" s="10"/>
    </row>
    <row r="685973" spans="14:14">
      <c r="N685973" s="10"/>
    </row>
    <row r="685974" spans="14:14">
      <c r="N685974" s="10"/>
    </row>
    <row r="685975" spans="14:14">
      <c r="N685975" s="10"/>
    </row>
    <row r="685976" spans="14:14">
      <c r="N685976" s="10"/>
    </row>
    <row r="685977" spans="14:14">
      <c r="N685977" s="10"/>
    </row>
    <row r="685978" spans="14:14">
      <c r="N685978" s="10"/>
    </row>
    <row r="685979" spans="14:14">
      <c r="N685979" s="10"/>
    </row>
    <row r="685980" spans="14:14">
      <c r="N685980" s="10"/>
    </row>
    <row r="685981" spans="14:14">
      <c r="N685981" s="10"/>
    </row>
    <row r="685982" spans="14:14">
      <c r="N685982" s="10"/>
    </row>
    <row r="685983" spans="14:14">
      <c r="N685983" s="10"/>
    </row>
    <row r="685984" spans="14:14">
      <c r="N685984" s="10"/>
    </row>
    <row r="685985" spans="14:14">
      <c r="N685985" s="10"/>
    </row>
    <row r="685986" spans="14:14">
      <c r="N685986" s="10"/>
    </row>
    <row r="685987" spans="14:14">
      <c r="N685987" s="10"/>
    </row>
    <row r="685988" spans="14:14">
      <c r="N685988" s="10"/>
    </row>
    <row r="685989" spans="14:14">
      <c r="N685989" s="10"/>
    </row>
    <row r="685990" spans="14:14">
      <c r="N685990" s="10"/>
    </row>
    <row r="685991" spans="14:14">
      <c r="N685991" s="10"/>
    </row>
    <row r="685992" spans="14:14">
      <c r="N685992" s="10"/>
    </row>
    <row r="685993" spans="14:14">
      <c r="N685993" s="10"/>
    </row>
    <row r="685994" spans="14:14">
      <c r="N685994" s="10"/>
    </row>
    <row r="685995" spans="14:14">
      <c r="N685995" s="10"/>
    </row>
    <row r="685996" spans="14:14">
      <c r="N685996" s="10"/>
    </row>
    <row r="685997" spans="14:14">
      <c r="N685997" s="10"/>
    </row>
    <row r="685998" spans="14:14">
      <c r="N685998" s="10"/>
    </row>
    <row r="685999" spans="14:14">
      <c r="N685999" s="10"/>
    </row>
    <row r="686000" spans="14:14">
      <c r="N686000" s="10"/>
    </row>
    <row r="686001" spans="14:14">
      <c r="N686001" s="10"/>
    </row>
    <row r="686002" spans="14:14">
      <c r="N686002" s="10"/>
    </row>
    <row r="686003" spans="14:14">
      <c r="N686003" s="10"/>
    </row>
    <row r="686004" spans="14:14">
      <c r="N686004" s="10"/>
    </row>
    <row r="686005" spans="14:14">
      <c r="N686005" s="10"/>
    </row>
    <row r="686006" spans="14:14">
      <c r="N686006" s="10"/>
    </row>
    <row r="686007" spans="14:14">
      <c r="N686007" s="10"/>
    </row>
    <row r="686008" spans="14:14">
      <c r="N686008" s="10"/>
    </row>
    <row r="686009" spans="14:14">
      <c r="N686009" s="10"/>
    </row>
    <row r="686010" spans="14:14">
      <c r="N686010" s="10"/>
    </row>
    <row r="686011" spans="14:14">
      <c r="N686011" s="10"/>
    </row>
    <row r="686012" spans="14:14">
      <c r="N686012" s="10"/>
    </row>
    <row r="686013" spans="14:14">
      <c r="N686013" s="10"/>
    </row>
    <row r="686014" spans="14:14">
      <c r="N686014" s="10"/>
    </row>
    <row r="686015" spans="14:14">
      <c r="N686015" s="10"/>
    </row>
    <row r="686016" spans="14:14">
      <c r="N686016" s="10"/>
    </row>
    <row r="686017" spans="14:14">
      <c r="N686017" s="10"/>
    </row>
    <row r="686018" spans="14:14">
      <c r="N686018" s="10"/>
    </row>
    <row r="686019" spans="14:14">
      <c r="N686019" s="10"/>
    </row>
    <row r="686020" spans="14:14">
      <c r="N686020" s="10"/>
    </row>
    <row r="686021" spans="14:14">
      <c r="N686021" s="10"/>
    </row>
    <row r="686022" spans="14:14">
      <c r="N686022" s="10"/>
    </row>
    <row r="686023" spans="14:14">
      <c r="N686023" s="10"/>
    </row>
    <row r="686024" spans="14:14">
      <c r="N686024" s="10"/>
    </row>
    <row r="686025" spans="14:14">
      <c r="N686025" s="10"/>
    </row>
    <row r="686026" spans="14:14">
      <c r="N686026" s="10"/>
    </row>
    <row r="686027" spans="14:14">
      <c r="N686027" s="10"/>
    </row>
    <row r="686028" spans="14:14">
      <c r="N686028" s="10"/>
    </row>
    <row r="686029" spans="14:14">
      <c r="N686029" s="10"/>
    </row>
    <row r="686030" spans="14:14">
      <c r="N686030" s="10"/>
    </row>
    <row r="686031" spans="14:14">
      <c r="N686031" s="10"/>
    </row>
    <row r="686032" spans="14:14">
      <c r="N686032" s="10"/>
    </row>
    <row r="686033" spans="14:14">
      <c r="N686033" s="10"/>
    </row>
    <row r="686034" spans="14:14">
      <c r="N686034" s="10"/>
    </row>
    <row r="686035" spans="14:14">
      <c r="N686035" s="10"/>
    </row>
    <row r="686036" spans="14:14">
      <c r="N686036" s="10"/>
    </row>
    <row r="686037" spans="14:14">
      <c r="N686037" s="10"/>
    </row>
    <row r="686038" spans="14:14">
      <c r="N686038" s="10"/>
    </row>
    <row r="686039" spans="14:14">
      <c r="N686039" s="10"/>
    </row>
    <row r="686040" spans="14:14">
      <c r="N686040" s="10"/>
    </row>
    <row r="686041" spans="14:14">
      <c r="N686041" s="10"/>
    </row>
    <row r="686042" spans="14:14">
      <c r="N686042" s="10"/>
    </row>
    <row r="686043" spans="14:14">
      <c r="N686043" s="10"/>
    </row>
    <row r="686044" spans="14:14">
      <c r="N686044" s="10"/>
    </row>
    <row r="686045" spans="14:14">
      <c r="N686045" s="10"/>
    </row>
    <row r="686046" spans="14:14">
      <c r="N686046" s="10"/>
    </row>
    <row r="686047" spans="14:14">
      <c r="N686047" s="10"/>
    </row>
    <row r="686048" spans="14:14">
      <c r="N686048" s="10"/>
    </row>
    <row r="686049" spans="14:14">
      <c r="N686049" s="10"/>
    </row>
    <row r="686050" spans="14:14">
      <c r="N686050" s="10"/>
    </row>
    <row r="686051" spans="14:14">
      <c r="N686051" s="10"/>
    </row>
    <row r="686052" spans="14:14">
      <c r="N686052" s="10"/>
    </row>
    <row r="686053" spans="14:14">
      <c r="N686053" s="10"/>
    </row>
    <row r="686054" spans="14:14">
      <c r="N686054" s="10"/>
    </row>
    <row r="686055" spans="14:14">
      <c r="N686055" s="10"/>
    </row>
    <row r="686056" spans="14:14">
      <c r="N686056" s="10"/>
    </row>
    <row r="686057" spans="14:14">
      <c r="N686057" s="10"/>
    </row>
    <row r="686058" spans="14:14">
      <c r="N686058" s="10"/>
    </row>
    <row r="686059" spans="14:14">
      <c r="N686059" s="10"/>
    </row>
    <row r="686060" spans="14:14">
      <c r="N686060" s="10"/>
    </row>
    <row r="686061" spans="14:14">
      <c r="N686061" s="10"/>
    </row>
    <row r="686062" spans="14:14">
      <c r="N686062" s="10"/>
    </row>
    <row r="686063" spans="14:14">
      <c r="N686063" s="10"/>
    </row>
    <row r="686064" spans="14:14">
      <c r="N686064" s="10"/>
    </row>
    <row r="686065" spans="14:14">
      <c r="N686065" s="10"/>
    </row>
    <row r="686066" spans="14:14">
      <c r="N686066" s="10"/>
    </row>
    <row r="686067" spans="14:14">
      <c r="N686067" s="10"/>
    </row>
    <row r="686068" spans="14:14">
      <c r="N686068" s="10"/>
    </row>
    <row r="686069" spans="14:14">
      <c r="N686069" s="10"/>
    </row>
    <row r="686070" spans="14:14">
      <c r="N686070" s="10"/>
    </row>
    <row r="686071" spans="14:14">
      <c r="N686071" s="10"/>
    </row>
    <row r="686072" spans="14:14">
      <c r="N686072" s="10"/>
    </row>
    <row r="686073" spans="14:14">
      <c r="N686073" s="10"/>
    </row>
    <row r="686074" spans="14:14">
      <c r="N686074" s="10"/>
    </row>
    <row r="686075" spans="14:14">
      <c r="N686075" s="10"/>
    </row>
    <row r="686076" spans="14:14">
      <c r="N686076" s="10"/>
    </row>
    <row r="686077" spans="14:14">
      <c r="N686077" s="10"/>
    </row>
    <row r="686078" spans="14:14">
      <c r="N686078" s="10"/>
    </row>
    <row r="686079" spans="14:14">
      <c r="N686079" s="10"/>
    </row>
    <row r="686080" spans="14:14">
      <c r="N686080" s="10"/>
    </row>
    <row r="686081" spans="14:14">
      <c r="N686081" s="10"/>
    </row>
    <row r="686082" spans="14:14">
      <c r="N686082" s="10"/>
    </row>
    <row r="686083" spans="14:14">
      <c r="N686083" s="10"/>
    </row>
    <row r="686084" spans="14:14">
      <c r="N686084" s="10"/>
    </row>
    <row r="686085" spans="14:14">
      <c r="N686085" s="10"/>
    </row>
    <row r="686086" spans="14:14">
      <c r="N686086" s="10"/>
    </row>
    <row r="686087" spans="14:14">
      <c r="N686087" s="10"/>
    </row>
    <row r="686088" spans="14:14">
      <c r="N686088" s="10"/>
    </row>
    <row r="686089" spans="14:14">
      <c r="N686089" s="10"/>
    </row>
    <row r="686090" spans="14:14">
      <c r="N686090" s="10"/>
    </row>
    <row r="686091" spans="14:14">
      <c r="N686091" s="10"/>
    </row>
    <row r="686092" spans="14:14">
      <c r="N686092" s="10"/>
    </row>
    <row r="686093" spans="14:14">
      <c r="N686093" s="10"/>
    </row>
    <row r="686094" spans="14:14">
      <c r="N686094" s="10"/>
    </row>
    <row r="686095" spans="14:14">
      <c r="N686095" s="10"/>
    </row>
    <row r="686096" spans="14:14">
      <c r="N686096" s="10"/>
    </row>
    <row r="686097" spans="14:14">
      <c r="N686097" s="10"/>
    </row>
    <row r="686098" spans="14:14">
      <c r="N686098" s="10"/>
    </row>
    <row r="686099" spans="14:14">
      <c r="N686099" s="10"/>
    </row>
    <row r="686100" spans="14:14">
      <c r="N686100" s="10"/>
    </row>
    <row r="686101" spans="14:14">
      <c r="N686101" s="10"/>
    </row>
    <row r="686102" spans="14:14">
      <c r="N686102" s="10"/>
    </row>
    <row r="686103" spans="14:14">
      <c r="N686103" s="10"/>
    </row>
    <row r="686104" spans="14:14">
      <c r="N686104" s="10"/>
    </row>
    <row r="686105" spans="14:14">
      <c r="N686105" s="10"/>
    </row>
    <row r="686106" spans="14:14">
      <c r="N686106" s="10"/>
    </row>
    <row r="686107" spans="14:14">
      <c r="N686107" s="10"/>
    </row>
    <row r="686108" spans="14:14">
      <c r="N686108" s="10"/>
    </row>
    <row r="686109" spans="14:14">
      <c r="N686109" s="10"/>
    </row>
    <row r="686110" spans="14:14">
      <c r="N686110" s="10"/>
    </row>
    <row r="686111" spans="14:14">
      <c r="N686111" s="10"/>
    </row>
    <row r="686112" spans="14:14">
      <c r="N686112" s="10"/>
    </row>
    <row r="686113" spans="14:14">
      <c r="N686113" s="10"/>
    </row>
    <row r="686114" spans="14:14">
      <c r="N686114" s="10"/>
    </row>
    <row r="686115" spans="14:14">
      <c r="N686115" s="10"/>
    </row>
    <row r="686116" spans="14:14">
      <c r="N686116" s="10"/>
    </row>
    <row r="686117" spans="14:14">
      <c r="N686117" s="10"/>
    </row>
    <row r="686118" spans="14:14">
      <c r="N686118" s="10"/>
    </row>
    <row r="686119" spans="14:14">
      <c r="N686119" s="10"/>
    </row>
    <row r="686120" spans="14:14">
      <c r="N686120" s="10"/>
    </row>
    <row r="686121" spans="14:14">
      <c r="N686121" s="10"/>
    </row>
    <row r="686122" spans="14:14">
      <c r="N686122" s="10"/>
    </row>
    <row r="686123" spans="14:14">
      <c r="N686123" s="10"/>
    </row>
    <row r="686124" spans="14:14">
      <c r="N686124" s="10"/>
    </row>
    <row r="686125" spans="14:14">
      <c r="N686125" s="10"/>
    </row>
    <row r="686126" spans="14:14">
      <c r="N686126" s="10"/>
    </row>
    <row r="686127" spans="14:14">
      <c r="N686127" s="10"/>
    </row>
    <row r="686128" spans="14:14">
      <c r="N686128" s="10"/>
    </row>
    <row r="686129" spans="14:14">
      <c r="N686129" s="10"/>
    </row>
    <row r="686130" spans="14:14">
      <c r="N686130" s="10"/>
    </row>
    <row r="686131" spans="14:14">
      <c r="N686131" s="10"/>
    </row>
    <row r="686132" spans="14:14">
      <c r="N686132" s="10"/>
    </row>
    <row r="686133" spans="14:14">
      <c r="N686133" s="10"/>
    </row>
    <row r="686134" spans="14:14">
      <c r="N686134" s="10"/>
    </row>
    <row r="686135" spans="14:14">
      <c r="N686135" s="10"/>
    </row>
    <row r="686136" spans="14:14">
      <c r="N686136" s="10"/>
    </row>
    <row r="686137" spans="14:14">
      <c r="N686137" s="10"/>
    </row>
    <row r="686138" spans="14:14">
      <c r="N686138" s="10"/>
    </row>
    <row r="686139" spans="14:14">
      <c r="N686139" s="10"/>
    </row>
    <row r="686140" spans="14:14">
      <c r="N686140" s="10"/>
    </row>
    <row r="686141" spans="14:14">
      <c r="N686141" s="10"/>
    </row>
    <row r="686142" spans="14:14">
      <c r="N686142" s="10"/>
    </row>
    <row r="686143" spans="14:14">
      <c r="N686143" s="10"/>
    </row>
    <row r="686144" spans="14:14">
      <c r="N686144" s="10"/>
    </row>
    <row r="686145" spans="14:14">
      <c r="N686145" s="10"/>
    </row>
    <row r="686146" spans="14:14">
      <c r="N686146" s="10"/>
    </row>
    <row r="686147" spans="14:14">
      <c r="N686147" s="10"/>
    </row>
    <row r="686148" spans="14:14">
      <c r="N686148" s="10"/>
    </row>
    <row r="686149" spans="14:14">
      <c r="N686149" s="10"/>
    </row>
    <row r="686150" spans="14:14">
      <c r="N686150" s="10"/>
    </row>
    <row r="686151" spans="14:14">
      <c r="N686151" s="10"/>
    </row>
    <row r="686152" spans="14:14">
      <c r="N686152" s="10"/>
    </row>
    <row r="686153" spans="14:14">
      <c r="N686153" s="10"/>
    </row>
    <row r="686154" spans="14:14">
      <c r="N686154" s="10"/>
    </row>
    <row r="686155" spans="14:14">
      <c r="N686155" s="10"/>
    </row>
    <row r="686156" spans="14:14">
      <c r="N686156" s="10"/>
    </row>
    <row r="686157" spans="14:14">
      <c r="N686157" s="10"/>
    </row>
    <row r="686158" spans="14:14">
      <c r="N686158" s="10"/>
    </row>
    <row r="686159" spans="14:14">
      <c r="N686159" s="10"/>
    </row>
    <row r="686160" spans="14:14">
      <c r="N686160" s="10"/>
    </row>
    <row r="686161" spans="14:14">
      <c r="N686161" s="10"/>
    </row>
    <row r="686162" spans="14:14">
      <c r="N686162" s="10"/>
    </row>
    <row r="686163" spans="14:14">
      <c r="N686163" s="10"/>
    </row>
    <row r="686164" spans="14:14">
      <c r="N686164" s="10"/>
    </row>
    <row r="686165" spans="14:14">
      <c r="N686165" s="10"/>
    </row>
    <row r="686166" spans="14:14">
      <c r="N686166" s="10"/>
    </row>
    <row r="686167" spans="14:14">
      <c r="N686167" s="10"/>
    </row>
    <row r="686168" spans="14:14">
      <c r="N686168" s="10"/>
    </row>
    <row r="686169" spans="14:14">
      <c r="N686169" s="10"/>
    </row>
    <row r="686170" spans="14:14">
      <c r="N686170" s="10"/>
    </row>
    <row r="686171" spans="14:14">
      <c r="N686171" s="10"/>
    </row>
    <row r="686172" spans="14:14">
      <c r="N686172" s="10"/>
    </row>
    <row r="686173" spans="14:14">
      <c r="N686173" s="10"/>
    </row>
    <row r="686174" spans="14:14">
      <c r="N686174" s="10"/>
    </row>
    <row r="686175" spans="14:14">
      <c r="N686175" s="10"/>
    </row>
    <row r="686176" spans="14:14">
      <c r="N686176" s="10"/>
    </row>
    <row r="686177" spans="14:14">
      <c r="N686177" s="10"/>
    </row>
    <row r="686178" spans="14:14">
      <c r="N686178" s="10"/>
    </row>
    <row r="686179" spans="14:14">
      <c r="N686179" s="10"/>
    </row>
    <row r="686180" spans="14:14">
      <c r="N686180" s="10"/>
    </row>
    <row r="686181" spans="14:14">
      <c r="N686181" s="10"/>
    </row>
    <row r="686182" spans="14:14">
      <c r="N686182" s="10"/>
    </row>
    <row r="686183" spans="14:14">
      <c r="N686183" s="10"/>
    </row>
    <row r="686184" spans="14:14">
      <c r="N686184" s="10"/>
    </row>
    <row r="686185" spans="14:14">
      <c r="N686185" s="10"/>
    </row>
    <row r="686186" spans="14:14">
      <c r="N686186" s="10"/>
    </row>
    <row r="686187" spans="14:14">
      <c r="N686187" s="10"/>
    </row>
    <row r="686188" spans="14:14">
      <c r="N686188" s="10"/>
    </row>
    <row r="686189" spans="14:14">
      <c r="N686189" s="10"/>
    </row>
    <row r="686190" spans="14:14">
      <c r="N686190" s="10"/>
    </row>
    <row r="686191" spans="14:14">
      <c r="N686191" s="10"/>
    </row>
    <row r="686192" spans="14:14">
      <c r="N686192" s="10"/>
    </row>
    <row r="686193" spans="14:14">
      <c r="N686193" s="10"/>
    </row>
    <row r="686194" spans="14:14">
      <c r="N686194" s="10"/>
    </row>
    <row r="686195" spans="14:14">
      <c r="N686195" s="10"/>
    </row>
    <row r="686196" spans="14:14">
      <c r="N686196" s="10"/>
    </row>
    <row r="686197" spans="14:14">
      <c r="N686197" s="10"/>
    </row>
    <row r="686198" spans="14:14">
      <c r="N686198" s="10"/>
    </row>
    <row r="686199" spans="14:14">
      <c r="N686199" s="10"/>
    </row>
    <row r="686200" spans="14:14">
      <c r="N686200" s="10"/>
    </row>
    <row r="686201" spans="14:14">
      <c r="N686201" s="10"/>
    </row>
    <row r="686202" spans="14:14">
      <c r="N686202" s="10"/>
    </row>
    <row r="686203" spans="14:14">
      <c r="N686203" s="10"/>
    </row>
    <row r="686204" spans="14:14">
      <c r="N686204" s="10"/>
    </row>
    <row r="686205" spans="14:14">
      <c r="N686205" s="10"/>
    </row>
    <row r="686206" spans="14:14">
      <c r="N686206" s="10"/>
    </row>
    <row r="686207" spans="14:14">
      <c r="N686207" s="10"/>
    </row>
    <row r="686208" spans="14:14">
      <c r="N686208" s="10"/>
    </row>
    <row r="686209" spans="14:14">
      <c r="N686209" s="10"/>
    </row>
    <row r="686210" spans="14:14">
      <c r="N686210" s="10"/>
    </row>
    <row r="686211" spans="14:14">
      <c r="N686211" s="10"/>
    </row>
    <row r="686212" spans="14:14">
      <c r="N686212" s="10"/>
    </row>
    <row r="686213" spans="14:14">
      <c r="N686213" s="10"/>
    </row>
    <row r="686214" spans="14:14">
      <c r="N686214" s="10"/>
    </row>
    <row r="686215" spans="14:14">
      <c r="N686215" s="10"/>
    </row>
    <row r="686216" spans="14:14">
      <c r="N686216" s="10"/>
    </row>
    <row r="686217" spans="14:14">
      <c r="N686217" s="10"/>
    </row>
    <row r="686218" spans="14:14">
      <c r="N686218" s="10"/>
    </row>
    <row r="686219" spans="14:14">
      <c r="N686219" s="10"/>
    </row>
    <row r="686220" spans="14:14">
      <c r="N686220" s="10"/>
    </row>
    <row r="686221" spans="14:14">
      <c r="N686221" s="10"/>
    </row>
    <row r="686222" spans="14:14">
      <c r="N686222" s="10"/>
    </row>
    <row r="686223" spans="14:14">
      <c r="N686223" s="10"/>
    </row>
    <row r="686224" spans="14:14">
      <c r="N686224" s="10"/>
    </row>
    <row r="686225" spans="14:14">
      <c r="N686225" s="10"/>
    </row>
    <row r="686226" spans="14:14">
      <c r="N686226" s="10"/>
    </row>
    <row r="686227" spans="14:14">
      <c r="N686227" s="10"/>
    </row>
    <row r="686228" spans="14:14">
      <c r="N686228" s="10"/>
    </row>
    <row r="686229" spans="14:14">
      <c r="N686229" s="10"/>
    </row>
    <row r="686230" spans="14:14">
      <c r="N686230" s="10"/>
    </row>
    <row r="686231" spans="14:14">
      <c r="N686231" s="10"/>
    </row>
    <row r="686232" spans="14:14">
      <c r="N686232" s="10"/>
    </row>
    <row r="686233" spans="14:14">
      <c r="N686233" s="10"/>
    </row>
    <row r="686234" spans="14:14">
      <c r="N686234" s="10"/>
    </row>
    <row r="686235" spans="14:14">
      <c r="N686235" s="10"/>
    </row>
    <row r="686236" spans="14:14">
      <c r="N686236" s="10"/>
    </row>
    <row r="686237" spans="14:14">
      <c r="N686237" s="10"/>
    </row>
    <row r="686238" spans="14:14">
      <c r="N686238" s="10"/>
    </row>
    <row r="686239" spans="14:14">
      <c r="N686239" s="10"/>
    </row>
    <row r="686240" spans="14:14">
      <c r="N686240" s="10"/>
    </row>
    <row r="686241" spans="14:14">
      <c r="N686241" s="10"/>
    </row>
    <row r="686242" spans="14:14">
      <c r="N686242" s="10"/>
    </row>
    <row r="686243" spans="14:14">
      <c r="N686243" s="10"/>
    </row>
    <row r="686244" spans="14:14">
      <c r="N686244" s="10"/>
    </row>
    <row r="686245" spans="14:14">
      <c r="N686245" s="10"/>
    </row>
    <row r="686246" spans="14:14">
      <c r="N686246" s="10"/>
    </row>
    <row r="686247" spans="14:14">
      <c r="N686247" s="10"/>
    </row>
    <row r="686248" spans="14:14">
      <c r="N686248" s="10"/>
    </row>
    <row r="686249" spans="14:14">
      <c r="N686249" s="10"/>
    </row>
    <row r="686250" spans="14:14">
      <c r="N686250" s="10"/>
    </row>
    <row r="686251" spans="14:14">
      <c r="N686251" s="10"/>
    </row>
    <row r="686252" spans="14:14">
      <c r="N686252" s="10"/>
    </row>
    <row r="686253" spans="14:14">
      <c r="N686253" s="10"/>
    </row>
    <row r="686254" spans="14:14">
      <c r="N686254" s="10"/>
    </row>
    <row r="686255" spans="14:14">
      <c r="N686255" s="10"/>
    </row>
    <row r="686256" spans="14:14">
      <c r="N686256" s="10"/>
    </row>
    <row r="686257" spans="14:14">
      <c r="N686257" s="10"/>
    </row>
    <row r="686258" spans="14:14">
      <c r="N686258" s="10"/>
    </row>
    <row r="686259" spans="14:14">
      <c r="N686259" s="10"/>
    </row>
    <row r="686260" spans="14:14">
      <c r="N686260" s="10"/>
    </row>
    <row r="686261" spans="14:14">
      <c r="N686261" s="10"/>
    </row>
    <row r="686262" spans="14:14">
      <c r="N686262" s="10"/>
    </row>
    <row r="686263" spans="14:14">
      <c r="N686263" s="10"/>
    </row>
    <row r="686264" spans="14:14">
      <c r="N686264" s="10"/>
    </row>
    <row r="686265" spans="14:14">
      <c r="N686265" s="10"/>
    </row>
    <row r="686266" spans="14:14">
      <c r="N686266" s="10"/>
    </row>
    <row r="686267" spans="14:14">
      <c r="N686267" s="10"/>
    </row>
    <row r="686268" spans="14:14">
      <c r="N686268" s="10"/>
    </row>
    <row r="686269" spans="14:14">
      <c r="N686269" s="10"/>
    </row>
    <row r="686270" spans="14:14">
      <c r="N686270" s="10"/>
    </row>
    <row r="686271" spans="14:14">
      <c r="N686271" s="10"/>
    </row>
    <row r="686272" spans="14:14">
      <c r="N686272" s="10"/>
    </row>
    <row r="686273" spans="14:14">
      <c r="N686273" s="10"/>
    </row>
    <row r="686274" spans="14:14">
      <c r="N686274" s="10"/>
    </row>
    <row r="686275" spans="14:14">
      <c r="N686275" s="10"/>
    </row>
    <row r="686276" spans="14:14">
      <c r="N686276" s="10"/>
    </row>
    <row r="686277" spans="14:14">
      <c r="N686277" s="10"/>
    </row>
    <row r="686278" spans="14:14">
      <c r="N686278" s="10"/>
    </row>
    <row r="686279" spans="14:14">
      <c r="N686279" s="10"/>
    </row>
    <row r="686280" spans="14:14">
      <c r="N686280" s="10"/>
    </row>
    <row r="686281" spans="14:14">
      <c r="N686281" s="10"/>
    </row>
    <row r="686282" spans="14:14">
      <c r="N686282" s="10"/>
    </row>
    <row r="686283" spans="14:14">
      <c r="N686283" s="10"/>
    </row>
    <row r="686284" spans="14:14">
      <c r="N686284" s="10"/>
    </row>
    <row r="686285" spans="14:14">
      <c r="N686285" s="10"/>
    </row>
    <row r="686286" spans="14:14">
      <c r="N686286" s="10"/>
    </row>
    <row r="686287" spans="14:14">
      <c r="N686287" s="10"/>
    </row>
    <row r="686288" spans="14:14">
      <c r="N686288" s="10"/>
    </row>
    <row r="686289" spans="14:14">
      <c r="N686289" s="10"/>
    </row>
    <row r="686290" spans="14:14">
      <c r="N686290" s="10"/>
    </row>
    <row r="686291" spans="14:14">
      <c r="N686291" s="10"/>
    </row>
    <row r="686292" spans="14:14">
      <c r="N686292" s="10"/>
    </row>
    <row r="686293" spans="14:14">
      <c r="N686293" s="10"/>
    </row>
    <row r="686294" spans="14:14">
      <c r="N686294" s="10"/>
    </row>
    <row r="686295" spans="14:14">
      <c r="N686295" s="10"/>
    </row>
    <row r="686296" spans="14:14">
      <c r="N686296" s="10"/>
    </row>
    <row r="686297" spans="14:14">
      <c r="N686297" s="10"/>
    </row>
    <row r="686298" spans="14:14">
      <c r="N686298" s="10"/>
    </row>
    <row r="686299" spans="14:14">
      <c r="N686299" s="10"/>
    </row>
    <row r="686300" spans="14:14">
      <c r="N686300" s="10"/>
    </row>
    <row r="686301" spans="14:14">
      <c r="N686301" s="10"/>
    </row>
    <row r="686302" spans="14:14">
      <c r="N686302" s="10"/>
    </row>
    <row r="686303" spans="14:14">
      <c r="N686303" s="10"/>
    </row>
    <row r="686304" spans="14:14">
      <c r="N686304" s="10"/>
    </row>
    <row r="686305" spans="14:14">
      <c r="N686305" s="10"/>
    </row>
    <row r="686306" spans="14:14">
      <c r="N686306" s="10"/>
    </row>
    <row r="686307" spans="14:14">
      <c r="N686307" s="10"/>
    </row>
    <row r="686308" spans="14:14">
      <c r="N686308" s="10"/>
    </row>
    <row r="686309" spans="14:14">
      <c r="N686309" s="10"/>
    </row>
    <row r="686310" spans="14:14">
      <c r="N686310" s="10"/>
    </row>
    <row r="686311" spans="14:14">
      <c r="N686311" s="10"/>
    </row>
    <row r="686312" spans="14:14">
      <c r="N686312" s="10"/>
    </row>
    <row r="686313" spans="14:14">
      <c r="N686313" s="10"/>
    </row>
    <row r="686314" spans="14:14">
      <c r="N686314" s="10"/>
    </row>
    <row r="686315" spans="14:14">
      <c r="N686315" s="10"/>
    </row>
    <row r="686316" spans="14:14">
      <c r="N686316" s="10"/>
    </row>
    <row r="686317" spans="14:14">
      <c r="N686317" s="10"/>
    </row>
    <row r="686318" spans="14:14">
      <c r="N686318" s="10"/>
    </row>
    <row r="686319" spans="14:14">
      <c r="N686319" s="10"/>
    </row>
    <row r="686320" spans="14:14">
      <c r="N686320" s="10"/>
    </row>
    <row r="686321" spans="14:14">
      <c r="N686321" s="10"/>
    </row>
    <row r="686322" spans="14:14">
      <c r="N686322" s="10"/>
    </row>
    <row r="686323" spans="14:14">
      <c r="N686323" s="10"/>
    </row>
    <row r="686324" spans="14:14">
      <c r="N686324" s="10"/>
    </row>
    <row r="686325" spans="14:14">
      <c r="N686325" s="10"/>
    </row>
    <row r="686326" spans="14:14">
      <c r="N686326" s="10"/>
    </row>
    <row r="686327" spans="14:14">
      <c r="N686327" s="10"/>
    </row>
    <row r="686328" spans="14:14">
      <c r="N686328" s="10"/>
    </row>
    <row r="686329" spans="14:14">
      <c r="N686329" s="10"/>
    </row>
    <row r="686330" spans="14:14">
      <c r="N686330" s="10"/>
    </row>
    <row r="686331" spans="14:14">
      <c r="N686331" s="10"/>
    </row>
    <row r="686332" spans="14:14">
      <c r="N686332" s="10"/>
    </row>
    <row r="686333" spans="14:14">
      <c r="N686333" s="10"/>
    </row>
    <row r="686334" spans="14:14">
      <c r="N686334" s="10"/>
    </row>
    <row r="686335" spans="14:14">
      <c r="N686335" s="10"/>
    </row>
    <row r="686336" spans="14:14">
      <c r="N686336" s="10"/>
    </row>
    <row r="686337" spans="14:14">
      <c r="N686337" s="10"/>
    </row>
    <row r="686338" spans="14:14">
      <c r="N686338" s="10"/>
    </row>
    <row r="686339" spans="14:14">
      <c r="N686339" s="10"/>
    </row>
    <row r="686340" spans="14:14">
      <c r="N686340" s="10"/>
    </row>
    <row r="686341" spans="14:14">
      <c r="N686341" s="10"/>
    </row>
    <row r="686342" spans="14:14">
      <c r="N686342" s="10"/>
    </row>
    <row r="686343" spans="14:14">
      <c r="N686343" s="10"/>
    </row>
    <row r="686344" spans="14:14">
      <c r="N686344" s="10"/>
    </row>
    <row r="686345" spans="14:14">
      <c r="N686345" s="10"/>
    </row>
    <row r="686346" spans="14:14">
      <c r="N686346" s="10"/>
    </row>
    <row r="686347" spans="14:14">
      <c r="N686347" s="10"/>
    </row>
    <row r="686348" spans="14:14">
      <c r="N686348" s="10"/>
    </row>
    <row r="686349" spans="14:14">
      <c r="N686349" s="10"/>
    </row>
    <row r="686350" spans="14:14">
      <c r="N686350" s="10"/>
    </row>
    <row r="686351" spans="14:14">
      <c r="N686351" s="10"/>
    </row>
    <row r="686352" spans="14:14">
      <c r="N686352" s="10"/>
    </row>
    <row r="686353" spans="14:14">
      <c r="N686353" s="10"/>
    </row>
    <row r="686354" spans="14:14">
      <c r="N686354" s="10"/>
    </row>
    <row r="686355" spans="14:14">
      <c r="N686355" s="10"/>
    </row>
    <row r="686356" spans="14:14">
      <c r="N686356" s="10"/>
    </row>
    <row r="686357" spans="14:14">
      <c r="N686357" s="10"/>
    </row>
    <row r="686358" spans="14:14">
      <c r="N686358" s="10"/>
    </row>
    <row r="686359" spans="14:14">
      <c r="N686359" s="10"/>
    </row>
    <row r="686360" spans="14:14">
      <c r="N686360" s="10"/>
    </row>
    <row r="686361" spans="14:14">
      <c r="N686361" s="10"/>
    </row>
    <row r="686362" spans="14:14">
      <c r="N686362" s="10"/>
    </row>
    <row r="686363" spans="14:14">
      <c r="N686363" s="10"/>
    </row>
    <row r="686364" spans="14:14">
      <c r="N686364" s="10"/>
    </row>
    <row r="686365" spans="14:14">
      <c r="N686365" s="10"/>
    </row>
    <row r="686366" spans="14:14">
      <c r="N686366" s="10"/>
    </row>
    <row r="686367" spans="14:14">
      <c r="N686367" s="10"/>
    </row>
    <row r="686368" spans="14:14">
      <c r="N686368" s="10"/>
    </row>
    <row r="686369" spans="14:14">
      <c r="N686369" s="10"/>
    </row>
    <row r="686370" spans="14:14">
      <c r="N686370" s="10"/>
    </row>
    <row r="686371" spans="14:14">
      <c r="N686371" s="10"/>
    </row>
    <row r="686372" spans="14:14">
      <c r="N686372" s="10"/>
    </row>
    <row r="686373" spans="14:14">
      <c r="N686373" s="10"/>
    </row>
    <row r="686374" spans="14:14">
      <c r="N686374" s="10"/>
    </row>
    <row r="686375" spans="14:14">
      <c r="N686375" s="10"/>
    </row>
    <row r="686376" spans="14:14">
      <c r="N686376" s="10"/>
    </row>
    <row r="686377" spans="14:14">
      <c r="N686377" s="10"/>
    </row>
    <row r="686378" spans="14:14">
      <c r="N686378" s="10"/>
    </row>
    <row r="686379" spans="14:14">
      <c r="N686379" s="10"/>
    </row>
    <row r="686380" spans="14:14">
      <c r="N686380" s="10"/>
    </row>
    <row r="686381" spans="14:14">
      <c r="N686381" s="10"/>
    </row>
    <row r="686382" spans="14:14">
      <c r="N686382" s="10"/>
    </row>
    <row r="686383" spans="14:14">
      <c r="N686383" s="10"/>
    </row>
    <row r="686384" spans="14:14">
      <c r="N686384" s="10"/>
    </row>
    <row r="686385" spans="14:14">
      <c r="N686385" s="10"/>
    </row>
    <row r="686386" spans="14:14">
      <c r="N686386" s="10"/>
    </row>
    <row r="686387" spans="14:14">
      <c r="N686387" s="10"/>
    </row>
    <row r="686388" spans="14:14">
      <c r="N686388" s="10"/>
    </row>
    <row r="686389" spans="14:14">
      <c r="N686389" s="10"/>
    </row>
    <row r="686390" spans="14:14">
      <c r="N686390" s="10"/>
    </row>
    <row r="686391" spans="14:14">
      <c r="N686391" s="10"/>
    </row>
    <row r="686392" spans="14:14">
      <c r="N686392" s="10"/>
    </row>
    <row r="686393" spans="14:14">
      <c r="N686393" s="10"/>
    </row>
    <row r="686394" spans="14:14">
      <c r="N686394" s="10"/>
    </row>
    <row r="686395" spans="14:14">
      <c r="N686395" s="10"/>
    </row>
    <row r="686396" spans="14:14">
      <c r="N686396" s="10"/>
    </row>
    <row r="686397" spans="14:14">
      <c r="N686397" s="10"/>
    </row>
    <row r="686398" spans="14:14">
      <c r="N686398" s="10"/>
    </row>
    <row r="686399" spans="14:14">
      <c r="N686399" s="10"/>
    </row>
    <row r="686400" spans="14:14">
      <c r="N686400" s="10"/>
    </row>
    <row r="686401" spans="14:14">
      <c r="N686401" s="10"/>
    </row>
    <row r="686402" spans="14:14">
      <c r="N686402" s="10"/>
    </row>
    <row r="686403" spans="14:14">
      <c r="N686403" s="10"/>
    </row>
    <row r="686404" spans="14:14">
      <c r="N686404" s="10"/>
    </row>
    <row r="686405" spans="14:14">
      <c r="N686405" s="10"/>
    </row>
    <row r="686406" spans="14:14">
      <c r="N686406" s="10"/>
    </row>
    <row r="686407" spans="14:14">
      <c r="N686407" s="10"/>
    </row>
    <row r="686408" spans="14:14">
      <c r="N686408" s="10"/>
    </row>
    <row r="686409" spans="14:14">
      <c r="N686409" s="10"/>
    </row>
    <row r="686410" spans="14:14">
      <c r="N686410" s="10"/>
    </row>
    <row r="686411" spans="14:14">
      <c r="N686411" s="10"/>
    </row>
    <row r="686412" spans="14:14">
      <c r="N686412" s="10"/>
    </row>
    <row r="686413" spans="14:14">
      <c r="N686413" s="10"/>
    </row>
    <row r="686414" spans="14:14">
      <c r="N686414" s="10"/>
    </row>
    <row r="686415" spans="14:14">
      <c r="N686415" s="10"/>
    </row>
    <row r="686416" spans="14:14">
      <c r="N686416" s="10"/>
    </row>
    <row r="686417" spans="14:14">
      <c r="N686417" s="10"/>
    </row>
    <row r="686418" spans="14:14">
      <c r="N686418" s="10"/>
    </row>
    <row r="686419" spans="14:14">
      <c r="N686419" s="10"/>
    </row>
    <row r="686420" spans="14:14">
      <c r="N686420" s="10"/>
    </row>
    <row r="686421" spans="14:14">
      <c r="N686421" s="10"/>
    </row>
    <row r="686422" spans="14:14">
      <c r="N686422" s="10"/>
    </row>
    <row r="686423" spans="14:14">
      <c r="N686423" s="10"/>
    </row>
    <row r="686424" spans="14:14">
      <c r="N686424" s="10"/>
    </row>
    <row r="686425" spans="14:14">
      <c r="N686425" s="10"/>
    </row>
    <row r="686426" spans="14:14">
      <c r="N686426" s="10"/>
    </row>
    <row r="686427" spans="14:14">
      <c r="N686427" s="10"/>
    </row>
    <row r="686428" spans="14:14">
      <c r="N686428" s="10"/>
    </row>
    <row r="686429" spans="14:14">
      <c r="N686429" s="10"/>
    </row>
    <row r="686430" spans="14:14">
      <c r="N686430" s="10"/>
    </row>
    <row r="686431" spans="14:14">
      <c r="N686431" s="10"/>
    </row>
    <row r="686432" spans="14:14">
      <c r="N686432" s="10"/>
    </row>
    <row r="686433" spans="14:14">
      <c r="N686433" s="10"/>
    </row>
    <row r="686434" spans="14:14">
      <c r="N686434" s="10"/>
    </row>
    <row r="686435" spans="14:14">
      <c r="N686435" s="10"/>
    </row>
    <row r="686436" spans="14:14">
      <c r="N686436" s="10"/>
    </row>
    <row r="686437" spans="14:14">
      <c r="N686437" s="10"/>
    </row>
    <row r="686438" spans="14:14">
      <c r="N686438" s="10"/>
    </row>
    <row r="686439" spans="14:14">
      <c r="N686439" s="10"/>
    </row>
    <row r="686440" spans="14:14">
      <c r="N686440" s="10"/>
    </row>
    <row r="686441" spans="14:14">
      <c r="N686441" s="10"/>
    </row>
    <row r="686442" spans="14:14">
      <c r="N686442" s="10"/>
    </row>
    <row r="686443" spans="14:14">
      <c r="N686443" s="10"/>
    </row>
    <row r="686444" spans="14:14">
      <c r="N686444" s="10"/>
    </row>
    <row r="686445" spans="14:14">
      <c r="N686445" s="10"/>
    </row>
    <row r="686446" spans="14:14">
      <c r="N686446" s="10"/>
    </row>
    <row r="686447" spans="14:14">
      <c r="N686447" s="10"/>
    </row>
    <row r="686448" spans="14:14">
      <c r="N686448" s="10"/>
    </row>
    <row r="686449" spans="14:14">
      <c r="N686449" s="10"/>
    </row>
    <row r="686450" spans="14:14">
      <c r="N686450" s="10"/>
    </row>
    <row r="686451" spans="14:14">
      <c r="N686451" s="10"/>
    </row>
    <row r="686452" spans="14:14">
      <c r="N686452" s="10"/>
    </row>
    <row r="686453" spans="14:14">
      <c r="N686453" s="10"/>
    </row>
    <row r="686454" spans="14:14">
      <c r="N686454" s="10"/>
    </row>
    <row r="686455" spans="14:14">
      <c r="N686455" s="10"/>
    </row>
    <row r="686456" spans="14:14">
      <c r="N686456" s="10"/>
    </row>
    <row r="686457" spans="14:14">
      <c r="N686457" s="10"/>
    </row>
    <row r="686458" spans="14:14">
      <c r="N686458" s="10"/>
    </row>
    <row r="686459" spans="14:14">
      <c r="N686459" s="10"/>
    </row>
    <row r="686460" spans="14:14">
      <c r="N686460" s="10"/>
    </row>
    <row r="686461" spans="14:14">
      <c r="N686461" s="10"/>
    </row>
    <row r="686462" spans="14:14">
      <c r="N686462" s="10"/>
    </row>
    <row r="686463" spans="14:14">
      <c r="N686463" s="10"/>
    </row>
    <row r="686464" spans="14:14">
      <c r="N686464" s="10"/>
    </row>
    <row r="686465" spans="14:14">
      <c r="N686465" s="10"/>
    </row>
    <row r="686466" spans="14:14">
      <c r="N686466" s="10"/>
    </row>
    <row r="686467" spans="14:14">
      <c r="N686467" s="10"/>
    </row>
    <row r="686468" spans="14:14">
      <c r="N686468" s="10"/>
    </row>
    <row r="686469" spans="14:14">
      <c r="N686469" s="10"/>
    </row>
    <row r="686470" spans="14:14">
      <c r="N686470" s="10"/>
    </row>
    <row r="686471" spans="14:14">
      <c r="N686471" s="10"/>
    </row>
    <row r="686472" spans="14:14">
      <c r="N686472" s="10"/>
    </row>
    <row r="686473" spans="14:14">
      <c r="N686473" s="10"/>
    </row>
    <row r="686474" spans="14:14">
      <c r="N686474" s="10"/>
    </row>
    <row r="686475" spans="14:14">
      <c r="N686475" s="10"/>
    </row>
    <row r="686476" spans="14:14">
      <c r="N686476" s="10"/>
    </row>
    <row r="686477" spans="14:14">
      <c r="N686477" s="10"/>
    </row>
    <row r="686478" spans="14:14">
      <c r="N686478" s="10"/>
    </row>
    <row r="686479" spans="14:14">
      <c r="N686479" s="10"/>
    </row>
    <row r="686480" spans="14:14">
      <c r="N686480" s="10"/>
    </row>
    <row r="686481" spans="14:14">
      <c r="N686481" s="10"/>
    </row>
    <row r="686482" spans="14:14">
      <c r="N686482" s="10"/>
    </row>
    <row r="686483" spans="14:14">
      <c r="N686483" s="10"/>
    </row>
    <row r="686484" spans="14:14">
      <c r="N686484" s="10"/>
    </row>
    <row r="686485" spans="14:14">
      <c r="N686485" s="10"/>
    </row>
    <row r="686486" spans="14:14">
      <c r="N686486" s="10"/>
    </row>
    <row r="686487" spans="14:14">
      <c r="N686487" s="10"/>
    </row>
    <row r="686488" spans="14:14">
      <c r="N686488" s="10"/>
    </row>
    <row r="686489" spans="14:14">
      <c r="N686489" s="10"/>
    </row>
    <row r="686490" spans="14:14">
      <c r="N686490" s="10"/>
    </row>
    <row r="686491" spans="14:14">
      <c r="N686491" s="10"/>
    </row>
    <row r="686492" spans="14:14">
      <c r="N686492" s="10"/>
    </row>
    <row r="686493" spans="14:14">
      <c r="N686493" s="10"/>
    </row>
    <row r="686494" spans="14:14">
      <c r="N686494" s="10"/>
    </row>
    <row r="686495" spans="14:14">
      <c r="N686495" s="10"/>
    </row>
    <row r="686496" spans="14:14">
      <c r="N686496" s="10"/>
    </row>
    <row r="686497" spans="14:14">
      <c r="N686497" s="10"/>
    </row>
    <row r="686498" spans="14:14">
      <c r="N686498" s="10"/>
    </row>
    <row r="686499" spans="14:14">
      <c r="N686499" s="10"/>
    </row>
    <row r="686500" spans="14:14">
      <c r="N686500" s="10"/>
    </row>
    <row r="686501" spans="14:14">
      <c r="N686501" s="10"/>
    </row>
    <row r="686502" spans="14:14">
      <c r="N686502" s="10"/>
    </row>
    <row r="686503" spans="14:14">
      <c r="N686503" s="10"/>
    </row>
    <row r="686504" spans="14:14">
      <c r="N686504" s="10"/>
    </row>
    <row r="686505" spans="14:14">
      <c r="N686505" s="10"/>
    </row>
    <row r="686506" spans="14:14">
      <c r="N686506" s="10"/>
    </row>
    <row r="686507" spans="14:14">
      <c r="N686507" s="10"/>
    </row>
    <row r="686508" spans="14:14">
      <c r="N686508" s="10"/>
    </row>
    <row r="686509" spans="14:14">
      <c r="N686509" s="10"/>
    </row>
    <row r="686510" spans="14:14">
      <c r="N686510" s="10"/>
    </row>
    <row r="686511" spans="14:14">
      <c r="N686511" s="10"/>
    </row>
    <row r="686512" spans="14:14">
      <c r="N686512" s="10"/>
    </row>
    <row r="686513" spans="14:14">
      <c r="N686513" s="10"/>
    </row>
    <row r="686514" spans="14:14">
      <c r="N686514" s="10"/>
    </row>
    <row r="686515" spans="14:14">
      <c r="N686515" s="10"/>
    </row>
    <row r="686516" spans="14:14">
      <c r="N686516" s="10"/>
    </row>
    <row r="686517" spans="14:14">
      <c r="N686517" s="10"/>
    </row>
    <row r="686518" spans="14:14">
      <c r="N686518" s="10"/>
    </row>
    <row r="686519" spans="14:14">
      <c r="N686519" s="10"/>
    </row>
    <row r="686520" spans="14:14">
      <c r="N686520" s="10"/>
    </row>
    <row r="686521" spans="14:14">
      <c r="N686521" s="10"/>
    </row>
    <row r="686522" spans="14:14">
      <c r="N686522" s="10"/>
    </row>
    <row r="686523" spans="14:14">
      <c r="N686523" s="10"/>
    </row>
    <row r="686524" spans="14:14">
      <c r="N686524" s="10"/>
    </row>
    <row r="686525" spans="14:14">
      <c r="N686525" s="10"/>
    </row>
    <row r="686526" spans="14:14">
      <c r="N686526" s="10"/>
    </row>
    <row r="686527" spans="14:14">
      <c r="N686527" s="10"/>
    </row>
    <row r="686528" spans="14:14">
      <c r="N686528" s="10"/>
    </row>
    <row r="686529" spans="14:14">
      <c r="N686529" s="10"/>
    </row>
    <row r="686530" spans="14:14">
      <c r="N686530" s="10"/>
    </row>
    <row r="686531" spans="14:14">
      <c r="N686531" s="10"/>
    </row>
    <row r="686532" spans="14:14">
      <c r="N686532" s="10"/>
    </row>
    <row r="686533" spans="14:14">
      <c r="N686533" s="10"/>
    </row>
    <row r="686534" spans="14:14">
      <c r="N686534" s="10"/>
    </row>
    <row r="686535" spans="14:14">
      <c r="N686535" s="10"/>
    </row>
    <row r="686536" spans="14:14">
      <c r="N686536" s="10"/>
    </row>
    <row r="686537" spans="14:14">
      <c r="N686537" s="10"/>
    </row>
    <row r="686538" spans="14:14">
      <c r="N686538" s="10"/>
    </row>
    <row r="686539" spans="14:14">
      <c r="N686539" s="10"/>
    </row>
    <row r="686540" spans="14:14">
      <c r="N686540" s="10"/>
    </row>
    <row r="686541" spans="14:14">
      <c r="N686541" s="10"/>
    </row>
    <row r="686542" spans="14:14">
      <c r="N686542" s="10"/>
    </row>
    <row r="686543" spans="14:14">
      <c r="N686543" s="10"/>
    </row>
    <row r="686544" spans="14:14">
      <c r="N686544" s="10"/>
    </row>
    <row r="686545" spans="14:14">
      <c r="N686545" s="10"/>
    </row>
    <row r="686546" spans="14:14">
      <c r="N686546" s="10"/>
    </row>
    <row r="686547" spans="14:14">
      <c r="N686547" s="10"/>
    </row>
    <row r="686548" spans="14:14">
      <c r="N686548" s="10"/>
    </row>
    <row r="686549" spans="14:14">
      <c r="N686549" s="10"/>
    </row>
    <row r="686550" spans="14:14">
      <c r="N686550" s="10"/>
    </row>
    <row r="686551" spans="14:14">
      <c r="N686551" s="10"/>
    </row>
    <row r="686552" spans="14:14">
      <c r="N686552" s="10"/>
    </row>
    <row r="686553" spans="14:14">
      <c r="N686553" s="10"/>
    </row>
    <row r="686554" spans="14:14">
      <c r="N686554" s="10"/>
    </row>
    <row r="686555" spans="14:14">
      <c r="N686555" s="10"/>
    </row>
    <row r="686556" spans="14:14">
      <c r="N686556" s="10"/>
    </row>
    <row r="686557" spans="14:14">
      <c r="N686557" s="10"/>
    </row>
    <row r="686558" spans="14:14">
      <c r="N686558" s="10"/>
    </row>
    <row r="686559" spans="14:14">
      <c r="N686559" s="10"/>
    </row>
    <row r="686560" spans="14:14">
      <c r="N686560" s="10"/>
    </row>
    <row r="686561" spans="14:14">
      <c r="N686561" s="10"/>
    </row>
    <row r="686562" spans="14:14">
      <c r="N686562" s="10"/>
    </row>
    <row r="686563" spans="14:14">
      <c r="N686563" s="10"/>
    </row>
    <row r="686564" spans="14:14">
      <c r="N686564" s="10"/>
    </row>
    <row r="686565" spans="14:14">
      <c r="N686565" s="10"/>
    </row>
    <row r="686566" spans="14:14">
      <c r="N686566" s="10"/>
    </row>
    <row r="686567" spans="14:14">
      <c r="N686567" s="10"/>
    </row>
    <row r="686568" spans="14:14">
      <c r="N686568" s="10"/>
    </row>
    <row r="686569" spans="14:14">
      <c r="N686569" s="10"/>
    </row>
    <row r="686570" spans="14:14">
      <c r="N686570" s="10"/>
    </row>
    <row r="686571" spans="14:14">
      <c r="N686571" s="10"/>
    </row>
    <row r="686572" spans="14:14">
      <c r="N686572" s="10"/>
    </row>
    <row r="686573" spans="14:14">
      <c r="N686573" s="10"/>
    </row>
    <row r="686574" spans="14:14">
      <c r="N686574" s="10"/>
    </row>
    <row r="686575" spans="14:14">
      <c r="N686575" s="10"/>
    </row>
    <row r="686576" spans="14:14">
      <c r="N686576" s="10"/>
    </row>
    <row r="686577" spans="14:14">
      <c r="N686577" s="10"/>
    </row>
    <row r="686578" spans="14:14">
      <c r="N686578" s="10"/>
    </row>
    <row r="686579" spans="14:14">
      <c r="N686579" s="10"/>
    </row>
    <row r="686580" spans="14:14">
      <c r="N686580" s="10"/>
    </row>
    <row r="686581" spans="14:14">
      <c r="N686581" s="10"/>
    </row>
    <row r="686582" spans="14:14">
      <c r="N686582" s="10"/>
    </row>
    <row r="686583" spans="14:14">
      <c r="N686583" s="10"/>
    </row>
    <row r="686584" spans="14:14">
      <c r="N686584" s="10"/>
    </row>
    <row r="686585" spans="14:14">
      <c r="N686585" s="10"/>
    </row>
    <row r="686586" spans="14:14">
      <c r="N686586" s="10"/>
    </row>
    <row r="686587" spans="14:14">
      <c r="N686587" s="10"/>
    </row>
    <row r="686588" spans="14:14">
      <c r="N686588" s="10"/>
    </row>
    <row r="686589" spans="14:14">
      <c r="N686589" s="10"/>
    </row>
    <row r="686590" spans="14:14">
      <c r="N686590" s="10"/>
    </row>
    <row r="686591" spans="14:14">
      <c r="N686591" s="10"/>
    </row>
    <row r="686592" spans="14:14">
      <c r="N686592" s="10"/>
    </row>
    <row r="686593" spans="14:14">
      <c r="N686593" s="10"/>
    </row>
    <row r="686594" spans="14:14">
      <c r="N686594" s="10"/>
    </row>
    <row r="686595" spans="14:14">
      <c r="N686595" s="10"/>
    </row>
    <row r="686596" spans="14:14">
      <c r="N686596" s="10"/>
    </row>
    <row r="686597" spans="14:14">
      <c r="N686597" s="10"/>
    </row>
    <row r="686598" spans="14:14">
      <c r="N686598" s="10"/>
    </row>
    <row r="686599" spans="14:14">
      <c r="N686599" s="10"/>
    </row>
    <row r="686600" spans="14:14">
      <c r="N686600" s="10"/>
    </row>
    <row r="686601" spans="14:14">
      <c r="N686601" s="10"/>
    </row>
    <row r="686602" spans="14:14">
      <c r="N686602" s="10"/>
    </row>
    <row r="686603" spans="14:14">
      <c r="N686603" s="10"/>
    </row>
    <row r="686604" spans="14:14">
      <c r="N686604" s="10"/>
    </row>
    <row r="686605" spans="14:14">
      <c r="N686605" s="10"/>
    </row>
    <row r="686606" spans="14:14">
      <c r="N686606" s="10"/>
    </row>
    <row r="686607" spans="14:14">
      <c r="N686607" s="10"/>
    </row>
    <row r="686608" spans="14:14">
      <c r="N686608" s="10"/>
    </row>
    <row r="686609" spans="14:14">
      <c r="N686609" s="10"/>
    </row>
    <row r="686610" spans="14:14">
      <c r="N686610" s="10"/>
    </row>
    <row r="686611" spans="14:14">
      <c r="N686611" s="10"/>
    </row>
    <row r="686612" spans="14:14">
      <c r="N686612" s="10"/>
    </row>
    <row r="686613" spans="14:14">
      <c r="N686613" s="10"/>
    </row>
    <row r="686614" spans="14:14">
      <c r="N686614" s="10"/>
    </row>
    <row r="686615" spans="14:14">
      <c r="N686615" s="10"/>
    </row>
    <row r="686616" spans="14:14">
      <c r="N686616" s="10"/>
    </row>
    <row r="686617" spans="14:14">
      <c r="N686617" s="10"/>
    </row>
    <row r="686618" spans="14:14">
      <c r="N686618" s="10"/>
    </row>
    <row r="686619" spans="14:14">
      <c r="N686619" s="10"/>
    </row>
    <row r="686620" spans="14:14">
      <c r="N686620" s="10"/>
    </row>
    <row r="686621" spans="14:14">
      <c r="N686621" s="10"/>
    </row>
    <row r="686622" spans="14:14">
      <c r="N686622" s="10"/>
    </row>
    <row r="686623" spans="14:14">
      <c r="N686623" s="10"/>
    </row>
    <row r="686624" spans="14:14">
      <c r="N686624" s="10"/>
    </row>
    <row r="686625" spans="14:14">
      <c r="N686625" s="10"/>
    </row>
    <row r="686626" spans="14:14">
      <c r="N686626" s="10"/>
    </row>
    <row r="686627" spans="14:14">
      <c r="N686627" s="10"/>
    </row>
    <row r="686628" spans="14:14">
      <c r="N686628" s="10"/>
    </row>
    <row r="686629" spans="14:14">
      <c r="N686629" s="10"/>
    </row>
    <row r="686630" spans="14:14">
      <c r="N686630" s="10"/>
    </row>
    <row r="686631" spans="14:14">
      <c r="N686631" s="10"/>
    </row>
    <row r="686632" spans="14:14">
      <c r="N686632" s="10"/>
    </row>
    <row r="686633" spans="14:14">
      <c r="N686633" s="10"/>
    </row>
    <row r="686634" spans="14:14">
      <c r="N686634" s="10"/>
    </row>
    <row r="686635" spans="14:14">
      <c r="N686635" s="10"/>
    </row>
    <row r="686636" spans="14:14">
      <c r="N686636" s="10"/>
    </row>
    <row r="686637" spans="14:14">
      <c r="N686637" s="10"/>
    </row>
    <row r="686638" spans="14:14">
      <c r="N686638" s="10"/>
    </row>
    <row r="686639" spans="14:14">
      <c r="N686639" s="10"/>
    </row>
    <row r="686640" spans="14:14">
      <c r="N686640" s="10"/>
    </row>
    <row r="686641" spans="14:14">
      <c r="N686641" s="10"/>
    </row>
    <row r="686642" spans="14:14">
      <c r="N686642" s="10"/>
    </row>
    <row r="686643" spans="14:14">
      <c r="N686643" s="10"/>
    </row>
    <row r="686644" spans="14:14">
      <c r="N686644" s="10"/>
    </row>
    <row r="686645" spans="14:14">
      <c r="N686645" s="10"/>
    </row>
    <row r="686646" spans="14:14">
      <c r="N686646" s="10"/>
    </row>
    <row r="686647" spans="14:14">
      <c r="N686647" s="10"/>
    </row>
    <row r="686648" spans="14:14">
      <c r="N686648" s="10"/>
    </row>
    <row r="686649" spans="14:14">
      <c r="N686649" s="10"/>
    </row>
    <row r="686650" spans="14:14">
      <c r="N686650" s="10"/>
    </row>
    <row r="686651" spans="14:14">
      <c r="N686651" s="10"/>
    </row>
    <row r="686652" spans="14:14">
      <c r="N686652" s="10"/>
    </row>
    <row r="686653" spans="14:14">
      <c r="N686653" s="10"/>
    </row>
    <row r="686654" spans="14:14">
      <c r="N686654" s="10"/>
    </row>
    <row r="686655" spans="14:14">
      <c r="N686655" s="10"/>
    </row>
    <row r="686656" spans="14:14">
      <c r="N686656" s="10"/>
    </row>
    <row r="686657" spans="14:14">
      <c r="N686657" s="10"/>
    </row>
    <row r="686658" spans="14:14">
      <c r="N686658" s="10"/>
    </row>
    <row r="686659" spans="14:14">
      <c r="N686659" s="10"/>
    </row>
    <row r="686660" spans="14:14">
      <c r="N686660" s="10"/>
    </row>
    <row r="686661" spans="14:14">
      <c r="N686661" s="10"/>
    </row>
    <row r="686662" spans="14:14">
      <c r="N686662" s="10"/>
    </row>
    <row r="686663" spans="14:14">
      <c r="N686663" s="10"/>
    </row>
    <row r="686664" spans="14:14">
      <c r="N686664" s="10"/>
    </row>
    <row r="686665" spans="14:14">
      <c r="N686665" s="10"/>
    </row>
    <row r="686666" spans="14:14">
      <c r="N686666" s="10"/>
    </row>
    <row r="686667" spans="14:14">
      <c r="N686667" s="10"/>
    </row>
    <row r="686668" spans="14:14">
      <c r="N686668" s="10"/>
    </row>
    <row r="686669" spans="14:14">
      <c r="N686669" s="10"/>
    </row>
    <row r="686670" spans="14:14">
      <c r="N686670" s="10"/>
    </row>
    <row r="686671" spans="14:14">
      <c r="N686671" s="10"/>
    </row>
    <row r="686672" spans="14:14">
      <c r="N686672" s="10"/>
    </row>
    <row r="686673" spans="14:14">
      <c r="N686673" s="10"/>
    </row>
    <row r="686674" spans="14:14">
      <c r="N686674" s="10"/>
    </row>
    <row r="686675" spans="14:14">
      <c r="N686675" s="10"/>
    </row>
    <row r="686676" spans="14:14">
      <c r="N686676" s="10"/>
    </row>
    <row r="686677" spans="14:14">
      <c r="N686677" s="10"/>
    </row>
    <row r="686678" spans="14:14">
      <c r="N686678" s="10"/>
    </row>
    <row r="686679" spans="14:14">
      <c r="N686679" s="10"/>
    </row>
    <row r="686680" spans="14:14">
      <c r="N686680" s="10"/>
    </row>
    <row r="686681" spans="14:14">
      <c r="N686681" s="10"/>
    </row>
    <row r="686682" spans="14:14">
      <c r="N686682" s="10"/>
    </row>
    <row r="686683" spans="14:14">
      <c r="N686683" s="10"/>
    </row>
    <row r="686684" spans="14:14">
      <c r="N686684" s="10"/>
    </row>
    <row r="686685" spans="14:14">
      <c r="N686685" s="10"/>
    </row>
    <row r="686686" spans="14:14">
      <c r="N686686" s="10"/>
    </row>
    <row r="686687" spans="14:14">
      <c r="N686687" s="10"/>
    </row>
    <row r="686688" spans="14:14">
      <c r="N686688" s="10"/>
    </row>
    <row r="686689" spans="14:14">
      <c r="N686689" s="10"/>
    </row>
    <row r="686690" spans="14:14">
      <c r="N686690" s="10"/>
    </row>
    <row r="686691" spans="14:14">
      <c r="N686691" s="10"/>
    </row>
    <row r="686692" spans="14:14">
      <c r="N686692" s="10"/>
    </row>
    <row r="686693" spans="14:14">
      <c r="N686693" s="10"/>
    </row>
    <row r="686694" spans="14:14">
      <c r="N686694" s="10"/>
    </row>
    <row r="686695" spans="14:14">
      <c r="N686695" s="10"/>
    </row>
    <row r="686696" spans="14:14">
      <c r="N686696" s="10"/>
    </row>
    <row r="686697" spans="14:14">
      <c r="N686697" s="10"/>
    </row>
    <row r="686698" spans="14:14">
      <c r="N686698" s="10"/>
    </row>
    <row r="686699" spans="14:14">
      <c r="N686699" s="10"/>
    </row>
    <row r="686700" spans="14:14">
      <c r="N686700" s="10"/>
    </row>
    <row r="686701" spans="14:14">
      <c r="N686701" s="10"/>
    </row>
    <row r="686702" spans="14:14">
      <c r="N686702" s="10"/>
    </row>
    <row r="686703" spans="14:14">
      <c r="N686703" s="10"/>
    </row>
    <row r="686704" spans="14:14">
      <c r="N686704" s="10"/>
    </row>
    <row r="686705" spans="14:14">
      <c r="N686705" s="10"/>
    </row>
    <row r="686706" spans="14:14">
      <c r="N686706" s="10"/>
    </row>
    <row r="686707" spans="14:14">
      <c r="N686707" s="10"/>
    </row>
    <row r="686708" spans="14:14">
      <c r="N686708" s="10"/>
    </row>
    <row r="686709" spans="14:14">
      <c r="N686709" s="10"/>
    </row>
    <row r="686710" spans="14:14">
      <c r="N686710" s="10"/>
    </row>
    <row r="686711" spans="14:14">
      <c r="N686711" s="10"/>
    </row>
    <row r="686712" spans="14:14">
      <c r="N686712" s="10"/>
    </row>
    <row r="686713" spans="14:14">
      <c r="N686713" s="10"/>
    </row>
    <row r="686714" spans="14:14">
      <c r="N686714" s="10"/>
    </row>
    <row r="686715" spans="14:14">
      <c r="N686715" s="10"/>
    </row>
    <row r="686716" spans="14:14">
      <c r="N686716" s="10"/>
    </row>
    <row r="686717" spans="14:14">
      <c r="N686717" s="10"/>
    </row>
    <row r="686718" spans="14:14">
      <c r="N686718" s="10"/>
    </row>
    <row r="686719" spans="14:14">
      <c r="N686719" s="10"/>
    </row>
    <row r="686720" spans="14:14">
      <c r="N686720" s="10"/>
    </row>
    <row r="686721" spans="14:14">
      <c r="N686721" s="10"/>
    </row>
    <row r="686722" spans="14:14">
      <c r="N686722" s="10"/>
    </row>
    <row r="686723" spans="14:14">
      <c r="N686723" s="10"/>
    </row>
    <row r="686724" spans="14:14">
      <c r="N686724" s="10"/>
    </row>
    <row r="686725" spans="14:14">
      <c r="N686725" s="10"/>
    </row>
    <row r="686726" spans="14:14">
      <c r="N686726" s="10"/>
    </row>
    <row r="686727" spans="14:14">
      <c r="N686727" s="10"/>
    </row>
    <row r="686728" spans="14:14">
      <c r="N686728" s="10"/>
    </row>
    <row r="686729" spans="14:14">
      <c r="N686729" s="10"/>
    </row>
    <row r="686730" spans="14:14">
      <c r="N686730" s="10"/>
    </row>
    <row r="686731" spans="14:14">
      <c r="N686731" s="10"/>
    </row>
    <row r="686732" spans="14:14">
      <c r="N686732" s="10"/>
    </row>
    <row r="686733" spans="14:14">
      <c r="N686733" s="10"/>
    </row>
    <row r="686734" spans="14:14">
      <c r="N686734" s="10"/>
    </row>
    <row r="686735" spans="14:14">
      <c r="N686735" s="10"/>
    </row>
    <row r="686736" spans="14:14">
      <c r="N686736" s="10"/>
    </row>
    <row r="686737" spans="14:14">
      <c r="N686737" s="10"/>
    </row>
    <row r="686738" spans="14:14">
      <c r="N686738" s="10"/>
    </row>
    <row r="686739" spans="14:14">
      <c r="N686739" s="10"/>
    </row>
    <row r="686740" spans="14:14">
      <c r="N686740" s="10"/>
    </row>
    <row r="686741" spans="14:14">
      <c r="N686741" s="10"/>
    </row>
    <row r="686742" spans="14:14">
      <c r="N686742" s="10"/>
    </row>
    <row r="686743" spans="14:14">
      <c r="N686743" s="10"/>
    </row>
    <row r="686744" spans="14:14">
      <c r="N686744" s="10"/>
    </row>
    <row r="686745" spans="14:14">
      <c r="N686745" s="10"/>
    </row>
    <row r="686746" spans="14:14">
      <c r="N686746" s="10"/>
    </row>
    <row r="686747" spans="14:14">
      <c r="N686747" s="10"/>
    </row>
    <row r="686748" spans="14:14">
      <c r="N686748" s="10"/>
    </row>
    <row r="686749" spans="14:14">
      <c r="N686749" s="10"/>
    </row>
    <row r="686750" spans="14:14">
      <c r="N686750" s="10"/>
    </row>
    <row r="686751" spans="14:14">
      <c r="N686751" s="10"/>
    </row>
    <row r="686752" spans="14:14">
      <c r="N686752" s="10"/>
    </row>
    <row r="686753" spans="14:14">
      <c r="N686753" s="10"/>
    </row>
    <row r="686754" spans="14:14">
      <c r="N686754" s="10"/>
    </row>
    <row r="686755" spans="14:14">
      <c r="N686755" s="10"/>
    </row>
    <row r="686756" spans="14:14">
      <c r="N686756" s="10"/>
    </row>
    <row r="686757" spans="14:14">
      <c r="N686757" s="10"/>
    </row>
    <row r="686758" spans="14:14">
      <c r="N686758" s="10"/>
    </row>
    <row r="686759" spans="14:14">
      <c r="N686759" s="10"/>
    </row>
    <row r="686760" spans="14:14">
      <c r="N686760" s="10"/>
    </row>
    <row r="686761" spans="14:14">
      <c r="N686761" s="10"/>
    </row>
    <row r="686762" spans="14:14">
      <c r="N686762" s="10"/>
    </row>
    <row r="686763" spans="14:14">
      <c r="N686763" s="10"/>
    </row>
    <row r="686764" spans="14:14">
      <c r="N686764" s="10"/>
    </row>
    <row r="686765" spans="14:14">
      <c r="N686765" s="10"/>
    </row>
    <row r="686766" spans="14:14">
      <c r="N686766" s="10"/>
    </row>
    <row r="686767" spans="14:14">
      <c r="N686767" s="10"/>
    </row>
    <row r="686768" spans="14:14">
      <c r="N686768" s="10"/>
    </row>
    <row r="686769" spans="14:14">
      <c r="N686769" s="10"/>
    </row>
    <row r="686770" spans="14:14">
      <c r="N686770" s="10"/>
    </row>
    <row r="686771" spans="14:14">
      <c r="N686771" s="10"/>
    </row>
    <row r="686772" spans="14:14">
      <c r="N686772" s="10"/>
    </row>
    <row r="686773" spans="14:14">
      <c r="N686773" s="10"/>
    </row>
    <row r="686774" spans="14:14">
      <c r="N686774" s="10"/>
    </row>
    <row r="686775" spans="14:14">
      <c r="N686775" s="10"/>
    </row>
    <row r="686776" spans="14:14">
      <c r="N686776" s="10"/>
    </row>
    <row r="686777" spans="14:14">
      <c r="N686777" s="10"/>
    </row>
    <row r="686778" spans="14:14">
      <c r="N686778" s="10"/>
    </row>
    <row r="686779" spans="14:14">
      <c r="N686779" s="10"/>
    </row>
    <row r="686780" spans="14:14">
      <c r="N686780" s="10"/>
    </row>
    <row r="686781" spans="14:14">
      <c r="N686781" s="10"/>
    </row>
    <row r="686782" spans="14:14">
      <c r="N686782" s="10"/>
    </row>
    <row r="686783" spans="14:14">
      <c r="N686783" s="10"/>
    </row>
    <row r="686784" spans="14:14">
      <c r="N686784" s="10"/>
    </row>
    <row r="686785" spans="14:14">
      <c r="N686785" s="10"/>
    </row>
    <row r="686786" spans="14:14">
      <c r="N686786" s="10"/>
    </row>
    <row r="686787" spans="14:14">
      <c r="N686787" s="10"/>
    </row>
    <row r="686788" spans="14:14">
      <c r="N686788" s="10"/>
    </row>
    <row r="686789" spans="14:14">
      <c r="N686789" s="10"/>
    </row>
    <row r="686790" spans="14:14">
      <c r="N686790" s="10"/>
    </row>
    <row r="686791" spans="14:14">
      <c r="N686791" s="10"/>
    </row>
    <row r="686792" spans="14:14">
      <c r="N686792" s="10"/>
    </row>
    <row r="686793" spans="14:14">
      <c r="N686793" s="10"/>
    </row>
    <row r="686794" spans="14:14">
      <c r="N686794" s="10"/>
    </row>
    <row r="686795" spans="14:14">
      <c r="N686795" s="10"/>
    </row>
    <row r="686796" spans="14:14">
      <c r="N686796" s="10"/>
    </row>
    <row r="686797" spans="14:14">
      <c r="N686797" s="10"/>
    </row>
    <row r="686798" spans="14:14">
      <c r="N686798" s="10"/>
    </row>
    <row r="686799" spans="14:14">
      <c r="N686799" s="10"/>
    </row>
    <row r="686800" spans="14:14">
      <c r="N686800" s="10"/>
    </row>
    <row r="686801" spans="14:14">
      <c r="N686801" s="10"/>
    </row>
    <row r="686802" spans="14:14">
      <c r="N686802" s="10"/>
    </row>
    <row r="686803" spans="14:14">
      <c r="N686803" s="10"/>
    </row>
    <row r="686804" spans="14:14">
      <c r="N686804" s="10"/>
    </row>
    <row r="686805" spans="14:14">
      <c r="N686805" s="10"/>
    </row>
    <row r="686806" spans="14:14">
      <c r="N686806" s="10"/>
    </row>
    <row r="686807" spans="14:14">
      <c r="N686807" s="10"/>
    </row>
    <row r="686808" spans="14:14">
      <c r="N686808" s="10"/>
    </row>
    <row r="686809" spans="14:14">
      <c r="N686809" s="10"/>
    </row>
    <row r="686810" spans="14:14">
      <c r="N686810" s="10"/>
    </row>
    <row r="686811" spans="14:14">
      <c r="N686811" s="10"/>
    </row>
    <row r="686812" spans="14:14">
      <c r="N686812" s="10"/>
    </row>
    <row r="686813" spans="14:14">
      <c r="N686813" s="10"/>
    </row>
    <row r="686814" spans="14:14">
      <c r="N686814" s="10"/>
    </row>
    <row r="686815" spans="14:14">
      <c r="N686815" s="10"/>
    </row>
    <row r="686816" spans="14:14">
      <c r="N686816" s="10"/>
    </row>
    <row r="686817" spans="14:14">
      <c r="N686817" s="10"/>
    </row>
    <row r="686818" spans="14:14">
      <c r="N686818" s="10"/>
    </row>
    <row r="686819" spans="14:14">
      <c r="N686819" s="10"/>
    </row>
    <row r="686820" spans="14:14">
      <c r="N686820" s="10"/>
    </row>
    <row r="686821" spans="14:14">
      <c r="N686821" s="10"/>
    </row>
    <row r="686822" spans="14:14">
      <c r="N686822" s="10"/>
    </row>
    <row r="686823" spans="14:14">
      <c r="N686823" s="10"/>
    </row>
    <row r="686824" spans="14:14">
      <c r="N686824" s="10"/>
    </row>
    <row r="686825" spans="14:14">
      <c r="N686825" s="10"/>
    </row>
    <row r="686826" spans="14:14">
      <c r="N686826" s="10"/>
    </row>
    <row r="686827" spans="14:14">
      <c r="N686827" s="10"/>
    </row>
    <row r="686828" spans="14:14">
      <c r="N686828" s="10"/>
    </row>
    <row r="686829" spans="14:14">
      <c r="N686829" s="10"/>
    </row>
    <row r="686830" spans="14:14">
      <c r="N686830" s="10"/>
    </row>
    <row r="686831" spans="14:14">
      <c r="N686831" s="10"/>
    </row>
    <row r="686832" spans="14:14">
      <c r="N686832" s="10"/>
    </row>
    <row r="686833" spans="14:14">
      <c r="N686833" s="10"/>
    </row>
    <row r="686834" spans="14:14">
      <c r="N686834" s="10"/>
    </row>
    <row r="686835" spans="14:14">
      <c r="N686835" s="10"/>
    </row>
    <row r="686836" spans="14:14">
      <c r="N686836" s="10"/>
    </row>
    <row r="686837" spans="14:14">
      <c r="N686837" s="10"/>
    </row>
    <row r="686838" spans="14:14">
      <c r="N686838" s="10"/>
    </row>
    <row r="686839" spans="14:14">
      <c r="N686839" s="10"/>
    </row>
    <row r="686840" spans="14:14">
      <c r="N686840" s="10"/>
    </row>
    <row r="686841" spans="14:14">
      <c r="N686841" s="10"/>
    </row>
    <row r="686842" spans="14:14">
      <c r="N686842" s="10"/>
    </row>
    <row r="686843" spans="14:14">
      <c r="N686843" s="10"/>
    </row>
    <row r="686844" spans="14:14">
      <c r="N686844" s="10"/>
    </row>
    <row r="686845" spans="14:14">
      <c r="N686845" s="10"/>
    </row>
    <row r="686846" spans="14:14">
      <c r="N686846" s="10"/>
    </row>
    <row r="686847" spans="14:14">
      <c r="N686847" s="10"/>
    </row>
    <row r="686848" spans="14:14">
      <c r="N686848" s="10"/>
    </row>
    <row r="686849" spans="14:14">
      <c r="N686849" s="10"/>
    </row>
    <row r="686850" spans="14:14">
      <c r="N686850" s="10"/>
    </row>
    <row r="686851" spans="14:14">
      <c r="N686851" s="10"/>
    </row>
    <row r="686852" spans="14:14">
      <c r="N686852" s="10"/>
    </row>
    <row r="686853" spans="14:14">
      <c r="N686853" s="10"/>
    </row>
    <row r="686854" spans="14:14">
      <c r="N686854" s="10"/>
    </row>
    <row r="686855" spans="14:14">
      <c r="N686855" s="10"/>
    </row>
    <row r="686856" spans="14:14">
      <c r="N686856" s="10"/>
    </row>
    <row r="686857" spans="14:14">
      <c r="N686857" s="10"/>
    </row>
    <row r="686858" spans="14:14">
      <c r="N686858" s="10"/>
    </row>
    <row r="686859" spans="14:14">
      <c r="N686859" s="10"/>
    </row>
    <row r="686860" spans="14:14">
      <c r="N686860" s="10"/>
    </row>
    <row r="686861" spans="14:14">
      <c r="N686861" s="10"/>
    </row>
    <row r="686862" spans="14:14">
      <c r="N686862" s="10"/>
    </row>
    <row r="686863" spans="14:14">
      <c r="N686863" s="10"/>
    </row>
    <row r="686864" spans="14:14">
      <c r="N686864" s="10"/>
    </row>
    <row r="686865" spans="14:14">
      <c r="N686865" s="10"/>
    </row>
    <row r="686866" spans="14:14">
      <c r="N686866" s="10"/>
    </row>
    <row r="686867" spans="14:14">
      <c r="N686867" s="10"/>
    </row>
    <row r="686868" spans="14:14">
      <c r="N686868" s="10"/>
    </row>
    <row r="686869" spans="14:14">
      <c r="N686869" s="10"/>
    </row>
    <row r="686870" spans="14:14">
      <c r="N686870" s="10"/>
    </row>
    <row r="686871" spans="14:14">
      <c r="N686871" s="10"/>
    </row>
    <row r="686872" spans="14:14">
      <c r="N686872" s="10"/>
    </row>
    <row r="686873" spans="14:14">
      <c r="N686873" s="10"/>
    </row>
    <row r="686874" spans="14:14">
      <c r="N686874" s="10"/>
    </row>
    <row r="686875" spans="14:14">
      <c r="N686875" s="10"/>
    </row>
    <row r="686876" spans="14:14">
      <c r="N686876" s="10"/>
    </row>
    <row r="686877" spans="14:14">
      <c r="N686877" s="10"/>
    </row>
    <row r="686878" spans="14:14">
      <c r="N686878" s="10"/>
    </row>
    <row r="686879" spans="14:14">
      <c r="N686879" s="10"/>
    </row>
    <row r="686880" spans="14:14">
      <c r="N686880" s="10"/>
    </row>
    <row r="686881" spans="14:14">
      <c r="N686881" s="10"/>
    </row>
    <row r="686882" spans="14:14">
      <c r="N686882" s="10"/>
    </row>
    <row r="686883" spans="14:14">
      <c r="N686883" s="10"/>
    </row>
    <row r="686884" spans="14:14">
      <c r="N686884" s="10"/>
    </row>
    <row r="686885" spans="14:14">
      <c r="N686885" s="10"/>
    </row>
    <row r="686886" spans="14:14">
      <c r="N686886" s="10"/>
    </row>
    <row r="686887" spans="14:14">
      <c r="N686887" s="10"/>
    </row>
    <row r="686888" spans="14:14">
      <c r="N686888" s="10"/>
    </row>
    <row r="686889" spans="14:14">
      <c r="N686889" s="10"/>
    </row>
    <row r="686890" spans="14:14">
      <c r="N686890" s="10"/>
    </row>
    <row r="686891" spans="14:14">
      <c r="N686891" s="10"/>
    </row>
    <row r="686892" spans="14:14">
      <c r="N686892" s="10"/>
    </row>
    <row r="686893" spans="14:14">
      <c r="N686893" s="10"/>
    </row>
    <row r="686894" spans="14:14">
      <c r="N686894" s="10"/>
    </row>
    <row r="686895" spans="14:14">
      <c r="N686895" s="10"/>
    </row>
    <row r="686896" spans="14:14">
      <c r="N686896" s="10"/>
    </row>
    <row r="686897" spans="14:14">
      <c r="N686897" s="10"/>
    </row>
    <row r="686898" spans="14:14">
      <c r="N686898" s="10"/>
    </row>
    <row r="686899" spans="14:14">
      <c r="N686899" s="10"/>
    </row>
    <row r="686900" spans="14:14">
      <c r="N686900" s="10"/>
    </row>
    <row r="686901" spans="14:14">
      <c r="N686901" s="10"/>
    </row>
    <row r="686902" spans="14:14">
      <c r="N686902" s="10"/>
    </row>
    <row r="686903" spans="14:14">
      <c r="N686903" s="10"/>
    </row>
    <row r="686904" spans="14:14">
      <c r="N686904" s="10"/>
    </row>
    <row r="686905" spans="14:14">
      <c r="N686905" s="10"/>
    </row>
    <row r="686906" spans="14:14">
      <c r="N686906" s="10"/>
    </row>
    <row r="686907" spans="14:14">
      <c r="N686907" s="10"/>
    </row>
    <row r="686908" spans="14:14">
      <c r="N686908" s="10"/>
    </row>
    <row r="686909" spans="14:14">
      <c r="N686909" s="10"/>
    </row>
    <row r="686910" spans="14:14">
      <c r="N686910" s="10"/>
    </row>
    <row r="686911" spans="14:14">
      <c r="N686911" s="10"/>
    </row>
    <row r="686912" spans="14:14">
      <c r="N686912" s="10"/>
    </row>
    <row r="686913" spans="14:14">
      <c r="N686913" s="10"/>
    </row>
    <row r="686914" spans="14:14">
      <c r="N686914" s="10"/>
    </row>
    <row r="686915" spans="14:14">
      <c r="N686915" s="10"/>
    </row>
    <row r="686916" spans="14:14">
      <c r="N686916" s="10"/>
    </row>
    <row r="686917" spans="14:14">
      <c r="N686917" s="10"/>
    </row>
    <row r="686918" spans="14:14">
      <c r="N686918" s="10"/>
    </row>
    <row r="686919" spans="14:14">
      <c r="N686919" s="10"/>
    </row>
    <row r="686920" spans="14:14">
      <c r="N686920" s="10"/>
    </row>
    <row r="686921" spans="14:14">
      <c r="N686921" s="10"/>
    </row>
    <row r="686922" spans="14:14">
      <c r="N686922" s="10"/>
    </row>
    <row r="686923" spans="14:14">
      <c r="N686923" s="10"/>
    </row>
    <row r="686924" spans="14:14">
      <c r="N686924" s="10"/>
    </row>
    <row r="686925" spans="14:14">
      <c r="N686925" s="10"/>
    </row>
    <row r="686926" spans="14:14">
      <c r="N686926" s="10"/>
    </row>
    <row r="686927" spans="14:14">
      <c r="N686927" s="10"/>
    </row>
    <row r="686928" spans="14:14">
      <c r="N686928" s="10"/>
    </row>
    <row r="686929" spans="14:14">
      <c r="N686929" s="10"/>
    </row>
    <row r="686930" spans="14:14">
      <c r="N686930" s="10"/>
    </row>
    <row r="686931" spans="14:14">
      <c r="N686931" s="10"/>
    </row>
    <row r="686932" spans="14:14">
      <c r="N686932" s="10"/>
    </row>
    <row r="686933" spans="14:14">
      <c r="N686933" s="10"/>
    </row>
    <row r="686934" spans="14:14">
      <c r="N686934" s="10"/>
    </row>
    <row r="686935" spans="14:14">
      <c r="N686935" s="10"/>
    </row>
    <row r="686936" spans="14:14">
      <c r="N686936" s="10"/>
    </row>
    <row r="686937" spans="14:14">
      <c r="N686937" s="10"/>
    </row>
    <row r="686938" spans="14:14">
      <c r="N686938" s="10"/>
    </row>
    <row r="686939" spans="14:14">
      <c r="N686939" s="10"/>
    </row>
    <row r="686940" spans="14:14">
      <c r="N686940" s="10"/>
    </row>
    <row r="686941" spans="14:14">
      <c r="N686941" s="10"/>
    </row>
    <row r="686942" spans="14:14">
      <c r="N686942" s="10"/>
    </row>
    <row r="686943" spans="14:14">
      <c r="N686943" s="10"/>
    </row>
    <row r="686944" spans="14:14">
      <c r="N686944" s="10"/>
    </row>
    <row r="686945" spans="14:14">
      <c r="N686945" s="10"/>
    </row>
    <row r="686946" spans="14:14">
      <c r="N686946" s="10"/>
    </row>
    <row r="686947" spans="14:14">
      <c r="N686947" s="10"/>
    </row>
    <row r="686948" spans="14:14">
      <c r="N686948" s="10"/>
    </row>
    <row r="686949" spans="14:14">
      <c r="N686949" s="10"/>
    </row>
    <row r="686950" spans="14:14">
      <c r="N686950" s="10"/>
    </row>
    <row r="686951" spans="14:14">
      <c r="N686951" s="10"/>
    </row>
    <row r="686952" spans="14:14">
      <c r="N686952" s="10"/>
    </row>
    <row r="686953" spans="14:14">
      <c r="N686953" s="10"/>
    </row>
    <row r="686954" spans="14:14">
      <c r="N686954" s="10"/>
    </row>
    <row r="686955" spans="14:14">
      <c r="N686955" s="10"/>
    </row>
    <row r="686956" spans="14:14">
      <c r="N686956" s="10"/>
    </row>
    <row r="686957" spans="14:14">
      <c r="N686957" s="10"/>
    </row>
    <row r="686958" spans="14:14">
      <c r="N686958" s="10"/>
    </row>
    <row r="686959" spans="14:14">
      <c r="N686959" s="10"/>
    </row>
    <row r="686960" spans="14:14">
      <c r="N686960" s="10"/>
    </row>
    <row r="686961" spans="14:14">
      <c r="N686961" s="10"/>
    </row>
    <row r="686962" spans="14:14">
      <c r="N686962" s="10"/>
    </row>
    <row r="686963" spans="14:14">
      <c r="N686963" s="10"/>
    </row>
    <row r="686964" spans="14:14">
      <c r="N686964" s="10"/>
    </row>
    <row r="686965" spans="14:14">
      <c r="N686965" s="10"/>
    </row>
    <row r="686966" spans="14:14">
      <c r="N686966" s="10"/>
    </row>
    <row r="686967" spans="14:14">
      <c r="N686967" s="10"/>
    </row>
    <row r="686968" spans="14:14">
      <c r="N686968" s="10"/>
    </row>
    <row r="686969" spans="14:14">
      <c r="N686969" s="10"/>
    </row>
    <row r="686970" spans="14:14">
      <c r="N686970" s="10"/>
    </row>
    <row r="686971" spans="14:14">
      <c r="N686971" s="10"/>
    </row>
    <row r="686972" spans="14:14">
      <c r="N686972" s="10"/>
    </row>
    <row r="686973" spans="14:14">
      <c r="N686973" s="10"/>
    </row>
    <row r="686974" spans="14:14">
      <c r="N686974" s="10"/>
    </row>
    <row r="686975" spans="14:14">
      <c r="N686975" s="10"/>
    </row>
    <row r="686976" spans="14:14">
      <c r="N686976" s="10"/>
    </row>
    <row r="686977" spans="14:14">
      <c r="N686977" s="10"/>
    </row>
    <row r="686978" spans="14:14">
      <c r="N686978" s="10"/>
    </row>
    <row r="686979" spans="14:14">
      <c r="N686979" s="10"/>
    </row>
    <row r="686980" spans="14:14">
      <c r="N686980" s="10"/>
    </row>
    <row r="686981" spans="14:14">
      <c r="N686981" s="10"/>
    </row>
    <row r="686982" spans="14:14">
      <c r="N686982" s="10"/>
    </row>
    <row r="686983" spans="14:14">
      <c r="N686983" s="10"/>
    </row>
    <row r="686984" spans="14:14">
      <c r="N686984" s="10"/>
    </row>
    <row r="686985" spans="14:14">
      <c r="N686985" s="10"/>
    </row>
    <row r="686986" spans="14:14">
      <c r="N686986" s="10"/>
    </row>
    <row r="686987" spans="14:14">
      <c r="N686987" s="10"/>
    </row>
    <row r="686988" spans="14:14">
      <c r="N686988" s="10"/>
    </row>
    <row r="686989" spans="14:14">
      <c r="N686989" s="10"/>
    </row>
    <row r="686990" spans="14:14">
      <c r="N686990" s="10"/>
    </row>
    <row r="686991" spans="14:14">
      <c r="N686991" s="10"/>
    </row>
    <row r="686992" spans="14:14">
      <c r="N686992" s="10"/>
    </row>
    <row r="686993" spans="14:14">
      <c r="N686993" s="10"/>
    </row>
    <row r="686994" spans="14:14">
      <c r="N686994" s="10"/>
    </row>
    <row r="686995" spans="14:14">
      <c r="N686995" s="10"/>
    </row>
    <row r="686996" spans="14:14">
      <c r="N686996" s="10"/>
    </row>
    <row r="686997" spans="14:14">
      <c r="N686997" s="10"/>
    </row>
    <row r="686998" spans="14:14">
      <c r="N686998" s="10"/>
    </row>
    <row r="686999" spans="14:14">
      <c r="N686999" s="10"/>
    </row>
    <row r="687000" spans="14:14">
      <c r="N687000" s="10"/>
    </row>
    <row r="687001" spans="14:14">
      <c r="N687001" s="10"/>
    </row>
    <row r="687002" spans="14:14">
      <c r="N687002" s="10"/>
    </row>
    <row r="687003" spans="14:14">
      <c r="N687003" s="10"/>
    </row>
    <row r="687004" spans="14:14">
      <c r="N687004" s="10"/>
    </row>
    <row r="687005" spans="14:14">
      <c r="N687005" s="10"/>
    </row>
    <row r="687006" spans="14:14">
      <c r="N687006" s="10"/>
    </row>
    <row r="687007" spans="14:14">
      <c r="N687007" s="10"/>
    </row>
    <row r="687008" spans="14:14">
      <c r="N687008" s="10"/>
    </row>
    <row r="687009" spans="14:14">
      <c r="N687009" s="10"/>
    </row>
    <row r="687010" spans="14:14">
      <c r="N687010" s="10"/>
    </row>
    <row r="687011" spans="14:14">
      <c r="N687011" s="10"/>
    </row>
    <row r="687012" spans="14:14">
      <c r="N687012" s="10"/>
    </row>
    <row r="687013" spans="14:14">
      <c r="N687013" s="10"/>
    </row>
    <row r="687014" spans="14:14">
      <c r="N687014" s="10"/>
    </row>
    <row r="687015" spans="14:14">
      <c r="N687015" s="10"/>
    </row>
    <row r="687016" spans="14:14">
      <c r="N687016" s="10"/>
    </row>
    <row r="687017" spans="14:14">
      <c r="N687017" s="10"/>
    </row>
    <row r="687018" spans="14:14">
      <c r="N687018" s="10"/>
    </row>
    <row r="687019" spans="14:14">
      <c r="N687019" s="10"/>
    </row>
    <row r="687020" spans="14:14">
      <c r="N687020" s="10"/>
    </row>
    <row r="687021" spans="14:14">
      <c r="N687021" s="10"/>
    </row>
    <row r="687022" spans="14:14">
      <c r="N687022" s="10"/>
    </row>
    <row r="687023" spans="14:14">
      <c r="N687023" s="10"/>
    </row>
    <row r="687024" spans="14:14">
      <c r="N687024" s="10"/>
    </row>
    <row r="687025" spans="14:14">
      <c r="N687025" s="10"/>
    </row>
    <row r="687026" spans="14:14">
      <c r="N687026" s="10"/>
    </row>
    <row r="687027" spans="14:14">
      <c r="N687027" s="10"/>
    </row>
    <row r="687028" spans="14:14">
      <c r="N687028" s="10"/>
    </row>
    <row r="687029" spans="14:14">
      <c r="N687029" s="10"/>
    </row>
    <row r="687030" spans="14:14">
      <c r="N687030" s="10"/>
    </row>
    <row r="687031" spans="14:14">
      <c r="N687031" s="10"/>
    </row>
    <row r="687032" spans="14:14">
      <c r="N687032" s="10"/>
    </row>
    <row r="687033" spans="14:14">
      <c r="N687033" s="10"/>
    </row>
    <row r="687034" spans="14:14">
      <c r="N687034" s="10"/>
    </row>
    <row r="687035" spans="14:14">
      <c r="N687035" s="10"/>
    </row>
    <row r="687036" spans="14:14">
      <c r="N687036" s="10"/>
    </row>
    <row r="687037" spans="14:14">
      <c r="N687037" s="10"/>
    </row>
    <row r="687038" spans="14:14">
      <c r="N687038" s="10"/>
    </row>
    <row r="687039" spans="14:14">
      <c r="N687039" s="10"/>
    </row>
    <row r="687040" spans="14:14">
      <c r="N687040" s="10"/>
    </row>
    <row r="687041" spans="14:14">
      <c r="N687041" s="10"/>
    </row>
    <row r="687042" spans="14:14">
      <c r="N687042" s="10"/>
    </row>
    <row r="687043" spans="14:14">
      <c r="N687043" s="10"/>
    </row>
    <row r="687044" spans="14:14">
      <c r="N687044" s="10"/>
    </row>
    <row r="687045" spans="14:14">
      <c r="N687045" s="10"/>
    </row>
    <row r="687046" spans="14:14">
      <c r="N687046" s="10"/>
    </row>
    <row r="687047" spans="14:14">
      <c r="N687047" s="10"/>
    </row>
    <row r="687048" spans="14:14">
      <c r="N687048" s="10"/>
    </row>
    <row r="687049" spans="14:14">
      <c r="N687049" s="10"/>
    </row>
    <row r="687050" spans="14:14">
      <c r="N687050" s="10"/>
    </row>
    <row r="687051" spans="14:14">
      <c r="N687051" s="10"/>
    </row>
    <row r="687052" spans="14:14">
      <c r="N687052" s="10"/>
    </row>
    <row r="687053" spans="14:14">
      <c r="N687053" s="10"/>
    </row>
    <row r="687054" spans="14:14">
      <c r="N687054" s="10"/>
    </row>
    <row r="687055" spans="14:14">
      <c r="N687055" s="10"/>
    </row>
    <row r="687056" spans="14:14">
      <c r="N687056" s="10"/>
    </row>
    <row r="687057" spans="14:14">
      <c r="N687057" s="10"/>
    </row>
    <row r="687058" spans="14:14">
      <c r="N687058" s="10"/>
    </row>
    <row r="687059" spans="14:14">
      <c r="N687059" s="10"/>
    </row>
    <row r="687060" spans="14:14">
      <c r="N687060" s="10"/>
    </row>
    <row r="687061" spans="14:14">
      <c r="N687061" s="10"/>
    </row>
    <row r="687062" spans="14:14">
      <c r="N687062" s="10"/>
    </row>
    <row r="687063" spans="14:14">
      <c r="N687063" s="10"/>
    </row>
    <row r="687064" spans="14:14">
      <c r="N687064" s="10"/>
    </row>
    <row r="687065" spans="14:14">
      <c r="N687065" s="10"/>
    </row>
    <row r="687066" spans="14:14">
      <c r="N687066" s="10"/>
    </row>
    <row r="687067" spans="14:14">
      <c r="N687067" s="10"/>
    </row>
    <row r="687068" spans="14:14">
      <c r="N687068" s="10"/>
    </row>
    <row r="687069" spans="14:14">
      <c r="N687069" s="10"/>
    </row>
    <row r="687070" spans="14:14">
      <c r="N687070" s="10"/>
    </row>
    <row r="687071" spans="14:14">
      <c r="N687071" s="10"/>
    </row>
    <row r="687072" spans="14:14">
      <c r="N687072" s="10"/>
    </row>
    <row r="687073" spans="14:14">
      <c r="N687073" s="10"/>
    </row>
    <row r="687074" spans="14:14">
      <c r="N687074" s="10"/>
    </row>
    <row r="687075" spans="14:14">
      <c r="N687075" s="10"/>
    </row>
    <row r="687076" spans="14:14">
      <c r="N687076" s="10"/>
    </row>
    <row r="687077" spans="14:14">
      <c r="N687077" s="10"/>
    </row>
    <row r="687078" spans="14:14">
      <c r="N687078" s="10"/>
    </row>
    <row r="687079" spans="14:14">
      <c r="N687079" s="10"/>
    </row>
    <row r="687080" spans="14:14">
      <c r="N687080" s="10"/>
    </row>
    <row r="687081" spans="14:14">
      <c r="N687081" s="10"/>
    </row>
    <row r="687082" spans="14:14">
      <c r="N687082" s="10"/>
    </row>
    <row r="687083" spans="14:14">
      <c r="N687083" s="10"/>
    </row>
    <row r="687084" spans="14:14">
      <c r="N687084" s="10"/>
    </row>
    <row r="687085" spans="14:14">
      <c r="N687085" s="10"/>
    </row>
    <row r="687086" spans="14:14">
      <c r="N687086" s="10"/>
    </row>
    <row r="687087" spans="14:14">
      <c r="N687087" s="10"/>
    </row>
    <row r="687088" spans="14:14">
      <c r="N687088" s="10"/>
    </row>
    <row r="687089" spans="14:14">
      <c r="N687089" s="10"/>
    </row>
    <row r="687090" spans="14:14">
      <c r="N687090" s="10"/>
    </row>
    <row r="687091" spans="14:14">
      <c r="N687091" s="10"/>
    </row>
    <row r="687092" spans="14:14">
      <c r="N687092" s="10"/>
    </row>
    <row r="687093" spans="14:14">
      <c r="N687093" s="10"/>
    </row>
    <row r="687094" spans="14:14">
      <c r="N687094" s="10"/>
    </row>
    <row r="687095" spans="14:14">
      <c r="N687095" s="10"/>
    </row>
    <row r="687096" spans="14:14">
      <c r="N687096" s="10"/>
    </row>
    <row r="687097" spans="14:14">
      <c r="N687097" s="10"/>
    </row>
    <row r="687098" spans="14:14">
      <c r="N687098" s="10"/>
    </row>
    <row r="687099" spans="14:14">
      <c r="N687099" s="10"/>
    </row>
    <row r="687100" spans="14:14">
      <c r="N687100" s="10"/>
    </row>
    <row r="687101" spans="14:14">
      <c r="N687101" s="10"/>
    </row>
    <row r="687102" spans="14:14">
      <c r="N687102" s="10"/>
    </row>
    <row r="687103" spans="14:14">
      <c r="N687103" s="10"/>
    </row>
    <row r="687104" spans="14:14">
      <c r="N687104" s="10"/>
    </row>
    <row r="687105" spans="14:14">
      <c r="N687105" s="10"/>
    </row>
    <row r="687106" spans="14:14">
      <c r="N687106" s="10"/>
    </row>
    <row r="687107" spans="14:14">
      <c r="N687107" s="10"/>
    </row>
    <row r="687108" spans="14:14">
      <c r="N687108" s="10"/>
    </row>
    <row r="687109" spans="14:14">
      <c r="N687109" s="10"/>
    </row>
    <row r="687110" spans="14:14">
      <c r="N687110" s="10"/>
    </row>
    <row r="687111" spans="14:14">
      <c r="N687111" s="10"/>
    </row>
    <row r="687112" spans="14:14">
      <c r="N687112" s="10"/>
    </row>
    <row r="687113" spans="14:14">
      <c r="N687113" s="10"/>
    </row>
    <row r="687114" spans="14:14">
      <c r="N687114" s="10"/>
    </row>
    <row r="687115" spans="14:14">
      <c r="N687115" s="10"/>
    </row>
    <row r="687116" spans="14:14">
      <c r="N687116" s="10"/>
    </row>
    <row r="687117" spans="14:14">
      <c r="N687117" s="10"/>
    </row>
    <row r="687118" spans="14:14">
      <c r="N687118" s="10"/>
    </row>
    <row r="687119" spans="14:14">
      <c r="N687119" s="10"/>
    </row>
    <row r="687120" spans="14:14">
      <c r="N687120" s="10"/>
    </row>
    <row r="687121" spans="14:14">
      <c r="N687121" s="10"/>
    </row>
    <row r="687122" spans="14:14">
      <c r="N687122" s="10"/>
    </row>
    <row r="687123" spans="14:14">
      <c r="N687123" s="10"/>
    </row>
    <row r="687124" spans="14:14">
      <c r="N687124" s="10"/>
    </row>
    <row r="687125" spans="14:14">
      <c r="N687125" s="10"/>
    </row>
    <row r="687126" spans="14:14">
      <c r="N687126" s="10"/>
    </row>
    <row r="687127" spans="14:14">
      <c r="N687127" s="10"/>
    </row>
    <row r="687128" spans="14:14">
      <c r="N687128" s="10"/>
    </row>
    <row r="687129" spans="14:14">
      <c r="N687129" s="10"/>
    </row>
    <row r="687130" spans="14:14">
      <c r="N687130" s="10"/>
    </row>
    <row r="687131" spans="14:14">
      <c r="N687131" s="10"/>
    </row>
    <row r="687132" spans="14:14">
      <c r="N687132" s="10"/>
    </row>
    <row r="687133" spans="14:14">
      <c r="N687133" s="10"/>
    </row>
    <row r="687134" spans="14:14">
      <c r="N687134" s="10"/>
    </row>
    <row r="687135" spans="14:14">
      <c r="N687135" s="10"/>
    </row>
    <row r="687136" spans="14:14">
      <c r="N687136" s="10"/>
    </row>
    <row r="687137" spans="14:14">
      <c r="N687137" s="10"/>
    </row>
    <row r="687138" spans="14:14">
      <c r="N687138" s="10"/>
    </row>
    <row r="687139" spans="14:14">
      <c r="N687139" s="10"/>
    </row>
    <row r="687140" spans="14:14">
      <c r="N687140" s="10"/>
    </row>
    <row r="687141" spans="14:14">
      <c r="N687141" s="10"/>
    </row>
    <row r="687142" spans="14:14">
      <c r="N687142" s="10"/>
    </row>
    <row r="687143" spans="14:14">
      <c r="N687143" s="10"/>
    </row>
    <row r="687144" spans="14:14">
      <c r="N687144" s="10"/>
    </row>
    <row r="687145" spans="14:14">
      <c r="N687145" s="10"/>
    </row>
    <row r="687146" spans="14:14">
      <c r="N687146" s="10"/>
    </row>
    <row r="687147" spans="14:14">
      <c r="N687147" s="10"/>
    </row>
    <row r="687148" spans="14:14">
      <c r="N687148" s="10"/>
    </row>
    <row r="687149" spans="14:14">
      <c r="N687149" s="10"/>
    </row>
    <row r="687150" spans="14:14">
      <c r="N687150" s="10"/>
    </row>
    <row r="687151" spans="14:14">
      <c r="N687151" s="10"/>
    </row>
    <row r="687152" spans="14:14">
      <c r="N687152" s="10"/>
    </row>
    <row r="687153" spans="14:14">
      <c r="N687153" s="10"/>
    </row>
    <row r="687154" spans="14:14">
      <c r="N687154" s="10"/>
    </row>
    <row r="687155" spans="14:14">
      <c r="N687155" s="10"/>
    </row>
    <row r="687156" spans="14:14">
      <c r="N687156" s="10"/>
    </row>
    <row r="687157" spans="14:14">
      <c r="N687157" s="10"/>
    </row>
    <row r="687158" spans="14:14">
      <c r="N687158" s="10"/>
    </row>
    <row r="687159" spans="14:14">
      <c r="N687159" s="10"/>
    </row>
    <row r="687160" spans="14:14">
      <c r="N687160" s="10"/>
    </row>
    <row r="687161" spans="14:14">
      <c r="N687161" s="10"/>
    </row>
    <row r="687162" spans="14:14">
      <c r="N687162" s="10"/>
    </row>
    <row r="687163" spans="14:14">
      <c r="N687163" s="10"/>
    </row>
    <row r="687164" spans="14:14">
      <c r="N687164" s="10"/>
    </row>
    <row r="687165" spans="14:14">
      <c r="N687165" s="10"/>
    </row>
    <row r="687166" spans="14:14">
      <c r="N687166" s="10"/>
    </row>
    <row r="687167" spans="14:14">
      <c r="N687167" s="10"/>
    </row>
    <row r="687168" spans="14:14">
      <c r="N687168" s="10"/>
    </row>
    <row r="687169" spans="14:14">
      <c r="N687169" s="10"/>
    </row>
    <row r="687170" spans="14:14">
      <c r="N687170" s="10"/>
    </row>
    <row r="687171" spans="14:14">
      <c r="N687171" s="10"/>
    </row>
    <row r="687172" spans="14:14">
      <c r="N687172" s="10"/>
    </row>
    <row r="687173" spans="14:14">
      <c r="N687173" s="10"/>
    </row>
    <row r="687174" spans="14:14">
      <c r="N687174" s="10"/>
    </row>
    <row r="687175" spans="14:14">
      <c r="N687175" s="10"/>
    </row>
    <row r="687176" spans="14:14">
      <c r="N687176" s="10"/>
    </row>
    <row r="687177" spans="14:14">
      <c r="N687177" s="10"/>
    </row>
    <row r="687178" spans="14:14">
      <c r="N687178" s="10"/>
    </row>
    <row r="687179" spans="14:14">
      <c r="N687179" s="10"/>
    </row>
    <row r="687180" spans="14:14">
      <c r="N687180" s="10"/>
    </row>
    <row r="687181" spans="14:14">
      <c r="N687181" s="10"/>
    </row>
    <row r="687182" spans="14:14">
      <c r="N687182" s="10"/>
    </row>
    <row r="687183" spans="14:14">
      <c r="N687183" s="10"/>
    </row>
    <row r="687184" spans="14:14">
      <c r="N687184" s="10"/>
    </row>
    <row r="687185" spans="14:14">
      <c r="N687185" s="10"/>
    </row>
    <row r="687186" spans="14:14">
      <c r="N687186" s="10"/>
    </row>
    <row r="687187" spans="14:14">
      <c r="N687187" s="10"/>
    </row>
    <row r="687188" spans="14:14">
      <c r="N687188" s="10"/>
    </row>
    <row r="687189" spans="14:14">
      <c r="N687189" s="10"/>
    </row>
    <row r="687190" spans="14:14">
      <c r="N687190" s="10"/>
    </row>
    <row r="687191" spans="14:14">
      <c r="N687191" s="10"/>
    </row>
    <row r="687192" spans="14:14">
      <c r="N687192" s="10"/>
    </row>
    <row r="687193" spans="14:14">
      <c r="N687193" s="10"/>
    </row>
    <row r="687194" spans="14:14">
      <c r="N687194" s="10"/>
    </row>
    <row r="687195" spans="14:14">
      <c r="N687195" s="10"/>
    </row>
    <row r="687196" spans="14:14">
      <c r="N687196" s="10"/>
    </row>
    <row r="687197" spans="14:14">
      <c r="N687197" s="10"/>
    </row>
    <row r="687198" spans="14:14">
      <c r="N687198" s="10"/>
    </row>
    <row r="687199" spans="14:14">
      <c r="N687199" s="10"/>
    </row>
    <row r="687200" spans="14:14">
      <c r="N687200" s="10"/>
    </row>
    <row r="687201" spans="14:14">
      <c r="N687201" s="10"/>
    </row>
    <row r="687202" spans="14:14">
      <c r="N687202" s="10"/>
    </row>
    <row r="687203" spans="14:14">
      <c r="N687203" s="10"/>
    </row>
    <row r="687204" spans="14:14">
      <c r="N687204" s="10"/>
    </row>
    <row r="687205" spans="14:14">
      <c r="N687205" s="10"/>
    </row>
    <row r="687206" spans="14:14">
      <c r="N687206" s="10"/>
    </row>
    <row r="687207" spans="14:14">
      <c r="N687207" s="10"/>
    </row>
    <row r="687208" spans="14:14">
      <c r="N687208" s="10"/>
    </row>
    <row r="687209" spans="14:14">
      <c r="N687209" s="10"/>
    </row>
    <row r="687210" spans="14:14">
      <c r="N687210" s="10"/>
    </row>
    <row r="687211" spans="14:14">
      <c r="N687211" s="10"/>
    </row>
    <row r="687212" spans="14:14">
      <c r="N687212" s="10"/>
    </row>
    <row r="687213" spans="14:14">
      <c r="N687213" s="10"/>
    </row>
    <row r="687214" spans="14:14">
      <c r="N687214" s="10"/>
    </row>
    <row r="687215" spans="14:14">
      <c r="N687215" s="10"/>
    </row>
    <row r="687216" spans="14:14">
      <c r="N687216" s="10"/>
    </row>
    <row r="687217" spans="14:14">
      <c r="N687217" s="10"/>
    </row>
    <row r="687218" spans="14:14">
      <c r="N687218" s="10"/>
    </row>
    <row r="687219" spans="14:14">
      <c r="N687219" s="10"/>
    </row>
    <row r="687220" spans="14:14">
      <c r="N687220" s="10"/>
    </row>
    <row r="687221" spans="14:14">
      <c r="N687221" s="10"/>
    </row>
    <row r="687222" spans="14:14">
      <c r="N687222" s="10"/>
    </row>
    <row r="687223" spans="14:14">
      <c r="N687223" s="10"/>
    </row>
    <row r="687224" spans="14:14">
      <c r="N687224" s="10"/>
    </row>
    <row r="687225" spans="14:14">
      <c r="N687225" s="10"/>
    </row>
    <row r="687226" spans="14:14">
      <c r="N687226" s="10"/>
    </row>
    <row r="687227" spans="14:14">
      <c r="N687227" s="10"/>
    </row>
    <row r="687228" spans="14:14">
      <c r="N687228" s="10"/>
    </row>
    <row r="687229" spans="14:14">
      <c r="N687229" s="10"/>
    </row>
    <row r="687230" spans="14:14">
      <c r="N687230" s="10"/>
    </row>
    <row r="687231" spans="14:14">
      <c r="N687231" s="10"/>
    </row>
    <row r="687232" spans="14:14">
      <c r="N687232" s="10"/>
    </row>
    <row r="687233" spans="14:14">
      <c r="N687233" s="10"/>
    </row>
    <row r="687234" spans="14:14">
      <c r="N687234" s="10"/>
    </row>
    <row r="687235" spans="14:14">
      <c r="N687235" s="10"/>
    </row>
    <row r="687236" spans="14:14">
      <c r="N687236" s="10"/>
    </row>
    <row r="687237" spans="14:14">
      <c r="N687237" s="10"/>
    </row>
    <row r="687238" spans="14:14">
      <c r="N687238" s="10"/>
    </row>
    <row r="687239" spans="14:14">
      <c r="N687239" s="10"/>
    </row>
    <row r="687240" spans="14:14">
      <c r="N687240" s="10"/>
    </row>
    <row r="687241" spans="14:14">
      <c r="N687241" s="10"/>
    </row>
    <row r="687242" spans="14:14">
      <c r="N687242" s="10"/>
    </row>
    <row r="687243" spans="14:14">
      <c r="N687243" s="10"/>
    </row>
    <row r="687244" spans="14:14">
      <c r="N687244" s="10"/>
    </row>
    <row r="687245" spans="14:14">
      <c r="N687245" s="10"/>
    </row>
    <row r="687246" spans="14:14">
      <c r="N687246" s="10"/>
    </row>
    <row r="687247" spans="14:14">
      <c r="N687247" s="10"/>
    </row>
    <row r="687248" spans="14:14">
      <c r="N687248" s="10"/>
    </row>
    <row r="687249" spans="14:14">
      <c r="N687249" s="10"/>
    </row>
    <row r="687250" spans="14:14">
      <c r="N687250" s="10"/>
    </row>
    <row r="687251" spans="14:14">
      <c r="N687251" s="10"/>
    </row>
    <row r="687252" spans="14:14">
      <c r="N687252" s="10"/>
    </row>
    <row r="687253" spans="14:14">
      <c r="N687253" s="10"/>
    </row>
    <row r="687254" spans="14:14">
      <c r="N687254" s="10"/>
    </row>
    <row r="687255" spans="14:14">
      <c r="N687255" s="10"/>
    </row>
    <row r="687256" spans="14:14">
      <c r="N687256" s="10"/>
    </row>
    <row r="687257" spans="14:14">
      <c r="N687257" s="10"/>
    </row>
    <row r="687258" spans="14:14">
      <c r="N687258" s="10"/>
    </row>
    <row r="687259" spans="14:14">
      <c r="N687259" s="10"/>
    </row>
    <row r="687260" spans="14:14">
      <c r="N687260" s="10"/>
    </row>
    <row r="687261" spans="14:14">
      <c r="N687261" s="10"/>
    </row>
    <row r="687262" spans="14:14">
      <c r="N687262" s="10"/>
    </row>
    <row r="687263" spans="14:14">
      <c r="N687263" s="10"/>
    </row>
    <row r="687264" spans="14:14">
      <c r="N687264" s="10"/>
    </row>
    <row r="687265" spans="14:14">
      <c r="N687265" s="10"/>
    </row>
    <row r="687266" spans="14:14">
      <c r="N687266" s="10"/>
    </row>
    <row r="687267" spans="14:14">
      <c r="N687267" s="10"/>
    </row>
    <row r="687268" spans="14:14">
      <c r="N687268" s="10"/>
    </row>
    <row r="687269" spans="14:14">
      <c r="N687269" s="10"/>
    </row>
    <row r="687270" spans="14:14">
      <c r="N687270" s="10"/>
    </row>
    <row r="687271" spans="14:14">
      <c r="N687271" s="10"/>
    </row>
    <row r="687272" spans="14:14">
      <c r="N687272" s="10"/>
    </row>
    <row r="687273" spans="14:14">
      <c r="N687273" s="10"/>
    </row>
    <row r="687274" spans="14:14">
      <c r="N687274" s="10"/>
    </row>
    <row r="687275" spans="14:14">
      <c r="N687275" s="10"/>
    </row>
    <row r="687276" spans="14:14">
      <c r="N687276" s="10"/>
    </row>
    <row r="687277" spans="14:14">
      <c r="N687277" s="10"/>
    </row>
    <row r="687278" spans="14:14">
      <c r="N687278" s="10"/>
    </row>
    <row r="687279" spans="14:14">
      <c r="N687279" s="10"/>
    </row>
    <row r="687280" spans="14:14">
      <c r="N687280" s="10"/>
    </row>
    <row r="687281" spans="14:14">
      <c r="N687281" s="10"/>
    </row>
    <row r="687282" spans="14:14">
      <c r="N687282" s="10"/>
    </row>
    <row r="687283" spans="14:14">
      <c r="N687283" s="10"/>
    </row>
    <row r="687284" spans="14:14">
      <c r="N687284" s="10"/>
    </row>
    <row r="687285" spans="14:14">
      <c r="N687285" s="10"/>
    </row>
    <row r="687286" spans="14:14">
      <c r="N687286" s="10"/>
    </row>
    <row r="687287" spans="14:14">
      <c r="N687287" s="10"/>
    </row>
    <row r="687288" spans="14:14">
      <c r="N687288" s="10"/>
    </row>
    <row r="687289" spans="14:14">
      <c r="N687289" s="10"/>
    </row>
    <row r="687290" spans="14:14">
      <c r="N687290" s="10"/>
    </row>
    <row r="687291" spans="14:14">
      <c r="N687291" s="10"/>
    </row>
    <row r="687292" spans="14:14">
      <c r="N687292" s="10"/>
    </row>
    <row r="687293" spans="14:14">
      <c r="N687293" s="10"/>
    </row>
    <row r="687294" spans="14:14">
      <c r="N687294" s="10"/>
    </row>
    <row r="687295" spans="14:14">
      <c r="N687295" s="10"/>
    </row>
    <row r="687296" spans="14:14">
      <c r="N687296" s="10"/>
    </row>
    <row r="687297" spans="14:14">
      <c r="N687297" s="10"/>
    </row>
    <row r="687298" spans="14:14">
      <c r="N687298" s="10"/>
    </row>
    <row r="687299" spans="14:14">
      <c r="N687299" s="10"/>
    </row>
    <row r="687300" spans="14:14">
      <c r="N687300" s="10"/>
    </row>
    <row r="687301" spans="14:14">
      <c r="N687301" s="10"/>
    </row>
    <row r="687302" spans="14:14">
      <c r="N687302" s="10"/>
    </row>
    <row r="687303" spans="14:14">
      <c r="N687303" s="10"/>
    </row>
    <row r="687304" spans="14:14">
      <c r="N687304" s="10"/>
    </row>
    <row r="687305" spans="14:14">
      <c r="N687305" s="10"/>
    </row>
    <row r="687306" spans="14:14">
      <c r="N687306" s="10"/>
    </row>
    <row r="687307" spans="14:14">
      <c r="N687307" s="10"/>
    </row>
    <row r="687308" spans="14:14">
      <c r="N687308" s="10"/>
    </row>
    <row r="687309" spans="14:14">
      <c r="N687309" s="10"/>
    </row>
    <row r="687310" spans="14:14">
      <c r="N687310" s="10"/>
    </row>
    <row r="687311" spans="14:14">
      <c r="N687311" s="10"/>
    </row>
    <row r="687312" spans="14:14">
      <c r="N687312" s="10"/>
    </row>
    <row r="687313" spans="14:14">
      <c r="N687313" s="10"/>
    </row>
    <row r="687314" spans="14:14">
      <c r="N687314" s="10"/>
    </row>
    <row r="687315" spans="14:14">
      <c r="N687315" s="10"/>
    </row>
    <row r="687316" spans="14:14">
      <c r="N687316" s="10"/>
    </row>
    <row r="687317" spans="14:14">
      <c r="N687317" s="10"/>
    </row>
    <row r="687318" spans="14:14">
      <c r="N687318" s="10"/>
    </row>
    <row r="687319" spans="14:14">
      <c r="N687319" s="10"/>
    </row>
    <row r="687320" spans="14:14">
      <c r="N687320" s="10"/>
    </row>
    <row r="687321" spans="14:14">
      <c r="N687321" s="10"/>
    </row>
    <row r="687322" spans="14:14">
      <c r="N687322" s="10"/>
    </row>
    <row r="687323" spans="14:14">
      <c r="N687323" s="10"/>
    </row>
    <row r="687324" spans="14:14">
      <c r="N687324" s="10"/>
    </row>
    <row r="687325" spans="14:14">
      <c r="N687325" s="10"/>
    </row>
    <row r="687326" spans="14:14">
      <c r="N687326" s="10"/>
    </row>
    <row r="687327" spans="14:14">
      <c r="N687327" s="10"/>
    </row>
    <row r="687328" spans="14:14">
      <c r="N687328" s="10"/>
    </row>
    <row r="687329" spans="14:14">
      <c r="N687329" s="10"/>
    </row>
    <row r="687330" spans="14:14">
      <c r="N687330" s="10"/>
    </row>
    <row r="687331" spans="14:14">
      <c r="N687331" s="10"/>
    </row>
    <row r="687332" spans="14:14">
      <c r="N687332" s="10"/>
    </row>
    <row r="687333" spans="14:14">
      <c r="N687333" s="10"/>
    </row>
    <row r="687334" spans="14:14">
      <c r="N687334" s="10"/>
    </row>
    <row r="687335" spans="14:14">
      <c r="N687335" s="10"/>
    </row>
    <row r="687336" spans="14:14">
      <c r="N687336" s="10"/>
    </row>
    <row r="687337" spans="14:14">
      <c r="N687337" s="10"/>
    </row>
    <row r="687338" spans="14:14">
      <c r="N687338" s="10"/>
    </row>
    <row r="687339" spans="14:14">
      <c r="N687339" s="10"/>
    </row>
    <row r="687340" spans="14:14">
      <c r="N687340" s="10"/>
    </row>
    <row r="687341" spans="14:14">
      <c r="N687341" s="10"/>
    </row>
    <row r="687342" spans="14:14">
      <c r="N687342" s="10"/>
    </row>
    <row r="687343" spans="14:14">
      <c r="N687343" s="10"/>
    </row>
    <row r="687344" spans="14:14">
      <c r="N687344" s="10"/>
    </row>
    <row r="687345" spans="14:14">
      <c r="N687345" s="10"/>
    </row>
    <row r="687346" spans="14:14">
      <c r="N687346" s="10"/>
    </row>
    <row r="687347" spans="14:14">
      <c r="N687347" s="10"/>
    </row>
    <row r="687348" spans="14:14">
      <c r="N687348" s="10"/>
    </row>
    <row r="687349" spans="14:14">
      <c r="N687349" s="10"/>
    </row>
    <row r="687350" spans="14:14">
      <c r="N687350" s="10"/>
    </row>
    <row r="687351" spans="14:14">
      <c r="N687351" s="10"/>
    </row>
    <row r="687352" spans="14:14">
      <c r="N687352" s="10"/>
    </row>
    <row r="687353" spans="14:14">
      <c r="N687353" s="10"/>
    </row>
    <row r="687354" spans="14:14">
      <c r="N687354" s="10"/>
    </row>
    <row r="687355" spans="14:14">
      <c r="N687355" s="10"/>
    </row>
    <row r="687356" spans="14:14">
      <c r="N687356" s="10"/>
    </row>
    <row r="687357" spans="14:14">
      <c r="N687357" s="10"/>
    </row>
    <row r="687358" spans="14:14">
      <c r="N687358" s="10"/>
    </row>
    <row r="687359" spans="14:14">
      <c r="N687359" s="10"/>
    </row>
    <row r="687360" spans="14:14">
      <c r="N687360" s="10"/>
    </row>
    <row r="687361" spans="14:14">
      <c r="N687361" s="10"/>
    </row>
    <row r="687362" spans="14:14">
      <c r="N687362" s="10"/>
    </row>
    <row r="687363" spans="14:14">
      <c r="N687363" s="10"/>
    </row>
    <row r="687364" spans="14:14">
      <c r="N687364" s="10"/>
    </row>
    <row r="687365" spans="14:14">
      <c r="N687365" s="10"/>
    </row>
    <row r="687366" spans="14:14">
      <c r="N687366" s="10"/>
    </row>
    <row r="687367" spans="14:14">
      <c r="N687367" s="10"/>
    </row>
    <row r="687368" spans="14:14">
      <c r="N687368" s="10"/>
    </row>
    <row r="687369" spans="14:14">
      <c r="N687369" s="10"/>
    </row>
    <row r="687370" spans="14:14">
      <c r="N687370" s="10"/>
    </row>
    <row r="687371" spans="14:14">
      <c r="N687371" s="10"/>
    </row>
    <row r="687372" spans="14:14">
      <c r="N687372" s="10"/>
    </row>
    <row r="687373" spans="14:14">
      <c r="N687373" s="10"/>
    </row>
    <row r="687374" spans="14:14">
      <c r="N687374" s="10"/>
    </row>
    <row r="687375" spans="14:14">
      <c r="N687375" s="10"/>
    </row>
    <row r="687376" spans="14:14">
      <c r="N687376" s="10"/>
    </row>
    <row r="687377" spans="14:14">
      <c r="N687377" s="10"/>
    </row>
    <row r="687378" spans="14:14">
      <c r="N687378" s="10"/>
    </row>
    <row r="687379" spans="14:14">
      <c r="N687379" s="10"/>
    </row>
    <row r="687380" spans="14:14">
      <c r="N687380" s="10"/>
    </row>
    <row r="687381" spans="14:14">
      <c r="N687381" s="10"/>
    </row>
    <row r="687382" spans="14:14">
      <c r="N687382" s="10"/>
    </row>
    <row r="687383" spans="14:14">
      <c r="N687383" s="10"/>
    </row>
    <row r="687384" spans="14:14">
      <c r="N687384" s="10"/>
    </row>
    <row r="687385" spans="14:14">
      <c r="N687385" s="10"/>
    </row>
    <row r="687386" spans="14:14">
      <c r="N687386" s="10"/>
    </row>
    <row r="687387" spans="14:14">
      <c r="N687387" s="10"/>
    </row>
    <row r="687388" spans="14:14">
      <c r="N687388" s="10"/>
    </row>
    <row r="687389" spans="14:14">
      <c r="N687389" s="10"/>
    </row>
    <row r="687390" spans="14:14">
      <c r="N687390" s="10"/>
    </row>
    <row r="687391" spans="14:14">
      <c r="N687391" s="10"/>
    </row>
    <row r="687392" spans="14:14">
      <c r="N687392" s="10"/>
    </row>
    <row r="687393" spans="14:14">
      <c r="N687393" s="10"/>
    </row>
    <row r="687394" spans="14:14">
      <c r="N687394" s="10"/>
    </row>
    <row r="687395" spans="14:14">
      <c r="N687395" s="10"/>
    </row>
    <row r="687396" spans="14:14">
      <c r="N687396" s="10"/>
    </row>
    <row r="687397" spans="14:14">
      <c r="N687397" s="10"/>
    </row>
    <row r="687398" spans="14:14">
      <c r="N687398" s="10"/>
    </row>
    <row r="687399" spans="14:14">
      <c r="N687399" s="10"/>
    </row>
    <row r="687400" spans="14:14">
      <c r="N687400" s="10"/>
    </row>
    <row r="687401" spans="14:14">
      <c r="N687401" s="10"/>
    </row>
    <row r="687402" spans="14:14">
      <c r="N687402" s="10"/>
    </row>
    <row r="687403" spans="14:14">
      <c r="N687403" s="10"/>
    </row>
    <row r="687404" spans="14:14">
      <c r="N687404" s="10"/>
    </row>
    <row r="687405" spans="14:14">
      <c r="N687405" s="10"/>
    </row>
    <row r="687406" spans="14:14">
      <c r="N687406" s="10"/>
    </row>
    <row r="687407" spans="14:14">
      <c r="N687407" s="10"/>
    </row>
    <row r="687408" spans="14:14">
      <c r="N687408" s="10"/>
    </row>
    <row r="687409" spans="14:14">
      <c r="N687409" s="10"/>
    </row>
    <row r="687410" spans="14:14">
      <c r="N687410" s="10"/>
    </row>
    <row r="687411" spans="14:14">
      <c r="N687411" s="10"/>
    </row>
    <row r="687412" spans="14:14">
      <c r="N687412" s="10"/>
    </row>
    <row r="687413" spans="14:14">
      <c r="N687413" s="10"/>
    </row>
    <row r="687414" spans="14:14">
      <c r="N687414" s="10"/>
    </row>
    <row r="687415" spans="14:14">
      <c r="N687415" s="10"/>
    </row>
    <row r="687416" spans="14:14">
      <c r="N687416" s="10"/>
    </row>
    <row r="687417" spans="14:14">
      <c r="N687417" s="10"/>
    </row>
    <row r="687418" spans="14:14">
      <c r="N687418" s="10"/>
    </row>
    <row r="687419" spans="14:14">
      <c r="N687419" s="10"/>
    </row>
    <row r="687420" spans="14:14">
      <c r="N687420" s="10"/>
    </row>
    <row r="687421" spans="14:14">
      <c r="N687421" s="10"/>
    </row>
    <row r="687422" spans="14:14">
      <c r="N687422" s="10"/>
    </row>
    <row r="687423" spans="14:14">
      <c r="N687423" s="10"/>
    </row>
    <row r="687424" spans="14:14">
      <c r="N687424" s="10"/>
    </row>
    <row r="687425" spans="14:14">
      <c r="N687425" s="10"/>
    </row>
    <row r="687426" spans="14:14">
      <c r="N687426" s="10"/>
    </row>
    <row r="687427" spans="14:14">
      <c r="N687427" s="10"/>
    </row>
    <row r="687428" spans="14:14">
      <c r="N687428" s="10"/>
    </row>
    <row r="687429" spans="14:14">
      <c r="N687429" s="10"/>
    </row>
    <row r="687430" spans="14:14">
      <c r="N687430" s="10"/>
    </row>
    <row r="687431" spans="14:14">
      <c r="N687431" s="10"/>
    </row>
    <row r="687432" spans="14:14">
      <c r="N687432" s="10"/>
    </row>
    <row r="687433" spans="14:14">
      <c r="N687433" s="10"/>
    </row>
    <row r="687434" spans="14:14">
      <c r="N687434" s="10"/>
    </row>
    <row r="687435" spans="14:14">
      <c r="N687435" s="10"/>
    </row>
    <row r="687436" spans="14:14">
      <c r="N687436" s="10"/>
    </row>
    <row r="687437" spans="14:14">
      <c r="N687437" s="10"/>
    </row>
    <row r="687438" spans="14:14">
      <c r="N687438" s="10"/>
    </row>
    <row r="687439" spans="14:14">
      <c r="N687439" s="10"/>
    </row>
    <row r="687440" spans="14:14">
      <c r="N687440" s="10"/>
    </row>
    <row r="687441" spans="14:14">
      <c r="N687441" s="10"/>
    </row>
    <row r="687442" spans="14:14">
      <c r="N687442" s="10"/>
    </row>
    <row r="687443" spans="14:14">
      <c r="N687443" s="10"/>
    </row>
    <row r="687444" spans="14:14">
      <c r="N687444" s="10"/>
    </row>
    <row r="687445" spans="14:14">
      <c r="N687445" s="10"/>
    </row>
    <row r="687446" spans="14:14">
      <c r="N687446" s="10"/>
    </row>
    <row r="687447" spans="14:14">
      <c r="N687447" s="10"/>
    </row>
    <row r="687448" spans="14:14">
      <c r="N687448" s="10"/>
    </row>
    <row r="687449" spans="14:14">
      <c r="N687449" s="10"/>
    </row>
    <row r="687450" spans="14:14">
      <c r="N687450" s="10"/>
    </row>
    <row r="687451" spans="14:14">
      <c r="N687451" s="10"/>
    </row>
    <row r="687452" spans="14:14">
      <c r="N687452" s="10"/>
    </row>
    <row r="687453" spans="14:14">
      <c r="N687453" s="10"/>
    </row>
    <row r="687454" spans="14:14">
      <c r="N687454" s="10"/>
    </row>
    <row r="687455" spans="14:14">
      <c r="N687455" s="10"/>
    </row>
    <row r="687456" spans="14:14">
      <c r="N687456" s="10"/>
    </row>
    <row r="687457" spans="14:14">
      <c r="N687457" s="10"/>
    </row>
    <row r="687458" spans="14:14">
      <c r="N687458" s="10"/>
    </row>
    <row r="687459" spans="14:14">
      <c r="N687459" s="10"/>
    </row>
    <row r="687460" spans="14:14">
      <c r="N687460" s="10"/>
    </row>
    <row r="687461" spans="14:14">
      <c r="N687461" s="10"/>
    </row>
    <row r="687462" spans="14:14">
      <c r="N687462" s="10"/>
    </row>
    <row r="687463" spans="14:14">
      <c r="N687463" s="10"/>
    </row>
    <row r="687464" spans="14:14">
      <c r="N687464" s="10"/>
    </row>
    <row r="687465" spans="14:14">
      <c r="N687465" s="10"/>
    </row>
    <row r="687466" spans="14:14">
      <c r="N687466" s="10"/>
    </row>
    <row r="687467" spans="14:14">
      <c r="N687467" s="10"/>
    </row>
    <row r="687468" spans="14:14">
      <c r="N687468" s="10"/>
    </row>
    <row r="687469" spans="14:14">
      <c r="N687469" s="10"/>
    </row>
    <row r="687470" spans="14:14">
      <c r="N687470" s="10"/>
    </row>
    <row r="687471" spans="14:14">
      <c r="N687471" s="10"/>
    </row>
    <row r="687472" spans="14:14">
      <c r="N687472" s="10"/>
    </row>
    <row r="687473" spans="14:14">
      <c r="N687473" s="10"/>
    </row>
    <row r="687474" spans="14:14">
      <c r="N687474" s="10"/>
    </row>
    <row r="687475" spans="14:14">
      <c r="N687475" s="10"/>
    </row>
    <row r="687476" spans="14:14">
      <c r="N687476" s="10"/>
    </row>
    <row r="687477" spans="14:14">
      <c r="N687477" s="10"/>
    </row>
    <row r="687478" spans="14:14">
      <c r="N687478" s="10"/>
    </row>
    <row r="687479" spans="14:14">
      <c r="N687479" s="10"/>
    </row>
    <row r="687480" spans="14:14">
      <c r="N687480" s="10"/>
    </row>
    <row r="687481" spans="14:14">
      <c r="N687481" s="10"/>
    </row>
    <row r="687482" spans="14:14">
      <c r="N687482" s="10"/>
    </row>
    <row r="687483" spans="14:14">
      <c r="N687483" s="10"/>
    </row>
    <row r="687484" spans="14:14">
      <c r="N687484" s="10"/>
    </row>
    <row r="687485" spans="14:14">
      <c r="N687485" s="10"/>
    </row>
    <row r="687486" spans="14:14">
      <c r="N687486" s="10"/>
    </row>
    <row r="687487" spans="14:14">
      <c r="N687487" s="10"/>
    </row>
    <row r="687488" spans="14:14">
      <c r="N687488" s="10"/>
    </row>
    <row r="687489" spans="14:14">
      <c r="N687489" s="10"/>
    </row>
    <row r="687490" spans="14:14">
      <c r="N687490" s="10"/>
    </row>
    <row r="687491" spans="14:14">
      <c r="N687491" s="10"/>
    </row>
    <row r="687492" spans="14:14">
      <c r="N687492" s="10"/>
    </row>
    <row r="687493" spans="14:14">
      <c r="N687493" s="10"/>
    </row>
    <row r="687494" spans="14:14">
      <c r="N687494" s="10"/>
    </row>
    <row r="687495" spans="14:14">
      <c r="N687495" s="10"/>
    </row>
    <row r="687496" spans="14:14">
      <c r="N687496" s="10"/>
    </row>
    <row r="687497" spans="14:14">
      <c r="N687497" s="10"/>
    </row>
    <row r="687498" spans="14:14">
      <c r="N687498" s="10"/>
    </row>
    <row r="687499" spans="14:14">
      <c r="N687499" s="10"/>
    </row>
    <row r="687500" spans="14:14">
      <c r="N687500" s="10"/>
    </row>
    <row r="687501" spans="14:14">
      <c r="N687501" s="10"/>
    </row>
    <row r="687502" spans="14:14">
      <c r="N687502" s="10"/>
    </row>
    <row r="687503" spans="14:14">
      <c r="N687503" s="10"/>
    </row>
    <row r="687504" spans="14:14">
      <c r="N687504" s="10"/>
    </row>
    <row r="687505" spans="14:14">
      <c r="N687505" s="10"/>
    </row>
    <row r="687506" spans="14:14">
      <c r="N687506" s="10"/>
    </row>
    <row r="687507" spans="14:14">
      <c r="N687507" s="10"/>
    </row>
    <row r="687508" spans="14:14">
      <c r="N687508" s="10"/>
    </row>
    <row r="687509" spans="14:14">
      <c r="N687509" s="10"/>
    </row>
    <row r="687510" spans="14:14">
      <c r="N687510" s="10"/>
    </row>
    <row r="687511" spans="14:14">
      <c r="N687511" s="10"/>
    </row>
    <row r="687512" spans="14:14">
      <c r="N687512" s="10"/>
    </row>
    <row r="687513" spans="14:14">
      <c r="N687513" s="10"/>
    </row>
    <row r="687514" spans="14:14">
      <c r="N687514" s="10"/>
    </row>
    <row r="687515" spans="14:14">
      <c r="N687515" s="10"/>
    </row>
    <row r="687516" spans="14:14">
      <c r="N687516" s="10"/>
    </row>
    <row r="687517" spans="14:14">
      <c r="N687517" s="10"/>
    </row>
    <row r="687518" spans="14:14">
      <c r="N687518" s="10"/>
    </row>
    <row r="687519" spans="14:14">
      <c r="N687519" s="10"/>
    </row>
    <row r="687520" spans="14:14">
      <c r="N687520" s="10"/>
    </row>
    <row r="687521" spans="14:14">
      <c r="N687521" s="10"/>
    </row>
    <row r="687522" spans="14:14">
      <c r="N687522" s="10"/>
    </row>
    <row r="687523" spans="14:14">
      <c r="N687523" s="10"/>
    </row>
    <row r="687524" spans="14:14">
      <c r="N687524" s="10"/>
    </row>
    <row r="687525" spans="14:14">
      <c r="N687525" s="10"/>
    </row>
    <row r="687526" spans="14:14">
      <c r="N687526" s="10"/>
    </row>
    <row r="687527" spans="14:14">
      <c r="N687527" s="10"/>
    </row>
    <row r="687528" spans="14:14">
      <c r="N687528" s="10"/>
    </row>
    <row r="687529" spans="14:14">
      <c r="N687529" s="10"/>
    </row>
    <row r="687530" spans="14:14">
      <c r="N687530" s="10"/>
    </row>
    <row r="687531" spans="14:14">
      <c r="N687531" s="10"/>
    </row>
    <row r="687532" spans="14:14">
      <c r="N687532" s="10"/>
    </row>
    <row r="687533" spans="14:14">
      <c r="N687533" s="10"/>
    </row>
    <row r="687534" spans="14:14">
      <c r="N687534" s="10"/>
    </row>
    <row r="687535" spans="14:14">
      <c r="N687535" s="10"/>
    </row>
    <row r="687536" spans="14:14">
      <c r="N687536" s="10"/>
    </row>
    <row r="687537" spans="14:14">
      <c r="N687537" s="10"/>
    </row>
    <row r="687538" spans="14:14">
      <c r="N687538" s="10"/>
    </row>
    <row r="687539" spans="14:14">
      <c r="N687539" s="10"/>
    </row>
    <row r="687540" spans="14:14">
      <c r="N687540" s="10"/>
    </row>
    <row r="687541" spans="14:14">
      <c r="N687541" s="10"/>
    </row>
    <row r="687542" spans="14:14">
      <c r="N687542" s="10"/>
    </row>
    <row r="687543" spans="14:14">
      <c r="N687543" s="10"/>
    </row>
    <row r="687544" spans="14:14">
      <c r="N687544" s="10"/>
    </row>
    <row r="687545" spans="14:14">
      <c r="N687545" s="10"/>
    </row>
    <row r="687546" spans="14:14">
      <c r="N687546" s="10"/>
    </row>
    <row r="687547" spans="14:14">
      <c r="N687547" s="10"/>
    </row>
    <row r="687548" spans="14:14">
      <c r="N687548" s="10"/>
    </row>
    <row r="687549" spans="14:14">
      <c r="N687549" s="10"/>
    </row>
    <row r="687550" spans="14:14">
      <c r="N687550" s="10"/>
    </row>
    <row r="687551" spans="14:14">
      <c r="N687551" s="10"/>
    </row>
    <row r="687552" spans="14:14">
      <c r="N687552" s="10"/>
    </row>
    <row r="687553" spans="14:14">
      <c r="N687553" s="10"/>
    </row>
    <row r="687554" spans="14:14">
      <c r="N687554" s="10"/>
    </row>
    <row r="687555" spans="14:14">
      <c r="N687555" s="10"/>
    </row>
    <row r="687556" spans="14:14">
      <c r="N687556" s="10"/>
    </row>
    <row r="687557" spans="14:14">
      <c r="N687557" s="10"/>
    </row>
    <row r="687558" spans="14:14">
      <c r="N687558" s="10"/>
    </row>
    <row r="687559" spans="14:14">
      <c r="N687559" s="10"/>
    </row>
    <row r="687560" spans="14:14">
      <c r="N687560" s="10"/>
    </row>
    <row r="687561" spans="14:14">
      <c r="N687561" s="10"/>
    </row>
    <row r="687562" spans="14:14">
      <c r="N687562" s="10"/>
    </row>
    <row r="687563" spans="14:14">
      <c r="N687563" s="10"/>
    </row>
    <row r="687564" spans="14:14">
      <c r="N687564" s="10"/>
    </row>
    <row r="687565" spans="14:14">
      <c r="N687565" s="10"/>
    </row>
    <row r="687566" spans="14:14">
      <c r="N687566" s="10"/>
    </row>
    <row r="687567" spans="14:14">
      <c r="N687567" s="10"/>
    </row>
    <row r="687568" spans="14:14">
      <c r="N687568" s="10"/>
    </row>
    <row r="687569" spans="14:14">
      <c r="N687569" s="10"/>
    </row>
    <row r="687570" spans="14:14">
      <c r="N687570" s="10"/>
    </row>
    <row r="687571" spans="14:14">
      <c r="N687571" s="10"/>
    </row>
    <row r="687572" spans="14:14">
      <c r="N687572" s="10"/>
    </row>
    <row r="687573" spans="14:14">
      <c r="N687573" s="10"/>
    </row>
    <row r="687574" spans="14:14">
      <c r="N687574" s="10"/>
    </row>
    <row r="687575" spans="14:14">
      <c r="N687575" s="10"/>
    </row>
    <row r="687576" spans="14:14">
      <c r="N687576" s="10"/>
    </row>
    <row r="687577" spans="14:14">
      <c r="N687577" s="10"/>
    </row>
    <row r="687578" spans="14:14">
      <c r="N687578" s="10"/>
    </row>
    <row r="687579" spans="14:14">
      <c r="N687579" s="10"/>
    </row>
    <row r="687580" spans="14:14">
      <c r="N687580" s="10"/>
    </row>
    <row r="687581" spans="14:14">
      <c r="N687581" s="10"/>
    </row>
    <row r="687582" spans="14:14">
      <c r="N687582" s="10"/>
    </row>
    <row r="687583" spans="14:14">
      <c r="N687583" s="10"/>
    </row>
    <row r="687584" spans="14:14">
      <c r="N687584" s="10"/>
    </row>
    <row r="687585" spans="14:14">
      <c r="N687585" s="10"/>
    </row>
    <row r="687586" spans="14:14">
      <c r="N687586" s="10"/>
    </row>
    <row r="687587" spans="14:14">
      <c r="N687587" s="10"/>
    </row>
    <row r="687588" spans="14:14">
      <c r="N687588" s="10"/>
    </row>
    <row r="687589" spans="14:14">
      <c r="N687589" s="10"/>
    </row>
    <row r="687590" spans="14:14">
      <c r="N687590" s="10"/>
    </row>
    <row r="687591" spans="14:14">
      <c r="N687591" s="10"/>
    </row>
    <row r="687592" spans="14:14">
      <c r="N687592" s="10"/>
    </row>
    <row r="687593" spans="14:14">
      <c r="N687593" s="10"/>
    </row>
    <row r="687594" spans="14:14">
      <c r="N687594" s="10"/>
    </row>
    <row r="687595" spans="14:14">
      <c r="N687595" s="10"/>
    </row>
    <row r="687596" spans="14:14">
      <c r="N687596" s="10"/>
    </row>
    <row r="687597" spans="14:14">
      <c r="N687597" s="10"/>
    </row>
    <row r="687598" spans="14:14">
      <c r="N687598" s="10"/>
    </row>
    <row r="687599" spans="14:14">
      <c r="N687599" s="10"/>
    </row>
    <row r="687600" spans="14:14">
      <c r="N687600" s="10"/>
    </row>
    <row r="687601" spans="14:14">
      <c r="N687601" s="10"/>
    </row>
    <row r="687602" spans="14:14">
      <c r="N687602" s="10"/>
    </row>
    <row r="687603" spans="14:14">
      <c r="N687603" s="10"/>
    </row>
    <row r="687604" spans="14:14">
      <c r="N687604" s="10"/>
    </row>
    <row r="687605" spans="14:14">
      <c r="N687605" s="10"/>
    </row>
    <row r="687606" spans="14:14">
      <c r="N687606" s="10"/>
    </row>
    <row r="687607" spans="14:14">
      <c r="N687607" s="10"/>
    </row>
    <row r="687608" spans="14:14">
      <c r="N687608" s="10"/>
    </row>
    <row r="687609" spans="14:14">
      <c r="N687609" s="10"/>
    </row>
    <row r="687610" spans="14:14">
      <c r="N687610" s="10"/>
    </row>
    <row r="687611" spans="14:14">
      <c r="N687611" s="10"/>
    </row>
    <row r="687612" spans="14:14">
      <c r="N687612" s="10"/>
    </row>
    <row r="687613" spans="14:14">
      <c r="N687613" s="10"/>
    </row>
    <row r="687614" spans="14:14">
      <c r="N687614" s="10"/>
    </row>
    <row r="687615" spans="14:14">
      <c r="N687615" s="10"/>
    </row>
    <row r="687616" spans="14:14">
      <c r="N687616" s="10"/>
    </row>
    <row r="687617" spans="14:14">
      <c r="N687617" s="10"/>
    </row>
    <row r="687618" spans="14:14">
      <c r="N687618" s="10"/>
    </row>
    <row r="687619" spans="14:14">
      <c r="N687619" s="10"/>
    </row>
    <row r="687620" spans="14:14">
      <c r="N687620" s="10"/>
    </row>
    <row r="687621" spans="14:14">
      <c r="N687621" s="10"/>
    </row>
    <row r="687622" spans="14:14">
      <c r="N687622" s="10"/>
    </row>
    <row r="687623" spans="14:14">
      <c r="N687623" s="10"/>
    </row>
    <row r="687624" spans="14:14">
      <c r="N687624" s="10"/>
    </row>
    <row r="687625" spans="14:14">
      <c r="N687625" s="10"/>
    </row>
    <row r="687626" spans="14:14">
      <c r="N687626" s="10"/>
    </row>
    <row r="687627" spans="14:14">
      <c r="N687627" s="10"/>
    </row>
    <row r="687628" spans="14:14">
      <c r="N687628" s="10"/>
    </row>
    <row r="687629" spans="14:14">
      <c r="N687629" s="10"/>
    </row>
    <row r="687630" spans="14:14">
      <c r="N687630" s="10"/>
    </row>
    <row r="687631" spans="14:14">
      <c r="N687631" s="10"/>
    </row>
    <row r="687632" spans="14:14">
      <c r="N687632" s="10"/>
    </row>
    <row r="687633" spans="14:14">
      <c r="N687633" s="10"/>
    </row>
    <row r="687634" spans="14:14">
      <c r="N687634" s="10"/>
    </row>
    <row r="687635" spans="14:14">
      <c r="N687635" s="10"/>
    </row>
    <row r="687636" spans="14:14">
      <c r="N687636" s="10"/>
    </row>
    <row r="687637" spans="14:14">
      <c r="N687637" s="10"/>
    </row>
    <row r="687638" spans="14:14">
      <c r="N687638" s="10"/>
    </row>
    <row r="687639" spans="14:14">
      <c r="N687639" s="10"/>
    </row>
    <row r="687640" spans="14:14">
      <c r="N687640" s="10"/>
    </row>
    <row r="687641" spans="14:14">
      <c r="N687641" s="10"/>
    </row>
    <row r="687642" spans="14:14">
      <c r="N687642" s="10"/>
    </row>
    <row r="687643" spans="14:14">
      <c r="N687643" s="10"/>
    </row>
    <row r="687644" spans="14:14">
      <c r="N687644" s="10"/>
    </row>
    <row r="687645" spans="14:14">
      <c r="N687645" s="10"/>
    </row>
    <row r="687646" spans="14:14">
      <c r="N687646" s="10"/>
    </row>
    <row r="687647" spans="14:14">
      <c r="N687647" s="10"/>
    </row>
    <row r="687648" spans="14:14">
      <c r="N687648" s="10"/>
    </row>
    <row r="687649" spans="14:14">
      <c r="N687649" s="10"/>
    </row>
    <row r="687650" spans="14:14">
      <c r="N687650" s="10"/>
    </row>
    <row r="687651" spans="14:14">
      <c r="N687651" s="10"/>
    </row>
    <row r="687652" spans="14:14">
      <c r="N687652" s="10"/>
    </row>
    <row r="687653" spans="14:14">
      <c r="N687653" s="10"/>
    </row>
    <row r="687654" spans="14:14">
      <c r="N687654" s="10"/>
    </row>
    <row r="687655" spans="14:14">
      <c r="N687655" s="10"/>
    </row>
    <row r="687656" spans="14:14">
      <c r="N687656" s="10"/>
    </row>
    <row r="687657" spans="14:14">
      <c r="N687657" s="10"/>
    </row>
    <row r="687658" spans="14:14">
      <c r="N687658" s="10"/>
    </row>
    <row r="687659" spans="14:14">
      <c r="N687659" s="10"/>
    </row>
    <row r="687660" spans="14:14">
      <c r="N687660" s="10"/>
    </row>
    <row r="687661" spans="14:14">
      <c r="N687661" s="10"/>
    </row>
    <row r="687662" spans="14:14">
      <c r="N687662" s="10"/>
    </row>
    <row r="687663" spans="14:14">
      <c r="N687663" s="10"/>
    </row>
    <row r="687664" spans="14:14">
      <c r="N687664" s="10"/>
    </row>
    <row r="687665" spans="14:14">
      <c r="N687665" s="10"/>
    </row>
    <row r="687666" spans="14:14">
      <c r="N687666" s="10"/>
    </row>
    <row r="687667" spans="14:14">
      <c r="N687667" s="10"/>
    </row>
    <row r="687668" spans="14:14">
      <c r="N687668" s="10"/>
    </row>
    <row r="687669" spans="14:14">
      <c r="N687669" s="10"/>
    </row>
    <row r="687670" spans="14:14">
      <c r="N687670" s="10"/>
    </row>
    <row r="687671" spans="14:14">
      <c r="N687671" s="10"/>
    </row>
    <row r="687672" spans="14:14">
      <c r="N687672" s="10"/>
    </row>
    <row r="687673" spans="14:14">
      <c r="N687673" s="10"/>
    </row>
    <row r="687674" spans="14:14">
      <c r="N687674" s="10"/>
    </row>
    <row r="687675" spans="14:14">
      <c r="N687675" s="10"/>
    </row>
    <row r="687676" spans="14:14">
      <c r="N687676" s="10"/>
    </row>
    <row r="687677" spans="14:14">
      <c r="N687677" s="10"/>
    </row>
    <row r="687678" spans="14:14">
      <c r="N687678" s="10"/>
    </row>
    <row r="687679" spans="14:14">
      <c r="N687679" s="10"/>
    </row>
    <row r="687680" spans="14:14">
      <c r="N687680" s="10"/>
    </row>
    <row r="687681" spans="14:14">
      <c r="N687681" s="10"/>
    </row>
    <row r="687682" spans="14:14">
      <c r="N687682" s="10"/>
    </row>
    <row r="687683" spans="14:14">
      <c r="N687683" s="10"/>
    </row>
    <row r="687684" spans="14:14">
      <c r="N687684" s="10"/>
    </row>
    <row r="687685" spans="14:14">
      <c r="N687685" s="10"/>
    </row>
    <row r="687686" spans="14:14">
      <c r="N687686" s="10"/>
    </row>
    <row r="687687" spans="14:14">
      <c r="N687687" s="10"/>
    </row>
    <row r="687688" spans="14:14">
      <c r="N687688" s="10"/>
    </row>
    <row r="687689" spans="14:14">
      <c r="N687689" s="10"/>
    </row>
    <row r="687690" spans="14:14">
      <c r="N687690" s="10"/>
    </row>
    <row r="687691" spans="14:14">
      <c r="N687691" s="10"/>
    </row>
    <row r="687692" spans="14:14">
      <c r="N687692" s="10"/>
    </row>
    <row r="687693" spans="14:14">
      <c r="N687693" s="10"/>
    </row>
    <row r="687694" spans="14:14">
      <c r="N687694" s="10"/>
    </row>
    <row r="687695" spans="14:14">
      <c r="N687695" s="10"/>
    </row>
    <row r="687696" spans="14:14">
      <c r="N687696" s="10"/>
    </row>
    <row r="687697" spans="14:14">
      <c r="N687697" s="10"/>
    </row>
    <row r="687698" spans="14:14">
      <c r="N687698" s="10"/>
    </row>
    <row r="687699" spans="14:14">
      <c r="N687699" s="10"/>
    </row>
    <row r="687700" spans="14:14">
      <c r="N687700" s="10"/>
    </row>
    <row r="687701" spans="14:14">
      <c r="N687701" s="10"/>
    </row>
    <row r="687702" spans="14:14">
      <c r="N687702" s="10"/>
    </row>
    <row r="687703" spans="14:14">
      <c r="N687703" s="10"/>
    </row>
    <row r="687704" spans="14:14">
      <c r="N687704" s="10"/>
    </row>
    <row r="687705" spans="14:14">
      <c r="N687705" s="10"/>
    </row>
    <row r="687706" spans="14:14">
      <c r="N687706" s="10"/>
    </row>
    <row r="687707" spans="14:14">
      <c r="N687707" s="10"/>
    </row>
    <row r="687708" spans="14:14">
      <c r="N687708" s="10"/>
    </row>
    <row r="687709" spans="14:14">
      <c r="N687709" s="10"/>
    </row>
    <row r="687710" spans="14:14">
      <c r="N687710" s="10"/>
    </row>
    <row r="687711" spans="14:14">
      <c r="N687711" s="10"/>
    </row>
    <row r="687712" spans="14:14">
      <c r="N687712" s="10"/>
    </row>
    <row r="687713" spans="14:14">
      <c r="N687713" s="10"/>
    </row>
    <row r="687714" spans="14:14">
      <c r="N687714" s="10"/>
    </row>
    <row r="687715" spans="14:14">
      <c r="N687715" s="10"/>
    </row>
    <row r="687716" spans="14:14">
      <c r="N687716" s="10"/>
    </row>
    <row r="687717" spans="14:14">
      <c r="N687717" s="10"/>
    </row>
    <row r="687718" spans="14:14">
      <c r="N687718" s="10"/>
    </row>
    <row r="687719" spans="14:14">
      <c r="N687719" s="10"/>
    </row>
    <row r="687720" spans="14:14">
      <c r="N687720" s="10"/>
    </row>
    <row r="687721" spans="14:14">
      <c r="N687721" s="10"/>
    </row>
    <row r="687722" spans="14:14">
      <c r="N687722" s="10"/>
    </row>
    <row r="687723" spans="14:14">
      <c r="N687723" s="10"/>
    </row>
    <row r="687724" spans="14:14">
      <c r="N687724" s="10"/>
    </row>
    <row r="687725" spans="14:14">
      <c r="N687725" s="10"/>
    </row>
    <row r="687726" spans="14:14">
      <c r="N687726" s="10"/>
    </row>
    <row r="687727" spans="14:14">
      <c r="N687727" s="10"/>
    </row>
    <row r="687728" spans="14:14">
      <c r="N687728" s="10"/>
    </row>
    <row r="687729" spans="14:14">
      <c r="N687729" s="10"/>
    </row>
    <row r="687730" spans="14:14">
      <c r="N687730" s="10"/>
    </row>
    <row r="687731" spans="14:14">
      <c r="N687731" s="10"/>
    </row>
    <row r="687732" spans="14:14">
      <c r="N687732" s="10"/>
    </row>
    <row r="687733" spans="14:14">
      <c r="N687733" s="10"/>
    </row>
    <row r="687734" spans="14:14">
      <c r="N687734" s="10"/>
    </row>
    <row r="687735" spans="14:14">
      <c r="N687735" s="10"/>
    </row>
    <row r="687736" spans="14:14">
      <c r="N687736" s="10"/>
    </row>
    <row r="687737" spans="14:14">
      <c r="N687737" s="10"/>
    </row>
    <row r="687738" spans="14:14">
      <c r="N687738" s="10"/>
    </row>
    <row r="687739" spans="14:14">
      <c r="N687739" s="10"/>
    </row>
    <row r="687740" spans="14:14">
      <c r="N687740" s="10"/>
    </row>
    <row r="687741" spans="14:14">
      <c r="N687741" s="10"/>
    </row>
    <row r="687742" spans="14:14">
      <c r="N687742" s="10"/>
    </row>
    <row r="687743" spans="14:14">
      <c r="N687743" s="10"/>
    </row>
    <row r="687744" spans="14:14">
      <c r="N687744" s="10"/>
    </row>
    <row r="687745" spans="14:14">
      <c r="N687745" s="10"/>
    </row>
    <row r="687746" spans="14:14">
      <c r="N687746" s="10"/>
    </row>
    <row r="687747" spans="14:14">
      <c r="N687747" s="10"/>
    </row>
    <row r="687748" spans="14:14">
      <c r="N687748" s="10"/>
    </row>
    <row r="687749" spans="14:14">
      <c r="N687749" s="10"/>
    </row>
    <row r="687750" spans="14:14">
      <c r="N687750" s="10"/>
    </row>
    <row r="687751" spans="14:14">
      <c r="N687751" s="10"/>
    </row>
    <row r="687752" spans="14:14">
      <c r="N687752" s="10"/>
    </row>
    <row r="687753" spans="14:14">
      <c r="N687753" s="10"/>
    </row>
    <row r="687754" spans="14:14">
      <c r="N687754" s="10"/>
    </row>
    <row r="687755" spans="14:14">
      <c r="N687755" s="10"/>
    </row>
    <row r="687756" spans="14:14">
      <c r="N687756" s="10"/>
    </row>
    <row r="687757" spans="14:14">
      <c r="N687757" s="10"/>
    </row>
    <row r="687758" spans="14:14">
      <c r="N687758" s="10"/>
    </row>
    <row r="687759" spans="14:14">
      <c r="N687759" s="10"/>
    </row>
    <row r="687760" spans="14:14">
      <c r="N687760" s="10"/>
    </row>
    <row r="687761" spans="14:14">
      <c r="N687761" s="10"/>
    </row>
    <row r="687762" spans="14:14">
      <c r="N687762" s="10"/>
    </row>
    <row r="687763" spans="14:14">
      <c r="N687763" s="10"/>
    </row>
    <row r="687764" spans="14:14">
      <c r="N687764" s="10"/>
    </row>
    <row r="687765" spans="14:14">
      <c r="N687765" s="10"/>
    </row>
    <row r="687766" spans="14:14">
      <c r="N687766" s="10"/>
    </row>
    <row r="687767" spans="14:14">
      <c r="N687767" s="10"/>
    </row>
    <row r="687768" spans="14:14">
      <c r="N687768" s="10"/>
    </row>
    <row r="687769" spans="14:14">
      <c r="N687769" s="10"/>
    </row>
    <row r="687770" spans="14:14">
      <c r="N687770" s="10"/>
    </row>
    <row r="687771" spans="14:14">
      <c r="N687771" s="10"/>
    </row>
    <row r="687772" spans="14:14">
      <c r="N687772" s="10"/>
    </row>
    <row r="687773" spans="14:14">
      <c r="N687773" s="10"/>
    </row>
    <row r="687774" spans="14:14">
      <c r="N687774" s="10"/>
    </row>
    <row r="687775" spans="14:14">
      <c r="N687775" s="10"/>
    </row>
    <row r="687776" spans="14:14">
      <c r="N687776" s="10"/>
    </row>
    <row r="687777" spans="14:14">
      <c r="N687777" s="10"/>
    </row>
    <row r="687778" spans="14:14">
      <c r="N687778" s="10"/>
    </row>
    <row r="687779" spans="14:14">
      <c r="N687779" s="10"/>
    </row>
    <row r="687780" spans="14:14">
      <c r="N687780" s="10"/>
    </row>
    <row r="687781" spans="14:14">
      <c r="N687781" s="10"/>
    </row>
    <row r="687782" spans="14:14">
      <c r="N687782" s="10"/>
    </row>
    <row r="687783" spans="14:14">
      <c r="N687783" s="10"/>
    </row>
    <row r="687784" spans="14:14">
      <c r="N687784" s="10"/>
    </row>
    <row r="687785" spans="14:14">
      <c r="N687785" s="10"/>
    </row>
    <row r="687786" spans="14:14">
      <c r="N687786" s="10"/>
    </row>
    <row r="687787" spans="14:14">
      <c r="N687787" s="10"/>
    </row>
    <row r="687788" spans="14:14">
      <c r="N687788" s="10"/>
    </row>
    <row r="687789" spans="14:14">
      <c r="N687789" s="10"/>
    </row>
    <row r="687790" spans="14:14">
      <c r="N687790" s="10"/>
    </row>
    <row r="687791" spans="14:14">
      <c r="N687791" s="10"/>
    </row>
    <row r="687792" spans="14:14">
      <c r="N687792" s="10"/>
    </row>
    <row r="687793" spans="14:14">
      <c r="N687793" s="10"/>
    </row>
    <row r="687794" spans="14:14">
      <c r="N687794" s="10"/>
    </row>
    <row r="687795" spans="14:14">
      <c r="N687795" s="10"/>
    </row>
    <row r="687796" spans="14:14">
      <c r="N687796" s="10"/>
    </row>
    <row r="687797" spans="14:14">
      <c r="N687797" s="10"/>
    </row>
    <row r="687798" spans="14:14">
      <c r="N687798" s="10"/>
    </row>
    <row r="687799" spans="14:14">
      <c r="N687799" s="10"/>
    </row>
    <row r="687800" spans="14:14">
      <c r="N687800" s="10"/>
    </row>
    <row r="687801" spans="14:14">
      <c r="N687801" s="10"/>
    </row>
    <row r="687802" spans="14:14">
      <c r="N687802" s="10"/>
    </row>
    <row r="687803" spans="14:14">
      <c r="N687803" s="10"/>
    </row>
    <row r="687804" spans="14:14">
      <c r="N687804" s="10"/>
    </row>
    <row r="687805" spans="14:14">
      <c r="N687805" s="10"/>
    </row>
    <row r="687806" spans="14:14">
      <c r="N687806" s="10"/>
    </row>
    <row r="687807" spans="14:14">
      <c r="N687807" s="10"/>
    </row>
    <row r="687808" spans="14:14">
      <c r="N687808" s="10"/>
    </row>
    <row r="687809" spans="14:14">
      <c r="N687809" s="10"/>
    </row>
    <row r="687810" spans="14:14">
      <c r="N687810" s="10"/>
    </row>
    <row r="687811" spans="14:14">
      <c r="N687811" s="10"/>
    </row>
    <row r="687812" spans="14:14">
      <c r="N687812" s="10"/>
    </row>
    <row r="687813" spans="14:14">
      <c r="N687813" s="10"/>
    </row>
    <row r="687814" spans="14:14">
      <c r="N687814" s="10"/>
    </row>
    <row r="687815" spans="14:14">
      <c r="N687815" s="10"/>
    </row>
    <row r="687816" spans="14:14">
      <c r="N687816" s="10"/>
    </row>
    <row r="687817" spans="14:14">
      <c r="N687817" s="10"/>
    </row>
    <row r="687818" spans="14:14">
      <c r="N687818" s="10"/>
    </row>
    <row r="687819" spans="14:14">
      <c r="N687819" s="10"/>
    </row>
    <row r="687820" spans="14:14">
      <c r="N687820" s="10"/>
    </row>
    <row r="687821" spans="14:14">
      <c r="N687821" s="10"/>
    </row>
    <row r="687822" spans="14:14">
      <c r="N687822" s="10"/>
    </row>
    <row r="687823" spans="14:14">
      <c r="N687823" s="10"/>
    </row>
    <row r="687824" spans="14:14">
      <c r="N687824" s="10"/>
    </row>
    <row r="687825" spans="14:14">
      <c r="N687825" s="10"/>
    </row>
    <row r="687826" spans="14:14">
      <c r="N687826" s="10"/>
    </row>
    <row r="687827" spans="14:14">
      <c r="N687827" s="10"/>
    </row>
    <row r="687828" spans="14:14">
      <c r="N687828" s="10"/>
    </row>
    <row r="687829" spans="14:14">
      <c r="N687829" s="10"/>
    </row>
    <row r="687830" spans="14:14">
      <c r="N687830" s="10"/>
    </row>
    <row r="687831" spans="14:14">
      <c r="N687831" s="10"/>
    </row>
    <row r="687832" spans="14:14">
      <c r="N687832" s="10"/>
    </row>
    <row r="687833" spans="14:14">
      <c r="N687833" s="10"/>
    </row>
    <row r="687834" spans="14:14">
      <c r="N687834" s="10"/>
    </row>
    <row r="687835" spans="14:14">
      <c r="N687835" s="10"/>
    </row>
    <row r="687836" spans="14:14">
      <c r="N687836" s="10"/>
    </row>
    <row r="687837" spans="14:14">
      <c r="N687837" s="10"/>
    </row>
    <row r="687838" spans="14:14">
      <c r="N687838" s="10"/>
    </row>
    <row r="687839" spans="14:14">
      <c r="N687839" s="10"/>
    </row>
    <row r="687840" spans="14:14">
      <c r="N687840" s="10"/>
    </row>
    <row r="687841" spans="14:14">
      <c r="N687841" s="10"/>
    </row>
    <row r="687842" spans="14:14">
      <c r="N687842" s="10"/>
    </row>
    <row r="687843" spans="14:14">
      <c r="N687843" s="10"/>
    </row>
    <row r="687844" spans="14:14">
      <c r="N687844" s="10"/>
    </row>
    <row r="687845" spans="14:14">
      <c r="N687845" s="10"/>
    </row>
    <row r="687846" spans="14:14">
      <c r="N687846" s="10"/>
    </row>
    <row r="687847" spans="14:14">
      <c r="N687847" s="10"/>
    </row>
    <row r="687848" spans="14:14">
      <c r="N687848" s="10"/>
    </row>
    <row r="687849" spans="14:14">
      <c r="N687849" s="10"/>
    </row>
    <row r="687850" spans="14:14">
      <c r="N687850" s="10"/>
    </row>
    <row r="687851" spans="14:14">
      <c r="N687851" s="10"/>
    </row>
    <row r="687852" spans="14:14">
      <c r="N687852" s="10"/>
    </row>
    <row r="687853" spans="14:14">
      <c r="N687853" s="10"/>
    </row>
    <row r="687854" spans="14:14">
      <c r="N687854" s="10"/>
    </row>
    <row r="687855" spans="14:14">
      <c r="N687855" s="10"/>
    </row>
    <row r="687856" spans="14:14">
      <c r="N687856" s="10"/>
    </row>
    <row r="687857" spans="14:14">
      <c r="N687857" s="10"/>
    </row>
    <row r="687858" spans="14:14">
      <c r="N687858" s="10"/>
    </row>
    <row r="687859" spans="14:14">
      <c r="N687859" s="10"/>
    </row>
    <row r="687860" spans="14:14">
      <c r="N687860" s="10"/>
    </row>
    <row r="687861" spans="14:14">
      <c r="N687861" s="10"/>
    </row>
    <row r="687862" spans="14:14">
      <c r="N687862" s="10"/>
    </row>
    <row r="687863" spans="14:14">
      <c r="N687863" s="10"/>
    </row>
    <row r="687864" spans="14:14">
      <c r="N687864" s="10"/>
    </row>
    <row r="687865" spans="14:14">
      <c r="N687865" s="10"/>
    </row>
    <row r="687866" spans="14:14">
      <c r="N687866" s="10"/>
    </row>
    <row r="687867" spans="14:14">
      <c r="N687867" s="10"/>
    </row>
    <row r="687868" spans="14:14">
      <c r="N687868" s="10"/>
    </row>
    <row r="687869" spans="14:14">
      <c r="N687869" s="10"/>
    </row>
    <row r="687870" spans="14:14">
      <c r="N687870" s="10"/>
    </row>
    <row r="687871" spans="14:14">
      <c r="N687871" s="10"/>
    </row>
    <row r="687872" spans="14:14">
      <c r="N687872" s="10"/>
    </row>
    <row r="687873" spans="14:14">
      <c r="N687873" s="10"/>
    </row>
    <row r="687874" spans="14:14">
      <c r="N687874" s="10"/>
    </row>
    <row r="687875" spans="14:14">
      <c r="N687875" s="10"/>
    </row>
    <row r="687876" spans="14:14">
      <c r="N687876" s="10"/>
    </row>
    <row r="687877" spans="14:14">
      <c r="N687877" s="10"/>
    </row>
    <row r="687878" spans="14:14">
      <c r="N687878" s="10"/>
    </row>
    <row r="687879" spans="14:14">
      <c r="N687879" s="10"/>
    </row>
    <row r="687880" spans="14:14">
      <c r="N687880" s="10"/>
    </row>
    <row r="687881" spans="14:14">
      <c r="N687881" s="10"/>
    </row>
    <row r="687882" spans="14:14">
      <c r="N687882" s="10"/>
    </row>
    <row r="687883" spans="14:14">
      <c r="N687883" s="10"/>
    </row>
    <row r="687884" spans="14:14">
      <c r="N687884" s="10"/>
    </row>
    <row r="687885" spans="14:14">
      <c r="N687885" s="10"/>
    </row>
    <row r="687886" spans="14:14">
      <c r="N687886" s="10"/>
    </row>
    <row r="687887" spans="14:14">
      <c r="N687887" s="10"/>
    </row>
    <row r="687888" spans="14:14">
      <c r="N687888" s="10"/>
    </row>
    <row r="687889" spans="14:14">
      <c r="N687889" s="10"/>
    </row>
    <row r="687890" spans="14:14">
      <c r="N687890" s="10"/>
    </row>
    <row r="687891" spans="14:14">
      <c r="N687891" s="10"/>
    </row>
    <row r="687892" spans="14:14">
      <c r="N687892" s="10"/>
    </row>
    <row r="687893" spans="14:14">
      <c r="N687893" s="10"/>
    </row>
    <row r="687894" spans="14:14">
      <c r="N687894" s="10"/>
    </row>
    <row r="687895" spans="14:14">
      <c r="N687895" s="10"/>
    </row>
    <row r="687896" spans="14:14">
      <c r="N687896" s="10"/>
    </row>
    <row r="687897" spans="14:14">
      <c r="N687897" s="10"/>
    </row>
    <row r="687898" spans="14:14">
      <c r="N687898" s="10"/>
    </row>
    <row r="687899" spans="14:14">
      <c r="N687899" s="10"/>
    </row>
    <row r="687900" spans="14:14">
      <c r="N687900" s="10"/>
    </row>
    <row r="687901" spans="14:14">
      <c r="N687901" s="10"/>
    </row>
    <row r="687902" spans="14:14">
      <c r="N687902" s="10"/>
    </row>
    <row r="687903" spans="14:14">
      <c r="N687903" s="10"/>
    </row>
    <row r="687904" spans="14:14">
      <c r="N687904" s="10"/>
    </row>
    <row r="687905" spans="14:14">
      <c r="N687905" s="10"/>
    </row>
    <row r="687906" spans="14:14">
      <c r="N687906" s="10"/>
    </row>
    <row r="687907" spans="14:14">
      <c r="N687907" s="10"/>
    </row>
    <row r="687908" spans="14:14">
      <c r="N687908" s="10"/>
    </row>
    <row r="687909" spans="14:14">
      <c r="N687909" s="10"/>
    </row>
    <row r="687910" spans="14:14">
      <c r="N687910" s="10"/>
    </row>
    <row r="687911" spans="14:14">
      <c r="N687911" s="10"/>
    </row>
    <row r="687912" spans="14:14">
      <c r="N687912" s="10"/>
    </row>
    <row r="687913" spans="14:14">
      <c r="N687913" s="10"/>
    </row>
    <row r="687914" spans="14:14">
      <c r="N687914" s="10"/>
    </row>
    <row r="687915" spans="14:14">
      <c r="N687915" s="10"/>
    </row>
    <row r="687916" spans="14:14">
      <c r="N687916" s="10"/>
    </row>
    <row r="687917" spans="14:14">
      <c r="N687917" s="10"/>
    </row>
    <row r="687918" spans="14:14">
      <c r="N687918" s="10"/>
    </row>
    <row r="687919" spans="14:14">
      <c r="N687919" s="10"/>
    </row>
    <row r="687920" spans="14:14">
      <c r="N687920" s="10"/>
    </row>
    <row r="687921" spans="14:14">
      <c r="N687921" s="10"/>
    </row>
    <row r="687922" spans="14:14">
      <c r="N687922" s="10"/>
    </row>
    <row r="687923" spans="14:14">
      <c r="N687923" s="10"/>
    </row>
    <row r="687924" spans="14:14">
      <c r="N687924" s="10"/>
    </row>
    <row r="687925" spans="14:14">
      <c r="N687925" s="10"/>
    </row>
    <row r="687926" spans="14:14">
      <c r="N687926" s="10"/>
    </row>
    <row r="687927" spans="14:14">
      <c r="N687927" s="10"/>
    </row>
    <row r="687928" spans="14:14">
      <c r="N687928" s="10"/>
    </row>
    <row r="687929" spans="14:14">
      <c r="N687929" s="10"/>
    </row>
    <row r="687930" spans="14:14">
      <c r="N687930" s="10"/>
    </row>
    <row r="687931" spans="14:14">
      <c r="N687931" s="10"/>
    </row>
    <row r="687932" spans="14:14">
      <c r="N687932" s="10"/>
    </row>
    <row r="687933" spans="14:14">
      <c r="N687933" s="10"/>
    </row>
    <row r="687934" spans="14:14">
      <c r="N687934" s="10"/>
    </row>
    <row r="687935" spans="14:14">
      <c r="N687935" s="10"/>
    </row>
    <row r="687936" spans="14:14">
      <c r="N687936" s="10"/>
    </row>
    <row r="687937" spans="14:14">
      <c r="N687937" s="10"/>
    </row>
    <row r="687938" spans="14:14">
      <c r="N687938" s="10"/>
    </row>
    <row r="687939" spans="14:14">
      <c r="N687939" s="10"/>
    </row>
    <row r="687940" spans="14:14">
      <c r="N687940" s="10"/>
    </row>
    <row r="687941" spans="14:14">
      <c r="N687941" s="10"/>
    </row>
    <row r="687942" spans="14:14">
      <c r="N687942" s="10"/>
    </row>
    <row r="687943" spans="14:14">
      <c r="N687943" s="10"/>
    </row>
    <row r="687944" spans="14:14">
      <c r="N687944" s="10"/>
    </row>
    <row r="687945" spans="14:14">
      <c r="N687945" s="10"/>
    </row>
    <row r="687946" spans="14:14">
      <c r="N687946" s="10"/>
    </row>
    <row r="687947" spans="14:14">
      <c r="N687947" s="10"/>
    </row>
    <row r="687948" spans="14:14">
      <c r="N687948" s="10"/>
    </row>
    <row r="687949" spans="14:14">
      <c r="N687949" s="10"/>
    </row>
    <row r="687950" spans="14:14">
      <c r="N687950" s="10"/>
    </row>
    <row r="687951" spans="14:14">
      <c r="N687951" s="10"/>
    </row>
    <row r="687952" spans="14:14">
      <c r="N687952" s="10"/>
    </row>
    <row r="687953" spans="14:14">
      <c r="N687953" s="10"/>
    </row>
    <row r="687954" spans="14:14">
      <c r="N687954" s="10"/>
    </row>
    <row r="687955" spans="14:14">
      <c r="N687955" s="10"/>
    </row>
    <row r="687956" spans="14:14">
      <c r="N687956" s="10"/>
    </row>
    <row r="687957" spans="14:14">
      <c r="N687957" s="10"/>
    </row>
    <row r="687958" spans="14:14">
      <c r="N687958" s="10"/>
    </row>
    <row r="687959" spans="14:14">
      <c r="N687959" s="10"/>
    </row>
    <row r="687960" spans="14:14">
      <c r="N687960" s="10"/>
    </row>
    <row r="687961" spans="14:14">
      <c r="N687961" s="10"/>
    </row>
    <row r="687962" spans="14:14">
      <c r="N687962" s="10"/>
    </row>
    <row r="687963" spans="14:14">
      <c r="N687963" s="10"/>
    </row>
    <row r="687964" spans="14:14">
      <c r="N687964" s="10"/>
    </row>
    <row r="687965" spans="14:14">
      <c r="N687965" s="10"/>
    </row>
    <row r="687966" spans="14:14">
      <c r="N687966" s="10"/>
    </row>
    <row r="687967" spans="14:14">
      <c r="N687967" s="10"/>
    </row>
    <row r="687968" spans="14:14">
      <c r="N687968" s="10"/>
    </row>
    <row r="687969" spans="14:14">
      <c r="N687969" s="10"/>
    </row>
    <row r="687970" spans="14:14">
      <c r="N687970" s="10"/>
    </row>
    <row r="687971" spans="14:14">
      <c r="N687971" s="10"/>
    </row>
    <row r="687972" spans="14:14">
      <c r="N687972" s="10"/>
    </row>
    <row r="687973" spans="14:14">
      <c r="N687973" s="10"/>
    </row>
    <row r="687974" spans="14:14">
      <c r="N687974" s="10"/>
    </row>
    <row r="687975" spans="14:14">
      <c r="N687975" s="10"/>
    </row>
    <row r="687976" spans="14:14">
      <c r="N687976" s="10"/>
    </row>
    <row r="687977" spans="14:14">
      <c r="N687977" s="10"/>
    </row>
    <row r="687978" spans="14:14">
      <c r="N687978" s="10"/>
    </row>
    <row r="687979" spans="14:14">
      <c r="N687979" s="10"/>
    </row>
    <row r="687980" spans="14:14">
      <c r="N687980" s="10"/>
    </row>
    <row r="687981" spans="14:14">
      <c r="N687981" s="10"/>
    </row>
    <row r="687982" spans="14:14">
      <c r="N687982" s="10"/>
    </row>
    <row r="687983" spans="14:14">
      <c r="N687983" s="10"/>
    </row>
    <row r="687984" spans="14:14">
      <c r="N687984" s="10"/>
    </row>
    <row r="687985" spans="14:14">
      <c r="N687985" s="10"/>
    </row>
    <row r="687986" spans="14:14">
      <c r="N687986" s="10"/>
    </row>
    <row r="687987" spans="14:14">
      <c r="N687987" s="10"/>
    </row>
    <row r="687988" spans="14:14">
      <c r="N687988" s="10"/>
    </row>
    <row r="687989" spans="14:14">
      <c r="N687989" s="10"/>
    </row>
    <row r="687990" spans="14:14">
      <c r="N687990" s="10"/>
    </row>
    <row r="687991" spans="14:14">
      <c r="N687991" s="10"/>
    </row>
    <row r="687992" spans="14:14">
      <c r="N687992" s="10"/>
    </row>
    <row r="687993" spans="14:14">
      <c r="N687993" s="10"/>
    </row>
    <row r="687994" spans="14:14">
      <c r="N687994" s="10"/>
    </row>
    <row r="687995" spans="14:14">
      <c r="N687995" s="10"/>
    </row>
    <row r="687996" spans="14:14">
      <c r="N687996" s="10"/>
    </row>
    <row r="687997" spans="14:14">
      <c r="N687997" s="10"/>
    </row>
    <row r="687998" spans="14:14">
      <c r="N687998" s="10"/>
    </row>
    <row r="687999" spans="14:14">
      <c r="N687999" s="10"/>
    </row>
    <row r="688000" spans="14:14">
      <c r="N688000" s="10"/>
    </row>
    <row r="688001" spans="14:14">
      <c r="N688001" s="10"/>
    </row>
    <row r="688002" spans="14:14">
      <c r="N688002" s="10"/>
    </row>
    <row r="688003" spans="14:14">
      <c r="N688003" s="10"/>
    </row>
    <row r="688004" spans="14:14">
      <c r="N688004" s="10"/>
    </row>
    <row r="688005" spans="14:14">
      <c r="N688005" s="10"/>
    </row>
    <row r="688006" spans="14:14">
      <c r="N688006" s="10"/>
    </row>
    <row r="688007" spans="14:14">
      <c r="N688007" s="10"/>
    </row>
    <row r="688008" spans="14:14">
      <c r="N688008" s="10"/>
    </row>
    <row r="688009" spans="14:14">
      <c r="N688009" s="10"/>
    </row>
    <row r="688010" spans="14:14">
      <c r="N688010" s="10"/>
    </row>
    <row r="688011" spans="14:14">
      <c r="N688011" s="10"/>
    </row>
    <row r="688012" spans="14:14">
      <c r="N688012" s="10"/>
    </row>
    <row r="688013" spans="14:14">
      <c r="N688013" s="10"/>
    </row>
    <row r="688014" spans="14:14">
      <c r="N688014" s="10"/>
    </row>
    <row r="688015" spans="14:14">
      <c r="N688015" s="10"/>
    </row>
    <row r="688016" spans="14:14">
      <c r="N688016" s="10"/>
    </row>
    <row r="688017" spans="14:14">
      <c r="N688017" s="10"/>
    </row>
    <row r="688018" spans="14:14">
      <c r="N688018" s="10"/>
    </row>
    <row r="688019" spans="14:14">
      <c r="N688019" s="10"/>
    </row>
    <row r="688020" spans="14:14">
      <c r="N688020" s="10"/>
    </row>
    <row r="688021" spans="14:14">
      <c r="N688021" s="10"/>
    </row>
    <row r="688022" spans="14:14">
      <c r="N688022" s="10"/>
    </row>
    <row r="688023" spans="14:14">
      <c r="N688023" s="10"/>
    </row>
    <row r="688024" spans="14:14">
      <c r="N688024" s="10"/>
    </row>
    <row r="688025" spans="14:14">
      <c r="N688025" s="10"/>
    </row>
    <row r="688026" spans="14:14">
      <c r="N688026" s="10"/>
    </row>
    <row r="688027" spans="14:14">
      <c r="N688027" s="10"/>
    </row>
    <row r="688028" spans="14:14">
      <c r="N688028" s="10"/>
    </row>
    <row r="688029" spans="14:14">
      <c r="N688029" s="10"/>
    </row>
    <row r="688030" spans="14:14">
      <c r="N688030" s="10"/>
    </row>
    <row r="688031" spans="14:14">
      <c r="N688031" s="10"/>
    </row>
    <row r="688032" spans="14:14">
      <c r="N688032" s="10"/>
    </row>
    <row r="688033" spans="14:14">
      <c r="N688033" s="10"/>
    </row>
    <row r="688034" spans="14:14">
      <c r="N688034" s="10"/>
    </row>
    <row r="688035" spans="14:14">
      <c r="N688035" s="10"/>
    </row>
    <row r="688036" spans="14:14">
      <c r="N688036" s="10"/>
    </row>
    <row r="688037" spans="14:14">
      <c r="N688037" s="10"/>
    </row>
    <row r="688038" spans="14:14">
      <c r="N688038" s="10"/>
    </row>
    <row r="688039" spans="14:14">
      <c r="N688039" s="10"/>
    </row>
    <row r="688040" spans="14:14">
      <c r="N688040" s="10"/>
    </row>
    <row r="688041" spans="14:14">
      <c r="N688041" s="10"/>
    </row>
    <row r="688042" spans="14:14">
      <c r="N688042" s="10"/>
    </row>
    <row r="688043" spans="14:14">
      <c r="N688043" s="10"/>
    </row>
    <row r="688044" spans="14:14">
      <c r="N688044" s="10"/>
    </row>
    <row r="688045" spans="14:14">
      <c r="N688045" s="10"/>
    </row>
    <row r="688046" spans="14:14">
      <c r="N688046" s="10"/>
    </row>
    <row r="688047" spans="14:14">
      <c r="N688047" s="10"/>
    </row>
    <row r="688048" spans="14:14">
      <c r="N688048" s="10"/>
    </row>
    <row r="688049" spans="14:14">
      <c r="N688049" s="10"/>
    </row>
    <row r="688050" spans="14:14">
      <c r="N688050" s="10"/>
    </row>
    <row r="688051" spans="14:14">
      <c r="N688051" s="10"/>
    </row>
    <row r="688052" spans="14:14">
      <c r="N688052" s="10"/>
    </row>
    <row r="688053" spans="14:14">
      <c r="N688053" s="10"/>
    </row>
    <row r="688054" spans="14:14">
      <c r="N688054" s="10"/>
    </row>
    <row r="688055" spans="14:14">
      <c r="N688055" s="10"/>
    </row>
    <row r="688056" spans="14:14">
      <c r="N688056" s="10"/>
    </row>
    <row r="688057" spans="14:14">
      <c r="N688057" s="10"/>
    </row>
    <row r="688058" spans="14:14">
      <c r="N688058" s="10"/>
    </row>
    <row r="688059" spans="14:14">
      <c r="N688059" s="10"/>
    </row>
    <row r="688060" spans="14:14">
      <c r="N688060" s="10"/>
    </row>
    <row r="688061" spans="14:14">
      <c r="N688061" s="10"/>
    </row>
    <row r="688062" spans="14:14">
      <c r="N688062" s="10"/>
    </row>
    <row r="688063" spans="14:14">
      <c r="N688063" s="10"/>
    </row>
    <row r="688064" spans="14:14">
      <c r="N688064" s="10"/>
    </row>
    <row r="688065" spans="14:14">
      <c r="N688065" s="10"/>
    </row>
    <row r="688066" spans="14:14">
      <c r="N688066" s="10"/>
    </row>
    <row r="688067" spans="14:14">
      <c r="N688067" s="10"/>
    </row>
    <row r="688068" spans="14:14">
      <c r="N688068" s="10"/>
    </row>
    <row r="688069" spans="14:14">
      <c r="N688069" s="10"/>
    </row>
    <row r="688070" spans="14:14">
      <c r="N688070" s="10"/>
    </row>
    <row r="688071" spans="14:14">
      <c r="N688071" s="10"/>
    </row>
    <row r="688072" spans="14:14">
      <c r="N688072" s="10"/>
    </row>
    <row r="688073" spans="14:14">
      <c r="N688073" s="10"/>
    </row>
    <row r="688074" spans="14:14">
      <c r="N688074" s="10"/>
    </row>
    <row r="688075" spans="14:14">
      <c r="N688075" s="10"/>
    </row>
    <row r="688076" spans="14:14">
      <c r="N688076" s="10"/>
    </row>
    <row r="688077" spans="14:14">
      <c r="N688077" s="10"/>
    </row>
    <row r="688078" spans="14:14">
      <c r="N688078" s="10"/>
    </row>
    <row r="688079" spans="14:14">
      <c r="N688079" s="10"/>
    </row>
    <row r="688080" spans="14:14">
      <c r="N688080" s="10"/>
    </row>
    <row r="688081" spans="14:14">
      <c r="N688081" s="10"/>
    </row>
    <row r="688082" spans="14:14">
      <c r="N688082" s="10"/>
    </row>
    <row r="688083" spans="14:14">
      <c r="N688083" s="10"/>
    </row>
    <row r="688084" spans="14:14">
      <c r="N688084" s="10"/>
    </row>
    <row r="688085" spans="14:14">
      <c r="N688085" s="10"/>
    </row>
    <row r="688086" spans="14:14">
      <c r="N688086" s="10"/>
    </row>
    <row r="688087" spans="14:14">
      <c r="N688087" s="10"/>
    </row>
    <row r="688088" spans="14:14">
      <c r="N688088" s="10"/>
    </row>
    <row r="688089" spans="14:14">
      <c r="N688089" s="10"/>
    </row>
    <row r="688090" spans="14:14">
      <c r="N688090" s="10"/>
    </row>
    <row r="688091" spans="14:14">
      <c r="N688091" s="10"/>
    </row>
    <row r="688092" spans="14:14">
      <c r="N688092" s="10"/>
    </row>
    <row r="688093" spans="14:14">
      <c r="N688093" s="10"/>
    </row>
    <row r="688094" spans="14:14">
      <c r="N688094" s="10"/>
    </row>
    <row r="688095" spans="14:14">
      <c r="N688095" s="10"/>
    </row>
    <row r="688096" spans="14:14">
      <c r="N688096" s="10"/>
    </row>
    <row r="688097" spans="14:14">
      <c r="N688097" s="10"/>
    </row>
    <row r="688098" spans="14:14">
      <c r="N688098" s="10"/>
    </row>
    <row r="688099" spans="14:14">
      <c r="N688099" s="10"/>
    </row>
    <row r="688100" spans="14:14">
      <c r="N688100" s="10"/>
    </row>
    <row r="688101" spans="14:14">
      <c r="N688101" s="10"/>
    </row>
    <row r="688102" spans="14:14">
      <c r="N688102" s="10"/>
    </row>
    <row r="688103" spans="14:14">
      <c r="N688103" s="10"/>
    </row>
    <row r="688104" spans="14:14">
      <c r="N688104" s="10"/>
    </row>
    <row r="688105" spans="14:14">
      <c r="N688105" s="10"/>
    </row>
    <row r="688106" spans="14:14">
      <c r="N688106" s="10"/>
    </row>
    <row r="688107" spans="14:14">
      <c r="N688107" s="10"/>
    </row>
    <row r="688108" spans="14:14">
      <c r="N688108" s="10"/>
    </row>
    <row r="688109" spans="14:14">
      <c r="N688109" s="10"/>
    </row>
    <row r="688110" spans="14:14">
      <c r="N688110" s="10"/>
    </row>
    <row r="688111" spans="14:14">
      <c r="N688111" s="10"/>
    </row>
    <row r="688112" spans="14:14">
      <c r="N688112" s="10"/>
    </row>
    <row r="688113" spans="14:14">
      <c r="N688113" s="10"/>
    </row>
    <row r="688114" spans="14:14">
      <c r="N688114" s="10"/>
    </row>
    <row r="688115" spans="14:14">
      <c r="N688115" s="10"/>
    </row>
    <row r="688116" spans="14:14">
      <c r="N688116" s="10"/>
    </row>
    <row r="688117" spans="14:14">
      <c r="N688117" s="10"/>
    </row>
    <row r="688118" spans="14:14">
      <c r="N688118" s="10"/>
    </row>
    <row r="688119" spans="14:14">
      <c r="N688119" s="10"/>
    </row>
    <row r="688120" spans="14:14">
      <c r="N688120" s="10"/>
    </row>
    <row r="688121" spans="14:14">
      <c r="N688121" s="10"/>
    </row>
    <row r="688122" spans="14:14">
      <c r="N688122" s="10"/>
    </row>
    <row r="688123" spans="14:14">
      <c r="N688123" s="10"/>
    </row>
    <row r="688124" spans="14:14">
      <c r="N688124" s="10"/>
    </row>
    <row r="688125" spans="14:14">
      <c r="N688125" s="10"/>
    </row>
    <row r="688126" spans="14:14">
      <c r="N688126" s="10"/>
    </row>
    <row r="688127" spans="14:14">
      <c r="N688127" s="10"/>
    </row>
    <row r="688128" spans="14:14">
      <c r="N688128" s="10"/>
    </row>
    <row r="688129" spans="14:14">
      <c r="N688129" s="10"/>
    </row>
    <row r="688130" spans="14:14">
      <c r="N688130" s="10"/>
    </row>
    <row r="688131" spans="14:14">
      <c r="N688131" s="10"/>
    </row>
    <row r="688132" spans="14:14">
      <c r="N688132" s="10"/>
    </row>
    <row r="688133" spans="14:14">
      <c r="N688133" s="10"/>
    </row>
    <row r="688134" spans="14:14">
      <c r="N688134" s="10"/>
    </row>
    <row r="688135" spans="14:14">
      <c r="N688135" s="10"/>
    </row>
    <row r="688136" spans="14:14">
      <c r="N688136" s="10"/>
    </row>
    <row r="688137" spans="14:14">
      <c r="N688137" s="10"/>
    </row>
    <row r="688138" spans="14:14">
      <c r="N688138" s="10"/>
    </row>
    <row r="688139" spans="14:14">
      <c r="N688139" s="10"/>
    </row>
    <row r="688140" spans="14:14">
      <c r="N688140" s="10"/>
    </row>
    <row r="688141" spans="14:14">
      <c r="N688141" s="10"/>
    </row>
    <row r="688142" spans="14:14">
      <c r="N688142" s="10"/>
    </row>
    <row r="688143" spans="14:14">
      <c r="N688143" s="10"/>
    </row>
    <row r="688144" spans="14:14">
      <c r="N688144" s="10"/>
    </row>
    <row r="688145" spans="14:14">
      <c r="N688145" s="10"/>
    </row>
    <row r="688146" spans="14:14">
      <c r="N688146" s="10"/>
    </row>
    <row r="688147" spans="14:14">
      <c r="N688147" s="10"/>
    </row>
    <row r="688148" spans="14:14">
      <c r="N688148" s="10"/>
    </row>
    <row r="688149" spans="14:14">
      <c r="N688149" s="10"/>
    </row>
    <row r="688150" spans="14:14">
      <c r="N688150" s="10"/>
    </row>
    <row r="688151" spans="14:14">
      <c r="N688151" s="10"/>
    </row>
    <row r="688152" spans="14:14">
      <c r="N688152" s="10"/>
    </row>
    <row r="688153" spans="14:14">
      <c r="N688153" s="10"/>
    </row>
    <row r="688154" spans="14:14">
      <c r="N688154" s="10"/>
    </row>
    <row r="688155" spans="14:14">
      <c r="N688155" s="10"/>
    </row>
    <row r="688156" spans="14:14">
      <c r="N688156" s="10"/>
    </row>
    <row r="688157" spans="14:14">
      <c r="N688157" s="10"/>
    </row>
    <row r="688158" spans="14:14">
      <c r="N688158" s="10"/>
    </row>
    <row r="688159" spans="14:14">
      <c r="N688159" s="10"/>
    </row>
    <row r="688160" spans="14:14">
      <c r="N688160" s="10"/>
    </row>
    <row r="688161" spans="14:14">
      <c r="N688161" s="10"/>
    </row>
    <row r="688162" spans="14:14">
      <c r="N688162" s="10"/>
    </row>
    <row r="688163" spans="14:14">
      <c r="N688163" s="10"/>
    </row>
    <row r="688164" spans="14:14">
      <c r="N688164" s="10"/>
    </row>
    <row r="688165" spans="14:14">
      <c r="N688165" s="10"/>
    </row>
    <row r="688166" spans="14:14">
      <c r="N688166" s="10"/>
    </row>
    <row r="688167" spans="14:14">
      <c r="N688167" s="10"/>
    </row>
    <row r="688168" spans="14:14">
      <c r="N688168" s="10"/>
    </row>
    <row r="688169" spans="14:14">
      <c r="N688169" s="10"/>
    </row>
    <row r="688170" spans="14:14">
      <c r="N688170" s="10"/>
    </row>
    <row r="688171" spans="14:14">
      <c r="N688171" s="10"/>
    </row>
    <row r="688172" spans="14:14">
      <c r="N688172" s="10"/>
    </row>
    <row r="688173" spans="14:14">
      <c r="N688173" s="10"/>
    </row>
    <row r="688174" spans="14:14">
      <c r="N688174" s="10"/>
    </row>
    <row r="688175" spans="14:14">
      <c r="N688175" s="10"/>
    </row>
    <row r="688176" spans="14:14">
      <c r="N688176" s="10"/>
    </row>
    <row r="688177" spans="14:14">
      <c r="N688177" s="10"/>
    </row>
    <row r="688178" spans="14:14">
      <c r="N688178" s="10"/>
    </row>
    <row r="688179" spans="14:14">
      <c r="N688179" s="10"/>
    </row>
    <row r="688180" spans="14:14">
      <c r="N688180" s="10"/>
    </row>
    <row r="688181" spans="14:14">
      <c r="N688181" s="10"/>
    </row>
    <row r="688182" spans="14:14">
      <c r="N688182" s="10"/>
    </row>
    <row r="688183" spans="14:14">
      <c r="N688183" s="10"/>
    </row>
    <row r="688184" spans="14:14">
      <c r="N688184" s="10"/>
    </row>
    <row r="688185" spans="14:14">
      <c r="N688185" s="10"/>
    </row>
    <row r="688186" spans="14:14">
      <c r="N688186" s="10"/>
    </row>
    <row r="688187" spans="14:14">
      <c r="N688187" s="10"/>
    </row>
    <row r="688188" spans="14:14">
      <c r="N688188" s="10"/>
    </row>
    <row r="688189" spans="14:14">
      <c r="N688189" s="10"/>
    </row>
    <row r="688190" spans="14:14">
      <c r="N688190" s="10"/>
    </row>
    <row r="688191" spans="14:14">
      <c r="N688191" s="10"/>
    </row>
    <row r="688192" spans="14:14">
      <c r="N688192" s="10"/>
    </row>
    <row r="688193" spans="14:14">
      <c r="N688193" s="10"/>
    </row>
    <row r="688194" spans="14:14">
      <c r="N688194" s="10"/>
    </row>
    <row r="688195" spans="14:14">
      <c r="N688195" s="10"/>
    </row>
    <row r="688196" spans="14:14">
      <c r="N688196" s="10"/>
    </row>
    <row r="688197" spans="14:14">
      <c r="N688197" s="10"/>
    </row>
    <row r="688198" spans="14:14">
      <c r="N688198" s="10"/>
    </row>
    <row r="688199" spans="14:14">
      <c r="N688199" s="10"/>
    </row>
    <row r="688200" spans="14:14">
      <c r="N688200" s="10"/>
    </row>
    <row r="688201" spans="14:14">
      <c r="N688201" s="10"/>
    </row>
    <row r="688202" spans="14:14">
      <c r="N688202" s="10"/>
    </row>
    <row r="688203" spans="14:14">
      <c r="N688203" s="10"/>
    </row>
    <row r="688204" spans="14:14">
      <c r="N688204" s="10"/>
    </row>
    <row r="688205" spans="14:14">
      <c r="N688205" s="10"/>
    </row>
    <row r="688206" spans="14:14">
      <c r="N688206" s="10"/>
    </row>
    <row r="688207" spans="14:14">
      <c r="N688207" s="10"/>
    </row>
    <row r="688208" spans="14:14">
      <c r="N688208" s="10"/>
    </row>
    <row r="688209" spans="14:14">
      <c r="N688209" s="10"/>
    </row>
    <row r="688210" spans="14:14">
      <c r="N688210" s="10"/>
    </row>
    <row r="688211" spans="14:14">
      <c r="N688211" s="10"/>
    </row>
    <row r="688212" spans="14:14">
      <c r="N688212" s="10"/>
    </row>
    <row r="688213" spans="14:14">
      <c r="N688213" s="10"/>
    </row>
    <row r="688214" spans="14:14">
      <c r="N688214" s="10"/>
    </row>
    <row r="688215" spans="14:14">
      <c r="N688215" s="10"/>
    </row>
    <row r="688216" spans="14:14">
      <c r="N688216" s="10"/>
    </row>
    <row r="688217" spans="14:14">
      <c r="N688217" s="10"/>
    </row>
    <row r="688218" spans="14:14">
      <c r="N688218" s="10"/>
    </row>
    <row r="688219" spans="14:14">
      <c r="N688219" s="10"/>
    </row>
    <row r="688220" spans="14:14">
      <c r="N688220" s="10"/>
    </row>
    <row r="688221" spans="14:14">
      <c r="N688221" s="10"/>
    </row>
    <row r="688222" spans="14:14">
      <c r="N688222" s="10"/>
    </row>
    <row r="688223" spans="14:14">
      <c r="N688223" s="10"/>
    </row>
    <row r="688224" spans="14:14">
      <c r="N688224" s="10"/>
    </row>
    <row r="688225" spans="14:14">
      <c r="N688225" s="10"/>
    </row>
    <row r="688226" spans="14:14">
      <c r="N688226" s="10"/>
    </row>
    <row r="688227" spans="14:14">
      <c r="N688227" s="10"/>
    </row>
    <row r="688228" spans="14:14">
      <c r="N688228" s="10"/>
    </row>
    <row r="688229" spans="14:14">
      <c r="N688229" s="10"/>
    </row>
    <row r="688230" spans="14:14">
      <c r="N688230" s="10"/>
    </row>
    <row r="688231" spans="14:14">
      <c r="N688231" s="10"/>
    </row>
    <row r="688232" spans="14:14">
      <c r="N688232" s="10"/>
    </row>
    <row r="688233" spans="14:14">
      <c r="N688233" s="10"/>
    </row>
    <row r="688234" spans="14:14">
      <c r="N688234" s="10"/>
    </row>
    <row r="688235" spans="14:14">
      <c r="N688235" s="10"/>
    </row>
    <row r="688236" spans="14:14">
      <c r="N688236" s="10"/>
    </row>
    <row r="688237" spans="14:14">
      <c r="N688237" s="10"/>
    </row>
    <row r="688238" spans="14:14">
      <c r="N688238" s="10"/>
    </row>
    <row r="688239" spans="14:14">
      <c r="N688239" s="10"/>
    </row>
    <row r="688240" spans="14:14">
      <c r="N688240" s="10"/>
    </row>
    <row r="688241" spans="14:14">
      <c r="N688241" s="10"/>
    </row>
    <row r="688242" spans="14:14">
      <c r="N688242" s="10"/>
    </row>
    <row r="688243" spans="14:14">
      <c r="N688243" s="10"/>
    </row>
    <row r="688244" spans="14:14">
      <c r="N688244" s="10"/>
    </row>
    <row r="688245" spans="14:14">
      <c r="N688245" s="10"/>
    </row>
    <row r="688246" spans="14:14">
      <c r="N688246" s="10"/>
    </row>
    <row r="688247" spans="14:14">
      <c r="N688247" s="10"/>
    </row>
    <row r="688248" spans="14:14">
      <c r="N688248" s="10"/>
    </row>
    <row r="688249" spans="14:14">
      <c r="N688249" s="10"/>
    </row>
    <row r="688250" spans="14:14">
      <c r="N688250" s="10"/>
    </row>
    <row r="688251" spans="14:14">
      <c r="N688251" s="10"/>
    </row>
    <row r="688252" spans="14:14">
      <c r="N688252" s="10"/>
    </row>
    <row r="688253" spans="14:14">
      <c r="N688253" s="10"/>
    </row>
    <row r="688254" spans="14:14">
      <c r="N688254" s="10"/>
    </row>
    <row r="688255" spans="14:14">
      <c r="N688255" s="10"/>
    </row>
    <row r="688256" spans="14:14">
      <c r="N688256" s="10"/>
    </row>
    <row r="688257" spans="14:14">
      <c r="N688257" s="10"/>
    </row>
    <row r="688258" spans="14:14">
      <c r="N688258" s="10"/>
    </row>
    <row r="688259" spans="14:14">
      <c r="N688259" s="10"/>
    </row>
    <row r="688260" spans="14:14">
      <c r="N688260" s="10"/>
    </row>
    <row r="688261" spans="14:14">
      <c r="N688261" s="10"/>
    </row>
    <row r="688262" spans="14:14">
      <c r="N688262" s="10"/>
    </row>
    <row r="688263" spans="14:14">
      <c r="N688263" s="10"/>
    </row>
    <row r="688264" spans="14:14">
      <c r="N688264" s="10"/>
    </row>
    <row r="688265" spans="14:14">
      <c r="N688265" s="10"/>
    </row>
    <row r="688266" spans="14:14">
      <c r="N688266" s="10"/>
    </row>
    <row r="688267" spans="14:14">
      <c r="N688267" s="10"/>
    </row>
    <row r="688268" spans="14:14">
      <c r="N688268" s="10"/>
    </row>
    <row r="688269" spans="14:14">
      <c r="N688269" s="10"/>
    </row>
    <row r="688270" spans="14:14">
      <c r="N688270" s="10"/>
    </row>
    <row r="688271" spans="14:14">
      <c r="N688271" s="10"/>
    </row>
    <row r="688272" spans="14:14">
      <c r="N688272" s="10"/>
    </row>
    <row r="688273" spans="14:14">
      <c r="N688273" s="10"/>
    </row>
    <row r="688274" spans="14:14">
      <c r="N688274" s="10"/>
    </row>
    <row r="688275" spans="14:14">
      <c r="N688275" s="10"/>
    </row>
    <row r="688276" spans="14:14">
      <c r="N688276" s="10"/>
    </row>
    <row r="688277" spans="14:14">
      <c r="N688277" s="10"/>
    </row>
    <row r="688278" spans="14:14">
      <c r="N688278" s="10"/>
    </row>
    <row r="688279" spans="14:14">
      <c r="N688279" s="10"/>
    </row>
    <row r="688280" spans="14:14">
      <c r="N688280" s="10"/>
    </row>
    <row r="688281" spans="14:14">
      <c r="N688281" s="10"/>
    </row>
    <row r="688282" spans="14:14">
      <c r="N688282" s="10"/>
    </row>
    <row r="688283" spans="14:14">
      <c r="N688283" s="10"/>
    </row>
    <row r="688284" spans="14:14">
      <c r="N688284" s="10"/>
    </row>
    <row r="688285" spans="14:14">
      <c r="N688285" s="10"/>
    </row>
    <row r="688286" spans="14:14">
      <c r="N688286" s="10"/>
    </row>
    <row r="688287" spans="14:14">
      <c r="N688287" s="10"/>
    </row>
    <row r="688288" spans="14:14">
      <c r="N688288" s="10"/>
    </row>
    <row r="688289" spans="14:14">
      <c r="N688289" s="10"/>
    </row>
    <row r="688290" spans="14:14">
      <c r="N688290" s="10"/>
    </row>
    <row r="688291" spans="14:14">
      <c r="N688291" s="10"/>
    </row>
    <row r="688292" spans="14:14">
      <c r="N688292" s="10"/>
    </row>
    <row r="688293" spans="14:14">
      <c r="N688293" s="10"/>
    </row>
    <row r="688294" spans="14:14">
      <c r="N688294" s="10"/>
    </row>
    <row r="688295" spans="14:14">
      <c r="N688295" s="10"/>
    </row>
    <row r="688296" spans="14:14">
      <c r="N688296" s="10"/>
    </row>
    <row r="688297" spans="14:14">
      <c r="N688297" s="10"/>
    </row>
    <row r="688298" spans="14:14">
      <c r="N688298" s="10"/>
    </row>
    <row r="688299" spans="14:14">
      <c r="N688299" s="10"/>
    </row>
    <row r="688300" spans="14:14">
      <c r="N688300" s="10"/>
    </row>
    <row r="688301" spans="14:14">
      <c r="N688301" s="10"/>
    </row>
    <row r="688302" spans="14:14">
      <c r="N688302" s="10"/>
    </row>
    <row r="688303" spans="14:14">
      <c r="N688303" s="10"/>
    </row>
    <row r="688304" spans="14:14">
      <c r="N688304" s="10"/>
    </row>
    <row r="688305" spans="14:14">
      <c r="N688305" s="10"/>
    </row>
    <row r="688306" spans="14:14">
      <c r="N688306" s="10"/>
    </row>
    <row r="688307" spans="14:14">
      <c r="N688307" s="10"/>
    </row>
    <row r="688308" spans="14:14">
      <c r="N688308" s="10"/>
    </row>
    <row r="688309" spans="14:14">
      <c r="N688309" s="10"/>
    </row>
    <row r="688310" spans="14:14">
      <c r="N688310" s="10"/>
    </row>
    <row r="688311" spans="14:14">
      <c r="N688311" s="10"/>
    </row>
    <row r="688312" spans="14:14">
      <c r="N688312" s="10"/>
    </row>
    <row r="688313" spans="14:14">
      <c r="N688313" s="10"/>
    </row>
    <row r="688314" spans="14:14">
      <c r="N688314" s="10"/>
    </row>
    <row r="688315" spans="14:14">
      <c r="N688315" s="10"/>
    </row>
    <row r="688316" spans="14:14">
      <c r="N688316" s="10"/>
    </row>
    <row r="688317" spans="14:14">
      <c r="N688317" s="10"/>
    </row>
    <row r="688318" spans="14:14">
      <c r="N688318" s="10"/>
    </row>
    <row r="688319" spans="14:14">
      <c r="N688319" s="10"/>
    </row>
    <row r="688320" spans="14:14">
      <c r="N688320" s="10"/>
    </row>
    <row r="688321" spans="14:14">
      <c r="N688321" s="10"/>
    </row>
    <row r="688322" spans="14:14">
      <c r="N688322" s="10"/>
    </row>
    <row r="688323" spans="14:14">
      <c r="N688323" s="10"/>
    </row>
    <row r="688324" spans="14:14">
      <c r="N688324" s="10"/>
    </row>
    <row r="688325" spans="14:14">
      <c r="N688325" s="10"/>
    </row>
    <row r="688326" spans="14:14">
      <c r="N688326" s="10"/>
    </row>
    <row r="688327" spans="14:14">
      <c r="N688327" s="10"/>
    </row>
    <row r="688328" spans="14:14">
      <c r="N688328" s="10"/>
    </row>
    <row r="688329" spans="14:14">
      <c r="N688329" s="10"/>
    </row>
    <row r="688330" spans="14:14">
      <c r="N688330" s="10"/>
    </row>
    <row r="688331" spans="14:14">
      <c r="N688331" s="10"/>
    </row>
    <row r="688332" spans="14:14">
      <c r="N688332" s="10"/>
    </row>
    <row r="688333" spans="14:14">
      <c r="N688333" s="10"/>
    </row>
    <row r="688334" spans="14:14">
      <c r="N688334" s="10"/>
    </row>
    <row r="688335" spans="14:14">
      <c r="N688335" s="10"/>
    </row>
    <row r="688336" spans="14:14">
      <c r="N688336" s="10"/>
    </row>
    <row r="688337" spans="14:14">
      <c r="N688337" s="10"/>
    </row>
    <row r="688338" spans="14:14">
      <c r="N688338" s="10"/>
    </row>
    <row r="688339" spans="14:14">
      <c r="N688339" s="10"/>
    </row>
    <row r="688340" spans="14:14">
      <c r="N688340" s="10"/>
    </row>
    <row r="688341" spans="14:14">
      <c r="N688341" s="10"/>
    </row>
    <row r="688342" spans="14:14">
      <c r="N688342" s="10"/>
    </row>
    <row r="688343" spans="14:14">
      <c r="N688343" s="10"/>
    </row>
    <row r="688344" spans="14:14">
      <c r="N688344" s="10"/>
    </row>
    <row r="688345" spans="14:14">
      <c r="N688345" s="10"/>
    </row>
    <row r="688346" spans="14:14">
      <c r="N688346" s="10"/>
    </row>
    <row r="688347" spans="14:14">
      <c r="N688347" s="10"/>
    </row>
    <row r="688348" spans="14:14">
      <c r="N688348" s="10"/>
    </row>
    <row r="688349" spans="14:14">
      <c r="N688349" s="10"/>
    </row>
    <row r="688350" spans="14:14">
      <c r="N688350" s="10"/>
    </row>
    <row r="688351" spans="14:14">
      <c r="N688351" s="10"/>
    </row>
    <row r="688352" spans="14:14">
      <c r="N688352" s="10"/>
    </row>
    <row r="688353" spans="14:14">
      <c r="N688353" s="10"/>
    </row>
    <row r="688354" spans="14:14">
      <c r="N688354" s="10"/>
    </row>
    <row r="688355" spans="14:14">
      <c r="N688355" s="10"/>
    </row>
    <row r="688356" spans="14:14">
      <c r="N688356" s="10"/>
    </row>
    <row r="688357" spans="14:14">
      <c r="N688357" s="10"/>
    </row>
    <row r="688358" spans="14:14">
      <c r="N688358" s="10"/>
    </row>
    <row r="688359" spans="14:14">
      <c r="N688359" s="10"/>
    </row>
    <row r="688360" spans="14:14">
      <c r="N688360" s="10"/>
    </row>
    <row r="688361" spans="14:14">
      <c r="N688361" s="10"/>
    </row>
    <row r="688362" spans="14:14">
      <c r="N688362" s="10"/>
    </row>
    <row r="688363" spans="14:14">
      <c r="N688363" s="10"/>
    </row>
    <row r="688364" spans="14:14">
      <c r="N688364" s="10"/>
    </row>
    <row r="688365" spans="14:14">
      <c r="N688365" s="10"/>
    </row>
    <row r="688366" spans="14:14">
      <c r="N688366" s="10"/>
    </row>
    <row r="688367" spans="14:14">
      <c r="N688367" s="10"/>
    </row>
    <row r="688368" spans="14:14">
      <c r="N688368" s="10"/>
    </row>
    <row r="688369" spans="14:14">
      <c r="N688369" s="10"/>
    </row>
    <row r="688370" spans="14:14">
      <c r="N688370" s="10"/>
    </row>
    <row r="688371" spans="14:14">
      <c r="N688371" s="10"/>
    </row>
    <row r="688372" spans="14:14">
      <c r="N688372" s="10"/>
    </row>
    <row r="688373" spans="14:14">
      <c r="N688373" s="10"/>
    </row>
    <row r="688374" spans="14:14">
      <c r="N688374" s="10"/>
    </row>
    <row r="688375" spans="14:14">
      <c r="N688375" s="10"/>
    </row>
    <row r="688376" spans="14:14">
      <c r="N688376" s="10"/>
    </row>
    <row r="688377" spans="14:14">
      <c r="N688377" s="10"/>
    </row>
    <row r="688378" spans="14:14">
      <c r="N688378" s="10"/>
    </row>
    <row r="688379" spans="14:14">
      <c r="N688379" s="10"/>
    </row>
    <row r="688380" spans="14:14">
      <c r="N688380" s="10"/>
    </row>
    <row r="688381" spans="14:14">
      <c r="N688381" s="10"/>
    </row>
    <row r="688382" spans="14:14">
      <c r="N688382" s="10"/>
    </row>
    <row r="688383" spans="14:14">
      <c r="N688383" s="10"/>
    </row>
    <row r="688384" spans="14:14">
      <c r="N688384" s="10"/>
    </row>
    <row r="688385" spans="14:14">
      <c r="N688385" s="10"/>
    </row>
    <row r="688386" spans="14:14">
      <c r="N688386" s="10"/>
    </row>
    <row r="688387" spans="14:14">
      <c r="N688387" s="10"/>
    </row>
    <row r="688388" spans="14:14">
      <c r="N688388" s="10"/>
    </row>
    <row r="688389" spans="14:14">
      <c r="N688389" s="10"/>
    </row>
    <row r="688390" spans="14:14">
      <c r="N688390" s="10"/>
    </row>
    <row r="688391" spans="14:14">
      <c r="N688391" s="10"/>
    </row>
    <row r="688392" spans="14:14">
      <c r="N688392" s="10"/>
    </row>
    <row r="688393" spans="14:14">
      <c r="N688393" s="10"/>
    </row>
    <row r="688394" spans="14:14">
      <c r="N688394" s="10"/>
    </row>
    <row r="688395" spans="14:14">
      <c r="N688395" s="10"/>
    </row>
    <row r="688396" spans="14:14">
      <c r="N688396" s="10"/>
    </row>
    <row r="688397" spans="14:14">
      <c r="N688397" s="10"/>
    </row>
    <row r="688398" spans="14:14">
      <c r="N688398" s="10"/>
    </row>
    <row r="688399" spans="14:14">
      <c r="N688399" s="10"/>
    </row>
    <row r="688400" spans="14:14">
      <c r="N688400" s="10"/>
    </row>
    <row r="688401" spans="14:14">
      <c r="N688401" s="10"/>
    </row>
    <row r="688402" spans="14:14">
      <c r="N688402" s="10"/>
    </row>
    <row r="688403" spans="14:14">
      <c r="N688403" s="10"/>
    </row>
    <row r="688404" spans="14:14">
      <c r="N688404" s="10"/>
    </row>
    <row r="688405" spans="14:14">
      <c r="N688405" s="10"/>
    </row>
    <row r="688406" spans="14:14">
      <c r="N688406" s="10"/>
    </row>
    <row r="688407" spans="14:14">
      <c r="N688407" s="10"/>
    </row>
    <row r="688408" spans="14:14">
      <c r="N688408" s="10"/>
    </row>
    <row r="688409" spans="14:14">
      <c r="N688409" s="10"/>
    </row>
    <row r="688410" spans="14:14">
      <c r="N688410" s="10"/>
    </row>
    <row r="688411" spans="14:14">
      <c r="N688411" s="10"/>
    </row>
    <row r="688412" spans="14:14">
      <c r="N688412" s="10"/>
    </row>
    <row r="688413" spans="14:14">
      <c r="N688413" s="10"/>
    </row>
    <row r="688414" spans="14:14">
      <c r="N688414" s="10"/>
    </row>
    <row r="688415" spans="14:14">
      <c r="N688415" s="10"/>
    </row>
    <row r="688416" spans="14:14">
      <c r="N688416" s="10"/>
    </row>
    <row r="688417" spans="14:14">
      <c r="N688417" s="10"/>
    </row>
    <row r="688418" spans="14:14">
      <c r="N688418" s="10"/>
    </row>
    <row r="688419" spans="14:14">
      <c r="N688419" s="10"/>
    </row>
    <row r="688420" spans="14:14">
      <c r="N688420" s="10"/>
    </row>
    <row r="688421" spans="14:14">
      <c r="N688421" s="10"/>
    </row>
    <row r="688422" spans="14:14">
      <c r="N688422" s="10"/>
    </row>
    <row r="688423" spans="14:14">
      <c r="N688423" s="10"/>
    </row>
    <row r="688424" spans="14:14">
      <c r="N688424" s="10"/>
    </row>
    <row r="688425" spans="14:14">
      <c r="N688425" s="10"/>
    </row>
    <row r="688426" spans="14:14">
      <c r="N688426" s="10"/>
    </row>
    <row r="688427" spans="14:14">
      <c r="N688427" s="10"/>
    </row>
    <row r="688428" spans="14:14">
      <c r="N688428" s="10"/>
    </row>
    <row r="688429" spans="14:14">
      <c r="N688429" s="10"/>
    </row>
    <row r="688430" spans="14:14">
      <c r="N688430" s="10"/>
    </row>
    <row r="688431" spans="14:14">
      <c r="N688431" s="10"/>
    </row>
    <row r="688432" spans="14:14">
      <c r="N688432" s="10"/>
    </row>
    <row r="688433" spans="14:14">
      <c r="N688433" s="10"/>
    </row>
    <row r="688434" spans="14:14">
      <c r="N688434" s="10"/>
    </row>
    <row r="688435" spans="14:14">
      <c r="N688435" s="10"/>
    </row>
    <row r="688436" spans="14:14">
      <c r="N688436" s="10"/>
    </row>
    <row r="688437" spans="14:14">
      <c r="N688437" s="10"/>
    </row>
    <row r="688438" spans="14:14">
      <c r="N688438" s="10"/>
    </row>
    <row r="688439" spans="14:14">
      <c r="N688439" s="10"/>
    </row>
    <row r="688440" spans="14:14">
      <c r="N688440" s="10"/>
    </row>
    <row r="688441" spans="14:14">
      <c r="N688441" s="10"/>
    </row>
    <row r="688442" spans="14:14">
      <c r="N688442" s="10"/>
    </row>
    <row r="688443" spans="14:14">
      <c r="N688443" s="10"/>
    </row>
    <row r="688444" spans="14:14">
      <c r="N688444" s="10"/>
    </row>
    <row r="688445" spans="14:14">
      <c r="N688445" s="10"/>
    </row>
    <row r="688446" spans="14:14">
      <c r="N688446" s="10"/>
    </row>
    <row r="688447" spans="14:14">
      <c r="N688447" s="10"/>
    </row>
    <row r="688448" spans="14:14">
      <c r="N688448" s="10"/>
    </row>
    <row r="688449" spans="14:14">
      <c r="N688449" s="10"/>
    </row>
    <row r="688450" spans="14:14">
      <c r="N688450" s="10"/>
    </row>
    <row r="688451" spans="14:14">
      <c r="N688451" s="10"/>
    </row>
    <row r="688452" spans="14:14">
      <c r="N688452" s="10"/>
    </row>
    <row r="688453" spans="14:14">
      <c r="N688453" s="10"/>
    </row>
    <row r="688454" spans="14:14">
      <c r="N688454" s="10"/>
    </row>
    <row r="688455" spans="14:14">
      <c r="N688455" s="10"/>
    </row>
    <row r="688456" spans="14:14">
      <c r="N688456" s="10"/>
    </row>
    <row r="688457" spans="14:14">
      <c r="N688457" s="10"/>
    </row>
    <row r="688458" spans="14:14">
      <c r="N688458" s="10"/>
    </row>
    <row r="688459" spans="14:14">
      <c r="N688459" s="10"/>
    </row>
    <row r="688460" spans="14:14">
      <c r="N688460" s="10"/>
    </row>
    <row r="688461" spans="14:14">
      <c r="N688461" s="10"/>
    </row>
    <row r="688462" spans="14:14">
      <c r="N688462" s="10"/>
    </row>
    <row r="688463" spans="14:14">
      <c r="N688463" s="10"/>
    </row>
    <row r="688464" spans="14:14">
      <c r="N688464" s="10"/>
    </row>
    <row r="688465" spans="14:14">
      <c r="N688465" s="10"/>
    </row>
    <row r="688466" spans="14:14">
      <c r="N688466" s="10"/>
    </row>
    <row r="688467" spans="14:14">
      <c r="N688467" s="10"/>
    </row>
    <row r="688468" spans="14:14">
      <c r="N688468" s="10"/>
    </row>
    <row r="688469" spans="14:14">
      <c r="N688469" s="10"/>
    </row>
    <row r="688470" spans="14:14">
      <c r="N688470" s="10"/>
    </row>
    <row r="688471" spans="14:14">
      <c r="N688471" s="10"/>
    </row>
    <row r="688472" spans="14:14">
      <c r="N688472" s="10"/>
    </row>
    <row r="688473" spans="14:14">
      <c r="N688473" s="10"/>
    </row>
    <row r="688474" spans="14:14">
      <c r="N688474" s="10"/>
    </row>
    <row r="688475" spans="14:14">
      <c r="N688475" s="10"/>
    </row>
    <row r="688476" spans="14:14">
      <c r="N688476" s="10"/>
    </row>
    <row r="688477" spans="14:14">
      <c r="N688477" s="10"/>
    </row>
    <row r="688478" spans="14:14">
      <c r="N688478" s="10"/>
    </row>
    <row r="688479" spans="14:14">
      <c r="N688479" s="10"/>
    </row>
    <row r="688480" spans="14:14">
      <c r="N688480" s="10"/>
    </row>
    <row r="688481" spans="14:14">
      <c r="N688481" s="10"/>
    </row>
    <row r="688482" spans="14:14">
      <c r="N688482" s="10"/>
    </row>
    <row r="688483" spans="14:14">
      <c r="N688483" s="10"/>
    </row>
    <row r="688484" spans="14:14">
      <c r="N688484" s="10"/>
    </row>
    <row r="688485" spans="14:14">
      <c r="N688485" s="10"/>
    </row>
    <row r="688486" spans="14:14">
      <c r="N688486" s="10"/>
    </row>
    <row r="688487" spans="14:14">
      <c r="N688487" s="10"/>
    </row>
    <row r="688488" spans="14:14">
      <c r="N688488" s="10"/>
    </row>
    <row r="688489" spans="14:14">
      <c r="N688489" s="10"/>
    </row>
    <row r="688490" spans="14:14">
      <c r="N688490" s="10"/>
    </row>
    <row r="688491" spans="14:14">
      <c r="N688491" s="10"/>
    </row>
    <row r="688492" spans="14:14">
      <c r="N688492" s="10"/>
    </row>
    <row r="688493" spans="14:14">
      <c r="N688493" s="10"/>
    </row>
    <row r="688494" spans="14:14">
      <c r="N688494" s="10"/>
    </row>
    <row r="688495" spans="14:14">
      <c r="N688495" s="10"/>
    </row>
    <row r="688496" spans="14:14">
      <c r="N688496" s="10"/>
    </row>
    <row r="688497" spans="14:14">
      <c r="N688497" s="10"/>
    </row>
    <row r="688498" spans="14:14">
      <c r="N688498" s="10"/>
    </row>
    <row r="688499" spans="14:14">
      <c r="N688499" s="10"/>
    </row>
    <row r="688500" spans="14:14">
      <c r="N688500" s="10"/>
    </row>
    <row r="688501" spans="14:14">
      <c r="N688501" s="10"/>
    </row>
    <row r="688502" spans="14:14">
      <c r="N688502" s="10"/>
    </row>
    <row r="688503" spans="14:14">
      <c r="N688503" s="10"/>
    </row>
    <row r="688504" spans="14:14">
      <c r="N688504" s="10"/>
    </row>
    <row r="688505" spans="14:14">
      <c r="N688505" s="10"/>
    </row>
    <row r="688506" spans="14:14">
      <c r="N688506" s="10"/>
    </row>
    <row r="688507" spans="14:14">
      <c r="N688507" s="10"/>
    </row>
    <row r="688508" spans="14:14">
      <c r="N688508" s="10"/>
    </row>
    <row r="688509" spans="14:14">
      <c r="N688509" s="10"/>
    </row>
    <row r="688510" spans="14:14">
      <c r="N688510" s="10"/>
    </row>
    <row r="688511" spans="14:14">
      <c r="N688511" s="10"/>
    </row>
    <row r="688512" spans="14:14">
      <c r="N688512" s="10"/>
    </row>
    <row r="688513" spans="14:14">
      <c r="N688513" s="10"/>
    </row>
    <row r="688514" spans="14:14">
      <c r="N688514" s="10"/>
    </row>
    <row r="688515" spans="14:14">
      <c r="N688515" s="10"/>
    </row>
    <row r="688516" spans="14:14">
      <c r="N688516" s="10"/>
    </row>
    <row r="688517" spans="14:14">
      <c r="N688517" s="10"/>
    </row>
    <row r="688518" spans="14:14">
      <c r="N688518" s="10"/>
    </row>
    <row r="688519" spans="14:14">
      <c r="N688519" s="10"/>
    </row>
    <row r="688520" spans="14:14">
      <c r="N688520" s="10"/>
    </row>
    <row r="688521" spans="14:14">
      <c r="N688521" s="10"/>
    </row>
    <row r="688522" spans="14:14">
      <c r="N688522" s="10"/>
    </row>
    <row r="688523" spans="14:14">
      <c r="N688523" s="10"/>
    </row>
    <row r="688524" spans="14:14">
      <c r="N688524" s="10"/>
    </row>
    <row r="688525" spans="14:14">
      <c r="N688525" s="10"/>
    </row>
    <row r="688526" spans="14:14">
      <c r="N688526" s="10"/>
    </row>
    <row r="688527" spans="14:14">
      <c r="N688527" s="10"/>
    </row>
    <row r="688528" spans="14:14">
      <c r="N688528" s="10"/>
    </row>
    <row r="688529" spans="14:14">
      <c r="N688529" s="10"/>
    </row>
    <row r="688530" spans="14:14">
      <c r="N688530" s="10"/>
    </row>
    <row r="688531" spans="14:14">
      <c r="N688531" s="10"/>
    </row>
    <row r="688532" spans="14:14">
      <c r="N688532" s="10"/>
    </row>
    <row r="688533" spans="14:14">
      <c r="N688533" s="10"/>
    </row>
    <row r="688534" spans="14:14">
      <c r="N688534" s="10"/>
    </row>
    <row r="688535" spans="14:14">
      <c r="N688535" s="10"/>
    </row>
    <row r="688536" spans="14:14">
      <c r="N688536" s="10"/>
    </row>
    <row r="688537" spans="14:14">
      <c r="N688537" s="10"/>
    </row>
    <row r="688538" spans="14:14">
      <c r="N688538" s="10"/>
    </row>
    <row r="688539" spans="14:14">
      <c r="N688539" s="10"/>
    </row>
    <row r="688540" spans="14:14">
      <c r="N688540" s="10"/>
    </row>
    <row r="688541" spans="14:14">
      <c r="N688541" s="10"/>
    </row>
    <row r="688542" spans="14:14">
      <c r="N688542" s="10"/>
    </row>
    <row r="688543" spans="14:14">
      <c r="N688543" s="10"/>
    </row>
    <row r="688544" spans="14:14">
      <c r="N688544" s="10"/>
    </row>
    <row r="688545" spans="14:14">
      <c r="N688545" s="10"/>
    </row>
    <row r="688546" spans="14:14">
      <c r="N688546" s="10"/>
    </row>
    <row r="688547" spans="14:14">
      <c r="N688547" s="10"/>
    </row>
    <row r="688548" spans="14:14">
      <c r="N688548" s="10"/>
    </row>
    <row r="688549" spans="14:14">
      <c r="N688549" s="10"/>
    </row>
    <row r="688550" spans="14:14">
      <c r="N688550" s="10"/>
    </row>
    <row r="688551" spans="14:14">
      <c r="N688551" s="10"/>
    </row>
    <row r="688552" spans="14:14">
      <c r="N688552" s="10"/>
    </row>
    <row r="688553" spans="14:14">
      <c r="N688553" s="10"/>
    </row>
    <row r="688554" spans="14:14">
      <c r="N688554" s="10"/>
    </row>
    <row r="688555" spans="14:14">
      <c r="N688555" s="10"/>
    </row>
    <row r="688556" spans="14:14">
      <c r="N688556" s="10"/>
    </row>
    <row r="688557" spans="14:14">
      <c r="N688557" s="10"/>
    </row>
    <row r="688558" spans="14:14">
      <c r="N688558" s="10"/>
    </row>
    <row r="688559" spans="14:14">
      <c r="N688559" s="10"/>
    </row>
    <row r="688560" spans="14:14">
      <c r="N688560" s="10"/>
    </row>
    <row r="688561" spans="14:14">
      <c r="N688561" s="10"/>
    </row>
    <row r="688562" spans="14:14">
      <c r="N688562" s="10"/>
    </row>
    <row r="688563" spans="14:14">
      <c r="N688563" s="10"/>
    </row>
    <row r="688564" spans="14:14">
      <c r="N688564" s="10"/>
    </row>
    <row r="688565" spans="14:14">
      <c r="N688565" s="10"/>
    </row>
    <row r="688566" spans="14:14">
      <c r="N688566" s="10"/>
    </row>
    <row r="688567" spans="14:14">
      <c r="N688567" s="10"/>
    </row>
    <row r="688568" spans="14:14">
      <c r="N688568" s="10"/>
    </row>
    <row r="688569" spans="14:14">
      <c r="N688569" s="10"/>
    </row>
    <row r="688570" spans="14:14">
      <c r="N688570" s="10"/>
    </row>
    <row r="688571" spans="14:14">
      <c r="N688571" s="10"/>
    </row>
    <row r="688572" spans="14:14">
      <c r="N688572" s="10"/>
    </row>
    <row r="688573" spans="14:14">
      <c r="N688573" s="10"/>
    </row>
    <row r="688574" spans="14:14">
      <c r="N688574" s="10"/>
    </row>
    <row r="688575" spans="14:14">
      <c r="N688575" s="10"/>
    </row>
    <row r="688576" spans="14:14">
      <c r="N688576" s="10"/>
    </row>
    <row r="688577" spans="14:14">
      <c r="N688577" s="10"/>
    </row>
    <row r="688578" spans="14:14">
      <c r="N688578" s="10"/>
    </row>
    <row r="688579" spans="14:14">
      <c r="N688579" s="10"/>
    </row>
    <row r="688580" spans="14:14">
      <c r="N688580" s="10"/>
    </row>
    <row r="688581" spans="14:14">
      <c r="N688581" s="10"/>
    </row>
    <row r="688582" spans="14:14">
      <c r="N688582" s="10"/>
    </row>
    <row r="688583" spans="14:14">
      <c r="N688583" s="10"/>
    </row>
    <row r="688584" spans="14:14">
      <c r="N688584" s="10"/>
    </row>
    <row r="688585" spans="14:14">
      <c r="N688585" s="10"/>
    </row>
    <row r="688586" spans="14:14">
      <c r="N688586" s="10"/>
    </row>
    <row r="688587" spans="14:14">
      <c r="N688587" s="10"/>
    </row>
    <row r="688588" spans="14:14">
      <c r="N688588" s="10"/>
    </row>
    <row r="688589" spans="14:14">
      <c r="N688589" s="10"/>
    </row>
    <row r="688590" spans="14:14">
      <c r="N688590" s="10"/>
    </row>
    <row r="688591" spans="14:14">
      <c r="N688591" s="10"/>
    </row>
    <row r="688592" spans="14:14">
      <c r="N688592" s="10"/>
    </row>
    <row r="688593" spans="14:14">
      <c r="N688593" s="10"/>
    </row>
    <row r="688594" spans="14:14">
      <c r="N688594" s="10"/>
    </row>
    <row r="688595" spans="14:14">
      <c r="N688595" s="10"/>
    </row>
    <row r="688596" spans="14:14">
      <c r="N688596" s="10"/>
    </row>
    <row r="688597" spans="14:14">
      <c r="N688597" s="10"/>
    </row>
    <row r="688598" spans="14:14">
      <c r="N688598" s="10"/>
    </row>
    <row r="688599" spans="14:14">
      <c r="N688599" s="10"/>
    </row>
    <row r="688600" spans="14:14">
      <c r="N688600" s="10"/>
    </row>
    <row r="688601" spans="14:14">
      <c r="N688601" s="10"/>
    </row>
    <row r="688602" spans="14:14">
      <c r="N688602" s="10"/>
    </row>
    <row r="688603" spans="14:14">
      <c r="N688603" s="10"/>
    </row>
    <row r="688604" spans="14:14">
      <c r="N688604" s="10"/>
    </row>
    <row r="688605" spans="14:14">
      <c r="N688605" s="10"/>
    </row>
    <row r="688606" spans="14:14">
      <c r="N688606" s="10"/>
    </row>
    <row r="688607" spans="14:14">
      <c r="N688607" s="10"/>
    </row>
    <row r="688608" spans="14:14">
      <c r="N688608" s="10"/>
    </row>
    <row r="688609" spans="14:14">
      <c r="N688609" s="10"/>
    </row>
    <row r="688610" spans="14:14">
      <c r="N688610" s="10"/>
    </row>
    <row r="688611" spans="14:14">
      <c r="N688611" s="10"/>
    </row>
    <row r="688612" spans="14:14">
      <c r="N688612" s="10"/>
    </row>
    <row r="688613" spans="14:14">
      <c r="N688613" s="10"/>
    </row>
    <row r="688614" spans="14:14">
      <c r="N688614" s="10"/>
    </row>
    <row r="688615" spans="14:14">
      <c r="N688615" s="10"/>
    </row>
    <row r="688616" spans="14:14">
      <c r="N688616" s="10"/>
    </row>
    <row r="688617" spans="14:14">
      <c r="N688617" s="10"/>
    </row>
    <row r="688618" spans="14:14">
      <c r="N688618" s="10"/>
    </row>
    <row r="688619" spans="14:14">
      <c r="N688619" s="10"/>
    </row>
    <row r="688620" spans="14:14">
      <c r="N688620" s="10"/>
    </row>
    <row r="688621" spans="14:14">
      <c r="N688621" s="10"/>
    </row>
    <row r="688622" spans="14:14">
      <c r="N688622" s="10"/>
    </row>
    <row r="688623" spans="14:14">
      <c r="N688623" s="10"/>
    </row>
    <row r="688624" spans="14:14">
      <c r="N688624" s="10"/>
    </row>
    <row r="688625" spans="14:14">
      <c r="N688625" s="10"/>
    </row>
    <row r="688626" spans="14:14">
      <c r="N688626" s="10"/>
    </row>
    <row r="688627" spans="14:14">
      <c r="N688627" s="10"/>
    </row>
    <row r="688628" spans="14:14">
      <c r="N688628" s="10"/>
    </row>
    <row r="688629" spans="14:14">
      <c r="N688629" s="10"/>
    </row>
    <row r="688630" spans="14:14">
      <c r="N688630" s="10"/>
    </row>
    <row r="688631" spans="14:14">
      <c r="N688631" s="10"/>
    </row>
    <row r="688632" spans="14:14">
      <c r="N688632" s="10"/>
    </row>
    <row r="688633" spans="14:14">
      <c r="N688633" s="10"/>
    </row>
    <row r="688634" spans="14:14">
      <c r="N688634" s="10"/>
    </row>
    <row r="688635" spans="14:14">
      <c r="N688635" s="10"/>
    </row>
    <row r="688636" spans="14:14">
      <c r="N688636" s="10"/>
    </row>
    <row r="688637" spans="14:14">
      <c r="N688637" s="10"/>
    </row>
    <row r="688638" spans="14:14">
      <c r="N688638" s="10"/>
    </row>
    <row r="688639" spans="14:14">
      <c r="N688639" s="10"/>
    </row>
    <row r="688640" spans="14:14">
      <c r="N688640" s="10"/>
    </row>
    <row r="688641" spans="14:14">
      <c r="N688641" s="10"/>
    </row>
    <row r="688642" spans="14:14">
      <c r="N688642" s="10"/>
    </row>
    <row r="688643" spans="14:14">
      <c r="N688643" s="10"/>
    </row>
    <row r="688644" spans="14:14">
      <c r="N688644" s="10"/>
    </row>
    <row r="688645" spans="14:14">
      <c r="N688645" s="10"/>
    </row>
    <row r="688646" spans="14:14">
      <c r="N688646" s="10"/>
    </row>
    <row r="688647" spans="14:14">
      <c r="N688647" s="10"/>
    </row>
    <row r="688648" spans="14:14">
      <c r="N688648" s="10"/>
    </row>
    <row r="688649" spans="14:14">
      <c r="N688649" s="10"/>
    </row>
    <row r="688650" spans="14:14">
      <c r="N688650" s="10"/>
    </row>
    <row r="688651" spans="14:14">
      <c r="N688651" s="10"/>
    </row>
    <row r="688652" spans="14:14">
      <c r="N688652" s="10"/>
    </row>
    <row r="688653" spans="14:14">
      <c r="N688653" s="10"/>
    </row>
    <row r="688654" spans="14:14">
      <c r="N688654" s="10"/>
    </row>
    <row r="688655" spans="14:14">
      <c r="N688655" s="10"/>
    </row>
    <row r="688656" spans="14:14">
      <c r="N688656" s="10"/>
    </row>
    <row r="688657" spans="14:14">
      <c r="N688657" s="10"/>
    </row>
    <row r="688658" spans="14:14">
      <c r="N688658" s="10"/>
    </row>
    <row r="688659" spans="14:14">
      <c r="N688659" s="10"/>
    </row>
    <row r="688660" spans="14:14">
      <c r="N688660" s="10"/>
    </row>
    <row r="688661" spans="14:14">
      <c r="N688661" s="10"/>
    </row>
    <row r="688662" spans="14:14">
      <c r="N688662" s="10"/>
    </row>
    <row r="688663" spans="14:14">
      <c r="N688663" s="10"/>
    </row>
    <row r="688664" spans="14:14">
      <c r="N688664" s="10"/>
    </row>
    <row r="688665" spans="14:14">
      <c r="N688665" s="10"/>
    </row>
    <row r="688666" spans="14:14">
      <c r="N688666" s="10"/>
    </row>
    <row r="688667" spans="14:14">
      <c r="N688667" s="10"/>
    </row>
    <row r="688668" spans="14:14">
      <c r="N688668" s="10"/>
    </row>
    <row r="688669" spans="14:14">
      <c r="N688669" s="10"/>
    </row>
    <row r="688670" spans="14:14">
      <c r="N688670" s="10"/>
    </row>
    <row r="688671" spans="14:14">
      <c r="N688671" s="10"/>
    </row>
    <row r="688672" spans="14:14">
      <c r="N688672" s="10"/>
    </row>
    <row r="688673" spans="14:14">
      <c r="N688673" s="10"/>
    </row>
    <row r="688674" spans="14:14">
      <c r="N688674" s="10"/>
    </row>
    <row r="688675" spans="14:14">
      <c r="N688675" s="10"/>
    </row>
    <row r="688676" spans="14:14">
      <c r="N688676" s="10"/>
    </row>
    <row r="688677" spans="14:14">
      <c r="N688677" s="10"/>
    </row>
    <row r="688678" spans="14:14">
      <c r="N688678" s="10"/>
    </row>
    <row r="688679" spans="14:14">
      <c r="N688679" s="10"/>
    </row>
    <row r="688680" spans="14:14">
      <c r="N688680" s="10"/>
    </row>
    <row r="688681" spans="14:14">
      <c r="N688681" s="10"/>
    </row>
    <row r="688682" spans="14:14">
      <c r="N688682" s="10"/>
    </row>
    <row r="688683" spans="14:14">
      <c r="N688683" s="10"/>
    </row>
    <row r="688684" spans="14:14">
      <c r="N688684" s="10"/>
    </row>
    <row r="688685" spans="14:14">
      <c r="N688685" s="10"/>
    </row>
    <row r="688686" spans="14:14">
      <c r="N688686" s="10"/>
    </row>
    <row r="688687" spans="14:14">
      <c r="N688687" s="10"/>
    </row>
    <row r="688688" spans="14:14">
      <c r="N688688" s="10"/>
    </row>
    <row r="688689" spans="14:14">
      <c r="N688689" s="10"/>
    </row>
    <row r="688690" spans="14:14">
      <c r="N688690" s="10"/>
    </row>
    <row r="688691" spans="14:14">
      <c r="N688691" s="10"/>
    </row>
    <row r="688692" spans="14:14">
      <c r="N688692" s="10"/>
    </row>
    <row r="688693" spans="14:14">
      <c r="N688693" s="10"/>
    </row>
    <row r="688694" spans="14:14">
      <c r="N688694" s="10"/>
    </row>
    <row r="688695" spans="14:14">
      <c r="N688695" s="10"/>
    </row>
    <row r="688696" spans="14:14">
      <c r="N688696" s="10"/>
    </row>
    <row r="688697" spans="14:14">
      <c r="N688697" s="10"/>
    </row>
    <row r="688698" spans="14:14">
      <c r="N688698" s="10"/>
    </row>
    <row r="688699" spans="14:14">
      <c r="N688699" s="10"/>
    </row>
    <row r="688700" spans="14:14">
      <c r="N688700" s="10"/>
    </row>
    <row r="688701" spans="14:14">
      <c r="N688701" s="10"/>
    </row>
    <row r="688702" spans="14:14">
      <c r="N688702" s="10"/>
    </row>
    <row r="688703" spans="14:14">
      <c r="N688703" s="10"/>
    </row>
    <row r="688704" spans="14:14">
      <c r="N688704" s="10"/>
    </row>
    <row r="688705" spans="14:14">
      <c r="N688705" s="10"/>
    </row>
    <row r="688706" spans="14:14">
      <c r="N688706" s="10"/>
    </row>
    <row r="688707" spans="14:14">
      <c r="N688707" s="10"/>
    </row>
    <row r="688708" spans="14:14">
      <c r="N688708" s="10"/>
    </row>
    <row r="688709" spans="14:14">
      <c r="N688709" s="10"/>
    </row>
    <row r="688710" spans="14:14">
      <c r="N688710" s="10"/>
    </row>
    <row r="688711" spans="14:14">
      <c r="N688711" s="10"/>
    </row>
    <row r="688712" spans="14:14">
      <c r="N688712" s="10"/>
    </row>
    <row r="688713" spans="14:14">
      <c r="N688713" s="10"/>
    </row>
    <row r="688714" spans="14:14">
      <c r="N688714" s="10"/>
    </row>
    <row r="688715" spans="14:14">
      <c r="N688715" s="10"/>
    </row>
    <row r="688716" spans="14:14">
      <c r="N688716" s="10"/>
    </row>
    <row r="688717" spans="14:14">
      <c r="N688717" s="10"/>
    </row>
    <row r="688718" spans="14:14">
      <c r="N688718" s="10"/>
    </row>
    <row r="688719" spans="14:14">
      <c r="N688719" s="10"/>
    </row>
    <row r="688720" spans="14:14">
      <c r="N688720" s="10"/>
    </row>
    <row r="688721" spans="14:14">
      <c r="N688721" s="10"/>
    </row>
    <row r="688722" spans="14:14">
      <c r="N688722" s="10"/>
    </row>
    <row r="688723" spans="14:14">
      <c r="N688723" s="10"/>
    </row>
    <row r="688724" spans="14:14">
      <c r="N688724" s="10"/>
    </row>
    <row r="688725" spans="14:14">
      <c r="N688725" s="10"/>
    </row>
    <row r="688726" spans="14:14">
      <c r="N688726" s="10"/>
    </row>
    <row r="688727" spans="14:14">
      <c r="N688727" s="10"/>
    </row>
    <row r="688728" spans="14:14">
      <c r="N688728" s="10"/>
    </row>
    <row r="688729" spans="14:14">
      <c r="N688729" s="10"/>
    </row>
    <row r="688730" spans="14:14">
      <c r="N688730" s="10"/>
    </row>
    <row r="688731" spans="14:14">
      <c r="N688731" s="10"/>
    </row>
    <row r="688732" spans="14:14">
      <c r="N688732" s="10"/>
    </row>
    <row r="688733" spans="14:14">
      <c r="N688733" s="10"/>
    </row>
    <row r="688734" spans="14:14">
      <c r="N688734" s="10"/>
    </row>
    <row r="688735" spans="14:14">
      <c r="N688735" s="10"/>
    </row>
    <row r="688736" spans="14:14">
      <c r="N688736" s="10"/>
    </row>
    <row r="688737" spans="14:14">
      <c r="N688737" s="10"/>
    </row>
    <row r="688738" spans="14:14">
      <c r="N688738" s="10"/>
    </row>
    <row r="688739" spans="14:14">
      <c r="N688739" s="10"/>
    </row>
    <row r="688740" spans="14:14">
      <c r="N688740" s="10"/>
    </row>
    <row r="688741" spans="14:14">
      <c r="N688741" s="10"/>
    </row>
    <row r="688742" spans="14:14">
      <c r="N688742" s="10"/>
    </row>
    <row r="688743" spans="14:14">
      <c r="N688743" s="10"/>
    </row>
    <row r="688744" spans="14:14">
      <c r="N688744" s="10"/>
    </row>
    <row r="688745" spans="14:14">
      <c r="N688745" s="10"/>
    </row>
    <row r="688746" spans="14:14">
      <c r="N688746" s="10"/>
    </row>
    <row r="688747" spans="14:14">
      <c r="N688747" s="10"/>
    </row>
    <row r="688748" spans="14:14">
      <c r="N688748" s="10"/>
    </row>
    <row r="688749" spans="14:14">
      <c r="N688749" s="10"/>
    </row>
    <row r="688750" spans="14:14">
      <c r="N688750" s="10"/>
    </row>
    <row r="688751" spans="14:14">
      <c r="N688751" s="10"/>
    </row>
    <row r="688752" spans="14:14">
      <c r="N688752" s="10"/>
    </row>
    <row r="688753" spans="14:14">
      <c r="N688753" s="10"/>
    </row>
    <row r="688754" spans="14:14">
      <c r="N688754" s="10"/>
    </row>
    <row r="688755" spans="14:14">
      <c r="N688755" s="10"/>
    </row>
    <row r="688756" spans="14:14">
      <c r="N688756" s="10"/>
    </row>
    <row r="688757" spans="14:14">
      <c r="N688757" s="10"/>
    </row>
    <row r="688758" spans="14:14">
      <c r="N688758" s="10"/>
    </row>
    <row r="688759" spans="14:14">
      <c r="N688759" s="10"/>
    </row>
    <row r="688760" spans="14:14">
      <c r="N688760" s="10"/>
    </row>
    <row r="688761" spans="14:14">
      <c r="N688761" s="10"/>
    </row>
    <row r="688762" spans="14:14">
      <c r="N688762" s="10"/>
    </row>
    <row r="688763" spans="14:14">
      <c r="N688763" s="10"/>
    </row>
    <row r="688764" spans="14:14">
      <c r="N688764" s="10"/>
    </row>
    <row r="688765" spans="14:14">
      <c r="N688765" s="10"/>
    </row>
    <row r="688766" spans="14:14">
      <c r="N688766" s="10"/>
    </row>
    <row r="688767" spans="14:14">
      <c r="N688767" s="10"/>
    </row>
    <row r="688768" spans="14:14">
      <c r="N688768" s="10"/>
    </row>
    <row r="688769" spans="14:14">
      <c r="N688769" s="10"/>
    </row>
    <row r="688770" spans="14:14">
      <c r="N688770" s="10"/>
    </row>
    <row r="688771" spans="14:14">
      <c r="N688771" s="10"/>
    </row>
    <row r="688772" spans="14:14">
      <c r="N688772" s="10"/>
    </row>
    <row r="688773" spans="14:14">
      <c r="N688773" s="10"/>
    </row>
    <row r="688774" spans="14:14">
      <c r="N688774" s="10"/>
    </row>
    <row r="688775" spans="14:14">
      <c r="N688775" s="10"/>
    </row>
    <row r="688776" spans="14:14">
      <c r="N688776" s="10"/>
    </row>
    <row r="688777" spans="14:14">
      <c r="N688777" s="10"/>
    </row>
    <row r="688778" spans="14:14">
      <c r="N688778" s="10"/>
    </row>
    <row r="688779" spans="14:14">
      <c r="N688779" s="10"/>
    </row>
    <row r="688780" spans="14:14">
      <c r="N688780" s="10"/>
    </row>
    <row r="688781" spans="14:14">
      <c r="N688781" s="10"/>
    </row>
    <row r="688782" spans="14:14">
      <c r="N688782" s="10"/>
    </row>
    <row r="688783" spans="14:14">
      <c r="N688783" s="10"/>
    </row>
    <row r="688784" spans="14:14">
      <c r="N688784" s="10"/>
    </row>
    <row r="688785" spans="14:14">
      <c r="N688785" s="10"/>
    </row>
    <row r="688786" spans="14:14">
      <c r="N688786" s="10"/>
    </row>
    <row r="688787" spans="14:14">
      <c r="N688787" s="10"/>
    </row>
    <row r="688788" spans="14:14">
      <c r="N688788" s="10"/>
    </row>
    <row r="688789" spans="14:14">
      <c r="N688789" s="10"/>
    </row>
    <row r="688790" spans="14:14">
      <c r="N688790" s="10"/>
    </row>
    <row r="688791" spans="14:14">
      <c r="N688791" s="10"/>
    </row>
    <row r="688792" spans="14:14">
      <c r="N688792" s="10"/>
    </row>
    <row r="688793" spans="14:14">
      <c r="N688793" s="10"/>
    </row>
    <row r="688794" spans="14:14">
      <c r="N688794" s="10"/>
    </row>
    <row r="688795" spans="14:14">
      <c r="N688795" s="10"/>
    </row>
    <row r="688796" spans="14:14">
      <c r="N688796" s="10"/>
    </row>
    <row r="688797" spans="14:14">
      <c r="N688797" s="10"/>
    </row>
    <row r="688798" spans="14:14">
      <c r="N688798" s="10"/>
    </row>
    <row r="688799" spans="14:14">
      <c r="N688799" s="10"/>
    </row>
    <row r="688800" spans="14:14">
      <c r="N688800" s="10"/>
    </row>
    <row r="688801" spans="14:14">
      <c r="N688801" s="10"/>
    </row>
    <row r="688802" spans="14:14">
      <c r="N688802" s="10"/>
    </row>
    <row r="688803" spans="14:14">
      <c r="N688803" s="10"/>
    </row>
    <row r="688804" spans="14:14">
      <c r="N688804" s="10"/>
    </row>
    <row r="688805" spans="14:14">
      <c r="N688805" s="10"/>
    </row>
    <row r="688806" spans="14:14">
      <c r="N688806" s="10"/>
    </row>
    <row r="688807" spans="14:14">
      <c r="N688807" s="10"/>
    </row>
    <row r="688808" spans="14:14">
      <c r="N688808" s="10"/>
    </row>
    <row r="688809" spans="14:14">
      <c r="N688809" s="10"/>
    </row>
    <row r="688810" spans="14:14">
      <c r="N688810" s="10"/>
    </row>
    <row r="688811" spans="14:14">
      <c r="N688811" s="10"/>
    </row>
    <row r="688812" spans="14:14">
      <c r="N688812" s="10"/>
    </row>
    <row r="688813" spans="14:14">
      <c r="N688813" s="10"/>
    </row>
    <row r="688814" spans="14:14">
      <c r="N688814" s="10"/>
    </row>
    <row r="688815" spans="14:14">
      <c r="N688815" s="10"/>
    </row>
    <row r="688816" spans="14:14">
      <c r="N688816" s="10"/>
    </row>
    <row r="688817" spans="14:14">
      <c r="N688817" s="10"/>
    </row>
    <row r="688818" spans="14:14">
      <c r="N688818" s="10"/>
    </row>
    <row r="688819" spans="14:14">
      <c r="N688819" s="10"/>
    </row>
    <row r="688820" spans="14:14">
      <c r="N688820" s="10"/>
    </row>
    <row r="688821" spans="14:14">
      <c r="N688821" s="10"/>
    </row>
    <row r="688822" spans="14:14">
      <c r="N688822" s="10"/>
    </row>
    <row r="688823" spans="14:14">
      <c r="N688823" s="10"/>
    </row>
    <row r="688824" spans="14:14">
      <c r="N688824" s="10"/>
    </row>
    <row r="688825" spans="14:14">
      <c r="N688825" s="10"/>
    </row>
    <row r="688826" spans="14:14">
      <c r="N688826" s="10"/>
    </row>
    <row r="688827" spans="14:14">
      <c r="N688827" s="10"/>
    </row>
    <row r="688828" spans="14:14">
      <c r="N688828" s="10"/>
    </row>
    <row r="688829" spans="14:14">
      <c r="N688829" s="10"/>
    </row>
    <row r="688830" spans="14:14">
      <c r="N688830" s="10"/>
    </row>
    <row r="688831" spans="14:14">
      <c r="N688831" s="10"/>
    </row>
    <row r="688832" spans="14:14">
      <c r="N688832" s="10"/>
    </row>
    <row r="688833" spans="14:14">
      <c r="N688833" s="10"/>
    </row>
    <row r="688834" spans="14:14">
      <c r="N688834" s="10"/>
    </row>
    <row r="688835" spans="14:14">
      <c r="N688835" s="10"/>
    </row>
    <row r="688836" spans="14:14">
      <c r="N688836" s="10"/>
    </row>
    <row r="688837" spans="14:14">
      <c r="N688837" s="10"/>
    </row>
    <row r="688838" spans="14:14">
      <c r="N688838" s="10"/>
    </row>
    <row r="688839" spans="14:14">
      <c r="N688839" s="10"/>
    </row>
    <row r="688840" spans="14:14">
      <c r="N688840" s="10"/>
    </row>
    <row r="688841" spans="14:14">
      <c r="N688841" s="10"/>
    </row>
    <row r="688842" spans="14:14">
      <c r="N688842" s="10"/>
    </row>
    <row r="688843" spans="14:14">
      <c r="N688843" s="10"/>
    </row>
    <row r="688844" spans="14:14">
      <c r="N688844" s="10"/>
    </row>
    <row r="688845" spans="14:14">
      <c r="N688845" s="10"/>
    </row>
    <row r="688846" spans="14:14">
      <c r="N688846" s="10"/>
    </row>
    <row r="688847" spans="14:14">
      <c r="N688847" s="10"/>
    </row>
    <row r="688848" spans="14:14">
      <c r="N688848" s="10"/>
    </row>
    <row r="688849" spans="14:14">
      <c r="N688849" s="10"/>
    </row>
    <row r="688850" spans="14:14">
      <c r="N688850" s="10"/>
    </row>
    <row r="688851" spans="14:14">
      <c r="N688851" s="10"/>
    </row>
    <row r="688852" spans="14:14">
      <c r="N688852" s="10"/>
    </row>
    <row r="688853" spans="14:14">
      <c r="N688853" s="10"/>
    </row>
    <row r="688854" spans="14:14">
      <c r="N688854" s="10"/>
    </row>
    <row r="688855" spans="14:14">
      <c r="N688855" s="10"/>
    </row>
    <row r="688856" spans="14:14">
      <c r="N688856" s="10"/>
    </row>
    <row r="688857" spans="14:14">
      <c r="N688857" s="10"/>
    </row>
    <row r="688858" spans="14:14">
      <c r="N688858" s="10"/>
    </row>
    <row r="688859" spans="14:14">
      <c r="N688859" s="10"/>
    </row>
    <row r="688860" spans="14:14">
      <c r="N688860" s="10"/>
    </row>
    <row r="688861" spans="14:14">
      <c r="N688861" s="10"/>
    </row>
    <row r="688862" spans="14:14">
      <c r="N688862" s="10"/>
    </row>
    <row r="688863" spans="14:14">
      <c r="N688863" s="10"/>
    </row>
    <row r="688864" spans="14:14">
      <c r="N688864" s="10"/>
    </row>
    <row r="688865" spans="14:14">
      <c r="N688865" s="10"/>
    </row>
    <row r="688866" spans="14:14">
      <c r="N688866" s="10"/>
    </row>
    <row r="688867" spans="14:14">
      <c r="N688867" s="10"/>
    </row>
    <row r="688868" spans="14:14">
      <c r="N688868" s="10"/>
    </row>
    <row r="688869" spans="14:14">
      <c r="N688869" s="10"/>
    </row>
    <row r="688870" spans="14:14">
      <c r="N688870" s="10"/>
    </row>
    <row r="688871" spans="14:14">
      <c r="N688871" s="10"/>
    </row>
    <row r="688872" spans="14:14">
      <c r="N688872" s="10"/>
    </row>
    <row r="688873" spans="14:14">
      <c r="N688873" s="10"/>
    </row>
    <row r="688874" spans="14:14">
      <c r="N688874" s="10"/>
    </row>
    <row r="688875" spans="14:14">
      <c r="N688875" s="10"/>
    </row>
    <row r="688876" spans="14:14">
      <c r="N688876" s="10"/>
    </row>
    <row r="688877" spans="14:14">
      <c r="N688877" s="10"/>
    </row>
    <row r="688878" spans="14:14">
      <c r="N688878" s="10"/>
    </row>
    <row r="688879" spans="14:14">
      <c r="N688879" s="10"/>
    </row>
    <row r="688880" spans="14:14">
      <c r="N688880" s="10"/>
    </row>
    <row r="688881" spans="14:14">
      <c r="N688881" s="10"/>
    </row>
    <row r="688882" spans="14:14">
      <c r="N688882" s="10"/>
    </row>
    <row r="688883" spans="14:14">
      <c r="N688883" s="10"/>
    </row>
    <row r="688884" spans="14:14">
      <c r="N688884" s="10"/>
    </row>
    <row r="688885" spans="14:14">
      <c r="N688885" s="10"/>
    </row>
    <row r="688886" spans="14:14">
      <c r="N688886" s="10"/>
    </row>
    <row r="688887" spans="14:14">
      <c r="N688887" s="10"/>
    </row>
    <row r="688888" spans="14:14">
      <c r="N688888" s="10"/>
    </row>
    <row r="688889" spans="14:14">
      <c r="N688889" s="10"/>
    </row>
    <row r="688890" spans="14:14">
      <c r="N688890" s="10"/>
    </row>
    <row r="688891" spans="14:14">
      <c r="N688891" s="10"/>
    </row>
    <row r="688892" spans="14:14">
      <c r="N688892" s="10"/>
    </row>
    <row r="688893" spans="14:14">
      <c r="N688893" s="10"/>
    </row>
    <row r="688894" spans="14:14">
      <c r="N688894" s="10"/>
    </row>
    <row r="688895" spans="14:14">
      <c r="N688895" s="10"/>
    </row>
    <row r="688896" spans="14:14">
      <c r="N688896" s="10"/>
    </row>
    <row r="688897" spans="14:14">
      <c r="N688897" s="10"/>
    </row>
    <row r="688898" spans="14:14">
      <c r="N688898" s="10"/>
    </row>
    <row r="688899" spans="14:14">
      <c r="N688899" s="10"/>
    </row>
    <row r="688900" spans="14:14">
      <c r="N688900" s="10"/>
    </row>
    <row r="688901" spans="14:14">
      <c r="N688901" s="10"/>
    </row>
    <row r="688902" spans="14:14">
      <c r="N688902" s="10"/>
    </row>
    <row r="688903" spans="14:14">
      <c r="N688903" s="10"/>
    </row>
    <row r="688904" spans="14:14">
      <c r="N688904" s="10"/>
    </row>
    <row r="688905" spans="14:14">
      <c r="N688905" s="10"/>
    </row>
    <row r="688906" spans="14:14">
      <c r="N688906" s="10"/>
    </row>
    <row r="688907" spans="14:14">
      <c r="N688907" s="10"/>
    </row>
    <row r="688908" spans="14:14">
      <c r="N688908" s="10"/>
    </row>
    <row r="688909" spans="14:14">
      <c r="N688909" s="10"/>
    </row>
    <row r="688910" spans="14:14">
      <c r="N688910" s="10"/>
    </row>
    <row r="688911" spans="14:14">
      <c r="N688911" s="10"/>
    </row>
    <row r="688912" spans="14:14">
      <c r="N688912" s="10"/>
    </row>
    <row r="688913" spans="14:14">
      <c r="N688913" s="10"/>
    </row>
    <row r="688914" spans="14:14">
      <c r="N688914" s="10"/>
    </row>
    <row r="688915" spans="14:14">
      <c r="N688915" s="10"/>
    </row>
    <row r="688916" spans="14:14">
      <c r="N688916" s="10"/>
    </row>
    <row r="688917" spans="14:14">
      <c r="N688917" s="10"/>
    </row>
    <row r="688918" spans="14:14">
      <c r="N688918" s="10"/>
    </row>
    <row r="688919" spans="14:14">
      <c r="N688919" s="10"/>
    </row>
    <row r="688920" spans="14:14">
      <c r="N688920" s="10"/>
    </row>
    <row r="688921" spans="14:14">
      <c r="N688921" s="10"/>
    </row>
    <row r="688922" spans="14:14">
      <c r="N688922" s="10"/>
    </row>
    <row r="688923" spans="14:14">
      <c r="N688923" s="10"/>
    </row>
    <row r="688924" spans="14:14">
      <c r="N688924" s="10"/>
    </row>
    <row r="688925" spans="14:14">
      <c r="N688925" s="10"/>
    </row>
    <row r="688926" spans="14:14">
      <c r="N688926" s="10"/>
    </row>
    <row r="688927" spans="14:14">
      <c r="N688927" s="10"/>
    </row>
    <row r="688928" spans="14:14">
      <c r="N688928" s="10"/>
    </row>
    <row r="688929" spans="14:14">
      <c r="N688929" s="10"/>
    </row>
    <row r="688930" spans="14:14">
      <c r="N688930" s="10"/>
    </row>
    <row r="688931" spans="14:14">
      <c r="N688931" s="10"/>
    </row>
    <row r="688932" spans="14:14">
      <c r="N688932" s="10"/>
    </row>
    <row r="688933" spans="14:14">
      <c r="N688933" s="10"/>
    </row>
    <row r="688934" spans="14:14">
      <c r="N688934" s="10"/>
    </row>
    <row r="688935" spans="14:14">
      <c r="N688935" s="10"/>
    </row>
    <row r="688936" spans="14:14">
      <c r="N688936" s="10"/>
    </row>
    <row r="688937" spans="14:14">
      <c r="N688937" s="10"/>
    </row>
    <row r="688938" spans="14:14">
      <c r="N688938" s="10"/>
    </row>
    <row r="688939" spans="14:14">
      <c r="N688939" s="10"/>
    </row>
    <row r="688940" spans="14:14">
      <c r="N688940" s="10"/>
    </row>
    <row r="688941" spans="14:14">
      <c r="N688941" s="10"/>
    </row>
    <row r="688942" spans="14:14">
      <c r="N688942" s="10"/>
    </row>
    <row r="688943" spans="14:14">
      <c r="N688943" s="10"/>
    </row>
    <row r="688944" spans="14:14">
      <c r="N688944" s="10"/>
    </row>
    <row r="688945" spans="14:14">
      <c r="N688945" s="10"/>
    </row>
    <row r="688946" spans="14:14">
      <c r="N688946" s="10"/>
    </row>
    <row r="688947" spans="14:14">
      <c r="N688947" s="10"/>
    </row>
    <row r="688948" spans="14:14">
      <c r="N688948" s="10"/>
    </row>
    <row r="688949" spans="14:14">
      <c r="N688949" s="10"/>
    </row>
    <row r="688950" spans="14:14">
      <c r="N688950" s="10"/>
    </row>
    <row r="688951" spans="14:14">
      <c r="N688951" s="10"/>
    </row>
    <row r="688952" spans="14:14">
      <c r="N688952" s="10"/>
    </row>
    <row r="688953" spans="14:14">
      <c r="N688953" s="10"/>
    </row>
    <row r="688954" spans="14:14">
      <c r="N688954" s="10"/>
    </row>
    <row r="688955" spans="14:14">
      <c r="N688955" s="10"/>
    </row>
    <row r="688956" spans="14:14">
      <c r="N688956" s="10"/>
    </row>
    <row r="688957" spans="14:14">
      <c r="N688957" s="10"/>
    </row>
    <row r="688958" spans="14:14">
      <c r="N688958" s="10"/>
    </row>
    <row r="688959" spans="14:14">
      <c r="N688959" s="10"/>
    </row>
    <row r="688960" spans="14:14">
      <c r="N688960" s="10"/>
    </row>
    <row r="688961" spans="14:14">
      <c r="N688961" s="10"/>
    </row>
    <row r="688962" spans="14:14">
      <c r="N688962" s="10"/>
    </row>
    <row r="688963" spans="14:14">
      <c r="N688963" s="10"/>
    </row>
    <row r="688964" spans="14:14">
      <c r="N688964" s="10"/>
    </row>
    <row r="688965" spans="14:14">
      <c r="N688965" s="10"/>
    </row>
    <row r="688966" spans="14:14">
      <c r="N688966" s="10"/>
    </row>
    <row r="688967" spans="14:14">
      <c r="N688967" s="10"/>
    </row>
    <row r="688968" spans="14:14">
      <c r="N688968" s="10"/>
    </row>
    <row r="688969" spans="14:14">
      <c r="N688969" s="10"/>
    </row>
    <row r="688970" spans="14:14">
      <c r="N688970" s="10"/>
    </row>
    <row r="688971" spans="14:14">
      <c r="N688971" s="10"/>
    </row>
    <row r="688972" spans="14:14">
      <c r="N688972" s="10"/>
    </row>
    <row r="688973" spans="14:14">
      <c r="N688973" s="10"/>
    </row>
    <row r="688974" spans="14:14">
      <c r="N688974" s="10"/>
    </row>
    <row r="688975" spans="14:14">
      <c r="N688975" s="10"/>
    </row>
    <row r="688976" spans="14:14">
      <c r="N688976" s="10"/>
    </row>
    <row r="688977" spans="14:14">
      <c r="N688977" s="10"/>
    </row>
    <row r="688978" spans="14:14">
      <c r="N688978" s="10"/>
    </row>
    <row r="688979" spans="14:14">
      <c r="N688979" s="10"/>
    </row>
    <row r="688980" spans="14:14">
      <c r="N688980" s="10"/>
    </row>
    <row r="688981" spans="14:14">
      <c r="N688981" s="10"/>
    </row>
    <row r="688982" spans="14:14">
      <c r="N688982" s="10"/>
    </row>
    <row r="688983" spans="14:14">
      <c r="N688983" s="10"/>
    </row>
    <row r="688984" spans="14:14">
      <c r="N688984" s="10"/>
    </row>
    <row r="688985" spans="14:14">
      <c r="N688985" s="10"/>
    </row>
    <row r="688986" spans="14:14">
      <c r="N688986" s="10"/>
    </row>
    <row r="688987" spans="14:14">
      <c r="N688987" s="10"/>
    </row>
    <row r="688988" spans="14:14">
      <c r="N688988" s="10"/>
    </row>
    <row r="688989" spans="14:14">
      <c r="N688989" s="10"/>
    </row>
    <row r="688990" spans="14:14">
      <c r="N688990" s="10"/>
    </row>
    <row r="688991" spans="14:14">
      <c r="N688991" s="10"/>
    </row>
    <row r="688992" spans="14:14">
      <c r="N688992" s="10"/>
    </row>
    <row r="688993" spans="14:14">
      <c r="N688993" s="10"/>
    </row>
    <row r="688994" spans="14:14">
      <c r="N688994" s="10"/>
    </row>
    <row r="688995" spans="14:14">
      <c r="N688995" s="10"/>
    </row>
    <row r="688996" spans="14:14">
      <c r="N688996" s="10"/>
    </row>
    <row r="688997" spans="14:14">
      <c r="N688997" s="10"/>
    </row>
    <row r="688998" spans="14:14">
      <c r="N688998" s="10"/>
    </row>
    <row r="688999" spans="14:14">
      <c r="N688999" s="10"/>
    </row>
    <row r="689000" spans="14:14">
      <c r="N689000" s="10"/>
    </row>
    <row r="689001" spans="14:14">
      <c r="N689001" s="10"/>
    </row>
    <row r="689002" spans="14:14">
      <c r="N689002" s="10"/>
    </row>
    <row r="689003" spans="14:14">
      <c r="N689003" s="10"/>
    </row>
    <row r="689004" spans="14:14">
      <c r="N689004" s="10"/>
    </row>
    <row r="689005" spans="14:14">
      <c r="N689005" s="10"/>
    </row>
    <row r="689006" spans="14:14">
      <c r="N689006" s="10"/>
    </row>
    <row r="689007" spans="14:14">
      <c r="N689007" s="10"/>
    </row>
    <row r="689008" spans="14:14">
      <c r="N689008" s="10"/>
    </row>
    <row r="689009" spans="14:14">
      <c r="N689009" s="10"/>
    </row>
    <row r="689010" spans="14:14">
      <c r="N689010" s="10"/>
    </row>
    <row r="689011" spans="14:14">
      <c r="N689011" s="10"/>
    </row>
    <row r="689012" spans="14:14">
      <c r="N689012" s="10"/>
    </row>
    <row r="689013" spans="14:14">
      <c r="N689013" s="10"/>
    </row>
    <row r="689014" spans="14:14">
      <c r="N689014" s="10"/>
    </row>
    <row r="689015" spans="14:14">
      <c r="N689015" s="10"/>
    </row>
    <row r="689016" spans="14:14">
      <c r="N689016" s="10"/>
    </row>
    <row r="689017" spans="14:14">
      <c r="N689017" s="10"/>
    </row>
    <row r="689018" spans="14:14">
      <c r="N689018" s="10"/>
    </row>
    <row r="689019" spans="14:14">
      <c r="N689019" s="10"/>
    </row>
    <row r="689020" spans="14:14">
      <c r="N689020" s="10"/>
    </row>
    <row r="689021" spans="14:14">
      <c r="N689021" s="10"/>
    </row>
    <row r="689022" spans="14:14">
      <c r="N689022" s="10"/>
    </row>
    <row r="689023" spans="14:14">
      <c r="N689023" s="10"/>
    </row>
    <row r="689024" spans="14:14">
      <c r="N689024" s="10"/>
    </row>
    <row r="689025" spans="14:14">
      <c r="N689025" s="10"/>
    </row>
    <row r="689026" spans="14:14">
      <c r="N689026" s="10"/>
    </row>
    <row r="689027" spans="14:14">
      <c r="N689027" s="10"/>
    </row>
    <row r="689028" spans="14:14">
      <c r="N689028" s="10"/>
    </row>
    <row r="689029" spans="14:14">
      <c r="N689029" s="10"/>
    </row>
    <row r="689030" spans="14:14">
      <c r="N689030" s="10"/>
    </row>
    <row r="689031" spans="14:14">
      <c r="N689031" s="10"/>
    </row>
    <row r="689032" spans="14:14">
      <c r="N689032" s="10"/>
    </row>
    <row r="689033" spans="14:14">
      <c r="N689033" s="10"/>
    </row>
    <row r="689034" spans="14:14">
      <c r="N689034" s="10"/>
    </row>
    <row r="689035" spans="14:14">
      <c r="N689035" s="10"/>
    </row>
    <row r="689036" spans="14:14">
      <c r="N689036" s="10"/>
    </row>
    <row r="689037" spans="14:14">
      <c r="N689037" s="10"/>
    </row>
    <row r="689038" spans="14:14">
      <c r="N689038" s="10"/>
    </row>
    <row r="689039" spans="14:14">
      <c r="N689039" s="10"/>
    </row>
    <row r="689040" spans="14:14">
      <c r="N689040" s="10"/>
    </row>
    <row r="689041" spans="14:14">
      <c r="N689041" s="10"/>
    </row>
    <row r="689042" spans="14:14">
      <c r="N689042" s="10"/>
    </row>
    <row r="689043" spans="14:14">
      <c r="N689043" s="10"/>
    </row>
    <row r="689044" spans="14:14">
      <c r="N689044" s="10"/>
    </row>
    <row r="689045" spans="14:14">
      <c r="N689045" s="10"/>
    </row>
    <row r="689046" spans="14:14">
      <c r="N689046" s="10"/>
    </row>
    <row r="689047" spans="14:14">
      <c r="N689047" s="10"/>
    </row>
    <row r="689048" spans="14:14">
      <c r="N689048" s="10"/>
    </row>
    <row r="689049" spans="14:14">
      <c r="N689049" s="10"/>
    </row>
    <row r="689050" spans="14:14">
      <c r="N689050" s="10"/>
    </row>
    <row r="689051" spans="14:14">
      <c r="N689051" s="10"/>
    </row>
    <row r="689052" spans="14:14">
      <c r="N689052" s="10"/>
    </row>
    <row r="689053" spans="14:14">
      <c r="N689053" s="10"/>
    </row>
    <row r="689054" spans="14:14">
      <c r="N689054" s="10"/>
    </row>
    <row r="689055" spans="14:14">
      <c r="N689055" s="10"/>
    </row>
    <row r="689056" spans="14:14">
      <c r="N689056" s="10"/>
    </row>
    <row r="689057" spans="14:14">
      <c r="N689057" s="10"/>
    </row>
    <row r="689058" spans="14:14">
      <c r="N689058" s="10"/>
    </row>
    <row r="689059" spans="14:14">
      <c r="N689059" s="10"/>
    </row>
    <row r="689060" spans="14:14">
      <c r="N689060" s="10"/>
    </row>
    <row r="689061" spans="14:14">
      <c r="N689061" s="10"/>
    </row>
    <row r="689062" spans="14:14">
      <c r="N689062" s="10"/>
    </row>
    <row r="689063" spans="14:14">
      <c r="N689063" s="10"/>
    </row>
    <row r="689064" spans="14:14">
      <c r="N689064" s="10"/>
    </row>
    <row r="689065" spans="14:14">
      <c r="N689065" s="10"/>
    </row>
    <row r="689066" spans="14:14">
      <c r="N689066" s="10"/>
    </row>
    <row r="689067" spans="14:14">
      <c r="N689067" s="10"/>
    </row>
    <row r="689068" spans="14:14">
      <c r="N689068" s="10"/>
    </row>
    <row r="689069" spans="14:14">
      <c r="N689069" s="10"/>
    </row>
    <row r="689070" spans="14:14">
      <c r="N689070" s="10"/>
    </row>
    <row r="689071" spans="14:14">
      <c r="N689071" s="10"/>
    </row>
    <row r="689072" spans="14:14">
      <c r="N689072" s="10"/>
    </row>
    <row r="689073" spans="14:14">
      <c r="N689073" s="10"/>
    </row>
    <row r="689074" spans="14:14">
      <c r="N689074" s="10"/>
    </row>
    <row r="689075" spans="14:14">
      <c r="N689075" s="10"/>
    </row>
    <row r="689076" spans="14:14">
      <c r="N689076" s="10"/>
    </row>
    <row r="689077" spans="14:14">
      <c r="N689077" s="10"/>
    </row>
    <row r="689078" spans="14:14">
      <c r="N689078" s="10"/>
    </row>
    <row r="689079" spans="14:14">
      <c r="N689079" s="10"/>
    </row>
    <row r="689080" spans="14:14">
      <c r="N689080" s="10"/>
    </row>
    <row r="689081" spans="14:14">
      <c r="N689081" s="10"/>
    </row>
    <row r="689082" spans="14:14">
      <c r="N689082" s="10"/>
    </row>
    <row r="689083" spans="14:14">
      <c r="N689083" s="10"/>
    </row>
    <row r="689084" spans="14:14">
      <c r="N689084" s="10"/>
    </row>
    <row r="689085" spans="14:14">
      <c r="N689085" s="10"/>
    </row>
    <row r="689086" spans="14:14">
      <c r="N689086" s="10"/>
    </row>
    <row r="689087" spans="14:14">
      <c r="N689087" s="10"/>
    </row>
    <row r="689088" spans="14:14">
      <c r="N689088" s="10"/>
    </row>
    <row r="689089" spans="14:14">
      <c r="N689089" s="10"/>
    </row>
    <row r="689090" spans="14:14">
      <c r="N689090" s="10"/>
    </row>
    <row r="689091" spans="14:14">
      <c r="N689091" s="10"/>
    </row>
    <row r="689092" spans="14:14">
      <c r="N689092" s="10"/>
    </row>
    <row r="689093" spans="14:14">
      <c r="N689093" s="10"/>
    </row>
    <row r="689094" spans="14:14">
      <c r="N689094" s="10"/>
    </row>
    <row r="689095" spans="14:14">
      <c r="N689095" s="10"/>
    </row>
    <row r="689096" spans="14:14">
      <c r="N689096" s="10"/>
    </row>
    <row r="689097" spans="14:14">
      <c r="N689097" s="10"/>
    </row>
    <row r="689098" spans="14:14">
      <c r="N689098" s="10"/>
    </row>
    <row r="689099" spans="14:14">
      <c r="N689099" s="10"/>
    </row>
    <row r="689100" spans="14:14">
      <c r="N689100" s="10"/>
    </row>
    <row r="689101" spans="14:14">
      <c r="N689101" s="10"/>
    </row>
    <row r="689102" spans="14:14">
      <c r="N689102" s="10"/>
    </row>
    <row r="689103" spans="14:14">
      <c r="N689103" s="10"/>
    </row>
    <row r="689104" spans="14:14">
      <c r="N689104" s="10"/>
    </row>
    <row r="689105" spans="14:14">
      <c r="N689105" s="10"/>
    </row>
    <row r="689106" spans="14:14">
      <c r="N689106" s="10"/>
    </row>
    <row r="689107" spans="14:14">
      <c r="N689107" s="10"/>
    </row>
    <row r="689108" spans="14:14">
      <c r="N689108" s="10"/>
    </row>
    <row r="689109" spans="14:14">
      <c r="N689109" s="10"/>
    </row>
    <row r="689110" spans="14:14">
      <c r="N689110" s="10"/>
    </row>
    <row r="689111" spans="14:14">
      <c r="N689111" s="10"/>
    </row>
    <row r="689112" spans="14:14">
      <c r="N689112" s="10"/>
    </row>
    <row r="689113" spans="14:14">
      <c r="N689113" s="10"/>
    </row>
    <row r="689114" spans="14:14">
      <c r="N689114" s="10"/>
    </row>
    <row r="689115" spans="14:14">
      <c r="N689115" s="10"/>
    </row>
    <row r="689116" spans="14:14">
      <c r="N689116" s="10"/>
    </row>
    <row r="689117" spans="14:14">
      <c r="N689117" s="10"/>
    </row>
    <row r="689118" spans="14:14">
      <c r="N689118" s="10"/>
    </row>
    <row r="689119" spans="14:14">
      <c r="N689119" s="10"/>
    </row>
    <row r="689120" spans="14:14">
      <c r="N689120" s="10"/>
    </row>
    <row r="689121" spans="14:14">
      <c r="N689121" s="10"/>
    </row>
    <row r="689122" spans="14:14">
      <c r="N689122" s="10"/>
    </row>
    <row r="689123" spans="14:14">
      <c r="N689123" s="10"/>
    </row>
    <row r="689124" spans="14:14">
      <c r="N689124" s="10"/>
    </row>
    <row r="689125" spans="14:14">
      <c r="N689125" s="10"/>
    </row>
    <row r="689126" spans="14:14">
      <c r="N689126" s="10"/>
    </row>
    <row r="689127" spans="14:14">
      <c r="N689127" s="10"/>
    </row>
    <row r="689128" spans="14:14">
      <c r="N689128" s="10"/>
    </row>
    <row r="689129" spans="14:14">
      <c r="N689129" s="10"/>
    </row>
    <row r="689130" spans="14:14">
      <c r="N689130" s="10"/>
    </row>
    <row r="689131" spans="14:14">
      <c r="N689131" s="10"/>
    </row>
    <row r="689132" spans="14:14">
      <c r="N689132" s="10"/>
    </row>
    <row r="689133" spans="14:14">
      <c r="N689133" s="10"/>
    </row>
    <row r="689134" spans="14:14">
      <c r="N689134" s="10"/>
    </row>
    <row r="689135" spans="14:14">
      <c r="N689135" s="10"/>
    </row>
    <row r="689136" spans="14:14">
      <c r="N689136" s="10"/>
    </row>
    <row r="689137" spans="14:14">
      <c r="N689137" s="10"/>
    </row>
    <row r="689138" spans="14:14">
      <c r="N689138" s="10"/>
    </row>
    <row r="689139" spans="14:14">
      <c r="N689139" s="10"/>
    </row>
    <row r="689140" spans="14:14">
      <c r="N689140" s="10"/>
    </row>
    <row r="689141" spans="14:14">
      <c r="N689141" s="10"/>
    </row>
    <row r="689142" spans="14:14">
      <c r="N689142" s="10"/>
    </row>
    <row r="689143" spans="14:14">
      <c r="N689143" s="10"/>
    </row>
    <row r="689144" spans="14:14">
      <c r="N689144" s="10"/>
    </row>
    <row r="689145" spans="14:14">
      <c r="N689145" s="10"/>
    </row>
    <row r="689146" spans="14:14">
      <c r="N689146" s="10"/>
    </row>
    <row r="689147" spans="14:14">
      <c r="N689147" s="10"/>
    </row>
    <row r="689148" spans="14:14">
      <c r="N689148" s="10"/>
    </row>
    <row r="689149" spans="14:14">
      <c r="N689149" s="10"/>
    </row>
    <row r="689150" spans="14:14">
      <c r="N689150" s="10"/>
    </row>
    <row r="689151" spans="14:14">
      <c r="N689151" s="10"/>
    </row>
    <row r="689152" spans="14:14">
      <c r="N689152" s="10"/>
    </row>
    <row r="689153" spans="14:14">
      <c r="N689153" s="10"/>
    </row>
    <row r="689154" spans="14:14">
      <c r="N689154" s="10"/>
    </row>
    <row r="689155" spans="14:14">
      <c r="N689155" s="10"/>
    </row>
    <row r="689156" spans="14:14">
      <c r="N689156" s="10"/>
    </row>
    <row r="689157" spans="14:14">
      <c r="N689157" s="10"/>
    </row>
    <row r="689158" spans="14:14">
      <c r="N689158" s="10"/>
    </row>
    <row r="689159" spans="14:14">
      <c r="N689159" s="10"/>
    </row>
    <row r="689160" spans="14:14">
      <c r="N689160" s="10"/>
    </row>
    <row r="689161" spans="14:14">
      <c r="N689161" s="10"/>
    </row>
    <row r="689162" spans="14:14">
      <c r="N689162" s="10"/>
    </row>
    <row r="689163" spans="14:14">
      <c r="N689163" s="10"/>
    </row>
    <row r="689164" spans="14:14">
      <c r="N689164" s="10"/>
    </row>
    <row r="689165" spans="14:14">
      <c r="N689165" s="10"/>
    </row>
    <row r="689166" spans="14:14">
      <c r="N689166" s="10"/>
    </row>
    <row r="689167" spans="14:14">
      <c r="N689167" s="10"/>
    </row>
    <row r="689168" spans="14:14">
      <c r="N689168" s="10"/>
    </row>
    <row r="689169" spans="14:14">
      <c r="N689169" s="10"/>
    </row>
    <row r="689170" spans="14:14">
      <c r="N689170" s="10"/>
    </row>
    <row r="689171" spans="14:14">
      <c r="N689171" s="10"/>
    </row>
    <row r="689172" spans="14:14">
      <c r="N689172" s="10"/>
    </row>
    <row r="689173" spans="14:14">
      <c r="N689173" s="10"/>
    </row>
    <row r="689174" spans="14:14">
      <c r="N689174" s="10"/>
    </row>
    <row r="689175" spans="14:14">
      <c r="N689175" s="10"/>
    </row>
    <row r="689176" spans="14:14">
      <c r="N689176" s="10"/>
    </row>
    <row r="689177" spans="14:14">
      <c r="N689177" s="10"/>
    </row>
    <row r="689178" spans="14:14">
      <c r="N689178" s="10"/>
    </row>
    <row r="689179" spans="14:14">
      <c r="N689179" s="10"/>
    </row>
    <row r="689180" spans="14:14">
      <c r="N689180" s="10"/>
    </row>
    <row r="689181" spans="14:14">
      <c r="N689181" s="10"/>
    </row>
    <row r="689182" spans="14:14">
      <c r="N689182" s="10"/>
    </row>
    <row r="689183" spans="14:14">
      <c r="N689183" s="10"/>
    </row>
    <row r="689184" spans="14:14">
      <c r="N689184" s="10"/>
    </row>
    <row r="689185" spans="14:14">
      <c r="N689185" s="10"/>
    </row>
    <row r="689186" spans="14:14">
      <c r="N689186" s="10"/>
    </row>
    <row r="689187" spans="14:14">
      <c r="N689187" s="10"/>
    </row>
    <row r="689188" spans="14:14">
      <c r="N689188" s="10"/>
    </row>
    <row r="689189" spans="14:14">
      <c r="N689189" s="10"/>
    </row>
    <row r="689190" spans="14:14">
      <c r="N689190" s="10"/>
    </row>
    <row r="689191" spans="14:14">
      <c r="N689191" s="10"/>
    </row>
    <row r="689192" spans="14:14">
      <c r="N689192" s="10"/>
    </row>
    <row r="689193" spans="14:14">
      <c r="N689193" s="10"/>
    </row>
    <row r="689194" spans="14:14">
      <c r="N689194" s="10"/>
    </row>
    <row r="689195" spans="14:14">
      <c r="N689195" s="10"/>
    </row>
    <row r="689196" spans="14:14">
      <c r="N689196" s="10"/>
    </row>
    <row r="689197" spans="14:14">
      <c r="N689197" s="10"/>
    </row>
    <row r="689198" spans="14:14">
      <c r="N689198" s="10"/>
    </row>
    <row r="689199" spans="14:14">
      <c r="N689199" s="10"/>
    </row>
    <row r="689200" spans="14:14">
      <c r="N689200" s="10"/>
    </row>
    <row r="689201" spans="14:14">
      <c r="N689201" s="10"/>
    </row>
    <row r="689202" spans="14:14">
      <c r="N689202" s="10"/>
    </row>
    <row r="689203" spans="14:14">
      <c r="N689203" s="10"/>
    </row>
    <row r="689204" spans="14:14">
      <c r="N689204" s="10"/>
    </row>
    <row r="689205" spans="14:14">
      <c r="N689205" s="10"/>
    </row>
    <row r="689206" spans="14:14">
      <c r="N689206" s="10"/>
    </row>
    <row r="689207" spans="14:14">
      <c r="N689207" s="10"/>
    </row>
    <row r="689208" spans="14:14">
      <c r="N689208" s="10"/>
    </row>
    <row r="689209" spans="14:14">
      <c r="N689209" s="10"/>
    </row>
    <row r="689210" spans="14:14">
      <c r="N689210" s="10"/>
    </row>
    <row r="689211" spans="14:14">
      <c r="N689211" s="10"/>
    </row>
    <row r="689212" spans="14:14">
      <c r="N689212" s="10"/>
    </row>
    <row r="689213" spans="14:14">
      <c r="N689213" s="10"/>
    </row>
    <row r="689214" spans="14:14">
      <c r="N689214" s="10"/>
    </row>
    <row r="689215" spans="14:14">
      <c r="N689215" s="10"/>
    </row>
    <row r="689216" spans="14:14">
      <c r="N689216" s="10"/>
    </row>
    <row r="689217" spans="14:14">
      <c r="N689217" s="10"/>
    </row>
    <row r="689218" spans="14:14">
      <c r="N689218" s="10"/>
    </row>
    <row r="689219" spans="14:14">
      <c r="N689219" s="10"/>
    </row>
    <row r="689220" spans="14:14">
      <c r="N689220" s="10"/>
    </row>
    <row r="689221" spans="14:14">
      <c r="N689221" s="10"/>
    </row>
    <row r="689222" spans="14:14">
      <c r="N689222" s="10"/>
    </row>
    <row r="689223" spans="14:14">
      <c r="N689223" s="10"/>
    </row>
    <row r="689224" spans="14:14">
      <c r="N689224" s="10"/>
    </row>
    <row r="689225" spans="14:14">
      <c r="N689225" s="10"/>
    </row>
    <row r="689226" spans="14:14">
      <c r="N689226" s="10"/>
    </row>
    <row r="689227" spans="14:14">
      <c r="N689227" s="10"/>
    </row>
    <row r="689228" spans="14:14">
      <c r="N689228" s="10"/>
    </row>
    <row r="689229" spans="14:14">
      <c r="N689229" s="10"/>
    </row>
    <row r="689230" spans="14:14">
      <c r="N689230" s="10"/>
    </row>
    <row r="689231" spans="14:14">
      <c r="N689231" s="10"/>
    </row>
    <row r="689232" spans="14:14">
      <c r="N689232" s="10"/>
    </row>
    <row r="689233" spans="14:14">
      <c r="N689233" s="10"/>
    </row>
    <row r="689234" spans="14:14">
      <c r="N689234" s="10"/>
    </row>
    <row r="689235" spans="14:14">
      <c r="N689235" s="10"/>
    </row>
    <row r="689236" spans="14:14">
      <c r="N689236" s="10"/>
    </row>
    <row r="689237" spans="14:14">
      <c r="N689237" s="10"/>
    </row>
    <row r="689238" spans="14:14">
      <c r="N689238" s="10"/>
    </row>
    <row r="689239" spans="14:14">
      <c r="N689239" s="10"/>
    </row>
    <row r="689240" spans="14:14">
      <c r="N689240" s="10"/>
    </row>
    <row r="689241" spans="14:14">
      <c r="N689241" s="10"/>
    </row>
    <row r="689242" spans="14:14">
      <c r="N689242" s="10"/>
    </row>
    <row r="689243" spans="14:14">
      <c r="N689243" s="10"/>
    </row>
    <row r="689244" spans="14:14">
      <c r="N689244" s="10"/>
    </row>
    <row r="689245" spans="14:14">
      <c r="N689245" s="10"/>
    </row>
    <row r="689246" spans="14:14">
      <c r="N689246" s="10"/>
    </row>
    <row r="689247" spans="14:14">
      <c r="N689247" s="10"/>
    </row>
    <row r="689248" spans="14:14">
      <c r="N689248" s="10"/>
    </row>
    <row r="689249" spans="14:14">
      <c r="N689249" s="10"/>
    </row>
    <row r="689250" spans="14:14">
      <c r="N689250" s="10"/>
    </row>
    <row r="689251" spans="14:14">
      <c r="N689251" s="10"/>
    </row>
    <row r="689252" spans="14:14">
      <c r="N689252" s="10"/>
    </row>
    <row r="689253" spans="14:14">
      <c r="N689253" s="10"/>
    </row>
    <row r="689254" spans="14:14">
      <c r="N689254" s="10"/>
    </row>
    <row r="689255" spans="14:14">
      <c r="N689255" s="10"/>
    </row>
    <row r="689256" spans="14:14">
      <c r="N689256" s="10"/>
    </row>
    <row r="689257" spans="14:14">
      <c r="N689257" s="10"/>
    </row>
    <row r="689258" spans="14:14">
      <c r="N689258" s="10"/>
    </row>
    <row r="689259" spans="14:14">
      <c r="N689259" s="10"/>
    </row>
    <row r="689260" spans="14:14">
      <c r="N689260" s="10"/>
    </row>
    <row r="689261" spans="14:14">
      <c r="N689261" s="10"/>
    </row>
    <row r="689262" spans="14:14">
      <c r="N689262" s="10"/>
    </row>
    <row r="689263" spans="14:14">
      <c r="N689263" s="10"/>
    </row>
    <row r="689264" spans="14:14">
      <c r="N689264" s="10"/>
    </row>
    <row r="689265" spans="14:14">
      <c r="N689265" s="10"/>
    </row>
    <row r="689266" spans="14:14">
      <c r="N689266" s="10"/>
    </row>
    <row r="689267" spans="14:14">
      <c r="N689267" s="10"/>
    </row>
    <row r="689268" spans="14:14">
      <c r="N689268" s="10"/>
    </row>
    <row r="689269" spans="14:14">
      <c r="N689269" s="10"/>
    </row>
    <row r="689270" spans="14:14">
      <c r="N689270" s="10"/>
    </row>
    <row r="689271" spans="14:14">
      <c r="N689271" s="10"/>
    </row>
    <row r="689272" spans="14:14">
      <c r="N689272" s="10"/>
    </row>
    <row r="689273" spans="14:14">
      <c r="N689273" s="10"/>
    </row>
    <row r="689274" spans="14:14">
      <c r="N689274" s="10"/>
    </row>
    <row r="689275" spans="14:14">
      <c r="N689275" s="10"/>
    </row>
    <row r="689276" spans="14:14">
      <c r="N689276" s="10"/>
    </row>
    <row r="689277" spans="14:14">
      <c r="N689277" s="10"/>
    </row>
    <row r="689278" spans="14:14">
      <c r="N689278" s="10"/>
    </row>
    <row r="689279" spans="14:14">
      <c r="N689279" s="10"/>
    </row>
    <row r="689280" spans="14:14">
      <c r="N689280" s="10"/>
    </row>
    <row r="689281" spans="14:14">
      <c r="N689281" s="10"/>
    </row>
    <row r="689282" spans="14:14">
      <c r="N689282" s="10"/>
    </row>
    <row r="689283" spans="14:14">
      <c r="N689283" s="10"/>
    </row>
    <row r="689284" spans="14:14">
      <c r="N689284" s="10"/>
    </row>
    <row r="689285" spans="14:14">
      <c r="N689285" s="10"/>
    </row>
    <row r="689286" spans="14:14">
      <c r="N689286" s="10"/>
    </row>
    <row r="689287" spans="14:14">
      <c r="N689287" s="10"/>
    </row>
    <row r="689288" spans="14:14">
      <c r="N689288" s="10"/>
    </row>
    <row r="689289" spans="14:14">
      <c r="N689289" s="10"/>
    </row>
    <row r="689290" spans="14:14">
      <c r="N689290" s="10"/>
    </row>
    <row r="689291" spans="14:14">
      <c r="N689291" s="10"/>
    </row>
    <row r="689292" spans="14:14">
      <c r="N689292" s="10"/>
    </row>
    <row r="689293" spans="14:14">
      <c r="N689293" s="10"/>
    </row>
    <row r="689294" spans="14:14">
      <c r="N689294" s="10"/>
    </row>
    <row r="689295" spans="14:14">
      <c r="N689295" s="10"/>
    </row>
    <row r="689296" spans="14:14">
      <c r="N689296" s="10"/>
    </row>
    <row r="689297" spans="14:14">
      <c r="N689297" s="10"/>
    </row>
    <row r="689298" spans="14:14">
      <c r="N689298" s="10"/>
    </row>
    <row r="689299" spans="14:14">
      <c r="N689299" s="10"/>
    </row>
    <row r="689300" spans="14:14">
      <c r="N689300" s="10"/>
    </row>
    <row r="689301" spans="14:14">
      <c r="N689301" s="10"/>
    </row>
    <row r="689302" spans="14:14">
      <c r="N689302" s="10"/>
    </row>
    <row r="689303" spans="14:14">
      <c r="N689303" s="10"/>
    </row>
    <row r="689304" spans="14:14">
      <c r="N689304" s="10"/>
    </row>
    <row r="689305" spans="14:14">
      <c r="N689305" s="10"/>
    </row>
    <row r="689306" spans="14:14">
      <c r="N689306" s="10"/>
    </row>
    <row r="689307" spans="14:14">
      <c r="N689307" s="10"/>
    </row>
    <row r="689308" spans="14:14">
      <c r="N689308" s="10"/>
    </row>
    <row r="689309" spans="14:14">
      <c r="N689309" s="10"/>
    </row>
    <row r="689310" spans="14:14">
      <c r="N689310" s="10"/>
    </row>
    <row r="689311" spans="14:14">
      <c r="N689311" s="10"/>
    </row>
    <row r="689312" spans="14:14">
      <c r="N689312" s="10"/>
    </row>
    <row r="689313" spans="14:14">
      <c r="N689313" s="10"/>
    </row>
    <row r="689314" spans="14:14">
      <c r="N689314" s="10"/>
    </row>
    <row r="689315" spans="14:14">
      <c r="N689315" s="10"/>
    </row>
    <row r="689316" spans="14:14">
      <c r="N689316" s="10"/>
    </row>
    <row r="689317" spans="14:14">
      <c r="N689317" s="10"/>
    </row>
    <row r="689318" spans="14:14">
      <c r="N689318" s="10"/>
    </row>
    <row r="689319" spans="14:14">
      <c r="N689319" s="10"/>
    </row>
    <row r="689320" spans="14:14">
      <c r="N689320" s="10"/>
    </row>
    <row r="689321" spans="14:14">
      <c r="N689321" s="10"/>
    </row>
    <row r="689322" spans="14:14">
      <c r="N689322" s="10"/>
    </row>
    <row r="689323" spans="14:14">
      <c r="N689323" s="10"/>
    </row>
    <row r="689324" spans="14:14">
      <c r="N689324" s="10"/>
    </row>
    <row r="689325" spans="14:14">
      <c r="N689325" s="10"/>
    </row>
    <row r="689326" spans="14:14">
      <c r="N689326" s="10"/>
    </row>
    <row r="689327" spans="14:14">
      <c r="N689327" s="10"/>
    </row>
    <row r="689328" spans="14:14">
      <c r="N689328" s="10"/>
    </row>
    <row r="689329" spans="14:14">
      <c r="N689329" s="10"/>
    </row>
    <row r="689330" spans="14:14">
      <c r="N689330" s="10"/>
    </row>
    <row r="689331" spans="14:14">
      <c r="N689331" s="10"/>
    </row>
    <row r="689332" spans="14:14">
      <c r="N689332" s="10"/>
    </row>
    <row r="689333" spans="14:14">
      <c r="N689333" s="10"/>
    </row>
    <row r="689334" spans="14:14">
      <c r="N689334" s="10"/>
    </row>
    <row r="689335" spans="14:14">
      <c r="N689335" s="10"/>
    </row>
    <row r="689336" spans="14:14">
      <c r="N689336" s="10"/>
    </row>
    <row r="689337" spans="14:14">
      <c r="N689337" s="10"/>
    </row>
    <row r="689338" spans="14:14">
      <c r="N689338" s="10"/>
    </row>
    <row r="689339" spans="14:14">
      <c r="N689339" s="10"/>
    </row>
    <row r="689340" spans="14:14">
      <c r="N689340" s="10"/>
    </row>
    <row r="689341" spans="14:14">
      <c r="N689341" s="10"/>
    </row>
    <row r="689342" spans="14:14">
      <c r="N689342" s="10"/>
    </row>
    <row r="689343" spans="14:14">
      <c r="N689343" s="10"/>
    </row>
    <row r="689344" spans="14:14">
      <c r="N689344" s="10"/>
    </row>
    <row r="689345" spans="14:14">
      <c r="N689345" s="10"/>
    </row>
    <row r="689346" spans="14:14">
      <c r="N689346" s="10"/>
    </row>
    <row r="689347" spans="14:14">
      <c r="N689347" s="10"/>
    </row>
    <row r="689348" spans="14:14">
      <c r="N689348" s="10"/>
    </row>
    <row r="689349" spans="14:14">
      <c r="N689349" s="10"/>
    </row>
    <row r="689350" spans="14:14">
      <c r="N689350" s="10"/>
    </row>
    <row r="689351" spans="14:14">
      <c r="N689351" s="10"/>
    </row>
    <row r="689352" spans="14:14">
      <c r="N689352" s="10"/>
    </row>
    <row r="689353" spans="14:14">
      <c r="N689353" s="10"/>
    </row>
    <row r="689354" spans="14:14">
      <c r="N689354" s="10"/>
    </row>
    <row r="689355" spans="14:14">
      <c r="N689355" s="10"/>
    </row>
    <row r="689356" spans="14:14">
      <c r="N689356" s="10"/>
    </row>
    <row r="689357" spans="14:14">
      <c r="N689357" s="10"/>
    </row>
    <row r="689358" spans="14:14">
      <c r="N689358" s="10"/>
    </row>
    <row r="689359" spans="14:14">
      <c r="N689359" s="10"/>
    </row>
    <row r="689360" spans="14:14">
      <c r="N689360" s="10"/>
    </row>
    <row r="689361" spans="14:14">
      <c r="N689361" s="10"/>
    </row>
    <row r="689362" spans="14:14">
      <c r="N689362" s="10"/>
    </row>
    <row r="689363" spans="14:14">
      <c r="N689363" s="10"/>
    </row>
    <row r="689364" spans="14:14">
      <c r="N689364" s="10"/>
    </row>
    <row r="689365" spans="14:14">
      <c r="N689365" s="10"/>
    </row>
    <row r="689366" spans="14:14">
      <c r="N689366" s="10"/>
    </row>
    <row r="689367" spans="14:14">
      <c r="N689367" s="10"/>
    </row>
    <row r="689368" spans="14:14">
      <c r="N689368" s="10"/>
    </row>
    <row r="689369" spans="14:14">
      <c r="N689369" s="10"/>
    </row>
    <row r="689370" spans="14:14">
      <c r="N689370" s="10"/>
    </row>
    <row r="689371" spans="14:14">
      <c r="N689371" s="10"/>
    </row>
    <row r="689372" spans="14:14">
      <c r="N689372" s="10"/>
    </row>
    <row r="689373" spans="14:14">
      <c r="N689373" s="10"/>
    </row>
    <row r="689374" spans="14:14">
      <c r="N689374" s="10"/>
    </row>
    <row r="689375" spans="14:14">
      <c r="N689375" s="10"/>
    </row>
    <row r="689376" spans="14:14">
      <c r="N689376" s="10"/>
    </row>
    <row r="689377" spans="14:14">
      <c r="N689377" s="10"/>
    </row>
    <row r="689378" spans="14:14">
      <c r="N689378" s="10"/>
    </row>
    <row r="689379" spans="14:14">
      <c r="N689379" s="10"/>
    </row>
    <row r="689380" spans="14:14">
      <c r="N689380" s="10"/>
    </row>
    <row r="689381" spans="14:14">
      <c r="N689381" s="10"/>
    </row>
    <row r="689382" spans="14:14">
      <c r="N689382" s="10"/>
    </row>
    <row r="689383" spans="14:14">
      <c r="N689383" s="10"/>
    </row>
    <row r="689384" spans="14:14">
      <c r="N689384" s="10"/>
    </row>
    <row r="689385" spans="14:14">
      <c r="N689385" s="10"/>
    </row>
    <row r="689386" spans="14:14">
      <c r="N689386" s="10"/>
    </row>
    <row r="689387" spans="14:14">
      <c r="N689387" s="10"/>
    </row>
    <row r="689388" spans="14:14">
      <c r="N689388" s="10"/>
    </row>
    <row r="689389" spans="14:14">
      <c r="N689389" s="10"/>
    </row>
    <row r="689390" spans="14:14">
      <c r="N689390" s="10"/>
    </row>
    <row r="689391" spans="14:14">
      <c r="N689391" s="10"/>
    </row>
    <row r="689392" spans="14:14">
      <c r="N689392" s="10"/>
    </row>
    <row r="689393" spans="14:14">
      <c r="N689393" s="10"/>
    </row>
    <row r="689394" spans="14:14">
      <c r="N689394" s="10"/>
    </row>
    <row r="689395" spans="14:14">
      <c r="N689395" s="10"/>
    </row>
    <row r="689396" spans="14:14">
      <c r="N689396" s="10"/>
    </row>
    <row r="689397" spans="14:14">
      <c r="N689397" s="10"/>
    </row>
    <row r="689398" spans="14:14">
      <c r="N689398" s="10"/>
    </row>
    <row r="689399" spans="14:14">
      <c r="N689399" s="10"/>
    </row>
    <row r="689400" spans="14:14">
      <c r="N689400" s="10"/>
    </row>
    <row r="689401" spans="14:14">
      <c r="N689401" s="10"/>
    </row>
    <row r="689402" spans="14:14">
      <c r="N689402" s="10"/>
    </row>
    <row r="689403" spans="14:14">
      <c r="N689403" s="10"/>
    </row>
    <row r="689404" spans="14:14">
      <c r="N689404" s="10"/>
    </row>
    <row r="689405" spans="14:14">
      <c r="N689405" s="10"/>
    </row>
    <row r="689406" spans="14:14">
      <c r="N689406" s="10"/>
    </row>
    <row r="689407" spans="14:14">
      <c r="N689407" s="10"/>
    </row>
    <row r="689408" spans="14:14">
      <c r="N689408" s="10"/>
    </row>
    <row r="689409" spans="14:14">
      <c r="N689409" s="10"/>
    </row>
    <row r="689410" spans="14:14">
      <c r="N689410" s="10"/>
    </row>
    <row r="689411" spans="14:14">
      <c r="N689411" s="10"/>
    </row>
    <row r="689412" spans="14:14">
      <c r="N689412" s="10"/>
    </row>
    <row r="689413" spans="14:14">
      <c r="N689413" s="10"/>
    </row>
    <row r="689414" spans="14:14">
      <c r="N689414" s="10"/>
    </row>
    <row r="689415" spans="14:14">
      <c r="N689415" s="10"/>
    </row>
    <row r="689416" spans="14:14">
      <c r="N689416" s="10"/>
    </row>
    <row r="689417" spans="14:14">
      <c r="N689417" s="10"/>
    </row>
    <row r="689418" spans="14:14">
      <c r="N689418" s="10"/>
    </row>
    <row r="689419" spans="14:14">
      <c r="N689419" s="10"/>
    </row>
    <row r="689420" spans="14:14">
      <c r="N689420" s="10"/>
    </row>
    <row r="689421" spans="14:14">
      <c r="N689421" s="10"/>
    </row>
    <row r="689422" spans="14:14">
      <c r="N689422" s="10"/>
    </row>
    <row r="689423" spans="14:14">
      <c r="N689423" s="10"/>
    </row>
    <row r="689424" spans="14:14">
      <c r="N689424" s="10"/>
    </row>
    <row r="689425" spans="14:14">
      <c r="N689425" s="10"/>
    </row>
    <row r="689426" spans="14:14">
      <c r="N689426" s="10"/>
    </row>
    <row r="689427" spans="14:14">
      <c r="N689427" s="10"/>
    </row>
    <row r="689428" spans="14:14">
      <c r="N689428" s="10"/>
    </row>
    <row r="689429" spans="14:14">
      <c r="N689429" s="10"/>
    </row>
    <row r="689430" spans="14:14">
      <c r="N689430" s="10"/>
    </row>
    <row r="689431" spans="14:14">
      <c r="N689431" s="10"/>
    </row>
    <row r="689432" spans="14:14">
      <c r="N689432" s="10"/>
    </row>
    <row r="689433" spans="14:14">
      <c r="N689433" s="10"/>
    </row>
    <row r="689434" spans="14:14">
      <c r="N689434" s="10"/>
    </row>
    <row r="689435" spans="14:14">
      <c r="N689435" s="10"/>
    </row>
    <row r="689436" spans="14:14">
      <c r="N689436" s="10"/>
    </row>
    <row r="689437" spans="14:14">
      <c r="N689437" s="10"/>
    </row>
    <row r="689438" spans="14:14">
      <c r="N689438" s="10"/>
    </row>
    <row r="689439" spans="14:14">
      <c r="N689439" s="10"/>
    </row>
    <row r="689440" spans="14:14">
      <c r="N689440" s="10"/>
    </row>
    <row r="689441" spans="14:14">
      <c r="N689441" s="10"/>
    </row>
    <row r="689442" spans="14:14">
      <c r="N689442" s="10"/>
    </row>
    <row r="689443" spans="14:14">
      <c r="N689443" s="10"/>
    </row>
    <row r="689444" spans="14:14">
      <c r="N689444" s="10"/>
    </row>
    <row r="689445" spans="14:14">
      <c r="N689445" s="10"/>
    </row>
    <row r="689446" spans="14:14">
      <c r="N689446" s="10"/>
    </row>
    <row r="689447" spans="14:14">
      <c r="N689447" s="10"/>
    </row>
    <row r="689448" spans="14:14">
      <c r="N689448" s="10"/>
    </row>
    <row r="689449" spans="14:14">
      <c r="N689449" s="10"/>
    </row>
    <row r="689450" spans="14:14">
      <c r="N689450" s="10"/>
    </row>
    <row r="689451" spans="14:14">
      <c r="N689451" s="10"/>
    </row>
    <row r="689452" spans="14:14">
      <c r="N689452" s="10"/>
    </row>
    <row r="689453" spans="14:14">
      <c r="N689453" s="10"/>
    </row>
    <row r="689454" spans="14:14">
      <c r="N689454" s="10"/>
    </row>
    <row r="689455" spans="14:14">
      <c r="N689455" s="10"/>
    </row>
    <row r="689456" spans="14:14">
      <c r="N689456" s="10"/>
    </row>
    <row r="689457" spans="14:14">
      <c r="N689457" s="10"/>
    </row>
    <row r="689458" spans="14:14">
      <c r="N689458" s="10"/>
    </row>
    <row r="689459" spans="14:14">
      <c r="N689459" s="10"/>
    </row>
    <row r="689460" spans="14:14">
      <c r="N689460" s="10"/>
    </row>
    <row r="689461" spans="14:14">
      <c r="N689461" s="10"/>
    </row>
    <row r="689462" spans="14:14">
      <c r="N689462" s="10"/>
    </row>
    <row r="689463" spans="14:14">
      <c r="N689463" s="10"/>
    </row>
    <row r="689464" spans="14:14">
      <c r="N689464" s="10"/>
    </row>
    <row r="689465" spans="14:14">
      <c r="N689465" s="10"/>
    </row>
    <row r="689466" spans="14:14">
      <c r="N689466" s="10"/>
    </row>
    <row r="689467" spans="14:14">
      <c r="N689467" s="10"/>
    </row>
    <row r="689468" spans="14:14">
      <c r="N689468" s="10"/>
    </row>
    <row r="689469" spans="14:14">
      <c r="N689469" s="10"/>
    </row>
    <row r="689470" spans="14:14">
      <c r="N689470" s="10"/>
    </row>
    <row r="689471" spans="14:14">
      <c r="N689471" s="10"/>
    </row>
    <row r="689472" spans="14:14">
      <c r="N689472" s="10"/>
    </row>
    <row r="689473" spans="14:14">
      <c r="N689473" s="10"/>
    </row>
    <row r="689474" spans="14:14">
      <c r="N689474" s="10"/>
    </row>
    <row r="689475" spans="14:14">
      <c r="N689475" s="10"/>
    </row>
    <row r="689476" spans="14:14">
      <c r="N689476" s="10"/>
    </row>
    <row r="689477" spans="14:14">
      <c r="N689477" s="10"/>
    </row>
    <row r="689478" spans="14:14">
      <c r="N689478" s="10"/>
    </row>
    <row r="689479" spans="14:14">
      <c r="N689479" s="10"/>
    </row>
    <row r="689480" spans="14:14">
      <c r="N689480" s="10"/>
    </row>
    <row r="689481" spans="14:14">
      <c r="N689481" s="10"/>
    </row>
    <row r="689482" spans="14:14">
      <c r="N689482" s="10"/>
    </row>
    <row r="689483" spans="14:14">
      <c r="N689483" s="10"/>
    </row>
    <row r="689484" spans="14:14">
      <c r="N689484" s="10"/>
    </row>
    <row r="689485" spans="14:14">
      <c r="N689485" s="10"/>
    </row>
    <row r="689486" spans="14:14">
      <c r="N689486" s="10"/>
    </row>
    <row r="689487" spans="14:14">
      <c r="N689487" s="10"/>
    </row>
    <row r="689488" spans="14:14">
      <c r="N689488" s="10"/>
    </row>
    <row r="689489" spans="14:14">
      <c r="N689489" s="10"/>
    </row>
    <row r="689490" spans="14:14">
      <c r="N689490" s="10"/>
    </row>
    <row r="689491" spans="14:14">
      <c r="N689491" s="10"/>
    </row>
    <row r="689492" spans="14:14">
      <c r="N689492" s="10"/>
    </row>
    <row r="689493" spans="14:14">
      <c r="N689493" s="10"/>
    </row>
    <row r="689494" spans="14:14">
      <c r="N689494" s="10"/>
    </row>
    <row r="689495" spans="14:14">
      <c r="N689495" s="10"/>
    </row>
    <row r="689496" spans="14:14">
      <c r="N689496" s="10"/>
    </row>
    <row r="689497" spans="14:14">
      <c r="N689497" s="10"/>
    </row>
    <row r="689498" spans="14:14">
      <c r="N689498" s="10"/>
    </row>
    <row r="689499" spans="14:14">
      <c r="N689499" s="10"/>
    </row>
    <row r="689500" spans="14:14">
      <c r="N689500" s="10"/>
    </row>
    <row r="689501" spans="14:14">
      <c r="N689501" s="10"/>
    </row>
    <row r="689502" spans="14:14">
      <c r="N689502" s="10"/>
    </row>
    <row r="689503" spans="14:14">
      <c r="N689503" s="10"/>
    </row>
    <row r="689504" spans="14:14">
      <c r="N689504" s="10"/>
    </row>
    <row r="689505" spans="14:14">
      <c r="N689505" s="10"/>
    </row>
    <row r="689506" spans="14:14">
      <c r="N689506" s="10"/>
    </row>
    <row r="689507" spans="14:14">
      <c r="N689507" s="10"/>
    </row>
    <row r="689508" spans="14:14">
      <c r="N689508" s="10"/>
    </row>
    <row r="689509" spans="14:14">
      <c r="N689509" s="10"/>
    </row>
    <row r="689510" spans="14:14">
      <c r="N689510" s="10"/>
    </row>
    <row r="689511" spans="14:14">
      <c r="N689511" s="10"/>
    </row>
    <row r="689512" spans="14:14">
      <c r="N689512" s="10"/>
    </row>
    <row r="689513" spans="14:14">
      <c r="N689513" s="10"/>
    </row>
    <row r="689514" spans="14:14">
      <c r="N689514" s="10"/>
    </row>
    <row r="689515" spans="14:14">
      <c r="N689515" s="10"/>
    </row>
    <row r="689516" spans="14:14">
      <c r="N689516" s="10"/>
    </row>
    <row r="689517" spans="14:14">
      <c r="N689517" s="10"/>
    </row>
    <row r="689518" spans="14:14">
      <c r="N689518" s="10"/>
    </row>
    <row r="689519" spans="14:14">
      <c r="N689519" s="10"/>
    </row>
    <row r="689520" spans="14:14">
      <c r="N689520" s="10"/>
    </row>
    <row r="689521" spans="14:14">
      <c r="N689521" s="10"/>
    </row>
    <row r="689522" spans="14:14">
      <c r="N689522" s="10"/>
    </row>
    <row r="689523" spans="14:14">
      <c r="N689523" s="10"/>
    </row>
    <row r="689524" spans="14:14">
      <c r="N689524" s="10"/>
    </row>
    <row r="689525" spans="14:14">
      <c r="N689525" s="10"/>
    </row>
    <row r="689526" spans="14:14">
      <c r="N689526" s="10"/>
    </row>
    <row r="689527" spans="14:14">
      <c r="N689527" s="10"/>
    </row>
    <row r="689528" spans="14:14">
      <c r="N689528" s="10"/>
    </row>
    <row r="689529" spans="14:14">
      <c r="N689529" s="10"/>
    </row>
    <row r="689530" spans="14:14">
      <c r="N689530" s="10"/>
    </row>
    <row r="689531" spans="14:14">
      <c r="N689531" s="10"/>
    </row>
    <row r="689532" spans="14:14">
      <c r="N689532" s="10"/>
    </row>
    <row r="689533" spans="14:14">
      <c r="N689533" s="10"/>
    </row>
    <row r="689534" spans="14:14">
      <c r="N689534" s="10"/>
    </row>
    <row r="689535" spans="14:14">
      <c r="N689535" s="10"/>
    </row>
    <row r="689536" spans="14:14">
      <c r="N689536" s="10"/>
    </row>
    <row r="689537" spans="14:14">
      <c r="N689537" s="10"/>
    </row>
    <row r="689538" spans="14:14">
      <c r="N689538" s="10"/>
    </row>
    <row r="689539" spans="14:14">
      <c r="N689539" s="10"/>
    </row>
    <row r="689540" spans="14:14">
      <c r="N689540" s="10"/>
    </row>
    <row r="689541" spans="14:14">
      <c r="N689541" s="10"/>
    </row>
    <row r="689542" spans="14:14">
      <c r="N689542" s="10"/>
    </row>
    <row r="689543" spans="14:14">
      <c r="N689543" s="10"/>
    </row>
    <row r="689544" spans="14:14">
      <c r="N689544" s="10"/>
    </row>
    <row r="689545" spans="14:14">
      <c r="N689545" s="10"/>
    </row>
    <row r="689546" spans="14:14">
      <c r="N689546" s="10"/>
    </row>
    <row r="689547" spans="14:14">
      <c r="N689547" s="10"/>
    </row>
    <row r="689548" spans="14:14">
      <c r="N689548" s="10"/>
    </row>
    <row r="689549" spans="14:14">
      <c r="N689549" s="10"/>
    </row>
    <row r="689550" spans="14:14">
      <c r="N689550" s="10"/>
    </row>
    <row r="689551" spans="14:14">
      <c r="N689551" s="10"/>
    </row>
    <row r="689552" spans="14:14">
      <c r="N689552" s="10"/>
    </row>
    <row r="689553" spans="14:14">
      <c r="N689553" s="10"/>
    </row>
    <row r="689554" spans="14:14">
      <c r="N689554" s="10"/>
    </row>
    <row r="689555" spans="14:14">
      <c r="N689555" s="10"/>
    </row>
    <row r="689556" spans="14:14">
      <c r="N689556" s="10"/>
    </row>
    <row r="689557" spans="14:14">
      <c r="N689557" s="10"/>
    </row>
    <row r="689558" spans="14:14">
      <c r="N689558" s="10"/>
    </row>
    <row r="689559" spans="14:14">
      <c r="N689559" s="10"/>
    </row>
    <row r="689560" spans="14:14">
      <c r="N689560" s="10"/>
    </row>
    <row r="689561" spans="14:14">
      <c r="N689561" s="10"/>
    </row>
    <row r="689562" spans="14:14">
      <c r="N689562" s="10"/>
    </row>
    <row r="689563" spans="14:14">
      <c r="N689563" s="10"/>
    </row>
    <row r="689564" spans="14:14">
      <c r="N689564" s="10"/>
    </row>
    <row r="689565" spans="14:14">
      <c r="N689565" s="10"/>
    </row>
    <row r="689566" spans="14:14">
      <c r="N689566" s="10"/>
    </row>
    <row r="689567" spans="14:14">
      <c r="N689567" s="10"/>
    </row>
    <row r="689568" spans="14:14">
      <c r="N689568" s="10"/>
    </row>
    <row r="689569" spans="14:14">
      <c r="N689569" s="10"/>
    </row>
    <row r="689570" spans="14:14">
      <c r="N689570" s="10"/>
    </row>
    <row r="689571" spans="14:14">
      <c r="N689571" s="10"/>
    </row>
    <row r="689572" spans="14:14">
      <c r="N689572" s="10"/>
    </row>
    <row r="689573" spans="14:14">
      <c r="N689573" s="10"/>
    </row>
    <row r="689574" spans="14:14">
      <c r="N689574" s="10"/>
    </row>
    <row r="689575" spans="14:14">
      <c r="N689575" s="10"/>
    </row>
    <row r="689576" spans="14:14">
      <c r="N689576" s="10"/>
    </row>
    <row r="689577" spans="14:14">
      <c r="N689577" s="10"/>
    </row>
    <row r="689578" spans="14:14">
      <c r="N689578" s="10"/>
    </row>
    <row r="689579" spans="14:14">
      <c r="N689579" s="10"/>
    </row>
    <row r="689580" spans="14:14">
      <c r="N689580" s="10"/>
    </row>
    <row r="689581" spans="14:14">
      <c r="N689581" s="10"/>
    </row>
    <row r="689582" spans="14:14">
      <c r="N689582" s="10"/>
    </row>
    <row r="689583" spans="14:14">
      <c r="N689583" s="10"/>
    </row>
    <row r="689584" spans="14:14">
      <c r="N689584" s="10"/>
    </row>
    <row r="689585" spans="14:14">
      <c r="N689585" s="10"/>
    </row>
    <row r="689586" spans="14:14">
      <c r="N689586" s="10"/>
    </row>
    <row r="689587" spans="14:14">
      <c r="N689587" s="10"/>
    </row>
    <row r="689588" spans="14:14">
      <c r="N689588" s="10"/>
    </row>
    <row r="689589" spans="14:14">
      <c r="N689589" s="10"/>
    </row>
    <row r="689590" spans="14:14">
      <c r="N689590" s="10"/>
    </row>
    <row r="689591" spans="14:14">
      <c r="N689591" s="10"/>
    </row>
    <row r="689592" spans="14:14">
      <c r="N689592" s="10"/>
    </row>
    <row r="689593" spans="14:14">
      <c r="N689593" s="10"/>
    </row>
    <row r="689594" spans="14:14">
      <c r="N689594" s="10"/>
    </row>
    <row r="689595" spans="14:14">
      <c r="N689595" s="10"/>
    </row>
    <row r="689596" spans="14:14">
      <c r="N689596" s="10"/>
    </row>
    <row r="689597" spans="14:14">
      <c r="N689597" s="10"/>
    </row>
    <row r="689598" spans="14:14">
      <c r="N689598" s="10"/>
    </row>
    <row r="689599" spans="14:14">
      <c r="N689599" s="10"/>
    </row>
    <row r="689600" spans="14:14">
      <c r="N689600" s="10"/>
    </row>
    <row r="689601" spans="14:14">
      <c r="N689601" s="10"/>
    </row>
    <row r="689602" spans="14:14">
      <c r="N689602" s="10"/>
    </row>
    <row r="689603" spans="14:14">
      <c r="N689603" s="10"/>
    </row>
    <row r="689604" spans="14:14">
      <c r="N689604" s="10"/>
    </row>
    <row r="689605" spans="14:14">
      <c r="N689605" s="10"/>
    </row>
    <row r="689606" spans="14:14">
      <c r="N689606" s="10"/>
    </row>
    <row r="689607" spans="14:14">
      <c r="N689607" s="10"/>
    </row>
    <row r="689608" spans="14:14">
      <c r="N689608" s="10"/>
    </row>
    <row r="689609" spans="14:14">
      <c r="N689609" s="10"/>
    </row>
    <row r="689610" spans="14:14">
      <c r="N689610" s="10"/>
    </row>
    <row r="689611" spans="14:14">
      <c r="N689611" s="10"/>
    </row>
    <row r="689612" spans="14:14">
      <c r="N689612" s="10"/>
    </row>
    <row r="689613" spans="14:14">
      <c r="N689613" s="10"/>
    </row>
    <row r="689614" spans="14:14">
      <c r="N689614" s="10"/>
    </row>
    <row r="689615" spans="14:14">
      <c r="N689615" s="10"/>
    </row>
    <row r="689616" spans="14:14">
      <c r="N689616" s="10"/>
    </row>
    <row r="689617" spans="14:14">
      <c r="N689617" s="10"/>
    </row>
    <row r="689618" spans="14:14">
      <c r="N689618" s="10"/>
    </row>
    <row r="689619" spans="14:14">
      <c r="N689619" s="10"/>
    </row>
    <row r="689620" spans="14:14">
      <c r="N689620" s="10"/>
    </row>
    <row r="689621" spans="14:14">
      <c r="N689621" s="10"/>
    </row>
    <row r="689622" spans="14:14">
      <c r="N689622" s="10"/>
    </row>
    <row r="689623" spans="14:14">
      <c r="N689623" s="10"/>
    </row>
    <row r="689624" spans="14:14">
      <c r="N689624" s="10"/>
    </row>
    <row r="689625" spans="14:14">
      <c r="N689625" s="10"/>
    </row>
    <row r="689626" spans="14:14">
      <c r="N689626" s="10"/>
    </row>
    <row r="689627" spans="14:14">
      <c r="N689627" s="10"/>
    </row>
    <row r="689628" spans="14:14">
      <c r="N689628" s="10"/>
    </row>
    <row r="689629" spans="14:14">
      <c r="N689629" s="10"/>
    </row>
    <row r="689630" spans="14:14">
      <c r="N689630" s="10"/>
    </row>
    <row r="689631" spans="14:14">
      <c r="N689631" s="10"/>
    </row>
    <row r="689632" spans="14:14">
      <c r="N689632" s="10"/>
    </row>
    <row r="689633" spans="14:14">
      <c r="N689633" s="10"/>
    </row>
    <row r="689634" spans="14:14">
      <c r="N689634" s="10"/>
    </row>
    <row r="689635" spans="14:14">
      <c r="N689635" s="10"/>
    </row>
    <row r="689636" spans="14:14">
      <c r="N689636" s="10"/>
    </row>
    <row r="689637" spans="14:14">
      <c r="N689637" s="10"/>
    </row>
    <row r="689638" spans="14:14">
      <c r="N689638" s="10"/>
    </row>
    <row r="689639" spans="14:14">
      <c r="N689639" s="10"/>
    </row>
    <row r="689640" spans="14:14">
      <c r="N689640" s="10"/>
    </row>
    <row r="689641" spans="14:14">
      <c r="N689641" s="10"/>
    </row>
    <row r="689642" spans="14:14">
      <c r="N689642" s="10"/>
    </row>
    <row r="689643" spans="14:14">
      <c r="N689643" s="10"/>
    </row>
    <row r="689644" spans="14:14">
      <c r="N689644" s="10"/>
    </row>
    <row r="689645" spans="14:14">
      <c r="N689645" s="10"/>
    </row>
    <row r="689646" spans="14:14">
      <c r="N689646" s="10"/>
    </row>
    <row r="689647" spans="14:14">
      <c r="N689647" s="10"/>
    </row>
    <row r="689648" spans="14:14">
      <c r="N689648" s="10"/>
    </row>
    <row r="689649" spans="14:14">
      <c r="N689649" s="10"/>
    </row>
    <row r="689650" spans="14:14">
      <c r="N689650" s="10"/>
    </row>
    <row r="689651" spans="14:14">
      <c r="N689651" s="10"/>
    </row>
    <row r="689652" spans="14:14">
      <c r="N689652" s="10"/>
    </row>
    <row r="689653" spans="14:14">
      <c r="N689653" s="10"/>
    </row>
    <row r="689654" spans="14:14">
      <c r="N689654" s="10"/>
    </row>
    <row r="689655" spans="14:14">
      <c r="N689655" s="10"/>
    </row>
    <row r="689656" spans="14:14">
      <c r="N689656" s="10"/>
    </row>
    <row r="689657" spans="14:14">
      <c r="N689657" s="10"/>
    </row>
    <row r="689658" spans="14:14">
      <c r="N689658" s="10"/>
    </row>
    <row r="689659" spans="14:14">
      <c r="N689659" s="10"/>
    </row>
    <row r="689660" spans="14:14">
      <c r="N689660" s="10"/>
    </row>
    <row r="689661" spans="14:14">
      <c r="N689661" s="10"/>
    </row>
    <row r="689662" spans="14:14">
      <c r="N689662" s="10"/>
    </row>
    <row r="689663" spans="14:14">
      <c r="N689663" s="10"/>
    </row>
    <row r="689664" spans="14:14">
      <c r="N689664" s="10"/>
    </row>
    <row r="689665" spans="14:14">
      <c r="N689665" s="10"/>
    </row>
    <row r="689666" spans="14:14">
      <c r="N689666" s="10"/>
    </row>
    <row r="689667" spans="14:14">
      <c r="N689667" s="10"/>
    </row>
    <row r="689668" spans="14:14">
      <c r="N689668" s="10"/>
    </row>
    <row r="689669" spans="14:14">
      <c r="N689669" s="10"/>
    </row>
    <row r="689670" spans="14:14">
      <c r="N689670" s="10"/>
    </row>
    <row r="689671" spans="14:14">
      <c r="N689671" s="10"/>
    </row>
    <row r="689672" spans="14:14">
      <c r="N689672" s="10"/>
    </row>
    <row r="689673" spans="14:14">
      <c r="N689673" s="10"/>
    </row>
    <row r="689674" spans="14:14">
      <c r="N689674" s="10"/>
    </row>
    <row r="689675" spans="14:14">
      <c r="N689675" s="10"/>
    </row>
    <row r="689676" spans="14:14">
      <c r="N689676" s="10"/>
    </row>
    <row r="689677" spans="14:14">
      <c r="N689677" s="10"/>
    </row>
    <row r="689678" spans="14:14">
      <c r="N689678" s="10"/>
    </row>
    <row r="689679" spans="14:14">
      <c r="N689679" s="10"/>
    </row>
    <row r="689680" spans="14:14">
      <c r="N689680" s="10"/>
    </row>
    <row r="689681" spans="14:14">
      <c r="N689681" s="10"/>
    </row>
    <row r="689682" spans="14:14">
      <c r="N689682" s="10"/>
    </row>
    <row r="689683" spans="14:14">
      <c r="N689683" s="10"/>
    </row>
    <row r="689684" spans="14:14">
      <c r="N689684" s="10"/>
    </row>
    <row r="689685" spans="14:14">
      <c r="N689685" s="10"/>
    </row>
    <row r="689686" spans="14:14">
      <c r="N689686" s="10"/>
    </row>
    <row r="689687" spans="14:14">
      <c r="N689687" s="10"/>
    </row>
    <row r="689688" spans="14:14">
      <c r="N689688" s="10"/>
    </row>
    <row r="689689" spans="14:14">
      <c r="N689689" s="10"/>
    </row>
    <row r="689690" spans="14:14">
      <c r="N689690" s="10"/>
    </row>
    <row r="689691" spans="14:14">
      <c r="N689691" s="10"/>
    </row>
    <row r="689692" spans="14:14">
      <c r="N689692" s="10"/>
    </row>
    <row r="689693" spans="14:14">
      <c r="N689693" s="10"/>
    </row>
    <row r="689694" spans="14:14">
      <c r="N689694" s="10"/>
    </row>
    <row r="689695" spans="14:14">
      <c r="N689695" s="10"/>
    </row>
    <row r="689696" spans="14:14">
      <c r="N689696" s="10"/>
    </row>
    <row r="689697" spans="14:14">
      <c r="N689697" s="10"/>
    </row>
    <row r="689698" spans="14:14">
      <c r="N689698" s="10"/>
    </row>
    <row r="689699" spans="14:14">
      <c r="N689699" s="10"/>
    </row>
    <row r="689700" spans="14:14">
      <c r="N689700" s="10"/>
    </row>
    <row r="689701" spans="14:14">
      <c r="N689701" s="10"/>
    </row>
    <row r="689702" spans="14:14">
      <c r="N689702" s="10"/>
    </row>
    <row r="689703" spans="14:14">
      <c r="N689703" s="10"/>
    </row>
    <row r="689704" spans="14:14">
      <c r="N689704" s="10"/>
    </row>
    <row r="689705" spans="14:14">
      <c r="N689705" s="10"/>
    </row>
    <row r="689706" spans="14:14">
      <c r="N689706" s="10"/>
    </row>
    <row r="689707" spans="14:14">
      <c r="N689707" s="10"/>
    </row>
    <row r="689708" spans="14:14">
      <c r="N689708" s="10"/>
    </row>
    <row r="689709" spans="14:14">
      <c r="N689709" s="10"/>
    </row>
    <row r="689710" spans="14:14">
      <c r="N689710" s="10"/>
    </row>
    <row r="689711" spans="14:14">
      <c r="N689711" s="10"/>
    </row>
    <row r="689712" spans="14:14">
      <c r="N689712" s="10"/>
    </row>
    <row r="689713" spans="14:14">
      <c r="N689713" s="10"/>
    </row>
    <row r="689714" spans="14:14">
      <c r="N689714" s="10"/>
    </row>
    <row r="689715" spans="14:14">
      <c r="N689715" s="10"/>
    </row>
    <row r="689716" spans="14:14">
      <c r="N689716" s="10"/>
    </row>
    <row r="689717" spans="14:14">
      <c r="N689717" s="10"/>
    </row>
    <row r="689718" spans="14:14">
      <c r="N689718" s="10"/>
    </row>
    <row r="689719" spans="14:14">
      <c r="N689719" s="10"/>
    </row>
    <row r="689720" spans="14:14">
      <c r="N689720" s="10"/>
    </row>
    <row r="689721" spans="14:14">
      <c r="N689721" s="10"/>
    </row>
    <row r="689722" spans="14:14">
      <c r="N689722" s="10"/>
    </row>
    <row r="689723" spans="14:14">
      <c r="N689723" s="10"/>
    </row>
    <row r="689724" spans="14:14">
      <c r="N689724" s="10"/>
    </row>
    <row r="689725" spans="14:14">
      <c r="N689725" s="10"/>
    </row>
    <row r="689726" spans="14:14">
      <c r="N689726" s="10"/>
    </row>
    <row r="689727" spans="14:14">
      <c r="N689727" s="10"/>
    </row>
    <row r="689728" spans="14:14">
      <c r="N689728" s="10"/>
    </row>
    <row r="689729" spans="14:14">
      <c r="N689729" s="10"/>
    </row>
    <row r="689730" spans="14:14">
      <c r="N689730" s="10"/>
    </row>
    <row r="689731" spans="14:14">
      <c r="N689731" s="10"/>
    </row>
    <row r="689732" spans="14:14">
      <c r="N689732" s="10"/>
    </row>
    <row r="689733" spans="14:14">
      <c r="N689733" s="10"/>
    </row>
    <row r="689734" spans="14:14">
      <c r="N689734" s="10"/>
    </row>
    <row r="689735" spans="14:14">
      <c r="N689735" s="10"/>
    </row>
    <row r="689736" spans="14:14">
      <c r="N689736" s="10"/>
    </row>
    <row r="689737" spans="14:14">
      <c r="N689737" s="10"/>
    </row>
    <row r="689738" spans="14:14">
      <c r="N689738" s="10"/>
    </row>
    <row r="689739" spans="14:14">
      <c r="N689739" s="10"/>
    </row>
    <row r="689740" spans="14:14">
      <c r="N689740" s="10"/>
    </row>
    <row r="689741" spans="14:14">
      <c r="N689741" s="10"/>
    </row>
    <row r="689742" spans="14:14">
      <c r="N689742" s="10"/>
    </row>
    <row r="689743" spans="14:14">
      <c r="N689743" s="10"/>
    </row>
    <row r="689744" spans="14:14">
      <c r="N689744" s="10"/>
    </row>
    <row r="689745" spans="14:14">
      <c r="N689745" s="10"/>
    </row>
    <row r="689746" spans="14:14">
      <c r="N689746" s="10"/>
    </row>
    <row r="689747" spans="14:14">
      <c r="N689747" s="10"/>
    </row>
    <row r="689748" spans="14:14">
      <c r="N689748" s="10"/>
    </row>
    <row r="689749" spans="14:14">
      <c r="N689749" s="10"/>
    </row>
    <row r="689750" spans="14:14">
      <c r="N689750" s="10"/>
    </row>
    <row r="689751" spans="14:14">
      <c r="N689751" s="10"/>
    </row>
    <row r="689752" spans="14:14">
      <c r="N689752" s="10"/>
    </row>
    <row r="689753" spans="14:14">
      <c r="N689753" s="10"/>
    </row>
    <row r="689754" spans="14:14">
      <c r="N689754" s="10"/>
    </row>
    <row r="689755" spans="14:14">
      <c r="N689755" s="10"/>
    </row>
    <row r="689756" spans="14:14">
      <c r="N689756" s="10"/>
    </row>
    <row r="689757" spans="14:14">
      <c r="N689757" s="10"/>
    </row>
    <row r="689758" spans="14:14">
      <c r="N689758" s="10"/>
    </row>
    <row r="689759" spans="14:14">
      <c r="N689759" s="10"/>
    </row>
    <row r="689760" spans="14:14">
      <c r="N689760" s="10"/>
    </row>
    <row r="689761" spans="14:14">
      <c r="N689761" s="10"/>
    </row>
    <row r="689762" spans="14:14">
      <c r="N689762" s="10"/>
    </row>
    <row r="689763" spans="14:14">
      <c r="N689763" s="10"/>
    </row>
    <row r="689764" spans="14:14">
      <c r="N689764" s="10"/>
    </row>
    <row r="689765" spans="14:14">
      <c r="N689765" s="10"/>
    </row>
    <row r="689766" spans="14:14">
      <c r="N689766" s="10"/>
    </row>
    <row r="689767" spans="14:14">
      <c r="N689767" s="10"/>
    </row>
    <row r="689768" spans="14:14">
      <c r="N689768" s="10"/>
    </row>
    <row r="689769" spans="14:14">
      <c r="N689769" s="10"/>
    </row>
    <row r="689770" spans="14:14">
      <c r="N689770" s="10"/>
    </row>
    <row r="689771" spans="14:14">
      <c r="N689771" s="10"/>
    </row>
    <row r="689772" spans="14:14">
      <c r="N689772" s="10"/>
    </row>
    <row r="689773" spans="14:14">
      <c r="N689773" s="10"/>
    </row>
    <row r="689774" spans="14:14">
      <c r="N689774" s="10"/>
    </row>
    <row r="689775" spans="14:14">
      <c r="N689775" s="10"/>
    </row>
    <row r="689776" spans="14:14">
      <c r="N689776" s="10"/>
    </row>
    <row r="689777" spans="14:14">
      <c r="N689777" s="10"/>
    </row>
    <row r="689778" spans="14:14">
      <c r="N689778" s="10"/>
    </row>
    <row r="689779" spans="14:14">
      <c r="N689779" s="10"/>
    </row>
    <row r="689780" spans="14:14">
      <c r="N689780" s="10"/>
    </row>
    <row r="689781" spans="14:14">
      <c r="N689781" s="10"/>
    </row>
    <row r="689782" spans="14:14">
      <c r="N689782" s="10"/>
    </row>
    <row r="689783" spans="14:14">
      <c r="N689783" s="10"/>
    </row>
    <row r="689784" spans="14:14">
      <c r="N689784" s="10"/>
    </row>
    <row r="689785" spans="14:14">
      <c r="N689785" s="10"/>
    </row>
    <row r="689786" spans="14:14">
      <c r="N689786" s="10"/>
    </row>
    <row r="689787" spans="14:14">
      <c r="N689787" s="10"/>
    </row>
    <row r="689788" spans="14:14">
      <c r="N689788" s="10"/>
    </row>
    <row r="689789" spans="14:14">
      <c r="N689789" s="10"/>
    </row>
    <row r="689790" spans="14:14">
      <c r="N689790" s="10"/>
    </row>
    <row r="689791" spans="14:14">
      <c r="N689791" s="10"/>
    </row>
    <row r="689792" spans="14:14">
      <c r="N689792" s="10"/>
    </row>
    <row r="689793" spans="14:14">
      <c r="N689793" s="10"/>
    </row>
    <row r="689794" spans="14:14">
      <c r="N689794" s="10"/>
    </row>
    <row r="689795" spans="14:14">
      <c r="N689795" s="10"/>
    </row>
    <row r="689796" spans="14:14">
      <c r="N689796" s="10"/>
    </row>
    <row r="689797" spans="14:14">
      <c r="N689797" s="10"/>
    </row>
    <row r="689798" spans="14:14">
      <c r="N689798" s="10"/>
    </row>
    <row r="689799" spans="14:14">
      <c r="N689799" s="10"/>
    </row>
    <row r="689800" spans="14:14">
      <c r="N689800" s="10"/>
    </row>
    <row r="689801" spans="14:14">
      <c r="N689801" s="10"/>
    </row>
    <row r="689802" spans="14:14">
      <c r="N689802" s="10"/>
    </row>
    <row r="689803" spans="14:14">
      <c r="N689803" s="10"/>
    </row>
    <row r="689804" spans="14:14">
      <c r="N689804" s="10"/>
    </row>
    <row r="689805" spans="14:14">
      <c r="N689805" s="10"/>
    </row>
    <row r="689806" spans="14:14">
      <c r="N689806" s="10"/>
    </row>
    <row r="689807" spans="14:14">
      <c r="N689807" s="10"/>
    </row>
    <row r="689808" spans="14:14">
      <c r="N689808" s="10"/>
    </row>
    <row r="689809" spans="14:14">
      <c r="N689809" s="10"/>
    </row>
    <row r="689810" spans="14:14">
      <c r="N689810" s="10"/>
    </row>
    <row r="689811" spans="14:14">
      <c r="N689811" s="10"/>
    </row>
    <row r="689812" spans="14:14">
      <c r="N689812" s="10"/>
    </row>
    <row r="689813" spans="14:14">
      <c r="N689813" s="10"/>
    </row>
    <row r="689814" spans="14:14">
      <c r="N689814" s="10"/>
    </row>
    <row r="689815" spans="14:14">
      <c r="N689815" s="10"/>
    </row>
    <row r="689816" spans="14:14">
      <c r="N689816" s="10"/>
    </row>
    <row r="689817" spans="14:14">
      <c r="N689817" s="10"/>
    </row>
    <row r="689818" spans="14:14">
      <c r="N689818" s="10"/>
    </row>
    <row r="689819" spans="14:14">
      <c r="N689819" s="10"/>
    </row>
    <row r="689820" spans="14:14">
      <c r="N689820" s="10"/>
    </row>
    <row r="689821" spans="14:14">
      <c r="N689821" s="10"/>
    </row>
    <row r="689822" spans="14:14">
      <c r="N689822" s="10"/>
    </row>
    <row r="689823" spans="14:14">
      <c r="N689823" s="10"/>
    </row>
    <row r="689824" spans="14:14">
      <c r="N689824" s="10"/>
    </row>
    <row r="689825" spans="14:14">
      <c r="N689825" s="10"/>
    </row>
    <row r="689826" spans="14:14">
      <c r="N689826" s="10"/>
    </row>
    <row r="689827" spans="14:14">
      <c r="N689827" s="10"/>
    </row>
    <row r="689828" spans="14:14">
      <c r="N689828" s="10"/>
    </row>
    <row r="689829" spans="14:14">
      <c r="N689829" s="10"/>
    </row>
    <row r="689830" spans="14:14">
      <c r="N689830" s="10"/>
    </row>
    <row r="689831" spans="14:14">
      <c r="N689831" s="10"/>
    </row>
    <row r="689832" spans="14:14">
      <c r="N689832" s="10"/>
    </row>
    <row r="689833" spans="14:14">
      <c r="N689833" s="10"/>
    </row>
    <row r="689834" spans="14:14">
      <c r="N689834" s="10"/>
    </row>
    <row r="689835" spans="14:14">
      <c r="N689835" s="10"/>
    </row>
    <row r="689836" spans="14:14">
      <c r="N689836" s="10"/>
    </row>
    <row r="689837" spans="14:14">
      <c r="N689837" s="10"/>
    </row>
    <row r="689838" spans="14:14">
      <c r="N689838" s="10"/>
    </row>
    <row r="689839" spans="14:14">
      <c r="N689839" s="10"/>
    </row>
    <row r="689840" spans="14:14">
      <c r="N689840" s="10"/>
    </row>
    <row r="689841" spans="14:14">
      <c r="N689841" s="10"/>
    </row>
    <row r="689842" spans="14:14">
      <c r="N689842" s="10"/>
    </row>
    <row r="689843" spans="14:14">
      <c r="N689843" s="10"/>
    </row>
    <row r="689844" spans="14:14">
      <c r="N689844" s="10"/>
    </row>
    <row r="689845" spans="14:14">
      <c r="N689845" s="10"/>
    </row>
    <row r="689846" spans="14:14">
      <c r="N689846" s="10"/>
    </row>
    <row r="689847" spans="14:14">
      <c r="N689847" s="10"/>
    </row>
    <row r="689848" spans="14:14">
      <c r="N689848" s="10"/>
    </row>
    <row r="689849" spans="14:14">
      <c r="N689849" s="10"/>
    </row>
    <row r="689850" spans="14:14">
      <c r="N689850" s="10"/>
    </row>
    <row r="689851" spans="14:14">
      <c r="N689851" s="10"/>
    </row>
    <row r="689852" spans="14:14">
      <c r="N689852" s="10"/>
    </row>
    <row r="689853" spans="14:14">
      <c r="N689853" s="10"/>
    </row>
    <row r="689854" spans="14:14">
      <c r="N689854" s="10"/>
    </row>
    <row r="689855" spans="14:14">
      <c r="N689855" s="10"/>
    </row>
    <row r="689856" spans="14:14">
      <c r="N689856" s="10"/>
    </row>
    <row r="689857" spans="14:14">
      <c r="N689857" s="10"/>
    </row>
    <row r="689858" spans="14:14">
      <c r="N689858" s="10"/>
    </row>
    <row r="689859" spans="14:14">
      <c r="N689859" s="10"/>
    </row>
    <row r="689860" spans="14:14">
      <c r="N689860" s="10"/>
    </row>
    <row r="689861" spans="14:14">
      <c r="N689861" s="10"/>
    </row>
    <row r="689862" spans="14:14">
      <c r="N689862" s="10"/>
    </row>
    <row r="689863" spans="14:14">
      <c r="N689863" s="10"/>
    </row>
    <row r="689864" spans="14:14">
      <c r="N689864" s="10"/>
    </row>
    <row r="689865" spans="14:14">
      <c r="N689865" s="10"/>
    </row>
    <row r="689866" spans="14:14">
      <c r="N689866" s="10"/>
    </row>
    <row r="689867" spans="14:14">
      <c r="N689867" s="10"/>
    </row>
    <row r="689868" spans="14:14">
      <c r="N689868" s="10"/>
    </row>
    <row r="689869" spans="14:14">
      <c r="N689869" s="10"/>
    </row>
    <row r="689870" spans="14:14">
      <c r="N689870" s="10"/>
    </row>
    <row r="689871" spans="14:14">
      <c r="N689871" s="10"/>
    </row>
    <row r="689872" spans="14:14">
      <c r="N689872" s="10"/>
    </row>
    <row r="689873" spans="14:14">
      <c r="N689873" s="10"/>
    </row>
    <row r="689874" spans="14:14">
      <c r="N689874" s="10"/>
    </row>
    <row r="689875" spans="14:14">
      <c r="N689875" s="10"/>
    </row>
    <row r="689876" spans="14:14">
      <c r="N689876" s="10"/>
    </row>
    <row r="689877" spans="14:14">
      <c r="N689877" s="10"/>
    </row>
    <row r="689878" spans="14:14">
      <c r="N689878" s="10"/>
    </row>
    <row r="689879" spans="14:14">
      <c r="N689879" s="10"/>
    </row>
    <row r="689880" spans="14:14">
      <c r="N689880" s="10"/>
    </row>
    <row r="689881" spans="14:14">
      <c r="N689881" s="10"/>
    </row>
    <row r="689882" spans="14:14">
      <c r="N689882" s="10"/>
    </row>
    <row r="689883" spans="14:14">
      <c r="N689883" s="10"/>
    </row>
    <row r="689884" spans="14:14">
      <c r="N689884" s="10"/>
    </row>
    <row r="689885" spans="14:14">
      <c r="N689885" s="10"/>
    </row>
    <row r="689886" spans="14:14">
      <c r="N689886" s="10"/>
    </row>
    <row r="689887" spans="14:14">
      <c r="N689887" s="10"/>
    </row>
    <row r="689888" spans="14:14">
      <c r="N689888" s="10"/>
    </row>
    <row r="689889" spans="14:14">
      <c r="N689889" s="10"/>
    </row>
    <row r="689890" spans="14:14">
      <c r="N689890" s="10"/>
    </row>
    <row r="689891" spans="14:14">
      <c r="N689891" s="10"/>
    </row>
    <row r="689892" spans="14:14">
      <c r="N689892" s="10"/>
    </row>
    <row r="689893" spans="14:14">
      <c r="N689893" s="10"/>
    </row>
    <row r="689894" spans="14:14">
      <c r="N689894" s="10"/>
    </row>
    <row r="689895" spans="14:14">
      <c r="N689895" s="10"/>
    </row>
    <row r="689896" spans="14:14">
      <c r="N689896" s="10"/>
    </row>
    <row r="689897" spans="14:14">
      <c r="N689897" s="10"/>
    </row>
    <row r="689898" spans="14:14">
      <c r="N689898" s="10"/>
    </row>
    <row r="689899" spans="14:14">
      <c r="N689899" s="10"/>
    </row>
    <row r="689900" spans="14:14">
      <c r="N689900" s="10"/>
    </row>
    <row r="689901" spans="14:14">
      <c r="N689901" s="10"/>
    </row>
    <row r="689902" spans="14:14">
      <c r="N689902" s="10"/>
    </row>
    <row r="689903" spans="14:14">
      <c r="N689903" s="10"/>
    </row>
    <row r="689904" spans="14:14">
      <c r="N689904" s="10"/>
    </row>
    <row r="689905" spans="14:14">
      <c r="N689905" s="10"/>
    </row>
    <row r="689906" spans="14:14">
      <c r="N689906" s="10"/>
    </row>
    <row r="689907" spans="14:14">
      <c r="N689907" s="10"/>
    </row>
    <row r="689908" spans="14:14">
      <c r="N689908" s="10"/>
    </row>
    <row r="689909" spans="14:14">
      <c r="N689909" s="10"/>
    </row>
    <row r="689910" spans="14:14">
      <c r="N689910" s="10"/>
    </row>
    <row r="689911" spans="14:14">
      <c r="N689911" s="10"/>
    </row>
    <row r="689912" spans="14:14">
      <c r="N689912" s="10"/>
    </row>
    <row r="689913" spans="14:14">
      <c r="N689913" s="10"/>
    </row>
    <row r="689914" spans="14:14">
      <c r="N689914" s="10"/>
    </row>
    <row r="689915" spans="14:14">
      <c r="N689915" s="10"/>
    </row>
    <row r="689916" spans="14:14">
      <c r="N689916" s="10"/>
    </row>
    <row r="689917" spans="14:14">
      <c r="N689917" s="10"/>
    </row>
    <row r="689918" spans="14:14">
      <c r="N689918" s="10"/>
    </row>
    <row r="689919" spans="14:14">
      <c r="N689919" s="10"/>
    </row>
    <row r="689920" spans="14:14">
      <c r="N689920" s="10"/>
    </row>
    <row r="689921" spans="14:14">
      <c r="N689921" s="10"/>
    </row>
    <row r="689922" spans="14:14">
      <c r="N689922" s="10"/>
    </row>
    <row r="689923" spans="14:14">
      <c r="N689923" s="10"/>
    </row>
    <row r="689924" spans="14:14">
      <c r="N689924" s="10"/>
    </row>
    <row r="689925" spans="14:14">
      <c r="N689925" s="10"/>
    </row>
    <row r="689926" spans="14:14">
      <c r="N689926" s="10"/>
    </row>
    <row r="689927" spans="14:14">
      <c r="N689927" s="10"/>
    </row>
    <row r="689928" spans="14:14">
      <c r="N689928" s="10"/>
    </row>
    <row r="689929" spans="14:14">
      <c r="N689929" s="10"/>
    </row>
    <row r="689930" spans="14:14">
      <c r="N689930" s="10"/>
    </row>
    <row r="689931" spans="14:14">
      <c r="N689931" s="10"/>
    </row>
    <row r="689932" spans="14:14">
      <c r="N689932" s="10"/>
    </row>
    <row r="689933" spans="14:14">
      <c r="N689933" s="10"/>
    </row>
    <row r="689934" spans="14:14">
      <c r="N689934" s="10"/>
    </row>
    <row r="689935" spans="14:14">
      <c r="N689935" s="10"/>
    </row>
    <row r="689936" spans="14:14">
      <c r="N689936" s="10"/>
    </row>
    <row r="689937" spans="14:14">
      <c r="N689937" s="10"/>
    </row>
    <row r="689938" spans="14:14">
      <c r="N689938" s="10"/>
    </row>
    <row r="689939" spans="14:14">
      <c r="N689939" s="10"/>
    </row>
    <row r="689940" spans="14:14">
      <c r="N689940" s="10"/>
    </row>
    <row r="689941" spans="14:14">
      <c r="N689941" s="10"/>
    </row>
    <row r="689942" spans="14:14">
      <c r="N689942" s="10"/>
    </row>
    <row r="689943" spans="14:14">
      <c r="N689943" s="10"/>
    </row>
    <row r="689944" spans="14:14">
      <c r="N689944" s="10"/>
    </row>
    <row r="689945" spans="14:14">
      <c r="N689945" s="10"/>
    </row>
    <row r="689946" spans="14:14">
      <c r="N689946" s="10"/>
    </row>
    <row r="689947" spans="14:14">
      <c r="N689947" s="10"/>
    </row>
    <row r="689948" spans="14:14">
      <c r="N689948" s="10"/>
    </row>
    <row r="689949" spans="14:14">
      <c r="N689949" s="10"/>
    </row>
    <row r="689950" spans="14:14">
      <c r="N689950" s="10"/>
    </row>
    <row r="689951" spans="14:14">
      <c r="N689951" s="10"/>
    </row>
    <row r="689952" spans="14:14">
      <c r="N689952" s="10"/>
    </row>
    <row r="689953" spans="14:14">
      <c r="N689953" s="10"/>
    </row>
    <row r="689954" spans="14:14">
      <c r="N689954" s="10"/>
    </row>
    <row r="689955" spans="14:14">
      <c r="N689955" s="10"/>
    </row>
    <row r="689956" spans="14:14">
      <c r="N689956" s="10"/>
    </row>
    <row r="689957" spans="14:14">
      <c r="N689957" s="10"/>
    </row>
    <row r="689958" spans="14:14">
      <c r="N689958" s="10"/>
    </row>
    <row r="689959" spans="14:14">
      <c r="N689959" s="10"/>
    </row>
    <row r="689960" spans="14:14">
      <c r="N689960" s="10"/>
    </row>
    <row r="689961" spans="14:14">
      <c r="N689961" s="10"/>
    </row>
    <row r="689962" spans="14:14">
      <c r="N689962" s="10"/>
    </row>
    <row r="689963" spans="14:14">
      <c r="N689963" s="10"/>
    </row>
    <row r="689964" spans="14:14">
      <c r="N689964" s="10"/>
    </row>
    <row r="689965" spans="14:14">
      <c r="N689965" s="10"/>
    </row>
    <row r="689966" spans="14:14">
      <c r="N689966" s="10"/>
    </row>
    <row r="689967" spans="14:14">
      <c r="N689967" s="10"/>
    </row>
    <row r="689968" spans="14:14">
      <c r="N689968" s="10"/>
    </row>
    <row r="689969" spans="14:14">
      <c r="N689969" s="10"/>
    </row>
    <row r="689970" spans="14:14">
      <c r="N689970" s="10"/>
    </row>
    <row r="689971" spans="14:14">
      <c r="N689971" s="10"/>
    </row>
    <row r="689972" spans="14:14">
      <c r="N689972" s="10"/>
    </row>
    <row r="689973" spans="14:14">
      <c r="N689973" s="10"/>
    </row>
    <row r="689974" spans="14:14">
      <c r="N689974" s="10"/>
    </row>
    <row r="689975" spans="14:14">
      <c r="N689975" s="10"/>
    </row>
    <row r="689976" spans="14:14">
      <c r="N689976" s="10"/>
    </row>
    <row r="689977" spans="14:14">
      <c r="N689977" s="10"/>
    </row>
    <row r="689978" spans="14:14">
      <c r="N689978" s="10"/>
    </row>
    <row r="689979" spans="14:14">
      <c r="N689979" s="10"/>
    </row>
    <row r="689980" spans="14:14">
      <c r="N689980" s="10"/>
    </row>
    <row r="689981" spans="14:14">
      <c r="N689981" s="10"/>
    </row>
    <row r="689982" spans="14:14">
      <c r="N689982" s="10"/>
    </row>
    <row r="689983" spans="14:14">
      <c r="N689983" s="10"/>
    </row>
    <row r="689984" spans="14:14">
      <c r="N689984" s="10"/>
    </row>
    <row r="689985" spans="14:14">
      <c r="N689985" s="10"/>
    </row>
    <row r="689986" spans="14:14">
      <c r="N689986" s="10"/>
    </row>
    <row r="689987" spans="14:14">
      <c r="N689987" s="10"/>
    </row>
    <row r="689988" spans="14:14">
      <c r="N689988" s="10"/>
    </row>
    <row r="689989" spans="14:14">
      <c r="N689989" s="10"/>
    </row>
    <row r="689990" spans="14:14">
      <c r="N689990" s="10"/>
    </row>
    <row r="689991" spans="14:14">
      <c r="N689991" s="10"/>
    </row>
    <row r="689992" spans="14:14">
      <c r="N689992" s="10"/>
    </row>
    <row r="689993" spans="14:14">
      <c r="N689993" s="10"/>
    </row>
    <row r="689994" spans="14:14">
      <c r="N689994" s="10"/>
    </row>
    <row r="689995" spans="14:14">
      <c r="N689995" s="10"/>
    </row>
    <row r="689996" spans="14:14">
      <c r="N689996" s="10"/>
    </row>
    <row r="689997" spans="14:14">
      <c r="N689997" s="10"/>
    </row>
    <row r="689998" spans="14:14">
      <c r="N689998" s="10"/>
    </row>
    <row r="689999" spans="14:14">
      <c r="N689999" s="10"/>
    </row>
    <row r="690000" spans="14:14">
      <c r="N690000" s="10"/>
    </row>
    <row r="690001" spans="14:14">
      <c r="N690001" s="10"/>
    </row>
    <row r="690002" spans="14:14">
      <c r="N690002" s="10"/>
    </row>
    <row r="690003" spans="14:14">
      <c r="N690003" s="10"/>
    </row>
    <row r="690004" spans="14:14">
      <c r="N690004" s="10"/>
    </row>
    <row r="690005" spans="14:14">
      <c r="N690005" s="10"/>
    </row>
    <row r="690006" spans="14:14">
      <c r="N690006" s="10"/>
    </row>
    <row r="690007" spans="14:14">
      <c r="N690007" s="10"/>
    </row>
    <row r="690008" spans="14:14">
      <c r="N690008" s="10"/>
    </row>
    <row r="690009" spans="14:14">
      <c r="N690009" s="10"/>
    </row>
    <row r="690010" spans="14:14">
      <c r="N690010" s="10"/>
    </row>
    <row r="690011" spans="14:14">
      <c r="N690011" s="10"/>
    </row>
    <row r="690012" spans="14:14">
      <c r="N690012" s="10"/>
    </row>
    <row r="690013" spans="14:14">
      <c r="N690013" s="10"/>
    </row>
    <row r="690014" spans="14:14">
      <c r="N690014" s="10"/>
    </row>
    <row r="690015" spans="14:14">
      <c r="N690015" s="10"/>
    </row>
    <row r="690016" spans="14:14">
      <c r="N690016" s="10"/>
    </row>
    <row r="690017" spans="14:14">
      <c r="N690017" s="10"/>
    </row>
    <row r="690018" spans="14:14">
      <c r="N690018" s="10"/>
    </row>
    <row r="690019" spans="14:14">
      <c r="N690019" s="10"/>
    </row>
    <row r="690020" spans="14:14">
      <c r="N690020" s="10"/>
    </row>
    <row r="690021" spans="14:14">
      <c r="N690021" s="10"/>
    </row>
    <row r="690022" spans="14:14">
      <c r="N690022" s="10"/>
    </row>
    <row r="690023" spans="14:14">
      <c r="N690023" s="10"/>
    </row>
    <row r="690024" spans="14:14">
      <c r="N690024" s="10"/>
    </row>
    <row r="690025" spans="14:14">
      <c r="N690025" s="10"/>
    </row>
    <row r="690026" spans="14:14">
      <c r="N690026" s="10"/>
    </row>
    <row r="690027" spans="14:14">
      <c r="N690027" s="10"/>
    </row>
    <row r="690028" spans="14:14">
      <c r="N690028" s="10"/>
    </row>
    <row r="690029" spans="14:14">
      <c r="N690029" s="10"/>
    </row>
    <row r="690030" spans="14:14">
      <c r="N690030" s="10"/>
    </row>
    <row r="690031" spans="14:14">
      <c r="N690031" s="10"/>
    </row>
    <row r="690032" spans="14:14">
      <c r="N690032" s="10"/>
    </row>
    <row r="690033" spans="14:14">
      <c r="N690033" s="10"/>
    </row>
    <row r="690034" spans="14:14">
      <c r="N690034" s="10"/>
    </row>
    <row r="690035" spans="14:14">
      <c r="N690035" s="10"/>
    </row>
    <row r="690036" spans="14:14">
      <c r="N690036" s="10"/>
    </row>
    <row r="690037" spans="14:14">
      <c r="N690037" s="10"/>
    </row>
    <row r="690038" spans="14:14">
      <c r="N690038" s="10"/>
    </row>
    <row r="690039" spans="14:14">
      <c r="N690039" s="10"/>
    </row>
    <row r="690040" spans="14:14">
      <c r="N690040" s="10"/>
    </row>
    <row r="690041" spans="14:14">
      <c r="N690041" s="10"/>
    </row>
    <row r="690042" spans="14:14">
      <c r="N690042" s="10"/>
    </row>
    <row r="690043" spans="14:14">
      <c r="N690043" s="10"/>
    </row>
    <row r="690044" spans="14:14">
      <c r="N690044" s="10"/>
    </row>
    <row r="690045" spans="14:14">
      <c r="N690045" s="10"/>
    </row>
    <row r="690046" spans="14:14">
      <c r="N690046" s="10"/>
    </row>
    <row r="690047" spans="14:14">
      <c r="N690047" s="10"/>
    </row>
    <row r="690048" spans="14:14">
      <c r="N690048" s="10"/>
    </row>
    <row r="690049" spans="14:14">
      <c r="N690049" s="10"/>
    </row>
    <row r="690050" spans="14:14">
      <c r="N690050" s="10"/>
    </row>
    <row r="690051" spans="14:14">
      <c r="N690051" s="10"/>
    </row>
    <row r="690052" spans="14:14">
      <c r="N690052" s="10"/>
    </row>
    <row r="690053" spans="14:14">
      <c r="N690053" s="10"/>
    </row>
    <row r="690054" spans="14:14">
      <c r="N690054" s="10"/>
    </row>
    <row r="690055" spans="14:14">
      <c r="N690055" s="10"/>
    </row>
    <row r="690056" spans="14:14">
      <c r="N690056" s="10"/>
    </row>
    <row r="690057" spans="14:14">
      <c r="N690057" s="10"/>
    </row>
    <row r="690058" spans="14:14">
      <c r="N690058" s="10"/>
    </row>
    <row r="690059" spans="14:14">
      <c r="N690059" s="10"/>
    </row>
    <row r="690060" spans="14:14">
      <c r="N690060" s="10"/>
    </row>
    <row r="690061" spans="14:14">
      <c r="N690061" s="10"/>
    </row>
    <row r="690062" spans="14:14">
      <c r="N690062" s="10"/>
    </row>
    <row r="690063" spans="14:14">
      <c r="N690063" s="10"/>
    </row>
    <row r="690064" spans="14:14">
      <c r="N690064" s="10"/>
    </row>
    <row r="690065" spans="14:14">
      <c r="N690065" s="10"/>
    </row>
    <row r="690066" spans="14:14">
      <c r="N690066" s="10"/>
    </row>
    <row r="690067" spans="14:14">
      <c r="N690067" s="10"/>
    </row>
    <row r="690068" spans="14:14">
      <c r="N690068" s="10"/>
    </row>
    <row r="690069" spans="14:14">
      <c r="N690069" s="10"/>
    </row>
    <row r="690070" spans="14:14">
      <c r="N690070" s="10"/>
    </row>
    <row r="690071" spans="14:14">
      <c r="N690071" s="10"/>
    </row>
    <row r="690072" spans="14:14">
      <c r="N690072" s="10"/>
    </row>
    <row r="690073" spans="14:14">
      <c r="N690073" s="10"/>
    </row>
    <row r="690074" spans="14:14">
      <c r="N690074" s="10"/>
    </row>
    <row r="690075" spans="14:14">
      <c r="N690075" s="10"/>
    </row>
    <row r="690076" spans="14:14">
      <c r="N690076" s="10"/>
    </row>
    <row r="690077" spans="14:14">
      <c r="N690077" s="10"/>
    </row>
    <row r="690078" spans="14:14">
      <c r="N690078" s="10"/>
    </row>
    <row r="690079" spans="14:14">
      <c r="N690079" s="10"/>
    </row>
    <row r="690080" spans="14:14">
      <c r="N690080" s="10"/>
    </row>
    <row r="690081" spans="14:14">
      <c r="N690081" s="10"/>
    </row>
    <row r="690082" spans="14:14">
      <c r="N690082" s="10"/>
    </row>
    <row r="690083" spans="14:14">
      <c r="N690083" s="10"/>
    </row>
    <row r="690084" spans="14:14">
      <c r="N690084" s="10"/>
    </row>
    <row r="690085" spans="14:14">
      <c r="N690085" s="10"/>
    </row>
    <row r="690086" spans="14:14">
      <c r="N690086" s="10"/>
    </row>
    <row r="690087" spans="14:14">
      <c r="N690087" s="10"/>
    </row>
    <row r="690088" spans="14:14">
      <c r="N690088" s="10"/>
    </row>
    <row r="690089" spans="14:14">
      <c r="N690089" s="10"/>
    </row>
    <row r="690090" spans="14:14">
      <c r="N690090" s="10"/>
    </row>
    <row r="690091" spans="14:14">
      <c r="N690091" s="10"/>
    </row>
    <row r="690092" spans="14:14">
      <c r="N690092" s="10"/>
    </row>
    <row r="690093" spans="14:14">
      <c r="N690093" s="10"/>
    </row>
    <row r="690094" spans="14:14">
      <c r="N690094" s="10"/>
    </row>
    <row r="690095" spans="14:14">
      <c r="N690095" s="10"/>
    </row>
    <row r="690096" spans="14:14">
      <c r="N690096" s="10"/>
    </row>
    <row r="690097" spans="14:14">
      <c r="N690097" s="10"/>
    </row>
    <row r="690098" spans="14:14">
      <c r="N690098" s="10"/>
    </row>
    <row r="690099" spans="14:14">
      <c r="N690099" s="10"/>
    </row>
    <row r="690100" spans="14:14">
      <c r="N690100" s="10"/>
    </row>
    <row r="690101" spans="14:14">
      <c r="N690101" s="10"/>
    </row>
    <row r="690102" spans="14:14">
      <c r="N690102" s="10"/>
    </row>
    <row r="690103" spans="14:14">
      <c r="N690103" s="10"/>
    </row>
    <row r="690104" spans="14:14">
      <c r="N690104" s="10"/>
    </row>
    <row r="690105" spans="14:14">
      <c r="N690105" s="10"/>
    </row>
    <row r="690106" spans="14:14">
      <c r="N690106" s="10"/>
    </row>
    <row r="690107" spans="14:14">
      <c r="N690107" s="10"/>
    </row>
    <row r="690108" spans="14:14">
      <c r="N690108" s="10"/>
    </row>
    <row r="690109" spans="14:14">
      <c r="N690109" s="10"/>
    </row>
    <row r="690110" spans="14:14">
      <c r="N690110" s="10"/>
    </row>
    <row r="690111" spans="14:14">
      <c r="N690111" s="10"/>
    </row>
    <row r="690112" spans="14:14">
      <c r="N690112" s="10"/>
    </row>
    <row r="690113" spans="14:14">
      <c r="N690113" s="10"/>
    </row>
    <row r="690114" spans="14:14">
      <c r="N690114" s="10"/>
    </row>
    <row r="690115" spans="14:14">
      <c r="N690115" s="10"/>
    </row>
    <row r="690116" spans="14:14">
      <c r="N690116" s="10"/>
    </row>
    <row r="690117" spans="14:14">
      <c r="N690117" s="10"/>
    </row>
    <row r="690118" spans="14:14">
      <c r="N690118" s="10"/>
    </row>
    <row r="690119" spans="14:14">
      <c r="N690119" s="10"/>
    </row>
    <row r="690120" spans="14:14">
      <c r="N690120" s="10"/>
    </row>
    <row r="690121" spans="14:14">
      <c r="N690121" s="10"/>
    </row>
    <row r="690122" spans="14:14">
      <c r="N690122" s="10"/>
    </row>
    <row r="690123" spans="14:14">
      <c r="N690123" s="10"/>
    </row>
    <row r="690124" spans="14:14">
      <c r="N690124" s="10"/>
    </row>
    <row r="690125" spans="14:14">
      <c r="N690125" s="10"/>
    </row>
    <row r="690126" spans="14:14">
      <c r="N690126" s="10"/>
    </row>
    <row r="690127" spans="14:14">
      <c r="N690127" s="10"/>
    </row>
    <row r="690128" spans="14:14">
      <c r="N690128" s="10"/>
    </row>
    <row r="690129" spans="14:14">
      <c r="N690129" s="10"/>
    </row>
    <row r="690130" spans="14:14">
      <c r="N690130" s="10"/>
    </row>
    <row r="690131" spans="14:14">
      <c r="N690131" s="10"/>
    </row>
    <row r="690132" spans="14:14">
      <c r="N690132" s="10"/>
    </row>
    <row r="690133" spans="14:14">
      <c r="N690133" s="10"/>
    </row>
    <row r="690134" spans="14:14">
      <c r="N690134" s="10"/>
    </row>
    <row r="690135" spans="14:14">
      <c r="N690135" s="10"/>
    </row>
    <row r="690136" spans="14:14">
      <c r="N690136" s="10"/>
    </row>
    <row r="690137" spans="14:14">
      <c r="N690137" s="10"/>
    </row>
    <row r="690138" spans="14:14">
      <c r="N690138" s="10"/>
    </row>
    <row r="690139" spans="14:14">
      <c r="N690139" s="10"/>
    </row>
    <row r="690140" spans="14:14">
      <c r="N690140" s="10"/>
    </row>
    <row r="690141" spans="14:14">
      <c r="N690141" s="10"/>
    </row>
    <row r="690142" spans="14:14">
      <c r="N690142" s="10"/>
    </row>
    <row r="690143" spans="14:14">
      <c r="N690143" s="10"/>
    </row>
    <row r="690144" spans="14:14">
      <c r="N690144" s="10"/>
    </row>
    <row r="690145" spans="14:14">
      <c r="N690145" s="10"/>
    </row>
    <row r="690146" spans="14:14">
      <c r="N690146" s="10"/>
    </row>
    <row r="690147" spans="14:14">
      <c r="N690147" s="10"/>
    </row>
    <row r="690148" spans="14:14">
      <c r="N690148" s="10"/>
    </row>
    <row r="690149" spans="14:14">
      <c r="N690149" s="10"/>
    </row>
    <row r="690150" spans="14:14">
      <c r="N690150" s="10"/>
    </row>
    <row r="690151" spans="14:14">
      <c r="N690151" s="10"/>
    </row>
    <row r="690152" spans="14:14">
      <c r="N690152" s="10"/>
    </row>
    <row r="690153" spans="14:14">
      <c r="N690153" s="10"/>
    </row>
    <row r="690154" spans="14:14">
      <c r="N690154" s="10"/>
    </row>
    <row r="690155" spans="14:14">
      <c r="N690155" s="10"/>
    </row>
    <row r="690156" spans="14:14">
      <c r="N690156" s="10"/>
    </row>
    <row r="690157" spans="14:14">
      <c r="N690157" s="10"/>
    </row>
    <row r="690158" spans="14:14">
      <c r="N690158" s="10"/>
    </row>
    <row r="690159" spans="14:14">
      <c r="N690159" s="10"/>
    </row>
    <row r="690160" spans="14:14">
      <c r="N690160" s="10"/>
    </row>
    <row r="690161" spans="14:14">
      <c r="N690161" s="10"/>
    </row>
    <row r="690162" spans="14:14">
      <c r="N690162" s="10"/>
    </row>
    <row r="690163" spans="14:14">
      <c r="N690163" s="10"/>
    </row>
    <row r="690164" spans="14:14">
      <c r="N690164" s="10"/>
    </row>
    <row r="690165" spans="14:14">
      <c r="N690165" s="10"/>
    </row>
    <row r="690166" spans="14:14">
      <c r="N690166" s="10"/>
    </row>
    <row r="690167" spans="14:14">
      <c r="N690167" s="10"/>
    </row>
    <row r="690168" spans="14:14">
      <c r="N690168" s="10"/>
    </row>
    <row r="690169" spans="14:14">
      <c r="N690169" s="10"/>
    </row>
    <row r="690170" spans="14:14">
      <c r="N690170" s="10"/>
    </row>
    <row r="690171" spans="14:14">
      <c r="N690171" s="10"/>
    </row>
    <row r="690172" spans="14:14">
      <c r="N690172" s="10"/>
    </row>
    <row r="690173" spans="14:14">
      <c r="N690173" s="10"/>
    </row>
    <row r="690174" spans="14:14">
      <c r="N690174" s="10"/>
    </row>
    <row r="690175" spans="14:14">
      <c r="N690175" s="10"/>
    </row>
    <row r="690176" spans="14:14">
      <c r="N690176" s="10"/>
    </row>
    <row r="690177" spans="14:14">
      <c r="N690177" s="10"/>
    </row>
    <row r="690178" spans="14:14">
      <c r="N690178" s="10"/>
    </row>
    <row r="690179" spans="14:14">
      <c r="N690179" s="10"/>
    </row>
    <row r="690180" spans="14:14">
      <c r="N690180" s="10"/>
    </row>
    <row r="690181" spans="14:14">
      <c r="N690181" s="10"/>
    </row>
    <row r="690182" spans="14:14">
      <c r="N690182" s="10"/>
    </row>
    <row r="690183" spans="14:14">
      <c r="N690183" s="10"/>
    </row>
    <row r="690184" spans="14:14">
      <c r="N690184" s="10"/>
    </row>
    <row r="690185" spans="14:14">
      <c r="N690185" s="10"/>
    </row>
    <row r="690186" spans="14:14">
      <c r="N690186" s="10"/>
    </row>
    <row r="690187" spans="14:14">
      <c r="N690187" s="10"/>
    </row>
    <row r="690188" spans="14:14">
      <c r="N690188" s="10"/>
    </row>
    <row r="690189" spans="14:14">
      <c r="N690189" s="10"/>
    </row>
    <row r="690190" spans="14:14">
      <c r="N690190" s="10"/>
    </row>
    <row r="690191" spans="14:14">
      <c r="N690191" s="10"/>
    </row>
    <row r="690192" spans="14:14">
      <c r="N690192" s="10"/>
    </row>
    <row r="690193" spans="14:14">
      <c r="N690193" s="10"/>
    </row>
    <row r="690194" spans="14:14">
      <c r="N690194" s="10"/>
    </row>
    <row r="690195" spans="14:14">
      <c r="N690195" s="10"/>
    </row>
    <row r="690196" spans="14:14">
      <c r="N690196" s="10"/>
    </row>
    <row r="690197" spans="14:14">
      <c r="N690197" s="10"/>
    </row>
    <row r="690198" spans="14:14">
      <c r="N690198" s="10"/>
    </row>
    <row r="690199" spans="14:14">
      <c r="N690199" s="10"/>
    </row>
    <row r="690200" spans="14:14">
      <c r="N690200" s="10"/>
    </row>
    <row r="690201" spans="14:14">
      <c r="N690201" s="10"/>
    </row>
    <row r="690202" spans="14:14">
      <c r="N690202" s="10"/>
    </row>
    <row r="690203" spans="14:14">
      <c r="N690203" s="10"/>
    </row>
    <row r="690204" spans="14:14">
      <c r="N690204" s="10"/>
    </row>
    <row r="690205" spans="14:14">
      <c r="N690205" s="10"/>
    </row>
    <row r="690206" spans="14:14">
      <c r="N690206" s="10"/>
    </row>
    <row r="690207" spans="14:14">
      <c r="N690207" s="10"/>
    </row>
    <row r="690208" spans="14:14">
      <c r="N690208" s="10"/>
    </row>
    <row r="690209" spans="14:14">
      <c r="N690209" s="10"/>
    </row>
    <row r="690210" spans="14:14">
      <c r="N690210" s="10"/>
    </row>
    <row r="690211" spans="14:14">
      <c r="N690211" s="10"/>
    </row>
    <row r="690212" spans="14:14">
      <c r="N690212" s="10"/>
    </row>
    <row r="690213" spans="14:14">
      <c r="N690213" s="10"/>
    </row>
    <row r="690214" spans="14:14">
      <c r="N690214" s="10"/>
    </row>
    <row r="690215" spans="14:14">
      <c r="N690215" s="10"/>
    </row>
    <row r="690216" spans="14:14">
      <c r="N690216" s="10"/>
    </row>
    <row r="690217" spans="14:14">
      <c r="N690217" s="10"/>
    </row>
    <row r="690218" spans="14:14">
      <c r="N690218" s="10"/>
    </row>
    <row r="690219" spans="14:14">
      <c r="N690219" s="10"/>
    </row>
    <row r="690220" spans="14:14">
      <c r="N690220" s="10"/>
    </row>
    <row r="690221" spans="14:14">
      <c r="N690221" s="10"/>
    </row>
    <row r="690222" spans="14:14">
      <c r="N690222" s="10"/>
    </row>
    <row r="690223" spans="14:14">
      <c r="N690223" s="10"/>
    </row>
    <row r="690224" spans="14:14">
      <c r="N690224" s="10"/>
    </row>
    <row r="690225" spans="14:14">
      <c r="N690225" s="10"/>
    </row>
    <row r="690226" spans="14:14">
      <c r="N690226" s="10"/>
    </row>
    <row r="690227" spans="14:14">
      <c r="N690227" s="10"/>
    </row>
    <row r="690228" spans="14:14">
      <c r="N690228" s="10"/>
    </row>
    <row r="690229" spans="14:14">
      <c r="N690229" s="10"/>
    </row>
    <row r="690230" spans="14:14">
      <c r="N690230" s="10"/>
    </row>
    <row r="690231" spans="14:14">
      <c r="N690231" s="10"/>
    </row>
    <row r="690232" spans="14:14">
      <c r="N690232" s="10"/>
    </row>
    <row r="690233" spans="14:14">
      <c r="N690233" s="10"/>
    </row>
    <row r="690234" spans="14:14">
      <c r="N690234" s="10"/>
    </row>
    <row r="690235" spans="14:14">
      <c r="N690235" s="10"/>
    </row>
    <row r="690236" spans="14:14">
      <c r="N690236" s="10"/>
    </row>
    <row r="690237" spans="14:14">
      <c r="N690237" s="10"/>
    </row>
    <row r="690238" spans="14:14">
      <c r="N690238" s="10"/>
    </row>
    <row r="690239" spans="14:14">
      <c r="N690239" s="10"/>
    </row>
    <row r="690240" spans="14:14">
      <c r="N690240" s="10"/>
    </row>
    <row r="690241" spans="14:14">
      <c r="N690241" s="10"/>
    </row>
    <row r="690242" spans="14:14">
      <c r="N690242" s="10"/>
    </row>
    <row r="690243" spans="14:14">
      <c r="N690243" s="10"/>
    </row>
    <row r="690244" spans="14:14">
      <c r="N690244" s="10"/>
    </row>
    <row r="690245" spans="14:14">
      <c r="N690245" s="10"/>
    </row>
    <row r="690246" spans="14:14">
      <c r="N690246" s="10"/>
    </row>
    <row r="690247" spans="14:14">
      <c r="N690247" s="10"/>
    </row>
    <row r="690248" spans="14:14">
      <c r="N690248" s="10"/>
    </row>
    <row r="690249" spans="14:14">
      <c r="N690249" s="10"/>
    </row>
    <row r="690250" spans="14:14">
      <c r="N690250" s="10"/>
    </row>
    <row r="690251" spans="14:14">
      <c r="N690251" s="10"/>
    </row>
    <row r="690252" spans="14:14">
      <c r="N690252" s="10"/>
    </row>
    <row r="690253" spans="14:14">
      <c r="N690253" s="10"/>
    </row>
    <row r="690254" spans="14:14">
      <c r="N690254" s="10"/>
    </row>
    <row r="690255" spans="14:14">
      <c r="N690255" s="10"/>
    </row>
    <row r="690256" spans="14:14">
      <c r="N690256" s="10"/>
    </row>
    <row r="690257" spans="14:14">
      <c r="N690257" s="10"/>
    </row>
    <row r="690258" spans="14:14">
      <c r="N690258" s="10"/>
    </row>
    <row r="690259" spans="14:14">
      <c r="N690259" s="10"/>
    </row>
    <row r="690260" spans="14:14">
      <c r="N690260" s="10"/>
    </row>
    <row r="690261" spans="14:14">
      <c r="N690261" s="10"/>
    </row>
    <row r="690262" spans="14:14">
      <c r="N690262" s="10"/>
    </row>
    <row r="690263" spans="14:14">
      <c r="N690263" s="10"/>
    </row>
    <row r="690264" spans="14:14">
      <c r="N690264" s="10"/>
    </row>
    <row r="690265" spans="14:14">
      <c r="N690265" s="10"/>
    </row>
    <row r="690266" spans="14:14">
      <c r="N690266" s="10"/>
    </row>
    <row r="690267" spans="14:14">
      <c r="N690267" s="10"/>
    </row>
    <row r="690268" spans="14:14">
      <c r="N690268" s="10"/>
    </row>
    <row r="690269" spans="14:14">
      <c r="N690269" s="10"/>
    </row>
    <row r="690270" spans="14:14">
      <c r="N690270" s="10"/>
    </row>
    <row r="690271" spans="14:14">
      <c r="N690271" s="10"/>
    </row>
    <row r="690272" spans="14:14">
      <c r="N690272" s="10"/>
    </row>
    <row r="690273" spans="14:14">
      <c r="N690273" s="10"/>
    </row>
    <row r="690274" spans="14:14">
      <c r="N690274" s="10"/>
    </row>
    <row r="690275" spans="14:14">
      <c r="N690275" s="10"/>
    </row>
    <row r="690276" spans="14:14">
      <c r="N690276" s="10"/>
    </row>
    <row r="690277" spans="14:14">
      <c r="N690277" s="10"/>
    </row>
    <row r="690278" spans="14:14">
      <c r="N690278" s="10"/>
    </row>
    <row r="690279" spans="14:14">
      <c r="N690279" s="10"/>
    </row>
    <row r="690280" spans="14:14">
      <c r="N690280" s="10"/>
    </row>
    <row r="690281" spans="14:14">
      <c r="N690281" s="10"/>
    </row>
    <row r="690282" spans="14:14">
      <c r="N690282" s="10"/>
    </row>
    <row r="690283" spans="14:14">
      <c r="N690283" s="10"/>
    </row>
    <row r="690284" spans="14:14">
      <c r="N690284" s="10"/>
    </row>
    <row r="690285" spans="14:14">
      <c r="N690285" s="10"/>
    </row>
    <row r="690286" spans="14:14">
      <c r="N690286" s="10"/>
    </row>
    <row r="690287" spans="14:14">
      <c r="N690287" s="10"/>
    </row>
    <row r="690288" spans="14:14">
      <c r="N690288" s="10"/>
    </row>
    <row r="690289" spans="14:14">
      <c r="N690289" s="10"/>
    </row>
    <row r="690290" spans="14:14">
      <c r="N690290" s="10"/>
    </row>
    <row r="690291" spans="14:14">
      <c r="N690291" s="10"/>
    </row>
    <row r="690292" spans="14:14">
      <c r="N690292" s="10"/>
    </row>
    <row r="690293" spans="14:14">
      <c r="N690293" s="10"/>
    </row>
    <row r="690294" spans="14:14">
      <c r="N690294" s="10"/>
    </row>
    <row r="690295" spans="14:14">
      <c r="N690295" s="10"/>
    </row>
    <row r="690296" spans="14:14">
      <c r="N690296" s="10"/>
    </row>
    <row r="690297" spans="14:14">
      <c r="N690297" s="10"/>
    </row>
    <row r="690298" spans="14:14">
      <c r="N690298" s="10"/>
    </row>
    <row r="690299" spans="14:14">
      <c r="N690299" s="10"/>
    </row>
    <row r="690300" spans="14:14">
      <c r="N690300" s="10"/>
    </row>
    <row r="690301" spans="14:14">
      <c r="N690301" s="10"/>
    </row>
    <row r="690302" spans="14:14">
      <c r="N690302" s="10"/>
    </row>
    <row r="690303" spans="14:14">
      <c r="N690303" s="10"/>
    </row>
    <row r="690304" spans="14:14">
      <c r="N690304" s="10"/>
    </row>
    <row r="690305" spans="14:14">
      <c r="N690305" s="10"/>
    </row>
    <row r="690306" spans="14:14">
      <c r="N690306" s="10"/>
    </row>
    <row r="690307" spans="14:14">
      <c r="N690307" s="10"/>
    </row>
    <row r="690308" spans="14:14">
      <c r="N690308" s="10"/>
    </row>
    <row r="690309" spans="14:14">
      <c r="N690309" s="10"/>
    </row>
    <row r="690310" spans="14:14">
      <c r="N690310" s="10"/>
    </row>
    <row r="690311" spans="14:14">
      <c r="N690311" s="10"/>
    </row>
    <row r="690312" spans="14:14">
      <c r="N690312" s="10"/>
    </row>
    <row r="690313" spans="14:14">
      <c r="N690313" s="10"/>
    </row>
    <row r="690314" spans="14:14">
      <c r="N690314" s="10"/>
    </row>
    <row r="690315" spans="14:14">
      <c r="N690315" s="10"/>
    </row>
    <row r="690316" spans="14:14">
      <c r="N690316" s="10"/>
    </row>
    <row r="690317" spans="14:14">
      <c r="N690317" s="10"/>
    </row>
    <row r="690318" spans="14:14">
      <c r="N690318" s="10"/>
    </row>
    <row r="690319" spans="14:14">
      <c r="N690319" s="10"/>
    </row>
    <row r="690320" spans="14:14">
      <c r="N690320" s="10"/>
    </row>
    <row r="690321" spans="14:14">
      <c r="N690321" s="10"/>
    </row>
    <row r="690322" spans="14:14">
      <c r="N690322" s="10"/>
    </row>
    <row r="690323" spans="14:14">
      <c r="N690323" s="10"/>
    </row>
    <row r="690324" spans="14:14">
      <c r="N690324" s="10"/>
    </row>
    <row r="690325" spans="14:14">
      <c r="N690325" s="10"/>
    </row>
    <row r="690326" spans="14:14">
      <c r="N690326" s="10"/>
    </row>
    <row r="690327" spans="14:14">
      <c r="N690327" s="10"/>
    </row>
    <row r="690328" spans="14:14">
      <c r="N690328" s="10"/>
    </row>
    <row r="690329" spans="14:14">
      <c r="N690329" s="10"/>
    </row>
    <row r="690330" spans="14:14">
      <c r="N690330" s="10"/>
    </row>
    <row r="690331" spans="14:14">
      <c r="N690331" s="10"/>
    </row>
    <row r="690332" spans="14:14">
      <c r="N690332" s="10"/>
    </row>
    <row r="690333" spans="14:14">
      <c r="N690333" s="10"/>
    </row>
    <row r="690334" spans="14:14">
      <c r="N690334" s="10"/>
    </row>
    <row r="690335" spans="14:14">
      <c r="N690335" s="10"/>
    </row>
    <row r="690336" spans="14:14">
      <c r="N690336" s="10"/>
    </row>
    <row r="690337" spans="14:14">
      <c r="N690337" s="10"/>
    </row>
    <row r="690338" spans="14:14">
      <c r="N690338" s="10"/>
    </row>
    <row r="690339" spans="14:14">
      <c r="N690339" s="10"/>
    </row>
    <row r="690340" spans="14:14">
      <c r="N690340" s="10"/>
    </row>
    <row r="690341" spans="14:14">
      <c r="N690341" s="10"/>
    </row>
    <row r="690342" spans="14:14">
      <c r="N690342" s="10"/>
    </row>
    <row r="690343" spans="14:14">
      <c r="N690343" s="10"/>
    </row>
    <row r="690344" spans="14:14">
      <c r="N690344" s="10"/>
    </row>
    <row r="690345" spans="14:14">
      <c r="N690345" s="10"/>
    </row>
    <row r="690346" spans="14:14">
      <c r="N690346" s="10"/>
    </row>
    <row r="690347" spans="14:14">
      <c r="N690347" s="10"/>
    </row>
    <row r="690348" spans="14:14">
      <c r="N690348" s="10"/>
    </row>
    <row r="690349" spans="14:14">
      <c r="N690349" s="10"/>
    </row>
    <row r="690350" spans="14:14">
      <c r="N690350" s="10"/>
    </row>
    <row r="690351" spans="14:14">
      <c r="N690351" s="10"/>
    </row>
    <row r="690352" spans="14:14">
      <c r="N690352" s="10"/>
    </row>
    <row r="690353" spans="14:14">
      <c r="N690353" s="10"/>
    </row>
    <row r="690354" spans="14:14">
      <c r="N690354" s="10"/>
    </row>
    <row r="690355" spans="14:14">
      <c r="N690355" s="10"/>
    </row>
    <row r="690356" spans="14:14">
      <c r="N690356" s="10"/>
    </row>
    <row r="690357" spans="14:14">
      <c r="N690357" s="10"/>
    </row>
    <row r="690358" spans="14:14">
      <c r="N690358" s="10"/>
    </row>
    <row r="690359" spans="14:14">
      <c r="N690359" s="10"/>
    </row>
    <row r="690360" spans="14:14">
      <c r="N690360" s="10"/>
    </row>
    <row r="690361" spans="14:14">
      <c r="N690361" s="10"/>
    </row>
    <row r="690362" spans="14:14">
      <c r="N690362" s="10"/>
    </row>
    <row r="690363" spans="14:14">
      <c r="N690363" s="10"/>
    </row>
    <row r="690364" spans="14:14">
      <c r="N690364" s="10"/>
    </row>
    <row r="690365" spans="14:14">
      <c r="N690365" s="10"/>
    </row>
    <row r="690366" spans="14:14">
      <c r="N690366" s="10"/>
    </row>
    <row r="690367" spans="14:14">
      <c r="N690367" s="10"/>
    </row>
    <row r="690368" spans="14:14">
      <c r="N690368" s="10"/>
    </row>
    <row r="690369" spans="14:14">
      <c r="N690369" s="10"/>
    </row>
    <row r="690370" spans="14:14">
      <c r="N690370" s="10"/>
    </row>
    <row r="690371" spans="14:14">
      <c r="N690371" s="10"/>
    </row>
    <row r="690372" spans="14:14">
      <c r="N690372" s="10"/>
    </row>
    <row r="690373" spans="14:14">
      <c r="N690373" s="10"/>
    </row>
    <row r="690374" spans="14:14">
      <c r="N690374" s="10"/>
    </row>
    <row r="690375" spans="14:14">
      <c r="N690375" s="10"/>
    </row>
    <row r="690376" spans="14:14">
      <c r="N690376" s="10"/>
    </row>
    <row r="690377" spans="14:14">
      <c r="N690377" s="10"/>
    </row>
    <row r="690378" spans="14:14">
      <c r="N690378" s="10"/>
    </row>
    <row r="690379" spans="14:14">
      <c r="N690379" s="10"/>
    </row>
    <row r="690380" spans="14:14">
      <c r="N690380" s="10"/>
    </row>
    <row r="690381" spans="14:14">
      <c r="N690381" s="10"/>
    </row>
    <row r="690382" spans="14:14">
      <c r="N690382" s="10"/>
    </row>
    <row r="690383" spans="14:14">
      <c r="N690383" s="10"/>
    </row>
    <row r="690384" spans="14:14">
      <c r="N690384" s="10"/>
    </row>
    <row r="690385" spans="14:14">
      <c r="N690385" s="10"/>
    </row>
    <row r="690386" spans="14:14">
      <c r="N690386" s="10"/>
    </row>
    <row r="690387" spans="14:14">
      <c r="N690387" s="10"/>
    </row>
    <row r="690388" spans="14:14">
      <c r="N690388" s="10"/>
    </row>
    <row r="690389" spans="14:14">
      <c r="N690389" s="10"/>
    </row>
    <row r="690390" spans="14:14">
      <c r="N690390" s="10"/>
    </row>
    <row r="690391" spans="14:14">
      <c r="N690391" s="10"/>
    </row>
    <row r="690392" spans="14:14">
      <c r="N690392" s="10"/>
    </row>
    <row r="690393" spans="14:14">
      <c r="N690393" s="10"/>
    </row>
    <row r="690394" spans="14:14">
      <c r="N690394" s="10"/>
    </row>
    <row r="690395" spans="14:14">
      <c r="N690395" s="10"/>
    </row>
    <row r="690396" spans="14:14">
      <c r="N690396" s="10"/>
    </row>
    <row r="690397" spans="14:14">
      <c r="N690397" s="10"/>
    </row>
    <row r="690398" spans="14:14">
      <c r="N690398" s="10"/>
    </row>
    <row r="690399" spans="14:14">
      <c r="N690399" s="10"/>
    </row>
    <row r="690400" spans="14:14">
      <c r="N690400" s="10"/>
    </row>
    <row r="690401" spans="14:14">
      <c r="N690401" s="10"/>
    </row>
    <row r="690402" spans="14:14">
      <c r="N690402" s="10"/>
    </row>
    <row r="690403" spans="14:14">
      <c r="N690403" s="10"/>
    </row>
    <row r="690404" spans="14:14">
      <c r="N690404" s="10"/>
    </row>
    <row r="690405" spans="14:14">
      <c r="N690405" s="10"/>
    </row>
    <row r="690406" spans="14:14">
      <c r="N690406" s="10"/>
    </row>
    <row r="690407" spans="14:14">
      <c r="N690407" s="10"/>
    </row>
    <row r="690408" spans="14:14">
      <c r="N690408" s="10"/>
    </row>
    <row r="690409" spans="14:14">
      <c r="N690409" s="10"/>
    </row>
    <row r="690410" spans="14:14">
      <c r="N690410" s="10"/>
    </row>
    <row r="690411" spans="14:14">
      <c r="N690411" s="10"/>
    </row>
    <row r="690412" spans="14:14">
      <c r="N690412" s="10"/>
    </row>
    <row r="690413" spans="14:14">
      <c r="N690413" s="10"/>
    </row>
    <row r="690414" spans="14:14">
      <c r="N690414" s="10"/>
    </row>
    <row r="690415" spans="14:14">
      <c r="N690415" s="10"/>
    </row>
    <row r="690416" spans="14:14">
      <c r="N690416" s="10"/>
    </row>
    <row r="690417" spans="14:14">
      <c r="N690417" s="10"/>
    </row>
    <row r="690418" spans="14:14">
      <c r="N690418" s="10"/>
    </row>
    <row r="690419" spans="14:14">
      <c r="N690419" s="10"/>
    </row>
    <row r="690420" spans="14:14">
      <c r="N690420" s="10"/>
    </row>
    <row r="690421" spans="14:14">
      <c r="N690421" s="10"/>
    </row>
    <row r="690422" spans="14:14">
      <c r="N690422" s="10"/>
    </row>
    <row r="690423" spans="14:14">
      <c r="N690423" s="10"/>
    </row>
    <row r="690424" spans="14:14">
      <c r="N690424" s="10"/>
    </row>
    <row r="690425" spans="14:14">
      <c r="N690425" s="10"/>
    </row>
    <row r="690426" spans="14:14">
      <c r="N690426" s="10"/>
    </row>
    <row r="690427" spans="14:14">
      <c r="N690427" s="10"/>
    </row>
    <row r="690428" spans="14:14">
      <c r="N690428" s="10"/>
    </row>
    <row r="690429" spans="14:14">
      <c r="N690429" s="10"/>
    </row>
    <row r="690430" spans="14:14">
      <c r="N690430" s="10"/>
    </row>
    <row r="690431" spans="14:14">
      <c r="N690431" s="10"/>
    </row>
    <row r="690432" spans="14:14">
      <c r="N690432" s="10"/>
    </row>
    <row r="690433" spans="14:14">
      <c r="N690433" s="10"/>
    </row>
    <row r="690434" spans="14:14">
      <c r="N690434" s="10"/>
    </row>
    <row r="690435" spans="14:14">
      <c r="N690435" s="10"/>
    </row>
    <row r="690436" spans="14:14">
      <c r="N690436" s="10"/>
    </row>
    <row r="690437" spans="14:14">
      <c r="N690437" s="10"/>
    </row>
    <row r="690438" spans="14:14">
      <c r="N690438" s="10"/>
    </row>
    <row r="690439" spans="14:14">
      <c r="N690439" s="10"/>
    </row>
    <row r="690440" spans="14:14">
      <c r="N690440" s="10"/>
    </row>
    <row r="690441" spans="14:14">
      <c r="N690441" s="10"/>
    </row>
    <row r="690442" spans="14:14">
      <c r="N690442" s="10"/>
    </row>
    <row r="690443" spans="14:14">
      <c r="N690443" s="10"/>
    </row>
    <row r="690444" spans="14:14">
      <c r="N690444" s="10"/>
    </row>
    <row r="690445" spans="14:14">
      <c r="N690445" s="10"/>
    </row>
    <row r="690446" spans="14:14">
      <c r="N690446" s="10"/>
    </row>
    <row r="690447" spans="14:14">
      <c r="N690447" s="10"/>
    </row>
    <row r="690448" spans="14:14">
      <c r="N690448" s="10"/>
    </row>
    <row r="690449" spans="14:14">
      <c r="N690449" s="10"/>
    </row>
    <row r="690450" spans="14:14">
      <c r="N690450" s="10"/>
    </row>
    <row r="690451" spans="14:14">
      <c r="N690451" s="10"/>
    </row>
    <row r="690452" spans="14:14">
      <c r="N690452" s="10"/>
    </row>
    <row r="690453" spans="14:14">
      <c r="N690453" s="10"/>
    </row>
    <row r="690454" spans="14:14">
      <c r="N690454" s="10"/>
    </row>
    <row r="690455" spans="14:14">
      <c r="N690455" s="10"/>
    </row>
    <row r="690456" spans="14:14">
      <c r="N690456" s="10"/>
    </row>
    <row r="690457" spans="14:14">
      <c r="N690457" s="10"/>
    </row>
    <row r="690458" spans="14:14">
      <c r="N690458" s="10"/>
    </row>
    <row r="690459" spans="14:14">
      <c r="N690459" s="10"/>
    </row>
    <row r="690460" spans="14:14">
      <c r="N690460" s="10"/>
    </row>
    <row r="690461" spans="14:14">
      <c r="N690461" s="10"/>
    </row>
    <row r="690462" spans="14:14">
      <c r="N690462" s="10"/>
    </row>
    <row r="690463" spans="14:14">
      <c r="N690463" s="10"/>
    </row>
    <row r="690464" spans="14:14">
      <c r="N690464" s="10"/>
    </row>
    <row r="690465" spans="14:14">
      <c r="N690465" s="10"/>
    </row>
    <row r="690466" spans="14:14">
      <c r="N690466" s="10"/>
    </row>
    <row r="690467" spans="14:14">
      <c r="N690467" s="10"/>
    </row>
    <row r="690468" spans="14:14">
      <c r="N690468" s="10"/>
    </row>
    <row r="690469" spans="14:14">
      <c r="N690469" s="10"/>
    </row>
    <row r="690470" spans="14:14">
      <c r="N690470" s="10"/>
    </row>
    <row r="690471" spans="14:14">
      <c r="N690471" s="10"/>
    </row>
    <row r="690472" spans="14:14">
      <c r="N690472" s="10"/>
    </row>
    <row r="690473" spans="14:14">
      <c r="N690473" s="10"/>
    </row>
    <row r="690474" spans="14:14">
      <c r="N690474" s="10"/>
    </row>
    <row r="690475" spans="14:14">
      <c r="N690475" s="10"/>
    </row>
    <row r="690476" spans="14:14">
      <c r="N690476" s="10"/>
    </row>
    <row r="690477" spans="14:14">
      <c r="N690477" s="10"/>
    </row>
    <row r="690478" spans="14:14">
      <c r="N690478" s="10"/>
    </row>
    <row r="690479" spans="14:14">
      <c r="N690479" s="10"/>
    </row>
    <row r="690480" spans="14:14">
      <c r="N690480" s="10"/>
    </row>
    <row r="690481" spans="14:14">
      <c r="N690481" s="10"/>
    </row>
    <row r="690482" spans="14:14">
      <c r="N690482" s="10"/>
    </row>
    <row r="690483" spans="14:14">
      <c r="N690483" s="10"/>
    </row>
    <row r="690484" spans="14:14">
      <c r="N690484" s="10"/>
    </row>
    <row r="690485" spans="14:14">
      <c r="N690485" s="10"/>
    </row>
    <row r="690486" spans="14:14">
      <c r="N690486" s="10"/>
    </row>
    <row r="690487" spans="14:14">
      <c r="N690487" s="10"/>
    </row>
    <row r="690488" spans="14:14">
      <c r="N690488" s="10"/>
    </row>
    <row r="690489" spans="14:14">
      <c r="N690489" s="10"/>
    </row>
    <row r="690490" spans="14:14">
      <c r="N690490" s="10"/>
    </row>
    <row r="690491" spans="14:14">
      <c r="N690491" s="10"/>
    </row>
    <row r="690492" spans="14:14">
      <c r="N690492" s="10"/>
    </row>
    <row r="690493" spans="14:14">
      <c r="N690493" s="10"/>
    </row>
    <row r="690494" spans="14:14">
      <c r="N690494" s="10"/>
    </row>
    <row r="690495" spans="14:14">
      <c r="N690495" s="10"/>
    </row>
    <row r="690496" spans="14:14">
      <c r="N690496" s="10"/>
    </row>
    <row r="690497" spans="14:14">
      <c r="N690497" s="10"/>
    </row>
    <row r="690498" spans="14:14">
      <c r="N690498" s="10"/>
    </row>
    <row r="690499" spans="14:14">
      <c r="N690499" s="10"/>
    </row>
    <row r="690500" spans="14:14">
      <c r="N690500" s="10"/>
    </row>
    <row r="690501" spans="14:14">
      <c r="N690501" s="10"/>
    </row>
    <row r="690502" spans="14:14">
      <c r="N690502" s="10"/>
    </row>
    <row r="690503" spans="14:14">
      <c r="N690503" s="10"/>
    </row>
    <row r="690504" spans="14:14">
      <c r="N690504" s="10"/>
    </row>
    <row r="690505" spans="14:14">
      <c r="N690505" s="10"/>
    </row>
    <row r="690506" spans="14:14">
      <c r="N690506" s="10"/>
    </row>
    <row r="690507" spans="14:14">
      <c r="N690507" s="10"/>
    </row>
    <row r="690508" spans="14:14">
      <c r="N690508" s="10"/>
    </row>
    <row r="690509" spans="14:14">
      <c r="N690509" s="10"/>
    </row>
    <row r="690510" spans="14:14">
      <c r="N690510" s="10"/>
    </row>
    <row r="690511" spans="14:14">
      <c r="N690511" s="10"/>
    </row>
    <row r="690512" spans="14:14">
      <c r="N690512" s="10"/>
    </row>
    <row r="690513" spans="14:14">
      <c r="N690513" s="10"/>
    </row>
    <row r="690514" spans="14:14">
      <c r="N690514" s="10"/>
    </row>
    <row r="690515" spans="14:14">
      <c r="N690515" s="10"/>
    </row>
    <row r="690516" spans="14:14">
      <c r="N690516" s="10"/>
    </row>
    <row r="690517" spans="14:14">
      <c r="N690517" s="10"/>
    </row>
    <row r="690518" spans="14:14">
      <c r="N690518" s="10"/>
    </row>
    <row r="690519" spans="14:14">
      <c r="N690519" s="10"/>
    </row>
    <row r="690520" spans="14:14">
      <c r="N690520" s="10"/>
    </row>
    <row r="690521" spans="14:14">
      <c r="N690521" s="10"/>
    </row>
    <row r="690522" spans="14:14">
      <c r="N690522" s="10"/>
    </row>
    <row r="690523" spans="14:14">
      <c r="N690523" s="10"/>
    </row>
    <row r="690524" spans="14:14">
      <c r="N690524" s="10"/>
    </row>
    <row r="690525" spans="14:14">
      <c r="N690525" s="10"/>
    </row>
    <row r="690526" spans="14:14">
      <c r="N690526" s="10"/>
    </row>
    <row r="690527" spans="14:14">
      <c r="N690527" s="10"/>
    </row>
    <row r="690528" spans="14:14">
      <c r="N690528" s="10"/>
    </row>
    <row r="690529" spans="14:14">
      <c r="N690529" s="10"/>
    </row>
    <row r="690530" spans="14:14">
      <c r="N690530" s="10"/>
    </row>
    <row r="690531" spans="14:14">
      <c r="N690531" s="10"/>
    </row>
    <row r="690532" spans="14:14">
      <c r="N690532" s="10"/>
    </row>
    <row r="690533" spans="14:14">
      <c r="N690533" s="10"/>
    </row>
    <row r="690534" spans="14:14">
      <c r="N690534" s="10"/>
    </row>
    <row r="690535" spans="14:14">
      <c r="N690535" s="10"/>
    </row>
    <row r="690536" spans="14:14">
      <c r="N690536" s="10"/>
    </row>
    <row r="690537" spans="14:14">
      <c r="N690537" s="10"/>
    </row>
    <row r="690538" spans="14:14">
      <c r="N690538" s="10"/>
    </row>
    <row r="690539" spans="14:14">
      <c r="N690539" s="10"/>
    </row>
    <row r="690540" spans="14:14">
      <c r="N690540" s="10"/>
    </row>
    <row r="690541" spans="14:14">
      <c r="N690541" s="10"/>
    </row>
    <row r="690542" spans="14:14">
      <c r="N690542" s="10"/>
    </row>
    <row r="690543" spans="14:14">
      <c r="N690543" s="10"/>
    </row>
    <row r="690544" spans="14:14">
      <c r="N690544" s="10"/>
    </row>
    <row r="690545" spans="14:14">
      <c r="N690545" s="10"/>
    </row>
    <row r="690546" spans="14:14">
      <c r="N690546" s="10"/>
    </row>
    <row r="690547" spans="14:14">
      <c r="N690547" s="10"/>
    </row>
    <row r="690548" spans="14:14">
      <c r="N690548" s="10"/>
    </row>
    <row r="690549" spans="14:14">
      <c r="N690549" s="10"/>
    </row>
    <row r="690550" spans="14:14">
      <c r="N690550" s="10"/>
    </row>
    <row r="690551" spans="14:14">
      <c r="N690551" s="10"/>
    </row>
    <row r="690552" spans="14:14">
      <c r="N690552" s="10"/>
    </row>
    <row r="690553" spans="14:14">
      <c r="N690553" s="10"/>
    </row>
    <row r="690554" spans="14:14">
      <c r="N690554" s="10"/>
    </row>
    <row r="690555" spans="14:14">
      <c r="N690555" s="10"/>
    </row>
    <row r="690556" spans="14:14">
      <c r="N690556" s="10"/>
    </row>
    <row r="690557" spans="14:14">
      <c r="N690557" s="10"/>
    </row>
    <row r="690558" spans="14:14">
      <c r="N690558" s="10"/>
    </row>
    <row r="690559" spans="14:14">
      <c r="N690559" s="10"/>
    </row>
    <row r="690560" spans="14:14">
      <c r="N690560" s="10"/>
    </row>
    <row r="690561" spans="14:14">
      <c r="N690561" s="10"/>
    </row>
    <row r="690562" spans="14:14">
      <c r="N690562" s="10"/>
    </row>
    <row r="690563" spans="14:14">
      <c r="N690563" s="10"/>
    </row>
    <row r="690564" spans="14:14">
      <c r="N690564" s="10"/>
    </row>
    <row r="690565" spans="14:14">
      <c r="N690565" s="10"/>
    </row>
    <row r="690566" spans="14:14">
      <c r="N690566" s="10"/>
    </row>
    <row r="690567" spans="14:14">
      <c r="N690567" s="10"/>
    </row>
    <row r="690568" spans="14:14">
      <c r="N690568" s="10"/>
    </row>
    <row r="690569" spans="14:14">
      <c r="N690569" s="10"/>
    </row>
    <row r="690570" spans="14:14">
      <c r="N690570" s="10"/>
    </row>
    <row r="690571" spans="14:14">
      <c r="N690571" s="10"/>
    </row>
    <row r="690572" spans="14:14">
      <c r="N690572" s="10"/>
    </row>
    <row r="690573" spans="14:14">
      <c r="N690573" s="10"/>
    </row>
    <row r="690574" spans="14:14">
      <c r="N690574" s="10"/>
    </row>
    <row r="690575" spans="14:14">
      <c r="N690575" s="10"/>
    </row>
    <row r="690576" spans="14:14">
      <c r="N690576" s="10"/>
    </row>
    <row r="690577" spans="14:14">
      <c r="N690577" s="10"/>
    </row>
    <row r="690578" spans="14:14">
      <c r="N690578" s="10"/>
    </row>
    <row r="690579" spans="14:14">
      <c r="N690579" s="10"/>
    </row>
    <row r="690580" spans="14:14">
      <c r="N690580" s="10"/>
    </row>
    <row r="690581" spans="14:14">
      <c r="N690581" s="10"/>
    </row>
    <row r="690582" spans="14:14">
      <c r="N690582" s="10"/>
    </row>
    <row r="690583" spans="14:14">
      <c r="N690583" s="10"/>
    </row>
    <row r="690584" spans="14:14">
      <c r="N690584" s="10"/>
    </row>
    <row r="690585" spans="14:14">
      <c r="N690585" s="10"/>
    </row>
    <row r="690586" spans="14:14">
      <c r="N690586" s="10"/>
    </row>
    <row r="690587" spans="14:14">
      <c r="N690587" s="10"/>
    </row>
    <row r="690588" spans="14:14">
      <c r="N690588" s="10"/>
    </row>
    <row r="690589" spans="14:14">
      <c r="N690589" s="10"/>
    </row>
    <row r="690590" spans="14:14">
      <c r="N690590" s="10"/>
    </row>
    <row r="690591" spans="14:14">
      <c r="N690591" s="10"/>
    </row>
    <row r="690592" spans="14:14">
      <c r="N690592" s="10"/>
    </row>
    <row r="690593" spans="14:14">
      <c r="N690593" s="10"/>
    </row>
    <row r="690594" spans="14:14">
      <c r="N690594" s="10"/>
    </row>
    <row r="690595" spans="14:14">
      <c r="N690595" s="10"/>
    </row>
    <row r="690596" spans="14:14">
      <c r="N690596" s="10"/>
    </row>
    <row r="690597" spans="14:14">
      <c r="N690597" s="10"/>
    </row>
    <row r="690598" spans="14:14">
      <c r="N690598" s="10"/>
    </row>
    <row r="690599" spans="14:14">
      <c r="N690599" s="10"/>
    </row>
    <row r="690600" spans="14:14">
      <c r="N690600" s="10"/>
    </row>
    <row r="690601" spans="14:14">
      <c r="N690601" s="10"/>
    </row>
    <row r="690602" spans="14:14">
      <c r="N690602" s="10"/>
    </row>
    <row r="690603" spans="14:14">
      <c r="N690603" s="10"/>
    </row>
    <row r="690604" spans="14:14">
      <c r="N690604" s="10"/>
    </row>
    <row r="690605" spans="14:14">
      <c r="N690605" s="10"/>
    </row>
    <row r="690606" spans="14:14">
      <c r="N690606" s="10"/>
    </row>
    <row r="690607" spans="14:14">
      <c r="N690607" s="10"/>
    </row>
    <row r="690608" spans="14:14">
      <c r="N690608" s="10"/>
    </row>
    <row r="690609" spans="14:14">
      <c r="N690609" s="10"/>
    </row>
    <row r="690610" spans="14:14">
      <c r="N690610" s="10"/>
    </row>
    <row r="690611" spans="14:14">
      <c r="N690611" s="10"/>
    </row>
    <row r="690612" spans="14:14">
      <c r="N690612" s="10"/>
    </row>
    <row r="690613" spans="14:14">
      <c r="N690613" s="10"/>
    </row>
    <row r="690614" spans="14:14">
      <c r="N690614" s="10"/>
    </row>
    <row r="690615" spans="14:14">
      <c r="N690615" s="10"/>
    </row>
    <row r="690616" spans="14:14">
      <c r="N690616" s="10"/>
    </row>
    <row r="690617" spans="14:14">
      <c r="N690617" s="10"/>
    </row>
    <row r="690618" spans="14:14">
      <c r="N690618" s="10"/>
    </row>
    <row r="690619" spans="14:14">
      <c r="N690619" s="10"/>
    </row>
    <row r="690620" spans="14:14">
      <c r="N690620" s="10"/>
    </row>
    <row r="690621" spans="14:14">
      <c r="N690621" s="10"/>
    </row>
    <row r="690622" spans="14:14">
      <c r="N690622" s="10"/>
    </row>
    <row r="690623" spans="14:14">
      <c r="N690623" s="10"/>
    </row>
    <row r="690624" spans="14:14">
      <c r="N690624" s="10"/>
    </row>
    <row r="690625" spans="14:14">
      <c r="N690625" s="10"/>
    </row>
    <row r="690626" spans="14:14">
      <c r="N690626" s="10"/>
    </row>
    <row r="690627" spans="14:14">
      <c r="N690627" s="10"/>
    </row>
    <row r="690628" spans="14:14">
      <c r="N690628" s="10"/>
    </row>
    <row r="690629" spans="14:14">
      <c r="N690629" s="10"/>
    </row>
    <row r="690630" spans="14:14">
      <c r="N690630" s="10"/>
    </row>
    <row r="690631" spans="14:14">
      <c r="N690631" s="10"/>
    </row>
    <row r="690632" spans="14:14">
      <c r="N690632" s="10"/>
    </row>
    <row r="690633" spans="14:14">
      <c r="N690633" s="10"/>
    </row>
    <row r="690634" spans="14:14">
      <c r="N690634" s="10"/>
    </row>
    <row r="690635" spans="14:14">
      <c r="N690635" s="10"/>
    </row>
    <row r="690636" spans="14:14">
      <c r="N690636" s="10"/>
    </row>
    <row r="690637" spans="14:14">
      <c r="N690637" s="10"/>
    </row>
    <row r="690638" spans="14:14">
      <c r="N690638" s="10"/>
    </row>
    <row r="690639" spans="14:14">
      <c r="N690639" s="10"/>
    </row>
    <row r="690640" spans="14:14">
      <c r="N690640" s="10"/>
    </row>
    <row r="690641" spans="14:14">
      <c r="N690641" s="10"/>
    </row>
    <row r="690642" spans="14:14">
      <c r="N690642" s="10"/>
    </row>
    <row r="690643" spans="14:14">
      <c r="N690643" s="10"/>
    </row>
    <row r="690644" spans="14:14">
      <c r="N690644" s="10"/>
    </row>
    <row r="690645" spans="14:14">
      <c r="N690645" s="10"/>
    </row>
    <row r="690646" spans="14:14">
      <c r="N690646" s="10"/>
    </row>
    <row r="690647" spans="14:14">
      <c r="N690647" s="10"/>
    </row>
    <row r="690648" spans="14:14">
      <c r="N690648" s="10"/>
    </row>
    <row r="690649" spans="14:14">
      <c r="N690649" s="10"/>
    </row>
    <row r="690650" spans="14:14">
      <c r="N690650" s="10"/>
    </row>
    <row r="690651" spans="14:14">
      <c r="N690651" s="10"/>
    </row>
    <row r="690652" spans="14:14">
      <c r="N690652" s="10"/>
    </row>
    <row r="690653" spans="14:14">
      <c r="N690653" s="10"/>
    </row>
    <row r="690654" spans="14:14">
      <c r="N690654" s="10"/>
    </row>
    <row r="690655" spans="14:14">
      <c r="N690655" s="10"/>
    </row>
    <row r="690656" spans="14:14">
      <c r="N690656" s="10"/>
    </row>
    <row r="690657" spans="14:14">
      <c r="N690657" s="10"/>
    </row>
    <row r="690658" spans="14:14">
      <c r="N690658" s="10"/>
    </row>
    <row r="690659" spans="14:14">
      <c r="N690659" s="10"/>
    </row>
    <row r="690660" spans="14:14">
      <c r="N690660" s="10"/>
    </row>
    <row r="690661" spans="14:14">
      <c r="N690661" s="10"/>
    </row>
    <row r="690662" spans="14:14">
      <c r="N690662" s="10"/>
    </row>
    <row r="690663" spans="14:14">
      <c r="N690663" s="10"/>
    </row>
    <row r="690664" spans="14:14">
      <c r="N690664" s="10"/>
    </row>
    <row r="690665" spans="14:14">
      <c r="N690665" s="10"/>
    </row>
    <row r="690666" spans="14:14">
      <c r="N690666" s="10"/>
    </row>
    <row r="690667" spans="14:14">
      <c r="N690667" s="10"/>
    </row>
    <row r="690668" spans="14:14">
      <c r="N690668" s="10"/>
    </row>
    <row r="690669" spans="14:14">
      <c r="N690669" s="10"/>
    </row>
    <row r="690670" spans="14:14">
      <c r="N690670" s="10"/>
    </row>
    <row r="690671" spans="14:14">
      <c r="N690671" s="10"/>
    </row>
    <row r="690672" spans="14:14">
      <c r="N690672" s="10"/>
    </row>
    <row r="690673" spans="14:14">
      <c r="N690673" s="10"/>
    </row>
    <row r="690674" spans="14:14">
      <c r="N690674" s="10"/>
    </row>
    <row r="690675" spans="14:14">
      <c r="N690675" s="10"/>
    </row>
    <row r="690676" spans="14:14">
      <c r="N690676" s="10"/>
    </row>
    <row r="690677" spans="14:14">
      <c r="N690677" s="10"/>
    </row>
    <row r="690678" spans="14:14">
      <c r="N690678" s="10"/>
    </row>
    <row r="690679" spans="14:14">
      <c r="N690679" s="10"/>
    </row>
    <row r="690680" spans="14:14">
      <c r="N690680" s="10"/>
    </row>
    <row r="690681" spans="14:14">
      <c r="N690681" s="10"/>
    </row>
    <row r="690682" spans="14:14">
      <c r="N690682" s="10"/>
    </row>
    <row r="690683" spans="14:14">
      <c r="N690683" s="10"/>
    </row>
    <row r="690684" spans="14:14">
      <c r="N690684" s="10"/>
    </row>
    <row r="690685" spans="14:14">
      <c r="N690685" s="10"/>
    </row>
    <row r="690686" spans="14:14">
      <c r="N690686" s="10"/>
    </row>
    <row r="690687" spans="14:14">
      <c r="N690687" s="10"/>
    </row>
    <row r="690688" spans="14:14">
      <c r="N690688" s="10"/>
    </row>
    <row r="690689" spans="14:14">
      <c r="N690689" s="10"/>
    </row>
    <row r="690690" spans="14:14">
      <c r="N690690" s="10"/>
    </row>
    <row r="690691" spans="14:14">
      <c r="N690691" s="10"/>
    </row>
    <row r="690692" spans="14:14">
      <c r="N690692" s="10"/>
    </row>
    <row r="690693" spans="14:14">
      <c r="N690693" s="10"/>
    </row>
    <row r="690694" spans="14:14">
      <c r="N690694" s="10"/>
    </row>
    <row r="690695" spans="14:14">
      <c r="N690695" s="10"/>
    </row>
    <row r="690696" spans="14:14">
      <c r="N690696" s="10"/>
    </row>
    <row r="690697" spans="14:14">
      <c r="N690697" s="10"/>
    </row>
    <row r="690698" spans="14:14">
      <c r="N690698" s="10"/>
    </row>
    <row r="690699" spans="14:14">
      <c r="N690699" s="10"/>
    </row>
    <row r="690700" spans="14:14">
      <c r="N690700" s="10"/>
    </row>
    <row r="690701" spans="14:14">
      <c r="N690701" s="10"/>
    </row>
    <row r="690702" spans="14:14">
      <c r="N690702" s="10"/>
    </row>
    <row r="690703" spans="14:14">
      <c r="N690703" s="10"/>
    </row>
    <row r="690704" spans="14:14">
      <c r="N690704" s="10"/>
    </row>
    <row r="690705" spans="14:14">
      <c r="N690705" s="10"/>
    </row>
    <row r="690706" spans="14:14">
      <c r="N690706" s="10"/>
    </row>
    <row r="690707" spans="14:14">
      <c r="N690707" s="10"/>
    </row>
    <row r="690708" spans="14:14">
      <c r="N690708" s="10"/>
    </row>
    <row r="690709" spans="14:14">
      <c r="N690709" s="10"/>
    </row>
    <row r="690710" spans="14:14">
      <c r="N690710" s="10"/>
    </row>
    <row r="690711" spans="14:14">
      <c r="N690711" s="10"/>
    </row>
    <row r="690712" spans="14:14">
      <c r="N690712" s="10"/>
    </row>
    <row r="690713" spans="14:14">
      <c r="N690713" s="10"/>
    </row>
    <row r="690714" spans="14:14">
      <c r="N690714" s="10"/>
    </row>
    <row r="690715" spans="14:14">
      <c r="N690715" s="10"/>
    </row>
    <row r="690716" spans="14:14">
      <c r="N690716" s="10"/>
    </row>
    <row r="690717" spans="14:14">
      <c r="N690717" s="10"/>
    </row>
    <row r="690718" spans="14:14">
      <c r="N690718" s="10"/>
    </row>
    <row r="690719" spans="14:14">
      <c r="N690719" s="10"/>
    </row>
    <row r="690720" spans="14:14">
      <c r="N690720" s="10"/>
    </row>
    <row r="690721" spans="14:14">
      <c r="N690721" s="10"/>
    </row>
    <row r="690722" spans="14:14">
      <c r="N690722" s="10"/>
    </row>
    <row r="690723" spans="14:14">
      <c r="N690723" s="10"/>
    </row>
    <row r="690724" spans="14:14">
      <c r="N690724" s="10"/>
    </row>
    <row r="690725" spans="14:14">
      <c r="N690725" s="10"/>
    </row>
    <row r="690726" spans="14:14">
      <c r="N690726" s="10"/>
    </row>
    <row r="690727" spans="14:14">
      <c r="N690727" s="10"/>
    </row>
    <row r="690728" spans="14:14">
      <c r="N690728" s="10"/>
    </row>
    <row r="690729" spans="14:14">
      <c r="N690729" s="10"/>
    </row>
    <row r="690730" spans="14:14">
      <c r="N690730" s="10"/>
    </row>
    <row r="690731" spans="14:14">
      <c r="N690731" s="10"/>
    </row>
    <row r="690732" spans="14:14">
      <c r="N690732" s="10"/>
    </row>
    <row r="690733" spans="14:14">
      <c r="N690733" s="10"/>
    </row>
    <row r="690734" spans="14:14">
      <c r="N690734" s="10"/>
    </row>
    <row r="690735" spans="14:14">
      <c r="N690735" s="10"/>
    </row>
    <row r="690736" spans="14:14">
      <c r="N690736" s="10"/>
    </row>
    <row r="690737" spans="14:14">
      <c r="N690737" s="10"/>
    </row>
    <row r="690738" spans="14:14">
      <c r="N690738" s="10"/>
    </row>
    <row r="690739" spans="14:14">
      <c r="N690739" s="10"/>
    </row>
    <row r="690740" spans="14:14">
      <c r="N690740" s="10"/>
    </row>
    <row r="690741" spans="14:14">
      <c r="N690741" s="10"/>
    </row>
    <row r="690742" spans="14:14">
      <c r="N690742" s="10"/>
    </row>
    <row r="690743" spans="14:14">
      <c r="N690743" s="10"/>
    </row>
    <row r="690744" spans="14:14">
      <c r="N690744" s="10"/>
    </row>
    <row r="690745" spans="14:14">
      <c r="N690745" s="10"/>
    </row>
    <row r="690746" spans="14:14">
      <c r="N690746" s="10"/>
    </row>
    <row r="690747" spans="14:14">
      <c r="N690747" s="10"/>
    </row>
    <row r="690748" spans="14:14">
      <c r="N690748" s="10"/>
    </row>
    <row r="690749" spans="14:14">
      <c r="N690749" s="10"/>
    </row>
    <row r="690750" spans="14:14">
      <c r="N690750" s="10"/>
    </row>
    <row r="690751" spans="14:14">
      <c r="N690751" s="10"/>
    </row>
    <row r="690752" spans="14:14">
      <c r="N690752" s="10"/>
    </row>
    <row r="690753" spans="14:14">
      <c r="N690753" s="10"/>
    </row>
    <row r="690754" spans="14:14">
      <c r="N690754" s="10"/>
    </row>
    <row r="690755" spans="14:14">
      <c r="N690755" s="10"/>
    </row>
    <row r="690756" spans="14:14">
      <c r="N690756" s="10"/>
    </row>
    <row r="690757" spans="14:14">
      <c r="N690757" s="10"/>
    </row>
    <row r="690758" spans="14:14">
      <c r="N690758" s="10"/>
    </row>
    <row r="690759" spans="14:14">
      <c r="N690759" s="10"/>
    </row>
    <row r="690760" spans="14:14">
      <c r="N690760" s="10"/>
    </row>
    <row r="690761" spans="14:14">
      <c r="N690761" s="10"/>
    </row>
    <row r="690762" spans="14:14">
      <c r="N690762" s="10"/>
    </row>
    <row r="690763" spans="14:14">
      <c r="N690763" s="10"/>
    </row>
    <row r="690764" spans="14:14">
      <c r="N690764" s="10"/>
    </row>
    <row r="690765" spans="14:14">
      <c r="N690765" s="10"/>
    </row>
    <row r="690766" spans="14:14">
      <c r="N690766" s="10"/>
    </row>
    <row r="690767" spans="14:14">
      <c r="N690767" s="10"/>
    </row>
    <row r="690768" spans="14:14">
      <c r="N690768" s="10"/>
    </row>
    <row r="690769" spans="14:14">
      <c r="N690769" s="10"/>
    </row>
    <row r="690770" spans="14:14">
      <c r="N690770" s="10"/>
    </row>
    <row r="690771" spans="14:14">
      <c r="N690771" s="10"/>
    </row>
    <row r="690772" spans="14:14">
      <c r="N690772" s="10"/>
    </row>
    <row r="690773" spans="14:14">
      <c r="N690773" s="10"/>
    </row>
    <row r="690774" spans="14:14">
      <c r="N690774" s="10"/>
    </row>
    <row r="690775" spans="14:14">
      <c r="N690775" s="10"/>
    </row>
    <row r="690776" spans="14:14">
      <c r="N690776" s="10"/>
    </row>
    <row r="690777" spans="14:14">
      <c r="N690777" s="10"/>
    </row>
    <row r="690778" spans="14:14">
      <c r="N690778" s="10"/>
    </row>
    <row r="690779" spans="14:14">
      <c r="N690779" s="10"/>
    </row>
    <row r="690780" spans="14:14">
      <c r="N690780" s="10"/>
    </row>
    <row r="690781" spans="14:14">
      <c r="N690781" s="10"/>
    </row>
    <row r="690782" spans="14:14">
      <c r="N690782" s="10"/>
    </row>
    <row r="690783" spans="14:14">
      <c r="N690783" s="10"/>
    </row>
    <row r="690784" spans="14:14">
      <c r="N690784" s="10"/>
    </row>
    <row r="690785" spans="14:14">
      <c r="N690785" s="10"/>
    </row>
    <row r="690786" spans="14:14">
      <c r="N690786" s="10"/>
    </row>
    <row r="690787" spans="14:14">
      <c r="N690787" s="10"/>
    </row>
    <row r="690788" spans="14:14">
      <c r="N690788" s="10"/>
    </row>
    <row r="690789" spans="14:14">
      <c r="N690789" s="10"/>
    </row>
    <row r="690790" spans="14:14">
      <c r="N690790" s="10"/>
    </row>
    <row r="690791" spans="14:14">
      <c r="N690791" s="10"/>
    </row>
    <row r="690792" spans="14:14">
      <c r="N690792" s="10"/>
    </row>
    <row r="690793" spans="14:14">
      <c r="N690793" s="10"/>
    </row>
    <row r="690794" spans="14:14">
      <c r="N690794" s="10"/>
    </row>
    <row r="690795" spans="14:14">
      <c r="N690795" s="10"/>
    </row>
    <row r="690796" spans="14:14">
      <c r="N690796" s="10"/>
    </row>
    <row r="690797" spans="14:14">
      <c r="N690797" s="10"/>
    </row>
    <row r="690798" spans="14:14">
      <c r="N690798" s="10"/>
    </row>
    <row r="690799" spans="14:14">
      <c r="N690799" s="10"/>
    </row>
    <row r="690800" spans="14:14">
      <c r="N690800" s="10"/>
    </row>
    <row r="690801" spans="14:14">
      <c r="N690801" s="10"/>
    </row>
    <row r="690802" spans="14:14">
      <c r="N690802" s="10"/>
    </row>
    <row r="690803" spans="14:14">
      <c r="N690803" s="10"/>
    </row>
    <row r="690804" spans="14:14">
      <c r="N690804" s="10"/>
    </row>
    <row r="690805" spans="14:14">
      <c r="N690805" s="10"/>
    </row>
    <row r="690806" spans="14:14">
      <c r="N690806" s="10"/>
    </row>
    <row r="690807" spans="14:14">
      <c r="N690807" s="10"/>
    </row>
    <row r="690808" spans="14:14">
      <c r="N690808" s="10"/>
    </row>
    <row r="690809" spans="14:14">
      <c r="N690809" s="10"/>
    </row>
    <row r="690810" spans="14:14">
      <c r="N690810" s="10"/>
    </row>
    <row r="690811" spans="14:14">
      <c r="N690811" s="10"/>
    </row>
    <row r="690812" spans="14:14">
      <c r="N690812" s="10"/>
    </row>
    <row r="690813" spans="14:14">
      <c r="N690813" s="10"/>
    </row>
    <row r="690814" spans="14:14">
      <c r="N690814" s="10"/>
    </row>
    <row r="690815" spans="14:14">
      <c r="N690815" s="10"/>
    </row>
    <row r="690816" spans="14:14">
      <c r="N690816" s="10"/>
    </row>
    <row r="690817" spans="14:14">
      <c r="N690817" s="10"/>
    </row>
    <row r="690818" spans="14:14">
      <c r="N690818" s="10"/>
    </row>
    <row r="690819" spans="14:14">
      <c r="N690819" s="10"/>
    </row>
    <row r="690820" spans="14:14">
      <c r="N690820" s="10"/>
    </row>
    <row r="690821" spans="14:14">
      <c r="N690821" s="10"/>
    </row>
    <row r="690822" spans="14:14">
      <c r="N690822" s="10"/>
    </row>
    <row r="690823" spans="14:14">
      <c r="N690823" s="10"/>
    </row>
    <row r="690824" spans="14:14">
      <c r="N690824" s="10"/>
    </row>
    <row r="690825" spans="14:14">
      <c r="N690825" s="10"/>
    </row>
    <row r="690826" spans="14:14">
      <c r="N690826" s="10"/>
    </row>
    <row r="690827" spans="14:14">
      <c r="N690827" s="10"/>
    </row>
    <row r="690828" spans="14:14">
      <c r="N690828" s="10"/>
    </row>
    <row r="690829" spans="14:14">
      <c r="N690829" s="10"/>
    </row>
    <row r="690830" spans="14:14">
      <c r="N690830" s="10"/>
    </row>
    <row r="690831" spans="14:14">
      <c r="N690831" s="10"/>
    </row>
    <row r="690832" spans="14:14">
      <c r="N690832" s="10"/>
    </row>
    <row r="690833" spans="14:14">
      <c r="N690833" s="10"/>
    </row>
    <row r="690834" spans="14:14">
      <c r="N690834" s="10"/>
    </row>
    <row r="690835" spans="14:14">
      <c r="N690835" s="10"/>
    </row>
    <row r="690836" spans="14:14">
      <c r="N690836" s="10"/>
    </row>
    <row r="690837" spans="14:14">
      <c r="N690837" s="10"/>
    </row>
    <row r="690838" spans="14:14">
      <c r="N690838" s="10"/>
    </row>
    <row r="690839" spans="14:14">
      <c r="N690839" s="10"/>
    </row>
    <row r="690840" spans="14:14">
      <c r="N690840" s="10"/>
    </row>
    <row r="690841" spans="14:14">
      <c r="N690841" s="10"/>
    </row>
    <row r="690842" spans="14:14">
      <c r="N690842" s="10"/>
    </row>
    <row r="690843" spans="14:14">
      <c r="N690843" s="10"/>
    </row>
    <row r="690844" spans="14:14">
      <c r="N690844" s="10"/>
    </row>
    <row r="690845" spans="14:14">
      <c r="N690845" s="10"/>
    </row>
    <row r="690846" spans="14:14">
      <c r="N690846" s="10"/>
    </row>
    <row r="690847" spans="14:14">
      <c r="N690847" s="10"/>
    </row>
    <row r="690848" spans="14:14">
      <c r="N690848" s="10"/>
    </row>
    <row r="690849" spans="14:14">
      <c r="N690849" s="10"/>
    </row>
    <row r="690850" spans="14:14">
      <c r="N690850" s="10"/>
    </row>
    <row r="690851" spans="14:14">
      <c r="N690851" s="10"/>
    </row>
    <row r="690852" spans="14:14">
      <c r="N690852" s="10"/>
    </row>
    <row r="690853" spans="14:14">
      <c r="N690853" s="10"/>
    </row>
    <row r="690854" spans="14:14">
      <c r="N690854" s="10"/>
    </row>
    <row r="690855" spans="14:14">
      <c r="N690855" s="10"/>
    </row>
    <row r="690856" spans="14:14">
      <c r="N690856" s="10"/>
    </row>
    <row r="690857" spans="14:14">
      <c r="N690857" s="10"/>
    </row>
    <row r="690858" spans="14:14">
      <c r="N690858" s="10"/>
    </row>
    <row r="690859" spans="14:14">
      <c r="N690859" s="10"/>
    </row>
    <row r="690860" spans="14:14">
      <c r="N690860" s="10"/>
    </row>
    <row r="690861" spans="14:14">
      <c r="N690861" s="10"/>
    </row>
    <row r="690862" spans="14:14">
      <c r="N690862" s="10"/>
    </row>
    <row r="690863" spans="14:14">
      <c r="N690863" s="10"/>
    </row>
    <row r="690864" spans="14:14">
      <c r="N690864" s="10"/>
    </row>
    <row r="690865" spans="14:14">
      <c r="N690865" s="10"/>
    </row>
    <row r="690866" spans="14:14">
      <c r="N690866" s="10"/>
    </row>
    <row r="690867" spans="14:14">
      <c r="N690867" s="10"/>
    </row>
    <row r="690868" spans="14:14">
      <c r="N690868" s="10"/>
    </row>
    <row r="690869" spans="14:14">
      <c r="N690869" s="10"/>
    </row>
    <row r="690870" spans="14:14">
      <c r="N690870" s="10"/>
    </row>
    <row r="690871" spans="14:14">
      <c r="N690871" s="10"/>
    </row>
    <row r="690872" spans="14:14">
      <c r="N690872" s="10"/>
    </row>
    <row r="690873" spans="14:14">
      <c r="N690873" s="10"/>
    </row>
    <row r="690874" spans="14:14">
      <c r="N690874" s="10"/>
    </row>
    <row r="690875" spans="14:14">
      <c r="N690875" s="10"/>
    </row>
    <row r="690876" spans="14:14">
      <c r="N690876" s="10"/>
    </row>
    <row r="690877" spans="14:14">
      <c r="N690877" s="10"/>
    </row>
    <row r="690878" spans="14:14">
      <c r="N690878" s="10"/>
    </row>
    <row r="690879" spans="14:14">
      <c r="N690879" s="10"/>
    </row>
    <row r="690880" spans="14:14">
      <c r="N690880" s="10"/>
    </row>
    <row r="690881" spans="14:14">
      <c r="N690881" s="10"/>
    </row>
    <row r="690882" spans="14:14">
      <c r="N690882" s="10"/>
    </row>
    <row r="690883" spans="14:14">
      <c r="N690883" s="10"/>
    </row>
    <row r="690884" spans="14:14">
      <c r="N690884" s="10"/>
    </row>
    <row r="690885" spans="14:14">
      <c r="N690885" s="10"/>
    </row>
    <row r="690886" spans="14:14">
      <c r="N690886" s="10"/>
    </row>
    <row r="690887" spans="14:14">
      <c r="N690887" s="10"/>
    </row>
    <row r="690888" spans="14:14">
      <c r="N690888" s="10"/>
    </row>
    <row r="690889" spans="14:14">
      <c r="N690889" s="10"/>
    </row>
    <row r="690890" spans="14:14">
      <c r="N690890" s="10"/>
    </row>
    <row r="690891" spans="14:14">
      <c r="N690891" s="10"/>
    </row>
    <row r="690892" spans="14:14">
      <c r="N690892" s="10"/>
    </row>
    <row r="690893" spans="14:14">
      <c r="N690893" s="10"/>
    </row>
    <row r="690894" spans="14:14">
      <c r="N690894" s="10"/>
    </row>
    <row r="690895" spans="14:14">
      <c r="N690895" s="10"/>
    </row>
    <row r="690896" spans="14:14">
      <c r="N690896" s="10"/>
    </row>
    <row r="690897" spans="14:14">
      <c r="N690897" s="10"/>
    </row>
    <row r="690898" spans="14:14">
      <c r="N690898" s="10"/>
    </row>
    <row r="690899" spans="14:14">
      <c r="N690899" s="10"/>
    </row>
    <row r="690900" spans="14:14">
      <c r="N690900" s="10"/>
    </row>
    <row r="690901" spans="14:14">
      <c r="N690901" s="10"/>
    </row>
    <row r="690902" spans="14:14">
      <c r="N690902" s="10"/>
    </row>
    <row r="690903" spans="14:14">
      <c r="N690903" s="10"/>
    </row>
    <row r="690904" spans="14:14">
      <c r="N690904" s="10"/>
    </row>
    <row r="690905" spans="14:14">
      <c r="N690905" s="10"/>
    </row>
    <row r="690906" spans="14:14">
      <c r="N690906" s="10"/>
    </row>
    <row r="690907" spans="14:14">
      <c r="N690907" s="10"/>
    </row>
    <row r="690908" spans="14:14">
      <c r="N690908" s="10"/>
    </row>
    <row r="690909" spans="14:14">
      <c r="N690909" s="10"/>
    </row>
    <row r="690910" spans="14:14">
      <c r="N690910" s="10"/>
    </row>
    <row r="690911" spans="14:14">
      <c r="N690911" s="10"/>
    </row>
    <row r="690912" spans="14:14">
      <c r="N690912" s="10"/>
    </row>
    <row r="690913" spans="14:14">
      <c r="N690913" s="10"/>
    </row>
    <row r="690914" spans="14:14">
      <c r="N690914" s="10"/>
    </row>
    <row r="690915" spans="14:14">
      <c r="N690915" s="10"/>
    </row>
    <row r="690916" spans="14:14">
      <c r="N690916" s="10"/>
    </row>
    <row r="690917" spans="14:14">
      <c r="N690917" s="10"/>
    </row>
    <row r="690918" spans="14:14">
      <c r="N690918" s="10"/>
    </row>
    <row r="690919" spans="14:14">
      <c r="N690919" s="10"/>
    </row>
    <row r="690920" spans="14:14">
      <c r="N690920" s="10"/>
    </row>
    <row r="690921" spans="14:14">
      <c r="N690921" s="10"/>
    </row>
    <row r="690922" spans="14:14">
      <c r="N690922" s="10"/>
    </row>
    <row r="690923" spans="14:14">
      <c r="N690923" s="10"/>
    </row>
    <row r="690924" spans="14:14">
      <c r="N690924" s="10"/>
    </row>
    <row r="690925" spans="14:14">
      <c r="N690925" s="10"/>
    </row>
    <row r="690926" spans="14:14">
      <c r="N690926" s="10"/>
    </row>
    <row r="690927" spans="14:14">
      <c r="N690927" s="10"/>
    </row>
    <row r="690928" spans="14:14">
      <c r="N690928" s="10"/>
    </row>
    <row r="690929" spans="14:14">
      <c r="N690929" s="10"/>
    </row>
    <row r="690930" spans="14:14">
      <c r="N690930" s="10"/>
    </row>
    <row r="690931" spans="14:14">
      <c r="N690931" s="10"/>
    </row>
    <row r="690932" spans="14:14">
      <c r="N690932" s="10"/>
    </row>
    <row r="690933" spans="14:14">
      <c r="N690933" s="10"/>
    </row>
    <row r="690934" spans="14:14">
      <c r="N690934" s="10"/>
    </row>
    <row r="690935" spans="14:14">
      <c r="N690935" s="10"/>
    </row>
    <row r="690936" spans="14:14">
      <c r="N690936" s="10"/>
    </row>
    <row r="690937" spans="14:14">
      <c r="N690937" s="10"/>
    </row>
    <row r="690938" spans="14:14">
      <c r="N690938" s="10"/>
    </row>
    <row r="690939" spans="14:14">
      <c r="N690939" s="10"/>
    </row>
    <row r="690940" spans="14:14">
      <c r="N690940" s="10"/>
    </row>
    <row r="690941" spans="14:14">
      <c r="N690941" s="10"/>
    </row>
    <row r="690942" spans="14:14">
      <c r="N690942" s="10"/>
    </row>
    <row r="690943" spans="14:14">
      <c r="N690943" s="10"/>
    </row>
    <row r="690944" spans="14:14">
      <c r="N690944" s="10"/>
    </row>
    <row r="690945" spans="14:14">
      <c r="N690945" s="10"/>
    </row>
    <row r="690946" spans="14:14">
      <c r="N690946" s="10"/>
    </row>
    <row r="690947" spans="14:14">
      <c r="N690947" s="10"/>
    </row>
    <row r="690948" spans="14:14">
      <c r="N690948" s="10"/>
    </row>
    <row r="690949" spans="14:14">
      <c r="N690949" s="10"/>
    </row>
    <row r="690950" spans="14:14">
      <c r="N690950" s="10"/>
    </row>
    <row r="690951" spans="14:14">
      <c r="N690951" s="10"/>
    </row>
    <row r="690952" spans="14:14">
      <c r="N690952" s="10"/>
    </row>
    <row r="690953" spans="14:14">
      <c r="N690953" s="10"/>
    </row>
    <row r="690954" spans="14:14">
      <c r="N690954" s="10"/>
    </row>
    <row r="690955" spans="14:14">
      <c r="N690955" s="10"/>
    </row>
    <row r="690956" spans="14:14">
      <c r="N690956" s="10"/>
    </row>
    <row r="690957" spans="14:14">
      <c r="N690957" s="10"/>
    </row>
    <row r="690958" spans="14:14">
      <c r="N690958" s="10"/>
    </row>
    <row r="690959" spans="14:14">
      <c r="N690959" s="10"/>
    </row>
    <row r="690960" spans="14:14">
      <c r="N690960" s="10"/>
    </row>
    <row r="690961" spans="14:14">
      <c r="N690961" s="10"/>
    </row>
    <row r="690962" spans="14:14">
      <c r="N690962" s="10"/>
    </row>
    <row r="690963" spans="14:14">
      <c r="N690963" s="10"/>
    </row>
    <row r="690964" spans="14:14">
      <c r="N690964" s="10"/>
    </row>
    <row r="690965" spans="14:14">
      <c r="N690965" s="10"/>
    </row>
    <row r="690966" spans="14:14">
      <c r="N690966" s="10"/>
    </row>
    <row r="690967" spans="14:14">
      <c r="N690967" s="10"/>
    </row>
    <row r="690968" spans="14:14">
      <c r="N690968" s="10"/>
    </row>
    <row r="690969" spans="14:14">
      <c r="N690969" s="10"/>
    </row>
    <row r="690970" spans="14:14">
      <c r="N690970" s="10"/>
    </row>
    <row r="690971" spans="14:14">
      <c r="N690971" s="10"/>
    </row>
    <row r="690972" spans="14:14">
      <c r="N690972" s="10"/>
    </row>
    <row r="690973" spans="14:14">
      <c r="N690973" s="10"/>
    </row>
    <row r="690974" spans="14:14">
      <c r="N690974" s="10"/>
    </row>
    <row r="690975" spans="14:14">
      <c r="N690975" s="10"/>
    </row>
    <row r="690976" spans="14:14">
      <c r="N690976" s="10"/>
    </row>
    <row r="690977" spans="14:14">
      <c r="N690977" s="10"/>
    </row>
    <row r="690978" spans="14:14">
      <c r="N690978" s="10"/>
    </row>
    <row r="690979" spans="14:14">
      <c r="N690979" s="10"/>
    </row>
    <row r="690980" spans="14:14">
      <c r="N690980" s="10"/>
    </row>
    <row r="690981" spans="14:14">
      <c r="N690981" s="10"/>
    </row>
    <row r="690982" spans="14:14">
      <c r="N690982" s="10"/>
    </row>
    <row r="690983" spans="14:14">
      <c r="N690983" s="10"/>
    </row>
    <row r="690984" spans="14:14">
      <c r="N690984" s="10"/>
    </row>
    <row r="690985" spans="14:14">
      <c r="N690985" s="10"/>
    </row>
    <row r="690986" spans="14:14">
      <c r="N690986" s="10"/>
    </row>
    <row r="690987" spans="14:14">
      <c r="N690987" s="10"/>
    </row>
    <row r="690988" spans="14:14">
      <c r="N690988" s="10"/>
    </row>
    <row r="690989" spans="14:14">
      <c r="N690989" s="10"/>
    </row>
    <row r="690990" spans="14:14">
      <c r="N690990" s="10"/>
    </row>
    <row r="690991" spans="14:14">
      <c r="N690991" s="10"/>
    </row>
    <row r="690992" spans="14:14">
      <c r="N690992" s="10"/>
    </row>
    <row r="690993" spans="14:14">
      <c r="N690993" s="10"/>
    </row>
    <row r="690994" spans="14:14">
      <c r="N690994" s="10"/>
    </row>
    <row r="690995" spans="14:14">
      <c r="N690995" s="10"/>
    </row>
    <row r="690996" spans="14:14">
      <c r="N690996" s="10"/>
    </row>
    <row r="690997" spans="14:14">
      <c r="N690997" s="10"/>
    </row>
    <row r="690998" spans="14:14">
      <c r="N690998" s="10"/>
    </row>
    <row r="690999" spans="14:14">
      <c r="N690999" s="10"/>
    </row>
    <row r="691000" spans="14:14">
      <c r="N691000" s="10"/>
    </row>
    <row r="691001" spans="14:14">
      <c r="N691001" s="10"/>
    </row>
    <row r="691002" spans="14:14">
      <c r="N691002" s="10"/>
    </row>
    <row r="691003" spans="14:14">
      <c r="N691003" s="10"/>
    </row>
    <row r="691004" spans="14:14">
      <c r="N691004" s="10"/>
    </row>
    <row r="691005" spans="14:14">
      <c r="N691005" s="10"/>
    </row>
    <row r="691006" spans="14:14">
      <c r="N691006" s="10"/>
    </row>
    <row r="691007" spans="14:14">
      <c r="N691007" s="10"/>
    </row>
    <row r="691008" spans="14:14">
      <c r="N691008" s="10"/>
    </row>
    <row r="691009" spans="14:14">
      <c r="N691009" s="10"/>
    </row>
    <row r="691010" spans="14:14">
      <c r="N691010" s="10"/>
    </row>
    <row r="691011" spans="14:14">
      <c r="N691011" s="10"/>
    </row>
    <row r="691012" spans="14:14">
      <c r="N691012" s="10"/>
    </row>
    <row r="691013" spans="14:14">
      <c r="N691013" s="10"/>
    </row>
    <row r="691014" spans="14:14">
      <c r="N691014" s="10"/>
    </row>
    <row r="691015" spans="14:14">
      <c r="N691015" s="10"/>
    </row>
    <row r="691016" spans="14:14">
      <c r="N691016" s="10"/>
    </row>
    <row r="691017" spans="14:14">
      <c r="N691017" s="10"/>
    </row>
    <row r="691018" spans="14:14">
      <c r="N691018" s="10"/>
    </row>
    <row r="691019" spans="14:14">
      <c r="N691019" s="10"/>
    </row>
    <row r="691020" spans="14:14">
      <c r="N691020" s="10"/>
    </row>
    <row r="691021" spans="14:14">
      <c r="N691021" s="10"/>
    </row>
    <row r="691022" spans="14:14">
      <c r="N691022" s="10"/>
    </row>
    <row r="691023" spans="14:14">
      <c r="N691023" s="10"/>
    </row>
    <row r="691024" spans="14:14">
      <c r="N691024" s="10"/>
    </row>
    <row r="691025" spans="14:14">
      <c r="N691025" s="10"/>
    </row>
    <row r="691026" spans="14:14">
      <c r="N691026" s="10"/>
    </row>
    <row r="691027" spans="14:14">
      <c r="N691027" s="10"/>
    </row>
    <row r="691028" spans="14:14">
      <c r="N691028" s="10"/>
    </row>
    <row r="691029" spans="14:14">
      <c r="N691029" s="10"/>
    </row>
    <row r="691030" spans="14:14">
      <c r="N691030" s="10"/>
    </row>
    <row r="691031" spans="14:14">
      <c r="N691031" s="10"/>
    </row>
    <row r="691032" spans="14:14">
      <c r="N691032" s="10"/>
    </row>
    <row r="691033" spans="14:14">
      <c r="N691033" s="10"/>
    </row>
    <row r="691034" spans="14:14">
      <c r="N691034" s="10"/>
    </row>
    <row r="691035" spans="14:14">
      <c r="N691035" s="10"/>
    </row>
    <row r="691036" spans="14:14">
      <c r="N691036" s="10"/>
    </row>
    <row r="691037" spans="14:14">
      <c r="N691037" s="10"/>
    </row>
    <row r="691038" spans="14:14">
      <c r="N691038" s="10"/>
    </row>
    <row r="691039" spans="14:14">
      <c r="N691039" s="10"/>
    </row>
    <row r="691040" spans="14:14">
      <c r="N691040" s="10"/>
    </row>
    <row r="691041" spans="14:14">
      <c r="N691041" s="10"/>
    </row>
    <row r="691042" spans="14:14">
      <c r="N691042" s="10"/>
    </row>
    <row r="691043" spans="14:14">
      <c r="N691043" s="10"/>
    </row>
    <row r="691044" spans="14:14">
      <c r="N691044" s="10"/>
    </row>
    <row r="691045" spans="14:14">
      <c r="N691045" s="10"/>
    </row>
    <row r="691046" spans="14:14">
      <c r="N691046" s="10"/>
    </row>
    <row r="691047" spans="14:14">
      <c r="N691047" s="10"/>
    </row>
    <row r="691048" spans="14:14">
      <c r="N691048" s="10"/>
    </row>
    <row r="691049" spans="14:14">
      <c r="N691049" s="10"/>
    </row>
    <row r="691050" spans="14:14">
      <c r="N691050" s="10"/>
    </row>
    <row r="691051" spans="14:14">
      <c r="N691051" s="10"/>
    </row>
    <row r="691052" spans="14:14">
      <c r="N691052" s="10"/>
    </row>
    <row r="691053" spans="14:14">
      <c r="N691053" s="10"/>
    </row>
    <row r="691054" spans="14:14">
      <c r="N691054" s="10"/>
    </row>
    <row r="691055" spans="14:14">
      <c r="N691055" s="10"/>
    </row>
    <row r="691056" spans="14:14">
      <c r="N691056" s="10"/>
    </row>
    <row r="691057" spans="14:14">
      <c r="N691057" s="10"/>
    </row>
    <row r="691058" spans="14:14">
      <c r="N691058" s="10"/>
    </row>
    <row r="691059" spans="14:14">
      <c r="N691059" s="10"/>
    </row>
    <row r="691060" spans="14:14">
      <c r="N691060" s="10"/>
    </row>
    <row r="691061" spans="14:14">
      <c r="N691061" s="10"/>
    </row>
    <row r="691062" spans="14:14">
      <c r="N691062" s="10"/>
    </row>
    <row r="691063" spans="14:14">
      <c r="N691063" s="10"/>
    </row>
    <row r="691064" spans="14:14">
      <c r="N691064" s="10"/>
    </row>
    <row r="691065" spans="14:14">
      <c r="N691065" s="10"/>
    </row>
    <row r="691066" spans="14:14">
      <c r="N691066" s="10"/>
    </row>
    <row r="691067" spans="14:14">
      <c r="N691067" s="10"/>
    </row>
    <row r="691068" spans="14:14">
      <c r="N691068" s="10"/>
    </row>
    <row r="691069" spans="14:14">
      <c r="N691069" s="10"/>
    </row>
    <row r="691070" spans="14:14">
      <c r="N691070" s="10"/>
    </row>
    <row r="691071" spans="14:14">
      <c r="N691071" s="10"/>
    </row>
    <row r="691072" spans="14:14">
      <c r="N691072" s="10"/>
    </row>
    <row r="691073" spans="14:14">
      <c r="N691073" s="10"/>
    </row>
    <row r="691074" spans="14:14">
      <c r="N691074" s="10"/>
    </row>
    <row r="691075" spans="14:14">
      <c r="N691075" s="10"/>
    </row>
    <row r="691076" spans="14:14">
      <c r="N691076" s="10"/>
    </row>
    <row r="691077" spans="14:14">
      <c r="N691077" s="10"/>
    </row>
    <row r="691078" spans="14:14">
      <c r="N691078" s="10"/>
    </row>
    <row r="691079" spans="14:14">
      <c r="N691079" s="10"/>
    </row>
    <row r="691080" spans="14:14">
      <c r="N691080" s="10"/>
    </row>
    <row r="691081" spans="14:14">
      <c r="N691081" s="10"/>
    </row>
    <row r="691082" spans="14:14">
      <c r="N691082" s="10"/>
    </row>
    <row r="691083" spans="14:14">
      <c r="N691083" s="10"/>
    </row>
    <row r="691084" spans="14:14">
      <c r="N691084" s="10"/>
    </row>
    <row r="691085" spans="14:14">
      <c r="N691085" s="10"/>
    </row>
    <row r="691086" spans="14:14">
      <c r="N691086" s="10"/>
    </row>
    <row r="691087" spans="14:14">
      <c r="N691087" s="10"/>
    </row>
    <row r="691088" spans="14:14">
      <c r="N691088" s="10"/>
    </row>
    <row r="691089" spans="14:14">
      <c r="N691089" s="10"/>
    </row>
    <row r="691090" spans="14:14">
      <c r="N691090" s="10"/>
    </row>
    <row r="691091" spans="14:14">
      <c r="N691091" s="10"/>
    </row>
    <row r="691092" spans="14:14">
      <c r="N691092" s="10"/>
    </row>
    <row r="691093" spans="14:14">
      <c r="N691093" s="10"/>
    </row>
    <row r="691094" spans="14:14">
      <c r="N691094" s="10"/>
    </row>
    <row r="691095" spans="14:14">
      <c r="N691095" s="10"/>
    </row>
    <row r="691096" spans="14:14">
      <c r="N691096" s="10"/>
    </row>
    <row r="691097" spans="14:14">
      <c r="N691097" s="10"/>
    </row>
    <row r="691098" spans="14:14">
      <c r="N691098" s="10"/>
    </row>
    <row r="691099" spans="14:14">
      <c r="N691099" s="10"/>
    </row>
    <row r="691100" spans="14:14">
      <c r="N691100" s="10"/>
    </row>
    <row r="691101" spans="14:14">
      <c r="N691101" s="10"/>
    </row>
    <row r="691102" spans="14:14">
      <c r="N691102" s="10"/>
    </row>
    <row r="691103" spans="14:14">
      <c r="N691103" s="10"/>
    </row>
    <row r="691104" spans="14:14">
      <c r="N691104" s="10"/>
    </row>
    <row r="691105" spans="14:14">
      <c r="N691105" s="10"/>
    </row>
    <row r="691106" spans="14:14">
      <c r="N691106" s="10"/>
    </row>
    <row r="691107" spans="14:14">
      <c r="N691107" s="10"/>
    </row>
    <row r="691108" spans="14:14">
      <c r="N691108" s="10"/>
    </row>
    <row r="691109" spans="14:14">
      <c r="N691109" s="10"/>
    </row>
    <row r="691110" spans="14:14">
      <c r="N691110" s="10"/>
    </row>
    <row r="691111" spans="14:14">
      <c r="N691111" s="10"/>
    </row>
    <row r="691112" spans="14:14">
      <c r="N691112" s="10"/>
    </row>
    <row r="691113" spans="14:14">
      <c r="N691113" s="10"/>
    </row>
    <row r="691114" spans="14:14">
      <c r="N691114" s="10"/>
    </row>
    <row r="691115" spans="14:14">
      <c r="N691115" s="10"/>
    </row>
    <row r="691116" spans="14:14">
      <c r="N691116" s="10"/>
    </row>
    <row r="691117" spans="14:14">
      <c r="N691117" s="10"/>
    </row>
    <row r="691118" spans="14:14">
      <c r="N691118" s="10"/>
    </row>
    <row r="691119" spans="14:14">
      <c r="N691119" s="10"/>
    </row>
    <row r="691120" spans="14:14">
      <c r="N691120" s="10"/>
    </row>
    <row r="691121" spans="14:14">
      <c r="N691121" s="10"/>
    </row>
    <row r="691122" spans="14:14">
      <c r="N691122" s="10"/>
    </row>
    <row r="691123" spans="14:14">
      <c r="N691123" s="10"/>
    </row>
    <row r="691124" spans="14:14">
      <c r="N691124" s="10"/>
    </row>
    <row r="691125" spans="14:14">
      <c r="N691125" s="10"/>
    </row>
    <row r="691126" spans="14:14">
      <c r="N691126" s="10"/>
    </row>
    <row r="691127" spans="14:14">
      <c r="N691127" s="10"/>
    </row>
    <row r="691128" spans="14:14">
      <c r="N691128" s="10"/>
    </row>
    <row r="691129" spans="14:14">
      <c r="N691129" s="10"/>
    </row>
    <row r="691130" spans="14:14">
      <c r="N691130" s="10"/>
    </row>
    <row r="691131" spans="14:14">
      <c r="N691131" s="10"/>
    </row>
    <row r="691132" spans="14:14">
      <c r="N691132" s="10"/>
    </row>
    <row r="691133" spans="14:14">
      <c r="N691133" s="10"/>
    </row>
    <row r="691134" spans="14:14">
      <c r="N691134" s="10"/>
    </row>
    <row r="691135" spans="14:14">
      <c r="N691135" s="10"/>
    </row>
    <row r="691136" spans="14:14">
      <c r="N691136" s="10"/>
    </row>
    <row r="691137" spans="14:14">
      <c r="N691137" s="10"/>
    </row>
    <row r="691138" spans="14:14">
      <c r="N691138" s="10"/>
    </row>
    <row r="691139" spans="14:14">
      <c r="N691139" s="10"/>
    </row>
    <row r="691140" spans="14:14">
      <c r="N691140" s="10"/>
    </row>
    <row r="691141" spans="14:14">
      <c r="N691141" s="10"/>
    </row>
    <row r="691142" spans="14:14">
      <c r="N691142" s="10"/>
    </row>
    <row r="691143" spans="14:14">
      <c r="N691143" s="10"/>
    </row>
    <row r="691144" spans="14:14">
      <c r="N691144" s="10"/>
    </row>
    <row r="691145" spans="14:14">
      <c r="N691145" s="10"/>
    </row>
    <row r="691146" spans="14:14">
      <c r="N691146" s="10"/>
    </row>
    <row r="691147" spans="14:14">
      <c r="N691147" s="10"/>
    </row>
    <row r="691148" spans="14:14">
      <c r="N691148" s="10"/>
    </row>
    <row r="691149" spans="14:14">
      <c r="N691149" s="10"/>
    </row>
    <row r="691150" spans="14:14">
      <c r="N691150" s="10"/>
    </row>
    <row r="691151" spans="14:14">
      <c r="N691151" s="10"/>
    </row>
    <row r="691152" spans="14:14">
      <c r="N691152" s="10"/>
    </row>
    <row r="691153" spans="14:14">
      <c r="N691153" s="10"/>
    </row>
    <row r="691154" spans="14:14">
      <c r="N691154" s="10"/>
    </row>
    <row r="691155" spans="14:14">
      <c r="N691155" s="10"/>
    </row>
    <row r="691156" spans="14:14">
      <c r="N691156" s="10"/>
    </row>
    <row r="691157" spans="14:14">
      <c r="N691157" s="10"/>
    </row>
    <row r="691158" spans="14:14">
      <c r="N691158" s="10"/>
    </row>
    <row r="691159" spans="14:14">
      <c r="N691159" s="10"/>
    </row>
    <row r="691160" spans="14:14">
      <c r="N691160" s="10"/>
    </row>
    <row r="691161" spans="14:14">
      <c r="N691161" s="10"/>
    </row>
    <row r="691162" spans="14:14">
      <c r="N691162" s="10"/>
    </row>
    <row r="691163" spans="14:14">
      <c r="N691163" s="10"/>
    </row>
    <row r="691164" spans="14:14">
      <c r="N691164" s="10"/>
    </row>
    <row r="691165" spans="14:14">
      <c r="N691165" s="10"/>
    </row>
    <row r="691166" spans="14:14">
      <c r="N691166" s="10"/>
    </row>
    <row r="691167" spans="14:14">
      <c r="N691167" s="10"/>
    </row>
    <row r="691168" spans="14:14">
      <c r="N691168" s="10"/>
    </row>
    <row r="691169" spans="14:14">
      <c r="N691169" s="10"/>
    </row>
    <row r="691170" spans="14:14">
      <c r="N691170" s="10"/>
    </row>
    <row r="691171" spans="14:14">
      <c r="N691171" s="10"/>
    </row>
    <row r="691172" spans="14:14">
      <c r="N691172" s="10"/>
    </row>
    <row r="691173" spans="14:14">
      <c r="N691173" s="10"/>
    </row>
    <row r="691174" spans="14:14">
      <c r="N691174" s="10"/>
    </row>
    <row r="691175" spans="14:14">
      <c r="N691175" s="10"/>
    </row>
    <row r="691176" spans="14:14">
      <c r="N691176" s="10"/>
    </row>
    <row r="691177" spans="14:14">
      <c r="N691177" s="10"/>
    </row>
    <row r="691178" spans="14:14">
      <c r="N691178" s="10"/>
    </row>
    <row r="691179" spans="14:14">
      <c r="N691179" s="10"/>
    </row>
    <row r="691180" spans="14:14">
      <c r="N691180" s="10"/>
    </row>
    <row r="691181" spans="14:14">
      <c r="N691181" s="10"/>
    </row>
    <row r="691182" spans="14:14">
      <c r="N691182" s="10"/>
    </row>
    <row r="691183" spans="14:14">
      <c r="N691183" s="10"/>
    </row>
    <row r="691184" spans="14:14">
      <c r="N691184" s="10"/>
    </row>
    <row r="691185" spans="14:14">
      <c r="N691185" s="10"/>
    </row>
    <row r="691186" spans="14:14">
      <c r="N691186" s="10"/>
    </row>
    <row r="691187" spans="14:14">
      <c r="N691187" s="10"/>
    </row>
    <row r="691188" spans="14:14">
      <c r="N691188" s="10"/>
    </row>
    <row r="691189" spans="14:14">
      <c r="N691189" s="10"/>
    </row>
    <row r="691190" spans="14:14">
      <c r="N691190" s="10"/>
    </row>
    <row r="691191" spans="14:14">
      <c r="N691191" s="10"/>
    </row>
    <row r="691192" spans="14:14">
      <c r="N691192" s="10"/>
    </row>
    <row r="691193" spans="14:14">
      <c r="N691193" s="10"/>
    </row>
    <row r="691194" spans="14:14">
      <c r="N691194" s="10"/>
    </row>
    <row r="691195" spans="14:14">
      <c r="N691195" s="10"/>
    </row>
    <row r="691196" spans="14:14">
      <c r="N691196" s="10"/>
    </row>
    <row r="691197" spans="14:14">
      <c r="N691197" s="10"/>
    </row>
    <row r="691198" spans="14:14">
      <c r="N691198" s="10"/>
    </row>
    <row r="691199" spans="14:14">
      <c r="N691199" s="10"/>
    </row>
    <row r="691200" spans="14:14">
      <c r="N691200" s="10"/>
    </row>
    <row r="691201" spans="14:14">
      <c r="N691201" s="10"/>
    </row>
    <row r="691202" spans="14:14">
      <c r="N691202" s="10"/>
    </row>
    <row r="691203" spans="14:14">
      <c r="N691203" s="10"/>
    </row>
    <row r="691204" spans="14:14">
      <c r="N691204" s="10"/>
    </row>
    <row r="691205" spans="14:14">
      <c r="N691205" s="10"/>
    </row>
    <row r="691206" spans="14:14">
      <c r="N691206" s="10"/>
    </row>
    <row r="691207" spans="14:14">
      <c r="N691207" s="10"/>
    </row>
    <row r="691208" spans="14:14">
      <c r="N691208" s="10"/>
    </row>
    <row r="691209" spans="14:14">
      <c r="N691209" s="10"/>
    </row>
    <row r="691210" spans="14:14">
      <c r="N691210" s="10"/>
    </row>
    <row r="691211" spans="14:14">
      <c r="N691211" s="10"/>
    </row>
    <row r="691212" spans="14:14">
      <c r="N691212" s="10"/>
    </row>
    <row r="691213" spans="14:14">
      <c r="N691213" s="10"/>
    </row>
    <row r="691214" spans="14:14">
      <c r="N691214" s="10"/>
    </row>
    <row r="691215" spans="14:14">
      <c r="N691215" s="10"/>
    </row>
    <row r="691216" spans="14:14">
      <c r="N691216" s="10"/>
    </row>
    <row r="691217" spans="14:14">
      <c r="N691217" s="10"/>
    </row>
    <row r="691218" spans="14:14">
      <c r="N691218" s="10"/>
    </row>
    <row r="691219" spans="14:14">
      <c r="N691219" s="10"/>
    </row>
    <row r="691220" spans="14:14">
      <c r="N691220" s="10"/>
    </row>
    <row r="691221" spans="14:14">
      <c r="N691221" s="10"/>
    </row>
    <row r="691222" spans="14:14">
      <c r="N691222" s="10"/>
    </row>
    <row r="691223" spans="14:14">
      <c r="N691223" s="10"/>
    </row>
    <row r="691224" spans="14:14">
      <c r="N691224" s="10"/>
    </row>
    <row r="691225" spans="14:14">
      <c r="N691225" s="10"/>
    </row>
    <row r="691226" spans="14:14">
      <c r="N691226" s="10"/>
    </row>
    <row r="691227" spans="14:14">
      <c r="N691227" s="10"/>
    </row>
    <row r="691228" spans="14:14">
      <c r="N691228" s="10"/>
    </row>
    <row r="691229" spans="14:14">
      <c r="N691229" s="10"/>
    </row>
    <row r="691230" spans="14:14">
      <c r="N691230" s="10"/>
    </row>
    <row r="691231" spans="14:14">
      <c r="N691231" s="10"/>
    </row>
    <row r="691232" spans="14:14">
      <c r="N691232" s="10"/>
    </row>
    <row r="691233" spans="14:14">
      <c r="N691233" s="10"/>
    </row>
    <row r="691234" spans="14:14">
      <c r="N691234" s="10"/>
    </row>
    <row r="691235" spans="14:14">
      <c r="N691235" s="10"/>
    </row>
    <row r="691236" spans="14:14">
      <c r="N691236" s="10"/>
    </row>
    <row r="691237" spans="14:14">
      <c r="N691237" s="10"/>
    </row>
    <row r="691238" spans="14:14">
      <c r="N691238" s="10"/>
    </row>
    <row r="691239" spans="14:14">
      <c r="N691239" s="10"/>
    </row>
    <row r="691240" spans="14:14">
      <c r="N691240" s="10"/>
    </row>
    <row r="691241" spans="14:14">
      <c r="N691241" s="10"/>
    </row>
    <row r="691242" spans="14:14">
      <c r="N691242" s="10"/>
    </row>
    <row r="691243" spans="14:14">
      <c r="N691243" s="10"/>
    </row>
    <row r="691244" spans="14:14">
      <c r="N691244" s="10"/>
    </row>
    <row r="691245" spans="14:14">
      <c r="N691245" s="10"/>
    </row>
    <row r="691246" spans="14:14">
      <c r="N691246" s="10"/>
    </row>
    <row r="691247" spans="14:14">
      <c r="N691247" s="10"/>
    </row>
    <row r="691248" spans="14:14">
      <c r="N691248" s="10"/>
    </row>
    <row r="691249" spans="14:14">
      <c r="N691249" s="10"/>
    </row>
    <row r="691250" spans="14:14">
      <c r="N691250" s="10"/>
    </row>
    <row r="691251" spans="14:14">
      <c r="N691251" s="10"/>
    </row>
    <row r="691252" spans="14:14">
      <c r="N691252" s="10"/>
    </row>
    <row r="691253" spans="14:14">
      <c r="N691253" s="10"/>
    </row>
    <row r="691254" spans="14:14">
      <c r="N691254" s="10"/>
    </row>
    <row r="691255" spans="14:14">
      <c r="N691255" s="10"/>
    </row>
    <row r="691256" spans="14:14">
      <c r="N691256" s="10"/>
    </row>
    <row r="691257" spans="14:14">
      <c r="N691257" s="10"/>
    </row>
    <row r="691258" spans="14:14">
      <c r="N691258" s="10"/>
    </row>
    <row r="691259" spans="14:14">
      <c r="N691259" s="10"/>
    </row>
    <row r="691260" spans="14:14">
      <c r="N691260" s="10"/>
    </row>
    <row r="691261" spans="14:14">
      <c r="N691261" s="10"/>
    </row>
    <row r="691262" spans="14:14">
      <c r="N691262" s="10"/>
    </row>
    <row r="691263" spans="14:14">
      <c r="N691263" s="10"/>
    </row>
    <row r="691264" spans="14:14">
      <c r="N691264" s="10"/>
    </row>
    <row r="691265" spans="14:14">
      <c r="N691265" s="10"/>
    </row>
    <row r="691266" spans="14:14">
      <c r="N691266" s="10"/>
    </row>
    <row r="691267" spans="14:14">
      <c r="N691267" s="10"/>
    </row>
    <row r="691268" spans="14:14">
      <c r="N691268" s="10"/>
    </row>
    <row r="691269" spans="14:14">
      <c r="N691269" s="10"/>
    </row>
    <row r="691270" spans="14:14">
      <c r="N691270" s="10"/>
    </row>
    <row r="691271" spans="14:14">
      <c r="N691271" s="10"/>
    </row>
    <row r="691272" spans="14:14">
      <c r="N691272" s="10"/>
    </row>
    <row r="691273" spans="14:14">
      <c r="N691273" s="10"/>
    </row>
    <row r="691274" spans="14:14">
      <c r="N691274" s="10"/>
    </row>
    <row r="691275" spans="14:14">
      <c r="N691275" s="10"/>
    </row>
    <row r="691276" spans="14:14">
      <c r="N691276" s="10"/>
    </row>
    <row r="691277" spans="14:14">
      <c r="N691277" s="10"/>
    </row>
    <row r="691278" spans="14:14">
      <c r="N691278" s="10"/>
    </row>
    <row r="691279" spans="14:14">
      <c r="N691279" s="10"/>
    </row>
    <row r="691280" spans="14:14">
      <c r="N691280" s="10"/>
    </row>
    <row r="691281" spans="14:14">
      <c r="N691281" s="10"/>
    </row>
    <row r="691282" spans="14:14">
      <c r="N691282" s="10"/>
    </row>
    <row r="691283" spans="14:14">
      <c r="N691283" s="10"/>
    </row>
    <row r="691284" spans="14:14">
      <c r="N691284" s="10"/>
    </row>
    <row r="691285" spans="14:14">
      <c r="N691285" s="10"/>
    </row>
    <row r="691286" spans="14:14">
      <c r="N691286" s="10"/>
    </row>
    <row r="691287" spans="14:14">
      <c r="N691287" s="10"/>
    </row>
    <row r="691288" spans="14:14">
      <c r="N691288" s="10"/>
    </row>
    <row r="691289" spans="14:14">
      <c r="N691289" s="10"/>
    </row>
    <row r="691290" spans="14:14">
      <c r="N691290" s="10"/>
    </row>
    <row r="691291" spans="14:14">
      <c r="N691291" s="10"/>
    </row>
    <row r="691292" spans="14:14">
      <c r="N691292" s="10"/>
    </row>
    <row r="691293" spans="14:14">
      <c r="N691293" s="10"/>
    </row>
    <row r="691294" spans="14:14">
      <c r="N691294" s="10"/>
    </row>
    <row r="691295" spans="14:14">
      <c r="N691295" s="10"/>
    </row>
    <row r="691296" spans="14:14">
      <c r="N691296" s="10"/>
    </row>
    <row r="691297" spans="14:14">
      <c r="N691297" s="10"/>
    </row>
    <row r="691298" spans="14:14">
      <c r="N691298" s="10"/>
    </row>
    <row r="691299" spans="14:14">
      <c r="N691299" s="10"/>
    </row>
    <row r="691300" spans="14:14">
      <c r="N691300" s="10"/>
    </row>
    <row r="691301" spans="14:14">
      <c r="N691301" s="10"/>
    </row>
    <row r="691302" spans="14:14">
      <c r="N691302" s="10"/>
    </row>
    <row r="691303" spans="14:14">
      <c r="N691303" s="10"/>
    </row>
    <row r="691304" spans="14:14">
      <c r="N691304" s="10"/>
    </row>
    <row r="691305" spans="14:14">
      <c r="N691305" s="10"/>
    </row>
    <row r="691306" spans="14:14">
      <c r="N691306" s="10"/>
    </row>
    <row r="691307" spans="14:14">
      <c r="N691307" s="10"/>
    </row>
    <row r="691308" spans="14:14">
      <c r="N691308" s="10"/>
    </row>
    <row r="691309" spans="14:14">
      <c r="N691309" s="10"/>
    </row>
    <row r="691310" spans="14:14">
      <c r="N691310" s="10"/>
    </row>
    <row r="691311" spans="14:14">
      <c r="N691311" s="10"/>
    </row>
    <row r="691312" spans="14:14">
      <c r="N691312" s="10"/>
    </row>
    <row r="691313" spans="14:14">
      <c r="N691313" s="10"/>
    </row>
    <row r="691314" spans="14:14">
      <c r="N691314" s="10"/>
    </row>
    <row r="691315" spans="14:14">
      <c r="N691315" s="10"/>
    </row>
    <row r="691316" spans="14:14">
      <c r="N691316" s="10"/>
    </row>
    <row r="691317" spans="14:14">
      <c r="N691317" s="10"/>
    </row>
    <row r="691318" spans="14:14">
      <c r="N691318" s="10"/>
    </row>
    <row r="691319" spans="14:14">
      <c r="N691319" s="10"/>
    </row>
    <row r="691320" spans="14:14">
      <c r="N691320" s="10"/>
    </row>
    <row r="691321" spans="14:14">
      <c r="N691321" s="10"/>
    </row>
    <row r="691322" spans="14:14">
      <c r="N691322" s="10"/>
    </row>
    <row r="691323" spans="14:14">
      <c r="N691323" s="10"/>
    </row>
    <row r="691324" spans="14:14">
      <c r="N691324" s="10"/>
    </row>
    <row r="691325" spans="14:14">
      <c r="N691325" s="10"/>
    </row>
    <row r="691326" spans="14:14">
      <c r="N691326" s="10"/>
    </row>
    <row r="691327" spans="14:14">
      <c r="N691327" s="10"/>
    </row>
    <row r="691328" spans="14:14">
      <c r="N691328" s="10"/>
    </row>
    <row r="691329" spans="14:14">
      <c r="N691329" s="10"/>
    </row>
    <row r="691330" spans="14:14">
      <c r="N691330" s="10"/>
    </row>
    <row r="691331" spans="14:14">
      <c r="N691331" s="10"/>
    </row>
    <row r="691332" spans="14:14">
      <c r="N691332" s="10"/>
    </row>
    <row r="691333" spans="14:14">
      <c r="N691333" s="10"/>
    </row>
    <row r="691334" spans="14:14">
      <c r="N691334" s="10"/>
    </row>
    <row r="691335" spans="14:14">
      <c r="N691335" s="10"/>
    </row>
    <row r="691336" spans="14:14">
      <c r="N691336" s="10"/>
    </row>
    <row r="691337" spans="14:14">
      <c r="N691337" s="10"/>
    </row>
    <row r="691338" spans="14:14">
      <c r="N691338" s="10"/>
    </row>
    <row r="691339" spans="14:14">
      <c r="N691339" s="10"/>
    </row>
    <row r="691340" spans="14:14">
      <c r="N691340" s="10"/>
    </row>
    <row r="691341" spans="14:14">
      <c r="N691341" s="10"/>
    </row>
    <row r="691342" spans="14:14">
      <c r="N691342" s="10"/>
    </row>
    <row r="691343" spans="14:14">
      <c r="N691343" s="10"/>
    </row>
    <row r="691344" spans="14:14">
      <c r="N691344" s="10"/>
    </row>
    <row r="691345" spans="14:14">
      <c r="N691345" s="10"/>
    </row>
    <row r="691346" spans="14:14">
      <c r="N691346" s="10"/>
    </row>
    <row r="691347" spans="14:14">
      <c r="N691347" s="10"/>
    </row>
    <row r="691348" spans="14:14">
      <c r="N691348" s="10"/>
    </row>
    <row r="691349" spans="14:14">
      <c r="N691349" s="10"/>
    </row>
    <row r="691350" spans="14:14">
      <c r="N691350" s="10"/>
    </row>
    <row r="691351" spans="14:14">
      <c r="N691351" s="10"/>
    </row>
    <row r="691352" spans="14:14">
      <c r="N691352" s="10"/>
    </row>
    <row r="691353" spans="14:14">
      <c r="N691353" s="10"/>
    </row>
    <row r="691354" spans="14:14">
      <c r="N691354" s="10"/>
    </row>
    <row r="691355" spans="14:14">
      <c r="N691355" s="10"/>
    </row>
    <row r="691356" spans="14:14">
      <c r="N691356" s="10"/>
    </row>
    <row r="691357" spans="14:14">
      <c r="N691357" s="10"/>
    </row>
    <row r="691358" spans="14:14">
      <c r="N691358" s="10"/>
    </row>
    <row r="691359" spans="14:14">
      <c r="N691359" s="10"/>
    </row>
    <row r="691360" spans="14:14">
      <c r="N691360" s="10"/>
    </row>
    <row r="691361" spans="14:14">
      <c r="N691361" s="10"/>
    </row>
    <row r="691362" spans="14:14">
      <c r="N691362" s="10"/>
    </row>
    <row r="691363" spans="14:14">
      <c r="N691363" s="10"/>
    </row>
    <row r="691364" spans="14:14">
      <c r="N691364" s="10"/>
    </row>
    <row r="691365" spans="14:14">
      <c r="N691365" s="10"/>
    </row>
    <row r="691366" spans="14:14">
      <c r="N691366" s="10"/>
    </row>
    <row r="691367" spans="14:14">
      <c r="N691367" s="10"/>
    </row>
    <row r="691368" spans="14:14">
      <c r="N691368" s="10"/>
    </row>
    <row r="691369" spans="14:14">
      <c r="N691369" s="10"/>
    </row>
    <row r="691370" spans="14:14">
      <c r="N691370" s="10"/>
    </row>
    <row r="691371" spans="14:14">
      <c r="N691371" s="10"/>
    </row>
    <row r="691372" spans="14:14">
      <c r="N691372" s="10"/>
    </row>
    <row r="691373" spans="14:14">
      <c r="N691373" s="10"/>
    </row>
    <row r="691374" spans="14:14">
      <c r="N691374" s="10"/>
    </row>
    <row r="691375" spans="14:14">
      <c r="N691375" s="10"/>
    </row>
    <row r="691376" spans="14:14">
      <c r="N691376" s="10"/>
    </row>
    <row r="691377" spans="14:14">
      <c r="N691377" s="10"/>
    </row>
    <row r="691378" spans="14:14">
      <c r="N691378" s="10"/>
    </row>
    <row r="691379" spans="14:14">
      <c r="N691379" s="10"/>
    </row>
    <row r="691380" spans="14:14">
      <c r="N691380" s="10"/>
    </row>
    <row r="691381" spans="14:14">
      <c r="N691381" s="10"/>
    </row>
    <row r="691382" spans="14:14">
      <c r="N691382" s="10"/>
    </row>
    <row r="691383" spans="14:14">
      <c r="N691383" s="10"/>
    </row>
    <row r="691384" spans="14:14">
      <c r="N691384" s="10"/>
    </row>
    <row r="691385" spans="14:14">
      <c r="N691385" s="10"/>
    </row>
    <row r="691386" spans="14:14">
      <c r="N691386" s="10"/>
    </row>
    <row r="691387" spans="14:14">
      <c r="N691387" s="10"/>
    </row>
    <row r="691388" spans="14:14">
      <c r="N691388" s="10"/>
    </row>
    <row r="691389" spans="14:14">
      <c r="N691389" s="10"/>
    </row>
    <row r="691390" spans="14:14">
      <c r="N691390" s="10"/>
    </row>
    <row r="691391" spans="14:14">
      <c r="N691391" s="10"/>
    </row>
    <row r="691392" spans="14:14">
      <c r="N691392" s="10"/>
    </row>
    <row r="691393" spans="14:14">
      <c r="N691393" s="10"/>
    </row>
    <row r="691394" spans="14:14">
      <c r="N691394" s="10"/>
    </row>
    <row r="691395" spans="14:14">
      <c r="N691395" s="10"/>
    </row>
    <row r="691396" spans="14:14">
      <c r="N691396" s="10"/>
    </row>
    <row r="691397" spans="14:14">
      <c r="N691397" s="10"/>
    </row>
    <row r="691398" spans="14:14">
      <c r="N691398" s="10"/>
    </row>
    <row r="691399" spans="14:14">
      <c r="N691399" s="10"/>
    </row>
    <row r="691400" spans="14:14">
      <c r="N691400" s="10"/>
    </row>
    <row r="691401" spans="14:14">
      <c r="N691401" s="10"/>
    </row>
    <row r="691402" spans="14:14">
      <c r="N691402" s="10"/>
    </row>
    <row r="691403" spans="14:14">
      <c r="N691403" s="10"/>
    </row>
    <row r="691404" spans="14:14">
      <c r="N691404" s="10"/>
    </row>
    <row r="691405" spans="14:14">
      <c r="N691405" s="10"/>
    </row>
    <row r="691406" spans="14:14">
      <c r="N691406" s="10"/>
    </row>
    <row r="691407" spans="14:14">
      <c r="N691407" s="10"/>
    </row>
    <row r="691408" spans="14:14">
      <c r="N691408" s="10"/>
    </row>
    <row r="691409" spans="14:14">
      <c r="N691409" s="10"/>
    </row>
    <row r="691410" spans="14:14">
      <c r="N691410" s="10"/>
    </row>
    <row r="691411" spans="14:14">
      <c r="N691411" s="10"/>
    </row>
    <row r="691412" spans="14:14">
      <c r="N691412" s="10"/>
    </row>
    <row r="691413" spans="14:14">
      <c r="N691413" s="10"/>
    </row>
    <row r="691414" spans="14:14">
      <c r="N691414" s="10"/>
    </row>
    <row r="691415" spans="14:14">
      <c r="N691415" s="10"/>
    </row>
    <row r="691416" spans="14:14">
      <c r="N691416" s="10"/>
    </row>
    <row r="691417" spans="14:14">
      <c r="N691417" s="10"/>
    </row>
    <row r="691418" spans="14:14">
      <c r="N691418" s="10"/>
    </row>
    <row r="691419" spans="14:14">
      <c r="N691419" s="10"/>
    </row>
    <row r="691420" spans="14:14">
      <c r="N691420" s="10"/>
    </row>
    <row r="691421" spans="14:14">
      <c r="N691421" s="10"/>
    </row>
    <row r="691422" spans="14:14">
      <c r="N691422" s="10"/>
    </row>
    <row r="691423" spans="14:14">
      <c r="N691423" s="10"/>
    </row>
    <row r="691424" spans="14:14">
      <c r="N691424" s="10"/>
    </row>
    <row r="691425" spans="14:14">
      <c r="N691425" s="10"/>
    </row>
    <row r="691426" spans="14:14">
      <c r="N691426" s="10"/>
    </row>
    <row r="691427" spans="14:14">
      <c r="N691427" s="10"/>
    </row>
    <row r="691428" spans="14:14">
      <c r="N691428" s="10"/>
    </row>
    <row r="691429" spans="14:14">
      <c r="N691429" s="10"/>
    </row>
    <row r="691430" spans="14:14">
      <c r="N691430" s="10"/>
    </row>
    <row r="691431" spans="14:14">
      <c r="N691431" s="10"/>
    </row>
    <row r="691432" spans="14:14">
      <c r="N691432" s="10"/>
    </row>
    <row r="691433" spans="14:14">
      <c r="N691433" s="10"/>
    </row>
    <row r="691434" spans="14:14">
      <c r="N691434" s="10"/>
    </row>
    <row r="691435" spans="14:14">
      <c r="N691435" s="10"/>
    </row>
    <row r="691436" spans="14:14">
      <c r="N691436" s="10"/>
    </row>
    <row r="691437" spans="14:14">
      <c r="N691437" s="10"/>
    </row>
    <row r="691438" spans="14:14">
      <c r="N691438" s="10"/>
    </row>
    <row r="691439" spans="14:14">
      <c r="N691439" s="10"/>
    </row>
    <row r="691440" spans="14:14">
      <c r="N691440" s="10"/>
    </row>
    <row r="691441" spans="14:14">
      <c r="N691441" s="10"/>
    </row>
    <row r="691442" spans="14:14">
      <c r="N691442" s="10"/>
    </row>
    <row r="691443" spans="14:14">
      <c r="N691443" s="10"/>
    </row>
    <row r="691444" spans="14:14">
      <c r="N691444" s="10"/>
    </row>
    <row r="691445" spans="14:14">
      <c r="N691445" s="10"/>
    </row>
    <row r="691446" spans="14:14">
      <c r="N691446" s="10"/>
    </row>
    <row r="691447" spans="14:14">
      <c r="N691447" s="10"/>
    </row>
    <row r="691448" spans="14:14">
      <c r="N691448" s="10"/>
    </row>
    <row r="691449" spans="14:14">
      <c r="N691449" s="10"/>
    </row>
    <row r="691450" spans="14:14">
      <c r="N691450" s="10"/>
    </row>
    <row r="691451" spans="14:14">
      <c r="N691451" s="10"/>
    </row>
    <row r="691452" spans="14:14">
      <c r="N691452" s="10"/>
    </row>
    <row r="691453" spans="14:14">
      <c r="N691453" s="10"/>
    </row>
    <row r="691454" spans="14:14">
      <c r="N691454" s="10"/>
    </row>
    <row r="691455" spans="14:14">
      <c r="N691455" s="10"/>
    </row>
    <row r="691456" spans="14:14">
      <c r="N691456" s="10"/>
    </row>
    <row r="691457" spans="14:14">
      <c r="N691457" s="10"/>
    </row>
    <row r="691458" spans="14:14">
      <c r="N691458" s="10"/>
    </row>
    <row r="691459" spans="14:14">
      <c r="N691459" s="10"/>
    </row>
    <row r="691460" spans="14:14">
      <c r="N691460" s="10"/>
    </row>
    <row r="691461" spans="14:14">
      <c r="N691461" s="10"/>
    </row>
    <row r="691462" spans="14:14">
      <c r="N691462" s="10"/>
    </row>
    <row r="691463" spans="14:14">
      <c r="N691463" s="10"/>
    </row>
    <row r="691464" spans="14:14">
      <c r="N691464" s="10"/>
    </row>
    <row r="691465" spans="14:14">
      <c r="N691465" s="10"/>
    </row>
    <row r="691466" spans="14:14">
      <c r="N691466" s="10"/>
    </row>
    <row r="691467" spans="14:14">
      <c r="N691467" s="10"/>
    </row>
    <row r="691468" spans="14:14">
      <c r="N691468" s="10"/>
    </row>
    <row r="691469" spans="14:14">
      <c r="N691469" s="10"/>
    </row>
    <row r="691470" spans="14:14">
      <c r="N691470" s="10"/>
    </row>
    <row r="691471" spans="14:14">
      <c r="N691471" s="10"/>
    </row>
    <row r="691472" spans="14:14">
      <c r="N691472" s="10"/>
    </row>
    <row r="691473" spans="14:14">
      <c r="N691473" s="10"/>
    </row>
    <row r="691474" spans="14:14">
      <c r="N691474" s="10"/>
    </row>
    <row r="691475" spans="14:14">
      <c r="N691475" s="10"/>
    </row>
    <row r="691476" spans="14:14">
      <c r="N691476" s="10"/>
    </row>
    <row r="691477" spans="14:14">
      <c r="N691477" s="10"/>
    </row>
    <row r="691478" spans="14:14">
      <c r="N691478" s="10"/>
    </row>
    <row r="691479" spans="14:14">
      <c r="N691479" s="10"/>
    </row>
    <row r="691480" spans="14:14">
      <c r="N691480" s="10"/>
    </row>
    <row r="691481" spans="14:14">
      <c r="N691481" s="10"/>
    </row>
    <row r="691482" spans="14:14">
      <c r="N691482" s="10"/>
    </row>
    <row r="691483" spans="14:14">
      <c r="N691483" s="10"/>
    </row>
    <row r="691484" spans="14:14">
      <c r="N691484" s="10"/>
    </row>
    <row r="691485" spans="14:14">
      <c r="N691485" s="10"/>
    </row>
    <row r="691486" spans="14:14">
      <c r="N691486" s="10"/>
    </row>
    <row r="691487" spans="14:14">
      <c r="N691487" s="10"/>
    </row>
    <row r="691488" spans="14:14">
      <c r="N691488" s="10"/>
    </row>
    <row r="691489" spans="14:14">
      <c r="N691489" s="10"/>
    </row>
    <row r="691490" spans="14:14">
      <c r="N691490" s="10"/>
    </row>
    <row r="691491" spans="14:14">
      <c r="N691491" s="10"/>
    </row>
    <row r="691492" spans="14:14">
      <c r="N691492" s="10"/>
    </row>
    <row r="691493" spans="14:14">
      <c r="N691493" s="10"/>
    </row>
    <row r="691494" spans="14:14">
      <c r="N691494" s="10"/>
    </row>
    <row r="691495" spans="14:14">
      <c r="N691495" s="10"/>
    </row>
    <row r="691496" spans="14:14">
      <c r="N691496" s="10"/>
    </row>
    <row r="691497" spans="14:14">
      <c r="N691497" s="10"/>
    </row>
    <row r="691498" spans="14:14">
      <c r="N691498" s="10"/>
    </row>
    <row r="691499" spans="14:14">
      <c r="N691499" s="10"/>
    </row>
    <row r="691500" spans="14:14">
      <c r="N691500" s="10"/>
    </row>
    <row r="691501" spans="14:14">
      <c r="N691501" s="10"/>
    </row>
    <row r="691502" spans="14:14">
      <c r="N691502" s="10"/>
    </row>
    <row r="691503" spans="14:14">
      <c r="N691503" s="10"/>
    </row>
    <row r="691504" spans="14:14">
      <c r="N691504" s="10"/>
    </row>
    <row r="691505" spans="14:14">
      <c r="N691505" s="10"/>
    </row>
    <row r="691506" spans="14:14">
      <c r="N691506" s="10"/>
    </row>
    <row r="691507" spans="14:14">
      <c r="N691507" s="10"/>
    </row>
    <row r="691508" spans="14:14">
      <c r="N691508" s="10"/>
    </row>
    <row r="691509" spans="14:14">
      <c r="N691509" s="10"/>
    </row>
    <row r="691510" spans="14:14">
      <c r="N691510" s="10"/>
    </row>
    <row r="691511" spans="14:14">
      <c r="N691511" s="10"/>
    </row>
    <row r="691512" spans="14:14">
      <c r="N691512" s="10"/>
    </row>
    <row r="691513" spans="14:14">
      <c r="N691513" s="10"/>
    </row>
    <row r="691514" spans="14:14">
      <c r="N691514" s="10"/>
    </row>
    <row r="691515" spans="14:14">
      <c r="N691515" s="10"/>
    </row>
    <row r="691516" spans="14:14">
      <c r="N691516" s="10"/>
    </row>
    <row r="691517" spans="14:14">
      <c r="N691517" s="10"/>
    </row>
    <row r="691518" spans="14:14">
      <c r="N691518" s="10"/>
    </row>
    <row r="691519" spans="14:14">
      <c r="N691519" s="10"/>
    </row>
    <row r="691520" spans="14:14">
      <c r="N691520" s="10"/>
    </row>
    <row r="691521" spans="14:14">
      <c r="N691521" s="10"/>
    </row>
    <row r="691522" spans="14:14">
      <c r="N691522" s="10"/>
    </row>
    <row r="691523" spans="14:14">
      <c r="N691523" s="10"/>
    </row>
    <row r="691524" spans="14:14">
      <c r="N691524" s="10"/>
    </row>
    <row r="691525" spans="14:14">
      <c r="N691525" s="10"/>
    </row>
    <row r="691526" spans="14:14">
      <c r="N691526" s="10"/>
    </row>
    <row r="691527" spans="14:14">
      <c r="N691527" s="10"/>
    </row>
    <row r="691528" spans="14:14">
      <c r="N691528" s="10"/>
    </row>
    <row r="691529" spans="14:14">
      <c r="N691529" s="10"/>
    </row>
    <row r="691530" spans="14:14">
      <c r="N691530" s="10"/>
    </row>
    <row r="691531" spans="14:14">
      <c r="N691531" s="10"/>
    </row>
    <row r="691532" spans="14:14">
      <c r="N691532" s="10"/>
    </row>
    <row r="691533" spans="14:14">
      <c r="N691533" s="10"/>
    </row>
    <row r="691534" spans="14:14">
      <c r="N691534" s="10"/>
    </row>
    <row r="691535" spans="14:14">
      <c r="N691535" s="10"/>
    </row>
    <row r="691536" spans="14:14">
      <c r="N691536" s="10"/>
    </row>
    <row r="691537" spans="14:14">
      <c r="N691537" s="10"/>
    </row>
    <row r="691538" spans="14:14">
      <c r="N691538" s="10"/>
    </row>
    <row r="691539" spans="14:14">
      <c r="N691539" s="10"/>
    </row>
    <row r="691540" spans="14:14">
      <c r="N691540" s="10"/>
    </row>
    <row r="691541" spans="14:14">
      <c r="N691541" s="10"/>
    </row>
    <row r="691542" spans="14:14">
      <c r="N691542" s="10"/>
    </row>
    <row r="691543" spans="14:14">
      <c r="N691543" s="10"/>
    </row>
    <row r="691544" spans="14:14">
      <c r="N691544" s="10"/>
    </row>
    <row r="691545" spans="14:14">
      <c r="N691545" s="10"/>
    </row>
    <row r="691546" spans="14:14">
      <c r="N691546" s="10"/>
    </row>
    <row r="691547" spans="14:14">
      <c r="N691547" s="10"/>
    </row>
    <row r="691548" spans="14:14">
      <c r="N691548" s="10"/>
    </row>
    <row r="691549" spans="14:14">
      <c r="N691549" s="10"/>
    </row>
    <row r="691550" spans="14:14">
      <c r="N691550" s="10"/>
    </row>
    <row r="691551" spans="14:14">
      <c r="N691551" s="10"/>
    </row>
    <row r="691552" spans="14:14">
      <c r="N691552" s="10"/>
    </row>
    <row r="691553" spans="14:14">
      <c r="N691553" s="10"/>
    </row>
    <row r="691554" spans="14:14">
      <c r="N691554" s="10"/>
    </row>
    <row r="691555" spans="14:14">
      <c r="N691555" s="10"/>
    </row>
    <row r="691556" spans="14:14">
      <c r="N691556" s="10"/>
    </row>
    <row r="691557" spans="14:14">
      <c r="N691557" s="10"/>
    </row>
    <row r="691558" spans="14:14">
      <c r="N691558" s="10"/>
    </row>
    <row r="691559" spans="14:14">
      <c r="N691559" s="10"/>
    </row>
    <row r="691560" spans="14:14">
      <c r="N691560" s="10"/>
    </row>
    <row r="691561" spans="14:14">
      <c r="N691561" s="10"/>
    </row>
    <row r="691562" spans="14:14">
      <c r="N691562" s="10"/>
    </row>
    <row r="691563" spans="14:14">
      <c r="N691563" s="10"/>
    </row>
    <row r="691564" spans="14:14">
      <c r="N691564" s="10"/>
    </row>
    <row r="691565" spans="14:14">
      <c r="N691565" s="10"/>
    </row>
    <row r="691566" spans="14:14">
      <c r="N691566" s="10"/>
    </row>
    <row r="691567" spans="14:14">
      <c r="N691567" s="10"/>
    </row>
    <row r="691568" spans="14:14">
      <c r="N691568" s="10"/>
    </row>
    <row r="691569" spans="14:14">
      <c r="N691569" s="10"/>
    </row>
    <row r="691570" spans="14:14">
      <c r="N691570" s="10"/>
    </row>
    <row r="691571" spans="14:14">
      <c r="N691571" s="10"/>
    </row>
    <row r="691572" spans="14:14">
      <c r="N691572" s="10"/>
    </row>
    <row r="691573" spans="14:14">
      <c r="N691573" s="10"/>
    </row>
    <row r="691574" spans="14:14">
      <c r="N691574" s="10"/>
    </row>
    <row r="691575" spans="14:14">
      <c r="N691575" s="10"/>
    </row>
    <row r="691576" spans="14:14">
      <c r="N691576" s="10"/>
    </row>
    <row r="691577" spans="14:14">
      <c r="N691577" s="10"/>
    </row>
    <row r="691578" spans="14:14">
      <c r="N691578" s="10"/>
    </row>
    <row r="691579" spans="14:14">
      <c r="N691579" s="10"/>
    </row>
    <row r="691580" spans="14:14">
      <c r="N691580" s="10"/>
    </row>
    <row r="691581" spans="14:14">
      <c r="N691581" s="10"/>
    </row>
    <row r="691582" spans="14:14">
      <c r="N691582" s="10"/>
    </row>
    <row r="691583" spans="14:14">
      <c r="N691583" s="10"/>
    </row>
    <row r="691584" spans="14:14">
      <c r="N691584" s="10"/>
    </row>
    <row r="691585" spans="14:14">
      <c r="N691585" s="10"/>
    </row>
    <row r="691586" spans="14:14">
      <c r="N691586" s="10"/>
    </row>
    <row r="691587" spans="14:14">
      <c r="N691587" s="10"/>
    </row>
    <row r="691588" spans="14:14">
      <c r="N691588" s="10"/>
    </row>
    <row r="691589" spans="14:14">
      <c r="N691589" s="10"/>
    </row>
    <row r="691590" spans="14:14">
      <c r="N691590" s="10"/>
    </row>
    <row r="691591" spans="14:14">
      <c r="N691591" s="10"/>
    </row>
    <row r="691592" spans="14:14">
      <c r="N691592" s="10"/>
    </row>
    <row r="691593" spans="14:14">
      <c r="N691593" s="10"/>
    </row>
    <row r="691594" spans="14:14">
      <c r="N691594" s="10"/>
    </row>
    <row r="691595" spans="14:14">
      <c r="N691595" s="10"/>
    </row>
    <row r="691596" spans="14:14">
      <c r="N691596" s="10"/>
    </row>
    <row r="691597" spans="14:14">
      <c r="N691597" s="10"/>
    </row>
    <row r="691598" spans="14:14">
      <c r="N691598" s="10"/>
    </row>
    <row r="691599" spans="14:14">
      <c r="N691599" s="10"/>
    </row>
    <row r="691600" spans="14:14">
      <c r="N691600" s="10"/>
    </row>
    <row r="691601" spans="14:14">
      <c r="N691601" s="10"/>
    </row>
    <row r="691602" spans="14:14">
      <c r="N691602" s="10"/>
    </row>
    <row r="691603" spans="14:14">
      <c r="N691603" s="10"/>
    </row>
    <row r="691604" spans="14:14">
      <c r="N691604" s="10"/>
    </row>
    <row r="691605" spans="14:14">
      <c r="N691605" s="10"/>
    </row>
    <row r="691606" spans="14:14">
      <c r="N691606" s="10"/>
    </row>
    <row r="691607" spans="14:14">
      <c r="N691607" s="10"/>
    </row>
    <row r="691608" spans="14:14">
      <c r="N691608" s="10"/>
    </row>
    <row r="691609" spans="14:14">
      <c r="N691609" s="10"/>
    </row>
    <row r="691610" spans="14:14">
      <c r="N691610" s="10"/>
    </row>
    <row r="691611" spans="14:14">
      <c r="N691611" s="10"/>
    </row>
    <row r="691612" spans="14:14">
      <c r="N691612" s="10"/>
    </row>
    <row r="691613" spans="14:14">
      <c r="N691613" s="10"/>
    </row>
    <row r="691614" spans="14:14">
      <c r="N691614" s="10"/>
    </row>
    <row r="691615" spans="14:14">
      <c r="N691615" s="10"/>
    </row>
    <row r="691616" spans="14:14">
      <c r="N691616" s="10"/>
    </row>
    <row r="691617" spans="14:14">
      <c r="N691617" s="10"/>
    </row>
    <row r="691618" spans="14:14">
      <c r="N691618" s="10"/>
    </row>
    <row r="691619" spans="14:14">
      <c r="N691619" s="10"/>
    </row>
    <row r="691620" spans="14:14">
      <c r="N691620" s="10"/>
    </row>
    <row r="691621" spans="14:14">
      <c r="N691621" s="10"/>
    </row>
    <row r="691622" spans="14:14">
      <c r="N691622" s="10"/>
    </row>
    <row r="691623" spans="14:14">
      <c r="N691623" s="10"/>
    </row>
    <row r="691624" spans="14:14">
      <c r="N691624" s="10"/>
    </row>
    <row r="691625" spans="14:14">
      <c r="N691625" s="10"/>
    </row>
    <row r="691626" spans="14:14">
      <c r="N691626" s="10"/>
    </row>
    <row r="691627" spans="14:14">
      <c r="N691627" s="10"/>
    </row>
    <row r="691628" spans="14:14">
      <c r="N691628" s="10"/>
    </row>
    <row r="691629" spans="14:14">
      <c r="N691629" s="10"/>
    </row>
    <row r="691630" spans="14:14">
      <c r="N691630" s="10"/>
    </row>
    <row r="691631" spans="14:14">
      <c r="N691631" s="10"/>
    </row>
    <row r="691632" spans="14:14">
      <c r="N691632" s="10"/>
    </row>
    <row r="691633" spans="14:14">
      <c r="N691633" s="10"/>
    </row>
    <row r="691634" spans="14:14">
      <c r="N691634" s="10"/>
    </row>
    <row r="691635" spans="14:14">
      <c r="N691635" s="10"/>
    </row>
    <row r="691636" spans="14:14">
      <c r="N691636" s="10"/>
    </row>
    <row r="691637" spans="14:14">
      <c r="N691637" s="10"/>
    </row>
    <row r="691638" spans="14:14">
      <c r="N691638" s="10"/>
    </row>
    <row r="691639" spans="14:14">
      <c r="N691639" s="10"/>
    </row>
    <row r="691640" spans="14:14">
      <c r="N691640" s="10"/>
    </row>
    <row r="691641" spans="14:14">
      <c r="N691641" s="10"/>
    </row>
    <row r="691642" spans="14:14">
      <c r="N691642" s="10"/>
    </row>
    <row r="691643" spans="14:14">
      <c r="N691643" s="10"/>
    </row>
    <row r="691644" spans="14:14">
      <c r="N691644" s="10"/>
    </row>
    <row r="691645" spans="14:14">
      <c r="N691645" s="10"/>
    </row>
    <row r="691646" spans="14:14">
      <c r="N691646" s="10"/>
    </row>
    <row r="691647" spans="14:14">
      <c r="N691647" s="10"/>
    </row>
    <row r="691648" spans="14:14">
      <c r="N691648" s="10"/>
    </row>
    <row r="691649" spans="14:14">
      <c r="N691649" s="10"/>
    </row>
    <row r="691650" spans="14:14">
      <c r="N691650" s="10"/>
    </row>
    <row r="691651" spans="14:14">
      <c r="N691651" s="10"/>
    </row>
    <row r="691652" spans="14:14">
      <c r="N691652" s="10"/>
    </row>
    <row r="691653" spans="14:14">
      <c r="N691653" s="10"/>
    </row>
    <row r="691654" spans="14:14">
      <c r="N691654" s="10"/>
    </row>
    <row r="691655" spans="14:14">
      <c r="N691655" s="10"/>
    </row>
    <row r="691656" spans="14:14">
      <c r="N691656" s="10"/>
    </row>
    <row r="691657" spans="14:14">
      <c r="N691657" s="10"/>
    </row>
    <row r="691658" spans="14:14">
      <c r="N691658" s="10"/>
    </row>
    <row r="691659" spans="14:14">
      <c r="N691659" s="10"/>
    </row>
    <row r="691660" spans="14:14">
      <c r="N691660" s="10"/>
    </row>
    <row r="691661" spans="14:14">
      <c r="N691661" s="10"/>
    </row>
    <row r="691662" spans="14:14">
      <c r="N691662" s="10"/>
    </row>
    <row r="691663" spans="14:14">
      <c r="N691663" s="10"/>
    </row>
    <row r="691664" spans="14:14">
      <c r="N691664" s="10"/>
    </row>
    <row r="691665" spans="14:14">
      <c r="N691665" s="10"/>
    </row>
    <row r="691666" spans="14:14">
      <c r="N691666" s="10"/>
    </row>
    <row r="691667" spans="14:14">
      <c r="N691667" s="10"/>
    </row>
    <row r="691668" spans="14:14">
      <c r="N691668" s="10"/>
    </row>
    <row r="691669" spans="14:14">
      <c r="N691669" s="10"/>
    </row>
    <row r="691670" spans="14:14">
      <c r="N691670" s="10"/>
    </row>
    <row r="691671" spans="14:14">
      <c r="N691671" s="10"/>
    </row>
    <row r="691672" spans="14:14">
      <c r="N691672" s="10"/>
    </row>
    <row r="691673" spans="14:14">
      <c r="N691673" s="10"/>
    </row>
    <row r="691674" spans="14:14">
      <c r="N691674" s="10"/>
    </row>
    <row r="691675" spans="14:14">
      <c r="N691675" s="10"/>
    </row>
    <row r="691676" spans="14:14">
      <c r="N691676" s="10"/>
    </row>
    <row r="691677" spans="14:14">
      <c r="N691677" s="10"/>
    </row>
    <row r="691678" spans="14:14">
      <c r="N691678" s="10"/>
    </row>
    <row r="691679" spans="14:14">
      <c r="N691679" s="10"/>
    </row>
    <row r="691680" spans="14:14">
      <c r="N691680" s="10"/>
    </row>
    <row r="691681" spans="14:14">
      <c r="N691681" s="10"/>
    </row>
    <row r="691682" spans="14:14">
      <c r="N691682" s="10"/>
    </row>
    <row r="691683" spans="14:14">
      <c r="N691683" s="10"/>
    </row>
    <row r="691684" spans="14:14">
      <c r="N691684" s="10"/>
    </row>
    <row r="691685" spans="14:14">
      <c r="N691685" s="10"/>
    </row>
    <row r="691686" spans="14:14">
      <c r="N691686" s="10"/>
    </row>
    <row r="691687" spans="14:14">
      <c r="N691687" s="10"/>
    </row>
    <row r="691688" spans="14:14">
      <c r="N691688" s="10"/>
    </row>
    <row r="691689" spans="14:14">
      <c r="N691689" s="10"/>
    </row>
    <row r="691690" spans="14:14">
      <c r="N691690" s="10"/>
    </row>
    <row r="691691" spans="14:14">
      <c r="N691691" s="10"/>
    </row>
    <row r="691692" spans="14:14">
      <c r="N691692" s="10"/>
    </row>
    <row r="691693" spans="14:14">
      <c r="N691693" s="10"/>
    </row>
    <row r="691694" spans="14:14">
      <c r="N691694" s="10"/>
    </row>
    <row r="691695" spans="14:14">
      <c r="N691695" s="10"/>
    </row>
    <row r="691696" spans="14:14">
      <c r="N691696" s="10"/>
    </row>
    <row r="691697" spans="14:14">
      <c r="N691697" s="10"/>
    </row>
    <row r="691698" spans="14:14">
      <c r="N691698" s="10"/>
    </row>
    <row r="691699" spans="14:14">
      <c r="N691699" s="10"/>
    </row>
    <row r="691700" spans="14:14">
      <c r="N691700" s="10"/>
    </row>
    <row r="691701" spans="14:14">
      <c r="N691701" s="10"/>
    </row>
    <row r="691702" spans="14:14">
      <c r="N691702" s="10"/>
    </row>
    <row r="691703" spans="14:14">
      <c r="N691703" s="10"/>
    </row>
    <row r="691704" spans="14:14">
      <c r="N691704" s="10"/>
    </row>
    <row r="691705" spans="14:14">
      <c r="N691705" s="10"/>
    </row>
    <row r="691706" spans="14:14">
      <c r="N691706" s="10"/>
    </row>
    <row r="691707" spans="14:14">
      <c r="N691707" s="10"/>
    </row>
    <row r="691708" spans="14:14">
      <c r="N691708" s="10"/>
    </row>
    <row r="691709" spans="14:14">
      <c r="N691709" s="10"/>
    </row>
    <row r="691710" spans="14:14">
      <c r="N691710" s="10"/>
    </row>
    <row r="691711" spans="14:14">
      <c r="N691711" s="10"/>
    </row>
    <row r="691712" spans="14:14">
      <c r="N691712" s="10"/>
    </row>
    <row r="691713" spans="14:14">
      <c r="N691713" s="10"/>
    </row>
    <row r="691714" spans="14:14">
      <c r="N691714" s="10"/>
    </row>
    <row r="691715" spans="14:14">
      <c r="N691715" s="10"/>
    </row>
    <row r="691716" spans="14:14">
      <c r="N691716" s="10"/>
    </row>
    <row r="691717" spans="14:14">
      <c r="N691717" s="10"/>
    </row>
    <row r="691718" spans="14:14">
      <c r="N691718" s="10"/>
    </row>
    <row r="691719" spans="14:14">
      <c r="N691719" s="10"/>
    </row>
    <row r="691720" spans="14:14">
      <c r="N691720" s="10"/>
    </row>
    <row r="691721" spans="14:14">
      <c r="N691721" s="10"/>
    </row>
    <row r="691722" spans="14:14">
      <c r="N691722" s="10"/>
    </row>
    <row r="691723" spans="14:14">
      <c r="N691723" s="10"/>
    </row>
    <row r="691724" spans="14:14">
      <c r="N691724" s="10"/>
    </row>
    <row r="691725" spans="14:14">
      <c r="N691725" s="10"/>
    </row>
    <row r="691726" spans="14:14">
      <c r="N691726" s="10"/>
    </row>
    <row r="691727" spans="14:14">
      <c r="N691727" s="10"/>
    </row>
    <row r="691728" spans="14:14">
      <c r="N691728" s="10"/>
    </row>
    <row r="691729" spans="14:14">
      <c r="N691729" s="10"/>
    </row>
    <row r="691730" spans="14:14">
      <c r="N691730" s="10"/>
    </row>
    <row r="691731" spans="14:14">
      <c r="N691731" s="10"/>
    </row>
    <row r="691732" spans="14:14">
      <c r="N691732" s="10"/>
    </row>
    <row r="691733" spans="14:14">
      <c r="N691733" s="10"/>
    </row>
    <row r="691734" spans="14:14">
      <c r="N691734" s="10"/>
    </row>
    <row r="691735" spans="14:14">
      <c r="N691735" s="10"/>
    </row>
    <row r="691736" spans="14:14">
      <c r="N691736" s="10"/>
    </row>
    <row r="691737" spans="14:14">
      <c r="N691737" s="10"/>
    </row>
    <row r="691738" spans="14:14">
      <c r="N691738" s="10"/>
    </row>
    <row r="691739" spans="14:14">
      <c r="N691739" s="10"/>
    </row>
    <row r="691740" spans="14:14">
      <c r="N691740" s="10"/>
    </row>
    <row r="691741" spans="14:14">
      <c r="N691741" s="10"/>
    </row>
    <row r="691742" spans="14:14">
      <c r="N691742" s="10"/>
    </row>
    <row r="691743" spans="14:14">
      <c r="N691743" s="10"/>
    </row>
    <row r="691744" spans="14:14">
      <c r="N691744" s="10"/>
    </row>
    <row r="691745" spans="14:14">
      <c r="N691745" s="10"/>
    </row>
    <row r="691746" spans="14:14">
      <c r="N691746" s="10"/>
    </row>
    <row r="691747" spans="14:14">
      <c r="N691747" s="10"/>
    </row>
    <row r="691748" spans="14:14">
      <c r="N691748" s="10"/>
    </row>
    <row r="691749" spans="14:14">
      <c r="N691749" s="10"/>
    </row>
    <row r="691750" spans="14:14">
      <c r="N691750" s="10"/>
    </row>
    <row r="691751" spans="14:14">
      <c r="N691751" s="10"/>
    </row>
    <row r="691752" spans="14:14">
      <c r="N691752" s="10"/>
    </row>
    <row r="691753" spans="14:14">
      <c r="N691753" s="10"/>
    </row>
    <row r="691754" spans="14:14">
      <c r="N691754" s="10"/>
    </row>
    <row r="691755" spans="14:14">
      <c r="N691755" s="10"/>
    </row>
    <row r="691756" spans="14:14">
      <c r="N691756" s="10"/>
    </row>
    <row r="691757" spans="14:14">
      <c r="N691757" s="10"/>
    </row>
    <row r="691758" spans="14:14">
      <c r="N691758" s="10"/>
    </row>
    <row r="691759" spans="14:14">
      <c r="N691759" s="10"/>
    </row>
    <row r="691760" spans="14:14">
      <c r="N691760" s="10"/>
    </row>
    <row r="691761" spans="14:14">
      <c r="N691761" s="10"/>
    </row>
    <row r="691762" spans="14:14">
      <c r="N691762" s="10"/>
    </row>
    <row r="691763" spans="14:14">
      <c r="N691763" s="10"/>
    </row>
    <row r="691764" spans="14:14">
      <c r="N691764" s="10"/>
    </row>
    <row r="691765" spans="14:14">
      <c r="N691765" s="10"/>
    </row>
    <row r="691766" spans="14:14">
      <c r="N691766" s="10"/>
    </row>
    <row r="691767" spans="14:14">
      <c r="N691767" s="10"/>
    </row>
    <row r="691768" spans="14:14">
      <c r="N691768" s="10"/>
    </row>
    <row r="691769" spans="14:14">
      <c r="N691769" s="10"/>
    </row>
    <row r="691770" spans="14:14">
      <c r="N691770" s="10"/>
    </row>
    <row r="691771" spans="14:14">
      <c r="N691771" s="10"/>
    </row>
    <row r="691772" spans="14:14">
      <c r="N691772" s="10"/>
    </row>
    <row r="691773" spans="14:14">
      <c r="N691773" s="10"/>
    </row>
    <row r="691774" spans="14:14">
      <c r="N691774" s="10"/>
    </row>
    <row r="691775" spans="14:14">
      <c r="N691775" s="10"/>
    </row>
    <row r="691776" spans="14:14">
      <c r="N691776" s="10"/>
    </row>
    <row r="691777" spans="14:14">
      <c r="N691777" s="10"/>
    </row>
    <row r="691778" spans="14:14">
      <c r="N691778" s="10"/>
    </row>
    <row r="691779" spans="14:14">
      <c r="N691779" s="10"/>
    </row>
    <row r="691780" spans="14:14">
      <c r="N691780" s="10"/>
    </row>
    <row r="691781" spans="14:14">
      <c r="N691781" s="10"/>
    </row>
    <row r="691782" spans="14:14">
      <c r="N691782" s="10"/>
    </row>
    <row r="691783" spans="14:14">
      <c r="N691783" s="10"/>
    </row>
    <row r="691784" spans="14:14">
      <c r="N691784" s="10"/>
    </row>
    <row r="691785" spans="14:14">
      <c r="N691785" s="10"/>
    </row>
    <row r="691786" spans="14:14">
      <c r="N691786" s="10"/>
    </row>
    <row r="691787" spans="14:14">
      <c r="N691787" s="10"/>
    </row>
    <row r="691788" spans="14:14">
      <c r="N691788" s="10"/>
    </row>
    <row r="691789" spans="14:14">
      <c r="N691789" s="10"/>
    </row>
    <row r="691790" spans="14:14">
      <c r="N691790" s="10"/>
    </row>
    <row r="691791" spans="14:14">
      <c r="N691791" s="10"/>
    </row>
    <row r="691792" spans="14:14">
      <c r="N691792" s="10"/>
    </row>
    <row r="691793" spans="14:14">
      <c r="N691793" s="10"/>
    </row>
    <row r="691794" spans="14:14">
      <c r="N691794" s="10"/>
    </row>
    <row r="691795" spans="14:14">
      <c r="N691795" s="10"/>
    </row>
    <row r="691796" spans="14:14">
      <c r="N691796" s="10"/>
    </row>
    <row r="691797" spans="14:14">
      <c r="N691797" s="10"/>
    </row>
    <row r="691798" spans="14:14">
      <c r="N691798" s="10"/>
    </row>
    <row r="691799" spans="14:14">
      <c r="N691799" s="10"/>
    </row>
    <row r="691800" spans="14:14">
      <c r="N691800" s="10"/>
    </row>
    <row r="691801" spans="14:14">
      <c r="N691801" s="10"/>
    </row>
    <row r="691802" spans="14:14">
      <c r="N691802" s="10"/>
    </row>
    <row r="691803" spans="14:14">
      <c r="N691803" s="10"/>
    </row>
    <row r="691804" spans="14:14">
      <c r="N691804" s="10"/>
    </row>
    <row r="691805" spans="14:14">
      <c r="N691805" s="10"/>
    </row>
    <row r="691806" spans="14:14">
      <c r="N691806" s="10"/>
    </row>
    <row r="691807" spans="14:14">
      <c r="N691807" s="10"/>
    </row>
    <row r="691808" spans="14:14">
      <c r="N691808" s="10"/>
    </row>
    <row r="691809" spans="14:14">
      <c r="N691809" s="10"/>
    </row>
    <row r="691810" spans="14:14">
      <c r="N691810" s="10"/>
    </row>
    <row r="691811" spans="14:14">
      <c r="N691811" s="10"/>
    </row>
    <row r="691812" spans="14:14">
      <c r="N691812" s="10"/>
    </row>
    <row r="691813" spans="14:14">
      <c r="N691813" s="10"/>
    </row>
    <row r="691814" spans="14:14">
      <c r="N691814" s="10"/>
    </row>
    <row r="691815" spans="14:14">
      <c r="N691815" s="10"/>
    </row>
    <row r="691816" spans="14:14">
      <c r="N691816" s="10"/>
    </row>
    <row r="691817" spans="14:14">
      <c r="N691817" s="10"/>
    </row>
    <row r="691818" spans="14:14">
      <c r="N691818" s="10"/>
    </row>
    <row r="691819" spans="14:14">
      <c r="N691819" s="10"/>
    </row>
    <row r="691820" spans="14:14">
      <c r="N691820" s="10"/>
    </row>
    <row r="691821" spans="14:14">
      <c r="N691821" s="10"/>
    </row>
    <row r="691822" spans="14:14">
      <c r="N691822" s="10"/>
    </row>
    <row r="691823" spans="14:14">
      <c r="N691823" s="10"/>
    </row>
    <row r="691824" spans="14:14">
      <c r="N691824" s="10"/>
    </row>
    <row r="691825" spans="14:14">
      <c r="N691825" s="10"/>
    </row>
    <row r="691826" spans="14:14">
      <c r="N691826" s="10"/>
    </row>
    <row r="691827" spans="14:14">
      <c r="N691827" s="10"/>
    </row>
    <row r="691828" spans="14:14">
      <c r="N691828" s="10"/>
    </row>
    <row r="691829" spans="14:14">
      <c r="N691829" s="10"/>
    </row>
    <row r="691830" spans="14:14">
      <c r="N691830" s="10"/>
    </row>
    <row r="691831" spans="14:14">
      <c r="N691831" s="10"/>
    </row>
    <row r="691832" spans="14:14">
      <c r="N691832" s="10"/>
    </row>
    <row r="691833" spans="14:14">
      <c r="N691833" s="10"/>
    </row>
    <row r="691834" spans="14:14">
      <c r="N691834" s="10"/>
    </row>
    <row r="691835" spans="14:14">
      <c r="N691835" s="10"/>
    </row>
    <row r="691836" spans="14:14">
      <c r="N691836" s="10"/>
    </row>
    <row r="691837" spans="14:14">
      <c r="N691837" s="10"/>
    </row>
    <row r="691838" spans="14:14">
      <c r="N691838" s="10"/>
    </row>
    <row r="691839" spans="14:14">
      <c r="N691839" s="10"/>
    </row>
    <row r="691840" spans="14:14">
      <c r="N691840" s="10"/>
    </row>
    <row r="691841" spans="14:14">
      <c r="N691841" s="10"/>
    </row>
    <row r="691842" spans="14:14">
      <c r="N691842" s="10"/>
    </row>
    <row r="691843" spans="14:14">
      <c r="N691843" s="10"/>
    </row>
    <row r="691844" spans="14:14">
      <c r="N691844" s="10"/>
    </row>
    <row r="691845" spans="14:14">
      <c r="N691845" s="10"/>
    </row>
    <row r="691846" spans="14:14">
      <c r="N691846" s="10"/>
    </row>
    <row r="691847" spans="14:14">
      <c r="N691847" s="10"/>
    </row>
    <row r="691848" spans="14:14">
      <c r="N691848" s="10"/>
    </row>
    <row r="691849" spans="14:14">
      <c r="N691849" s="10"/>
    </row>
    <row r="691850" spans="14:14">
      <c r="N691850" s="10"/>
    </row>
    <row r="691851" spans="14:14">
      <c r="N691851" s="10"/>
    </row>
    <row r="691852" spans="14:14">
      <c r="N691852" s="10"/>
    </row>
    <row r="691853" spans="14:14">
      <c r="N691853" s="10"/>
    </row>
    <row r="691854" spans="14:14">
      <c r="N691854" s="10"/>
    </row>
    <row r="691855" spans="14:14">
      <c r="N691855" s="10"/>
    </row>
    <row r="691856" spans="14:14">
      <c r="N691856" s="10"/>
    </row>
    <row r="691857" spans="14:14">
      <c r="N691857" s="10"/>
    </row>
    <row r="691858" spans="14:14">
      <c r="N691858" s="10"/>
    </row>
    <row r="691859" spans="14:14">
      <c r="N691859" s="10"/>
    </row>
    <row r="691860" spans="14:14">
      <c r="N691860" s="10"/>
    </row>
    <row r="691861" spans="14:14">
      <c r="N691861" s="10"/>
    </row>
    <row r="691862" spans="14:14">
      <c r="N691862" s="10"/>
    </row>
    <row r="691863" spans="14:14">
      <c r="N691863" s="10"/>
    </row>
    <row r="691864" spans="14:14">
      <c r="N691864" s="10"/>
    </row>
    <row r="691865" spans="14:14">
      <c r="N691865" s="10"/>
    </row>
    <row r="691866" spans="14:14">
      <c r="N691866" s="10"/>
    </row>
    <row r="691867" spans="14:14">
      <c r="N691867" s="10"/>
    </row>
    <row r="691868" spans="14:14">
      <c r="N691868" s="10"/>
    </row>
    <row r="691869" spans="14:14">
      <c r="N691869" s="10"/>
    </row>
    <row r="691870" spans="14:14">
      <c r="N691870" s="10"/>
    </row>
    <row r="691871" spans="14:14">
      <c r="N691871" s="10"/>
    </row>
    <row r="691872" spans="14:14">
      <c r="N691872" s="10"/>
    </row>
    <row r="691873" spans="14:14">
      <c r="N691873" s="10"/>
    </row>
    <row r="691874" spans="14:14">
      <c r="N691874" s="10"/>
    </row>
    <row r="691875" spans="14:14">
      <c r="N691875" s="10"/>
    </row>
    <row r="691876" spans="14:14">
      <c r="N691876" s="10"/>
    </row>
    <row r="691877" spans="14:14">
      <c r="N691877" s="10"/>
    </row>
    <row r="691878" spans="14:14">
      <c r="N691878" s="10"/>
    </row>
    <row r="691879" spans="14:14">
      <c r="N691879" s="10"/>
    </row>
    <row r="691880" spans="14:14">
      <c r="N691880" s="10"/>
    </row>
    <row r="691881" spans="14:14">
      <c r="N691881" s="10"/>
    </row>
    <row r="691882" spans="14:14">
      <c r="N691882" s="10"/>
    </row>
    <row r="691883" spans="14:14">
      <c r="N691883" s="10"/>
    </row>
    <row r="691884" spans="14:14">
      <c r="N691884" s="10"/>
    </row>
    <row r="691885" spans="14:14">
      <c r="N691885" s="10"/>
    </row>
    <row r="691886" spans="14:14">
      <c r="N691886" s="10"/>
    </row>
    <row r="691887" spans="14:14">
      <c r="N691887" s="10"/>
    </row>
    <row r="691888" spans="14:14">
      <c r="N691888" s="10"/>
    </row>
    <row r="691889" spans="14:14">
      <c r="N691889" s="10"/>
    </row>
    <row r="691890" spans="14:14">
      <c r="N691890" s="10"/>
    </row>
    <row r="691891" spans="14:14">
      <c r="N691891" s="10"/>
    </row>
    <row r="691892" spans="14:14">
      <c r="N691892" s="10"/>
    </row>
    <row r="691893" spans="14:14">
      <c r="N691893" s="10"/>
    </row>
    <row r="691894" spans="14:14">
      <c r="N691894" s="10"/>
    </row>
    <row r="691895" spans="14:14">
      <c r="N691895" s="10"/>
    </row>
    <row r="691896" spans="14:14">
      <c r="N691896" s="10"/>
    </row>
    <row r="691897" spans="14:14">
      <c r="N691897" s="10"/>
    </row>
    <row r="691898" spans="14:14">
      <c r="N691898" s="10"/>
    </row>
    <row r="691899" spans="14:14">
      <c r="N691899" s="10"/>
    </row>
    <row r="691900" spans="14:14">
      <c r="N691900" s="10"/>
    </row>
    <row r="691901" spans="14:14">
      <c r="N691901" s="10"/>
    </row>
    <row r="691902" spans="14:14">
      <c r="N691902" s="10"/>
    </row>
    <row r="691903" spans="14:14">
      <c r="N691903" s="10"/>
    </row>
    <row r="691904" spans="14:14">
      <c r="N691904" s="10"/>
    </row>
    <row r="691905" spans="14:14">
      <c r="N691905" s="10"/>
    </row>
    <row r="691906" spans="14:14">
      <c r="N691906" s="10"/>
    </row>
    <row r="691907" spans="14:14">
      <c r="N691907" s="10"/>
    </row>
    <row r="691908" spans="14:14">
      <c r="N691908" s="10"/>
    </row>
    <row r="691909" spans="14:14">
      <c r="N691909" s="10"/>
    </row>
    <row r="691910" spans="14:14">
      <c r="N691910" s="10"/>
    </row>
    <row r="691911" spans="14:14">
      <c r="N691911" s="10"/>
    </row>
    <row r="691912" spans="14:14">
      <c r="N691912" s="10"/>
    </row>
    <row r="691913" spans="14:14">
      <c r="N691913" s="10"/>
    </row>
    <row r="691914" spans="14:14">
      <c r="N691914" s="10"/>
    </row>
    <row r="691915" spans="14:14">
      <c r="N691915" s="10"/>
    </row>
    <row r="691916" spans="14:14">
      <c r="N691916" s="10"/>
    </row>
    <row r="691917" spans="14:14">
      <c r="N691917" s="10"/>
    </row>
    <row r="691918" spans="14:14">
      <c r="N691918" s="10"/>
    </row>
    <row r="691919" spans="14:14">
      <c r="N691919" s="10"/>
    </row>
    <row r="691920" spans="14:14">
      <c r="N691920" s="10"/>
    </row>
    <row r="691921" spans="14:14">
      <c r="N691921" s="10"/>
    </row>
    <row r="691922" spans="14:14">
      <c r="N691922" s="10"/>
    </row>
    <row r="691923" spans="14:14">
      <c r="N691923" s="10"/>
    </row>
    <row r="691924" spans="14:14">
      <c r="N691924" s="10"/>
    </row>
    <row r="691925" spans="14:14">
      <c r="N691925" s="10"/>
    </row>
    <row r="691926" spans="14:14">
      <c r="N691926" s="10"/>
    </row>
    <row r="691927" spans="14:14">
      <c r="N691927" s="10"/>
    </row>
    <row r="691928" spans="14:14">
      <c r="N691928" s="10"/>
    </row>
    <row r="691929" spans="14:14">
      <c r="N691929" s="10"/>
    </row>
    <row r="691930" spans="14:14">
      <c r="N691930" s="10"/>
    </row>
    <row r="691931" spans="14:14">
      <c r="N691931" s="10"/>
    </row>
    <row r="691932" spans="14:14">
      <c r="N691932" s="10"/>
    </row>
    <row r="691933" spans="14:14">
      <c r="N691933" s="10"/>
    </row>
    <row r="691934" spans="14:14">
      <c r="N691934" s="10"/>
    </row>
    <row r="691935" spans="14:14">
      <c r="N691935" s="10"/>
    </row>
    <row r="691936" spans="14:14">
      <c r="N691936" s="10"/>
    </row>
    <row r="691937" spans="14:14">
      <c r="N691937" s="10"/>
    </row>
    <row r="691938" spans="14:14">
      <c r="N691938" s="10"/>
    </row>
    <row r="691939" spans="14:14">
      <c r="N691939" s="10"/>
    </row>
    <row r="691940" spans="14:14">
      <c r="N691940" s="10"/>
    </row>
    <row r="691941" spans="14:14">
      <c r="N691941" s="10"/>
    </row>
    <row r="691942" spans="14:14">
      <c r="N691942" s="10"/>
    </row>
    <row r="691943" spans="14:14">
      <c r="N691943" s="10"/>
    </row>
    <row r="691944" spans="14:14">
      <c r="N691944" s="10"/>
    </row>
    <row r="691945" spans="14:14">
      <c r="N691945" s="10"/>
    </row>
    <row r="691946" spans="14:14">
      <c r="N691946" s="10"/>
    </row>
    <row r="691947" spans="14:14">
      <c r="N691947" s="10"/>
    </row>
    <row r="691948" spans="14:14">
      <c r="N691948" s="10"/>
    </row>
    <row r="691949" spans="14:14">
      <c r="N691949" s="10"/>
    </row>
    <row r="691950" spans="14:14">
      <c r="N691950" s="10"/>
    </row>
    <row r="691951" spans="14:14">
      <c r="N691951" s="10"/>
    </row>
    <row r="691952" spans="14:14">
      <c r="N691952" s="10"/>
    </row>
    <row r="691953" spans="14:14">
      <c r="N691953" s="10"/>
    </row>
    <row r="691954" spans="14:14">
      <c r="N691954" s="10"/>
    </row>
    <row r="691955" spans="14:14">
      <c r="N691955" s="10"/>
    </row>
    <row r="691956" spans="14:14">
      <c r="N691956" s="10"/>
    </row>
    <row r="691957" spans="14:14">
      <c r="N691957" s="10"/>
    </row>
    <row r="691958" spans="14:14">
      <c r="N691958" s="10"/>
    </row>
    <row r="691959" spans="14:14">
      <c r="N691959" s="10"/>
    </row>
    <row r="691960" spans="14:14">
      <c r="N691960" s="10"/>
    </row>
    <row r="691961" spans="14:14">
      <c r="N691961" s="10"/>
    </row>
    <row r="691962" spans="14:14">
      <c r="N691962" s="10"/>
    </row>
    <row r="691963" spans="14:14">
      <c r="N691963" s="10"/>
    </row>
    <row r="691964" spans="14:14">
      <c r="N691964" s="10"/>
    </row>
    <row r="691965" spans="14:14">
      <c r="N691965" s="10"/>
    </row>
    <row r="691966" spans="14:14">
      <c r="N691966" s="10"/>
    </row>
    <row r="691967" spans="14:14">
      <c r="N691967" s="10"/>
    </row>
    <row r="691968" spans="14:14">
      <c r="N691968" s="10"/>
    </row>
    <row r="691969" spans="14:14">
      <c r="N691969" s="10"/>
    </row>
    <row r="691970" spans="14:14">
      <c r="N691970" s="10"/>
    </row>
    <row r="691971" spans="14:14">
      <c r="N691971" s="10"/>
    </row>
    <row r="691972" spans="14:14">
      <c r="N691972" s="10"/>
    </row>
    <row r="691973" spans="14:14">
      <c r="N691973" s="10"/>
    </row>
    <row r="691974" spans="14:14">
      <c r="N691974" s="10"/>
    </row>
    <row r="691975" spans="14:14">
      <c r="N691975" s="10"/>
    </row>
    <row r="691976" spans="14:14">
      <c r="N691976" s="10"/>
    </row>
    <row r="691977" spans="14:14">
      <c r="N691977" s="10"/>
    </row>
    <row r="691978" spans="14:14">
      <c r="N691978" s="10"/>
    </row>
    <row r="691979" spans="14:14">
      <c r="N691979" s="10"/>
    </row>
    <row r="691980" spans="14:14">
      <c r="N691980" s="10"/>
    </row>
    <row r="691981" spans="14:14">
      <c r="N691981" s="10"/>
    </row>
    <row r="691982" spans="14:14">
      <c r="N691982" s="10"/>
    </row>
    <row r="691983" spans="14:14">
      <c r="N691983" s="10"/>
    </row>
    <row r="691984" spans="14:14">
      <c r="N691984" s="10"/>
    </row>
    <row r="691985" spans="14:14">
      <c r="N691985" s="10"/>
    </row>
    <row r="691986" spans="14:14">
      <c r="N691986" s="10"/>
    </row>
    <row r="691987" spans="14:14">
      <c r="N691987" s="10"/>
    </row>
    <row r="691988" spans="14:14">
      <c r="N691988" s="10"/>
    </row>
    <row r="691989" spans="14:14">
      <c r="N691989" s="10"/>
    </row>
    <row r="691990" spans="14:14">
      <c r="N691990" s="10"/>
    </row>
    <row r="691991" spans="14:14">
      <c r="N691991" s="10"/>
    </row>
    <row r="691992" spans="14:14">
      <c r="N691992" s="10"/>
    </row>
    <row r="691993" spans="14:14">
      <c r="N691993" s="10"/>
    </row>
    <row r="691994" spans="14:14">
      <c r="N691994" s="10"/>
    </row>
    <row r="691995" spans="14:14">
      <c r="N691995" s="10"/>
    </row>
    <row r="691996" spans="14:14">
      <c r="N691996" s="10"/>
    </row>
    <row r="691997" spans="14:14">
      <c r="N691997" s="10"/>
    </row>
    <row r="691998" spans="14:14">
      <c r="N691998" s="10"/>
    </row>
    <row r="691999" spans="14:14">
      <c r="N691999" s="10"/>
    </row>
    <row r="692000" spans="14:14">
      <c r="N692000" s="10"/>
    </row>
    <row r="692001" spans="14:14">
      <c r="N692001" s="10"/>
    </row>
    <row r="692002" spans="14:14">
      <c r="N692002" s="10"/>
    </row>
    <row r="692003" spans="14:14">
      <c r="N692003" s="10"/>
    </row>
    <row r="692004" spans="14:14">
      <c r="N692004" s="10"/>
    </row>
    <row r="692005" spans="14:14">
      <c r="N692005" s="10"/>
    </row>
    <row r="692006" spans="14:14">
      <c r="N692006" s="10"/>
    </row>
    <row r="692007" spans="14:14">
      <c r="N692007" s="10"/>
    </row>
    <row r="692008" spans="14:14">
      <c r="N692008" s="10"/>
    </row>
    <row r="692009" spans="14:14">
      <c r="N692009" s="10"/>
    </row>
    <row r="692010" spans="14:14">
      <c r="N692010" s="10"/>
    </row>
    <row r="692011" spans="14:14">
      <c r="N692011" s="10"/>
    </row>
    <row r="692012" spans="14:14">
      <c r="N692012" s="10"/>
    </row>
    <row r="692013" spans="14:14">
      <c r="N692013" s="10"/>
    </row>
    <row r="692014" spans="14:14">
      <c r="N692014" s="10"/>
    </row>
    <row r="692015" spans="14:14">
      <c r="N692015" s="10"/>
    </row>
    <row r="692016" spans="14:14">
      <c r="N692016" s="10"/>
    </row>
    <row r="692017" spans="14:14">
      <c r="N692017" s="10"/>
    </row>
    <row r="692018" spans="14:14">
      <c r="N692018" s="10"/>
    </row>
    <row r="692019" spans="14:14">
      <c r="N692019" s="10"/>
    </row>
    <row r="692020" spans="14:14">
      <c r="N692020" s="10"/>
    </row>
    <row r="692021" spans="14:14">
      <c r="N692021" s="10"/>
    </row>
    <row r="692022" spans="14:14">
      <c r="N692022" s="10"/>
    </row>
    <row r="692023" spans="14:14">
      <c r="N692023" s="10"/>
    </row>
    <row r="692024" spans="14:14">
      <c r="N692024" s="10"/>
    </row>
    <row r="692025" spans="14:14">
      <c r="N692025" s="10"/>
    </row>
    <row r="692026" spans="14:14">
      <c r="N692026" s="10"/>
    </row>
    <row r="692027" spans="14:14">
      <c r="N692027" s="10"/>
    </row>
    <row r="692028" spans="14:14">
      <c r="N692028" s="10"/>
    </row>
    <row r="692029" spans="14:14">
      <c r="N692029" s="10"/>
    </row>
    <row r="692030" spans="14:14">
      <c r="N692030" s="10"/>
    </row>
    <row r="692031" spans="14:14">
      <c r="N692031" s="10"/>
    </row>
    <row r="692032" spans="14:14">
      <c r="N692032" s="10"/>
    </row>
    <row r="692033" spans="14:14">
      <c r="N692033" s="10"/>
    </row>
    <row r="692034" spans="14:14">
      <c r="N692034" s="10"/>
    </row>
    <row r="692035" spans="14:14">
      <c r="N692035" s="10"/>
    </row>
    <row r="692036" spans="14:14">
      <c r="N692036" s="10"/>
    </row>
    <row r="692037" spans="14:14">
      <c r="N692037" s="10"/>
    </row>
    <row r="692038" spans="14:14">
      <c r="N692038" s="10"/>
    </row>
    <row r="692039" spans="14:14">
      <c r="N692039" s="10"/>
    </row>
    <row r="692040" spans="14:14">
      <c r="N692040" s="10"/>
    </row>
    <row r="692041" spans="14:14">
      <c r="N692041" s="10"/>
    </row>
    <row r="692042" spans="14:14">
      <c r="N692042" s="10"/>
    </row>
    <row r="692043" spans="14:14">
      <c r="N692043" s="10"/>
    </row>
    <row r="692044" spans="14:14">
      <c r="N692044" s="10"/>
    </row>
    <row r="692045" spans="14:14">
      <c r="N692045" s="10"/>
    </row>
    <row r="692046" spans="14:14">
      <c r="N692046" s="10"/>
    </row>
    <row r="692047" spans="14:14">
      <c r="N692047" s="10"/>
    </row>
    <row r="692048" spans="14:14">
      <c r="N692048" s="10"/>
    </row>
    <row r="692049" spans="14:14">
      <c r="N692049" s="10"/>
    </row>
    <row r="692050" spans="14:14">
      <c r="N692050" s="10"/>
    </row>
    <row r="692051" spans="14:14">
      <c r="N692051" s="10"/>
    </row>
    <row r="692052" spans="14:14">
      <c r="N692052" s="10"/>
    </row>
    <row r="692053" spans="14:14">
      <c r="N692053" s="10"/>
    </row>
    <row r="692054" spans="14:14">
      <c r="N692054" s="10"/>
    </row>
    <row r="692055" spans="14:14">
      <c r="N692055" s="10"/>
    </row>
    <row r="692056" spans="14:14">
      <c r="N692056" s="10"/>
    </row>
    <row r="692057" spans="14:14">
      <c r="N692057" s="10"/>
    </row>
    <row r="692058" spans="14:14">
      <c r="N692058" s="10"/>
    </row>
    <row r="692059" spans="14:14">
      <c r="N692059" s="10"/>
    </row>
    <row r="692060" spans="14:14">
      <c r="N692060" s="10"/>
    </row>
    <row r="692061" spans="14:14">
      <c r="N692061" s="10"/>
    </row>
    <row r="692062" spans="14:14">
      <c r="N692062" s="10"/>
    </row>
    <row r="692063" spans="14:14">
      <c r="N692063" s="10"/>
    </row>
    <row r="692064" spans="14:14">
      <c r="N692064" s="10"/>
    </row>
    <row r="692065" spans="14:14">
      <c r="N692065" s="10"/>
    </row>
    <row r="692066" spans="14:14">
      <c r="N692066" s="10"/>
    </row>
    <row r="692067" spans="14:14">
      <c r="N692067" s="10"/>
    </row>
    <row r="692068" spans="14:14">
      <c r="N692068" s="10"/>
    </row>
    <row r="692069" spans="14:14">
      <c r="N692069" s="10"/>
    </row>
    <row r="692070" spans="14:14">
      <c r="N692070" s="10"/>
    </row>
    <row r="692071" spans="14:14">
      <c r="N692071" s="10"/>
    </row>
    <row r="692072" spans="14:14">
      <c r="N692072" s="10"/>
    </row>
    <row r="692073" spans="14:14">
      <c r="N692073" s="10"/>
    </row>
    <row r="692074" spans="14:14">
      <c r="N692074" s="10"/>
    </row>
    <row r="692075" spans="14:14">
      <c r="N692075" s="10"/>
    </row>
    <row r="692076" spans="14:14">
      <c r="N692076" s="10"/>
    </row>
    <row r="692077" spans="14:14">
      <c r="N692077" s="10"/>
    </row>
    <row r="692078" spans="14:14">
      <c r="N692078" s="10"/>
    </row>
    <row r="692079" spans="14:14">
      <c r="N692079" s="10"/>
    </row>
    <row r="692080" spans="14:14">
      <c r="N692080" s="10"/>
    </row>
    <row r="692081" spans="14:14">
      <c r="N692081" s="10"/>
    </row>
    <row r="692082" spans="14:14">
      <c r="N692082" s="10"/>
    </row>
    <row r="692083" spans="14:14">
      <c r="N692083" s="10"/>
    </row>
    <row r="692084" spans="14:14">
      <c r="N692084" s="10"/>
    </row>
    <row r="692085" spans="14:14">
      <c r="N692085" s="10"/>
    </row>
    <row r="692086" spans="14:14">
      <c r="N692086" s="10"/>
    </row>
    <row r="692087" spans="14:14">
      <c r="N692087" s="10"/>
    </row>
    <row r="692088" spans="14:14">
      <c r="N692088" s="10"/>
    </row>
    <row r="692089" spans="14:14">
      <c r="N692089" s="10"/>
    </row>
    <row r="692090" spans="14:14">
      <c r="N692090" s="10"/>
    </row>
    <row r="692091" spans="14:14">
      <c r="N692091" s="10"/>
    </row>
    <row r="692092" spans="14:14">
      <c r="N692092" s="10"/>
    </row>
    <row r="692093" spans="14:14">
      <c r="N692093" s="10"/>
    </row>
    <row r="692094" spans="14:14">
      <c r="N692094" s="10"/>
    </row>
    <row r="692095" spans="14:14">
      <c r="N692095" s="10"/>
    </row>
    <row r="692096" spans="14:14">
      <c r="N692096" s="10"/>
    </row>
    <row r="692097" spans="14:14">
      <c r="N692097" s="10"/>
    </row>
    <row r="692098" spans="14:14">
      <c r="N692098" s="10"/>
    </row>
    <row r="692099" spans="14:14">
      <c r="N692099" s="10"/>
    </row>
    <row r="692100" spans="14:14">
      <c r="N692100" s="10"/>
    </row>
    <row r="692101" spans="14:14">
      <c r="N692101" s="10"/>
    </row>
    <row r="692102" spans="14:14">
      <c r="N692102" s="10"/>
    </row>
    <row r="692103" spans="14:14">
      <c r="N692103" s="10"/>
    </row>
    <row r="692104" spans="14:14">
      <c r="N692104" s="10"/>
    </row>
    <row r="692105" spans="14:14">
      <c r="N692105" s="10"/>
    </row>
    <row r="692106" spans="14:14">
      <c r="N692106" s="10"/>
    </row>
    <row r="692107" spans="14:14">
      <c r="N692107" s="10"/>
    </row>
    <row r="692108" spans="14:14">
      <c r="N692108" s="10"/>
    </row>
    <row r="692109" spans="14:14">
      <c r="N692109" s="10"/>
    </row>
    <row r="692110" spans="14:14">
      <c r="N692110" s="10"/>
    </row>
    <row r="692111" spans="14:14">
      <c r="N692111" s="10"/>
    </row>
    <row r="692112" spans="14:14">
      <c r="N692112" s="10"/>
    </row>
    <row r="692113" spans="14:14">
      <c r="N692113" s="10"/>
    </row>
    <row r="692114" spans="14:14">
      <c r="N692114" s="10"/>
    </row>
    <row r="692115" spans="14:14">
      <c r="N692115" s="10"/>
    </row>
    <row r="692116" spans="14:14">
      <c r="N692116" s="10"/>
    </row>
    <row r="692117" spans="14:14">
      <c r="N692117" s="10"/>
    </row>
    <row r="692118" spans="14:14">
      <c r="N692118" s="10"/>
    </row>
    <row r="692119" spans="14:14">
      <c r="N692119" s="10"/>
    </row>
    <row r="692120" spans="14:14">
      <c r="N692120" s="10"/>
    </row>
    <row r="692121" spans="14:14">
      <c r="N692121" s="10"/>
    </row>
    <row r="692122" spans="14:14">
      <c r="N692122" s="10"/>
    </row>
    <row r="692123" spans="14:14">
      <c r="N692123" s="10"/>
    </row>
    <row r="692124" spans="14:14">
      <c r="N692124" s="10"/>
    </row>
    <row r="692125" spans="14:14">
      <c r="N692125" s="10"/>
    </row>
    <row r="692126" spans="14:14">
      <c r="N692126" s="10"/>
    </row>
    <row r="692127" spans="14:14">
      <c r="N692127" s="10"/>
    </row>
    <row r="692128" spans="14:14">
      <c r="N692128" s="10"/>
    </row>
    <row r="692129" spans="14:14">
      <c r="N692129" s="10"/>
    </row>
    <row r="692130" spans="14:14">
      <c r="N692130" s="10"/>
    </row>
    <row r="692131" spans="14:14">
      <c r="N692131" s="10"/>
    </row>
    <row r="692132" spans="14:14">
      <c r="N692132" s="10"/>
    </row>
    <row r="692133" spans="14:14">
      <c r="N692133" s="10"/>
    </row>
    <row r="692134" spans="14:14">
      <c r="N692134" s="10"/>
    </row>
    <row r="692135" spans="14:14">
      <c r="N692135" s="10"/>
    </row>
    <row r="692136" spans="14:14">
      <c r="N692136" s="10"/>
    </row>
    <row r="692137" spans="14:14">
      <c r="N692137" s="10"/>
    </row>
    <row r="692138" spans="14:14">
      <c r="N692138" s="10"/>
    </row>
    <row r="692139" spans="14:14">
      <c r="N692139" s="10"/>
    </row>
    <row r="692140" spans="14:14">
      <c r="N692140" s="10"/>
    </row>
    <row r="692141" spans="14:14">
      <c r="N692141" s="10"/>
    </row>
    <row r="692142" spans="14:14">
      <c r="N692142" s="10"/>
    </row>
    <row r="692143" spans="14:14">
      <c r="N692143" s="10"/>
    </row>
    <row r="692144" spans="14:14">
      <c r="N692144" s="10"/>
    </row>
    <row r="692145" spans="14:14">
      <c r="N692145" s="10"/>
    </row>
    <row r="692146" spans="14:14">
      <c r="N692146" s="10"/>
    </row>
    <row r="692147" spans="14:14">
      <c r="N692147" s="10"/>
    </row>
    <row r="692148" spans="14:14">
      <c r="N692148" s="10"/>
    </row>
    <row r="692149" spans="14:14">
      <c r="N692149" s="10"/>
    </row>
    <row r="692150" spans="14:14">
      <c r="N692150" s="10"/>
    </row>
    <row r="692151" spans="14:14">
      <c r="N692151" s="10"/>
    </row>
    <row r="692152" spans="14:14">
      <c r="N692152" s="10"/>
    </row>
    <row r="692153" spans="14:14">
      <c r="N692153" s="10"/>
    </row>
    <row r="692154" spans="14:14">
      <c r="N692154" s="10"/>
    </row>
    <row r="692155" spans="14:14">
      <c r="N692155" s="10"/>
    </row>
    <row r="692156" spans="14:14">
      <c r="N692156" s="10"/>
    </row>
    <row r="692157" spans="14:14">
      <c r="N692157" s="10"/>
    </row>
    <row r="692158" spans="14:14">
      <c r="N692158" s="10"/>
    </row>
    <row r="692159" spans="14:14">
      <c r="N692159" s="10"/>
    </row>
    <row r="692160" spans="14:14">
      <c r="N692160" s="10"/>
    </row>
    <row r="692161" spans="14:14">
      <c r="N692161" s="10"/>
    </row>
    <row r="692162" spans="14:14">
      <c r="N692162" s="10"/>
    </row>
    <row r="692163" spans="14:14">
      <c r="N692163" s="10"/>
    </row>
    <row r="692164" spans="14:14">
      <c r="N692164" s="10"/>
    </row>
    <row r="692165" spans="14:14">
      <c r="N692165" s="10"/>
    </row>
    <row r="692166" spans="14:14">
      <c r="N692166" s="10"/>
    </row>
    <row r="692167" spans="14:14">
      <c r="N692167" s="10"/>
    </row>
    <row r="692168" spans="14:14">
      <c r="N692168" s="10"/>
    </row>
    <row r="692169" spans="14:14">
      <c r="N692169" s="10"/>
    </row>
    <row r="692170" spans="14:14">
      <c r="N692170" s="10"/>
    </row>
    <row r="692171" spans="14:14">
      <c r="N692171" s="10"/>
    </row>
    <row r="692172" spans="14:14">
      <c r="N692172" s="10"/>
    </row>
    <row r="692173" spans="14:14">
      <c r="N692173" s="10"/>
    </row>
    <row r="692174" spans="14:14">
      <c r="N692174" s="10"/>
    </row>
    <row r="692175" spans="14:14">
      <c r="N692175" s="10"/>
    </row>
    <row r="692176" spans="14:14">
      <c r="N692176" s="10"/>
    </row>
    <row r="692177" spans="14:14">
      <c r="N692177" s="10"/>
    </row>
    <row r="692178" spans="14:14">
      <c r="N692178" s="10"/>
    </row>
    <row r="692179" spans="14:14">
      <c r="N692179" s="10"/>
    </row>
    <row r="692180" spans="14:14">
      <c r="N692180" s="10"/>
    </row>
    <row r="692181" spans="14:14">
      <c r="N692181" s="10"/>
    </row>
    <row r="692182" spans="14:14">
      <c r="N692182" s="10"/>
    </row>
    <row r="692183" spans="14:14">
      <c r="N692183" s="10"/>
    </row>
    <row r="692184" spans="14:14">
      <c r="N692184" s="10"/>
    </row>
    <row r="692185" spans="14:14">
      <c r="N692185" s="10"/>
    </row>
    <row r="692186" spans="14:14">
      <c r="N692186" s="10"/>
    </row>
    <row r="692187" spans="14:14">
      <c r="N692187" s="10"/>
    </row>
    <row r="692188" spans="14:14">
      <c r="N692188" s="10"/>
    </row>
    <row r="692189" spans="14:14">
      <c r="N692189" s="10"/>
    </row>
    <row r="692190" spans="14:14">
      <c r="N692190" s="10"/>
    </row>
    <row r="692191" spans="14:14">
      <c r="N692191" s="10"/>
    </row>
    <row r="692192" spans="14:14">
      <c r="N692192" s="10"/>
    </row>
    <row r="692193" spans="14:14">
      <c r="N692193" s="10"/>
    </row>
    <row r="692194" spans="14:14">
      <c r="N692194" s="10"/>
    </row>
    <row r="692195" spans="14:14">
      <c r="N692195" s="10"/>
    </row>
    <row r="692196" spans="14:14">
      <c r="N692196" s="10"/>
    </row>
    <row r="692197" spans="14:14">
      <c r="N692197" s="10"/>
    </row>
    <row r="692198" spans="14:14">
      <c r="N692198" s="10"/>
    </row>
    <row r="692199" spans="14:14">
      <c r="N692199" s="10"/>
    </row>
    <row r="692200" spans="14:14">
      <c r="N692200" s="10"/>
    </row>
    <row r="692201" spans="14:14">
      <c r="N692201" s="10"/>
    </row>
    <row r="692202" spans="14:14">
      <c r="N692202" s="10"/>
    </row>
    <row r="692203" spans="14:14">
      <c r="N692203" s="10"/>
    </row>
    <row r="692204" spans="14:14">
      <c r="N692204" s="10"/>
    </row>
    <row r="692205" spans="14:14">
      <c r="N692205" s="10"/>
    </row>
    <row r="692206" spans="14:14">
      <c r="N692206" s="10"/>
    </row>
    <row r="692207" spans="14:14">
      <c r="N692207" s="10"/>
    </row>
    <row r="692208" spans="14:14">
      <c r="N692208" s="10"/>
    </row>
    <row r="692209" spans="14:14">
      <c r="N692209" s="10"/>
    </row>
    <row r="692210" spans="14:14">
      <c r="N692210" s="10"/>
    </row>
    <row r="692211" spans="14:14">
      <c r="N692211" s="10"/>
    </row>
    <row r="692212" spans="14:14">
      <c r="N692212" s="10"/>
    </row>
    <row r="692213" spans="14:14">
      <c r="N692213" s="10"/>
    </row>
    <row r="692214" spans="14:14">
      <c r="N692214" s="10"/>
    </row>
    <row r="692215" spans="14:14">
      <c r="N692215" s="10"/>
    </row>
    <row r="692216" spans="14:14">
      <c r="N692216" s="10"/>
    </row>
    <row r="692217" spans="14:14">
      <c r="N692217" s="10"/>
    </row>
    <row r="692218" spans="14:14">
      <c r="N692218" s="10"/>
    </row>
    <row r="692219" spans="14:14">
      <c r="N692219" s="10"/>
    </row>
    <row r="692220" spans="14:14">
      <c r="N692220" s="10"/>
    </row>
    <row r="692221" spans="14:14">
      <c r="N692221" s="10"/>
    </row>
    <row r="692222" spans="14:14">
      <c r="N692222" s="10"/>
    </row>
    <row r="692223" spans="14:14">
      <c r="N692223" s="10"/>
    </row>
    <row r="692224" spans="14:14">
      <c r="N692224" s="10"/>
    </row>
    <row r="692225" spans="14:14">
      <c r="N692225" s="10"/>
    </row>
    <row r="692226" spans="14:14">
      <c r="N692226" s="10"/>
    </row>
    <row r="692227" spans="14:14">
      <c r="N692227" s="10"/>
    </row>
    <row r="692228" spans="14:14">
      <c r="N692228" s="10"/>
    </row>
    <row r="692229" spans="14:14">
      <c r="N692229" s="10"/>
    </row>
    <row r="692230" spans="14:14">
      <c r="N692230" s="10"/>
    </row>
    <row r="692231" spans="14:14">
      <c r="N692231" s="10"/>
    </row>
    <row r="692232" spans="14:14">
      <c r="N692232" s="10"/>
    </row>
    <row r="692233" spans="14:14">
      <c r="N692233" s="10"/>
    </row>
    <row r="692234" spans="14:14">
      <c r="N692234" s="10"/>
    </row>
    <row r="692235" spans="14:14">
      <c r="N692235" s="10"/>
    </row>
    <row r="692236" spans="14:14">
      <c r="N692236" s="10"/>
    </row>
    <row r="692237" spans="14:14">
      <c r="N692237" s="10"/>
    </row>
    <row r="692238" spans="14:14">
      <c r="N692238" s="10"/>
    </row>
    <row r="692239" spans="14:14">
      <c r="N692239" s="10"/>
    </row>
    <row r="692240" spans="14:14">
      <c r="N692240" s="10"/>
    </row>
    <row r="692241" spans="14:14">
      <c r="N692241" s="10"/>
    </row>
    <row r="692242" spans="14:14">
      <c r="N692242" s="10"/>
    </row>
    <row r="692243" spans="14:14">
      <c r="N692243" s="10"/>
    </row>
    <row r="692244" spans="14:14">
      <c r="N692244" s="10"/>
    </row>
    <row r="692245" spans="14:14">
      <c r="N692245" s="10"/>
    </row>
    <row r="692246" spans="14:14">
      <c r="N692246" s="10"/>
    </row>
    <row r="692247" spans="14:14">
      <c r="N692247" s="10"/>
    </row>
    <row r="692248" spans="14:14">
      <c r="N692248" s="10"/>
    </row>
    <row r="692249" spans="14:14">
      <c r="N692249" s="10"/>
    </row>
    <row r="692250" spans="14:14">
      <c r="N692250" s="10"/>
    </row>
    <row r="692251" spans="14:14">
      <c r="N692251" s="10"/>
    </row>
    <row r="692252" spans="14:14">
      <c r="N692252" s="10"/>
    </row>
    <row r="692253" spans="14:14">
      <c r="N692253" s="10"/>
    </row>
    <row r="692254" spans="14:14">
      <c r="N692254" s="10"/>
    </row>
    <row r="692255" spans="14:14">
      <c r="N692255" s="10"/>
    </row>
    <row r="692256" spans="14:14">
      <c r="N692256" s="10"/>
    </row>
    <row r="692257" spans="14:14">
      <c r="N692257" s="10"/>
    </row>
    <row r="692258" spans="14:14">
      <c r="N692258" s="10"/>
    </row>
    <row r="692259" spans="14:14">
      <c r="N692259" s="10"/>
    </row>
    <row r="692260" spans="14:14">
      <c r="N692260" s="10"/>
    </row>
    <row r="692261" spans="14:14">
      <c r="N692261" s="10"/>
    </row>
    <row r="692262" spans="14:14">
      <c r="N692262" s="10"/>
    </row>
    <row r="692263" spans="14:14">
      <c r="N692263" s="10"/>
    </row>
    <row r="692264" spans="14:14">
      <c r="N692264" s="10"/>
    </row>
    <row r="692265" spans="14:14">
      <c r="N692265" s="10"/>
    </row>
    <row r="692266" spans="14:14">
      <c r="N692266" s="10"/>
    </row>
    <row r="692267" spans="14:14">
      <c r="N692267" s="10"/>
    </row>
    <row r="692268" spans="14:14">
      <c r="N692268" s="10"/>
    </row>
    <row r="692269" spans="14:14">
      <c r="N692269" s="10"/>
    </row>
    <row r="692270" spans="14:14">
      <c r="N692270" s="10"/>
    </row>
    <row r="692271" spans="14:14">
      <c r="N692271" s="10"/>
    </row>
    <row r="692272" spans="14:14">
      <c r="N692272" s="10"/>
    </row>
    <row r="692273" spans="14:14">
      <c r="N692273" s="10"/>
    </row>
    <row r="692274" spans="14:14">
      <c r="N692274" s="10"/>
    </row>
    <row r="692275" spans="14:14">
      <c r="N692275" s="10"/>
    </row>
    <row r="692276" spans="14:14">
      <c r="N692276" s="10"/>
    </row>
    <row r="692277" spans="14:14">
      <c r="N692277" s="10"/>
    </row>
    <row r="692278" spans="14:14">
      <c r="N692278" s="10"/>
    </row>
    <row r="692279" spans="14:14">
      <c r="N692279" s="10"/>
    </row>
    <row r="692280" spans="14:14">
      <c r="N692280" s="10"/>
    </row>
    <row r="692281" spans="14:14">
      <c r="N692281" s="10"/>
    </row>
    <row r="692282" spans="14:14">
      <c r="N692282" s="10"/>
    </row>
    <row r="692283" spans="14:14">
      <c r="N692283" s="10"/>
    </row>
    <row r="692284" spans="14:14">
      <c r="N692284" s="10"/>
    </row>
    <row r="692285" spans="14:14">
      <c r="N692285" s="10"/>
    </row>
    <row r="692286" spans="14:14">
      <c r="N692286" s="10"/>
    </row>
    <row r="692287" spans="14:14">
      <c r="N692287" s="10"/>
    </row>
    <row r="692288" spans="14:14">
      <c r="N692288" s="10"/>
    </row>
    <row r="692289" spans="14:14">
      <c r="N692289" s="10"/>
    </row>
    <row r="692290" spans="14:14">
      <c r="N692290" s="10"/>
    </row>
    <row r="692291" spans="14:14">
      <c r="N692291" s="10"/>
    </row>
    <row r="692292" spans="14:14">
      <c r="N692292" s="10"/>
    </row>
    <row r="692293" spans="14:14">
      <c r="N692293" s="10"/>
    </row>
    <row r="692294" spans="14:14">
      <c r="N692294" s="10"/>
    </row>
    <row r="692295" spans="14:14">
      <c r="N692295" s="10"/>
    </row>
    <row r="692296" spans="14:14">
      <c r="N692296" s="10"/>
    </row>
    <row r="692297" spans="14:14">
      <c r="N692297" s="10"/>
    </row>
    <row r="692298" spans="14:14">
      <c r="N692298" s="10"/>
    </row>
    <row r="692299" spans="14:14">
      <c r="N692299" s="10"/>
    </row>
    <row r="692300" spans="14:14">
      <c r="N692300" s="10"/>
    </row>
    <row r="692301" spans="14:14">
      <c r="N692301" s="10"/>
    </row>
    <row r="692302" spans="14:14">
      <c r="N692302" s="10"/>
    </row>
    <row r="692303" spans="14:14">
      <c r="N692303" s="10"/>
    </row>
    <row r="692304" spans="14:14">
      <c r="N692304" s="10"/>
    </row>
    <row r="692305" spans="14:14">
      <c r="N692305" s="10"/>
    </row>
    <row r="692306" spans="14:14">
      <c r="N692306" s="10"/>
    </row>
    <row r="692307" spans="14:14">
      <c r="N692307" s="10"/>
    </row>
    <row r="692308" spans="14:14">
      <c r="N692308" s="10"/>
    </row>
    <row r="692309" spans="14:14">
      <c r="N692309" s="10"/>
    </row>
    <row r="692310" spans="14:14">
      <c r="N692310" s="10"/>
    </row>
    <row r="692311" spans="14:14">
      <c r="N692311" s="10"/>
    </row>
    <row r="692312" spans="14:14">
      <c r="N692312" s="10"/>
    </row>
    <row r="692313" spans="14:14">
      <c r="N692313" s="10"/>
    </row>
    <row r="692314" spans="14:14">
      <c r="N692314" s="10"/>
    </row>
    <row r="692315" spans="14:14">
      <c r="N692315" s="10"/>
    </row>
    <row r="692316" spans="14:14">
      <c r="N692316" s="10"/>
    </row>
    <row r="692317" spans="14:14">
      <c r="N692317" s="10"/>
    </row>
    <row r="692318" spans="14:14">
      <c r="N692318" s="10"/>
    </row>
    <row r="692319" spans="14:14">
      <c r="N692319" s="10"/>
    </row>
    <row r="692320" spans="14:14">
      <c r="N692320" s="10"/>
    </row>
    <row r="692321" spans="14:14">
      <c r="N692321" s="10"/>
    </row>
    <row r="692322" spans="14:14">
      <c r="N692322" s="10"/>
    </row>
    <row r="692323" spans="14:14">
      <c r="N692323" s="10"/>
    </row>
    <row r="692324" spans="14:14">
      <c r="N692324" s="10"/>
    </row>
    <row r="692325" spans="14:14">
      <c r="N692325" s="10"/>
    </row>
    <row r="692326" spans="14:14">
      <c r="N692326" s="10"/>
    </row>
    <row r="692327" spans="14:14">
      <c r="N692327" s="10"/>
    </row>
    <row r="692328" spans="14:14">
      <c r="N692328" s="10"/>
    </row>
    <row r="692329" spans="14:14">
      <c r="N692329" s="10"/>
    </row>
    <row r="692330" spans="14:14">
      <c r="N692330" s="10"/>
    </row>
    <row r="692331" spans="14:14">
      <c r="N692331" s="10"/>
    </row>
    <row r="692332" spans="14:14">
      <c r="N692332" s="10"/>
    </row>
    <row r="692333" spans="14:14">
      <c r="N692333" s="10"/>
    </row>
    <row r="692334" spans="14:14">
      <c r="N692334" s="10"/>
    </row>
    <row r="692335" spans="14:14">
      <c r="N692335" s="10"/>
    </row>
    <row r="692336" spans="14:14">
      <c r="N692336" s="10"/>
    </row>
    <row r="692337" spans="14:14">
      <c r="N692337" s="10"/>
    </row>
    <row r="692338" spans="14:14">
      <c r="N692338" s="10"/>
    </row>
    <row r="692339" spans="14:14">
      <c r="N692339" s="10"/>
    </row>
    <row r="692340" spans="14:14">
      <c r="N692340" s="10"/>
    </row>
    <row r="692341" spans="14:14">
      <c r="N692341" s="10"/>
    </row>
    <row r="692342" spans="14:14">
      <c r="N692342" s="10"/>
    </row>
    <row r="692343" spans="14:14">
      <c r="N692343" s="10"/>
    </row>
    <row r="692344" spans="14:14">
      <c r="N692344" s="10"/>
    </row>
    <row r="692345" spans="14:14">
      <c r="N692345" s="10"/>
    </row>
    <row r="692346" spans="14:14">
      <c r="N692346" s="10"/>
    </row>
    <row r="692347" spans="14:14">
      <c r="N692347" s="10"/>
    </row>
    <row r="692348" spans="14:14">
      <c r="N692348" s="10"/>
    </row>
    <row r="692349" spans="14:14">
      <c r="N692349" s="10"/>
    </row>
    <row r="692350" spans="14:14">
      <c r="N692350" s="10"/>
    </row>
    <row r="692351" spans="14:14">
      <c r="N692351" s="10"/>
    </row>
    <row r="692352" spans="14:14">
      <c r="N692352" s="10"/>
    </row>
    <row r="692353" spans="14:14">
      <c r="N692353" s="10"/>
    </row>
    <row r="692354" spans="14:14">
      <c r="N692354" s="10"/>
    </row>
    <row r="692355" spans="14:14">
      <c r="N692355" s="10"/>
    </row>
    <row r="692356" spans="14:14">
      <c r="N692356" s="10"/>
    </row>
    <row r="692357" spans="14:14">
      <c r="N692357" s="10"/>
    </row>
    <row r="692358" spans="14:14">
      <c r="N692358" s="10"/>
    </row>
    <row r="692359" spans="14:14">
      <c r="N692359" s="10"/>
    </row>
    <row r="692360" spans="14:14">
      <c r="N692360" s="10"/>
    </row>
    <row r="692361" spans="14:14">
      <c r="N692361" s="10"/>
    </row>
    <row r="692362" spans="14:14">
      <c r="N692362" s="10"/>
    </row>
    <row r="692363" spans="14:14">
      <c r="N692363" s="10"/>
    </row>
    <row r="692364" spans="14:14">
      <c r="N692364" s="10"/>
    </row>
    <row r="692365" spans="14:14">
      <c r="N692365" s="10"/>
    </row>
    <row r="692366" spans="14:14">
      <c r="N692366" s="10"/>
    </row>
    <row r="692367" spans="14:14">
      <c r="N692367" s="10"/>
    </row>
    <row r="692368" spans="14:14">
      <c r="N692368" s="10"/>
    </row>
    <row r="692369" spans="14:14">
      <c r="N692369" s="10"/>
    </row>
    <row r="692370" spans="14:14">
      <c r="N692370" s="10"/>
    </row>
    <row r="692371" spans="14:14">
      <c r="N692371" s="10"/>
    </row>
    <row r="692372" spans="14:14">
      <c r="N692372" s="10"/>
    </row>
    <row r="692373" spans="14:14">
      <c r="N692373" s="10"/>
    </row>
    <row r="692374" spans="14:14">
      <c r="N692374" s="10"/>
    </row>
    <row r="692375" spans="14:14">
      <c r="N692375" s="10"/>
    </row>
    <row r="692376" spans="14:14">
      <c r="N692376" s="10"/>
    </row>
    <row r="692377" spans="14:14">
      <c r="N692377" s="10"/>
    </row>
    <row r="692378" spans="14:14">
      <c r="N692378" s="10"/>
    </row>
    <row r="692379" spans="14:14">
      <c r="N692379" s="10"/>
    </row>
    <row r="692380" spans="14:14">
      <c r="N692380" s="10"/>
    </row>
    <row r="692381" spans="14:14">
      <c r="N692381" s="10"/>
    </row>
    <row r="692382" spans="14:14">
      <c r="N692382" s="10"/>
    </row>
    <row r="692383" spans="14:14">
      <c r="N692383" s="10"/>
    </row>
    <row r="692384" spans="14:14">
      <c r="N692384" s="10"/>
    </row>
    <row r="692385" spans="14:14">
      <c r="N692385" s="10"/>
    </row>
    <row r="692386" spans="14:14">
      <c r="N692386" s="10"/>
    </row>
    <row r="692387" spans="14:14">
      <c r="N692387" s="10"/>
    </row>
    <row r="692388" spans="14:14">
      <c r="N692388" s="10"/>
    </row>
    <row r="692389" spans="14:14">
      <c r="N692389" s="10"/>
    </row>
    <row r="692390" spans="14:14">
      <c r="N692390" s="10"/>
    </row>
    <row r="692391" spans="14:14">
      <c r="N692391" s="10"/>
    </row>
    <row r="692392" spans="14:14">
      <c r="N692392" s="10"/>
    </row>
    <row r="692393" spans="14:14">
      <c r="N692393" s="10"/>
    </row>
    <row r="692394" spans="14:14">
      <c r="N692394" s="10"/>
    </row>
    <row r="692395" spans="14:14">
      <c r="N692395" s="10"/>
    </row>
    <row r="692396" spans="14:14">
      <c r="N692396" s="10"/>
    </row>
    <row r="692397" spans="14:14">
      <c r="N692397" s="10"/>
    </row>
    <row r="692398" spans="14:14">
      <c r="N692398" s="10"/>
    </row>
    <row r="692399" spans="14:14">
      <c r="N692399" s="10"/>
    </row>
    <row r="692400" spans="14:14">
      <c r="N692400" s="10"/>
    </row>
    <row r="692401" spans="14:14">
      <c r="N692401" s="10"/>
    </row>
    <row r="692402" spans="14:14">
      <c r="N692402" s="10"/>
    </row>
    <row r="692403" spans="14:14">
      <c r="N692403" s="10"/>
    </row>
    <row r="692404" spans="14:14">
      <c r="N692404" s="10"/>
    </row>
    <row r="692405" spans="14:14">
      <c r="N692405" s="10"/>
    </row>
    <row r="692406" spans="14:14">
      <c r="N692406" s="10"/>
    </row>
    <row r="692407" spans="14:14">
      <c r="N692407" s="10"/>
    </row>
    <row r="692408" spans="14:14">
      <c r="N692408" s="10"/>
    </row>
    <row r="692409" spans="14:14">
      <c r="N692409" s="10"/>
    </row>
    <row r="692410" spans="14:14">
      <c r="N692410" s="10"/>
    </row>
    <row r="692411" spans="14:14">
      <c r="N692411" s="10"/>
    </row>
    <row r="692412" spans="14:14">
      <c r="N692412" s="10"/>
    </row>
    <row r="692413" spans="14:14">
      <c r="N692413" s="10"/>
    </row>
    <row r="692414" spans="14:14">
      <c r="N692414" s="10"/>
    </row>
    <row r="692415" spans="14:14">
      <c r="N692415" s="10"/>
    </row>
    <row r="692416" spans="14:14">
      <c r="N692416" s="10"/>
    </row>
    <row r="692417" spans="14:14">
      <c r="N692417" s="10"/>
    </row>
    <row r="692418" spans="14:14">
      <c r="N692418" s="10"/>
    </row>
    <row r="692419" spans="14:14">
      <c r="N692419" s="10"/>
    </row>
    <row r="692420" spans="14:14">
      <c r="N692420" s="10"/>
    </row>
    <row r="692421" spans="14:14">
      <c r="N692421" s="10"/>
    </row>
    <row r="692422" spans="14:14">
      <c r="N692422" s="10"/>
    </row>
    <row r="692423" spans="14:14">
      <c r="N692423" s="10"/>
    </row>
    <row r="692424" spans="14:14">
      <c r="N692424" s="10"/>
    </row>
    <row r="692425" spans="14:14">
      <c r="N692425" s="10"/>
    </row>
    <row r="692426" spans="14:14">
      <c r="N692426" s="10"/>
    </row>
    <row r="692427" spans="14:14">
      <c r="N692427" s="10"/>
    </row>
    <row r="692428" spans="14:14">
      <c r="N692428" s="10"/>
    </row>
    <row r="692429" spans="14:14">
      <c r="N692429" s="10"/>
    </row>
    <row r="692430" spans="14:14">
      <c r="N692430" s="10"/>
    </row>
    <row r="692431" spans="14:14">
      <c r="N692431" s="10"/>
    </row>
    <row r="692432" spans="14:14">
      <c r="N692432" s="10"/>
    </row>
    <row r="692433" spans="14:14">
      <c r="N692433" s="10"/>
    </row>
    <row r="692434" spans="14:14">
      <c r="N692434" s="10"/>
    </row>
    <row r="692435" spans="14:14">
      <c r="N692435" s="10"/>
    </row>
    <row r="692436" spans="14:14">
      <c r="N692436" s="10"/>
    </row>
    <row r="692437" spans="14:14">
      <c r="N692437" s="10"/>
    </row>
    <row r="692438" spans="14:14">
      <c r="N692438" s="10"/>
    </row>
    <row r="692439" spans="14:14">
      <c r="N692439" s="10"/>
    </row>
    <row r="692440" spans="14:14">
      <c r="N692440" s="10"/>
    </row>
    <row r="692441" spans="14:14">
      <c r="N692441" s="10"/>
    </row>
    <row r="692442" spans="14:14">
      <c r="N692442" s="10"/>
    </row>
    <row r="692443" spans="14:14">
      <c r="N692443" s="10"/>
    </row>
    <row r="692444" spans="14:14">
      <c r="N692444" s="10"/>
    </row>
    <row r="692445" spans="14:14">
      <c r="N692445" s="10"/>
    </row>
    <row r="692446" spans="14:14">
      <c r="N692446" s="10"/>
    </row>
    <row r="692447" spans="14:14">
      <c r="N692447" s="10"/>
    </row>
    <row r="692448" spans="14:14">
      <c r="N692448" s="10"/>
    </row>
    <row r="692449" spans="14:14">
      <c r="N692449" s="10"/>
    </row>
    <row r="692450" spans="14:14">
      <c r="N692450" s="10"/>
    </row>
    <row r="692451" spans="14:14">
      <c r="N692451" s="10"/>
    </row>
    <row r="692452" spans="14:14">
      <c r="N692452" s="10"/>
    </row>
    <row r="692453" spans="14:14">
      <c r="N692453" s="10"/>
    </row>
    <row r="692454" spans="14:14">
      <c r="N692454" s="10"/>
    </row>
    <row r="692455" spans="14:14">
      <c r="N692455" s="10"/>
    </row>
    <row r="692456" spans="14:14">
      <c r="N692456" s="10"/>
    </row>
    <row r="692457" spans="14:14">
      <c r="N692457" s="10"/>
    </row>
    <row r="692458" spans="14:14">
      <c r="N692458" s="10"/>
    </row>
    <row r="692459" spans="14:14">
      <c r="N692459" s="10"/>
    </row>
    <row r="692460" spans="14:14">
      <c r="N692460" s="10"/>
    </row>
    <row r="692461" spans="14:14">
      <c r="N692461" s="10"/>
    </row>
    <row r="692462" spans="14:14">
      <c r="N692462" s="10"/>
    </row>
    <row r="692463" spans="14:14">
      <c r="N692463" s="10"/>
    </row>
    <row r="692464" spans="14:14">
      <c r="N692464" s="10"/>
    </row>
    <row r="692465" spans="14:14">
      <c r="N692465" s="10"/>
    </row>
    <row r="692466" spans="14:14">
      <c r="N692466" s="10"/>
    </row>
    <row r="692467" spans="14:14">
      <c r="N692467" s="10"/>
    </row>
    <row r="692468" spans="14:14">
      <c r="N692468" s="10"/>
    </row>
    <row r="692469" spans="14:14">
      <c r="N692469" s="10"/>
    </row>
    <row r="692470" spans="14:14">
      <c r="N692470" s="10"/>
    </row>
    <row r="692471" spans="14:14">
      <c r="N692471" s="10"/>
    </row>
    <row r="692472" spans="14:14">
      <c r="N692472" s="10"/>
    </row>
    <row r="692473" spans="14:14">
      <c r="N692473" s="10"/>
    </row>
    <row r="692474" spans="14:14">
      <c r="N692474" s="10"/>
    </row>
    <row r="692475" spans="14:14">
      <c r="N692475" s="10"/>
    </row>
    <row r="692476" spans="14:14">
      <c r="N692476" s="10"/>
    </row>
    <row r="692477" spans="14:14">
      <c r="N692477" s="10"/>
    </row>
    <row r="692478" spans="14:14">
      <c r="N692478" s="10"/>
    </row>
    <row r="692479" spans="14:14">
      <c r="N692479" s="10"/>
    </row>
    <row r="692480" spans="14:14">
      <c r="N692480" s="10"/>
    </row>
    <row r="692481" spans="14:14">
      <c r="N692481" s="10"/>
    </row>
    <row r="692482" spans="14:14">
      <c r="N692482" s="10"/>
    </row>
    <row r="692483" spans="14:14">
      <c r="N692483" s="10"/>
    </row>
    <row r="692484" spans="14:14">
      <c r="N692484" s="10"/>
    </row>
    <row r="692485" spans="14:14">
      <c r="N692485" s="10"/>
    </row>
    <row r="692486" spans="14:14">
      <c r="N692486" s="10"/>
    </row>
    <row r="692487" spans="14:14">
      <c r="N692487" s="10"/>
    </row>
    <row r="692488" spans="14:14">
      <c r="N692488" s="10"/>
    </row>
    <row r="692489" spans="14:14">
      <c r="N692489" s="10"/>
    </row>
    <row r="692490" spans="14:14">
      <c r="N692490" s="10"/>
    </row>
    <row r="692491" spans="14:14">
      <c r="N692491" s="10"/>
    </row>
    <row r="692492" spans="14:14">
      <c r="N692492" s="10"/>
    </row>
    <row r="692493" spans="14:14">
      <c r="N692493" s="10"/>
    </row>
    <row r="692494" spans="14:14">
      <c r="N692494" s="10"/>
    </row>
    <row r="692495" spans="14:14">
      <c r="N692495" s="10"/>
    </row>
    <row r="692496" spans="14:14">
      <c r="N692496" s="10"/>
    </row>
    <row r="692497" spans="14:14">
      <c r="N692497" s="10"/>
    </row>
    <row r="692498" spans="14:14">
      <c r="N692498" s="10"/>
    </row>
    <row r="692499" spans="14:14">
      <c r="N692499" s="10"/>
    </row>
    <row r="692500" spans="14:14">
      <c r="N692500" s="10"/>
    </row>
    <row r="692501" spans="14:14">
      <c r="N692501" s="10"/>
    </row>
    <row r="692502" spans="14:14">
      <c r="N692502" s="10"/>
    </row>
    <row r="692503" spans="14:14">
      <c r="N692503" s="10"/>
    </row>
    <row r="692504" spans="14:14">
      <c r="N692504" s="10"/>
    </row>
    <row r="692505" spans="14:14">
      <c r="N692505" s="10"/>
    </row>
    <row r="692506" spans="14:14">
      <c r="N692506" s="10"/>
    </row>
    <row r="692507" spans="14:14">
      <c r="N692507" s="10"/>
    </row>
    <row r="692508" spans="14:14">
      <c r="N692508" s="10"/>
    </row>
    <row r="692509" spans="14:14">
      <c r="N692509" s="10"/>
    </row>
    <row r="692510" spans="14:14">
      <c r="N692510" s="10"/>
    </row>
    <row r="692511" spans="14:14">
      <c r="N692511" s="10"/>
    </row>
    <row r="692512" spans="14:14">
      <c r="N692512" s="10"/>
    </row>
    <row r="692513" spans="14:14">
      <c r="N692513" s="10"/>
    </row>
    <row r="692514" spans="14:14">
      <c r="N692514" s="10"/>
    </row>
    <row r="692515" spans="14:14">
      <c r="N692515" s="10"/>
    </row>
    <row r="692516" spans="14:14">
      <c r="N692516" s="10"/>
    </row>
    <row r="692517" spans="14:14">
      <c r="N692517" s="10"/>
    </row>
    <row r="692518" spans="14:14">
      <c r="N692518" s="10"/>
    </row>
    <row r="692519" spans="14:14">
      <c r="N692519" s="10"/>
    </row>
    <row r="692520" spans="14:14">
      <c r="N692520" s="10"/>
    </row>
    <row r="692521" spans="14:14">
      <c r="N692521" s="10"/>
    </row>
    <row r="692522" spans="14:14">
      <c r="N692522" s="10"/>
    </row>
    <row r="692523" spans="14:14">
      <c r="N692523" s="10"/>
    </row>
    <row r="692524" spans="14:14">
      <c r="N692524" s="10"/>
    </row>
    <row r="692525" spans="14:14">
      <c r="N692525" s="10"/>
    </row>
    <row r="692526" spans="14:14">
      <c r="N692526" s="10"/>
    </row>
    <row r="692527" spans="14:14">
      <c r="N692527" s="10"/>
    </row>
    <row r="692528" spans="14:14">
      <c r="N692528" s="10"/>
    </row>
    <row r="692529" spans="14:14">
      <c r="N692529" s="10"/>
    </row>
    <row r="692530" spans="14:14">
      <c r="N692530" s="10"/>
    </row>
    <row r="692531" spans="14:14">
      <c r="N692531" s="10"/>
    </row>
    <row r="692532" spans="14:14">
      <c r="N692532" s="10"/>
    </row>
    <row r="692533" spans="14:14">
      <c r="N692533" s="10"/>
    </row>
    <row r="692534" spans="14:14">
      <c r="N692534" s="10"/>
    </row>
    <row r="692535" spans="14:14">
      <c r="N692535" s="10"/>
    </row>
    <row r="692536" spans="14:14">
      <c r="N692536" s="10"/>
    </row>
    <row r="692537" spans="14:14">
      <c r="N692537" s="10"/>
    </row>
    <row r="692538" spans="14:14">
      <c r="N692538" s="10"/>
    </row>
    <row r="692539" spans="14:14">
      <c r="N692539" s="10"/>
    </row>
    <row r="692540" spans="14:14">
      <c r="N692540" s="10"/>
    </row>
    <row r="692541" spans="14:14">
      <c r="N692541" s="10"/>
    </row>
    <row r="692542" spans="14:14">
      <c r="N692542" s="10"/>
    </row>
    <row r="692543" spans="14:14">
      <c r="N692543" s="10"/>
    </row>
    <row r="692544" spans="14:14">
      <c r="N692544" s="10"/>
    </row>
    <row r="692545" spans="14:14">
      <c r="N692545" s="10"/>
    </row>
    <row r="692546" spans="14:14">
      <c r="N692546" s="10"/>
    </row>
    <row r="692547" spans="14:14">
      <c r="N692547" s="10"/>
    </row>
    <row r="692548" spans="14:14">
      <c r="N692548" s="10"/>
    </row>
    <row r="692549" spans="14:14">
      <c r="N692549" s="10"/>
    </row>
    <row r="692550" spans="14:14">
      <c r="N692550" s="10"/>
    </row>
    <row r="692551" spans="14:14">
      <c r="N692551" s="10"/>
    </row>
    <row r="692552" spans="14:14">
      <c r="N692552" s="10"/>
    </row>
    <row r="692553" spans="14:14">
      <c r="N692553" s="10"/>
    </row>
    <row r="692554" spans="14:14">
      <c r="N692554" s="10"/>
    </row>
    <row r="692555" spans="14:14">
      <c r="N692555" s="10"/>
    </row>
    <row r="692556" spans="14:14">
      <c r="N692556" s="10"/>
    </row>
    <row r="692557" spans="14:14">
      <c r="N692557" s="10"/>
    </row>
    <row r="692558" spans="14:14">
      <c r="N692558" s="10"/>
    </row>
    <row r="692559" spans="14:14">
      <c r="N692559" s="10"/>
    </row>
    <row r="692560" spans="14:14">
      <c r="N692560" s="10"/>
    </row>
    <row r="692561" spans="14:14">
      <c r="N692561" s="10"/>
    </row>
    <row r="692562" spans="14:14">
      <c r="N692562" s="10"/>
    </row>
    <row r="692563" spans="14:14">
      <c r="N692563" s="10"/>
    </row>
    <row r="692564" spans="14:14">
      <c r="N692564" s="10"/>
    </row>
    <row r="692565" spans="14:14">
      <c r="N692565" s="10"/>
    </row>
    <row r="692566" spans="14:14">
      <c r="N692566" s="10"/>
    </row>
    <row r="692567" spans="14:14">
      <c r="N692567" s="10"/>
    </row>
    <row r="692568" spans="14:14">
      <c r="N692568" s="10"/>
    </row>
    <row r="692569" spans="14:14">
      <c r="N692569" s="10"/>
    </row>
    <row r="692570" spans="14:14">
      <c r="N692570" s="10"/>
    </row>
    <row r="692571" spans="14:14">
      <c r="N692571" s="10"/>
    </row>
    <row r="692572" spans="14:14">
      <c r="N692572" s="10"/>
    </row>
    <row r="692573" spans="14:14">
      <c r="N692573" s="10"/>
    </row>
    <row r="692574" spans="14:14">
      <c r="N692574" s="10"/>
    </row>
    <row r="692575" spans="14:14">
      <c r="N692575" s="10"/>
    </row>
    <row r="692576" spans="14:14">
      <c r="N692576" s="10"/>
    </row>
    <row r="692577" spans="14:14">
      <c r="N692577" s="10"/>
    </row>
    <row r="692578" spans="14:14">
      <c r="N692578" s="10"/>
    </row>
    <row r="692579" spans="14:14">
      <c r="N692579" s="10"/>
    </row>
    <row r="692580" spans="14:14">
      <c r="N692580" s="10"/>
    </row>
    <row r="692581" spans="14:14">
      <c r="N692581" s="10"/>
    </row>
    <row r="692582" spans="14:14">
      <c r="N692582" s="10"/>
    </row>
    <row r="692583" spans="14:14">
      <c r="N692583" s="10"/>
    </row>
    <row r="692584" spans="14:14">
      <c r="N692584" s="10"/>
    </row>
    <row r="692585" spans="14:14">
      <c r="N692585" s="10"/>
    </row>
    <row r="692586" spans="14:14">
      <c r="N692586" s="10"/>
    </row>
    <row r="692587" spans="14:14">
      <c r="N692587" s="10"/>
    </row>
    <row r="692588" spans="14:14">
      <c r="N692588" s="10"/>
    </row>
    <row r="692589" spans="14:14">
      <c r="N692589" s="10"/>
    </row>
    <row r="692590" spans="14:14">
      <c r="N692590" s="10"/>
    </row>
    <row r="692591" spans="14:14">
      <c r="N692591" s="10"/>
    </row>
    <row r="692592" spans="14:14">
      <c r="N692592" s="10"/>
    </row>
    <row r="692593" spans="14:14">
      <c r="N692593" s="10"/>
    </row>
    <row r="692594" spans="14:14">
      <c r="N692594" s="10"/>
    </row>
    <row r="692595" spans="14:14">
      <c r="N692595" s="10"/>
    </row>
    <row r="692596" spans="14:14">
      <c r="N692596" s="10"/>
    </row>
    <row r="692597" spans="14:14">
      <c r="N692597" s="10"/>
    </row>
    <row r="692598" spans="14:14">
      <c r="N692598" s="10"/>
    </row>
    <row r="692599" spans="14:14">
      <c r="N692599" s="10"/>
    </row>
    <row r="692600" spans="14:14">
      <c r="N692600" s="10"/>
    </row>
    <row r="692601" spans="14:14">
      <c r="N692601" s="10"/>
    </row>
    <row r="692602" spans="14:14">
      <c r="N692602" s="10"/>
    </row>
    <row r="692603" spans="14:14">
      <c r="N692603" s="10"/>
    </row>
    <row r="692604" spans="14:14">
      <c r="N692604" s="10"/>
    </row>
    <row r="692605" spans="14:14">
      <c r="N692605" s="10"/>
    </row>
    <row r="692606" spans="14:14">
      <c r="N692606" s="10"/>
    </row>
    <row r="692607" spans="14:14">
      <c r="N692607" s="10"/>
    </row>
    <row r="692608" spans="14:14">
      <c r="N692608" s="10"/>
    </row>
    <row r="692609" spans="14:14">
      <c r="N692609" s="10"/>
    </row>
    <row r="692610" spans="14:14">
      <c r="N692610" s="10"/>
    </row>
    <row r="692611" spans="14:14">
      <c r="N692611" s="10"/>
    </row>
    <row r="692612" spans="14:14">
      <c r="N692612" s="10"/>
    </row>
    <row r="692613" spans="14:14">
      <c r="N692613" s="10"/>
    </row>
    <row r="692614" spans="14:14">
      <c r="N692614" s="10"/>
    </row>
    <row r="692615" spans="14:14">
      <c r="N692615" s="10"/>
    </row>
    <row r="692616" spans="14:14">
      <c r="N692616" s="10"/>
    </row>
    <row r="692617" spans="14:14">
      <c r="N692617" s="10"/>
    </row>
    <row r="692618" spans="14:14">
      <c r="N692618" s="10"/>
    </row>
    <row r="692619" spans="14:14">
      <c r="N692619" s="10"/>
    </row>
    <row r="692620" spans="14:14">
      <c r="N692620" s="10"/>
    </row>
    <row r="692621" spans="14:14">
      <c r="N692621" s="10"/>
    </row>
    <row r="692622" spans="14:14">
      <c r="N692622" s="10"/>
    </row>
    <row r="692623" spans="14:14">
      <c r="N692623" s="10"/>
    </row>
    <row r="692624" spans="14:14">
      <c r="N692624" s="10"/>
    </row>
    <row r="692625" spans="14:14">
      <c r="N692625" s="10"/>
    </row>
    <row r="692626" spans="14:14">
      <c r="N692626" s="10"/>
    </row>
    <row r="692627" spans="14:14">
      <c r="N692627" s="10"/>
    </row>
    <row r="692628" spans="14:14">
      <c r="N692628" s="10"/>
    </row>
    <row r="692629" spans="14:14">
      <c r="N692629" s="10"/>
    </row>
    <row r="692630" spans="14:14">
      <c r="N692630" s="10"/>
    </row>
    <row r="692631" spans="14:14">
      <c r="N692631" s="10"/>
    </row>
    <row r="692632" spans="14:14">
      <c r="N692632" s="10"/>
    </row>
    <row r="692633" spans="14:14">
      <c r="N692633" s="10"/>
    </row>
    <row r="692634" spans="14:14">
      <c r="N692634" s="10"/>
    </row>
    <row r="692635" spans="14:14">
      <c r="N692635" s="10"/>
    </row>
    <row r="692636" spans="14:14">
      <c r="N692636" s="10"/>
    </row>
    <row r="692637" spans="14:14">
      <c r="N692637" s="10"/>
    </row>
    <row r="692638" spans="14:14">
      <c r="N692638" s="10"/>
    </row>
    <row r="692639" spans="14:14">
      <c r="N692639" s="10"/>
    </row>
    <row r="692640" spans="14:14">
      <c r="N692640" s="10"/>
    </row>
    <row r="692641" spans="14:14">
      <c r="N692641" s="10"/>
    </row>
    <row r="692642" spans="14:14">
      <c r="N692642" s="10"/>
    </row>
    <row r="692643" spans="14:14">
      <c r="N692643" s="10"/>
    </row>
    <row r="692644" spans="14:14">
      <c r="N692644" s="10"/>
    </row>
    <row r="692645" spans="14:14">
      <c r="N692645" s="10"/>
    </row>
    <row r="692646" spans="14:14">
      <c r="N692646" s="10"/>
    </row>
    <row r="692647" spans="14:14">
      <c r="N692647" s="10"/>
    </row>
    <row r="692648" spans="14:14">
      <c r="N692648" s="10"/>
    </row>
    <row r="692649" spans="14:14">
      <c r="N692649" s="10"/>
    </row>
    <row r="692650" spans="14:14">
      <c r="N692650" s="10"/>
    </row>
    <row r="692651" spans="14:14">
      <c r="N692651" s="10"/>
    </row>
    <row r="692652" spans="14:14">
      <c r="N692652" s="10"/>
    </row>
    <row r="692653" spans="14:14">
      <c r="N692653" s="10"/>
    </row>
    <row r="692654" spans="14:14">
      <c r="N692654" s="10"/>
    </row>
    <row r="692655" spans="14:14">
      <c r="N692655" s="10"/>
    </row>
    <row r="692656" spans="14:14">
      <c r="N692656" s="10"/>
    </row>
    <row r="692657" spans="14:14">
      <c r="N692657" s="10"/>
    </row>
    <row r="692658" spans="14:14">
      <c r="N692658" s="10"/>
    </row>
    <row r="692659" spans="14:14">
      <c r="N692659" s="10"/>
    </row>
    <row r="692660" spans="14:14">
      <c r="N692660" s="10"/>
    </row>
    <row r="692661" spans="14:14">
      <c r="N692661" s="10"/>
    </row>
    <row r="692662" spans="14:14">
      <c r="N692662" s="10"/>
    </row>
    <row r="692663" spans="14:14">
      <c r="N692663" s="10"/>
    </row>
    <row r="692664" spans="14:14">
      <c r="N692664" s="10"/>
    </row>
    <row r="692665" spans="14:14">
      <c r="N692665" s="10"/>
    </row>
    <row r="692666" spans="14:14">
      <c r="N692666" s="10"/>
    </row>
    <row r="692667" spans="14:14">
      <c r="N692667" s="10"/>
    </row>
    <row r="692668" spans="14:14">
      <c r="N692668" s="10"/>
    </row>
    <row r="692669" spans="14:14">
      <c r="N692669" s="10"/>
    </row>
    <row r="692670" spans="14:14">
      <c r="N692670" s="10"/>
    </row>
    <row r="692671" spans="14:14">
      <c r="N692671" s="10"/>
    </row>
    <row r="692672" spans="14:14">
      <c r="N692672" s="10"/>
    </row>
    <row r="692673" spans="14:14">
      <c r="N692673" s="10"/>
    </row>
    <row r="692674" spans="14:14">
      <c r="N692674" s="10"/>
    </row>
    <row r="692675" spans="14:14">
      <c r="N692675" s="10"/>
    </row>
    <row r="692676" spans="14:14">
      <c r="N692676" s="10"/>
    </row>
    <row r="692677" spans="14:14">
      <c r="N692677" s="10"/>
    </row>
    <row r="692678" spans="14:14">
      <c r="N692678" s="10"/>
    </row>
    <row r="692679" spans="14:14">
      <c r="N692679" s="10"/>
    </row>
    <row r="692680" spans="14:14">
      <c r="N692680" s="10"/>
    </row>
    <row r="692681" spans="14:14">
      <c r="N692681" s="10"/>
    </row>
    <row r="692682" spans="14:14">
      <c r="N692682" s="10"/>
    </row>
    <row r="692683" spans="14:14">
      <c r="N692683" s="10"/>
    </row>
    <row r="692684" spans="14:14">
      <c r="N692684" s="10"/>
    </row>
    <row r="692685" spans="14:14">
      <c r="N692685" s="10"/>
    </row>
    <row r="692686" spans="14:14">
      <c r="N692686" s="10"/>
    </row>
    <row r="692687" spans="14:14">
      <c r="N692687" s="10"/>
    </row>
    <row r="692688" spans="14:14">
      <c r="N692688" s="10"/>
    </row>
    <row r="692689" spans="14:14">
      <c r="N692689" s="10"/>
    </row>
    <row r="692690" spans="14:14">
      <c r="N692690" s="10"/>
    </row>
    <row r="692691" spans="14:14">
      <c r="N692691" s="10"/>
    </row>
    <row r="692692" spans="14:14">
      <c r="N692692" s="10"/>
    </row>
    <row r="692693" spans="14:14">
      <c r="N692693" s="10"/>
    </row>
    <row r="692694" spans="14:14">
      <c r="N692694" s="10"/>
    </row>
    <row r="692695" spans="14:14">
      <c r="N692695" s="10"/>
    </row>
    <row r="692696" spans="14:14">
      <c r="N692696" s="10"/>
    </row>
    <row r="692697" spans="14:14">
      <c r="N692697" s="10"/>
    </row>
    <row r="692698" spans="14:14">
      <c r="N692698" s="10"/>
    </row>
    <row r="692699" spans="14:14">
      <c r="N692699" s="10"/>
    </row>
    <row r="692700" spans="14:14">
      <c r="N692700" s="10"/>
    </row>
    <row r="692701" spans="14:14">
      <c r="N692701" s="10"/>
    </row>
    <row r="692702" spans="14:14">
      <c r="N692702" s="10"/>
    </row>
    <row r="692703" spans="14:14">
      <c r="N692703" s="10"/>
    </row>
    <row r="692704" spans="14:14">
      <c r="N692704" s="10"/>
    </row>
    <row r="692705" spans="14:14">
      <c r="N692705" s="10"/>
    </row>
    <row r="692706" spans="14:14">
      <c r="N692706" s="10"/>
    </row>
    <row r="692707" spans="14:14">
      <c r="N692707" s="10"/>
    </row>
    <row r="692708" spans="14:14">
      <c r="N692708" s="10"/>
    </row>
    <row r="692709" spans="14:14">
      <c r="N692709" s="10"/>
    </row>
    <row r="692710" spans="14:14">
      <c r="N692710" s="10"/>
    </row>
    <row r="692711" spans="14:14">
      <c r="N692711" s="10"/>
    </row>
    <row r="692712" spans="14:14">
      <c r="N692712" s="10"/>
    </row>
    <row r="692713" spans="14:14">
      <c r="N692713" s="10"/>
    </row>
    <row r="692714" spans="14:14">
      <c r="N692714" s="10"/>
    </row>
    <row r="692715" spans="14:14">
      <c r="N692715" s="10"/>
    </row>
    <row r="692716" spans="14:14">
      <c r="N692716" s="10"/>
    </row>
    <row r="692717" spans="14:14">
      <c r="N692717" s="10"/>
    </row>
    <row r="692718" spans="14:14">
      <c r="N692718" s="10"/>
    </row>
    <row r="692719" spans="14:14">
      <c r="N692719" s="10"/>
    </row>
    <row r="692720" spans="14:14">
      <c r="N692720" s="10"/>
    </row>
    <row r="692721" spans="14:14">
      <c r="N692721" s="10"/>
    </row>
    <row r="692722" spans="14:14">
      <c r="N692722" s="10"/>
    </row>
    <row r="692723" spans="14:14">
      <c r="N692723" s="10"/>
    </row>
    <row r="692724" spans="14:14">
      <c r="N692724" s="10"/>
    </row>
    <row r="692725" spans="14:14">
      <c r="N692725" s="10"/>
    </row>
    <row r="692726" spans="14:14">
      <c r="N692726" s="10"/>
    </row>
    <row r="692727" spans="14:14">
      <c r="N692727" s="10"/>
    </row>
    <row r="692728" spans="14:14">
      <c r="N692728" s="10"/>
    </row>
    <row r="692729" spans="14:14">
      <c r="N692729" s="10"/>
    </row>
    <row r="692730" spans="14:14">
      <c r="N692730" s="10"/>
    </row>
    <row r="692731" spans="14:14">
      <c r="N692731" s="10"/>
    </row>
    <row r="692732" spans="14:14">
      <c r="N692732" s="10"/>
    </row>
    <row r="692733" spans="14:14">
      <c r="N692733" s="10"/>
    </row>
    <row r="692734" spans="14:14">
      <c r="N692734" s="10"/>
    </row>
    <row r="692735" spans="14:14">
      <c r="N692735" s="10"/>
    </row>
    <row r="692736" spans="14:14">
      <c r="N692736" s="10"/>
    </row>
    <row r="692737" spans="14:14">
      <c r="N692737" s="10"/>
    </row>
    <row r="692738" spans="14:14">
      <c r="N692738" s="10"/>
    </row>
    <row r="692739" spans="14:14">
      <c r="N692739" s="10"/>
    </row>
    <row r="692740" spans="14:14">
      <c r="N692740" s="10"/>
    </row>
    <row r="692741" spans="14:14">
      <c r="N692741" s="10"/>
    </row>
    <row r="692742" spans="14:14">
      <c r="N692742" s="10"/>
    </row>
    <row r="692743" spans="14:14">
      <c r="N692743" s="10"/>
    </row>
    <row r="692744" spans="14:14">
      <c r="N692744" s="10"/>
    </row>
    <row r="692745" spans="14:14">
      <c r="N692745" s="10"/>
    </row>
    <row r="692746" spans="14:14">
      <c r="N692746" s="10"/>
    </row>
    <row r="692747" spans="14:14">
      <c r="N692747" s="10"/>
    </row>
    <row r="692748" spans="14:14">
      <c r="N692748" s="10"/>
    </row>
    <row r="692749" spans="14:14">
      <c r="N692749" s="10"/>
    </row>
    <row r="692750" spans="14:14">
      <c r="N692750" s="10"/>
    </row>
    <row r="692751" spans="14:14">
      <c r="N692751" s="10"/>
    </row>
    <row r="692752" spans="14:14">
      <c r="N692752" s="10"/>
    </row>
    <row r="692753" spans="14:14">
      <c r="N692753" s="10"/>
    </row>
    <row r="692754" spans="14:14">
      <c r="N692754" s="10"/>
    </row>
    <row r="692755" spans="14:14">
      <c r="N692755" s="10"/>
    </row>
    <row r="692756" spans="14:14">
      <c r="N692756" s="10"/>
    </row>
    <row r="692757" spans="14:14">
      <c r="N692757" s="10"/>
    </row>
    <row r="692758" spans="14:14">
      <c r="N692758" s="10"/>
    </row>
    <row r="692759" spans="14:14">
      <c r="N692759" s="10"/>
    </row>
    <row r="692760" spans="14:14">
      <c r="N692760" s="10"/>
    </row>
    <row r="692761" spans="14:14">
      <c r="N692761" s="10"/>
    </row>
    <row r="692762" spans="14:14">
      <c r="N692762" s="10"/>
    </row>
    <row r="692763" spans="14:14">
      <c r="N692763" s="10"/>
    </row>
    <row r="692764" spans="14:14">
      <c r="N692764" s="10"/>
    </row>
    <row r="692765" spans="14:14">
      <c r="N692765" s="10"/>
    </row>
    <row r="692766" spans="14:14">
      <c r="N692766" s="10"/>
    </row>
    <row r="692767" spans="14:14">
      <c r="N692767" s="10"/>
    </row>
    <row r="692768" spans="14:14">
      <c r="N692768" s="10"/>
    </row>
    <row r="692769" spans="14:14">
      <c r="N692769" s="10"/>
    </row>
    <row r="692770" spans="14:14">
      <c r="N692770" s="10"/>
    </row>
    <row r="692771" spans="14:14">
      <c r="N692771" s="10"/>
    </row>
    <row r="692772" spans="14:14">
      <c r="N692772" s="10"/>
    </row>
    <row r="692773" spans="14:14">
      <c r="N692773" s="10"/>
    </row>
    <row r="692774" spans="14:14">
      <c r="N692774" s="10"/>
    </row>
    <row r="692775" spans="14:14">
      <c r="N692775" s="10"/>
    </row>
    <row r="692776" spans="14:14">
      <c r="N692776" s="10"/>
    </row>
    <row r="692777" spans="14:14">
      <c r="N692777" s="10"/>
    </row>
    <row r="692778" spans="14:14">
      <c r="N692778" s="10"/>
    </row>
    <row r="692779" spans="14:14">
      <c r="N692779" s="10"/>
    </row>
    <row r="692780" spans="14:14">
      <c r="N692780" s="10"/>
    </row>
    <row r="692781" spans="14:14">
      <c r="N692781" s="10"/>
    </row>
    <row r="692782" spans="14:14">
      <c r="N692782" s="10"/>
    </row>
    <row r="692783" spans="14:14">
      <c r="N692783" s="10"/>
    </row>
    <row r="692784" spans="14:14">
      <c r="N692784" s="10"/>
    </row>
    <row r="692785" spans="14:14">
      <c r="N692785" s="10"/>
    </row>
    <row r="692786" spans="14:14">
      <c r="N692786" s="10"/>
    </row>
    <row r="692787" spans="14:14">
      <c r="N692787" s="10"/>
    </row>
    <row r="692788" spans="14:14">
      <c r="N692788" s="10"/>
    </row>
    <row r="692789" spans="14:14">
      <c r="N692789" s="10"/>
    </row>
    <row r="692790" spans="14:14">
      <c r="N692790" s="10"/>
    </row>
    <row r="692791" spans="14:14">
      <c r="N692791" s="10"/>
    </row>
    <row r="692792" spans="14:14">
      <c r="N692792" s="10"/>
    </row>
    <row r="692793" spans="14:14">
      <c r="N692793" s="10"/>
    </row>
    <row r="692794" spans="14:14">
      <c r="N692794" s="10"/>
    </row>
    <row r="692795" spans="14:14">
      <c r="N692795" s="10"/>
    </row>
    <row r="692796" spans="14:14">
      <c r="N692796" s="10"/>
    </row>
    <row r="692797" spans="14:14">
      <c r="N692797" s="10"/>
    </row>
    <row r="692798" spans="14:14">
      <c r="N692798" s="10"/>
    </row>
    <row r="692799" spans="14:14">
      <c r="N692799" s="10"/>
    </row>
    <row r="692800" spans="14:14">
      <c r="N692800" s="10"/>
    </row>
    <row r="692801" spans="14:14">
      <c r="N692801" s="10"/>
    </row>
    <row r="692802" spans="14:14">
      <c r="N692802" s="10"/>
    </row>
    <row r="692803" spans="14:14">
      <c r="N692803" s="10"/>
    </row>
    <row r="692804" spans="14:14">
      <c r="N692804" s="10"/>
    </row>
    <row r="692805" spans="14:14">
      <c r="N692805" s="10"/>
    </row>
    <row r="692806" spans="14:14">
      <c r="N692806" s="10"/>
    </row>
    <row r="692807" spans="14:14">
      <c r="N692807" s="10"/>
    </row>
    <row r="692808" spans="14:14">
      <c r="N692808" s="10"/>
    </row>
    <row r="692809" spans="14:14">
      <c r="N692809" s="10"/>
    </row>
    <row r="692810" spans="14:14">
      <c r="N692810" s="10"/>
    </row>
    <row r="692811" spans="14:14">
      <c r="N692811" s="10"/>
    </row>
    <row r="692812" spans="14:14">
      <c r="N692812" s="10"/>
    </row>
    <row r="692813" spans="14:14">
      <c r="N692813" s="10"/>
    </row>
    <row r="692814" spans="14:14">
      <c r="N692814" s="10"/>
    </row>
    <row r="692815" spans="14:14">
      <c r="N692815" s="10"/>
    </row>
    <row r="692816" spans="14:14">
      <c r="N692816" s="10"/>
    </row>
    <row r="692817" spans="14:14">
      <c r="N692817" s="10"/>
    </row>
    <row r="692818" spans="14:14">
      <c r="N692818" s="10"/>
    </row>
    <row r="692819" spans="14:14">
      <c r="N692819" s="10"/>
    </row>
    <row r="692820" spans="14:14">
      <c r="N692820" s="10"/>
    </row>
    <row r="692821" spans="14:14">
      <c r="N692821" s="10"/>
    </row>
    <row r="692822" spans="14:14">
      <c r="N692822" s="10"/>
    </row>
    <row r="692823" spans="14:14">
      <c r="N692823" s="10"/>
    </row>
    <row r="692824" spans="14:14">
      <c r="N692824" s="10"/>
    </row>
    <row r="692825" spans="14:14">
      <c r="N692825" s="10"/>
    </row>
    <row r="692826" spans="14:14">
      <c r="N692826" s="10"/>
    </row>
    <row r="692827" spans="14:14">
      <c r="N692827" s="10"/>
    </row>
    <row r="692828" spans="14:14">
      <c r="N692828" s="10"/>
    </row>
    <row r="692829" spans="14:14">
      <c r="N692829" s="10"/>
    </row>
    <row r="692830" spans="14:14">
      <c r="N692830" s="10"/>
    </row>
    <row r="692831" spans="14:14">
      <c r="N692831" s="10"/>
    </row>
    <row r="692832" spans="14:14">
      <c r="N692832" s="10"/>
    </row>
    <row r="692833" spans="14:14">
      <c r="N692833" s="10"/>
    </row>
    <row r="692834" spans="14:14">
      <c r="N692834" s="10"/>
    </row>
    <row r="692835" spans="14:14">
      <c r="N692835" s="10"/>
    </row>
    <row r="692836" spans="14:14">
      <c r="N692836" s="10"/>
    </row>
    <row r="692837" spans="14:14">
      <c r="N692837" s="10"/>
    </row>
    <row r="692838" spans="14:14">
      <c r="N692838" s="10"/>
    </row>
    <row r="692839" spans="14:14">
      <c r="N692839" s="10"/>
    </row>
    <row r="692840" spans="14:14">
      <c r="N692840" s="10"/>
    </row>
    <row r="692841" spans="14:14">
      <c r="N692841" s="10"/>
    </row>
    <row r="692842" spans="14:14">
      <c r="N692842" s="10"/>
    </row>
    <row r="692843" spans="14:14">
      <c r="N692843" s="10"/>
    </row>
    <row r="692844" spans="14:14">
      <c r="N692844" s="10"/>
    </row>
    <row r="692845" spans="14:14">
      <c r="N692845" s="10"/>
    </row>
    <row r="692846" spans="14:14">
      <c r="N692846" s="10"/>
    </row>
    <row r="692847" spans="14:14">
      <c r="N692847" s="10"/>
    </row>
    <row r="692848" spans="14:14">
      <c r="N692848" s="10"/>
    </row>
    <row r="692849" spans="14:14">
      <c r="N692849" s="10"/>
    </row>
    <row r="692850" spans="14:14">
      <c r="N692850" s="10"/>
    </row>
    <row r="692851" spans="14:14">
      <c r="N692851" s="10"/>
    </row>
    <row r="692852" spans="14:14">
      <c r="N692852" s="10"/>
    </row>
    <row r="692853" spans="14:14">
      <c r="N692853" s="10"/>
    </row>
    <row r="692854" spans="14:14">
      <c r="N692854" s="10"/>
    </row>
    <row r="692855" spans="14:14">
      <c r="N692855" s="10"/>
    </row>
    <row r="692856" spans="14:14">
      <c r="N692856" s="10"/>
    </row>
    <row r="692857" spans="14:14">
      <c r="N692857" s="10"/>
    </row>
    <row r="692858" spans="14:14">
      <c r="N692858" s="10"/>
    </row>
    <row r="692859" spans="14:14">
      <c r="N692859" s="10"/>
    </row>
    <row r="692860" spans="14:14">
      <c r="N692860" s="10"/>
    </row>
    <row r="692861" spans="14:14">
      <c r="N692861" s="10"/>
    </row>
    <row r="692862" spans="14:14">
      <c r="N692862" s="10"/>
    </row>
    <row r="692863" spans="14:14">
      <c r="N692863" s="10"/>
    </row>
    <row r="692864" spans="14:14">
      <c r="N692864" s="10"/>
    </row>
    <row r="692865" spans="14:14">
      <c r="N692865" s="10"/>
    </row>
    <row r="692866" spans="14:14">
      <c r="N692866" s="10"/>
    </row>
    <row r="692867" spans="14:14">
      <c r="N692867" s="10"/>
    </row>
    <row r="692868" spans="14:14">
      <c r="N692868" s="10"/>
    </row>
    <row r="692869" spans="14:14">
      <c r="N692869" s="10"/>
    </row>
    <row r="692870" spans="14:14">
      <c r="N692870" s="10"/>
    </row>
    <row r="692871" spans="14:14">
      <c r="N692871" s="10"/>
    </row>
    <row r="692872" spans="14:14">
      <c r="N692872" s="10"/>
    </row>
    <row r="692873" spans="14:14">
      <c r="N692873" s="10"/>
    </row>
    <row r="692874" spans="14:14">
      <c r="N692874" s="10"/>
    </row>
    <row r="692875" spans="14:14">
      <c r="N692875" s="10"/>
    </row>
    <row r="692876" spans="14:14">
      <c r="N692876" s="10"/>
    </row>
    <row r="692877" spans="14:14">
      <c r="N692877" s="10"/>
    </row>
    <row r="692878" spans="14:14">
      <c r="N692878" s="10"/>
    </row>
    <row r="692879" spans="14:14">
      <c r="N692879" s="10"/>
    </row>
    <row r="692880" spans="14:14">
      <c r="N692880" s="10"/>
    </row>
    <row r="692881" spans="14:14">
      <c r="N692881" s="10"/>
    </row>
    <row r="692882" spans="14:14">
      <c r="N692882" s="10"/>
    </row>
    <row r="692883" spans="14:14">
      <c r="N692883" s="10"/>
    </row>
    <row r="692884" spans="14:14">
      <c r="N692884" s="10"/>
    </row>
    <row r="692885" spans="14:14">
      <c r="N692885" s="10"/>
    </row>
    <row r="692886" spans="14:14">
      <c r="N692886" s="10"/>
    </row>
    <row r="692887" spans="14:14">
      <c r="N692887" s="10"/>
    </row>
    <row r="692888" spans="14:14">
      <c r="N692888" s="10"/>
    </row>
    <row r="692889" spans="14:14">
      <c r="N692889" s="10"/>
    </row>
    <row r="692890" spans="14:14">
      <c r="N692890" s="10"/>
    </row>
    <row r="692891" spans="14:14">
      <c r="N692891" s="10"/>
    </row>
    <row r="692892" spans="14:14">
      <c r="N692892" s="10"/>
    </row>
    <row r="692893" spans="14:14">
      <c r="N692893" s="10"/>
    </row>
    <row r="692894" spans="14:14">
      <c r="N692894" s="10"/>
    </row>
    <row r="692895" spans="14:14">
      <c r="N692895" s="10"/>
    </row>
    <row r="692896" spans="14:14">
      <c r="N692896" s="10"/>
    </row>
    <row r="692897" spans="14:14">
      <c r="N692897" s="10"/>
    </row>
    <row r="692898" spans="14:14">
      <c r="N692898" s="10"/>
    </row>
    <row r="692899" spans="14:14">
      <c r="N692899" s="10"/>
    </row>
    <row r="692900" spans="14:14">
      <c r="N692900" s="10"/>
    </row>
    <row r="692901" spans="14:14">
      <c r="N692901" s="10"/>
    </row>
    <row r="692902" spans="14:14">
      <c r="N692902" s="10"/>
    </row>
    <row r="692903" spans="14:14">
      <c r="N692903" s="10"/>
    </row>
    <row r="692904" spans="14:14">
      <c r="N692904" s="10"/>
    </row>
    <row r="692905" spans="14:14">
      <c r="N692905" s="10"/>
    </row>
    <row r="692906" spans="14:14">
      <c r="N692906" s="10"/>
    </row>
    <row r="692907" spans="14:14">
      <c r="N692907" s="10"/>
    </row>
    <row r="692908" spans="14:14">
      <c r="N692908" s="10"/>
    </row>
    <row r="692909" spans="14:14">
      <c r="N692909" s="10"/>
    </row>
    <row r="692910" spans="14:14">
      <c r="N692910" s="10"/>
    </row>
    <row r="692911" spans="14:14">
      <c r="N692911" s="10"/>
    </row>
    <row r="692912" spans="14:14">
      <c r="N692912" s="10"/>
    </row>
    <row r="692913" spans="14:14">
      <c r="N692913" s="10"/>
    </row>
    <row r="692914" spans="14:14">
      <c r="N692914" s="10"/>
    </row>
    <row r="692915" spans="14:14">
      <c r="N692915" s="10"/>
    </row>
    <row r="692916" spans="14:14">
      <c r="N692916" s="10"/>
    </row>
    <row r="692917" spans="14:14">
      <c r="N692917" s="10"/>
    </row>
    <row r="692918" spans="14:14">
      <c r="N692918" s="10"/>
    </row>
    <row r="692919" spans="14:14">
      <c r="N692919" s="10"/>
    </row>
    <row r="692920" spans="14:14">
      <c r="N692920" s="10"/>
    </row>
    <row r="692921" spans="14:14">
      <c r="N692921" s="10"/>
    </row>
    <row r="692922" spans="14:14">
      <c r="N692922" s="10"/>
    </row>
    <row r="692923" spans="14:14">
      <c r="N692923" s="10"/>
    </row>
    <row r="692924" spans="14:14">
      <c r="N692924" s="10"/>
    </row>
    <row r="692925" spans="14:14">
      <c r="N692925" s="10"/>
    </row>
    <row r="692926" spans="14:14">
      <c r="N692926" s="10"/>
    </row>
    <row r="692927" spans="14:14">
      <c r="N692927" s="10"/>
    </row>
    <row r="692928" spans="14:14">
      <c r="N692928" s="10"/>
    </row>
    <row r="692929" spans="14:14">
      <c r="N692929" s="10"/>
    </row>
    <row r="692930" spans="14:14">
      <c r="N692930" s="10"/>
    </row>
    <row r="692931" spans="14:14">
      <c r="N692931" s="10"/>
    </row>
    <row r="692932" spans="14:14">
      <c r="N692932" s="10"/>
    </row>
    <row r="692933" spans="14:14">
      <c r="N692933" s="10"/>
    </row>
    <row r="692934" spans="14:14">
      <c r="N692934" s="10"/>
    </row>
    <row r="692935" spans="14:14">
      <c r="N692935" s="10"/>
    </row>
    <row r="692936" spans="14:14">
      <c r="N692936" s="10"/>
    </row>
    <row r="692937" spans="14:14">
      <c r="N692937" s="10"/>
    </row>
    <row r="692938" spans="14:14">
      <c r="N692938" s="10"/>
    </row>
    <row r="692939" spans="14:14">
      <c r="N692939" s="10"/>
    </row>
    <row r="692940" spans="14:14">
      <c r="N692940" s="10"/>
    </row>
    <row r="692941" spans="14:14">
      <c r="N692941" s="10"/>
    </row>
    <row r="692942" spans="14:14">
      <c r="N692942" s="10"/>
    </row>
    <row r="692943" spans="14:14">
      <c r="N692943" s="10"/>
    </row>
    <row r="692944" spans="14:14">
      <c r="N692944" s="10"/>
    </row>
    <row r="692945" spans="14:14">
      <c r="N692945" s="10"/>
    </row>
    <row r="692946" spans="14:14">
      <c r="N692946" s="10"/>
    </row>
    <row r="692947" spans="14:14">
      <c r="N692947" s="10"/>
    </row>
    <row r="692948" spans="14:14">
      <c r="N692948" s="10"/>
    </row>
    <row r="692949" spans="14:14">
      <c r="N692949" s="10"/>
    </row>
    <row r="692950" spans="14:14">
      <c r="N692950" s="10"/>
    </row>
    <row r="692951" spans="14:14">
      <c r="N692951" s="10"/>
    </row>
    <row r="692952" spans="14:14">
      <c r="N692952" s="10"/>
    </row>
    <row r="692953" spans="14:14">
      <c r="N692953" s="10"/>
    </row>
    <row r="692954" spans="14:14">
      <c r="N692954" s="10"/>
    </row>
    <row r="692955" spans="14:14">
      <c r="N692955" s="10"/>
    </row>
    <row r="692956" spans="14:14">
      <c r="N692956" s="10"/>
    </row>
    <row r="692957" spans="14:14">
      <c r="N692957" s="10"/>
    </row>
    <row r="692958" spans="14:14">
      <c r="N692958" s="10"/>
    </row>
    <row r="692959" spans="14:14">
      <c r="N692959" s="10"/>
    </row>
    <row r="692960" spans="14:14">
      <c r="N692960" s="10"/>
    </row>
    <row r="692961" spans="14:14">
      <c r="N692961" s="10"/>
    </row>
    <row r="692962" spans="14:14">
      <c r="N692962" s="10"/>
    </row>
    <row r="692963" spans="14:14">
      <c r="N692963" s="10"/>
    </row>
    <row r="692964" spans="14:14">
      <c r="N692964" s="10"/>
    </row>
    <row r="692965" spans="14:14">
      <c r="N692965" s="10"/>
    </row>
    <row r="692966" spans="14:14">
      <c r="N692966" s="10"/>
    </row>
    <row r="692967" spans="14:14">
      <c r="N692967" s="10"/>
    </row>
    <row r="692968" spans="14:14">
      <c r="N692968" s="10"/>
    </row>
    <row r="692969" spans="14:14">
      <c r="N692969" s="10"/>
    </row>
    <row r="692970" spans="14:14">
      <c r="N692970" s="10"/>
    </row>
    <row r="692971" spans="14:14">
      <c r="N692971" s="10"/>
    </row>
    <row r="692972" spans="14:14">
      <c r="N692972" s="10"/>
    </row>
    <row r="692973" spans="14:14">
      <c r="N692973" s="10"/>
    </row>
    <row r="692974" spans="14:14">
      <c r="N692974" s="10"/>
    </row>
    <row r="692975" spans="14:14">
      <c r="N692975" s="10"/>
    </row>
    <row r="692976" spans="14:14">
      <c r="N692976" s="10"/>
    </row>
    <row r="692977" spans="14:14">
      <c r="N692977" s="10"/>
    </row>
    <row r="692978" spans="14:14">
      <c r="N692978" s="10"/>
    </row>
    <row r="692979" spans="14:14">
      <c r="N692979" s="10"/>
    </row>
    <row r="692980" spans="14:14">
      <c r="N692980" s="10"/>
    </row>
    <row r="692981" spans="14:14">
      <c r="N692981" s="10"/>
    </row>
    <row r="692982" spans="14:14">
      <c r="N692982" s="10"/>
    </row>
    <row r="692983" spans="14:14">
      <c r="N692983" s="10"/>
    </row>
    <row r="692984" spans="14:14">
      <c r="N692984" s="10"/>
    </row>
    <row r="692985" spans="14:14">
      <c r="N692985" s="10"/>
    </row>
    <row r="692986" spans="14:14">
      <c r="N692986" s="10"/>
    </row>
    <row r="692987" spans="14:14">
      <c r="N692987" s="10"/>
    </row>
    <row r="692988" spans="14:14">
      <c r="N692988" s="10"/>
    </row>
    <row r="692989" spans="14:14">
      <c r="N692989" s="10"/>
    </row>
    <row r="692990" spans="14:14">
      <c r="N692990" s="10"/>
    </row>
    <row r="692991" spans="14:14">
      <c r="N692991" s="10"/>
    </row>
    <row r="692992" spans="14:14">
      <c r="N692992" s="10"/>
    </row>
    <row r="692993" spans="14:14">
      <c r="N692993" s="10"/>
    </row>
    <row r="692994" spans="14:14">
      <c r="N692994" s="10"/>
    </row>
    <row r="692995" spans="14:14">
      <c r="N692995" s="10"/>
    </row>
    <row r="692996" spans="14:14">
      <c r="N692996" s="10"/>
    </row>
    <row r="692997" spans="14:14">
      <c r="N692997" s="10"/>
    </row>
    <row r="692998" spans="14:14">
      <c r="N692998" s="10"/>
    </row>
    <row r="692999" spans="14:14">
      <c r="N692999" s="10"/>
    </row>
    <row r="693000" spans="14:14">
      <c r="N693000" s="10"/>
    </row>
    <row r="693001" spans="14:14">
      <c r="N693001" s="10"/>
    </row>
    <row r="693002" spans="14:14">
      <c r="N693002" s="10"/>
    </row>
    <row r="693003" spans="14:14">
      <c r="N693003" s="10"/>
    </row>
    <row r="693004" spans="14:14">
      <c r="N693004" s="10"/>
    </row>
    <row r="693005" spans="14:14">
      <c r="N693005" s="10"/>
    </row>
    <row r="693006" spans="14:14">
      <c r="N693006" s="10"/>
    </row>
    <row r="693007" spans="14:14">
      <c r="N693007" s="10"/>
    </row>
    <row r="693008" spans="14:14">
      <c r="N693008" s="10"/>
    </row>
    <row r="693009" spans="14:14">
      <c r="N693009" s="10"/>
    </row>
    <row r="693010" spans="14:14">
      <c r="N693010" s="10"/>
    </row>
    <row r="693011" spans="14:14">
      <c r="N693011" s="10"/>
    </row>
    <row r="693012" spans="14:14">
      <c r="N693012" s="10"/>
    </row>
    <row r="693013" spans="14:14">
      <c r="N693013" s="10"/>
    </row>
    <row r="693014" spans="14:14">
      <c r="N693014" s="10"/>
    </row>
    <row r="693015" spans="14:14">
      <c r="N693015" s="10"/>
    </row>
    <row r="693016" spans="14:14">
      <c r="N693016" s="10"/>
    </row>
    <row r="693017" spans="14:14">
      <c r="N693017" s="10"/>
    </row>
    <row r="693018" spans="14:14">
      <c r="N693018" s="10"/>
    </row>
    <row r="693019" spans="14:14">
      <c r="N693019" s="10"/>
    </row>
    <row r="693020" spans="14:14">
      <c r="N693020" s="10"/>
    </row>
    <row r="693021" spans="14:14">
      <c r="N693021" s="10"/>
    </row>
    <row r="693022" spans="14:14">
      <c r="N693022" s="10"/>
    </row>
    <row r="693023" spans="14:14">
      <c r="N693023" s="10"/>
    </row>
    <row r="693024" spans="14:14">
      <c r="N693024" s="10"/>
    </row>
    <row r="693025" spans="14:14">
      <c r="N693025" s="10"/>
    </row>
    <row r="693026" spans="14:14">
      <c r="N693026" s="10"/>
    </row>
    <row r="693027" spans="14:14">
      <c r="N693027" s="10"/>
    </row>
    <row r="693028" spans="14:14">
      <c r="N693028" s="10"/>
    </row>
    <row r="693029" spans="14:14">
      <c r="N693029" s="10"/>
    </row>
    <row r="693030" spans="14:14">
      <c r="N693030" s="10"/>
    </row>
    <row r="693031" spans="14:14">
      <c r="N693031" s="10"/>
    </row>
    <row r="693032" spans="14:14">
      <c r="N693032" s="10"/>
    </row>
    <row r="693033" spans="14:14">
      <c r="N693033" s="10"/>
    </row>
    <row r="693034" spans="14:14">
      <c r="N693034" s="10"/>
    </row>
    <row r="693035" spans="14:14">
      <c r="N693035" s="10"/>
    </row>
    <row r="693036" spans="14:14">
      <c r="N693036" s="10"/>
    </row>
    <row r="693037" spans="14:14">
      <c r="N693037" s="10"/>
    </row>
    <row r="693038" spans="14:14">
      <c r="N693038" s="10"/>
    </row>
    <row r="693039" spans="14:14">
      <c r="N693039" s="10"/>
    </row>
    <row r="693040" spans="14:14">
      <c r="N693040" s="10"/>
    </row>
    <row r="693041" spans="14:14">
      <c r="N693041" s="10"/>
    </row>
    <row r="693042" spans="14:14">
      <c r="N693042" s="10"/>
    </row>
    <row r="693043" spans="14:14">
      <c r="N693043" s="10"/>
    </row>
    <row r="693044" spans="14:14">
      <c r="N693044" s="10"/>
    </row>
    <row r="693045" spans="14:14">
      <c r="N693045" s="10"/>
    </row>
    <row r="693046" spans="14:14">
      <c r="N693046" s="10"/>
    </row>
    <row r="693047" spans="14:14">
      <c r="N693047" s="10"/>
    </row>
    <row r="693048" spans="14:14">
      <c r="N693048" s="10"/>
    </row>
    <row r="693049" spans="14:14">
      <c r="N693049" s="10"/>
    </row>
    <row r="693050" spans="14:14">
      <c r="N693050" s="10"/>
    </row>
    <row r="693051" spans="14:14">
      <c r="N693051" s="10"/>
    </row>
    <row r="693052" spans="14:14">
      <c r="N693052" s="10"/>
    </row>
    <row r="693053" spans="14:14">
      <c r="N693053" s="10"/>
    </row>
    <row r="693054" spans="14:14">
      <c r="N693054" s="10"/>
    </row>
    <row r="693055" spans="14:14">
      <c r="N693055" s="10"/>
    </row>
    <row r="693056" spans="14:14">
      <c r="N693056" s="10"/>
    </row>
    <row r="693057" spans="14:14">
      <c r="N693057" s="10"/>
    </row>
    <row r="693058" spans="14:14">
      <c r="N693058" s="10"/>
    </row>
    <row r="693059" spans="14:14">
      <c r="N693059" s="10"/>
    </row>
    <row r="693060" spans="14:14">
      <c r="N693060" s="10"/>
    </row>
    <row r="693061" spans="14:14">
      <c r="N693061" s="10"/>
    </row>
    <row r="693062" spans="14:14">
      <c r="N693062" s="10"/>
    </row>
    <row r="693063" spans="14:14">
      <c r="N693063" s="10"/>
    </row>
    <row r="693064" spans="14:14">
      <c r="N693064" s="10"/>
    </row>
    <row r="693065" spans="14:14">
      <c r="N693065" s="10"/>
    </row>
    <row r="693066" spans="14:14">
      <c r="N693066" s="10"/>
    </row>
    <row r="693067" spans="14:14">
      <c r="N693067" s="10"/>
    </row>
    <row r="693068" spans="14:14">
      <c r="N693068" s="10"/>
    </row>
    <row r="693069" spans="14:14">
      <c r="N693069" s="10"/>
    </row>
    <row r="693070" spans="14:14">
      <c r="N693070" s="10"/>
    </row>
    <row r="693071" spans="14:14">
      <c r="N693071" s="10"/>
    </row>
    <row r="693072" spans="14:14">
      <c r="N693072" s="10"/>
    </row>
    <row r="693073" spans="14:14">
      <c r="N693073" s="10"/>
    </row>
    <row r="693074" spans="14:14">
      <c r="N693074" s="10"/>
    </row>
    <row r="693075" spans="14:14">
      <c r="N693075" s="10"/>
    </row>
    <row r="693076" spans="14:14">
      <c r="N693076" s="10"/>
    </row>
    <row r="693077" spans="14:14">
      <c r="N693077" s="10"/>
    </row>
    <row r="693078" spans="14:14">
      <c r="N693078" s="10"/>
    </row>
    <row r="693079" spans="14:14">
      <c r="N693079" s="10"/>
    </row>
    <row r="693080" spans="14:14">
      <c r="N693080" s="10"/>
    </row>
    <row r="693081" spans="14:14">
      <c r="N693081" s="10"/>
    </row>
    <row r="693082" spans="14:14">
      <c r="N693082" s="10"/>
    </row>
    <row r="693083" spans="14:14">
      <c r="N693083" s="10"/>
    </row>
    <row r="693084" spans="14:14">
      <c r="N693084" s="10"/>
    </row>
    <row r="693085" spans="14:14">
      <c r="N693085" s="10"/>
    </row>
    <row r="693086" spans="14:14">
      <c r="N693086" s="10"/>
    </row>
    <row r="693087" spans="14:14">
      <c r="N693087" s="10"/>
    </row>
    <row r="693088" spans="14:14">
      <c r="N693088" s="10"/>
    </row>
    <row r="693089" spans="14:14">
      <c r="N693089" s="10"/>
    </row>
    <row r="693090" spans="14:14">
      <c r="N693090" s="10"/>
    </row>
    <row r="693091" spans="14:14">
      <c r="N693091" s="10"/>
    </row>
    <row r="693092" spans="14:14">
      <c r="N693092" s="10"/>
    </row>
    <row r="693093" spans="14:14">
      <c r="N693093" s="10"/>
    </row>
    <row r="693094" spans="14:14">
      <c r="N693094" s="10"/>
    </row>
    <row r="693095" spans="14:14">
      <c r="N693095" s="10"/>
    </row>
    <row r="693096" spans="14:14">
      <c r="N693096" s="10"/>
    </row>
    <row r="693097" spans="14:14">
      <c r="N693097" s="10"/>
    </row>
    <row r="693098" spans="14:14">
      <c r="N693098" s="10"/>
    </row>
    <row r="693099" spans="14:14">
      <c r="N693099" s="10"/>
    </row>
    <row r="693100" spans="14:14">
      <c r="N693100" s="10"/>
    </row>
    <row r="693101" spans="14:14">
      <c r="N693101" s="10"/>
    </row>
    <row r="693102" spans="14:14">
      <c r="N693102" s="10"/>
    </row>
    <row r="693103" spans="14:14">
      <c r="N693103" s="10"/>
    </row>
    <row r="693104" spans="14:14">
      <c r="N693104" s="10"/>
    </row>
    <row r="693105" spans="14:14">
      <c r="N693105" s="10"/>
    </row>
    <row r="693106" spans="14:14">
      <c r="N693106" s="10"/>
    </row>
    <row r="693107" spans="14:14">
      <c r="N693107" s="10"/>
    </row>
    <row r="693108" spans="14:14">
      <c r="N693108" s="10"/>
    </row>
    <row r="693109" spans="14:14">
      <c r="N693109" s="10"/>
    </row>
    <row r="693110" spans="14:14">
      <c r="N693110" s="10"/>
    </row>
    <row r="693111" spans="14:14">
      <c r="N693111" s="10"/>
    </row>
    <row r="693112" spans="14:14">
      <c r="N693112" s="10"/>
    </row>
    <row r="693113" spans="14:14">
      <c r="N693113" s="10"/>
    </row>
    <row r="693114" spans="14:14">
      <c r="N693114" s="10"/>
    </row>
    <row r="693115" spans="14:14">
      <c r="N693115" s="10"/>
    </row>
    <row r="693116" spans="14:14">
      <c r="N693116" s="10"/>
    </row>
    <row r="693117" spans="14:14">
      <c r="N693117" s="10"/>
    </row>
    <row r="693118" spans="14:14">
      <c r="N693118" s="10"/>
    </row>
    <row r="693119" spans="14:14">
      <c r="N693119" s="10"/>
    </row>
    <row r="693120" spans="14:14">
      <c r="N693120" s="10"/>
    </row>
    <row r="693121" spans="14:14">
      <c r="N693121" s="10"/>
    </row>
    <row r="693122" spans="14:14">
      <c r="N693122" s="10"/>
    </row>
    <row r="693123" spans="14:14">
      <c r="N693123" s="10"/>
    </row>
    <row r="693124" spans="14:14">
      <c r="N693124" s="10"/>
    </row>
    <row r="693125" spans="14:14">
      <c r="N693125" s="10"/>
    </row>
    <row r="693126" spans="14:14">
      <c r="N693126" s="10"/>
    </row>
    <row r="693127" spans="14:14">
      <c r="N693127" s="10"/>
    </row>
    <row r="693128" spans="14:14">
      <c r="N693128" s="10"/>
    </row>
    <row r="693129" spans="14:14">
      <c r="N693129" s="10"/>
    </row>
    <row r="693130" spans="14:14">
      <c r="N693130" s="10"/>
    </row>
    <row r="693131" spans="14:14">
      <c r="N693131" s="10"/>
    </row>
    <row r="693132" spans="14:14">
      <c r="N693132" s="10"/>
    </row>
    <row r="693133" spans="14:14">
      <c r="N693133" s="10"/>
    </row>
    <row r="693134" spans="14:14">
      <c r="N693134" s="10"/>
    </row>
    <row r="693135" spans="14:14">
      <c r="N693135" s="10"/>
    </row>
    <row r="693136" spans="14:14">
      <c r="N693136" s="10"/>
    </row>
    <row r="693137" spans="14:14">
      <c r="N693137" s="10"/>
    </row>
    <row r="693138" spans="14:14">
      <c r="N693138" s="10"/>
    </row>
    <row r="693139" spans="14:14">
      <c r="N693139" s="10"/>
    </row>
    <row r="693140" spans="14:14">
      <c r="N693140" s="10"/>
    </row>
    <row r="693141" spans="14:14">
      <c r="N693141" s="10"/>
    </row>
    <row r="693142" spans="14:14">
      <c r="N693142" s="10"/>
    </row>
    <row r="693143" spans="14:14">
      <c r="N693143" s="10"/>
    </row>
    <row r="693144" spans="14:14">
      <c r="N693144" s="10"/>
    </row>
    <row r="693145" spans="14:14">
      <c r="N693145" s="10"/>
    </row>
    <row r="693146" spans="14:14">
      <c r="N693146" s="10"/>
    </row>
    <row r="693147" spans="14:14">
      <c r="N693147" s="10"/>
    </row>
    <row r="693148" spans="14:14">
      <c r="N693148" s="10"/>
    </row>
    <row r="693149" spans="14:14">
      <c r="N693149" s="10"/>
    </row>
    <row r="693150" spans="14:14">
      <c r="N693150" s="10"/>
    </row>
    <row r="693151" spans="14:14">
      <c r="N693151" s="10"/>
    </row>
    <row r="693152" spans="14:14">
      <c r="N693152" s="10"/>
    </row>
    <row r="693153" spans="14:14">
      <c r="N693153" s="10"/>
    </row>
    <row r="693154" spans="14:14">
      <c r="N693154" s="10"/>
    </row>
    <row r="693155" spans="14:14">
      <c r="N693155" s="10"/>
    </row>
    <row r="693156" spans="14:14">
      <c r="N693156" s="10"/>
    </row>
    <row r="693157" spans="14:14">
      <c r="N693157" s="10"/>
    </row>
    <row r="693158" spans="14:14">
      <c r="N693158" s="10"/>
    </row>
    <row r="693159" spans="14:14">
      <c r="N693159" s="10"/>
    </row>
    <row r="693160" spans="14:14">
      <c r="N693160" s="10"/>
    </row>
    <row r="693161" spans="14:14">
      <c r="N693161" s="10"/>
    </row>
    <row r="693162" spans="14:14">
      <c r="N693162" s="10"/>
    </row>
    <row r="693163" spans="14:14">
      <c r="N693163" s="10"/>
    </row>
    <row r="693164" spans="14:14">
      <c r="N693164" s="10"/>
    </row>
    <row r="693165" spans="14:14">
      <c r="N693165" s="10"/>
    </row>
    <row r="693166" spans="14:14">
      <c r="N693166" s="10"/>
    </row>
    <row r="693167" spans="14:14">
      <c r="N693167" s="10"/>
    </row>
    <row r="693168" spans="14:14">
      <c r="N693168" s="10"/>
    </row>
    <row r="693169" spans="14:14">
      <c r="N693169" s="10"/>
    </row>
    <row r="693170" spans="14:14">
      <c r="N693170" s="10"/>
    </row>
    <row r="693171" spans="14:14">
      <c r="N693171" s="10"/>
    </row>
    <row r="693172" spans="14:14">
      <c r="N693172" s="10"/>
    </row>
    <row r="693173" spans="14:14">
      <c r="N693173" s="10"/>
    </row>
    <row r="693174" spans="14:14">
      <c r="N693174" s="10"/>
    </row>
    <row r="693175" spans="14:14">
      <c r="N693175" s="10"/>
    </row>
    <row r="693176" spans="14:14">
      <c r="N693176" s="10"/>
    </row>
    <row r="693177" spans="14:14">
      <c r="N693177" s="10"/>
    </row>
    <row r="693178" spans="14:14">
      <c r="N693178" s="10"/>
    </row>
    <row r="693179" spans="14:14">
      <c r="N693179" s="10"/>
    </row>
    <row r="693180" spans="14:14">
      <c r="N693180" s="10"/>
    </row>
    <row r="693181" spans="14:14">
      <c r="N693181" s="10"/>
    </row>
    <row r="693182" spans="14:14">
      <c r="N693182" s="10"/>
    </row>
    <row r="693183" spans="14:14">
      <c r="N693183" s="10"/>
    </row>
    <row r="693184" spans="14:14">
      <c r="N693184" s="10"/>
    </row>
    <row r="693185" spans="14:14">
      <c r="N693185" s="10"/>
    </row>
    <row r="693186" spans="14:14">
      <c r="N693186" s="10"/>
    </row>
    <row r="693187" spans="14:14">
      <c r="N693187" s="10"/>
    </row>
    <row r="693188" spans="14:14">
      <c r="N693188" s="10"/>
    </row>
    <row r="693189" spans="14:14">
      <c r="N693189" s="10"/>
    </row>
    <row r="693190" spans="14:14">
      <c r="N693190" s="10"/>
    </row>
    <row r="693191" spans="14:14">
      <c r="N693191" s="10"/>
    </row>
    <row r="693192" spans="14:14">
      <c r="N693192" s="10"/>
    </row>
    <row r="693193" spans="14:14">
      <c r="N693193" s="10"/>
    </row>
    <row r="693194" spans="14:14">
      <c r="N693194" s="10"/>
    </row>
    <row r="693195" spans="14:14">
      <c r="N693195" s="10"/>
    </row>
    <row r="693196" spans="14:14">
      <c r="N693196" s="10"/>
    </row>
    <row r="693197" spans="14:14">
      <c r="N693197" s="10"/>
    </row>
    <row r="693198" spans="14:14">
      <c r="N693198" s="10"/>
    </row>
    <row r="693199" spans="14:14">
      <c r="N693199" s="10"/>
    </row>
    <row r="693200" spans="14:14">
      <c r="N693200" s="10"/>
    </row>
    <row r="693201" spans="14:14">
      <c r="N693201" s="10"/>
    </row>
    <row r="693202" spans="14:14">
      <c r="N693202" s="10"/>
    </row>
    <row r="693203" spans="14:14">
      <c r="N693203" s="10"/>
    </row>
    <row r="693204" spans="14:14">
      <c r="N693204" s="10"/>
    </row>
    <row r="693205" spans="14:14">
      <c r="N693205" s="10"/>
    </row>
    <row r="693206" spans="14:14">
      <c r="N693206" s="10"/>
    </row>
    <row r="693207" spans="14:14">
      <c r="N693207" s="10"/>
    </row>
    <row r="693208" spans="14:14">
      <c r="N693208" s="10"/>
    </row>
    <row r="693209" spans="14:14">
      <c r="N693209" s="10"/>
    </row>
    <row r="693210" spans="14:14">
      <c r="N693210" s="10"/>
    </row>
    <row r="693211" spans="14:14">
      <c r="N693211" s="10"/>
    </row>
    <row r="693212" spans="14:14">
      <c r="N693212" s="10"/>
    </row>
    <row r="693213" spans="14:14">
      <c r="N693213" s="10"/>
    </row>
    <row r="693214" spans="14:14">
      <c r="N693214" s="10"/>
    </row>
    <row r="693215" spans="14:14">
      <c r="N693215" s="10"/>
    </row>
    <row r="693216" spans="14:14">
      <c r="N693216" s="10"/>
    </row>
    <row r="693217" spans="14:14">
      <c r="N693217" s="10"/>
    </row>
    <row r="693218" spans="14:14">
      <c r="N693218" s="10"/>
    </row>
    <row r="693219" spans="14:14">
      <c r="N693219" s="10"/>
    </row>
    <row r="693220" spans="14:14">
      <c r="N693220" s="10"/>
    </row>
    <row r="693221" spans="14:14">
      <c r="N693221" s="10"/>
    </row>
    <row r="693222" spans="14:14">
      <c r="N693222" s="10"/>
    </row>
    <row r="693223" spans="14:14">
      <c r="N693223" s="10"/>
    </row>
    <row r="693224" spans="14:14">
      <c r="N693224" s="10"/>
    </row>
    <row r="693225" spans="14:14">
      <c r="N693225" s="10"/>
    </row>
    <row r="693226" spans="14:14">
      <c r="N693226" s="10"/>
    </row>
    <row r="693227" spans="14:14">
      <c r="N693227" s="10"/>
    </row>
    <row r="693228" spans="14:14">
      <c r="N693228" s="10"/>
    </row>
    <row r="693229" spans="14:14">
      <c r="N693229" s="10"/>
    </row>
    <row r="693230" spans="14:14">
      <c r="N693230" s="10"/>
    </row>
    <row r="693231" spans="14:14">
      <c r="N693231" s="10"/>
    </row>
    <row r="693232" spans="14:14">
      <c r="N693232" s="10"/>
    </row>
    <row r="693233" spans="14:14">
      <c r="N693233" s="10"/>
    </row>
    <row r="693234" spans="14:14">
      <c r="N693234" s="10"/>
    </row>
    <row r="693235" spans="14:14">
      <c r="N693235" s="10"/>
    </row>
    <row r="693236" spans="14:14">
      <c r="N693236" s="10"/>
    </row>
    <row r="693237" spans="14:14">
      <c r="N693237" s="10"/>
    </row>
    <row r="693238" spans="14:14">
      <c r="N693238" s="10"/>
    </row>
    <row r="693239" spans="14:14">
      <c r="N693239" s="10"/>
    </row>
    <row r="693240" spans="14:14">
      <c r="N693240" s="10"/>
    </row>
    <row r="693241" spans="14:14">
      <c r="N693241" s="10"/>
    </row>
    <row r="693242" spans="14:14">
      <c r="N693242" s="10"/>
    </row>
    <row r="693243" spans="14:14">
      <c r="N693243" s="10"/>
    </row>
    <row r="693244" spans="14:14">
      <c r="N693244" s="10"/>
    </row>
    <row r="693245" spans="14:14">
      <c r="N693245" s="10"/>
    </row>
    <row r="693246" spans="14:14">
      <c r="N693246" s="10"/>
    </row>
    <row r="693247" spans="14:14">
      <c r="N693247" s="10"/>
    </row>
    <row r="693248" spans="14:14">
      <c r="N693248" s="10"/>
    </row>
    <row r="693249" spans="14:14">
      <c r="N693249" s="10"/>
    </row>
    <row r="693250" spans="14:14">
      <c r="N693250" s="10"/>
    </row>
    <row r="693251" spans="14:14">
      <c r="N693251" s="10"/>
    </row>
    <row r="693252" spans="14:14">
      <c r="N693252" s="10"/>
    </row>
    <row r="693253" spans="14:14">
      <c r="N693253" s="10"/>
    </row>
    <row r="693254" spans="14:14">
      <c r="N693254" s="10"/>
    </row>
    <row r="693255" spans="14:14">
      <c r="N693255" s="10"/>
    </row>
    <row r="693256" spans="14:14">
      <c r="N693256" s="10"/>
    </row>
    <row r="693257" spans="14:14">
      <c r="N693257" s="10"/>
    </row>
    <row r="693258" spans="14:14">
      <c r="N693258" s="10"/>
    </row>
    <row r="693259" spans="14:14">
      <c r="N693259" s="10"/>
    </row>
    <row r="693260" spans="14:14">
      <c r="N693260" s="10"/>
    </row>
    <row r="693261" spans="14:14">
      <c r="N693261" s="10"/>
    </row>
    <row r="693262" spans="14:14">
      <c r="N693262" s="10"/>
    </row>
    <row r="693263" spans="14:14">
      <c r="N693263" s="10"/>
    </row>
    <row r="693264" spans="14:14">
      <c r="N693264" s="10"/>
    </row>
    <row r="693265" spans="14:14">
      <c r="N693265" s="10"/>
    </row>
    <row r="693266" spans="14:14">
      <c r="N693266" s="10"/>
    </row>
    <row r="693267" spans="14:14">
      <c r="N693267" s="10"/>
    </row>
    <row r="693268" spans="14:14">
      <c r="N693268" s="10"/>
    </row>
    <row r="693269" spans="14:14">
      <c r="N693269" s="10"/>
    </row>
    <row r="693270" spans="14:14">
      <c r="N693270" s="10"/>
    </row>
    <row r="693271" spans="14:14">
      <c r="N693271" s="10"/>
    </row>
    <row r="693272" spans="14:14">
      <c r="N693272" s="10"/>
    </row>
    <row r="693273" spans="14:14">
      <c r="N693273" s="10"/>
    </row>
    <row r="693274" spans="14:14">
      <c r="N693274" s="10"/>
    </row>
    <row r="693275" spans="14:14">
      <c r="N693275" s="10"/>
    </row>
    <row r="693276" spans="14:14">
      <c r="N693276" s="10"/>
    </row>
    <row r="693277" spans="14:14">
      <c r="N693277" s="10"/>
    </row>
    <row r="693278" spans="14:14">
      <c r="N693278" s="10"/>
    </row>
    <row r="693279" spans="14:14">
      <c r="N693279" s="10"/>
    </row>
    <row r="693280" spans="14:14">
      <c r="N693280" s="10"/>
    </row>
    <row r="693281" spans="14:14">
      <c r="N693281" s="10"/>
    </row>
    <row r="693282" spans="14:14">
      <c r="N693282" s="10"/>
    </row>
    <row r="693283" spans="14:14">
      <c r="N693283" s="10"/>
    </row>
    <row r="693284" spans="14:14">
      <c r="N693284" s="10"/>
    </row>
    <row r="693285" spans="14:14">
      <c r="N693285" s="10"/>
    </row>
    <row r="693286" spans="14:14">
      <c r="N693286" s="10"/>
    </row>
    <row r="693287" spans="14:14">
      <c r="N693287" s="10"/>
    </row>
    <row r="693288" spans="14:14">
      <c r="N693288" s="10"/>
    </row>
    <row r="693289" spans="14:14">
      <c r="N693289" s="10"/>
    </row>
    <row r="693290" spans="14:14">
      <c r="N693290" s="10"/>
    </row>
    <row r="693291" spans="14:14">
      <c r="N693291" s="10"/>
    </row>
    <row r="693292" spans="14:14">
      <c r="N693292" s="10"/>
    </row>
    <row r="693293" spans="14:14">
      <c r="N693293" s="10"/>
    </row>
    <row r="693294" spans="14:14">
      <c r="N693294" s="10"/>
    </row>
    <row r="693295" spans="14:14">
      <c r="N693295" s="10"/>
    </row>
    <row r="693296" spans="14:14">
      <c r="N693296" s="10"/>
    </row>
    <row r="693297" spans="14:14">
      <c r="N693297" s="10"/>
    </row>
    <row r="693298" spans="14:14">
      <c r="N693298" s="10"/>
    </row>
    <row r="693299" spans="14:14">
      <c r="N693299" s="10"/>
    </row>
    <row r="693300" spans="14:14">
      <c r="N693300" s="10"/>
    </row>
    <row r="693301" spans="14:14">
      <c r="N693301" s="10"/>
    </row>
    <row r="693302" spans="14:14">
      <c r="N693302" s="10"/>
    </row>
    <row r="693303" spans="14:14">
      <c r="N693303" s="10"/>
    </row>
    <row r="693304" spans="14:14">
      <c r="N693304" s="10"/>
    </row>
    <row r="693305" spans="14:14">
      <c r="N693305" s="10"/>
    </row>
    <row r="693306" spans="14:14">
      <c r="N693306" s="10"/>
    </row>
    <row r="693307" spans="14:14">
      <c r="N693307" s="10"/>
    </row>
    <row r="693308" spans="14:14">
      <c r="N693308" s="10"/>
    </row>
    <row r="693309" spans="14:14">
      <c r="N693309" s="10"/>
    </row>
    <row r="693310" spans="14:14">
      <c r="N693310" s="10"/>
    </row>
    <row r="693311" spans="14:14">
      <c r="N693311" s="10"/>
    </row>
    <row r="693312" spans="14:14">
      <c r="N693312" s="10"/>
    </row>
    <row r="693313" spans="14:14">
      <c r="N693313" s="10"/>
    </row>
    <row r="693314" spans="14:14">
      <c r="N693314" s="10"/>
    </row>
    <row r="693315" spans="14:14">
      <c r="N693315" s="10"/>
    </row>
    <row r="693316" spans="14:14">
      <c r="N693316" s="10"/>
    </row>
    <row r="693317" spans="14:14">
      <c r="N693317" s="10"/>
    </row>
    <row r="693318" spans="14:14">
      <c r="N693318" s="10"/>
    </row>
    <row r="693319" spans="14:14">
      <c r="N693319" s="10"/>
    </row>
    <row r="693320" spans="14:14">
      <c r="N693320" s="10"/>
    </row>
    <row r="693321" spans="14:14">
      <c r="N693321" s="10"/>
    </row>
    <row r="693322" spans="14:14">
      <c r="N693322" s="10"/>
    </row>
    <row r="693323" spans="14:14">
      <c r="N693323" s="10"/>
    </row>
    <row r="693324" spans="14:14">
      <c r="N693324" s="10"/>
    </row>
    <row r="693325" spans="14:14">
      <c r="N693325" s="10"/>
    </row>
    <row r="693326" spans="14:14">
      <c r="N693326" s="10"/>
    </row>
    <row r="693327" spans="14:14">
      <c r="N693327" s="10"/>
    </row>
    <row r="693328" spans="14:14">
      <c r="N693328" s="10"/>
    </row>
    <row r="693329" spans="14:14">
      <c r="N693329" s="10"/>
    </row>
    <row r="693330" spans="14:14">
      <c r="N693330" s="10"/>
    </row>
    <row r="693331" spans="14:14">
      <c r="N693331" s="10"/>
    </row>
    <row r="693332" spans="14:14">
      <c r="N693332" s="10"/>
    </row>
    <row r="693333" spans="14:14">
      <c r="N693333" s="10"/>
    </row>
    <row r="693334" spans="14:14">
      <c r="N693334" s="10"/>
    </row>
    <row r="693335" spans="14:14">
      <c r="N693335" s="10"/>
    </row>
    <row r="693336" spans="14:14">
      <c r="N693336" s="10"/>
    </row>
    <row r="693337" spans="14:14">
      <c r="N693337" s="10"/>
    </row>
    <row r="693338" spans="14:14">
      <c r="N693338" s="10"/>
    </row>
    <row r="693339" spans="14:14">
      <c r="N693339" s="10"/>
    </row>
    <row r="693340" spans="14:14">
      <c r="N693340" s="10"/>
    </row>
    <row r="693341" spans="14:14">
      <c r="N693341" s="10"/>
    </row>
    <row r="693342" spans="14:14">
      <c r="N693342" s="10"/>
    </row>
    <row r="693343" spans="14:14">
      <c r="N693343" s="10"/>
    </row>
    <row r="693344" spans="14:14">
      <c r="N693344" s="10"/>
    </row>
    <row r="693345" spans="14:14">
      <c r="N693345" s="10"/>
    </row>
    <row r="693346" spans="14:14">
      <c r="N693346" s="10"/>
    </row>
    <row r="693347" spans="14:14">
      <c r="N693347" s="10"/>
    </row>
    <row r="693348" spans="14:14">
      <c r="N693348" s="10"/>
    </row>
    <row r="693349" spans="14:14">
      <c r="N693349" s="10"/>
    </row>
    <row r="693350" spans="14:14">
      <c r="N693350" s="10"/>
    </row>
    <row r="693351" spans="14:14">
      <c r="N693351" s="10"/>
    </row>
    <row r="693352" spans="14:14">
      <c r="N693352" s="10"/>
    </row>
    <row r="693353" spans="14:14">
      <c r="N693353" s="10"/>
    </row>
    <row r="693354" spans="14:14">
      <c r="N693354" s="10"/>
    </row>
    <row r="693355" spans="14:14">
      <c r="N693355" s="10"/>
    </row>
    <row r="693356" spans="14:14">
      <c r="N693356" s="10"/>
    </row>
    <row r="693357" spans="14:14">
      <c r="N693357" s="10"/>
    </row>
    <row r="693358" spans="14:14">
      <c r="N693358" s="10"/>
    </row>
    <row r="693359" spans="14:14">
      <c r="N693359" s="10"/>
    </row>
    <row r="693360" spans="14:14">
      <c r="N693360" s="10"/>
    </row>
    <row r="693361" spans="14:14">
      <c r="N693361" s="10"/>
    </row>
    <row r="693362" spans="14:14">
      <c r="N693362" s="10"/>
    </row>
    <row r="693363" spans="14:14">
      <c r="N693363" s="10"/>
    </row>
    <row r="693364" spans="14:14">
      <c r="N693364" s="10"/>
    </row>
    <row r="693365" spans="14:14">
      <c r="N693365" s="10"/>
    </row>
    <row r="693366" spans="14:14">
      <c r="N693366" s="10"/>
    </row>
    <row r="693367" spans="14:14">
      <c r="N693367" s="10"/>
    </row>
    <row r="693368" spans="14:14">
      <c r="N693368" s="10"/>
    </row>
    <row r="693369" spans="14:14">
      <c r="N693369" s="10"/>
    </row>
    <row r="693370" spans="14:14">
      <c r="N693370" s="10"/>
    </row>
    <row r="693371" spans="14:14">
      <c r="N693371" s="10"/>
    </row>
    <row r="693372" spans="14:14">
      <c r="N693372" s="10"/>
    </row>
    <row r="693373" spans="14:14">
      <c r="N693373" s="10"/>
    </row>
    <row r="693374" spans="14:14">
      <c r="N693374" s="10"/>
    </row>
    <row r="693375" spans="14:14">
      <c r="N693375" s="10"/>
    </row>
    <row r="693376" spans="14:14">
      <c r="N693376" s="10"/>
    </row>
    <row r="693377" spans="14:14">
      <c r="N693377" s="10"/>
    </row>
    <row r="693378" spans="14:14">
      <c r="N693378" s="10"/>
    </row>
    <row r="693379" spans="14:14">
      <c r="N693379" s="10"/>
    </row>
    <row r="693380" spans="14:14">
      <c r="N693380" s="10"/>
    </row>
    <row r="693381" spans="14:14">
      <c r="N693381" s="10"/>
    </row>
    <row r="693382" spans="14:14">
      <c r="N693382" s="10"/>
    </row>
    <row r="693383" spans="14:14">
      <c r="N693383" s="10"/>
    </row>
    <row r="693384" spans="14:14">
      <c r="N693384" s="10"/>
    </row>
    <row r="693385" spans="14:14">
      <c r="N693385" s="10"/>
    </row>
    <row r="693386" spans="14:14">
      <c r="N693386" s="10"/>
    </row>
    <row r="693387" spans="14:14">
      <c r="N693387" s="10"/>
    </row>
    <row r="693388" spans="14:14">
      <c r="N693388" s="10"/>
    </row>
    <row r="693389" spans="14:14">
      <c r="N693389" s="10"/>
    </row>
    <row r="693390" spans="14:14">
      <c r="N693390" s="10"/>
    </row>
    <row r="693391" spans="14:14">
      <c r="N693391" s="10"/>
    </row>
    <row r="693392" spans="14:14">
      <c r="N693392" s="10"/>
    </row>
    <row r="693393" spans="14:14">
      <c r="N693393" s="10"/>
    </row>
    <row r="693394" spans="14:14">
      <c r="N693394" s="10"/>
    </row>
    <row r="693395" spans="14:14">
      <c r="N693395" s="10"/>
    </row>
    <row r="693396" spans="14:14">
      <c r="N693396" s="10"/>
    </row>
    <row r="693397" spans="14:14">
      <c r="N693397" s="10"/>
    </row>
    <row r="693398" spans="14:14">
      <c r="N693398" s="10"/>
    </row>
    <row r="693399" spans="14:14">
      <c r="N693399" s="10"/>
    </row>
    <row r="693400" spans="14:14">
      <c r="N693400" s="10"/>
    </row>
    <row r="693401" spans="14:14">
      <c r="N693401" s="10"/>
    </row>
    <row r="693402" spans="14:14">
      <c r="N693402" s="10"/>
    </row>
    <row r="693403" spans="14:14">
      <c r="N693403" s="10"/>
    </row>
    <row r="693404" spans="14:14">
      <c r="N693404" s="10"/>
    </row>
    <row r="693405" spans="14:14">
      <c r="N693405" s="10"/>
    </row>
    <row r="693406" spans="14:14">
      <c r="N693406" s="10"/>
    </row>
    <row r="693407" spans="14:14">
      <c r="N693407" s="10"/>
    </row>
    <row r="693408" spans="14:14">
      <c r="N693408" s="10"/>
    </row>
    <row r="693409" spans="14:14">
      <c r="N693409" s="10"/>
    </row>
    <row r="693410" spans="14:14">
      <c r="N693410" s="10"/>
    </row>
    <row r="693411" spans="14:14">
      <c r="N693411" s="10"/>
    </row>
    <row r="693412" spans="14:14">
      <c r="N693412" s="10"/>
    </row>
    <row r="693413" spans="14:14">
      <c r="N693413" s="10"/>
    </row>
    <row r="693414" spans="14:14">
      <c r="N693414" s="10"/>
    </row>
    <row r="693415" spans="14:14">
      <c r="N693415" s="10"/>
    </row>
    <row r="693416" spans="14:14">
      <c r="N693416" s="10"/>
    </row>
    <row r="693417" spans="14:14">
      <c r="N693417" s="10"/>
    </row>
    <row r="693418" spans="14:14">
      <c r="N693418" s="10"/>
    </row>
    <row r="693419" spans="14:14">
      <c r="N693419" s="10"/>
    </row>
    <row r="693420" spans="14:14">
      <c r="N693420" s="10"/>
    </row>
    <row r="693421" spans="14:14">
      <c r="N693421" s="10"/>
    </row>
    <row r="693422" spans="14:14">
      <c r="N693422" s="10"/>
    </row>
    <row r="693423" spans="14:14">
      <c r="N693423" s="10"/>
    </row>
    <row r="693424" spans="14:14">
      <c r="N693424" s="10"/>
    </row>
    <row r="693425" spans="14:14">
      <c r="N693425" s="10"/>
    </row>
    <row r="693426" spans="14:14">
      <c r="N693426" s="10"/>
    </row>
    <row r="693427" spans="14:14">
      <c r="N693427" s="10"/>
    </row>
    <row r="693428" spans="14:14">
      <c r="N693428" s="10"/>
    </row>
    <row r="693429" spans="14:14">
      <c r="N693429" s="10"/>
    </row>
    <row r="693430" spans="14:14">
      <c r="N693430" s="10"/>
    </row>
    <row r="693431" spans="14:14">
      <c r="N693431" s="10"/>
    </row>
    <row r="693432" spans="14:14">
      <c r="N693432" s="10"/>
    </row>
    <row r="693433" spans="14:14">
      <c r="N693433" s="10"/>
    </row>
    <row r="693434" spans="14:14">
      <c r="N693434" s="10"/>
    </row>
    <row r="693435" spans="14:14">
      <c r="N693435" s="10"/>
    </row>
    <row r="693436" spans="14:14">
      <c r="N693436" s="10"/>
    </row>
    <row r="693437" spans="14:14">
      <c r="N693437" s="10"/>
    </row>
    <row r="693438" spans="14:14">
      <c r="N693438" s="10"/>
    </row>
    <row r="693439" spans="14:14">
      <c r="N693439" s="10"/>
    </row>
    <row r="693440" spans="14:14">
      <c r="N693440" s="10"/>
    </row>
    <row r="693441" spans="14:14">
      <c r="N693441" s="10"/>
    </row>
    <row r="693442" spans="14:14">
      <c r="N693442" s="10"/>
    </row>
    <row r="693443" spans="14:14">
      <c r="N693443" s="10"/>
    </row>
    <row r="693444" spans="14:14">
      <c r="N693444" s="10"/>
    </row>
    <row r="693445" spans="14:14">
      <c r="N693445" s="10"/>
    </row>
    <row r="693446" spans="14:14">
      <c r="N693446" s="10"/>
    </row>
    <row r="693447" spans="14:14">
      <c r="N693447" s="10"/>
    </row>
    <row r="693448" spans="14:14">
      <c r="N693448" s="10"/>
    </row>
    <row r="693449" spans="14:14">
      <c r="N693449" s="10"/>
    </row>
    <row r="693450" spans="14:14">
      <c r="N693450" s="10"/>
    </row>
    <row r="693451" spans="14:14">
      <c r="N693451" s="10"/>
    </row>
    <row r="693452" spans="14:14">
      <c r="N693452" s="10"/>
    </row>
    <row r="693453" spans="14:14">
      <c r="N693453" s="10"/>
    </row>
    <row r="693454" spans="14:14">
      <c r="N693454" s="10"/>
    </row>
    <row r="693455" spans="14:14">
      <c r="N693455" s="10"/>
    </row>
    <row r="693456" spans="14:14">
      <c r="N693456" s="10"/>
    </row>
    <row r="693457" spans="14:14">
      <c r="N693457" s="10"/>
    </row>
    <row r="693458" spans="14:14">
      <c r="N693458" s="10"/>
    </row>
    <row r="693459" spans="14:14">
      <c r="N693459" s="10"/>
    </row>
    <row r="693460" spans="14:14">
      <c r="N693460" s="10"/>
    </row>
    <row r="693461" spans="14:14">
      <c r="N693461" s="10"/>
    </row>
    <row r="693462" spans="14:14">
      <c r="N693462" s="10"/>
    </row>
    <row r="693463" spans="14:14">
      <c r="N693463" s="10"/>
    </row>
    <row r="693464" spans="14:14">
      <c r="N693464" s="10"/>
    </row>
    <row r="693465" spans="14:14">
      <c r="N693465" s="10"/>
    </row>
    <row r="693466" spans="14:14">
      <c r="N693466" s="10"/>
    </row>
    <row r="693467" spans="14:14">
      <c r="N693467" s="10"/>
    </row>
    <row r="693468" spans="14:14">
      <c r="N693468" s="10"/>
    </row>
    <row r="693469" spans="14:14">
      <c r="N693469" s="10"/>
    </row>
    <row r="693470" spans="14:14">
      <c r="N693470" s="10"/>
    </row>
    <row r="693471" spans="14:14">
      <c r="N693471" s="10"/>
    </row>
    <row r="693472" spans="14:14">
      <c r="N693472" s="10"/>
    </row>
    <row r="693473" spans="14:14">
      <c r="N693473" s="10"/>
    </row>
    <row r="693474" spans="14:14">
      <c r="N693474" s="10"/>
    </row>
    <row r="693475" spans="14:14">
      <c r="N693475" s="10"/>
    </row>
    <row r="693476" spans="14:14">
      <c r="N693476" s="10"/>
    </row>
    <row r="693477" spans="14:14">
      <c r="N693477" s="10"/>
    </row>
    <row r="693478" spans="14:14">
      <c r="N693478" s="10"/>
    </row>
    <row r="693479" spans="14:14">
      <c r="N693479" s="10"/>
    </row>
    <row r="693480" spans="14:14">
      <c r="N693480" s="10"/>
    </row>
    <row r="693481" spans="14:14">
      <c r="N693481" s="10"/>
    </row>
    <row r="693482" spans="14:14">
      <c r="N693482" s="10"/>
    </row>
    <row r="693483" spans="14:14">
      <c r="N693483" s="10"/>
    </row>
    <row r="693484" spans="14:14">
      <c r="N693484" s="10"/>
    </row>
    <row r="693485" spans="14:14">
      <c r="N693485" s="10"/>
    </row>
    <row r="693486" spans="14:14">
      <c r="N693486" s="10"/>
    </row>
    <row r="693487" spans="14:14">
      <c r="N693487" s="10"/>
    </row>
    <row r="693488" spans="14:14">
      <c r="N693488" s="10"/>
    </row>
    <row r="693489" spans="14:14">
      <c r="N693489" s="10"/>
    </row>
    <row r="693490" spans="14:14">
      <c r="N693490" s="10"/>
    </row>
    <row r="693491" spans="14:14">
      <c r="N693491" s="10"/>
    </row>
    <row r="693492" spans="14:14">
      <c r="N693492" s="10"/>
    </row>
    <row r="693493" spans="14:14">
      <c r="N693493" s="10"/>
    </row>
    <row r="693494" spans="14:14">
      <c r="N693494" s="10"/>
    </row>
    <row r="693495" spans="14:14">
      <c r="N693495" s="10"/>
    </row>
    <row r="693496" spans="14:14">
      <c r="N693496" s="10"/>
    </row>
    <row r="693497" spans="14:14">
      <c r="N693497" s="10"/>
    </row>
    <row r="693498" spans="14:14">
      <c r="N693498" s="10"/>
    </row>
    <row r="693499" spans="14:14">
      <c r="N693499" s="10"/>
    </row>
    <row r="693500" spans="14:14">
      <c r="N693500" s="10"/>
    </row>
    <row r="693501" spans="14:14">
      <c r="N693501" s="10"/>
    </row>
    <row r="693502" spans="14:14">
      <c r="N693502" s="10"/>
    </row>
    <row r="693503" spans="14:14">
      <c r="N693503" s="10"/>
    </row>
    <row r="693504" spans="14:14">
      <c r="N693504" s="10"/>
    </row>
    <row r="693505" spans="14:14">
      <c r="N693505" s="10"/>
    </row>
    <row r="693506" spans="14:14">
      <c r="N693506" s="10"/>
    </row>
    <row r="693507" spans="14:14">
      <c r="N693507" s="10"/>
    </row>
    <row r="693508" spans="14:14">
      <c r="N693508" s="10"/>
    </row>
    <row r="693509" spans="14:14">
      <c r="N693509" s="10"/>
    </row>
    <row r="693510" spans="14:14">
      <c r="N693510" s="10"/>
    </row>
    <row r="693511" spans="14:14">
      <c r="N693511" s="10"/>
    </row>
    <row r="693512" spans="14:14">
      <c r="N693512" s="10"/>
    </row>
    <row r="693513" spans="14:14">
      <c r="N693513" s="10"/>
    </row>
    <row r="693514" spans="14:14">
      <c r="N693514" s="10"/>
    </row>
    <row r="693515" spans="14:14">
      <c r="N693515" s="10"/>
    </row>
    <row r="693516" spans="14:14">
      <c r="N693516" s="10"/>
    </row>
    <row r="693517" spans="14:14">
      <c r="N693517" s="10"/>
    </row>
    <row r="693518" spans="14:14">
      <c r="N693518" s="10"/>
    </row>
    <row r="693519" spans="14:14">
      <c r="N693519" s="10"/>
    </row>
    <row r="693520" spans="14:14">
      <c r="N693520" s="10"/>
    </row>
    <row r="693521" spans="14:14">
      <c r="N693521" s="10"/>
    </row>
    <row r="693522" spans="14:14">
      <c r="N693522" s="10"/>
    </row>
    <row r="693523" spans="14:14">
      <c r="N693523" s="10"/>
    </row>
    <row r="693524" spans="14:14">
      <c r="N693524" s="10"/>
    </row>
    <row r="693525" spans="14:14">
      <c r="N693525" s="10"/>
    </row>
    <row r="693526" spans="14:14">
      <c r="N693526" s="10"/>
    </row>
    <row r="693527" spans="14:14">
      <c r="N693527" s="10"/>
    </row>
    <row r="693528" spans="14:14">
      <c r="N693528" s="10"/>
    </row>
    <row r="693529" spans="14:14">
      <c r="N693529" s="10"/>
    </row>
    <row r="693530" spans="14:14">
      <c r="N693530" s="10"/>
    </row>
    <row r="693531" spans="14:14">
      <c r="N693531" s="10"/>
    </row>
    <row r="693532" spans="14:14">
      <c r="N693532" s="10"/>
    </row>
    <row r="693533" spans="14:14">
      <c r="N693533" s="10"/>
    </row>
    <row r="693534" spans="14:14">
      <c r="N693534" s="10"/>
    </row>
    <row r="693535" spans="14:14">
      <c r="N693535" s="10"/>
    </row>
    <row r="693536" spans="14:14">
      <c r="N693536" s="10"/>
    </row>
    <row r="693537" spans="14:14">
      <c r="N693537" s="10"/>
    </row>
    <row r="693538" spans="14:14">
      <c r="N693538" s="10"/>
    </row>
    <row r="693539" spans="14:14">
      <c r="N693539" s="10"/>
    </row>
    <row r="693540" spans="14:14">
      <c r="N693540" s="10"/>
    </row>
    <row r="693541" spans="14:14">
      <c r="N693541" s="10"/>
    </row>
    <row r="693542" spans="14:14">
      <c r="N693542" s="10"/>
    </row>
    <row r="693543" spans="14:14">
      <c r="N693543" s="10"/>
    </row>
    <row r="693544" spans="14:14">
      <c r="N693544" s="10"/>
    </row>
    <row r="693545" spans="14:14">
      <c r="N693545" s="10"/>
    </row>
    <row r="693546" spans="14:14">
      <c r="N693546" s="10"/>
    </row>
    <row r="693547" spans="14:14">
      <c r="N693547" s="10"/>
    </row>
    <row r="693548" spans="14:14">
      <c r="N693548" s="10"/>
    </row>
    <row r="693549" spans="14:14">
      <c r="N693549" s="10"/>
    </row>
    <row r="693550" spans="14:14">
      <c r="N693550" s="10"/>
    </row>
    <row r="693551" spans="14:14">
      <c r="N693551" s="10"/>
    </row>
    <row r="693552" spans="14:14">
      <c r="N693552" s="10"/>
    </row>
    <row r="693553" spans="14:14">
      <c r="N693553" s="10"/>
    </row>
    <row r="693554" spans="14:14">
      <c r="N693554" s="10"/>
    </row>
    <row r="693555" spans="14:14">
      <c r="N693555" s="10"/>
    </row>
    <row r="693556" spans="14:14">
      <c r="N693556" s="10"/>
    </row>
    <row r="693557" spans="14:14">
      <c r="N693557" s="10"/>
    </row>
    <row r="693558" spans="14:14">
      <c r="N693558" s="10"/>
    </row>
    <row r="693559" spans="14:14">
      <c r="N693559" s="10"/>
    </row>
    <row r="693560" spans="14:14">
      <c r="N693560" s="10"/>
    </row>
    <row r="693561" spans="14:14">
      <c r="N693561" s="10"/>
    </row>
    <row r="693562" spans="14:14">
      <c r="N693562" s="10"/>
    </row>
    <row r="693563" spans="14:14">
      <c r="N693563" s="10"/>
    </row>
    <row r="693564" spans="14:14">
      <c r="N693564" s="10"/>
    </row>
    <row r="693565" spans="14:14">
      <c r="N693565" s="10"/>
    </row>
    <row r="693566" spans="14:14">
      <c r="N693566" s="10"/>
    </row>
    <row r="693567" spans="14:14">
      <c r="N693567" s="10"/>
    </row>
    <row r="693568" spans="14:14">
      <c r="N693568" s="10"/>
    </row>
    <row r="693569" spans="14:14">
      <c r="N693569" s="10"/>
    </row>
    <row r="693570" spans="14:14">
      <c r="N693570" s="10"/>
    </row>
    <row r="693571" spans="14:14">
      <c r="N693571" s="10"/>
    </row>
    <row r="693572" spans="14:14">
      <c r="N693572" s="10"/>
    </row>
    <row r="693573" spans="14:14">
      <c r="N693573" s="10"/>
    </row>
    <row r="693574" spans="14:14">
      <c r="N693574" s="10"/>
    </row>
    <row r="693575" spans="14:14">
      <c r="N693575" s="10"/>
    </row>
    <row r="693576" spans="14:14">
      <c r="N693576" s="10"/>
    </row>
    <row r="693577" spans="14:14">
      <c r="N693577" s="10"/>
    </row>
    <row r="693578" spans="14:14">
      <c r="N693578" s="10"/>
    </row>
    <row r="693579" spans="14:14">
      <c r="N693579" s="10"/>
    </row>
    <row r="693580" spans="14:14">
      <c r="N693580" s="10"/>
    </row>
    <row r="693581" spans="14:14">
      <c r="N693581" s="10"/>
    </row>
    <row r="693582" spans="14:14">
      <c r="N693582" s="10"/>
    </row>
    <row r="693583" spans="14:14">
      <c r="N693583" s="10"/>
    </row>
    <row r="693584" spans="14:14">
      <c r="N693584" s="10"/>
    </row>
    <row r="693585" spans="14:14">
      <c r="N693585" s="10"/>
    </row>
    <row r="693586" spans="14:14">
      <c r="N693586" s="10"/>
    </row>
    <row r="693587" spans="14:14">
      <c r="N693587" s="10"/>
    </row>
    <row r="693588" spans="14:14">
      <c r="N693588" s="10"/>
    </row>
    <row r="693589" spans="14:14">
      <c r="N693589" s="10"/>
    </row>
    <row r="693590" spans="14:14">
      <c r="N693590" s="10"/>
    </row>
    <row r="693591" spans="14:14">
      <c r="N693591" s="10"/>
    </row>
    <row r="693592" spans="14:14">
      <c r="N693592" s="10"/>
    </row>
    <row r="693593" spans="14:14">
      <c r="N693593" s="10"/>
    </row>
    <row r="693594" spans="14:14">
      <c r="N693594" s="10"/>
    </row>
    <row r="693595" spans="14:14">
      <c r="N693595" s="10"/>
    </row>
    <row r="693596" spans="14:14">
      <c r="N693596" s="10"/>
    </row>
    <row r="693597" spans="14:14">
      <c r="N693597" s="10"/>
    </row>
    <row r="693598" spans="14:14">
      <c r="N693598" s="10"/>
    </row>
    <row r="693599" spans="14:14">
      <c r="N693599" s="10"/>
    </row>
    <row r="693600" spans="14:14">
      <c r="N693600" s="10"/>
    </row>
    <row r="693601" spans="14:14">
      <c r="N693601" s="10"/>
    </row>
    <row r="693602" spans="14:14">
      <c r="N693602" s="10"/>
    </row>
    <row r="693603" spans="14:14">
      <c r="N693603" s="10"/>
    </row>
    <row r="693604" spans="14:14">
      <c r="N693604" s="10"/>
    </row>
    <row r="693605" spans="14:14">
      <c r="N693605" s="10"/>
    </row>
    <row r="693606" spans="14:14">
      <c r="N693606" s="10"/>
    </row>
    <row r="693607" spans="14:14">
      <c r="N693607" s="10"/>
    </row>
    <row r="693608" spans="14:14">
      <c r="N693608" s="10"/>
    </row>
    <row r="693609" spans="14:14">
      <c r="N693609" s="10"/>
    </row>
    <row r="693610" spans="14:14">
      <c r="N693610" s="10"/>
    </row>
    <row r="693611" spans="14:14">
      <c r="N693611" s="10"/>
    </row>
    <row r="693612" spans="14:14">
      <c r="N693612" s="10"/>
    </row>
    <row r="693613" spans="14:14">
      <c r="N693613" s="10"/>
    </row>
    <row r="693614" spans="14:14">
      <c r="N693614" s="10"/>
    </row>
    <row r="693615" spans="14:14">
      <c r="N693615" s="10"/>
    </row>
    <row r="693616" spans="14:14">
      <c r="N693616" s="10"/>
    </row>
    <row r="693617" spans="14:14">
      <c r="N693617" s="10"/>
    </row>
    <row r="693618" spans="14:14">
      <c r="N693618" s="10"/>
    </row>
    <row r="693619" spans="14:14">
      <c r="N693619" s="10"/>
    </row>
    <row r="693620" spans="14:14">
      <c r="N693620" s="10"/>
    </row>
    <row r="693621" spans="14:14">
      <c r="N693621" s="10"/>
    </row>
    <row r="693622" spans="14:14">
      <c r="N693622" s="10"/>
    </row>
    <row r="693623" spans="14:14">
      <c r="N693623" s="10"/>
    </row>
    <row r="693624" spans="14:14">
      <c r="N693624" s="10"/>
    </row>
    <row r="693625" spans="14:14">
      <c r="N693625" s="10"/>
    </row>
    <row r="693626" spans="14:14">
      <c r="N693626" s="10"/>
    </row>
    <row r="693627" spans="14:14">
      <c r="N693627" s="10"/>
    </row>
    <row r="693628" spans="14:14">
      <c r="N693628" s="10"/>
    </row>
    <row r="693629" spans="14:14">
      <c r="N693629" s="10"/>
    </row>
    <row r="693630" spans="14:14">
      <c r="N693630" s="10"/>
    </row>
    <row r="693631" spans="14:14">
      <c r="N693631" s="10"/>
    </row>
    <row r="693632" spans="14:14">
      <c r="N693632" s="10"/>
    </row>
    <row r="693633" spans="14:14">
      <c r="N693633" s="10"/>
    </row>
    <row r="693634" spans="14:14">
      <c r="N693634" s="10"/>
    </row>
    <row r="693635" spans="14:14">
      <c r="N693635" s="10"/>
    </row>
    <row r="693636" spans="14:14">
      <c r="N693636" s="10"/>
    </row>
    <row r="693637" spans="14:14">
      <c r="N693637" s="10"/>
    </row>
    <row r="693638" spans="14:14">
      <c r="N693638" s="10"/>
    </row>
    <row r="693639" spans="14:14">
      <c r="N693639" s="10"/>
    </row>
    <row r="693640" spans="14:14">
      <c r="N693640" s="10"/>
    </row>
    <row r="693641" spans="14:14">
      <c r="N693641" s="10"/>
    </row>
    <row r="693642" spans="14:14">
      <c r="N693642" s="10"/>
    </row>
    <row r="693643" spans="14:14">
      <c r="N693643" s="10"/>
    </row>
    <row r="693644" spans="14:14">
      <c r="N693644" s="10"/>
    </row>
    <row r="693645" spans="14:14">
      <c r="N693645" s="10"/>
    </row>
    <row r="693646" spans="14:14">
      <c r="N693646" s="10"/>
    </row>
    <row r="693647" spans="14:14">
      <c r="N693647" s="10"/>
    </row>
    <row r="693648" spans="14:14">
      <c r="N693648" s="10"/>
    </row>
    <row r="693649" spans="14:14">
      <c r="N693649" s="10"/>
    </row>
    <row r="693650" spans="14:14">
      <c r="N693650" s="10"/>
    </row>
    <row r="693651" spans="14:14">
      <c r="N693651" s="10"/>
    </row>
    <row r="693652" spans="14:14">
      <c r="N693652" s="10"/>
    </row>
    <row r="693653" spans="14:14">
      <c r="N693653" s="10"/>
    </row>
    <row r="693654" spans="14:14">
      <c r="N693654" s="10"/>
    </row>
    <row r="693655" spans="14:14">
      <c r="N693655" s="10"/>
    </row>
    <row r="693656" spans="14:14">
      <c r="N693656" s="10"/>
    </row>
    <row r="693657" spans="14:14">
      <c r="N693657" s="10"/>
    </row>
    <row r="693658" spans="14:14">
      <c r="N693658" s="10"/>
    </row>
    <row r="693659" spans="14:14">
      <c r="N693659" s="10"/>
    </row>
    <row r="693660" spans="14:14">
      <c r="N693660" s="10"/>
    </row>
    <row r="693661" spans="14:14">
      <c r="N693661" s="10"/>
    </row>
    <row r="693662" spans="14:14">
      <c r="N693662" s="10"/>
    </row>
    <row r="693663" spans="14:14">
      <c r="N693663" s="10"/>
    </row>
    <row r="693664" spans="14:14">
      <c r="N693664" s="10"/>
    </row>
    <row r="693665" spans="14:14">
      <c r="N693665" s="10"/>
    </row>
    <row r="693666" spans="14:14">
      <c r="N693666" s="10"/>
    </row>
    <row r="693667" spans="14:14">
      <c r="N693667" s="10"/>
    </row>
    <row r="693668" spans="14:14">
      <c r="N693668" s="10"/>
    </row>
    <row r="693669" spans="14:14">
      <c r="N693669" s="10"/>
    </row>
    <row r="693670" spans="14:14">
      <c r="N693670" s="10"/>
    </row>
    <row r="693671" spans="14:14">
      <c r="N693671" s="10"/>
    </row>
    <row r="693672" spans="14:14">
      <c r="N693672" s="10"/>
    </row>
    <row r="693673" spans="14:14">
      <c r="N693673" s="10"/>
    </row>
    <row r="693674" spans="14:14">
      <c r="N693674" s="10"/>
    </row>
    <row r="693675" spans="14:14">
      <c r="N693675" s="10"/>
    </row>
    <row r="693676" spans="14:14">
      <c r="N693676" s="10"/>
    </row>
    <row r="693677" spans="14:14">
      <c r="N693677" s="10"/>
    </row>
    <row r="693678" spans="14:14">
      <c r="N693678" s="10"/>
    </row>
    <row r="693679" spans="14:14">
      <c r="N693679" s="10"/>
    </row>
    <row r="693680" spans="14:14">
      <c r="N693680" s="10"/>
    </row>
    <row r="693681" spans="14:14">
      <c r="N693681" s="10"/>
    </row>
    <row r="693682" spans="14:14">
      <c r="N693682" s="10"/>
    </row>
    <row r="693683" spans="14:14">
      <c r="N693683" s="10"/>
    </row>
    <row r="693684" spans="14:14">
      <c r="N693684" s="10"/>
    </row>
    <row r="693685" spans="14:14">
      <c r="N693685" s="10"/>
    </row>
    <row r="693686" spans="14:14">
      <c r="N693686" s="10"/>
    </row>
    <row r="693687" spans="14:14">
      <c r="N693687" s="10"/>
    </row>
    <row r="693688" spans="14:14">
      <c r="N693688" s="10"/>
    </row>
    <row r="693689" spans="14:14">
      <c r="N693689" s="10"/>
    </row>
    <row r="693690" spans="14:14">
      <c r="N693690" s="10"/>
    </row>
    <row r="693691" spans="14:14">
      <c r="N693691" s="10"/>
    </row>
    <row r="693692" spans="14:14">
      <c r="N693692" s="10"/>
    </row>
    <row r="693693" spans="14:14">
      <c r="N693693" s="10"/>
    </row>
    <row r="693694" spans="14:14">
      <c r="N693694" s="10"/>
    </row>
    <row r="693695" spans="14:14">
      <c r="N693695" s="10"/>
    </row>
    <row r="693696" spans="14:14">
      <c r="N693696" s="10"/>
    </row>
    <row r="693697" spans="14:14">
      <c r="N693697" s="10"/>
    </row>
    <row r="693698" spans="14:14">
      <c r="N693698" s="10"/>
    </row>
    <row r="693699" spans="14:14">
      <c r="N693699" s="10"/>
    </row>
    <row r="693700" spans="14:14">
      <c r="N693700" s="10"/>
    </row>
    <row r="693701" spans="14:14">
      <c r="N693701" s="10"/>
    </row>
    <row r="693702" spans="14:14">
      <c r="N693702" s="10"/>
    </row>
    <row r="693703" spans="14:14">
      <c r="N693703" s="10"/>
    </row>
    <row r="693704" spans="14:14">
      <c r="N693704" s="10"/>
    </row>
    <row r="693705" spans="14:14">
      <c r="N693705" s="10"/>
    </row>
    <row r="693706" spans="14:14">
      <c r="N693706" s="10"/>
    </row>
    <row r="693707" spans="14:14">
      <c r="N693707" s="10"/>
    </row>
    <row r="693708" spans="14:14">
      <c r="N693708" s="10"/>
    </row>
    <row r="693709" spans="14:14">
      <c r="N693709" s="10"/>
    </row>
    <row r="693710" spans="14:14">
      <c r="N693710" s="10"/>
    </row>
    <row r="693711" spans="14:14">
      <c r="N693711" s="10"/>
    </row>
    <row r="693712" spans="14:14">
      <c r="N693712" s="10"/>
    </row>
    <row r="693713" spans="14:14">
      <c r="N693713" s="10"/>
    </row>
    <row r="693714" spans="14:14">
      <c r="N693714" s="10"/>
    </row>
    <row r="693715" spans="14:14">
      <c r="N693715" s="10"/>
    </row>
    <row r="693716" spans="14:14">
      <c r="N693716" s="10"/>
    </row>
    <row r="693717" spans="14:14">
      <c r="N693717" s="10"/>
    </row>
    <row r="693718" spans="14:14">
      <c r="N693718" s="10"/>
    </row>
    <row r="693719" spans="14:14">
      <c r="N693719" s="10"/>
    </row>
    <row r="693720" spans="14:14">
      <c r="N693720" s="10"/>
    </row>
    <row r="693721" spans="14:14">
      <c r="N693721" s="10"/>
    </row>
    <row r="693722" spans="14:14">
      <c r="N693722" s="10"/>
    </row>
    <row r="693723" spans="14:14">
      <c r="N693723" s="10"/>
    </row>
    <row r="693724" spans="14:14">
      <c r="N693724" s="10"/>
    </row>
    <row r="693725" spans="14:14">
      <c r="N693725" s="10"/>
    </row>
    <row r="693726" spans="14:14">
      <c r="N693726" s="10"/>
    </row>
    <row r="693727" spans="14:14">
      <c r="N693727" s="10"/>
    </row>
    <row r="693728" spans="14:14">
      <c r="N693728" s="10"/>
    </row>
    <row r="693729" spans="14:14">
      <c r="N693729" s="10"/>
    </row>
    <row r="693730" spans="14:14">
      <c r="N693730" s="10"/>
    </row>
    <row r="693731" spans="14:14">
      <c r="N693731" s="10"/>
    </row>
    <row r="693732" spans="14:14">
      <c r="N693732" s="10"/>
    </row>
    <row r="693733" spans="14:14">
      <c r="N693733" s="10"/>
    </row>
    <row r="693734" spans="14:14">
      <c r="N693734" s="10"/>
    </row>
    <row r="693735" spans="14:14">
      <c r="N693735" s="10"/>
    </row>
    <row r="693736" spans="14:14">
      <c r="N693736" s="10"/>
    </row>
    <row r="693737" spans="14:14">
      <c r="N693737" s="10"/>
    </row>
    <row r="693738" spans="14:14">
      <c r="N693738" s="10"/>
    </row>
    <row r="693739" spans="14:14">
      <c r="N693739" s="10"/>
    </row>
    <row r="693740" spans="14:14">
      <c r="N693740" s="10"/>
    </row>
    <row r="693741" spans="14:14">
      <c r="N693741" s="10"/>
    </row>
    <row r="693742" spans="14:14">
      <c r="N693742" s="10"/>
    </row>
    <row r="693743" spans="14:14">
      <c r="N693743" s="10"/>
    </row>
    <row r="693744" spans="14:14">
      <c r="N693744" s="10"/>
    </row>
    <row r="693745" spans="14:14">
      <c r="N693745" s="10"/>
    </row>
    <row r="693746" spans="14:14">
      <c r="N693746" s="10"/>
    </row>
    <row r="693747" spans="14:14">
      <c r="N693747" s="10"/>
    </row>
    <row r="693748" spans="14:14">
      <c r="N693748" s="10"/>
    </row>
    <row r="693749" spans="14:14">
      <c r="N693749" s="10"/>
    </row>
    <row r="693750" spans="14:14">
      <c r="N693750" s="10"/>
    </row>
    <row r="693751" spans="14:14">
      <c r="N693751" s="10"/>
    </row>
    <row r="693752" spans="14:14">
      <c r="N693752" s="10"/>
    </row>
    <row r="693753" spans="14:14">
      <c r="N693753" s="10"/>
    </row>
    <row r="693754" spans="14:14">
      <c r="N693754" s="10"/>
    </row>
    <row r="693755" spans="14:14">
      <c r="N693755" s="10"/>
    </row>
    <row r="693756" spans="14:14">
      <c r="N693756" s="10"/>
    </row>
    <row r="693757" spans="14:14">
      <c r="N693757" s="10"/>
    </row>
    <row r="693758" spans="14:14">
      <c r="N693758" s="10"/>
    </row>
    <row r="693759" spans="14:14">
      <c r="N693759" s="10"/>
    </row>
    <row r="693760" spans="14:14">
      <c r="N693760" s="10"/>
    </row>
    <row r="693761" spans="14:14">
      <c r="N693761" s="10"/>
    </row>
    <row r="693762" spans="14:14">
      <c r="N693762" s="10"/>
    </row>
    <row r="693763" spans="14:14">
      <c r="N693763" s="10"/>
    </row>
    <row r="693764" spans="14:14">
      <c r="N693764" s="10"/>
    </row>
    <row r="693765" spans="14:14">
      <c r="N693765" s="10"/>
    </row>
    <row r="693766" spans="14:14">
      <c r="N693766" s="10"/>
    </row>
    <row r="693767" spans="14:14">
      <c r="N693767" s="10"/>
    </row>
    <row r="693768" spans="14:14">
      <c r="N693768" s="10"/>
    </row>
    <row r="693769" spans="14:14">
      <c r="N693769" s="10"/>
    </row>
    <row r="693770" spans="14:14">
      <c r="N693770" s="10"/>
    </row>
    <row r="693771" spans="14:14">
      <c r="N693771" s="10"/>
    </row>
    <row r="693772" spans="14:14">
      <c r="N693772" s="10"/>
    </row>
    <row r="693773" spans="14:14">
      <c r="N693773" s="10"/>
    </row>
    <row r="693774" spans="14:14">
      <c r="N693774" s="10"/>
    </row>
    <row r="693775" spans="14:14">
      <c r="N693775" s="10"/>
    </row>
    <row r="693776" spans="14:14">
      <c r="N693776" s="10"/>
    </row>
    <row r="693777" spans="14:14">
      <c r="N693777" s="10"/>
    </row>
    <row r="693778" spans="14:14">
      <c r="N693778" s="10"/>
    </row>
    <row r="693779" spans="14:14">
      <c r="N693779" s="10"/>
    </row>
    <row r="693780" spans="14:14">
      <c r="N693780" s="10"/>
    </row>
    <row r="693781" spans="14:14">
      <c r="N693781" s="10"/>
    </row>
    <row r="693782" spans="14:14">
      <c r="N693782" s="10"/>
    </row>
    <row r="693783" spans="14:14">
      <c r="N693783" s="10"/>
    </row>
    <row r="693784" spans="14:14">
      <c r="N693784" s="10"/>
    </row>
    <row r="693785" spans="14:14">
      <c r="N693785" s="10"/>
    </row>
    <row r="693786" spans="14:14">
      <c r="N693786" s="10"/>
    </row>
    <row r="693787" spans="14:14">
      <c r="N693787" s="10"/>
    </row>
    <row r="693788" spans="14:14">
      <c r="N693788" s="10"/>
    </row>
    <row r="693789" spans="14:14">
      <c r="N693789" s="10"/>
    </row>
    <row r="693790" spans="14:14">
      <c r="N693790" s="10"/>
    </row>
    <row r="693791" spans="14:14">
      <c r="N693791" s="10"/>
    </row>
    <row r="693792" spans="14:14">
      <c r="N693792" s="10"/>
    </row>
    <row r="693793" spans="14:14">
      <c r="N693793" s="10"/>
    </row>
    <row r="693794" spans="14:14">
      <c r="N693794" s="10"/>
    </row>
    <row r="693795" spans="14:14">
      <c r="N693795" s="10"/>
    </row>
    <row r="693796" spans="14:14">
      <c r="N693796" s="10"/>
    </row>
    <row r="693797" spans="14:14">
      <c r="N693797" s="10"/>
    </row>
    <row r="693798" spans="14:14">
      <c r="N693798" s="10"/>
    </row>
    <row r="693799" spans="14:14">
      <c r="N693799" s="10"/>
    </row>
    <row r="693800" spans="14:14">
      <c r="N693800" s="10"/>
    </row>
    <row r="693801" spans="14:14">
      <c r="N693801" s="10"/>
    </row>
    <row r="693802" spans="14:14">
      <c r="N693802" s="10"/>
    </row>
    <row r="693803" spans="14:14">
      <c r="N693803" s="10"/>
    </row>
    <row r="693804" spans="14:14">
      <c r="N693804" s="10"/>
    </row>
    <row r="693805" spans="14:14">
      <c r="N693805" s="10"/>
    </row>
    <row r="693806" spans="14:14">
      <c r="N693806" s="10"/>
    </row>
    <row r="693807" spans="14:14">
      <c r="N693807" s="10"/>
    </row>
    <row r="693808" spans="14:14">
      <c r="N693808" s="10"/>
    </row>
    <row r="693809" spans="14:14">
      <c r="N693809" s="10"/>
    </row>
    <row r="693810" spans="14:14">
      <c r="N693810" s="10"/>
    </row>
    <row r="693811" spans="14:14">
      <c r="N693811" s="10"/>
    </row>
    <row r="693812" spans="14:14">
      <c r="N693812" s="10"/>
    </row>
    <row r="693813" spans="14:14">
      <c r="N693813" s="10"/>
    </row>
    <row r="693814" spans="14:14">
      <c r="N693814" s="10"/>
    </row>
    <row r="693815" spans="14:14">
      <c r="N693815" s="10"/>
    </row>
    <row r="693816" spans="14:14">
      <c r="N693816" s="10"/>
    </row>
    <row r="693817" spans="14:14">
      <c r="N693817" s="10"/>
    </row>
    <row r="693818" spans="14:14">
      <c r="N693818" s="10"/>
    </row>
    <row r="693819" spans="14:14">
      <c r="N693819" s="10"/>
    </row>
    <row r="693820" spans="14:14">
      <c r="N693820" s="10"/>
    </row>
    <row r="693821" spans="14:14">
      <c r="N693821" s="10"/>
    </row>
    <row r="693822" spans="14:14">
      <c r="N693822" s="10"/>
    </row>
    <row r="693823" spans="14:14">
      <c r="N693823" s="10"/>
    </row>
    <row r="693824" spans="14:14">
      <c r="N693824" s="10"/>
    </row>
    <row r="693825" spans="14:14">
      <c r="N693825" s="10"/>
    </row>
    <row r="693826" spans="14:14">
      <c r="N693826" s="10"/>
    </row>
    <row r="693827" spans="14:14">
      <c r="N693827" s="10"/>
    </row>
    <row r="693828" spans="14:14">
      <c r="N693828" s="10"/>
    </row>
    <row r="693829" spans="14:14">
      <c r="N693829" s="10"/>
    </row>
    <row r="693830" spans="14:14">
      <c r="N693830" s="10"/>
    </row>
    <row r="693831" spans="14:14">
      <c r="N693831" s="10"/>
    </row>
    <row r="693832" spans="14:14">
      <c r="N693832" s="10"/>
    </row>
    <row r="693833" spans="14:14">
      <c r="N693833" s="10"/>
    </row>
    <row r="693834" spans="14:14">
      <c r="N693834" s="10"/>
    </row>
    <row r="693835" spans="14:14">
      <c r="N693835" s="10"/>
    </row>
    <row r="693836" spans="14:14">
      <c r="N693836" s="10"/>
    </row>
    <row r="693837" spans="14:14">
      <c r="N693837" s="10"/>
    </row>
    <row r="693838" spans="14:14">
      <c r="N693838" s="10"/>
    </row>
    <row r="693839" spans="14:14">
      <c r="N693839" s="10"/>
    </row>
    <row r="693840" spans="14:14">
      <c r="N693840" s="10"/>
    </row>
    <row r="693841" spans="14:14">
      <c r="N693841" s="10"/>
    </row>
    <row r="693842" spans="14:14">
      <c r="N693842" s="10"/>
    </row>
    <row r="693843" spans="14:14">
      <c r="N693843" s="10"/>
    </row>
    <row r="693844" spans="14:14">
      <c r="N693844" s="10"/>
    </row>
    <row r="693845" spans="14:14">
      <c r="N693845" s="10"/>
    </row>
    <row r="693846" spans="14:14">
      <c r="N693846" s="10"/>
    </row>
    <row r="693847" spans="14:14">
      <c r="N693847" s="10"/>
    </row>
    <row r="693848" spans="14:14">
      <c r="N693848" s="10"/>
    </row>
    <row r="693849" spans="14:14">
      <c r="N693849" s="10"/>
    </row>
    <row r="693850" spans="14:14">
      <c r="N693850" s="10"/>
    </row>
    <row r="693851" spans="14:14">
      <c r="N693851" s="10"/>
    </row>
    <row r="693852" spans="14:14">
      <c r="N693852" s="10"/>
    </row>
    <row r="693853" spans="14:14">
      <c r="N693853" s="10"/>
    </row>
    <row r="693854" spans="14:14">
      <c r="N693854" s="10"/>
    </row>
    <row r="693855" spans="14:14">
      <c r="N693855" s="10"/>
    </row>
    <row r="693856" spans="14:14">
      <c r="N693856" s="10"/>
    </row>
    <row r="693857" spans="14:14">
      <c r="N693857" s="10"/>
    </row>
    <row r="693858" spans="14:14">
      <c r="N693858" s="10"/>
    </row>
    <row r="693859" spans="14:14">
      <c r="N693859" s="10"/>
    </row>
    <row r="693860" spans="14:14">
      <c r="N693860" s="10"/>
    </row>
    <row r="693861" spans="14:14">
      <c r="N693861" s="10"/>
    </row>
    <row r="693862" spans="14:14">
      <c r="N693862" s="10"/>
    </row>
    <row r="693863" spans="14:14">
      <c r="N693863" s="10"/>
    </row>
    <row r="693864" spans="14:14">
      <c r="N693864" s="10"/>
    </row>
    <row r="693865" spans="14:14">
      <c r="N693865" s="10"/>
    </row>
    <row r="693866" spans="14:14">
      <c r="N693866" s="10"/>
    </row>
    <row r="693867" spans="14:14">
      <c r="N693867" s="10"/>
    </row>
    <row r="693868" spans="14:14">
      <c r="N693868" s="10"/>
    </row>
    <row r="693869" spans="14:14">
      <c r="N693869" s="10"/>
    </row>
    <row r="693870" spans="14:14">
      <c r="N693870" s="10"/>
    </row>
    <row r="693871" spans="14:14">
      <c r="N693871" s="10"/>
    </row>
    <row r="693872" spans="14:14">
      <c r="N693872" s="10"/>
    </row>
    <row r="693873" spans="14:14">
      <c r="N693873" s="10"/>
    </row>
    <row r="693874" spans="14:14">
      <c r="N693874" s="10"/>
    </row>
    <row r="693875" spans="14:14">
      <c r="N693875" s="10"/>
    </row>
    <row r="693876" spans="14:14">
      <c r="N693876" s="10"/>
    </row>
    <row r="693877" spans="14:14">
      <c r="N693877" s="10"/>
    </row>
    <row r="693878" spans="14:14">
      <c r="N693878" s="10"/>
    </row>
    <row r="693879" spans="14:14">
      <c r="N693879" s="10"/>
    </row>
    <row r="693880" spans="14:14">
      <c r="N693880" s="10"/>
    </row>
    <row r="693881" spans="14:14">
      <c r="N693881" s="10"/>
    </row>
    <row r="693882" spans="14:14">
      <c r="N693882" s="10"/>
    </row>
    <row r="693883" spans="14:14">
      <c r="N693883" s="10"/>
    </row>
    <row r="693884" spans="14:14">
      <c r="N693884" s="10"/>
    </row>
    <row r="693885" spans="14:14">
      <c r="N693885" s="10"/>
    </row>
    <row r="693886" spans="14:14">
      <c r="N693886" s="10"/>
    </row>
    <row r="693887" spans="14:14">
      <c r="N693887" s="10"/>
    </row>
    <row r="693888" spans="14:14">
      <c r="N693888" s="10"/>
    </row>
    <row r="693889" spans="14:14">
      <c r="N693889" s="10"/>
    </row>
    <row r="693890" spans="14:14">
      <c r="N693890" s="10"/>
    </row>
    <row r="693891" spans="14:14">
      <c r="N693891" s="10"/>
    </row>
    <row r="693892" spans="14:14">
      <c r="N693892" s="10"/>
    </row>
    <row r="693893" spans="14:14">
      <c r="N693893" s="10"/>
    </row>
    <row r="693894" spans="14:14">
      <c r="N693894" s="10"/>
    </row>
    <row r="693895" spans="14:14">
      <c r="N693895" s="10"/>
    </row>
    <row r="693896" spans="14:14">
      <c r="N693896" s="10"/>
    </row>
    <row r="693897" spans="14:14">
      <c r="N693897" s="10"/>
    </row>
    <row r="693898" spans="14:14">
      <c r="N693898" s="10"/>
    </row>
    <row r="693899" spans="14:14">
      <c r="N693899" s="10"/>
    </row>
    <row r="693900" spans="14:14">
      <c r="N693900" s="10"/>
    </row>
    <row r="693901" spans="14:14">
      <c r="N693901" s="10"/>
    </row>
    <row r="693902" spans="14:14">
      <c r="N693902" s="10"/>
    </row>
    <row r="693903" spans="14:14">
      <c r="N693903" s="10"/>
    </row>
    <row r="693904" spans="14:14">
      <c r="N693904" s="10"/>
    </row>
    <row r="693905" spans="14:14">
      <c r="N693905" s="10"/>
    </row>
    <row r="693906" spans="14:14">
      <c r="N693906" s="10"/>
    </row>
    <row r="693907" spans="14:14">
      <c r="N693907" s="10"/>
    </row>
    <row r="693908" spans="14:14">
      <c r="N693908" s="10"/>
    </row>
    <row r="693909" spans="14:14">
      <c r="N693909" s="10"/>
    </row>
    <row r="693910" spans="14:14">
      <c r="N693910" s="10"/>
    </row>
    <row r="693911" spans="14:14">
      <c r="N693911" s="10"/>
    </row>
    <row r="693912" spans="14:14">
      <c r="N693912" s="10"/>
    </row>
    <row r="693913" spans="14:14">
      <c r="N693913" s="10"/>
    </row>
    <row r="693914" spans="14:14">
      <c r="N693914" s="10"/>
    </row>
    <row r="693915" spans="14:14">
      <c r="N693915" s="10"/>
    </row>
    <row r="693916" spans="14:14">
      <c r="N693916" s="10"/>
    </row>
    <row r="693917" spans="14:14">
      <c r="N693917" s="10"/>
    </row>
    <row r="693918" spans="14:14">
      <c r="N693918" s="10"/>
    </row>
    <row r="693919" spans="14:14">
      <c r="N693919" s="10"/>
    </row>
    <row r="693920" spans="14:14">
      <c r="N693920" s="10"/>
    </row>
    <row r="693921" spans="14:14">
      <c r="N693921" s="10"/>
    </row>
    <row r="693922" spans="14:14">
      <c r="N693922" s="10"/>
    </row>
    <row r="693923" spans="14:14">
      <c r="N693923" s="10"/>
    </row>
    <row r="693924" spans="14:14">
      <c r="N693924" s="10"/>
    </row>
    <row r="693925" spans="14:14">
      <c r="N693925" s="10"/>
    </row>
    <row r="693926" spans="14:14">
      <c r="N693926" s="10"/>
    </row>
    <row r="693927" spans="14:14">
      <c r="N693927" s="10"/>
    </row>
    <row r="693928" spans="14:14">
      <c r="N693928" s="10"/>
    </row>
    <row r="693929" spans="14:14">
      <c r="N693929" s="10"/>
    </row>
    <row r="693930" spans="14:14">
      <c r="N693930" s="10"/>
    </row>
    <row r="693931" spans="14:14">
      <c r="N693931" s="10"/>
    </row>
    <row r="693932" spans="14:14">
      <c r="N693932" s="10"/>
    </row>
    <row r="693933" spans="14:14">
      <c r="N693933" s="10"/>
    </row>
    <row r="693934" spans="14:14">
      <c r="N693934" s="10"/>
    </row>
    <row r="693935" spans="14:14">
      <c r="N693935" s="10"/>
    </row>
    <row r="693936" spans="14:14">
      <c r="N693936" s="10"/>
    </row>
    <row r="693937" spans="14:14">
      <c r="N693937" s="10"/>
    </row>
    <row r="693938" spans="14:14">
      <c r="N693938" s="10"/>
    </row>
    <row r="693939" spans="14:14">
      <c r="N693939" s="10"/>
    </row>
    <row r="693940" spans="14:14">
      <c r="N693940" s="10"/>
    </row>
    <row r="693941" spans="14:14">
      <c r="N693941" s="10"/>
    </row>
    <row r="693942" spans="14:14">
      <c r="N693942" s="10"/>
    </row>
    <row r="693943" spans="14:14">
      <c r="N693943" s="10"/>
    </row>
    <row r="693944" spans="14:14">
      <c r="N693944" s="10"/>
    </row>
    <row r="693945" spans="14:14">
      <c r="N693945" s="10"/>
    </row>
    <row r="693946" spans="14:14">
      <c r="N693946" s="10"/>
    </row>
    <row r="693947" spans="14:14">
      <c r="N693947" s="10"/>
    </row>
    <row r="693948" spans="14:14">
      <c r="N693948" s="10"/>
    </row>
    <row r="693949" spans="14:14">
      <c r="N693949" s="10"/>
    </row>
    <row r="693950" spans="14:14">
      <c r="N693950" s="10"/>
    </row>
    <row r="693951" spans="14:14">
      <c r="N693951" s="10"/>
    </row>
    <row r="693952" spans="14:14">
      <c r="N693952" s="10"/>
    </row>
    <row r="693953" spans="14:14">
      <c r="N693953" s="10"/>
    </row>
    <row r="693954" spans="14:14">
      <c r="N693954" s="10"/>
    </row>
    <row r="693955" spans="14:14">
      <c r="N693955" s="10"/>
    </row>
    <row r="693956" spans="14:14">
      <c r="N693956" s="10"/>
    </row>
    <row r="693957" spans="14:14">
      <c r="N693957" s="10"/>
    </row>
    <row r="693958" spans="14:14">
      <c r="N693958" s="10"/>
    </row>
    <row r="693959" spans="14:14">
      <c r="N693959" s="10"/>
    </row>
    <row r="693960" spans="14:14">
      <c r="N693960" s="10"/>
    </row>
    <row r="693961" spans="14:14">
      <c r="N693961" s="10"/>
    </row>
    <row r="693962" spans="14:14">
      <c r="N693962" s="10"/>
    </row>
    <row r="693963" spans="14:14">
      <c r="N693963" s="10"/>
    </row>
    <row r="693964" spans="14:14">
      <c r="N693964" s="10"/>
    </row>
    <row r="693965" spans="14:14">
      <c r="N693965" s="10"/>
    </row>
    <row r="693966" spans="14:14">
      <c r="N693966" s="10"/>
    </row>
    <row r="693967" spans="14:14">
      <c r="N693967" s="10"/>
    </row>
    <row r="693968" spans="14:14">
      <c r="N693968" s="10"/>
    </row>
    <row r="693969" spans="14:14">
      <c r="N693969" s="10"/>
    </row>
    <row r="693970" spans="14:14">
      <c r="N693970" s="10"/>
    </row>
    <row r="693971" spans="14:14">
      <c r="N693971" s="10"/>
    </row>
    <row r="693972" spans="14:14">
      <c r="N693972" s="10"/>
    </row>
    <row r="693973" spans="14:14">
      <c r="N693973" s="10"/>
    </row>
    <row r="693974" spans="14:14">
      <c r="N693974" s="10"/>
    </row>
    <row r="693975" spans="14:14">
      <c r="N693975" s="10"/>
    </row>
    <row r="693976" spans="14:14">
      <c r="N693976" s="10"/>
    </row>
    <row r="693977" spans="14:14">
      <c r="N693977" s="10"/>
    </row>
    <row r="693978" spans="14:14">
      <c r="N693978" s="10"/>
    </row>
    <row r="693979" spans="14:14">
      <c r="N693979" s="10"/>
    </row>
    <row r="693980" spans="14:14">
      <c r="N693980" s="10"/>
    </row>
    <row r="693981" spans="14:14">
      <c r="N693981" s="10"/>
    </row>
    <row r="693982" spans="14:14">
      <c r="N693982" s="10"/>
    </row>
    <row r="693983" spans="14:14">
      <c r="N693983" s="10"/>
    </row>
    <row r="693984" spans="14:14">
      <c r="N693984" s="10"/>
    </row>
    <row r="693985" spans="14:14">
      <c r="N693985" s="10"/>
    </row>
    <row r="693986" spans="14:14">
      <c r="N693986" s="10"/>
    </row>
    <row r="693987" spans="14:14">
      <c r="N693987" s="10"/>
    </row>
    <row r="693988" spans="14:14">
      <c r="N693988" s="10"/>
    </row>
    <row r="693989" spans="14:14">
      <c r="N693989" s="10"/>
    </row>
    <row r="693990" spans="14:14">
      <c r="N693990" s="10"/>
    </row>
    <row r="693991" spans="14:14">
      <c r="N693991" s="10"/>
    </row>
    <row r="693992" spans="14:14">
      <c r="N693992" s="10"/>
    </row>
    <row r="693993" spans="14:14">
      <c r="N693993" s="10"/>
    </row>
    <row r="693994" spans="14:14">
      <c r="N693994" s="10"/>
    </row>
    <row r="693995" spans="14:14">
      <c r="N693995" s="10"/>
    </row>
    <row r="693996" spans="14:14">
      <c r="N693996" s="10"/>
    </row>
    <row r="693997" spans="14:14">
      <c r="N693997" s="10"/>
    </row>
    <row r="693998" spans="14:14">
      <c r="N693998" s="10"/>
    </row>
    <row r="693999" spans="14:14">
      <c r="N693999" s="10"/>
    </row>
    <row r="694000" spans="14:14">
      <c r="N694000" s="10"/>
    </row>
    <row r="694001" spans="14:14">
      <c r="N694001" s="10"/>
    </row>
    <row r="694002" spans="14:14">
      <c r="N694002" s="10"/>
    </row>
    <row r="694003" spans="14:14">
      <c r="N694003" s="10"/>
    </row>
    <row r="694004" spans="14:14">
      <c r="N694004" s="10"/>
    </row>
    <row r="694005" spans="14:14">
      <c r="N694005" s="10"/>
    </row>
    <row r="694006" spans="14:14">
      <c r="N694006" s="10"/>
    </row>
    <row r="694007" spans="14:14">
      <c r="N694007" s="10"/>
    </row>
    <row r="694008" spans="14:14">
      <c r="N694008" s="10"/>
    </row>
    <row r="694009" spans="14:14">
      <c r="N694009" s="10"/>
    </row>
    <row r="694010" spans="14:14">
      <c r="N694010" s="10"/>
    </row>
    <row r="694011" spans="14:14">
      <c r="N694011" s="10"/>
    </row>
    <row r="694012" spans="14:14">
      <c r="N694012" s="10"/>
    </row>
    <row r="694013" spans="14:14">
      <c r="N694013" s="10"/>
    </row>
    <row r="694014" spans="14:14">
      <c r="N694014" s="10"/>
    </row>
    <row r="694015" spans="14:14">
      <c r="N694015" s="10"/>
    </row>
    <row r="694016" spans="14:14">
      <c r="N694016" s="10"/>
    </row>
    <row r="694017" spans="14:14">
      <c r="N694017" s="10"/>
    </row>
    <row r="694018" spans="14:14">
      <c r="N694018" s="10"/>
    </row>
    <row r="694019" spans="14:14">
      <c r="N694019" s="10"/>
    </row>
    <row r="694020" spans="14:14">
      <c r="N694020" s="10"/>
    </row>
    <row r="694021" spans="14:14">
      <c r="N694021" s="10"/>
    </row>
    <row r="694022" spans="14:14">
      <c r="N694022" s="10"/>
    </row>
    <row r="694023" spans="14:14">
      <c r="N694023" s="10"/>
    </row>
    <row r="694024" spans="14:14">
      <c r="N694024" s="10"/>
    </row>
    <row r="694025" spans="14:14">
      <c r="N694025" s="10"/>
    </row>
    <row r="694026" spans="14:14">
      <c r="N694026" s="10"/>
    </row>
    <row r="694027" spans="14:14">
      <c r="N694027" s="10"/>
    </row>
    <row r="694028" spans="14:14">
      <c r="N694028" s="10"/>
    </row>
    <row r="694029" spans="14:14">
      <c r="N694029" s="10"/>
    </row>
    <row r="694030" spans="14:14">
      <c r="N694030" s="10"/>
    </row>
    <row r="694031" spans="14:14">
      <c r="N694031" s="10"/>
    </row>
    <row r="694032" spans="14:14">
      <c r="N694032" s="10"/>
    </row>
    <row r="694033" spans="14:14">
      <c r="N694033" s="10"/>
    </row>
    <row r="694034" spans="14:14">
      <c r="N694034" s="10"/>
    </row>
    <row r="694035" spans="14:14">
      <c r="N694035" s="10"/>
    </row>
    <row r="694036" spans="14:14">
      <c r="N694036" s="10"/>
    </row>
    <row r="694037" spans="14:14">
      <c r="N694037" s="10"/>
    </row>
    <row r="694038" spans="14:14">
      <c r="N694038" s="10"/>
    </row>
    <row r="694039" spans="14:14">
      <c r="N694039" s="10"/>
    </row>
    <row r="694040" spans="14:14">
      <c r="N694040" s="10"/>
    </row>
    <row r="694041" spans="14:14">
      <c r="N694041" s="10"/>
    </row>
    <row r="694042" spans="14:14">
      <c r="N694042" s="10"/>
    </row>
    <row r="694043" spans="14:14">
      <c r="N694043" s="10"/>
    </row>
    <row r="694044" spans="14:14">
      <c r="N694044" s="10"/>
    </row>
    <row r="694045" spans="14:14">
      <c r="N694045" s="10"/>
    </row>
    <row r="694046" spans="14:14">
      <c r="N694046" s="10"/>
    </row>
    <row r="694047" spans="14:14">
      <c r="N694047" s="10"/>
    </row>
    <row r="694048" spans="14:14">
      <c r="N694048" s="10"/>
    </row>
    <row r="694049" spans="14:14">
      <c r="N694049" s="10"/>
    </row>
    <row r="694050" spans="14:14">
      <c r="N694050" s="10"/>
    </row>
    <row r="694051" spans="14:14">
      <c r="N694051" s="10"/>
    </row>
    <row r="694052" spans="14:14">
      <c r="N694052" s="10"/>
    </row>
    <row r="694053" spans="14:14">
      <c r="N694053" s="10"/>
    </row>
    <row r="694054" spans="14:14">
      <c r="N694054" s="10"/>
    </row>
    <row r="694055" spans="14:14">
      <c r="N694055" s="10"/>
    </row>
    <row r="694056" spans="14:14">
      <c r="N694056" s="10"/>
    </row>
    <row r="694057" spans="14:14">
      <c r="N694057" s="10"/>
    </row>
    <row r="694058" spans="14:14">
      <c r="N694058" s="10"/>
    </row>
    <row r="694059" spans="14:14">
      <c r="N694059" s="10"/>
    </row>
    <row r="694060" spans="14:14">
      <c r="N694060" s="10"/>
    </row>
    <row r="694061" spans="14:14">
      <c r="N694061" s="10"/>
    </row>
    <row r="694062" spans="14:14">
      <c r="N694062" s="10"/>
    </row>
    <row r="694063" spans="14:14">
      <c r="N694063" s="10"/>
    </row>
    <row r="694064" spans="14:14">
      <c r="N694064" s="10"/>
    </row>
    <row r="694065" spans="14:14">
      <c r="N694065" s="10"/>
    </row>
    <row r="694066" spans="14:14">
      <c r="N694066" s="10"/>
    </row>
    <row r="694067" spans="14:14">
      <c r="N694067" s="10"/>
    </row>
    <row r="694068" spans="14:14">
      <c r="N694068" s="10"/>
    </row>
    <row r="694069" spans="14:14">
      <c r="N694069" s="10"/>
    </row>
    <row r="694070" spans="14:14">
      <c r="N694070" s="10"/>
    </row>
    <row r="694071" spans="14:14">
      <c r="N694071" s="10"/>
    </row>
    <row r="694072" spans="14:14">
      <c r="N694072" s="10"/>
    </row>
    <row r="694073" spans="14:14">
      <c r="N694073" s="10"/>
    </row>
    <row r="694074" spans="14:14">
      <c r="N694074" s="10"/>
    </row>
    <row r="694075" spans="14:14">
      <c r="N694075" s="10"/>
    </row>
    <row r="694076" spans="14:14">
      <c r="N694076" s="10"/>
    </row>
    <row r="694077" spans="14:14">
      <c r="N694077" s="10"/>
    </row>
    <row r="694078" spans="14:14">
      <c r="N694078" s="10"/>
    </row>
    <row r="694079" spans="14:14">
      <c r="N694079" s="10"/>
    </row>
    <row r="694080" spans="14:14">
      <c r="N694080" s="10"/>
    </row>
    <row r="694081" spans="14:14">
      <c r="N694081" s="10"/>
    </row>
    <row r="694082" spans="14:14">
      <c r="N694082" s="10"/>
    </row>
    <row r="694083" spans="14:14">
      <c r="N694083" s="10"/>
    </row>
    <row r="694084" spans="14:14">
      <c r="N694084" s="10"/>
    </row>
    <row r="694085" spans="14:14">
      <c r="N694085" s="10"/>
    </row>
    <row r="694086" spans="14:14">
      <c r="N694086" s="10"/>
    </row>
    <row r="694087" spans="14:14">
      <c r="N694087" s="10"/>
    </row>
    <row r="694088" spans="14:14">
      <c r="N694088" s="10"/>
    </row>
    <row r="694089" spans="14:14">
      <c r="N694089" s="10"/>
    </row>
    <row r="694090" spans="14:14">
      <c r="N694090" s="10"/>
    </row>
    <row r="694091" spans="14:14">
      <c r="N694091" s="10"/>
    </row>
    <row r="694092" spans="14:14">
      <c r="N694092" s="10"/>
    </row>
    <row r="694093" spans="14:14">
      <c r="N694093" s="10"/>
    </row>
    <row r="694094" spans="14:14">
      <c r="N694094" s="10"/>
    </row>
    <row r="694095" spans="14:14">
      <c r="N694095" s="10"/>
    </row>
    <row r="694096" spans="14:14">
      <c r="N694096" s="10"/>
    </row>
    <row r="694097" spans="14:14">
      <c r="N694097" s="10"/>
    </row>
    <row r="694098" spans="14:14">
      <c r="N694098" s="10"/>
    </row>
    <row r="694099" spans="14:14">
      <c r="N694099" s="10"/>
    </row>
    <row r="694100" spans="14:14">
      <c r="N694100" s="10"/>
    </row>
    <row r="694101" spans="14:14">
      <c r="N694101" s="10"/>
    </row>
    <row r="694102" spans="14:14">
      <c r="N694102" s="10"/>
    </row>
    <row r="694103" spans="14:14">
      <c r="N694103" s="10"/>
    </row>
    <row r="694104" spans="14:14">
      <c r="N694104" s="10"/>
    </row>
    <row r="694105" spans="14:14">
      <c r="N694105" s="10"/>
    </row>
    <row r="694106" spans="14:14">
      <c r="N694106" s="10"/>
    </row>
    <row r="694107" spans="14:14">
      <c r="N694107" s="10"/>
    </row>
    <row r="694108" spans="14:14">
      <c r="N694108" s="10"/>
    </row>
    <row r="694109" spans="14:14">
      <c r="N694109" s="10"/>
    </row>
    <row r="694110" spans="14:14">
      <c r="N694110" s="10"/>
    </row>
    <row r="694111" spans="14:14">
      <c r="N694111" s="10"/>
    </row>
    <row r="694112" spans="14:14">
      <c r="N694112" s="10"/>
    </row>
    <row r="694113" spans="14:14">
      <c r="N694113" s="10"/>
    </row>
    <row r="694114" spans="14:14">
      <c r="N694114" s="10"/>
    </row>
    <row r="694115" spans="14:14">
      <c r="N694115" s="10"/>
    </row>
    <row r="694116" spans="14:14">
      <c r="N694116" s="10"/>
    </row>
    <row r="694117" spans="14:14">
      <c r="N694117" s="10"/>
    </row>
    <row r="694118" spans="14:14">
      <c r="N694118" s="10"/>
    </row>
    <row r="694119" spans="14:14">
      <c r="N694119" s="10"/>
    </row>
    <row r="694120" spans="14:14">
      <c r="N694120" s="10"/>
    </row>
    <row r="694121" spans="14:14">
      <c r="N694121" s="10"/>
    </row>
    <row r="694122" spans="14:14">
      <c r="N694122" s="10"/>
    </row>
    <row r="694123" spans="14:14">
      <c r="N694123" s="10"/>
    </row>
    <row r="694124" spans="14:14">
      <c r="N694124" s="10"/>
    </row>
    <row r="694125" spans="14:14">
      <c r="N694125" s="10"/>
    </row>
    <row r="694126" spans="14:14">
      <c r="N694126" s="10"/>
    </row>
    <row r="694127" spans="14:14">
      <c r="N694127" s="10"/>
    </row>
    <row r="694128" spans="14:14">
      <c r="N694128" s="10"/>
    </row>
    <row r="694129" spans="14:14">
      <c r="N694129" s="10"/>
    </row>
    <row r="694130" spans="14:14">
      <c r="N694130" s="10"/>
    </row>
    <row r="694131" spans="14:14">
      <c r="N694131" s="10"/>
    </row>
    <row r="694132" spans="14:14">
      <c r="N694132" s="10"/>
    </row>
    <row r="694133" spans="14:14">
      <c r="N694133" s="10"/>
    </row>
    <row r="694134" spans="14:14">
      <c r="N694134" s="10"/>
    </row>
    <row r="694135" spans="14:14">
      <c r="N694135" s="10"/>
    </row>
    <row r="694136" spans="14:14">
      <c r="N694136" s="10"/>
    </row>
    <row r="694137" spans="14:14">
      <c r="N694137" s="10"/>
    </row>
    <row r="694138" spans="14:14">
      <c r="N694138" s="10"/>
    </row>
    <row r="694139" spans="14:14">
      <c r="N694139" s="10"/>
    </row>
    <row r="694140" spans="14:14">
      <c r="N694140" s="10"/>
    </row>
    <row r="694141" spans="14:14">
      <c r="N694141" s="10"/>
    </row>
    <row r="694142" spans="14:14">
      <c r="N694142" s="10"/>
    </row>
    <row r="694143" spans="14:14">
      <c r="N694143" s="10"/>
    </row>
    <row r="694144" spans="14:14">
      <c r="N694144" s="10"/>
    </row>
    <row r="694145" spans="14:14">
      <c r="N694145" s="10"/>
    </row>
    <row r="694146" spans="14:14">
      <c r="N694146" s="10"/>
    </row>
    <row r="694147" spans="14:14">
      <c r="N694147" s="10"/>
    </row>
    <row r="694148" spans="14:14">
      <c r="N694148" s="10"/>
    </row>
    <row r="694149" spans="14:14">
      <c r="N694149" s="10"/>
    </row>
    <row r="694150" spans="14:14">
      <c r="N694150" s="10"/>
    </row>
    <row r="694151" spans="14:14">
      <c r="N694151" s="10"/>
    </row>
    <row r="694152" spans="14:14">
      <c r="N694152" s="10"/>
    </row>
    <row r="694153" spans="14:14">
      <c r="N694153" s="10"/>
    </row>
    <row r="694154" spans="14:14">
      <c r="N694154" s="10"/>
    </row>
    <row r="694155" spans="14:14">
      <c r="N694155" s="10"/>
    </row>
    <row r="694156" spans="14:14">
      <c r="N694156" s="10"/>
    </row>
    <row r="694157" spans="14:14">
      <c r="N694157" s="10"/>
    </row>
    <row r="694158" spans="14:14">
      <c r="N694158" s="10"/>
    </row>
    <row r="694159" spans="14:14">
      <c r="N694159" s="10"/>
    </row>
    <row r="694160" spans="14:14">
      <c r="N694160" s="10"/>
    </row>
    <row r="694161" spans="14:14">
      <c r="N694161" s="10"/>
    </row>
    <row r="694162" spans="14:14">
      <c r="N694162" s="10"/>
    </row>
    <row r="694163" spans="14:14">
      <c r="N694163" s="10"/>
    </row>
    <row r="694164" spans="14:14">
      <c r="N694164" s="10"/>
    </row>
    <row r="694165" spans="14:14">
      <c r="N694165" s="10"/>
    </row>
    <row r="694166" spans="14:14">
      <c r="N694166" s="10"/>
    </row>
    <row r="694167" spans="14:14">
      <c r="N694167" s="10"/>
    </row>
    <row r="694168" spans="14:14">
      <c r="N694168" s="10"/>
    </row>
    <row r="694169" spans="14:14">
      <c r="N694169" s="10"/>
    </row>
    <row r="694170" spans="14:14">
      <c r="N694170" s="10"/>
    </row>
    <row r="694171" spans="14:14">
      <c r="N694171" s="10"/>
    </row>
    <row r="694172" spans="14:14">
      <c r="N694172" s="10"/>
    </row>
    <row r="694173" spans="14:14">
      <c r="N694173" s="10"/>
    </row>
    <row r="694174" spans="14:14">
      <c r="N694174" s="10"/>
    </row>
    <row r="694175" spans="14:14">
      <c r="N694175" s="10"/>
    </row>
    <row r="694176" spans="14:14">
      <c r="N694176" s="10"/>
    </row>
    <row r="694177" spans="14:14">
      <c r="N694177" s="10"/>
    </row>
    <row r="694178" spans="14:14">
      <c r="N694178" s="10"/>
    </row>
    <row r="694179" spans="14:14">
      <c r="N694179" s="10"/>
    </row>
    <row r="694180" spans="14:14">
      <c r="N694180" s="10"/>
    </row>
    <row r="694181" spans="14:14">
      <c r="N694181" s="10"/>
    </row>
    <row r="694182" spans="14:14">
      <c r="N694182" s="10"/>
    </row>
    <row r="694183" spans="14:14">
      <c r="N694183" s="10"/>
    </row>
    <row r="694184" spans="14:14">
      <c r="N694184" s="10"/>
    </row>
    <row r="694185" spans="14:14">
      <c r="N694185" s="10"/>
    </row>
    <row r="694186" spans="14:14">
      <c r="N694186" s="10"/>
    </row>
    <row r="694187" spans="14:14">
      <c r="N694187" s="10"/>
    </row>
    <row r="694188" spans="14:14">
      <c r="N694188" s="10"/>
    </row>
    <row r="694189" spans="14:14">
      <c r="N694189" s="10"/>
    </row>
    <row r="694190" spans="14:14">
      <c r="N694190" s="10"/>
    </row>
    <row r="694191" spans="14:14">
      <c r="N694191" s="10"/>
    </row>
    <row r="694192" spans="14:14">
      <c r="N694192" s="10"/>
    </row>
    <row r="694193" spans="14:14">
      <c r="N694193" s="10"/>
    </row>
    <row r="694194" spans="14:14">
      <c r="N694194" s="10"/>
    </row>
    <row r="694195" spans="14:14">
      <c r="N694195" s="10"/>
    </row>
    <row r="694196" spans="14:14">
      <c r="N694196" s="10"/>
    </row>
    <row r="694197" spans="14:14">
      <c r="N694197" s="10"/>
    </row>
    <row r="694198" spans="14:14">
      <c r="N694198" s="10"/>
    </row>
    <row r="694199" spans="14:14">
      <c r="N694199" s="10"/>
    </row>
    <row r="694200" spans="14:14">
      <c r="N694200" s="10"/>
    </row>
    <row r="694201" spans="14:14">
      <c r="N694201" s="10"/>
    </row>
    <row r="694202" spans="14:14">
      <c r="N694202" s="10"/>
    </row>
    <row r="694203" spans="14:14">
      <c r="N694203" s="10"/>
    </row>
    <row r="694204" spans="14:14">
      <c r="N694204" s="10"/>
    </row>
    <row r="694205" spans="14:14">
      <c r="N694205" s="10"/>
    </row>
    <row r="694206" spans="14:14">
      <c r="N694206" s="10"/>
    </row>
    <row r="694207" spans="14:14">
      <c r="N694207" s="10"/>
    </row>
    <row r="694208" spans="14:14">
      <c r="N694208" s="10"/>
    </row>
    <row r="694209" spans="14:14">
      <c r="N694209" s="10"/>
    </row>
    <row r="694210" spans="14:14">
      <c r="N694210" s="10"/>
    </row>
    <row r="694211" spans="14:14">
      <c r="N694211" s="10"/>
    </row>
    <row r="694212" spans="14:14">
      <c r="N694212" s="10"/>
    </row>
    <row r="694213" spans="14:14">
      <c r="N694213" s="10"/>
    </row>
    <row r="694214" spans="14:14">
      <c r="N694214" s="10"/>
    </row>
    <row r="694215" spans="14:14">
      <c r="N694215" s="10"/>
    </row>
    <row r="694216" spans="14:14">
      <c r="N694216" s="10"/>
    </row>
    <row r="694217" spans="14:14">
      <c r="N694217" s="10"/>
    </row>
    <row r="694218" spans="14:14">
      <c r="N694218" s="10"/>
    </row>
    <row r="694219" spans="14:14">
      <c r="N694219" s="10"/>
    </row>
    <row r="694220" spans="14:14">
      <c r="N694220" s="10"/>
    </row>
    <row r="694221" spans="14:14">
      <c r="N694221" s="10"/>
    </row>
    <row r="694222" spans="14:14">
      <c r="N694222" s="10"/>
    </row>
    <row r="694223" spans="14:14">
      <c r="N694223" s="10"/>
    </row>
    <row r="694224" spans="14:14">
      <c r="N694224" s="10"/>
    </row>
    <row r="694225" spans="14:14">
      <c r="N694225" s="10"/>
    </row>
    <row r="694226" spans="14:14">
      <c r="N694226" s="10"/>
    </row>
    <row r="694227" spans="14:14">
      <c r="N694227" s="10"/>
    </row>
    <row r="694228" spans="14:14">
      <c r="N694228" s="10"/>
    </row>
    <row r="694229" spans="14:14">
      <c r="N694229" s="10"/>
    </row>
    <row r="694230" spans="14:14">
      <c r="N694230" s="10"/>
    </row>
    <row r="694231" spans="14:14">
      <c r="N694231" s="10"/>
    </row>
    <row r="694232" spans="14:14">
      <c r="N694232" s="10"/>
    </row>
    <row r="694233" spans="14:14">
      <c r="N694233" s="10"/>
    </row>
    <row r="694234" spans="14:14">
      <c r="N694234" s="10"/>
    </row>
    <row r="694235" spans="14:14">
      <c r="N694235" s="10"/>
    </row>
    <row r="694236" spans="14:14">
      <c r="N694236" s="10"/>
    </row>
    <row r="694237" spans="14:14">
      <c r="N694237" s="10"/>
    </row>
    <row r="694238" spans="14:14">
      <c r="N694238" s="10"/>
    </row>
    <row r="694239" spans="14:14">
      <c r="N694239" s="10"/>
    </row>
    <row r="694240" spans="14:14">
      <c r="N694240" s="10"/>
    </row>
    <row r="694241" spans="14:14">
      <c r="N694241" s="10"/>
    </row>
    <row r="694242" spans="14:14">
      <c r="N694242" s="10"/>
    </row>
    <row r="694243" spans="14:14">
      <c r="N694243" s="10"/>
    </row>
    <row r="694244" spans="14:14">
      <c r="N694244" s="10"/>
    </row>
    <row r="694245" spans="14:14">
      <c r="N694245" s="10"/>
    </row>
    <row r="694246" spans="14:14">
      <c r="N694246" s="10"/>
    </row>
    <row r="694247" spans="14:14">
      <c r="N694247" s="10"/>
    </row>
    <row r="694248" spans="14:14">
      <c r="N694248" s="10"/>
    </row>
    <row r="694249" spans="14:14">
      <c r="N694249" s="10"/>
    </row>
    <row r="694250" spans="14:14">
      <c r="N694250" s="10"/>
    </row>
    <row r="694251" spans="14:14">
      <c r="N694251" s="10"/>
    </row>
    <row r="694252" spans="14:14">
      <c r="N694252" s="10"/>
    </row>
    <row r="694253" spans="14:14">
      <c r="N694253" s="10"/>
    </row>
    <row r="694254" spans="14:14">
      <c r="N694254" s="10"/>
    </row>
    <row r="694255" spans="14:14">
      <c r="N694255" s="10"/>
    </row>
    <row r="694256" spans="14:14">
      <c r="N694256" s="10"/>
    </row>
    <row r="694257" spans="14:14">
      <c r="N694257" s="10"/>
    </row>
    <row r="694258" spans="14:14">
      <c r="N694258" s="10"/>
    </row>
    <row r="694259" spans="14:14">
      <c r="N694259" s="10"/>
    </row>
    <row r="694260" spans="14:14">
      <c r="N694260" s="10"/>
    </row>
    <row r="694261" spans="14:14">
      <c r="N694261" s="10"/>
    </row>
    <row r="694262" spans="14:14">
      <c r="N694262" s="10"/>
    </row>
    <row r="694263" spans="14:14">
      <c r="N694263" s="10"/>
    </row>
    <row r="694264" spans="14:14">
      <c r="N694264" s="10"/>
    </row>
    <row r="694265" spans="14:14">
      <c r="N694265" s="10"/>
    </row>
    <row r="694266" spans="14:14">
      <c r="N694266" s="10"/>
    </row>
    <row r="694267" spans="14:14">
      <c r="N694267" s="10"/>
    </row>
    <row r="694268" spans="14:14">
      <c r="N694268" s="10"/>
    </row>
    <row r="694269" spans="14:14">
      <c r="N694269" s="10"/>
    </row>
    <row r="694270" spans="14:14">
      <c r="N694270" s="10"/>
    </row>
    <row r="694271" spans="14:14">
      <c r="N694271" s="10"/>
    </row>
    <row r="694272" spans="14:14">
      <c r="N694272" s="10"/>
    </row>
    <row r="694273" spans="14:14">
      <c r="N694273" s="10"/>
    </row>
    <row r="694274" spans="14:14">
      <c r="N694274" s="10"/>
    </row>
    <row r="694275" spans="14:14">
      <c r="N694275" s="10"/>
    </row>
    <row r="694276" spans="14:14">
      <c r="N694276" s="10"/>
    </row>
    <row r="694277" spans="14:14">
      <c r="N694277" s="10"/>
    </row>
    <row r="694278" spans="14:14">
      <c r="N694278" s="10"/>
    </row>
    <row r="694279" spans="14:14">
      <c r="N694279" s="10"/>
    </row>
    <row r="694280" spans="14:14">
      <c r="N694280" s="10"/>
    </row>
    <row r="694281" spans="14:14">
      <c r="N694281" s="10"/>
    </row>
    <row r="694282" spans="14:14">
      <c r="N694282" s="10"/>
    </row>
    <row r="694283" spans="14:14">
      <c r="N694283" s="10"/>
    </row>
    <row r="694284" spans="14:14">
      <c r="N694284" s="10"/>
    </row>
    <row r="694285" spans="14:14">
      <c r="N694285" s="10"/>
    </row>
    <row r="694286" spans="14:14">
      <c r="N694286" s="10"/>
    </row>
    <row r="694287" spans="14:14">
      <c r="N694287" s="10"/>
    </row>
    <row r="694288" spans="14:14">
      <c r="N694288" s="10"/>
    </row>
    <row r="694289" spans="14:14">
      <c r="N694289" s="10"/>
    </row>
    <row r="694290" spans="14:14">
      <c r="N694290" s="10"/>
    </row>
    <row r="694291" spans="14:14">
      <c r="N694291" s="10"/>
    </row>
    <row r="694292" spans="14:14">
      <c r="N694292" s="10"/>
    </row>
    <row r="694293" spans="14:14">
      <c r="N694293" s="10"/>
    </row>
    <row r="694294" spans="14:14">
      <c r="N694294" s="10"/>
    </row>
    <row r="694295" spans="14:14">
      <c r="N694295" s="10"/>
    </row>
    <row r="694296" spans="14:14">
      <c r="N694296" s="10"/>
    </row>
    <row r="694297" spans="14:14">
      <c r="N694297" s="10"/>
    </row>
    <row r="694298" spans="14:14">
      <c r="N694298" s="10"/>
    </row>
    <row r="694299" spans="14:14">
      <c r="N694299" s="10"/>
    </row>
    <row r="694300" spans="14:14">
      <c r="N694300" s="10"/>
    </row>
    <row r="694301" spans="14:14">
      <c r="N694301" s="10"/>
    </row>
    <row r="694302" spans="14:14">
      <c r="N694302" s="10"/>
    </row>
    <row r="694303" spans="14:14">
      <c r="N694303" s="10"/>
    </row>
    <row r="694304" spans="14:14">
      <c r="N694304" s="10"/>
    </row>
    <row r="694305" spans="14:14">
      <c r="N694305" s="10"/>
    </row>
    <row r="694306" spans="14:14">
      <c r="N694306" s="10"/>
    </row>
    <row r="694307" spans="14:14">
      <c r="N694307" s="10"/>
    </row>
    <row r="694308" spans="14:14">
      <c r="N694308" s="10"/>
    </row>
    <row r="694309" spans="14:14">
      <c r="N694309" s="10"/>
    </row>
    <row r="694310" spans="14:14">
      <c r="N694310" s="10"/>
    </row>
    <row r="694311" spans="14:14">
      <c r="N694311" s="10"/>
    </row>
    <row r="694312" spans="14:14">
      <c r="N694312" s="10"/>
    </row>
    <row r="694313" spans="14:14">
      <c r="N694313" s="10"/>
    </row>
    <row r="694314" spans="14:14">
      <c r="N694314" s="10"/>
    </row>
    <row r="694315" spans="14:14">
      <c r="N694315" s="10"/>
    </row>
    <row r="694316" spans="14:14">
      <c r="N694316" s="10"/>
    </row>
    <row r="694317" spans="14:14">
      <c r="N694317" s="10"/>
    </row>
    <row r="694318" spans="14:14">
      <c r="N694318" s="10"/>
    </row>
    <row r="694319" spans="14:14">
      <c r="N694319" s="10"/>
    </row>
    <row r="694320" spans="14:14">
      <c r="N694320" s="10"/>
    </row>
    <row r="694321" spans="14:14">
      <c r="N694321" s="10"/>
    </row>
    <row r="694322" spans="14:14">
      <c r="N694322" s="10"/>
    </row>
    <row r="694323" spans="14:14">
      <c r="N694323" s="10"/>
    </row>
    <row r="694324" spans="14:14">
      <c r="N694324" s="10"/>
    </row>
    <row r="694325" spans="14:14">
      <c r="N694325" s="10"/>
    </row>
    <row r="694326" spans="14:14">
      <c r="N694326" s="10"/>
    </row>
    <row r="694327" spans="14:14">
      <c r="N694327" s="10"/>
    </row>
    <row r="694328" spans="14:14">
      <c r="N694328" s="10"/>
    </row>
    <row r="694329" spans="14:14">
      <c r="N694329" s="10"/>
    </row>
    <row r="694330" spans="14:14">
      <c r="N694330" s="10"/>
    </row>
    <row r="694331" spans="14:14">
      <c r="N694331" s="10"/>
    </row>
    <row r="694332" spans="14:14">
      <c r="N694332" s="10"/>
    </row>
    <row r="694333" spans="14:14">
      <c r="N694333" s="10"/>
    </row>
    <row r="694334" spans="14:14">
      <c r="N694334" s="10"/>
    </row>
    <row r="694335" spans="14:14">
      <c r="N694335" s="10"/>
    </row>
    <row r="694336" spans="14:14">
      <c r="N694336" s="10"/>
    </row>
    <row r="694337" spans="14:14">
      <c r="N694337" s="10"/>
    </row>
    <row r="694338" spans="14:14">
      <c r="N694338" s="10"/>
    </row>
    <row r="694339" spans="14:14">
      <c r="N694339" s="10"/>
    </row>
    <row r="694340" spans="14:14">
      <c r="N694340" s="10"/>
    </row>
    <row r="694341" spans="14:14">
      <c r="N694341" s="10"/>
    </row>
    <row r="694342" spans="14:14">
      <c r="N694342" s="10"/>
    </row>
    <row r="694343" spans="14:14">
      <c r="N694343" s="10"/>
    </row>
    <row r="694344" spans="14:14">
      <c r="N694344" s="10"/>
    </row>
    <row r="694345" spans="14:14">
      <c r="N694345" s="10"/>
    </row>
    <row r="694346" spans="14:14">
      <c r="N694346" s="10"/>
    </row>
    <row r="694347" spans="14:14">
      <c r="N694347" s="10"/>
    </row>
    <row r="694348" spans="14:14">
      <c r="N694348" s="10"/>
    </row>
    <row r="694349" spans="14:14">
      <c r="N694349" s="10"/>
    </row>
    <row r="694350" spans="14:14">
      <c r="N694350" s="10"/>
    </row>
    <row r="694351" spans="14:14">
      <c r="N694351" s="10"/>
    </row>
    <row r="694352" spans="14:14">
      <c r="N694352" s="10"/>
    </row>
    <row r="694353" spans="14:14">
      <c r="N694353" s="10"/>
    </row>
    <row r="694354" spans="14:14">
      <c r="N694354" s="10"/>
    </row>
    <row r="694355" spans="14:14">
      <c r="N694355" s="10"/>
    </row>
    <row r="694356" spans="14:14">
      <c r="N694356" s="10"/>
    </row>
    <row r="694357" spans="14:14">
      <c r="N694357" s="10"/>
    </row>
    <row r="694358" spans="14:14">
      <c r="N694358" s="10"/>
    </row>
    <row r="694359" spans="14:14">
      <c r="N694359" s="10"/>
    </row>
    <row r="694360" spans="14:14">
      <c r="N694360" s="10"/>
    </row>
    <row r="694361" spans="14:14">
      <c r="N694361" s="10"/>
    </row>
    <row r="694362" spans="14:14">
      <c r="N694362" s="10"/>
    </row>
    <row r="694363" spans="14:14">
      <c r="N694363" s="10"/>
    </row>
    <row r="694364" spans="14:14">
      <c r="N694364" s="10"/>
    </row>
    <row r="694365" spans="14:14">
      <c r="N694365" s="10"/>
    </row>
    <row r="694366" spans="14:14">
      <c r="N694366" s="10"/>
    </row>
    <row r="694367" spans="14:14">
      <c r="N694367" s="10"/>
    </row>
    <row r="694368" spans="14:14">
      <c r="N694368" s="10"/>
    </row>
    <row r="694369" spans="14:14">
      <c r="N694369" s="10"/>
    </row>
    <row r="694370" spans="14:14">
      <c r="N694370" s="10"/>
    </row>
    <row r="694371" spans="14:14">
      <c r="N694371" s="10"/>
    </row>
    <row r="694372" spans="14:14">
      <c r="N694372" s="10"/>
    </row>
    <row r="694373" spans="14:14">
      <c r="N694373" s="10"/>
    </row>
    <row r="694374" spans="14:14">
      <c r="N694374" s="10"/>
    </row>
    <row r="694375" spans="14:14">
      <c r="N694375" s="10"/>
    </row>
    <row r="694376" spans="14:14">
      <c r="N694376" s="10"/>
    </row>
    <row r="694377" spans="14:14">
      <c r="N694377" s="10"/>
    </row>
    <row r="694378" spans="14:14">
      <c r="N694378" s="10"/>
    </row>
    <row r="694379" spans="14:14">
      <c r="N694379" s="10"/>
    </row>
    <row r="694380" spans="14:14">
      <c r="N694380" s="10"/>
    </row>
    <row r="694381" spans="14:14">
      <c r="N694381" s="10"/>
    </row>
    <row r="694382" spans="14:14">
      <c r="N694382" s="10"/>
    </row>
    <row r="694383" spans="14:14">
      <c r="N694383" s="10"/>
    </row>
    <row r="694384" spans="14:14">
      <c r="N694384" s="10"/>
    </row>
    <row r="694385" spans="14:14">
      <c r="N694385" s="10"/>
    </row>
    <row r="694386" spans="14:14">
      <c r="N694386" s="10"/>
    </row>
    <row r="694387" spans="14:14">
      <c r="N694387" s="10"/>
    </row>
    <row r="694388" spans="14:14">
      <c r="N694388" s="10"/>
    </row>
    <row r="694389" spans="14:14">
      <c r="N694389" s="10"/>
    </row>
    <row r="694390" spans="14:14">
      <c r="N694390" s="10"/>
    </row>
    <row r="694391" spans="14:14">
      <c r="N694391" s="10"/>
    </row>
    <row r="694392" spans="14:14">
      <c r="N694392" s="10"/>
    </row>
    <row r="694393" spans="14:14">
      <c r="N694393" s="10"/>
    </row>
    <row r="694394" spans="14:14">
      <c r="N694394" s="10"/>
    </row>
    <row r="694395" spans="14:14">
      <c r="N694395" s="10"/>
    </row>
    <row r="694396" spans="14:14">
      <c r="N694396" s="10"/>
    </row>
    <row r="694397" spans="14:14">
      <c r="N694397" s="10"/>
    </row>
    <row r="694398" spans="14:14">
      <c r="N694398" s="10"/>
    </row>
    <row r="694399" spans="14:14">
      <c r="N694399" s="10"/>
    </row>
    <row r="694400" spans="14:14">
      <c r="N694400" s="10"/>
    </row>
    <row r="694401" spans="14:14">
      <c r="N694401" s="10"/>
    </row>
    <row r="694402" spans="14:14">
      <c r="N694402" s="10"/>
    </row>
    <row r="694403" spans="14:14">
      <c r="N694403" s="10"/>
    </row>
    <row r="694404" spans="14:14">
      <c r="N694404" s="10"/>
    </row>
    <row r="694405" spans="14:14">
      <c r="N694405" s="10"/>
    </row>
    <row r="694406" spans="14:14">
      <c r="N694406" s="10"/>
    </row>
    <row r="694407" spans="14:14">
      <c r="N694407" s="10"/>
    </row>
    <row r="694408" spans="14:14">
      <c r="N694408" s="10"/>
    </row>
    <row r="694409" spans="14:14">
      <c r="N694409" s="10"/>
    </row>
    <row r="694410" spans="14:14">
      <c r="N694410" s="10"/>
    </row>
    <row r="694411" spans="14:14">
      <c r="N694411" s="10"/>
    </row>
    <row r="694412" spans="14:14">
      <c r="N694412" s="10"/>
    </row>
    <row r="694413" spans="14:14">
      <c r="N694413" s="10"/>
    </row>
    <row r="694414" spans="14:14">
      <c r="N694414" s="10"/>
    </row>
    <row r="694415" spans="14:14">
      <c r="N694415" s="10"/>
    </row>
    <row r="694416" spans="14:14">
      <c r="N694416" s="10"/>
    </row>
    <row r="694417" spans="14:14">
      <c r="N694417" s="10"/>
    </row>
    <row r="694418" spans="14:14">
      <c r="N694418" s="10"/>
    </row>
    <row r="694419" spans="14:14">
      <c r="N694419" s="10"/>
    </row>
    <row r="694420" spans="14:14">
      <c r="N694420" s="10"/>
    </row>
    <row r="694421" spans="14:14">
      <c r="N694421" s="10"/>
    </row>
    <row r="694422" spans="14:14">
      <c r="N694422" s="10"/>
    </row>
    <row r="694423" spans="14:14">
      <c r="N694423" s="10"/>
    </row>
    <row r="694424" spans="14:14">
      <c r="N694424" s="10"/>
    </row>
    <row r="694425" spans="14:14">
      <c r="N694425" s="10"/>
    </row>
    <row r="694426" spans="14:14">
      <c r="N694426" s="10"/>
    </row>
    <row r="694427" spans="14:14">
      <c r="N694427" s="10"/>
    </row>
    <row r="694428" spans="14:14">
      <c r="N694428" s="10"/>
    </row>
    <row r="694429" spans="14:14">
      <c r="N694429" s="10"/>
    </row>
    <row r="694430" spans="14:14">
      <c r="N694430" s="10"/>
    </row>
    <row r="694431" spans="14:14">
      <c r="N694431" s="10"/>
    </row>
    <row r="694432" spans="14:14">
      <c r="N694432" s="10"/>
    </row>
    <row r="694433" spans="14:14">
      <c r="N694433" s="10"/>
    </row>
    <row r="694434" spans="14:14">
      <c r="N694434" s="10"/>
    </row>
    <row r="694435" spans="14:14">
      <c r="N694435" s="10"/>
    </row>
    <row r="694436" spans="14:14">
      <c r="N694436" s="10"/>
    </row>
    <row r="694437" spans="14:14">
      <c r="N694437" s="10"/>
    </row>
    <row r="694438" spans="14:14">
      <c r="N694438" s="10"/>
    </row>
    <row r="694439" spans="14:14">
      <c r="N694439" s="10"/>
    </row>
    <row r="694440" spans="14:14">
      <c r="N694440" s="10"/>
    </row>
    <row r="694441" spans="14:14">
      <c r="N694441" s="10"/>
    </row>
    <row r="694442" spans="14:14">
      <c r="N694442" s="10"/>
    </row>
    <row r="694443" spans="14:14">
      <c r="N694443" s="10"/>
    </row>
    <row r="694444" spans="14:14">
      <c r="N694444" s="10"/>
    </row>
    <row r="694445" spans="14:14">
      <c r="N694445" s="10"/>
    </row>
    <row r="694446" spans="14:14">
      <c r="N694446" s="10"/>
    </row>
    <row r="694447" spans="14:14">
      <c r="N694447" s="10"/>
    </row>
    <row r="694448" spans="14:14">
      <c r="N694448" s="10"/>
    </row>
    <row r="694449" spans="14:14">
      <c r="N694449" s="10"/>
    </row>
    <row r="694450" spans="14:14">
      <c r="N694450" s="10"/>
    </row>
    <row r="694451" spans="14:14">
      <c r="N694451" s="10"/>
    </row>
    <row r="694452" spans="14:14">
      <c r="N694452" s="10"/>
    </row>
    <row r="694453" spans="14:14">
      <c r="N694453" s="10"/>
    </row>
    <row r="694454" spans="14:14">
      <c r="N694454" s="10"/>
    </row>
    <row r="694455" spans="14:14">
      <c r="N694455" s="10"/>
    </row>
    <row r="694456" spans="14:14">
      <c r="N694456" s="10"/>
    </row>
    <row r="694457" spans="14:14">
      <c r="N694457" s="10"/>
    </row>
    <row r="694458" spans="14:14">
      <c r="N694458" s="10"/>
    </row>
    <row r="694459" spans="14:14">
      <c r="N694459" s="10"/>
    </row>
    <row r="694460" spans="14:14">
      <c r="N694460" s="10"/>
    </row>
    <row r="694461" spans="14:14">
      <c r="N694461" s="10"/>
    </row>
    <row r="694462" spans="14:14">
      <c r="N694462" s="10"/>
    </row>
    <row r="694463" spans="14:14">
      <c r="N694463" s="10"/>
    </row>
    <row r="694464" spans="14:14">
      <c r="N694464" s="10"/>
    </row>
    <row r="694465" spans="14:14">
      <c r="N694465" s="10"/>
    </row>
    <row r="694466" spans="14:14">
      <c r="N694466" s="10"/>
    </row>
    <row r="694467" spans="14:14">
      <c r="N694467" s="10"/>
    </row>
    <row r="694468" spans="14:14">
      <c r="N694468" s="10"/>
    </row>
    <row r="694469" spans="14:14">
      <c r="N694469" s="10"/>
    </row>
    <row r="694470" spans="14:14">
      <c r="N694470" s="10"/>
    </row>
    <row r="694471" spans="14:14">
      <c r="N694471" s="10"/>
    </row>
    <row r="694472" spans="14:14">
      <c r="N694472" s="10"/>
    </row>
    <row r="694473" spans="14:14">
      <c r="N694473" s="10"/>
    </row>
    <row r="694474" spans="14:14">
      <c r="N694474" s="10"/>
    </row>
    <row r="694475" spans="14:14">
      <c r="N694475" s="10"/>
    </row>
    <row r="694476" spans="14:14">
      <c r="N694476" s="10"/>
    </row>
    <row r="694477" spans="14:14">
      <c r="N694477" s="10"/>
    </row>
    <row r="694478" spans="14:14">
      <c r="N694478" s="10"/>
    </row>
    <row r="694479" spans="14:14">
      <c r="N694479" s="10"/>
    </row>
    <row r="694480" spans="14:14">
      <c r="N694480" s="10"/>
    </row>
    <row r="694481" spans="14:14">
      <c r="N694481" s="10"/>
    </row>
    <row r="694482" spans="14:14">
      <c r="N694482" s="10"/>
    </row>
    <row r="694483" spans="14:14">
      <c r="N694483" s="10"/>
    </row>
    <row r="694484" spans="14:14">
      <c r="N694484" s="10"/>
    </row>
    <row r="694485" spans="14:14">
      <c r="N694485" s="10"/>
    </row>
    <row r="694486" spans="14:14">
      <c r="N694486" s="10"/>
    </row>
    <row r="694487" spans="14:14">
      <c r="N694487" s="10"/>
    </row>
    <row r="694488" spans="14:14">
      <c r="N694488" s="10"/>
    </row>
    <row r="694489" spans="14:14">
      <c r="N694489" s="10"/>
    </row>
    <row r="694490" spans="14:14">
      <c r="N694490" s="10"/>
    </row>
    <row r="694491" spans="14:14">
      <c r="N694491" s="10"/>
    </row>
    <row r="694492" spans="14:14">
      <c r="N694492" s="10"/>
    </row>
    <row r="694493" spans="14:14">
      <c r="N694493" s="10"/>
    </row>
    <row r="694494" spans="14:14">
      <c r="N694494" s="10"/>
    </row>
    <row r="694495" spans="14:14">
      <c r="N694495" s="10"/>
    </row>
    <row r="694496" spans="14:14">
      <c r="N694496" s="10"/>
    </row>
    <row r="694497" spans="14:14">
      <c r="N694497" s="10"/>
    </row>
    <row r="694498" spans="14:14">
      <c r="N694498" s="10"/>
    </row>
    <row r="694499" spans="14:14">
      <c r="N694499" s="10"/>
    </row>
    <row r="694500" spans="14:14">
      <c r="N694500" s="10"/>
    </row>
    <row r="694501" spans="14:14">
      <c r="N694501" s="10"/>
    </row>
    <row r="694502" spans="14:14">
      <c r="N694502" s="10"/>
    </row>
    <row r="694503" spans="14:14">
      <c r="N694503" s="10"/>
    </row>
    <row r="694504" spans="14:14">
      <c r="N694504" s="10"/>
    </row>
    <row r="694505" spans="14:14">
      <c r="N694505" s="10"/>
    </row>
    <row r="694506" spans="14:14">
      <c r="N694506" s="10"/>
    </row>
    <row r="694507" spans="14:14">
      <c r="N694507" s="10"/>
    </row>
    <row r="694508" spans="14:14">
      <c r="N694508" s="10"/>
    </row>
    <row r="694509" spans="14:14">
      <c r="N694509" s="10"/>
    </row>
    <row r="694510" spans="14:14">
      <c r="N694510" s="10"/>
    </row>
    <row r="694511" spans="14:14">
      <c r="N694511" s="10"/>
    </row>
    <row r="694512" spans="14:14">
      <c r="N694512" s="10"/>
    </row>
    <row r="694513" spans="14:14">
      <c r="N694513" s="10"/>
    </row>
    <row r="694514" spans="14:14">
      <c r="N694514" s="10"/>
    </row>
    <row r="694515" spans="14:14">
      <c r="N694515" s="10"/>
    </row>
    <row r="694516" spans="14:14">
      <c r="N694516" s="10"/>
    </row>
    <row r="694517" spans="14:14">
      <c r="N694517" s="10"/>
    </row>
    <row r="694518" spans="14:14">
      <c r="N694518" s="10"/>
    </row>
    <row r="694519" spans="14:14">
      <c r="N694519" s="10"/>
    </row>
    <row r="694520" spans="14:14">
      <c r="N694520" s="10"/>
    </row>
    <row r="694521" spans="14:14">
      <c r="N694521" s="10"/>
    </row>
    <row r="694522" spans="14:14">
      <c r="N694522" s="10"/>
    </row>
    <row r="694523" spans="14:14">
      <c r="N694523" s="10"/>
    </row>
    <row r="694524" spans="14:14">
      <c r="N694524" s="10"/>
    </row>
    <row r="694525" spans="14:14">
      <c r="N694525" s="10"/>
    </row>
    <row r="694526" spans="14:14">
      <c r="N694526" s="10"/>
    </row>
    <row r="694527" spans="14:14">
      <c r="N694527" s="10"/>
    </row>
    <row r="694528" spans="14:14">
      <c r="N694528" s="10"/>
    </row>
    <row r="694529" spans="14:14">
      <c r="N694529" s="10"/>
    </row>
    <row r="694530" spans="14:14">
      <c r="N694530" s="10"/>
    </row>
    <row r="694531" spans="14:14">
      <c r="N694531" s="10"/>
    </row>
    <row r="694532" spans="14:14">
      <c r="N694532" s="10"/>
    </row>
    <row r="694533" spans="14:14">
      <c r="N694533" s="10"/>
    </row>
    <row r="694534" spans="14:14">
      <c r="N694534" s="10"/>
    </row>
    <row r="694535" spans="14:14">
      <c r="N694535" s="10"/>
    </row>
    <row r="694536" spans="14:14">
      <c r="N694536" s="10"/>
    </row>
    <row r="694537" spans="14:14">
      <c r="N694537" s="10"/>
    </row>
    <row r="694538" spans="14:14">
      <c r="N694538" s="10"/>
    </row>
    <row r="694539" spans="14:14">
      <c r="N694539" s="10"/>
    </row>
    <row r="694540" spans="14:14">
      <c r="N694540" s="10"/>
    </row>
    <row r="694541" spans="14:14">
      <c r="N694541" s="10"/>
    </row>
    <row r="694542" spans="14:14">
      <c r="N694542" s="10"/>
    </row>
    <row r="694543" spans="14:14">
      <c r="N694543" s="10"/>
    </row>
    <row r="694544" spans="14:14">
      <c r="N694544" s="10"/>
    </row>
    <row r="694545" spans="14:14">
      <c r="N694545" s="10"/>
    </row>
    <row r="694546" spans="14:14">
      <c r="N694546" s="10"/>
    </row>
    <row r="694547" spans="14:14">
      <c r="N694547" s="10"/>
    </row>
    <row r="694548" spans="14:14">
      <c r="N694548" s="10"/>
    </row>
    <row r="694549" spans="14:14">
      <c r="N694549" s="10"/>
    </row>
    <row r="694550" spans="14:14">
      <c r="N694550" s="10"/>
    </row>
    <row r="694551" spans="14:14">
      <c r="N694551" s="10"/>
    </row>
    <row r="694552" spans="14:14">
      <c r="N694552" s="10"/>
    </row>
    <row r="694553" spans="14:14">
      <c r="N694553" s="10"/>
    </row>
    <row r="694554" spans="14:14">
      <c r="N694554" s="10"/>
    </row>
    <row r="694555" spans="14:14">
      <c r="N694555" s="10"/>
    </row>
    <row r="694556" spans="14:14">
      <c r="N694556" s="10"/>
    </row>
    <row r="694557" spans="14:14">
      <c r="N694557" s="10"/>
    </row>
    <row r="694558" spans="14:14">
      <c r="N694558" s="10"/>
    </row>
    <row r="694559" spans="14:14">
      <c r="N694559" s="10"/>
    </row>
    <row r="694560" spans="14:14">
      <c r="N694560" s="10"/>
    </row>
    <row r="694561" spans="14:14">
      <c r="N694561" s="10"/>
    </row>
    <row r="694562" spans="14:14">
      <c r="N694562" s="10"/>
    </row>
    <row r="694563" spans="14:14">
      <c r="N694563" s="10"/>
    </row>
    <row r="694564" spans="14:14">
      <c r="N694564" s="10"/>
    </row>
    <row r="694565" spans="14:14">
      <c r="N694565" s="10"/>
    </row>
    <row r="694566" spans="14:14">
      <c r="N694566" s="10"/>
    </row>
    <row r="694567" spans="14:14">
      <c r="N694567" s="10"/>
    </row>
    <row r="694568" spans="14:14">
      <c r="N694568" s="10"/>
    </row>
    <row r="694569" spans="14:14">
      <c r="N694569" s="10"/>
    </row>
    <row r="694570" spans="14:14">
      <c r="N694570" s="10"/>
    </row>
    <row r="694571" spans="14:14">
      <c r="N694571" s="10"/>
    </row>
    <row r="694572" spans="14:14">
      <c r="N694572" s="10"/>
    </row>
    <row r="694573" spans="14:14">
      <c r="N694573" s="10"/>
    </row>
    <row r="694574" spans="14:14">
      <c r="N694574" s="10"/>
    </row>
    <row r="694575" spans="14:14">
      <c r="N694575" s="10"/>
    </row>
    <row r="694576" spans="14:14">
      <c r="N694576" s="10"/>
    </row>
    <row r="694577" spans="14:14">
      <c r="N694577" s="10"/>
    </row>
    <row r="694578" spans="14:14">
      <c r="N694578" s="10"/>
    </row>
    <row r="694579" spans="14:14">
      <c r="N694579" s="10"/>
    </row>
    <row r="694580" spans="14:14">
      <c r="N694580" s="10"/>
    </row>
    <row r="694581" spans="14:14">
      <c r="N694581" s="10"/>
    </row>
    <row r="694582" spans="14:14">
      <c r="N694582" s="10"/>
    </row>
    <row r="694583" spans="14:14">
      <c r="N694583" s="10"/>
    </row>
    <row r="694584" spans="14:14">
      <c r="N694584" s="10"/>
    </row>
    <row r="694585" spans="14:14">
      <c r="N694585" s="10"/>
    </row>
    <row r="694586" spans="14:14">
      <c r="N694586" s="10"/>
    </row>
    <row r="694587" spans="14:14">
      <c r="N694587" s="10"/>
    </row>
    <row r="694588" spans="14:14">
      <c r="N694588" s="10"/>
    </row>
    <row r="694589" spans="14:14">
      <c r="N694589" s="10"/>
    </row>
    <row r="694590" spans="14:14">
      <c r="N694590" s="10"/>
    </row>
    <row r="694591" spans="14:14">
      <c r="N694591" s="10"/>
    </row>
    <row r="694592" spans="14:14">
      <c r="N694592" s="10"/>
    </row>
    <row r="694593" spans="14:14">
      <c r="N694593" s="10"/>
    </row>
    <row r="694594" spans="14:14">
      <c r="N694594" s="10"/>
    </row>
    <row r="694595" spans="14:14">
      <c r="N694595" s="10"/>
    </row>
    <row r="694596" spans="14:14">
      <c r="N694596" s="10"/>
    </row>
    <row r="694597" spans="14:14">
      <c r="N694597" s="10"/>
    </row>
    <row r="694598" spans="14:14">
      <c r="N694598" s="10"/>
    </row>
    <row r="694599" spans="14:14">
      <c r="N694599" s="10"/>
    </row>
    <row r="694600" spans="14:14">
      <c r="N694600" s="10"/>
    </row>
    <row r="694601" spans="14:14">
      <c r="N694601" s="10"/>
    </row>
    <row r="694602" spans="14:14">
      <c r="N694602" s="10"/>
    </row>
    <row r="694603" spans="14:14">
      <c r="N694603" s="10"/>
    </row>
    <row r="694604" spans="14:14">
      <c r="N694604" s="10"/>
    </row>
    <row r="694605" spans="14:14">
      <c r="N694605" s="10"/>
    </row>
    <row r="694606" spans="14:14">
      <c r="N694606" s="10"/>
    </row>
    <row r="694607" spans="14:14">
      <c r="N694607" s="10"/>
    </row>
    <row r="694608" spans="14:14">
      <c r="N694608" s="10"/>
    </row>
    <row r="694609" spans="14:14">
      <c r="N694609" s="10"/>
    </row>
    <row r="694610" spans="14:14">
      <c r="N694610" s="10"/>
    </row>
    <row r="694611" spans="14:14">
      <c r="N694611" s="10"/>
    </row>
    <row r="694612" spans="14:14">
      <c r="N694612" s="10"/>
    </row>
    <row r="694613" spans="14:14">
      <c r="N694613" s="10"/>
    </row>
    <row r="694614" spans="14:14">
      <c r="N694614" s="10"/>
    </row>
    <row r="694615" spans="14:14">
      <c r="N694615" s="10"/>
    </row>
    <row r="694616" spans="14:14">
      <c r="N694616" s="10"/>
    </row>
    <row r="694617" spans="14:14">
      <c r="N694617" s="10"/>
    </row>
    <row r="694618" spans="14:14">
      <c r="N694618" s="10"/>
    </row>
    <row r="694619" spans="14:14">
      <c r="N694619" s="10"/>
    </row>
    <row r="694620" spans="14:14">
      <c r="N694620" s="10"/>
    </row>
    <row r="694621" spans="14:14">
      <c r="N694621" s="10"/>
    </row>
    <row r="694622" spans="14:14">
      <c r="N694622" s="10"/>
    </row>
    <row r="694623" spans="14:14">
      <c r="N694623" s="10"/>
    </row>
    <row r="694624" spans="14:14">
      <c r="N694624" s="10"/>
    </row>
    <row r="694625" spans="14:14">
      <c r="N694625" s="10"/>
    </row>
    <row r="694626" spans="14:14">
      <c r="N694626" s="10"/>
    </row>
    <row r="694627" spans="14:14">
      <c r="N694627" s="10"/>
    </row>
    <row r="694628" spans="14:14">
      <c r="N694628" s="10"/>
    </row>
    <row r="694629" spans="14:14">
      <c r="N694629" s="10"/>
    </row>
    <row r="694630" spans="14:14">
      <c r="N694630" s="10"/>
    </row>
    <row r="694631" spans="14:14">
      <c r="N694631" s="10"/>
    </row>
    <row r="694632" spans="14:14">
      <c r="N694632" s="10"/>
    </row>
    <row r="694633" spans="14:14">
      <c r="N694633" s="10"/>
    </row>
    <row r="694634" spans="14:14">
      <c r="N694634" s="10"/>
    </row>
    <row r="694635" spans="14:14">
      <c r="N694635" s="10"/>
    </row>
    <row r="694636" spans="14:14">
      <c r="N694636" s="10"/>
    </row>
    <row r="694637" spans="14:14">
      <c r="N694637" s="10"/>
    </row>
    <row r="694638" spans="14:14">
      <c r="N694638" s="10"/>
    </row>
    <row r="694639" spans="14:14">
      <c r="N694639" s="10"/>
    </row>
    <row r="694640" spans="14:14">
      <c r="N694640" s="10"/>
    </row>
    <row r="694641" spans="14:14">
      <c r="N694641" s="10"/>
    </row>
    <row r="694642" spans="14:14">
      <c r="N694642" s="10"/>
    </row>
    <row r="694643" spans="14:14">
      <c r="N694643" s="10"/>
    </row>
    <row r="694644" spans="14:14">
      <c r="N694644" s="10"/>
    </row>
    <row r="694645" spans="14:14">
      <c r="N694645" s="10"/>
    </row>
    <row r="694646" spans="14:14">
      <c r="N694646" s="10"/>
    </row>
    <row r="694647" spans="14:14">
      <c r="N694647" s="10"/>
    </row>
    <row r="694648" spans="14:14">
      <c r="N694648" s="10"/>
    </row>
    <row r="694649" spans="14:14">
      <c r="N694649" s="10"/>
    </row>
    <row r="694650" spans="14:14">
      <c r="N694650" s="10"/>
    </row>
    <row r="694651" spans="14:14">
      <c r="N694651" s="10"/>
    </row>
    <row r="694652" spans="14:14">
      <c r="N694652" s="10"/>
    </row>
    <row r="694653" spans="14:14">
      <c r="N694653" s="10"/>
    </row>
    <row r="694654" spans="14:14">
      <c r="N694654" s="10"/>
    </row>
    <row r="694655" spans="14:14">
      <c r="N694655" s="10"/>
    </row>
    <row r="694656" spans="14:14">
      <c r="N694656" s="10"/>
    </row>
    <row r="694657" spans="14:14">
      <c r="N694657" s="10"/>
    </row>
    <row r="694658" spans="14:14">
      <c r="N694658" s="10"/>
    </row>
    <row r="694659" spans="14:14">
      <c r="N694659" s="10"/>
    </row>
    <row r="694660" spans="14:14">
      <c r="N694660" s="10"/>
    </row>
    <row r="694661" spans="14:14">
      <c r="N694661" s="10"/>
    </row>
    <row r="694662" spans="14:14">
      <c r="N694662" s="10"/>
    </row>
    <row r="694663" spans="14:14">
      <c r="N694663" s="10"/>
    </row>
    <row r="694664" spans="14:14">
      <c r="N694664" s="10"/>
    </row>
    <row r="694665" spans="14:14">
      <c r="N694665" s="10"/>
    </row>
    <row r="694666" spans="14:14">
      <c r="N694666" s="10"/>
    </row>
    <row r="694667" spans="14:14">
      <c r="N694667" s="10"/>
    </row>
    <row r="694668" spans="14:14">
      <c r="N694668" s="10"/>
    </row>
    <row r="694669" spans="14:14">
      <c r="N694669" s="10"/>
    </row>
    <row r="694670" spans="14:14">
      <c r="N694670" s="10"/>
    </row>
    <row r="694671" spans="14:14">
      <c r="N694671" s="10"/>
    </row>
    <row r="694672" spans="14:14">
      <c r="N694672" s="10"/>
    </row>
    <row r="694673" spans="14:14">
      <c r="N694673" s="10"/>
    </row>
    <row r="694674" spans="14:14">
      <c r="N694674" s="10"/>
    </row>
    <row r="694675" spans="14:14">
      <c r="N694675" s="10"/>
    </row>
    <row r="694676" spans="14:14">
      <c r="N694676" s="10"/>
    </row>
    <row r="694677" spans="14:14">
      <c r="N694677" s="10"/>
    </row>
    <row r="694678" spans="14:14">
      <c r="N694678" s="10"/>
    </row>
    <row r="694679" spans="14:14">
      <c r="N694679" s="10"/>
    </row>
    <row r="694680" spans="14:14">
      <c r="N694680" s="10"/>
    </row>
    <row r="694681" spans="14:14">
      <c r="N694681" s="10"/>
    </row>
    <row r="694682" spans="14:14">
      <c r="N694682" s="10"/>
    </row>
    <row r="694683" spans="14:14">
      <c r="N694683" s="10"/>
    </row>
    <row r="694684" spans="14:14">
      <c r="N694684" s="10"/>
    </row>
    <row r="694685" spans="14:14">
      <c r="N694685" s="10"/>
    </row>
    <row r="694686" spans="14:14">
      <c r="N694686" s="10"/>
    </row>
    <row r="694687" spans="14:14">
      <c r="N694687" s="10"/>
    </row>
    <row r="694688" spans="14:14">
      <c r="N694688" s="10"/>
    </row>
    <row r="694689" spans="14:14">
      <c r="N694689" s="10"/>
    </row>
    <row r="694690" spans="14:14">
      <c r="N694690" s="10"/>
    </row>
    <row r="694691" spans="14:14">
      <c r="N694691" s="10"/>
    </row>
    <row r="694692" spans="14:14">
      <c r="N694692" s="10"/>
    </row>
    <row r="694693" spans="14:14">
      <c r="N694693" s="10"/>
    </row>
    <row r="694694" spans="14:14">
      <c r="N694694" s="10"/>
    </row>
    <row r="694695" spans="14:14">
      <c r="N694695" s="10"/>
    </row>
    <row r="694696" spans="14:14">
      <c r="N694696" s="10"/>
    </row>
    <row r="694697" spans="14:14">
      <c r="N694697" s="10"/>
    </row>
    <row r="694698" spans="14:14">
      <c r="N694698" s="10"/>
    </row>
    <row r="694699" spans="14:14">
      <c r="N694699" s="10"/>
    </row>
    <row r="694700" spans="14:14">
      <c r="N694700" s="10"/>
    </row>
    <row r="694701" spans="14:14">
      <c r="N694701" s="10"/>
    </row>
    <row r="694702" spans="14:14">
      <c r="N694702" s="10"/>
    </row>
    <row r="694703" spans="14:14">
      <c r="N694703" s="10"/>
    </row>
    <row r="694704" spans="14:14">
      <c r="N694704" s="10"/>
    </row>
    <row r="694705" spans="14:14">
      <c r="N694705" s="10"/>
    </row>
    <row r="694706" spans="14:14">
      <c r="N694706" s="10"/>
    </row>
    <row r="694707" spans="14:14">
      <c r="N694707" s="10"/>
    </row>
    <row r="694708" spans="14:14">
      <c r="N694708" s="10"/>
    </row>
    <row r="694709" spans="14:14">
      <c r="N694709" s="10"/>
    </row>
    <row r="694710" spans="14:14">
      <c r="N694710" s="10"/>
    </row>
    <row r="694711" spans="14:14">
      <c r="N694711" s="10"/>
    </row>
    <row r="694712" spans="14:14">
      <c r="N694712" s="10"/>
    </row>
    <row r="694713" spans="14:14">
      <c r="N694713" s="10"/>
    </row>
    <row r="694714" spans="14:14">
      <c r="N694714" s="10"/>
    </row>
    <row r="694715" spans="14:14">
      <c r="N694715" s="10"/>
    </row>
    <row r="694716" spans="14:14">
      <c r="N694716" s="10"/>
    </row>
    <row r="694717" spans="14:14">
      <c r="N694717" s="10"/>
    </row>
    <row r="694718" spans="14:14">
      <c r="N694718" s="10"/>
    </row>
    <row r="694719" spans="14:14">
      <c r="N694719" s="10"/>
    </row>
    <row r="694720" spans="14:14">
      <c r="N694720" s="10"/>
    </row>
    <row r="694721" spans="14:14">
      <c r="N694721" s="10"/>
    </row>
    <row r="694722" spans="14:14">
      <c r="N694722" s="10"/>
    </row>
    <row r="694723" spans="14:14">
      <c r="N694723" s="10"/>
    </row>
    <row r="694724" spans="14:14">
      <c r="N694724" s="10"/>
    </row>
    <row r="694725" spans="14:14">
      <c r="N694725" s="10"/>
    </row>
    <row r="694726" spans="14:14">
      <c r="N694726" s="10"/>
    </row>
    <row r="694727" spans="14:14">
      <c r="N694727" s="10"/>
    </row>
    <row r="694728" spans="14:14">
      <c r="N694728" s="10"/>
    </row>
    <row r="694729" spans="14:14">
      <c r="N694729" s="10"/>
    </row>
    <row r="694730" spans="14:14">
      <c r="N694730" s="10"/>
    </row>
    <row r="694731" spans="14:14">
      <c r="N694731" s="10"/>
    </row>
    <row r="694732" spans="14:14">
      <c r="N694732" s="10"/>
    </row>
    <row r="694733" spans="14:14">
      <c r="N694733" s="10"/>
    </row>
    <row r="694734" spans="14:14">
      <c r="N694734" s="10"/>
    </row>
    <row r="694735" spans="14:14">
      <c r="N694735" s="10"/>
    </row>
    <row r="694736" spans="14:14">
      <c r="N694736" s="10"/>
    </row>
    <row r="694737" spans="14:14">
      <c r="N694737" s="10"/>
    </row>
    <row r="694738" spans="14:14">
      <c r="N694738" s="10"/>
    </row>
    <row r="694739" spans="14:14">
      <c r="N694739" s="10"/>
    </row>
    <row r="694740" spans="14:14">
      <c r="N694740" s="10"/>
    </row>
    <row r="694741" spans="14:14">
      <c r="N694741" s="10"/>
    </row>
    <row r="694742" spans="14:14">
      <c r="N694742" s="10"/>
    </row>
    <row r="694743" spans="14:14">
      <c r="N694743" s="10"/>
    </row>
    <row r="694744" spans="14:14">
      <c r="N694744" s="10"/>
    </row>
    <row r="694745" spans="14:14">
      <c r="N694745" s="10"/>
    </row>
    <row r="694746" spans="14:14">
      <c r="N694746" s="10"/>
    </row>
    <row r="694747" spans="14:14">
      <c r="N694747" s="10"/>
    </row>
    <row r="694748" spans="14:14">
      <c r="N694748" s="10"/>
    </row>
    <row r="694749" spans="14:14">
      <c r="N694749" s="10"/>
    </row>
    <row r="694750" spans="14:14">
      <c r="N694750" s="10"/>
    </row>
    <row r="694751" spans="14:14">
      <c r="N694751" s="10"/>
    </row>
    <row r="694752" spans="14:14">
      <c r="N694752" s="10"/>
    </row>
    <row r="694753" spans="14:14">
      <c r="N694753" s="10"/>
    </row>
    <row r="694754" spans="14:14">
      <c r="N694754" s="10"/>
    </row>
    <row r="694755" spans="14:14">
      <c r="N694755" s="10"/>
    </row>
    <row r="694756" spans="14:14">
      <c r="N694756" s="10"/>
    </row>
    <row r="694757" spans="14:14">
      <c r="N694757" s="10"/>
    </row>
    <row r="694758" spans="14:14">
      <c r="N694758" s="10"/>
    </row>
    <row r="694759" spans="14:14">
      <c r="N694759" s="10"/>
    </row>
    <row r="694760" spans="14:14">
      <c r="N694760" s="10"/>
    </row>
    <row r="694761" spans="14:14">
      <c r="N694761" s="10"/>
    </row>
    <row r="694762" spans="14:14">
      <c r="N694762" s="10"/>
    </row>
    <row r="694763" spans="14:14">
      <c r="N694763" s="10"/>
    </row>
    <row r="694764" spans="14:14">
      <c r="N694764" s="10"/>
    </row>
    <row r="694765" spans="14:14">
      <c r="N694765" s="10"/>
    </row>
    <row r="694766" spans="14:14">
      <c r="N694766" s="10"/>
    </row>
    <row r="694767" spans="14:14">
      <c r="N694767" s="10"/>
    </row>
    <row r="694768" spans="14:14">
      <c r="N694768" s="10"/>
    </row>
    <row r="694769" spans="14:14">
      <c r="N694769" s="10"/>
    </row>
    <row r="694770" spans="14:14">
      <c r="N694770" s="10"/>
    </row>
    <row r="694771" spans="14:14">
      <c r="N694771" s="10"/>
    </row>
    <row r="694772" spans="14:14">
      <c r="N694772" s="10"/>
    </row>
    <row r="694773" spans="14:14">
      <c r="N694773" s="10"/>
    </row>
    <row r="694774" spans="14:14">
      <c r="N694774" s="10"/>
    </row>
    <row r="694775" spans="14:14">
      <c r="N694775" s="10"/>
    </row>
    <row r="694776" spans="14:14">
      <c r="N694776" s="10"/>
    </row>
    <row r="694777" spans="14:14">
      <c r="N694777" s="10"/>
    </row>
    <row r="694778" spans="14:14">
      <c r="N694778" s="10"/>
    </row>
    <row r="694779" spans="14:14">
      <c r="N694779" s="10"/>
    </row>
    <row r="694780" spans="14:14">
      <c r="N694780" s="10"/>
    </row>
    <row r="694781" spans="14:14">
      <c r="N694781" s="10"/>
    </row>
    <row r="694782" spans="14:14">
      <c r="N694782" s="10"/>
    </row>
    <row r="694783" spans="14:14">
      <c r="N694783" s="10"/>
    </row>
    <row r="694784" spans="14:14">
      <c r="N694784" s="10"/>
    </row>
    <row r="694785" spans="14:14">
      <c r="N694785" s="10"/>
    </row>
    <row r="694786" spans="14:14">
      <c r="N694786" s="10"/>
    </row>
    <row r="694787" spans="14:14">
      <c r="N694787" s="10"/>
    </row>
    <row r="694788" spans="14:14">
      <c r="N694788" s="10"/>
    </row>
    <row r="694789" spans="14:14">
      <c r="N694789" s="10"/>
    </row>
    <row r="694790" spans="14:14">
      <c r="N694790" s="10"/>
    </row>
    <row r="694791" spans="14:14">
      <c r="N694791" s="10"/>
    </row>
    <row r="694792" spans="14:14">
      <c r="N694792" s="10"/>
    </row>
    <row r="694793" spans="14:14">
      <c r="N694793" s="10"/>
    </row>
    <row r="694794" spans="14:14">
      <c r="N694794" s="10"/>
    </row>
    <row r="694795" spans="14:14">
      <c r="N694795" s="10"/>
    </row>
    <row r="694796" spans="14:14">
      <c r="N694796" s="10"/>
    </row>
    <row r="694797" spans="14:14">
      <c r="N694797" s="10"/>
    </row>
    <row r="694798" spans="14:14">
      <c r="N694798" s="10"/>
    </row>
    <row r="694799" spans="14:14">
      <c r="N694799" s="10"/>
    </row>
    <row r="694800" spans="14:14">
      <c r="N694800" s="10"/>
    </row>
    <row r="694801" spans="14:14">
      <c r="N694801" s="10"/>
    </row>
    <row r="694802" spans="14:14">
      <c r="N694802" s="10"/>
    </row>
    <row r="694803" spans="14:14">
      <c r="N694803" s="10"/>
    </row>
    <row r="694804" spans="14:14">
      <c r="N694804" s="10"/>
    </row>
    <row r="694805" spans="14:14">
      <c r="N694805" s="10"/>
    </row>
    <row r="694806" spans="14:14">
      <c r="N694806" s="10"/>
    </row>
    <row r="694807" spans="14:14">
      <c r="N694807" s="10"/>
    </row>
    <row r="694808" spans="14:14">
      <c r="N694808" s="10"/>
    </row>
    <row r="694809" spans="14:14">
      <c r="N694809" s="10"/>
    </row>
    <row r="694810" spans="14:14">
      <c r="N694810" s="10"/>
    </row>
    <row r="694811" spans="14:14">
      <c r="N694811" s="10"/>
    </row>
    <row r="694812" spans="14:14">
      <c r="N694812" s="10"/>
    </row>
    <row r="694813" spans="14:14">
      <c r="N694813" s="10"/>
    </row>
    <row r="694814" spans="14:14">
      <c r="N694814" s="10"/>
    </row>
    <row r="694815" spans="14:14">
      <c r="N694815" s="10"/>
    </row>
    <row r="694816" spans="14:14">
      <c r="N694816" s="10"/>
    </row>
    <row r="694817" spans="14:14">
      <c r="N694817" s="10"/>
    </row>
    <row r="694818" spans="14:14">
      <c r="N694818" s="10"/>
    </row>
    <row r="694819" spans="14:14">
      <c r="N694819" s="10"/>
    </row>
    <row r="694820" spans="14:14">
      <c r="N694820" s="10"/>
    </row>
    <row r="694821" spans="14:14">
      <c r="N694821" s="10"/>
    </row>
    <row r="694822" spans="14:14">
      <c r="N694822" s="10"/>
    </row>
    <row r="694823" spans="14:14">
      <c r="N694823" s="10"/>
    </row>
    <row r="694824" spans="14:14">
      <c r="N694824" s="10"/>
    </row>
    <row r="694825" spans="14:14">
      <c r="N694825" s="10"/>
    </row>
    <row r="694826" spans="14:14">
      <c r="N694826" s="10"/>
    </row>
    <row r="694827" spans="14:14">
      <c r="N694827" s="10"/>
    </row>
    <row r="694828" spans="14:14">
      <c r="N694828" s="10"/>
    </row>
    <row r="694829" spans="14:14">
      <c r="N694829" s="10"/>
    </row>
    <row r="694830" spans="14:14">
      <c r="N694830" s="10"/>
    </row>
    <row r="694831" spans="14:14">
      <c r="N694831" s="10"/>
    </row>
    <row r="694832" spans="14:14">
      <c r="N694832" s="10"/>
    </row>
    <row r="694833" spans="14:14">
      <c r="N694833" s="10"/>
    </row>
    <row r="694834" spans="14:14">
      <c r="N694834" s="10"/>
    </row>
    <row r="694835" spans="14:14">
      <c r="N694835" s="10"/>
    </row>
    <row r="694836" spans="14:14">
      <c r="N694836" s="10"/>
    </row>
    <row r="694837" spans="14:14">
      <c r="N694837" s="10"/>
    </row>
    <row r="694838" spans="14:14">
      <c r="N694838" s="10"/>
    </row>
    <row r="694839" spans="14:14">
      <c r="N694839" s="10"/>
    </row>
    <row r="694840" spans="14:14">
      <c r="N694840" s="10"/>
    </row>
    <row r="694841" spans="14:14">
      <c r="N694841" s="10"/>
    </row>
    <row r="694842" spans="14:14">
      <c r="N694842" s="10"/>
    </row>
    <row r="694843" spans="14:14">
      <c r="N694843" s="10"/>
    </row>
    <row r="694844" spans="14:14">
      <c r="N694844" s="10"/>
    </row>
    <row r="694845" spans="14:14">
      <c r="N694845" s="10"/>
    </row>
    <row r="694846" spans="14:14">
      <c r="N694846" s="10"/>
    </row>
    <row r="694847" spans="14:14">
      <c r="N694847" s="10"/>
    </row>
    <row r="694848" spans="14:14">
      <c r="N694848" s="10"/>
    </row>
    <row r="694849" spans="14:14">
      <c r="N694849" s="10"/>
    </row>
    <row r="694850" spans="14:14">
      <c r="N694850" s="10"/>
    </row>
    <row r="694851" spans="14:14">
      <c r="N694851" s="10"/>
    </row>
    <row r="694852" spans="14:14">
      <c r="N694852" s="10"/>
    </row>
    <row r="694853" spans="14:14">
      <c r="N694853" s="10"/>
    </row>
    <row r="694854" spans="14:14">
      <c r="N694854" s="10"/>
    </row>
    <row r="694855" spans="14:14">
      <c r="N694855" s="10"/>
    </row>
    <row r="694856" spans="14:14">
      <c r="N694856" s="10"/>
    </row>
    <row r="694857" spans="14:14">
      <c r="N694857" s="10"/>
    </row>
    <row r="694858" spans="14:14">
      <c r="N694858" s="10"/>
    </row>
    <row r="694859" spans="14:14">
      <c r="N694859" s="10"/>
    </row>
    <row r="694860" spans="14:14">
      <c r="N694860" s="10"/>
    </row>
    <row r="694861" spans="14:14">
      <c r="N694861" s="10"/>
    </row>
    <row r="694862" spans="14:14">
      <c r="N694862" s="10"/>
    </row>
    <row r="694863" spans="14:14">
      <c r="N694863" s="10"/>
    </row>
    <row r="694864" spans="14:14">
      <c r="N694864" s="10"/>
    </row>
    <row r="694865" spans="14:14">
      <c r="N694865" s="10"/>
    </row>
    <row r="694866" spans="14:14">
      <c r="N694866" s="10"/>
    </row>
    <row r="694867" spans="14:14">
      <c r="N694867" s="10"/>
    </row>
    <row r="694868" spans="14:14">
      <c r="N694868" s="10"/>
    </row>
    <row r="694869" spans="14:14">
      <c r="N694869" s="10"/>
    </row>
    <row r="694870" spans="14:14">
      <c r="N694870" s="10"/>
    </row>
    <row r="694871" spans="14:14">
      <c r="N694871" s="10"/>
    </row>
    <row r="694872" spans="14:14">
      <c r="N694872" s="10"/>
    </row>
    <row r="694873" spans="14:14">
      <c r="N694873" s="10"/>
    </row>
    <row r="694874" spans="14:14">
      <c r="N694874" s="10"/>
    </row>
    <row r="694875" spans="14:14">
      <c r="N694875" s="10"/>
    </row>
    <row r="694876" spans="14:14">
      <c r="N694876" s="10"/>
    </row>
    <row r="694877" spans="14:14">
      <c r="N694877" s="10"/>
    </row>
    <row r="694878" spans="14:14">
      <c r="N694878" s="10"/>
    </row>
    <row r="694879" spans="14:14">
      <c r="N694879" s="10"/>
    </row>
    <row r="694880" spans="14:14">
      <c r="N694880" s="10"/>
    </row>
    <row r="694881" spans="14:14">
      <c r="N694881" s="10"/>
    </row>
    <row r="694882" spans="14:14">
      <c r="N694882" s="10"/>
    </row>
    <row r="694883" spans="14:14">
      <c r="N694883" s="10"/>
    </row>
    <row r="694884" spans="14:14">
      <c r="N694884" s="10"/>
    </row>
    <row r="694885" spans="14:14">
      <c r="N694885" s="10"/>
    </row>
    <row r="694886" spans="14:14">
      <c r="N694886" s="10"/>
    </row>
    <row r="694887" spans="14:14">
      <c r="N694887" s="10"/>
    </row>
    <row r="694888" spans="14:14">
      <c r="N694888" s="10"/>
    </row>
    <row r="694889" spans="14:14">
      <c r="N694889" s="10"/>
    </row>
    <row r="694890" spans="14:14">
      <c r="N694890" s="10"/>
    </row>
    <row r="694891" spans="14:14">
      <c r="N694891" s="10"/>
    </row>
    <row r="694892" spans="14:14">
      <c r="N694892" s="10"/>
    </row>
    <row r="694893" spans="14:14">
      <c r="N694893" s="10"/>
    </row>
    <row r="694894" spans="14:14">
      <c r="N694894" s="10"/>
    </row>
    <row r="694895" spans="14:14">
      <c r="N694895" s="10"/>
    </row>
    <row r="694896" spans="14:14">
      <c r="N694896" s="10"/>
    </row>
    <row r="694897" spans="14:14">
      <c r="N694897" s="10"/>
    </row>
    <row r="694898" spans="14:14">
      <c r="N694898" s="10"/>
    </row>
    <row r="694899" spans="14:14">
      <c r="N694899" s="10"/>
    </row>
    <row r="694900" spans="14:14">
      <c r="N694900" s="10"/>
    </row>
    <row r="694901" spans="14:14">
      <c r="N694901" s="10"/>
    </row>
    <row r="694902" spans="14:14">
      <c r="N694902" s="10"/>
    </row>
    <row r="694903" spans="14:14">
      <c r="N694903" s="10"/>
    </row>
    <row r="694904" spans="14:14">
      <c r="N694904" s="10"/>
    </row>
    <row r="694905" spans="14:14">
      <c r="N694905" s="10"/>
    </row>
    <row r="694906" spans="14:14">
      <c r="N694906" s="10"/>
    </row>
    <row r="694907" spans="14:14">
      <c r="N694907" s="10"/>
    </row>
    <row r="694908" spans="14:14">
      <c r="N694908" s="10"/>
    </row>
    <row r="694909" spans="14:14">
      <c r="N694909" s="10"/>
    </row>
    <row r="694910" spans="14:14">
      <c r="N694910" s="10"/>
    </row>
    <row r="694911" spans="14:14">
      <c r="N694911" s="10"/>
    </row>
    <row r="694912" spans="14:14">
      <c r="N694912" s="10"/>
    </row>
    <row r="694913" spans="14:14">
      <c r="N694913" s="10"/>
    </row>
    <row r="694914" spans="14:14">
      <c r="N694914" s="10"/>
    </row>
    <row r="694915" spans="14:14">
      <c r="N694915" s="10"/>
    </row>
    <row r="694916" spans="14:14">
      <c r="N694916" s="10"/>
    </row>
    <row r="694917" spans="14:14">
      <c r="N694917" s="10"/>
    </row>
    <row r="694918" spans="14:14">
      <c r="N694918" s="10"/>
    </row>
    <row r="694919" spans="14:14">
      <c r="N694919" s="10"/>
    </row>
    <row r="694920" spans="14:14">
      <c r="N694920" s="10"/>
    </row>
    <row r="694921" spans="14:14">
      <c r="N694921" s="10"/>
    </row>
    <row r="694922" spans="14:14">
      <c r="N694922" s="10"/>
    </row>
    <row r="694923" spans="14:14">
      <c r="N694923" s="10"/>
    </row>
    <row r="694924" spans="14:14">
      <c r="N694924" s="10"/>
    </row>
    <row r="694925" spans="14:14">
      <c r="N694925" s="10"/>
    </row>
    <row r="694926" spans="14:14">
      <c r="N694926" s="10"/>
    </row>
    <row r="694927" spans="14:14">
      <c r="N694927" s="10"/>
    </row>
    <row r="694928" spans="14:14">
      <c r="N694928" s="10"/>
    </row>
    <row r="694929" spans="14:14">
      <c r="N694929" s="10"/>
    </row>
    <row r="694930" spans="14:14">
      <c r="N694930" s="10"/>
    </row>
    <row r="694931" spans="14:14">
      <c r="N694931" s="10"/>
    </row>
    <row r="694932" spans="14:14">
      <c r="N694932" s="10"/>
    </row>
    <row r="694933" spans="14:14">
      <c r="N694933" s="10"/>
    </row>
    <row r="694934" spans="14:14">
      <c r="N694934" s="10"/>
    </row>
    <row r="694935" spans="14:14">
      <c r="N694935" s="10"/>
    </row>
    <row r="694936" spans="14:14">
      <c r="N694936" s="10"/>
    </row>
    <row r="694937" spans="14:14">
      <c r="N694937" s="10"/>
    </row>
    <row r="694938" spans="14:14">
      <c r="N694938" s="10"/>
    </row>
    <row r="694939" spans="14:14">
      <c r="N694939" s="10"/>
    </row>
    <row r="694940" spans="14:14">
      <c r="N694940" s="10"/>
    </row>
    <row r="694941" spans="14:14">
      <c r="N694941" s="10"/>
    </row>
    <row r="694942" spans="14:14">
      <c r="N694942" s="10"/>
    </row>
    <row r="694943" spans="14:14">
      <c r="N694943" s="10"/>
    </row>
    <row r="694944" spans="14:14">
      <c r="N694944" s="10"/>
    </row>
    <row r="694945" spans="14:14">
      <c r="N694945" s="10"/>
    </row>
    <row r="694946" spans="14:14">
      <c r="N694946" s="10"/>
    </row>
    <row r="694947" spans="14:14">
      <c r="N694947" s="10"/>
    </row>
    <row r="694948" spans="14:14">
      <c r="N694948" s="10"/>
    </row>
    <row r="694949" spans="14:14">
      <c r="N694949" s="10"/>
    </row>
    <row r="694950" spans="14:14">
      <c r="N694950" s="10"/>
    </row>
    <row r="694951" spans="14:14">
      <c r="N694951" s="10"/>
    </row>
    <row r="694952" spans="14:14">
      <c r="N694952" s="10"/>
    </row>
    <row r="694953" spans="14:14">
      <c r="N694953" s="10"/>
    </row>
    <row r="694954" spans="14:14">
      <c r="N694954" s="10"/>
    </row>
    <row r="694955" spans="14:14">
      <c r="N694955" s="10"/>
    </row>
    <row r="694956" spans="14:14">
      <c r="N694956" s="10"/>
    </row>
    <row r="694957" spans="14:14">
      <c r="N694957" s="10"/>
    </row>
    <row r="694958" spans="14:14">
      <c r="N694958" s="10"/>
    </row>
    <row r="694959" spans="14:14">
      <c r="N694959" s="10"/>
    </row>
    <row r="694960" spans="14:14">
      <c r="N694960" s="10"/>
    </row>
    <row r="694961" spans="14:14">
      <c r="N694961" s="10"/>
    </row>
    <row r="694962" spans="14:14">
      <c r="N694962" s="10"/>
    </row>
    <row r="694963" spans="14:14">
      <c r="N694963" s="10"/>
    </row>
    <row r="694964" spans="14:14">
      <c r="N694964" s="10"/>
    </row>
    <row r="694965" spans="14:14">
      <c r="N694965" s="10"/>
    </row>
    <row r="694966" spans="14:14">
      <c r="N694966" s="10"/>
    </row>
    <row r="694967" spans="14:14">
      <c r="N694967" s="10"/>
    </row>
    <row r="694968" spans="14:14">
      <c r="N694968" s="10"/>
    </row>
    <row r="694969" spans="14:14">
      <c r="N694969" s="10"/>
    </row>
    <row r="694970" spans="14:14">
      <c r="N694970" s="10"/>
    </row>
    <row r="694971" spans="14:14">
      <c r="N694971" s="10"/>
    </row>
    <row r="694972" spans="14:14">
      <c r="N694972" s="10"/>
    </row>
    <row r="694973" spans="14:14">
      <c r="N694973" s="10"/>
    </row>
    <row r="694974" spans="14:14">
      <c r="N694974" s="10"/>
    </row>
    <row r="694975" spans="14:14">
      <c r="N694975" s="10"/>
    </row>
    <row r="694976" spans="14:14">
      <c r="N694976" s="10"/>
    </row>
    <row r="694977" spans="14:14">
      <c r="N694977" s="10"/>
    </row>
    <row r="694978" spans="14:14">
      <c r="N694978" s="10"/>
    </row>
    <row r="694979" spans="14:14">
      <c r="N694979" s="10"/>
    </row>
    <row r="694980" spans="14:14">
      <c r="N694980" s="10"/>
    </row>
    <row r="694981" spans="14:14">
      <c r="N694981" s="10"/>
    </row>
    <row r="694982" spans="14:14">
      <c r="N694982" s="10"/>
    </row>
    <row r="694983" spans="14:14">
      <c r="N694983" s="10"/>
    </row>
    <row r="694984" spans="14:14">
      <c r="N694984" s="10"/>
    </row>
    <row r="694985" spans="14:14">
      <c r="N694985" s="10"/>
    </row>
    <row r="694986" spans="14:14">
      <c r="N694986" s="10"/>
    </row>
    <row r="694987" spans="14:14">
      <c r="N694987" s="10"/>
    </row>
    <row r="694988" spans="14:14">
      <c r="N694988" s="10"/>
    </row>
    <row r="694989" spans="14:14">
      <c r="N694989" s="10"/>
    </row>
    <row r="694990" spans="14:14">
      <c r="N694990" s="10"/>
    </row>
    <row r="694991" spans="14:14">
      <c r="N694991" s="10"/>
    </row>
    <row r="694992" spans="14:14">
      <c r="N694992" s="10"/>
    </row>
    <row r="694993" spans="14:14">
      <c r="N694993" s="10"/>
    </row>
    <row r="694994" spans="14:14">
      <c r="N694994" s="10"/>
    </row>
    <row r="694995" spans="14:14">
      <c r="N694995" s="10"/>
    </row>
    <row r="694996" spans="14:14">
      <c r="N694996" s="10"/>
    </row>
    <row r="694997" spans="14:14">
      <c r="N694997" s="10"/>
    </row>
    <row r="694998" spans="14:14">
      <c r="N694998" s="10"/>
    </row>
    <row r="694999" spans="14:14">
      <c r="N694999" s="10"/>
    </row>
    <row r="695000" spans="14:14">
      <c r="N695000" s="10"/>
    </row>
    <row r="695001" spans="14:14">
      <c r="N695001" s="10"/>
    </row>
    <row r="695002" spans="14:14">
      <c r="N695002" s="10"/>
    </row>
    <row r="695003" spans="14:14">
      <c r="N695003" s="10"/>
    </row>
    <row r="695004" spans="14:14">
      <c r="N695004" s="10"/>
    </row>
    <row r="695005" spans="14:14">
      <c r="N695005" s="10"/>
    </row>
    <row r="695006" spans="14:14">
      <c r="N695006" s="10"/>
    </row>
    <row r="695007" spans="14:14">
      <c r="N695007" s="10"/>
    </row>
    <row r="695008" spans="14:14">
      <c r="N695008" s="10"/>
    </row>
    <row r="695009" spans="14:14">
      <c r="N695009" s="10"/>
    </row>
    <row r="695010" spans="14:14">
      <c r="N695010" s="10"/>
    </row>
    <row r="695011" spans="14:14">
      <c r="N695011" s="10"/>
    </row>
    <row r="695012" spans="14:14">
      <c r="N695012" s="10"/>
    </row>
    <row r="695013" spans="14:14">
      <c r="N695013" s="10"/>
    </row>
    <row r="695014" spans="14:14">
      <c r="N695014" s="10"/>
    </row>
    <row r="695015" spans="14:14">
      <c r="N695015" s="10"/>
    </row>
    <row r="695016" spans="14:14">
      <c r="N695016" s="10"/>
    </row>
    <row r="695017" spans="14:14">
      <c r="N695017" s="10"/>
    </row>
    <row r="695018" spans="14:14">
      <c r="N695018" s="10"/>
    </row>
    <row r="695019" spans="14:14">
      <c r="N695019" s="10"/>
    </row>
    <row r="695020" spans="14:14">
      <c r="N695020" s="10"/>
    </row>
    <row r="695021" spans="14:14">
      <c r="N695021" s="10"/>
    </row>
    <row r="695022" spans="14:14">
      <c r="N695022" s="10"/>
    </row>
    <row r="695023" spans="14:14">
      <c r="N695023" s="10"/>
    </row>
    <row r="695024" spans="14:14">
      <c r="N695024" s="10"/>
    </row>
    <row r="695025" spans="14:14">
      <c r="N695025" s="10"/>
    </row>
    <row r="695026" spans="14:14">
      <c r="N695026" s="10"/>
    </row>
    <row r="695027" spans="14:14">
      <c r="N695027" s="10"/>
    </row>
    <row r="695028" spans="14:14">
      <c r="N695028" s="10"/>
    </row>
    <row r="695029" spans="14:14">
      <c r="N695029" s="10"/>
    </row>
    <row r="695030" spans="14:14">
      <c r="N695030" s="10"/>
    </row>
    <row r="695031" spans="14:14">
      <c r="N695031" s="10"/>
    </row>
    <row r="695032" spans="14:14">
      <c r="N695032" s="10"/>
    </row>
    <row r="695033" spans="14:14">
      <c r="N695033" s="10"/>
    </row>
    <row r="695034" spans="14:14">
      <c r="N695034" s="10"/>
    </row>
    <row r="695035" spans="14:14">
      <c r="N695035" s="10"/>
    </row>
    <row r="695036" spans="14:14">
      <c r="N695036" s="10"/>
    </row>
    <row r="695037" spans="14:14">
      <c r="N695037" s="10"/>
    </row>
    <row r="695038" spans="14:14">
      <c r="N695038" s="10"/>
    </row>
    <row r="695039" spans="14:14">
      <c r="N695039" s="10"/>
    </row>
    <row r="695040" spans="14:14">
      <c r="N695040" s="10"/>
    </row>
    <row r="695041" spans="14:14">
      <c r="N695041" s="10"/>
    </row>
    <row r="695042" spans="14:14">
      <c r="N695042" s="10"/>
    </row>
    <row r="695043" spans="14:14">
      <c r="N695043" s="10"/>
    </row>
    <row r="695044" spans="14:14">
      <c r="N695044" s="10"/>
    </row>
    <row r="695045" spans="14:14">
      <c r="N695045" s="10"/>
    </row>
    <row r="695046" spans="14:14">
      <c r="N695046" s="10"/>
    </row>
    <row r="695047" spans="14:14">
      <c r="N695047" s="10"/>
    </row>
    <row r="695048" spans="14:14">
      <c r="N695048" s="10"/>
    </row>
    <row r="695049" spans="14:14">
      <c r="N695049" s="10"/>
    </row>
    <row r="695050" spans="14:14">
      <c r="N695050" s="10"/>
    </row>
    <row r="695051" spans="14:14">
      <c r="N695051" s="10"/>
    </row>
    <row r="695052" spans="14:14">
      <c r="N695052" s="10"/>
    </row>
    <row r="695053" spans="14:14">
      <c r="N695053" s="10"/>
    </row>
    <row r="695054" spans="14:14">
      <c r="N695054" s="10"/>
    </row>
    <row r="695055" spans="14:14">
      <c r="N695055" s="10"/>
    </row>
    <row r="695056" spans="14:14">
      <c r="N695056" s="10"/>
    </row>
    <row r="695057" spans="14:14">
      <c r="N695057" s="10"/>
    </row>
    <row r="695058" spans="14:14">
      <c r="N695058" s="10"/>
    </row>
    <row r="695059" spans="14:14">
      <c r="N695059" s="10"/>
    </row>
    <row r="695060" spans="14:14">
      <c r="N695060" s="10"/>
    </row>
    <row r="695061" spans="14:14">
      <c r="N695061" s="10"/>
    </row>
    <row r="695062" spans="14:14">
      <c r="N695062" s="10"/>
    </row>
    <row r="695063" spans="14:14">
      <c r="N695063" s="10"/>
    </row>
    <row r="695064" spans="14:14">
      <c r="N695064" s="10"/>
    </row>
    <row r="695065" spans="14:14">
      <c r="N695065" s="10"/>
    </row>
    <row r="695066" spans="14:14">
      <c r="N695066" s="10"/>
    </row>
    <row r="695067" spans="14:14">
      <c r="N695067" s="10"/>
    </row>
    <row r="695068" spans="14:14">
      <c r="N695068" s="10"/>
    </row>
    <row r="695069" spans="14:14">
      <c r="N695069" s="10"/>
    </row>
    <row r="695070" spans="14:14">
      <c r="N695070" s="10"/>
    </row>
    <row r="695071" spans="14:14">
      <c r="N695071" s="10"/>
    </row>
    <row r="695072" spans="14:14">
      <c r="N695072" s="10"/>
    </row>
    <row r="695073" spans="14:14">
      <c r="N695073" s="10"/>
    </row>
    <row r="695074" spans="14:14">
      <c r="N695074" s="10"/>
    </row>
    <row r="695075" spans="14:14">
      <c r="N695075" s="10"/>
    </row>
    <row r="695076" spans="14:14">
      <c r="N695076" s="10"/>
    </row>
    <row r="695077" spans="14:14">
      <c r="N695077" s="10"/>
    </row>
    <row r="695078" spans="14:14">
      <c r="N695078" s="10"/>
    </row>
    <row r="695079" spans="14:14">
      <c r="N695079" s="10"/>
    </row>
    <row r="695080" spans="14:14">
      <c r="N695080" s="10"/>
    </row>
    <row r="695081" spans="14:14">
      <c r="N695081" s="10"/>
    </row>
    <row r="695082" spans="14:14">
      <c r="N695082" s="10"/>
    </row>
    <row r="695083" spans="14:14">
      <c r="N695083" s="10"/>
    </row>
    <row r="695084" spans="14:14">
      <c r="N695084" s="10"/>
    </row>
    <row r="695085" spans="14:14">
      <c r="N695085" s="10"/>
    </row>
    <row r="695086" spans="14:14">
      <c r="N695086" s="10"/>
    </row>
    <row r="695087" spans="14:14">
      <c r="N695087" s="10"/>
    </row>
    <row r="695088" spans="14:14">
      <c r="N695088" s="10"/>
    </row>
    <row r="695089" spans="14:14">
      <c r="N695089" s="10"/>
    </row>
    <row r="695090" spans="14:14">
      <c r="N695090" s="10"/>
    </row>
    <row r="695091" spans="14:14">
      <c r="N695091" s="10"/>
    </row>
    <row r="695092" spans="14:14">
      <c r="N695092" s="10"/>
    </row>
    <row r="695093" spans="14:14">
      <c r="N695093" s="10"/>
    </row>
    <row r="695094" spans="14:14">
      <c r="N695094" s="10"/>
    </row>
    <row r="695095" spans="14:14">
      <c r="N695095" s="10"/>
    </row>
    <row r="695096" spans="14:14">
      <c r="N695096" s="10"/>
    </row>
    <row r="695097" spans="14:14">
      <c r="N695097" s="10"/>
    </row>
    <row r="695098" spans="14:14">
      <c r="N695098" s="10"/>
    </row>
    <row r="695099" spans="14:14">
      <c r="N695099" s="10"/>
    </row>
    <row r="695100" spans="14:14">
      <c r="N695100" s="10"/>
    </row>
    <row r="695101" spans="14:14">
      <c r="N695101" s="10"/>
    </row>
    <row r="695102" spans="14:14">
      <c r="N695102" s="10"/>
    </row>
    <row r="695103" spans="14:14">
      <c r="N695103" s="10"/>
    </row>
    <row r="695104" spans="14:14">
      <c r="N695104" s="10"/>
    </row>
    <row r="695105" spans="14:14">
      <c r="N695105" s="10"/>
    </row>
    <row r="695106" spans="14:14">
      <c r="N695106" s="10"/>
    </row>
    <row r="695107" spans="14:14">
      <c r="N695107" s="10"/>
    </row>
    <row r="695108" spans="14:14">
      <c r="N695108" s="10"/>
    </row>
    <row r="695109" spans="14:14">
      <c r="N695109" s="10"/>
    </row>
    <row r="695110" spans="14:14">
      <c r="N695110" s="10"/>
    </row>
    <row r="695111" spans="14:14">
      <c r="N695111" s="10"/>
    </row>
    <row r="695112" spans="14:14">
      <c r="N695112" s="10"/>
    </row>
    <row r="695113" spans="14:14">
      <c r="N695113" s="10"/>
    </row>
    <row r="695114" spans="14:14">
      <c r="N695114" s="10"/>
    </row>
    <row r="695115" spans="14:14">
      <c r="N695115" s="10"/>
    </row>
    <row r="695116" spans="14:14">
      <c r="N695116" s="10"/>
    </row>
    <row r="695117" spans="14:14">
      <c r="N695117" s="10"/>
    </row>
    <row r="695118" spans="14:14">
      <c r="N695118" s="10"/>
    </row>
    <row r="695119" spans="14:14">
      <c r="N695119" s="10"/>
    </row>
    <row r="695120" spans="14:14">
      <c r="N695120" s="10"/>
    </row>
    <row r="695121" spans="14:14">
      <c r="N695121" s="10"/>
    </row>
    <row r="695122" spans="14:14">
      <c r="N695122" s="10"/>
    </row>
    <row r="695123" spans="14:14">
      <c r="N695123" s="10"/>
    </row>
    <row r="695124" spans="14:14">
      <c r="N695124" s="10"/>
    </row>
    <row r="695125" spans="14:14">
      <c r="N695125" s="10"/>
    </row>
    <row r="695126" spans="14:14">
      <c r="N695126" s="10"/>
    </row>
    <row r="695127" spans="14:14">
      <c r="N695127" s="10"/>
    </row>
    <row r="695128" spans="14:14">
      <c r="N695128" s="10"/>
    </row>
    <row r="695129" spans="14:14">
      <c r="N695129" s="10"/>
    </row>
    <row r="695130" spans="14:14">
      <c r="N695130" s="10"/>
    </row>
    <row r="695131" spans="14:14">
      <c r="N695131" s="10"/>
    </row>
    <row r="695132" spans="14:14">
      <c r="N695132" s="10"/>
    </row>
    <row r="695133" spans="14:14">
      <c r="N695133" s="10"/>
    </row>
    <row r="695134" spans="14:14">
      <c r="N695134" s="10"/>
    </row>
    <row r="695135" spans="14:14">
      <c r="N695135" s="10"/>
    </row>
    <row r="695136" spans="14:14">
      <c r="N695136" s="10"/>
    </row>
    <row r="695137" spans="14:14">
      <c r="N695137" s="10"/>
    </row>
    <row r="695138" spans="14:14">
      <c r="N695138" s="10"/>
    </row>
    <row r="695139" spans="14:14">
      <c r="N695139" s="10"/>
    </row>
    <row r="695140" spans="14:14">
      <c r="N695140" s="10"/>
    </row>
    <row r="695141" spans="14:14">
      <c r="N695141" s="10"/>
    </row>
    <row r="695142" spans="14:14">
      <c r="N695142" s="10"/>
    </row>
    <row r="695143" spans="14:14">
      <c r="N695143" s="10"/>
    </row>
    <row r="695144" spans="14:14">
      <c r="N695144" s="10"/>
    </row>
    <row r="695145" spans="14:14">
      <c r="N695145" s="10"/>
    </row>
    <row r="695146" spans="14:14">
      <c r="N695146" s="10"/>
    </row>
    <row r="695147" spans="14:14">
      <c r="N695147" s="10"/>
    </row>
    <row r="695148" spans="14:14">
      <c r="N695148" s="10"/>
    </row>
    <row r="695149" spans="14:14">
      <c r="N695149" s="10"/>
    </row>
    <row r="695150" spans="14:14">
      <c r="N695150" s="10"/>
    </row>
    <row r="695151" spans="14:14">
      <c r="N695151" s="10"/>
    </row>
    <row r="695152" spans="14:14">
      <c r="N695152" s="10"/>
    </row>
    <row r="695153" spans="14:14">
      <c r="N695153" s="10"/>
    </row>
    <row r="695154" spans="14:14">
      <c r="N695154" s="10"/>
    </row>
    <row r="695155" spans="14:14">
      <c r="N695155" s="10"/>
    </row>
    <row r="695156" spans="14:14">
      <c r="N695156" s="10"/>
    </row>
    <row r="695157" spans="14:14">
      <c r="N695157" s="10"/>
    </row>
    <row r="695158" spans="14:14">
      <c r="N695158" s="10"/>
    </row>
    <row r="695159" spans="14:14">
      <c r="N695159" s="10"/>
    </row>
    <row r="695160" spans="14:14">
      <c r="N695160" s="10"/>
    </row>
    <row r="695161" spans="14:14">
      <c r="N695161" s="10"/>
    </row>
    <row r="695162" spans="14:14">
      <c r="N695162" s="10"/>
    </row>
    <row r="695163" spans="14:14">
      <c r="N695163" s="10"/>
    </row>
    <row r="695164" spans="14:14">
      <c r="N695164" s="10"/>
    </row>
    <row r="695165" spans="14:14">
      <c r="N695165" s="10"/>
    </row>
    <row r="695166" spans="14:14">
      <c r="N695166" s="10"/>
    </row>
    <row r="695167" spans="14:14">
      <c r="N695167" s="10"/>
    </row>
    <row r="695168" spans="14:14">
      <c r="N695168" s="10"/>
    </row>
    <row r="695169" spans="14:14">
      <c r="N695169" s="10"/>
    </row>
    <row r="695170" spans="14:14">
      <c r="N695170" s="10"/>
    </row>
    <row r="695171" spans="14:14">
      <c r="N695171" s="10"/>
    </row>
    <row r="695172" spans="14:14">
      <c r="N695172" s="10"/>
    </row>
    <row r="695173" spans="14:14">
      <c r="N695173" s="10"/>
    </row>
    <row r="695174" spans="14:14">
      <c r="N695174" s="10"/>
    </row>
    <row r="695175" spans="14:14">
      <c r="N695175" s="10"/>
    </row>
    <row r="695176" spans="14:14">
      <c r="N695176" s="10"/>
    </row>
    <row r="695177" spans="14:14">
      <c r="N695177" s="10"/>
    </row>
    <row r="695178" spans="14:14">
      <c r="N695178" s="10"/>
    </row>
    <row r="695179" spans="14:14">
      <c r="N695179" s="10"/>
    </row>
    <row r="695180" spans="14:14">
      <c r="N695180" s="10"/>
    </row>
    <row r="695181" spans="14:14">
      <c r="N695181" s="10"/>
    </row>
    <row r="695182" spans="14:14">
      <c r="N695182" s="10"/>
    </row>
    <row r="695183" spans="14:14">
      <c r="N695183" s="10"/>
    </row>
    <row r="695184" spans="14:14">
      <c r="N695184" s="10"/>
    </row>
    <row r="695185" spans="14:14">
      <c r="N695185" s="10"/>
    </row>
    <row r="695186" spans="14:14">
      <c r="N695186" s="10"/>
    </row>
    <row r="695187" spans="14:14">
      <c r="N695187" s="10"/>
    </row>
    <row r="695188" spans="14:14">
      <c r="N695188" s="10"/>
    </row>
    <row r="695189" spans="14:14">
      <c r="N695189" s="10"/>
    </row>
    <row r="695190" spans="14:14">
      <c r="N695190" s="10"/>
    </row>
    <row r="695191" spans="14:14">
      <c r="N695191" s="10"/>
    </row>
    <row r="695192" spans="14:14">
      <c r="N695192" s="10"/>
    </row>
    <row r="695193" spans="14:14">
      <c r="N695193" s="10"/>
    </row>
    <row r="695194" spans="14:14">
      <c r="N695194" s="10"/>
    </row>
    <row r="695195" spans="14:14">
      <c r="N695195" s="10"/>
    </row>
    <row r="695196" spans="14:14">
      <c r="N695196" s="10"/>
    </row>
    <row r="695197" spans="14:14">
      <c r="N695197" s="10"/>
    </row>
    <row r="695198" spans="14:14">
      <c r="N695198" s="10"/>
    </row>
    <row r="695199" spans="14:14">
      <c r="N695199" s="10"/>
    </row>
    <row r="695200" spans="14:14">
      <c r="N695200" s="10"/>
    </row>
    <row r="695201" spans="14:14">
      <c r="N695201" s="10"/>
    </row>
    <row r="695202" spans="14:14">
      <c r="N695202" s="10"/>
    </row>
    <row r="695203" spans="14:14">
      <c r="N695203" s="10"/>
    </row>
    <row r="695204" spans="14:14">
      <c r="N695204" s="10"/>
    </row>
    <row r="695205" spans="14:14">
      <c r="N695205" s="10"/>
    </row>
    <row r="695206" spans="14:14">
      <c r="N695206" s="10"/>
    </row>
    <row r="695207" spans="14:14">
      <c r="N695207" s="10"/>
    </row>
    <row r="695208" spans="14:14">
      <c r="N695208" s="10"/>
    </row>
    <row r="695209" spans="14:14">
      <c r="N695209" s="10"/>
    </row>
    <row r="695210" spans="14:14">
      <c r="N695210" s="10"/>
    </row>
    <row r="695211" spans="14:14">
      <c r="N695211" s="10"/>
    </row>
    <row r="695212" spans="14:14">
      <c r="N695212" s="10"/>
    </row>
    <row r="695213" spans="14:14">
      <c r="N695213" s="10"/>
    </row>
    <row r="695214" spans="14:14">
      <c r="N695214" s="10"/>
    </row>
    <row r="695215" spans="14:14">
      <c r="N695215" s="10"/>
    </row>
    <row r="695216" spans="14:14">
      <c r="N695216" s="10"/>
    </row>
    <row r="695217" spans="14:14">
      <c r="N695217" s="10"/>
    </row>
    <row r="695218" spans="14:14">
      <c r="N695218" s="10"/>
    </row>
    <row r="695219" spans="14:14">
      <c r="N695219" s="10"/>
    </row>
    <row r="695220" spans="14:14">
      <c r="N695220" s="10"/>
    </row>
    <row r="695221" spans="14:14">
      <c r="N695221" s="10"/>
    </row>
    <row r="695222" spans="14:14">
      <c r="N695222" s="10"/>
    </row>
    <row r="695223" spans="14:14">
      <c r="N695223" s="10"/>
    </row>
    <row r="695224" spans="14:14">
      <c r="N695224" s="10"/>
    </row>
    <row r="695225" spans="14:14">
      <c r="N695225" s="10"/>
    </row>
    <row r="695226" spans="14:14">
      <c r="N695226" s="10"/>
    </row>
    <row r="695227" spans="14:14">
      <c r="N695227" s="10"/>
    </row>
    <row r="695228" spans="14:14">
      <c r="N695228" s="10"/>
    </row>
    <row r="695229" spans="14:14">
      <c r="N695229" s="10"/>
    </row>
    <row r="695230" spans="14:14">
      <c r="N695230" s="10"/>
    </row>
    <row r="695231" spans="14:14">
      <c r="N695231" s="10"/>
    </row>
    <row r="695232" spans="14:14">
      <c r="N695232" s="10"/>
    </row>
    <row r="695233" spans="14:14">
      <c r="N695233" s="10"/>
    </row>
    <row r="695234" spans="14:14">
      <c r="N695234" s="10"/>
    </row>
    <row r="695235" spans="14:14">
      <c r="N695235" s="10"/>
    </row>
    <row r="695236" spans="14:14">
      <c r="N695236" s="10"/>
    </row>
    <row r="695237" spans="14:14">
      <c r="N695237" s="10"/>
    </row>
    <row r="695238" spans="14:14">
      <c r="N695238" s="10"/>
    </row>
    <row r="695239" spans="14:14">
      <c r="N695239" s="10"/>
    </row>
    <row r="695240" spans="14:14">
      <c r="N695240" s="10"/>
    </row>
    <row r="695241" spans="14:14">
      <c r="N695241" s="10"/>
    </row>
    <row r="695242" spans="14:14">
      <c r="N695242" s="10"/>
    </row>
    <row r="695243" spans="14:14">
      <c r="N695243" s="10"/>
    </row>
    <row r="695244" spans="14:14">
      <c r="N695244" s="10"/>
    </row>
    <row r="695245" spans="14:14">
      <c r="N695245" s="10"/>
    </row>
    <row r="695246" spans="14:14">
      <c r="N695246" s="10"/>
    </row>
    <row r="695247" spans="14:14">
      <c r="N695247" s="10"/>
    </row>
    <row r="695248" spans="14:14">
      <c r="N695248" s="10"/>
    </row>
    <row r="695249" spans="14:14">
      <c r="N695249" s="10"/>
    </row>
    <row r="695250" spans="14:14">
      <c r="N695250" s="10"/>
    </row>
    <row r="695251" spans="14:14">
      <c r="N695251" s="10"/>
    </row>
    <row r="695252" spans="14:14">
      <c r="N695252" s="10"/>
    </row>
    <row r="695253" spans="14:14">
      <c r="N695253" s="10"/>
    </row>
    <row r="695254" spans="14:14">
      <c r="N695254" s="10"/>
    </row>
    <row r="695255" spans="14:14">
      <c r="N695255" s="10"/>
    </row>
    <row r="695256" spans="14:14">
      <c r="N695256" s="10"/>
    </row>
    <row r="695257" spans="14:14">
      <c r="N695257" s="10"/>
    </row>
    <row r="695258" spans="14:14">
      <c r="N695258" s="10"/>
    </row>
    <row r="695259" spans="14:14">
      <c r="N695259" s="10"/>
    </row>
    <row r="695260" spans="14:14">
      <c r="N695260" s="10"/>
    </row>
    <row r="695261" spans="14:14">
      <c r="N695261" s="10"/>
    </row>
    <row r="695262" spans="14:14">
      <c r="N695262" s="10"/>
    </row>
    <row r="695263" spans="14:14">
      <c r="N695263" s="10"/>
    </row>
    <row r="695264" spans="14:14">
      <c r="N695264" s="10"/>
    </row>
    <row r="695265" spans="14:14">
      <c r="N695265" s="10"/>
    </row>
    <row r="695266" spans="14:14">
      <c r="N695266" s="10"/>
    </row>
    <row r="695267" spans="14:14">
      <c r="N695267" s="10"/>
    </row>
    <row r="695268" spans="14:14">
      <c r="N695268" s="10"/>
    </row>
    <row r="695269" spans="14:14">
      <c r="N695269" s="10"/>
    </row>
    <row r="695270" spans="14:14">
      <c r="N695270" s="10"/>
    </row>
    <row r="695271" spans="14:14">
      <c r="N695271" s="10"/>
    </row>
    <row r="695272" spans="14:14">
      <c r="N695272" s="10"/>
    </row>
    <row r="695273" spans="14:14">
      <c r="N695273" s="10"/>
    </row>
    <row r="695274" spans="14:14">
      <c r="N695274" s="10"/>
    </row>
    <row r="695275" spans="14:14">
      <c r="N695275" s="10"/>
    </row>
    <row r="695276" spans="14:14">
      <c r="N695276" s="10"/>
    </row>
    <row r="695277" spans="14:14">
      <c r="N695277" s="10"/>
    </row>
    <row r="695278" spans="14:14">
      <c r="N695278" s="10"/>
    </row>
    <row r="695279" spans="14:14">
      <c r="N695279" s="10"/>
    </row>
    <row r="695280" spans="14:14">
      <c r="N695280" s="10"/>
    </row>
    <row r="695281" spans="14:14">
      <c r="N695281" s="10"/>
    </row>
    <row r="695282" spans="14:14">
      <c r="N695282" s="10"/>
    </row>
    <row r="695283" spans="14:14">
      <c r="N695283" s="10"/>
    </row>
    <row r="695284" spans="14:14">
      <c r="N695284" s="10"/>
    </row>
    <row r="695285" spans="14:14">
      <c r="N695285" s="10"/>
    </row>
    <row r="695286" spans="14:14">
      <c r="N695286" s="10"/>
    </row>
    <row r="695287" spans="14:14">
      <c r="N695287" s="10"/>
    </row>
    <row r="695288" spans="14:14">
      <c r="N695288" s="10"/>
    </row>
    <row r="695289" spans="14:14">
      <c r="N695289" s="10"/>
    </row>
    <row r="695290" spans="14:14">
      <c r="N695290" s="10"/>
    </row>
    <row r="695291" spans="14:14">
      <c r="N695291" s="10"/>
    </row>
    <row r="695292" spans="14:14">
      <c r="N695292" s="10"/>
    </row>
    <row r="695293" spans="14:14">
      <c r="N695293" s="10"/>
    </row>
    <row r="695294" spans="14:14">
      <c r="N695294" s="10"/>
    </row>
    <row r="695295" spans="14:14">
      <c r="N695295" s="10"/>
    </row>
    <row r="695296" spans="14:14">
      <c r="N695296" s="10"/>
    </row>
    <row r="695297" spans="14:14">
      <c r="N695297" s="10"/>
    </row>
    <row r="695298" spans="14:14">
      <c r="N695298" s="10"/>
    </row>
    <row r="695299" spans="14:14">
      <c r="N695299" s="10"/>
    </row>
    <row r="695300" spans="14:14">
      <c r="N695300" s="10"/>
    </row>
    <row r="695301" spans="14:14">
      <c r="N695301" s="10"/>
    </row>
    <row r="695302" spans="14:14">
      <c r="N695302" s="10"/>
    </row>
    <row r="695303" spans="14:14">
      <c r="N695303" s="10"/>
    </row>
    <row r="695304" spans="14:14">
      <c r="N695304" s="10"/>
    </row>
    <row r="695305" spans="14:14">
      <c r="N695305" s="10"/>
    </row>
    <row r="695306" spans="14:14">
      <c r="N695306" s="10"/>
    </row>
    <row r="695307" spans="14:14">
      <c r="N695307" s="10"/>
    </row>
    <row r="695308" spans="14:14">
      <c r="N695308" s="10"/>
    </row>
    <row r="695309" spans="14:14">
      <c r="N695309" s="10"/>
    </row>
    <row r="695310" spans="14:14">
      <c r="N695310" s="10"/>
    </row>
    <row r="695311" spans="14:14">
      <c r="N695311" s="10"/>
    </row>
    <row r="695312" spans="14:14">
      <c r="N695312" s="10"/>
    </row>
    <row r="695313" spans="14:14">
      <c r="N695313" s="10"/>
    </row>
    <row r="695314" spans="14:14">
      <c r="N695314" s="10"/>
    </row>
    <row r="695315" spans="14:14">
      <c r="N695315" s="10"/>
    </row>
    <row r="695316" spans="14:14">
      <c r="N695316" s="10"/>
    </row>
    <row r="695317" spans="14:14">
      <c r="N695317" s="10"/>
    </row>
    <row r="695318" spans="14:14">
      <c r="N695318" s="10"/>
    </row>
    <row r="695319" spans="14:14">
      <c r="N695319" s="10"/>
    </row>
    <row r="695320" spans="14:14">
      <c r="N695320" s="10"/>
    </row>
    <row r="695321" spans="14:14">
      <c r="N695321" s="10"/>
    </row>
    <row r="695322" spans="14:14">
      <c r="N695322" s="10"/>
    </row>
    <row r="695323" spans="14:14">
      <c r="N695323" s="10"/>
    </row>
    <row r="695324" spans="14:14">
      <c r="N695324" s="10"/>
    </row>
    <row r="695325" spans="14:14">
      <c r="N695325" s="10"/>
    </row>
    <row r="695326" spans="14:14">
      <c r="N695326" s="10"/>
    </row>
    <row r="695327" spans="14:14">
      <c r="N695327" s="10"/>
    </row>
    <row r="695328" spans="14:14">
      <c r="N695328" s="10"/>
    </row>
    <row r="695329" spans="14:14">
      <c r="N695329" s="10"/>
    </row>
    <row r="695330" spans="14:14">
      <c r="N695330" s="10"/>
    </row>
    <row r="695331" spans="14:14">
      <c r="N695331" s="10"/>
    </row>
    <row r="695332" spans="14:14">
      <c r="N695332" s="10"/>
    </row>
    <row r="695333" spans="14:14">
      <c r="N695333" s="10"/>
    </row>
    <row r="695334" spans="14:14">
      <c r="N695334" s="10"/>
    </row>
    <row r="695335" spans="14:14">
      <c r="N695335" s="10"/>
    </row>
    <row r="695336" spans="14:14">
      <c r="N695336" s="10"/>
    </row>
    <row r="695337" spans="14:14">
      <c r="N695337" s="10"/>
    </row>
    <row r="695338" spans="14:14">
      <c r="N695338" s="10"/>
    </row>
    <row r="695339" spans="14:14">
      <c r="N695339" s="10"/>
    </row>
    <row r="695340" spans="14:14">
      <c r="N695340" s="10"/>
    </row>
    <row r="695341" spans="14:14">
      <c r="N695341" s="10"/>
    </row>
    <row r="695342" spans="14:14">
      <c r="N695342" s="10"/>
    </row>
    <row r="695343" spans="14:14">
      <c r="N695343" s="10"/>
    </row>
    <row r="695344" spans="14:14">
      <c r="N695344" s="10"/>
    </row>
    <row r="695345" spans="14:14">
      <c r="N695345" s="10"/>
    </row>
    <row r="695346" spans="14:14">
      <c r="N695346" s="10"/>
    </row>
    <row r="695347" spans="14:14">
      <c r="N695347" s="10"/>
    </row>
    <row r="695348" spans="14:14">
      <c r="N695348" s="10"/>
    </row>
    <row r="695349" spans="14:14">
      <c r="N695349" s="10"/>
    </row>
    <row r="695350" spans="14:14">
      <c r="N695350" s="10"/>
    </row>
    <row r="695351" spans="14:14">
      <c r="N695351" s="10"/>
    </row>
    <row r="695352" spans="14:14">
      <c r="N695352" s="10"/>
    </row>
    <row r="695353" spans="14:14">
      <c r="N695353" s="10"/>
    </row>
    <row r="695354" spans="14:14">
      <c r="N695354" s="10"/>
    </row>
    <row r="695355" spans="14:14">
      <c r="N695355" s="10"/>
    </row>
    <row r="695356" spans="14:14">
      <c r="N695356" s="10"/>
    </row>
    <row r="695357" spans="14:14">
      <c r="N695357" s="10"/>
    </row>
    <row r="695358" spans="14:14">
      <c r="N695358" s="10"/>
    </row>
    <row r="695359" spans="14:14">
      <c r="N695359" s="10"/>
    </row>
    <row r="695360" spans="14:14">
      <c r="N695360" s="10"/>
    </row>
    <row r="695361" spans="14:14">
      <c r="N695361" s="10"/>
    </row>
    <row r="695362" spans="14:14">
      <c r="N695362" s="10"/>
    </row>
    <row r="695363" spans="14:14">
      <c r="N695363" s="10"/>
    </row>
    <row r="695364" spans="14:14">
      <c r="N695364" s="10"/>
    </row>
    <row r="695365" spans="14:14">
      <c r="N695365" s="10"/>
    </row>
    <row r="695366" spans="14:14">
      <c r="N695366" s="10"/>
    </row>
    <row r="695367" spans="14:14">
      <c r="N695367" s="10"/>
    </row>
    <row r="695368" spans="14:14">
      <c r="N695368" s="10"/>
    </row>
    <row r="695369" spans="14:14">
      <c r="N695369" s="10"/>
    </row>
    <row r="695370" spans="14:14">
      <c r="N695370" s="10"/>
    </row>
    <row r="695371" spans="14:14">
      <c r="N695371" s="10"/>
    </row>
    <row r="695372" spans="14:14">
      <c r="N695372" s="10"/>
    </row>
    <row r="695373" spans="14:14">
      <c r="N695373" s="10"/>
    </row>
    <row r="695374" spans="14:14">
      <c r="N695374" s="10"/>
    </row>
    <row r="695375" spans="14:14">
      <c r="N695375" s="10"/>
    </row>
    <row r="695376" spans="14:14">
      <c r="N695376" s="10"/>
    </row>
    <row r="695377" spans="14:14">
      <c r="N695377" s="10"/>
    </row>
    <row r="695378" spans="14:14">
      <c r="N695378" s="10"/>
    </row>
    <row r="695379" spans="14:14">
      <c r="N695379" s="10"/>
    </row>
    <row r="695380" spans="14:14">
      <c r="N695380" s="10"/>
    </row>
    <row r="695381" spans="14:14">
      <c r="N695381" s="10"/>
    </row>
    <row r="695382" spans="14:14">
      <c r="N695382" s="10"/>
    </row>
    <row r="695383" spans="14:14">
      <c r="N695383" s="10"/>
    </row>
    <row r="695384" spans="14:14">
      <c r="N695384" s="10"/>
    </row>
    <row r="695385" spans="14:14">
      <c r="N695385" s="10"/>
    </row>
    <row r="695386" spans="14:14">
      <c r="N695386" s="10"/>
    </row>
    <row r="695387" spans="14:14">
      <c r="N695387" s="10"/>
    </row>
    <row r="695388" spans="14:14">
      <c r="N695388" s="10"/>
    </row>
    <row r="695389" spans="14:14">
      <c r="N695389" s="10"/>
    </row>
    <row r="695390" spans="14:14">
      <c r="N695390" s="10"/>
    </row>
    <row r="695391" spans="14:14">
      <c r="N695391" s="10"/>
    </row>
    <row r="695392" spans="14:14">
      <c r="N695392" s="10"/>
    </row>
    <row r="695393" spans="14:14">
      <c r="N695393" s="10"/>
    </row>
    <row r="695394" spans="14:14">
      <c r="N695394" s="10"/>
    </row>
    <row r="695395" spans="14:14">
      <c r="N695395" s="10"/>
    </row>
    <row r="695396" spans="14:14">
      <c r="N695396" s="10"/>
    </row>
    <row r="695397" spans="14:14">
      <c r="N695397" s="10"/>
    </row>
    <row r="695398" spans="14:14">
      <c r="N695398" s="10"/>
    </row>
    <row r="695399" spans="14:14">
      <c r="N695399" s="10"/>
    </row>
    <row r="695400" spans="14:14">
      <c r="N695400" s="10"/>
    </row>
    <row r="695401" spans="14:14">
      <c r="N695401" s="10"/>
    </row>
    <row r="695402" spans="14:14">
      <c r="N695402" s="10"/>
    </row>
    <row r="695403" spans="14:14">
      <c r="N695403" s="10"/>
    </row>
    <row r="695404" spans="14:14">
      <c r="N695404" s="10"/>
    </row>
    <row r="695405" spans="14:14">
      <c r="N695405" s="10"/>
    </row>
    <row r="695406" spans="14:14">
      <c r="N695406" s="10"/>
    </row>
    <row r="695407" spans="14:14">
      <c r="N695407" s="10"/>
    </row>
    <row r="695408" spans="14:14">
      <c r="N695408" s="10"/>
    </row>
    <row r="695409" spans="14:14">
      <c r="N695409" s="10"/>
    </row>
    <row r="695410" spans="14:14">
      <c r="N695410" s="10"/>
    </row>
    <row r="695411" spans="14:14">
      <c r="N695411" s="10"/>
    </row>
    <row r="695412" spans="14:14">
      <c r="N695412" s="10"/>
    </row>
    <row r="695413" spans="14:14">
      <c r="N695413" s="10"/>
    </row>
    <row r="695414" spans="14:14">
      <c r="N695414" s="10"/>
    </row>
    <row r="695415" spans="14:14">
      <c r="N695415" s="10"/>
    </row>
    <row r="695416" spans="14:14">
      <c r="N695416" s="10"/>
    </row>
    <row r="695417" spans="14:14">
      <c r="N695417" s="10"/>
    </row>
    <row r="695418" spans="14:14">
      <c r="N695418" s="10"/>
    </row>
    <row r="695419" spans="14:14">
      <c r="N695419" s="10"/>
    </row>
    <row r="695420" spans="14:14">
      <c r="N695420" s="10"/>
    </row>
    <row r="695421" spans="14:14">
      <c r="N695421" s="10"/>
    </row>
    <row r="695422" spans="14:14">
      <c r="N695422" s="10"/>
    </row>
    <row r="695423" spans="14:14">
      <c r="N695423" s="10"/>
    </row>
    <row r="695424" spans="14:14">
      <c r="N695424" s="10"/>
    </row>
    <row r="695425" spans="14:14">
      <c r="N695425" s="10"/>
    </row>
    <row r="695426" spans="14:14">
      <c r="N695426" s="10"/>
    </row>
    <row r="695427" spans="14:14">
      <c r="N695427" s="10"/>
    </row>
    <row r="695428" spans="14:14">
      <c r="N695428" s="10"/>
    </row>
    <row r="695429" spans="14:14">
      <c r="N695429" s="10"/>
    </row>
    <row r="695430" spans="14:14">
      <c r="N695430" s="10"/>
    </row>
    <row r="695431" spans="14:14">
      <c r="N695431" s="10"/>
    </row>
    <row r="695432" spans="14:14">
      <c r="N695432" s="10"/>
    </row>
    <row r="695433" spans="14:14">
      <c r="N695433" s="10"/>
    </row>
    <row r="695434" spans="14:14">
      <c r="N695434" s="10"/>
    </row>
    <row r="695435" spans="14:14">
      <c r="N695435" s="10"/>
    </row>
    <row r="695436" spans="14:14">
      <c r="N695436" s="10"/>
    </row>
    <row r="695437" spans="14:14">
      <c r="N695437" s="10"/>
    </row>
    <row r="695438" spans="14:14">
      <c r="N695438" s="10"/>
    </row>
    <row r="695439" spans="14:14">
      <c r="N695439" s="10"/>
    </row>
    <row r="695440" spans="14:14">
      <c r="N695440" s="10"/>
    </row>
    <row r="695441" spans="14:14">
      <c r="N695441" s="10"/>
    </row>
    <row r="695442" spans="14:14">
      <c r="N695442" s="10"/>
    </row>
    <row r="695443" spans="14:14">
      <c r="N695443" s="10"/>
    </row>
    <row r="695444" spans="14:14">
      <c r="N695444" s="10"/>
    </row>
    <row r="695445" spans="14:14">
      <c r="N695445" s="10"/>
    </row>
    <row r="695446" spans="14:14">
      <c r="N695446" s="10"/>
    </row>
    <row r="695447" spans="14:14">
      <c r="N695447" s="10"/>
    </row>
    <row r="695448" spans="14:14">
      <c r="N695448" s="10"/>
    </row>
    <row r="695449" spans="14:14">
      <c r="N695449" s="10"/>
    </row>
    <row r="695450" spans="14:14">
      <c r="N695450" s="10"/>
    </row>
    <row r="695451" spans="14:14">
      <c r="N695451" s="10"/>
    </row>
    <row r="695452" spans="14:14">
      <c r="N695452" s="10"/>
    </row>
    <row r="695453" spans="14:14">
      <c r="N695453" s="10"/>
    </row>
    <row r="695454" spans="14:14">
      <c r="N695454" s="10"/>
    </row>
    <row r="695455" spans="14:14">
      <c r="N695455" s="10"/>
    </row>
    <row r="695456" spans="14:14">
      <c r="N695456" s="10"/>
    </row>
    <row r="695457" spans="14:14">
      <c r="N695457" s="10"/>
    </row>
    <row r="695458" spans="14:14">
      <c r="N695458" s="10"/>
    </row>
    <row r="695459" spans="14:14">
      <c r="N695459" s="10"/>
    </row>
    <row r="695460" spans="14:14">
      <c r="N695460" s="10"/>
    </row>
    <row r="695461" spans="14:14">
      <c r="N695461" s="10"/>
    </row>
    <row r="695462" spans="14:14">
      <c r="N695462" s="10"/>
    </row>
    <row r="695463" spans="14:14">
      <c r="N695463" s="10"/>
    </row>
    <row r="695464" spans="14:14">
      <c r="N695464" s="10"/>
    </row>
    <row r="695465" spans="14:14">
      <c r="N695465" s="10"/>
    </row>
    <row r="695466" spans="14:14">
      <c r="N695466" s="10"/>
    </row>
    <row r="695467" spans="14:14">
      <c r="N695467" s="10"/>
    </row>
    <row r="695468" spans="14:14">
      <c r="N695468" s="10"/>
    </row>
    <row r="695469" spans="14:14">
      <c r="N695469" s="10"/>
    </row>
    <row r="695470" spans="14:14">
      <c r="N695470" s="10"/>
    </row>
    <row r="695471" spans="14:14">
      <c r="N695471" s="10"/>
    </row>
    <row r="695472" spans="14:14">
      <c r="N695472" s="10"/>
    </row>
    <row r="695473" spans="14:14">
      <c r="N695473" s="10"/>
    </row>
    <row r="695474" spans="14:14">
      <c r="N695474" s="10"/>
    </row>
    <row r="695475" spans="14:14">
      <c r="N695475" s="10"/>
    </row>
    <row r="695476" spans="14:14">
      <c r="N695476" s="10"/>
    </row>
    <row r="695477" spans="14:14">
      <c r="N695477" s="10"/>
    </row>
    <row r="695478" spans="14:14">
      <c r="N695478" s="10"/>
    </row>
    <row r="695479" spans="14:14">
      <c r="N695479" s="10"/>
    </row>
    <row r="695480" spans="14:14">
      <c r="N695480" s="10"/>
    </row>
    <row r="695481" spans="14:14">
      <c r="N695481" s="10"/>
    </row>
    <row r="695482" spans="14:14">
      <c r="N695482" s="10"/>
    </row>
    <row r="695483" spans="14:14">
      <c r="N695483" s="10"/>
    </row>
    <row r="695484" spans="14:14">
      <c r="N695484" s="10"/>
    </row>
    <row r="695485" spans="14:14">
      <c r="N695485" s="10"/>
    </row>
    <row r="695486" spans="14:14">
      <c r="N695486" s="10"/>
    </row>
    <row r="695487" spans="14:14">
      <c r="N695487" s="10"/>
    </row>
    <row r="695488" spans="14:14">
      <c r="N695488" s="10"/>
    </row>
    <row r="695489" spans="14:14">
      <c r="N695489" s="10"/>
    </row>
    <row r="695490" spans="14:14">
      <c r="N695490" s="10"/>
    </row>
    <row r="695491" spans="14:14">
      <c r="N695491" s="10"/>
    </row>
    <row r="695492" spans="14:14">
      <c r="N695492" s="10"/>
    </row>
    <row r="695493" spans="14:14">
      <c r="N695493" s="10"/>
    </row>
    <row r="695494" spans="14:14">
      <c r="N695494" s="10"/>
    </row>
    <row r="695495" spans="14:14">
      <c r="N695495" s="10"/>
    </row>
    <row r="695496" spans="14:14">
      <c r="N695496" s="10"/>
    </row>
    <row r="695497" spans="14:14">
      <c r="N695497" s="10"/>
    </row>
    <row r="695498" spans="14:14">
      <c r="N695498" s="10"/>
    </row>
    <row r="695499" spans="14:14">
      <c r="N695499" s="10"/>
    </row>
    <row r="695500" spans="14:14">
      <c r="N695500" s="10"/>
    </row>
    <row r="695501" spans="14:14">
      <c r="N695501" s="10"/>
    </row>
    <row r="695502" spans="14:14">
      <c r="N695502" s="10"/>
    </row>
    <row r="695503" spans="14:14">
      <c r="N695503" s="10"/>
    </row>
    <row r="695504" spans="14:14">
      <c r="N695504" s="10"/>
    </row>
    <row r="695505" spans="14:14">
      <c r="N695505" s="10"/>
    </row>
    <row r="695506" spans="14:14">
      <c r="N695506" s="10"/>
    </row>
    <row r="695507" spans="14:14">
      <c r="N695507" s="10"/>
    </row>
    <row r="695508" spans="14:14">
      <c r="N695508" s="10"/>
    </row>
    <row r="695509" spans="14:14">
      <c r="N695509" s="10"/>
    </row>
    <row r="695510" spans="14:14">
      <c r="N695510" s="10"/>
    </row>
    <row r="695511" spans="14:14">
      <c r="N695511" s="10"/>
    </row>
    <row r="695512" spans="14:14">
      <c r="N695512" s="10"/>
    </row>
    <row r="695513" spans="14:14">
      <c r="N695513" s="10"/>
    </row>
    <row r="695514" spans="14:14">
      <c r="N695514" s="10"/>
    </row>
    <row r="695515" spans="14:14">
      <c r="N695515" s="10"/>
    </row>
    <row r="695516" spans="14:14">
      <c r="N695516" s="10"/>
    </row>
    <row r="695517" spans="14:14">
      <c r="N695517" s="10"/>
    </row>
    <row r="695518" spans="14:14">
      <c r="N695518" s="10"/>
    </row>
    <row r="695519" spans="14:14">
      <c r="N695519" s="10"/>
    </row>
    <row r="695520" spans="14:14">
      <c r="N695520" s="10"/>
    </row>
    <row r="695521" spans="14:14">
      <c r="N695521" s="10"/>
    </row>
    <row r="695522" spans="14:14">
      <c r="N695522" s="10"/>
    </row>
    <row r="695523" spans="14:14">
      <c r="N695523" s="10"/>
    </row>
    <row r="695524" spans="14:14">
      <c r="N695524" s="10"/>
    </row>
    <row r="695525" spans="14:14">
      <c r="N695525" s="10"/>
    </row>
    <row r="695526" spans="14:14">
      <c r="N695526" s="10"/>
    </row>
    <row r="695527" spans="14:14">
      <c r="N695527" s="10"/>
    </row>
    <row r="695528" spans="14:14">
      <c r="N695528" s="10"/>
    </row>
    <row r="695529" spans="14:14">
      <c r="N695529" s="10"/>
    </row>
    <row r="695530" spans="14:14">
      <c r="N695530" s="10"/>
    </row>
    <row r="695531" spans="14:14">
      <c r="N695531" s="10"/>
    </row>
    <row r="695532" spans="14:14">
      <c r="N695532" s="10"/>
    </row>
    <row r="695533" spans="14:14">
      <c r="N695533" s="10"/>
    </row>
    <row r="695534" spans="14:14">
      <c r="N695534" s="10"/>
    </row>
    <row r="695535" spans="14:14">
      <c r="N695535" s="10"/>
    </row>
    <row r="695536" spans="14:14">
      <c r="N695536" s="10"/>
    </row>
    <row r="695537" spans="14:14">
      <c r="N695537" s="10"/>
    </row>
    <row r="695538" spans="14:14">
      <c r="N695538" s="10"/>
    </row>
    <row r="695539" spans="14:14">
      <c r="N695539" s="10"/>
    </row>
    <row r="695540" spans="14:14">
      <c r="N695540" s="10"/>
    </row>
    <row r="695541" spans="14:14">
      <c r="N695541" s="10"/>
    </row>
    <row r="695542" spans="14:14">
      <c r="N695542" s="10"/>
    </row>
    <row r="695543" spans="14:14">
      <c r="N695543" s="10"/>
    </row>
    <row r="695544" spans="14:14">
      <c r="N695544" s="10"/>
    </row>
    <row r="695545" spans="14:14">
      <c r="N695545" s="10"/>
    </row>
    <row r="695546" spans="14:14">
      <c r="N695546" s="10"/>
    </row>
    <row r="695547" spans="14:14">
      <c r="N695547" s="10"/>
    </row>
    <row r="695548" spans="14:14">
      <c r="N695548" s="10"/>
    </row>
    <row r="695549" spans="14:14">
      <c r="N695549" s="10"/>
    </row>
    <row r="695550" spans="14:14">
      <c r="N695550" s="10"/>
    </row>
    <row r="695551" spans="14:14">
      <c r="N695551" s="10"/>
    </row>
    <row r="695552" spans="14:14">
      <c r="N695552" s="10"/>
    </row>
    <row r="695553" spans="14:14">
      <c r="N695553" s="10"/>
    </row>
    <row r="695554" spans="14:14">
      <c r="N695554" s="10"/>
    </row>
    <row r="695555" spans="14:14">
      <c r="N695555" s="10"/>
    </row>
    <row r="695556" spans="14:14">
      <c r="N695556" s="10"/>
    </row>
    <row r="695557" spans="14:14">
      <c r="N695557" s="10"/>
    </row>
    <row r="695558" spans="14:14">
      <c r="N695558" s="10"/>
    </row>
    <row r="695559" spans="14:14">
      <c r="N695559" s="10"/>
    </row>
    <row r="695560" spans="14:14">
      <c r="N695560" s="10"/>
    </row>
    <row r="695561" spans="14:14">
      <c r="N695561" s="10"/>
    </row>
    <row r="695562" spans="14:14">
      <c r="N695562" s="10"/>
    </row>
    <row r="695563" spans="14:14">
      <c r="N695563" s="10"/>
    </row>
    <row r="695564" spans="14:14">
      <c r="N695564" s="10"/>
    </row>
    <row r="695565" spans="14:14">
      <c r="N695565" s="10"/>
    </row>
    <row r="695566" spans="14:14">
      <c r="N695566" s="10"/>
    </row>
    <row r="695567" spans="14:14">
      <c r="N695567" s="10"/>
    </row>
    <row r="695568" spans="14:14">
      <c r="N695568" s="10"/>
    </row>
    <row r="695569" spans="14:14">
      <c r="N695569" s="10"/>
    </row>
    <row r="695570" spans="14:14">
      <c r="N695570" s="10"/>
    </row>
    <row r="695571" spans="14:14">
      <c r="N695571" s="10"/>
    </row>
    <row r="695572" spans="14:14">
      <c r="N695572" s="10"/>
    </row>
    <row r="695573" spans="14:14">
      <c r="N695573" s="10"/>
    </row>
    <row r="695574" spans="14:14">
      <c r="N695574" s="10"/>
    </row>
    <row r="695575" spans="14:14">
      <c r="N695575" s="10"/>
    </row>
    <row r="695576" spans="14:14">
      <c r="N695576" s="10"/>
    </row>
    <row r="695577" spans="14:14">
      <c r="N695577" s="10"/>
    </row>
    <row r="695578" spans="14:14">
      <c r="N695578" s="10"/>
    </row>
    <row r="695579" spans="14:14">
      <c r="N695579" s="10"/>
    </row>
    <row r="695580" spans="14:14">
      <c r="N695580" s="10"/>
    </row>
    <row r="695581" spans="14:14">
      <c r="N695581" s="10"/>
    </row>
    <row r="695582" spans="14:14">
      <c r="N695582" s="10"/>
    </row>
    <row r="695583" spans="14:14">
      <c r="N695583" s="10"/>
    </row>
    <row r="695584" spans="14:14">
      <c r="N695584" s="10"/>
    </row>
    <row r="695585" spans="14:14">
      <c r="N695585" s="10"/>
    </row>
    <row r="695586" spans="14:14">
      <c r="N695586" s="10"/>
    </row>
    <row r="695587" spans="14:14">
      <c r="N695587" s="10"/>
    </row>
    <row r="695588" spans="14:14">
      <c r="N695588" s="10"/>
    </row>
    <row r="695589" spans="14:14">
      <c r="N695589" s="10"/>
    </row>
    <row r="695590" spans="14:14">
      <c r="N695590" s="10"/>
    </row>
    <row r="695591" spans="14:14">
      <c r="N695591" s="10"/>
    </row>
    <row r="695592" spans="14:14">
      <c r="N695592" s="10"/>
    </row>
    <row r="695593" spans="14:14">
      <c r="N695593" s="10"/>
    </row>
    <row r="695594" spans="14:14">
      <c r="N695594" s="10"/>
    </row>
    <row r="695595" spans="14:14">
      <c r="N695595" s="10"/>
    </row>
    <row r="695596" spans="14:14">
      <c r="N695596" s="10"/>
    </row>
    <row r="695597" spans="14:14">
      <c r="N695597" s="10"/>
    </row>
    <row r="695598" spans="14:14">
      <c r="N695598" s="10"/>
    </row>
    <row r="695599" spans="14:14">
      <c r="N695599" s="10"/>
    </row>
    <row r="695600" spans="14:14">
      <c r="N695600" s="10"/>
    </row>
    <row r="695601" spans="14:14">
      <c r="N695601" s="10"/>
    </row>
    <row r="695602" spans="14:14">
      <c r="N695602" s="10"/>
    </row>
    <row r="695603" spans="14:14">
      <c r="N695603" s="10"/>
    </row>
    <row r="695604" spans="14:14">
      <c r="N695604" s="10"/>
    </row>
    <row r="695605" spans="14:14">
      <c r="N695605" s="10"/>
    </row>
    <row r="695606" spans="14:14">
      <c r="N695606" s="10"/>
    </row>
    <row r="695607" spans="14:14">
      <c r="N695607" s="10"/>
    </row>
    <row r="695608" spans="14:14">
      <c r="N695608" s="10"/>
    </row>
    <row r="695609" spans="14:14">
      <c r="N695609" s="10"/>
    </row>
    <row r="695610" spans="14:14">
      <c r="N695610" s="10"/>
    </row>
    <row r="695611" spans="14:14">
      <c r="N695611" s="10"/>
    </row>
    <row r="695612" spans="14:14">
      <c r="N695612" s="10"/>
    </row>
    <row r="695613" spans="14:14">
      <c r="N695613" s="10"/>
    </row>
    <row r="695614" spans="14:14">
      <c r="N695614" s="10"/>
    </row>
    <row r="695615" spans="14:14">
      <c r="N695615" s="10"/>
    </row>
    <row r="695616" spans="14:14">
      <c r="N695616" s="10"/>
    </row>
    <row r="695617" spans="14:14">
      <c r="N695617" s="10"/>
    </row>
    <row r="695618" spans="14:14">
      <c r="N695618" s="10"/>
    </row>
    <row r="695619" spans="14:14">
      <c r="N695619" s="10"/>
    </row>
    <row r="695620" spans="14:14">
      <c r="N695620" s="10"/>
    </row>
    <row r="695621" spans="14:14">
      <c r="N695621" s="10"/>
    </row>
    <row r="695622" spans="14:14">
      <c r="N695622" s="10"/>
    </row>
    <row r="695623" spans="14:14">
      <c r="N695623" s="10"/>
    </row>
    <row r="695624" spans="14:14">
      <c r="N695624" s="10"/>
    </row>
    <row r="695625" spans="14:14">
      <c r="N695625" s="10"/>
    </row>
    <row r="695626" spans="14:14">
      <c r="N695626" s="10"/>
    </row>
    <row r="695627" spans="14:14">
      <c r="N695627" s="10"/>
    </row>
    <row r="695628" spans="14:14">
      <c r="N695628" s="10"/>
    </row>
    <row r="695629" spans="14:14">
      <c r="N695629" s="10"/>
    </row>
    <row r="695630" spans="14:14">
      <c r="N695630" s="10"/>
    </row>
    <row r="695631" spans="14:14">
      <c r="N695631" s="10"/>
    </row>
    <row r="695632" spans="14:14">
      <c r="N695632" s="10"/>
    </row>
    <row r="695633" spans="14:14">
      <c r="N695633" s="10"/>
    </row>
    <row r="695634" spans="14:14">
      <c r="N695634" s="10"/>
    </row>
    <row r="695635" spans="14:14">
      <c r="N695635" s="10"/>
    </row>
    <row r="695636" spans="14:14">
      <c r="N695636" s="10"/>
    </row>
    <row r="695637" spans="14:14">
      <c r="N695637" s="10"/>
    </row>
    <row r="695638" spans="14:14">
      <c r="N695638" s="10"/>
    </row>
    <row r="695639" spans="14:14">
      <c r="N695639" s="10"/>
    </row>
    <row r="695640" spans="14:14">
      <c r="N695640" s="10"/>
    </row>
    <row r="695641" spans="14:14">
      <c r="N695641" s="10"/>
    </row>
    <row r="695642" spans="14:14">
      <c r="N695642" s="10"/>
    </row>
    <row r="695643" spans="14:14">
      <c r="N695643" s="10"/>
    </row>
    <row r="695644" spans="14:14">
      <c r="N695644" s="10"/>
    </row>
    <row r="695645" spans="14:14">
      <c r="N695645" s="10"/>
    </row>
    <row r="695646" spans="14:14">
      <c r="N695646" s="10"/>
    </row>
    <row r="695647" spans="14:14">
      <c r="N695647" s="10"/>
    </row>
    <row r="695648" spans="14:14">
      <c r="N695648" s="10"/>
    </row>
    <row r="695649" spans="14:14">
      <c r="N695649" s="10"/>
    </row>
    <row r="695650" spans="14:14">
      <c r="N695650" s="10"/>
    </row>
    <row r="695651" spans="14:14">
      <c r="N695651" s="10"/>
    </row>
    <row r="695652" spans="14:14">
      <c r="N695652" s="10"/>
    </row>
    <row r="695653" spans="14:14">
      <c r="N695653" s="10"/>
    </row>
    <row r="695654" spans="14:14">
      <c r="N695654" s="10"/>
    </row>
    <row r="695655" spans="14:14">
      <c r="N695655" s="10"/>
    </row>
    <row r="695656" spans="14:14">
      <c r="N695656" s="10"/>
    </row>
    <row r="695657" spans="14:14">
      <c r="N695657" s="10"/>
    </row>
    <row r="695658" spans="14:14">
      <c r="N695658" s="10"/>
    </row>
    <row r="695659" spans="14:14">
      <c r="N695659" s="10"/>
    </row>
    <row r="695660" spans="14:14">
      <c r="N695660" s="10"/>
    </row>
    <row r="695661" spans="14:14">
      <c r="N695661" s="10"/>
    </row>
    <row r="695662" spans="14:14">
      <c r="N695662" s="10"/>
    </row>
    <row r="695663" spans="14:14">
      <c r="N695663" s="10"/>
    </row>
    <row r="695664" spans="14:14">
      <c r="N695664" s="10"/>
    </row>
    <row r="695665" spans="14:14">
      <c r="N695665" s="10"/>
    </row>
    <row r="695666" spans="14:14">
      <c r="N695666" s="10"/>
    </row>
    <row r="695667" spans="14:14">
      <c r="N695667" s="10"/>
    </row>
    <row r="695668" spans="14:14">
      <c r="N695668" s="10"/>
    </row>
    <row r="695669" spans="14:14">
      <c r="N695669" s="10"/>
    </row>
    <row r="695670" spans="14:14">
      <c r="N695670" s="10"/>
    </row>
    <row r="695671" spans="14:14">
      <c r="N695671" s="10"/>
    </row>
    <row r="695672" spans="14:14">
      <c r="N695672" s="10"/>
    </row>
    <row r="695673" spans="14:14">
      <c r="N695673" s="10"/>
    </row>
    <row r="695674" spans="14:14">
      <c r="N695674" s="10"/>
    </row>
    <row r="695675" spans="14:14">
      <c r="N695675" s="10"/>
    </row>
    <row r="695676" spans="14:14">
      <c r="N695676" s="10"/>
    </row>
    <row r="695677" spans="14:14">
      <c r="N695677" s="10"/>
    </row>
    <row r="695678" spans="14:14">
      <c r="N695678" s="10"/>
    </row>
    <row r="695679" spans="14:14">
      <c r="N695679" s="10"/>
    </row>
    <row r="695680" spans="14:14">
      <c r="N695680" s="10"/>
    </row>
    <row r="695681" spans="14:14">
      <c r="N695681" s="10"/>
    </row>
    <row r="695682" spans="14:14">
      <c r="N695682" s="10"/>
    </row>
    <row r="695683" spans="14:14">
      <c r="N695683" s="10"/>
    </row>
    <row r="695684" spans="14:14">
      <c r="N695684" s="10"/>
    </row>
    <row r="695685" spans="14:14">
      <c r="N695685" s="10"/>
    </row>
    <row r="695686" spans="14:14">
      <c r="N695686" s="10"/>
    </row>
    <row r="695687" spans="14:14">
      <c r="N695687" s="10"/>
    </row>
    <row r="695688" spans="14:14">
      <c r="N695688" s="10"/>
    </row>
    <row r="695689" spans="14:14">
      <c r="N695689" s="10"/>
    </row>
    <row r="695690" spans="14:14">
      <c r="N695690" s="10"/>
    </row>
    <row r="695691" spans="14:14">
      <c r="N695691" s="10"/>
    </row>
    <row r="695692" spans="14:14">
      <c r="N695692" s="10"/>
    </row>
    <row r="695693" spans="14:14">
      <c r="N695693" s="10"/>
    </row>
    <row r="695694" spans="14:14">
      <c r="N695694" s="10"/>
    </row>
    <row r="695695" spans="14:14">
      <c r="N695695" s="10"/>
    </row>
    <row r="695696" spans="14:14">
      <c r="N695696" s="10"/>
    </row>
    <row r="695697" spans="14:14">
      <c r="N695697" s="10"/>
    </row>
    <row r="695698" spans="14:14">
      <c r="N695698" s="10"/>
    </row>
    <row r="695699" spans="14:14">
      <c r="N695699" s="10"/>
    </row>
    <row r="695700" spans="14:14">
      <c r="N695700" s="10"/>
    </row>
    <row r="695701" spans="14:14">
      <c r="N695701" s="10"/>
    </row>
    <row r="695702" spans="14:14">
      <c r="N695702" s="10"/>
    </row>
    <row r="695703" spans="14:14">
      <c r="N695703" s="10"/>
    </row>
    <row r="695704" spans="14:14">
      <c r="N695704" s="10"/>
    </row>
    <row r="695705" spans="14:14">
      <c r="N695705" s="10"/>
    </row>
    <row r="695706" spans="14:14">
      <c r="N695706" s="10"/>
    </row>
    <row r="695707" spans="14:14">
      <c r="N695707" s="10"/>
    </row>
    <row r="695708" spans="14:14">
      <c r="N695708" s="10"/>
    </row>
    <row r="695709" spans="14:14">
      <c r="N695709" s="10"/>
    </row>
    <row r="695710" spans="14:14">
      <c r="N695710" s="10"/>
    </row>
    <row r="695711" spans="14:14">
      <c r="N695711" s="10"/>
    </row>
    <row r="695712" spans="14:14">
      <c r="N695712" s="10"/>
    </row>
    <row r="695713" spans="14:14">
      <c r="N695713" s="10"/>
    </row>
    <row r="695714" spans="14:14">
      <c r="N695714" s="10"/>
    </row>
    <row r="695715" spans="14:14">
      <c r="N695715" s="10"/>
    </row>
    <row r="695716" spans="14:14">
      <c r="N695716" s="10"/>
    </row>
    <row r="695717" spans="14:14">
      <c r="N695717" s="10"/>
    </row>
    <row r="695718" spans="14:14">
      <c r="N695718" s="10"/>
    </row>
    <row r="695719" spans="14:14">
      <c r="N695719" s="10"/>
    </row>
    <row r="695720" spans="14:14">
      <c r="N695720" s="10"/>
    </row>
    <row r="695721" spans="14:14">
      <c r="N695721" s="10"/>
    </row>
    <row r="695722" spans="14:14">
      <c r="N695722" s="10"/>
    </row>
    <row r="695723" spans="14:14">
      <c r="N695723" s="10"/>
    </row>
    <row r="695724" spans="14:14">
      <c r="N695724" s="10"/>
    </row>
    <row r="695725" spans="14:14">
      <c r="N695725" s="10"/>
    </row>
    <row r="695726" spans="14:14">
      <c r="N695726" s="10"/>
    </row>
    <row r="695727" spans="14:14">
      <c r="N695727" s="10"/>
    </row>
    <row r="695728" spans="14:14">
      <c r="N695728" s="10"/>
    </row>
    <row r="695729" spans="14:14">
      <c r="N695729" s="10"/>
    </row>
    <row r="695730" spans="14:14">
      <c r="N695730" s="10"/>
    </row>
    <row r="695731" spans="14:14">
      <c r="N695731" s="10"/>
    </row>
    <row r="695732" spans="14:14">
      <c r="N695732" s="10"/>
    </row>
    <row r="695733" spans="14:14">
      <c r="N695733" s="10"/>
    </row>
    <row r="695734" spans="14:14">
      <c r="N695734" s="10"/>
    </row>
    <row r="695735" spans="14:14">
      <c r="N695735" s="10"/>
    </row>
    <row r="695736" spans="14:14">
      <c r="N695736" s="10"/>
    </row>
    <row r="695737" spans="14:14">
      <c r="N695737" s="10"/>
    </row>
    <row r="695738" spans="14:14">
      <c r="N695738" s="10"/>
    </row>
    <row r="695739" spans="14:14">
      <c r="N695739" s="10"/>
    </row>
    <row r="695740" spans="14:14">
      <c r="N695740" s="10"/>
    </row>
    <row r="695741" spans="14:14">
      <c r="N695741" s="10"/>
    </row>
    <row r="695742" spans="14:14">
      <c r="N695742" s="10"/>
    </row>
    <row r="695743" spans="14:14">
      <c r="N695743" s="10"/>
    </row>
    <row r="695744" spans="14:14">
      <c r="N695744" s="10"/>
    </row>
    <row r="695745" spans="14:14">
      <c r="N695745" s="10"/>
    </row>
    <row r="695746" spans="14:14">
      <c r="N695746" s="10"/>
    </row>
    <row r="695747" spans="14:14">
      <c r="N695747" s="10"/>
    </row>
    <row r="695748" spans="14:14">
      <c r="N695748" s="10"/>
    </row>
    <row r="695749" spans="14:14">
      <c r="N695749" s="10"/>
    </row>
    <row r="695750" spans="14:14">
      <c r="N695750" s="10"/>
    </row>
    <row r="695751" spans="14:14">
      <c r="N695751" s="10"/>
    </row>
    <row r="695752" spans="14:14">
      <c r="N695752" s="10"/>
    </row>
    <row r="695753" spans="14:14">
      <c r="N695753" s="10"/>
    </row>
    <row r="695754" spans="14:14">
      <c r="N695754" s="10"/>
    </row>
    <row r="695755" spans="14:14">
      <c r="N695755" s="10"/>
    </row>
    <row r="695756" spans="14:14">
      <c r="N695756" s="10"/>
    </row>
    <row r="695757" spans="14:14">
      <c r="N695757" s="10"/>
    </row>
    <row r="695758" spans="14:14">
      <c r="N695758" s="10"/>
    </row>
    <row r="695759" spans="14:14">
      <c r="N695759" s="10"/>
    </row>
    <row r="695760" spans="14:14">
      <c r="N695760" s="10"/>
    </row>
    <row r="695761" spans="14:14">
      <c r="N695761" s="10"/>
    </row>
    <row r="695762" spans="14:14">
      <c r="N695762" s="10"/>
    </row>
    <row r="695763" spans="14:14">
      <c r="N695763" s="10"/>
    </row>
    <row r="695764" spans="14:14">
      <c r="N695764" s="10"/>
    </row>
    <row r="695765" spans="14:14">
      <c r="N695765" s="10"/>
    </row>
    <row r="695766" spans="14:14">
      <c r="N695766" s="10"/>
    </row>
    <row r="695767" spans="14:14">
      <c r="N695767" s="10"/>
    </row>
    <row r="695768" spans="14:14">
      <c r="N695768" s="10"/>
    </row>
    <row r="695769" spans="14:14">
      <c r="N695769" s="10"/>
    </row>
    <row r="695770" spans="14:14">
      <c r="N695770" s="10"/>
    </row>
    <row r="695771" spans="14:14">
      <c r="N695771" s="10"/>
    </row>
    <row r="695772" spans="14:14">
      <c r="N695772" s="10"/>
    </row>
    <row r="695773" spans="14:14">
      <c r="N695773" s="10"/>
    </row>
    <row r="695774" spans="14:14">
      <c r="N695774" s="10"/>
    </row>
    <row r="695775" spans="14:14">
      <c r="N695775" s="10"/>
    </row>
    <row r="695776" spans="14:14">
      <c r="N695776" s="10"/>
    </row>
    <row r="695777" spans="14:14">
      <c r="N695777" s="10"/>
    </row>
    <row r="695778" spans="14:14">
      <c r="N695778" s="10"/>
    </row>
    <row r="695779" spans="14:14">
      <c r="N695779" s="10"/>
    </row>
    <row r="695780" spans="14:14">
      <c r="N695780" s="10"/>
    </row>
    <row r="695781" spans="14:14">
      <c r="N695781" s="10"/>
    </row>
    <row r="695782" spans="14:14">
      <c r="N695782" s="10"/>
    </row>
    <row r="695783" spans="14:14">
      <c r="N695783" s="10"/>
    </row>
    <row r="695784" spans="14:14">
      <c r="N695784" s="10"/>
    </row>
    <row r="695785" spans="14:14">
      <c r="N695785" s="10"/>
    </row>
    <row r="695786" spans="14:14">
      <c r="N695786" s="10"/>
    </row>
    <row r="695787" spans="14:14">
      <c r="N695787" s="10"/>
    </row>
    <row r="695788" spans="14:14">
      <c r="N695788" s="10"/>
    </row>
    <row r="695789" spans="14:14">
      <c r="N695789" s="10"/>
    </row>
    <row r="695790" spans="14:14">
      <c r="N695790" s="10"/>
    </row>
    <row r="695791" spans="14:14">
      <c r="N695791" s="10"/>
    </row>
    <row r="695792" spans="14:14">
      <c r="N695792" s="10"/>
    </row>
    <row r="695793" spans="14:14">
      <c r="N695793" s="10"/>
    </row>
    <row r="695794" spans="14:14">
      <c r="N695794" s="10"/>
    </row>
    <row r="695795" spans="14:14">
      <c r="N695795" s="10"/>
    </row>
    <row r="695796" spans="14:14">
      <c r="N695796" s="10"/>
    </row>
    <row r="695797" spans="14:14">
      <c r="N695797" s="10"/>
    </row>
    <row r="695798" spans="14:14">
      <c r="N695798" s="10"/>
    </row>
    <row r="695799" spans="14:14">
      <c r="N695799" s="10"/>
    </row>
    <row r="695800" spans="14:14">
      <c r="N695800" s="10"/>
    </row>
    <row r="695801" spans="14:14">
      <c r="N695801" s="10"/>
    </row>
    <row r="695802" spans="14:14">
      <c r="N695802" s="10"/>
    </row>
    <row r="695803" spans="14:14">
      <c r="N695803" s="10"/>
    </row>
    <row r="695804" spans="14:14">
      <c r="N695804" s="10"/>
    </row>
    <row r="695805" spans="14:14">
      <c r="N695805" s="10"/>
    </row>
    <row r="695806" spans="14:14">
      <c r="N695806" s="10"/>
    </row>
    <row r="695807" spans="14:14">
      <c r="N695807" s="10"/>
    </row>
    <row r="695808" spans="14:14">
      <c r="N695808" s="10"/>
    </row>
    <row r="695809" spans="14:14">
      <c r="N695809" s="10"/>
    </row>
    <row r="695810" spans="14:14">
      <c r="N695810" s="10"/>
    </row>
    <row r="695811" spans="14:14">
      <c r="N695811" s="10"/>
    </row>
    <row r="695812" spans="14:14">
      <c r="N695812" s="10"/>
    </row>
    <row r="695813" spans="14:14">
      <c r="N695813" s="10"/>
    </row>
    <row r="695814" spans="14:14">
      <c r="N695814" s="10"/>
    </row>
    <row r="695815" spans="14:14">
      <c r="N695815" s="10"/>
    </row>
    <row r="695816" spans="14:14">
      <c r="N695816" s="10"/>
    </row>
    <row r="695817" spans="14:14">
      <c r="N695817" s="10"/>
    </row>
    <row r="695818" spans="14:14">
      <c r="N695818" s="10"/>
    </row>
    <row r="695819" spans="14:14">
      <c r="N695819" s="10"/>
    </row>
    <row r="695820" spans="14:14">
      <c r="N695820" s="10"/>
    </row>
    <row r="695821" spans="14:14">
      <c r="N695821" s="10"/>
    </row>
    <row r="695822" spans="14:14">
      <c r="N695822" s="10"/>
    </row>
    <row r="695823" spans="14:14">
      <c r="N695823" s="10"/>
    </row>
    <row r="695824" spans="14:14">
      <c r="N695824" s="10"/>
    </row>
    <row r="695825" spans="14:14">
      <c r="N695825" s="10"/>
    </row>
    <row r="695826" spans="14:14">
      <c r="N695826" s="10"/>
    </row>
    <row r="695827" spans="14:14">
      <c r="N695827" s="10"/>
    </row>
    <row r="695828" spans="14:14">
      <c r="N695828" s="10"/>
    </row>
    <row r="695829" spans="14:14">
      <c r="N695829" s="10"/>
    </row>
    <row r="695830" spans="14:14">
      <c r="N695830" s="10"/>
    </row>
    <row r="695831" spans="14:14">
      <c r="N695831" s="10"/>
    </row>
    <row r="695832" spans="14:14">
      <c r="N695832" s="10"/>
    </row>
    <row r="695833" spans="14:14">
      <c r="N695833" s="10"/>
    </row>
    <row r="695834" spans="14:14">
      <c r="N695834" s="10"/>
    </row>
    <row r="695835" spans="14:14">
      <c r="N695835" s="10"/>
    </row>
    <row r="695836" spans="14:14">
      <c r="N695836" s="10"/>
    </row>
    <row r="695837" spans="14:14">
      <c r="N695837" s="10"/>
    </row>
    <row r="695838" spans="14:14">
      <c r="N695838" s="10"/>
    </row>
    <row r="695839" spans="14:14">
      <c r="N695839" s="10"/>
    </row>
    <row r="695840" spans="14:14">
      <c r="N695840" s="10"/>
    </row>
    <row r="695841" spans="14:14">
      <c r="N695841" s="10"/>
    </row>
    <row r="695842" spans="14:14">
      <c r="N695842" s="10"/>
    </row>
    <row r="695843" spans="14:14">
      <c r="N695843" s="10"/>
    </row>
    <row r="695844" spans="14:14">
      <c r="N695844" s="10"/>
    </row>
    <row r="695845" spans="14:14">
      <c r="N695845" s="10"/>
    </row>
    <row r="695846" spans="14:14">
      <c r="N695846" s="10"/>
    </row>
    <row r="695847" spans="14:14">
      <c r="N695847" s="10"/>
    </row>
    <row r="695848" spans="14:14">
      <c r="N695848" s="10"/>
    </row>
    <row r="695849" spans="14:14">
      <c r="N695849" s="10"/>
    </row>
    <row r="695850" spans="14:14">
      <c r="N695850" s="10"/>
    </row>
    <row r="695851" spans="14:14">
      <c r="N695851" s="10"/>
    </row>
    <row r="695852" spans="14:14">
      <c r="N695852" s="10"/>
    </row>
    <row r="695853" spans="14:14">
      <c r="N695853" s="10"/>
    </row>
    <row r="695854" spans="14:14">
      <c r="N695854" s="10"/>
    </row>
    <row r="695855" spans="14:14">
      <c r="N695855" s="10"/>
    </row>
    <row r="695856" spans="14:14">
      <c r="N695856" s="10"/>
    </row>
    <row r="695857" spans="14:14">
      <c r="N695857" s="10"/>
    </row>
    <row r="695858" spans="14:14">
      <c r="N695858" s="10"/>
    </row>
    <row r="695859" spans="14:14">
      <c r="N695859" s="10"/>
    </row>
    <row r="695860" spans="14:14">
      <c r="N695860" s="10"/>
    </row>
    <row r="695861" spans="14:14">
      <c r="N695861" s="10"/>
    </row>
    <row r="695862" spans="14:14">
      <c r="N695862" s="10"/>
    </row>
    <row r="695863" spans="14:14">
      <c r="N695863" s="10"/>
    </row>
    <row r="695864" spans="14:14">
      <c r="N695864" s="10"/>
    </row>
    <row r="695865" spans="14:14">
      <c r="N695865" s="10"/>
    </row>
    <row r="695866" spans="14:14">
      <c r="N695866" s="10"/>
    </row>
    <row r="695867" spans="14:14">
      <c r="N695867" s="10"/>
    </row>
    <row r="695868" spans="14:14">
      <c r="N695868" s="10"/>
    </row>
    <row r="695869" spans="14:14">
      <c r="N695869" s="10"/>
    </row>
    <row r="695870" spans="14:14">
      <c r="N695870" s="10"/>
    </row>
    <row r="695871" spans="14:14">
      <c r="N695871" s="10"/>
    </row>
    <row r="695872" spans="14:14">
      <c r="N695872" s="10"/>
    </row>
    <row r="695873" spans="14:14">
      <c r="N695873" s="10"/>
    </row>
    <row r="695874" spans="14:14">
      <c r="N695874" s="10"/>
    </row>
    <row r="695875" spans="14:14">
      <c r="N695875" s="10"/>
    </row>
    <row r="695876" spans="14:14">
      <c r="N695876" s="10"/>
    </row>
    <row r="695877" spans="14:14">
      <c r="N695877" s="10"/>
    </row>
    <row r="695878" spans="14:14">
      <c r="N695878" s="10"/>
    </row>
    <row r="695879" spans="14:14">
      <c r="N695879" s="10"/>
    </row>
    <row r="695880" spans="14:14">
      <c r="N695880" s="10"/>
    </row>
    <row r="695881" spans="14:14">
      <c r="N695881" s="10"/>
    </row>
    <row r="695882" spans="14:14">
      <c r="N695882" s="10"/>
    </row>
    <row r="695883" spans="14:14">
      <c r="N695883" s="10"/>
    </row>
    <row r="695884" spans="14:14">
      <c r="N695884" s="10"/>
    </row>
    <row r="695885" spans="14:14">
      <c r="N695885" s="10"/>
    </row>
    <row r="695886" spans="14:14">
      <c r="N695886" s="10"/>
    </row>
    <row r="695887" spans="14:14">
      <c r="N695887" s="10"/>
    </row>
    <row r="695888" spans="14:14">
      <c r="N695888" s="10"/>
    </row>
    <row r="695889" spans="14:14">
      <c r="N695889" s="10"/>
    </row>
    <row r="695890" spans="14:14">
      <c r="N695890" s="10"/>
    </row>
    <row r="695891" spans="14:14">
      <c r="N695891" s="10"/>
    </row>
    <row r="695892" spans="14:14">
      <c r="N695892" s="10"/>
    </row>
    <row r="695893" spans="14:14">
      <c r="N695893" s="10"/>
    </row>
    <row r="695894" spans="14:14">
      <c r="N695894" s="10"/>
    </row>
    <row r="695895" spans="14:14">
      <c r="N695895" s="10"/>
    </row>
    <row r="695896" spans="14:14">
      <c r="N695896" s="10"/>
    </row>
    <row r="695897" spans="14:14">
      <c r="N695897" s="10"/>
    </row>
    <row r="695898" spans="14:14">
      <c r="N695898" s="10"/>
    </row>
    <row r="695899" spans="14:14">
      <c r="N695899" s="10"/>
    </row>
    <row r="695900" spans="14:14">
      <c r="N695900" s="10"/>
    </row>
    <row r="695901" spans="14:14">
      <c r="N695901" s="10"/>
    </row>
    <row r="695902" spans="14:14">
      <c r="N695902" s="10"/>
    </row>
    <row r="695903" spans="14:14">
      <c r="N695903" s="10"/>
    </row>
    <row r="695904" spans="14:14">
      <c r="N695904" s="10"/>
    </row>
    <row r="695905" spans="14:14">
      <c r="N695905" s="10"/>
    </row>
    <row r="695906" spans="14:14">
      <c r="N695906" s="10"/>
    </row>
    <row r="695907" spans="14:14">
      <c r="N695907" s="10"/>
    </row>
    <row r="695908" spans="14:14">
      <c r="N695908" s="10"/>
    </row>
    <row r="695909" spans="14:14">
      <c r="N695909" s="10"/>
    </row>
    <row r="695910" spans="14:14">
      <c r="N695910" s="10"/>
    </row>
    <row r="695911" spans="14:14">
      <c r="N695911" s="10"/>
    </row>
    <row r="695912" spans="14:14">
      <c r="N695912" s="10"/>
    </row>
    <row r="695913" spans="14:14">
      <c r="N695913" s="10"/>
    </row>
    <row r="695914" spans="14:14">
      <c r="N695914" s="10"/>
    </row>
    <row r="695915" spans="14:14">
      <c r="N695915" s="10"/>
    </row>
    <row r="695916" spans="14:14">
      <c r="N695916" s="10"/>
    </row>
    <row r="695917" spans="14:14">
      <c r="N695917" s="10"/>
    </row>
    <row r="695918" spans="14:14">
      <c r="N695918" s="10"/>
    </row>
    <row r="695919" spans="14:14">
      <c r="N695919" s="10"/>
    </row>
    <row r="695920" spans="14:14">
      <c r="N695920" s="10"/>
    </row>
    <row r="695921" spans="14:14">
      <c r="N695921" s="10"/>
    </row>
    <row r="695922" spans="14:14">
      <c r="N695922" s="10"/>
    </row>
    <row r="695923" spans="14:14">
      <c r="N695923" s="10"/>
    </row>
    <row r="695924" spans="14:14">
      <c r="N695924" s="10"/>
    </row>
    <row r="695925" spans="14:14">
      <c r="N695925" s="10"/>
    </row>
    <row r="695926" spans="14:14">
      <c r="N695926" s="10"/>
    </row>
    <row r="695927" spans="14:14">
      <c r="N695927" s="10"/>
    </row>
    <row r="695928" spans="14:14">
      <c r="N695928" s="10"/>
    </row>
    <row r="695929" spans="14:14">
      <c r="N695929" s="10"/>
    </row>
    <row r="695930" spans="14:14">
      <c r="N695930" s="10"/>
    </row>
    <row r="695931" spans="14:14">
      <c r="N695931" s="10"/>
    </row>
    <row r="695932" spans="14:14">
      <c r="N695932" s="10"/>
    </row>
    <row r="695933" spans="14:14">
      <c r="N695933" s="10"/>
    </row>
    <row r="695934" spans="14:14">
      <c r="N695934" s="10"/>
    </row>
    <row r="695935" spans="14:14">
      <c r="N695935" s="10"/>
    </row>
    <row r="695936" spans="14:14">
      <c r="N695936" s="10"/>
    </row>
    <row r="695937" spans="14:14">
      <c r="N695937" s="10"/>
    </row>
    <row r="695938" spans="14:14">
      <c r="N695938" s="10"/>
    </row>
    <row r="695939" spans="14:14">
      <c r="N695939" s="10"/>
    </row>
    <row r="695940" spans="14:14">
      <c r="N695940" s="10"/>
    </row>
    <row r="695941" spans="14:14">
      <c r="N695941" s="10"/>
    </row>
    <row r="695942" spans="14:14">
      <c r="N695942" s="10"/>
    </row>
    <row r="695943" spans="14:14">
      <c r="N695943" s="10"/>
    </row>
    <row r="695944" spans="14:14">
      <c r="N695944" s="10"/>
    </row>
    <row r="695945" spans="14:14">
      <c r="N695945" s="10"/>
    </row>
    <row r="695946" spans="14:14">
      <c r="N695946" s="10"/>
    </row>
    <row r="695947" spans="14:14">
      <c r="N695947" s="10"/>
    </row>
    <row r="695948" spans="14:14">
      <c r="N695948" s="10"/>
    </row>
    <row r="695949" spans="14:14">
      <c r="N695949" s="10"/>
    </row>
    <row r="695950" spans="14:14">
      <c r="N695950" s="10"/>
    </row>
    <row r="695951" spans="14:14">
      <c r="N695951" s="10"/>
    </row>
    <row r="695952" spans="14:14">
      <c r="N695952" s="10"/>
    </row>
    <row r="695953" spans="14:14">
      <c r="N695953" s="10"/>
    </row>
    <row r="695954" spans="14:14">
      <c r="N695954" s="10"/>
    </row>
    <row r="695955" spans="14:14">
      <c r="N695955" s="10"/>
    </row>
    <row r="695956" spans="14:14">
      <c r="N695956" s="10"/>
    </row>
    <row r="695957" spans="14:14">
      <c r="N695957" s="10"/>
    </row>
    <row r="695958" spans="14:14">
      <c r="N695958" s="10"/>
    </row>
    <row r="695959" spans="14:14">
      <c r="N695959" s="10"/>
    </row>
    <row r="695960" spans="14:14">
      <c r="N695960" s="10"/>
    </row>
    <row r="695961" spans="14:14">
      <c r="N695961" s="10"/>
    </row>
    <row r="695962" spans="14:14">
      <c r="N695962" s="10"/>
    </row>
    <row r="695963" spans="14:14">
      <c r="N695963" s="10"/>
    </row>
    <row r="695964" spans="14:14">
      <c r="N695964" s="10"/>
    </row>
    <row r="695965" spans="14:14">
      <c r="N695965" s="10"/>
    </row>
    <row r="695966" spans="14:14">
      <c r="N695966" s="10"/>
    </row>
    <row r="695967" spans="14:14">
      <c r="N695967" s="10"/>
    </row>
    <row r="695968" spans="14:14">
      <c r="N695968" s="10"/>
    </row>
    <row r="695969" spans="14:14">
      <c r="N695969" s="10"/>
    </row>
    <row r="695970" spans="14:14">
      <c r="N695970" s="10"/>
    </row>
    <row r="695971" spans="14:14">
      <c r="N695971" s="10"/>
    </row>
    <row r="695972" spans="14:14">
      <c r="N695972" s="10"/>
    </row>
    <row r="695973" spans="14:14">
      <c r="N695973" s="10"/>
    </row>
    <row r="695974" spans="14:14">
      <c r="N695974" s="10"/>
    </row>
    <row r="695975" spans="14:14">
      <c r="N695975" s="10"/>
    </row>
    <row r="695976" spans="14:14">
      <c r="N695976" s="10"/>
    </row>
    <row r="695977" spans="14:14">
      <c r="N695977" s="10"/>
    </row>
    <row r="695978" spans="14:14">
      <c r="N695978" s="10"/>
    </row>
    <row r="695979" spans="14:14">
      <c r="N695979" s="10"/>
    </row>
    <row r="695980" spans="14:14">
      <c r="N695980" s="10"/>
    </row>
    <row r="695981" spans="14:14">
      <c r="N695981" s="10"/>
    </row>
    <row r="695982" spans="14:14">
      <c r="N695982" s="10"/>
    </row>
    <row r="695983" spans="14:14">
      <c r="N695983" s="10"/>
    </row>
    <row r="695984" spans="14:14">
      <c r="N695984" s="10"/>
    </row>
    <row r="695985" spans="14:14">
      <c r="N695985" s="10"/>
    </row>
    <row r="695986" spans="14:14">
      <c r="N695986" s="10"/>
    </row>
    <row r="695987" spans="14:14">
      <c r="N695987" s="10"/>
    </row>
    <row r="695988" spans="14:14">
      <c r="N695988" s="10"/>
    </row>
    <row r="695989" spans="14:14">
      <c r="N695989" s="10"/>
    </row>
    <row r="695990" spans="14:14">
      <c r="N695990" s="10"/>
    </row>
    <row r="695991" spans="14:14">
      <c r="N695991" s="10"/>
    </row>
    <row r="695992" spans="14:14">
      <c r="N695992" s="10"/>
    </row>
    <row r="695993" spans="14:14">
      <c r="N695993" s="10"/>
    </row>
    <row r="695994" spans="14:14">
      <c r="N695994" s="10"/>
    </row>
    <row r="695995" spans="14:14">
      <c r="N695995" s="10"/>
    </row>
    <row r="695996" spans="14:14">
      <c r="N695996" s="10"/>
    </row>
    <row r="695997" spans="14:14">
      <c r="N695997" s="10"/>
    </row>
    <row r="695998" spans="14:14">
      <c r="N695998" s="10"/>
    </row>
    <row r="695999" spans="14:14">
      <c r="N695999" s="10"/>
    </row>
    <row r="696000" spans="14:14">
      <c r="N696000" s="10"/>
    </row>
    <row r="696001" spans="14:14">
      <c r="N696001" s="10"/>
    </row>
    <row r="696002" spans="14:14">
      <c r="N696002" s="10"/>
    </row>
    <row r="696003" spans="14:14">
      <c r="N696003" s="10"/>
    </row>
    <row r="696004" spans="14:14">
      <c r="N696004" s="10"/>
    </row>
    <row r="696005" spans="14:14">
      <c r="N696005" s="10"/>
    </row>
    <row r="696006" spans="14:14">
      <c r="N696006" s="10"/>
    </row>
    <row r="696007" spans="14:14">
      <c r="N696007" s="10"/>
    </row>
    <row r="696008" spans="14:14">
      <c r="N696008" s="10"/>
    </row>
    <row r="696009" spans="14:14">
      <c r="N696009" s="10"/>
    </row>
    <row r="696010" spans="14:14">
      <c r="N696010" s="10"/>
    </row>
    <row r="696011" spans="14:14">
      <c r="N696011" s="10"/>
    </row>
    <row r="696012" spans="14:14">
      <c r="N696012" s="10"/>
    </row>
    <row r="696013" spans="14:14">
      <c r="N696013" s="10"/>
    </row>
    <row r="696014" spans="14:14">
      <c r="N696014" s="10"/>
    </row>
    <row r="696015" spans="14:14">
      <c r="N696015" s="10"/>
    </row>
    <row r="696016" spans="14:14">
      <c r="N696016" s="10"/>
    </row>
    <row r="696017" spans="14:14">
      <c r="N696017" s="10"/>
    </row>
    <row r="696018" spans="14:14">
      <c r="N696018" s="10"/>
    </row>
    <row r="696019" spans="14:14">
      <c r="N696019" s="10"/>
    </row>
    <row r="696020" spans="14:14">
      <c r="N696020" s="10"/>
    </row>
    <row r="696021" spans="14:14">
      <c r="N696021" s="10"/>
    </row>
    <row r="696022" spans="14:14">
      <c r="N696022" s="10"/>
    </row>
    <row r="696023" spans="14:14">
      <c r="N696023" s="10"/>
    </row>
    <row r="696024" spans="14:14">
      <c r="N696024" s="10"/>
    </row>
    <row r="696025" spans="14:14">
      <c r="N696025" s="10"/>
    </row>
    <row r="696026" spans="14:14">
      <c r="N696026" s="10"/>
    </row>
    <row r="696027" spans="14:14">
      <c r="N696027" s="10"/>
    </row>
    <row r="696028" spans="14:14">
      <c r="N696028" s="10"/>
    </row>
    <row r="696029" spans="14:14">
      <c r="N696029" s="10"/>
    </row>
    <row r="696030" spans="14:14">
      <c r="N696030" s="10"/>
    </row>
    <row r="696031" spans="14:14">
      <c r="N696031" s="10"/>
    </row>
    <row r="696032" spans="14:14">
      <c r="N696032" s="10"/>
    </row>
    <row r="696033" spans="14:14">
      <c r="N696033" s="10"/>
    </row>
    <row r="696034" spans="14:14">
      <c r="N696034" s="10"/>
    </row>
    <row r="696035" spans="14:14">
      <c r="N696035" s="10"/>
    </row>
    <row r="696036" spans="14:14">
      <c r="N696036" s="10"/>
    </row>
    <row r="696037" spans="14:14">
      <c r="N696037" s="10"/>
    </row>
    <row r="696038" spans="14:14">
      <c r="N696038" s="10"/>
    </row>
    <row r="696039" spans="14:14">
      <c r="N696039" s="10"/>
    </row>
    <row r="696040" spans="14:14">
      <c r="N696040" s="10"/>
    </row>
    <row r="696041" spans="14:14">
      <c r="N696041" s="10"/>
    </row>
    <row r="696042" spans="14:14">
      <c r="N696042" s="10"/>
    </row>
    <row r="696043" spans="14:14">
      <c r="N696043" s="10"/>
    </row>
    <row r="696044" spans="14:14">
      <c r="N696044" s="10"/>
    </row>
    <row r="696045" spans="14:14">
      <c r="N696045" s="10"/>
    </row>
    <row r="696046" spans="14:14">
      <c r="N696046" s="10"/>
    </row>
    <row r="696047" spans="14:14">
      <c r="N696047" s="10"/>
    </row>
    <row r="696048" spans="14:14">
      <c r="N696048" s="10"/>
    </row>
    <row r="696049" spans="14:14">
      <c r="N696049" s="10"/>
    </row>
    <row r="696050" spans="14:14">
      <c r="N696050" s="10"/>
    </row>
    <row r="696051" spans="14:14">
      <c r="N696051" s="10"/>
    </row>
    <row r="696052" spans="14:14">
      <c r="N696052" s="10"/>
    </row>
    <row r="696053" spans="14:14">
      <c r="N696053" s="10"/>
    </row>
    <row r="696054" spans="14:14">
      <c r="N696054" s="10"/>
    </row>
    <row r="696055" spans="14:14">
      <c r="N696055" s="10"/>
    </row>
    <row r="696056" spans="14:14">
      <c r="N696056" s="10"/>
    </row>
    <row r="696057" spans="14:14">
      <c r="N696057" s="10"/>
    </row>
    <row r="696058" spans="14:14">
      <c r="N696058" s="10"/>
    </row>
    <row r="696059" spans="14:14">
      <c r="N696059" s="10"/>
    </row>
    <row r="696060" spans="14:14">
      <c r="N696060" s="10"/>
    </row>
    <row r="696061" spans="14:14">
      <c r="N696061" s="10"/>
    </row>
    <row r="696062" spans="14:14">
      <c r="N696062" s="10"/>
    </row>
    <row r="696063" spans="14:14">
      <c r="N696063" s="10"/>
    </row>
    <row r="696064" spans="14:14">
      <c r="N696064" s="10"/>
    </row>
    <row r="696065" spans="14:14">
      <c r="N696065" s="10"/>
    </row>
    <row r="696066" spans="14:14">
      <c r="N696066" s="10"/>
    </row>
    <row r="696067" spans="14:14">
      <c r="N696067" s="10"/>
    </row>
    <row r="696068" spans="14:14">
      <c r="N696068" s="10"/>
    </row>
    <row r="696069" spans="14:14">
      <c r="N696069" s="10"/>
    </row>
    <row r="696070" spans="14:14">
      <c r="N696070" s="10"/>
    </row>
    <row r="696071" spans="14:14">
      <c r="N696071" s="10"/>
    </row>
    <row r="696072" spans="14:14">
      <c r="N696072" s="10"/>
    </row>
    <row r="696073" spans="14:14">
      <c r="N696073" s="10"/>
    </row>
    <row r="696074" spans="14:14">
      <c r="N696074" s="10"/>
    </row>
    <row r="696075" spans="14:14">
      <c r="N696075" s="10"/>
    </row>
    <row r="696076" spans="14:14">
      <c r="N696076" s="10"/>
    </row>
    <row r="696077" spans="14:14">
      <c r="N696077" s="10"/>
    </row>
    <row r="696078" spans="14:14">
      <c r="N696078" s="10"/>
    </row>
    <row r="696079" spans="14:14">
      <c r="N696079" s="10"/>
    </row>
    <row r="696080" spans="14:14">
      <c r="N696080" s="10"/>
    </row>
    <row r="696081" spans="14:14">
      <c r="N696081" s="10"/>
    </row>
    <row r="696082" spans="14:14">
      <c r="N696082" s="10"/>
    </row>
    <row r="696083" spans="14:14">
      <c r="N696083" s="10"/>
    </row>
    <row r="696084" spans="14:14">
      <c r="N696084" s="10"/>
    </row>
    <row r="696085" spans="14:14">
      <c r="N696085" s="10"/>
    </row>
    <row r="696086" spans="14:14">
      <c r="N696086" s="10"/>
    </row>
    <row r="696087" spans="14:14">
      <c r="N696087" s="10"/>
    </row>
    <row r="696088" spans="14:14">
      <c r="N696088" s="10"/>
    </row>
    <row r="696089" spans="14:14">
      <c r="N696089" s="10"/>
    </row>
    <row r="696090" spans="14:14">
      <c r="N696090" s="10"/>
    </row>
    <row r="696091" spans="14:14">
      <c r="N696091" s="10"/>
    </row>
    <row r="696092" spans="14:14">
      <c r="N696092" s="10"/>
    </row>
    <row r="696093" spans="14:14">
      <c r="N696093" s="10"/>
    </row>
    <row r="696094" spans="14:14">
      <c r="N696094" s="10"/>
    </row>
    <row r="696095" spans="14:14">
      <c r="N696095" s="10"/>
    </row>
    <row r="696096" spans="14:14">
      <c r="N696096" s="10"/>
    </row>
    <row r="696097" spans="14:14">
      <c r="N696097" s="10"/>
    </row>
    <row r="696098" spans="14:14">
      <c r="N696098" s="10"/>
    </row>
    <row r="696099" spans="14:14">
      <c r="N696099" s="10"/>
    </row>
    <row r="696100" spans="14:14">
      <c r="N696100" s="10"/>
    </row>
    <row r="696101" spans="14:14">
      <c r="N696101" s="10"/>
    </row>
    <row r="696102" spans="14:14">
      <c r="N696102" s="10"/>
    </row>
    <row r="696103" spans="14:14">
      <c r="N696103" s="10"/>
    </row>
    <row r="696104" spans="14:14">
      <c r="N696104" s="10"/>
    </row>
    <row r="696105" spans="14:14">
      <c r="N696105" s="10"/>
    </row>
    <row r="696106" spans="14:14">
      <c r="N696106" s="10"/>
    </row>
    <row r="696107" spans="14:14">
      <c r="N696107" s="10"/>
    </row>
    <row r="696108" spans="14:14">
      <c r="N696108" s="10"/>
    </row>
    <row r="696109" spans="14:14">
      <c r="N696109" s="10"/>
    </row>
    <row r="696110" spans="14:14">
      <c r="N696110" s="10"/>
    </row>
    <row r="696111" spans="14:14">
      <c r="N696111" s="10"/>
    </row>
    <row r="696112" spans="14:14">
      <c r="N696112" s="10"/>
    </row>
    <row r="696113" spans="14:14">
      <c r="N696113" s="10"/>
    </row>
    <row r="696114" spans="14:14">
      <c r="N696114" s="10"/>
    </row>
    <row r="696115" spans="14:14">
      <c r="N696115" s="10"/>
    </row>
    <row r="696116" spans="14:14">
      <c r="N696116" s="10"/>
    </row>
    <row r="696117" spans="14:14">
      <c r="N696117" s="10"/>
    </row>
    <row r="696118" spans="14:14">
      <c r="N696118" s="10"/>
    </row>
    <row r="696119" spans="14:14">
      <c r="N696119" s="10"/>
    </row>
    <row r="696120" spans="14:14">
      <c r="N696120" s="10"/>
    </row>
    <row r="696121" spans="14:14">
      <c r="N696121" s="10"/>
    </row>
    <row r="696122" spans="14:14">
      <c r="N696122" s="10"/>
    </row>
    <row r="696123" spans="14:14">
      <c r="N696123" s="10"/>
    </row>
    <row r="696124" spans="14:14">
      <c r="N696124" s="10"/>
    </row>
    <row r="696125" spans="14:14">
      <c r="N696125" s="10"/>
    </row>
    <row r="696126" spans="14:14">
      <c r="N696126" s="10"/>
    </row>
    <row r="696127" spans="14:14">
      <c r="N696127" s="10"/>
    </row>
    <row r="696128" spans="14:14">
      <c r="N696128" s="10"/>
    </row>
    <row r="696129" spans="14:14">
      <c r="N696129" s="10"/>
    </row>
    <row r="696130" spans="14:14">
      <c r="N696130" s="10"/>
    </row>
    <row r="696131" spans="14:14">
      <c r="N696131" s="10"/>
    </row>
    <row r="696132" spans="14:14">
      <c r="N696132" s="10"/>
    </row>
    <row r="696133" spans="14:14">
      <c r="N696133" s="10"/>
    </row>
    <row r="696134" spans="14:14">
      <c r="N696134" s="10"/>
    </row>
    <row r="696135" spans="14:14">
      <c r="N696135" s="10"/>
    </row>
    <row r="696136" spans="14:14">
      <c r="N696136" s="10"/>
    </row>
    <row r="696137" spans="14:14">
      <c r="N696137" s="10"/>
    </row>
    <row r="696138" spans="14:14">
      <c r="N696138" s="10"/>
    </row>
    <row r="696139" spans="14:14">
      <c r="N696139" s="10"/>
    </row>
    <row r="696140" spans="14:14">
      <c r="N696140" s="10"/>
    </row>
    <row r="696141" spans="14:14">
      <c r="N696141" s="10"/>
    </row>
    <row r="696142" spans="14:14">
      <c r="N696142" s="10"/>
    </row>
    <row r="696143" spans="14:14">
      <c r="N696143" s="10"/>
    </row>
    <row r="696144" spans="14:14">
      <c r="N696144" s="10"/>
    </row>
    <row r="696145" spans="14:14">
      <c r="N696145" s="10"/>
    </row>
    <row r="696146" spans="14:14">
      <c r="N696146" s="10"/>
    </row>
    <row r="696147" spans="14:14">
      <c r="N696147" s="10"/>
    </row>
    <row r="696148" spans="14:14">
      <c r="N696148" s="10"/>
    </row>
    <row r="696149" spans="14:14">
      <c r="N696149" s="10"/>
    </row>
    <row r="696150" spans="14:14">
      <c r="N696150" s="10"/>
    </row>
    <row r="696151" spans="14:14">
      <c r="N696151" s="10"/>
    </row>
    <row r="696152" spans="14:14">
      <c r="N696152" s="10"/>
    </row>
    <row r="696153" spans="14:14">
      <c r="N696153" s="10"/>
    </row>
    <row r="696154" spans="14:14">
      <c r="N696154" s="10"/>
    </row>
    <row r="696155" spans="14:14">
      <c r="N696155" s="10"/>
    </row>
    <row r="696156" spans="14:14">
      <c r="N696156" s="10"/>
    </row>
    <row r="696157" spans="14:14">
      <c r="N696157" s="10"/>
    </row>
    <row r="696158" spans="14:14">
      <c r="N696158" s="10"/>
    </row>
    <row r="696159" spans="14:14">
      <c r="N696159" s="10"/>
    </row>
    <row r="696160" spans="14:14">
      <c r="N696160" s="10"/>
    </row>
    <row r="696161" spans="14:14">
      <c r="N696161" s="10"/>
    </row>
    <row r="696162" spans="14:14">
      <c r="N696162" s="10"/>
    </row>
    <row r="696163" spans="14:14">
      <c r="N696163" s="10"/>
    </row>
    <row r="696164" spans="14:14">
      <c r="N696164" s="10"/>
    </row>
    <row r="696165" spans="14:14">
      <c r="N696165" s="10"/>
    </row>
    <row r="696166" spans="14:14">
      <c r="N696166" s="10"/>
    </row>
    <row r="696167" spans="14:14">
      <c r="N696167" s="10"/>
    </row>
    <row r="696168" spans="14:14">
      <c r="N696168" s="10"/>
    </row>
    <row r="696169" spans="14:14">
      <c r="N696169" s="10"/>
    </row>
    <row r="696170" spans="14:14">
      <c r="N696170" s="10"/>
    </row>
    <row r="696171" spans="14:14">
      <c r="N696171" s="10"/>
    </row>
    <row r="696172" spans="14:14">
      <c r="N696172" s="10"/>
    </row>
    <row r="696173" spans="14:14">
      <c r="N696173" s="10"/>
    </row>
    <row r="696174" spans="14:14">
      <c r="N696174" s="10"/>
    </row>
    <row r="696175" spans="14:14">
      <c r="N696175" s="10"/>
    </row>
    <row r="696176" spans="14:14">
      <c r="N696176" s="10"/>
    </row>
    <row r="696177" spans="14:14">
      <c r="N696177" s="10"/>
    </row>
    <row r="696178" spans="14:14">
      <c r="N696178" s="10"/>
    </row>
    <row r="696179" spans="14:14">
      <c r="N696179" s="10"/>
    </row>
    <row r="696180" spans="14:14">
      <c r="N696180" s="10"/>
    </row>
    <row r="696181" spans="14:14">
      <c r="N696181" s="10"/>
    </row>
    <row r="696182" spans="14:14">
      <c r="N696182" s="10"/>
    </row>
    <row r="696183" spans="14:14">
      <c r="N696183" s="10"/>
    </row>
    <row r="696184" spans="14:14">
      <c r="N696184" s="10"/>
    </row>
    <row r="696185" spans="14:14">
      <c r="N696185" s="10"/>
    </row>
    <row r="696186" spans="14:14">
      <c r="N696186" s="10"/>
    </row>
    <row r="696187" spans="14:14">
      <c r="N696187" s="10"/>
    </row>
    <row r="696188" spans="14:14">
      <c r="N696188" s="10"/>
    </row>
    <row r="696189" spans="14:14">
      <c r="N696189" s="10"/>
    </row>
    <row r="696190" spans="14:14">
      <c r="N696190" s="10"/>
    </row>
    <row r="696191" spans="14:14">
      <c r="N696191" s="10"/>
    </row>
    <row r="696192" spans="14:14">
      <c r="N696192" s="10"/>
    </row>
    <row r="696193" spans="14:14">
      <c r="N696193" s="10"/>
    </row>
    <row r="696194" spans="14:14">
      <c r="N696194" s="10"/>
    </row>
    <row r="696195" spans="14:14">
      <c r="N696195" s="10"/>
    </row>
    <row r="696196" spans="14:14">
      <c r="N696196" s="10"/>
    </row>
    <row r="696197" spans="14:14">
      <c r="N696197" s="10"/>
    </row>
    <row r="696198" spans="14:14">
      <c r="N696198" s="10"/>
    </row>
    <row r="696199" spans="14:14">
      <c r="N696199" s="10"/>
    </row>
    <row r="696200" spans="14:14">
      <c r="N696200" s="10"/>
    </row>
    <row r="696201" spans="14:14">
      <c r="N696201" s="10"/>
    </row>
    <row r="696202" spans="14:14">
      <c r="N696202" s="10"/>
    </row>
    <row r="696203" spans="14:14">
      <c r="N696203" s="10"/>
    </row>
    <row r="696204" spans="14:14">
      <c r="N696204" s="10"/>
    </row>
    <row r="696205" spans="14:14">
      <c r="N696205" s="10"/>
    </row>
    <row r="696206" spans="14:14">
      <c r="N696206" s="10"/>
    </row>
    <row r="696207" spans="14:14">
      <c r="N696207" s="10"/>
    </row>
    <row r="696208" spans="14:14">
      <c r="N696208" s="10"/>
    </row>
    <row r="696209" spans="14:14">
      <c r="N696209" s="10"/>
    </row>
    <row r="696210" spans="14:14">
      <c r="N696210" s="10"/>
    </row>
    <row r="696211" spans="14:14">
      <c r="N696211" s="10"/>
    </row>
    <row r="696212" spans="14:14">
      <c r="N696212" s="10"/>
    </row>
    <row r="696213" spans="14:14">
      <c r="N696213" s="10"/>
    </row>
    <row r="696214" spans="14:14">
      <c r="N696214" s="10"/>
    </row>
    <row r="696215" spans="14:14">
      <c r="N696215" s="10"/>
    </row>
    <row r="696216" spans="14:14">
      <c r="N696216" s="10"/>
    </row>
    <row r="696217" spans="14:14">
      <c r="N696217" s="10"/>
    </row>
    <row r="696218" spans="14:14">
      <c r="N696218" s="10"/>
    </row>
    <row r="696219" spans="14:14">
      <c r="N696219" s="10"/>
    </row>
    <row r="696220" spans="14:14">
      <c r="N696220" s="10"/>
    </row>
    <row r="696221" spans="14:14">
      <c r="N696221" s="10"/>
    </row>
    <row r="696222" spans="14:14">
      <c r="N696222" s="10"/>
    </row>
    <row r="696223" spans="14:14">
      <c r="N696223" s="10"/>
    </row>
    <row r="696224" spans="14:14">
      <c r="N696224" s="10"/>
    </row>
    <row r="696225" spans="14:14">
      <c r="N696225" s="10"/>
    </row>
    <row r="696226" spans="14:14">
      <c r="N696226" s="10"/>
    </row>
    <row r="696227" spans="14:14">
      <c r="N696227" s="10"/>
    </row>
    <row r="696228" spans="14:14">
      <c r="N696228" s="10"/>
    </row>
    <row r="696229" spans="14:14">
      <c r="N696229" s="10"/>
    </row>
    <row r="696230" spans="14:14">
      <c r="N696230" s="10"/>
    </row>
    <row r="696231" spans="14:14">
      <c r="N696231" s="10"/>
    </row>
    <row r="696232" spans="14:14">
      <c r="N696232" s="10"/>
    </row>
    <row r="696233" spans="14:14">
      <c r="N696233" s="10"/>
    </row>
    <row r="696234" spans="14:14">
      <c r="N696234" s="10"/>
    </row>
    <row r="696235" spans="14:14">
      <c r="N696235" s="10"/>
    </row>
    <row r="696236" spans="14:14">
      <c r="N696236" s="10"/>
    </row>
    <row r="696237" spans="14:14">
      <c r="N696237" s="10"/>
    </row>
    <row r="696238" spans="14:14">
      <c r="N696238" s="10"/>
    </row>
    <row r="696239" spans="14:14">
      <c r="N696239" s="10"/>
    </row>
    <row r="696240" spans="14:14">
      <c r="N696240" s="10"/>
    </row>
    <row r="696241" spans="14:14">
      <c r="N696241" s="10"/>
    </row>
    <row r="696242" spans="14:14">
      <c r="N696242" s="10"/>
    </row>
    <row r="696243" spans="14:14">
      <c r="N696243" s="10"/>
    </row>
    <row r="696244" spans="14:14">
      <c r="N696244" s="10"/>
    </row>
    <row r="696245" spans="14:14">
      <c r="N696245" s="10"/>
    </row>
    <row r="696246" spans="14:14">
      <c r="N696246" s="10"/>
    </row>
    <row r="696247" spans="14:14">
      <c r="N696247" s="10"/>
    </row>
    <row r="696248" spans="14:14">
      <c r="N696248" s="10"/>
    </row>
    <row r="696249" spans="14:14">
      <c r="N696249" s="10"/>
    </row>
    <row r="696250" spans="14:14">
      <c r="N696250" s="10"/>
    </row>
    <row r="696251" spans="14:14">
      <c r="N696251" s="10"/>
    </row>
    <row r="696252" spans="14:14">
      <c r="N696252" s="10"/>
    </row>
    <row r="696253" spans="14:14">
      <c r="N696253" s="10"/>
    </row>
    <row r="696254" spans="14:14">
      <c r="N696254" s="10"/>
    </row>
    <row r="696255" spans="14:14">
      <c r="N696255" s="10"/>
    </row>
    <row r="696256" spans="14:14">
      <c r="N696256" s="10"/>
    </row>
    <row r="696257" spans="14:14">
      <c r="N696257" s="10"/>
    </row>
    <row r="696258" spans="14:14">
      <c r="N696258" s="10"/>
    </row>
    <row r="696259" spans="14:14">
      <c r="N696259" s="10"/>
    </row>
    <row r="696260" spans="14:14">
      <c r="N696260" s="10"/>
    </row>
    <row r="696261" spans="14:14">
      <c r="N696261" s="10"/>
    </row>
    <row r="696262" spans="14:14">
      <c r="N696262" s="10"/>
    </row>
    <row r="696263" spans="14:14">
      <c r="N696263" s="10"/>
    </row>
    <row r="696264" spans="14:14">
      <c r="N696264" s="10"/>
    </row>
    <row r="696265" spans="14:14">
      <c r="N696265" s="10"/>
    </row>
    <row r="696266" spans="14:14">
      <c r="N696266" s="10"/>
    </row>
    <row r="696267" spans="14:14">
      <c r="N696267" s="10"/>
    </row>
    <row r="696268" spans="14:14">
      <c r="N696268" s="10"/>
    </row>
    <row r="696269" spans="14:14">
      <c r="N696269" s="10"/>
    </row>
    <row r="696270" spans="14:14">
      <c r="N696270" s="10"/>
    </row>
    <row r="696271" spans="14:14">
      <c r="N696271" s="10"/>
    </row>
    <row r="696272" spans="14:14">
      <c r="N696272" s="10"/>
    </row>
    <row r="696273" spans="14:14">
      <c r="N696273" s="10"/>
    </row>
    <row r="696274" spans="14:14">
      <c r="N696274" s="10"/>
    </row>
    <row r="696275" spans="14:14">
      <c r="N696275" s="10"/>
    </row>
    <row r="696276" spans="14:14">
      <c r="N696276" s="10"/>
    </row>
    <row r="696277" spans="14:14">
      <c r="N696277" s="10"/>
    </row>
    <row r="696278" spans="14:14">
      <c r="N696278" s="10"/>
    </row>
    <row r="696279" spans="14:14">
      <c r="N696279" s="10"/>
    </row>
    <row r="696280" spans="14:14">
      <c r="N696280" s="10"/>
    </row>
    <row r="696281" spans="14:14">
      <c r="N696281" s="10"/>
    </row>
    <row r="696282" spans="14:14">
      <c r="N696282" s="10"/>
    </row>
    <row r="696283" spans="14:14">
      <c r="N696283" s="10"/>
    </row>
    <row r="696284" spans="14:14">
      <c r="N696284" s="10"/>
    </row>
    <row r="696285" spans="14:14">
      <c r="N696285" s="10"/>
    </row>
    <row r="696286" spans="14:14">
      <c r="N696286" s="10"/>
    </row>
    <row r="696287" spans="14:14">
      <c r="N696287" s="10"/>
    </row>
    <row r="696288" spans="14:14">
      <c r="N696288" s="10"/>
    </row>
    <row r="696289" spans="14:14">
      <c r="N696289" s="10"/>
    </row>
    <row r="696290" spans="14:14">
      <c r="N696290" s="10"/>
    </row>
    <row r="696291" spans="14:14">
      <c r="N696291" s="10"/>
    </row>
    <row r="696292" spans="14:14">
      <c r="N696292" s="10"/>
    </row>
    <row r="696293" spans="14:14">
      <c r="N696293" s="10"/>
    </row>
    <row r="696294" spans="14:14">
      <c r="N696294" s="10"/>
    </row>
    <row r="696295" spans="14:14">
      <c r="N696295" s="10"/>
    </row>
    <row r="696296" spans="14:14">
      <c r="N696296" s="10"/>
    </row>
    <row r="696297" spans="14:14">
      <c r="N696297" s="10"/>
    </row>
    <row r="696298" spans="14:14">
      <c r="N696298" s="10"/>
    </row>
    <row r="696299" spans="14:14">
      <c r="N696299" s="10"/>
    </row>
    <row r="696300" spans="14:14">
      <c r="N696300" s="10"/>
    </row>
    <row r="696301" spans="14:14">
      <c r="N696301" s="10"/>
    </row>
    <row r="696302" spans="14:14">
      <c r="N696302" s="10"/>
    </row>
    <row r="696303" spans="14:14">
      <c r="N696303" s="10"/>
    </row>
    <row r="696304" spans="14:14">
      <c r="N696304" s="10"/>
    </row>
    <row r="696305" spans="14:14">
      <c r="N696305" s="10"/>
    </row>
    <row r="696306" spans="14:14">
      <c r="N696306" s="10"/>
    </row>
    <row r="696307" spans="14:14">
      <c r="N696307" s="10"/>
    </row>
    <row r="696308" spans="14:14">
      <c r="N696308" s="10"/>
    </row>
    <row r="696309" spans="14:14">
      <c r="N696309" s="10"/>
    </row>
    <row r="696310" spans="14:14">
      <c r="N696310" s="10"/>
    </row>
    <row r="696311" spans="14:14">
      <c r="N696311" s="10"/>
    </row>
    <row r="696312" spans="14:14">
      <c r="N696312" s="10"/>
    </row>
    <row r="696313" spans="14:14">
      <c r="N696313" s="10"/>
    </row>
    <row r="696314" spans="14:14">
      <c r="N696314" s="10"/>
    </row>
    <row r="696315" spans="14:14">
      <c r="N696315" s="10"/>
    </row>
    <row r="696316" spans="14:14">
      <c r="N696316" s="10"/>
    </row>
    <row r="696317" spans="14:14">
      <c r="N696317" s="10"/>
    </row>
    <row r="696318" spans="14:14">
      <c r="N696318" s="10"/>
    </row>
    <row r="696319" spans="14:14">
      <c r="N696319" s="10"/>
    </row>
    <row r="696320" spans="14:14">
      <c r="N696320" s="10"/>
    </row>
    <row r="696321" spans="14:14">
      <c r="N696321" s="10"/>
    </row>
    <row r="696322" spans="14:14">
      <c r="N696322" s="10"/>
    </row>
    <row r="696323" spans="14:14">
      <c r="N696323" s="10"/>
    </row>
    <row r="696324" spans="14:14">
      <c r="N696324" s="10"/>
    </row>
    <row r="696325" spans="14:14">
      <c r="N696325" s="10"/>
    </row>
    <row r="696326" spans="14:14">
      <c r="N696326" s="10"/>
    </row>
    <row r="696327" spans="14:14">
      <c r="N696327" s="10"/>
    </row>
    <row r="696328" spans="14:14">
      <c r="N696328" s="10"/>
    </row>
    <row r="696329" spans="14:14">
      <c r="N696329" s="10"/>
    </row>
    <row r="696330" spans="14:14">
      <c r="N696330" s="10"/>
    </row>
    <row r="696331" spans="14:14">
      <c r="N696331" s="10"/>
    </row>
    <row r="696332" spans="14:14">
      <c r="N696332" s="10"/>
    </row>
    <row r="696333" spans="14:14">
      <c r="N696333" s="10"/>
    </row>
    <row r="696334" spans="14:14">
      <c r="N696334" s="10"/>
    </row>
    <row r="696335" spans="14:14">
      <c r="N696335" s="10"/>
    </row>
    <row r="696336" spans="14:14">
      <c r="N696336" s="10"/>
    </row>
    <row r="696337" spans="14:14">
      <c r="N696337" s="10"/>
    </row>
    <row r="696338" spans="14:14">
      <c r="N696338" s="10"/>
    </row>
    <row r="696339" spans="14:14">
      <c r="N696339" s="10"/>
    </row>
    <row r="696340" spans="14:14">
      <c r="N696340" s="10"/>
    </row>
    <row r="696341" spans="14:14">
      <c r="N696341" s="10"/>
    </row>
    <row r="696342" spans="14:14">
      <c r="N696342" s="10"/>
    </row>
    <row r="696343" spans="14:14">
      <c r="N696343" s="10"/>
    </row>
    <row r="696344" spans="14:14">
      <c r="N696344" s="10"/>
    </row>
    <row r="696345" spans="14:14">
      <c r="N696345" s="10"/>
    </row>
    <row r="696346" spans="14:14">
      <c r="N696346" s="10"/>
    </row>
    <row r="696347" spans="14:14">
      <c r="N696347" s="10"/>
    </row>
    <row r="696348" spans="14:14">
      <c r="N696348" s="10"/>
    </row>
    <row r="696349" spans="14:14">
      <c r="N696349" s="10"/>
    </row>
    <row r="696350" spans="14:14">
      <c r="N696350" s="10"/>
    </row>
    <row r="696351" spans="14:14">
      <c r="N696351" s="10"/>
    </row>
    <row r="696352" spans="14:14">
      <c r="N696352" s="10"/>
    </row>
    <row r="696353" spans="14:14">
      <c r="N696353" s="10"/>
    </row>
    <row r="696354" spans="14:14">
      <c r="N696354" s="10"/>
    </row>
    <row r="696355" spans="14:14">
      <c r="N696355" s="10"/>
    </row>
    <row r="696356" spans="14:14">
      <c r="N696356" s="10"/>
    </row>
    <row r="696357" spans="14:14">
      <c r="N696357" s="10"/>
    </row>
    <row r="696358" spans="14:14">
      <c r="N696358" s="10"/>
    </row>
    <row r="696359" spans="14:14">
      <c r="N696359" s="10"/>
    </row>
    <row r="696360" spans="14:14">
      <c r="N696360" s="10"/>
    </row>
    <row r="696361" spans="14:14">
      <c r="N696361" s="10"/>
    </row>
    <row r="696362" spans="14:14">
      <c r="N696362" s="10"/>
    </row>
    <row r="696363" spans="14:14">
      <c r="N696363" s="10"/>
    </row>
    <row r="696364" spans="14:14">
      <c r="N696364" s="10"/>
    </row>
    <row r="696365" spans="14:14">
      <c r="N696365" s="10"/>
    </row>
    <row r="696366" spans="14:14">
      <c r="N696366" s="10"/>
    </row>
    <row r="696367" spans="14:14">
      <c r="N696367" s="10"/>
    </row>
    <row r="696368" spans="14:14">
      <c r="N696368" s="10"/>
    </row>
    <row r="696369" spans="14:14">
      <c r="N696369" s="10"/>
    </row>
    <row r="696370" spans="14:14">
      <c r="N696370" s="10"/>
    </row>
    <row r="696371" spans="14:14">
      <c r="N696371" s="10"/>
    </row>
    <row r="696372" spans="14:14">
      <c r="N696372" s="10"/>
    </row>
    <row r="696373" spans="14:14">
      <c r="N696373" s="10"/>
    </row>
    <row r="696374" spans="14:14">
      <c r="N696374" s="10"/>
    </row>
    <row r="696375" spans="14:14">
      <c r="N696375" s="10"/>
    </row>
    <row r="696376" spans="14:14">
      <c r="N696376" s="10"/>
    </row>
    <row r="696377" spans="14:14">
      <c r="N696377" s="10"/>
    </row>
    <row r="696378" spans="14:14">
      <c r="N696378" s="10"/>
    </row>
    <row r="696379" spans="14:14">
      <c r="N696379" s="10"/>
    </row>
    <row r="696380" spans="14:14">
      <c r="N696380" s="10"/>
    </row>
    <row r="696381" spans="14:14">
      <c r="N696381" s="10"/>
    </row>
    <row r="696382" spans="14:14">
      <c r="N696382" s="10"/>
    </row>
    <row r="696383" spans="14:14">
      <c r="N696383" s="10"/>
    </row>
    <row r="696384" spans="14:14">
      <c r="N696384" s="10"/>
    </row>
    <row r="696385" spans="14:14">
      <c r="N696385" s="10"/>
    </row>
    <row r="696386" spans="14:14">
      <c r="N696386" s="10"/>
    </row>
    <row r="696387" spans="14:14">
      <c r="N696387" s="10"/>
    </row>
    <row r="696388" spans="14:14">
      <c r="N696388" s="10"/>
    </row>
    <row r="696389" spans="14:14">
      <c r="N696389" s="10"/>
    </row>
    <row r="696390" spans="14:14">
      <c r="N696390" s="10"/>
    </row>
    <row r="696391" spans="14:14">
      <c r="N696391" s="10"/>
    </row>
    <row r="696392" spans="14:14">
      <c r="N696392" s="10"/>
    </row>
    <row r="696393" spans="14:14">
      <c r="N696393" s="10"/>
    </row>
    <row r="696394" spans="14:14">
      <c r="N696394" s="10"/>
    </row>
    <row r="696395" spans="14:14">
      <c r="N696395" s="10"/>
    </row>
    <row r="696396" spans="14:14">
      <c r="N696396" s="10"/>
    </row>
    <row r="696397" spans="14:14">
      <c r="N696397" s="10"/>
    </row>
    <row r="696398" spans="14:14">
      <c r="N696398" s="10"/>
    </row>
    <row r="696399" spans="14:14">
      <c r="N696399" s="10"/>
    </row>
    <row r="696400" spans="14:14">
      <c r="N696400" s="10"/>
    </row>
    <row r="696401" spans="14:14">
      <c r="N696401" s="10"/>
    </row>
    <row r="696402" spans="14:14">
      <c r="N696402" s="10"/>
    </row>
    <row r="696403" spans="14:14">
      <c r="N696403" s="10"/>
    </row>
    <row r="696404" spans="14:14">
      <c r="N696404" s="10"/>
    </row>
    <row r="696405" spans="14:14">
      <c r="N696405" s="10"/>
    </row>
    <row r="696406" spans="14:14">
      <c r="N696406" s="10"/>
    </row>
    <row r="696407" spans="14:14">
      <c r="N696407" s="10"/>
    </row>
    <row r="696408" spans="14:14">
      <c r="N696408" s="10"/>
    </row>
    <row r="696409" spans="14:14">
      <c r="N696409" s="10"/>
    </row>
    <row r="696410" spans="14:14">
      <c r="N696410" s="10"/>
    </row>
    <row r="696411" spans="14:14">
      <c r="N696411" s="10"/>
    </row>
    <row r="696412" spans="14:14">
      <c r="N696412" s="10"/>
    </row>
    <row r="696413" spans="14:14">
      <c r="N696413" s="10"/>
    </row>
    <row r="696414" spans="14:14">
      <c r="N696414" s="10"/>
    </row>
    <row r="696415" spans="14:14">
      <c r="N696415" s="10"/>
    </row>
    <row r="696416" spans="14:14">
      <c r="N696416" s="10"/>
    </row>
    <row r="696417" spans="14:14">
      <c r="N696417" s="10"/>
    </row>
    <row r="696418" spans="14:14">
      <c r="N696418" s="10"/>
    </row>
    <row r="696419" spans="14:14">
      <c r="N696419" s="10"/>
    </row>
    <row r="696420" spans="14:14">
      <c r="N696420" s="10"/>
    </row>
    <row r="696421" spans="14:14">
      <c r="N696421" s="10"/>
    </row>
    <row r="696422" spans="14:14">
      <c r="N696422" s="10"/>
    </row>
    <row r="696423" spans="14:14">
      <c r="N696423" s="10"/>
    </row>
    <row r="696424" spans="14:14">
      <c r="N696424" s="10"/>
    </row>
    <row r="696425" spans="14:14">
      <c r="N696425" s="10"/>
    </row>
    <row r="696426" spans="14:14">
      <c r="N696426" s="10"/>
    </row>
    <row r="696427" spans="14:14">
      <c r="N696427" s="10"/>
    </row>
    <row r="696428" spans="14:14">
      <c r="N696428" s="10"/>
    </row>
    <row r="696429" spans="14:14">
      <c r="N696429" s="10"/>
    </row>
    <row r="696430" spans="14:14">
      <c r="N696430" s="10"/>
    </row>
    <row r="696431" spans="14:14">
      <c r="N696431" s="10"/>
    </row>
    <row r="696432" spans="14:14">
      <c r="N696432" s="10"/>
    </row>
    <row r="696433" spans="14:14">
      <c r="N696433" s="10"/>
    </row>
    <row r="696434" spans="14:14">
      <c r="N696434" s="10"/>
    </row>
    <row r="696435" spans="14:14">
      <c r="N696435" s="10"/>
    </row>
    <row r="696436" spans="14:14">
      <c r="N696436" s="10"/>
    </row>
    <row r="696437" spans="14:14">
      <c r="N696437" s="10"/>
    </row>
    <row r="696438" spans="14:14">
      <c r="N696438" s="10"/>
    </row>
    <row r="696439" spans="14:14">
      <c r="N696439" s="10"/>
    </row>
    <row r="696440" spans="14:14">
      <c r="N696440" s="10"/>
    </row>
    <row r="696441" spans="14:14">
      <c r="N696441" s="10"/>
    </row>
    <row r="696442" spans="14:14">
      <c r="N696442" s="10"/>
    </row>
    <row r="696443" spans="14:14">
      <c r="N696443" s="10"/>
    </row>
    <row r="696444" spans="14:14">
      <c r="N696444" s="10"/>
    </row>
    <row r="696445" spans="14:14">
      <c r="N696445" s="10"/>
    </row>
    <row r="696446" spans="14:14">
      <c r="N696446" s="10"/>
    </row>
    <row r="696447" spans="14:14">
      <c r="N696447" s="10"/>
    </row>
    <row r="696448" spans="14:14">
      <c r="N696448" s="10"/>
    </row>
    <row r="696449" spans="14:14">
      <c r="N696449" s="10"/>
    </row>
    <row r="696450" spans="14:14">
      <c r="N696450" s="10"/>
    </row>
    <row r="696451" spans="14:14">
      <c r="N696451" s="10"/>
    </row>
    <row r="696452" spans="14:14">
      <c r="N696452" s="10"/>
    </row>
    <row r="696453" spans="14:14">
      <c r="N696453" s="10"/>
    </row>
    <row r="696454" spans="14:14">
      <c r="N696454" s="10"/>
    </row>
    <row r="696455" spans="14:14">
      <c r="N696455" s="10"/>
    </row>
    <row r="696456" spans="14:14">
      <c r="N696456" s="10"/>
    </row>
    <row r="696457" spans="14:14">
      <c r="N696457" s="10"/>
    </row>
    <row r="696458" spans="14:14">
      <c r="N696458" s="10"/>
    </row>
    <row r="696459" spans="14:14">
      <c r="N696459" s="10"/>
    </row>
    <row r="696460" spans="14:14">
      <c r="N696460" s="10"/>
    </row>
    <row r="696461" spans="14:14">
      <c r="N696461" s="10"/>
    </row>
    <row r="696462" spans="14:14">
      <c r="N696462" s="10"/>
    </row>
    <row r="696463" spans="14:14">
      <c r="N696463" s="10"/>
    </row>
    <row r="696464" spans="14:14">
      <c r="N696464" s="10"/>
    </row>
    <row r="696465" spans="14:14">
      <c r="N696465" s="10"/>
    </row>
    <row r="696466" spans="14:14">
      <c r="N696466" s="10"/>
    </row>
    <row r="696467" spans="14:14">
      <c r="N696467" s="10"/>
    </row>
    <row r="696468" spans="14:14">
      <c r="N696468" s="10"/>
    </row>
    <row r="696469" spans="14:14">
      <c r="N696469" s="10"/>
    </row>
    <row r="696470" spans="14:14">
      <c r="N696470" s="10"/>
    </row>
    <row r="696471" spans="14:14">
      <c r="N696471" s="10"/>
    </row>
    <row r="696472" spans="14:14">
      <c r="N696472" s="10"/>
    </row>
    <row r="696473" spans="14:14">
      <c r="N696473" s="10"/>
    </row>
    <row r="696474" spans="14:14">
      <c r="N696474" s="10"/>
    </row>
    <row r="696475" spans="14:14">
      <c r="N696475" s="10"/>
    </row>
    <row r="696476" spans="14:14">
      <c r="N696476" s="10"/>
    </row>
    <row r="696477" spans="14:14">
      <c r="N696477" s="10"/>
    </row>
    <row r="696478" spans="14:14">
      <c r="N696478" s="10"/>
    </row>
    <row r="696479" spans="14:14">
      <c r="N696479" s="10"/>
    </row>
    <row r="696480" spans="14:14">
      <c r="N696480" s="10"/>
    </row>
    <row r="696481" spans="14:14">
      <c r="N696481" s="10"/>
    </row>
    <row r="696482" spans="14:14">
      <c r="N696482" s="10"/>
    </row>
    <row r="696483" spans="14:14">
      <c r="N696483" s="10"/>
    </row>
    <row r="696484" spans="14:14">
      <c r="N696484" s="10"/>
    </row>
    <row r="696485" spans="14:14">
      <c r="N696485" s="10"/>
    </row>
    <row r="696486" spans="14:14">
      <c r="N696486" s="10"/>
    </row>
    <row r="696487" spans="14:14">
      <c r="N696487" s="10"/>
    </row>
    <row r="696488" spans="14:14">
      <c r="N696488" s="10"/>
    </row>
    <row r="696489" spans="14:14">
      <c r="N696489" s="10"/>
    </row>
    <row r="696490" spans="14:14">
      <c r="N696490" s="10"/>
    </row>
    <row r="696491" spans="14:14">
      <c r="N696491" s="10"/>
    </row>
    <row r="696492" spans="14:14">
      <c r="N696492" s="10"/>
    </row>
    <row r="696493" spans="14:14">
      <c r="N696493" s="10"/>
    </row>
    <row r="696494" spans="14:14">
      <c r="N696494" s="10"/>
    </row>
    <row r="696495" spans="14:14">
      <c r="N696495" s="10"/>
    </row>
    <row r="696496" spans="14:14">
      <c r="N696496" s="10"/>
    </row>
    <row r="696497" spans="14:14">
      <c r="N696497" s="10"/>
    </row>
    <row r="696498" spans="14:14">
      <c r="N696498" s="10"/>
    </row>
    <row r="696499" spans="14:14">
      <c r="N696499" s="10"/>
    </row>
    <row r="696500" spans="14:14">
      <c r="N696500" s="10"/>
    </row>
    <row r="696501" spans="14:14">
      <c r="N696501" s="10"/>
    </row>
    <row r="696502" spans="14:14">
      <c r="N696502" s="10"/>
    </row>
    <row r="696503" spans="14:14">
      <c r="N696503" s="10"/>
    </row>
    <row r="696504" spans="14:14">
      <c r="N696504" s="10"/>
    </row>
    <row r="696505" spans="14:14">
      <c r="N696505" s="10"/>
    </row>
    <row r="696506" spans="14:14">
      <c r="N696506" s="10"/>
    </row>
    <row r="696507" spans="14:14">
      <c r="N696507" s="10"/>
    </row>
    <row r="696508" spans="14:14">
      <c r="N696508" s="10"/>
    </row>
    <row r="696509" spans="14:14">
      <c r="N696509" s="10"/>
    </row>
    <row r="696510" spans="14:14">
      <c r="N696510" s="10"/>
    </row>
    <row r="696511" spans="14:14">
      <c r="N696511" s="10"/>
    </row>
    <row r="696512" spans="14:14">
      <c r="N696512" s="10"/>
    </row>
    <row r="696513" spans="14:14">
      <c r="N696513" s="10"/>
    </row>
    <row r="696514" spans="14:14">
      <c r="N696514" s="10"/>
    </row>
    <row r="696515" spans="14:14">
      <c r="N696515" s="10"/>
    </row>
    <row r="696516" spans="14:14">
      <c r="N696516" s="10"/>
    </row>
    <row r="696517" spans="14:14">
      <c r="N696517" s="10"/>
    </row>
    <row r="696518" spans="14:14">
      <c r="N696518" s="10"/>
    </row>
    <row r="696519" spans="14:14">
      <c r="N696519" s="10"/>
    </row>
    <row r="696520" spans="14:14">
      <c r="N696520" s="10"/>
    </row>
    <row r="696521" spans="14:14">
      <c r="N696521" s="10"/>
    </row>
    <row r="696522" spans="14:14">
      <c r="N696522" s="10"/>
    </row>
    <row r="696523" spans="14:14">
      <c r="N696523" s="10"/>
    </row>
    <row r="696524" spans="14:14">
      <c r="N696524" s="10"/>
    </row>
    <row r="696525" spans="14:14">
      <c r="N696525" s="10"/>
    </row>
    <row r="696526" spans="14:14">
      <c r="N696526" s="10"/>
    </row>
    <row r="696527" spans="14:14">
      <c r="N696527" s="10"/>
    </row>
    <row r="696528" spans="14:14">
      <c r="N696528" s="10"/>
    </row>
    <row r="696529" spans="14:14">
      <c r="N696529" s="10"/>
    </row>
    <row r="696530" spans="14:14">
      <c r="N696530" s="10"/>
    </row>
    <row r="696531" spans="14:14">
      <c r="N696531" s="10"/>
    </row>
    <row r="696532" spans="14:14">
      <c r="N696532" s="10"/>
    </row>
    <row r="696533" spans="14:14">
      <c r="N696533" s="10"/>
    </row>
    <row r="696534" spans="14:14">
      <c r="N696534" s="10"/>
    </row>
    <row r="696535" spans="14:14">
      <c r="N696535" s="10"/>
    </row>
    <row r="696536" spans="14:14">
      <c r="N696536" s="10"/>
    </row>
    <row r="696537" spans="14:14">
      <c r="N696537" s="10"/>
    </row>
    <row r="696538" spans="14:14">
      <c r="N696538" s="10"/>
    </row>
    <row r="696539" spans="14:14">
      <c r="N696539" s="10"/>
    </row>
    <row r="696540" spans="14:14">
      <c r="N696540" s="10"/>
    </row>
    <row r="696541" spans="14:14">
      <c r="N696541" s="10"/>
    </row>
    <row r="696542" spans="14:14">
      <c r="N696542" s="10"/>
    </row>
    <row r="696543" spans="14:14">
      <c r="N696543" s="10"/>
    </row>
    <row r="696544" spans="14:14">
      <c r="N696544" s="10"/>
    </row>
    <row r="696545" spans="14:14">
      <c r="N696545" s="10"/>
    </row>
    <row r="696546" spans="14:14">
      <c r="N696546" s="10"/>
    </row>
    <row r="696547" spans="14:14">
      <c r="N696547" s="10"/>
    </row>
    <row r="696548" spans="14:14">
      <c r="N696548" s="10"/>
    </row>
    <row r="696549" spans="14:14">
      <c r="N696549" s="10"/>
    </row>
    <row r="696550" spans="14:14">
      <c r="N696550" s="10"/>
    </row>
    <row r="696551" spans="14:14">
      <c r="N696551" s="10"/>
    </row>
    <row r="696552" spans="14:14">
      <c r="N696552" s="10"/>
    </row>
    <row r="696553" spans="14:14">
      <c r="N696553" s="10"/>
    </row>
    <row r="696554" spans="14:14">
      <c r="N696554" s="10"/>
    </row>
    <row r="696555" spans="14:14">
      <c r="N696555" s="10"/>
    </row>
    <row r="696556" spans="14:14">
      <c r="N696556" s="10"/>
    </row>
    <row r="696557" spans="14:14">
      <c r="N696557" s="10"/>
    </row>
    <row r="696558" spans="14:14">
      <c r="N696558" s="10"/>
    </row>
    <row r="696559" spans="14:14">
      <c r="N696559" s="10"/>
    </row>
    <row r="696560" spans="14:14">
      <c r="N696560" s="10"/>
    </row>
    <row r="696561" spans="14:14">
      <c r="N696561" s="10"/>
    </row>
    <row r="696562" spans="14:14">
      <c r="N696562" s="10"/>
    </row>
    <row r="696563" spans="14:14">
      <c r="N696563" s="10"/>
    </row>
    <row r="696564" spans="14:14">
      <c r="N696564" s="10"/>
    </row>
    <row r="696565" spans="14:14">
      <c r="N696565" s="10"/>
    </row>
    <row r="696566" spans="14:14">
      <c r="N696566" s="10"/>
    </row>
    <row r="696567" spans="14:14">
      <c r="N696567" s="10"/>
    </row>
    <row r="696568" spans="14:14">
      <c r="N696568" s="10"/>
    </row>
    <row r="696569" spans="14:14">
      <c r="N696569" s="10"/>
    </row>
    <row r="696570" spans="14:14">
      <c r="N696570" s="10"/>
    </row>
    <row r="696571" spans="14:14">
      <c r="N696571" s="10"/>
    </row>
    <row r="696572" spans="14:14">
      <c r="N696572" s="10"/>
    </row>
    <row r="696573" spans="14:14">
      <c r="N696573" s="10"/>
    </row>
    <row r="696574" spans="14:14">
      <c r="N696574" s="10"/>
    </row>
    <row r="696575" spans="14:14">
      <c r="N696575" s="10"/>
    </row>
    <row r="696576" spans="14:14">
      <c r="N696576" s="10"/>
    </row>
    <row r="696577" spans="14:14">
      <c r="N696577" s="10"/>
    </row>
    <row r="696578" spans="14:14">
      <c r="N696578" s="10"/>
    </row>
    <row r="696579" spans="14:14">
      <c r="N696579" s="10"/>
    </row>
    <row r="696580" spans="14:14">
      <c r="N696580" s="10"/>
    </row>
    <row r="696581" spans="14:14">
      <c r="N696581" s="10"/>
    </row>
    <row r="696582" spans="14:14">
      <c r="N696582" s="10"/>
    </row>
    <row r="696583" spans="14:14">
      <c r="N696583" s="10"/>
    </row>
    <row r="696584" spans="14:14">
      <c r="N696584" s="10"/>
    </row>
    <row r="696585" spans="14:14">
      <c r="N696585" s="10"/>
    </row>
    <row r="696586" spans="14:14">
      <c r="N696586" s="10"/>
    </row>
    <row r="696587" spans="14:14">
      <c r="N696587" s="10"/>
    </row>
    <row r="696588" spans="14:14">
      <c r="N696588" s="10"/>
    </row>
    <row r="696589" spans="14:14">
      <c r="N696589" s="10"/>
    </row>
    <row r="696590" spans="14:14">
      <c r="N696590" s="10"/>
    </row>
    <row r="696591" spans="14:14">
      <c r="N696591" s="10"/>
    </row>
    <row r="696592" spans="14:14">
      <c r="N696592" s="10"/>
    </row>
    <row r="696593" spans="14:14">
      <c r="N696593" s="10"/>
    </row>
    <row r="696594" spans="14:14">
      <c r="N696594" s="10"/>
    </row>
    <row r="696595" spans="14:14">
      <c r="N696595" s="10"/>
    </row>
    <row r="696596" spans="14:14">
      <c r="N696596" s="10"/>
    </row>
    <row r="696597" spans="14:14">
      <c r="N696597" s="10"/>
    </row>
    <row r="696598" spans="14:14">
      <c r="N696598" s="10"/>
    </row>
    <row r="696599" spans="14:14">
      <c r="N696599" s="10"/>
    </row>
    <row r="696600" spans="14:14">
      <c r="N696600" s="10"/>
    </row>
    <row r="696601" spans="14:14">
      <c r="N696601" s="10"/>
    </row>
    <row r="696602" spans="14:14">
      <c r="N696602" s="10"/>
    </row>
    <row r="696603" spans="14:14">
      <c r="N696603" s="10"/>
    </row>
    <row r="696604" spans="14:14">
      <c r="N696604" s="10"/>
    </row>
    <row r="696605" spans="14:14">
      <c r="N696605" s="10"/>
    </row>
    <row r="696606" spans="14:14">
      <c r="N696606" s="10"/>
    </row>
    <row r="696607" spans="14:14">
      <c r="N696607" s="10"/>
    </row>
    <row r="696608" spans="14:14">
      <c r="N696608" s="10"/>
    </row>
    <row r="696609" spans="14:14">
      <c r="N696609" s="10"/>
    </row>
    <row r="696610" spans="14:14">
      <c r="N696610" s="10"/>
    </row>
    <row r="696611" spans="14:14">
      <c r="N696611" s="10"/>
    </row>
    <row r="696612" spans="14:14">
      <c r="N696612" s="10"/>
    </row>
    <row r="696613" spans="14:14">
      <c r="N696613" s="10"/>
    </row>
    <row r="696614" spans="14:14">
      <c r="N696614" s="10"/>
    </row>
    <row r="696615" spans="14:14">
      <c r="N696615" s="10"/>
    </row>
    <row r="696616" spans="14:14">
      <c r="N696616" s="10"/>
    </row>
    <row r="696617" spans="14:14">
      <c r="N696617" s="10"/>
    </row>
    <row r="696618" spans="14:14">
      <c r="N696618" s="10"/>
    </row>
    <row r="696619" spans="14:14">
      <c r="N696619" s="10"/>
    </row>
    <row r="696620" spans="14:14">
      <c r="N696620" s="10"/>
    </row>
    <row r="696621" spans="14:14">
      <c r="N696621" s="10"/>
    </row>
    <row r="696622" spans="14:14">
      <c r="N696622" s="10"/>
    </row>
    <row r="696623" spans="14:14">
      <c r="N696623" s="10"/>
    </row>
    <row r="696624" spans="14:14">
      <c r="N696624" s="10"/>
    </row>
    <row r="696625" spans="14:14">
      <c r="N696625" s="10"/>
    </row>
    <row r="696626" spans="14:14">
      <c r="N696626" s="10"/>
    </row>
    <row r="696627" spans="14:14">
      <c r="N696627" s="10"/>
    </row>
    <row r="696628" spans="14:14">
      <c r="N696628" s="10"/>
    </row>
    <row r="696629" spans="14:14">
      <c r="N696629" s="10"/>
    </row>
    <row r="696630" spans="14:14">
      <c r="N696630" s="10"/>
    </row>
    <row r="696631" spans="14:14">
      <c r="N696631" s="10"/>
    </row>
    <row r="696632" spans="14:14">
      <c r="N696632" s="10"/>
    </row>
    <row r="696633" spans="14:14">
      <c r="N696633" s="10"/>
    </row>
    <row r="696634" spans="14:14">
      <c r="N696634" s="10"/>
    </row>
    <row r="696635" spans="14:14">
      <c r="N696635" s="10"/>
    </row>
    <row r="696636" spans="14:14">
      <c r="N696636" s="10"/>
    </row>
    <row r="696637" spans="14:14">
      <c r="N696637" s="10"/>
    </row>
    <row r="696638" spans="14:14">
      <c r="N696638" s="10"/>
    </row>
    <row r="696639" spans="14:14">
      <c r="N696639" s="10"/>
    </row>
    <row r="696640" spans="14:14">
      <c r="N696640" s="10"/>
    </row>
    <row r="696641" spans="14:14">
      <c r="N696641" s="10"/>
    </row>
    <row r="696642" spans="14:14">
      <c r="N696642" s="10"/>
    </row>
    <row r="696643" spans="14:14">
      <c r="N696643" s="10"/>
    </row>
    <row r="696644" spans="14:14">
      <c r="N696644" s="10"/>
    </row>
    <row r="696645" spans="14:14">
      <c r="N696645" s="10"/>
    </row>
    <row r="696646" spans="14:14">
      <c r="N696646" s="10"/>
    </row>
    <row r="696647" spans="14:14">
      <c r="N696647" s="10"/>
    </row>
    <row r="696648" spans="14:14">
      <c r="N696648" s="10"/>
    </row>
    <row r="696649" spans="14:14">
      <c r="N696649" s="10"/>
    </row>
    <row r="696650" spans="14:14">
      <c r="N696650" s="10"/>
    </row>
    <row r="696651" spans="14:14">
      <c r="N696651" s="10"/>
    </row>
    <row r="696652" spans="14:14">
      <c r="N696652" s="10"/>
    </row>
    <row r="696653" spans="14:14">
      <c r="N696653" s="10"/>
    </row>
    <row r="696654" spans="14:14">
      <c r="N696654" s="10"/>
    </row>
    <row r="696655" spans="14:14">
      <c r="N696655" s="10"/>
    </row>
    <row r="696656" spans="14:14">
      <c r="N696656" s="10"/>
    </row>
    <row r="696657" spans="14:14">
      <c r="N696657" s="10"/>
    </row>
    <row r="696658" spans="14:14">
      <c r="N696658" s="10"/>
    </row>
    <row r="696659" spans="14:14">
      <c r="N696659" s="10"/>
    </row>
    <row r="696660" spans="14:14">
      <c r="N696660" s="10"/>
    </row>
    <row r="696661" spans="14:14">
      <c r="N696661" s="10"/>
    </row>
    <row r="696662" spans="14:14">
      <c r="N696662" s="10"/>
    </row>
    <row r="696663" spans="14:14">
      <c r="N696663" s="10"/>
    </row>
    <row r="696664" spans="14:14">
      <c r="N696664" s="10"/>
    </row>
    <row r="696665" spans="14:14">
      <c r="N696665" s="10"/>
    </row>
    <row r="696666" spans="14:14">
      <c r="N696666" s="10"/>
    </row>
    <row r="696667" spans="14:14">
      <c r="N696667" s="10"/>
    </row>
    <row r="696668" spans="14:14">
      <c r="N696668" s="10"/>
    </row>
    <row r="696669" spans="14:14">
      <c r="N696669" s="10"/>
    </row>
    <row r="696670" spans="14:14">
      <c r="N696670" s="10"/>
    </row>
    <row r="696671" spans="14:14">
      <c r="N696671" s="10"/>
    </row>
    <row r="696672" spans="14:14">
      <c r="N696672" s="10"/>
    </row>
    <row r="696673" spans="14:14">
      <c r="N696673" s="10"/>
    </row>
    <row r="696674" spans="14:14">
      <c r="N696674" s="10"/>
    </row>
    <row r="696675" spans="14:14">
      <c r="N696675" s="10"/>
    </row>
    <row r="696676" spans="14:14">
      <c r="N696676" s="10"/>
    </row>
    <row r="696677" spans="14:14">
      <c r="N696677" s="10"/>
    </row>
    <row r="696678" spans="14:14">
      <c r="N696678" s="10"/>
    </row>
    <row r="696679" spans="14:14">
      <c r="N696679" s="10"/>
    </row>
    <row r="696680" spans="14:14">
      <c r="N696680" s="10"/>
    </row>
    <row r="696681" spans="14:14">
      <c r="N696681" s="10"/>
    </row>
    <row r="696682" spans="14:14">
      <c r="N696682" s="10"/>
    </row>
    <row r="696683" spans="14:14">
      <c r="N696683" s="10"/>
    </row>
    <row r="696684" spans="14:14">
      <c r="N696684" s="10"/>
    </row>
    <row r="696685" spans="14:14">
      <c r="N696685" s="10"/>
    </row>
    <row r="696686" spans="14:14">
      <c r="N696686" s="10"/>
    </row>
    <row r="696687" spans="14:14">
      <c r="N696687" s="10"/>
    </row>
    <row r="696688" spans="14:14">
      <c r="N696688" s="10"/>
    </row>
    <row r="696689" spans="14:14">
      <c r="N696689" s="10"/>
    </row>
    <row r="696690" spans="14:14">
      <c r="N696690" s="10"/>
    </row>
    <row r="696691" spans="14:14">
      <c r="N696691" s="10"/>
    </row>
    <row r="696692" spans="14:14">
      <c r="N696692" s="10"/>
    </row>
    <row r="696693" spans="14:14">
      <c r="N696693" s="10"/>
    </row>
    <row r="696694" spans="14:14">
      <c r="N696694" s="10"/>
    </row>
    <row r="696695" spans="14:14">
      <c r="N696695" s="10"/>
    </row>
    <row r="696696" spans="14:14">
      <c r="N696696" s="10"/>
    </row>
    <row r="696697" spans="14:14">
      <c r="N696697" s="10"/>
    </row>
    <row r="696698" spans="14:14">
      <c r="N696698" s="10"/>
    </row>
    <row r="696699" spans="14:14">
      <c r="N696699" s="10"/>
    </row>
    <row r="696700" spans="14:14">
      <c r="N696700" s="10"/>
    </row>
    <row r="696701" spans="14:14">
      <c r="N696701" s="10"/>
    </row>
    <row r="696702" spans="14:14">
      <c r="N696702" s="10"/>
    </row>
    <row r="696703" spans="14:14">
      <c r="N696703" s="10"/>
    </row>
    <row r="696704" spans="14:14">
      <c r="N696704" s="10"/>
    </row>
    <row r="696705" spans="14:14">
      <c r="N696705" s="10"/>
    </row>
    <row r="696706" spans="14:14">
      <c r="N696706" s="10"/>
    </row>
    <row r="696707" spans="14:14">
      <c r="N696707" s="10"/>
    </row>
    <row r="696708" spans="14:14">
      <c r="N696708" s="10"/>
    </row>
    <row r="696709" spans="14:14">
      <c r="N696709" s="10"/>
    </row>
    <row r="696710" spans="14:14">
      <c r="N696710" s="10"/>
    </row>
    <row r="696711" spans="14:14">
      <c r="N696711" s="10"/>
    </row>
    <row r="696712" spans="14:14">
      <c r="N696712" s="10"/>
    </row>
    <row r="696713" spans="14:14">
      <c r="N696713" s="10"/>
    </row>
    <row r="696714" spans="14:14">
      <c r="N696714" s="10"/>
    </row>
    <row r="696715" spans="14:14">
      <c r="N696715" s="10"/>
    </row>
    <row r="696716" spans="14:14">
      <c r="N696716" s="10"/>
    </row>
    <row r="696717" spans="14:14">
      <c r="N696717" s="10"/>
    </row>
    <row r="696718" spans="14:14">
      <c r="N696718" s="10"/>
    </row>
    <row r="696719" spans="14:14">
      <c r="N696719" s="10"/>
    </row>
    <row r="696720" spans="14:14">
      <c r="N696720" s="10"/>
    </row>
    <row r="696721" spans="14:14">
      <c r="N696721" s="10"/>
    </row>
    <row r="696722" spans="14:14">
      <c r="N696722" s="10"/>
    </row>
    <row r="696723" spans="14:14">
      <c r="N696723" s="10"/>
    </row>
    <row r="696724" spans="14:14">
      <c r="N696724" s="10"/>
    </row>
    <row r="696725" spans="14:14">
      <c r="N696725" s="10"/>
    </row>
    <row r="696726" spans="14:14">
      <c r="N696726" s="10"/>
    </row>
    <row r="696727" spans="14:14">
      <c r="N696727" s="10"/>
    </row>
    <row r="696728" spans="14:14">
      <c r="N696728" s="10"/>
    </row>
    <row r="696729" spans="14:14">
      <c r="N696729" s="10"/>
    </row>
    <row r="696730" spans="14:14">
      <c r="N696730" s="10"/>
    </row>
    <row r="696731" spans="14:14">
      <c r="N696731" s="10"/>
    </row>
    <row r="696732" spans="14:14">
      <c r="N696732" s="10"/>
    </row>
    <row r="696733" spans="14:14">
      <c r="N696733" s="10"/>
    </row>
    <row r="696734" spans="14:14">
      <c r="N696734" s="10"/>
    </row>
    <row r="696735" spans="14:14">
      <c r="N696735" s="10"/>
    </row>
    <row r="696736" spans="14:14">
      <c r="N696736" s="10"/>
    </row>
    <row r="696737" spans="14:14">
      <c r="N696737" s="10"/>
    </row>
    <row r="696738" spans="14:14">
      <c r="N696738" s="10"/>
    </row>
    <row r="696739" spans="14:14">
      <c r="N696739" s="10"/>
    </row>
    <row r="696740" spans="14:14">
      <c r="N696740" s="10"/>
    </row>
    <row r="696741" spans="14:14">
      <c r="N696741" s="10"/>
    </row>
    <row r="696742" spans="14:14">
      <c r="N696742" s="10"/>
    </row>
    <row r="696743" spans="14:14">
      <c r="N696743" s="10"/>
    </row>
    <row r="696744" spans="14:14">
      <c r="N696744" s="10"/>
    </row>
    <row r="696745" spans="14:14">
      <c r="N696745" s="10"/>
    </row>
    <row r="696746" spans="14:14">
      <c r="N696746" s="10"/>
    </row>
    <row r="696747" spans="14:14">
      <c r="N696747" s="10"/>
    </row>
    <row r="696748" spans="14:14">
      <c r="N696748" s="10"/>
    </row>
    <row r="696749" spans="14:14">
      <c r="N696749" s="10"/>
    </row>
    <row r="696750" spans="14:14">
      <c r="N696750" s="10"/>
    </row>
    <row r="696751" spans="14:14">
      <c r="N696751" s="10"/>
    </row>
    <row r="696752" spans="14:14">
      <c r="N696752" s="10"/>
    </row>
    <row r="696753" spans="14:14">
      <c r="N696753" s="10"/>
    </row>
    <row r="696754" spans="14:14">
      <c r="N696754" s="10"/>
    </row>
    <row r="696755" spans="14:14">
      <c r="N696755" s="10"/>
    </row>
    <row r="696756" spans="14:14">
      <c r="N696756" s="10"/>
    </row>
    <row r="696757" spans="14:14">
      <c r="N696757" s="10"/>
    </row>
    <row r="696758" spans="14:14">
      <c r="N696758" s="10"/>
    </row>
    <row r="696759" spans="14:14">
      <c r="N696759" s="10"/>
    </row>
    <row r="696760" spans="14:14">
      <c r="N696760" s="10"/>
    </row>
    <row r="696761" spans="14:14">
      <c r="N696761" s="10"/>
    </row>
    <row r="696762" spans="14:14">
      <c r="N696762" s="10"/>
    </row>
    <row r="696763" spans="14:14">
      <c r="N696763" s="10"/>
    </row>
    <row r="696764" spans="14:14">
      <c r="N696764" s="10"/>
    </row>
    <row r="696765" spans="14:14">
      <c r="N696765" s="10"/>
    </row>
    <row r="696766" spans="14:14">
      <c r="N696766" s="10"/>
    </row>
    <row r="696767" spans="14:14">
      <c r="N696767" s="10"/>
    </row>
    <row r="696768" spans="14:14">
      <c r="N696768" s="10"/>
    </row>
    <row r="696769" spans="14:14">
      <c r="N696769" s="10"/>
    </row>
    <row r="696770" spans="14:14">
      <c r="N696770" s="10"/>
    </row>
    <row r="696771" spans="14:14">
      <c r="N696771" s="10"/>
    </row>
    <row r="696772" spans="14:14">
      <c r="N696772" s="10"/>
    </row>
    <row r="696773" spans="14:14">
      <c r="N696773" s="10"/>
    </row>
    <row r="696774" spans="14:14">
      <c r="N696774" s="10"/>
    </row>
    <row r="696775" spans="14:14">
      <c r="N696775" s="10"/>
    </row>
    <row r="696776" spans="14:14">
      <c r="N696776" s="10"/>
    </row>
    <row r="696777" spans="14:14">
      <c r="N696777" s="10"/>
    </row>
    <row r="696778" spans="14:14">
      <c r="N696778" s="10"/>
    </row>
    <row r="696779" spans="14:14">
      <c r="N696779" s="10"/>
    </row>
    <row r="696780" spans="14:14">
      <c r="N696780" s="10"/>
    </row>
    <row r="696781" spans="14:14">
      <c r="N696781" s="10"/>
    </row>
    <row r="696782" spans="14:14">
      <c r="N696782" s="10"/>
    </row>
    <row r="696783" spans="14:14">
      <c r="N696783" s="10"/>
    </row>
    <row r="696784" spans="14:14">
      <c r="N696784" s="10"/>
    </row>
    <row r="696785" spans="14:14">
      <c r="N696785" s="10"/>
    </row>
    <row r="696786" spans="14:14">
      <c r="N696786" s="10"/>
    </row>
    <row r="696787" spans="14:14">
      <c r="N696787" s="10"/>
    </row>
    <row r="696788" spans="14:14">
      <c r="N696788" s="10"/>
    </row>
    <row r="696789" spans="14:14">
      <c r="N696789" s="10"/>
    </row>
    <row r="696790" spans="14:14">
      <c r="N696790" s="10"/>
    </row>
    <row r="696791" spans="14:14">
      <c r="N696791" s="10"/>
    </row>
    <row r="696792" spans="14:14">
      <c r="N696792" s="10"/>
    </row>
    <row r="696793" spans="14:14">
      <c r="N696793" s="10"/>
    </row>
    <row r="696794" spans="14:14">
      <c r="N696794" s="10"/>
    </row>
    <row r="696795" spans="14:14">
      <c r="N696795" s="10"/>
    </row>
    <row r="696796" spans="14:14">
      <c r="N696796" s="10"/>
    </row>
    <row r="696797" spans="14:14">
      <c r="N696797" s="10"/>
    </row>
    <row r="696798" spans="14:14">
      <c r="N696798" s="10"/>
    </row>
    <row r="696799" spans="14:14">
      <c r="N696799" s="10"/>
    </row>
    <row r="696800" spans="14:14">
      <c r="N696800" s="10"/>
    </row>
    <row r="696801" spans="14:14">
      <c r="N696801" s="10"/>
    </row>
    <row r="696802" spans="14:14">
      <c r="N696802" s="10"/>
    </row>
    <row r="696803" spans="14:14">
      <c r="N696803" s="10"/>
    </row>
    <row r="696804" spans="14:14">
      <c r="N696804" s="10"/>
    </row>
    <row r="696805" spans="14:14">
      <c r="N696805" s="10"/>
    </row>
    <row r="696806" spans="14:14">
      <c r="N696806" s="10"/>
    </row>
    <row r="696807" spans="14:14">
      <c r="N696807" s="10"/>
    </row>
    <row r="696808" spans="14:14">
      <c r="N696808" s="10"/>
    </row>
    <row r="696809" spans="14:14">
      <c r="N696809" s="10"/>
    </row>
    <row r="696810" spans="14:14">
      <c r="N696810" s="10"/>
    </row>
    <row r="696811" spans="14:14">
      <c r="N696811" s="10"/>
    </row>
    <row r="696812" spans="14:14">
      <c r="N696812" s="10"/>
    </row>
    <row r="696813" spans="14:14">
      <c r="N696813" s="10"/>
    </row>
    <row r="696814" spans="14:14">
      <c r="N696814" s="10"/>
    </row>
    <row r="696815" spans="14:14">
      <c r="N696815" s="10"/>
    </row>
    <row r="696816" spans="14:14">
      <c r="N696816" s="10"/>
    </row>
    <row r="696817" spans="14:14">
      <c r="N696817" s="10"/>
    </row>
    <row r="696818" spans="14:14">
      <c r="N696818" s="10"/>
    </row>
    <row r="696819" spans="14:14">
      <c r="N696819" s="10"/>
    </row>
    <row r="696820" spans="14:14">
      <c r="N696820" s="10"/>
    </row>
    <row r="696821" spans="14:14">
      <c r="N696821" s="10"/>
    </row>
    <row r="696822" spans="14:14">
      <c r="N696822" s="10"/>
    </row>
    <row r="696823" spans="14:14">
      <c r="N696823" s="10"/>
    </row>
    <row r="696824" spans="14:14">
      <c r="N696824" s="10"/>
    </row>
    <row r="696825" spans="14:14">
      <c r="N696825" s="10"/>
    </row>
    <row r="696826" spans="14:14">
      <c r="N696826" s="10"/>
    </row>
    <row r="696827" spans="14:14">
      <c r="N696827" s="10"/>
    </row>
    <row r="696828" spans="14:14">
      <c r="N696828" s="10"/>
    </row>
    <row r="696829" spans="14:14">
      <c r="N696829" s="10"/>
    </row>
    <row r="696830" spans="14:14">
      <c r="N696830" s="10"/>
    </row>
    <row r="696831" spans="14:14">
      <c r="N696831" s="10"/>
    </row>
    <row r="696832" spans="14:14">
      <c r="N696832" s="10"/>
    </row>
    <row r="696833" spans="14:14">
      <c r="N696833" s="10"/>
    </row>
    <row r="696834" spans="14:14">
      <c r="N696834" s="10"/>
    </row>
    <row r="696835" spans="14:14">
      <c r="N696835" s="10"/>
    </row>
    <row r="696836" spans="14:14">
      <c r="N696836" s="10"/>
    </row>
    <row r="696837" spans="14:14">
      <c r="N696837" s="10"/>
    </row>
    <row r="696838" spans="14:14">
      <c r="N696838" s="10"/>
    </row>
    <row r="696839" spans="14:14">
      <c r="N696839" s="10"/>
    </row>
    <row r="696840" spans="14:14">
      <c r="N696840" s="10"/>
    </row>
    <row r="696841" spans="14:14">
      <c r="N696841" s="10"/>
    </row>
    <row r="696842" spans="14:14">
      <c r="N696842" s="10"/>
    </row>
    <row r="696843" spans="14:14">
      <c r="N696843" s="10"/>
    </row>
    <row r="696844" spans="14:14">
      <c r="N696844" s="10"/>
    </row>
    <row r="696845" spans="14:14">
      <c r="N696845" s="10"/>
    </row>
    <row r="696846" spans="14:14">
      <c r="N696846" s="10"/>
    </row>
    <row r="696847" spans="14:14">
      <c r="N696847" s="10"/>
    </row>
    <row r="696848" spans="14:14">
      <c r="N696848" s="10"/>
    </row>
    <row r="696849" spans="14:14">
      <c r="N696849" s="10"/>
    </row>
    <row r="696850" spans="14:14">
      <c r="N696850" s="10"/>
    </row>
    <row r="696851" spans="14:14">
      <c r="N696851" s="10"/>
    </row>
    <row r="696852" spans="14:14">
      <c r="N696852" s="10"/>
    </row>
    <row r="696853" spans="14:14">
      <c r="N696853" s="10"/>
    </row>
    <row r="696854" spans="14:14">
      <c r="N696854" s="10"/>
    </row>
    <row r="696855" spans="14:14">
      <c r="N696855" s="10"/>
    </row>
    <row r="696856" spans="14:14">
      <c r="N696856" s="10"/>
    </row>
    <row r="696857" spans="14:14">
      <c r="N696857" s="10"/>
    </row>
    <row r="696858" spans="14:14">
      <c r="N696858" s="10"/>
    </row>
    <row r="696859" spans="14:14">
      <c r="N696859" s="10"/>
    </row>
    <row r="696860" spans="14:14">
      <c r="N696860" s="10"/>
    </row>
    <row r="696861" spans="14:14">
      <c r="N696861" s="10"/>
    </row>
    <row r="696862" spans="14:14">
      <c r="N696862" s="10"/>
    </row>
    <row r="696863" spans="14:14">
      <c r="N696863" s="10"/>
    </row>
    <row r="696864" spans="14:14">
      <c r="N696864" s="10"/>
    </row>
    <row r="696865" spans="14:14">
      <c r="N696865" s="10"/>
    </row>
    <row r="696866" spans="14:14">
      <c r="N696866" s="10"/>
    </row>
    <row r="696867" spans="14:14">
      <c r="N696867" s="10"/>
    </row>
    <row r="696868" spans="14:14">
      <c r="N696868" s="10"/>
    </row>
    <row r="696869" spans="14:14">
      <c r="N696869" s="10"/>
    </row>
    <row r="696870" spans="14:14">
      <c r="N696870" s="10"/>
    </row>
    <row r="696871" spans="14:14">
      <c r="N696871" s="10"/>
    </row>
    <row r="696872" spans="14:14">
      <c r="N696872" s="10"/>
    </row>
    <row r="696873" spans="14:14">
      <c r="N696873" s="10"/>
    </row>
    <row r="696874" spans="14:14">
      <c r="N696874" s="10"/>
    </row>
    <row r="696875" spans="14:14">
      <c r="N696875" s="10"/>
    </row>
    <row r="696876" spans="14:14">
      <c r="N696876" s="10"/>
    </row>
    <row r="696877" spans="14:14">
      <c r="N696877" s="10"/>
    </row>
    <row r="696878" spans="14:14">
      <c r="N696878" s="10"/>
    </row>
    <row r="696879" spans="14:14">
      <c r="N696879" s="10"/>
    </row>
    <row r="696880" spans="14:14">
      <c r="N696880" s="10"/>
    </row>
    <row r="696881" spans="14:14">
      <c r="N696881" s="10"/>
    </row>
    <row r="696882" spans="14:14">
      <c r="N696882" s="10"/>
    </row>
    <row r="696883" spans="14:14">
      <c r="N696883" s="10"/>
    </row>
    <row r="696884" spans="14:14">
      <c r="N696884" s="10"/>
    </row>
    <row r="696885" spans="14:14">
      <c r="N696885" s="10"/>
    </row>
    <row r="696886" spans="14:14">
      <c r="N696886" s="10"/>
    </row>
    <row r="696887" spans="14:14">
      <c r="N696887" s="10"/>
    </row>
    <row r="696888" spans="14:14">
      <c r="N696888" s="10"/>
    </row>
    <row r="696889" spans="14:14">
      <c r="N696889" s="10"/>
    </row>
    <row r="696890" spans="14:14">
      <c r="N696890" s="10"/>
    </row>
    <row r="696891" spans="14:14">
      <c r="N696891" s="10"/>
    </row>
    <row r="696892" spans="14:14">
      <c r="N696892" s="10"/>
    </row>
    <row r="696893" spans="14:14">
      <c r="N696893" s="10"/>
    </row>
    <row r="696894" spans="14:14">
      <c r="N696894" s="10"/>
    </row>
    <row r="696895" spans="14:14">
      <c r="N696895" s="10"/>
    </row>
    <row r="696896" spans="14:14">
      <c r="N696896" s="10"/>
    </row>
    <row r="696897" spans="14:14">
      <c r="N696897" s="10"/>
    </row>
    <row r="696898" spans="14:14">
      <c r="N696898" s="10"/>
    </row>
    <row r="696899" spans="14:14">
      <c r="N696899" s="10"/>
    </row>
    <row r="696900" spans="14:14">
      <c r="N696900" s="10"/>
    </row>
    <row r="696901" spans="14:14">
      <c r="N696901" s="10"/>
    </row>
    <row r="696902" spans="14:14">
      <c r="N696902" s="10"/>
    </row>
    <row r="696903" spans="14:14">
      <c r="N696903" s="10"/>
    </row>
    <row r="696904" spans="14:14">
      <c r="N696904" s="10"/>
    </row>
    <row r="696905" spans="14:14">
      <c r="N696905" s="10"/>
    </row>
    <row r="696906" spans="14:14">
      <c r="N696906" s="10"/>
    </row>
    <row r="696907" spans="14:14">
      <c r="N696907" s="10"/>
    </row>
    <row r="696908" spans="14:14">
      <c r="N696908" s="10"/>
    </row>
    <row r="696909" spans="14:14">
      <c r="N696909" s="10"/>
    </row>
    <row r="696910" spans="14:14">
      <c r="N696910" s="10"/>
    </row>
    <row r="696911" spans="14:14">
      <c r="N696911" s="10"/>
    </row>
    <row r="696912" spans="14:14">
      <c r="N696912" s="10"/>
    </row>
    <row r="696913" spans="14:14">
      <c r="N696913" s="10"/>
    </row>
    <row r="696914" spans="14:14">
      <c r="N696914" s="10"/>
    </row>
    <row r="696915" spans="14:14">
      <c r="N696915" s="10"/>
    </row>
    <row r="696916" spans="14:14">
      <c r="N696916" s="10"/>
    </row>
    <row r="696917" spans="14:14">
      <c r="N696917" s="10"/>
    </row>
    <row r="696918" spans="14:14">
      <c r="N696918" s="10"/>
    </row>
    <row r="696919" spans="14:14">
      <c r="N696919" s="10"/>
    </row>
    <row r="696920" spans="14:14">
      <c r="N696920" s="10"/>
    </row>
    <row r="696921" spans="14:14">
      <c r="N696921" s="10"/>
    </row>
    <row r="696922" spans="14:14">
      <c r="N696922" s="10"/>
    </row>
    <row r="696923" spans="14:14">
      <c r="N696923" s="10"/>
    </row>
    <row r="696924" spans="14:14">
      <c r="N696924" s="10"/>
    </row>
    <row r="696925" spans="14:14">
      <c r="N696925" s="10"/>
    </row>
    <row r="696926" spans="14:14">
      <c r="N696926" s="10"/>
    </row>
    <row r="696927" spans="14:14">
      <c r="N696927" s="10"/>
    </row>
    <row r="696928" spans="14:14">
      <c r="N696928" s="10"/>
    </row>
    <row r="696929" spans="14:14">
      <c r="N696929" s="10"/>
    </row>
    <row r="696930" spans="14:14">
      <c r="N696930" s="10"/>
    </row>
    <row r="696931" spans="14:14">
      <c r="N696931" s="10"/>
    </row>
    <row r="696932" spans="14:14">
      <c r="N696932" s="10"/>
    </row>
    <row r="696933" spans="14:14">
      <c r="N696933" s="10"/>
    </row>
    <row r="696934" spans="14:14">
      <c r="N696934" s="10"/>
    </row>
    <row r="696935" spans="14:14">
      <c r="N696935" s="10"/>
    </row>
    <row r="696936" spans="14:14">
      <c r="N696936" s="10"/>
    </row>
    <row r="696937" spans="14:14">
      <c r="N696937" s="10"/>
    </row>
    <row r="696938" spans="14:14">
      <c r="N696938" s="10"/>
    </row>
    <row r="696939" spans="14:14">
      <c r="N696939" s="10"/>
    </row>
    <row r="696940" spans="14:14">
      <c r="N696940" s="10"/>
    </row>
    <row r="696941" spans="14:14">
      <c r="N696941" s="10"/>
    </row>
    <row r="696942" spans="14:14">
      <c r="N696942" s="10"/>
    </row>
    <row r="696943" spans="14:14">
      <c r="N696943" s="10"/>
    </row>
    <row r="696944" spans="14:14">
      <c r="N696944" s="10"/>
    </row>
    <row r="696945" spans="14:14">
      <c r="N696945" s="10"/>
    </row>
    <row r="696946" spans="14:14">
      <c r="N696946" s="10"/>
    </row>
    <row r="696947" spans="14:14">
      <c r="N696947" s="10"/>
    </row>
    <row r="696948" spans="14:14">
      <c r="N696948" s="10"/>
    </row>
    <row r="696949" spans="14:14">
      <c r="N696949" s="10"/>
    </row>
    <row r="696950" spans="14:14">
      <c r="N696950" s="10"/>
    </row>
    <row r="696951" spans="14:14">
      <c r="N696951" s="10"/>
    </row>
    <row r="696952" spans="14:14">
      <c r="N696952" s="10"/>
    </row>
    <row r="696953" spans="14:14">
      <c r="N696953" s="10"/>
    </row>
    <row r="696954" spans="14:14">
      <c r="N696954" s="10"/>
    </row>
    <row r="696955" spans="14:14">
      <c r="N696955" s="10"/>
    </row>
    <row r="696956" spans="14:14">
      <c r="N696956" s="10"/>
    </row>
    <row r="696957" spans="14:14">
      <c r="N696957" s="10"/>
    </row>
    <row r="696958" spans="14:14">
      <c r="N696958" s="10"/>
    </row>
    <row r="696959" spans="14:14">
      <c r="N696959" s="10"/>
    </row>
    <row r="696960" spans="14:14">
      <c r="N696960" s="10"/>
    </row>
    <row r="696961" spans="14:14">
      <c r="N696961" s="10"/>
    </row>
    <row r="696962" spans="14:14">
      <c r="N696962" s="10"/>
    </row>
    <row r="696963" spans="14:14">
      <c r="N696963" s="10"/>
    </row>
    <row r="696964" spans="14:14">
      <c r="N696964" s="10"/>
    </row>
    <row r="696965" spans="14:14">
      <c r="N696965" s="10"/>
    </row>
    <row r="696966" spans="14:14">
      <c r="N696966" s="10"/>
    </row>
    <row r="696967" spans="14:14">
      <c r="N696967" s="10"/>
    </row>
    <row r="696968" spans="14:14">
      <c r="N696968" s="10"/>
    </row>
    <row r="696969" spans="14:14">
      <c r="N696969" s="10"/>
    </row>
    <row r="696970" spans="14:14">
      <c r="N696970" s="10"/>
    </row>
    <row r="696971" spans="14:14">
      <c r="N696971" s="10"/>
    </row>
    <row r="696972" spans="14:14">
      <c r="N696972" s="10"/>
    </row>
    <row r="696973" spans="14:14">
      <c r="N696973" s="10"/>
    </row>
    <row r="696974" spans="14:14">
      <c r="N696974" s="10"/>
    </row>
    <row r="696975" spans="14:14">
      <c r="N696975" s="10"/>
    </row>
    <row r="696976" spans="14:14">
      <c r="N696976" s="10"/>
    </row>
    <row r="696977" spans="14:14">
      <c r="N696977" s="10"/>
    </row>
    <row r="696978" spans="14:14">
      <c r="N696978" s="10"/>
    </row>
    <row r="696979" spans="14:14">
      <c r="N696979" s="10"/>
    </row>
    <row r="696980" spans="14:14">
      <c r="N696980" s="10"/>
    </row>
    <row r="696981" spans="14:14">
      <c r="N696981" s="10"/>
    </row>
    <row r="696982" spans="14:14">
      <c r="N696982" s="10"/>
    </row>
    <row r="696983" spans="14:14">
      <c r="N696983" s="10"/>
    </row>
    <row r="696984" spans="14:14">
      <c r="N696984" s="10"/>
    </row>
    <row r="696985" spans="14:14">
      <c r="N696985" s="10"/>
    </row>
    <row r="696986" spans="14:14">
      <c r="N696986" s="10"/>
    </row>
    <row r="696987" spans="14:14">
      <c r="N696987" s="10"/>
    </row>
    <row r="696988" spans="14:14">
      <c r="N696988" s="10"/>
    </row>
    <row r="696989" spans="14:14">
      <c r="N696989" s="10"/>
    </row>
    <row r="696990" spans="14:14">
      <c r="N696990" s="10"/>
    </row>
    <row r="696991" spans="14:14">
      <c r="N696991" s="10"/>
    </row>
    <row r="696992" spans="14:14">
      <c r="N696992" s="10"/>
    </row>
    <row r="696993" spans="14:14">
      <c r="N696993" s="10"/>
    </row>
    <row r="696994" spans="14:14">
      <c r="N696994" s="10"/>
    </row>
    <row r="696995" spans="14:14">
      <c r="N696995" s="10"/>
    </row>
    <row r="696996" spans="14:14">
      <c r="N696996" s="10"/>
    </row>
    <row r="696997" spans="14:14">
      <c r="N696997" s="10"/>
    </row>
    <row r="696998" spans="14:14">
      <c r="N696998" s="10"/>
    </row>
    <row r="696999" spans="14:14">
      <c r="N696999" s="10"/>
    </row>
    <row r="697000" spans="14:14">
      <c r="N697000" s="10"/>
    </row>
    <row r="697001" spans="14:14">
      <c r="N697001" s="10"/>
    </row>
    <row r="697002" spans="14:14">
      <c r="N697002" s="10"/>
    </row>
    <row r="697003" spans="14:14">
      <c r="N697003" s="10"/>
    </row>
    <row r="697004" spans="14:14">
      <c r="N697004" s="10"/>
    </row>
    <row r="697005" spans="14:14">
      <c r="N697005" s="10"/>
    </row>
    <row r="697006" spans="14:14">
      <c r="N697006" s="10"/>
    </row>
    <row r="697007" spans="14:14">
      <c r="N697007" s="10"/>
    </row>
    <row r="697008" spans="14:14">
      <c r="N697008" s="10"/>
    </row>
    <row r="697009" spans="14:14">
      <c r="N697009" s="10"/>
    </row>
    <row r="697010" spans="14:14">
      <c r="N697010" s="10"/>
    </row>
    <row r="697011" spans="14:14">
      <c r="N697011" s="10"/>
    </row>
    <row r="697012" spans="14:14">
      <c r="N697012" s="10"/>
    </row>
    <row r="697013" spans="14:14">
      <c r="N697013" s="10"/>
    </row>
    <row r="697014" spans="14:14">
      <c r="N697014" s="10"/>
    </row>
    <row r="697015" spans="14:14">
      <c r="N697015" s="10"/>
    </row>
    <row r="697016" spans="14:14">
      <c r="N697016" s="10"/>
    </row>
    <row r="697017" spans="14:14">
      <c r="N697017" s="10"/>
    </row>
    <row r="697018" spans="14:14">
      <c r="N697018" s="10"/>
    </row>
    <row r="697019" spans="14:14">
      <c r="N697019" s="10"/>
    </row>
    <row r="697020" spans="14:14">
      <c r="N697020" s="10"/>
    </row>
    <row r="697021" spans="14:14">
      <c r="N697021" s="10"/>
    </row>
    <row r="697022" spans="14:14">
      <c r="N697022" s="10"/>
    </row>
    <row r="697023" spans="14:14">
      <c r="N697023" s="10"/>
    </row>
    <row r="697024" spans="14:14">
      <c r="N697024" s="10"/>
    </row>
    <row r="697025" spans="14:14">
      <c r="N697025" s="10"/>
    </row>
    <row r="697026" spans="14:14">
      <c r="N697026" s="10"/>
    </row>
    <row r="697027" spans="14:14">
      <c r="N697027" s="10"/>
    </row>
    <row r="697028" spans="14:14">
      <c r="N697028" s="10"/>
    </row>
    <row r="697029" spans="14:14">
      <c r="N697029" s="10"/>
    </row>
    <row r="697030" spans="14:14">
      <c r="N697030" s="10"/>
    </row>
    <row r="697031" spans="14:14">
      <c r="N697031" s="10"/>
    </row>
    <row r="697032" spans="14:14">
      <c r="N697032" s="10"/>
    </row>
    <row r="697033" spans="14:14">
      <c r="N697033" s="10"/>
    </row>
    <row r="697034" spans="14:14">
      <c r="N697034" s="10"/>
    </row>
    <row r="697035" spans="14:14">
      <c r="N697035" s="10"/>
    </row>
    <row r="697036" spans="14:14">
      <c r="N697036" s="10"/>
    </row>
    <row r="697037" spans="14:14">
      <c r="N697037" s="10"/>
    </row>
    <row r="697038" spans="14:14">
      <c r="N697038" s="10"/>
    </row>
    <row r="697039" spans="14:14">
      <c r="N697039" s="10"/>
    </row>
    <row r="697040" spans="14:14">
      <c r="N697040" s="10"/>
    </row>
    <row r="697041" spans="14:14">
      <c r="N697041" s="10"/>
    </row>
    <row r="697042" spans="14:14">
      <c r="N697042" s="10"/>
    </row>
    <row r="697043" spans="14:14">
      <c r="N697043" s="10"/>
    </row>
    <row r="697044" spans="14:14">
      <c r="N697044" s="10"/>
    </row>
    <row r="697045" spans="14:14">
      <c r="N697045" s="10"/>
    </row>
    <row r="697046" spans="14:14">
      <c r="N697046" s="10"/>
    </row>
    <row r="697047" spans="14:14">
      <c r="N697047" s="10"/>
    </row>
    <row r="697048" spans="14:14">
      <c r="N697048" s="10"/>
    </row>
    <row r="697049" spans="14:14">
      <c r="N697049" s="10"/>
    </row>
    <row r="697050" spans="14:14">
      <c r="N697050" s="10"/>
    </row>
    <row r="697051" spans="14:14">
      <c r="N697051" s="10"/>
    </row>
    <row r="697052" spans="14:14">
      <c r="N697052" s="10"/>
    </row>
    <row r="697053" spans="14:14">
      <c r="N697053" s="10"/>
    </row>
    <row r="697054" spans="14:14">
      <c r="N697054" s="10"/>
    </row>
    <row r="697055" spans="14:14">
      <c r="N697055" s="10"/>
    </row>
    <row r="697056" spans="14:14">
      <c r="N697056" s="10"/>
    </row>
    <row r="697057" spans="14:14">
      <c r="N697057" s="10"/>
    </row>
    <row r="697058" spans="14:14">
      <c r="N697058" s="10"/>
    </row>
    <row r="697059" spans="14:14">
      <c r="N697059" s="10"/>
    </row>
    <row r="697060" spans="14:14">
      <c r="N697060" s="10"/>
    </row>
    <row r="697061" spans="14:14">
      <c r="N697061" s="10"/>
    </row>
    <row r="697062" spans="14:14">
      <c r="N697062" s="10"/>
    </row>
    <row r="697063" spans="14:14">
      <c r="N697063" s="10"/>
    </row>
    <row r="697064" spans="14:14">
      <c r="N697064" s="10"/>
    </row>
    <row r="697065" spans="14:14">
      <c r="N697065" s="10"/>
    </row>
    <row r="697066" spans="14:14">
      <c r="N697066" s="10"/>
    </row>
    <row r="697067" spans="14:14">
      <c r="N697067" s="10"/>
    </row>
    <row r="697068" spans="14:14">
      <c r="N697068" s="10"/>
    </row>
    <row r="697069" spans="14:14">
      <c r="N697069" s="10"/>
    </row>
    <row r="697070" spans="14:14">
      <c r="N697070" s="10"/>
    </row>
    <row r="697071" spans="14:14">
      <c r="N697071" s="10"/>
    </row>
    <row r="697072" spans="14:14">
      <c r="N697072" s="10"/>
    </row>
    <row r="697073" spans="14:14">
      <c r="N697073" s="10"/>
    </row>
    <row r="697074" spans="14:14">
      <c r="N697074" s="10"/>
    </row>
    <row r="697075" spans="14:14">
      <c r="N697075" s="10"/>
    </row>
    <row r="697076" spans="14:14">
      <c r="N697076" s="10"/>
    </row>
    <row r="697077" spans="14:14">
      <c r="N697077" s="10"/>
    </row>
    <row r="697078" spans="14:14">
      <c r="N697078" s="10"/>
    </row>
    <row r="697079" spans="14:14">
      <c r="N697079" s="10"/>
    </row>
    <row r="697080" spans="14:14">
      <c r="N697080" s="10"/>
    </row>
    <row r="697081" spans="14:14">
      <c r="N697081" s="10"/>
    </row>
    <row r="697082" spans="14:14">
      <c r="N697082" s="10"/>
    </row>
    <row r="697083" spans="14:14">
      <c r="N697083" s="10"/>
    </row>
    <row r="697084" spans="14:14">
      <c r="N697084" s="10"/>
    </row>
    <row r="697085" spans="14:14">
      <c r="N697085" s="10"/>
    </row>
    <row r="697086" spans="14:14">
      <c r="N697086" s="10"/>
    </row>
    <row r="697087" spans="14:14">
      <c r="N697087" s="10"/>
    </row>
    <row r="697088" spans="14:14">
      <c r="N697088" s="10"/>
    </row>
    <row r="697089" spans="14:14">
      <c r="N697089" s="10"/>
    </row>
    <row r="697090" spans="14:14">
      <c r="N697090" s="10"/>
    </row>
    <row r="697091" spans="14:14">
      <c r="N697091" s="10"/>
    </row>
    <row r="697092" spans="14:14">
      <c r="N697092" s="10"/>
    </row>
    <row r="697093" spans="14:14">
      <c r="N697093" s="10"/>
    </row>
    <row r="697094" spans="14:14">
      <c r="N697094" s="10"/>
    </row>
    <row r="697095" spans="14:14">
      <c r="N697095" s="10"/>
    </row>
    <row r="697096" spans="14:14">
      <c r="N697096" s="10"/>
    </row>
    <row r="697097" spans="14:14">
      <c r="N697097" s="10"/>
    </row>
    <row r="697098" spans="14:14">
      <c r="N697098" s="10"/>
    </row>
    <row r="697099" spans="14:14">
      <c r="N697099" s="10"/>
    </row>
    <row r="697100" spans="14:14">
      <c r="N697100" s="10"/>
    </row>
    <row r="697101" spans="14:14">
      <c r="N697101" s="10"/>
    </row>
    <row r="697102" spans="14:14">
      <c r="N697102" s="10"/>
    </row>
    <row r="697103" spans="14:14">
      <c r="N697103" s="10"/>
    </row>
    <row r="697104" spans="14:14">
      <c r="N697104" s="10"/>
    </row>
    <row r="697105" spans="14:14">
      <c r="N697105" s="10"/>
    </row>
    <row r="697106" spans="14:14">
      <c r="N697106" s="10"/>
    </row>
    <row r="697107" spans="14:14">
      <c r="N697107" s="10"/>
    </row>
    <row r="697108" spans="14:14">
      <c r="N697108" s="10"/>
    </row>
    <row r="697109" spans="14:14">
      <c r="N697109" s="10"/>
    </row>
    <row r="697110" spans="14:14">
      <c r="N697110" s="10"/>
    </row>
    <row r="697111" spans="14:14">
      <c r="N697111" s="10"/>
    </row>
    <row r="697112" spans="14:14">
      <c r="N697112" s="10"/>
    </row>
    <row r="697113" spans="14:14">
      <c r="N697113" s="10"/>
    </row>
    <row r="697114" spans="14:14">
      <c r="N697114" s="10"/>
    </row>
    <row r="697115" spans="14:14">
      <c r="N697115" s="10"/>
    </row>
    <row r="697116" spans="14:14">
      <c r="N697116" s="10"/>
    </row>
    <row r="697117" spans="14:14">
      <c r="N697117" s="10"/>
    </row>
    <row r="697118" spans="14:14">
      <c r="N697118" s="10"/>
    </row>
    <row r="697119" spans="14:14">
      <c r="N697119" s="10"/>
    </row>
    <row r="697120" spans="14:14">
      <c r="N697120" s="10"/>
    </row>
    <row r="697121" spans="14:14">
      <c r="N697121" s="10"/>
    </row>
    <row r="697122" spans="14:14">
      <c r="N697122" s="10"/>
    </row>
    <row r="697123" spans="14:14">
      <c r="N697123" s="10"/>
    </row>
    <row r="697124" spans="14:14">
      <c r="N697124" s="10"/>
    </row>
    <row r="697125" spans="14:14">
      <c r="N697125" s="10"/>
    </row>
    <row r="697126" spans="14:14">
      <c r="N697126" s="10"/>
    </row>
    <row r="697127" spans="14:14">
      <c r="N697127" s="10"/>
    </row>
    <row r="697128" spans="14:14">
      <c r="N697128" s="10"/>
    </row>
    <row r="697129" spans="14:14">
      <c r="N697129" s="10"/>
    </row>
    <row r="697130" spans="14:14">
      <c r="N697130" s="10"/>
    </row>
    <row r="697131" spans="14:14">
      <c r="N697131" s="10"/>
    </row>
    <row r="697132" spans="14:14">
      <c r="N697132" s="10"/>
    </row>
    <row r="697133" spans="14:14">
      <c r="N697133" s="10"/>
    </row>
    <row r="697134" spans="14:14">
      <c r="N697134" s="10"/>
    </row>
    <row r="697135" spans="14:14">
      <c r="N697135" s="10"/>
    </row>
    <row r="697136" spans="14:14">
      <c r="N697136" s="10"/>
    </row>
    <row r="697137" spans="14:14">
      <c r="N697137" s="10"/>
    </row>
    <row r="697138" spans="14:14">
      <c r="N697138" s="10"/>
    </row>
    <row r="697139" spans="14:14">
      <c r="N697139" s="10"/>
    </row>
    <row r="697140" spans="14:14">
      <c r="N697140" s="10"/>
    </row>
    <row r="697141" spans="14:14">
      <c r="N697141" s="10"/>
    </row>
    <row r="697142" spans="14:14">
      <c r="N697142" s="10"/>
    </row>
    <row r="697143" spans="14:14">
      <c r="N697143" s="10"/>
    </row>
    <row r="697144" spans="14:14">
      <c r="N697144" s="10"/>
    </row>
    <row r="697145" spans="14:14">
      <c r="N697145" s="10"/>
    </row>
    <row r="697146" spans="14:14">
      <c r="N697146" s="10"/>
    </row>
    <row r="697147" spans="14:14">
      <c r="N697147" s="10"/>
    </row>
    <row r="697148" spans="14:14">
      <c r="N697148" s="10"/>
    </row>
    <row r="697149" spans="14:14">
      <c r="N697149" s="10"/>
    </row>
    <row r="697150" spans="14:14">
      <c r="N697150" s="10"/>
    </row>
    <row r="697151" spans="14:14">
      <c r="N697151" s="10"/>
    </row>
    <row r="697152" spans="14:14">
      <c r="N697152" s="10"/>
    </row>
    <row r="697153" spans="14:14">
      <c r="N697153" s="10"/>
    </row>
    <row r="697154" spans="14:14">
      <c r="N697154" s="10"/>
    </row>
    <row r="697155" spans="14:14">
      <c r="N697155" s="10"/>
    </row>
    <row r="697156" spans="14:14">
      <c r="N697156" s="10"/>
    </row>
    <row r="697157" spans="14:14">
      <c r="N697157" s="10"/>
    </row>
    <row r="697158" spans="14:14">
      <c r="N697158" s="10"/>
    </row>
    <row r="697159" spans="14:14">
      <c r="N697159" s="10"/>
    </row>
    <row r="697160" spans="14:14">
      <c r="N697160" s="10"/>
    </row>
    <row r="697161" spans="14:14">
      <c r="N697161" s="10"/>
    </row>
    <row r="697162" spans="14:14">
      <c r="N697162" s="10"/>
    </row>
    <row r="697163" spans="14:14">
      <c r="N697163" s="10"/>
    </row>
    <row r="697164" spans="14:14">
      <c r="N697164" s="10"/>
    </row>
    <row r="697165" spans="14:14">
      <c r="N697165" s="10"/>
    </row>
    <row r="697166" spans="14:14">
      <c r="N697166" s="10"/>
    </row>
    <row r="697167" spans="14:14">
      <c r="N697167" s="10"/>
    </row>
    <row r="697168" spans="14:14">
      <c r="N697168" s="10"/>
    </row>
    <row r="697169" spans="14:14">
      <c r="N697169" s="10"/>
    </row>
    <row r="697170" spans="14:14">
      <c r="N697170" s="10"/>
    </row>
    <row r="697171" spans="14:14">
      <c r="N697171" s="10"/>
    </row>
    <row r="697172" spans="14:14">
      <c r="N697172" s="10"/>
    </row>
    <row r="697173" spans="14:14">
      <c r="N697173" s="10"/>
    </row>
    <row r="697174" spans="14:14">
      <c r="N697174" s="10"/>
    </row>
    <row r="697175" spans="14:14">
      <c r="N697175" s="10"/>
    </row>
    <row r="697176" spans="14:14">
      <c r="N697176" s="10"/>
    </row>
    <row r="697177" spans="14:14">
      <c r="N697177" s="10"/>
    </row>
    <row r="697178" spans="14:14">
      <c r="N697178" s="10"/>
    </row>
    <row r="697179" spans="14:14">
      <c r="N697179" s="10"/>
    </row>
    <row r="697180" spans="14:14">
      <c r="N697180" s="10"/>
    </row>
    <row r="697181" spans="14:14">
      <c r="N697181" s="10"/>
    </row>
    <row r="697182" spans="14:14">
      <c r="N697182" s="10"/>
    </row>
    <row r="697183" spans="14:14">
      <c r="N697183" s="10"/>
    </row>
    <row r="697184" spans="14:14">
      <c r="N697184" s="10"/>
    </row>
    <row r="697185" spans="14:14">
      <c r="N697185" s="10"/>
    </row>
    <row r="697186" spans="14:14">
      <c r="N697186" s="10"/>
    </row>
    <row r="697187" spans="14:14">
      <c r="N697187" s="10"/>
    </row>
    <row r="697188" spans="14:14">
      <c r="N697188" s="10"/>
    </row>
    <row r="697189" spans="14:14">
      <c r="N697189" s="10"/>
    </row>
    <row r="697190" spans="14:14">
      <c r="N697190" s="10"/>
    </row>
    <row r="697191" spans="14:14">
      <c r="N697191" s="10"/>
    </row>
    <row r="697192" spans="14:14">
      <c r="N697192" s="10"/>
    </row>
    <row r="697193" spans="14:14">
      <c r="N697193" s="10"/>
    </row>
    <row r="697194" spans="14:14">
      <c r="N697194" s="10"/>
    </row>
    <row r="697195" spans="14:14">
      <c r="N697195" s="10"/>
    </row>
    <row r="697196" spans="14:14">
      <c r="N697196" s="10"/>
    </row>
    <row r="697197" spans="14:14">
      <c r="N697197" s="10"/>
    </row>
    <row r="697198" spans="14:14">
      <c r="N697198" s="10"/>
    </row>
    <row r="697199" spans="14:14">
      <c r="N697199" s="10"/>
    </row>
    <row r="697200" spans="14:14">
      <c r="N697200" s="10"/>
    </row>
    <row r="697201" spans="14:14">
      <c r="N697201" s="10"/>
    </row>
    <row r="697202" spans="14:14">
      <c r="N697202" s="10"/>
    </row>
    <row r="697203" spans="14:14">
      <c r="N697203" s="10"/>
    </row>
    <row r="697204" spans="14:14">
      <c r="N697204" s="10"/>
    </row>
    <row r="697205" spans="14:14">
      <c r="N697205" s="10"/>
    </row>
    <row r="697206" spans="14:14">
      <c r="N697206" s="10"/>
    </row>
    <row r="697207" spans="14:14">
      <c r="N697207" s="10"/>
    </row>
    <row r="697208" spans="14:14">
      <c r="N697208" s="10"/>
    </row>
    <row r="697209" spans="14:14">
      <c r="N697209" s="10"/>
    </row>
    <row r="697210" spans="14:14">
      <c r="N697210" s="10"/>
    </row>
    <row r="697211" spans="14:14">
      <c r="N697211" s="10"/>
    </row>
    <row r="697212" spans="14:14">
      <c r="N697212" s="10"/>
    </row>
    <row r="697213" spans="14:14">
      <c r="N697213" s="10"/>
    </row>
    <row r="697214" spans="14:14">
      <c r="N697214" s="10"/>
    </row>
    <row r="697215" spans="14:14">
      <c r="N697215" s="10"/>
    </row>
    <row r="697216" spans="14:14">
      <c r="N697216" s="10"/>
    </row>
    <row r="697217" spans="14:14">
      <c r="N697217" s="10"/>
    </row>
    <row r="697218" spans="14:14">
      <c r="N697218" s="10"/>
    </row>
    <row r="697219" spans="14:14">
      <c r="N697219" s="10"/>
    </row>
    <row r="697220" spans="14:14">
      <c r="N697220" s="10"/>
    </row>
    <row r="697221" spans="14:14">
      <c r="N697221" s="10"/>
    </row>
    <row r="697222" spans="14:14">
      <c r="N697222" s="10"/>
    </row>
    <row r="697223" spans="14:14">
      <c r="N697223" s="10"/>
    </row>
    <row r="697224" spans="14:14">
      <c r="N697224" s="10"/>
    </row>
    <row r="697225" spans="14:14">
      <c r="N697225" s="10"/>
    </row>
    <row r="697226" spans="14:14">
      <c r="N697226" s="10"/>
    </row>
    <row r="697227" spans="14:14">
      <c r="N697227" s="10"/>
    </row>
    <row r="697228" spans="14:14">
      <c r="N697228" s="10"/>
    </row>
    <row r="697229" spans="14:14">
      <c r="N697229" s="10"/>
    </row>
    <row r="697230" spans="14:14">
      <c r="N697230" s="10"/>
    </row>
    <row r="697231" spans="14:14">
      <c r="N697231" s="10"/>
    </row>
    <row r="697232" spans="14:14">
      <c r="N697232" s="10"/>
    </row>
    <row r="697233" spans="14:14">
      <c r="N697233" s="10"/>
    </row>
    <row r="697234" spans="14:14">
      <c r="N697234" s="10"/>
    </row>
    <row r="697235" spans="14:14">
      <c r="N697235" s="10"/>
    </row>
    <row r="697236" spans="14:14">
      <c r="N697236" s="10"/>
    </row>
    <row r="697237" spans="14:14">
      <c r="N697237" s="10"/>
    </row>
    <row r="697238" spans="14:14">
      <c r="N697238" s="10"/>
    </row>
    <row r="697239" spans="14:14">
      <c r="N697239" s="10"/>
    </row>
    <row r="697240" spans="14:14">
      <c r="N697240" s="10"/>
    </row>
    <row r="697241" spans="14:14">
      <c r="N697241" s="10"/>
    </row>
    <row r="697242" spans="14:14">
      <c r="N697242" s="10"/>
    </row>
    <row r="697243" spans="14:14">
      <c r="N697243" s="10"/>
    </row>
    <row r="697244" spans="14:14">
      <c r="N697244" s="10"/>
    </row>
    <row r="697245" spans="14:14">
      <c r="N697245" s="10"/>
    </row>
    <row r="697246" spans="14:14">
      <c r="N697246" s="10"/>
    </row>
    <row r="697247" spans="14:14">
      <c r="N697247" s="10"/>
    </row>
    <row r="697248" spans="14:14">
      <c r="N697248" s="10"/>
    </row>
    <row r="697249" spans="14:14">
      <c r="N697249" s="10"/>
    </row>
    <row r="697250" spans="14:14">
      <c r="N697250" s="10"/>
    </row>
    <row r="697251" spans="14:14">
      <c r="N697251" s="10"/>
    </row>
    <row r="697252" spans="14:14">
      <c r="N697252" s="10"/>
    </row>
    <row r="697253" spans="14:14">
      <c r="N697253" s="10"/>
    </row>
    <row r="697254" spans="14:14">
      <c r="N697254" s="10"/>
    </row>
    <row r="697255" spans="14:14">
      <c r="N697255" s="10"/>
    </row>
    <row r="697256" spans="14:14">
      <c r="N697256" s="10"/>
    </row>
    <row r="697257" spans="14:14">
      <c r="N697257" s="10"/>
    </row>
    <row r="697258" spans="14:14">
      <c r="N697258" s="10"/>
    </row>
    <row r="697259" spans="14:14">
      <c r="N697259" s="10"/>
    </row>
    <row r="697260" spans="14:14">
      <c r="N697260" s="10"/>
    </row>
    <row r="697261" spans="14:14">
      <c r="N697261" s="10"/>
    </row>
    <row r="697262" spans="14:14">
      <c r="N697262" s="10"/>
    </row>
    <row r="697263" spans="14:14">
      <c r="N697263" s="10"/>
    </row>
    <row r="697264" spans="14:14">
      <c r="N697264" s="10"/>
    </row>
    <row r="697265" spans="14:14">
      <c r="N697265" s="10"/>
    </row>
    <row r="697266" spans="14:14">
      <c r="N697266" s="10"/>
    </row>
    <row r="697267" spans="14:14">
      <c r="N697267" s="10"/>
    </row>
    <row r="697268" spans="14:14">
      <c r="N697268" s="10"/>
    </row>
    <row r="697269" spans="14:14">
      <c r="N697269" s="10"/>
    </row>
    <row r="697270" spans="14:14">
      <c r="N697270" s="10"/>
    </row>
    <row r="697271" spans="14:14">
      <c r="N697271" s="10"/>
    </row>
    <row r="697272" spans="14:14">
      <c r="N697272" s="10"/>
    </row>
    <row r="697273" spans="14:14">
      <c r="N697273" s="10"/>
    </row>
    <row r="697274" spans="14:14">
      <c r="N697274" s="10"/>
    </row>
    <row r="697275" spans="14:14">
      <c r="N697275" s="10"/>
    </row>
    <row r="697276" spans="14:14">
      <c r="N697276" s="10"/>
    </row>
    <row r="697277" spans="14:14">
      <c r="N697277" s="10"/>
    </row>
    <row r="697278" spans="14:14">
      <c r="N697278" s="10"/>
    </row>
    <row r="697279" spans="14:14">
      <c r="N697279" s="10"/>
    </row>
    <row r="697280" spans="14:14">
      <c r="N697280" s="10"/>
    </row>
    <row r="697281" spans="14:14">
      <c r="N697281" s="10"/>
    </row>
    <row r="697282" spans="14:14">
      <c r="N697282" s="10"/>
    </row>
    <row r="697283" spans="14:14">
      <c r="N697283" s="10"/>
    </row>
    <row r="697284" spans="14:14">
      <c r="N697284" s="10"/>
    </row>
    <row r="697285" spans="14:14">
      <c r="N697285" s="10"/>
    </row>
    <row r="697286" spans="14:14">
      <c r="N697286" s="10"/>
    </row>
    <row r="697287" spans="14:14">
      <c r="N697287" s="10"/>
    </row>
    <row r="697288" spans="14:14">
      <c r="N697288" s="10"/>
    </row>
    <row r="697289" spans="14:14">
      <c r="N697289" s="10"/>
    </row>
    <row r="697290" spans="14:14">
      <c r="N697290" s="10"/>
    </row>
    <row r="697291" spans="14:14">
      <c r="N697291" s="10"/>
    </row>
    <row r="697292" spans="14:14">
      <c r="N697292" s="10"/>
    </row>
    <row r="697293" spans="14:14">
      <c r="N697293" s="10"/>
    </row>
    <row r="697294" spans="14:14">
      <c r="N697294" s="10"/>
    </row>
    <row r="697295" spans="14:14">
      <c r="N697295" s="10"/>
    </row>
    <row r="697296" spans="14:14">
      <c r="N697296" s="10"/>
    </row>
    <row r="697297" spans="14:14">
      <c r="N697297" s="10"/>
    </row>
    <row r="697298" spans="14:14">
      <c r="N697298" s="10"/>
    </row>
    <row r="697299" spans="14:14">
      <c r="N697299" s="10"/>
    </row>
    <row r="697300" spans="14:14">
      <c r="N697300" s="10"/>
    </row>
    <row r="697301" spans="14:14">
      <c r="N697301" s="10"/>
    </row>
    <row r="697302" spans="14:14">
      <c r="N697302" s="10"/>
    </row>
    <row r="697303" spans="14:14">
      <c r="N697303" s="10"/>
    </row>
    <row r="697304" spans="14:14">
      <c r="N697304" s="10"/>
    </row>
    <row r="697305" spans="14:14">
      <c r="N697305" s="10"/>
    </row>
    <row r="697306" spans="14:14">
      <c r="N697306" s="10"/>
    </row>
    <row r="697307" spans="14:14">
      <c r="N697307" s="10"/>
    </row>
    <row r="697308" spans="14:14">
      <c r="N697308" s="10"/>
    </row>
    <row r="697309" spans="14:14">
      <c r="N697309" s="10"/>
    </row>
    <row r="697310" spans="14:14">
      <c r="N697310" s="10"/>
    </row>
    <row r="697311" spans="14:14">
      <c r="N697311" s="10"/>
    </row>
    <row r="697312" spans="14:14">
      <c r="N697312" s="10"/>
    </row>
    <row r="697313" spans="14:14">
      <c r="N697313" s="10"/>
    </row>
    <row r="697314" spans="14:14">
      <c r="N697314" s="10"/>
    </row>
    <row r="697315" spans="14:14">
      <c r="N697315" s="10"/>
    </row>
    <row r="697316" spans="14:14">
      <c r="N697316" s="10"/>
    </row>
    <row r="697317" spans="14:14">
      <c r="N697317" s="10"/>
    </row>
    <row r="697318" spans="14:14">
      <c r="N697318" s="10"/>
    </row>
    <row r="697319" spans="14:14">
      <c r="N697319" s="10"/>
    </row>
    <row r="697320" spans="14:14">
      <c r="N697320" s="10"/>
    </row>
    <row r="697321" spans="14:14">
      <c r="N697321" s="10"/>
    </row>
    <row r="697322" spans="14:14">
      <c r="N697322" s="10"/>
    </row>
    <row r="697323" spans="14:14">
      <c r="N697323" s="10"/>
    </row>
    <row r="697324" spans="14:14">
      <c r="N697324" s="10"/>
    </row>
    <row r="697325" spans="14:14">
      <c r="N697325" s="10"/>
    </row>
    <row r="697326" spans="14:14">
      <c r="N697326" s="10"/>
    </row>
    <row r="697327" spans="14:14">
      <c r="N697327" s="10"/>
    </row>
    <row r="697328" spans="14:14">
      <c r="N697328" s="10"/>
    </row>
    <row r="697329" spans="14:14">
      <c r="N697329" s="10"/>
    </row>
    <row r="697330" spans="14:14">
      <c r="N697330" s="10"/>
    </row>
    <row r="697331" spans="14:14">
      <c r="N697331" s="10"/>
    </row>
    <row r="697332" spans="14:14">
      <c r="N697332" s="10"/>
    </row>
    <row r="697333" spans="14:14">
      <c r="N697333" s="10"/>
    </row>
    <row r="697334" spans="14:14">
      <c r="N697334" s="10"/>
    </row>
    <row r="697335" spans="14:14">
      <c r="N697335" s="10"/>
    </row>
    <row r="697336" spans="14:14">
      <c r="N697336" s="10"/>
    </row>
    <row r="697337" spans="14:14">
      <c r="N697337" s="10"/>
    </row>
    <row r="697338" spans="14:14">
      <c r="N697338" s="10"/>
    </row>
    <row r="697339" spans="14:14">
      <c r="N697339" s="10"/>
    </row>
    <row r="697340" spans="14:14">
      <c r="N697340" s="10"/>
    </row>
    <row r="697341" spans="14:14">
      <c r="N697341" s="10"/>
    </row>
    <row r="697342" spans="14:14">
      <c r="N697342" s="10"/>
    </row>
    <row r="697343" spans="14:14">
      <c r="N697343" s="10"/>
    </row>
    <row r="697344" spans="14:14">
      <c r="N697344" s="10"/>
    </row>
    <row r="697345" spans="14:14">
      <c r="N697345" s="10"/>
    </row>
    <row r="697346" spans="14:14">
      <c r="N697346" s="10"/>
    </row>
    <row r="697347" spans="14:14">
      <c r="N697347" s="10"/>
    </row>
    <row r="697348" spans="14:14">
      <c r="N697348" s="10"/>
    </row>
    <row r="697349" spans="14:14">
      <c r="N697349" s="10"/>
    </row>
    <row r="697350" spans="14:14">
      <c r="N697350" s="10"/>
    </row>
    <row r="697351" spans="14:14">
      <c r="N697351" s="10"/>
    </row>
    <row r="697352" spans="14:14">
      <c r="N697352" s="10"/>
    </row>
    <row r="697353" spans="14:14">
      <c r="N697353" s="10"/>
    </row>
    <row r="697354" spans="14:14">
      <c r="N697354" s="10"/>
    </row>
    <row r="697355" spans="14:14">
      <c r="N697355" s="10"/>
    </row>
    <row r="697356" spans="14:14">
      <c r="N697356" s="10"/>
    </row>
    <row r="697357" spans="14:14">
      <c r="N697357" s="10"/>
    </row>
    <row r="697358" spans="14:14">
      <c r="N697358" s="10"/>
    </row>
    <row r="697359" spans="14:14">
      <c r="N697359" s="10"/>
    </row>
    <row r="697360" spans="14:14">
      <c r="N697360" s="10"/>
    </row>
    <row r="697361" spans="14:14">
      <c r="N697361" s="10"/>
    </row>
    <row r="697362" spans="14:14">
      <c r="N697362" s="10"/>
    </row>
    <row r="697363" spans="14:14">
      <c r="N697363" s="10"/>
    </row>
    <row r="697364" spans="14:14">
      <c r="N697364" s="10"/>
    </row>
    <row r="697365" spans="14:14">
      <c r="N697365" s="10"/>
    </row>
    <row r="697366" spans="14:14">
      <c r="N697366" s="10"/>
    </row>
    <row r="697367" spans="14:14">
      <c r="N697367" s="10"/>
    </row>
    <row r="697368" spans="14:14">
      <c r="N697368" s="10"/>
    </row>
    <row r="697369" spans="14:14">
      <c r="N697369" s="10"/>
    </row>
    <row r="697370" spans="14:14">
      <c r="N697370" s="10"/>
    </row>
    <row r="697371" spans="14:14">
      <c r="N697371" s="10"/>
    </row>
    <row r="697372" spans="14:14">
      <c r="N697372" s="10"/>
    </row>
    <row r="697373" spans="14:14">
      <c r="N697373" s="10"/>
    </row>
    <row r="697374" spans="14:14">
      <c r="N697374" s="10"/>
    </row>
    <row r="697375" spans="14:14">
      <c r="N697375" s="10"/>
    </row>
    <row r="697376" spans="14:14">
      <c r="N697376" s="10"/>
    </row>
    <row r="697377" spans="14:14">
      <c r="N697377" s="10"/>
    </row>
    <row r="697378" spans="14:14">
      <c r="N697378" s="10"/>
    </row>
    <row r="697379" spans="14:14">
      <c r="N697379" s="10"/>
    </row>
    <row r="697380" spans="14:14">
      <c r="N697380" s="10"/>
    </row>
    <row r="697381" spans="14:14">
      <c r="N697381" s="10"/>
    </row>
    <row r="697382" spans="14:14">
      <c r="N697382" s="10"/>
    </row>
    <row r="697383" spans="14:14">
      <c r="N697383" s="10"/>
    </row>
    <row r="697384" spans="14:14">
      <c r="N697384" s="10"/>
    </row>
    <row r="697385" spans="14:14">
      <c r="N697385" s="10"/>
    </row>
    <row r="697386" spans="14:14">
      <c r="N697386" s="10"/>
    </row>
    <row r="697387" spans="14:14">
      <c r="N697387" s="10"/>
    </row>
    <row r="697388" spans="14:14">
      <c r="N697388" s="10"/>
    </row>
    <row r="697389" spans="14:14">
      <c r="N697389" s="10"/>
    </row>
    <row r="697390" spans="14:14">
      <c r="N697390" s="10"/>
    </row>
    <row r="697391" spans="14:14">
      <c r="N697391" s="10"/>
    </row>
    <row r="697392" spans="14:14">
      <c r="N697392" s="10"/>
    </row>
    <row r="697393" spans="14:14">
      <c r="N697393" s="10"/>
    </row>
    <row r="697394" spans="14:14">
      <c r="N697394" s="10"/>
    </row>
    <row r="697395" spans="14:14">
      <c r="N697395" s="10"/>
    </row>
    <row r="697396" spans="14:14">
      <c r="N697396" s="10"/>
    </row>
    <row r="697397" spans="14:14">
      <c r="N697397" s="10"/>
    </row>
    <row r="697398" spans="14:14">
      <c r="N697398" s="10"/>
    </row>
    <row r="697399" spans="14:14">
      <c r="N697399" s="10"/>
    </row>
    <row r="697400" spans="14:14">
      <c r="N697400" s="10"/>
    </row>
    <row r="697401" spans="14:14">
      <c r="N697401" s="10"/>
    </row>
    <row r="697402" spans="14:14">
      <c r="N697402" s="10"/>
    </row>
    <row r="697403" spans="14:14">
      <c r="N697403" s="10"/>
    </row>
    <row r="697404" spans="14:14">
      <c r="N697404" s="10"/>
    </row>
    <row r="697405" spans="14:14">
      <c r="N697405" s="10"/>
    </row>
    <row r="697406" spans="14:14">
      <c r="N697406" s="10"/>
    </row>
    <row r="697407" spans="14:14">
      <c r="N697407" s="10"/>
    </row>
    <row r="697408" spans="14:14">
      <c r="N697408" s="10"/>
    </row>
    <row r="697409" spans="14:14">
      <c r="N697409" s="10"/>
    </row>
    <row r="697410" spans="14:14">
      <c r="N697410" s="10"/>
    </row>
    <row r="697411" spans="14:14">
      <c r="N697411" s="10"/>
    </row>
    <row r="697412" spans="14:14">
      <c r="N697412" s="10"/>
    </row>
    <row r="697413" spans="14:14">
      <c r="N697413" s="10"/>
    </row>
    <row r="697414" spans="14:14">
      <c r="N697414" s="10"/>
    </row>
    <row r="697415" spans="14:14">
      <c r="N697415" s="10"/>
    </row>
    <row r="697416" spans="14:14">
      <c r="N697416" s="10"/>
    </row>
    <row r="697417" spans="14:14">
      <c r="N697417" s="10"/>
    </row>
    <row r="697418" spans="14:14">
      <c r="N697418" s="10"/>
    </row>
    <row r="697419" spans="14:14">
      <c r="N697419" s="10"/>
    </row>
    <row r="697420" spans="14:14">
      <c r="N697420" s="10"/>
    </row>
    <row r="697421" spans="14:14">
      <c r="N697421" s="10"/>
    </row>
    <row r="697422" spans="14:14">
      <c r="N697422" s="10"/>
    </row>
    <row r="697423" spans="14:14">
      <c r="N697423" s="10"/>
    </row>
    <row r="697424" spans="14:14">
      <c r="N697424" s="10"/>
    </row>
    <row r="697425" spans="14:14">
      <c r="N697425" s="10"/>
    </row>
    <row r="697426" spans="14:14">
      <c r="N697426" s="10"/>
    </row>
    <row r="697427" spans="14:14">
      <c r="N697427" s="10"/>
    </row>
    <row r="697428" spans="14:14">
      <c r="N697428" s="10"/>
    </row>
    <row r="697429" spans="14:14">
      <c r="N697429" s="10"/>
    </row>
    <row r="697430" spans="14:14">
      <c r="N697430" s="10"/>
    </row>
    <row r="697431" spans="14:14">
      <c r="N697431" s="10"/>
    </row>
    <row r="697432" spans="14:14">
      <c r="N697432" s="10"/>
    </row>
    <row r="697433" spans="14:14">
      <c r="N697433" s="10"/>
    </row>
    <row r="697434" spans="14:14">
      <c r="N697434" s="10"/>
    </row>
    <row r="697435" spans="14:14">
      <c r="N697435" s="10"/>
    </row>
    <row r="697436" spans="14:14">
      <c r="N697436" s="10"/>
    </row>
    <row r="697437" spans="14:14">
      <c r="N697437" s="10"/>
    </row>
    <row r="697438" spans="14:14">
      <c r="N697438" s="10"/>
    </row>
    <row r="697439" spans="14:14">
      <c r="N697439" s="10"/>
    </row>
    <row r="697440" spans="14:14">
      <c r="N697440" s="10"/>
    </row>
    <row r="697441" spans="14:14">
      <c r="N697441" s="10"/>
    </row>
    <row r="697442" spans="14:14">
      <c r="N697442" s="10"/>
    </row>
    <row r="697443" spans="14:14">
      <c r="N697443" s="10"/>
    </row>
    <row r="697444" spans="14:14">
      <c r="N697444" s="10"/>
    </row>
    <row r="697445" spans="14:14">
      <c r="N697445" s="10"/>
    </row>
    <row r="697446" spans="14:14">
      <c r="N697446" s="10"/>
    </row>
    <row r="697447" spans="14:14">
      <c r="N697447" s="10"/>
    </row>
    <row r="697448" spans="14:14">
      <c r="N697448" s="10"/>
    </row>
    <row r="697449" spans="14:14">
      <c r="N697449" s="10"/>
    </row>
    <row r="697450" spans="14:14">
      <c r="N697450" s="10"/>
    </row>
    <row r="697451" spans="14:14">
      <c r="N697451" s="10"/>
    </row>
    <row r="697452" spans="14:14">
      <c r="N697452" s="10"/>
    </row>
    <row r="697453" spans="14:14">
      <c r="N697453" s="10"/>
    </row>
    <row r="697454" spans="14:14">
      <c r="N697454" s="10"/>
    </row>
    <row r="697455" spans="14:14">
      <c r="N697455" s="10"/>
    </row>
    <row r="697456" spans="14:14">
      <c r="N697456" s="10"/>
    </row>
    <row r="697457" spans="14:14">
      <c r="N697457" s="10"/>
    </row>
    <row r="697458" spans="14:14">
      <c r="N697458" s="10"/>
    </row>
    <row r="697459" spans="14:14">
      <c r="N697459" s="10"/>
    </row>
    <row r="697460" spans="14:14">
      <c r="N697460" s="10"/>
    </row>
    <row r="697461" spans="14:14">
      <c r="N697461" s="10"/>
    </row>
    <row r="697462" spans="14:14">
      <c r="N697462" s="10"/>
    </row>
    <row r="697463" spans="14:14">
      <c r="N697463" s="10"/>
    </row>
    <row r="697464" spans="14:14">
      <c r="N697464" s="10"/>
    </row>
    <row r="697465" spans="14:14">
      <c r="N697465" s="10"/>
    </row>
    <row r="697466" spans="14:14">
      <c r="N697466" s="10"/>
    </row>
    <row r="697467" spans="14:14">
      <c r="N697467" s="10"/>
    </row>
    <row r="697468" spans="14:14">
      <c r="N697468" s="10"/>
    </row>
    <row r="697469" spans="14:14">
      <c r="N697469" s="10"/>
    </row>
    <row r="697470" spans="14:14">
      <c r="N697470" s="10"/>
    </row>
    <row r="697471" spans="14:14">
      <c r="N697471" s="10"/>
    </row>
    <row r="697472" spans="14:14">
      <c r="N697472" s="10"/>
    </row>
    <row r="697473" spans="14:14">
      <c r="N697473" s="10"/>
    </row>
    <row r="697474" spans="14:14">
      <c r="N697474" s="10"/>
    </row>
    <row r="697475" spans="14:14">
      <c r="N697475" s="10"/>
    </row>
    <row r="697476" spans="14:14">
      <c r="N697476" s="10"/>
    </row>
    <row r="697477" spans="14:14">
      <c r="N697477" s="10"/>
    </row>
    <row r="697478" spans="14:14">
      <c r="N697478" s="10"/>
    </row>
    <row r="697479" spans="14:14">
      <c r="N697479" s="10"/>
    </row>
    <row r="697480" spans="14:14">
      <c r="N697480" s="10"/>
    </row>
    <row r="697481" spans="14:14">
      <c r="N697481" s="10"/>
    </row>
    <row r="697482" spans="14:14">
      <c r="N697482" s="10"/>
    </row>
    <row r="697483" spans="14:14">
      <c r="N697483" s="10"/>
    </row>
    <row r="697484" spans="14:14">
      <c r="N697484" s="10"/>
    </row>
    <row r="697485" spans="14:14">
      <c r="N697485" s="10"/>
    </row>
    <row r="697486" spans="14:14">
      <c r="N697486" s="10"/>
    </row>
    <row r="697487" spans="14:14">
      <c r="N697487" s="10"/>
    </row>
    <row r="697488" spans="14:14">
      <c r="N697488" s="10"/>
    </row>
    <row r="697489" spans="14:14">
      <c r="N697489" s="10"/>
    </row>
    <row r="697490" spans="14:14">
      <c r="N697490" s="10"/>
    </row>
    <row r="697491" spans="14:14">
      <c r="N697491" s="10"/>
    </row>
    <row r="697492" spans="14:14">
      <c r="N697492" s="10"/>
    </row>
    <row r="697493" spans="14:14">
      <c r="N697493" s="10"/>
    </row>
    <row r="697494" spans="14:14">
      <c r="N697494" s="10"/>
    </row>
    <row r="697495" spans="14:14">
      <c r="N697495" s="10"/>
    </row>
    <row r="697496" spans="14:14">
      <c r="N697496" s="10"/>
    </row>
    <row r="697497" spans="14:14">
      <c r="N697497" s="10"/>
    </row>
    <row r="697498" spans="14:14">
      <c r="N697498" s="10"/>
    </row>
    <row r="697499" spans="14:14">
      <c r="N697499" s="10"/>
    </row>
    <row r="697500" spans="14:14">
      <c r="N697500" s="10"/>
    </row>
    <row r="697501" spans="14:14">
      <c r="N697501" s="10"/>
    </row>
    <row r="697502" spans="14:14">
      <c r="N697502" s="10"/>
    </row>
    <row r="697503" spans="14:14">
      <c r="N697503" s="10"/>
    </row>
    <row r="697504" spans="14:14">
      <c r="N697504" s="10"/>
    </row>
    <row r="697505" spans="14:14">
      <c r="N697505" s="10"/>
    </row>
    <row r="697506" spans="14:14">
      <c r="N697506" s="10"/>
    </row>
    <row r="697507" spans="14:14">
      <c r="N697507" s="10"/>
    </row>
    <row r="697508" spans="14:14">
      <c r="N697508" s="10"/>
    </row>
    <row r="697509" spans="14:14">
      <c r="N697509" s="10"/>
    </row>
    <row r="697510" spans="14:14">
      <c r="N697510" s="10"/>
    </row>
    <row r="697511" spans="14:14">
      <c r="N697511" s="10"/>
    </row>
    <row r="697512" spans="14:14">
      <c r="N697512" s="10"/>
    </row>
    <row r="697513" spans="14:14">
      <c r="N697513" s="10"/>
    </row>
    <row r="697514" spans="14:14">
      <c r="N697514" s="10"/>
    </row>
    <row r="697515" spans="14:14">
      <c r="N697515" s="10"/>
    </row>
    <row r="697516" spans="14:14">
      <c r="N697516" s="10"/>
    </row>
    <row r="697517" spans="14:14">
      <c r="N697517" s="10"/>
    </row>
    <row r="697518" spans="14:14">
      <c r="N697518" s="10"/>
    </row>
    <row r="697519" spans="14:14">
      <c r="N697519" s="10"/>
    </row>
    <row r="697520" spans="14:14">
      <c r="N697520" s="10"/>
    </row>
    <row r="697521" spans="14:14">
      <c r="N697521" s="10"/>
    </row>
    <row r="697522" spans="14:14">
      <c r="N697522" s="10"/>
    </row>
    <row r="697523" spans="14:14">
      <c r="N697523" s="10"/>
    </row>
    <row r="697524" spans="14:14">
      <c r="N697524" s="10"/>
    </row>
    <row r="697525" spans="14:14">
      <c r="N697525" s="10"/>
    </row>
    <row r="697526" spans="14:14">
      <c r="N697526" s="10"/>
    </row>
    <row r="697527" spans="14:14">
      <c r="N697527" s="10"/>
    </row>
    <row r="697528" spans="14:14">
      <c r="N697528" s="10"/>
    </row>
    <row r="697529" spans="14:14">
      <c r="N697529" s="10"/>
    </row>
    <row r="697530" spans="14:14">
      <c r="N697530" s="10"/>
    </row>
    <row r="697531" spans="14:14">
      <c r="N697531" s="10"/>
    </row>
    <row r="697532" spans="14:14">
      <c r="N697532" s="10"/>
    </row>
    <row r="697533" spans="14:14">
      <c r="N697533" s="10"/>
    </row>
    <row r="697534" spans="14:14">
      <c r="N697534" s="10"/>
    </row>
    <row r="697535" spans="14:14">
      <c r="N697535" s="10"/>
    </row>
    <row r="697536" spans="14:14">
      <c r="N697536" s="10"/>
    </row>
    <row r="697537" spans="14:14">
      <c r="N697537" s="10"/>
    </row>
    <row r="697538" spans="14:14">
      <c r="N697538" s="10"/>
    </row>
    <row r="697539" spans="14:14">
      <c r="N697539" s="10"/>
    </row>
    <row r="697540" spans="14:14">
      <c r="N697540" s="10"/>
    </row>
    <row r="697541" spans="14:14">
      <c r="N697541" s="10"/>
    </row>
    <row r="697542" spans="14:14">
      <c r="N697542" s="10"/>
    </row>
    <row r="697543" spans="14:14">
      <c r="N697543" s="10"/>
    </row>
    <row r="697544" spans="14:14">
      <c r="N697544" s="10"/>
    </row>
    <row r="697545" spans="14:14">
      <c r="N697545" s="10"/>
    </row>
    <row r="697546" spans="14:14">
      <c r="N697546" s="10"/>
    </row>
    <row r="697547" spans="14:14">
      <c r="N697547" s="10"/>
    </row>
    <row r="697548" spans="14:14">
      <c r="N697548" s="10"/>
    </row>
    <row r="697549" spans="14:14">
      <c r="N697549" s="10"/>
    </row>
    <row r="697550" spans="14:14">
      <c r="N697550" s="10"/>
    </row>
    <row r="697551" spans="14:14">
      <c r="N697551" s="10"/>
    </row>
    <row r="697552" spans="14:14">
      <c r="N697552" s="10"/>
    </row>
    <row r="697553" spans="14:14">
      <c r="N697553" s="10"/>
    </row>
    <row r="697554" spans="14:14">
      <c r="N697554" s="10"/>
    </row>
    <row r="697555" spans="14:14">
      <c r="N697555" s="10"/>
    </row>
    <row r="697556" spans="14:14">
      <c r="N697556" s="10"/>
    </row>
    <row r="697557" spans="14:14">
      <c r="N697557" s="10"/>
    </row>
    <row r="697558" spans="14:14">
      <c r="N697558" s="10"/>
    </row>
    <row r="697559" spans="14:14">
      <c r="N697559" s="10"/>
    </row>
    <row r="697560" spans="14:14">
      <c r="N697560" s="10"/>
    </row>
    <row r="697561" spans="14:14">
      <c r="N697561" s="10"/>
    </row>
    <row r="697562" spans="14:14">
      <c r="N697562" s="10"/>
    </row>
    <row r="697563" spans="14:14">
      <c r="N697563" s="10"/>
    </row>
    <row r="697564" spans="14:14">
      <c r="N697564" s="10"/>
    </row>
    <row r="697565" spans="14:14">
      <c r="N697565" s="10"/>
    </row>
    <row r="697566" spans="14:14">
      <c r="N697566" s="10"/>
    </row>
    <row r="697567" spans="14:14">
      <c r="N697567" s="10"/>
    </row>
    <row r="697568" spans="14:14">
      <c r="N697568" s="10"/>
    </row>
    <row r="697569" spans="14:14">
      <c r="N697569" s="10"/>
    </row>
    <row r="697570" spans="14:14">
      <c r="N697570" s="10"/>
    </row>
    <row r="697571" spans="14:14">
      <c r="N697571" s="10"/>
    </row>
    <row r="697572" spans="14:14">
      <c r="N697572" s="10"/>
    </row>
    <row r="697573" spans="14:14">
      <c r="N697573" s="10"/>
    </row>
    <row r="697574" spans="14:14">
      <c r="N697574" s="10"/>
    </row>
    <row r="697575" spans="14:14">
      <c r="N697575" s="10"/>
    </row>
    <row r="697576" spans="14:14">
      <c r="N697576" s="10"/>
    </row>
    <row r="697577" spans="14:14">
      <c r="N697577" s="10"/>
    </row>
    <row r="697578" spans="14:14">
      <c r="N697578" s="10"/>
    </row>
    <row r="697579" spans="14:14">
      <c r="N697579" s="10"/>
    </row>
    <row r="697580" spans="14:14">
      <c r="N697580" s="10"/>
    </row>
    <row r="697581" spans="14:14">
      <c r="N697581" s="10"/>
    </row>
    <row r="697582" spans="14:14">
      <c r="N697582" s="10"/>
    </row>
    <row r="697583" spans="14:14">
      <c r="N697583" s="10"/>
    </row>
    <row r="697584" spans="14:14">
      <c r="N697584" s="10"/>
    </row>
    <row r="697585" spans="14:14">
      <c r="N697585" s="10"/>
    </row>
    <row r="697586" spans="14:14">
      <c r="N697586" s="10"/>
    </row>
    <row r="697587" spans="14:14">
      <c r="N697587" s="10"/>
    </row>
    <row r="697588" spans="14:14">
      <c r="N697588" s="10"/>
    </row>
    <row r="697589" spans="14:14">
      <c r="N697589" s="10"/>
    </row>
    <row r="697590" spans="14:14">
      <c r="N697590" s="10"/>
    </row>
    <row r="697591" spans="14:14">
      <c r="N697591" s="10"/>
    </row>
    <row r="697592" spans="14:14">
      <c r="N697592" s="10"/>
    </row>
    <row r="697593" spans="14:14">
      <c r="N697593" s="10"/>
    </row>
    <row r="697594" spans="14:14">
      <c r="N697594" s="10"/>
    </row>
    <row r="697595" spans="14:14">
      <c r="N697595" s="10"/>
    </row>
    <row r="697596" spans="14:14">
      <c r="N697596" s="10"/>
    </row>
    <row r="697597" spans="14:14">
      <c r="N697597" s="10"/>
    </row>
    <row r="697598" spans="14:14">
      <c r="N697598" s="10"/>
    </row>
    <row r="697599" spans="14:14">
      <c r="N697599" s="10"/>
    </row>
    <row r="697600" spans="14:14">
      <c r="N697600" s="10"/>
    </row>
    <row r="697601" spans="14:14">
      <c r="N697601" s="10"/>
    </row>
    <row r="697602" spans="14:14">
      <c r="N697602" s="10"/>
    </row>
    <row r="697603" spans="14:14">
      <c r="N697603" s="10"/>
    </row>
    <row r="697604" spans="14:14">
      <c r="N697604" s="10"/>
    </row>
    <row r="697605" spans="14:14">
      <c r="N697605" s="10"/>
    </row>
    <row r="697606" spans="14:14">
      <c r="N697606" s="10"/>
    </row>
    <row r="697607" spans="14:14">
      <c r="N697607" s="10"/>
    </row>
    <row r="697608" spans="14:14">
      <c r="N697608" s="10"/>
    </row>
    <row r="697609" spans="14:14">
      <c r="N697609" s="10"/>
    </row>
    <row r="697610" spans="14:14">
      <c r="N697610" s="10"/>
    </row>
    <row r="697611" spans="14:14">
      <c r="N697611" s="10"/>
    </row>
    <row r="697612" spans="14:14">
      <c r="N697612" s="10"/>
    </row>
    <row r="697613" spans="14:14">
      <c r="N697613" s="10"/>
    </row>
    <row r="697614" spans="14:14">
      <c r="N697614" s="10"/>
    </row>
    <row r="697615" spans="14:14">
      <c r="N697615" s="10"/>
    </row>
    <row r="697616" spans="14:14">
      <c r="N697616" s="10"/>
    </row>
    <row r="697617" spans="14:14">
      <c r="N697617" s="10"/>
    </row>
    <row r="697618" spans="14:14">
      <c r="N697618" s="10"/>
    </row>
    <row r="697619" spans="14:14">
      <c r="N697619" s="10"/>
    </row>
    <row r="697620" spans="14:14">
      <c r="N697620" s="10"/>
    </row>
    <row r="697621" spans="14:14">
      <c r="N697621" s="10"/>
    </row>
    <row r="697622" spans="14:14">
      <c r="N697622" s="10"/>
    </row>
    <row r="697623" spans="14:14">
      <c r="N697623" s="10"/>
    </row>
    <row r="697624" spans="14:14">
      <c r="N697624" s="10"/>
    </row>
    <row r="697625" spans="14:14">
      <c r="N697625" s="10"/>
    </row>
    <row r="697626" spans="14:14">
      <c r="N697626" s="10"/>
    </row>
    <row r="697627" spans="14:14">
      <c r="N697627" s="10"/>
    </row>
    <row r="697628" spans="14:14">
      <c r="N697628" s="10"/>
    </row>
    <row r="697629" spans="14:14">
      <c r="N697629" s="10"/>
    </row>
    <row r="697630" spans="14:14">
      <c r="N697630" s="10"/>
    </row>
    <row r="697631" spans="14:14">
      <c r="N697631" s="10"/>
    </row>
    <row r="697632" spans="14:14">
      <c r="N697632" s="10"/>
    </row>
    <row r="697633" spans="14:14">
      <c r="N697633" s="10"/>
    </row>
    <row r="697634" spans="14:14">
      <c r="N697634" s="10"/>
    </row>
    <row r="697635" spans="14:14">
      <c r="N697635" s="10"/>
    </row>
    <row r="697636" spans="14:14">
      <c r="N697636" s="10"/>
    </row>
    <row r="697637" spans="14:14">
      <c r="N697637" s="10"/>
    </row>
    <row r="697638" spans="14:14">
      <c r="N697638" s="10"/>
    </row>
    <row r="697639" spans="14:14">
      <c r="N697639" s="10"/>
    </row>
    <row r="697640" spans="14:14">
      <c r="N697640" s="10"/>
    </row>
    <row r="697641" spans="14:14">
      <c r="N697641" s="10"/>
    </row>
    <row r="697642" spans="14:14">
      <c r="N697642" s="10"/>
    </row>
    <row r="697643" spans="14:14">
      <c r="N697643" s="10"/>
    </row>
    <row r="697644" spans="14:14">
      <c r="N697644" s="10"/>
    </row>
    <row r="697645" spans="14:14">
      <c r="N697645" s="10"/>
    </row>
    <row r="697646" spans="14:14">
      <c r="N697646" s="10"/>
    </row>
    <row r="697647" spans="14:14">
      <c r="N697647" s="10"/>
    </row>
    <row r="697648" spans="14:14">
      <c r="N697648" s="10"/>
    </row>
    <row r="697649" spans="14:14">
      <c r="N697649" s="10"/>
    </row>
    <row r="697650" spans="14:14">
      <c r="N697650" s="10"/>
    </row>
    <row r="697651" spans="14:14">
      <c r="N697651" s="10"/>
    </row>
    <row r="697652" spans="14:14">
      <c r="N697652" s="10"/>
    </row>
    <row r="697653" spans="14:14">
      <c r="N697653" s="10"/>
    </row>
    <row r="697654" spans="14:14">
      <c r="N697654" s="10"/>
    </row>
    <row r="697655" spans="14:14">
      <c r="N697655" s="10"/>
    </row>
    <row r="697656" spans="14:14">
      <c r="N697656" s="10"/>
    </row>
    <row r="697657" spans="14:14">
      <c r="N697657" s="10"/>
    </row>
    <row r="697658" spans="14:14">
      <c r="N697658" s="10"/>
    </row>
    <row r="697659" spans="14:14">
      <c r="N697659" s="10"/>
    </row>
    <row r="697660" spans="14:14">
      <c r="N697660" s="10"/>
    </row>
    <row r="697661" spans="14:14">
      <c r="N697661" s="10"/>
    </row>
    <row r="697662" spans="14:14">
      <c r="N697662" s="10"/>
    </row>
    <row r="697663" spans="14:14">
      <c r="N697663" s="10"/>
    </row>
    <row r="697664" spans="14:14">
      <c r="N697664" s="10"/>
    </row>
    <row r="697665" spans="14:14">
      <c r="N697665" s="10"/>
    </row>
    <row r="697666" spans="14:14">
      <c r="N697666" s="10"/>
    </row>
    <row r="697667" spans="14:14">
      <c r="N697667" s="10"/>
    </row>
    <row r="697668" spans="14:14">
      <c r="N697668" s="10"/>
    </row>
    <row r="697669" spans="14:14">
      <c r="N697669" s="10"/>
    </row>
    <row r="697670" spans="14:14">
      <c r="N697670" s="10"/>
    </row>
    <row r="697671" spans="14:14">
      <c r="N697671" s="10"/>
    </row>
    <row r="697672" spans="14:14">
      <c r="N697672" s="10"/>
    </row>
    <row r="697673" spans="14:14">
      <c r="N697673" s="10"/>
    </row>
    <row r="697674" spans="14:14">
      <c r="N697674" s="10"/>
    </row>
    <row r="697675" spans="14:14">
      <c r="N697675" s="10"/>
    </row>
    <row r="697676" spans="14:14">
      <c r="N697676" s="10"/>
    </row>
    <row r="697677" spans="14:14">
      <c r="N697677" s="10"/>
    </row>
    <row r="697678" spans="14:14">
      <c r="N697678" s="10"/>
    </row>
    <row r="697679" spans="14:14">
      <c r="N697679" s="10"/>
    </row>
    <row r="697680" spans="14:14">
      <c r="N697680" s="10"/>
    </row>
    <row r="697681" spans="14:14">
      <c r="N697681" s="10"/>
    </row>
    <row r="697682" spans="14:14">
      <c r="N697682" s="10"/>
    </row>
    <row r="697683" spans="14:14">
      <c r="N697683" s="10"/>
    </row>
    <row r="697684" spans="14:14">
      <c r="N697684" s="10"/>
    </row>
    <row r="697685" spans="14:14">
      <c r="N697685" s="10"/>
    </row>
    <row r="697686" spans="14:14">
      <c r="N697686" s="10"/>
    </row>
    <row r="697687" spans="14:14">
      <c r="N697687" s="10"/>
    </row>
    <row r="697688" spans="14:14">
      <c r="N697688" s="10"/>
    </row>
    <row r="697689" spans="14:14">
      <c r="N697689" s="10"/>
    </row>
    <row r="697690" spans="14:14">
      <c r="N697690" s="10"/>
    </row>
    <row r="697691" spans="14:14">
      <c r="N697691" s="10"/>
    </row>
    <row r="697692" spans="14:14">
      <c r="N697692" s="10"/>
    </row>
    <row r="697693" spans="14:14">
      <c r="N697693" s="10"/>
    </row>
    <row r="697694" spans="14:14">
      <c r="N697694" s="10"/>
    </row>
    <row r="697695" spans="14:14">
      <c r="N697695" s="10"/>
    </row>
    <row r="697696" spans="14:14">
      <c r="N697696" s="10"/>
    </row>
    <row r="697697" spans="14:14">
      <c r="N697697" s="10"/>
    </row>
    <row r="697698" spans="14:14">
      <c r="N697698" s="10"/>
    </row>
    <row r="697699" spans="14:14">
      <c r="N697699" s="10"/>
    </row>
    <row r="697700" spans="14:14">
      <c r="N697700" s="10"/>
    </row>
    <row r="697701" spans="14:14">
      <c r="N697701" s="10"/>
    </row>
    <row r="697702" spans="14:14">
      <c r="N697702" s="10"/>
    </row>
    <row r="697703" spans="14:14">
      <c r="N697703" s="10"/>
    </row>
    <row r="697704" spans="14:14">
      <c r="N697704" s="10"/>
    </row>
    <row r="697705" spans="14:14">
      <c r="N697705" s="10"/>
    </row>
    <row r="697706" spans="14:14">
      <c r="N697706" s="10"/>
    </row>
    <row r="697707" spans="14:14">
      <c r="N697707" s="10"/>
    </row>
    <row r="697708" spans="14:14">
      <c r="N697708" s="10"/>
    </row>
    <row r="697709" spans="14:14">
      <c r="N697709" s="10"/>
    </row>
    <row r="697710" spans="14:14">
      <c r="N697710" s="10"/>
    </row>
    <row r="697711" spans="14:14">
      <c r="N697711" s="10"/>
    </row>
    <row r="697712" spans="14:14">
      <c r="N697712" s="10"/>
    </row>
    <row r="697713" spans="14:14">
      <c r="N697713" s="10"/>
    </row>
    <row r="697714" spans="14:14">
      <c r="N697714" s="10"/>
    </row>
    <row r="697715" spans="14:14">
      <c r="N697715" s="10"/>
    </row>
    <row r="697716" spans="14:14">
      <c r="N697716" s="10"/>
    </row>
    <row r="697717" spans="14:14">
      <c r="N697717" s="10"/>
    </row>
    <row r="697718" spans="14:14">
      <c r="N697718" s="10"/>
    </row>
    <row r="697719" spans="14:14">
      <c r="N697719" s="10"/>
    </row>
    <row r="697720" spans="14:14">
      <c r="N697720" s="10"/>
    </row>
    <row r="697721" spans="14:14">
      <c r="N697721" s="10"/>
    </row>
    <row r="697722" spans="14:14">
      <c r="N697722" s="10"/>
    </row>
    <row r="697723" spans="14:14">
      <c r="N697723" s="10"/>
    </row>
    <row r="697724" spans="14:14">
      <c r="N697724" s="10"/>
    </row>
    <row r="697725" spans="14:14">
      <c r="N697725" s="10"/>
    </row>
    <row r="697726" spans="14:14">
      <c r="N697726" s="10"/>
    </row>
    <row r="697727" spans="14:14">
      <c r="N697727" s="10"/>
    </row>
    <row r="697728" spans="14:14">
      <c r="N697728" s="10"/>
    </row>
    <row r="697729" spans="14:14">
      <c r="N697729" s="10"/>
    </row>
    <row r="697730" spans="14:14">
      <c r="N697730" s="10"/>
    </row>
    <row r="697731" spans="14:14">
      <c r="N697731" s="10"/>
    </row>
    <row r="697732" spans="14:14">
      <c r="N697732" s="10"/>
    </row>
    <row r="697733" spans="14:14">
      <c r="N697733" s="10"/>
    </row>
    <row r="697734" spans="14:14">
      <c r="N697734" s="10"/>
    </row>
    <row r="697735" spans="14:14">
      <c r="N697735" s="10"/>
    </row>
    <row r="697736" spans="14:14">
      <c r="N697736" s="10"/>
    </row>
    <row r="697737" spans="14:14">
      <c r="N697737" s="10"/>
    </row>
    <row r="697738" spans="14:14">
      <c r="N697738" s="10"/>
    </row>
    <row r="697739" spans="14:14">
      <c r="N697739" s="10"/>
    </row>
    <row r="697740" spans="14:14">
      <c r="N697740" s="10"/>
    </row>
    <row r="697741" spans="14:14">
      <c r="N697741" s="10"/>
    </row>
    <row r="697742" spans="14:14">
      <c r="N697742" s="10"/>
    </row>
    <row r="697743" spans="14:14">
      <c r="N697743" s="10"/>
    </row>
    <row r="697744" spans="14:14">
      <c r="N697744" s="10"/>
    </row>
    <row r="697745" spans="14:14">
      <c r="N697745" s="10"/>
    </row>
    <row r="697746" spans="14:14">
      <c r="N697746" s="10"/>
    </row>
    <row r="697747" spans="14:14">
      <c r="N697747" s="10"/>
    </row>
    <row r="697748" spans="14:14">
      <c r="N697748" s="10"/>
    </row>
    <row r="697749" spans="14:14">
      <c r="N697749" s="10"/>
    </row>
    <row r="697750" spans="14:14">
      <c r="N697750" s="10"/>
    </row>
    <row r="697751" spans="14:14">
      <c r="N697751" s="10"/>
    </row>
    <row r="697752" spans="14:14">
      <c r="N697752" s="10"/>
    </row>
    <row r="697753" spans="14:14">
      <c r="N697753" s="10"/>
    </row>
    <row r="697754" spans="14:14">
      <c r="N697754" s="10"/>
    </row>
    <row r="697755" spans="14:14">
      <c r="N697755" s="10"/>
    </row>
    <row r="697756" spans="14:14">
      <c r="N697756" s="10"/>
    </row>
    <row r="697757" spans="14:14">
      <c r="N697757" s="10"/>
    </row>
    <row r="697758" spans="14:14">
      <c r="N697758" s="10"/>
    </row>
    <row r="697759" spans="14:14">
      <c r="N697759" s="10"/>
    </row>
    <row r="697760" spans="14:14">
      <c r="N697760" s="10"/>
    </row>
    <row r="697761" spans="14:14">
      <c r="N697761" s="10"/>
    </row>
    <row r="697762" spans="14:14">
      <c r="N697762" s="10"/>
    </row>
    <row r="697763" spans="14:14">
      <c r="N697763" s="10"/>
    </row>
    <row r="697764" spans="14:14">
      <c r="N697764" s="10"/>
    </row>
    <row r="697765" spans="14:14">
      <c r="N697765" s="10"/>
    </row>
    <row r="697766" spans="14:14">
      <c r="N697766" s="10"/>
    </row>
    <row r="697767" spans="14:14">
      <c r="N697767" s="10"/>
    </row>
    <row r="697768" spans="14:14">
      <c r="N697768" s="10"/>
    </row>
    <row r="697769" spans="14:14">
      <c r="N697769" s="10"/>
    </row>
    <row r="697770" spans="14:14">
      <c r="N697770" s="10"/>
    </row>
    <row r="697771" spans="14:14">
      <c r="N697771" s="10"/>
    </row>
    <row r="697772" spans="14:14">
      <c r="N697772" s="10"/>
    </row>
    <row r="697773" spans="14:14">
      <c r="N697773" s="10"/>
    </row>
    <row r="697774" spans="14:14">
      <c r="N697774" s="10"/>
    </row>
    <row r="697775" spans="14:14">
      <c r="N697775" s="10"/>
    </row>
    <row r="697776" spans="14:14">
      <c r="N697776" s="10"/>
    </row>
    <row r="697777" spans="14:14">
      <c r="N697777" s="10"/>
    </row>
    <row r="697778" spans="14:14">
      <c r="N697778" s="10"/>
    </row>
    <row r="697779" spans="14:14">
      <c r="N697779" s="10"/>
    </row>
    <row r="697780" spans="14:14">
      <c r="N697780" s="10"/>
    </row>
    <row r="697781" spans="14:14">
      <c r="N697781" s="10"/>
    </row>
    <row r="697782" spans="14:14">
      <c r="N697782" s="10"/>
    </row>
    <row r="697783" spans="14:14">
      <c r="N697783" s="10"/>
    </row>
    <row r="697784" spans="14:14">
      <c r="N697784" s="10"/>
    </row>
    <row r="697785" spans="14:14">
      <c r="N697785" s="10"/>
    </row>
    <row r="697786" spans="14:14">
      <c r="N697786" s="10"/>
    </row>
    <row r="697787" spans="14:14">
      <c r="N697787" s="10"/>
    </row>
    <row r="697788" spans="14:14">
      <c r="N697788" s="10"/>
    </row>
    <row r="697789" spans="14:14">
      <c r="N697789" s="10"/>
    </row>
    <row r="697790" spans="14:14">
      <c r="N697790" s="10"/>
    </row>
    <row r="697791" spans="14:14">
      <c r="N697791" s="10"/>
    </row>
    <row r="697792" spans="14:14">
      <c r="N697792" s="10"/>
    </row>
    <row r="697793" spans="14:14">
      <c r="N697793" s="10"/>
    </row>
    <row r="697794" spans="14:14">
      <c r="N697794" s="10"/>
    </row>
    <row r="697795" spans="14:14">
      <c r="N697795" s="10"/>
    </row>
    <row r="697796" spans="14:14">
      <c r="N697796" s="10"/>
    </row>
    <row r="697797" spans="14:14">
      <c r="N697797" s="10"/>
    </row>
    <row r="697798" spans="14:14">
      <c r="N697798" s="10"/>
    </row>
    <row r="697799" spans="14:14">
      <c r="N697799" s="10"/>
    </row>
    <row r="697800" spans="14:14">
      <c r="N697800" s="10"/>
    </row>
    <row r="697801" spans="14:14">
      <c r="N697801" s="10"/>
    </row>
    <row r="697802" spans="14:14">
      <c r="N697802" s="10"/>
    </row>
    <row r="697803" spans="14:14">
      <c r="N697803" s="10"/>
    </row>
    <row r="697804" spans="14:14">
      <c r="N697804" s="10"/>
    </row>
    <row r="697805" spans="14:14">
      <c r="N697805" s="10"/>
    </row>
    <row r="697806" spans="14:14">
      <c r="N697806" s="10"/>
    </row>
    <row r="697807" spans="14:14">
      <c r="N697807" s="10"/>
    </row>
    <row r="697808" spans="14:14">
      <c r="N697808" s="10"/>
    </row>
    <row r="697809" spans="14:14">
      <c r="N697809" s="10"/>
    </row>
    <row r="697810" spans="14:14">
      <c r="N697810" s="10"/>
    </row>
    <row r="697811" spans="14:14">
      <c r="N697811" s="10"/>
    </row>
    <row r="697812" spans="14:14">
      <c r="N697812" s="10"/>
    </row>
    <row r="697813" spans="14:14">
      <c r="N697813" s="10"/>
    </row>
    <row r="697814" spans="14:14">
      <c r="N697814" s="10"/>
    </row>
    <row r="697815" spans="14:14">
      <c r="N697815" s="10"/>
    </row>
    <row r="697816" spans="14:14">
      <c r="N697816" s="10"/>
    </row>
    <row r="697817" spans="14:14">
      <c r="N697817" s="10"/>
    </row>
    <row r="697818" spans="14:14">
      <c r="N697818" s="10"/>
    </row>
    <row r="697819" spans="14:14">
      <c r="N697819" s="10"/>
    </row>
    <row r="697820" spans="14:14">
      <c r="N697820" s="10"/>
    </row>
    <row r="697821" spans="14:14">
      <c r="N697821" s="10"/>
    </row>
    <row r="697822" spans="14:14">
      <c r="N697822" s="10"/>
    </row>
    <row r="697823" spans="14:14">
      <c r="N697823" s="10"/>
    </row>
    <row r="697824" spans="14:14">
      <c r="N697824" s="10"/>
    </row>
    <row r="697825" spans="14:14">
      <c r="N697825" s="10"/>
    </row>
    <row r="697826" spans="14:14">
      <c r="N697826" s="10"/>
    </row>
    <row r="697827" spans="14:14">
      <c r="N697827" s="10"/>
    </row>
    <row r="697828" spans="14:14">
      <c r="N697828" s="10"/>
    </row>
    <row r="697829" spans="14:14">
      <c r="N697829" s="10"/>
    </row>
    <row r="697830" spans="14:14">
      <c r="N697830" s="10"/>
    </row>
    <row r="697831" spans="14:14">
      <c r="N697831" s="10"/>
    </row>
    <row r="697832" spans="14:14">
      <c r="N697832" s="10"/>
    </row>
    <row r="697833" spans="14:14">
      <c r="N697833" s="10"/>
    </row>
    <row r="697834" spans="14:14">
      <c r="N697834" s="10"/>
    </row>
    <row r="697835" spans="14:14">
      <c r="N697835" s="10"/>
    </row>
    <row r="697836" spans="14:14">
      <c r="N697836" s="10"/>
    </row>
    <row r="697837" spans="14:14">
      <c r="N697837" s="10"/>
    </row>
    <row r="697838" spans="14:14">
      <c r="N697838" s="10"/>
    </row>
    <row r="697839" spans="14:14">
      <c r="N697839" s="10"/>
    </row>
    <row r="697840" spans="14:14">
      <c r="N697840" s="10"/>
    </row>
    <row r="697841" spans="14:14">
      <c r="N697841" s="10"/>
    </row>
    <row r="697842" spans="14:14">
      <c r="N697842" s="10"/>
    </row>
    <row r="697843" spans="14:14">
      <c r="N697843" s="10"/>
    </row>
    <row r="697844" spans="14:14">
      <c r="N697844" s="10"/>
    </row>
    <row r="697845" spans="14:14">
      <c r="N697845" s="10"/>
    </row>
    <row r="697846" spans="14:14">
      <c r="N697846" s="10"/>
    </row>
    <row r="697847" spans="14:14">
      <c r="N697847" s="10"/>
    </row>
    <row r="697848" spans="14:14">
      <c r="N697848" s="10"/>
    </row>
    <row r="697849" spans="14:14">
      <c r="N697849" s="10"/>
    </row>
    <row r="697850" spans="14:14">
      <c r="N697850" s="10"/>
    </row>
    <row r="697851" spans="14:14">
      <c r="N697851" s="10"/>
    </row>
    <row r="697852" spans="14:14">
      <c r="N697852" s="10"/>
    </row>
    <row r="697853" spans="14:14">
      <c r="N697853" s="10"/>
    </row>
    <row r="697854" spans="14:14">
      <c r="N697854" s="10"/>
    </row>
    <row r="697855" spans="14:14">
      <c r="N697855" s="10"/>
    </row>
    <row r="697856" spans="14:14">
      <c r="N697856" s="10"/>
    </row>
    <row r="697857" spans="14:14">
      <c r="N697857" s="10"/>
    </row>
    <row r="697858" spans="14:14">
      <c r="N697858" s="10"/>
    </row>
    <row r="697859" spans="14:14">
      <c r="N697859" s="10"/>
    </row>
    <row r="697860" spans="14:14">
      <c r="N697860" s="10"/>
    </row>
    <row r="697861" spans="14:14">
      <c r="N697861" s="10"/>
    </row>
    <row r="697862" spans="14:14">
      <c r="N697862" s="10"/>
    </row>
    <row r="697863" spans="14:14">
      <c r="N697863" s="10"/>
    </row>
    <row r="697864" spans="14:14">
      <c r="N697864" s="10"/>
    </row>
    <row r="697865" spans="14:14">
      <c r="N697865" s="10"/>
    </row>
    <row r="697866" spans="14:14">
      <c r="N697866" s="10"/>
    </row>
    <row r="697867" spans="14:14">
      <c r="N697867" s="10"/>
    </row>
    <row r="697868" spans="14:14">
      <c r="N697868" s="10"/>
    </row>
    <row r="697869" spans="14:14">
      <c r="N697869" s="10"/>
    </row>
    <row r="697870" spans="14:14">
      <c r="N697870" s="10"/>
    </row>
    <row r="697871" spans="14:14">
      <c r="N697871" s="10"/>
    </row>
    <row r="697872" spans="14:14">
      <c r="N697872" s="10"/>
    </row>
    <row r="697873" spans="14:14">
      <c r="N697873" s="10"/>
    </row>
    <row r="697874" spans="14:14">
      <c r="N697874" s="10"/>
    </row>
    <row r="697875" spans="14:14">
      <c r="N697875" s="10"/>
    </row>
    <row r="697876" spans="14:14">
      <c r="N697876" s="10"/>
    </row>
    <row r="697877" spans="14:14">
      <c r="N697877" s="10"/>
    </row>
    <row r="697878" spans="14:14">
      <c r="N697878" s="10"/>
    </row>
    <row r="697879" spans="14:14">
      <c r="N697879" s="10"/>
    </row>
    <row r="697880" spans="14:14">
      <c r="N697880" s="10"/>
    </row>
    <row r="697881" spans="14:14">
      <c r="N697881" s="10"/>
    </row>
    <row r="697882" spans="14:14">
      <c r="N697882" s="10"/>
    </row>
    <row r="697883" spans="14:14">
      <c r="N697883" s="10"/>
    </row>
    <row r="697884" spans="14:14">
      <c r="N697884" s="10"/>
    </row>
    <row r="697885" spans="14:14">
      <c r="N697885" s="10"/>
    </row>
    <row r="697886" spans="14:14">
      <c r="N697886" s="10"/>
    </row>
    <row r="697887" spans="14:14">
      <c r="N697887" s="10"/>
    </row>
    <row r="697888" spans="14:14">
      <c r="N697888" s="10"/>
    </row>
    <row r="697889" spans="14:14">
      <c r="N697889" s="10"/>
    </row>
    <row r="697890" spans="14:14">
      <c r="N697890" s="10"/>
    </row>
    <row r="697891" spans="14:14">
      <c r="N697891" s="10"/>
    </row>
    <row r="697892" spans="14:14">
      <c r="N697892" s="10"/>
    </row>
    <row r="697893" spans="14:14">
      <c r="N697893" s="10"/>
    </row>
    <row r="697894" spans="14:14">
      <c r="N697894" s="10"/>
    </row>
    <row r="697895" spans="14:14">
      <c r="N697895" s="10"/>
    </row>
    <row r="697896" spans="14:14">
      <c r="N697896" s="10"/>
    </row>
    <row r="697897" spans="14:14">
      <c r="N697897" s="10"/>
    </row>
    <row r="697898" spans="14:14">
      <c r="N697898" s="10"/>
    </row>
    <row r="697899" spans="14:14">
      <c r="N697899" s="10"/>
    </row>
    <row r="697900" spans="14:14">
      <c r="N697900" s="10"/>
    </row>
    <row r="697901" spans="14:14">
      <c r="N697901" s="10"/>
    </row>
    <row r="697902" spans="14:14">
      <c r="N697902" s="10"/>
    </row>
    <row r="697903" spans="14:14">
      <c r="N697903" s="10"/>
    </row>
    <row r="697904" spans="14:14">
      <c r="N697904" s="10"/>
    </row>
    <row r="697905" spans="14:14">
      <c r="N697905" s="10"/>
    </row>
    <row r="697906" spans="14:14">
      <c r="N697906" s="10"/>
    </row>
    <row r="697907" spans="14:14">
      <c r="N697907" s="10"/>
    </row>
    <row r="697908" spans="14:14">
      <c r="N697908" s="10"/>
    </row>
    <row r="697909" spans="14:14">
      <c r="N697909" s="10"/>
    </row>
    <row r="697910" spans="14:14">
      <c r="N697910" s="10"/>
    </row>
    <row r="697911" spans="14:14">
      <c r="N697911" s="10"/>
    </row>
    <row r="697912" spans="14:14">
      <c r="N697912" s="10"/>
    </row>
    <row r="697913" spans="14:14">
      <c r="N697913" s="10"/>
    </row>
    <row r="697914" spans="14:14">
      <c r="N697914" s="10"/>
    </row>
    <row r="697915" spans="14:14">
      <c r="N697915" s="10"/>
    </row>
    <row r="697916" spans="14:14">
      <c r="N697916" s="10"/>
    </row>
    <row r="697917" spans="14:14">
      <c r="N697917" s="10"/>
    </row>
    <row r="697918" spans="14:14">
      <c r="N697918" s="10"/>
    </row>
    <row r="697919" spans="14:14">
      <c r="N697919" s="10"/>
    </row>
    <row r="697920" spans="14:14">
      <c r="N697920" s="10"/>
    </row>
    <row r="697921" spans="14:14">
      <c r="N697921" s="10"/>
    </row>
    <row r="697922" spans="14:14">
      <c r="N697922" s="10"/>
    </row>
    <row r="697923" spans="14:14">
      <c r="N697923" s="10"/>
    </row>
    <row r="697924" spans="14:14">
      <c r="N697924" s="10"/>
    </row>
    <row r="697925" spans="14:14">
      <c r="N697925" s="10"/>
    </row>
    <row r="697926" spans="14:14">
      <c r="N697926" s="10"/>
    </row>
    <row r="697927" spans="14:14">
      <c r="N697927" s="10"/>
    </row>
    <row r="697928" spans="14:14">
      <c r="N697928" s="10"/>
    </row>
    <row r="697929" spans="14:14">
      <c r="N697929" s="10"/>
    </row>
    <row r="697930" spans="14:14">
      <c r="N697930" s="10"/>
    </row>
    <row r="697931" spans="14:14">
      <c r="N697931" s="10"/>
    </row>
    <row r="697932" spans="14:14">
      <c r="N697932" s="10"/>
    </row>
    <row r="697933" spans="14:14">
      <c r="N697933" s="10"/>
    </row>
    <row r="697934" spans="14:14">
      <c r="N697934" s="10"/>
    </row>
    <row r="697935" spans="14:14">
      <c r="N697935" s="10"/>
    </row>
    <row r="697936" spans="14:14">
      <c r="N697936" s="10"/>
    </row>
    <row r="697937" spans="14:14">
      <c r="N697937" s="10"/>
    </row>
    <row r="697938" spans="14:14">
      <c r="N697938" s="10"/>
    </row>
    <row r="697939" spans="14:14">
      <c r="N697939" s="10"/>
    </row>
    <row r="697940" spans="14:14">
      <c r="N697940" s="10"/>
    </row>
    <row r="697941" spans="14:14">
      <c r="N697941" s="10"/>
    </row>
    <row r="697942" spans="14:14">
      <c r="N697942" s="10"/>
    </row>
    <row r="697943" spans="14:14">
      <c r="N697943" s="10"/>
    </row>
    <row r="697944" spans="14:14">
      <c r="N697944" s="10"/>
    </row>
    <row r="697945" spans="14:14">
      <c r="N697945" s="10"/>
    </row>
    <row r="697946" spans="14:14">
      <c r="N697946" s="10"/>
    </row>
    <row r="697947" spans="14:14">
      <c r="N697947" s="10"/>
    </row>
    <row r="697948" spans="14:14">
      <c r="N697948" s="10"/>
    </row>
    <row r="697949" spans="14:14">
      <c r="N697949" s="10"/>
    </row>
    <row r="697950" spans="14:14">
      <c r="N697950" s="10"/>
    </row>
    <row r="697951" spans="14:14">
      <c r="N697951" s="10"/>
    </row>
    <row r="697952" spans="14:14">
      <c r="N697952" s="10"/>
    </row>
    <row r="697953" spans="14:14">
      <c r="N697953" s="10"/>
    </row>
    <row r="697954" spans="14:14">
      <c r="N697954" s="10"/>
    </row>
    <row r="697955" spans="14:14">
      <c r="N697955" s="10"/>
    </row>
    <row r="697956" spans="14:14">
      <c r="N697956" s="10"/>
    </row>
    <row r="697957" spans="14:14">
      <c r="N697957" s="10"/>
    </row>
    <row r="697958" spans="14:14">
      <c r="N697958" s="10"/>
    </row>
    <row r="697959" spans="14:14">
      <c r="N697959" s="10"/>
    </row>
    <row r="697960" spans="14:14">
      <c r="N697960" s="10"/>
    </row>
    <row r="697961" spans="14:14">
      <c r="N697961" s="10"/>
    </row>
    <row r="697962" spans="14:14">
      <c r="N697962" s="10"/>
    </row>
    <row r="697963" spans="14:14">
      <c r="N697963" s="10"/>
    </row>
    <row r="697964" spans="14:14">
      <c r="N697964" s="10"/>
    </row>
    <row r="697965" spans="14:14">
      <c r="N697965" s="10"/>
    </row>
    <row r="697966" spans="14:14">
      <c r="N697966" s="10"/>
    </row>
    <row r="697967" spans="14:14">
      <c r="N697967" s="10"/>
    </row>
    <row r="697968" spans="14:14">
      <c r="N697968" s="10"/>
    </row>
    <row r="697969" spans="14:14">
      <c r="N697969" s="10"/>
    </row>
    <row r="697970" spans="14:14">
      <c r="N697970" s="10"/>
    </row>
    <row r="697971" spans="14:14">
      <c r="N697971" s="10"/>
    </row>
    <row r="697972" spans="14:14">
      <c r="N697972" s="10"/>
    </row>
    <row r="697973" spans="14:14">
      <c r="N697973" s="10"/>
    </row>
    <row r="697974" spans="14:14">
      <c r="N697974" s="10"/>
    </row>
    <row r="697975" spans="14:14">
      <c r="N697975" s="10"/>
    </row>
    <row r="697976" spans="14:14">
      <c r="N697976" s="10"/>
    </row>
    <row r="697977" spans="14:14">
      <c r="N697977" s="10"/>
    </row>
    <row r="697978" spans="14:14">
      <c r="N697978" s="10"/>
    </row>
    <row r="697979" spans="14:14">
      <c r="N697979" s="10"/>
    </row>
    <row r="697980" spans="14:14">
      <c r="N697980" s="10"/>
    </row>
    <row r="697981" spans="14:14">
      <c r="N697981" s="10"/>
    </row>
    <row r="697982" spans="14:14">
      <c r="N697982" s="10"/>
    </row>
    <row r="697983" spans="14:14">
      <c r="N697983" s="10"/>
    </row>
    <row r="697984" spans="14:14">
      <c r="N697984" s="10"/>
    </row>
    <row r="697985" spans="14:14">
      <c r="N697985" s="10"/>
    </row>
    <row r="697986" spans="14:14">
      <c r="N697986" s="10"/>
    </row>
    <row r="697987" spans="14:14">
      <c r="N697987" s="10"/>
    </row>
    <row r="697988" spans="14:14">
      <c r="N697988" s="10"/>
    </row>
    <row r="697989" spans="14:14">
      <c r="N697989" s="10"/>
    </row>
    <row r="697990" spans="14:14">
      <c r="N697990" s="10"/>
    </row>
    <row r="697991" spans="14:14">
      <c r="N697991" s="10"/>
    </row>
    <row r="697992" spans="14:14">
      <c r="N697992" s="10"/>
    </row>
    <row r="697993" spans="14:14">
      <c r="N697993" s="10"/>
    </row>
    <row r="697994" spans="14:14">
      <c r="N697994" s="10"/>
    </row>
    <row r="697995" spans="14:14">
      <c r="N697995" s="10"/>
    </row>
    <row r="697996" spans="14:14">
      <c r="N697996" s="10"/>
    </row>
    <row r="697997" spans="14:14">
      <c r="N697997" s="10"/>
    </row>
    <row r="697998" spans="14:14">
      <c r="N697998" s="10"/>
    </row>
    <row r="697999" spans="14:14">
      <c r="N697999" s="10"/>
    </row>
    <row r="698000" spans="14:14">
      <c r="N698000" s="10"/>
    </row>
    <row r="698001" spans="14:14">
      <c r="N698001" s="10"/>
    </row>
    <row r="698002" spans="14:14">
      <c r="N698002" s="10"/>
    </row>
    <row r="698003" spans="14:14">
      <c r="N698003" s="10"/>
    </row>
    <row r="698004" spans="14:14">
      <c r="N698004" s="10"/>
    </row>
    <row r="698005" spans="14:14">
      <c r="N698005" s="10"/>
    </row>
    <row r="698006" spans="14:14">
      <c r="N698006" s="10"/>
    </row>
    <row r="698007" spans="14:14">
      <c r="N698007" s="10"/>
    </row>
    <row r="698008" spans="14:14">
      <c r="N698008" s="10"/>
    </row>
    <row r="698009" spans="14:14">
      <c r="N698009" s="10"/>
    </row>
    <row r="698010" spans="14:14">
      <c r="N698010" s="10"/>
    </row>
    <row r="698011" spans="14:14">
      <c r="N698011" s="10"/>
    </row>
    <row r="698012" spans="14:14">
      <c r="N698012" s="10"/>
    </row>
    <row r="698013" spans="14:14">
      <c r="N698013" s="10"/>
    </row>
    <row r="698014" spans="14:14">
      <c r="N698014" s="10"/>
    </row>
    <row r="698015" spans="14:14">
      <c r="N698015" s="10"/>
    </row>
    <row r="698016" spans="14:14">
      <c r="N698016" s="10"/>
    </row>
    <row r="698017" spans="14:14">
      <c r="N698017" s="10"/>
    </row>
    <row r="698018" spans="14:14">
      <c r="N698018" s="10"/>
    </row>
    <row r="698019" spans="14:14">
      <c r="N698019" s="10"/>
    </row>
    <row r="698020" spans="14:14">
      <c r="N698020" s="10"/>
    </row>
    <row r="698021" spans="14:14">
      <c r="N698021" s="10"/>
    </row>
    <row r="698022" spans="14:14">
      <c r="N698022" s="10"/>
    </row>
    <row r="698023" spans="14:14">
      <c r="N698023" s="10"/>
    </row>
    <row r="698024" spans="14:14">
      <c r="N698024" s="10"/>
    </row>
    <row r="698025" spans="14:14">
      <c r="N698025" s="10"/>
    </row>
    <row r="698026" spans="14:14">
      <c r="N698026" s="10"/>
    </row>
    <row r="698027" spans="14:14">
      <c r="N698027" s="10"/>
    </row>
    <row r="698028" spans="14:14">
      <c r="N698028" s="10"/>
    </row>
    <row r="698029" spans="14:14">
      <c r="N698029" s="10"/>
    </row>
    <row r="698030" spans="14:14">
      <c r="N698030" s="10"/>
    </row>
    <row r="698031" spans="14:14">
      <c r="N698031" s="10"/>
    </row>
    <row r="698032" spans="14:14">
      <c r="N698032" s="10"/>
    </row>
    <row r="698033" spans="14:14">
      <c r="N698033" s="10"/>
    </row>
    <row r="698034" spans="14:14">
      <c r="N698034" s="10"/>
    </row>
    <row r="698035" spans="14:14">
      <c r="N698035" s="10"/>
    </row>
    <row r="698036" spans="14:14">
      <c r="N698036" s="10"/>
    </row>
    <row r="698037" spans="14:14">
      <c r="N698037" s="10"/>
    </row>
    <row r="698038" spans="14:14">
      <c r="N698038" s="10"/>
    </row>
    <row r="698039" spans="14:14">
      <c r="N698039" s="10"/>
    </row>
    <row r="698040" spans="14:14">
      <c r="N698040" s="10"/>
    </row>
    <row r="698041" spans="14:14">
      <c r="N698041" s="10"/>
    </row>
    <row r="698042" spans="14:14">
      <c r="N698042" s="10"/>
    </row>
    <row r="698043" spans="14:14">
      <c r="N698043" s="10"/>
    </row>
    <row r="698044" spans="14:14">
      <c r="N698044" s="10"/>
    </row>
    <row r="698045" spans="14:14">
      <c r="N698045" s="10"/>
    </row>
    <row r="698046" spans="14:14">
      <c r="N698046" s="10"/>
    </row>
    <row r="698047" spans="14:14">
      <c r="N698047" s="10"/>
    </row>
    <row r="698048" spans="14:14">
      <c r="N698048" s="10"/>
    </row>
    <row r="698049" spans="14:14">
      <c r="N698049" s="10"/>
    </row>
    <row r="698050" spans="14:14">
      <c r="N698050" s="10"/>
    </row>
    <row r="698051" spans="14:14">
      <c r="N698051" s="10"/>
    </row>
    <row r="698052" spans="14:14">
      <c r="N698052" s="10"/>
    </row>
    <row r="698053" spans="14:14">
      <c r="N698053" s="10"/>
    </row>
    <row r="698054" spans="14:14">
      <c r="N698054" s="10"/>
    </row>
    <row r="698055" spans="14:14">
      <c r="N698055" s="10"/>
    </row>
    <row r="698056" spans="14:14">
      <c r="N698056" s="10"/>
    </row>
    <row r="698057" spans="14:14">
      <c r="N698057" s="10"/>
    </row>
    <row r="698058" spans="14:14">
      <c r="N698058" s="10"/>
    </row>
    <row r="698059" spans="14:14">
      <c r="N698059" s="10"/>
    </row>
    <row r="698060" spans="14:14">
      <c r="N698060" s="10"/>
    </row>
    <row r="698061" spans="14:14">
      <c r="N698061" s="10"/>
    </row>
    <row r="698062" spans="14:14">
      <c r="N698062" s="10"/>
    </row>
    <row r="698063" spans="14:14">
      <c r="N698063" s="10"/>
    </row>
    <row r="698064" spans="14:14">
      <c r="N698064" s="10"/>
    </row>
    <row r="698065" spans="14:14">
      <c r="N698065" s="10"/>
    </row>
    <row r="698066" spans="14:14">
      <c r="N698066" s="10"/>
    </row>
    <row r="698067" spans="14:14">
      <c r="N698067" s="10"/>
    </row>
    <row r="698068" spans="14:14">
      <c r="N698068" s="10"/>
    </row>
    <row r="698069" spans="14:14">
      <c r="N698069" s="10"/>
    </row>
    <row r="698070" spans="14:14">
      <c r="N698070" s="10"/>
    </row>
    <row r="698071" spans="14:14">
      <c r="N698071" s="10"/>
    </row>
    <row r="698072" spans="14:14">
      <c r="N698072" s="10"/>
    </row>
    <row r="698073" spans="14:14">
      <c r="N698073" s="10"/>
    </row>
    <row r="698074" spans="14:14">
      <c r="N698074" s="10"/>
    </row>
    <row r="698075" spans="14:14">
      <c r="N698075" s="10"/>
    </row>
    <row r="698076" spans="14:14">
      <c r="N698076" s="10"/>
    </row>
    <row r="698077" spans="14:14">
      <c r="N698077" s="10"/>
    </row>
    <row r="698078" spans="14:14">
      <c r="N698078" s="10"/>
    </row>
    <row r="698079" spans="14:14">
      <c r="N698079" s="10"/>
    </row>
    <row r="698080" spans="14:14">
      <c r="N698080" s="10"/>
    </row>
    <row r="698081" spans="14:14">
      <c r="N698081" s="10"/>
    </row>
    <row r="698082" spans="14:14">
      <c r="N698082" s="10"/>
    </row>
    <row r="698083" spans="14:14">
      <c r="N698083" s="10"/>
    </row>
    <row r="698084" spans="14:14">
      <c r="N698084" s="10"/>
    </row>
    <row r="698085" spans="14:14">
      <c r="N698085" s="10"/>
    </row>
    <row r="698086" spans="14:14">
      <c r="N698086" s="10"/>
    </row>
    <row r="698087" spans="14:14">
      <c r="N698087" s="10"/>
    </row>
    <row r="698088" spans="14:14">
      <c r="N698088" s="10"/>
    </row>
    <row r="698089" spans="14:14">
      <c r="N698089" s="10"/>
    </row>
    <row r="698090" spans="14:14">
      <c r="N698090" s="10"/>
    </row>
    <row r="698091" spans="14:14">
      <c r="N698091" s="10"/>
    </row>
    <row r="698092" spans="14:14">
      <c r="N698092" s="10"/>
    </row>
    <row r="698093" spans="14:14">
      <c r="N698093" s="10"/>
    </row>
    <row r="698094" spans="14:14">
      <c r="N698094" s="10"/>
    </row>
    <row r="698095" spans="14:14">
      <c r="N698095" s="10"/>
    </row>
    <row r="698096" spans="14:14">
      <c r="N698096" s="10"/>
    </row>
    <row r="698097" spans="14:14">
      <c r="N698097" s="10"/>
    </row>
    <row r="698098" spans="14:14">
      <c r="N698098" s="10"/>
    </row>
    <row r="698099" spans="14:14">
      <c r="N698099" s="10"/>
    </row>
    <row r="698100" spans="14:14">
      <c r="N698100" s="10"/>
    </row>
    <row r="698101" spans="14:14">
      <c r="N698101" s="10"/>
    </row>
    <row r="698102" spans="14:14">
      <c r="N698102" s="10"/>
    </row>
    <row r="698103" spans="14:14">
      <c r="N698103" s="10"/>
    </row>
    <row r="698104" spans="14:14">
      <c r="N698104" s="10"/>
    </row>
    <row r="698105" spans="14:14">
      <c r="N698105" s="10"/>
    </row>
    <row r="698106" spans="14:14">
      <c r="N698106" s="10"/>
    </row>
    <row r="698107" spans="14:14">
      <c r="N698107" s="10"/>
    </row>
    <row r="698108" spans="14:14">
      <c r="N698108" s="10"/>
    </row>
    <row r="698109" spans="14:14">
      <c r="N698109" s="10"/>
    </row>
    <row r="698110" spans="14:14">
      <c r="N698110" s="10"/>
    </row>
    <row r="698111" spans="14:14">
      <c r="N698111" s="10"/>
    </row>
    <row r="698112" spans="14:14">
      <c r="N698112" s="10"/>
    </row>
    <row r="698113" spans="14:14">
      <c r="N698113" s="10"/>
    </row>
    <row r="698114" spans="14:14">
      <c r="N698114" s="10"/>
    </row>
    <row r="698115" spans="14:14">
      <c r="N698115" s="10"/>
    </row>
    <row r="698116" spans="14:14">
      <c r="N698116" s="10"/>
    </row>
    <row r="698117" spans="14:14">
      <c r="N698117" s="10"/>
    </row>
    <row r="698118" spans="14:14">
      <c r="N698118" s="10"/>
    </row>
    <row r="698119" spans="14:14">
      <c r="N698119" s="10"/>
    </row>
    <row r="698120" spans="14:14">
      <c r="N698120" s="10"/>
    </row>
    <row r="698121" spans="14:14">
      <c r="N698121" s="10"/>
    </row>
    <row r="698122" spans="14:14">
      <c r="N698122" s="10"/>
    </row>
    <row r="698123" spans="14:14">
      <c r="N698123" s="10"/>
    </row>
    <row r="698124" spans="14:14">
      <c r="N698124" s="10"/>
    </row>
    <row r="698125" spans="14:14">
      <c r="N698125" s="10"/>
    </row>
    <row r="698126" spans="14:14">
      <c r="N698126" s="10"/>
    </row>
    <row r="698127" spans="14:14">
      <c r="N698127" s="10"/>
    </row>
    <row r="698128" spans="14:14">
      <c r="N698128" s="10"/>
    </row>
    <row r="698129" spans="14:14">
      <c r="N698129" s="10"/>
    </row>
    <row r="698130" spans="14:14">
      <c r="N698130" s="10"/>
    </row>
    <row r="698131" spans="14:14">
      <c r="N698131" s="10"/>
    </row>
    <row r="698132" spans="14:14">
      <c r="N698132" s="10"/>
    </row>
    <row r="698133" spans="14:14">
      <c r="N698133" s="10"/>
    </row>
    <row r="698134" spans="14:14">
      <c r="N698134" s="10"/>
    </row>
    <row r="698135" spans="14:14">
      <c r="N698135" s="10"/>
    </row>
    <row r="698136" spans="14:14">
      <c r="N698136" s="10"/>
    </row>
    <row r="698137" spans="14:14">
      <c r="N698137" s="10"/>
    </row>
    <row r="698138" spans="14:14">
      <c r="N698138" s="10"/>
    </row>
    <row r="698139" spans="14:14">
      <c r="N698139" s="10"/>
    </row>
    <row r="698140" spans="14:14">
      <c r="N698140" s="10"/>
    </row>
    <row r="698141" spans="14:14">
      <c r="N698141" s="10"/>
    </row>
    <row r="698142" spans="14:14">
      <c r="N698142" s="10"/>
    </row>
    <row r="698143" spans="14:14">
      <c r="N698143" s="10"/>
    </row>
    <row r="698144" spans="14:14">
      <c r="N698144" s="10"/>
    </row>
    <row r="698145" spans="14:14">
      <c r="N698145" s="10"/>
    </row>
    <row r="698146" spans="14:14">
      <c r="N698146" s="10"/>
    </row>
    <row r="698147" spans="14:14">
      <c r="N698147" s="10"/>
    </row>
    <row r="698148" spans="14:14">
      <c r="N698148" s="10"/>
    </row>
    <row r="698149" spans="14:14">
      <c r="N698149" s="10"/>
    </row>
    <row r="698150" spans="14:14">
      <c r="N698150" s="10"/>
    </row>
    <row r="698151" spans="14:14">
      <c r="N698151" s="10"/>
    </row>
    <row r="698152" spans="14:14">
      <c r="N698152" s="10"/>
    </row>
    <row r="698153" spans="14:14">
      <c r="N698153" s="10"/>
    </row>
    <row r="698154" spans="14:14">
      <c r="N698154" s="10"/>
    </row>
    <row r="698155" spans="14:14">
      <c r="N698155" s="10"/>
    </row>
    <row r="698156" spans="14:14">
      <c r="N698156" s="10"/>
    </row>
    <row r="698157" spans="14:14">
      <c r="N698157" s="10"/>
    </row>
    <row r="698158" spans="14:14">
      <c r="N698158" s="10"/>
    </row>
    <row r="698159" spans="14:14">
      <c r="N698159" s="10"/>
    </row>
    <row r="698160" spans="14:14">
      <c r="N698160" s="10"/>
    </row>
    <row r="698161" spans="14:14">
      <c r="N698161" s="10"/>
    </row>
    <row r="698162" spans="14:14">
      <c r="N698162" s="10"/>
    </row>
    <row r="698163" spans="14:14">
      <c r="N698163" s="10"/>
    </row>
    <row r="698164" spans="14:14">
      <c r="N698164" s="10"/>
    </row>
    <row r="698165" spans="14:14">
      <c r="N698165" s="10"/>
    </row>
    <row r="698166" spans="14:14">
      <c r="N698166" s="10"/>
    </row>
    <row r="698167" spans="14:14">
      <c r="N698167" s="10"/>
    </row>
    <row r="698168" spans="14:14">
      <c r="N698168" s="10"/>
    </row>
    <row r="698169" spans="14:14">
      <c r="N698169" s="10"/>
    </row>
    <row r="698170" spans="14:14">
      <c r="N698170" s="10"/>
    </row>
    <row r="698171" spans="14:14">
      <c r="N698171" s="10"/>
    </row>
    <row r="698172" spans="14:14">
      <c r="N698172" s="10"/>
    </row>
    <row r="698173" spans="14:14">
      <c r="N698173" s="10"/>
    </row>
    <row r="698174" spans="14:14">
      <c r="N698174" s="10"/>
    </row>
    <row r="698175" spans="14:14">
      <c r="N698175" s="10"/>
    </row>
    <row r="698176" spans="14:14">
      <c r="N698176" s="10"/>
    </row>
    <row r="698177" spans="14:14">
      <c r="N698177" s="10"/>
    </row>
    <row r="698178" spans="14:14">
      <c r="N698178" s="10"/>
    </row>
    <row r="698179" spans="14:14">
      <c r="N698179" s="10"/>
    </row>
    <row r="698180" spans="14:14">
      <c r="N698180" s="10"/>
    </row>
    <row r="698181" spans="14:14">
      <c r="N698181" s="10"/>
    </row>
    <row r="698182" spans="14:14">
      <c r="N698182" s="10"/>
    </row>
    <row r="698183" spans="14:14">
      <c r="N698183" s="10"/>
    </row>
    <row r="698184" spans="14:14">
      <c r="N698184" s="10"/>
    </row>
    <row r="698185" spans="14:14">
      <c r="N698185" s="10"/>
    </row>
    <row r="698186" spans="14:14">
      <c r="N698186" s="10"/>
    </row>
    <row r="698187" spans="14:14">
      <c r="N698187" s="10"/>
    </row>
    <row r="698188" spans="14:14">
      <c r="N698188" s="10"/>
    </row>
    <row r="698189" spans="14:14">
      <c r="N698189" s="10"/>
    </row>
    <row r="698190" spans="14:14">
      <c r="N698190" s="10"/>
    </row>
    <row r="698191" spans="14:14">
      <c r="N698191" s="10"/>
    </row>
    <row r="698192" spans="14:14">
      <c r="N698192" s="10"/>
    </row>
    <row r="698193" spans="14:14">
      <c r="N698193" s="10"/>
    </row>
    <row r="698194" spans="14:14">
      <c r="N698194" s="10"/>
    </row>
    <row r="698195" spans="14:14">
      <c r="N698195" s="10"/>
    </row>
    <row r="698196" spans="14:14">
      <c r="N698196" s="10"/>
    </row>
    <row r="698197" spans="14:14">
      <c r="N698197" s="10"/>
    </row>
    <row r="698198" spans="14:14">
      <c r="N698198" s="10"/>
    </row>
    <row r="698199" spans="14:14">
      <c r="N698199" s="10"/>
    </row>
    <row r="698200" spans="14:14">
      <c r="N698200" s="10"/>
    </row>
    <row r="698201" spans="14:14">
      <c r="N698201" s="10"/>
    </row>
    <row r="698202" spans="14:14">
      <c r="N698202" s="10"/>
    </row>
    <row r="698203" spans="14:14">
      <c r="N698203" s="10"/>
    </row>
    <row r="698204" spans="14:14">
      <c r="N698204" s="10"/>
    </row>
    <row r="698205" spans="14:14">
      <c r="N698205" s="10"/>
    </row>
    <row r="698206" spans="14:14">
      <c r="N698206" s="10"/>
    </row>
    <row r="698207" spans="14:14">
      <c r="N698207" s="10"/>
    </row>
    <row r="698208" spans="14:14">
      <c r="N698208" s="10"/>
    </row>
    <row r="698209" spans="14:14">
      <c r="N698209" s="10"/>
    </row>
    <row r="698210" spans="14:14">
      <c r="N698210" s="10"/>
    </row>
    <row r="698211" spans="14:14">
      <c r="N698211" s="10"/>
    </row>
    <row r="698212" spans="14:14">
      <c r="N698212" s="10"/>
    </row>
    <row r="698213" spans="14:14">
      <c r="N698213" s="10"/>
    </row>
    <row r="698214" spans="14:14">
      <c r="N698214" s="10"/>
    </row>
    <row r="698215" spans="14:14">
      <c r="N698215" s="10"/>
    </row>
    <row r="698216" spans="14:14">
      <c r="N698216" s="10"/>
    </row>
    <row r="698217" spans="14:14">
      <c r="N698217" s="10"/>
    </row>
    <row r="698218" spans="14:14">
      <c r="N698218" s="10"/>
    </row>
    <row r="698219" spans="14:14">
      <c r="N698219" s="10"/>
    </row>
    <row r="698220" spans="14:14">
      <c r="N698220" s="10"/>
    </row>
    <row r="698221" spans="14:14">
      <c r="N698221" s="10"/>
    </row>
    <row r="698222" spans="14:14">
      <c r="N698222" s="10"/>
    </row>
    <row r="698223" spans="14:14">
      <c r="N698223" s="10"/>
    </row>
    <row r="698224" spans="14:14">
      <c r="N698224" s="10"/>
    </row>
    <row r="698225" spans="14:14">
      <c r="N698225" s="10"/>
    </row>
    <row r="698226" spans="14:14">
      <c r="N698226" s="10"/>
    </row>
    <row r="698227" spans="14:14">
      <c r="N698227" s="10"/>
    </row>
    <row r="698228" spans="14:14">
      <c r="N698228" s="10"/>
    </row>
    <row r="698229" spans="14:14">
      <c r="N698229" s="10"/>
    </row>
    <row r="698230" spans="14:14">
      <c r="N698230" s="10"/>
    </row>
    <row r="698231" spans="14:14">
      <c r="N698231" s="10"/>
    </row>
    <row r="698232" spans="14:14">
      <c r="N698232" s="10"/>
    </row>
    <row r="698233" spans="14:14">
      <c r="N698233" s="10"/>
    </row>
    <row r="698234" spans="14:14">
      <c r="N698234" s="10"/>
    </row>
    <row r="698235" spans="14:14">
      <c r="N698235" s="10"/>
    </row>
    <row r="698236" spans="14:14">
      <c r="N698236" s="10"/>
    </row>
    <row r="698237" spans="14:14">
      <c r="N698237" s="10"/>
    </row>
    <row r="698238" spans="14:14">
      <c r="N698238" s="10"/>
    </row>
    <row r="698239" spans="14:14">
      <c r="N698239" s="10"/>
    </row>
    <row r="698240" spans="14:14">
      <c r="N698240" s="10"/>
    </row>
    <row r="698241" spans="14:14">
      <c r="N698241" s="10"/>
    </row>
    <row r="698242" spans="14:14">
      <c r="N698242" s="10"/>
    </row>
    <row r="698243" spans="14:14">
      <c r="N698243" s="10"/>
    </row>
    <row r="698244" spans="14:14">
      <c r="N698244" s="10"/>
    </row>
    <row r="698245" spans="14:14">
      <c r="N698245" s="10"/>
    </row>
    <row r="698246" spans="14:14">
      <c r="N698246" s="10"/>
    </row>
    <row r="698247" spans="14:14">
      <c r="N698247" s="10"/>
    </row>
    <row r="698248" spans="14:14">
      <c r="N698248" s="10"/>
    </row>
    <row r="698249" spans="14:14">
      <c r="N698249" s="10"/>
    </row>
    <row r="698250" spans="14:14">
      <c r="N698250" s="10"/>
    </row>
    <row r="698251" spans="14:14">
      <c r="N698251" s="10"/>
    </row>
    <row r="698252" spans="14:14">
      <c r="N698252" s="10"/>
    </row>
    <row r="698253" spans="14:14">
      <c r="N698253" s="10"/>
    </row>
    <row r="698254" spans="14:14">
      <c r="N698254" s="10"/>
    </row>
    <row r="698255" spans="14:14">
      <c r="N698255" s="10"/>
    </row>
    <row r="698256" spans="14:14">
      <c r="N698256" s="10"/>
    </row>
    <row r="698257" spans="14:14">
      <c r="N698257" s="10"/>
    </row>
    <row r="698258" spans="14:14">
      <c r="N698258" s="10"/>
    </row>
    <row r="698259" spans="14:14">
      <c r="N698259" s="10"/>
    </row>
    <row r="698260" spans="14:14">
      <c r="N698260" s="10"/>
    </row>
    <row r="698261" spans="14:14">
      <c r="N698261" s="10"/>
    </row>
    <row r="698262" spans="14:14">
      <c r="N698262" s="10"/>
    </row>
    <row r="698263" spans="14:14">
      <c r="N698263" s="10"/>
    </row>
    <row r="698264" spans="14:14">
      <c r="N698264" s="10"/>
    </row>
    <row r="698265" spans="14:14">
      <c r="N698265" s="10"/>
    </row>
    <row r="698266" spans="14:14">
      <c r="N698266" s="10"/>
    </row>
    <row r="698267" spans="14:14">
      <c r="N698267" s="10"/>
    </row>
    <row r="698268" spans="14:14">
      <c r="N698268" s="10"/>
    </row>
    <row r="698269" spans="14:14">
      <c r="N698269" s="10"/>
    </row>
    <row r="698270" spans="14:14">
      <c r="N698270" s="10"/>
    </row>
    <row r="698271" spans="14:14">
      <c r="N698271" s="10"/>
    </row>
    <row r="698272" spans="14:14">
      <c r="N698272" s="10"/>
    </row>
    <row r="698273" spans="14:14">
      <c r="N698273" s="10"/>
    </row>
    <row r="698274" spans="14:14">
      <c r="N698274" s="10"/>
    </row>
    <row r="698275" spans="14:14">
      <c r="N698275" s="10"/>
    </row>
    <row r="698276" spans="14:14">
      <c r="N698276" s="10"/>
    </row>
    <row r="698277" spans="14:14">
      <c r="N698277" s="10"/>
    </row>
    <row r="698278" spans="14:14">
      <c r="N698278" s="10"/>
    </row>
    <row r="698279" spans="14:14">
      <c r="N698279" s="10"/>
    </row>
    <row r="698280" spans="14:14">
      <c r="N698280" s="10"/>
    </row>
    <row r="698281" spans="14:14">
      <c r="N698281" s="10"/>
    </row>
    <row r="698282" spans="14:14">
      <c r="N698282" s="10"/>
    </row>
    <row r="698283" spans="14:14">
      <c r="N698283" s="10"/>
    </row>
    <row r="698284" spans="14:14">
      <c r="N698284" s="10"/>
    </row>
    <row r="698285" spans="14:14">
      <c r="N698285" s="10"/>
    </row>
    <row r="698286" spans="14:14">
      <c r="N698286" s="10"/>
    </row>
    <row r="698287" spans="14:14">
      <c r="N698287" s="10"/>
    </row>
    <row r="698288" spans="14:14">
      <c r="N698288" s="10"/>
    </row>
    <row r="698289" spans="14:14">
      <c r="N698289" s="10"/>
    </row>
    <row r="698290" spans="14:14">
      <c r="N698290" s="10"/>
    </row>
    <row r="698291" spans="14:14">
      <c r="N698291" s="10"/>
    </row>
    <row r="698292" spans="14:14">
      <c r="N698292" s="10"/>
    </row>
    <row r="698293" spans="14:14">
      <c r="N698293" s="10"/>
    </row>
    <row r="698294" spans="14:14">
      <c r="N698294" s="10"/>
    </row>
    <row r="698295" spans="14:14">
      <c r="N698295" s="10"/>
    </row>
    <row r="698296" spans="14:14">
      <c r="N698296" s="10"/>
    </row>
    <row r="698297" spans="14:14">
      <c r="N698297" s="10"/>
    </row>
    <row r="698298" spans="14:14">
      <c r="N698298" s="10"/>
    </row>
    <row r="698299" spans="14:14">
      <c r="N698299" s="10"/>
    </row>
    <row r="698300" spans="14:14">
      <c r="N698300" s="10"/>
    </row>
    <row r="698301" spans="14:14">
      <c r="N698301" s="10"/>
    </row>
    <row r="698302" spans="14:14">
      <c r="N698302" s="10"/>
    </row>
    <row r="698303" spans="14:14">
      <c r="N698303" s="10"/>
    </row>
    <row r="698304" spans="14:14">
      <c r="N698304" s="10"/>
    </row>
    <row r="698305" spans="14:14">
      <c r="N698305" s="10"/>
    </row>
    <row r="698306" spans="14:14">
      <c r="N698306" s="10"/>
    </row>
    <row r="698307" spans="14:14">
      <c r="N698307" s="10"/>
    </row>
    <row r="698308" spans="14:14">
      <c r="N698308" s="10"/>
    </row>
    <row r="698309" spans="14:14">
      <c r="N698309" s="10"/>
    </row>
    <row r="698310" spans="14:14">
      <c r="N698310" s="10"/>
    </row>
    <row r="698311" spans="14:14">
      <c r="N698311" s="10"/>
    </row>
    <row r="698312" spans="14:14">
      <c r="N698312" s="10"/>
    </row>
    <row r="698313" spans="14:14">
      <c r="N698313" s="10"/>
    </row>
    <row r="698314" spans="14:14">
      <c r="N698314" s="10"/>
    </row>
    <row r="698315" spans="14:14">
      <c r="N698315" s="10"/>
    </row>
    <row r="698316" spans="14:14">
      <c r="N698316" s="10"/>
    </row>
    <row r="698317" spans="14:14">
      <c r="N698317" s="10"/>
    </row>
    <row r="698318" spans="14:14">
      <c r="N698318" s="10"/>
    </row>
    <row r="698319" spans="14:14">
      <c r="N698319" s="10"/>
    </row>
    <row r="698320" spans="14:14">
      <c r="N698320" s="10"/>
    </row>
    <row r="698321" spans="14:14">
      <c r="N698321" s="10"/>
    </row>
    <row r="698322" spans="14:14">
      <c r="N698322" s="10"/>
    </row>
    <row r="698323" spans="14:14">
      <c r="N698323" s="10"/>
    </row>
    <row r="698324" spans="14:14">
      <c r="N698324" s="10"/>
    </row>
    <row r="698325" spans="14:14">
      <c r="N698325" s="10"/>
    </row>
    <row r="698326" spans="14:14">
      <c r="N698326" s="10"/>
    </row>
    <row r="698327" spans="14:14">
      <c r="N698327" s="10"/>
    </row>
    <row r="698328" spans="14:14">
      <c r="N698328" s="10"/>
    </row>
    <row r="698329" spans="14:14">
      <c r="N698329" s="10"/>
    </row>
    <row r="698330" spans="14:14">
      <c r="N698330" s="10"/>
    </row>
    <row r="698331" spans="14:14">
      <c r="N698331" s="10"/>
    </row>
    <row r="698332" spans="14:14">
      <c r="N698332" s="10"/>
    </row>
    <row r="698333" spans="14:14">
      <c r="N698333" s="10"/>
    </row>
    <row r="698334" spans="14:14">
      <c r="N698334" s="10"/>
    </row>
    <row r="698335" spans="14:14">
      <c r="N698335" s="10"/>
    </row>
    <row r="698336" spans="14:14">
      <c r="N698336" s="10"/>
    </row>
    <row r="698337" spans="14:14">
      <c r="N698337" s="10"/>
    </row>
    <row r="698338" spans="14:14">
      <c r="N698338" s="10"/>
    </row>
    <row r="698339" spans="14:14">
      <c r="N698339" s="10"/>
    </row>
    <row r="698340" spans="14:14">
      <c r="N698340" s="10"/>
    </row>
    <row r="698341" spans="14:14">
      <c r="N698341" s="10"/>
    </row>
    <row r="698342" spans="14:14">
      <c r="N698342" s="10"/>
    </row>
    <row r="698343" spans="14:14">
      <c r="N698343" s="10"/>
    </row>
    <row r="698344" spans="14:14">
      <c r="N698344" s="10"/>
    </row>
    <row r="698345" spans="14:14">
      <c r="N698345" s="10"/>
    </row>
    <row r="698346" spans="14:14">
      <c r="N698346" s="10"/>
    </row>
    <row r="698347" spans="14:14">
      <c r="N698347" s="10"/>
    </row>
    <row r="698348" spans="14:14">
      <c r="N698348" s="10"/>
    </row>
    <row r="698349" spans="14:14">
      <c r="N698349" s="10"/>
    </row>
    <row r="698350" spans="14:14">
      <c r="N698350" s="10"/>
    </row>
    <row r="698351" spans="14:14">
      <c r="N698351" s="10"/>
    </row>
    <row r="698352" spans="14:14">
      <c r="N698352" s="10"/>
    </row>
    <row r="698353" spans="14:14">
      <c r="N698353" s="10"/>
    </row>
    <row r="698354" spans="14:14">
      <c r="N698354" s="10"/>
    </row>
    <row r="698355" spans="14:14">
      <c r="N698355" s="10"/>
    </row>
    <row r="698356" spans="14:14">
      <c r="N698356" s="10"/>
    </row>
    <row r="698357" spans="14:14">
      <c r="N698357" s="10"/>
    </row>
    <row r="698358" spans="14:14">
      <c r="N698358" s="10"/>
    </row>
    <row r="698359" spans="14:14">
      <c r="N698359" s="10"/>
    </row>
    <row r="698360" spans="14:14">
      <c r="N698360" s="10"/>
    </row>
    <row r="698361" spans="14:14">
      <c r="N698361" s="10"/>
    </row>
    <row r="698362" spans="14:14">
      <c r="N698362" s="10"/>
    </row>
    <row r="698363" spans="14:14">
      <c r="N698363" s="10"/>
    </row>
    <row r="698364" spans="14:14">
      <c r="N698364" s="10"/>
    </row>
    <row r="698365" spans="14:14">
      <c r="N698365" s="10"/>
    </row>
    <row r="698366" spans="14:14">
      <c r="N698366" s="10"/>
    </row>
    <row r="698367" spans="14:14">
      <c r="N698367" s="10"/>
    </row>
    <row r="698368" spans="14:14">
      <c r="N698368" s="10"/>
    </row>
    <row r="698369" spans="14:14">
      <c r="N698369" s="10"/>
    </row>
    <row r="698370" spans="14:14">
      <c r="N698370" s="10"/>
    </row>
    <row r="698371" spans="14:14">
      <c r="N698371" s="10"/>
    </row>
    <row r="698372" spans="14:14">
      <c r="N698372" s="10"/>
    </row>
    <row r="698373" spans="14:14">
      <c r="N698373" s="10"/>
    </row>
    <row r="698374" spans="14:14">
      <c r="N698374" s="10"/>
    </row>
    <row r="698375" spans="14:14">
      <c r="N698375" s="10"/>
    </row>
    <row r="698376" spans="14:14">
      <c r="N698376" s="10"/>
    </row>
    <row r="698377" spans="14:14">
      <c r="N698377" s="10"/>
    </row>
    <row r="698378" spans="14:14">
      <c r="N698378" s="10"/>
    </row>
    <row r="698379" spans="14:14">
      <c r="N698379" s="10"/>
    </row>
    <row r="698380" spans="14:14">
      <c r="N698380" s="10"/>
    </row>
    <row r="698381" spans="14:14">
      <c r="N698381" s="10"/>
    </row>
    <row r="698382" spans="14:14">
      <c r="N698382" s="10"/>
    </row>
    <row r="698383" spans="14:14">
      <c r="N698383" s="10"/>
    </row>
    <row r="698384" spans="14:14">
      <c r="N698384" s="10"/>
    </row>
    <row r="698385" spans="14:14">
      <c r="N698385" s="10"/>
    </row>
    <row r="698386" spans="14:14">
      <c r="N698386" s="10"/>
    </row>
    <row r="698387" spans="14:14">
      <c r="N698387" s="10"/>
    </row>
    <row r="698388" spans="14:14">
      <c r="N698388" s="10"/>
    </row>
    <row r="698389" spans="14:14">
      <c r="N698389" s="10"/>
    </row>
    <row r="698390" spans="14:14">
      <c r="N698390" s="10"/>
    </row>
    <row r="698391" spans="14:14">
      <c r="N698391" s="10"/>
    </row>
    <row r="698392" spans="14:14">
      <c r="N698392" s="10"/>
    </row>
    <row r="698393" spans="14:14">
      <c r="N698393" s="10"/>
    </row>
    <row r="698394" spans="14:14">
      <c r="N698394" s="10"/>
    </row>
    <row r="698395" spans="14:14">
      <c r="N698395" s="10"/>
    </row>
    <row r="698396" spans="14:14">
      <c r="N698396" s="10"/>
    </row>
    <row r="698397" spans="14:14">
      <c r="N698397" s="10"/>
    </row>
    <row r="698398" spans="14:14">
      <c r="N698398" s="10"/>
    </row>
    <row r="698399" spans="14:14">
      <c r="N698399" s="10"/>
    </row>
    <row r="698400" spans="14:14">
      <c r="N698400" s="10"/>
    </row>
    <row r="698401" spans="14:14">
      <c r="N698401" s="10"/>
    </row>
    <row r="698402" spans="14:14">
      <c r="N698402" s="10"/>
    </row>
    <row r="698403" spans="14:14">
      <c r="N698403" s="10"/>
    </row>
    <row r="698404" spans="14:14">
      <c r="N698404" s="10"/>
    </row>
    <row r="698405" spans="14:14">
      <c r="N698405" s="10"/>
    </row>
    <row r="698406" spans="14:14">
      <c r="N698406" s="10"/>
    </row>
    <row r="698407" spans="14:14">
      <c r="N698407" s="10"/>
    </row>
    <row r="698408" spans="14:14">
      <c r="N698408" s="10"/>
    </row>
    <row r="698409" spans="14:14">
      <c r="N698409" s="10"/>
    </row>
    <row r="698410" spans="14:14">
      <c r="N698410" s="10"/>
    </row>
    <row r="698411" spans="14:14">
      <c r="N698411" s="10"/>
    </row>
    <row r="698412" spans="14:14">
      <c r="N698412" s="10"/>
    </row>
    <row r="698413" spans="14:14">
      <c r="N698413" s="10"/>
    </row>
    <row r="698414" spans="14:14">
      <c r="N698414" s="10"/>
    </row>
    <row r="698415" spans="14:14">
      <c r="N698415" s="10"/>
    </row>
    <row r="698416" spans="14:14">
      <c r="N698416" s="10"/>
    </row>
    <row r="698417" spans="14:14">
      <c r="N698417" s="10"/>
    </row>
    <row r="698418" spans="14:14">
      <c r="N698418" s="10"/>
    </row>
    <row r="698419" spans="14:14">
      <c r="N698419" s="10"/>
    </row>
    <row r="698420" spans="14:14">
      <c r="N698420" s="10"/>
    </row>
    <row r="698421" spans="14:14">
      <c r="N698421" s="10"/>
    </row>
    <row r="698422" spans="14:14">
      <c r="N698422" s="10"/>
    </row>
    <row r="698423" spans="14:14">
      <c r="N698423" s="10"/>
    </row>
    <row r="698424" spans="14:14">
      <c r="N698424" s="10"/>
    </row>
    <row r="698425" spans="14:14">
      <c r="N698425" s="10"/>
    </row>
    <row r="698426" spans="14:14">
      <c r="N698426" s="10"/>
    </row>
    <row r="698427" spans="14:14">
      <c r="N698427" s="10"/>
    </row>
    <row r="698428" spans="14:14">
      <c r="N698428" s="10"/>
    </row>
    <row r="698429" spans="14:14">
      <c r="N698429" s="10"/>
    </row>
    <row r="698430" spans="14:14">
      <c r="N698430" s="10"/>
    </row>
    <row r="698431" spans="14:14">
      <c r="N698431" s="10"/>
    </row>
    <row r="698432" spans="14:14">
      <c r="N698432" s="10"/>
    </row>
    <row r="698433" spans="14:14">
      <c r="N698433" s="10"/>
    </row>
    <row r="698434" spans="14:14">
      <c r="N698434" s="10"/>
    </row>
    <row r="698435" spans="14:14">
      <c r="N698435" s="10"/>
    </row>
    <row r="698436" spans="14:14">
      <c r="N698436" s="10"/>
    </row>
    <row r="698437" spans="14:14">
      <c r="N698437" s="10"/>
    </row>
    <row r="698438" spans="14:14">
      <c r="N698438" s="10"/>
    </row>
    <row r="698439" spans="14:14">
      <c r="N698439" s="10"/>
    </row>
    <row r="698440" spans="14:14">
      <c r="N698440" s="10"/>
    </row>
    <row r="698441" spans="14:14">
      <c r="N698441" s="10"/>
    </row>
    <row r="698442" spans="14:14">
      <c r="N698442" s="10"/>
    </row>
    <row r="698443" spans="14:14">
      <c r="N698443" s="10"/>
    </row>
    <row r="698444" spans="14:14">
      <c r="N698444" s="10"/>
    </row>
    <row r="698445" spans="14:14">
      <c r="N698445" s="10"/>
    </row>
    <row r="698446" spans="14:14">
      <c r="N698446" s="10"/>
    </row>
    <row r="698447" spans="14:14">
      <c r="N698447" s="10"/>
    </row>
    <row r="698448" spans="14:14">
      <c r="N698448" s="10"/>
    </row>
    <row r="698449" spans="14:14">
      <c r="N698449" s="10"/>
    </row>
    <row r="698450" spans="14:14">
      <c r="N698450" s="10"/>
    </row>
    <row r="698451" spans="14:14">
      <c r="N698451" s="10"/>
    </row>
    <row r="698452" spans="14:14">
      <c r="N698452" s="10"/>
    </row>
    <row r="698453" spans="14:14">
      <c r="N698453" s="10"/>
    </row>
    <row r="698454" spans="14:14">
      <c r="N698454" s="10"/>
    </row>
    <row r="698455" spans="14:14">
      <c r="N698455" s="10"/>
    </row>
    <row r="698456" spans="14:14">
      <c r="N698456" s="10"/>
    </row>
    <row r="698457" spans="14:14">
      <c r="N698457" s="10"/>
    </row>
    <row r="698458" spans="14:14">
      <c r="N698458" s="10"/>
    </row>
    <row r="698459" spans="14:14">
      <c r="N698459" s="10"/>
    </row>
    <row r="698460" spans="14:14">
      <c r="N698460" s="10"/>
    </row>
    <row r="698461" spans="14:14">
      <c r="N698461" s="10"/>
    </row>
    <row r="698462" spans="14:14">
      <c r="N698462" s="10"/>
    </row>
    <row r="698463" spans="14:14">
      <c r="N698463" s="10"/>
    </row>
    <row r="698464" spans="14:14">
      <c r="N698464" s="10"/>
    </row>
    <row r="698465" spans="14:14">
      <c r="N698465" s="10"/>
    </row>
    <row r="698466" spans="14:14">
      <c r="N698466" s="10"/>
    </row>
    <row r="698467" spans="14:14">
      <c r="N698467" s="10"/>
    </row>
    <row r="698468" spans="14:14">
      <c r="N698468" s="10"/>
    </row>
    <row r="698469" spans="14:14">
      <c r="N698469" s="10"/>
    </row>
    <row r="698470" spans="14:14">
      <c r="N698470" s="10"/>
    </row>
    <row r="698471" spans="14:14">
      <c r="N698471" s="10"/>
    </row>
    <row r="698472" spans="14:14">
      <c r="N698472" s="10"/>
    </row>
    <row r="698473" spans="14:14">
      <c r="N698473" s="10"/>
    </row>
    <row r="698474" spans="14:14">
      <c r="N698474" s="10"/>
    </row>
    <row r="698475" spans="14:14">
      <c r="N698475" s="10"/>
    </row>
    <row r="698476" spans="14:14">
      <c r="N698476" s="10"/>
    </row>
    <row r="698477" spans="14:14">
      <c r="N698477" s="10"/>
    </row>
    <row r="698478" spans="14:14">
      <c r="N698478" s="10"/>
    </row>
    <row r="698479" spans="14:14">
      <c r="N698479" s="10"/>
    </row>
    <row r="698480" spans="14:14">
      <c r="N698480" s="10"/>
    </row>
    <row r="698481" spans="14:14">
      <c r="N698481" s="10"/>
    </row>
    <row r="698482" spans="14:14">
      <c r="N698482" s="10"/>
    </row>
    <row r="698483" spans="14:14">
      <c r="N698483" s="10"/>
    </row>
    <row r="698484" spans="14:14">
      <c r="N698484" s="10"/>
    </row>
    <row r="698485" spans="14:14">
      <c r="N698485" s="10"/>
    </row>
    <row r="698486" spans="14:14">
      <c r="N698486" s="10"/>
    </row>
    <row r="698487" spans="14:14">
      <c r="N698487" s="10"/>
    </row>
    <row r="698488" spans="14:14">
      <c r="N698488" s="10"/>
    </row>
    <row r="698489" spans="14:14">
      <c r="N698489" s="10"/>
    </row>
    <row r="698490" spans="14:14">
      <c r="N698490" s="10"/>
    </row>
    <row r="698491" spans="14:14">
      <c r="N698491" s="10"/>
    </row>
    <row r="698492" spans="14:14">
      <c r="N698492" s="10"/>
    </row>
    <row r="698493" spans="14:14">
      <c r="N698493" s="10"/>
    </row>
    <row r="698494" spans="14:14">
      <c r="N698494" s="10"/>
    </row>
    <row r="698495" spans="14:14">
      <c r="N698495" s="10"/>
    </row>
    <row r="698496" spans="14:14">
      <c r="N698496" s="10"/>
    </row>
    <row r="698497" spans="14:14">
      <c r="N698497" s="10"/>
    </row>
    <row r="698498" spans="14:14">
      <c r="N698498" s="10"/>
    </row>
    <row r="698499" spans="14:14">
      <c r="N698499" s="10"/>
    </row>
    <row r="698500" spans="14:14">
      <c r="N698500" s="10"/>
    </row>
    <row r="698501" spans="14:14">
      <c r="N698501" s="10"/>
    </row>
    <row r="698502" spans="14:14">
      <c r="N698502" s="10"/>
    </row>
    <row r="698503" spans="14:14">
      <c r="N698503" s="10"/>
    </row>
    <row r="698504" spans="14:14">
      <c r="N698504" s="10"/>
    </row>
    <row r="698505" spans="14:14">
      <c r="N698505" s="10"/>
    </row>
    <row r="698506" spans="14:14">
      <c r="N698506" s="10"/>
    </row>
    <row r="698507" spans="14:14">
      <c r="N698507" s="10"/>
    </row>
    <row r="698508" spans="14:14">
      <c r="N698508" s="10"/>
    </row>
    <row r="698509" spans="14:14">
      <c r="N698509" s="10"/>
    </row>
    <row r="698510" spans="14:14">
      <c r="N698510" s="10"/>
    </row>
    <row r="698511" spans="14:14">
      <c r="N698511" s="10"/>
    </row>
    <row r="698512" spans="14:14">
      <c r="N698512" s="10"/>
    </row>
    <row r="698513" spans="14:14">
      <c r="N698513" s="10"/>
    </row>
    <row r="698514" spans="14:14">
      <c r="N698514" s="10"/>
    </row>
    <row r="698515" spans="14:14">
      <c r="N698515" s="10"/>
    </row>
    <row r="698516" spans="14:14">
      <c r="N698516" s="10"/>
    </row>
    <row r="698517" spans="14:14">
      <c r="N698517" s="10"/>
    </row>
    <row r="698518" spans="14:14">
      <c r="N698518" s="10"/>
    </row>
    <row r="698519" spans="14:14">
      <c r="N698519" s="10"/>
    </row>
    <row r="698520" spans="14:14">
      <c r="N698520" s="10"/>
    </row>
    <row r="698521" spans="14:14">
      <c r="N698521" s="10"/>
    </row>
    <row r="698522" spans="14:14">
      <c r="N698522" s="10"/>
    </row>
    <row r="698523" spans="14:14">
      <c r="N698523" s="10"/>
    </row>
    <row r="698524" spans="14:14">
      <c r="N698524" s="10"/>
    </row>
    <row r="698525" spans="14:14">
      <c r="N698525" s="10"/>
    </row>
    <row r="698526" spans="14:14">
      <c r="N698526" s="10"/>
    </row>
    <row r="698527" spans="14:14">
      <c r="N698527" s="10"/>
    </row>
    <row r="698528" spans="14:14">
      <c r="N698528" s="10"/>
    </row>
    <row r="698529" spans="14:14">
      <c r="N698529" s="10"/>
    </row>
    <row r="698530" spans="14:14">
      <c r="N698530" s="10"/>
    </row>
    <row r="698531" spans="14:14">
      <c r="N698531" s="10"/>
    </row>
    <row r="698532" spans="14:14">
      <c r="N698532" s="10"/>
    </row>
    <row r="698533" spans="14:14">
      <c r="N698533" s="10"/>
    </row>
    <row r="698534" spans="14:14">
      <c r="N698534" s="10"/>
    </row>
    <row r="698535" spans="14:14">
      <c r="N698535" s="10"/>
    </row>
    <row r="698536" spans="14:14">
      <c r="N698536" s="10"/>
    </row>
    <row r="698537" spans="14:14">
      <c r="N698537" s="10"/>
    </row>
    <row r="698538" spans="14:14">
      <c r="N698538" s="10"/>
    </row>
    <row r="698539" spans="14:14">
      <c r="N698539" s="10"/>
    </row>
    <row r="698540" spans="14:14">
      <c r="N698540" s="10"/>
    </row>
    <row r="698541" spans="14:14">
      <c r="N698541" s="10"/>
    </row>
    <row r="698542" spans="14:14">
      <c r="N698542" s="10"/>
    </row>
    <row r="698543" spans="14:14">
      <c r="N698543" s="10"/>
    </row>
    <row r="698544" spans="14:14">
      <c r="N698544" s="10"/>
    </row>
    <row r="698545" spans="14:14">
      <c r="N698545" s="10"/>
    </row>
    <row r="698546" spans="14:14">
      <c r="N698546" s="10"/>
    </row>
    <row r="698547" spans="14:14">
      <c r="N698547" s="10"/>
    </row>
    <row r="698548" spans="14:14">
      <c r="N698548" s="10"/>
    </row>
    <row r="698549" spans="14:14">
      <c r="N698549" s="10"/>
    </row>
    <row r="698550" spans="14:14">
      <c r="N698550" s="10"/>
    </row>
    <row r="698551" spans="14:14">
      <c r="N698551" s="10"/>
    </row>
    <row r="698552" spans="14:14">
      <c r="N698552" s="10"/>
    </row>
    <row r="698553" spans="14:14">
      <c r="N698553" s="10"/>
    </row>
    <row r="698554" spans="14:14">
      <c r="N698554" s="10"/>
    </row>
    <row r="698555" spans="14:14">
      <c r="N698555" s="10"/>
    </row>
    <row r="698556" spans="14:14">
      <c r="N698556" s="10"/>
    </row>
    <row r="698557" spans="14:14">
      <c r="N698557" s="10"/>
    </row>
    <row r="698558" spans="14:14">
      <c r="N698558" s="10"/>
    </row>
    <row r="698559" spans="14:14">
      <c r="N698559" s="10"/>
    </row>
    <row r="698560" spans="14:14">
      <c r="N698560" s="10"/>
    </row>
    <row r="698561" spans="14:14">
      <c r="N698561" s="10"/>
    </row>
    <row r="698562" spans="14:14">
      <c r="N698562" s="10"/>
    </row>
    <row r="698563" spans="14:14">
      <c r="N698563" s="10"/>
    </row>
    <row r="698564" spans="14:14">
      <c r="N698564" s="10"/>
    </row>
    <row r="698565" spans="14:14">
      <c r="N698565" s="10"/>
    </row>
    <row r="698566" spans="14:14">
      <c r="N698566" s="10"/>
    </row>
    <row r="698567" spans="14:14">
      <c r="N698567" s="10"/>
    </row>
    <row r="698568" spans="14:14">
      <c r="N698568" s="10"/>
    </row>
    <row r="698569" spans="14:14">
      <c r="N698569" s="10"/>
    </row>
    <row r="698570" spans="14:14">
      <c r="N698570" s="10"/>
    </row>
    <row r="698571" spans="14:14">
      <c r="N698571" s="10"/>
    </row>
    <row r="698572" spans="14:14">
      <c r="N698572" s="10"/>
    </row>
    <row r="698573" spans="14:14">
      <c r="N698573" s="10"/>
    </row>
    <row r="698574" spans="14:14">
      <c r="N698574" s="10"/>
    </row>
    <row r="698575" spans="14:14">
      <c r="N698575" s="10"/>
    </row>
    <row r="698576" spans="14:14">
      <c r="N698576" s="10"/>
    </row>
    <row r="698577" spans="14:14">
      <c r="N698577" s="10"/>
    </row>
    <row r="698578" spans="14:14">
      <c r="N698578" s="10"/>
    </row>
    <row r="698579" spans="14:14">
      <c r="N698579" s="10"/>
    </row>
    <row r="698580" spans="14:14">
      <c r="N698580" s="10"/>
    </row>
    <row r="698581" spans="14:14">
      <c r="N698581" s="10"/>
    </row>
    <row r="698582" spans="14:14">
      <c r="N698582" s="10"/>
    </row>
    <row r="698583" spans="14:14">
      <c r="N698583" s="10"/>
    </row>
    <row r="698584" spans="14:14">
      <c r="N698584" s="10"/>
    </row>
    <row r="698585" spans="14:14">
      <c r="N698585" s="10"/>
    </row>
    <row r="698586" spans="14:14">
      <c r="N698586" s="10"/>
    </row>
    <row r="698587" spans="14:14">
      <c r="N698587" s="10"/>
    </row>
    <row r="698588" spans="14:14">
      <c r="N698588" s="10"/>
    </row>
    <row r="698589" spans="14:14">
      <c r="N698589" s="10"/>
    </row>
    <row r="698590" spans="14:14">
      <c r="N698590" s="10"/>
    </row>
    <row r="698591" spans="14:14">
      <c r="N698591" s="10"/>
    </row>
    <row r="698592" spans="14:14">
      <c r="N698592" s="10"/>
    </row>
    <row r="698593" spans="14:14">
      <c r="N698593" s="10"/>
    </row>
    <row r="698594" spans="14:14">
      <c r="N698594" s="10"/>
    </row>
    <row r="698595" spans="14:14">
      <c r="N698595" s="10"/>
    </row>
    <row r="698596" spans="14:14">
      <c r="N698596" s="10"/>
    </row>
    <row r="698597" spans="14:14">
      <c r="N698597" s="10"/>
    </row>
    <row r="698598" spans="14:14">
      <c r="N698598" s="10"/>
    </row>
    <row r="698599" spans="14:14">
      <c r="N698599" s="10"/>
    </row>
    <row r="698600" spans="14:14">
      <c r="N698600" s="10"/>
    </row>
    <row r="698601" spans="14:14">
      <c r="N698601" s="10"/>
    </row>
    <row r="698602" spans="14:14">
      <c r="N698602" s="10"/>
    </row>
    <row r="698603" spans="14:14">
      <c r="N698603" s="10"/>
    </row>
    <row r="698604" spans="14:14">
      <c r="N698604" s="10"/>
    </row>
    <row r="698605" spans="14:14">
      <c r="N698605" s="10"/>
    </row>
    <row r="698606" spans="14:14">
      <c r="N698606" s="10"/>
    </row>
    <row r="698607" spans="14:14">
      <c r="N698607" s="10"/>
    </row>
    <row r="698608" spans="14:14">
      <c r="N698608" s="10"/>
    </row>
    <row r="698609" spans="14:14">
      <c r="N698609" s="10"/>
    </row>
    <row r="698610" spans="14:14">
      <c r="N698610" s="10"/>
    </row>
    <row r="698611" spans="14:14">
      <c r="N698611" s="10"/>
    </row>
    <row r="698612" spans="14:14">
      <c r="N698612" s="10"/>
    </row>
    <row r="698613" spans="14:14">
      <c r="N698613" s="10"/>
    </row>
    <row r="698614" spans="14:14">
      <c r="N698614" s="10"/>
    </row>
    <row r="698615" spans="14:14">
      <c r="N698615" s="10"/>
    </row>
    <row r="698616" spans="14:14">
      <c r="N698616" s="10"/>
    </row>
    <row r="698617" spans="14:14">
      <c r="N698617" s="10"/>
    </row>
    <row r="698618" spans="14:14">
      <c r="N698618" s="10"/>
    </row>
    <row r="698619" spans="14:14">
      <c r="N698619" s="10"/>
    </row>
    <row r="698620" spans="14:14">
      <c r="N698620" s="10"/>
    </row>
    <row r="698621" spans="14:14">
      <c r="N698621" s="10"/>
    </row>
    <row r="698622" spans="14:14">
      <c r="N698622" s="10"/>
    </row>
    <row r="698623" spans="14:14">
      <c r="N698623" s="10"/>
    </row>
    <row r="698624" spans="14:14">
      <c r="N698624" s="10"/>
    </row>
    <row r="698625" spans="14:14">
      <c r="N698625" s="10"/>
    </row>
    <row r="698626" spans="14:14">
      <c r="N698626" s="10"/>
    </row>
    <row r="698627" spans="14:14">
      <c r="N698627" s="10"/>
    </row>
    <row r="698628" spans="14:14">
      <c r="N698628" s="10"/>
    </row>
    <row r="698629" spans="14:14">
      <c r="N698629" s="10"/>
    </row>
    <row r="698630" spans="14:14">
      <c r="N698630" s="10"/>
    </row>
    <row r="698631" spans="14:14">
      <c r="N698631" s="10"/>
    </row>
    <row r="698632" spans="14:14">
      <c r="N698632" s="10"/>
    </row>
    <row r="698633" spans="14:14">
      <c r="N698633" s="10"/>
    </row>
    <row r="698634" spans="14:14">
      <c r="N698634" s="10"/>
    </row>
    <row r="698635" spans="14:14">
      <c r="N698635" s="10"/>
    </row>
    <row r="698636" spans="14:14">
      <c r="N698636" s="10"/>
    </row>
    <row r="698637" spans="14:14">
      <c r="N698637" s="10"/>
    </row>
    <row r="698638" spans="14:14">
      <c r="N698638" s="10"/>
    </row>
    <row r="698639" spans="14:14">
      <c r="N698639" s="10"/>
    </row>
    <row r="698640" spans="14:14">
      <c r="N698640" s="10"/>
    </row>
    <row r="698641" spans="14:14">
      <c r="N698641" s="10"/>
    </row>
    <row r="698642" spans="14:14">
      <c r="N698642" s="10"/>
    </row>
    <row r="698643" spans="14:14">
      <c r="N698643" s="10"/>
    </row>
    <row r="698644" spans="14:14">
      <c r="N698644" s="10"/>
    </row>
    <row r="698645" spans="14:14">
      <c r="N698645" s="10"/>
    </row>
    <row r="698646" spans="14:14">
      <c r="N698646" s="10"/>
    </row>
    <row r="698647" spans="14:14">
      <c r="N698647" s="10"/>
    </row>
    <row r="698648" spans="14:14">
      <c r="N698648" s="10"/>
    </row>
    <row r="698649" spans="14:14">
      <c r="N698649" s="10"/>
    </row>
    <row r="698650" spans="14:14">
      <c r="N698650" s="10"/>
    </row>
    <row r="698651" spans="14:14">
      <c r="N698651" s="10"/>
    </row>
    <row r="698652" spans="14:14">
      <c r="N698652" s="10"/>
    </row>
    <row r="698653" spans="14:14">
      <c r="N698653" s="10"/>
    </row>
    <row r="698654" spans="14:14">
      <c r="N698654" s="10"/>
    </row>
    <row r="698655" spans="14:14">
      <c r="N698655" s="10"/>
    </row>
    <row r="698656" spans="14:14">
      <c r="N698656" s="10"/>
    </row>
    <row r="698657" spans="14:14">
      <c r="N698657" s="10"/>
    </row>
    <row r="698658" spans="14:14">
      <c r="N698658" s="10"/>
    </row>
    <row r="698659" spans="14:14">
      <c r="N698659" s="10"/>
    </row>
    <row r="698660" spans="14:14">
      <c r="N698660" s="10"/>
    </row>
    <row r="698661" spans="14:14">
      <c r="N698661" s="10"/>
    </row>
    <row r="698662" spans="14:14">
      <c r="N698662" s="10"/>
    </row>
    <row r="698663" spans="14:14">
      <c r="N698663" s="10"/>
    </row>
    <row r="698664" spans="14:14">
      <c r="N698664" s="10"/>
    </row>
    <row r="698665" spans="14:14">
      <c r="N698665" s="10"/>
    </row>
    <row r="698666" spans="14:14">
      <c r="N698666" s="10"/>
    </row>
    <row r="698667" spans="14:14">
      <c r="N698667" s="10"/>
    </row>
    <row r="698668" spans="14:14">
      <c r="N698668" s="10"/>
    </row>
    <row r="698669" spans="14:14">
      <c r="N698669" s="10"/>
    </row>
    <row r="698670" spans="14:14">
      <c r="N698670" s="10"/>
    </row>
    <row r="698671" spans="14:14">
      <c r="N698671" s="10"/>
    </row>
    <row r="698672" spans="14:14">
      <c r="N698672" s="10"/>
    </row>
    <row r="698673" spans="14:14">
      <c r="N698673" s="10"/>
    </row>
    <row r="698674" spans="14:14">
      <c r="N698674" s="10"/>
    </row>
    <row r="698675" spans="14:14">
      <c r="N698675" s="10"/>
    </row>
    <row r="698676" spans="14:14">
      <c r="N698676" s="10"/>
    </row>
    <row r="698677" spans="14:14">
      <c r="N698677" s="10"/>
    </row>
    <row r="698678" spans="14:14">
      <c r="N698678" s="10"/>
    </row>
    <row r="698679" spans="14:14">
      <c r="N698679" s="10"/>
    </row>
    <row r="698680" spans="14:14">
      <c r="N698680" s="10"/>
    </row>
    <row r="698681" spans="14:14">
      <c r="N698681" s="10"/>
    </row>
    <row r="698682" spans="14:14">
      <c r="N698682" s="10"/>
    </row>
    <row r="698683" spans="14:14">
      <c r="N698683" s="10"/>
    </row>
    <row r="698684" spans="14:14">
      <c r="N698684" s="10"/>
    </row>
    <row r="698685" spans="14:14">
      <c r="N698685" s="10"/>
    </row>
    <row r="698686" spans="14:14">
      <c r="N698686" s="10"/>
    </row>
    <row r="698687" spans="14:14">
      <c r="N698687" s="10"/>
    </row>
    <row r="698688" spans="14:14">
      <c r="N698688" s="10"/>
    </row>
    <row r="698689" spans="14:14">
      <c r="N698689" s="10"/>
    </row>
    <row r="698690" spans="14:14">
      <c r="N698690" s="10"/>
    </row>
    <row r="698691" spans="14:14">
      <c r="N698691" s="10"/>
    </row>
    <row r="698692" spans="14:14">
      <c r="N698692" s="10"/>
    </row>
    <row r="698693" spans="14:14">
      <c r="N698693" s="10"/>
    </row>
    <row r="698694" spans="14:14">
      <c r="N698694" s="10"/>
    </row>
    <row r="698695" spans="14:14">
      <c r="N698695" s="10"/>
    </row>
    <row r="698696" spans="14:14">
      <c r="N698696" s="10"/>
    </row>
    <row r="698697" spans="14:14">
      <c r="N698697" s="10"/>
    </row>
    <row r="698698" spans="14:14">
      <c r="N698698" s="10"/>
    </row>
    <row r="698699" spans="14:14">
      <c r="N698699" s="10"/>
    </row>
    <row r="698700" spans="14:14">
      <c r="N698700" s="10"/>
    </row>
    <row r="698701" spans="14:14">
      <c r="N698701" s="10"/>
    </row>
    <row r="698702" spans="14:14">
      <c r="N698702" s="10"/>
    </row>
    <row r="698703" spans="14:14">
      <c r="N698703" s="10"/>
    </row>
    <row r="698704" spans="14:14">
      <c r="N698704" s="10"/>
    </row>
    <row r="698705" spans="14:14">
      <c r="N698705" s="10"/>
    </row>
    <row r="698706" spans="14:14">
      <c r="N698706" s="10"/>
    </row>
    <row r="698707" spans="14:14">
      <c r="N698707" s="10"/>
    </row>
    <row r="698708" spans="14:14">
      <c r="N698708" s="10"/>
    </row>
    <row r="698709" spans="14:14">
      <c r="N698709" s="10"/>
    </row>
    <row r="698710" spans="14:14">
      <c r="N698710" s="10"/>
    </row>
    <row r="698711" spans="14:14">
      <c r="N698711" s="10"/>
    </row>
    <row r="698712" spans="14:14">
      <c r="N698712" s="10"/>
    </row>
    <row r="698713" spans="14:14">
      <c r="N698713" s="10"/>
    </row>
    <row r="698714" spans="14:14">
      <c r="N698714" s="10"/>
    </row>
    <row r="698715" spans="14:14">
      <c r="N698715" s="10"/>
    </row>
    <row r="698716" spans="14:14">
      <c r="N698716" s="10"/>
    </row>
    <row r="698717" spans="14:14">
      <c r="N698717" s="10"/>
    </row>
    <row r="698718" spans="14:14">
      <c r="N698718" s="10"/>
    </row>
    <row r="698719" spans="14:14">
      <c r="N698719" s="10"/>
    </row>
    <row r="698720" spans="14:14">
      <c r="N698720" s="10"/>
    </row>
    <row r="698721" spans="14:14">
      <c r="N698721" s="10"/>
    </row>
    <row r="698722" spans="14:14">
      <c r="N698722" s="10"/>
    </row>
    <row r="698723" spans="14:14">
      <c r="N698723" s="10"/>
    </row>
    <row r="698724" spans="14:14">
      <c r="N698724" s="10"/>
    </row>
    <row r="698725" spans="14:14">
      <c r="N698725" s="10"/>
    </row>
    <row r="698726" spans="14:14">
      <c r="N698726" s="10"/>
    </row>
    <row r="698727" spans="14:14">
      <c r="N698727" s="10"/>
    </row>
    <row r="698728" spans="14:14">
      <c r="N698728" s="10"/>
    </row>
    <row r="698729" spans="14:14">
      <c r="N698729" s="10"/>
    </row>
    <row r="698730" spans="14:14">
      <c r="N698730" s="10"/>
    </row>
    <row r="698731" spans="14:14">
      <c r="N698731" s="10"/>
    </row>
    <row r="698732" spans="14:14">
      <c r="N698732" s="10"/>
    </row>
    <row r="698733" spans="14:14">
      <c r="N698733" s="10"/>
    </row>
    <row r="698734" spans="14:14">
      <c r="N698734" s="10"/>
    </row>
    <row r="698735" spans="14:14">
      <c r="N698735" s="10"/>
    </row>
    <row r="698736" spans="14:14">
      <c r="N698736" s="10"/>
    </row>
    <row r="698737" spans="14:14">
      <c r="N698737" s="10"/>
    </row>
    <row r="698738" spans="14:14">
      <c r="N698738" s="10"/>
    </row>
    <row r="698739" spans="14:14">
      <c r="N698739" s="10"/>
    </row>
    <row r="698740" spans="14:14">
      <c r="N698740" s="10"/>
    </row>
    <row r="698741" spans="14:14">
      <c r="N698741" s="10"/>
    </row>
    <row r="698742" spans="14:14">
      <c r="N698742" s="10"/>
    </row>
    <row r="698743" spans="14:14">
      <c r="N698743" s="10"/>
    </row>
    <row r="698744" spans="14:14">
      <c r="N698744" s="10"/>
    </row>
    <row r="698745" spans="14:14">
      <c r="N698745" s="10"/>
    </row>
    <row r="698746" spans="14:14">
      <c r="N698746" s="10"/>
    </row>
    <row r="698747" spans="14:14">
      <c r="N698747" s="10"/>
    </row>
    <row r="698748" spans="14:14">
      <c r="N698748" s="10"/>
    </row>
    <row r="698749" spans="14:14">
      <c r="N698749" s="10"/>
    </row>
    <row r="698750" spans="14:14">
      <c r="N698750" s="10"/>
    </row>
    <row r="698751" spans="14:14">
      <c r="N698751" s="10"/>
    </row>
    <row r="698752" spans="14:14">
      <c r="N698752" s="10"/>
    </row>
    <row r="698753" spans="14:14">
      <c r="N698753" s="10"/>
    </row>
    <row r="698754" spans="14:14">
      <c r="N698754" s="10"/>
    </row>
    <row r="698755" spans="14:14">
      <c r="N698755" s="10"/>
    </row>
    <row r="698756" spans="14:14">
      <c r="N698756" s="10"/>
    </row>
    <row r="698757" spans="14:14">
      <c r="N698757" s="10"/>
    </row>
    <row r="698758" spans="14:14">
      <c r="N698758" s="10"/>
    </row>
    <row r="698759" spans="14:14">
      <c r="N698759" s="10"/>
    </row>
    <row r="698760" spans="14:14">
      <c r="N698760" s="10"/>
    </row>
    <row r="698761" spans="14:14">
      <c r="N698761" s="10"/>
    </row>
    <row r="698762" spans="14:14">
      <c r="N698762" s="10"/>
    </row>
    <row r="698763" spans="14:14">
      <c r="N698763" s="10"/>
    </row>
    <row r="698764" spans="14:14">
      <c r="N698764" s="10"/>
    </row>
    <row r="698765" spans="14:14">
      <c r="N698765" s="10"/>
    </row>
    <row r="698766" spans="14:14">
      <c r="N698766" s="10"/>
    </row>
    <row r="698767" spans="14:14">
      <c r="N698767" s="10"/>
    </row>
    <row r="698768" spans="14:14">
      <c r="N698768" s="10"/>
    </row>
    <row r="698769" spans="14:14">
      <c r="N698769" s="10"/>
    </row>
    <row r="698770" spans="14:14">
      <c r="N698770" s="10"/>
    </row>
    <row r="698771" spans="14:14">
      <c r="N698771" s="10"/>
    </row>
    <row r="698772" spans="14:14">
      <c r="N698772" s="10"/>
    </row>
    <row r="698773" spans="14:14">
      <c r="N698773" s="10"/>
    </row>
    <row r="698774" spans="14:14">
      <c r="N698774" s="10"/>
    </row>
    <row r="698775" spans="14:14">
      <c r="N698775" s="10"/>
    </row>
    <row r="698776" spans="14:14">
      <c r="N698776" s="10"/>
    </row>
    <row r="698777" spans="14:14">
      <c r="N698777" s="10"/>
    </row>
    <row r="698778" spans="14:14">
      <c r="N698778" s="10"/>
    </row>
    <row r="698779" spans="14:14">
      <c r="N698779" s="10"/>
    </row>
    <row r="698780" spans="14:14">
      <c r="N698780" s="10"/>
    </row>
    <row r="698781" spans="14:14">
      <c r="N698781" s="10"/>
    </row>
    <row r="698782" spans="14:14">
      <c r="N698782" s="10"/>
    </row>
    <row r="698783" spans="14:14">
      <c r="N698783" s="10"/>
    </row>
    <row r="698784" spans="14:14">
      <c r="N698784" s="10"/>
    </row>
    <row r="698785" spans="14:14">
      <c r="N698785" s="10"/>
    </row>
    <row r="698786" spans="14:14">
      <c r="N698786" s="10"/>
    </row>
    <row r="698787" spans="14:14">
      <c r="N698787" s="10"/>
    </row>
    <row r="698788" spans="14:14">
      <c r="N698788" s="10"/>
    </row>
    <row r="698789" spans="14:14">
      <c r="N698789" s="10"/>
    </row>
    <row r="698790" spans="14:14">
      <c r="N698790" s="10"/>
    </row>
    <row r="698791" spans="14:14">
      <c r="N698791" s="10"/>
    </row>
    <row r="698792" spans="14:14">
      <c r="N698792" s="10"/>
    </row>
    <row r="698793" spans="14:14">
      <c r="N698793" s="10"/>
    </row>
    <row r="698794" spans="14:14">
      <c r="N698794" s="10"/>
    </row>
    <row r="698795" spans="14:14">
      <c r="N698795" s="10"/>
    </row>
    <row r="698796" spans="14:14">
      <c r="N698796" s="10"/>
    </row>
    <row r="698797" spans="14:14">
      <c r="N698797" s="10"/>
    </row>
    <row r="698798" spans="14:14">
      <c r="N698798" s="10"/>
    </row>
    <row r="698799" spans="14:14">
      <c r="N698799" s="10"/>
    </row>
    <row r="698800" spans="14:14">
      <c r="N698800" s="10"/>
    </row>
    <row r="698801" spans="14:14">
      <c r="N698801" s="10"/>
    </row>
    <row r="698802" spans="14:14">
      <c r="N698802" s="10"/>
    </row>
    <row r="698803" spans="14:14">
      <c r="N698803" s="10"/>
    </row>
    <row r="698804" spans="14:14">
      <c r="N698804" s="10"/>
    </row>
    <row r="698805" spans="14:14">
      <c r="N698805" s="10"/>
    </row>
    <row r="698806" spans="14:14">
      <c r="N698806" s="10"/>
    </row>
    <row r="698807" spans="14:14">
      <c r="N698807" s="10"/>
    </row>
    <row r="698808" spans="14:14">
      <c r="N698808" s="10"/>
    </row>
    <row r="698809" spans="14:14">
      <c r="N698809" s="10"/>
    </row>
    <row r="698810" spans="14:14">
      <c r="N698810" s="10"/>
    </row>
    <row r="698811" spans="14:14">
      <c r="N698811" s="10"/>
    </row>
    <row r="698812" spans="14:14">
      <c r="N698812" s="10"/>
    </row>
    <row r="698813" spans="14:14">
      <c r="N698813" s="10"/>
    </row>
    <row r="698814" spans="14:14">
      <c r="N698814" s="10"/>
    </row>
    <row r="698815" spans="14:14">
      <c r="N698815" s="10"/>
    </row>
    <row r="698816" spans="14:14">
      <c r="N698816" s="10"/>
    </row>
    <row r="698817" spans="14:14">
      <c r="N698817" s="10"/>
    </row>
    <row r="698818" spans="14:14">
      <c r="N698818" s="10"/>
    </row>
    <row r="698819" spans="14:14">
      <c r="N698819" s="10"/>
    </row>
    <row r="698820" spans="14:14">
      <c r="N698820" s="10"/>
    </row>
    <row r="698821" spans="14:14">
      <c r="N698821" s="10"/>
    </row>
    <row r="698822" spans="14:14">
      <c r="N698822" s="10"/>
    </row>
    <row r="698823" spans="14:14">
      <c r="N698823" s="10"/>
    </row>
    <row r="698824" spans="14:14">
      <c r="N698824" s="10"/>
    </row>
    <row r="698825" spans="14:14">
      <c r="N698825" s="10"/>
    </row>
    <row r="698826" spans="14:14">
      <c r="N698826" s="10"/>
    </row>
    <row r="698827" spans="14:14">
      <c r="N698827" s="10"/>
    </row>
    <row r="698828" spans="14:14">
      <c r="N698828" s="10"/>
    </row>
    <row r="698829" spans="14:14">
      <c r="N698829" s="10"/>
    </row>
    <row r="698830" spans="14:14">
      <c r="N698830" s="10"/>
    </row>
    <row r="698831" spans="14:14">
      <c r="N698831" s="10"/>
    </row>
    <row r="698832" spans="14:14">
      <c r="N698832" s="10"/>
    </row>
    <row r="698833" spans="14:14">
      <c r="N698833" s="10"/>
    </row>
    <row r="698834" spans="14:14">
      <c r="N698834" s="10"/>
    </row>
    <row r="698835" spans="14:14">
      <c r="N698835" s="10"/>
    </row>
    <row r="698836" spans="14:14">
      <c r="N698836" s="10"/>
    </row>
    <row r="698837" spans="14:14">
      <c r="N698837" s="10"/>
    </row>
    <row r="698838" spans="14:14">
      <c r="N698838" s="10"/>
    </row>
    <row r="698839" spans="14:14">
      <c r="N698839" s="10"/>
    </row>
    <row r="698840" spans="14:14">
      <c r="N698840" s="10"/>
    </row>
    <row r="698841" spans="14:14">
      <c r="N698841" s="10"/>
    </row>
    <row r="698842" spans="14:14">
      <c r="N698842" s="10"/>
    </row>
    <row r="698843" spans="14:14">
      <c r="N698843" s="10"/>
    </row>
    <row r="698844" spans="14:14">
      <c r="N698844" s="10"/>
    </row>
    <row r="698845" spans="14:14">
      <c r="N698845" s="10"/>
    </row>
    <row r="698846" spans="14:14">
      <c r="N698846" s="10"/>
    </row>
    <row r="698847" spans="14:14">
      <c r="N698847" s="10"/>
    </row>
    <row r="698848" spans="14:14">
      <c r="N698848" s="10"/>
    </row>
    <row r="698849" spans="14:14">
      <c r="N698849" s="10"/>
    </row>
    <row r="698850" spans="14:14">
      <c r="N698850" s="10"/>
    </row>
    <row r="698851" spans="14:14">
      <c r="N698851" s="10"/>
    </row>
    <row r="698852" spans="14:14">
      <c r="N698852" s="10"/>
    </row>
    <row r="698853" spans="14:14">
      <c r="N698853" s="10"/>
    </row>
    <row r="698854" spans="14:14">
      <c r="N698854" s="10"/>
    </row>
    <row r="698855" spans="14:14">
      <c r="N698855" s="10"/>
    </row>
    <row r="698856" spans="14:14">
      <c r="N698856" s="10"/>
    </row>
    <row r="698857" spans="14:14">
      <c r="N698857" s="10"/>
    </row>
    <row r="698858" spans="14:14">
      <c r="N698858" s="10"/>
    </row>
    <row r="698859" spans="14:14">
      <c r="N698859" s="10"/>
    </row>
    <row r="698860" spans="14:14">
      <c r="N698860" s="10"/>
    </row>
    <row r="698861" spans="14:14">
      <c r="N698861" s="10"/>
    </row>
    <row r="698862" spans="14:14">
      <c r="N698862" s="10"/>
    </row>
    <row r="698863" spans="14:14">
      <c r="N698863" s="10"/>
    </row>
    <row r="698864" spans="14:14">
      <c r="N698864" s="10"/>
    </row>
    <row r="698865" spans="14:14">
      <c r="N698865" s="10"/>
    </row>
    <row r="698866" spans="14:14">
      <c r="N698866" s="10"/>
    </row>
    <row r="698867" spans="14:14">
      <c r="N698867" s="10"/>
    </row>
    <row r="698868" spans="14:14">
      <c r="N698868" s="10"/>
    </row>
    <row r="698869" spans="14:14">
      <c r="N698869" s="10"/>
    </row>
    <row r="698870" spans="14:14">
      <c r="N698870" s="10"/>
    </row>
    <row r="698871" spans="14:14">
      <c r="N698871" s="10"/>
    </row>
    <row r="698872" spans="14:14">
      <c r="N698872" s="10"/>
    </row>
    <row r="698873" spans="14:14">
      <c r="N698873" s="10"/>
    </row>
    <row r="698874" spans="14:14">
      <c r="N698874" s="10"/>
    </row>
    <row r="698875" spans="14:14">
      <c r="N698875" s="10"/>
    </row>
    <row r="698876" spans="14:14">
      <c r="N698876" s="10"/>
    </row>
    <row r="698877" spans="14:14">
      <c r="N698877" s="10"/>
    </row>
    <row r="698878" spans="14:14">
      <c r="N698878" s="10"/>
    </row>
    <row r="698879" spans="14:14">
      <c r="N698879" s="10"/>
    </row>
    <row r="698880" spans="14:14">
      <c r="N698880" s="10"/>
    </row>
    <row r="698881" spans="14:14">
      <c r="N698881" s="10"/>
    </row>
    <row r="698882" spans="14:14">
      <c r="N698882" s="10"/>
    </row>
    <row r="698883" spans="14:14">
      <c r="N698883" s="10"/>
    </row>
    <row r="698884" spans="14:14">
      <c r="N698884" s="10"/>
    </row>
    <row r="698885" spans="14:14">
      <c r="N698885" s="10"/>
    </row>
    <row r="698886" spans="14:14">
      <c r="N698886" s="10"/>
    </row>
    <row r="698887" spans="14:14">
      <c r="N698887" s="10"/>
    </row>
    <row r="698888" spans="14:14">
      <c r="N698888" s="10"/>
    </row>
    <row r="698889" spans="14:14">
      <c r="N698889" s="10"/>
    </row>
    <row r="698890" spans="14:14">
      <c r="N698890" s="10"/>
    </row>
    <row r="698891" spans="14:14">
      <c r="N698891" s="10"/>
    </row>
    <row r="698892" spans="14:14">
      <c r="N698892" s="10"/>
    </row>
    <row r="698893" spans="14:14">
      <c r="N698893" s="10"/>
    </row>
    <row r="698894" spans="14:14">
      <c r="N698894" s="10"/>
    </row>
    <row r="698895" spans="14:14">
      <c r="N698895" s="10"/>
    </row>
    <row r="698896" spans="14:14">
      <c r="N698896" s="10"/>
    </row>
    <row r="698897" spans="14:14">
      <c r="N698897" s="10"/>
    </row>
    <row r="698898" spans="14:14">
      <c r="N698898" s="10"/>
    </row>
    <row r="698899" spans="14:14">
      <c r="N698899" s="10"/>
    </row>
    <row r="698900" spans="14:14">
      <c r="N698900" s="10"/>
    </row>
    <row r="698901" spans="14:14">
      <c r="N698901" s="10"/>
    </row>
    <row r="698902" spans="14:14">
      <c r="N698902" s="10"/>
    </row>
    <row r="698903" spans="14:14">
      <c r="N698903" s="10"/>
    </row>
    <row r="698904" spans="14:14">
      <c r="N698904" s="10"/>
    </row>
    <row r="698905" spans="14:14">
      <c r="N698905" s="10"/>
    </row>
    <row r="698906" spans="14:14">
      <c r="N698906" s="10"/>
    </row>
    <row r="698907" spans="14:14">
      <c r="N698907" s="10"/>
    </row>
    <row r="698908" spans="14:14">
      <c r="N698908" s="10"/>
    </row>
    <row r="698909" spans="14:14">
      <c r="N698909" s="10"/>
    </row>
    <row r="698910" spans="14:14">
      <c r="N698910" s="10"/>
    </row>
    <row r="698911" spans="14:14">
      <c r="N698911" s="10"/>
    </row>
    <row r="698912" spans="14:14">
      <c r="N698912" s="10"/>
    </row>
    <row r="698913" spans="14:14">
      <c r="N698913" s="10"/>
    </row>
    <row r="698914" spans="14:14">
      <c r="N698914" s="10"/>
    </row>
    <row r="698915" spans="14:14">
      <c r="N698915" s="10"/>
    </row>
    <row r="698916" spans="14:14">
      <c r="N698916" s="10"/>
    </row>
    <row r="698917" spans="14:14">
      <c r="N698917" s="10"/>
    </row>
    <row r="698918" spans="14:14">
      <c r="N698918" s="10"/>
    </row>
    <row r="698919" spans="14:14">
      <c r="N698919" s="10"/>
    </row>
    <row r="698920" spans="14:14">
      <c r="N698920" s="10"/>
    </row>
    <row r="698921" spans="14:14">
      <c r="N698921" s="10"/>
    </row>
    <row r="698922" spans="14:14">
      <c r="N698922" s="10"/>
    </row>
    <row r="698923" spans="14:14">
      <c r="N698923" s="10"/>
    </row>
    <row r="698924" spans="14:14">
      <c r="N698924" s="10"/>
    </row>
    <row r="698925" spans="14:14">
      <c r="N698925" s="10"/>
    </row>
    <row r="698926" spans="14:14">
      <c r="N698926" s="10"/>
    </row>
    <row r="698927" spans="14:14">
      <c r="N698927" s="10"/>
    </row>
    <row r="698928" spans="14:14">
      <c r="N698928" s="10"/>
    </row>
    <row r="698929" spans="14:14">
      <c r="N698929" s="10"/>
    </row>
    <row r="698930" spans="14:14">
      <c r="N698930" s="10"/>
    </row>
    <row r="698931" spans="14:14">
      <c r="N698931" s="10"/>
    </row>
    <row r="698932" spans="14:14">
      <c r="N698932" s="10"/>
    </row>
    <row r="698933" spans="14:14">
      <c r="N698933" s="10"/>
    </row>
    <row r="698934" spans="14:14">
      <c r="N698934" s="10"/>
    </row>
    <row r="698935" spans="14:14">
      <c r="N698935" s="10"/>
    </row>
    <row r="698936" spans="14:14">
      <c r="N698936" s="10"/>
    </row>
    <row r="698937" spans="14:14">
      <c r="N698937" s="10"/>
    </row>
    <row r="698938" spans="14:14">
      <c r="N698938" s="10"/>
    </row>
    <row r="698939" spans="14:14">
      <c r="N698939" s="10"/>
    </row>
    <row r="698940" spans="14:14">
      <c r="N698940" s="10"/>
    </row>
    <row r="698941" spans="14:14">
      <c r="N698941" s="10"/>
    </row>
    <row r="698942" spans="14:14">
      <c r="N698942" s="10"/>
    </row>
    <row r="698943" spans="14:14">
      <c r="N698943" s="10"/>
    </row>
    <row r="698944" spans="14:14">
      <c r="N698944" s="10"/>
    </row>
    <row r="698945" spans="14:14">
      <c r="N698945" s="10"/>
    </row>
    <row r="698946" spans="14:14">
      <c r="N698946" s="10"/>
    </row>
    <row r="698947" spans="14:14">
      <c r="N698947" s="10"/>
    </row>
    <row r="698948" spans="14:14">
      <c r="N698948" s="10"/>
    </row>
    <row r="698949" spans="14:14">
      <c r="N698949" s="10"/>
    </row>
    <row r="698950" spans="14:14">
      <c r="N698950" s="10"/>
    </row>
    <row r="698951" spans="14:14">
      <c r="N698951" s="10"/>
    </row>
    <row r="698952" spans="14:14">
      <c r="N698952" s="10"/>
    </row>
    <row r="698953" spans="14:14">
      <c r="N698953" s="10"/>
    </row>
    <row r="698954" spans="14:14">
      <c r="N698954" s="10"/>
    </row>
    <row r="698955" spans="14:14">
      <c r="N698955" s="10"/>
    </row>
    <row r="698956" spans="14:14">
      <c r="N698956" s="10"/>
    </row>
    <row r="698957" spans="14:14">
      <c r="N698957" s="10"/>
    </row>
    <row r="698958" spans="14:14">
      <c r="N698958" s="10"/>
    </row>
    <row r="698959" spans="14:14">
      <c r="N698959" s="10"/>
    </row>
    <row r="698960" spans="14:14">
      <c r="N698960" s="10"/>
    </row>
    <row r="698961" spans="14:14">
      <c r="N698961" s="10"/>
    </row>
    <row r="698962" spans="14:14">
      <c r="N698962" s="10"/>
    </row>
    <row r="698963" spans="14:14">
      <c r="N698963" s="10"/>
    </row>
    <row r="698964" spans="14:14">
      <c r="N698964" s="10"/>
    </row>
    <row r="698965" spans="14:14">
      <c r="N698965" s="10"/>
    </row>
    <row r="698966" spans="14:14">
      <c r="N698966" s="10"/>
    </row>
    <row r="698967" spans="14:14">
      <c r="N698967" s="10"/>
    </row>
    <row r="698968" spans="14:14">
      <c r="N698968" s="10"/>
    </row>
    <row r="698969" spans="14:14">
      <c r="N698969" s="10"/>
    </row>
    <row r="698970" spans="14:14">
      <c r="N698970" s="10"/>
    </row>
    <row r="698971" spans="14:14">
      <c r="N698971" s="10"/>
    </row>
    <row r="698972" spans="14:14">
      <c r="N698972" s="10"/>
    </row>
    <row r="698973" spans="14:14">
      <c r="N698973" s="10"/>
    </row>
    <row r="698974" spans="14:14">
      <c r="N698974" s="10"/>
    </row>
    <row r="698975" spans="14:14">
      <c r="N698975" s="10"/>
    </row>
    <row r="698976" spans="14:14">
      <c r="N698976" s="10"/>
    </row>
    <row r="698977" spans="14:14">
      <c r="N698977" s="10"/>
    </row>
    <row r="698978" spans="14:14">
      <c r="N698978" s="10"/>
    </row>
    <row r="698979" spans="14:14">
      <c r="N698979" s="10"/>
    </row>
    <row r="698980" spans="14:14">
      <c r="N698980" s="10"/>
    </row>
    <row r="698981" spans="14:14">
      <c r="N698981" s="10"/>
    </row>
    <row r="698982" spans="14:14">
      <c r="N698982" s="10"/>
    </row>
    <row r="698983" spans="14:14">
      <c r="N698983" s="10"/>
    </row>
    <row r="698984" spans="14:14">
      <c r="N698984" s="10"/>
    </row>
    <row r="698985" spans="14:14">
      <c r="N698985" s="10"/>
    </row>
    <row r="698986" spans="14:14">
      <c r="N698986" s="10"/>
    </row>
    <row r="698987" spans="14:14">
      <c r="N698987" s="10"/>
    </row>
    <row r="698988" spans="14:14">
      <c r="N698988" s="10"/>
    </row>
    <row r="698989" spans="14:14">
      <c r="N698989" s="10"/>
    </row>
    <row r="698990" spans="14:14">
      <c r="N698990" s="10"/>
    </row>
    <row r="698991" spans="14:14">
      <c r="N698991" s="10"/>
    </row>
    <row r="698992" spans="14:14">
      <c r="N698992" s="10"/>
    </row>
    <row r="698993" spans="14:14">
      <c r="N698993" s="10"/>
    </row>
    <row r="698994" spans="14:14">
      <c r="N698994" s="10"/>
    </row>
    <row r="698995" spans="14:14">
      <c r="N698995" s="10"/>
    </row>
    <row r="698996" spans="14:14">
      <c r="N698996" s="10"/>
    </row>
    <row r="698997" spans="14:14">
      <c r="N698997" s="10"/>
    </row>
    <row r="698998" spans="14:14">
      <c r="N698998" s="10"/>
    </row>
    <row r="698999" spans="14:14">
      <c r="N698999" s="10"/>
    </row>
    <row r="699000" spans="14:14">
      <c r="N699000" s="10"/>
    </row>
    <row r="699001" spans="14:14">
      <c r="N699001" s="10"/>
    </row>
    <row r="699002" spans="14:14">
      <c r="N699002" s="10"/>
    </row>
    <row r="699003" spans="14:14">
      <c r="N699003" s="10"/>
    </row>
    <row r="699004" spans="14:14">
      <c r="N699004" s="10"/>
    </row>
    <row r="699005" spans="14:14">
      <c r="N699005" s="10"/>
    </row>
    <row r="699006" spans="14:14">
      <c r="N699006" s="10"/>
    </row>
    <row r="699007" spans="14:14">
      <c r="N699007" s="10"/>
    </row>
    <row r="699008" spans="14:14">
      <c r="N699008" s="10"/>
    </row>
    <row r="699009" spans="14:14">
      <c r="N699009" s="10"/>
    </row>
    <row r="699010" spans="14:14">
      <c r="N699010" s="10"/>
    </row>
    <row r="699011" spans="14:14">
      <c r="N699011" s="10"/>
    </row>
    <row r="699012" spans="14:14">
      <c r="N699012" s="10"/>
    </row>
    <row r="699013" spans="14:14">
      <c r="N699013" s="10"/>
    </row>
    <row r="699014" spans="14:14">
      <c r="N699014" s="10"/>
    </row>
    <row r="699015" spans="14:14">
      <c r="N699015" s="10"/>
    </row>
    <row r="699016" spans="14:14">
      <c r="N699016" s="10"/>
    </row>
    <row r="699017" spans="14:14">
      <c r="N699017" s="10"/>
    </row>
    <row r="699018" spans="14:14">
      <c r="N699018" s="10"/>
    </row>
    <row r="699019" spans="14:14">
      <c r="N699019" s="10"/>
    </row>
    <row r="699020" spans="14:14">
      <c r="N699020" s="10"/>
    </row>
    <row r="699021" spans="14:14">
      <c r="N699021" s="10"/>
    </row>
    <row r="699022" spans="14:14">
      <c r="N699022" s="10"/>
    </row>
    <row r="699023" spans="14:14">
      <c r="N699023" s="10"/>
    </row>
    <row r="699024" spans="14:14">
      <c r="N699024" s="10"/>
    </row>
    <row r="699025" spans="14:14">
      <c r="N699025" s="10"/>
    </row>
    <row r="699026" spans="14:14">
      <c r="N699026" s="10"/>
    </row>
    <row r="699027" spans="14:14">
      <c r="N699027" s="10"/>
    </row>
    <row r="699028" spans="14:14">
      <c r="N699028" s="10"/>
    </row>
    <row r="699029" spans="14:14">
      <c r="N699029" s="10"/>
    </row>
    <row r="699030" spans="14:14">
      <c r="N699030" s="10"/>
    </row>
    <row r="699031" spans="14:14">
      <c r="N699031" s="10"/>
    </row>
    <row r="699032" spans="14:14">
      <c r="N699032" s="10"/>
    </row>
    <row r="699033" spans="14:14">
      <c r="N699033" s="10"/>
    </row>
    <row r="699034" spans="14:14">
      <c r="N699034" s="10"/>
    </row>
    <row r="699035" spans="14:14">
      <c r="N699035" s="10"/>
    </row>
    <row r="699036" spans="14:14">
      <c r="N699036" s="10"/>
    </row>
    <row r="699037" spans="14:14">
      <c r="N699037" s="10"/>
    </row>
    <row r="699038" spans="14:14">
      <c r="N699038" s="10"/>
    </row>
    <row r="699039" spans="14:14">
      <c r="N699039" s="10"/>
    </row>
    <row r="699040" spans="14:14">
      <c r="N699040" s="10"/>
    </row>
    <row r="699041" spans="14:14">
      <c r="N699041" s="10"/>
    </row>
    <row r="699042" spans="14:14">
      <c r="N699042" s="10"/>
    </row>
    <row r="699043" spans="14:14">
      <c r="N699043" s="10"/>
    </row>
    <row r="699044" spans="14:14">
      <c r="N699044" s="10"/>
    </row>
    <row r="699045" spans="14:14">
      <c r="N699045" s="10"/>
    </row>
    <row r="699046" spans="14:14">
      <c r="N699046" s="10"/>
    </row>
    <row r="699047" spans="14:14">
      <c r="N699047" s="10"/>
    </row>
    <row r="699048" spans="14:14">
      <c r="N699048" s="10"/>
    </row>
    <row r="699049" spans="14:14">
      <c r="N699049" s="10"/>
    </row>
    <row r="699050" spans="14:14">
      <c r="N699050" s="10"/>
    </row>
    <row r="699051" spans="14:14">
      <c r="N699051" s="10"/>
    </row>
    <row r="699052" spans="14:14">
      <c r="N699052" s="10"/>
    </row>
    <row r="699053" spans="14:14">
      <c r="N699053" s="10"/>
    </row>
    <row r="699054" spans="14:14">
      <c r="N699054" s="10"/>
    </row>
    <row r="699055" spans="14:14">
      <c r="N699055" s="10"/>
    </row>
    <row r="699056" spans="14:14">
      <c r="N699056" s="10"/>
    </row>
    <row r="699057" spans="14:14">
      <c r="N699057" s="10"/>
    </row>
    <row r="699058" spans="14:14">
      <c r="N699058" s="10"/>
    </row>
    <row r="699059" spans="14:14">
      <c r="N699059" s="10"/>
    </row>
    <row r="699060" spans="14:14">
      <c r="N699060" s="10"/>
    </row>
    <row r="699061" spans="14:14">
      <c r="N699061" s="10"/>
    </row>
    <row r="699062" spans="14:14">
      <c r="N699062" s="10"/>
    </row>
    <row r="699063" spans="14:14">
      <c r="N699063" s="10"/>
    </row>
    <row r="699064" spans="14:14">
      <c r="N699064" s="10"/>
    </row>
    <row r="699065" spans="14:14">
      <c r="N699065" s="10"/>
    </row>
    <row r="699066" spans="14:14">
      <c r="N699066" s="10"/>
    </row>
    <row r="699067" spans="14:14">
      <c r="N699067" s="10"/>
    </row>
    <row r="699068" spans="14:14">
      <c r="N699068" s="10"/>
    </row>
    <row r="699069" spans="14:14">
      <c r="N699069" s="10"/>
    </row>
    <row r="699070" spans="14:14">
      <c r="N699070" s="10"/>
    </row>
    <row r="699071" spans="14:14">
      <c r="N699071" s="10"/>
    </row>
    <row r="699072" spans="14:14">
      <c r="N699072" s="10"/>
    </row>
    <row r="699073" spans="14:14">
      <c r="N699073" s="10"/>
    </row>
    <row r="699074" spans="14:14">
      <c r="N699074" s="10"/>
    </row>
    <row r="699075" spans="14:14">
      <c r="N699075" s="10"/>
    </row>
    <row r="699076" spans="14:14">
      <c r="N699076" s="10"/>
    </row>
    <row r="699077" spans="14:14">
      <c r="N699077" s="10"/>
    </row>
    <row r="699078" spans="14:14">
      <c r="N699078" s="10"/>
    </row>
    <row r="699079" spans="14:14">
      <c r="N699079" s="10"/>
    </row>
    <row r="699080" spans="14:14">
      <c r="N699080" s="10"/>
    </row>
    <row r="699081" spans="14:14">
      <c r="N699081" s="10"/>
    </row>
    <row r="699082" spans="14:14">
      <c r="N699082" s="10"/>
    </row>
    <row r="699083" spans="14:14">
      <c r="N699083" s="10"/>
    </row>
    <row r="699084" spans="14:14">
      <c r="N699084" s="10"/>
    </row>
    <row r="699085" spans="14:14">
      <c r="N699085" s="10"/>
    </row>
    <row r="699086" spans="14:14">
      <c r="N699086" s="10"/>
    </row>
    <row r="699087" spans="14:14">
      <c r="N699087" s="10"/>
    </row>
    <row r="699088" spans="14:14">
      <c r="N699088" s="10"/>
    </row>
    <row r="699089" spans="14:14">
      <c r="N699089" s="10"/>
    </row>
    <row r="699090" spans="14:14">
      <c r="N699090" s="10"/>
    </row>
    <row r="699091" spans="14:14">
      <c r="N699091" s="10"/>
    </row>
    <row r="699092" spans="14:14">
      <c r="N699092" s="10"/>
    </row>
    <row r="699093" spans="14:14">
      <c r="N699093" s="10"/>
    </row>
    <row r="699094" spans="14:14">
      <c r="N699094" s="10"/>
    </row>
    <row r="699095" spans="14:14">
      <c r="N699095" s="10"/>
    </row>
    <row r="699096" spans="14:14">
      <c r="N699096" s="10"/>
    </row>
    <row r="699097" spans="14:14">
      <c r="N699097" s="10"/>
    </row>
    <row r="699098" spans="14:14">
      <c r="N699098" s="10"/>
    </row>
    <row r="699099" spans="14:14">
      <c r="N699099" s="10"/>
    </row>
    <row r="699100" spans="14:14">
      <c r="N699100" s="10"/>
    </row>
    <row r="699101" spans="14:14">
      <c r="N699101" s="10"/>
    </row>
    <row r="699102" spans="14:14">
      <c r="N699102" s="10"/>
    </row>
    <row r="699103" spans="14:14">
      <c r="N699103" s="10"/>
    </row>
    <row r="699104" spans="14:14">
      <c r="N699104" s="10"/>
    </row>
    <row r="699105" spans="14:14">
      <c r="N699105" s="10"/>
    </row>
    <row r="699106" spans="14:14">
      <c r="N699106" s="10"/>
    </row>
    <row r="699107" spans="14:14">
      <c r="N699107" s="10"/>
    </row>
    <row r="699108" spans="14:14">
      <c r="N699108" s="10"/>
    </row>
    <row r="699109" spans="14:14">
      <c r="N699109" s="10"/>
    </row>
    <row r="699110" spans="14:14">
      <c r="N699110" s="10"/>
    </row>
    <row r="699111" spans="14:14">
      <c r="N699111" s="10"/>
    </row>
    <row r="699112" spans="14:14">
      <c r="N699112" s="10"/>
    </row>
    <row r="699113" spans="14:14">
      <c r="N699113" s="10"/>
    </row>
    <row r="699114" spans="14:14">
      <c r="N699114" s="10"/>
    </row>
    <row r="699115" spans="14:14">
      <c r="N699115" s="10"/>
    </row>
    <row r="699116" spans="14:14">
      <c r="N699116" s="10"/>
    </row>
    <row r="699117" spans="14:14">
      <c r="N699117" s="10"/>
    </row>
    <row r="699118" spans="14:14">
      <c r="N699118" s="10"/>
    </row>
    <row r="699119" spans="14:14">
      <c r="N699119" s="10"/>
    </row>
    <row r="699120" spans="14:14">
      <c r="N699120" s="10"/>
    </row>
    <row r="699121" spans="14:14">
      <c r="N699121" s="10"/>
    </row>
    <row r="699122" spans="14:14">
      <c r="N699122" s="10"/>
    </row>
    <row r="699123" spans="14:14">
      <c r="N699123" s="10"/>
    </row>
    <row r="699124" spans="14:14">
      <c r="N699124" s="10"/>
    </row>
    <row r="699125" spans="14:14">
      <c r="N699125" s="10"/>
    </row>
    <row r="699126" spans="14:14">
      <c r="N699126" s="10"/>
    </row>
    <row r="699127" spans="14:14">
      <c r="N699127" s="10"/>
    </row>
    <row r="699128" spans="14:14">
      <c r="N699128" s="10"/>
    </row>
    <row r="699129" spans="14:14">
      <c r="N699129" s="10"/>
    </row>
    <row r="699130" spans="14:14">
      <c r="N699130" s="10"/>
    </row>
    <row r="699131" spans="14:14">
      <c r="N699131" s="10"/>
    </row>
    <row r="699132" spans="14:14">
      <c r="N699132" s="10"/>
    </row>
    <row r="699133" spans="14:14">
      <c r="N699133" s="10"/>
    </row>
    <row r="699134" spans="14:14">
      <c r="N699134" s="10"/>
    </row>
    <row r="699135" spans="14:14">
      <c r="N699135" s="10"/>
    </row>
    <row r="699136" spans="14:14">
      <c r="N699136" s="10"/>
    </row>
    <row r="699137" spans="14:14">
      <c r="N699137" s="10"/>
    </row>
    <row r="699138" spans="14:14">
      <c r="N699138" s="10"/>
    </row>
    <row r="699139" spans="14:14">
      <c r="N699139" s="10"/>
    </row>
    <row r="699140" spans="14:14">
      <c r="N699140" s="10"/>
    </row>
    <row r="699141" spans="14:14">
      <c r="N699141" s="10"/>
    </row>
    <row r="699142" spans="14:14">
      <c r="N699142" s="10"/>
    </row>
    <row r="699143" spans="14:14">
      <c r="N699143" s="10"/>
    </row>
    <row r="699144" spans="14:14">
      <c r="N699144" s="10"/>
    </row>
    <row r="699145" spans="14:14">
      <c r="N699145" s="10"/>
    </row>
    <row r="699146" spans="14:14">
      <c r="N699146" s="10"/>
    </row>
    <row r="699147" spans="14:14">
      <c r="N699147" s="10"/>
    </row>
    <row r="699148" spans="14:14">
      <c r="N699148" s="10"/>
    </row>
    <row r="699149" spans="14:14">
      <c r="N699149" s="10"/>
    </row>
    <row r="699150" spans="14:14">
      <c r="N699150" s="10"/>
    </row>
    <row r="699151" spans="14:14">
      <c r="N699151" s="10"/>
    </row>
    <row r="699152" spans="14:14">
      <c r="N699152" s="10"/>
    </row>
    <row r="699153" spans="14:14">
      <c r="N699153" s="10"/>
    </row>
    <row r="699154" spans="14:14">
      <c r="N699154" s="10"/>
    </row>
    <row r="699155" spans="14:14">
      <c r="N699155" s="10"/>
    </row>
    <row r="699156" spans="14:14">
      <c r="N699156" s="10"/>
    </row>
    <row r="699157" spans="14:14">
      <c r="N699157" s="10"/>
    </row>
    <row r="699158" spans="14:14">
      <c r="N699158" s="10"/>
    </row>
    <row r="699159" spans="14:14">
      <c r="N699159" s="10"/>
    </row>
    <row r="699160" spans="14:14">
      <c r="N699160" s="10"/>
    </row>
    <row r="699161" spans="14:14">
      <c r="N699161" s="10"/>
    </row>
    <row r="699162" spans="14:14">
      <c r="N699162" s="10"/>
    </row>
    <row r="699163" spans="14:14">
      <c r="N699163" s="10"/>
    </row>
    <row r="699164" spans="14:14">
      <c r="N699164" s="10"/>
    </row>
    <row r="699165" spans="14:14">
      <c r="N699165" s="10"/>
    </row>
    <row r="699166" spans="14:14">
      <c r="N699166" s="10"/>
    </row>
    <row r="699167" spans="14:14">
      <c r="N699167" s="10"/>
    </row>
    <row r="699168" spans="14:14">
      <c r="N699168" s="10"/>
    </row>
    <row r="699169" spans="14:14">
      <c r="N699169" s="10"/>
    </row>
    <row r="699170" spans="14:14">
      <c r="N699170" s="10"/>
    </row>
    <row r="699171" spans="14:14">
      <c r="N699171" s="10"/>
    </row>
    <row r="699172" spans="14:14">
      <c r="N699172" s="10"/>
    </row>
    <row r="699173" spans="14:14">
      <c r="N699173" s="10"/>
    </row>
    <row r="699174" spans="14:14">
      <c r="N699174" s="10"/>
    </row>
    <row r="699175" spans="14:14">
      <c r="N699175" s="10"/>
    </row>
    <row r="699176" spans="14:14">
      <c r="N699176" s="10"/>
    </row>
    <row r="699177" spans="14:14">
      <c r="N699177" s="10"/>
    </row>
    <row r="699178" spans="14:14">
      <c r="N699178" s="10"/>
    </row>
    <row r="699179" spans="14:14">
      <c r="N699179" s="10"/>
    </row>
    <row r="699180" spans="14:14">
      <c r="N699180" s="10"/>
    </row>
    <row r="699181" spans="14:14">
      <c r="N699181" s="10"/>
    </row>
    <row r="699182" spans="14:14">
      <c r="N699182" s="10"/>
    </row>
    <row r="699183" spans="14:14">
      <c r="N699183" s="10"/>
    </row>
    <row r="699184" spans="14:14">
      <c r="N699184" s="10"/>
    </row>
    <row r="699185" spans="14:14">
      <c r="N699185" s="10"/>
    </row>
    <row r="699186" spans="14:14">
      <c r="N699186" s="10"/>
    </row>
    <row r="699187" spans="14:14">
      <c r="N699187" s="10"/>
    </row>
    <row r="699188" spans="14:14">
      <c r="N699188" s="10"/>
    </row>
    <row r="699189" spans="14:14">
      <c r="N699189" s="10"/>
    </row>
    <row r="699190" spans="14:14">
      <c r="N699190" s="10"/>
    </row>
    <row r="699191" spans="14:14">
      <c r="N699191" s="10"/>
    </row>
    <row r="699192" spans="14:14">
      <c r="N699192" s="10"/>
    </row>
    <row r="699193" spans="14:14">
      <c r="N699193" s="10"/>
    </row>
    <row r="699194" spans="14:14">
      <c r="N699194" s="10"/>
    </row>
    <row r="699195" spans="14:14">
      <c r="N699195" s="10"/>
    </row>
    <row r="699196" spans="14:14">
      <c r="N699196" s="10"/>
    </row>
    <row r="699197" spans="14:14">
      <c r="N699197" s="10"/>
    </row>
    <row r="699198" spans="14:14">
      <c r="N699198" s="10"/>
    </row>
    <row r="699199" spans="14:14">
      <c r="N699199" s="10"/>
    </row>
    <row r="699200" spans="14:14">
      <c r="N699200" s="10"/>
    </row>
    <row r="699201" spans="14:14">
      <c r="N699201" s="10"/>
    </row>
    <row r="699202" spans="14:14">
      <c r="N699202" s="10"/>
    </row>
    <row r="699203" spans="14:14">
      <c r="N699203" s="10"/>
    </row>
    <row r="699204" spans="14:14">
      <c r="N699204" s="10"/>
    </row>
    <row r="699205" spans="14:14">
      <c r="N699205" s="10"/>
    </row>
    <row r="699206" spans="14:14">
      <c r="N699206" s="10"/>
    </row>
    <row r="699207" spans="14:14">
      <c r="N699207" s="10"/>
    </row>
    <row r="699208" spans="14:14">
      <c r="N699208" s="10"/>
    </row>
    <row r="699209" spans="14:14">
      <c r="N699209" s="10"/>
    </row>
    <row r="699210" spans="14:14">
      <c r="N699210" s="10"/>
    </row>
    <row r="699211" spans="14:14">
      <c r="N699211" s="10"/>
    </row>
    <row r="699212" spans="14:14">
      <c r="N699212" s="10"/>
    </row>
    <row r="699213" spans="14:14">
      <c r="N699213" s="10"/>
    </row>
    <row r="699214" spans="14:14">
      <c r="N699214" s="10"/>
    </row>
    <row r="699215" spans="14:14">
      <c r="N699215" s="10"/>
    </row>
    <row r="699216" spans="14:14">
      <c r="N699216" s="10"/>
    </row>
    <row r="699217" spans="14:14">
      <c r="N699217" s="10"/>
    </row>
    <row r="699218" spans="14:14">
      <c r="N699218" s="10"/>
    </row>
    <row r="699219" spans="14:14">
      <c r="N699219" s="10"/>
    </row>
    <row r="699220" spans="14:14">
      <c r="N699220" s="10"/>
    </row>
    <row r="699221" spans="14:14">
      <c r="N699221" s="10"/>
    </row>
    <row r="699222" spans="14:14">
      <c r="N699222" s="10"/>
    </row>
    <row r="699223" spans="14:14">
      <c r="N699223" s="10"/>
    </row>
    <row r="699224" spans="14:14">
      <c r="N699224" s="10"/>
    </row>
    <row r="699225" spans="14:14">
      <c r="N699225" s="10"/>
    </row>
    <row r="699226" spans="14:14">
      <c r="N699226" s="10"/>
    </row>
    <row r="699227" spans="14:14">
      <c r="N699227" s="10"/>
    </row>
    <row r="699228" spans="14:14">
      <c r="N699228" s="10"/>
    </row>
    <row r="699229" spans="14:14">
      <c r="N699229" s="10"/>
    </row>
    <row r="699230" spans="14:14">
      <c r="N699230" s="10"/>
    </row>
    <row r="699231" spans="14:14">
      <c r="N699231" s="10"/>
    </row>
    <row r="699232" spans="14:14">
      <c r="N699232" s="10"/>
    </row>
    <row r="699233" spans="14:14">
      <c r="N699233" s="10"/>
    </row>
    <row r="699234" spans="14:14">
      <c r="N699234" s="10"/>
    </row>
    <row r="699235" spans="14:14">
      <c r="N699235" s="10"/>
    </row>
    <row r="699236" spans="14:14">
      <c r="N699236" s="10"/>
    </row>
    <row r="699237" spans="14:14">
      <c r="N699237" s="10"/>
    </row>
    <row r="699238" spans="14:14">
      <c r="N699238" s="10"/>
    </row>
    <row r="699239" spans="14:14">
      <c r="N699239" s="10"/>
    </row>
    <row r="699240" spans="14:14">
      <c r="N699240" s="10"/>
    </row>
    <row r="699241" spans="14:14">
      <c r="N699241" s="10"/>
    </row>
    <row r="699242" spans="14:14">
      <c r="N699242" s="10"/>
    </row>
    <row r="699243" spans="14:14">
      <c r="N699243" s="10"/>
    </row>
    <row r="699244" spans="14:14">
      <c r="N699244" s="10"/>
    </row>
    <row r="699245" spans="14:14">
      <c r="N699245" s="10"/>
    </row>
    <row r="699246" spans="14:14">
      <c r="N699246" s="10"/>
    </row>
    <row r="699247" spans="14:14">
      <c r="N699247" s="10"/>
    </row>
    <row r="699248" spans="14:14">
      <c r="N699248" s="10"/>
    </row>
    <row r="699249" spans="14:14">
      <c r="N699249" s="10"/>
    </row>
    <row r="699250" spans="14:14">
      <c r="N699250" s="10"/>
    </row>
    <row r="699251" spans="14:14">
      <c r="N699251" s="10"/>
    </row>
    <row r="699252" spans="14:14">
      <c r="N699252" s="10"/>
    </row>
    <row r="699253" spans="14:14">
      <c r="N699253" s="10"/>
    </row>
    <row r="699254" spans="14:14">
      <c r="N699254" s="10"/>
    </row>
    <row r="699255" spans="14:14">
      <c r="N699255" s="10"/>
    </row>
    <row r="699256" spans="14:14">
      <c r="N699256" s="10"/>
    </row>
    <row r="699257" spans="14:14">
      <c r="N699257" s="10"/>
    </row>
    <row r="699258" spans="14:14">
      <c r="N699258" s="10"/>
    </row>
    <row r="699259" spans="14:14">
      <c r="N699259" s="10"/>
    </row>
    <row r="699260" spans="14:14">
      <c r="N699260" s="10"/>
    </row>
    <row r="699261" spans="14:14">
      <c r="N699261" s="10"/>
    </row>
    <row r="699262" spans="14:14">
      <c r="N699262" s="10"/>
    </row>
    <row r="699263" spans="14:14">
      <c r="N699263" s="10"/>
    </row>
    <row r="699264" spans="14:14">
      <c r="N699264" s="10"/>
    </row>
    <row r="699265" spans="14:14">
      <c r="N699265" s="10"/>
    </row>
    <row r="699266" spans="14:14">
      <c r="N699266" s="10"/>
    </row>
    <row r="699267" spans="14:14">
      <c r="N699267" s="10"/>
    </row>
    <row r="699268" spans="14:14">
      <c r="N699268" s="10"/>
    </row>
    <row r="699269" spans="14:14">
      <c r="N699269" s="10"/>
    </row>
    <row r="699270" spans="14:14">
      <c r="N699270" s="10"/>
    </row>
    <row r="699271" spans="14:14">
      <c r="N699271" s="10"/>
    </row>
    <row r="699272" spans="14:14">
      <c r="N699272" s="10"/>
    </row>
    <row r="699273" spans="14:14">
      <c r="N699273" s="10"/>
    </row>
    <row r="699274" spans="14:14">
      <c r="N699274" s="10"/>
    </row>
    <row r="699275" spans="14:14">
      <c r="N699275" s="10"/>
    </row>
    <row r="699276" spans="14:14">
      <c r="N699276" s="10"/>
    </row>
    <row r="699277" spans="14:14">
      <c r="N699277" s="10"/>
    </row>
    <row r="699278" spans="14:14">
      <c r="N699278" s="10"/>
    </row>
    <row r="699279" spans="14:14">
      <c r="N699279" s="10"/>
    </row>
    <row r="699280" spans="14:14">
      <c r="N699280" s="10"/>
    </row>
    <row r="699281" spans="14:14">
      <c r="N699281" s="10"/>
    </row>
    <row r="699282" spans="14:14">
      <c r="N699282" s="10"/>
    </row>
    <row r="699283" spans="14:14">
      <c r="N699283" s="10"/>
    </row>
    <row r="699284" spans="14:14">
      <c r="N699284" s="10"/>
    </row>
    <row r="699285" spans="14:14">
      <c r="N699285" s="10"/>
    </row>
    <row r="699286" spans="14:14">
      <c r="N699286" s="10"/>
    </row>
    <row r="699287" spans="14:14">
      <c r="N699287" s="10"/>
    </row>
    <row r="699288" spans="14:14">
      <c r="N699288" s="10"/>
    </row>
    <row r="699289" spans="14:14">
      <c r="N699289" s="10"/>
    </row>
    <row r="699290" spans="14:14">
      <c r="N699290" s="10"/>
    </row>
    <row r="699291" spans="14:14">
      <c r="N699291" s="10"/>
    </row>
    <row r="699292" spans="14:14">
      <c r="N699292" s="10"/>
    </row>
    <row r="699293" spans="14:14">
      <c r="N699293" s="10"/>
    </row>
    <row r="699294" spans="14:14">
      <c r="N699294" s="10"/>
    </row>
    <row r="699295" spans="14:14">
      <c r="N699295" s="10"/>
    </row>
    <row r="699296" spans="14:14">
      <c r="N699296" s="10"/>
    </row>
    <row r="699297" spans="14:14">
      <c r="N699297" s="10"/>
    </row>
    <row r="699298" spans="14:14">
      <c r="N699298" s="10"/>
    </row>
    <row r="699299" spans="14:14">
      <c r="N699299" s="10"/>
    </row>
    <row r="699300" spans="14:14">
      <c r="N699300" s="10"/>
    </row>
    <row r="699301" spans="14:14">
      <c r="N699301" s="10"/>
    </row>
    <row r="699302" spans="14:14">
      <c r="N699302" s="10"/>
    </row>
    <row r="699303" spans="14:14">
      <c r="N699303" s="10"/>
    </row>
    <row r="699304" spans="14:14">
      <c r="N699304" s="10"/>
    </row>
    <row r="699305" spans="14:14">
      <c r="N699305" s="10"/>
    </row>
    <row r="699306" spans="14:14">
      <c r="N699306" s="10"/>
    </row>
    <row r="699307" spans="14:14">
      <c r="N699307" s="10"/>
    </row>
    <row r="699308" spans="14:14">
      <c r="N699308" s="10"/>
    </row>
    <row r="699309" spans="14:14">
      <c r="N699309" s="10"/>
    </row>
    <row r="699310" spans="14:14">
      <c r="N699310" s="10"/>
    </row>
    <row r="699311" spans="14:14">
      <c r="N699311" s="10"/>
    </row>
    <row r="699312" spans="14:14">
      <c r="N699312" s="10"/>
    </row>
    <row r="699313" spans="14:14">
      <c r="N699313" s="10"/>
    </row>
    <row r="699314" spans="14:14">
      <c r="N699314" s="10"/>
    </row>
    <row r="699315" spans="14:14">
      <c r="N699315" s="10"/>
    </row>
    <row r="699316" spans="14:14">
      <c r="N699316" s="10"/>
    </row>
    <row r="699317" spans="14:14">
      <c r="N699317" s="10"/>
    </row>
    <row r="699318" spans="14:14">
      <c r="N699318" s="10"/>
    </row>
    <row r="699319" spans="14:14">
      <c r="N699319" s="10"/>
    </row>
    <row r="699320" spans="14:14">
      <c r="N699320" s="10"/>
    </row>
    <row r="699321" spans="14:14">
      <c r="N699321" s="10"/>
    </row>
    <row r="699322" spans="14:14">
      <c r="N699322" s="10"/>
    </row>
    <row r="699323" spans="14:14">
      <c r="N699323" s="10"/>
    </row>
    <row r="699324" spans="14:14">
      <c r="N699324" s="10"/>
    </row>
    <row r="699325" spans="14:14">
      <c r="N699325" s="10"/>
    </row>
    <row r="699326" spans="14:14">
      <c r="N699326" s="10"/>
    </row>
    <row r="699327" spans="14:14">
      <c r="N699327" s="10"/>
    </row>
    <row r="699328" spans="14:14">
      <c r="N699328" s="10"/>
    </row>
    <row r="699329" spans="14:14">
      <c r="N699329" s="10"/>
    </row>
    <row r="699330" spans="14:14">
      <c r="N699330" s="10"/>
    </row>
    <row r="699331" spans="14:14">
      <c r="N699331" s="10"/>
    </row>
    <row r="699332" spans="14:14">
      <c r="N699332" s="10"/>
    </row>
    <row r="699333" spans="14:14">
      <c r="N699333" s="10"/>
    </row>
    <row r="699334" spans="14:14">
      <c r="N699334" s="10"/>
    </row>
    <row r="699335" spans="14:14">
      <c r="N699335" s="10"/>
    </row>
    <row r="699336" spans="14:14">
      <c r="N699336" s="10"/>
    </row>
    <row r="699337" spans="14:14">
      <c r="N699337" s="10"/>
    </row>
    <row r="699338" spans="14:14">
      <c r="N699338" s="10"/>
    </row>
    <row r="699339" spans="14:14">
      <c r="N699339" s="10"/>
    </row>
    <row r="699340" spans="14:14">
      <c r="N699340" s="10"/>
    </row>
    <row r="699341" spans="14:14">
      <c r="N699341" s="10"/>
    </row>
    <row r="699342" spans="14:14">
      <c r="N699342" s="10"/>
    </row>
    <row r="699343" spans="14:14">
      <c r="N699343" s="10"/>
    </row>
    <row r="699344" spans="14:14">
      <c r="N699344" s="10"/>
    </row>
    <row r="699345" spans="14:14">
      <c r="N699345" s="10"/>
    </row>
    <row r="699346" spans="14:14">
      <c r="N699346" s="10"/>
    </row>
    <row r="699347" spans="14:14">
      <c r="N699347" s="10"/>
    </row>
    <row r="699348" spans="14:14">
      <c r="N699348" s="10"/>
    </row>
    <row r="699349" spans="14:14">
      <c r="N699349" s="10"/>
    </row>
    <row r="699350" spans="14:14">
      <c r="N699350" s="10"/>
    </row>
    <row r="699351" spans="14:14">
      <c r="N699351" s="10"/>
    </row>
    <row r="699352" spans="14:14">
      <c r="N699352" s="10"/>
    </row>
    <row r="699353" spans="14:14">
      <c r="N699353" s="10"/>
    </row>
    <row r="699354" spans="14:14">
      <c r="N699354" s="10"/>
    </row>
    <row r="699355" spans="14:14">
      <c r="N699355" s="10"/>
    </row>
    <row r="699356" spans="14:14">
      <c r="N699356" s="10"/>
    </row>
    <row r="699357" spans="14:14">
      <c r="N699357" s="10"/>
    </row>
    <row r="699358" spans="14:14">
      <c r="N699358" s="10"/>
    </row>
    <row r="699359" spans="14:14">
      <c r="N699359" s="10"/>
    </row>
    <row r="699360" spans="14:14">
      <c r="N699360" s="10"/>
    </row>
    <row r="699361" spans="14:14">
      <c r="N699361" s="10"/>
    </row>
    <row r="699362" spans="14:14">
      <c r="N699362" s="10"/>
    </row>
    <row r="699363" spans="14:14">
      <c r="N699363" s="10"/>
    </row>
    <row r="699364" spans="14:14">
      <c r="N699364" s="10"/>
    </row>
    <row r="699365" spans="14:14">
      <c r="N699365" s="10"/>
    </row>
    <row r="699366" spans="14:14">
      <c r="N699366" s="10"/>
    </row>
    <row r="699367" spans="14:14">
      <c r="N699367" s="10"/>
    </row>
    <row r="699368" spans="14:14">
      <c r="N699368" s="10"/>
    </row>
    <row r="699369" spans="14:14">
      <c r="N699369" s="10"/>
    </row>
    <row r="699370" spans="14:14">
      <c r="N699370" s="10"/>
    </row>
    <row r="699371" spans="14:14">
      <c r="N699371" s="10"/>
    </row>
    <row r="699372" spans="14:14">
      <c r="N699372" s="10"/>
    </row>
    <row r="699373" spans="14:14">
      <c r="N699373" s="10"/>
    </row>
    <row r="699374" spans="14:14">
      <c r="N699374" s="10"/>
    </row>
    <row r="699375" spans="14:14">
      <c r="N699375" s="10"/>
    </row>
    <row r="699376" spans="14:14">
      <c r="N699376" s="10"/>
    </row>
    <row r="699377" spans="14:14">
      <c r="N699377" s="10"/>
    </row>
    <row r="699378" spans="14:14">
      <c r="N699378" s="10"/>
    </row>
    <row r="699379" spans="14:14">
      <c r="N699379" s="10"/>
    </row>
    <row r="699380" spans="14:14">
      <c r="N699380" s="10"/>
    </row>
    <row r="699381" spans="14:14">
      <c r="N699381" s="10"/>
    </row>
    <row r="699382" spans="14:14">
      <c r="N699382" s="10"/>
    </row>
    <row r="699383" spans="14:14">
      <c r="N699383" s="10"/>
    </row>
    <row r="699384" spans="14:14">
      <c r="N699384" s="10"/>
    </row>
    <row r="699385" spans="14:14">
      <c r="N699385" s="10"/>
    </row>
    <row r="699386" spans="14:14">
      <c r="N699386" s="10"/>
    </row>
    <row r="699387" spans="14:14">
      <c r="N699387" s="10"/>
    </row>
    <row r="699388" spans="14:14">
      <c r="N699388" s="10"/>
    </row>
    <row r="699389" spans="14:14">
      <c r="N699389" s="10"/>
    </row>
    <row r="699390" spans="14:14">
      <c r="N699390" s="10"/>
    </row>
    <row r="699391" spans="14:14">
      <c r="N699391" s="10"/>
    </row>
    <row r="699392" spans="14:14">
      <c r="N699392" s="10"/>
    </row>
    <row r="699393" spans="14:14">
      <c r="N699393" s="10"/>
    </row>
    <row r="699394" spans="14:14">
      <c r="N699394" s="10"/>
    </row>
    <row r="699395" spans="14:14">
      <c r="N699395" s="10"/>
    </row>
    <row r="699396" spans="14:14">
      <c r="N699396" s="10"/>
    </row>
    <row r="699397" spans="14:14">
      <c r="N699397" s="10"/>
    </row>
    <row r="699398" spans="14:14">
      <c r="N699398" s="10"/>
    </row>
    <row r="699399" spans="14:14">
      <c r="N699399" s="10"/>
    </row>
    <row r="699400" spans="14:14">
      <c r="N699400" s="10"/>
    </row>
    <row r="699401" spans="14:14">
      <c r="N699401" s="10"/>
    </row>
    <row r="699402" spans="14:14">
      <c r="N699402" s="10"/>
    </row>
    <row r="699403" spans="14:14">
      <c r="N699403" s="10"/>
    </row>
    <row r="699404" spans="14:14">
      <c r="N699404" s="10"/>
    </row>
    <row r="699405" spans="14:14">
      <c r="N699405" s="10"/>
    </row>
    <row r="699406" spans="14:14">
      <c r="N699406" s="10"/>
    </row>
    <row r="699407" spans="14:14">
      <c r="N699407" s="10"/>
    </row>
    <row r="699408" spans="14:14">
      <c r="N699408" s="10"/>
    </row>
    <row r="699409" spans="14:14">
      <c r="N699409" s="10"/>
    </row>
    <row r="699410" spans="14:14">
      <c r="N699410" s="10"/>
    </row>
    <row r="699411" spans="14:14">
      <c r="N699411" s="10"/>
    </row>
    <row r="699412" spans="14:14">
      <c r="N699412" s="10"/>
    </row>
    <row r="699413" spans="14:14">
      <c r="N699413" s="10"/>
    </row>
    <row r="699414" spans="14:14">
      <c r="N699414" s="10"/>
    </row>
    <row r="699415" spans="14:14">
      <c r="N699415" s="10"/>
    </row>
    <row r="699416" spans="14:14">
      <c r="N699416" s="10"/>
    </row>
    <row r="699417" spans="14:14">
      <c r="N699417" s="10"/>
    </row>
    <row r="699418" spans="14:14">
      <c r="N699418" s="10"/>
    </row>
    <row r="699419" spans="14:14">
      <c r="N699419" s="10"/>
    </row>
    <row r="699420" spans="14:14">
      <c r="N699420" s="10"/>
    </row>
    <row r="699421" spans="14:14">
      <c r="N699421" s="10"/>
    </row>
    <row r="699422" spans="14:14">
      <c r="N699422" s="10"/>
    </row>
    <row r="699423" spans="14:14">
      <c r="N699423" s="10"/>
    </row>
    <row r="699424" spans="14:14">
      <c r="N699424" s="10"/>
    </row>
    <row r="699425" spans="14:14">
      <c r="N699425" s="10"/>
    </row>
    <row r="699426" spans="14:14">
      <c r="N699426" s="10"/>
    </row>
    <row r="699427" spans="14:14">
      <c r="N699427" s="10"/>
    </row>
    <row r="699428" spans="14:14">
      <c r="N699428" s="10"/>
    </row>
    <row r="699429" spans="14:14">
      <c r="N699429" s="10"/>
    </row>
    <row r="699430" spans="14:14">
      <c r="N699430" s="10"/>
    </row>
    <row r="699431" spans="14:14">
      <c r="N699431" s="10"/>
    </row>
    <row r="699432" spans="14:14">
      <c r="N699432" s="10"/>
    </row>
    <row r="699433" spans="14:14">
      <c r="N699433" s="10"/>
    </row>
    <row r="699434" spans="14:14">
      <c r="N699434" s="10"/>
    </row>
    <row r="699435" spans="14:14">
      <c r="N699435" s="10"/>
    </row>
    <row r="699436" spans="14:14">
      <c r="N699436" s="10"/>
    </row>
    <row r="699437" spans="14:14">
      <c r="N699437" s="10"/>
    </row>
    <row r="699438" spans="14:14">
      <c r="N699438" s="10"/>
    </row>
    <row r="699439" spans="14:14">
      <c r="N699439" s="10"/>
    </row>
    <row r="699440" spans="14:14">
      <c r="N699440" s="10"/>
    </row>
    <row r="699441" spans="14:14">
      <c r="N699441" s="10"/>
    </row>
    <row r="699442" spans="14:14">
      <c r="N699442" s="10"/>
    </row>
    <row r="699443" spans="14:14">
      <c r="N699443" s="10"/>
    </row>
    <row r="699444" spans="14:14">
      <c r="N699444" s="10"/>
    </row>
    <row r="699445" spans="14:14">
      <c r="N699445" s="10"/>
    </row>
    <row r="699446" spans="14:14">
      <c r="N699446" s="10"/>
    </row>
    <row r="699447" spans="14:14">
      <c r="N699447" s="10"/>
    </row>
    <row r="699448" spans="14:14">
      <c r="N699448" s="10"/>
    </row>
    <row r="699449" spans="14:14">
      <c r="N699449" s="10"/>
    </row>
    <row r="699450" spans="14:14">
      <c r="N699450" s="10"/>
    </row>
    <row r="699451" spans="14:14">
      <c r="N699451" s="10"/>
    </row>
    <row r="699452" spans="14:14">
      <c r="N699452" s="10"/>
    </row>
    <row r="699453" spans="14:14">
      <c r="N699453" s="10"/>
    </row>
    <row r="699454" spans="14:14">
      <c r="N699454" s="10"/>
    </row>
    <row r="699455" spans="14:14">
      <c r="N699455" s="10"/>
    </row>
    <row r="699456" spans="14:14">
      <c r="N699456" s="10"/>
    </row>
    <row r="699457" spans="14:14">
      <c r="N699457" s="10"/>
    </row>
    <row r="699458" spans="14:14">
      <c r="N699458" s="10"/>
    </row>
    <row r="699459" spans="14:14">
      <c r="N699459" s="10"/>
    </row>
    <row r="699460" spans="14:14">
      <c r="N699460" s="10"/>
    </row>
    <row r="699461" spans="14:14">
      <c r="N699461" s="10"/>
    </row>
    <row r="699462" spans="14:14">
      <c r="N699462" s="10"/>
    </row>
    <row r="699463" spans="14:14">
      <c r="N699463" s="10"/>
    </row>
    <row r="699464" spans="14:14">
      <c r="N699464" s="10"/>
    </row>
    <row r="699465" spans="14:14">
      <c r="N699465" s="10"/>
    </row>
    <row r="699466" spans="14:14">
      <c r="N699466" s="10"/>
    </row>
    <row r="699467" spans="14:14">
      <c r="N699467" s="10"/>
    </row>
    <row r="699468" spans="14:14">
      <c r="N699468" s="10"/>
    </row>
    <row r="699469" spans="14:14">
      <c r="N699469" s="10"/>
    </row>
    <row r="699470" spans="14:14">
      <c r="N699470" s="10"/>
    </row>
    <row r="699471" spans="14:14">
      <c r="N699471" s="10"/>
    </row>
    <row r="699472" spans="14:14">
      <c r="N699472" s="10"/>
    </row>
    <row r="699473" spans="14:14">
      <c r="N699473" s="10"/>
    </row>
    <row r="699474" spans="14:14">
      <c r="N699474" s="10"/>
    </row>
    <row r="699475" spans="14:14">
      <c r="N699475" s="10"/>
    </row>
    <row r="699476" spans="14:14">
      <c r="N699476" s="10"/>
    </row>
    <row r="699477" spans="14:14">
      <c r="N699477" s="10"/>
    </row>
    <row r="699478" spans="14:14">
      <c r="N699478" s="10"/>
    </row>
    <row r="699479" spans="14:14">
      <c r="N699479" s="10"/>
    </row>
    <row r="699480" spans="14:14">
      <c r="N699480" s="10"/>
    </row>
    <row r="699481" spans="14:14">
      <c r="N699481" s="10"/>
    </row>
    <row r="699482" spans="14:14">
      <c r="N699482" s="10"/>
    </row>
    <row r="699483" spans="14:14">
      <c r="N699483" s="10"/>
    </row>
    <row r="699484" spans="14:14">
      <c r="N699484" s="10"/>
    </row>
    <row r="699485" spans="14:14">
      <c r="N699485" s="10"/>
    </row>
    <row r="699486" spans="14:14">
      <c r="N699486" s="10"/>
    </row>
    <row r="699487" spans="14:14">
      <c r="N699487" s="10"/>
    </row>
    <row r="699488" spans="14:14">
      <c r="N699488" s="10"/>
    </row>
    <row r="699489" spans="14:14">
      <c r="N699489" s="10"/>
    </row>
    <row r="699490" spans="14:14">
      <c r="N699490" s="10"/>
    </row>
    <row r="699491" spans="14:14">
      <c r="N699491" s="10"/>
    </row>
    <row r="699492" spans="14:14">
      <c r="N699492" s="10"/>
    </row>
    <row r="699493" spans="14:14">
      <c r="N699493" s="10"/>
    </row>
    <row r="699494" spans="14:14">
      <c r="N699494" s="10"/>
    </row>
    <row r="699495" spans="14:14">
      <c r="N699495" s="10"/>
    </row>
    <row r="699496" spans="14:14">
      <c r="N699496" s="10"/>
    </row>
    <row r="699497" spans="14:14">
      <c r="N699497" s="10"/>
    </row>
    <row r="699498" spans="14:14">
      <c r="N699498" s="10"/>
    </row>
    <row r="699499" spans="14:14">
      <c r="N699499" s="10"/>
    </row>
    <row r="699500" spans="14:14">
      <c r="N699500" s="10"/>
    </row>
    <row r="699501" spans="14:14">
      <c r="N699501" s="10"/>
    </row>
    <row r="699502" spans="14:14">
      <c r="N699502" s="10"/>
    </row>
    <row r="699503" spans="14:14">
      <c r="N699503" s="10"/>
    </row>
    <row r="699504" spans="14:14">
      <c r="N699504" s="10"/>
    </row>
    <row r="699505" spans="14:14">
      <c r="N699505" s="10"/>
    </row>
    <row r="699506" spans="14:14">
      <c r="N699506" s="10"/>
    </row>
    <row r="699507" spans="14:14">
      <c r="N699507" s="10"/>
    </row>
    <row r="699508" spans="14:14">
      <c r="N699508" s="10"/>
    </row>
    <row r="699509" spans="14:14">
      <c r="N699509" s="10"/>
    </row>
    <row r="699510" spans="14:14">
      <c r="N699510" s="10"/>
    </row>
    <row r="699511" spans="14:14">
      <c r="N699511" s="10"/>
    </row>
    <row r="699512" spans="14:14">
      <c r="N699512" s="10"/>
    </row>
    <row r="699513" spans="14:14">
      <c r="N699513" s="10"/>
    </row>
    <row r="699514" spans="14:14">
      <c r="N699514" s="10"/>
    </row>
    <row r="699515" spans="14:14">
      <c r="N699515" s="10"/>
    </row>
    <row r="699516" spans="14:14">
      <c r="N699516" s="10"/>
    </row>
    <row r="699517" spans="14:14">
      <c r="N699517" s="10"/>
    </row>
    <row r="699518" spans="14:14">
      <c r="N699518" s="10"/>
    </row>
    <row r="699519" spans="14:14">
      <c r="N699519" s="10"/>
    </row>
    <row r="699520" spans="14:14">
      <c r="N699520" s="10"/>
    </row>
    <row r="699521" spans="14:14">
      <c r="N699521" s="10"/>
    </row>
    <row r="699522" spans="14:14">
      <c r="N699522" s="10"/>
    </row>
    <row r="699523" spans="14:14">
      <c r="N699523" s="10"/>
    </row>
    <row r="699524" spans="14:14">
      <c r="N699524" s="10"/>
    </row>
    <row r="699525" spans="14:14">
      <c r="N699525" s="10"/>
    </row>
    <row r="699526" spans="14:14">
      <c r="N699526" s="10"/>
    </row>
    <row r="699527" spans="14:14">
      <c r="N699527" s="10"/>
    </row>
    <row r="699528" spans="14:14">
      <c r="N699528" s="10"/>
    </row>
    <row r="699529" spans="14:14">
      <c r="N699529" s="10"/>
    </row>
    <row r="699530" spans="14:14">
      <c r="N699530" s="10"/>
    </row>
    <row r="699531" spans="14:14">
      <c r="N699531" s="10"/>
    </row>
    <row r="699532" spans="14:14">
      <c r="N699532" s="10"/>
    </row>
    <row r="699533" spans="14:14">
      <c r="N699533" s="10"/>
    </row>
    <row r="699534" spans="14:14">
      <c r="N699534" s="10"/>
    </row>
    <row r="699535" spans="14:14">
      <c r="N699535" s="10"/>
    </row>
    <row r="699536" spans="14:14">
      <c r="N699536" s="10"/>
    </row>
    <row r="699537" spans="14:14">
      <c r="N699537" s="10"/>
    </row>
    <row r="699538" spans="14:14">
      <c r="N699538" s="10"/>
    </row>
    <row r="699539" spans="14:14">
      <c r="N699539" s="10"/>
    </row>
    <row r="699540" spans="14:14">
      <c r="N699540" s="10"/>
    </row>
    <row r="699541" spans="14:14">
      <c r="N699541" s="10"/>
    </row>
    <row r="699542" spans="14:14">
      <c r="N699542" s="10"/>
    </row>
    <row r="699543" spans="14:14">
      <c r="N699543" s="10"/>
    </row>
    <row r="699544" spans="14:14">
      <c r="N699544" s="10"/>
    </row>
    <row r="699545" spans="14:14">
      <c r="N699545" s="10"/>
    </row>
    <row r="699546" spans="14:14">
      <c r="N699546" s="10"/>
    </row>
    <row r="699547" spans="14:14">
      <c r="N699547" s="10"/>
    </row>
    <row r="699548" spans="14:14">
      <c r="N699548" s="10"/>
    </row>
    <row r="699549" spans="14:14">
      <c r="N699549" s="10"/>
    </row>
    <row r="699550" spans="14:14">
      <c r="N699550" s="10"/>
    </row>
    <row r="699551" spans="14:14">
      <c r="N699551" s="10"/>
    </row>
    <row r="699552" spans="14:14">
      <c r="N699552" s="10"/>
    </row>
    <row r="699553" spans="14:14">
      <c r="N699553" s="10"/>
    </row>
    <row r="699554" spans="14:14">
      <c r="N699554" s="10"/>
    </row>
    <row r="699555" spans="14:14">
      <c r="N699555" s="10"/>
    </row>
    <row r="699556" spans="14:14">
      <c r="N699556" s="10"/>
    </row>
    <row r="699557" spans="14:14">
      <c r="N699557" s="10"/>
    </row>
    <row r="699558" spans="14:14">
      <c r="N699558" s="10"/>
    </row>
    <row r="699559" spans="14:14">
      <c r="N699559" s="10"/>
    </row>
    <row r="699560" spans="14:14">
      <c r="N699560" s="10"/>
    </row>
    <row r="699561" spans="14:14">
      <c r="N699561" s="10"/>
    </row>
    <row r="699562" spans="14:14">
      <c r="N699562" s="10"/>
    </row>
    <row r="699563" spans="14:14">
      <c r="N699563" s="10"/>
    </row>
    <row r="699564" spans="14:14">
      <c r="N699564" s="10"/>
    </row>
    <row r="699565" spans="14:14">
      <c r="N699565" s="10"/>
    </row>
    <row r="699566" spans="14:14">
      <c r="N699566" s="10"/>
    </row>
    <row r="699567" spans="14:14">
      <c r="N699567" s="10"/>
    </row>
    <row r="699568" spans="14:14">
      <c r="N699568" s="10"/>
    </row>
    <row r="699569" spans="14:14">
      <c r="N699569" s="10"/>
    </row>
    <row r="699570" spans="14:14">
      <c r="N699570" s="10"/>
    </row>
    <row r="699571" spans="14:14">
      <c r="N699571" s="10"/>
    </row>
    <row r="699572" spans="14:14">
      <c r="N699572" s="10"/>
    </row>
    <row r="699573" spans="14:14">
      <c r="N699573" s="10"/>
    </row>
    <row r="699574" spans="14:14">
      <c r="N699574" s="10"/>
    </row>
    <row r="699575" spans="14:14">
      <c r="N699575" s="10"/>
    </row>
    <row r="699576" spans="14:14">
      <c r="N699576" s="10"/>
    </row>
    <row r="699577" spans="14:14">
      <c r="N699577" s="10"/>
    </row>
    <row r="699578" spans="14:14">
      <c r="N699578" s="10"/>
    </row>
    <row r="699579" spans="14:14">
      <c r="N699579" s="10"/>
    </row>
    <row r="699580" spans="14:14">
      <c r="N699580" s="10"/>
    </row>
    <row r="699581" spans="14:14">
      <c r="N699581" s="10"/>
    </row>
    <row r="699582" spans="14:14">
      <c r="N699582" s="10"/>
    </row>
    <row r="699583" spans="14:14">
      <c r="N699583" s="10"/>
    </row>
    <row r="699584" spans="14:14">
      <c r="N699584" s="10"/>
    </row>
    <row r="699585" spans="14:14">
      <c r="N699585" s="10"/>
    </row>
    <row r="699586" spans="14:14">
      <c r="N699586" s="10"/>
    </row>
    <row r="699587" spans="14:14">
      <c r="N699587" s="10"/>
    </row>
    <row r="699588" spans="14:14">
      <c r="N699588" s="10"/>
    </row>
    <row r="699589" spans="14:14">
      <c r="N699589" s="10"/>
    </row>
    <row r="699590" spans="14:14">
      <c r="N699590" s="10"/>
    </row>
    <row r="699591" spans="14:14">
      <c r="N699591" s="10"/>
    </row>
    <row r="699592" spans="14:14">
      <c r="N699592" s="10"/>
    </row>
    <row r="699593" spans="14:14">
      <c r="N699593" s="10"/>
    </row>
    <row r="699594" spans="14:14">
      <c r="N699594" s="10"/>
    </row>
    <row r="699595" spans="14:14">
      <c r="N699595" s="10"/>
    </row>
    <row r="699596" spans="14:14">
      <c r="N699596" s="10"/>
    </row>
    <row r="699597" spans="14:14">
      <c r="N699597" s="10"/>
    </row>
    <row r="699598" spans="14:14">
      <c r="N699598" s="10"/>
    </row>
    <row r="699599" spans="14:14">
      <c r="N699599" s="10"/>
    </row>
    <row r="699600" spans="14:14">
      <c r="N699600" s="10"/>
    </row>
    <row r="699601" spans="14:14">
      <c r="N699601" s="10"/>
    </row>
    <row r="699602" spans="14:14">
      <c r="N699602" s="10"/>
    </row>
    <row r="699603" spans="14:14">
      <c r="N699603" s="10"/>
    </row>
    <row r="699604" spans="14:14">
      <c r="N699604" s="10"/>
    </row>
    <row r="699605" spans="14:14">
      <c r="N699605" s="10"/>
    </row>
    <row r="699606" spans="14:14">
      <c r="N699606" s="10"/>
    </row>
    <row r="699607" spans="14:14">
      <c r="N699607" s="10"/>
    </row>
    <row r="699608" spans="14:14">
      <c r="N699608" s="10"/>
    </row>
    <row r="699609" spans="14:14">
      <c r="N699609" s="10"/>
    </row>
    <row r="699610" spans="14:14">
      <c r="N699610" s="10"/>
    </row>
    <row r="699611" spans="14:14">
      <c r="N699611" s="10"/>
    </row>
    <row r="699612" spans="14:14">
      <c r="N699612" s="10"/>
    </row>
    <row r="699613" spans="14:14">
      <c r="N699613" s="10"/>
    </row>
    <row r="699614" spans="14:14">
      <c r="N699614" s="10"/>
    </row>
    <row r="699615" spans="14:14">
      <c r="N699615" s="10"/>
    </row>
    <row r="699616" spans="14:14">
      <c r="N699616" s="10"/>
    </row>
    <row r="699617" spans="14:14">
      <c r="N699617" s="10"/>
    </row>
    <row r="699618" spans="14:14">
      <c r="N699618" s="10"/>
    </row>
    <row r="699619" spans="14:14">
      <c r="N699619" s="10"/>
    </row>
    <row r="699620" spans="14:14">
      <c r="N699620" s="10"/>
    </row>
    <row r="699621" spans="14:14">
      <c r="N699621" s="10"/>
    </row>
    <row r="699622" spans="14:14">
      <c r="N699622" s="10"/>
    </row>
    <row r="699623" spans="14:14">
      <c r="N699623" s="10"/>
    </row>
    <row r="699624" spans="14:14">
      <c r="N699624" s="10"/>
    </row>
    <row r="699625" spans="14:14">
      <c r="N699625" s="10"/>
    </row>
    <row r="699626" spans="14:14">
      <c r="N699626" s="10"/>
    </row>
    <row r="699627" spans="14:14">
      <c r="N699627" s="10"/>
    </row>
    <row r="699628" spans="14:14">
      <c r="N699628" s="10"/>
    </row>
    <row r="699629" spans="14:14">
      <c r="N699629" s="10"/>
    </row>
    <row r="699630" spans="14:14">
      <c r="N699630" s="10"/>
    </row>
    <row r="699631" spans="14:14">
      <c r="N699631" s="10"/>
    </row>
    <row r="699632" spans="14:14">
      <c r="N699632" s="10"/>
    </row>
    <row r="699633" spans="14:14">
      <c r="N699633" s="10"/>
    </row>
    <row r="699634" spans="14:14">
      <c r="N699634" s="10"/>
    </row>
    <row r="699635" spans="14:14">
      <c r="N699635" s="10"/>
    </row>
    <row r="699636" spans="14:14">
      <c r="N699636" s="10"/>
    </row>
    <row r="699637" spans="14:14">
      <c r="N699637" s="10"/>
    </row>
    <row r="699638" spans="14:14">
      <c r="N699638" s="10"/>
    </row>
    <row r="699639" spans="14:14">
      <c r="N699639" s="10"/>
    </row>
    <row r="699640" spans="14:14">
      <c r="N699640" s="10"/>
    </row>
    <row r="699641" spans="14:14">
      <c r="N699641" s="10"/>
    </row>
    <row r="699642" spans="14:14">
      <c r="N699642" s="10"/>
    </row>
    <row r="699643" spans="14:14">
      <c r="N699643" s="10"/>
    </row>
    <row r="699644" spans="14:14">
      <c r="N699644" s="10"/>
    </row>
    <row r="699645" spans="14:14">
      <c r="N699645" s="10"/>
    </row>
    <row r="699646" spans="14:14">
      <c r="N699646" s="10"/>
    </row>
    <row r="699647" spans="14:14">
      <c r="N699647" s="10"/>
    </row>
    <row r="699648" spans="14:14">
      <c r="N699648" s="10"/>
    </row>
    <row r="699649" spans="14:14">
      <c r="N699649" s="10"/>
    </row>
    <row r="699650" spans="14:14">
      <c r="N699650" s="10"/>
    </row>
    <row r="699651" spans="14:14">
      <c r="N699651" s="10"/>
    </row>
    <row r="699652" spans="14:14">
      <c r="N699652" s="10"/>
    </row>
    <row r="699653" spans="14:14">
      <c r="N699653" s="10"/>
    </row>
    <row r="699654" spans="14:14">
      <c r="N699654" s="10"/>
    </row>
    <row r="699655" spans="14:14">
      <c r="N699655" s="10"/>
    </row>
    <row r="699656" spans="14:14">
      <c r="N699656" s="10"/>
    </row>
    <row r="699657" spans="14:14">
      <c r="N699657" s="10"/>
    </row>
    <row r="699658" spans="14:14">
      <c r="N699658" s="10"/>
    </row>
    <row r="699659" spans="14:14">
      <c r="N699659" s="10"/>
    </row>
    <row r="699660" spans="14:14">
      <c r="N699660" s="10"/>
    </row>
    <row r="699661" spans="14:14">
      <c r="N699661" s="10"/>
    </row>
    <row r="699662" spans="14:14">
      <c r="N699662" s="10"/>
    </row>
    <row r="699663" spans="14:14">
      <c r="N699663" s="10"/>
    </row>
    <row r="699664" spans="14:14">
      <c r="N699664" s="10"/>
    </row>
    <row r="699665" spans="14:14">
      <c r="N699665" s="10"/>
    </row>
    <row r="699666" spans="14:14">
      <c r="N699666" s="10"/>
    </row>
    <row r="699667" spans="14:14">
      <c r="N699667" s="10"/>
    </row>
    <row r="699668" spans="14:14">
      <c r="N699668" s="10"/>
    </row>
    <row r="699669" spans="14:14">
      <c r="N699669" s="10"/>
    </row>
    <row r="699670" spans="14:14">
      <c r="N699670" s="10"/>
    </row>
    <row r="699671" spans="14:14">
      <c r="N699671" s="10"/>
    </row>
    <row r="699672" spans="14:14">
      <c r="N699672" s="10"/>
    </row>
    <row r="699673" spans="14:14">
      <c r="N699673" s="10"/>
    </row>
    <row r="699674" spans="14:14">
      <c r="N699674" s="10"/>
    </row>
    <row r="699675" spans="14:14">
      <c r="N699675" s="10"/>
    </row>
    <row r="699676" spans="14:14">
      <c r="N699676" s="10"/>
    </row>
    <row r="699677" spans="14:14">
      <c r="N699677" s="10"/>
    </row>
    <row r="699678" spans="14:14">
      <c r="N699678" s="10"/>
    </row>
    <row r="699679" spans="14:14">
      <c r="N699679" s="10"/>
    </row>
    <row r="699680" spans="14:14">
      <c r="N699680" s="10"/>
    </row>
    <row r="699681" spans="14:14">
      <c r="N699681" s="10"/>
    </row>
    <row r="699682" spans="14:14">
      <c r="N699682" s="10"/>
    </row>
    <row r="699683" spans="14:14">
      <c r="N699683" s="10"/>
    </row>
    <row r="699684" spans="14:14">
      <c r="N699684" s="10"/>
    </row>
    <row r="699685" spans="14:14">
      <c r="N699685" s="10"/>
    </row>
    <row r="699686" spans="14:14">
      <c r="N699686" s="10"/>
    </row>
    <row r="699687" spans="14:14">
      <c r="N699687" s="10"/>
    </row>
    <row r="699688" spans="14:14">
      <c r="N699688" s="10"/>
    </row>
    <row r="699689" spans="14:14">
      <c r="N699689" s="10"/>
    </row>
    <row r="699690" spans="14:14">
      <c r="N699690" s="10"/>
    </row>
    <row r="699691" spans="14:14">
      <c r="N699691" s="10"/>
    </row>
    <row r="699692" spans="14:14">
      <c r="N699692" s="10"/>
    </row>
    <row r="699693" spans="14:14">
      <c r="N699693" s="10"/>
    </row>
    <row r="699694" spans="14:14">
      <c r="N699694" s="10"/>
    </row>
    <row r="699695" spans="14:14">
      <c r="N699695" s="10"/>
    </row>
    <row r="699696" spans="14:14">
      <c r="N699696" s="10"/>
    </row>
    <row r="699697" spans="14:14">
      <c r="N699697" s="10"/>
    </row>
    <row r="699698" spans="14:14">
      <c r="N699698" s="10"/>
    </row>
    <row r="699699" spans="14:14">
      <c r="N699699" s="10"/>
    </row>
    <row r="699700" spans="14:14">
      <c r="N699700" s="10"/>
    </row>
    <row r="699701" spans="14:14">
      <c r="N699701" s="10"/>
    </row>
    <row r="699702" spans="14:14">
      <c r="N699702" s="10"/>
    </row>
    <row r="699703" spans="14:14">
      <c r="N699703" s="10"/>
    </row>
    <row r="699704" spans="14:14">
      <c r="N699704" s="10"/>
    </row>
    <row r="699705" spans="14:14">
      <c r="N699705" s="10"/>
    </row>
    <row r="699706" spans="14:14">
      <c r="N699706" s="10"/>
    </row>
    <row r="699707" spans="14:14">
      <c r="N699707" s="10"/>
    </row>
    <row r="699708" spans="14:14">
      <c r="N699708" s="10"/>
    </row>
    <row r="699709" spans="14:14">
      <c r="N699709" s="10"/>
    </row>
    <row r="699710" spans="14:14">
      <c r="N699710" s="10"/>
    </row>
    <row r="699711" spans="14:14">
      <c r="N699711" s="10"/>
    </row>
    <row r="699712" spans="14:14">
      <c r="N699712" s="10"/>
    </row>
    <row r="699713" spans="14:14">
      <c r="N699713" s="10"/>
    </row>
    <row r="699714" spans="14:14">
      <c r="N699714" s="10"/>
    </row>
    <row r="699715" spans="14:14">
      <c r="N699715" s="10"/>
    </row>
    <row r="699716" spans="14:14">
      <c r="N699716" s="10"/>
    </row>
    <row r="699717" spans="14:14">
      <c r="N699717" s="10"/>
    </row>
    <row r="699718" spans="14:14">
      <c r="N699718" s="10"/>
    </row>
    <row r="699719" spans="14:14">
      <c r="N699719" s="10"/>
    </row>
    <row r="699720" spans="14:14">
      <c r="N699720" s="10"/>
    </row>
    <row r="699721" spans="14:14">
      <c r="N699721" s="10"/>
    </row>
    <row r="699722" spans="14:14">
      <c r="N699722" s="10"/>
    </row>
    <row r="699723" spans="14:14">
      <c r="N699723" s="10"/>
    </row>
    <row r="699724" spans="14:14">
      <c r="N699724" s="10"/>
    </row>
    <row r="699725" spans="14:14">
      <c r="N699725" s="10"/>
    </row>
    <row r="699726" spans="14:14">
      <c r="N699726" s="10"/>
    </row>
    <row r="699727" spans="14:14">
      <c r="N699727" s="10"/>
    </row>
    <row r="699728" spans="14:14">
      <c r="N699728" s="10"/>
    </row>
    <row r="699729" spans="14:14">
      <c r="N699729" s="10"/>
    </row>
    <row r="699730" spans="14:14">
      <c r="N699730" s="10"/>
    </row>
    <row r="699731" spans="14:14">
      <c r="N699731" s="10"/>
    </row>
    <row r="699732" spans="14:14">
      <c r="N699732" s="10"/>
    </row>
    <row r="699733" spans="14:14">
      <c r="N699733" s="10"/>
    </row>
    <row r="699734" spans="14:14">
      <c r="N699734" s="10"/>
    </row>
    <row r="699735" spans="14:14">
      <c r="N699735" s="10"/>
    </row>
    <row r="699736" spans="14:14">
      <c r="N699736" s="10"/>
    </row>
    <row r="699737" spans="14:14">
      <c r="N699737" s="10"/>
    </row>
    <row r="699738" spans="14:14">
      <c r="N699738" s="10"/>
    </row>
    <row r="699739" spans="14:14">
      <c r="N699739" s="10"/>
    </row>
    <row r="699740" spans="14:14">
      <c r="N699740" s="10"/>
    </row>
    <row r="699741" spans="14:14">
      <c r="N699741" s="10"/>
    </row>
    <row r="699742" spans="14:14">
      <c r="N699742" s="10"/>
    </row>
    <row r="699743" spans="14:14">
      <c r="N699743" s="10"/>
    </row>
    <row r="699744" spans="14:14">
      <c r="N699744" s="10"/>
    </row>
    <row r="699745" spans="14:14">
      <c r="N699745" s="10"/>
    </row>
    <row r="699746" spans="14:14">
      <c r="N699746" s="10"/>
    </row>
    <row r="699747" spans="14:14">
      <c r="N699747" s="10"/>
    </row>
    <row r="699748" spans="14:14">
      <c r="N699748" s="10"/>
    </row>
    <row r="699749" spans="14:14">
      <c r="N699749" s="10"/>
    </row>
    <row r="699750" spans="14:14">
      <c r="N699750" s="10"/>
    </row>
    <row r="699751" spans="14:14">
      <c r="N699751" s="10"/>
    </row>
    <row r="699752" spans="14:14">
      <c r="N699752" s="10"/>
    </row>
    <row r="699753" spans="14:14">
      <c r="N699753" s="10"/>
    </row>
    <row r="699754" spans="14:14">
      <c r="N699754" s="10"/>
    </row>
    <row r="699755" spans="14:14">
      <c r="N699755" s="10"/>
    </row>
    <row r="699756" spans="14:14">
      <c r="N699756" s="10"/>
    </row>
    <row r="699757" spans="14:14">
      <c r="N699757" s="10"/>
    </row>
    <row r="699758" spans="14:14">
      <c r="N699758" s="10"/>
    </row>
    <row r="699759" spans="14:14">
      <c r="N699759" s="10"/>
    </row>
    <row r="699760" spans="14:14">
      <c r="N699760" s="10"/>
    </row>
    <row r="699761" spans="14:14">
      <c r="N699761" s="10"/>
    </row>
    <row r="699762" spans="14:14">
      <c r="N699762" s="10"/>
    </row>
    <row r="699763" spans="14:14">
      <c r="N699763" s="10"/>
    </row>
    <row r="699764" spans="14:14">
      <c r="N699764" s="10"/>
    </row>
    <row r="699765" spans="14:14">
      <c r="N699765" s="10"/>
    </row>
    <row r="699766" spans="14:14">
      <c r="N699766" s="10"/>
    </row>
    <row r="699767" spans="14:14">
      <c r="N699767" s="10"/>
    </row>
    <row r="699768" spans="14:14">
      <c r="N699768" s="10"/>
    </row>
    <row r="699769" spans="14:14">
      <c r="N699769" s="10"/>
    </row>
    <row r="699770" spans="14:14">
      <c r="N699770" s="10"/>
    </row>
    <row r="699771" spans="14:14">
      <c r="N699771" s="10"/>
    </row>
    <row r="699772" spans="14:14">
      <c r="N699772" s="10"/>
    </row>
    <row r="699773" spans="14:14">
      <c r="N699773" s="10"/>
    </row>
    <row r="699774" spans="14:14">
      <c r="N699774" s="10"/>
    </row>
    <row r="699775" spans="14:14">
      <c r="N699775" s="10"/>
    </row>
    <row r="699776" spans="14:14">
      <c r="N699776" s="10"/>
    </row>
    <row r="699777" spans="14:14">
      <c r="N699777" s="10"/>
    </row>
    <row r="699778" spans="14:14">
      <c r="N699778" s="10"/>
    </row>
    <row r="699779" spans="14:14">
      <c r="N699779" s="10"/>
    </row>
    <row r="699780" spans="14:14">
      <c r="N699780" s="10"/>
    </row>
    <row r="699781" spans="14:14">
      <c r="N699781" s="10"/>
    </row>
    <row r="699782" spans="14:14">
      <c r="N699782" s="10"/>
    </row>
    <row r="699783" spans="14:14">
      <c r="N699783" s="10"/>
    </row>
    <row r="699784" spans="14:14">
      <c r="N699784" s="10"/>
    </row>
    <row r="699785" spans="14:14">
      <c r="N699785" s="10"/>
    </row>
    <row r="699786" spans="14:14">
      <c r="N699786" s="10"/>
    </row>
    <row r="699787" spans="14:14">
      <c r="N699787" s="10"/>
    </row>
    <row r="699788" spans="14:14">
      <c r="N699788" s="10"/>
    </row>
    <row r="699789" spans="14:14">
      <c r="N699789" s="10"/>
    </row>
    <row r="699790" spans="14:14">
      <c r="N699790" s="10"/>
    </row>
    <row r="699791" spans="14:14">
      <c r="N699791" s="10"/>
    </row>
    <row r="699792" spans="14:14">
      <c r="N699792" s="10"/>
    </row>
    <row r="699793" spans="14:14">
      <c r="N699793" s="10"/>
    </row>
    <row r="699794" spans="14:14">
      <c r="N699794" s="10"/>
    </row>
    <row r="699795" spans="14:14">
      <c r="N699795" s="10"/>
    </row>
    <row r="699796" spans="14:14">
      <c r="N699796" s="10"/>
    </row>
    <row r="699797" spans="14:14">
      <c r="N699797" s="10"/>
    </row>
    <row r="699798" spans="14:14">
      <c r="N699798" s="10"/>
    </row>
    <row r="699799" spans="14:14">
      <c r="N699799" s="10"/>
    </row>
    <row r="699800" spans="14:14">
      <c r="N699800" s="10"/>
    </row>
    <row r="699801" spans="14:14">
      <c r="N699801" s="10"/>
    </row>
    <row r="699802" spans="14:14">
      <c r="N699802" s="10"/>
    </row>
    <row r="699803" spans="14:14">
      <c r="N699803" s="10"/>
    </row>
    <row r="699804" spans="14:14">
      <c r="N699804" s="10"/>
    </row>
    <row r="699805" spans="14:14">
      <c r="N699805" s="10"/>
    </row>
    <row r="699806" spans="14:14">
      <c r="N699806" s="10"/>
    </row>
    <row r="699807" spans="14:14">
      <c r="N699807" s="10"/>
    </row>
    <row r="699808" spans="14:14">
      <c r="N699808" s="10"/>
    </row>
    <row r="699809" spans="14:14">
      <c r="N699809" s="10"/>
    </row>
    <row r="699810" spans="14:14">
      <c r="N699810" s="10"/>
    </row>
    <row r="699811" spans="14:14">
      <c r="N699811" s="10"/>
    </row>
    <row r="699812" spans="14:14">
      <c r="N699812" s="10"/>
    </row>
    <row r="699813" spans="14:14">
      <c r="N699813" s="10"/>
    </row>
    <row r="699814" spans="14:14">
      <c r="N699814" s="10"/>
    </row>
    <row r="699815" spans="14:14">
      <c r="N699815" s="10"/>
    </row>
    <row r="699816" spans="14:14">
      <c r="N699816" s="10"/>
    </row>
    <row r="699817" spans="14:14">
      <c r="N699817" s="10"/>
    </row>
    <row r="699818" spans="14:14">
      <c r="N699818" s="10"/>
    </row>
    <row r="699819" spans="14:14">
      <c r="N699819" s="10"/>
    </row>
    <row r="699820" spans="14:14">
      <c r="N699820" s="10"/>
    </row>
    <row r="699821" spans="14:14">
      <c r="N699821" s="10"/>
    </row>
    <row r="699822" spans="14:14">
      <c r="N699822" s="10"/>
    </row>
    <row r="699823" spans="14:14">
      <c r="N699823" s="10"/>
    </row>
    <row r="699824" spans="14:14">
      <c r="N699824" s="10"/>
    </row>
    <row r="699825" spans="14:14">
      <c r="N699825" s="10"/>
    </row>
    <row r="699826" spans="14:14">
      <c r="N699826" s="10"/>
    </row>
    <row r="699827" spans="14:14">
      <c r="N699827" s="10"/>
    </row>
    <row r="699828" spans="14:14">
      <c r="N699828" s="10"/>
    </row>
    <row r="699829" spans="14:14">
      <c r="N699829" s="10"/>
    </row>
    <row r="699830" spans="14:14">
      <c r="N699830" s="10"/>
    </row>
    <row r="699831" spans="14:14">
      <c r="N699831" s="10"/>
    </row>
    <row r="699832" spans="14:14">
      <c r="N699832" s="10"/>
    </row>
    <row r="699833" spans="14:14">
      <c r="N699833" s="10"/>
    </row>
    <row r="699834" spans="14:14">
      <c r="N699834" s="10"/>
    </row>
    <row r="699835" spans="14:14">
      <c r="N699835" s="10"/>
    </row>
    <row r="699836" spans="14:14">
      <c r="N699836" s="10"/>
    </row>
    <row r="699837" spans="14:14">
      <c r="N699837" s="10"/>
    </row>
    <row r="699838" spans="14:14">
      <c r="N699838" s="10"/>
    </row>
    <row r="699839" spans="14:14">
      <c r="N699839" s="10"/>
    </row>
    <row r="699840" spans="14:14">
      <c r="N699840" s="10"/>
    </row>
    <row r="699841" spans="14:14">
      <c r="N699841" s="10"/>
    </row>
    <row r="699842" spans="14:14">
      <c r="N699842" s="10"/>
    </row>
    <row r="699843" spans="14:14">
      <c r="N699843" s="10"/>
    </row>
    <row r="699844" spans="14:14">
      <c r="N699844" s="10"/>
    </row>
    <row r="699845" spans="14:14">
      <c r="N699845" s="10"/>
    </row>
    <row r="699846" spans="14:14">
      <c r="N699846" s="10"/>
    </row>
    <row r="699847" spans="14:14">
      <c r="N699847" s="10"/>
    </row>
    <row r="699848" spans="14:14">
      <c r="N699848" s="10"/>
    </row>
    <row r="699849" spans="14:14">
      <c r="N699849" s="10"/>
    </row>
    <row r="699850" spans="14:14">
      <c r="N699850" s="10"/>
    </row>
    <row r="699851" spans="14:14">
      <c r="N699851" s="10"/>
    </row>
    <row r="699852" spans="14:14">
      <c r="N699852" s="10"/>
    </row>
    <row r="699853" spans="14:14">
      <c r="N699853" s="10"/>
    </row>
    <row r="699854" spans="14:14">
      <c r="N699854" s="10"/>
    </row>
    <row r="699855" spans="14:14">
      <c r="N699855" s="10"/>
    </row>
    <row r="699856" spans="14:14">
      <c r="N699856" s="10"/>
    </row>
    <row r="699857" spans="14:14">
      <c r="N699857" s="10"/>
    </row>
    <row r="699858" spans="14:14">
      <c r="N699858" s="10"/>
    </row>
    <row r="699859" spans="14:14">
      <c r="N699859" s="10"/>
    </row>
    <row r="699860" spans="14:14">
      <c r="N699860" s="10"/>
    </row>
    <row r="699861" spans="14:14">
      <c r="N699861" s="10"/>
    </row>
    <row r="699862" spans="14:14">
      <c r="N699862" s="10"/>
    </row>
    <row r="699863" spans="14:14">
      <c r="N699863" s="10"/>
    </row>
    <row r="699864" spans="14:14">
      <c r="N699864" s="10"/>
    </row>
    <row r="699865" spans="14:14">
      <c r="N699865" s="10"/>
    </row>
    <row r="699866" spans="14:14">
      <c r="N699866" s="10"/>
    </row>
    <row r="699867" spans="14:14">
      <c r="N699867" s="10"/>
    </row>
    <row r="699868" spans="14:14">
      <c r="N699868" s="10"/>
    </row>
    <row r="699869" spans="14:14">
      <c r="N699869" s="10"/>
    </row>
    <row r="699870" spans="14:14">
      <c r="N699870" s="10"/>
    </row>
    <row r="699871" spans="14:14">
      <c r="N699871" s="10"/>
    </row>
    <row r="699872" spans="14:14">
      <c r="N699872" s="10"/>
    </row>
    <row r="699873" spans="14:14">
      <c r="N699873" s="10"/>
    </row>
    <row r="699874" spans="14:14">
      <c r="N699874" s="10"/>
    </row>
    <row r="699875" spans="14:14">
      <c r="N699875" s="10"/>
    </row>
    <row r="699876" spans="14:14">
      <c r="N699876" s="10"/>
    </row>
    <row r="699877" spans="14:14">
      <c r="N699877" s="10"/>
    </row>
    <row r="699878" spans="14:14">
      <c r="N699878" s="10"/>
    </row>
    <row r="699879" spans="14:14">
      <c r="N699879" s="10"/>
    </row>
    <row r="699880" spans="14:14">
      <c r="N699880" s="10"/>
    </row>
    <row r="699881" spans="14:14">
      <c r="N699881" s="10"/>
    </row>
    <row r="699882" spans="14:14">
      <c r="N699882" s="10"/>
    </row>
    <row r="699883" spans="14:14">
      <c r="N699883" s="10"/>
    </row>
    <row r="699884" spans="14:14">
      <c r="N699884" s="10"/>
    </row>
    <row r="699885" spans="14:14">
      <c r="N699885" s="10"/>
    </row>
    <row r="699886" spans="14:14">
      <c r="N699886" s="10"/>
    </row>
    <row r="699887" spans="14:14">
      <c r="N699887" s="10"/>
    </row>
    <row r="699888" spans="14:14">
      <c r="N699888" s="10"/>
    </row>
    <row r="699889" spans="14:14">
      <c r="N699889" s="10"/>
    </row>
    <row r="699890" spans="14:14">
      <c r="N699890" s="10"/>
    </row>
    <row r="699891" spans="14:14">
      <c r="N699891" s="10"/>
    </row>
    <row r="699892" spans="14:14">
      <c r="N699892" s="10"/>
    </row>
    <row r="699893" spans="14:14">
      <c r="N699893" s="10"/>
    </row>
    <row r="699894" spans="14:14">
      <c r="N699894" s="10"/>
    </row>
    <row r="699895" spans="14:14">
      <c r="N699895" s="10"/>
    </row>
    <row r="699896" spans="14:14">
      <c r="N699896" s="10"/>
    </row>
    <row r="699897" spans="14:14">
      <c r="N699897" s="10"/>
    </row>
    <row r="699898" spans="14:14">
      <c r="N699898" s="10"/>
    </row>
    <row r="699899" spans="14:14">
      <c r="N699899" s="10"/>
    </row>
    <row r="699900" spans="14:14">
      <c r="N699900" s="10"/>
    </row>
    <row r="699901" spans="14:14">
      <c r="N699901" s="10"/>
    </row>
    <row r="699902" spans="14:14">
      <c r="N699902" s="10"/>
    </row>
    <row r="699903" spans="14:14">
      <c r="N699903" s="10"/>
    </row>
    <row r="699904" spans="14:14">
      <c r="N699904" s="10"/>
    </row>
    <row r="699905" spans="14:14">
      <c r="N699905" s="10"/>
    </row>
    <row r="699906" spans="14:14">
      <c r="N699906" s="10"/>
    </row>
    <row r="699907" spans="14:14">
      <c r="N699907" s="10"/>
    </row>
    <row r="699908" spans="14:14">
      <c r="N699908" s="10"/>
    </row>
    <row r="699909" spans="14:14">
      <c r="N699909" s="10"/>
    </row>
    <row r="699910" spans="14:14">
      <c r="N699910" s="10"/>
    </row>
    <row r="699911" spans="14:14">
      <c r="N699911" s="10"/>
    </row>
    <row r="699912" spans="14:14">
      <c r="N699912" s="10"/>
    </row>
    <row r="699913" spans="14:14">
      <c r="N699913" s="10"/>
    </row>
    <row r="699914" spans="14:14">
      <c r="N699914" s="10"/>
    </row>
    <row r="699915" spans="14:14">
      <c r="N699915" s="10"/>
    </row>
    <row r="699916" spans="14:14">
      <c r="N699916" s="10"/>
    </row>
    <row r="699917" spans="14:14">
      <c r="N699917" s="10"/>
    </row>
    <row r="699918" spans="14:14">
      <c r="N699918" s="10"/>
    </row>
    <row r="699919" spans="14:14">
      <c r="N699919" s="10"/>
    </row>
    <row r="699920" spans="14:14">
      <c r="N699920" s="10"/>
    </row>
    <row r="699921" spans="14:14">
      <c r="N699921" s="10"/>
    </row>
    <row r="699922" spans="14:14">
      <c r="N699922" s="10"/>
    </row>
    <row r="699923" spans="14:14">
      <c r="N699923" s="10"/>
    </row>
    <row r="699924" spans="14:14">
      <c r="N699924" s="10"/>
    </row>
    <row r="699925" spans="14:14">
      <c r="N699925" s="10"/>
    </row>
    <row r="699926" spans="14:14">
      <c r="N699926" s="10"/>
    </row>
    <row r="699927" spans="14:14">
      <c r="N699927" s="10"/>
    </row>
    <row r="699928" spans="14:14">
      <c r="N699928" s="10"/>
    </row>
    <row r="699929" spans="14:14">
      <c r="N699929" s="10"/>
    </row>
    <row r="699930" spans="14:14">
      <c r="N699930" s="10"/>
    </row>
    <row r="699931" spans="14:14">
      <c r="N699931" s="10"/>
    </row>
    <row r="699932" spans="14:14">
      <c r="N699932" s="10"/>
    </row>
    <row r="699933" spans="14:14">
      <c r="N699933" s="10"/>
    </row>
    <row r="699934" spans="14:14">
      <c r="N699934" s="10"/>
    </row>
    <row r="699935" spans="14:14">
      <c r="N699935" s="10"/>
    </row>
    <row r="699936" spans="14:14">
      <c r="N699936" s="10"/>
    </row>
    <row r="699937" spans="14:14">
      <c r="N699937" s="10"/>
    </row>
    <row r="699938" spans="14:14">
      <c r="N699938" s="10"/>
    </row>
    <row r="699939" spans="14:14">
      <c r="N699939" s="10"/>
    </row>
    <row r="699940" spans="14:14">
      <c r="N699940" s="10"/>
    </row>
    <row r="699941" spans="14:14">
      <c r="N699941" s="10"/>
    </row>
    <row r="699942" spans="14:14">
      <c r="N699942" s="10"/>
    </row>
    <row r="699943" spans="14:14">
      <c r="N699943" s="10"/>
    </row>
    <row r="699944" spans="14:14">
      <c r="N699944" s="10"/>
    </row>
    <row r="699945" spans="14:14">
      <c r="N699945" s="10"/>
    </row>
    <row r="699946" spans="14:14">
      <c r="N699946" s="10"/>
    </row>
    <row r="699947" spans="14:14">
      <c r="N699947" s="10"/>
    </row>
    <row r="699948" spans="14:14">
      <c r="N699948" s="10"/>
    </row>
    <row r="699949" spans="14:14">
      <c r="N699949" s="10"/>
    </row>
    <row r="699950" spans="14:14">
      <c r="N699950" s="10"/>
    </row>
    <row r="699951" spans="14:14">
      <c r="N699951" s="10"/>
    </row>
    <row r="699952" spans="14:14">
      <c r="N699952" s="10"/>
    </row>
    <row r="699953" spans="14:14">
      <c r="N699953" s="10"/>
    </row>
    <row r="699954" spans="14:14">
      <c r="N699954" s="10"/>
    </row>
    <row r="699955" spans="14:14">
      <c r="N699955" s="10"/>
    </row>
    <row r="699956" spans="14:14">
      <c r="N699956" s="10"/>
    </row>
    <row r="699957" spans="14:14">
      <c r="N699957" s="10"/>
    </row>
    <row r="699958" spans="14:14">
      <c r="N699958" s="10"/>
    </row>
    <row r="699959" spans="14:14">
      <c r="N699959" s="10"/>
    </row>
    <row r="699960" spans="14:14">
      <c r="N699960" s="10"/>
    </row>
    <row r="699961" spans="14:14">
      <c r="N699961" s="10"/>
    </row>
    <row r="699962" spans="14:14">
      <c r="N699962" s="10"/>
    </row>
    <row r="699963" spans="14:14">
      <c r="N699963" s="10"/>
    </row>
    <row r="699964" spans="14:14">
      <c r="N699964" s="10"/>
    </row>
    <row r="699965" spans="14:14">
      <c r="N699965" s="10"/>
    </row>
    <row r="699966" spans="14:14">
      <c r="N699966" s="10"/>
    </row>
    <row r="699967" spans="14:14">
      <c r="N699967" s="10"/>
    </row>
    <row r="699968" spans="14:14">
      <c r="N699968" s="10"/>
    </row>
    <row r="699969" spans="14:14">
      <c r="N699969" s="10"/>
    </row>
    <row r="699970" spans="14:14">
      <c r="N699970" s="10"/>
    </row>
    <row r="699971" spans="14:14">
      <c r="N699971" s="10"/>
    </row>
    <row r="699972" spans="14:14">
      <c r="N699972" s="10"/>
    </row>
    <row r="699973" spans="14:14">
      <c r="N699973" s="10"/>
    </row>
    <row r="699974" spans="14:14">
      <c r="N699974" s="10"/>
    </row>
    <row r="699975" spans="14:14">
      <c r="N699975" s="10"/>
    </row>
    <row r="699976" spans="14:14">
      <c r="N699976" s="10"/>
    </row>
    <row r="699977" spans="14:14">
      <c r="N699977" s="10"/>
    </row>
    <row r="699978" spans="14:14">
      <c r="N699978" s="10"/>
    </row>
    <row r="699979" spans="14:14">
      <c r="N699979" s="10"/>
    </row>
    <row r="699980" spans="14:14">
      <c r="N699980" s="10"/>
    </row>
    <row r="699981" spans="14:14">
      <c r="N699981" s="10"/>
    </row>
    <row r="699982" spans="14:14">
      <c r="N699982" s="10"/>
    </row>
    <row r="699983" spans="14:14">
      <c r="N699983" s="10"/>
    </row>
    <row r="699984" spans="14:14">
      <c r="N699984" s="10"/>
    </row>
    <row r="699985" spans="14:14">
      <c r="N699985" s="10"/>
    </row>
    <row r="699986" spans="14:14">
      <c r="N699986" s="10"/>
    </row>
    <row r="699987" spans="14:14">
      <c r="N699987" s="10"/>
    </row>
    <row r="699988" spans="14:14">
      <c r="N699988" s="10"/>
    </row>
    <row r="699989" spans="14:14">
      <c r="N699989" s="10"/>
    </row>
    <row r="699990" spans="14:14">
      <c r="N699990" s="10"/>
    </row>
    <row r="699991" spans="14:14">
      <c r="N699991" s="10"/>
    </row>
    <row r="699992" spans="14:14">
      <c r="N699992" s="10"/>
    </row>
    <row r="699993" spans="14:14">
      <c r="N699993" s="10"/>
    </row>
    <row r="699994" spans="14:14">
      <c r="N699994" s="10"/>
    </row>
    <row r="699995" spans="14:14">
      <c r="N699995" s="10"/>
    </row>
    <row r="699996" spans="14:14">
      <c r="N699996" s="10"/>
    </row>
    <row r="699997" spans="14:14">
      <c r="N699997" s="10"/>
    </row>
    <row r="699998" spans="14:14">
      <c r="N699998" s="10"/>
    </row>
    <row r="699999" spans="14:14">
      <c r="N699999" s="10"/>
    </row>
    <row r="700000" spans="14:14">
      <c r="N700000" s="10"/>
    </row>
    <row r="700001" spans="14:14">
      <c r="N700001" s="10"/>
    </row>
    <row r="700002" spans="14:14">
      <c r="N700002" s="10"/>
    </row>
    <row r="700003" spans="14:14">
      <c r="N700003" s="10"/>
    </row>
    <row r="700004" spans="14:14">
      <c r="N700004" s="10"/>
    </row>
    <row r="700005" spans="14:14">
      <c r="N700005" s="10"/>
    </row>
    <row r="700006" spans="14:14">
      <c r="N700006" s="10"/>
    </row>
    <row r="700007" spans="14:14">
      <c r="N700007" s="10"/>
    </row>
    <row r="700008" spans="14:14">
      <c r="N700008" s="10"/>
    </row>
    <row r="700009" spans="14:14">
      <c r="N700009" s="10"/>
    </row>
    <row r="700010" spans="14:14">
      <c r="N700010" s="10"/>
    </row>
    <row r="700011" spans="14:14">
      <c r="N700011" s="10"/>
    </row>
    <row r="700012" spans="14:14">
      <c r="N700012" s="10"/>
    </row>
    <row r="700013" spans="14:14">
      <c r="N700013" s="10"/>
    </row>
    <row r="700014" spans="14:14">
      <c r="N700014" s="10"/>
    </row>
    <row r="700015" spans="14:14">
      <c r="N700015" s="10"/>
    </row>
    <row r="700016" spans="14:14">
      <c r="N700016" s="10"/>
    </row>
    <row r="700017" spans="14:14">
      <c r="N700017" s="10"/>
    </row>
    <row r="700018" spans="14:14">
      <c r="N700018" s="10"/>
    </row>
    <row r="700019" spans="14:14">
      <c r="N700019" s="10"/>
    </row>
    <row r="700020" spans="14:14">
      <c r="N700020" s="10"/>
    </row>
    <row r="700021" spans="14:14">
      <c r="N700021" s="10"/>
    </row>
    <row r="700022" spans="14:14">
      <c r="N700022" s="10"/>
    </row>
    <row r="700023" spans="14:14">
      <c r="N700023" s="10"/>
    </row>
    <row r="700024" spans="14:14">
      <c r="N700024" s="10"/>
    </row>
    <row r="700025" spans="14:14">
      <c r="N700025" s="10"/>
    </row>
    <row r="700026" spans="14:14">
      <c r="N700026" s="10"/>
    </row>
    <row r="700027" spans="14:14">
      <c r="N700027" s="10"/>
    </row>
    <row r="700028" spans="14:14">
      <c r="N700028" s="10"/>
    </row>
    <row r="700029" spans="14:14">
      <c r="N700029" s="10"/>
    </row>
    <row r="700030" spans="14:14">
      <c r="N700030" s="10"/>
    </row>
    <row r="700031" spans="14:14">
      <c r="N700031" s="10"/>
    </row>
    <row r="700032" spans="14:14">
      <c r="N700032" s="10"/>
    </row>
    <row r="700033" spans="14:14">
      <c r="N700033" s="10"/>
    </row>
    <row r="700034" spans="14:14">
      <c r="N700034" s="10"/>
    </row>
    <row r="700035" spans="14:14">
      <c r="N700035" s="10"/>
    </row>
    <row r="700036" spans="14:14">
      <c r="N700036" s="10"/>
    </row>
    <row r="700037" spans="14:14">
      <c r="N700037" s="10"/>
    </row>
    <row r="700038" spans="14:14">
      <c r="N700038" s="10"/>
    </row>
    <row r="700039" spans="14:14">
      <c r="N700039" s="10"/>
    </row>
    <row r="700040" spans="14:14">
      <c r="N700040" s="10"/>
    </row>
    <row r="700041" spans="14:14">
      <c r="N700041" s="10"/>
    </row>
    <row r="700042" spans="14:14">
      <c r="N700042" s="10"/>
    </row>
    <row r="700043" spans="14:14">
      <c r="N700043" s="10"/>
    </row>
    <row r="700044" spans="14:14">
      <c r="N700044" s="10"/>
    </row>
    <row r="700045" spans="14:14">
      <c r="N700045" s="10"/>
    </row>
    <row r="700046" spans="14:14">
      <c r="N700046" s="10"/>
    </row>
    <row r="700047" spans="14:14">
      <c r="N700047" s="10"/>
    </row>
    <row r="700048" spans="14:14">
      <c r="N700048" s="10"/>
    </row>
    <row r="700049" spans="14:14">
      <c r="N700049" s="10"/>
    </row>
    <row r="700050" spans="14:14">
      <c r="N700050" s="10"/>
    </row>
    <row r="700051" spans="14:14">
      <c r="N700051" s="10"/>
    </row>
    <row r="700052" spans="14:14">
      <c r="N700052" s="10"/>
    </row>
    <row r="700053" spans="14:14">
      <c r="N700053" s="10"/>
    </row>
    <row r="700054" spans="14:14">
      <c r="N700054" s="10"/>
    </row>
    <row r="700055" spans="14:14">
      <c r="N700055" s="10"/>
    </row>
    <row r="700056" spans="14:14">
      <c r="N700056" s="10"/>
    </row>
    <row r="700057" spans="14:14">
      <c r="N700057" s="10"/>
    </row>
    <row r="700058" spans="14:14">
      <c r="N700058" s="10"/>
    </row>
    <row r="700059" spans="14:14">
      <c r="N700059" s="10"/>
    </row>
    <row r="700060" spans="14:14">
      <c r="N700060" s="10"/>
    </row>
    <row r="700061" spans="14:14">
      <c r="N700061" s="10"/>
    </row>
    <row r="700062" spans="14:14">
      <c r="N700062" s="10"/>
    </row>
    <row r="700063" spans="14:14">
      <c r="N700063" s="10"/>
    </row>
    <row r="700064" spans="14:14">
      <c r="N700064" s="10"/>
    </row>
    <row r="700065" spans="14:14">
      <c r="N700065" s="10"/>
    </row>
    <row r="700066" spans="14:14">
      <c r="N700066" s="10"/>
    </row>
    <row r="700067" spans="14:14">
      <c r="N700067" s="10"/>
    </row>
    <row r="700068" spans="14:14">
      <c r="N700068" s="10"/>
    </row>
    <row r="700069" spans="14:14">
      <c r="N700069" s="10"/>
    </row>
    <row r="700070" spans="14:14">
      <c r="N700070" s="10"/>
    </row>
    <row r="700071" spans="14:14">
      <c r="N700071" s="10"/>
    </row>
    <row r="700072" spans="14:14">
      <c r="N700072" s="10"/>
    </row>
    <row r="700073" spans="14:14">
      <c r="N700073" s="10"/>
    </row>
    <row r="700074" spans="14:14">
      <c r="N700074" s="10"/>
    </row>
    <row r="700075" spans="14:14">
      <c r="N700075" s="10"/>
    </row>
    <row r="700076" spans="14:14">
      <c r="N700076" s="10"/>
    </row>
    <row r="700077" spans="14:14">
      <c r="N700077" s="10"/>
    </row>
    <row r="700078" spans="14:14">
      <c r="N700078" s="10"/>
    </row>
    <row r="700079" spans="14:14">
      <c r="N700079" s="10"/>
    </row>
    <row r="700080" spans="14:14">
      <c r="N700080" s="10"/>
    </row>
    <row r="700081" spans="14:14">
      <c r="N700081" s="10"/>
    </row>
    <row r="700082" spans="14:14">
      <c r="N700082" s="10"/>
    </row>
    <row r="700083" spans="14:14">
      <c r="N700083" s="10"/>
    </row>
    <row r="700084" spans="14:14">
      <c r="N700084" s="10"/>
    </row>
    <row r="700085" spans="14:14">
      <c r="N700085" s="10"/>
    </row>
    <row r="700086" spans="14:14">
      <c r="N700086" s="10"/>
    </row>
    <row r="700087" spans="14:14">
      <c r="N700087" s="10"/>
    </row>
    <row r="700088" spans="14:14">
      <c r="N700088" s="10"/>
    </row>
    <row r="700089" spans="14:14">
      <c r="N700089" s="10"/>
    </row>
    <row r="700090" spans="14:14">
      <c r="N700090" s="10"/>
    </row>
    <row r="700091" spans="14:14">
      <c r="N700091" s="10"/>
    </row>
    <row r="700092" spans="14:14">
      <c r="N700092" s="10"/>
    </row>
    <row r="700093" spans="14:14">
      <c r="N700093" s="10"/>
    </row>
    <row r="700094" spans="14:14">
      <c r="N700094" s="10"/>
    </row>
    <row r="700095" spans="14:14">
      <c r="N700095" s="10"/>
    </row>
    <row r="700096" spans="14:14">
      <c r="N700096" s="10"/>
    </row>
    <row r="700097" spans="14:14">
      <c r="N700097" s="10"/>
    </row>
    <row r="700098" spans="14:14">
      <c r="N700098" s="10"/>
    </row>
    <row r="700099" spans="14:14">
      <c r="N700099" s="10"/>
    </row>
    <row r="700100" spans="14:14">
      <c r="N700100" s="10"/>
    </row>
    <row r="700101" spans="14:14">
      <c r="N700101" s="10"/>
    </row>
    <row r="700102" spans="14:14">
      <c r="N700102" s="10"/>
    </row>
    <row r="700103" spans="14:14">
      <c r="N700103" s="10"/>
    </row>
    <row r="700104" spans="14:14">
      <c r="N700104" s="10"/>
    </row>
    <row r="700105" spans="14:14">
      <c r="N700105" s="10"/>
    </row>
    <row r="700106" spans="14:14">
      <c r="N700106" s="10"/>
    </row>
    <row r="700107" spans="14:14">
      <c r="N700107" s="10"/>
    </row>
    <row r="700108" spans="14:14">
      <c r="N700108" s="10"/>
    </row>
    <row r="700109" spans="14:14">
      <c r="N700109" s="10"/>
    </row>
    <row r="700110" spans="14:14">
      <c r="N700110" s="10"/>
    </row>
    <row r="700111" spans="14:14">
      <c r="N700111" s="10"/>
    </row>
    <row r="700112" spans="14:14">
      <c r="N700112" s="10"/>
    </row>
    <row r="700113" spans="14:14">
      <c r="N700113" s="10"/>
    </row>
    <row r="700114" spans="14:14">
      <c r="N700114" s="10"/>
    </row>
    <row r="700115" spans="14:14">
      <c r="N700115" s="10"/>
    </row>
    <row r="700116" spans="14:14">
      <c r="N700116" s="10"/>
    </row>
    <row r="700117" spans="14:14">
      <c r="N700117" s="10"/>
    </row>
    <row r="700118" spans="14:14">
      <c r="N700118" s="10"/>
    </row>
    <row r="700119" spans="14:14">
      <c r="N700119" s="10"/>
    </row>
    <row r="700120" spans="14:14">
      <c r="N700120" s="10"/>
    </row>
    <row r="700121" spans="14:14">
      <c r="N700121" s="10"/>
    </row>
    <row r="700122" spans="14:14">
      <c r="N700122" s="10"/>
    </row>
    <row r="700123" spans="14:14">
      <c r="N700123" s="10"/>
    </row>
    <row r="700124" spans="14:14">
      <c r="N700124" s="10"/>
    </row>
    <row r="700125" spans="14:14">
      <c r="N700125" s="10"/>
    </row>
    <row r="700126" spans="14:14">
      <c r="N700126" s="10"/>
    </row>
    <row r="700127" spans="14:14">
      <c r="N700127" s="10"/>
    </row>
    <row r="700128" spans="14:14">
      <c r="N700128" s="10"/>
    </row>
    <row r="700129" spans="14:14">
      <c r="N700129" s="10"/>
    </row>
    <row r="700130" spans="14:14">
      <c r="N700130" s="10"/>
    </row>
    <row r="700131" spans="14:14">
      <c r="N700131" s="10"/>
    </row>
    <row r="700132" spans="14:14">
      <c r="N700132" s="10"/>
    </row>
    <row r="700133" spans="14:14">
      <c r="N700133" s="10"/>
    </row>
    <row r="700134" spans="14:14">
      <c r="N700134" s="10"/>
    </row>
    <row r="700135" spans="14:14">
      <c r="N700135" s="10"/>
    </row>
    <row r="700136" spans="14:14">
      <c r="N700136" s="10"/>
    </row>
    <row r="700137" spans="14:14">
      <c r="N700137" s="10"/>
    </row>
    <row r="700138" spans="14:14">
      <c r="N700138" s="10"/>
    </row>
    <row r="700139" spans="14:14">
      <c r="N700139" s="10"/>
    </row>
    <row r="700140" spans="14:14">
      <c r="N700140" s="10"/>
    </row>
    <row r="700141" spans="14:14">
      <c r="N700141" s="10"/>
    </row>
    <row r="700142" spans="14:14">
      <c r="N700142" s="10"/>
    </row>
    <row r="700143" spans="14:14">
      <c r="N700143" s="10"/>
    </row>
    <row r="700144" spans="14:14">
      <c r="N700144" s="10"/>
    </row>
    <row r="700145" spans="14:14">
      <c r="N700145" s="10"/>
    </row>
    <row r="700146" spans="14:14">
      <c r="N700146" s="10"/>
    </row>
    <row r="700147" spans="14:14">
      <c r="N700147" s="10"/>
    </row>
    <row r="700148" spans="14:14">
      <c r="N700148" s="10"/>
    </row>
    <row r="700149" spans="14:14">
      <c r="N700149" s="10"/>
    </row>
    <row r="700150" spans="14:14">
      <c r="N700150" s="10"/>
    </row>
    <row r="700151" spans="14:14">
      <c r="N700151" s="10"/>
    </row>
    <row r="700152" spans="14:14">
      <c r="N700152" s="10"/>
    </row>
    <row r="700153" spans="14:14">
      <c r="N700153" s="10"/>
    </row>
    <row r="700154" spans="14:14">
      <c r="N700154" s="10"/>
    </row>
    <row r="700155" spans="14:14">
      <c r="N700155" s="10"/>
    </row>
    <row r="700156" spans="14:14">
      <c r="N700156" s="10"/>
    </row>
    <row r="700157" spans="14:14">
      <c r="N700157" s="10"/>
    </row>
    <row r="700158" spans="14:14">
      <c r="N700158" s="10"/>
    </row>
    <row r="700159" spans="14:14">
      <c r="N700159" s="10"/>
    </row>
    <row r="700160" spans="14:14">
      <c r="N700160" s="10"/>
    </row>
    <row r="700161" spans="14:14">
      <c r="N700161" s="10"/>
    </row>
    <row r="700162" spans="14:14">
      <c r="N700162" s="10"/>
    </row>
    <row r="700163" spans="14:14">
      <c r="N700163" s="10"/>
    </row>
    <row r="700164" spans="14:14">
      <c r="N700164" s="10"/>
    </row>
    <row r="700165" spans="14:14">
      <c r="N700165" s="10"/>
    </row>
    <row r="700166" spans="14:14">
      <c r="N700166" s="10"/>
    </row>
    <row r="700167" spans="14:14">
      <c r="N700167" s="10"/>
    </row>
    <row r="700168" spans="14:14">
      <c r="N700168" s="10"/>
    </row>
    <row r="700169" spans="14:14">
      <c r="N700169" s="10"/>
    </row>
    <row r="700170" spans="14:14">
      <c r="N700170" s="10"/>
    </row>
    <row r="700171" spans="14:14">
      <c r="N700171" s="10"/>
    </row>
    <row r="700172" spans="14:14">
      <c r="N700172" s="10"/>
    </row>
    <row r="700173" spans="14:14">
      <c r="N700173" s="10"/>
    </row>
    <row r="700174" spans="14:14">
      <c r="N700174" s="10"/>
    </row>
    <row r="700175" spans="14:14">
      <c r="N700175" s="10"/>
    </row>
    <row r="700176" spans="14:14">
      <c r="N700176" s="10"/>
    </row>
    <row r="700177" spans="14:14">
      <c r="N700177" s="10"/>
    </row>
    <row r="700178" spans="14:14">
      <c r="N700178" s="10"/>
    </row>
    <row r="700179" spans="14:14">
      <c r="N700179" s="10"/>
    </row>
    <row r="700180" spans="14:14">
      <c r="N700180" s="10"/>
    </row>
    <row r="700181" spans="14:14">
      <c r="N700181" s="10"/>
    </row>
    <row r="700182" spans="14:14">
      <c r="N700182" s="10"/>
    </row>
    <row r="700183" spans="14:14">
      <c r="N700183" s="10"/>
    </row>
    <row r="700184" spans="14:14">
      <c r="N700184" s="10"/>
    </row>
    <row r="700185" spans="14:14">
      <c r="N700185" s="10"/>
    </row>
    <row r="700186" spans="14:14">
      <c r="N700186" s="10"/>
    </row>
    <row r="700187" spans="14:14">
      <c r="N700187" s="10"/>
    </row>
    <row r="700188" spans="14:14">
      <c r="N700188" s="10"/>
    </row>
    <row r="700189" spans="14:14">
      <c r="N700189" s="10"/>
    </row>
    <row r="700190" spans="14:14">
      <c r="N700190" s="10"/>
    </row>
    <row r="700191" spans="14:14">
      <c r="N700191" s="10"/>
    </row>
    <row r="700192" spans="14:14">
      <c r="N700192" s="10"/>
    </row>
    <row r="700193" spans="14:14">
      <c r="N700193" s="10"/>
    </row>
    <row r="700194" spans="14:14">
      <c r="N700194" s="10"/>
    </row>
    <row r="700195" spans="14:14">
      <c r="N700195" s="10"/>
    </row>
    <row r="700196" spans="14:14">
      <c r="N700196" s="10"/>
    </row>
    <row r="700197" spans="14:14">
      <c r="N700197" s="10"/>
    </row>
    <row r="700198" spans="14:14">
      <c r="N700198" s="10"/>
    </row>
    <row r="700199" spans="14:14">
      <c r="N700199" s="10"/>
    </row>
    <row r="700200" spans="14:14">
      <c r="N700200" s="10"/>
    </row>
    <row r="700201" spans="14:14">
      <c r="N700201" s="10"/>
    </row>
    <row r="700202" spans="14:14">
      <c r="N700202" s="10"/>
    </row>
    <row r="700203" spans="14:14">
      <c r="N700203" s="10"/>
    </row>
    <row r="700204" spans="14:14">
      <c r="N700204" s="10"/>
    </row>
    <row r="700205" spans="14:14">
      <c r="N700205" s="10"/>
    </row>
    <row r="700206" spans="14:14">
      <c r="N700206" s="10"/>
    </row>
    <row r="700207" spans="14:14">
      <c r="N700207" s="10"/>
    </row>
    <row r="700208" spans="14:14">
      <c r="N700208" s="10"/>
    </row>
    <row r="700209" spans="14:14">
      <c r="N700209" s="10"/>
    </row>
    <row r="700210" spans="14:14">
      <c r="N700210" s="10"/>
    </row>
    <row r="700211" spans="14:14">
      <c r="N700211" s="10"/>
    </row>
    <row r="700212" spans="14:14">
      <c r="N700212" s="10"/>
    </row>
    <row r="700213" spans="14:14">
      <c r="N700213" s="10"/>
    </row>
    <row r="700214" spans="14:14">
      <c r="N700214" s="10"/>
    </row>
    <row r="700215" spans="14:14">
      <c r="N700215" s="10"/>
    </row>
    <row r="700216" spans="14:14">
      <c r="N700216" s="10"/>
    </row>
    <row r="700217" spans="14:14">
      <c r="N700217" s="10"/>
    </row>
    <row r="700218" spans="14:14">
      <c r="N700218" s="10"/>
    </row>
    <row r="700219" spans="14:14">
      <c r="N700219" s="10"/>
    </row>
    <row r="700220" spans="14:14">
      <c r="N700220" s="10"/>
    </row>
    <row r="700221" spans="14:14">
      <c r="N700221" s="10"/>
    </row>
    <row r="700222" spans="14:14">
      <c r="N700222" s="10"/>
    </row>
    <row r="700223" spans="14:14">
      <c r="N700223" s="10"/>
    </row>
    <row r="700224" spans="14:14">
      <c r="N700224" s="10"/>
    </row>
    <row r="700225" spans="14:14">
      <c r="N700225" s="10"/>
    </row>
    <row r="700226" spans="14:14">
      <c r="N700226" s="10"/>
    </row>
    <row r="700227" spans="14:14">
      <c r="N700227" s="10"/>
    </row>
    <row r="700228" spans="14:14">
      <c r="N700228" s="10"/>
    </row>
    <row r="700229" spans="14:14">
      <c r="N700229" s="10"/>
    </row>
    <row r="700230" spans="14:14">
      <c r="N700230" s="10"/>
    </row>
    <row r="700231" spans="14:14">
      <c r="N700231" s="10"/>
    </row>
    <row r="700232" spans="14:14">
      <c r="N700232" s="10"/>
    </row>
    <row r="700233" spans="14:14">
      <c r="N700233" s="10"/>
    </row>
    <row r="700234" spans="14:14">
      <c r="N700234" s="10"/>
    </row>
    <row r="700235" spans="14:14">
      <c r="N700235" s="10"/>
    </row>
    <row r="700236" spans="14:14">
      <c r="N700236" s="10"/>
    </row>
    <row r="700237" spans="14:14">
      <c r="N700237" s="10"/>
    </row>
    <row r="700238" spans="14:14">
      <c r="N700238" s="10"/>
    </row>
    <row r="700239" spans="14:14">
      <c r="N700239" s="10"/>
    </row>
    <row r="700240" spans="14:14">
      <c r="N700240" s="10"/>
    </row>
    <row r="700241" spans="14:14">
      <c r="N700241" s="10"/>
    </row>
    <row r="700242" spans="14:14">
      <c r="N700242" s="10"/>
    </row>
    <row r="700243" spans="14:14">
      <c r="N700243" s="10"/>
    </row>
    <row r="700244" spans="14:14">
      <c r="N700244" s="10"/>
    </row>
    <row r="700245" spans="14:14">
      <c r="N700245" s="10"/>
    </row>
    <row r="700246" spans="14:14">
      <c r="N700246" s="10"/>
    </row>
    <row r="700247" spans="14:14">
      <c r="N700247" s="10"/>
    </row>
    <row r="700248" spans="14:14">
      <c r="N700248" s="10"/>
    </row>
    <row r="700249" spans="14:14">
      <c r="N700249" s="10"/>
    </row>
    <row r="700250" spans="14:14">
      <c r="N700250" s="10"/>
    </row>
    <row r="700251" spans="14:14">
      <c r="N700251" s="10"/>
    </row>
    <row r="700252" spans="14:14">
      <c r="N700252" s="10"/>
    </row>
    <row r="700253" spans="14:14">
      <c r="N700253" s="10"/>
    </row>
    <row r="700254" spans="14:14">
      <c r="N700254" s="10"/>
    </row>
    <row r="700255" spans="14:14">
      <c r="N700255" s="10"/>
    </row>
    <row r="700256" spans="14:14">
      <c r="N700256" s="10"/>
    </row>
    <row r="700257" spans="14:14">
      <c r="N700257" s="10"/>
    </row>
    <row r="700258" spans="14:14">
      <c r="N700258" s="10"/>
    </row>
    <row r="700259" spans="14:14">
      <c r="N700259" s="10"/>
    </row>
    <row r="700260" spans="14:14">
      <c r="N700260" s="10"/>
    </row>
    <row r="700261" spans="14:14">
      <c r="N700261" s="10"/>
    </row>
    <row r="700262" spans="14:14">
      <c r="N700262" s="10"/>
    </row>
    <row r="700263" spans="14:14">
      <c r="N700263" s="10"/>
    </row>
    <row r="700264" spans="14:14">
      <c r="N700264" s="10"/>
    </row>
    <row r="700265" spans="14:14">
      <c r="N700265" s="10"/>
    </row>
    <row r="700266" spans="14:14">
      <c r="N700266" s="10"/>
    </row>
    <row r="700267" spans="14:14">
      <c r="N700267" s="10"/>
    </row>
    <row r="700268" spans="14:14">
      <c r="N700268" s="10"/>
    </row>
    <row r="700269" spans="14:14">
      <c r="N700269" s="10"/>
    </row>
    <row r="700270" spans="14:14">
      <c r="N700270" s="10"/>
    </row>
    <row r="700271" spans="14:14">
      <c r="N700271" s="10"/>
    </row>
    <row r="700272" spans="14:14">
      <c r="N700272" s="10"/>
    </row>
    <row r="700273" spans="14:14">
      <c r="N700273" s="10"/>
    </row>
    <row r="700274" spans="14:14">
      <c r="N700274" s="10"/>
    </row>
    <row r="700275" spans="14:14">
      <c r="N700275" s="10"/>
    </row>
    <row r="700276" spans="14:14">
      <c r="N700276" s="10"/>
    </row>
    <row r="700277" spans="14:14">
      <c r="N700277" s="10"/>
    </row>
    <row r="700278" spans="14:14">
      <c r="N700278" s="10"/>
    </row>
    <row r="700279" spans="14:14">
      <c r="N700279" s="10"/>
    </row>
    <row r="700280" spans="14:14">
      <c r="N700280" s="10"/>
    </row>
    <row r="700281" spans="14:14">
      <c r="N700281" s="10"/>
    </row>
    <row r="700282" spans="14:14">
      <c r="N700282" s="10"/>
    </row>
    <row r="700283" spans="14:14">
      <c r="N700283" s="10"/>
    </row>
    <row r="700284" spans="14:14">
      <c r="N700284" s="10"/>
    </row>
    <row r="700285" spans="14:14">
      <c r="N700285" s="10"/>
    </row>
    <row r="700286" spans="14:14">
      <c r="N700286" s="10"/>
    </row>
    <row r="700287" spans="14:14">
      <c r="N700287" s="10"/>
    </row>
    <row r="700288" spans="14:14">
      <c r="N700288" s="10"/>
    </row>
    <row r="700289" spans="14:14">
      <c r="N700289" s="10"/>
    </row>
    <row r="700290" spans="14:14">
      <c r="N700290" s="10"/>
    </row>
    <row r="700291" spans="14:14">
      <c r="N700291" s="10"/>
    </row>
    <row r="700292" spans="14:14">
      <c r="N700292" s="10"/>
    </row>
    <row r="700293" spans="14:14">
      <c r="N700293" s="10"/>
    </row>
    <row r="700294" spans="14:14">
      <c r="N700294" s="10"/>
    </row>
    <row r="700295" spans="14:14">
      <c r="N700295" s="10"/>
    </row>
    <row r="700296" spans="14:14">
      <c r="N700296" s="10"/>
    </row>
    <row r="700297" spans="14:14">
      <c r="N700297" s="10"/>
    </row>
    <row r="700298" spans="14:14">
      <c r="N700298" s="10"/>
    </row>
    <row r="700299" spans="14:14">
      <c r="N700299" s="10"/>
    </row>
    <row r="700300" spans="14:14">
      <c r="N700300" s="10"/>
    </row>
    <row r="700301" spans="14:14">
      <c r="N700301" s="10"/>
    </row>
    <row r="700302" spans="14:14">
      <c r="N700302" s="10"/>
    </row>
    <row r="700303" spans="14:14">
      <c r="N700303" s="10"/>
    </row>
    <row r="700304" spans="14:14">
      <c r="N700304" s="10"/>
    </row>
    <row r="700305" spans="14:14">
      <c r="N700305" s="10"/>
    </row>
    <row r="700306" spans="14:14">
      <c r="N700306" s="10"/>
    </row>
    <row r="700307" spans="14:14">
      <c r="N700307" s="10"/>
    </row>
    <row r="700308" spans="14:14">
      <c r="N700308" s="10"/>
    </row>
    <row r="700309" spans="14:14">
      <c r="N700309" s="10"/>
    </row>
    <row r="700310" spans="14:14">
      <c r="N700310" s="10"/>
    </row>
    <row r="700311" spans="14:14">
      <c r="N700311" s="10"/>
    </row>
    <row r="700312" spans="14:14">
      <c r="N700312" s="10"/>
    </row>
    <row r="700313" spans="14:14">
      <c r="N700313" s="10"/>
    </row>
    <row r="700314" spans="14:14">
      <c r="N700314" s="10"/>
    </row>
    <row r="700315" spans="14:14">
      <c r="N700315" s="10"/>
    </row>
    <row r="700316" spans="14:14">
      <c r="N700316" s="10"/>
    </row>
    <row r="700317" spans="14:14">
      <c r="N700317" s="10"/>
    </row>
    <row r="700318" spans="14:14">
      <c r="N700318" s="10"/>
    </row>
    <row r="700319" spans="14:14">
      <c r="N700319" s="10"/>
    </row>
    <row r="700320" spans="14:14">
      <c r="N700320" s="10"/>
    </row>
    <row r="700321" spans="14:14">
      <c r="N700321" s="10"/>
    </row>
    <row r="700322" spans="14:14">
      <c r="N700322" s="10"/>
    </row>
    <row r="700323" spans="14:14">
      <c r="N700323" s="10"/>
    </row>
    <row r="700324" spans="14:14">
      <c r="N700324" s="10"/>
    </row>
    <row r="700325" spans="14:14">
      <c r="N700325" s="10"/>
    </row>
    <row r="700326" spans="14:14">
      <c r="N700326" s="10"/>
    </row>
    <row r="700327" spans="14:14">
      <c r="N700327" s="10"/>
    </row>
    <row r="700328" spans="14:14">
      <c r="N700328" s="10"/>
    </row>
    <row r="700329" spans="14:14">
      <c r="N700329" s="10"/>
    </row>
    <row r="700330" spans="14:14">
      <c r="N700330" s="10"/>
    </row>
    <row r="700331" spans="14:14">
      <c r="N700331" s="10"/>
    </row>
    <row r="700332" spans="14:14">
      <c r="N700332" s="10"/>
    </row>
    <row r="700333" spans="14:14">
      <c r="N700333" s="10"/>
    </row>
    <row r="700334" spans="14:14">
      <c r="N700334" s="10"/>
    </row>
    <row r="700335" spans="14:14">
      <c r="N700335" s="10"/>
    </row>
    <row r="700336" spans="14:14">
      <c r="N700336" s="10"/>
    </row>
    <row r="700337" spans="14:14">
      <c r="N700337" s="10"/>
    </row>
    <row r="700338" spans="14:14">
      <c r="N700338" s="10"/>
    </row>
    <row r="700339" spans="14:14">
      <c r="N700339" s="10"/>
    </row>
    <row r="700340" spans="14:14">
      <c r="N700340" s="10"/>
    </row>
    <row r="700341" spans="14:14">
      <c r="N700341" s="10"/>
    </row>
    <row r="700342" spans="14:14">
      <c r="N700342" s="10"/>
    </row>
    <row r="700343" spans="14:14">
      <c r="N700343" s="10"/>
    </row>
    <row r="700344" spans="14:14">
      <c r="N700344" s="10"/>
    </row>
    <row r="700345" spans="14:14">
      <c r="N700345" s="10"/>
    </row>
    <row r="700346" spans="14:14">
      <c r="N700346" s="10"/>
    </row>
    <row r="700347" spans="14:14">
      <c r="N700347" s="10"/>
    </row>
    <row r="700348" spans="14:14">
      <c r="N700348" s="10"/>
    </row>
    <row r="700349" spans="14:14">
      <c r="N700349" s="10"/>
    </row>
    <row r="700350" spans="14:14">
      <c r="N700350" s="10"/>
    </row>
    <row r="700351" spans="14:14">
      <c r="N700351" s="10"/>
    </row>
    <row r="700352" spans="14:14">
      <c r="N700352" s="10"/>
    </row>
    <row r="700353" spans="14:14">
      <c r="N700353" s="10"/>
    </row>
    <row r="700354" spans="14:14">
      <c r="N700354" s="10"/>
    </row>
    <row r="700355" spans="14:14">
      <c r="N700355" s="10"/>
    </row>
    <row r="700356" spans="14:14">
      <c r="N700356" s="10"/>
    </row>
    <row r="700357" spans="14:14">
      <c r="N700357" s="10"/>
    </row>
    <row r="700358" spans="14:14">
      <c r="N700358" s="10"/>
    </row>
    <row r="700359" spans="14:14">
      <c r="N700359" s="10"/>
    </row>
    <row r="700360" spans="14:14">
      <c r="N700360" s="10"/>
    </row>
    <row r="700361" spans="14:14">
      <c r="N700361" s="10"/>
    </row>
    <row r="700362" spans="14:14">
      <c r="N700362" s="10"/>
    </row>
    <row r="700363" spans="14:14">
      <c r="N700363" s="10"/>
    </row>
    <row r="700364" spans="14:14">
      <c r="N700364" s="10"/>
    </row>
    <row r="700365" spans="14:14">
      <c r="N700365" s="10"/>
    </row>
    <row r="700366" spans="14:14">
      <c r="N700366" s="10"/>
    </row>
    <row r="700367" spans="14:14">
      <c r="N700367" s="10"/>
    </row>
    <row r="700368" spans="14:14">
      <c r="N700368" s="10"/>
    </row>
    <row r="700369" spans="14:14">
      <c r="N700369" s="10"/>
    </row>
    <row r="700370" spans="14:14">
      <c r="N700370" s="10"/>
    </row>
    <row r="700371" spans="14:14">
      <c r="N700371" s="10"/>
    </row>
    <row r="700372" spans="14:14">
      <c r="N700372" s="10"/>
    </row>
    <row r="700373" spans="14:14">
      <c r="N700373" s="10"/>
    </row>
    <row r="700374" spans="14:14">
      <c r="N700374" s="10"/>
    </row>
    <row r="700375" spans="14:14">
      <c r="N700375" s="10"/>
    </row>
    <row r="700376" spans="14:14">
      <c r="N700376" s="10"/>
    </row>
    <row r="700377" spans="14:14">
      <c r="N700377" s="10"/>
    </row>
    <row r="700378" spans="14:14">
      <c r="N700378" s="10"/>
    </row>
    <row r="700379" spans="14:14">
      <c r="N700379" s="10"/>
    </row>
    <row r="700380" spans="14:14">
      <c r="N700380" s="10"/>
    </row>
    <row r="700381" spans="14:14">
      <c r="N700381" s="10"/>
    </row>
    <row r="700382" spans="14:14">
      <c r="N700382" s="10"/>
    </row>
    <row r="700383" spans="14:14">
      <c r="N700383" s="10"/>
    </row>
    <row r="700384" spans="14:14">
      <c r="N700384" s="10"/>
    </row>
    <row r="700385" spans="14:14">
      <c r="N700385" s="10"/>
    </row>
    <row r="700386" spans="14:14">
      <c r="N700386" s="10"/>
    </row>
    <row r="700387" spans="14:14">
      <c r="N700387" s="10"/>
    </row>
    <row r="700388" spans="14:14">
      <c r="N700388" s="10"/>
    </row>
    <row r="700389" spans="14:14">
      <c r="N700389" s="10"/>
    </row>
    <row r="700390" spans="14:14">
      <c r="N700390" s="10"/>
    </row>
    <row r="700391" spans="14:14">
      <c r="N700391" s="10"/>
    </row>
    <row r="700392" spans="14:14">
      <c r="N700392" s="10"/>
    </row>
    <row r="700393" spans="14:14">
      <c r="N700393" s="10"/>
    </row>
    <row r="700394" spans="14:14">
      <c r="N700394" s="10"/>
    </row>
    <row r="700395" spans="14:14">
      <c r="N700395" s="10"/>
    </row>
    <row r="700396" spans="14:14">
      <c r="N700396" s="10"/>
    </row>
    <row r="700397" spans="14:14">
      <c r="N700397" s="10"/>
    </row>
    <row r="700398" spans="14:14">
      <c r="N700398" s="10"/>
    </row>
    <row r="700399" spans="14:14">
      <c r="N700399" s="10"/>
    </row>
    <row r="700400" spans="14:14">
      <c r="N700400" s="10"/>
    </row>
    <row r="700401" spans="14:14">
      <c r="N700401" s="10"/>
    </row>
    <row r="700402" spans="14:14">
      <c r="N700402" s="10"/>
    </row>
    <row r="700403" spans="14:14">
      <c r="N700403" s="10"/>
    </row>
    <row r="700404" spans="14:14">
      <c r="N700404" s="10"/>
    </row>
    <row r="700405" spans="14:14">
      <c r="N700405" s="10"/>
    </row>
    <row r="700406" spans="14:14">
      <c r="N700406" s="10"/>
    </row>
    <row r="700407" spans="14:14">
      <c r="N700407" s="10"/>
    </row>
    <row r="700408" spans="14:14">
      <c r="N700408" s="10"/>
    </row>
    <row r="700409" spans="14:14">
      <c r="N700409" s="10"/>
    </row>
    <row r="700410" spans="14:14">
      <c r="N700410" s="10"/>
    </row>
    <row r="700411" spans="14:14">
      <c r="N700411" s="10"/>
    </row>
    <row r="700412" spans="14:14">
      <c r="N700412" s="10"/>
    </row>
    <row r="700413" spans="14:14">
      <c r="N700413" s="10"/>
    </row>
    <row r="700414" spans="14:14">
      <c r="N700414" s="10"/>
    </row>
    <row r="700415" spans="14:14">
      <c r="N700415" s="10"/>
    </row>
    <row r="700416" spans="14:14">
      <c r="N700416" s="10"/>
    </row>
    <row r="700417" spans="14:14">
      <c r="N700417" s="10"/>
    </row>
    <row r="700418" spans="14:14">
      <c r="N700418" s="10"/>
    </row>
    <row r="700419" spans="14:14">
      <c r="N700419" s="10"/>
    </row>
    <row r="700420" spans="14:14">
      <c r="N700420" s="10"/>
    </row>
    <row r="700421" spans="14:14">
      <c r="N700421" s="10"/>
    </row>
    <row r="700422" spans="14:14">
      <c r="N700422" s="10"/>
    </row>
    <row r="700423" spans="14:14">
      <c r="N700423" s="10"/>
    </row>
    <row r="700424" spans="14:14">
      <c r="N700424" s="10"/>
    </row>
    <row r="700425" spans="14:14">
      <c r="N700425" s="10"/>
    </row>
    <row r="700426" spans="14:14">
      <c r="N700426" s="10"/>
    </row>
    <row r="700427" spans="14:14">
      <c r="N700427" s="10"/>
    </row>
    <row r="700428" spans="14:14">
      <c r="N700428" s="10"/>
    </row>
    <row r="700429" spans="14:14">
      <c r="N700429" s="10"/>
    </row>
    <row r="700430" spans="14:14">
      <c r="N700430" s="10"/>
    </row>
    <row r="700431" spans="14:14">
      <c r="N700431" s="10"/>
    </row>
    <row r="700432" spans="14:14">
      <c r="N700432" s="10"/>
    </row>
    <row r="700433" spans="14:14">
      <c r="N700433" s="10"/>
    </row>
    <row r="700434" spans="14:14">
      <c r="N700434" s="10"/>
    </row>
    <row r="700435" spans="14:14">
      <c r="N700435" s="10"/>
    </row>
    <row r="700436" spans="14:14">
      <c r="N700436" s="10"/>
    </row>
    <row r="700437" spans="14:14">
      <c r="N700437" s="10"/>
    </row>
    <row r="700438" spans="14:14">
      <c r="N700438" s="10"/>
    </row>
    <row r="700439" spans="14:14">
      <c r="N700439" s="10"/>
    </row>
    <row r="700440" spans="14:14">
      <c r="N700440" s="10"/>
    </row>
    <row r="700441" spans="14:14">
      <c r="N700441" s="10"/>
    </row>
    <row r="700442" spans="14:14">
      <c r="N700442" s="10"/>
    </row>
    <row r="700443" spans="14:14">
      <c r="N700443" s="10"/>
    </row>
    <row r="700444" spans="14:14">
      <c r="N700444" s="10"/>
    </row>
    <row r="700445" spans="14:14">
      <c r="N700445" s="10"/>
    </row>
    <row r="700446" spans="14:14">
      <c r="N700446" s="10"/>
    </row>
    <row r="700447" spans="14:14">
      <c r="N700447" s="10"/>
    </row>
    <row r="700448" spans="14:14">
      <c r="N700448" s="10"/>
    </row>
    <row r="700449" spans="14:14">
      <c r="N700449" s="10"/>
    </row>
    <row r="700450" spans="14:14">
      <c r="N700450" s="10"/>
    </row>
    <row r="700451" spans="14:14">
      <c r="N700451" s="10"/>
    </row>
    <row r="700452" spans="14:14">
      <c r="N700452" s="10"/>
    </row>
    <row r="700453" spans="14:14">
      <c r="N700453" s="10"/>
    </row>
    <row r="700454" spans="14:14">
      <c r="N700454" s="10"/>
    </row>
    <row r="700455" spans="14:14">
      <c r="N700455" s="10"/>
    </row>
    <row r="700456" spans="14:14">
      <c r="N700456" s="10"/>
    </row>
    <row r="700457" spans="14:14">
      <c r="N700457" s="10"/>
    </row>
    <row r="700458" spans="14:14">
      <c r="N700458" s="10"/>
    </row>
    <row r="700459" spans="14:14">
      <c r="N700459" s="10"/>
    </row>
    <row r="700460" spans="14:14">
      <c r="N700460" s="10"/>
    </row>
    <row r="700461" spans="14:14">
      <c r="N700461" s="10"/>
    </row>
    <row r="700462" spans="14:14">
      <c r="N700462" s="10"/>
    </row>
    <row r="700463" spans="14:14">
      <c r="N700463" s="10"/>
    </row>
    <row r="700464" spans="14:14">
      <c r="N700464" s="10"/>
    </row>
    <row r="700465" spans="14:14">
      <c r="N700465" s="10"/>
    </row>
    <row r="700466" spans="14:14">
      <c r="N700466" s="10"/>
    </row>
    <row r="700467" spans="14:14">
      <c r="N700467" s="10"/>
    </row>
    <row r="700468" spans="14:14">
      <c r="N700468" s="10"/>
    </row>
    <row r="700469" spans="14:14">
      <c r="N700469" s="10"/>
    </row>
    <row r="700470" spans="14:14">
      <c r="N700470" s="10"/>
    </row>
    <row r="700471" spans="14:14">
      <c r="N700471" s="10"/>
    </row>
    <row r="700472" spans="14:14">
      <c r="N700472" s="10"/>
    </row>
    <row r="700473" spans="14:14">
      <c r="N700473" s="10"/>
    </row>
    <row r="700474" spans="14:14">
      <c r="N700474" s="10"/>
    </row>
    <row r="700475" spans="14:14">
      <c r="N700475" s="10"/>
    </row>
    <row r="700476" spans="14:14">
      <c r="N700476" s="10"/>
    </row>
    <row r="700477" spans="14:14">
      <c r="N700477" s="10"/>
    </row>
    <row r="700478" spans="14:14">
      <c r="N700478" s="10"/>
    </row>
    <row r="700479" spans="14:14">
      <c r="N700479" s="10"/>
    </row>
    <row r="700480" spans="14:14">
      <c r="N700480" s="10"/>
    </row>
    <row r="700481" spans="14:14">
      <c r="N700481" s="10"/>
    </row>
    <row r="700482" spans="14:14">
      <c r="N700482" s="10"/>
    </row>
    <row r="700483" spans="14:14">
      <c r="N700483" s="10"/>
    </row>
    <row r="700484" spans="14:14">
      <c r="N700484" s="10"/>
    </row>
    <row r="700485" spans="14:14">
      <c r="N700485" s="10"/>
    </row>
    <row r="700486" spans="14:14">
      <c r="N700486" s="10"/>
    </row>
    <row r="700487" spans="14:14">
      <c r="N700487" s="10"/>
    </row>
    <row r="700488" spans="14:14">
      <c r="N700488" s="10"/>
    </row>
    <row r="700489" spans="14:14">
      <c r="N700489" s="10"/>
    </row>
    <row r="700490" spans="14:14">
      <c r="N700490" s="10"/>
    </row>
    <row r="700491" spans="14:14">
      <c r="N700491" s="10"/>
    </row>
    <row r="700492" spans="14:14">
      <c r="N700492" s="10"/>
    </row>
    <row r="700493" spans="14:14">
      <c r="N700493" s="10"/>
    </row>
    <row r="700494" spans="14:14">
      <c r="N700494" s="10"/>
    </row>
    <row r="700495" spans="14:14">
      <c r="N700495" s="10"/>
    </row>
    <row r="700496" spans="14:14">
      <c r="N700496" s="10"/>
    </row>
    <row r="700497" spans="14:14">
      <c r="N700497" s="10"/>
    </row>
    <row r="700498" spans="14:14">
      <c r="N700498" s="10"/>
    </row>
    <row r="700499" spans="14:14">
      <c r="N700499" s="10"/>
    </row>
    <row r="700500" spans="14:14">
      <c r="N700500" s="10"/>
    </row>
    <row r="700501" spans="14:14">
      <c r="N700501" s="10"/>
    </row>
    <row r="700502" spans="14:14">
      <c r="N700502" s="10"/>
    </row>
    <row r="700503" spans="14:14">
      <c r="N700503" s="10"/>
    </row>
    <row r="700504" spans="14:14">
      <c r="N700504" s="10"/>
    </row>
    <row r="700505" spans="14:14">
      <c r="N700505" s="10"/>
    </row>
    <row r="700506" spans="14:14">
      <c r="N700506" s="10"/>
    </row>
    <row r="700507" spans="14:14">
      <c r="N700507" s="10"/>
    </row>
    <row r="700508" spans="14:14">
      <c r="N700508" s="10"/>
    </row>
    <row r="700509" spans="14:14">
      <c r="N700509" s="10"/>
    </row>
    <row r="700510" spans="14:14">
      <c r="N700510" s="10"/>
    </row>
    <row r="700511" spans="14:14">
      <c r="N700511" s="10"/>
    </row>
    <row r="700512" spans="14:14">
      <c r="N700512" s="10"/>
    </row>
    <row r="700513" spans="14:14">
      <c r="N700513" s="10"/>
    </row>
    <row r="700514" spans="14:14">
      <c r="N700514" s="10"/>
    </row>
    <row r="700515" spans="14:14">
      <c r="N700515" s="10"/>
    </row>
    <row r="700516" spans="14:14">
      <c r="N700516" s="10"/>
    </row>
    <row r="700517" spans="14:14">
      <c r="N700517" s="10"/>
    </row>
    <row r="700518" spans="14:14">
      <c r="N700518" s="10"/>
    </row>
    <row r="700519" spans="14:14">
      <c r="N700519" s="10"/>
    </row>
    <row r="700520" spans="14:14">
      <c r="N700520" s="10"/>
    </row>
    <row r="700521" spans="14:14">
      <c r="N700521" s="10"/>
    </row>
    <row r="700522" spans="14:14">
      <c r="N700522" s="10"/>
    </row>
    <row r="700523" spans="14:14">
      <c r="N700523" s="10"/>
    </row>
    <row r="700524" spans="14:14">
      <c r="N700524" s="10"/>
    </row>
    <row r="700525" spans="14:14">
      <c r="N700525" s="10"/>
    </row>
    <row r="700526" spans="14:14">
      <c r="N700526" s="10"/>
    </row>
    <row r="700527" spans="14:14">
      <c r="N700527" s="10"/>
    </row>
    <row r="700528" spans="14:14">
      <c r="N700528" s="10"/>
    </row>
    <row r="700529" spans="14:14">
      <c r="N700529" s="10"/>
    </row>
    <row r="700530" spans="14:14">
      <c r="N700530" s="10"/>
    </row>
    <row r="700531" spans="14:14">
      <c r="N700531" s="10"/>
    </row>
    <row r="700532" spans="14:14">
      <c r="N700532" s="10"/>
    </row>
    <row r="700533" spans="14:14">
      <c r="N700533" s="10"/>
    </row>
    <row r="700534" spans="14:14">
      <c r="N700534" s="10"/>
    </row>
    <row r="700535" spans="14:14">
      <c r="N700535" s="10"/>
    </row>
    <row r="700536" spans="14:14">
      <c r="N700536" s="10"/>
    </row>
    <row r="700537" spans="14:14">
      <c r="N700537" s="10"/>
    </row>
    <row r="700538" spans="14:14">
      <c r="N700538" s="10"/>
    </row>
    <row r="700539" spans="14:14">
      <c r="N700539" s="10"/>
    </row>
    <row r="700540" spans="14:14">
      <c r="N700540" s="10"/>
    </row>
    <row r="700541" spans="14:14">
      <c r="N700541" s="10"/>
    </row>
    <row r="700542" spans="14:14">
      <c r="N700542" s="10"/>
    </row>
    <row r="700543" spans="14:14">
      <c r="N700543" s="10"/>
    </row>
    <row r="700544" spans="14:14">
      <c r="N700544" s="10"/>
    </row>
    <row r="700545" spans="14:14">
      <c r="N700545" s="10"/>
    </row>
    <row r="700546" spans="14:14">
      <c r="N700546" s="10"/>
    </row>
    <row r="700547" spans="14:14">
      <c r="N700547" s="10"/>
    </row>
    <row r="700548" spans="14:14">
      <c r="N700548" s="10"/>
    </row>
    <row r="700549" spans="14:14">
      <c r="N700549" s="10"/>
    </row>
    <row r="700550" spans="14:14">
      <c r="N700550" s="10"/>
    </row>
    <row r="700551" spans="14:14">
      <c r="N700551" s="10"/>
    </row>
    <row r="700552" spans="14:14">
      <c r="N700552" s="10"/>
    </row>
    <row r="700553" spans="14:14">
      <c r="N700553" s="10"/>
    </row>
    <row r="700554" spans="14:14">
      <c r="N700554" s="10"/>
    </row>
    <row r="700555" spans="14:14">
      <c r="N700555" s="10"/>
    </row>
    <row r="700556" spans="14:14">
      <c r="N700556" s="10"/>
    </row>
    <row r="700557" spans="14:14">
      <c r="N700557" s="10"/>
    </row>
    <row r="700558" spans="14:14">
      <c r="N700558" s="10"/>
    </row>
    <row r="700559" spans="14:14">
      <c r="N700559" s="10"/>
    </row>
    <row r="700560" spans="14:14">
      <c r="N700560" s="10"/>
    </row>
    <row r="700561" spans="14:14">
      <c r="N700561" s="10"/>
    </row>
    <row r="700562" spans="14:14">
      <c r="N700562" s="10"/>
    </row>
    <row r="700563" spans="14:14">
      <c r="N700563" s="10"/>
    </row>
    <row r="700564" spans="14:14">
      <c r="N700564" s="10"/>
    </row>
    <row r="700565" spans="14:14">
      <c r="N700565" s="10"/>
    </row>
    <row r="700566" spans="14:14">
      <c r="N700566" s="10"/>
    </row>
    <row r="700567" spans="14:14">
      <c r="N700567" s="10"/>
    </row>
    <row r="700568" spans="14:14">
      <c r="N700568" s="10"/>
    </row>
    <row r="700569" spans="14:14">
      <c r="N700569" s="10"/>
    </row>
    <row r="700570" spans="14:14">
      <c r="N700570" s="10"/>
    </row>
    <row r="700571" spans="14:14">
      <c r="N700571" s="10"/>
    </row>
    <row r="700572" spans="14:14">
      <c r="N700572" s="10"/>
    </row>
    <row r="700573" spans="14:14">
      <c r="N700573" s="10"/>
    </row>
    <row r="700574" spans="14:14">
      <c r="N700574" s="10"/>
    </row>
    <row r="700575" spans="14:14">
      <c r="N700575" s="10"/>
    </row>
    <row r="700576" spans="14:14">
      <c r="N700576" s="10"/>
    </row>
    <row r="700577" spans="14:14">
      <c r="N700577" s="10"/>
    </row>
    <row r="700578" spans="14:14">
      <c r="N700578" s="10"/>
    </row>
    <row r="700579" spans="14:14">
      <c r="N700579" s="10"/>
    </row>
    <row r="700580" spans="14:14">
      <c r="N700580" s="10"/>
    </row>
    <row r="700581" spans="14:14">
      <c r="N700581" s="10"/>
    </row>
    <row r="700582" spans="14:14">
      <c r="N700582" s="10"/>
    </row>
    <row r="700583" spans="14:14">
      <c r="N700583" s="10"/>
    </row>
    <row r="700584" spans="14:14">
      <c r="N700584" s="10"/>
    </row>
    <row r="700585" spans="14:14">
      <c r="N700585" s="10"/>
    </row>
    <row r="700586" spans="14:14">
      <c r="N700586" s="10"/>
    </row>
    <row r="700587" spans="14:14">
      <c r="N700587" s="10"/>
    </row>
    <row r="700588" spans="14:14">
      <c r="N700588" s="10"/>
    </row>
    <row r="700589" spans="14:14">
      <c r="N700589" s="10"/>
    </row>
    <row r="700590" spans="14:14">
      <c r="N700590" s="10"/>
    </row>
    <row r="700591" spans="14:14">
      <c r="N700591" s="10"/>
    </row>
    <row r="700592" spans="14:14">
      <c r="N700592" s="10"/>
    </row>
    <row r="700593" spans="14:14">
      <c r="N700593" s="10"/>
    </row>
    <row r="700594" spans="14:14">
      <c r="N700594" s="10"/>
    </row>
    <row r="700595" spans="14:14">
      <c r="N700595" s="10"/>
    </row>
    <row r="700596" spans="14:14">
      <c r="N700596" s="10"/>
    </row>
    <row r="700597" spans="14:14">
      <c r="N700597" s="10"/>
    </row>
    <row r="700598" spans="14:14">
      <c r="N700598" s="10"/>
    </row>
    <row r="700599" spans="14:14">
      <c r="N700599" s="10"/>
    </row>
    <row r="700600" spans="14:14">
      <c r="N700600" s="10"/>
    </row>
    <row r="700601" spans="14:14">
      <c r="N700601" s="10"/>
    </row>
    <row r="700602" spans="14:14">
      <c r="N700602" s="10"/>
    </row>
    <row r="700603" spans="14:14">
      <c r="N700603" s="10"/>
    </row>
    <row r="700604" spans="14:14">
      <c r="N700604" s="10"/>
    </row>
    <row r="700605" spans="14:14">
      <c r="N700605" s="10"/>
    </row>
    <row r="700606" spans="14:14">
      <c r="N700606" s="10"/>
    </row>
    <row r="700607" spans="14:14">
      <c r="N700607" s="10"/>
    </row>
    <row r="700608" spans="14:14">
      <c r="N700608" s="10"/>
    </row>
    <row r="700609" spans="14:14">
      <c r="N700609" s="10"/>
    </row>
    <row r="700610" spans="14:14">
      <c r="N700610" s="10"/>
    </row>
    <row r="700611" spans="14:14">
      <c r="N700611" s="10"/>
    </row>
    <row r="700612" spans="14:14">
      <c r="N700612" s="10"/>
    </row>
    <row r="700613" spans="14:14">
      <c r="N700613" s="10"/>
    </row>
    <row r="700614" spans="14:14">
      <c r="N700614" s="10"/>
    </row>
    <row r="700615" spans="14:14">
      <c r="N700615" s="10"/>
    </row>
    <row r="700616" spans="14:14">
      <c r="N700616" s="10"/>
    </row>
    <row r="700617" spans="14:14">
      <c r="N700617" s="10"/>
    </row>
    <row r="700618" spans="14:14">
      <c r="N700618" s="10"/>
    </row>
    <row r="700619" spans="14:14">
      <c r="N700619" s="10"/>
    </row>
    <row r="700620" spans="14:14">
      <c r="N700620" s="10"/>
    </row>
    <row r="700621" spans="14:14">
      <c r="N700621" s="10"/>
    </row>
    <row r="700622" spans="14:14">
      <c r="N700622" s="10"/>
    </row>
    <row r="700623" spans="14:14">
      <c r="N700623" s="10"/>
    </row>
    <row r="700624" spans="14:14">
      <c r="N700624" s="10"/>
    </row>
    <row r="700625" spans="14:14">
      <c r="N700625" s="10"/>
    </row>
    <row r="700626" spans="14:14">
      <c r="N700626" s="10"/>
    </row>
    <row r="700627" spans="14:14">
      <c r="N700627" s="10"/>
    </row>
    <row r="700628" spans="14:14">
      <c r="N700628" s="10"/>
    </row>
    <row r="700629" spans="14:14">
      <c r="N700629" s="10"/>
    </row>
    <row r="700630" spans="14:14">
      <c r="N700630" s="10"/>
    </row>
    <row r="700631" spans="14:14">
      <c r="N700631" s="10"/>
    </row>
    <row r="700632" spans="14:14">
      <c r="N700632" s="10"/>
    </row>
    <row r="700633" spans="14:14">
      <c r="N700633" s="10"/>
    </row>
    <row r="700634" spans="14:14">
      <c r="N700634" s="10"/>
    </row>
    <row r="700635" spans="14:14">
      <c r="N700635" s="10"/>
    </row>
    <row r="700636" spans="14:14">
      <c r="N700636" s="10"/>
    </row>
    <row r="700637" spans="14:14">
      <c r="N700637" s="10"/>
    </row>
    <row r="700638" spans="14:14">
      <c r="N700638" s="10"/>
    </row>
    <row r="700639" spans="14:14">
      <c r="N700639" s="10"/>
    </row>
    <row r="700640" spans="14:14">
      <c r="N700640" s="10"/>
    </row>
    <row r="700641" spans="14:14">
      <c r="N700641" s="10"/>
    </row>
    <row r="700642" spans="14:14">
      <c r="N700642" s="10"/>
    </row>
    <row r="700643" spans="14:14">
      <c r="N700643" s="10"/>
    </row>
    <row r="700644" spans="14:14">
      <c r="N700644" s="10"/>
    </row>
    <row r="700645" spans="14:14">
      <c r="N700645" s="10"/>
    </row>
    <row r="700646" spans="14:14">
      <c r="N700646" s="10"/>
    </row>
    <row r="700647" spans="14:14">
      <c r="N700647" s="10"/>
    </row>
    <row r="700648" spans="14:14">
      <c r="N700648" s="10"/>
    </row>
    <row r="700649" spans="14:14">
      <c r="N700649" s="10"/>
    </row>
    <row r="700650" spans="14:14">
      <c r="N700650" s="10"/>
    </row>
    <row r="700651" spans="14:14">
      <c r="N700651" s="10"/>
    </row>
    <row r="700652" spans="14:14">
      <c r="N700652" s="10"/>
    </row>
    <row r="700653" spans="14:14">
      <c r="N700653" s="10"/>
    </row>
    <row r="700654" spans="14:14">
      <c r="N700654" s="10"/>
    </row>
    <row r="700655" spans="14:14">
      <c r="N700655" s="10"/>
    </row>
    <row r="700656" spans="14:14">
      <c r="N700656" s="10"/>
    </row>
    <row r="700657" spans="14:14">
      <c r="N700657" s="10"/>
    </row>
    <row r="700658" spans="14:14">
      <c r="N700658" s="10"/>
    </row>
    <row r="700659" spans="14:14">
      <c r="N700659" s="10"/>
    </row>
    <row r="700660" spans="14:14">
      <c r="N700660" s="10"/>
    </row>
    <row r="700661" spans="14:14">
      <c r="N700661" s="10"/>
    </row>
    <row r="700662" spans="14:14">
      <c r="N700662" s="10"/>
    </row>
    <row r="700663" spans="14:14">
      <c r="N700663" s="10"/>
    </row>
    <row r="700664" spans="14:14">
      <c r="N700664" s="10"/>
    </row>
    <row r="700665" spans="14:14">
      <c r="N700665" s="10"/>
    </row>
    <row r="700666" spans="14:14">
      <c r="N700666" s="10"/>
    </row>
    <row r="700667" spans="14:14">
      <c r="N700667" s="10"/>
    </row>
    <row r="700668" spans="14:14">
      <c r="N700668" s="10"/>
    </row>
    <row r="700669" spans="14:14">
      <c r="N700669" s="10"/>
    </row>
    <row r="700670" spans="14:14">
      <c r="N700670" s="10"/>
    </row>
    <row r="700671" spans="14:14">
      <c r="N700671" s="10"/>
    </row>
    <row r="700672" spans="14:14">
      <c r="N700672" s="10"/>
    </row>
    <row r="700673" spans="14:14">
      <c r="N700673" s="10"/>
    </row>
    <row r="700674" spans="14:14">
      <c r="N700674" s="10"/>
    </row>
    <row r="700675" spans="14:14">
      <c r="N700675" s="10"/>
    </row>
    <row r="700676" spans="14:14">
      <c r="N700676" s="10"/>
    </row>
    <row r="700677" spans="14:14">
      <c r="N700677" s="10"/>
    </row>
    <row r="700678" spans="14:14">
      <c r="N700678" s="10"/>
    </row>
    <row r="700679" spans="14:14">
      <c r="N700679" s="10"/>
    </row>
    <row r="700680" spans="14:14">
      <c r="N700680" s="10"/>
    </row>
    <row r="700681" spans="14:14">
      <c r="N700681" s="10"/>
    </row>
    <row r="700682" spans="14:14">
      <c r="N700682" s="10"/>
    </row>
    <row r="700683" spans="14:14">
      <c r="N700683" s="10"/>
    </row>
    <row r="700684" spans="14:14">
      <c r="N700684" s="10"/>
    </row>
    <row r="700685" spans="14:14">
      <c r="N700685" s="10"/>
    </row>
    <row r="700686" spans="14:14">
      <c r="N700686" s="10"/>
    </row>
    <row r="700687" spans="14:14">
      <c r="N700687" s="10"/>
    </row>
    <row r="700688" spans="14:14">
      <c r="N700688" s="10"/>
    </row>
    <row r="700689" spans="14:14">
      <c r="N700689" s="10"/>
    </row>
    <row r="700690" spans="14:14">
      <c r="N700690" s="10"/>
    </row>
    <row r="700691" spans="14:14">
      <c r="N700691" s="10"/>
    </row>
    <row r="700692" spans="14:14">
      <c r="N700692" s="10"/>
    </row>
    <row r="700693" spans="14:14">
      <c r="N700693" s="10"/>
    </row>
    <row r="700694" spans="14:14">
      <c r="N700694" s="10"/>
    </row>
    <row r="700695" spans="14:14">
      <c r="N700695" s="10"/>
    </row>
    <row r="700696" spans="14:14">
      <c r="N700696" s="10"/>
    </row>
    <row r="700697" spans="14:14">
      <c r="N700697" s="10"/>
    </row>
    <row r="700698" spans="14:14">
      <c r="N700698" s="10"/>
    </row>
    <row r="700699" spans="14:14">
      <c r="N700699" s="10"/>
    </row>
    <row r="700700" spans="14:14">
      <c r="N700700" s="10"/>
    </row>
    <row r="700701" spans="14:14">
      <c r="N700701" s="10"/>
    </row>
    <row r="700702" spans="14:14">
      <c r="N700702" s="10"/>
    </row>
    <row r="700703" spans="14:14">
      <c r="N700703" s="10"/>
    </row>
    <row r="700704" spans="14:14">
      <c r="N700704" s="10"/>
    </row>
    <row r="700705" spans="14:14">
      <c r="N700705" s="10"/>
    </row>
    <row r="700706" spans="14:14">
      <c r="N700706" s="10"/>
    </row>
    <row r="700707" spans="14:14">
      <c r="N700707" s="10"/>
    </row>
    <row r="700708" spans="14:14">
      <c r="N700708" s="10"/>
    </row>
    <row r="700709" spans="14:14">
      <c r="N700709" s="10"/>
    </row>
    <row r="700710" spans="14:14">
      <c r="N700710" s="10"/>
    </row>
    <row r="700711" spans="14:14">
      <c r="N700711" s="10"/>
    </row>
    <row r="700712" spans="14:14">
      <c r="N700712" s="10"/>
    </row>
    <row r="700713" spans="14:14">
      <c r="N700713" s="10"/>
    </row>
    <row r="700714" spans="14:14">
      <c r="N700714" s="10"/>
    </row>
    <row r="700715" spans="14:14">
      <c r="N700715" s="10"/>
    </row>
    <row r="700716" spans="14:14">
      <c r="N700716" s="10"/>
    </row>
    <row r="700717" spans="14:14">
      <c r="N700717" s="10"/>
    </row>
    <row r="700718" spans="14:14">
      <c r="N700718" s="10"/>
    </row>
    <row r="700719" spans="14:14">
      <c r="N700719" s="10"/>
    </row>
    <row r="700720" spans="14:14">
      <c r="N700720" s="10"/>
    </row>
    <row r="700721" spans="14:14">
      <c r="N700721" s="10"/>
    </row>
    <row r="700722" spans="14:14">
      <c r="N700722" s="10"/>
    </row>
    <row r="700723" spans="14:14">
      <c r="N700723" s="10"/>
    </row>
    <row r="700724" spans="14:14">
      <c r="N700724" s="10"/>
    </row>
    <row r="700725" spans="14:14">
      <c r="N700725" s="10"/>
    </row>
    <row r="700726" spans="14:14">
      <c r="N700726" s="10"/>
    </row>
    <row r="700727" spans="14:14">
      <c r="N700727" s="10"/>
    </row>
    <row r="700728" spans="14:14">
      <c r="N700728" s="10"/>
    </row>
    <row r="700729" spans="14:14">
      <c r="N700729" s="10"/>
    </row>
    <row r="700730" spans="14:14">
      <c r="N700730" s="10"/>
    </row>
    <row r="700731" spans="14:14">
      <c r="N700731" s="10"/>
    </row>
    <row r="700732" spans="14:14">
      <c r="N700732" s="10"/>
    </row>
    <row r="700733" spans="14:14">
      <c r="N700733" s="10"/>
    </row>
    <row r="700734" spans="14:14">
      <c r="N700734" s="10"/>
    </row>
    <row r="700735" spans="14:14">
      <c r="N700735" s="10"/>
    </row>
    <row r="700736" spans="14:14">
      <c r="N700736" s="10"/>
    </row>
    <row r="700737" spans="14:14">
      <c r="N700737" s="10"/>
    </row>
    <row r="700738" spans="14:14">
      <c r="N700738" s="10"/>
    </row>
    <row r="700739" spans="14:14">
      <c r="N700739" s="10"/>
    </row>
    <row r="700740" spans="14:14">
      <c r="N700740" s="10"/>
    </row>
    <row r="700741" spans="14:14">
      <c r="N700741" s="10"/>
    </row>
    <row r="700742" spans="14:14">
      <c r="N700742" s="10"/>
    </row>
    <row r="700743" spans="14:14">
      <c r="N700743" s="10"/>
    </row>
    <row r="700744" spans="14:14">
      <c r="N700744" s="10"/>
    </row>
    <row r="700745" spans="14:14">
      <c r="N700745" s="10"/>
    </row>
    <row r="700746" spans="14:14">
      <c r="N700746" s="10"/>
    </row>
    <row r="700747" spans="14:14">
      <c r="N700747" s="10"/>
    </row>
    <row r="700748" spans="14:14">
      <c r="N700748" s="10"/>
    </row>
    <row r="700749" spans="14:14">
      <c r="N700749" s="10"/>
    </row>
    <row r="700750" spans="14:14">
      <c r="N700750" s="10"/>
    </row>
    <row r="700751" spans="14:14">
      <c r="N700751" s="10"/>
    </row>
    <row r="700752" spans="14:14">
      <c r="N700752" s="10"/>
    </row>
    <row r="700753" spans="14:14">
      <c r="N700753" s="10"/>
    </row>
    <row r="700754" spans="14:14">
      <c r="N700754" s="10"/>
    </row>
    <row r="700755" spans="14:14">
      <c r="N700755" s="10"/>
    </row>
    <row r="700756" spans="14:14">
      <c r="N700756" s="10"/>
    </row>
    <row r="700757" spans="14:14">
      <c r="N700757" s="10"/>
    </row>
    <row r="700758" spans="14:14">
      <c r="N700758" s="10"/>
    </row>
    <row r="700759" spans="14:14">
      <c r="N700759" s="10"/>
    </row>
    <row r="700760" spans="14:14">
      <c r="N700760" s="10"/>
    </row>
    <row r="700761" spans="14:14">
      <c r="N700761" s="10"/>
    </row>
    <row r="700762" spans="14:14">
      <c r="N700762" s="10"/>
    </row>
    <row r="700763" spans="14:14">
      <c r="N700763" s="10"/>
    </row>
    <row r="700764" spans="14:14">
      <c r="N700764" s="10"/>
    </row>
    <row r="700765" spans="14:14">
      <c r="N700765" s="10"/>
    </row>
    <row r="700766" spans="14:14">
      <c r="N700766" s="10"/>
    </row>
    <row r="700767" spans="14:14">
      <c r="N700767" s="10"/>
    </row>
    <row r="700768" spans="14:14">
      <c r="N700768" s="10"/>
    </row>
    <row r="700769" spans="14:14">
      <c r="N700769" s="10"/>
    </row>
    <row r="700770" spans="14:14">
      <c r="N700770" s="10"/>
    </row>
    <row r="700771" spans="14:14">
      <c r="N700771" s="10"/>
    </row>
    <row r="700772" spans="14:14">
      <c r="N700772" s="10"/>
    </row>
    <row r="700773" spans="14:14">
      <c r="N700773" s="10"/>
    </row>
    <row r="700774" spans="14:14">
      <c r="N700774" s="10"/>
    </row>
    <row r="700775" spans="14:14">
      <c r="N700775" s="10"/>
    </row>
    <row r="700776" spans="14:14">
      <c r="N700776" s="10"/>
    </row>
    <row r="700777" spans="14:14">
      <c r="N700777" s="10"/>
    </row>
    <row r="700778" spans="14:14">
      <c r="N700778" s="10"/>
    </row>
    <row r="700779" spans="14:14">
      <c r="N700779" s="10"/>
    </row>
    <row r="700780" spans="14:14">
      <c r="N700780" s="10"/>
    </row>
    <row r="700781" spans="14:14">
      <c r="N700781" s="10"/>
    </row>
    <row r="700782" spans="14:14">
      <c r="N700782" s="10"/>
    </row>
    <row r="700783" spans="14:14">
      <c r="N700783" s="10"/>
    </row>
    <row r="700784" spans="14:14">
      <c r="N700784" s="10"/>
    </row>
    <row r="700785" spans="14:14">
      <c r="N700785" s="10"/>
    </row>
    <row r="700786" spans="14:14">
      <c r="N700786" s="10"/>
    </row>
    <row r="700787" spans="14:14">
      <c r="N700787" s="10"/>
    </row>
    <row r="700788" spans="14:14">
      <c r="N700788" s="10"/>
    </row>
    <row r="700789" spans="14:14">
      <c r="N700789" s="10"/>
    </row>
    <row r="700790" spans="14:14">
      <c r="N700790" s="10"/>
    </row>
    <row r="700791" spans="14:14">
      <c r="N700791" s="10"/>
    </row>
    <row r="700792" spans="14:14">
      <c r="N700792" s="10"/>
    </row>
    <row r="700793" spans="14:14">
      <c r="N700793" s="10"/>
    </row>
    <row r="700794" spans="14:14">
      <c r="N700794" s="10"/>
    </row>
    <row r="700795" spans="14:14">
      <c r="N700795" s="10"/>
    </row>
    <row r="700796" spans="14:14">
      <c r="N700796" s="10"/>
    </row>
    <row r="700797" spans="14:14">
      <c r="N700797" s="10"/>
    </row>
    <row r="700798" spans="14:14">
      <c r="N700798" s="10"/>
    </row>
    <row r="700799" spans="14:14">
      <c r="N700799" s="10"/>
    </row>
    <row r="700800" spans="14:14">
      <c r="N700800" s="10"/>
    </row>
    <row r="700801" spans="14:14">
      <c r="N700801" s="10"/>
    </row>
    <row r="700802" spans="14:14">
      <c r="N700802" s="10"/>
    </row>
    <row r="700803" spans="14:14">
      <c r="N700803" s="10"/>
    </row>
    <row r="700804" spans="14:14">
      <c r="N700804" s="10"/>
    </row>
    <row r="700805" spans="14:14">
      <c r="N700805" s="10"/>
    </row>
    <row r="700806" spans="14:14">
      <c r="N700806" s="10"/>
    </row>
    <row r="700807" spans="14:14">
      <c r="N700807" s="10"/>
    </row>
    <row r="700808" spans="14:14">
      <c r="N700808" s="10"/>
    </row>
    <row r="700809" spans="14:14">
      <c r="N700809" s="10"/>
    </row>
    <row r="700810" spans="14:14">
      <c r="N700810" s="10"/>
    </row>
    <row r="700811" spans="14:14">
      <c r="N700811" s="10"/>
    </row>
    <row r="700812" spans="14:14">
      <c r="N700812" s="10"/>
    </row>
    <row r="700813" spans="14:14">
      <c r="N700813" s="10"/>
    </row>
    <row r="700814" spans="14:14">
      <c r="N700814" s="10"/>
    </row>
    <row r="700815" spans="14:14">
      <c r="N700815" s="10"/>
    </row>
    <row r="700816" spans="14:14">
      <c r="N700816" s="10"/>
    </row>
    <row r="700817" spans="14:14">
      <c r="N700817" s="10"/>
    </row>
    <row r="700818" spans="14:14">
      <c r="N700818" s="10"/>
    </row>
    <row r="700819" spans="14:14">
      <c r="N700819" s="10"/>
    </row>
    <row r="700820" spans="14:14">
      <c r="N700820" s="10"/>
    </row>
    <row r="700821" spans="14:14">
      <c r="N700821" s="10"/>
    </row>
    <row r="700822" spans="14:14">
      <c r="N700822" s="10"/>
    </row>
    <row r="700823" spans="14:14">
      <c r="N700823" s="10"/>
    </row>
    <row r="700824" spans="14:14">
      <c r="N700824" s="10"/>
    </row>
    <row r="700825" spans="14:14">
      <c r="N700825" s="10"/>
    </row>
    <row r="700826" spans="14:14">
      <c r="N700826" s="10"/>
    </row>
    <row r="700827" spans="14:14">
      <c r="N700827" s="10"/>
    </row>
    <row r="700828" spans="14:14">
      <c r="N700828" s="10"/>
    </row>
    <row r="700829" spans="14:14">
      <c r="N700829" s="10"/>
    </row>
    <row r="700830" spans="14:14">
      <c r="N700830" s="10"/>
    </row>
    <row r="700831" spans="14:14">
      <c r="N700831" s="10"/>
    </row>
    <row r="700832" spans="14:14">
      <c r="N700832" s="10"/>
    </row>
    <row r="700833" spans="14:14">
      <c r="N700833" s="10"/>
    </row>
    <row r="700834" spans="14:14">
      <c r="N700834" s="10"/>
    </row>
    <row r="700835" spans="14:14">
      <c r="N700835" s="10"/>
    </row>
    <row r="700836" spans="14:14">
      <c r="N700836" s="10"/>
    </row>
    <row r="700837" spans="14:14">
      <c r="N700837" s="10"/>
    </row>
    <row r="700838" spans="14:14">
      <c r="N700838" s="10"/>
    </row>
    <row r="700839" spans="14:14">
      <c r="N700839" s="10"/>
    </row>
    <row r="700840" spans="14:14">
      <c r="N700840" s="10"/>
    </row>
    <row r="700841" spans="14:14">
      <c r="N700841" s="10"/>
    </row>
    <row r="700842" spans="14:14">
      <c r="N700842" s="10"/>
    </row>
    <row r="700843" spans="14:14">
      <c r="N700843" s="10"/>
    </row>
    <row r="700844" spans="14:14">
      <c r="N700844" s="10"/>
    </row>
    <row r="700845" spans="14:14">
      <c r="N700845" s="10"/>
    </row>
    <row r="700846" spans="14:14">
      <c r="N700846" s="10"/>
    </row>
    <row r="700847" spans="14:14">
      <c r="N700847" s="10"/>
    </row>
    <row r="700848" spans="14:14">
      <c r="N700848" s="10"/>
    </row>
    <row r="700849" spans="14:14">
      <c r="N700849" s="10"/>
    </row>
    <row r="700850" spans="14:14">
      <c r="N700850" s="10"/>
    </row>
    <row r="700851" spans="14:14">
      <c r="N700851" s="10"/>
    </row>
    <row r="700852" spans="14:14">
      <c r="N700852" s="10"/>
    </row>
    <row r="700853" spans="14:14">
      <c r="N700853" s="10"/>
    </row>
    <row r="700854" spans="14:14">
      <c r="N700854" s="10"/>
    </row>
    <row r="700855" spans="14:14">
      <c r="N700855" s="10"/>
    </row>
    <row r="700856" spans="14:14">
      <c r="N700856" s="10"/>
    </row>
    <row r="700857" spans="14:14">
      <c r="N700857" s="10"/>
    </row>
    <row r="700858" spans="14:14">
      <c r="N700858" s="10"/>
    </row>
    <row r="700859" spans="14:14">
      <c r="N700859" s="10"/>
    </row>
    <row r="700860" spans="14:14">
      <c r="N700860" s="10"/>
    </row>
    <row r="700861" spans="14:14">
      <c r="N700861" s="10"/>
    </row>
    <row r="700862" spans="14:14">
      <c r="N700862" s="10"/>
    </row>
    <row r="700863" spans="14:14">
      <c r="N700863" s="10"/>
    </row>
    <row r="700864" spans="14:14">
      <c r="N700864" s="10"/>
    </row>
    <row r="700865" spans="14:14">
      <c r="N700865" s="10"/>
    </row>
    <row r="700866" spans="14:14">
      <c r="N700866" s="10"/>
    </row>
    <row r="700867" spans="14:14">
      <c r="N700867" s="10"/>
    </row>
    <row r="700868" spans="14:14">
      <c r="N700868" s="10"/>
    </row>
    <row r="700869" spans="14:14">
      <c r="N700869" s="10"/>
    </row>
    <row r="700870" spans="14:14">
      <c r="N700870" s="10"/>
    </row>
    <row r="700871" spans="14:14">
      <c r="N700871" s="10"/>
    </row>
    <row r="700872" spans="14:14">
      <c r="N700872" s="10"/>
    </row>
    <row r="700873" spans="14:14">
      <c r="N700873" s="10"/>
    </row>
    <row r="700874" spans="14:14">
      <c r="N700874" s="10"/>
    </row>
    <row r="700875" spans="14:14">
      <c r="N700875" s="10"/>
    </row>
    <row r="700876" spans="14:14">
      <c r="N700876" s="10"/>
    </row>
    <row r="700877" spans="14:14">
      <c r="N700877" s="10"/>
    </row>
    <row r="700878" spans="14:14">
      <c r="N700878" s="10"/>
    </row>
    <row r="700879" spans="14:14">
      <c r="N700879" s="10"/>
    </row>
    <row r="700880" spans="14:14">
      <c r="N700880" s="10"/>
    </row>
    <row r="700881" spans="14:14">
      <c r="N700881" s="10"/>
    </row>
    <row r="700882" spans="14:14">
      <c r="N700882" s="10"/>
    </row>
    <row r="700883" spans="14:14">
      <c r="N700883" s="10"/>
    </row>
    <row r="700884" spans="14:14">
      <c r="N700884" s="10"/>
    </row>
    <row r="700885" spans="14:14">
      <c r="N700885" s="10"/>
    </row>
    <row r="700886" spans="14:14">
      <c r="N700886" s="10"/>
    </row>
    <row r="700887" spans="14:14">
      <c r="N700887" s="10"/>
    </row>
    <row r="700888" spans="14:14">
      <c r="N700888" s="10"/>
    </row>
    <row r="700889" spans="14:14">
      <c r="N700889" s="10"/>
    </row>
    <row r="700890" spans="14:14">
      <c r="N700890" s="10"/>
    </row>
    <row r="700891" spans="14:14">
      <c r="N700891" s="10"/>
    </row>
    <row r="700892" spans="14:14">
      <c r="N700892" s="10"/>
    </row>
    <row r="700893" spans="14:14">
      <c r="N700893" s="10"/>
    </row>
    <row r="700894" spans="14:14">
      <c r="N700894" s="10"/>
    </row>
    <row r="700895" spans="14:14">
      <c r="N700895" s="10"/>
    </row>
    <row r="700896" spans="14:14">
      <c r="N700896" s="10"/>
    </row>
    <row r="700897" spans="14:14">
      <c r="N700897" s="10"/>
    </row>
    <row r="700898" spans="14:14">
      <c r="N700898" s="10"/>
    </row>
    <row r="700899" spans="14:14">
      <c r="N700899" s="10"/>
    </row>
    <row r="700900" spans="14:14">
      <c r="N700900" s="10"/>
    </row>
    <row r="700901" spans="14:14">
      <c r="N700901" s="10"/>
    </row>
    <row r="700902" spans="14:14">
      <c r="N700902" s="10"/>
    </row>
    <row r="700903" spans="14:14">
      <c r="N700903" s="10"/>
    </row>
    <row r="700904" spans="14:14">
      <c r="N700904" s="10"/>
    </row>
    <row r="700905" spans="14:14">
      <c r="N700905" s="10"/>
    </row>
    <row r="700906" spans="14:14">
      <c r="N700906" s="10"/>
    </row>
    <row r="700907" spans="14:14">
      <c r="N700907" s="10"/>
    </row>
    <row r="700908" spans="14:14">
      <c r="N700908" s="10"/>
    </row>
    <row r="700909" spans="14:14">
      <c r="N700909" s="10"/>
    </row>
    <row r="700910" spans="14:14">
      <c r="N700910" s="10"/>
    </row>
    <row r="700911" spans="14:14">
      <c r="N700911" s="10"/>
    </row>
    <row r="700912" spans="14:14">
      <c r="N700912" s="10"/>
    </row>
    <row r="700913" spans="14:14">
      <c r="N700913" s="10"/>
    </row>
    <row r="700914" spans="14:14">
      <c r="N700914" s="10"/>
    </row>
    <row r="700915" spans="14:14">
      <c r="N700915" s="10"/>
    </row>
    <row r="700916" spans="14:14">
      <c r="N700916" s="10"/>
    </row>
    <row r="700917" spans="14:14">
      <c r="N700917" s="10"/>
    </row>
    <row r="700918" spans="14:14">
      <c r="N700918" s="10"/>
    </row>
    <row r="700919" spans="14:14">
      <c r="N700919" s="10"/>
    </row>
    <row r="700920" spans="14:14">
      <c r="N700920" s="10"/>
    </row>
    <row r="700921" spans="14:14">
      <c r="N700921" s="10"/>
    </row>
    <row r="700922" spans="14:14">
      <c r="N700922" s="10"/>
    </row>
    <row r="700923" spans="14:14">
      <c r="N700923" s="10"/>
    </row>
    <row r="700924" spans="14:14">
      <c r="N700924" s="10"/>
    </row>
    <row r="700925" spans="14:14">
      <c r="N700925" s="10"/>
    </row>
    <row r="700926" spans="14:14">
      <c r="N700926" s="10"/>
    </row>
    <row r="700927" spans="14:14">
      <c r="N700927" s="10"/>
    </row>
    <row r="700928" spans="14:14">
      <c r="N700928" s="10"/>
    </row>
    <row r="700929" spans="14:14">
      <c r="N700929" s="10"/>
    </row>
    <row r="700930" spans="14:14">
      <c r="N700930" s="10"/>
    </row>
    <row r="700931" spans="14:14">
      <c r="N700931" s="10"/>
    </row>
    <row r="700932" spans="14:14">
      <c r="N700932" s="10"/>
    </row>
    <row r="700933" spans="14:14">
      <c r="N700933" s="10"/>
    </row>
    <row r="700934" spans="14:14">
      <c r="N700934" s="10"/>
    </row>
    <row r="700935" spans="14:14">
      <c r="N700935" s="10"/>
    </row>
    <row r="700936" spans="14:14">
      <c r="N700936" s="10"/>
    </row>
    <row r="700937" spans="14:14">
      <c r="N700937" s="10"/>
    </row>
    <row r="700938" spans="14:14">
      <c r="N700938" s="10"/>
    </row>
    <row r="700939" spans="14:14">
      <c r="N700939" s="10"/>
    </row>
    <row r="700940" spans="14:14">
      <c r="N700940" s="10"/>
    </row>
    <row r="700941" spans="14:14">
      <c r="N700941" s="10"/>
    </row>
    <row r="700942" spans="14:14">
      <c r="N700942" s="10"/>
    </row>
    <row r="700943" spans="14:14">
      <c r="N700943" s="10"/>
    </row>
    <row r="700944" spans="14:14">
      <c r="N700944" s="10"/>
    </row>
    <row r="700945" spans="14:14">
      <c r="N700945" s="10"/>
    </row>
    <row r="700946" spans="14:14">
      <c r="N700946" s="10"/>
    </row>
    <row r="700947" spans="14:14">
      <c r="N700947" s="10"/>
    </row>
    <row r="700948" spans="14:14">
      <c r="N700948" s="10"/>
    </row>
    <row r="700949" spans="14:14">
      <c r="N700949" s="10"/>
    </row>
    <row r="700950" spans="14:14">
      <c r="N700950" s="10"/>
    </row>
    <row r="700951" spans="14:14">
      <c r="N700951" s="10"/>
    </row>
    <row r="700952" spans="14:14">
      <c r="N700952" s="10"/>
    </row>
    <row r="700953" spans="14:14">
      <c r="N700953" s="10"/>
    </row>
    <row r="700954" spans="14:14">
      <c r="N700954" s="10"/>
    </row>
    <row r="700955" spans="14:14">
      <c r="N700955" s="10"/>
    </row>
    <row r="700956" spans="14:14">
      <c r="N700956" s="10"/>
    </row>
    <row r="700957" spans="14:14">
      <c r="N700957" s="10"/>
    </row>
    <row r="700958" spans="14:14">
      <c r="N700958" s="10"/>
    </row>
    <row r="700959" spans="14:14">
      <c r="N700959" s="10"/>
    </row>
    <row r="700960" spans="14:14">
      <c r="N700960" s="10"/>
    </row>
    <row r="700961" spans="14:14">
      <c r="N700961" s="10"/>
    </row>
    <row r="700962" spans="14:14">
      <c r="N700962" s="10"/>
    </row>
    <row r="700963" spans="14:14">
      <c r="N700963" s="10"/>
    </row>
    <row r="700964" spans="14:14">
      <c r="N700964" s="10"/>
    </row>
    <row r="700965" spans="14:14">
      <c r="N700965" s="10"/>
    </row>
    <row r="700966" spans="14:14">
      <c r="N700966" s="10"/>
    </row>
    <row r="700967" spans="14:14">
      <c r="N700967" s="10"/>
    </row>
    <row r="700968" spans="14:14">
      <c r="N700968" s="10"/>
    </row>
    <row r="700969" spans="14:14">
      <c r="N700969" s="10"/>
    </row>
    <row r="700970" spans="14:14">
      <c r="N700970" s="10"/>
    </row>
    <row r="700971" spans="14:14">
      <c r="N700971" s="10"/>
    </row>
    <row r="700972" spans="14:14">
      <c r="N700972" s="10"/>
    </row>
    <row r="700973" spans="14:14">
      <c r="N700973" s="10"/>
    </row>
    <row r="700974" spans="14:14">
      <c r="N700974" s="10"/>
    </row>
    <row r="700975" spans="14:14">
      <c r="N700975" s="10"/>
    </row>
    <row r="700976" spans="14:14">
      <c r="N700976" s="10"/>
    </row>
    <row r="700977" spans="14:14">
      <c r="N700977" s="10"/>
    </row>
    <row r="700978" spans="14:14">
      <c r="N700978" s="10"/>
    </row>
    <row r="700979" spans="14:14">
      <c r="N700979" s="10"/>
    </row>
    <row r="700980" spans="14:14">
      <c r="N700980" s="10"/>
    </row>
    <row r="700981" spans="14:14">
      <c r="N700981" s="10"/>
    </row>
    <row r="700982" spans="14:14">
      <c r="N700982" s="10"/>
    </row>
    <row r="700983" spans="14:14">
      <c r="N700983" s="10"/>
    </row>
    <row r="700984" spans="14:14">
      <c r="N700984" s="10"/>
    </row>
    <row r="700985" spans="14:14">
      <c r="N700985" s="10"/>
    </row>
    <row r="700986" spans="14:14">
      <c r="N700986" s="10"/>
    </row>
    <row r="700987" spans="14:14">
      <c r="N700987" s="10"/>
    </row>
    <row r="700988" spans="14:14">
      <c r="N700988" s="10"/>
    </row>
    <row r="700989" spans="14:14">
      <c r="N700989" s="10"/>
    </row>
    <row r="700990" spans="14:14">
      <c r="N700990" s="10"/>
    </row>
    <row r="700991" spans="14:14">
      <c r="N700991" s="10"/>
    </row>
    <row r="700992" spans="14:14">
      <c r="N700992" s="10"/>
    </row>
    <row r="700993" spans="14:14">
      <c r="N700993" s="10"/>
    </row>
    <row r="700994" spans="14:14">
      <c r="N700994" s="10"/>
    </row>
    <row r="700995" spans="14:14">
      <c r="N700995" s="10"/>
    </row>
    <row r="700996" spans="14:14">
      <c r="N700996" s="10"/>
    </row>
    <row r="700997" spans="14:14">
      <c r="N700997" s="10"/>
    </row>
    <row r="700998" spans="14:14">
      <c r="N700998" s="10"/>
    </row>
    <row r="700999" spans="14:14">
      <c r="N700999" s="10"/>
    </row>
    <row r="701000" spans="14:14">
      <c r="N701000" s="10"/>
    </row>
    <row r="701001" spans="14:14">
      <c r="N701001" s="10"/>
    </row>
    <row r="701002" spans="14:14">
      <c r="N701002" s="10"/>
    </row>
    <row r="701003" spans="14:14">
      <c r="N701003" s="10"/>
    </row>
    <row r="701004" spans="14:14">
      <c r="N701004" s="10"/>
    </row>
    <row r="701005" spans="14:14">
      <c r="N701005" s="10"/>
    </row>
    <row r="701006" spans="14:14">
      <c r="N701006" s="10"/>
    </row>
    <row r="701007" spans="14:14">
      <c r="N701007" s="10"/>
    </row>
    <row r="701008" spans="14:14">
      <c r="N701008" s="10"/>
    </row>
    <row r="701009" spans="14:14">
      <c r="N701009" s="10"/>
    </row>
    <row r="701010" spans="14:14">
      <c r="N701010" s="10"/>
    </row>
    <row r="701011" spans="14:14">
      <c r="N701011" s="10"/>
    </row>
    <row r="701012" spans="14:14">
      <c r="N701012" s="10"/>
    </row>
    <row r="701013" spans="14:14">
      <c r="N701013" s="10"/>
    </row>
    <row r="701014" spans="14:14">
      <c r="N701014" s="10"/>
    </row>
    <row r="701015" spans="14:14">
      <c r="N701015" s="10"/>
    </row>
    <row r="701016" spans="14:14">
      <c r="N701016" s="10"/>
    </row>
    <row r="701017" spans="14:14">
      <c r="N701017" s="10"/>
    </row>
    <row r="701018" spans="14:14">
      <c r="N701018" s="10"/>
    </row>
    <row r="701019" spans="14:14">
      <c r="N701019" s="10"/>
    </row>
    <row r="701020" spans="14:14">
      <c r="N701020" s="10"/>
    </row>
    <row r="701021" spans="14:14">
      <c r="N701021" s="10"/>
    </row>
    <row r="701022" spans="14:14">
      <c r="N701022" s="10"/>
    </row>
    <row r="701023" spans="14:14">
      <c r="N701023" s="10"/>
    </row>
    <row r="701024" spans="14:14">
      <c r="N701024" s="10"/>
    </row>
    <row r="701025" spans="14:14">
      <c r="N701025" s="10"/>
    </row>
    <row r="701026" spans="14:14">
      <c r="N701026" s="10"/>
    </row>
    <row r="701027" spans="14:14">
      <c r="N701027" s="10"/>
    </row>
    <row r="701028" spans="14:14">
      <c r="N701028" s="10"/>
    </row>
    <row r="701029" spans="14:14">
      <c r="N701029" s="10"/>
    </row>
    <row r="701030" spans="14:14">
      <c r="N701030" s="10"/>
    </row>
    <row r="701031" spans="14:14">
      <c r="N701031" s="10"/>
    </row>
    <row r="701032" spans="14:14">
      <c r="N701032" s="10"/>
    </row>
    <row r="701033" spans="14:14">
      <c r="N701033" s="10"/>
    </row>
    <row r="701034" spans="14:14">
      <c r="N701034" s="10"/>
    </row>
    <row r="701035" spans="14:14">
      <c r="N701035" s="10"/>
    </row>
    <row r="701036" spans="14:14">
      <c r="N701036" s="10"/>
    </row>
    <row r="701037" spans="14:14">
      <c r="N701037" s="10"/>
    </row>
    <row r="701038" spans="14:14">
      <c r="N701038" s="10"/>
    </row>
    <row r="701039" spans="14:14">
      <c r="N701039" s="10"/>
    </row>
    <row r="701040" spans="14:14">
      <c r="N701040" s="10"/>
    </row>
    <row r="701041" spans="14:14">
      <c r="N701041" s="10"/>
    </row>
    <row r="701042" spans="14:14">
      <c r="N701042" s="10"/>
    </row>
    <row r="701043" spans="14:14">
      <c r="N701043" s="10"/>
    </row>
    <row r="701044" spans="14:14">
      <c r="N701044" s="10"/>
    </row>
    <row r="701045" spans="14:14">
      <c r="N701045" s="10"/>
    </row>
    <row r="701046" spans="14:14">
      <c r="N701046" s="10"/>
    </row>
    <row r="701047" spans="14:14">
      <c r="N701047" s="10"/>
    </row>
    <row r="701048" spans="14:14">
      <c r="N701048" s="10"/>
    </row>
    <row r="701049" spans="14:14">
      <c r="N701049" s="10"/>
    </row>
    <row r="701050" spans="14:14">
      <c r="N701050" s="10"/>
    </row>
    <row r="701051" spans="14:14">
      <c r="N701051" s="10"/>
    </row>
    <row r="701052" spans="14:14">
      <c r="N701052" s="10"/>
    </row>
    <row r="701053" spans="14:14">
      <c r="N701053" s="10"/>
    </row>
    <row r="701054" spans="14:14">
      <c r="N701054" s="10"/>
    </row>
    <row r="701055" spans="14:14">
      <c r="N701055" s="10"/>
    </row>
    <row r="701056" spans="14:14">
      <c r="N701056" s="10"/>
    </row>
    <row r="701057" spans="14:14">
      <c r="N701057" s="10"/>
    </row>
    <row r="701058" spans="14:14">
      <c r="N701058" s="10"/>
    </row>
    <row r="701059" spans="14:14">
      <c r="N701059" s="10"/>
    </row>
    <row r="701060" spans="14:14">
      <c r="N701060" s="10"/>
    </row>
    <row r="701061" spans="14:14">
      <c r="N701061" s="10"/>
    </row>
    <row r="701062" spans="14:14">
      <c r="N701062" s="10"/>
    </row>
    <row r="701063" spans="14:14">
      <c r="N701063" s="10"/>
    </row>
    <row r="701064" spans="14:14">
      <c r="N701064" s="10"/>
    </row>
    <row r="701065" spans="14:14">
      <c r="N701065" s="10"/>
    </row>
    <row r="701066" spans="14:14">
      <c r="N701066" s="10"/>
    </row>
    <row r="701067" spans="14:14">
      <c r="N701067" s="10"/>
    </row>
    <row r="701068" spans="14:14">
      <c r="N701068" s="10"/>
    </row>
    <row r="701069" spans="14:14">
      <c r="N701069" s="10"/>
    </row>
    <row r="701070" spans="14:14">
      <c r="N701070" s="10"/>
    </row>
    <row r="701071" spans="14:14">
      <c r="N701071" s="10"/>
    </row>
    <row r="701072" spans="14:14">
      <c r="N701072" s="10"/>
    </row>
    <row r="701073" spans="14:14">
      <c r="N701073" s="10"/>
    </row>
    <row r="701074" spans="14:14">
      <c r="N701074" s="10"/>
    </row>
    <row r="701075" spans="14:14">
      <c r="N701075" s="10"/>
    </row>
    <row r="701076" spans="14:14">
      <c r="N701076" s="10"/>
    </row>
    <row r="701077" spans="14:14">
      <c r="N701077" s="10"/>
    </row>
    <row r="701078" spans="14:14">
      <c r="N701078" s="10"/>
    </row>
    <row r="701079" spans="14:14">
      <c r="N701079" s="10"/>
    </row>
    <row r="701080" spans="14:14">
      <c r="N701080" s="10"/>
    </row>
    <row r="701081" spans="14:14">
      <c r="N701081" s="10"/>
    </row>
    <row r="701082" spans="14:14">
      <c r="N701082" s="10"/>
    </row>
    <row r="701083" spans="14:14">
      <c r="N701083" s="10"/>
    </row>
    <row r="701084" spans="14:14">
      <c r="N701084" s="10"/>
    </row>
    <row r="701085" spans="14:14">
      <c r="N701085" s="10"/>
    </row>
    <row r="701086" spans="14:14">
      <c r="N701086" s="10"/>
    </row>
    <row r="701087" spans="14:14">
      <c r="N701087" s="10"/>
    </row>
    <row r="701088" spans="14:14">
      <c r="N701088" s="10"/>
    </row>
    <row r="701089" spans="14:14">
      <c r="N701089" s="10"/>
    </row>
    <row r="701090" spans="14:14">
      <c r="N701090" s="10"/>
    </row>
    <row r="701091" spans="14:14">
      <c r="N701091" s="10"/>
    </row>
    <row r="701092" spans="14:14">
      <c r="N701092" s="10"/>
    </row>
    <row r="701093" spans="14:14">
      <c r="N701093" s="10"/>
    </row>
    <row r="701094" spans="14:14">
      <c r="N701094" s="10"/>
    </row>
    <row r="701095" spans="14:14">
      <c r="N701095" s="10"/>
    </row>
    <row r="701096" spans="14:14">
      <c r="N701096" s="10"/>
    </row>
    <row r="701097" spans="14:14">
      <c r="N701097" s="10"/>
    </row>
    <row r="701098" spans="14:14">
      <c r="N701098" s="10"/>
    </row>
    <row r="701099" spans="14:14">
      <c r="N701099" s="10"/>
    </row>
    <row r="701100" spans="14:14">
      <c r="N701100" s="10"/>
    </row>
    <row r="701101" spans="14:14">
      <c r="N701101" s="10"/>
    </row>
    <row r="701102" spans="14:14">
      <c r="N701102" s="10"/>
    </row>
    <row r="701103" spans="14:14">
      <c r="N701103" s="10"/>
    </row>
    <row r="701104" spans="14:14">
      <c r="N701104" s="10"/>
    </row>
    <row r="701105" spans="14:14">
      <c r="N701105" s="10"/>
    </row>
    <row r="701106" spans="14:14">
      <c r="N701106" s="10"/>
    </row>
    <row r="701107" spans="14:14">
      <c r="N701107" s="10"/>
    </row>
    <row r="701108" spans="14:14">
      <c r="N701108" s="10"/>
    </row>
    <row r="701109" spans="14:14">
      <c r="N701109" s="10"/>
    </row>
    <row r="701110" spans="14:14">
      <c r="N701110" s="10"/>
    </row>
    <row r="701111" spans="14:14">
      <c r="N701111" s="10"/>
    </row>
    <row r="701112" spans="14:14">
      <c r="N701112" s="10"/>
    </row>
    <row r="701113" spans="14:14">
      <c r="N701113" s="10"/>
    </row>
    <row r="701114" spans="14:14">
      <c r="N701114" s="10"/>
    </row>
    <row r="701115" spans="14:14">
      <c r="N701115" s="10"/>
    </row>
    <row r="701116" spans="14:14">
      <c r="N701116" s="10"/>
    </row>
    <row r="701117" spans="14:14">
      <c r="N701117" s="10"/>
    </row>
    <row r="701118" spans="14:14">
      <c r="N701118" s="10"/>
    </row>
    <row r="701119" spans="14:14">
      <c r="N701119" s="10"/>
    </row>
    <row r="701120" spans="14:14">
      <c r="N701120" s="10"/>
    </row>
    <row r="701121" spans="14:14">
      <c r="N701121" s="10"/>
    </row>
    <row r="701122" spans="14:14">
      <c r="N701122" s="10"/>
    </row>
    <row r="701123" spans="14:14">
      <c r="N701123" s="10"/>
    </row>
    <row r="701124" spans="14:14">
      <c r="N701124" s="10"/>
    </row>
    <row r="701125" spans="14:14">
      <c r="N701125" s="10"/>
    </row>
    <row r="701126" spans="14:14">
      <c r="N701126" s="10"/>
    </row>
    <row r="701127" spans="14:14">
      <c r="N701127" s="10"/>
    </row>
    <row r="701128" spans="14:14">
      <c r="N701128" s="10"/>
    </row>
    <row r="701129" spans="14:14">
      <c r="N701129" s="10"/>
    </row>
    <row r="701130" spans="14:14">
      <c r="N701130" s="10"/>
    </row>
    <row r="701131" spans="14:14">
      <c r="N701131" s="10"/>
    </row>
    <row r="701132" spans="14:14">
      <c r="N701132" s="10"/>
    </row>
    <row r="701133" spans="14:14">
      <c r="N701133" s="10"/>
    </row>
    <row r="701134" spans="14:14">
      <c r="N701134" s="10"/>
    </row>
    <row r="701135" spans="14:14">
      <c r="N701135" s="10"/>
    </row>
    <row r="701136" spans="14:14">
      <c r="N701136" s="10"/>
    </row>
    <row r="701137" spans="14:14">
      <c r="N701137" s="10"/>
    </row>
    <row r="701138" spans="14:14">
      <c r="N701138" s="10"/>
    </row>
    <row r="701139" spans="14:14">
      <c r="N701139" s="10"/>
    </row>
    <row r="701140" spans="14:14">
      <c r="N701140" s="10"/>
    </row>
    <row r="701141" spans="14:14">
      <c r="N701141" s="10"/>
    </row>
    <row r="701142" spans="14:14">
      <c r="N701142" s="10"/>
    </row>
    <row r="701143" spans="14:14">
      <c r="N701143" s="10"/>
    </row>
    <row r="701144" spans="14:14">
      <c r="N701144" s="10"/>
    </row>
    <row r="701145" spans="14:14">
      <c r="N701145" s="10"/>
    </row>
    <row r="701146" spans="14:14">
      <c r="N701146" s="10"/>
    </row>
    <row r="701147" spans="14:14">
      <c r="N701147" s="10"/>
    </row>
    <row r="701148" spans="14:14">
      <c r="N701148" s="10"/>
    </row>
    <row r="701149" spans="14:14">
      <c r="N701149" s="10"/>
    </row>
    <row r="701150" spans="14:14">
      <c r="N701150" s="10"/>
    </row>
    <row r="701151" spans="14:14">
      <c r="N701151" s="10"/>
    </row>
    <row r="701152" spans="14:14">
      <c r="N701152" s="10"/>
    </row>
    <row r="701153" spans="14:14">
      <c r="N701153" s="10"/>
    </row>
    <row r="701154" spans="14:14">
      <c r="N701154" s="10"/>
    </row>
    <row r="701155" spans="14:14">
      <c r="N701155" s="10"/>
    </row>
    <row r="701156" spans="14:14">
      <c r="N701156" s="10"/>
    </row>
    <row r="701157" spans="14:14">
      <c r="N701157" s="10"/>
    </row>
    <row r="701158" spans="14:14">
      <c r="N701158" s="10"/>
    </row>
    <row r="701159" spans="14:14">
      <c r="N701159" s="10"/>
    </row>
    <row r="701160" spans="14:14">
      <c r="N701160" s="10"/>
    </row>
    <row r="701161" spans="14:14">
      <c r="N701161" s="10"/>
    </row>
    <row r="701162" spans="14:14">
      <c r="N701162" s="10"/>
    </row>
    <row r="701163" spans="14:14">
      <c r="N701163" s="10"/>
    </row>
    <row r="701164" spans="14:14">
      <c r="N701164" s="10"/>
    </row>
    <row r="701165" spans="14:14">
      <c r="N701165" s="10"/>
    </row>
    <row r="701166" spans="14:14">
      <c r="N701166" s="10"/>
    </row>
    <row r="701167" spans="14:14">
      <c r="N701167" s="10"/>
    </row>
    <row r="701168" spans="14:14">
      <c r="N701168" s="10"/>
    </row>
    <row r="701169" spans="14:14">
      <c r="N701169" s="10"/>
    </row>
    <row r="701170" spans="14:14">
      <c r="N701170" s="10"/>
    </row>
    <row r="701171" spans="14:14">
      <c r="N701171" s="10"/>
    </row>
    <row r="701172" spans="14:14">
      <c r="N701172" s="10"/>
    </row>
    <row r="701173" spans="14:14">
      <c r="N701173" s="10"/>
    </row>
    <row r="701174" spans="14:14">
      <c r="N701174" s="10"/>
    </row>
    <row r="701175" spans="14:14">
      <c r="N701175" s="10"/>
    </row>
    <row r="701176" spans="14:14">
      <c r="N701176" s="10"/>
    </row>
    <row r="701177" spans="14:14">
      <c r="N701177" s="10"/>
    </row>
    <row r="701178" spans="14:14">
      <c r="N701178" s="10"/>
    </row>
    <row r="701179" spans="14:14">
      <c r="N701179" s="10"/>
    </row>
    <row r="701180" spans="14:14">
      <c r="N701180" s="10"/>
    </row>
    <row r="701181" spans="14:14">
      <c r="N701181" s="10"/>
    </row>
    <row r="701182" spans="14:14">
      <c r="N701182" s="10"/>
    </row>
    <row r="701183" spans="14:14">
      <c r="N701183" s="10"/>
    </row>
    <row r="701184" spans="14:14">
      <c r="N701184" s="10"/>
    </row>
    <row r="701185" spans="14:14">
      <c r="N701185" s="10"/>
    </row>
    <row r="701186" spans="14:14">
      <c r="N701186" s="10"/>
    </row>
    <row r="701187" spans="14:14">
      <c r="N701187" s="10"/>
    </row>
    <row r="701188" spans="14:14">
      <c r="N701188" s="10"/>
    </row>
    <row r="701189" spans="14:14">
      <c r="N701189" s="10"/>
    </row>
    <row r="701190" spans="14:14">
      <c r="N701190" s="10"/>
    </row>
    <row r="701191" spans="14:14">
      <c r="N701191" s="10"/>
    </row>
    <row r="701192" spans="14:14">
      <c r="N701192" s="10"/>
    </row>
    <row r="701193" spans="14:14">
      <c r="N701193" s="10"/>
    </row>
    <row r="701194" spans="14:14">
      <c r="N701194" s="10"/>
    </row>
    <row r="701195" spans="14:14">
      <c r="N701195" s="10"/>
    </row>
    <row r="701196" spans="14:14">
      <c r="N701196" s="10"/>
    </row>
    <row r="701197" spans="14:14">
      <c r="N701197" s="10"/>
    </row>
    <row r="701198" spans="14:14">
      <c r="N701198" s="10"/>
    </row>
    <row r="701199" spans="14:14">
      <c r="N701199" s="10"/>
    </row>
    <row r="701200" spans="14:14">
      <c r="N701200" s="10"/>
    </row>
    <row r="701201" spans="14:14">
      <c r="N701201" s="10"/>
    </row>
    <row r="701202" spans="14:14">
      <c r="N701202" s="10"/>
    </row>
    <row r="701203" spans="14:14">
      <c r="N701203" s="10"/>
    </row>
    <row r="701204" spans="14:14">
      <c r="N701204" s="10"/>
    </row>
    <row r="701205" spans="14:14">
      <c r="N701205" s="10"/>
    </row>
    <row r="701206" spans="14:14">
      <c r="N701206" s="10"/>
    </row>
    <row r="701207" spans="14:14">
      <c r="N701207" s="10"/>
    </row>
    <row r="701208" spans="14:14">
      <c r="N701208" s="10"/>
    </row>
    <row r="701209" spans="14:14">
      <c r="N701209" s="10"/>
    </row>
    <row r="701210" spans="14:14">
      <c r="N701210" s="10"/>
    </row>
    <row r="701211" spans="14:14">
      <c r="N701211" s="10"/>
    </row>
    <row r="701212" spans="14:14">
      <c r="N701212" s="10"/>
    </row>
    <row r="701213" spans="14:14">
      <c r="N701213" s="10"/>
    </row>
    <row r="701214" spans="14:14">
      <c r="N701214" s="10"/>
    </row>
    <row r="701215" spans="14:14">
      <c r="N701215" s="10"/>
    </row>
    <row r="701216" spans="14:14">
      <c r="N701216" s="10"/>
    </row>
    <row r="701217" spans="14:14">
      <c r="N701217" s="10"/>
    </row>
    <row r="701218" spans="14:14">
      <c r="N701218" s="10"/>
    </row>
    <row r="701219" spans="14:14">
      <c r="N701219" s="10"/>
    </row>
    <row r="701220" spans="14:14">
      <c r="N701220" s="10"/>
    </row>
    <row r="701221" spans="14:14">
      <c r="N701221" s="10"/>
    </row>
    <row r="701222" spans="14:14">
      <c r="N701222" s="10"/>
    </row>
    <row r="701223" spans="14:14">
      <c r="N701223" s="10"/>
    </row>
    <row r="701224" spans="14:14">
      <c r="N701224" s="10"/>
    </row>
    <row r="701225" spans="14:14">
      <c r="N701225" s="10"/>
    </row>
    <row r="701226" spans="14:14">
      <c r="N701226" s="10"/>
    </row>
    <row r="701227" spans="14:14">
      <c r="N701227" s="10"/>
    </row>
    <row r="701228" spans="14:14">
      <c r="N701228" s="10"/>
    </row>
    <row r="701229" spans="14:14">
      <c r="N701229" s="10"/>
    </row>
    <row r="701230" spans="14:14">
      <c r="N701230" s="10"/>
    </row>
    <row r="701231" spans="14:14">
      <c r="N701231" s="10"/>
    </row>
    <row r="701232" spans="14:14">
      <c r="N701232" s="10"/>
    </row>
    <row r="701233" spans="14:14">
      <c r="N701233" s="10"/>
    </row>
    <row r="701234" spans="14:14">
      <c r="N701234" s="10"/>
    </row>
    <row r="701235" spans="14:14">
      <c r="N701235" s="10"/>
    </row>
    <row r="701236" spans="14:14">
      <c r="N701236" s="10"/>
    </row>
    <row r="701237" spans="14:14">
      <c r="N701237" s="10"/>
    </row>
    <row r="701238" spans="14:14">
      <c r="N701238" s="10"/>
    </row>
    <row r="701239" spans="14:14">
      <c r="N701239" s="10"/>
    </row>
    <row r="701240" spans="14:14">
      <c r="N701240" s="10"/>
    </row>
    <row r="701241" spans="14:14">
      <c r="N701241" s="10"/>
    </row>
    <row r="701242" spans="14:14">
      <c r="N701242" s="10"/>
    </row>
    <row r="701243" spans="14:14">
      <c r="N701243" s="10"/>
    </row>
    <row r="701244" spans="14:14">
      <c r="N701244" s="10"/>
    </row>
    <row r="701245" spans="14:14">
      <c r="N701245" s="10"/>
    </row>
    <row r="701246" spans="14:14">
      <c r="N701246" s="10"/>
    </row>
    <row r="701247" spans="14:14">
      <c r="N701247" s="10"/>
    </row>
    <row r="701248" spans="14:14">
      <c r="N701248" s="10"/>
    </row>
    <row r="701249" spans="14:14">
      <c r="N701249" s="10"/>
    </row>
    <row r="701250" spans="14:14">
      <c r="N701250" s="10"/>
    </row>
    <row r="701251" spans="14:14">
      <c r="N701251" s="10"/>
    </row>
    <row r="701252" spans="14:14">
      <c r="N701252" s="10"/>
    </row>
    <row r="701253" spans="14:14">
      <c r="N701253" s="10"/>
    </row>
    <row r="701254" spans="14:14">
      <c r="N701254" s="10"/>
    </row>
    <row r="701255" spans="14:14">
      <c r="N701255" s="10"/>
    </row>
    <row r="701256" spans="14:14">
      <c r="N701256" s="10"/>
    </row>
    <row r="701257" spans="14:14">
      <c r="N701257" s="10"/>
    </row>
    <row r="701258" spans="14:14">
      <c r="N701258" s="10"/>
    </row>
    <row r="701259" spans="14:14">
      <c r="N701259" s="10"/>
    </row>
    <row r="701260" spans="14:14">
      <c r="N701260" s="10"/>
    </row>
    <row r="701261" spans="14:14">
      <c r="N701261" s="10"/>
    </row>
    <row r="701262" spans="14:14">
      <c r="N701262" s="10"/>
    </row>
    <row r="701263" spans="14:14">
      <c r="N701263" s="10"/>
    </row>
    <row r="701264" spans="14:14">
      <c r="N701264" s="10"/>
    </row>
    <row r="701265" spans="14:14">
      <c r="N701265" s="10"/>
    </row>
    <row r="701266" spans="14:14">
      <c r="N701266" s="10"/>
    </row>
    <row r="701267" spans="14:14">
      <c r="N701267" s="10"/>
    </row>
    <row r="701268" spans="14:14">
      <c r="N701268" s="10"/>
    </row>
    <row r="701269" spans="14:14">
      <c r="N701269" s="10"/>
    </row>
    <row r="701270" spans="14:14">
      <c r="N701270" s="10"/>
    </row>
    <row r="701271" spans="14:14">
      <c r="N701271" s="10"/>
    </row>
    <row r="701272" spans="14:14">
      <c r="N701272" s="10"/>
    </row>
    <row r="701273" spans="14:14">
      <c r="N701273" s="10"/>
    </row>
    <row r="701274" spans="14:14">
      <c r="N701274" s="10"/>
    </row>
    <row r="701275" spans="14:14">
      <c r="N701275" s="10"/>
    </row>
    <row r="701276" spans="14:14">
      <c r="N701276" s="10"/>
    </row>
    <row r="701277" spans="14:14">
      <c r="N701277" s="10"/>
    </row>
    <row r="701278" spans="14:14">
      <c r="N701278" s="10"/>
    </row>
    <row r="701279" spans="14:14">
      <c r="N701279" s="10"/>
    </row>
    <row r="701280" spans="14:14">
      <c r="N701280" s="10"/>
    </row>
    <row r="701281" spans="14:14">
      <c r="N701281" s="10"/>
    </row>
    <row r="701282" spans="14:14">
      <c r="N701282" s="10"/>
    </row>
    <row r="701283" spans="14:14">
      <c r="N701283" s="10"/>
    </row>
    <row r="701284" spans="14:14">
      <c r="N701284" s="10"/>
    </row>
    <row r="701285" spans="14:14">
      <c r="N701285" s="10"/>
    </row>
    <row r="701286" spans="14:14">
      <c r="N701286" s="10"/>
    </row>
    <row r="701287" spans="14:14">
      <c r="N701287" s="10"/>
    </row>
    <row r="701288" spans="14:14">
      <c r="N701288" s="10"/>
    </row>
    <row r="701289" spans="14:14">
      <c r="N701289" s="10"/>
    </row>
    <row r="701290" spans="14:14">
      <c r="N701290" s="10"/>
    </row>
    <row r="701291" spans="14:14">
      <c r="N701291" s="10"/>
    </row>
    <row r="701292" spans="14:14">
      <c r="N701292" s="10"/>
    </row>
    <row r="701293" spans="14:14">
      <c r="N701293" s="10"/>
    </row>
    <row r="701294" spans="14:14">
      <c r="N701294" s="10"/>
    </row>
    <row r="701295" spans="14:14">
      <c r="N701295" s="10"/>
    </row>
    <row r="701296" spans="14:14">
      <c r="N701296" s="10"/>
    </row>
    <row r="701297" spans="14:14">
      <c r="N701297" s="10"/>
    </row>
    <row r="701298" spans="14:14">
      <c r="N701298" s="10"/>
    </row>
    <row r="701299" spans="14:14">
      <c r="N701299" s="10"/>
    </row>
    <row r="701300" spans="14:14">
      <c r="N701300" s="10"/>
    </row>
    <row r="701301" spans="14:14">
      <c r="N701301" s="10"/>
    </row>
    <row r="701302" spans="14:14">
      <c r="N701302" s="10"/>
    </row>
    <row r="701303" spans="14:14">
      <c r="N701303" s="10"/>
    </row>
    <row r="701304" spans="14:14">
      <c r="N701304" s="10"/>
    </row>
    <row r="701305" spans="14:14">
      <c r="N701305" s="10"/>
    </row>
    <row r="701306" spans="14:14">
      <c r="N701306" s="10"/>
    </row>
    <row r="701307" spans="14:14">
      <c r="N701307" s="10"/>
    </row>
    <row r="701308" spans="14:14">
      <c r="N701308" s="10"/>
    </row>
    <row r="701309" spans="14:14">
      <c r="N701309" s="10"/>
    </row>
    <row r="701310" spans="14:14">
      <c r="N701310" s="10"/>
    </row>
    <row r="701311" spans="14:14">
      <c r="N701311" s="10"/>
    </row>
    <row r="701312" spans="14:14">
      <c r="N701312" s="10"/>
    </row>
    <row r="701313" spans="14:14">
      <c r="N701313" s="10"/>
    </row>
    <row r="701314" spans="14:14">
      <c r="N701314" s="10"/>
    </row>
    <row r="701315" spans="14:14">
      <c r="N701315" s="10"/>
    </row>
    <row r="701316" spans="14:14">
      <c r="N701316" s="10"/>
    </row>
    <row r="701317" spans="14:14">
      <c r="N701317" s="10"/>
    </row>
    <row r="701318" spans="14:14">
      <c r="N701318" s="10"/>
    </row>
    <row r="701319" spans="14:14">
      <c r="N701319" s="10"/>
    </row>
    <row r="701320" spans="14:14">
      <c r="N701320" s="10"/>
    </row>
    <row r="701321" spans="14:14">
      <c r="N701321" s="10"/>
    </row>
    <row r="701322" spans="14:14">
      <c r="N701322" s="10"/>
    </row>
    <row r="701323" spans="14:14">
      <c r="N701323" s="10"/>
    </row>
    <row r="701324" spans="14:14">
      <c r="N701324" s="10"/>
    </row>
    <row r="701325" spans="14:14">
      <c r="N701325" s="10"/>
    </row>
    <row r="701326" spans="14:14">
      <c r="N701326" s="10"/>
    </row>
    <row r="701327" spans="14:14">
      <c r="N701327" s="10"/>
    </row>
    <row r="701328" spans="14:14">
      <c r="N701328" s="10"/>
    </row>
    <row r="701329" spans="14:14">
      <c r="N701329" s="10"/>
    </row>
    <row r="701330" spans="14:14">
      <c r="N701330" s="10"/>
    </row>
    <row r="701331" spans="14:14">
      <c r="N701331" s="10"/>
    </row>
    <row r="701332" spans="14:14">
      <c r="N701332" s="10"/>
    </row>
    <row r="701333" spans="14:14">
      <c r="N701333" s="10"/>
    </row>
    <row r="701334" spans="14:14">
      <c r="N701334" s="10"/>
    </row>
    <row r="701335" spans="14:14">
      <c r="N701335" s="10"/>
    </row>
    <row r="701336" spans="14:14">
      <c r="N701336" s="10"/>
    </row>
    <row r="701337" spans="14:14">
      <c r="N701337" s="10"/>
    </row>
    <row r="701338" spans="14:14">
      <c r="N701338" s="10"/>
    </row>
    <row r="701339" spans="14:14">
      <c r="N701339" s="10"/>
    </row>
    <row r="701340" spans="14:14">
      <c r="N701340" s="10"/>
    </row>
    <row r="701341" spans="14:14">
      <c r="N701341" s="10"/>
    </row>
    <row r="701342" spans="14:14">
      <c r="N701342" s="10"/>
    </row>
    <row r="701343" spans="14:14">
      <c r="N701343" s="10"/>
    </row>
    <row r="701344" spans="14:14">
      <c r="N701344" s="10"/>
    </row>
    <row r="701345" spans="14:14">
      <c r="N701345" s="10"/>
    </row>
    <row r="701346" spans="14:14">
      <c r="N701346" s="10"/>
    </row>
    <row r="701347" spans="14:14">
      <c r="N701347" s="10"/>
    </row>
    <row r="701348" spans="14:14">
      <c r="N701348" s="10"/>
    </row>
    <row r="701349" spans="14:14">
      <c r="N701349" s="10"/>
    </row>
    <row r="701350" spans="14:14">
      <c r="N701350" s="10"/>
    </row>
    <row r="701351" spans="14:14">
      <c r="N701351" s="10"/>
    </row>
    <row r="701352" spans="14:14">
      <c r="N701352" s="10"/>
    </row>
    <row r="701353" spans="14:14">
      <c r="N701353" s="10"/>
    </row>
    <row r="701354" spans="14:14">
      <c r="N701354" s="10"/>
    </row>
    <row r="701355" spans="14:14">
      <c r="N701355" s="10"/>
    </row>
    <row r="701356" spans="14:14">
      <c r="N701356" s="10"/>
    </row>
    <row r="701357" spans="14:14">
      <c r="N701357" s="10"/>
    </row>
    <row r="701358" spans="14:14">
      <c r="N701358" s="10"/>
    </row>
    <row r="701359" spans="14:14">
      <c r="N701359" s="10"/>
    </row>
    <row r="701360" spans="14:14">
      <c r="N701360" s="10"/>
    </row>
    <row r="701361" spans="14:14">
      <c r="N701361" s="10"/>
    </row>
    <row r="701362" spans="14:14">
      <c r="N701362" s="10"/>
    </row>
    <row r="701363" spans="14:14">
      <c r="N701363" s="10"/>
    </row>
    <row r="701364" spans="14:14">
      <c r="N701364" s="10"/>
    </row>
    <row r="701365" spans="14:14">
      <c r="N701365" s="10"/>
    </row>
    <row r="701366" spans="14:14">
      <c r="N701366" s="10"/>
    </row>
    <row r="701367" spans="14:14">
      <c r="N701367" s="10"/>
    </row>
    <row r="701368" spans="14:14">
      <c r="N701368" s="10"/>
    </row>
    <row r="701369" spans="14:14">
      <c r="N701369" s="10"/>
    </row>
    <row r="701370" spans="14:14">
      <c r="N701370" s="10"/>
    </row>
    <row r="701371" spans="14:14">
      <c r="N701371" s="10"/>
    </row>
    <row r="701372" spans="14:14">
      <c r="N701372" s="10"/>
    </row>
    <row r="701373" spans="14:14">
      <c r="N701373" s="10"/>
    </row>
    <row r="701374" spans="14:14">
      <c r="N701374" s="10"/>
    </row>
    <row r="701375" spans="14:14">
      <c r="N701375" s="10"/>
    </row>
    <row r="701376" spans="14:14">
      <c r="N701376" s="10"/>
    </row>
    <row r="701377" spans="14:14">
      <c r="N701377" s="10"/>
    </row>
    <row r="701378" spans="14:14">
      <c r="N701378" s="10"/>
    </row>
    <row r="701379" spans="14:14">
      <c r="N701379" s="10"/>
    </row>
    <row r="701380" spans="14:14">
      <c r="N701380" s="10"/>
    </row>
    <row r="701381" spans="14:14">
      <c r="N701381" s="10"/>
    </row>
    <row r="701382" spans="14:14">
      <c r="N701382" s="10"/>
    </row>
    <row r="701383" spans="14:14">
      <c r="N701383" s="10"/>
    </row>
    <row r="701384" spans="14:14">
      <c r="N701384" s="10"/>
    </row>
    <row r="701385" spans="14:14">
      <c r="N701385" s="10"/>
    </row>
    <row r="701386" spans="14:14">
      <c r="N701386" s="10"/>
    </row>
    <row r="701387" spans="14:14">
      <c r="N701387" s="10"/>
    </row>
    <row r="701388" spans="14:14">
      <c r="N701388" s="10"/>
    </row>
    <row r="701389" spans="14:14">
      <c r="N701389" s="10"/>
    </row>
    <row r="701390" spans="14:14">
      <c r="N701390" s="10"/>
    </row>
    <row r="701391" spans="14:14">
      <c r="N701391" s="10"/>
    </row>
    <row r="701392" spans="14:14">
      <c r="N701392" s="10"/>
    </row>
    <row r="701393" spans="14:14">
      <c r="N701393" s="10"/>
    </row>
    <row r="701394" spans="14:14">
      <c r="N701394" s="10"/>
    </row>
    <row r="701395" spans="14:14">
      <c r="N701395" s="10"/>
    </row>
    <row r="701396" spans="14:14">
      <c r="N701396" s="10"/>
    </row>
    <row r="701397" spans="14:14">
      <c r="N701397" s="10"/>
    </row>
    <row r="701398" spans="14:14">
      <c r="N701398" s="10"/>
    </row>
    <row r="701399" spans="14:14">
      <c r="N701399" s="10"/>
    </row>
    <row r="701400" spans="14:14">
      <c r="N701400" s="10"/>
    </row>
    <row r="701401" spans="14:14">
      <c r="N701401" s="10"/>
    </row>
    <row r="701402" spans="14:14">
      <c r="N701402" s="10"/>
    </row>
    <row r="701403" spans="14:14">
      <c r="N701403" s="10"/>
    </row>
    <row r="701404" spans="14:14">
      <c r="N701404" s="10"/>
    </row>
    <row r="701405" spans="14:14">
      <c r="N701405" s="10"/>
    </row>
    <row r="701406" spans="14:14">
      <c r="N701406" s="10"/>
    </row>
    <row r="701407" spans="14:14">
      <c r="N701407" s="10"/>
    </row>
    <row r="701408" spans="14:14">
      <c r="N701408" s="10"/>
    </row>
    <row r="701409" spans="14:14">
      <c r="N701409" s="10"/>
    </row>
    <row r="701410" spans="14:14">
      <c r="N701410" s="10"/>
    </row>
    <row r="701411" spans="14:14">
      <c r="N701411" s="10"/>
    </row>
    <row r="701412" spans="14:14">
      <c r="N701412" s="10"/>
    </row>
    <row r="701413" spans="14:14">
      <c r="N701413" s="10"/>
    </row>
    <row r="701414" spans="14:14">
      <c r="N701414" s="10"/>
    </row>
    <row r="701415" spans="14:14">
      <c r="N701415" s="10"/>
    </row>
    <row r="701416" spans="14:14">
      <c r="N701416" s="10"/>
    </row>
    <row r="701417" spans="14:14">
      <c r="N701417" s="10"/>
    </row>
    <row r="701418" spans="14:14">
      <c r="N701418" s="10"/>
    </row>
    <row r="701419" spans="14:14">
      <c r="N701419" s="10"/>
    </row>
    <row r="701420" spans="14:14">
      <c r="N701420" s="10"/>
    </row>
    <row r="701421" spans="14:14">
      <c r="N701421" s="10"/>
    </row>
    <row r="701422" spans="14:14">
      <c r="N701422" s="10"/>
    </row>
    <row r="701423" spans="14:14">
      <c r="N701423" s="10"/>
    </row>
    <row r="701424" spans="14:14">
      <c r="N701424" s="10"/>
    </row>
    <row r="701425" spans="14:14">
      <c r="N701425" s="10"/>
    </row>
    <row r="701426" spans="14:14">
      <c r="N701426" s="10"/>
    </row>
    <row r="701427" spans="14:14">
      <c r="N701427" s="10"/>
    </row>
    <row r="701428" spans="14:14">
      <c r="N701428" s="10"/>
    </row>
    <row r="701429" spans="14:14">
      <c r="N701429" s="10"/>
    </row>
    <row r="701430" spans="14:14">
      <c r="N701430" s="10"/>
    </row>
    <row r="701431" spans="14:14">
      <c r="N701431" s="10"/>
    </row>
    <row r="701432" spans="14:14">
      <c r="N701432" s="10"/>
    </row>
    <row r="701433" spans="14:14">
      <c r="N701433" s="10"/>
    </row>
    <row r="701434" spans="14:14">
      <c r="N701434" s="10"/>
    </row>
    <row r="701435" spans="14:14">
      <c r="N701435" s="10"/>
    </row>
    <row r="701436" spans="14:14">
      <c r="N701436" s="10"/>
    </row>
    <row r="701437" spans="14:14">
      <c r="N701437" s="10"/>
    </row>
    <row r="701438" spans="14:14">
      <c r="N701438" s="10"/>
    </row>
    <row r="701439" spans="14:14">
      <c r="N701439" s="10"/>
    </row>
    <row r="701440" spans="14:14">
      <c r="N701440" s="10"/>
    </row>
    <row r="701441" spans="14:14">
      <c r="N701441" s="10"/>
    </row>
    <row r="701442" spans="14:14">
      <c r="N701442" s="10"/>
    </row>
    <row r="701443" spans="14:14">
      <c r="N701443" s="10"/>
    </row>
    <row r="701444" spans="14:14">
      <c r="N701444" s="10"/>
    </row>
    <row r="701445" spans="14:14">
      <c r="N701445" s="10"/>
    </row>
    <row r="701446" spans="14:14">
      <c r="N701446" s="10"/>
    </row>
    <row r="701447" spans="14:14">
      <c r="N701447" s="10"/>
    </row>
    <row r="701448" spans="14:14">
      <c r="N701448" s="10"/>
    </row>
    <row r="701449" spans="14:14">
      <c r="N701449" s="10"/>
    </row>
    <row r="701450" spans="14:14">
      <c r="N701450" s="10"/>
    </row>
    <row r="701451" spans="14:14">
      <c r="N701451" s="10"/>
    </row>
    <row r="701452" spans="14:14">
      <c r="N701452" s="10"/>
    </row>
    <row r="701453" spans="14:14">
      <c r="N701453" s="10"/>
    </row>
    <row r="701454" spans="14:14">
      <c r="N701454" s="10"/>
    </row>
    <row r="701455" spans="14:14">
      <c r="N701455" s="10"/>
    </row>
    <row r="701456" spans="14:14">
      <c r="N701456" s="10"/>
    </row>
    <row r="701457" spans="14:14">
      <c r="N701457" s="10"/>
    </row>
    <row r="701458" spans="14:14">
      <c r="N701458" s="10"/>
    </row>
    <row r="701459" spans="14:14">
      <c r="N701459" s="10"/>
    </row>
    <row r="701460" spans="14:14">
      <c r="N701460" s="10"/>
    </row>
    <row r="701461" spans="14:14">
      <c r="N701461" s="10"/>
    </row>
    <row r="701462" spans="14:14">
      <c r="N701462" s="10"/>
    </row>
    <row r="701463" spans="14:14">
      <c r="N701463" s="10"/>
    </row>
    <row r="701464" spans="14:14">
      <c r="N701464" s="10"/>
    </row>
    <row r="701465" spans="14:14">
      <c r="N701465" s="10"/>
    </row>
    <row r="701466" spans="14:14">
      <c r="N701466" s="10"/>
    </row>
    <row r="701467" spans="14:14">
      <c r="N701467" s="10"/>
    </row>
    <row r="701468" spans="14:14">
      <c r="N701468" s="10"/>
    </row>
    <row r="701469" spans="14:14">
      <c r="N701469" s="10"/>
    </row>
    <row r="701470" spans="14:14">
      <c r="N701470" s="10"/>
    </row>
    <row r="701471" spans="14:14">
      <c r="N701471" s="10"/>
    </row>
    <row r="701472" spans="14:14">
      <c r="N701472" s="10"/>
    </row>
    <row r="701473" spans="14:14">
      <c r="N701473" s="10"/>
    </row>
    <row r="701474" spans="14:14">
      <c r="N701474" s="10"/>
    </row>
    <row r="701475" spans="14:14">
      <c r="N701475" s="10"/>
    </row>
    <row r="701476" spans="14:14">
      <c r="N701476" s="10"/>
    </row>
    <row r="701477" spans="14:14">
      <c r="N701477" s="10"/>
    </row>
    <row r="701478" spans="14:14">
      <c r="N701478" s="10"/>
    </row>
    <row r="701479" spans="14:14">
      <c r="N701479" s="10"/>
    </row>
    <row r="701480" spans="14:14">
      <c r="N701480" s="10"/>
    </row>
    <row r="701481" spans="14:14">
      <c r="N701481" s="10"/>
    </row>
    <row r="701482" spans="14:14">
      <c r="N701482" s="10"/>
    </row>
    <row r="701483" spans="14:14">
      <c r="N701483" s="10"/>
    </row>
    <row r="701484" spans="14:14">
      <c r="N701484" s="10"/>
    </row>
    <row r="701485" spans="14:14">
      <c r="N701485" s="10"/>
    </row>
    <row r="701486" spans="14:14">
      <c r="N701486" s="10"/>
    </row>
    <row r="701487" spans="14:14">
      <c r="N701487" s="10"/>
    </row>
    <row r="701488" spans="14:14">
      <c r="N701488" s="10"/>
    </row>
    <row r="701489" spans="14:14">
      <c r="N701489" s="10"/>
    </row>
    <row r="701490" spans="14:14">
      <c r="N701490" s="10"/>
    </row>
    <row r="701491" spans="14:14">
      <c r="N701491" s="10"/>
    </row>
    <row r="701492" spans="14:14">
      <c r="N701492" s="10"/>
    </row>
    <row r="701493" spans="14:14">
      <c r="N701493" s="10"/>
    </row>
    <row r="701494" spans="14:14">
      <c r="N701494" s="10"/>
    </row>
    <row r="701495" spans="14:14">
      <c r="N701495" s="10"/>
    </row>
    <row r="701496" spans="14:14">
      <c r="N701496" s="10"/>
    </row>
    <row r="701497" spans="14:14">
      <c r="N701497" s="10"/>
    </row>
    <row r="701498" spans="14:14">
      <c r="N701498" s="10"/>
    </row>
    <row r="701499" spans="14:14">
      <c r="N701499" s="10"/>
    </row>
    <row r="701500" spans="14:14">
      <c r="N701500" s="10"/>
    </row>
    <row r="701501" spans="14:14">
      <c r="N701501" s="10"/>
    </row>
    <row r="701502" spans="14:14">
      <c r="N701502" s="10"/>
    </row>
    <row r="701503" spans="14:14">
      <c r="N701503" s="10"/>
    </row>
    <row r="701504" spans="14:14">
      <c r="N701504" s="10"/>
    </row>
    <row r="701505" spans="14:14">
      <c r="N701505" s="10"/>
    </row>
    <row r="701506" spans="14:14">
      <c r="N701506" s="10"/>
    </row>
    <row r="701507" spans="14:14">
      <c r="N701507" s="10"/>
    </row>
    <row r="701508" spans="14:14">
      <c r="N701508" s="10"/>
    </row>
    <row r="701509" spans="14:14">
      <c r="N701509" s="10"/>
    </row>
    <row r="701510" spans="14:14">
      <c r="N701510" s="10"/>
    </row>
    <row r="701511" spans="14:14">
      <c r="N701511" s="10"/>
    </row>
    <row r="701512" spans="14:14">
      <c r="N701512" s="10"/>
    </row>
    <row r="701513" spans="14:14">
      <c r="N701513" s="10"/>
    </row>
    <row r="701514" spans="14:14">
      <c r="N701514" s="10"/>
    </row>
    <row r="701515" spans="14:14">
      <c r="N701515" s="10"/>
    </row>
    <row r="701516" spans="14:14">
      <c r="N701516" s="10"/>
    </row>
    <row r="701517" spans="14:14">
      <c r="N701517" s="10"/>
    </row>
    <row r="701518" spans="14:14">
      <c r="N701518" s="10"/>
    </row>
    <row r="701519" spans="14:14">
      <c r="N701519" s="10"/>
    </row>
    <row r="701520" spans="14:14">
      <c r="N701520" s="10"/>
    </row>
    <row r="701521" spans="14:14">
      <c r="N701521" s="10"/>
    </row>
    <row r="701522" spans="14:14">
      <c r="N701522" s="10"/>
    </row>
    <row r="701523" spans="14:14">
      <c r="N701523" s="10"/>
    </row>
    <row r="701524" spans="14:14">
      <c r="N701524" s="10"/>
    </row>
    <row r="701525" spans="14:14">
      <c r="N701525" s="10"/>
    </row>
    <row r="701526" spans="14:14">
      <c r="N701526" s="10"/>
    </row>
    <row r="701527" spans="14:14">
      <c r="N701527" s="10"/>
    </row>
    <row r="701528" spans="14:14">
      <c r="N701528" s="10"/>
    </row>
    <row r="701529" spans="14:14">
      <c r="N701529" s="10"/>
    </row>
    <row r="701530" spans="14:14">
      <c r="N701530" s="10"/>
    </row>
    <row r="701531" spans="14:14">
      <c r="N701531" s="10"/>
    </row>
    <row r="701532" spans="14:14">
      <c r="N701532" s="10"/>
    </row>
    <row r="701533" spans="14:14">
      <c r="N701533" s="10"/>
    </row>
    <row r="701534" spans="14:14">
      <c r="N701534" s="10"/>
    </row>
    <row r="701535" spans="14:14">
      <c r="N701535" s="10"/>
    </row>
    <row r="701536" spans="14:14">
      <c r="N701536" s="10"/>
    </row>
    <row r="701537" spans="14:14">
      <c r="N701537" s="10"/>
    </row>
    <row r="701538" spans="14:14">
      <c r="N701538" s="10"/>
    </row>
    <row r="701539" spans="14:14">
      <c r="N701539" s="10"/>
    </row>
    <row r="701540" spans="14:14">
      <c r="N701540" s="10"/>
    </row>
    <row r="701541" spans="14:14">
      <c r="N701541" s="10"/>
    </row>
    <row r="701542" spans="14:14">
      <c r="N701542" s="10"/>
    </row>
    <row r="701543" spans="14:14">
      <c r="N701543" s="10"/>
    </row>
    <row r="701544" spans="14:14">
      <c r="N701544" s="10"/>
    </row>
    <row r="701545" spans="14:14">
      <c r="N701545" s="10"/>
    </row>
    <row r="701546" spans="14:14">
      <c r="N701546" s="10"/>
    </row>
    <row r="701547" spans="14:14">
      <c r="N701547" s="10"/>
    </row>
    <row r="701548" spans="14:14">
      <c r="N701548" s="10"/>
    </row>
    <row r="701549" spans="14:14">
      <c r="N701549" s="10"/>
    </row>
    <row r="701550" spans="14:14">
      <c r="N701550" s="10"/>
    </row>
    <row r="701551" spans="14:14">
      <c r="N701551" s="10"/>
    </row>
    <row r="701552" spans="14:14">
      <c r="N701552" s="10"/>
    </row>
    <row r="701553" spans="14:14">
      <c r="N701553" s="10"/>
    </row>
    <row r="701554" spans="14:14">
      <c r="N701554" s="10"/>
    </row>
    <row r="701555" spans="14:14">
      <c r="N701555" s="10"/>
    </row>
    <row r="701556" spans="14:14">
      <c r="N701556" s="10"/>
    </row>
    <row r="701557" spans="14:14">
      <c r="N701557" s="10"/>
    </row>
    <row r="701558" spans="14:14">
      <c r="N701558" s="10"/>
    </row>
    <row r="701559" spans="14:14">
      <c r="N701559" s="10"/>
    </row>
    <row r="701560" spans="14:14">
      <c r="N701560" s="10"/>
    </row>
    <row r="701561" spans="14:14">
      <c r="N701561" s="10"/>
    </row>
    <row r="701562" spans="14:14">
      <c r="N701562" s="10"/>
    </row>
    <row r="701563" spans="14:14">
      <c r="N701563" s="10"/>
    </row>
    <row r="701564" spans="14:14">
      <c r="N701564" s="10"/>
    </row>
    <row r="701565" spans="14:14">
      <c r="N701565" s="10"/>
    </row>
    <row r="701566" spans="14:14">
      <c r="N701566" s="10"/>
    </row>
    <row r="701567" spans="14:14">
      <c r="N701567" s="10"/>
    </row>
    <row r="701568" spans="14:14">
      <c r="N701568" s="10"/>
    </row>
    <row r="701569" spans="14:14">
      <c r="N701569" s="10"/>
    </row>
    <row r="701570" spans="14:14">
      <c r="N701570" s="10"/>
    </row>
    <row r="701571" spans="14:14">
      <c r="N701571" s="10"/>
    </row>
    <row r="701572" spans="14:14">
      <c r="N701572" s="10"/>
    </row>
    <row r="701573" spans="14:14">
      <c r="N701573" s="10"/>
    </row>
    <row r="701574" spans="14:14">
      <c r="N701574" s="10"/>
    </row>
    <row r="701575" spans="14:14">
      <c r="N701575" s="10"/>
    </row>
    <row r="701576" spans="14:14">
      <c r="N701576" s="10"/>
    </row>
    <row r="701577" spans="14:14">
      <c r="N701577" s="10"/>
    </row>
    <row r="701578" spans="14:14">
      <c r="N701578" s="10"/>
    </row>
    <row r="701579" spans="14:14">
      <c r="N701579" s="10"/>
    </row>
    <row r="701580" spans="14:14">
      <c r="N701580" s="10"/>
    </row>
    <row r="701581" spans="14:14">
      <c r="N701581" s="10"/>
    </row>
    <row r="701582" spans="14:14">
      <c r="N701582" s="10"/>
    </row>
    <row r="701583" spans="14:14">
      <c r="N701583" s="10"/>
    </row>
    <row r="701584" spans="14:14">
      <c r="N701584" s="10"/>
    </row>
    <row r="701585" spans="14:14">
      <c r="N701585" s="10"/>
    </row>
    <row r="701586" spans="14:14">
      <c r="N701586" s="10"/>
    </row>
    <row r="701587" spans="14:14">
      <c r="N701587" s="10"/>
    </row>
    <row r="701588" spans="14:14">
      <c r="N701588" s="10"/>
    </row>
    <row r="701589" spans="14:14">
      <c r="N701589" s="10"/>
    </row>
    <row r="701590" spans="14:14">
      <c r="N701590" s="10"/>
    </row>
    <row r="701591" spans="14:14">
      <c r="N701591" s="10"/>
    </row>
    <row r="701592" spans="14:14">
      <c r="N701592" s="10"/>
    </row>
    <row r="701593" spans="14:14">
      <c r="N701593" s="10"/>
    </row>
    <row r="701594" spans="14:14">
      <c r="N701594" s="10"/>
    </row>
    <row r="701595" spans="14:14">
      <c r="N701595" s="10"/>
    </row>
    <row r="701596" spans="14:14">
      <c r="N701596" s="10"/>
    </row>
    <row r="701597" spans="14:14">
      <c r="N701597" s="10"/>
    </row>
    <row r="701598" spans="14:14">
      <c r="N701598" s="10"/>
    </row>
    <row r="701599" spans="14:14">
      <c r="N701599" s="10"/>
    </row>
    <row r="701600" spans="14:14">
      <c r="N701600" s="10"/>
    </row>
    <row r="701601" spans="14:14">
      <c r="N701601" s="10"/>
    </row>
    <row r="701602" spans="14:14">
      <c r="N701602" s="10"/>
    </row>
    <row r="701603" spans="14:14">
      <c r="N701603" s="10"/>
    </row>
    <row r="701604" spans="14:14">
      <c r="N701604" s="10"/>
    </row>
    <row r="701605" spans="14:14">
      <c r="N701605" s="10"/>
    </row>
    <row r="701606" spans="14:14">
      <c r="N701606" s="10"/>
    </row>
    <row r="701607" spans="14:14">
      <c r="N701607" s="10"/>
    </row>
    <row r="701608" spans="14:14">
      <c r="N701608" s="10"/>
    </row>
    <row r="701609" spans="14:14">
      <c r="N701609" s="10"/>
    </row>
    <row r="701610" spans="14:14">
      <c r="N701610" s="10"/>
    </row>
    <row r="701611" spans="14:14">
      <c r="N701611" s="10"/>
    </row>
    <row r="701612" spans="14:14">
      <c r="N701612" s="10"/>
    </row>
    <row r="701613" spans="14:14">
      <c r="N701613" s="10"/>
    </row>
    <row r="701614" spans="14:14">
      <c r="N701614" s="10"/>
    </row>
    <row r="701615" spans="14:14">
      <c r="N701615" s="10"/>
    </row>
    <row r="701616" spans="14:14">
      <c r="N701616" s="10"/>
    </row>
    <row r="701617" spans="14:14">
      <c r="N701617" s="10"/>
    </row>
    <row r="701618" spans="14:14">
      <c r="N701618" s="10"/>
    </row>
    <row r="701619" spans="14:14">
      <c r="N701619" s="10"/>
    </row>
    <row r="701620" spans="14:14">
      <c r="N701620" s="10"/>
    </row>
    <row r="701621" spans="14:14">
      <c r="N701621" s="10"/>
    </row>
    <row r="701622" spans="14:14">
      <c r="N701622" s="10"/>
    </row>
    <row r="701623" spans="14:14">
      <c r="N701623" s="10"/>
    </row>
    <row r="701624" spans="14:14">
      <c r="N701624" s="10"/>
    </row>
    <row r="701625" spans="14:14">
      <c r="N701625" s="10"/>
    </row>
    <row r="701626" spans="14:14">
      <c r="N701626" s="10"/>
    </row>
    <row r="701627" spans="14:14">
      <c r="N701627" s="10"/>
    </row>
    <row r="701628" spans="14:14">
      <c r="N701628" s="10"/>
    </row>
    <row r="701629" spans="14:14">
      <c r="N701629" s="10"/>
    </row>
    <row r="701630" spans="14:14">
      <c r="N701630" s="10"/>
    </row>
    <row r="701631" spans="14:14">
      <c r="N701631" s="10"/>
    </row>
    <row r="701632" spans="14:14">
      <c r="N701632" s="10"/>
    </row>
    <row r="701633" spans="14:14">
      <c r="N701633" s="10"/>
    </row>
    <row r="701634" spans="14:14">
      <c r="N701634" s="10"/>
    </row>
    <row r="701635" spans="14:14">
      <c r="N701635" s="10"/>
    </row>
    <row r="701636" spans="14:14">
      <c r="N701636" s="10"/>
    </row>
    <row r="701637" spans="14:14">
      <c r="N701637" s="10"/>
    </row>
    <row r="701638" spans="14:14">
      <c r="N701638" s="10"/>
    </row>
    <row r="701639" spans="14:14">
      <c r="N701639" s="10"/>
    </row>
    <row r="701640" spans="14:14">
      <c r="N701640" s="10"/>
    </row>
    <row r="701641" spans="14:14">
      <c r="N701641" s="10"/>
    </row>
    <row r="701642" spans="14:14">
      <c r="N701642" s="10"/>
    </row>
    <row r="701643" spans="14:14">
      <c r="N701643" s="10"/>
    </row>
    <row r="701644" spans="14:14">
      <c r="N701644" s="10"/>
    </row>
    <row r="701645" spans="14:14">
      <c r="N701645" s="10"/>
    </row>
    <row r="701646" spans="14:14">
      <c r="N701646" s="10"/>
    </row>
    <row r="701647" spans="14:14">
      <c r="N701647" s="10"/>
    </row>
    <row r="701648" spans="14:14">
      <c r="N701648" s="10"/>
    </row>
    <row r="701649" spans="14:14">
      <c r="N701649" s="10"/>
    </row>
    <row r="701650" spans="14:14">
      <c r="N701650" s="10"/>
    </row>
    <row r="701651" spans="14:14">
      <c r="N701651" s="10"/>
    </row>
    <row r="701652" spans="14:14">
      <c r="N701652" s="10"/>
    </row>
    <row r="701653" spans="14:14">
      <c r="N701653" s="10"/>
    </row>
    <row r="701654" spans="14:14">
      <c r="N701654" s="10"/>
    </row>
    <row r="701655" spans="14:14">
      <c r="N701655" s="10"/>
    </row>
    <row r="701656" spans="14:14">
      <c r="N701656" s="10"/>
    </row>
    <row r="701657" spans="14:14">
      <c r="N701657" s="10"/>
    </row>
    <row r="701658" spans="14:14">
      <c r="N701658" s="10"/>
    </row>
    <row r="701659" spans="14:14">
      <c r="N701659" s="10"/>
    </row>
    <row r="701660" spans="14:14">
      <c r="N701660" s="10"/>
    </row>
    <row r="701661" spans="14:14">
      <c r="N701661" s="10"/>
    </row>
    <row r="701662" spans="14:14">
      <c r="N701662" s="10"/>
    </row>
    <row r="701663" spans="14:14">
      <c r="N701663" s="10"/>
    </row>
    <row r="701664" spans="14:14">
      <c r="N701664" s="10"/>
    </row>
    <row r="701665" spans="14:14">
      <c r="N701665" s="10"/>
    </row>
    <row r="701666" spans="14:14">
      <c r="N701666" s="10"/>
    </row>
    <row r="701667" spans="14:14">
      <c r="N701667" s="10"/>
    </row>
    <row r="701668" spans="14:14">
      <c r="N701668" s="10"/>
    </row>
    <row r="701669" spans="14:14">
      <c r="N701669" s="10"/>
    </row>
    <row r="701670" spans="14:14">
      <c r="N701670" s="10"/>
    </row>
    <row r="701671" spans="14:14">
      <c r="N701671" s="10"/>
    </row>
    <row r="701672" spans="14:14">
      <c r="N701672" s="10"/>
    </row>
    <row r="701673" spans="14:14">
      <c r="N701673" s="10"/>
    </row>
    <row r="701674" spans="14:14">
      <c r="N701674" s="10"/>
    </row>
    <row r="701675" spans="14:14">
      <c r="N701675" s="10"/>
    </row>
    <row r="701676" spans="14:14">
      <c r="N701676" s="10"/>
    </row>
    <row r="701677" spans="14:14">
      <c r="N701677" s="10"/>
    </row>
    <row r="701678" spans="14:14">
      <c r="N701678" s="10"/>
    </row>
    <row r="701679" spans="14:14">
      <c r="N701679" s="10"/>
    </row>
    <row r="701680" spans="14:14">
      <c r="N701680" s="10"/>
    </row>
    <row r="701681" spans="14:14">
      <c r="N701681" s="10"/>
    </row>
    <row r="701682" spans="14:14">
      <c r="N701682" s="10"/>
    </row>
    <row r="701683" spans="14:14">
      <c r="N701683" s="10"/>
    </row>
    <row r="701684" spans="14:14">
      <c r="N701684" s="10"/>
    </row>
    <row r="701685" spans="14:14">
      <c r="N701685" s="10"/>
    </row>
    <row r="701686" spans="14:14">
      <c r="N701686" s="10"/>
    </row>
    <row r="701687" spans="14:14">
      <c r="N701687" s="10"/>
    </row>
    <row r="701688" spans="14:14">
      <c r="N701688" s="10"/>
    </row>
    <row r="701689" spans="14:14">
      <c r="N701689" s="10"/>
    </row>
    <row r="701690" spans="14:14">
      <c r="N701690" s="10"/>
    </row>
    <row r="701691" spans="14:14">
      <c r="N701691" s="10"/>
    </row>
    <row r="701692" spans="14:14">
      <c r="N701692" s="10"/>
    </row>
    <row r="701693" spans="14:14">
      <c r="N701693" s="10"/>
    </row>
    <row r="701694" spans="14:14">
      <c r="N701694" s="10"/>
    </row>
    <row r="701695" spans="14:14">
      <c r="N701695" s="10"/>
    </row>
    <row r="701696" spans="14:14">
      <c r="N701696" s="10"/>
    </row>
    <row r="701697" spans="14:14">
      <c r="N701697" s="10"/>
    </row>
    <row r="701698" spans="14:14">
      <c r="N701698" s="10"/>
    </row>
    <row r="701699" spans="14:14">
      <c r="N701699" s="10"/>
    </row>
    <row r="701700" spans="14:14">
      <c r="N701700" s="10"/>
    </row>
    <row r="701701" spans="14:14">
      <c r="N701701" s="10"/>
    </row>
    <row r="701702" spans="14:14">
      <c r="N701702" s="10"/>
    </row>
    <row r="701703" spans="14:14">
      <c r="N701703" s="10"/>
    </row>
    <row r="701704" spans="14:14">
      <c r="N701704" s="10"/>
    </row>
    <row r="701705" spans="14:14">
      <c r="N701705" s="10"/>
    </row>
    <row r="701706" spans="14:14">
      <c r="N701706" s="10"/>
    </row>
    <row r="701707" spans="14:14">
      <c r="N701707" s="10"/>
    </row>
    <row r="701708" spans="14:14">
      <c r="N701708" s="10"/>
    </row>
    <row r="701709" spans="14:14">
      <c r="N701709" s="10"/>
    </row>
    <row r="701710" spans="14:14">
      <c r="N701710" s="10"/>
    </row>
    <row r="701711" spans="14:14">
      <c r="N701711" s="10"/>
    </row>
    <row r="701712" spans="14:14">
      <c r="N701712" s="10"/>
    </row>
    <row r="701713" spans="14:14">
      <c r="N701713" s="10"/>
    </row>
    <row r="701714" spans="14:14">
      <c r="N701714" s="10"/>
    </row>
    <row r="701715" spans="14:14">
      <c r="N701715" s="10"/>
    </row>
    <row r="701716" spans="14:14">
      <c r="N701716" s="10"/>
    </row>
    <row r="701717" spans="14:14">
      <c r="N701717" s="10"/>
    </row>
    <row r="701718" spans="14:14">
      <c r="N701718" s="10"/>
    </row>
    <row r="701719" spans="14:14">
      <c r="N701719" s="10"/>
    </row>
    <row r="701720" spans="14:14">
      <c r="N701720" s="10"/>
    </row>
    <row r="701721" spans="14:14">
      <c r="N701721" s="10"/>
    </row>
    <row r="701722" spans="14:14">
      <c r="N701722" s="10"/>
    </row>
    <row r="701723" spans="14:14">
      <c r="N701723" s="10"/>
    </row>
    <row r="701724" spans="14:14">
      <c r="N701724" s="10"/>
    </row>
    <row r="701725" spans="14:14">
      <c r="N701725" s="10"/>
    </row>
    <row r="701726" spans="14:14">
      <c r="N701726" s="10"/>
    </row>
    <row r="701727" spans="14:14">
      <c r="N701727" s="10"/>
    </row>
    <row r="701728" spans="14:14">
      <c r="N701728" s="10"/>
    </row>
    <row r="701729" spans="14:14">
      <c r="N701729" s="10"/>
    </row>
    <row r="701730" spans="14:14">
      <c r="N701730" s="10"/>
    </row>
    <row r="701731" spans="14:14">
      <c r="N701731" s="10"/>
    </row>
    <row r="701732" spans="14:14">
      <c r="N701732" s="10"/>
    </row>
    <row r="701733" spans="14:14">
      <c r="N701733" s="10"/>
    </row>
    <row r="701734" spans="14:14">
      <c r="N701734" s="10"/>
    </row>
    <row r="701735" spans="14:14">
      <c r="N701735" s="10"/>
    </row>
    <row r="701736" spans="14:14">
      <c r="N701736" s="10"/>
    </row>
    <row r="701737" spans="14:14">
      <c r="N701737" s="10"/>
    </row>
    <row r="701738" spans="14:14">
      <c r="N701738" s="10"/>
    </row>
    <row r="701739" spans="14:14">
      <c r="N701739" s="10"/>
    </row>
    <row r="701740" spans="14:14">
      <c r="N701740" s="10"/>
    </row>
    <row r="701741" spans="14:14">
      <c r="N701741" s="10"/>
    </row>
    <row r="701742" spans="14:14">
      <c r="N701742" s="10"/>
    </row>
    <row r="701743" spans="14:14">
      <c r="N701743" s="10"/>
    </row>
    <row r="701744" spans="14:14">
      <c r="N701744" s="10"/>
    </row>
    <row r="701745" spans="14:14">
      <c r="N701745" s="10"/>
    </row>
    <row r="701746" spans="14:14">
      <c r="N701746" s="10"/>
    </row>
    <row r="701747" spans="14:14">
      <c r="N701747" s="10"/>
    </row>
    <row r="701748" spans="14:14">
      <c r="N701748" s="10"/>
    </row>
    <row r="701749" spans="14:14">
      <c r="N701749" s="10"/>
    </row>
    <row r="701750" spans="14:14">
      <c r="N701750" s="10"/>
    </row>
    <row r="701751" spans="14:14">
      <c r="N701751" s="10"/>
    </row>
    <row r="701752" spans="14:14">
      <c r="N701752" s="10"/>
    </row>
    <row r="701753" spans="14:14">
      <c r="N701753" s="10"/>
    </row>
    <row r="701754" spans="14:14">
      <c r="N701754" s="10"/>
    </row>
    <row r="701755" spans="14:14">
      <c r="N701755" s="10"/>
    </row>
    <row r="701756" spans="14:14">
      <c r="N701756" s="10"/>
    </row>
    <row r="701757" spans="14:14">
      <c r="N701757" s="10"/>
    </row>
    <row r="701758" spans="14:14">
      <c r="N701758" s="10"/>
    </row>
    <row r="701759" spans="14:14">
      <c r="N701759" s="10"/>
    </row>
    <row r="701760" spans="14:14">
      <c r="N701760" s="10"/>
    </row>
    <row r="701761" spans="14:14">
      <c r="N701761" s="10"/>
    </row>
    <row r="701762" spans="14:14">
      <c r="N701762" s="10"/>
    </row>
    <row r="701763" spans="14:14">
      <c r="N701763" s="10"/>
    </row>
    <row r="701764" spans="14:14">
      <c r="N701764" s="10"/>
    </row>
    <row r="701765" spans="14:14">
      <c r="N701765" s="10"/>
    </row>
    <row r="701766" spans="14:14">
      <c r="N701766" s="10"/>
    </row>
    <row r="701767" spans="14:14">
      <c r="N701767" s="10"/>
    </row>
    <row r="701768" spans="14:14">
      <c r="N701768" s="10"/>
    </row>
    <row r="701769" spans="14:14">
      <c r="N701769" s="10"/>
    </row>
    <row r="701770" spans="14:14">
      <c r="N701770" s="10"/>
    </row>
    <row r="701771" spans="14:14">
      <c r="N701771" s="10"/>
    </row>
    <row r="701772" spans="14:14">
      <c r="N701772" s="10"/>
    </row>
    <row r="701773" spans="14:14">
      <c r="N701773" s="10"/>
    </row>
    <row r="701774" spans="14:14">
      <c r="N701774" s="10"/>
    </row>
    <row r="701775" spans="14:14">
      <c r="N701775" s="10"/>
    </row>
    <row r="701776" spans="14:14">
      <c r="N701776" s="10"/>
    </row>
    <row r="701777" spans="14:14">
      <c r="N701777" s="10"/>
    </row>
    <row r="701778" spans="14:14">
      <c r="N701778" s="10"/>
    </row>
    <row r="701779" spans="14:14">
      <c r="N701779" s="10"/>
    </row>
    <row r="701780" spans="14:14">
      <c r="N701780" s="10"/>
    </row>
    <row r="701781" spans="14:14">
      <c r="N701781" s="10"/>
    </row>
    <row r="701782" spans="14:14">
      <c r="N701782" s="10"/>
    </row>
    <row r="701783" spans="14:14">
      <c r="N701783" s="10"/>
    </row>
    <row r="701784" spans="14:14">
      <c r="N701784" s="10"/>
    </row>
    <row r="701785" spans="14:14">
      <c r="N701785" s="10"/>
    </row>
    <row r="701786" spans="14:14">
      <c r="N701786" s="10"/>
    </row>
    <row r="701787" spans="14:14">
      <c r="N701787" s="10"/>
    </row>
    <row r="701788" spans="14:14">
      <c r="N701788" s="10"/>
    </row>
    <row r="701789" spans="14:14">
      <c r="N701789" s="10"/>
    </row>
    <row r="701790" spans="14:14">
      <c r="N701790" s="10"/>
    </row>
    <row r="701791" spans="14:14">
      <c r="N701791" s="10"/>
    </row>
    <row r="701792" spans="14:14">
      <c r="N701792" s="10"/>
    </row>
    <row r="701793" spans="14:14">
      <c r="N701793" s="10"/>
    </row>
    <row r="701794" spans="14:14">
      <c r="N701794" s="10"/>
    </row>
    <row r="701795" spans="14:14">
      <c r="N701795" s="10"/>
    </row>
    <row r="701796" spans="14:14">
      <c r="N701796" s="10"/>
    </row>
    <row r="701797" spans="14:14">
      <c r="N701797" s="10"/>
    </row>
    <row r="701798" spans="14:14">
      <c r="N701798" s="10"/>
    </row>
    <row r="701799" spans="14:14">
      <c r="N701799" s="10"/>
    </row>
    <row r="701800" spans="14:14">
      <c r="N701800" s="10"/>
    </row>
    <row r="701801" spans="14:14">
      <c r="N701801" s="10"/>
    </row>
    <row r="701802" spans="14:14">
      <c r="N701802" s="10"/>
    </row>
    <row r="701803" spans="14:14">
      <c r="N701803" s="10"/>
    </row>
    <row r="701804" spans="14:14">
      <c r="N701804" s="10"/>
    </row>
    <row r="701805" spans="14:14">
      <c r="N701805" s="10"/>
    </row>
    <row r="701806" spans="14:14">
      <c r="N701806" s="10"/>
    </row>
    <row r="701807" spans="14:14">
      <c r="N701807" s="10"/>
    </row>
    <row r="701808" spans="14:14">
      <c r="N701808" s="10"/>
    </row>
    <row r="701809" spans="14:14">
      <c r="N701809" s="10"/>
    </row>
    <row r="701810" spans="14:14">
      <c r="N701810" s="10"/>
    </row>
    <row r="701811" spans="14:14">
      <c r="N701811" s="10"/>
    </row>
    <row r="701812" spans="14:14">
      <c r="N701812" s="10"/>
    </row>
    <row r="701813" spans="14:14">
      <c r="N701813" s="10"/>
    </row>
    <row r="701814" spans="14:14">
      <c r="N701814" s="10"/>
    </row>
    <row r="701815" spans="14:14">
      <c r="N701815" s="10"/>
    </row>
    <row r="701816" spans="14:14">
      <c r="N701816" s="10"/>
    </row>
    <row r="701817" spans="14:14">
      <c r="N701817" s="10"/>
    </row>
    <row r="701818" spans="14:14">
      <c r="N701818" s="10"/>
    </row>
    <row r="701819" spans="14:14">
      <c r="N701819" s="10"/>
    </row>
    <row r="701820" spans="14:14">
      <c r="N701820" s="10"/>
    </row>
    <row r="701821" spans="14:14">
      <c r="N701821" s="10"/>
    </row>
    <row r="701822" spans="14:14">
      <c r="N701822" s="10"/>
    </row>
    <row r="701823" spans="14:14">
      <c r="N701823" s="10"/>
    </row>
    <row r="701824" spans="14:14">
      <c r="N701824" s="10"/>
    </row>
    <row r="701825" spans="14:14">
      <c r="N701825" s="10"/>
    </row>
    <row r="701826" spans="14:14">
      <c r="N701826" s="10"/>
    </row>
    <row r="701827" spans="14:14">
      <c r="N701827" s="10"/>
    </row>
    <row r="701828" spans="14:14">
      <c r="N701828" s="10"/>
    </row>
    <row r="701829" spans="14:14">
      <c r="N701829" s="10"/>
    </row>
    <row r="701830" spans="14:14">
      <c r="N701830" s="10"/>
    </row>
    <row r="701831" spans="14:14">
      <c r="N701831" s="10"/>
    </row>
    <row r="701832" spans="14:14">
      <c r="N701832" s="10"/>
    </row>
    <row r="701833" spans="14:14">
      <c r="N701833" s="10"/>
    </row>
    <row r="701834" spans="14:14">
      <c r="N701834" s="10"/>
    </row>
    <row r="701835" spans="14:14">
      <c r="N701835" s="10"/>
    </row>
    <row r="701836" spans="14:14">
      <c r="N701836" s="10"/>
    </row>
    <row r="701837" spans="14:14">
      <c r="N701837" s="10"/>
    </row>
    <row r="701838" spans="14:14">
      <c r="N701838" s="10"/>
    </row>
    <row r="701839" spans="14:14">
      <c r="N701839" s="10"/>
    </row>
    <row r="701840" spans="14:14">
      <c r="N701840" s="10"/>
    </row>
    <row r="701841" spans="14:14">
      <c r="N701841" s="10"/>
    </row>
    <row r="701842" spans="14:14">
      <c r="N701842" s="10"/>
    </row>
    <row r="701843" spans="14:14">
      <c r="N701843" s="10"/>
    </row>
    <row r="701844" spans="14:14">
      <c r="N701844" s="10"/>
    </row>
    <row r="701845" spans="14:14">
      <c r="N701845" s="10"/>
    </row>
    <row r="701846" spans="14:14">
      <c r="N701846" s="10"/>
    </row>
    <row r="701847" spans="14:14">
      <c r="N701847" s="10"/>
    </row>
    <row r="701848" spans="14:14">
      <c r="N701848" s="10"/>
    </row>
    <row r="701849" spans="14:14">
      <c r="N701849" s="10"/>
    </row>
    <row r="701850" spans="14:14">
      <c r="N701850" s="10"/>
    </row>
    <row r="701851" spans="14:14">
      <c r="N701851" s="10"/>
    </row>
    <row r="701852" spans="14:14">
      <c r="N701852" s="10"/>
    </row>
    <row r="701853" spans="14:14">
      <c r="N701853" s="10"/>
    </row>
    <row r="701854" spans="14:14">
      <c r="N701854" s="10"/>
    </row>
    <row r="701855" spans="14:14">
      <c r="N701855" s="10"/>
    </row>
    <row r="701856" spans="14:14">
      <c r="N701856" s="10"/>
    </row>
    <row r="701857" spans="14:14">
      <c r="N701857" s="10"/>
    </row>
    <row r="701858" spans="14:14">
      <c r="N701858" s="10"/>
    </row>
    <row r="701859" spans="14:14">
      <c r="N701859" s="10"/>
    </row>
    <row r="701860" spans="14:14">
      <c r="N701860" s="10"/>
    </row>
    <row r="701861" spans="14:14">
      <c r="N701861" s="10"/>
    </row>
    <row r="701862" spans="14:14">
      <c r="N701862" s="10"/>
    </row>
    <row r="701863" spans="14:14">
      <c r="N701863" s="10"/>
    </row>
    <row r="701864" spans="14:14">
      <c r="N701864" s="10"/>
    </row>
    <row r="701865" spans="14:14">
      <c r="N701865" s="10"/>
    </row>
    <row r="701866" spans="14:14">
      <c r="N701866" s="10"/>
    </row>
    <row r="701867" spans="14:14">
      <c r="N701867" s="10"/>
    </row>
    <row r="701868" spans="14:14">
      <c r="N701868" s="10"/>
    </row>
    <row r="701869" spans="14:14">
      <c r="N701869" s="10"/>
    </row>
    <row r="701870" spans="14:14">
      <c r="N701870" s="10"/>
    </row>
    <row r="701871" spans="14:14">
      <c r="N701871" s="10"/>
    </row>
    <row r="701872" spans="14:14">
      <c r="N701872" s="10"/>
    </row>
    <row r="701873" spans="14:14">
      <c r="N701873" s="10"/>
    </row>
    <row r="701874" spans="14:14">
      <c r="N701874" s="10"/>
    </row>
    <row r="701875" spans="14:14">
      <c r="N701875" s="10"/>
    </row>
    <row r="701876" spans="14:14">
      <c r="N701876" s="10"/>
    </row>
    <row r="701877" spans="14:14">
      <c r="N701877" s="10"/>
    </row>
    <row r="701878" spans="14:14">
      <c r="N701878" s="10"/>
    </row>
    <row r="701879" spans="14:14">
      <c r="N701879" s="10"/>
    </row>
    <row r="701880" spans="14:14">
      <c r="N701880" s="10"/>
    </row>
    <row r="701881" spans="14:14">
      <c r="N701881" s="10"/>
    </row>
    <row r="701882" spans="14:14">
      <c r="N701882" s="10"/>
    </row>
    <row r="701883" spans="14:14">
      <c r="N701883" s="10"/>
    </row>
    <row r="701884" spans="14:14">
      <c r="N701884" s="10"/>
    </row>
    <row r="701885" spans="14:14">
      <c r="N701885" s="10"/>
    </row>
    <row r="701886" spans="14:14">
      <c r="N701886" s="10"/>
    </row>
    <row r="701887" spans="14:14">
      <c r="N701887" s="10"/>
    </row>
    <row r="701888" spans="14:14">
      <c r="N701888" s="10"/>
    </row>
    <row r="701889" spans="14:14">
      <c r="N701889" s="10"/>
    </row>
    <row r="701890" spans="14:14">
      <c r="N701890" s="10"/>
    </row>
    <row r="701891" spans="14:14">
      <c r="N701891" s="10"/>
    </row>
    <row r="701892" spans="14:14">
      <c r="N701892" s="10"/>
    </row>
    <row r="701893" spans="14:14">
      <c r="N701893" s="10"/>
    </row>
    <row r="701894" spans="14:14">
      <c r="N701894" s="10"/>
    </row>
    <row r="701895" spans="14:14">
      <c r="N701895" s="10"/>
    </row>
    <row r="701896" spans="14:14">
      <c r="N701896" s="10"/>
    </row>
    <row r="701897" spans="14:14">
      <c r="N701897" s="10"/>
    </row>
    <row r="701898" spans="14:14">
      <c r="N701898" s="10"/>
    </row>
    <row r="701899" spans="14:14">
      <c r="N701899" s="10"/>
    </row>
    <row r="701900" spans="14:14">
      <c r="N701900" s="10"/>
    </row>
    <row r="701901" spans="14:14">
      <c r="N701901" s="10"/>
    </row>
    <row r="701902" spans="14:14">
      <c r="N701902" s="10"/>
    </row>
    <row r="701903" spans="14:14">
      <c r="N701903" s="10"/>
    </row>
    <row r="701904" spans="14:14">
      <c r="N701904" s="10"/>
    </row>
    <row r="701905" spans="14:14">
      <c r="N701905" s="10"/>
    </row>
    <row r="701906" spans="14:14">
      <c r="N701906" s="10"/>
    </row>
    <row r="701907" spans="14:14">
      <c r="N701907" s="10"/>
    </row>
    <row r="701908" spans="14:14">
      <c r="N701908" s="10"/>
    </row>
    <row r="701909" spans="14:14">
      <c r="N701909" s="10"/>
    </row>
    <row r="701910" spans="14:14">
      <c r="N701910" s="10"/>
    </row>
    <row r="701911" spans="14:14">
      <c r="N701911" s="10"/>
    </row>
    <row r="701912" spans="14:14">
      <c r="N701912" s="10"/>
    </row>
    <row r="701913" spans="14:14">
      <c r="N701913" s="10"/>
    </row>
    <row r="701914" spans="14:14">
      <c r="N701914" s="10"/>
    </row>
    <row r="701915" spans="14:14">
      <c r="N701915" s="10"/>
    </row>
    <row r="701916" spans="14:14">
      <c r="N701916" s="10"/>
    </row>
    <row r="701917" spans="14:14">
      <c r="N701917" s="10"/>
    </row>
    <row r="701918" spans="14:14">
      <c r="N701918" s="10"/>
    </row>
    <row r="701919" spans="14:14">
      <c r="N701919" s="10"/>
    </row>
    <row r="701920" spans="14:14">
      <c r="N701920" s="10"/>
    </row>
    <row r="701921" spans="14:14">
      <c r="N701921" s="10"/>
    </row>
    <row r="701922" spans="14:14">
      <c r="N701922" s="10"/>
    </row>
    <row r="701923" spans="14:14">
      <c r="N701923" s="10"/>
    </row>
    <row r="701924" spans="14:14">
      <c r="N701924" s="10"/>
    </row>
    <row r="701925" spans="14:14">
      <c r="N701925" s="10"/>
    </row>
    <row r="701926" spans="14:14">
      <c r="N701926" s="10"/>
    </row>
    <row r="701927" spans="14:14">
      <c r="N701927" s="10"/>
    </row>
    <row r="701928" spans="14:14">
      <c r="N701928" s="10"/>
    </row>
    <row r="701929" spans="14:14">
      <c r="N701929" s="10"/>
    </row>
    <row r="701930" spans="14:14">
      <c r="N701930" s="10"/>
    </row>
    <row r="701931" spans="14:14">
      <c r="N701931" s="10"/>
    </row>
    <row r="701932" spans="14:14">
      <c r="N701932" s="10"/>
    </row>
    <row r="701933" spans="14:14">
      <c r="N701933" s="10"/>
    </row>
    <row r="701934" spans="14:14">
      <c r="N701934" s="10"/>
    </row>
    <row r="701935" spans="14:14">
      <c r="N701935" s="10"/>
    </row>
    <row r="701936" spans="14:14">
      <c r="N701936" s="10"/>
    </row>
    <row r="701937" spans="14:14">
      <c r="N701937" s="10"/>
    </row>
    <row r="701938" spans="14:14">
      <c r="N701938" s="10"/>
    </row>
    <row r="701939" spans="14:14">
      <c r="N701939" s="10"/>
    </row>
    <row r="701940" spans="14:14">
      <c r="N701940" s="10"/>
    </row>
    <row r="701941" spans="14:14">
      <c r="N701941" s="10"/>
    </row>
    <row r="701942" spans="14:14">
      <c r="N701942" s="10"/>
    </row>
    <row r="701943" spans="14:14">
      <c r="N701943" s="10"/>
    </row>
    <row r="701944" spans="14:14">
      <c r="N701944" s="10"/>
    </row>
    <row r="701945" spans="14:14">
      <c r="N701945" s="10"/>
    </row>
    <row r="701946" spans="14:14">
      <c r="N701946" s="10"/>
    </row>
    <row r="701947" spans="14:14">
      <c r="N701947" s="10"/>
    </row>
    <row r="701948" spans="14:14">
      <c r="N701948" s="10"/>
    </row>
    <row r="701949" spans="14:14">
      <c r="N701949" s="10"/>
    </row>
    <row r="701950" spans="14:14">
      <c r="N701950" s="10"/>
    </row>
    <row r="701951" spans="14:14">
      <c r="N701951" s="10"/>
    </row>
    <row r="701952" spans="14:14">
      <c r="N701952" s="10"/>
    </row>
    <row r="701953" spans="14:14">
      <c r="N701953" s="10"/>
    </row>
    <row r="701954" spans="14:14">
      <c r="N701954" s="10"/>
    </row>
    <row r="701955" spans="14:14">
      <c r="N701955" s="10"/>
    </row>
    <row r="701956" spans="14:14">
      <c r="N701956" s="10"/>
    </row>
    <row r="701957" spans="14:14">
      <c r="N701957" s="10"/>
    </row>
    <row r="701958" spans="14:14">
      <c r="N701958" s="10"/>
    </row>
    <row r="701959" spans="14:14">
      <c r="N701959" s="10"/>
    </row>
    <row r="701960" spans="14:14">
      <c r="N701960" s="10"/>
    </row>
    <row r="701961" spans="14:14">
      <c r="N701961" s="10"/>
    </row>
    <row r="701962" spans="14:14">
      <c r="N701962" s="10"/>
    </row>
    <row r="701963" spans="14:14">
      <c r="N701963" s="10"/>
    </row>
    <row r="701964" spans="14:14">
      <c r="N701964" s="10"/>
    </row>
    <row r="701965" spans="14:14">
      <c r="N701965" s="10"/>
    </row>
    <row r="701966" spans="14:14">
      <c r="N701966" s="10"/>
    </row>
    <row r="701967" spans="14:14">
      <c r="N701967" s="10"/>
    </row>
    <row r="701968" spans="14:14">
      <c r="N701968" s="10"/>
    </row>
    <row r="701969" spans="14:14">
      <c r="N701969" s="10"/>
    </row>
    <row r="701970" spans="14:14">
      <c r="N701970" s="10"/>
    </row>
    <row r="701971" spans="14:14">
      <c r="N701971" s="10"/>
    </row>
    <row r="701972" spans="14:14">
      <c r="N701972" s="10"/>
    </row>
    <row r="701973" spans="14:14">
      <c r="N701973" s="10"/>
    </row>
    <row r="701974" spans="14:14">
      <c r="N701974" s="10"/>
    </row>
    <row r="701975" spans="14:14">
      <c r="N701975" s="10"/>
    </row>
    <row r="701976" spans="14:14">
      <c r="N701976" s="10"/>
    </row>
    <row r="701977" spans="14:14">
      <c r="N701977" s="10"/>
    </row>
    <row r="701978" spans="14:14">
      <c r="N701978" s="10"/>
    </row>
    <row r="701979" spans="14:14">
      <c r="N701979" s="10"/>
    </row>
    <row r="701980" spans="14:14">
      <c r="N701980" s="10"/>
    </row>
    <row r="701981" spans="14:14">
      <c r="N701981" s="10"/>
    </row>
    <row r="701982" spans="14:14">
      <c r="N701982" s="10"/>
    </row>
    <row r="701983" spans="14:14">
      <c r="N701983" s="10"/>
    </row>
    <row r="701984" spans="14:14">
      <c r="N701984" s="10"/>
    </row>
    <row r="701985" spans="14:14">
      <c r="N701985" s="10"/>
    </row>
    <row r="701986" spans="14:14">
      <c r="N701986" s="10"/>
    </row>
    <row r="701987" spans="14:14">
      <c r="N701987" s="10"/>
    </row>
    <row r="701988" spans="14:14">
      <c r="N701988" s="10"/>
    </row>
    <row r="701989" spans="14:14">
      <c r="N701989" s="10"/>
    </row>
    <row r="701990" spans="14:14">
      <c r="N701990" s="10"/>
    </row>
    <row r="701991" spans="14:14">
      <c r="N701991" s="10"/>
    </row>
    <row r="701992" spans="14:14">
      <c r="N701992" s="10"/>
    </row>
    <row r="701993" spans="14:14">
      <c r="N701993" s="10"/>
    </row>
    <row r="701994" spans="14:14">
      <c r="N701994" s="10"/>
    </row>
    <row r="701995" spans="14:14">
      <c r="N701995" s="10"/>
    </row>
    <row r="701996" spans="14:14">
      <c r="N701996" s="10"/>
    </row>
    <row r="701997" spans="14:14">
      <c r="N701997" s="10"/>
    </row>
    <row r="701998" spans="14:14">
      <c r="N701998" s="10"/>
    </row>
    <row r="701999" spans="14:14">
      <c r="N701999" s="10"/>
    </row>
    <row r="702000" spans="14:14">
      <c r="N702000" s="10"/>
    </row>
    <row r="702001" spans="14:14">
      <c r="N702001" s="10"/>
    </row>
    <row r="702002" spans="14:14">
      <c r="N702002" s="10"/>
    </row>
    <row r="702003" spans="14:14">
      <c r="N702003" s="10"/>
    </row>
    <row r="702004" spans="14:14">
      <c r="N702004" s="10"/>
    </row>
    <row r="702005" spans="14:14">
      <c r="N702005" s="10"/>
    </row>
    <row r="702006" spans="14:14">
      <c r="N702006" s="10"/>
    </row>
    <row r="702007" spans="14:14">
      <c r="N702007" s="10"/>
    </row>
    <row r="702008" spans="14:14">
      <c r="N702008" s="10"/>
    </row>
    <row r="702009" spans="14:14">
      <c r="N702009" s="10"/>
    </row>
    <row r="702010" spans="14:14">
      <c r="N702010" s="10"/>
    </row>
    <row r="702011" spans="14:14">
      <c r="N702011" s="10"/>
    </row>
    <row r="702012" spans="14:14">
      <c r="N702012" s="10"/>
    </row>
    <row r="702013" spans="14:14">
      <c r="N702013" s="10"/>
    </row>
    <row r="702014" spans="14:14">
      <c r="N702014" s="10"/>
    </row>
    <row r="702015" spans="14:14">
      <c r="N702015" s="10"/>
    </row>
    <row r="702016" spans="14:14">
      <c r="N702016" s="10"/>
    </row>
    <row r="702017" spans="14:14">
      <c r="N702017" s="10"/>
    </row>
    <row r="702018" spans="14:14">
      <c r="N702018" s="10"/>
    </row>
    <row r="702019" spans="14:14">
      <c r="N702019" s="10"/>
    </row>
    <row r="702020" spans="14:14">
      <c r="N702020" s="10"/>
    </row>
    <row r="702021" spans="14:14">
      <c r="N702021" s="10"/>
    </row>
    <row r="702022" spans="14:14">
      <c r="N702022" s="10"/>
    </row>
    <row r="702023" spans="14:14">
      <c r="N702023" s="10"/>
    </row>
    <row r="702024" spans="14:14">
      <c r="N702024" s="10"/>
    </row>
    <row r="702025" spans="14:14">
      <c r="N702025" s="10"/>
    </row>
    <row r="702026" spans="14:14">
      <c r="N702026" s="10"/>
    </row>
    <row r="702027" spans="14:14">
      <c r="N702027" s="10"/>
    </row>
    <row r="702028" spans="14:14">
      <c r="N702028" s="10"/>
    </row>
    <row r="702029" spans="14:14">
      <c r="N702029" s="10"/>
    </row>
    <row r="702030" spans="14:14">
      <c r="N702030" s="10"/>
    </row>
    <row r="702031" spans="14:14">
      <c r="N702031" s="10"/>
    </row>
    <row r="702032" spans="14:14">
      <c r="N702032" s="10"/>
    </row>
    <row r="702033" spans="14:14">
      <c r="N702033" s="10"/>
    </row>
    <row r="702034" spans="14:14">
      <c r="N702034" s="10"/>
    </row>
    <row r="702035" spans="14:14">
      <c r="N702035" s="10"/>
    </row>
    <row r="702036" spans="14:14">
      <c r="N702036" s="10"/>
    </row>
    <row r="702037" spans="14:14">
      <c r="N702037" s="10"/>
    </row>
    <row r="702038" spans="14:14">
      <c r="N702038" s="10"/>
    </row>
    <row r="702039" spans="14:14">
      <c r="N702039" s="10"/>
    </row>
    <row r="702040" spans="14:14">
      <c r="N702040" s="10"/>
    </row>
    <row r="702041" spans="14:14">
      <c r="N702041" s="10"/>
    </row>
    <row r="702042" spans="14:14">
      <c r="N702042" s="10"/>
    </row>
    <row r="702043" spans="14:14">
      <c r="N702043" s="10"/>
    </row>
    <row r="702044" spans="14:14">
      <c r="N702044" s="10"/>
    </row>
    <row r="702045" spans="14:14">
      <c r="N702045" s="10"/>
    </row>
    <row r="702046" spans="14:14">
      <c r="N702046" s="10"/>
    </row>
    <row r="702047" spans="14:14">
      <c r="N702047" s="10"/>
    </row>
    <row r="702048" spans="14:14">
      <c r="N702048" s="10"/>
    </row>
    <row r="702049" spans="14:14">
      <c r="N702049" s="10"/>
    </row>
    <row r="702050" spans="14:14">
      <c r="N702050" s="10"/>
    </row>
    <row r="702051" spans="14:14">
      <c r="N702051" s="10"/>
    </row>
    <row r="702052" spans="14:14">
      <c r="N702052" s="10"/>
    </row>
    <row r="702053" spans="14:14">
      <c r="N702053" s="10"/>
    </row>
    <row r="702054" spans="14:14">
      <c r="N702054" s="10"/>
    </row>
    <row r="702055" spans="14:14">
      <c r="N702055" s="10"/>
    </row>
    <row r="702056" spans="14:14">
      <c r="N702056" s="10"/>
    </row>
    <row r="702057" spans="14:14">
      <c r="N702057" s="10"/>
    </row>
    <row r="702058" spans="14:14">
      <c r="N702058" s="10"/>
    </row>
    <row r="702059" spans="14:14">
      <c r="N702059" s="10"/>
    </row>
    <row r="702060" spans="14:14">
      <c r="N702060" s="10"/>
    </row>
    <row r="702061" spans="14:14">
      <c r="N702061" s="10"/>
    </row>
    <row r="702062" spans="14:14">
      <c r="N702062" s="10"/>
    </row>
    <row r="702063" spans="14:14">
      <c r="N702063" s="10"/>
    </row>
    <row r="702064" spans="14:14">
      <c r="N702064" s="10"/>
    </row>
    <row r="702065" spans="14:14">
      <c r="N702065" s="10"/>
    </row>
    <row r="702066" spans="14:14">
      <c r="N702066" s="10"/>
    </row>
    <row r="702067" spans="14:14">
      <c r="N702067" s="10"/>
    </row>
    <row r="702068" spans="14:14">
      <c r="N702068" s="10"/>
    </row>
    <row r="702069" spans="14:14">
      <c r="N702069" s="10"/>
    </row>
    <row r="702070" spans="14:14">
      <c r="N702070" s="10"/>
    </row>
    <row r="702071" spans="14:14">
      <c r="N702071" s="10"/>
    </row>
    <row r="702072" spans="14:14">
      <c r="N702072" s="10"/>
    </row>
    <row r="702073" spans="14:14">
      <c r="N702073" s="10"/>
    </row>
    <row r="702074" spans="14:14">
      <c r="N702074" s="10"/>
    </row>
    <row r="702075" spans="14:14">
      <c r="N702075" s="10"/>
    </row>
    <row r="702076" spans="14:14">
      <c r="N702076" s="10"/>
    </row>
    <row r="702077" spans="14:14">
      <c r="N702077" s="10"/>
    </row>
    <row r="702078" spans="14:14">
      <c r="N702078" s="10"/>
    </row>
    <row r="702079" spans="14:14">
      <c r="N702079" s="10"/>
    </row>
    <row r="702080" spans="14:14">
      <c r="N702080" s="10"/>
    </row>
    <row r="702081" spans="14:14">
      <c r="N702081" s="10"/>
    </row>
    <row r="702082" spans="14:14">
      <c r="N702082" s="10"/>
    </row>
    <row r="702083" spans="14:14">
      <c r="N702083" s="10"/>
    </row>
    <row r="702084" spans="14:14">
      <c r="N702084" s="10"/>
    </row>
    <row r="702085" spans="14:14">
      <c r="N702085" s="10"/>
    </row>
    <row r="702086" spans="14:14">
      <c r="N702086" s="10"/>
    </row>
    <row r="702087" spans="14:14">
      <c r="N702087" s="10"/>
    </row>
    <row r="702088" spans="14:14">
      <c r="N702088" s="10"/>
    </row>
    <row r="702089" spans="14:14">
      <c r="N702089" s="10"/>
    </row>
    <row r="702090" spans="14:14">
      <c r="N702090" s="10"/>
    </row>
    <row r="702091" spans="14:14">
      <c r="N702091" s="10"/>
    </row>
    <row r="702092" spans="14:14">
      <c r="N702092" s="10"/>
    </row>
    <row r="702093" spans="14:14">
      <c r="N702093" s="10"/>
    </row>
    <row r="702094" spans="14:14">
      <c r="N702094" s="10"/>
    </row>
    <row r="702095" spans="14:14">
      <c r="N702095" s="10"/>
    </row>
    <row r="702096" spans="14:14">
      <c r="N702096" s="10"/>
    </row>
    <row r="702097" spans="14:14">
      <c r="N702097" s="10"/>
    </row>
    <row r="702098" spans="14:14">
      <c r="N702098" s="10"/>
    </row>
    <row r="702099" spans="14:14">
      <c r="N702099" s="10"/>
    </row>
    <row r="702100" spans="14:14">
      <c r="N702100" s="10"/>
    </row>
    <row r="702101" spans="14:14">
      <c r="N702101" s="10"/>
    </row>
    <row r="702102" spans="14:14">
      <c r="N702102" s="10"/>
    </row>
    <row r="702103" spans="14:14">
      <c r="N702103" s="10"/>
    </row>
    <row r="702104" spans="14:14">
      <c r="N702104" s="10"/>
    </row>
    <row r="702105" spans="14:14">
      <c r="N702105" s="10"/>
    </row>
    <row r="702106" spans="14:14">
      <c r="N702106" s="10"/>
    </row>
    <row r="702107" spans="14:14">
      <c r="N702107" s="10"/>
    </row>
    <row r="702108" spans="14:14">
      <c r="N702108" s="10"/>
    </row>
    <row r="702109" spans="14:14">
      <c r="N702109" s="10"/>
    </row>
    <row r="702110" spans="14:14">
      <c r="N702110" s="10"/>
    </row>
    <row r="702111" spans="14:14">
      <c r="N702111" s="10"/>
    </row>
    <row r="702112" spans="14:14">
      <c r="N702112" s="10"/>
    </row>
    <row r="702113" spans="14:14">
      <c r="N702113" s="10"/>
    </row>
    <row r="702114" spans="14:14">
      <c r="N702114" s="10"/>
    </row>
    <row r="702115" spans="14:14">
      <c r="N702115" s="10"/>
    </row>
    <row r="702116" spans="14:14">
      <c r="N702116" s="10"/>
    </row>
    <row r="702117" spans="14:14">
      <c r="N702117" s="10"/>
    </row>
    <row r="702118" spans="14:14">
      <c r="N702118" s="10"/>
    </row>
    <row r="702119" spans="14:14">
      <c r="N702119" s="10"/>
    </row>
    <row r="702120" spans="14:14">
      <c r="N702120" s="10"/>
    </row>
    <row r="702121" spans="14:14">
      <c r="N702121" s="10"/>
    </row>
    <row r="702122" spans="14:14">
      <c r="N702122" s="10"/>
    </row>
    <row r="702123" spans="14:14">
      <c r="N702123" s="10"/>
    </row>
    <row r="702124" spans="14:14">
      <c r="N702124" s="10"/>
    </row>
    <row r="702125" spans="14:14">
      <c r="N702125" s="10"/>
    </row>
    <row r="702126" spans="14:14">
      <c r="N702126" s="10"/>
    </row>
    <row r="702127" spans="14:14">
      <c r="N702127" s="10"/>
    </row>
    <row r="702128" spans="14:14">
      <c r="N702128" s="10"/>
    </row>
    <row r="702129" spans="14:14">
      <c r="N702129" s="10"/>
    </row>
    <row r="702130" spans="14:14">
      <c r="N702130" s="10"/>
    </row>
    <row r="702131" spans="14:14">
      <c r="N702131" s="10"/>
    </row>
    <row r="702132" spans="14:14">
      <c r="N702132" s="10"/>
    </row>
    <row r="702133" spans="14:14">
      <c r="N702133" s="10"/>
    </row>
    <row r="702134" spans="14:14">
      <c r="N702134" s="10"/>
    </row>
    <row r="702135" spans="14:14">
      <c r="N702135" s="10"/>
    </row>
    <row r="702136" spans="14:14">
      <c r="N702136" s="10"/>
    </row>
    <row r="702137" spans="14:14">
      <c r="N702137" s="10"/>
    </row>
    <row r="702138" spans="14:14">
      <c r="N702138" s="10"/>
    </row>
    <row r="702139" spans="14:14">
      <c r="N702139" s="10"/>
    </row>
    <row r="702140" spans="14:14">
      <c r="N702140" s="10"/>
    </row>
    <row r="702141" spans="14:14">
      <c r="N702141" s="10"/>
    </row>
    <row r="702142" spans="14:14">
      <c r="N702142" s="10"/>
    </row>
    <row r="702143" spans="14:14">
      <c r="N702143" s="10"/>
    </row>
    <row r="702144" spans="14:14">
      <c r="N702144" s="10"/>
    </row>
    <row r="702145" spans="14:14">
      <c r="N702145" s="10"/>
    </row>
    <row r="702146" spans="14:14">
      <c r="N702146" s="10"/>
    </row>
    <row r="702147" spans="14:14">
      <c r="N702147" s="10"/>
    </row>
    <row r="702148" spans="14:14">
      <c r="N702148" s="10"/>
    </row>
    <row r="702149" spans="14:14">
      <c r="N702149" s="10"/>
    </row>
    <row r="702150" spans="14:14">
      <c r="N702150" s="10"/>
    </row>
    <row r="702151" spans="14:14">
      <c r="N702151" s="10"/>
    </row>
    <row r="702152" spans="14:14">
      <c r="N702152" s="10"/>
    </row>
    <row r="702153" spans="14:14">
      <c r="N702153" s="10"/>
    </row>
    <row r="702154" spans="14:14">
      <c r="N702154" s="10"/>
    </row>
    <row r="702155" spans="14:14">
      <c r="N702155" s="10"/>
    </row>
    <row r="702156" spans="14:14">
      <c r="N702156" s="10"/>
    </row>
    <row r="702157" spans="14:14">
      <c r="N702157" s="10"/>
    </row>
    <row r="702158" spans="14:14">
      <c r="N702158" s="10"/>
    </row>
    <row r="702159" spans="14:14">
      <c r="N702159" s="10"/>
    </row>
    <row r="702160" spans="14:14">
      <c r="N702160" s="10"/>
    </row>
    <row r="702161" spans="14:14">
      <c r="N702161" s="10"/>
    </row>
    <row r="702162" spans="14:14">
      <c r="N702162" s="10"/>
    </row>
    <row r="702163" spans="14:14">
      <c r="N702163" s="10"/>
    </row>
    <row r="702164" spans="14:14">
      <c r="N702164" s="10"/>
    </row>
    <row r="702165" spans="14:14">
      <c r="N702165" s="10"/>
    </row>
    <row r="702166" spans="14:14">
      <c r="N702166" s="10"/>
    </row>
    <row r="702167" spans="14:14">
      <c r="N702167" s="10"/>
    </row>
    <row r="702168" spans="14:14">
      <c r="N702168" s="10"/>
    </row>
    <row r="702169" spans="14:14">
      <c r="N702169" s="10"/>
    </row>
    <row r="702170" spans="14:14">
      <c r="N702170" s="10"/>
    </row>
    <row r="702171" spans="14:14">
      <c r="N702171" s="10"/>
    </row>
    <row r="702172" spans="14:14">
      <c r="N702172" s="10"/>
    </row>
    <row r="702173" spans="14:14">
      <c r="N702173" s="10"/>
    </row>
    <row r="702174" spans="14:14">
      <c r="N702174" s="10"/>
    </row>
    <row r="702175" spans="14:14">
      <c r="N702175" s="10"/>
    </row>
    <row r="702176" spans="14:14">
      <c r="N702176" s="10"/>
    </row>
    <row r="702177" spans="14:14">
      <c r="N702177" s="10"/>
    </row>
    <row r="702178" spans="14:14">
      <c r="N702178" s="10"/>
    </row>
    <row r="702179" spans="14:14">
      <c r="N702179" s="10"/>
    </row>
    <row r="702180" spans="14:14">
      <c r="N702180" s="10"/>
    </row>
    <row r="702181" spans="14:14">
      <c r="N702181" s="10"/>
    </row>
    <row r="702182" spans="14:14">
      <c r="N702182" s="10"/>
    </row>
    <row r="702183" spans="14:14">
      <c r="N702183" s="10"/>
    </row>
    <row r="702184" spans="14:14">
      <c r="N702184" s="10"/>
    </row>
    <row r="702185" spans="14:14">
      <c r="N702185" s="10"/>
    </row>
    <row r="702186" spans="14:14">
      <c r="N702186" s="10"/>
    </row>
    <row r="702187" spans="14:14">
      <c r="N702187" s="10"/>
    </row>
    <row r="702188" spans="14:14">
      <c r="N702188" s="10"/>
    </row>
    <row r="702189" spans="14:14">
      <c r="N702189" s="10"/>
    </row>
    <row r="702190" spans="14:14">
      <c r="N702190" s="10"/>
    </row>
    <row r="702191" spans="14:14">
      <c r="N702191" s="10"/>
    </row>
    <row r="702192" spans="14:14">
      <c r="N702192" s="10"/>
    </row>
    <row r="702193" spans="14:14">
      <c r="N702193" s="10"/>
    </row>
    <row r="702194" spans="14:14">
      <c r="N702194" s="10"/>
    </row>
    <row r="702195" spans="14:14">
      <c r="N702195" s="10"/>
    </row>
    <row r="702196" spans="14:14">
      <c r="N702196" s="10"/>
    </row>
    <row r="702197" spans="14:14">
      <c r="N702197" s="10"/>
    </row>
    <row r="702198" spans="14:14">
      <c r="N702198" s="10"/>
    </row>
    <row r="702199" spans="14:14">
      <c r="N702199" s="10"/>
    </row>
    <row r="702200" spans="14:14">
      <c r="N702200" s="10"/>
    </row>
    <row r="702201" spans="14:14">
      <c r="N702201" s="10"/>
    </row>
    <row r="702202" spans="14:14">
      <c r="N702202" s="10"/>
    </row>
    <row r="702203" spans="14:14">
      <c r="N702203" s="10"/>
    </row>
    <row r="702204" spans="14:14">
      <c r="N702204" s="10"/>
    </row>
    <row r="702205" spans="14:14">
      <c r="N702205" s="10"/>
    </row>
    <row r="702206" spans="14:14">
      <c r="N702206" s="10"/>
    </row>
    <row r="702207" spans="14:14">
      <c r="N702207" s="10"/>
    </row>
    <row r="702208" spans="14:14">
      <c r="N702208" s="10"/>
    </row>
    <row r="702209" spans="14:14">
      <c r="N702209" s="10"/>
    </row>
    <row r="702210" spans="14:14">
      <c r="N702210" s="10"/>
    </row>
    <row r="702211" spans="14:14">
      <c r="N702211" s="10"/>
    </row>
    <row r="702212" spans="14:14">
      <c r="N702212" s="10"/>
    </row>
    <row r="702213" spans="14:14">
      <c r="N702213" s="10"/>
    </row>
    <row r="702214" spans="14:14">
      <c r="N702214" s="10"/>
    </row>
    <row r="702215" spans="14:14">
      <c r="N702215" s="10"/>
    </row>
    <row r="702216" spans="14:14">
      <c r="N702216" s="10"/>
    </row>
    <row r="702217" spans="14:14">
      <c r="N702217" s="10"/>
    </row>
    <row r="702218" spans="14:14">
      <c r="N702218" s="10"/>
    </row>
    <row r="702219" spans="14:14">
      <c r="N702219" s="10"/>
    </row>
    <row r="702220" spans="14:14">
      <c r="N702220" s="10"/>
    </row>
    <row r="702221" spans="14:14">
      <c r="N702221" s="10"/>
    </row>
    <row r="702222" spans="14:14">
      <c r="N702222" s="10"/>
    </row>
    <row r="702223" spans="14:14">
      <c r="N702223" s="10"/>
    </row>
    <row r="702224" spans="14:14">
      <c r="N702224" s="10"/>
    </row>
    <row r="702225" spans="14:14">
      <c r="N702225" s="10"/>
    </row>
    <row r="702226" spans="14:14">
      <c r="N702226" s="10"/>
    </row>
    <row r="702227" spans="14:14">
      <c r="N702227" s="10"/>
    </row>
    <row r="702228" spans="14:14">
      <c r="N702228" s="10"/>
    </row>
    <row r="702229" spans="14:14">
      <c r="N702229" s="10"/>
    </row>
    <row r="702230" spans="14:14">
      <c r="N702230" s="10"/>
    </row>
    <row r="702231" spans="14:14">
      <c r="N702231" s="10"/>
    </row>
    <row r="702232" spans="14:14">
      <c r="N702232" s="10"/>
    </row>
    <row r="702233" spans="14:14">
      <c r="N702233" s="10"/>
    </row>
    <row r="702234" spans="14:14">
      <c r="N702234" s="10"/>
    </row>
    <row r="702235" spans="14:14">
      <c r="N702235" s="10"/>
    </row>
    <row r="702236" spans="14:14">
      <c r="N702236" s="10"/>
    </row>
    <row r="702237" spans="14:14">
      <c r="N702237" s="10"/>
    </row>
    <row r="702238" spans="14:14">
      <c r="N702238" s="10"/>
    </row>
    <row r="702239" spans="14:14">
      <c r="N702239" s="10"/>
    </row>
    <row r="702240" spans="14:14">
      <c r="N702240" s="10"/>
    </row>
    <row r="702241" spans="14:14">
      <c r="N702241" s="10"/>
    </row>
    <row r="702242" spans="14:14">
      <c r="N702242" s="10"/>
    </row>
    <row r="702243" spans="14:14">
      <c r="N702243" s="10"/>
    </row>
    <row r="702244" spans="14:14">
      <c r="N702244" s="10"/>
    </row>
    <row r="702245" spans="14:14">
      <c r="N702245" s="10"/>
    </row>
    <row r="702246" spans="14:14">
      <c r="N702246" s="10"/>
    </row>
    <row r="702247" spans="14:14">
      <c r="N702247" s="10"/>
    </row>
    <row r="702248" spans="14:14">
      <c r="N702248" s="10"/>
    </row>
    <row r="702249" spans="14:14">
      <c r="N702249" s="10"/>
    </row>
    <row r="702250" spans="14:14">
      <c r="N702250" s="10"/>
    </row>
    <row r="702251" spans="14:14">
      <c r="N702251" s="10"/>
    </row>
    <row r="702252" spans="14:14">
      <c r="N702252" s="10"/>
    </row>
    <row r="702253" spans="14:14">
      <c r="N702253" s="10"/>
    </row>
    <row r="702254" spans="14:14">
      <c r="N702254" s="10"/>
    </row>
    <row r="702255" spans="14:14">
      <c r="N702255" s="10"/>
    </row>
    <row r="702256" spans="14:14">
      <c r="N702256" s="10"/>
    </row>
    <row r="702257" spans="14:14">
      <c r="N702257" s="10"/>
    </row>
    <row r="702258" spans="14:14">
      <c r="N702258" s="10"/>
    </row>
    <row r="702259" spans="14:14">
      <c r="N702259" s="10"/>
    </row>
    <row r="702260" spans="14:14">
      <c r="N702260" s="10"/>
    </row>
    <row r="702261" spans="14:14">
      <c r="N702261" s="10"/>
    </row>
    <row r="702262" spans="14:14">
      <c r="N702262" s="10"/>
    </row>
    <row r="702263" spans="14:14">
      <c r="N702263" s="10"/>
    </row>
    <row r="702264" spans="14:14">
      <c r="N702264" s="10"/>
    </row>
    <row r="702265" spans="14:14">
      <c r="N702265" s="10"/>
    </row>
    <row r="702266" spans="14:14">
      <c r="N702266" s="10"/>
    </row>
    <row r="702267" spans="14:14">
      <c r="N702267" s="10"/>
    </row>
    <row r="702268" spans="14:14">
      <c r="N702268" s="10"/>
    </row>
    <row r="702269" spans="14:14">
      <c r="N702269" s="10"/>
    </row>
    <row r="702270" spans="14:14">
      <c r="N702270" s="10"/>
    </row>
    <row r="702271" spans="14:14">
      <c r="N702271" s="10"/>
    </row>
    <row r="702272" spans="14:14">
      <c r="N702272" s="10"/>
    </row>
    <row r="702273" spans="14:14">
      <c r="N702273" s="10"/>
    </row>
    <row r="702274" spans="14:14">
      <c r="N702274" s="10"/>
    </row>
    <row r="702275" spans="14:14">
      <c r="N702275" s="10"/>
    </row>
    <row r="702276" spans="14:14">
      <c r="N702276" s="10"/>
    </row>
    <row r="702277" spans="14:14">
      <c r="N702277" s="10"/>
    </row>
    <row r="702278" spans="14:14">
      <c r="N702278" s="10"/>
    </row>
    <row r="702279" spans="14:14">
      <c r="N702279" s="10"/>
    </row>
    <row r="702280" spans="14:14">
      <c r="N702280" s="10"/>
    </row>
    <row r="702281" spans="14:14">
      <c r="N702281" s="10"/>
    </row>
    <row r="702282" spans="14:14">
      <c r="N702282" s="10"/>
    </row>
    <row r="702283" spans="14:14">
      <c r="N702283" s="10"/>
    </row>
    <row r="702284" spans="14:14">
      <c r="N702284" s="10"/>
    </row>
    <row r="702285" spans="14:14">
      <c r="N702285" s="10"/>
    </row>
    <row r="702286" spans="14:14">
      <c r="N702286" s="10"/>
    </row>
    <row r="702287" spans="14:14">
      <c r="N702287" s="10"/>
    </row>
    <row r="702288" spans="14:14">
      <c r="N702288" s="10"/>
    </row>
    <row r="702289" spans="14:14">
      <c r="N702289" s="10"/>
    </row>
    <row r="702290" spans="14:14">
      <c r="N702290" s="10"/>
    </row>
    <row r="702291" spans="14:14">
      <c r="N702291" s="10"/>
    </row>
    <row r="702292" spans="14:14">
      <c r="N702292" s="10"/>
    </row>
    <row r="702293" spans="14:14">
      <c r="N702293" s="10"/>
    </row>
    <row r="702294" spans="14:14">
      <c r="N702294" s="10"/>
    </row>
    <row r="702295" spans="14:14">
      <c r="N702295" s="10"/>
    </row>
    <row r="702296" spans="14:14">
      <c r="N702296" s="10"/>
    </row>
    <row r="702297" spans="14:14">
      <c r="N702297" s="10"/>
    </row>
    <row r="702298" spans="14:14">
      <c r="N702298" s="10"/>
    </row>
    <row r="702299" spans="14:14">
      <c r="N702299" s="10"/>
    </row>
    <row r="702300" spans="14:14">
      <c r="N702300" s="10"/>
    </row>
    <row r="702301" spans="14:14">
      <c r="N702301" s="10"/>
    </row>
    <row r="702302" spans="14:14">
      <c r="N702302" s="10"/>
    </row>
    <row r="702303" spans="14:14">
      <c r="N702303" s="10"/>
    </row>
    <row r="702304" spans="14:14">
      <c r="N702304" s="10"/>
    </row>
    <row r="702305" spans="14:14">
      <c r="N702305" s="10"/>
    </row>
    <row r="702306" spans="14:14">
      <c r="N702306" s="10"/>
    </row>
    <row r="702307" spans="14:14">
      <c r="N702307" s="10"/>
    </row>
    <row r="702308" spans="14:14">
      <c r="N702308" s="10"/>
    </row>
    <row r="702309" spans="14:14">
      <c r="N702309" s="10"/>
    </row>
    <row r="702310" spans="14:14">
      <c r="N702310" s="10"/>
    </row>
    <row r="702311" spans="14:14">
      <c r="N702311" s="10"/>
    </row>
    <row r="702312" spans="14:14">
      <c r="N702312" s="10"/>
    </row>
    <row r="702313" spans="14:14">
      <c r="N702313" s="10"/>
    </row>
    <row r="702314" spans="14:14">
      <c r="N702314" s="10"/>
    </row>
    <row r="702315" spans="14:14">
      <c r="N702315" s="10"/>
    </row>
    <row r="702316" spans="14:14">
      <c r="N702316" s="10"/>
    </row>
    <row r="702317" spans="14:14">
      <c r="N702317" s="10"/>
    </row>
    <row r="702318" spans="14:14">
      <c r="N702318" s="10"/>
    </row>
    <row r="702319" spans="14:14">
      <c r="N702319" s="10"/>
    </row>
    <row r="702320" spans="14:14">
      <c r="N702320" s="10"/>
    </row>
    <row r="702321" spans="14:14">
      <c r="N702321" s="10"/>
    </row>
    <row r="702322" spans="14:14">
      <c r="N702322" s="10"/>
    </row>
    <row r="702323" spans="14:14">
      <c r="N702323" s="10"/>
    </row>
    <row r="702324" spans="14:14">
      <c r="N702324" s="10"/>
    </row>
    <row r="702325" spans="14:14">
      <c r="N702325" s="10"/>
    </row>
    <row r="702326" spans="14:14">
      <c r="N702326" s="10"/>
    </row>
    <row r="702327" spans="14:14">
      <c r="N702327" s="10"/>
    </row>
    <row r="702328" spans="14:14">
      <c r="N702328" s="10"/>
    </row>
    <row r="702329" spans="14:14">
      <c r="N702329" s="10"/>
    </row>
    <row r="702330" spans="14:14">
      <c r="N702330" s="10"/>
    </row>
    <row r="702331" spans="14:14">
      <c r="N702331" s="10"/>
    </row>
    <row r="702332" spans="14:14">
      <c r="N702332" s="10"/>
    </row>
    <row r="702333" spans="14:14">
      <c r="N702333" s="10"/>
    </row>
    <row r="702334" spans="14:14">
      <c r="N702334" s="10"/>
    </row>
    <row r="702335" spans="14:14">
      <c r="N702335" s="10"/>
    </row>
    <row r="702336" spans="14:14">
      <c r="N702336" s="10"/>
    </row>
    <row r="702337" spans="14:14">
      <c r="N702337" s="10"/>
    </row>
    <row r="702338" spans="14:14">
      <c r="N702338" s="10"/>
    </row>
    <row r="702339" spans="14:14">
      <c r="N702339" s="10"/>
    </row>
    <row r="702340" spans="14:14">
      <c r="N702340" s="10"/>
    </row>
    <row r="702341" spans="14:14">
      <c r="N702341" s="10"/>
    </row>
    <row r="702342" spans="14:14">
      <c r="N702342" s="10"/>
    </row>
    <row r="702343" spans="14:14">
      <c r="N702343" s="10"/>
    </row>
    <row r="702344" spans="14:14">
      <c r="N702344" s="10"/>
    </row>
    <row r="702345" spans="14:14">
      <c r="N702345" s="10"/>
    </row>
    <row r="702346" spans="14:14">
      <c r="N702346" s="10"/>
    </row>
    <row r="702347" spans="14:14">
      <c r="N702347" s="10"/>
    </row>
    <row r="702348" spans="14:14">
      <c r="N702348" s="10"/>
    </row>
    <row r="702349" spans="14:14">
      <c r="N702349" s="10"/>
    </row>
    <row r="702350" spans="14:14">
      <c r="N702350" s="10"/>
    </row>
    <row r="702351" spans="14:14">
      <c r="N702351" s="10"/>
    </row>
    <row r="702352" spans="14:14">
      <c r="N702352" s="10"/>
    </row>
    <row r="702353" spans="14:14">
      <c r="N702353" s="10"/>
    </row>
    <row r="702354" spans="14:14">
      <c r="N702354" s="10"/>
    </row>
    <row r="702355" spans="14:14">
      <c r="N702355" s="10"/>
    </row>
    <row r="702356" spans="14:14">
      <c r="N702356" s="10"/>
    </row>
    <row r="702357" spans="14:14">
      <c r="N702357" s="10"/>
    </row>
    <row r="702358" spans="14:14">
      <c r="N702358" s="10"/>
    </row>
    <row r="702359" spans="14:14">
      <c r="N702359" s="10"/>
    </row>
    <row r="702360" spans="14:14">
      <c r="N702360" s="10"/>
    </row>
    <row r="702361" spans="14:14">
      <c r="N702361" s="10"/>
    </row>
    <row r="702362" spans="14:14">
      <c r="N702362" s="10"/>
    </row>
    <row r="702363" spans="14:14">
      <c r="N702363" s="10"/>
    </row>
    <row r="702364" spans="14:14">
      <c r="N702364" s="10"/>
    </row>
    <row r="702365" spans="14:14">
      <c r="N702365" s="10"/>
    </row>
    <row r="702366" spans="14:14">
      <c r="N702366" s="10"/>
    </row>
    <row r="702367" spans="14:14">
      <c r="N702367" s="10"/>
    </row>
    <row r="702368" spans="14:14">
      <c r="N702368" s="10"/>
    </row>
    <row r="702369" spans="14:14">
      <c r="N702369" s="10"/>
    </row>
    <row r="702370" spans="14:14">
      <c r="N702370" s="10"/>
    </row>
    <row r="702371" spans="14:14">
      <c r="N702371" s="10"/>
    </row>
    <row r="702372" spans="14:14">
      <c r="N702372" s="10"/>
    </row>
    <row r="702373" spans="14:14">
      <c r="N702373" s="10"/>
    </row>
    <row r="702374" spans="14:14">
      <c r="N702374" s="10"/>
    </row>
    <row r="702375" spans="14:14">
      <c r="N702375" s="10"/>
    </row>
    <row r="702376" spans="14:14">
      <c r="N702376" s="10"/>
    </row>
    <row r="702377" spans="14:14">
      <c r="N702377" s="10"/>
    </row>
    <row r="702378" spans="14:14">
      <c r="N702378" s="10"/>
    </row>
    <row r="702379" spans="14:14">
      <c r="N702379" s="10"/>
    </row>
    <row r="702380" spans="14:14">
      <c r="N702380" s="10"/>
    </row>
    <row r="702381" spans="14:14">
      <c r="N702381" s="10"/>
    </row>
    <row r="702382" spans="14:14">
      <c r="N702382" s="10"/>
    </row>
    <row r="702383" spans="14:14">
      <c r="N702383" s="10"/>
    </row>
    <row r="702384" spans="14:14">
      <c r="N702384" s="10"/>
    </row>
    <row r="702385" spans="14:14">
      <c r="N702385" s="10"/>
    </row>
    <row r="702386" spans="14:14">
      <c r="N702386" s="10"/>
    </row>
    <row r="702387" spans="14:14">
      <c r="N702387" s="10"/>
    </row>
    <row r="702388" spans="14:14">
      <c r="N702388" s="10"/>
    </row>
    <row r="702389" spans="14:14">
      <c r="N702389" s="10"/>
    </row>
    <row r="702390" spans="14:14">
      <c r="N702390" s="10"/>
    </row>
    <row r="702391" spans="14:14">
      <c r="N702391" s="10"/>
    </row>
    <row r="702392" spans="14:14">
      <c r="N702392" s="10"/>
    </row>
    <row r="702393" spans="14:14">
      <c r="N702393" s="10"/>
    </row>
    <row r="702394" spans="14:14">
      <c r="N702394" s="10"/>
    </row>
    <row r="702395" spans="14:14">
      <c r="N702395" s="10"/>
    </row>
    <row r="702396" spans="14:14">
      <c r="N702396" s="10"/>
    </row>
    <row r="702397" spans="14:14">
      <c r="N702397" s="10"/>
    </row>
    <row r="702398" spans="14:14">
      <c r="N702398" s="10"/>
    </row>
    <row r="702399" spans="14:14">
      <c r="N702399" s="10"/>
    </row>
    <row r="702400" spans="14:14">
      <c r="N702400" s="10"/>
    </row>
    <row r="702401" spans="14:14">
      <c r="N702401" s="10"/>
    </row>
    <row r="702402" spans="14:14">
      <c r="N702402" s="10"/>
    </row>
    <row r="702403" spans="14:14">
      <c r="N702403" s="10"/>
    </row>
    <row r="702404" spans="14:14">
      <c r="N702404" s="10"/>
    </row>
    <row r="702405" spans="14:14">
      <c r="N702405" s="10"/>
    </row>
    <row r="702406" spans="14:14">
      <c r="N702406" s="10"/>
    </row>
    <row r="702407" spans="14:14">
      <c r="N702407" s="10"/>
    </row>
    <row r="702408" spans="14:14">
      <c r="N702408" s="10"/>
    </row>
    <row r="702409" spans="14:14">
      <c r="N702409" s="10"/>
    </row>
    <row r="702410" spans="14:14">
      <c r="N702410" s="10"/>
    </row>
    <row r="702411" spans="14:14">
      <c r="N702411" s="10"/>
    </row>
    <row r="702412" spans="14:14">
      <c r="N702412" s="10"/>
    </row>
    <row r="702413" spans="14:14">
      <c r="N702413" s="10"/>
    </row>
    <row r="702414" spans="14:14">
      <c r="N702414" s="10"/>
    </row>
    <row r="702415" spans="14:14">
      <c r="N702415" s="10"/>
    </row>
    <row r="702416" spans="14:14">
      <c r="N702416" s="10"/>
    </row>
    <row r="702417" spans="14:14">
      <c r="N702417" s="10"/>
    </row>
    <row r="702418" spans="14:14">
      <c r="N702418" s="10"/>
    </row>
    <row r="702419" spans="14:14">
      <c r="N702419" s="10"/>
    </row>
    <row r="702420" spans="14:14">
      <c r="N702420" s="10"/>
    </row>
    <row r="702421" spans="14:14">
      <c r="N702421" s="10"/>
    </row>
    <row r="702422" spans="14:14">
      <c r="N702422" s="10"/>
    </row>
    <row r="702423" spans="14:14">
      <c r="N702423" s="10"/>
    </row>
    <row r="702424" spans="14:14">
      <c r="N702424" s="10"/>
    </row>
    <row r="702425" spans="14:14">
      <c r="N702425" s="10"/>
    </row>
    <row r="702426" spans="14:14">
      <c r="N702426" s="10"/>
    </row>
    <row r="702427" spans="14:14">
      <c r="N702427" s="10"/>
    </row>
    <row r="702428" spans="14:14">
      <c r="N702428" s="10"/>
    </row>
    <row r="702429" spans="14:14">
      <c r="N702429" s="10"/>
    </row>
    <row r="702430" spans="14:14">
      <c r="N702430" s="10"/>
    </row>
    <row r="702431" spans="14:14">
      <c r="N702431" s="10"/>
    </row>
    <row r="702432" spans="14:14">
      <c r="N702432" s="10"/>
    </row>
    <row r="702433" spans="14:14">
      <c r="N702433" s="10"/>
    </row>
    <row r="702434" spans="14:14">
      <c r="N702434" s="10"/>
    </row>
    <row r="702435" spans="14:14">
      <c r="N702435" s="10"/>
    </row>
    <row r="702436" spans="14:14">
      <c r="N702436" s="10"/>
    </row>
    <row r="702437" spans="14:14">
      <c r="N702437" s="10"/>
    </row>
    <row r="702438" spans="14:14">
      <c r="N702438" s="10"/>
    </row>
    <row r="702439" spans="14:14">
      <c r="N702439" s="10"/>
    </row>
    <row r="702440" spans="14:14">
      <c r="N702440" s="10"/>
    </row>
    <row r="702441" spans="14:14">
      <c r="N702441" s="10"/>
    </row>
    <row r="702442" spans="14:14">
      <c r="N702442" s="10"/>
    </row>
    <row r="702443" spans="14:14">
      <c r="N702443" s="10"/>
    </row>
    <row r="702444" spans="14:14">
      <c r="N702444" s="10"/>
    </row>
    <row r="702445" spans="14:14">
      <c r="N702445" s="10"/>
    </row>
    <row r="702446" spans="14:14">
      <c r="N702446" s="10"/>
    </row>
    <row r="702447" spans="14:14">
      <c r="N702447" s="10"/>
    </row>
    <row r="702448" spans="14:14">
      <c r="N702448" s="10"/>
    </row>
    <row r="702449" spans="14:14">
      <c r="N702449" s="10"/>
    </row>
    <row r="702450" spans="14:14">
      <c r="N702450" s="10"/>
    </row>
    <row r="702451" spans="14:14">
      <c r="N702451" s="10"/>
    </row>
    <row r="702452" spans="14:14">
      <c r="N702452" s="10"/>
    </row>
    <row r="702453" spans="14:14">
      <c r="N702453" s="10"/>
    </row>
    <row r="702454" spans="14:14">
      <c r="N702454" s="10"/>
    </row>
    <row r="702455" spans="14:14">
      <c r="N702455" s="10"/>
    </row>
    <row r="702456" spans="14:14">
      <c r="N702456" s="10"/>
    </row>
    <row r="702457" spans="14:14">
      <c r="N702457" s="10"/>
    </row>
    <row r="702458" spans="14:14">
      <c r="N702458" s="10"/>
    </row>
    <row r="702459" spans="14:14">
      <c r="N702459" s="10"/>
    </row>
    <row r="702460" spans="14:14">
      <c r="N702460" s="10"/>
    </row>
    <row r="702461" spans="14:14">
      <c r="N702461" s="10"/>
    </row>
    <row r="702462" spans="14:14">
      <c r="N702462" s="10"/>
    </row>
    <row r="702463" spans="14:14">
      <c r="N702463" s="10"/>
    </row>
    <row r="702464" spans="14:14">
      <c r="N702464" s="10"/>
    </row>
    <row r="702465" spans="14:14">
      <c r="N702465" s="10"/>
    </row>
    <row r="702466" spans="14:14">
      <c r="N702466" s="10"/>
    </row>
    <row r="702467" spans="14:14">
      <c r="N702467" s="10"/>
    </row>
    <row r="702468" spans="14:14">
      <c r="N702468" s="10"/>
    </row>
    <row r="702469" spans="14:14">
      <c r="N702469" s="10"/>
    </row>
    <row r="702470" spans="14:14">
      <c r="N702470" s="10"/>
    </row>
    <row r="702471" spans="14:14">
      <c r="N702471" s="10"/>
    </row>
    <row r="702472" spans="14:14">
      <c r="N702472" s="10"/>
    </row>
    <row r="702473" spans="14:14">
      <c r="N702473" s="10"/>
    </row>
    <row r="702474" spans="14:14">
      <c r="N702474" s="10"/>
    </row>
    <row r="702475" spans="14:14">
      <c r="N702475" s="10"/>
    </row>
    <row r="702476" spans="14:14">
      <c r="N702476" s="10"/>
    </row>
    <row r="702477" spans="14:14">
      <c r="N702477" s="10"/>
    </row>
    <row r="702478" spans="14:14">
      <c r="N702478" s="10"/>
    </row>
    <row r="702479" spans="14:14">
      <c r="N702479" s="10"/>
    </row>
    <row r="702480" spans="14:14">
      <c r="N702480" s="10"/>
    </row>
    <row r="702481" spans="14:14">
      <c r="N702481" s="10"/>
    </row>
    <row r="702482" spans="14:14">
      <c r="N702482" s="10"/>
    </row>
    <row r="702483" spans="14:14">
      <c r="N702483" s="10"/>
    </row>
    <row r="702484" spans="14:14">
      <c r="N702484" s="10"/>
    </row>
    <row r="702485" spans="14:14">
      <c r="N702485" s="10"/>
    </row>
    <row r="702486" spans="14:14">
      <c r="N702486" s="10"/>
    </row>
    <row r="702487" spans="14:14">
      <c r="N702487" s="10"/>
    </row>
    <row r="702488" spans="14:14">
      <c r="N702488" s="10"/>
    </row>
    <row r="702489" spans="14:14">
      <c r="N702489" s="10"/>
    </row>
    <row r="702490" spans="14:14">
      <c r="N702490" s="10"/>
    </row>
    <row r="702491" spans="14:14">
      <c r="N702491" s="10"/>
    </row>
    <row r="702492" spans="14:14">
      <c r="N702492" s="10"/>
    </row>
    <row r="702493" spans="14:14">
      <c r="N702493" s="10"/>
    </row>
    <row r="702494" spans="14:14">
      <c r="N702494" s="10"/>
    </row>
    <row r="702495" spans="14:14">
      <c r="N702495" s="10"/>
    </row>
    <row r="702496" spans="14:14">
      <c r="N702496" s="10"/>
    </row>
    <row r="702497" spans="14:14">
      <c r="N702497" s="10"/>
    </row>
    <row r="702498" spans="14:14">
      <c r="N702498" s="10"/>
    </row>
    <row r="702499" spans="14:14">
      <c r="N702499" s="10"/>
    </row>
    <row r="702500" spans="14:14">
      <c r="N702500" s="10"/>
    </row>
    <row r="702501" spans="14:14">
      <c r="N702501" s="10"/>
    </row>
    <row r="702502" spans="14:14">
      <c r="N702502" s="10"/>
    </row>
    <row r="702503" spans="14:14">
      <c r="N702503" s="10"/>
    </row>
    <row r="702504" spans="14:14">
      <c r="N702504" s="10"/>
    </row>
    <row r="702505" spans="14:14">
      <c r="N702505" s="10"/>
    </row>
    <row r="702506" spans="14:14">
      <c r="N702506" s="10"/>
    </row>
    <row r="702507" spans="14:14">
      <c r="N702507" s="10"/>
    </row>
    <row r="702508" spans="14:14">
      <c r="N702508" s="10"/>
    </row>
    <row r="702509" spans="14:14">
      <c r="N702509" s="10"/>
    </row>
    <row r="702510" spans="14:14">
      <c r="N702510" s="10"/>
    </row>
    <row r="702511" spans="14:14">
      <c r="N702511" s="10"/>
    </row>
    <row r="702512" spans="14:14">
      <c r="N702512" s="10"/>
    </row>
    <row r="702513" spans="14:14">
      <c r="N702513" s="10"/>
    </row>
    <row r="702514" spans="14:14">
      <c r="N702514" s="10"/>
    </row>
    <row r="702515" spans="14:14">
      <c r="N702515" s="10"/>
    </row>
    <row r="702516" spans="14:14">
      <c r="N702516" s="10"/>
    </row>
    <row r="702517" spans="14:14">
      <c r="N702517" s="10"/>
    </row>
    <row r="702518" spans="14:14">
      <c r="N702518" s="10"/>
    </row>
    <row r="702519" spans="14:14">
      <c r="N702519" s="10"/>
    </row>
    <row r="702520" spans="14:14">
      <c r="N702520" s="10"/>
    </row>
    <row r="702521" spans="14:14">
      <c r="N702521" s="10"/>
    </row>
    <row r="702522" spans="14:14">
      <c r="N702522" s="10"/>
    </row>
    <row r="702523" spans="14:14">
      <c r="N702523" s="10"/>
    </row>
    <row r="702524" spans="14:14">
      <c r="N702524" s="10"/>
    </row>
    <row r="702525" spans="14:14">
      <c r="N702525" s="10"/>
    </row>
    <row r="702526" spans="14:14">
      <c r="N702526" s="10"/>
    </row>
    <row r="702527" spans="14:14">
      <c r="N702527" s="10"/>
    </row>
    <row r="702528" spans="14:14">
      <c r="N702528" s="10"/>
    </row>
    <row r="702529" spans="14:14">
      <c r="N702529" s="10"/>
    </row>
    <row r="702530" spans="14:14">
      <c r="N702530" s="10"/>
    </row>
    <row r="702531" spans="14:14">
      <c r="N702531" s="10"/>
    </row>
    <row r="702532" spans="14:14">
      <c r="N702532" s="10"/>
    </row>
    <row r="702533" spans="14:14">
      <c r="N702533" s="10"/>
    </row>
    <row r="702534" spans="14:14">
      <c r="N702534" s="10"/>
    </row>
    <row r="702535" spans="14:14">
      <c r="N702535" s="10"/>
    </row>
    <row r="702536" spans="14:14">
      <c r="N702536" s="10"/>
    </row>
    <row r="702537" spans="14:14">
      <c r="N702537" s="10"/>
    </row>
    <row r="702538" spans="14:14">
      <c r="N702538" s="10"/>
    </row>
    <row r="702539" spans="14:14">
      <c r="N702539" s="10"/>
    </row>
    <row r="702540" spans="14:14">
      <c r="N702540" s="10"/>
    </row>
    <row r="702541" spans="14:14">
      <c r="N702541" s="10"/>
    </row>
    <row r="702542" spans="14:14">
      <c r="N702542" s="10"/>
    </row>
    <row r="702543" spans="14:14">
      <c r="N702543" s="10"/>
    </row>
    <row r="702544" spans="14:14">
      <c r="N702544" s="10"/>
    </row>
    <row r="702545" spans="14:14">
      <c r="N702545" s="10"/>
    </row>
    <row r="702546" spans="14:14">
      <c r="N702546" s="10"/>
    </row>
    <row r="702547" spans="14:14">
      <c r="N702547" s="10"/>
    </row>
    <row r="702548" spans="14:14">
      <c r="N702548" s="10"/>
    </row>
    <row r="702549" spans="14:14">
      <c r="N702549" s="10"/>
    </row>
    <row r="702550" spans="14:14">
      <c r="N702550" s="10"/>
    </row>
    <row r="702551" spans="14:14">
      <c r="N702551" s="10"/>
    </row>
    <row r="702552" spans="14:14">
      <c r="N702552" s="10"/>
    </row>
    <row r="702553" spans="14:14">
      <c r="N702553" s="10"/>
    </row>
    <row r="702554" spans="14:14">
      <c r="N702554" s="10"/>
    </row>
    <row r="702555" spans="14:14">
      <c r="N702555" s="10"/>
    </row>
    <row r="702556" spans="14:14">
      <c r="N702556" s="10"/>
    </row>
    <row r="702557" spans="14:14">
      <c r="N702557" s="10"/>
    </row>
    <row r="702558" spans="14:14">
      <c r="N702558" s="10"/>
    </row>
    <row r="702559" spans="14:14">
      <c r="N702559" s="10"/>
    </row>
    <row r="702560" spans="14:14">
      <c r="N702560" s="10"/>
    </row>
    <row r="702561" spans="14:14">
      <c r="N702561" s="10"/>
    </row>
    <row r="702562" spans="14:14">
      <c r="N702562" s="10"/>
    </row>
    <row r="702563" spans="14:14">
      <c r="N702563" s="10"/>
    </row>
    <row r="702564" spans="14:14">
      <c r="N702564" s="10"/>
    </row>
    <row r="702565" spans="14:14">
      <c r="N702565" s="10"/>
    </row>
    <row r="702566" spans="14:14">
      <c r="N702566" s="10"/>
    </row>
    <row r="702567" spans="14:14">
      <c r="N702567" s="10"/>
    </row>
    <row r="702568" spans="14:14">
      <c r="N702568" s="10"/>
    </row>
    <row r="702569" spans="14:14">
      <c r="N702569" s="10"/>
    </row>
    <row r="702570" spans="14:14">
      <c r="N702570" s="10"/>
    </row>
    <row r="702571" spans="14:14">
      <c r="N702571" s="10"/>
    </row>
    <row r="702572" spans="14:14">
      <c r="N702572" s="10"/>
    </row>
    <row r="702573" spans="14:14">
      <c r="N702573" s="10"/>
    </row>
    <row r="702574" spans="14:14">
      <c r="N702574" s="10"/>
    </row>
    <row r="702575" spans="14:14">
      <c r="N702575" s="10"/>
    </row>
    <row r="702576" spans="14:14">
      <c r="N702576" s="10"/>
    </row>
    <row r="702577" spans="14:14">
      <c r="N702577" s="10"/>
    </row>
    <row r="702578" spans="14:14">
      <c r="N702578" s="10"/>
    </row>
    <row r="702579" spans="14:14">
      <c r="N702579" s="10"/>
    </row>
    <row r="702580" spans="14:14">
      <c r="N702580" s="10"/>
    </row>
    <row r="702581" spans="14:14">
      <c r="N702581" s="10"/>
    </row>
    <row r="702582" spans="14:14">
      <c r="N702582" s="10"/>
    </row>
    <row r="702583" spans="14:14">
      <c r="N702583" s="10"/>
    </row>
    <row r="702584" spans="14:14">
      <c r="N702584" s="10"/>
    </row>
    <row r="702585" spans="14:14">
      <c r="N702585" s="10"/>
    </row>
    <row r="702586" spans="14:14">
      <c r="N702586" s="10"/>
    </row>
    <row r="702587" spans="14:14">
      <c r="N702587" s="10"/>
    </row>
    <row r="702588" spans="14:14">
      <c r="N702588" s="10"/>
    </row>
    <row r="702589" spans="14:14">
      <c r="N702589" s="10"/>
    </row>
    <row r="702590" spans="14:14">
      <c r="N702590" s="10"/>
    </row>
    <row r="702591" spans="14:14">
      <c r="N702591" s="10"/>
    </row>
    <row r="702592" spans="14:14">
      <c r="N702592" s="10"/>
    </row>
    <row r="702593" spans="14:14">
      <c r="N702593" s="10"/>
    </row>
    <row r="702594" spans="14:14">
      <c r="N702594" s="10"/>
    </row>
    <row r="702595" spans="14:14">
      <c r="N702595" s="10"/>
    </row>
    <row r="702596" spans="14:14">
      <c r="N702596" s="10"/>
    </row>
    <row r="702597" spans="14:14">
      <c r="N702597" s="10"/>
    </row>
    <row r="702598" spans="14:14">
      <c r="N702598" s="10"/>
    </row>
    <row r="702599" spans="14:14">
      <c r="N702599" s="10"/>
    </row>
    <row r="702600" spans="14:14">
      <c r="N702600" s="10"/>
    </row>
    <row r="702601" spans="14:14">
      <c r="N702601" s="10"/>
    </row>
    <row r="702602" spans="14:14">
      <c r="N702602" s="10"/>
    </row>
    <row r="702603" spans="14:14">
      <c r="N702603" s="10"/>
    </row>
    <row r="702604" spans="14:14">
      <c r="N702604" s="10"/>
    </row>
    <row r="702605" spans="14:14">
      <c r="N702605" s="10"/>
    </row>
    <row r="702606" spans="14:14">
      <c r="N702606" s="10"/>
    </row>
    <row r="702607" spans="14:14">
      <c r="N702607" s="10"/>
    </row>
    <row r="702608" spans="14:14">
      <c r="N702608" s="10"/>
    </row>
    <row r="702609" spans="14:14">
      <c r="N702609" s="10"/>
    </row>
    <row r="702610" spans="14:14">
      <c r="N702610" s="10"/>
    </row>
    <row r="702611" spans="14:14">
      <c r="N702611" s="10"/>
    </row>
    <row r="702612" spans="14:14">
      <c r="N702612" s="10"/>
    </row>
    <row r="702613" spans="14:14">
      <c r="N702613" s="10"/>
    </row>
    <row r="702614" spans="14:14">
      <c r="N702614" s="10"/>
    </row>
    <row r="702615" spans="14:14">
      <c r="N702615" s="10"/>
    </row>
    <row r="702616" spans="14:14">
      <c r="N702616" s="10"/>
    </row>
    <row r="702617" spans="14:14">
      <c r="N702617" s="10"/>
    </row>
    <row r="702618" spans="14:14">
      <c r="N702618" s="10"/>
    </row>
    <row r="702619" spans="14:14">
      <c r="N702619" s="10"/>
    </row>
    <row r="702620" spans="14:14">
      <c r="N702620" s="10"/>
    </row>
    <row r="702621" spans="14:14">
      <c r="N702621" s="10"/>
    </row>
    <row r="702622" spans="14:14">
      <c r="N702622" s="10"/>
    </row>
    <row r="702623" spans="14:14">
      <c r="N702623" s="10"/>
    </row>
    <row r="702624" spans="14:14">
      <c r="N702624" s="10"/>
    </row>
    <row r="702625" spans="14:14">
      <c r="N702625" s="10"/>
    </row>
    <row r="702626" spans="14:14">
      <c r="N702626" s="10"/>
    </row>
    <row r="702627" spans="14:14">
      <c r="N702627" s="10"/>
    </row>
    <row r="702628" spans="14:14">
      <c r="N702628" s="10"/>
    </row>
    <row r="702629" spans="14:14">
      <c r="N702629" s="10"/>
    </row>
    <row r="702630" spans="14:14">
      <c r="N702630" s="10"/>
    </row>
    <row r="702631" spans="14:14">
      <c r="N702631" s="10"/>
    </row>
    <row r="702632" spans="14:14">
      <c r="N702632" s="10"/>
    </row>
    <row r="702633" spans="14:14">
      <c r="N702633" s="10"/>
    </row>
    <row r="702634" spans="14:14">
      <c r="N702634" s="10"/>
    </row>
    <row r="702635" spans="14:14">
      <c r="N702635" s="10"/>
    </row>
    <row r="702636" spans="14:14">
      <c r="N702636" s="10"/>
    </row>
    <row r="702637" spans="14:14">
      <c r="N702637" s="10"/>
    </row>
    <row r="702638" spans="14:14">
      <c r="N702638" s="10"/>
    </row>
    <row r="702639" spans="14:14">
      <c r="N702639" s="10"/>
    </row>
    <row r="702640" spans="14:14">
      <c r="N702640" s="10"/>
    </row>
    <row r="702641" spans="14:14">
      <c r="N702641" s="10"/>
    </row>
    <row r="702642" spans="14:14">
      <c r="N702642" s="10"/>
    </row>
    <row r="702643" spans="14:14">
      <c r="N702643" s="10"/>
    </row>
    <row r="702644" spans="14:14">
      <c r="N702644" s="10"/>
    </row>
    <row r="702645" spans="14:14">
      <c r="N702645" s="10"/>
    </row>
    <row r="702646" spans="14:14">
      <c r="N702646" s="10"/>
    </row>
    <row r="702647" spans="14:14">
      <c r="N702647" s="10"/>
    </row>
    <row r="702648" spans="14:14">
      <c r="N702648" s="10"/>
    </row>
    <row r="702649" spans="14:14">
      <c r="N702649" s="10"/>
    </row>
    <row r="702650" spans="14:14">
      <c r="N702650" s="10"/>
    </row>
    <row r="702651" spans="14:14">
      <c r="N702651" s="10"/>
    </row>
    <row r="702652" spans="14:14">
      <c r="N702652" s="10"/>
    </row>
    <row r="702653" spans="14:14">
      <c r="N702653" s="10"/>
    </row>
    <row r="702654" spans="14:14">
      <c r="N702654" s="10"/>
    </row>
    <row r="702655" spans="14:14">
      <c r="N702655" s="10"/>
    </row>
    <row r="702656" spans="14:14">
      <c r="N702656" s="10"/>
    </row>
    <row r="702657" spans="14:14">
      <c r="N702657" s="10"/>
    </row>
    <row r="702658" spans="14:14">
      <c r="N702658" s="10"/>
    </row>
    <row r="702659" spans="14:14">
      <c r="N702659" s="10"/>
    </row>
    <row r="702660" spans="14:14">
      <c r="N702660" s="10"/>
    </row>
    <row r="702661" spans="14:14">
      <c r="N702661" s="10"/>
    </row>
    <row r="702662" spans="14:14">
      <c r="N702662" s="10"/>
    </row>
    <row r="702663" spans="14:14">
      <c r="N702663" s="10"/>
    </row>
    <row r="702664" spans="14:14">
      <c r="N702664" s="10"/>
    </row>
    <row r="702665" spans="14:14">
      <c r="N702665" s="10"/>
    </row>
    <row r="702666" spans="14:14">
      <c r="N702666" s="10"/>
    </row>
    <row r="702667" spans="14:14">
      <c r="N702667" s="10"/>
    </row>
    <row r="702668" spans="14:14">
      <c r="N702668" s="10"/>
    </row>
    <row r="702669" spans="14:14">
      <c r="N702669" s="10"/>
    </row>
    <row r="702670" spans="14:14">
      <c r="N702670" s="10"/>
    </row>
    <row r="702671" spans="14:14">
      <c r="N702671" s="10"/>
    </row>
    <row r="702672" spans="14:14">
      <c r="N702672" s="10"/>
    </row>
    <row r="702673" spans="14:14">
      <c r="N702673" s="10"/>
    </row>
    <row r="702674" spans="14:14">
      <c r="N702674" s="10"/>
    </row>
    <row r="702675" spans="14:14">
      <c r="N702675" s="10"/>
    </row>
    <row r="702676" spans="14:14">
      <c r="N702676" s="10"/>
    </row>
    <row r="702677" spans="14:14">
      <c r="N702677" s="10"/>
    </row>
    <row r="702678" spans="14:14">
      <c r="N702678" s="10"/>
    </row>
    <row r="702679" spans="14:14">
      <c r="N702679" s="10"/>
    </row>
    <row r="702680" spans="14:14">
      <c r="N702680" s="10"/>
    </row>
    <row r="702681" spans="14:14">
      <c r="N702681" s="10"/>
    </row>
    <row r="702682" spans="14:14">
      <c r="N702682" s="10"/>
    </row>
    <row r="702683" spans="14:14">
      <c r="N702683" s="10"/>
    </row>
    <row r="702684" spans="14:14">
      <c r="N702684" s="10"/>
    </row>
    <row r="702685" spans="14:14">
      <c r="N702685" s="10"/>
    </row>
    <row r="702686" spans="14:14">
      <c r="N702686" s="10"/>
    </row>
    <row r="702687" spans="14:14">
      <c r="N702687" s="10"/>
    </row>
    <row r="702688" spans="14:14">
      <c r="N702688" s="10"/>
    </row>
    <row r="702689" spans="14:14">
      <c r="N702689" s="10"/>
    </row>
    <row r="702690" spans="14:14">
      <c r="N702690" s="10"/>
    </row>
    <row r="702691" spans="14:14">
      <c r="N702691" s="10"/>
    </row>
    <row r="702692" spans="14:14">
      <c r="N702692" s="10"/>
    </row>
    <row r="702693" spans="14:14">
      <c r="N702693" s="10"/>
    </row>
    <row r="702694" spans="14:14">
      <c r="N702694" s="10"/>
    </row>
    <row r="702695" spans="14:14">
      <c r="N702695" s="10"/>
    </row>
    <row r="702696" spans="14:14">
      <c r="N702696" s="10"/>
    </row>
    <row r="702697" spans="14:14">
      <c r="N702697" s="10"/>
    </row>
    <row r="702698" spans="14:14">
      <c r="N702698" s="10"/>
    </row>
    <row r="702699" spans="14:14">
      <c r="N702699" s="10"/>
    </row>
    <row r="702700" spans="14:14">
      <c r="N702700" s="10"/>
    </row>
    <row r="702701" spans="14:14">
      <c r="N702701" s="10"/>
    </row>
    <row r="702702" spans="14:14">
      <c r="N702702" s="10"/>
    </row>
    <row r="702703" spans="14:14">
      <c r="N702703" s="10"/>
    </row>
    <row r="702704" spans="14:14">
      <c r="N702704" s="10"/>
    </row>
    <row r="702705" spans="14:14">
      <c r="N702705" s="10"/>
    </row>
    <row r="702706" spans="14:14">
      <c r="N702706" s="10"/>
    </row>
    <row r="702707" spans="14:14">
      <c r="N702707" s="10"/>
    </row>
    <row r="702708" spans="14:14">
      <c r="N702708" s="10"/>
    </row>
    <row r="702709" spans="14:14">
      <c r="N702709" s="10"/>
    </row>
    <row r="702710" spans="14:14">
      <c r="N702710" s="10"/>
    </row>
    <row r="702711" spans="14:14">
      <c r="N702711" s="10"/>
    </row>
    <row r="702712" spans="14:14">
      <c r="N702712" s="10"/>
    </row>
    <row r="702713" spans="14:14">
      <c r="N702713" s="10"/>
    </row>
    <row r="702714" spans="14:14">
      <c r="N702714" s="10"/>
    </row>
    <row r="702715" spans="14:14">
      <c r="N702715" s="10"/>
    </row>
    <row r="702716" spans="14:14">
      <c r="N702716" s="10"/>
    </row>
    <row r="702717" spans="14:14">
      <c r="N702717" s="10"/>
    </row>
    <row r="702718" spans="14:14">
      <c r="N702718" s="10"/>
    </row>
    <row r="702719" spans="14:14">
      <c r="N702719" s="10"/>
    </row>
    <row r="702720" spans="14:14">
      <c r="N702720" s="10"/>
    </row>
    <row r="702721" spans="14:14">
      <c r="N702721" s="10"/>
    </row>
    <row r="702722" spans="14:14">
      <c r="N702722" s="10"/>
    </row>
    <row r="702723" spans="14:14">
      <c r="N702723" s="10"/>
    </row>
    <row r="702724" spans="14:14">
      <c r="N702724" s="10"/>
    </row>
    <row r="702725" spans="14:14">
      <c r="N702725" s="10"/>
    </row>
    <row r="702726" spans="14:14">
      <c r="N702726" s="10"/>
    </row>
    <row r="702727" spans="14:14">
      <c r="N702727" s="10"/>
    </row>
    <row r="702728" spans="14:14">
      <c r="N702728" s="10"/>
    </row>
    <row r="702729" spans="14:14">
      <c r="N702729" s="10"/>
    </row>
    <row r="702730" spans="14:14">
      <c r="N702730" s="10"/>
    </row>
    <row r="702731" spans="14:14">
      <c r="N702731" s="10"/>
    </row>
    <row r="702732" spans="14:14">
      <c r="N702732" s="10"/>
    </row>
    <row r="702733" spans="14:14">
      <c r="N702733" s="10"/>
    </row>
    <row r="702734" spans="14:14">
      <c r="N702734" s="10"/>
    </row>
    <row r="702735" spans="14:14">
      <c r="N702735" s="10"/>
    </row>
    <row r="702736" spans="14:14">
      <c r="N702736" s="10"/>
    </row>
    <row r="702737" spans="14:14">
      <c r="N702737" s="10"/>
    </row>
    <row r="702738" spans="14:14">
      <c r="N702738" s="10"/>
    </row>
    <row r="702739" spans="14:14">
      <c r="N702739" s="10"/>
    </row>
    <row r="702740" spans="14:14">
      <c r="N702740" s="10"/>
    </row>
    <row r="702741" spans="14:14">
      <c r="N702741" s="10"/>
    </row>
    <row r="702742" spans="14:14">
      <c r="N702742" s="10"/>
    </row>
    <row r="702743" spans="14:14">
      <c r="N702743" s="10"/>
    </row>
    <row r="702744" spans="14:14">
      <c r="N702744" s="10"/>
    </row>
    <row r="702745" spans="14:14">
      <c r="N702745" s="10"/>
    </row>
    <row r="702746" spans="14:14">
      <c r="N702746" s="10"/>
    </row>
    <row r="702747" spans="14:14">
      <c r="N702747" s="10"/>
    </row>
    <row r="702748" spans="14:14">
      <c r="N702748" s="10"/>
    </row>
    <row r="702749" spans="14:14">
      <c r="N702749" s="10"/>
    </row>
    <row r="702750" spans="14:14">
      <c r="N702750" s="10"/>
    </row>
    <row r="702751" spans="14:14">
      <c r="N702751" s="10"/>
    </row>
    <row r="702752" spans="14:14">
      <c r="N702752" s="10"/>
    </row>
    <row r="702753" spans="14:14">
      <c r="N702753" s="10"/>
    </row>
    <row r="702754" spans="14:14">
      <c r="N702754" s="10"/>
    </row>
    <row r="702755" spans="14:14">
      <c r="N702755" s="10"/>
    </row>
    <row r="702756" spans="14:14">
      <c r="N702756" s="10"/>
    </row>
    <row r="702757" spans="14:14">
      <c r="N702757" s="10"/>
    </row>
    <row r="702758" spans="14:14">
      <c r="N702758" s="10"/>
    </row>
    <row r="702759" spans="14:14">
      <c r="N702759" s="10"/>
    </row>
    <row r="702760" spans="14:14">
      <c r="N702760" s="10"/>
    </row>
    <row r="702761" spans="14:14">
      <c r="N702761" s="10"/>
    </row>
    <row r="702762" spans="14:14">
      <c r="N702762" s="10"/>
    </row>
    <row r="702763" spans="14:14">
      <c r="N702763" s="10"/>
    </row>
    <row r="702764" spans="14:14">
      <c r="N702764" s="10"/>
    </row>
    <row r="702765" spans="14:14">
      <c r="N702765" s="10"/>
    </row>
    <row r="702766" spans="14:14">
      <c r="N702766" s="10"/>
    </row>
    <row r="702767" spans="14:14">
      <c r="N702767" s="10"/>
    </row>
    <row r="702768" spans="14:14">
      <c r="N702768" s="10"/>
    </row>
    <row r="702769" spans="14:14">
      <c r="N702769" s="10"/>
    </row>
    <row r="702770" spans="14:14">
      <c r="N702770" s="10"/>
    </row>
    <row r="702771" spans="14:14">
      <c r="N702771" s="10"/>
    </row>
    <row r="702772" spans="14:14">
      <c r="N702772" s="10"/>
    </row>
    <row r="702773" spans="14:14">
      <c r="N702773" s="10"/>
    </row>
    <row r="702774" spans="14:14">
      <c r="N702774" s="10"/>
    </row>
    <row r="702775" spans="14:14">
      <c r="N702775" s="10"/>
    </row>
    <row r="702776" spans="14:14">
      <c r="N702776" s="10"/>
    </row>
    <row r="702777" spans="14:14">
      <c r="N702777" s="10"/>
    </row>
    <row r="702778" spans="14:14">
      <c r="N702778" s="10"/>
    </row>
    <row r="702779" spans="14:14">
      <c r="N702779" s="10"/>
    </row>
    <row r="702780" spans="14:14">
      <c r="N702780" s="10"/>
    </row>
    <row r="702781" spans="14:14">
      <c r="N702781" s="10"/>
    </row>
    <row r="702782" spans="14:14">
      <c r="N702782" s="10"/>
    </row>
    <row r="702783" spans="14:14">
      <c r="N702783" s="10"/>
    </row>
    <row r="702784" spans="14:14">
      <c r="N702784" s="10"/>
    </row>
    <row r="702785" spans="14:14">
      <c r="N702785" s="10"/>
    </row>
    <row r="702786" spans="14:14">
      <c r="N702786" s="10"/>
    </row>
    <row r="702787" spans="14:14">
      <c r="N702787" s="10"/>
    </row>
    <row r="702788" spans="14:14">
      <c r="N702788" s="10"/>
    </row>
    <row r="702789" spans="14:14">
      <c r="N702789" s="10"/>
    </row>
    <row r="702790" spans="14:14">
      <c r="N702790" s="10"/>
    </row>
    <row r="702791" spans="14:14">
      <c r="N702791" s="10"/>
    </row>
    <row r="702792" spans="14:14">
      <c r="N702792" s="10"/>
    </row>
    <row r="702793" spans="14:14">
      <c r="N702793" s="10"/>
    </row>
    <row r="702794" spans="14:14">
      <c r="N702794" s="10"/>
    </row>
    <row r="702795" spans="14:14">
      <c r="N702795" s="10"/>
    </row>
    <row r="702796" spans="14:14">
      <c r="N702796" s="10"/>
    </row>
    <row r="702797" spans="14:14">
      <c r="N702797" s="10"/>
    </row>
    <row r="702798" spans="14:14">
      <c r="N702798" s="10"/>
    </row>
    <row r="702799" spans="14:14">
      <c r="N702799" s="10"/>
    </row>
    <row r="702800" spans="14:14">
      <c r="N702800" s="10"/>
    </row>
    <row r="702801" spans="14:14">
      <c r="N702801" s="10"/>
    </row>
    <row r="702802" spans="14:14">
      <c r="N702802" s="10"/>
    </row>
    <row r="702803" spans="14:14">
      <c r="N702803" s="10"/>
    </row>
    <row r="702804" spans="14:14">
      <c r="N702804" s="10"/>
    </row>
    <row r="702805" spans="14:14">
      <c r="N702805" s="10"/>
    </row>
    <row r="702806" spans="14:14">
      <c r="N702806" s="10"/>
    </row>
    <row r="702807" spans="14:14">
      <c r="N702807" s="10"/>
    </row>
    <row r="702808" spans="14:14">
      <c r="N702808" s="10"/>
    </row>
    <row r="702809" spans="14:14">
      <c r="N702809" s="10"/>
    </row>
    <row r="702810" spans="14:14">
      <c r="N702810" s="10"/>
    </row>
    <row r="702811" spans="14:14">
      <c r="N702811" s="10"/>
    </row>
    <row r="702812" spans="14:14">
      <c r="N702812" s="10"/>
    </row>
    <row r="702813" spans="14:14">
      <c r="N702813" s="10"/>
    </row>
    <row r="702814" spans="14:14">
      <c r="N702814" s="10"/>
    </row>
    <row r="702815" spans="14:14">
      <c r="N702815" s="10"/>
    </row>
    <row r="702816" spans="14:14">
      <c r="N702816" s="10"/>
    </row>
    <row r="702817" spans="14:14">
      <c r="N702817" s="10"/>
    </row>
    <row r="702818" spans="14:14">
      <c r="N702818" s="10"/>
    </row>
    <row r="702819" spans="14:14">
      <c r="N702819" s="10"/>
    </row>
    <row r="702820" spans="14:14">
      <c r="N702820" s="10"/>
    </row>
    <row r="702821" spans="14:14">
      <c r="N702821" s="10"/>
    </row>
    <row r="702822" spans="14:14">
      <c r="N702822" s="10"/>
    </row>
    <row r="702823" spans="14:14">
      <c r="N702823" s="10"/>
    </row>
    <row r="702824" spans="14:14">
      <c r="N702824" s="10"/>
    </row>
    <row r="702825" spans="14:14">
      <c r="N702825" s="10"/>
    </row>
    <row r="702826" spans="14:14">
      <c r="N702826" s="10"/>
    </row>
    <row r="702827" spans="14:14">
      <c r="N702827" s="10"/>
    </row>
    <row r="702828" spans="14:14">
      <c r="N702828" s="10"/>
    </row>
    <row r="702829" spans="14:14">
      <c r="N702829" s="10"/>
    </row>
    <row r="702830" spans="14:14">
      <c r="N702830" s="10"/>
    </row>
    <row r="702831" spans="14:14">
      <c r="N702831" s="10"/>
    </row>
    <row r="702832" spans="14:14">
      <c r="N702832" s="10"/>
    </row>
    <row r="702833" spans="14:14">
      <c r="N702833" s="10"/>
    </row>
    <row r="702834" spans="14:14">
      <c r="N702834" s="10"/>
    </row>
    <row r="702835" spans="14:14">
      <c r="N702835" s="10"/>
    </row>
    <row r="702836" spans="14:14">
      <c r="N702836" s="10"/>
    </row>
    <row r="702837" spans="14:14">
      <c r="N702837" s="10"/>
    </row>
    <row r="702838" spans="14:14">
      <c r="N702838" s="10"/>
    </row>
    <row r="702839" spans="14:14">
      <c r="N702839" s="10"/>
    </row>
    <row r="702840" spans="14:14">
      <c r="N702840" s="10"/>
    </row>
    <row r="702841" spans="14:14">
      <c r="N702841" s="10"/>
    </row>
    <row r="702842" spans="14:14">
      <c r="N702842" s="10"/>
    </row>
    <row r="702843" spans="14:14">
      <c r="N702843" s="10"/>
    </row>
    <row r="702844" spans="14:14">
      <c r="N702844" s="10"/>
    </row>
    <row r="702845" spans="14:14">
      <c r="N702845" s="10"/>
    </row>
    <row r="702846" spans="14:14">
      <c r="N702846" s="10"/>
    </row>
    <row r="702847" spans="14:14">
      <c r="N702847" s="10"/>
    </row>
    <row r="702848" spans="14:14">
      <c r="N702848" s="10"/>
    </row>
    <row r="702849" spans="14:14">
      <c r="N702849" s="10"/>
    </row>
    <row r="702850" spans="14:14">
      <c r="N702850" s="10"/>
    </row>
    <row r="702851" spans="14:14">
      <c r="N702851" s="10"/>
    </row>
    <row r="702852" spans="14:14">
      <c r="N702852" s="10"/>
    </row>
    <row r="702853" spans="14:14">
      <c r="N702853" s="10"/>
    </row>
    <row r="702854" spans="14:14">
      <c r="N702854" s="10"/>
    </row>
    <row r="702855" spans="14:14">
      <c r="N702855" s="10"/>
    </row>
    <row r="702856" spans="14:14">
      <c r="N702856" s="10"/>
    </row>
    <row r="702857" spans="14:14">
      <c r="N702857" s="10"/>
    </row>
    <row r="702858" spans="14:14">
      <c r="N702858" s="10"/>
    </row>
    <row r="702859" spans="14:14">
      <c r="N702859" s="10"/>
    </row>
    <row r="702860" spans="14:14">
      <c r="N702860" s="10"/>
    </row>
    <row r="702861" spans="14:14">
      <c r="N702861" s="10"/>
    </row>
    <row r="702862" spans="14:14">
      <c r="N702862" s="10"/>
    </row>
    <row r="702863" spans="14:14">
      <c r="N702863" s="10"/>
    </row>
    <row r="702864" spans="14:14">
      <c r="N702864" s="10"/>
    </row>
    <row r="702865" spans="14:14">
      <c r="N702865" s="10"/>
    </row>
    <row r="702866" spans="14:14">
      <c r="N702866" s="10"/>
    </row>
    <row r="702867" spans="14:14">
      <c r="N702867" s="10"/>
    </row>
    <row r="702868" spans="14:14">
      <c r="N702868" s="10"/>
    </row>
    <row r="702869" spans="14:14">
      <c r="N702869" s="10"/>
    </row>
    <row r="702870" spans="14:14">
      <c r="N702870" s="10"/>
    </row>
    <row r="702871" spans="14:14">
      <c r="N702871" s="10"/>
    </row>
    <row r="702872" spans="14:14">
      <c r="N702872" s="10"/>
    </row>
    <row r="702873" spans="14:14">
      <c r="N702873" s="10"/>
    </row>
    <row r="702874" spans="14:14">
      <c r="N702874" s="10"/>
    </row>
    <row r="702875" spans="14:14">
      <c r="N702875" s="10"/>
    </row>
    <row r="702876" spans="14:14">
      <c r="N702876" s="10"/>
    </row>
    <row r="702877" spans="14:14">
      <c r="N702877" s="10"/>
    </row>
    <row r="702878" spans="14:14">
      <c r="N702878" s="10"/>
    </row>
    <row r="702879" spans="14:14">
      <c r="N702879" s="10"/>
    </row>
    <row r="702880" spans="14:14">
      <c r="N702880" s="10"/>
    </row>
    <row r="702881" spans="14:14">
      <c r="N702881" s="10"/>
    </row>
    <row r="702882" spans="14:14">
      <c r="N702882" s="10"/>
    </row>
    <row r="702883" spans="14:14">
      <c r="N702883" s="10"/>
    </row>
    <row r="702884" spans="14:14">
      <c r="N702884" s="10"/>
    </row>
    <row r="702885" spans="14:14">
      <c r="N702885" s="10"/>
    </row>
    <row r="702886" spans="14:14">
      <c r="N702886" s="10"/>
    </row>
    <row r="702887" spans="14:14">
      <c r="N702887" s="10"/>
    </row>
    <row r="702888" spans="14:14">
      <c r="N702888" s="10"/>
    </row>
    <row r="702889" spans="14:14">
      <c r="N702889" s="10"/>
    </row>
    <row r="702890" spans="14:14">
      <c r="N702890" s="10"/>
    </row>
    <row r="702891" spans="14:14">
      <c r="N702891" s="10"/>
    </row>
    <row r="702892" spans="14:14">
      <c r="N702892" s="10"/>
    </row>
    <row r="702893" spans="14:14">
      <c r="N702893" s="10"/>
    </row>
    <row r="702894" spans="14:14">
      <c r="N702894" s="10"/>
    </row>
    <row r="702895" spans="14:14">
      <c r="N702895" s="10"/>
    </row>
    <row r="702896" spans="14:14">
      <c r="N702896" s="10"/>
    </row>
    <row r="702897" spans="14:14">
      <c r="N702897" s="10"/>
    </row>
    <row r="702898" spans="14:14">
      <c r="N702898" s="10"/>
    </row>
    <row r="702899" spans="14:14">
      <c r="N702899" s="10"/>
    </row>
    <row r="702900" spans="14:14">
      <c r="N702900" s="10"/>
    </row>
    <row r="702901" spans="14:14">
      <c r="N702901" s="10"/>
    </row>
    <row r="702902" spans="14:14">
      <c r="N702902" s="10"/>
    </row>
    <row r="702903" spans="14:14">
      <c r="N702903" s="10"/>
    </row>
    <row r="702904" spans="14:14">
      <c r="N702904" s="10"/>
    </row>
    <row r="702905" spans="14:14">
      <c r="N702905" s="10"/>
    </row>
    <row r="702906" spans="14:14">
      <c r="N702906" s="10"/>
    </row>
    <row r="702907" spans="14:14">
      <c r="N702907" s="10"/>
    </row>
    <row r="702908" spans="14:14">
      <c r="N702908" s="10"/>
    </row>
    <row r="702909" spans="14:14">
      <c r="N702909" s="10"/>
    </row>
    <row r="702910" spans="14:14">
      <c r="N702910" s="10"/>
    </row>
    <row r="702911" spans="14:14">
      <c r="N702911" s="10"/>
    </row>
    <row r="702912" spans="14:14">
      <c r="N702912" s="10"/>
    </row>
    <row r="702913" spans="14:14">
      <c r="N702913" s="10"/>
    </row>
    <row r="702914" spans="14:14">
      <c r="N702914" s="10"/>
    </row>
    <row r="702915" spans="14:14">
      <c r="N702915" s="10"/>
    </row>
    <row r="702916" spans="14:14">
      <c r="N702916" s="10"/>
    </row>
    <row r="702917" spans="14:14">
      <c r="N702917" s="10"/>
    </row>
    <row r="702918" spans="14:14">
      <c r="N702918" s="10"/>
    </row>
    <row r="702919" spans="14:14">
      <c r="N702919" s="10"/>
    </row>
    <row r="702920" spans="14:14">
      <c r="N702920" s="10"/>
    </row>
    <row r="702921" spans="14:14">
      <c r="N702921" s="10"/>
    </row>
    <row r="702922" spans="14:14">
      <c r="N702922" s="10"/>
    </row>
    <row r="702923" spans="14:14">
      <c r="N702923" s="10"/>
    </row>
    <row r="702924" spans="14:14">
      <c r="N702924" s="10"/>
    </row>
    <row r="702925" spans="14:14">
      <c r="N702925" s="10"/>
    </row>
    <row r="702926" spans="14:14">
      <c r="N702926" s="10"/>
    </row>
    <row r="702927" spans="14:14">
      <c r="N702927" s="10"/>
    </row>
    <row r="702928" spans="14:14">
      <c r="N702928" s="10"/>
    </row>
    <row r="702929" spans="14:14">
      <c r="N702929" s="10"/>
    </row>
    <row r="702930" spans="14:14">
      <c r="N702930" s="10"/>
    </row>
    <row r="702931" spans="14:14">
      <c r="N702931" s="10"/>
    </row>
    <row r="702932" spans="14:14">
      <c r="N702932" s="10"/>
    </row>
    <row r="702933" spans="14:14">
      <c r="N702933" s="10"/>
    </row>
    <row r="702934" spans="14:14">
      <c r="N702934" s="10"/>
    </row>
    <row r="702935" spans="14:14">
      <c r="N702935" s="10"/>
    </row>
    <row r="702936" spans="14:14">
      <c r="N702936" s="10"/>
    </row>
    <row r="702937" spans="14:14">
      <c r="N702937" s="10"/>
    </row>
    <row r="702938" spans="14:14">
      <c r="N702938" s="10"/>
    </row>
    <row r="702939" spans="14:14">
      <c r="N702939" s="10"/>
    </row>
    <row r="702940" spans="14:14">
      <c r="N702940" s="10"/>
    </row>
    <row r="702941" spans="14:14">
      <c r="N702941" s="10"/>
    </row>
    <row r="702942" spans="14:14">
      <c r="N702942" s="10"/>
    </row>
    <row r="702943" spans="14:14">
      <c r="N702943" s="10"/>
    </row>
    <row r="702944" spans="14:14">
      <c r="N702944" s="10"/>
    </row>
    <row r="702945" spans="14:14">
      <c r="N702945" s="10"/>
    </row>
    <row r="702946" spans="14:14">
      <c r="N702946" s="10"/>
    </row>
    <row r="702947" spans="14:14">
      <c r="N702947" s="10"/>
    </row>
    <row r="702948" spans="14:14">
      <c r="N702948" s="10"/>
    </row>
    <row r="702949" spans="14:14">
      <c r="N702949" s="10"/>
    </row>
    <row r="702950" spans="14:14">
      <c r="N702950" s="10"/>
    </row>
    <row r="702951" spans="14:14">
      <c r="N702951" s="10"/>
    </row>
    <row r="702952" spans="14:14">
      <c r="N702952" s="10"/>
    </row>
    <row r="702953" spans="14:14">
      <c r="N702953" s="10"/>
    </row>
    <row r="702954" spans="14:14">
      <c r="N702954" s="10"/>
    </row>
    <row r="702955" spans="14:14">
      <c r="N702955" s="10"/>
    </row>
    <row r="702956" spans="14:14">
      <c r="N702956" s="10"/>
    </row>
    <row r="702957" spans="14:14">
      <c r="N702957" s="10"/>
    </row>
    <row r="702958" spans="14:14">
      <c r="N702958" s="10"/>
    </row>
    <row r="702959" spans="14:14">
      <c r="N702959" s="10"/>
    </row>
    <row r="702960" spans="14:14">
      <c r="N702960" s="10"/>
    </row>
    <row r="702961" spans="14:14">
      <c r="N702961" s="10"/>
    </row>
    <row r="702962" spans="14:14">
      <c r="N702962" s="10"/>
    </row>
    <row r="702963" spans="14:14">
      <c r="N702963" s="10"/>
    </row>
    <row r="702964" spans="14:14">
      <c r="N702964" s="10"/>
    </row>
    <row r="702965" spans="14:14">
      <c r="N702965" s="10"/>
    </row>
    <row r="702966" spans="14:14">
      <c r="N702966" s="10"/>
    </row>
    <row r="702967" spans="14:14">
      <c r="N702967" s="10"/>
    </row>
    <row r="702968" spans="14:14">
      <c r="N702968" s="10"/>
    </row>
    <row r="702969" spans="14:14">
      <c r="N702969" s="10"/>
    </row>
    <row r="702970" spans="14:14">
      <c r="N702970" s="10"/>
    </row>
    <row r="702971" spans="14:14">
      <c r="N702971" s="10"/>
    </row>
    <row r="702972" spans="14:14">
      <c r="N702972" s="10"/>
    </row>
    <row r="702973" spans="14:14">
      <c r="N702973" s="10"/>
    </row>
    <row r="702974" spans="14:14">
      <c r="N702974" s="10"/>
    </row>
    <row r="702975" spans="14:14">
      <c r="N702975" s="10"/>
    </row>
    <row r="702976" spans="14:14">
      <c r="N702976" s="10"/>
    </row>
    <row r="702977" spans="14:14">
      <c r="N702977" s="10"/>
    </row>
    <row r="702978" spans="14:14">
      <c r="N702978" s="10"/>
    </row>
    <row r="702979" spans="14:14">
      <c r="N702979" s="10"/>
    </row>
    <row r="702980" spans="14:14">
      <c r="N702980" s="10"/>
    </row>
    <row r="702981" spans="14:14">
      <c r="N702981" s="10"/>
    </row>
    <row r="702982" spans="14:14">
      <c r="N702982" s="10"/>
    </row>
    <row r="702983" spans="14:14">
      <c r="N702983" s="10"/>
    </row>
    <row r="702984" spans="14:14">
      <c r="N702984" s="10"/>
    </row>
    <row r="702985" spans="14:14">
      <c r="N702985" s="10"/>
    </row>
    <row r="702986" spans="14:14">
      <c r="N702986" s="10"/>
    </row>
    <row r="702987" spans="14:14">
      <c r="N702987" s="10"/>
    </row>
    <row r="702988" spans="14:14">
      <c r="N702988" s="10"/>
    </row>
    <row r="702989" spans="14:14">
      <c r="N702989" s="10"/>
    </row>
    <row r="702990" spans="14:14">
      <c r="N702990" s="10"/>
    </row>
    <row r="702991" spans="14:14">
      <c r="N702991" s="10"/>
    </row>
    <row r="702992" spans="14:14">
      <c r="N702992" s="10"/>
    </row>
    <row r="702993" spans="14:14">
      <c r="N702993" s="10"/>
    </row>
    <row r="702994" spans="14:14">
      <c r="N702994" s="10"/>
    </row>
    <row r="702995" spans="14:14">
      <c r="N702995" s="10"/>
    </row>
    <row r="702996" spans="14:14">
      <c r="N702996" s="10"/>
    </row>
    <row r="702997" spans="14:14">
      <c r="N702997" s="10"/>
    </row>
    <row r="702998" spans="14:14">
      <c r="N702998" s="10"/>
    </row>
    <row r="702999" spans="14:14">
      <c r="N702999" s="10"/>
    </row>
    <row r="703000" spans="14:14">
      <c r="N703000" s="10"/>
    </row>
    <row r="703001" spans="14:14">
      <c r="N703001" s="10"/>
    </row>
    <row r="703002" spans="14:14">
      <c r="N703002" s="10"/>
    </row>
    <row r="703003" spans="14:14">
      <c r="N703003" s="10"/>
    </row>
    <row r="703004" spans="14:14">
      <c r="N703004" s="10"/>
    </row>
    <row r="703005" spans="14:14">
      <c r="N703005" s="10"/>
    </row>
    <row r="703006" spans="14:14">
      <c r="N703006" s="10"/>
    </row>
    <row r="703007" spans="14:14">
      <c r="N703007" s="10"/>
    </row>
    <row r="703008" spans="14:14">
      <c r="N703008" s="10"/>
    </row>
    <row r="703009" spans="14:14">
      <c r="N703009" s="10"/>
    </row>
    <row r="703010" spans="14:14">
      <c r="N703010" s="10"/>
    </row>
    <row r="703011" spans="14:14">
      <c r="N703011" s="10"/>
    </row>
    <row r="703012" spans="14:14">
      <c r="N703012" s="10"/>
    </row>
    <row r="703013" spans="14:14">
      <c r="N703013" s="10"/>
    </row>
    <row r="703014" spans="14:14">
      <c r="N703014" s="10"/>
    </row>
    <row r="703015" spans="14:14">
      <c r="N703015" s="10"/>
    </row>
    <row r="703016" spans="14:14">
      <c r="N703016" s="10"/>
    </row>
    <row r="703017" spans="14:14">
      <c r="N703017" s="10"/>
    </row>
    <row r="703018" spans="14:14">
      <c r="N703018" s="10"/>
    </row>
    <row r="703019" spans="14:14">
      <c r="N703019" s="10"/>
    </row>
    <row r="703020" spans="14:14">
      <c r="N703020" s="10"/>
    </row>
    <row r="703021" spans="14:14">
      <c r="N703021" s="10"/>
    </row>
    <row r="703022" spans="14:14">
      <c r="N703022" s="10"/>
    </row>
    <row r="703023" spans="14:14">
      <c r="N703023" s="10"/>
    </row>
    <row r="703024" spans="14:14">
      <c r="N703024" s="10"/>
    </row>
    <row r="703025" spans="14:14">
      <c r="N703025" s="10"/>
    </row>
    <row r="703026" spans="14:14">
      <c r="N703026" s="10"/>
    </row>
    <row r="703027" spans="14:14">
      <c r="N703027" s="10"/>
    </row>
    <row r="703028" spans="14:14">
      <c r="N703028" s="10"/>
    </row>
    <row r="703029" spans="14:14">
      <c r="N703029" s="10"/>
    </row>
    <row r="703030" spans="14:14">
      <c r="N703030" s="10"/>
    </row>
    <row r="703031" spans="14:14">
      <c r="N703031" s="10"/>
    </row>
    <row r="703032" spans="14:14">
      <c r="N703032" s="10"/>
    </row>
    <row r="703033" spans="14:14">
      <c r="N703033" s="10"/>
    </row>
    <row r="703034" spans="14:14">
      <c r="N703034" s="10"/>
    </row>
    <row r="703035" spans="14:14">
      <c r="N703035" s="10"/>
    </row>
    <row r="703036" spans="14:14">
      <c r="N703036" s="10"/>
    </row>
    <row r="703037" spans="14:14">
      <c r="N703037" s="10"/>
    </row>
    <row r="703038" spans="14:14">
      <c r="N703038" s="10"/>
    </row>
    <row r="703039" spans="14:14">
      <c r="N703039" s="10"/>
    </row>
    <row r="703040" spans="14:14">
      <c r="N703040" s="10"/>
    </row>
    <row r="703041" spans="14:14">
      <c r="N703041" s="10"/>
    </row>
    <row r="703042" spans="14:14">
      <c r="N703042" s="10"/>
    </row>
    <row r="703043" spans="14:14">
      <c r="N703043" s="10"/>
    </row>
    <row r="703044" spans="14:14">
      <c r="N703044" s="10"/>
    </row>
    <row r="703045" spans="14:14">
      <c r="N703045" s="10"/>
    </row>
    <row r="703046" spans="14:14">
      <c r="N703046" s="10"/>
    </row>
    <row r="703047" spans="14:14">
      <c r="N703047" s="10"/>
    </row>
    <row r="703048" spans="14:14">
      <c r="N703048" s="10"/>
    </row>
    <row r="703049" spans="14:14">
      <c r="N703049" s="10"/>
    </row>
    <row r="703050" spans="14:14">
      <c r="N703050" s="10"/>
    </row>
    <row r="703051" spans="14:14">
      <c r="N703051" s="10"/>
    </row>
    <row r="703052" spans="14:14">
      <c r="N703052" s="10"/>
    </row>
    <row r="703053" spans="14:14">
      <c r="N703053" s="10"/>
    </row>
    <row r="703054" spans="14:14">
      <c r="N703054" s="10"/>
    </row>
    <row r="703055" spans="14:14">
      <c r="N703055" s="10"/>
    </row>
    <row r="703056" spans="14:14">
      <c r="N703056" s="10"/>
    </row>
    <row r="703057" spans="14:14">
      <c r="N703057" s="10"/>
    </row>
    <row r="703058" spans="14:14">
      <c r="N703058" s="10"/>
    </row>
    <row r="703059" spans="14:14">
      <c r="N703059" s="10"/>
    </row>
    <row r="703060" spans="14:14">
      <c r="N703060" s="10"/>
    </row>
    <row r="703061" spans="14:14">
      <c r="N703061" s="10"/>
    </row>
    <row r="703062" spans="14:14">
      <c r="N703062" s="10"/>
    </row>
    <row r="703063" spans="14:14">
      <c r="N703063" s="10"/>
    </row>
    <row r="703064" spans="14:14">
      <c r="N703064" s="10"/>
    </row>
    <row r="703065" spans="14:14">
      <c r="N703065" s="10"/>
    </row>
    <row r="703066" spans="14:14">
      <c r="N703066" s="10"/>
    </row>
    <row r="703067" spans="14:14">
      <c r="N703067" s="10"/>
    </row>
    <row r="703068" spans="14:14">
      <c r="N703068" s="10"/>
    </row>
    <row r="703069" spans="14:14">
      <c r="N703069" s="10"/>
    </row>
    <row r="703070" spans="14:14">
      <c r="N703070" s="10"/>
    </row>
    <row r="703071" spans="14:14">
      <c r="N703071" s="10"/>
    </row>
    <row r="703072" spans="14:14">
      <c r="N703072" s="10"/>
    </row>
    <row r="703073" spans="14:14">
      <c r="N703073" s="10"/>
    </row>
    <row r="703074" spans="14:14">
      <c r="N703074" s="10"/>
    </row>
    <row r="703075" spans="14:14">
      <c r="N703075" s="10"/>
    </row>
    <row r="703076" spans="14:14">
      <c r="N703076" s="10"/>
    </row>
    <row r="703077" spans="14:14">
      <c r="N703077" s="10"/>
    </row>
    <row r="703078" spans="14:14">
      <c r="N703078" s="10"/>
    </row>
    <row r="703079" spans="14:14">
      <c r="N703079" s="10"/>
    </row>
    <row r="703080" spans="14:14">
      <c r="N703080" s="10"/>
    </row>
    <row r="703081" spans="14:14">
      <c r="N703081" s="10"/>
    </row>
    <row r="703082" spans="14:14">
      <c r="N703082" s="10"/>
    </row>
    <row r="703083" spans="14:14">
      <c r="N703083" s="10"/>
    </row>
    <row r="703084" spans="14:14">
      <c r="N703084" s="10"/>
    </row>
    <row r="703085" spans="14:14">
      <c r="N703085" s="10"/>
    </row>
    <row r="703086" spans="14:14">
      <c r="N703086" s="10"/>
    </row>
    <row r="703087" spans="14:14">
      <c r="N703087" s="10"/>
    </row>
    <row r="703088" spans="14:14">
      <c r="N703088" s="10"/>
    </row>
    <row r="703089" spans="14:14">
      <c r="N703089" s="10"/>
    </row>
    <row r="703090" spans="14:14">
      <c r="N703090" s="10"/>
    </row>
    <row r="703091" spans="14:14">
      <c r="N703091" s="10"/>
    </row>
    <row r="703092" spans="14:14">
      <c r="N703092" s="10"/>
    </row>
    <row r="703093" spans="14:14">
      <c r="N703093" s="10"/>
    </row>
    <row r="703094" spans="14:14">
      <c r="N703094" s="10"/>
    </row>
    <row r="703095" spans="14:14">
      <c r="N703095" s="10"/>
    </row>
    <row r="703096" spans="14:14">
      <c r="N703096" s="10"/>
    </row>
    <row r="703097" spans="14:14">
      <c r="N703097" s="10"/>
    </row>
    <row r="703098" spans="14:14">
      <c r="N703098" s="10"/>
    </row>
    <row r="703099" spans="14:14">
      <c r="N703099" s="10"/>
    </row>
    <row r="703100" spans="14:14">
      <c r="N703100" s="10"/>
    </row>
    <row r="703101" spans="14:14">
      <c r="N703101" s="10"/>
    </row>
    <row r="703102" spans="14:14">
      <c r="N703102" s="10"/>
    </row>
    <row r="703103" spans="14:14">
      <c r="N703103" s="10"/>
    </row>
    <row r="703104" spans="14:14">
      <c r="N703104" s="10"/>
    </row>
    <row r="703105" spans="14:14">
      <c r="N703105" s="10"/>
    </row>
    <row r="703106" spans="14:14">
      <c r="N703106" s="10"/>
    </row>
    <row r="703107" spans="14:14">
      <c r="N703107" s="10"/>
    </row>
    <row r="703108" spans="14:14">
      <c r="N703108" s="10"/>
    </row>
    <row r="703109" spans="14:14">
      <c r="N703109" s="10"/>
    </row>
    <row r="703110" spans="14:14">
      <c r="N703110" s="10"/>
    </row>
    <row r="703111" spans="14:14">
      <c r="N703111" s="10"/>
    </row>
    <row r="703112" spans="14:14">
      <c r="N703112" s="10"/>
    </row>
    <row r="703113" spans="14:14">
      <c r="N703113" s="10"/>
    </row>
    <row r="703114" spans="14:14">
      <c r="N703114" s="10"/>
    </row>
    <row r="703115" spans="14:14">
      <c r="N703115" s="10"/>
    </row>
    <row r="703116" spans="14:14">
      <c r="N703116" s="10"/>
    </row>
    <row r="703117" spans="14:14">
      <c r="N703117" s="10"/>
    </row>
    <row r="703118" spans="14:14">
      <c r="N703118" s="10"/>
    </row>
    <row r="703119" spans="14:14">
      <c r="N703119" s="10"/>
    </row>
    <row r="703120" spans="14:14">
      <c r="N703120" s="10"/>
    </row>
    <row r="703121" spans="14:14">
      <c r="N703121" s="10"/>
    </row>
    <row r="703122" spans="14:14">
      <c r="N703122" s="10"/>
    </row>
    <row r="703123" spans="14:14">
      <c r="N703123" s="10"/>
    </row>
    <row r="703124" spans="14:14">
      <c r="N703124" s="10"/>
    </row>
    <row r="703125" spans="14:14">
      <c r="N703125" s="10"/>
    </row>
    <row r="703126" spans="14:14">
      <c r="N703126" s="10"/>
    </row>
    <row r="703127" spans="14:14">
      <c r="N703127" s="10"/>
    </row>
    <row r="703128" spans="14:14">
      <c r="N703128" s="10"/>
    </row>
    <row r="703129" spans="14:14">
      <c r="N703129" s="10"/>
    </row>
    <row r="703130" spans="14:14">
      <c r="N703130" s="10"/>
    </row>
    <row r="703131" spans="14:14">
      <c r="N703131" s="10"/>
    </row>
    <row r="703132" spans="14:14">
      <c r="N703132" s="10"/>
    </row>
    <row r="703133" spans="14:14">
      <c r="N703133" s="10"/>
    </row>
    <row r="703134" spans="14:14">
      <c r="N703134" s="10"/>
    </row>
    <row r="703135" spans="14:14">
      <c r="N703135" s="10"/>
    </row>
    <row r="703136" spans="14:14">
      <c r="N703136" s="10"/>
    </row>
    <row r="703137" spans="14:14">
      <c r="N703137" s="10"/>
    </row>
    <row r="703138" spans="14:14">
      <c r="N703138" s="10"/>
    </row>
    <row r="703139" spans="14:14">
      <c r="N703139" s="10"/>
    </row>
    <row r="703140" spans="14:14">
      <c r="N703140" s="10"/>
    </row>
    <row r="703141" spans="14:14">
      <c r="N703141" s="10"/>
    </row>
    <row r="703142" spans="14:14">
      <c r="N703142" s="10"/>
    </row>
    <row r="703143" spans="14:14">
      <c r="N703143" s="10"/>
    </row>
    <row r="703144" spans="14:14">
      <c r="N703144" s="10"/>
    </row>
    <row r="703145" spans="14:14">
      <c r="N703145" s="10"/>
    </row>
    <row r="703146" spans="14:14">
      <c r="N703146" s="10"/>
    </row>
    <row r="703147" spans="14:14">
      <c r="N703147" s="10"/>
    </row>
    <row r="703148" spans="14:14">
      <c r="N703148" s="10"/>
    </row>
    <row r="703149" spans="14:14">
      <c r="N703149" s="10"/>
    </row>
    <row r="703150" spans="14:14">
      <c r="N703150" s="10"/>
    </row>
    <row r="703151" spans="14:14">
      <c r="N703151" s="10"/>
    </row>
    <row r="703152" spans="14:14">
      <c r="N703152" s="10"/>
    </row>
    <row r="703153" spans="14:14">
      <c r="N703153" s="10"/>
    </row>
    <row r="703154" spans="14:14">
      <c r="N703154" s="10"/>
    </row>
    <row r="703155" spans="14:14">
      <c r="N703155" s="10"/>
    </row>
    <row r="703156" spans="14:14">
      <c r="N703156" s="10"/>
    </row>
    <row r="703157" spans="14:14">
      <c r="N703157" s="10"/>
    </row>
    <row r="703158" spans="14:14">
      <c r="N703158" s="10"/>
    </row>
    <row r="703159" spans="14:14">
      <c r="N703159" s="10"/>
    </row>
    <row r="703160" spans="14:14">
      <c r="N703160" s="10"/>
    </row>
    <row r="703161" spans="14:14">
      <c r="N703161" s="10"/>
    </row>
    <row r="703162" spans="14:14">
      <c r="N703162" s="10"/>
    </row>
    <row r="703163" spans="14:14">
      <c r="N703163" s="10"/>
    </row>
    <row r="703164" spans="14:14">
      <c r="N703164" s="10"/>
    </row>
    <row r="703165" spans="14:14">
      <c r="N703165" s="10"/>
    </row>
    <row r="703166" spans="14:14">
      <c r="N703166" s="10"/>
    </row>
    <row r="703167" spans="14:14">
      <c r="N703167" s="10"/>
    </row>
    <row r="703168" spans="14:14">
      <c r="N703168" s="10"/>
    </row>
    <row r="703169" spans="14:14">
      <c r="N703169" s="10"/>
    </row>
    <row r="703170" spans="14:14">
      <c r="N703170" s="10"/>
    </row>
    <row r="703171" spans="14:14">
      <c r="N703171" s="10"/>
    </row>
    <row r="703172" spans="14:14">
      <c r="N703172" s="10"/>
    </row>
    <row r="703173" spans="14:14">
      <c r="N703173" s="10"/>
    </row>
    <row r="703174" spans="14:14">
      <c r="N703174" s="10"/>
    </row>
    <row r="703175" spans="14:14">
      <c r="N703175" s="10"/>
    </row>
    <row r="703176" spans="14:14">
      <c r="N703176" s="10"/>
    </row>
    <row r="703177" spans="14:14">
      <c r="N703177" s="10"/>
    </row>
    <row r="703178" spans="14:14">
      <c r="N703178" s="10"/>
    </row>
    <row r="703179" spans="14:14">
      <c r="N703179" s="10"/>
    </row>
    <row r="703180" spans="14:14">
      <c r="N703180" s="10"/>
    </row>
    <row r="703181" spans="14:14">
      <c r="N703181" s="10"/>
    </row>
    <row r="703182" spans="14:14">
      <c r="N703182" s="10"/>
    </row>
    <row r="703183" spans="14:14">
      <c r="N703183" s="10"/>
    </row>
    <row r="703184" spans="14:14">
      <c r="N703184" s="10"/>
    </row>
    <row r="703185" spans="14:14">
      <c r="N703185" s="10"/>
    </row>
    <row r="703186" spans="14:14">
      <c r="N703186" s="10"/>
    </row>
    <row r="703187" spans="14:14">
      <c r="N703187" s="10"/>
    </row>
    <row r="703188" spans="14:14">
      <c r="N703188" s="10"/>
    </row>
    <row r="703189" spans="14:14">
      <c r="N703189" s="10"/>
    </row>
    <row r="703190" spans="14:14">
      <c r="N703190" s="10"/>
    </row>
    <row r="703191" spans="14:14">
      <c r="N703191" s="10"/>
    </row>
    <row r="703192" spans="14:14">
      <c r="N703192" s="10"/>
    </row>
    <row r="703193" spans="14:14">
      <c r="N703193" s="10"/>
    </row>
    <row r="703194" spans="14:14">
      <c r="N703194" s="10"/>
    </row>
    <row r="703195" spans="14:14">
      <c r="N703195" s="10"/>
    </row>
    <row r="703196" spans="14:14">
      <c r="N703196" s="10"/>
    </row>
    <row r="703197" spans="14:14">
      <c r="N703197" s="10"/>
    </row>
    <row r="703198" spans="14:14">
      <c r="N703198" s="10"/>
    </row>
    <row r="703199" spans="14:14">
      <c r="N703199" s="10"/>
    </row>
    <row r="703200" spans="14:14">
      <c r="N703200" s="10"/>
    </row>
    <row r="703201" spans="14:14">
      <c r="N703201" s="10"/>
    </row>
    <row r="703202" spans="14:14">
      <c r="N703202" s="10"/>
    </row>
    <row r="703203" spans="14:14">
      <c r="N703203" s="10"/>
    </row>
    <row r="703204" spans="14:14">
      <c r="N703204" s="10"/>
    </row>
    <row r="703205" spans="14:14">
      <c r="N703205" s="10"/>
    </row>
    <row r="703206" spans="14:14">
      <c r="N703206" s="10"/>
    </row>
    <row r="703207" spans="14:14">
      <c r="N703207" s="10"/>
    </row>
    <row r="703208" spans="14:14">
      <c r="N703208" s="10"/>
    </row>
    <row r="703209" spans="14:14">
      <c r="N703209" s="10"/>
    </row>
    <row r="703210" spans="14:14">
      <c r="N703210" s="10"/>
    </row>
    <row r="703211" spans="14:14">
      <c r="N703211" s="10"/>
    </row>
    <row r="703212" spans="14:14">
      <c r="N703212" s="10"/>
    </row>
    <row r="703213" spans="14:14">
      <c r="N703213" s="10"/>
    </row>
    <row r="703214" spans="14:14">
      <c r="N703214" s="10"/>
    </row>
    <row r="703215" spans="14:14">
      <c r="N703215" s="10"/>
    </row>
    <row r="703216" spans="14:14">
      <c r="N703216" s="10"/>
    </row>
    <row r="703217" spans="14:14">
      <c r="N703217" s="10"/>
    </row>
    <row r="703218" spans="14:14">
      <c r="N703218" s="10"/>
    </row>
    <row r="703219" spans="14:14">
      <c r="N703219" s="10"/>
    </row>
    <row r="703220" spans="14:14">
      <c r="N703220" s="10"/>
    </row>
    <row r="703221" spans="14:14">
      <c r="N703221" s="10"/>
    </row>
    <row r="703222" spans="14:14">
      <c r="N703222" s="10"/>
    </row>
    <row r="703223" spans="14:14">
      <c r="N703223" s="10"/>
    </row>
    <row r="703224" spans="14:14">
      <c r="N703224" s="10"/>
    </row>
    <row r="703225" spans="14:14">
      <c r="N703225" s="10"/>
    </row>
    <row r="703226" spans="14:14">
      <c r="N703226" s="10"/>
    </row>
    <row r="703227" spans="14:14">
      <c r="N703227" s="10"/>
    </row>
    <row r="703228" spans="14:14">
      <c r="N703228" s="10"/>
    </row>
    <row r="703229" spans="14:14">
      <c r="N703229" s="10"/>
    </row>
    <row r="703230" spans="14:14">
      <c r="N703230" s="10"/>
    </row>
    <row r="703231" spans="14:14">
      <c r="N703231" s="10"/>
    </row>
    <row r="703232" spans="14:14">
      <c r="N703232" s="10"/>
    </row>
    <row r="703233" spans="14:14">
      <c r="N703233" s="10"/>
    </row>
    <row r="703234" spans="14:14">
      <c r="N703234" s="10"/>
    </row>
    <row r="703235" spans="14:14">
      <c r="N703235" s="10"/>
    </row>
    <row r="703236" spans="14:14">
      <c r="N703236" s="10"/>
    </row>
    <row r="703237" spans="14:14">
      <c r="N703237" s="10"/>
    </row>
    <row r="703238" spans="14:14">
      <c r="N703238" s="10"/>
    </row>
    <row r="703239" spans="14:14">
      <c r="N703239" s="10"/>
    </row>
    <row r="703240" spans="14:14">
      <c r="N703240" s="10"/>
    </row>
    <row r="703241" spans="14:14">
      <c r="N703241" s="10"/>
    </row>
    <row r="703242" spans="14:14">
      <c r="N703242" s="10"/>
    </row>
    <row r="703243" spans="14:14">
      <c r="N703243" s="10"/>
    </row>
    <row r="703244" spans="14:14">
      <c r="N703244" s="10"/>
    </row>
    <row r="703245" spans="14:14">
      <c r="N703245" s="10"/>
    </row>
    <row r="703246" spans="14:14">
      <c r="N703246" s="10"/>
    </row>
    <row r="703247" spans="14:14">
      <c r="N703247" s="10"/>
    </row>
    <row r="703248" spans="14:14">
      <c r="N703248" s="10"/>
    </row>
    <row r="703249" spans="14:14">
      <c r="N703249" s="10"/>
    </row>
    <row r="703250" spans="14:14">
      <c r="N703250" s="10"/>
    </row>
    <row r="703251" spans="14:14">
      <c r="N703251" s="10"/>
    </row>
    <row r="703252" spans="14:14">
      <c r="N703252" s="10"/>
    </row>
    <row r="703253" spans="14:14">
      <c r="N703253" s="10"/>
    </row>
    <row r="703254" spans="14:14">
      <c r="N703254" s="10"/>
    </row>
    <row r="703255" spans="14:14">
      <c r="N703255" s="10"/>
    </row>
    <row r="703256" spans="14:14">
      <c r="N703256" s="10"/>
    </row>
    <row r="703257" spans="14:14">
      <c r="N703257" s="10"/>
    </row>
    <row r="703258" spans="14:14">
      <c r="N703258" s="10"/>
    </row>
    <row r="703259" spans="14:14">
      <c r="N703259" s="10"/>
    </row>
    <row r="703260" spans="14:14">
      <c r="N703260" s="10"/>
    </row>
    <row r="703261" spans="14:14">
      <c r="N703261" s="10"/>
    </row>
    <row r="703262" spans="14:14">
      <c r="N703262" s="10"/>
    </row>
    <row r="703263" spans="14:14">
      <c r="N703263" s="10"/>
    </row>
    <row r="703264" spans="14:14">
      <c r="N703264" s="10"/>
    </row>
    <row r="703265" spans="14:14">
      <c r="N703265" s="10"/>
    </row>
    <row r="703266" spans="14:14">
      <c r="N703266" s="10"/>
    </row>
    <row r="703267" spans="14:14">
      <c r="N703267" s="10"/>
    </row>
    <row r="703268" spans="14:14">
      <c r="N703268" s="10"/>
    </row>
    <row r="703269" spans="14:14">
      <c r="N703269" s="10"/>
    </row>
    <row r="703270" spans="14:14">
      <c r="N703270" s="10"/>
    </row>
    <row r="703271" spans="14:14">
      <c r="N703271" s="10"/>
    </row>
    <row r="703272" spans="14:14">
      <c r="N703272" s="10"/>
    </row>
    <row r="703273" spans="14:14">
      <c r="N703273" s="10"/>
    </row>
    <row r="703274" spans="14:14">
      <c r="N703274" s="10"/>
    </row>
    <row r="703275" spans="14:14">
      <c r="N703275" s="10"/>
    </row>
    <row r="703276" spans="14:14">
      <c r="N703276" s="10"/>
    </row>
    <row r="703277" spans="14:14">
      <c r="N703277" s="10"/>
    </row>
    <row r="703278" spans="14:14">
      <c r="N703278" s="10"/>
    </row>
    <row r="703279" spans="14:14">
      <c r="N703279" s="10"/>
    </row>
    <row r="703280" spans="14:14">
      <c r="N703280" s="10"/>
    </row>
    <row r="703281" spans="14:14">
      <c r="N703281" s="10"/>
    </row>
    <row r="703282" spans="14:14">
      <c r="N703282" s="10"/>
    </row>
    <row r="703283" spans="14:14">
      <c r="N703283" s="10"/>
    </row>
    <row r="703284" spans="14:14">
      <c r="N703284" s="10"/>
    </row>
    <row r="703285" spans="14:14">
      <c r="N703285" s="10"/>
    </row>
    <row r="703286" spans="14:14">
      <c r="N703286" s="10"/>
    </row>
    <row r="703287" spans="14:14">
      <c r="N703287" s="10"/>
    </row>
    <row r="703288" spans="14:14">
      <c r="N703288" s="10"/>
    </row>
    <row r="703289" spans="14:14">
      <c r="N703289" s="10"/>
    </row>
    <row r="703290" spans="14:14">
      <c r="N703290" s="10"/>
    </row>
    <row r="703291" spans="14:14">
      <c r="N703291" s="10"/>
    </row>
    <row r="703292" spans="14:14">
      <c r="N703292" s="10"/>
    </row>
    <row r="703293" spans="14:14">
      <c r="N703293" s="10"/>
    </row>
    <row r="703294" spans="14:14">
      <c r="N703294" s="10"/>
    </row>
    <row r="703295" spans="14:14">
      <c r="N703295" s="10"/>
    </row>
    <row r="703296" spans="14:14">
      <c r="N703296" s="10"/>
    </row>
    <row r="703297" spans="14:14">
      <c r="N703297" s="10"/>
    </row>
    <row r="703298" spans="14:14">
      <c r="N703298" s="10"/>
    </row>
    <row r="703299" spans="14:14">
      <c r="N703299" s="10"/>
    </row>
    <row r="703300" spans="14:14">
      <c r="N703300" s="10"/>
    </row>
    <row r="703301" spans="14:14">
      <c r="N703301" s="10"/>
    </row>
    <row r="703302" spans="14:14">
      <c r="N703302" s="10"/>
    </row>
    <row r="703303" spans="14:14">
      <c r="N703303" s="10"/>
    </row>
    <row r="703304" spans="14:14">
      <c r="N703304" s="10"/>
    </row>
    <row r="703305" spans="14:14">
      <c r="N703305" s="10"/>
    </row>
    <row r="703306" spans="14:14">
      <c r="N703306" s="10"/>
    </row>
    <row r="703307" spans="14:14">
      <c r="N703307" s="10"/>
    </row>
    <row r="703308" spans="14:14">
      <c r="N703308" s="10"/>
    </row>
    <row r="703309" spans="14:14">
      <c r="N703309" s="10"/>
    </row>
    <row r="703310" spans="14:14">
      <c r="N703310" s="10"/>
    </row>
    <row r="703311" spans="14:14">
      <c r="N703311" s="10"/>
    </row>
    <row r="703312" spans="14:14">
      <c r="N703312" s="10"/>
    </row>
    <row r="703313" spans="14:14">
      <c r="N703313" s="10"/>
    </row>
    <row r="703314" spans="14:14">
      <c r="N703314" s="10"/>
    </row>
    <row r="703315" spans="14:14">
      <c r="N703315" s="10"/>
    </row>
    <row r="703316" spans="14:14">
      <c r="N703316" s="10"/>
    </row>
    <row r="703317" spans="14:14">
      <c r="N703317" s="10"/>
    </row>
    <row r="703318" spans="14:14">
      <c r="N703318" s="10"/>
    </row>
    <row r="703319" spans="14:14">
      <c r="N703319" s="10"/>
    </row>
    <row r="703320" spans="14:14">
      <c r="N703320" s="10"/>
    </row>
    <row r="703321" spans="14:14">
      <c r="N703321" s="10"/>
    </row>
    <row r="703322" spans="14:14">
      <c r="N703322" s="10"/>
    </row>
    <row r="703323" spans="14:14">
      <c r="N703323" s="10"/>
    </row>
    <row r="703324" spans="14:14">
      <c r="N703324" s="10"/>
    </row>
    <row r="703325" spans="14:14">
      <c r="N703325" s="10"/>
    </row>
    <row r="703326" spans="14:14">
      <c r="N703326" s="10"/>
    </row>
    <row r="703327" spans="14:14">
      <c r="N703327" s="10"/>
    </row>
    <row r="703328" spans="14:14">
      <c r="N703328" s="10"/>
    </row>
    <row r="703329" spans="14:14">
      <c r="N703329" s="10"/>
    </row>
    <row r="703330" spans="14:14">
      <c r="N703330" s="10"/>
    </row>
    <row r="703331" spans="14:14">
      <c r="N703331" s="10"/>
    </row>
    <row r="703332" spans="14:14">
      <c r="N703332" s="10"/>
    </row>
    <row r="703333" spans="14:14">
      <c r="N703333" s="10"/>
    </row>
    <row r="703334" spans="14:14">
      <c r="N703334" s="10"/>
    </row>
    <row r="703335" spans="14:14">
      <c r="N703335" s="10"/>
    </row>
    <row r="703336" spans="14:14">
      <c r="N703336" s="10"/>
    </row>
    <row r="703337" spans="14:14">
      <c r="N703337" s="10"/>
    </row>
    <row r="703338" spans="14:14">
      <c r="N703338" s="10"/>
    </row>
    <row r="703339" spans="14:14">
      <c r="N703339" s="10"/>
    </row>
    <row r="703340" spans="14:14">
      <c r="N703340" s="10"/>
    </row>
    <row r="703341" spans="14:14">
      <c r="N703341" s="10"/>
    </row>
    <row r="703342" spans="14:14">
      <c r="N703342" s="10"/>
    </row>
    <row r="703343" spans="14:14">
      <c r="N703343" s="10"/>
    </row>
    <row r="703344" spans="14:14">
      <c r="N703344" s="10"/>
    </row>
    <row r="703345" spans="14:14">
      <c r="N703345" s="10"/>
    </row>
    <row r="703346" spans="14:14">
      <c r="N703346" s="10"/>
    </row>
    <row r="703347" spans="14:14">
      <c r="N703347" s="10"/>
    </row>
    <row r="703348" spans="14:14">
      <c r="N703348" s="10"/>
    </row>
    <row r="703349" spans="14:14">
      <c r="N703349" s="10"/>
    </row>
    <row r="703350" spans="14:14">
      <c r="N703350" s="10"/>
    </row>
    <row r="703351" spans="14:14">
      <c r="N703351" s="10"/>
    </row>
    <row r="703352" spans="14:14">
      <c r="N703352" s="10"/>
    </row>
    <row r="703353" spans="14:14">
      <c r="N703353" s="10"/>
    </row>
    <row r="703354" spans="14:14">
      <c r="N703354" s="10"/>
    </row>
    <row r="703355" spans="14:14">
      <c r="N703355" s="10"/>
    </row>
    <row r="703356" spans="14:14">
      <c r="N703356" s="10"/>
    </row>
    <row r="703357" spans="14:14">
      <c r="N703357" s="10"/>
    </row>
    <row r="703358" spans="14:14">
      <c r="N703358" s="10"/>
    </row>
    <row r="703359" spans="14:14">
      <c r="N703359" s="10"/>
    </row>
    <row r="703360" spans="14:14">
      <c r="N703360" s="10"/>
    </row>
    <row r="703361" spans="14:14">
      <c r="N703361" s="10"/>
    </row>
    <row r="703362" spans="14:14">
      <c r="N703362" s="10"/>
    </row>
    <row r="703363" spans="14:14">
      <c r="N703363" s="10"/>
    </row>
    <row r="703364" spans="14:14">
      <c r="N703364" s="10"/>
    </row>
    <row r="703365" spans="14:14">
      <c r="N703365" s="10"/>
    </row>
    <row r="703366" spans="14:14">
      <c r="N703366" s="10"/>
    </row>
    <row r="703367" spans="14:14">
      <c r="N703367" s="10"/>
    </row>
    <row r="703368" spans="14:14">
      <c r="N703368" s="10"/>
    </row>
    <row r="703369" spans="14:14">
      <c r="N703369" s="10"/>
    </row>
    <row r="703370" spans="14:14">
      <c r="N703370" s="10"/>
    </row>
    <row r="703371" spans="14:14">
      <c r="N703371" s="10"/>
    </row>
    <row r="703372" spans="14:14">
      <c r="N703372" s="10"/>
    </row>
    <row r="703373" spans="14:14">
      <c r="N703373" s="10"/>
    </row>
    <row r="703374" spans="14:14">
      <c r="N703374" s="10"/>
    </row>
    <row r="703375" spans="14:14">
      <c r="N703375" s="10"/>
    </row>
    <row r="703376" spans="14:14">
      <c r="N703376" s="10"/>
    </row>
    <row r="703377" spans="14:14">
      <c r="N703377" s="10"/>
    </row>
    <row r="703378" spans="14:14">
      <c r="N703378" s="10"/>
    </row>
    <row r="703379" spans="14:14">
      <c r="N703379" s="10"/>
    </row>
    <row r="703380" spans="14:14">
      <c r="N703380" s="10"/>
    </row>
    <row r="703381" spans="14:14">
      <c r="N703381" s="10"/>
    </row>
    <row r="703382" spans="14:14">
      <c r="N703382" s="10"/>
    </row>
    <row r="703383" spans="14:14">
      <c r="N703383" s="10"/>
    </row>
    <row r="703384" spans="14:14">
      <c r="N703384" s="10"/>
    </row>
    <row r="703385" spans="14:14">
      <c r="N703385" s="10"/>
    </row>
    <row r="703386" spans="14:14">
      <c r="N703386" s="10"/>
    </row>
    <row r="703387" spans="14:14">
      <c r="N703387" s="10"/>
    </row>
    <row r="703388" spans="14:14">
      <c r="N703388" s="10"/>
    </row>
    <row r="703389" spans="14:14">
      <c r="N703389" s="10"/>
    </row>
    <row r="703390" spans="14:14">
      <c r="N703390" s="10"/>
    </row>
    <row r="703391" spans="14:14">
      <c r="N703391" s="10"/>
    </row>
    <row r="703392" spans="14:14">
      <c r="N703392" s="10"/>
    </row>
    <row r="703393" spans="14:14">
      <c r="N703393" s="10"/>
    </row>
    <row r="703394" spans="14:14">
      <c r="N703394" s="10"/>
    </row>
    <row r="703395" spans="14:14">
      <c r="N703395" s="10"/>
    </row>
    <row r="703396" spans="14:14">
      <c r="N703396" s="10"/>
    </row>
    <row r="703397" spans="14:14">
      <c r="N703397" s="10"/>
    </row>
    <row r="703398" spans="14:14">
      <c r="N703398" s="10"/>
    </row>
    <row r="703399" spans="14:14">
      <c r="N703399" s="10"/>
    </row>
    <row r="703400" spans="14:14">
      <c r="N703400" s="10"/>
    </row>
    <row r="703401" spans="14:14">
      <c r="N703401" s="10"/>
    </row>
    <row r="703402" spans="14:14">
      <c r="N703402" s="10"/>
    </row>
    <row r="703403" spans="14:14">
      <c r="N703403" s="10"/>
    </row>
    <row r="703404" spans="14:14">
      <c r="N703404" s="10"/>
    </row>
    <row r="703405" spans="14:14">
      <c r="N703405" s="10"/>
    </row>
    <row r="703406" spans="14:14">
      <c r="N703406" s="10"/>
    </row>
    <row r="703407" spans="14:14">
      <c r="N703407" s="10"/>
    </row>
    <row r="703408" spans="14:14">
      <c r="N703408" s="10"/>
    </row>
    <row r="703409" spans="14:14">
      <c r="N703409" s="10"/>
    </row>
    <row r="703410" spans="14:14">
      <c r="N703410" s="10"/>
    </row>
    <row r="703411" spans="14:14">
      <c r="N703411" s="10"/>
    </row>
    <row r="703412" spans="14:14">
      <c r="N703412" s="10"/>
    </row>
    <row r="703413" spans="14:14">
      <c r="N703413" s="10"/>
    </row>
    <row r="703414" spans="14:14">
      <c r="N703414" s="10"/>
    </row>
    <row r="703415" spans="14:14">
      <c r="N703415" s="10"/>
    </row>
    <row r="703416" spans="14:14">
      <c r="N703416" s="10"/>
    </row>
    <row r="703417" spans="14:14">
      <c r="N703417" s="10"/>
    </row>
    <row r="703418" spans="14:14">
      <c r="N703418" s="10"/>
    </row>
    <row r="703419" spans="14:14">
      <c r="N703419" s="10"/>
    </row>
    <row r="703420" spans="14:14">
      <c r="N703420" s="10"/>
    </row>
    <row r="703421" spans="14:14">
      <c r="N703421" s="10"/>
    </row>
    <row r="703422" spans="14:14">
      <c r="N703422" s="10"/>
    </row>
    <row r="703423" spans="14:14">
      <c r="N703423" s="10"/>
    </row>
    <row r="703424" spans="14:14">
      <c r="N703424" s="10"/>
    </row>
    <row r="703425" spans="14:14">
      <c r="N703425" s="10"/>
    </row>
    <row r="703426" spans="14:14">
      <c r="N703426" s="10"/>
    </row>
    <row r="703427" spans="14:14">
      <c r="N703427" s="10"/>
    </row>
    <row r="703428" spans="14:14">
      <c r="N703428" s="10"/>
    </row>
    <row r="703429" spans="14:14">
      <c r="N703429" s="10"/>
    </row>
    <row r="703430" spans="14:14">
      <c r="N703430" s="10"/>
    </row>
    <row r="703431" spans="14:14">
      <c r="N703431" s="10"/>
    </row>
    <row r="703432" spans="14:14">
      <c r="N703432" s="10"/>
    </row>
    <row r="703433" spans="14:14">
      <c r="N703433" s="10"/>
    </row>
    <row r="703434" spans="14:14">
      <c r="N703434" s="10"/>
    </row>
    <row r="703435" spans="14:14">
      <c r="N703435" s="10"/>
    </row>
    <row r="703436" spans="14:14">
      <c r="N703436" s="10"/>
    </row>
    <row r="703437" spans="14:14">
      <c r="N703437" s="10"/>
    </row>
    <row r="703438" spans="14:14">
      <c r="N703438" s="10"/>
    </row>
    <row r="703439" spans="14:14">
      <c r="N703439" s="10"/>
    </row>
    <row r="703440" spans="14:14">
      <c r="N703440" s="10"/>
    </row>
    <row r="703441" spans="14:14">
      <c r="N703441" s="10"/>
    </row>
    <row r="703442" spans="14:14">
      <c r="N703442" s="10"/>
    </row>
    <row r="703443" spans="14:14">
      <c r="N703443" s="10"/>
    </row>
    <row r="703444" spans="14:14">
      <c r="N703444" s="10"/>
    </row>
    <row r="703445" spans="14:14">
      <c r="N703445" s="10"/>
    </row>
    <row r="703446" spans="14:14">
      <c r="N703446" s="10"/>
    </row>
    <row r="703447" spans="14:14">
      <c r="N703447" s="10"/>
    </row>
    <row r="703448" spans="14:14">
      <c r="N703448" s="10"/>
    </row>
    <row r="703449" spans="14:14">
      <c r="N703449" s="10"/>
    </row>
    <row r="703450" spans="14:14">
      <c r="N703450" s="10"/>
    </row>
    <row r="703451" spans="14:14">
      <c r="N703451" s="10"/>
    </row>
    <row r="703452" spans="14:14">
      <c r="N703452" s="10"/>
    </row>
    <row r="703453" spans="14:14">
      <c r="N703453" s="10"/>
    </row>
    <row r="703454" spans="14:14">
      <c r="N703454" s="10"/>
    </row>
    <row r="703455" spans="14:14">
      <c r="N703455" s="10"/>
    </row>
    <row r="703456" spans="14:14">
      <c r="N703456" s="10"/>
    </row>
    <row r="703457" spans="14:14">
      <c r="N703457" s="10"/>
    </row>
    <row r="703458" spans="14:14">
      <c r="N703458" s="10"/>
    </row>
    <row r="703459" spans="14:14">
      <c r="N703459" s="10"/>
    </row>
    <row r="703460" spans="14:14">
      <c r="N703460" s="10"/>
    </row>
    <row r="703461" spans="14:14">
      <c r="N703461" s="10"/>
    </row>
    <row r="703462" spans="14:14">
      <c r="N703462" s="10"/>
    </row>
    <row r="703463" spans="14:14">
      <c r="N703463" s="10"/>
    </row>
    <row r="703464" spans="14:14">
      <c r="N703464" s="10"/>
    </row>
    <row r="703465" spans="14:14">
      <c r="N703465" s="10"/>
    </row>
    <row r="703466" spans="14:14">
      <c r="N703466" s="10"/>
    </row>
    <row r="703467" spans="14:14">
      <c r="N703467" s="10"/>
    </row>
    <row r="703468" spans="14:14">
      <c r="N703468" s="10"/>
    </row>
    <row r="703469" spans="14:14">
      <c r="N703469" s="10"/>
    </row>
    <row r="703470" spans="14:14">
      <c r="N703470" s="10"/>
    </row>
    <row r="703471" spans="14:14">
      <c r="N703471" s="10"/>
    </row>
    <row r="703472" spans="14:14">
      <c r="N703472" s="10"/>
    </row>
    <row r="703473" spans="14:14">
      <c r="N703473" s="10"/>
    </row>
    <row r="703474" spans="14:14">
      <c r="N703474" s="10"/>
    </row>
    <row r="703475" spans="14:14">
      <c r="N703475" s="10"/>
    </row>
    <row r="703476" spans="14:14">
      <c r="N703476" s="10"/>
    </row>
    <row r="703477" spans="14:14">
      <c r="N703477" s="10"/>
    </row>
    <row r="703478" spans="14:14">
      <c r="N703478" s="10"/>
    </row>
    <row r="703479" spans="14:14">
      <c r="N703479" s="10"/>
    </row>
    <row r="703480" spans="14:14">
      <c r="N703480" s="10"/>
    </row>
    <row r="703481" spans="14:14">
      <c r="N703481" s="10"/>
    </row>
    <row r="703482" spans="14:14">
      <c r="N703482" s="10"/>
    </row>
    <row r="703483" spans="14:14">
      <c r="N703483" s="10"/>
    </row>
    <row r="703484" spans="14:14">
      <c r="N703484" s="10"/>
    </row>
    <row r="703485" spans="14:14">
      <c r="N703485" s="10"/>
    </row>
    <row r="703486" spans="14:14">
      <c r="N703486" s="10"/>
    </row>
    <row r="703487" spans="14:14">
      <c r="N703487" s="10"/>
    </row>
    <row r="703488" spans="14:14">
      <c r="N703488" s="10"/>
    </row>
    <row r="703489" spans="14:14">
      <c r="N703489" s="10"/>
    </row>
    <row r="703490" spans="14:14">
      <c r="N703490" s="10"/>
    </row>
    <row r="703491" spans="14:14">
      <c r="N703491" s="10"/>
    </row>
    <row r="703492" spans="14:14">
      <c r="N703492" s="10"/>
    </row>
    <row r="703493" spans="14:14">
      <c r="N703493" s="10"/>
    </row>
    <row r="703494" spans="14:14">
      <c r="N703494" s="10"/>
    </row>
    <row r="703495" spans="14:14">
      <c r="N703495" s="10"/>
    </row>
    <row r="703496" spans="14:14">
      <c r="N703496" s="10"/>
    </row>
    <row r="703497" spans="14:14">
      <c r="N703497" s="10"/>
    </row>
    <row r="703498" spans="14:14">
      <c r="N703498" s="10"/>
    </row>
    <row r="703499" spans="14:14">
      <c r="N703499" s="10"/>
    </row>
    <row r="703500" spans="14:14">
      <c r="N703500" s="10"/>
    </row>
    <row r="703501" spans="14:14">
      <c r="N703501" s="10"/>
    </row>
    <row r="703502" spans="14:14">
      <c r="N703502" s="10"/>
    </row>
    <row r="703503" spans="14:14">
      <c r="N703503" s="10"/>
    </row>
    <row r="703504" spans="14:14">
      <c r="N703504" s="10"/>
    </row>
    <row r="703505" spans="14:14">
      <c r="N703505" s="10"/>
    </row>
    <row r="703506" spans="14:14">
      <c r="N703506" s="10"/>
    </row>
    <row r="703507" spans="14:14">
      <c r="N703507" s="10"/>
    </row>
    <row r="703508" spans="14:14">
      <c r="N703508" s="10"/>
    </row>
    <row r="703509" spans="14:14">
      <c r="N703509" s="10"/>
    </row>
    <row r="703510" spans="14:14">
      <c r="N703510" s="10"/>
    </row>
    <row r="703511" spans="14:14">
      <c r="N703511" s="10"/>
    </row>
    <row r="703512" spans="14:14">
      <c r="N703512" s="10"/>
    </row>
    <row r="703513" spans="14:14">
      <c r="N703513" s="10"/>
    </row>
    <row r="703514" spans="14:14">
      <c r="N703514" s="10"/>
    </row>
    <row r="703515" spans="14:14">
      <c r="N703515" s="10"/>
    </row>
    <row r="703516" spans="14:14">
      <c r="N703516" s="10"/>
    </row>
    <row r="703517" spans="14:14">
      <c r="N703517" s="10"/>
    </row>
    <row r="703518" spans="14:14">
      <c r="N703518" s="10"/>
    </row>
    <row r="703519" spans="14:14">
      <c r="N703519" s="10"/>
    </row>
    <row r="703520" spans="14:14">
      <c r="N703520" s="10"/>
    </row>
    <row r="703521" spans="14:14">
      <c r="N703521" s="10"/>
    </row>
    <row r="703522" spans="14:14">
      <c r="N703522" s="10"/>
    </row>
    <row r="703523" spans="14:14">
      <c r="N703523" s="10"/>
    </row>
    <row r="703524" spans="14:14">
      <c r="N703524" s="10"/>
    </row>
    <row r="703525" spans="14:14">
      <c r="N703525" s="10"/>
    </row>
    <row r="703526" spans="14:14">
      <c r="N703526" s="10"/>
    </row>
    <row r="703527" spans="14:14">
      <c r="N703527" s="10"/>
    </row>
    <row r="703528" spans="14:14">
      <c r="N703528" s="10"/>
    </row>
    <row r="703529" spans="14:14">
      <c r="N703529" s="10"/>
    </row>
    <row r="703530" spans="14:14">
      <c r="N703530" s="10"/>
    </row>
    <row r="703531" spans="14:14">
      <c r="N703531" s="10"/>
    </row>
    <row r="703532" spans="14:14">
      <c r="N703532" s="10"/>
    </row>
    <row r="703533" spans="14:14">
      <c r="N703533" s="10"/>
    </row>
    <row r="703534" spans="14:14">
      <c r="N703534" s="10"/>
    </row>
    <row r="703535" spans="14:14">
      <c r="N703535" s="10"/>
    </row>
    <row r="703536" spans="14:14">
      <c r="N703536" s="10"/>
    </row>
    <row r="703537" spans="14:14">
      <c r="N703537" s="10"/>
    </row>
    <row r="703538" spans="14:14">
      <c r="N703538" s="10"/>
    </row>
    <row r="703539" spans="14:14">
      <c r="N703539" s="10"/>
    </row>
    <row r="703540" spans="14:14">
      <c r="N703540" s="10"/>
    </row>
    <row r="703541" spans="14:14">
      <c r="N703541" s="10"/>
    </row>
    <row r="703542" spans="14:14">
      <c r="N703542" s="10"/>
    </row>
    <row r="703543" spans="14:14">
      <c r="N703543" s="10"/>
    </row>
    <row r="703544" spans="14:14">
      <c r="N703544" s="10"/>
    </row>
    <row r="703545" spans="14:14">
      <c r="N703545" s="10"/>
    </row>
    <row r="703546" spans="14:14">
      <c r="N703546" s="10"/>
    </row>
    <row r="703547" spans="14:14">
      <c r="N703547" s="10"/>
    </row>
    <row r="703548" spans="14:14">
      <c r="N703548" s="10"/>
    </row>
    <row r="703549" spans="14:14">
      <c r="N703549" s="10"/>
    </row>
    <row r="703550" spans="14:14">
      <c r="N703550" s="10"/>
    </row>
    <row r="703551" spans="14:14">
      <c r="N703551" s="10"/>
    </row>
    <row r="703552" spans="14:14">
      <c r="N703552" s="10"/>
    </row>
    <row r="703553" spans="14:14">
      <c r="N703553" s="10"/>
    </row>
    <row r="703554" spans="14:14">
      <c r="N703554" s="10"/>
    </row>
    <row r="703555" spans="14:14">
      <c r="N703555" s="10"/>
    </row>
    <row r="703556" spans="14:14">
      <c r="N703556" s="10"/>
    </row>
    <row r="703557" spans="14:14">
      <c r="N703557" s="10"/>
    </row>
    <row r="703558" spans="14:14">
      <c r="N703558" s="10"/>
    </row>
    <row r="703559" spans="14:14">
      <c r="N703559" s="10"/>
    </row>
    <row r="703560" spans="14:14">
      <c r="N703560" s="10"/>
    </row>
    <row r="703561" spans="14:14">
      <c r="N703561" s="10"/>
    </row>
    <row r="703562" spans="14:14">
      <c r="N703562" s="10"/>
    </row>
    <row r="703563" spans="14:14">
      <c r="N703563" s="10"/>
    </row>
    <row r="703564" spans="14:14">
      <c r="N703564" s="10"/>
    </row>
    <row r="703565" spans="14:14">
      <c r="N703565" s="10"/>
    </row>
    <row r="703566" spans="14:14">
      <c r="N703566" s="10"/>
    </row>
    <row r="703567" spans="14:14">
      <c r="N703567" s="10"/>
    </row>
    <row r="703568" spans="14:14">
      <c r="N703568" s="10"/>
    </row>
    <row r="703569" spans="14:14">
      <c r="N703569" s="10"/>
    </row>
    <row r="703570" spans="14:14">
      <c r="N703570" s="10"/>
    </row>
    <row r="703571" spans="14:14">
      <c r="N703571" s="10"/>
    </row>
    <row r="703572" spans="14:14">
      <c r="N703572" s="10"/>
    </row>
    <row r="703573" spans="14:14">
      <c r="N703573" s="10"/>
    </row>
    <row r="703574" spans="14:14">
      <c r="N703574" s="10"/>
    </row>
    <row r="703575" spans="14:14">
      <c r="N703575" s="10"/>
    </row>
    <row r="703576" spans="14:14">
      <c r="N703576" s="10"/>
    </row>
    <row r="703577" spans="14:14">
      <c r="N703577" s="10"/>
    </row>
    <row r="703578" spans="14:14">
      <c r="N703578" s="10"/>
    </row>
    <row r="703579" spans="14:14">
      <c r="N703579" s="10"/>
    </row>
    <row r="703580" spans="14:14">
      <c r="N703580" s="10"/>
    </row>
    <row r="703581" spans="14:14">
      <c r="N703581" s="10"/>
    </row>
    <row r="703582" spans="14:14">
      <c r="N703582" s="10"/>
    </row>
    <row r="703583" spans="14:14">
      <c r="N703583" s="10"/>
    </row>
    <row r="703584" spans="14:14">
      <c r="N703584" s="10"/>
    </row>
    <row r="703585" spans="14:14">
      <c r="N703585" s="10"/>
    </row>
    <row r="703586" spans="14:14">
      <c r="N703586" s="10"/>
    </row>
    <row r="703587" spans="14:14">
      <c r="N703587" s="10"/>
    </row>
    <row r="703588" spans="14:14">
      <c r="N703588" s="10"/>
    </row>
    <row r="703589" spans="14:14">
      <c r="N703589" s="10"/>
    </row>
    <row r="703590" spans="14:14">
      <c r="N703590" s="10"/>
    </row>
    <row r="703591" spans="14:14">
      <c r="N703591" s="10"/>
    </row>
    <row r="703592" spans="14:14">
      <c r="N703592" s="10"/>
    </row>
    <row r="703593" spans="14:14">
      <c r="N703593" s="10"/>
    </row>
    <row r="703594" spans="14:14">
      <c r="N703594" s="10"/>
    </row>
    <row r="703595" spans="14:14">
      <c r="N703595" s="10"/>
    </row>
    <row r="703596" spans="14:14">
      <c r="N703596" s="10"/>
    </row>
    <row r="703597" spans="14:14">
      <c r="N703597" s="10"/>
    </row>
    <row r="703598" spans="14:14">
      <c r="N703598" s="10"/>
    </row>
    <row r="703599" spans="14:14">
      <c r="N703599" s="10"/>
    </row>
    <row r="703600" spans="14:14">
      <c r="N703600" s="10"/>
    </row>
    <row r="703601" spans="14:14">
      <c r="N703601" s="10"/>
    </row>
    <row r="703602" spans="14:14">
      <c r="N703602" s="10"/>
    </row>
    <row r="703603" spans="14:14">
      <c r="N703603" s="10"/>
    </row>
    <row r="703604" spans="14:14">
      <c r="N703604" s="10"/>
    </row>
    <row r="703605" spans="14:14">
      <c r="N703605" s="10"/>
    </row>
    <row r="703606" spans="14:14">
      <c r="N703606" s="10"/>
    </row>
    <row r="703607" spans="14:14">
      <c r="N703607" s="10"/>
    </row>
    <row r="703608" spans="14:14">
      <c r="N703608" s="10"/>
    </row>
    <row r="703609" spans="14:14">
      <c r="N703609" s="10"/>
    </row>
    <row r="703610" spans="14:14">
      <c r="N703610" s="10"/>
    </row>
    <row r="703611" spans="14:14">
      <c r="N703611" s="10"/>
    </row>
    <row r="703612" spans="14:14">
      <c r="N703612" s="10"/>
    </row>
    <row r="703613" spans="14:14">
      <c r="N703613" s="10"/>
    </row>
    <row r="703614" spans="14:14">
      <c r="N703614" s="10"/>
    </row>
    <row r="703615" spans="14:14">
      <c r="N703615" s="10"/>
    </row>
    <row r="703616" spans="14:14">
      <c r="N703616" s="10"/>
    </row>
    <row r="703617" spans="14:14">
      <c r="N703617" s="10"/>
    </row>
    <row r="703618" spans="14:14">
      <c r="N703618" s="10"/>
    </row>
    <row r="703619" spans="14:14">
      <c r="N703619" s="10"/>
    </row>
    <row r="703620" spans="14:14">
      <c r="N703620" s="10"/>
    </row>
    <row r="703621" spans="14:14">
      <c r="N703621" s="10"/>
    </row>
    <row r="703622" spans="14:14">
      <c r="N703622" s="10"/>
    </row>
    <row r="703623" spans="14:14">
      <c r="N703623" s="10"/>
    </row>
    <row r="703624" spans="14:14">
      <c r="N703624" s="10"/>
    </row>
    <row r="703625" spans="14:14">
      <c r="N703625" s="10"/>
    </row>
    <row r="703626" spans="14:14">
      <c r="N703626" s="10"/>
    </row>
    <row r="703627" spans="14:14">
      <c r="N703627" s="10"/>
    </row>
    <row r="703628" spans="14:14">
      <c r="N703628" s="10"/>
    </row>
    <row r="703629" spans="14:14">
      <c r="N703629" s="10"/>
    </row>
    <row r="703630" spans="14:14">
      <c r="N703630" s="10"/>
    </row>
    <row r="703631" spans="14:14">
      <c r="N703631" s="10"/>
    </row>
    <row r="703632" spans="14:14">
      <c r="N703632" s="10"/>
    </row>
    <row r="703633" spans="14:14">
      <c r="N703633" s="10"/>
    </row>
    <row r="703634" spans="14:14">
      <c r="N703634" s="10"/>
    </row>
    <row r="703635" spans="14:14">
      <c r="N703635" s="10"/>
    </row>
    <row r="703636" spans="14:14">
      <c r="N703636" s="10"/>
    </row>
    <row r="703637" spans="14:14">
      <c r="N703637" s="10"/>
    </row>
    <row r="703638" spans="14:14">
      <c r="N703638" s="10"/>
    </row>
    <row r="703639" spans="14:14">
      <c r="N703639" s="10"/>
    </row>
    <row r="703640" spans="14:14">
      <c r="N703640" s="10"/>
    </row>
    <row r="703641" spans="14:14">
      <c r="N703641" s="10"/>
    </row>
    <row r="703642" spans="14:14">
      <c r="N703642" s="10"/>
    </row>
    <row r="703643" spans="14:14">
      <c r="N703643" s="10"/>
    </row>
    <row r="703644" spans="14:14">
      <c r="N703644" s="10"/>
    </row>
    <row r="703645" spans="14:14">
      <c r="N703645" s="10"/>
    </row>
    <row r="703646" spans="14:14">
      <c r="N703646" s="10"/>
    </row>
    <row r="703647" spans="14:14">
      <c r="N703647" s="10"/>
    </row>
    <row r="703648" spans="14:14">
      <c r="N703648" s="10"/>
    </row>
    <row r="703649" spans="14:14">
      <c r="N703649" s="10"/>
    </row>
    <row r="703650" spans="14:14">
      <c r="N703650" s="10"/>
    </row>
    <row r="703651" spans="14:14">
      <c r="N703651" s="10"/>
    </row>
    <row r="703652" spans="14:14">
      <c r="N703652" s="10"/>
    </row>
    <row r="703653" spans="14:14">
      <c r="N703653" s="10"/>
    </row>
    <row r="703654" spans="14:14">
      <c r="N703654" s="10"/>
    </row>
    <row r="703655" spans="14:14">
      <c r="N703655" s="10"/>
    </row>
    <row r="703656" spans="14:14">
      <c r="N703656" s="10"/>
    </row>
    <row r="703657" spans="14:14">
      <c r="N703657" s="10"/>
    </row>
    <row r="703658" spans="14:14">
      <c r="N703658" s="10"/>
    </row>
    <row r="703659" spans="14:14">
      <c r="N703659" s="10"/>
    </row>
    <row r="703660" spans="14:14">
      <c r="N703660" s="10"/>
    </row>
    <row r="703661" spans="14:14">
      <c r="N703661" s="10"/>
    </row>
    <row r="703662" spans="14:14">
      <c r="N703662" s="10"/>
    </row>
    <row r="703663" spans="14:14">
      <c r="N703663" s="10"/>
    </row>
    <row r="703664" spans="14:14">
      <c r="N703664" s="10"/>
    </row>
    <row r="703665" spans="14:14">
      <c r="N703665" s="10"/>
    </row>
    <row r="703666" spans="14:14">
      <c r="N703666" s="10"/>
    </row>
    <row r="703667" spans="14:14">
      <c r="N703667" s="10"/>
    </row>
    <row r="703668" spans="14:14">
      <c r="N703668" s="10"/>
    </row>
    <row r="703669" spans="14:14">
      <c r="N703669" s="10"/>
    </row>
    <row r="703670" spans="14:14">
      <c r="N703670" s="10"/>
    </row>
    <row r="703671" spans="14:14">
      <c r="N703671" s="10"/>
    </row>
    <row r="703672" spans="14:14">
      <c r="N703672" s="10"/>
    </row>
    <row r="703673" spans="14:14">
      <c r="N703673" s="10"/>
    </row>
    <row r="703674" spans="14:14">
      <c r="N703674" s="10"/>
    </row>
    <row r="703675" spans="14:14">
      <c r="N703675" s="10"/>
    </row>
    <row r="703676" spans="14:14">
      <c r="N703676" s="10"/>
    </row>
    <row r="703677" spans="14:14">
      <c r="N703677" s="10"/>
    </row>
    <row r="703678" spans="14:14">
      <c r="N703678" s="10"/>
    </row>
    <row r="703679" spans="14:14">
      <c r="N703679" s="10"/>
    </row>
    <row r="703680" spans="14:14">
      <c r="N703680" s="10"/>
    </row>
    <row r="703681" spans="14:14">
      <c r="N703681" s="10"/>
    </row>
    <row r="703682" spans="14:14">
      <c r="N703682" s="10"/>
    </row>
    <row r="703683" spans="14:14">
      <c r="N703683" s="10"/>
    </row>
    <row r="703684" spans="14:14">
      <c r="N703684" s="10"/>
    </row>
    <row r="703685" spans="14:14">
      <c r="N703685" s="10"/>
    </row>
    <row r="703686" spans="14:14">
      <c r="N703686" s="10"/>
    </row>
    <row r="703687" spans="14:14">
      <c r="N703687" s="10"/>
    </row>
    <row r="703688" spans="14:14">
      <c r="N703688" s="10"/>
    </row>
    <row r="703689" spans="14:14">
      <c r="N703689" s="10"/>
    </row>
    <row r="703690" spans="14:14">
      <c r="N703690" s="10"/>
    </row>
    <row r="703691" spans="14:14">
      <c r="N703691" s="10"/>
    </row>
    <row r="703692" spans="14:14">
      <c r="N703692" s="10"/>
    </row>
    <row r="703693" spans="14:14">
      <c r="N703693" s="10"/>
    </row>
    <row r="703694" spans="14:14">
      <c r="N703694" s="10"/>
    </row>
    <row r="703695" spans="14:14">
      <c r="N703695" s="10"/>
    </row>
    <row r="703696" spans="14:14">
      <c r="N703696" s="10"/>
    </row>
    <row r="703697" spans="14:14">
      <c r="N703697" s="10"/>
    </row>
    <row r="703698" spans="14:14">
      <c r="N703698" s="10"/>
    </row>
    <row r="703699" spans="14:14">
      <c r="N703699" s="10"/>
    </row>
    <row r="703700" spans="14:14">
      <c r="N703700" s="10"/>
    </row>
    <row r="703701" spans="14:14">
      <c r="N703701" s="10"/>
    </row>
    <row r="703702" spans="14:14">
      <c r="N703702" s="10"/>
    </row>
    <row r="703703" spans="14:14">
      <c r="N703703" s="10"/>
    </row>
    <row r="703704" spans="14:14">
      <c r="N703704" s="10"/>
    </row>
    <row r="703705" spans="14:14">
      <c r="N703705" s="10"/>
    </row>
    <row r="703706" spans="14:14">
      <c r="N703706" s="10"/>
    </row>
    <row r="703707" spans="14:14">
      <c r="N703707" s="10"/>
    </row>
    <row r="703708" spans="14:14">
      <c r="N703708" s="10"/>
    </row>
    <row r="703709" spans="14:14">
      <c r="N703709" s="10"/>
    </row>
    <row r="703710" spans="14:14">
      <c r="N703710" s="10"/>
    </row>
    <row r="703711" spans="14:14">
      <c r="N703711" s="10"/>
    </row>
    <row r="703712" spans="14:14">
      <c r="N703712" s="10"/>
    </row>
    <row r="703713" spans="14:14">
      <c r="N703713" s="10"/>
    </row>
    <row r="703714" spans="14:14">
      <c r="N703714" s="10"/>
    </row>
    <row r="703715" spans="14:14">
      <c r="N703715" s="10"/>
    </row>
    <row r="703716" spans="14:14">
      <c r="N703716" s="10"/>
    </row>
    <row r="703717" spans="14:14">
      <c r="N703717" s="10"/>
    </row>
    <row r="703718" spans="14:14">
      <c r="N703718" s="10"/>
    </row>
    <row r="703719" spans="14:14">
      <c r="N703719" s="10"/>
    </row>
    <row r="703720" spans="14:14">
      <c r="N703720" s="10"/>
    </row>
    <row r="703721" spans="14:14">
      <c r="N703721" s="10"/>
    </row>
    <row r="703722" spans="14:14">
      <c r="N703722" s="10"/>
    </row>
    <row r="703723" spans="14:14">
      <c r="N703723" s="10"/>
    </row>
    <row r="703724" spans="14:14">
      <c r="N703724" s="10"/>
    </row>
    <row r="703725" spans="14:14">
      <c r="N703725" s="10"/>
    </row>
    <row r="703726" spans="14:14">
      <c r="N703726" s="10"/>
    </row>
    <row r="703727" spans="14:14">
      <c r="N703727" s="10"/>
    </row>
    <row r="703728" spans="14:14">
      <c r="N703728" s="10"/>
    </row>
    <row r="703729" spans="14:14">
      <c r="N703729" s="10"/>
    </row>
    <row r="703730" spans="14:14">
      <c r="N703730" s="10"/>
    </row>
    <row r="703731" spans="14:14">
      <c r="N703731" s="10"/>
    </row>
    <row r="703732" spans="14:14">
      <c r="N703732" s="10"/>
    </row>
    <row r="703733" spans="14:14">
      <c r="N703733" s="10"/>
    </row>
    <row r="703734" spans="14:14">
      <c r="N703734" s="10"/>
    </row>
    <row r="703735" spans="14:14">
      <c r="N703735" s="10"/>
    </row>
    <row r="703736" spans="14:14">
      <c r="N703736" s="10"/>
    </row>
    <row r="703737" spans="14:14">
      <c r="N703737" s="10"/>
    </row>
    <row r="703738" spans="14:14">
      <c r="N703738" s="10"/>
    </row>
    <row r="703739" spans="14:14">
      <c r="N703739" s="10"/>
    </row>
    <row r="703740" spans="14:14">
      <c r="N703740" s="10"/>
    </row>
    <row r="703741" spans="14:14">
      <c r="N703741" s="10"/>
    </row>
    <row r="703742" spans="14:14">
      <c r="N703742" s="10"/>
    </row>
    <row r="703743" spans="14:14">
      <c r="N703743" s="10"/>
    </row>
    <row r="703744" spans="14:14">
      <c r="N703744" s="10"/>
    </row>
    <row r="703745" spans="14:14">
      <c r="N703745" s="10"/>
    </row>
    <row r="703746" spans="14:14">
      <c r="N703746" s="10"/>
    </row>
    <row r="703747" spans="14:14">
      <c r="N703747" s="10"/>
    </row>
    <row r="703748" spans="14:14">
      <c r="N703748" s="10"/>
    </row>
    <row r="703749" spans="14:14">
      <c r="N703749" s="10"/>
    </row>
    <row r="703750" spans="14:14">
      <c r="N703750" s="10"/>
    </row>
    <row r="703751" spans="14:14">
      <c r="N703751" s="10"/>
    </row>
    <row r="703752" spans="14:14">
      <c r="N703752" s="10"/>
    </row>
    <row r="703753" spans="14:14">
      <c r="N703753" s="10"/>
    </row>
    <row r="703754" spans="14:14">
      <c r="N703754" s="10"/>
    </row>
    <row r="703755" spans="14:14">
      <c r="N703755" s="10"/>
    </row>
    <row r="703756" spans="14:14">
      <c r="N703756" s="10"/>
    </row>
    <row r="703757" spans="14:14">
      <c r="N703757" s="10"/>
    </row>
    <row r="703758" spans="14:14">
      <c r="N703758" s="10"/>
    </row>
    <row r="703759" spans="14:14">
      <c r="N703759" s="10"/>
    </row>
    <row r="703760" spans="14:14">
      <c r="N703760" s="10"/>
    </row>
    <row r="703761" spans="14:14">
      <c r="N703761" s="10"/>
    </row>
    <row r="703762" spans="14:14">
      <c r="N703762" s="10"/>
    </row>
    <row r="703763" spans="14:14">
      <c r="N703763" s="10"/>
    </row>
    <row r="703764" spans="14:14">
      <c r="N703764" s="10"/>
    </row>
    <row r="703765" spans="14:14">
      <c r="N703765" s="10"/>
    </row>
    <row r="703766" spans="14:14">
      <c r="N703766" s="10"/>
    </row>
    <row r="703767" spans="14:14">
      <c r="N703767" s="10"/>
    </row>
    <row r="703768" spans="14:14">
      <c r="N703768" s="10"/>
    </row>
    <row r="703769" spans="14:14">
      <c r="N703769" s="10"/>
    </row>
    <row r="703770" spans="14:14">
      <c r="N703770" s="10"/>
    </row>
    <row r="703771" spans="14:14">
      <c r="N703771" s="10"/>
    </row>
    <row r="703772" spans="14:14">
      <c r="N703772" s="10"/>
    </row>
    <row r="703773" spans="14:14">
      <c r="N703773" s="10"/>
    </row>
    <row r="703774" spans="14:14">
      <c r="N703774" s="10"/>
    </row>
    <row r="703775" spans="14:14">
      <c r="N703775" s="10"/>
    </row>
    <row r="703776" spans="14:14">
      <c r="N703776" s="10"/>
    </row>
    <row r="703777" spans="14:14">
      <c r="N703777" s="10"/>
    </row>
    <row r="703778" spans="14:14">
      <c r="N703778" s="10"/>
    </row>
    <row r="703779" spans="14:14">
      <c r="N703779" s="10"/>
    </row>
    <row r="703780" spans="14:14">
      <c r="N703780" s="10"/>
    </row>
    <row r="703781" spans="14:14">
      <c r="N703781" s="10"/>
    </row>
    <row r="703782" spans="14:14">
      <c r="N703782" s="10"/>
    </row>
    <row r="703783" spans="14:14">
      <c r="N703783" s="10"/>
    </row>
    <row r="703784" spans="14:14">
      <c r="N703784" s="10"/>
    </row>
    <row r="703785" spans="14:14">
      <c r="N703785" s="10"/>
    </row>
    <row r="703786" spans="14:14">
      <c r="N703786" s="10"/>
    </row>
    <row r="703787" spans="14:14">
      <c r="N703787" s="10"/>
    </row>
    <row r="703788" spans="14:14">
      <c r="N703788" s="10"/>
    </row>
    <row r="703789" spans="14:14">
      <c r="N703789" s="10"/>
    </row>
    <row r="703790" spans="14:14">
      <c r="N703790" s="10"/>
    </row>
    <row r="703791" spans="14:14">
      <c r="N703791" s="10"/>
    </row>
    <row r="703792" spans="14:14">
      <c r="N703792" s="10"/>
    </row>
    <row r="703793" spans="14:14">
      <c r="N703793" s="10"/>
    </row>
    <row r="703794" spans="14:14">
      <c r="N703794" s="10"/>
    </row>
    <row r="703795" spans="14:14">
      <c r="N703795" s="10"/>
    </row>
    <row r="703796" spans="14:14">
      <c r="N703796" s="10"/>
    </row>
    <row r="703797" spans="14:14">
      <c r="N703797" s="10"/>
    </row>
    <row r="703798" spans="14:14">
      <c r="N703798" s="10"/>
    </row>
    <row r="703799" spans="14:14">
      <c r="N703799" s="10"/>
    </row>
    <row r="703800" spans="14:14">
      <c r="N703800" s="10"/>
    </row>
    <row r="703801" spans="14:14">
      <c r="N703801" s="10"/>
    </row>
    <row r="703802" spans="14:14">
      <c r="N703802" s="10"/>
    </row>
    <row r="703803" spans="14:14">
      <c r="N703803" s="10"/>
    </row>
    <row r="703804" spans="14:14">
      <c r="N703804" s="10"/>
    </row>
    <row r="703805" spans="14:14">
      <c r="N703805" s="10"/>
    </row>
    <row r="703806" spans="14:14">
      <c r="N703806" s="10"/>
    </row>
    <row r="703807" spans="14:14">
      <c r="N703807" s="10"/>
    </row>
    <row r="703808" spans="14:14">
      <c r="N703808" s="10"/>
    </row>
    <row r="703809" spans="14:14">
      <c r="N703809" s="10"/>
    </row>
    <row r="703810" spans="14:14">
      <c r="N703810" s="10"/>
    </row>
    <row r="703811" spans="14:14">
      <c r="N703811" s="10"/>
    </row>
    <row r="703812" spans="14:14">
      <c r="N703812" s="10"/>
    </row>
    <row r="703813" spans="14:14">
      <c r="N703813" s="10"/>
    </row>
    <row r="703814" spans="14:14">
      <c r="N703814" s="10"/>
    </row>
    <row r="703815" spans="14:14">
      <c r="N703815" s="10"/>
    </row>
    <row r="703816" spans="14:14">
      <c r="N703816" s="10"/>
    </row>
    <row r="703817" spans="14:14">
      <c r="N703817" s="10"/>
    </row>
    <row r="703818" spans="14:14">
      <c r="N703818" s="10"/>
    </row>
    <row r="703819" spans="14:14">
      <c r="N703819" s="10"/>
    </row>
    <row r="703820" spans="14:14">
      <c r="N703820" s="10"/>
    </row>
    <row r="703821" spans="14:14">
      <c r="N703821" s="10"/>
    </row>
    <row r="703822" spans="14:14">
      <c r="N703822" s="10"/>
    </row>
    <row r="703823" spans="14:14">
      <c r="N703823" s="10"/>
    </row>
    <row r="703824" spans="14:14">
      <c r="N703824" s="10"/>
    </row>
    <row r="703825" spans="14:14">
      <c r="N703825" s="10"/>
    </row>
    <row r="703826" spans="14:14">
      <c r="N703826" s="10"/>
    </row>
    <row r="703827" spans="14:14">
      <c r="N703827" s="10"/>
    </row>
    <row r="703828" spans="14:14">
      <c r="N703828" s="10"/>
    </row>
    <row r="703829" spans="14:14">
      <c r="N703829" s="10"/>
    </row>
    <row r="703830" spans="14:14">
      <c r="N703830" s="10"/>
    </row>
    <row r="703831" spans="14:14">
      <c r="N703831" s="10"/>
    </row>
    <row r="703832" spans="14:14">
      <c r="N703832" s="10"/>
    </row>
    <row r="703833" spans="14:14">
      <c r="N703833" s="10"/>
    </row>
    <row r="703834" spans="14:14">
      <c r="N703834" s="10"/>
    </row>
    <row r="703835" spans="14:14">
      <c r="N703835" s="10"/>
    </row>
    <row r="703836" spans="14:14">
      <c r="N703836" s="10"/>
    </row>
    <row r="703837" spans="14:14">
      <c r="N703837" s="10"/>
    </row>
    <row r="703838" spans="14:14">
      <c r="N703838" s="10"/>
    </row>
    <row r="703839" spans="14:14">
      <c r="N703839" s="10"/>
    </row>
    <row r="703840" spans="14:14">
      <c r="N703840" s="10"/>
    </row>
    <row r="703841" spans="14:14">
      <c r="N703841" s="10"/>
    </row>
    <row r="703842" spans="14:14">
      <c r="N703842" s="10"/>
    </row>
    <row r="703843" spans="14:14">
      <c r="N703843" s="10"/>
    </row>
    <row r="703844" spans="14:14">
      <c r="N703844" s="10"/>
    </row>
    <row r="703845" spans="14:14">
      <c r="N703845" s="10"/>
    </row>
    <row r="703846" spans="14:14">
      <c r="N703846" s="10"/>
    </row>
    <row r="703847" spans="14:14">
      <c r="N703847" s="10"/>
    </row>
    <row r="703848" spans="14:14">
      <c r="N703848" s="10"/>
    </row>
    <row r="703849" spans="14:14">
      <c r="N703849" s="10"/>
    </row>
    <row r="703850" spans="14:14">
      <c r="N703850" s="10"/>
    </row>
    <row r="703851" spans="14:14">
      <c r="N703851" s="10"/>
    </row>
    <row r="703852" spans="14:14">
      <c r="N703852" s="10"/>
    </row>
    <row r="703853" spans="14:14">
      <c r="N703853" s="10"/>
    </row>
    <row r="703854" spans="14:14">
      <c r="N703854" s="10"/>
    </row>
    <row r="703855" spans="14:14">
      <c r="N703855" s="10"/>
    </row>
    <row r="703856" spans="14:14">
      <c r="N703856" s="10"/>
    </row>
    <row r="703857" spans="14:14">
      <c r="N703857" s="10"/>
    </row>
    <row r="703858" spans="14:14">
      <c r="N703858" s="10"/>
    </row>
    <row r="703859" spans="14:14">
      <c r="N703859" s="10"/>
    </row>
    <row r="703860" spans="14:14">
      <c r="N703860" s="10"/>
    </row>
    <row r="703861" spans="14:14">
      <c r="N703861" s="10"/>
    </row>
    <row r="703862" spans="14:14">
      <c r="N703862" s="10"/>
    </row>
    <row r="703863" spans="14:14">
      <c r="N703863" s="10"/>
    </row>
    <row r="703864" spans="14:14">
      <c r="N703864" s="10"/>
    </row>
    <row r="703865" spans="14:14">
      <c r="N703865" s="10"/>
    </row>
    <row r="703866" spans="14:14">
      <c r="N703866" s="10"/>
    </row>
    <row r="703867" spans="14:14">
      <c r="N703867" s="10"/>
    </row>
    <row r="703868" spans="14:14">
      <c r="N703868" s="10"/>
    </row>
    <row r="703869" spans="14:14">
      <c r="N703869" s="10"/>
    </row>
    <row r="703870" spans="14:14">
      <c r="N703870" s="10"/>
    </row>
    <row r="703871" spans="14:14">
      <c r="N703871" s="10"/>
    </row>
    <row r="703872" spans="14:14">
      <c r="N703872" s="10"/>
    </row>
    <row r="703873" spans="14:14">
      <c r="N703873" s="10"/>
    </row>
    <row r="703874" spans="14:14">
      <c r="N703874" s="10"/>
    </row>
    <row r="703875" spans="14:14">
      <c r="N703875" s="10"/>
    </row>
    <row r="703876" spans="14:14">
      <c r="N703876" s="10"/>
    </row>
    <row r="703877" spans="14:14">
      <c r="N703877" s="10"/>
    </row>
    <row r="703878" spans="14:14">
      <c r="N703878" s="10"/>
    </row>
    <row r="703879" spans="14:14">
      <c r="N703879" s="10"/>
    </row>
    <row r="703880" spans="14:14">
      <c r="N703880" s="10"/>
    </row>
    <row r="703881" spans="14:14">
      <c r="N703881" s="10"/>
    </row>
    <row r="703882" spans="14:14">
      <c r="N703882" s="10"/>
    </row>
    <row r="703883" spans="14:14">
      <c r="N703883" s="10"/>
    </row>
    <row r="703884" spans="14:14">
      <c r="N703884" s="10"/>
    </row>
    <row r="703885" spans="14:14">
      <c r="N703885" s="10"/>
    </row>
    <row r="703886" spans="14:14">
      <c r="N703886" s="10"/>
    </row>
    <row r="703887" spans="14:14">
      <c r="N703887" s="10"/>
    </row>
    <row r="703888" spans="14:14">
      <c r="N703888" s="10"/>
    </row>
    <row r="703889" spans="14:14">
      <c r="N703889" s="10"/>
    </row>
    <row r="703890" spans="14:14">
      <c r="N703890" s="10"/>
    </row>
    <row r="703891" spans="14:14">
      <c r="N703891" s="10"/>
    </row>
    <row r="703892" spans="14:14">
      <c r="N703892" s="10"/>
    </row>
    <row r="703893" spans="14:14">
      <c r="N703893" s="10"/>
    </row>
    <row r="703894" spans="14:14">
      <c r="N703894" s="10"/>
    </row>
    <row r="703895" spans="14:14">
      <c r="N703895" s="10"/>
    </row>
    <row r="703896" spans="14:14">
      <c r="N703896" s="10"/>
    </row>
    <row r="703897" spans="14:14">
      <c r="N703897" s="10"/>
    </row>
    <row r="703898" spans="14:14">
      <c r="N703898" s="10"/>
    </row>
    <row r="703899" spans="14:14">
      <c r="N703899" s="10"/>
    </row>
    <row r="703900" spans="14:14">
      <c r="N703900" s="10"/>
    </row>
    <row r="703901" spans="14:14">
      <c r="N703901" s="10"/>
    </row>
    <row r="703902" spans="14:14">
      <c r="N703902" s="10"/>
    </row>
    <row r="703903" spans="14:14">
      <c r="N703903" s="10"/>
    </row>
    <row r="703904" spans="14:14">
      <c r="N703904" s="10"/>
    </row>
    <row r="703905" spans="14:14">
      <c r="N703905" s="10"/>
    </row>
    <row r="703906" spans="14:14">
      <c r="N703906" s="10"/>
    </row>
    <row r="703907" spans="14:14">
      <c r="N703907" s="10"/>
    </row>
    <row r="703908" spans="14:14">
      <c r="N703908" s="10"/>
    </row>
    <row r="703909" spans="14:14">
      <c r="N703909" s="10"/>
    </row>
    <row r="703910" spans="14:14">
      <c r="N703910" s="10"/>
    </row>
    <row r="703911" spans="14:14">
      <c r="N703911" s="10"/>
    </row>
    <row r="703912" spans="14:14">
      <c r="N703912" s="10"/>
    </row>
    <row r="703913" spans="14:14">
      <c r="N703913" s="10"/>
    </row>
    <row r="703914" spans="14:14">
      <c r="N703914" s="10"/>
    </row>
    <row r="703915" spans="14:14">
      <c r="N703915" s="10"/>
    </row>
    <row r="703916" spans="14:14">
      <c r="N703916" s="10"/>
    </row>
    <row r="703917" spans="14:14">
      <c r="N703917" s="10"/>
    </row>
    <row r="703918" spans="14:14">
      <c r="N703918" s="10"/>
    </row>
    <row r="703919" spans="14:14">
      <c r="N703919" s="10"/>
    </row>
    <row r="703920" spans="14:14">
      <c r="N703920" s="10"/>
    </row>
    <row r="703921" spans="14:14">
      <c r="N703921" s="10"/>
    </row>
    <row r="703922" spans="14:14">
      <c r="N703922" s="10"/>
    </row>
    <row r="703923" spans="14:14">
      <c r="N703923" s="10"/>
    </row>
    <row r="703924" spans="14:14">
      <c r="N703924" s="10"/>
    </row>
    <row r="703925" spans="14:14">
      <c r="N703925" s="10"/>
    </row>
    <row r="703926" spans="14:14">
      <c r="N703926" s="10"/>
    </row>
    <row r="703927" spans="14:14">
      <c r="N703927" s="10"/>
    </row>
    <row r="703928" spans="14:14">
      <c r="N703928" s="10"/>
    </row>
    <row r="703929" spans="14:14">
      <c r="N703929" s="10"/>
    </row>
    <row r="703930" spans="14:14">
      <c r="N703930" s="10"/>
    </row>
    <row r="703931" spans="14:14">
      <c r="N703931" s="10"/>
    </row>
    <row r="703932" spans="14:14">
      <c r="N703932" s="10"/>
    </row>
    <row r="703933" spans="14:14">
      <c r="N703933" s="10"/>
    </row>
    <row r="703934" spans="14:14">
      <c r="N703934" s="10"/>
    </row>
    <row r="703935" spans="14:14">
      <c r="N703935" s="10"/>
    </row>
    <row r="703936" spans="14:14">
      <c r="N703936" s="10"/>
    </row>
    <row r="703937" spans="14:14">
      <c r="N703937" s="10"/>
    </row>
    <row r="703938" spans="14:14">
      <c r="N703938" s="10"/>
    </row>
    <row r="703939" spans="14:14">
      <c r="N703939" s="10"/>
    </row>
    <row r="703940" spans="14:14">
      <c r="N703940" s="10"/>
    </row>
    <row r="703941" spans="14:14">
      <c r="N703941" s="10"/>
    </row>
    <row r="703942" spans="14:14">
      <c r="N703942" s="10"/>
    </row>
    <row r="703943" spans="14:14">
      <c r="N703943" s="10"/>
    </row>
    <row r="703944" spans="14:14">
      <c r="N703944" s="10"/>
    </row>
    <row r="703945" spans="14:14">
      <c r="N703945" s="10"/>
    </row>
    <row r="703946" spans="14:14">
      <c r="N703946" s="10"/>
    </row>
    <row r="703947" spans="14:14">
      <c r="N703947" s="10"/>
    </row>
    <row r="703948" spans="14:14">
      <c r="N703948" s="10"/>
    </row>
    <row r="703949" spans="14:14">
      <c r="N703949" s="10"/>
    </row>
    <row r="703950" spans="14:14">
      <c r="N703950" s="10"/>
    </row>
    <row r="703951" spans="14:14">
      <c r="N703951" s="10"/>
    </row>
    <row r="703952" spans="14:14">
      <c r="N703952" s="10"/>
    </row>
    <row r="703953" spans="14:14">
      <c r="N703953" s="10"/>
    </row>
    <row r="703954" spans="14:14">
      <c r="N703954" s="10"/>
    </row>
    <row r="703955" spans="14:14">
      <c r="N703955" s="10"/>
    </row>
    <row r="703956" spans="14:14">
      <c r="N703956" s="10"/>
    </row>
    <row r="703957" spans="14:14">
      <c r="N703957" s="10"/>
    </row>
    <row r="703958" spans="14:14">
      <c r="N703958" s="10"/>
    </row>
    <row r="703959" spans="14:14">
      <c r="N703959" s="10"/>
    </row>
    <row r="703960" spans="14:14">
      <c r="N703960" s="10"/>
    </row>
    <row r="703961" spans="14:14">
      <c r="N703961" s="10"/>
    </row>
    <row r="703962" spans="14:14">
      <c r="N703962" s="10"/>
    </row>
    <row r="703963" spans="14:14">
      <c r="N703963" s="10"/>
    </row>
    <row r="703964" spans="14:14">
      <c r="N703964" s="10"/>
    </row>
    <row r="703965" spans="14:14">
      <c r="N703965" s="10"/>
    </row>
    <row r="703966" spans="14:14">
      <c r="N703966" s="10"/>
    </row>
    <row r="703967" spans="14:14">
      <c r="N703967" s="10"/>
    </row>
    <row r="703968" spans="14:14">
      <c r="N703968" s="10"/>
    </row>
    <row r="703969" spans="14:14">
      <c r="N703969" s="10"/>
    </row>
    <row r="703970" spans="14:14">
      <c r="N703970" s="10"/>
    </row>
    <row r="703971" spans="14:14">
      <c r="N703971" s="10"/>
    </row>
    <row r="703972" spans="14:14">
      <c r="N703972" s="10"/>
    </row>
    <row r="703973" spans="14:14">
      <c r="N703973" s="10"/>
    </row>
    <row r="703974" spans="14:14">
      <c r="N703974" s="10"/>
    </row>
    <row r="703975" spans="14:14">
      <c r="N703975" s="10"/>
    </row>
    <row r="703976" spans="14:14">
      <c r="N703976" s="10"/>
    </row>
    <row r="703977" spans="14:14">
      <c r="N703977" s="10"/>
    </row>
    <row r="703978" spans="14:14">
      <c r="N703978" s="10"/>
    </row>
    <row r="703979" spans="14:14">
      <c r="N703979" s="10"/>
    </row>
    <row r="703980" spans="14:14">
      <c r="N703980" s="10"/>
    </row>
    <row r="703981" spans="14:14">
      <c r="N703981" s="10"/>
    </row>
    <row r="703982" spans="14:14">
      <c r="N703982" s="10"/>
    </row>
    <row r="703983" spans="14:14">
      <c r="N703983" s="10"/>
    </row>
    <row r="703984" spans="14:14">
      <c r="N703984" s="10"/>
    </row>
    <row r="703985" spans="14:14">
      <c r="N703985" s="10"/>
    </row>
    <row r="703986" spans="14:14">
      <c r="N703986" s="10"/>
    </row>
    <row r="703987" spans="14:14">
      <c r="N703987" s="10"/>
    </row>
    <row r="703988" spans="14:14">
      <c r="N703988" s="10"/>
    </row>
    <row r="703989" spans="14:14">
      <c r="N703989" s="10"/>
    </row>
    <row r="703990" spans="14:14">
      <c r="N703990" s="10"/>
    </row>
    <row r="703991" spans="14:14">
      <c r="N703991" s="10"/>
    </row>
    <row r="703992" spans="14:14">
      <c r="N703992" s="10"/>
    </row>
    <row r="703993" spans="14:14">
      <c r="N703993" s="10"/>
    </row>
    <row r="703994" spans="14:14">
      <c r="N703994" s="10"/>
    </row>
    <row r="703995" spans="14:14">
      <c r="N703995" s="10"/>
    </row>
    <row r="703996" spans="14:14">
      <c r="N703996" s="10"/>
    </row>
    <row r="703997" spans="14:14">
      <c r="N703997" s="10"/>
    </row>
    <row r="703998" spans="14:14">
      <c r="N703998" s="10"/>
    </row>
    <row r="703999" spans="14:14">
      <c r="N703999" s="10"/>
    </row>
    <row r="704000" spans="14:14">
      <c r="N704000" s="10"/>
    </row>
    <row r="704001" spans="14:14">
      <c r="N704001" s="10"/>
    </row>
    <row r="704002" spans="14:14">
      <c r="N704002" s="10"/>
    </row>
    <row r="704003" spans="14:14">
      <c r="N704003" s="10"/>
    </row>
    <row r="704004" spans="14:14">
      <c r="N704004" s="10"/>
    </row>
    <row r="704005" spans="14:14">
      <c r="N704005" s="10"/>
    </row>
    <row r="704006" spans="14:14">
      <c r="N704006" s="10"/>
    </row>
    <row r="704007" spans="14:14">
      <c r="N704007" s="10"/>
    </row>
    <row r="704008" spans="14:14">
      <c r="N704008" s="10"/>
    </row>
    <row r="704009" spans="14:14">
      <c r="N704009" s="10"/>
    </row>
    <row r="704010" spans="14:14">
      <c r="N704010" s="10"/>
    </row>
    <row r="704011" spans="14:14">
      <c r="N704011" s="10"/>
    </row>
    <row r="704012" spans="14:14">
      <c r="N704012" s="10"/>
    </row>
    <row r="704013" spans="14:14">
      <c r="N704013" s="10"/>
    </row>
    <row r="704014" spans="14:14">
      <c r="N704014" s="10"/>
    </row>
    <row r="704015" spans="14:14">
      <c r="N704015" s="10"/>
    </row>
    <row r="704016" spans="14:14">
      <c r="N704016" s="10"/>
    </row>
    <row r="704017" spans="14:14">
      <c r="N704017" s="10"/>
    </row>
    <row r="704018" spans="14:14">
      <c r="N704018" s="10"/>
    </row>
    <row r="704019" spans="14:14">
      <c r="N704019" s="10"/>
    </row>
    <row r="704020" spans="14:14">
      <c r="N704020" s="10"/>
    </row>
    <row r="704021" spans="14:14">
      <c r="N704021" s="10"/>
    </row>
    <row r="704022" spans="14:14">
      <c r="N704022" s="10"/>
    </row>
    <row r="704023" spans="14:14">
      <c r="N704023" s="10"/>
    </row>
    <row r="704024" spans="14:14">
      <c r="N704024" s="10"/>
    </row>
    <row r="704025" spans="14:14">
      <c r="N704025" s="10"/>
    </row>
    <row r="704026" spans="14:14">
      <c r="N704026" s="10"/>
    </row>
    <row r="704027" spans="14:14">
      <c r="N704027" s="10"/>
    </row>
    <row r="704028" spans="14:14">
      <c r="N704028" s="10"/>
    </row>
    <row r="704029" spans="14:14">
      <c r="N704029" s="10"/>
    </row>
    <row r="704030" spans="14:14">
      <c r="N704030" s="10"/>
    </row>
    <row r="704031" spans="14:14">
      <c r="N704031" s="10"/>
    </row>
    <row r="704032" spans="14:14">
      <c r="N704032" s="10"/>
    </row>
    <row r="704033" spans="14:14">
      <c r="N704033" s="10"/>
    </row>
    <row r="704034" spans="14:14">
      <c r="N704034" s="10"/>
    </row>
    <row r="704035" spans="14:14">
      <c r="N704035" s="10"/>
    </row>
    <row r="704036" spans="14:14">
      <c r="N704036" s="10"/>
    </row>
    <row r="704037" spans="14:14">
      <c r="N704037" s="10"/>
    </row>
    <row r="704038" spans="14:14">
      <c r="N704038" s="10"/>
    </row>
    <row r="704039" spans="14:14">
      <c r="N704039" s="10"/>
    </row>
    <row r="704040" spans="14:14">
      <c r="N704040" s="10"/>
    </row>
    <row r="704041" spans="14:14">
      <c r="N704041" s="10"/>
    </row>
    <row r="704042" spans="14:14">
      <c r="N704042" s="10"/>
    </row>
    <row r="704043" spans="14:14">
      <c r="N704043" s="10"/>
    </row>
    <row r="704044" spans="14:14">
      <c r="N704044" s="10"/>
    </row>
    <row r="704045" spans="14:14">
      <c r="N704045" s="10"/>
    </row>
    <row r="704046" spans="14:14">
      <c r="N704046" s="10"/>
    </row>
    <row r="704047" spans="14:14">
      <c r="N704047" s="10"/>
    </row>
    <row r="704048" spans="14:14">
      <c r="N704048" s="10"/>
    </row>
    <row r="704049" spans="14:14">
      <c r="N704049" s="10"/>
    </row>
    <row r="704050" spans="14:14">
      <c r="N704050" s="10"/>
    </row>
    <row r="704051" spans="14:14">
      <c r="N704051" s="10"/>
    </row>
    <row r="704052" spans="14:14">
      <c r="N704052" s="10"/>
    </row>
    <row r="704053" spans="14:14">
      <c r="N704053" s="10"/>
    </row>
    <row r="704054" spans="14:14">
      <c r="N704054" s="10"/>
    </row>
    <row r="704055" spans="14:14">
      <c r="N704055" s="10"/>
    </row>
    <row r="704056" spans="14:14">
      <c r="N704056" s="10"/>
    </row>
    <row r="704057" spans="14:14">
      <c r="N704057" s="10"/>
    </row>
    <row r="704058" spans="14:14">
      <c r="N704058" s="10"/>
    </row>
    <row r="704059" spans="14:14">
      <c r="N704059" s="10"/>
    </row>
    <row r="704060" spans="14:14">
      <c r="N704060" s="10"/>
    </row>
    <row r="704061" spans="14:14">
      <c r="N704061" s="10"/>
    </row>
    <row r="704062" spans="14:14">
      <c r="N704062" s="10"/>
    </row>
    <row r="704063" spans="14:14">
      <c r="N704063" s="10"/>
    </row>
    <row r="704064" spans="14:14">
      <c r="N704064" s="10"/>
    </row>
    <row r="704065" spans="14:14">
      <c r="N704065" s="10"/>
    </row>
    <row r="704066" spans="14:14">
      <c r="N704066" s="10"/>
    </row>
    <row r="704067" spans="14:14">
      <c r="N704067" s="10"/>
    </row>
    <row r="704068" spans="14:14">
      <c r="N704068" s="10"/>
    </row>
    <row r="704069" spans="14:14">
      <c r="N704069" s="10"/>
    </row>
    <row r="704070" spans="14:14">
      <c r="N704070" s="10"/>
    </row>
    <row r="704071" spans="14:14">
      <c r="N704071" s="10"/>
    </row>
    <row r="704072" spans="14:14">
      <c r="N704072" s="10"/>
    </row>
    <row r="704073" spans="14:14">
      <c r="N704073" s="10"/>
    </row>
    <row r="704074" spans="14:14">
      <c r="N704074" s="10"/>
    </row>
    <row r="704075" spans="14:14">
      <c r="N704075" s="10"/>
    </row>
    <row r="704076" spans="14:14">
      <c r="N704076" s="10"/>
    </row>
    <row r="704077" spans="14:14">
      <c r="N704077" s="10"/>
    </row>
    <row r="704078" spans="14:14">
      <c r="N704078" s="10"/>
    </row>
    <row r="704079" spans="14:14">
      <c r="N704079" s="10"/>
    </row>
    <row r="704080" spans="14:14">
      <c r="N704080" s="10"/>
    </row>
    <row r="704081" spans="14:14">
      <c r="N704081" s="10"/>
    </row>
    <row r="704082" spans="14:14">
      <c r="N704082" s="10"/>
    </row>
    <row r="704083" spans="14:14">
      <c r="N704083" s="10"/>
    </row>
    <row r="704084" spans="14:14">
      <c r="N704084" s="10"/>
    </row>
    <row r="704085" spans="14:14">
      <c r="N704085" s="10"/>
    </row>
    <row r="704086" spans="14:14">
      <c r="N704086" s="10"/>
    </row>
    <row r="704087" spans="14:14">
      <c r="N704087" s="10"/>
    </row>
    <row r="704088" spans="14:14">
      <c r="N704088" s="10"/>
    </row>
    <row r="704089" spans="14:14">
      <c r="N704089" s="10"/>
    </row>
    <row r="704090" spans="14:14">
      <c r="N704090" s="10"/>
    </row>
    <row r="704091" spans="14:14">
      <c r="N704091" s="10"/>
    </row>
    <row r="704092" spans="14:14">
      <c r="N704092" s="10"/>
    </row>
    <row r="704093" spans="14:14">
      <c r="N704093" s="10"/>
    </row>
    <row r="704094" spans="14:14">
      <c r="N704094" s="10"/>
    </row>
    <row r="704095" spans="14:14">
      <c r="N704095" s="10"/>
    </row>
    <row r="704096" spans="14:14">
      <c r="N704096" s="10"/>
    </row>
    <row r="704097" spans="14:14">
      <c r="N704097" s="10"/>
    </row>
    <row r="704098" spans="14:14">
      <c r="N704098" s="10"/>
    </row>
    <row r="704099" spans="14:14">
      <c r="N704099" s="10"/>
    </row>
    <row r="704100" spans="14:14">
      <c r="N704100" s="10"/>
    </row>
    <row r="704101" spans="14:14">
      <c r="N704101" s="10"/>
    </row>
    <row r="704102" spans="14:14">
      <c r="N704102" s="10"/>
    </row>
    <row r="704103" spans="14:14">
      <c r="N704103" s="10"/>
    </row>
    <row r="704104" spans="14:14">
      <c r="N704104" s="10"/>
    </row>
    <row r="704105" spans="14:14">
      <c r="N704105" s="10"/>
    </row>
    <row r="704106" spans="14:14">
      <c r="N704106" s="10"/>
    </row>
    <row r="704107" spans="14:14">
      <c r="N704107" s="10"/>
    </row>
    <row r="704108" spans="14:14">
      <c r="N704108" s="10"/>
    </row>
    <row r="704109" spans="14:14">
      <c r="N704109" s="10"/>
    </row>
    <row r="704110" spans="14:14">
      <c r="N704110" s="10"/>
    </row>
    <row r="704111" spans="14:14">
      <c r="N704111" s="10"/>
    </row>
    <row r="704112" spans="14:14">
      <c r="N704112" s="10"/>
    </row>
    <row r="704113" spans="14:14">
      <c r="N704113" s="10"/>
    </row>
    <row r="704114" spans="14:14">
      <c r="N704114" s="10"/>
    </row>
    <row r="704115" spans="14:14">
      <c r="N704115" s="10"/>
    </row>
    <row r="704116" spans="14:14">
      <c r="N704116" s="10"/>
    </row>
    <row r="704117" spans="14:14">
      <c r="N704117" s="10"/>
    </row>
    <row r="704118" spans="14:14">
      <c r="N704118" s="10"/>
    </row>
    <row r="704119" spans="14:14">
      <c r="N704119" s="10"/>
    </row>
    <row r="704120" spans="14:14">
      <c r="N704120" s="10"/>
    </row>
    <row r="704121" spans="14:14">
      <c r="N704121" s="10"/>
    </row>
    <row r="704122" spans="14:14">
      <c r="N704122" s="10"/>
    </row>
    <row r="704123" spans="14:14">
      <c r="N704123" s="10"/>
    </row>
    <row r="704124" spans="14:14">
      <c r="N704124" s="10"/>
    </row>
    <row r="704125" spans="14:14">
      <c r="N704125" s="10"/>
    </row>
    <row r="704126" spans="14:14">
      <c r="N704126" s="10"/>
    </row>
    <row r="704127" spans="14:14">
      <c r="N704127" s="10"/>
    </row>
    <row r="704128" spans="14:14">
      <c r="N704128" s="10"/>
    </row>
    <row r="704129" spans="14:14">
      <c r="N704129" s="10"/>
    </row>
    <row r="704130" spans="14:14">
      <c r="N704130" s="10"/>
    </row>
    <row r="704131" spans="14:14">
      <c r="N704131" s="10"/>
    </row>
    <row r="704132" spans="14:14">
      <c r="N704132" s="10"/>
    </row>
    <row r="704133" spans="14:14">
      <c r="N704133" s="10"/>
    </row>
    <row r="704134" spans="14:14">
      <c r="N704134" s="10"/>
    </row>
    <row r="704135" spans="14:14">
      <c r="N704135" s="10"/>
    </row>
    <row r="704136" spans="14:14">
      <c r="N704136" s="10"/>
    </row>
    <row r="704137" spans="14:14">
      <c r="N704137" s="10"/>
    </row>
    <row r="704138" spans="14:14">
      <c r="N704138" s="10"/>
    </row>
    <row r="704139" spans="14:14">
      <c r="N704139" s="10"/>
    </row>
    <row r="704140" spans="14:14">
      <c r="N704140" s="10"/>
    </row>
    <row r="704141" spans="14:14">
      <c r="N704141" s="10"/>
    </row>
    <row r="704142" spans="14:14">
      <c r="N704142" s="10"/>
    </row>
    <row r="704143" spans="14:14">
      <c r="N704143" s="10"/>
    </row>
    <row r="704144" spans="14:14">
      <c r="N704144" s="10"/>
    </row>
    <row r="704145" spans="14:14">
      <c r="N704145" s="10"/>
    </row>
    <row r="704146" spans="14:14">
      <c r="N704146" s="10"/>
    </row>
    <row r="704147" spans="14:14">
      <c r="N704147" s="10"/>
    </row>
    <row r="704148" spans="14:14">
      <c r="N704148" s="10"/>
    </row>
    <row r="704149" spans="14:14">
      <c r="N704149" s="10"/>
    </row>
    <row r="704150" spans="14:14">
      <c r="N704150" s="10"/>
    </row>
    <row r="704151" spans="14:14">
      <c r="N704151" s="10"/>
    </row>
    <row r="704152" spans="14:14">
      <c r="N704152" s="10"/>
    </row>
    <row r="704153" spans="14:14">
      <c r="N704153" s="10"/>
    </row>
    <row r="704154" spans="14:14">
      <c r="N704154" s="10"/>
    </row>
    <row r="704155" spans="14:14">
      <c r="N704155" s="10"/>
    </row>
    <row r="704156" spans="14:14">
      <c r="N704156" s="10"/>
    </row>
    <row r="704157" spans="14:14">
      <c r="N704157" s="10"/>
    </row>
    <row r="704158" spans="14:14">
      <c r="N704158" s="10"/>
    </row>
    <row r="704159" spans="14:14">
      <c r="N704159" s="10"/>
    </row>
    <row r="704160" spans="14:14">
      <c r="N704160" s="10"/>
    </row>
    <row r="704161" spans="14:14">
      <c r="N704161" s="10"/>
    </row>
    <row r="704162" spans="14:14">
      <c r="N704162" s="10"/>
    </row>
    <row r="704163" spans="14:14">
      <c r="N704163" s="10"/>
    </row>
    <row r="704164" spans="14:14">
      <c r="N704164" s="10"/>
    </row>
    <row r="704165" spans="14:14">
      <c r="N704165" s="10"/>
    </row>
    <row r="704166" spans="14:14">
      <c r="N704166" s="10"/>
    </row>
    <row r="704167" spans="14:14">
      <c r="N704167" s="10"/>
    </row>
    <row r="704168" spans="14:14">
      <c r="N704168" s="10"/>
    </row>
    <row r="704169" spans="14:14">
      <c r="N704169" s="10"/>
    </row>
    <row r="704170" spans="14:14">
      <c r="N704170" s="10"/>
    </row>
    <row r="704171" spans="14:14">
      <c r="N704171" s="10"/>
    </row>
    <row r="704172" spans="14:14">
      <c r="N704172" s="10"/>
    </row>
    <row r="704173" spans="14:14">
      <c r="N704173" s="10"/>
    </row>
    <row r="704174" spans="14:14">
      <c r="N704174" s="10"/>
    </row>
    <row r="704175" spans="14:14">
      <c r="N704175" s="10"/>
    </row>
    <row r="704176" spans="14:14">
      <c r="N704176" s="10"/>
    </row>
    <row r="704177" spans="14:14">
      <c r="N704177" s="10"/>
    </row>
    <row r="704178" spans="14:14">
      <c r="N704178" s="10"/>
    </row>
    <row r="704179" spans="14:14">
      <c r="N704179" s="10"/>
    </row>
    <row r="704180" spans="14:14">
      <c r="N704180" s="10"/>
    </row>
    <row r="704181" spans="14:14">
      <c r="N704181" s="10"/>
    </row>
    <row r="704182" spans="14:14">
      <c r="N704182" s="10"/>
    </row>
    <row r="704183" spans="14:14">
      <c r="N704183" s="10"/>
    </row>
    <row r="704184" spans="14:14">
      <c r="N704184" s="10"/>
    </row>
    <row r="704185" spans="14:14">
      <c r="N704185" s="10"/>
    </row>
    <row r="704186" spans="14:14">
      <c r="N704186" s="10"/>
    </row>
    <row r="704187" spans="14:14">
      <c r="N704187" s="10"/>
    </row>
    <row r="704188" spans="14:14">
      <c r="N704188" s="10"/>
    </row>
    <row r="704189" spans="14:14">
      <c r="N704189" s="10"/>
    </row>
    <row r="704190" spans="14:14">
      <c r="N704190" s="10"/>
    </row>
    <row r="704191" spans="14:14">
      <c r="N704191" s="10"/>
    </row>
    <row r="704192" spans="14:14">
      <c r="N704192" s="10"/>
    </row>
    <row r="704193" spans="14:14">
      <c r="N704193" s="10"/>
    </row>
    <row r="704194" spans="14:14">
      <c r="N704194" s="10"/>
    </row>
    <row r="704195" spans="14:14">
      <c r="N704195" s="10"/>
    </row>
    <row r="704196" spans="14:14">
      <c r="N704196" s="10"/>
    </row>
    <row r="704197" spans="14:14">
      <c r="N704197" s="10"/>
    </row>
    <row r="704198" spans="14:14">
      <c r="N704198" s="10"/>
    </row>
    <row r="704199" spans="14:14">
      <c r="N704199" s="10"/>
    </row>
    <row r="704200" spans="14:14">
      <c r="N704200" s="10"/>
    </row>
    <row r="704201" spans="14:14">
      <c r="N704201" s="10"/>
    </row>
    <row r="704202" spans="14:14">
      <c r="N704202" s="10"/>
    </row>
    <row r="704203" spans="14:14">
      <c r="N704203" s="10"/>
    </row>
    <row r="704204" spans="14:14">
      <c r="N704204" s="10"/>
    </row>
    <row r="704205" spans="14:14">
      <c r="N704205" s="10"/>
    </row>
    <row r="704206" spans="14:14">
      <c r="N704206" s="10"/>
    </row>
    <row r="704207" spans="14:14">
      <c r="N704207" s="10"/>
    </row>
    <row r="704208" spans="14:14">
      <c r="N704208" s="10"/>
    </row>
    <row r="704209" spans="14:14">
      <c r="N704209" s="10"/>
    </row>
    <row r="704210" spans="14:14">
      <c r="N704210" s="10"/>
    </row>
    <row r="704211" spans="14:14">
      <c r="N704211" s="10"/>
    </row>
    <row r="704212" spans="14:14">
      <c r="N704212" s="10"/>
    </row>
    <row r="704213" spans="14:14">
      <c r="N704213" s="10"/>
    </row>
    <row r="704214" spans="14:14">
      <c r="N704214" s="10"/>
    </row>
    <row r="704215" spans="14:14">
      <c r="N704215" s="10"/>
    </row>
    <row r="704216" spans="14:14">
      <c r="N704216" s="10"/>
    </row>
    <row r="704217" spans="14:14">
      <c r="N704217" s="10"/>
    </row>
    <row r="704218" spans="14:14">
      <c r="N704218" s="10"/>
    </row>
    <row r="704219" spans="14:14">
      <c r="N704219" s="10"/>
    </row>
    <row r="704220" spans="14:14">
      <c r="N704220" s="10"/>
    </row>
    <row r="704221" spans="14:14">
      <c r="N704221" s="10"/>
    </row>
    <row r="704222" spans="14:14">
      <c r="N704222" s="10"/>
    </row>
    <row r="704223" spans="14:14">
      <c r="N704223" s="10"/>
    </row>
    <row r="704224" spans="14:14">
      <c r="N704224" s="10"/>
    </row>
    <row r="704225" spans="14:14">
      <c r="N704225" s="10"/>
    </row>
    <row r="704226" spans="14:14">
      <c r="N704226" s="10"/>
    </row>
    <row r="704227" spans="14:14">
      <c r="N704227" s="10"/>
    </row>
    <row r="704228" spans="14:14">
      <c r="N704228" s="10"/>
    </row>
    <row r="704229" spans="14:14">
      <c r="N704229" s="10"/>
    </row>
    <row r="704230" spans="14:14">
      <c r="N704230" s="10"/>
    </row>
    <row r="704231" spans="14:14">
      <c r="N704231" s="10"/>
    </row>
    <row r="704232" spans="14:14">
      <c r="N704232" s="10"/>
    </row>
    <row r="704233" spans="14:14">
      <c r="N704233" s="10"/>
    </row>
    <row r="704234" spans="14:14">
      <c r="N704234" s="10"/>
    </row>
    <row r="704235" spans="14:14">
      <c r="N704235" s="10"/>
    </row>
    <row r="704236" spans="14:14">
      <c r="N704236" s="10"/>
    </row>
    <row r="704237" spans="14:14">
      <c r="N704237" s="10"/>
    </row>
    <row r="704238" spans="14:14">
      <c r="N704238" s="10"/>
    </row>
    <row r="704239" spans="14:14">
      <c r="N704239" s="10"/>
    </row>
    <row r="704240" spans="14:14">
      <c r="N704240" s="10"/>
    </row>
    <row r="704241" spans="14:14">
      <c r="N704241" s="10"/>
    </row>
    <row r="704242" spans="14:14">
      <c r="N704242" s="10"/>
    </row>
    <row r="704243" spans="14:14">
      <c r="N704243" s="10"/>
    </row>
    <row r="704244" spans="14:14">
      <c r="N704244" s="10"/>
    </row>
    <row r="704245" spans="14:14">
      <c r="N704245" s="10"/>
    </row>
    <row r="704246" spans="14:14">
      <c r="N704246" s="10"/>
    </row>
    <row r="704247" spans="14:14">
      <c r="N704247" s="10"/>
    </row>
    <row r="704248" spans="14:14">
      <c r="N704248" s="10"/>
    </row>
    <row r="704249" spans="14:14">
      <c r="N704249" s="10"/>
    </row>
    <row r="704250" spans="14:14">
      <c r="N704250" s="10"/>
    </row>
    <row r="704251" spans="14:14">
      <c r="N704251" s="10"/>
    </row>
    <row r="704252" spans="14:14">
      <c r="N704252" s="10"/>
    </row>
    <row r="704253" spans="14:14">
      <c r="N704253" s="10"/>
    </row>
    <row r="704254" spans="14:14">
      <c r="N704254" s="10"/>
    </row>
    <row r="704255" spans="14:14">
      <c r="N704255" s="10"/>
    </row>
    <row r="704256" spans="14:14">
      <c r="N704256" s="10"/>
    </row>
    <row r="704257" spans="14:14">
      <c r="N704257" s="10"/>
    </row>
    <row r="704258" spans="14:14">
      <c r="N704258" s="10"/>
    </row>
    <row r="704259" spans="14:14">
      <c r="N704259" s="10"/>
    </row>
    <row r="704260" spans="14:14">
      <c r="N704260" s="10"/>
    </row>
    <row r="704261" spans="14:14">
      <c r="N704261" s="10"/>
    </row>
    <row r="704262" spans="14:14">
      <c r="N704262" s="10"/>
    </row>
    <row r="704263" spans="14:14">
      <c r="N704263" s="10"/>
    </row>
    <row r="704264" spans="14:14">
      <c r="N704264" s="10"/>
    </row>
    <row r="704265" spans="14:14">
      <c r="N704265" s="10"/>
    </row>
    <row r="704266" spans="14:14">
      <c r="N704266" s="10"/>
    </row>
    <row r="704267" spans="14:14">
      <c r="N704267" s="10"/>
    </row>
    <row r="704268" spans="14:14">
      <c r="N704268" s="10"/>
    </row>
    <row r="704269" spans="14:14">
      <c r="N704269" s="10"/>
    </row>
    <row r="704270" spans="14:14">
      <c r="N704270" s="10"/>
    </row>
    <row r="704271" spans="14:14">
      <c r="N704271" s="10"/>
    </row>
    <row r="704272" spans="14:14">
      <c r="N704272" s="10"/>
    </row>
    <row r="704273" spans="14:14">
      <c r="N704273" s="10"/>
    </row>
    <row r="704274" spans="14:14">
      <c r="N704274" s="10"/>
    </row>
    <row r="704275" spans="14:14">
      <c r="N704275" s="10"/>
    </row>
    <row r="704276" spans="14:14">
      <c r="N704276" s="10"/>
    </row>
    <row r="704277" spans="14:14">
      <c r="N704277" s="10"/>
    </row>
    <row r="704278" spans="14:14">
      <c r="N704278" s="10"/>
    </row>
    <row r="704279" spans="14:14">
      <c r="N704279" s="10"/>
    </row>
    <row r="704280" spans="14:14">
      <c r="N704280" s="10"/>
    </row>
    <row r="704281" spans="14:14">
      <c r="N704281" s="10"/>
    </row>
    <row r="704282" spans="14:14">
      <c r="N704282" s="10"/>
    </row>
    <row r="704283" spans="14:14">
      <c r="N704283" s="10"/>
    </row>
    <row r="704284" spans="14:14">
      <c r="N704284" s="10"/>
    </row>
    <row r="704285" spans="14:14">
      <c r="N704285" s="10"/>
    </row>
    <row r="704286" spans="14:14">
      <c r="N704286" s="10"/>
    </row>
    <row r="704287" spans="14:14">
      <c r="N704287" s="10"/>
    </row>
    <row r="704288" spans="14:14">
      <c r="N704288" s="10"/>
    </row>
    <row r="704289" spans="14:14">
      <c r="N704289" s="10"/>
    </row>
    <row r="704290" spans="14:14">
      <c r="N704290" s="10"/>
    </row>
    <row r="704291" spans="14:14">
      <c r="N704291" s="10"/>
    </row>
    <row r="704292" spans="14:14">
      <c r="N704292" s="10"/>
    </row>
    <row r="704293" spans="14:14">
      <c r="N704293" s="10"/>
    </row>
    <row r="704294" spans="14:14">
      <c r="N704294" s="10"/>
    </row>
    <row r="704295" spans="14:14">
      <c r="N704295" s="10"/>
    </row>
    <row r="704296" spans="14:14">
      <c r="N704296" s="10"/>
    </row>
    <row r="704297" spans="14:14">
      <c r="N704297" s="10"/>
    </row>
    <row r="704298" spans="14:14">
      <c r="N704298" s="10"/>
    </row>
    <row r="704299" spans="14:14">
      <c r="N704299" s="10"/>
    </row>
    <row r="704300" spans="14:14">
      <c r="N704300" s="10"/>
    </row>
    <row r="704301" spans="14:14">
      <c r="N704301" s="10"/>
    </row>
    <row r="704302" spans="14:14">
      <c r="N704302" s="10"/>
    </row>
    <row r="704303" spans="14:14">
      <c r="N704303" s="10"/>
    </row>
    <row r="704304" spans="14:14">
      <c r="N704304" s="10"/>
    </row>
    <row r="704305" spans="14:14">
      <c r="N704305" s="10"/>
    </row>
    <row r="704306" spans="14:14">
      <c r="N704306" s="10"/>
    </row>
    <row r="704307" spans="14:14">
      <c r="N704307" s="10"/>
    </row>
    <row r="704308" spans="14:14">
      <c r="N704308" s="10"/>
    </row>
    <row r="704309" spans="14:14">
      <c r="N704309" s="10"/>
    </row>
    <row r="704310" spans="14:14">
      <c r="N704310" s="10"/>
    </row>
    <row r="704311" spans="14:14">
      <c r="N704311" s="10"/>
    </row>
    <row r="704312" spans="14:14">
      <c r="N704312" s="10"/>
    </row>
    <row r="704313" spans="14:14">
      <c r="N704313" s="10"/>
    </row>
    <row r="704314" spans="14:14">
      <c r="N704314" s="10"/>
    </row>
    <row r="704315" spans="14:14">
      <c r="N704315" s="10"/>
    </row>
    <row r="704316" spans="14:14">
      <c r="N704316" s="10"/>
    </row>
    <row r="704317" spans="14:14">
      <c r="N704317" s="10"/>
    </row>
    <row r="704318" spans="14:14">
      <c r="N704318" s="10"/>
    </row>
    <row r="704319" spans="14:14">
      <c r="N704319" s="10"/>
    </row>
    <row r="704320" spans="14:14">
      <c r="N704320" s="10"/>
    </row>
    <row r="704321" spans="14:14">
      <c r="N704321" s="10"/>
    </row>
    <row r="704322" spans="14:14">
      <c r="N704322" s="10"/>
    </row>
    <row r="704323" spans="14:14">
      <c r="N704323" s="10"/>
    </row>
    <row r="704324" spans="14:14">
      <c r="N704324" s="10"/>
    </row>
    <row r="704325" spans="14:14">
      <c r="N704325" s="10"/>
    </row>
    <row r="704326" spans="14:14">
      <c r="N704326" s="10"/>
    </row>
    <row r="704327" spans="14:14">
      <c r="N704327" s="10"/>
    </row>
    <row r="704328" spans="14:14">
      <c r="N704328" s="10"/>
    </row>
    <row r="704329" spans="14:14">
      <c r="N704329" s="10"/>
    </row>
    <row r="704330" spans="14:14">
      <c r="N704330" s="10"/>
    </row>
    <row r="704331" spans="14:14">
      <c r="N704331" s="10"/>
    </row>
    <row r="704332" spans="14:14">
      <c r="N704332" s="10"/>
    </row>
    <row r="704333" spans="14:14">
      <c r="N704333" s="10"/>
    </row>
    <row r="704334" spans="14:14">
      <c r="N704334" s="10"/>
    </row>
    <row r="704335" spans="14:14">
      <c r="N704335" s="10"/>
    </row>
    <row r="704336" spans="14:14">
      <c r="N704336" s="10"/>
    </row>
    <row r="704337" spans="14:14">
      <c r="N704337" s="10"/>
    </row>
    <row r="704338" spans="14:14">
      <c r="N704338" s="10"/>
    </row>
    <row r="704339" spans="14:14">
      <c r="N704339" s="10"/>
    </row>
    <row r="704340" spans="14:14">
      <c r="N704340" s="10"/>
    </row>
    <row r="704341" spans="14:14">
      <c r="N704341" s="10"/>
    </row>
    <row r="704342" spans="14:14">
      <c r="N704342" s="10"/>
    </row>
    <row r="704343" spans="14:14">
      <c r="N704343" s="10"/>
    </row>
    <row r="704344" spans="14:14">
      <c r="N704344" s="10"/>
    </row>
    <row r="704345" spans="14:14">
      <c r="N704345" s="10"/>
    </row>
    <row r="704346" spans="14:14">
      <c r="N704346" s="10"/>
    </row>
    <row r="704347" spans="14:14">
      <c r="N704347" s="10"/>
    </row>
    <row r="704348" spans="14:14">
      <c r="N704348" s="10"/>
    </row>
    <row r="704349" spans="14:14">
      <c r="N704349" s="10"/>
    </row>
    <row r="704350" spans="14:14">
      <c r="N704350" s="10"/>
    </row>
    <row r="704351" spans="14:14">
      <c r="N704351" s="10"/>
    </row>
    <row r="704352" spans="14:14">
      <c r="N704352" s="10"/>
    </row>
    <row r="704353" spans="14:14">
      <c r="N704353" s="10"/>
    </row>
    <row r="704354" spans="14:14">
      <c r="N704354" s="10"/>
    </row>
    <row r="704355" spans="14:14">
      <c r="N704355" s="10"/>
    </row>
    <row r="704356" spans="14:14">
      <c r="N704356" s="10"/>
    </row>
    <row r="704357" spans="14:14">
      <c r="N704357" s="10"/>
    </row>
    <row r="704358" spans="14:14">
      <c r="N704358" s="10"/>
    </row>
    <row r="704359" spans="14:14">
      <c r="N704359" s="10"/>
    </row>
    <row r="704360" spans="14:14">
      <c r="N704360" s="10"/>
    </row>
    <row r="704361" spans="14:14">
      <c r="N704361" s="10"/>
    </row>
    <row r="704362" spans="14:14">
      <c r="N704362" s="10"/>
    </row>
    <row r="704363" spans="14:14">
      <c r="N704363" s="10"/>
    </row>
    <row r="704364" spans="14:14">
      <c r="N704364" s="10"/>
    </row>
    <row r="704365" spans="14:14">
      <c r="N704365" s="10"/>
    </row>
    <row r="704366" spans="14:14">
      <c r="N704366" s="10"/>
    </row>
    <row r="704367" spans="14:14">
      <c r="N704367" s="10"/>
    </row>
    <row r="704368" spans="14:14">
      <c r="N704368" s="10"/>
    </row>
    <row r="704369" spans="14:14">
      <c r="N704369" s="10"/>
    </row>
    <row r="704370" spans="14:14">
      <c r="N704370" s="10"/>
    </row>
    <row r="704371" spans="14:14">
      <c r="N704371" s="10"/>
    </row>
    <row r="704372" spans="14:14">
      <c r="N704372" s="10"/>
    </row>
    <row r="704373" spans="14:14">
      <c r="N704373" s="10"/>
    </row>
    <row r="704374" spans="14:14">
      <c r="N704374" s="10"/>
    </row>
    <row r="704375" spans="14:14">
      <c r="N704375" s="10"/>
    </row>
    <row r="704376" spans="14:14">
      <c r="N704376" s="10"/>
    </row>
    <row r="704377" spans="14:14">
      <c r="N704377" s="10"/>
    </row>
    <row r="704378" spans="14:14">
      <c r="N704378" s="10"/>
    </row>
    <row r="704379" spans="14:14">
      <c r="N704379" s="10"/>
    </row>
    <row r="704380" spans="14:14">
      <c r="N704380" s="10"/>
    </row>
    <row r="704381" spans="14:14">
      <c r="N704381" s="10"/>
    </row>
    <row r="704382" spans="14:14">
      <c r="N704382" s="10"/>
    </row>
    <row r="704383" spans="14:14">
      <c r="N704383" s="10"/>
    </row>
    <row r="704384" spans="14:14">
      <c r="N704384" s="10"/>
    </row>
    <row r="704385" spans="14:14">
      <c r="N704385" s="10"/>
    </row>
    <row r="704386" spans="14:14">
      <c r="N704386" s="10"/>
    </row>
    <row r="704387" spans="14:14">
      <c r="N704387" s="10"/>
    </row>
    <row r="704388" spans="14:14">
      <c r="N704388" s="10"/>
    </row>
    <row r="704389" spans="14:14">
      <c r="N704389" s="10"/>
    </row>
    <row r="704390" spans="14:14">
      <c r="N704390" s="10"/>
    </row>
    <row r="704391" spans="14:14">
      <c r="N704391" s="10"/>
    </row>
    <row r="704392" spans="14:14">
      <c r="N704392" s="10"/>
    </row>
    <row r="704393" spans="14:14">
      <c r="N704393" s="10"/>
    </row>
    <row r="704394" spans="14:14">
      <c r="N704394" s="10"/>
    </row>
    <row r="704395" spans="14:14">
      <c r="N704395" s="10"/>
    </row>
    <row r="704396" spans="14:14">
      <c r="N704396" s="10"/>
    </row>
    <row r="704397" spans="14:14">
      <c r="N704397" s="10"/>
    </row>
    <row r="704398" spans="14:14">
      <c r="N704398" s="10"/>
    </row>
    <row r="704399" spans="14:14">
      <c r="N704399" s="10"/>
    </row>
    <row r="704400" spans="14:14">
      <c r="N704400" s="10"/>
    </row>
    <row r="704401" spans="14:14">
      <c r="N704401" s="10"/>
    </row>
    <row r="704402" spans="14:14">
      <c r="N704402" s="10"/>
    </row>
    <row r="704403" spans="14:14">
      <c r="N704403" s="10"/>
    </row>
    <row r="704404" spans="14:14">
      <c r="N704404" s="10"/>
    </row>
    <row r="704405" spans="14:14">
      <c r="N704405" s="10"/>
    </row>
    <row r="704406" spans="14:14">
      <c r="N704406" s="10"/>
    </row>
    <row r="704407" spans="14:14">
      <c r="N704407" s="10"/>
    </row>
    <row r="704408" spans="14:14">
      <c r="N704408" s="10"/>
    </row>
    <row r="704409" spans="14:14">
      <c r="N704409" s="10"/>
    </row>
    <row r="704410" spans="14:14">
      <c r="N704410" s="10"/>
    </row>
    <row r="704411" spans="14:14">
      <c r="N704411" s="10"/>
    </row>
    <row r="704412" spans="14:14">
      <c r="N704412" s="10"/>
    </row>
    <row r="704413" spans="14:14">
      <c r="N704413" s="10"/>
    </row>
    <row r="704414" spans="14:14">
      <c r="N704414" s="10"/>
    </row>
    <row r="704415" spans="14:14">
      <c r="N704415" s="10"/>
    </row>
    <row r="704416" spans="14:14">
      <c r="N704416" s="10"/>
    </row>
    <row r="704417" spans="14:14">
      <c r="N704417" s="10"/>
    </row>
    <row r="704418" spans="14:14">
      <c r="N704418" s="10"/>
    </row>
    <row r="704419" spans="14:14">
      <c r="N704419" s="10"/>
    </row>
    <row r="704420" spans="14:14">
      <c r="N704420" s="10"/>
    </row>
    <row r="704421" spans="14:14">
      <c r="N704421" s="10"/>
    </row>
    <row r="704422" spans="14:14">
      <c r="N704422" s="10"/>
    </row>
    <row r="704423" spans="14:14">
      <c r="N704423" s="10"/>
    </row>
    <row r="704424" spans="14:14">
      <c r="N704424" s="10"/>
    </row>
    <row r="704425" spans="14:14">
      <c r="N704425" s="10"/>
    </row>
    <row r="704426" spans="14:14">
      <c r="N704426" s="10"/>
    </row>
    <row r="704427" spans="14:14">
      <c r="N704427" s="10"/>
    </row>
    <row r="704428" spans="14:14">
      <c r="N704428" s="10"/>
    </row>
    <row r="704429" spans="14:14">
      <c r="N704429" s="10"/>
    </row>
    <row r="704430" spans="14:14">
      <c r="N704430" s="10"/>
    </row>
    <row r="704431" spans="14:14">
      <c r="N704431" s="10"/>
    </row>
    <row r="704432" spans="14:14">
      <c r="N704432" s="10"/>
    </row>
    <row r="704433" spans="14:14">
      <c r="N704433" s="10"/>
    </row>
    <row r="704434" spans="14:14">
      <c r="N704434" s="10"/>
    </row>
    <row r="704435" spans="14:14">
      <c r="N704435" s="10"/>
    </row>
    <row r="704436" spans="14:14">
      <c r="N704436" s="10"/>
    </row>
    <row r="704437" spans="14:14">
      <c r="N704437" s="10"/>
    </row>
    <row r="704438" spans="14:14">
      <c r="N704438" s="10"/>
    </row>
    <row r="704439" spans="14:14">
      <c r="N704439" s="10"/>
    </row>
    <row r="704440" spans="14:14">
      <c r="N704440" s="10"/>
    </row>
    <row r="704441" spans="14:14">
      <c r="N704441" s="10"/>
    </row>
    <row r="704442" spans="14:14">
      <c r="N704442" s="10"/>
    </row>
    <row r="704443" spans="14:14">
      <c r="N704443" s="10"/>
    </row>
    <row r="704444" spans="14:14">
      <c r="N704444" s="10"/>
    </row>
    <row r="704445" spans="14:14">
      <c r="N704445" s="10"/>
    </row>
    <row r="704446" spans="14:14">
      <c r="N704446" s="10"/>
    </row>
    <row r="704447" spans="14:14">
      <c r="N704447" s="10"/>
    </row>
    <row r="704448" spans="14:14">
      <c r="N704448" s="10"/>
    </row>
    <row r="704449" spans="14:14">
      <c r="N704449" s="10"/>
    </row>
    <row r="704450" spans="14:14">
      <c r="N704450" s="10"/>
    </row>
    <row r="704451" spans="14:14">
      <c r="N704451" s="10"/>
    </row>
    <row r="704452" spans="14:14">
      <c r="N704452" s="10"/>
    </row>
    <row r="704453" spans="14:14">
      <c r="N704453" s="10"/>
    </row>
    <row r="704454" spans="14:14">
      <c r="N704454" s="10"/>
    </row>
    <row r="704455" spans="14:14">
      <c r="N704455" s="10"/>
    </row>
    <row r="704456" spans="14:14">
      <c r="N704456" s="10"/>
    </row>
    <row r="704457" spans="14:14">
      <c r="N704457" s="10"/>
    </row>
    <row r="704458" spans="14:14">
      <c r="N704458" s="10"/>
    </row>
    <row r="704459" spans="14:14">
      <c r="N704459" s="10"/>
    </row>
    <row r="704460" spans="14:14">
      <c r="N704460" s="10"/>
    </row>
    <row r="704461" spans="14:14">
      <c r="N704461" s="10"/>
    </row>
    <row r="704462" spans="14:14">
      <c r="N704462" s="10"/>
    </row>
    <row r="704463" spans="14:14">
      <c r="N704463" s="10"/>
    </row>
    <row r="704464" spans="14:14">
      <c r="N704464" s="10"/>
    </row>
    <row r="704465" spans="14:14">
      <c r="N704465" s="10"/>
    </row>
    <row r="704466" spans="14:14">
      <c r="N704466" s="10"/>
    </row>
    <row r="704467" spans="14:14">
      <c r="N704467" s="10"/>
    </row>
    <row r="704468" spans="14:14">
      <c r="N704468" s="10"/>
    </row>
    <row r="704469" spans="14:14">
      <c r="N704469" s="10"/>
    </row>
    <row r="704470" spans="14:14">
      <c r="N704470" s="10"/>
    </row>
    <row r="704471" spans="14:14">
      <c r="N704471" s="10"/>
    </row>
    <row r="704472" spans="14:14">
      <c r="N704472" s="10"/>
    </row>
    <row r="704473" spans="14:14">
      <c r="N704473" s="10"/>
    </row>
    <row r="704474" spans="14:14">
      <c r="N704474" s="10"/>
    </row>
    <row r="704475" spans="14:14">
      <c r="N704475" s="10"/>
    </row>
    <row r="704476" spans="14:14">
      <c r="N704476" s="10"/>
    </row>
    <row r="704477" spans="14:14">
      <c r="N704477" s="10"/>
    </row>
    <row r="704478" spans="14:14">
      <c r="N704478" s="10"/>
    </row>
    <row r="704479" spans="14:14">
      <c r="N704479" s="10"/>
    </row>
    <row r="704480" spans="14:14">
      <c r="N704480" s="10"/>
    </row>
    <row r="704481" spans="14:14">
      <c r="N704481" s="10"/>
    </row>
    <row r="704482" spans="14:14">
      <c r="N704482" s="10"/>
    </row>
    <row r="704483" spans="14:14">
      <c r="N704483" s="10"/>
    </row>
    <row r="704484" spans="14:14">
      <c r="N704484" s="10"/>
    </row>
    <row r="704485" spans="14:14">
      <c r="N704485" s="10"/>
    </row>
    <row r="704486" spans="14:14">
      <c r="N704486" s="10"/>
    </row>
    <row r="704487" spans="14:14">
      <c r="N704487" s="10"/>
    </row>
    <row r="704488" spans="14:14">
      <c r="N704488" s="10"/>
    </row>
    <row r="704489" spans="14:14">
      <c r="N704489" s="10"/>
    </row>
    <row r="704490" spans="14:14">
      <c r="N704490" s="10"/>
    </row>
    <row r="704491" spans="14:14">
      <c r="N704491" s="10"/>
    </row>
    <row r="704492" spans="14:14">
      <c r="N704492" s="10"/>
    </row>
    <row r="704493" spans="14:14">
      <c r="N704493" s="10"/>
    </row>
    <row r="704494" spans="14:14">
      <c r="N704494" s="10"/>
    </row>
    <row r="704495" spans="14:14">
      <c r="N704495" s="10"/>
    </row>
    <row r="704496" spans="14:14">
      <c r="N704496" s="10"/>
    </row>
    <row r="704497" spans="14:14">
      <c r="N704497" s="10"/>
    </row>
    <row r="704498" spans="14:14">
      <c r="N704498" s="10"/>
    </row>
    <row r="704499" spans="14:14">
      <c r="N704499" s="10"/>
    </row>
    <row r="704500" spans="14:14">
      <c r="N704500" s="10"/>
    </row>
    <row r="704501" spans="14:14">
      <c r="N704501" s="10"/>
    </row>
    <row r="704502" spans="14:14">
      <c r="N704502" s="10"/>
    </row>
    <row r="704503" spans="14:14">
      <c r="N704503" s="10"/>
    </row>
    <row r="704504" spans="14:14">
      <c r="N704504" s="10"/>
    </row>
    <row r="704505" spans="14:14">
      <c r="N704505" s="10"/>
    </row>
    <row r="704506" spans="14:14">
      <c r="N704506" s="10"/>
    </row>
    <row r="704507" spans="14:14">
      <c r="N704507" s="10"/>
    </row>
    <row r="704508" spans="14:14">
      <c r="N704508" s="10"/>
    </row>
    <row r="704509" spans="14:14">
      <c r="N704509" s="10"/>
    </row>
    <row r="704510" spans="14:14">
      <c r="N704510" s="10"/>
    </row>
    <row r="704511" spans="14:14">
      <c r="N704511" s="10"/>
    </row>
    <row r="704512" spans="14:14">
      <c r="N704512" s="10"/>
    </row>
    <row r="704513" spans="14:14">
      <c r="N704513" s="10"/>
    </row>
    <row r="704514" spans="14:14">
      <c r="N704514" s="10"/>
    </row>
    <row r="704515" spans="14:14">
      <c r="N704515" s="10"/>
    </row>
    <row r="704516" spans="14:14">
      <c r="N704516" s="10"/>
    </row>
    <row r="704517" spans="14:14">
      <c r="N704517" s="10"/>
    </row>
    <row r="704518" spans="14:14">
      <c r="N704518" s="10"/>
    </row>
    <row r="704519" spans="14:14">
      <c r="N704519" s="10"/>
    </row>
    <row r="704520" spans="14:14">
      <c r="N704520" s="10"/>
    </row>
    <row r="704521" spans="14:14">
      <c r="N704521" s="10"/>
    </row>
    <row r="704522" spans="14:14">
      <c r="N704522" s="10"/>
    </row>
    <row r="704523" spans="14:14">
      <c r="N704523" s="10"/>
    </row>
    <row r="704524" spans="14:14">
      <c r="N704524" s="10"/>
    </row>
    <row r="704525" spans="14:14">
      <c r="N704525" s="10"/>
    </row>
    <row r="704526" spans="14:14">
      <c r="N704526" s="10"/>
    </row>
    <row r="704527" spans="14:14">
      <c r="N704527" s="10"/>
    </row>
    <row r="704528" spans="14:14">
      <c r="N704528" s="10"/>
    </row>
    <row r="704529" spans="14:14">
      <c r="N704529" s="10"/>
    </row>
    <row r="704530" spans="14:14">
      <c r="N704530" s="10"/>
    </row>
    <row r="704531" spans="14:14">
      <c r="N704531" s="10"/>
    </row>
    <row r="704532" spans="14:14">
      <c r="N704532" s="10"/>
    </row>
    <row r="704533" spans="14:14">
      <c r="N704533" s="10"/>
    </row>
    <row r="704534" spans="14:14">
      <c r="N704534" s="10"/>
    </row>
    <row r="704535" spans="14:14">
      <c r="N704535" s="10"/>
    </row>
    <row r="704536" spans="14:14">
      <c r="N704536" s="10"/>
    </row>
    <row r="704537" spans="14:14">
      <c r="N704537" s="10"/>
    </row>
    <row r="704538" spans="14:14">
      <c r="N704538" s="10"/>
    </row>
    <row r="704539" spans="14:14">
      <c r="N704539" s="10"/>
    </row>
    <row r="704540" spans="14:14">
      <c r="N704540" s="10"/>
    </row>
    <row r="704541" spans="14:14">
      <c r="N704541" s="10"/>
    </row>
    <row r="704542" spans="14:14">
      <c r="N704542" s="10"/>
    </row>
    <row r="704543" spans="14:14">
      <c r="N704543" s="10"/>
    </row>
    <row r="704544" spans="14:14">
      <c r="N704544" s="10"/>
    </row>
    <row r="704545" spans="14:14">
      <c r="N704545" s="10"/>
    </row>
    <row r="704546" spans="14:14">
      <c r="N704546" s="10"/>
    </row>
    <row r="704547" spans="14:14">
      <c r="N704547" s="10"/>
    </row>
    <row r="704548" spans="14:14">
      <c r="N704548" s="10"/>
    </row>
    <row r="704549" spans="14:14">
      <c r="N704549" s="10"/>
    </row>
    <row r="704550" spans="14:14">
      <c r="N704550" s="10"/>
    </row>
    <row r="704551" spans="14:14">
      <c r="N704551" s="10"/>
    </row>
    <row r="704552" spans="14:14">
      <c r="N704552" s="10"/>
    </row>
    <row r="704553" spans="14:14">
      <c r="N704553" s="10"/>
    </row>
    <row r="704554" spans="14:14">
      <c r="N704554" s="10"/>
    </row>
    <row r="704555" spans="14:14">
      <c r="N704555" s="10"/>
    </row>
    <row r="704556" spans="14:14">
      <c r="N704556" s="10"/>
    </row>
    <row r="704557" spans="14:14">
      <c r="N704557" s="10"/>
    </row>
    <row r="704558" spans="14:14">
      <c r="N704558" s="10"/>
    </row>
    <row r="704559" spans="14:14">
      <c r="N704559" s="10"/>
    </row>
    <row r="704560" spans="14:14">
      <c r="N704560" s="10"/>
    </row>
    <row r="704561" spans="14:14">
      <c r="N704561" s="10"/>
    </row>
    <row r="704562" spans="14:14">
      <c r="N704562" s="10"/>
    </row>
    <row r="704563" spans="14:14">
      <c r="N704563" s="10"/>
    </row>
    <row r="704564" spans="14:14">
      <c r="N704564" s="10"/>
    </row>
    <row r="704565" spans="14:14">
      <c r="N704565" s="10"/>
    </row>
    <row r="704566" spans="14:14">
      <c r="N704566" s="10"/>
    </row>
    <row r="704567" spans="14:14">
      <c r="N704567" s="10"/>
    </row>
    <row r="704568" spans="14:14">
      <c r="N704568" s="10"/>
    </row>
    <row r="704569" spans="14:14">
      <c r="N704569" s="10"/>
    </row>
    <row r="704570" spans="14:14">
      <c r="N704570" s="10"/>
    </row>
    <row r="704571" spans="14:14">
      <c r="N704571" s="10"/>
    </row>
    <row r="704572" spans="14:14">
      <c r="N704572" s="10"/>
    </row>
    <row r="704573" spans="14:14">
      <c r="N704573" s="10"/>
    </row>
    <row r="704574" spans="14:14">
      <c r="N704574" s="10"/>
    </row>
    <row r="704575" spans="14:14">
      <c r="N704575" s="10"/>
    </row>
    <row r="704576" spans="14:14">
      <c r="N704576" s="10"/>
    </row>
    <row r="704577" spans="14:14">
      <c r="N704577" s="10"/>
    </row>
    <row r="704578" spans="14:14">
      <c r="N704578" s="10"/>
    </row>
    <row r="704579" spans="14:14">
      <c r="N704579" s="10"/>
    </row>
    <row r="704580" spans="14:14">
      <c r="N704580" s="10"/>
    </row>
    <row r="704581" spans="14:14">
      <c r="N704581" s="10"/>
    </row>
    <row r="704582" spans="14:14">
      <c r="N704582" s="10"/>
    </row>
    <row r="704583" spans="14:14">
      <c r="N704583" s="10"/>
    </row>
    <row r="704584" spans="14:14">
      <c r="N704584" s="10"/>
    </row>
    <row r="704585" spans="14:14">
      <c r="N704585" s="10"/>
    </row>
    <row r="704586" spans="14:14">
      <c r="N704586" s="10"/>
    </row>
    <row r="704587" spans="14:14">
      <c r="N704587" s="10"/>
    </row>
    <row r="704588" spans="14:14">
      <c r="N704588" s="10"/>
    </row>
    <row r="704589" spans="14:14">
      <c r="N704589" s="10"/>
    </row>
    <row r="704590" spans="14:14">
      <c r="N704590" s="10"/>
    </row>
    <row r="704591" spans="14:14">
      <c r="N704591" s="10"/>
    </row>
    <row r="704592" spans="14:14">
      <c r="N704592" s="10"/>
    </row>
    <row r="704593" spans="14:14">
      <c r="N704593" s="10"/>
    </row>
    <row r="704594" spans="14:14">
      <c r="N704594" s="10"/>
    </row>
    <row r="704595" spans="14:14">
      <c r="N704595" s="10"/>
    </row>
    <row r="704596" spans="14:14">
      <c r="N704596" s="10"/>
    </row>
    <row r="704597" spans="14:14">
      <c r="N704597" s="10"/>
    </row>
    <row r="704598" spans="14:14">
      <c r="N704598" s="10"/>
    </row>
    <row r="704599" spans="14:14">
      <c r="N704599" s="10"/>
    </row>
    <row r="704600" spans="14:14">
      <c r="N704600" s="10"/>
    </row>
    <row r="704601" spans="14:14">
      <c r="N704601" s="10"/>
    </row>
    <row r="704602" spans="14:14">
      <c r="N704602" s="10"/>
    </row>
    <row r="704603" spans="14:14">
      <c r="N704603" s="10"/>
    </row>
    <row r="704604" spans="14:14">
      <c r="N704604" s="10"/>
    </row>
    <row r="704605" spans="14:14">
      <c r="N704605" s="10"/>
    </row>
    <row r="704606" spans="14:14">
      <c r="N704606" s="10"/>
    </row>
    <row r="704607" spans="14:14">
      <c r="N704607" s="10"/>
    </row>
    <row r="704608" spans="14:14">
      <c r="N704608" s="10"/>
    </row>
    <row r="704609" spans="14:14">
      <c r="N704609" s="10"/>
    </row>
    <row r="704610" spans="14:14">
      <c r="N704610" s="10"/>
    </row>
    <row r="704611" spans="14:14">
      <c r="N704611" s="10"/>
    </row>
    <row r="704612" spans="14:14">
      <c r="N704612" s="10"/>
    </row>
    <row r="704613" spans="14:14">
      <c r="N704613" s="10"/>
    </row>
    <row r="704614" spans="14:14">
      <c r="N704614" s="10"/>
    </row>
    <row r="704615" spans="14:14">
      <c r="N704615" s="10"/>
    </row>
    <row r="704616" spans="14:14">
      <c r="N704616" s="10"/>
    </row>
    <row r="704617" spans="14:14">
      <c r="N704617" s="10"/>
    </row>
    <row r="704618" spans="14:14">
      <c r="N704618" s="10"/>
    </row>
    <row r="704619" spans="14:14">
      <c r="N704619" s="10"/>
    </row>
    <row r="704620" spans="14:14">
      <c r="N704620" s="10"/>
    </row>
    <row r="704621" spans="14:14">
      <c r="N704621" s="10"/>
    </row>
    <row r="704622" spans="14:14">
      <c r="N704622" s="10"/>
    </row>
    <row r="704623" spans="14:14">
      <c r="N704623" s="10"/>
    </row>
    <row r="704624" spans="14:14">
      <c r="N704624" s="10"/>
    </row>
    <row r="704625" spans="14:14">
      <c r="N704625" s="10"/>
    </row>
    <row r="704626" spans="14:14">
      <c r="N704626" s="10"/>
    </row>
    <row r="704627" spans="14:14">
      <c r="N704627" s="10"/>
    </row>
    <row r="704628" spans="14:14">
      <c r="N704628" s="10"/>
    </row>
    <row r="704629" spans="14:14">
      <c r="N704629" s="10"/>
    </row>
    <row r="704630" spans="14:14">
      <c r="N704630" s="10"/>
    </row>
    <row r="704631" spans="14:14">
      <c r="N704631" s="10"/>
    </row>
    <row r="704632" spans="14:14">
      <c r="N704632" s="10"/>
    </row>
    <row r="704633" spans="14:14">
      <c r="N704633" s="10"/>
    </row>
    <row r="704634" spans="14:14">
      <c r="N704634" s="10"/>
    </row>
    <row r="704635" spans="14:14">
      <c r="N704635" s="10"/>
    </row>
    <row r="704636" spans="14:14">
      <c r="N704636" s="10"/>
    </row>
    <row r="704637" spans="14:14">
      <c r="N704637" s="10"/>
    </row>
    <row r="704638" spans="14:14">
      <c r="N704638" s="10"/>
    </row>
    <row r="704639" spans="14:14">
      <c r="N704639" s="10"/>
    </row>
    <row r="704640" spans="14:14">
      <c r="N704640" s="10"/>
    </row>
    <row r="704641" spans="14:14">
      <c r="N704641" s="10"/>
    </row>
    <row r="704642" spans="14:14">
      <c r="N704642" s="10"/>
    </row>
    <row r="704643" spans="14:14">
      <c r="N704643" s="10"/>
    </row>
    <row r="704644" spans="14:14">
      <c r="N704644" s="10"/>
    </row>
    <row r="704645" spans="14:14">
      <c r="N704645" s="10"/>
    </row>
    <row r="704646" spans="14:14">
      <c r="N704646" s="10"/>
    </row>
    <row r="704647" spans="14:14">
      <c r="N704647" s="10"/>
    </row>
    <row r="704648" spans="14:14">
      <c r="N704648" s="10"/>
    </row>
    <row r="704649" spans="14:14">
      <c r="N704649" s="10"/>
    </row>
    <row r="704650" spans="14:14">
      <c r="N704650" s="10"/>
    </row>
    <row r="704651" spans="14:14">
      <c r="N704651" s="10"/>
    </row>
    <row r="704652" spans="14:14">
      <c r="N704652" s="10"/>
    </row>
    <row r="704653" spans="14:14">
      <c r="N704653" s="10"/>
    </row>
    <row r="704654" spans="14:14">
      <c r="N704654" s="10"/>
    </row>
    <row r="704655" spans="14:14">
      <c r="N704655" s="10"/>
    </row>
    <row r="704656" spans="14:14">
      <c r="N704656" s="10"/>
    </row>
    <row r="704657" spans="14:14">
      <c r="N704657" s="10"/>
    </row>
    <row r="704658" spans="14:14">
      <c r="N704658" s="10"/>
    </row>
    <row r="704659" spans="14:14">
      <c r="N704659" s="10"/>
    </row>
    <row r="704660" spans="14:14">
      <c r="N704660" s="10"/>
    </row>
    <row r="704661" spans="14:14">
      <c r="N704661" s="10"/>
    </row>
    <row r="704662" spans="14:14">
      <c r="N704662" s="10"/>
    </row>
    <row r="704663" spans="14:14">
      <c r="N704663" s="10"/>
    </row>
    <row r="704664" spans="14:14">
      <c r="N704664" s="10"/>
    </row>
    <row r="704665" spans="14:14">
      <c r="N704665" s="10"/>
    </row>
    <row r="704666" spans="14:14">
      <c r="N704666" s="10"/>
    </row>
    <row r="704667" spans="14:14">
      <c r="N704667" s="10"/>
    </row>
    <row r="704668" spans="14:14">
      <c r="N704668" s="10"/>
    </row>
    <row r="704669" spans="14:14">
      <c r="N704669" s="10"/>
    </row>
    <row r="704670" spans="14:14">
      <c r="N704670" s="10"/>
    </row>
    <row r="704671" spans="14:14">
      <c r="N704671" s="10"/>
    </row>
    <row r="704672" spans="14:14">
      <c r="N704672" s="10"/>
    </row>
    <row r="704673" spans="14:14">
      <c r="N704673" s="10"/>
    </row>
    <row r="704674" spans="14:14">
      <c r="N704674" s="10"/>
    </row>
    <row r="704675" spans="14:14">
      <c r="N704675" s="10"/>
    </row>
    <row r="704676" spans="14:14">
      <c r="N704676" s="10"/>
    </row>
    <row r="704677" spans="14:14">
      <c r="N704677" s="10"/>
    </row>
    <row r="704678" spans="14:14">
      <c r="N704678" s="10"/>
    </row>
    <row r="704679" spans="14:14">
      <c r="N704679" s="10"/>
    </row>
    <row r="704680" spans="14:14">
      <c r="N704680" s="10"/>
    </row>
    <row r="704681" spans="14:14">
      <c r="N704681" s="10"/>
    </row>
    <row r="704682" spans="14:14">
      <c r="N704682" s="10"/>
    </row>
    <row r="704683" spans="14:14">
      <c r="N704683" s="10"/>
    </row>
    <row r="704684" spans="14:14">
      <c r="N704684" s="10"/>
    </row>
    <row r="704685" spans="14:14">
      <c r="N704685" s="10"/>
    </row>
    <row r="704686" spans="14:14">
      <c r="N704686" s="10"/>
    </row>
    <row r="704687" spans="14:14">
      <c r="N704687" s="10"/>
    </row>
    <row r="704688" spans="14:14">
      <c r="N704688" s="10"/>
    </row>
    <row r="704689" spans="14:14">
      <c r="N704689" s="10"/>
    </row>
    <row r="704690" spans="14:14">
      <c r="N704690" s="10"/>
    </row>
    <row r="704691" spans="14:14">
      <c r="N704691" s="10"/>
    </row>
    <row r="704692" spans="14:14">
      <c r="N704692" s="10"/>
    </row>
    <row r="704693" spans="14:14">
      <c r="N704693" s="10"/>
    </row>
    <row r="704694" spans="14:14">
      <c r="N704694" s="10"/>
    </row>
    <row r="704695" spans="14:14">
      <c r="N704695" s="10"/>
    </row>
    <row r="704696" spans="14:14">
      <c r="N704696" s="10"/>
    </row>
    <row r="704697" spans="14:14">
      <c r="N704697" s="10"/>
    </row>
    <row r="704698" spans="14:14">
      <c r="N704698" s="10"/>
    </row>
    <row r="704699" spans="14:14">
      <c r="N704699" s="10"/>
    </row>
    <row r="704700" spans="14:14">
      <c r="N704700" s="10"/>
    </row>
    <row r="704701" spans="14:14">
      <c r="N704701" s="10"/>
    </row>
    <row r="704702" spans="14:14">
      <c r="N704702" s="10"/>
    </row>
    <row r="704703" spans="14:14">
      <c r="N704703" s="10"/>
    </row>
    <row r="704704" spans="14:14">
      <c r="N704704" s="10"/>
    </row>
    <row r="704705" spans="14:14">
      <c r="N704705" s="10"/>
    </row>
    <row r="704706" spans="14:14">
      <c r="N704706" s="10"/>
    </row>
    <row r="704707" spans="14:14">
      <c r="N704707" s="10"/>
    </row>
    <row r="704708" spans="14:14">
      <c r="N704708" s="10"/>
    </row>
    <row r="704709" spans="14:14">
      <c r="N704709" s="10"/>
    </row>
    <row r="704710" spans="14:14">
      <c r="N704710" s="10"/>
    </row>
    <row r="704711" spans="14:14">
      <c r="N704711" s="10"/>
    </row>
    <row r="704712" spans="14:14">
      <c r="N704712" s="10"/>
    </row>
    <row r="704713" spans="14:14">
      <c r="N704713" s="10"/>
    </row>
    <row r="704714" spans="14:14">
      <c r="N704714" s="10"/>
    </row>
    <row r="704715" spans="14:14">
      <c r="N704715" s="10"/>
    </row>
    <row r="704716" spans="14:14">
      <c r="N704716" s="10"/>
    </row>
    <row r="704717" spans="14:14">
      <c r="N704717" s="10"/>
    </row>
    <row r="704718" spans="14:14">
      <c r="N704718" s="10"/>
    </row>
    <row r="704719" spans="14:14">
      <c r="N704719" s="10"/>
    </row>
    <row r="704720" spans="14:14">
      <c r="N704720" s="10"/>
    </row>
    <row r="704721" spans="14:14">
      <c r="N704721" s="10"/>
    </row>
    <row r="704722" spans="14:14">
      <c r="N704722" s="10"/>
    </row>
    <row r="704723" spans="14:14">
      <c r="N704723" s="10"/>
    </row>
    <row r="704724" spans="14:14">
      <c r="N704724" s="10"/>
    </row>
    <row r="704725" spans="14:14">
      <c r="N704725" s="10"/>
    </row>
    <row r="704726" spans="14:14">
      <c r="N704726" s="10"/>
    </row>
    <row r="704727" spans="14:14">
      <c r="N704727" s="10"/>
    </row>
    <row r="704728" spans="14:14">
      <c r="N704728" s="10"/>
    </row>
    <row r="704729" spans="14:14">
      <c r="N704729" s="10"/>
    </row>
    <row r="704730" spans="14:14">
      <c r="N704730" s="10"/>
    </row>
    <row r="704731" spans="14:14">
      <c r="N704731" s="10"/>
    </row>
    <row r="704732" spans="14:14">
      <c r="N704732" s="10"/>
    </row>
    <row r="704733" spans="14:14">
      <c r="N704733" s="10"/>
    </row>
    <row r="704734" spans="14:14">
      <c r="N704734" s="10"/>
    </row>
    <row r="704735" spans="14:14">
      <c r="N704735" s="10"/>
    </row>
    <row r="704736" spans="14:14">
      <c r="N704736" s="10"/>
    </row>
    <row r="704737" spans="14:14">
      <c r="N704737" s="10"/>
    </row>
    <row r="704738" spans="14:14">
      <c r="N704738" s="10"/>
    </row>
    <row r="704739" spans="14:14">
      <c r="N704739" s="10"/>
    </row>
    <row r="704740" spans="14:14">
      <c r="N704740" s="10"/>
    </row>
    <row r="704741" spans="14:14">
      <c r="N704741" s="10"/>
    </row>
    <row r="704742" spans="14:14">
      <c r="N704742" s="10"/>
    </row>
    <row r="704743" spans="14:14">
      <c r="N704743" s="10"/>
    </row>
    <row r="704744" spans="14:14">
      <c r="N704744" s="10"/>
    </row>
    <row r="704745" spans="14:14">
      <c r="N704745" s="10"/>
    </row>
    <row r="704746" spans="14:14">
      <c r="N704746" s="10"/>
    </row>
    <row r="704747" spans="14:14">
      <c r="N704747" s="10"/>
    </row>
    <row r="704748" spans="14:14">
      <c r="N704748" s="10"/>
    </row>
    <row r="704749" spans="14:14">
      <c r="N704749" s="10"/>
    </row>
    <row r="704750" spans="14:14">
      <c r="N704750" s="10"/>
    </row>
    <row r="704751" spans="14:14">
      <c r="N704751" s="10"/>
    </row>
    <row r="704752" spans="14:14">
      <c r="N704752" s="10"/>
    </row>
    <row r="704753" spans="14:14">
      <c r="N704753" s="10"/>
    </row>
    <row r="704754" spans="14:14">
      <c r="N704754" s="10"/>
    </row>
    <row r="704755" spans="14:14">
      <c r="N704755" s="10"/>
    </row>
    <row r="704756" spans="14:14">
      <c r="N704756" s="10"/>
    </row>
    <row r="704757" spans="14:14">
      <c r="N704757" s="10"/>
    </row>
    <row r="704758" spans="14:14">
      <c r="N704758" s="10"/>
    </row>
    <row r="704759" spans="14:14">
      <c r="N704759" s="10"/>
    </row>
    <row r="704760" spans="14:14">
      <c r="N704760" s="10"/>
    </row>
    <row r="704761" spans="14:14">
      <c r="N704761" s="10"/>
    </row>
    <row r="704762" spans="14:14">
      <c r="N704762" s="10"/>
    </row>
    <row r="704763" spans="14:14">
      <c r="N704763" s="10"/>
    </row>
    <row r="704764" spans="14:14">
      <c r="N704764" s="10"/>
    </row>
    <row r="704765" spans="14:14">
      <c r="N704765" s="10"/>
    </row>
    <row r="704766" spans="14:14">
      <c r="N704766" s="10"/>
    </row>
    <row r="704767" spans="14:14">
      <c r="N704767" s="10"/>
    </row>
    <row r="704768" spans="14:14">
      <c r="N704768" s="10"/>
    </row>
    <row r="704769" spans="14:14">
      <c r="N704769" s="10"/>
    </row>
    <row r="704770" spans="14:14">
      <c r="N704770" s="10"/>
    </row>
    <row r="704771" spans="14:14">
      <c r="N704771" s="10"/>
    </row>
    <row r="704772" spans="14:14">
      <c r="N704772" s="10"/>
    </row>
    <row r="704773" spans="14:14">
      <c r="N704773" s="10"/>
    </row>
    <row r="704774" spans="14:14">
      <c r="N704774" s="10"/>
    </row>
    <row r="704775" spans="14:14">
      <c r="N704775" s="10"/>
    </row>
    <row r="704776" spans="14:14">
      <c r="N704776" s="10"/>
    </row>
    <row r="704777" spans="14:14">
      <c r="N704777" s="10"/>
    </row>
    <row r="704778" spans="14:14">
      <c r="N704778" s="10"/>
    </row>
    <row r="704779" spans="14:14">
      <c r="N704779" s="10"/>
    </row>
    <row r="704780" spans="14:14">
      <c r="N704780" s="10"/>
    </row>
    <row r="704781" spans="14:14">
      <c r="N704781" s="10"/>
    </row>
    <row r="704782" spans="14:14">
      <c r="N704782" s="10"/>
    </row>
    <row r="704783" spans="14:14">
      <c r="N704783" s="10"/>
    </row>
    <row r="704784" spans="14:14">
      <c r="N704784" s="10"/>
    </row>
    <row r="704785" spans="14:14">
      <c r="N704785" s="10"/>
    </row>
    <row r="704786" spans="14:14">
      <c r="N704786" s="10"/>
    </row>
    <row r="704787" spans="14:14">
      <c r="N704787" s="10"/>
    </row>
    <row r="704788" spans="14:14">
      <c r="N704788" s="10"/>
    </row>
    <row r="704789" spans="14:14">
      <c r="N704789" s="10"/>
    </row>
    <row r="704790" spans="14:14">
      <c r="N704790" s="10"/>
    </row>
    <row r="704791" spans="14:14">
      <c r="N704791" s="10"/>
    </row>
    <row r="704792" spans="14:14">
      <c r="N704792" s="10"/>
    </row>
    <row r="704793" spans="14:14">
      <c r="N704793" s="10"/>
    </row>
    <row r="704794" spans="14:14">
      <c r="N704794" s="10"/>
    </row>
    <row r="704795" spans="14:14">
      <c r="N704795" s="10"/>
    </row>
    <row r="704796" spans="14:14">
      <c r="N704796" s="10"/>
    </row>
    <row r="704797" spans="14:14">
      <c r="N704797" s="10"/>
    </row>
    <row r="704798" spans="14:14">
      <c r="N704798" s="10"/>
    </row>
    <row r="704799" spans="14:14">
      <c r="N704799" s="10"/>
    </row>
    <row r="704800" spans="14:14">
      <c r="N704800" s="10"/>
    </row>
    <row r="704801" spans="14:14">
      <c r="N704801" s="10"/>
    </row>
    <row r="704802" spans="14:14">
      <c r="N704802" s="10"/>
    </row>
    <row r="704803" spans="14:14">
      <c r="N704803" s="10"/>
    </row>
    <row r="704804" spans="14:14">
      <c r="N704804" s="10"/>
    </row>
    <row r="704805" spans="14:14">
      <c r="N704805" s="10"/>
    </row>
    <row r="704806" spans="14:14">
      <c r="N704806" s="10"/>
    </row>
    <row r="704807" spans="14:14">
      <c r="N704807" s="10"/>
    </row>
    <row r="704808" spans="14:14">
      <c r="N704808" s="10"/>
    </row>
    <row r="704809" spans="14:14">
      <c r="N704809" s="10"/>
    </row>
    <row r="704810" spans="14:14">
      <c r="N704810" s="10"/>
    </row>
    <row r="704811" spans="14:14">
      <c r="N704811" s="10"/>
    </row>
    <row r="704812" spans="14:14">
      <c r="N704812" s="10"/>
    </row>
    <row r="704813" spans="14:14">
      <c r="N704813" s="10"/>
    </row>
    <row r="704814" spans="14:14">
      <c r="N704814" s="10"/>
    </row>
    <row r="704815" spans="14:14">
      <c r="N704815" s="10"/>
    </row>
    <row r="704816" spans="14:14">
      <c r="N704816" s="10"/>
    </row>
    <row r="704817" spans="14:14">
      <c r="N704817" s="10"/>
    </row>
    <row r="704818" spans="14:14">
      <c r="N704818" s="10"/>
    </row>
    <row r="704819" spans="14:14">
      <c r="N704819" s="10"/>
    </row>
    <row r="704820" spans="14:14">
      <c r="N704820" s="10"/>
    </row>
    <row r="704821" spans="14:14">
      <c r="N704821" s="10"/>
    </row>
    <row r="704822" spans="14:14">
      <c r="N704822" s="10"/>
    </row>
    <row r="704823" spans="14:14">
      <c r="N704823" s="10"/>
    </row>
    <row r="704824" spans="14:14">
      <c r="N704824" s="10"/>
    </row>
    <row r="704825" spans="14:14">
      <c r="N704825" s="10"/>
    </row>
    <row r="704826" spans="14:14">
      <c r="N704826" s="10"/>
    </row>
    <row r="704827" spans="14:14">
      <c r="N704827" s="10"/>
    </row>
    <row r="704828" spans="14:14">
      <c r="N704828" s="10"/>
    </row>
    <row r="704829" spans="14:14">
      <c r="N704829" s="10"/>
    </row>
    <row r="704830" spans="14:14">
      <c r="N704830" s="10"/>
    </row>
    <row r="704831" spans="14:14">
      <c r="N704831" s="10"/>
    </row>
    <row r="704832" spans="14:14">
      <c r="N704832" s="10"/>
    </row>
    <row r="704833" spans="14:14">
      <c r="N704833" s="10"/>
    </row>
    <row r="704834" spans="14:14">
      <c r="N704834" s="10"/>
    </row>
    <row r="704835" spans="14:14">
      <c r="N704835" s="10"/>
    </row>
    <row r="704836" spans="14:14">
      <c r="N704836" s="10"/>
    </row>
    <row r="704837" spans="14:14">
      <c r="N704837" s="10"/>
    </row>
    <row r="704838" spans="14:14">
      <c r="N704838" s="10"/>
    </row>
    <row r="704839" spans="14:14">
      <c r="N704839" s="10"/>
    </row>
    <row r="704840" spans="14:14">
      <c r="N704840" s="10"/>
    </row>
    <row r="704841" spans="14:14">
      <c r="N704841" s="10"/>
    </row>
    <row r="704842" spans="14:14">
      <c r="N704842" s="10"/>
    </row>
    <row r="704843" spans="14:14">
      <c r="N704843" s="10"/>
    </row>
    <row r="704844" spans="14:14">
      <c r="N704844" s="10"/>
    </row>
    <row r="704845" spans="14:14">
      <c r="N704845" s="10"/>
    </row>
    <row r="704846" spans="14:14">
      <c r="N704846" s="10"/>
    </row>
    <row r="704847" spans="14:14">
      <c r="N704847" s="10"/>
    </row>
    <row r="704848" spans="14:14">
      <c r="N704848" s="10"/>
    </row>
    <row r="704849" spans="14:14">
      <c r="N704849" s="10"/>
    </row>
    <row r="704850" spans="14:14">
      <c r="N704850" s="10"/>
    </row>
    <row r="704851" spans="14:14">
      <c r="N704851" s="10"/>
    </row>
    <row r="704852" spans="14:14">
      <c r="N704852" s="10"/>
    </row>
    <row r="704853" spans="14:14">
      <c r="N704853" s="10"/>
    </row>
    <row r="704854" spans="14:14">
      <c r="N704854" s="10"/>
    </row>
    <row r="704855" spans="14:14">
      <c r="N704855" s="10"/>
    </row>
    <row r="704856" spans="14:14">
      <c r="N704856" s="10"/>
    </row>
    <row r="704857" spans="14:14">
      <c r="N704857" s="10"/>
    </row>
    <row r="704858" spans="14:14">
      <c r="N704858" s="10"/>
    </row>
    <row r="704859" spans="14:14">
      <c r="N704859" s="10"/>
    </row>
    <row r="704860" spans="14:14">
      <c r="N704860" s="10"/>
    </row>
    <row r="704861" spans="14:14">
      <c r="N704861" s="10"/>
    </row>
    <row r="704862" spans="14:14">
      <c r="N704862" s="10"/>
    </row>
    <row r="704863" spans="14:14">
      <c r="N704863" s="10"/>
    </row>
    <row r="704864" spans="14:14">
      <c r="N704864" s="10"/>
    </row>
    <row r="704865" spans="14:14">
      <c r="N704865" s="10"/>
    </row>
    <row r="704866" spans="14:14">
      <c r="N704866" s="10"/>
    </row>
    <row r="704867" spans="14:14">
      <c r="N704867" s="10"/>
    </row>
    <row r="704868" spans="14:14">
      <c r="N704868" s="10"/>
    </row>
    <row r="704869" spans="14:14">
      <c r="N704869" s="10"/>
    </row>
    <row r="704870" spans="14:14">
      <c r="N704870" s="10"/>
    </row>
    <row r="704871" spans="14:14">
      <c r="N704871" s="10"/>
    </row>
    <row r="704872" spans="14:14">
      <c r="N704872" s="10"/>
    </row>
    <row r="704873" spans="14:14">
      <c r="N704873" s="10"/>
    </row>
    <row r="704874" spans="14:14">
      <c r="N704874" s="10"/>
    </row>
    <row r="704875" spans="14:14">
      <c r="N704875" s="10"/>
    </row>
    <row r="704876" spans="14:14">
      <c r="N704876" s="10"/>
    </row>
    <row r="704877" spans="14:14">
      <c r="N704877" s="10"/>
    </row>
    <row r="704878" spans="14:14">
      <c r="N704878" s="10"/>
    </row>
    <row r="704879" spans="14:14">
      <c r="N704879" s="10"/>
    </row>
    <row r="704880" spans="14:14">
      <c r="N704880" s="10"/>
    </row>
    <row r="704881" spans="14:14">
      <c r="N704881" s="10"/>
    </row>
    <row r="704882" spans="14:14">
      <c r="N704882" s="10"/>
    </row>
    <row r="704883" spans="14:14">
      <c r="N704883" s="10"/>
    </row>
    <row r="704884" spans="14:14">
      <c r="N704884" s="10"/>
    </row>
    <row r="704885" spans="14:14">
      <c r="N704885" s="10"/>
    </row>
    <row r="704886" spans="14:14">
      <c r="N704886" s="10"/>
    </row>
    <row r="704887" spans="14:14">
      <c r="N704887" s="10"/>
    </row>
    <row r="704888" spans="14:14">
      <c r="N704888" s="10"/>
    </row>
    <row r="704889" spans="14:14">
      <c r="N704889" s="10"/>
    </row>
    <row r="704890" spans="14:14">
      <c r="N704890" s="10"/>
    </row>
    <row r="704891" spans="14:14">
      <c r="N704891" s="10"/>
    </row>
    <row r="704892" spans="14:14">
      <c r="N704892" s="10"/>
    </row>
    <row r="704893" spans="14:14">
      <c r="N704893" s="10"/>
    </row>
    <row r="704894" spans="14:14">
      <c r="N704894" s="10"/>
    </row>
    <row r="704895" spans="14:14">
      <c r="N704895" s="10"/>
    </row>
    <row r="704896" spans="14:14">
      <c r="N704896" s="10"/>
    </row>
    <row r="704897" spans="14:14">
      <c r="N704897" s="10"/>
    </row>
    <row r="704898" spans="14:14">
      <c r="N704898" s="10"/>
    </row>
    <row r="704899" spans="14:14">
      <c r="N704899" s="10"/>
    </row>
    <row r="704900" spans="14:14">
      <c r="N704900" s="10"/>
    </row>
    <row r="704901" spans="14:14">
      <c r="N704901" s="10"/>
    </row>
    <row r="704902" spans="14:14">
      <c r="N704902" s="10"/>
    </row>
    <row r="704903" spans="14:14">
      <c r="N704903" s="10"/>
    </row>
    <row r="704904" spans="14:14">
      <c r="N704904" s="10"/>
    </row>
    <row r="704905" spans="14:14">
      <c r="N704905" s="10"/>
    </row>
    <row r="704906" spans="14:14">
      <c r="N704906" s="10"/>
    </row>
    <row r="704907" spans="14:14">
      <c r="N704907" s="10"/>
    </row>
    <row r="704908" spans="14:14">
      <c r="N704908" s="10"/>
    </row>
    <row r="704909" spans="14:14">
      <c r="N704909" s="10"/>
    </row>
    <row r="704910" spans="14:14">
      <c r="N704910" s="10"/>
    </row>
    <row r="704911" spans="14:14">
      <c r="N704911" s="10"/>
    </row>
    <row r="704912" spans="14:14">
      <c r="N704912" s="10"/>
    </row>
    <row r="704913" spans="14:14">
      <c r="N704913" s="10"/>
    </row>
    <row r="704914" spans="14:14">
      <c r="N704914" s="10"/>
    </row>
    <row r="704915" spans="14:14">
      <c r="N704915" s="10"/>
    </row>
    <row r="704916" spans="14:14">
      <c r="N704916" s="10"/>
    </row>
    <row r="704917" spans="14:14">
      <c r="N704917" s="10"/>
    </row>
    <row r="704918" spans="14:14">
      <c r="N704918" s="10"/>
    </row>
    <row r="704919" spans="14:14">
      <c r="N704919" s="10"/>
    </row>
    <row r="704920" spans="14:14">
      <c r="N704920" s="10"/>
    </row>
    <row r="704921" spans="14:14">
      <c r="N704921" s="10"/>
    </row>
    <row r="704922" spans="14:14">
      <c r="N704922" s="10"/>
    </row>
    <row r="704923" spans="14:14">
      <c r="N704923" s="10"/>
    </row>
    <row r="704924" spans="14:14">
      <c r="N704924" s="10"/>
    </row>
    <row r="704925" spans="14:14">
      <c r="N704925" s="10"/>
    </row>
    <row r="704926" spans="14:14">
      <c r="N704926" s="10"/>
    </row>
    <row r="704927" spans="14:14">
      <c r="N704927" s="10"/>
    </row>
    <row r="704928" spans="14:14">
      <c r="N704928" s="10"/>
    </row>
    <row r="704929" spans="14:14">
      <c r="N704929" s="10"/>
    </row>
    <row r="704930" spans="14:14">
      <c r="N704930" s="10"/>
    </row>
    <row r="704931" spans="14:14">
      <c r="N704931" s="10"/>
    </row>
    <row r="704932" spans="14:14">
      <c r="N704932" s="10"/>
    </row>
    <row r="704933" spans="14:14">
      <c r="N704933" s="10"/>
    </row>
    <row r="704934" spans="14:14">
      <c r="N704934" s="10"/>
    </row>
    <row r="704935" spans="14:14">
      <c r="N704935" s="10"/>
    </row>
    <row r="704936" spans="14:14">
      <c r="N704936" s="10"/>
    </row>
    <row r="704937" spans="14:14">
      <c r="N704937" s="10"/>
    </row>
    <row r="704938" spans="14:14">
      <c r="N704938" s="10"/>
    </row>
    <row r="704939" spans="14:14">
      <c r="N704939" s="10"/>
    </row>
    <row r="704940" spans="14:14">
      <c r="N704940" s="10"/>
    </row>
    <row r="704941" spans="14:14">
      <c r="N704941" s="10"/>
    </row>
    <row r="704942" spans="14:14">
      <c r="N704942" s="10"/>
    </row>
    <row r="704943" spans="14:14">
      <c r="N704943" s="10"/>
    </row>
    <row r="704944" spans="14:14">
      <c r="N704944" s="10"/>
    </row>
    <row r="704945" spans="14:14">
      <c r="N704945" s="10"/>
    </row>
    <row r="704946" spans="14:14">
      <c r="N704946" s="10"/>
    </row>
    <row r="704947" spans="14:14">
      <c r="N704947" s="10"/>
    </row>
    <row r="704948" spans="14:14">
      <c r="N704948" s="10"/>
    </row>
    <row r="704949" spans="14:14">
      <c r="N704949" s="10"/>
    </row>
    <row r="704950" spans="14:14">
      <c r="N704950" s="10"/>
    </row>
    <row r="704951" spans="14:14">
      <c r="N704951" s="10"/>
    </row>
    <row r="704952" spans="14:14">
      <c r="N704952" s="10"/>
    </row>
    <row r="704953" spans="14:14">
      <c r="N704953" s="10"/>
    </row>
    <row r="704954" spans="14:14">
      <c r="N704954" s="10"/>
    </row>
    <row r="704955" spans="14:14">
      <c r="N704955" s="10"/>
    </row>
    <row r="704956" spans="14:14">
      <c r="N704956" s="10"/>
    </row>
    <row r="704957" spans="14:14">
      <c r="N704957" s="10"/>
    </row>
    <row r="704958" spans="14:14">
      <c r="N704958" s="10"/>
    </row>
    <row r="704959" spans="14:14">
      <c r="N704959" s="10"/>
    </row>
    <row r="704960" spans="14:14">
      <c r="N704960" s="10"/>
    </row>
    <row r="704961" spans="14:14">
      <c r="N704961" s="10"/>
    </row>
    <row r="704962" spans="14:14">
      <c r="N704962" s="10"/>
    </row>
    <row r="704963" spans="14:14">
      <c r="N704963" s="10"/>
    </row>
    <row r="704964" spans="14:14">
      <c r="N704964" s="10"/>
    </row>
    <row r="704965" spans="14:14">
      <c r="N704965" s="10"/>
    </row>
    <row r="704966" spans="14:14">
      <c r="N704966" s="10"/>
    </row>
    <row r="704967" spans="14:14">
      <c r="N704967" s="10"/>
    </row>
    <row r="704968" spans="14:14">
      <c r="N704968" s="10"/>
    </row>
    <row r="704969" spans="14:14">
      <c r="N704969" s="10"/>
    </row>
    <row r="704970" spans="14:14">
      <c r="N704970" s="10"/>
    </row>
    <row r="704971" spans="14:14">
      <c r="N704971" s="10"/>
    </row>
    <row r="704972" spans="14:14">
      <c r="N704972" s="10"/>
    </row>
    <row r="704973" spans="14:14">
      <c r="N704973" s="10"/>
    </row>
    <row r="704974" spans="14:14">
      <c r="N704974" s="10"/>
    </row>
    <row r="704975" spans="14:14">
      <c r="N704975" s="10"/>
    </row>
    <row r="704976" spans="14:14">
      <c r="N704976" s="10"/>
    </row>
    <row r="704977" spans="14:14">
      <c r="N704977" s="10"/>
    </row>
    <row r="704978" spans="14:14">
      <c r="N704978" s="10"/>
    </row>
    <row r="704979" spans="14:14">
      <c r="N704979" s="10"/>
    </row>
    <row r="704980" spans="14:14">
      <c r="N704980" s="10"/>
    </row>
    <row r="704981" spans="14:14">
      <c r="N704981" s="10"/>
    </row>
    <row r="704982" spans="14:14">
      <c r="N704982" s="10"/>
    </row>
    <row r="704983" spans="14:14">
      <c r="N704983" s="10"/>
    </row>
    <row r="704984" spans="14:14">
      <c r="N704984" s="10"/>
    </row>
    <row r="704985" spans="14:14">
      <c r="N704985" s="10"/>
    </row>
    <row r="704986" spans="14:14">
      <c r="N704986" s="10"/>
    </row>
    <row r="704987" spans="14:14">
      <c r="N704987" s="10"/>
    </row>
    <row r="704988" spans="14:14">
      <c r="N704988" s="10"/>
    </row>
    <row r="704989" spans="14:14">
      <c r="N704989" s="10"/>
    </row>
    <row r="704990" spans="14:14">
      <c r="N704990" s="10"/>
    </row>
    <row r="704991" spans="14:14">
      <c r="N704991" s="10"/>
    </row>
    <row r="704992" spans="14:14">
      <c r="N704992" s="10"/>
    </row>
    <row r="704993" spans="14:14">
      <c r="N704993" s="10"/>
    </row>
    <row r="704994" spans="14:14">
      <c r="N704994" s="10"/>
    </row>
    <row r="704995" spans="14:14">
      <c r="N704995" s="10"/>
    </row>
    <row r="704996" spans="14:14">
      <c r="N704996" s="10"/>
    </row>
    <row r="704997" spans="14:14">
      <c r="N704997" s="10"/>
    </row>
    <row r="704998" spans="14:14">
      <c r="N704998" s="10"/>
    </row>
    <row r="704999" spans="14:14">
      <c r="N704999" s="10"/>
    </row>
    <row r="705000" spans="14:14">
      <c r="N705000" s="10"/>
    </row>
    <row r="705001" spans="14:14">
      <c r="N705001" s="10"/>
    </row>
    <row r="705002" spans="14:14">
      <c r="N705002" s="10"/>
    </row>
    <row r="705003" spans="14:14">
      <c r="N705003" s="10"/>
    </row>
    <row r="705004" spans="14:14">
      <c r="N705004" s="10"/>
    </row>
    <row r="705005" spans="14:14">
      <c r="N705005" s="10"/>
    </row>
    <row r="705006" spans="14:14">
      <c r="N705006" s="10"/>
    </row>
    <row r="705007" spans="14:14">
      <c r="N705007" s="10"/>
    </row>
    <row r="705008" spans="14:14">
      <c r="N705008" s="10"/>
    </row>
    <row r="705009" spans="14:14">
      <c r="N705009" s="10"/>
    </row>
    <row r="705010" spans="14:14">
      <c r="N705010" s="10"/>
    </row>
    <row r="705011" spans="14:14">
      <c r="N705011" s="10"/>
    </row>
    <row r="705012" spans="14:14">
      <c r="N705012" s="10"/>
    </row>
    <row r="705013" spans="14:14">
      <c r="N705013" s="10"/>
    </row>
    <row r="705014" spans="14:14">
      <c r="N705014" s="10"/>
    </row>
    <row r="705015" spans="14:14">
      <c r="N705015" s="10"/>
    </row>
    <row r="705016" spans="14:14">
      <c r="N705016" s="10"/>
    </row>
    <row r="705017" spans="14:14">
      <c r="N705017" s="10"/>
    </row>
    <row r="705018" spans="14:14">
      <c r="N705018" s="10"/>
    </row>
    <row r="705019" spans="14:14">
      <c r="N705019" s="10"/>
    </row>
    <row r="705020" spans="14:14">
      <c r="N705020" s="10"/>
    </row>
    <row r="705021" spans="14:14">
      <c r="N705021" s="10"/>
    </row>
    <row r="705022" spans="14:14">
      <c r="N705022" s="10"/>
    </row>
    <row r="705023" spans="14:14">
      <c r="N705023" s="10"/>
    </row>
    <row r="705024" spans="14:14">
      <c r="N705024" s="10"/>
    </row>
    <row r="705025" spans="14:14">
      <c r="N705025" s="10"/>
    </row>
    <row r="705026" spans="14:14">
      <c r="N705026" s="10"/>
    </row>
    <row r="705027" spans="14:14">
      <c r="N705027" s="10"/>
    </row>
    <row r="705028" spans="14:14">
      <c r="N705028" s="10"/>
    </row>
    <row r="705029" spans="14:14">
      <c r="N705029" s="10"/>
    </row>
    <row r="705030" spans="14:14">
      <c r="N705030" s="10"/>
    </row>
    <row r="705031" spans="14:14">
      <c r="N705031" s="10"/>
    </row>
    <row r="705032" spans="14:14">
      <c r="N705032" s="10"/>
    </row>
    <row r="705033" spans="14:14">
      <c r="N705033" s="10"/>
    </row>
    <row r="705034" spans="14:14">
      <c r="N705034" s="10"/>
    </row>
    <row r="705035" spans="14:14">
      <c r="N705035" s="10"/>
    </row>
    <row r="705036" spans="14:14">
      <c r="N705036" s="10"/>
    </row>
    <row r="705037" spans="14:14">
      <c r="N705037" s="10"/>
    </row>
    <row r="705038" spans="14:14">
      <c r="N705038" s="10"/>
    </row>
    <row r="705039" spans="14:14">
      <c r="N705039" s="10"/>
    </row>
    <row r="705040" spans="14:14">
      <c r="N705040" s="10"/>
    </row>
    <row r="705041" spans="14:14">
      <c r="N705041" s="10"/>
    </row>
    <row r="705042" spans="14:14">
      <c r="N705042" s="10"/>
    </row>
    <row r="705043" spans="14:14">
      <c r="N705043" s="10"/>
    </row>
    <row r="705044" spans="14:14">
      <c r="N705044" s="10"/>
    </row>
    <row r="705045" spans="14:14">
      <c r="N705045" s="10"/>
    </row>
    <row r="705046" spans="14:14">
      <c r="N705046" s="10"/>
    </row>
    <row r="705047" spans="14:14">
      <c r="N705047" s="10"/>
    </row>
    <row r="705048" spans="14:14">
      <c r="N705048" s="10"/>
    </row>
    <row r="705049" spans="14:14">
      <c r="N705049" s="10"/>
    </row>
    <row r="705050" spans="14:14">
      <c r="N705050" s="10"/>
    </row>
    <row r="705051" spans="14:14">
      <c r="N705051" s="10"/>
    </row>
    <row r="705052" spans="14:14">
      <c r="N705052" s="10"/>
    </row>
    <row r="705053" spans="14:14">
      <c r="N705053" s="10"/>
    </row>
    <row r="705054" spans="14:14">
      <c r="N705054" s="10"/>
    </row>
    <row r="705055" spans="14:14">
      <c r="N705055" s="10"/>
    </row>
    <row r="705056" spans="14:14">
      <c r="N705056" s="10"/>
    </row>
    <row r="705057" spans="14:14">
      <c r="N705057" s="10"/>
    </row>
    <row r="705058" spans="14:14">
      <c r="N705058" s="10"/>
    </row>
    <row r="705059" spans="14:14">
      <c r="N705059" s="10"/>
    </row>
    <row r="705060" spans="14:14">
      <c r="N705060" s="10"/>
    </row>
    <row r="705061" spans="14:14">
      <c r="N705061" s="10"/>
    </row>
    <row r="705062" spans="14:14">
      <c r="N705062" s="10"/>
    </row>
    <row r="705063" spans="14:14">
      <c r="N705063" s="10"/>
    </row>
    <row r="705064" spans="14:14">
      <c r="N705064" s="10"/>
    </row>
    <row r="705065" spans="14:14">
      <c r="N705065" s="10"/>
    </row>
    <row r="705066" spans="14:14">
      <c r="N705066" s="10"/>
    </row>
    <row r="705067" spans="14:14">
      <c r="N705067" s="10"/>
    </row>
    <row r="705068" spans="14:14">
      <c r="N705068" s="10"/>
    </row>
    <row r="705069" spans="14:14">
      <c r="N705069" s="10"/>
    </row>
    <row r="705070" spans="14:14">
      <c r="N705070" s="10"/>
    </row>
    <row r="705071" spans="14:14">
      <c r="N705071" s="10"/>
    </row>
    <row r="705072" spans="14:14">
      <c r="N705072" s="10"/>
    </row>
    <row r="705073" spans="14:14">
      <c r="N705073" s="10"/>
    </row>
    <row r="705074" spans="14:14">
      <c r="N705074" s="10"/>
    </row>
    <row r="705075" spans="14:14">
      <c r="N705075" s="10"/>
    </row>
    <row r="705076" spans="14:14">
      <c r="N705076" s="10"/>
    </row>
    <row r="705077" spans="14:14">
      <c r="N705077" s="10"/>
    </row>
    <row r="705078" spans="14:14">
      <c r="N705078" s="10"/>
    </row>
    <row r="705079" spans="14:14">
      <c r="N705079" s="10"/>
    </row>
    <row r="705080" spans="14:14">
      <c r="N705080" s="10"/>
    </row>
    <row r="705081" spans="14:14">
      <c r="N705081" s="10"/>
    </row>
    <row r="705082" spans="14:14">
      <c r="N705082" s="10"/>
    </row>
    <row r="705083" spans="14:14">
      <c r="N705083" s="10"/>
    </row>
    <row r="705084" spans="14:14">
      <c r="N705084" s="10"/>
    </row>
    <row r="705085" spans="14:14">
      <c r="N705085" s="10"/>
    </row>
    <row r="705086" spans="14:14">
      <c r="N705086" s="10"/>
    </row>
    <row r="705087" spans="14:14">
      <c r="N705087" s="10"/>
    </row>
    <row r="705088" spans="14:14">
      <c r="N705088" s="10"/>
    </row>
    <row r="705089" spans="14:14">
      <c r="N705089" s="10"/>
    </row>
    <row r="705090" spans="14:14">
      <c r="N705090" s="10"/>
    </row>
    <row r="705091" spans="14:14">
      <c r="N705091" s="10"/>
    </row>
    <row r="705092" spans="14:14">
      <c r="N705092" s="10"/>
    </row>
    <row r="705093" spans="14:14">
      <c r="N705093" s="10"/>
    </row>
    <row r="705094" spans="14:14">
      <c r="N705094" s="10"/>
    </row>
    <row r="705095" spans="14:14">
      <c r="N705095" s="10"/>
    </row>
    <row r="705096" spans="14:14">
      <c r="N705096" s="10"/>
    </row>
    <row r="705097" spans="14:14">
      <c r="N705097" s="10"/>
    </row>
    <row r="705098" spans="14:14">
      <c r="N705098" s="10"/>
    </row>
    <row r="705099" spans="14:14">
      <c r="N705099" s="10"/>
    </row>
    <row r="705100" spans="14:14">
      <c r="N705100" s="10"/>
    </row>
    <row r="705101" spans="14:14">
      <c r="N705101" s="10"/>
    </row>
    <row r="705102" spans="14:14">
      <c r="N705102" s="10"/>
    </row>
    <row r="705103" spans="14:14">
      <c r="N705103" s="10"/>
    </row>
    <row r="705104" spans="14:14">
      <c r="N705104" s="10"/>
    </row>
    <row r="705105" spans="14:14">
      <c r="N705105" s="10"/>
    </row>
    <row r="705106" spans="14:14">
      <c r="N705106" s="10"/>
    </row>
    <row r="705107" spans="14:14">
      <c r="N705107" s="10"/>
    </row>
    <row r="705108" spans="14:14">
      <c r="N705108" s="10"/>
    </row>
    <row r="705109" spans="14:14">
      <c r="N705109" s="10"/>
    </row>
    <row r="705110" spans="14:14">
      <c r="N705110" s="10"/>
    </row>
    <row r="705111" spans="14:14">
      <c r="N705111" s="10"/>
    </row>
    <row r="705112" spans="14:14">
      <c r="N705112" s="10"/>
    </row>
    <row r="705113" spans="14:14">
      <c r="N705113" s="10"/>
    </row>
    <row r="705114" spans="14:14">
      <c r="N705114" s="10"/>
    </row>
    <row r="705115" spans="14:14">
      <c r="N705115" s="10"/>
    </row>
    <row r="705116" spans="14:14">
      <c r="N705116" s="10"/>
    </row>
    <row r="705117" spans="14:14">
      <c r="N705117" s="10"/>
    </row>
    <row r="705118" spans="14:14">
      <c r="N705118" s="10"/>
    </row>
    <row r="705119" spans="14:14">
      <c r="N705119" s="10"/>
    </row>
    <row r="705120" spans="14:14">
      <c r="N705120" s="10"/>
    </row>
    <row r="705121" spans="14:14">
      <c r="N705121" s="10"/>
    </row>
    <row r="705122" spans="14:14">
      <c r="N705122" s="10"/>
    </row>
    <row r="705123" spans="14:14">
      <c r="N705123" s="10"/>
    </row>
    <row r="705124" spans="14:14">
      <c r="N705124" s="10"/>
    </row>
    <row r="705125" spans="14:14">
      <c r="N705125" s="10"/>
    </row>
    <row r="705126" spans="14:14">
      <c r="N705126" s="10"/>
    </row>
    <row r="705127" spans="14:14">
      <c r="N705127" s="10"/>
    </row>
    <row r="705128" spans="14:14">
      <c r="N705128" s="10"/>
    </row>
    <row r="705129" spans="14:14">
      <c r="N705129" s="10"/>
    </row>
    <row r="705130" spans="14:14">
      <c r="N705130" s="10"/>
    </row>
    <row r="705131" spans="14:14">
      <c r="N705131" s="10"/>
    </row>
    <row r="705132" spans="14:14">
      <c r="N705132" s="10"/>
    </row>
    <row r="705133" spans="14:14">
      <c r="N705133" s="10"/>
    </row>
    <row r="705134" spans="14:14">
      <c r="N705134" s="10"/>
    </row>
    <row r="705135" spans="14:14">
      <c r="N705135" s="10"/>
    </row>
    <row r="705136" spans="14:14">
      <c r="N705136" s="10"/>
    </row>
    <row r="705137" spans="14:14">
      <c r="N705137" s="10"/>
    </row>
    <row r="705138" spans="14:14">
      <c r="N705138" s="10"/>
    </row>
    <row r="705139" spans="14:14">
      <c r="N705139" s="10"/>
    </row>
    <row r="705140" spans="14:14">
      <c r="N705140" s="10"/>
    </row>
    <row r="705141" spans="14:14">
      <c r="N705141" s="10"/>
    </row>
    <row r="705142" spans="14:14">
      <c r="N705142" s="10"/>
    </row>
    <row r="705143" spans="14:14">
      <c r="N705143" s="10"/>
    </row>
    <row r="705144" spans="14:14">
      <c r="N705144" s="10"/>
    </row>
    <row r="705145" spans="14:14">
      <c r="N705145" s="10"/>
    </row>
    <row r="705146" spans="14:14">
      <c r="N705146" s="10"/>
    </row>
    <row r="705147" spans="14:14">
      <c r="N705147" s="10"/>
    </row>
    <row r="705148" spans="14:14">
      <c r="N705148" s="10"/>
    </row>
    <row r="705149" spans="14:14">
      <c r="N705149" s="10"/>
    </row>
    <row r="705150" spans="14:14">
      <c r="N705150" s="10"/>
    </row>
    <row r="705151" spans="14:14">
      <c r="N705151" s="10"/>
    </row>
    <row r="705152" spans="14:14">
      <c r="N705152" s="10"/>
    </row>
    <row r="705153" spans="14:14">
      <c r="N705153" s="10"/>
    </row>
    <row r="705154" spans="14:14">
      <c r="N705154" s="10"/>
    </row>
    <row r="705155" spans="14:14">
      <c r="N705155" s="10"/>
    </row>
    <row r="705156" spans="14:14">
      <c r="N705156" s="10"/>
    </row>
    <row r="705157" spans="14:14">
      <c r="N705157" s="10"/>
    </row>
    <row r="705158" spans="14:14">
      <c r="N705158" s="10"/>
    </row>
    <row r="705159" spans="14:14">
      <c r="N705159" s="10"/>
    </row>
    <row r="705160" spans="14:14">
      <c r="N705160" s="10"/>
    </row>
    <row r="705161" spans="14:14">
      <c r="N705161" s="10"/>
    </row>
    <row r="705162" spans="14:14">
      <c r="N705162" s="10"/>
    </row>
    <row r="705163" spans="14:14">
      <c r="N705163" s="10"/>
    </row>
    <row r="705164" spans="14:14">
      <c r="N705164" s="10"/>
    </row>
    <row r="705165" spans="14:14">
      <c r="N705165" s="10"/>
    </row>
    <row r="705166" spans="14:14">
      <c r="N705166" s="10"/>
    </row>
    <row r="705167" spans="14:14">
      <c r="N705167" s="10"/>
    </row>
    <row r="705168" spans="14:14">
      <c r="N705168" s="10"/>
    </row>
    <row r="705169" spans="14:14">
      <c r="N705169" s="10"/>
    </row>
    <row r="705170" spans="14:14">
      <c r="N705170" s="10"/>
    </row>
    <row r="705171" spans="14:14">
      <c r="N705171" s="10"/>
    </row>
    <row r="705172" spans="14:14">
      <c r="N705172" s="10"/>
    </row>
    <row r="705173" spans="14:14">
      <c r="N705173" s="10"/>
    </row>
    <row r="705174" spans="14:14">
      <c r="N705174" s="10"/>
    </row>
    <row r="705175" spans="14:14">
      <c r="N705175" s="10"/>
    </row>
    <row r="705176" spans="14:14">
      <c r="N705176" s="10"/>
    </row>
    <row r="705177" spans="14:14">
      <c r="N705177" s="10"/>
    </row>
    <row r="705178" spans="14:14">
      <c r="N705178" s="10"/>
    </row>
    <row r="705179" spans="14:14">
      <c r="N705179" s="10"/>
    </row>
    <row r="705180" spans="14:14">
      <c r="N705180" s="10"/>
    </row>
    <row r="705181" spans="14:14">
      <c r="N705181" s="10"/>
    </row>
    <row r="705182" spans="14:14">
      <c r="N705182" s="10"/>
    </row>
    <row r="705183" spans="14:14">
      <c r="N705183" s="10"/>
    </row>
    <row r="705184" spans="14:14">
      <c r="N705184" s="10"/>
    </row>
    <row r="705185" spans="14:14">
      <c r="N705185" s="10"/>
    </row>
    <row r="705186" spans="14:14">
      <c r="N705186" s="10"/>
    </row>
    <row r="705187" spans="14:14">
      <c r="N705187" s="10"/>
    </row>
    <row r="705188" spans="14:14">
      <c r="N705188" s="10"/>
    </row>
    <row r="705189" spans="14:14">
      <c r="N705189" s="10"/>
    </row>
    <row r="705190" spans="14:14">
      <c r="N705190" s="10"/>
    </row>
    <row r="705191" spans="14:14">
      <c r="N705191" s="10"/>
    </row>
    <row r="705192" spans="14:14">
      <c r="N705192" s="10"/>
    </row>
    <row r="705193" spans="14:14">
      <c r="N705193" s="10"/>
    </row>
    <row r="705194" spans="14:14">
      <c r="N705194" s="10"/>
    </row>
    <row r="705195" spans="14:14">
      <c r="N705195" s="10"/>
    </row>
    <row r="705196" spans="14:14">
      <c r="N705196" s="10"/>
    </row>
    <row r="705197" spans="14:14">
      <c r="N705197" s="10"/>
    </row>
    <row r="705198" spans="14:14">
      <c r="N705198" s="10"/>
    </row>
    <row r="705199" spans="14:14">
      <c r="N705199" s="10"/>
    </row>
    <row r="705200" spans="14:14">
      <c r="N705200" s="10"/>
    </row>
    <row r="705201" spans="14:14">
      <c r="N705201" s="10"/>
    </row>
    <row r="705202" spans="14:14">
      <c r="N705202" s="10"/>
    </row>
    <row r="705203" spans="14:14">
      <c r="N705203" s="10"/>
    </row>
    <row r="705204" spans="14:14">
      <c r="N705204" s="10"/>
    </row>
    <row r="705205" spans="14:14">
      <c r="N705205" s="10"/>
    </row>
    <row r="705206" spans="14:14">
      <c r="N705206" s="10"/>
    </row>
    <row r="705207" spans="14:14">
      <c r="N705207" s="10"/>
    </row>
    <row r="705208" spans="14:14">
      <c r="N705208" s="10"/>
    </row>
    <row r="705209" spans="14:14">
      <c r="N705209" s="10"/>
    </row>
    <row r="705210" spans="14:14">
      <c r="N705210" s="10"/>
    </row>
    <row r="705211" spans="14:14">
      <c r="N705211" s="10"/>
    </row>
    <row r="705212" spans="14:14">
      <c r="N705212" s="10"/>
    </row>
    <row r="705213" spans="14:14">
      <c r="N705213" s="10"/>
    </row>
    <row r="705214" spans="14:14">
      <c r="N705214" s="10"/>
    </row>
    <row r="705215" spans="14:14">
      <c r="N705215" s="10"/>
    </row>
    <row r="705216" spans="14:14">
      <c r="N705216" s="10"/>
    </row>
    <row r="705217" spans="14:14">
      <c r="N705217" s="10"/>
    </row>
    <row r="705218" spans="14:14">
      <c r="N705218" s="10"/>
    </row>
    <row r="705219" spans="14:14">
      <c r="N705219" s="10"/>
    </row>
    <row r="705220" spans="14:14">
      <c r="N705220" s="10"/>
    </row>
    <row r="705221" spans="14:14">
      <c r="N705221" s="10"/>
    </row>
    <row r="705222" spans="14:14">
      <c r="N705222" s="10"/>
    </row>
    <row r="705223" spans="14:14">
      <c r="N705223" s="10"/>
    </row>
    <row r="705224" spans="14:14">
      <c r="N705224" s="10"/>
    </row>
    <row r="705225" spans="14:14">
      <c r="N705225" s="10"/>
    </row>
    <row r="705226" spans="14:14">
      <c r="N705226" s="10"/>
    </row>
    <row r="705227" spans="14:14">
      <c r="N705227" s="10"/>
    </row>
    <row r="705228" spans="14:14">
      <c r="N705228" s="10"/>
    </row>
    <row r="705229" spans="14:14">
      <c r="N705229" s="10"/>
    </row>
    <row r="705230" spans="14:14">
      <c r="N705230" s="10"/>
    </row>
    <row r="705231" spans="14:14">
      <c r="N705231" s="10"/>
    </row>
    <row r="705232" spans="14:14">
      <c r="N705232" s="10"/>
    </row>
    <row r="705233" spans="14:14">
      <c r="N705233" s="10"/>
    </row>
    <row r="705234" spans="14:14">
      <c r="N705234" s="10"/>
    </row>
    <row r="705235" spans="14:14">
      <c r="N705235" s="10"/>
    </row>
    <row r="705236" spans="14:14">
      <c r="N705236" s="10"/>
    </row>
    <row r="705237" spans="14:14">
      <c r="N705237" s="10"/>
    </row>
    <row r="705238" spans="14:14">
      <c r="N705238" s="10"/>
    </row>
    <row r="705239" spans="14:14">
      <c r="N705239" s="10"/>
    </row>
    <row r="705240" spans="14:14">
      <c r="N705240" s="10"/>
    </row>
    <row r="705241" spans="14:14">
      <c r="N705241" s="10"/>
    </row>
    <row r="705242" spans="14:14">
      <c r="N705242" s="10"/>
    </row>
    <row r="705243" spans="14:14">
      <c r="N705243" s="10"/>
    </row>
    <row r="705244" spans="14:14">
      <c r="N705244" s="10"/>
    </row>
    <row r="705245" spans="14:14">
      <c r="N705245" s="10"/>
    </row>
    <row r="705246" spans="14:14">
      <c r="N705246" s="10"/>
    </row>
    <row r="705247" spans="14:14">
      <c r="N705247" s="10"/>
    </row>
    <row r="705248" spans="14:14">
      <c r="N705248" s="10"/>
    </row>
    <row r="705249" spans="14:14">
      <c r="N705249" s="10"/>
    </row>
    <row r="705250" spans="14:14">
      <c r="N705250" s="10"/>
    </row>
    <row r="705251" spans="14:14">
      <c r="N705251" s="10"/>
    </row>
    <row r="705252" spans="14:14">
      <c r="N705252" s="10"/>
    </row>
    <row r="705253" spans="14:14">
      <c r="N705253" s="10"/>
    </row>
    <row r="705254" spans="14:14">
      <c r="N705254" s="10"/>
    </row>
    <row r="705255" spans="14:14">
      <c r="N705255" s="10"/>
    </row>
    <row r="705256" spans="14:14">
      <c r="N705256" s="10"/>
    </row>
    <row r="705257" spans="14:14">
      <c r="N705257" s="10"/>
    </row>
    <row r="705258" spans="14:14">
      <c r="N705258" s="10"/>
    </row>
    <row r="705259" spans="14:14">
      <c r="N705259" s="10"/>
    </row>
    <row r="705260" spans="14:14">
      <c r="N705260" s="10"/>
    </row>
    <row r="705261" spans="14:14">
      <c r="N705261" s="10"/>
    </row>
    <row r="705262" spans="14:14">
      <c r="N705262" s="10"/>
    </row>
    <row r="705263" spans="14:14">
      <c r="N705263" s="10"/>
    </row>
    <row r="705264" spans="14:14">
      <c r="N705264" s="10"/>
    </row>
    <row r="705265" spans="14:14">
      <c r="N705265" s="10"/>
    </row>
    <row r="705266" spans="14:14">
      <c r="N705266" s="10"/>
    </row>
    <row r="705267" spans="14:14">
      <c r="N705267" s="10"/>
    </row>
    <row r="705268" spans="14:14">
      <c r="N705268" s="10"/>
    </row>
    <row r="705269" spans="14:14">
      <c r="N705269" s="10"/>
    </row>
    <row r="705270" spans="14:14">
      <c r="N705270" s="10"/>
    </row>
    <row r="705271" spans="14:14">
      <c r="N705271" s="10"/>
    </row>
    <row r="705272" spans="14:14">
      <c r="N705272" s="10"/>
    </row>
    <row r="705273" spans="14:14">
      <c r="N705273" s="10"/>
    </row>
    <row r="705274" spans="14:14">
      <c r="N705274" s="10"/>
    </row>
    <row r="705275" spans="14:14">
      <c r="N705275" s="10"/>
    </row>
    <row r="705276" spans="14:14">
      <c r="N705276" s="10"/>
    </row>
    <row r="705277" spans="14:14">
      <c r="N705277" s="10"/>
    </row>
    <row r="705278" spans="14:14">
      <c r="N705278" s="10"/>
    </row>
    <row r="705279" spans="14:14">
      <c r="N705279" s="10"/>
    </row>
    <row r="705280" spans="14:14">
      <c r="N705280" s="10"/>
    </row>
    <row r="705281" spans="14:14">
      <c r="N705281" s="10"/>
    </row>
    <row r="705282" spans="14:14">
      <c r="N705282" s="10"/>
    </row>
    <row r="705283" spans="14:14">
      <c r="N705283" s="10"/>
    </row>
    <row r="705284" spans="14:14">
      <c r="N705284" s="10"/>
    </row>
    <row r="705285" spans="14:14">
      <c r="N705285" s="10"/>
    </row>
    <row r="705286" spans="14:14">
      <c r="N705286" s="10"/>
    </row>
    <row r="705287" spans="14:14">
      <c r="N705287" s="10"/>
    </row>
    <row r="705288" spans="14:14">
      <c r="N705288" s="10"/>
    </row>
    <row r="705289" spans="14:14">
      <c r="N705289" s="10"/>
    </row>
    <row r="705290" spans="14:14">
      <c r="N705290" s="10"/>
    </row>
    <row r="705291" spans="14:14">
      <c r="N705291" s="10"/>
    </row>
    <row r="705292" spans="14:14">
      <c r="N705292" s="10"/>
    </row>
    <row r="705293" spans="14:14">
      <c r="N705293" s="10"/>
    </row>
    <row r="705294" spans="14:14">
      <c r="N705294" s="10"/>
    </row>
    <row r="705295" spans="14:14">
      <c r="N705295" s="10"/>
    </row>
    <row r="705296" spans="14:14">
      <c r="N705296" s="10"/>
    </row>
    <row r="705297" spans="14:14">
      <c r="N705297" s="10"/>
    </row>
    <row r="705298" spans="14:14">
      <c r="N705298" s="10"/>
    </row>
    <row r="705299" spans="14:14">
      <c r="N705299" s="10"/>
    </row>
    <row r="705300" spans="14:14">
      <c r="N705300" s="10"/>
    </row>
    <row r="705301" spans="14:14">
      <c r="N705301" s="10"/>
    </row>
    <row r="705302" spans="14:14">
      <c r="N705302" s="10"/>
    </row>
    <row r="705303" spans="14:14">
      <c r="N705303" s="10"/>
    </row>
    <row r="705304" spans="14:14">
      <c r="N705304" s="10"/>
    </row>
    <row r="705305" spans="14:14">
      <c r="N705305" s="10"/>
    </row>
    <row r="705306" spans="14:14">
      <c r="N705306" s="10"/>
    </row>
    <row r="705307" spans="14:14">
      <c r="N705307" s="10"/>
    </row>
    <row r="705308" spans="14:14">
      <c r="N705308" s="10"/>
    </row>
    <row r="705309" spans="14:14">
      <c r="N705309" s="10"/>
    </row>
    <row r="705310" spans="14:14">
      <c r="N705310" s="10"/>
    </row>
    <row r="705311" spans="14:14">
      <c r="N705311" s="10"/>
    </row>
    <row r="705312" spans="14:14">
      <c r="N705312" s="10"/>
    </row>
    <row r="705313" spans="14:14">
      <c r="N705313" s="10"/>
    </row>
    <row r="705314" spans="14:14">
      <c r="N705314" s="10"/>
    </row>
    <row r="705315" spans="14:14">
      <c r="N705315" s="10"/>
    </row>
    <row r="705316" spans="14:14">
      <c r="N705316" s="10"/>
    </row>
    <row r="705317" spans="14:14">
      <c r="N705317" s="10"/>
    </row>
    <row r="705318" spans="14:14">
      <c r="N705318" s="10"/>
    </row>
    <row r="705319" spans="14:14">
      <c r="N705319" s="10"/>
    </row>
    <row r="705320" spans="14:14">
      <c r="N705320" s="10"/>
    </row>
    <row r="705321" spans="14:14">
      <c r="N705321" s="10"/>
    </row>
    <row r="705322" spans="14:14">
      <c r="N705322" s="10"/>
    </row>
    <row r="705323" spans="14:14">
      <c r="N705323" s="10"/>
    </row>
    <row r="705324" spans="14:14">
      <c r="N705324" s="10"/>
    </row>
    <row r="705325" spans="14:14">
      <c r="N705325" s="10"/>
    </row>
    <row r="705326" spans="14:14">
      <c r="N705326" s="10"/>
    </row>
    <row r="705327" spans="14:14">
      <c r="N705327" s="10"/>
    </row>
    <row r="705328" spans="14:14">
      <c r="N705328" s="10"/>
    </row>
    <row r="705329" spans="14:14">
      <c r="N705329" s="10"/>
    </row>
    <row r="705330" spans="14:14">
      <c r="N705330" s="10"/>
    </row>
    <row r="705331" spans="14:14">
      <c r="N705331" s="10"/>
    </row>
    <row r="705332" spans="14:14">
      <c r="N705332" s="10"/>
    </row>
    <row r="705333" spans="14:14">
      <c r="N705333" s="10"/>
    </row>
    <row r="705334" spans="14:14">
      <c r="N705334" s="10"/>
    </row>
    <row r="705335" spans="14:14">
      <c r="N705335" s="10"/>
    </row>
    <row r="705336" spans="14:14">
      <c r="N705336" s="10"/>
    </row>
    <row r="705337" spans="14:14">
      <c r="N705337" s="10"/>
    </row>
    <row r="705338" spans="14:14">
      <c r="N705338" s="10"/>
    </row>
    <row r="705339" spans="14:14">
      <c r="N705339" s="10"/>
    </row>
    <row r="705340" spans="14:14">
      <c r="N705340" s="10"/>
    </row>
    <row r="705341" spans="14:14">
      <c r="N705341" s="10"/>
    </row>
    <row r="705342" spans="14:14">
      <c r="N705342" s="10"/>
    </row>
    <row r="705343" spans="14:14">
      <c r="N705343" s="10"/>
    </row>
    <row r="705344" spans="14:14">
      <c r="N705344" s="10"/>
    </row>
    <row r="705345" spans="14:14">
      <c r="N705345" s="10"/>
    </row>
    <row r="705346" spans="14:14">
      <c r="N705346" s="10"/>
    </row>
    <row r="705347" spans="14:14">
      <c r="N705347" s="10"/>
    </row>
    <row r="705348" spans="14:14">
      <c r="N705348" s="10"/>
    </row>
    <row r="705349" spans="14:14">
      <c r="N705349" s="10"/>
    </row>
    <row r="705350" spans="14:14">
      <c r="N705350" s="10"/>
    </row>
    <row r="705351" spans="14:14">
      <c r="N705351" s="10"/>
    </row>
    <row r="705352" spans="14:14">
      <c r="N705352" s="10"/>
    </row>
    <row r="705353" spans="14:14">
      <c r="N705353" s="10"/>
    </row>
    <row r="705354" spans="14:14">
      <c r="N705354" s="10"/>
    </row>
    <row r="705355" spans="14:14">
      <c r="N705355" s="10"/>
    </row>
    <row r="705356" spans="14:14">
      <c r="N705356" s="10"/>
    </row>
    <row r="705357" spans="14:14">
      <c r="N705357" s="10"/>
    </row>
    <row r="705358" spans="14:14">
      <c r="N705358" s="10"/>
    </row>
    <row r="705359" spans="14:14">
      <c r="N705359" s="10"/>
    </row>
    <row r="705360" spans="14:14">
      <c r="N705360" s="10"/>
    </row>
    <row r="705361" spans="14:14">
      <c r="N705361" s="10"/>
    </row>
    <row r="705362" spans="14:14">
      <c r="N705362" s="10"/>
    </row>
    <row r="705363" spans="14:14">
      <c r="N705363" s="10"/>
    </row>
    <row r="705364" spans="14:14">
      <c r="N705364" s="10"/>
    </row>
    <row r="705365" spans="14:14">
      <c r="N705365" s="10"/>
    </row>
    <row r="705366" spans="14:14">
      <c r="N705366" s="10"/>
    </row>
    <row r="705367" spans="14:14">
      <c r="N705367" s="10"/>
    </row>
    <row r="705368" spans="14:14">
      <c r="N705368" s="10"/>
    </row>
    <row r="705369" spans="14:14">
      <c r="N705369" s="10"/>
    </row>
    <row r="705370" spans="14:14">
      <c r="N705370" s="10"/>
    </row>
    <row r="705371" spans="14:14">
      <c r="N705371" s="10"/>
    </row>
    <row r="705372" spans="14:14">
      <c r="N705372" s="10"/>
    </row>
    <row r="705373" spans="14:14">
      <c r="N705373" s="10"/>
    </row>
    <row r="705374" spans="14:14">
      <c r="N705374" s="10"/>
    </row>
    <row r="705375" spans="14:14">
      <c r="N705375" s="10"/>
    </row>
    <row r="705376" spans="14:14">
      <c r="N705376" s="10"/>
    </row>
    <row r="705377" spans="14:14">
      <c r="N705377" s="10"/>
    </row>
    <row r="705378" spans="14:14">
      <c r="N705378" s="10"/>
    </row>
    <row r="705379" spans="14:14">
      <c r="N705379" s="10"/>
    </row>
    <row r="705380" spans="14:14">
      <c r="N705380" s="10"/>
    </row>
    <row r="705381" spans="14:14">
      <c r="N705381" s="10"/>
    </row>
    <row r="705382" spans="14:14">
      <c r="N705382" s="10"/>
    </row>
    <row r="705383" spans="14:14">
      <c r="N705383" s="10"/>
    </row>
    <row r="705384" spans="14:14">
      <c r="N705384" s="10"/>
    </row>
    <row r="705385" spans="14:14">
      <c r="N705385" s="10"/>
    </row>
    <row r="705386" spans="14:14">
      <c r="N705386" s="10"/>
    </row>
    <row r="705387" spans="14:14">
      <c r="N705387" s="10"/>
    </row>
    <row r="705388" spans="14:14">
      <c r="N705388" s="10"/>
    </row>
    <row r="705389" spans="14:14">
      <c r="N705389" s="10"/>
    </row>
    <row r="705390" spans="14:14">
      <c r="N705390" s="10"/>
    </row>
    <row r="705391" spans="14:14">
      <c r="N705391" s="10"/>
    </row>
    <row r="705392" spans="14:14">
      <c r="N705392" s="10"/>
    </row>
    <row r="705393" spans="14:14">
      <c r="N705393" s="10"/>
    </row>
    <row r="705394" spans="14:14">
      <c r="N705394" s="10"/>
    </row>
    <row r="705395" spans="14:14">
      <c r="N705395" s="10"/>
    </row>
    <row r="705396" spans="14:14">
      <c r="N705396" s="10"/>
    </row>
    <row r="705397" spans="14:14">
      <c r="N705397" s="10"/>
    </row>
    <row r="705398" spans="14:14">
      <c r="N705398" s="10"/>
    </row>
    <row r="705399" spans="14:14">
      <c r="N705399" s="10"/>
    </row>
    <row r="705400" spans="14:14">
      <c r="N705400" s="10"/>
    </row>
    <row r="705401" spans="14:14">
      <c r="N705401" s="10"/>
    </row>
    <row r="705402" spans="14:14">
      <c r="N705402" s="10"/>
    </row>
    <row r="705403" spans="14:14">
      <c r="N705403" s="10"/>
    </row>
    <row r="705404" spans="14:14">
      <c r="N705404" s="10"/>
    </row>
    <row r="705405" spans="14:14">
      <c r="N705405" s="10"/>
    </row>
    <row r="705406" spans="14:14">
      <c r="N705406" s="10"/>
    </row>
    <row r="705407" spans="14:14">
      <c r="N705407" s="10"/>
    </row>
    <row r="705408" spans="14:14">
      <c r="N705408" s="10"/>
    </row>
    <row r="705409" spans="14:14">
      <c r="N705409" s="10"/>
    </row>
    <row r="705410" spans="14:14">
      <c r="N705410" s="10"/>
    </row>
    <row r="705411" spans="14:14">
      <c r="N705411" s="10"/>
    </row>
    <row r="705412" spans="14:14">
      <c r="N705412" s="10"/>
    </row>
    <row r="705413" spans="14:14">
      <c r="N705413" s="10"/>
    </row>
    <row r="705414" spans="14:14">
      <c r="N705414" s="10"/>
    </row>
    <row r="705415" spans="14:14">
      <c r="N705415" s="10"/>
    </row>
    <row r="705416" spans="14:14">
      <c r="N705416" s="10"/>
    </row>
    <row r="705417" spans="14:14">
      <c r="N705417" s="10"/>
    </row>
    <row r="705418" spans="14:14">
      <c r="N705418" s="10"/>
    </row>
    <row r="705419" spans="14:14">
      <c r="N705419" s="10"/>
    </row>
    <row r="705420" spans="14:14">
      <c r="N705420" s="10"/>
    </row>
    <row r="705421" spans="14:14">
      <c r="N705421" s="10"/>
    </row>
    <row r="705422" spans="14:14">
      <c r="N705422" s="10"/>
    </row>
    <row r="705423" spans="14:14">
      <c r="N705423" s="10"/>
    </row>
    <row r="705424" spans="14:14">
      <c r="N705424" s="10"/>
    </row>
    <row r="705425" spans="14:14">
      <c r="N705425" s="10"/>
    </row>
    <row r="705426" spans="14:14">
      <c r="N705426" s="10"/>
    </row>
    <row r="705427" spans="14:14">
      <c r="N705427" s="10"/>
    </row>
    <row r="705428" spans="14:14">
      <c r="N705428" s="10"/>
    </row>
    <row r="705429" spans="14:14">
      <c r="N705429" s="10"/>
    </row>
    <row r="705430" spans="14:14">
      <c r="N705430" s="10"/>
    </row>
    <row r="705431" spans="14:14">
      <c r="N705431" s="10"/>
    </row>
    <row r="705432" spans="14:14">
      <c r="N705432" s="10"/>
    </row>
    <row r="705433" spans="14:14">
      <c r="N705433" s="10"/>
    </row>
    <row r="705434" spans="14:14">
      <c r="N705434" s="10"/>
    </row>
    <row r="705435" spans="14:14">
      <c r="N705435" s="10"/>
    </row>
    <row r="705436" spans="14:14">
      <c r="N705436" s="10"/>
    </row>
    <row r="705437" spans="14:14">
      <c r="N705437" s="10"/>
    </row>
    <row r="705438" spans="14:14">
      <c r="N705438" s="10"/>
    </row>
    <row r="705439" spans="14:14">
      <c r="N705439" s="10"/>
    </row>
    <row r="705440" spans="14:14">
      <c r="N705440" s="10"/>
    </row>
    <row r="705441" spans="14:14">
      <c r="N705441" s="10"/>
    </row>
    <row r="705442" spans="14:14">
      <c r="N705442" s="10"/>
    </row>
    <row r="705443" spans="14:14">
      <c r="N705443" s="10"/>
    </row>
    <row r="705444" spans="14:14">
      <c r="N705444" s="10"/>
    </row>
    <row r="705445" spans="14:14">
      <c r="N705445" s="10"/>
    </row>
    <row r="705446" spans="14:14">
      <c r="N705446" s="10"/>
    </row>
    <row r="705447" spans="14:14">
      <c r="N705447" s="10"/>
    </row>
    <row r="705448" spans="14:14">
      <c r="N705448" s="10"/>
    </row>
    <row r="705449" spans="14:14">
      <c r="N705449" s="10"/>
    </row>
    <row r="705450" spans="14:14">
      <c r="N705450" s="10"/>
    </row>
    <row r="705451" spans="14:14">
      <c r="N705451" s="10"/>
    </row>
    <row r="705452" spans="14:14">
      <c r="N705452" s="10"/>
    </row>
    <row r="705453" spans="14:14">
      <c r="N705453" s="10"/>
    </row>
    <row r="705454" spans="14:14">
      <c r="N705454" s="10"/>
    </row>
    <row r="705455" spans="14:14">
      <c r="N705455" s="10"/>
    </row>
    <row r="705456" spans="14:14">
      <c r="N705456" s="10"/>
    </row>
    <row r="705457" spans="14:14">
      <c r="N705457" s="10"/>
    </row>
    <row r="705458" spans="14:14">
      <c r="N705458" s="10"/>
    </row>
    <row r="705459" spans="14:14">
      <c r="N705459" s="10"/>
    </row>
    <row r="705460" spans="14:14">
      <c r="N705460" s="10"/>
    </row>
    <row r="705461" spans="14:14">
      <c r="N705461" s="10"/>
    </row>
    <row r="705462" spans="14:14">
      <c r="N705462" s="10"/>
    </row>
    <row r="705463" spans="14:14">
      <c r="N705463" s="10"/>
    </row>
    <row r="705464" spans="14:14">
      <c r="N705464" s="10"/>
    </row>
    <row r="705465" spans="14:14">
      <c r="N705465" s="10"/>
    </row>
    <row r="705466" spans="14:14">
      <c r="N705466" s="10"/>
    </row>
    <row r="705467" spans="14:14">
      <c r="N705467" s="10"/>
    </row>
    <row r="705468" spans="14:14">
      <c r="N705468" s="10"/>
    </row>
    <row r="705469" spans="14:14">
      <c r="N705469" s="10"/>
    </row>
    <row r="705470" spans="14:14">
      <c r="N705470" s="10"/>
    </row>
    <row r="705471" spans="14:14">
      <c r="N705471" s="10"/>
    </row>
    <row r="705472" spans="14:14">
      <c r="N705472" s="10"/>
    </row>
    <row r="705473" spans="14:14">
      <c r="N705473" s="10"/>
    </row>
    <row r="705474" spans="14:14">
      <c r="N705474" s="10"/>
    </row>
    <row r="705475" spans="14:14">
      <c r="N705475" s="10"/>
    </row>
    <row r="705476" spans="14:14">
      <c r="N705476" s="10"/>
    </row>
    <row r="705477" spans="14:14">
      <c r="N705477" s="10"/>
    </row>
    <row r="705478" spans="14:14">
      <c r="N705478" s="10"/>
    </row>
    <row r="705479" spans="14:14">
      <c r="N705479" s="10"/>
    </row>
    <row r="705480" spans="14:14">
      <c r="N705480" s="10"/>
    </row>
    <row r="705481" spans="14:14">
      <c r="N705481" s="10"/>
    </row>
    <row r="705482" spans="14:14">
      <c r="N705482" s="10"/>
    </row>
    <row r="705483" spans="14:14">
      <c r="N705483" s="10"/>
    </row>
    <row r="705484" spans="14:14">
      <c r="N705484" s="10"/>
    </row>
    <row r="705485" spans="14:14">
      <c r="N705485" s="10"/>
    </row>
    <row r="705486" spans="14:14">
      <c r="N705486" s="10"/>
    </row>
    <row r="705487" spans="14:14">
      <c r="N705487" s="10"/>
    </row>
    <row r="705488" spans="14:14">
      <c r="N705488" s="10"/>
    </row>
    <row r="705489" spans="14:14">
      <c r="N705489" s="10"/>
    </row>
    <row r="705490" spans="14:14">
      <c r="N705490" s="10"/>
    </row>
    <row r="705491" spans="14:14">
      <c r="N705491" s="10"/>
    </row>
    <row r="705492" spans="14:14">
      <c r="N705492" s="10"/>
    </row>
    <row r="705493" spans="14:14">
      <c r="N705493" s="10"/>
    </row>
    <row r="705494" spans="14:14">
      <c r="N705494" s="10"/>
    </row>
    <row r="705495" spans="14:14">
      <c r="N705495" s="10"/>
    </row>
    <row r="705496" spans="14:14">
      <c r="N705496" s="10"/>
    </row>
    <row r="705497" spans="14:14">
      <c r="N705497" s="10"/>
    </row>
    <row r="705498" spans="14:14">
      <c r="N705498" s="10"/>
    </row>
    <row r="705499" spans="14:14">
      <c r="N705499" s="10"/>
    </row>
    <row r="705500" spans="14:14">
      <c r="N705500" s="10"/>
    </row>
    <row r="705501" spans="14:14">
      <c r="N705501" s="10"/>
    </row>
    <row r="705502" spans="14:14">
      <c r="N705502" s="10"/>
    </row>
    <row r="705503" spans="14:14">
      <c r="N705503" s="10"/>
    </row>
    <row r="705504" spans="14:14">
      <c r="N705504" s="10"/>
    </row>
    <row r="705505" spans="14:14">
      <c r="N705505" s="10"/>
    </row>
    <row r="705506" spans="14:14">
      <c r="N705506" s="10"/>
    </row>
    <row r="705507" spans="14:14">
      <c r="N705507" s="10"/>
    </row>
    <row r="705508" spans="14:14">
      <c r="N705508" s="10"/>
    </row>
    <row r="705509" spans="14:14">
      <c r="N705509" s="10"/>
    </row>
    <row r="705510" spans="14:14">
      <c r="N705510" s="10"/>
    </row>
    <row r="705511" spans="14:14">
      <c r="N705511" s="10"/>
    </row>
    <row r="705512" spans="14:14">
      <c r="N705512" s="10"/>
    </row>
    <row r="705513" spans="14:14">
      <c r="N705513" s="10"/>
    </row>
    <row r="705514" spans="14:14">
      <c r="N705514" s="10"/>
    </row>
    <row r="705515" spans="14:14">
      <c r="N705515" s="10"/>
    </row>
    <row r="705516" spans="14:14">
      <c r="N705516" s="10"/>
    </row>
    <row r="705517" spans="14:14">
      <c r="N705517" s="10"/>
    </row>
    <row r="705518" spans="14:14">
      <c r="N705518" s="10"/>
    </row>
    <row r="705519" spans="14:14">
      <c r="N705519" s="10"/>
    </row>
    <row r="705520" spans="14:14">
      <c r="N705520" s="10"/>
    </row>
    <row r="705521" spans="14:14">
      <c r="N705521" s="10"/>
    </row>
    <row r="705522" spans="14:14">
      <c r="N705522" s="10"/>
    </row>
    <row r="705523" spans="14:14">
      <c r="N705523" s="10"/>
    </row>
    <row r="705524" spans="14:14">
      <c r="N705524" s="10"/>
    </row>
    <row r="705525" spans="14:14">
      <c r="N705525" s="10"/>
    </row>
    <row r="705526" spans="14:14">
      <c r="N705526" s="10"/>
    </row>
    <row r="705527" spans="14:14">
      <c r="N705527" s="10"/>
    </row>
    <row r="705528" spans="14:14">
      <c r="N705528" s="10"/>
    </row>
    <row r="705529" spans="14:14">
      <c r="N705529" s="10"/>
    </row>
    <row r="705530" spans="14:14">
      <c r="N705530" s="10"/>
    </row>
    <row r="705531" spans="14:14">
      <c r="N705531" s="10"/>
    </row>
    <row r="705532" spans="14:14">
      <c r="N705532" s="10"/>
    </row>
    <row r="705533" spans="14:14">
      <c r="N705533" s="10"/>
    </row>
    <row r="705534" spans="14:14">
      <c r="N705534" s="10"/>
    </row>
    <row r="705535" spans="14:14">
      <c r="N705535" s="10"/>
    </row>
    <row r="705536" spans="14:14">
      <c r="N705536" s="10"/>
    </row>
    <row r="705537" spans="14:14">
      <c r="N705537" s="10"/>
    </row>
    <row r="705538" spans="14:14">
      <c r="N705538" s="10"/>
    </row>
    <row r="705539" spans="14:14">
      <c r="N705539" s="10"/>
    </row>
    <row r="705540" spans="14:14">
      <c r="N705540" s="10"/>
    </row>
    <row r="705541" spans="14:14">
      <c r="N705541" s="10"/>
    </row>
    <row r="705542" spans="14:14">
      <c r="N705542" s="10"/>
    </row>
    <row r="705543" spans="14:14">
      <c r="N705543" s="10"/>
    </row>
    <row r="705544" spans="14:14">
      <c r="N705544" s="10"/>
    </row>
    <row r="705545" spans="14:14">
      <c r="N705545" s="10"/>
    </row>
    <row r="705546" spans="14:14">
      <c r="N705546" s="10"/>
    </row>
    <row r="705547" spans="14:14">
      <c r="N705547" s="10"/>
    </row>
    <row r="705548" spans="14:14">
      <c r="N705548" s="10"/>
    </row>
    <row r="705549" spans="14:14">
      <c r="N705549" s="10"/>
    </row>
    <row r="705550" spans="14:14">
      <c r="N705550" s="10"/>
    </row>
    <row r="705551" spans="14:14">
      <c r="N705551" s="10"/>
    </row>
    <row r="705552" spans="14:14">
      <c r="N705552" s="10"/>
    </row>
    <row r="705553" spans="14:14">
      <c r="N705553" s="10"/>
    </row>
    <row r="705554" spans="14:14">
      <c r="N705554" s="10"/>
    </row>
    <row r="705555" spans="14:14">
      <c r="N705555" s="10"/>
    </row>
    <row r="705556" spans="14:14">
      <c r="N705556" s="10"/>
    </row>
    <row r="705557" spans="14:14">
      <c r="N705557" s="10"/>
    </row>
    <row r="705558" spans="14:14">
      <c r="N705558" s="10"/>
    </row>
    <row r="705559" spans="14:14">
      <c r="N705559" s="10"/>
    </row>
    <row r="705560" spans="14:14">
      <c r="N705560" s="10"/>
    </row>
    <row r="705561" spans="14:14">
      <c r="N705561" s="10"/>
    </row>
    <row r="705562" spans="14:14">
      <c r="N705562" s="10"/>
    </row>
    <row r="705563" spans="14:14">
      <c r="N705563" s="10"/>
    </row>
    <row r="705564" spans="14:14">
      <c r="N705564" s="10"/>
    </row>
    <row r="705565" spans="14:14">
      <c r="N705565" s="10"/>
    </row>
    <row r="705566" spans="14:14">
      <c r="N705566" s="10"/>
    </row>
    <row r="705567" spans="14:14">
      <c r="N705567" s="10"/>
    </row>
    <row r="705568" spans="14:14">
      <c r="N705568" s="10"/>
    </row>
    <row r="705569" spans="14:14">
      <c r="N705569" s="10"/>
    </row>
    <row r="705570" spans="14:14">
      <c r="N705570" s="10"/>
    </row>
    <row r="705571" spans="14:14">
      <c r="N705571" s="10"/>
    </row>
    <row r="705572" spans="14:14">
      <c r="N705572" s="10"/>
    </row>
    <row r="705573" spans="14:14">
      <c r="N705573" s="10"/>
    </row>
    <row r="705574" spans="14:14">
      <c r="N705574" s="10"/>
    </row>
    <row r="705575" spans="14:14">
      <c r="N705575" s="10"/>
    </row>
    <row r="705576" spans="14:14">
      <c r="N705576" s="10"/>
    </row>
    <row r="705577" spans="14:14">
      <c r="N705577" s="10"/>
    </row>
    <row r="705578" spans="14:14">
      <c r="N705578" s="10"/>
    </row>
    <row r="705579" spans="14:14">
      <c r="N705579" s="10"/>
    </row>
    <row r="705580" spans="14:14">
      <c r="N705580" s="10"/>
    </row>
    <row r="705581" spans="14:14">
      <c r="N705581" s="10"/>
    </row>
    <row r="705582" spans="14:14">
      <c r="N705582" s="10"/>
    </row>
    <row r="705583" spans="14:14">
      <c r="N705583" s="10"/>
    </row>
    <row r="705584" spans="14:14">
      <c r="N705584" s="10"/>
    </row>
    <row r="705585" spans="14:14">
      <c r="N705585" s="10"/>
    </row>
    <row r="705586" spans="14:14">
      <c r="N705586" s="10"/>
    </row>
    <row r="705587" spans="14:14">
      <c r="N705587" s="10"/>
    </row>
    <row r="705588" spans="14:14">
      <c r="N705588" s="10"/>
    </row>
    <row r="705589" spans="14:14">
      <c r="N705589" s="10"/>
    </row>
    <row r="705590" spans="14:14">
      <c r="N705590" s="10"/>
    </row>
    <row r="705591" spans="14:14">
      <c r="N705591" s="10"/>
    </row>
    <row r="705592" spans="14:14">
      <c r="N705592" s="10"/>
    </row>
    <row r="705593" spans="14:14">
      <c r="N705593" s="10"/>
    </row>
    <row r="705594" spans="14:14">
      <c r="N705594" s="10"/>
    </row>
    <row r="705595" spans="14:14">
      <c r="N705595" s="10"/>
    </row>
    <row r="705596" spans="14:14">
      <c r="N705596" s="10"/>
    </row>
    <row r="705597" spans="14:14">
      <c r="N705597" s="10"/>
    </row>
    <row r="705598" spans="14:14">
      <c r="N705598" s="10"/>
    </row>
    <row r="705599" spans="14:14">
      <c r="N705599" s="10"/>
    </row>
    <row r="705600" spans="14:14">
      <c r="N705600" s="10"/>
    </row>
    <row r="705601" spans="14:14">
      <c r="N705601" s="10"/>
    </row>
    <row r="705602" spans="14:14">
      <c r="N705602" s="10"/>
    </row>
    <row r="705603" spans="14:14">
      <c r="N705603" s="10"/>
    </row>
    <row r="705604" spans="14:14">
      <c r="N705604" s="10"/>
    </row>
    <row r="705605" spans="14:14">
      <c r="N705605" s="10"/>
    </row>
    <row r="705606" spans="14:14">
      <c r="N705606" s="10"/>
    </row>
    <row r="705607" spans="14:14">
      <c r="N705607" s="10"/>
    </row>
    <row r="705608" spans="14:14">
      <c r="N705608" s="10"/>
    </row>
    <row r="705609" spans="14:14">
      <c r="N705609" s="10"/>
    </row>
    <row r="705610" spans="14:14">
      <c r="N705610" s="10"/>
    </row>
    <row r="705611" spans="14:14">
      <c r="N705611" s="10"/>
    </row>
    <row r="705612" spans="14:14">
      <c r="N705612" s="10"/>
    </row>
    <row r="705613" spans="14:14">
      <c r="N705613" s="10"/>
    </row>
    <row r="705614" spans="14:14">
      <c r="N705614" s="10"/>
    </row>
    <row r="705615" spans="14:14">
      <c r="N705615" s="10"/>
    </row>
    <row r="705616" spans="14:14">
      <c r="N705616" s="10"/>
    </row>
    <row r="705617" spans="14:14">
      <c r="N705617" s="10"/>
    </row>
    <row r="705618" spans="14:14">
      <c r="N705618" s="10"/>
    </row>
    <row r="705619" spans="14:14">
      <c r="N705619" s="10"/>
    </row>
    <row r="705620" spans="14:14">
      <c r="N705620" s="10"/>
    </row>
    <row r="705621" spans="14:14">
      <c r="N705621" s="10"/>
    </row>
    <row r="705622" spans="14:14">
      <c r="N705622" s="10"/>
    </row>
    <row r="705623" spans="14:14">
      <c r="N705623" s="10"/>
    </row>
    <row r="705624" spans="14:14">
      <c r="N705624" s="10"/>
    </row>
    <row r="705625" spans="14:14">
      <c r="N705625" s="10"/>
    </row>
    <row r="705626" spans="14:14">
      <c r="N705626" s="10"/>
    </row>
    <row r="705627" spans="14:14">
      <c r="N705627" s="10"/>
    </row>
    <row r="705628" spans="14:14">
      <c r="N705628" s="10"/>
    </row>
    <row r="705629" spans="14:14">
      <c r="N705629" s="10"/>
    </row>
    <row r="705630" spans="14:14">
      <c r="N705630" s="10"/>
    </row>
    <row r="705631" spans="14:14">
      <c r="N705631" s="10"/>
    </row>
    <row r="705632" spans="14:14">
      <c r="N705632" s="10"/>
    </row>
    <row r="705633" spans="14:14">
      <c r="N705633" s="10"/>
    </row>
    <row r="705634" spans="14:14">
      <c r="N705634" s="10"/>
    </row>
    <row r="705635" spans="14:14">
      <c r="N705635" s="10"/>
    </row>
    <row r="705636" spans="14:14">
      <c r="N705636" s="10"/>
    </row>
    <row r="705637" spans="14:14">
      <c r="N705637" s="10"/>
    </row>
    <row r="705638" spans="14:14">
      <c r="N705638" s="10"/>
    </row>
    <row r="705639" spans="14:14">
      <c r="N705639" s="10"/>
    </row>
    <row r="705640" spans="14:14">
      <c r="N705640" s="10"/>
    </row>
    <row r="705641" spans="14:14">
      <c r="N705641" s="10"/>
    </row>
    <row r="705642" spans="14:14">
      <c r="N705642" s="10"/>
    </row>
    <row r="705643" spans="14:14">
      <c r="N705643" s="10"/>
    </row>
    <row r="705644" spans="14:14">
      <c r="N705644" s="10"/>
    </row>
    <row r="705645" spans="14:14">
      <c r="N705645" s="10"/>
    </row>
    <row r="705646" spans="14:14">
      <c r="N705646" s="10"/>
    </row>
    <row r="705647" spans="14:14">
      <c r="N705647" s="10"/>
    </row>
    <row r="705648" spans="14:14">
      <c r="N705648" s="10"/>
    </row>
    <row r="705649" spans="14:14">
      <c r="N705649" s="10"/>
    </row>
    <row r="705650" spans="14:14">
      <c r="N705650" s="10"/>
    </row>
    <row r="705651" spans="14:14">
      <c r="N705651" s="10"/>
    </row>
    <row r="705652" spans="14:14">
      <c r="N705652" s="10"/>
    </row>
    <row r="705653" spans="14:14">
      <c r="N705653" s="10"/>
    </row>
    <row r="705654" spans="14:14">
      <c r="N705654" s="10"/>
    </row>
    <row r="705655" spans="14:14">
      <c r="N705655" s="10"/>
    </row>
    <row r="705656" spans="14:14">
      <c r="N705656" s="10"/>
    </row>
    <row r="705657" spans="14:14">
      <c r="N705657" s="10"/>
    </row>
    <row r="705658" spans="14:14">
      <c r="N705658" s="10"/>
    </row>
    <row r="705659" spans="14:14">
      <c r="N705659" s="10"/>
    </row>
    <row r="705660" spans="14:14">
      <c r="N705660" s="10"/>
    </row>
    <row r="705661" spans="14:14">
      <c r="N705661" s="10"/>
    </row>
    <row r="705662" spans="14:14">
      <c r="N705662" s="10"/>
    </row>
    <row r="705663" spans="14:14">
      <c r="N705663" s="10"/>
    </row>
    <row r="705664" spans="14:14">
      <c r="N705664" s="10"/>
    </row>
    <row r="705665" spans="14:14">
      <c r="N705665" s="10"/>
    </row>
    <row r="705666" spans="14:14">
      <c r="N705666" s="10"/>
    </row>
    <row r="705667" spans="14:14">
      <c r="N705667" s="10"/>
    </row>
    <row r="705668" spans="14:14">
      <c r="N705668" s="10"/>
    </row>
    <row r="705669" spans="14:14">
      <c r="N705669" s="10"/>
    </row>
    <row r="705670" spans="14:14">
      <c r="N705670" s="10"/>
    </row>
    <row r="705671" spans="14:14">
      <c r="N705671" s="10"/>
    </row>
    <row r="705672" spans="14:14">
      <c r="N705672" s="10"/>
    </row>
    <row r="705673" spans="14:14">
      <c r="N705673" s="10"/>
    </row>
    <row r="705674" spans="14:14">
      <c r="N705674" s="10"/>
    </row>
    <row r="705675" spans="14:14">
      <c r="N705675" s="10"/>
    </row>
    <row r="705676" spans="14:14">
      <c r="N705676" s="10"/>
    </row>
    <row r="705677" spans="14:14">
      <c r="N705677" s="10"/>
    </row>
    <row r="705678" spans="14:14">
      <c r="N705678" s="10"/>
    </row>
    <row r="705679" spans="14:14">
      <c r="N705679" s="10"/>
    </row>
    <row r="705680" spans="14:14">
      <c r="N705680" s="10"/>
    </row>
    <row r="705681" spans="14:14">
      <c r="N705681" s="10"/>
    </row>
    <row r="705682" spans="14:14">
      <c r="N705682" s="10"/>
    </row>
    <row r="705683" spans="14:14">
      <c r="N705683" s="10"/>
    </row>
    <row r="705684" spans="14:14">
      <c r="N705684" s="10"/>
    </row>
    <row r="705685" spans="14:14">
      <c r="N705685" s="10"/>
    </row>
    <row r="705686" spans="14:14">
      <c r="N705686" s="10"/>
    </row>
    <row r="705687" spans="14:14">
      <c r="N705687" s="10"/>
    </row>
    <row r="705688" spans="14:14">
      <c r="N705688" s="10"/>
    </row>
    <row r="705689" spans="14:14">
      <c r="N705689" s="10"/>
    </row>
    <row r="705690" spans="14:14">
      <c r="N705690" s="10"/>
    </row>
    <row r="705691" spans="14:14">
      <c r="N705691" s="10"/>
    </row>
    <row r="705692" spans="14:14">
      <c r="N705692" s="10"/>
    </row>
    <row r="705693" spans="14:14">
      <c r="N705693" s="10"/>
    </row>
    <row r="705694" spans="14:14">
      <c r="N705694" s="10"/>
    </row>
    <row r="705695" spans="14:14">
      <c r="N705695" s="10"/>
    </row>
    <row r="705696" spans="14:14">
      <c r="N705696" s="10"/>
    </row>
    <row r="705697" spans="14:14">
      <c r="N705697" s="10"/>
    </row>
    <row r="705698" spans="14:14">
      <c r="N705698" s="10"/>
    </row>
    <row r="705699" spans="14:14">
      <c r="N705699" s="10"/>
    </row>
    <row r="705700" spans="14:14">
      <c r="N705700" s="10"/>
    </row>
    <row r="705701" spans="14:14">
      <c r="N705701" s="10"/>
    </row>
    <row r="705702" spans="14:14">
      <c r="N705702" s="10"/>
    </row>
    <row r="705703" spans="14:14">
      <c r="N705703" s="10"/>
    </row>
    <row r="705704" spans="14:14">
      <c r="N705704" s="10"/>
    </row>
    <row r="705705" spans="14:14">
      <c r="N705705" s="10"/>
    </row>
    <row r="705706" spans="14:14">
      <c r="N705706" s="10"/>
    </row>
    <row r="705707" spans="14:14">
      <c r="N705707" s="10"/>
    </row>
    <row r="705708" spans="14:14">
      <c r="N705708" s="10"/>
    </row>
    <row r="705709" spans="14:14">
      <c r="N705709" s="10"/>
    </row>
    <row r="705710" spans="14:14">
      <c r="N705710" s="10"/>
    </row>
    <row r="705711" spans="14:14">
      <c r="N705711" s="10"/>
    </row>
    <row r="705712" spans="14:14">
      <c r="N705712" s="10"/>
    </row>
    <row r="705713" spans="14:14">
      <c r="N705713" s="10"/>
    </row>
    <row r="705714" spans="14:14">
      <c r="N705714" s="10"/>
    </row>
    <row r="705715" spans="14:14">
      <c r="N705715" s="10"/>
    </row>
    <row r="705716" spans="14:14">
      <c r="N705716" s="10"/>
    </row>
    <row r="705717" spans="14:14">
      <c r="N705717" s="10"/>
    </row>
    <row r="705718" spans="14:14">
      <c r="N705718" s="10"/>
    </row>
    <row r="705719" spans="14:14">
      <c r="N705719" s="10"/>
    </row>
    <row r="705720" spans="14:14">
      <c r="N705720" s="10"/>
    </row>
    <row r="705721" spans="14:14">
      <c r="N705721" s="10"/>
    </row>
    <row r="705722" spans="14:14">
      <c r="N705722" s="10"/>
    </row>
    <row r="705723" spans="14:14">
      <c r="N705723" s="10"/>
    </row>
    <row r="705724" spans="14:14">
      <c r="N705724" s="10"/>
    </row>
    <row r="705725" spans="14:14">
      <c r="N705725" s="10"/>
    </row>
    <row r="705726" spans="14:14">
      <c r="N705726" s="10"/>
    </row>
    <row r="705727" spans="14:14">
      <c r="N705727" s="10"/>
    </row>
    <row r="705728" spans="14:14">
      <c r="N705728" s="10"/>
    </row>
    <row r="705729" spans="14:14">
      <c r="N705729" s="10"/>
    </row>
    <row r="705730" spans="14:14">
      <c r="N705730" s="10"/>
    </row>
    <row r="705731" spans="14:14">
      <c r="N705731" s="10"/>
    </row>
    <row r="705732" spans="14:14">
      <c r="N705732" s="10"/>
    </row>
    <row r="705733" spans="14:14">
      <c r="N705733" s="10"/>
    </row>
    <row r="705734" spans="14:14">
      <c r="N705734" s="10"/>
    </row>
    <row r="705735" spans="14:14">
      <c r="N705735" s="10"/>
    </row>
    <row r="705736" spans="14:14">
      <c r="N705736" s="10"/>
    </row>
    <row r="705737" spans="14:14">
      <c r="N705737" s="10"/>
    </row>
    <row r="705738" spans="14:14">
      <c r="N705738" s="10"/>
    </row>
    <row r="705739" spans="14:14">
      <c r="N705739" s="10"/>
    </row>
    <row r="705740" spans="14:14">
      <c r="N705740" s="10"/>
    </row>
    <row r="705741" spans="14:14">
      <c r="N705741" s="10"/>
    </row>
    <row r="705742" spans="14:14">
      <c r="N705742" s="10"/>
    </row>
    <row r="705743" spans="14:14">
      <c r="N705743" s="10"/>
    </row>
    <row r="705744" spans="14:14">
      <c r="N705744" s="10"/>
    </row>
    <row r="705745" spans="14:14">
      <c r="N705745" s="10"/>
    </row>
    <row r="705746" spans="14:14">
      <c r="N705746" s="10"/>
    </row>
    <row r="705747" spans="14:14">
      <c r="N705747" s="10"/>
    </row>
    <row r="705748" spans="14:14">
      <c r="N705748" s="10"/>
    </row>
    <row r="705749" spans="14:14">
      <c r="N705749" s="10"/>
    </row>
    <row r="705750" spans="14:14">
      <c r="N705750" s="10"/>
    </row>
    <row r="705751" spans="14:14">
      <c r="N705751" s="10"/>
    </row>
    <row r="705752" spans="14:14">
      <c r="N705752" s="10"/>
    </row>
    <row r="705753" spans="14:14">
      <c r="N705753" s="10"/>
    </row>
    <row r="705754" spans="14:14">
      <c r="N705754" s="10"/>
    </row>
    <row r="705755" spans="14:14">
      <c r="N705755" s="10"/>
    </row>
    <row r="705756" spans="14:14">
      <c r="N705756" s="10"/>
    </row>
    <row r="705757" spans="14:14">
      <c r="N705757" s="10"/>
    </row>
    <row r="705758" spans="14:14">
      <c r="N705758" s="10"/>
    </row>
    <row r="705759" spans="14:14">
      <c r="N705759" s="10"/>
    </row>
    <row r="705760" spans="14:14">
      <c r="N705760" s="10"/>
    </row>
    <row r="705761" spans="14:14">
      <c r="N705761" s="10"/>
    </row>
    <row r="705762" spans="14:14">
      <c r="N705762" s="10"/>
    </row>
    <row r="705763" spans="14:14">
      <c r="N705763" s="10"/>
    </row>
    <row r="705764" spans="14:14">
      <c r="N705764" s="10"/>
    </row>
    <row r="705765" spans="14:14">
      <c r="N705765" s="10"/>
    </row>
    <row r="705766" spans="14:14">
      <c r="N705766" s="10"/>
    </row>
    <row r="705767" spans="14:14">
      <c r="N705767" s="10"/>
    </row>
    <row r="705768" spans="14:14">
      <c r="N705768" s="10"/>
    </row>
    <row r="705769" spans="14:14">
      <c r="N705769" s="10"/>
    </row>
    <row r="705770" spans="14:14">
      <c r="N705770" s="10"/>
    </row>
    <row r="705771" spans="14:14">
      <c r="N705771" s="10"/>
    </row>
    <row r="705772" spans="14:14">
      <c r="N705772" s="10"/>
    </row>
    <row r="705773" spans="14:14">
      <c r="N705773" s="10"/>
    </row>
    <row r="705774" spans="14:14">
      <c r="N705774" s="10"/>
    </row>
    <row r="705775" spans="14:14">
      <c r="N705775" s="10"/>
    </row>
    <row r="705776" spans="14:14">
      <c r="N705776" s="10"/>
    </row>
    <row r="705777" spans="14:14">
      <c r="N705777" s="10"/>
    </row>
    <row r="705778" spans="14:14">
      <c r="N705778" s="10"/>
    </row>
    <row r="705779" spans="14:14">
      <c r="N705779" s="10"/>
    </row>
    <row r="705780" spans="14:14">
      <c r="N705780" s="10"/>
    </row>
    <row r="705781" spans="14:14">
      <c r="N705781" s="10"/>
    </row>
    <row r="705782" spans="14:14">
      <c r="N705782" s="10"/>
    </row>
    <row r="705783" spans="14:14">
      <c r="N705783" s="10"/>
    </row>
    <row r="705784" spans="14:14">
      <c r="N705784" s="10"/>
    </row>
    <row r="705785" spans="14:14">
      <c r="N705785" s="10"/>
    </row>
    <row r="705786" spans="14:14">
      <c r="N705786" s="10"/>
    </row>
    <row r="705787" spans="14:14">
      <c r="N705787" s="10"/>
    </row>
    <row r="705788" spans="14:14">
      <c r="N705788" s="10"/>
    </row>
    <row r="705789" spans="14:14">
      <c r="N705789" s="10"/>
    </row>
    <row r="705790" spans="14:14">
      <c r="N705790" s="10"/>
    </row>
    <row r="705791" spans="14:14">
      <c r="N705791" s="10"/>
    </row>
    <row r="705792" spans="14:14">
      <c r="N705792" s="10"/>
    </row>
    <row r="705793" spans="14:14">
      <c r="N705793" s="10"/>
    </row>
    <row r="705794" spans="14:14">
      <c r="N705794" s="10"/>
    </row>
    <row r="705795" spans="14:14">
      <c r="N705795" s="10"/>
    </row>
    <row r="705796" spans="14:14">
      <c r="N705796" s="10"/>
    </row>
    <row r="705797" spans="14:14">
      <c r="N705797" s="10"/>
    </row>
    <row r="705798" spans="14:14">
      <c r="N705798" s="10"/>
    </row>
    <row r="705799" spans="14:14">
      <c r="N705799" s="10"/>
    </row>
    <row r="705800" spans="14:14">
      <c r="N705800" s="10"/>
    </row>
    <row r="705801" spans="14:14">
      <c r="N705801" s="10"/>
    </row>
    <row r="705802" spans="14:14">
      <c r="N705802" s="10"/>
    </row>
    <row r="705803" spans="14:14">
      <c r="N705803" s="10"/>
    </row>
    <row r="705804" spans="14:14">
      <c r="N705804" s="10"/>
    </row>
    <row r="705805" spans="14:14">
      <c r="N705805" s="10"/>
    </row>
    <row r="705806" spans="14:14">
      <c r="N705806" s="10"/>
    </row>
    <row r="705807" spans="14:14">
      <c r="N705807" s="10"/>
    </row>
    <row r="705808" spans="14:14">
      <c r="N705808" s="10"/>
    </row>
    <row r="705809" spans="14:14">
      <c r="N705809" s="10"/>
    </row>
    <row r="705810" spans="14:14">
      <c r="N705810" s="10"/>
    </row>
    <row r="705811" spans="14:14">
      <c r="N705811" s="10"/>
    </row>
    <row r="705812" spans="14:14">
      <c r="N705812" s="10"/>
    </row>
    <row r="705813" spans="14:14">
      <c r="N705813" s="10"/>
    </row>
    <row r="705814" spans="14:14">
      <c r="N705814" s="10"/>
    </row>
    <row r="705815" spans="14:14">
      <c r="N705815" s="10"/>
    </row>
    <row r="705816" spans="14:14">
      <c r="N705816" s="10"/>
    </row>
    <row r="705817" spans="14:14">
      <c r="N705817" s="10"/>
    </row>
    <row r="705818" spans="14:14">
      <c r="N705818" s="10"/>
    </row>
    <row r="705819" spans="14:14">
      <c r="N705819" s="10"/>
    </row>
    <row r="705820" spans="14:14">
      <c r="N705820" s="10"/>
    </row>
    <row r="705821" spans="14:14">
      <c r="N705821" s="10"/>
    </row>
    <row r="705822" spans="14:14">
      <c r="N705822" s="10"/>
    </row>
    <row r="705823" spans="14:14">
      <c r="N705823" s="10"/>
    </row>
    <row r="705824" spans="14:14">
      <c r="N705824" s="10"/>
    </row>
    <row r="705825" spans="14:14">
      <c r="N705825" s="10"/>
    </row>
    <row r="705826" spans="14:14">
      <c r="N705826" s="10"/>
    </row>
    <row r="705827" spans="14:14">
      <c r="N705827" s="10"/>
    </row>
    <row r="705828" spans="14:14">
      <c r="N705828" s="10"/>
    </row>
    <row r="705829" spans="14:14">
      <c r="N705829" s="10"/>
    </row>
    <row r="705830" spans="14:14">
      <c r="N705830" s="10"/>
    </row>
    <row r="705831" spans="14:14">
      <c r="N705831" s="10"/>
    </row>
    <row r="705832" spans="14:14">
      <c r="N705832" s="10"/>
    </row>
    <row r="705833" spans="14:14">
      <c r="N705833" s="10"/>
    </row>
    <row r="705834" spans="14:14">
      <c r="N705834" s="10"/>
    </row>
    <row r="705835" spans="14:14">
      <c r="N705835" s="10"/>
    </row>
    <row r="705836" spans="14:14">
      <c r="N705836" s="10"/>
    </row>
    <row r="705837" spans="14:14">
      <c r="N705837" s="10"/>
    </row>
    <row r="705838" spans="14:14">
      <c r="N705838" s="10"/>
    </row>
    <row r="705839" spans="14:14">
      <c r="N705839" s="10"/>
    </row>
    <row r="705840" spans="14:14">
      <c r="N705840" s="10"/>
    </row>
    <row r="705841" spans="14:14">
      <c r="N705841" s="10"/>
    </row>
    <row r="705842" spans="14:14">
      <c r="N705842" s="10"/>
    </row>
    <row r="705843" spans="14:14">
      <c r="N705843" s="10"/>
    </row>
    <row r="705844" spans="14:14">
      <c r="N705844" s="10"/>
    </row>
    <row r="705845" spans="14:14">
      <c r="N705845" s="10"/>
    </row>
    <row r="705846" spans="14:14">
      <c r="N705846" s="10"/>
    </row>
    <row r="705847" spans="14:14">
      <c r="N705847" s="10"/>
    </row>
    <row r="705848" spans="14:14">
      <c r="N705848" s="10"/>
    </row>
    <row r="705849" spans="14:14">
      <c r="N705849" s="10"/>
    </row>
    <row r="705850" spans="14:14">
      <c r="N705850" s="10"/>
    </row>
    <row r="705851" spans="14:14">
      <c r="N705851" s="10"/>
    </row>
    <row r="705852" spans="14:14">
      <c r="N705852" s="10"/>
    </row>
    <row r="705853" spans="14:14">
      <c r="N705853" s="10"/>
    </row>
    <row r="705854" spans="14:14">
      <c r="N705854" s="10"/>
    </row>
    <row r="705855" spans="14:14">
      <c r="N705855" s="10"/>
    </row>
    <row r="705856" spans="14:14">
      <c r="N705856" s="10"/>
    </row>
    <row r="705857" spans="14:14">
      <c r="N705857" s="10"/>
    </row>
    <row r="705858" spans="14:14">
      <c r="N705858" s="10"/>
    </row>
    <row r="705859" spans="14:14">
      <c r="N705859" s="10"/>
    </row>
    <row r="705860" spans="14:14">
      <c r="N705860" s="10"/>
    </row>
    <row r="705861" spans="14:14">
      <c r="N705861" s="10"/>
    </row>
    <row r="705862" spans="14:14">
      <c r="N705862" s="10"/>
    </row>
    <row r="705863" spans="14:14">
      <c r="N705863" s="10"/>
    </row>
    <row r="705864" spans="14:14">
      <c r="N705864" s="10"/>
    </row>
    <row r="705865" spans="14:14">
      <c r="N705865" s="10"/>
    </row>
    <row r="705866" spans="14:14">
      <c r="N705866" s="10"/>
    </row>
    <row r="705867" spans="14:14">
      <c r="N705867" s="10"/>
    </row>
    <row r="705868" spans="14:14">
      <c r="N705868" s="10"/>
    </row>
    <row r="705869" spans="14:14">
      <c r="N705869" s="10"/>
    </row>
    <row r="705870" spans="14:14">
      <c r="N705870" s="10"/>
    </row>
    <row r="705871" spans="14:14">
      <c r="N705871" s="10"/>
    </row>
    <row r="705872" spans="14:14">
      <c r="N705872" s="10"/>
    </row>
    <row r="705873" spans="14:14">
      <c r="N705873" s="10"/>
    </row>
    <row r="705874" spans="14:14">
      <c r="N705874" s="10"/>
    </row>
    <row r="705875" spans="14:14">
      <c r="N705875" s="10"/>
    </row>
    <row r="705876" spans="14:14">
      <c r="N705876" s="10"/>
    </row>
    <row r="705877" spans="14:14">
      <c r="N705877" s="10"/>
    </row>
    <row r="705878" spans="14:14">
      <c r="N705878" s="10"/>
    </row>
    <row r="705879" spans="14:14">
      <c r="N705879" s="10"/>
    </row>
    <row r="705880" spans="14:14">
      <c r="N705880" s="10"/>
    </row>
    <row r="705881" spans="14:14">
      <c r="N705881" s="10"/>
    </row>
    <row r="705882" spans="14:14">
      <c r="N705882" s="10"/>
    </row>
    <row r="705883" spans="14:14">
      <c r="N705883" s="10"/>
    </row>
    <row r="705884" spans="14:14">
      <c r="N705884" s="10"/>
    </row>
    <row r="705885" spans="14:14">
      <c r="N705885" s="10"/>
    </row>
    <row r="705886" spans="14:14">
      <c r="N705886" s="10"/>
    </row>
    <row r="705887" spans="14:14">
      <c r="N705887" s="10"/>
    </row>
    <row r="705888" spans="14:14">
      <c r="N705888" s="10"/>
    </row>
    <row r="705889" spans="14:14">
      <c r="N705889" s="10"/>
    </row>
    <row r="705890" spans="14:14">
      <c r="N705890" s="10"/>
    </row>
    <row r="705891" spans="14:14">
      <c r="N705891" s="10"/>
    </row>
    <row r="705892" spans="14:14">
      <c r="N705892" s="10"/>
    </row>
    <row r="705893" spans="14:14">
      <c r="N705893" s="10"/>
    </row>
    <row r="705894" spans="14:14">
      <c r="N705894" s="10"/>
    </row>
    <row r="705895" spans="14:14">
      <c r="N705895" s="10"/>
    </row>
    <row r="705896" spans="14:14">
      <c r="N705896" s="10"/>
    </row>
    <row r="705897" spans="14:14">
      <c r="N705897" s="10"/>
    </row>
    <row r="705898" spans="14:14">
      <c r="N705898" s="10"/>
    </row>
    <row r="705899" spans="14:14">
      <c r="N705899" s="10"/>
    </row>
    <row r="705900" spans="14:14">
      <c r="N705900" s="10"/>
    </row>
    <row r="705901" spans="14:14">
      <c r="N705901" s="10"/>
    </row>
    <row r="705902" spans="14:14">
      <c r="N705902" s="10"/>
    </row>
    <row r="705903" spans="14:14">
      <c r="N705903" s="10"/>
    </row>
    <row r="705904" spans="14:14">
      <c r="N705904" s="10"/>
    </row>
    <row r="705905" spans="14:14">
      <c r="N705905" s="10"/>
    </row>
    <row r="705906" spans="14:14">
      <c r="N705906" s="10"/>
    </row>
    <row r="705907" spans="14:14">
      <c r="N705907" s="10"/>
    </row>
    <row r="705908" spans="14:14">
      <c r="N705908" s="10"/>
    </row>
    <row r="705909" spans="14:14">
      <c r="N705909" s="10"/>
    </row>
    <row r="705910" spans="14:14">
      <c r="N705910" s="10"/>
    </row>
    <row r="705911" spans="14:14">
      <c r="N705911" s="10"/>
    </row>
    <row r="705912" spans="14:14">
      <c r="N705912" s="10"/>
    </row>
    <row r="705913" spans="14:14">
      <c r="N705913" s="10"/>
    </row>
    <row r="705914" spans="14:14">
      <c r="N705914" s="10"/>
    </row>
    <row r="705915" spans="14:14">
      <c r="N705915" s="10"/>
    </row>
    <row r="705916" spans="14:14">
      <c r="N705916" s="10"/>
    </row>
    <row r="705917" spans="14:14">
      <c r="N705917" s="10"/>
    </row>
    <row r="705918" spans="14:14">
      <c r="N705918" s="10"/>
    </row>
    <row r="705919" spans="14:14">
      <c r="N705919" s="10"/>
    </row>
    <row r="705920" spans="14:14">
      <c r="N705920" s="10"/>
    </row>
    <row r="705921" spans="14:14">
      <c r="N705921" s="10"/>
    </row>
    <row r="705922" spans="14:14">
      <c r="N705922" s="10"/>
    </row>
    <row r="705923" spans="14:14">
      <c r="N705923" s="10"/>
    </row>
    <row r="705924" spans="14:14">
      <c r="N705924" s="10"/>
    </row>
    <row r="705925" spans="14:14">
      <c r="N705925" s="10"/>
    </row>
    <row r="705926" spans="14:14">
      <c r="N705926" s="10"/>
    </row>
    <row r="705927" spans="14:14">
      <c r="N705927" s="10"/>
    </row>
    <row r="705928" spans="14:14">
      <c r="N705928" s="10"/>
    </row>
    <row r="705929" spans="14:14">
      <c r="N705929" s="10"/>
    </row>
    <row r="705930" spans="14:14">
      <c r="N705930" s="10"/>
    </row>
    <row r="705931" spans="14:14">
      <c r="N705931" s="10"/>
    </row>
    <row r="705932" spans="14:14">
      <c r="N705932" s="10"/>
    </row>
    <row r="705933" spans="14:14">
      <c r="N705933" s="10"/>
    </row>
    <row r="705934" spans="14:14">
      <c r="N705934" s="10"/>
    </row>
    <row r="705935" spans="14:14">
      <c r="N705935" s="10"/>
    </row>
    <row r="705936" spans="14:14">
      <c r="N705936" s="10"/>
    </row>
    <row r="705937" spans="14:14">
      <c r="N705937" s="10"/>
    </row>
    <row r="705938" spans="14:14">
      <c r="N705938" s="10"/>
    </row>
    <row r="705939" spans="14:14">
      <c r="N705939" s="10"/>
    </row>
    <row r="705940" spans="14:14">
      <c r="N705940" s="10"/>
    </row>
    <row r="705941" spans="14:14">
      <c r="N705941" s="10"/>
    </row>
    <row r="705942" spans="14:14">
      <c r="N705942" s="10"/>
    </row>
    <row r="705943" spans="14:14">
      <c r="N705943" s="10"/>
    </row>
    <row r="705944" spans="14:14">
      <c r="N705944" s="10"/>
    </row>
    <row r="705945" spans="14:14">
      <c r="N705945" s="10"/>
    </row>
    <row r="705946" spans="14:14">
      <c r="N705946" s="10"/>
    </row>
    <row r="705947" spans="14:14">
      <c r="N705947" s="10"/>
    </row>
    <row r="705948" spans="14:14">
      <c r="N705948" s="10"/>
    </row>
    <row r="705949" spans="14:14">
      <c r="N705949" s="10"/>
    </row>
    <row r="705950" spans="14:14">
      <c r="N705950" s="10"/>
    </row>
    <row r="705951" spans="14:14">
      <c r="N705951" s="10"/>
    </row>
    <row r="705952" spans="14:14">
      <c r="N705952" s="10"/>
    </row>
    <row r="705953" spans="14:14">
      <c r="N705953" s="10"/>
    </row>
    <row r="705954" spans="14:14">
      <c r="N705954" s="10"/>
    </row>
    <row r="705955" spans="14:14">
      <c r="N705955" s="10"/>
    </row>
    <row r="705956" spans="14:14">
      <c r="N705956" s="10"/>
    </row>
    <row r="705957" spans="14:14">
      <c r="N705957" s="10"/>
    </row>
    <row r="705958" spans="14:14">
      <c r="N705958" s="10"/>
    </row>
    <row r="705959" spans="14:14">
      <c r="N705959" s="10"/>
    </row>
    <row r="705960" spans="14:14">
      <c r="N705960" s="10"/>
    </row>
    <row r="705961" spans="14:14">
      <c r="N705961" s="10"/>
    </row>
    <row r="705962" spans="14:14">
      <c r="N705962" s="10"/>
    </row>
    <row r="705963" spans="14:14">
      <c r="N705963" s="10"/>
    </row>
    <row r="705964" spans="14:14">
      <c r="N705964" s="10"/>
    </row>
    <row r="705965" spans="14:14">
      <c r="N705965" s="10"/>
    </row>
    <row r="705966" spans="14:14">
      <c r="N705966" s="10"/>
    </row>
    <row r="705967" spans="14:14">
      <c r="N705967" s="10"/>
    </row>
    <row r="705968" spans="14:14">
      <c r="N705968" s="10"/>
    </row>
    <row r="705969" spans="14:14">
      <c r="N705969" s="10"/>
    </row>
    <row r="705970" spans="14:14">
      <c r="N705970" s="10"/>
    </row>
    <row r="705971" spans="14:14">
      <c r="N705971" s="10"/>
    </row>
    <row r="705972" spans="14:14">
      <c r="N705972" s="10"/>
    </row>
    <row r="705973" spans="14:14">
      <c r="N705973" s="10"/>
    </row>
    <row r="705974" spans="14:14">
      <c r="N705974" s="10"/>
    </row>
    <row r="705975" spans="14:14">
      <c r="N705975" s="10"/>
    </row>
    <row r="705976" spans="14:14">
      <c r="N705976" s="10"/>
    </row>
    <row r="705977" spans="14:14">
      <c r="N705977" s="10"/>
    </row>
    <row r="705978" spans="14:14">
      <c r="N705978" s="10"/>
    </row>
    <row r="705979" spans="14:14">
      <c r="N705979" s="10"/>
    </row>
    <row r="705980" spans="14:14">
      <c r="N705980" s="10"/>
    </row>
    <row r="705981" spans="14:14">
      <c r="N705981" s="10"/>
    </row>
    <row r="705982" spans="14:14">
      <c r="N705982" s="10"/>
    </row>
    <row r="705983" spans="14:14">
      <c r="N705983" s="10"/>
    </row>
    <row r="705984" spans="14:14">
      <c r="N705984" s="10"/>
    </row>
    <row r="705985" spans="14:14">
      <c r="N705985" s="10"/>
    </row>
    <row r="705986" spans="14:14">
      <c r="N705986" s="10"/>
    </row>
    <row r="705987" spans="14:14">
      <c r="N705987" s="10"/>
    </row>
    <row r="705988" spans="14:14">
      <c r="N705988" s="10"/>
    </row>
    <row r="705989" spans="14:14">
      <c r="N705989" s="10"/>
    </row>
    <row r="705990" spans="14:14">
      <c r="N705990" s="10"/>
    </row>
    <row r="705991" spans="14:14">
      <c r="N705991" s="10"/>
    </row>
    <row r="705992" spans="14:14">
      <c r="N705992" s="10"/>
    </row>
    <row r="705993" spans="14:14">
      <c r="N705993" s="10"/>
    </row>
    <row r="705994" spans="14:14">
      <c r="N705994" s="10"/>
    </row>
    <row r="705995" spans="14:14">
      <c r="N705995" s="10"/>
    </row>
    <row r="705996" spans="14:14">
      <c r="N705996" s="10"/>
    </row>
    <row r="705997" spans="14:14">
      <c r="N705997" s="10"/>
    </row>
    <row r="705998" spans="14:14">
      <c r="N705998" s="10"/>
    </row>
    <row r="705999" spans="14:14">
      <c r="N705999" s="10"/>
    </row>
    <row r="706000" spans="14:14">
      <c r="N706000" s="10"/>
    </row>
    <row r="706001" spans="14:14">
      <c r="N706001" s="10"/>
    </row>
    <row r="706002" spans="14:14">
      <c r="N706002" s="10"/>
    </row>
    <row r="706003" spans="14:14">
      <c r="N706003" s="10"/>
    </row>
    <row r="706004" spans="14:14">
      <c r="N706004" s="10"/>
    </row>
    <row r="706005" spans="14:14">
      <c r="N706005" s="10"/>
    </row>
    <row r="706006" spans="14:14">
      <c r="N706006" s="10"/>
    </row>
    <row r="706007" spans="14:14">
      <c r="N706007" s="10"/>
    </row>
    <row r="706008" spans="14:14">
      <c r="N706008" s="10"/>
    </row>
    <row r="706009" spans="14:14">
      <c r="N706009" s="10"/>
    </row>
    <row r="706010" spans="14:14">
      <c r="N706010" s="10"/>
    </row>
    <row r="706011" spans="14:14">
      <c r="N706011" s="10"/>
    </row>
    <row r="706012" spans="14:14">
      <c r="N706012" s="10"/>
    </row>
    <row r="706013" spans="14:14">
      <c r="N706013" s="10"/>
    </row>
    <row r="706014" spans="14:14">
      <c r="N706014" s="10"/>
    </row>
    <row r="706015" spans="14:14">
      <c r="N706015" s="10"/>
    </row>
    <row r="706016" spans="14:14">
      <c r="N706016" s="10"/>
    </row>
    <row r="706017" spans="14:14">
      <c r="N706017" s="10"/>
    </row>
    <row r="706018" spans="14:14">
      <c r="N706018" s="10"/>
    </row>
    <row r="706019" spans="14:14">
      <c r="N706019" s="10"/>
    </row>
    <row r="706020" spans="14:14">
      <c r="N706020" s="10"/>
    </row>
    <row r="706021" spans="14:14">
      <c r="N706021" s="10"/>
    </row>
    <row r="706022" spans="14:14">
      <c r="N706022" s="10"/>
    </row>
    <row r="706023" spans="14:14">
      <c r="N706023" s="10"/>
    </row>
    <row r="706024" spans="14:14">
      <c r="N706024" s="10"/>
    </row>
    <row r="706025" spans="14:14">
      <c r="N706025" s="10"/>
    </row>
    <row r="706026" spans="14:14">
      <c r="N706026" s="10"/>
    </row>
    <row r="706027" spans="14:14">
      <c r="N706027" s="10"/>
    </row>
    <row r="706028" spans="14:14">
      <c r="N706028" s="10"/>
    </row>
    <row r="706029" spans="14:14">
      <c r="N706029" s="10"/>
    </row>
    <row r="706030" spans="14:14">
      <c r="N706030" s="10"/>
    </row>
    <row r="706031" spans="14:14">
      <c r="N706031" s="10"/>
    </row>
    <row r="706032" spans="14:14">
      <c r="N706032" s="10"/>
    </row>
    <row r="706033" spans="14:14">
      <c r="N706033" s="10"/>
    </row>
    <row r="706034" spans="14:14">
      <c r="N706034" s="10"/>
    </row>
    <row r="706035" spans="14:14">
      <c r="N706035" s="10"/>
    </row>
    <row r="706036" spans="14:14">
      <c r="N706036" s="10"/>
    </row>
    <row r="706037" spans="14:14">
      <c r="N706037" s="10"/>
    </row>
    <row r="706038" spans="14:14">
      <c r="N706038" s="10"/>
    </row>
    <row r="706039" spans="14:14">
      <c r="N706039" s="10"/>
    </row>
    <row r="706040" spans="14:14">
      <c r="N706040" s="10"/>
    </row>
    <row r="706041" spans="14:14">
      <c r="N706041" s="10"/>
    </row>
    <row r="706042" spans="14:14">
      <c r="N706042" s="10"/>
    </row>
    <row r="706043" spans="14:14">
      <c r="N706043" s="10"/>
    </row>
    <row r="706044" spans="14:14">
      <c r="N706044" s="10"/>
    </row>
    <row r="706045" spans="14:14">
      <c r="N706045" s="10"/>
    </row>
    <row r="706046" spans="14:14">
      <c r="N706046" s="10"/>
    </row>
    <row r="706047" spans="14:14">
      <c r="N706047" s="10"/>
    </row>
    <row r="706048" spans="14:14">
      <c r="N706048" s="10"/>
    </row>
    <row r="706049" spans="14:14">
      <c r="N706049" s="10"/>
    </row>
    <row r="706050" spans="14:14">
      <c r="N706050" s="10"/>
    </row>
    <row r="706051" spans="14:14">
      <c r="N706051" s="10"/>
    </row>
    <row r="706052" spans="14:14">
      <c r="N706052" s="10"/>
    </row>
    <row r="706053" spans="14:14">
      <c r="N706053" s="10"/>
    </row>
    <row r="706054" spans="14:14">
      <c r="N706054" s="10"/>
    </row>
    <row r="706055" spans="14:14">
      <c r="N706055" s="10"/>
    </row>
    <row r="706056" spans="14:14">
      <c r="N706056" s="10"/>
    </row>
    <row r="706057" spans="14:14">
      <c r="N706057" s="10"/>
    </row>
    <row r="706058" spans="14:14">
      <c r="N706058" s="10"/>
    </row>
    <row r="706059" spans="14:14">
      <c r="N706059" s="10"/>
    </row>
    <row r="706060" spans="14:14">
      <c r="N706060" s="10"/>
    </row>
    <row r="706061" spans="14:14">
      <c r="N706061" s="10"/>
    </row>
    <row r="706062" spans="14:14">
      <c r="N706062" s="10"/>
    </row>
    <row r="706063" spans="14:14">
      <c r="N706063" s="10"/>
    </row>
    <row r="706064" spans="14:14">
      <c r="N706064" s="10"/>
    </row>
    <row r="706065" spans="14:14">
      <c r="N706065" s="10"/>
    </row>
    <row r="706066" spans="14:14">
      <c r="N706066" s="10"/>
    </row>
    <row r="706067" spans="14:14">
      <c r="N706067" s="10"/>
    </row>
    <row r="706068" spans="14:14">
      <c r="N706068" s="10"/>
    </row>
    <row r="706069" spans="14:14">
      <c r="N706069" s="10"/>
    </row>
    <row r="706070" spans="14:14">
      <c r="N706070" s="10"/>
    </row>
    <row r="706071" spans="14:14">
      <c r="N706071" s="10"/>
    </row>
    <row r="706072" spans="14:14">
      <c r="N706072" s="10"/>
    </row>
    <row r="706073" spans="14:14">
      <c r="N706073" s="10"/>
    </row>
    <row r="706074" spans="14:14">
      <c r="N706074" s="10"/>
    </row>
    <row r="706075" spans="14:14">
      <c r="N706075" s="10"/>
    </row>
    <row r="706076" spans="14:14">
      <c r="N706076" s="10"/>
    </row>
    <row r="706077" spans="14:14">
      <c r="N706077" s="10"/>
    </row>
    <row r="706078" spans="14:14">
      <c r="N706078" s="10"/>
    </row>
    <row r="706079" spans="14:14">
      <c r="N706079" s="10"/>
    </row>
    <row r="706080" spans="14:14">
      <c r="N706080" s="10"/>
    </row>
    <row r="706081" spans="14:14">
      <c r="N706081" s="10"/>
    </row>
    <row r="706082" spans="14:14">
      <c r="N706082" s="10"/>
    </row>
    <row r="706083" spans="14:14">
      <c r="N706083" s="10"/>
    </row>
    <row r="706084" spans="14:14">
      <c r="N706084" s="10"/>
    </row>
    <row r="706085" spans="14:14">
      <c r="N706085" s="10"/>
    </row>
    <row r="706086" spans="14:14">
      <c r="N706086" s="10"/>
    </row>
    <row r="706087" spans="14:14">
      <c r="N706087" s="10"/>
    </row>
    <row r="706088" spans="14:14">
      <c r="N706088" s="10"/>
    </row>
    <row r="706089" spans="14:14">
      <c r="N706089" s="10"/>
    </row>
    <row r="706090" spans="14:14">
      <c r="N706090" s="10"/>
    </row>
    <row r="706091" spans="14:14">
      <c r="N706091" s="10"/>
    </row>
    <row r="706092" spans="14:14">
      <c r="N706092" s="10"/>
    </row>
    <row r="706093" spans="14:14">
      <c r="N706093" s="10"/>
    </row>
    <row r="706094" spans="14:14">
      <c r="N706094" s="10"/>
    </row>
    <row r="706095" spans="14:14">
      <c r="N706095" s="10"/>
    </row>
    <row r="706096" spans="14:14">
      <c r="N706096" s="10"/>
    </row>
    <row r="706097" spans="14:14">
      <c r="N706097" s="10"/>
    </row>
    <row r="706098" spans="14:14">
      <c r="N706098" s="10"/>
    </row>
    <row r="706099" spans="14:14">
      <c r="N706099" s="10"/>
    </row>
    <row r="706100" spans="14:14">
      <c r="N706100" s="10"/>
    </row>
    <row r="706101" spans="14:14">
      <c r="N706101" s="10"/>
    </row>
    <row r="706102" spans="14:14">
      <c r="N706102" s="10"/>
    </row>
    <row r="706103" spans="14:14">
      <c r="N706103" s="10"/>
    </row>
    <row r="706104" spans="14:14">
      <c r="N706104" s="10"/>
    </row>
    <row r="706105" spans="14:14">
      <c r="N706105" s="10"/>
    </row>
    <row r="706106" spans="14:14">
      <c r="N706106" s="10"/>
    </row>
    <row r="706107" spans="14:14">
      <c r="N706107" s="10"/>
    </row>
    <row r="706108" spans="14:14">
      <c r="N706108" s="10"/>
    </row>
    <row r="706109" spans="14:14">
      <c r="N706109" s="10"/>
    </row>
    <row r="706110" spans="14:14">
      <c r="N706110" s="10"/>
    </row>
    <row r="706111" spans="14:14">
      <c r="N706111" s="10"/>
    </row>
    <row r="706112" spans="14:14">
      <c r="N706112" s="10"/>
    </row>
    <row r="706113" spans="14:14">
      <c r="N706113" s="10"/>
    </row>
    <row r="706114" spans="14:14">
      <c r="N706114" s="10"/>
    </row>
    <row r="706115" spans="14:14">
      <c r="N706115" s="10"/>
    </row>
    <row r="706116" spans="14:14">
      <c r="N706116" s="10"/>
    </row>
    <row r="706117" spans="14:14">
      <c r="N706117" s="10"/>
    </row>
    <row r="706118" spans="14:14">
      <c r="N706118" s="10"/>
    </row>
    <row r="706119" spans="14:14">
      <c r="N706119" s="10"/>
    </row>
    <row r="706120" spans="14:14">
      <c r="N706120" s="10"/>
    </row>
    <row r="706121" spans="14:14">
      <c r="N706121" s="10"/>
    </row>
    <row r="706122" spans="14:14">
      <c r="N706122" s="10"/>
    </row>
    <row r="706123" spans="14:14">
      <c r="N706123" s="10"/>
    </row>
    <row r="706124" spans="14:14">
      <c r="N706124" s="10"/>
    </row>
    <row r="706125" spans="14:14">
      <c r="N706125" s="10"/>
    </row>
    <row r="706126" spans="14:14">
      <c r="N706126" s="10"/>
    </row>
    <row r="706127" spans="14:14">
      <c r="N706127" s="10"/>
    </row>
    <row r="706128" spans="14:14">
      <c r="N706128" s="10"/>
    </row>
    <row r="706129" spans="14:14">
      <c r="N706129" s="10"/>
    </row>
    <row r="706130" spans="14:14">
      <c r="N706130" s="10"/>
    </row>
    <row r="706131" spans="14:14">
      <c r="N706131" s="10"/>
    </row>
    <row r="706132" spans="14:14">
      <c r="N706132" s="10"/>
    </row>
    <row r="706133" spans="14:14">
      <c r="N706133" s="10"/>
    </row>
    <row r="706134" spans="14:14">
      <c r="N706134" s="10"/>
    </row>
    <row r="706135" spans="14:14">
      <c r="N706135" s="10"/>
    </row>
    <row r="706136" spans="14:14">
      <c r="N706136" s="10"/>
    </row>
    <row r="706137" spans="14:14">
      <c r="N706137" s="10"/>
    </row>
    <row r="706138" spans="14:14">
      <c r="N706138" s="10"/>
    </row>
    <row r="706139" spans="14:14">
      <c r="N706139" s="10"/>
    </row>
    <row r="706140" spans="14:14">
      <c r="N706140" s="10"/>
    </row>
    <row r="706141" spans="14:14">
      <c r="N706141" s="10"/>
    </row>
    <row r="706142" spans="14:14">
      <c r="N706142" s="10"/>
    </row>
    <row r="706143" spans="14:14">
      <c r="N706143" s="10"/>
    </row>
    <row r="706144" spans="14:14">
      <c r="N706144" s="10"/>
    </row>
    <row r="706145" spans="14:14">
      <c r="N706145" s="10"/>
    </row>
    <row r="706146" spans="14:14">
      <c r="N706146" s="10"/>
    </row>
    <row r="706147" spans="14:14">
      <c r="N706147" s="10"/>
    </row>
    <row r="706148" spans="14:14">
      <c r="N706148" s="10"/>
    </row>
    <row r="706149" spans="14:14">
      <c r="N706149" s="10"/>
    </row>
    <row r="706150" spans="14:14">
      <c r="N706150" s="10"/>
    </row>
    <row r="706151" spans="14:14">
      <c r="N706151" s="10"/>
    </row>
    <row r="706152" spans="14:14">
      <c r="N706152" s="10"/>
    </row>
    <row r="706153" spans="14:14">
      <c r="N706153" s="10"/>
    </row>
    <row r="706154" spans="14:14">
      <c r="N706154" s="10"/>
    </row>
    <row r="706155" spans="14:14">
      <c r="N706155" s="10"/>
    </row>
    <row r="706156" spans="14:14">
      <c r="N706156" s="10"/>
    </row>
    <row r="706157" spans="14:14">
      <c r="N706157" s="10"/>
    </row>
    <row r="706158" spans="14:14">
      <c r="N706158" s="10"/>
    </row>
    <row r="706159" spans="14:14">
      <c r="N706159" s="10"/>
    </row>
    <row r="706160" spans="14:14">
      <c r="N706160" s="10"/>
    </row>
    <row r="706161" spans="14:14">
      <c r="N706161" s="10"/>
    </row>
    <row r="706162" spans="14:14">
      <c r="N706162" s="10"/>
    </row>
    <row r="706163" spans="14:14">
      <c r="N706163" s="10"/>
    </row>
    <row r="706164" spans="14:14">
      <c r="N706164" s="10"/>
    </row>
    <row r="706165" spans="14:14">
      <c r="N706165" s="10"/>
    </row>
    <row r="706166" spans="14:14">
      <c r="N706166" s="10"/>
    </row>
    <row r="706167" spans="14:14">
      <c r="N706167" s="10"/>
    </row>
    <row r="706168" spans="14:14">
      <c r="N706168" s="10"/>
    </row>
    <row r="706169" spans="14:14">
      <c r="N706169" s="10"/>
    </row>
    <row r="706170" spans="14:14">
      <c r="N706170" s="10"/>
    </row>
    <row r="706171" spans="14:14">
      <c r="N706171" s="10"/>
    </row>
    <row r="706172" spans="14:14">
      <c r="N706172" s="10"/>
    </row>
    <row r="706173" spans="14:14">
      <c r="N706173" s="10"/>
    </row>
    <row r="706174" spans="14:14">
      <c r="N706174" s="10"/>
    </row>
    <row r="706175" spans="14:14">
      <c r="N706175" s="10"/>
    </row>
    <row r="706176" spans="14:14">
      <c r="N706176" s="10"/>
    </row>
    <row r="706177" spans="14:14">
      <c r="N706177" s="10"/>
    </row>
    <row r="706178" spans="14:14">
      <c r="N706178" s="10"/>
    </row>
    <row r="706179" spans="14:14">
      <c r="N706179" s="10"/>
    </row>
    <row r="706180" spans="14:14">
      <c r="N706180" s="10"/>
    </row>
    <row r="706181" spans="14:14">
      <c r="N706181" s="10"/>
    </row>
    <row r="706182" spans="14:14">
      <c r="N706182" s="10"/>
    </row>
    <row r="706183" spans="14:14">
      <c r="N706183" s="10"/>
    </row>
    <row r="706184" spans="14:14">
      <c r="N706184" s="10"/>
    </row>
    <row r="706185" spans="14:14">
      <c r="N706185" s="10"/>
    </row>
    <row r="706186" spans="14:14">
      <c r="N706186" s="10"/>
    </row>
    <row r="706187" spans="14:14">
      <c r="N706187" s="10"/>
    </row>
    <row r="706188" spans="14:14">
      <c r="N706188" s="10"/>
    </row>
    <row r="706189" spans="14:14">
      <c r="N706189" s="10"/>
    </row>
    <row r="706190" spans="14:14">
      <c r="N706190" s="10"/>
    </row>
    <row r="706191" spans="14:14">
      <c r="N706191" s="10"/>
    </row>
    <row r="706192" spans="14:14">
      <c r="N706192" s="10"/>
    </row>
    <row r="706193" spans="14:14">
      <c r="N706193" s="10"/>
    </row>
    <row r="706194" spans="14:14">
      <c r="N706194" s="10"/>
    </row>
    <row r="706195" spans="14:14">
      <c r="N706195" s="10"/>
    </row>
    <row r="706196" spans="14:14">
      <c r="N706196" s="10"/>
    </row>
    <row r="706197" spans="14:14">
      <c r="N706197" s="10"/>
    </row>
    <row r="706198" spans="14:14">
      <c r="N706198" s="10"/>
    </row>
    <row r="706199" spans="14:14">
      <c r="N706199" s="10"/>
    </row>
    <row r="706200" spans="14:14">
      <c r="N706200" s="10"/>
    </row>
    <row r="706201" spans="14:14">
      <c r="N706201" s="10"/>
    </row>
    <row r="706202" spans="14:14">
      <c r="N706202" s="10"/>
    </row>
    <row r="706203" spans="14:14">
      <c r="N706203" s="10"/>
    </row>
    <row r="706204" spans="14:14">
      <c r="N706204" s="10"/>
    </row>
    <row r="706205" spans="14:14">
      <c r="N706205" s="10"/>
    </row>
    <row r="706206" spans="14:14">
      <c r="N706206" s="10"/>
    </row>
    <row r="706207" spans="14:14">
      <c r="N706207" s="10"/>
    </row>
    <row r="706208" spans="14:14">
      <c r="N706208" s="10"/>
    </row>
    <row r="706209" spans="14:14">
      <c r="N706209" s="10"/>
    </row>
    <row r="706210" spans="14:14">
      <c r="N706210" s="10"/>
    </row>
    <row r="706211" spans="14:14">
      <c r="N706211" s="10"/>
    </row>
    <row r="706212" spans="14:14">
      <c r="N706212" s="10"/>
    </row>
    <row r="706213" spans="14:14">
      <c r="N706213" s="10"/>
    </row>
    <row r="706214" spans="14:14">
      <c r="N706214" s="10"/>
    </row>
    <row r="706215" spans="14:14">
      <c r="N706215" s="10"/>
    </row>
    <row r="706216" spans="14:14">
      <c r="N706216" s="10"/>
    </row>
    <row r="706217" spans="14:14">
      <c r="N706217" s="10"/>
    </row>
    <row r="706218" spans="14:14">
      <c r="N706218" s="10"/>
    </row>
    <row r="706219" spans="14:14">
      <c r="N706219" s="10"/>
    </row>
    <row r="706220" spans="14:14">
      <c r="N706220" s="10"/>
    </row>
    <row r="706221" spans="14:14">
      <c r="N706221" s="10"/>
    </row>
    <row r="706222" spans="14:14">
      <c r="N706222" s="10"/>
    </row>
    <row r="706223" spans="14:14">
      <c r="N706223" s="10"/>
    </row>
    <row r="706224" spans="14:14">
      <c r="N706224" s="10"/>
    </row>
    <row r="706225" spans="14:14">
      <c r="N706225" s="10"/>
    </row>
    <row r="706226" spans="14:14">
      <c r="N706226" s="10"/>
    </row>
    <row r="706227" spans="14:14">
      <c r="N706227" s="10"/>
    </row>
    <row r="706228" spans="14:14">
      <c r="N706228" s="10"/>
    </row>
    <row r="706229" spans="14:14">
      <c r="N706229" s="10"/>
    </row>
    <row r="706230" spans="14:14">
      <c r="N706230" s="10"/>
    </row>
    <row r="706231" spans="14:14">
      <c r="N706231" s="10"/>
    </row>
    <row r="706232" spans="14:14">
      <c r="N706232" s="10"/>
    </row>
    <row r="706233" spans="14:14">
      <c r="N706233" s="10"/>
    </row>
    <row r="706234" spans="14:14">
      <c r="N706234" s="10"/>
    </row>
    <row r="706235" spans="14:14">
      <c r="N706235" s="10"/>
    </row>
    <row r="706236" spans="14:14">
      <c r="N706236" s="10"/>
    </row>
    <row r="706237" spans="14:14">
      <c r="N706237" s="10"/>
    </row>
    <row r="706238" spans="14:14">
      <c r="N706238" s="10"/>
    </row>
    <row r="706239" spans="14:14">
      <c r="N706239" s="10"/>
    </row>
    <row r="706240" spans="14:14">
      <c r="N706240" s="10"/>
    </row>
    <row r="706241" spans="14:14">
      <c r="N706241" s="10"/>
    </row>
    <row r="706242" spans="14:14">
      <c r="N706242" s="10"/>
    </row>
    <row r="706243" spans="14:14">
      <c r="N706243" s="10"/>
    </row>
    <row r="706244" spans="14:14">
      <c r="N706244" s="10"/>
    </row>
    <row r="706245" spans="14:14">
      <c r="N706245" s="10"/>
    </row>
    <row r="706246" spans="14:14">
      <c r="N706246" s="10"/>
    </row>
    <row r="706247" spans="14:14">
      <c r="N706247" s="10"/>
    </row>
    <row r="706248" spans="14:14">
      <c r="N706248" s="10"/>
    </row>
    <row r="706249" spans="14:14">
      <c r="N706249" s="10"/>
    </row>
    <row r="706250" spans="14:14">
      <c r="N706250" s="10"/>
    </row>
    <row r="706251" spans="14:14">
      <c r="N706251" s="10"/>
    </row>
    <row r="706252" spans="14:14">
      <c r="N706252" s="10"/>
    </row>
    <row r="706253" spans="14:14">
      <c r="N706253" s="10"/>
    </row>
    <row r="706254" spans="14:14">
      <c r="N706254" s="10"/>
    </row>
    <row r="706255" spans="14:14">
      <c r="N706255" s="10"/>
    </row>
    <row r="706256" spans="14:14">
      <c r="N706256" s="10"/>
    </row>
    <row r="706257" spans="14:14">
      <c r="N706257" s="10"/>
    </row>
    <row r="706258" spans="14:14">
      <c r="N706258" s="10"/>
    </row>
    <row r="706259" spans="14:14">
      <c r="N706259" s="10"/>
    </row>
    <row r="706260" spans="14:14">
      <c r="N706260" s="10"/>
    </row>
    <row r="706261" spans="14:14">
      <c r="N706261" s="10"/>
    </row>
    <row r="706262" spans="14:14">
      <c r="N706262" s="10"/>
    </row>
    <row r="706263" spans="14:14">
      <c r="N706263" s="10"/>
    </row>
    <row r="706264" spans="14:14">
      <c r="N706264" s="10"/>
    </row>
    <row r="706265" spans="14:14">
      <c r="N706265" s="10"/>
    </row>
    <row r="706266" spans="14:14">
      <c r="N706266" s="10"/>
    </row>
    <row r="706267" spans="14:14">
      <c r="N706267" s="10"/>
    </row>
    <row r="706268" spans="14:14">
      <c r="N706268" s="10"/>
    </row>
    <row r="706269" spans="14:14">
      <c r="N706269" s="10"/>
    </row>
    <row r="706270" spans="14:14">
      <c r="N706270" s="10"/>
    </row>
    <row r="706271" spans="14:14">
      <c r="N706271" s="10"/>
    </row>
    <row r="706272" spans="14:14">
      <c r="N706272" s="10"/>
    </row>
    <row r="706273" spans="14:14">
      <c r="N706273" s="10"/>
    </row>
    <row r="706274" spans="14:14">
      <c r="N706274" s="10"/>
    </row>
    <row r="706275" spans="14:14">
      <c r="N706275" s="10"/>
    </row>
    <row r="706276" spans="14:14">
      <c r="N706276" s="10"/>
    </row>
    <row r="706277" spans="14:14">
      <c r="N706277" s="10"/>
    </row>
    <row r="706278" spans="14:14">
      <c r="N706278" s="10"/>
    </row>
    <row r="706279" spans="14:14">
      <c r="N706279" s="10"/>
    </row>
    <row r="706280" spans="14:14">
      <c r="N706280" s="10"/>
    </row>
    <row r="706281" spans="14:14">
      <c r="N706281" s="10"/>
    </row>
    <row r="706282" spans="14:14">
      <c r="N706282" s="10"/>
    </row>
    <row r="706283" spans="14:14">
      <c r="N706283" s="10"/>
    </row>
    <row r="706284" spans="14:14">
      <c r="N706284" s="10"/>
    </row>
    <row r="706285" spans="14:14">
      <c r="N706285" s="10"/>
    </row>
    <row r="706286" spans="14:14">
      <c r="N706286" s="10"/>
    </row>
    <row r="706287" spans="14:14">
      <c r="N706287" s="10"/>
    </row>
    <row r="706288" spans="14:14">
      <c r="N706288" s="10"/>
    </row>
    <row r="706289" spans="14:14">
      <c r="N706289" s="10"/>
    </row>
    <row r="706290" spans="14:14">
      <c r="N706290" s="10"/>
    </row>
    <row r="706291" spans="14:14">
      <c r="N706291" s="10"/>
    </row>
    <row r="706292" spans="14:14">
      <c r="N706292" s="10"/>
    </row>
    <row r="706293" spans="14:14">
      <c r="N706293" s="10"/>
    </row>
    <row r="706294" spans="14:14">
      <c r="N706294" s="10"/>
    </row>
    <row r="706295" spans="14:14">
      <c r="N706295" s="10"/>
    </row>
    <row r="706296" spans="14:14">
      <c r="N706296" s="10"/>
    </row>
    <row r="706297" spans="14:14">
      <c r="N706297" s="10"/>
    </row>
    <row r="706298" spans="14:14">
      <c r="N706298" s="10"/>
    </row>
    <row r="706299" spans="14:14">
      <c r="N706299" s="10"/>
    </row>
    <row r="706300" spans="14:14">
      <c r="N706300" s="10"/>
    </row>
    <row r="706301" spans="14:14">
      <c r="N706301" s="10"/>
    </row>
    <row r="706302" spans="14:14">
      <c r="N706302" s="10"/>
    </row>
    <row r="706303" spans="14:14">
      <c r="N706303" s="10"/>
    </row>
    <row r="706304" spans="14:14">
      <c r="N706304" s="10"/>
    </row>
    <row r="706305" spans="14:14">
      <c r="N706305" s="10"/>
    </row>
    <row r="706306" spans="14:14">
      <c r="N706306" s="10"/>
    </row>
    <row r="706307" spans="14:14">
      <c r="N706307" s="10"/>
    </row>
    <row r="706308" spans="14:14">
      <c r="N706308" s="10"/>
    </row>
    <row r="706309" spans="14:14">
      <c r="N706309" s="10"/>
    </row>
    <row r="706310" spans="14:14">
      <c r="N706310" s="10"/>
    </row>
    <row r="706311" spans="14:14">
      <c r="N706311" s="10"/>
    </row>
    <row r="706312" spans="14:14">
      <c r="N706312" s="10"/>
    </row>
    <row r="706313" spans="14:14">
      <c r="N706313" s="10"/>
    </row>
    <row r="706314" spans="14:14">
      <c r="N706314" s="10"/>
    </row>
    <row r="706315" spans="14:14">
      <c r="N706315" s="10"/>
    </row>
    <row r="706316" spans="14:14">
      <c r="N706316" s="10"/>
    </row>
    <row r="706317" spans="14:14">
      <c r="N706317" s="10"/>
    </row>
    <row r="706318" spans="14:14">
      <c r="N706318" s="10"/>
    </row>
    <row r="706319" spans="14:14">
      <c r="N706319" s="10"/>
    </row>
    <row r="706320" spans="14:14">
      <c r="N706320" s="10"/>
    </row>
    <row r="706321" spans="14:14">
      <c r="N706321" s="10"/>
    </row>
    <row r="706322" spans="14:14">
      <c r="N706322" s="10"/>
    </row>
    <row r="706323" spans="14:14">
      <c r="N706323" s="10"/>
    </row>
    <row r="706324" spans="14:14">
      <c r="N706324" s="10"/>
    </row>
    <row r="706325" spans="14:14">
      <c r="N706325" s="10"/>
    </row>
    <row r="706326" spans="14:14">
      <c r="N706326" s="10"/>
    </row>
    <row r="706327" spans="14:14">
      <c r="N706327" s="10"/>
    </row>
    <row r="706328" spans="14:14">
      <c r="N706328" s="10"/>
    </row>
    <row r="706329" spans="14:14">
      <c r="N706329" s="10"/>
    </row>
    <row r="706330" spans="14:14">
      <c r="N706330" s="10"/>
    </row>
    <row r="706331" spans="14:14">
      <c r="N706331" s="10"/>
    </row>
    <row r="706332" spans="14:14">
      <c r="N706332" s="10"/>
    </row>
    <row r="706333" spans="14:14">
      <c r="N706333" s="10"/>
    </row>
    <row r="706334" spans="14:14">
      <c r="N706334" s="10"/>
    </row>
    <row r="706335" spans="14:14">
      <c r="N706335" s="10"/>
    </row>
    <row r="706336" spans="14:14">
      <c r="N706336" s="10"/>
    </row>
    <row r="706337" spans="14:14">
      <c r="N706337" s="10"/>
    </row>
    <row r="706338" spans="14:14">
      <c r="N706338" s="10"/>
    </row>
    <row r="706339" spans="14:14">
      <c r="N706339" s="10"/>
    </row>
    <row r="706340" spans="14:14">
      <c r="N706340" s="10"/>
    </row>
    <row r="706341" spans="14:14">
      <c r="N706341" s="10"/>
    </row>
    <row r="706342" spans="14:14">
      <c r="N706342" s="10"/>
    </row>
    <row r="706343" spans="14:14">
      <c r="N706343" s="10"/>
    </row>
    <row r="706344" spans="14:14">
      <c r="N706344" s="10"/>
    </row>
    <row r="706345" spans="14:14">
      <c r="N706345" s="10"/>
    </row>
    <row r="706346" spans="14:14">
      <c r="N706346" s="10"/>
    </row>
    <row r="706347" spans="14:14">
      <c r="N706347" s="10"/>
    </row>
    <row r="706348" spans="14:14">
      <c r="N706348" s="10"/>
    </row>
    <row r="706349" spans="14:14">
      <c r="N706349" s="10"/>
    </row>
    <row r="706350" spans="14:14">
      <c r="N706350" s="10"/>
    </row>
    <row r="706351" spans="14:14">
      <c r="N706351" s="10"/>
    </row>
    <row r="706352" spans="14:14">
      <c r="N706352" s="10"/>
    </row>
    <row r="706353" spans="14:14">
      <c r="N706353" s="10"/>
    </row>
    <row r="706354" spans="14:14">
      <c r="N706354" s="10"/>
    </row>
    <row r="706355" spans="14:14">
      <c r="N706355" s="10"/>
    </row>
    <row r="706356" spans="14:14">
      <c r="N706356" s="10"/>
    </row>
    <row r="706357" spans="14:14">
      <c r="N706357" s="10"/>
    </row>
    <row r="706358" spans="14:14">
      <c r="N706358" s="10"/>
    </row>
    <row r="706359" spans="14:14">
      <c r="N706359" s="10"/>
    </row>
    <row r="706360" spans="14:14">
      <c r="N706360" s="10"/>
    </row>
    <row r="706361" spans="14:14">
      <c r="N706361" s="10"/>
    </row>
    <row r="706362" spans="14:14">
      <c r="N706362" s="10"/>
    </row>
    <row r="706363" spans="14:14">
      <c r="N706363" s="10"/>
    </row>
    <row r="706364" spans="14:14">
      <c r="N706364" s="10"/>
    </row>
    <row r="706365" spans="14:14">
      <c r="N706365" s="10"/>
    </row>
    <row r="706366" spans="14:14">
      <c r="N706366" s="10"/>
    </row>
    <row r="706367" spans="14:14">
      <c r="N706367" s="10"/>
    </row>
    <row r="706368" spans="14:14">
      <c r="N706368" s="10"/>
    </row>
    <row r="706369" spans="14:14">
      <c r="N706369" s="10"/>
    </row>
    <row r="706370" spans="14:14">
      <c r="N706370" s="10"/>
    </row>
    <row r="706371" spans="14:14">
      <c r="N706371" s="10"/>
    </row>
    <row r="706372" spans="14:14">
      <c r="N706372" s="10"/>
    </row>
    <row r="706373" spans="14:14">
      <c r="N706373" s="10"/>
    </row>
    <row r="706374" spans="14:14">
      <c r="N706374" s="10"/>
    </row>
    <row r="706375" spans="14:14">
      <c r="N706375" s="10"/>
    </row>
    <row r="706376" spans="14:14">
      <c r="N706376" s="10"/>
    </row>
    <row r="706377" spans="14:14">
      <c r="N706377" s="10"/>
    </row>
    <row r="706378" spans="14:14">
      <c r="N706378" s="10"/>
    </row>
    <row r="706379" spans="14:14">
      <c r="N706379" s="10"/>
    </row>
    <row r="706380" spans="14:14">
      <c r="N706380" s="10"/>
    </row>
    <row r="706381" spans="14:14">
      <c r="N706381" s="10"/>
    </row>
    <row r="706382" spans="14:14">
      <c r="N706382" s="10"/>
    </row>
    <row r="706383" spans="14:14">
      <c r="N706383" s="10"/>
    </row>
    <row r="706384" spans="14:14">
      <c r="N706384" s="10"/>
    </row>
    <row r="706385" spans="14:14">
      <c r="N706385" s="10"/>
    </row>
    <row r="706386" spans="14:14">
      <c r="N706386" s="10"/>
    </row>
    <row r="706387" spans="14:14">
      <c r="N706387" s="10"/>
    </row>
    <row r="706388" spans="14:14">
      <c r="N706388" s="10"/>
    </row>
    <row r="706389" spans="14:14">
      <c r="N706389" s="10"/>
    </row>
    <row r="706390" spans="14:14">
      <c r="N706390" s="10"/>
    </row>
    <row r="706391" spans="14:14">
      <c r="N706391" s="10"/>
    </row>
    <row r="706392" spans="14:14">
      <c r="N706392" s="10"/>
    </row>
    <row r="706393" spans="14:14">
      <c r="N706393" s="10"/>
    </row>
    <row r="706394" spans="14:14">
      <c r="N706394" s="10"/>
    </row>
    <row r="706395" spans="14:14">
      <c r="N706395" s="10"/>
    </row>
    <row r="706396" spans="14:14">
      <c r="N706396" s="10"/>
    </row>
    <row r="706397" spans="14:14">
      <c r="N706397" s="10"/>
    </row>
    <row r="706398" spans="14:14">
      <c r="N706398" s="10"/>
    </row>
    <row r="706399" spans="14:14">
      <c r="N706399" s="10"/>
    </row>
    <row r="706400" spans="14:14">
      <c r="N706400" s="10"/>
    </row>
    <row r="706401" spans="14:14">
      <c r="N706401" s="10"/>
    </row>
    <row r="706402" spans="14:14">
      <c r="N706402" s="10"/>
    </row>
    <row r="706403" spans="14:14">
      <c r="N706403" s="10"/>
    </row>
    <row r="706404" spans="14:14">
      <c r="N706404" s="10"/>
    </row>
    <row r="706405" spans="14:14">
      <c r="N706405" s="10"/>
    </row>
    <row r="706406" spans="14:14">
      <c r="N706406" s="10"/>
    </row>
    <row r="706407" spans="14:14">
      <c r="N706407" s="10"/>
    </row>
    <row r="706408" spans="14:14">
      <c r="N706408" s="10"/>
    </row>
    <row r="706409" spans="14:14">
      <c r="N706409" s="10"/>
    </row>
    <row r="706410" spans="14:14">
      <c r="N706410" s="10"/>
    </row>
    <row r="706411" spans="14:14">
      <c r="N706411" s="10"/>
    </row>
    <row r="706412" spans="14:14">
      <c r="N706412" s="10"/>
    </row>
    <row r="706413" spans="14:14">
      <c r="N706413" s="10"/>
    </row>
    <row r="706414" spans="14:14">
      <c r="N706414" s="10"/>
    </row>
    <row r="706415" spans="14:14">
      <c r="N706415" s="10"/>
    </row>
    <row r="706416" spans="14:14">
      <c r="N706416" s="10"/>
    </row>
    <row r="706417" spans="14:14">
      <c r="N706417" s="10"/>
    </row>
    <row r="706418" spans="14:14">
      <c r="N706418" s="10"/>
    </row>
    <row r="706419" spans="14:14">
      <c r="N706419" s="10"/>
    </row>
    <row r="706420" spans="14:14">
      <c r="N706420" s="10"/>
    </row>
    <row r="706421" spans="14:14">
      <c r="N706421" s="10"/>
    </row>
    <row r="706422" spans="14:14">
      <c r="N706422" s="10"/>
    </row>
    <row r="706423" spans="14:14">
      <c r="N706423" s="10"/>
    </row>
    <row r="706424" spans="14:14">
      <c r="N706424" s="10"/>
    </row>
    <row r="706425" spans="14:14">
      <c r="N706425" s="10"/>
    </row>
    <row r="706426" spans="14:14">
      <c r="N706426" s="10"/>
    </row>
    <row r="706427" spans="14:14">
      <c r="N706427" s="10"/>
    </row>
    <row r="706428" spans="14:14">
      <c r="N706428" s="10"/>
    </row>
    <row r="706429" spans="14:14">
      <c r="N706429" s="10"/>
    </row>
    <row r="706430" spans="14:14">
      <c r="N706430" s="10"/>
    </row>
    <row r="706431" spans="14:14">
      <c r="N706431" s="10"/>
    </row>
    <row r="706432" spans="14:14">
      <c r="N706432" s="10"/>
    </row>
    <row r="706433" spans="14:14">
      <c r="N706433" s="10"/>
    </row>
    <row r="706434" spans="14:14">
      <c r="N706434" s="10"/>
    </row>
    <row r="706435" spans="14:14">
      <c r="N706435" s="10"/>
    </row>
    <row r="706436" spans="14:14">
      <c r="N706436" s="10"/>
    </row>
    <row r="706437" spans="14:14">
      <c r="N706437" s="10"/>
    </row>
    <row r="706438" spans="14:14">
      <c r="N706438" s="10"/>
    </row>
    <row r="706439" spans="14:14">
      <c r="N706439" s="10"/>
    </row>
    <row r="706440" spans="14:14">
      <c r="N706440" s="10"/>
    </row>
    <row r="706441" spans="14:14">
      <c r="N706441" s="10"/>
    </row>
    <row r="706442" spans="14:14">
      <c r="N706442" s="10"/>
    </row>
    <row r="706443" spans="14:14">
      <c r="N706443" s="10"/>
    </row>
    <row r="706444" spans="14:14">
      <c r="N706444" s="10"/>
    </row>
    <row r="706445" spans="14:14">
      <c r="N706445" s="10"/>
    </row>
    <row r="706446" spans="14:14">
      <c r="N706446" s="10"/>
    </row>
    <row r="706447" spans="14:14">
      <c r="N706447" s="10"/>
    </row>
    <row r="706448" spans="14:14">
      <c r="N706448" s="10"/>
    </row>
    <row r="706449" spans="14:14">
      <c r="N706449" s="10"/>
    </row>
    <row r="706450" spans="14:14">
      <c r="N706450" s="10"/>
    </row>
    <row r="706451" spans="14:14">
      <c r="N706451" s="10"/>
    </row>
    <row r="706452" spans="14:14">
      <c r="N706452" s="10"/>
    </row>
    <row r="706453" spans="14:14">
      <c r="N706453" s="10"/>
    </row>
    <row r="706454" spans="14:14">
      <c r="N706454" s="10"/>
    </row>
    <row r="706455" spans="14:14">
      <c r="N706455" s="10"/>
    </row>
    <row r="706456" spans="14:14">
      <c r="N706456" s="10"/>
    </row>
    <row r="706457" spans="14:14">
      <c r="N706457" s="10"/>
    </row>
    <row r="706458" spans="14:14">
      <c r="N706458" s="10"/>
    </row>
    <row r="706459" spans="14:14">
      <c r="N706459" s="10"/>
    </row>
    <row r="706460" spans="14:14">
      <c r="N706460" s="10"/>
    </row>
    <row r="706461" spans="14:14">
      <c r="N706461" s="10"/>
    </row>
    <row r="706462" spans="14:14">
      <c r="N706462" s="10"/>
    </row>
    <row r="706463" spans="14:14">
      <c r="N706463" s="10"/>
    </row>
    <row r="706464" spans="14:14">
      <c r="N706464" s="10"/>
    </row>
    <row r="706465" spans="14:14">
      <c r="N706465" s="10"/>
    </row>
    <row r="706466" spans="14:14">
      <c r="N706466" s="10"/>
    </row>
    <row r="706467" spans="14:14">
      <c r="N706467" s="10"/>
    </row>
    <row r="706468" spans="14:14">
      <c r="N706468" s="10"/>
    </row>
    <row r="706469" spans="14:14">
      <c r="N706469" s="10"/>
    </row>
    <row r="706470" spans="14:14">
      <c r="N706470" s="10"/>
    </row>
    <row r="706471" spans="14:14">
      <c r="N706471" s="10"/>
    </row>
    <row r="706472" spans="14:14">
      <c r="N706472" s="10"/>
    </row>
    <row r="706473" spans="14:14">
      <c r="N706473" s="10"/>
    </row>
    <row r="706474" spans="14:14">
      <c r="N706474" s="10"/>
    </row>
    <row r="706475" spans="14:14">
      <c r="N706475" s="10"/>
    </row>
    <row r="706476" spans="14:14">
      <c r="N706476" s="10"/>
    </row>
    <row r="706477" spans="14:14">
      <c r="N706477" s="10"/>
    </row>
    <row r="706478" spans="14:14">
      <c r="N706478" s="10"/>
    </row>
    <row r="706479" spans="14:14">
      <c r="N706479" s="10"/>
    </row>
    <row r="706480" spans="14:14">
      <c r="N706480" s="10"/>
    </row>
    <row r="706481" spans="14:14">
      <c r="N706481" s="10"/>
    </row>
    <row r="706482" spans="14:14">
      <c r="N706482" s="10"/>
    </row>
    <row r="706483" spans="14:14">
      <c r="N706483" s="10"/>
    </row>
    <row r="706484" spans="14:14">
      <c r="N706484" s="10"/>
    </row>
    <row r="706485" spans="14:14">
      <c r="N706485" s="10"/>
    </row>
    <row r="706486" spans="14:14">
      <c r="N706486" s="10"/>
    </row>
    <row r="706487" spans="14:14">
      <c r="N706487" s="10"/>
    </row>
    <row r="706488" spans="14:14">
      <c r="N706488" s="10"/>
    </row>
    <row r="706489" spans="14:14">
      <c r="N706489" s="10"/>
    </row>
    <row r="706490" spans="14:14">
      <c r="N706490" s="10"/>
    </row>
    <row r="706491" spans="14:14">
      <c r="N706491" s="10"/>
    </row>
    <row r="706492" spans="14:14">
      <c r="N706492" s="10"/>
    </row>
    <row r="706493" spans="14:14">
      <c r="N706493" s="10"/>
    </row>
    <row r="706494" spans="14:14">
      <c r="N706494" s="10"/>
    </row>
    <row r="706495" spans="14:14">
      <c r="N706495" s="10"/>
    </row>
    <row r="706496" spans="14:14">
      <c r="N706496" s="10"/>
    </row>
    <row r="706497" spans="14:14">
      <c r="N706497" s="10"/>
    </row>
    <row r="706498" spans="14:14">
      <c r="N706498" s="10"/>
    </row>
    <row r="706499" spans="14:14">
      <c r="N706499" s="10"/>
    </row>
    <row r="706500" spans="14:14">
      <c r="N706500" s="10"/>
    </row>
    <row r="706501" spans="14:14">
      <c r="N706501" s="10"/>
    </row>
    <row r="706502" spans="14:14">
      <c r="N706502" s="10"/>
    </row>
    <row r="706503" spans="14:14">
      <c r="N706503" s="10"/>
    </row>
    <row r="706504" spans="14:14">
      <c r="N706504" s="10"/>
    </row>
    <row r="706505" spans="14:14">
      <c r="N706505" s="10"/>
    </row>
    <row r="706506" spans="14:14">
      <c r="N706506" s="10"/>
    </row>
    <row r="706507" spans="14:14">
      <c r="N706507" s="10"/>
    </row>
    <row r="706508" spans="14:14">
      <c r="N706508" s="10"/>
    </row>
    <row r="706509" spans="14:14">
      <c r="N706509" s="10"/>
    </row>
    <row r="706510" spans="14:14">
      <c r="N706510" s="10"/>
    </row>
    <row r="706511" spans="14:14">
      <c r="N706511" s="10"/>
    </row>
    <row r="706512" spans="14:14">
      <c r="N706512" s="10"/>
    </row>
    <row r="706513" spans="14:14">
      <c r="N706513" s="10"/>
    </row>
    <row r="706514" spans="14:14">
      <c r="N706514" s="10"/>
    </row>
    <row r="706515" spans="14:14">
      <c r="N706515" s="10"/>
    </row>
    <row r="706516" spans="14:14">
      <c r="N706516" s="10"/>
    </row>
    <row r="706517" spans="14:14">
      <c r="N706517" s="10"/>
    </row>
    <row r="706518" spans="14:14">
      <c r="N706518" s="10"/>
    </row>
    <row r="706519" spans="14:14">
      <c r="N706519" s="10"/>
    </row>
    <row r="706520" spans="14:14">
      <c r="N706520" s="10"/>
    </row>
    <row r="706521" spans="14:14">
      <c r="N706521" s="10"/>
    </row>
    <row r="706522" spans="14:14">
      <c r="N706522" s="10"/>
    </row>
    <row r="706523" spans="14:14">
      <c r="N706523" s="10"/>
    </row>
    <row r="706524" spans="14:14">
      <c r="N706524" s="10"/>
    </row>
    <row r="706525" spans="14:14">
      <c r="N706525" s="10"/>
    </row>
    <row r="706526" spans="14:14">
      <c r="N706526" s="10"/>
    </row>
    <row r="706527" spans="14:14">
      <c r="N706527" s="10"/>
    </row>
    <row r="706528" spans="14:14">
      <c r="N706528" s="10"/>
    </row>
    <row r="706529" spans="14:14">
      <c r="N706529" s="10"/>
    </row>
    <row r="706530" spans="14:14">
      <c r="N706530" s="10"/>
    </row>
    <row r="706531" spans="14:14">
      <c r="N706531" s="10"/>
    </row>
    <row r="706532" spans="14:14">
      <c r="N706532" s="10"/>
    </row>
    <row r="706533" spans="14:14">
      <c r="N706533" s="10"/>
    </row>
    <row r="706534" spans="14:14">
      <c r="N706534" s="10"/>
    </row>
    <row r="706535" spans="14:14">
      <c r="N706535" s="10"/>
    </row>
    <row r="706536" spans="14:14">
      <c r="N706536" s="10"/>
    </row>
    <row r="706537" spans="14:14">
      <c r="N706537" s="10"/>
    </row>
    <row r="706538" spans="14:14">
      <c r="N706538" s="10"/>
    </row>
    <row r="706539" spans="14:14">
      <c r="N706539" s="10"/>
    </row>
    <row r="706540" spans="14:14">
      <c r="N706540" s="10"/>
    </row>
    <row r="706541" spans="14:14">
      <c r="N706541" s="10"/>
    </row>
    <row r="706542" spans="14:14">
      <c r="N706542" s="10"/>
    </row>
    <row r="706543" spans="14:14">
      <c r="N706543" s="10"/>
    </row>
    <row r="706544" spans="14:14">
      <c r="N706544" s="10"/>
    </row>
    <row r="706545" spans="14:14">
      <c r="N706545" s="10"/>
    </row>
    <row r="706546" spans="14:14">
      <c r="N706546" s="10"/>
    </row>
    <row r="706547" spans="14:14">
      <c r="N706547" s="10"/>
    </row>
    <row r="706548" spans="14:14">
      <c r="N706548" s="10"/>
    </row>
    <row r="706549" spans="14:14">
      <c r="N706549" s="10"/>
    </row>
    <row r="706550" spans="14:14">
      <c r="N706550" s="10"/>
    </row>
    <row r="706551" spans="14:14">
      <c r="N706551" s="10"/>
    </row>
    <row r="706552" spans="14:14">
      <c r="N706552" s="10"/>
    </row>
    <row r="706553" spans="14:14">
      <c r="N706553" s="10"/>
    </row>
    <row r="706554" spans="14:14">
      <c r="N706554" s="10"/>
    </row>
    <row r="706555" spans="14:14">
      <c r="N706555" s="10"/>
    </row>
    <row r="706556" spans="14:14">
      <c r="N706556" s="10"/>
    </row>
    <row r="706557" spans="14:14">
      <c r="N706557" s="10"/>
    </row>
    <row r="706558" spans="14:14">
      <c r="N706558" s="10"/>
    </row>
    <row r="706559" spans="14:14">
      <c r="N706559" s="10"/>
    </row>
    <row r="706560" spans="14:14">
      <c r="N706560" s="10"/>
    </row>
    <row r="706561" spans="14:14">
      <c r="N706561" s="10"/>
    </row>
    <row r="706562" spans="14:14">
      <c r="N706562" s="10"/>
    </row>
    <row r="706563" spans="14:14">
      <c r="N706563" s="10"/>
    </row>
    <row r="706564" spans="14:14">
      <c r="N706564" s="10"/>
    </row>
    <row r="706565" spans="14:14">
      <c r="N706565" s="10"/>
    </row>
    <row r="706566" spans="14:14">
      <c r="N706566" s="10"/>
    </row>
    <row r="706567" spans="14:14">
      <c r="N706567" s="10"/>
    </row>
    <row r="706568" spans="14:14">
      <c r="N706568" s="10"/>
    </row>
    <row r="706569" spans="14:14">
      <c r="N706569" s="10"/>
    </row>
    <row r="706570" spans="14:14">
      <c r="N706570" s="10"/>
    </row>
    <row r="706571" spans="14:14">
      <c r="N706571" s="10"/>
    </row>
    <row r="706572" spans="14:14">
      <c r="N706572" s="10"/>
    </row>
    <row r="706573" spans="14:14">
      <c r="N706573" s="10"/>
    </row>
    <row r="706574" spans="14:14">
      <c r="N706574" s="10"/>
    </row>
    <row r="706575" spans="14:14">
      <c r="N706575" s="10"/>
    </row>
    <row r="706576" spans="14:14">
      <c r="N706576" s="10"/>
    </row>
    <row r="706577" spans="14:14">
      <c r="N706577" s="10"/>
    </row>
    <row r="706578" spans="14:14">
      <c r="N706578" s="10"/>
    </row>
    <row r="706579" spans="14:14">
      <c r="N706579" s="10"/>
    </row>
    <row r="706580" spans="14:14">
      <c r="N706580" s="10"/>
    </row>
    <row r="706581" spans="14:14">
      <c r="N706581" s="10"/>
    </row>
    <row r="706582" spans="14:14">
      <c r="N706582" s="10"/>
    </row>
    <row r="706583" spans="14:14">
      <c r="N706583" s="10"/>
    </row>
    <row r="706584" spans="14:14">
      <c r="N706584" s="10"/>
    </row>
    <row r="706585" spans="14:14">
      <c r="N706585" s="10"/>
    </row>
    <row r="706586" spans="14:14">
      <c r="N706586" s="10"/>
    </row>
    <row r="706587" spans="14:14">
      <c r="N706587" s="10"/>
    </row>
    <row r="706588" spans="14:14">
      <c r="N706588" s="10"/>
    </row>
    <row r="706589" spans="14:14">
      <c r="N706589" s="10"/>
    </row>
    <row r="706590" spans="14:14">
      <c r="N706590" s="10"/>
    </row>
    <row r="706591" spans="14:14">
      <c r="N706591" s="10"/>
    </row>
    <row r="706592" spans="14:14">
      <c r="N706592" s="10"/>
    </row>
    <row r="706593" spans="14:14">
      <c r="N706593" s="10"/>
    </row>
    <row r="706594" spans="14:14">
      <c r="N706594" s="10"/>
    </row>
    <row r="706595" spans="14:14">
      <c r="N706595" s="10"/>
    </row>
    <row r="706596" spans="14:14">
      <c r="N706596" s="10"/>
    </row>
    <row r="706597" spans="14:14">
      <c r="N706597" s="10"/>
    </row>
    <row r="706598" spans="14:14">
      <c r="N706598" s="10"/>
    </row>
    <row r="706599" spans="14:14">
      <c r="N706599" s="10"/>
    </row>
    <row r="706600" spans="14:14">
      <c r="N706600" s="10"/>
    </row>
    <row r="706601" spans="14:14">
      <c r="N706601" s="10"/>
    </row>
    <row r="706602" spans="14:14">
      <c r="N706602" s="10"/>
    </row>
    <row r="706603" spans="14:14">
      <c r="N706603" s="10"/>
    </row>
    <row r="706604" spans="14:14">
      <c r="N706604" s="10"/>
    </row>
    <row r="706605" spans="14:14">
      <c r="N706605" s="10"/>
    </row>
    <row r="706606" spans="14:14">
      <c r="N706606" s="10"/>
    </row>
    <row r="706607" spans="14:14">
      <c r="N706607" s="10"/>
    </row>
    <row r="706608" spans="14:14">
      <c r="N706608" s="10"/>
    </row>
    <row r="706609" spans="14:14">
      <c r="N706609" s="10"/>
    </row>
    <row r="706610" spans="14:14">
      <c r="N706610" s="10"/>
    </row>
    <row r="706611" spans="14:14">
      <c r="N706611" s="10"/>
    </row>
    <row r="706612" spans="14:14">
      <c r="N706612" s="10"/>
    </row>
    <row r="706613" spans="14:14">
      <c r="N706613" s="10"/>
    </row>
    <row r="706614" spans="14:14">
      <c r="N706614" s="10"/>
    </row>
    <row r="706615" spans="14:14">
      <c r="N706615" s="10"/>
    </row>
    <row r="706616" spans="14:14">
      <c r="N706616" s="10"/>
    </row>
    <row r="706617" spans="14:14">
      <c r="N706617" s="10"/>
    </row>
    <row r="706618" spans="14:14">
      <c r="N706618" s="10"/>
    </row>
    <row r="706619" spans="14:14">
      <c r="N706619" s="10"/>
    </row>
    <row r="706620" spans="14:14">
      <c r="N706620" s="10"/>
    </row>
    <row r="706621" spans="14:14">
      <c r="N706621" s="10"/>
    </row>
    <row r="706622" spans="14:14">
      <c r="N706622" s="10"/>
    </row>
    <row r="706623" spans="14:14">
      <c r="N706623" s="10"/>
    </row>
    <row r="706624" spans="14:14">
      <c r="N706624" s="10"/>
    </row>
    <row r="706625" spans="14:14">
      <c r="N706625" s="10"/>
    </row>
    <row r="706626" spans="14:14">
      <c r="N706626" s="10"/>
    </row>
    <row r="706627" spans="14:14">
      <c r="N706627" s="10"/>
    </row>
    <row r="706628" spans="14:14">
      <c r="N706628" s="10"/>
    </row>
    <row r="706629" spans="14:14">
      <c r="N706629" s="10"/>
    </row>
    <row r="706630" spans="14:14">
      <c r="N706630" s="10"/>
    </row>
    <row r="706631" spans="14:14">
      <c r="N706631" s="10"/>
    </row>
    <row r="706632" spans="14:14">
      <c r="N706632" s="10"/>
    </row>
    <row r="706633" spans="14:14">
      <c r="N706633" s="10"/>
    </row>
    <row r="706634" spans="14:14">
      <c r="N706634" s="10"/>
    </row>
    <row r="706635" spans="14:14">
      <c r="N706635" s="10"/>
    </row>
    <row r="706636" spans="14:14">
      <c r="N706636" s="10"/>
    </row>
    <row r="706637" spans="14:14">
      <c r="N706637" s="10"/>
    </row>
    <row r="706638" spans="14:14">
      <c r="N706638" s="10"/>
    </row>
    <row r="706639" spans="14:14">
      <c r="N706639" s="10"/>
    </row>
    <row r="706640" spans="14:14">
      <c r="N706640" s="10"/>
    </row>
    <row r="706641" spans="14:14">
      <c r="N706641" s="10"/>
    </row>
    <row r="706642" spans="14:14">
      <c r="N706642" s="10"/>
    </row>
    <row r="706643" spans="14:14">
      <c r="N706643" s="10"/>
    </row>
    <row r="706644" spans="14:14">
      <c r="N706644" s="10"/>
    </row>
    <row r="706645" spans="14:14">
      <c r="N706645" s="10"/>
    </row>
    <row r="706646" spans="14:14">
      <c r="N706646" s="10"/>
    </row>
    <row r="706647" spans="14:14">
      <c r="N706647" s="10"/>
    </row>
    <row r="706648" spans="14:14">
      <c r="N706648" s="10"/>
    </row>
    <row r="706649" spans="14:14">
      <c r="N706649" s="10"/>
    </row>
    <row r="706650" spans="14:14">
      <c r="N706650" s="10"/>
    </row>
    <row r="706651" spans="14:14">
      <c r="N706651" s="10"/>
    </row>
    <row r="706652" spans="14:14">
      <c r="N706652" s="10"/>
    </row>
    <row r="706653" spans="14:14">
      <c r="N706653" s="10"/>
    </row>
    <row r="706654" spans="14:14">
      <c r="N706654" s="10"/>
    </row>
    <row r="706655" spans="14:14">
      <c r="N706655" s="10"/>
    </row>
    <row r="706656" spans="14:14">
      <c r="N706656" s="10"/>
    </row>
    <row r="706657" spans="14:14">
      <c r="N706657" s="10"/>
    </row>
    <row r="706658" spans="14:14">
      <c r="N706658" s="10"/>
    </row>
    <row r="706659" spans="14:14">
      <c r="N706659" s="10"/>
    </row>
    <row r="706660" spans="14:14">
      <c r="N706660" s="10"/>
    </row>
    <row r="706661" spans="14:14">
      <c r="N706661" s="10"/>
    </row>
    <row r="706662" spans="14:14">
      <c r="N706662" s="10"/>
    </row>
    <row r="706663" spans="14:14">
      <c r="N706663" s="10"/>
    </row>
    <row r="706664" spans="14:14">
      <c r="N706664" s="10"/>
    </row>
    <row r="706665" spans="14:14">
      <c r="N706665" s="10"/>
    </row>
    <row r="706666" spans="14:14">
      <c r="N706666" s="10"/>
    </row>
    <row r="706667" spans="14:14">
      <c r="N706667" s="10"/>
    </row>
    <row r="706668" spans="14:14">
      <c r="N706668" s="10"/>
    </row>
    <row r="706669" spans="14:14">
      <c r="N706669" s="10"/>
    </row>
    <row r="706670" spans="14:14">
      <c r="N706670" s="10"/>
    </row>
    <row r="706671" spans="14:14">
      <c r="N706671" s="10"/>
    </row>
    <row r="706672" spans="14:14">
      <c r="N706672" s="10"/>
    </row>
    <row r="706673" spans="14:14">
      <c r="N706673" s="10"/>
    </row>
    <row r="706674" spans="14:14">
      <c r="N706674" s="10"/>
    </row>
    <row r="706675" spans="14:14">
      <c r="N706675" s="10"/>
    </row>
    <row r="706676" spans="14:14">
      <c r="N706676" s="10"/>
    </row>
    <row r="706677" spans="14:14">
      <c r="N706677" s="10"/>
    </row>
    <row r="706678" spans="14:14">
      <c r="N706678" s="10"/>
    </row>
    <row r="706679" spans="14:14">
      <c r="N706679" s="10"/>
    </row>
    <row r="706680" spans="14:14">
      <c r="N706680" s="10"/>
    </row>
    <row r="706681" spans="14:14">
      <c r="N706681" s="10"/>
    </row>
    <row r="706682" spans="14:14">
      <c r="N706682" s="10"/>
    </row>
    <row r="706683" spans="14:14">
      <c r="N706683" s="10"/>
    </row>
    <row r="706684" spans="14:14">
      <c r="N706684" s="10"/>
    </row>
    <row r="706685" spans="14:14">
      <c r="N706685" s="10"/>
    </row>
    <row r="706686" spans="14:14">
      <c r="N706686" s="10"/>
    </row>
    <row r="706687" spans="14:14">
      <c r="N706687" s="10"/>
    </row>
    <row r="706688" spans="14:14">
      <c r="N706688" s="10"/>
    </row>
    <row r="706689" spans="14:14">
      <c r="N706689" s="10"/>
    </row>
    <row r="706690" spans="14:14">
      <c r="N706690" s="10"/>
    </row>
    <row r="706691" spans="14:14">
      <c r="N706691" s="10"/>
    </row>
    <row r="706692" spans="14:14">
      <c r="N706692" s="10"/>
    </row>
    <row r="706693" spans="14:14">
      <c r="N706693" s="10"/>
    </row>
    <row r="706694" spans="14:14">
      <c r="N706694" s="10"/>
    </row>
    <row r="706695" spans="14:14">
      <c r="N706695" s="10"/>
    </row>
    <row r="706696" spans="14:14">
      <c r="N706696" s="10"/>
    </row>
    <row r="706697" spans="14:14">
      <c r="N706697" s="10"/>
    </row>
    <row r="706698" spans="14:14">
      <c r="N706698" s="10"/>
    </row>
    <row r="706699" spans="14:14">
      <c r="N706699" s="10"/>
    </row>
    <row r="706700" spans="14:14">
      <c r="N706700" s="10"/>
    </row>
    <row r="706701" spans="14:14">
      <c r="N706701" s="10"/>
    </row>
    <row r="706702" spans="14:14">
      <c r="N706702" s="10"/>
    </row>
    <row r="706703" spans="14:14">
      <c r="N706703" s="10"/>
    </row>
    <row r="706704" spans="14:14">
      <c r="N706704" s="10"/>
    </row>
    <row r="706705" spans="14:14">
      <c r="N706705" s="10"/>
    </row>
    <row r="706706" spans="14:14">
      <c r="N706706" s="10"/>
    </row>
    <row r="706707" spans="14:14">
      <c r="N706707" s="10"/>
    </row>
    <row r="706708" spans="14:14">
      <c r="N706708" s="10"/>
    </row>
    <row r="706709" spans="14:14">
      <c r="N706709" s="10"/>
    </row>
    <row r="706710" spans="14:14">
      <c r="N706710" s="10"/>
    </row>
    <row r="706711" spans="14:14">
      <c r="N706711" s="10"/>
    </row>
    <row r="706712" spans="14:14">
      <c r="N706712" s="10"/>
    </row>
    <row r="706713" spans="14:14">
      <c r="N706713" s="10"/>
    </row>
    <row r="706714" spans="14:14">
      <c r="N706714" s="10"/>
    </row>
    <row r="706715" spans="14:14">
      <c r="N706715" s="10"/>
    </row>
    <row r="706716" spans="14:14">
      <c r="N706716" s="10"/>
    </row>
    <row r="706717" spans="14:14">
      <c r="N706717" s="10"/>
    </row>
    <row r="706718" spans="14:14">
      <c r="N706718" s="10"/>
    </row>
    <row r="706719" spans="14:14">
      <c r="N706719" s="10"/>
    </row>
    <row r="706720" spans="14:14">
      <c r="N706720" s="10"/>
    </row>
    <row r="706721" spans="14:14">
      <c r="N706721" s="10"/>
    </row>
    <row r="706722" spans="14:14">
      <c r="N706722" s="10"/>
    </row>
    <row r="706723" spans="14:14">
      <c r="N706723" s="10"/>
    </row>
    <row r="706724" spans="14:14">
      <c r="N706724" s="10"/>
    </row>
    <row r="706725" spans="14:14">
      <c r="N706725" s="10"/>
    </row>
    <row r="706726" spans="14:14">
      <c r="N706726" s="10"/>
    </row>
    <row r="706727" spans="14:14">
      <c r="N706727" s="10"/>
    </row>
    <row r="706728" spans="14:14">
      <c r="N706728" s="10"/>
    </row>
    <row r="706729" spans="14:14">
      <c r="N706729" s="10"/>
    </row>
    <row r="706730" spans="14:14">
      <c r="N706730" s="10"/>
    </row>
    <row r="706731" spans="14:14">
      <c r="N706731" s="10"/>
    </row>
    <row r="706732" spans="14:14">
      <c r="N706732" s="10"/>
    </row>
    <row r="706733" spans="14:14">
      <c r="N706733" s="10"/>
    </row>
    <row r="706734" spans="14:14">
      <c r="N706734" s="10"/>
    </row>
    <row r="706735" spans="14:14">
      <c r="N706735" s="10"/>
    </row>
    <row r="706736" spans="14:14">
      <c r="N706736" s="10"/>
    </row>
    <row r="706737" spans="14:14">
      <c r="N706737" s="10"/>
    </row>
    <row r="706738" spans="14:14">
      <c r="N706738" s="10"/>
    </row>
    <row r="706739" spans="14:14">
      <c r="N706739" s="10"/>
    </row>
    <row r="706740" spans="14:14">
      <c r="N706740" s="10"/>
    </row>
    <row r="706741" spans="14:14">
      <c r="N706741" s="10"/>
    </row>
    <row r="706742" spans="14:14">
      <c r="N706742" s="10"/>
    </row>
    <row r="706743" spans="14:14">
      <c r="N706743" s="10"/>
    </row>
    <row r="706744" spans="14:14">
      <c r="N706744" s="10"/>
    </row>
    <row r="706745" spans="14:14">
      <c r="N706745" s="10"/>
    </row>
    <row r="706746" spans="14:14">
      <c r="N706746" s="10"/>
    </row>
    <row r="706747" spans="14:14">
      <c r="N706747" s="10"/>
    </row>
    <row r="706748" spans="14:14">
      <c r="N706748" s="10"/>
    </row>
    <row r="706749" spans="14:14">
      <c r="N706749" s="10"/>
    </row>
    <row r="706750" spans="14:14">
      <c r="N706750" s="10"/>
    </row>
    <row r="706751" spans="14:14">
      <c r="N706751" s="10"/>
    </row>
    <row r="706752" spans="14:14">
      <c r="N706752" s="10"/>
    </row>
    <row r="706753" spans="14:14">
      <c r="N706753" s="10"/>
    </row>
    <row r="706754" spans="14:14">
      <c r="N706754" s="10"/>
    </row>
    <row r="706755" spans="14:14">
      <c r="N706755" s="10"/>
    </row>
    <row r="706756" spans="14:14">
      <c r="N706756" s="10"/>
    </row>
    <row r="706757" spans="14:14">
      <c r="N706757" s="10"/>
    </row>
    <row r="706758" spans="14:14">
      <c r="N706758" s="10"/>
    </row>
    <row r="706759" spans="14:14">
      <c r="N706759" s="10"/>
    </row>
    <row r="706760" spans="14:14">
      <c r="N706760" s="10"/>
    </row>
    <row r="706761" spans="14:14">
      <c r="N706761" s="10"/>
    </row>
    <row r="706762" spans="14:14">
      <c r="N706762" s="10"/>
    </row>
    <row r="706763" spans="14:14">
      <c r="N706763" s="10"/>
    </row>
    <row r="706764" spans="14:14">
      <c r="N706764" s="10"/>
    </row>
    <row r="706765" spans="14:14">
      <c r="N706765" s="10"/>
    </row>
    <row r="706766" spans="14:14">
      <c r="N706766" s="10"/>
    </row>
    <row r="706767" spans="14:14">
      <c r="N706767" s="10"/>
    </row>
    <row r="706768" spans="14:14">
      <c r="N706768" s="10"/>
    </row>
    <row r="706769" spans="14:14">
      <c r="N706769" s="10"/>
    </row>
    <row r="706770" spans="14:14">
      <c r="N706770" s="10"/>
    </row>
    <row r="706771" spans="14:14">
      <c r="N706771" s="10"/>
    </row>
    <row r="706772" spans="14:14">
      <c r="N706772" s="10"/>
    </row>
    <row r="706773" spans="14:14">
      <c r="N706773" s="10"/>
    </row>
    <row r="706774" spans="14:14">
      <c r="N706774" s="10"/>
    </row>
    <row r="706775" spans="14:14">
      <c r="N706775" s="10"/>
    </row>
    <row r="706776" spans="14:14">
      <c r="N706776" s="10"/>
    </row>
    <row r="706777" spans="14:14">
      <c r="N706777" s="10"/>
    </row>
    <row r="706778" spans="14:14">
      <c r="N706778" s="10"/>
    </row>
    <row r="706779" spans="14:14">
      <c r="N706779" s="10"/>
    </row>
    <row r="706780" spans="14:14">
      <c r="N706780" s="10"/>
    </row>
    <row r="706781" spans="14:14">
      <c r="N706781" s="10"/>
    </row>
    <row r="706782" spans="14:14">
      <c r="N706782" s="10"/>
    </row>
    <row r="706783" spans="14:14">
      <c r="N706783" s="10"/>
    </row>
    <row r="706784" spans="14:14">
      <c r="N706784" s="10"/>
    </row>
    <row r="706785" spans="14:14">
      <c r="N706785" s="10"/>
    </row>
    <row r="706786" spans="14:14">
      <c r="N706786" s="10"/>
    </row>
    <row r="706787" spans="14:14">
      <c r="N706787" s="10"/>
    </row>
    <row r="706788" spans="14:14">
      <c r="N706788" s="10"/>
    </row>
    <row r="706789" spans="14:14">
      <c r="N706789" s="10"/>
    </row>
    <row r="706790" spans="14:14">
      <c r="N706790" s="10"/>
    </row>
    <row r="706791" spans="14:14">
      <c r="N706791" s="10"/>
    </row>
    <row r="706792" spans="14:14">
      <c r="N706792" s="10"/>
    </row>
    <row r="706793" spans="14:14">
      <c r="N706793" s="10"/>
    </row>
    <row r="706794" spans="14:14">
      <c r="N706794" s="10"/>
    </row>
    <row r="706795" spans="14:14">
      <c r="N706795" s="10"/>
    </row>
    <row r="706796" spans="14:14">
      <c r="N706796" s="10"/>
    </row>
    <row r="706797" spans="14:14">
      <c r="N706797" s="10"/>
    </row>
    <row r="706798" spans="14:14">
      <c r="N706798" s="10"/>
    </row>
    <row r="706799" spans="14:14">
      <c r="N706799" s="10"/>
    </row>
    <row r="706800" spans="14:14">
      <c r="N706800" s="10"/>
    </row>
    <row r="706801" spans="14:14">
      <c r="N706801" s="10"/>
    </row>
    <row r="706802" spans="14:14">
      <c r="N706802" s="10"/>
    </row>
    <row r="706803" spans="14:14">
      <c r="N706803" s="10"/>
    </row>
    <row r="706804" spans="14:14">
      <c r="N706804" s="10"/>
    </row>
    <row r="706805" spans="14:14">
      <c r="N706805" s="10"/>
    </row>
    <row r="706806" spans="14:14">
      <c r="N706806" s="10"/>
    </row>
    <row r="706807" spans="14:14">
      <c r="N706807" s="10"/>
    </row>
    <row r="706808" spans="14:14">
      <c r="N706808" s="10"/>
    </row>
    <row r="706809" spans="14:14">
      <c r="N706809" s="10"/>
    </row>
    <row r="706810" spans="14:14">
      <c r="N706810" s="10"/>
    </row>
    <row r="706811" spans="14:14">
      <c r="N706811" s="10"/>
    </row>
    <row r="706812" spans="14:14">
      <c r="N706812" s="10"/>
    </row>
    <row r="706813" spans="14:14">
      <c r="N706813" s="10"/>
    </row>
    <row r="706814" spans="14:14">
      <c r="N706814" s="10"/>
    </row>
    <row r="706815" spans="14:14">
      <c r="N706815" s="10"/>
    </row>
    <row r="706816" spans="14:14">
      <c r="N706816" s="10"/>
    </row>
    <row r="706817" spans="14:14">
      <c r="N706817" s="10"/>
    </row>
    <row r="706818" spans="14:14">
      <c r="N706818" s="10"/>
    </row>
    <row r="706819" spans="14:14">
      <c r="N706819" s="10"/>
    </row>
    <row r="706820" spans="14:14">
      <c r="N706820" s="10"/>
    </row>
    <row r="706821" spans="14:14">
      <c r="N706821" s="10"/>
    </row>
    <row r="706822" spans="14:14">
      <c r="N706822" s="10"/>
    </row>
    <row r="706823" spans="14:14">
      <c r="N706823" s="10"/>
    </row>
    <row r="706824" spans="14:14">
      <c r="N706824" s="10"/>
    </row>
    <row r="706825" spans="14:14">
      <c r="N706825" s="10"/>
    </row>
    <row r="706826" spans="14:14">
      <c r="N706826" s="10"/>
    </row>
    <row r="706827" spans="14:14">
      <c r="N706827" s="10"/>
    </row>
    <row r="706828" spans="14:14">
      <c r="N706828" s="10"/>
    </row>
    <row r="706829" spans="14:14">
      <c r="N706829" s="10"/>
    </row>
    <row r="706830" spans="14:14">
      <c r="N706830" s="10"/>
    </row>
    <row r="706831" spans="14:14">
      <c r="N706831" s="10"/>
    </row>
    <row r="706832" spans="14:14">
      <c r="N706832" s="10"/>
    </row>
    <row r="706833" spans="14:14">
      <c r="N706833" s="10"/>
    </row>
    <row r="706834" spans="14:14">
      <c r="N706834" s="10"/>
    </row>
    <row r="706835" spans="14:14">
      <c r="N706835" s="10"/>
    </row>
    <row r="706836" spans="14:14">
      <c r="N706836" s="10"/>
    </row>
    <row r="706837" spans="14:14">
      <c r="N706837" s="10"/>
    </row>
    <row r="706838" spans="14:14">
      <c r="N706838" s="10"/>
    </row>
    <row r="706839" spans="14:14">
      <c r="N706839" s="10"/>
    </row>
    <row r="706840" spans="14:14">
      <c r="N706840" s="10"/>
    </row>
    <row r="706841" spans="14:14">
      <c r="N706841" s="10"/>
    </row>
    <row r="706842" spans="14:14">
      <c r="N706842" s="10"/>
    </row>
    <row r="706843" spans="14:14">
      <c r="N706843" s="10"/>
    </row>
    <row r="706844" spans="14:14">
      <c r="N706844" s="10"/>
    </row>
    <row r="706845" spans="14:14">
      <c r="N706845" s="10"/>
    </row>
    <row r="706846" spans="14:14">
      <c r="N706846" s="10"/>
    </row>
    <row r="706847" spans="14:14">
      <c r="N706847" s="10"/>
    </row>
    <row r="706848" spans="14:14">
      <c r="N706848" s="10"/>
    </row>
    <row r="706849" spans="14:14">
      <c r="N706849" s="10"/>
    </row>
    <row r="706850" spans="14:14">
      <c r="N706850" s="10"/>
    </row>
    <row r="706851" spans="14:14">
      <c r="N706851" s="10"/>
    </row>
    <row r="706852" spans="14:14">
      <c r="N706852" s="10"/>
    </row>
    <row r="706853" spans="14:14">
      <c r="N706853" s="10"/>
    </row>
    <row r="706854" spans="14:14">
      <c r="N706854" s="10"/>
    </row>
    <row r="706855" spans="14:14">
      <c r="N706855" s="10"/>
    </row>
    <row r="706856" spans="14:14">
      <c r="N706856" s="10"/>
    </row>
    <row r="706857" spans="14:14">
      <c r="N706857" s="10"/>
    </row>
    <row r="706858" spans="14:14">
      <c r="N706858" s="10"/>
    </row>
    <row r="706859" spans="14:14">
      <c r="N706859" s="10"/>
    </row>
    <row r="706860" spans="14:14">
      <c r="N706860" s="10"/>
    </row>
    <row r="706861" spans="14:14">
      <c r="N706861" s="10"/>
    </row>
    <row r="706862" spans="14:14">
      <c r="N706862" s="10"/>
    </row>
    <row r="706863" spans="14:14">
      <c r="N706863" s="10"/>
    </row>
    <row r="706864" spans="14:14">
      <c r="N706864" s="10"/>
    </row>
    <row r="706865" spans="14:14">
      <c r="N706865" s="10"/>
    </row>
    <row r="706866" spans="14:14">
      <c r="N706866" s="10"/>
    </row>
    <row r="706867" spans="14:14">
      <c r="N706867" s="10"/>
    </row>
    <row r="706868" spans="14:14">
      <c r="N706868" s="10"/>
    </row>
    <row r="706869" spans="14:14">
      <c r="N706869" s="10"/>
    </row>
    <row r="706870" spans="14:14">
      <c r="N706870" s="10"/>
    </row>
    <row r="706871" spans="14:14">
      <c r="N706871" s="10"/>
    </row>
    <row r="706872" spans="14:14">
      <c r="N706872" s="10"/>
    </row>
    <row r="706873" spans="14:14">
      <c r="N706873" s="10"/>
    </row>
    <row r="706874" spans="14:14">
      <c r="N706874" s="10"/>
    </row>
    <row r="706875" spans="14:14">
      <c r="N706875" s="10"/>
    </row>
    <row r="706876" spans="14:14">
      <c r="N706876" s="10"/>
    </row>
    <row r="706877" spans="14:14">
      <c r="N706877" s="10"/>
    </row>
    <row r="706878" spans="14:14">
      <c r="N706878" s="10"/>
    </row>
    <row r="706879" spans="14:14">
      <c r="N706879" s="10"/>
    </row>
    <row r="706880" spans="14:14">
      <c r="N706880" s="10"/>
    </row>
    <row r="706881" spans="14:14">
      <c r="N706881" s="10"/>
    </row>
    <row r="706882" spans="14:14">
      <c r="N706882" s="10"/>
    </row>
    <row r="706883" spans="14:14">
      <c r="N706883" s="10"/>
    </row>
    <row r="706884" spans="14:14">
      <c r="N706884" s="10"/>
    </row>
    <row r="706885" spans="14:14">
      <c r="N706885" s="10"/>
    </row>
    <row r="706886" spans="14:14">
      <c r="N706886" s="10"/>
    </row>
    <row r="706887" spans="14:14">
      <c r="N706887" s="10"/>
    </row>
    <row r="706888" spans="14:14">
      <c r="N706888" s="10"/>
    </row>
    <row r="706889" spans="14:14">
      <c r="N706889" s="10"/>
    </row>
    <row r="706890" spans="14:14">
      <c r="N706890" s="10"/>
    </row>
    <row r="706891" spans="14:14">
      <c r="N706891" s="10"/>
    </row>
    <row r="706892" spans="14:14">
      <c r="N706892" s="10"/>
    </row>
    <row r="706893" spans="14:14">
      <c r="N706893" s="10"/>
    </row>
    <row r="706894" spans="14:14">
      <c r="N706894" s="10"/>
    </row>
    <row r="706895" spans="14:14">
      <c r="N706895" s="10"/>
    </row>
    <row r="706896" spans="14:14">
      <c r="N706896" s="10"/>
    </row>
    <row r="706897" spans="14:14">
      <c r="N706897" s="10"/>
    </row>
    <row r="706898" spans="14:14">
      <c r="N706898" s="10"/>
    </row>
    <row r="706899" spans="14:14">
      <c r="N706899" s="10"/>
    </row>
    <row r="706900" spans="14:14">
      <c r="N706900" s="10"/>
    </row>
    <row r="706901" spans="14:14">
      <c r="N706901" s="10"/>
    </row>
    <row r="706902" spans="14:14">
      <c r="N706902" s="10"/>
    </row>
    <row r="706903" spans="14:14">
      <c r="N706903" s="10"/>
    </row>
    <row r="706904" spans="14:14">
      <c r="N706904" s="10"/>
    </row>
    <row r="706905" spans="14:14">
      <c r="N706905" s="10"/>
    </row>
    <row r="706906" spans="14:14">
      <c r="N706906" s="10"/>
    </row>
    <row r="706907" spans="14:14">
      <c r="N706907" s="10"/>
    </row>
    <row r="706908" spans="14:14">
      <c r="N706908" s="10"/>
    </row>
    <row r="706909" spans="14:14">
      <c r="N706909" s="10"/>
    </row>
    <row r="706910" spans="14:14">
      <c r="N706910" s="10"/>
    </row>
    <row r="706911" spans="14:14">
      <c r="N706911" s="10"/>
    </row>
    <row r="706912" spans="14:14">
      <c r="N706912" s="10"/>
    </row>
    <row r="706913" spans="14:14">
      <c r="N706913" s="10"/>
    </row>
    <row r="706914" spans="14:14">
      <c r="N706914" s="10"/>
    </row>
    <row r="706915" spans="14:14">
      <c r="N706915" s="10"/>
    </row>
    <row r="706916" spans="14:14">
      <c r="N706916" s="10"/>
    </row>
    <row r="706917" spans="14:14">
      <c r="N706917" s="10"/>
    </row>
    <row r="706918" spans="14:14">
      <c r="N706918" s="10"/>
    </row>
    <row r="706919" spans="14:14">
      <c r="N706919" s="10"/>
    </row>
    <row r="706920" spans="14:14">
      <c r="N706920" s="10"/>
    </row>
    <row r="706921" spans="14:14">
      <c r="N706921" s="10"/>
    </row>
    <row r="706922" spans="14:14">
      <c r="N706922" s="10"/>
    </row>
    <row r="706923" spans="14:14">
      <c r="N706923" s="10"/>
    </row>
    <row r="706924" spans="14:14">
      <c r="N706924" s="10"/>
    </row>
    <row r="706925" spans="14:14">
      <c r="N706925" s="10"/>
    </row>
    <row r="706926" spans="14:14">
      <c r="N706926" s="10"/>
    </row>
    <row r="706927" spans="14:14">
      <c r="N706927" s="10"/>
    </row>
    <row r="706928" spans="14:14">
      <c r="N706928" s="10"/>
    </row>
    <row r="706929" spans="14:14">
      <c r="N706929" s="10"/>
    </row>
    <row r="706930" spans="14:14">
      <c r="N706930" s="10"/>
    </row>
    <row r="706931" spans="14:14">
      <c r="N706931" s="10"/>
    </row>
    <row r="706932" spans="14:14">
      <c r="N706932" s="10"/>
    </row>
    <row r="706933" spans="14:14">
      <c r="N706933" s="10"/>
    </row>
    <row r="706934" spans="14:14">
      <c r="N706934" s="10"/>
    </row>
    <row r="706935" spans="14:14">
      <c r="N706935" s="10"/>
    </row>
    <row r="706936" spans="14:14">
      <c r="N706936" s="10"/>
    </row>
    <row r="706937" spans="14:14">
      <c r="N706937" s="10"/>
    </row>
    <row r="706938" spans="14:14">
      <c r="N706938" s="10"/>
    </row>
    <row r="706939" spans="14:14">
      <c r="N706939" s="10"/>
    </row>
    <row r="706940" spans="14:14">
      <c r="N706940" s="10"/>
    </row>
    <row r="706941" spans="14:14">
      <c r="N706941" s="10"/>
    </row>
    <row r="706942" spans="14:14">
      <c r="N706942" s="10"/>
    </row>
    <row r="706943" spans="14:14">
      <c r="N706943" s="10"/>
    </row>
    <row r="706944" spans="14:14">
      <c r="N706944" s="10"/>
    </row>
    <row r="706945" spans="14:14">
      <c r="N706945" s="10"/>
    </row>
    <row r="706946" spans="14:14">
      <c r="N706946" s="10"/>
    </row>
    <row r="706947" spans="14:14">
      <c r="N706947" s="10"/>
    </row>
    <row r="706948" spans="14:14">
      <c r="N706948" s="10"/>
    </row>
    <row r="706949" spans="14:14">
      <c r="N706949" s="10"/>
    </row>
    <row r="706950" spans="14:14">
      <c r="N706950" s="10"/>
    </row>
    <row r="706951" spans="14:14">
      <c r="N706951" s="10"/>
    </row>
    <row r="706952" spans="14:14">
      <c r="N706952" s="10"/>
    </row>
    <row r="706953" spans="14:14">
      <c r="N706953" s="10"/>
    </row>
    <row r="706954" spans="14:14">
      <c r="N706954" s="10"/>
    </row>
    <row r="706955" spans="14:14">
      <c r="N706955" s="10"/>
    </row>
    <row r="706956" spans="14:14">
      <c r="N706956" s="10"/>
    </row>
    <row r="706957" spans="14:14">
      <c r="N706957" s="10"/>
    </row>
    <row r="706958" spans="14:14">
      <c r="N706958" s="10"/>
    </row>
    <row r="706959" spans="14:14">
      <c r="N706959" s="10"/>
    </row>
    <row r="706960" spans="14:14">
      <c r="N706960" s="10"/>
    </row>
    <row r="706961" spans="14:14">
      <c r="N706961" s="10"/>
    </row>
    <row r="706962" spans="14:14">
      <c r="N706962" s="10"/>
    </row>
    <row r="706963" spans="14:14">
      <c r="N706963" s="10"/>
    </row>
    <row r="706964" spans="14:14">
      <c r="N706964" s="10"/>
    </row>
    <row r="706965" spans="14:14">
      <c r="N706965" s="10"/>
    </row>
    <row r="706966" spans="14:14">
      <c r="N706966" s="10"/>
    </row>
    <row r="706967" spans="14:14">
      <c r="N706967" s="10"/>
    </row>
    <row r="706968" spans="14:14">
      <c r="N706968" s="10"/>
    </row>
    <row r="706969" spans="14:14">
      <c r="N706969" s="10"/>
    </row>
    <row r="706970" spans="14:14">
      <c r="N706970" s="10"/>
    </row>
    <row r="706971" spans="14:14">
      <c r="N706971" s="10"/>
    </row>
    <row r="706972" spans="14:14">
      <c r="N706972" s="10"/>
    </row>
    <row r="706973" spans="14:14">
      <c r="N706973" s="10"/>
    </row>
    <row r="706974" spans="14:14">
      <c r="N706974" s="10"/>
    </row>
    <row r="706975" spans="14:14">
      <c r="N706975" s="10"/>
    </row>
    <row r="706976" spans="14:14">
      <c r="N706976" s="10"/>
    </row>
    <row r="706977" spans="14:14">
      <c r="N706977" s="10"/>
    </row>
    <row r="706978" spans="14:14">
      <c r="N706978" s="10"/>
    </row>
    <row r="706979" spans="14:14">
      <c r="N706979" s="10"/>
    </row>
    <row r="706980" spans="14:14">
      <c r="N706980" s="10"/>
    </row>
    <row r="706981" spans="14:14">
      <c r="N706981" s="10"/>
    </row>
    <row r="706982" spans="14:14">
      <c r="N706982" s="10"/>
    </row>
    <row r="706983" spans="14:14">
      <c r="N706983" s="10"/>
    </row>
    <row r="706984" spans="14:14">
      <c r="N706984" s="10"/>
    </row>
    <row r="706985" spans="14:14">
      <c r="N706985" s="10"/>
    </row>
    <row r="706986" spans="14:14">
      <c r="N706986" s="10"/>
    </row>
    <row r="706987" spans="14:14">
      <c r="N706987" s="10"/>
    </row>
    <row r="706988" spans="14:14">
      <c r="N706988" s="10"/>
    </row>
    <row r="706989" spans="14:14">
      <c r="N706989" s="10"/>
    </row>
    <row r="706990" spans="14:14">
      <c r="N706990" s="10"/>
    </row>
    <row r="706991" spans="14:14">
      <c r="N706991" s="10"/>
    </row>
    <row r="706992" spans="14:14">
      <c r="N706992" s="10"/>
    </row>
    <row r="706993" spans="14:14">
      <c r="N706993" s="10"/>
    </row>
    <row r="706994" spans="14:14">
      <c r="N706994" s="10"/>
    </row>
    <row r="706995" spans="14:14">
      <c r="N706995" s="10"/>
    </row>
    <row r="706996" spans="14:14">
      <c r="N706996" s="10"/>
    </row>
    <row r="706997" spans="14:14">
      <c r="N706997" s="10"/>
    </row>
    <row r="706998" spans="14:14">
      <c r="N706998" s="10"/>
    </row>
    <row r="706999" spans="14:14">
      <c r="N706999" s="10"/>
    </row>
    <row r="707000" spans="14:14">
      <c r="N707000" s="10"/>
    </row>
    <row r="707001" spans="14:14">
      <c r="N707001" s="10"/>
    </row>
    <row r="707002" spans="14:14">
      <c r="N707002" s="10"/>
    </row>
    <row r="707003" spans="14:14">
      <c r="N707003" s="10"/>
    </row>
    <row r="707004" spans="14:14">
      <c r="N707004" s="10"/>
    </row>
    <row r="707005" spans="14:14">
      <c r="N707005" s="10"/>
    </row>
    <row r="707006" spans="14:14">
      <c r="N707006" s="10"/>
    </row>
    <row r="707007" spans="14:14">
      <c r="N707007" s="10"/>
    </row>
    <row r="707008" spans="14:14">
      <c r="N707008" s="10"/>
    </row>
    <row r="707009" spans="14:14">
      <c r="N707009" s="10"/>
    </row>
    <row r="707010" spans="14:14">
      <c r="N707010" s="10"/>
    </row>
    <row r="707011" spans="14:14">
      <c r="N707011" s="10"/>
    </row>
    <row r="707012" spans="14:14">
      <c r="N707012" s="10"/>
    </row>
    <row r="707013" spans="14:14">
      <c r="N707013" s="10"/>
    </row>
    <row r="707014" spans="14:14">
      <c r="N707014" s="10"/>
    </row>
    <row r="707015" spans="14:14">
      <c r="N707015" s="10"/>
    </row>
    <row r="707016" spans="14:14">
      <c r="N707016" s="10"/>
    </row>
    <row r="707017" spans="14:14">
      <c r="N707017" s="10"/>
    </row>
    <row r="707018" spans="14:14">
      <c r="N707018" s="10"/>
    </row>
    <row r="707019" spans="14:14">
      <c r="N707019" s="10"/>
    </row>
    <row r="707020" spans="14:14">
      <c r="N707020" s="10"/>
    </row>
    <row r="707021" spans="14:14">
      <c r="N707021" s="10"/>
    </row>
    <row r="707022" spans="14:14">
      <c r="N707022" s="10"/>
    </row>
    <row r="707023" spans="14:14">
      <c r="N707023" s="10"/>
    </row>
    <row r="707024" spans="14:14">
      <c r="N707024" s="10"/>
    </row>
    <row r="707025" spans="14:14">
      <c r="N707025" s="10"/>
    </row>
    <row r="707026" spans="14:14">
      <c r="N707026" s="10"/>
    </row>
    <row r="707027" spans="14:14">
      <c r="N707027" s="10"/>
    </row>
    <row r="707028" spans="14:14">
      <c r="N707028" s="10"/>
    </row>
    <row r="707029" spans="14:14">
      <c r="N707029" s="10"/>
    </row>
    <row r="707030" spans="14:14">
      <c r="N707030" s="10"/>
    </row>
    <row r="707031" spans="14:14">
      <c r="N707031" s="10"/>
    </row>
    <row r="707032" spans="14:14">
      <c r="N707032" s="10"/>
    </row>
    <row r="707033" spans="14:14">
      <c r="N707033" s="10"/>
    </row>
    <row r="707034" spans="14:14">
      <c r="N707034" s="10"/>
    </row>
    <row r="707035" spans="14:14">
      <c r="N707035" s="10"/>
    </row>
    <row r="707036" spans="14:14">
      <c r="N707036" s="10"/>
    </row>
    <row r="707037" spans="14:14">
      <c r="N707037" s="10"/>
    </row>
    <row r="707038" spans="14:14">
      <c r="N707038" s="10"/>
    </row>
    <row r="707039" spans="14:14">
      <c r="N707039" s="10"/>
    </row>
    <row r="707040" spans="14:14">
      <c r="N707040" s="10"/>
    </row>
    <row r="707041" spans="14:14">
      <c r="N707041" s="10"/>
    </row>
    <row r="707042" spans="14:14">
      <c r="N707042" s="10"/>
    </row>
    <row r="707043" spans="14:14">
      <c r="N707043" s="10"/>
    </row>
    <row r="707044" spans="14:14">
      <c r="N707044" s="10"/>
    </row>
    <row r="707045" spans="14:14">
      <c r="N707045" s="10"/>
    </row>
    <row r="707046" spans="14:14">
      <c r="N707046" s="10"/>
    </row>
    <row r="707047" spans="14:14">
      <c r="N707047" s="10"/>
    </row>
    <row r="707048" spans="14:14">
      <c r="N707048" s="10"/>
    </row>
    <row r="707049" spans="14:14">
      <c r="N707049" s="10"/>
    </row>
    <row r="707050" spans="14:14">
      <c r="N707050" s="10"/>
    </row>
    <row r="707051" spans="14:14">
      <c r="N707051" s="10"/>
    </row>
    <row r="707052" spans="14:14">
      <c r="N707052" s="10"/>
    </row>
    <row r="707053" spans="14:14">
      <c r="N707053" s="10"/>
    </row>
    <row r="707054" spans="14:14">
      <c r="N707054" s="10"/>
    </row>
    <row r="707055" spans="14:14">
      <c r="N707055" s="10"/>
    </row>
    <row r="707056" spans="14:14">
      <c r="N707056" s="10"/>
    </row>
    <row r="707057" spans="14:14">
      <c r="N707057" s="10"/>
    </row>
    <row r="707058" spans="14:14">
      <c r="N707058" s="10"/>
    </row>
    <row r="707059" spans="14:14">
      <c r="N707059" s="10"/>
    </row>
    <row r="707060" spans="14:14">
      <c r="N707060" s="10"/>
    </row>
    <row r="707061" spans="14:14">
      <c r="N707061" s="10"/>
    </row>
    <row r="707062" spans="14:14">
      <c r="N707062" s="10"/>
    </row>
    <row r="707063" spans="14:14">
      <c r="N707063" s="10"/>
    </row>
    <row r="707064" spans="14:14">
      <c r="N707064" s="10"/>
    </row>
    <row r="707065" spans="14:14">
      <c r="N707065" s="10"/>
    </row>
    <row r="707066" spans="14:14">
      <c r="N707066" s="10"/>
    </row>
    <row r="707067" spans="14:14">
      <c r="N707067" s="10"/>
    </row>
    <row r="707068" spans="14:14">
      <c r="N707068" s="10"/>
    </row>
    <row r="707069" spans="14:14">
      <c r="N707069" s="10"/>
    </row>
    <row r="707070" spans="14:14">
      <c r="N707070" s="10"/>
    </row>
    <row r="707071" spans="14:14">
      <c r="N707071" s="10"/>
    </row>
    <row r="707072" spans="14:14">
      <c r="N707072" s="10"/>
    </row>
    <row r="707073" spans="14:14">
      <c r="N707073" s="10"/>
    </row>
    <row r="707074" spans="14:14">
      <c r="N707074" s="10"/>
    </row>
    <row r="707075" spans="14:14">
      <c r="N707075" s="10"/>
    </row>
    <row r="707076" spans="14:14">
      <c r="N707076" s="10"/>
    </row>
    <row r="707077" spans="14:14">
      <c r="N707077" s="10"/>
    </row>
    <row r="707078" spans="14:14">
      <c r="N707078" s="10"/>
    </row>
    <row r="707079" spans="14:14">
      <c r="N707079" s="10"/>
    </row>
    <row r="707080" spans="14:14">
      <c r="N707080" s="10"/>
    </row>
    <row r="707081" spans="14:14">
      <c r="N707081" s="10"/>
    </row>
    <row r="707082" spans="14:14">
      <c r="N707082" s="10"/>
    </row>
    <row r="707083" spans="14:14">
      <c r="N707083" s="10"/>
    </row>
    <row r="707084" spans="14:14">
      <c r="N707084" s="10"/>
    </row>
    <row r="707085" spans="14:14">
      <c r="N707085" s="10"/>
    </row>
    <row r="707086" spans="14:14">
      <c r="N707086" s="10"/>
    </row>
    <row r="707087" spans="14:14">
      <c r="N707087" s="10"/>
    </row>
    <row r="707088" spans="14:14">
      <c r="N707088" s="10"/>
    </row>
    <row r="707089" spans="14:14">
      <c r="N707089" s="10"/>
    </row>
    <row r="707090" spans="14:14">
      <c r="N707090" s="10"/>
    </row>
    <row r="707091" spans="14:14">
      <c r="N707091" s="10"/>
    </row>
    <row r="707092" spans="14:14">
      <c r="N707092" s="10"/>
    </row>
    <row r="707093" spans="14:14">
      <c r="N707093" s="10"/>
    </row>
    <row r="707094" spans="14:14">
      <c r="N707094" s="10"/>
    </row>
    <row r="707095" spans="14:14">
      <c r="N707095" s="10"/>
    </row>
    <row r="707096" spans="14:14">
      <c r="N707096" s="10"/>
    </row>
    <row r="707097" spans="14:14">
      <c r="N707097" s="10"/>
    </row>
    <row r="707098" spans="14:14">
      <c r="N707098" s="10"/>
    </row>
    <row r="707099" spans="14:14">
      <c r="N707099" s="10"/>
    </row>
    <row r="707100" spans="14:14">
      <c r="N707100" s="10"/>
    </row>
    <row r="707101" spans="14:14">
      <c r="N707101" s="10"/>
    </row>
    <row r="707102" spans="14:14">
      <c r="N707102" s="10"/>
    </row>
    <row r="707103" spans="14:14">
      <c r="N707103" s="10"/>
    </row>
    <row r="707104" spans="14:14">
      <c r="N707104" s="10"/>
    </row>
    <row r="707105" spans="14:14">
      <c r="N707105" s="10"/>
    </row>
    <row r="707106" spans="14:14">
      <c r="N707106" s="10"/>
    </row>
    <row r="707107" spans="14:14">
      <c r="N707107" s="10"/>
    </row>
    <row r="707108" spans="14:14">
      <c r="N707108" s="10"/>
    </row>
    <row r="707109" spans="14:14">
      <c r="N707109" s="10"/>
    </row>
    <row r="707110" spans="14:14">
      <c r="N707110" s="10"/>
    </row>
    <row r="707111" spans="14:14">
      <c r="N707111" s="10"/>
    </row>
    <row r="707112" spans="14:14">
      <c r="N707112" s="10"/>
    </row>
    <row r="707113" spans="14:14">
      <c r="N707113" s="10"/>
    </row>
    <row r="707114" spans="14:14">
      <c r="N707114" s="10"/>
    </row>
    <row r="707115" spans="14:14">
      <c r="N707115" s="10"/>
    </row>
    <row r="707116" spans="14:14">
      <c r="N707116" s="10"/>
    </row>
    <row r="707117" spans="14:14">
      <c r="N707117" s="10"/>
    </row>
    <row r="707118" spans="14:14">
      <c r="N707118" s="10"/>
    </row>
    <row r="707119" spans="14:14">
      <c r="N707119" s="10"/>
    </row>
    <row r="707120" spans="14:14">
      <c r="N707120" s="10"/>
    </row>
    <row r="707121" spans="14:14">
      <c r="N707121" s="10"/>
    </row>
    <row r="707122" spans="14:14">
      <c r="N707122" s="10"/>
    </row>
    <row r="707123" spans="14:14">
      <c r="N707123" s="10"/>
    </row>
    <row r="707124" spans="14:14">
      <c r="N707124" s="10"/>
    </row>
    <row r="707125" spans="14:14">
      <c r="N707125" s="10"/>
    </row>
    <row r="707126" spans="14:14">
      <c r="N707126" s="10"/>
    </row>
    <row r="707127" spans="14:14">
      <c r="N707127" s="10"/>
    </row>
    <row r="707128" spans="14:14">
      <c r="N707128" s="10"/>
    </row>
    <row r="707129" spans="14:14">
      <c r="N707129" s="10"/>
    </row>
    <row r="707130" spans="14:14">
      <c r="N707130" s="10"/>
    </row>
    <row r="707131" spans="14:14">
      <c r="N707131" s="10"/>
    </row>
    <row r="707132" spans="14:14">
      <c r="N707132" s="10"/>
    </row>
    <row r="707133" spans="14:14">
      <c r="N707133" s="10"/>
    </row>
    <row r="707134" spans="14:14">
      <c r="N707134" s="10"/>
    </row>
    <row r="707135" spans="14:14">
      <c r="N707135" s="10"/>
    </row>
    <row r="707136" spans="14:14">
      <c r="N707136" s="10"/>
    </row>
    <row r="707137" spans="14:14">
      <c r="N707137" s="10"/>
    </row>
    <row r="707138" spans="14:14">
      <c r="N707138" s="10"/>
    </row>
    <row r="707139" spans="14:14">
      <c r="N707139" s="10"/>
    </row>
    <row r="707140" spans="14:14">
      <c r="N707140" s="10"/>
    </row>
    <row r="707141" spans="14:14">
      <c r="N707141" s="10"/>
    </row>
    <row r="707142" spans="14:14">
      <c r="N707142" s="10"/>
    </row>
    <row r="707143" spans="14:14">
      <c r="N707143" s="10"/>
    </row>
    <row r="707144" spans="14:14">
      <c r="N707144" s="10"/>
    </row>
    <row r="707145" spans="14:14">
      <c r="N707145" s="10"/>
    </row>
    <row r="707146" spans="14:14">
      <c r="N707146" s="10"/>
    </row>
    <row r="707147" spans="14:14">
      <c r="N707147" s="10"/>
    </row>
    <row r="707148" spans="14:14">
      <c r="N707148" s="10"/>
    </row>
    <row r="707149" spans="14:14">
      <c r="N707149" s="10"/>
    </row>
    <row r="707150" spans="14:14">
      <c r="N707150" s="10"/>
    </row>
    <row r="707151" spans="14:14">
      <c r="N707151" s="10"/>
    </row>
    <row r="707152" spans="14:14">
      <c r="N707152" s="10"/>
    </row>
    <row r="707153" spans="14:14">
      <c r="N707153" s="10"/>
    </row>
    <row r="707154" spans="14:14">
      <c r="N707154" s="10"/>
    </row>
    <row r="707155" spans="14:14">
      <c r="N707155" s="10"/>
    </row>
    <row r="707156" spans="14:14">
      <c r="N707156" s="10"/>
    </row>
    <row r="707157" spans="14:14">
      <c r="N707157" s="10"/>
    </row>
    <row r="707158" spans="14:14">
      <c r="N707158" s="10"/>
    </row>
    <row r="707159" spans="14:14">
      <c r="N707159" s="10"/>
    </row>
    <row r="707160" spans="14:14">
      <c r="N707160" s="10"/>
    </row>
    <row r="707161" spans="14:14">
      <c r="N707161" s="10"/>
    </row>
    <row r="707162" spans="14:14">
      <c r="N707162" s="10"/>
    </row>
    <row r="707163" spans="14:14">
      <c r="N707163" s="10"/>
    </row>
    <row r="707164" spans="14:14">
      <c r="N707164" s="10"/>
    </row>
    <row r="707165" spans="14:14">
      <c r="N707165" s="10"/>
    </row>
    <row r="707166" spans="14:14">
      <c r="N707166" s="10"/>
    </row>
    <row r="707167" spans="14:14">
      <c r="N707167" s="10"/>
    </row>
    <row r="707168" spans="14:14">
      <c r="N707168" s="10"/>
    </row>
    <row r="707169" spans="14:14">
      <c r="N707169" s="10"/>
    </row>
    <row r="707170" spans="14:14">
      <c r="N707170" s="10"/>
    </row>
    <row r="707171" spans="14:14">
      <c r="N707171" s="10"/>
    </row>
    <row r="707172" spans="14:14">
      <c r="N707172" s="10"/>
    </row>
    <row r="707173" spans="14:14">
      <c r="N707173" s="10"/>
    </row>
    <row r="707174" spans="14:14">
      <c r="N707174" s="10"/>
    </row>
    <row r="707175" spans="14:14">
      <c r="N707175" s="10"/>
    </row>
    <row r="707176" spans="14:14">
      <c r="N707176" s="10"/>
    </row>
    <row r="707177" spans="14:14">
      <c r="N707177" s="10"/>
    </row>
    <row r="707178" spans="14:14">
      <c r="N707178" s="10"/>
    </row>
    <row r="707179" spans="14:14">
      <c r="N707179" s="10"/>
    </row>
    <row r="707180" spans="14:14">
      <c r="N707180" s="10"/>
    </row>
    <row r="707181" spans="14:14">
      <c r="N707181" s="10"/>
    </row>
    <row r="707182" spans="14:14">
      <c r="N707182" s="10"/>
    </row>
    <row r="707183" spans="14:14">
      <c r="N707183" s="10"/>
    </row>
    <row r="707184" spans="14:14">
      <c r="N707184" s="10"/>
    </row>
    <row r="707185" spans="14:14">
      <c r="N707185" s="10"/>
    </row>
    <row r="707186" spans="14:14">
      <c r="N707186" s="10"/>
    </row>
    <row r="707187" spans="14:14">
      <c r="N707187" s="10"/>
    </row>
    <row r="707188" spans="14:14">
      <c r="N707188" s="10"/>
    </row>
    <row r="707189" spans="14:14">
      <c r="N707189" s="10"/>
    </row>
    <row r="707190" spans="14:14">
      <c r="N707190" s="10"/>
    </row>
    <row r="707191" spans="14:14">
      <c r="N707191" s="10"/>
    </row>
    <row r="707192" spans="14:14">
      <c r="N707192" s="10"/>
    </row>
    <row r="707193" spans="14:14">
      <c r="N707193" s="10"/>
    </row>
    <row r="707194" spans="14:14">
      <c r="N707194" s="10"/>
    </row>
    <row r="707195" spans="14:14">
      <c r="N707195" s="10"/>
    </row>
    <row r="707196" spans="14:14">
      <c r="N707196" s="10"/>
    </row>
    <row r="707197" spans="14:14">
      <c r="N707197" s="10"/>
    </row>
    <row r="707198" spans="14:14">
      <c r="N707198" s="10"/>
    </row>
    <row r="707199" spans="14:14">
      <c r="N707199" s="10"/>
    </row>
    <row r="707200" spans="14:14">
      <c r="N707200" s="10"/>
    </row>
    <row r="707201" spans="14:14">
      <c r="N707201" s="10"/>
    </row>
    <row r="707202" spans="14:14">
      <c r="N707202" s="10"/>
    </row>
    <row r="707203" spans="14:14">
      <c r="N707203" s="10"/>
    </row>
    <row r="707204" spans="14:14">
      <c r="N707204" s="10"/>
    </row>
    <row r="707205" spans="14:14">
      <c r="N707205" s="10"/>
    </row>
    <row r="707206" spans="14:14">
      <c r="N707206" s="10"/>
    </row>
    <row r="707207" spans="14:14">
      <c r="N707207" s="10"/>
    </row>
    <row r="707208" spans="14:14">
      <c r="N707208" s="10"/>
    </row>
    <row r="707209" spans="14:14">
      <c r="N707209" s="10"/>
    </row>
    <row r="707210" spans="14:14">
      <c r="N707210" s="10"/>
    </row>
    <row r="707211" spans="14:14">
      <c r="N707211" s="10"/>
    </row>
    <row r="707212" spans="14:14">
      <c r="N707212" s="10"/>
    </row>
    <row r="707213" spans="14:14">
      <c r="N707213" s="10"/>
    </row>
    <row r="707214" spans="14:14">
      <c r="N707214" s="10"/>
    </row>
    <row r="707215" spans="14:14">
      <c r="N707215" s="10"/>
    </row>
    <row r="707216" spans="14:14">
      <c r="N707216" s="10"/>
    </row>
    <row r="707217" spans="14:14">
      <c r="N707217" s="10"/>
    </row>
    <row r="707218" spans="14:14">
      <c r="N707218" s="10"/>
    </row>
    <row r="707219" spans="14:14">
      <c r="N707219" s="10"/>
    </row>
    <row r="707220" spans="14:14">
      <c r="N707220" s="10"/>
    </row>
    <row r="707221" spans="14:14">
      <c r="N707221" s="10"/>
    </row>
    <row r="707222" spans="14:14">
      <c r="N707222" s="10"/>
    </row>
    <row r="707223" spans="14:14">
      <c r="N707223" s="10"/>
    </row>
    <row r="707224" spans="14:14">
      <c r="N707224" s="10"/>
    </row>
    <row r="707225" spans="14:14">
      <c r="N707225" s="10"/>
    </row>
    <row r="707226" spans="14:14">
      <c r="N707226" s="10"/>
    </row>
    <row r="707227" spans="14:14">
      <c r="N707227" s="10"/>
    </row>
    <row r="707228" spans="14:14">
      <c r="N707228" s="10"/>
    </row>
    <row r="707229" spans="14:14">
      <c r="N707229" s="10"/>
    </row>
    <row r="707230" spans="14:14">
      <c r="N707230" s="10"/>
    </row>
    <row r="707231" spans="14:14">
      <c r="N707231" s="10"/>
    </row>
    <row r="707232" spans="14:14">
      <c r="N707232" s="10"/>
    </row>
    <row r="707233" spans="14:14">
      <c r="N707233" s="10"/>
    </row>
    <row r="707234" spans="14:14">
      <c r="N707234" s="10"/>
    </row>
    <row r="707235" spans="14:14">
      <c r="N707235" s="10"/>
    </row>
    <row r="707236" spans="14:14">
      <c r="N707236" s="10"/>
    </row>
    <row r="707237" spans="14:14">
      <c r="N707237" s="10"/>
    </row>
    <row r="707238" spans="14:14">
      <c r="N707238" s="10"/>
    </row>
    <row r="707239" spans="14:14">
      <c r="N707239" s="10"/>
    </row>
    <row r="707240" spans="14:14">
      <c r="N707240" s="10"/>
    </row>
    <row r="707241" spans="14:14">
      <c r="N707241" s="10"/>
    </row>
    <row r="707242" spans="14:14">
      <c r="N707242" s="10"/>
    </row>
    <row r="707243" spans="14:14">
      <c r="N707243" s="10"/>
    </row>
    <row r="707244" spans="14:14">
      <c r="N707244" s="10"/>
    </row>
    <row r="707245" spans="14:14">
      <c r="N707245" s="10"/>
    </row>
    <row r="707246" spans="14:14">
      <c r="N707246" s="10"/>
    </row>
    <row r="707247" spans="14:14">
      <c r="N707247" s="10"/>
    </row>
    <row r="707248" spans="14:14">
      <c r="N707248" s="10"/>
    </row>
    <row r="707249" spans="14:14">
      <c r="N707249" s="10"/>
    </row>
    <row r="707250" spans="14:14">
      <c r="N707250" s="10"/>
    </row>
    <row r="707251" spans="14:14">
      <c r="N707251" s="10"/>
    </row>
    <row r="707252" spans="14:14">
      <c r="N707252" s="10"/>
    </row>
    <row r="707253" spans="14:14">
      <c r="N707253" s="10"/>
    </row>
    <row r="707254" spans="14:14">
      <c r="N707254" s="10"/>
    </row>
    <row r="707255" spans="14:14">
      <c r="N707255" s="10"/>
    </row>
    <row r="707256" spans="14:14">
      <c r="N707256" s="10"/>
    </row>
    <row r="707257" spans="14:14">
      <c r="N707257" s="10"/>
    </row>
    <row r="707258" spans="14:14">
      <c r="N707258" s="10"/>
    </row>
    <row r="707259" spans="14:14">
      <c r="N707259" s="10"/>
    </row>
    <row r="707260" spans="14:14">
      <c r="N707260" s="10"/>
    </row>
    <row r="707261" spans="14:14">
      <c r="N707261" s="10"/>
    </row>
    <row r="707262" spans="14:14">
      <c r="N707262" s="10"/>
    </row>
    <row r="707263" spans="14:14">
      <c r="N707263" s="10"/>
    </row>
    <row r="707264" spans="14:14">
      <c r="N707264" s="10"/>
    </row>
    <row r="707265" spans="14:14">
      <c r="N707265" s="10"/>
    </row>
    <row r="707266" spans="14:14">
      <c r="N707266" s="10"/>
    </row>
    <row r="707267" spans="14:14">
      <c r="N707267" s="10"/>
    </row>
    <row r="707268" spans="14:14">
      <c r="N707268" s="10"/>
    </row>
    <row r="707269" spans="14:14">
      <c r="N707269" s="10"/>
    </row>
    <row r="707270" spans="14:14">
      <c r="N707270" s="10"/>
    </row>
    <row r="707271" spans="14:14">
      <c r="N707271" s="10"/>
    </row>
    <row r="707272" spans="14:14">
      <c r="N707272" s="10"/>
    </row>
    <row r="707273" spans="14:14">
      <c r="N707273" s="10"/>
    </row>
    <row r="707274" spans="14:14">
      <c r="N707274" s="10"/>
    </row>
    <row r="707275" spans="14:14">
      <c r="N707275" s="10"/>
    </row>
    <row r="707276" spans="14:14">
      <c r="N707276" s="10"/>
    </row>
    <row r="707277" spans="14:14">
      <c r="N707277" s="10"/>
    </row>
    <row r="707278" spans="14:14">
      <c r="N707278" s="10"/>
    </row>
    <row r="707279" spans="14:14">
      <c r="N707279" s="10"/>
    </row>
    <row r="707280" spans="14:14">
      <c r="N707280" s="10"/>
    </row>
    <row r="707281" spans="14:14">
      <c r="N707281" s="10"/>
    </row>
    <row r="707282" spans="14:14">
      <c r="N707282" s="10"/>
    </row>
    <row r="707283" spans="14:14">
      <c r="N707283" s="10"/>
    </row>
    <row r="707284" spans="14:14">
      <c r="N707284" s="10"/>
    </row>
    <row r="707285" spans="14:14">
      <c r="N707285" s="10"/>
    </row>
    <row r="707286" spans="14:14">
      <c r="N707286" s="10"/>
    </row>
    <row r="707287" spans="14:14">
      <c r="N707287" s="10"/>
    </row>
    <row r="707288" spans="14:14">
      <c r="N707288" s="10"/>
    </row>
    <row r="707289" spans="14:14">
      <c r="N707289" s="10"/>
    </row>
    <row r="707290" spans="14:14">
      <c r="N707290" s="10"/>
    </row>
    <row r="707291" spans="14:14">
      <c r="N707291" s="10"/>
    </row>
    <row r="707292" spans="14:14">
      <c r="N707292" s="10"/>
    </row>
    <row r="707293" spans="14:14">
      <c r="N707293" s="10"/>
    </row>
    <row r="707294" spans="14:14">
      <c r="N707294" s="10"/>
    </row>
    <row r="707295" spans="14:14">
      <c r="N707295" s="10"/>
    </row>
    <row r="707296" spans="14:14">
      <c r="N707296" s="10"/>
    </row>
    <row r="707297" spans="14:14">
      <c r="N707297" s="10"/>
    </row>
    <row r="707298" spans="14:14">
      <c r="N707298" s="10"/>
    </row>
    <row r="707299" spans="14:14">
      <c r="N707299" s="10"/>
    </row>
    <row r="707300" spans="14:14">
      <c r="N707300" s="10"/>
    </row>
    <row r="707301" spans="14:14">
      <c r="N707301" s="10"/>
    </row>
    <row r="707302" spans="14:14">
      <c r="N707302" s="10"/>
    </row>
    <row r="707303" spans="14:14">
      <c r="N707303" s="10"/>
    </row>
    <row r="707304" spans="14:14">
      <c r="N707304" s="10"/>
    </row>
    <row r="707305" spans="14:14">
      <c r="N707305" s="10"/>
    </row>
    <row r="707306" spans="14:14">
      <c r="N707306" s="10"/>
    </row>
    <row r="707307" spans="14:14">
      <c r="N707307" s="10"/>
    </row>
    <row r="707308" spans="14:14">
      <c r="N707308" s="10"/>
    </row>
    <row r="707309" spans="14:14">
      <c r="N707309" s="10"/>
    </row>
    <row r="707310" spans="14:14">
      <c r="N707310" s="10"/>
    </row>
    <row r="707311" spans="14:14">
      <c r="N707311" s="10"/>
    </row>
    <row r="707312" spans="14:14">
      <c r="N707312" s="10"/>
    </row>
    <row r="707313" spans="14:14">
      <c r="N707313" s="10"/>
    </row>
    <row r="707314" spans="14:14">
      <c r="N707314" s="10"/>
    </row>
    <row r="707315" spans="14:14">
      <c r="N707315" s="10"/>
    </row>
    <row r="707316" spans="14:14">
      <c r="N707316" s="10"/>
    </row>
    <row r="707317" spans="14:14">
      <c r="N707317" s="10"/>
    </row>
    <row r="707318" spans="14:14">
      <c r="N707318" s="10"/>
    </row>
    <row r="707319" spans="14:14">
      <c r="N707319" s="10"/>
    </row>
    <row r="707320" spans="14:14">
      <c r="N707320" s="10"/>
    </row>
    <row r="707321" spans="14:14">
      <c r="N707321" s="10"/>
    </row>
    <row r="707322" spans="14:14">
      <c r="N707322" s="10"/>
    </row>
    <row r="707323" spans="14:14">
      <c r="N707323" s="10"/>
    </row>
    <row r="707324" spans="14:14">
      <c r="N707324" s="10"/>
    </row>
    <row r="707325" spans="14:14">
      <c r="N707325" s="10"/>
    </row>
    <row r="707326" spans="14:14">
      <c r="N707326" s="10"/>
    </row>
    <row r="707327" spans="14:14">
      <c r="N707327" s="10"/>
    </row>
    <row r="707328" spans="14:14">
      <c r="N707328" s="10"/>
    </row>
    <row r="707329" spans="14:14">
      <c r="N707329" s="10"/>
    </row>
    <row r="707330" spans="14:14">
      <c r="N707330" s="10"/>
    </row>
    <row r="707331" spans="14:14">
      <c r="N707331" s="10"/>
    </row>
    <row r="707332" spans="14:14">
      <c r="N707332" s="10"/>
    </row>
    <row r="707333" spans="14:14">
      <c r="N707333" s="10"/>
    </row>
    <row r="707334" spans="14:14">
      <c r="N707334" s="10"/>
    </row>
    <row r="707335" spans="14:14">
      <c r="N707335" s="10"/>
    </row>
    <row r="707336" spans="14:14">
      <c r="N707336" s="10"/>
    </row>
    <row r="707337" spans="14:14">
      <c r="N707337" s="10"/>
    </row>
    <row r="707338" spans="14:14">
      <c r="N707338" s="10"/>
    </row>
    <row r="707339" spans="14:14">
      <c r="N707339" s="10"/>
    </row>
    <row r="707340" spans="14:14">
      <c r="N707340" s="10"/>
    </row>
    <row r="707341" spans="14:14">
      <c r="N707341" s="10"/>
    </row>
    <row r="707342" spans="14:14">
      <c r="N707342" s="10"/>
    </row>
    <row r="707343" spans="14:14">
      <c r="N707343" s="10"/>
    </row>
    <row r="707344" spans="14:14">
      <c r="N707344" s="10"/>
    </row>
    <row r="707345" spans="14:14">
      <c r="N707345" s="10"/>
    </row>
    <row r="707346" spans="14:14">
      <c r="N707346" s="10"/>
    </row>
    <row r="707347" spans="14:14">
      <c r="N707347" s="10"/>
    </row>
    <row r="707348" spans="14:14">
      <c r="N707348" s="10"/>
    </row>
    <row r="707349" spans="14:14">
      <c r="N707349" s="10"/>
    </row>
    <row r="707350" spans="14:14">
      <c r="N707350" s="10"/>
    </row>
    <row r="707351" spans="14:14">
      <c r="N707351" s="10"/>
    </row>
    <row r="707352" spans="14:14">
      <c r="N707352" s="10"/>
    </row>
    <row r="707353" spans="14:14">
      <c r="N707353" s="10"/>
    </row>
    <row r="707354" spans="14:14">
      <c r="N707354" s="10"/>
    </row>
    <row r="707355" spans="14:14">
      <c r="N707355" s="10"/>
    </row>
    <row r="707356" spans="14:14">
      <c r="N707356" s="10"/>
    </row>
    <row r="707357" spans="14:14">
      <c r="N707357" s="10"/>
    </row>
    <row r="707358" spans="14:14">
      <c r="N707358" s="10"/>
    </row>
    <row r="707359" spans="14:14">
      <c r="N707359" s="10"/>
    </row>
    <row r="707360" spans="14:14">
      <c r="N707360" s="10"/>
    </row>
    <row r="707361" spans="14:14">
      <c r="N707361" s="10"/>
    </row>
    <row r="707362" spans="14:14">
      <c r="N707362" s="10"/>
    </row>
    <row r="707363" spans="14:14">
      <c r="N707363" s="10"/>
    </row>
    <row r="707364" spans="14:14">
      <c r="N707364" s="10"/>
    </row>
    <row r="707365" spans="14:14">
      <c r="N707365" s="10"/>
    </row>
    <row r="707366" spans="14:14">
      <c r="N707366" s="10"/>
    </row>
    <row r="707367" spans="14:14">
      <c r="N707367" s="10"/>
    </row>
    <row r="707368" spans="14:14">
      <c r="N707368" s="10"/>
    </row>
    <row r="707369" spans="14:14">
      <c r="N707369" s="10"/>
    </row>
    <row r="707370" spans="14:14">
      <c r="N707370" s="10"/>
    </row>
    <row r="707371" spans="14:14">
      <c r="N707371" s="10"/>
    </row>
    <row r="707372" spans="14:14">
      <c r="N707372" s="10"/>
    </row>
    <row r="707373" spans="14:14">
      <c r="N707373" s="10"/>
    </row>
    <row r="707374" spans="14:14">
      <c r="N707374" s="10"/>
    </row>
    <row r="707375" spans="14:14">
      <c r="N707375" s="10"/>
    </row>
    <row r="707376" spans="14:14">
      <c r="N707376" s="10"/>
    </row>
    <row r="707377" spans="14:14">
      <c r="N707377" s="10"/>
    </row>
    <row r="707378" spans="14:14">
      <c r="N707378" s="10"/>
    </row>
    <row r="707379" spans="14:14">
      <c r="N707379" s="10"/>
    </row>
    <row r="707380" spans="14:14">
      <c r="N707380" s="10"/>
    </row>
    <row r="707381" spans="14:14">
      <c r="N707381" s="10"/>
    </row>
    <row r="707382" spans="14:14">
      <c r="N707382" s="10"/>
    </row>
    <row r="707383" spans="14:14">
      <c r="N707383" s="10"/>
    </row>
    <row r="707384" spans="14:14">
      <c r="N707384" s="10"/>
    </row>
    <row r="707385" spans="14:14">
      <c r="N707385" s="10"/>
    </row>
    <row r="707386" spans="14:14">
      <c r="N707386" s="10"/>
    </row>
    <row r="707387" spans="14:14">
      <c r="N707387" s="10"/>
    </row>
    <row r="707388" spans="14:14">
      <c r="N707388" s="10"/>
    </row>
    <row r="707389" spans="14:14">
      <c r="N707389" s="10"/>
    </row>
    <row r="707390" spans="14:14">
      <c r="N707390" s="10"/>
    </row>
    <row r="707391" spans="14:14">
      <c r="N707391" s="10"/>
    </row>
    <row r="707392" spans="14:14">
      <c r="N707392" s="10"/>
    </row>
    <row r="707393" spans="14:14">
      <c r="N707393" s="10"/>
    </row>
    <row r="707394" spans="14:14">
      <c r="N707394" s="10"/>
    </row>
    <row r="707395" spans="14:14">
      <c r="N707395" s="10"/>
    </row>
    <row r="707396" spans="14:14">
      <c r="N707396" s="10"/>
    </row>
    <row r="707397" spans="14:14">
      <c r="N707397" s="10"/>
    </row>
    <row r="707398" spans="14:14">
      <c r="N707398" s="10"/>
    </row>
    <row r="707399" spans="14:14">
      <c r="N707399" s="10"/>
    </row>
    <row r="707400" spans="14:14">
      <c r="N707400" s="10"/>
    </row>
    <row r="707401" spans="14:14">
      <c r="N707401" s="10"/>
    </row>
    <row r="707402" spans="14:14">
      <c r="N707402" s="10"/>
    </row>
    <row r="707403" spans="14:14">
      <c r="N707403" s="10"/>
    </row>
    <row r="707404" spans="14:14">
      <c r="N707404" s="10"/>
    </row>
    <row r="707405" spans="14:14">
      <c r="N707405" s="10"/>
    </row>
    <row r="707406" spans="14:14">
      <c r="N707406" s="10"/>
    </row>
    <row r="707407" spans="14:14">
      <c r="N707407" s="10"/>
    </row>
    <row r="707408" spans="14:14">
      <c r="N707408" s="10"/>
    </row>
    <row r="707409" spans="14:14">
      <c r="N707409" s="10"/>
    </row>
    <row r="707410" spans="14:14">
      <c r="N707410" s="10"/>
    </row>
    <row r="707411" spans="14:14">
      <c r="N707411" s="10"/>
    </row>
    <row r="707412" spans="14:14">
      <c r="N707412" s="10"/>
    </row>
    <row r="707413" spans="14:14">
      <c r="N707413" s="10"/>
    </row>
    <row r="707414" spans="14:14">
      <c r="N707414" s="10"/>
    </row>
    <row r="707415" spans="14:14">
      <c r="N707415" s="10"/>
    </row>
    <row r="707416" spans="14:14">
      <c r="N707416" s="10"/>
    </row>
    <row r="707417" spans="14:14">
      <c r="N707417" s="10"/>
    </row>
    <row r="707418" spans="14:14">
      <c r="N707418" s="10"/>
    </row>
    <row r="707419" spans="14:14">
      <c r="N707419" s="10"/>
    </row>
    <row r="707420" spans="14:14">
      <c r="N707420" s="10"/>
    </row>
    <row r="707421" spans="14:14">
      <c r="N707421" s="10"/>
    </row>
    <row r="707422" spans="14:14">
      <c r="N707422" s="10"/>
    </row>
    <row r="707423" spans="14:14">
      <c r="N707423" s="10"/>
    </row>
    <row r="707424" spans="14:14">
      <c r="N707424" s="10"/>
    </row>
    <row r="707425" spans="14:14">
      <c r="N707425" s="10"/>
    </row>
    <row r="707426" spans="14:14">
      <c r="N707426" s="10"/>
    </row>
    <row r="707427" spans="14:14">
      <c r="N707427" s="10"/>
    </row>
    <row r="707428" spans="14:14">
      <c r="N707428" s="10"/>
    </row>
    <row r="707429" spans="14:14">
      <c r="N707429" s="10"/>
    </row>
    <row r="707430" spans="14:14">
      <c r="N707430" s="10"/>
    </row>
    <row r="707431" spans="14:14">
      <c r="N707431" s="10"/>
    </row>
    <row r="707432" spans="14:14">
      <c r="N707432" s="10"/>
    </row>
    <row r="707433" spans="14:14">
      <c r="N707433" s="10"/>
    </row>
    <row r="707434" spans="14:14">
      <c r="N707434" s="10"/>
    </row>
    <row r="707435" spans="14:14">
      <c r="N707435" s="10"/>
    </row>
    <row r="707436" spans="14:14">
      <c r="N707436" s="10"/>
    </row>
    <row r="707437" spans="14:14">
      <c r="N707437" s="10"/>
    </row>
    <row r="707438" spans="14:14">
      <c r="N707438" s="10"/>
    </row>
    <row r="707439" spans="14:14">
      <c r="N707439" s="10"/>
    </row>
    <row r="707440" spans="14:14">
      <c r="N707440" s="10"/>
    </row>
    <row r="707441" spans="14:14">
      <c r="N707441" s="10"/>
    </row>
    <row r="707442" spans="14:14">
      <c r="N707442" s="10"/>
    </row>
    <row r="707443" spans="14:14">
      <c r="N707443" s="10"/>
    </row>
    <row r="707444" spans="14:14">
      <c r="N707444" s="10"/>
    </row>
    <row r="707445" spans="14:14">
      <c r="N707445" s="10"/>
    </row>
    <row r="707446" spans="14:14">
      <c r="N707446" s="10"/>
    </row>
    <row r="707447" spans="14:14">
      <c r="N707447" s="10"/>
    </row>
    <row r="707448" spans="14:14">
      <c r="N707448" s="10"/>
    </row>
    <row r="707449" spans="14:14">
      <c r="N707449" s="10"/>
    </row>
    <row r="707450" spans="14:14">
      <c r="N707450" s="10"/>
    </row>
    <row r="707451" spans="14:14">
      <c r="N707451" s="10"/>
    </row>
    <row r="707452" spans="14:14">
      <c r="N707452" s="10"/>
    </row>
    <row r="707453" spans="14:14">
      <c r="N707453" s="10"/>
    </row>
    <row r="707454" spans="14:14">
      <c r="N707454" s="10"/>
    </row>
    <row r="707455" spans="14:14">
      <c r="N707455" s="10"/>
    </row>
    <row r="707456" spans="14:14">
      <c r="N707456" s="10"/>
    </row>
    <row r="707457" spans="14:14">
      <c r="N707457" s="10"/>
    </row>
    <row r="707458" spans="14:14">
      <c r="N707458" s="10"/>
    </row>
    <row r="707459" spans="14:14">
      <c r="N707459" s="10"/>
    </row>
    <row r="707460" spans="14:14">
      <c r="N707460" s="10"/>
    </row>
    <row r="707461" spans="14:14">
      <c r="N707461" s="10"/>
    </row>
    <row r="707462" spans="14:14">
      <c r="N707462" s="10"/>
    </row>
    <row r="707463" spans="14:14">
      <c r="N707463" s="10"/>
    </row>
    <row r="707464" spans="14:14">
      <c r="N707464" s="10"/>
    </row>
    <row r="707465" spans="14:14">
      <c r="N707465" s="10"/>
    </row>
    <row r="707466" spans="14:14">
      <c r="N707466" s="10"/>
    </row>
    <row r="707467" spans="14:14">
      <c r="N707467" s="10"/>
    </row>
    <row r="707468" spans="14:14">
      <c r="N707468" s="10"/>
    </row>
    <row r="707469" spans="14:14">
      <c r="N707469" s="10"/>
    </row>
    <row r="707470" spans="14:14">
      <c r="N707470" s="10"/>
    </row>
    <row r="707471" spans="14:14">
      <c r="N707471" s="10"/>
    </row>
    <row r="707472" spans="14:14">
      <c r="N707472" s="10"/>
    </row>
    <row r="707473" spans="14:14">
      <c r="N707473" s="10"/>
    </row>
    <row r="707474" spans="14:14">
      <c r="N707474" s="10"/>
    </row>
    <row r="707475" spans="14:14">
      <c r="N707475" s="10"/>
    </row>
    <row r="707476" spans="14:14">
      <c r="N707476" s="10"/>
    </row>
    <row r="707477" spans="14:14">
      <c r="N707477" s="10"/>
    </row>
    <row r="707478" spans="14:14">
      <c r="N707478" s="10"/>
    </row>
    <row r="707479" spans="14:14">
      <c r="N707479" s="10"/>
    </row>
    <row r="707480" spans="14:14">
      <c r="N707480" s="10"/>
    </row>
    <row r="707481" spans="14:14">
      <c r="N707481" s="10"/>
    </row>
    <row r="707482" spans="14:14">
      <c r="N707482" s="10"/>
    </row>
    <row r="707483" spans="14:14">
      <c r="N707483" s="10"/>
    </row>
    <row r="707484" spans="14:14">
      <c r="N707484" s="10"/>
    </row>
    <row r="707485" spans="14:14">
      <c r="N707485" s="10"/>
    </row>
    <row r="707486" spans="14:14">
      <c r="N707486" s="10"/>
    </row>
    <row r="707487" spans="14:14">
      <c r="N707487" s="10"/>
    </row>
    <row r="707488" spans="14:14">
      <c r="N707488" s="10"/>
    </row>
    <row r="707489" spans="14:14">
      <c r="N707489" s="10"/>
    </row>
    <row r="707490" spans="14:14">
      <c r="N707490" s="10"/>
    </row>
    <row r="707491" spans="14:14">
      <c r="N707491" s="10"/>
    </row>
    <row r="707492" spans="14:14">
      <c r="N707492" s="10"/>
    </row>
    <row r="707493" spans="14:14">
      <c r="N707493" s="10"/>
    </row>
    <row r="707494" spans="14:14">
      <c r="N707494" s="10"/>
    </row>
    <row r="707495" spans="14:14">
      <c r="N707495" s="10"/>
    </row>
    <row r="707496" spans="14:14">
      <c r="N707496" s="10"/>
    </row>
    <row r="707497" spans="14:14">
      <c r="N707497" s="10"/>
    </row>
    <row r="707498" spans="14:14">
      <c r="N707498" s="10"/>
    </row>
    <row r="707499" spans="14:14">
      <c r="N707499" s="10"/>
    </row>
    <row r="707500" spans="14:14">
      <c r="N707500" s="10"/>
    </row>
    <row r="707501" spans="14:14">
      <c r="N707501" s="10"/>
    </row>
    <row r="707502" spans="14:14">
      <c r="N707502" s="10"/>
    </row>
    <row r="707503" spans="14:14">
      <c r="N707503" s="10"/>
    </row>
    <row r="707504" spans="14:14">
      <c r="N707504" s="10"/>
    </row>
    <row r="707505" spans="14:14">
      <c r="N707505" s="10"/>
    </row>
    <row r="707506" spans="14:14">
      <c r="N707506" s="10"/>
    </row>
    <row r="707507" spans="14:14">
      <c r="N707507" s="10"/>
    </row>
    <row r="707508" spans="14:14">
      <c r="N707508" s="10"/>
    </row>
    <row r="707509" spans="14:14">
      <c r="N707509" s="10"/>
    </row>
    <row r="707510" spans="14:14">
      <c r="N707510" s="10"/>
    </row>
    <row r="707511" spans="14:14">
      <c r="N707511" s="10"/>
    </row>
    <row r="707512" spans="14:14">
      <c r="N707512" s="10"/>
    </row>
    <row r="707513" spans="14:14">
      <c r="N707513" s="10"/>
    </row>
    <row r="707514" spans="14:14">
      <c r="N707514" s="10"/>
    </row>
    <row r="707515" spans="14:14">
      <c r="N707515" s="10"/>
    </row>
    <row r="707516" spans="14:14">
      <c r="N707516" s="10"/>
    </row>
    <row r="707517" spans="14:14">
      <c r="N707517" s="10"/>
    </row>
    <row r="707518" spans="14:14">
      <c r="N707518" s="10"/>
    </row>
    <row r="707519" spans="14:14">
      <c r="N707519" s="10"/>
    </row>
    <row r="707520" spans="14:14">
      <c r="N707520" s="10"/>
    </row>
    <row r="707521" spans="14:14">
      <c r="N707521" s="10"/>
    </row>
    <row r="707522" spans="14:14">
      <c r="N707522" s="10"/>
    </row>
    <row r="707523" spans="14:14">
      <c r="N707523" s="10"/>
    </row>
    <row r="707524" spans="14:14">
      <c r="N707524" s="10"/>
    </row>
    <row r="707525" spans="14:14">
      <c r="N707525" s="10"/>
    </row>
    <row r="707526" spans="14:14">
      <c r="N707526" s="10"/>
    </row>
    <row r="707527" spans="14:14">
      <c r="N707527" s="10"/>
    </row>
    <row r="707528" spans="14:14">
      <c r="N707528" s="10"/>
    </row>
    <row r="707529" spans="14:14">
      <c r="N707529" s="10"/>
    </row>
    <row r="707530" spans="14:14">
      <c r="N707530" s="10"/>
    </row>
    <row r="707531" spans="14:14">
      <c r="N707531" s="10"/>
    </row>
    <row r="707532" spans="14:14">
      <c r="N707532" s="10"/>
    </row>
    <row r="707533" spans="14:14">
      <c r="N707533" s="10"/>
    </row>
    <row r="707534" spans="14:14">
      <c r="N707534" s="10"/>
    </row>
    <row r="707535" spans="14:14">
      <c r="N707535" s="10"/>
    </row>
    <row r="707536" spans="14:14">
      <c r="N707536" s="10"/>
    </row>
    <row r="707537" spans="14:14">
      <c r="N707537" s="10"/>
    </row>
    <row r="707538" spans="14:14">
      <c r="N707538" s="10"/>
    </row>
    <row r="707539" spans="14:14">
      <c r="N707539" s="10"/>
    </row>
    <row r="707540" spans="14:14">
      <c r="N707540" s="10"/>
    </row>
    <row r="707541" spans="14:14">
      <c r="N707541" s="10"/>
    </row>
    <row r="707542" spans="14:14">
      <c r="N707542" s="10"/>
    </row>
    <row r="707543" spans="14:14">
      <c r="N707543" s="10"/>
    </row>
    <row r="707544" spans="14:14">
      <c r="N707544" s="10"/>
    </row>
    <row r="707545" spans="14:14">
      <c r="N707545" s="10"/>
    </row>
    <row r="707546" spans="14:14">
      <c r="N707546" s="10"/>
    </row>
    <row r="707547" spans="14:14">
      <c r="N707547" s="10"/>
    </row>
    <row r="707548" spans="14:14">
      <c r="N707548" s="10"/>
    </row>
    <row r="707549" spans="14:14">
      <c r="N707549" s="10"/>
    </row>
    <row r="707550" spans="14:14">
      <c r="N707550" s="10"/>
    </row>
    <row r="707551" spans="14:14">
      <c r="N707551" s="10"/>
    </row>
    <row r="707552" spans="14:14">
      <c r="N707552" s="10"/>
    </row>
    <row r="707553" spans="14:14">
      <c r="N707553" s="10"/>
    </row>
    <row r="707554" spans="14:14">
      <c r="N707554" s="10"/>
    </row>
    <row r="707555" spans="14:14">
      <c r="N707555" s="10"/>
    </row>
    <row r="707556" spans="14:14">
      <c r="N707556" s="10"/>
    </row>
    <row r="707557" spans="14:14">
      <c r="N707557" s="10"/>
    </row>
    <row r="707558" spans="14:14">
      <c r="N707558" s="10"/>
    </row>
    <row r="707559" spans="14:14">
      <c r="N707559" s="10"/>
    </row>
    <row r="707560" spans="14:14">
      <c r="N707560" s="10"/>
    </row>
    <row r="707561" spans="14:14">
      <c r="N707561" s="10"/>
    </row>
    <row r="707562" spans="14:14">
      <c r="N707562" s="10"/>
    </row>
    <row r="707563" spans="14:14">
      <c r="N707563" s="10"/>
    </row>
    <row r="707564" spans="14:14">
      <c r="N707564" s="10"/>
    </row>
    <row r="707565" spans="14:14">
      <c r="N707565" s="10"/>
    </row>
    <row r="707566" spans="14:14">
      <c r="N707566" s="10"/>
    </row>
    <row r="707567" spans="14:14">
      <c r="N707567" s="10"/>
    </row>
    <row r="707568" spans="14:14">
      <c r="N707568" s="10"/>
    </row>
    <row r="707569" spans="14:14">
      <c r="N707569" s="10"/>
    </row>
    <row r="707570" spans="14:14">
      <c r="N707570" s="10"/>
    </row>
    <row r="707571" spans="14:14">
      <c r="N707571" s="10"/>
    </row>
    <row r="707572" spans="14:14">
      <c r="N707572" s="10"/>
    </row>
    <row r="707573" spans="14:14">
      <c r="N707573" s="10"/>
    </row>
    <row r="707574" spans="14:14">
      <c r="N707574" s="10"/>
    </row>
    <row r="707575" spans="14:14">
      <c r="N707575" s="10"/>
    </row>
    <row r="707576" spans="14:14">
      <c r="N707576" s="10"/>
    </row>
    <row r="707577" spans="14:14">
      <c r="N707577" s="10"/>
    </row>
    <row r="707578" spans="14:14">
      <c r="N707578" s="10"/>
    </row>
    <row r="707579" spans="14:14">
      <c r="N707579" s="10"/>
    </row>
    <row r="707580" spans="14:14">
      <c r="N707580" s="10"/>
    </row>
    <row r="707581" spans="14:14">
      <c r="N707581" s="10"/>
    </row>
    <row r="707582" spans="14:14">
      <c r="N707582" s="10"/>
    </row>
    <row r="707583" spans="14:14">
      <c r="N707583" s="10"/>
    </row>
    <row r="707584" spans="14:14">
      <c r="N707584" s="10"/>
    </row>
    <row r="707585" spans="14:14">
      <c r="N707585" s="10"/>
    </row>
    <row r="707586" spans="14:14">
      <c r="N707586" s="10"/>
    </row>
    <row r="707587" spans="14:14">
      <c r="N707587" s="10"/>
    </row>
    <row r="707588" spans="14:14">
      <c r="N707588" s="10"/>
    </row>
    <row r="707589" spans="14:14">
      <c r="N707589" s="10"/>
    </row>
    <row r="707590" spans="14:14">
      <c r="N707590" s="10"/>
    </row>
    <row r="707591" spans="14:14">
      <c r="N707591" s="10"/>
    </row>
    <row r="707592" spans="14:14">
      <c r="N707592" s="10"/>
    </row>
    <row r="707593" spans="14:14">
      <c r="N707593" s="10"/>
    </row>
    <row r="707594" spans="14:14">
      <c r="N707594" s="10"/>
    </row>
    <row r="707595" spans="14:14">
      <c r="N707595" s="10"/>
    </row>
    <row r="707596" spans="14:14">
      <c r="N707596" s="10"/>
    </row>
    <row r="707597" spans="14:14">
      <c r="N707597" s="10"/>
    </row>
    <row r="707598" spans="14:14">
      <c r="N707598" s="10"/>
    </row>
    <row r="707599" spans="14:14">
      <c r="N707599" s="10"/>
    </row>
    <row r="707600" spans="14:14">
      <c r="N707600" s="10"/>
    </row>
    <row r="707601" spans="14:14">
      <c r="N707601" s="10"/>
    </row>
    <row r="707602" spans="14:14">
      <c r="N707602" s="10"/>
    </row>
    <row r="707603" spans="14:14">
      <c r="N707603" s="10"/>
    </row>
    <row r="707604" spans="14:14">
      <c r="N707604" s="10"/>
    </row>
    <row r="707605" spans="14:14">
      <c r="N707605" s="10"/>
    </row>
    <row r="707606" spans="14:14">
      <c r="N707606" s="10"/>
    </row>
    <row r="707607" spans="14:14">
      <c r="N707607" s="10"/>
    </row>
    <row r="707608" spans="14:14">
      <c r="N707608" s="10"/>
    </row>
    <row r="707609" spans="14:14">
      <c r="N707609" s="10"/>
    </row>
    <row r="707610" spans="14:14">
      <c r="N707610" s="10"/>
    </row>
    <row r="707611" spans="14:14">
      <c r="N707611" s="10"/>
    </row>
    <row r="707612" spans="14:14">
      <c r="N707612" s="10"/>
    </row>
    <row r="707613" spans="14:14">
      <c r="N707613" s="10"/>
    </row>
    <row r="707614" spans="14:14">
      <c r="N707614" s="10"/>
    </row>
    <row r="707615" spans="14:14">
      <c r="N707615" s="10"/>
    </row>
    <row r="707616" spans="14:14">
      <c r="N707616" s="10"/>
    </row>
    <row r="707617" spans="14:14">
      <c r="N707617" s="10"/>
    </row>
    <row r="707618" spans="14:14">
      <c r="N707618" s="10"/>
    </row>
    <row r="707619" spans="14:14">
      <c r="N707619" s="10"/>
    </row>
    <row r="707620" spans="14:14">
      <c r="N707620" s="10"/>
    </row>
    <row r="707621" spans="14:14">
      <c r="N707621" s="10"/>
    </row>
    <row r="707622" spans="14:14">
      <c r="N707622" s="10"/>
    </row>
    <row r="707623" spans="14:14">
      <c r="N707623" s="10"/>
    </row>
    <row r="707624" spans="14:14">
      <c r="N707624" s="10"/>
    </row>
    <row r="707625" spans="14:14">
      <c r="N707625" s="10"/>
    </row>
    <row r="707626" spans="14:14">
      <c r="N707626" s="10"/>
    </row>
    <row r="707627" spans="14:14">
      <c r="N707627" s="10"/>
    </row>
    <row r="707628" spans="14:14">
      <c r="N707628" s="10"/>
    </row>
    <row r="707629" spans="14:14">
      <c r="N707629" s="10"/>
    </row>
    <row r="707630" spans="14:14">
      <c r="N707630" s="10"/>
    </row>
    <row r="707631" spans="14:14">
      <c r="N707631" s="10"/>
    </row>
    <row r="707632" spans="14:14">
      <c r="N707632" s="10"/>
    </row>
    <row r="707633" spans="14:14">
      <c r="N707633" s="10"/>
    </row>
    <row r="707634" spans="14:14">
      <c r="N707634" s="10"/>
    </row>
    <row r="707635" spans="14:14">
      <c r="N707635" s="10"/>
    </row>
    <row r="707636" spans="14:14">
      <c r="N707636" s="10"/>
    </row>
    <row r="707637" spans="14:14">
      <c r="N707637" s="10"/>
    </row>
    <row r="707638" spans="14:14">
      <c r="N707638" s="10"/>
    </row>
    <row r="707639" spans="14:14">
      <c r="N707639" s="10"/>
    </row>
    <row r="707640" spans="14:14">
      <c r="N707640" s="10"/>
    </row>
    <row r="707641" spans="14:14">
      <c r="N707641" s="10"/>
    </row>
    <row r="707642" spans="14:14">
      <c r="N707642" s="10"/>
    </row>
    <row r="707643" spans="14:14">
      <c r="N707643" s="10"/>
    </row>
    <row r="707644" spans="14:14">
      <c r="N707644" s="10"/>
    </row>
    <row r="707645" spans="14:14">
      <c r="N707645" s="10"/>
    </row>
    <row r="707646" spans="14:14">
      <c r="N707646" s="10"/>
    </row>
    <row r="707647" spans="14:14">
      <c r="N707647" s="10"/>
    </row>
    <row r="707648" spans="14:14">
      <c r="N707648" s="10"/>
    </row>
    <row r="707649" spans="14:14">
      <c r="N707649" s="10"/>
    </row>
    <row r="707650" spans="14:14">
      <c r="N707650" s="10"/>
    </row>
    <row r="707651" spans="14:14">
      <c r="N707651" s="10"/>
    </row>
    <row r="707652" spans="14:14">
      <c r="N707652" s="10"/>
    </row>
    <row r="707653" spans="14:14">
      <c r="N707653" s="10"/>
    </row>
    <row r="707654" spans="14:14">
      <c r="N707654" s="10"/>
    </row>
    <row r="707655" spans="14:14">
      <c r="N707655" s="10"/>
    </row>
    <row r="707656" spans="14:14">
      <c r="N707656" s="10"/>
    </row>
    <row r="707657" spans="14:14">
      <c r="N707657" s="10"/>
    </row>
    <row r="707658" spans="14:14">
      <c r="N707658" s="10"/>
    </row>
    <row r="707659" spans="14:14">
      <c r="N707659" s="10"/>
    </row>
    <row r="707660" spans="14:14">
      <c r="N707660" s="10"/>
    </row>
    <row r="707661" spans="14:14">
      <c r="N707661" s="10"/>
    </row>
    <row r="707662" spans="14:14">
      <c r="N707662" s="10"/>
    </row>
    <row r="707663" spans="14:14">
      <c r="N707663" s="10"/>
    </row>
    <row r="707664" spans="14:14">
      <c r="N707664" s="10"/>
    </row>
    <row r="707665" spans="14:14">
      <c r="N707665" s="10"/>
    </row>
    <row r="707666" spans="14:14">
      <c r="N707666" s="10"/>
    </row>
    <row r="707667" spans="14:14">
      <c r="N707667" s="10"/>
    </row>
    <row r="707668" spans="14:14">
      <c r="N707668" s="10"/>
    </row>
    <row r="707669" spans="14:14">
      <c r="N707669" s="10"/>
    </row>
    <row r="707670" spans="14:14">
      <c r="N707670" s="10"/>
    </row>
    <row r="707671" spans="14:14">
      <c r="N707671" s="10"/>
    </row>
    <row r="707672" spans="14:14">
      <c r="N707672" s="10"/>
    </row>
    <row r="707673" spans="14:14">
      <c r="N707673" s="10"/>
    </row>
    <row r="707674" spans="14:14">
      <c r="N707674" s="10"/>
    </row>
    <row r="707675" spans="14:14">
      <c r="N707675" s="10"/>
    </row>
    <row r="707676" spans="14:14">
      <c r="N707676" s="10"/>
    </row>
    <row r="707677" spans="14:14">
      <c r="N707677" s="10"/>
    </row>
    <row r="707678" spans="14:14">
      <c r="N707678" s="10"/>
    </row>
    <row r="707679" spans="14:14">
      <c r="N707679" s="10"/>
    </row>
    <row r="707680" spans="14:14">
      <c r="N707680" s="10"/>
    </row>
    <row r="707681" spans="14:14">
      <c r="N707681" s="10"/>
    </row>
    <row r="707682" spans="14:14">
      <c r="N707682" s="10"/>
    </row>
    <row r="707683" spans="14:14">
      <c r="N707683" s="10"/>
    </row>
    <row r="707684" spans="14:14">
      <c r="N707684" s="10"/>
    </row>
    <row r="707685" spans="14:14">
      <c r="N707685" s="10"/>
    </row>
    <row r="707686" spans="14:14">
      <c r="N707686" s="10"/>
    </row>
    <row r="707687" spans="14:14">
      <c r="N707687" s="10"/>
    </row>
    <row r="707688" spans="14:14">
      <c r="N707688" s="10"/>
    </row>
    <row r="707689" spans="14:14">
      <c r="N707689" s="10"/>
    </row>
    <row r="707690" spans="14:14">
      <c r="N707690" s="10"/>
    </row>
    <row r="707691" spans="14:14">
      <c r="N707691" s="10"/>
    </row>
    <row r="707692" spans="14:14">
      <c r="N707692" s="10"/>
    </row>
    <row r="707693" spans="14:14">
      <c r="N707693" s="10"/>
    </row>
    <row r="707694" spans="14:14">
      <c r="N707694" s="10"/>
    </row>
    <row r="707695" spans="14:14">
      <c r="N707695" s="10"/>
    </row>
    <row r="707696" spans="14:14">
      <c r="N707696" s="10"/>
    </row>
    <row r="707697" spans="14:14">
      <c r="N707697" s="10"/>
    </row>
    <row r="707698" spans="14:14">
      <c r="N707698" s="10"/>
    </row>
    <row r="707699" spans="14:14">
      <c r="N707699" s="10"/>
    </row>
    <row r="707700" spans="14:14">
      <c r="N707700" s="10"/>
    </row>
    <row r="707701" spans="14:14">
      <c r="N707701" s="10"/>
    </row>
    <row r="707702" spans="14:14">
      <c r="N707702" s="10"/>
    </row>
    <row r="707703" spans="14:14">
      <c r="N707703" s="10"/>
    </row>
    <row r="707704" spans="14:14">
      <c r="N707704" s="10"/>
    </row>
    <row r="707705" spans="14:14">
      <c r="N707705" s="10"/>
    </row>
    <row r="707706" spans="14:14">
      <c r="N707706" s="10"/>
    </row>
    <row r="707707" spans="14:14">
      <c r="N707707" s="10"/>
    </row>
    <row r="707708" spans="14:14">
      <c r="N707708" s="10"/>
    </row>
    <row r="707709" spans="14:14">
      <c r="N707709" s="10"/>
    </row>
    <row r="707710" spans="14:14">
      <c r="N707710" s="10"/>
    </row>
    <row r="707711" spans="14:14">
      <c r="N707711" s="10"/>
    </row>
    <row r="707712" spans="14:14">
      <c r="N707712" s="10"/>
    </row>
    <row r="707713" spans="14:14">
      <c r="N707713" s="10"/>
    </row>
    <row r="707714" spans="14:14">
      <c r="N707714" s="10"/>
    </row>
    <row r="707715" spans="14:14">
      <c r="N707715" s="10"/>
    </row>
    <row r="707716" spans="14:14">
      <c r="N707716" s="10"/>
    </row>
    <row r="707717" spans="14:14">
      <c r="N707717" s="10"/>
    </row>
    <row r="707718" spans="14:14">
      <c r="N707718" s="10"/>
    </row>
    <row r="707719" spans="14:14">
      <c r="N707719" s="10"/>
    </row>
    <row r="707720" spans="14:14">
      <c r="N707720" s="10"/>
    </row>
    <row r="707721" spans="14:14">
      <c r="N707721" s="10"/>
    </row>
    <row r="707722" spans="14:14">
      <c r="N707722" s="10"/>
    </row>
    <row r="707723" spans="14:14">
      <c r="N707723" s="10"/>
    </row>
    <row r="707724" spans="14:14">
      <c r="N707724" s="10"/>
    </row>
    <row r="707725" spans="14:14">
      <c r="N707725" s="10"/>
    </row>
    <row r="707726" spans="14:14">
      <c r="N707726" s="10"/>
    </row>
    <row r="707727" spans="14:14">
      <c r="N707727" s="10"/>
    </row>
    <row r="707728" spans="14:14">
      <c r="N707728" s="10"/>
    </row>
    <row r="707729" spans="14:14">
      <c r="N707729" s="10"/>
    </row>
    <row r="707730" spans="14:14">
      <c r="N707730" s="10"/>
    </row>
    <row r="707731" spans="14:14">
      <c r="N707731" s="10"/>
    </row>
    <row r="707732" spans="14:14">
      <c r="N707732" s="10"/>
    </row>
    <row r="707733" spans="14:14">
      <c r="N707733" s="10"/>
    </row>
    <row r="707734" spans="14:14">
      <c r="N707734" s="10"/>
    </row>
    <row r="707735" spans="14:14">
      <c r="N707735" s="10"/>
    </row>
    <row r="707736" spans="14:14">
      <c r="N707736" s="10"/>
    </row>
    <row r="707737" spans="14:14">
      <c r="N707737" s="10"/>
    </row>
    <row r="707738" spans="14:14">
      <c r="N707738" s="10"/>
    </row>
    <row r="707739" spans="14:14">
      <c r="N707739" s="10"/>
    </row>
    <row r="707740" spans="14:14">
      <c r="N707740" s="10"/>
    </row>
    <row r="707741" spans="14:14">
      <c r="N707741" s="10"/>
    </row>
    <row r="707742" spans="14:14">
      <c r="N707742" s="10"/>
    </row>
    <row r="707743" spans="14:14">
      <c r="N707743" s="10"/>
    </row>
    <row r="707744" spans="14:14">
      <c r="N707744" s="10"/>
    </row>
    <row r="707745" spans="14:14">
      <c r="N707745" s="10"/>
    </row>
    <row r="707746" spans="14:14">
      <c r="N707746" s="10"/>
    </row>
    <row r="707747" spans="14:14">
      <c r="N707747" s="10"/>
    </row>
    <row r="707748" spans="14:14">
      <c r="N707748" s="10"/>
    </row>
    <row r="707749" spans="14:14">
      <c r="N707749" s="10"/>
    </row>
    <row r="707750" spans="14:14">
      <c r="N707750" s="10"/>
    </row>
    <row r="707751" spans="14:14">
      <c r="N707751" s="10"/>
    </row>
    <row r="707752" spans="14:14">
      <c r="N707752" s="10"/>
    </row>
    <row r="707753" spans="14:14">
      <c r="N707753" s="10"/>
    </row>
    <row r="707754" spans="14:14">
      <c r="N707754" s="10"/>
    </row>
    <row r="707755" spans="14:14">
      <c r="N707755" s="10"/>
    </row>
    <row r="707756" spans="14:14">
      <c r="N707756" s="10"/>
    </row>
    <row r="707757" spans="14:14">
      <c r="N707757" s="10"/>
    </row>
    <row r="707758" spans="14:14">
      <c r="N707758" s="10"/>
    </row>
    <row r="707759" spans="14:14">
      <c r="N707759" s="10"/>
    </row>
    <row r="707760" spans="14:14">
      <c r="N707760" s="10"/>
    </row>
    <row r="707761" spans="14:14">
      <c r="N707761" s="10"/>
    </row>
    <row r="707762" spans="14:14">
      <c r="N707762" s="10"/>
    </row>
    <row r="707763" spans="14:14">
      <c r="N707763" s="10"/>
    </row>
    <row r="707764" spans="14:14">
      <c r="N707764" s="10"/>
    </row>
    <row r="707765" spans="14:14">
      <c r="N707765" s="10"/>
    </row>
    <row r="707766" spans="14:14">
      <c r="N707766" s="10"/>
    </row>
    <row r="707767" spans="14:14">
      <c r="N707767" s="10"/>
    </row>
    <row r="707768" spans="14:14">
      <c r="N707768" s="10"/>
    </row>
    <row r="707769" spans="14:14">
      <c r="N707769" s="10"/>
    </row>
    <row r="707770" spans="14:14">
      <c r="N707770" s="10"/>
    </row>
    <row r="707771" spans="14:14">
      <c r="N707771" s="10"/>
    </row>
    <row r="707772" spans="14:14">
      <c r="N707772" s="10"/>
    </row>
    <row r="707773" spans="14:14">
      <c r="N707773" s="10"/>
    </row>
    <row r="707774" spans="14:14">
      <c r="N707774" s="10"/>
    </row>
    <row r="707775" spans="14:14">
      <c r="N707775" s="10"/>
    </row>
    <row r="707776" spans="14:14">
      <c r="N707776" s="10"/>
    </row>
    <row r="707777" spans="14:14">
      <c r="N707777" s="10"/>
    </row>
    <row r="707778" spans="14:14">
      <c r="N707778" s="10"/>
    </row>
    <row r="707779" spans="14:14">
      <c r="N707779" s="10"/>
    </row>
    <row r="707780" spans="14:14">
      <c r="N707780" s="10"/>
    </row>
    <row r="707781" spans="14:14">
      <c r="N707781" s="10"/>
    </row>
    <row r="707782" spans="14:14">
      <c r="N707782" s="10"/>
    </row>
    <row r="707783" spans="14:14">
      <c r="N707783" s="10"/>
    </row>
    <row r="707784" spans="14:14">
      <c r="N707784" s="10"/>
    </row>
    <row r="707785" spans="14:14">
      <c r="N707785" s="10"/>
    </row>
    <row r="707786" spans="14:14">
      <c r="N707786" s="10"/>
    </row>
    <row r="707787" spans="14:14">
      <c r="N707787" s="10"/>
    </row>
    <row r="707788" spans="14:14">
      <c r="N707788" s="10"/>
    </row>
    <row r="707789" spans="14:14">
      <c r="N707789" s="10"/>
    </row>
    <row r="707790" spans="14:14">
      <c r="N707790" s="10"/>
    </row>
    <row r="707791" spans="14:14">
      <c r="N707791" s="10"/>
    </row>
    <row r="707792" spans="14:14">
      <c r="N707792" s="10"/>
    </row>
    <row r="707793" spans="14:14">
      <c r="N707793" s="10"/>
    </row>
    <row r="707794" spans="14:14">
      <c r="N707794" s="10"/>
    </row>
    <row r="707795" spans="14:14">
      <c r="N707795" s="10"/>
    </row>
    <row r="707796" spans="14:14">
      <c r="N707796" s="10"/>
    </row>
    <row r="707797" spans="14:14">
      <c r="N707797" s="10"/>
    </row>
    <row r="707798" spans="14:14">
      <c r="N707798" s="10"/>
    </row>
    <row r="707799" spans="14:14">
      <c r="N707799" s="10"/>
    </row>
    <row r="707800" spans="14:14">
      <c r="N707800" s="10"/>
    </row>
    <row r="707801" spans="14:14">
      <c r="N707801" s="10"/>
    </row>
    <row r="707802" spans="14:14">
      <c r="N707802" s="10"/>
    </row>
    <row r="707803" spans="14:14">
      <c r="N707803" s="10"/>
    </row>
    <row r="707804" spans="14:14">
      <c r="N707804" s="10"/>
    </row>
    <row r="707805" spans="14:14">
      <c r="N707805" s="10"/>
    </row>
    <row r="707806" spans="14:14">
      <c r="N707806" s="10"/>
    </row>
    <row r="707807" spans="14:14">
      <c r="N707807" s="10"/>
    </row>
    <row r="707808" spans="14:14">
      <c r="N707808" s="10"/>
    </row>
    <row r="707809" spans="14:14">
      <c r="N707809" s="10"/>
    </row>
    <row r="707810" spans="14:14">
      <c r="N707810" s="10"/>
    </row>
    <row r="707811" spans="14:14">
      <c r="N707811" s="10"/>
    </row>
    <row r="707812" spans="14:14">
      <c r="N707812" s="10"/>
    </row>
    <row r="707813" spans="14:14">
      <c r="N707813" s="10"/>
    </row>
    <row r="707814" spans="14:14">
      <c r="N707814" s="10"/>
    </row>
    <row r="707815" spans="14:14">
      <c r="N707815" s="10"/>
    </row>
    <row r="707816" spans="14:14">
      <c r="N707816" s="10"/>
    </row>
    <row r="707817" spans="14:14">
      <c r="N707817" s="10"/>
    </row>
    <row r="707818" spans="14:14">
      <c r="N707818" s="10"/>
    </row>
    <row r="707819" spans="14:14">
      <c r="N707819" s="10"/>
    </row>
    <row r="707820" spans="14:14">
      <c r="N707820" s="10"/>
    </row>
    <row r="707821" spans="14:14">
      <c r="N707821" s="10"/>
    </row>
    <row r="707822" spans="14:14">
      <c r="N707822" s="10"/>
    </row>
    <row r="707823" spans="14:14">
      <c r="N707823" s="10"/>
    </row>
    <row r="707824" spans="14:14">
      <c r="N707824" s="10"/>
    </row>
    <row r="707825" spans="14:14">
      <c r="N707825" s="10"/>
    </row>
    <row r="707826" spans="14:14">
      <c r="N707826" s="10"/>
    </row>
    <row r="707827" spans="14:14">
      <c r="N707827" s="10"/>
    </row>
    <row r="707828" spans="14:14">
      <c r="N707828" s="10"/>
    </row>
    <row r="707829" spans="14:14">
      <c r="N707829" s="10"/>
    </row>
    <row r="707830" spans="14:14">
      <c r="N707830" s="10"/>
    </row>
    <row r="707831" spans="14:14">
      <c r="N707831" s="10"/>
    </row>
    <row r="707832" spans="14:14">
      <c r="N707832" s="10"/>
    </row>
    <row r="707833" spans="14:14">
      <c r="N707833" s="10"/>
    </row>
    <row r="707834" spans="14:14">
      <c r="N707834" s="10"/>
    </row>
    <row r="707835" spans="14:14">
      <c r="N707835" s="10"/>
    </row>
    <row r="707836" spans="14:14">
      <c r="N707836" s="10"/>
    </row>
    <row r="707837" spans="14:14">
      <c r="N707837" s="10"/>
    </row>
    <row r="707838" spans="14:14">
      <c r="N707838" s="10"/>
    </row>
    <row r="707839" spans="14:14">
      <c r="N707839" s="10"/>
    </row>
    <row r="707840" spans="14:14">
      <c r="N707840" s="10"/>
    </row>
    <row r="707841" spans="14:14">
      <c r="N707841" s="10"/>
    </row>
    <row r="707842" spans="14:14">
      <c r="N707842" s="10"/>
    </row>
    <row r="707843" spans="14:14">
      <c r="N707843" s="10"/>
    </row>
    <row r="707844" spans="14:14">
      <c r="N707844" s="10"/>
    </row>
    <row r="707845" spans="14:14">
      <c r="N707845" s="10"/>
    </row>
    <row r="707846" spans="14:14">
      <c r="N707846" s="10"/>
    </row>
    <row r="707847" spans="14:14">
      <c r="N707847" s="10"/>
    </row>
    <row r="707848" spans="14:14">
      <c r="N707848" s="10"/>
    </row>
    <row r="707849" spans="14:14">
      <c r="N707849" s="10"/>
    </row>
    <row r="707850" spans="14:14">
      <c r="N707850" s="10"/>
    </row>
    <row r="707851" spans="14:14">
      <c r="N707851" s="10"/>
    </row>
    <row r="707852" spans="14:14">
      <c r="N707852" s="10"/>
    </row>
    <row r="707853" spans="14:14">
      <c r="N707853" s="10"/>
    </row>
    <row r="707854" spans="14:14">
      <c r="N707854" s="10"/>
    </row>
    <row r="707855" spans="14:14">
      <c r="N707855" s="10"/>
    </row>
    <row r="707856" spans="14:14">
      <c r="N707856" s="10"/>
    </row>
    <row r="707857" spans="14:14">
      <c r="N707857" s="10"/>
    </row>
    <row r="707858" spans="14:14">
      <c r="N707858" s="10"/>
    </row>
    <row r="707859" spans="14:14">
      <c r="N707859" s="10"/>
    </row>
    <row r="707860" spans="14:14">
      <c r="N707860" s="10"/>
    </row>
    <row r="707861" spans="14:14">
      <c r="N707861" s="10"/>
    </row>
    <row r="707862" spans="14:14">
      <c r="N707862" s="10"/>
    </row>
    <row r="707863" spans="14:14">
      <c r="N707863" s="10"/>
    </row>
    <row r="707864" spans="14:14">
      <c r="N707864" s="10"/>
    </row>
    <row r="707865" spans="14:14">
      <c r="N707865" s="10"/>
    </row>
    <row r="707866" spans="14:14">
      <c r="N707866" s="10"/>
    </row>
    <row r="707867" spans="14:14">
      <c r="N707867" s="10"/>
    </row>
    <row r="707868" spans="14:14">
      <c r="N707868" s="10"/>
    </row>
    <row r="707869" spans="14:14">
      <c r="N707869" s="10"/>
    </row>
    <row r="707870" spans="14:14">
      <c r="N707870" s="10"/>
    </row>
    <row r="707871" spans="14:14">
      <c r="N707871" s="10"/>
    </row>
    <row r="707872" spans="14:14">
      <c r="N707872" s="10"/>
    </row>
    <row r="707873" spans="14:14">
      <c r="N707873" s="10"/>
    </row>
    <row r="707874" spans="14:14">
      <c r="N707874" s="10"/>
    </row>
    <row r="707875" spans="14:14">
      <c r="N707875" s="10"/>
    </row>
    <row r="707876" spans="14:14">
      <c r="N707876" s="10"/>
    </row>
    <row r="707877" spans="14:14">
      <c r="N707877" s="10"/>
    </row>
    <row r="707878" spans="14:14">
      <c r="N707878" s="10"/>
    </row>
    <row r="707879" spans="14:14">
      <c r="N707879" s="10"/>
    </row>
    <row r="707880" spans="14:14">
      <c r="N707880" s="10"/>
    </row>
    <row r="707881" spans="14:14">
      <c r="N707881" s="10"/>
    </row>
    <row r="707882" spans="14:14">
      <c r="N707882" s="10"/>
    </row>
    <row r="707883" spans="14:14">
      <c r="N707883" s="10"/>
    </row>
    <row r="707884" spans="14:14">
      <c r="N707884" s="10"/>
    </row>
    <row r="707885" spans="14:14">
      <c r="N707885" s="10"/>
    </row>
    <row r="707886" spans="14:14">
      <c r="N707886" s="10"/>
    </row>
    <row r="707887" spans="14:14">
      <c r="N707887" s="10"/>
    </row>
    <row r="707888" spans="14:14">
      <c r="N707888" s="10"/>
    </row>
    <row r="707889" spans="14:14">
      <c r="N707889" s="10"/>
    </row>
    <row r="707890" spans="14:14">
      <c r="N707890" s="10"/>
    </row>
    <row r="707891" spans="14:14">
      <c r="N707891" s="10"/>
    </row>
    <row r="707892" spans="14:14">
      <c r="N707892" s="10"/>
    </row>
    <row r="707893" spans="14:14">
      <c r="N707893" s="10"/>
    </row>
    <row r="707894" spans="14:14">
      <c r="N707894" s="10"/>
    </row>
    <row r="707895" spans="14:14">
      <c r="N707895" s="10"/>
    </row>
    <row r="707896" spans="14:14">
      <c r="N707896" s="10"/>
    </row>
    <row r="707897" spans="14:14">
      <c r="N707897" s="10"/>
    </row>
    <row r="707898" spans="14:14">
      <c r="N707898" s="10"/>
    </row>
    <row r="707899" spans="14:14">
      <c r="N707899" s="10"/>
    </row>
    <row r="707900" spans="14:14">
      <c r="N707900" s="10"/>
    </row>
    <row r="707901" spans="14:14">
      <c r="N707901" s="10"/>
    </row>
    <row r="707902" spans="14:14">
      <c r="N707902" s="10"/>
    </row>
    <row r="707903" spans="14:14">
      <c r="N707903" s="10"/>
    </row>
    <row r="707904" spans="14:14">
      <c r="N707904" s="10"/>
    </row>
    <row r="707905" spans="14:14">
      <c r="N707905" s="10"/>
    </row>
    <row r="707906" spans="14:14">
      <c r="N707906" s="10"/>
    </row>
    <row r="707907" spans="14:14">
      <c r="N707907" s="10"/>
    </row>
    <row r="707908" spans="14:14">
      <c r="N707908" s="10"/>
    </row>
    <row r="707909" spans="14:14">
      <c r="N707909" s="10"/>
    </row>
    <row r="707910" spans="14:14">
      <c r="N707910" s="10"/>
    </row>
    <row r="707911" spans="14:14">
      <c r="N707911" s="10"/>
    </row>
    <row r="707912" spans="14:14">
      <c r="N707912" s="10"/>
    </row>
    <row r="707913" spans="14:14">
      <c r="N707913" s="10"/>
    </row>
    <row r="707914" spans="14:14">
      <c r="N707914" s="10"/>
    </row>
    <row r="707915" spans="14:14">
      <c r="N707915" s="10"/>
    </row>
    <row r="707916" spans="14:14">
      <c r="N707916" s="10"/>
    </row>
    <row r="707917" spans="14:14">
      <c r="N707917" s="10"/>
    </row>
    <row r="707918" spans="14:14">
      <c r="N707918" s="10"/>
    </row>
    <row r="707919" spans="14:14">
      <c r="N707919" s="10"/>
    </row>
    <row r="707920" spans="14:14">
      <c r="N707920" s="10"/>
    </row>
    <row r="707921" spans="14:14">
      <c r="N707921" s="10"/>
    </row>
    <row r="707922" spans="14:14">
      <c r="N707922" s="10"/>
    </row>
    <row r="707923" spans="14:14">
      <c r="N707923" s="10"/>
    </row>
    <row r="707924" spans="14:14">
      <c r="N707924" s="10"/>
    </row>
    <row r="707925" spans="14:14">
      <c r="N707925" s="10"/>
    </row>
    <row r="707926" spans="14:14">
      <c r="N707926" s="10"/>
    </row>
    <row r="707927" spans="14:14">
      <c r="N707927" s="10"/>
    </row>
    <row r="707928" spans="14:14">
      <c r="N707928" s="10"/>
    </row>
    <row r="707929" spans="14:14">
      <c r="N707929" s="10"/>
    </row>
    <row r="707930" spans="14:14">
      <c r="N707930" s="10"/>
    </row>
    <row r="707931" spans="14:14">
      <c r="N707931" s="10"/>
    </row>
    <row r="707932" spans="14:14">
      <c r="N707932" s="10"/>
    </row>
    <row r="707933" spans="14:14">
      <c r="N707933" s="10"/>
    </row>
    <row r="707934" spans="14:14">
      <c r="N707934" s="10"/>
    </row>
    <row r="707935" spans="14:14">
      <c r="N707935" s="10"/>
    </row>
    <row r="707936" spans="14:14">
      <c r="N707936" s="10"/>
    </row>
    <row r="707937" spans="14:14">
      <c r="N707937" s="10"/>
    </row>
    <row r="707938" spans="14:14">
      <c r="N707938" s="10"/>
    </row>
    <row r="707939" spans="14:14">
      <c r="N707939" s="10"/>
    </row>
    <row r="707940" spans="14:14">
      <c r="N707940" s="10"/>
    </row>
    <row r="707941" spans="14:14">
      <c r="N707941" s="10"/>
    </row>
    <row r="707942" spans="14:14">
      <c r="N707942" s="10"/>
    </row>
    <row r="707943" spans="14:14">
      <c r="N707943" s="10"/>
    </row>
    <row r="707944" spans="14:14">
      <c r="N707944" s="10"/>
    </row>
    <row r="707945" spans="14:14">
      <c r="N707945" s="10"/>
    </row>
    <row r="707946" spans="14:14">
      <c r="N707946" s="10"/>
    </row>
    <row r="707947" spans="14:14">
      <c r="N707947" s="10"/>
    </row>
    <row r="707948" spans="14:14">
      <c r="N707948" s="10"/>
    </row>
    <row r="707949" spans="14:14">
      <c r="N707949" s="10"/>
    </row>
    <row r="707950" spans="14:14">
      <c r="N707950" s="10"/>
    </row>
    <row r="707951" spans="14:14">
      <c r="N707951" s="10"/>
    </row>
    <row r="707952" spans="14:14">
      <c r="N707952" s="10"/>
    </row>
    <row r="707953" spans="14:14">
      <c r="N707953" s="10"/>
    </row>
    <row r="707954" spans="14:14">
      <c r="N707954" s="10"/>
    </row>
    <row r="707955" spans="14:14">
      <c r="N707955" s="10"/>
    </row>
    <row r="707956" spans="14:14">
      <c r="N707956" s="10"/>
    </row>
    <row r="707957" spans="14:14">
      <c r="N707957" s="10"/>
    </row>
    <row r="707958" spans="14:14">
      <c r="N707958" s="10"/>
    </row>
    <row r="707959" spans="14:14">
      <c r="N707959" s="10"/>
    </row>
    <row r="707960" spans="14:14">
      <c r="N707960" s="10"/>
    </row>
    <row r="707961" spans="14:14">
      <c r="N707961" s="10"/>
    </row>
    <row r="707962" spans="14:14">
      <c r="N707962" s="10"/>
    </row>
    <row r="707963" spans="14:14">
      <c r="N707963" s="10"/>
    </row>
    <row r="707964" spans="14:14">
      <c r="N707964" s="10"/>
    </row>
    <row r="707965" spans="14:14">
      <c r="N707965" s="10"/>
    </row>
    <row r="707966" spans="14:14">
      <c r="N707966" s="10"/>
    </row>
    <row r="707967" spans="14:14">
      <c r="N707967" s="10"/>
    </row>
    <row r="707968" spans="14:14">
      <c r="N707968" s="10"/>
    </row>
    <row r="707969" spans="14:14">
      <c r="N707969" s="10"/>
    </row>
    <row r="707970" spans="14:14">
      <c r="N707970" s="10"/>
    </row>
    <row r="707971" spans="14:14">
      <c r="N707971" s="10"/>
    </row>
    <row r="707972" spans="14:14">
      <c r="N707972" s="10"/>
    </row>
    <row r="707973" spans="14:14">
      <c r="N707973" s="10"/>
    </row>
    <row r="707974" spans="14:14">
      <c r="N707974" s="10"/>
    </row>
    <row r="707975" spans="14:14">
      <c r="N707975" s="10"/>
    </row>
    <row r="707976" spans="14:14">
      <c r="N707976" s="10"/>
    </row>
    <row r="707977" spans="14:14">
      <c r="N707977" s="10"/>
    </row>
    <row r="707978" spans="14:14">
      <c r="N707978" s="10"/>
    </row>
    <row r="707979" spans="14:14">
      <c r="N707979" s="10"/>
    </row>
    <row r="707980" spans="14:14">
      <c r="N707980" s="10"/>
    </row>
    <row r="707981" spans="14:14">
      <c r="N707981" s="10"/>
    </row>
    <row r="707982" spans="14:14">
      <c r="N707982" s="10"/>
    </row>
    <row r="707983" spans="14:14">
      <c r="N707983" s="10"/>
    </row>
    <row r="707984" spans="14:14">
      <c r="N707984" s="10"/>
    </row>
    <row r="707985" spans="14:14">
      <c r="N707985" s="10"/>
    </row>
    <row r="707986" spans="14:14">
      <c r="N707986" s="10"/>
    </row>
    <row r="707987" spans="14:14">
      <c r="N707987" s="10"/>
    </row>
    <row r="707988" spans="14:14">
      <c r="N707988" s="10"/>
    </row>
    <row r="707989" spans="14:14">
      <c r="N707989" s="10"/>
    </row>
    <row r="707990" spans="14:14">
      <c r="N707990" s="10"/>
    </row>
    <row r="707991" spans="14:14">
      <c r="N707991" s="10"/>
    </row>
    <row r="707992" spans="14:14">
      <c r="N707992" s="10"/>
    </row>
    <row r="707993" spans="14:14">
      <c r="N707993" s="10"/>
    </row>
    <row r="707994" spans="14:14">
      <c r="N707994" s="10"/>
    </row>
    <row r="707995" spans="14:14">
      <c r="N707995" s="10"/>
    </row>
    <row r="707996" spans="14:14">
      <c r="N707996" s="10"/>
    </row>
    <row r="707997" spans="14:14">
      <c r="N707997" s="10"/>
    </row>
    <row r="707998" spans="14:14">
      <c r="N707998" s="10"/>
    </row>
    <row r="707999" spans="14:14">
      <c r="N707999" s="10"/>
    </row>
    <row r="708000" spans="14:14">
      <c r="N708000" s="10"/>
    </row>
    <row r="708001" spans="14:14">
      <c r="N708001" s="10"/>
    </row>
    <row r="708002" spans="14:14">
      <c r="N708002" s="10"/>
    </row>
    <row r="708003" spans="14:14">
      <c r="N708003" s="10"/>
    </row>
    <row r="708004" spans="14:14">
      <c r="N708004" s="10"/>
    </row>
    <row r="708005" spans="14:14">
      <c r="N708005" s="10"/>
    </row>
    <row r="708006" spans="14:14">
      <c r="N708006" s="10"/>
    </row>
    <row r="708007" spans="14:14">
      <c r="N708007" s="10"/>
    </row>
    <row r="708008" spans="14:14">
      <c r="N708008" s="10"/>
    </row>
    <row r="708009" spans="14:14">
      <c r="N708009" s="10"/>
    </row>
    <row r="708010" spans="14:14">
      <c r="N708010" s="10"/>
    </row>
    <row r="708011" spans="14:14">
      <c r="N708011" s="10"/>
    </row>
    <row r="708012" spans="14:14">
      <c r="N708012" s="10"/>
    </row>
    <row r="708013" spans="14:14">
      <c r="N708013" s="10"/>
    </row>
    <row r="708014" spans="14:14">
      <c r="N708014" s="10"/>
    </row>
    <row r="708015" spans="14:14">
      <c r="N708015" s="10"/>
    </row>
    <row r="708016" spans="14:14">
      <c r="N708016" s="10"/>
    </row>
    <row r="708017" spans="14:14">
      <c r="N708017" s="10"/>
    </row>
    <row r="708018" spans="14:14">
      <c r="N708018" s="10"/>
    </row>
    <row r="708019" spans="14:14">
      <c r="N708019" s="10"/>
    </row>
    <row r="708020" spans="14:14">
      <c r="N708020" s="10"/>
    </row>
    <row r="708021" spans="14:14">
      <c r="N708021" s="10"/>
    </row>
    <row r="708022" spans="14:14">
      <c r="N708022" s="10"/>
    </row>
    <row r="708023" spans="14:14">
      <c r="N708023" s="10"/>
    </row>
    <row r="708024" spans="14:14">
      <c r="N708024" s="10"/>
    </row>
    <row r="708025" spans="14:14">
      <c r="N708025" s="10"/>
    </row>
    <row r="708026" spans="14:14">
      <c r="N708026" s="10"/>
    </row>
    <row r="708027" spans="14:14">
      <c r="N708027" s="10"/>
    </row>
    <row r="708028" spans="14:14">
      <c r="N708028" s="10"/>
    </row>
    <row r="708029" spans="14:14">
      <c r="N708029" s="10"/>
    </row>
    <row r="708030" spans="14:14">
      <c r="N708030" s="10"/>
    </row>
    <row r="708031" spans="14:14">
      <c r="N708031" s="10"/>
    </row>
    <row r="708032" spans="14:14">
      <c r="N708032" s="10"/>
    </row>
    <row r="708033" spans="14:14">
      <c r="N708033" s="10"/>
    </row>
    <row r="708034" spans="14:14">
      <c r="N708034" s="10"/>
    </row>
    <row r="708035" spans="14:14">
      <c r="N708035" s="10"/>
    </row>
    <row r="708036" spans="14:14">
      <c r="N708036" s="10"/>
    </row>
    <row r="708037" spans="14:14">
      <c r="N708037" s="10"/>
    </row>
    <row r="708038" spans="14:14">
      <c r="N708038" s="10"/>
    </row>
    <row r="708039" spans="14:14">
      <c r="N708039" s="10"/>
    </row>
    <row r="708040" spans="14:14">
      <c r="N708040" s="10"/>
    </row>
    <row r="708041" spans="14:14">
      <c r="N708041" s="10"/>
    </row>
    <row r="708042" spans="14:14">
      <c r="N708042" s="10"/>
    </row>
    <row r="708043" spans="14:14">
      <c r="N708043" s="10"/>
    </row>
    <row r="708044" spans="14:14">
      <c r="N708044" s="10"/>
    </row>
    <row r="708045" spans="14:14">
      <c r="N708045" s="10"/>
    </row>
    <row r="708046" spans="14:14">
      <c r="N708046" s="10"/>
    </row>
    <row r="708047" spans="14:14">
      <c r="N708047" s="10"/>
    </row>
    <row r="708048" spans="14:14">
      <c r="N708048" s="10"/>
    </row>
    <row r="708049" spans="14:14">
      <c r="N708049" s="10"/>
    </row>
    <row r="708050" spans="14:14">
      <c r="N708050" s="10"/>
    </row>
    <row r="708051" spans="14:14">
      <c r="N708051" s="10"/>
    </row>
    <row r="708052" spans="14:14">
      <c r="N708052" s="10"/>
    </row>
    <row r="708053" spans="14:14">
      <c r="N708053" s="10"/>
    </row>
    <row r="708054" spans="14:14">
      <c r="N708054" s="10"/>
    </row>
    <row r="708055" spans="14:14">
      <c r="N708055" s="10"/>
    </row>
    <row r="708056" spans="14:14">
      <c r="N708056" s="10"/>
    </row>
    <row r="708057" spans="14:14">
      <c r="N708057" s="10"/>
    </row>
    <row r="708058" spans="14:14">
      <c r="N708058" s="10"/>
    </row>
    <row r="708059" spans="14:14">
      <c r="N708059" s="10"/>
    </row>
    <row r="708060" spans="14:14">
      <c r="N708060" s="10"/>
    </row>
    <row r="708061" spans="14:14">
      <c r="N708061" s="10"/>
    </row>
    <row r="708062" spans="14:14">
      <c r="N708062" s="10"/>
    </row>
    <row r="708063" spans="14:14">
      <c r="N708063" s="10"/>
    </row>
    <row r="708064" spans="14:14">
      <c r="N708064" s="10"/>
    </row>
    <row r="708065" spans="14:14">
      <c r="N708065" s="10"/>
    </row>
    <row r="708066" spans="14:14">
      <c r="N708066" s="10"/>
    </row>
    <row r="708067" spans="14:14">
      <c r="N708067" s="10"/>
    </row>
    <row r="708068" spans="14:14">
      <c r="N708068" s="10"/>
    </row>
    <row r="708069" spans="14:14">
      <c r="N708069" s="10"/>
    </row>
    <row r="708070" spans="14:14">
      <c r="N708070" s="10"/>
    </row>
    <row r="708071" spans="14:14">
      <c r="N708071" s="10"/>
    </row>
    <row r="708072" spans="14:14">
      <c r="N708072" s="10"/>
    </row>
    <row r="708073" spans="14:14">
      <c r="N708073" s="10"/>
    </row>
    <row r="708074" spans="14:14">
      <c r="N708074" s="10"/>
    </row>
    <row r="708075" spans="14:14">
      <c r="N708075" s="10"/>
    </row>
    <row r="708076" spans="14:14">
      <c r="N708076" s="10"/>
    </row>
    <row r="708077" spans="14:14">
      <c r="N708077" s="10"/>
    </row>
    <row r="708078" spans="14:14">
      <c r="N708078" s="10"/>
    </row>
    <row r="708079" spans="14:14">
      <c r="N708079" s="10"/>
    </row>
    <row r="708080" spans="14:14">
      <c r="N708080" s="10"/>
    </row>
    <row r="708081" spans="14:14">
      <c r="N708081" s="10"/>
    </row>
    <row r="708082" spans="14:14">
      <c r="N708082" s="10"/>
    </row>
    <row r="708083" spans="14:14">
      <c r="N708083" s="10"/>
    </row>
    <row r="708084" spans="14:14">
      <c r="N708084" s="10"/>
    </row>
    <row r="708085" spans="14:14">
      <c r="N708085" s="10"/>
    </row>
    <row r="708086" spans="14:14">
      <c r="N708086" s="10"/>
    </row>
    <row r="708087" spans="14:14">
      <c r="N708087" s="10"/>
    </row>
    <row r="708088" spans="14:14">
      <c r="N708088" s="10"/>
    </row>
    <row r="708089" spans="14:14">
      <c r="N708089" s="10"/>
    </row>
    <row r="708090" spans="14:14">
      <c r="N708090" s="10"/>
    </row>
    <row r="708091" spans="14:14">
      <c r="N708091" s="10"/>
    </row>
    <row r="708092" spans="14:14">
      <c r="N708092" s="10"/>
    </row>
    <row r="708093" spans="14:14">
      <c r="N708093" s="10"/>
    </row>
    <row r="708094" spans="14:14">
      <c r="N708094" s="10"/>
    </row>
    <row r="708095" spans="14:14">
      <c r="N708095" s="10"/>
    </row>
    <row r="708096" spans="14:14">
      <c r="N708096" s="10"/>
    </row>
    <row r="708097" spans="14:14">
      <c r="N708097" s="10"/>
    </row>
    <row r="708098" spans="14:14">
      <c r="N708098" s="10"/>
    </row>
    <row r="708099" spans="14:14">
      <c r="N708099" s="10"/>
    </row>
    <row r="708100" spans="14:14">
      <c r="N708100" s="10"/>
    </row>
    <row r="708101" spans="14:14">
      <c r="N708101" s="10"/>
    </row>
    <row r="708102" spans="14:14">
      <c r="N708102" s="10"/>
    </row>
    <row r="708103" spans="14:14">
      <c r="N708103" s="10"/>
    </row>
    <row r="708104" spans="14:14">
      <c r="N708104" s="10"/>
    </row>
    <row r="708105" spans="14:14">
      <c r="N708105" s="10"/>
    </row>
    <row r="708106" spans="14:14">
      <c r="N708106" s="10"/>
    </row>
    <row r="708107" spans="14:14">
      <c r="N708107" s="10"/>
    </row>
    <row r="708108" spans="14:14">
      <c r="N708108" s="10"/>
    </row>
    <row r="708109" spans="14:14">
      <c r="N708109" s="10"/>
    </row>
    <row r="708110" spans="14:14">
      <c r="N708110" s="10"/>
    </row>
    <row r="708111" spans="14:14">
      <c r="N708111" s="10"/>
    </row>
    <row r="708112" spans="14:14">
      <c r="N708112" s="10"/>
    </row>
    <row r="708113" spans="14:14">
      <c r="N708113" s="10"/>
    </row>
    <row r="708114" spans="14:14">
      <c r="N708114" s="10"/>
    </row>
    <row r="708115" spans="14:14">
      <c r="N708115" s="10"/>
    </row>
    <row r="708116" spans="14:14">
      <c r="N708116" s="10"/>
    </row>
    <row r="708117" spans="14:14">
      <c r="N708117" s="10"/>
    </row>
    <row r="708118" spans="14:14">
      <c r="N708118" s="10"/>
    </row>
    <row r="708119" spans="14:14">
      <c r="N708119" s="10"/>
    </row>
    <row r="708120" spans="14:14">
      <c r="N708120" s="10"/>
    </row>
    <row r="708121" spans="14:14">
      <c r="N708121" s="10"/>
    </row>
    <row r="708122" spans="14:14">
      <c r="N708122" s="10"/>
    </row>
    <row r="708123" spans="14:14">
      <c r="N708123" s="10"/>
    </row>
    <row r="708124" spans="14:14">
      <c r="N708124" s="10"/>
    </row>
    <row r="708125" spans="14:14">
      <c r="N708125" s="10"/>
    </row>
    <row r="708126" spans="14:14">
      <c r="N708126" s="10"/>
    </row>
    <row r="708127" spans="14:14">
      <c r="N708127" s="10"/>
    </row>
    <row r="708128" spans="14:14">
      <c r="N708128" s="10"/>
    </row>
    <row r="708129" spans="14:14">
      <c r="N708129" s="10"/>
    </row>
    <row r="708130" spans="14:14">
      <c r="N708130" s="10"/>
    </row>
    <row r="708131" spans="14:14">
      <c r="N708131" s="10"/>
    </row>
    <row r="708132" spans="14:14">
      <c r="N708132" s="10"/>
    </row>
    <row r="708133" spans="14:14">
      <c r="N708133" s="10"/>
    </row>
    <row r="708134" spans="14:14">
      <c r="N708134" s="10"/>
    </row>
    <row r="708135" spans="14:14">
      <c r="N708135" s="10"/>
    </row>
    <row r="708136" spans="14:14">
      <c r="N708136" s="10"/>
    </row>
    <row r="708137" spans="14:14">
      <c r="N708137" s="10"/>
    </row>
    <row r="708138" spans="14:14">
      <c r="N708138" s="10"/>
    </row>
    <row r="708139" spans="14:14">
      <c r="N708139" s="10"/>
    </row>
    <row r="708140" spans="14:14">
      <c r="N708140" s="10"/>
    </row>
    <row r="708141" spans="14:14">
      <c r="N708141" s="10"/>
    </row>
    <row r="708142" spans="14:14">
      <c r="N708142" s="10"/>
    </row>
    <row r="708143" spans="14:14">
      <c r="N708143" s="10"/>
    </row>
    <row r="708144" spans="14:14">
      <c r="N708144" s="10"/>
    </row>
    <row r="708145" spans="14:14">
      <c r="N708145" s="10"/>
    </row>
    <row r="708146" spans="14:14">
      <c r="N708146" s="10"/>
    </row>
    <row r="708147" spans="14:14">
      <c r="N708147" s="10"/>
    </row>
    <row r="708148" spans="14:14">
      <c r="N708148" s="10"/>
    </row>
    <row r="708149" spans="14:14">
      <c r="N708149" s="10"/>
    </row>
    <row r="708150" spans="14:14">
      <c r="N708150" s="10"/>
    </row>
    <row r="708151" spans="14:14">
      <c r="N708151" s="10"/>
    </row>
    <row r="708152" spans="14:14">
      <c r="N708152" s="10"/>
    </row>
    <row r="708153" spans="14:14">
      <c r="N708153" s="10"/>
    </row>
    <row r="708154" spans="14:14">
      <c r="N708154" s="10"/>
    </row>
    <row r="708155" spans="14:14">
      <c r="N708155" s="10"/>
    </row>
    <row r="708156" spans="14:14">
      <c r="N708156" s="10"/>
    </row>
    <row r="708157" spans="14:14">
      <c r="N708157" s="10"/>
    </row>
    <row r="708158" spans="14:14">
      <c r="N708158" s="10"/>
    </row>
    <row r="708159" spans="14:14">
      <c r="N708159" s="10"/>
    </row>
    <row r="708160" spans="14:14">
      <c r="N708160" s="10"/>
    </row>
    <row r="708161" spans="14:14">
      <c r="N708161" s="10"/>
    </row>
    <row r="708162" spans="14:14">
      <c r="N708162" s="10"/>
    </row>
    <row r="708163" spans="14:14">
      <c r="N708163" s="10"/>
    </row>
    <row r="708164" spans="14:14">
      <c r="N708164" s="10"/>
    </row>
    <row r="708165" spans="14:14">
      <c r="N708165" s="10"/>
    </row>
    <row r="708166" spans="14:14">
      <c r="N708166" s="10"/>
    </row>
    <row r="708167" spans="14:14">
      <c r="N708167" s="10"/>
    </row>
    <row r="708168" spans="14:14">
      <c r="N708168" s="10"/>
    </row>
    <row r="708169" spans="14:14">
      <c r="N708169" s="10"/>
    </row>
    <row r="708170" spans="14:14">
      <c r="N708170" s="10"/>
    </row>
    <row r="708171" spans="14:14">
      <c r="N708171" s="10"/>
    </row>
    <row r="708172" spans="14:14">
      <c r="N708172" s="10"/>
    </row>
    <row r="708173" spans="14:14">
      <c r="N708173" s="10"/>
    </row>
    <row r="708174" spans="14:14">
      <c r="N708174" s="10"/>
    </row>
    <row r="708175" spans="14:14">
      <c r="N708175" s="10"/>
    </row>
    <row r="708176" spans="14:14">
      <c r="N708176" s="10"/>
    </row>
    <row r="708177" spans="14:14">
      <c r="N708177" s="10"/>
    </row>
    <row r="708178" spans="14:14">
      <c r="N708178" s="10"/>
    </row>
    <row r="708179" spans="14:14">
      <c r="N708179" s="10"/>
    </row>
    <row r="708180" spans="14:14">
      <c r="N708180" s="10"/>
    </row>
    <row r="708181" spans="14:14">
      <c r="N708181" s="10"/>
    </row>
    <row r="708182" spans="14:14">
      <c r="N708182" s="10"/>
    </row>
    <row r="708183" spans="14:14">
      <c r="N708183" s="10"/>
    </row>
    <row r="708184" spans="14:14">
      <c r="N708184" s="10"/>
    </row>
    <row r="708185" spans="14:14">
      <c r="N708185" s="10"/>
    </row>
    <row r="708186" spans="14:14">
      <c r="N708186" s="10"/>
    </row>
    <row r="708187" spans="14:14">
      <c r="N708187" s="10"/>
    </row>
    <row r="708188" spans="14:14">
      <c r="N708188" s="10"/>
    </row>
    <row r="708189" spans="14:14">
      <c r="N708189" s="10"/>
    </row>
    <row r="708190" spans="14:14">
      <c r="N708190" s="10"/>
    </row>
    <row r="708191" spans="14:14">
      <c r="N708191" s="10"/>
    </row>
    <row r="708192" spans="14:14">
      <c r="N708192" s="10"/>
    </row>
    <row r="708193" spans="14:14">
      <c r="N708193" s="10"/>
    </row>
    <row r="708194" spans="14:14">
      <c r="N708194" s="10"/>
    </row>
    <row r="708195" spans="14:14">
      <c r="N708195" s="10"/>
    </row>
    <row r="708196" spans="14:14">
      <c r="N708196" s="10"/>
    </row>
    <row r="708197" spans="14:14">
      <c r="N708197" s="10"/>
    </row>
    <row r="708198" spans="14:14">
      <c r="N708198" s="10"/>
    </row>
    <row r="708199" spans="14:14">
      <c r="N708199" s="10"/>
    </row>
    <row r="708200" spans="14:14">
      <c r="N708200" s="10"/>
    </row>
    <row r="708201" spans="14:14">
      <c r="N708201" s="10"/>
    </row>
    <row r="708202" spans="14:14">
      <c r="N708202" s="10"/>
    </row>
    <row r="708203" spans="14:14">
      <c r="N708203" s="10"/>
    </row>
    <row r="708204" spans="14:14">
      <c r="N708204" s="10"/>
    </row>
    <row r="708205" spans="14:14">
      <c r="N708205" s="10"/>
    </row>
    <row r="708206" spans="14:14">
      <c r="N708206" s="10"/>
    </row>
    <row r="708207" spans="14:14">
      <c r="N708207" s="10"/>
    </row>
    <row r="708208" spans="14:14">
      <c r="N708208" s="10"/>
    </row>
    <row r="708209" spans="14:14">
      <c r="N708209" s="10"/>
    </row>
    <row r="708210" spans="14:14">
      <c r="N708210" s="10"/>
    </row>
    <row r="708211" spans="14:14">
      <c r="N708211" s="10"/>
    </row>
    <row r="708212" spans="14:14">
      <c r="N708212" s="10"/>
    </row>
    <row r="708213" spans="14:14">
      <c r="N708213" s="10"/>
    </row>
    <row r="708214" spans="14:14">
      <c r="N708214" s="10"/>
    </row>
    <row r="708215" spans="14:14">
      <c r="N708215" s="10"/>
    </row>
    <row r="708216" spans="14:14">
      <c r="N708216" s="10"/>
    </row>
    <row r="708217" spans="14:14">
      <c r="N708217" s="10"/>
    </row>
    <row r="708218" spans="14:14">
      <c r="N708218" s="10"/>
    </row>
    <row r="708219" spans="14:14">
      <c r="N708219" s="10"/>
    </row>
    <row r="708220" spans="14:14">
      <c r="N708220" s="10"/>
    </row>
    <row r="708221" spans="14:14">
      <c r="N708221" s="10"/>
    </row>
    <row r="708222" spans="14:14">
      <c r="N708222" s="10"/>
    </row>
    <row r="708223" spans="14:14">
      <c r="N708223" s="10"/>
    </row>
    <row r="708224" spans="14:14">
      <c r="N708224" s="10"/>
    </row>
    <row r="708225" spans="14:14">
      <c r="N708225" s="10"/>
    </row>
    <row r="708226" spans="14:14">
      <c r="N708226" s="10"/>
    </row>
    <row r="708227" spans="14:14">
      <c r="N708227" s="10"/>
    </row>
    <row r="708228" spans="14:14">
      <c r="N708228" s="10"/>
    </row>
    <row r="708229" spans="14:14">
      <c r="N708229" s="10"/>
    </row>
    <row r="708230" spans="14:14">
      <c r="N708230" s="10"/>
    </row>
    <row r="708231" spans="14:14">
      <c r="N708231" s="10"/>
    </row>
    <row r="708232" spans="14:14">
      <c r="N708232" s="10"/>
    </row>
    <row r="708233" spans="14:14">
      <c r="N708233" s="10"/>
    </row>
    <row r="708234" spans="14:14">
      <c r="N708234" s="10"/>
    </row>
    <row r="708235" spans="14:14">
      <c r="N708235" s="10"/>
    </row>
    <row r="708236" spans="14:14">
      <c r="N708236" s="10"/>
    </row>
    <row r="708237" spans="14:14">
      <c r="N708237" s="10"/>
    </row>
    <row r="708238" spans="14:14">
      <c r="N708238" s="10"/>
    </row>
    <row r="708239" spans="14:14">
      <c r="N708239" s="10"/>
    </row>
    <row r="708240" spans="14:14">
      <c r="N708240" s="10"/>
    </row>
    <row r="708241" spans="14:14">
      <c r="N708241" s="10"/>
    </row>
    <row r="708242" spans="14:14">
      <c r="N708242" s="10"/>
    </row>
    <row r="708243" spans="14:14">
      <c r="N708243" s="10"/>
    </row>
    <row r="708244" spans="14:14">
      <c r="N708244" s="10"/>
    </row>
    <row r="708245" spans="14:14">
      <c r="N708245" s="10"/>
    </row>
    <row r="708246" spans="14:14">
      <c r="N708246" s="10"/>
    </row>
    <row r="708247" spans="14:14">
      <c r="N708247" s="10"/>
    </row>
    <row r="708248" spans="14:14">
      <c r="N708248" s="10"/>
    </row>
    <row r="708249" spans="14:14">
      <c r="N708249" s="10"/>
    </row>
    <row r="708250" spans="14:14">
      <c r="N708250" s="10"/>
    </row>
    <row r="708251" spans="14:14">
      <c r="N708251" s="10"/>
    </row>
    <row r="708252" spans="14:14">
      <c r="N708252" s="10"/>
    </row>
    <row r="708253" spans="14:14">
      <c r="N708253" s="10"/>
    </row>
    <row r="708254" spans="14:14">
      <c r="N708254" s="10"/>
    </row>
    <row r="708255" spans="14:14">
      <c r="N708255" s="10"/>
    </row>
    <row r="708256" spans="14:14">
      <c r="N708256" s="10"/>
    </row>
    <row r="708257" spans="14:14">
      <c r="N708257" s="10"/>
    </row>
    <row r="708258" spans="14:14">
      <c r="N708258" s="10"/>
    </row>
    <row r="708259" spans="14:14">
      <c r="N708259" s="10"/>
    </row>
    <row r="708260" spans="14:14">
      <c r="N708260" s="10"/>
    </row>
    <row r="708261" spans="14:14">
      <c r="N708261" s="10"/>
    </row>
    <row r="708262" spans="14:14">
      <c r="N708262" s="10"/>
    </row>
    <row r="708263" spans="14:14">
      <c r="N708263" s="10"/>
    </row>
    <row r="708264" spans="14:14">
      <c r="N708264" s="10"/>
    </row>
    <row r="708265" spans="14:14">
      <c r="N708265" s="10"/>
    </row>
    <row r="708266" spans="14:14">
      <c r="N708266" s="10"/>
    </row>
    <row r="708267" spans="14:14">
      <c r="N708267" s="10"/>
    </row>
    <row r="708268" spans="14:14">
      <c r="N708268" s="10"/>
    </row>
    <row r="708269" spans="14:14">
      <c r="N708269" s="10"/>
    </row>
    <row r="708270" spans="14:14">
      <c r="N708270" s="10"/>
    </row>
    <row r="708271" spans="14:14">
      <c r="N708271" s="10"/>
    </row>
    <row r="708272" spans="14:14">
      <c r="N708272" s="10"/>
    </row>
    <row r="708273" spans="14:14">
      <c r="N708273" s="10"/>
    </row>
    <row r="708274" spans="14:14">
      <c r="N708274" s="10"/>
    </row>
    <row r="708275" spans="14:14">
      <c r="N708275" s="10"/>
    </row>
    <row r="708276" spans="14:14">
      <c r="N708276" s="10"/>
    </row>
    <row r="708277" spans="14:14">
      <c r="N708277" s="10"/>
    </row>
    <row r="708278" spans="14:14">
      <c r="N708278" s="10"/>
    </row>
    <row r="708279" spans="14:14">
      <c r="N708279" s="10"/>
    </row>
    <row r="708280" spans="14:14">
      <c r="N708280" s="10"/>
    </row>
    <row r="708281" spans="14:14">
      <c r="N708281" s="10"/>
    </row>
    <row r="708282" spans="14:14">
      <c r="N708282" s="10"/>
    </row>
    <row r="708283" spans="14:14">
      <c r="N708283" s="10"/>
    </row>
    <row r="708284" spans="14:14">
      <c r="N708284" s="10"/>
    </row>
    <row r="708285" spans="14:14">
      <c r="N708285" s="10"/>
    </row>
    <row r="708286" spans="14:14">
      <c r="N708286" s="10"/>
    </row>
    <row r="708287" spans="14:14">
      <c r="N708287" s="10"/>
    </row>
    <row r="708288" spans="14:14">
      <c r="N708288" s="10"/>
    </row>
    <row r="708289" spans="14:14">
      <c r="N708289" s="10"/>
    </row>
    <row r="708290" spans="14:14">
      <c r="N708290" s="10"/>
    </row>
    <row r="708291" spans="14:14">
      <c r="N708291" s="10"/>
    </row>
    <row r="708292" spans="14:14">
      <c r="N708292" s="10"/>
    </row>
    <row r="708293" spans="14:14">
      <c r="N708293" s="10"/>
    </row>
    <row r="708294" spans="14:14">
      <c r="N708294" s="10"/>
    </row>
    <row r="708295" spans="14:14">
      <c r="N708295" s="10"/>
    </row>
    <row r="708296" spans="14:14">
      <c r="N708296" s="10"/>
    </row>
    <row r="708297" spans="14:14">
      <c r="N708297" s="10"/>
    </row>
    <row r="708298" spans="14:14">
      <c r="N708298" s="10"/>
    </row>
    <row r="708299" spans="14:14">
      <c r="N708299" s="10"/>
    </row>
    <row r="708300" spans="14:14">
      <c r="N708300" s="10"/>
    </row>
    <row r="708301" spans="14:14">
      <c r="N708301" s="10"/>
    </row>
    <row r="708302" spans="14:14">
      <c r="N708302" s="10"/>
    </row>
    <row r="708303" spans="14:14">
      <c r="N708303" s="10"/>
    </row>
    <row r="708304" spans="14:14">
      <c r="N708304" s="10"/>
    </row>
    <row r="708305" spans="14:14">
      <c r="N708305" s="10"/>
    </row>
    <row r="708306" spans="14:14">
      <c r="N708306" s="10"/>
    </row>
    <row r="708307" spans="14:14">
      <c r="N708307" s="10"/>
    </row>
    <row r="708308" spans="14:14">
      <c r="N708308" s="10"/>
    </row>
    <row r="708309" spans="14:14">
      <c r="N708309" s="10"/>
    </row>
    <row r="708310" spans="14:14">
      <c r="N708310" s="10"/>
    </row>
    <row r="708311" spans="14:14">
      <c r="N708311" s="10"/>
    </row>
    <row r="708312" spans="14:14">
      <c r="N708312" s="10"/>
    </row>
    <row r="708313" spans="14:14">
      <c r="N708313" s="10"/>
    </row>
    <row r="708314" spans="14:14">
      <c r="N708314" s="10"/>
    </row>
    <row r="708315" spans="14:14">
      <c r="N708315" s="10"/>
    </row>
    <row r="708316" spans="14:14">
      <c r="N708316" s="10"/>
    </row>
    <row r="708317" spans="14:14">
      <c r="N708317" s="10"/>
    </row>
    <row r="708318" spans="14:14">
      <c r="N708318" s="10"/>
    </row>
    <row r="708319" spans="14:14">
      <c r="N708319" s="10"/>
    </row>
    <row r="708320" spans="14:14">
      <c r="N708320" s="10"/>
    </row>
    <row r="708321" spans="14:14">
      <c r="N708321" s="10"/>
    </row>
    <row r="708322" spans="14:14">
      <c r="N708322" s="10"/>
    </row>
    <row r="708323" spans="14:14">
      <c r="N708323" s="10"/>
    </row>
    <row r="708324" spans="14:14">
      <c r="N708324" s="10"/>
    </row>
    <row r="708325" spans="14:14">
      <c r="N708325" s="10"/>
    </row>
    <row r="708326" spans="14:14">
      <c r="N708326" s="10"/>
    </row>
    <row r="708327" spans="14:14">
      <c r="N708327" s="10"/>
    </row>
    <row r="708328" spans="14:14">
      <c r="N708328" s="10"/>
    </row>
    <row r="708329" spans="14:14">
      <c r="N708329" s="10"/>
    </row>
    <row r="708330" spans="14:14">
      <c r="N708330" s="10"/>
    </row>
    <row r="708331" spans="14:14">
      <c r="N708331" s="10"/>
    </row>
    <row r="708332" spans="14:14">
      <c r="N708332" s="10"/>
    </row>
    <row r="708333" spans="14:14">
      <c r="N708333" s="10"/>
    </row>
    <row r="708334" spans="14:14">
      <c r="N708334" s="10"/>
    </row>
    <row r="708335" spans="14:14">
      <c r="N708335" s="10"/>
    </row>
    <row r="708336" spans="14:14">
      <c r="N708336" s="10"/>
    </row>
    <row r="708337" spans="14:14">
      <c r="N708337" s="10"/>
    </row>
    <row r="708338" spans="14:14">
      <c r="N708338" s="10"/>
    </row>
    <row r="708339" spans="14:14">
      <c r="N708339" s="10"/>
    </row>
    <row r="708340" spans="14:14">
      <c r="N708340" s="10"/>
    </row>
    <row r="708341" spans="14:14">
      <c r="N708341" s="10"/>
    </row>
    <row r="708342" spans="14:14">
      <c r="N708342" s="10"/>
    </row>
    <row r="708343" spans="14:14">
      <c r="N708343" s="10"/>
    </row>
    <row r="708344" spans="14:14">
      <c r="N708344" s="10"/>
    </row>
    <row r="708345" spans="14:14">
      <c r="N708345" s="10"/>
    </row>
    <row r="708346" spans="14:14">
      <c r="N708346" s="10"/>
    </row>
    <row r="708347" spans="14:14">
      <c r="N708347" s="10"/>
    </row>
    <row r="708348" spans="14:14">
      <c r="N708348" s="10"/>
    </row>
    <row r="708349" spans="14:14">
      <c r="N708349" s="10"/>
    </row>
    <row r="708350" spans="14:14">
      <c r="N708350" s="10"/>
    </row>
    <row r="708351" spans="14:14">
      <c r="N708351" s="10"/>
    </row>
    <row r="708352" spans="14:14">
      <c r="N708352" s="10"/>
    </row>
    <row r="708353" spans="14:14">
      <c r="N708353" s="10"/>
    </row>
    <row r="708354" spans="14:14">
      <c r="N708354" s="10"/>
    </row>
    <row r="708355" spans="14:14">
      <c r="N708355" s="10"/>
    </row>
    <row r="708356" spans="14:14">
      <c r="N708356" s="10"/>
    </row>
    <row r="708357" spans="14:14">
      <c r="N708357" s="10"/>
    </row>
    <row r="708358" spans="14:14">
      <c r="N708358" s="10"/>
    </row>
    <row r="708359" spans="14:14">
      <c r="N708359" s="10"/>
    </row>
    <row r="708360" spans="14:14">
      <c r="N708360" s="10"/>
    </row>
    <row r="708361" spans="14:14">
      <c r="N708361" s="10"/>
    </row>
    <row r="708362" spans="14:14">
      <c r="N708362" s="10"/>
    </row>
    <row r="708363" spans="14:14">
      <c r="N708363" s="10"/>
    </row>
    <row r="708364" spans="14:14">
      <c r="N708364" s="10"/>
    </row>
    <row r="708365" spans="14:14">
      <c r="N708365" s="10"/>
    </row>
    <row r="708366" spans="14:14">
      <c r="N708366" s="10"/>
    </row>
    <row r="708367" spans="14:14">
      <c r="N708367" s="10"/>
    </row>
    <row r="708368" spans="14:14">
      <c r="N708368" s="10"/>
    </row>
    <row r="708369" spans="14:14">
      <c r="N708369" s="10"/>
    </row>
    <row r="708370" spans="14:14">
      <c r="N708370" s="10"/>
    </row>
    <row r="708371" spans="14:14">
      <c r="N708371" s="10"/>
    </row>
    <row r="708372" spans="14:14">
      <c r="N708372" s="10"/>
    </row>
    <row r="708373" spans="14:14">
      <c r="N708373" s="10"/>
    </row>
    <row r="708374" spans="14:14">
      <c r="N708374" s="10"/>
    </row>
    <row r="708375" spans="14:14">
      <c r="N708375" s="10"/>
    </row>
    <row r="708376" spans="14:14">
      <c r="N708376" s="10"/>
    </row>
    <row r="708377" spans="14:14">
      <c r="N708377" s="10"/>
    </row>
    <row r="708378" spans="14:14">
      <c r="N708378" s="10"/>
    </row>
    <row r="708379" spans="14:14">
      <c r="N708379" s="10"/>
    </row>
    <row r="708380" spans="14:14">
      <c r="N708380" s="10"/>
    </row>
    <row r="708381" spans="14:14">
      <c r="N708381" s="10"/>
    </row>
    <row r="708382" spans="14:14">
      <c r="N708382" s="10"/>
    </row>
    <row r="708383" spans="14:14">
      <c r="N708383" s="10"/>
    </row>
    <row r="708384" spans="14:14">
      <c r="N708384" s="10"/>
    </row>
    <row r="708385" spans="14:14">
      <c r="N708385" s="10"/>
    </row>
    <row r="708386" spans="14:14">
      <c r="N708386" s="10"/>
    </row>
    <row r="708387" spans="14:14">
      <c r="N708387" s="10"/>
    </row>
    <row r="708388" spans="14:14">
      <c r="N708388" s="10"/>
    </row>
    <row r="708389" spans="14:14">
      <c r="N708389" s="10"/>
    </row>
    <row r="708390" spans="14:14">
      <c r="N708390" s="10"/>
    </row>
    <row r="708391" spans="14:14">
      <c r="N708391" s="10"/>
    </row>
    <row r="708392" spans="14:14">
      <c r="N708392" s="10"/>
    </row>
    <row r="708393" spans="14:14">
      <c r="N708393" s="10"/>
    </row>
    <row r="708394" spans="14:14">
      <c r="N708394" s="10"/>
    </row>
    <row r="708395" spans="14:14">
      <c r="N708395" s="10"/>
    </row>
    <row r="708396" spans="14:14">
      <c r="N708396" s="10"/>
    </row>
    <row r="708397" spans="14:14">
      <c r="N708397" s="10"/>
    </row>
    <row r="708398" spans="14:14">
      <c r="N708398" s="10"/>
    </row>
    <row r="708399" spans="14:14">
      <c r="N708399" s="10"/>
    </row>
    <row r="708400" spans="14:14">
      <c r="N708400" s="10"/>
    </row>
    <row r="708401" spans="14:14">
      <c r="N708401" s="10"/>
    </row>
    <row r="708402" spans="14:14">
      <c r="N708402" s="10"/>
    </row>
    <row r="708403" spans="14:14">
      <c r="N708403" s="10"/>
    </row>
    <row r="708404" spans="14:14">
      <c r="N708404" s="10"/>
    </row>
    <row r="708405" spans="14:14">
      <c r="N708405" s="10"/>
    </row>
    <row r="708406" spans="14:14">
      <c r="N708406" s="10"/>
    </row>
    <row r="708407" spans="14:14">
      <c r="N708407" s="10"/>
    </row>
    <row r="708408" spans="14:14">
      <c r="N708408" s="10"/>
    </row>
    <row r="708409" spans="14:14">
      <c r="N708409" s="10"/>
    </row>
    <row r="708410" spans="14:14">
      <c r="N708410" s="10"/>
    </row>
    <row r="708411" spans="14:14">
      <c r="N708411" s="10"/>
    </row>
    <row r="708412" spans="14:14">
      <c r="N708412" s="10"/>
    </row>
    <row r="708413" spans="14:14">
      <c r="N708413" s="10"/>
    </row>
    <row r="708414" spans="14:14">
      <c r="N708414" s="10"/>
    </row>
    <row r="708415" spans="14:14">
      <c r="N708415" s="10"/>
    </row>
    <row r="708416" spans="14:14">
      <c r="N708416" s="10"/>
    </row>
    <row r="708417" spans="14:14">
      <c r="N708417" s="10"/>
    </row>
    <row r="708418" spans="14:14">
      <c r="N708418" s="10"/>
    </row>
    <row r="708419" spans="14:14">
      <c r="N708419" s="10"/>
    </row>
    <row r="708420" spans="14:14">
      <c r="N708420" s="10"/>
    </row>
    <row r="708421" spans="14:14">
      <c r="N708421" s="10"/>
    </row>
    <row r="708422" spans="14:14">
      <c r="N708422" s="10"/>
    </row>
    <row r="708423" spans="14:14">
      <c r="N708423" s="10"/>
    </row>
    <row r="708424" spans="14:14">
      <c r="N708424" s="10"/>
    </row>
    <row r="708425" spans="14:14">
      <c r="N708425" s="10"/>
    </row>
    <row r="708426" spans="14:14">
      <c r="N708426" s="10"/>
    </row>
    <row r="708427" spans="14:14">
      <c r="N708427" s="10"/>
    </row>
    <row r="708428" spans="14:14">
      <c r="N708428" s="10"/>
    </row>
    <row r="708429" spans="14:14">
      <c r="N708429" s="10"/>
    </row>
    <row r="708430" spans="14:14">
      <c r="N708430" s="10"/>
    </row>
    <row r="708431" spans="14:14">
      <c r="N708431" s="10"/>
    </row>
    <row r="708432" spans="14:14">
      <c r="N708432" s="10"/>
    </row>
    <row r="708433" spans="14:14">
      <c r="N708433" s="10"/>
    </row>
    <row r="708434" spans="14:14">
      <c r="N708434" s="10"/>
    </row>
    <row r="708435" spans="14:14">
      <c r="N708435" s="10"/>
    </row>
    <row r="708436" spans="14:14">
      <c r="N708436" s="10"/>
    </row>
    <row r="708437" spans="14:14">
      <c r="N708437" s="10"/>
    </row>
    <row r="708438" spans="14:14">
      <c r="N708438" s="10"/>
    </row>
    <row r="708439" spans="14:14">
      <c r="N708439" s="10"/>
    </row>
    <row r="708440" spans="14:14">
      <c r="N708440" s="10"/>
    </row>
    <row r="708441" spans="14:14">
      <c r="N708441" s="10"/>
    </row>
    <row r="708442" spans="14:14">
      <c r="N708442" s="10"/>
    </row>
    <row r="708443" spans="14:14">
      <c r="N708443" s="10"/>
    </row>
    <row r="708444" spans="14:14">
      <c r="N708444" s="10"/>
    </row>
    <row r="708445" spans="14:14">
      <c r="N708445" s="10"/>
    </row>
    <row r="708446" spans="14:14">
      <c r="N708446" s="10"/>
    </row>
    <row r="708447" spans="14:14">
      <c r="N708447" s="10"/>
    </row>
    <row r="708448" spans="14:14">
      <c r="N708448" s="10"/>
    </row>
    <row r="708449" spans="14:14">
      <c r="N708449" s="10"/>
    </row>
    <row r="708450" spans="14:14">
      <c r="N708450" s="10"/>
    </row>
    <row r="708451" spans="14:14">
      <c r="N708451" s="10"/>
    </row>
    <row r="708452" spans="14:14">
      <c r="N708452" s="10"/>
    </row>
    <row r="708453" spans="14:14">
      <c r="N708453" s="10"/>
    </row>
    <row r="708454" spans="14:14">
      <c r="N708454" s="10"/>
    </row>
    <row r="708455" spans="14:14">
      <c r="N708455" s="10"/>
    </row>
    <row r="708456" spans="14:14">
      <c r="N708456" s="10"/>
    </row>
    <row r="708457" spans="14:14">
      <c r="N708457" s="10"/>
    </row>
    <row r="708458" spans="14:14">
      <c r="N708458" s="10"/>
    </row>
    <row r="708459" spans="14:14">
      <c r="N708459" s="10"/>
    </row>
    <row r="708460" spans="14:14">
      <c r="N708460" s="10"/>
    </row>
    <row r="708461" spans="14:14">
      <c r="N708461" s="10"/>
    </row>
    <row r="708462" spans="14:14">
      <c r="N708462" s="10"/>
    </row>
    <row r="708463" spans="14:14">
      <c r="N708463" s="10"/>
    </row>
    <row r="708464" spans="14:14">
      <c r="N708464" s="10"/>
    </row>
    <row r="708465" spans="14:14">
      <c r="N708465" s="10"/>
    </row>
    <row r="708466" spans="14:14">
      <c r="N708466" s="10"/>
    </row>
    <row r="708467" spans="14:14">
      <c r="N708467" s="10"/>
    </row>
    <row r="708468" spans="14:14">
      <c r="N708468" s="10"/>
    </row>
    <row r="708469" spans="14:14">
      <c r="N708469" s="10"/>
    </row>
    <row r="708470" spans="14:14">
      <c r="N708470" s="10"/>
    </row>
    <row r="708471" spans="14:14">
      <c r="N708471" s="10"/>
    </row>
    <row r="708472" spans="14:14">
      <c r="N708472" s="10"/>
    </row>
    <row r="708473" spans="14:14">
      <c r="N708473" s="10"/>
    </row>
    <row r="708474" spans="14:14">
      <c r="N708474" s="10"/>
    </row>
    <row r="708475" spans="14:14">
      <c r="N708475" s="10"/>
    </row>
    <row r="708476" spans="14:14">
      <c r="N708476" s="10"/>
    </row>
    <row r="708477" spans="14:14">
      <c r="N708477" s="10"/>
    </row>
    <row r="708478" spans="14:14">
      <c r="N708478" s="10"/>
    </row>
    <row r="708479" spans="14:14">
      <c r="N708479" s="10"/>
    </row>
    <row r="708480" spans="14:14">
      <c r="N708480" s="10"/>
    </row>
    <row r="708481" spans="14:14">
      <c r="N708481" s="10"/>
    </row>
    <row r="708482" spans="14:14">
      <c r="N708482" s="10"/>
    </row>
    <row r="708483" spans="14:14">
      <c r="N708483" s="10"/>
    </row>
    <row r="708484" spans="14:14">
      <c r="N708484" s="10"/>
    </row>
    <row r="708485" spans="14:14">
      <c r="N708485" s="10"/>
    </row>
    <row r="708486" spans="14:14">
      <c r="N708486" s="10"/>
    </row>
    <row r="708487" spans="14:14">
      <c r="N708487" s="10"/>
    </row>
    <row r="708488" spans="14:14">
      <c r="N708488" s="10"/>
    </row>
    <row r="708489" spans="14:14">
      <c r="N708489" s="10"/>
    </row>
    <row r="708490" spans="14:14">
      <c r="N708490" s="10"/>
    </row>
    <row r="708491" spans="14:14">
      <c r="N708491" s="10"/>
    </row>
    <row r="708492" spans="14:14">
      <c r="N708492" s="10"/>
    </row>
    <row r="708493" spans="14:14">
      <c r="N708493" s="10"/>
    </row>
    <row r="708494" spans="14:14">
      <c r="N708494" s="10"/>
    </row>
    <row r="708495" spans="14:14">
      <c r="N708495" s="10"/>
    </row>
    <row r="708496" spans="14:14">
      <c r="N708496" s="10"/>
    </row>
    <row r="708497" spans="14:14">
      <c r="N708497" s="10"/>
    </row>
    <row r="708498" spans="14:14">
      <c r="N708498" s="10"/>
    </row>
    <row r="708499" spans="14:14">
      <c r="N708499" s="10"/>
    </row>
    <row r="708500" spans="14:14">
      <c r="N708500" s="10"/>
    </row>
    <row r="708501" spans="14:14">
      <c r="N708501" s="10"/>
    </row>
    <row r="708502" spans="14:14">
      <c r="N708502" s="10"/>
    </row>
    <row r="708503" spans="14:14">
      <c r="N708503" s="10"/>
    </row>
    <row r="708504" spans="14:14">
      <c r="N708504" s="10"/>
    </row>
    <row r="708505" spans="14:14">
      <c r="N708505" s="10"/>
    </row>
    <row r="708506" spans="14:14">
      <c r="N708506" s="10"/>
    </row>
    <row r="708507" spans="14:14">
      <c r="N708507" s="10"/>
    </row>
    <row r="708508" spans="14:14">
      <c r="N708508" s="10"/>
    </row>
    <row r="708509" spans="14:14">
      <c r="N708509" s="10"/>
    </row>
    <row r="708510" spans="14:14">
      <c r="N708510" s="10"/>
    </row>
    <row r="708511" spans="14:14">
      <c r="N708511" s="10"/>
    </row>
    <row r="708512" spans="14:14">
      <c r="N708512" s="10"/>
    </row>
    <row r="708513" spans="14:14">
      <c r="N708513" s="10"/>
    </row>
    <row r="708514" spans="14:14">
      <c r="N708514" s="10"/>
    </row>
    <row r="708515" spans="14:14">
      <c r="N708515" s="10"/>
    </row>
    <row r="708516" spans="14:14">
      <c r="N708516" s="10"/>
    </row>
    <row r="708517" spans="14:14">
      <c r="N708517" s="10"/>
    </row>
    <row r="708518" spans="14:14">
      <c r="N708518" s="10"/>
    </row>
    <row r="708519" spans="14:14">
      <c r="N708519" s="10"/>
    </row>
    <row r="708520" spans="14:14">
      <c r="N708520" s="10"/>
    </row>
    <row r="708521" spans="14:14">
      <c r="N708521" s="10"/>
    </row>
    <row r="708522" spans="14:14">
      <c r="N708522" s="10"/>
    </row>
    <row r="708523" spans="14:14">
      <c r="N708523" s="10"/>
    </row>
    <row r="708524" spans="14:14">
      <c r="N708524" s="10"/>
    </row>
    <row r="708525" spans="14:14">
      <c r="N708525" s="10"/>
    </row>
    <row r="708526" spans="14:14">
      <c r="N708526" s="10"/>
    </row>
    <row r="708527" spans="14:14">
      <c r="N708527" s="10"/>
    </row>
    <row r="708528" spans="14:14">
      <c r="N708528" s="10"/>
    </row>
    <row r="708529" spans="14:14">
      <c r="N708529" s="10"/>
    </row>
    <row r="708530" spans="14:14">
      <c r="N708530" s="10"/>
    </row>
    <row r="708531" spans="14:14">
      <c r="N708531" s="10"/>
    </row>
    <row r="708532" spans="14:14">
      <c r="N708532" s="10"/>
    </row>
    <row r="708533" spans="14:14">
      <c r="N708533" s="10"/>
    </row>
    <row r="708534" spans="14:14">
      <c r="N708534" s="10"/>
    </row>
    <row r="708535" spans="14:14">
      <c r="N708535" s="10"/>
    </row>
    <row r="708536" spans="14:14">
      <c r="N708536" s="10"/>
    </row>
    <row r="708537" spans="14:14">
      <c r="N708537" s="10"/>
    </row>
    <row r="708538" spans="14:14">
      <c r="N708538" s="10"/>
    </row>
    <row r="708539" spans="14:14">
      <c r="N708539" s="10"/>
    </row>
    <row r="708540" spans="14:14">
      <c r="N708540" s="10"/>
    </row>
    <row r="708541" spans="14:14">
      <c r="N708541" s="10"/>
    </row>
    <row r="708542" spans="14:14">
      <c r="N708542" s="10"/>
    </row>
    <row r="708543" spans="14:14">
      <c r="N708543" s="10"/>
    </row>
    <row r="708544" spans="14:14">
      <c r="N708544" s="10"/>
    </row>
    <row r="708545" spans="14:14">
      <c r="N708545" s="10"/>
    </row>
    <row r="708546" spans="14:14">
      <c r="N708546" s="10"/>
    </row>
    <row r="708547" spans="14:14">
      <c r="N708547" s="10"/>
    </row>
    <row r="708548" spans="14:14">
      <c r="N708548" s="10"/>
    </row>
    <row r="708549" spans="14:14">
      <c r="N708549" s="10"/>
    </row>
    <row r="708550" spans="14:14">
      <c r="N708550" s="10"/>
    </row>
    <row r="708551" spans="14:14">
      <c r="N708551" s="10"/>
    </row>
    <row r="708552" spans="14:14">
      <c r="N708552" s="10"/>
    </row>
    <row r="708553" spans="14:14">
      <c r="N708553" s="10"/>
    </row>
    <row r="708554" spans="14:14">
      <c r="N708554" s="10"/>
    </row>
    <row r="708555" spans="14:14">
      <c r="N708555" s="10"/>
    </row>
    <row r="708556" spans="14:14">
      <c r="N708556" s="10"/>
    </row>
    <row r="708557" spans="14:14">
      <c r="N708557" s="10"/>
    </row>
    <row r="708558" spans="14:14">
      <c r="N708558" s="10"/>
    </row>
    <row r="708559" spans="14:14">
      <c r="N708559" s="10"/>
    </row>
    <row r="708560" spans="14:14">
      <c r="N708560" s="10"/>
    </row>
    <row r="708561" spans="14:14">
      <c r="N708561" s="10"/>
    </row>
    <row r="708562" spans="14:14">
      <c r="N708562" s="10"/>
    </row>
    <row r="708563" spans="14:14">
      <c r="N708563" s="10"/>
    </row>
    <row r="708564" spans="14:14">
      <c r="N708564" s="10"/>
    </row>
    <row r="708565" spans="14:14">
      <c r="N708565" s="10"/>
    </row>
    <row r="708566" spans="14:14">
      <c r="N708566" s="10"/>
    </row>
    <row r="708567" spans="14:14">
      <c r="N708567" s="10"/>
    </row>
    <row r="708568" spans="14:14">
      <c r="N708568" s="10"/>
    </row>
    <row r="708569" spans="14:14">
      <c r="N708569" s="10"/>
    </row>
    <row r="708570" spans="14:14">
      <c r="N708570" s="10"/>
    </row>
    <row r="708571" spans="14:14">
      <c r="N708571" s="10"/>
    </row>
    <row r="708572" spans="14:14">
      <c r="N708572" s="10"/>
    </row>
    <row r="708573" spans="14:14">
      <c r="N708573" s="10"/>
    </row>
    <row r="708574" spans="14:14">
      <c r="N708574" s="10"/>
    </row>
    <row r="708575" spans="14:14">
      <c r="N708575" s="10"/>
    </row>
    <row r="708576" spans="14:14">
      <c r="N708576" s="10"/>
    </row>
    <row r="708577" spans="14:14">
      <c r="N708577" s="10"/>
    </row>
    <row r="708578" spans="14:14">
      <c r="N708578" s="10"/>
    </row>
    <row r="708579" spans="14:14">
      <c r="N708579" s="10"/>
    </row>
    <row r="708580" spans="14:14">
      <c r="N708580" s="10"/>
    </row>
    <row r="708581" spans="14:14">
      <c r="N708581" s="10"/>
    </row>
    <row r="708582" spans="14:14">
      <c r="N708582" s="10"/>
    </row>
    <row r="708583" spans="14:14">
      <c r="N708583" s="10"/>
    </row>
    <row r="708584" spans="14:14">
      <c r="N708584" s="10"/>
    </row>
    <row r="708585" spans="14:14">
      <c r="N708585" s="10"/>
    </row>
    <row r="708586" spans="14:14">
      <c r="N708586" s="10"/>
    </row>
    <row r="708587" spans="14:14">
      <c r="N708587" s="10"/>
    </row>
    <row r="708588" spans="14:14">
      <c r="N708588" s="10"/>
    </row>
    <row r="708589" spans="14:14">
      <c r="N708589" s="10"/>
    </row>
    <row r="708590" spans="14:14">
      <c r="N708590" s="10"/>
    </row>
    <row r="708591" spans="14:14">
      <c r="N708591" s="10"/>
    </row>
    <row r="708592" spans="14:14">
      <c r="N708592" s="10"/>
    </row>
    <row r="708593" spans="14:14">
      <c r="N708593" s="10"/>
    </row>
    <row r="708594" spans="14:14">
      <c r="N708594" s="10"/>
    </row>
    <row r="708595" spans="14:14">
      <c r="N708595" s="10"/>
    </row>
    <row r="708596" spans="14:14">
      <c r="N708596" s="10"/>
    </row>
    <row r="708597" spans="14:14">
      <c r="N708597" s="10"/>
    </row>
    <row r="708598" spans="14:14">
      <c r="N708598" s="10"/>
    </row>
    <row r="708599" spans="14:14">
      <c r="N708599" s="10"/>
    </row>
    <row r="708600" spans="14:14">
      <c r="N708600" s="10"/>
    </row>
    <row r="708601" spans="14:14">
      <c r="N708601" s="10"/>
    </row>
    <row r="708602" spans="14:14">
      <c r="N708602" s="10"/>
    </row>
    <row r="708603" spans="14:14">
      <c r="N708603" s="10"/>
    </row>
    <row r="708604" spans="14:14">
      <c r="N708604" s="10"/>
    </row>
    <row r="708605" spans="14:14">
      <c r="N708605" s="10"/>
    </row>
    <row r="708606" spans="14:14">
      <c r="N708606" s="10"/>
    </row>
    <row r="708607" spans="14:14">
      <c r="N708607" s="10"/>
    </row>
    <row r="708608" spans="14:14">
      <c r="N708608" s="10"/>
    </row>
    <row r="708609" spans="14:14">
      <c r="N708609" s="10"/>
    </row>
    <row r="708610" spans="14:14">
      <c r="N708610" s="10"/>
    </row>
    <row r="708611" spans="14:14">
      <c r="N708611" s="10"/>
    </row>
    <row r="708612" spans="14:14">
      <c r="N708612" s="10"/>
    </row>
    <row r="708613" spans="14:14">
      <c r="N708613" s="10"/>
    </row>
    <row r="708614" spans="14:14">
      <c r="N708614" s="10"/>
    </row>
    <row r="708615" spans="14:14">
      <c r="N708615" s="10"/>
    </row>
    <row r="708616" spans="14:14">
      <c r="N708616" s="10"/>
    </row>
    <row r="708617" spans="14:14">
      <c r="N708617" s="10"/>
    </row>
    <row r="708618" spans="14:14">
      <c r="N708618" s="10"/>
    </row>
    <row r="708619" spans="14:14">
      <c r="N708619" s="10"/>
    </row>
    <row r="708620" spans="14:14">
      <c r="N708620" s="10"/>
    </row>
    <row r="708621" spans="14:14">
      <c r="N708621" s="10"/>
    </row>
    <row r="708622" spans="14:14">
      <c r="N708622" s="10"/>
    </row>
    <row r="708623" spans="14:14">
      <c r="N708623" s="10"/>
    </row>
    <row r="708624" spans="14:14">
      <c r="N708624" s="10"/>
    </row>
    <row r="708625" spans="14:14">
      <c r="N708625" s="10"/>
    </row>
    <row r="708626" spans="14:14">
      <c r="N708626" s="10"/>
    </row>
    <row r="708627" spans="14:14">
      <c r="N708627" s="10"/>
    </row>
    <row r="708628" spans="14:14">
      <c r="N708628" s="10"/>
    </row>
    <row r="708629" spans="14:14">
      <c r="N708629" s="10"/>
    </row>
    <row r="708630" spans="14:14">
      <c r="N708630" s="10"/>
    </row>
    <row r="708631" spans="14:14">
      <c r="N708631" s="10"/>
    </row>
    <row r="708632" spans="14:14">
      <c r="N708632" s="10"/>
    </row>
    <row r="708633" spans="14:14">
      <c r="N708633" s="10"/>
    </row>
    <row r="708634" spans="14:14">
      <c r="N708634" s="10"/>
    </row>
    <row r="708635" spans="14:14">
      <c r="N708635" s="10"/>
    </row>
    <row r="708636" spans="14:14">
      <c r="N708636" s="10"/>
    </row>
    <row r="708637" spans="14:14">
      <c r="N708637" s="10"/>
    </row>
    <row r="708638" spans="14:14">
      <c r="N708638" s="10"/>
    </row>
    <row r="708639" spans="14:14">
      <c r="N708639" s="10"/>
    </row>
    <row r="708640" spans="14:14">
      <c r="N708640" s="10"/>
    </row>
    <row r="708641" spans="14:14">
      <c r="N708641" s="10"/>
    </row>
    <row r="708642" spans="14:14">
      <c r="N708642" s="10"/>
    </row>
    <row r="708643" spans="14:14">
      <c r="N708643" s="10"/>
    </row>
    <row r="708644" spans="14:14">
      <c r="N708644" s="10"/>
    </row>
    <row r="708645" spans="14:14">
      <c r="N708645" s="10"/>
    </row>
    <row r="708646" spans="14:14">
      <c r="N708646" s="10"/>
    </row>
    <row r="708647" spans="14:14">
      <c r="N708647" s="10"/>
    </row>
    <row r="708648" spans="14:14">
      <c r="N708648" s="10"/>
    </row>
    <row r="708649" spans="14:14">
      <c r="N708649" s="10"/>
    </row>
    <row r="708650" spans="14:14">
      <c r="N708650" s="10"/>
    </row>
    <row r="708651" spans="14:14">
      <c r="N708651" s="10"/>
    </row>
    <row r="708652" spans="14:14">
      <c r="N708652" s="10"/>
    </row>
    <row r="708653" spans="14:14">
      <c r="N708653" s="10"/>
    </row>
    <row r="708654" spans="14:14">
      <c r="N708654" s="10"/>
    </row>
    <row r="708655" spans="14:14">
      <c r="N708655" s="10"/>
    </row>
    <row r="708656" spans="14:14">
      <c r="N708656" s="10"/>
    </row>
    <row r="708657" spans="14:14">
      <c r="N708657" s="10"/>
    </row>
    <row r="708658" spans="14:14">
      <c r="N708658" s="10"/>
    </row>
    <row r="708659" spans="14:14">
      <c r="N708659" s="10"/>
    </row>
    <row r="708660" spans="14:14">
      <c r="N708660" s="10"/>
    </row>
    <row r="708661" spans="14:14">
      <c r="N708661" s="10"/>
    </row>
    <row r="708662" spans="14:14">
      <c r="N708662" s="10"/>
    </row>
    <row r="708663" spans="14:14">
      <c r="N708663" s="10"/>
    </row>
    <row r="708664" spans="14:14">
      <c r="N708664" s="10"/>
    </row>
    <row r="708665" spans="14:14">
      <c r="N708665" s="10"/>
    </row>
    <row r="708666" spans="14:14">
      <c r="N708666" s="10"/>
    </row>
    <row r="708667" spans="14:14">
      <c r="N708667" s="10"/>
    </row>
    <row r="708668" spans="14:14">
      <c r="N708668" s="10"/>
    </row>
    <row r="708669" spans="14:14">
      <c r="N708669" s="10"/>
    </row>
    <row r="708670" spans="14:14">
      <c r="N708670" s="10"/>
    </row>
    <row r="708671" spans="14:14">
      <c r="N708671" s="10"/>
    </row>
    <row r="708672" spans="14:14">
      <c r="N708672" s="10"/>
    </row>
    <row r="708673" spans="14:14">
      <c r="N708673" s="10"/>
    </row>
    <row r="708674" spans="14:14">
      <c r="N708674" s="10"/>
    </row>
    <row r="708675" spans="14:14">
      <c r="N708675" s="10"/>
    </row>
    <row r="708676" spans="14:14">
      <c r="N708676" s="10"/>
    </row>
    <row r="708677" spans="14:14">
      <c r="N708677" s="10"/>
    </row>
    <row r="708678" spans="14:14">
      <c r="N708678" s="10"/>
    </row>
    <row r="708679" spans="14:14">
      <c r="N708679" s="10"/>
    </row>
    <row r="708680" spans="14:14">
      <c r="N708680" s="10"/>
    </row>
    <row r="708681" spans="14:14">
      <c r="N708681" s="10"/>
    </row>
    <row r="708682" spans="14:14">
      <c r="N708682" s="10"/>
    </row>
    <row r="708683" spans="14:14">
      <c r="N708683" s="10"/>
    </row>
    <row r="708684" spans="14:14">
      <c r="N708684" s="10"/>
    </row>
    <row r="708685" spans="14:14">
      <c r="N708685" s="10"/>
    </row>
    <row r="708686" spans="14:14">
      <c r="N708686" s="10"/>
    </row>
    <row r="708687" spans="14:14">
      <c r="N708687" s="10"/>
    </row>
    <row r="708688" spans="14:14">
      <c r="N708688" s="10"/>
    </row>
    <row r="708689" spans="14:14">
      <c r="N708689" s="10"/>
    </row>
    <row r="708690" spans="14:14">
      <c r="N708690" s="10"/>
    </row>
    <row r="708691" spans="14:14">
      <c r="N708691" s="10"/>
    </row>
    <row r="708692" spans="14:14">
      <c r="N708692" s="10"/>
    </row>
    <row r="708693" spans="14:14">
      <c r="N708693" s="10"/>
    </row>
    <row r="708694" spans="14:14">
      <c r="N708694" s="10"/>
    </row>
    <row r="708695" spans="14:14">
      <c r="N708695" s="10"/>
    </row>
    <row r="708696" spans="14:14">
      <c r="N708696" s="10"/>
    </row>
    <row r="708697" spans="14:14">
      <c r="N708697" s="10"/>
    </row>
    <row r="708698" spans="14:14">
      <c r="N708698" s="10"/>
    </row>
    <row r="708699" spans="14:14">
      <c r="N708699" s="10"/>
    </row>
    <row r="708700" spans="14:14">
      <c r="N708700" s="10"/>
    </row>
    <row r="708701" spans="14:14">
      <c r="N708701" s="10"/>
    </row>
    <row r="708702" spans="14:14">
      <c r="N708702" s="10"/>
    </row>
    <row r="708703" spans="14:14">
      <c r="N708703" s="10"/>
    </row>
    <row r="708704" spans="14:14">
      <c r="N708704" s="10"/>
    </row>
    <row r="708705" spans="14:14">
      <c r="N708705" s="10"/>
    </row>
    <row r="708706" spans="14:14">
      <c r="N708706" s="10"/>
    </row>
    <row r="708707" spans="14:14">
      <c r="N708707" s="10"/>
    </row>
    <row r="708708" spans="14:14">
      <c r="N708708" s="10"/>
    </row>
    <row r="708709" spans="14:14">
      <c r="N708709" s="10"/>
    </row>
    <row r="708710" spans="14:14">
      <c r="N708710" s="10"/>
    </row>
    <row r="708711" spans="14:14">
      <c r="N708711" s="10"/>
    </row>
    <row r="708712" spans="14:14">
      <c r="N708712" s="10"/>
    </row>
    <row r="708713" spans="14:14">
      <c r="N708713" s="10"/>
    </row>
    <row r="708714" spans="14:14">
      <c r="N708714" s="10"/>
    </row>
    <row r="708715" spans="14:14">
      <c r="N708715" s="10"/>
    </row>
    <row r="708716" spans="14:14">
      <c r="N708716" s="10"/>
    </row>
    <row r="708717" spans="14:14">
      <c r="N708717" s="10"/>
    </row>
    <row r="708718" spans="14:14">
      <c r="N708718" s="10"/>
    </row>
    <row r="708719" spans="14:14">
      <c r="N708719" s="10"/>
    </row>
    <row r="708720" spans="14:14">
      <c r="N708720" s="10"/>
    </row>
    <row r="708721" spans="14:14">
      <c r="N708721" s="10"/>
    </row>
    <row r="708722" spans="14:14">
      <c r="N708722" s="10"/>
    </row>
    <row r="708723" spans="14:14">
      <c r="N708723" s="10"/>
    </row>
    <row r="708724" spans="14:14">
      <c r="N708724" s="10"/>
    </row>
    <row r="708725" spans="14:14">
      <c r="N708725" s="10"/>
    </row>
    <row r="708726" spans="14:14">
      <c r="N708726" s="10"/>
    </row>
    <row r="708727" spans="14:14">
      <c r="N708727" s="10"/>
    </row>
    <row r="708728" spans="14:14">
      <c r="N708728" s="10"/>
    </row>
    <row r="708729" spans="14:14">
      <c r="N708729" s="10"/>
    </row>
    <row r="708730" spans="14:14">
      <c r="N708730" s="10"/>
    </row>
    <row r="708731" spans="14:14">
      <c r="N708731" s="10"/>
    </row>
    <row r="708732" spans="14:14">
      <c r="N708732" s="10"/>
    </row>
    <row r="708733" spans="14:14">
      <c r="N708733" s="10"/>
    </row>
    <row r="708734" spans="14:14">
      <c r="N708734" s="10"/>
    </row>
    <row r="708735" spans="14:14">
      <c r="N708735" s="10"/>
    </row>
    <row r="708736" spans="14:14">
      <c r="N708736" s="10"/>
    </row>
    <row r="708737" spans="14:14">
      <c r="N708737" s="10"/>
    </row>
    <row r="708738" spans="14:14">
      <c r="N708738" s="10"/>
    </row>
    <row r="708739" spans="14:14">
      <c r="N708739" s="10"/>
    </row>
    <row r="708740" spans="14:14">
      <c r="N708740" s="10"/>
    </row>
    <row r="708741" spans="14:14">
      <c r="N708741" s="10"/>
    </row>
    <row r="708742" spans="14:14">
      <c r="N708742" s="10"/>
    </row>
    <row r="708743" spans="14:14">
      <c r="N708743" s="10"/>
    </row>
    <row r="708744" spans="14:14">
      <c r="N708744" s="10"/>
    </row>
    <row r="708745" spans="14:14">
      <c r="N708745" s="10"/>
    </row>
    <row r="708746" spans="14:14">
      <c r="N708746" s="10"/>
    </row>
    <row r="708747" spans="14:14">
      <c r="N708747" s="10"/>
    </row>
    <row r="708748" spans="14:14">
      <c r="N708748" s="10"/>
    </row>
    <row r="708749" spans="14:14">
      <c r="N708749" s="10"/>
    </row>
    <row r="708750" spans="14:14">
      <c r="N708750" s="10"/>
    </row>
    <row r="708751" spans="14:14">
      <c r="N708751" s="10"/>
    </row>
    <row r="708752" spans="14:14">
      <c r="N708752" s="10"/>
    </row>
    <row r="708753" spans="14:14">
      <c r="N708753" s="10"/>
    </row>
    <row r="708754" spans="14:14">
      <c r="N708754" s="10"/>
    </row>
    <row r="708755" spans="14:14">
      <c r="N708755" s="10"/>
    </row>
    <row r="708756" spans="14:14">
      <c r="N708756" s="10"/>
    </row>
    <row r="708757" spans="14:14">
      <c r="N708757" s="10"/>
    </row>
    <row r="708758" spans="14:14">
      <c r="N708758" s="10"/>
    </row>
    <row r="708759" spans="14:14">
      <c r="N708759" s="10"/>
    </row>
    <row r="708760" spans="14:14">
      <c r="N708760" s="10"/>
    </row>
    <row r="708761" spans="14:14">
      <c r="N708761" s="10"/>
    </row>
    <row r="708762" spans="14:14">
      <c r="N708762" s="10"/>
    </row>
    <row r="708763" spans="14:14">
      <c r="N708763" s="10"/>
    </row>
    <row r="708764" spans="14:14">
      <c r="N708764" s="10"/>
    </row>
    <row r="708765" spans="14:14">
      <c r="N708765" s="10"/>
    </row>
    <row r="708766" spans="14:14">
      <c r="N708766" s="10"/>
    </row>
    <row r="708767" spans="14:14">
      <c r="N708767" s="10"/>
    </row>
    <row r="708768" spans="14:14">
      <c r="N708768" s="10"/>
    </row>
    <row r="708769" spans="14:14">
      <c r="N708769" s="10"/>
    </row>
    <row r="708770" spans="14:14">
      <c r="N708770" s="10"/>
    </row>
    <row r="708771" spans="14:14">
      <c r="N708771" s="10"/>
    </row>
    <row r="708772" spans="14:14">
      <c r="N708772" s="10"/>
    </row>
    <row r="708773" spans="14:14">
      <c r="N708773" s="10"/>
    </row>
    <row r="708774" spans="14:14">
      <c r="N708774" s="10"/>
    </row>
    <row r="708775" spans="14:14">
      <c r="N708775" s="10"/>
    </row>
    <row r="708776" spans="14:14">
      <c r="N708776" s="10"/>
    </row>
    <row r="708777" spans="14:14">
      <c r="N708777" s="10"/>
    </row>
    <row r="708778" spans="14:14">
      <c r="N708778" s="10"/>
    </row>
    <row r="708779" spans="14:14">
      <c r="N708779" s="10"/>
    </row>
    <row r="708780" spans="14:14">
      <c r="N708780" s="10"/>
    </row>
    <row r="708781" spans="14:14">
      <c r="N708781" s="10"/>
    </row>
    <row r="708782" spans="14:14">
      <c r="N708782" s="10"/>
    </row>
    <row r="708783" spans="14:14">
      <c r="N708783" s="10"/>
    </row>
    <row r="708784" spans="14:14">
      <c r="N708784" s="10"/>
    </row>
    <row r="708785" spans="14:14">
      <c r="N708785" s="10"/>
    </row>
    <row r="708786" spans="14:14">
      <c r="N708786" s="10"/>
    </row>
    <row r="708787" spans="14:14">
      <c r="N708787" s="10"/>
    </row>
    <row r="708788" spans="14:14">
      <c r="N708788" s="10"/>
    </row>
    <row r="708789" spans="14:14">
      <c r="N708789" s="10"/>
    </row>
    <row r="708790" spans="14:14">
      <c r="N708790" s="10"/>
    </row>
    <row r="708791" spans="14:14">
      <c r="N708791" s="10"/>
    </row>
    <row r="708792" spans="14:14">
      <c r="N708792" s="10"/>
    </row>
    <row r="708793" spans="14:14">
      <c r="N708793" s="10"/>
    </row>
    <row r="708794" spans="14:14">
      <c r="N708794" s="10"/>
    </row>
    <row r="708795" spans="14:14">
      <c r="N708795" s="10"/>
    </row>
    <row r="708796" spans="14:14">
      <c r="N708796" s="10"/>
    </row>
    <row r="708797" spans="14:14">
      <c r="N708797" s="10"/>
    </row>
    <row r="708798" spans="14:14">
      <c r="N708798" s="10"/>
    </row>
    <row r="708799" spans="14:14">
      <c r="N708799" s="10"/>
    </row>
    <row r="708800" spans="14:14">
      <c r="N708800" s="10"/>
    </row>
    <row r="708801" spans="14:14">
      <c r="N708801" s="10"/>
    </row>
    <row r="708802" spans="14:14">
      <c r="N708802" s="10"/>
    </row>
    <row r="708803" spans="14:14">
      <c r="N708803" s="10"/>
    </row>
    <row r="708804" spans="14:14">
      <c r="N708804" s="10"/>
    </row>
    <row r="708805" spans="14:14">
      <c r="N708805" s="10"/>
    </row>
    <row r="708806" spans="14:14">
      <c r="N708806" s="10"/>
    </row>
    <row r="708807" spans="14:14">
      <c r="N708807" s="10"/>
    </row>
    <row r="708808" spans="14:14">
      <c r="N708808" s="10"/>
    </row>
    <row r="708809" spans="14:14">
      <c r="N708809" s="10"/>
    </row>
    <row r="708810" spans="14:14">
      <c r="N708810" s="10"/>
    </row>
    <row r="708811" spans="14:14">
      <c r="N708811" s="10"/>
    </row>
    <row r="708812" spans="14:14">
      <c r="N708812" s="10"/>
    </row>
    <row r="708813" spans="14:14">
      <c r="N708813" s="10"/>
    </row>
    <row r="708814" spans="14:14">
      <c r="N708814" s="10"/>
    </row>
    <row r="708815" spans="14:14">
      <c r="N708815" s="10"/>
    </row>
    <row r="708816" spans="14:14">
      <c r="N708816" s="10"/>
    </row>
    <row r="708817" spans="14:14">
      <c r="N708817" s="10"/>
    </row>
    <row r="708818" spans="14:14">
      <c r="N708818" s="10"/>
    </row>
    <row r="708819" spans="14:14">
      <c r="N708819" s="10"/>
    </row>
    <row r="708820" spans="14:14">
      <c r="N708820" s="10"/>
    </row>
    <row r="708821" spans="14:14">
      <c r="N708821" s="10"/>
    </row>
    <row r="708822" spans="14:14">
      <c r="N708822" s="10"/>
    </row>
    <row r="708823" spans="14:14">
      <c r="N708823" s="10"/>
    </row>
    <row r="708824" spans="14:14">
      <c r="N708824" s="10"/>
    </row>
    <row r="708825" spans="14:14">
      <c r="N708825" s="10"/>
    </row>
    <row r="708826" spans="14:14">
      <c r="N708826" s="10"/>
    </row>
    <row r="708827" spans="14:14">
      <c r="N708827" s="10"/>
    </row>
    <row r="708828" spans="14:14">
      <c r="N708828" s="10"/>
    </row>
    <row r="708829" spans="14:14">
      <c r="N708829" s="10"/>
    </row>
    <row r="708830" spans="14:14">
      <c r="N708830" s="10"/>
    </row>
    <row r="708831" spans="14:14">
      <c r="N708831" s="10"/>
    </row>
    <row r="708832" spans="14:14">
      <c r="N708832" s="10"/>
    </row>
    <row r="708833" spans="14:14">
      <c r="N708833" s="10"/>
    </row>
    <row r="708834" spans="14:14">
      <c r="N708834" s="10"/>
    </row>
    <row r="708835" spans="14:14">
      <c r="N708835" s="10"/>
    </row>
    <row r="708836" spans="14:14">
      <c r="N708836" s="10"/>
    </row>
    <row r="708837" spans="14:14">
      <c r="N708837" s="10"/>
    </row>
    <row r="708838" spans="14:14">
      <c r="N708838" s="10"/>
    </row>
    <row r="708839" spans="14:14">
      <c r="N708839" s="10"/>
    </row>
    <row r="708840" spans="14:14">
      <c r="N708840" s="10"/>
    </row>
    <row r="708841" spans="14:14">
      <c r="N708841" s="10"/>
    </row>
    <row r="708842" spans="14:14">
      <c r="N708842" s="10"/>
    </row>
    <row r="708843" spans="14:14">
      <c r="N708843" s="10"/>
    </row>
    <row r="708844" spans="14:14">
      <c r="N708844" s="10"/>
    </row>
    <row r="708845" spans="14:14">
      <c r="N708845" s="10"/>
    </row>
    <row r="708846" spans="14:14">
      <c r="N708846" s="10"/>
    </row>
    <row r="708847" spans="14:14">
      <c r="N708847" s="10"/>
    </row>
    <row r="708848" spans="14:14">
      <c r="N708848" s="10"/>
    </row>
    <row r="708849" spans="14:14">
      <c r="N708849" s="10"/>
    </row>
    <row r="708850" spans="14:14">
      <c r="N708850" s="10"/>
    </row>
    <row r="708851" spans="14:14">
      <c r="N708851" s="10"/>
    </row>
    <row r="708852" spans="14:14">
      <c r="N708852" s="10"/>
    </row>
    <row r="708853" spans="14:14">
      <c r="N708853" s="10"/>
    </row>
    <row r="708854" spans="14:14">
      <c r="N708854" s="10"/>
    </row>
    <row r="708855" spans="14:14">
      <c r="N708855" s="10"/>
    </row>
    <row r="708856" spans="14:14">
      <c r="N708856" s="10"/>
    </row>
    <row r="708857" spans="14:14">
      <c r="N708857" s="10"/>
    </row>
    <row r="708858" spans="14:14">
      <c r="N708858" s="10"/>
    </row>
    <row r="708859" spans="14:14">
      <c r="N708859" s="10"/>
    </row>
    <row r="708860" spans="14:14">
      <c r="N708860" s="10"/>
    </row>
    <row r="708861" spans="14:14">
      <c r="N708861" s="10"/>
    </row>
    <row r="708862" spans="14:14">
      <c r="N708862" s="10"/>
    </row>
    <row r="708863" spans="14:14">
      <c r="N708863" s="10"/>
    </row>
    <row r="708864" spans="14:14">
      <c r="N708864" s="10"/>
    </row>
    <row r="708865" spans="14:14">
      <c r="N708865" s="10"/>
    </row>
    <row r="708866" spans="14:14">
      <c r="N708866" s="10"/>
    </row>
    <row r="708867" spans="14:14">
      <c r="N708867" s="10"/>
    </row>
    <row r="708868" spans="14:14">
      <c r="N708868" s="10"/>
    </row>
    <row r="708869" spans="14:14">
      <c r="N708869" s="10"/>
    </row>
    <row r="708870" spans="14:14">
      <c r="N708870" s="10"/>
    </row>
    <row r="708871" spans="14:14">
      <c r="N708871" s="10"/>
    </row>
    <row r="708872" spans="14:14">
      <c r="N708872" s="10"/>
    </row>
    <row r="708873" spans="14:14">
      <c r="N708873" s="10"/>
    </row>
    <row r="708874" spans="14:14">
      <c r="N708874" s="10"/>
    </row>
    <row r="708875" spans="14:14">
      <c r="N708875" s="10"/>
    </row>
    <row r="708876" spans="14:14">
      <c r="N708876" s="10"/>
    </row>
    <row r="708877" spans="14:14">
      <c r="N708877" s="10"/>
    </row>
    <row r="708878" spans="14:14">
      <c r="N708878" s="10"/>
    </row>
    <row r="708879" spans="14:14">
      <c r="N708879" s="10"/>
    </row>
    <row r="708880" spans="14:14">
      <c r="N708880" s="10"/>
    </row>
    <row r="708881" spans="14:14">
      <c r="N708881" s="10"/>
    </row>
    <row r="708882" spans="14:14">
      <c r="N708882" s="10"/>
    </row>
    <row r="708883" spans="14:14">
      <c r="N708883" s="10"/>
    </row>
    <row r="708884" spans="14:14">
      <c r="N708884" s="10"/>
    </row>
    <row r="708885" spans="14:14">
      <c r="N708885" s="10"/>
    </row>
    <row r="708886" spans="14:14">
      <c r="N708886" s="10"/>
    </row>
    <row r="708887" spans="14:14">
      <c r="N708887" s="10"/>
    </row>
    <row r="708888" spans="14:14">
      <c r="N708888" s="10"/>
    </row>
    <row r="708889" spans="14:14">
      <c r="N708889" s="10"/>
    </row>
    <row r="708890" spans="14:14">
      <c r="N708890" s="10"/>
    </row>
    <row r="708891" spans="14:14">
      <c r="N708891" s="10"/>
    </row>
    <row r="708892" spans="14:14">
      <c r="N708892" s="10"/>
    </row>
    <row r="708893" spans="14:14">
      <c r="N708893" s="10"/>
    </row>
    <row r="708894" spans="14:14">
      <c r="N708894" s="10"/>
    </row>
    <row r="708895" spans="14:14">
      <c r="N708895" s="10"/>
    </row>
    <row r="708896" spans="14:14">
      <c r="N708896" s="10"/>
    </row>
    <row r="708897" spans="14:14">
      <c r="N708897" s="10"/>
    </row>
    <row r="708898" spans="14:14">
      <c r="N708898" s="10"/>
    </row>
    <row r="708899" spans="14:14">
      <c r="N708899" s="10"/>
    </row>
    <row r="708900" spans="14:14">
      <c r="N708900" s="10"/>
    </row>
    <row r="708901" spans="14:14">
      <c r="N708901" s="10"/>
    </row>
    <row r="708902" spans="14:14">
      <c r="N708902" s="10"/>
    </row>
    <row r="708903" spans="14:14">
      <c r="N708903" s="10"/>
    </row>
    <row r="708904" spans="14:14">
      <c r="N708904" s="10"/>
    </row>
    <row r="708905" spans="14:14">
      <c r="N708905" s="10"/>
    </row>
    <row r="708906" spans="14:14">
      <c r="N708906" s="10"/>
    </row>
    <row r="708907" spans="14:14">
      <c r="N708907" s="10"/>
    </row>
    <row r="708908" spans="14:14">
      <c r="N708908" s="10"/>
    </row>
    <row r="708909" spans="14:14">
      <c r="N708909" s="10"/>
    </row>
    <row r="708910" spans="14:14">
      <c r="N708910" s="10"/>
    </row>
    <row r="708911" spans="14:14">
      <c r="N708911" s="10"/>
    </row>
    <row r="708912" spans="14:14">
      <c r="N708912" s="10"/>
    </row>
    <row r="708913" spans="14:14">
      <c r="N708913" s="10"/>
    </row>
    <row r="708914" spans="14:14">
      <c r="N708914" s="10"/>
    </row>
    <row r="708915" spans="14:14">
      <c r="N708915" s="10"/>
    </row>
    <row r="708916" spans="14:14">
      <c r="N708916" s="10"/>
    </row>
    <row r="708917" spans="14:14">
      <c r="N708917" s="10"/>
    </row>
    <row r="708918" spans="14:14">
      <c r="N708918" s="10"/>
    </row>
    <row r="708919" spans="14:14">
      <c r="N708919" s="10"/>
    </row>
    <row r="708920" spans="14:14">
      <c r="N708920" s="10"/>
    </row>
    <row r="708921" spans="14:14">
      <c r="N708921" s="10"/>
    </row>
    <row r="708922" spans="14:14">
      <c r="N708922" s="10"/>
    </row>
    <row r="708923" spans="14:14">
      <c r="N708923" s="10"/>
    </row>
    <row r="708924" spans="14:14">
      <c r="N708924" s="10"/>
    </row>
    <row r="708925" spans="14:14">
      <c r="N708925" s="10"/>
    </row>
    <row r="708926" spans="14:14">
      <c r="N708926" s="10"/>
    </row>
    <row r="708927" spans="14:14">
      <c r="N708927" s="10"/>
    </row>
    <row r="708928" spans="14:14">
      <c r="N708928" s="10"/>
    </row>
    <row r="708929" spans="14:14">
      <c r="N708929" s="10"/>
    </row>
    <row r="708930" spans="14:14">
      <c r="N708930" s="10"/>
    </row>
    <row r="708931" spans="14:14">
      <c r="N708931" s="10"/>
    </row>
    <row r="708932" spans="14:14">
      <c r="N708932" s="10"/>
    </row>
    <row r="708933" spans="14:14">
      <c r="N708933" s="10"/>
    </row>
    <row r="708934" spans="14:14">
      <c r="N708934" s="10"/>
    </row>
    <row r="708935" spans="14:14">
      <c r="N708935" s="10"/>
    </row>
    <row r="708936" spans="14:14">
      <c r="N708936" s="10"/>
    </row>
    <row r="708937" spans="14:14">
      <c r="N708937" s="10"/>
    </row>
    <row r="708938" spans="14:14">
      <c r="N708938" s="10"/>
    </row>
    <row r="708939" spans="14:14">
      <c r="N708939" s="10"/>
    </row>
    <row r="708940" spans="14:14">
      <c r="N708940" s="10"/>
    </row>
    <row r="708941" spans="14:14">
      <c r="N708941" s="10"/>
    </row>
    <row r="708942" spans="14:14">
      <c r="N708942" s="10"/>
    </row>
    <row r="708943" spans="14:14">
      <c r="N708943" s="10"/>
    </row>
    <row r="708944" spans="14:14">
      <c r="N708944" s="10"/>
    </row>
    <row r="708945" spans="14:14">
      <c r="N708945" s="10"/>
    </row>
    <row r="708946" spans="14:14">
      <c r="N708946" s="10"/>
    </row>
    <row r="708947" spans="14:14">
      <c r="N708947" s="10"/>
    </row>
    <row r="708948" spans="14:14">
      <c r="N708948" s="10"/>
    </row>
    <row r="708949" spans="14:14">
      <c r="N708949" s="10"/>
    </row>
    <row r="708950" spans="14:14">
      <c r="N708950" s="10"/>
    </row>
    <row r="708951" spans="14:14">
      <c r="N708951" s="10"/>
    </row>
    <row r="708952" spans="14:14">
      <c r="N708952" s="10"/>
    </row>
    <row r="708953" spans="14:14">
      <c r="N708953" s="10"/>
    </row>
    <row r="708954" spans="14:14">
      <c r="N708954" s="10"/>
    </row>
    <row r="708955" spans="14:14">
      <c r="N708955" s="10"/>
    </row>
    <row r="708956" spans="14:14">
      <c r="N708956" s="10"/>
    </row>
    <row r="708957" spans="14:14">
      <c r="N708957" s="10"/>
    </row>
    <row r="708958" spans="14:14">
      <c r="N708958" s="10"/>
    </row>
    <row r="708959" spans="14:14">
      <c r="N708959" s="10"/>
    </row>
    <row r="708960" spans="14:14">
      <c r="N708960" s="10"/>
    </row>
    <row r="708961" spans="14:14">
      <c r="N708961" s="10"/>
    </row>
    <row r="708962" spans="14:14">
      <c r="N708962" s="10"/>
    </row>
    <row r="708963" spans="14:14">
      <c r="N708963" s="10"/>
    </row>
    <row r="708964" spans="14:14">
      <c r="N708964" s="10"/>
    </row>
    <row r="708965" spans="14:14">
      <c r="N708965" s="10"/>
    </row>
    <row r="708966" spans="14:14">
      <c r="N708966" s="10"/>
    </row>
    <row r="708967" spans="14:14">
      <c r="N708967" s="10"/>
    </row>
    <row r="708968" spans="14:14">
      <c r="N708968" s="10"/>
    </row>
    <row r="708969" spans="14:14">
      <c r="N708969" s="10"/>
    </row>
    <row r="708970" spans="14:14">
      <c r="N708970" s="10"/>
    </row>
    <row r="708971" spans="14:14">
      <c r="N708971" s="10"/>
    </row>
    <row r="708972" spans="14:14">
      <c r="N708972" s="10"/>
    </row>
    <row r="708973" spans="14:14">
      <c r="N708973" s="10"/>
    </row>
    <row r="708974" spans="14:14">
      <c r="N708974" s="10"/>
    </row>
    <row r="708975" spans="14:14">
      <c r="N708975" s="10"/>
    </row>
    <row r="708976" spans="14:14">
      <c r="N708976" s="10"/>
    </row>
    <row r="708977" spans="14:14">
      <c r="N708977" s="10"/>
    </row>
    <row r="708978" spans="14:14">
      <c r="N708978" s="10"/>
    </row>
    <row r="708979" spans="14:14">
      <c r="N708979" s="10"/>
    </row>
    <row r="708980" spans="14:14">
      <c r="N708980" s="10"/>
    </row>
    <row r="708981" spans="14:14">
      <c r="N708981" s="10"/>
    </row>
    <row r="708982" spans="14:14">
      <c r="N708982" s="10"/>
    </row>
    <row r="708983" spans="14:14">
      <c r="N708983" s="10"/>
    </row>
    <row r="708984" spans="14:14">
      <c r="N708984" s="10"/>
    </row>
    <row r="708985" spans="14:14">
      <c r="N708985" s="10"/>
    </row>
    <row r="708986" spans="14:14">
      <c r="N708986" s="10"/>
    </row>
    <row r="708987" spans="14:14">
      <c r="N708987" s="10"/>
    </row>
    <row r="708988" spans="14:14">
      <c r="N708988" s="10"/>
    </row>
    <row r="708989" spans="14:14">
      <c r="N708989" s="10"/>
    </row>
    <row r="708990" spans="14:14">
      <c r="N708990" s="10"/>
    </row>
    <row r="708991" spans="14:14">
      <c r="N708991" s="10"/>
    </row>
    <row r="708992" spans="14:14">
      <c r="N708992" s="10"/>
    </row>
    <row r="708993" spans="14:14">
      <c r="N708993" s="10"/>
    </row>
    <row r="708994" spans="14:14">
      <c r="N708994" s="10"/>
    </row>
    <row r="708995" spans="14:14">
      <c r="N708995" s="10"/>
    </row>
    <row r="708996" spans="14:14">
      <c r="N708996" s="10"/>
    </row>
    <row r="708997" spans="14:14">
      <c r="N708997" s="10"/>
    </row>
    <row r="708998" spans="14:14">
      <c r="N708998" s="10"/>
    </row>
    <row r="708999" spans="14:14">
      <c r="N708999" s="10"/>
    </row>
    <row r="709000" spans="14:14">
      <c r="N709000" s="10"/>
    </row>
    <row r="709001" spans="14:14">
      <c r="N709001" s="10"/>
    </row>
    <row r="709002" spans="14:14">
      <c r="N709002" s="10"/>
    </row>
    <row r="709003" spans="14:14">
      <c r="N709003" s="10"/>
    </row>
    <row r="709004" spans="14:14">
      <c r="N709004" s="10"/>
    </row>
    <row r="709005" spans="14:14">
      <c r="N709005" s="10"/>
    </row>
    <row r="709006" spans="14:14">
      <c r="N709006" s="10"/>
    </row>
    <row r="709007" spans="14:14">
      <c r="N709007" s="10"/>
    </row>
    <row r="709008" spans="14:14">
      <c r="N709008" s="10"/>
    </row>
    <row r="709009" spans="14:14">
      <c r="N709009" s="10"/>
    </row>
    <row r="709010" spans="14:14">
      <c r="N709010" s="10"/>
    </row>
    <row r="709011" spans="14:14">
      <c r="N709011" s="10"/>
    </row>
    <row r="709012" spans="14:14">
      <c r="N709012" s="10"/>
    </row>
    <row r="709013" spans="14:14">
      <c r="N709013" s="10"/>
    </row>
    <row r="709014" spans="14:14">
      <c r="N709014" s="10"/>
    </row>
    <row r="709015" spans="14:14">
      <c r="N709015" s="10"/>
    </row>
    <row r="709016" spans="14:14">
      <c r="N709016" s="10"/>
    </row>
    <row r="709017" spans="14:14">
      <c r="N709017" s="10"/>
    </row>
    <row r="709018" spans="14:14">
      <c r="N709018" s="10"/>
    </row>
    <row r="709019" spans="14:14">
      <c r="N709019" s="10"/>
    </row>
    <row r="709020" spans="14:14">
      <c r="N709020" s="10"/>
    </row>
    <row r="709021" spans="14:14">
      <c r="N709021" s="10"/>
    </row>
    <row r="709022" spans="14:14">
      <c r="N709022" s="10"/>
    </row>
    <row r="709023" spans="14:14">
      <c r="N709023" s="10"/>
    </row>
    <row r="709024" spans="14:14">
      <c r="N709024" s="10"/>
    </row>
    <row r="709025" spans="14:14">
      <c r="N709025" s="10"/>
    </row>
    <row r="709026" spans="14:14">
      <c r="N709026" s="10"/>
    </row>
    <row r="709027" spans="14:14">
      <c r="N709027" s="10"/>
    </row>
    <row r="709028" spans="14:14">
      <c r="N709028" s="10"/>
    </row>
    <row r="709029" spans="14:14">
      <c r="N709029" s="10"/>
    </row>
    <row r="709030" spans="14:14">
      <c r="N709030" s="10"/>
    </row>
    <row r="709031" spans="14:14">
      <c r="N709031" s="10"/>
    </row>
    <row r="709032" spans="14:14">
      <c r="N709032" s="10"/>
    </row>
    <row r="709033" spans="14:14">
      <c r="N709033" s="10"/>
    </row>
    <row r="709034" spans="14:14">
      <c r="N709034" s="10"/>
    </row>
    <row r="709035" spans="14:14">
      <c r="N709035" s="10"/>
    </row>
    <row r="709036" spans="14:14">
      <c r="N709036" s="10"/>
    </row>
    <row r="709037" spans="14:14">
      <c r="N709037" s="10"/>
    </row>
    <row r="709038" spans="14:14">
      <c r="N709038" s="10"/>
    </row>
    <row r="709039" spans="14:14">
      <c r="N709039" s="10"/>
    </row>
    <row r="709040" spans="14:14">
      <c r="N709040" s="10"/>
    </row>
    <row r="709041" spans="14:14">
      <c r="N709041" s="10"/>
    </row>
    <row r="709042" spans="14:14">
      <c r="N709042" s="10"/>
    </row>
    <row r="709043" spans="14:14">
      <c r="N709043" s="10"/>
    </row>
    <row r="709044" spans="14:14">
      <c r="N709044" s="10"/>
    </row>
    <row r="709045" spans="14:14">
      <c r="N709045" s="10"/>
    </row>
    <row r="709046" spans="14:14">
      <c r="N709046" s="10"/>
    </row>
    <row r="709047" spans="14:14">
      <c r="N709047" s="10"/>
    </row>
    <row r="709048" spans="14:14">
      <c r="N709048" s="10"/>
    </row>
    <row r="709049" spans="14:14">
      <c r="N709049" s="10"/>
    </row>
    <row r="709050" spans="14:14">
      <c r="N709050" s="10"/>
    </row>
    <row r="709051" spans="14:14">
      <c r="N709051" s="10"/>
    </row>
    <row r="709052" spans="14:14">
      <c r="N709052" s="10"/>
    </row>
    <row r="709053" spans="14:14">
      <c r="N709053" s="10"/>
    </row>
    <row r="709054" spans="14:14">
      <c r="N709054" s="10"/>
    </row>
    <row r="709055" spans="14:14">
      <c r="N709055" s="10"/>
    </row>
    <row r="709056" spans="14:14">
      <c r="N709056" s="10"/>
    </row>
    <row r="709057" spans="14:14">
      <c r="N709057" s="10"/>
    </row>
    <row r="709058" spans="14:14">
      <c r="N709058" s="10"/>
    </row>
    <row r="709059" spans="14:14">
      <c r="N709059" s="10"/>
    </row>
    <row r="709060" spans="14:14">
      <c r="N709060" s="10"/>
    </row>
    <row r="709061" spans="14:14">
      <c r="N709061" s="10"/>
    </row>
    <row r="709062" spans="14:14">
      <c r="N709062" s="10"/>
    </row>
    <row r="709063" spans="14:14">
      <c r="N709063" s="10"/>
    </row>
    <row r="709064" spans="14:14">
      <c r="N709064" s="10"/>
    </row>
    <row r="709065" spans="14:14">
      <c r="N709065" s="10"/>
    </row>
    <row r="709066" spans="14:14">
      <c r="N709066" s="10"/>
    </row>
    <row r="709067" spans="14:14">
      <c r="N709067" s="10"/>
    </row>
    <row r="709068" spans="14:14">
      <c r="N709068" s="10"/>
    </row>
    <row r="709069" spans="14:14">
      <c r="N709069" s="10"/>
    </row>
    <row r="709070" spans="14:14">
      <c r="N709070" s="10"/>
    </row>
    <row r="709071" spans="14:14">
      <c r="N709071" s="10"/>
    </row>
    <row r="709072" spans="14:14">
      <c r="N709072" s="10"/>
    </row>
    <row r="709073" spans="14:14">
      <c r="N709073" s="10"/>
    </row>
    <row r="709074" spans="14:14">
      <c r="N709074" s="10"/>
    </row>
    <row r="709075" spans="14:14">
      <c r="N709075" s="10"/>
    </row>
    <row r="709076" spans="14:14">
      <c r="N709076" s="10"/>
    </row>
    <row r="709077" spans="14:14">
      <c r="N709077" s="10"/>
    </row>
    <row r="709078" spans="14:14">
      <c r="N709078" s="10"/>
    </row>
    <row r="709079" spans="14:14">
      <c r="N709079" s="10"/>
    </row>
    <row r="709080" spans="14:14">
      <c r="N709080" s="10"/>
    </row>
    <row r="709081" spans="14:14">
      <c r="N709081" s="10"/>
    </row>
    <row r="709082" spans="14:14">
      <c r="N709082" s="10"/>
    </row>
    <row r="709083" spans="14:14">
      <c r="N709083" s="10"/>
    </row>
    <row r="709084" spans="14:14">
      <c r="N709084" s="10"/>
    </row>
    <row r="709085" spans="14:14">
      <c r="N709085" s="10"/>
    </row>
    <row r="709086" spans="14:14">
      <c r="N709086" s="10"/>
    </row>
    <row r="709087" spans="14:14">
      <c r="N709087" s="10"/>
    </row>
    <row r="709088" spans="14:14">
      <c r="N709088" s="10"/>
    </row>
    <row r="709089" spans="14:14">
      <c r="N709089" s="10"/>
    </row>
    <row r="709090" spans="14:14">
      <c r="N709090" s="10"/>
    </row>
    <row r="709091" spans="14:14">
      <c r="N709091" s="10"/>
    </row>
    <row r="709092" spans="14:14">
      <c r="N709092" s="10"/>
    </row>
    <row r="709093" spans="14:14">
      <c r="N709093" s="10"/>
    </row>
    <row r="709094" spans="14:14">
      <c r="N709094" s="10"/>
    </row>
    <row r="709095" spans="14:14">
      <c r="N709095" s="10"/>
    </row>
    <row r="709096" spans="14:14">
      <c r="N709096" s="10"/>
    </row>
    <row r="709097" spans="14:14">
      <c r="N709097" s="10"/>
    </row>
    <row r="709098" spans="14:14">
      <c r="N709098" s="10"/>
    </row>
    <row r="709099" spans="14:14">
      <c r="N709099" s="10"/>
    </row>
    <row r="709100" spans="14:14">
      <c r="N709100" s="10"/>
    </row>
    <row r="709101" spans="14:14">
      <c r="N709101" s="10"/>
    </row>
    <row r="709102" spans="14:14">
      <c r="N709102" s="10"/>
    </row>
    <row r="709103" spans="14:14">
      <c r="N709103" s="10"/>
    </row>
    <row r="709104" spans="14:14">
      <c r="N709104" s="10"/>
    </row>
    <row r="709105" spans="14:14">
      <c r="N709105" s="10"/>
    </row>
    <row r="709106" spans="14:14">
      <c r="N709106" s="10"/>
    </row>
    <row r="709107" spans="14:14">
      <c r="N709107" s="10"/>
    </row>
    <row r="709108" spans="14:14">
      <c r="N709108" s="10"/>
    </row>
    <row r="709109" spans="14:14">
      <c r="N709109" s="10"/>
    </row>
    <row r="709110" spans="14:14">
      <c r="N709110" s="10"/>
    </row>
    <row r="709111" spans="14:14">
      <c r="N709111" s="10"/>
    </row>
    <row r="709112" spans="14:14">
      <c r="N709112" s="10"/>
    </row>
    <row r="709113" spans="14:14">
      <c r="N709113" s="10"/>
    </row>
    <row r="709114" spans="14:14">
      <c r="N709114" s="10"/>
    </row>
    <row r="709115" spans="14:14">
      <c r="N709115" s="10"/>
    </row>
    <row r="709116" spans="14:14">
      <c r="N709116" s="10"/>
    </row>
    <row r="709117" spans="14:14">
      <c r="N709117" s="10"/>
    </row>
    <row r="709118" spans="14:14">
      <c r="N709118" s="10"/>
    </row>
    <row r="709119" spans="14:14">
      <c r="N709119" s="10"/>
    </row>
    <row r="709120" spans="14:14">
      <c r="N709120" s="10"/>
    </row>
    <row r="709121" spans="14:14">
      <c r="N709121" s="10"/>
    </row>
    <row r="709122" spans="14:14">
      <c r="N709122" s="10"/>
    </row>
    <row r="709123" spans="14:14">
      <c r="N709123" s="10"/>
    </row>
    <row r="709124" spans="14:14">
      <c r="N709124" s="10"/>
    </row>
    <row r="709125" spans="14:14">
      <c r="N709125" s="10"/>
    </row>
    <row r="709126" spans="14:14">
      <c r="N709126" s="10"/>
    </row>
    <row r="709127" spans="14:14">
      <c r="N709127" s="10"/>
    </row>
    <row r="709128" spans="14:14">
      <c r="N709128" s="10"/>
    </row>
    <row r="709129" spans="14:14">
      <c r="N709129" s="10"/>
    </row>
    <row r="709130" spans="14:14">
      <c r="N709130" s="10"/>
    </row>
    <row r="709131" spans="14:14">
      <c r="N709131" s="10"/>
    </row>
    <row r="709132" spans="14:14">
      <c r="N709132" s="10"/>
    </row>
    <row r="709133" spans="14:14">
      <c r="N709133" s="10"/>
    </row>
    <row r="709134" spans="14:14">
      <c r="N709134" s="10"/>
    </row>
    <row r="709135" spans="14:14">
      <c r="N709135" s="10"/>
    </row>
    <row r="709136" spans="14:14">
      <c r="N709136" s="10"/>
    </row>
    <row r="709137" spans="14:14">
      <c r="N709137" s="10"/>
    </row>
    <row r="709138" spans="14:14">
      <c r="N709138" s="10"/>
    </row>
    <row r="709139" spans="14:14">
      <c r="N709139" s="10"/>
    </row>
    <row r="709140" spans="14:14">
      <c r="N709140" s="10"/>
    </row>
    <row r="709141" spans="14:14">
      <c r="N709141" s="10"/>
    </row>
    <row r="709142" spans="14:14">
      <c r="N709142" s="10"/>
    </row>
    <row r="709143" spans="14:14">
      <c r="N709143" s="10"/>
    </row>
    <row r="709144" spans="14:14">
      <c r="N709144" s="10"/>
    </row>
    <row r="709145" spans="14:14">
      <c r="N709145" s="10"/>
    </row>
    <row r="709146" spans="14:14">
      <c r="N709146" s="10"/>
    </row>
    <row r="709147" spans="14:14">
      <c r="N709147" s="10"/>
    </row>
    <row r="709148" spans="14:14">
      <c r="N709148" s="10"/>
    </row>
    <row r="709149" spans="14:14">
      <c r="N709149" s="10"/>
    </row>
    <row r="709150" spans="14:14">
      <c r="N709150" s="10"/>
    </row>
    <row r="709151" spans="14:14">
      <c r="N709151" s="10"/>
    </row>
    <row r="709152" spans="14:14">
      <c r="N709152" s="10"/>
    </row>
    <row r="709153" spans="14:14">
      <c r="N709153" s="10"/>
    </row>
    <row r="709154" spans="14:14">
      <c r="N709154" s="10"/>
    </row>
    <row r="709155" spans="14:14">
      <c r="N709155" s="10"/>
    </row>
    <row r="709156" spans="14:14">
      <c r="N709156" s="10"/>
    </row>
    <row r="709157" spans="14:14">
      <c r="N709157" s="10"/>
    </row>
    <row r="709158" spans="14:14">
      <c r="N709158" s="10"/>
    </row>
    <row r="709159" spans="14:14">
      <c r="N709159" s="10"/>
    </row>
    <row r="709160" spans="14:14">
      <c r="N709160" s="10"/>
    </row>
    <row r="709161" spans="14:14">
      <c r="N709161" s="10"/>
    </row>
    <row r="709162" spans="14:14">
      <c r="N709162" s="10"/>
    </row>
    <row r="709163" spans="14:14">
      <c r="N709163" s="10"/>
    </row>
    <row r="709164" spans="14:14">
      <c r="N709164" s="10"/>
    </row>
    <row r="709165" spans="14:14">
      <c r="N709165" s="10"/>
    </row>
    <row r="709166" spans="14:14">
      <c r="N709166" s="10"/>
    </row>
    <row r="709167" spans="14:14">
      <c r="N709167" s="10"/>
    </row>
    <row r="709168" spans="14:14">
      <c r="N709168" s="10"/>
    </row>
    <row r="709169" spans="14:14">
      <c r="N709169" s="10"/>
    </row>
    <row r="709170" spans="14:14">
      <c r="N709170" s="10"/>
    </row>
    <row r="709171" spans="14:14">
      <c r="N709171" s="10"/>
    </row>
    <row r="709172" spans="14:14">
      <c r="N709172" s="10"/>
    </row>
    <row r="709173" spans="14:14">
      <c r="N709173" s="10"/>
    </row>
    <row r="709174" spans="14:14">
      <c r="N709174" s="10"/>
    </row>
    <row r="709175" spans="14:14">
      <c r="N709175" s="10"/>
    </row>
    <row r="709176" spans="14:14">
      <c r="N709176" s="10"/>
    </row>
    <row r="709177" spans="14:14">
      <c r="N709177" s="10"/>
    </row>
    <row r="709178" spans="14:14">
      <c r="N709178" s="10"/>
    </row>
    <row r="709179" spans="14:14">
      <c r="N709179" s="10"/>
    </row>
    <row r="709180" spans="14:14">
      <c r="N709180" s="10"/>
    </row>
    <row r="709181" spans="14:14">
      <c r="N709181" s="10"/>
    </row>
    <row r="709182" spans="14:14">
      <c r="N709182" s="10"/>
    </row>
    <row r="709183" spans="14:14">
      <c r="N709183" s="10"/>
    </row>
    <row r="709184" spans="14:14">
      <c r="N709184" s="10"/>
    </row>
    <row r="709185" spans="14:14">
      <c r="N709185" s="10"/>
    </row>
    <row r="709186" spans="14:14">
      <c r="N709186" s="10"/>
    </row>
    <row r="709187" spans="14:14">
      <c r="N709187" s="10"/>
    </row>
    <row r="709188" spans="14:14">
      <c r="N709188" s="10"/>
    </row>
    <row r="709189" spans="14:14">
      <c r="N709189" s="10"/>
    </row>
    <row r="709190" spans="14:14">
      <c r="N709190" s="10"/>
    </row>
    <row r="709191" spans="14:14">
      <c r="N709191" s="10"/>
    </row>
    <row r="709192" spans="14:14">
      <c r="N709192" s="10"/>
    </row>
    <row r="709193" spans="14:14">
      <c r="N709193" s="10"/>
    </row>
    <row r="709194" spans="14:14">
      <c r="N709194" s="10"/>
    </row>
    <row r="709195" spans="14:14">
      <c r="N709195" s="10"/>
    </row>
    <row r="709196" spans="14:14">
      <c r="N709196" s="10"/>
    </row>
    <row r="709197" spans="14:14">
      <c r="N709197" s="10"/>
    </row>
    <row r="709198" spans="14:14">
      <c r="N709198" s="10"/>
    </row>
    <row r="709199" spans="14:14">
      <c r="N709199" s="10"/>
    </row>
    <row r="709200" spans="14:14">
      <c r="N709200" s="10"/>
    </row>
    <row r="709201" spans="14:14">
      <c r="N709201" s="10"/>
    </row>
    <row r="709202" spans="14:14">
      <c r="N709202" s="10"/>
    </row>
    <row r="709203" spans="14:14">
      <c r="N709203" s="10"/>
    </row>
    <row r="709204" spans="14:14">
      <c r="N709204" s="10"/>
    </row>
    <row r="709205" spans="14:14">
      <c r="N709205" s="10"/>
    </row>
    <row r="709206" spans="14:14">
      <c r="N709206" s="10"/>
    </row>
    <row r="709207" spans="14:14">
      <c r="N709207" s="10"/>
    </row>
    <row r="709208" spans="14:14">
      <c r="N709208" s="10"/>
    </row>
    <row r="709209" spans="14:14">
      <c r="N709209" s="10"/>
    </row>
    <row r="709210" spans="14:14">
      <c r="N709210" s="10"/>
    </row>
    <row r="709211" spans="14:14">
      <c r="N709211" s="10"/>
    </row>
    <row r="709212" spans="14:14">
      <c r="N709212" s="10"/>
    </row>
    <row r="709213" spans="14:14">
      <c r="N709213" s="10"/>
    </row>
    <row r="709214" spans="14:14">
      <c r="N709214" s="10"/>
    </row>
    <row r="709215" spans="14:14">
      <c r="N709215" s="10"/>
    </row>
    <row r="709216" spans="14:14">
      <c r="N709216" s="10"/>
    </row>
    <row r="709217" spans="14:14">
      <c r="N709217" s="10"/>
    </row>
    <row r="709218" spans="14:14">
      <c r="N709218" s="10"/>
    </row>
    <row r="709219" spans="14:14">
      <c r="N709219" s="10"/>
    </row>
    <row r="709220" spans="14:14">
      <c r="N709220" s="10"/>
    </row>
    <row r="709221" spans="14:14">
      <c r="N709221" s="10"/>
    </row>
    <row r="709222" spans="14:14">
      <c r="N709222" s="10"/>
    </row>
    <row r="709223" spans="14:14">
      <c r="N709223" s="10"/>
    </row>
    <row r="709224" spans="14:14">
      <c r="N709224" s="10"/>
    </row>
    <row r="709225" spans="14:14">
      <c r="N709225" s="10"/>
    </row>
    <row r="709226" spans="14:14">
      <c r="N709226" s="10"/>
    </row>
    <row r="709227" spans="14:14">
      <c r="N709227" s="10"/>
    </row>
    <row r="709228" spans="14:14">
      <c r="N709228" s="10"/>
    </row>
    <row r="709229" spans="14:14">
      <c r="N709229" s="10"/>
    </row>
    <row r="709230" spans="14:14">
      <c r="N709230" s="10"/>
    </row>
    <row r="709231" spans="14:14">
      <c r="N709231" s="10"/>
    </row>
    <row r="709232" spans="14:14">
      <c r="N709232" s="10"/>
    </row>
    <row r="709233" spans="14:14">
      <c r="N709233" s="10"/>
    </row>
    <row r="709234" spans="14:14">
      <c r="N709234" s="10"/>
    </row>
    <row r="709235" spans="14:14">
      <c r="N709235" s="10"/>
    </row>
    <row r="709236" spans="14:14">
      <c r="N709236" s="10"/>
    </row>
    <row r="709237" spans="14:14">
      <c r="N709237" s="10"/>
    </row>
    <row r="709238" spans="14:14">
      <c r="N709238" s="10"/>
    </row>
    <row r="709239" spans="14:14">
      <c r="N709239" s="10"/>
    </row>
    <row r="709240" spans="14:14">
      <c r="N709240" s="10"/>
    </row>
    <row r="709241" spans="14:14">
      <c r="N709241" s="10"/>
    </row>
    <row r="709242" spans="14:14">
      <c r="N709242" s="10"/>
    </row>
    <row r="709243" spans="14:14">
      <c r="N709243" s="10"/>
    </row>
    <row r="709244" spans="14:14">
      <c r="N709244" s="10"/>
    </row>
    <row r="709245" spans="14:14">
      <c r="N709245" s="10"/>
    </row>
    <row r="709246" spans="14:14">
      <c r="N709246" s="10"/>
    </row>
    <row r="709247" spans="14:14">
      <c r="N709247" s="10"/>
    </row>
    <row r="709248" spans="14:14">
      <c r="N709248" s="10"/>
    </row>
    <row r="709249" spans="14:14">
      <c r="N709249" s="10"/>
    </row>
    <row r="709250" spans="14:14">
      <c r="N709250" s="10"/>
    </row>
    <row r="709251" spans="14:14">
      <c r="N709251" s="10"/>
    </row>
    <row r="709252" spans="14:14">
      <c r="N709252" s="10"/>
    </row>
    <row r="709253" spans="14:14">
      <c r="N709253" s="10"/>
    </row>
    <row r="709254" spans="14:14">
      <c r="N709254" s="10"/>
    </row>
    <row r="709255" spans="14:14">
      <c r="N709255" s="10"/>
    </row>
    <row r="709256" spans="14:14">
      <c r="N709256" s="10"/>
    </row>
    <row r="709257" spans="14:14">
      <c r="N709257" s="10"/>
    </row>
    <row r="709258" spans="14:14">
      <c r="N709258" s="10"/>
    </row>
    <row r="709259" spans="14:14">
      <c r="N709259" s="10"/>
    </row>
    <row r="709260" spans="14:14">
      <c r="N709260" s="10"/>
    </row>
    <row r="709261" spans="14:14">
      <c r="N709261" s="10"/>
    </row>
    <row r="709262" spans="14:14">
      <c r="N709262" s="10"/>
    </row>
    <row r="709263" spans="14:14">
      <c r="N709263" s="10"/>
    </row>
    <row r="709264" spans="14:14">
      <c r="N709264" s="10"/>
    </row>
    <row r="709265" spans="14:14">
      <c r="N709265" s="10"/>
    </row>
    <row r="709266" spans="14:14">
      <c r="N709266" s="10"/>
    </row>
    <row r="709267" spans="14:14">
      <c r="N709267" s="10"/>
    </row>
    <row r="709268" spans="14:14">
      <c r="N709268" s="10"/>
    </row>
    <row r="709269" spans="14:14">
      <c r="N709269" s="10"/>
    </row>
    <row r="709270" spans="14:14">
      <c r="N709270" s="10"/>
    </row>
    <row r="709271" spans="14:14">
      <c r="N709271" s="10"/>
    </row>
    <row r="709272" spans="14:14">
      <c r="N709272" s="10"/>
    </row>
    <row r="709273" spans="14:14">
      <c r="N709273" s="10"/>
    </row>
    <row r="709274" spans="14:14">
      <c r="N709274" s="10"/>
    </row>
    <row r="709275" spans="14:14">
      <c r="N709275" s="10"/>
    </row>
    <row r="709276" spans="14:14">
      <c r="N709276" s="10"/>
    </row>
    <row r="709277" spans="14:14">
      <c r="N709277" s="10"/>
    </row>
    <row r="709278" spans="14:14">
      <c r="N709278" s="10"/>
    </row>
    <row r="709279" spans="14:14">
      <c r="N709279" s="10"/>
    </row>
    <row r="709280" spans="14:14">
      <c r="N709280" s="10"/>
    </row>
    <row r="709281" spans="14:14">
      <c r="N709281" s="10"/>
    </row>
    <row r="709282" spans="14:14">
      <c r="N709282" s="10"/>
    </row>
    <row r="709283" spans="14:14">
      <c r="N709283" s="10"/>
    </row>
    <row r="709284" spans="14:14">
      <c r="N709284" s="10"/>
    </row>
    <row r="709285" spans="14:14">
      <c r="N709285" s="10"/>
    </row>
    <row r="709286" spans="14:14">
      <c r="N709286" s="10"/>
    </row>
    <row r="709287" spans="14:14">
      <c r="N709287" s="10"/>
    </row>
    <row r="709288" spans="14:14">
      <c r="N709288" s="10"/>
    </row>
    <row r="709289" spans="14:14">
      <c r="N709289" s="10"/>
    </row>
    <row r="709290" spans="14:14">
      <c r="N709290" s="10"/>
    </row>
    <row r="709291" spans="14:14">
      <c r="N709291" s="10"/>
    </row>
    <row r="709292" spans="14:14">
      <c r="N709292" s="10"/>
    </row>
    <row r="709293" spans="14:14">
      <c r="N709293" s="10"/>
    </row>
    <row r="709294" spans="14:14">
      <c r="N709294" s="10"/>
    </row>
    <row r="709295" spans="14:14">
      <c r="N709295" s="10"/>
    </row>
    <row r="709296" spans="14:14">
      <c r="N709296" s="10"/>
    </row>
    <row r="709297" spans="14:14">
      <c r="N709297" s="10"/>
    </row>
    <row r="709298" spans="14:14">
      <c r="N709298" s="10"/>
    </row>
    <row r="709299" spans="14:14">
      <c r="N709299" s="10"/>
    </row>
    <row r="709300" spans="14:14">
      <c r="N709300" s="10"/>
    </row>
    <row r="709301" spans="14:14">
      <c r="N709301" s="10"/>
    </row>
    <row r="709302" spans="14:14">
      <c r="N709302" s="10"/>
    </row>
    <row r="709303" spans="14:14">
      <c r="N709303" s="10"/>
    </row>
    <row r="709304" spans="14:14">
      <c r="N709304" s="10"/>
    </row>
    <row r="709305" spans="14:14">
      <c r="N709305" s="10"/>
    </row>
    <row r="709306" spans="14:14">
      <c r="N709306" s="10"/>
    </row>
    <row r="709307" spans="14:14">
      <c r="N709307" s="10"/>
    </row>
    <row r="709308" spans="14:14">
      <c r="N709308" s="10"/>
    </row>
    <row r="709309" spans="14:14">
      <c r="N709309" s="10"/>
    </row>
    <row r="709310" spans="14:14">
      <c r="N709310" s="10"/>
    </row>
    <row r="709311" spans="14:14">
      <c r="N709311" s="10"/>
    </row>
    <row r="709312" spans="14:14">
      <c r="N709312" s="10"/>
    </row>
    <row r="709313" spans="14:14">
      <c r="N709313" s="10"/>
    </row>
    <row r="709314" spans="14:14">
      <c r="N709314" s="10"/>
    </row>
    <row r="709315" spans="14:14">
      <c r="N709315" s="10"/>
    </row>
    <row r="709316" spans="14:14">
      <c r="N709316" s="10"/>
    </row>
    <row r="709317" spans="14:14">
      <c r="N709317" s="10"/>
    </row>
    <row r="709318" spans="14:14">
      <c r="N709318" s="10"/>
    </row>
    <row r="709319" spans="14:14">
      <c r="N709319" s="10"/>
    </row>
    <row r="709320" spans="14:14">
      <c r="N709320" s="10"/>
    </row>
    <row r="709321" spans="14:14">
      <c r="N709321" s="10"/>
    </row>
    <row r="709322" spans="14:14">
      <c r="N709322" s="10"/>
    </row>
    <row r="709323" spans="14:14">
      <c r="N709323" s="10"/>
    </row>
    <row r="709324" spans="14:14">
      <c r="N709324" s="10"/>
    </row>
    <row r="709325" spans="14:14">
      <c r="N709325" s="10"/>
    </row>
    <row r="709326" spans="14:14">
      <c r="N709326" s="10"/>
    </row>
    <row r="709327" spans="14:14">
      <c r="N709327" s="10"/>
    </row>
    <row r="709328" spans="14:14">
      <c r="N709328" s="10"/>
    </row>
    <row r="709329" spans="14:14">
      <c r="N709329" s="10"/>
    </row>
    <row r="709330" spans="14:14">
      <c r="N709330" s="10"/>
    </row>
    <row r="709331" spans="14:14">
      <c r="N709331" s="10"/>
    </row>
    <row r="709332" spans="14:14">
      <c r="N709332" s="10"/>
    </row>
    <row r="709333" spans="14:14">
      <c r="N709333" s="10"/>
    </row>
    <row r="709334" spans="14:14">
      <c r="N709334" s="10"/>
    </row>
    <row r="709335" spans="14:14">
      <c r="N709335" s="10"/>
    </row>
    <row r="709336" spans="14:14">
      <c r="N709336" s="10"/>
    </row>
    <row r="709337" spans="14:14">
      <c r="N709337" s="10"/>
    </row>
    <row r="709338" spans="14:14">
      <c r="N709338" s="10"/>
    </row>
    <row r="709339" spans="14:14">
      <c r="N709339" s="10"/>
    </row>
    <row r="709340" spans="14:14">
      <c r="N709340" s="10"/>
    </row>
    <row r="709341" spans="14:14">
      <c r="N709341" s="10"/>
    </row>
    <row r="709342" spans="14:14">
      <c r="N709342" s="10"/>
    </row>
    <row r="709343" spans="14:14">
      <c r="N709343" s="10"/>
    </row>
    <row r="709344" spans="14:14">
      <c r="N709344" s="10"/>
    </row>
    <row r="709345" spans="14:14">
      <c r="N709345" s="10"/>
    </row>
    <row r="709346" spans="14:14">
      <c r="N709346" s="10"/>
    </row>
    <row r="709347" spans="14:14">
      <c r="N709347" s="10"/>
    </row>
    <row r="709348" spans="14:14">
      <c r="N709348" s="10"/>
    </row>
    <row r="709349" spans="14:14">
      <c r="N709349" s="10"/>
    </row>
    <row r="709350" spans="14:14">
      <c r="N709350" s="10"/>
    </row>
    <row r="709351" spans="14:14">
      <c r="N709351" s="10"/>
    </row>
    <row r="709352" spans="14:14">
      <c r="N709352" s="10"/>
    </row>
    <row r="709353" spans="14:14">
      <c r="N709353" s="10"/>
    </row>
    <row r="709354" spans="14:14">
      <c r="N709354" s="10"/>
    </row>
    <row r="709355" spans="14:14">
      <c r="N709355" s="10"/>
    </row>
    <row r="709356" spans="14:14">
      <c r="N709356" s="10"/>
    </row>
    <row r="709357" spans="14:14">
      <c r="N709357" s="10"/>
    </row>
    <row r="709358" spans="14:14">
      <c r="N709358" s="10"/>
    </row>
    <row r="709359" spans="14:14">
      <c r="N709359" s="10"/>
    </row>
    <row r="709360" spans="14:14">
      <c r="N709360" s="10"/>
    </row>
    <row r="709361" spans="14:14">
      <c r="N709361" s="10"/>
    </row>
    <row r="709362" spans="14:14">
      <c r="N709362" s="10"/>
    </row>
    <row r="709363" spans="14:14">
      <c r="N709363" s="10"/>
    </row>
    <row r="709364" spans="14:14">
      <c r="N709364" s="10"/>
    </row>
    <row r="709365" spans="14:14">
      <c r="N709365" s="10"/>
    </row>
    <row r="709366" spans="14:14">
      <c r="N709366" s="10"/>
    </row>
    <row r="709367" spans="14:14">
      <c r="N709367" s="10"/>
    </row>
    <row r="709368" spans="14:14">
      <c r="N709368" s="10"/>
    </row>
    <row r="709369" spans="14:14">
      <c r="N709369" s="10"/>
    </row>
    <row r="709370" spans="14:14">
      <c r="N709370" s="10"/>
    </row>
    <row r="709371" spans="14:14">
      <c r="N709371" s="10"/>
    </row>
    <row r="709372" spans="14:14">
      <c r="N709372" s="10"/>
    </row>
    <row r="709373" spans="14:14">
      <c r="N709373" s="10"/>
    </row>
    <row r="709374" spans="14:14">
      <c r="N709374" s="10"/>
    </row>
    <row r="709375" spans="14:14">
      <c r="N709375" s="10"/>
    </row>
    <row r="709376" spans="14:14">
      <c r="N709376" s="10"/>
    </row>
    <row r="709377" spans="14:14">
      <c r="N709377" s="10"/>
    </row>
    <row r="709378" spans="14:14">
      <c r="N709378" s="10"/>
    </row>
    <row r="709379" spans="14:14">
      <c r="N709379" s="10"/>
    </row>
    <row r="709380" spans="14:14">
      <c r="N709380" s="10"/>
    </row>
    <row r="709381" spans="14:14">
      <c r="N709381" s="10"/>
    </row>
    <row r="709382" spans="14:14">
      <c r="N709382" s="10"/>
    </row>
    <row r="709383" spans="14:14">
      <c r="N709383" s="10"/>
    </row>
    <row r="709384" spans="14:14">
      <c r="N709384" s="10"/>
    </row>
    <row r="709385" spans="14:14">
      <c r="N709385" s="10"/>
    </row>
    <row r="709386" spans="14:14">
      <c r="N709386" s="10"/>
    </row>
    <row r="709387" spans="14:14">
      <c r="N709387" s="10"/>
    </row>
    <row r="709388" spans="14:14">
      <c r="N709388" s="10"/>
    </row>
    <row r="709389" spans="14:14">
      <c r="N709389" s="10"/>
    </row>
    <row r="709390" spans="14:14">
      <c r="N709390" s="10"/>
    </row>
    <row r="709391" spans="14:14">
      <c r="N709391" s="10"/>
    </row>
    <row r="709392" spans="14:14">
      <c r="N709392" s="10"/>
    </row>
    <row r="709393" spans="14:14">
      <c r="N709393" s="10"/>
    </row>
    <row r="709394" spans="14:14">
      <c r="N709394" s="10"/>
    </row>
    <row r="709395" spans="14:14">
      <c r="N709395" s="10"/>
    </row>
    <row r="709396" spans="14:14">
      <c r="N709396" s="10"/>
    </row>
    <row r="709397" spans="14:14">
      <c r="N709397" s="10"/>
    </row>
    <row r="709398" spans="14:14">
      <c r="N709398" s="10"/>
    </row>
    <row r="709399" spans="14:14">
      <c r="N709399" s="10"/>
    </row>
    <row r="709400" spans="14:14">
      <c r="N709400" s="10"/>
    </row>
    <row r="709401" spans="14:14">
      <c r="N709401" s="10"/>
    </row>
    <row r="709402" spans="14:14">
      <c r="N709402" s="10"/>
    </row>
    <row r="709403" spans="14:14">
      <c r="N709403" s="10"/>
    </row>
    <row r="709404" spans="14:14">
      <c r="N709404" s="10"/>
    </row>
    <row r="709405" spans="14:14">
      <c r="N709405" s="10"/>
    </row>
    <row r="709406" spans="14:14">
      <c r="N709406" s="10"/>
    </row>
    <row r="709407" spans="14:14">
      <c r="N709407" s="10"/>
    </row>
    <row r="709408" spans="14:14">
      <c r="N709408" s="10"/>
    </row>
    <row r="709409" spans="14:14">
      <c r="N709409" s="10"/>
    </row>
    <row r="709410" spans="14:14">
      <c r="N709410" s="10"/>
    </row>
    <row r="709411" spans="14:14">
      <c r="N709411" s="10"/>
    </row>
    <row r="709412" spans="14:14">
      <c r="N709412" s="10"/>
    </row>
    <row r="709413" spans="14:14">
      <c r="N709413" s="10"/>
    </row>
    <row r="709414" spans="14:14">
      <c r="N709414" s="10"/>
    </row>
    <row r="709415" spans="14:14">
      <c r="N709415" s="10"/>
    </row>
    <row r="709416" spans="14:14">
      <c r="N709416" s="10"/>
    </row>
    <row r="709417" spans="14:14">
      <c r="N709417" s="10"/>
    </row>
    <row r="709418" spans="14:14">
      <c r="N709418" s="10"/>
    </row>
    <row r="709419" spans="14:14">
      <c r="N709419" s="10"/>
    </row>
    <row r="709420" spans="14:14">
      <c r="N709420" s="10"/>
    </row>
    <row r="709421" spans="14:14">
      <c r="N709421" s="10"/>
    </row>
    <row r="709422" spans="14:14">
      <c r="N709422" s="10"/>
    </row>
    <row r="709423" spans="14:14">
      <c r="N709423" s="10"/>
    </row>
    <row r="709424" spans="14:14">
      <c r="N709424" s="10"/>
    </row>
    <row r="709425" spans="14:14">
      <c r="N709425" s="10"/>
    </row>
    <row r="709426" spans="14:14">
      <c r="N709426" s="10"/>
    </row>
    <row r="709427" spans="14:14">
      <c r="N709427" s="10"/>
    </row>
    <row r="709428" spans="14:14">
      <c r="N709428" s="10"/>
    </row>
    <row r="709429" spans="14:14">
      <c r="N709429" s="10"/>
    </row>
    <row r="709430" spans="14:14">
      <c r="N709430" s="10"/>
    </row>
    <row r="709431" spans="14:14">
      <c r="N709431" s="10"/>
    </row>
    <row r="709432" spans="14:14">
      <c r="N709432" s="10"/>
    </row>
    <row r="709433" spans="14:14">
      <c r="N709433" s="10"/>
    </row>
    <row r="709434" spans="14:14">
      <c r="N709434" s="10"/>
    </row>
    <row r="709435" spans="14:14">
      <c r="N709435" s="10"/>
    </row>
    <row r="709436" spans="14:14">
      <c r="N709436" s="10"/>
    </row>
    <row r="709437" spans="14:14">
      <c r="N709437" s="10"/>
    </row>
    <row r="709438" spans="14:14">
      <c r="N709438" s="10"/>
    </row>
    <row r="709439" spans="14:14">
      <c r="N709439" s="10"/>
    </row>
    <row r="709440" spans="14:14">
      <c r="N709440" s="10"/>
    </row>
    <row r="709441" spans="14:14">
      <c r="N709441" s="10"/>
    </row>
    <row r="709442" spans="14:14">
      <c r="N709442" s="10"/>
    </row>
    <row r="709443" spans="14:14">
      <c r="N709443" s="10"/>
    </row>
    <row r="709444" spans="14:14">
      <c r="N709444" s="10"/>
    </row>
    <row r="709445" spans="14:14">
      <c r="N709445" s="10"/>
    </row>
    <row r="709446" spans="14:14">
      <c r="N709446" s="10"/>
    </row>
    <row r="709447" spans="14:14">
      <c r="N709447" s="10"/>
    </row>
    <row r="709448" spans="14:14">
      <c r="N709448" s="10"/>
    </row>
    <row r="709449" spans="14:14">
      <c r="N709449" s="10"/>
    </row>
    <row r="709450" spans="14:14">
      <c r="N709450" s="10"/>
    </row>
    <row r="709451" spans="14:14">
      <c r="N709451" s="10"/>
    </row>
    <row r="709452" spans="14:14">
      <c r="N709452" s="10"/>
    </row>
    <row r="709453" spans="14:14">
      <c r="N709453" s="10"/>
    </row>
    <row r="709454" spans="14:14">
      <c r="N709454" s="10"/>
    </row>
    <row r="709455" spans="14:14">
      <c r="N709455" s="10"/>
    </row>
    <row r="709456" spans="14:14">
      <c r="N709456" s="10"/>
    </row>
    <row r="709457" spans="14:14">
      <c r="N709457" s="10"/>
    </row>
    <row r="709458" spans="14:14">
      <c r="N709458" s="10"/>
    </row>
    <row r="709459" spans="14:14">
      <c r="N709459" s="10"/>
    </row>
    <row r="709460" spans="14:14">
      <c r="N709460" s="10"/>
    </row>
    <row r="709461" spans="14:14">
      <c r="N709461" s="10"/>
    </row>
    <row r="709462" spans="14:14">
      <c r="N709462" s="10"/>
    </row>
    <row r="709463" spans="14:14">
      <c r="N709463" s="10"/>
    </row>
    <row r="709464" spans="14:14">
      <c r="N709464" s="10"/>
    </row>
    <row r="709465" spans="14:14">
      <c r="N709465" s="10"/>
    </row>
    <row r="709466" spans="14:14">
      <c r="N709466" s="10"/>
    </row>
    <row r="709467" spans="14:14">
      <c r="N709467" s="10"/>
    </row>
    <row r="709468" spans="14:14">
      <c r="N709468" s="10"/>
    </row>
    <row r="709469" spans="14:14">
      <c r="N709469" s="10"/>
    </row>
    <row r="709470" spans="14:14">
      <c r="N709470" s="10"/>
    </row>
    <row r="709471" spans="14:14">
      <c r="N709471" s="10"/>
    </row>
    <row r="709472" spans="14:14">
      <c r="N709472" s="10"/>
    </row>
    <row r="709473" spans="14:14">
      <c r="N709473" s="10"/>
    </row>
    <row r="709474" spans="14:14">
      <c r="N709474" s="10"/>
    </row>
    <row r="709475" spans="14:14">
      <c r="N709475" s="10"/>
    </row>
    <row r="709476" spans="14:14">
      <c r="N709476" s="10"/>
    </row>
    <row r="709477" spans="14:14">
      <c r="N709477" s="10"/>
    </row>
    <row r="709478" spans="14:14">
      <c r="N709478" s="10"/>
    </row>
    <row r="709479" spans="14:14">
      <c r="N709479" s="10"/>
    </row>
    <row r="709480" spans="14:14">
      <c r="N709480" s="10"/>
    </row>
    <row r="709481" spans="14:14">
      <c r="N709481" s="10"/>
    </row>
    <row r="709482" spans="14:14">
      <c r="N709482" s="10"/>
    </row>
    <row r="709483" spans="14:14">
      <c r="N709483" s="10"/>
    </row>
    <row r="709484" spans="14:14">
      <c r="N709484" s="10"/>
    </row>
    <row r="709485" spans="14:14">
      <c r="N709485" s="10"/>
    </row>
    <row r="709486" spans="14:14">
      <c r="N709486" s="10"/>
    </row>
    <row r="709487" spans="14:14">
      <c r="N709487" s="10"/>
    </row>
    <row r="709488" spans="14:14">
      <c r="N709488" s="10"/>
    </row>
    <row r="709489" spans="14:14">
      <c r="N709489" s="10"/>
    </row>
    <row r="709490" spans="14:14">
      <c r="N709490" s="10"/>
    </row>
    <row r="709491" spans="14:14">
      <c r="N709491" s="10"/>
    </row>
    <row r="709492" spans="14:14">
      <c r="N709492" s="10"/>
    </row>
    <row r="709493" spans="14:14">
      <c r="N709493" s="10"/>
    </row>
    <row r="709494" spans="14:14">
      <c r="N709494" s="10"/>
    </row>
    <row r="709495" spans="14:14">
      <c r="N709495" s="10"/>
    </row>
    <row r="709496" spans="14:14">
      <c r="N709496" s="10"/>
    </row>
    <row r="709497" spans="14:14">
      <c r="N709497" s="10"/>
    </row>
    <row r="709498" spans="14:14">
      <c r="N709498" s="10"/>
    </row>
    <row r="709499" spans="14:14">
      <c r="N709499" s="10"/>
    </row>
    <row r="709500" spans="14:14">
      <c r="N709500" s="10"/>
    </row>
    <row r="709501" spans="14:14">
      <c r="N709501" s="10"/>
    </row>
    <row r="709502" spans="14:14">
      <c r="N709502" s="10"/>
    </row>
    <row r="709503" spans="14:14">
      <c r="N709503" s="10"/>
    </row>
    <row r="709504" spans="14:14">
      <c r="N709504" s="10"/>
    </row>
    <row r="709505" spans="14:14">
      <c r="N709505" s="10"/>
    </row>
    <row r="709506" spans="14:14">
      <c r="N709506" s="10"/>
    </row>
    <row r="709507" spans="14:14">
      <c r="N709507" s="10"/>
    </row>
    <row r="709508" spans="14:14">
      <c r="N709508" s="10"/>
    </row>
    <row r="709509" spans="14:14">
      <c r="N709509" s="10"/>
    </row>
    <row r="709510" spans="14:14">
      <c r="N709510" s="10"/>
    </row>
    <row r="709511" spans="14:14">
      <c r="N709511" s="10"/>
    </row>
    <row r="709512" spans="14:14">
      <c r="N709512" s="10"/>
    </row>
    <row r="709513" spans="14:14">
      <c r="N709513" s="10"/>
    </row>
    <row r="709514" spans="14:14">
      <c r="N709514" s="10"/>
    </row>
    <row r="709515" spans="14:14">
      <c r="N709515" s="10"/>
    </row>
    <row r="709516" spans="14:14">
      <c r="N709516" s="10"/>
    </row>
    <row r="709517" spans="14:14">
      <c r="N709517" s="10"/>
    </row>
    <row r="709518" spans="14:14">
      <c r="N709518" s="10"/>
    </row>
    <row r="709519" spans="14:14">
      <c r="N709519" s="10"/>
    </row>
    <row r="709520" spans="14:14">
      <c r="N709520" s="10"/>
    </row>
    <row r="709521" spans="14:14">
      <c r="N709521" s="10"/>
    </row>
    <row r="709522" spans="14:14">
      <c r="N709522" s="10"/>
    </row>
    <row r="709523" spans="14:14">
      <c r="N709523" s="10"/>
    </row>
    <row r="709524" spans="14:14">
      <c r="N709524" s="10"/>
    </row>
    <row r="709525" spans="14:14">
      <c r="N709525" s="10"/>
    </row>
    <row r="709526" spans="14:14">
      <c r="N709526" s="10"/>
    </row>
    <row r="709527" spans="14:14">
      <c r="N709527" s="10"/>
    </row>
    <row r="709528" spans="14:14">
      <c r="N709528" s="10"/>
    </row>
    <row r="709529" spans="14:14">
      <c r="N709529" s="10"/>
    </row>
    <row r="709530" spans="14:14">
      <c r="N709530" s="10"/>
    </row>
    <row r="709531" spans="14:14">
      <c r="N709531" s="10"/>
    </row>
    <row r="709532" spans="14:14">
      <c r="N709532" s="10"/>
    </row>
    <row r="709533" spans="14:14">
      <c r="N709533" s="10"/>
    </row>
    <row r="709534" spans="14:14">
      <c r="N709534" s="10"/>
    </row>
    <row r="709535" spans="14:14">
      <c r="N709535" s="10"/>
    </row>
    <row r="709536" spans="14:14">
      <c r="N709536" s="10"/>
    </row>
    <row r="709537" spans="14:14">
      <c r="N709537" s="10"/>
    </row>
    <row r="709538" spans="14:14">
      <c r="N709538" s="10"/>
    </row>
    <row r="709539" spans="14:14">
      <c r="N709539" s="10"/>
    </row>
    <row r="709540" spans="14:14">
      <c r="N709540" s="10"/>
    </row>
    <row r="709541" spans="14:14">
      <c r="N709541" s="10"/>
    </row>
    <row r="709542" spans="14:14">
      <c r="N709542" s="10"/>
    </row>
    <row r="709543" spans="14:14">
      <c r="N709543" s="10"/>
    </row>
    <row r="709544" spans="14:14">
      <c r="N709544" s="10"/>
    </row>
    <row r="709545" spans="14:14">
      <c r="N709545" s="10"/>
    </row>
    <row r="709546" spans="14:14">
      <c r="N709546" s="10"/>
    </row>
    <row r="709547" spans="14:14">
      <c r="N709547" s="10"/>
    </row>
    <row r="709548" spans="14:14">
      <c r="N709548" s="10"/>
    </row>
    <row r="709549" spans="14:14">
      <c r="N709549" s="10"/>
    </row>
    <row r="709550" spans="14:14">
      <c r="N709550" s="10"/>
    </row>
    <row r="709551" spans="14:14">
      <c r="N709551" s="10"/>
    </row>
    <row r="709552" spans="14:14">
      <c r="N709552" s="10"/>
    </row>
    <row r="709553" spans="14:14">
      <c r="N709553" s="10"/>
    </row>
    <row r="709554" spans="14:14">
      <c r="N709554" s="10"/>
    </row>
    <row r="709555" spans="14:14">
      <c r="N709555" s="10"/>
    </row>
    <row r="709556" spans="14:14">
      <c r="N709556" s="10"/>
    </row>
    <row r="709557" spans="14:14">
      <c r="N709557" s="10"/>
    </row>
    <row r="709558" spans="14:14">
      <c r="N709558" s="10"/>
    </row>
    <row r="709559" spans="14:14">
      <c r="N709559" s="10"/>
    </row>
    <row r="709560" spans="14:14">
      <c r="N709560" s="10"/>
    </row>
    <row r="709561" spans="14:14">
      <c r="N709561" s="10"/>
    </row>
    <row r="709562" spans="14:14">
      <c r="N709562" s="10"/>
    </row>
    <row r="709563" spans="14:14">
      <c r="N709563" s="10"/>
    </row>
    <row r="709564" spans="14:14">
      <c r="N709564" s="10"/>
    </row>
    <row r="709565" spans="14:14">
      <c r="N709565" s="10"/>
    </row>
    <row r="709566" spans="14:14">
      <c r="N709566" s="10"/>
    </row>
    <row r="709567" spans="14:14">
      <c r="N709567" s="10"/>
    </row>
    <row r="709568" spans="14:14">
      <c r="N709568" s="10"/>
    </row>
    <row r="709569" spans="14:14">
      <c r="N709569" s="10"/>
    </row>
    <row r="709570" spans="14:14">
      <c r="N709570" s="10"/>
    </row>
    <row r="709571" spans="14:14">
      <c r="N709571" s="10"/>
    </row>
    <row r="709572" spans="14:14">
      <c r="N709572" s="10"/>
    </row>
    <row r="709573" spans="14:14">
      <c r="N709573" s="10"/>
    </row>
    <row r="709574" spans="14:14">
      <c r="N709574" s="10"/>
    </row>
    <row r="709575" spans="14:14">
      <c r="N709575" s="10"/>
    </row>
    <row r="709576" spans="14:14">
      <c r="N709576" s="10"/>
    </row>
    <row r="709577" spans="14:14">
      <c r="N709577" s="10"/>
    </row>
    <row r="709578" spans="14:14">
      <c r="N709578" s="10"/>
    </row>
    <row r="709579" spans="14:14">
      <c r="N709579" s="10"/>
    </row>
    <row r="709580" spans="14:14">
      <c r="N709580" s="10"/>
    </row>
    <row r="709581" spans="14:14">
      <c r="N709581" s="10"/>
    </row>
    <row r="709582" spans="14:14">
      <c r="N709582" s="10"/>
    </row>
    <row r="709583" spans="14:14">
      <c r="N709583" s="10"/>
    </row>
    <row r="709584" spans="14:14">
      <c r="N709584" s="10"/>
    </row>
    <row r="709585" spans="14:14">
      <c r="N709585" s="10"/>
    </row>
    <row r="709586" spans="14:14">
      <c r="N709586" s="10"/>
    </row>
    <row r="709587" spans="14:14">
      <c r="N709587" s="10"/>
    </row>
    <row r="709588" spans="14:14">
      <c r="N709588" s="10"/>
    </row>
    <row r="709589" spans="14:14">
      <c r="N709589" s="10"/>
    </row>
    <row r="709590" spans="14:14">
      <c r="N709590" s="10"/>
    </row>
    <row r="709591" spans="14:14">
      <c r="N709591" s="10"/>
    </row>
    <row r="709592" spans="14:14">
      <c r="N709592" s="10"/>
    </row>
    <row r="709593" spans="14:14">
      <c r="N709593" s="10"/>
    </row>
    <row r="709594" spans="14:14">
      <c r="N709594" s="10"/>
    </row>
    <row r="709595" spans="14:14">
      <c r="N709595" s="10"/>
    </row>
    <row r="709596" spans="14:14">
      <c r="N709596" s="10"/>
    </row>
    <row r="709597" spans="14:14">
      <c r="N709597" s="10"/>
    </row>
    <row r="709598" spans="14:14">
      <c r="N709598" s="10"/>
    </row>
    <row r="709599" spans="14:14">
      <c r="N709599" s="10"/>
    </row>
    <row r="709600" spans="14:14">
      <c r="N709600" s="10"/>
    </row>
    <row r="709601" spans="14:14">
      <c r="N709601" s="10"/>
    </row>
    <row r="709602" spans="14:14">
      <c r="N709602" s="10"/>
    </row>
    <row r="709603" spans="14:14">
      <c r="N709603" s="10"/>
    </row>
    <row r="709604" spans="14:14">
      <c r="N709604" s="10"/>
    </row>
    <row r="709605" spans="14:14">
      <c r="N709605" s="10"/>
    </row>
    <row r="709606" spans="14:14">
      <c r="N709606" s="10"/>
    </row>
    <row r="709607" spans="14:14">
      <c r="N709607" s="10"/>
    </row>
    <row r="709608" spans="14:14">
      <c r="N709608" s="10"/>
    </row>
    <row r="709609" spans="14:14">
      <c r="N709609" s="10"/>
    </row>
    <row r="709610" spans="14:14">
      <c r="N709610" s="10"/>
    </row>
    <row r="709611" spans="14:14">
      <c r="N709611" s="10"/>
    </row>
    <row r="709612" spans="14:14">
      <c r="N709612" s="10"/>
    </row>
    <row r="709613" spans="14:14">
      <c r="N709613" s="10"/>
    </row>
    <row r="709614" spans="14:14">
      <c r="N709614" s="10"/>
    </row>
    <row r="709615" spans="14:14">
      <c r="N709615" s="10"/>
    </row>
    <row r="709616" spans="14:14">
      <c r="N709616" s="10"/>
    </row>
    <row r="709617" spans="14:14">
      <c r="N709617" s="10"/>
    </row>
    <row r="709618" spans="14:14">
      <c r="N709618" s="10"/>
    </row>
    <row r="709619" spans="14:14">
      <c r="N709619" s="10"/>
    </row>
    <row r="709620" spans="14:14">
      <c r="N709620" s="10"/>
    </row>
    <row r="709621" spans="14:14">
      <c r="N709621" s="10"/>
    </row>
    <row r="709622" spans="14:14">
      <c r="N709622" s="10"/>
    </row>
    <row r="709623" spans="14:14">
      <c r="N709623" s="10"/>
    </row>
    <row r="709624" spans="14:14">
      <c r="N709624" s="10"/>
    </row>
    <row r="709625" spans="14:14">
      <c r="N709625" s="10"/>
    </row>
    <row r="709626" spans="14:14">
      <c r="N709626" s="10"/>
    </row>
    <row r="709627" spans="14:14">
      <c r="N709627" s="10"/>
    </row>
    <row r="709628" spans="14:14">
      <c r="N709628" s="10"/>
    </row>
    <row r="709629" spans="14:14">
      <c r="N709629" s="10"/>
    </row>
    <row r="709630" spans="14:14">
      <c r="N709630" s="10"/>
    </row>
    <row r="709631" spans="14:14">
      <c r="N709631" s="10"/>
    </row>
    <row r="709632" spans="14:14">
      <c r="N709632" s="10"/>
    </row>
    <row r="709633" spans="14:14">
      <c r="N709633" s="10"/>
    </row>
    <row r="709634" spans="14:14">
      <c r="N709634" s="10"/>
    </row>
    <row r="709635" spans="14:14">
      <c r="N709635" s="10"/>
    </row>
    <row r="709636" spans="14:14">
      <c r="N709636" s="10"/>
    </row>
    <row r="709637" spans="14:14">
      <c r="N709637" s="10"/>
    </row>
    <row r="709638" spans="14:14">
      <c r="N709638" s="10"/>
    </row>
    <row r="709639" spans="14:14">
      <c r="N709639" s="10"/>
    </row>
    <row r="709640" spans="14:14">
      <c r="N709640" s="10"/>
    </row>
    <row r="709641" spans="14:14">
      <c r="N709641" s="10"/>
    </row>
    <row r="709642" spans="14:14">
      <c r="N709642" s="10"/>
    </row>
    <row r="709643" spans="14:14">
      <c r="N709643" s="10"/>
    </row>
    <row r="709644" spans="14:14">
      <c r="N709644" s="10"/>
    </row>
    <row r="709645" spans="14:14">
      <c r="N709645" s="10"/>
    </row>
    <row r="709646" spans="14:14">
      <c r="N709646" s="10"/>
    </row>
    <row r="709647" spans="14:14">
      <c r="N709647" s="10"/>
    </row>
    <row r="709648" spans="14:14">
      <c r="N709648" s="10"/>
    </row>
    <row r="709649" spans="14:14">
      <c r="N709649" s="10"/>
    </row>
    <row r="709650" spans="14:14">
      <c r="N709650" s="10"/>
    </row>
    <row r="709651" spans="14:14">
      <c r="N709651" s="10"/>
    </row>
    <row r="709652" spans="14:14">
      <c r="N709652" s="10"/>
    </row>
    <row r="709653" spans="14:14">
      <c r="N709653" s="10"/>
    </row>
    <row r="709654" spans="14:14">
      <c r="N709654" s="10"/>
    </row>
    <row r="709655" spans="14:14">
      <c r="N709655" s="10"/>
    </row>
    <row r="709656" spans="14:14">
      <c r="N709656" s="10"/>
    </row>
    <row r="709657" spans="14:14">
      <c r="N709657" s="10"/>
    </row>
    <row r="709658" spans="14:14">
      <c r="N709658" s="10"/>
    </row>
    <row r="709659" spans="14:14">
      <c r="N709659" s="10"/>
    </row>
    <row r="709660" spans="14:14">
      <c r="N709660" s="10"/>
    </row>
    <row r="709661" spans="14:14">
      <c r="N709661" s="10"/>
    </row>
    <row r="709662" spans="14:14">
      <c r="N709662" s="10"/>
    </row>
    <row r="709663" spans="14:14">
      <c r="N709663" s="10"/>
    </row>
    <row r="709664" spans="14:14">
      <c r="N709664" s="10"/>
    </row>
    <row r="709665" spans="14:14">
      <c r="N709665" s="10"/>
    </row>
    <row r="709666" spans="14:14">
      <c r="N709666" s="10"/>
    </row>
    <row r="709667" spans="14:14">
      <c r="N709667" s="10"/>
    </row>
    <row r="709668" spans="14:14">
      <c r="N709668" s="10"/>
    </row>
    <row r="709669" spans="14:14">
      <c r="N709669" s="10"/>
    </row>
    <row r="709670" spans="14:14">
      <c r="N709670" s="10"/>
    </row>
    <row r="709671" spans="14:14">
      <c r="N709671" s="10"/>
    </row>
    <row r="709672" spans="14:14">
      <c r="N709672" s="10"/>
    </row>
    <row r="709673" spans="14:14">
      <c r="N709673" s="10"/>
    </row>
    <row r="709674" spans="14:14">
      <c r="N709674" s="10"/>
    </row>
    <row r="709675" spans="14:14">
      <c r="N709675" s="10"/>
    </row>
    <row r="709676" spans="14:14">
      <c r="N709676" s="10"/>
    </row>
    <row r="709677" spans="14:14">
      <c r="N709677" s="10"/>
    </row>
    <row r="709678" spans="14:14">
      <c r="N709678" s="10"/>
    </row>
    <row r="709679" spans="14:14">
      <c r="N709679" s="10"/>
    </row>
    <row r="709680" spans="14:14">
      <c r="N709680" s="10"/>
    </row>
    <row r="709681" spans="14:14">
      <c r="N709681" s="10"/>
    </row>
    <row r="709682" spans="14:14">
      <c r="N709682" s="10"/>
    </row>
    <row r="709683" spans="14:14">
      <c r="N709683" s="10"/>
    </row>
    <row r="709684" spans="14:14">
      <c r="N709684" s="10"/>
    </row>
    <row r="709685" spans="14:14">
      <c r="N709685" s="10"/>
    </row>
    <row r="709686" spans="14:14">
      <c r="N709686" s="10"/>
    </row>
    <row r="709687" spans="14:14">
      <c r="N709687" s="10"/>
    </row>
    <row r="709688" spans="14:14">
      <c r="N709688" s="10"/>
    </row>
    <row r="709689" spans="14:14">
      <c r="N709689" s="10"/>
    </row>
    <row r="709690" spans="14:14">
      <c r="N709690" s="10"/>
    </row>
    <row r="709691" spans="14:14">
      <c r="N709691" s="10"/>
    </row>
    <row r="709692" spans="14:14">
      <c r="N709692" s="10"/>
    </row>
    <row r="709693" spans="14:14">
      <c r="N709693" s="10"/>
    </row>
    <row r="709694" spans="14:14">
      <c r="N709694" s="10"/>
    </row>
    <row r="709695" spans="14:14">
      <c r="N709695" s="10"/>
    </row>
    <row r="709696" spans="14:14">
      <c r="N709696" s="10"/>
    </row>
    <row r="709697" spans="14:14">
      <c r="N709697" s="10"/>
    </row>
    <row r="709698" spans="14:14">
      <c r="N709698" s="10"/>
    </row>
    <row r="709699" spans="14:14">
      <c r="N709699" s="10"/>
    </row>
    <row r="709700" spans="14:14">
      <c r="N709700" s="10"/>
    </row>
    <row r="709701" spans="14:14">
      <c r="N709701" s="10"/>
    </row>
    <row r="709702" spans="14:14">
      <c r="N709702" s="10"/>
    </row>
    <row r="709703" spans="14:14">
      <c r="N709703" s="10"/>
    </row>
    <row r="709704" spans="14:14">
      <c r="N709704" s="10"/>
    </row>
    <row r="709705" spans="14:14">
      <c r="N709705" s="10"/>
    </row>
    <row r="709706" spans="14:14">
      <c r="N709706" s="10"/>
    </row>
    <row r="709707" spans="14:14">
      <c r="N709707" s="10"/>
    </row>
    <row r="709708" spans="14:14">
      <c r="N709708" s="10"/>
    </row>
    <row r="709709" spans="14:14">
      <c r="N709709" s="10"/>
    </row>
    <row r="709710" spans="14:14">
      <c r="N709710" s="10"/>
    </row>
    <row r="709711" spans="14:14">
      <c r="N709711" s="10"/>
    </row>
    <row r="709712" spans="14:14">
      <c r="N709712" s="10"/>
    </row>
    <row r="709713" spans="14:14">
      <c r="N709713" s="10"/>
    </row>
    <row r="709714" spans="14:14">
      <c r="N709714" s="10"/>
    </row>
    <row r="709715" spans="14:14">
      <c r="N709715" s="10"/>
    </row>
    <row r="709716" spans="14:14">
      <c r="N709716" s="10"/>
    </row>
    <row r="709717" spans="14:14">
      <c r="N709717" s="10"/>
    </row>
    <row r="709718" spans="14:14">
      <c r="N709718" s="10"/>
    </row>
    <row r="709719" spans="14:14">
      <c r="N709719" s="10"/>
    </row>
    <row r="709720" spans="14:14">
      <c r="N709720" s="10"/>
    </row>
    <row r="709721" spans="14:14">
      <c r="N709721" s="10"/>
    </row>
    <row r="709722" spans="14:14">
      <c r="N709722" s="10"/>
    </row>
    <row r="709723" spans="14:14">
      <c r="N709723" s="10"/>
    </row>
    <row r="709724" spans="14:14">
      <c r="N709724" s="10"/>
    </row>
    <row r="709725" spans="14:14">
      <c r="N709725" s="10"/>
    </row>
    <row r="709726" spans="14:14">
      <c r="N709726" s="10"/>
    </row>
    <row r="709727" spans="14:14">
      <c r="N709727" s="10"/>
    </row>
    <row r="709728" spans="14:14">
      <c r="N709728" s="10"/>
    </row>
    <row r="709729" spans="14:14">
      <c r="N709729" s="10"/>
    </row>
    <row r="709730" spans="14:14">
      <c r="N709730" s="10"/>
    </row>
    <row r="709731" spans="14:14">
      <c r="N709731" s="10"/>
    </row>
    <row r="709732" spans="14:14">
      <c r="N709732" s="10"/>
    </row>
    <row r="709733" spans="14:14">
      <c r="N709733" s="10"/>
    </row>
    <row r="709734" spans="14:14">
      <c r="N709734" s="10"/>
    </row>
    <row r="709735" spans="14:14">
      <c r="N709735" s="10"/>
    </row>
    <row r="709736" spans="14:14">
      <c r="N709736" s="10"/>
    </row>
    <row r="709737" spans="14:14">
      <c r="N709737" s="10"/>
    </row>
    <row r="709738" spans="14:14">
      <c r="N709738" s="10"/>
    </row>
    <row r="709739" spans="14:14">
      <c r="N709739" s="10"/>
    </row>
    <row r="709740" spans="14:14">
      <c r="N709740" s="10"/>
    </row>
    <row r="709741" spans="14:14">
      <c r="N709741" s="10"/>
    </row>
    <row r="709742" spans="14:14">
      <c r="N709742" s="10"/>
    </row>
    <row r="709743" spans="14:14">
      <c r="N709743" s="10"/>
    </row>
    <row r="709744" spans="14:14">
      <c r="N709744" s="10"/>
    </row>
    <row r="709745" spans="14:14">
      <c r="N709745" s="10"/>
    </row>
    <row r="709746" spans="14:14">
      <c r="N709746" s="10"/>
    </row>
    <row r="709747" spans="14:14">
      <c r="N709747" s="10"/>
    </row>
    <row r="709748" spans="14:14">
      <c r="N709748" s="10"/>
    </row>
    <row r="709749" spans="14:14">
      <c r="N709749" s="10"/>
    </row>
    <row r="709750" spans="14:14">
      <c r="N709750" s="10"/>
    </row>
    <row r="709751" spans="14:14">
      <c r="N709751" s="10"/>
    </row>
    <row r="709752" spans="14:14">
      <c r="N709752" s="10"/>
    </row>
    <row r="709753" spans="14:14">
      <c r="N709753" s="10"/>
    </row>
    <row r="709754" spans="14:14">
      <c r="N709754" s="10"/>
    </row>
    <row r="709755" spans="14:14">
      <c r="N709755" s="10"/>
    </row>
    <row r="709756" spans="14:14">
      <c r="N709756" s="10"/>
    </row>
    <row r="709757" spans="14:14">
      <c r="N709757" s="10"/>
    </row>
    <row r="709758" spans="14:14">
      <c r="N709758" s="10"/>
    </row>
    <row r="709759" spans="14:14">
      <c r="N709759" s="10"/>
    </row>
    <row r="709760" spans="14:14">
      <c r="N709760" s="10"/>
    </row>
    <row r="709761" spans="14:14">
      <c r="N709761" s="10"/>
    </row>
    <row r="709762" spans="14:14">
      <c r="N709762" s="10"/>
    </row>
    <row r="709763" spans="14:14">
      <c r="N709763" s="10"/>
    </row>
    <row r="709764" spans="14:14">
      <c r="N709764" s="10"/>
    </row>
    <row r="709765" spans="14:14">
      <c r="N709765" s="10"/>
    </row>
    <row r="709766" spans="14:14">
      <c r="N709766" s="10"/>
    </row>
    <row r="709767" spans="14:14">
      <c r="N709767" s="10"/>
    </row>
    <row r="709768" spans="14:14">
      <c r="N709768" s="10"/>
    </row>
    <row r="709769" spans="14:14">
      <c r="N709769" s="10"/>
    </row>
    <row r="709770" spans="14:14">
      <c r="N709770" s="10"/>
    </row>
    <row r="709771" spans="14:14">
      <c r="N709771" s="10"/>
    </row>
    <row r="709772" spans="14:14">
      <c r="N709772" s="10"/>
    </row>
    <row r="709773" spans="14:14">
      <c r="N709773" s="10"/>
    </row>
    <row r="709774" spans="14:14">
      <c r="N709774" s="10"/>
    </row>
    <row r="709775" spans="14:14">
      <c r="N709775" s="10"/>
    </row>
    <row r="709776" spans="14:14">
      <c r="N709776" s="10"/>
    </row>
    <row r="709777" spans="14:14">
      <c r="N709777" s="10"/>
    </row>
    <row r="709778" spans="14:14">
      <c r="N709778" s="10"/>
    </row>
    <row r="709779" spans="14:14">
      <c r="N709779" s="10"/>
    </row>
    <row r="709780" spans="14:14">
      <c r="N709780" s="10"/>
    </row>
    <row r="709781" spans="14:14">
      <c r="N709781" s="10"/>
    </row>
    <row r="709782" spans="14:14">
      <c r="N709782" s="10"/>
    </row>
    <row r="709783" spans="14:14">
      <c r="N709783" s="10"/>
    </row>
    <row r="709784" spans="14:14">
      <c r="N709784" s="10"/>
    </row>
    <row r="709785" spans="14:14">
      <c r="N709785" s="10"/>
    </row>
    <row r="709786" spans="14:14">
      <c r="N709786" s="10"/>
    </row>
    <row r="709787" spans="14:14">
      <c r="N709787" s="10"/>
    </row>
    <row r="709788" spans="14:14">
      <c r="N709788" s="10"/>
    </row>
    <row r="709789" spans="14:14">
      <c r="N709789" s="10"/>
    </row>
    <row r="709790" spans="14:14">
      <c r="N709790" s="10"/>
    </row>
    <row r="709791" spans="14:14">
      <c r="N709791" s="10"/>
    </row>
    <row r="709792" spans="14:14">
      <c r="N709792" s="10"/>
    </row>
    <row r="709793" spans="14:14">
      <c r="N709793" s="10"/>
    </row>
    <row r="709794" spans="14:14">
      <c r="N709794" s="10"/>
    </row>
    <row r="709795" spans="14:14">
      <c r="N709795" s="10"/>
    </row>
    <row r="709796" spans="14:14">
      <c r="N709796" s="10"/>
    </row>
    <row r="709797" spans="14:14">
      <c r="N709797" s="10"/>
    </row>
    <row r="709798" spans="14:14">
      <c r="N709798" s="10"/>
    </row>
    <row r="709799" spans="14:14">
      <c r="N709799" s="10"/>
    </row>
    <row r="709800" spans="14:14">
      <c r="N709800" s="10"/>
    </row>
    <row r="709801" spans="14:14">
      <c r="N709801" s="10"/>
    </row>
    <row r="709802" spans="14:14">
      <c r="N709802" s="10"/>
    </row>
    <row r="709803" spans="14:14">
      <c r="N709803" s="10"/>
    </row>
    <row r="709804" spans="14:14">
      <c r="N709804" s="10"/>
    </row>
    <row r="709805" spans="14:14">
      <c r="N709805" s="10"/>
    </row>
    <row r="709806" spans="14:14">
      <c r="N709806" s="10"/>
    </row>
    <row r="709807" spans="14:14">
      <c r="N709807" s="10"/>
    </row>
    <row r="709808" spans="14:14">
      <c r="N709808" s="10"/>
    </row>
    <row r="709809" spans="14:14">
      <c r="N709809" s="10"/>
    </row>
    <row r="709810" spans="14:14">
      <c r="N709810" s="10"/>
    </row>
    <row r="709811" spans="14:14">
      <c r="N709811" s="10"/>
    </row>
    <row r="709812" spans="14:14">
      <c r="N709812" s="10"/>
    </row>
    <row r="709813" spans="14:14">
      <c r="N709813" s="10"/>
    </row>
    <row r="709814" spans="14:14">
      <c r="N709814" s="10"/>
    </row>
    <row r="709815" spans="14:14">
      <c r="N709815" s="10"/>
    </row>
    <row r="709816" spans="14:14">
      <c r="N709816" s="10"/>
    </row>
    <row r="709817" spans="14:14">
      <c r="N709817" s="10"/>
    </row>
    <row r="709818" spans="14:14">
      <c r="N709818" s="10"/>
    </row>
    <row r="709819" spans="14:14">
      <c r="N709819" s="10"/>
    </row>
    <row r="709820" spans="14:14">
      <c r="N709820" s="10"/>
    </row>
    <row r="709821" spans="14:14">
      <c r="N709821" s="10"/>
    </row>
    <row r="709822" spans="14:14">
      <c r="N709822" s="10"/>
    </row>
    <row r="709823" spans="14:14">
      <c r="N709823" s="10"/>
    </row>
    <row r="709824" spans="14:14">
      <c r="N709824" s="10"/>
    </row>
    <row r="709825" spans="14:14">
      <c r="N709825" s="10"/>
    </row>
    <row r="709826" spans="14:14">
      <c r="N709826" s="10"/>
    </row>
    <row r="709827" spans="14:14">
      <c r="N709827" s="10"/>
    </row>
    <row r="709828" spans="14:14">
      <c r="N709828" s="10"/>
    </row>
    <row r="709829" spans="14:14">
      <c r="N709829" s="10"/>
    </row>
    <row r="709830" spans="14:14">
      <c r="N709830" s="10"/>
    </row>
    <row r="709831" spans="14:14">
      <c r="N709831" s="10"/>
    </row>
    <row r="709832" spans="14:14">
      <c r="N709832" s="10"/>
    </row>
    <row r="709833" spans="14:14">
      <c r="N709833" s="10"/>
    </row>
    <row r="709834" spans="14:14">
      <c r="N709834" s="10"/>
    </row>
    <row r="709835" spans="14:14">
      <c r="N709835" s="10"/>
    </row>
    <row r="709836" spans="14:14">
      <c r="N709836" s="10"/>
    </row>
    <row r="709837" spans="14:14">
      <c r="N709837" s="10"/>
    </row>
    <row r="709838" spans="14:14">
      <c r="N709838" s="10"/>
    </row>
    <row r="709839" spans="14:14">
      <c r="N709839" s="10"/>
    </row>
    <row r="709840" spans="14:14">
      <c r="N709840" s="10"/>
    </row>
    <row r="709841" spans="14:14">
      <c r="N709841" s="10"/>
    </row>
    <row r="709842" spans="14:14">
      <c r="N709842" s="10"/>
    </row>
    <row r="709843" spans="14:14">
      <c r="N709843" s="10"/>
    </row>
    <row r="709844" spans="14:14">
      <c r="N709844" s="10"/>
    </row>
    <row r="709845" spans="14:14">
      <c r="N709845" s="10"/>
    </row>
    <row r="709846" spans="14:14">
      <c r="N709846" s="10"/>
    </row>
    <row r="709847" spans="14:14">
      <c r="N709847" s="10"/>
    </row>
    <row r="709848" spans="14:14">
      <c r="N709848" s="10"/>
    </row>
    <row r="709849" spans="14:14">
      <c r="N709849" s="10"/>
    </row>
    <row r="709850" spans="14:14">
      <c r="N709850" s="10"/>
    </row>
    <row r="709851" spans="14:14">
      <c r="N709851" s="10"/>
    </row>
    <row r="709852" spans="14:14">
      <c r="N709852" s="10"/>
    </row>
    <row r="709853" spans="14:14">
      <c r="N709853" s="10"/>
    </row>
    <row r="709854" spans="14:14">
      <c r="N709854" s="10"/>
    </row>
    <row r="709855" spans="14:14">
      <c r="N709855" s="10"/>
    </row>
    <row r="709856" spans="14:14">
      <c r="N709856" s="10"/>
    </row>
    <row r="709857" spans="14:14">
      <c r="N709857" s="10"/>
    </row>
    <row r="709858" spans="14:14">
      <c r="N709858" s="10"/>
    </row>
    <row r="709859" spans="14:14">
      <c r="N709859" s="10"/>
    </row>
    <row r="709860" spans="14:14">
      <c r="N709860" s="10"/>
    </row>
    <row r="709861" spans="14:14">
      <c r="N709861" s="10"/>
    </row>
    <row r="709862" spans="14:14">
      <c r="N709862" s="10"/>
    </row>
    <row r="709863" spans="14:14">
      <c r="N709863" s="10"/>
    </row>
    <row r="709864" spans="14:14">
      <c r="N709864" s="10"/>
    </row>
    <row r="709865" spans="14:14">
      <c r="N709865" s="10"/>
    </row>
    <row r="709866" spans="14:14">
      <c r="N709866" s="10"/>
    </row>
    <row r="709867" spans="14:14">
      <c r="N709867" s="10"/>
    </row>
    <row r="709868" spans="14:14">
      <c r="N709868" s="10"/>
    </row>
    <row r="709869" spans="14:14">
      <c r="N709869" s="10"/>
    </row>
    <row r="709870" spans="14:14">
      <c r="N709870" s="10"/>
    </row>
    <row r="709871" spans="14:14">
      <c r="N709871" s="10"/>
    </row>
    <row r="709872" spans="14:14">
      <c r="N709872" s="10"/>
    </row>
    <row r="709873" spans="14:14">
      <c r="N709873" s="10"/>
    </row>
    <row r="709874" spans="14:14">
      <c r="N709874" s="10"/>
    </row>
    <row r="709875" spans="14:14">
      <c r="N709875" s="10"/>
    </row>
    <row r="709876" spans="14:14">
      <c r="N709876" s="10"/>
    </row>
    <row r="709877" spans="14:14">
      <c r="N709877" s="10"/>
    </row>
    <row r="709878" spans="14:14">
      <c r="N709878" s="10"/>
    </row>
    <row r="709879" spans="14:14">
      <c r="N709879" s="10"/>
    </row>
    <row r="709880" spans="14:14">
      <c r="N709880" s="10"/>
    </row>
    <row r="709881" spans="14:14">
      <c r="N709881" s="10"/>
    </row>
    <row r="709882" spans="14:14">
      <c r="N709882" s="10"/>
    </row>
    <row r="709883" spans="14:14">
      <c r="N709883" s="10"/>
    </row>
    <row r="709884" spans="14:14">
      <c r="N709884" s="10"/>
    </row>
    <row r="709885" spans="14:14">
      <c r="N709885" s="10"/>
    </row>
    <row r="709886" spans="14:14">
      <c r="N709886" s="10"/>
    </row>
    <row r="709887" spans="14:14">
      <c r="N709887" s="10"/>
    </row>
    <row r="709888" spans="14:14">
      <c r="N709888" s="10"/>
    </row>
    <row r="709889" spans="14:14">
      <c r="N709889" s="10"/>
    </row>
    <row r="709890" spans="14:14">
      <c r="N709890" s="10"/>
    </row>
    <row r="709891" spans="14:14">
      <c r="N709891" s="10"/>
    </row>
    <row r="709892" spans="14:14">
      <c r="N709892" s="10"/>
    </row>
    <row r="709893" spans="14:14">
      <c r="N709893" s="10"/>
    </row>
    <row r="709894" spans="14:14">
      <c r="N709894" s="10"/>
    </row>
    <row r="709895" spans="14:14">
      <c r="N709895" s="10"/>
    </row>
    <row r="709896" spans="14:14">
      <c r="N709896" s="10"/>
    </row>
    <row r="709897" spans="14:14">
      <c r="N709897" s="10"/>
    </row>
    <row r="709898" spans="14:14">
      <c r="N709898" s="10"/>
    </row>
    <row r="709899" spans="14:14">
      <c r="N709899" s="10"/>
    </row>
    <row r="709900" spans="14:14">
      <c r="N709900" s="10"/>
    </row>
    <row r="709901" spans="14:14">
      <c r="N709901" s="10"/>
    </row>
    <row r="709902" spans="14:14">
      <c r="N709902" s="10"/>
    </row>
    <row r="709903" spans="14:14">
      <c r="N709903" s="10"/>
    </row>
    <row r="709904" spans="14:14">
      <c r="N709904" s="10"/>
    </row>
    <row r="709905" spans="14:14">
      <c r="N709905" s="10"/>
    </row>
    <row r="709906" spans="14:14">
      <c r="N709906" s="10"/>
    </row>
    <row r="709907" spans="14:14">
      <c r="N709907" s="10"/>
    </row>
    <row r="709908" spans="14:14">
      <c r="N709908" s="10"/>
    </row>
    <row r="709909" spans="14:14">
      <c r="N709909" s="10"/>
    </row>
    <row r="709910" spans="14:14">
      <c r="N709910" s="10"/>
    </row>
    <row r="709911" spans="14:14">
      <c r="N709911" s="10"/>
    </row>
    <row r="709912" spans="14:14">
      <c r="N709912" s="10"/>
    </row>
    <row r="709913" spans="14:14">
      <c r="N709913" s="10"/>
    </row>
    <row r="709914" spans="14:14">
      <c r="N709914" s="10"/>
    </row>
    <row r="709915" spans="14:14">
      <c r="N709915" s="10"/>
    </row>
    <row r="709916" spans="14:14">
      <c r="N709916" s="10"/>
    </row>
    <row r="709917" spans="14:14">
      <c r="N709917" s="10"/>
    </row>
    <row r="709918" spans="14:14">
      <c r="N709918" s="10"/>
    </row>
    <row r="709919" spans="14:14">
      <c r="N709919" s="10"/>
    </row>
    <row r="709920" spans="14:14">
      <c r="N709920" s="10"/>
    </row>
    <row r="709921" spans="14:14">
      <c r="N709921" s="10"/>
    </row>
    <row r="709922" spans="14:14">
      <c r="N709922" s="10"/>
    </row>
    <row r="709923" spans="14:14">
      <c r="N709923" s="10"/>
    </row>
    <row r="709924" spans="14:14">
      <c r="N709924" s="10"/>
    </row>
    <row r="709925" spans="14:14">
      <c r="N709925" s="10"/>
    </row>
    <row r="709926" spans="14:14">
      <c r="N709926" s="10"/>
    </row>
    <row r="709927" spans="14:14">
      <c r="N709927" s="10"/>
    </row>
    <row r="709928" spans="14:14">
      <c r="N709928" s="10"/>
    </row>
    <row r="709929" spans="14:14">
      <c r="N709929" s="10"/>
    </row>
    <row r="709930" spans="14:14">
      <c r="N709930" s="10"/>
    </row>
    <row r="709931" spans="14:14">
      <c r="N709931" s="10"/>
    </row>
    <row r="709932" spans="14:14">
      <c r="N709932" s="10"/>
    </row>
    <row r="709933" spans="14:14">
      <c r="N709933" s="10"/>
    </row>
    <row r="709934" spans="14:14">
      <c r="N709934" s="10"/>
    </row>
    <row r="709935" spans="14:14">
      <c r="N709935" s="10"/>
    </row>
    <row r="709936" spans="14:14">
      <c r="N709936" s="10"/>
    </row>
    <row r="709937" spans="14:14">
      <c r="N709937" s="10"/>
    </row>
    <row r="709938" spans="14:14">
      <c r="N709938" s="10"/>
    </row>
    <row r="709939" spans="14:14">
      <c r="N709939" s="10"/>
    </row>
    <row r="709940" spans="14:14">
      <c r="N709940" s="10"/>
    </row>
    <row r="709941" spans="14:14">
      <c r="N709941" s="10"/>
    </row>
    <row r="709942" spans="14:14">
      <c r="N709942" s="10"/>
    </row>
    <row r="709943" spans="14:14">
      <c r="N709943" s="10"/>
    </row>
    <row r="709944" spans="14:14">
      <c r="N709944" s="10"/>
    </row>
    <row r="709945" spans="14:14">
      <c r="N709945" s="10"/>
    </row>
    <row r="709946" spans="14:14">
      <c r="N709946" s="10"/>
    </row>
    <row r="709947" spans="14:14">
      <c r="N709947" s="10"/>
    </row>
    <row r="709948" spans="14:14">
      <c r="N709948" s="10"/>
    </row>
    <row r="709949" spans="14:14">
      <c r="N709949" s="10"/>
    </row>
    <row r="709950" spans="14:14">
      <c r="N709950" s="10"/>
    </row>
    <row r="709951" spans="14:14">
      <c r="N709951" s="10"/>
    </row>
    <row r="709952" spans="14:14">
      <c r="N709952" s="10"/>
    </row>
    <row r="709953" spans="14:14">
      <c r="N709953" s="10"/>
    </row>
    <row r="709954" spans="14:14">
      <c r="N709954" s="10"/>
    </row>
    <row r="709955" spans="14:14">
      <c r="N709955" s="10"/>
    </row>
    <row r="709956" spans="14:14">
      <c r="N709956" s="10"/>
    </row>
    <row r="709957" spans="14:14">
      <c r="N709957" s="10"/>
    </row>
    <row r="709958" spans="14:14">
      <c r="N709958" s="10"/>
    </row>
    <row r="709959" spans="14:14">
      <c r="N709959" s="10"/>
    </row>
    <row r="709960" spans="14:14">
      <c r="N709960" s="10"/>
    </row>
    <row r="709961" spans="14:14">
      <c r="N709961" s="10"/>
    </row>
    <row r="709962" spans="14:14">
      <c r="N709962" s="10"/>
    </row>
    <row r="709963" spans="14:14">
      <c r="N709963" s="10"/>
    </row>
    <row r="709964" spans="14:14">
      <c r="N709964" s="10"/>
    </row>
    <row r="709965" spans="14:14">
      <c r="N709965" s="10"/>
    </row>
    <row r="709966" spans="14:14">
      <c r="N709966" s="10"/>
    </row>
    <row r="709967" spans="14:14">
      <c r="N709967" s="10"/>
    </row>
    <row r="709968" spans="14:14">
      <c r="N709968" s="10"/>
    </row>
    <row r="709969" spans="14:14">
      <c r="N709969" s="10"/>
    </row>
    <row r="709970" spans="14:14">
      <c r="N709970" s="10"/>
    </row>
    <row r="709971" spans="14:14">
      <c r="N709971" s="10"/>
    </row>
    <row r="709972" spans="14:14">
      <c r="N709972" s="10"/>
    </row>
    <row r="709973" spans="14:14">
      <c r="N709973" s="10"/>
    </row>
    <row r="709974" spans="14:14">
      <c r="N709974" s="10"/>
    </row>
    <row r="709975" spans="14:14">
      <c r="N709975" s="10"/>
    </row>
    <row r="709976" spans="14:14">
      <c r="N709976" s="10"/>
    </row>
    <row r="709977" spans="14:14">
      <c r="N709977" s="10"/>
    </row>
    <row r="709978" spans="14:14">
      <c r="N709978" s="10"/>
    </row>
    <row r="709979" spans="14:14">
      <c r="N709979" s="10"/>
    </row>
    <row r="709980" spans="14:14">
      <c r="N709980" s="10"/>
    </row>
    <row r="709981" spans="14:14">
      <c r="N709981" s="10"/>
    </row>
    <row r="709982" spans="14:14">
      <c r="N709982" s="10"/>
    </row>
    <row r="709983" spans="14:14">
      <c r="N709983" s="10"/>
    </row>
    <row r="709984" spans="14:14">
      <c r="N709984" s="10"/>
    </row>
    <row r="709985" spans="14:14">
      <c r="N709985" s="10"/>
    </row>
    <row r="709986" spans="14:14">
      <c r="N709986" s="10"/>
    </row>
    <row r="709987" spans="14:14">
      <c r="N709987" s="10"/>
    </row>
    <row r="709988" spans="14:14">
      <c r="N709988" s="10"/>
    </row>
    <row r="709989" spans="14:14">
      <c r="N709989" s="10"/>
    </row>
    <row r="709990" spans="14:14">
      <c r="N709990" s="10"/>
    </row>
    <row r="709991" spans="14:14">
      <c r="N709991" s="10"/>
    </row>
    <row r="709992" spans="14:14">
      <c r="N709992" s="10"/>
    </row>
    <row r="709993" spans="14:14">
      <c r="N709993" s="10"/>
    </row>
    <row r="709994" spans="14:14">
      <c r="N709994" s="10"/>
    </row>
    <row r="709995" spans="14:14">
      <c r="N709995" s="10"/>
    </row>
    <row r="709996" spans="14:14">
      <c r="N709996" s="10"/>
    </row>
    <row r="709997" spans="14:14">
      <c r="N709997" s="10"/>
    </row>
    <row r="709998" spans="14:14">
      <c r="N709998" s="10"/>
    </row>
    <row r="709999" spans="14:14">
      <c r="N709999" s="10"/>
    </row>
    <row r="710000" spans="14:14">
      <c r="N710000" s="10"/>
    </row>
    <row r="710001" spans="14:14">
      <c r="N710001" s="10"/>
    </row>
    <row r="710002" spans="14:14">
      <c r="N710002" s="10"/>
    </row>
    <row r="710003" spans="14:14">
      <c r="N710003" s="10"/>
    </row>
    <row r="710004" spans="14:14">
      <c r="N710004" s="10"/>
    </row>
    <row r="710005" spans="14:14">
      <c r="N710005" s="10"/>
    </row>
    <row r="710006" spans="14:14">
      <c r="N710006" s="10"/>
    </row>
    <row r="710007" spans="14:14">
      <c r="N710007" s="10"/>
    </row>
    <row r="710008" spans="14:14">
      <c r="N710008" s="10"/>
    </row>
    <row r="710009" spans="14:14">
      <c r="N710009" s="10"/>
    </row>
    <row r="710010" spans="14:14">
      <c r="N710010" s="10"/>
    </row>
    <row r="710011" spans="14:14">
      <c r="N710011" s="10"/>
    </row>
    <row r="710012" spans="14:14">
      <c r="N710012" s="10"/>
    </row>
    <row r="710013" spans="14:14">
      <c r="N710013" s="10"/>
    </row>
    <row r="710014" spans="14:14">
      <c r="N710014" s="10"/>
    </row>
    <row r="710015" spans="14:14">
      <c r="N710015" s="10"/>
    </row>
    <row r="710016" spans="14:14">
      <c r="N710016" s="10"/>
    </row>
    <row r="710017" spans="14:14">
      <c r="N710017" s="10"/>
    </row>
    <row r="710018" spans="14:14">
      <c r="N710018" s="10"/>
    </row>
    <row r="710019" spans="14:14">
      <c r="N710019" s="10"/>
    </row>
    <row r="710020" spans="14:14">
      <c r="N710020" s="10"/>
    </row>
    <row r="710021" spans="14:14">
      <c r="N710021" s="10"/>
    </row>
    <row r="710022" spans="14:14">
      <c r="N710022" s="10"/>
    </row>
    <row r="710023" spans="14:14">
      <c r="N710023" s="10"/>
    </row>
    <row r="710024" spans="14:14">
      <c r="N710024" s="10"/>
    </row>
    <row r="710025" spans="14:14">
      <c r="N710025" s="10"/>
    </row>
    <row r="710026" spans="14:14">
      <c r="N710026" s="10"/>
    </row>
    <row r="710027" spans="14:14">
      <c r="N710027" s="10"/>
    </row>
    <row r="710028" spans="14:14">
      <c r="N710028" s="10"/>
    </row>
    <row r="710029" spans="14:14">
      <c r="N710029" s="10"/>
    </row>
    <row r="710030" spans="14:14">
      <c r="N710030" s="10"/>
    </row>
    <row r="710031" spans="14:14">
      <c r="N710031" s="10"/>
    </row>
    <row r="710032" spans="14:14">
      <c r="N710032" s="10"/>
    </row>
    <row r="710033" spans="14:14">
      <c r="N710033" s="10"/>
    </row>
    <row r="710034" spans="14:14">
      <c r="N710034" s="10"/>
    </row>
    <row r="710035" spans="14:14">
      <c r="N710035" s="10"/>
    </row>
    <row r="710036" spans="14:14">
      <c r="N710036" s="10"/>
    </row>
    <row r="710037" spans="14:14">
      <c r="N710037" s="10"/>
    </row>
    <row r="710038" spans="14:14">
      <c r="N710038" s="10"/>
    </row>
    <row r="710039" spans="14:14">
      <c r="N710039" s="10"/>
    </row>
    <row r="710040" spans="14:14">
      <c r="N710040" s="10"/>
    </row>
    <row r="710041" spans="14:14">
      <c r="N710041" s="10"/>
    </row>
    <row r="710042" spans="14:14">
      <c r="N710042" s="10"/>
    </row>
    <row r="710043" spans="14:14">
      <c r="N710043" s="10"/>
    </row>
    <row r="710044" spans="14:14">
      <c r="N710044" s="10"/>
    </row>
    <row r="710045" spans="14:14">
      <c r="N710045" s="10"/>
    </row>
    <row r="710046" spans="14:14">
      <c r="N710046" s="10"/>
    </row>
    <row r="710047" spans="14:14">
      <c r="N710047" s="10"/>
    </row>
    <row r="710048" spans="14:14">
      <c r="N710048" s="10"/>
    </row>
    <row r="710049" spans="14:14">
      <c r="N710049" s="10"/>
    </row>
    <row r="710050" spans="14:14">
      <c r="N710050" s="10"/>
    </row>
    <row r="710051" spans="14:14">
      <c r="N710051" s="10"/>
    </row>
    <row r="710052" spans="14:14">
      <c r="N710052" s="10"/>
    </row>
    <row r="710053" spans="14:14">
      <c r="N710053" s="10"/>
    </row>
    <row r="710054" spans="14:14">
      <c r="N710054" s="10"/>
    </row>
    <row r="710055" spans="14:14">
      <c r="N710055" s="10"/>
    </row>
    <row r="710056" spans="14:14">
      <c r="N710056" s="10"/>
    </row>
    <row r="710057" spans="14:14">
      <c r="N710057" s="10"/>
    </row>
    <row r="710058" spans="14:14">
      <c r="N710058" s="10"/>
    </row>
    <row r="710059" spans="14:14">
      <c r="N710059" s="10"/>
    </row>
    <row r="710060" spans="14:14">
      <c r="N710060" s="10"/>
    </row>
    <row r="710061" spans="14:14">
      <c r="N710061" s="10"/>
    </row>
    <row r="710062" spans="14:14">
      <c r="N710062" s="10"/>
    </row>
    <row r="710063" spans="14:14">
      <c r="N710063" s="10"/>
    </row>
    <row r="710064" spans="14:14">
      <c r="N710064" s="10"/>
    </row>
    <row r="710065" spans="14:14">
      <c r="N710065" s="10"/>
    </row>
    <row r="710066" spans="14:14">
      <c r="N710066" s="10"/>
    </row>
    <row r="710067" spans="14:14">
      <c r="N710067" s="10"/>
    </row>
    <row r="710068" spans="14:14">
      <c r="N710068" s="10"/>
    </row>
    <row r="710069" spans="14:14">
      <c r="N710069" s="10"/>
    </row>
    <row r="710070" spans="14:14">
      <c r="N710070" s="10"/>
    </row>
    <row r="710071" spans="14:14">
      <c r="N710071" s="10"/>
    </row>
    <row r="710072" spans="14:14">
      <c r="N710072" s="10"/>
    </row>
    <row r="710073" spans="14:14">
      <c r="N710073" s="10"/>
    </row>
    <row r="710074" spans="14:14">
      <c r="N710074" s="10"/>
    </row>
    <row r="710075" spans="14:14">
      <c r="N710075" s="10"/>
    </row>
    <row r="710076" spans="14:14">
      <c r="N710076" s="10"/>
    </row>
    <row r="710077" spans="14:14">
      <c r="N710077" s="10"/>
    </row>
    <row r="710078" spans="14:14">
      <c r="N710078" s="10"/>
    </row>
    <row r="710079" spans="14:14">
      <c r="N710079" s="10"/>
    </row>
    <row r="710080" spans="14:14">
      <c r="N710080" s="10"/>
    </row>
    <row r="710081" spans="14:14">
      <c r="N710081" s="10"/>
    </row>
    <row r="710082" spans="14:14">
      <c r="N710082" s="10"/>
    </row>
    <row r="710083" spans="14:14">
      <c r="N710083" s="10"/>
    </row>
    <row r="710084" spans="14:14">
      <c r="N710084" s="10"/>
    </row>
    <row r="710085" spans="14:14">
      <c r="N710085" s="10"/>
    </row>
    <row r="710086" spans="14:14">
      <c r="N710086" s="10"/>
    </row>
    <row r="710087" spans="14:14">
      <c r="N710087" s="10"/>
    </row>
    <row r="710088" spans="14:14">
      <c r="N710088" s="10"/>
    </row>
    <row r="710089" spans="14:14">
      <c r="N710089" s="10"/>
    </row>
    <row r="710090" spans="14:14">
      <c r="N710090" s="10"/>
    </row>
    <row r="710091" spans="14:14">
      <c r="N710091" s="10"/>
    </row>
    <row r="710092" spans="14:14">
      <c r="N710092" s="10"/>
    </row>
    <row r="710093" spans="14:14">
      <c r="N710093" s="10"/>
    </row>
    <row r="710094" spans="14:14">
      <c r="N710094" s="10"/>
    </row>
    <row r="710095" spans="14:14">
      <c r="N710095" s="10"/>
    </row>
    <row r="710096" spans="14:14">
      <c r="N710096" s="10"/>
    </row>
    <row r="710097" spans="14:14">
      <c r="N710097" s="10"/>
    </row>
    <row r="710098" spans="14:14">
      <c r="N710098" s="10"/>
    </row>
    <row r="710099" spans="14:14">
      <c r="N710099" s="10"/>
    </row>
    <row r="710100" spans="14:14">
      <c r="N710100" s="10"/>
    </row>
    <row r="710101" spans="14:14">
      <c r="N710101" s="10"/>
    </row>
    <row r="710102" spans="14:14">
      <c r="N710102" s="10"/>
    </row>
    <row r="710103" spans="14:14">
      <c r="N710103" s="10"/>
    </row>
    <row r="710104" spans="14:14">
      <c r="N710104" s="10"/>
    </row>
    <row r="710105" spans="14:14">
      <c r="N710105" s="10"/>
    </row>
    <row r="710106" spans="14:14">
      <c r="N710106" s="10"/>
    </row>
    <row r="710107" spans="14:14">
      <c r="N710107" s="10"/>
    </row>
    <row r="710108" spans="14:14">
      <c r="N710108" s="10"/>
    </row>
    <row r="710109" spans="14:14">
      <c r="N710109" s="10"/>
    </row>
    <row r="710110" spans="14:14">
      <c r="N710110" s="10"/>
    </row>
    <row r="710111" spans="14:14">
      <c r="N710111" s="10"/>
    </row>
    <row r="710112" spans="14:14">
      <c r="N710112" s="10"/>
    </row>
    <row r="710113" spans="14:14">
      <c r="N710113" s="10"/>
    </row>
    <row r="710114" spans="14:14">
      <c r="N710114" s="10"/>
    </row>
    <row r="710115" spans="14:14">
      <c r="N710115" s="10"/>
    </row>
    <row r="710116" spans="14:14">
      <c r="N710116" s="10"/>
    </row>
    <row r="710117" spans="14:14">
      <c r="N710117" s="10"/>
    </row>
    <row r="710118" spans="14:14">
      <c r="N710118" s="10"/>
    </row>
    <row r="710119" spans="14:14">
      <c r="N710119" s="10"/>
    </row>
    <row r="710120" spans="14:14">
      <c r="N710120" s="10"/>
    </row>
    <row r="710121" spans="14:14">
      <c r="N710121" s="10"/>
    </row>
    <row r="710122" spans="14:14">
      <c r="N710122" s="10"/>
    </row>
    <row r="710123" spans="14:14">
      <c r="N710123" s="10"/>
    </row>
    <row r="710124" spans="14:14">
      <c r="N710124" s="10"/>
    </row>
    <row r="710125" spans="14:14">
      <c r="N710125" s="10"/>
    </row>
    <row r="710126" spans="14:14">
      <c r="N710126" s="10"/>
    </row>
    <row r="710127" spans="14:14">
      <c r="N710127" s="10"/>
    </row>
    <row r="710128" spans="14:14">
      <c r="N710128" s="10"/>
    </row>
    <row r="710129" spans="14:14">
      <c r="N710129" s="10"/>
    </row>
    <row r="710130" spans="14:14">
      <c r="N710130" s="10"/>
    </row>
    <row r="710131" spans="14:14">
      <c r="N710131" s="10"/>
    </row>
    <row r="710132" spans="14:14">
      <c r="N710132" s="10"/>
    </row>
    <row r="710133" spans="14:14">
      <c r="N710133" s="10"/>
    </row>
    <row r="710134" spans="14:14">
      <c r="N710134" s="10"/>
    </row>
    <row r="710135" spans="14:14">
      <c r="N710135" s="10"/>
    </row>
    <row r="710136" spans="14:14">
      <c r="N710136" s="10"/>
    </row>
    <row r="710137" spans="14:14">
      <c r="N710137" s="10"/>
    </row>
    <row r="710138" spans="14:14">
      <c r="N710138" s="10"/>
    </row>
    <row r="710139" spans="14:14">
      <c r="N710139" s="10"/>
    </row>
    <row r="710140" spans="14:14">
      <c r="N710140" s="10"/>
    </row>
    <row r="710141" spans="14:14">
      <c r="N710141" s="10"/>
    </row>
    <row r="710142" spans="14:14">
      <c r="N710142" s="10"/>
    </row>
    <row r="710143" spans="14:14">
      <c r="N710143" s="10"/>
    </row>
    <row r="710144" spans="14:14">
      <c r="N710144" s="10"/>
    </row>
    <row r="710145" spans="14:14">
      <c r="N710145" s="10"/>
    </row>
    <row r="710146" spans="14:14">
      <c r="N710146" s="10"/>
    </row>
    <row r="710147" spans="14:14">
      <c r="N710147" s="10"/>
    </row>
    <row r="710148" spans="14:14">
      <c r="N710148" s="10"/>
    </row>
    <row r="710149" spans="14:14">
      <c r="N710149" s="10"/>
    </row>
    <row r="710150" spans="14:14">
      <c r="N710150" s="10"/>
    </row>
    <row r="710151" spans="14:14">
      <c r="N710151" s="10"/>
    </row>
    <row r="710152" spans="14:14">
      <c r="N710152" s="10"/>
    </row>
    <row r="710153" spans="14:14">
      <c r="N710153" s="10"/>
    </row>
    <row r="710154" spans="14:14">
      <c r="N710154" s="10"/>
    </row>
    <row r="710155" spans="14:14">
      <c r="N710155" s="10"/>
    </row>
    <row r="710156" spans="14:14">
      <c r="N710156" s="10"/>
    </row>
    <row r="710157" spans="14:14">
      <c r="N710157" s="10"/>
    </row>
    <row r="710158" spans="14:14">
      <c r="N710158" s="10"/>
    </row>
    <row r="710159" spans="14:14">
      <c r="N710159" s="10"/>
    </row>
    <row r="710160" spans="14:14">
      <c r="N710160" s="10"/>
    </row>
    <row r="710161" spans="14:14">
      <c r="N710161" s="10"/>
    </row>
    <row r="710162" spans="14:14">
      <c r="N710162" s="10"/>
    </row>
    <row r="710163" spans="14:14">
      <c r="N710163" s="10"/>
    </row>
    <row r="710164" spans="14:14">
      <c r="N710164" s="10"/>
    </row>
    <row r="710165" spans="14:14">
      <c r="N710165" s="10"/>
    </row>
    <row r="710166" spans="14:14">
      <c r="N710166" s="10"/>
    </row>
    <row r="710167" spans="14:14">
      <c r="N710167" s="10"/>
    </row>
    <row r="710168" spans="14:14">
      <c r="N710168" s="10"/>
    </row>
    <row r="710169" spans="14:14">
      <c r="N710169" s="10"/>
    </row>
    <row r="710170" spans="14:14">
      <c r="N710170" s="10"/>
    </row>
    <row r="710171" spans="14:14">
      <c r="N710171" s="10"/>
    </row>
    <row r="710172" spans="14:14">
      <c r="N710172" s="10"/>
    </row>
    <row r="710173" spans="14:14">
      <c r="N710173" s="10"/>
    </row>
    <row r="710174" spans="14:14">
      <c r="N710174" s="10"/>
    </row>
    <row r="710175" spans="14:14">
      <c r="N710175" s="10"/>
    </row>
    <row r="710176" spans="14:14">
      <c r="N710176" s="10"/>
    </row>
    <row r="710177" spans="14:14">
      <c r="N710177" s="10"/>
    </row>
    <row r="710178" spans="14:14">
      <c r="N710178" s="10"/>
    </row>
    <row r="710179" spans="14:14">
      <c r="N710179" s="10"/>
    </row>
    <row r="710180" spans="14:14">
      <c r="N710180" s="10"/>
    </row>
    <row r="710181" spans="14:14">
      <c r="N710181" s="10"/>
    </row>
    <row r="710182" spans="14:14">
      <c r="N710182" s="10"/>
    </row>
    <row r="710183" spans="14:14">
      <c r="N710183" s="10"/>
    </row>
    <row r="710184" spans="14:14">
      <c r="N710184" s="10"/>
    </row>
    <row r="710185" spans="14:14">
      <c r="N710185" s="10"/>
    </row>
    <row r="710186" spans="14:14">
      <c r="N710186" s="10"/>
    </row>
    <row r="710187" spans="14:14">
      <c r="N710187" s="10"/>
    </row>
    <row r="710188" spans="14:14">
      <c r="N710188" s="10"/>
    </row>
    <row r="710189" spans="14:14">
      <c r="N710189" s="10"/>
    </row>
    <row r="710190" spans="14:14">
      <c r="N710190" s="10"/>
    </row>
    <row r="710191" spans="14:14">
      <c r="N710191" s="10"/>
    </row>
    <row r="710192" spans="14:14">
      <c r="N710192" s="10"/>
    </row>
    <row r="710193" spans="14:14">
      <c r="N710193" s="10"/>
    </row>
    <row r="710194" spans="14:14">
      <c r="N710194" s="10"/>
    </row>
    <row r="710195" spans="14:14">
      <c r="N710195" s="10"/>
    </row>
    <row r="710196" spans="14:14">
      <c r="N710196" s="10"/>
    </row>
    <row r="710197" spans="14:14">
      <c r="N710197" s="10"/>
    </row>
    <row r="710198" spans="14:14">
      <c r="N710198" s="10"/>
    </row>
    <row r="710199" spans="14:14">
      <c r="N710199" s="10"/>
    </row>
    <row r="710200" spans="14:14">
      <c r="N710200" s="10"/>
    </row>
    <row r="710201" spans="14:14">
      <c r="N710201" s="10"/>
    </row>
    <row r="710202" spans="14:14">
      <c r="N710202" s="10"/>
    </row>
    <row r="710203" spans="14:14">
      <c r="N710203" s="10"/>
    </row>
    <row r="710204" spans="14:14">
      <c r="N710204" s="10"/>
    </row>
    <row r="710205" spans="14:14">
      <c r="N710205" s="10"/>
    </row>
    <row r="710206" spans="14:14">
      <c r="N710206" s="10"/>
    </row>
    <row r="710207" spans="14:14">
      <c r="N710207" s="10"/>
    </row>
    <row r="710208" spans="14:14">
      <c r="N710208" s="10"/>
    </row>
    <row r="710209" spans="14:14">
      <c r="N710209" s="10"/>
    </row>
    <row r="710210" spans="14:14">
      <c r="N710210" s="10"/>
    </row>
    <row r="710211" spans="14:14">
      <c r="N710211" s="10"/>
    </row>
    <row r="710212" spans="14:14">
      <c r="N710212" s="10"/>
    </row>
    <row r="710213" spans="14:14">
      <c r="N710213" s="10"/>
    </row>
    <row r="710214" spans="14:14">
      <c r="N710214" s="10"/>
    </row>
    <row r="710215" spans="14:14">
      <c r="N710215" s="10"/>
    </row>
    <row r="710216" spans="14:14">
      <c r="N710216" s="10"/>
    </row>
    <row r="710217" spans="14:14">
      <c r="N710217" s="10"/>
    </row>
    <row r="710218" spans="14:14">
      <c r="N710218" s="10"/>
    </row>
    <row r="710219" spans="14:14">
      <c r="N710219" s="10"/>
    </row>
    <row r="710220" spans="14:14">
      <c r="N710220" s="10"/>
    </row>
    <row r="710221" spans="14:14">
      <c r="N710221" s="10"/>
    </row>
    <row r="710222" spans="14:14">
      <c r="N710222" s="10"/>
    </row>
    <row r="710223" spans="14:14">
      <c r="N710223" s="10"/>
    </row>
    <row r="710224" spans="14:14">
      <c r="N710224" s="10"/>
    </row>
    <row r="710225" spans="14:14">
      <c r="N710225" s="10"/>
    </row>
    <row r="710226" spans="14:14">
      <c r="N710226" s="10"/>
    </row>
    <row r="710227" spans="14:14">
      <c r="N710227" s="10"/>
    </row>
    <row r="710228" spans="14:14">
      <c r="N710228" s="10"/>
    </row>
    <row r="710229" spans="14:14">
      <c r="N710229" s="10"/>
    </row>
    <row r="710230" spans="14:14">
      <c r="N710230" s="10"/>
    </row>
    <row r="710231" spans="14:14">
      <c r="N710231" s="10"/>
    </row>
    <row r="710232" spans="14:14">
      <c r="N710232" s="10"/>
    </row>
    <row r="710233" spans="14:14">
      <c r="N710233" s="10"/>
    </row>
    <row r="710234" spans="14:14">
      <c r="N710234" s="10"/>
    </row>
    <row r="710235" spans="14:14">
      <c r="N710235" s="10"/>
    </row>
    <row r="710236" spans="14:14">
      <c r="N710236" s="10"/>
    </row>
    <row r="710237" spans="14:14">
      <c r="N710237" s="10"/>
    </row>
    <row r="710238" spans="14:14">
      <c r="N710238" s="10"/>
    </row>
    <row r="710239" spans="14:14">
      <c r="N710239" s="10"/>
    </row>
    <row r="710240" spans="14:14">
      <c r="N710240" s="10"/>
    </row>
    <row r="710241" spans="14:14">
      <c r="N710241" s="10"/>
    </row>
    <row r="710242" spans="14:14">
      <c r="N710242" s="10"/>
    </row>
    <row r="710243" spans="14:14">
      <c r="N710243" s="10"/>
    </row>
    <row r="710244" spans="14:14">
      <c r="N710244" s="10"/>
    </row>
    <row r="710245" spans="14:14">
      <c r="N710245" s="10"/>
    </row>
    <row r="710246" spans="14:14">
      <c r="N710246" s="10"/>
    </row>
    <row r="710247" spans="14:14">
      <c r="N710247" s="10"/>
    </row>
    <row r="710248" spans="14:14">
      <c r="N710248" s="10"/>
    </row>
    <row r="710249" spans="14:14">
      <c r="N710249" s="10"/>
    </row>
    <row r="710250" spans="14:14">
      <c r="N710250" s="10"/>
    </row>
    <row r="710251" spans="14:14">
      <c r="N710251" s="10"/>
    </row>
    <row r="710252" spans="14:14">
      <c r="N710252" s="10"/>
    </row>
    <row r="710253" spans="14:14">
      <c r="N710253" s="10"/>
    </row>
    <row r="710254" spans="14:14">
      <c r="N710254" s="10"/>
    </row>
    <row r="710255" spans="14:14">
      <c r="N710255" s="10"/>
    </row>
    <row r="710256" spans="14:14">
      <c r="N710256" s="10"/>
    </row>
    <row r="710257" spans="14:14">
      <c r="N710257" s="10"/>
    </row>
    <row r="710258" spans="14:14">
      <c r="N710258" s="10"/>
    </row>
    <row r="710259" spans="14:14">
      <c r="N710259" s="10"/>
    </row>
    <row r="710260" spans="14:14">
      <c r="N710260" s="10"/>
    </row>
    <row r="710261" spans="14:14">
      <c r="N710261" s="10"/>
    </row>
    <row r="710262" spans="14:14">
      <c r="N710262" s="10"/>
    </row>
    <row r="710263" spans="14:14">
      <c r="N710263" s="10"/>
    </row>
    <row r="710264" spans="14:14">
      <c r="N710264" s="10"/>
    </row>
    <row r="710265" spans="14:14">
      <c r="N710265" s="10"/>
    </row>
    <row r="710266" spans="14:14">
      <c r="N710266" s="10"/>
    </row>
    <row r="710267" spans="14:14">
      <c r="N710267" s="10"/>
    </row>
    <row r="710268" spans="14:14">
      <c r="N710268" s="10"/>
    </row>
    <row r="710269" spans="14:14">
      <c r="N710269" s="10"/>
    </row>
    <row r="710270" spans="14:14">
      <c r="N710270" s="10"/>
    </row>
    <row r="710271" spans="14:14">
      <c r="N710271" s="10"/>
    </row>
    <row r="710272" spans="14:14">
      <c r="N710272" s="10"/>
    </row>
    <row r="710273" spans="14:14">
      <c r="N710273" s="10"/>
    </row>
    <row r="710274" spans="14:14">
      <c r="N710274" s="10"/>
    </row>
    <row r="710275" spans="14:14">
      <c r="N710275" s="10"/>
    </row>
    <row r="710276" spans="14:14">
      <c r="N710276" s="10"/>
    </row>
    <row r="710277" spans="14:14">
      <c r="N710277" s="10"/>
    </row>
    <row r="710278" spans="14:14">
      <c r="N710278" s="10"/>
    </row>
    <row r="710279" spans="14:14">
      <c r="N710279" s="10"/>
    </row>
    <row r="710280" spans="14:14">
      <c r="N710280" s="10"/>
    </row>
    <row r="710281" spans="14:14">
      <c r="N710281" s="10"/>
    </row>
    <row r="710282" spans="14:14">
      <c r="N710282" s="10"/>
    </row>
    <row r="710283" spans="14:14">
      <c r="N710283" s="10"/>
    </row>
    <row r="710284" spans="14:14">
      <c r="N710284" s="10"/>
    </row>
    <row r="710285" spans="14:14">
      <c r="N710285" s="10"/>
    </row>
    <row r="710286" spans="14:14">
      <c r="N710286" s="10"/>
    </row>
    <row r="710287" spans="14:14">
      <c r="N710287" s="10"/>
    </row>
    <row r="710288" spans="14:14">
      <c r="N710288" s="10"/>
    </row>
    <row r="710289" spans="14:14">
      <c r="N710289" s="10"/>
    </row>
    <row r="710290" spans="14:14">
      <c r="N710290" s="10"/>
    </row>
    <row r="710291" spans="14:14">
      <c r="N710291" s="10"/>
    </row>
    <row r="710292" spans="14:14">
      <c r="N710292" s="10"/>
    </row>
    <row r="710293" spans="14:14">
      <c r="N710293" s="10"/>
    </row>
    <row r="710294" spans="14:14">
      <c r="N710294" s="10"/>
    </row>
    <row r="710295" spans="14:14">
      <c r="N710295" s="10"/>
    </row>
    <row r="710296" spans="14:14">
      <c r="N710296" s="10"/>
    </row>
    <row r="710297" spans="14:14">
      <c r="N710297" s="10"/>
    </row>
    <row r="710298" spans="14:14">
      <c r="N710298" s="10"/>
    </row>
    <row r="710299" spans="14:14">
      <c r="N710299" s="10"/>
    </row>
    <row r="710300" spans="14:14">
      <c r="N710300" s="10"/>
    </row>
    <row r="710301" spans="14:14">
      <c r="N710301" s="10"/>
    </row>
    <row r="710302" spans="14:14">
      <c r="N710302" s="10"/>
    </row>
    <row r="710303" spans="14:14">
      <c r="N710303" s="10"/>
    </row>
    <row r="710304" spans="14:14">
      <c r="N710304" s="10"/>
    </row>
    <row r="710305" spans="14:14">
      <c r="N710305" s="10"/>
    </row>
    <row r="710306" spans="14:14">
      <c r="N710306" s="10"/>
    </row>
    <row r="710307" spans="14:14">
      <c r="N710307" s="10"/>
    </row>
    <row r="710308" spans="14:14">
      <c r="N710308" s="10"/>
    </row>
    <row r="710309" spans="14:14">
      <c r="N710309" s="10"/>
    </row>
    <row r="710310" spans="14:14">
      <c r="N710310" s="10"/>
    </row>
    <row r="710311" spans="14:14">
      <c r="N710311" s="10"/>
    </row>
    <row r="710312" spans="14:14">
      <c r="N710312" s="10"/>
    </row>
    <row r="710313" spans="14:14">
      <c r="N710313" s="10"/>
    </row>
    <row r="710314" spans="14:14">
      <c r="N710314" s="10"/>
    </row>
    <row r="710315" spans="14:14">
      <c r="N710315" s="10"/>
    </row>
    <row r="710316" spans="14:14">
      <c r="N710316" s="10"/>
    </row>
    <row r="710317" spans="14:14">
      <c r="N710317" s="10"/>
    </row>
    <row r="710318" spans="14:14">
      <c r="N710318" s="10"/>
    </row>
    <row r="710319" spans="14:14">
      <c r="N710319" s="10"/>
    </row>
    <row r="710320" spans="14:14">
      <c r="N710320" s="10"/>
    </row>
    <row r="710321" spans="14:14">
      <c r="N710321" s="10"/>
    </row>
    <row r="710322" spans="14:14">
      <c r="N710322" s="10"/>
    </row>
    <row r="710323" spans="14:14">
      <c r="N710323" s="10"/>
    </row>
    <row r="710324" spans="14:14">
      <c r="N710324" s="10"/>
    </row>
    <row r="710325" spans="14:14">
      <c r="N710325" s="10"/>
    </row>
    <row r="710326" spans="14:14">
      <c r="N710326" s="10"/>
    </row>
    <row r="710327" spans="14:14">
      <c r="N710327" s="10"/>
    </row>
    <row r="710328" spans="14:14">
      <c r="N710328" s="10"/>
    </row>
    <row r="710329" spans="14:14">
      <c r="N710329" s="10"/>
    </row>
    <row r="710330" spans="14:14">
      <c r="N710330" s="10"/>
    </row>
    <row r="710331" spans="14:14">
      <c r="N710331" s="10"/>
    </row>
    <row r="710332" spans="14:14">
      <c r="N710332" s="10"/>
    </row>
    <row r="710333" spans="14:14">
      <c r="N710333" s="10"/>
    </row>
    <row r="710334" spans="14:14">
      <c r="N710334" s="10"/>
    </row>
    <row r="710335" spans="14:14">
      <c r="N710335" s="10"/>
    </row>
    <row r="710336" spans="14:14">
      <c r="N710336" s="10"/>
    </row>
    <row r="710337" spans="14:14">
      <c r="N710337" s="10"/>
    </row>
    <row r="710338" spans="14:14">
      <c r="N710338" s="10"/>
    </row>
    <row r="710339" spans="14:14">
      <c r="N710339" s="10"/>
    </row>
    <row r="710340" spans="14:14">
      <c r="N710340" s="10"/>
    </row>
    <row r="710341" spans="14:14">
      <c r="N710341" s="10"/>
    </row>
    <row r="710342" spans="14:14">
      <c r="N710342" s="10"/>
    </row>
    <row r="710343" spans="14:14">
      <c r="N710343" s="10"/>
    </row>
    <row r="710344" spans="14:14">
      <c r="N710344" s="10"/>
    </row>
    <row r="710345" spans="14:14">
      <c r="N710345" s="10"/>
    </row>
    <row r="710346" spans="14:14">
      <c r="N710346" s="10"/>
    </row>
    <row r="710347" spans="14:14">
      <c r="N710347" s="10"/>
    </row>
    <row r="710348" spans="14:14">
      <c r="N710348" s="10"/>
    </row>
    <row r="710349" spans="14:14">
      <c r="N710349" s="10"/>
    </row>
    <row r="710350" spans="14:14">
      <c r="N710350" s="10"/>
    </row>
    <row r="710351" spans="14:14">
      <c r="N710351" s="10"/>
    </row>
    <row r="710352" spans="14:14">
      <c r="N710352" s="10"/>
    </row>
    <row r="710353" spans="14:14">
      <c r="N710353" s="10"/>
    </row>
    <row r="710354" spans="14:14">
      <c r="N710354" s="10"/>
    </row>
    <row r="710355" spans="14:14">
      <c r="N710355" s="10"/>
    </row>
    <row r="710356" spans="14:14">
      <c r="N710356" s="10"/>
    </row>
    <row r="710357" spans="14:14">
      <c r="N710357" s="10"/>
    </row>
    <row r="710358" spans="14:14">
      <c r="N710358" s="10"/>
    </row>
    <row r="710359" spans="14:14">
      <c r="N710359" s="10"/>
    </row>
    <row r="710360" spans="14:14">
      <c r="N710360" s="10"/>
    </row>
    <row r="710361" spans="14:14">
      <c r="N710361" s="10"/>
    </row>
    <row r="710362" spans="14:14">
      <c r="N710362" s="10"/>
    </row>
    <row r="710363" spans="14:14">
      <c r="N710363" s="10"/>
    </row>
    <row r="710364" spans="14:14">
      <c r="N710364" s="10"/>
    </row>
    <row r="710365" spans="14:14">
      <c r="N710365" s="10"/>
    </row>
    <row r="710366" spans="14:14">
      <c r="N710366" s="10"/>
    </row>
    <row r="710367" spans="14:14">
      <c r="N710367" s="10"/>
    </row>
    <row r="710368" spans="14:14">
      <c r="N710368" s="10"/>
    </row>
    <row r="710369" spans="14:14">
      <c r="N710369" s="10"/>
    </row>
    <row r="710370" spans="14:14">
      <c r="N710370" s="10"/>
    </row>
    <row r="710371" spans="14:14">
      <c r="N710371" s="10"/>
    </row>
    <row r="710372" spans="14:14">
      <c r="N710372" s="10"/>
    </row>
    <row r="710373" spans="14:14">
      <c r="N710373" s="10"/>
    </row>
    <row r="710374" spans="14:14">
      <c r="N710374" s="10"/>
    </row>
    <row r="710375" spans="14:14">
      <c r="N710375" s="10"/>
    </row>
    <row r="710376" spans="14:14">
      <c r="N710376" s="10"/>
    </row>
    <row r="710377" spans="14:14">
      <c r="N710377" s="10"/>
    </row>
    <row r="710378" spans="14:14">
      <c r="N710378" s="10"/>
    </row>
    <row r="710379" spans="14:14">
      <c r="N710379" s="10"/>
    </row>
    <row r="710380" spans="14:14">
      <c r="N710380" s="10"/>
    </row>
    <row r="710381" spans="14:14">
      <c r="N710381" s="10"/>
    </row>
    <row r="710382" spans="14:14">
      <c r="N710382" s="10"/>
    </row>
    <row r="710383" spans="14:14">
      <c r="N710383" s="10"/>
    </row>
    <row r="710384" spans="14:14">
      <c r="N710384" s="10"/>
    </row>
    <row r="710385" spans="14:14">
      <c r="N710385" s="10"/>
    </row>
    <row r="710386" spans="14:14">
      <c r="N710386" s="10"/>
    </row>
    <row r="710387" spans="14:14">
      <c r="N710387" s="10"/>
    </row>
    <row r="710388" spans="14:14">
      <c r="N710388" s="10"/>
    </row>
    <row r="710389" spans="14:14">
      <c r="N710389" s="10"/>
    </row>
    <row r="710390" spans="14:14">
      <c r="N710390" s="10"/>
    </row>
    <row r="710391" spans="14:14">
      <c r="N710391" s="10"/>
    </row>
    <row r="710392" spans="14:14">
      <c r="N710392" s="10"/>
    </row>
    <row r="710393" spans="14:14">
      <c r="N710393" s="10"/>
    </row>
    <row r="710394" spans="14:14">
      <c r="N710394" s="10"/>
    </row>
    <row r="710395" spans="14:14">
      <c r="N710395" s="10"/>
    </row>
    <row r="710396" spans="14:14">
      <c r="N710396" s="10"/>
    </row>
    <row r="710397" spans="14:14">
      <c r="N710397" s="10"/>
    </row>
    <row r="710398" spans="14:14">
      <c r="N710398" s="10"/>
    </row>
    <row r="710399" spans="14:14">
      <c r="N710399" s="10"/>
    </row>
    <row r="710400" spans="14:14">
      <c r="N710400" s="10"/>
    </row>
    <row r="710401" spans="14:14">
      <c r="N710401" s="10"/>
    </row>
    <row r="710402" spans="14:14">
      <c r="N710402" s="10"/>
    </row>
    <row r="710403" spans="14:14">
      <c r="N710403" s="10"/>
    </row>
    <row r="710404" spans="14:14">
      <c r="N710404" s="10"/>
    </row>
    <row r="710405" spans="14:14">
      <c r="N710405" s="10"/>
    </row>
    <row r="710406" spans="14:14">
      <c r="N710406" s="10"/>
    </row>
    <row r="710407" spans="14:14">
      <c r="N710407" s="10"/>
    </row>
    <row r="710408" spans="14:14">
      <c r="N710408" s="10"/>
    </row>
    <row r="710409" spans="14:14">
      <c r="N710409" s="10"/>
    </row>
    <row r="710410" spans="14:14">
      <c r="N710410" s="10"/>
    </row>
    <row r="710411" spans="14:14">
      <c r="N710411" s="10"/>
    </row>
    <row r="710412" spans="14:14">
      <c r="N710412" s="10"/>
    </row>
    <row r="710413" spans="14:14">
      <c r="N710413" s="10"/>
    </row>
    <row r="710414" spans="14:14">
      <c r="N710414" s="10"/>
    </row>
    <row r="710415" spans="14:14">
      <c r="N710415" s="10"/>
    </row>
    <row r="710416" spans="14:14">
      <c r="N710416" s="10"/>
    </row>
    <row r="710417" spans="14:14">
      <c r="N710417" s="10"/>
    </row>
    <row r="710418" spans="14:14">
      <c r="N710418" s="10"/>
    </row>
    <row r="710419" spans="14:14">
      <c r="N710419" s="10"/>
    </row>
    <row r="710420" spans="14:14">
      <c r="N710420" s="10"/>
    </row>
    <row r="710421" spans="14:14">
      <c r="N710421" s="10"/>
    </row>
    <row r="710422" spans="14:14">
      <c r="N710422" s="10"/>
    </row>
    <row r="710423" spans="14:14">
      <c r="N710423" s="10"/>
    </row>
    <row r="710424" spans="14:14">
      <c r="N710424" s="10"/>
    </row>
    <row r="710425" spans="14:14">
      <c r="N710425" s="10"/>
    </row>
    <row r="710426" spans="14:14">
      <c r="N710426" s="10"/>
    </row>
    <row r="710427" spans="14:14">
      <c r="N710427" s="10"/>
    </row>
    <row r="710428" spans="14:14">
      <c r="N710428" s="10"/>
    </row>
    <row r="710429" spans="14:14">
      <c r="N710429" s="10"/>
    </row>
    <row r="710430" spans="14:14">
      <c r="N710430" s="10"/>
    </row>
    <row r="710431" spans="14:14">
      <c r="N710431" s="10"/>
    </row>
    <row r="710432" spans="14:14">
      <c r="N710432" s="10"/>
    </row>
    <row r="710433" spans="14:14">
      <c r="N710433" s="10"/>
    </row>
    <row r="710434" spans="14:14">
      <c r="N710434" s="10"/>
    </row>
    <row r="710435" spans="14:14">
      <c r="N710435" s="10"/>
    </row>
    <row r="710436" spans="14:14">
      <c r="N710436" s="10"/>
    </row>
    <row r="710437" spans="14:14">
      <c r="N710437" s="10"/>
    </row>
    <row r="710438" spans="14:14">
      <c r="N710438" s="10"/>
    </row>
    <row r="710439" spans="14:14">
      <c r="N710439" s="10"/>
    </row>
    <row r="710440" spans="14:14">
      <c r="N710440" s="10"/>
    </row>
    <row r="710441" spans="14:14">
      <c r="N710441" s="10"/>
    </row>
    <row r="710442" spans="14:14">
      <c r="N710442" s="10"/>
    </row>
    <row r="710443" spans="14:14">
      <c r="N710443" s="10"/>
    </row>
    <row r="710444" spans="14:14">
      <c r="N710444" s="10"/>
    </row>
    <row r="710445" spans="14:14">
      <c r="N710445" s="10"/>
    </row>
    <row r="710446" spans="14:14">
      <c r="N710446" s="10"/>
    </row>
    <row r="710447" spans="14:14">
      <c r="N710447" s="10"/>
    </row>
    <row r="710448" spans="14:14">
      <c r="N710448" s="10"/>
    </row>
    <row r="710449" spans="14:14">
      <c r="N710449" s="10"/>
    </row>
    <row r="710450" spans="14:14">
      <c r="N710450" s="10"/>
    </row>
    <row r="710451" spans="14:14">
      <c r="N710451" s="10"/>
    </row>
    <row r="710452" spans="14:14">
      <c r="N710452" s="10"/>
    </row>
    <row r="710453" spans="14:14">
      <c r="N710453" s="10"/>
    </row>
    <row r="710454" spans="14:14">
      <c r="N710454" s="10"/>
    </row>
    <row r="710455" spans="14:14">
      <c r="N710455" s="10"/>
    </row>
    <row r="710456" spans="14:14">
      <c r="N710456" s="10"/>
    </row>
    <row r="710457" spans="14:14">
      <c r="N710457" s="10"/>
    </row>
    <row r="710458" spans="14:14">
      <c r="N710458" s="10"/>
    </row>
    <row r="710459" spans="14:14">
      <c r="N710459" s="10"/>
    </row>
    <row r="710460" spans="14:14">
      <c r="N710460" s="10"/>
    </row>
    <row r="710461" spans="14:14">
      <c r="N710461" s="10"/>
    </row>
    <row r="710462" spans="14:14">
      <c r="N710462" s="10"/>
    </row>
    <row r="710463" spans="14:14">
      <c r="N710463" s="10"/>
    </row>
    <row r="710464" spans="14:14">
      <c r="N710464" s="10"/>
    </row>
    <row r="710465" spans="14:14">
      <c r="N710465" s="10"/>
    </row>
    <row r="710466" spans="14:14">
      <c r="N710466" s="10"/>
    </row>
    <row r="710467" spans="14:14">
      <c r="N710467" s="10"/>
    </row>
    <row r="710468" spans="14:14">
      <c r="N710468" s="10"/>
    </row>
    <row r="710469" spans="14:14">
      <c r="N710469" s="10"/>
    </row>
    <row r="710470" spans="14:14">
      <c r="N710470" s="10"/>
    </row>
    <row r="710471" spans="14:14">
      <c r="N710471" s="10"/>
    </row>
    <row r="710472" spans="14:14">
      <c r="N710472" s="10"/>
    </row>
    <row r="710473" spans="14:14">
      <c r="N710473" s="10"/>
    </row>
    <row r="710474" spans="14:14">
      <c r="N710474" s="10"/>
    </row>
    <row r="710475" spans="14:14">
      <c r="N710475" s="10"/>
    </row>
    <row r="710476" spans="14:14">
      <c r="N710476" s="10"/>
    </row>
    <row r="710477" spans="14:14">
      <c r="N710477" s="10"/>
    </row>
    <row r="710478" spans="14:14">
      <c r="N710478" s="10"/>
    </row>
    <row r="710479" spans="14:14">
      <c r="N710479" s="10"/>
    </row>
    <row r="710480" spans="14:14">
      <c r="N710480" s="10"/>
    </row>
    <row r="710481" spans="14:14">
      <c r="N710481" s="10"/>
    </row>
    <row r="710482" spans="14:14">
      <c r="N710482" s="10"/>
    </row>
    <row r="710483" spans="14:14">
      <c r="N710483" s="10"/>
    </row>
    <row r="710484" spans="14:14">
      <c r="N710484" s="10"/>
    </row>
    <row r="710485" spans="14:14">
      <c r="N710485" s="10"/>
    </row>
    <row r="710486" spans="14:14">
      <c r="N710486" s="10"/>
    </row>
    <row r="710487" spans="14:14">
      <c r="N710487" s="10"/>
    </row>
    <row r="710488" spans="14:14">
      <c r="N710488" s="10"/>
    </row>
    <row r="710489" spans="14:14">
      <c r="N710489" s="10"/>
    </row>
    <row r="710490" spans="14:14">
      <c r="N710490" s="10"/>
    </row>
    <row r="710491" spans="14:14">
      <c r="N710491" s="10"/>
    </row>
    <row r="710492" spans="14:14">
      <c r="N710492" s="10"/>
    </row>
    <row r="710493" spans="14:14">
      <c r="N710493" s="10"/>
    </row>
    <row r="710494" spans="14:14">
      <c r="N710494" s="10"/>
    </row>
    <row r="710495" spans="14:14">
      <c r="N710495" s="10"/>
    </row>
    <row r="710496" spans="14:14">
      <c r="N710496" s="10"/>
    </row>
    <row r="710497" spans="14:14">
      <c r="N710497" s="10"/>
    </row>
    <row r="710498" spans="14:14">
      <c r="N710498" s="10"/>
    </row>
    <row r="710499" spans="14:14">
      <c r="N710499" s="10"/>
    </row>
    <row r="710500" spans="14:14">
      <c r="N710500" s="10"/>
    </row>
    <row r="710501" spans="14:14">
      <c r="N710501" s="10"/>
    </row>
    <row r="710502" spans="14:14">
      <c r="N710502" s="10"/>
    </row>
    <row r="710503" spans="14:14">
      <c r="N710503" s="10"/>
    </row>
    <row r="710504" spans="14:14">
      <c r="N710504" s="10"/>
    </row>
    <row r="710505" spans="14:14">
      <c r="N710505" s="10"/>
    </row>
    <row r="710506" spans="14:14">
      <c r="N710506" s="10"/>
    </row>
    <row r="710507" spans="14:14">
      <c r="N710507" s="10"/>
    </row>
    <row r="710508" spans="14:14">
      <c r="N710508" s="10"/>
    </row>
    <row r="710509" spans="14:14">
      <c r="N710509" s="10"/>
    </row>
    <row r="710510" spans="14:14">
      <c r="N710510" s="10"/>
    </row>
    <row r="710511" spans="14:14">
      <c r="N710511" s="10"/>
    </row>
    <row r="710512" spans="14:14">
      <c r="N710512" s="10"/>
    </row>
    <row r="710513" spans="14:14">
      <c r="N710513" s="10"/>
    </row>
    <row r="710514" spans="14:14">
      <c r="N710514" s="10"/>
    </row>
    <row r="710515" spans="14:14">
      <c r="N710515" s="10"/>
    </row>
    <row r="710516" spans="14:14">
      <c r="N710516" s="10"/>
    </row>
    <row r="710517" spans="14:14">
      <c r="N710517" s="10"/>
    </row>
    <row r="710518" spans="14:14">
      <c r="N710518" s="10"/>
    </row>
    <row r="710519" spans="14:14">
      <c r="N710519" s="10"/>
    </row>
    <row r="710520" spans="14:14">
      <c r="N710520" s="10"/>
    </row>
    <row r="710521" spans="14:14">
      <c r="N710521" s="10"/>
    </row>
    <row r="710522" spans="14:14">
      <c r="N710522" s="10"/>
    </row>
    <row r="710523" spans="14:14">
      <c r="N710523" s="10"/>
    </row>
    <row r="710524" spans="14:14">
      <c r="N710524" s="10"/>
    </row>
    <row r="710525" spans="14:14">
      <c r="N710525" s="10"/>
    </row>
    <row r="710526" spans="14:14">
      <c r="N710526" s="10"/>
    </row>
    <row r="710527" spans="14:14">
      <c r="N710527" s="10"/>
    </row>
    <row r="710528" spans="14:14">
      <c r="N710528" s="10"/>
    </row>
    <row r="710529" spans="14:14">
      <c r="N710529" s="10"/>
    </row>
    <row r="710530" spans="14:14">
      <c r="N710530" s="10"/>
    </row>
    <row r="710531" spans="14:14">
      <c r="N710531" s="10"/>
    </row>
    <row r="710532" spans="14:14">
      <c r="N710532" s="10"/>
    </row>
    <row r="710533" spans="14:14">
      <c r="N710533" s="10"/>
    </row>
    <row r="710534" spans="14:14">
      <c r="N710534" s="10"/>
    </row>
    <row r="710535" spans="14:14">
      <c r="N710535" s="10"/>
    </row>
    <row r="710536" spans="14:14">
      <c r="N710536" s="10"/>
    </row>
    <row r="710537" spans="14:14">
      <c r="N710537" s="10"/>
    </row>
    <row r="710538" spans="14:14">
      <c r="N710538" s="10"/>
    </row>
    <row r="710539" spans="14:14">
      <c r="N710539" s="10"/>
    </row>
    <row r="710540" spans="14:14">
      <c r="N710540" s="10"/>
    </row>
    <row r="710541" spans="14:14">
      <c r="N710541" s="10"/>
    </row>
    <row r="710542" spans="14:14">
      <c r="N710542" s="10"/>
    </row>
    <row r="710543" spans="14:14">
      <c r="N710543" s="10"/>
    </row>
    <row r="710544" spans="14:14">
      <c r="N710544" s="10"/>
    </row>
    <row r="710545" spans="14:14">
      <c r="N710545" s="10"/>
    </row>
    <row r="710546" spans="14:14">
      <c r="N710546" s="10"/>
    </row>
    <row r="710547" spans="14:14">
      <c r="N710547" s="10"/>
    </row>
    <row r="710548" spans="14:14">
      <c r="N710548" s="10"/>
    </row>
    <row r="710549" spans="14:14">
      <c r="N710549" s="10"/>
    </row>
    <row r="710550" spans="14:14">
      <c r="N710550" s="10"/>
    </row>
    <row r="710551" spans="14:14">
      <c r="N710551" s="10"/>
    </row>
    <row r="710552" spans="14:14">
      <c r="N710552" s="10"/>
    </row>
    <row r="710553" spans="14:14">
      <c r="N710553" s="10"/>
    </row>
    <row r="710554" spans="14:14">
      <c r="N710554" s="10"/>
    </row>
    <row r="710555" spans="14:14">
      <c r="N710555" s="10"/>
    </row>
    <row r="710556" spans="14:14">
      <c r="N710556" s="10"/>
    </row>
    <row r="710557" spans="14:14">
      <c r="N710557" s="10"/>
    </row>
    <row r="710558" spans="14:14">
      <c r="N710558" s="10"/>
    </row>
    <row r="710559" spans="14:14">
      <c r="N710559" s="10"/>
    </row>
    <row r="710560" spans="14:14">
      <c r="N710560" s="10"/>
    </row>
    <row r="710561" spans="14:14">
      <c r="N710561" s="10"/>
    </row>
    <row r="710562" spans="14:14">
      <c r="N710562" s="10"/>
    </row>
    <row r="710563" spans="14:14">
      <c r="N710563" s="10"/>
    </row>
    <row r="710564" spans="14:14">
      <c r="N710564" s="10"/>
    </row>
    <row r="710565" spans="14:14">
      <c r="N710565" s="10"/>
    </row>
    <row r="710566" spans="14:14">
      <c r="N710566" s="10"/>
    </row>
    <row r="710567" spans="14:14">
      <c r="N710567" s="10"/>
    </row>
    <row r="710568" spans="14:14">
      <c r="N710568" s="10"/>
    </row>
    <row r="710569" spans="14:14">
      <c r="N710569" s="10"/>
    </row>
    <row r="710570" spans="14:14">
      <c r="N710570" s="10"/>
    </row>
    <row r="710571" spans="14:14">
      <c r="N710571" s="10"/>
    </row>
    <row r="710572" spans="14:14">
      <c r="N710572" s="10"/>
    </row>
    <row r="710573" spans="14:14">
      <c r="N710573" s="10"/>
    </row>
    <row r="710574" spans="14:14">
      <c r="N710574" s="10"/>
    </row>
    <row r="710575" spans="14:14">
      <c r="N710575" s="10"/>
    </row>
    <row r="710576" spans="14:14">
      <c r="N710576" s="10"/>
    </row>
    <row r="710577" spans="14:14">
      <c r="N710577" s="10"/>
    </row>
    <row r="710578" spans="14:14">
      <c r="N710578" s="10"/>
    </row>
    <row r="710579" spans="14:14">
      <c r="N710579" s="10"/>
    </row>
    <row r="710580" spans="14:14">
      <c r="N710580" s="10"/>
    </row>
    <row r="710581" spans="14:14">
      <c r="N710581" s="10"/>
    </row>
    <row r="710582" spans="14:14">
      <c r="N710582" s="10"/>
    </row>
    <row r="710583" spans="14:14">
      <c r="N710583" s="10"/>
    </row>
    <row r="710584" spans="14:14">
      <c r="N710584" s="10"/>
    </row>
    <row r="710585" spans="14:14">
      <c r="N710585" s="10"/>
    </row>
    <row r="710586" spans="14:14">
      <c r="N710586" s="10"/>
    </row>
    <row r="710587" spans="14:14">
      <c r="N710587" s="10"/>
    </row>
    <row r="710588" spans="14:14">
      <c r="N710588" s="10"/>
    </row>
    <row r="710589" spans="14:14">
      <c r="N710589" s="10"/>
    </row>
    <row r="710590" spans="14:14">
      <c r="N710590" s="10"/>
    </row>
    <row r="710591" spans="14:14">
      <c r="N710591" s="10"/>
    </row>
    <row r="710592" spans="14:14">
      <c r="N710592" s="10"/>
    </row>
    <row r="710593" spans="14:14">
      <c r="N710593" s="10"/>
    </row>
    <row r="710594" spans="14:14">
      <c r="N710594" s="10"/>
    </row>
    <row r="710595" spans="14:14">
      <c r="N710595" s="10"/>
    </row>
    <row r="710596" spans="14:14">
      <c r="N710596" s="10"/>
    </row>
    <row r="710597" spans="14:14">
      <c r="N710597" s="10"/>
    </row>
    <row r="710598" spans="14:14">
      <c r="N710598" s="10"/>
    </row>
    <row r="710599" spans="14:14">
      <c r="N710599" s="10"/>
    </row>
    <row r="710600" spans="14:14">
      <c r="N710600" s="10"/>
    </row>
    <row r="710601" spans="14:14">
      <c r="N710601" s="10"/>
    </row>
    <row r="710602" spans="14:14">
      <c r="N710602" s="10"/>
    </row>
    <row r="710603" spans="14:14">
      <c r="N710603" s="10"/>
    </row>
    <row r="710604" spans="14:14">
      <c r="N710604" s="10"/>
    </row>
    <row r="710605" spans="14:14">
      <c r="N710605" s="10"/>
    </row>
    <row r="710606" spans="14:14">
      <c r="N710606" s="10"/>
    </row>
    <row r="710607" spans="14:14">
      <c r="N710607" s="10"/>
    </row>
    <row r="710608" spans="14:14">
      <c r="N710608" s="10"/>
    </row>
    <row r="710609" spans="14:14">
      <c r="N710609" s="10"/>
    </row>
    <row r="710610" spans="14:14">
      <c r="N710610" s="10"/>
    </row>
    <row r="710611" spans="14:14">
      <c r="N710611" s="10"/>
    </row>
    <row r="710612" spans="14:14">
      <c r="N710612" s="10"/>
    </row>
    <row r="710613" spans="14:14">
      <c r="N710613" s="10"/>
    </row>
    <row r="710614" spans="14:14">
      <c r="N710614" s="10"/>
    </row>
    <row r="710615" spans="14:14">
      <c r="N710615" s="10"/>
    </row>
    <row r="710616" spans="14:14">
      <c r="N710616" s="10"/>
    </row>
    <row r="710617" spans="14:14">
      <c r="N710617" s="10"/>
    </row>
    <row r="710618" spans="14:14">
      <c r="N710618" s="10"/>
    </row>
    <row r="710619" spans="14:14">
      <c r="N710619" s="10"/>
    </row>
    <row r="710620" spans="14:14">
      <c r="N710620" s="10"/>
    </row>
    <row r="710621" spans="14:14">
      <c r="N710621" s="10"/>
    </row>
    <row r="710622" spans="14:14">
      <c r="N710622" s="10"/>
    </row>
    <row r="710623" spans="14:14">
      <c r="N710623" s="10"/>
    </row>
    <row r="710624" spans="14:14">
      <c r="N710624" s="10"/>
    </row>
    <row r="710625" spans="14:14">
      <c r="N710625" s="10"/>
    </row>
    <row r="710626" spans="14:14">
      <c r="N710626" s="10"/>
    </row>
    <row r="710627" spans="14:14">
      <c r="N710627" s="10"/>
    </row>
    <row r="710628" spans="14:14">
      <c r="N710628" s="10"/>
    </row>
    <row r="710629" spans="14:14">
      <c r="N710629" s="10"/>
    </row>
    <row r="710630" spans="14:14">
      <c r="N710630" s="10"/>
    </row>
    <row r="710631" spans="14:14">
      <c r="N710631" s="10"/>
    </row>
    <row r="710632" spans="14:14">
      <c r="N710632" s="10"/>
    </row>
    <row r="710633" spans="14:14">
      <c r="N710633" s="10"/>
    </row>
    <row r="710634" spans="14:14">
      <c r="N710634" s="10"/>
    </row>
    <row r="710635" spans="14:14">
      <c r="N710635" s="10"/>
    </row>
    <row r="710636" spans="14:14">
      <c r="N710636" s="10"/>
    </row>
    <row r="710637" spans="14:14">
      <c r="N710637" s="10"/>
    </row>
    <row r="710638" spans="14:14">
      <c r="N710638" s="10"/>
    </row>
    <row r="710639" spans="14:14">
      <c r="N710639" s="10"/>
    </row>
    <row r="710640" spans="14:14">
      <c r="N710640" s="10"/>
    </row>
    <row r="710641" spans="14:14">
      <c r="N710641" s="10"/>
    </row>
    <row r="710642" spans="14:14">
      <c r="N710642" s="10"/>
    </row>
    <row r="710643" spans="14:14">
      <c r="N710643" s="10"/>
    </row>
    <row r="710644" spans="14:14">
      <c r="N710644" s="10"/>
    </row>
    <row r="710645" spans="14:14">
      <c r="N710645" s="10"/>
    </row>
    <row r="710646" spans="14:14">
      <c r="N710646" s="10"/>
    </row>
    <row r="710647" spans="14:14">
      <c r="N710647" s="10"/>
    </row>
    <row r="710648" spans="14:14">
      <c r="N710648" s="10"/>
    </row>
    <row r="710649" spans="14:14">
      <c r="N710649" s="10"/>
    </row>
    <row r="710650" spans="14:14">
      <c r="N710650" s="10"/>
    </row>
    <row r="710651" spans="14:14">
      <c r="N710651" s="10"/>
    </row>
    <row r="710652" spans="14:14">
      <c r="N710652" s="10"/>
    </row>
    <row r="710653" spans="14:14">
      <c r="N710653" s="10"/>
    </row>
    <row r="710654" spans="14:14">
      <c r="N710654" s="10"/>
    </row>
    <row r="710655" spans="14:14">
      <c r="N710655" s="10"/>
    </row>
    <row r="710656" spans="14:14">
      <c r="N710656" s="10"/>
    </row>
    <row r="710657" spans="14:14">
      <c r="N710657" s="10"/>
    </row>
    <row r="710658" spans="14:14">
      <c r="N710658" s="10"/>
    </row>
    <row r="710659" spans="14:14">
      <c r="N710659" s="10"/>
    </row>
    <row r="710660" spans="14:14">
      <c r="N710660" s="10"/>
    </row>
    <row r="710661" spans="14:14">
      <c r="N710661" s="10"/>
    </row>
    <row r="710662" spans="14:14">
      <c r="N710662" s="10"/>
    </row>
    <row r="710663" spans="14:14">
      <c r="N710663" s="10"/>
    </row>
    <row r="710664" spans="14:14">
      <c r="N710664" s="10"/>
    </row>
    <row r="710665" spans="14:14">
      <c r="N710665" s="10"/>
    </row>
    <row r="710666" spans="14:14">
      <c r="N710666" s="10"/>
    </row>
    <row r="710667" spans="14:14">
      <c r="N710667" s="10"/>
    </row>
    <row r="710668" spans="14:14">
      <c r="N710668" s="10"/>
    </row>
    <row r="710669" spans="14:14">
      <c r="N710669" s="10"/>
    </row>
    <row r="710670" spans="14:14">
      <c r="N710670" s="10"/>
    </row>
    <row r="710671" spans="14:14">
      <c r="N710671" s="10"/>
    </row>
    <row r="710672" spans="14:14">
      <c r="N710672" s="10"/>
    </row>
    <row r="710673" spans="14:14">
      <c r="N710673" s="10"/>
    </row>
    <row r="710674" spans="14:14">
      <c r="N710674" s="10"/>
    </row>
    <row r="710675" spans="14:14">
      <c r="N710675" s="10"/>
    </row>
    <row r="710676" spans="14:14">
      <c r="N710676" s="10"/>
    </row>
    <row r="710677" spans="14:14">
      <c r="N710677" s="10"/>
    </row>
    <row r="710678" spans="14:14">
      <c r="N710678" s="10"/>
    </row>
    <row r="710679" spans="14:14">
      <c r="N710679" s="10"/>
    </row>
    <row r="710680" spans="14:14">
      <c r="N710680" s="10"/>
    </row>
    <row r="710681" spans="14:14">
      <c r="N710681" s="10"/>
    </row>
    <row r="710682" spans="14:14">
      <c r="N710682" s="10"/>
    </row>
    <row r="710683" spans="14:14">
      <c r="N710683" s="10"/>
    </row>
    <row r="710684" spans="14:14">
      <c r="N710684" s="10"/>
    </row>
    <row r="710685" spans="14:14">
      <c r="N710685" s="10"/>
    </row>
    <row r="710686" spans="14:14">
      <c r="N710686" s="10"/>
    </row>
    <row r="710687" spans="14:14">
      <c r="N710687" s="10"/>
    </row>
    <row r="710688" spans="14:14">
      <c r="N710688" s="10"/>
    </row>
    <row r="710689" spans="14:14">
      <c r="N710689" s="10"/>
    </row>
    <row r="710690" spans="14:14">
      <c r="N710690" s="10"/>
    </row>
    <row r="710691" spans="14:14">
      <c r="N710691" s="10"/>
    </row>
    <row r="710692" spans="14:14">
      <c r="N710692" s="10"/>
    </row>
    <row r="710693" spans="14:14">
      <c r="N710693" s="10"/>
    </row>
    <row r="710694" spans="14:14">
      <c r="N710694" s="10"/>
    </row>
    <row r="710695" spans="14:14">
      <c r="N710695" s="10"/>
    </row>
    <row r="710696" spans="14:14">
      <c r="N710696" s="10"/>
    </row>
    <row r="710697" spans="14:14">
      <c r="N710697" s="10"/>
    </row>
    <row r="710698" spans="14:14">
      <c r="N710698" s="10"/>
    </row>
    <row r="710699" spans="14:14">
      <c r="N710699" s="10"/>
    </row>
    <row r="710700" spans="14:14">
      <c r="N710700" s="10"/>
    </row>
    <row r="710701" spans="14:14">
      <c r="N710701" s="10"/>
    </row>
    <row r="710702" spans="14:14">
      <c r="N710702" s="10"/>
    </row>
    <row r="710703" spans="14:14">
      <c r="N710703" s="10"/>
    </row>
    <row r="710704" spans="14:14">
      <c r="N710704" s="10"/>
    </row>
    <row r="710705" spans="14:14">
      <c r="N710705" s="10"/>
    </row>
    <row r="710706" spans="14:14">
      <c r="N710706" s="10"/>
    </row>
    <row r="710707" spans="14:14">
      <c r="N710707" s="10"/>
    </row>
    <row r="710708" spans="14:14">
      <c r="N710708" s="10"/>
    </row>
    <row r="710709" spans="14:14">
      <c r="N710709" s="10"/>
    </row>
    <row r="710710" spans="14:14">
      <c r="N710710" s="10"/>
    </row>
    <row r="710711" spans="14:14">
      <c r="N710711" s="10"/>
    </row>
    <row r="710712" spans="14:14">
      <c r="N710712" s="10"/>
    </row>
    <row r="710713" spans="14:14">
      <c r="N710713" s="10"/>
    </row>
    <row r="710714" spans="14:14">
      <c r="N710714" s="10"/>
    </row>
    <row r="710715" spans="14:14">
      <c r="N710715" s="10"/>
    </row>
    <row r="710716" spans="14:14">
      <c r="N710716" s="10"/>
    </row>
    <row r="710717" spans="14:14">
      <c r="N710717" s="10"/>
    </row>
    <row r="710718" spans="14:14">
      <c r="N710718" s="10"/>
    </row>
    <row r="710719" spans="14:14">
      <c r="N710719" s="10"/>
    </row>
    <row r="710720" spans="14:14">
      <c r="N710720" s="10"/>
    </row>
    <row r="710721" spans="14:14">
      <c r="N710721" s="10"/>
    </row>
    <row r="710722" spans="14:14">
      <c r="N710722" s="10"/>
    </row>
    <row r="710723" spans="14:14">
      <c r="N710723" s="10"/>
    </row>
    <row r="710724" spans="14:14">
      <c r="N710724" s="10"/>
    </row>
    <row r="710725" spans="14:14">
      <c r="N710725" s="10"/>
    </row>
    <row r="710726" spans="14:14">
      <c r="N710726" s="10"/>
    </row>
    <row r="710727" spans="14:14">
      <c r="N710727" s="10"/>
    </row>
    <row r="710728" spans="14:14">
      <c r="N710728" s="10"/>
    </row>
    <row r="710729" spans="14:14">
      <c r="N710729" s="10"/>
    </row>
    <row r="710730" spans="14:14">
      <c r="N710730" s="10"/>
    </row>
    <row r="710731" spans="14:14">
      <c r="N710731" s="10"/>
    </row>
    <row r="710732" spans="14:14">
      <c r="N710732" s="10"/>
    </row>
    <row r="710733" spans="14:14">
      <c r="N710733" s="10"/>
    </row>
    <row r="710734" spans="14:14">
      <c r="N710734" s="10"/>
    </row>
    <row r="710735" spans="14:14">
      <c r="N710735" s="10"/>
    </row>
    <row r="710736" spans="14:14">
      <c r="N710736" s="10"/>
    </row>
    <row r="710737" spans="14:14">
      <c r="N710737" s="10"/>
    </row>
    <row r="710738" spans="14:14">
      <c r="N710738" s="10"/>
    </row>
    <row r="710739" spans="14:14">
      <c r="N710739" s="10"/>
    </row>
    <row r="710740" spans="14:14">
      <c r="N710740" s="10"/>
    </row>
    <row r="710741" spans="14:14">
      <c r="N710741" s="10"/>
    </row>
    <row r="710742" spans="14:14">
      <c r="N710742" s="10"/>
    </row>
    <row r="710743" spans="14:14">
      <c r="N710743" s="10"/>
    </row>
    <row r="710744" spans="14:14">
      <c r="N710744" s="10"/>
    </row>
    <row r="710745" spans="14:14">
      <c r="N710745" s="10"/>
    </row>
    <row r="710746" spans="14:14">
      <c r="N710746" s="10"/>
    </row>
    <row r="710747" spans="14:14">
      <c r="N710747" s="10"/>
    </row>
    <row r="710748" spans="14:14">
      <c r="N710748" s="10"/>
    </row>
    <row r="710749" spans="14:14">
      <c r="N710749" s="10"/>
    </row>
    <row r="710750" spans="14:14">
      <c r="N710750" s="10"/>
    </row>
    <row r="710751" spans="14:14">
      <c r="N710751" s="10"/>
    </row>
    <row r="710752" spans="14:14">
      <c r="N710752" s="10"/>
    </row>
    <row r="710753" spans="14:14">
      <c r="N710753" s="10"/>
    </row>
    <row r="710754" spans="14:14">
      <c r="N710754" s="10"/>
    </row>
    <row r="710755" spans="14:14">
      <c r="N710755" s="10"/>
    </row>
    <row r="710756" spans="14:14">
      <c r="N710756" s="10"/>
    </row>
    <row r="710757" spans="14:14">
      <c r="N710757" s="10"/>
    </row>
    <row r="710758" spans="14:14">
      <c r="N710758" s="10"/>
    </row>
    <row r="710759" spans="14:14">
      <c r="N710759" s="10"/>
    </row>
    <row r="710760" spans="14:14">
      <c r="N710760" s="10"/>
    </row>
    <row r="710761" spans="14:14">
      <c r="N710761" s="10"/>
    </row>
    <row r="710762" spans="14:14">
      <c r="N710762" s="10"/>
    </row>
    <row r="710763" spans="14:14">
      <c r="N710763" s="10"/>
    </row>
    <row r="710764" spans="14:14">
      <c r="N710764" s="10"/>
    </row>
    <row r="710765" spans="14:14">
      <c r="N710765" s="10"/>
    </row>
    <row r="710766" spans="14:14">
      <c r="N710766" s="10"/>
    </row>
    <row r="710767" spans="14:14">
      <c r="N710767" s="10"/>
    </row>
    <row r="710768" spans="14:14">
      <c r="N710768" s="10"/>
    </row>
    <row r="710769" spans="14:14">
      <c r="N710769" s="10"/>
    </row>
    <row r="710770" spans="14:14">
      <c r="N710770" s="10"/>
    </row>
    <row r="710771" spans="14:14">
      <c r="N710771" s="10"/>
    </row>
    <row r="710772" spans="14:14">
      <c r="N710772" s="10"/>
    </row>
    <row r="710773" spans="14:14">
      <c r="N710773" s="10"/>
    </row>
    <row r="710774" spans="14:14">
      <c r="N710774" s="10"/>
    </row>
    <row r="710775" spans="14:14">
      <c r="N710775" s="10"/>
    </row>
    <row r="710776" spans="14:14">
      <c r="N710776" s="10"/>
    </row>
    <row r="710777" spans="14:14">
      <c r="N710777" s="10"/>
    </row>
    <row r="710778" spans="14:14">
      <c r="N710778" s="10"/>
    </row>
    <row r="710779" spans="14:14">
      <c r="N710779" s="10"/>
    </row>
    <row r="710780" spans="14:14">
      <c r="N710780" s="10"/>
    </row>
    <row r="710781" spans="14:14">
      <c r="N710781" s="10"/>
    </row>
    <row r="710782" spans="14:14">
      <c r="N710782" s="10"/>
    </row>
    <row r="710783" spans="14:14">
      <c r="N710783" s="10"/>
    </row>
    <row r="710784" spans="14:14">
      <c r="N710784" s="10"/>
    </row>
    <row r="710785" spans="14:14">
      <c r="N710785" s="10"/>
    </row>
    <row r="710786" spans="14:14">
      <c r="N710786" s="10"/>
    </row>
    <row r="710787" spans="14:14">
      <c r="N710787" s="10"/>
    </row>
    <row r="710788" spans="14:14">
      <c r="N710788" s="10"/>
    </row>
    <row r="710789" spans="14:14">
      <c r="N710789" s="10"/>
    </row>
    <row r="710790" spans="14:14">
      <c r="N710790" s="10"/>
    </row>
    <row r="710791" spans="14:14">
      <c r="N710791" s="10"/>
    </row>
    <row r="710792" spans="14:14">
      <c r="N710792" s="10"/>
    </row>
    <row r="710793" spans="14:14">
      <c r="N710793" s="10"/>
    </row>
    <row r="710794" spans="14:14">
      <c r="N710794" s="10"/>
    </row>
    <row r="710795" spans="14:14">
      <c r="N710795" s="10"/>
    </row>
    <row r="710796" spans="14:14">
      <c r="N710796" s="10"/>
    </row>
    <row r="710797" spans="14:14">
      <c r="N710797" s="10"/>
    </row>
    <row r="710798" spans="14:14">
      <c r="N710798" s="10"/>
    </row>
    <row r="710799" spans="14:14">
      <c r="N710799" s="10"/>
    </row>
    <row r="710800" spans="14:14">
      <c r="N710800" s="10"/>
    </row>
    <row r="710801" spans="14:14">
      <c r="N710801" s="10"/>
    </row>
    <row r="710802" spans="14:14">
      <c r="N710802" s="10"/>
    </row>
    <row r="710803" spans="14:14">
      <c r="N710803" s="10"/>
    </row>
    <row r="710804" spans="14:14">
      <c r="N710804" s="10"/>
    </row>
    <row r="710805" spans="14:14">
      <c r="N710805" s="10"/>
    </row>
    <row r="710806" spans="14:14">
      <c r="N710806" s="10"/>
    </row>
    <row r="710807" spans="14:14">
      <c r="N710807" s="10"/>
    </row>
    <row r="710808" spans="14:14">
      <c r="N710808" s="10"/>
    </row>
    <row r="710809" spans="14:14">
      <c r="N710809" s="10"/>
    </row>
    <row r="710810" spans="14:14">
      <c r="N710810" s="10"/>
    </row>
    <row r="710811" spans="14:14">
      <c r="N710811" s="10"/>
    </row>
    <row r="710812" spans="14:14">
      <c r="N710812" s="10"/>
    </row>
    <row r="710813" spans="14:14">
      <c r="N710813" s="10"/>
    </row>
    <row r="710814" spans="14:14">
      <c r="N710814" s="10"/>
    </row>
    <row r="710815" spans="14:14">
      <c r="N710815" s="10"/>
    </row>
    <row r="710816" spans="14:14">
      <c r="N710816" s="10"/>
    </row>
    <row r="710817" spans="14:14">
      <c r="N710817" s="10"/>
    </row>
    <row r="710818" spans="14:14">
      <c r="N710818" s="10"/>
    </row>
    <row r="710819" spans="14:14">
      <c r="N710819" s="10"/>
    </row>
    <row r="710820" spans="14:14">
      <c r="N710820" s="10"/>
    </row>
    <row r="710821" spans="14:14">
      <c r="N710821" s="10"/>
    </row>
    <row r="710822" spans="14:14">
      <c r="N710822" s="10"/>
    </row>
    <row r="710823" spans="14:14">
      <c r="N710823" s="10"/>
    </row>
    <row r="710824" spans="14:14">
      <c r="N710824" s="10"/>
    </row>
    <row r="710825" spans="14:14">
      <c r="N710825" s="10"/>
    </row>
    <row r="710826" spans="14:14">
      <c r="N710826" s="10"/>
    </row>
    <row r="710827" spans="14:14">
      <c r="N710827" s="10"/>
    </row>
    <row r="710828" spans="14:14">
      <c r="N710828" s="10"/>
    </row>
    <row r="710829" spans="14:14">
      <c r="N710829" s="10"/>
    </row>
    <row r="710830" spans="14:14">
      <c r="N710830" s="10"/>
    </row>
    <row r="710831" spans="14:14">
      <c r="N710831" s="10"/>
    </row>
    <row r="710832" spans="14:14">
      <c r="N710832" s="10"/>
    </row>
    <row r="710833" spans="14:14">
      <c r="N710833" s="10"/>
    </row>
    <row r="710834" spans="14:14">
      <c r="N710834" s="10"/>
    </row>
    <row r="710835" spans="14:14">
      <c r="N710835" s="10"/>
    </row>
    <row r="710836" spans="14:14">
      <c r="N710836" s="10"/>
    </row>
    <row r="710837" spans="14:14">
      <c r="N710837" s="10"/>
    </row>
    <row r="710838" spans="14:14">
      <c r="N710838" s="10"/>
    </row>
    <row r="710839" spans="14:14">
      <c r="N710839" s="10"/>
    </row>
    <row r="710840" spans="14:14">
      <c r="N710840" s="10"/>
    </row>
    <row r="710841" spans="14:14">
      <c r="N710841" s="10"/>
    </row>
    <row r="710842" spans="14:14">
      <c r="N710842" s="10"/>
    </row>
    <row r="710843" spans="14:14">
      <c r="N710843" s="10"/>
    </row>
    <row r="710844" spans="14:14">
      <c r="N710844" s="10"/>
    </row>
    <row r="710845" spans="14:14">
      <c r="N710845" s="10"/>
    </row>
    <row r="710846" spans="14:14">
      <c r="N710846" s="10"/>
    </row>
    <row r="710847" spans="14:14">
      <c r="N710847" s="10"/>
    </row>
    <row r="710848" spans="14:14">
      <c r="N710848" s="10"/>
    </row>
    <row r="710849" spans="14:14">
      <c r="N710849" s="10"/>
    </row>
    <row r="710850" spans="14:14">
      <c r="N710850" s="10"/>
    </row>
    <row r="710851" spans="14:14">
      <c r="N710851" s="10"/>
    </row>
    <row r="710852" spans="14:14">
      <c r="N710852" s="10"/>
    </row>
    <row r="710853" spans="14:14">
      <c r="N710853" s="10"/>
    </row>
    <row r="710854" spans="14:14">
      <c r="N710854" s="10"/>
    </row>
    <row r="710855" spans="14:14">
      <c r="N710855" s="10"/>
    </row>
    <row r="710856" spans="14:14">
      <c r="N710856" s="10"/>
    </row>
    <row r="710857" spans="14:14">
      <c r="N710857" s="10"/>
    </row>
    <row r="710858" spans="14:14">
      <c r="N710858" s="10"/>
    </row>
    <row r="710859" spans="14:14">
      <c r="N710859" s="10"/>
    </row>
    <row r="710860" spans="14:14">
      <c r="N710860" s="10"/>
    </row>
    <row r="710861" spans="14:14">
      <c r="N710861" s="10"/>
    </row>
    <row r="710862" spans="14:14">
      <c r="N710862" s="10"/>
    </row>
    <row r="710863" spans="14:14">
      <c r="N710863" s="10"/>
    </row>
    <row r="710864" spans="14:14">
      <c r="N710864" s="10"/>
    </row>
    <row r="710865" spans="14:14">
      <c r="N710865" s="10"/>
    </row>
    <row r="710866" spans="14:14">
      <c r="N710866" s="10"/>
    </row>
    <row r="710867" spans="14:14">
      <c r="N710867" s="10"/>
    </row>
    <row r="710868" spans="14:14">
      <c r="N710868" s="10"/>
    </row>
    <row r="710869" spans="14:14">
      <c r="N710869" s="10"/>
    </row>
    <row r="710870" spans="14:14">
      <c r="N710870" s="10"/>
    </row>
    <row r="710871" spans="14:14">
      <c r="N710871" s="10"/>
    </row>
    <row r="710872" spans="14:14">
      <c r="N710872" s="10"/>
    </row>
    <row r="710873" spans="14:14">
      <c r="N710873" s="10"/>
    </row>
    <row r="710874" spans="14:14">
      <c r="N710874" s="10"/>
    </row>
    <row r="710875" spans="14:14">
      <c r="N710875" s="10"/>
    </row>
    <row r="710876" spans="14:14">
      <c r="N710876" s="10"/>
    </row>
    <row r="710877" spans="14:14">
      <c r="N710877" s="10"/>
    </row>
    <row r="710878" spans="14:14">
      <c r="N710878" s="10"/>
    </row>
    <row r="710879" spans="14:14">
      <c r="N710879" s="10"/>
    </row>
    <row r="710880" spans="14:14">
      <c r="N710880" s="10"/>
    </row>
    <row r="710881" spans="14:14">
      <c r="N710881" s="10"/>
    </row>
    <row r="710882" spans="14:14">
      <c r="N710882" s="10"/>
    </row>
    <row r="710883" spans="14:14">
      <c r="N710883" s="10"/>
    </row>
    <row r="710884" spans="14:14">
      <c r="N710884" s="10"/>
    </row>
    <row r="710885" spans="14:14">
      <c r="N710885" s="10"/>
    </row>
    <row r="710886" spans="14:14">
      <c r="N710886" s="10"/>
    </row>
    <row r="710887" spans="14:14">
      <c r="N710887" s="10"/>
    </row>
    <row r="710888" spans="14:14">
      <c r="N710888" s="10"/>
    </row>
    <row r="710889" spans="14:14">
      <c r="N710889" s="10"/>
    </row>
    <row r="710890" spans="14:14">
      <c r="N710890" s="10"/>
    </row>
    <row r="710891" spans="14:14">
      <c r="N710891" s="10"/>
    </row>
    <row r="710892" spans="14:14">
      <c r="N710892" s="10"/>
    </row>
    <row r="710893" spans="14:14">
      <c r="N710893" s="10"/>
    </row>
    <row r="710894" spans="14:14">
      <c r="N710894" s="10"/>
    </row>
    <row r="710895" spans="14:14">
      <c r="N710895" s="10"/>
    </row>
    <row r="710896" spans="14:14">
      <c r="N710896" s="10"/>
    </row>
    <row r="710897" spans="14:14">
      <c r="N710897" s="10"/>
    </row>
    <row r="710898" spans="14:14">
      <c r="N710898" s="10"/>
    </row>
    <row r="710899" spans="14:14">
      <c r="N710899" s="10"/>
    </row>
    <row r="710900" spans="14:14">
      <c r="N710900" s="10"/>
    </row>
    <row r="710901" spans="14:14">
      <c r="N710901" s="10"/>
    </row>
    <row r="710902" spans="14:14">
      <c r="N710902" s="10"/>
    </row>
    <row r="710903" spans="14:14">
      <c r="N710903" s="10"/>
    </row>
    <row r="710904" spans="14:14">
      <c r="N710904" s="10"/>
    </row>
    <row r="710905" spans="14:14">
      <c r="N710905" s="10"/>
    </row>
    <row r="710906" spans="14:14">
      <c r="N710906" s="10"/>
    </row>
    <row r="710907" spans="14:14">
      <c r="N710907" s="10"/>
    </row>
    <row r="710908" spans="14:14">
      <c r="N710908" s="10"/>
    </row>
    <row r="710909" spans="14:14">
      <c r="N710909" s="10"/>
    </row>
    <row r="710910" spans="14:14">
      <c r="N710910" s="10"/>
    </row>
    <row r="710911" spans="14:14">
      <c r="N710911" s="10"/>
    </row>
    <row r="710912" spans="14:14">
      <c r="N710912" s="10"/>
    </row>
    <row r="710913" spans="14:14">
      <c r="N710913" s="10"/>
    </row>
    <row r="710914" spans="14:14">
      <c r="N710914" s="10"/>
    </row>
    <row r="710915" spans="14:14">
      <c r="N710915" s="10"/>
    </row>
    <row r="710916" spans="14:14">
      <c r="N710916" s="10"/>
    </row>
    <row r="710917" spans="14:14">
      <c r="N710917" s="10"/>
    </row>
    <row r="710918" spans="14:14">
      <c r="N710918" s="10"/>
    </row>
    <row r="710919" spans="14:14">
      <c r="N710919" s="10"/>
    </row>
    <row r="710920" spans="14:14">
      <c r="N710920" s="10"/>
    </row>
    <row r="710921" spans="14:14">
      <c r="N710921" s="10"/>
    </row>
    <row r="710922" spans="14:14">
      <c r="N710922" s="10"/>
    </row>
    <row r="710923" spans="14:14">
      <c r="N710923" s="10"/>
    </row>
    <row r="710924" spans="14:14">
      <c r="N710924" s="10"/>
    </row>
    <row r="710925" spans="14:14">
      <c r="N710925" s="10"/>
    </row>
    <row r="710926" spans="14:14">
      <c r="N710926" s="10"/>
    </row>
    <row r="710927" spans="14:14">
      <c r="N710927" s="10"/>
    </row>
    <row r="710928" spans="14:14">
      <c r="N710928" s="10"/>
    </row>
    <row r="710929" spans="14:14">
      <c r="N710929" s="10"/>
    </row>
    <row r="710930" spans="14:14">
      <c r="N710930" s="10"/>
    </row>
    <row r="710931" spans="14:14">
      <c r="N710931" s="10"/>
    </row>
    <row r="710932" spans="14:14">
      <c r="N710932" s="10"/>
    </row>
    <row r="710933" spans="14:14">
      <c r="N710933" s="10"/>
    </row>
    <row r="710934" spans="14:14">
      <c r="N710934" s="10"/>
    </row>
    <row r="710935" spans="14:14">
      <c r="N710935" s="10"/>
    </row>
    <row r="710936" spans="14:14">
      <c r="N710936" s="10"/>
    </row>
    <row r="710937" spans="14:14">
      <c r="N710937" s="10"/>
    </row>
    <row r="710938" spans="14:14">
      <c r="N710938" s="10"/>
    </row>
    <row r="710939" spans="14:14">
      <c r="N710939" s="10"/>
    </row>
    <row r="710940" spans="14:14">
      <c r="N710940" s="10"/>
    </row>
    <row r="710941" spans="14:14">
      <c r="N710941" s="10"/>
    </row>
    <row r="710942" spans="14:14">
      <c r="N710942" s="10"/>
    </row>
    <row r="710943" spans="14:14">
      <c r="N710943" s="10"/>
    </row>
    <row r="710944" spans="14:14">
      <c r="N710944" s="10"/>
    </row>
    <row r="710945" spans="14:14">
      <c r="N710945" s="10"/>
    </row>
    <row r="710946" spans="14:14">
      <c r="N710946" s="10"/>
    </row>
    <row r="710947" spans="14:14">
      <c r="N710947" s="10"/>
    </row>
    <row r="710948" spans="14:14">
      <c r="N710948" s="10"/>
    </row>
    <row r="710949" spans="14:14">
      <c r="N710949" s="10"/>
    </row>
    <row r="710950" spans="14:14">
      <c r="N710950" s="10"/>
    </row>
    <row r="710951" spans="14:14">
      <c r="N710951" s="10"/>
    </row>
    <row r="710952" spans="14:14">
      <c r="N710952" s="10"/>
    </row>
    <row r="710953" spans="14:14">
      <c r="N710953" s="10"/>
    </row>
    <row r="710954" spans="14:14">
      <c r="N710954" s="10"/>
    </row>
    <row r="710955" spans="14:14">
      <c r="N710955" s="10"/>
    </row>
    <row r="710956" spans="14:14">
      <c r="N710956" s="10"/>
    </row>
    <row r="710957" spans="14:14">
      <c r="N710957" s="10"/>
    </row>
    <row r="710958" spans="14:14">
      <c r="N710958" s="10"/>
    </row>
    <row r="710959" spans="14:14">
      <c r="N710959" s="10"/>
    </row>
    <row r="710960" spans="14:14">
      <c r="N710960" s="10"/>
    </row>
    <row r="710961" spans="14:14">
      <c r="N710961" s="10"/>
    </row>
    <row r="710962" spans="14:14">
      <c r="N710962" s="10"/>
    </row>
    <row r="710963" spans="14:14">
      <c r="N710963" s="10"/>
    </row>
    <row r="710964" spans="14:14">
      <c r="N710964" s="10"/>
    </row>
    <row r="710965" spans="14:14">
      <c r="N710965" s="10"/>
    </row>
    <row r="710966" spans="14:14">
      <c r="N710966" s="10"/>
    </row>
    <row r="710967" spans="14:14">
      <c r="N710967" s="10"/>
    </row>
    <row r="710968" spans="14:14">
      <c r="N710968" s="10"/>
    </row>
    <row r="710969" spans="14:14">
      <c r="N710969" s="10"/>
    </row>
    <row r="710970" spans="14:14">
      <c r="N710970" s="10"/>
    </row>
    <row r="710971" spans="14:14">
      <c r="N710971" s="10"/>
    </row>
    <row r="710972" spans="14:14">
      <c r="N710972" s="10"/>
    </row>
    <row r="710973" spans="14:14">
      <c r="N710973" s="10"/>
    </row>
    <row r="710974" spans="14:14">
      <c r="N710974" s="10"/>
    </row>
    <row r="710975" spans="14:14">
      <c r="N710975" s="10"/>
    </row>
    <row r="710976" spans="14:14">
      <c r="N710976" s="10"/>
    </row>
    <row r="710977" spans="14:14">
      <c r="N710977" s="10"/>
    </row>
    <row r="710978" spans="14:14">
      <c r="N710978" s="10"/>
    </row>
    <row r="710979" spans="14:14">
      <c r="N710979" s="10"/>
    </row>
    <row r="710980" spans="14:14">
      <c r="N710980" s="10"/>
    </row>
    <row r="710981" spans="14:14">
      <c r="N710981" s="10"/>
    </row>
    <row r="710982" spans="14:14">
      <c r="N710982" s="10"/>
    </row>
    <row r="710983" spans="14:14">
      <c r="N710983" s="10"/>
    </row>
    <row r="710984" spans="14:14">
      <c r="N710984" s="10"/>
    </row>
    <row r="710985" spans="14:14">
      <c r="N710985" s="10"/>
    </row>
    <row r="710986" spans="14:14">
      <c r="N710986" s="10"/>
    </row>
    <row r="710987" spans="14:14">
      <c r="N710987" s="10"/>
    </row>
    <row r="710988" spans="14:14">
      <c r="N710988" s="10"/>
    </row>
    <row r="710989" spans="14:14">
      <c r="N710989" s="10"/>
    </row>
    <row r="710990" spans="14:14">
      <c r="N710990" s="10"/>
    </row>
    <row r="710991" spans="14:14">
      <c r="N710991" s="10"/>
    </row>
    <row r="710992" spans="14:14">
      <c r="N710992" s="10"/>
    </row>
    <row r="710993" spans="14:14">
      <c r="N710993" s="10"/>
    </row>
    <row r="710994" spans="14:14">
      <c r="N710994" s="10"/>
    </row>
    <row r="710995" spans="14:14">
      <c r="N710995" s="10"/>
    </row>
    <row r="710996" spans="14:14">
      <c r="N710996" s="10"/>
    </row>
    <row r="710997" spans="14:14">
      <c r="N710997" s="10"/>
    </row>
    <row r="710998" spans="14:14">
      <c r="N710998" s="10"/>
    </row>
    <row r="710999" spans="14:14">
      <c r="N710999" s="10"/>
    </row>
    <row r="711000" spans="14:14">
      <c r="N711000" s="10"/>
    </row>
    <row r="711001" spans="14:14">
      <c r="N711001" s="10"/>
    </row>
    <row r="711002" spans="14:14">
      <c r="N711002" s="10"/>
    </row>
    <row r="711003" spans="14:14">
      <c r="N711003" s="10"/>
    </row>
    <row r="711004" spans="14:14">
      <c r="N711004" s="10"/>
    </row>
    <row r="711005" spans="14:14">
      <c r="N711005" s="10"/>
    </row>
    <row r="711006" spans="14:14">
      <c r="N711006" s="10"/>
    </row>
    <row r="711007" spans="14:14">
      <c r="N711007" s="10"/>
    </row>
    <row r="711008" spans="14:14">
      <c r="N711008" s="10"/>
    </row>
    <row r="711009" spans="14:14">
      <c r="N711009" s="10"/>
    </row>
    <row r="711010" spans="14:14">
      <c r="N711010" s="10"/>
    </row>
    <row r="711011" spans="14:14">
      <c r="N711011" s="10"/>
    </row>
    <row r="711012" spans="14:14">
      <c r="N711012" s="10"/>
    </row>
    <row r="711013" spans="14:14">
      <c r="N711013" s="10"/>
    </row>
    <row r="711014" spans="14:14">
      <c r="N711014" s="10"/>
    </row>
    <row r="711015" spans="14:14">
      <c r="N711015" s="10"/>
    </row>
    <row r="711016" spans="14:14">
      <c r="N711016" s="10"/>
    </row>
    <row r="711017" spans="14:14">
      <c r="N711017" s="10"/>
    </row>
    <row r="711018" spans="14:14">
      <c r="N711018" s="10"/>
    </row>
    <row r="711019" spans="14:14">
      <c r="N711019" s="10"/>
    </row>
    <row r="711020" spans="14:14">
      <c r="N711020" s="10"/>
    </row>
    <row r="711021" spans="14:14">
      <c r="N711021" s="10"/>
    </row>
    <row r="711022" spans="14:14">
      <c r="N711022" s="10"/>
    </row>
    <row r="711023" spans="14:14">
      <c r="N711023" s="10"/>
    </row>
    <row r="711024" spans="14:14">
      <c r="N711024" s="10"/>
    </row>
    <row r="711025" spans="14:14">
      <c r="N711025" s="10"/>
    </row>
    <row r="711026" spans="14:14">
      <c r="N711026" s="10"/>
    </row>
    <row r="711027" spans="14:14">
      <c r="N711027" s="10"/>
    </row>
    <row r="711028" spans="14:14">
      <c r="N711028" s="10"/>
    </row>
    <row r="711029" spans="14:14">
      <c r="N711029" s="10"/>
    </row>
    <row r="711030" spans="14:14">
      <c r="N711030" s="10"/>
    </row>
    <row r="711031" spans="14:14">
      <c r="N711031" s="10"/>
    </row>
    <row r="711032" spans="14:14">
      <c r="N711032" s="10"/>
    </row>
    <row r="711033" spans="14:14">
      <c r="N711033" s="10"/>
    </row>
    <row r="711034" spans="14:14">
      <c r="N711034" s="10"/>
    </row>
    <row r="711035" spans="14:14">
      <c r="N711035" s="10"/>
    </row>
    <row r="711036" spans="14:14">
      <c r="N711036" s="10"/>
    </row>
    <row r="711037" spans="14:14">
      <c r="N711037" s="10"/>
    </row>
    <row r="711038" spans="14:14">
      <c r="N711038" s="10"/>
    </row>
    <row r="711039" spans="14:14">
      <c r="N711039" s="10"/>
    </row>
    <row r="711040" spans="14:14">
      <c r="N711040" s="10"/>
    </row>
    <row r="711041" spans="14:14">
      <c r="N711041" s="10"/>
    </row>
    <row r="711042" spans="14:14">
      <c r="N711042" s="10"/>
    </row>
    <row r="711043" spans="14:14">
      <c r="N711043" s="10"/>
    </row>
    <row r="711044" spans="14:14">
      <c r="N711044" s="10"/>
    </row>
    <row r="711045" spans="14:14">
      <c r="N711045" s="10"/>
    </row>
    <row r="711046" spans="14:14">
      <c r="N711046" s="10"/>
    </row>
    <row r="711047" spans="14:14">
      <c r="N711047" s="10"/>
    </row>
    <row r="711048" spans="14:14">
      <c r="N711048" s="10"/>
    </row>
    <row r="711049" spans="14:14">
      <c r="N711049" s="10"/>
    </row>
    <row r="711050" spans="14:14">
      <c r="N711050" s="10"/>
    </row>
    <row r="711051" spans="14:14">
      <c r="N711051" s="10"/>
    </row>
    <row r="711052" spans="14:14">
      <c r="N711052" s="10"/>
    </row>
    <row r="711053" spans="14:14">
      <c r="N711053" s="10"/>
    </row>
    <row r="711054" spans="14:14">
      <c r="N711054" s="10"/>
    </row>
    <row r="711055" spans="14:14">
      <c r="N711055" s="10"/>
    </row>
    <row r="711056" spans="14:14">
      <c r="N711056" s="10"/>
    </row>
    <row r="711057" spans="14:14">
      <c r="N711057" s="10"/>
    </row>
    <row r="711058" spans="14:14">
      <c r="N711058" s="10"/>
    </row>
    <row r="711059" spans="14:14">
      <c r="N711059" s="10"/>
    </row>
    <row r="711060" spans="14:14">
      <c r="N711060" s="10"/>
    </row>
    <row r="711061" spans="14:14">
      <c r="N711061" s="10"/>
    </row>
    <row r="711062" spans="14:14">
      <c r="N711062" s="10"/>
    </row>
    <row r="711063" spans="14:14">
      <c r="N711063" s="10"/>
    </row>
    <row r="711064" spans="14:14">
      <c r="N711064" s="10"/>
    </row>
    <row r="711065" spans="14:14">
      <c r="N711065" s="10"/>
    </row>
    <row r="711066" spans="14:14">
      <c r="N711066" s="10"/>
    </row>
    <row r="711067" spans="14:14">
      <c r="N711067" s="10"/>
    </row>
    <row r="711068" spans="14:14">
      <c r="N711068" s="10"/>
    </row>
    <row r="711069" spans="14:14">
      <c r="N711069" s="10"/>
    </row>
    <row r="711070" spans="14:14">
      <c r="N711070" s="10"/>
    </row>
    <row r="711071" spans="14:14">
      <c r="N711071" s="10"/>
    </row>
    <row r="711072" spans="14:14">
      <c r="N711072" s="10"/>
    </row>
    <row r="711073" spans="14:14">
      <c r="N711073" s="10"/>
    </row>
    <row r="711074" spans="14:14">
      <c r="N711074" s="10"/>
    </row>
    <row r="711075" spans="14:14">
      <c r="N711075" s="10"/>
    </row>
    <row r="711076" spans="14:14">
      <c r="N711076" s="10"/>
    </row>
    <row r="711077" spans="14:14">
      <c r="N711077" s="10"/>
    </row>
    <row r="711078" spans="14:14">
      <c r="N711078" s="10"/>
    </row>
    <row r="711079" spans="14:14">
      <c r="N711079" s="10"/>
    </row>
    <row r="711080" spans="14:14">
      <c r="N711080" s="10"/>
    </row>
    <row r="711081" spans="14:14">
      <c r="N711081" s="10"/>
    </row>
    <row r="711082" spans="14:14">
      <c r="N711082" s="10"/>
    </row>
    <row r="711083" spans="14:14">
      <c r="N711083" s="10"/>
    </row>
    <row r="711084" spans="14:14">
      <c r="N711084" s="10"/>
    </row>
    <row r="711085" spans="14:14">
      <c r="N711085" s="10"/>
    </row>
    <row r="711086" spans="14:14">
      <c r="N711086" s="10"/>
    </row>
    <row r="711087" spans="14:14">
      <c r="N711087" s="10"/>
    </row>
    <row r="711088" spans="14:14">
      <c r="N711088" s="10"/>
    </row>
    <row r="711089" spans="14:14">
      <c r="N711089" s="10"/>
    </row>
    <row r="711090" spans="14:14">
      <c r="N711090" s="10"/>
    </row>
    <row r="711091" spans="14:14">
      <c r="N711091" s="10"/>
    </row>
    <row r="711092" spans="14:14">
      <c r="N711092" s="10"/>
    </row>
    <row r="711093" spans="14:14">
      <c r="N711093" s="10"/>
    </row>
    <row r="711094" spans="14:14">
      <c r="N711094" s="10"/>
    </row>
    <row r="711095" spans="14:14">
      <c r="N711095" s="10"/>
    </row>
    <row r="711096" spans="14:14">
      <c r="N711096" s="10"/>
    </row>
    <row r="711097" spans="14:14">
      <c r="N711097" s="10"/>
    </row>
    <row r="711098" spans="14:14">
      <c r="N711098" s="10"/>
    </row>
    <row r="711099" spans="14:14">
      <c r="N711099" s="10"/>
    </row>
    <row r="711100" spans="14:14">
      <c r="N711100" s="10"/>
    </row>
    <row r="711101" spans="14:14">
      <c r="N711101" s="10"/>
    </row>
    <row r="711102" spans="14:14">
      <c r="N711102" s="10"/>
    </row>
    <row r="711103" spans="14:14">
      <c r="N711103" s="10"/>
    </row>
    <row r="711104" spans="14:14">
      <c r="N711104" s="10"/>
    </row>
    <row r="711105" spans="14:14">
      <c r="N711105" s="10"/>
    </row>
    <row r="711106" spans="14:14">
      <c r="N711106" s="10"/>
    </row>
    <row r="711107" spans="14:14">
      <c r="N711107" s="10"/>
    </row>
    <row r="711108" spans="14:14">
      <c r="N711108" s="10"/>
    </row>
    <row r="711109" spans="14:14">
      <c r="N711109" s="10"/>
    </row>
    <row r="711110" spans="14:14">
      <c r="N711110" s="10"/>
    </row>
    <row r="711111" spans="14:14">
      <c r="N711111" s="10"/>
    </row>
    <row r="711112" spans="14:14">
      <c r="N711112" s="10"/>
    </row>
    <row r="711113" spans="14:14">
      <c r="N711113" s="10"/>
    </row>
    <row r="711114" spans="14:14">
      <c r="N711114" s="10"/>
    </row>
    <row r="711115" spans="14:14">
      <c r="N711115" s="10"/>
    </row>
    <row r="711116" spans="14:14">
      <c r="N711116" s="10"/>
    </row>
    <row r="711117" spans="14:14">
      <c r="N711117" s="10"/>
    </row>
    <row r="711118" spans="14:14">
      <c r="N711118" s="10"/>
    </row>
    <row r="711119" spans="14:14">
      <c r="N711119" s="10"/>
    </row>
    <row r="711120" spans="14:14">
      <c r="N711120" s="10"/>
    </row>
    <row r="711121" spans="14:14">
      <c r="N711121" s="10"/>
    </row>
    <row r="711122" spans="14:14">
      <c r="N711122" s="10"/>
    </row>
    <row r="711123" spans="14:14">
      <c r="N711123" s="10"/>
    </row>
    <row r="711124" spans="14:14">
      <c r="N711124" s="10"/>
    </row>
    <row r="711125" spans="14:14">
      <c r="N711125" s="10"/>
    </row>
    <row r="711126" spans="14:14">
      <c r="N711126" s="10"/>
    </row>
    <row r="711127" spans="14:14">
      <c r="N711127" s="10"/>
    </row>
    <row r="711128" spans="14:14">
      <c r="N711128" s="10"/>
    </row>
    <row r="711129" spans="14:14">
      <c r="N711129" s="10"/>
    </row>
    <row r="711130" spans="14:14">
      <c r="N711130" s="10"/>
    </row>
    <row r="711131" spans="14:14">
      <c r="N711131" s="10"/>
    </row>
    <row r="711132" spans="14:14">
      <c r="N711132" s="10"/>
    </row>
    <row r="711133" spans="14:14">
      <c r="N711133" s="10"/>
    </row>
    <row r="711134" spans="14:14">
      <c r="N711134" s="10"/>
    </row>
    <row r="711135" spans="14:14">
      <c r="N711135" s="10"/>
    </row>
    <row r="711136" spans="14:14">
      <c r="N711136" s="10"/>
    </row>
    <row r="711137" spans="14:14">
      <c r="N711137" s="10"/>
    </row>
    <row r="711138" spans="14:14">
      <c r="N711138" s="10"/>
    </row>
    <row r="711139" spans="14:14">
      <c r="N711139" s="10"/>
    </row>
    <row r="711140" spans="14:14">
      <c r="N711140" s="10"/>
    </row>
    <row r="711141" spans="14:14">
      <c r="N711141" s="10"/>
    </row>
    <row r="711142" spans="14:14">
      <c r="N711142" s="10"/>
    </row>
    <row r="711143" spans="14:14">
      <c r="N711143" s="10"/>
    </row>
    <row r="711144" spans="14:14">
      <c r="N711144" s="10"/>
    </row>
    <row r="711145" spans="14:14">
      <c r="N711145" s="10"/>
    </row>
    <row r="711146" spans="14:14">
      <c r="N711146" s="10"/>
    </row>
    <row r="711147" spans="14:14">
      <c r="N711147" s="10"/>
    </row>
    <row r="711148" spans="14:14">
      <c r="N711148" s="10"/>
    </row>
    <row r="711149" spans="14:14">
      <c r="N711149" s="10"/>
    </row>
    <row r="711150" spans="14:14">
      <c r="N711150" s="10"/>
    </row>
    <row r="711151" spans="14:14">
      <c r="N711151" s="10"/>
    </row>
    <row r="711152" spans="14:14">
      <c r="N711152" s="10"/>
    </row>
    <row r="711153" spans="14:14">
      <c r="N711153" s="10"/>
    </row>
    <row r="711154" spans="14:14">
      <c r="N711154" s="10"/>
    </row>
    <row r="711155" spans="14:14">
      <c r="N711155" s="10"/>
    </row>
    <row r="711156" spans="14:14">
      <c r="N711156" s="10"/>
    </row>
    <row r="711157" spans="14:14">
      <c r="N711157" s="10"/>
    </row>
    <row r="711158" spans="14:14">
      <c r="N711158" s="10"/>
    </row>
    <row r="711159" spans="14:14">
      <c r="N711159" s="10"/>
    </row>
    <row r="711160" spans="14:14">
      <c r="N711160" s="10"/>
    </row>
    <row r="711161" spans="14:14">
      <c r="N711161" s="10"/>
    </row>
    <row r="711162" spans="14:14">
      <c r="N711162" s="10"/>
    </row>
    <row r="711163" spans="14:14">
      <c r="N711163" s="10"/>
    </row>
    <row r="711164" spans="14:14">
      <c r="N711164" s="10"/>
    </row>
    <row r="711165" spans="14:14">
      <c r="N711165" s="10"/>
    </row>
    <row r="711166" spans="14:14">
      <c r="N711166" s="10"/>
    </row>
    <row r="711167" spans="14:14">
      <c r="N711167" s="10"/>
    </row>
    <row r="711168" spans="14:14">
      <c r="N711168" s="10"/>
    </row>
    <row r="711169" spans="14:14">
      <c r="N711169" s="10"/>
    </row>
    <row r="711170" spans="14:14">
      <c r="N711170" s="10"/>
    </row>
    <row r="711171" spans="14:14">
      <c r="N711171" s="10"/>
    </row>
    <row r="711172" spans="14:14">
      <c r="N711172" s="10"/>
    </row>
    <row r="711173" spans="14:14">
      <c r="N711173" s="10"/>
    </row>
    <row r="711174" spans="14:14">
      <c r="N711174" s="10"/>
    </row>
    <row r="711175" spans="14:14">
      <c r="N711175" s="10"/>
    </row>
    <row r="711176" spans="14:14">
      <c r="N711176" s="10"/>
    </row>
    <row r="711177" spans="14:14">
      <c r="N711177" s="10"/>
    </row>
    <row r="711178" spans="14:14">
      <c r="N711178" s="10"/>
    </row>
    <row r="711179" spans="14:14">
      <c r="N711179" s="10"/>
    </row>
    <row r="711180" spans="14:14">
      <c r="N711180" s="10"/>
    </row>
    <row r="711181" spans="14:14">
      <c r="N711181" s="10"/>
    </row>
    <row r="711182" spans="14:14">
      <c r="N711182" s="10"/>
    </row>
    <row r="711183" spans="14:14">
      <c r="N711183" s="10"/>
    </row>
    <row r="711184" spans="14:14">
      <c r="N711184" s="10"/>
    </row>
    <row r="711185" spans="14:14">
      <c r="N711185" s="10"/>
    </row>
    <row r="711186" spans="14:14">
      <c r="N711186" s="10"/>
    </row>
    <row r="711187" spans="14:14">
      <c r="N711187" s="10"/>
    </row>
    <row r="711188" spans="14:14">
      <c r="N711188" s="10"/>
    </row>
    <row r="711189" spans="14:14">
      <c r="N711189" s="10"/>
    </row>
    <row r="711190" spans="14:14">
      <c r="N711190" s="10"/>
    </row>
    <row r="711191" spans="14:14">
      <c r="N711191" s="10"/>
    </row>
    <row r="711192" spans="14:14">
      <c r="N711192" s="10"/>
    </row>
    <row r="711193" spans="14:14">
      <c r="N711193" s="10"/>
    </row>
    <row r="711194" spans="14:14">
      <c r="N711194" s="10"/>
    </row>
    <row r="711195" spans="14:14">
      <c r="N711195" s="10"/>
    </row>
    <row r="711196" spans="14:14">
      <c r="N711196" s="10"/>
    </row>
    <row r="711197" spans="14:14">
      <c r="N711197" s="10"/>
    </row>
    <row r="711198" spans="14:14">
      <c r="N711198" s="10"/>
    </row>
    <row r="711199" spans="14:14">
      <c r="N711199" s="10"/>
    </row>
    <row r="711200" spans="14:14">
      <c r="N711200" s="10"/>
    </row>
    <row r="711201" spans="14:14">
      <c r="N711201" s="10"/>
    </row>
    <row r="711202" spans="14:14">
      <c r="N711202" s="10"/>
    </row>
    <row r="711203" spans="14:14">
      <c r="N711203" s="10"/>
    </row>
    <row r="711204" spans="14:14">
      <c r="N711204" s="10"/>
    </row>
    <row r="711205" spans="14:14">
      <c r="N711205" s="10"/>
    </row>
    <row r="711206" spans="14:14">
      <c r="N711206" s="10"/>
    </row>
    <row r="711207" spans="14:14">
      <c r="N711207" s="10"/>
    </row>
    <row r="711208" spans="14:14">
      <c r="N711208" s="10"/>
    </row>
    <row r="711209" spans="14:14">
      <c r="N711209" s="10"/>
    </row>
    <row r="711210" spans="14:14">
      <c r="N711210" s="10"/>
    </row>
    <row r="711211" spans="14:14">
      <c r="N711211" s="10"/>
    </row>
    <row r="711212" spans="14:14">
      <c r="N711212" s="10"/>
    </row>
    <row r="711213" spans="14:14">
      <c r="N711213" s="10"/>
    </row>
    <row r="711214" spans="14:14">
      <c r="N711214" s="10"/>
    </row>
    <row r="711215" spans="14:14">
      <c r="N711215" s="10"/>
    </row>
    <row r="711216" spans="14:14">
      <c r="N711216" s="10"/>
    </row>
    <row r="711217" spans="14:14">
      <c r="N711217" s="10"/>
    </row>
    <row r="711218" spans="14:14">
      <c r="N711218" s="10"/>
    </row>
    <row r="711219" spans="14:14">
      <c r="N711219" s="10"/>
    </row>
    <row r="711220" spans="14:14">
      <c r="N711220" s="10"/>
    </row>
    <row r="711221" spans="14:14">
      <c r="N711221" s="10"/>
    </row>
    <row r="711222" spans="14:14">
      <c r="N711222" s="10"/>
    </row>
    <row r="711223" spans="14:14">
      <c r="N711223" s="10"/>
    </row>
    <row r="711224" spans="14:14">
      <c r="N711224" s="10"/>
    </row>
    <row r="711225" spans="14:14">
      <c r="N711225" s="10"/>
    </row>
    <row r="711226" spans="14:14">
      <c r="N711226" s="10"/>
    </row>
    <row r="711227" spans="14:14">
      <c r="N711227" s="10"/>
    </row>
    <row r="711228" spans="14:14">
      <c r="N711228" s="10"/>
    </row>
    <row r="711229" spans="14:14">
      <c r="N711229" s="10"/>
    </row>
    <row r="711230" spans="14:14">
      <c r="N711230" s="10"/>
    </row>
    <row r="711231" spans="14:14">
      <c r="N711231" s="10"/>
    </row>
    <row r="711232" spans="14:14">
      <c r="N711232" s="10"/>
    </row>
    <row r="711233" spans="14:14">
      <c r="N711233" s="10"/>
    </row>
    <row r="711234" spans="14:14">
      <c r="N711234" s="10"/>
    </row>
    <row r="711235" spans="14:14">
      <c r="N711235" s="10"/>
    </row>
    <row r="711236" spans="14:14">
      <c r="N711236" s="10"/>
    </row>
    <row r="711237" spans="14:14">
      <c r="N711237" s="10"/>
    </row>
    <row r="711238" spans="14:14">
      <c r="N711238" s="10"/>
    </row>
    <row r="711239" spans="14:14">
      <c r="N711239" s="10"/>
    </row>
    <row r="711240" spans="14:14">
      <c r="N711240" s="10"/>
    </row>
    <row r="711241" spans="14:14">
      <c r="N711241" s="10"/>
    </row>
    <row r="711242" spans="14:14">
      <c r="N711242" s="10"/>
    </row>
    <row r="711243" spans="14:14">
      <c r="N711243" s="10"/>
    </row>
    <row r="711244" spans="14:14">
      <c r="N711244" s="10"/>
    </row>
    <row r="711245" spans="14:14">
      <c r="N711245" s="10"/>
    </row>
    <row r="711246" spans="14:14">
      <c r="N711246" s="10"/>
    </row>
    <row r="711247" spans="14:14">
      <c r="N711247" s="10"/>
    </row>
    <row r="711248" spans="14:14">
      <c r="N711248" s="10"/>
    </row>
    <row r="711249" spans="14:14">
      <c r="N711249" s="10"/>
    </row>
    <row r="711250" spans="14:14">
      <c r="N711250" s="10"/>
    </row>
    <row r="711251" spans="14:14">
      <c r="N711251" s="10"/>
    </row>
    <row r="711252" spans="14:14">
      <c r="N711252" s="10"/>
    </row>
    <row r="711253" spans="14:14">
      <c r="N711253" s="10"/>
    </row>
    <row r="711254" spans="14:14">
      <c r="N711254" s="10"/>
    </row>
    <row r="711255" spans="14:14">
      <c r="N711255" s="10"/>
    </row>
    <row r="711256" spans="14:14">
      <c r="N711256" s="10"/>
    </row>
    <row r="711257" spans="14:14">
      <c r="N711257" s="10"/>
    </row>
    <row r="711258" spans="14:14">
      <c r="N711258" s="10"/>
    </row>
    <row r="711259" spans="14:14">
      <c r="N711259" s="10"/>
    </row>
    <row r="711260" spans="14:14">
      <c r="N711260" s="10"/>
    </row>
    <row r="711261" spans="14:14">
      <c r="N711261" s="10"/>
    </row>
    <row r="711262" spans="14:14">
      <c r="N711262" s="10"/>
    </row>
    <row r="711263" spans="14:14">
      <c r="N711263" s="10"/>
    </row>
    <row r="711264" spans="14:14">
      <c r="N711264" s="10"/>
    </row>
    <row r="711265" spans="14:14">
      <c r="N711265" s="10"/>
    </row>
    <row r="711266" spans="14:14">
      <c r="N711266" s="10"/>
    </row>
    <row r="711267" spans="14:14">
      <c r="N711267" s="10"/>
    </row>
    <row r="711268" spans="14:14">
      <c r="N711268" s="10"/>
    </row>
    <row r="711269" spans="14:14">
      <c r="N711269" s="10"/>
    </row>
    <row r="711270" spans="14:14">
      <c r="N711270" s="10"/>
    </row>
    <row r="711271" spans="14:14">
      <c r="N711271" s="10"/>
    </row>
    <row r="711272" spans="14:14">
      <c r="N711272" s="10"/>
    </row>
    <row r="711273" spans="14:14">
      <c r="N711273" s="10"/>
    </row>
    <row r="711274" spans="14:14">
      <c r="N711274" s="10"/>
    </row>
    <row r="711275" spans="14:14">
      <c r="N711275" s="10"/>
    </row>
    <row r="711276" spans="14:14">
      <c r="N711276" s="10"/>
    </row>
    <row r="711277" spans="14:14">
      <c r="N711277" s="10"/>
    </row>
    <row r="711278" spans="14:14">
      <c r="N711278" s="10"/>
    </row>
    <row r="711279" spans="14:14">
      <c r="N711279" s="10"/>
    </row>
    <row r="711280" spans="14:14">
      <c r="N711280" s="10"/>
    </row>
    <row r="711281" spans="14:14">
      <c r="N711281" s="10"/>
    </row>
    <row r="711282" spans="14:14">
      <c r="N711282" s="10"/>
    </row>
    <row r="711283" spans="14:14">
      <c r="N711283" s="10"/>
    </row>
    <row r="711284" spans="14:14">
      <c r="N711284" s="10"/>
    </row>
    <row r="711285" spans="14:14">
      <c r="N711285" s="10"/>
    </row>
    <row r="711286" spans="14:14">
      <c r="N711286" s="10"/>
    </row>
    <row r="711287" spans="14:14">
      <c r="N711287" s="10"/>
    </row>
    <row r="711288" spans="14:14">
      <c r="N711288" s="10"/>
    </row>
    <row r="711289" spans="14:14">
      <c r="N711289" s="10"/>
    </row>
    <row r="711290" spans="14:14">
      <c r="N711290" s="10"/>
    </row>
    <row r="711291" spans="14:14">
      <c r="N711291" s="10"/>
    </row>
    <row r="711292" spans="14:14">
      <c r="N711292" s="10"/>
    </row>
    <row r="711293" spans="14:14">
      <c r="N711293" s="10"/>
    </row>
    <row r="711294" spans="14:14">
      <c r="N711294" s="10"/>
    </row>
    <row r="711295" spans="14:14">
      <c r="N711295" s="10"/>
    </row>
    <row r="711296" spans="14:14">
      <c r="N711296" s="10"/>
    </row>
    <row r="711297" spans="14:14">
      <c r="N711297" s="10"/>
    </row>
    <row r="711298" spans="14:14">
      <c r="N711298" s="10"/>
    </row>
    <row r="711299" spans="14:14">
      <c r="N711299" s="10"/>
    </row>
    <row r="711300" spans="14:14">
      <c r="N711300" s="10"/>
    </row>
    <row r="711301" spans="14:14">
      <c r="N711301" s="10"/>
    </row>
    <row r="711302" spans="14:14">
      <c r="N711302" s="10"/>
    </row>
    <row r="711303" spans="14:14">
      <c r="N711303" s="10"/>
    </row>
    <row r="711304" spans="14:14">
      <c r="N711304" s="10"/>
    </row>
    <row r="711305" spans="14:14">
      <c r="N711305" s="10"/>
    </row>
    <row r="711306" spans="14:14">
      <c r="N711306" s="10"/>
    </row>
    <row r="711307" spans="14:14">
      <c r="N711307" s="10"/>
    </row>
    <row r="711308" spans="14:14">
      <c r="N711308" s="10"/>
    </row>
    <row r="711309" spans="14:14">
      <c r="N711309" s="10"/>
    </row>
    <row r="711310" spans="14:14">
      <c r="N711310" s="10"/>
    </row>
    <row r="711311" spans="14:14">
      <c r="N711311" s="10"/>
    </row>
    <row r="711312" spans="14:14">
      <c r="N711312" s="10"/>
    </row>
    <row r="711313" spans="14:14">
      <c r="N711313" s="10"/>
    </row>
    <row r="711314" spans="14:14">
      <c r="N711314" s="10"/>
    </row>
    <row r="711315" spans="14:14">
      <c r="N711315" s="10"/>
    </row>
    <row r="711316" spans="14:14">
      <c r="N711316" s="10"/>
    </row>
    <row r="711317" spans="14:14">
      <c r="N711317" s="10"/>
    </row>
    <row r="711318" spans="14:14">
      <c r="N711318" s="10"/>
    </row>
    <row r="711319" spans="14:14">
      <c r="N711319" s="10"/>
    </row>
    <row r="711320" spans="14:14">
      <c r="N711320" s="10"/>
    </row>
    <row r="711321" spans="14:14">
      <c r="N711321" s="10"/>
    </row>
    <row r="711322" spans="14:14">
      <c r="N711322" s="10"/>
    </row>
    <row r="711323" spans="14:14">
      <c r="N711323" s="10"/>
    </row>
    <row r="711324" spans="14:14">
      <c r="N711324" s="10"/>
    </row>
    <row r="711325" spans="14:14">
      <c r="N711325" s="10"/>
    </row>
    <row r="711326" spans="14:14">
      <c r="N711326" s="10"/>
    </row>
    <row r="711327" spans="14:14">
      <c r="N711327" s="10"/>
    </row>
    <row r="711328" spans="14:14">
      <c r="N711328" s="10"/>
    </row>
    <row r="711329" spans="14:14">
      <c r="N711329" s="10"/>
    </row>
    <row r="711330" spans="14:14">
      <c r="N711330" s="10"/>
    </row>
    <row r="711331" spans="14:14">
      <c r="N711331" s="10"/>
    </row>
    <row r="711332" spans="14:14">
      <c r="N711332" s="10"/>
    </row>
    <row r="711333" spans="14:14">
      <c r="N711333" s="10"/>
    </row>
    <row r="711334" spans="14:14">
      <c r="N711334" s="10"/>
    </row>
    <row r="711335" spans="14:14">
      <c r="N711335" s="10"/>
    </row>
    <row r="711336" spans="14:14">
      <c r="N711336" s="10"/>
    </row>
    <row r="711337" spans="14:14">
      <c r="N711337" s="10"/>
    </row>
    <row r="711338" spans="14:14">
      <c r="N711338" s="10"/>
    </row>
    <row r="711339" spans="14:14">
      <c r="N711339" s="10"/>
    </row>
    <row r="711340" spans="14:14">
      <c r="N711340" s="10"/>
    </row>
    <row r="711341" spans="14:14">
      <c r="N711341" s="10"/>
    </row>
    <row r="711342" spans="14:14">
      <c r="N711342" s="10"/>
    </row>
    <row r="711343" spans="14:14">
      <c r="N711343" s="10"/>
    </row>
    <row r="711344" spans="14:14">
      <c r="N711344" s="10"/>
    </row>
    <row r="711345" spans="14:14">
      <c r="N711345" s="10"/>
    </row>
    <row r="711346" spans="14:14">
      <c r="N711346" s="10"/>
    </row>
    <row r="711347" spans="14:14">
      <c r="N711347" s="10"/>
    </row>
    <row r="711348" spans="14:14">
      <c r="N711348" s="10"/>
    </row>
    <row r="711349" spans="14:14">
      <c r="N711349" s="10"/>
    </row>
    <row r="711350" spans="14:14">
      <c r="N711350" s="10"/>
    </row>
    <row r="711351" spans="14:14">
      <c r="N711351" s="10"/>
    </row>
    <row r="711352" spans="14:14">
      <c r="N711352" s="10"/>
    </row>
    <row r="711353" spans="14:14">
      <c r="N711353" s="10"/>
    </row>
    <row r="711354" spans="14:14">
      <c r="N711354" s="10"/>
    </row>
    <row r="711355" spans="14:14">
      <c r="N711355" s="10"/>
    </row>
    <row r="711356" spans="14:14">
      <c r="N711356" s="10"/>
    </row>
    <row r="711357" spans="14:14">
      <c r="N711357" s="10"/>
    </row>
    <row r="711358" spans="14:14">
      <c r="N711358" s="10"/>
    </row>
    <row r="711359" spans="14:14">
      <c r="N711359" s="10"/>
    </row>
    <row r="711360" spans="14:14">
      <c r="N711360" s="10"/>
    </row>
    <row r="711361" spans="14:14">
      <c r="N711361" s="10"/>
    </row>
    <row r="711362" spans="14:14">
      <c r="N711362" s="10"/>
    </row>
    <row r="711363" spans="14:14">
      <c r="N711363" s="10"/>
    </row>
    <row r="711364" spans="14:14">
      <c r="N711364" s="10"/>
    </row>
    <row r="711365" spans="14:14">
      <c r="N711365" s="10"/>
    </row>
    <row r="711366" spans="14:14">
      <c r="N711366" s="10"/>
    </row>
    <row r="711367" spans="14:14">
      <c r="N711367" s="10"/>
    </row>
    <row r="711368" spans="14:14">
      <c r="N711368" s="10"/>
    </row>
    <row r="711369" spans="14:14">
      <c r="N711369" s="10"/>
    </row>
    <row r="711370" spans="14:14">
      <c r="N711370" s="10"/>
    </row>
    <row r="711371" spans="14:14">
      <c r="N711371" s="10"/>
    </row>
    <row r="711372" spans="14:14">
      <c r="N711372" s="10"/>
    </row>
    <row r="711373" spans="14:14">
      <c r="N711373" s="10"/>
    </row>
    <row r="711374" spans="14:14">
      <c r="N711374" s="10"/>
    </row>
    <row r="711375" spans="14:14">
      <c r="N711375" s="10"/>
    </row>
    <row r="711376" spans="14:14">
      <c r="N711376" s="10"/>
    </row>
    <row r="711377" spans="14:14">
      <c r="N711377" s="10"/>
    </row>
    <row r="711378" spans="14:14">
      <c r="N711378" s="10"/>
    </row>
    <row r="711379" spans="14:14">
      <c r="N711379" s="10"/>
    </row>
    <row r="711380" spans="14:14">
      <c r="N711380" s="10"/>
    </row>
    <row r="711381" spans="14:14">
      <c r="N711381" s="10"/>
    </row>
    <row r="711382" spans="14:14">
      <c r="N711382" s="10"/>
    </row>
    <row r="711383" spans="14:14">
      <c r="N711383" s="10"/>
    </row>
    <row r="711384" spans="14:14">
      <c r="N711384" s="10"/>
    </row>
    <row r="711385" spans="14:14">
      <c r="N711385" s="10"/>
    </row>
    <row r="711386" spans="14:14">
      <c r="N711386" s="10"/>
    </row>
    <row r="711387" spans="14:14">
      <c r="N711387" s="10"/>
    </row>
    <row r="711388" spans="14:14">
      <c r="N711388" s="10"/>
    </row>
    <row r="711389" spans="14:14">
      <c r="N711389" s="10"/>
    </row>
    <row r="711390" spans="14:14">
      <c r="N711390" s="10"/>
    </row>
    <row r="711391" spans="14:14">
      <c r="N711391" s="10"/>
    </row>
    <row r="711392" spans="14:14">
      <c r="N711392" s="10"/>
    </row>
    <row r="711393" spans="14:14">
      <c r="N711393" s="10"/>
    </row>
    <row r="711394" spans="14:14">
      <c r="N711394" s="10"/>
    </row>
    <row r="711395" spans="14:14">
      <c r="N711395" s="10"/>
    </row>
    <row r="711396" spans="14:14">
      <c r="N711396" s="10"/>
    </row>
    <row r="711397" spans="14:14">
      <c r="N711397" s="10"/>
    </row>
    <row r="711398" spans="14:14">
      <c r="N711398" s="10"/>
    </row>
    <row r="711399" spans="14:14">
      <c r="N711399" s="10"/>
    </row>
    <row r="711400" spans="14:14">
      <c r="N711400" s="10"/>
    </row>
    <row r="711401" spans="14:14">
      <c r="N711401" s="10"/>
    </row>
    <row r="711402" spans="14:14">
      <c r="N711402" s="10"/>
    </row>
    <row r="711403" spans="14:14">
      <c r="N711403" s="10"/>
    </row>
    <row r="711404" spans="14:14">
      <c r="N711404" s="10"/>
    </row>
    <row r="711405" spans="14:14">
      <c r="N711405" s="10"/>
    </row>
    <row r="711406" spans="14:14">
      <c r="N711406" s="10"/>
    </row>
    <row r="711407" spans="14:14">
      <c r="N711407" s="10"/>
    </row>
    <row r="711408" spans="14:14">
      <c r="N711408" s="10"/>
    </row>
    <row r="711409" spans="14:14">
      <c r="N711409" s="10"/>
    </row>
    <row r="711410" spans="14:14">
      <c r="N711410" s="10"/>
    </row>
    <row r="711411" spans="14:14">
      <c r="N711411" s="10"/>
    </row>
    <row r="711412" spans="14:14">
      <c r="N711412" s="10"/>
    </row>
    <row r="711413" spans="14:14">
      <c r="N711413" s="10"/>
    </row>
    <row r="711414" spans="14:14">
      <c r="N711414" s="10"/>
    </row>
    <row r="711415" spans="14:14">
      <c r="N711415" s="10"/>
    </row>
    <row r="711416" spans="14:14">
      <c r="N711416" s="10"/>
    </row>
    <row r="711417" spans="14:14">
      <c r="N711417" s="10"/>
    </row>
    <row r="711418" spans="14:14">
      <c r="N711418" s="10"/>
    </row>
    <row r="711419" spans="14:14">
      <c r="N711419" s="10"/>
    </row>
    <row r="711420" spans="14:14">
      <c r="N711420" s="10"/>
    </row>
    <row r="711421" spans="14:14">
      <c r="N711421" s="10"/>
    </row>
    <row r="711422" spans="14:14">
      <c r="N711422" s="10"/>
    </row>
    <row r="711423" spans="14:14">
      <c r="N711423" s="10"/>
    </row>
    <row r="711424" spans="14:14">
      <c r="N711424" s="10"/>
    </row>
    <row r="711425" spans="14:14">
      <c r="N711425" s="10"/>
    </row>
    <row r="711426" spans="14:14">
      <c r="N711426" s="10"/>
    </row>
    <row r="711427" spans="14:14">
      <c r="N711427" s="10"/>
    </row>
    <row r="711428" spans="14:14">
      <c r="N711428" s="10"/>
    </row>
    <row r="711429" spans="14:14">
      <c r="N711429" s="10"/>
    </row>
    <row r="711430" spans="14:14">
      <c r="N711430" s="10"/>
    </row>
    <row r="711431" spans="14:14">
      <c r="N711431" s="10"/>
    </row>
    <row r="711432" spans="14:14">
      <c r="N711432" s="10"/>
    </row>
    <row r="711433" spans="14:14">
      <c r="N711433" s="10"/>
    </row>
    <row r="711434" spans="14:14">
      <c r="N711434" s="10"/>
    </row>
    <row r="711435" spans="14:14">
      <c r="N711435" s="10"/>
    </row>
    <row r="711436" spans="14:14">
      <c r="N711436" s="10"/>
    </row>
    <row r="711437" spans="14:14">
      <c r="N711437" s="10"/>
    </row>
    <row r="711438" spans="14:14">
      <c r="N711438" s="10"/>
    </row>
    <row r="711439" spans="14:14">
      <c r="N711439" s="10"/>
    </row>
    <row r="711440" spans="14:14">
      <c r="N711440" s="10"/>
    </row>
    <row r="711441" spans="14:14">
      <c r="N711441" s="10"/>
    </row>
    <row r="711442" spans="14:14">
      <c r="N711442" s="10"/>
    </row>
    <row r="711443" spans="14:14">
      <c r="N711443" s="10"/>
    </row>
    <row r="711444" spans="14:14">
      <c r="N711444" s="10"/>
    </row>
    <row r="711445" spans="14:14">
      <c r="N711445" s="10"/>
    </row>
    <row r="711446" spans="14:14">
      <c r="N711446" s="10"/>
    </row>
    <row r="711447" spans="14:14">
      <c r="N711447" s="10"/>
    </row>
    <row r="711448" spans="14:14">
      <c r="N711448" s="10"/>
    </row>
    <row r="711449" spans="14:14">
      <c r="N711449" s="10"/>
    </row>
    <row r="711450" spans="14:14">
      <c r="N711450" s="10"/>
    </row>
    <row r="711451" spans="14:14">
      <c r="N711451" s="10"/>
    </row>
    <row r="711452" spans="14:14">
      <c r="N711452" s="10"/>
    </row>
    <row r="711453" spans="14:14">
      <c r="N711453" s="10"/>
    </row>
    <row r="711454" spans="14:14">
      <c r="N711454" s="10"/>
    </row>
    <row r="711455" spans="14:14">
      <c r="N711455" s="10"/>
    </row>
    <row r="711456" spans="14:14">
      <c r="N711456" s="10"/>
    </row>
    <row r="711457" spans="14:14">
      <c r="N711457" s="10"/>
    </row>
    <row r="711458" spans="14:14">
      <c r="N711458" s="10"/>
    </row>
    <row r="711459" spans="14:14">
      <c r="N711459" s="10"/>
    </row>
    <row r="711460" spans="14:14">
      <c r="N711460" s="10"/>
    </row>
    <row r="711461" spans="14:14">
      <c r="N711461" s="10"/>
    </row>
    <row r="711462" spans="14:14">
      <c r="N711462" s="10"/>
    </row>
    <row r="711463" spans="14:14">
      <c r="N711463" s="10"/>
    </row>
    <row r="711464" spans="14:14">
      <c r="N711464" s="10"/>
    </row>
    <row r="711465" spans="14:14">
      <c r="N711465" s="10"/>
    </row>
    <row r="711466" spans="14:14">
      <c r="N711466" s="10"/>
    </row>
    <row r="711467" spans="14:14">
      <c r="N711467" s="10"/>
    </row>
    <row r="711468" spans="14:14">
      <c r="N711468" s="10"/>
    </row>
    <row r="711469" spans="14:14">
      <c r="N711469" s="10"/>
    </row>
    <row r="711470" spans="14:14">
      <c r="N711470" s="10"/>
    </row>
    <row r="711471" spans="14:14">
      <c r="N711471" s="10"/>
    </row>
    <row r="711472" spans="14:14">
      <c r="N711472" s="10"/>
    </row>
    <row r="711473" spans="14:14">
      <c r="N711473" s="10"/>
    </row>
    <row r="711474" spans="14:14">
      <c r="N711474" s="10"/>
    </row>
    <row r="711475" spans="14:14">
      <c r="N711475" s="10"/>
    </row>
    <row r="711476" spans="14:14">
      <c r="N711476" s="10"/>
    </row>
    <row r="711477" spans="14:14">
      <c r="N711477" s="10"/>
    </row>
    <row r="711478" spans="14:14">
      <c r="N711478" s="10"/>
    </row>
    <row r="711479" spans="14:14">
      <c r="N711479" s="10"/>
    </row>
    <row r="711480" spans="14:14">
      <c r="N711480" s="10"/>
    </row>
    <row r="711481" spans="14:14">
      <c r="N711481" s="10"/>
    </row>
    <row r="711482" spans="14:14">
      <c r="N711482" s="10"/>
    </row>
    <row r="711483" spans="14:14">
      <c r="N711483" s="10"/>
    </row>
    <row r="711484" spans="14:14">
      <c r="N711484" s="10"/>
    </row>
    <row r="711485" spans="14:14">
      <c r="N711485" s="10"/>
    </row>
    <row r="711486" spans="14:14">
      <c r="N711486" s="10"/>
    </row>
    <row r="711487" spans="14:14">
      <c r="N711487" s="10"/>
    </row>
    <row r="711488" spans="14:14">
      <c r="N711488" s="10"/>
    </row>
    <row r="711489" spans="14:14">
      <c r="N711489" s="10"/>
    </row>
    <row r="711490" spans="14:14">
      <c r="N711490" s="10"/>
    </row>
    <row r="711491" spans="14:14">
      <c r="N711491" s="10"/>
    </row>
    <row r="711492" spans="14:14">
      <c r="N711492" s="10"/>
    </row>
    <row r="711493" spans="14:14">
      <c r="N711493" s="10"/>
    </row>
    <row r="711494" spans="14:14">
      <c r="N711494" s="10"/>
    </row>
    <row r="711495" spans="14:14">
      <c r="N711495" s="10"/>
    </row>
    <row r="711496" spans="14:14">
      <c r="N711496" s="10"/>
    </row>
    <row r="711497" spans="14:14">
      <c r="N711497" s="10"/>
    </row>
    <row r="711498" spans="14:14">
      <c r="N711498" s="10"/>
    </row>
    <row r="711499" spans="14:14">
      <c r="N711499" s="10"/>
    </row>
    <row r="711500" spans="14:14">
      <c r="N711500" s="10"/>
    </row>
    <row r="711501" spans="14:14">
      <c r="N711501" s="10"/>
    </row>
    <row r="711502" spans="14:14">
      <c r="N711502" s="10"/>
    </row>
    <row r="711503" spans="14:14">
      <c r="N711503" s="10"/>
    </row>
    <row r="711504" spans="14:14">
      <c r="N711504" s="10"/>
    </row>
    <row r="711505" spans="14:14">
      <c r="N711505" s="10"/>
    </row>
    <row r="711506" spans="14:14">
      <c r="N711506" s="10"/>
    </row>
    <row r="711507" spans="14:14">
      <c r="N711507" s="10"/>
    </row>
    <row r="711508" spans="14:14">
      <c r="N711508" s="10"/>
    </row>
    <row r="711509" spans="14:14">
      <c r="N711509" s="10"/>
    </row>
    <row r="711510" spans="14:14">
      <c r="N711510" s="10"/>
    </row>
    <row r="711511" spans="14:14">
      <c r="N711511" s="10"/>
    </row>
    <row r="711512" spans="14:14">
      <c r="N711512" s="10"/>
    </row>
    <row r="711513" spans="14:14">
      <c r="N711513" s="10"/>
    </row>
    <row r="711514" spans="14:14">
      <c r="N711514" s="10"/>
    </row>
    <row r="711515" spans="14:14">
      <c r="N711515" s="10"/>
    </row>
    <row r="711516" spans="14:14">
      <c r="N711516" s="10"/>
    </row>
    <row r="711517" spans="14:14">
      <c r="N711517" s="10"/>
    </row>
    <row r="711518" spans="14:14">
      <c r="N711518" s="10"/>
    </row>
    <row r="711519" spans="14:14">
      <c r="N711519" s="10"/>
    </row>
    <row r="711520" spans="14:14">
      <c r="N711520" s="10"/>
    </row>
    <row r="711521" spans="14:14">
      <c r="N711521" s="10"/>
    </row>
    <row r="711522" spans="14:14">
      <c r="N711522" s="10"/>
    </row>
    <row r="711523" spans="14:14">
      <c r="N711523" s="10"/>
    </row>
    <row r="711524" spans="14:14">
      <c r="N711524" s="10"/>
    </row>
    <row r="711525" spans="14:14">
      <c r="N711525" s="10"/>
    </row>
    <row r="711526" spans="14:14">
      <c r="N711526" s="10"/>
    </row>
    <row r="711527" spans="14:14">
      <c r="N711527" s="10"/>
    </row>
    <row r="711528" spans="14:14">
      <c r="N711528" s="10"/>
    </row>
    <row r="711529" spans="14:14">
      <c r="N711529" s="10"/>
    </row>
    <row r="711530" spans="14:14">
      <c r="N711530" s="10"/>
    </row>
    <row r="711531" spans="14:14">
      <c r="N711531" s="10"/>
    </row>
    <row r="711532" spans="14:14">
      <c r="N711532" s="10"/>
    </row>
    <row r="711533" spans="14:14">
      <c r="N711533" s="10"/>
    </row>
    <row r="711534" spans="14:14">
      <c r="N711534" s="10"/>
    </row>
    <row r="711535" spans="14:14">
      <c r="N711535" s="10"/>
    </row>
    <row r="711536" spans="14:14">
      <c r="N711536" s="10"/>
    </row>
    <row r="711537" spans="14:14">
      <c r="N711537" s="10"/>
    </row>
    <row r="711538" spans="14:14">
      <c r="N711538" s="10"/>
    </row>
    <row r="711539" spans="14:14">
      <c r="N711539" s="10"/>
    </row>
    <row r="711540" spans="14:14">
      <c r="N711540" s="10"/>
    </row>
    <row r="711541" spans="14:14">
      <c r="N711541" s="10"/>
    </row>
    <row r="711542" spans="14:14">
      <c r="N711542" s="10"/>
    </row>
    <row r="711543" spans="14:14">
      <c r="N711543" s="10"/>
    </row>
    <row r="711544" spans="14:14">
      <c r="N711544" s="10"/>
    </row>
    <row r="711545" spans="14:14">
      <c r="N711545" s="10"/>
    </row>
    <row r="711546" spans="14:14">
      <c r="N711546" s="10"/>
    </row>
    <row r="711547" spans="14:14">
      <c r="N711547" s="10"/>
    </row>
    <row r="711548" spans="14:14">
      <c r="N711548" s="10"/>
    </row>
    <row r="711549" spans="14:14">
      <c r="N711549" s="10"/>
    </row>
    <row r="711550" spans="14:14">
      <c r="N711550" s="10"/>
    </row>
    <row r="711551" spans="14:14">
      <c r="N711551" s="10"/>
    </row>
    <row r="711552" spans="14:14">
      <c r="N711552" s="10"/>
    </row>
    <row r="711553" spans="14:14">
      <c r="N711553" s="10"/>
    </row>
    <row r="711554" spans="14:14">
      <c r="N711554" s="10"/>
    </row>
    <row r="711555" spans="14:14">
      <c r="N711555" s="10"/>
    </row>
    <row r="711556" spans="14:14">
      <c r="N711556" s="10"/>
    </row>
    <row r="711557" spans="14:14">
      <c r="N711557" s="10"/>
    </row>
    <row r="711558" spans="14:14">
      <c r="N711558" s="10"/>
    </row>
    <row r="711559" spans="14:14">
      <c r="N711559" s="10"/>
    </row>
    <row r="711560" spans="14:14">
      <c r="N711560" s="10"/>
    </row>
    <row r="711561" spans="14:14">
      <c r="N711561" s="10"/>
    </row>
    <row r="711562" spans="14:14">
      <c r="N711562" s="10"/>
    </row>
    <row r="711563" spans="14:14">
      <c r="N711563" s="10"/>
    </row>
    <row r="711564" spans="14:14">
      <c r="N711564" s="10"/>
    </row>
    <row r="711565" spans="14:14">
      <c r="N711565" s="10"/>
    </row>
    <row r="711566" spans="14:14">
      <c r="N711566" s="10"/>
    </row>
    <row r="711567" spans="14:14">
      <c r="N711567" s="10"/>
    </row>
    <row r="711568" spans="14:14">
      <c r="N711568" s="10"/>
    </row>
    <row r="711569" spans="14:14">
      <c r="N711569" s="10"/>
    </row>
    <row r="711570" spans="14:14">
      <c r="N711570" s="10"/>
    </row>
    <row r="711571" spans="14:14">
      <c r="N711571" s="10"/>
    </row>
    <row r="711572" spans="14:14">
      <c r="N711572" s="10"/>
    </row>
    <row r="711573" spans="14:14">
      <c r="N711573" s="10"/>
    </row>
    <row r="711574" spans="14:14">
      <c r="N711574" s="10"/>
    </row>
    <row r="711575" spans="14:14">
      <c r="N711575" s="10"/>
    </row>
    <row r="711576" spans="14:14">
      <c r="N711576" s="10"/>
    </row>
    <row r="711577" spans="14:14">
      <c r="N711577" s="10"/>
    </row>
    <row r="711578" spans="14:14">
      <c r="N711578" s="10"/>
    </row>
    <row r="711579" spans="14:14">
      <c r="N711579" s="10"/>
    </row>
    <row r="711580" spans="14:14">
      <c r="N711580" s="10"/>
    </row>
    <row r="711581" spans="14:14">
      <c r="N711581" s="10"/>
    </row>
    <row r="711582" spans="14:14">
      <c r="N711582" s="10"/>
    </row>
    <row r="711583" spans="14:14">
      <c r="N711583" s="10"/>
    </row>
    <row r="711584" spans="14:14">
      <c r="N711584" s="10"/>
    </row>
    <row r="711585" spans="14:14">
      <c r="N711585" s="10"/>
    </row>
    <row r="711586" spans="14:14">
      <c r="N711586" s="10"/>
    </row>
    <row r="711587" spans="14:14">
      <c r="N711587" s="10"/>
    </row>
    <row r="711588" spans="14:14">
      <c r="N711588" s="10"/>
    </row>
    <row r="711589" spans="14:14">
      <c r="N711589" s="10"/>
    </row>
    <row r="711590" spans="14:14">
      <c r="N711590" s="10"/>
    </row>
    <row r="711591" spans="14:14">
      <c r="N711591" s="10"/>
    </row>
    <row r="711592" spans="14:14">
      <c r="N711592" s="10"/>
    </row>
    <row r="711593" spans="14:14">
      <c r="N711593" s="10"/>
    </row>
    <row r="711594" spans="14:14">
      <c r="N711594" s="10"/>
    </row>
    <row r="711595" spans="14:14">
      <c r="N711595" s="10"/>
    </row>
    <row r="711596" spans="14:14">
      <c r="N711596" s="10"/>
    </row>
    <row r="711597" spans="14:14">
      <c r="N711597" s="10"/>
    </row>
    <row r="711598" spans="14:14">
      <c r="N711598" s="10"/>
    </row>
    <row r="711599" spans="14:14">
      <c r="N711599" s="10"/>
    </row>
    <row r="711600" spans="14:14">
      <c r="N711600" s="10"/>
    </row>
    <row r="711601" spans="14:14">
      <c r="N711601" s="10"/>
    </row>
    <row r="711602" spans="14:14">
      <c r="N711602" s="10"/>
    </row>
    <row r="711603" spans="14:14">
      <c r="N711603" s="10"/>
    </row>
    <row r="711604" spans="14:14">
      <c r="N711604" s="10"/>
    </row>
    <row r="711605" spans="14:14">
      <c r="N711605" s="10"/>
    </row>
    <row r="711606" spans="14:14">
      <c r="N711606" s="10"/>
    </row>
    <row r="711607" spans="14:14">
      <c r="N711607" s="10"/>
    </row>
    <row r="711608" spans="14:14">
      <c r="N711608" s="10"/>
    </row>
    <row r="711609" spans="14:14">
      <c r="N711609" s="10"/>
    </row>
    <row r="711610" spans="14:14">
      <c r="N711610" s="10"/>
    </row>
    <row r="711611" spans="14:14">
      <c r="N711611" s="10"/>
    </row>
    <row r="711612" spans="14:14">
      <c r="N711612" s="10"/>
    </row>
    <row r="711613" spans="14:14">
      <c r="N711613" s="10"/>
    </row>
    <row r="711614" spans="14:14">
      <c r="N711614" s="10"/>
    </row>
    <row r="711615" spans="14:14">
      <c r="N711615" s="10"/>
    </row>
    <row r="711616" spans="14:14">
      <c r="N711616" s="10"/>
    </row>
    <row r="711617" spans="14:14">
      <c r="N711617" s="10"/>
    </row>
    <row r="711618" spans="14:14">
      <c r="N711618" s="10"/>
    </row>
    <row r="711619" spans="14:14">
      <c r="N711619" s="10"/>
    </row>
    <row r="711620" spans="14:14">
      <c r="N711620" s="10"/>
    </row>
    <row r="711621" spans="14:14">
      <c r="N711621" s="10"/>
    </row>
    <row r="711622" spans="14:14">
      <c r="N711622" s="10"/>
    </row>
    <row r="711623" spans="14:14">
      <c r="N711623" s="10"/>
    </row>
    <row r="711624" spans="14:14">
      <c r="N711624" s="10"/>
    </row>
    <row r="711625" spans="14:14">
      <c r="N711625" s="10"/>
    </row>
    <row r="711626" spans="14:14">
      <c r="N711626" s="10"/>
    </row>
    <row r="711627" spans="14:14">
      <c r="N711627" s="10"/>
    </row>
    <row r="711628" spans="14:14">
      <c r="N711628" s="10"/>
    </row>
    <row r="711629" spans="14:14">
      <c r="N711629" s="10"/>
    </row>
    <row r="711630" spans="14:14">
      <c r="N711630" s="10"/>
    </row>
    <row r="711631" spans="14:14">
      <c r="N711631" s="10"/>
    </row>
    <row r="711632" spans="14:14">
      <c r="N711632" s="10"/>
    </row>
    <row r="711633" spans="14:14">
      <c r="N711633" s="10"/>
    </row>
    <row r="711634" spans="14:14">
      <c r="N711634" s="10"/>
    </row>
    <row r="711635" spans="14:14">
      <c r="N711635" s="10"/>
    </row>
    <row r="711636" spans="14:14">
      <c r="N711636" s="10"/>
    </row>
    <row r="711637" spans="14:14">
      <c r="N711637" s="10"/>
    </row>
    <row r="711638" spans="14:14">
      <c r="N711638" s="10"/>
    </row>
    <row r="711639" spans="14:14">
      <c r="N711639" s="10"/>
    </row>
    <row r="711640" spans="14:14">
      <c r="N711640" s="10"/>
    </row>
    <row r="711641" spans="14:14">
      <c r="N711641" s="10"/>
    </row>
    <row r="711642" spans="14:14">
      <c r="N711642" s="10"/>
    </row>
    <row r="711643" spans="14:14">
      <c r="N711643" s="10"/>
    </row>
    <row r="711644" spans="14:14">
      <c r="N711644" s="10"/>
    </row>
    <row r="711645" spans="14:14">
      <c r="N711645" s="10"/>
    </row>
    <row r="711646" spans="14:14">
      <c r="N711646" s="10"/>
    </row>
    <row r="711647" spans="14:14">
      <c r="N711647" s="10"/>
    </row>
    <row r="711648" spans="14:14">
      <c r="N711648" s="10"/>
    </row>
    <row r="711649" spans="14:14">
      <c r="N711649" s="10"/>
    </row>
    <row r="711650" spans="14:14">
      <c r="N711650" s="10"/>
    </row>
    <row r="711651" spans="14:14">
      <c r="N711651" s="10"/>
    </row>
    <row r="711652" spans="14:14">
      <c r="N711652" s="10"/>
    </row>
    <row r="711653" spans="14:14">
      <c r="N711653" s="10"/>
    </row>
    <row r="711654" spans="14:14">
      <c r="N711654" s="10"/>
    </row>
    <row r="711655" spans="14:14">
      <c r="N711655" s="10"/>
    </row>
    <row r="711656" spans="14:14">
      <c r="N711656" s="10"/>
    </row>
    <row r="711657" spans="14:14">
      <c r="N711657" s="10"/>
    </row>
    <row r="711658" spans="14:14">
      <c r="N711658" s="10"/>
    </row>
    <row r="711659" spans="14:14">
      <c r="N711659" s="10"/>
    </row>
    <row r="711660" spans="14:14">
      <c r="N711660" s="10"/>
    </row>
    <row r="711661" spans="14:14">
      <c r="N711661" s="10"/>
    </row>
    <row r="711662" spans="14:14">
      <c r="N711662" s="10"/>
    </row>
    <row r="711663" spans="14:14">
      <c r="N711663" s="10"/>
    </row>
    <row r="711664" spans="14:14">
      <c r="N711664" s="10"/>
    </row>
    <row r="711665" spans="14:14">
      <c r="N711665" s="10"/>
    </row>
    <row r="711666" spans="14:14">
      <c r="N711666" s="10"/>
    </row>
    <row r="711667" spans="14:14">
      <c r="N711667" s="10"/>
    </row>
    <row r="711668" spans="14:14">
      <c r="N711668" s="10"/>
    </row>
    <row r="711669" spans="14:14">
      <c r="N711669" s="10"/>
    </row>
    <row r="711670" spans="14:14">
      <c r="N711670" s="10"/>
    </row>
    <row r="711671" spans="14:14">
      <c r="N711671" s="10"/>
    </row>
    <row r="711672" spans="14:14">
      <c r="N711672" s="10"/>
    </row>
    <row r="711673" spans="14:14">
      <c r="N711673" s="10"/>
    </row>
    <row r="711674" spans="14:14">
      <c r="N711674" s="10"/>
    </row>
    <row r="711675" spans="14:14">
      <c r="N711675" s="10"/>
    </row>
    <row r="711676" spans="14:14">
      <c r="N711676" s="10"/>
    </row>
    <row r="711677" spans="14:14">
      <c r="N711677" s="10"/>
    </row>
    <row r="711678" spans="14:14">
      <c r="N711678" s="10"/>
    </row>
    <row r="711679" spans="14:14">
      <c r="N711679" s="10"/>
    </row>
    <row r="711680" spans="14:14">
      <c r="N711680" s="10"/>
    </row>
    <row r="711681" spans="14:14">
      <c r="N711681" s="10"/>
    </row>
    <row r="711682" spans="14:14">
      <c r="N711682" s="10"/>
    </row>
    <row r="711683" spans="14:14">
      <c r="N711683" s="10"/>
    </row>
    <row r="711684" spans="14:14">
      <c r="N711684" s="10"/>
    </row>
    <row r="711685" spans="14:14">
      <c r="N711685" s="10"/>
    </row>
    <row r="711686" spans="14:14">
      <c r="N711686" s="10"/>
    </row>
    <row r="711687" spans="14:14">
      <c r="N711687" s="10"/>
    </row>
    <row r="711688" spans="14:14">
      <c r="N711688" s="10"/>
    </row>
    <row r="711689" spans="14:14">
      <c r="N711689" s="10"/>
    </row>
    <row r="711690" spans="14:14">
      <c r="N711690" s="10"/>
    </row>
    <row r="711691" spans="14:14">
      <c r="N711691" s="10"/>
    </row>
    <row r="711692" spans="14:14">
      <c r="N711692" s="10"/>
    </row>
    <row r="711693" spans="14:14">
      <c r="N711693" s="10"/>
    </row>
    <row r="711694" spans="14:14">
      <c r="N711694" s="10"/>
    </row>
    <row r="711695" spans="14:14">
      <c r="N711695" s="10"/>
    </row>
    <row r="711696" spans="14:14">
      <c r="N711696" s="10"/>
    </row>
    <row r="711697" spans="14:14">
      <c r="N711697" s="10"/>
    </row>
    <row r="711698" spans="14:14">
      <c r="N711698" s="10"/>
    </row>
    <row r="711699" spans="14:14">
      <c r="N711699" s="10"/>
    </row>
    <row r="711700" spans="14:14">
      <c r="N711700" s="10"/>
    </row>
    <row r="711701" spans="14:14">
      <c r="N711701" s="10"/>
    </row>
    <row r="711702" spans="14:14">
      <c r="N711702" s="10"/>
    </row>
    <row r="711703" spans="14:14">
      <c r="N711703" s="10"/>
    </row>
    <row r="711704" spans="14:14">
      <c r="N711704" s="10"/>
    </row>
    <row r="711705" spans="14:14">
      <c r="N711705" s="10"/>
    </row>
    <row r="711706" spans="14:14">
      <c r="N711706" s="10"/>
    </row>
    <row r="711707" spans="14:14">
      <c r="N711707" s="10"/>
    </row>
    <row r="711708" spans="14:14">
      <c r="N711708" s="10"/>
    </row>
    <row r="711709" spans="14:14">
      <c r="N711709" s="10"/>
    </row>
    <row r="711710" spans="14:14">
      <c r="N711710" s="10"/>
    </row>
    <row r="711711" spans="14:14">
      <c r="N711711" s="10"/>
    </row>
    <row r="711712" spans="14:14">
      <c r="N711712" s="10"/>
    </row>
    <row r="711713" spans="14:14">
      <c r="N711713" s="10"/>
    </row>
    <row r="711714" spans="14:14">
      <c r="N711714" s="10"/>
    </row>
    <row r="711715" spans="14:14">
      <c r="N711715" s="10"/>
    </row>
    <row r="711716" spans="14:14">
      <c r="N711716" s="10"/>
    </row>
    <row r="711717" spans="14:14">
      <c r="N711717" s="10"/>
    </row>
    <row r="711718" spans="14:14">
      <c r="N711718" s="10"/>
    </row>
    <row r="711719" spans="14:14">
      <c r="N711719" s="10"/>
    </row>
    <row r="711720" spans="14:14">
      <c r="N711720" s="10"/>
    </row>
    <row r="711721" spans="14:14">
      <c r="N711721" s="10"/>
    </row>
    <row r="711722" spans="14:14">
      <c r="N711722" s="10"/>
    </row>
    <row r="711723" spans="14:14">
      <c r="N711723" s="10"/>
    </row>
    <row r="711724" spans="14:14">
      <c r="N711724" s="10"/>
    </row>
    <row r="711725" spans="14:14">
      <c r="N711725" s="10"/>
    </row>
    <row r="711726" spans="14:14">
      <c r="N711726" s="10"/>
    </row>
    <row r="711727" spans="14:14">
      <c r="N711727" s="10"/>
    </row>
    <row r="711728" spans="14:14">
      <c r="N711728" s="10"/>
    </row>
    <row r="711729" spans="14:14">
      <c r="N711729" s="10"/>
    </row>
    <row r="711730" spans="14:14">
      <c r="N711730" s="10"/>
    </row>
    <row r="711731" spans="14:14">
      <c r="N711731" s="10"/>
    </row>
    <row r="711732" spans="14:14">
      <c r="N711732" s="10"/>
    </row>
    <row r="711733" spans="14:14">
      <c r="N711733" s="10"/>
    </row>
    <row r="711734" spans="14:14">
      <c r="N711734" s="10"/>
    </row>
    <row r="711735" spans="14:14">
      <c r="N711735" s="10"/>
    </row>
    <row r="711736" spans="14:14">
      <c r="N711736" s="10"/>
    </row>
    <row r="711737" spans="14:14">
      <c r="N711737" s="10"/>
    </row>
    <row r="711738" spans="14:14">
      <c r="N711738" s="10"/>
    </row>
    <row r="711739" spans="14:14">
      <c r="N711739" s="10"/>
    </row>
    <row r="711740" spans="14:14">
      <c r="N711740" s="10"/>
    </row>
    <row r="711741" spans="14:14">
      <c r="N711741" s="10"/>
    </row>
    <row r="711742" spans="14:14">
      <c r="N711742" s="10"/>
    </row>
    <row r="711743" spans="14:14">
      <c r="N711743" s="10"/>
    </row>
    <row r="711744" spans="14:14">
      <c r="N711744" s="10"/>
    </row>
    <row r="711745" spans="14:14">
      <c r="N711745" s="10"/>
    </row>
    <row r="711746" spans="14:14">
      <c r="N711746" s="10"/>
    </row>
    <row r="711747" spans="14:14">
      <c r="N711747" s="10"/>
    </row>
    <row r="711748" spans="14:14">
      <c r="N711748" s="10"/>
    </row>
    <row r="711749" spans="14:14">
      <c r="N711749" s="10"/>
    </row>
    <row r="711750" spans="14:14">
      <c r="N711750" s="10"/>
    </row>
    <row r="711751" spans="14:14">
      <c r="N711751" s="10"/>
    </row>
    <row r="711752" spans="14:14">
      <c r="N711752" s="10"/>
    </row>
    <row r="711753" spans="14:14">
      <c r="N711753" s="10"/>
    </row>
    <row r="711754" spans="14:14">
      <c r="N711754" s="10"/>
    </row>
    <row r="711755" spans="14:14">
      <c r="N711755" s="10"/>
    </row>
    <row r="711756" spans="14:14">
      <c r="N711756" s="10"/>
    </row>
    <row r="711757" spans="14:14">
      <c r="N711757" s="10"/>
    </row>
    <row r="711758" spans="14:14">
      <c r="N711758" s="10"/>
    </row>
    <row r="711759" spans="14:14">
      <c r="N711759" s="10"/>
    </row>
    <row r="711760" spans="14:14">
      <c r="N711760" s="10"/>
    </row>
    <row r="711761" spans="14:14">
      <c r="N711761" s="10"/>
    </row>
    <row r="711762" spans="14:14">
      <c r="N711762" s="10"/>
    </row>
    <row r="711763" spans="14:14">
      <c r="N711763" s="10"/>
    </row>
    <row r="711764" spans="14:14">
      <c r="N711764" s="10"/>
    </row>
    <row r="711765" spans="14:14">
      <c r="N711765" s="10"/>
    </row>
    <row r="711766" spans="14:14">
      <c r="N711766" s="10"/>
    </row>
    <row r="711767" spans="14:14">
      <c r="N711767" s="10"/>
    </row>
    <row r="711768" spans="14:14">
      <c r="N711768" s="10"/>
    </row>
    <row r="711769" spans="14:14">
      <c r="N711769" s="10"/>
    </row>
    <row r="711770" spans="14:14">
      <c r="N711770" s="10"/>
    </row>
    <row r="711771" spans="14:14">
      <c r="N711771" s="10"/>
    </row>
    <row r="711772" spans="14:14">
      <c r="N711772" s="10"/>
    </row>
    <row r="711773" spans="14:14">
      <c r="N711773" s="10"/>
    </row>
    <row r="711774" spans="14:14">
      <c r="N711774" s="10"/>
    </row>
    <row r="711775" spans="14:14">
      <c r="N711775" s="10"/>
    </row>
    <row r="711776" spans="14:14">
      <c r="N711776" s="10"/>
    </row>
    <row r="711777" spans="14:14">
      <c r="N711777" s="10"/>
    </row>
    <row r="711778" spans="14:14">
      <c r="N711778" s="10"/>
    </row>
    <row r="711779" spans="14:14">
      <c r="N711779" s="10"/>
    </row>
    <row r="711780" spans="14:14">
      <c r="N711780" s="10"/>
    </row>
    <row r="711781" spans="14:14">
      <c r="N711781" s="10"/>
    </row>
    <row r="711782" spans="14:14">
      <c r="N711782" s="10"/>
    </row>
    <row r="711783" spans="14:14">
      <c r="N711783" s="10"/>
    </row>
    <row r="711784" spans="14:14">
      <c r="N711784" s="10"/>
    </row>
    <row r="711785" spans="14:14">
      <c r="N711785" s="10"/>
    </row>
    <row r="711786" spans="14:14">
      <c r="N711786" s="10"/>
    </row>
    <row r="711787" spans="14:14">
      <c r="N711787" s="10"/>
    </row>
    <row r="711788" spans="14:14">
      <c r="N711788" s="10"/>
    </row>
    <row r="711789" spans="14:14">
      <c r="N711789" s="10"/>
    </row>
    <row r="711790" spans="14:14">
      <c r="N711790" s="10"/>
    </row>
    <row r="711791" spans="14:14">
      <c r="N711791" s="10"/>
    </row>
    <row r="711792" spans="14:14">
      <c r="N711792" s="10"/>
    </row>
    <row r="711793" spans="14:14">
      <c r="N711793" s="10"/>
    </row>
    <row r="711794" spans="14:14">
      <c r="N711794" s="10"/>
    </row>
    <row r="711795" spans="14:14">
      <c r="N711795" s="10"/>
    </row>
    <row r="711796" spans="14:14">
      <c r="N711796" s="10"/>
    </row>
    <row r="711797" spans="14:14">
      <c r="N711797" s="10"/>
    </row>
    <row r="711798" spans="14:14">
      <c r="N711798" s="10"/>
    </row>
    <row r="711799" spans="14:14">
      <c r="N711799" s="10"/>
    </row>
    <row r="711800" spans="14:14">
      <c r="N711800" s="10"/>
    </row>
    <row r="711801" spans="14:14">
      <c r="N711801" s="10"/>
    </row>
    <row r="711802" spans="14:14">
      <c r="N711802" s="10"/>
    </row>
    <row r="711803" spans="14:14">
      <c r="N711803" s="10"/>
    </row>
    <row r="711804" spans="14:14">
      <c r="N711804" s="10"/>
    </row>
    <row r="711805" spans="14:14">
      <c r="N711805" s="10"/>
    </row>
    <row r="711806" spans="14:14">
      <c r="N711806" s="10"/>
    </row>
    <row r="711807" spans="14:14">
      <c r="N711807" s="10"/>
    </row>
    <row r="711808" spans="14:14">
      <c r="N711808" s="10"/>
    </row>
    <row r="711809" spans="14:14">
      <c r="N711809" s="10"/>
    </row>
    <row r="711810" spans="14:14">
      <c r="N711810" s="10"/>
    </row>
    <row r="711811" spans="14:14">
      <c r="N711811" s="10"/>
    </row>
    <row r="711812" spans="14:14">
      <c r="N711812" s="10"/>
    </row>
    <row r="711813" spans="14:14">
      <c r="N711813" s="10"/>
    </row>
    <row r="711814" spans="14:14">
      <c r="N711814" s="10"/>
    </row>
    <row r="711815" spans="14:14">
      <c r="N711815" s="10"/>
    </row>
    <row r="711816" spans="14:14">
      <c r="N711816" s="10"/>
    </row>
    <row r="711817" spans="14:14">
      <c r="N711817" s="10"/>
    </row>
    <row r="711818" spans="14:14">
      <c r="N711818" s="10"/>
    </row>
    <row r="711819" spans="14:14">
      <c r="N711819" s="10"/>
    </row>
    <row r="711820" spans="14:14">
      <c r="N711820" s="10"/>
    </row>
    <row r="711821" spans="14:14">
      <c r="N711821" s="10"/>
    </row>
    <row r="711822" spans="14:14">
      <c r="N711822" s="10"/>
    </row>
    <row r="711823" spans="14:14">
      <c r="N711823" s="10"/>
    </row>
    <row r="711824" spans="14:14">
      <c r="N711824" s="10"/>
    </row>
    <row r="711825" spans="14:14">
      <c r="N711825" s="10"/>
    </row>
    <row r="711826" spans="14:14">
      <c r="N711826" s="10"/>
    </row>
    <row r="711827" spans="14:14">
      <c r="N711827" s="10"/>
    </row>
    <row r="711828" spans="14:14">
      <c r="N711828" s="10"/>
    </row>
    <row r="711829" spans="14:14">
      <c r="N711829" s="10"/>
    </row>
    <row r="711830" spans="14:14">
      <c r="N711830" s="10"/>
    </row>
    <row r="711831" spans="14:14">
      <c r="N711831" s="10"/>
    </row>
    <row r="711832" spans="14:14">
      <c r="N711832" s="10"/>
    </row>
    <row r="711833" spans="14:14">
      <c r="N711833" s="10"/>
    </row>
    <row r="711834" spans="14:14">
      <c r="N711834" s="10"/>
    </row>
    <row r="711835" spans="14:14">
      <c r="N711835" s="10"/>
    </row>
    <row r="711836" spans="14:14">
      <c r="N711836" s="10"/>
    </row>
    <row r="711837" spans="14:14">
      <c r="N711837" s="10"/>
    </row>
    <row r="711838" spans="14:14">
      <c r="N711838" s="10"/>
    </row>
    <row r="711839" spans="14:14">
      <c r="N711839" s="10"/>
    </row>
    <row r="711840" spans="14:14">
      <c r="N711840" s="10"/>
    </row>
    <row r="711841" spans="14:14">
      <c r="N711841" s="10"/>
    </row>
    <row r="711842" spans="14:14">
      <c r="N711842" s="10"/>
    </row>
    <row r="711843" spans="14:14">
      <c r="N711843" s="10"/>
    </row>
    <row r="711844" spans="14:14">
      <c r="N711844" s="10"/>
    </row>
    <row r="711845" spans="14:14">
      <c r="N711845" s="10"/>
    </row>
    <row r="711846" spans="14:14">
      <c r="N711846" s="10"/>
    </row>
    <row r="711847" spans="14:14">
      <c r="N711847" s="10"/>
    </row>
    <row r="711848" spans="14:14">
      <c r="N711848" s="10"/>
    </row>
    <row r="711849" spans="14:14">
      <c r="N711849" s="10"/>
    </row>
    <row r="711850" spans="14:14">
      <c r="N711850" s="10"/>
    </row>
    <row r="711851" spans="14:14">
      <c r="N711851" s="10"/>
    </row>
    <row r="711852" spans="14:14">
      <c r="N711852" s="10"/>
    </row>
    <row r="711853" spans="14:14">
      <c r="N711853" s="10"/>
    </row>
    <row r="711854" spans="14:14">
      <c r="N711854" s="10"/>
    </row>
    <row r="711855" spans="14:14">
      <c r="N711855" s="10"/>
    </row>
    <row r="711856" spans="14:14">
      <c r="N711856" s="10"/>
    </row>
    <row r="711857" spans="14:14">
      <c r="N711857" s="10"/>
    </row>
    <row r="711858" spans="14:14">
      <c r="N711858" s="10"/>
    </row>
    <row r="711859" spans="14:14">
      <c r="N711859" s="10"/>
    </row>
    <row r="711860" spans="14:14">
      <c r="N711860" s="10"/>
    </row>
    <row r="711861" spans="14:14">
      <c r="N711861" s="10"/>
    </row>
    <row r="711862" spans="14:14">
      <c r="N711862" s="10"/>
    </row>
    <row r="711863" spans="14:14">
      <c r="N711863" s="10"/>
    </row>
    <row r="711864" spans="14:14">
      <c r="N711864" s="10"/>
    </row>
    <row r="711865" spans="14:14">
      <c r="N711865" s="10"/>
    </row>
    <row r="711866" spans="14:14">
      <c r="N711866" s="10"/>
    </row>
    <row r="711867" spans="14:14">
      <c r="N711867" s="10"/>
    </row>
    <row r="711868" spans="14:14">
      <c r="N711868" s="10"/>
    </row>
    <row r="711869" spans="14:14">
      <c r="N711869" s="10"/>
    </row>
    <row r="711870" spans="14:14">
      <c r="N711870" s="10"/>
    </row>
    <row r="711871" spans="14:14">
      <c r="N711871" s="10"/>
    </row>
    <row r="711872" spans="14:14">
      <c r="N711872" s="10"/>
    </row>
    <row r="711873" spans="14:14">
      <c r="N711873" s="10"/>
    </row>
    <row r="711874" spans="14:14">
      <c r="N711874" s="10"/>
    </row>
    <row r="711875" spans="14:14">
      <c r="N711875" s="10"/>
    </row>
    <row r="711876" spans="14:14">
      <c r="N711876" s="10"/>
    </row>
    <row r="711877" spans="14:14">
      <c r="N711877" s="10"/>
    </row>
    <row r="711878" spans="14:14">
      <c r="N711878" s="10"/>
    </row>
    <row r="711879" spans="14:14">
      <c r="N711879" s="10"/>
    </row>
    <row r="711880" spans="14:14">
      <c r="N711880" s="10"/>
    </row>
    <row r="711881" spans="14:14">
      <c r="N711881" s="10"/>
    </row>
    <row r="711882" spans="14:14">
      <c r="N711882" s="10"/>
    </row>
    <row r="711883" spans="14:14">
      <c r="N711883" s="10"/>
    </row>
    <row r="711884" spans="14:14">
      <c r="N711884" s="10"/>
    </row>
    <row r="711885" spans="14:14">
      <c r="N711885" s="10"/>
    </row>
    <row r="711886" spans="14:14">
      <c r="N711886" s="10"/>
    </row>
    <row r="711887" spans="14:14">
      <c r="N711887" s="10"/>
    </row>
    <row r="711888" spans="14:14">
      <c r="N711888" s="10"/>
    </row>
    <row r="711889" spans="14:14">
      <c r="N711889" s="10"/>
    </row>
    <row r="711890" spans="14:14">
      <c r="N711890" s="10"/>
    </row>
    <row r="711891" spans="14:14">
      <c r="N711891" s="10"/>
    </row>
    <row r="711892" spans="14:14">
      <c r="N711892" s="10"/>
    </row>
    <row r="711893" spans="14:14">
      <c r="N711893" s="10"/>
    </row>
    <row r="711894" spans="14:14">
      <c r="N711894" s="10"/>
    </row>
    <row r="711895" spans="14:14">
      <c r="N711895" s="10"/>
    </row>
    <row r="711896" spans="14:14">
      <c r="N711896" s="10"/>
    </row>
    <row r="711897" spans="14:14">
      <c r="N711897" s="10"/>
    </row>
    <row r="711898" spans="14:14">
      <c r="N711898" s="10"/>
    </row>
    <row r="711899" spans="14:14">
      <c r="N711899" s="10"/>
    </row>
    <row r="711900" spans="14:14">
      <c r="N711900" s="10"/>
    </row>
    <row r="711901" spans="14:14">
      <c r="N711901" s="10"/>
    </row>
    <row r="711902" spans="14:14">
      <c r="N711902" s="10"/>
    </row>
    <row r="711903" spans="14:14">
      <c r="N711903" s="10"/>
    </row>
    <row r="711904" spans="14:14">
      <c r="N711904" s="10"/>
    </row>
    <row r="711905" spans="14:14">
      <c r="N711905" s="10"/>
    </row>
    <row r="711906" spans="14:14">
      <c r="N711906" s="10"/>
    </row>
    <row r="711907" spans="14:14">
      <c r="N711907" s="10"/>
    </row>
    <row r="711908" spans="14:14">
      <c r="N711908" s="10"/>
    </row>
    <row r="711909" spans="14:14">
      <c r="N711909" s="10"/>
    </row>
    <row r="711910" spans="14:14">
      <c r="N711910" s="10"/>
    </row>
    <row r="711911" spans="14:14">
      <c r="N711911" s="10"/>
    </row>
    <row r="711912" spans="14:14">
      <c r="N711912" s="10"/>
    </row>
    <row r="711913" spans="14:14">
      <c r="N711913" s="10"/>
    </row>
    <row r="711914" spans="14:14">
      <c r="N711914" s="10"/>
    </row>
    <row r="711915" spans="14:14">
      <c r="N711915" s="10"/>
    </row>
    <row r="711916" spans="14:14">
      <c r="N711916" s="10"/>
    </row>
    <row r="711917" spans="14:14">
      <c r="N711917" s="10"/>
    </row>
    <row r="711918" spans="14:14">
      <c r="N711918" s="10"/>
    </row>
    <row r="711919" spans="14:14">
      <c r="N711919" s="10"/>
    </row>
    <row r="711920" spans="14:14">
      <c r="N711920" s="10"/>
    </row>
    <row r="711921" spans="14:14">
      <c r="N711921" s="10"/>
    </row>
    <row r="711922" spans="14:14">
      <c r="N711922" s="10"/>
    </row>
    <row r="711923" spans="14:14">
      <c r="N711923" s="10"/>
    </row>
    <row r="711924" spans="14:14">
      <c r="N711924" s="10"/>
    </row>
    <row r="711925" spans="14:14">
      <c r="N711925" s="10"/>
    </row>
    <row r="711926" spans="14:14">
      <c r="N711926" s="10"/>
    </row>
    <row r="711927" spans="14:14">
      <c r="N711927" s="10"/>
    </row>
    <row r="711928" spans="14:14">
      <c r="N711928" s="10"/>
    </row>
    <row r="711929" spans="14:14">
      <c r="N711929" s="10"/>
    </row>
    <row r="711930" spans="14:14">
      <c r="N711930" s="10"/>
    </row>
    <row r="711931" spans="14:14">
      <c r="N711931" s="10"/>
    </row>
    <row r="711932" spans="14:14">
      <c r="N711932" s="10"/>
    </row>
    <row r="711933" spans="14:14">
      <c r="N711933" s="10"/>
    </row>
    <row r="711934" spans="14:14">
      <c r="N711934" s="10"/>
    </row>
    <row r="711935" spans="14:14">
      <c r="N711935" s="10"/>
    </row>
    <row r="711936" spans="14:14">
      <c r="N711936" s="10"/>
    </row>
    <row r="711937" spans="14:14">
      <c r="N711937" s="10"/>
    </row>
    <row r="711938" spans="14:14">
      <c r="N711938" s="10"/>
    </row>
    <row r="711939" spans="14:14">
      <c r="N711939" s="10"/>
    </row>
    <row r="711940" spans="14:14">
      <c r="N711940" s="10"/>
    </row>
    <row r="711941" spans="14:14">
      <c r="N711941" s="10"/>
    </row>
    <row r="711942" spans="14:14">
      <c r="N711942" s="10"/>
    </row>
    <row r="711943" spans="14:14">
      <c r="N711943" s="10"/>
    </row>
    <row r="711944" spans="14:14">
      <c r="N711944" s="10"/>
    </row>
    <row r="711945" spans="14:14">
      <c r="N711945" s="10"/>
    </row>
    <row r="711946" spans="14:14">
      <c r="N711946" s="10"/>
    </row>
    <row r="711947" spans="14:14">
      <c r="N711947" s="10"/>
    </row>
    <row r="711948" spans="14:14">
      <c r="N711948" s="10"/>
    </row>
    <row r="711949" spans="14:14">
      <c r="N711949" s="10"/>
    </row>
    <row r="711950" spans="14:14">
      <c r="N711950" s="10"/>
    </row>
    <row r="711951" spans="14:14">
      <c r="N711951" s="10"/>
    </row>
    <row r="711952" spans="14:14">
      <c r="N711952" s="10"/>
    </row>
    <row r="711953" spans="14:14">
      <c r="N711953" s="10"/>
    </row>
    <row r="711954" spans="14:14">
      <c r="N711954" s="10"/>
    </row>
    <row r="711955" spans="14:14">
      <c r="N711955" s="10"/>
    </row>
    <row r="711956" spans="14:14">
      <c r="N711956" s="10"/>
    </row>
    <row r="711957" spans="14:14">
      <c r="N711957" s="10"/>
    </row>
    <row r="711958" spans="14:14">
      <c r="N711958" s="10"/>
    </row>
    <row r="711959" spans="14:14">
      <c r="N711959" s="10"/>
    </row>
    <row r="711960" spans="14:14">
      <c r="N711960" s="10"/>
    </row>
    <row r="711961" spans="14:14">
      <c r="N711961" s="10"/>
    </row>
    <row r="711962" spans="14:14">
      <c r="N711962" s="10"/>
    </row>
    <row r="711963" spans="14:14">
      <c r="N711963" s="10"/>
    </row>
    <row r="711964" spans="14:14">
      <c r="N711964" s="10"/>
    </row>
    <row r="711965" spans="14:14">
      <c r="N711965" s="10"/>
    </row>
    <row r="711966" spans="14:14">
      <c r="N711966" s="10"/>
    </row>
    <row r="711967" spans="14:14">
      <c r="N711967" s="10"/>
    </row>
    <row r="711968" spans="14:14">
      <c r="N711968" s="10"/>
    </row>
    <row r="711969" spans="14:14">
      <c r="N711969" s="10"/>
    </row>
    <row r="711970" spans="14:14">
      <c r="N711970" s="10"/>
    </row>
    <row r="711971" spans="14:14">
      <c r="N711971" s="10"/>
    </row>
    <row r="711972" spans="14:14">
      <c r="N711972" s="10"/>
    </row>
    <row r="711973" spans="14:14">
      <c r="N711973" s="10"/>
    </row>
    <row r="711974" spans="14:14">
      <c r="N711974" s="10"/>
    </row>
    <row r="711975" spans="14:14">
      <c r="N711975" s="10"/>
    </row>
    <row r="711976" spans="14:14">
      <c r="N711976" s="10"/>
    </row>
    <row r="711977" spans="14:14">
      <c r="N711977" s="10"/>
    </row>
    <row r="711978" spans="14:14">
      <c r="N711978" s="10"/>
    </row>
    <row r="711979" spans="14:14">
      <c r="N711979" s="10"/>
    </row>
    <row r="711980" spans="14:14">
      <c r="N711980" s="10"/>
    </row>
    <row r="711981" spans="14:14">
      <c r="N711981" s="10"/>
    </row>
    <row r="711982" spans="14:14">
      <c r="N711982" s="10"/>
    </row>
    <row r="711983" spans="14:14">
      <c r="N711983" s="10"/>
    </row>
    <row r="711984" spans="14:14">
      <c r="N711984" s="10"/>
    </row>
    <row r="711985" spans="14:14">
      <c r="N711985" s="10"/>
    </row>
    <row r="711986" spans="14:14">
      <c r="N711986" s="10"/>
    </row>
    <row r="711987" spans="14:14">
      <c r="N711987" s="10"/>
    </row>
    <row r="711988" spans="14:14">
      <c r="N711988" s="10"/>
    </row>
    <row r="711989" spans="14:14">
      <c r="N711989" s="10"/>
    </row>
    <row r="711990" spans="14:14">
      <c r="N711990" s="10"/>
    </row>
    <row r="711991" spans="14:14">
      <c r="N711991" s="10"/>
    </row>
    <row r="711992" spans="14:14">
      <c r="N711992" s="10"/>
    </row>
    <row r="711993" spans="14:14">
      <c r="N711993" s="10"/>
    </row>
    <row r="711994" spans="14:14">
      <c r="N711994" s="10"/>
    </row>
    <row r="711995" spans="14:14">
      <c r="N711995" s="10"/>
    </row>
    <row r="711996" spans="14:14">
      <c r="N711996" s="10"/>
    </row>
    <row r="711997" spans="14:14">
      <c r="N711997" s="10"/>
    </row>
    <row r="711998" spans="14:14">
      <c r="N711998" s="10"/>
    </row>
    <row r="711999" spans="14:14">
      <c r="N711999" s="10"/>
    </row>
    <row r="712000" spans="14:14">
      <c r="N712000" s="10"/>
    </row>
    <row r="712001" spans="14:14">
      <c r="N712001" s="10"/>
    </row>
    <row r="712002" spans="14:14">
      <c r="N712002" s="10"/>
    </row>
    <row r="712003" spans="14:14">
      <c r="N712003" s="10"/>
    </row>
    <row r="712004" spans="14:14">
      <c r="N712004" s="10"/>
    </row>
    <row r="712005" spans="14:14">
      <c r="N712005" s="10"/>
    </row>
    <row r="712006" spans="14:14">
      <c r="N712006" s="10"/>
    </row>
    <row r="712007" spans="14:14">
      <c r="N712007" s="10"/>
    </row>
    <row r="712008" spans="14:14">
      <c r="N712008" s="10"/>
    </row>
    <row r="712009" spans="14:14">
      <c r="N712009" s="10"/>
    </row>
    <row r="712010" spans="14:14">
      <c r="N712010" s="10"/>
    </row>
    <row r="712011" spans="14:14">
      <c r="N712011" s="10"/>
    </row>
    <row r="712012" spans="14:14">
      <c r="N712012" s="10"/>
    </row>
    <row r="712013" spans="14:14">
      <c r="N712013" s="10"/>
    </row>
    <row r="712014" spans="14:14">
      <c r="N712014" s="10"/>
    </row>
    <row r="712015" spans="14:14">
      <c r="N712015" s="10"/>
    </row>
    <row r="712016" spans="14:14">
      <c r="N712016" s="10"/>
    </row>
    <row r="712017" spans="14:14">
      <c r="N712017" s="10"/>
    </row>
    <row r="712018" spans="14:14">
      <c r="N712018" s="10"/>
    </row>
    <row r="712019" spans="14:14">
      <c r="N712019" s="10"/>
    </row>
    <row r="712020" spans="14:14">
      <c r="N712020" s="10"/>
    </row>
    <row r="712021" spans="14:14">
      <c r="N712021" s="10"/>
    </row>
    <row r="712022" spans="14:14">
      <c r="N712022" s="10"/>
    </row>
    <row r="712023" spans="14:14">
      <c r="N712023" s="10"/>
    </row>
    <row r="712024" spans="14:14">
      <c r="N712024" s="10"/>
    </row>
    <row r="712025" spans="14:14">
      <c r="N712025" s="10"/>
    </row>
    <row r="712026" spans="14:14">
      <c r="N712026" s="10"/>
    </row>
    <row r="712027" spans="14:14">
      <c r="N712027" s="10"/>
    </row>
    <row r="712028" spans="14:14">
      <c r="N712028" s="10"/>
    </row>
    <row r="712029" spans="14:14">
      <c r="N712029" s="10"/>
    </row>
    <row r="712030" spans="14:14">
      <c r="N712030" s="10"/>
    </row>
    <row r="712031" spans="14:14">
      <c r="N712031" s="10"/>
    </row>
    <row r="712032" spans="14:14">
      <c r="N712032" s="10"/>
    </row>
    <row r="712033" spans="14:14">
      <c r="N712033" s="10"/>
    </row>
    <row r="712034" spans="14:14">
      <c r="N712034" s="10"/>
    </row>
    <row r="712035" spans="14:14">
      <c r="N712035" s="10"/>
    </row>
    <row r="712036" spans="14:14">
      <c r="N712036" s="10"/>
    </row>
    <row r="712037" spans="14:14">
      <c r="N712037" s="10"/>
    </row>
    <row r="712038" spans="14:14">
      <c r="N712038" s="10"/>
    </row>
    <row r="712039" spans="14:14">
      <c r="N712039" s="10"/>
    </row>
    <row r="712040" spans="14:14">
      <c r="N712040" s="10"/>
    </row>
    <row r="712041" spans="14:14">
      <c r="N712041" s="10"/>
    </row>
    <row r="712042" spans="14:14">
      <c r="N712042" s="10"/>
    </row>
    <row r="712043" spans="14:14">
      <c r="N712043" s="10"/>
    </row>
    <row r="712044" spans="14:14">
      <c r="N712044" s="10"/>
    </row>
    <row r="712045" spans="14:14">
      <c r="N712045" s="10"/>
    </row>
    <row r="712046" spans="14:14">
      <c r="N712046" s="10"/>
    </row>
    <row r="712047" spans="14:14">
      <c r="N712047" s="10"/>
    </row>
    <row r="712048" spans="14:14">
      <c r="N712048" s="10"/>
    </row>
    <row r="712049" spans="14:14">
      <c r="N712049" s="10"/>
    </row>
    <row r="712050" spans="14:14">
      <c r="N712050" s="10"/>
    </row>
    <row r="712051" spans="14:14">
      <c r="N712051" s="10"/>
    </row>
    <row r="712052" spans="14:14">
      <c r="N712052" s="10"/>
    </row>
    <row r="712053" spans="14:14">
      <c r="N712053" s="10"/>
    </row>
    <row r="712054" spans="14:14">
      <c r="N712054" s="10"/>
    </row>
    <row r="712055" spans="14:14">
      <c r="N712055" s="10"/>
    </row>
    <row r="712056" spans="14:14">
      <c r="N712056" s="10"/>
    </row>
    <row r="712057" spans="14:14">
      <c r="N712057" s="10"/>
    </row>
    <row r="712058" spans="14:14">
      <c r="N712058" s="10"/>
    </row>
    <row r="712059" spans="14:14">
      <c r="N712059" s="10"/>
    </row>
    <row r="712060" spans="14:14">
      <c r="N712060" s="10"/>
    </row>
    <row r="712061" spans="14:14">
      <c r="N712061" s="10"/>
    </row>
    <row r="712062" spans="14:14">
      <c r="N712062" s="10"/>
    </row>
    <row r="712063" spans="14:14">
      <c r="N712063" s="10"/>
    </row>
    <row r="712064" spans="14:14">
      <c r="N712064" s="10"/>
    </row>
    <row r="712065" spans="14:14">
      <c r="N712065" s="10"/>
    </row>
    <row r="712066" spans="14:14">
      <c r="N712066" s="10"/>
    </row>
    <row r="712067" spans="14:14">
      <c r="N712067" s="10"/>
    </row>
    <row r="712068" spans="14:14">
      <c r="N712068" s="10"/>
    </row>
    <row r="712069" spans="14:14">
      <c r="N712069" s="10"/>
    </row>
    <row r="712070" spans="14:14">
      <c r="N712070" s="10"/>
    </row>
    <row r="712071" spans="14:14">
      <c r="N712071" s="10"/>
    </row>
    <row r="712072" spans="14:14">
      <c r="N712072" s="10"/>
    </row>
    <row r="712073" spans="14:14">
      <c r="N712073" s="10"/>
    </row>
    <row r="712074" spans="14:14">
      <c r="N712074" s="10"/>
    </row>
    <row r="712075" spans="14:14">
      <c r="N712075" s="10"/>
    </row>
    <row r="712076" spans="14:14">
      <c r="N712076" s="10"/>
    </row>
    <row r="712077" spans="14:14">
      <c r="N712077" s="10"/>
    </row>
    <row r="712078" spans="14:14">
      <c r="N712078" s="10"/>
    </row>
    <row r="712079" spans="14:14">
      <c r="N712079" s="10"/>
    </row>
    <row r="712080" spans="14:14">
      <c r="N712080" s="10"/>
    </row>
    <row r="712081" spans="14:14">
      <c r="N712081" s="10"/>
    </row>
    <row r="712082" spans="14:14">
      <c r="N712082" s="10"/>
    </row>
    <row r="712083" spans="14:14">
      <c r="N712083" s="10"/>
    </row>
    <row r="712084" spans="14:14">
      <c r="N712084" s="10"/>
    </row>
    <row r="712085" spans="14:14">
      <c r="N712085" s="10"/>
    </row>
    <row r="712086" spans="14:14">
      <c r="N712086" s="10"/>
    </row>
    <row r="712087" spans="14:14">
      <c r="N712087" s="10"/>
    </row>
    <row r="712088" spans="14:14">
      <c r="N712088" s="10"/>
    </row>
    <row r="712089" spans="14:14">
      <c r="N712089" s="10"/>
    </row>
    <row r="712090" spans="14:14">
      <c r="N712090" s="10"/>
    </row>
    <row r="712091" spans="14:14">
      <c r="N712091" s="10"/>
    </row>
    <row r="712092" spans="14:14">
      <c r="N712092" s="10"/>
    </row>
    <row r="712093" spans="14:14">
      <c r="N712093" s="10"/>
    </row>
    <row r="712094" spans="14:14">
      <c r="N712094" s="10"/>
    </row>
    <row r="712095" spans="14:14">
      <c r="N712095" s="10"/>
    </row>
    <row r="712096" spans="14:14">
      <c r="N712096" s="10"/>
    </row>
    <row r="712097" spans="14:14">
      <c r="N712097" s="10"/>
    </row>
    <row r="712098" spans="14:14">
      <c r="N712098" s="10"/>
    </row>
    <row r="712099" spans="14:14">
      <c r="N712099" s="10"/>
    </row>
    <row r="712100" spans="14:14">
      <c r="N712100" s="10"/>
    </row>
    <row r="712101" spans="14:14">
      <c r="N712101" s="10"/>
    </row>
    <row r="712102" spans="14:14">
      <c r="N712102" s="10"/>
    </row>
    <row r="712103" spans="14:14">
      <c r="N712103" s="10"/>
    </row>
    <row r="712104" spans="14:14">
      <c r="N712104" s="10"/>
    </row>
    <row r="712105" spans="14:14">
      <c r="N712105" s="10"/>
    </row>
    <row r="712106" spans="14:14">
      <c r="N712106" s="10"/>
    </row>
    <row r="712107" spans="14:14">
      <c r="N712107" s="10"/>
    </row>
    <row r="712108" spans="14:14">
      <c r="N712108" s="10"/>
    </row>
    <row r="712109" spans="14:14">
      <c r="N712109" s="10"/>
    </row>
    <row r="712110" spans="14:14">
      <c r="N712110" s="10"/>
    </row>
    <row r="712111" spans="14:14">
      <c r="N712111" s="10"/>
    </row>
    <row r="712112" spans="14:14">
      <c r="N712112" s="10"/>
    </row>
    <row r="712113" spans="14:14">
      <c r="N712113" s="10"/>
    </row>
    <row r="712114" spans="14:14">
      <c r="N712114" s="10"/>
    </row>
    <row r="712115" spans="14:14">
      <c r="N712115" s="10"/>
    </row>
    <row r="712116" spans="14:14">
      <c r="N712116" s="10"/>
    </row>
    <row r="712117" spans="14:14">
      <c r="N712117" s="10"/>
    </row>
    <row r="712118" spans="14:14">
      <c r="N712118" s="10"/>
    </row>
    <row r="712119" spans="14:14">
      <c r="N712119" s="10"/>
    </row>
    <row r="712120" spans="14:14">
      <c r="N712120" s="10"/>
    </row>
    <row r="712121" spans="14:14">
      <c r="N712121" s="10"/>
    </row>
    <row r="712122" spans="14:14">
      <c r="N712122" s="10"/>
    </row>
    <row r="712123" spans="14:14">
      <c r="N712123" s="10"/>
    </row>
    <row r="712124" spans="14:14">
      <c r="N712124" s="10"/>
    </row>
    <row r="712125" spans="14:14">
      <c r="N712125" s="10"/>
    </row>
    <row r="712126" spans="14:14">
      <c r="N712126" s="10"/>
    </row>
    <row r="712127" spans="14:14">
      <c r="N712127" s="10"/>
    </row>
    <row r="712128" spans="14:14">
      <c r="N712128" s="10"/>
    </row>
    <row r="712129" spans="14:14">
      <c r="N712129" s="10"/>
    </row>
    <row r="712130" spans="14:14">
      <c r="N712130" s="10"/>
    </row>
    <row r="712131" spans="14:14">
      <c r="N712131" s="10"/>
    </row>
    <row r="712132" spans="14:14">
      <c r="N712132" s="10"/>
    </row>
    <row r="712133" spans="14:14">
      <c r="N712133" s="10"/>
    </row>
    <row r="712134" spans="14:14">
      <c r="N712134" s="10"/>
    </row>
    <row r="712135" spans="14:14">
      <c r="N712135" s="10"/>
    </row>
    <row r="712136" spans="14:14">
      <c r="N712136" s="10"/>
    </row>
    <row r="712137" spans="14:14">
      <c r="N712137" s="10"/>
    </row>
    <row r="712138" spans="14:14">
      <c r="N712138" s="10"/>
    </row>
    <row r="712139" spans="14:14">
      <c r="N712139" s="10"/>
    </row>
    <row r="712140" spans="14:14">
      <c r="N712140" s="10"/>
    </row>
    <row r="712141" spans="14:14">
      <c r="N712141" s="10"/>
    </row>
    <row r="712142" spans="14:14">
      <c r="N712142" s="10"/>
    </row>
    <row r="712143" spans="14:14">
      <c r="N712143" s="10"/>
    </row>
    <row r="712144" spans="14:14">
      <c r="N712144" s="10"/>
    </row>
    <row r="712145" spans="14:14">
      <c r="N712145" s="10"/>
    </row>
    <row r="712146" spans="14:14">
      <c r="N712146" s="10"/>
    </row>
    <row r="712147" spans="14:14">
      <c r="N712147" s="10"/>
    </row>
    <row r="712148" spans="14:14">
      <c r="N712148" s="10"/>
    </row>
    <row r="712149" spans="14:14">
      <c r="N712149" s="10"/>
    </row>
    <row r="712150" spans="14:14">
      <c r="N712150" s="10"/>
    </row>
    <row r="712151" spans="14:14">
      <c r="N712151" s="10"/>
    </row>
    <row r="712152" spans="14:14">
      <c r="N712152" s="10"/>
    </row>
    <row r="712153" spans="14:14">
      <c r="N712153" s="10"/>
    </row>
    <row r="712154" spans="14:14">
      <c r="N712154" s="10"/>
    </row>
    <row r="712155" spans="14:14">
      <c r="N712155" s="10"/>
    </row>
    <row r="712156" spans="14:14">
      <c r="N712156" s="10"/>
    </row>
    <row r="712157" spans="14:14">
      <c r="N712157" s="10"/>
    </row>
    <row r="712158" spans="14:14">
      <c r="N712158" s="10"/>
    </row>
    <row r="712159" spans="14:14">
      <c r="N712159" s="10"/>
    </row>
    <row r="712160" spans="14:14">
      <c r="N712160" s="10"/>
    </row>
    <row r="712161" spans="14:14">
      <c r="N712161" s="10"/>
    </row>
    <row r="712162" spans="14:14">
      <c r="N712162" s="10"/>
    </row>
    <row r="712163" spans="14:14">
      <c r="N712163" s="10"/>
    </row>
    <row r="712164" spans="14:14">
      <c r="N712164" s="10"/>
    </row>
    <row r="712165" spans="14:14">
      <c r="N712165" s="10"/>
    </row>
    <row r="712166" spans="14:14">
      <c r="N712166" s="10"/>
    </row>
    <row r="712167" spans="14:14">
      <c r="N712167" s="10"/>
    </row>
    <row r="712168" spans="14:14">
      <c r="N712168" s="10"/>
    </row>
    <row r="712169" spans="14:14">
      <c r="N712169" s="10"/>
    </row>
    <row r="712170" spans="14:14">
      <c r="N712170" s="10"/>
    </row>
    <row r="712171" spans="14:14">
      <c r="N712171" s="10"/>
    </row>
    <row r="712172" spans="14:14">
      <c r="N712172" s="10"/>
    </row>
    <row r="712173" spans="14:14">
      <c r="N712173" s="10"/>
    </row>
    <row r="712174" spans="14:14">
      <c r="N712174" s="10"/>
    </row>
    <row r="712175" spans="14:14">
      <c r="N712175" s="10"/>
    </row>
    <row r="712176" spans="14:14">
      <c r="N712176" s="10"/>
    </row>
    <row r="712177" spans="14:14">
      <c r="N712177" s="10"/>
    </row>
    <row r="712178" spans="14:14">
      <c r="N712178" s="10"/>
    </row>
    <row r="712179" spans="14:14">
      <c r="N712179" s="10"/>
    </row>
    <row r="712180" spans="14:14">
      <c r="N712180" s="10"/>
    </row>
    <row r="712181" spans="14:14">
      <c r="N712181" s="10"/>
    </row>
    <row r="712182" spans="14:14">
      <c r="N712182" s="10"/>
    </row>
    <row r="712183" spans="14:14">
      <c r="N712183" s="10"/>
    </row>
    <row r="712184" spans="14:14">
      <c r="N712184" s="10"/>
    </row>
    <row r="712185" spans="14:14">
      <c r="N712185" s="10"/>
    </row>
    <row r="712186" spans="14:14">
      <c r="N712186" s="10"/>
    </row>
    <row r="712187" spans="14:14">
      <c r="N712187" s="10"/>
    </row>
    <row r="712188" spans="14:14">
      <c r="N712188" s="10"/>
    </row>
    <row r="712189" spans="14:14">
      <c r="N712189" s="10"/>
    </row>
    <row r="712190" spans="14:14">
      <c r="N712190" s="10"/>
    </row>
    <row r="712191" spans="14:14">
      <c r="N712191" s="10"/>
    </row>
    <row r="712192" spans="14:14">
      <c r="N712192" s="10"/>
    </row>
    <row r="712193" spans="14:14">
      <c r="N712193" s="10"/>
    </row>
    <row r="712194" spans="14:14">
      <c r="N712194" s="10"/>
    </row>
    <row r="712195" spans="14:14">
      <c r="N712195" s="10"/>
    </row>
    <row r="712196" spans="14:14">
      <c r="N712196" s="10"/>
    </row>
    <row r="712197" spans="14:14">
      <c r="N712197" s="10"/>
    </row>
    <row r="712198" spans="14:14">
      <c r="N712198" s="10"/>
    </row>
    <row r="712199" spans="14:14">
      <c r="N712199" s="10"/>
    </row>
    <row r="712200" spans="14:14">
      <c r="N712200" s="10"/>
    </row>
    <row r="712201" spans="14:14">
      <c r="N712201" s="10"/>
    </row>
    <row r="712202" spans="14:14">
      <c r="N712202" s="10"/>
    </row>
    <row r="712203" spans="14:14">
      <c r="N712203" s="10"/>
    </row>
    <row r="712204" spans="14:14">
      <c r="N712204" s="10"/>
    </row>
    <row r="712205" spans="14:14">
      <c r="N712205" s="10"/>
    </row>
    <row r="712206" spans="14:14">
      <c r="N712206" s="10"/>
    </row>
    <row r="712207" spans="14:14">
      <c r="N712207" s="10"/>
    </row>
    <row r="712208" spans="14:14">
      <c r="N712208" s="10"/>
    </row>
    <row r="712209" spans="14:14">
      <c r="N712209" s="10"/>
    </row>
    <row r="712210" spans="14:14">
      <c r="N712210" s="10"/>
    </row>
    <row r="712211" spans="14:14">
      <c r="N712211" s="10"/>
    </row>
    <row r="712212" spans="14:14">
      <c r="N712212" s="10"/>
    </row>
    <row r="712213" spans="14:14">
      <c r="N712213" s="10"/>
    </row>
    <row r="712214" spans="14:14">
      <c r="N712214" s="10"/>
    </row>
    <row r="712215" spans="14:14">
      <c r="N712215" s="10"/>
    </row>
    <row r="712216" spans="14:14">
      <c r="N712216" s="10"/>
    </row>
    <row r="712217" spans="14:14">
      <c r="N712217" s="10"/>
    </row>
    <row r="712218" spans="14:14">
      <c r="N712218" s="10"/>
    </row>
    <row r="712219" spans="14:14">
      <c r="N712219" s="10"/>
    </row>
    <row r="712220" spans="14:14">
      <c r="N712220" s="10"/>
    </row>
    <row r="712221" spans="14:14">
      <c r="N712221" s="10"/>
    </row>
    <row r="712222" spans="14:14">
      <c r="N712222" s="10"/>
    </row>
    <row r="712223" spans="14:14">
      <c r="N712223" s="10"/>
    </row>
    <row r="712224" spans="14:14">
      <c r="N712224" s="10"/>
    </row>
    <row r="712225" spans="14:14">
      <c r="N712225" s="10"/>
    </row>
    <row r="712226" spans="14:14">
      <c r="N712226" s="10"/>
    </row>
    <row r="712227" spans="14:14">
      <c r="N712227" s="10"/>
    </row>
    <row r="712228" spans="14:14">
      <c r="N712228" s="10"/>
    </row>
    <row r="712229" spans="14:14">
      <c r="N712229" s="10"/>
    </row>
    <row r="712230" spans="14:14">
      <c r="N712230" s="10"/>
    </row>
    <row r="712231" spans="14:14">
      <c r="N712231" s="10"/>
    </row>
    <row r="712232" spans="14:14">
      <c r="N712232" s="10"/>
    </row>
    <row r="712233" spans="14:14">
      <c r="N712233" s="10"/>
    </row>
    <row r="712234" spans="14:14">
      <c r="N712234" s="10"/>
    </row>
    <row r="712235" spans="14:14">
      <c r="N712235" s="10"/>
    </row>
    <row r="712236" spans="14:14">
      <c r="N712236" s="10"/>
    </row>
    <row r="712237" spans="14:14">
      <c r="N712237" s="10"/>
    </row>
    <row r="712238" spans="14:14">
      <c r="N712238" s="10"/>
    </row>
    <row r="712239" spans="14:14">
      <c r="N712239" s="10"/>
    </row>
    <row r="712240" spans="14:14">
      <c r="N712240" s="10"/>
    </row>
    <row r="712241" spans="14:14">
      <c r="N712241" s="10"/>
    </row>
    <row r="712242" spans="14:14">
      <c r="N712242" s="10"/>
    </row>
    <row r="712243" spans="14:14">
      <c r="N712243" s="10"/>
    </row>
    <row r="712244" spans="14:14">
      <c r="N712244" s="10"/>
    </row>
    <row r="712245" spans="14:14">
      <c r="N712245" s="10"/>
    </row>
    <row r="712246" spans="14:14">
      <c r="N712246" s="10"/>
    </row>
    <row r="712247" spans="14:14">
      <c r="N712247" s="10"/>
    </row>
    <row r="712248" spans="14:14">
      <c r="N712248" s="10"/>
    </row>
    <row r="712249" spans="14:14">
      <c r="N712249" s="10"/>
    </row>
    <row r="712250" spans="14:14">
      <c r="N712250" s="10"/>
    </row>
    <row r="712251" spans="14:14">
      <c r="N712251" s="10"/>
    </row>
    <row r="712252" spans="14:14">
      <c r="N712252" s="10"/>
    </row>
    <row r="712253" spans="14:14">
      <c r="N712253" s="10"/>
    </row>
    <row r="712254" spans="14:14">
      <c r="N712254" s="10"/>
    </row>
    <row r="712255" spans="14:14">
      <c r="N712255" s="10"/>
    </row>
    <row r="712256" spans="14:14">
      <c r="N712256" s="10"/>
    </row>
    <row r="712257" spans="14:14">
      <c r="N712257" s="10"/>
    </row>
    <row r="712258" spans="14:14">
      <c r="N712258" s="10"/>
    </row>
    <row r="712259" spans="14:14">
      <c r="N712259" s="10"/>
    </row>
    <row r="712260" spans="14:14">
      <c r="N712260" s="10"/>
    </row>
    <row r="712261" spans="14:14">
      <c r="N712261" s="10"/>
    </row>
    <row r="712262" spans="14:14">
      <c r="N712262" s="10"/>
    </row>
    <row r="712263" spans="14:14">
      <c r="N712263" s="10"/>
    </row>
    <row r="712264" spans="14:14">
      <c r="N712264" s="10"/>
    </row>
    <row r="712265" spans="14:14">
      <c r="N712265" s="10"/>
    </row>
    <row r="712266" spans="14:14">
      <c r="N712266" s="10"/>
    </row>
    <row r="712267" spans="14:14">
      <c r="N712267" s="10"/>
    </row>
    <row r="712268" spans="14:14">
      <c r="N712268" s="10"/>
    </row>
    <row r="712269" spans="14:14">
      <c r="N712269" s="10"/>
    </row>
    <row r="712270" spans="14:14">
      <c r="N712270" s="10"/>
    </row>
    <row r="712271" spans="14:14">
      <c r="N712271" s="10"/>
    </row>
    <row r="712272" spans="14:14">
      <c r="N712272" s="10"/>
    </row>
    <row r="712273" spans="14:14">
      <c r="N712273" s="10"/>
    </row>
    <row r="712274" spans="14:14">
      <c r="N712274" s="10"/>
    </row>
    <row r="712275" spans="14:14">
      <c r="N712275" s="10"/>
    </row>
    <row r="712276" spans="14:14">
      <c r="N712276" s="10"/>
    </row>
    <row r="712277" spans="14:14">
      <c r="N712277" s="10"/>
    </row>
    <row r="712278" spans="14:14">
      <c r="N712278" s="10"/>
    </row>
    <row r="712279" spans="14:14">
      <c r="N712279" s="10"/>
    </row>
    <row r="712280" spans="14:14">
      <c r="N712280" s="10"/>
    </row>
    <row r="712281" spans="14:14">
      <c r="N712281" s="10"/>
    </row>
    <row r="712282" spans="14:14">
      <c r="N712282" s="10"/>
    </row>
    <row r="712283" spans="14:14">
      <c r="N712283" s="10"/>
    </row>
    <row r="712284" spans="14:14">
      <c r="N712284" s="10"/>
    </row>
    <row r="712285" spans="14:14">
      <c r="N712285" s="10"/>
    </row>
    <row r="712286" spans="14:14">
      <c r="N712286" s="10"/>
    </row>
    <row r="712287" spans="14:14">
      <c r="N712287" s="10"/>
    </row>
    <row r="712288" spans="14:14">
      <c r="N712288" s="10"/>
    </row>
    <row r="712289" spans="14:14">
      <c r="N712289" s="10"/>
    </row>
    <row r="712290" spans="14:14">
      <c r="N712290" s="10"/>
    </row>
    <row r="712291" spans="14:14">
      <c r="N712291" s="10"/>
    </row>
    <row r="712292" spans="14:14">
      <c r="N712292" s="10"/>
    </row>
    <row r="712293" spans="14:14">
      <c r="N712293" s="10"/>
    </row>
    <row r="712294" spans="14:14">
      <c r="N712294" s="10"/>
    </row>
    <row r="712295" spans="14:14">
      <c r="N712295" s="10"/>
    </row>
    <row r="712296" spans="14:14">
      <c r="N712296" s="10"/>
    </row>
    <row r="712297" spans="14:14">
      <c r="N712297" s="10"/>
    </row>
    <row r="712298" spans="14:14">
      <c r="N712298" s="10"/>
    </row>
    <row r="712299" spans="14:14">
      <c r="N712299" s="10"/>
    </row>
    <row r="712300" spans="14:14">
      <c r="N712300" s="10"/>
    </row>
    <row r="712301" spans="14:14">
      <c r="N712301" s="10"/>
    </row>
    <row r="712302" spans="14:14">
      <c r="N712302" s="10"/>
    </row>
    <row r="712303" spans="14:14">
      <c r="N712303" s="10"/>
    </row>
    <row r="712304" spans="14:14">
      <c r="N712304" s="10"/>
    </row>
    <row r="712305" spans="14:14">
      <c r="N712305" s="10"/>
    </row>
    <row r="712306" spans="14:14">
      <c r="N712306" s="10"/>
    </row>
    <row r="712307" spans="14:14">
      <c r="N712307" s="10"/>
    </row>
    <row r="712308" spans="14:14">
      <c r="N712308" s="10"/>
    </row>
    <row r="712309" spans="14:14">
      <c r="N712309" s="10"/>
    </row>
    <row r="712310" spans="14:14">
      <c r="N712310" s="10"/>
    </row>
    <row r="712311" spans="14:14">
      <c r="N712311" s="10"/>
    </row>
    <row r="712312" spans="14:14">
      <c r="N712312" s="10"/>
    </row>
    <row r="712313" spans="14:14">
      <c r="N712313" s="10"/>
    </row>
    <row r="712314" spans="14:14">
      <c r="N712314" s="10"/>
    </row>
    <row r="712315" spans="14:14">
      <c r="N712315" s="10"/>
    </row>
    <row r="712316" spans="14:14">
      <c r="N712316" s="10"/>
    </row>
    <row r="712317" spans="14:14">
      <c r="N712317" s="10"/>
    </row>
    <row r="712318" spans="14:14">
      <c r="N712318" s="10"/>
    </row>
    <row r="712319" spans="14:14">
      <c r="N712319" s="10"/>
    </row>
    <row r="712320" spans="14:14">
      <c r="N712320" s="10"/>
    </row>
    <row r="712321" spans="14:14">
      <c r="N712321" s="10"/>
    </row>
    <row r="712322" spans="14:14">
      <c r="N712322" s="10"/>
    </row>
    <row r="712323" spans="14:14">
      <c r="N712323" s="10"/>
    </row>
    <row r="712324" spans="14:14">
      <c r="N712324" s="10"/>
    </row>
    <row r="712325" spans="14:14">
      <c r="N712325" s="10"/>
    </row>
    <row r="712326" spans="14:14">
      <c r="N712326" s="10"/>
    </row>
    <row r="712327" spans="14:14">
      <c r="N712327" s="10"/>
    </row>
    <row r="712328" spans="14:14">
      <c r="N712328" s="10"/>
    </row>
    <row r="712329" spans="14:14">
      <c r="N712329" s="10"/>
    </row>
    <row r="712330" spans="14:14">
      <c r="N712330" s="10"/>
    </row>
    <row r="712331" spans="14:14">
      <c r="N712331" s="10"/>
    </row>
    <row r="712332" spans="14:14">
      <c r="N712332" s="10"/>
    </row>
    <row r="712333" spans="14:14">
      <c r="N712333" s="10"/>
    </row>
    <row r="712334" spans="14:14">
      <c r="N712334" s="10"/>
    </row>
    <row r="712335" spans="14:14">
      <c r="N712335" s="10"/>
    </row>
    <row r="712336" spans="14:14">
      <c r="N712336" s="10"/>
    </row>
    <row r="712337" spans="14:14">
      <c r="N712337" s="10"/>
    </row>
    <row r="712338" spans="14:14">
      <c r="N712338" s="10"/>
    </row>
    <row r="712339" spans="14:14">
      <c r="N712339" s="10"/>
    </row>
    <row r="712340" spans="14:14">
      <c r="N712340" s="10"/>
    </row>
    <row r="712341" spans="14:14">
      <c r="N712341" s="10"/>
    </row>
    <row r="712342" spans="14:14">
      <c r="N712342" s="10"/>
    </row>
    <row r="712343" spans="14:14">
      <c r="N712343" s="10"/>
    </row>
    <row r="712344" spans="14:14">
      <c r="N712344" s="10"/>
    </row>
    <row r="712345" spans="14:14">
      <c r="N712345" s="10"/>
    </row>
    <row r="712346" spans="14:14">
      <c r="N712346" s="10"/>
    </row>
    <row r="712347" spans="14:14">
      <c r="N712347" s="10"/>
    </row>
    <row r="712348" spans="14:14">
      <c r="N712348" s="10"/>
    </row>
    <row r="712349" spans="14:14">
      <c r="N712349" s="10"/>
    </row>
    <row r="712350" spans="14:14">
      <c r="N712350" s="10"/>
    </row>
    <row r="712351" spans="14:14">
      <c r="N712351" s="10"/>
    </row>
    <row r="712352" spans="14:14">
      <c r="N712352" s="10"/>
    </row>
    <row r="712353" spans="14:14">
      <c r="N712353" s="10"/>
    </row>
    <row r="712354" spans="14:14">
      <c r="N712354" s="10"/>
    </row>
    <row r="712355" spans="14:14">
      <c r="N712355" s="10"/>
    </row>
    <row r="712356" spans="14:14">
      <c r="N712356" s="10"/>
    </row>
    <row r="712357" spans="14:14">
      <c r="N712357" s="10"/>
    </row>
    <row r="712358" spans="14:14">
      <c r="N712358" s="10"/>
    </row>
    <row r="712359" spans="14:14">
      <c r="N712359" s="10"/>
    </row>
    <row r="712360" spans="14:14">
      <c r="N712360" s="10"/>
    </row>
    <row r="712361" spans="14:14">
      <c r="N712361" s="10"/>
    </row>
    <row r="712362" spans="14:14">
      <c r="N712362" s="10"/>
    </row>
    <row r="712363" spans="14:14">
      <c r="N712363" s="10"/>
    </row>
    <row r="712364" spans="14:14">
      <c r="N712364" s="10"/>
    </row>
    <row r="712365" spans="14:14">
      <c r="N712365" s="10"/>
    </row>
    <row r="712366" spans="14:14">
      <c r="N712366" s="10"/>
    </row>
    <row r="712367" spans="14:14">
      <c r="N712367" s="10"/>
    </row>
    <row r="712368" spans="14:14">
      <c r="N712368" s="10"/>
    </row>
    <row r="712369" spans="14:14">
      <c r="N712369" s="10"/>
    </row>
    <row r="712370" spans="14:14">
      <c r="N712370" s="10"/>
    </row>
    <row r="712371" spans="14:14">
      <c r="N712371" s="10"/>
    </row>
    <row r="712372" spans="14:14">
      <c r="N712372" s="10"/>
    </row>
    <row r="712373" spans="14:14">
      <c r="N712373" s="10"/>
    </row>
    <row r="712374" spans="14:14">
      <c r="N712374" s="10"/>
    </row>
    <row r="712375" spans="14:14">
      <c r="N712375" s="10"/>
    </row>
    <row r="712376" spans="14:14">
      <c r="N712376" s="10"/>
    </row>
    <row r="712377" spans="14:14">
      <c r="N712377" s="10"/>
    </row>
    <row r="712378" spans="14:14">
      <c r="N712378" s="10"/>
    </row>
    <row r="712379" spans="14:14">
      <c r="N712379" s="10"/>
    </row>
    <row r="712380" spans="14:14">
      <c r="N712380" s="10"/>
    </row>
    <row r="712381" spans="14:14">
      <c r="N712381" s="10"/>
    </row>
    <row r="712382" spans="14:14">
      <c r="N712382" s="10"/>
    </row>
    <row r="712383" spans="14:14">
      <c r="N712383" s="10"/>
    </row>
    <row r="712384" spans="14:14">
      <c r="N712384" s="10"/>
    </row>
    <row r="712385" spans="14:14">
      <c r="N712385" s="10"/>
    </row>
    <row r="712386" spans="14:14">
      <c r="N712386" s="10"/>
    </row>
    <row r="712387" spans="14:14">
      <c r="N712387" s="10"/>
    </row>
    <row r="712388" spans="14:14">
      <c r="N712388" s="10"/>
    </row>
    <row r="712389" spans="14:14">
      <c r="N712389" s="10"/>
    </row>
    <row r="712390" spans="14:14">
      <c r="N712390" s="10"/>
    </row>
    <row r="712391" spans="14:14">
      <c r="N712391" s="10"/>
    </row>
    <row r="712392" spans="14:14">
      <c r="N712392" s="10"/>
    </row>
    <row r="712393" spans="14:14">
      <c r="N712393" s="10"/>
    </row>
    <row r="712394" spans="14:14">
      <c r="N712394" s="10"/>
    </row>
    <row r="712395" spans="14:14">
      <c r="N712395" s="10"/>
    </row>
    <row r="712396" spans="14:14">
      <c r="N712396" s="10"/>
    </row>
    <row r="712397" spans="14:14">
      <c r="N712397" s="10"/>
    </row>
    <row r="712398" spans="14:14">
      <c r="N712398" s="10"/>
    </row>
    <row r="712399" spans="14:14">
      <c r="N712399" s="10"/>
    </row>
    <row r="712400" spans="14:14">
      <c r="N712400" s="10"/>
    </row>
    <row r="712401" spans="14:14">
      <c r="N712401" s="10"/>
    </row>
    <row r="712402" spans="14:14">
      <c r="N712402" s="10"/>
    </row>
    <row r="712403" spans="14:14">
      <c r="N712403" s="10"/>
    </row>
    <row r="712404" spans="14:14">
      <c r="N712404" s="10"/>
    </row>
    <row r="712405" spans="14:14">
      <c r="N712405" s="10"/>
    </row>
    <row r="712406" spans="14:14">
      <c r="N712406" s="10"/>
    </row>
    <row r="712407" spans="14:14">
      <c r="N712407" s="10"/>
    </row>
    <row r="712408" spans="14:14">
      <c r="N712408" s="10"/>
    </row>
    <row r="712409" spans="14:14">
      <c r="N712409" s="10"/>
    </row>
    <row r="712410" spans="14:14">
      <c r="N712410" s="10"/>
    </row>
    <row r="712411" spans="14:14">
      <c r="N712411" s="10"/>
    </row>
    <row r="712412" spans="14:14">
      <c r="N712412" s="10"/>
    </row>
    <row r="712413" spans="14:14">
      <c r="N712413" s="10"/>
    </row>
    <row r="712414" spans="14:14">
      <c r="N712414" s="10"/>
    </row>
    <row r="712415" spans="14:14">
      <c r="N712415" s="10"/>
    </row>
    <row r="712416" spans="14:14">
      <c r="N712416" s="10"/>
    </row>
    <row r="712417" spans="14:14">
      <c r="N712417" s="10"/>
    </row>
    <row r="712418" spans="14:14">
      <c r="N712418" s="10"/>
    </row>
    <row r="712419" spans="14:14">
      <c r="N712419" s="10"/>
    </row>
    <row r="712420" spans="14:14">
      <c r="N712420" s="10"/>
    </row>
    <row r="712421" spans="14:14">
      <c r="N712421" s="10"/>
    </row>
    <row r="712422" spans="14:14">
      <c r="N712422" s="10"/>
    </row>
    <row r="712423" spans="14:14">
      <c r="N712423" s="10"/>
    </row>
    <row r="712424" spans="14:14">
      <c r="N712424" s="10"/>
    </row>
    <row r="712425" spans="14:14">
      <c r="N712425" s="10"/>
    </row>
    <row r="712426" spans="14:14">
      <c r="N712426" s="10"/>
    </row>
    <row r="712427" spans="14:14">
      <c r="N712427" s="10"/>
    </row>
    <row r="712428" spans="14:14">
      <c r="N712428" s="10"/>
    </row>
    <row r="712429" spans="14:14">
      <c r="N712429" s="10"/>
    </row>
    <row r="712430" spans="14:14">
      <c r="N712430" s="10"/>
    </row>
    <row r="712431" spans="14:14">
      <c r="N712431" s="10"/>
    </row>
    <row r="712432" spans="14:14">
      <c r="N712432" s="10"/>
    </row>
    <row r="712433" spans="14:14">
      <c r="N712433" s="10"/>
    </row>
    <row r="712434" spans="14:14">
      <c r="N712434" s="10"/>
    </row>
    <row r="712435" spans="14:14">
      <c r="N712435" s="10"/>
    </row>
    <row r="712436" spans="14:14">
      <c r="N712436" s="10"/>
    </row>
    <row r="712437" spans="14:14">
      <c r="N712437" s="10"/>
    </row>
    <row r="712438" spans="14:14">
      <c r="N712438" s="10"/>
    </row>
    <row r="712439" spans="14:14">
      <c r="N712439" s="10"/>
    </row>
    <row r="712440" spans="14:14">
      <c r="N712440" s="10"/>
    </row>
    <row r="712441" spans="14:14">
      <c r="N712441" s="10"/>
    </row>
    <row r="712442" spans="14:14">
      <c r="N712442" s="10"/>
    </row>
    <row r="712443" spans="14:14">
      <c r="N712443" s="10"/>
    </row>
    <row r="712444" spans="14:14">
      <c r="N712444" s="10"/>
    </row>
    <row r="712445" spans="14:14">
      <c r="N712445" s="10"/>
    </row>
    <row r="712446" spans="14:14">
      <c r="N712446" s="10"/>
    </row>
    <row r="712447" spans="14:14">
      <c r="N712447" s="10"/>
    </row>
    <row r="712448" spans="14:14">
      <c r="N712448" s="10"/>
    </row>
    <row r="712449" spans="14:14">
      <c r="N712449" s="10"/>
    </row>
    <row r="712450" spans="14:14">
      <c r="N712450" s="10"/>
    </row>
    <row r="712451" spans="14:14">
      <c r="N712451" s="10"/>
    </row>
    <row r="712452" spans="14:14">
      <c r="N712452" s="10"/>
    </row>
    <row r="712453" spans="14:14">
      <c r="N712453" s="10"/>
    </row>
    <row r="712454" spans="14:14">
      <c r="N712454" s="10"/>
    </row>
    <row r="712455" spans="14:14">
      <c r="N712455" s="10"/>
    </row>
    <row r="712456" spans="14:14">
      <c r="N712456" s="10"/>
    </row>
    <row r="712457" spans="14:14">
      <c r="N712457" s="10"/>
    </row>
    <row r="712458" spans="14:14">
      <c r="N712458" s="10"/>
    </row>
    <row r="712459" spans="14:14">
      <c r="N712459" s="10"/>
    </row>
    <row r="712460" spans="14:14">
      <c r="N712460" s="10"/>
    </row>
    <row r="712461" spans="14:14">
      <c r="N712461" s="10"/>
    </row>
    <row r="712462" spans="14:14">
      <c r="N712462" s="10"/>
    </row>
    <row r="712463" spans="14:14">
      <c r="N712463" s="10"/>
    </row>
    <row r="712464" spans="14:14">
      <c r="N712464" s="10"/>
    </row>
    <row r="712465" spans="14:14">
      <c r="N712465" s="10"/>
    </row>
    <row r="712466" spans="14:14">
      <c r="N712466" s="10"/>
    </row>
    <row r="712467" spans="14:14">
      <c r="N712467" s="10"/>
    </row>
    <row r="712468" spans="14:14">
      <c r="N712468" s="10"/>
    </row>
    <row r="712469" spans="14:14">
      <c r="N712469" s="10"/>
    </row>
    <row r="712470" spans="14:14">
      <c r="N712470" s="10"/>
    </row>
    <row r="712471" spans="14:14">
      <c r="N712471" s="10"/>
    </row>
    <row r="712472" spans="14:14">
      <c r="N712472" s="10"/>
    </row>
    <row r="712473" spans="14:14">
      <c r="N712473" s="10"/>
    </row>
    <row r="712474" spans="14:14">
      <c r="N712474" s="10"/>
    </row>
    <row r="712475" spans="14:14">
      <c r="N712475" s="10"/>
    </row>
    <row r="712476" spans="14:14">
      <c r="N712476" s="10"/>
    </row>
    <row r="712477" spans="14:14">
      <c r="N712477" s="10"/>
    </row>
    <row r="712478" spans="14:14">
      <c r="N712478" s="10"/>
    </row>
    <row r="712479" spans="14:14">
      <c r="N712479" s="10"/>
    </row>
    <row r="712480" spans="14:14">
      <c r="N712480" s="10"/>
    </row>
    <row r="712481" spans="14:14">
      <c r="N712481" s="10"/>
    </row>
    <row r="712482" spans="14:14">
      <c r="N712482" s="10"/>
    </row>
    <row r="712483" spans="14:14">
      <c r="N712483" s="10"/>
    </row>
    <row r="712484" spans="14:14">
      <c r="N712484" s="10"/>
    </row>
    <row r="712485" spans="14:14">
      <c r="N712485" s="10"/>
    </row>
    <row r="712486" spans="14:14">
      <c r="N712486" s="10"/>
    </row>
    <row r="712487" spans="14:14">
      <c r="N712487" s="10"/>
    </row>
    <row r="712488" spans="14:14">
      <c r="N712488" s="10"/>
    </row>
    <row r="712489" spans="14:14">
      <c r="N712489" s="10"/>
    </row>
    <row r="712490" spans="14:14">
      <c r="N712490" s="10"/>
    </row>
    <row r="712491" spans="14:14">
      <c r="N712491" s="10"/>
    </row>
    <row r="712492" spans="14:14">
      <c r="N712492" s="10"/>
    </row>
    <row r="712493" spans="14:14">
      <c r="N712493" s="10"/>
    </row>
    <row r="712494" spans="14:14">
      <c r="N712494" s="10"/>
    </row>
    <row r="712495" spans="14:14">
      <c r="N712495" s="10"/>
    </row>
    <row r="712496" spans="14:14">
      <c r="N712496" s="10"/>
    </row>
    <row r="712497" spans="14:14">
      <c r="N712497" s="10"/>
    </row>
    <row r="712498" spans="14:14">
      <c r="N712498" s="10"/>
    </row>
    <row r="712499" spans="14:14">
      <c r="N712499" s="10"/>
    </row>
    <row r="712500" spans="14:14">
      <c r="N712500" s="10"/>
    </row>
    <row r="712501" spans="14:14">
      <c r="N712501" s="10"/>
    </row>
    <row r="712502" spans="14:14">
      <c r="N712502" s="10"/>
    </row>
    <row r="712503" spans="14:14">
      <c r="N712503" s="10"/>
    </row>
    <row r="712504" spans="14:14">
      <c r="N712504" s="10"/>
    </row>
    <row r="712505" spans="14:14">
      <c r="N712505" s="10"/>
    </row>
    <row r="712506" spans="14:14">
      <c r="N712506" s="10"/>
    </row>
    <row r="712507" spans="14:14">
      <c r="N712507" s="10"/>
    </row>
    <row r="712508" spans="14:14">
      <c r="N712508" s="10"/>
    </row>
    <row r="712509" spans="14:14">
      <c r="N712509" s="10"/>
    </row>
    <row r="712510" spans="14:14">
      <c r="N712510" s="10"/>
    </row>
    <row r="712511" spans="14:14">
      <c r="N712511" s="10"/>
    </row>
    <row r="712512" spans="14:14">
      <c r="N712512" s="10"/>
    </row>
    <row r="712513" spans="14:14">
      <c r="N712513" s="10"/>
    </row>
    <row r="712514" spans="14:14">
      <c r="N712514" s="10"/>
    </row>
    <row r="712515" spans="14:14">
      <c r="N712515" s="10"/>
    </row>
    <row r="712516" spans="14:14">
      <c r="N712516" s="10"/>
    </row>
    <row r="712517" spans="14:14">
      <c r="N712517" s="10"/>
    </row>
    <row r="712518" spans="14:14">
      <c r="N712518" s="10"/>
    </row>
    <row r="712519" spans="14:14">
      <c r="N712519" s="10"/>
    </row>
    <row r="712520" spans="14:14">
      <c r="N712520" s="10"/>
    </row>
    <row r="712521" spans="14:14">
      <c r="N712521" s="10"/>
    </row>
    <row r="712522" spans="14:14">
      <c r="N712522" s="10"/>
    </row>
    <row r="712523" spans="14:14">
      <c r="N712523" s="10"/>
    </row>
    <row r="712524" spans="14:14">
      <c r="N712524" s="10"/>
    </row>
    <row r="712525" spans="14:14">
      <c r="N712525" s="10"/>
    </row>
    <row r="712526" spans="14:14">
      <c r="N712526" s="10"/>
    </row>
    <row r="712527" spans="14:14">
      <c r="N712527" s="10"/>
    </row>
    <row r="712528" spans="14:14">
      <c r="N712528" s="10"/>
    </row>
    <row r="712529" spans="14:14">
      <c r="N712529" s="10"/>
    </row>
    <row r="712530" spans="14:14">
      <c r="N712530" s="10"/>
    </row>
    <row r="712531" spans="14:14">
      <c r="N712531" s="10"/>
    </row>
    <row r="712532" spans="14:14">
      <c r="N712532" s="10"/>
    </row>
    <row r="712533" spans="14:14">
      <c r="N712533" s="10"/>
    </row>
    <row r="712534" spans="14:14">
      <c r="N712534" s="10"/>
    </row>
    <row r="712535" spans="14:14">
      <c r="N712535" s="10"/>
    </row>
    <row r="712536" spans="14:14">
      <c r="N712536" s="10"/>
    </row>
    <row r="712537" spans="14:14">
      <c r="N712537" s="10"/>
    </row>
    <row r="712538" spans="14:14">
      <c r="N712538" s="10"/>
    </row>
    <row r="712539" spans="14:14">
      <c r="N712539" s="10"/>
    </row>
    <row r="712540" spans="14:14">
      <c r="N712540" s="10"/>
    </row>
    <row r="712541" spans="14:14">
      <c r="N712541" s="10"/>
    </row>
    <row r="712542" spans="14:14">
      <c r="N712542" s="10"/>
    </row>
    <row r="712543" spans="14:14">
      <c r="N712543" s="10"/>
    </row>
    <row r="712544" spans="14:14">
      <c r="N712544" s="10"/>
    </row>
    <row r="712545" spans="14:14">
      <c r="N712545" s="10"/>
    </row>
    <row r="712546" spans="14:14">
      <c r="N712546" s="10"/>
    </row>
    <row r="712547" spans="14:14">
      <c r="N712547" s="10"/>
    </row>
    <row r="712548" spans="14:14">
      <c r="N712548" s="10"/>
    </row>
    <row r="712549" spans="14:14">
      <c r="N712549" s="10"/>
    </row>
    <row r="712550" spans="14:14">
      <c r="N712550" s="10"/>
    </row>
    <row r="712551" spans="14:14">
      <c r="N712551" s="10"/>
    </row>
    <row r="712552" spans="14:14">
      <c r="N712552" s="10"/>
    </row>
    <row r="712553" spans="14:14">
      <c r="N712553" s="10"/>
    </row>
    <row r="712554" spans="14:14">
      <c r="N712554" s="10"/>
    </row>
    <row r="712555" spans="14:14">
      <c r="N712555" s="10"/>
    </row>
    <row r="712556" spans="14:14">
      <c r="N712556" s="10"/>
    </row>
    <row r="712557" spans="14:14">
      <c r="N712557" s="10"/>
    </row>
    <row r="712558" spans="14:14">
      <c r="N712558" s="10"/>
    </row>
    <row r="712559" spans="14:14">
      <c r="N712559" s="10"/>
    </row>
    <row r="712560" spans="14:14">
      <c r="N712560" s="10"/>
    </row>
    <row r="712561" spans="14:14">
      <c r="N712561" s="10"/>
    </row>
    <row r="712562" spans="14:14">
      <c r="N712562" s="10"/>
    </row>
    <row r="712563" spans="14:14">
      <c r="N712563" s="10"/>
    </row>
    <row r="712564" spans="14:14">
      <c r="N712564" s="10"/>
    </row>
    <row r="712565" spans="14:14">
      <c r="N712565" s="10"/>
    </row>
    <row r="712566" spans="14:14">
      <c r="N712566" s="10"/>
    </row>
    <row r="712567" spans="14:14">
      <c r="N712567" s="10"/>
    </row>
    <row r="712568" spans="14:14">
      <c r="N712568" s="10"/>
    </row>
    <row r="712569" spans="14:14">
      <c r="N712569" s="10"/>
    </row>
    <row r="712570" spans="14:14">
      <c r="N712570" s="10"/>
    </row>
    <row r="712571" spans="14:14">
      <c r="N712571" s="10"/>
    </row>
    <row r="712572" spans="14:14">
      <c r="N712572" s="10"/>
    </row>
    <row r="712573" spans="14:14">
      <c r="N712573" s="10"/>
    </row>
    <row r="712574" spans="14:14">
      <c r="N712574" s="10"/>
    </row>
    <row r="712575" spans="14:14">
      <c r="N712575" s="10"/>
    </row>
    <row r="712576" spans="14:14">
      <c r="N712576" s="10"/>
    </row>
    <row r="712577" spans="14:14">
      <c r="N712577" s="10"/>
    </row>
    <row r="712578" spans="14:14">
      <c r="N712578" s="10"/>
    </row>
    <row r="712579" spans="14:14">
      <c r="N712579" s="10"/>
    </row>
    <row r="712580" spans="14:14">
      <c r="N712580" s="10"/>
    </row>
    <row r="712581" spans="14:14">
      <c r="N712581" s="10"/>
    </row>
    <row r="712582" spans="14:14">
      <c r="N712582" s="10"/>
    </row>
    <row r="712583" spans="14:14">
      <c r="N712583" s="10"/>
    </row>
    <row r="712584" spans="14:14">
      <c r="N712584" s="10"/>
    </row>
    <row r="712585" spans="14:14">
      <c r="N712585" s="10"/>
    </row>
    <row r="712586" spans="14:14">
      <c r="N712586" s="10"/>
    </row>
    <row r="712587" spans="14:14">
      <c r="N712587" s="10"/>
    </row>
    <row r="712588" spans="14:14">
      <c r="N712588" s="10"/>
    </row>
    <row r="712589" spans="14:14">
      <c r="N712589" s="10"/>
    </row>
    <row r="712590" spans="14:14">
      <c r="N712590" s="10"/>
    </row>
    <row r="712591" spans="14:14">
      <c r="N712591" s="10"/>
    </row>
    <row r="712592" spans="14:14">
      <c r="N712592" s="10"/>
    </row>
    <row r="712593" spans="14:14">
      <c r="N712593" s="10"/>
    </row>
    <row r="712594" spans="14:14">
      <c r="N712594" s="10"/>
    </row>
    <row r="712595" spans="14:14">
      <c r="N712595" s="10"/>
    </row>
    <row r="712596" spans="14:14">
      <c r="N712596" s="10"/>
    </row>
    <row r="712597" spans="14:14">
      <c r="N712597" s="10"/>
    </row>
    <row r="712598" spans="14:14">
      <c r="N712598" s="10"/>
    </row>
    <row r="712599" spans="14:14">
      <c r="N712599" s="10"/>
    </row>
    <row r="712600" spans="14:14">
      <c r="N712600" s="10"/>
    </row>
    <row r="712601" spans="14:14">
      <c r="N712601" s="10"/>
    </row>
    <row r="712602" spans="14:14">
      <c r="N712602" s="10"/>
    </row>
    <row r="712603" spans="14:14">
      <c r="N712603" s="10"/>
    </row>
    <row r="712604" spans="14:14">
      <c r="N712604" s="10"/>
    </row>
    <row r="712605" spans="14:14">
      <c r="N712605" s="10"/>
    </row>
    <row r="712606" spans="14:14">
      <c r="N712606" s="10"/>
    </row>
    <row r="712607" spans="14:14">
      <c r="N712607" s="10"/>
    </row>
    <row r="712608" spans="14:14">
      <c r="N712608" s="10"/>
    </row>
    <row r="712609" spans="14:14">
      <c r="N712609" s="10"/>
    </row>
    <row r="712610" spans="14:14">
      <c r="N712610" s="10"/>
    </row>
    <row r="712611" spans="14:14">
      <c r="N712611" s="10"/>
    </row>
    <row r="712612" spans="14:14">
      <c r="N712612" s="10"/>
    </row>
    <row r="712613" spans="14:14">
      <c r="N712613" s="10"/>
    </row>
    <row r="712614" spans="14:14">
      <c r="N712614" s="10"/>
    </row>
    <row r="712615" spans="14:14">
      <c r="N712615" s="10"/>
    </row>
    <row r="712616" spans="14:14">
      <c r="N712616" s="10"/>
    </row>
    <row r="712617" spans="14:14">
      <c r="N712617" s="10"/>
    </row>
    <row r="712618" spans="14:14">
      <c r="N712618" s="10"/>
    </row>
    <row r="712619" spans="14:14">
      <c r="N712619" s="10"/>
    </row>
    <row r="712620" spans="14:14">
      <c r="N712620" s="10"/>
    </row>
    <row r="712621" spans="14:14">
      <c r="N712621" s="10"/>
    </row>
    <row r="712622" spans="14:14">
      <c r="N712622" s="10"/>
    </row>
    <row r="712623" spans="14:14">
      <c r="N712623" s="10"/>
    </row>
    <row r="712624" spans="14:14">
      <c r="N712624" s="10"/>
    </row>
    <row r="712625" spans="14:14">
      <c r="N712625" s="10"/>
    </row>
    <row r="712626" spans="14:14">
      <c r="N712626" s="10"/>
    </row>
    <row r="712627" spans="14:14">
      <c r="N712627" s="10"/>
    </row>
    <row r="712628" spans="14:14">
      <c r="N712628" s="10"/>
    </row>
    <row r="712629" spans="14:14">
      <c r="N712629" s="10"/>
    </row>
    <row r="712630" spans="14:14">
      <c r="N712630" s="10"/>
    </row>
    <row r="712631" spans="14:14">
      <c r="N712631" s="10"/>
    </row>
    <row r="712632" spans="14:14">
      <c r="N712632" s="10"/>
    </row>
    <row r="712633" spans="14:14">
      <c r="N712633" s="10"/>
    </row>
    <row r="712634" spans="14:14">
      <c r="N712634" s="10"/>
    </row>
    <row r="712635" spans="14:14">
      <c r="N712635" s="10"/>
    </row>
    <row r="712636" spans="14:14">
      <c r="N712636" s="10"/>
    </row>
    <row r="712637" spans="14:14">
      <c r="N712637" s="10"/>
    </row>
    <row r="712638" spans="14:14">
      <c r="N712638" s="10"/>
    </row>
    <row r="712639" spans="14:14">
      <c r="N712639" s="10"/>
    </row>
    <row r="712640" spans="14:14">
      <c r="N712640" s="10"/>
    </row>
    <row r="712641" spans="14:14">
      <c r="N712641" s="10"/>
    </row>
    <row r="712642" spans="14:14">
      <c r="N712642" s="10"/>
    </row>
    <row r="712643" spans="14:14">
      <c r="N712643" s="10"/>
    </row>
    <row r="712644" spans="14:14">
      <c r="N712644" s="10"/>
    </row>
    <row r="712645" spans="14:14">
      <c r="N712645" s="10"/>
    </row>
    <row r="712646" spans="14:14">
      <c r="N712646" s="10"/>
    </row>
    <row r="712647" spans="14:14">
      <c r="N712647" s="10"/>
    </row>
    <row r="712648" spans="14:14">
      <c r="N712648" s="10"/>
    </row>
    <row r="712649" spans="14:14">
      <c r="N712649" s="10"/>
    </row>
    <row r="712650" spans="14:14">
      <c r="N712650" s="10"/>
    </row>
    <row r="712651" spans="14:14">
      <c r="N712651" s="10"/>
    </row>
    <row r="712652" spans="14:14">
      <c r="N712652" s="10"/>
    </row>
    <row r="712653" spans="14:14">
      <c r="N712653" s="10"/>
    </row>
    <row r="712654" spans="14:14">
      <c r="N712654" s="10"/>
    </row>
    <row r="712655" spans="14:14">
      <c r="N712655" s="10"/>
    </row>
    <row r="712656" spans="14:14">
      <c r="N712656" s="10"/>
    </row>
    <row r="712657" spans="14:14">
      <c r="N712657" s="10"/>
    </row>
    <row r="712658" spans="14:14">
      <c r="N712658" s="10"/>
    </row>
    <row r="712659" spans="14:14">
      <c r="N712659" s="10"/>
    </row>
    <row r="712660" spans="14:14">
      <c r="N712660" s="10"/>
    </row>
    <row r="712661" spans="14:14">
      <c r="N712661" s="10"/>
    </row>
    <row r="712662" spans="14:14">
      <c r="N712662" s="10"/>
    </row>
    <row r="712663" spans="14:14">
      <c r="N712663" s="10"/>
    </row>
    <row r="712664" spans="14:14">
      <c r="N712664" s="10"/>
    </row>
    <row r="712665" spans="14:14">
      <c r="N712665" s="10"/>
    </row>
    <row r="712666" spans="14:14">
      <c r="N712666" s="10"/>
    </row>
    <row r="712667" spans="14:14">
      <c r="N712667" s="10"/>
    </row>
    <row r="712668" spans="14:14">
      <c r="N712668" s="10"/>
    </row>
    <row r="712669" spans="14:14">
      <c r="N712669" s="10"/>
    </row>
    <row r="712670" spans="14:14">
      <c r="N712670" s="10"/>
    </row>
    <row r="712671" spans="14:14">
      <c r="N712671" s="10"/>
    </row>
    <row r="712672" spans="14:14">
      <c r="N712672" s="10"/>
    </row>
    <row r="712673" spans="14:14">
      <c r="N712673" s="10"/>
    </row>
    <row r="712674" spans="14:14">
      <c r="N712674" s="10"/>
    </row>
    <row r="712675" spans="14:14">
      <c r="N712675" s="10"/>
    </row>
    <row r="712676" spans="14:14">
      <c r="N712676" s="10"/>
    </row>
    <row r="712677" spans="14:14">
      <c r="N712677" s="10"/>
    </row>
    <row r="712678" spans="14:14">
      <c r="N712678" s="10"/>
    </row>
    <row r="712679" spans="14:14">
      <c r="N712679" s="10"/>
    </row>
    <row r="712680" spans="14:14">
      <c r="N712680" s="10"/>
    </row>
    <row r="712681" spans="14:14">
      <c r="N712681" s="10"/>
    </row>
    <row r="712682" spans="14:14">
      <c r="N712682" s="10"/>
    </row>
    <row r="712683" spans="14:14">
      <c r="N712683" s="10"/>
    </row>
    <row r="712684" spans="14:14">
      <c r="N712684" s="10"/>
    </row>
    <row r="712685" spans="14:14">
      <c r="N712685" s="10"/>
    </row>
    <row r="712686" spans="14:14">
      <c r="N712686" s="10"/>
    </row>
    <row r="712687" spans="14:14">
      <c r="N712687" s="10"/>
    </row>
    <row r="712688" spans="14:14">
      <c r="N712688" s="10"/>
    </row>
    <row r="712689" spans="14:14">
      <c r="N712689" s="10"/>
    </row>
    <row r="712690" spans="14:14">
      <c r="N712690" s="10"/>
    </row>
    <row r="712691" spans="14:14">
      <c r="N712691" s="10"/>
    </row>
    <row r="712692" spans="14:14">
      <c r="N712692" s="10"/>
    </row>
    <row r="712693" spans="14:14">
      <c r="N712693" s="10"/>
    </row>
    <row r="712694" spans="14:14">
      <c r="N712694" s="10"/>
    </row>
    <row r="712695" spans="14:14">
      <c r="N712695" s="10"/>
    </row>
    <row r="712696" spans="14:14">
      <c r="N712696" s="10"/>
    </row>
    <row r="712697" spans="14:14">
      <c r="N712697" s="10"/>
    </row>
    <row r="712698" spans="14:14">
      <c r="N712698" s="10"/>
    </row>
    <row r="712699" spans="14:14">
      <c r="N712699" s="10"/>
    </row>
    <row r="712700" spans="14:14">
      <c r="N712700" s="10"/>
    </row>
    <row r="712701" spans="14:14">
      <c r="N712701" s="10"/>
    </row>
    <row r="712702" spans="14:14">
      <c r="N712702" s="10"/>
    </row>
    <row r="712703" spans="14:14">
      <c r="N712703" s="10"/>
    </row>
    <row r="712704" spans="14:14">
      <c r="N712704" s="10"/>
    </row>
    <row r="712705" spans="14:14">
      <c r="N712705" s="10"/>
    </row>
    <row r="712706" spans="14:14">
      <c r="N712706" s="10"/>
    </row>
    <row r="712707" spans="14:14">
      <c r="N712707" s="10"/>
    </row>
    <row r="712708" spans="14:14">
      <c r="N712708" s="10"/>
    </row>
    <row r="712709" spans="14:14">
      <c r="N712709" s="10"/>
    </row>
    <row r="712710" spans="14:14">
      <c r="N712710" s="10"/>
    </row>
    <row r="712711" spans="14:14">
      <c r="N712711" s="10"/>
    </row>
    <row r="712712" spans="14:14">
      <c r="N712712" s="10"/>
    </row>
    <row r="712713" spans="14:14">
      <c r="N712713" s="10"/>
    </row>
    <row r="712714" spans="14:14">
      <c r="N712714" s="10"/>
    </row>
    <row r="712715" spans="14:14">
      <c r="N712715" s="10"/>
    </row>
    <row r="712716" spans="14:14">
      <c r="N712716" s="10"/>
    </row>
    <row r="712717" spans="14:14">
      <c r="N712717" s="10"/>
    </row>
    <row r="712718" spans="14:14">
      <c r="N712718" s="10"/>
    </row>
    <row r="712719" spans="14:14">
      <c r="N712719" s="10"/>
    </row>
    <row r="712720" spans="14:14">
      <c r="N712720" s="10"/>
    </row>
    <row r="712721" spans="14:14">
      <c r="N712721" s="10"/>
    </row>
    <row r="712722" spans="14:14">
      <c r="N712722" s="10"/>
    </row>
    <row r="712723" spans="14:14">
      <c r="N712723" s="10"/>
    </row>
    <row r="712724" spans="14:14">
      <c r="N712724" s="10"/>
    </row>
    <row r="712725" spans="14:14">
      <c r="N712725" s="10"/>
    </row>
    <row r="712726" spans="14:14">
      <c r="N712726" s="10"/>
    </row>
    <row r="712727" spans="14:14">
      <c r="N712727" s="10"/>
    </row>
    <row r="712728" spans="14:14">
      <c r="N712728" s="10"/>
    </row>
    <row r="712729" spans="14:14">
      <c r="N712729" s="10"/>
    </row>
    <row r="712730" spans="14:14">
      <c r="N712730" s="10"/>
    </row>
    <row r="712731" spans="14:14">
      <c r="N712731" s="10"/>
    </row>
    <row r="712732" spans="14:14">
      <c r="N712732" s="10"/>
    </row>
    <row r="712733" spans="14:14">
      <c r="N712733" s="10"/>
    </row>
    <row r="712734" spans="14:14">
      <c r="N712734" s="10"/>
    </row>
    <row r="712735" spans="14:14">
      <c r="N712735" s="10"/>
    </row>
    <row r="712736" spans="14:14">
      <c r="N712736" s="10"/>
    </row>
    <row r="712737" spans="14:14">
      <c r="N712737" s="10"/>
    </row>
    <row r="712738" spans="14:14">
      <c r="N712738" s="10"/>
    </row>
    <row r="712739" spans="14:14">
      <c r="N712739" s="10"/>
    </row>
    <row r="712740" spans="14:14">
      <c r="N712740" s="10"/>
    </row>
    <row r="712741" spans="14:14">
      <c r="N712741" s="10"/>
    </row>
    <row r="712742" spans="14:14">
      <c r="N712742" s="10"/>
    </row>
    <row r="712743" spans="14:14">
      <c r="N712743" s="10"/>
    </row>
    <row r="712744" spans="14:14">
      <c r="N712744" s="10"/>
    </row>
    <row r="712745" spans="14:14">
      <c r="N712745" s="10"/>
    </row>
    <row r="712746" spans="14:14">
      <c r="N712746" s="10"/>
    </row>
    <row r="712747" spans="14:14">
      <c r="N712747" s="10"/>
    </row>
    <row r="712748" spans="14:14">
      <c r="N712748" s="10"/>
    </row>
    <row r="712749" spans="14:14">
      <c r="N712749" s="10"/>
    </row>
    <row r="712750" spans="14:14">
      <c r="N712750" s="10"/>
    </row>
    <row r="712751" spans="14:14">
      <c r="N712751" s="10"/>
    </row>
    <row r="712752" spans="14:14">
      <c r="N712752" s="10"/>
    </row>
    <row r="712753" spans="14:14">
      <c r="N712753" s="10"/>
    </row>
    <row r="712754" spans="14:14">
      <c r="N712754" s="10"/>
    </row>
    <row r="712755" spans="14:14">
      <c r="N712755" s="10"/>
    </row>
    <row r="712756" spans="14:14">
      <c r="N712756" s="10"/>
    </row>
    <row r="712757" spans="14:14">
      <c r="N712757" s="10"/>
    </row>
    <row r="712758" spans="14:14">
      <c r="N712758" s="10"/>
    </row>
    <row r="712759" spans="14:14">
      <c r="N712759" s="10"/>
    </row>
    <row r="712760" spans="14:14">
      <c r="N712760" s="10"/>
    </row>
    <row r="712761" spans="14:14">
      <c r="N712761" s="10"/>
    </row>
    <row r="712762" spans="14:14">
      <c r="N712762" s="10"/>
    </row>
    <row r="712763" spans="14:14">
      <c r="N712763" s="10"/>
    </row>
    <row r="712764" spans="14:14">
      <c r="N712764" s="10"/>
    </row>
    <row r="712765" spans="14:14">
      <c r="N712765" s="10"/>
    </row>
    <row r="712766" spans="14:14">
      <c r="N712766" s="10"/>
    </row>
    <row r="712767" spans="14:14">
      <c r="N712767" s="10"/>
    </row>
    <row r="712768" spans="14:14">
      <c r="N712768" s="10"/>
    </row>
    <row r="712769" spans="14:14">
      <c r="N712769" s="10"/>
    </row>
    <row r="712770" spans="14:14">
      <c r="N712770" s="10"/>
    </row>
    <row r="712771" spans="14:14">
      <c r="N712771" s="10"/>
    </row>
    <row r="712772" spans="14:14">
      <c r="N712772" s="10"/>
    </row>
    <row r="712773" spans="14:14">
      <c r="N712773" s="10"/>
    </row>
    <row r="712774" spans="14:14">
      <c r="N712774" s="10"/>
    </row>
    <row r="712775" spans="14:14">
      <c r="N712775" s="10"/>
    </row>
    <row r="712776" spans="14:14">
      <c r="N712776" s="10"/>
    </row>
    <row r="712777" spans="14:14">
      <c r="N712777" s="10"/>
    </row>
    <row r="712778" spans="14:14">
      <c r="N712778" s="10"/>
    </row>
    <row r="712779" spans="14:14">
      <c r="N712779" s="10"/>
    </row>
    <row r="712780" spans="14:14">
      <c r="N712780" s="10"/>
    </row>
    <row r="712781" spans="14:14">
      <c r="N712781" s="10"/>
    </row>
    <row r="712782" spans="14:14">
      <c r="N712782" s="10"/>
    </row>
    <row r="712783" spans="14:14">
      <c r="N712783" s="10"/>
    </row>
    <row r="712784" spans="14:14">
      <c r="N712784" s="10"/>
    </row>
    <row r="712785" spans="14:14">
      <c r="N712785" s="10"/>
    </row>
    <row r="712786" spans="14:14">
      <c r="N712786" s="10"/>
    </row>
    <row r="712787" spans="14:14">
      <c r="N712787" s="10"/>
    </row>
    <row r="712788" spans="14:14">
      <c r="N712788" s="10"/>
    </row>
    <row r="712789" spans="14:14">
      <c r="N712789" s="10"/>
    </row>
    <row r="712790" spans="14:14">
      <c r="N712790" s="10"/>
    </row>
    <row r="712791" spans="14:14">
      <c r="N712791" s="10"/>
    </row>
    <row r="712792" spans="14:14">
      <c r="N712792" s="10"/>
    </row>
    <row r="712793" spans="14:14">
      <c r="N712793" s="10"/>
    </row>
    <row r="712794" spans="14:14">
      <c r="N712794" s="10"/>
    </row>
    <row r="712795" spans="14:14">
      <c r="N712795" s="10"/>
    </row>
    <row r="712796" spans="14:14">
      <c r="N712796" s="10"/>
    </row>
    <row r="712797" spans="14:14">
      <c r="N712797" s="10"/>
    </row>
    <row r="712798" spans="14:14">
      <c r="N712798" s="10"/>
    </row>
    <row r="712799" spans="14:14">
      <c r="N712799" s="10"/>
    </row>
    <row r="712800" spans="14:14">
      <c r="N712800" s="10"/>
    </row>
    <row r="712801" spans="14:14">
      <c r="N712801" s="10"/>
    </row>
    <row r="712802" spans="14:14">
      <c r="N712802" s="10"/>
    </row>
    <row r="712803" spans="14:14">
      <c r="N712803" s="10"/>
    </row>
    <row r="712804" spans="14:14">
      <c r="N712804" s="10"/>
    </row>
    <row r="712805" spans="14:14">
      <c r="N712805" s="10"/>
    </row>
    <row r="712806" spans="14:14">
      <c r="N712806" s="10"/>
    </row>
    <row r="712807" spans="14:14">
      <c r="N712807" s="10"/>
    </row>
    <row r="712808" spans="14:14">
      <c r="N712808" s="10"/>
    </row>
    <row r="712809" spans="14:14">
      <c r="N712809" s="10"/>
    </row>
    <row r="712810" spans="14:14">
      <c r="N712810" s="10"/>
    </row>
    <row r="712811" spans="14:14">
      <c r="N712811" s="10"/>
    </row>
    <row r="712812" spans="14:14">
      <c r="N712812" s="10"/>
    </row>
    <row r="712813" spans="14:14">
      <c r="N712813" s="10"/>
    </row>
    <row r="712814" spans="14:14">
      <c r="N712814" s="10"/>
    </row>
    <row r="712815" spans="14:14">
      <c r="N712815" s="10"/>
    </row>
    <row r="712816" spans="14:14">
      <c r="N712816" s="10"/>
    </row>
    <row r="712817" spans="14:14">
      <c r="N712817" s="10"/>
    </row>
    <row r="712818" spans="14:14">
      <c r="N712818" s="10"/>
    </row>
    <row r="712819" spans="14:14">
      <c r="N712819" s="10"/>
    </row>
    <row r="712820" spans="14:14">
      <c r="N712820" s="10"/>
    </row>
    <row r="712821" spans="14:14">
      <c r="N712821" s="10"/>
    </row>
    <row r="712822" spans="14:14">
      <c r="N712822" s="10"/>
    </row>
    <row r="712823" spans="14:14">
      <c r="N712823" s="10"/>
    </row>
    <row r="712824" spans="14:14">
      <c r="N712824" s="10"/>
    </row>
    <row r="712825" spans="14:14">
      <c r="N712825" s="10"/>
    </row>
    <row r="712826" spans="14:14">
      <c r="N712826" s="10"/>
    </row>
    <row r="712827" spans="14:14">
      <c r="N712827" s="10"/>
    </row>
    <row r="712828" spans="14:14">
      <c r="N712828" s="10"/>
    </row>
    <row r="712829" spans="14:14">
      <c r="N712829" s="10"/>
    </row>
    <row r="712830" spans="14:14">
      <c r="N712830" s="10"/>
    </row>
    <row r="712831" spans="14:14">
      <c r="N712831" s="10"/>
    </row>
    <row r="712832" spans="14:14">
      <c r="N712832" s="10"/>
    </row>
    <row r="712833" spans="14:14">
      <c r="N712833" s="10"/>
    </row>
    <row r="712834" spans="14:14">
      <c r="N712834" s="10"/>
    </row>
    <row r="712835" spans="14:14">
      <c r="N712835" s="10"/>
    </row>
    <row r="712836" spans="14:14">
      <c r="N712836" s="10"/>
    </row>
    <row r="712837" spans="14:14">
      <c r="N712837" s="10"/>
    </row>
    <row r="712838" spans="14:14">
      <c r="N712838" s="10"/>
    </row>
    <row r="712839" spans="14:14">
      <c r="N712839" s="10"/>
    </row>
    <row r="712840" spans="14:14">
      <c r="N712840" s="10"/>
    </row>
    <row r="712841" spans="14:14">
      <c r="N712841" s="10"/>
    </row>
    <row r="712842" spans="14:14">
      <c r="N712842" s="10"/>
    </row>
    <row r="712843" spans="14:14">
      <c r="N712843" s="10"/>
    </row>
    <row r="712844" spans="14:14">
      <c r="N712844" s="10"/>
    </row>
    <row r="712845" spans="14:14">
      <c r="N712845" s="10"/>
    </row>
    <row r="712846" spans="14:14">
      <c r="N712846" s="10"/>
    </row>
    <row r="712847" spans="14:14">
      <c r="N712847" s="10"/>
    </row>
    <row r="712848" spans="14:14">
      <c r="N712848" s="10"/>
    </row>
    <row r="712849" spans="14:14">
      <c r="N712849" s="10"/>
    </row>
    <row r="712850" spans="14:14">
      <c r="N712850" s="10"/>
    </row>
    <row r="712851" spans="14:14">
      <c r="N712851" s="10"/>
    </row>
    <row r="712852" spans="14:14">
      <c r="N712852" s="10"/>
    </row>
    <row r="712853" spans="14:14">
      <c r="N712853" s="10"/>
    </row>
    <row r="712854" spans="14:14">
      <c r="N712854" s="10"/>
    </row>
    <row r="712855" spans="14:14">
      <c r="N712855" s="10"/>
    </row>
    <row r="712856" spans="14:14">
      <c r="N712856" s="10"/>
    </row>
    <row r="712857" spans="14:14">
      <c r="N712857" s="10"/>
    </row>
    <row r="712858" spans="14:14">
      <c r="N712858" s="10"/>
    </row>
    <row r="712859" spans="14:14">
      <c r="N712859" s="10"/>
    </row>
    <row r="712860" spans="14:14">
      <c r="N712860" s="10"/>
    </row>
    <row r="712861" spans="14:14">
      <c r="N712861" s="10"/>
    </row>
    <row r="712862" spans="14:14">
      <c r="N712862" s="10"/>
    </row>
    <row r="712863" spans="14:14">
      <c r="N712863" s="10"/>
    </row>
    <row r="712864" spans="14:14">
      <c r="N712864" s="10"/>
    </row>
    <row r="712865" spans="14:14">
      <c r="N712865" s="10"/>
    </row>
    <row r="712866" spans="14:14">
      <c r="N712866" s="10"/>
    </row>
    <row r="712867" spans="14:14">
      <c r="N712867" s="10"/>
    </row>
    <row r="712868" spans="14:14">
      <c r="N712868" s="10"/>
    </row>
    <row r="712869" spans="14:14">
      <c r="N712869" s="10"/>
    </row>
    <row r="712870" spans="14:14">
      <c r="N712870" s="10"/>
    </row>
    <row r="712871" spans="14:14">
      <c r="N712871" s="10"/>
    </row>
    <row r="712872" spans="14:14">
      <c r="N712872" s="10"/>
    </row>
    <row r="712873" spans="14:14">
      <c r="N712873" s="10"/>
    </row>
    <row r="712874" spans="14:14">
      <c r="N712874" s="10"/>
    </row>
    <row r="712875" spans="14:14">
      <c r="N712875" s="10"/>
    </row>
    <row r="712876" spans="14:14">
      <c r="N712876" s="10"/>
    </row>
    <row r="712877" spans="14:14">
      <c r="N712877" s="10"/>
    </row>
    <row r="712878" spans="14:14">
      <c r="N712878" s="10"/>
    </row>
    <row r="712879" spans="14:14">
      <c r="N712879" s="10"/>
    </row>
    <row r="712880" spans="14:14">
      <c r="N712880" s="10"/>
    </row>
    <row r="712881" spans="14:14">
      <c r="N712881" s="10"/>
    </row>
    <row r="712882" spans="14:14">
      <c r="N712882" s="10"/>
    </row>
    <row r="712883" spans="14:14">
      <c r="N712883" s="10"/>
    </row>
    <row r="712884" spans="14:14">
      <c r="N712884" s="10"/>
    </row>
    <row r="712885" spans="14:14">
      <c r="N712885" s="10"/>
    </row>
    <row r="712886" spans="14:14">
      <c r="N712886" s="10"/>
    </row>
    <row r="712887" spans="14:14">
      <c r="N712887" s="10"/>
    </row>
    <row r="712888" spans="14:14">
      <c r="N712888" s="10"/>
    </row>
    <row r="712889" spans="14:14">
      <c r="N712889" s="10"/>
    </row>
    <row r="712890" spans="14:14">
      <c r="N712890" s="10"/>
    </row>
    <row r="712891" spans="14:14">
      <c r="N712891" s="10"/>
    </row>
    <row r="712892" spans="14:14">
      <c r="N712892" s="10"/>
    </row>
    <row r="712893" spans="14:14">
      <c r="N712893" s="10"/>
    </row>
    <row r="712894" spans="14:14">
      <c r="N712894" s="10"/>
    </row>
    <row r="712895" spans="14:14">
      <c r="N712895" s="10"/>
    </row>
    <row r="712896" spans="14:14">
      <c r="N712896" s="10"/>
    </row>
    <row r="712897" spans="14:14">
      <c r="N712897" s="10"/>
    </row>
    <row r="712898" spans="14:14">
      <c r="N712898" s="10"/>
    </row>
    <row r="712899" spans="14:14">
      <c r="N712899" s="10"/>
    </row>
    <row r="712900" spans="14:14">
      <c r="N712900" s="10"/>
    </row>
    <row r="712901" spans="14:14">
      <c r="N712901" s="10"/>
    </row>
    <row r="712902" spans="14:14">
      <c r="N712902" s="10"/>
    </row>
    <row r="712903" spans="14:14">
      <c r="N712903" s="10"/>
    </row>
    <row r="712904" spans="14:14">
      <c r="N712904" s="10"/>
    </row>
    <row r="712905" spans="14:14">
      <c r="N712905" s="10"/>
    </row>
    <row r="712906" spans="14:14">
      <c r="N712906" s="10"/>
    </row>
    <row r="712907" spans="14:14">
      <c r="N712907" s="10"/>
    </row>
    <row r="712908" spans="14:14">
      <c r="N712908" s="10"/>
    </row>
    <row r="712909" spans="14:14">
      <c r="N712909" s="10"/>
    </row>
    <row r="712910" spans="14:14">
      <c r="N712910" s="10"/>
    </row>
    <row r="712911" spans="14:14">
      <c r="N712911" s="10"/>
    </row>
    <row r="712912" spans="14:14">
      <c r="N712912" s="10"/>
    </row>
    <row r="712913" spans="14:14">
      <c r="N712913" s="10"/>
    </row>
    <row r="712914" spans="14:14">
      <c r="N712914" s="10"/>
    </row>
    <row r="712915" spans="14:14">
      <c r="N712915" s="10"/>
    </row>
    <row r="712916" spans="14:14">
      <c r="N712916" s="10"/>
    </row>
    <row r="712917" spans="14:14">
      <c r="N712917" s="10"/>
    </row>
    <row r="712918" spans="14:14">
      <c r="N712918" s="10"/>
    </row>
    <row r="712919" spans="14:14">
      <c r="N712919" s="10"/>
    </row>
    <row r="712920" spans="14:14">
      <c r="N712920" s="10"/>
    </row>
    <row r="712921" spans="14:14">
      <c r="N712921" s="10"/>
    </row>
    <row r="712922" spans="14:14">
      <c r="N712922" s="10"/>
    </row>
    <row r="712923" spans="14:14">
      <c r="N712923" s="10"/>
    </row>
    <row r="712924" spans="14:14">
      <c r="N712924" s="10"/>
    </row>
    <row r="712925" spans="14:14">
      <c r="N712925" s="10"/>
    </row>
    <row r="712926" spans="14:14">
      <c r="N712926" s="10"/>
    </row>
    <row r="712927" spans="14:14">
      <c r="N712927" s="10"/>
    </row>
    <row r="712928" spans="14:14">
      <c r="N712928" s="10"/>
    </row>
    <row r="712929" spans="14:14">
      <c r="N712929" s="10"/>
    </row>
    <row r="712930" spans="14:14">
      <c r="N712930" s="10"/>
    </row>
    <row r="712931" spans="14:14">
      <c r="N712931" s="10"/>
    </row>
    <row r="712932" spans="14:14">
      <c r="N712932" s="10"/>
    </row>
    <row r="712933" spans="14:14">
      <c r="N712933" s="10"/>
    </row>
    <row r="712934" spans="14:14">
      <c r="N712934" s="10"/>
    </row>
    <row r="712935" spans="14:14">
      <c r="N712935" s="10"/>
    </row>
    <row r="712936" spans="14:14">
      <c r="N712936" s="10"/>
    </row>
    <row r="712937" spans="14:14">
      <c r="N712937" s="10"/>
    </row>
    <row r="712938" spans="14:14">
      <c r="N712938" s="10"/>
    </row>
    <row r="712939" spans="14:14">
      <c r="N712939" s="10"/>
    </row>
    <row r="712940" spans="14:14">
      <c r="N712940" s="10"/>
    </row>
    <row r="712941" spans="14:14">
      <c r="N712941" s="10"/>
    </row>
    <row r="712942" spans="14:14">
      <c r="N712942" s="10"/>
    </row>
    <row r="712943" spans="14:14">
      <c r="N712943" s="10"/>
    </row>
    <row r="712944" spans="14:14">
      <c r="N712944" s="10"/>
    </row>
    <row r="712945" spans="14:14">
      <c r="N712945" s="10"/>
    </row>
    <row r="712946" spans="14:14">
      <c r="N712946" s="10"/>
    </row>
    <row r="712947" spans="14:14">
      <c r="N712947" s="10"/>
    </row>
    <row r="712948" spans="14:14">
      <c r="N712948" s="10"/>
    </row>
    <row r="712949" spans="14:14">
      <c r="N712949" s="10"/>
    </row>
    <row r="712950" spans="14:14">
      <c r="N712950" s="10"/>
    </row>
    <row r="712951" spans="14:14">
      <c r="N712951" s="10"/>
    </row>
    <row r="712952" spans="14:14">
      <c r="N712952" s="10"/>
    </row>
    <row r="712953" spans="14:14">
      <c r="N712953" s="10"/>
    </row>
    <row r="712954" spans="14:14">
      <c r="N712954" s="10"/>
    </row>
    <row r="712955" spans="14:14">
      <c r="N712955" s="10"/>
    </row>
    <row r="712956" spans="14:14">
      <c r="N712956" s="10"/>
    </row>
    <row r="712957" spans="14:14">
      <c r="N712957" s="10"/>
    </row>
    <row r="712958" spans="14:14">
      <c r="N712958" s="10"/>
    </row>
    <row r="712959" spans="14:14">
      <c r="N712959" s="10"/>
    </row>
    <row r="712960" spans="14:14">
      <c r="N712960" s="10"/>
    </row>
    <row r="712961" spans="14:14">
      <c r="N712961" s="10"/>
    </row>
    <row r="712962" spans="14:14">
      <c r="N712962" s="10"/>
    </row>
    <row r="712963" spans="14:14">
      <c r="N712963" s="10"/>
    </row>
    <row r="712964" spans="14:14">
      <c r="N712964" s="10"/>
    </row>
    <row r="712965" spans="14:14">
      <c r="N712965" s="10"/>
    </row>
    <row r="712966" spans="14:14">
      <c r="N712966" s="10"/>
    </row>
    <row r="712967" spans="14:14">
      <c r="N712967" s="10"/>
    </row>
    <row r="712968" spans="14:14">
      <c r="N712968" s="10"/>
    </row>
    <row r="712969" spans="14:14">
      <c r="N712969" s="10"/>
    </row>
    <row r="712970" spans="14:14">
      <c r="N712970" s="10"/>
    </row>
    <row r="712971" spans="14:14">
      <c r="N712971" s="10"/>
    </row>
    <row r="712972" spans="14:14">
      <c r="N712972" s="10"/>
    </row>
    <row r="712973" spans="14:14">
      <c r="N712973" s="10"/>
    </row>
    <row r="712974" spans="14:14">
      <c r="N712974" s="10"/>
    </row>
    <row r="712975" spans="14:14">
      <c r="N712975" s="10"/>
    </row>
    <row r="712976" spans="14:14">
      <c r="N712976" s="10"/>
    </row>
    <row r="712977" spans="14:14">
      <c r="N712977" s="10"/>
    </row>
    <row r="712978" spans="14:14">
      <c r="N712978" s="10"/>
    </row>
    <row r="712979" spans="14:14">
      <c r="N712979" s="10"/>
    </row>
    <row r="712980" spans="14:14">
      <c r="N712980" s="10"/>
    </row>
    <row r="712981" spans="14:14">
      <c r="N712981" s="10"/>
    </row>
    <row r="712982" spans="14:14">
      <c r="N712982" s="10"/>
    </row>
    <row r="712983" spans="14:14">
      <c r="N712983" s="10"/>
    </row>
    <row r="712984" spans="14:14">
      <c r="N712984" s="10"/>
    </row>
    <row r="712985" spans="14:14">
      <c r="N712985" s="10"/>
    </row>
    <row r="712986" spans="14:14">
      <c r="N712986" s="10"/>
    </row>
    <row r="712987" spans="14:14">
      <c r="N712987" s="10"/>
    </row>
    <row r="712988" spans="14:14">
      <c r="N712988" s="10"/>
    </row>
    <row r="712989" spans="14:14">
      <c r="N712989" s="10"/>
    </row>
    <row r="712990" spans="14:14">
      <c r="N712990" s="10"/>
    </row>
    <row r="712991" spans="14:14">
      <c r="N712991" s="10"/>
    </row>
    <row r="712992" spans="14:14">
      <c r="N712992" s="10"/>
    </row>
    <row r="712993" spans="14:14">
      <c r="N712993" s="10"/>
    </row>
    <row r="712994" spans="14:14">
      <c r="N712994" s="10"/>
    </row>
    <row r="712995" spans="14:14">
      <c r="N712995" s="10"/>
    </row>
    <row r="712996" spans="14:14">
      <c r="N712996" s="10"/>
    </row>
    <row r="712997" spans="14:14">
      <c r="N712997" s="10"/>
    </row>
    <row r="712998" spans="14:14">
      <c r="N712998" s="10"/>
    </row>
    <row r="712999" spans="14:14">
      <c r="N712999" s="10"/>
    </row>
    <row r="713000" spans="14:14">
      <c r="N713000" s="10"/>
    </row>
    <row r="713001" spans="14:14">
      <c r="N713001" s="10"/>
    </row>
    <row r="713002" spans="14:14">
      <c r="N713002" s="10"/>
    </row>
    <row r="713003" spans="14:14">
      <c r="N713003" s="10"/>
    </row>
    <row r="713004" spans="14:14">
      <c r="N713004" s="10"/>
    </row>
    <row r="713005" spans="14:14">
      <c r="N713005" s="10"/>
    </row>
    <row r="713006" spans="14:14">
      <c r="N713006" s="10"/>
    </row>
    <row r="713007" spans="14:14">
      <c r="N713007" s="10"/>
    </row>
    <row r="713008" spans="14:14">
      <c r="N713008" s="10"/>
    </row>
    <row r="713009" spans="14:14">
      <c r="N713009" s="10"/>
    </row>
    <row r="713010" spans="14:14">
      <c r="N713010" s="10"/>
    </row>
    <row r="713011" spans="14:14">
      <c r="N713011" s="10"/>
    </row>
    <row r="713012" spans="14:14">
      <c r="N713012" s="10"/>
    </row>
    <row r="713013" spans="14:14">
      <c r="N713013" s="10"/>
    </row>
    <row r="713014" spans="14:14">
      <c r="N713014" s="10"/>
    </row>
    <row r="713015" spans="14:14">
      <c r="N713015" s="10"/>
    </row>
    <row r="713016" spans="14:14">
      <c r="N713016" s="10"/>
    </row>
    <row r="713017" spans="14:14">
      <c r="N713017" s="10"/>
    </row>
    <row r="713018" spans="14:14">
      <c r="N713018" s="10"/>
    </row>
    <row r="713019" spans="14:14">
      <c r="N713019" s="10"/>
    </row>
    <row r="713020" spans="14:14">
      <c r="N713020" s="10"/>
    </row>
    <row r="713021" spans="14:14">
      <c r="N713021" s="10"/>
    </row>
    <row r="713022" spans="14:14">
      <c r="N713022" s="10"/>
    </row>
    <row r="713023" spans="14:14">
      <c r="N713023" s="10"/>
    </row>
    <row r="713024" spans="14:14">
      <c r="N713024" s="10"/>
    </row>
    <row r="713025" spans="14:14">
      <c r="N713025" s="10"/>
    </row>
    <row r="713026" spans="14:14">
      <c r="N713026" s="10"/>
    </row>
    <row r="713027" spans="14:14">
      <c r="N713027" s="10"/>
    </row>
    <row r="713028" spans="14:14">
      <c r="N713028" s="10"/>
    </row>
    <row r="713029" spans="14:14">
      <c r="N713029" s="10"/>
    </row>
    <row r="713030" spans="14:14">
      <c r="N713030" s="10"/>
    </row>
    <row r="713031" spans="14:14">
      <c r="N713031" s="10"/>
    </row>
    <row r="713032" spans="14:14">
      <c r="N713032" s="10"/>
    </row>
    <row r="713033" spans="14:14">
      <c r="N713033" s="10"/>
    </row>
    <row r="713034" spans="14:14">
      <c r="N713034" s="10"/>
    </row>
    <row r="713035" spans="14:14">
      <c r="N713035" s="10"/>
    </row>
    <row r="713036" spans="14:14">
      <c r="N713036" s="10"/>
    </row>
    <row r="713037" spans="14:14">
      <c r="N713037" s="10"/>
    </row>
    <row r="713038" spans="14:14">
      <c r="N713038" s="10"/>
    </row>
    <row r="713039" spans="14:14">
      <c r="N713039" s="10"/>
    </row>
    <row r="713040" spans="14:14">
      <c r="N713040" s="10"/>
    </row>
    <row r="713041" spans="14:14">
      <c r="N713041" s="10"/>
    </row>
    <row r="713042" spans="14:14">
      <c r="N713042" s="10"/>
    </row>
    <row r="713043" spans="14:14">
      <c r="N713043" s="10"/>
    </row>
    <row r="713044" spans="14:14">
      <c r="N713044" s="10"/>
    </row>
    <row r="713045" spans="14:14">
      <c r="N713045" s="10"/>
    </row>
    <row r="713046" spans="14:14">
      <c r="N713046" s="10"/>
    </row>
    <row r="713047" spans="14:14">
      <c r="N713047" s="10"/>
    </row>
    <row r="713048" spans="14:14">
      <c r="N713048" s="10"/>
    </row>
    <row r="713049" spans="14:14">
      <c r="N713049" s="10"/>
    </row>
    <row r="713050" spans="14:14">
      <c r="N713050" s="10"/>
    </row>
    <row r="713051" spans="14:14">
      <c r="N713051" s="10"/>
    </row>
    <row r="713052" spans="14:14">
      <c r="N713052" s="10"/>
    </row>
    <row r="713053" spans="14:14">
      <c r="N713053" s="10"/>
    </row>
    <row r="713054" spans="14:14">
      <c r="N713054" s="10"/>
    </row>
    <row r="713055" spans="14:14">
      <c r="N713055" s="10"/>
    </row>
    <row r="713056" spans="14:14">
      <c r="N713056" s="10"/>
    </row>
    <row r="713057" spans="14:14">
      <c r="N713057" s="10"/>
    </row>
    <row r="713058" spans="14:14">
      <c r="N713058" s="10"/>
    </row>
    <row r="713059" spans="14:14">
      <c r="N713059" s="10"/>
    </row>
    <row r="713060" spans="14:14">
      <c r="N713060" s="10"/>
    </row>
    <row r="713061" spans="14:14">
      <c r="N713061" s="10"/>
    </row>
    <row r="713062" spans="14:14">
      <c r="N713062" s="10"/>
    </row>
    <row r="713063" spans="14:14">
      <c r="N713063" s="10"/>
    </row>
    <row r="713064" spans="14:14">
      <c r="N713064" s="10"/>
    </row>
    <row r="713065" spans="14:14">
      <c r="N713065" s="10"/>
    </row>
    <row r="713066" spans="14:14">
      <c r="N713066" s="10"/>
    </row>
    <row r="713067" spans="14:14">
      <c r="N713067" s="10"/>
    </row>
    <row r="713068" spans="14:14">
      <c r="N713068" s="10"/>
    </row>
    <row r="713069" spans="14:14">
      <c r="N713069" s="10"/>
    </row>
    <row r="713070" spans="14:14">
      <c r="N713070" s="10"/>
    </row>
    <row r="713071" spans="14:14">
      <c r="N713071" s="10"/>
    </row>
    <row r="713072" spans="14:14">
      <c r="N713072" s="10"/>
    </row>
    <row r="713073" spans="14:14">
      <c r="N713073" s="10"/>
    </row>
    <row r="713074" spans="14:14">
      <c r="N713074" s="10"/>
    </row>
    <row r="713075" spans="14:14">
      <c r="N713075" s="10"/>
    </row>
    <row r="713076" spans="14:14">
      <c r="N713076" s="10"/>
    </row>
    <row r="713077" spans="14:14">
      <c r="N713077" s="10"/>
    </row>
    <row r="713078" spans="14:14">
      <c r="N713078" s="10"/>
    </row>
    <row r="713079" spans="14:14">
      <c r="N713079" s="10"/>
    </row>
    <row r="713080" spans="14:14">
      <c r="N713080" s="10"/>
    </row>
    <row r="713081" spans="14:14">
      <c r="N713081" s="10"/>
    </row>
    <row r="713082" spans="14:14">
      <c r="N713082" s="10"/>
    </row>
    <row r="713083" spans="14:14">
      <c r="N713083" s="10"/>
    </row>
    <row r="713084" spans="14:14">
      <c r="N713084" s="10"/>
    </row>
    <row r="713085" spans="14:14">
      <c r="N713085" s="10"/>
    </row>
    <row r="713086" spans="14:14">
      <c r="N713086" s="10"/>
    </row>
    <row r="713087" spans="14:14">
      <c r="N713087" s="10"/>
    </row>
    <row r="713088" spans="14:14">
      <c r="N713088" s="10"/>
    </row>
    <row r="713089" spans="14:14">
      <c r="N713089" s="10"/>
    </row>
    <row r="713090" spans="14:14">
      <c r="N713090" s="10"/>
    </row>
    <row r="713091" spans="14:14">
      <c r="N713091" s="10"/>
    </row>
    <row r="713092" spans="14:14">
      <c r="N713092" s="10"/>
    </row>
    <row r="713093" spans="14:14">
      <c r="N713093" s="10"/>
    </row>
    <row r="713094" spans="14:14">
      <c r="N713094" s="10"/>
    </row>
    <row r="713095" spans="14:14">
      <c r="N713095" s="10"/>
    </row>
    <row r="713096" spans="14:14">
      <c r="N713096" s="10"/>
    </row>
    <row r="713097" spans="14:14">
      <c r="N713097" s="10"/>
    </row>
    <row r="713098" spans="14:14">
      <c r="N713098" s="10"/>
    </row>
    <row r="713099" spans="14:14">
      <c r="N713099" s="10"/>
    </row>
    <row r="713100" spans="14:14">
      <c r="N713100" s="10"/>
    </row>
    <row r="713101" spans="14:14">
      <c r="N713101" s="10"/>
    </row>
    <row r="713102" spans="14:14">
      <c r="N713102" s="10"/>
    </row>
    <row r="713103" spans="14:14">
      <c r="N713103" s="10"/>
    </row>
    <row r="713104" spans="14:14">
      <c r="N713104" s="10"/>
    </row>
    <row r="713105" spans="14:14">
      <c r="N713105" s="10"/>
    </row>
    <row r="713106" spans="14:14">
      <c r="N713106" s="10"/>
    </row>
    <row r="713107" spans="14:14">
      <c r="N713107" s="10"/>
    </row>
    <row r="713108" spans="14:14">
      <c r="N713108" s="10"/>
    </row>
    <row r="713109" spans="14:14">
      <c r="N713109" s="10"/>
    </row>
    <row r="713110" spans="14:14">
      <c r="N713110" s="10"/>
    </row>
    <row r="713111" spans="14:14">
      <c r="N713111" s="10"/>
    </row>
    <row r="713112" spans="14:14">
      <c r="N713112" s="10"/>
    </row>
    <row r="713113" spans="14:14">
      <c r="N713113" s="10"/>
    </row>
    <row r="713114" spans="14:14">
      <c r="N713114" s="10"/>
    </row>
    <row r="713115" spans="14:14">
      <c r="N713115" s="10"/>
    </row>
    <row r="713116" spans="14:14">
      <c r="N713116" s="10"/>
    </row>
    <row r="713117" spans="14:14">
      <c r="N713117" s="10"/>
    </row>
    <row r="713118" spans="14:14">
      <c r="N713118" s="10"/>
    </row>
    <row r="713119" spans="14:14">
      <c r="N713119" s="10"/>
    </row>
    <row r="713120" spans="14:14">
      <c r="N713120" s="10"/>
    </row>
    <row r="713121" spans="14:14">
      <c r="N713121" s="10"/>
    </row>
    <row r="713122" spans="14:14">
      <c r="N713122" s="10"/>
    </row>
    <row r="713123" spans="14:14">
      <c r="N713123" s="10"/>
    </row>
    <row r="713124" spans="14:14">
      <c r="N713124" s="10"/>
    </row>
    <row r="713125" spans="14:14">
      <c r="N713125" s="10"/>
    </row>
    <row r="713126" spans="14:14">
      <c r="N713126" s="10"/>
    </row>
    <row r="713127" spans="14:14">
      <c r="N713127" s="10"/>
    </row>
    <row r="713128" spans="14:14">
      <c r="N713128" s="10"/>
    </row>
    <row r="713129" spans="14:14">
      <c r="N713129" s="10"/>
    </row>
    <row r="713130" spans="14:14">
      <c r="N713130" s="10"/>
    </row>
    <row r="713131" spans="14:14">
      <c r="N713131" s="10"/>
    </row>
    <row r="713132" spans="14:14">
      <c r="N713132" s="10"/>
    </row>
    <row r="713133" spans="14:14">
      <c r="N713133" s="10"/>
    </row>
    <row r="713134" spans="14:14">
      <c r="N713134" s="10"/>
    </row>
    <row r="713135" spans="14:14">
      <c r="N713135" s="10"/>
    </row>
    <row r="713136" spans="14:14">
      <c r="N713136" s="10"/>
    </row>
    <row r="713137" spans="14:14">
      <c r="N713137" s="10"/>
    </row>
    <row r="713138" spans="14:14">
      <c r="N713138" s="10"/>
    </row>
    <row r="713139" spans="14:14">
      <c r="N713139" s="10"/>
    </row>
    <row r="713140" spans="14:14">
      <c r="N713140" s="10"/>
    </row>
    <row r="713141" spans="14:14">
      <c r="N713141" s="10"/>
    </row>
    <row r="713142" spans="14:14">
      <c r="N713142" s="10"/>
    </row>
    <row r="713143" spans="14:14">
      <c r="N713143" s="10"/>
    </row>
    <row r="713144" spans="14:14">
      <c r="N713144" s="10"/>
    </row>
    <row r="713145" spans="14:14">
      <c r="N713145" s="10"/>
    </row>
    <row r="713146" spans="14:14">
      <c r="N713146" s="10"/>
    </row>
    <row r="713147" spans="14:14">
      <c r="N713147" s="10"/>
    </row>
    <row r="713148" spans="14:14">
      <c r="N713148" s="10"/>
    </row>
    <row r="713149" spans="14:14">
      <c r="N713149" s="10"/>
    </row>
    <row r="713150" spans="14:14">
      <c r="N713150" s="10"/>
    </row>
    <row r="713151" spans="14:14">
      <c r="N713151" s="10"/>
    </row>
    <row r="713152" spans="14:14">
      <c r="N713152" s="10"/>
    </row>
    <row r="713153" spans="14:14">
      <c r="N713153" s="10"/>
    </row>
    <row r="713154" spans="14:14">
      <c r="N713154" s="10"/>
    </row>
    <row r="713155" spans="14:14">
      <c r="N713155" s="10"/>
    </row>
    <row r="713156" spans="14:14">
      <c r="N713156" s="10"/>
    </row>
    <row r="713157" spans="14:14">
      <c r="N713157" s="10"/>
    </row>
    <row r="713158" spans="14:14">
      <c r="N713158" s="10"/>
    </row>
    <row r="713159" spans="14:14">
      <c r="N713159" s="10"/>
    </row>
    <row r="713160" spans="14:14">
      <c r="N713160" s="10"/>
    </row>
    <row r="713161" spans="14:14">
      <c r="N713161" s="10"/>
    </row>
    <row r="713162" spans="14:14">
      <c r="N713162" s="10"/>
    </row>
    <row r="713163" spans="14:14">
      <c r="N713163" s="10"/>
    </row>
    <row r="713164" spans="14:14">
      <c r="N713164" s="10"/>
    </row>
    <row r="713165" spans="14:14">
      <c r="N713165" s="10"/>
    </row>
    <row r="713166" spans="14:14">
      <c r="N713166" s="10"/>
    </row>
    <row r="713167" spans="14:14">
      <c r="N713167" s="10"/>
    </row>
    <row r="713168" spans="14:14">
      <c r="N713168" s="10"/>
    </row>
    <row r="713169" spans="14:14">
      <c r="N713169" s="10"/>
    </row>
    <row r="713170" spans="14:14">
      <c r="N713170" s="10"/>
    </row>
    <row r="713171" spans="14:14">
      <c r="N713171" s="10"/>
    </row>
    <row r="713172" spans="14:14">
      <c r="N713172" s="10"/>
    </row>
    <row r="713173" spans="14:14">
      <c r="N713173" s="10"/>
    </row>
    <row r="713174" spans="14:14">
      <c r="N713174" s="10"/>
    </row>
    <row r="713175" spans="14:14">
      <c r="N713175" s="10"/>
    </row>
    <row r="713176" spans="14:14">
      <c r="N713176" s="10"/>
    </row>
    <row r="713177" spans="14:14">
      <c r="N713177" s="10"/>
    </row>
    <row r="713178" spans="14:14">
      <c r="N713178" s="10"/>
    </row>
    <row r="713179" spans="14:14">
      <c r="N713179" s="10"/>
    </row>
    <row r="713180" spans="14:14">
      <c r="N713180" s="10"/>
    </row>
    <row r="713181" spans="14:14">
      <c r="N713181" s="10"/>
    </row>
    <row r="713182" spans="14:14">
      <c r="N713182" s="10"/>
    </row>
    <row r="713183" spans="14:14">
      <c r="N713183" s="10"/>
    </row>
    <row r="713184" spans="14:14">
      <c r="N713184" s="10"/>
    </row>
    <row r="713185" spans="14:14">
      <c r="N713185" s="10"/>
    </row>
    <row r="713186" spans="14:14">
      <c r="N713186" s="10"/>
    </row>
    <row r="713187" spans="14:14">
      <c r="N713187" s="10"/>
    </row>
    <row r="713188" spans="14:14">
      <c r="N713188" s="10"/>
    </row>
    <row r="713189" spans="14:14">
      <c r="N713189" s="10"/>
    </row>
    <row r="713190" spans="14:14">
      <c r="N713190" s="10"/>
    </row>
    <row r="713191" spans="14:14">
      <c r="N713191" s="10"/>
    </row>
    <row r="713192" spans="14:14">
      <c r="N713192" s="10"/>
    </row>
    <row r="713193" spans="14:14">
      <c r="N713193" s="10"/>
    </row>
    <row r="713194" spans="14:14">
      <c r="N713194" s="10"/>
    </row>
    <row r="713195" spans="14:14">
      <c r="N713195" s="10"/>
    </row>
    <row r="713196" spans="14:14">
      <c r="N713196" s="10"/>
    </row>
    <row r="713197" spans="14:14">
      <c r="N713197" s="10"/>
    </row>
    <row r="713198" spans="14:14">
      <c r="N713198" s="10"/>
    </row>
    <row r="713199" spans="14:14">
      <c r="N713199" s="10"/>
    </row>
    <row r="713200" spans="14:14">
      <c r="N713200" s="10"/>
    </row>
    <row r="713201" spans="14:14">
      <c r="N713201" s="10"/>
    </row>
    <row r="713202" spans="14:14">
      <c r="N713202" s="10"/>
    </row>
    <row r="713203" spans="14:14">
      <c r="N713203" s="10"/>
    </row>
    <row r="713204" spans="14:14">
      <c r="N713204" s="10"/>
    </row>
    <row r="713205" spans="14:14">
      <c r="N713205" s="10"/>
    </row>
    <row r="713206" spans="14:14">
      <c r="N713206" s="10"/>
    </row>
    <row r="713207" spans="14:14">
      <c r="N713207" s="10"/>
    </row>
    <row r="713208" spans="14:14">
      <c r="N713208" s="10"/>
    </row>
    <row r="713209" spans="14:14">
      <c r="N713209" s="10"/>
    </row>
    <row r="713210" spans="14:14">
      <c r="N713210" s="10"/>
    </row>
    <row r="713211" spans="14:14">
      <c r="N713211" s="10"/>
    </row>
    <row r="713212" spans="14:14">
      <c r="N713212" s="10"/>
    </row>
    <row r="713213" spans="14:14">
      <c r="N713213" s="10"/>
    </row>
    <row r="713214" spans="14:14">
      <c r="N713214" s="10"/>
    </row>
    <row r="713215" spans="14:14">
      <c r="N713215" s="10"/>
    </row>
    <row r="713216" spans="14:14">
      <c r="N713216" s="10"/>
    </row>
    <row r="713217" spans="14:14">
      <c r="N713217" s="10"/>
    </row>
    <row r="713218" spans="14:14">
      <c r="N713218" s="10"/>
    </row>
    <row r="713219" spans="14:14">
      <c r="N713219" s="10"/>
    </row>
    <row r="713220" spans="14:14">
      <c r="N713220" s="10"/>
    </row>
    <row r="713221" spans="14:14">
      <c r="N713221" s="10"/>
    </row>
    <row r="713222" spans="14:14">
      <c r="N713222" s="10"/>
    </row>
    <row r="713223" spans="14:14">
      <c r="N713223" s="10"/>
    </row>
    <row r="713224" spans="14:14">
      <c r="N713224" s="10"/>
    </row>
    <row r="713225" spans="14:14">
      <c r="N713225" s="10"/>
    </row>
    <row r="713226" spans="14:14">
      <c r="N713226" s="10"/>
    </row>
    <row r="713227" spans="14:14">
      <c r="N713227" s="10"/>
    </row>
    <row r="713228" spans="14:14">
      <c r="N713228" s="10"/>
    </row>
    <row r="713229" spans="14:14">
      <c r="N713229" s="10"/>
    </row>
    <row r="713230" spans="14:14">
      <c r="N713230" s="10"/>
    </row>
    <row r="713231" spans="14:14">
      <c r="N713231" s="10"/>
    </row>
    <row r="713232" spans="14:14">
      <c r="N713232" s="10"/>
    </row>
    <row r="713233" spans="14:14">
      <c r="N713233" s="10"/>
    </row>
    <row r="713234" spans="14:14">
      <c r="N713234" s="10"/>
    </row>
    <row r="713235" spans="14:14">
      <c r="N713235" s="10"/>
    </row>
    <row r="713236" spans="14:14">
      <c r="N713236" s="10"/>
    </row>
    <row r="713237" spans="14:14">
      <c r="N713237" s="10"/>
    </row>
    <row r="713238" spans="14:14">
      <c r="N713238" s="10"/>
    </row>
    <row r="713239" spans="14:14">
      <c r="N713239" s="10"/>
    </row>
    <row r="713240" spans="14:14">
      <c r="N713240" s="10"/>
    </row>
    <row r="713241" spans="14:14">
      <c r="N713241" s="10"/>
    </row>
    <row r="713242" spans="14:14">
      <c r="N713242" s="10"/>
    </row>
    <row r="713243" spans="14:14">
      <c r="N713243" s="10"/>
    </row>
    <row r="713244" spans="14:14">
      <c r="N713244" s="10"/>
    </row>
    <row r="713245" spans="14:14">
      <c r="N713245" s="10"/>
    </row>
    <row r="713246" spans="14:14">
      <c r="N713246" s="10"/>
    </row>
    <row r="713247" spans="14:14">
      <c r="N713247" s="10"/>
    </row>
    <row r="713248" spans="14:14">
      <c r="N713248" s="10"/>
    </row>
    <row r="713249" spans="14:14">
      <c r="N713249" s="10"/>
    </row>
    <row r="713250" spans="14:14">
      <c r="N713250" s="10"/>
    </row>
    <row r="713251" spans="14:14">
      <c r="N713251" s="10"/>
    </row>
    <row r="713252" spans="14:14">
      <c r="N713252" s="10"/>
    </row>
    <row r="713253" spans="14:14">
      <c r="N713253" s="10"/>
    </row>
    <row r="713254" spans="14:14">
      <c r="N713254" s="10"/>
    </row>
    <row r="713255" spans="14:14">
      <c r="N713255" s="10"/>
    </row>
    <row r="713256" spans="14:14">
      <c r="N713256" s="10"/>
    </row>
    <row r="713257" spans="14:14">
      <c r="N713257" s="10"/>
    </row>
    <row r="713258" spans="14:14">
      <c r="N713258" s="10"/>
    </row>
    <row r="713259" spans="14:14">
      <c r="N713259" s="10"/>
    </row>
    <row r="713260" spans="14:14">
      <c r="N713260" s="10"/>
    </row>
    <row r="713261" spans="14:14">
      <c r="N713261" s="10"/>
    </row>
    <row r="713262" spans="14:14">
      <c r="N713262" s="10"/>
    </row>
    <row r="713263" spans="14:14">
      <c r="N713263" s="10"/>
    </row>
    <row r="713264" spans="14:14">
      <c r="N713264" s="10"/>
    </row>
    <row r="713265" spans="14:14">
      <c r="N713265" s="10"/>
    </row>
    <row r="713266" spans="14:14">
      <c r="N713266" s="10"/>
    </row>
    <row r="713267" spans="14:14">
      <c r="N713267" s="10"/>
    </row>
    <row r="713268" spans="14:14">
      <c r="N713268" s="10"/>
    </row>
    <row r="713269" spans="14:14">
      <c r="N713269" s="10"/>
    </row>
    <row r="713270" spans="14:14">
      <c r="N713270" s="10"/>
    </row>
    <row r="713271" spans="14:14">
      <c r="N713271" s="10"/>
    </row>
    <row r="713272" spans="14:14">
      <c r="N713272" s="10"/>
    </row>
    <row r="713273" spans="14:14">
      <c r="N713273" s="10"/>
    </row>
    <row r="713274" spans="14:14">
      <c r="N713274" s="10"/>
    </row>
    <row r="713275" spans="14:14">
      <c r="N713275" s="10"/>
    </row>
    <row r="713276" spans="14:14">
      <c r="N713276" s="10"/>
    </row>
    <row r="713277" spans="14:14">
      <c r="N713277" s="10"/>
    </row>
    <row r="713278" spans="14:14">
      <c r="N713278" s="10"/>
    </row>
    <row r="713279" spans="14:14">
      <c r="N713279" s="10"/>
    </row>
    <row r="713280" spans="14:14">
      <c r="N713280" s="10"/>
    </row>
    <row r="713281" spans="14:14">
      <c r="N713281" s="10"/>
    </row>
    <row r="713282" spans="14:14">
      <c r="N713282" s="10"/>
    </row>
    <row r="713283" spans="14:14">
      <c r="N713283" s="10"/>
    </row>
    <row r="713284" spans="14:14">
      <c r="N713284" s="10"/>
    </row>
    <row r="713285" spans="14:14">
      <c r="N713285" s="10"/>
    </row>
    <row r="713286" spans="14:14">
      <c r="N713286" s="10"/>
    </row>
    <row r="713287" spans="14:14">
      <c r="N713287" s="10"/>
    </row>
    <row r="713288" spans="14:14">
      <c r="N713288" s="10"/>
    </row>
    <row r="713289" spans="14:14">
      <c r="N713289" s="10"/>
    </row>
    <row r="713290" spans="14:14">
      <c r="N713290" s="10"/>
    </row>
    <row r="713291" spans="14:14">
      <c r="N713291" s="10"/>
    </row>
    <row r="713292" spans="14:14">
      <c r="N713292" s="10"/>
    </row>
    <row r="713293" spans="14:14">
      <c r="N713293" s="10"/>
    </row>
    <row r="713294" spans="14:14">
      <c r="N713294" s="10"/>
    </row>
    <row r="713295" spans="14:14">
      <c r="N713295" s="10"/>
    </row>
    <row r="713296" spans="14:14">
      <c r="N713296" s="10"/>
    </row>
    <row r="713297" spans="14:14">
      <c r="N713297" s="10"/>
    </row>
    <row r="713298" spans="14:14">
      <c r="N713298" s="10"/>
    </row>
    <row r="713299" spans="14:14">
      <c r="N713299" s="10"/>
    </row>
    <row r="713300" spans="14:14">
      <c r="N713300" s="10"/>
    </row>
    <row r="713301" spans="14:14">
      <c r="N713301" s="10"/>
    </row>
    <row r="713302" spans="14:14">
      <c r="N713302" s="10"/>
    </row>
    <row r="713303" spans="14:14">
      <c r="N713303" s="10"/>
    </row>
    <row r="713304" spans="14:14">
      <c r="N713304" s="10"/>
    </row>
    <row r="713305" spans="14:14">
      <c r="N713305" s="10"/>
    </row>
    <row r="713306" spans="14:14">
      <c r="N713306" s="10"/>
    </row>
    <row r="713307" spans="14:14">
      <c r="N713307" s="10"/>
    </row>
    <row r="713308" spans="14:14">
      <c r="N713308" s="10"/>
    </row>
    <row r="713309" spans="14:14">
      <c r="N713309" s="10"/>
    </row>
    <row r="713310" spans="14:14">
      <c r="N713310" s="10"/>
    </row>
    <row r="713311" spans="14:14">
      <c r="N713311" s="10"/>
    </row>
    <row r="713312" spans="14:14">
      <c r="N713312" s="10"/>
    </row>
    <row r="713313" spans="14:14">
      <c r="N713313" s="10"/>
    </row>
    <row r="713314" spans="14:14">
      <c r="N713314" s="10"/>
    </row>
    <row r="713315" spans="14:14">
      <c r="N713315" s="10"/>
    </row>
    <row r="713316" spans="14:14">
      <c r="N713316" s="10"/>
    </row>
    <row r="713317" spans="14:14">
      <c r="N713317" s="10"/>
    </row>
    <row r="713318" spans="14:14">
      <c r="N713318" s="10"/>
    </row>
    <row r="713319" spans="14:14">
      <c r="N713319" s="10"/>
    </row>
    <row r="713320" spans="14:14">
      <c r="N713320" s="10"/>
    </row>
    <row r="713321" spans="14:14">
      <c r="N713321" s="10"/>
    </row>
    <row r="713322" spans="14:14">
      <c r="N713322" s="10"/>
    </row>
    <row r="713323" spans="14:14">
      <c r="N713323" s="10"/>
    </row>
    <row r="713324" spans="14:14">
      <c r="N713324" s="10"/>
    </row>
    <row r="713325" spans="14:14">
      <c r="N713325" s="10"/>
    </row>
    <row r="713326" spans="14:14">
      <c r="N713326" s="10"/>
    </row>
    <row r="713327" spans="14:14">
      <c r="N713327" s="10"/>
    </row>
    <row r="713328" spans="14:14">
      <c r="N713328" s="10"/>
    </row>
    <row r="713329" spans="14:14">
      <c r="N713329" s="10"/>
    </row>
    <row r="713330" spans="14:14">
      <c r="N713330" s="10"/>
    </row>
    <row r="713331" spans="14:14">
      <c r="N713331" s="10"/>
    </row>
    <row r="713332" spans="14:14">
      <c r="N713332" s="10"/>
    </row>
    <row r="713333" spans="14:14">
      <c r="N713333" s="10"/>
    </row>
    <row r="713334" spans="14:14">
      <c r="N713334" s="10"/>
    </row>
    <row r="713335" spans="14:14">
      <c r="N713335" s="10"/>
    </row>
    <row r="713336" spans="14:14">
      <c r="N713336" s="10"/>
    </row>
    <row r="713337" spans="14:14">
      <c r="N713337" s="10"/>
    </row>
    <row r="713338" spans="14:14">
      <c r="N713338" s="10"/>
    </row>
    <row r="713339" spans="14:14">
      <c r="N713339" s="10"/>
    </row>
    <row r="713340" spans="14:14">
      <c r="N713340" s="10"/>
    </row>
    <row r="713341" spans="14:14">
      <c r="N713341" s="10"/>
    </row>
    <row r="713342" spans="14:14">
      <c r="N713342" s="10"/>
    </row>
    <row r="713343" spans="14:14">
      <c r="N713343" s="10"/>
    </row>
    <row r="713344" spans="14:14">
      <c r="N713344" s="10"/>
    </row>
    <row r="713345" spans="14:14">
      <c r="N713345" s="10"/>
    </row>
    <row r="713346" spans="14:14">
      <c r="N713346" s="10"/>
    </row>
    <row r="713347" spans="14:14">
      <c r="N713347" s="10"/>
    </row>
    <row r="713348" spans="14:14">
      <c r="N713348" s="10"/>
    </row>
    <row r="713349" spans="14:14">
      <c r="N713349" s="10"/>
    </row>
    <row r="713350" spans="14:14">
      <c r="N713350" s="10"/>
    </row>
    <row r="713351" spans="14:14">
      <c r="N713351" s="10"/>
    </row>
    <row r="713352" spans="14:14">
      <c r="N713352" s="10"/>
    </row>
    <row r="713353" spans="14:14">
      <c r="N713353" s="10"/>
    </row>
    <row r="713354" spans="14:14">
      <c r="N713354" s="10"/>
    </row>
    <row r="713355" spans="14:14">
      <c r="N713355" s="10"/>
    </row>
    <row r="713356" spans="14:14">
      <c r="N713356" s="10"/>
    </row>
    <row r="713357" spans="14:14">
      <c r="N713357" s="10"/>
    </row>
    <row r="713358" spans="14:14">
      <c r="N713358" s="10"/>
    </row>
    <row r="713359" spans="14:14">
      <c r="N713359" s="10"/>
    </row>
    <row r="713360" spans="14:14">
      <c r="N713360" s="10"/>
    </row>
    <row r="713361" spans="14:14">
      <c r="N713361" s="10"/>
    </row>
    <row r="713362" spans="14:14">
      <c r="N713362" s="10"/>
    </row>
    <row r="713363" spans="14:14">
      <c r="N713363" s="10"/>
    </row>
    <row r="713364" spans="14:14">
      <c r="N713364" s="10"/>
    </row>
    <row r="713365" spans="14:14">
      <c r="N713365" s="10"/>
    </row>
    <row r="713366" spans="14:14">
      <c r="N713366" s="10"/>
    </row>
    <row r="713367" spans="14:14">
      <c r="N713367" s="10"/>
    </row>
    <row r="713368" spans="14:14">
      <c r="N713368" s="10"/>
    </row>
    <row r="713369" spans="14:14">
      <c r="N713369" s="10"/>
    </row>
    <row r="713370" spans="14:14">
      <c r="N713370" s="10"/>
    </row>
    <row r="713371" spans="14:14">
      <c r="N713371" s="10"/>
    </row>
    <row r="713372" spans="14:14">
      <c r="N713372" s="10"/>
    </row>
    <row r="713373" spans="14:14">
      <c r="N713373" s="10"/>
    </row>
    <row r="713374" spans="14:14">
      <c r="N713374" s="10"/>
    </row>
    <row r="713375" spans="14:14">
      <c r="N713375" s="10"/>
    </row>
    <row r="713376" spans="14:14">
      <c r="N713376" s="10"/>
    </row>
    <row r="713377" spans="14:14">
      <c r="N713377" s="10"/>
    </row>
    <row r="713378" spans="14:14">
      <c r="N713378" s="10"/>
    </row>
    <row r="713379" spans="14:14">
      <c r="N713379" s="10"/>
    </row>
    <row r="713380" spans="14:14">
      <c r="N713380" s="10"/>
    </row>
    <row r="713381" spans="14:14">
      <c r="N713381" s="10"/>
    </row>
    <row r="713382" spans="14:14">
      <c r="N713382" s="10"/>
    </row>
    <row r="713383" spans="14:14">
      <c r="N713383" s="10"/>
    </row>
    <row r="713384" spans="14:14">
      <c r="N713384" s="10"/>
    </row>
    <row r="713385" spans="14:14">
      <c r="N713385" s="10"/>
    </row>
    <row r="713386" spans="14:14">
      <c r="N713386" s="10"/>
    </row>
    <row r="713387" spans="14:14">
      <c r="N713387" s="10"/>
    </row>
    <row r="713388" spans="14:14">
      <c r="N713388" s="10"/>
    </row>
    <row r="713389" spans="14:14">
      <c r="N713389" s="10"/>
    </row>
    <row r="713390" spans="14:14">
      <c r="N713390" s="10"/>
    </row>
    <row r="713391" spans="14:14">
      <c r="N713391" s="10"/>
    </row>
    <row r="713392" spans="14:14">
      <c r="N713392" s="10"/>
    </row>
    <row r="713393" spans="14:14">
      <c r="N713393" s="10"/>
    </row>
    <row r="713394" spans="14:14">
      <c r="N713394" s="10"/>
    </row>
    <row r="713395" spans="14:14">
      <c r="N713395" s="10"/>
    </row>
    <row r="713396" spans="14:14">
      <c r="N713396" s="10"/>
    </row>
    <row r="713397" spans="14:14">
      <c r="N713397" s="10"/>
    </row>
    <row r="713398" spans="14:14">
      <c r="N713398" s="10"/>
    </row>
    <row r="713399" spans="14:14">
      <c r="N713399" s="10"/>
    </row>
    <row r="713400" spans="14:14">
      <c r="N713400" s="10"/>
    </row>
    <row r="713401" spans="14:14">
      <c r="N713401" s="10"/>
    </row>
    <row r="713402" spans="14:14">
      <c r="N713402" s="10"/>
    </row>
    <row r="713403" spans="14:14">
      <c r="N713403" s="10"/>
    </row>
    <row r="713404" spans="14:14">
      <c r="N713404" s="10"/>
    </row>
    <row r="713405" spans="14:14">
      <c r="N713405" s="10"/>
    </row>
    <row r="713406" spans="14:14">
      <c r="N713406" s="10"/>
    </row>
    <row r="713407" spans="14:14">
      <c r="N713407" s="10"/>
    </row>
    <row r="713408" spans="14:14">
      <c r="N713408" s="10"/>
    </row>
    <row r="713409" spans="14:14">
      <c r="N713409" s="10"/>
    </row>
    <row r="713410" spans="14:14">
      <c r="N713410" s="10"/>
    </row>
    <row r="713411" spans="14:14">
      <c r="N713411" s="10"/>
    </row>
    <row r="713412" spans="14:14">
      <c r="N713412" s="10"/>
    </row>
    <row r="713413" spans="14:14">
      <c r="N713413" s="10"/>
    </row>
    <row r="713414" spans="14:14">
      <c r="N713414" s="10"/>
    </row>
    <row r="713415" spans="14:14">
      <c r="N713415" s="10"/>
    </row>
    <row r="713416" spans="14:14">
      <c r="N713416" s="10"/>
    </row>
    <row r="713417" spans="14:14">
      <c r="N713417" s="10"/>
    </row>
    <row r="713418" spans="14:14">
      <c r="N713418" s="10"/>
    </row>
    <row r="713419" spans="14:14">
      <c r="N713419" s="10"/>
    </row>
    <row r="713420" spans="14:14">
      <c r="N713420" s="10"/>
    </row>
    <row r="713421" spans="14:14">
      <c r="N713421" s="10"/>
    </row>
    <row r="713422" spans="14:14">
      <c r="N713422" s="10"/>
    </row>
    <row r="713423" spans="14:14">
      <c r="N713423" s="10"/>
    </row>
    <row r="713424" spans="14:14">
      <c r="N713424" s="10"/>
    </row>
    <row r="713425" spans="14:14">
      <c r="N713425" s="10"/>
    </row>
    <row r="713426" spans="14:14">
      <c r="N713426" s="10"/>
    </row>
    <row r="713427" spans="14:14">
      <c r="N713427" s="10"/>
    </row>
    <row r="713428" spans="14:14">
      <c r="N713428" s="10"/>
    </row>
    <row r="713429" spans="14:14">
      <c r="N713429" s="10"/>
    </row>
    <row r="713430" spans="14:14">
      <c r="N713430" s="10"/>
    </row>
    <row r="713431" spans="14:14">
      <c r="N713431" s="10"/>
    </row>
    <row r="713432" spans="14:14">
      <c r="N713432" s="10"/>
    </row>
    <row r="713433" spans="14:14">
      <c r="N713433" s="10"/>
    </row>
    <row r="713434" spans="14:14">
      <c r="N713434" s="10"/>
    </row>
    <row r="713435" spans="14:14">
      <c r="N713435" s="10"/>
    </row>
    <row r="713436" spans="14:14">
      <c r="N713436" s="10"/>
    </row>
    <row r="713437" spans="14:14">
      <c r="N713437" s="10"/>
    </row>
    <row r="713438" spans="14:14">
      <c r="N713438" s="10"/>
    </row>
    <row r="713439" spans="14:14">
      <c r="N713439" s="10"/>
    </row>
    <row r="713440" spans="14:14">
      <c r="N713440" s="10"/>
    </row>
    <row r="713441" spans="14:14">
      <c r="N713441" s="10"/>
    </row>
    <row r="713442" spans="14:14">
      <c r="N713442" s="10"/>
    </row>
    <row r="713443" spans="14:14">
      <c r="N713443" s="10"/>
    </row>
    <row r="713444" spans="14:14">
      <c r="N713444" s="10"/>
    </row>
    <row r="713445" spans="14:14">
      <c r="N713445" s="10"/>
    </row>
    <row r="713446" spans="14:14">
      <c r="N713446" s="10"/>
    </row>
    <row r="713447" spans="14:14">
      <c r="N713447" s="10"/>
    </row>
    <row r="713448" spans="14:14">
      <c r="N713448" s="10"/>
    </row>
    <row r="713449" spans="14:14">
      <c r="N713449" s="10"/>
    </row>
    <row r="713450" spans="14:14">
      <c r="N713450" s="10"/>
    </row>
    <row r="713451" spans="14:14">
      <c r="N713451" s="10"/>
    </row>
    <row r="713452" spans="14:14">
      <c r="N713452" s="10"/>
    </row>
    <row r="713453" spans="14:14">
      <c r="N713453" s="10"/>
    </row>
    <row r="713454" spans="14:14">
      <c r="N713454" s="10"/>
    </row>
    <row r="713455" spans="14:14">
      <c r="N713455" s="10"/>
    </row>
    <row r="713456" spans="14:14">
      <c r="N713456" s="10"/>
    </row>
    <row r="713457" spans="14:14">
      <c r="N713457" s="10"/>
    </row>
    <row r="713458" spans="14:14">
      <c r="N713458" s="10"/>
    </row>
    <row r="713459" spans="14:14">
      <c r="N713459" s="10"/>
    </row>
    <row r="713460" spans="14:14">
      <c r="N713460" s="10"/>
    </row>
    <row r="713461" spans="14:14">
      <c r="N713461" s="10"/>
    </row>
    <row r="713462" spans="14:14">
      <c r="N713462" s="10"/>
    </row>
    <row r="713463" spans="14:14">
      <c r="N713463" s="10"/>
    </row>
    <row r="713464" spans="14:14">
      <c r="N713464" s="10"/>
    </row>
    <row r="713465" spans="14:14">
      <c r="N713465" s="10"/>
    </row>
    <row r="713466" spans="14:14">
      <c r="N713466" s="10"/>
    </row>
    <row r="713467" spans="14:14">
      <c r="N713467" s="10"/>
    </row>
    <row r="713468" spans="14:14">
      <c r="N713468" s="10"/>
    </row>
    <row r="713469" spans="14:14">
      <c r="N713469" s="10"/>
    </row>
    <row r="713470" spans="14:14">
      <c r="N713470" s="10"/>
    </row>
    <row r="713471" spans="14:14">
      <c r="N713471" s="10"/>
    </row>
    <row r="713472" spans="14:14">
      <c r="N713472" s="10"/>
    </row>
    <row r="713473" spans="14:14">
      <c r="N713473" s="10"/>
    </row>
    <row r="713474" spans="14:14">
      <c r="N713474" s="10"/>
    </row>
    <row r="713475" spans="14:14">
      <c r="N713475" s="10"/>
    </row>
    <row r="713476" spans="14:14">
      <c r="N713476" s="10"/>
    </row>
    <row r="713477" spans="14:14">
      <c r="N713477" s="10"/>
    </row>
    <row r="713478" spans="14:14">
      <c r="N713478" s="10"/>
    </row>
    <row r="713479" spans="14:14">
      <c r="N713479" s="10"/>
    </row>
    <row r="713480" spans="14:14">
      <c r="N713480" s="10"/>
    </row>
    <row r="713481" spans="14:14">
      <c r="N713481" s="10"/>
    </row>
    <row r="713482" spans="14:14">
      <c r="N713482" s="10"/>
    </row>
    <row r="713483" spans="14:14">
      <c r="N713483" s="10"/>
    </row>
    <row r="713484" spans="14:14">
      <c r="N713484" s="10"/>
    </row>
    <row r="713485" spans="14:14">
      <c r="N713485" s="10"/>
    </row>
    <row r="713486" spans="14:14">
      <c r="N713486" s="10"/>
    </row>
    <row r="713487" spans="14:14">
      <c r="N713487" s="10"/>
    </row>
    <row r="713488" spans="14:14">
      <c r="N713488" s="10"/>
    </row>
    <row r="713489" spans="14:14">
      <c r="N713489" s="10"/>
    </row>
    <row r="713490" spans="14:14">
      <c r="N713490" s="10"/>
    </row>
    <row r="713491" spans="14:14">
      <c r="N713491" s="10"/>
    </row>
    <row r="713492" spans="14:14">
      <c r="N713492" s="10"/>
    </row>
    <row r="713493" spans="14:14">
      <c r="N713493" s="10"/>
    </row>
    <row r="713494" spans="14:14">
      <c r="N713494" s="10"/>
    </row>
    <row r="713495" spans="14:14">
      <c r="N713495" s="10"/>
    </row>
    <row r="713496" spans="14:14">
      <c r="N713496" s="10"/>
    </row>
    <row r="713497" spans="14:14">
      <c r="N713497" s="10"/>
    </row>
    <row r="713498" spans="14:14">
      <c r="N713498" s="10"/>
    </row>
    <row r="713499" spans="14:14">
      <c r="N713499" s="10"/>
    </row>
    <row r="713500" spans="14:14">
      <c r="N713500" s="10"/>
    </row>
    <row r="713501" spans="14:14">
      <c r="N713501" s="10"/>
    </row>
    <row r="713502" spans="14:14">
      <c r="N713502" s="10"/>
    </row>
    <row r="713503" spans="14:14">
      <c r="N713503" s="10"/>
    </row>
    <row r="713504" spans="14:14">
      <c r="N713504" s="10"/>
    </row>
    <row r="713505" spans="14:14">
      <c r="N713505" s="10"/>
    </row>
    <row r="713506" spans="14:14">
      <c r="N713506" s="10"/>
    </row>
    <row r="713507" spans="14:14">
      <c r="N713507" s="10"/>
    </row>
    <row r="713508" spans="14:14">
      <c r="N713508" s="10"/>
    </row>
    <row r="713509" spans="14:14">
      <c r="N713509" s="10"/>
    </row>
    <row r="713510" spans="14:14">
      <c r="N713510" s="10"/>
    </row>
    <row r="713511" spans="14:14">
      <c r="N713511" s="10"/>
    </row>
    <row r="713512" spans="14:14">
      <c r="N713512" s="10"/>
    </row>
    <row r="713513" spans="14:14">
      <c r="N713513" s="10"/>
    </row>
    <row r="713514" spans="14:14">
      <c r="N713514" s="10"/>
    </row>
    <row r="713515" spans="14:14">
      <c r="N713515" s="10"/>
    </row>
    <row r="713516" spans="14:14">
      <c r="N713516" s="10"/>
    </row>
    <row r="713517" spans="14:14">
      <c r="N713517" s="10"/>
    </row>
    <row r="713518" spans="14:14">
      <c r="N713518" s="10"/>
    </row>
    <row r="713519" spans="14:14">
      <c r="N713519" s="10"/>
    </row>
    <row r="713520" spans="14:14">
      <c r="N713520" s="10"/>
    </row>
    <row r="713521" spans="14:14">
      <c r="N713521" s="10"/>
    </row>
    <row r="713522" spans="14:14">
      <c r="N713522" s="10"/>
    </row>
    <row r="713523" spans="14:14">
      <c r="N713523" s="10"/>
    </row>
    <row r="713524" spans="14:14">
      <c r="N713524" s="10"/>
    </row>
    <row r="713525" spans="14:14">
      <c r="N713525" s="10"/>
    </row>
    <row r="713526" spans="14:14">
      <c r="N713526" s="10"/>
    </row>
    <row r="713527" spans="14:14">
      <c r="N713527" s="10"/>
    </row>
    <row r="713528" spans="14:14">
      <c r="N713528" s="10"/>
    </row>
    <row r="713529" spans="14:14">
      <c r="N713529" s="10"/>
    </row>
    <row r="713530" spans="14:14">
      <c r="N713530" s="10"/>
    </row>
    <row r="713531" spans="14:14">
      <c r="N713531" s="10"/>
    </row>
    <row r="713532" spans="14:14">
      <c r="N713532" s="10"/>
    </row>
    <row r="713533" spans="14:14">
      <c r="N713533" s="10"/>
    </row>
    <row r="713534" spans="14:14">
      <c r="N713534" s="10"/>
    </row>
    <row r="713535" spans="14:14">
      <c r="N713535" s="10"/>
    </row>
    <row r="713536" spans="14:14">
      <c r="N713536" s="10"/>
    </row>
    <row r="713537" spans="14:14">
      <c r="N713537" s="10"/>
    </row>
    <row r="713538" spans="14:14">
      <c r="N713538" s="10"/>
    </row>
    <row r="713539" spans="14:14">
      <c r="N713539" s="10"/>
    </row>
    <row r="713540" spans="14:14">
      <c r="N713540" s="10"/>
    </row>
    <row r="713541" spans="14:14">
      <c r="N713541" s="10"/>
    </row>
    <row r="713542" spans="14:14">
      <c r="N713542" s="10"/>
    </row>
    <row r="713543" spans="14:14">
      <c r="N713543" s="10"/>
    </row>
    <row r="713544" spans="14:14">
      <c r="N713544" s="10"/>
    </row>
    <row r="713545" spans="14:14">
      <c r="N713545" s="10"/>
    </row>
    <row r="713546" spans="14:14">
      <c r="N713546" s="10"/>
    </row>
    <row r="713547" spans="14:14">
      <c r="N713547" s="10"/>
    </row>
    <row r="713548" spans="14:14">
      <c r="N713548" s="10"/>
    </row>
    <row r="713549" spans="14:14">
      <c r="N713549" s="10"/>
    </row>
    <row r="713550" spans="14:14">
      <c r="N713550" s="10"/>
    </row>
    <row r="713551" spans="14:14">
      <c r="N713551" s="10"/>
    </row>
    <row r="713552" spans="14:14">
      <c r="N713552" s="10"/>
    </row>
    <row r="713553" spans="14:14">
      <c r="N713553" s="10"/>
    </row>
    <row r="713554" spans="14:14">
      <c r="N713554" s="10"/>
    </row>
    <row r="713555" spans="14:14">
      <c r="N713555" s="10"/>
    </row>
    <row r="713556" spans="14:14">
      <c r="N713556" s="10"/>
    </row>
    <row r="713557" spans="14:14">
      <c r="N713557" s="10"/>
    </row>
    <row r="713558" spans="14:14">
      <c r="N713558" s="10"/>
    </row>
    <row r="713559" spans="14:14">
      <c r="N713559" s="10"/>
    </row>
    <row r="713560" spans="14:14">
      <c r="N713560" s="10"/>
    </row>
    <row r="713561" spans="14:14">
      <c r="N713561" s="10"/>
    </row>
    <row r="713562" spans="14:14">
      <c r="N713562" s="10"/>
    </row>
    <row r="713563" spans="14:14">
      <c r="N713563" s="10"/>
    </row>
    <row r="713564" spans="14:14">
      <c r="N713564" s="10"/>
    </row>
    <row r="713565" spans="14:14">
      <c r="N713565" s="10"/>
    </row>
    <row r="713566" spans="14:14">
      <c r="N713566" s="10"/>
    </row>
    <row r="713567" spans="14:14">
      <c r="N713567" s="10"/>
    </row>
    <row r="713568" spans="14:14">
      <c r="N713568" s="10"/>
    </row>
    <row r="713569" spans="14:14">
      <c r="N713569" s="10"/>
    </row>
    <row r="713570" spans="14:14">
      <c r="N713570" s="10"/>
    </row>
    <row r="713571" spans="14:14">
      <c r="N713571" s="10"/>
    </row>
    <row r="713572" spans="14:14">
      <c r="N713572" s="10"/>
    </row>
    <row r="713573" spans="14:14">
      <c r="N713573" s="10"/>
    </row>
    <row r="713574" spans="14:14">
      <c r="N713574" s="10"/>
    </row>
    <row r="713575" spans="14:14">
      <c r="N713575" s="10"/>
    </row>
    <row r="713576" spans="14:14">
      <c r="N713576" s="10"/>
    </row>
    <row r="713577" spans="14:14">
      <c r="N713577" s="10"/>
    </row>
    <row r="713578" spans="14:14">
      <c r="N713578" s="10"/>
    </row>
    <row r="713579" spans="14:14">
      <c r="N713579" s="10"/>
    </row>
    <row r="713580" spans="14:14">
      <c r="N713580" s="10"/>
    </row>
    <row r="713581" spans="14:14">
      <c r="N713581" s="10"/>
    </row>
    <row r="713582" spans="14:14">
      <c r="N713582" s="10"/>
    </row>
    <row r="713583" spans="14:14">
      <c r="N713583" s="10"/>
    </row>
    <row r="713584" spans="14:14">
      <c r="N713584" s="10"/>
    </row>
    <row r="713585" spans="14:14">
      <c r="N713585" s="10"/>
    </row>
    <row r="713586" spans="14:14">
      <c r="N713586" s="10"/>
    </row>
    <row r="713587" spans="14:14">
      <c r="N713587" s="10"/>
    </row>
    <row r="713588" spans="14:14">
      <c r="N713588" s="10"/>
    </row>
    <row r="713589" spans="14:14">
      <c r="N713589" s="10"/>
    </row>
    <row r="713590" spans="14:14">
      <c r="N713590" s="10"/>
    </row>
    <row r="713591" spans="14:14">
      <c r="N713591" s="10"/>
    </row>
    <row r="713592" spans="14:14">
      <c r="N713592" s="10"/>
    </row>
    <row r="713593" spans="14:14">
      <c r="N713593" s="10"/>
    </row>
    <row r="713594" spans="14:14">
      <c r="N713594" s="10"/>
    </row>
    <row r="713595" spans="14:14">
      <c r="N713595" s="10"/>
    </row>
    <row r="713596" spans="14:14">
      <c r="N713596" s="10"/>
    </row>
    <row r="713597" spans="14:14">
      <c r="N713597" s="10"/>
    </row>
    <row r="713598" spans="14:14">
      <c r="N713598" s="10"/>
    </row>
    <row r="713599" spans="14:14">
      <c r="N713599" s="10"/>
    </row>
    <row r="713600" spans="14:14">
      <c r="N713600" s="10"/>
    </row>
    <row r="713601" spans="14:14">
      <c r="N713601" s="10"/>
    </row>
    <row r="713602" spans="14:14">
      <c r="N713602" s="10"/>
    </row>
    <row r="713603" spans="14:14">
      <c r="N713603" s="10"/>
    </row>
    <row r="713604" spans="14:14">
      <c r="N713604" s="10"/>
    </row>
    <row r="713605" spans="14:14">
      <c r="N713605" s="10"/>
    </row>
    <row r="713606" spans="14:14">
      <c r="N713606" s="10"/>
    </row>
    <row r="713607" spans="14:14">
      <c r="N713607" s="10"/>
    </row>
    <row r="713608" spans="14:14">
      <c r="N713608" s="10"/>
    </row>
    <row r="713609" spans="14:14">
      <c r="N713609" s="10"/>
    </row>
    <row r="713610" spans="14:14">
      <c r="N713610" s="10"/>
    </row>
    <row r="713611" spans="14:14">
      <c r="N713611" s="10"/>
    </row>
    <row r="713612" spans="14:14">
      <c r="N713612" s="10"/>
    </row>
    <row r="713613" spans="14:14">
      <c r="N713613" s="10"/>
    </row>
    <row r="713614" spans="14:14">
      <c r="N713614" s="10"/>
    </row>
    <row r="713615" spans="14:14">
      <c r="N713615" s="10"/>
    </row>
    <row r="713616" spans="14:14">
      <c r="N713616" s="10"/>
    </row>
    <row r="713617" spans="14:14">
      <c r="N713617" s="10"/>
    </row>
    <row r="713618" spans="14:14">
      <c r="N713618" s="10"/>
    </row>
    <row r="713619" spans="14:14">
      <c r="N713619" s="10"/>
    </row>
    <row r="713620" spans="14:14">
      <c r="N713620" s="10"/>
    </row>
    <row r="713621" spans="14:14">
      <c r="N713621" s="10"/>
    </row>
    <row r="713622" spans="14:14">
      <c r="N713622" s="10"/>
    </row>
    <row r="713623" spans="14:14">
      <c r="N713623" s="10"/>
    </row>
    <row r="713624" spans="14:14">
      <c r="N713624" s="10"/>
    </row>
    <row r="713625" spans="14:14">
      <c r="N713625" s="10"/>
    </row>
    <row r="713626" spans="14:14">
      <c r="N713626" s="10"/>
    </row>
    <row r="713627" spans="14:14">
      <c r="N713627" s="10"/>
    </row>
    <row r="713628" spans="14:14">
      <c r="N713628" s="10"/>
    </row>
    <row r="713629" spans="14:14">
      <c r="N713629" s="10"/>
    </row>
    <row r="713630" spans="14:14">
      <c r="N713630" s="10"/>
    </row>
    <row r="713631" spans="14:14">
      <c r="N713631" s="10"/>
    </row>
    <row r="713632" spans="14:14">
      <c r="N713632" s="10"/>
    </row>
    <row r="713633" spans="14:14">
      <c r="N713633" s="10"/>
    </row>
    <row r="713634" spans="14:14">
      <c r="N713634" s="10"/>
    </row>
    <row r="713635" spans="14:14">
      <c r="N713635" s="10"/>
    </row>
    <row r="713636" spans="14:14">
      <c r="N713636" s="10"/>
    </row>
    <row r="713637" spans="14:14">
      <c r="N713637" s="10"/>
    </row>
    <row r="713638" spans="14:14">
      <c r="N713638" s="10"/>
    </row>
    <row r="713639" spans="14:14">
      <c r="N713639" s="10"/>
    </row>
    <row r="713640" spans="14:14">
      <c r="N713640" s="10"/>
    </row>
    <row r="713641" spans="14:14">
      <c r="N713641" s="10"/>
    </row>
    <row r="713642" spans="14:14">
      <c r="N713642" s="10"/>
    </row>
    <row r="713643" spans="14:14">
      <c r="N713643" s="10"/>
    </row>
    <row r="713644" spans="14:14">
      <c r="N713644" s="10"/>
    </row>
    <row r="713645" spans="14:14">
      <c r="N713645" s="10"/>
    </row>
    <row r="713646" spans="14:14">
      <c r="N713646" s="10"/>
    </row>
    <row r="713647" spans="14:14">
      <c r="N713647" s="10"/>
    </row>
    <row r="713648" spans="14:14">
      <c r="N713648" s="10"/>
    </row>
    <row r="713649" spans="14:14">
      <c r="N713649" s="10"/>
    </row>
    <row r="713650" spans="14:14">
      <c r="N713650" s="10"/>
    </row>
    <row r="713651" spans="14:14">
      <c r="N713651" s="10"/>
    </row>
    <row r="713652" spans="14:14">
      <c r="N713652" s="10"/>
    </row>
    <row r="713653" spans="14:14">
      <c r="N713653" s="10"/>
    </row>
    <row r="713654" spans="14:14">
      <c r="N713654" s="10"/>
    </row>
    <row r="713655" spans="14:14">
      <c r="N713655" s="10"/>
    </row>
    <row r="713656" spans="14:14">
      <c r="N713656" s="10"/>
    </row>
    <row r="713657" spans="14:14">
      <c r="N713657" s="10"/>
    </row>
    <row r="713658" spans="14:14">
      <c r="N713658" s="10"/>
    </row>
    <row r="713659" spans="14:14">
      <c r="N713659" s="10"/>
    </row>
    <row r="713660" spans="14:14">
      <c r="N713660" s="10"/>
    </row>
    <row r="713661" spans="14:14">
      <c r="N713661" s="10"/>
    </row>
    <row r="713662" spans="14:14">
      <c r="N713662" s="10"/>
    </row>
    <row r="713663" spans="14:14">
      <c r="N713663" s="10"/>
    </row>
    <row r="713664" spans="14:14">
      <c r="N713664" s="10"/>
    </row>
    <row r="713665" spans="14:14">
      <c r="N713665" s="10"/>
    </row>
    <row r="713666" spans="14:14">
      <c r="N713666" s="10"/>
    </row>
    <row r="713667" spans="14:14">
      <c r="N713667" s="10"/>
    </row>
    <row r="713668" spans="14:14">
      <c r="N713668" s="10"/>
    </row>
    <row r="713669" spans="14:14">
      <c r="N713669" s="10"/>
    </row>
    <row r="713670" spans="14:14">
      <c r="N713670" s="10"/>
    </row>
    <row r="713671" spans="14:14">
      <c r="N713671" s="10"/>
    </row>
    <row r="713672" spans="14:14">
      <c r="N713672" s="10"/>
    </row>
    <row r="713673" spans="14:14">
      <c r="N713673" s="10"/>
    </row>
    <row r="713674" spans="14:14">
      <c r="N713674" s="10"/>
    </row>
    <row r="713675" spans="14:14">
      <c r="N713675" s="10"/>
    </row>
    <row r="713676" spans="14:14">
      <c r="N713676" s="10"/>
    </row>
    <row r="713677" spans="14:14">
      <c r="N713677" s="10"/>
    </row>
    <row r="713678" spans="14:14">
      <c r="N713678" s="10"/>
    </row>
    <row r="713679" spans="14:14">
      <c r="N713679" s="10"/>
    </row>
    <row r="713680" spans="14:14">
      <c r="N713680" s="10"/>
    </row>
    <row r="713681" spans="14:14">
      <c r="N713681" s="10"/>
    </row>
    <row r="713682" spans="14:14">
      <c r="N713682" s="10"/>
    </row>
    <row r="713683" spans="14:14">
      <c r="N713683" s="10"/>
    </row>
    <row r="713684" spans="14:14">
      <c r="N713684" s="10"/>
    </row>
    <row r="713685" spans="14:14">
      <c r="N713685" s="10"/>
    </row>
    <row r="713686" spans="14:14">
      <c r="N713686" s="10"/>
    </row>
    <row r="713687" spans="14:14">
      <c r="N713687" s="10"/>
    </row>
    <row r="713688" spans="14:14">
      <c r="N713688" s="10"/>
    </row>
    <row r="713689" spans="14:14">
      <c r="N713689" s="10"/>
    </row>
    <row r="713690" spans="14:14">
      <c r="N713690" s="10"/>
    </row>
    <row r="713691" spans="14:14">
      <c r="N713691" s="10"/>
    </row>
    <row r="713692" spans="14:14">
      <c r="N713692" s="10"/>
    </row>
    <row r="713693" spans="14:14">
      <c r="N713693" s="10"/>
    </row>
    <row r="713694" spans="14:14">
      <c r="N713694" s="10"/>
    </row>
    <row r="713695" spans="14:14">
      <c r="N713695" s="10"/>
    </row>
    <row r="713696" spans="14:14">
      <c r="N713696" s="10"/>
    </row>
    <row r="713697" spans="14:14">
      <c r="N713697" s="10"/>
    </row>
    <row r="713698" spans="14:14">
      <c r="N713698" s="10"/>
    </row>
    <row r="713699" spans="14:14">
      <c r="N713699" s="10"/>
    </row>
    <row r="713700" spans="14:14">
      <c r="N713700" s="10"/>
    </row>
    <row r="713701" spans="14:14">
      <c r="N713701" s="10"/>
    </row>
    <row r="713702" spans="14:14">
      <c r="N713702" s="10"/>
    </row>
    <row r="713703" spans="14:14">
      <c r="N713703" s="10"/>
    </row>
    <row r="713704" spans="14:14">
      <c r="N713704" s="10"/>
    </row>
    <row r="713705" spans="14:14">
      <c r="N713705" s="10"/>
    </row>
    <row r="713706" spans="14:14">
      <c r="N713706" s="10"/>
    </row>
    <row r="713707" spans="14:14">
      <c r="N713707" s="10"/>
    </row>
    <row r="713708" spans="14:14">
      <c r="N713708" s="10"/>
    </row>
    <row r="713709" spans="14:14">
      <c r="N713709" s="10"/>
    </row>
    <row r="713710" spans="14:14">
      <c r="N713710" s="10"/>
    </row>
    <row r="713711" spans="14:14">
      <c r="N713711" s="10"/>
    </row>
    <row r="713712" spans="14:14">
      <c r="N713712" s="10"/>
    </row>
    <row r="713713" spans="14:14">
      <c r="N713713" s="10"/>
    </row>
    <row r="713714" spans="14:14">
      <c r="N713714" s="10"/>
    </row>
    <row r="713715" spans="14:14">
      <c r="N713715" s="10"/>
    </row>
    <row r="713716" spans="14:14">
      <c r="N713716" s="10"/>
    </row>
    <row r="713717" spans="14:14">
      <c r="N713717" s="10"/>
    </row>
    <row r="713718" spans="14:14">
      <c r="N713718" s="10"/>
    </row>
    <row r="713719" spans="14:14">
      <c r="N713719" s="10"/>
    </row>
    <row r="713720" spans="14:14">
      <c r="N713720" s="10"/>
    </row>
    <row r="713721" spans="14:14">
      <c r="N713721" s="10"/>
    </row>
    <row r="713722" spans="14:14">
      <c r="N713722" s="10"/>
    </row>
    <row r="713723" spans="14:14">
      <c r="N713723" s="10"/>
    </row>
    <row r="713724" spans="14:14">
      <c r="N713724" s="10"/>
    </row>
    <row r="713725" spans="14:14">
      <c r="N713725" s="10"/>
    </row>
    <row r="713726" spans="14:14">
      <c r="N713726" s="10"/>
    </row>
    <row r="713727" spans="14:14">
      <c r="N713727" s="10"/>
    </row>
    <row r="713728" spans="14:14">
      <c r="N713728" s="10"/>
    </row>
    <row r="713729" spans="14:14">
      <c r="N713729" s="10"/>
    </row>
    <row r="713730" spans="14:14">
      <c r="N713730" s="10"/>
    </row>
    <row r="713731" spans="14:14">
      <c r="N713731" s="10"/>
    </row>
    <row r="713732" spans="14:14">
      <c r="N713732" s="10"/>
    </row>
    <row r="713733" spans="14:14">
      <c r="N713733" s="10"/>
    </row>
    <row r="713734" spans="14:14">
      <c r="N713734" s="10"/>
    </row>
    <row r="713735" spans="14:14">
      <c r="N713735" s="10"/>
    </row>
    <row r="713736" spans="14:14">
      <c r="N713736" s="10"/>
    </row>
    <row r="713737" spans="14:14">
      <c r="N713737" s="10"/>
    </row>
    <row r="713738" spans="14:14">
      <c r="N713738" s="10"/>
    </row>
    <row r="713739" spans="14:14">
      <c r="N713739" s="10"/>
    </row>
    <row r="713740" spans="14:14">
      <c r="N713740" s="10"/>
    </row>
    <row r="713741" spans="14:14">
      <c r="N713741" s="10"/>
    </row>
    <row r="713742" spans="14:14">
      <c r="N713742" s="10"/>
    </row>
    <row r="713743" spans="14:14">
      <c r="N713743" s="10"/>
    </row>
    <row r="713744" spans="14:14">
      <c r="N713744" s="10"/>
    </row>
    <row r="713745" spans="14:14">
      <c r="N713745" s="10"/>
    </row>
    <row r="713746" spans="14:14">
      <c r="N713746" s="10"/>
    </row>
    <row r="713747" spans="14:14">
      <c r="N713747" s="10"/>
    </row>
    <row r="713748" spans="14:14">
      <c r="N713748" s="10"/>
    </row>
    <row r="713749" spans="14:14">
      <c r="N713749" s="10"/>
    </row>
    <row r="713750" spans="14:14">
      <c r="N713750" s="10"/>
    </row>
    <row r="713751" spans="14:14">
      <c r="N713751" s="10"/>
    </row>
    <row r="713752" spans="14:14">
      <c r="N713752" s="10"/>
    </row>
    <row r="713753" spans="14:14">
      <c r="N713753" s="10"/>
    </row>
    <row r="713754" spans="14:14">
      <c r="N713754" s="10"/>
    </row>
    <row r="713755" spans="14:14">
      <c r="N713755" s="10"/>
    </row>
    <row r="713756" spans="14:14">
      <c r="N713756" s="10"/>
    </row>
    <row r="713757" spans="14:14">
      <c r="N713757" s="10"/>
    </row>
    <row r="713758" spans="14:14">
      <c r="N713758" s="10"/>
    </row>
    <row r="713759" spans="14:14">
      <c r="N713759" s="10"/>
    </row>
    <row r="713760" spans="14:14">
      <c r="N713760" s="10"/>
    </row>
    <row r="713761" spans="14:14">
      <c r="N713761" s="10"/>
    </row>
    <row r="713762" spans="14:14">
      <c r="N713762" s="10"/>
    </row>
    <row r="713763" spans="14:14">
      <c r="N713763" s="10"/>
    </row>
    <row r="713764" spans="14:14">
      <c r="N713764" s="10"/>
    </row>
    <row r="713765" spans="14:14">
      <c r="N713765" s="10"/>
    </row>
    <row r="713766" spans="14:14">
      <c r="N713766" s="10"/>
    </row>
    <row r="713767" spans="14:14">
      <c r="N713767" s="10"/>
    </row>
    <row r="713768" spans="14:14">
      <c r="N713768" s="10"/>
    </row>
    <row r="713769" spans="14:14">
      <c r="N713769" s="10"/>
    </row>
    <row r="713770" spans="14:14">
      <c r="N713770" s="10"/>
    </row>
    <row r="713771" spans="14:14">
      <c r="N713771" s="10"/>
    </row>
    <row r="713772" spans="14:14">
      <c r="N713772" s="10"/>
    </row>
    <row r="713773" spans="14:14">
      <c r="N713773" s="10"/>
    </row>
    <row r="713774" spans="14:14">
      <c r="N713774" s="10"/>
    </row>
    <row r="713775" spans="14:14">
      <c r="N713775" s="10"/>
    </row>
    <row r="713776" spans="14:14">
      <c r="N713776" s="10"/>
    </row>
    <row r="713777" spans="14:14">
      <c r="N713777" s="10"/>
    </row>
    <row r="713778" spans="14:14">
      <c r="N713778" s="10"/>
    </row>
    <row r="713779" spans="14:14">
      <c r="N713779" s="10"/>
    </row>
    <row r="713780" spans="14:14">
      <c r="N713780" s="10"/>
    </row>
    <row r="713781" spans="14:14">
      <c r="N713781" s="10"/>
    </row>
    <row r="713782" spans="14:14">
      <c r="N713782" s="10"/>
    </row>
    <row r="713783" spans="14:14">
      <c r="N713783" s="10"/>
    </row>
    <row r="713784" spans="14:14">
      <c r="N713784" s="10"/>
    </row>
    <row r="713785" spans="14:14">
      <c r="N713785" s="10"/>
    </row>
    <row r="713786" spans="14:14">
      <c r="N713786" s="10"/>
    </row>
    <row r="713787" spans="14:14">
      <c r="N713787" s="10"/>
    </row>
    <row r="713788" spans="14:14">
      <c r="N713788" s="10"/>
    </row>
    <row r="713789" spans="14:14">
      <c r="N713789" s="10"/>
    </row>
    <row r="713790" spans="14:14">
      <c r="N713790" s="10"/>
    </row>
    <row r="713791" spans="14:14">
      <c r="N713791" s="10"/>
    </row>
    <row r="713792" spans="14:14">
      <c r="N713792" s="10"/>
    </row>
    <row r="713793" spans="14:14">
      <c r="N713793" s="10"/>
    </row>
    <row r="713794" spans="14:14">
      <c r="N713794" s="10"/>
    </row>
    <row r="713795" spans="14:14">
      <c r="N713795" s="10"/>
    </row>
    <row r="713796" spans="14:14">
      <c r="N713796" s="10"/>
    </row>
    <row r="713797" spans="14:14">
      <c r="N713797" s="10"/>
    </row>
    <row r="713798" spans="14:14">
      <c r="N713798" s="10"/>
    </row>
    <row r="713799" spans="14:14">
      <c r="N713799" s="10"/>
    </row>
    <row r="713800" spans="14:14">
      <c r="N713800" s="10"/>
    </row>
    <row r="713801" spans="14:14">
      <c r="N713801" s="10"/>
    </row>
    <row r="713802" spans="14:14">
      <c r="N713802" s="10"/>
    </row>
    <row r="713803" spans="14:14">
      <c r="N713803" s="10"/>
    </row>
    <row r="713804" spans="14:14">
      <c r="N713804" s="10"/>
    </row>
    <row r="713805" spans="14:14">
      <c r="N713805" s="10"/>
    </row>
    <row r="713806" spans="14:14">
      <c r="N713806" s="10"/>
    </row>
    <row r="713807" spans="14:14">
      <c r="N713807" s="10"/>
    </row>
    <row r="713808" spans="14:14">
      <c r="N713808" s="10"/>
    </row>
    <row r="713809" spans="14:14">
      <c r="N713809" s="10"/>
    </row>
    <row r="713810" spans="14:14">
      <c r="N713810" s="10"/>
    </row>
    <row r="713811" spans="14:14">
      <c r="N713811" s="10"/>
    </row>
    <row r="713812" spans="14:14">
      <c r="N713812" s="10"/>
    </row>
    <row r="713813" spans="14:14">
      <c r="N713813" s="10"/>
    </row>
    <row r="713814" spans="14:14">
      <c r="N713814" s="10"/>
    </row>
    <row r="713815" spans="14:14">
      <c r="N713815" s="10"/>
    </row>
    <row r="713816" spans="14:14">
      <c r="N713816" s="10"/>
    </row>
    <row r="713817" spans="14:14">
      <c r="N713817" s="10"/>
    </row>
    <row r="713818" spans="14:14">
      <c r="N713818" s="10"/>
    </row>
    <row r="713819" spans="14:14">
      <c r="N713819" s="10"/>
    </row>
    <row r="713820" spans="14:14">
      <c r="N713820" s="10"/>
    </row>
    <row r="713821" spans="14:14">
      <c r="N713821" s="10"/>
    </row>
    <row r="713822" spans="14:14">
      <c r="N713822" s="10"/>
    </row>
    <row r="713823" spans="14:14">
      <c r="N713823" s="10"/>
    </row>
    <row r="713824" spans="14:14">
      <c r="N713824" s="10"/>
    </row>
    <row r="713825" spans="14:14">
      <c r="N713825" s="10"/>
    </row>
    <row r="713826" spans="14:14">
      <c r="N713826" s="10"/>
    </row>
    <row r="713827" spans="14:14">
      <c r="N713827" s="10"/>
    </row>
    <row r="713828" spans="14:14">
      <c r="N713828" s="10"/>
    </row>
    <row r="713829" spans="14:14">
      <c r="N713829" s="10"/>
    </row>
    <row r="713830" spans="14:14">
      <c r="N713830" s="10"/>
    </row>
    <row r="713831" spans="14:14">
      <c r="N713831" s="10"/>
    </row>
    <row r="713832" spans="14:14">
      <c r="N713832" s="10"/>
    </row>
    <row r="713833" spans="14:14">
      <c r="N713833" s="10"/>
    </row>
    <row r="713834" spans="14:14">
      <c r="N713834" s="10"/>
    </row>
    <row r="713835" spans="14:14">
      <c r="N713835" s="10"/>
    </row>
    <row r="713836" spans="14:14">
      <c r="N713836" s="10"/>
    </row>
    <row r="713837" spans="14:14">
      <c r="N713837" s="10"/>
    </row>
    <row r="713838" spans="14:14">
      <c r="N713838" s="10"/>
    </row>
    <row r="713839" spans="14:14">
      <c r="N713839" s="10"/>
    </row>
    <row r="713840" spans="14:14">
      <c r="N713840" s="10"/>
    </row>
    <row r="713841" spans="14:14">
      <c r="N713841" s="10"/>
    </row>
    <row r="713842" spans="14:14">
      <c r="N713842" s="10"/>
    </row>
    <row r="713843" spans="14:14">
      <c r="N713843" s="10"/>
    </row>
    <row r="713844" spans="14:14">
      <c r="N713844" s="10"/>
    </row>
    <row r="713845" spans="14:14">
      <c r="N713845" s="10"/>
    </row>
    <row r="713846" spans="14:14">
      <c r="N713846" s="10"/>
    </row>
    <row r="713847" spans="14:14">
      <c r="N713847" s="10"/>
    </row>
    <row r="713848" spans="14:14">
      <c r="N713848" s="10"/>
    </row>
    <row r="713849" spans="14:14">
      <c r="N713849" s="10"/>
    </row>
    <row r="713850" spans="14:14">
      <c r="N713850" s="10"/>
    </row>
    <row r="713851" spans="14:14">
      <c r="N713851" s="10"/>
    </row>
    <row r="713852" spans="14:14">
      <c r="N713852" s="10"/>
    </row>
    <row r="713853" spans="14:14">
      <c r="N713853" s="10"/>
    </row>
    <row r="713854" spans="14:14">
      <c r="N713854" s="10"/>
    </row>
    <row r="713855" spans="14:14">
      <c r="N713855" s="10"/>
    </row>
    <row r="713856" spans="14:14">
      <c r="N713856" s="10"/>
    </row>
    <row r="713857" spans="14:14">
      <c r="N713857" s="10"/>
    </row>
    <row r="713858" spans="14:14">
      <c r="N713858" s="10"/>
    </row>
    <row r="713859" spans="14:14">
      <c r="N713859" s="10"/>
    </row>
    <row r="713860" spans="14:14">
      <c r="N713860" s="10"/>
    </row>
    <row r="713861" spans="14:14">
      <c r="N713861" s="10"/>
    </row>
    <row r="713862" spans="14:14">
      <c r="N713862" s="10"/>
    </row>
    <row r="713863" spans="14:14">
      <c r="N713863" s="10"/>
    </row>
    <row r="713864" spans="14:14">
      <c r="N713864" s="10"/>
    </row>
    <row r="713865" spans="14:14">
      <c r="N713865" s="10"/>
    </row>
    <row r="713866" spans="14:14">
      <c r="N713866" s="10"/>
    </row>
    <row r="713867" spans="14:14">
      <c r="N713867" s="10"/>
    </row>
    <row r="713868" spans="14:14">
      <c r="N713868" s="10"/>
    </row>
    <row r="713869" spans="14:14">
      <c r="N713869" s="10"/>
    </row>
    <row r="713870" spans="14:14">
      <c r="N713870" s="10"/>
    </row>
    <row r="713871" spans="14:14">
      <c r="N713871" s="10"/>
    </row>
    <row r="713872" spans="14:14">
      <c r="N713872" s="10"/>
    </row>
    <row r="713873" spans="14:14">
      <c r="N713873" s="10"/>
    </row>
    <row r="713874" spans="14:14">
      <c r="N713874" s="10"/>
    </row>
    <row r="713875" spans="14:14">
      <c r="N713875" s="10"/>
    </row>
    <row r="713876" spans="14:14">
      <c r="N713876" s="10"/>
    </row>
    <row r="713877" spans="14:14">
      <c r="N713877" s="10"/>
    </row>
    <row r="713878" spans="14:14">
      <c r="N713878" s="10"/>
    </row>
    <row r="713879" spans="14:14">
      <c r="N713879" s="10"/>
    </row>
    <row r="713880" spans="14:14">
      <c r="N713880" s="10"/>
    </row>
    <row r="713881" spans="14:14">
      <c r="N713881" s="10"/>
    </row>
    <row r="713882" spans="14:14">
      <c r="N713882" s="10"/>
    </row>
    <row r="713883" spans="14:14">
      <c r="N713883" s="10"/>
    </row>
    <row r="713884" spans="14:14">
      <c r="N713884" s="10"/>
    </row>
    <row r="713885" spans="14:14">
      <c r="N713885" s="10"/>
    </row>
    <row r="713886" spans="14:14">
      <c r="N713886" s="10"/>
    </row>
    <row r="713887" spans="14:14">
      <c r="N713887" s="10"/>
    </row>
    <row r="713888" spans="14:14">
      <c r="N713888" s="10"/>
    </row>
    <row r="713889" spans="14:14">
      <c r="N713889" s="10"/>
    </row>
    <row r="713890" spans="14:14">
      <c r="N713890" s="10"/>
    </row>
    <row r="713891" spans="14:14">
      <c r="N713891" s="10"/>
    </row>
    <row r="713892" spans="14:14">
      <c r="N713892" s="10"/>
    </row>
    <row r="713893" spans="14:14">
      <c r="N713893" s="10"/>
    </row>
    <row r="713894" spans="14:14">
      <c r="N713894" s="10"/>
    </row>
    <row r="713895" spans="14:14">
      <c r="N713895" s="10"/>
    </row>
    <row r="713896" spans="14:14">
      <c r="N713896" s="10"/>
    </row>
    <row r="713897" spans="14:14">
      <c r="N713897" s="10"/>
    </row>
    <row r="713898" spans="14:14">
      <c r="N713898" s="10"/>
    </row>
    <row r="713899" spans="14:14">
      <c r="N713899" s="10"/>
    </row>
    <row r="713900" spans="14:14">
      <c r="N713900" s="10"/>
    </row>
    <row r="713901" spans="14:14">
      <c r="N713901" s="10"/>
    </row>
    <row r="713902" spans="14:14">
      <c r="N713902" s="10"/>
    </row>
    <row r="713903" spans="14:14">
      <c r="N713903" s="10"/>
    </row>
    <row r="713904" spans="14:14">
      <c r="N713904" s="10"/>
    </row>
    <row r="713905" spans="14:14">
      <c r="N713905" s="10"/>
    </row>
    <row r="713906" spans="14:14">
      <c r="N713906" s="10"/>
    </row>
    <row r="713907" spans="14:14">
      <c r="N713907" s="10"/>
    </row>
    <row r="713908" spans="14:14">
      <c r="N713908" s="10"/>
    </row>
    <row r="713909" spans="14:14">
      <c r="N713909" s="10"/>
    </row>
    <row r="713910" spans="14:14">
      <c r="N713910" s="10"/>
    </row>
    <row r="713911" spans="14:14">
      <c r="N713911" s="10"/>
    </row>
    <row r="713912" spans="14:14">
      <c r="N713912" s="10"/>
    </row>
    <row r="713913" spans="14:14">
      <c r="N713913" s="10"/>
    </row>
    <row r="713914" spans="14:14">
      <c r="N713914" s="10"/>
    </row>
    <row r="713915" spans="14:14">
      <c r="N713915" s="10"/>
    </row>
    <row r="713916" spans="14:14">
      <c r="N713916" s="10"/>
    </row>
    <row r="713917" spans="14:14">
      <c r="N713917" s="10"/>
    </row>
    <row r="713918" spans="14:14">
      <c r="N713918" s="10"/>
    </row>
    <row r="713919" spans="14:14">
      <c r="N713919" s="10"/>
    </row>
    <row r="713920" spans="14:14">
      <c r="N713920" s="10"/>
    </row>
    <row r="713921" spans="14:14">
      <c r="N713921" s="10"/>
    </row>
    <row r="713922" spans="14:14">
      <c r="N713922" s="10"/>
    </row>
    <row r="713923" spans="14:14">
      <c r="N713923" s="10"/>
    </row>
    <row r="713924" spans="14:14">
      <c r="N713924" s="10"/>
    </row>
    <row r="713925" spans="14:14">
      <c r="N713925" s="10"/>
    </row>
    <row r="713926" spans="14:14">
      <c r="N713926" s="10"/>
    </row>
    <row r="713927" spans="14:14">
      <c r="N713927" s="10"/>
    </row>
    <row r="713928" spans="14:14">
      <c r="N713928" s="10"/>
    </row>
    <row r="713929" spans="14:14">
      <c r="N713929" s="10"/>
    </row>
    <row r="713930" spans="14:14">
      <c r="N713930" s="10"/>
    </row>
    <row r="713931" spans="14:14">
      <c r="N713931" s="10"/>
    </row>
    <row r="713932" spans="14:14">
      <c r="N713932" s="10"/>
    </row>
    <row r="713933" spans="14:14">
      <c r="N713933" s="10"/>
    </row>
    <row r="713934" spans="14:14">
      <c r="N713934" s="10"/>
    </row>
    <row r="713935" spans="14:14">
      <c r="N713935" s="10"/>
    </row>
    <row r="713936" spans="14:14">
      <c r="N713936" s="10"/>
    </row>
    <row r="713937" spans="14:14">
      <c r="N713937" s="10"/>
    </row>
    <row r="713938" spans="14:14">
      <c r="N713938" s="10"/>
    </row>
    <row r="713939" spans="14:14">
      <c r="N713939" s="10"/>
    </row>
    <row r="713940" spans="14:14">
      <c r="N713940" s="10"/>
    </row>
    <row r="713941" spans="14:14">
      <c r="N713941" s="10"/>
    </row>
    <row r="713942" spans="14:14">
      <c r="N713942" s="10"/>
    </row>
    <row r="713943" spans="14:14">
      <c r="N713943" s="10"/>
    </row>
    <row r="713944" spans="14:14">
      <c r="N713944" s="10"/>
    </row>
    <row r="713945" spans="14:14">
      <c r="N713945" s="10"/>
    </row>
    <row r="713946" spans="14:14">
      <c r="N713946" s="10"/>
    </row>
    <row r="713947" spans="14:14">
      <c r="N713947" s="10"/>
    </row>
    <row r="713948" spans="14:14">
      <c r="N713948" s="10"/>
    </row>
    <row r="713949" spans="14:14">
      <c r="N713949" s="10"/>
    </row>
    <row r="713950" spans="14:14">
      <c r="N713950" s="10"/>
    </row>
    <row r="713951" spans="14:14">
      <c r="N713951" s="10"/>
    </row>
    <row r="713952" spans="14:14">
      <c r="N713952" s="10"/>
    </row>
    <row r="713953" spans="14:14">
      <c r="N713953" s="10"/>
    </row>
    <row r="713954" spans="14:14">
      <c r="N713954" s="10"/>
    </row>
    <row r="713955" spans="14:14">
      <c r="N713955" s="10"/>
    </row>
    <row r="713956" spans="14:14">
      <c r="N713956" s="10"/>
    </row>
    <row r="713957" spans="14:14">
      <c r="N713957" s="10"/>
    </row>
    <row r="713958" spans="14:14">
      <c r="N713958" s="10"/>
    </row>
    <row r="713959" spans="14:14">
      <c r="N713959" s="10"/>
    </row>
    <row r="713960" spans="14:14">
      <c r="N713960" s="10"/>
    </row>
    <row r="713961" spans="14:14">
      <c r="N713961" s="10"/>
    </row>
    <row r="713962" spans="14:14">
      <c r="N713962" s="10"/>
    </row>
    <row r="713963" spans="14:14">
      <c r="N713963" s="10"/>
    </row>
    <row r="713964" spans="14:14">
      <c r="N713964" s="10"/>
    </row>
    <row r="713965" spans="14:14">
      <c r="N713965" s="10"/>
    </row>
    <row r="713966" spans="14:14">
      <c r="N713966" s="10"/>
    </row>
    <row r="713967" spans="14:14">
      <c r="N713967" s="10"/>
    </row>
    <row r="713968" spans="14:14">
      <c r="N713968" s="10"/>
    </row>
    <row r="713969" spans="14:14">
      <c r="N713969" s="10"/>
    </row>
    <row r="713970" spans="14:14">
      <c r="N713970" s="10"/>
    </row>
    <row r="713971" spans="14:14">
      <c r="N713971" s="10"/>
    </row>
    <row r="713972" spans="14:14">
      <c r="N713972" s="10"/>
    </row>
    <row r="713973" spans="14:14">
      <c r="N713973" s="10"/>
    </row>
    <row r="713974" spans="14:14">
      <c r="N713974" s="10"/>
    </row>
    <row r="713975" spans="14:14">
      <c r="N713975" s="10"/>
    </row>
    <row r="713976" spans="14:14">
      <c r="N713976" s="10"/>
    </row>
    <row r="713977" spans="14:14">
      <c r="N713977" s="10"/>
    </row>
    <row r="713978" spans="14:14">
      <c r="N713978" s="10"/>
    </row>
    <row r="713979" spans="14:14">
      <c r="N713979" s="10"/>
    </row>
    <row r="713980" spans="14:14">
      <c r="N713980" s="10"/>
    </row>
    <row r="713981" spans="14:14">
      <c r="N713981" s="10"/>
    </row>
    <row r="713982" spans="14:14">
      <c r="N713982" s="10"/>
    </row>
    <row r="713983" spans="14:14">
      <c r="N713983" s="10"/>
    </row>
    <row r="713984" spans="14:14">
      <c r="N713984" s="10"/>
    </row>
    <row r="713985" spans="14:14">
      <c r="N713985" s="10"/>
    </row>
    <row r="713986" spans="14:14">
      <c r="N713986" s="10"/>
    </row>
    <row r="713987" spans="14:14">
      <c r="N713987" s="10"/>
    </row>
    <row r="713988" spans="14:14">
      <c r="N713988" s="10"/>
    </row>
    <row r="713989" spans="14:14">
      <c r="N713989" s="10"/>
    </row>
    <row r="713990" spans="14:14">
      <c r="N713990" s="10"/>
    </row>
    <row r="713991" spans="14:14">
      <c r="N713991" s="10"/>
    </row>
    <row r="713992" spans="14:14">
      <c r="N713992" s="10"/>
    </row>
    <row r="713993" spans="14:14">
      <c r="N713993" s="10"/>
    </row>
    <row r="713994" spans="14:14">
      <c r="N713994" s="10"/>
    </row>
    <row r="713995" spans="14:14">
      <c r="N713995" s="10"/>
    </row>
    <row r="713996" spans="14:14">
      <c r="N713996" s="10"/>
    </row>
    <row r="713997" spans="14:14">
      <c r="N713997" s="10"/>
    </row>
    <row r="713998" spans="14:14">
      <c r="N713998" s="10"/>
    </row>
    <row r="713999" spans="14:14">
      <c r="N713999" s="10"/>
    </row>
    <row r="714000" spans="14:14">
      <c r="N714000" s="10"/>
    </row>
    <row r="714001" spans="14:14">
      <c r="N714001" s="10"/>
    </row>
    <row r="714002" spans="14:14">
      <c r="N714002" s="10"/>
    </row>
    <row r="714003" spans="14:14">
      <c r="N714003" s="10"/>
    </row>
    <row r="714004" spans="14:14">
      <c r="N714004" s="10"/>
    </row>
    <row r="714005" spans="14:14">
      <c r="N714005" s="10"/>
    </row>
    <row r="714006" spans="14:14">
      <c r="N714006" s="10"/>
    </row>
    <row r="714007" spans="14:14">
      <c r="N714007" s="10"/>
    </row>
    <row r="714008" spans="14:14">
      <c r="N714008" s="10"/>
    </row>
    <row r="714009" spans="14:14">
      <c r="N714009" s="10"/>
    </row>
    <row r="714010" spans="14:14">
      <c r="N714010" s="10"/>
    </row>
    <row r="714011" spans="14:14">
      <c r="N714011" s="10"/>
    </row>
    <row r="714012" spans="14:14">
      <c r="N714012" s="10"/>
    </row>
    <row r="714013" spans="14:14">
      <c r="N714013" s="10"/>
    </row>
    <row r="714014" spans="14:14">
      <c r="N714014" s="10"/>
    </row>
    <row r="714015" spans="14:14">
      <c r="N714015" s="10"/>
    </row>
    <row r="714016" spans="14:14">
      <c r="N714016" s="10"/>
    </row>
    <row r="714017" spans="14:14">
      <c r="N714017" s="10"/>
    </row>
    <row r="714018" spans="14:14">
      <c r="N714018" s="10"/>
    </row>
    <row r="714019" spans="14:14">
      <c r="N714019" s="10"/>
    </row>
    <row r="714020" spans="14:14">
      <c r="N714020" s="10"/>
    </row>
    <row r="714021" spans="14:14">
      <c r="N714021" s="10"/>
    </row>
    <row r="714022" spans="14:14">
      <c r="N714022" s="10"/>
    </row>
    <row r="714023" spans="14:14">
      <c r="N714023" s="10"/>
    </row>
    <row r="714024" spans="14:14">
      <c r="N714024" s="10"/>
    </row>
    <row r="714025" spans="14:14">
      <c r="N714025" s="10"/>
    </row>
    <row r="714026" spans="14:14">
      <c r="N714026" s="10"/>
    </row>
    <row r="714027" spans="14:14">
      <c r="N714027" s="10"/>
    </row>
    <row r="714028" spans="14:14">
      <c r="N714028" s="10"/>
    </row>
    <row r="714029" spans="14:14">
      <c r="N714029" s="10"/>
    </row>
    <row r="714030" spans="14:14">
      <c r="N714030" s="10"/>
    </row>
    <row r="714031" spans="14:14">
      <c r="N714031" s="10"/>
    </row>
    <row r="714032" spans="14:14">
      <c r="N714032" s="10"/>
    </row>
    <row r="714033" spans="14:14">
      <c r="N714033" s="10"/>
    </row>
    <row r="714034" spans="14:14">
      <c r="N714034" s="10"/>
    </row>
    <row r="714035" spans="14:14">
      <c r="N714035" s="10"/>
    </row>
    <row r="714036" spans="14:14">
      <c r="N714036" s="10"/>
    </row>
    <row r="714037" spans="14:14">
      <c r="N714037" s="10"/>
    </row>
    <row r="714038" spans="14:14">
      <c r="N714038" s="10"/>
    </row>
    <row r="714039" spans="14:14">
      <c r="N714039" s="10"/>
    </row>
    <row r="714040" spans="14:14">
      <c r="N714040" s="10"/>
    </row>
    <row r="714041" spans="14:14">
      <c r="N714041" s="10"/>
    </row>
    <row r="714042" spans="14:14">
      <c r="N714042" s="10"/>
    </row>
    <row r="714043" spans="14:14">
      <c r="N714043" s="10"/>
    </row>
    <row r="714044" spans="14:14">
      <c r="N714044" s="10"/>
    </row>
    <row r="714045" spans="14:14">
      <c r="N714045" s="10"/>
    </row>
    <row r="714046" spans="14:14">
      <c r="N714046" s="10"/>
    </row>
    <row r="714047" spans="14:14">
      <c r="N714047" s="10"/>
    </row>
    <row r="714048" spans="14:14">
      <c r="N714048" s="10"/>
    </row>
    <row r="714049" spans="14:14">
      <c r="N714049" s="10"/>
    </row>
    <row r="714050" spans="14:14">
      <c r="N714050" s="10"/>
    </row>
    <row r="714051" spans="14:14">
      <c r="N714051" s="10"/>
    </row>
    <row r="714052" spans="14:14">
      <c r="N714052" s="10"/>
    </row>
    <row r="714053" spans="14:14">
      <c r="N714053" s="10"/>
    </row>
    <row r="714054" spans="14:14">
      <c r="N714054" s="10"/>
    </row>
    <row r="714055" spans="14:14">
      <c r="N714055" s="10"/>
    </row>
    <row r="714056" spans="14:14">
      <c r="N714056" s="10"/>
    </row>
    <row r="714057" spans="14:14">
      <c r="N714057" s="10"/>
    </row>
    <row r="714058" spans="14:14">
      <c r="N714058" s="10"/>
    </row>
    <row r="714059" spans="14:14">
      <c r="N714059" s="10"/>
    </row>
    <row r="714060" spans="14:14">
      <c r="N714060" s="10"/>
    </row>
    <row r="714061" spans="14:14">
      <c r="N714061" s="10"/>
    </row>
    <row r="714062" spans="14:14">
      <c r="N714062" s="10"/>
    </row>
    <row r="714063" spans="14:14">
      <c r="N714063" s="10"/>
    </row>
    <row r="714064" spans="14:14">
      <c r="N714064" s="10"/>
    </row>
    <row r="714065" spans="14:14">
      <c r="N714065" s="10"/>
    </row>
    <row r="714066" spans="14:14">
      <c r="N714066" s="10"/>
    </row>
    <row r="714067" spans="14:14">
      <c r="N714067" s="10"/>
    </row>
    <row r="714068" spans="14:14">
      <c r="N714068" s="10"/>
    </row>
    <row r="714069" spans="14:14">
      <c r="N714069" s="10"/>
    </row>
    <row r="714070" spans="14:14">
      <c r="N714070" s="10"/>
    </row>
    <row r="714071" spans="14:14">
      <c r="N714071" s="10"/>
    </row>
    <row r="714072" spans="14:14">
      <c r="N714072" s="10"/>
    </row>
    <row r="714073" spans="14:14">
      <c r="N714073" s="10"/>
    </row>
    <row r="714074" spans="14:14">
      <c r="N714074" s="10"/>
    </row>
    <row r="714075" spans="14:14">
      <c r="N714075" s="10"/>
    </row>
    <row r="714076" spans="14:14">
      <c r="N714076" s="10"/>
    </row>
    <row r="714077" spans="14:14">
      <c r="N714077" s="10"/>
    </row>
    <row r="714078" spans="14:14">
      <c r="N714078" s="10"/>
    </row>
    <row r="714079" spans="14:14">
      <c r="N714079" s="10"/>
    </row>
    <row r="714080" spans="14:14">
      <c r="N714080" s="10"/>
    </row>
    <row r="714081" spans="14:14">
      <c r="N714081" s="10"/>
    </row>
    <row r="714082" spans="14:14">
      <c r="N714082" s="10"/>
    </row>
    <row r="714083" spans="14:14">
      <c r="N714083" s="10"/>
    </row>
    <row r="714084" spans="14:14">
      <c r="N714084" s="10"/>
    </row>
    <row r="714085" spans="14:14">
      <c r="N714085" s="10"/>
    </row>
    <row r="714086" spans="14:14">
      <c r="N714086" s="10"/>
    </row>
    <row r="714087" spans="14:14">
      <c r="N714087" s="10"/>
    </row>
    <row r="714088" spans="14:14">
      <c r="N714088" s="10"/>
    </row>
    <row r="714089" spans="14:14">
      <c r="N714089" s="10"/>
    </row>
    <row r="714090" spans="14:14">
      <c r="N714090" s="10"/>
    </row>
    <row r="714091" spans="14:14">
      <c r="N714091" s="10"/>
    </row>
    <row r="714092" spans="14:14">
      <c r="N714092" s="10"/>
    </row>
    <row r="714093" spans="14:14">
      <c r="N714093" s="10"/>
    </row>
    <row r="714094" spans="14:14">
      <c r="N714094" s="10"/>
    </row>
    <row r="714095" spans="14:14">
      <c r="N714095" s="10"/>
    </row>
    <row r="714096" spans="14:14">
      <c r="N714096" s="10"/>
    </row>
    <row r="714097" spans="14:14">
      <c r="N714097" s="10"/>
    </row>
    <row r="714098" spans="14:14">
      <c r="N714098" s="10"/>
    </row>
    <row r="714099" spans="14:14">
      <c r="N714099" s="10"/>
    </row>
    <row r="714100" spans="14:14">
      <c r="N714100" s="10"/>
    </row>
    <row r="714101" spans="14:14">
      <c r="N714101" s="10"/>
    </row>
    <row r="714102" spans="14:14">
      <c r="N714102" s="10"/>
    </row>
    <row r="714103" spans="14:14">
      <c r="N714103" s="10"/>
    </row>
    <row r="714104" spans="14:14">
      <c r="N714104" s="10"/>
    </row>
    <row r="714105" spans="14:14">
      <c r="N714105" s="10"/>
    </row>
    <row r="714106" spans="14:14">
      <c r="N714106" s="10"/>
    </row>
    <row r="714107" spans="14:14">
      <c r="N714107" s="10"/>
    </row>
    <row r="714108" spans="14:14">
      <c r="N714108" s="10"/>
    </row>
    <row r="714109" spans="14:14">
      <c r="N714109" s="10"/>
    </row>
    <row r="714110" spans="14:14">
      <c r="N714110" s="10"/>
    </row>
    <row r="714111" spans="14:14">
      <c r="N714111" s="10"/>
    </row>
    <row r="714112" spans="14:14">
      <c r="N714112" s="10"/>
    </row>
    <row r="714113" spans="14:14">
      <c r="N714113" s="10"/>
    </row>
    <row r="714114" spans="14:14">
      <c r="N714114" s="10"/>
    </row>
    <row r="714115" spans="14:14">
      <c r="N714115" s="10"/>
    </row>
    <row r="714116" spans="14:14">
      <c r="N714116" s="10"/>
    </row>
    <row r="714117" spans="14:14">
      <c r="N714117" s="10"/>
    </row>
    <row r="714118" spans="14:14">
      <c r="N714118" s="10"/>
    </row>
    <row r="714119" spans="14:14">
      <c r="N714119" s="10"/>
    </row>
    <row r="714120" spans="14:14">
      <c r="N714120" s="10"/>
    </row>
    <row r="714121" spans="14:14">
      <c r="N714121" s="10"/>
    </row>
    <row r="714122" spans="14:14">
      <c r="N714122" s="10"/>
    </row>
    <row r="714123" spans="14:14">
      <c r="N714123" s="10"/>
    </row>
    <row r="714124" spans="14:14">
      <c r="N714124" s="10"/>
    </row>
    <row r="714125" spans="14:14">
      <c r="N714125" s="10"/>
    </row>
    <row r="714126" spans="14:14">
      <c r="N714126" s="10"/>
    </row>
    <row r="714127" spans="14:14">
      <c r="N714127" s="10"/>
    </row>
    <row r="714128" spans="14:14">
      <c r="N714128" s="10"/>
    </row>
    <row r="714129" spans="14:14">
      <c r="N714129" s="10"/>
    </row>
    <row r="714130" spans="14:14">
      <c r="N714130" s="10"/>
    </row>
    <row r="714131" spans="14:14">
      <c r="N714131" s="10"/>
    </row>
    <row r="714132" spans="14:14">
      <c r="N714132" s="10"/>
    </row>
    <row r="714133" spans="14:14">
      <c r="N714133" s="10"/>
    </row>
    <row r="714134" spans="14:14">
      <c r="N714134" s="10"/>
    </row>
    <row r="714135" spans="14:14">
      <c r="N714135" s="10"/>
    </row>
    <row r="714136" spans="14:14">
      <c r="N714136" s="10"/>
    </row>
    <row r="714137" spans="14:14">
      <c r="N714137" s="10"/>
    </row>
    <row r="714138" spans="14:14">
      <c r="N714138" s="10"/>
    </row>
    <row r="714139" spans="14:14">
      <c r="N714139" s="10"/>
    </row>
    <row r="714140" spans="14:14">
      <c r="N714140" s="10"/>
    </row>
    <row r="714141" spans="14:14">
      <c r="N714141" s="10"/>
    </row>
    <row r="714142" spans="14:14">
      <c r="N714142" s="10"/>
    </row>
    <row r="714143" spans="14:14">
      <c r="N714143" s="10"/>
    </row>
    <row r="714144" spans="14:14">
      <c r="N714144" s="10"/>
    </row>
    <row r="714145" spans="14:14">
      <c r="N714145" s="10"/>
    </row>
    <row r="714146" spans="14:14">
      <c r="N714146" s="10"/>
    </row>
    <row r="714147" spans="14:14">
      <c r="N714147" s="10"/>
    </row>
    <row r="714148" spans="14:14">
      <c r="N714148" s="10"/>
    </row>
    <row r="714149" spans="14:14">
      <c r="N714149" s="10"/>
    </row>
    <row r="714150" spans="14:14">
      <c r="N714150" s="10"/>
    </row>
    <row r="714151" spans="14:14">
      <c r="N714151" s="10"/>
    </row>
    <row r="714152" spans="14:14">
      <c r="N714152" s="10"/>
    </row>
    <row r="714153" spans="14:14">
      <c r="N714153" s="10"/>
    </row>
    <row r="714154" spans="14:14">
      <c r="N714154" s="10"/>
    </row>
    <row r="714155" spans="14:14">
      <c r="N714155" s="10"/>
    </row>
    <row r="714156" spans="14:14">
      <c r="N714156" s="10"/>
    </row>
    <row r="714157" spans="14:14">
      <c r="N714157" s="10"/>
    </row>
    <row r="714158" spans="14:14">
      <c r="N714158" s="10"/>
    </row>
    <row r="714159" spans="14:14">
      <c r="N714159" s="10"/>
    </row>
    <row r="714160" spans="14:14">
      <c r="N714160" s="10"/>
    </row>
    <row r="714161" spans="14:14">
      <c r="N714161" s="10"/>
    </row>
    <row r="714162" spans="14:14">
      <c r="N714162" s="10"/>
    </row>
    <row r="714163" spans="14:14">
      <c r="N714163" s="10"/>
    </row>
    <row r="714164" spans="14:14">
      <c r="N714164" s="10"/>
    </row>
    <row r="714165" spans="14:14">
      <c r="N714165" s="10"/>
    </row>
    <row r="714166" spans="14:14">
      <c r="N714166" s="10"/>
    </row>
    <row r="714167" spans="14:14">
      <c r="N714167" s="10"/>
    </row>
    <row r="714168" spans="14:14">
      <c r="N714168" s="10"/>
    </row>
    <row r="714169" spans="14:14">
      <c r="N714169" s="10"/>
    </row>
    <row r="714170" spans="14:14">
      <c r="N714170" s="10"/>
    </row>
    <row r="714171" spans="14:14">
      <c r="N714171" s="10"/>
    </row>
    <row r="714172" spans="14:14">
      <c r="N714172" s="10"/>
    </row>
    <row r="714173" spans="14:14">
      <c r="N714173" s="10"/>
    </row>
    <row r="714174" spans="14:14">
      <c r="N714174" s="10"/>
    </row>
    <row r="714175" spans="14:14">
      <c r="N714175" s="10"/>
    </row>
    <row r="714176" spans="14:14">
      <c r="N714176" s="10"/>
    </row>
    <row r="714177" spans="14:14">
      <c r="N714177" s="10"/>
    </row>
    <row r="714178" spans="14:14">
      <c r="N714178" s="10"/>
    </row>
    <row r="714179" spans="14:14">
      <c r="N714179" s="10"/>
    </row>
    <row r="714180" spans="14:14">
      <c r="N714180" s="10"/>
    </row>
    <row r="714181" spans="14:14">
      <c r="N714181" s="10"/>
    </row>
    <row r="714182" spans="14:14">
      <c r="N714182" s="10"/>
    </row>
    <row r="714183" spans="14:14">
      <c r="N714183" s="10"/>
    </row>
    <row r="714184" spans="14:14">
      <c r="N714184" s="10"/>
    </row>
    <row r="714185" spans="14:14">
      <c r="N714185" s="10"/>
    </row>
    <row r="714186" spans="14:14">
      <c r="N714186" s="10"/>
    </row>
    <row r="714187" spans="14:14">
      <c r="N714187" s="10"/>
    </row>
    <row r="714188" spans="14:14">
      <c r="N714188" s="10"/>
    </row>
    <row r="714189" spans="14:14">
      <c r="N714189" s="10"/>
    </row>
    <row r="714190" spans="14:14">
      <c r="N714190" s="10"/>
    </row>
    <row r="714191" spans="14:14">
      <c r="N714191" s="10"/>
    </row>
    <row r="714192" spans="14:14">
      <c r="N714192" s="10"/>
    </row>
    <row r="714193" spans="14:14">
      <c r="N714193" s="10"/>
    </row>
    <row r="714194" spans="14:14">
      <c r="N714194" s="10"/>
    </row>
    <row r="714195" spans="14:14">
      <c r="N714195" s="10"/>
    </row>
    <row r="714196" spans="14:14">
      <c r="N714196" s="10"/>
    </row>
    <row r="714197" spans="14:14">
      <c r="N714197" s="10"/>
    </row>
    <row r="714198" spans="14:14">
      <c r="N714198" s="10"/>
    </row>
    <row r="714199" spans="14:14">
      <c r="N714199" s="10"/>
    </row>
    <row r="714200" spans="14:14">
      <c r="N714200" s="10"/>
    </row>
    <row r="714201" spans="14:14">
      <c r="N714201" s="10"/>
    </row>
    <row r="714202" spans="14:14">
      <c r="N714202" s="10"/>
    </row>
    <row r="714203" spans="14:14">
      <c r="N714203" s="10"/>
    </row>
    <row r="714204" spans="14:14">
      <c r="N714204" s="10"/>
    </row>
    <row r="714205" spans="14:14">
      <c r="N714205" s="10"/>
    </row>
    <row r="714206" spans="14:14">
      <c r="N714206" s="10"/>
    </row>
    <row r="714207" spans="14:14">
      <c r="N714207" s="10"/>
    </row>
    <row r="714208" spans="14:14">
      <c r="N714208" s="10"/>
    </row>
    <row r="714209" spans="14:14">
      <c r="N714209" s="10"/>
    </row>
    <row r="714210" spans="14:14">
      <c r="N714210" s="10"/>
    </row>
    <row r="714211" spans="14:14">
      <c r="N714211" s="10"/>
    </row>
    <row r="714212" spans="14:14">
      <c r="N714212" s="10"/>
    </row>
    <row r="714213" spans="14:14">
      <c r="N714213" s="10"/>
    </row>
    <row r="714214" spans="14:14">
      <c r="N714214" s="10"/>
    </row>
    <row r="714215" spans="14:14">
      <c r="N714215" s="10"/>
    </row>
    <row r="714216" spans="14:14">
      <c r="N714216" s="10"/>
    </row>
    <row r="714217" spans="14:14">
      <c r="N714217" s="10"/>
    </row>
    <row r="714218" spans="14:14">
      <c r="N714218" s="10"/>
    </row>
    <row r="714219" spans="14:14">
      <c r="N714219" s="10"/>
    </row>
    <row r="714220" spans="14:14">
      <c r="N714220" s="10"/>
    </row>
    <row r="714221" spans="14:14">
      <c r="N714221" s="10"/>
    </row>
    <row r="714222" spans="14:14">
      <c r="N714222" s="10"/>
    </row>
    <row r="714223" spans="14:14">
      <c r="N714223" s="10"/>
    </row>
    <row r="714224" spans="14:14">
      <c r="N714224" s="10"/>
    </row>
    <row r="714225" spans="14:14">
      <c r="N714225" s="10"/>
    </row>
    <row r="714226" spans="14:14">
      <c r="N714226" s="10"/>
    </row>
    <row r="714227" spans="14:14">
      <c r="N714227" s="10"/>
    </row>
    <row r="714228" spans="14:14">
      <c r="N714228" s="10"/>
    </row>
    <row r="714229" spans="14:14">
      <c r="N714229" s="10"/>
    </row>
    <row r="714230" spans="14:14">
      <c r="N714230" s="10"/>
    </row>
    <row r="714231" spans="14:14">
      <c r="N714231" s="10"/>
    </row>
    <row r="714232" spans="14:14">
      <c r="N714232" s="10"/>
    </row>
    <row r="714233" spans="14:14">
      <c r="N714233" s="10"/>
    </row>
    <row r="714234" spans="14:14">
      <c r="N714234" s="10"/>
    </row>
    <row r="714235" spans="14:14">
      <c r="N714235" s="10"/>
    </row>
    <row r="714236" spans="14:14">
      <c r="N714236" s="10"/>
    </row>
    <row r="714237" spans="14:14">
      <c r="N714237" s="10"/>
    </row>
    <row r="714238" spans="14:14">
      <c r="N714238" s="10"/>
    </row>
    <row r="714239" spans="14:14">
      <c r="N714239" s="10"/>
    </row>
    <row r="714240" spans="14:14">
      <c r="N714240" s="10"/>
    </row>
    <row r="714241" spans="14:14">
      <c r="N714241" s="10"/>
    </row>
    <row r="714242" spans="14:14">
      <c r="N714242" s="10"/>
    </row>
    <row r="714243" spans="14:14">
      <c r="N714243" s="10"/>
    </row>
    <row r="714244" spans="14:14">
      <c r="N714244" s="10"/>
    </row>
    <row r="714245" spans="14:14">
      <c r="N714245" s="10"/>
    </row>
    <row r="714246" spans="14:14">
      <c r="N714246" s="10"/>
    </row>
    <row r="714247" spans="14:14">
      <c r="N714247" s="10"/>
    </row>
    <row r="714248" spans="14:14">
      <c r="N714248" s="10"/>
    </row>
    <row r="714249" spans="14:14">
      <c r="N714249" s="10"/>
    </row>
    <row r="714250" spans="14:14">
      <c r="N714250" s="10"/>
    </row>
    <row r="714251" spans="14:14">
      <c r="N714251" s="10"/>
    </row>
    <row r="714252" spans="14:14">
      <c r="N714252" s="10"/>
    </row>
    <row r="714253" spans="14:14">
      <c r="N714253" s="10"/>
    </row>
    <row r="714254" spans="14:14">
      <c r="N714254" s="10"/>
    </row>
    <row r="714255" spans="14:14">
      <c r="N714255" s="10"/>
    </row>
    <row r="714256" spans="14:14">
      <c r="N714256" s="10"/>
    </row>
    <row r="714257" spans="14:14">
      <c r="N714257" s="10"/>
    </row>
    <row r="714258" spans="14:14">
      <c r="N714258" s="10"/>
    </row>
    <row r="714259" spans="14:14">
      <c r="N714259" s="10"/>
    </row>
    <row r="714260" spans="14:14">
      <c r="N714260" s="10"/>
    </row>
    <row r="714261" spans="14:14">
      <c r="N714261" s="10"/>
    </row>
    <row r="714262" spans="14:14">
      <c r="N714262" s="10"/>
    </row>
    <row r="714263" spans="14:14">
      <c r="N714263" s="10"/>
    </row>
    <row r="714264" spans="14:14">
      <c r="N714264" s="10"/>
    </row>
    <row r="714265" spans="14:14">
      <c r="N714265" s="10"/>
    </row>
    <row r="714266" spans="14:14">
      <c r="N714266" s="10"/>
    </row>
    <row r="714267" spans="14:14">
      <c r="N714267" s="10"/>
    </row>
    <row r="714268" spans="14:14">
      <c r="N714268" s="10"/>
    </row>
    <row r="714269" spans="14:14">
      <c r="N714269" s="10"/>
    </row>
    <row r="714270" spans="14:14">
      <c r="N714270" s="10"/>
    </row>
    <row r="714271" spans="14:14">
      <c r="N714271" s="10"/>
    </row>
    <row r="714272" spans="14:14">
      <c r="N714272" s="10"/>
    </row>
    <row r="714273" spans="14:14">
      <c r="N714273" s="10"/>
    </row>
    <row r="714274" spans="14:14">
      <c r="N714274" s="10"/>
    </row>
    <row r="714275" spans="14:14">
      <c r="N714275" s="10"/>
    </row>
    <row r="714276" spans="14:14">
      <c r="N714276" s="10"/>
    </row>
    <row r="714277" spans="14:14">
      <c r="N714277" s="10"/>
    </row>
    <row r="714278" spans="14:14">
      <c r="N714278" s="10"/>
    </row>
    <row r="714279" spans="14:14">
      <c r="N714279" s="10"/>
    </row>
    <row r="714280" spans="14:14">
      <c r="N714280" s="10"/>
    </row>
    <row r="714281" spans="14:14">
      <c r="N714281" s="10"/>
    </row>
    <row r="714282" spans="14:14">
      <c r="N714282" s="10"/>
    </row>
    <row r="714283" spans="14:14">
      <c r="N714283" s="10"/>
    </row>
    <row r="714284" spans="14:14">
      <c r="N714284" s="10"/>
    </row>
    <row r="714285" spans="14:14">
      <c r="N714285" s="10"/>
    </row>
    <row r="714286" spans="14:14">
      <c r="N714286" s="10"/>
    </row>
    <row r="714287" spans="14:14">
      <c r="N714287" s="10"/>
    </row>
    <row r="714288" spans="14:14">
      <c r="N714288" s="10"/>
    </row>
    <row r="714289" spans="14:14">
      <c r="N714289" s="10"/>
    </row>
    <row r="714290" spans="14:14">
      <c r="N714290" s="10"/>
    </row>
    <row r="714291" spans="14:14">
      <c r="N714291" s="10"/>
    </row>
    <row r="714292" spans="14:14">
      <c r="N714292" s="10"/>
    </row>
    <row r="714293" spans="14:14">
      <c r="N714293" s="10"/>
    </row>
    <row r="714294" spans="14:14">
      <c r="N714294" s="10"/>
    </row>
    <row r="714295" spans="14:14">
      <c r="N714295" s="10"/>
    </row>
    <row r="714296" spans="14:14">
      <c r="N714296" s="10"/>
    </row>
    <row r="714297" spans="14:14">
      <c r="N714297" s="10"/>
    </row>
    <row r="714298" spans="14:14">
      <c r="N714298" s="10"/>
    </row>
    <row r="714299" spans="14:14">
      <c r="N714299" s="10"/>
    </row>
    <row r="714300" spans="14:14">
      <c r="N714300" s="10"/>
    </row>
    <row r="714301" spans="14:14">
      <c r="N714301" s="10"/>
    </row>
    <row r="714302" spans="14:14">
      <c r="N714302" s="10"/>
    </row>
    <row r="714303" spans="14:14">
      <c r="N714303" s="10"/>
    </row>
    <row r="714304" spans="14:14">
      <c r="N714304" s="10"/>
    </row>
    <row r="714305" spans="14:14">
      <c r="N714305" s="10"/>
    </row>
    <row r="714306" spans="14:14">
      <c r="N714306" s="10"/>
    </row>
    <row r="714307" spans="14:14">
      <c r="N714307" s="10"/>
    </row>
    <row r="714308" spans="14:14">
      <c r="N714308" s="10"/>
    </row>
    <row r="714309" spans="14:14">
      <c r="N714309" s="10"/>
    </row>
    <row r="714310" spans="14:14">
      <c r="N714310" s="10"/>
    </row>
    <row r="714311" spans="14:14">
      <c r="N714311" s="10"/>
    </row>
    <row r="714312" spans="14:14">
      <c r="N714312" s="10"/>
    </row>
    <row r="714313" spans="14:14">
      <c r="N714313" s="10"/>
    </row>
    <row r="714314" spans="14:14">
      <c r="N714314" s="10"/>
    </row>
    <row r="714315" spans="14:14">
      <c r="N714315" s="10"/>
    </row>
    <row r="714316" spans="14:14">
      <c r="N714316" s="10"/>
    </row>
    <row r="714317" spans="14:14">
      <c r="N714317" s="10"/>
    </row>
    <row r="714318" spans="14:14">
      <c r="N714318" s="10"/>
    </row>
    <row r="714319" spans="14:14">
      <c r="N714319" s="10"/>
    </row>
    <row r="714320" spans="14:14">
      <c r="N714320" s="10"/>
    </row>
    <row r="714321" spans="14:14">
      <c r="N714321" s="10"/>
    </row>
    <row r="714322" spans="14:14">
      <c r="N714322" s="10"/>
    </row>
    <row r="714323" spans="14:14">
      <c r="N714323" s="10"/>
    </row>
    <row r="714324" spans="14:14">
      <c r="N714324" s="10"/>
    </row>
    <row r="714325" spans="14:14">
      <c r="N714325" s="10"/>
    </row>
    <row r="714326" spans="14:14">
      <c r="N714326" s="10"/>
    </row>
    <row r="714327" spans="14:14">
      <c r="N714327" s="10"/>
    </row>
    <row r="714328" spans="14:14">
      <c r="N714328" s="10"/>
    </row>
    <row r="714329" spans="14:14">
      <c r="N714329" s="10"/>
    </row>
    <row r="714330" spans="14:14">
      <c r="N714330" s="10"/>
    </row>
    <row r="714331" spans="14:14">
      <c r="N714331" s="10"/>
    </row>
    <row r="714332" spans="14:14">
      <c r="N714332" s="10"/>
    </row>
    <row r="714333" spans="14:14">
      <c r="N714333" s="10"/>
    </row>
    <row r="714334" spans="14:14">
      <c r="N714334" s="10"/>
    </row>
    <row r="714335" spans="14:14">
      <c r="N714335" s="10"/>
    </row>
    <row r="714336" spans="14:14">
      <c r="N714336" s="10"/>
    </row>
    <row r="714337" spans="14:14">
      <c r="N714337" s="10"/>
    </row>
    <row r="714338" spans="14:14">
      <c r="N714338" s="10"/>
    </row>
    <row r="714339" spans="14:14">
      <c r="N714339" s="10"/>
    </row>
    <row r="714340" spans="14:14">
      <c r="N714340" s="10"/>
    </row>
    <row r="714341" spans="14:14">
      <c r="N714341" s="10"/>
    </row>
    <row r="714342" spans="14:14">
      <c r="N714342" s="10"/>
    </row>
    <row r="714343" spans="14:14">
      <c r="N714343" s="10"/>
    </row>
    <row r="714344" spans="14:14">
      <c r="N714344" s="10"/>
    </row>
    <row r="714345" spans="14:14">
      <c r="N714345" s="10"/>
    </row>
    <row r="714346" spans="14:14">
      <c r="N714346" s="10"/>
    </row>
    <row r="714347" spans="14:14">
      <c r="N714347" s="10"/>
    </row>
    <row r="714348" spans="14:14">
      <c r="N714348" s="10"/>
    </row>
    <row r="714349" spans="14:14">
      <c r="N714349" s="10"/>
    </row>
    <row r="714350" spans="14:14">
      <c r="N714350" s="10"/>
    </row>
    <row r="714351" spans="14:14">
      <c r="N714351" s="10"/>
    </row>
    <row r="714352" spans="14:14">
      <c r="N714352" s="10"/>
    </row>
    <row r="714353" spans="14:14">
      <c r="N714353" s="10"/>
    </row>
    <row r="714354" spans="14:14">
      <c r="N714354" s="10"/>
    </row>
    <row r="714355" spans="14:14">
      <c r="N714355" s="10"/>
    </row>
    <row r="714356" spans="14:14">
      <c r="N714356" s="10"/>
    </row>
    <row r="714357" spans="14:14">
      <c r="N714357" s="10"/>
    </row>
    <row r="714358" spans="14:14">
      <c r="N714358" s="10"/>
    </row>
    <row r="714359" spans="14:14">
      <c r="N714359" s="10"/>
    </row>
    <row r="714360" spans="14:14">
      <c r="N714360" s="10"/>
    </row>
    <row r="714361" spans="14:14">
      <c r="N714361" s="10"/>
    </row>
    <row r="714362" spans="14:14">
      <c r="N714362" s="10"/>
    </row>
    <row r="714363" spans="14:14">
      <c r="N714363" s="10"/>
    </row>
    <row r="714364" spans="14:14">
      <c r="N714364" s="10"/>
    </row>
    <row r="714365" spans="14:14">
      <c r="N714365" s="10"/>
    </row>
    <row r="714366" spans="14:14">
      <c r="N714366" s="10"/>
    </row>
    <row r="714367" spans="14:14">
      <c r="N714367" s="10"/>
    </row>
    <row r="714368" spans="14:14">
      <c r="N714368" s="10"/>
    </row>
    <row r="714369" spans="14:14">
      <c r="N714369" s="10"/>
    </row>
    <row r="714370" spans="14:14">
      <c r="N714370" s="10"/>
    </row>
    <row r="714371" spans="14:14">
      <c r="N714371" s="10"/>
    </row>
    <row r="714372" spans="14:14">
      <c r="N714372" s="10"/>
    </row>
    <row r="714373" spans="14:14">
      <c r="N714373" s="10"/>
    </row>
    <row r="714374" spans="14:14">
      <c r="N714374" s="10"/>
    </row>
    <row r="714375" spans="14:14">
      <c r="N714375" s="10"/>
    </row>
    <row r="714376" spans="14:14">
      <c r="N714376" s="10"/>
    </row>
    <row r="714377" spans="14:14">
      <c r="N714377" s="10"/>
    </row>
    <row r="714378" spans="14:14">
      <c r="N714378" s="10"/>
    </row>
    <row r="714379" spans="14:14">
      <c r="N714379" s="10"/>
    </row>
    <row r="714380" spans="14:14">
      <c r="N714380" s="10"/>
    </row>
    <row r="714381" spans="14:14">
      <c r="N714381" s="10"/>
    </row>
    <row r="714382" spans="14:14">
      <c r="N714382" s="10"/>
    </row>
    <row r="714383" spans="14:14">
      <c r="N714383" s="10"/>
    </row>
    <row r="714384" spans="14:14">
      <c r="N714384" s="10"/>
    </row>
    <row r="714385" spans="14:14">
      <c r="N714385" s="10"/>
    </row>
    <row r="714386" spans="14:14">
      <c r="N714386" s="10"/>
    </row>
    <row r="714387" spans="14:14">
      <c r="N714387" s="10"/>
    </row>
    <row r="714388" spans="14:14">
      <c r="N714388" s="10"/>
    </row>
    <row r="714389" spans="14:14">
      <c r="N714389" s="10"/>
    </row>
    <row r="714390" spans="14:14">
      <c r="N714390" s="10"/>
    </row>
    <row r="714391" spans="14:14">
      <c r="N714391" s="10"/>
    </row>
    <row r="714392" spans="14:14">
      <c r="N714392" s="10"/>
    </row>
    <row r="714393" spans="14:14">
      <c r="N714393" s="10"/>
    </row>
    <row r="714394" spans="14:14">
      <c r="N714394" s="10"/>
    </row>
    <row r="714395" spans="14:14">
      <c r="N714395" s="10"/>
    </row>
    <row r="714396" spans="14:14">
      <c r="N714396" s="10"/>
    </row>
    <row r="714397" spans="14:14">
      <c r="N714397" s="10"/>
    </row>
    <row r="714398" spans="14:14">
      <c r="N714398" s="10"/>
    </row>
    <row r="714399" spans="14:14">
      <c r="N714399" s="10"/>
    </row>
    <row r="714400" spans="14:14">
      <c r="N714400" s="10"/>
    </row>
    <row r="714401" spans="14:14">
      <c r="N714401" s="10"/>
    </row>
    <row r="714402" spans="14:14">
      <c r="N714402" s="10"/>
    </row>
    <row r="714403" spans="14:14">
      <c r="N714403" s="10"/>
    </row>
    <row r="714404" spans="14:14">
      <c r="N714404" s="10"/>
    </row>
    <row r="714405" spans="14:14">
      <c r="N714405" s="10"/>
    </row>
    <row r="714406" spans="14:14">
      <c r="N714406" s="10"/>
    </row>
    <row r="714407" spans="14:14">
      <c r="N714407" s="10"/>
    </row>
    <row r="714408" spans="14:14">
      <c r="N714408" s="10"/>
    </row>
    <row r="714409" spans="14:14">
      <c r="N714409" s="10"/>
    </row>
    <row r="714410" spans="14:14">
      <c r="N714410" s="10"/>
    </row>
    <row r="714411" spans="14:14">
      <c r="N714411" s="10"/>
    </row>
    <row r="714412" spans="14:14">
      <c r="N714412" s="10"/>
    </row>
    <row r="714413" spans="14:14">
      <c r="N714413" s="10"/>
    </row>
    <row r="714414" spans="14:14">
      <c r="N714414" s="10"/>
    </row>
    <row r="714415" spans="14:14">
      <c r="N714415" s="10"/>
    </row>
    <row r="714416" spans="14:14">
      <c r="N714416" s="10"/>
    </row>
    <row r="714417" spans="14:14">
      <c r="N714417" s="10"/>
    </row>
    <row r="714418" spans="14:14">
      <c r="N714418" s="10"/>
    </row>
    <row r="714419" spans="14:14">
      <c r="N714419" s="10"/>
    </row>
    <row r="714420" spans="14:14">
      <c r="N714420" s="10"/>
    </row>
    <row r="714421" spans="14:14">
      <c r="N714421" s="10"/>
    </row>
    <row r="714422" spans="14:14">
      <c r="N714422" s="10"/>
    </row>
    <row r="714423" spans="14:14">
      <c r="N714423" s="10"/>
    </row>
    <row r="714424" spans="14:14">
      <c r="N714424" s="10"/>
    </row>
    <row r="714425" spans="14:14">
      <c r="N714425" s="10"/>
    </row>
    <row r="714426" spans="14:14">
      <c r="N714426" s="10"/>
    </row>
    <row r="714427" spans="14:14">
      <c r="N714427" s="10"/>
    </row>
    <row r="714428" spans="14:14">
      <c r="N714428" s="10"/>
    </row>
    <row r="714429" spans="14:14">
      <c r="N714429" s="10"/>
    </row>
    <row r="714430" spans="14:14">
      <c r="N714430" s="10"/>
    </row>
    <row r="714431" spans="14:14">
      <c r="N714431" s="10"/>
    </row>
    <row r="714432" spans="14:14">
      <c r="N714432" s="10"/>
    </row>
    <row r="714433" spans="14:14">
      <c r="N714433" s="10"/>
    </row>
    <row r="714434" spans="14:14">
      <c r="N714434" s="10"/>
    </row>
    <row r="714435" spans="14:14">
      <c r="N714435" s="10"/>
    </row>
    <row r="714436" spans="14:14">
      <c r="N714436" s="10"/>
    </row>
    <row r="714437" spans="14:14">
      <c r="N714437" s="10"/>
    </row>
    <row r="714438" spans="14:14">
      <c r="N714438" s="10"/>
    </row>
    <row r="714439" spans="14:14">
      <c r="N714439" s="10"/>
    </row>
    <row r="714440" spans="14:14">
      <c r="N714440" s="10"/>
    </row>
    <row r="714441" spans="14:14">
      <c r="N714441" s="10"/>
    </row>
    <row r="714442" spans="14:14">
      <c r="N714442" s="10"/>
    </row>
    <row r="714443" spans="14:14">
      <c r="N714443" s="10"/>
    </row>
    <row r="714444" spans="14:14">
      <c r="N714444" s="10"/>
    </row>
    <row r="714445" spans="14:14">
      <c r="N714445" s="10"/>
    </row>
    <row r="714446" spans="14:14">
      <c r="N714446" s="10"/>
    </row>
    <row r="714447" spans="14:14">
      <c r="N714447" s="10"/>
    </row>
    <row r="714448" spans="14:14">
      <c r="N714448" s="10"/>
    </row>
    <row r="714449" spans="14:14">
      <c r="N714449" s="10"/>
    </row>
    <row r="714450" spans="14:14">
      <c r="N714450" s="10"/>
    </row>
    <row r="714451" spans="14:14">
      <c r="N714451" s="10"/>
    </row>
    <row r="714452" spans="14:14">
      <c r="N714452" s="10"/>
    </row>
    <row r="714453" spans="14:14">
      <c r="N714453" s="10"/>
    </row>
    <row r="714454" spans="14:14">
      <c r="N714454" s="10"/>
    </row>
    <row r="714455" spans="14:14">
      <c r="N714455" s="10"/>
    </row>
    <row r="714456" spans="14:14">
      <c r="N714456" s="10"/>
    </row>
    <row r="714457" spans="14:14">
      <c r="N714457" s="10"/>
    </row>
    <row r="714458" spans="14:14">
      <c r="N714458" s="10"/>
    </row>
    <row r="714459" spans="14:14">
      <c r="N714459" s="10"/>
    </row>
    <row r="714460" spans="14:14">
      <c r="N714460" s="10"/>
    </row>
    <row r="714461" spans="14:14">
      <c r="N714461" s="10"/>
    </row>
    <row r="714462" spans="14:14">
      <c r="N714462" s="10"/>
    </row>
    <row r="714463" spans="14:14">
      <c r="N714463" s="10"/>
    </row>
    <row r="714464" spans="14:14">
      <c r="N714464" s="10"/>
    </row>
    <row r="714465" spans="14:14">
      <c r="N714465" s="10"/>
    </row>
    <row r="714466" spans="14:14">
      <c r="N714466" s="10"/>
    </row>
    <row r="714467" spans="14:14">
      <c r="N714467" s="10"/>
    </row>
    <row r="714468" spans="14:14">
      <c r="N714468" s="10"/>
    </row>
    <row r="714469" spans="14:14">
      <c r="N714469" s="10"/>
    </row>
    <row r="714470" spans="14:14">
      <c r="N714470" s="10"/>
    </row>
    <row r="714471" spans="14:14">
      <c r="N714471" s="10"/>
    </row>
    <row r="714472" spans="14:14">
      <c r="N714472" s="10"/>
    </row>
    <row r="714473" spans="14:14">
      <c r="N714473" s="10"/>
    </row>
    <row r="714474" spans="14:14">
      <c r="N714474" s="10"/>
    </row>
    <row r="714475" spans="14:14">
      <c r="N714475" s="10"/>
    </row>
    <row r="714476" spans="14:14">
      <c r="N714476" s="10"/>
    </row>
    <row r="714477" spans="14:14">
      <c r="N714477" s="10"/>
    </row>
    <row r="714478" spans="14:14">
      <c r="N714478" s="10"/>
    </row>
    <row r="714479" spans="14:14">
      <c r="N714479" s="10"/>
    </row>
    <row r="714480" spans="14:14">
      <c r="N714480" s="10"/>
    </row>
    <row r="714481" spans="14:14">
      <c r="N714481" s="10"/>
    </row>
    <row r="714482" spans="14:14">
      <c r="N714482" s="10"/>
    </row>
    <row r="714483" spans="14:14">
      <c r="N714483" s="10"/>
    </row>
    <row r="714484" spans="14:14">
      <c r="N714484" s="10"/>
    </row>
    <row r="714485" spans="14:14">
      <c r="N714485" s="10"/>
    </row>
    <row r="714486" spans="14:14">
      <c r="N714486" s="10"/>
    </row>
    <row r="714487" spans="14:14">
      <c r="N714487" s="10"/>
    </row>
    <row r="714488" spans="14:14">
      <c r="N714488" s="10"/>
    </row>
    <row r="714489" spans="14:14">
      <c r="N714489" s="10"/>
    </row>
    <row r="714490" spans="14:14">
      <c r="N714490" s="10"/>
    </row>
    <row r="714491" spans="14:14">
      <c r="N714491" s="10"/>
    </row>
    <row r="714492" spans="14:14">
      <c r="N714492" s="10"/>
    </row>
    <row r="714493" spans="14:14">
      <c r="N714493" s="10"/>
    </row>
    <row r="714494" spans="14:14">
      <c r="N714494" s="10"/>
    </row>
    <row r="714495" spans="14:14">
      <c r="N714495" s="10"/>
    </row>
    <row r="714496" spans="14:14">
      <c r="N714496" s="10"/>
    </row>
    <row r="714497" spans="14:14">
      <c r="N714497" s="10"/>
    </row>
    <row r="714498" spans="14:14">
      <c r="N714498" s="10"/>
    </row>
    <row r="714499" spans="14:14">
      <c r="N714499" s="10"/>
    </row>
    <row r="714500" spans="14:14">
      <c r="N714500" s="10"/>
    </row>
    <row r="714501" spans="14:14">
      <c r="N714501" s="10"/>
    </row>
    <row r="714502" spans="14:14">
      <c r="N714502" s="10"/>
    </row>
    <row r="714503" spans="14:14">
      <c r="N714503" s="10"/>
    </row>
    <row r="714504" spans="14:14">
      <c r="N714504" s="10"/>
    </row>
    <row r="714505" spans="14:14">
      <c r="N714505" s="10"/>
    </row>
    <row r="714506" spans="14:14">
      <c r="N714506" s="10"/>
    </row>
    <row r="714507" spans="14:14">
      <c r="N714507" s="10"/>
    </row>
    <row r="714508" spans="14:14">
      <c r="N714508" s="10"/>
    </row>
    <row r="714509" spans="14:14">
      <c r="N714509" s="10"/>
    </row>
    <row r="714510" spans="14:14">
      <c r="N714510" s="10"/>
    </row>
    <row r="714511" spans="14:14">
      <c r="N714511" s="10"/>
    </row>
    <row r="714512" spans="14:14">
      <c r="N714512" s="10"/>
    </row>
    <row r="714513" spans="14:14">
      <c r="N714513" s="10"/>
    </row>
    <row r="714514" spans="14:14">
      <c r="N714514" s="10"/>
    </row>
    <row r="714515" spans="14:14">
      <c r="N714515" s="10"/>
    </row>
    <row r="714516" spans="14:14">
      <c r="N714516" s="10"/>
    </row>
    <row r="714517" spans="14:14">
      <c r="N714517" s="10"/>
    </row>
    <row r="714518" spans="14:14">
      <c r="N714518" s="10"/>
    </row>
    <row r="714519" spans="14:14">
      <c r="N714519" s="10"/>
    </row>
    <row r="714520" spans="14:14">
      <c r="N714520" s="10"/>
    </row>
    <row r="714521" spans="14:14">
      <c r="N714521" s="10"/>
    </row>
    <row r="714522" spans="14:14">
      <c r="N714522" s="10"/>
    </row>
    <row r="714523" spans="14:14">
      <c r="N714523" s="10"/>
    </row>
    <row r="714524" spans="14:14">
      <c r="N714524" s="10"/>
    </row>
    <row r="714525" spans="14:14">
      <c r="N714525" s="10"/>
    </row>
    <row r="714526" spans="14:14">
      <c r="N714526" s="10"/>
    </row>
    <row r="714527" spans="14:14">
      <c r="N714527" s="10"/>
    </row>
    <row r="714528" spans="14:14">
      <c r="N714528" s="10"/>
    </row>
    <row r="714529" spans="14:14">
      <c r="N714529" s="10"/>
    </row>
    <row r="714530" spans="14:14">
      <c r="N714530" s="10"/>
    </row>
    <row r="714531" spans="14:14">
      <c r="N714531" s="10"/>
    </row>
    <row r="714532" spans="14:14">
      <c r="N714532" s="10"/>
    </row>
    <row r="714533" spans="14:14">
      <c r="N714533" s="10"/>
    </row>
    <row r="714534" spans="14:14">
      <c r="N714534" s="10"/>
    </row>
    <row r="714535" spans="14:14">
      <c r="N714535" s="10"/>
    </row>
    <row r="714536" spans="14:14">
      <c r="N714536" s="10"/>
    </row>
    <row r="714537" spans="14:14">
      <c r="N714537" s="10"/>
    </row>
    <row r="714538" spans="14:14">
      <c r="N714538" s="10"/>
    </row>
    <row r="714539" spans="14:14">
      <c r="N714539" s="10"/>
    </row>
    <row r="714540" spans="14:14">
      <c r="N714540" s="10"/>
    </row>
    <row r="714541" spans="14:14">
      <c r="N714541" s="10"/>
    </row>
    <row r="714542" spans="14:14">
      <c r="N714542" s="10"/>
    </row>
    <row r="714543" spans="14:14">
      <c r="N714543" s="10"/>
    </row>
    <row r="714544" spans="14:14">
      <c r="N714544" s="10"/>
    </row>
    <row r="714545" spans="14:14">
      <c r="N714545" s="10"/>
    </row>
    <row r="714546" spans="14:14">
      <c r="N714546" s="10"/>
    </row>
    <row r="714547" spans="14:14">
      <c r="N714547" s="10"/>
    </row>
    <row r="714548" spans="14:14">
      <c r="N714548" s="10"/>
    </row>
    <row r="714549" spans="14:14">
      <c r="N714549" s="10"/>
    </row>
    <row r="714550" spans="14:14">
      <c r="N714550" s="10"/>
    </row>
    <row r="714551" spans="14:14">
      <c r="N714551" s="10"/>
    </row>
    <row r="714552" spans="14:14">
      <c r="N714552" s="10"/>
    </row>
    <row r="714553" spans="14:14">
      <c r="N714553" s="10"/>
    </row>
    <row r="714554" spans="14:14">
      <c r="N714554" s="10"/>
    </row>
    <row r="714555" spans="14:14">
      <c r="N714555" s="10"/>
    </row>
    <row r="714556" spans="14:14">
      <c r="N714556" s="10"/>
    </row>
    <row r="714557" spans="14:14">
      <c r="N714557" s="10"/>
    </row>
    <row r="714558" spans="14:14">
      <c r="N714558" s="10"/>
    </row>
    <row r="714559" spans="14:14">
      <c r="N714559" s="10"/>
    </row>
    <row r="714560" spans="14:14">
      <c r="N714560" s="10"/>
    </row>
    <row r="714561" spans="14:14">
      <c r="N714561" s="10"/>
    </row>
    <row r="714562" spans="14:14">
      <c r="N714562" s="10"/>
    </row>
    <row r="714563" spans="14:14">
      <c r="N714563" s="10"/>
    </row>
    <row r="714564" spans="14:14">
      <c r="N714564" s="10"/>
    </row>
    <row r="714565" spans="14:14">
      <c r="N714565" s="10"/>
    </row>
    <row r="714566" spans="14:14">
      <c r="N714566" s="10"/>
    </row>
    <row r="714567" spans="14:14">
      <c r="N714567" s="10"/>
    </row>
    <row r="714568" spans="14:14">
      <c r="N714568" s="10"/>
    </row>
    <row r="714569" spans="14:14">
      <c r="N714569" s="10"/>
    </row>
    <row r="714570" spans="14:14">
      <c r="N714570" s="10"/>
    </row>
    <row r="714571" spans="14:14">
      <c r="N714571" s="10"/>
    </row>
    <row r="714572" spans="14:14">
      <c r="N714572" s="10"/>
    </row>
    <row r="714573" spans="14:14">
      <c r="N714573" s="10"/>
    </row>
    <row r="714574" spans="14:14">
      <c r="N714574" s="10"/>
    </row>
    <row r="714575" spans="14:14">
      <c r="N714575" s="10"/>
    </row>
    <row r="714576" spans="14:14">
      <c r="N714576" s="10"/>
    </row>
    <row r="714577" spans="14:14">
      <c r="N714577" s="10"/>
    </row>
    <row r="714578" spans="14:14">
      <c r="N714578" s="10"/>
    </row>
    <row r="714579" spans="14:14">
      <c r="N714579" s="10"/>
    </row>
    <row r="714580" spans="14:14">
      <c r="N714580" s="10"/>
    </row>
    <row r="714581" spans="14:14">
      <c r="N714581" s="10"/>
    </row>
    <row r="714582" spans="14:14">
      <c r="N714582" s="10"/>
    </row>
    <row r="714583" spans="14:14">
      <c r="N714583" s="10"/>
    </row>
    <row r="714584" spans="14:14">
      <c r="N714584" s="10"/>
    </row>
    <row r="714585" spans="14:14">
      <c r="N714585" s="10"/>
    </row>
    <row r="714586" spans="14:14">
      <c r="N714586" s="10"/>
    </row>
    <row r="714587" spans="14:14">
      <c r="N714587" s="10"/>
    </row>
    <row r="714588" spans="14:14">
      <c r="N714588" s="10"/>
    </row>
    <row r="714589" spans="14:14">
      <c r="N714589" s="10"/>
    </row>
    <row r="714590" spans="14:14">
      <c r="N714590" s="10"/>
    </row>
    <row r="714591" spans="14:14">
      <c r="N714591" s="10"/>
    </row>
    <row r="714592" spans="14:14">
      <c r="N714592" s="10"/>
    </row>
    <row r="714593" spans="14:14">
      <c r="N714593" s="10"/>
    </row>
    <row r="714594" spans="14:14">
      <c r="N714594" s="10"/>
    </row>
    <row r="714595" spans="14:14">
      <c r="N714595" s="10"/>
    </row>
    <row r="714596" spans="14:14">
      <c r="N714596" s="10"/>
    </row>
    <row r="714597" spans="14:14">
      <c r="N714597" s="10"/>
    </row>
    <row r="714598" spans="14:14">
      <c r="N714598" s="10"/>
    </row>
    <row r="714599" spans="14:14">
      <c r="N714599" s="10"/>
    </row>
    <row r="714600" spans="14:14">
      <c r="N714600" s="10"/>
    </row>
    <row r="714601" spans="14:14">
      <c r="N714601" s="10"/>
    </row>
    <row r="714602" spans="14:14">
      <c r="N714602" s="10"/>
    </row>
    <row r="714603" spans="14:14">
      <c r="N714603" s="10"/>
    </row>
    <row r="714604" spans="14:14">
      <c r="N714604" s="10"/>
    </row>
    <row r="714605" spans="14:14">
      <c r="N714605" s="10"/>
    </row>
    <row r="714606" spans="14:14">
      <c r="N714606" s="10"/>
    </row>
    <row r="714607" spans="14:14">
      <c r="N714607" s="10"/>
    </row>
    <row r="714608" spans="14:14">
      <c r="N714608" s="10"/>
    </row>
    <row r="714609" spans="14:14">
      <c r="N714609" s="10"/>
    </row>
    <row r="714610" spans="14:14">
      <c r="N714610" s="10"/>
    </row>
    <row r="714611" spans="14:14">
      <c r="N714611" s="10"/>
    </row>
    <row r="714612" spans="14:14">
      <c r="N714612" s="10"/>
    </row>
    <row r="714613" spans="14:14">
      <c r="N714613" s="10"/>
    </row>
    <row r="714614" spans="14:14">
      <c r="N714614" s="10"/>
    </row>
    <row r="714615" spans="14:14">
      <c r="N714615" s="10"/>
    </row>
    <row r="714616" spans="14:14">
      <c r="N714616" s="10"/>
    </row>
    <row r="714617" spans="14:14">
      <c r="N714617" s="10"/>
    </row>
    <row r="714618" spans="14:14">
      <c r="N714618" s="10"/>
    </row>
    <row r="714619" spans="14:14">
      <c r="N714619" s="10"/>
    </row>
    <row r="714620" spans="14:14">
      <c r="N714620" s="10"/>
    </row>
    <row r="714621" spans="14:14">
      <c r="N714621" s="10"/>
    </row>
    <row r="714622" spans="14:14">
      <c r="N714622" s="10"/>
    </row>
    <row r="714623" spans="14:14">
      <c r="N714623" s="10"/>
    </row>
    <row r="714624" spans="14:14">
      <c r="N714624" s="10"/>
    </row>
    <row r="714625" spans="14:14">
      <c r="N714625" s="10"/>
    </row>
    <row r="714626" spans="14:14">
      <c r="N714626" s="10"/>
    </row>
    <row r="714627" spans="14:14">
      <c r="N714627" s="10"/>
    </row>
    <row r="714628" spans="14:14">
      <c r="N714628" s="10"/>
    </row>
    <row r="714629" spans="14:14">
      <c r="N714629" s="10"/>
    </row>
    <row r="714630" spans="14:14">
      <c r="N714630" s="10"/>
    </row>
    <row r="714631" spans="14:14">
      <c r="N714631" s="10"/>
    </row>
    <row r="714632" spans="14:14">
      <c r="N714632" s="10"/>
    </row>
    <row r="714633" spans="14:14">
      <c r="N714633" s="10"/>
    </row>
    <row r="714634" spans="14:14">
      <c r="N714634" s="10"/>
    </row>
    <row r="714635" spans="14:14">
      <c r="N714635" s="10"/>
    </row>
    <row r="714636" spans="14:14">
      <c r="N714636" s="10"/>
    </row>
    <row r="714637" spans="14:14">
      <c r="N714637" s="10"/>
    </row>
    <row r="714638" spans="14:14">
      <c r="N714638" s="10"/>
    </row>
    <row r="714639" spans="14:14">
      <c r="N714639" s="10"/>
    </row>
    <row r="714640" spans="14:14">
      <c r="N714640" s="10"/>
    </row>
    <row r="714641" spans="14:14">
      <c r="N714641" s="10"/>
    </row>
    <row r="714642" spans="14:14">
      <c r="N714642" s="10"/>
    </row>
    <row r="714643" spans="14:14">
      <c r="N714643" s="10"/>
    </row>
    <row r="714644" spans="14:14">
      <c r="N714644" s="10"/>
    </row>
    <row r="714645" spans="14:14">
      <c r="N714645" s="10"/>
    </row>
    <row r="714646" spans="14:14">
      <c r="N714646" s="10"/>
    </row>
    <row r="714647" spans="14:14">
      <c r="N714647" s="10"/>
    </row>
    <row r="714648" spans="14:14">
      <c r="N714648" s="10"/>
    </row>
    <row r="714649" spans="14:14">
      <c r="N714649" s="10"/>
    </row>
    <row r="714650" spans="14:14">
      <c r="N714650" s="10"/>
    </row>
    <row r="714651" spans="14:14">
      <c r="N714651" s="10"/>
    </row>
    <row r="714652" spans="14:14">
      <c r="N714652" s="10"/>
    </row>
    <row r="714653" spans="14:14">
      <c r="N714653" s="10"/>
    </row>
    <row r="714654" spans="14:14">
      <c r="N714654" s="10"/>
    </row>
    <row r="714655" spans="14:14">
      <c r="N714655" s="10"/>
    </row>
    <row r="714656" spans="14:14">
      <c r="N714656" s="10"/>
    </row>
    <row r="714657" spans="14:14">
      <c r="N714657" s="10"/>
    </row>
    <row r="714658" spans="14:14">
      <c r="N714658" s="10"/>
    </row>
    <row r="714659" spans="14:14">
      <c r="N714659" s="10"/>
    </row>
    <row r="714660" spans="14:14">
      <c r="N714660" s="10"/>
    </row>
    <row r="714661" spans="14:14">
      <c r="N714661" s="10"/>
    </row>
    <row r="714662" spans="14:14">
      <c r="N714662" s="10"/>
    </row>
    <row r="714663" spans="14:14">
      <c r="N714663" s="10"/>
    </row>
    <row r="714664" spans="14:14">
      <c r="N714664" s="10"/>
    </row>
    <row r="714665" spans="14:14">
      <c r="N714665" s="10"/>
    </row>
    <row r="714666" spans="14:14">
      <c r="N714666" s="10"/>
    </row>
    <row r="714667" spans="14:14">
      <c r="N714667" s="10"/>
    </row>
    <row r="714668" spans="14:14">
      <c r="N714668" s="10"/>
    </row>
    <row r="714669" spans="14:14">
      <c r="N714669" s="10"/>
    </row>
    <row r="714670" spans="14:14">
      <c r="N714670" s="10"/>
    </row>
    <row r="714671" spans="14:14">
      <c r="N714671" s="10"/>
    </row>
    <row r="714672" spans="14:14">
      <c r="N714672" s="10"/>
    </row>
    <row r="714673" spans="14:14">
      <c r="N714673" s="10"/>
    </row>
    <row r="714674" spans="14:14">
      <c r="N714674" s="10"/>
    </row>
    <row r="714675" spans="14:14">
      <c r="N714675" s="10"/>
    </row>
    <row r="714676" spans="14:14">
      <c r="N714676" s="10"/>
    </row>
    <row r="714677" spans="14:14">
      <c r="N714677" s="10"/>
    </row>
    <row r="714678" spans="14:14">
      <c r="N714678" s="10"/>
    </row>
    <row r="714679" spans="14:14">
      <c r="N714679" s="10"/>
    </row>
    <row r="714680" spans="14:14">
      <c r="N714680" s="10"/>
    </row>
    <row r="714681" spans="14:14">
      <c r="N714681" s="10"/>
    </row>
    <row r="714682" spans="14:14">
      <c r="N714682" s="10"/>
    </row>
    <row r="714683" spans="14:14">
      <c r="N714683" s="10"/>
    </row>
    <row r="714684" spans="14:14">
      <c r="N714684" s="10"/>
    </row>
    <row r="714685" spans="14:14">
      <c r="N714685" s="10"/>
    </row>
    <row r="714686" spans="14:14">
      <c r="N714686" s="10"/>
    </row>
    <row r="714687" spans="14:14">
      <c r="N714687" s="10"/>
    </row>
    <row r="714688" spans="14:14">
      <c r="N714688" s="10"/>
    </row>
    <row r="714689" spans="14:14">
      <c r="N714689" s="10"/>
    </row>
    <row r="714690" spans="14:14">
      <c r="N714690" s="10"/>
    </row>
    <row r="714691" spans="14:14">
      <c r="N714691" s="10"/>
    </row>
    <row r="714692" spans="14:14">
      <c r="N714692" s="10"/>
    </row>
    <row r="714693" spans="14:14">
      <c r="N714693" s="10"/>
    </row>
    <row r="714694" spans="14:14">
      <c r="N714694" s="10"/>
    </row>
    <row r="714695" spans="14:14">
      <c r="N714695" s="10"/>
    </row>
    <row r="714696" spans="14:14">
      <c r="N714696" s="10"/>
    </row>
    <row r="714697" spans="14:14">
      <c r="N714697" s="10"/>
    </row>
    <row r="714698" spans="14:14">
      <c r="N714698" s="10"/>
    </row>
    <row r="714699" spans="14:14">
      <c r="N714699" s="10"/>
    </row>
    <row r="714700" spans="14:14">
      <c r="N714700" s="10"/>
    </row>
    <row r="714701" spans="14:14">
      <c r="N714701" s="10"/>
    </row>
    <row r="714702" spans="14:14">
      <c r="N714702" s="10"/>
    </row>
    <row r="714703" spans="14:14">
      <c r="N714703" s="10"/>
    </row>
    <row r="714704" spans="14:14">
      <c r="N714704" s="10"/>
    </row>
    <row r="714705" spans="14:14">
      <c r="N714705" s="10"/>
    </row>
    <row r="714706" spans="14:14">
      <c r="N714706" s="10"/>
    </row>
    <row r="714707" spans="14:14">
      <c r="N714707" s="10"/>
    </row>
    <row r="714708" spans="14:14">
      <c r="N714708" s="10"/>
    </row>
    <row r="714709" spans="14:14">
      <c r="N714709" s="10"/>
    </row>
    <row r="714710" spans="14:14">
      <c r="N714710" s="10"/>
    </row>
    <row r="714711" spans="14:14">
      <c r="N714711" s="10"/>
    </row>
    <row r="714712" spans="14:14">
      <c r="N714712" s="10"/>
    </row>
    <row r="714713" spans="14:14">
      <c r="N714713" s="10"/>
    </row>
    <row r="714714" spans="14:14">
      <c r="N714714" s="10"/>
    </row>
    <row r="714715" spans="14:14">
      <c r="N714715" s="10"/>
    </row>
    <row r="714716" spans="14:14">
      <c r="N714716" s="10"/>
    </row>
    <row r="714717" spans="14:14">
      <c r="N714717" s="10"/>
    </row>
    <row r="714718" spans="14:14">
      <c r="N714718" s="10"/>
    </row>
    <row r="714719" spans="14:14">
      <c r="N714719" s="10"/>
    </row>
    <row r="714720" spans="14:14">
      <c r="N714720" s="10"/>
    </row>
    <row r="714721" spans="14:14">
      <c r="N714721" s="10"/>
    </row>
    <row r="714722" spans="14:14">
      <c r="N714722" s="10"/>
    </row>
    <row r="714723" spans="14:14">
      <c r="N714723" s="10"/>
    </row>
    <row r="714724" spans="14:14">
      <c r="N714724" s="10"/>
    </row>
    <row r="714725" spans="14:14">
      <c r="N714725" s="10"/>
    </row>
    <row r="714726" spans="14:14">
      <c r="N714726" s="10"/>
    </row>
    <row r="714727" spans="14:14">
      <c r="N714727" s="10"/>
    </row>
    <row r="714728" spans="14:14">
      <c r="N714728" s="10"/>
    </row>
    <row r="714729" spans="14:14">
      <c r="N714729" s="10"/>
    </row>
    <row r="714730" spans="14:14">
      <c r="N714730" s="10"/>
    </row>
    <row r="714731" spans="14:14">
      <c r="N714731" s="10"/>
    </row>
    <row r="714732" spans="14:14">
      <c r="N714732" s="10"/>
    </row>
    <row r="714733" spans="14:14">
      <c r="N714733" s="10"/>
    </row>
    <row r="714734" spans="14:14">
      <c r="N714734" s="10"/>
    </row>
    <row r="714735" spans="14:14">
      <c r="N714735" s="10"/>
    </row>
    <row r="714736" spans="14:14">
      <c r="N714736" s="10"/>
    </row>
    <row r="714737" spans="14:14">
      <c r="N714737" s="10"/>
    </row>
    <row r="714738" spans="14:14">
      <c r="N714738" s="10"/>
    </row>
    <row r="714739" spans="14:14">
      <c r="N714739" s="10"/>
    </row>
    <row r="714740" spans="14:14">
      <c r="N714740" s="10"/>
    </row>
    <row r="714741" spans="14:14">
      <c r="N714741" s="10"/>
    </row>
    <row r="714742" spans="14:14">
      <c r="N714742" s="10"/>
    </row>
    <row r="714743" spans="14:14">
      <c r="N714743" s="10"/>
    </row>
    <row r="714744" spans="14:14">
      <c r="N714744" s="10"/>
    </row>
    <row r="714745" spans="14:14">
      <c r="N714745" s="10"/>
    </row>
    <row r="714746" spans="14:14">
      <c r="N714746" s="10"/>
    </row>
    <row r="714747" spans="14:14">
      <c r="N714747" s="10"/>
    </row>
    <row r="714748" spans="14:14">
      <c r="N714748" s="10"/>
    </row>
    <row r="714749" spans="14:14">
      <c r="N714749" s="10"/>
    </row>
    <row r="714750" spans="14:14">
      <c r="N714750" s="10"/>
    </row>
    <row r="714751" spans="14:14">
      <c r="N714751" s="10"/>
    </row>
    <row r="714752" spans="14:14">
      <c r="N714752" s="10"/>
    </row>
    <row r="714753" spans="14:14">
      <c r="N714753" s="10"/>
    </row>
    <row r="714754" spans="14:14">
      <c r="N714754" s="10"/>
    </row>
    <row r="714755" spans="14:14">
      <c r="N714755" s="10"/>
    </row>
    <row r="714756" spans="14:14">
      <c r="N714756" s="10"/>
    </row>
    <row r="714757" spans="14:14">
      <c r="N714757" s="10"/>
    </row>
    <row r="714758" spans="14:14">
      <c r="N714758" s="10"/>
    </row>
    <row r="714759" spans="14:14">
      <c r="N714759" s="10"/>
    </row>
    <row r="714760" spans="14:14">
      <c r="N714760" s="10"/>
    </row>
    <row r="714761" spans="14:14">
      <c r="N714761" s="10"/>
    </row>
    <row r="714762" spans="14:14">
      <c r="N714762" s="10"/>
    </row>
    <row r="714763" spans="14:14">
      <c r="N714763" s="10"/>
    </row>
    <row r="714764" spans="14:14">
      <c r="N714764" s="10"/>
    </row>
    <row r="714765" spans="14:14">
      <c r="N714765" s="10"/>
    </row>
    <row r="714766" spans="14:14">
      <c r="N714766" s="10"/>
    </row>
    <row r="714767" spans="14:14">
      <c r="N714767" s="10"/>
    </row>
    <row r="714768" spans="14:14">
      <c r="N714768" s="10"/>
    </row>
    <row r="714769" spans="14:14">
      <c r="N714769" s="10"/>
    </row>
    <row r="714770" spans="14:14">
      <c r="N714770" s="10"/>
    </row>
    <row r="714771" spans="14:14">
      <c r="N714771" s="10"/>
    </row>
    <row r="714772" spans="14:14">
      <c r="N714772" s="10"/>
    </row>
    <row r="714773" spans="14:14">
      <c r="N714773" s="10"/>
    </row>
    <row r="714774" spans="14:14">
      <c r="N714774" s="10"/>
    </row>
    <row r="714775" spans="14:14">
      <c r="N714775" s="10"/>
    </row>
    <row r="714776" spans="14:14">
      <c r="N714776" s="10"/>
    </row>
    <row r="714777" spans="14:14">
      <c r="N714777" s="10"/>
    </row>
    <row r="714778" spans="14:14">
      <c r="N714778" s="10"/>
    </row>
    <row r="714779" spans="14:14">
      <c r="N714779" s="10"/>
    </row>
    <row r="714780" spans="14:14">
      <c r="N714780" s="10"/>
    </row>
    <row r="714781" spans="14:14">
      <c r="N714781" s="10"/>
    </row>
    <row r="714782" spans="14:14">
      <c r="N714782" s="10"/>
    </row>
    <row r="714783" spans="14:14">
      <c r="N714783" s="10"/>
    </row>
    <row r="714784" spans="14:14">
      <c r="N714784" s="10"/>
    </row>
    <row r="714785" spans="14:14">
      <c r="N714785" s="10"/>
    </row>
    <row r="714786" spans="14:14">
      <c r="N714786" s="10"/>
    </row>
    <row r="714787" spans="14:14">
      <c r="N714787" s="10"/>
    </row>
    <row r="714788" spans="14:14">
      <c r="N714788" s="10"/>
    </row>
    <row r="714789" spans="14:14">
      <c r="N714789" s="10"/>
    </row>
    <row r="714790" spans="14:14">
      <c r="N714790" s="10"/>
    </row>
    <row r="714791" spans="14:14">
      <c r="N714791" s="10"/>
    </row>
    <row r="714792" spans="14:14">
      <c r="N714792" s="10"/>
    </row>
    <row r="714793" spans="14:14">
      <c r="N714793" s="10"/>
    </row>
    <row r="714794" spans="14:14">
      <c r="N714794" s="10"/>
    </row>
    <row r="714795" spans="14:14">
      <c r="N714795" s="10"/>
    </row>
    <row r="714796" spans="14:14">
      <c r="N714796" s="10"/>
    </row>
    <row r="714797" spans="14:14">
      <c r="N714797" s="10"/>
    </row>
    <row r="714798" spans="14:14">
      <c r="N714798" s="10"/>
    </row>
    <row r="714799" spans="14:14">
      <c r="N714799" s="10"/>
    </row>
    <row r="714800" spans="14:14">
      <c r="N714800" s="10"/>
    </row>
    <row r="714801" spans="14:14">
      <c r="N714801" s="10"/>
    </row>
    <row r="714802" spans="14:14">
      <c r="N714802" s="10"/>
    </row>
    <row r="714803" spans="14:14">
      <c r="N714803" s="10"/>
    </row>
    <row r="714804" spans="14:14">
      <c r="N714804" s="10"/>
    </row>
    <row r="714805" spans="14:14">
      <c r="N714805" s="10"/>
    </row>
    <row r="714806" spans="14:14">
      <c r="N714806" s="10"/>
    </row>
    <row r="714807" spans="14:14">
      <c r="N714807" s="10"/>
    </row>
    <row r="714808" spans="14:14">
      <c r="N714808" s="10"/>
    </row>
    <row r="714809" spans="14:14">
      <c r="N714809" s="10"/>
    </row>
    <row r="714810" spans="14:14">
      <c r="N714810" s="10"/>
    </row>
    <row r="714811" spans="14:14">
      <c r="N714811" s="10"/>
    </row>
    <row r="714812" spans="14:14">
      <c r="N714812" s="10"/>
    </row>
    <row r="714813" spans="14:14">
      <c r="N714813" s="10"/>
    </row>
    <row r="714814" spans="14:14">
      <c r="N714814" s="10"/>
    </row>
    <row r="714815" spans="14:14">
      <c r="N714815" s="10"/>
    </row>
    <row r="714816" spans="14:14">
      <c r="N714816" s="10"/>
    </row>
    <row r="714817" spans="14:14">
      <c r="N714817" s="10"/>
    </row>
    <row r="714818" spans="14:14">
      <c r="N714818" s="10"/>
    </row>
    <row r="714819" spans="14:14">
      <c r="N714819" s="10"/>
    </row>
    <row r="714820" spans="14:14">
      <c r="N714820" s="10"/>
    </row>
    <row r="714821" spans="14:14">
      <c r="N714821" s="10"/>
    </row>
    <row r="714822" spans="14:14">
      <c r="N714822" s="10"/>
    </row>
    <row r="714823" spans="14:14">
      <c r="N714823" s="10"/>
    </row>
    <row r="714824" spans="14:14">
      <c r="N714824" s="10"/>
    </row>
    <row r="714825" spans="14:14">
      <c r="N714825" s="10"/>
    </row>
    <row r="714826" spans="14:14">
      <c r="N714826" s="10"/>
    </row>
    <row r="714827" spans="14:14">
      <c r="N714827" s="10"/>
    </row>
    <row r="714828" spans="14:14">
      <c r="N714828" s="10"/>
    </row>
    <row r="714829" spans="14:14">
      <c r="N714829" s="10"/>
    </row>
    <row r="714830" spans="14:14">
      <c r="N714830" s="10"/>
    </row>
    <row r="714831" spans="14:14">
      <c r="N714831" s="10"/>
    </row>
    <row r="714832" spans="14:14">
      <c r="N714832" s="10"/>
    </row>
    <row r="714833" spans="14:14">
      <c r="N714833" s="10"/>
    </row>
    <row r="714834" spans="14:14">
      <c r="N714834" s="10"/>
    </row>
    <row r="714835" spans="14:14">
      <c r="N714835" s="10"/>
    </row>
    <row r="714836" spans="14:14">
      <c r="N714836" s="10"/>
    </row>
    <row r="714837" spans="14:14">
      <c r="N714837" s="10"/>
    </row>
    <row r="714838" spans="14:14">
      <c r="N714838" s="10"/>
    </row>
    <row r="714839" spans="14:14">
      <c r="N714839" s="10"/>
    </row>
    <row r="714840" spans="14:14">
      <c r="N714840" s="10"/>
    </row>
    <row r="714841" spans="14:14">
      <c r="N714841" s="10"/>
    </row>
    <row r="714842" spans="14:14">
      <c r="N714842" s="10"/>
    </row>
    <row r="714843" spans="14:14">
      <c r="N714843" s="10"/>
    </row>
    <row r="714844" spans="14:14">
      <c r="N714844" s="10"/>
    </row>
    <row r="714845" spans="14:14">
      <c r="N714845" s="10"/>
    </row>
    <row r="714846" spans="14:14">
      <c r="N714846" s="10"/>
    </row>
    <row r="714847" spans="14:14">
      <c r="N714847" s="10"/>
    </row>
    <row r="714848" spans="14:14">
      <c r="N714848" s="10"/>
    </row>
    <row r="714849" spans="14:14">
      <c r="N714849" s="10"/>
    </row>
    <row r="714850" spans="14:14">
      <c r="N714850" s="10"/>
    </row>
    <row r="714851" spans="14:14">
      <c r="N714851" s="10"/>
    </row>
    <row r="714852" spans="14:14">
      <c r="N714852" s="10"/>
    </row>
    <row r="714853" spans="14:14">
      <c r="N714853" s="10"/>
    </row>
    <row r="714854" spans="14:14">
      <c r="N714854" s="10"/>
    </row>
    <row r="714855" spans="14:14">
      <c r="N714855" s="10"/>
    </row>
    <row r="714856" spans="14:14">
      <c r="N714856" s="10"/>
    </row>
    <row r="714857" spans="14:14">
      <c r="N714857" s="10"/>
    </row>
    <row r="714858" spans="14:14">
      <c r="N714858" s="10"/>
    </row>
    <row r="714859" spans="14:14">
      <c r="N714859" s="10"/>
    </row>
    <row r="714860" spans="14:14">
      <c r="N714860" s="10"/>
    </row>
    <row r="714861" spans="14:14">
      <c r="N714861" s="10"/>
    </row>
    <row r="714862" spans="14:14">
      <c r="N714862" s="10"/>
    </row>
    <row r="714863" spans="14:14">
      <c r="N714863" s="10"/>
    </row>
    <row r="714864" spans="14:14">
      <c r="N714864" s="10"/>
    </row>
    <row r="714865" spans="14:14">
      <c r="N714865" s="10"/>
    </row>
    <row r="714866" spans="14:14">
      <c r="N714866" s="10"/>
    </row>
    <row r="714867" spans="14:14">
      <c r="N714867" s="10"/>
    </row>
    <row r="714868" spans="14:14">
      <c r="N714868" s="10"/>
    </row>
    <row r="714869" spans="14:14">
      <c r="N714869" s="10"/>
    </row>
    <row r="714870" spans="14:14">
      <c r="N714870" s="10"/>
    </row>
    <row r="714871" spans="14:14">
      <c r="N714871" s="10"/>
    </row>
    <row r="714872" spans="14:14">
      <c r="N714872" s="10"/>
    </row>
    <row r="714873" spans="14:14">
      <c r="N714873" s="10"/>
    </row>
    <row r="714874" spans="14:14">
      <c r="N714874" s="10"/>
    </row>
    <row r="714875" spans="14:14">
      <c r="N714875" s="10"/>
    </row>
    <row r="714876" spans="14:14">
      <c r="N714876" s="10"/>
    </row>
    <row r="714877" spans="14:14">
      <c r="N714877" s="10"/>
    </row>
    <row r="714878" spans="14:14">
      <c r="N714878" s="10"/>
    </row>
    <row r="714879" spans="14:14">
      <c r="N714879" s="10"/>
    </row>
    <row r="714880" spans="14:14">
      <c r="N714880" s="10"/>
    </row>
    <row r="714881" spans="14:14">
      <c r="N714881" s="10"/>
    </row>
    <row r="714882" spans="14:14">
      <c r="N714882" s="10"/>
    </row>
    <row r="714883" spans="14:14">
      <c r="N714883" s="10"/>
    </row>
    <row r="714884" spans="14:14">
      <c r="N714884" s="10"/>
    </row>
    <row r="714885" spans="14:14">
      <c r="N714885" s="10"/>
    </row>
    <row r="714886" spans="14:14">
      <c r="N714886" s="10"/>
    </row>
    <row r="714887" spans="14:14">
      <c r="N714887" s="10"/>
    </row>
    <row r="714888" spans="14:14">
      <c r="N714888" s="10"/>
    </row>
    <row r="714889" spans="14:14">
      <c r="N714889" s="10"/>
    </row>
    <row r="714890" spans="14:14">
      <c r="N714890" s="10"/>
    </row>
    <row r="714891" spans="14:14">
      <c r="N714891" s="10"/>
    </row>
    <row r="714892" spans="14:14">
      <c r="N714892" s="10"/>
    </row>
    <row r="714893" spans="14:14">
      <c r="N714893" s="10"/>
    </row>
    <row r="714894" spans="14:14">
      <c r="N714894" s="10"/>
    </row>
    <row r="714895" spans="14:14">
      <c r="N714895" s="10"/>
    </row>
    <row r="714896" spans="14:14">
      <c r="N714896" s="10"/>
    </row>
    <row r="714897" spans="14:14">
      <c r="N714897" s="10"/>
    </row>
    <row r="714898" spans="14:14">
      <c r="N714898" s="10"/>
    </row>
    <row r="714899" spans="14:14">
      <c r="N714899" s="10"/>
    </row>
    <row r="714900" spans="14:14">
      <c r="N714900" s="10"/>
    </row>
    <row r="714901" spans="14:14">
      <c r="N714901" s="10"/>
    </row>
    <row r="714902" spans="14:14">
      <c r="N714902" s="10"/>
    </row>
    <row r="714903" spans="14:14">
      <c r="N714903" s="10"/>
    </row>
    <row r="714904" spans="14:14">
      <c r="N714904" s="10"/>
    </row>
    <row r="714905" spans="14:14">
      <c r="N714905" s="10"/>
    </row>
    <row r="714906" spans="14:14">
      <c r="N714906" s="10"/>
    </row>
    <row r="714907" spans="14:14">
      <c r="N714907" s="10"/>
    </row>
    <row r="714908" spans="14:14">
      <c r="N714908" s="10"/>
    </row>
    <row r="714909" spans="14:14">
      <c r="N714909" s="10"/>
    </row>
    <row r="714910" spans="14:14">
      <c r="N714910" s="10"/>
    </row>
    <row r="714911" spans="14:14">
      <c r="N714911" s="10"/>
    </row>
    <row r="714912" spans="14:14">
      <c r="N714912" s="10"/>
    </row>
    <row r="714913" spans="14:14">
      <c r="N714913" s="10"/>
    </row>
    <row r="714914" spans="14:14">
      <c r="N714914" s="10"/>
    </row>
    <row r="714915" spans="14:14">
      <c r="N714915" s="10"/>
    </row>
    <row r="714916" spans="14:14">
      <c r="N714916" s="10"/>
    </row>
    <row r="714917" spans="14:14">
      <c r="N714917" s="10"/>
    </row>
    <row r="714918" spans="14:14">
      <c r="N714918" s="10"/>
    </row>
    <row r="714919" spans="14:14">
      <c r="N714919" s="10"/>
    </row>
    <row r="714920" spans="14:14">
      <c r="N714920" s="10"/>
    </row>
    <row r="714921" spans="14:14">
      <c r="N714921" s="10"/>
    </row>
    <row r="714922" spans="14:14">
      <c r="N714922" s="10"/>
    </row>
    <row r="714923" spans="14:14">
      <c r="N714923" s="10"/>
    </row>
    <row r="714924" spans="14:14">
      <c r="N714924" s="10"/>
    </row>
    <row r="714925" spans="14:14">
      <c r="N714925" s="10"/>
    </row>
    <row r="714926" spans="14:14">
      <c r="N714926" s="10"/>
    </row>
    <row r="714927" spans="14:14">
      <c r="N714927" s="10"/>
    </row>
    <row r="714928" spans="14:14">
      <c r="N714928" s="10"/>
    </row>
    <row r="714929" spans="14:14">
      <c r="N714929" s="10"/>
    </row>
    <row r="714930" spans="14:14">
      <c r="N714930" s="10"/>
    </row>
    <row r="714931" spans="14:14">
      <c r="N714931" s="10"/>
    </row>
    <row r="714932" spans="14:14">
      <c r="N714932" s="10"/>
    </row>
    <row r="714933" spans="14:14">
      <c r="N714933" s="10"/>
    </row>
    <row r="714934" spans="14:14">
      <c r="N714934" s="10"/>
    </row>
    <row r="714935" spans="14:14">
      <c r="N714935" s="10"/>
    </row>
    <row r="714936" spans="14:14">
      <c r="N714936" s="10"/>
    </row>
    <row r="714937" spans="14:14">
      <c r="N714937" s="10"/>
    </row>
    <row r="714938" spans="14:14">
      <c r="N714938" s="10"/>
    </row>
    <row r="714939" spans="14:14">
      <c r="N714939" s="10"/>
    </row>
    <row r="714940" spans="14:14">
      <c r="N714940" s="10"/>
    </row>
    <row r="714941" spans="14:14">
      <c r="N714941" s="10"/>
    </row>
    <row r="714942" spans="14:14">
      <c r="N714942" s="10"/>
    </row>
    <row r="714943" spans="14:14">
      <c r="N714943" s="10"/>
    </row>
    <row r="714944" spans="14:14">
      <c r="N714944" s="10"/>
    </row>
    <row r="714945" spans="14:14">
      <c r="N714945" s="10"/>
    </row>
    <row r="714946" spans="14:14">
      <c r="N714946" s="10"/>
    </row>
    <row r="714947" spans="14:14">
      <c r="N714947" s="10"/>
    </row>
    <row r="714948" spans="14:14">
      <c r="N714948" s="10"/>
    </row>
    <row r="714949" spans="14:14">
      <c r="N714949" s="10"/>
    </row>
    <row r="714950" spans="14:14">
      <c r="N714950" s="10"/>
    </row>
    <row r="714951" spans="14:14">
      <c r="N714951" s="10"/>
    </row>
    <row r="714952" spans="14:14">
      <c r="N714952" s="10"/>
    </row>
    <row r="714953" spans="14:14">
      <c r="N714953" s="10"/>
    </row>
    <row r="714954" spans="14:14">
      <c r="N714954" s="10"/>
    </row>
    <row r="714955" spans="14:14">
      <c r="N714955" s="10"/>
    </row>
    <row r="714956" spans="14:14">
      <c r="N714956" s="10"/>
    </row>
    <row r="714957" spans="14:14">
      <c r="N714957" s="10"/>
    </row>
    <row r="714958" spans="14:14">
      <c r="N714958" s="10"/>
    </row>
    <row r="714959" spans="14:14">
      <c r="N714959" s="10"/>
    </row>
    <row r="714960" spans="14:14">
      <c r="N714960" s="10"/>
    </row>
    <row r="714961" spans="14:14">
      <c r="N714961" s="10"/>
    </row>
    <row r="714962" spans="14:14">
      <c r="N714962" s="10"/>
    </row>
    <row r="714963" spans="14:14">
      <c r="N714963" s="10"/>
    </row>
    <row r="714964" spans="14:14">
      <c r="N714964" s="10"/>
    </row>
    <row r="714965" spans="14:14">
      <c r="N714965" s="10"/>
    </row>
    <row r="714966" spans="14:14">
      <c r="N714966" s="10"/>
    </row>
    <row r="714967" spans="14:14">
      <c r="N714967" s="10"/>
    </row>
    <row r="714968" spans="14:14">
      <c r="N714968" s="10"/>
    </row>
    <row r="714969" spans="14:14">
      <c r="N714969" s="10"/>
    </row>
    <row r="714970" spans="14:14">
      <c r="N714970" s="10"/>
    </row>
    <row r="714971" spans="14:14">
      <c r="N714971" s="10"/>
    </row>
    <row r="714972" spans="14:14">
      <c r="N714972" s="10"/>
    </row>
    <row r="714973" spans="14:14">
      <c r="N714973" s="10"/>
    </row>
    <row r="714974" spans="14:14">
      <c r="N714974" s="10"/>
    </row>
    <row r="714975" spans="14:14">
      <c r="N714975" s="10"/>
    </row>
    <row r="714976" spans="14:14">
      <c r="N714976" s="10"/>
    </row>
    <row r="714977" spans="14:14">
      <c r="N714977" s="10"/>
    </row>
    <row r="714978" spans="14:14">
      <c r="N714978" s="10"/>
    </row>
    <row r="714979" spans="14:14">
      <c r="N714979" s="10"/>
    </row>
    <row r="714980" spans="14:14">
      <c r="N714980" s="10"/>
    </row>
    <row r="714981" spans="14:14">
      <c r="N714981" s="10"/>
    </row>
    <row r="714982" spans="14:14">
      <c r="N714982" s="10"/>
    </row>
    <row r="714983" spans="14:14">
      <c r="N714983" s="10"/>
    </row>
    <row r="714984" spans="14:14">
      <c r="N714984" s="10"/>
    </row>
    <row r="714985" spans="14:14">
      <c r="N714985" s="10"/>
    </row>
    <row r="714986" spans="14:14">
      <c r="N714986" s="10"/>
    </row>
    <row r="714987" spans="14:14">
      <c r="N714987" s="10"/>
    </row>
    <row r="714988" spans="14:14">
      <c r="N714988" s="10"/>
    </row>
    <row r="714989" spans="14:14">
      <c r="N714989" s="10"/>
    </row>
    <row r="714990" spans="14:14">
      <c r="N714990" s="10"/>
    </row>
    <row r="714991" spans="14:14">
      <c r="N714991" s="10"/>
    </row>
    <row r="714992" spans="14:14">
      <c r="N714992" s="10"/>
    </row>
    <row r="714993" spans="14:14">
      <c r="N714993" s="10"/>
    </row>
    <row r="714994" spans="14:14">
      <c r="N714994" s="10"/>
    </row>
    <row r="714995" spans="14:14">
      <c r="N714995" s="10"/>
    </row>
    <row r="714996" spans="14:14">
      <c r="N714996" s="10"/>
    </row>
    <row r="714997" spans="14:14">
      <c r="N714997" s="10"/>
    </row>
    <row r="714998" spans="14:14">
      <c r="N714998" s="10"/>
    </row>
    <row r="714999" spans="14:14">
      <c r="N714999" s="10"/>
    </row>
    <row r="715000" spans="14:14">
      <c r="N715000" s="10"/>
    </row>
    <row r="715001" spans="14:14">
      <c r="N715001" s="10"/>
    </row>
    <row r="715002" spans="14:14">
      <c r="N715002" s="10"/>
    </row>
    <row r="715003" spans="14:14">
      <c r="N715003" s="10"/>
    </row>
    <row r="715004" spans="14:14">
      <c r="N715004" s="10"/>
    </row>
    <row r="715005" spans="14:14">
      <c r="N715005" s="10"/>
    </row>
    <row r="715006" spans="14:14">
      <c r="N715006" s="10"/>
    </row>
    <row r="715007" spans="14:14">
      <c r="N715007" s="10"/>
    </row>
    <row r="715008" spans="14:14">
      <c r="N715008" s="10"/>
    </row>
    <row r="715009" spans="14:14">
      <c r="N715009" s="10"/>
    </row>
    <row r="715010" spans="14:14">
      <c r="N715010" s="10"/>
    </row>
    <row r="715011" spans="14:14">
      <c r="N715011" s="10"/>
    </row>
    <row r="715012" spans="14:14">
      <c r="N715012" s="10"/>
    </row>
    <row r="715013" spans="14:14">
      <c r="N715013" s="10"/>
    </row>
    <row r="715014" spans="14:14">
      <c r="N715014" s="10"/>
    </row>
    <row r="715015" spans="14:14">
      <c r="N715015" s="10"/>
    </row>
    <row r="715016" spans="14:14">
      <c r="N715016" s="10"/>
    </row>
    <row r="715017" spans="14:14">
      <c r="N715017" s="10"/>
    </row>
    <row r="715018" spans="14:14">
      <c r="N715018" s="10"/>
    </row>
    <row r="715019" spans="14:14">
      <c r="N715019" s="10"/>
    </row>
    <row r="715020" spans="14:14">
      <c r="N715020" s="10"/>
    </row>
    <row r="715021" spans="14:14">
      <c r="N715021" s="10"/>
    </row>
    <row r="715022" spans="14:14">
      <c r="N715022" s="10"/>
    </row>
    <row r="715023" spans="14:14">
      <c r="N715023" s="10"/>
    </row>
    <row r="715024" spans="14:14">
      <c r="N715024" s="10"/>
    </row>
    <row r="715025" spans="14:14">
      <c r="N715025" s="10"/>
    </row>
    <row r="715026" spans="14:14">
      <c r="N715026" s="10"/>
    </row>
    <row r="715027" spans="14:14">
      <c r="N715027" s="10"/>
    </row>
    <row r="715028" spans="14:14">
      <c r="N715028" s="10"/>
    </row>
    <row r="715029" spans="14:14">
      <c r="N715029" s="10"/>
    </row>
    <row r="715030" spans="14:14">
      <c r="N715030" s="10"/>
    </row>
    <row r="715031" spans="14:14">
      <c r="N715031" s="10"/>
    </row>
    <row r="715032" spans="14:14">
      <c r="N715032" s="10"/>
    </row>
    <row r="715033" spans="14:14">
      <c r="N715033" s="10"/>
    </row>
    <row r="715034" spans="14:14">
      <c r="N715034" s="10"/>
    </row>
    <row r="715035" spans="14:14">
      <c r="N715035" s="10"/>
    </row>
    <row r="715036" spans="14:14">
      <c r="N715036" s="10"/>
    </row>
    <row r="715037" spans="14:14">
      <c r="N715037" s="10"/>
    </row>
    <row r="715038" spans="14:14">
      <c r="N715038" s="10"/>
    </row>
    <row r="715039" spans="14:14">
      <c r="N715039" s="10"/>
    </row>
    <row r="715040" spans="14:14">
      <c r="N715040" s="10"/>
    </row>
    <row r="715041" spans="14:14">
      <c r="N715041" s="10"/>
    </row>
    <row r="715042" spans="14:14">
      <c r="N715042" s="10"/>
    </row>
    <row r="715043" spans="14:14">
      <c r="N715043" s="10"/>
    </row>
    <row r="715044" spans="14:14">
      <c r="N715044" s="10"/>
    </row>
    <row r="715045" spans="14:14">
      <c r="N715045" s="10"/>
    </row>
    <row r="715046" spans="14:14">
      <c r="N715046" s="10"/>
    </row>
    <row r="715047" spans="14:14">
      <c r="N715047" s="10"/>
    </row>
    <row r="715048" spans="14:14">
      <c r="N715048" s="10"/>
    </row>
    <row r="715049" spans="14:14">
      <c r="N715049" s="10"/>
    </row>
    <row r="715050" spans="14:14">
      <c r="N715050" s="10"/>
    </row>
    <row r="715051" spans="14:14">
      <c r="N715051" s="10"/>
    </row>
    <row r="715052" spans="14:14">
      <c r="N715052" s="10"/>
    </row>
    <row r="715053" spans="14:14">
      <c r="N715053" s="10"/>
    </row>
    <row r="715054" spans="14:14">
      <c r="N715054" s="10"/>
    </row>
    <row r="715055" spans="14:14">
      <c r="N715055" s="10"/>
    </row>
    <row r="715056" spans="14:14">
      <c r="N715056" s="10"/>
    </row>
    <row r="715057" spans="14:14">
      <c r="N715057" s="10"/>
    </row>
    <row r="715058" spans="14:14">
      <c r="N715058" s="10"/>
    </row>
    <row r="715059" spans="14:14">
      <c r="N715059" s="10"/>
    </row>
    <row r="715060" spans="14:14">
      <c r="N715060" s="10"/>
    </row>
    <row r="715061" spans="14:14">
      <c r="N715061" s="10"/>
    </row>
    <row r="715062" spans="14:14">
      <c r="N715062" s="10"/>
    </row>
    <row r="715063" spans="14:14">
      <c r="N715063" s="10"/>
    </row>
    <row r="715064" spans="14:14">
      <c r="N715064" s="10"/>
    </row>
    <row r="715065" spans="14:14">
      <c r="N715065" s="10"/>
    </row>
    <row r="715066" spans="14:14">
      <c r="N715066" s="10"/>
    </row>
    <row r="715067" spans="14:14">
      <c r="N715067" s="10"/>
    </row>
    <row r="715068" spans="14:14">
      <c r="N715068" s="10"/>
    </row>
    <row r="715069" spans="14:14">
      <c r="N715069" s="10"/>
    </row>
    <row r="715070" spans="14:14">
      <c r="N715070" s="10"/>
    </row>
    <row r="715071" spans="14:14">
      <c r="N715071" s="10"/>
    </row>
    <row r="715072" spans="14:14">
      <c r="N715072" s="10"/>
    </row>
    <row r="715073" spans="14:14">
      <c r="N715073" s="10"/>
    </row>
    <row r="715074" spans="14:14">
      <c r="N715074" s="10"/>
    </row>
    <row r="715075" spans="14:14">
      <c r="N715075" s="10"/>
    </row>
    <row r="715076" spans="14:14">
      <c r="N715076" s="10"/>
    </row>
    <row r="715077" spans="14:14">
      <c r="N715077" s="10"/>
    </row>
    <row r="715078" spans="14:14">
      <c r="N715078" s="10"/>
    </row>
    <row r="715079" spans="14:14">
      <c r="N715079" s="10"/>
    </row>
    <row r="715080" spans="14:14">
      <c r="N715080" s="10"/>
    </row>
    <row r="715081" spans="14:14">
      <c r="N715081" s="10"/>
    </row>
    <row r="715082" spans="14:14">
      <c r="N715082" s="10"/>
    </row>
    <row r="715083" spans="14:14">
      <c r="N715083" s="10"/>
    </row>
    <row r="715084" spans="14:14">
      <c r="N715084" s="10"/>
    </row>
    <row r="715085" spans="14:14">
      <c r="N715085" s="10"/>
    </row>
    <row r="715086" spans="14:14">
      <c r="N715086" s="10"/>
    </row>
    <row r="715087" spans="14:14">
      <c r="N715087" s="10"/>
    </row>
    <row r="715088" spans="14:14">
      <c r="N715088" s="10"/>
    </row>
    <row r="715089" spans="14:14">
      <c r="N715089" s="10"/>
    </row>
    <row r="715090" spans="14:14">
      <c r="N715090" s="10"/>
    </row>
    <row r="715091" spans="14:14">
      <c r="N715091" s="10"/>
    </row>
    <row r="715092" spans="14:14">
      <c r="N715092" s="10"/>
    </row>
    <row r="715093" spans="14:14">
      <c r="N715093" s="10"/>
    </row>
    <row r="715094" spans="14:14">
      <c r="N715094" s="10"/>
    </row>
    <row r="715095" spans="14:14">
      <c r="N715095" s="10"/>
    </row>
    <row r="715096" spans="14:14">
      <c r="N715096" s="10"/>
    </row>
    <row r="715097" spans="14:14">
      <c r="N715097" s="10"/>
    </row>
    <row r="715098" spans="14:14">
      <c r="N715098" s="10"/>
    </row>
    <row r="715099" spans="14:14">
      <c r="N715099" s="10"/>
    </row>
    <row r="715100" spans="14:14">
      <c r="N715100" s="10"/>
    </row>
    <row r="715101" spans="14:14">
      <c r="N715101" s="10"/>
    </row>
    <row r="715102" spans="14:14">
      <c r="N715102" s="10"/>
    </row>
    <row r="715103" spans="14:14">
      <c r="N715103" s="10"/>
    </row>
    <row r="715104" spans="14:14">
      <c r="N715104" s="10"/>
    </row>
    <row r="715105" spans="14:14">
      <c r="N715105" s="10"/>
    </row>
    <row r="715106" spans="14:14">
      <c r="N715106" s="10"/>
    </row>
    <row r="715107" spans="14:14">
      <c r="N715107" s="10"/>
    </row>
    <row r="715108" spans="14:14">
      <c r="N715108" s="10"/>
    </row>
    <row r="715109" spans="14:14">
      <c r="N715109" s="10"/>
    </row>
    <row r="715110" spans="14:14">
      <c r="N715110" s="10"/>
    </row>
    <row r="715111" spans="14:14">
      <c r="N715111" s="10"/>
    </row>
    <row r="715112" spans="14:14">
      <c r="N715112" s="10"/>
    </row>
    <row r="715113" spans="14:14">
      <c r="N715113" s="10"/>
    </row>
    <row r="715114" spans="14:14">
      <c r="N715114" s="10"/>
    </row>
    <row r="715115" spans="14:14">
      <c r="N715115" s="10"/>
    </row>
    <row r="715116" spans="14:14">
      <c r="N715116" s="10"/>
    </row>
    <row r="715117" spans="14:14">
      <c r="N715117" s="10"/>
    </row>
    <row r="715118" spans="14:14">
      <c r="N715118" s="10"/>
    </row>
    <row r="715119" spans="14:14">
      <c r="N715119" s="10"/>
    </row>
    <row r="715120" spans="14:14">
      <c r="N715120" s="10"/>
    </row>
    <row r="715121" spans="14:14">
      <c r="N715121" s="10"/>
    </row>
    <row r="715122" spans="14:14">
      <c r="N715122" s="10"/>
    </row>
    <row r="715123" spans="14:14">
      <c r="N715123" s="10"/>
    </row>
    <row r="715124" spans="14:14">
      <c r="N715124" s="10"/>
    </row>
    <row r="715125" spans="14:14">
      <c r="N715125" s="10"/>
    </row>
    <row r="715126" spans="14:14">
      <c r="N715126" s="10"/>
    </row>
    <row r="715127" spans="14:14">
      <c r="N715127" s="10"/>
    </row>
    <row r="715128" spans="14:14">
      <c r="N715128" s="10"/>
    </row>
    <row r="715129" spans="14:14">
      <c r="N715129" s="10"/>
    </row>
    <row r="715130" spans="14:14">
      <c r="N715130" s="10"/>
    </row>
    <row r="715131" spans="14:14">
      <c r="N715131" s="10"/>
    </row>
    <row r="715132" spans="14:14">
      <c r="N715132" s="10"/>
    </row>
    <row r="715133" spans="14:14">
      <c r="N715133" s="10"/>
    </row>
    <row r="715134" spans="14:14">
      <c r="N715134" s="10"/>
    </row>
    <row r="715135" spans="14:14">
      <c r="N715135" s="10"/>
    </row>
    <row r="715136" spans="14:14">
      <c r="N715136" s="10"/>
    </row>
    <row r="715137" spans="14:14">
      <c r="N715137" s="10"/>
    </row>
    <row r="715138" spans="14:14">
      <c r="N715138" s="10"/>
    </row>
    <row r="715139" spans="14:14">
      <c r="N715139" s="10"/>
    </row>
    <row r="715140" spans="14:14">
      <c r="N715140" s="10"/>
    </row>
    <row r="715141" spans="14:14">
      <c r="N715141" s="10"/>
    </row>
    <row r="715142" spans="14:14">
      <c r="N715142" s="10"/>
    </row>
    <row r="715143" spans="14:14">
      <c r="N715143" s="10"/>
    </row>
    <row r="715144" spans="14:14">
      <c r="N715144" s="10"/>
    </row>
    <row r="715145" spans="14:14">
      <c r="N715145" s="10"/>
    </row>
    <row r="715146" spans="14:14">
      <c r="N715146" s="10"/>
    </row>
    <row r="715147" spans="14:14">
      <c r="N715147" s="10"/>
    </row>
    <row r="715148" spans="14:14">
      <c r="N715148" s="10"/>
    </row>
    <row r="715149" spans="14:14">
      <c r="N715149" s="10"/>
    </row>
    <row r="715150" spans="14:14">
      <c r="N715150" s="10"/>
    </row>
    <row r="715151" spans="14:14">
      <c r="N715151" s="10"/>
    </row>
    <row r="715152" spans="14:14">
      <c r="N715152" s="10"/>
    </row>
    <row r="715153" spans="14:14">
      <c r="N715153" s="10"/>
    </row>
    <row r="715154" spans="14:14">
      <c r="N715154" s="10"/>
    </row>
    <row r="715155" spans="14:14">
      <c r="N715155" s="10"/>
    </row>
    <row r="715156" spans="14:14">
      <c r="N715156" s="10"/>
    </row>
    <row r="715157" spans="14:14">
      <c r="N715157" s="10"/>
    </row>
    <row r="715158" spans="14:14">
      <c r="N715158" s="10"/>
    </row>
    <row r="715159" spans="14:14">
      <c r="N715159" s="10"/>
    </row>
    <row r="715160" spans="14:14">
      <c r="N715160" s="10"/>
    </row>
    <row r="715161" spans="14:14">
      <c r="N715161" s="10"/>
    </row>
    <row r="715162" spans="14:14">
      <c r="N715162" s="10"/>
    </row>
    <row r="715163" spans="14:14">
      <c r="N715163" s="10"/>
    </row>
    <row r="715164" spans="14:14">
      <c r="N715164" s="10"/>
    </row>
    <row r="715165" spans="14:14">
      <c r="N715165" s="10"/>
    </row>
    <row r="715166" spans="14:14">
      <c r="N715166" s="10"/>
    </row>
    <row r="715167" spans="14:14">
      <c r="N715167" s="10"/>
    </row>
    <row r="715168" spans="14:14">
      <c r="N715168" s="10"/>
    </row>
    <row r="715169" spans="14:14">
      <c r="N715169" s="10"/>
    </row>
    <row r="715170" spans="14:14">
      <c r="N715170" s="10"/>
    </row>
    <row r="715171" spans="14:14">
      <c r="N715171" s="10"/>
    </row>
    <row r="715172" spans="14:14">
      <c r="N715172" s="10"/>
    </row>
    <row r="715173" spans="14:14">
      <c r="N715173" s="10"/>
    </row>
    <row r="715174" spans="14:14">
      <c r="N715174" s="10"/>
    </row>
    <row r="715175" spans="14:14">
      <c r="N715175" s="10"/>
    </row>
    <row r="715176" spans="14:14">
      <c r="N715176" s="10"/>
    </row>
    <row r="715177" spans="14:14">
      <c r="N715177" s="10"/>
    </row>
    <row r="715178" spans="14:14">
      <c r="N715178" s="10"/>
    </row>
    <row r="715179" spans="14:14">
      <c r="N715179" s="10"/>
    </row>
    <row r="715180" spans="14:14">
      <c r="N715180" s="10"/>
    </row>
    <row r="715181" spans="14:14">
      <c r="N715181" s="10"/>
    </row>
    <row r="715182" spans="14:14">
      <c r="N715182" s="10"/>
    </row>
    <row r="715183" spans="14:14">
      <c r="N715183" s="10"/>
    </row>
    <row r="715184" spans="14:14">
      <c r="N715184" s="10"/>
    </row>
    <row r="715185" spans="14:14">
      <c r="N715185" s="10"/>
    </row>
    <row r="715186" spans="14:14">
      <c r="N715186" s="10"/>
    </row>
    <row r="715187" spans="14:14">
      <c r="N715187" s="10"/>
    </row>
    <row r="715188" spans="14:14">
      <c r="N715188" s="10"/>
    </row>
    <row r="715189" spans="14:14">
      <c r="N715189" s="10"/>
    </row>
    <row r="715190" spans="14:14">
      <c r="N715190" s="10"/>
    </row>
    <row r="715191" spans="14:14">
      <c r="N715191" s="10"/>
    </row>
    <row r="715192" spans="14:14">
      <c r="N715192" s="10"/>
    </row>
    <row r="715193" spans="14:14">
      <c r="N715193" s="10"/>
    </row>
    <row r="715194" spans="14:14">
      <c r="N715194" s="10"/>
    </row>
    <row r="715195" spans="14:14">
      <c r="N715195" s="10"/>
    </row>
    <row r="715196" spans="14:14">
      <c r="N715196" s="10"/>
    </row>
    <row r="715197" spans="14:14">
      <c r="N715197" s="10"/>
    </row>
    <row r="715198" spans="14:14">
      <c r="N715198" s="10"/>
    </row>
    <row r="715199" spans="14:14">
      <c r="N715199" s="10"/>
    </row>
    <row r="715200" spans="14:14">
      <c r="N715200" s="10"/>
    </row>
    <row r="715201" spans="14:14">
      <c r="N715201" s="10"/>
    </row>
    <row r="715202" spans="14:14">
      <c r="N715202" s="10"/>
    </row>
    <row r="715203" spans="14:14">
      <c r="N715203" s="10"/>
    </row>
    <row r="715204" spans="14:14">
      <c r="N715204" s="10"/>
    </row>
    <row r="715205" spans="14:14">
      <c r="N715205" s="10"/>
    </row>
    <row r="715206" spans="14:14">
      <c r="N715206" s="10"/>
    </row>
    <row r="715207" spans="14:14">
      <c r="N715207" s="10"/>
    </row>
    <row r="715208" spans="14:14">
      <c r="N715208" s="10"/>
    </row>
    <row r="715209" spans="14:14">
      <c r="N715209" s="10"/>
    </row>
    <row r="715210" spans="14:14">
      <c r="N715210" s="10"/>
    </row>
    <row r="715211" spans="14:14">
      <c r="N715211" s="10"/>
    </row>
    <row r="715212" spans="14:14">
      <c r="N715212" s="10"/>
    </row>
    <row r="715213" spans="14:14">
      <c r="N715213" s="10"/>
    </row>
    <row r="715214" spans="14:14">
      <c r="N715214" s="10"/>
    </row>
    <row r="715215" spans="14:14">
      <c r="N715215" s="10"/>
    </row>
    <row r="715216" spans="14:14">
      <c r="N715216" s="10"/>
    </row>
    <row r="715217" spans="14:14">
      <c r="N715217" s="10"/>
    </row>
    <row r="715218" spans="14:14">
      <c r="N715218" s="10"/>
    </row>
    <row r="715219" spans="14:14">
      <c r="N715219" s="10"/>
    </row>
    <row r="715220" spans="14:14">
      <c r="N715220" s="10"/>
    </row>
    <row r="715221" spans="14:14">
      <c r="N715221" s="10"/>
    </row>
    <row r="715222" spans="14:14">
      <c r="N715222" s="10"/>
    </row>
    <row r="715223" spans="14:14">
      <c r="N715223" s="10"/>
    </row>
    <row r="715224" spans="14:14">
      <c r="N715224" s="10"/>
    </row>
    <row r="715225" spans="14:14">
      <c r="N715225" s="10"/>
    </row>
    <row r="715226" spans="14:14">
      <c r="N715226" s="10"/>
    </row>
    <row r="715227" spans="14:14">
      <c r="N715227" s="10"/>
    </row>
    <row r="715228" spans="14:14">
      <c r="N715228" s="10"/>
    </row>
    <row r="715229" spans="14:14">
      <c r="N715229" s="10"/>
    </row>
    <row r="715230" spans="14:14">
      <c r="N715230" s="10"/>
    </row>
    <row r="715231" spans="14:14">
      <c r="N715231" s="10"/>
    </row>
    <row r="715232" spans="14:14">
      <c r="N715232" s="10"/>
    </row>
    <row r="715233" spans="14:14">
      <c r="N715233" s="10"/>
    </row>
    <row r="715234" spans="14:14">
      <c r="N715234" s="10"/>
    </row>
    <row r="715235" spans="14:14">
      <c r="N715235" s="10"/>
    </row>
    <row r="715236" spans="14:14">
      <c r="N715236" s="10"/>
    </row>
    <row r="715237" spans="14:14">
      <c r="N715237" s="10"/>
    </row>
    <row r="715238" spans="14:14">
      <c r="N715238" s="10"/>
    </row>
    <row r="715239" spans="14:14">
      <c r="N715239" s="10"/>
    </row>
    <row r="715240" spans="14:14">
      <c r="N715240" s="10"/>
    </row>
    <row r="715241" spans="14:14">
      <c r="N715241" s="10"/>
    </row>
    <row r="715242" spans="14:14">
      <c r="N715242" s="10"/>
    </row>
    <row r="715243" spans="14:14">
      <c r="N715243" s="10"/>
    </row>
    <row r="715244" spans="14:14">
      <c r="N715244" s="10"/>
    </row>
    <row r="715245" spans="14:14">
      <c r="N715245" s="10"/>
    </row>
    <row r="715246" spans="14:14">
      <c r="N715246" s="10"/>
    </row>
    <row r="715247" spans="14:14">
      <c r="N715247" s="10"/>
    </row>
    <row r="715248" spans="14:14">
      <c r="N715248" s="10"/>
    </row>
    <row r="715249" spans="14:14">
      <c r="N715249" s="10"/>
    </row>
    <row r="715250" spans="14:14">
      <c r="N715250" s="10"/>
    </row>
    <row r="715251" spans="14:14">
      <c r="N715251" s="10"/>
    </row>
    <row r="715252" spans="14:14">
      <c r="N715252" s="10"/>
    </row>
    <row r="715253" spans="14:14">
      <c r="N715253" s="10"/>
    </row>
    <row r="715254" spans="14:14">
      <c r="N715254" s="10"/>
    </row>
    <row r="715255" spans="14:14">
      <c r="N715255" s="10"/>
    </row>
    <row r="715256" spans="14:14">
      <c r="N715256" s="10"/>
    </row>
    <row r="715257" spans="14:14">
      <c r="N715257" s="10"/>
    </row>
    <row r="715258" spans="14:14">
      <c r="N715258" s="10"/>
    </row>
    <row r="715259" spans="14:14">
      <c r="N715259" s="10"/>
    </row>
    <row r="715260" spans="14:14">
      <c r="N715260" s="10"/>
    </row>
    <row r="715261" spans="14:14">
      <c r="N715261" s="10"/>
    </row>
    <row r="715262" spans="14:14">
      <c r="N715262" s="10"/>
    </row>
    <row r="715263" spans="14:14">
      <c r="N715263" s="10"/>
    </row>
    <row r="715264" spans="14:14">
      <c r="N715264" s="10"/>
    </row>
    <row r="715265" spans="14:14">
      <c r="N715265" s="10"/>
    </row>
    <row r="715266" spans="14:14">
      <c r="N715266" s="10"/>
    </row>
    <row r="715267" spans="14:14">
      <c r="N715267" s="10"/>
    </row>
    <row r="715268" spans="14:14">
      <c r="N715268" s="10"/>
    </row>
    <row r="715269" spans="14:14">
      <c r="N715269" s="10"/>
    </row>
    <row r="715270" spans="14:14">
      <c r="N715270" s="10"/>
    </row>
    <row r="715271" spans="14:14">
      <c r="N715271" s="10"/>
    </row>
    <row r="715272" spans="14:14">
      <c r="N715272" s="10"/>
    </row>
    <row r="715273" spans="14:14">
      <c r="N715273" s="10"/>
    </row>
    <row r="715274" spans="14:14">
      <c r="N715274" s="10"/>
    </row>
    <row r="715275" spans="14:14">
      <c r="N715275" s="10"/>
    </row>
    <row r="715276" spans="14:14">
      <c r="N715276" s="10"/>
    </row>
    <row r="715277" spans="14:14">
      <c r="N715277" s="10"/>
    </row>
    <row r="715278" spans="14:14">
      <c r="N715278" s="10"/>
    </row>
    <row r="715279" spans="14:14">
      <c r="N715279" s="10"/>
    </row>
    <row r="715280" spans="14:14">
      <c r="N715280" s="10"/>
    </row>
    <row r="715281" spans="14:14">
      <c r="N715281" s="10"/>
    </row>
    <row r="715282" spans="14:14">
      <c r="N715282" s="10"/>
    </row>
    <row r="715283" spans="14:14">
      <c r="N715283" s="10"/>
    </row>
    <row r="715284" spans="14:14">
      <c r="N715284" s="10"/>
    </row>
    <row r="715285" spans="14:14">
      <c r="N715285" s="10"/>
    </row>
    <row r="715286" spans="14:14">
      <c r="N715286" s="10"/>
    </row>
    <row r="715287" spans="14:14">
      <c r="N715287" s="10"/>
    </row>
    <row r="715288" spans="14:14">
      <c r="N715288" s="10"/>
    </row>
    <row r="715289" spans="14:14">
      <c r="N715289" s="10"/>
    </row>
    <row r="715290" spans="14:14">
      <c r="N715290" s="10"/>
    </row>
    <row r="715291" spans="14:14">
      <c r="N715291" s="10"/>
    </row>
    <row r="715292" spans="14:14">
      <c r="N715292" s="10"/>
    </row>
    <row r="715293" spans="14:14">
      <c r="N715293" s="10"/>
    </row>
    <row r="715294" spans="14:14">
      <c r="N715294" s="10"/>
    </row>
    <row r="715295" spans="14:14">
      <c r="N715295" s="10"/>
    </row>
    <row r="715296" spans="14:14">
      <c r="N715296" s="10"/>
    </row>
    <row r="715297" spans="14:14">
      <c r="N715297" s="10"/>
    </row>
    <row r="715298" spans="14:14">
      <c r="N715298" s="10"/>
    </row>
    <row r="715299" spans="14:14">
      <c r="N715299" s="10"/>
    </row>
    <row r="715300" spans="14:14">
      <c r="N715300" s="10"/>
    </row>
    <row r="715301" spans="14:14">
      <c r="N715301" s="10"/>
    </row>
    <row r="715302" spans="14:14">
      <c r="N715302" s="10"/>
    </row>
    <row r="715303" spans="14:14">
      <c r="N715303" s="10"/>
    </row>
    <row r="715304" spans="14:14">
      <c r="N715304" s="10"/>
    </row>
    <row r="715305" spans="14:14">
      <c r="N715305" s="10"/>
    </row>
    <row r="715306" spans="14:14">
      <c r="N715306" s="10"/>
    </row>
    <row r="715307" spans="14:14">
      <c r="N715307" s="10"/>
    </row>
    <row r="715308" spans="14:14">
      <c r="N715308" s="10"/>
    </row>
    <row r="715309" spans="14:14">
      <c r="N715309" s="10"/>
    </row>
    <row r="715310" spans="14:14">
      <c r="N715310" s="10"/>
    </row>
    <row r="715311" spans="14:14">
      <c r="N715311" s="10"/>
    </row>
    <row r="715312" spans="14:14">
      <c r="N715312" s="10"/>
    </row>
    <row r="715313" spans="14:14">
      <c r="N715313" s="10"/>
    </row>
    <row r="715314" spans="14:14">
      <c r="N715314" s="10"/>
    </row>
    <row r="715315" spans="14:14">
      <c r="N715315" s="10"/>
    </row>
    <row r="715316" spans="14:14">
      <c r="N715316" s="10"/>
    </row>
    <row r="715317" spans="14:14">
      <c r="N715317" s="10"/>
    </row>
    <row r="715318" spans="14:14">
      <c r="N715318" s="10"/>
    </row>
    <row r="715319" spans="14:14">
      <c r="N715319" s="10"/>
    </row>
    <row r="715320" spans="14:14">
      <c r="N715320" s="10"/>
    </row>
    <row r="715321" spans="14:14">
      <c r="N715321" s="10"/>
    </row>
    <row r="715322" spans="14:14">
      <c r="N715322" s="10"/>
    </row>
    <row r="715323" spans="14:14">
      <c r="N715323" s="10"/>
    </row>
    <row r="715324" spans="14:14">
      <c r="N715324" s="10"/>
    </row>
    <row r="715325" spans="14:14">
      <c r="N715325" s="10"/>
    </row>
    <row r="715326" spans="14:14">
      <c r="N715326" s="10"/>
    </row>
    <row r="715327" spans="14:14">
      <c r="N715327" s="10"/>
    </row>
    <row r="715328" spans="14:14">
      <c r="N715328" s="10"/>
    </row>
    <row r="715329" spans="14:14">
      <c r="N715329" s="10"/>
    </row>
    <row r="715330" spans="14:14">
      <c r="N715330" s="10"/>
    </row>
    <row r="715331" spans="14:14">
      <c r="N715331" s="10"/>
    </row>
    <row r="715332" spans="14:14">
      <c r="N715332" s="10"/>
    </row>
    <row r="715333" spans="14:14">
      <c r="N715333" s="10"/>
    </row>
    <row r="715334" spans="14:14">
      <c r="N715334" s="10"/>
    </row>
    <row r="715335" spans="14:14">
      <c r="N715335" s="10"/>
    </row>
    <row r="715336" spans="14:14">
      <c r="N715336" s="10"/>
    </row>
    <row r="715337" spans="14:14">
      <c r="N715337" s="10"/>
    </row>
    <row r="715338" spans="14:14">
      <c r="N715338" s="10"/>
    </row>
    <row r="715339" spans="14:14">
      <c r="N715339" s="10"/>
    </row>
    <row r="715340" spans="14:14">
      <c r="N715340" s="10"/>
    </row>
    <row r="715341" spans="14:14">
      <c r="N715341" s="10"/>
    </row>
    <row r="715342" spans="14:14">
      <c r="N715342" s="10"/>
    </row>
    <row r="715343" spans="14:14">
      <c r="N715343" s="10"/>
    </row>
    <row r="715344" spans="14:14">
      <c r="N715344" s="10"/>
    </row>
    <row r="715345" spans="14:14">
      <c r="N715345" s="10"/>
    </row>
    <row r="715346" spans="14:14">
      <c r="N715346" s="10"/>
    </row>
    <row r="715347" spans="14:14">
      <c r="N715347" s="10"/>
    </row>
    <row r="715348" spans="14:14">
      <c r="N715348" s="10"/>
    </row>
    <row r="715349" spans="14:14">
      <c r="N715349" s="10"/>
    </row>
    <row r="715350" spans="14:14">
      <c r="N715350" s="10"/>
    </row>
    <row r="715351" spans="14:14">
      <c r="N715351" s="10"/>
    </row>
    <row r="715352" spans="14:14">
      <c r="N715352" s="10"/>
    </row>
    <row r="715353" spans="14:14">
      <c r="N715353" s="10"/>
    </row>
    <row r="715354" spans="14:14">
      <c r="N715354" s="10"/>
    </row>
    <row r="715355" spans="14:14">
      <c r="N715355" s="10"/>
    </row>
    <row r="715356" spans="14:14">
      <c r="N715356" s="10"/>
    </row>
    <row r="715357" spans="14:14">
      <c r="N715357" s="10"/>
    </row>
    <row r="715358" spans="14:14">
      <c r="N715358" s="10"/>
    </row>
    <row r="715359" spans="14:14">
      <c r="N715359" s="10"/>
    </row>
    <row r="715360" spans="14:14">
      <c r="N715360" s="10"/>
    </row>
    <row r="715361" spans="14:14">
      <c r="N715361" s="10"/>
    </row>
    <row r="715362" spans="14:14">
      <c r="N715362" s="10"/>
    </row>
    <row r="715363" spans="14:14">
      <c r="N715363" s="10"/>
    </row>
    <row r="715364" spans="14:14">
      <c r="N715364" s="10"/>
    </row>
    <row r="715365" spans="14:14">
      <c r="N715365" s="10"/>
    </row>
    <row r="715366" spans="14:14">
      <c r="N715366" s="10"/>
    </row>
    <row r="715367" spans="14:14">
      <c r="N715367" s="10"/>
    </row>
    <row r="715368" spans="14:14">
      <c r="N715368" s="10"/>
    </row>
    <row r="715369" spans="14:14">
      <c r="N715369" s="10"/>
    </row>
    <row r="715370" spans="14:14">
      <c r="N715370" s="10"/>
    </row>
    <row r="715371" spans="14:14">
      <c r="N715371" s="10"/>
    </row>
    <row r="715372" spans="14:14">
      <c r="N715372" s="10"/>
    </row>
    <row r="715373" spans="14:14">
      <c r="N715373" s="10"/>
    </row>
    <row r="715374" spans="14:14">
      <c r="N715374" s="10"/>
    </row>
    <row r="715375" spans="14:14">
      <c r="N715375" s="10"/>
    </row>
    <row r="715376" spans="14:14">
      <c r="N715376" s="10"/>
    </row>
    <row r="715377" spans="14:14">
      <c r="N715377" s="10"/>
    </row>
    <row r="715378" spans="14:14">
      <c r="N715378" s="10"/>
    </row>
    <row r="715379" spans="14:14">
      <c r="N715379" s="10"/>
    </row>
    <row r="715380" spans="14:14">
      <c r="N715380" s="10"/>
    </row>
    <row r="715381" spans="14:14">
      <c r="N715381" s="10"/>
    </row>
    <row r="715382" spans="14:14">
      <c r="N715382" s="10"/>
    </row>
    <row r="715383" spans="14:14">
      <c r="N715383" s="10"/>
    </row>
    <row r="715384" spans="14:14">
      <c r="N715384" s="10"/>
    </row>
    <row r="715385" spans="14:14">
      <c r="N715385" s="10"/>
    </row>
    <row r="715386" spans="14:14">
      <c r="N715386" s="10"/>
    </row>
    <row r="715387" spans="14:14">
      <c r="N715387" s="10"/>
    </row>
    <row r="715388" spans="14:14">
      <c r="N715388" s="10"/>
    </row>
    <row r="715389" spans="14:14">
      <c r="N715389" s="10"/>
    </row>
    <row r="715390" spans="14:14">
      <c r="N715390" s="10"/>
    </row>
    <row r="715391" spans="14:14">
      <c r="N715391" s="10"/>
    </row>
    <row r="715392" spans="14:14">
      <c r="N715392" s="10"/>
    </row>
    <row r="715393" spans="14:14">
      <c r="N715393" s="10"/>
    </row>
    <row r="715394" spans="14:14">
      <c r="N715394" s="10"/>
    </row>
    <row r="715395" spans="14:14">
      <c r="N715395" s="10"/>
    </row>
    <row r="715396" spans="14:14">
      <c r="N715396" s="10"/>
    </row>
    <row r="715397" spans="14:14">
      <c r="N715397" s="10"/>
    </row>
    <row r="715398" spans="14:14">
      <c r="N715398" s="10"/>
    </row>
    <row r="715399" spans="14:14">
      <c r="N715399" s="10"/>
    </row>
    <row r="715400" spans="14:14">
      <c r="N715400" s="10"/>
    </row>
    <row r="715401" spans="14:14">
      <c r="N715401" s="10"/>
    </row>
    <row r="715402" spans="14:14">
      <c r="N715402" s="10"/>
    </row>
    <row r="715403" spans="14:14">
      <c r="N715403" s="10"/>
    </row>
    <row r="715404" spans="14:14">
      <c r="N715404" s="10"/>
    </row>
    <row r="715405" spans="14:14">
      <c r="N715405" s="10"/>
    </row>
    <row r="715406" spans="14:14">
      <c r="N715406" s="10"/>
    </row>
    <row r="715407" spans="14:14">
      <c r="N715407" s="10"/>
    </row>
    <row r="715408" spans="14:14">
      <c r="N715408" s="10"/>
    </row>
    <row r="715409" spans="14:14">
      <c r="N715409" s="10"/>
    </row>
    <row r="715410" spans="14:14">
      <c r="N715410" s="10"/>
    </row>
    <row r="715411" spans="14:14">
      <c r="N715411" s="10"/>
    </row>
    <row r="715412" spans="14:14">
      <c r="N715412" s="10"/>
    </row>
    <row r="715413" spans="14:14">
      <c r="N715413" s="10"/>
    </row>
    <row r="715414" spans="14:14">
      <c r="N715414" s="10"/>
    </row>
    <row r="715415" spans="14:14">
      <c r="N715415" s="10"/>
    </row>
    <row r="715416" spans="14:14">
      <c r="N715416" s="10"/>
    </row>
    <row r="715417" spans="14:14">
      <c r="N715417" s="10"/>
    </row>
    <row r="715418" spans="14:14">
      <c r="N715418" s="10"/>
    </row>
    <row r="715419" spans="14:14">
      <c r="N715419" s="10"/>
    </row>
    <row r="715420" spans="14:14">
      <c r="N715420" s="10"/>
    </row>
    <row r="715421" spans="14:14">
      <c r="N715421" s="10"/>
    </row>
    <row r="715422" spans="14:14">
      <c r="N715422" s="10"/>
    </row>
    <row r="715423" spans="14:14">
      <c r="N715423" s="10"/>
    </row>
    <row r="715424" spans="14:14">
      <c r="N715424" s="10"/>
    </row>
    <row r="715425" spans="14:14">
      <c r="N715425" s="10"/>
    </row>
    <row r="715426" spans="14:14">
      <c r="N715426" s="10"/>
    </row>
    <row r="715427" spans="14:14">
      <c r="N715427" s="10"/>
    </row>
    <row r="715428" spans="14:14">
      <c r="N715428" s="10"/>
    </row>
    <row r="715429" spans="14:14">
      <c r="N715429" s="10"/>
    </row>
    <row r="715430" spans="14:14">
      <c r="N715430" s="10"/>
    </row>
    <row r="715431" spans="14:14">
      <c r="N715431" s="10"/>
    </row>
    <row r="715432" spans="14:14">
      <c r="N715432" s="10"/>
    </row>
    <row r="715433" spans="14:14">
      <c r="N715433" s="10"/>
    </row>
    <row r="715434" spans="14:14">
      <c r="N715434" s="10"/>
    </row>
    <row r="715435" spans="14:14">
      <c r="N715435" s="10"/>
    </row>
    <row r="715436" spans="14:14">
      <c r="N715436" s="10"/>
    </row>
    <row r="715437" spans="14:14">
      <c r="N715437" s="10"/>
    </row>
    <row r="715438" spans="14:14">
      <c r="N715438" s="10"/>
    </row>
    <row r="715439" spans="14:14">
      <c r="N715439" s="10"/>
    </row>
    <row r="715440" spans="14:14">
      <c r="N715440" s="10"/>
    </row>
    <row r="715441" spans="14:14">
      <c r="N715441" s="10"/>
    </row>
    <row r="715442" spans="14:14">
      <c r="N715442" s="10"/>
    </row>
    <row r="715443" spans="14:14">
      <c r="N715443" s="10"/>
    </row>
    <row r="715444" spans="14:14">
      <c r="N715444" s="10"/>
    </row>
    <row r="715445" spans="14:14">
      <c r="N715445" s="10"/>
    </row>
    <row r="715446" spans="14:14">
      <c r="N715446" s="10"/>
    </row>
    <row r="715447" spans="14:14">
      <c r="N715447" s="10"/>
    </row>
    <row r="715448" spans="14:14">
      <c r="N715448" s="10"/>
    </row>
    <row r="715449" spans="14:14">
      <c r="N715449" s="10"/>
    </row>
    <row r="715450" spans="14:14">
      <c r="N715450" s="10"/>
    </row>
    <row r="715451" spans="14:14">
      <c r="N715451" s="10"/>
    </row>
    <row r="715452" spans="14:14">
      <c r="N715452" s="10"/>
    </row>
    <row r="715453" spans="14:14">
      <c r="N715453" s="10"/>
    </row>
    <row r="715454" spans="14:14">
      <c r="N715454" s="10"/>
    </row>
    <row r="715455" spans="14:14">
      <c r="N715455" s="10"/>
    </row>
    <row r="715456" spans="14:14">
      <c r="N715456" s="10"/>
    </row>
    <row r="715457" spans="14:14">
      <c r="N715457" s="10"/>
    </row>
    <row r="715458" spans="14:14">
      <c r="N715458" s="10"/>
    </row>
    <row r="715459" spans="14:14">
      <c r="N715459" s="10"/>
    </row>
    <row r="715460" spans="14:14">
      <c r="N715460" s="10"/>
    </row>
    <row r="715461" spans="14:14">
      <c r="N715461" s="10"/>
    </row>
    <row r="715462" spans="14:14">
      <c r="N715462" s="10"/>
    </row>
    <row r="715463" spans="14:14">
      <c r="N715463" s="10"/>
    </row>
    <row r="715464" spans="14:14">
      <c r="N715464" s="10"/>
    </row>
    <row r="715465" spans="14:14">
      <c r="N715465" s="10"/>
    </row>
    <row r="715466" spans="14:14">
      <c r="N715466" s="10"/>
    </row>
    <row r="715467" spans="14:14">
      <c r="N715467" s="10"/>
    </row>
    <row r="715468" spans="14:14">
      <c r="N715468" s="10"/>
    </row>
    <row r="715469" spans="14:14">
      <c r="N715469" s="10"/>
    </row>
    <row r="715470" spans="14:14">
      <c r="N715470" s="10"/>
    </row>
    <row r="715471" spans="14:14">
      <c r="N715471" s="10"/>
    </row>
    <row r="715472" spans="14:14">
      <c r="N715472" s="10"/>
    </row>
    <row r="715473" spans="14:14">
      <c r="N715473" s="10"/>
    </row>
    <row r="715474" spans="14:14">
      <c r="N715474" s="10"/>
    </row>
    <row r="715475" spans="14:14">
      <c r="N715475" s="10"/>
    </row>
    <row r="715476" spans="14:14">
      <c r="N715476" s="10"/>
    </row>
    <row r="715477" spans="14:14">
      <c r="N715477" s="10"/>
    </row>
    <row r="715478" spans="14:14">
      <c r="N715478" s="10"/>
    </row>
    <row r="715479" spans="14:14">
      <c r="N715479" s="10"/>
    </row>
    <row r="715480" spans="14:14">
      <c r="N715480" s="10"/>
    </row>
    <row r="715481" spans="14:14">
      <c r="N715481" s="10"/>
    </row>
    <row r="715482" spans="14:14">
      <c r="N715482" s="10"/>
    </row>
    <row r="715483" spans="14:14">
      <c r="N715483" s="10"/>
    </row>
    <row r="715484" spans="14:14">
      <c r="N715484" s="10"/>
    </row>
    <row r="715485" spans="14:14">
      <c r="N715485" s="10"/>
    </row>
    <row r="715486" spans="14:14">
      <c r="N715486" s="10"/>
    </row>
    <row r="715487" spans="14:14">
      <c r="N715487" s="10"/>
    </row>
    <row r="715488" spans="14:14">
      <c r="N715488" s="10"/>
    </row>
    <row r="715489" spans="14:14">
      <c r="N715489" s="10"/>
    </row>
    <row r="715490" spans="14:14">
      <c r="N715490" s="10"/>
    </row>
    <row r="715491" spans="14:14">
      <c r="N715491" s="10"/>
    </row>
    <row r="715492" spans="14:14">
      <c r="N715492" s="10"/>
    </row>
    <row r="715493" spans="14:14">
      <c r="N715493" s="10"/>
    </row>
    <row r="715494" spans="14:14">
      <c r="N715494" s="10"/>
    </row>
    <row r="715495" spans="14:14">
      <c r="N715495" s="10"/>
    </row>
    <row r="715496" spans="14:14">
      <c r="N715496" s="10"/>
    </row>
    <row r="715497" spans="14:14">
      <c r="N715497" s="10"/>
    </row>
    <row r="715498" spans="14:14">
      <c r="N715498" s="10"/>
    </row>
    <row r="715499" spans="14:14">
      <c r="N715499" s="10"/>
    </row>
    <row r="715500" spans="14:14">
      <c r="N715500" s="10"/>
    </row>
    <row r="715501" spans="14:14">
      <c r="N715501" s="10"/>
    </row>
    <row r="715502" spans="14:14">
      <c r="N715502" s="10"/>
    </row>
    <row r="715503" spans="14:14">
      <c r="N715503" s="10"/>
    </row>
    <row r="715504" spans="14:14">
      <c r="N715504" s="10"/>
    </row>
    <row r="715505" spans="14:14">
      <c r="N715505" s="10"/>
    </row>
    <row r="715506" spans="14:14">
      <c r="N715506" s="10"/>
    </row>
    <row r="715507" spans="14:14">
      <c r="N715507" s="10"/>
    </row>
    <row r="715508" spans="14:14">
      <c r="N715508" s="10"/>
    </row>
    <row r="715509" spans="14:14">
      <c r="N715509" s="10"/>
    </row>
    <row r="715510" spans="14:14">
      <c r="N715510" s="10"/>
    </row>
    <row r="715511" spans="14:14">
      <c r="N715511" s="10"/>
    </row>
    <row r="715512" spans="14:14">
      <c r="N715512" s="10"/>
    </row>
    <row r="715513" spans="14:14">
      <c r="N715513" s="10"/>
    </row>
    <row r="715514" spans="14:14">
      <c r="N715514" s="10"/>
    </row>
    <row r="715515" spans="14:14">
      <c r="N715515" s="10"/>
    </row>
    <row r="715516" spans="14:14">
      <c r="N715516" s="10"/>
    </row>
    <row r="715517" spans="14:14">
      <c r="N715517" s="10"/>
    </row>
    <row r="715518" spans="14:14">
      <c r="N715518" s="10"/>
    </row>
    <row r="715519" spans="14:14">
      <c r="N715519" s="10"/>
    </row>
    <row r="715520" spans="14:14">
      <c r="N715520" s="10"/>
    </row>
    <row r="715521" spans="14:14">
      <c r="N715521" s="10"/>
    </row>
    <row r="715522" spans="14:14">
      <c r="N715522" s="10"/>
    </row>
    <row r="715523" spans="14:14">
      <c r="N715523" s="10"/>
    </row>
    <row r="715524" spans="14:14">
      <c r="N715524" s="10"/>
    </row>
    <row r="715525" spans="14:14">
      <c r="N715525" s="10"/>
    </row>
    <row r="715526" spans="14:14">
      <c r="N715526" s="10"/>
    </row>
    <row r="715527" spans="14:14">
      <c r="N715527" s="10"/>
    </row>
    <row r="715528" spans="14:14">
      <c r="N715528" s="10"/>
    </row>
    <row r="715529" spans="14:14">
      <c r="N715529" s="10"/>
    </row>
    <row r="715530" spans="14:14">
      <c r="N715530" s="10"/>
    </row>
    <row r="715531" spans="14:14">
      <c r="N715531" s="10"/>
    </row>
    <row r="715532" spans="14:14">
      <c r="N715532" s="10"/>
    </row>
    <row r="715533" spans="14:14">
      <c r="N715533" s="10"/>
    </row>
    <row r="715534" spans="14:14">
      <c r="N715534" s="10"/>
    </row>
    <row r="715535" spans="14:14">
      <c r="N715535" s="10"/>
    </row>
    <row r="715536" spans="14:14">
      <c r="N715536" s="10"/>
    </row>
    <row r="715537" spans="14:14">
      <c r="N715537" s="10"/>
    </row>
    <row r="715538" spans="14:14">
      <c r="N715538" s="10"/>
    </row>
    <row r="715539" spans="14:14">
      <c r="N715539" s="10"/>
    </row>
    <row r="715540" spans="14:14">
      <c r="N715540" s="10"/>
    </row>
    <row r="715541" spans="14:14">
      <c r="N715541" s="10"/>
    </row>
    <row r="715542" spans="14:14">
      <c r="N715542" s="10"/>
    </row>
    <row r="715543" spans="14:14">
      <c r="N715543" s="10"/>
    </row>
    <row r="715544" spans="14:14">
      <c r="N715544" s="10"/>
    </row>
    <row r="715545" spans="14:14">
      <c r="N715545" s="10"/>
    </row>
    <row r="715546" spans="14:14">
      <c r="N715546" s="10"/>
    </row>
    <row r="715547" spans="14:14">
      <c r="N715547" s="10"/>
    </row>
    <row r="715548" spans="14:14">
      <c r="N715548" s="10"/>
    </row>
    <row r="715549" spans="14:14">
      <c r="N715549" s="10"/>
    </row>
    <row r="715550" spans="14:14">
      <c r="N715550" s="10"/>
    </row>
    <row r="715551" spans="14:14">
      <c r="N715551" s="10"/>
    </row>
    <row r="715552" spans="14:14">
      <c r="N715552" s="10"/>
    </row>
    <row r="715553" spans="14:14">
      <c r="N715553" s="10"/>
    </row>
    <row r="715554" spans="14:14">
      <c r="N715554" s="10"/>
    </row>
    <row r="715555" spans="14:14">
      <c r="N715555" s="10"/>
    </row>
    <row r="715556" spans="14:14">
      <c r="N715556" s="10"/>
    </row>
    <row r="715557" spans="14:14">
      <c r="N715557" s="10"/>
    </row>
    <row r="715558" spans="14:14">
      <c r="N715558" s="10"/>
    </row>
    <row r="715559" spans="14:14">
      <c r="N715559" s="10"/>
    </row>
    <row r="715560" spans="14:14">
      <c r="N715560" s="10"/>
    </row>
    <row r="715561" spans="14:14">
      <c r="N715561" s="10"/>
    </row>
    <row r="715562" spans="14:14">
      <c r="N715562" s="10"/>
    </row>
    <row r="715563" spans="14:14">
      <c r="N715563" s="10"/>
    </row>
    <row r="715564" spans="14:14">
      <c r="N715564" s="10"/>
    </row>
    <row r="715565" spans="14:14">
      <c r="N715565" s="10"/>
    </row>
    <row r="715566" spans="14:14">
      <c r="N715566" s="10"/>
    </row>
    <row r="715567" spans="14:14">
      <c r="N715567" s="10"/>
    </row>
    <row r="715568" spans="14:14">
      <c r="N715568" s="10"/>
    </row>
    <row r="715569" spans="14:14">
      <c r="N715569" s="10"/>
    </row>
    <row r="715570" spans="14:14">
      <c r="N715570" s="10"/>
    </row>
    <row r="715571" spans="14:14">
      <c r="N715571" s="10"/>
    </row>
    <row r="715572" spans="14:14">
      <c r="N715572" s="10"/>
    </row>
    <row r="715573" spans="14:14">
      <c r="N715573" s="10"/>
    </row>
    <row r="715574" spans="14:14">
      <c r="N715574" s="10"/>
    </row>
    <row r="715575" spans="14:14">
      <c r="N715575" s="10"/>
    </row>
    <row r="715576" spans="14:14">
      <c r="N715576" s="10"/>
    </row>
    <row r="715577" spans="14:14">
      <c r="N715577" s="10"/>
    </row>
    <row r="715578" spans="14:14">
      <c r="N715578" s="10"/>
    </row>
    <row r="715579" spans="14:14">
      <c r="N715579" s="10"/>
    </row>
    <row r="715580" spans="14:14">
      <c r="N715580" s="10"/>
    </row>
    <row r="715581" spans="14:14">
      <c r="N715581" s="10"/>
    </row>
    <row r="715582" spans="14:14">
      <c r="N715582" s="10"/>
    </row>
    <row r="715583" spans="14:14">
      <c r="N715583" s="10"/>
    </row>
    <row r="715584" spans="14:14">
      <c r="N715584" s="10"/>
    </row>
    <row r="715585" spans="14:14">
      <c r="N715585" s="10"/>
    </row>
    <row r="715586" spans="14:14">
      <c r="N715586" s="10"/>
    </row>
    <row r="715587" spans="14:14">
      <c r="N715587" s="10"/>
    </row>
    <row r="715588" spans="14:14">
      <c r="N715588" s="10"/>
    </row>
    <row r="715589" spans="14:14">
      <c r="N715589" s="10"/>
    </row>
    <row r="715590" spans="14:14">
      <c r="N715590" s="10"/>
    </row>
    <row r="715591" spans="14:14">
      <c r="N715591" s="10"/>
    </row>
    <row r="715592" spans="14:14">
      <c r="N715592" s="10"/>
    </row>
    <row r="715593" spans="14:14">
      <c r="N715593" s="10"/>
    </row>
    <row r="715594" spans="14:14">
      <c r="N715594" s="10"/>
    </row>
    <row r="715595" spans="14:14">
      <c r="N715595" s="10"/>
    </row>
    <row r="715596" spans="14:14">
      <c r="N715596" s="10"/>
    </row>
    <row r="715597" spans="14:14">
      <c r="N715597" s="10"/>
    </row>
    <row r="715598" spans="14:14">
      <c r="N715598" s="10"/>
    </row>
    <row r="715599" spans="14:14">
      <c r="N715599" s="10"/>
    </row>
    <row r="715600" spans="14:14">
      <c r="N715600" s="10"/>
    </row>
    <row r="715601" spans="14:14">
      <c r="N715601" s="10"/>
    </row>
    <row r="715602" spans="14:14">
      <c r="N715602" s="10"/>
    </row>
    <row r="715603" spans="14:14">
      <c r="N715603" s="10"/>
    </row>
    <row r="715604" spans="14:14">
      <c r="N715604" s="10"/>
    </row>
    <row r="715605" spans="14:14">
      <c r="N715605" s="10"/>
    </row>
    <row r="715606" spans="14:14">
      <c r="N715606" s="10"/>
    </row>
    <row r="715607" spans="14:14">
      <c r="N715607" s="10"/>
    </row>
    <row r="715608" spans="14:14">
      <c r="N715608" s="10"/>
    </row>
    <row r="715609" spans="14:14">
      <c r="N715609" s="10"/>
    </row>
    <row r="715610" spans="14:14">
      <c r="N715610" s="10"/>
    </row>
    <row r="715611" spans="14:14">
      <c r="N715611" s="10"/>
    </row>
    <row r="715612" spans="14:14">
      <c r="N715612" s="10"/>
    </row>
    <row r="715613" spans="14:14">
      <c r="N715613" s="10"/>
    </row>
    <row r="715614" spans="14:14">
      <c r="N715614" s="10"/>
    </row>
    <row r="715615" spans="14:14">
      <c r="N715615" s="10"/>
    </row>
    <row r="715616" spans="14:14">
      <c r="N715616" s="10"/>
    </row>
    <row r="715617" spans="14:14">
      <c r="N715617" s="10"/>
    </row>
    <row r="715618" spans="14:14">
      <c r="N715618" s="10"/>
    </row>
    <row r="715619" spans="14:14">
      <c r="N715619" s="10"/>
    </row>
    <row r="715620" spans="14:14">
      <c r="N715620" s="10"/>
    </row>
    <row r="715621" spans="14:14">
      <c r="N715621" s="10"/>
    </row>
    <row r="715622" spans="14:14">
      <c r="N715622" s="10"/>
    </row>
    <row r="715623" spans="14:14">
      <c r="N715623" s="10"/>
    </row>
    <row r="715624" spans="14:14">
      <c r="N715624" s="10"/>
    </row>
    <row r="715625" spans="14:14">
      <c r="N715625" s="10"/>
    </row>
    <row r="715626" spans="14:14">
      <c r="N715626" s="10"/>
    </row>
    <row r="715627" spans="14:14">
      <c r="N715627" s="10"/>
    </row>
    <row r="715628" spans="14:14">
      <c r="N715628" s="10"/>
    </row>
    <row r="715629" spans="14:14">
      <c r="N715629" s="10"/>
    </row>
    <row r="715630" spans="14:14">
      <c r="N715630" s="10"/>
    </row>
    <row r="715631" spans="14:14">
      <c r="N715631" s="10"/>
    </row>
    <row r="715632" spans="14:14">
      <c r="N715632" s="10"/>
    </row>
    <row r="715633" spans="14:14">
      <c r="N715633" s="10"/>
    </row>
    <row r="715634" spans="14:14">
      <c r="N715634" s="10"/>
    </row>
    <row r="715635" spans="14:14">
      <c r="N715635" s="10"/>
    </row>
    <row r="715636" spans="14:14">
      <c r="N715636" s="10"/>
    </row>
    <row r="715637" spans="14:14">
      <c r="N715637" s="10"/>
    </row>
    <row r="715638" spans="14:14">
      <c r="N715638" s="10"/>
    </row>
    <row r="715639" spans="14:14">
      <c r="N715639" s="10"/>
    </row>
    <row r="715640" spans="14:14">
      <c r="N715640" s="10"/>
    </row>
    <row r="715641" spans="14:14">
      <c r="N715641" s="10"/>
    </row>
    <row r="715642" spans="14:14">
      <c r="N715642" s="10"/>
    </row>
    <row r="715643" spans="14:14">
      <c r="N715643" s="10"/>
    </row>
    <row r="715644" spans="14:14">
      <c r="N715644" s="10"/>
    </row>
    <row r="715645" spans="14:14">
      <c r="N715645" s="10"/>
    </row>
    <row r="715646" spans="14:14">
      <c r="N715646" s="10"/>
    </row>
    <row r="715647" spans="14:14">
      <c r="N715647" s="10"/>
    </row>
    <row r="715648" spans="14:14">
      <c r="N715648" s="10"/>
    </row>
    <row r="715649" spans="14:14">
      <c r="N715649" s="10"/>
    </row>
    <row r="715650" spans="14:14">
      <c r="N715650" s="10"/>
    </row>
    <row r="715651" spans="14:14">
      <c r="N715651" s="10"/>
    </row>
    <row r="715652" spans="14:14">
      <c r="N715652" s="10"/>
    </row>
    <row r="715653" spans="14:14">
      <c r="N715653" s="10"/>
    </row>
    <row r="715654" spans="14:14">
      <c r="N715654" s="10"/>
    </row>
    <row r="715655" spans="14:14">
      <c r="N715655" s="10"/>
    </row>
    <row r="715656" spans="14:14">
      <c r="N715656" s="10"/>
    </row>
    <row r="715657" spans="14:14">
      <c r="N715657" s="10"/>
    </row>
    <row r="715658" spans="14:14">
      <c r="N715658" s="10"/>
    </row>
    <row r="715659" spans="14:14">
      <c r="N715659" s="10"/>
    </row>
    <row r="715660" spans="14:14">
      <c r="N715660" s="10"/>
    </row>
    <row r="715661" spans="14:14">
      <c r="N715661" s="10"/>
    </row>
    <row r="715662" spans="14:14">
      <c r="N715662" s="10"/>
    </row>
    <row r="715663" spans="14:14">
      <c r="N715663" s="10"/>
    </row>
    <row r="715664" spans="14:14">
      <c r="N715664" s="10"/>
    </row>
    <row r="715665" spans="14:14">
      <c r="N715665" s="10"/>
    </row>
    <row r="715666" spans="14:14">
      <c r="N715666" s="10"/>
    </row>
    <row r="715667" spans="14:14">
      <c r="N715667" s="10"/>
    </row>
    <row r="715668" spans="14:14">
      <c r="N715668" s="10"/>
    </row>
    <row r="715669" spans="14:14">
      <c r="N715669" s="10"/>
    </row>
    <row r="715670" spans="14:14">
      <c r="N715670" s="10"/>
    </row>
    <row r="715671" spans="14:14">
      <c r="N715671" s="10"/>
    </row>
    <row r="715672" spans="14:14">
      <c r="N715672" s="10"/>
    </row>
    <row r="715673" spans="14:14">
      <c r="N715673" s="10"/>
    </row>
    <row r="715674" spans="14:14">
      <c r="N715674" s="10"/>
    </row>
    <row r="715675" spans="14:14">
      <c r="N715675" s="10"/>
    </row>
    <row r="715676" spans="14:14">
      <c r="N715676" s="10"/>
    </row>
    <row r="715677" spans="14:14">
      <c r="N715677" s="10"/>
    </row>
    <row r="715678" spans="14:14">
      <c r="N715678" s="10"/>
    </row>
    <row r="715679" spans="14:14">
      <c r="N715679" s="10"/>
    </row>
    <row r="715680" spans="14:14">
      <c r="N715680" s="10"/>
    </row>
    <row r="715681" spans="14:14">
      <c r="N715681" s="10"/>
    </row>
    <row r="715682" spans="14:14">
      <c r="N715682" s="10"/>
    </row>
    <row r="715683" spans="14:14">
      <c r="N715683" s="10"/>
    </row>
    <row r="715684" spans="14:14">
      <c r="N715684" s="10"/>
    </row>
    <row r="715685" spans="14:14">
      <c r="N715685" s="10"/>
    </row>
    <row r="715686" spans="14:14">
      <c r="N715686" s="10"/>
    </row>
    <row r="715687" spans="14:14">
      <c r="N715687" s="10"/>
    </row>
    <row r="715688" spans="14:14">
      <c r="N715688" s="10"/>
    </row>
    <row r="715689" spans="14:14">
      <c r="N715689" s="10"/>
    </row>
    <row r="715690" spans="14:14">
      <c r="N715690" s="10"/>
    </row>
    <row r="715691" spans="14:14">
      <c r="N715691" s="10"/>
    </row>
    <row r="715692" spans="14:14">
      <c r="N715692" s="10"/>
    </row>
    <row r="715693" spans="14:14">
      <c r="N715693" s="10"/>
    </row>
    <row r="715694" spans="14:14">
      <c r="N715694" s="10"/>
    </row>
    <row r="715695" spans="14:14">
      <c r="N715695" s="10"/>
    </row>
    <row r="715696" spans="14:14">
      <c r="N715696" s="10"/>
    </row>
    <row r="715697" spans="14:14">
      <c r="N715697" s="10"/>
    </row>
    <row r="715698" spans="14:14">
      <c r="N715698" s="10"/>
    </row>
    <row r="715699" spans="14:14">
      <c r="N715699" s="10"/>
    </row>
    <row r="715700" spans="14:14">
      <c r="N715700" s="10"/>
    </row>
    <row r="715701" spans="14:14">
      <c r="N715701" s="10"/>
    </row>
    <row r="715702" spans="14:14">
      <c r="N715702" s="10"/>
    </row>
    <row r="715703" spans="14:14">
      <c r="N715703" s="10"/>
    </row>
    <row r="715704" spans="14:14">
      <c r="N715704" s="10"/>
    </row>
    <row r="715705" spans="14:14">
      <c r="N715705" s="10"/>
    </row>
    <row r="715706" spans="14:14">
      <c r="N715706" s="10"/>
    </row>
    <row r="715707" spans="14:14">
      <c r="N715707" s="10"/>
    </row>
    <row r="715708" spans="14:14">
      <c r="N715708" s="10"/>
    </row>
    <row r="715709" spans="14:14">
      <c r="N715709" s="10"/>
    </row>
    <row r="715710" spans="14:14">
      <c r="N715710" s="10"/>
    </row>
    <row r="715711" spans="14:14">
      <c r="N715711" s="10"/>
    </row>
    <row r="715712" spans="14:14">
      <c r="N715712" s="10"/>
    </row>
    <row r="715713" spans="14:14">
      <c r="N715713" s="10"/>
    </row>
    <row r="715714" spans="14:14">
      <c r="N715714" s="10"/>
    </row>
    <row r="715715" spans="14:14">
      <c r="N715715" s="10"/>
    </row>
    <row r="715716" spans="14:14">
      <c r="N715716" s="10"/>
    </row>
    <row r="715717" spans="14:14">
      <c r="N715717" s="10"/>
    </row>
    <row r="715718" spans="14:14">
      <c r="N715718" s="10"/>
    </row>
    <row r="715719" spans="14:14">
      <c r="N715719" s="10"/>
    </row>
    <row r="715720" spans="14:14">
      <c r="N715720" s="10"/>
    </row>
    <row r="715721" spans="14:14">
      <c r="N715721" s="10"/>
    </row>
    <row r="715722" spans="14:14">
      <c r="N715722" s="10"/>
    </row>
    <row r="715723" spans="14:14">
      <c r="N715723" s="10"/>
    </row>
    <row r="715724" spans="14:14">
      <c r="N715724" s="10"/>
    </row>
    <row r="715725" spans="14:14">
      <c r="N715725" s="10"/>
    </row>
    <row r="715726" spans="14:14">
      <c r="N715726" s="10"/>
    </row>
    <row r="715727" spans="14:14">
      <c r="N715727" s="10"/>
    </row>
    <row r="715728" spans="14:14">
      <c r="N715728" s="10"/>
    </row>
    <row r="715729" spans="14:14">
      <c r="N715729" s="10"/>
    </row>
    <row r="715730" spans="14:14">
      <c r="N715730" s="10"/>
    </row>
    <row r="715731" spans="14:14">
      <c r="N715731" s="10"/>
    </row>
    <row r="715732" spans="14:14">
      <c r="N715732" s="10"/>
    </row>
    <row r="715733" spans="14:14">
      <c r="N715733" s="10"/>
    </row>
    <row r="715734" spans="14:14">
      <c r="N715734" s="10"/>
    </row>
    <row r="715735" spans="14:14">
      <c r="N715735" s="10"/>
    </row>
    <row r="715736" spans="14:14">
      <c r="N715736" s="10"/>
    </row>
    <row r="715737" spans="14:14">
      <c r="N715737" s="10"/>
    </row>
    <row r="715738" spans="14:14">
      <c r="N715738" s="10"/>
    </row>
    <row r="715739" spans="14:14">
      <c r="N715739" s="10"/>
    </row>
    <row r="715740" spans="14:14">
      <c r="N715740" s="10"/>
    </row>
    <row r="715741" spans="14:14">
      <c r="N715741" s="10"/>
    </row>
    <row r="715742" spans="14:14">
      <c r="N715742" s="10"/>
    </row>
    <row r="715743" spans="14:14">
      <c r="N715743" s="10"/>
    </row>
    <row r="715744" spans="14:14">
      <c r="N715744" s="10"/>
    </row>
    <row r="715745" spans="14:14">
      <c r="N715745" s="10"/>
    </row>
    <row r="715746" spans="14:14">
      <c r="N715746" s="10"/>
    </row>
    <row r="715747" spans="14:14">
      <c r="N715747" s="10"/>
    </row>
    <row r="715748" spans="14:14">
      <c r="N715748" s="10"/>
    </row>
    <row r="715749" spans="14:14">
      <c r="N715749" s="10"/>
    </row>
    <row r="715750" spans="14:14">
      <c r="N715750" s="10"/>
    </row>
    <row r="715751" spans="14:14">
      <c r="N715751" s="10"/>
    </row>
    <row r="715752" spans="14:14">
      <c r="N715752" s="10"/>
    </row>
    <row r="715753" spans="14:14">
      <c r="N715753" s="10"/>
    </row>
    <row r="715754" spans="14:14">
      <c r="N715754" s="10"/>
    </row>
    <row r="715755" spans="14:14">
      <c r="N715755" s="10"/>
    </row>
    <row r="715756" spans="14:14">
      <c r="N715756" s="10"/>
    </row>
    <row r="715757" spans="14:14">
      <c r="N715757" s="10"/>
    </row>
    <row r="715758" spans="14:14">
      <c r="N715758" s="10"/>
    </row>
    <row r="715759" spans="14:14">
      <c r="N715759" s="10"/>
    </row>
    <row r="715760" spans="14:14">
      <c r="N715760" s="10"/>
    </row>
    <row r="715761" spans="14:14">
      <c r="N715761" s="10"/>
    </row>
    <row r="715762" spans="14:14">
      <c r="N715762" s="10"/>
    </row>
    <row r="715763" spans="14:14">
      <c r="N715763" s="10"/>
    </row>
    <row r="715764" spans="14:14">
      <c r="N715764" s="10"/>
    </row>
    <row r="715765" spans="14:14">
      <c r="N715765" s="10"/>
    </row>
    <row r="715766" spans="14:14">
      <c r="N715766" s="10"/>
    </row>
    <row r="715767" spans="14:14">
      <c r="N715767" s="10"/>
    </row>
    <row r="715768" spans="14:14">
      <c r="N715768" s="10"/>
    </row>
    <row r="715769" spans="14:14">
      <c r="N715769" s="10"/>
    </row>
    <row r="715770" spans="14:14">
      <c r="N715770" s="10"/>
    </row>
    <row r="715771" spans="14:14">
      <c r="N715771" s="10"/>
    </row>
    <row r="715772" spans="14:14">
      <c r="N715772" s="10"/>
    </row>
    <row r="715773" spans="14:14">
      <c r="N715773" s="10"/>
    </row>
    <row r="715774" spans="14:14">
      <c r="N715774" s="10"/>
    </row>
    <row r="715775" spans="14:14">
      <c r="N715775" s="10"/>
    </row>
    <row r="715776" spans="14:14">
      <c r="N715776" s="10"/>
    </row>
    <row r="715777" spans="14:14">
      <c r="N715777" s="10"/>
    </row>
    <row r="715778" spans="14:14">
      <c r="N715778" s="10"/>
    </row>
    <row r="715779" spans="14:14">
      <c r="N715779" s="10"/>
    </row>
    <row r="715780" spans="14:14">
      <c r="N715780" s="10"/>
    </row>
    <row r="715781" spans="14:14">
      <c r="N715781" s="10"/>
    </row>
    <row r="715782" spans="14:14">
      <c r="N715782" s="10"/>
    </row>
    <row r="715783" spans="14:14">
      <c r="N715783" s="10"/>
    </row>
    <row r="715784" spans="14:14">
      <c r="N715784" s="10"/>
    </row>
    <row r="715785" spans="14:14">
      <c r="N715785" s="10"/>
    </row>
    <row r="715786" spans="14:14">
      <c r="N715786" s="10"/>
    </row>
    <row r="715787" spans="14:14">
      <c r="N715787" s="10"/>
    </row>
    <row r="715788" spans="14:14">
      <c r="N715788" s="10"/>
    </row>
    <row r="715789" spans="14:14">
      <c r="N715789" s="10"/>
    </row>
    <row r="715790" spans="14:14">
      <c r="N715790" s="10"/>
    </row>
    <row r="715791" spans="14:14">
      <c r="N715791" s="10"/>
    </row>
    <row r="715792" spans="14:14">
      <c r="N715792" s="10"/>
    </row>
    <row r="715793" spans="14:14">
      <c r="N715793" s="10"/>
    </row>
    <row r="715794" spans="14:14">
      <c r="N715794" s="10"/>
    </row>
    <row r="715795" spans="14:14">
      <c r="N715795" s="10"/>
    </row>
    <row r="715796" spans="14:14">
      <c r="N715796" s="10"/>
    </row>
    <row r="715797" spans="14:14">
      <c r="N715797" s="10"/>
    </row>
    <row r="715798" spans="14:14">
      <c r="N715798" s="10"/>
    </row>
    <row r="715799" spans="14:14">
      <c r="N715799" s="10"/>
    </row>
    <row r="715800" spans="14:14">
      <c r="N715800" s="10"/>
    </row>
    <row r="715801" spans="14:14">
      <c r="N715801" s="10"/>
    </row>
    <row r="715802" spans="14:14">
      <c r="N715802" s="10"/>
    </row>
    <row r="715803" spans="14:14">
      <c r="N715803" s="10"/>
    </row>
    <row r="715804" spans="14:14">
      <c r="N715804" s="10"/>
    </row>
    <row r="715805" spans="14:14">
      <c r="N715805" s="10"/>
    </row>
    <row r="715806" spans="14:14">
      <c r="N715806" s="10"/>
    </row>
    <row r="715807" spans="14:14">
      <c r="N715807" s="10"/>
    </row>
    <row r="715808" spans="14:14">
      <c r="N715808" s="10"/>
    </row>
    <row r="715809" spans="14:14">
      <c r="N715809" s="10"/>
    </row>
    <row r="715810" spans="14:14">
      <c r="N715810" s="10"/>
    </row>
    <row r="715811" spans="14:14">
      <c r="N715811" s="10"/>
    </row>
    <row r="715812" spans="14:14">
      <c r="N715812" s="10"/>
    </row>
    <row r="715813" spans="14:14">
      <c r="N715813" s="10"/>
    </row>
    <row r="715814" spans="14:14">
      <c r="N715814" s="10"/>
    </row>
    <row r="715815" spans="14:14">
      <c r="N715815" s="10"/>
    </row>
    <row r="715816" spans="14:14">
      <c r="N715816" s="10"/>
    </row>
    <row r="715817" spans="14:14">
      <c r="N715817" s="10"/>
    </row>
    <row r="715818" spans="14:14">
      <c r="N715818" s="10"/>
    </row>
    <row r="715819" spans="14:14">
      <c r="N715819" s="10"/>
    </row>
    <row r="715820" spans="14:14">
      <c r="N715820" s="10"/>
    </row>
    <row r="715821" spans="14:14">
      <c r="N715821" s="10"/>
    </row>
    <row r="715822" spans="14:14">
      <c r="N715822" s="10"/>
    </row>
    <row r="715823" spans="14:14">
      <c r="N715823" s="10"/>
    </row>
    <row r="715824" spans="14:14">
      <c r="N715824" s="10"/>
    </row>
    <row r="715825" spans="14:14">
      <c r="N715825" s="10"/>
    </row>
    <row r="715826" spans="14:14">
      <c r="N715826" s="10"/>
    </row>
    <row r="715827" spans="14:14">
      <c r="N715827" s="10"/>
    </row>
    <row r="715828" spans="14:14">
      <c r="N715828" s="10"/>
    </row>
    <row r="715829" spans="14:14">
      <c r="N715829" s="10"/>
    </row>
    <row r="715830" spans="14:14">
      <c r="N715830" s="10"/>
    </row>
    <row r="715831" spans="14:14">
      <c r="N715831" s="10"/>
    </row>
    <row r="715832" spans="14:14">
      <c r="N715832" s="10"/>
    </row>
    <row r="715833" spans="14:14">
      <c r="N715833" s="10"/>
    </row>
    <row r="715834" spans="14:14">
      <c r="N715834" s="10"/>
    </row>
    <row r="715835" spans="14:14">
      <c r="N715835" s="10"/>
    </row>
    <row r="715836" spans="14:14">
      <c r="N715836" s="10"/>
    </row>
    <row r="715837" spans="14:14">
      <c r="N715837" s="10"/>
    </row>
    <row r="715838" spans="14:14">
      <c r="N715838" s="10"/>
    </row>
    <row r="715839" spans="14:14">
      <c r="N715839" s="10"/>
    </row>
    <row r="715840" spans="14:14">
      <c r="N715840" s="10"/>
    </row>
    <row r="715841" spans="14:14">
      <c r="N715841" s="10"/>
    </row>
    <row r="715842" spans="14:14">
      <c r="N715842" s="10"/>
    </row>
    <row r="715843" spans="14:14">
      <c r="N715843" s="10"/>
    </row>
    <row r="715844" spans="14:14">
      <c r="N715844" s="10"/>
    </row>
    <row r="715845" spans="14:14">
      <c r="N715845" s="10"/>
    </row>
    <row r="715846" spans="14:14">
      <c r="N715846" s="10"/>
    </row>
    <row r="715847" spans="14:14">
      <c r="N715847" s="10"/>
    </row>
    <row r="715848" spans="14:14">
      <c r="N715848" s="10"/>
    </row>
    <row r="715849" spans="14:14">
      <c r="N715849" s="10"/>
    </row>
    <row r="715850" spans="14:14">
      <c r="N715850" s="10"/>
    </row>
    <row r="715851" spans="14:14">
      <c r="N715851" s="10"/>
    </row>
    <row r="715852" spans="14:14">
      <c r="N715852" s="10"/>
    </row>
    <row r="715853" spans="14:14">
      <c r="N715853" s="10"/>
    </row>
    <row r="715854" spans="14:14">
      <c r="N715854" s="10"/>
    </row>
    <row r="715855" spans="14:14">
      <c r="N715855" s="10"/>
    </row>
    <row r="715856" spans="14:14">
      <c r="N715856" s="10"/>
    </row>
    <row r="715857" spans="14:14">
      <c r="N715857" s="10"/>
    </row>
    <row r="715858" spans="14:14">
      <c r="N715858" s="10"/>
    </row>
    <row r="715859" spans="14:14">
      <c r="N715859" s="10"/>
    </row>
    <row r="715860" spans="14:14">
      <c r="N715860" s="10"/>
    </row>
    <row r="715861" spans="14:14">
      <c r="N715861" s="10"/>
    </row>
    <row r="715862" spans="14:14">
      <c r="N715862" s="10"/>
    </row>
    <row r="715863" spans="14:14">
      <c r="N715863" s="10"/>
    </row>
    <row r="715864" spans="14:14">
      <c r="N715864" s="10"/>
    </row>
    <row r="715865" spans="14:14">
      <c r="N715865" s="10"/>
    </row>
    <row r="715866" spans="14:14">
      <c r="N715866" s="10"/>
    </row>
    <row r="715867" spans="14:14">
      <c r="N715867" s="10"/>
    </row>
    <row r="715868" spans="14:14">
      <c r="N715868" s="10"/>
    </row>
    <row r="715869" spans="14:14">
      <c r="N715869" s="10"/>
    </row>
    <row r="715870" spans="14:14">
      <c r="N715870" s="10"/>
    </row>
    <row r="715871" spans="14:14">
      <c r="N715871" s="10"/>
    </row>
    <row r="715872" spans="14:14">
      <c r="N715872" s="10"/>
    </row>
    <row r="715873" spans="14:14">
      <c r="N715873" s="10"/>
    </row>
    <row r="715874" spans="14:14">
      <c r="N715874" s="10"/>
    </row>
    <row r="715875" spans="14:14">
      <c r="N715875" s="10"/>
    </row>
    <row r="715876" spans="14:14">
      <c r="N715876" s="10"/>
    </row>
    <row r="715877" spans="14:14">
      <c r="N715877" s="10"/>
    </row>
    <row r="715878" spans="14:14">
      <c r="N715878" s="10"/>
    </row>
    <row r="715879" spans="14:14">
      <c r="N715879" s="10"/>
    </row>
    <row r="715880" spans="14:14">
      <c r="N715880" s="10"/>
    </row>
    <row r="715881" spans="14:14">
      <c r="N715881" s="10"/>
    </row>
    <row r="715882" spans="14:14">
      <c r="N715882" s="10"/>
    </row>
    <row r="715883" spans="14:14">
      <c r="N715883" s="10"/>
    </row>
    <row r="715884" spans="14:14">
      <c r="N715884" s="10"/>
    </row>
    <row r="715885" spans="14:14">
      <c r="N715885" s="10"/>
    </row>
    <row r="715886" spans="14:14">
      <c r="N715886" s="10"/>
    </row>
    <row r="715887" spans="14:14">
      <c r="N715887" s="10"/>
    </row>
    <row r="715888" spans="14:14">
      <c r="N715888" s="10"/>
    </row>
    <row r="715889" spans="14:14">
      <c r="N715889" s="10"/>
    </row>
    <row r="715890" spans="14:14">
      <c r="N715890" s="10"/>
    </row>
    <row r="715891" spans="14:14">
      <c r="N715891" s="10"/>
    </row>
    <row r="715892" spans="14:14">
      <c r="N715892" s="10"/>
    </row>
    <row r="715893" spans="14:14">
      <c r="N715893" s="10"/>
    </row>
    <row r="715894" spans="14:14">
      <c r="N715894" s="10"/>
    </row>
    <row r="715895" spans="14:14">
      <c r="N715895" s="10"/>
    </row>
    <row r="715896" spans="14:14">
      <c r="N715896" s="10"/>
    </row>
    <row r="715897" spans="14:14">
      <c r="N715897" s="10"/>
    </row>
    <row r="715898" spans="14:14">
      <c r="N715898" s="10"/>
    </row>
    <row r="715899" spans="14:14">
      <c r="N715899" s="10"/>
    </row>
    <row r="715900" spans="14:14">
      <c r="N715900" s="10"/>
    </row>
    <row r="715901" spans="14:14">
      <c r="N715901" s="10"/>
    </row>
    <row r="715902" spans="14:14">
      <c r="N715902" s="10"/>
    </row>
    <row r="715903" spans="14:14">
      <c r="N715903" s="10"/>
    </row>
    <row r="715904" spans="14:14">
      <c r="N715904" s="10"/>
    </row>
    <row r="715905" spans="14:14">
      <c r="N715905" s="10"/>
    </row>
    <row r="715906" spans="14:14">
      <c r="N715906" s="10"/>
    </row>
    <row r="715907" spans="14:14">
      <c r="N715907" s="10"/>
    </row>
    <row r="715908" spans="14:14">
      <c r="N715908" s="10"/>
    </row>
    <row r="715909" spans="14:14">
      <c r="N715909" s="10"/>
    </row>
    <row r="715910" spans="14:14">
      <c r="N715910" s="10"/>
    </row>
    <row r="715911" spans="14:14">
      <c r="N715911" s="10"/>
    </row>
    <row r="715912" spans="14:14">
      <c r="N715912" s="10"/>
    </row>
    <row r="715913" spans="14:14">
      <c r="N715913" s="10"/>
    </row>
    <row r="715914" spans="14:14">
      <c r="N715914" s="10"/>
    </row>
    <row r="715915" spans="14:14">
      <c r="N715915" s="10"/>
    </row>
    <row r="715916" spans="14:14">
      <c r="N715916" s="10"/>
    </row>
    <row r="715917" spans="14:14">
      <c r="N715917" s="10"/>
    </row>
    <row r="715918" spans="14:14">
      <c r="N715918" s="10"/>
    </row>
    <row r="715919" spans="14:14">
      <c r="N715919" s="10"/>
    </row>
    <row r="715920" spans="14:14">
      <c r="N715920" s="10"/>
    </row>
    <row r="715921" spans="14:14">
      <c r="N715921" s="10"/>
    </row>
    <row r="715922" spans="14:14">
      <c r="N715922" s="10"/>
    </row>
    <row r="715923" spans="14:14">
      <c r="N715923" s="10"/>
    </row>
    <row r="715924" spans="14:14">
      <c r="N715924" s="10"/>
    </row>
    <row r="715925" spans="14:14">
      <c r="N715925" s="10"/>
    </row>
    <row r="715926" spans="14:14">
      <c r="N715926" s="10"/>
    </row>
    <row r="715927" spans="14:14">
      <c r="N715927" s="10"/>
    </row>
    <row r="715928" spans="14:14">
      <c r="N715928" s="10"/>
    </row>
    <row r="715929" spans="14:14">
      <c r="N715929" s="10"/>
    </row>
    <row r="715930" spans="14:14">
      <c r="N715930" s="10"/>
    </row>
    <row r="715931" spans="14:14">
      <c r="N715931" s="10"/>
    </row>
    <row r="715932" spans="14:14">
      <c r="N715932" s="10"/>
    </row>
    <row r="715933" spans="14:14">
      <c r="N715933" s="10"/>
    </row>
    <row r="715934" spans="14:14">
      <c r="N715934" s="10"/>
    </row>
    <row r="715935" spans="14:14">
      <c r="N715935" s="10"/>
    </row>
    <row r="715936" spans="14:14">
      <c r="N715936" s="10"/>
    </row>
    <row r="715937" spans="14:14">
      <c r="N715937" s="10"/>
    </row>
    <row r="715938" spans="14:14">
      <c r="N715938" s="10"/>
    </row>
    <row r="715939" spans="14:14">
      <c r="N715939" s="10"/>
    </row>
    <row r="715940" spans="14:14">
      <c r="N715940" s="10"/>
    </row>
    <row r="715941" spans="14:14">
      <c r="N715941" s="10"/>
    </row>
    <row r="715942" spans="14:14">
      <c r="N715942" s="10"/>
    </row>
    <row r="715943" spans="14:14">
      <c r="N715943" s="10"/>
    </row>
    <row r="715944" spans="14:14">
      <c r="N715944" s="10"/>
    </row>
    <row r="715945" spans="14:14">
      <c r="N715945" s="10"/>
    </row>
    <row r="715946" spans="14:14">
      <c r="N715946" s="10"/>
    </row>
    <row r="715947" spans="14:14">
      <c r="N715947" s="10"/>
    </row>
    <row r="715948" spans="14:14">
      <c r="N715948" s="10"/>
    </row>
    <row r="715949" spans="14:14">
      <c r="N715949" s="10"/>
    </row>
    <row r="715950" spans="14:14">
      <c r="N715950" s="10"/>
    </row>
    <row r="715951" spans="14:14">
      <c r="N715951" s="10"/>
    </row>
    <row r="715952" spans="14:14">
      <c r="N715952" s="10"/>
    </row>
    <row r="715953" spans="14:14">
      <c r="N715953" s="10"/>
    </row>
    <row r="715954" spans="14:14">
      <c r="N715954" s="10"/>
    </row>
    <row r="715955" spans="14:14">
      <c r="N715955" s="10"/>
    </row>
    <row r="715956" spans="14:14">
      <c r="N715956" s="10"/>
    </row>
    <row r="715957" spans="14:14">
      <c r="N715957" s="10"/>
    </row>
    <row r="715958" spans="14:14">
      <c r="N715958" s="10"/>
    </row>
    <row r="715959" spans="14:14">
      <c r="N715959" s="10"/>
    </row>
    <row r="715960" spans="14:14">
      <c r="N715960" s="10"/>
    </row>
    <row r="715961" spans="14:14">
      <c r="N715961" s="10"/>
    </row>
    <row r="715962" spans="14:14">
      <c r="N715962" s="10"/>
    </row>
    <row r="715963" spans="14:14">
      <c r="N715963" s="10"/>
    </row>
    <row r="715964" spans="14:14">
      <c r="N715964" s="10"/>
    </row>
    <row r="715965" spans="14:14">
      <c r="N715965" s="10"/>
    </row>
    <row r="715966" spans="14:14">
      <c r="N715966" s="10"/>
    </row>
    <row r="715967" spans="14:14">
      <c r="N715967" s="10"/>
    </row>
    <row r="715968" spans="14:14">
      <c r="N715968" s="10"/>
    </row>
    <row r="715969" spans="14:14">
      <c r="N715969" s="10"/>
    </row>
    <row r="715970" spans="14:14">
      <c r="N715970" s="10"/>
    </row>
    <row r="715971" spans="14:14">
      <c r="N715971" s="10"/>
    </row>
    <row r="715972" spans="14:14">
      <c r="N715972" s="10"/>
    </row>
    <row r="715973" spans="14:14">
      <c r="N715973" s="10"/>
    </row>
    <row r="715974" spans="14:14">
      <c r="N715974" s="10"/>
    </row>
    <row r="715975" spans="14:14">
      <c r="N715975" s="10"/>
    </row>
    <row r="715976" spans="14:14">
      <c r="N715976" s="10"/>
    </row>
    <row r="715977" spans="14:14">
      <c r="N715977" s="10"/>
    </row>
    <row r="715978" spans="14:14">
      <c r="N715978" s="10"/>
    </row>
    <row r="715979" spans="14:14">
      <c r="N715979" s="10"/>
    </row>
    <row r="715980" spans="14:14">
      <c r="N715980" s="10"/>
    </row>
    <row r="715981" spans="14:14">
      <c r="N715981" s="10"/>
    </row>
    <row r="715982" spans="14:14">
      <c r="N715982" s="10"/>
    </row>
    <row r="715983" spans="14:14">
      <c r="N715983" s="10"/>
    </row>
    <row r="715984" spans="14:14">
      <c r="N715984" s="10"/>
    </row>
    <row r="715985" spans="14:14">
      <c r="N715985" s="10"/>
    </row>
    <row r="715986" spans="14:14">
      <c r="N715986" s="10"/>
    </row>
    <row r="715987" spans="14:14">
      <c r="N715987" s="10"/>
    </row>
    <row r="715988" spans="14:14">
      <c r="N715988" s="10"/>
    </row>
    <row r="715989" spans="14:14">
      <c r="N715989" s="10"/>
    </row>
    <row r="715990" spans="14:14">
      <c r="N715990" s="10"/>
    </row>
    <row r="715991" spans="14:14">
      <c r="N715991" s="10"/>
    </row>
    <row r="715992" spans="14:14">
      <c r="N715992" s="10"/>
    </row>
    <row r="715993" spans="14:14">
      <c r="N715993" s="10"/>
    </row>
    <row r="715994" spans="14:14">
      <c r="N715994" s="10"/>
    </row>
    <row r="715995" spans="14:14">
      <c r="N715995" s="10"/>
    </row>
    <row r="715996" spans="14:14">
      <c r="N715996" s="10"/>
    </row>
    <row r="715997" spans="14:14">
      <c r="N715997" s="10"/>
    </row>
    <row r="715998" spans="14:14">
      <c r="N715998" s="10"/>
    </row>
    <row r="715999" spans="14:14">
      <c r="N715999" s="10"/>
    </row>
    <row r="716000" spans="14:14">
      <c r="N716000" s="10"/>
    </row>
    <row r="716001" spans="14:14">
      <c r="N716001" s="10"/>
    </row>
    <row r="716002" spans="14:14">
      <c r="N716002" s="10"/>
    </row>
    <row r="716003" spans="14:14">
      <c r="N716003" s="10"/>
    </row>
    <row r="716004" spans="14:14">
      <c r="N716004" s="10"/>
    </row>
    <row r="716005" spans="14:14">
      <c r="N716005" s="10"/>
    </row>
    <row r="716006" spans="14:14">
      <c r="N716006" s="10"/>
    </row>
    <row r="716007" spans="14:14">
      <c r="N716007" s="10"/>
    </row>
    <row r="716008" spans="14:14">
      <c r="N716008" s="10"/>
    </row>
    <row r="716009" spans="14:14">
      <c r="N716009" s="10"/>
    </row>
    <row r="716010" spans="14:14">
      <c r="N716010" s="10"/>
    </row>
    <row r="716011" spans="14:14">
      <c r="N716011" s="10"/>
    </row>
    <row r="716012" spans="14:14">
      <c r="N716012" s="10"/>
    </row>
    <row r="716013" spans="14:14">
      <c r="N716013" s="10"/>
    </row>
    <row r="716014" spans="14:14">
      <c r="N716014" s="10"/>
    </row>
    <row r="716015" spans="14:14">
      <c r="N716015" s="10"/>
    </row>
    <row r="716016" spans="14:14">
      <c r="N716016" s="10"/>
    </row>
    <row r="716017" spans="14:14">
      <c r="N716017" s="10"/>
    </row>
    <row r="716018" spans="14:14">
      <c r="N716018" s="10"/>
    </row>
    <row r="716019" spans="14:14">
      <c r="N716019" s="10"/>
    </row>
    <row r="716020" spans="14:14">
      <c r="N716020" s="10"/>
    </row>
    <row r="716021" spans="14:14">
      <c r="N716021" s="10"/>
    </row>
    <row r="716022" spans="14:14">
      <c r="N716022" s="10"/>
    </row>
    <row r="716023" spans="14:14">
      <c r="N716023" s="10"/>
    </row>
    <row r="716024" spans="14:14">
      <c r="N716024" s="10"/>
    </row>
    <row r="716025" spans="14:14">
      <c r="N716025" s="10"/>
    </row>
    <row r="716026" spans="14:14">
      <c r="N716026" s="10"/>
    </row>
    <row r="716027" spans="14:14">
      <c r="N716027" s="10"/>
    </row>
    <row r="716028" spans="14:14">
      <c r="N716028" s="10"/>
    </row>
    <row r="716029" spans="14:14">
      <c r="N716029" s="10"/>
    </row>
    <row r="716030" spans="14:14">
      <c r="N716030" s="10"/>
    </row>
    <row r="716031" spans="14:14">
      <c r="N716031" s="10"/>
    </row>
    <row r="716032" spans="14:14">
      <c r="N716032" s="10"/>
    </row>
    <row r="716033" spans="14:14">
      <c r="N716033" s="10"/>
    </row>
    <row r="716034" spans="14:14">
      <c r="N716034" s="10"/>
    </row>
    <row r="716035" spans="14:14">
      <c r="N716035" s="10"/>
    </row>
    <row r="716036" spans="14:14">
      <c r="N716036" s="10"/>
    </row>
    <row r="716037" spans="14:14">
      <c r="N716037" s="10"/>
    </row>
    <row r="716038" spans="14:14">
      <c r="N716038" s="10"/>
    </row>
    <row r="716039" spans="14:14">
      <c r="N716039" s="10"/>
    </row>
    <row r="716040" spans="14:14">
      <c r="N716040" s="10"/>
    </row>
    <row r="716041" spans="14:14">
      <c r="N716041" s="10"/>
    </row>
    <row r="716042" spans="14:14">
      <c r="N716042" s="10"/>
    </row>
    <row r="716043" spans="14:14">
      <c r="N716043" s="10"/>
    </row>
    <row r="716044" spans="14:14">
      <c r="N716044" s="10"/>
    </row>
    <row r="716045" spans="14:14">
      <c r="N716045" s="10"/>
    </row>
    <row r="716046" spans="14:14">
      <c r="N716046" s="10"/>
    </row>
    <row r="716047" spans="14:14">
      <c r="N716047" s="10"/>
    </row>
    <row r="716048" spans="14:14">
      <c r="N716048" s="10"/>
    </row>
    <row r="716049" spans="14:14">
      <c r="N716049" s="10"/>
    </row>
    <row r="716050" spans="14:14">
      <c r="N716050" s="10"/>
    </row>
    <row r="716051" spans="14:14">
      <c r="N716051" s="10"/>
    </row>
    <row r="716052" spans="14:14">
      <c r="N716052" s="10"/>
    </row>
    <row r="716053" spans="14:14">
      <c r="N716053" s="10"/>
    </row>
    <row r="716054" spans="14:14">
      <c r="N716054" s="10"/>
    </row>
    <row r="716055" spans="14:14">
      <c r="N716055" s="10"/>
    </row>
    <row r="716056" spans="14:14">
      <c r="N716056" s="10"/>
    </row>
    <row r="716057" spans="14:14">
      <c r="N716057" s="10"/>
    </row>
    <row r="716058" spans="14:14">
      <c r="N716058" s="10"/>
    </row>
    <row r="716059" spans="14:14">
      <c r="N716059" s="10"/>
    </row>
    <row r="716060" spans="14:14">
      <c r="N716060" s="10"/>
    </row>
    <row r="716061" spans="14:14">
      <c r="N716061" s="10"/>
    </row>
    <row r="716062" spans="14:14">
      <c r="N716062" s="10"/>
    </row>
    <row r="716063" spans="14:14">
      <c r="N716063" s="10"/>
    </row>
    <row r="716064" spans="14:14">
      <c r="N716064" s="10"/>
    </row>
    <row r="716065" spans="14:14">
      <c r="N716065" s="10"/>
    </row>
    <row r="716066" spans="14:14">
      <c r="N716066" s="10"/>
    </row>
    <row r="716067" spans="14:14">
      <c r="N716067" s="10"/>
    </row>
    <row r="716068" spans="14:14">
      <c r="N716068" s="10"/>
    </row>
    <row r="716069" spans="14:14">
      <c r="N716069" s="10"/>
    </row>
    <row r="716070" spans="14:14">
      <c r="N716070" s="10"/>
    </row>
    <row r="716071" spans="14:14">
      <c r="N716071" s="10"/>
    </row>
    <row r="716072" spans="14:14">
      <c r="N716072" s="10"/>
    </row>
    <row r="716073" spans="14:14">
      <c r="N716073" s="10"/>
    </row>
    <row r="716074" spans="14:14">
      <c r="N716074" s="10"/>
    </row>
    <row r="716075" spans="14:14">
      <c r="N716075" s="10"/>
    </row>
    <row r="716076" spans="14:14">
      <c r="N716076" s="10"/>
    </row>
    <row r="716077" spans="14:14">
      <c r="N716077" s="10"/>
    </row>
    <row r="716078" spans="14:14">
      <c r="N716078" s="10"/>
    </row>
    <row r="716079" spans="14:14">
      <c r="N716079" s="10"/>
    </row>
    <row r="716080" spans="14:14">
      <c r="N716080" s="10"/>
    </row>
    <row r="716081" spans="14:14">
      <c r="N716081" s="10"/>
    </row>
    <row r="716082" spans="14:14">
      <c r="N716082" s="10"/>
    </row>
    <row r="716083" spans="14:14">
      <c r="N716083" s="10"/>
    </row>
    <row r="716084" spans="14:14">
      <c r="N716084" s="10"/>
    </row>
    <row r="716085" spans="14:14">
      <c r="N716085" s="10"/>
    </row>
    <row r="716086" spans="14:14">
      <c r="N716086" s="10"/>
    </row>
    <row r="716087" spans="14:14">
      <c r="N716087" s="10"/>
    </row>
    <row r="716088" spans="14:14">
      <c r="N716088" s="10"/>
    </row>
    <row r="716089" spans="14:14">
      <c r="N716089" s="10"/>
    </row>
    <row r="716090" spans="14:14">
      <c r="N716090" s="10"/>
    </row>
    <row r="716091" spans="14:14">
      <c r="N716091" s="10"/>
    </row>
    <row r="716092" spans="14:14">
      <c r="N716092" s="10"/>
    </row>
    <row r="716093" spans="14:14">
      <c r="N716093" s="10"/>
    </row>
    <row r="716094" spans="14:14">
      <c r="N716094" s="10"/>
    </row>
    <row r="716095" spans="14:14">
      <c r="N716095" s="10"/>
    </row>
    <row r="716096" spans="14:14">
      <c r="N716096" s="10"/>
    </row>
    <row r="716097" spans="14:14">
      <c r="N716097" s="10"/>
    </row>
    <row r="716098" spans="14:14">
      <c r="N716098" s="10"/>
    </row>
    <row r="716099" spans="14:14">
      <c r="N716099" s="10"/>
    </row>
    <row r="716100" spans="14:14">
      <c r="N716100" s="10"/>
    </row>
    <row r="716101" spans="14:14">
      <c r="N716101" s="10"/>
    </row>
    <row r="716102" spans="14:14">
      <c r="N716102" s="10"/>
    </row>
    <row r="716103" spans="14:14">
      <c r="N716103" s="10"/>
    </row>
    <row r="716104" spans="14:14">
      <c r="N716104" s="10"/>
    </row>
    <row r="716105" spans="14:14">
      <c r="N716105" s="10"/>
    </row>
    <row r="716106" spans="14:14">
      <c r="N716106" s="10"/>
    </row>
    <row r="716107" spans="14:14">
      <c r="N716107" s="10"/>
    </row>
    <row r="716108" spans="14:14">
      <c r="N716108" s="10"/>
    </row>
    <row r="716109" spans="14:14">
      <c r="N716109" s="10"/>
    </row>
    <row r="716110" spans="14:14">
      <c r="N716110" s="10"/>
    </row>
    <row r="716111" spans="14:14">
      <c r="N716111" s="10"/>
    </row>
    <row r="716112" spans="14:14">
      <c r="N716112" s="10"/>
    </row>
    <row r="716113" spans="14:14">
      <c r="N716113" s="10"/>
    </row>
    <row r="716114" spans="14:14">
      <c r="N716114" s="10"/>
    </row>
    <row r="716115" spans="14:14">
      <c r="N716115" s="10"/>
    </row>
    <row r="716116" spans="14:14">
      <c r="N716116" s="10"/>
    </row>
    <row r="716117" spans="14:14">
      <c r="N716117" s="10"/>
    </row>
    <row r="716118" spans="14:14">
      <c r="N716118" s="10"/>
    </row>
    <row r="716119" spans="14:14">
      <c r="N716119" s="10"/>
    </row>
    <row r="716120" spans="14:14">
      <c r="N716120" s="10"/>
    </row>
    <row r="716121" spans="14:14">
      <c r="N716121" s="10"/>
    </row>
    <row r="716122" spans="14:14">
      <c r="N716122" s="10"/>
    </row>
    <row r="716123" spans="14:14">
      <c r="N716123" s="10"/>
    </row>
    <row r="716124" spans="14:14">
      <c r="N716124" s="10"/>
    </row>
    <row r="716125" spans="14:14">
      <c r="N716125" s="10"/>
    </row>
    <row r="716126" spans="14:14">
      <c r="N716126" s="10"/>
    </row>
    <row r="716127" spans="14:14">
      <c r="N716127" s="10"/>
    </row>
    <row r="716128" spans="14:14">
      <c r="N716128" s="10"/>
    </row>
    <row r="716129" spans="14:14">
      <c r="N716129" s="10"/>
    </row>
    <row r="716130" spans="14:14">
      <c r="N716130" s="10"/>
    </row>
    <row r="716131" spans="14:14">
      <c r="N716131" s="10"/>
    </row>
    <row r="716132" spans="14:14">
      <c r="N716132" s="10"/>
    </row>
    <row r="716133" spans="14:14">
      <c r="N716133" s="10"/>
    </row>
    <row r="716134" spans="14:14">
      <c r="N716134" s="10"/>
    </row>
    <row r="716135" spans="14:14">
      <c r="N716135" s="10"/>
    </row>
    <row r="716136" spans="14:14">
      <c r="N716136" s="10"/>
    </row>
    <row r="716137" spans="14:14">
      <c r="N716137" s="10"/>
    </row>
    <row r="716138" spans="14:14">
      <c r="N716138" s="10"/>
    </row>
    <row r="716139" spans="14:14">
      <c r="N716139" s="10"/>
    </row>
    <row r="716140" spans="14:14">
      <c r="N716140" s="10"/>
    </row>
    <row r="716141" spans="14:14">
      <c r="N716141" s="10"/>
    </row>
    <row r="716142" spans="14:14">
      <c r="N716142" s="10"/>
    </row>
    <row r="716143" spans="14:14">
      <c r="N716143" s="10"/>
    </row>
    <row r="716144" spans="14:14">
      <c r="N716144" s="10"/>
    </row>
    <row r="716145" spans="14:14">
      <c r="N716145" s="10"/>
    </row>
    <row r="716146" spans="14:14">
      <c r="N716146" s="10"/>
    </row>
    <row r="716147" spans="14:14">
      <c r="N716147" s="10"/>
    </row>
    <row r="716148" spans="14:14">
      <c r="N716148" s="10"/>
    </row>
    <row r="716149" spans="14:14">
      <c r="N716149" s="10"/>
    </row>
    <row r="716150" spans="14:14">
      <c r="N716150" s="10"/>
    </row>
    <row r="716151" spans="14:14">
      <c r="N716151" s="10"/>
    </row>
    <row r="716152" spans="14:14">
      <c r="N716152" s="10"/>
    </row>
    <row r="716153" spans="14:14">
      <c r="N716153" s="10"/>
    </row>
    <row r="716154" spans="14:14">
      <c r="N716154" s="10"/>
    </row>
    <row r="716155" spans="14:14">
      <c r="N716155" s="10"/>
    </row>
    <row r="716156" spans="14:14">
      <c r="N716156" s="10"/>
    </row>
    <row r="716157" spans="14:14">
      <c r="N716157" s="10"/>
    </row>
    <row r="716158" spans="14:14">
      <c r="N716158" s="10"/>
    </row>
    <row r="716159" spans="14:14">
      <c r="N716159" s="10"/>
    </row>
    <row r="716160" spans="14:14">
      <c r="N716160" s="10"/>
    </row>
    <row r="716161" spans="14:14">
      <c r="N716161" s="10"/>
    </row>
    <row r="716162" spans="14:14">
      <c r="N716162" s="10"/>
    </row>
    <row r="716163" spans="14:14">
      <c r="N716163" s="10"/>
    </row>
    <row r="716164" spans="14:14">
      <c r="N716164" s="10"/>
    </row>
    <row r="716165" spans="14:14">
      <c r="N716165" s="10"/>
    </row>
    <row r="716166" spans="14:14">
      <c r="N716166" s="10"/>
    </row>
    <row r="716167" spans="14:14">
      <c r="N716167" s="10"/>
    </row>
    <row r="716168" spans="14:14">
      <c r="N716168" s="10"/>
    </row>
    <row r="716169" spans="14:14">
      <c r="N716169" s="10"/>
    </row>
    <row r="716170" spans="14:14">
      <c r="N716170" s="10"/>
    </row>
    <row r="716171" spans="14:14">
      <c r="N716171" s="10"/>
    </row>
    <row r="716172" spans="14:14">
      <c r="N716172" s="10"/>
    </row>
    <row r="716173" spans="14:14">
      <c r="N716173" s="10"/>
    </row>
    <row r="716174" spans="14:14">
      <c r="N716174" s="10"/>
    </row>
    <row r="716175" spans="14:14">
      <c r="N716175" s="10"/>
    </row>
    <row r="716176" spans="14:14">
      <c r="N716176" s="10"/>
    </row>
    <row r="716177" spans="14:14">
      <c r="N716177" s="10"/>
    </row>
    <row r="716178" spans="14:14">
      <c r="N716178" s="10"/>
    </row>
    <row r="716179" spans="14:14">
      <c r="N716179" s="10"/>
    </row>
    <row r="716180" spans="14:14">
      <c r="N716180" s="10"/>
    </row>
    <row r="716181" spans="14:14">
      <c r="N716181" s="10"/>
    </row>
    <row r="716182" spans="14:14">
      <c r="N716182" s="10"/>
    </row>
    <row r="716183" spans="14:14">
      <c r="N716183" s="10"/>
    </row>
    <row r="716184" spans="14:14">
      <c r="N716184" s="10"/>
    </row>
    <row r="716185" spans="14:14">
      <c r="N716185" s="10"/>
    </row>
    <row r="716186" spans="14:14">
      <c r="N716186" s="10"/>
    </row>
    <row r="716187" spans="14:14">
      <c r="N716187" s="10"/>
    </row>
    <row r="716188" spans="14:14">
      <c r="N716188" s="10"/>
    </row>
    <row r="716189" spans="14:14">
      <c r="N716189" s="10"/>
    </row>
    <row r="716190" spans="14:14">
      <c r="N716190" s="10"/>
    </row>
    <row r="716191" spans="14:14">
      <c r="N716191" s="10"/>
    </row>
    <row r="716192" spans="14:14">
      <c r="N716192" s="10"/>
    </row>
    <row r="716193" spans="14:14">
      <c r="N716193" s="10"/>
    </row>
    <row r="716194" spans="14:14">
      <c r="N716194" s="10"/>
    </row>
    <row r="716195" spans="14:14">
      <c r="N716195" s="10"/>
    </row>
    <row r="716196" spans="14:14">
      <c r="N716196" s="10"/>
    </row>
    <row r="716197" spans="14:14">
      <c r="N716197" s="10"/>
    </row>
    <row r="716198" spans="14:14">
      <c r="N716198" s="10"/>
    </row>
    <row r="716199" spans="14:14">
      <c r="N716199" s="10"/>
    </row>
    <row r="716200" spans="14:14">
      <c r="N716200" s="10"/>
    </row>
    <row r="716201" spans="14:14">
      <c r="N716201" s="10"/>
    </row>
    <row r="716202" spans="14:14">
      <c r="N716202" s="10"/>
    </row>
    <row r="716203" spans="14:14">
      <c r="N716203" s="10"/>
    </row>
    <row r="716204" spans="14:14">
      <c r="N716204" s="10"/>
    </row>
    <row r="716205" spans="14:14">
      <c r="N716205" s="10"/>
    </row>
    <row r="716206" spans="14:14">
      <c r="N716206" s="10"/>
    </row>
    <row r="716207" spans="14:14">
      <c r="N716207" s="10"/>
    </row>
    <row r="716208" spans="14:14">
      <c r="N716208" s="10"/>
    </row>
    <row r="716209" spans="14:14">
      <c r="N716209" s="10"/>
    </row>
    <row r="716210" spans="14:14">
      <c r="N716210" s="10"/>
    </row>
    <row r="716211" spans="14:14">
      <c r="N716211" s="10"/>
    </row>
    <row r="716212" spans="14:14">
      <c r="N716212" s="10"/>
    </row>
    <row r="716213" spans="14:14">
      <c r="N716213" s="10"/>
    </row>
    <row r="716214" spans="14:14">
      <c r="N716214" s="10"/>
    </row>
    <row r="716215" spans="14:14">
      <c r="N716215" s="10"/>
    </row>
    <row r="716216" spans="14:14">
      <c r="N716216" s="10"/>
    </row>
    <row r="716217" spans="14:14">
      <c r="N716217" s="10"/>
    </row>
    <row r="716218" spans="14:14">
      <c r="N716218" s="10"/>
    </row>
    <row r="716219" spans="14:14">
      <c r="N716219" s="10"/>
    </row>
    <row r="716220" spans="14:14">
      <c r="N716220" s="10"/>
    </row>
    <row r="716221" spans="14:14">
      <c r="N716221" s="10"/>
    </row>
    <row r="716222" spans="14:14">
      <c r="N716222" s="10"/>
    </row>
    <row r="716223" spans="14:14">
      <c r="N716223" s="10"/>
    </row>
    <row r="716224" spans="14:14">
      <c r="N716224" s="10"/>
    </row>
    <row r="716225" spans="14:14">
      <c r="N716225" s="10"/>
    </row>
    <row r="716226" spans="14:14">
      <c r="N716226" s="10"/>
    </row>
    <row r="716227" spans="14:14">
      <c r="N716227" s="10"/>
    </row>
    <row r="716228" spans="14:14">
      <c r="N716228" s="10"/>
    </row>
    <row r="716229" spans="14:14">
      <c r="N716229" s="10"/>
    </row>
    <row r="716230" spans="14:14">
      <c r="N716230" s="10"/>
    </row>
    <row r="716231" spans="14:14">
      <c r="N716231" s="10"/>
    </row>
    <row r="716232" spans="14:14">
      <c r="N716232" s="10"/>
    </row>
    <row r="716233" spans="14:14">
      <c r="N716233" s="10"/>
    </row>
    <row r="716234" spans="14:14">
      <c r="N716234" s="10"/>
    </row>
    <row r="716235" spans="14:14">
      <c r="N716235" s="10"/>
    </row>
    <row r="716236" spans="14:14">
      <c r="N716236" s="10"/>
    </row>
    <row r="716237" spans="14:14">
      <c r="N716237" s="10"/>
    </row>
    <row r="716238" spans="14:14">
      <c r="N716238" s="10"/>
    </row>
    <row r="716239" spans="14:14">
      <c r="N716239" s="10"/>
    </row>
    <row r="716240" spans="14:14">
      <c r="N716240" s="10"/>
    </row>
    <row r="716241" spans="14:14">
      <c r="N716241" s="10"/>
    </row>
    <row r="716242" spans="14:14">
      <c r="N716242" s="10"/>
    </row>
    <row r="716243" spans="14:14">
      <c r="N716243" s="10"/>
    </row>
    <row r="716244" spans="14:14">
      <c r="N716244" s="10"/>
    </row>
    <row r="716245" spans="14:14">
      <c r="N716245" s="10"/>
    </row>
    <row r="716246" spans="14:14">
      <c r="N716246" s="10"/>
    </row>
    <row r="716247" spans="14:14">
      <c r="N716247" s="10"/>
    </row>
    <row r="716248" spans="14:14">
      <c r="N716248" s="10"/>
    </row>
    <row r="716249" spans="14:14">
      <c r="N716249" s="10"/>
    </row>
    <row r="716250" spans="14:14">
      <c r="N716250" s="10"/>
    </row>
    <row r="716251" spans="14:14">
      <c r="N716251" s="10"/>
    </row>
    <row r="716252" spans="14:14">
      <c r="N716252" s="10"/>
    </row>
    <row r="716253" spans="14:14">
      <c r="N716253" s="10"/>
    </row>
    <row r="716254" spans="14:14">
      <c r="N716254" s="10"/>
    </row>
    <row r="716255" spans="14:14">
      <c r="N716255" s="10"/>
    </row>
    <row r="716256" spans="14:14">
      <c r="N716256" s="10"/>
    </row>
    <row r="716257" spans="14:14">
      <c r="N716257" s="10"/>
    </row>
    <row r="716258" spans="14:14">
      <c r="N716258" s="10"/>
    </row>
    <row r="716259" spans="14:14">
      <c r="N716259" s="10"/>
    </row>
    <row r="716260" spans="14:14">
      <c r="N716260" s="10"/>
    </row>
    <row r="716261" spans="14:14">
      <c r="N716261" s="10"/>
    </row>
    <row r="716262" spans="14:14">
      <c r="N716262" s="10"/>
    </row>
    <row r="716263" spans="14:14">
      <c r="N716263" s="10"/>
    </row>
    <row r="716264" spans="14:14">
      <c r="N716264" s="10"/>
    </row>
    <row r="716265" spans="14:14">
      <c r="N716265" s="10"/>
    </row>
    <row r="716266" spans="14:14">
      <c r="N716266" s="10"/>
    </row>
    <row r="716267" spans="14:14">
      <c r="N716267" s="10"/>
    </row>
    <row r="716268" spans="14:14">
      <c r="N716268" s="10"/>
    </row>
    <row r="716269" spans="14:14">
      <c r="N716269" s="10"/>
    </row>
    <row r="716270" spans="14:14">
      <c r="N716270" s="10"/>
    </row>
    <row r="716271" spans="14:14">
      <c r="N716271" s="10"/>
    </row>
    <row r="716272" spans="14:14">
      <c r="N716272" s="10"/>
    </row>
    <row r="716273" spans="14:14">
      <c r="N716273" s="10"/>
    </row>
    <row r="716274" spans="14:14">
      <c r="N716274" s="10"/>
    </row>
    <row r="716275" spans="14:14">
      <c r="N716275" s="10"/>
    </row>
    <row r="716276" spans="14:14">
      <c r="N716276" s="10"/>
    </row>
    <row r="716277" spans="14:14">
      <c r="N716277" s="10"/>
    </row>
    <row r="716278" spans="14:14">
      <c r="N716278" s="10"/>
    </row>
    <row r="716279" spans="14:14">
      <c r="N716279" s="10"/>
    </row>
    <row r="716280" spans="14:14">
      <c r="N716280" s="10"/>
    </row>
    <row r="716281" spans="14:14">
      <c r="N716281" s="10"/>
    </row>
    <row r="716282" spans="14:14">
      <c r="N716282" s="10"/>
    </row>
    <row r="716283" spans="14:14">
      <c r="N716283" s="10"/>
    </row>
    <row r="716284" spans="14:14">
      <c r="N716284" s="10"/>
    </row>
    <row r="716285" spans="14:14">
      <c r="N716285" s="10"/>
    </row>
    <row r="716286" spans="14:14">
      <c r="N716286" s="10"/>
    </row>
    <row r="716287" spans="14:14">
      <c r="N716287" s="10"/>
    </row>
    <row r="716288" spans="14:14">
      <c r="N716288" s="10"/>
    </row>
    <row r="716289" spans="14:14">
      <c r="N716289" s="10"/>
    </row>
    <row r="716290" spans="14:14">
      <c r="N716290" s="10"/>
    </row>
    <row r="716291" spans="14:14">
      <c r="N716291" s="10"/>
    </row>
    <row r="716292" spans="14:14">
      <c r="N716292" s="10"/>
    </row>
    <row r="716293" spans="14:14">
      <c r="N716293" s="10"/>
    </row>
    <row r="716294" spans="14:14">
      <c r="N716294" s="10"/>
    </row>
    <row r="716295" spans="14:14">
      <c r="N716295" s="10"/>
    </row>
    <row r="716296" spans="14:14">
      <c r="N716296" s="10"/>
    </row>
    <row r="716297" spans="14:14">
      <c r="N716297" s="10"/>
    </row>
    <row r="716298" spans="14:14">
      <c r="N716298" s="10"/>
    </row>
    <row r="716299" spans="14:14">
      <c r="N716299" s="10"/>
    </row>
    <row r="716300" spans="14:14">
      <c r="N716300" s="10"/>
    </row>
    <row r="716301" spans="14:14">
      <c r="N716301" s="10"/>
    </row>
    <row r="716302" spans="14:14">
      <c r="N716302" s="10"/>
    </row>
    <row r="716303" spans="14:14">
      <c r="N716303" s="10"/>
    </row>
    <row r="716304" spans="14:14">
      <c r="N716304" s="10"/>
    </row>
    <row r="716305" spans="14:14">
      <c r="N716305" s="10"/>
    </row>
    <row r="716306" spans="14:14">
      <c r="N716306" s="10"/>
    </row>
    <row r="716307" spans="14:14">
      <c r="N716307" s="10"/>
    </row>
    <row r="716308" spans="14:14">
      <c r="N716308" s="10"/>
    </row>
    <row r="716309" spans="14:14">
      <c r="N716309" s="10"/>
    </row>
    <row r="716310" spans="14:14">
      <c r="N716310" s="10"/>
    </row>
    <row r="716311" spans="14:14">
      <c r="N716311" s="10"/>
    </row>
    <row r="716312" spans="14:14">
      <c r="N716312" s="10"/>
    </row>
    <row r="716313" spans="14:14">
      <c r="N716313" s="10"/>
    </row>
    <row r="716314" spans="14:14">
      <c r="N716314" s="10"/>
    </row>
    <row r="716315" spans="14:14">
      <c r="N716315" s="10"/>
    </row>
    <row r="716316" spans="14:14">
      <c r="N716316" s="10"/>
    </row>
    <row r="716317" spans="14:14">
      <c r="N716317" s="10"/>
    </row>
    <row r="716318" spans="14:14">
      <c r="N716318" s="10"/>
    </row>
    <row r="716319" spans="14:14">
      <c r="N716319" s="10"/>
    </row>
    <row r="716320" spans="14:14">
      <c r="N716320" s="10"/>
    </row>
    <row r="716321" spans="14:14">
      <c r="N716321" s="10"/>
    </row>
    <row r="716322" spans="14:14">
      <c r="N716322" s="10"/>
    </row>
    <row r="716323" spans="14:14">
      <c r="N716323" s="10"/>
    </row>
    <row r="716324" spans="14:14">
      <c r="N716324" s="10"/>
    </row>
    <row r="716325" spans="14:14">
      <c r="N716325" s="10"/>
    </row>
    <row r="716326" spans="14:14">
      <c r="N716326" s="10"/>
    </row>
    <row r="716327" spans="14:14">
      <c r="N716327" s="10"/>
    </row>
    <row r="716328" spans="14:14">
      <c r="N716328" s="10"/>
    </row>
    <row r="716329" spans="14:14">
      <c r="N716329" s="10"/>
    </row>
    <row r="716330" spans="14:14">
      <c r="N716330" s="10"/>
    </row>
    <row r="716331" spans="14:14">
      <c r="N716331" s="10"/>
    </row>
    <row r="716332" spans="14:14">
      <c r="N716332" s="10"/>
    </row>
    <row r="716333" spans="14:14">
      <c r="N716333" s="10"/>
    </row>
    <row r="716334" spans="14:14">
      <c r="N716334" s="10"/>
    </row>
    <row r="716335" spans="14:14">
      <c r="N716335" s="10"/>
    </row>
    <row r="716336" spans="14:14">
      <c r="N716336" s="10"/>
    </row>
    <row r="716337" spans="14:14">
      <c r="N716337" s="10"/>
    </row>
    <row r="716338" spans="14:14">
      <c r="N716338" s="10"/>
    </row>
    <row r="716339" spans="14:14">
      <c r="N716339" s="10"/>
    </row>
    <row r="716340" spans="14:14">
      <c r="N716340" s="10"/>
    </row>
    <row r="716341" spans="14:14">
      <c r="N716341" s="10"/>
    </row>
    <row r="716342" spans="14:14">
      <c r="N716342" s="10"/>
    </row>
    <row r="716343" spans="14:14">
      <c r="N716343" s="10"/>
    </row>
    <row r="716344" spans="14:14">
      <c r="N716344" s="10"/>
    </row>
    <row r="716345" spans="14:14">
      <c r="N716345" s="10"/>
    </row>
    <row r="716346" spans="14:14">
      <c r="N716346" s="10"/>
    </row>
    <row r="716347" spans="14:14">
      <c r="N716347" s="10"/>
    </row>
    <row r="716348" spans="14:14">
      <c r="N716348" s="10"/>
    </row>
    <row r="716349" spans="14:14">
      <c r="N716349" s="10"/>
    </row>
    <row r="716350" spans="14:14">
      <c r="N716350" s="10"/>
    </row>
    <row r="716351" spans="14:14">
      <c r="N716351" s="10"/>
    </row>
    <row r="716352" spans="14:14">
      <c r="N716352" s="10"/>
    </row>
    <row r="716353" spans="14:14">
      <c r="N716353" s="10"/>
    </row>
    <row r="716354" spans="14:14">
      <c r="N716354" s="10"/>
    </row>
    <row r="716355" spans="14:14">
      <c r="N716355" s="10"/>
    </row>
    <row r="716356" spans="14:14">
      <c r="N716356" s="10"/>
    </row>
    <row r="716357" spans="14:14">
      <c r="N716357" s="10"/>
    </row>
    <row r="716358" spans="14:14">
      <c r="N716358" s="10"/>
    </row>
    <row r="716359" spans="14:14">
      <c r="N716359" s="10"/>
    </row>
    <row r="716360" spans="14:14">
      <c r="N716360" s="10"/>
    </row>
    <row r="716361" spans="14:14">
      <c r="N716361" s="10"/>
    </row>
    <row r="716362" spans="14:14">
      <c r="N716362" s="10"/>
    </row>
    <row r="716363" spans="14:14">
      <c r="N716363" s="10"/>
    </row>
    <row r="716364" spans="14:14">
      <c r="N716364" s="10"/>
    </row>
    <row r="716365" spans="14:14">
      <c r="N716365" s="10"/>
    </row>
    <row r="716366" spans="14:14">
      <c r="N716366" s="10"/>
    </row>
    <row r="716367" spans="14:14">
      <c r="N716367" s="10"/>
    </row>
    <row r="716368" spans="14:14">
      <c r="N716368" s="10"/>
    </row>
    <row r="716369" spans="14:14">
      <c r="N716369" s="10"/>
    </row>
    <row r="716370" spans="14:14">
      <c r="N716370" s="10"/>
    </row>
    <row r="716371" spans="14:14">
      <c r="N716371" s="10"/>
    </row>
    <row r="716372" spans="14:14">
      <c r="N716372" s="10"/>
    </row>
    <row r="716373" spans="14:14">
      <c r="N716373" s="10"/>
    </row>
    <row r="716374" spans="14:14">
      <c r="N716374" s="10"/>
    </row>
    <row r="716375" spans="14:14">
      <c r="N716375" s="10"/>
    </row>
    <row r="716376" spans="14:14">
      <c r="N716376" s="10"/>
    </row>
    <row r="716377" spans="14:14">
      <c r="N716377" s="10"/>
    </row>
    <row r="716378" spans="14:14">
      <c r="N716378" s="10"/>
    </row>
    <row r="716379" spans="14:14">
      <c r="N716379" s="10"/>
    </row>
    <row r="716380" spans="14:14">
      <c r="N716380" s="10"/>
    </row>
    <row r="716381" spans="14:14">
      <c r="N716381" s="10"/>
    </row>
    <row r="716382" spans="14:14">
      <c r="N716382" s="10"/>
    </row>
    <row r="716383" spans="14:14">
      <c r="N716383" s="10"/>
    </row>
    <row r="716384" spans="14:14">
      <c r="N716384" s="10"/>
    </row>
    <row r="716385" spans="14:14">
      <c r="N716385" s="10"/>
    </row>
    <row r="716386" spans="14:14">
      <c r="N716386" s="10"/>
    </row>
    <row r="716387" spans="14:14">
      <c r="N716387" s="10"/>
    </row>
    <row r="716388" spans="14:14">
      <c r="N716388" s="10"/>
    </row>
    <row r="716389" spans="14:14">
      <c r="N716389" s="10"/>
    </row>
    <row r="716390" spans="14:14">
      <c r="N716390" s="10"/>
    </row>
    <row r="716391" spans="14:14">
      <c r="N716391" s="10"/>
    </row>
    <row r="716392" spans="14:14">
      <c r="N716392" s="10"/>
    </row>
    <row r="716393" spans="14:14">
      <c r="N716393" s="10"/>
    </row>
    <row r="716394" spans="14:14">
      <c r="N716394" s="10"/>
    </row>
    <row r="716395" spans="14:14">
      <c r="N716395" s="10"/>
    </row>
    <row r="716396" spans="14:14">
      <c r="N716396" s="10"/>
    </row>
    <row r="716397" spans="14:14">
      <c r="N716397" s="10"/>
    </row>
    <row r="716398" spans="14:14">
      <c r="N716398" s="10"/>
    </row>
    <row r="716399" spans="14:14">
      <c r="N716399" s="10"/>
    </row>
    <row r="716400" spans="14:14">
      <c r="N716400" s="10"/>
    </row>
    <row r="716401" spans="14:14">
      <c r="N716401" s="10"/>
    </row>
    <row r="716402" spans="14:14">
      <c r="N716402" s="10"/>
    </row>
    <row r="716403" spans="14:14">
      <c r="N716403" s="10"/>
    </row>
    <row r="716404" spans="14:14">
      <c r="N716404" s="10"/>
    </row>
    <row r="716405" spans="14:14">
      <c r="N716405" s="10"/>
    </row>
    <row r="716406" spans="14:14">
      <c r="N716406" s="10"/>
    </row>
    <row r="716407" spans="14:14">
      <c r="N716407" s="10"/>
    </row>
    <row r="716408" spans="14:14">
      <c r="N716408" s="10"/>
    </row>
    <row r="716409" spans="14:14">
      <c r="N716409" s="10"/>
    </row>
    <row r="716410" spans="14:14">
      <c r="N716410" s="10"/>
    </row>
    <row r="716411" spans="14:14">
      <c r="N716411" s="10"/>
    </row>
    <row r="716412" spans="14:14">
      <c r="N716412" s="10"/>
    </row>
    <row r="716413" spans="14:14">
      <c r="N716413" s="10"/>
    </row>
    <row r="716414" spans="14:14">
      <c r="N716414" s="10"/>
    </row>
    <row r="716415" spans="14:14">
      <c r="N716415" s="10"/>
    </row>
    <row r="716416" spans="14:14">
      <c r="N716416" s="10"/>
    </row>
    <row r="716417" spans="14:14">
      <c r="N716417" s="10"/>
    </row>
    <row r="716418" spans="14:14">
      <c r="N716418" s="10"/>
    </row>
    <row r="716419" spans="14:14">
      <c r="N716419" s="10"/>
    </row>
    <row r="716420" spans="14:14">
      <c r="N716420" s="10"/>
    </row>
    <row r="716421" spans="14:14">
      <c r="N716421" s="10"/>
    </row>
    <row r="716422" spans="14:14">
      <c r="N716422" s="10"/>
    </row>
    <row r="716423" spans="14:14">
      <c r="N716423" s="10"/>
    </row>
    <row r="716424" spans="14:14">
      <c r="N716424" s="10"/>
    </row>
    <row r="716425" spans="14:14">
      <c r="N716425" s="10"/>
    </row>
    <row r="716426" spans="14:14">
      <c r="N716426" s="10"/>
    </row>
    <row r="716427" spans="14:14">
      <c r="N716427" s="10"/>
    </row>
    <row r="716428" spans="14:14">
      <c r="N716428" s="10"/>
    </row>
    <row r="716429" spans="14:14">
      <c r="N716429" s="10"/>
    </row>
    <row r="716430" spans="14:14">
      <c r="N716430" s="10"/>
    </row>
    <row r="716431" spans="14:14">
      <c r="N716431" s="10"/>
    </row>
    <row r="716432" spans="14:14">
      <c r="N716432" s="10"/>
    </row>
    <row r="716433" spans="14:14">
      <c r="N716433" s="10"/>
    </row>
    <row r="716434" spans="14:14">
      <c r="N716434" s="10"/>
    </row>
    <row r="716435" spans="14:14">
      <c r="N716435" s="10"/>
    </row>
    <row r="716436" spans="14:14">
      <c r="N716436" s="10"/>
    </row>
    <row r="716437" spans="14:14">
      <c r="N716437" s="10"/>
    </row>
    <row r="716438" spans="14:14">
      <c r="N716438" s="10"/>
    </row>
    <row r="716439" spans="14:14">
      <c r="N716439" s="10"/>
    </row>
    <row r="716440" spans="14:14">
      <c r="N716440" s="10"/>
    </row>
    <row r="716441" spans="14:14">
      <c r="N716441" s="10"/>
    </row>
    <row r="716442" spans="14:14">
      <c r="N716442" s="10"/>
    </row>
    <row r="716443" spans="14:14">
      <c r="N716443" s="10"/>
    </row>
    <row r="716444" spans="14:14">
      <c r="N716444" s="10"/>
    </row>
    <row r="716445" spans="14:14">
      <c r="N716445" s="10"/>
    </row>
    <row r="716446" spans="14:14">
      <c r="N716446" s="10"/>
    </row>
    <row r="716447" spans="14:14">
      <c r="N716447" s="10"/>
    </row>
    <row r="716448" spans="14:14">
      <c r="N716448" s="10"/>
    </row>
    <row r="716449" spans="14:14">
      <c r="N716449" s="10"/>
    </row>
    <row r="716450" spans="14:14">
      <c r="N716450" s="10"/>
    </row>
    <row r="716451" spans="14:14">
      <c r="N716451" s="10"/>
    </row>
    <row r="716452" spans="14:14">
      <c r="N716452" s="10"/>
    </row>
    <row r="716453" spans="14:14">
      <c r="N716453" s="10"/>
    </row>
    <row r="716454" spans="14:14">
      <c r="N716454" s="10"/>
    </row>
    <row r="716455" spans="14:14">
      <c r="N716455" s="10"/>
    </row>
    <row r="716456" spans="14:14">
      <c r="N716456" s="10"/>
    </row>
    <row r="716457" spans="14:14">
      <c r="N716457" s="10"/>
    </row>
    <row r="716458" spans="14:14">
      <c r="N716458" s="10"/>
    </row>
    <row r="716459" spans="14:14">
      <c r="N716459" s="10"/>
    </row>
    <row r="716460" spans="14:14">
      <c r="N716460" s="10"/>
    </row>
    <row r="716461" spans="14:14">
      <c r="N716461" s="10"/>
    </row>
    <row r="716462" spans="14:14">
      <c r="N716462" s="10"/>
    </row>
    <row r="716463" spans="14:14">
      <c r="N716463" s="10"/>
    </row>
    <row r="716464" spans="14:14">
      <c r="N716464" s="10"/>
    </row>
    <row r="716465" spans="14:14">
      <c r="N716465" s="10"/>
    </row>
    <row r="716466" spans="14:14">
      <c r="N716466" s="10"/>
    </row>
    <row r="716467" spans="14:14">
      <c r="N716467" s="10"/>
    </row>
    <row r="716468" spans="14:14">
      <c r="N716468" s="10"/>
    </row>
    <row r="716469" spans="14:14">
      <c r="N716469" s="10"/>
    </row>
    <row r="716470" spans="14:14">
      <c r="N716470" s="10"/>
    </row>
    <row r="716471" spans="14:14">
      <c r="N716471" s="10"/>
    </row>
    <row r="716472" spans="14:14">
      <c r="N716472" s="10"/>
    </row>
    <row r="716473" spans="14:14">
      <c r="N716473" s="10"/>
    </row>
    <row r="716474" spans="14:14">
      <c r="N716474" s="10"/>
    </row>
    <row r="716475" spans="14:14">
      <c r="N716475" s="10"/>
    </row>
    <row r="716476" spans="14:14">
      <c r="N716476" s="10"/>
    </row>
    <row r="716477" spans="14:14">
      <c r="N716477" s="10"/>
    </row>
    <row r="716478" spans="14:14">
      <c r="N716478" s="10"/>
    </row>
    <row r="716479" spans="14:14">
      <c r="N716479" s="10"/>
    </row>
    <row r="716480" spans="14:14">
      <c r="N716480" s="10"/>
    </row>
    <row r="716481" spans="14:14">
      <c r="N716481" s="10"/>
    </row>
    <row r="716482" spans="14:14">
      <c r="N716482" s="10"/>
    </row>
    <row r="716483" spans="14:14">
      <c r="N716483" s="10"/>
    </row>
    <row r="716484" spans="14:14">
      <c r="N716484" s="10"/>
    </row>
    <row r="716485" spans="14:14">
      <c r="N716485" s="10"/>
    </row>
    <row r="716486" spans="14:14">
      <c r="N716486" s="10"/>
    </row>
    <row r="716487" spans="14:14">
      <c r="N716487" s="10"/>
    </row>
    <row r="716488" spans="14:14">
      <c r="N716488" s="10"/>
    </row>
    <row r="716489" spans="14:14">
      <c r="N716489" s="10"/>
    </row>
    <row r="716490" spans="14:14">
      <c r="N716490" s="10"/>
    </row>
    <row r="716491" spans="14:14">
      <c r="N716491" s="10"/>
    </row>
    <row r="716492" spans="14:14">
      <c r="N716492" s="10"/>
    </row>
    <row r="716493" spans="14:14">
      <c r="N716493" s="10"/>
    </row>
    <row r="716494" spans="14:14">
      <c r="N716494" s="10"/>
    </row>
    <row r="716495" spans="14:14">
      <c r="N716495" s="10"/>
    </row>
    <row r="716496" spans="14:14">
      <c r="N716496" s="10"/>
    </row>
    <row r="716497" spans="14:14">
      <c r="N716497" s="10"/>
    </row>
    <row r="716498" spans="14:14">
      <c r="N716498" s="10"/>
    </row>
    <row r="716499" spans="14:14">
      <c r="N716499" s="10"/>
    </row>
    <row r="716500" spans="14:14">
      <c r="N716500" s="10"/>
    </row>
    <row r="716501" spans="14:14">
      <c r="N716501" s="10"/>
    </row>
    <row r="716502" spans="14:14">
      <c r="N716502" s="10"/>
    </row>
    <row r="716503" spans="14:14">
      <c r="N716503" s="10"/>
    </row>
    <row r="716504" spans="14:14">
      <c r="N716504" s="10"/>
    </row>
    <row r="716505" spans="14:14">
      <c r="N716505" s="10"/>
    </row>
    <row r="716506" spans="14:14">
      <c r="N716506" s="10"/>
    </row>
    <row r="716507" spans="14:14">
      <c r="N716507" s="10"/>
    </row>
    <row r="716508" spans="14:14">
      <c r="N716508" s="10"/>
    </row>
    <row r="716509" spans="14:14">
      <c r="N716509" s="10"/>
    </row>
    <row r="716510" spans="14:14">
      <c r="N716510" s="10"/>
    </row>
    <row r="716511" spans="14:14">
      <c r="N716511" s="10"/>
    </row>
    <row r="716512" spans="14:14">
      <c r="N716512" s="10"/>
    </row>
    <row r="716513" spans="14:14">
      <c r="N716513" s="10"/>
    </row>
    <row r="716514" spans="14:14">
      <c r="N716514" s="10"/>
    </row>
    <row r="716515" spans="14:14">
      <c r="N716515" s="10"/>
    </row>
    <row r="716516" spans="14:14">
      <c r="N716516" s="10"/>
    </row>
    <row r="716517" spans="14:14">
      <c r="N716517" s="10"/>
    </row>
    <row r="716518" spans="14:14">
      <c r="N716518" s="10"/>
    </row>
    <row r="716519" spans="14:14">
      <c r="N716519" s="10"/>
    </row>
    <row r="716520" spans="14:14">
      <c r="N716520" s="10"/>
    </row>
    <row r="716521" spans="14:14">
      <c r="N716521" s="10"/>
    </row>
    <row r="716522" spans="14:14">
      <c r="N716522" s="10"/>
    </row>
    <row r="716523" spans="14:14">
      <c r="N716523" s="10"/>
    </row>
    <row r="716524" spans="14:14">
      <c r="N716524" s="10"/>
    </row>
    <row r="716525" spans="14:14">
      <c r="N716525" s="10"/>
    </row>
    <row r="716526" spans="14:14">
      <c r="N716526" s="10"/>
    </row>
    <row r="716527" spans="14:14">
      <c r="N716527" s="10"/>
    </row>
    <row r="716528" spans="14:14">
      <c r="N716528" s="10"/>
    </row>
    <row r="716529" spans="14:14">
      <c r="N716529" s="10"/>
    </row>
    <row r="716530" spans="14:14">
      <c r="N716530" s="10"/>
    </row>
    <row r="716531" spans="14:14">
      <c r="N716531" s="10"/>
    </row>
    <row r="716532" spans="14:14">
      <c r="N716532" s="10"/>
    </row>
    <row r="716533" spans="14:14">
      <c r="N716533" s="10"/>
    </row>
    <row r="716534" spans="14:14">
      <c r="N716534" s="10"/>
    </row>
    <row r="716535" spans="14:14">
      <c r="N716535" s="10"/>
    </row>
    <row r="716536" spans="14:14">
      <c r="N716536" s="10"/>
    </row>
    <row r="716537" spans="14:14">
      <c r="N716537" s="10"/>
    </row>
    <row r="716538" spans="14:14">
      <c r="N716538" s="10"/>
    </row>
    <row r="716539" spans="14:14">
      <c r="N716539" s="10"/>
    </row>
    <row r="716540" spans="14:14">
      <c r="N716540" s="10"/>
    </row>
    <row r="716541" spans="14:14">
      <c r="N716541" s="10"/>
    </row>
    <row r="716542" spans="14:14">
      <c r="N716542" s="10"/>
    </row>
    <row r="716543" spans="14:14">
      <c r="N716543" s="10"/>
    </row>
    <row r="716544" spans="14:14">
      <c r="N716544" s="10"/>
    </row>
    <row r="716545" spans="14:14">
      <c r="N716545" s="10"/>
    </row>
    <row r="716546" spans="14:14">
      <c r="N716546" s="10"/>
    </row>
    <row r="716547" spans="14:14">
      <c r="N716547" s="10"/>
    </row>
    <row r="716548" spans="14:14">
      <c r="N716548" s="10"/>
    </row>
    <row r="716549" spans="14:14">
      <c r="N716549" s="10"/>
    </row>
    <row r="716550" spans="14:14">
      <c r="N716550" s="10"/>
    </row>
    <row r="716551" spans="14:14">
      <c r="N716551" s="10"/>
    </row>
    <row r="716552" spans="14:14">
      <c r="N716552" s="10"/>
    </row>
    <row r="716553" spans="14:14">
      <c r="N716553" s="10"/>
    </row>
    <row r="716554" spans="14:14">
      <c r="N716554" s="10"/>
    </row>
    <row r="716555" spans="14:14">
      <c r="N716555" s="10"/>
    </row>
    <row r="716556" spans="14:14">
      <c r="N716556" s="10"/>
    </row>
    <row r="716557" spans="14:14">
      <c r="N716557" s="10"/>
    </row>
    <row r="716558" spans="14:14">
      <c r="N716558" s="10"/>
    </row>
    <row r="716559" spans="14:14">
      <c r="N716559" s="10"/>
    </row>
    <row r="716560" spans="14:14">
      <c r="N716560" s="10"/>
    </row>
    <row r="716561" spans="14:14">
      <c r="N716561" s="10"/>
    </row>
    <row r="716562" spans="14:14">
      <c r="N716562" s="10"/>
    </row>
    <row r="716563" spans="14:14">
      <c r="N716563" s="10"/>
    </row>
    <row r="716564" spans="14:14">
      <c r="N716564" s="10"/>
    </row>
    <row r="716565" spans="14:14">
      <c r="N716565" s="10"/>
    </row>
    <row r="716566" spans="14:14">
      <c r="N716566" s="10"/>
    </row>
    <row r="716567" spans="14:14">
      <c r="N716567" s="10"/>
    </row>
    <row r="716568" spans="14:14">
      <c r="N716568" s="10"/>
    </row>
    <row r="716569" spans="14:14">
      <c r="N716569" s="10"/>
    </row>
    <row r="716570" spans="14:14">
      <c r="N716570" s="10"/>
    </row>
    <row r="716571" spans="14:14">
      <c r="N716571" s="10"/>
    </row>
    <row r="716572" spans="14:14">
      <c r="N716572" s="10"/>
    </row>
    <row r="716573" spans="14:14">
      <c r="N716573" s="10"/>
    </row>
    <row r="716574" spans="14:14">
      <c r="N716574" s="10"/>
    </row>
    <row r="716575" spans="14:14">
      <c r="N716575" s="10"/>
    </row>
    <row r="716576" spans="14:14">
      <c r="N716576" s="10"/>
    </row>
    <row r="716577" spans="14:14">
      <c r="N716577" s="10"/>
    </row>
    <row r="716578" spans="14:14">
      <c r="N716578" s="10"/>
    </row>
    <row r="716579" spans="14:14">
      <c r="N716579" s="10"/>
    </row>
    <row r="716580" spans="14:14">
      <c r="N716580" s="10"/>
    </row>
    <row r="716581" spans="14:14">
      <c r="N716581" s="10"/>
    </row>
    <row r="716582" spans="14:14">
      <c r="N716582" s="10"/>
    </row>
    <row r="716583" spans="14:14">
      <c r="N716583" s="10"/>
    </row>
    <row r="716584" spans="14:14">
      <c r="N716584" s="10"/>
    </row>
    <row r="716585" spans="14:14">
      <c r="N716585" s="10"/>
    </row>
    <row r="716586" spans="14:14">
      <c r="N716586" s="10"/>
    </row>
    <row r="716587" spans="14:14">
      <c r="N716587" s="10"/>
    </row>
    <row r="716588" spans="14:14">
      <c r="N716588" s="10"/>
    </row>
    <row r="716589" spans="14:14">
      <c r="N716589" s="10"/>
    </row>
    <row r="716590" spans="14:14">
      <c r="N716590" s="10"/>
    </row>
    <row r="716591" spans="14:14">
      <c r="N716591" s="10"/>
    </row>
    <row r="716592" spans="14:14">
      <c r="N716592" s="10"/>
    </row>
    <row r="716593" spans="14:14">
      <c r="N716593" s="10"/>
    </row>
    <row r="716594" spans="14:14">
      <c r="N716594" s="10"/>
    </row>
    <row r="716595" spans="14:14">
      <c r="N716595" s="10"/>
    </row>
    <row r="716596" spans="14:14">
      <c r="N716596" s="10"/>
    </row>
    <row r="716597" spans="14:14">
      <c r="N716597" s="10"/>
    </row>
    <row r="716598" spans="14:14">
      <c r="N716598" s="10"/>
    </row>
    <row r="716599" spans="14:14">
      <c r="N716599" s="10"/>
    </row>
    <row r="716600" spans="14:14">
      <c r="N716600" s="10"/>
    </row>
    <row r="716601" spans="14:14">
      <c r="N716601" s="10"/>
    </row>
    <row r="716602" spans="14:14">
      <c r="N716602" s="10"/>
    </row>
    <row r="716603" spans="14:14">
      <c r="N716603" s="10"/>
    </row>
    <row r="716604" spans="14:14">
      <c r="N716604" s="10"/>
    </row>
    <row r="716605" spans="14:14">
      <c r="N716605" s="10"/>
    </row>
    <row r="716606" spans="14:14">
      <c r="N716606" s="10"/>
    </row>
    <row r="716607" spans="14:14">
      <c r="N716607" s="10"/>
    </row>
    <row r="716608" spans="14:14">
      <c r="N716608" s="10"/>
    </row>
    <row r="716609" spans="14:14">
      <c r="N716609" s="10"/>
    </row>
    <row r="716610" spans="14:14">
      <c r="N716610" s="10"/>
    </row>
    <row r="716611" spans="14:14">
      <c r="N716611" s="10"/>
    </row>
    <row r="716612" spans="14:14">
      <c r="N716612" s="10"/>
    </row>
    <row r="716613" spans="14:14">
      <c r="N716613" s="10"/>
    </row>
    <row r="716614" spans="14:14">
      <c r="N716614" s="10"/>
    </row>
    <row r="716615" spans="14:14">
      <c r="N716615" s="10"/>
    </row>
    <row r="716616" spans="14:14">
      <c r="N716616" s="10"/>
    </row>
    <row r="716617" spans="14:14">
      <c r="N716617" s="10"/>
    </row>
    <row r="716618" spans="14:14">
      <c r="N716618" s="10"/>
    </row>
    <row r="716619" spans="14:14">
      <c r="N716619" s="10"/>
    </row>
    <row r="716620" spans="14:14">
      <c r="N716620" s="10"/>
    </row>
    <row r="716621" spans="14:14">
      <c r="N716621" s="10"/>
    </row>
    <row r="716622" spans="14:14">
      <c r="N716622" s="10"/>
    </row>
    <row r="716623" spans="14:14">
      <c r="N716623" s="10"/>
    </row>
    <row r="716624" spans="14:14">
      <c r="N716624" s="10"/>
    </row>
    <row r="716625" spans="14:14">
      <c r="N716625" s="10"/>
    </row>
    <row r="716626" spans="14:14">
      <c r="N716626" s="10"/>
    </row>
    <row r="716627" spans="14:14">
      <c r="N716627" s="10"/>
    </row>
    <row r="716628" spans="14:14">
      <c r="N716628" s="10"/>
    </row>
    <row r="716629" spans="14:14">
      <c r="N716629" s="10"/>
    </row>
    <row r="716630" spans="14:14">
      <c r="N716630" s="10"/>
    </row>
    <row r="716631" spans="14:14">
      <c r="N716631" s="10"/>
    </row>
    <row r="716632" spans="14:14">
      <c r="N716632" s="10"/>
    </row>
    <row r="716633" spans="14:14">
      <c r="N716633" s="10"/>
    </row>
    <row r="716634" spans="14:14">
      <c r="N716634" s="10"/>
    </row>
    <row r="716635" spans="14:14">
      <c r="N716635" s="10"/>
    </row>
    <row r="716636" spans="14:14">
      <c r="N716636" s="10"/>
    </row>
    <row r="716637" spans="14:14">
      <c r="N716637" s="10"/>
    </row>
    <row r="716638" spans="14:14">
      <c r="N716638" s="10"/>
    </row>
    <row r="716639" spans="14:14">
      <c r="N716639" s="10"/>
    </row>
    <row r="716640" spans="14:14">
      <c r="N716640" s="10"/>
    </row>
    <row r="716641" spans="14:14">
      <c r="N716641" s="10"/>
    </row>
    <row r="716642" spans="14:14">
      <c r="N716642" s="10"/>
    </row>
    <row r="716643" spans="14:14">
      <c r="N716643" s="10"/>
    </row>
    <row r="716644" spans="14:14">
      <c r="N716644" s="10"/>
    </row>
    <row r="716645" spans="14:14">
      <c r="N716645" s="10"/>
    </row>
    <row r="716646" spans="14:14">
      <c r="N716646" s="10"/>
    </row>
    <row r="716647" spans="14:14">
      <c r="N716647" s="10"/>
    </row>
    <row r="716648" spans="14:14">
      <c r="N716648" s="10"/>
    </row>
    <row r="716649" spans="14:14">
      <c r="N716649" s="10"/>
    </row>
    <row r="716650" spans="14:14">
      <c r="N716650" s="10"/>
    </row>
    <row r="716651" spans="14:14">
      <c r="N716651" s="10"/>
    </row>
    <row r="716652" spans="14:14">
      <c r="N716652" s="10"/>
    </row>
    <row r="716653" spans="14:14">
      <c r="N716653" s="10"/>
    </row>
    <row r="716654" spans="14:14">
      <c r="N716654" s="10"/>
    </row>
    <row r="716655" spans="14:14">
      <c r="N716655" s="10"/>
    </row>
    <row r="716656" spans="14:14">
      <c r="N716656" s="10"/>
    </row>
    <row r="716657" spans="14:14">
      <c r="N716657" s="10"/>
    </row>
    <row r="716658" spans="14:14">
      <c r="N716658" s="10"/>
    </row>
    <row r="716659" spans="14:14">
      <c r="N716659" s="10"/>
    </row>
    <row r="716660" spans="14:14">
      <c r="N716660" s="10"/>
    </row>
    <row r="716661" spans="14:14">
      <c r="N716661" s="10"/>
    </row>
    <row r="716662" spans="14:14">
      <c r="N716662" s="10"/>
    </row>
    <row r="716663" spans="14:14">
      <c r="N716663" s="10"/>
    </row>
    <row r="716664" spans="14:14">
      <c r="N716664" s="10"/>
    </row>
    <row r="716665" spans="14:14">
      <c r="N716665" s="10"/>
    </row>
    <row r="716666" spans="14:14">
      <c r="N716666" s="10"/>
    </row>
    <row r="716667" spans="14:14">
      <c r="N716667" s="10"/>
    </row>
    <row r="716668" spans="14:14">
      <c r="N716668" s="10"/>
    </row>
    <row r="716669" spans="14:14">
      <c r="N716669" s="10"/>
    </row>
    <row r="716670" spans="14:14">
      <c r="N716670" s="10"/>
    </row>
    <row r="716671" spans="14:14">
      <c r="N716671" s="10"/>
    </row>
    <row r="716672" spans="14:14">
      <c r="N716672" s="10"/>
    </row>
    <row r="716673" spans="14:14">
      <c r="N716673" s="10"/>
    </row>
    <row r="716674" spans="14:14">
      <c r="N716674" s="10"/>
    </row>
    <row r="716675" spans="14:14">
      <c r="N716675" s="10"/>
    </row>
    <row r="716676" spans="14:14">
      <c r="N716676" s="10"/>
    </row>
    <row r="716677" spans="14:14">
      <c r="N716677" s="10"/>
    </row>
    <row r="716678" spans="14:14">
      <c r="N716678" s="10"/>
    </row>
    <row r="716679" spans="14:14">
      <c r="N716679" s="10"/>
    </row>
    <row r="716680" spans="14:14">
      <c r="N716680" s="10"/>
    </row>
    <row r="716681" spans="14:14">
      <c r="N716681" s="10"/>
    </row>
    <row r="716682" spans="14:14">
      <c r="N716682" s="10"/>
    </row>
    <row r="716683" spans="14:14">
      <c r="N716683" s="10"/>
    </row>
    <row r="716684" spans="14:14">
      <c r="N716684" s="10"/>
    </row>
    <row r="716685" spans="14:14">
      <c r="N716685" s="10"/>
    </row>
    <row r="716686" spans="14:14">
      <c r="N716686" s="10"/>
    </row>
    <row r="716687" spans="14:14">
      <c r="N716687" s="10"/>
    </row>
    <row r="716688" spans="14:14">
      <c r="N716688" s="10"/>
    </row>
    <row r="716689" spans="14:14">
      <c r="N716689" s="10"/>
    </row>
    <row r="716690" spans="14:14">
      <c r="N716690" s="10"/>
    </row>
    <row r="716691" spans="14:14">
      <c r="N716691" s="10"/>
    </row>
    <row r="716692" spans="14:14">
      <c r="N716692" s="10"/>
    </row>
    <row r="716693" spans="14:14">
      <c r="N716693" s="10"/>
    </row>
    <row r="716694" spans="14:14">
      <c r="N716694" s="10"/>
    </row>
    <row r="716695" spans="14:14">
      <c r="N716695" s="10"/>
    </row>
    <row r="716696" spans="14:14">
      <c r="N716696" s="10"/>
    </row>
    <row r="716697" spans="14:14">
      <c r="N716697" s="10"/>
    </row>
    <row r="716698" spans="14:14">
      <c r="N716698" s="10"/>
    </row>
    <row r="716699" spans="14:14">
      <c r="N716699" s="10"/>
    </row>
    <row r="716700" spans="14:14">
      <c r="N716700" s="10"/>
    </row>
    <row r="716701" spans="14:14">
      <c r="N716701" s="10"/>
    </row>
    <row r="716702" spans="14:14">
      <c r="N716702" s="10"/>
    </row>
    <row r="716703" spans="14:14">
      <c r="N716703" s="10"/>
    </row>
    <row r="716704" spans="14:14">
      <c r="N716704" s="10"/>
    </row>
    <row r="716705" spans="14:14">
      <c r="N716705" s="10"/>
    </row>
    <row r="716706" spans="14:14">
      <c r="N716706" s="10"/>
    </row>
    <row r="716707" spans="14:14">
      <c r="N716707" s="10"/>
    </row>
    <row r="716708" spans="14:14">
      <c r="N716708" s="10"/>
    </row>
    <row r="716709" spans="14:14">
      <c r="N716709" s="10"/>
    </row>
    <row r="716710" spans="14:14">
      <c r="N716710" s="10"/>
    </row>
    <row r="716711" spans="14:14">
      <c r="N716711" s="10"/>
    </row>
    <row r="716712" spans="14:14">
      <c r="N716712" s="10"/>
    </row>
    <row r="716713" spans="14:14">
      <c r="N716713" s="10"/>
    </row>
    <row r="716714" spans="14:14">
      <c r="N716714" s="10"/>
    </row>
    <row r="716715" spans="14:14">
      <c r="N716715" s="10"/>
    </row>
    <row r="716716" spans="14:14">
      <c r="N716716" s="10"/>
    </row>
    <row r="716717" spans="14:14">
      <c r="N716717" s="10"/>
    </row>
    <row r="716718" spans="14:14">
      <c r="N716718" s="10"/>
    </row>
    <row r="716719" spans="14:14">
      <c r="N716719" s="10"/>
    </row>
    <row r="716720" spans="14:14">
      <c r="N716720" s="10"/>
    </row>
    <row r="716721" spans="14:14">
      <c r="N716721" s="10"/>
    </row>
    <row r="716722" spans="14:14">
      <c r="N716722" s="10"/>
    </row>
    <row r="716723" spans="14:14">
      <c r="N716723" s="10"/>
    </row>
    <row r="716724" spans="14:14">
      <c r="N716724" s="10"/>
    </row>
    <row r="716725" spans="14:14">
      <c r="N716725" s="10"/>
    </row>
    <row r="716726" spans="14:14">
      <c r="N716726" s="10"/>
    </row>
    <row r="716727" spans="14:14">
      <c r="N716727" s="10"/>
    </row>
    <row r="716728" spans="14:14">
      <c r="N716728" s="10"/>
    </row>
    <row r="716729" spans="14:14">
      <c r="N716729" s="10"/>
    </row>
    <row r="716730" spans="14:14">
      <c r="N716730" s="10"/>
    </row>
    <row r="716731" spans="14:14">
      <c r="N716731" s="10"/>
    </row>
    <row r="716732" spans="14:14">
      <c r="N716732" s="10"/>
    </row>
    <row r="716733" spans="14:14">
      <c r="N716733" s="10"/>
    </row>
    <row r="716734" spans="14:14">
      <c r="N716734" s="10"/>
    </row>
    <row r="716735" spans="14:14">
      <c r="N716735" s="10"/>
    </row>
    <row r="716736" spans="14:14">
      <c r="N716736" s="10"/>
    </row>
    <row r="716737" spans="14:14">
      <c r="N716737" s="10"/>
    </row>
    <row r="716738" spans="14:14">
      <c r="N716738" s="10"/>
    </row>
    <row r="716739" spans="14:14">
      <c r="N716739" s="10"/>
    </row>
    <row r="716740" spans="14:14">
      <c r="N716740" s="10"/>
    </row>
    <row r="716741" spans="14:14">
      <c r="N716741" s="10"/>
    </row>
    <row r="716742" spans="14:14">
      <c r="N716742" s="10"/>
    </row>
    <row r="716743" spans="14:14">
      <c r="N716743" s="10"/>
    </row>
    <row r="716744" spans="14:14">
      <c r="N716744" s="10"/>
    </row>
    <row r="716745" spans="14:14">
      <c r="N716745" s="10"/>
    </row>
    <row r="716746" spans="14:14">
      <c r="N716746" s="10"/>
    </row>
    <row r="716747" spans="14:14">
      <c r="N716747" s="10"/>
    </row>
    <row r="716748" spans="14:14">
      <c r="N716748" s="10"/>
    </row>
    <row r="716749" spans="14:14">
      <c r="N716749" s="10"/>
    </row>
    <row r="716750" spans="14:14">
      <c r="N716750" s="10"/>
    </row>
    <row r="716751" spans="14:14">
      <c r="N716751" s="10"/>
    </row>
    <row r="716752" spans="14:14">
      <c r="N716752" s="10"/>
    </row>
    <row r="716753" spans="14:14">
      <c r="N716753" s="10"/>
    </row>
    <row r="716754" spans="14:14">
      <c r="N716754" s="10"/>
    </row>
    <row r="716755" spans="14:14">
      <c r="N716755" s="10"/>
    </row>
    <row r="716756" spans="14:14">
      <c r="N716756" s="10"/>
    </row>
    <row r="716757" spans="14:14">
      <c r="N716757" s="10"/>
    </row>
    <row r="716758" spans="14:14">
      <c r="N716758" s="10"/>
    </row>
    <row r="716759" spans="14:14">
      <c r="N716759" s="10"/>
    </row>
    <row r="716760" spans="14:14">
      <c r="N716760" s="10"/>
    </row>
    <row r="716761" spans="14:14">
      <c r="N716761" s="10"/>
    </row>
    <row r="716762" spans="14:14">
      <c r="N716762" s="10"/>
    </row>
    <row r="716763" spans="14:14">
      <c r="N716763" s="10"/>
    </row>
    <row r="716764" spans="14:14">
      <c r="N716764" s="10"/>
    </row>
    <row r="716765" spans="14:14">
      <c r="N716765" s="10"/>
    </row>
    <row r="716766" spans="14:14">
      <c r="N716766" s="10"/>
    </row>
    <row r="716767" spans="14:14">
      <c r="N716767" s="10"/>
    </row>
    <row r="716768" spans="14:14">
      <c r="N716768" s="10"/>
    </row>
    <row r="716769" spans="14:14">
      <c r="N716769" s="10"/>
    </row>
    <row r="716770" spans="14:14">
      <c r="N716770" s="10"/>
    </row>
    <row r="716771" spans="14:14">
      <c r="N716771" s="10"/>
    </row>
    <row r="716772" spans="14:14">
      <c r="N716772" s="10"/>
    </row>
    <row r="716773" spans="14:14">
      <c r="N716773" s="10"/>
    </row>
    <row r="716774" spans="14:14">
      <c r="N716774" s="10"/>
    </row>
    <row r="716775" spans="14:14">
      <c r="N716775" s="10"/>
    </row>
    <row r="716776" spans="14:14">
      <c r="N716776" s="10"/>
    </row>
    <row r="716777" spans="14:14">
      <c r="N716777" s="10"/>
    </row>
    <row r="716778" spans="14:14">
      <c r="N716778" s="10"/>
    </row>
    <row r="716779" spans="14:14">
      <c r="N716779" s="10"/>
    </row>
    <row r="716780" spans="14:14">
      <c r="N716780" s="10"/>
    </row>
    <row r="716781" spans="14:14">
      <c r="N716781" s="10"/>
    </row>
    <row r="716782" spans="14:14">
      <c r="N716782" s="10"/>
    </row>
    <row r="716783" spans="14:14">
      <c r="N716783" s="10"/>
    </row>
    <row r="716784" spans="14:14">
      <c r="N716784" s="10"/>
    </row>
    <row r="716785" spans="14:14">
      <c r="N716785" s="10"/>
    </row>
    <row r="716786" spans="14:14">
      <c r="N716786" s="10"/>
    </row>
    <row r="716787" spans="14:14">
      <c r="N716787" s="10"/>
    </row>
    <row r="716788" spans="14:14">
      <c r="N716788" s="10"/>
    </row>
    <row r="716789" spans="14:14">
      <c r="N716789" s="10"/>
    </row>
    <row r="716790" spans="14:14">
      <c r="N716790" s="10"/>
    </row>
    <row r="716791" spans="14:14">
      <c r="N716791" s="10"/>
    </row>
    <row r="716792" spans="14:14">
      <c r="N716792" s="10"/>
    </row>
    <row r="716793" spans="14:14">
      <c r="N716793" s="10"/>
    </row>
    <row r="716794" spans="14:14">
      <c r="N716794" s="10"/>
    </row>
    <row r="716795" spans="14:14">
      <c r="N716795" s="10"/>
    </row>
    <row r="716796" spans="14:14">
      <c r="N716796" s="10"/>
    </row>
    <row r="716797" spans="14:14">
      <c r="N716797" s="10"/>
    </row>
    <row r="716798" spans="14:14">
      <c r="N716798" s="10"/>
    </row>
    <row r="716799" spans="14:14">
      <c r="N716799" s="10"/>
    </row>
    <row r="716800" spans="14:14">
      <c r="N716800" s="10"/>
    </row>
    <row r="716801" spans="14:14">
      <c r="N716801" s="10"/>
    </row>
    <row r="716802" spans="14:14">
      <c r="N716802" s="10"/>
    </row>
    <row r="716803" spans="14:14">
      <c r="N716803" s="10"/>
    </row>
    <row r="716804" spans="14:14">
      <c r="N716804" s="10"/>
    </row>
    <row r="716805" spans="14:14">
      <c r="N716805" s="10"/>
    </row>
    <row r="716806" spans="14:14">
      <c r="N716806" s="10"/>
    </row>
    <row r="716807" spans="14:14">
      <c r="N716807" s="10"/>
    </row>
    <row r="716808" spans="14:14">
      <c r="N716808" s="10"/>
    </row>
    <row r="716809" spans="14:14">
      <c r="N716809" s="10"/>
    </row>
    <row r="716810" spans="14:14">
      <c r="N716810" s="10"/>
    </row>
    <row r="716811" spans="14:14">
      <c r="N716811" s="10"/>
    </row>
    <row r="716812" spans="14:14">
      <c r="N716812" s="10"/>
    </row>
    <row r="716813" spans="14:14">
      <c r="N716813" s="10"/>
    </row>
    <row r="716814" spans="14:14">
      <c r="N716814" s="10"/>
    </row>
    <row r="716815" spans="14:14">
      <c r="N716815" s="10"/>
    </row>
    <row r="716816" spans="14:14">
      <c r="N716816" s="10"/>
    </row>
    <row r="716817" spans="14:14">
      <c r="N716817" s="10"/>
    </row>
    <row r="716818" spans="14:14">
      <c r="N716818" s="10"/>
    </row>
    <row r="716819" spans="14:14">
      <c r="N716819" s="10"/>
    </row>
    <row r="716820" spans="14:14">
      <c r="N716820" s="10"/>
    </row>
    <row r="716821" spans="14:14">
      <c r="N716821" s="10"/>
    </row>
    <row r="716822" spans="14:14">
      <c r="N716822" s="10"/>
    </row>
    <row r="716823" spans="14:14">
      <c r="N716823" s="10"/>
    </row>
    <row r="716824" spans="14:14">
      <c r="N716824" s="10"/>
    </row>
    <row r="716825" spans="14:14">
      <c r="N716825" s="10"/>
    </row>
    <row r="716826" spans="14:14">
      <c r="N716826" s="10"/>
    </row>
    <row r="716827" spans="14:14">
      <c r="N716827" s="10"/>
    </row>
    <row r="716828" spans="14:14">
      <c r="N716828" s="10"/>
    </row>
    <row r="716829" spans="14:14">
      <c r="N716829" s="10"/>
    </row>
    <row r="716830" spans="14:14">
      <c r="N716830" s="10"/>
    </row>
    <row r="716831" spans="14:14">
      <c r="N716831" s="10"/>
    </row>
    <row r="716832" spans="14:14">
      <c r="N716832" s="10"/>
    </row>
    <row r="716833" spans="14:14">
      <c r="N716833" s="10"/>
    </row>
    <row r="716834" spans="14:14">
      <c r="N716834" s="10"/>
    </row>
    <row r="716835" spans="14:14">
      <c r="N716835" s="10"/>
    </row>
    <row r="716836" spans="14:14">
      <c r="N716836" s="10"/>
    </row>
    <row r="716837" spans="14:14">
      <c r="N716837" s="10"/>
    </row>
    <row r="716838" spans="14:14">
      <c r="N716838" s="10"/>
    </row>
    <row r="716839" spans="14:14">
      <c r="N716839" s="10"/>
    </row>
    <row r="716840" spans="14:14">
      <c r="N716840" s="10"/>
    </row>
    <row r="716841" spans="14:14">
      <c r="N716841" s="10"/>
    </row>
    <row r="716842" spans="14:14">
      <c r="N716842" s="10"/>
    </row>
    <row r="716843" spans="14:14">
      <c r="N716843" s="10"/>
    </row>
    <row r="716844" spans="14:14">
      <c r="N716844" s="10"/>
    </row>
    <row r="716845" spans="14:14">
      <c r="N716845" s="10"/>
    </row>
    <row r="716846" spans="14:14">
      <c r="N716846" s="10"/>
    </row>
    <row r="716847" spans="14:14">
      <c r="N716847" s="10"/>
    </row>
    <row r="716848" spans="14:14">
      <c r="N716848" s="10"/>
    </row>
    <row r="716849" spans="14:14">
      <c r="N716849" s="10"/>
    </row>
    <row r="716850" spans="14:14">
      <c r="N716850" s="10"/>
    </row>
    <row r="716851" spans="14:14">
      <c r="N716851" s="10"/>
    </row>
    <row r="716852" spans="14:14">
      <c r="N716852" s="10"/>
    </row>
    <row r="716853" spans="14:14">
      <c r="N716853" s="10"/>
    </row>
    <row r="716854" spans="14:14">
      <c r="N716854" s="10"/>
    </row>
    <row r="716855" spans="14:14">
      <c r="N716855" s="10"/>
    </row>
    <row r="716856" spans="14:14">
      <c r="N716856" s="10"/>
    </row>
    <row r="716857" spans="14:14">
      <c r="N716857" s="10"/>
    </row>
    <row r="716858" spans="14:14">
      <c r="N716858" s="10"/>
    </row>
    <row r="716859" spans="14:14">
      <c r="N716859" s="10"/>
    </row>
    <row r="716860" spans="14:14">
      <c r="N716860" s="10"/>
    </row>
    <row r="716861" spans="14:14">
      <c r="N716861" s="10"/>
    </row>
    <row r="716862" spans="14:14">
      <c r="N716862" s="10"/>
    </row>
    <row r="716863" spans="14:14">
      <c r="N716863" s="10"/>
    </row>
    <row r="716864" spans="14:14">
      <c r="N716864" s="10"/>
    </row>
    <row r="716865" spans="14:14">
      <c r="N716865" s="10"/>
    </row>
    <row r="716866" spans="14:14">
      <c r="N716866" s="10"/>
    </row>
    <row r="716867" spans="14:14">
      <c r="N716867" s="10"/>
    </row>
    <row r="716868" spans="14:14">
      <c r="N716868" s="10"/>
    </row>
    <row r="716869" spans="14:14">
      <c r="N716869" s="10"/>
    </row>
    <row r="716870" spans="14:14">
      <c r="N716870" s="10"/>
    </row>
    <row r="716871" spans="14:14">
      <c r="N716871" s="10"/>
    </row>
    <row r="716872" spans="14:14">
      <c r="N716872" s="10"/>
    </row>
    <row r="716873" spans="14:14">
      <c r="N716873" s="10"/>
    </row>
    <row r="716874" spans="14:14">
      <c r="N716874" s="10"/>
    </row>
    <row r="716875" spans="14:14">
      <c r="N716875" s="10"/>
    </row>
    <row r="716876" spans="14:14">
      <c r="N716876" s="10"/>
    </row>
    <row r="716877" spans="14:14">
      <c r="N716877" s="10"/>
    </row>
    <row r="716878" spans="14:14">
      <c r="N716878" s="10"/>
    </row>
    <row r="716879" spans="14:14">
      <c r="N716879" s="10"/>
    </row>
    <row r="716880" spans="14:14">
      <c r="N716880" s="10"/>
    </row>
    <row r="716881" spans="14:14">
      <c r="N716881" s="10"/>
    </row>
    <row r="716882" spans="14:14">
      <c r="N716882" s="10"/>
    </row>
    <row r="716883" spans="14:14">
      <c r="N716883" s="10"/>
    </row>
    <row r="716884" spans="14:14">
      <c r="N716884" s="10"/>
    </row>
    <row r="716885" spans="14:14">
      <c r="N716885" s="10"/>
    </row>
    <row r="716886" spans="14:14">
      <c r="N716886" s="10"/>
    </row>
    <row r="716887" spans="14:14">
      <c r="N716887" s="10"/>
    </row>
    <row r="716888" spans="14:14">
      <c r="N716888" s="10"/>
    </row>
    <row r="716889" spans="14:14">
      <c r="N716889" s="10"/>
    </row>
    <row r="716890" spans="14:14">
      <c r="N716890" s="10"/>
    </row>
    <row r="716891" spans="14:14">
      <c r="N716891" s="10"/>
    </row>
    <row r="716892" spans="14:14">
      <c r="N716892" s="10"/>
    </row>
    <row r="716893" spans="14:14">
      <c r="N716893" s="10"/>
    </row>
    <row r="716894" spans="14:14">
      <c r="N716894" s="10"/>
    </row>
    <row r="716895" spans="14:14">
      <c r="N716895" s="10"/>
    </row>
    <row r="716896" spans="14:14">
      <c r="N716896" s="10"/>
    </row>
    <row r="716897" spans="14:14">
      <c r="N716897" s="10"/>
    </row>
    <row r="716898" spans="14:14">
      <c r="N716898" s="10"/>
    </row>
    <row r="716899" spans="14:14">
      <c r="N716899" s="10"/>
    </row>
    <row r="716900" spans="14:14">
      <c r="N716900" s="10"/>
    </row>
    <row r="716901" spans="14:14">
      <c r="N716901" s="10"/>
    </row>
    <row r="716902" spans="14:14">
      <c r="N716902" s="10"/>
    </row>
    <row r="716903" spans="14:14">
      <c r="N716903" s="10"/>
    </row>
    <row r="716904" spans="14:14">
      <c r="N716904" s="10"/>
    </row>
    <row r="716905" spans="14:14">
      <c r="N716905" s="10"/>
    </row>
    <row r="716906" spans="14:14">
      <c r="N716906" s="10"/>
    </row>
    <row r="716907" spans="14:14">
      <c r="N716907" s="10"/>
    </row>
    <row r="716908" spans="14:14">
      <c r="N716908" s="10"/>
    </row>
    <row r="716909" spans="14:14">
      <c r="N716909" s="10"/>
    </row>
    <row r="716910" spans="14:14">
      <c r="N716910" s="10"/>
    </row>
    <row r="716911" spans="14:14">
      <c r="N716911" s="10"/>
    </row>
    <row r="716912" spans="14:14">
      <c r="N716912" s="10"/>
    </row>
    <row r="716913" spans="14:14">
      <c r="N716913" s="10"/>
    </row>
    <row r="716914" spans="14:14">
      <c r="N716914" s="10"/>
    </row>
    <row r="716915" spans="14:14">
      <c r="N716915" s="10"/>
    </row>
    <row r="716916" spans="14:14">
      <c r="N716916" s="10"/>
    </row>
    <row r="716917" spans="14:14">
      <c r="N716917" s="10"/>
    </row>
    <row r="716918" spans="14:14">
      <c r="N716918" s="10"/>
    </row>
    <row r="716919" spans="14:14">
      <c r="N716919" s="10"/>
    </row>
    <row r="716920" spans="14:14">
      <c r="N716920" s="10"/>
    </row>
    <row r="716921" spans="14:14">
      <c r="N716921" s="10"/>
    </row>
    <row r="716922" spans="14:14">
      <c r="N716922" s="10"/>
    </row>
    <row r="716923" spans="14:14">
      <c r="N716923" s="10"/>
    </row>
    <row r="716924" spans="14:14">
      <c r="N716924" s="10"/>
    </row>
    <row r="716925" spans="14:14">
      <c r="N716925" s="10"/>
    </row>
    <row r="716926" spans="14:14">
      <c r="N716926" s="10"/>
    </row>
    <row r="716927" spans="14:14">
      <c r="N716927" s="10"/>
    </row>
    <row r="716928" spans="14:14">
      <c r="N716928" s="10"/>
    </row>
    <row r="716929" spans="14:14">
      <c r="N716929" s="10"/>
    </row>
    <row r="716930" spans="14:14">
      <c r="N716930" s="10"/>
    </row>
    <row r="716931" spans="14:14">
      <c r="N716931" s="10"/>
    </row>
    <row r="716932" spans="14:14">
      <c r="N716932" s="10"/>
    </row>
    <row r="716933" spans="14:14">
      <c r="N716933" s="10"/>
    </row>
    <row r="716934" spans="14:14">
      <c r="N716934" s="10"/>
    </row>
    <row r="716935" spans="14:14">
      <c r="N716935" s="10"/>
    </row>
    <row r="716936" spans="14:14">
      <c r="N716936" s="10"/>
    </row>
    <row r="716937" spans="14:14">
      <c r="N716937" s="10"/>
    </row>
    <row r="716938" spans="14:14">
      <c r="N716938" s="10"/>
    </row>
    <row r="716939" spans="14:14">
      <c r="N716939" s="10"/>
    </row>
    <row r="716940" spans="14:14">
      <c r="N716940" s="10"/>
    </row>
    <row r="716941" spans="14:14">
      <c r="N716941" s="10"/>
    </row>
    <row r="716942" spans="14:14">
      <c r="N716942" s="10"/>
    </row>
    <row r="716943" spans="14:14">
      <c r="N716943" s="10"/>
    </row>
    <row r="716944" spans="14:14">
      <c r="N716944" s="10"/>
    </row>
    <row r="716945" spans="14:14">
      <c r="N716945" s="10"/>
    </row>
    <row r="716946" spans="14:14">
      <c r="N716946" s="10"/>
    </row>
    <row r="716947" spans="14:14">
      <c r="N716947" s="10"/>
    </row>
    <row r="716948" spans="14:14">
      <c r="N716948" s="10"/>
    </row>
    <row r="716949" spans="14:14">
      <c r="N716949" s="10"/>
    </row>
    <row r="716950" spans="14:14">
      <c r="N716950" s="10"/>
    </row>
    <row r="716951" spans="14:14">
      <c r="N716951" s="10"/>
    </row>
    <row r="716952" spans="14:14">
      <c r="N716952" s="10"/>
    </row>
    <row r="716953" spans="14:14">
      <c r="N716953" s="10"/>
    </row>
    <row r="716954" spans="14:14">
      <c r="N716954" s="10"/>
    </row>
    <row r="716955" spans="14:14">
      <c r="N716955" s="10"/>
    </row>
    <row r="716956" spans="14:14">
      <c r="N716956" s="10"/>
    </row>
    <row r="716957" spans="14:14">
      <c r="N716957" s="10"/>
    </row>
    <row r="716958" spans="14:14">
      <c r="N716958" s="10"/>
    </row>
    <row r="716959" spans="14:14">
      <c r="N716959" s="10"/>
    </row>
    <row r="716960" spans="14:14">
      <c r="N716960" s="10"/>
    </row>
    <row r="716961" spans="14:14">
      <c r="N716961" s="10"/>
    </row>
    <row r="716962" spans="14:14">
      <c r="N716962" s="10"/>
    </row>
    <row r="716963" spans="14:14">
      <c r="N716963" s="10"/>
    </row>
    <row r="716964" spans="14:14">
      <c r="N716964" s="10"/>
    </row>
    <row r="716965" spans="14:14">
      <c r="N716965" s="10"/>
    </row>
    <row r="716966" spans="14:14">
      <c r="N716966" s="10"/>
    </row>
    <row r="716967" spans="14:14">
      <c r="N716967" s="10"/>
    </row>
    <row r="716968" spans="14:14">
      <c r="N716968" s="10"/>
    </row>
    <row r="716969" spans="14:14">
      <c r="N716969" s="10"/>
    </row>
    <row r="716970" spans="14:14">
      <c r="N716970" s="10"/>
    </row>
    <row r="716971" spans="14:14">
      <c r="N716971" s="10"/>
    </row>
    <row r="716972" spans="14:14">
      <c r="N716972" s="10"/>
    </row>
    <row r="716973" spans="14:14">
      <c r="N716973" s="10"/>
    </row>
    <row r="716974" spans="14:14">
      <c r="N716974" s="10"/>
    </row>
    <row r="716975" spans="14:14">
      <c r="N716975" s="10"/>
    </row>
    <row r="716976" spans="14:14">
      <c r="N716976" s="10"/>
    </row>
    <row r="716977" spans="14:14">
      <c r="N716977" s="10"/>
    </row>
    <row r="716978" spans="14:14">
      <c r="N716978" s="10"/>
    </row>
    <row r="716979" spans="14:14">
      <c r="N716979" s="10"/>
    </row>
    <row r="716980" spans="14:14">
      <c r="N716980" s="10"/>
    </row>
    <row r="716981" spans="14:14">
      <c r="N716981" s="10"/>
    </row>
    <row r="716982" spans="14:14">
      <c r="N716982" s="10"/>
    </row>
    <row r="716983" spans="14:14">
      <c r="N716983" s="10"/>
    </row>
    <row r="716984" spans="14:14">
      <c r="N716984" s="10"/>
    </row>
    <row r="716985" spans="14:14">
      <c r="N716985" s="10"/>
    </row>
    <row r="716986" spans="14:14">
      <c r="N716986" s="10"/>
    </row>
    <row r="716987" spans="14:14">
      <c r="N716987" s="10"/>
    </row>
    <row r="716988" spans="14:14">
      <c r="N716988" s="10"/>
    </row>
    <row r="716989" spans="14:14">
      <c r="N716989" s="10"/>
    </row>
    <row r="716990" spans="14:14">
      <c r="N716990" s="10"/>
    </row>
    <row r="716991" spans="14:14">
      <c r="N716991" s="10"/>
    </row>
    <row r="716992" spans="14:14">
      <c r="N716992" s="10"/>
    </row>
    <row r="716993" spans="14:14">
      <c r="N716993" s="10"/>
    </row>
    <row r="716994" spans="14:14">
      <c r="N716994" s="10"/>
    </row>
    <row r="716995" spans="14:14">
      <c r="N716995" s="10"/>
    </row>
    <row r="716996" spans="14:14">
      <c r="N716996" s="10"/>
    </row>
    <row r="716997" spans="14:14">
      <c r="N716997" s="10"/>
    </row>
    <row r="716998" spans="14:14">
      <c r="N716998" s="10"/>
    </row>
    <row r="716999" spans="14:14">
      <c r="N716999" s="10"/>
    </row>
    <row r="717000" spans="14:14">
      <c r="N717000" s="10"/>
    </row>
    <row r="717001" spans="14:14">
      <c r="N717001" s="10"/>
    </row>
    <row r="717002" spans="14:14">
      <c r="N717002" s="10"/>
    </row>
    <row r="717003" spans="14:14">
      <c r="N717003" s="10"/>
    </row>
    <row r="717004" spans="14:14">
      <c r="N717004" s="10"/>
    </row>
    <row r="717005" spans="14:14">
      <c r="N717005" s="10"/>
    </row>
    <row r="717006" spans="14:14">
      <c r="N717006" s="10"/>
    </row>
    <row r="717007" spans="14:14">
      <c r="N717007" s="10"/>
    </row>
    <row r="717008" spans="14:14">
      <c r="N717008" s="10"/>
    </row>
    <row r="717009" spans="14:14">
      <c r="N717009" s="10"/>
    </row>
    <row r="717010" spans="14:14">
      <c r="N717010" s="10"/>
    </row>
    <row r="717011" spans="14:14">
      <c r="N717011" s="10"/>
    </row>
    <row r="717012" spans="14:14">
      <c r="N717012" s="10"/>
    </row>
    <row r="717013" spans="14:14">
      <c r="N717013" s="10"/>
    </row>
    <row r="717014" spans="14:14">
      <c r="N717014" s="10"/>
    </row>
    <row r="717015" spans="14:14">
      <c r="N717015" s="10"/>
    </row>
    <row r="717016" spans="14:14">
      <c r="N717016" s="10"/>
    </row>
    <row r="717017" spans="14:14">
      <c r="N717017" s="10"/>
    </row>
    <row r="717018" spans="14:14">
      <c r="N717018" s="10"/>
    </row>
    <row r="717019" spans="14:14">
      <c r="N717019" s="10"/>
    </row>
    <row r="717020" spans="14:14">
      <c r="N717020" s="10"/>
    </row>
    <row r="717021" spans="14:14">
      <c r="N717021" s="10"/>
    </row>
    <row r="717022" spans="14:14">
      <c r="N717022" s="10"/>
    </row>
    <row r="717023" spans="14:14">
      <c r="N717023" s="10"/>
    </row>
    <row r="717024" spans="14:14">
      <c r="N717024" s="10"/>
    </row>
    <row r="717025" spans="14:14">
      <c r="N717025" s="10"/>
    </row>
    <row r="717026" spans="14:14">
      <c r="N717026" s="10"/>
    </row>
    <row r="717027" spans="14:14">
      <c r="N717027" s="10"/>
    </row>
    <row r="717028" spans="14:14">
      <c r="N717028" s="10"/>
    </row>
    <row r="717029" spans="14:14">
      <c r="N717029" s="10"/>
    </row>
    <row r="717030" spans="14:14">
      <c r="N717030" s="10"/>
    </row>
    <row r="717031" spans="14:14">
      <c r="N717031" s="10"/>
    </row>
    <row r="717032" spans="14:14">
      <c r="N717032" s="10"/>
    </row>
    <row r="717033" spans="14:14">
      <c r="N717033" s="10"/>
    </row>
    <row r="717034" spans="14:14">
      <c r="N717034" s="10"/>
    </row>
    <row r="717035" spans="14:14">
      <c r="N717035" s="10"/>
    </row>
    <row r="717036" spans="14:14">
      <c r="N717036" s="10"/>
    </row>
    <row r="717037" spans="14:14">
      <c r="N717037" s="10"/>
    </row>
    <row r="717038" spans="14:14">
      <c r="N717038" s="10"/>
    </row>
    <row r="717039" spans="14:14">
      <c r="N717039" s="10"/>
    </row>
    <row r="717040" spans="14:14">
      <c r="N717040" s="10"/>
    </row>
    <row r="717041" spans="14:14">
      <c r="N717041" s="10"/>
    </row>
    <row r="717042" spans="14:14">
      <c r="N717042" s="10"/>
    </row>
    <row r="717043" spans="14:14">
      <c r="N717043" s="10"/>
    </row>
    <row r="717044" spans="14:14">
      <c r="N717044" s="10"/>
    </row>
    <row r="717045" spans="14:14">
      <c r="N717045" s="10"/>
    </row>
    <row r="717046" spans="14:14">
      <c r="N717046" s="10"/>
    </row>
    <row r="717047" spans="14:14">
      <c r="N717047" s="10"/>
    </row>
    <row r="717048" spans="14:14">
      <c r="N717048" s="10"/>
    </row>
    <row r="717049" spans="14:14">
      <c r="N717049" s="10"/>
    </row>
    <row r="717050" spans="14:14">
      <c r="N717050" s="10"/>
    </row>
    <row r="717051" spans="14:14">
      <c r="N717051" s="10"/>
    </row>
    <row r="717052" spans="14:14">
      <c r="N717052" s="10"/>
    </row>
    <row r="717053" spans="14:14">
      <c r="N717053" s="10"/>
    </row>
    <row r="717054" spans="14:14">
      <c r="N717054" s="10"/>
    </row>
    <row r="717055" spans="14:14">
      <c r="N717055" s="10"/>
    </row>
    <row r="717056" spans="14:14">
      <c r="N717056" s="10"/>
    </row>
    <row r="717057" spans="14:14">
      <c r="N717057" s="10"/>
    </row>
    <row r="717058" spans="14:14">
      <c r="N717058" s="10"/>
    </row>
    <row r="717059" spans="14:14">
      <c r="N717059" s="10"/>
    </row>
    <row r="717060" spans="14:14">
      <c r="N717060" s="10"/>
    </row>
    <row r="717061" spans="14:14">
      <c r="N717061" s="10"/>
    </row>
    <row r="717062" spans="14:14">
      <c r="N717062" s="10"/>
    </row>
    <row r="717063" spans="14:14">
      <c r="N717063" s="10"/>
    </row>
    <row r="717064" spans="14:14">
      <c r="N717064" s="10"/>
    </row>
    <row r="717065" spans="14:14">
      <c r="N717065" s="10"/>
    </row>
    <row r="717066" spans="14:14">
      <c r="N717066" s="10"/>
    </row>
    <row r="717067" spans="14:14">
      <c r="N717067" s="10"/>
    </row>
    <row r="717068" spans="14:14">
      <c r="N717068" s="10"/>
    </row>
    <row r="717069" spans="14:14">
      <c r="N717069" s="10"/>
    </row>
    <row r="717070" spans="14:14">
      <c r="N717070" s="10"/>
    </row>
    <row r="717071" spans="14:14">
      <c r="N717071" s="10"/>
    </row>
    <row r="717072" spans="14:14">
      <c r="N717072" s="10"/>
    </row>
    <row r="717073" spans="14:14">
      <c r="N717073" s="10"/>
    </row>
    <row r="717074" spans="14:14">
      <c r="N717074" s="10"/>
    </row>
    <row r="717075" spans="14:14">
      <c r="N717075" s="10"/>
    </row>
    <row r="717076" spans="14:14">
      <c r="N717076" s="10"/>
    </row>
    <row r="717077" spans="14:14">
      <c r="N717077" s="10"/>
    </row>
    <row r="717078" spans="14:14">
      <c r="N717078" s="10"/>
    </row>
    <row r="717079" spans="14:14">
      <c r="N717079" s="10"/>
    </row>
    <row r="717080" spans="14:14">
      <c r="N717080" s="10"/>
    </row>
    <row r="717081" spans="14:14">
      <c r="N717081" s="10"/>
    </row>
    <row r="717082" spans="14:14">
      <c r="N717082" s="10"/>
    </row>
    <row r="717083" spans="14:14">
      <c r="N717083" s="10"/>
    </row>
    <row r="717084" spans="14:14">
      <c r="N717084" s="10"/>
    </row>
    <row r="717085" spans="14:14">
      <c r="N717085" s="10"/>
    </row>
    <row r="717086" spans="14:14">
      <c r="N717086" s="10"/>
    </row>
    <row r="717087" spans="14:14">
      <c r="N717087" s="10"/>
    </row>
    <row r="717088" spans="14:14">
      <c r="N717088" s="10"/>
    </row>
    <row r="717089" spans="14:14">
      <c r="N717089" s="10"/>
    </row>
    <row r="717090" spans="14:14">
      <c r="N717090" s="10"/>
    </row>
    <row r="717091" spans="14:14">
      <c r="N717091" s="10"/>
    </row>
    <row r="717092" spans="14:14">
      <c r="N717092" s="10"/>
    </row>
    <row r="717093" spans="14:14">
      <c r="N717093" s="10"/>
    </row>
    <row r="717094" spans="14:14">
      <c r="N717094" s="10"/>
    </row>
    <row r="717095" spans="14:14">
      <c r="N717095" s="10"/>
    </row>
    <row r="717096" spans="14:14">
      <c r="N717096" s="10"/>
    </row>
    <row r="717097" spans="14:14">
      <c r="N717097" s="10"/>
    </row>
    <row r="717098" spans="14:14">
      <c r="N717098" s="10"/>
    </row>
    <row r="717099" spans="14:14">
      <c r="N717099" s="10"/>
    </row>
    <row r="717100" spans="14:14">
      <c r="N717100" s="10"/>
    </row>
    <row r="717101" spans="14:14">
      <c r="N717101" s="10"/>
    </row>
    <row r="717102" spans="14:14">
      <c r="N717102" s="10"/>
    </row>
    <row r="717103" spans="14:14">
      <c r="N717103" s="10"/>
    </row>
    <row r="717104" spans="14:14">
      <c r="N717104" s="10"/>
    </row>
    <row r="717105" spans="14:14">
      <c r="N717105" s="10"/>
    </row>
    <row r="717106" spans="14:14">
      <c r="N717106" s="10"/>
    </row>
    <row r="717107" spans="14:14">
      <c r="N717107" s="10"/>
    </row>
    <row r="717108" spans="14:14">
      <c r="N717108" s="10"/>
    </row>
    <row r="717109" spans="14:14">
      <c r="N717109" s="10"/>
    </row>
    <row r="717110" spans="14:14">
      <c r="N717110" s="10"/>
    </row>
    <row r="717111" spans="14:14">
      <c r="N717111" s="10"/>
    </row>
    <row r="717112" spans="14:14">
      <c r="N717112" s="10"/>
    </row>
    <row r="717113" spans="14:14">
      <c r="N717113" s="10"/>
    </row>
    <row r="717114" spans="14:14">
      <c r="N717114" s="10"/>
    </row>
    <row r="717115" spans="14:14">
      <c r="N717115" s="10"/>
    </row>
    <row r="717116" spans="14:14">
      <c r="N717116" s="10"/>
    </row>
    <row r="717117" spans="14:14">
      <c r="N717117" s="10"/>
    </row>
    <row r="717118" spans="14:14">
      <c r="N717118" s="10"/>
    </row>
    <row r="717119" spans="14:14">
      <c r="N717119" s="10"/>
    </row>
    <row r="717120" spans="14:14">
      <c r="N717120" s="10"/>
    </row>
    <row r="717121" spans="14:14">
      <c r="N717121" s="10"/>
    </row>
    <row r="717122" spans="14:14">
      <c r="N717122" s="10"/>
    </row>
    <row r="717123" spans="14:14">
      <c r="N717123" s="10"/>
    </row>
    <row r="717124" spans="14:14">
      <c r="N717124" s="10"/>
    </row>
    <row r="717125" spans="14:14">
      <c r="N717125" s="10"/>
    </row>
    <row r="717126" spans="14:14">
      <c r="N717126" s="10"/>
    </row>
    <row r="717127" spans="14:14">
      <c r="N717127" s="10"/>
    </row>
    <row r="717128" spans="14:14">
      <c r="N717128" s="10"/>
    </row>
    <row r="717129" spans="14:14">
      <c r="N717129" s="10"/>
    </row>
    <row r="717130" spans="14:14">
      <c r="N717130" s="10"/>
    </row>
    <row r="717131" spans="14:14">
      <c r="N717131" s="10"/>
    </row>
    <row r="717132" spans="14:14">
      <c r="N717132" s="10"/>
    </row>
    <row r="717133" spans="14:14">
      <c r="N717133" s="10"/>
    </row>
    <row r="717134" spans="14:14">
      <c r="N717134" s="10"/>
    </row>
    <row r="717135" spans="14:14">
      <c r="N717135" s="10"/>
    </row>
    <row r="717136" spans="14:14">
      <c r="N717136" s="10"/>
    </row>
    <row r="717137" spans="14:14">
      <c r="N717137" s="10"/>
    </row>
    <row r="717138" spans="14:14">
      <c r="N717138" s="10"/>
    </row>
    <row r="717139" spans="14:14">
      <c r="N717139" s="10"/>
    </row>
    <row r="717140" spans="14:14">
      <c r="N717140" s="10"/>
    </row>
    <row r="717141" spans="14:14">
      <c r="N717141" s="10"/>
    </row>
    <row r="717142" spans="14:14">
      <c r="N717142" s="10"/>
    </row>
    <row r="717143" spans="14:14">
      <c r="N717143" s="10"/>
    </row>
    <row r="717144" spans="14:14">
      <c r="N717144" s="10"/>
    </row>
    <row r="717145" spans="14:14">
      <c r="N717145" s="10"/>
    </row>
    <row r="717146" spans="14:14">
      <c r="N717146" s="10"/>
    </row>
    <row r="717147" spans="14:14">
      <c r="N717147" s="10"/>
    </row>
    <row r="717148" spans="14:14">
      <c r="N717148" s="10"/>
    </row>
    <row r="717149" spans="14:14">
      <c r="N717149" s="10"/>
    </row>
    <row r="717150" spans="14:14">
      <c r="N717150" s="10"/>
    </row>
    <row r="717151" spans="14:14">
      <c r="N717151" s="10"/>
    </row>
    <row r="717152" spans="14:14">
      <c r="N717152" s="10"/>
    </row>
    <row r="717153" spans="14:14">
      <c r="N717153" s="10"/>
    </row>
    <row r="717154" spans="14:14">
      <c r="N717154" s="10"/>
    </row>
    <row r="717155" spans="14:14">
      <c r="N717155" s="10"/>
    </row>
    <row r="717156" spans="14:14">
      <c r="N717156" s="10"/>
    </row>
    <row r="717157" spans="14:14">
      <c r="N717157" s="10"/>
    </row>
    <row r="717158" spans="14:14">
      <c r="N717158" s="10"/>
    </row>
    <row r="717159" spans="14:14">
      <c r="N717159" s="10"/>
    </row>
    <row r="717160" spans="14:14">
      <c r="N717160" s="10"/>
    </row>
    <row r="717161" spans="14:14">
      <c r="N717161" s="10"/>
    </row>
    <row r="717162" spans="14:14">
      <c r="N717162" s="10"/>
    </row>
    <row r="717163" spans="14:14">
      <c r="N717163" s="10"/>
    </row>
    <row r="717164" spans="14:14">
      <c r="N717164" s="10"/>
    </row>
    <row r="717165" spans="14:14">
      <c r="N717165" s="10"/>
    </row>
    <row r="717166" spans="14:14">
      <c r="N717166" s="10"/>
    </row>
    <row r="717167" spans="14:14">
      <c r="N717167" s="10"/>
    </row>
    <row r="717168" spans="14:14">
      <c r="N717168" s="10"/>
    </row>
    <row r="717169" spans="14:14">
      <c r="N717169" s="10"/>
    </row>
    <row r="717170" spans="14:14">
      <c r="N717170" s="10"/>
    </row>
    <row r="717171" spans="14:14">
      <c r="N717171" s="10"/>
    </row>
    <row r="717172" spans="14:14">
      <c r="N717172" s="10"/>
    </row>
    <row r="717173" spans="14:14">
      <c r="N717173" s="10"/>
    </row>
    <row r="717174" spans="14:14">
      <c r="N717174" s="10"/>
    </row>
    <row r="717175" spans="14:14">
      <c r="N717175" s="10"/>
    </row>
    <row r="717176" spans="14:14">
      <c r="N717176" s="10"/>
    </row>
    <row r="717177" spans="14:14">
      <c r="N717177" s="10"/>
    </row>
    <row r="717178" spans="14:14">
      <c r="N717178" s="10"/>
    </row>
    <row r="717179" spans="14:14">
      <c r="N717179" s="10"/>
    </row>
    <row r="717180" spans="14:14">
      <c r="N717180" s="10"/>
    </row>
    <row r="717181" spans="14:14">
      <c r="N717181" s="10"/>
    </row>
    <row r="717182" spans="14:14">
      <c r="N717182" s="10"/>
    </row>
    <row r="717183" spans="14:14">
      <c r="N717183" s="10"/>
    </row>
    <row r="717184" spans="14:14">
      <c r="N717184" s="10"/>
    </row>
    <row r="717185" spans="14:14">
      <c r="N717185" s="10"/>
    </row>
    <row r="717186" spans="14:14">
      <c r="N717186" s="10"/>
    </row>
    <row r="717187" spans="14:14">
      <c r="N717187" s="10"/>
    </row>
    <row r="717188" spans="14:14">
      <c r="N717188" s="10"/>
    </row>
    <row r="717189" spans="14:14">
      <c r="N717189" s="10"/>
    </row>
    <row r="717190" spans="14:14">
      <c r="N717190" s="10"/>
    </row>
    <row r="717191" spans="14:14">
      <c r="N717191" s="10"/>
    </row>
    <row r="717192" spans="14:14">
      <c r="N717192" s="10"/>
    </row>
    <row r="717193" spans="14:14">
      <c r="N717193" s="10"/>
    </row>
    <row r="717194" spans="14:14">
      <c r="N717194" s="10"/>
    </row>
    <row r="717195" spans="14:14">
      <c r="N717195" s="10"/>
    </row>
    <row r="717196" spans="14:14">
      <c r="N717196" s="10"/>
    </row>
    <row r="717197" spans="14:14">
      <c r="N717197" s="10"/>
    </row>
    <row r="717198" spans="14:14">
      <c r="N717198" s="10"/>
    </row>
    <row r="717199" spans="14:14">
      <c r="N717199" s="10"/>
    </row>
    <row r="717200" spans="14:14">
      <c r="N717200" s="10"/>
    </row>
    <row r="717201" spans="14:14">
      <c r="N717201" s="10"/>
    </row>
    <row r="717202" spans="14:14">
      <c r="N717202" s="10"/>
    </row>
    <row r="717203" spans="14:14">
      <c r="N717203" s="10"/>
    </row>
    <row r="717204" spans="14:14">
      <c r="N717204" s="10"/>
    </row>
    <row r="717205" spans="14:14">
      <c r="N717205" s="10"/>
    </row>
    <row r="717206" spans="14:14">
      <c r="N717206" s="10"/>
    </row>
    <row r="717207" spans="14:14">
      <c r="N717207" s="10"/>
    </row>
    <row r="717208" spans="14:14">
      <c r="N717208" s="10"/>
    </row>
    <row r="717209" spans="14:14">
      <c r="N717209" s="10"/>
    </row>
    <row r="717210" spans="14:14">
      <c r="N717210" s="10"/>
    </row>
    <row r="717211" spans="14:14">
      <c r="N717211" s="10"/>
    </row>
    <row r="717212" spans="14:14">
      <c r="N717212" s="10"/>
    </row>
    <row r="717213" spans="14:14">
      <c r="N717213" s="10"/>
    </row>
    <row r="717214" spans="14:14">
      <c r="N717214" s="10"/>
    </row>
    <row r="717215" spans="14:14">
      <c r="N717215" s="10"/>
    </row>
    <row r="717216" spans="14:14">
      <c r="N717216" s="10"/>
    </row>
    <row r="717217" spans="14:14">
      <c r="N717217" s="10"/>
    </row>
    <row r="717218" spans="14:14">
      <c r="N717218" s="10"/>
    </row>
    <row r="717219" spans="14:14">
      <c r="N717219" s="10"/>
    </row>
    <row r="717220" spans="14:14">
      <c r="N717220" s="10"/>
    </row>
    <row r="717221" spans="14:14">
      <c r="N717221" s="10"/>
    </row>
    <row r="717222" spans="14:14">
      <c r="N717222" s="10"/>
    </row>
    <row r="717223" spans="14:14">
      <c r="N717223" s="10"/>
    </row>
    <row r="717224" spans="14:14">
      <c r="N717224" s="10"/>
    </row>
    <row r="717225" spans="14:14">
      <c r="N717225" s="10"/>
    </row>
    <row r="717226" spans="14:14">
      <c r="N717226" s="10"/>
    </row>
    <row r="717227" spans="14:14">
      <c r="N717227" s="10"/>
    </row>
    <row r="717228" spans="14:14">
      <c r="N717228" s="10"/>
    </row>
    <row r="717229" spans="14:14">
      <c r="N717229" s="10"/>
    </row>
    <row r="717230" spans="14:14">
      <c r="N717230" s="10"/>
    </row>
    <row r="717231" spans="14:14">
      <c r="N717231" s="10"/>
    </row>
    <row r="717232" spans="14:14">
      <c r="N717232" s="10"/>
    </row>
    <row r="717233" spans="14:14">
      <c r="N717233" s="10"/>
    </row>
    <row r="717234" spans="14:14">
      <c r="N717234" s="10"/>
    </row>
    <row r="717235" spans="14:14">
      <c r="N717235" s="10"/>
    </row>
    <row r="717236" spans="14:14">
      <c r="N717236" s="10"/>
    </row>
    <row r="717237" spans="14:14">
      <c r="N717237" s="10"/>
    </row>
    <row r="717238" spans="14:14">
      <c r="N717238" s="10"/>
    </row>
    <row r="717239" spans="14:14">
      <c r="N717239" s="10"/>
    </row>
    <row r="717240" spans="14:14">
      <c r="N717240" s="10"/>
    </row>
    <row r="717241" spans="14:14">
      <c r="N717241" s="10"/>
    </row>
    <row r="717242" spans="14:14">
      <c r="N717242" s="10"/>
    </row>
    <row r="717243" spans="14:14">
      <c r="N717243" s="10"/>
    </row>
    <row r="717244" spans="14:14">
      <c r="N717244" s="10"/>
    </row>
    <row r="717245" spans="14:14">
      <c r="N717245" s="10"/>
    </row>
    <row r="717246" spans="14:14">
      <c r="N717246" s="10"/>
    </row>
    <row r="717247" spans="14:14">
      <c r="N717247" s="10"/>
    </row>
    <row r="717248" spans="14:14">
      <c r="N717248" s="10"/>
    </row>
    <row r="717249" spans="14:14">
      <c r="N717249" s="10"/>
    </row>
    <row r="717250" spans="14:14">
      <c r="N717250" s="10"/>
    </row>
    <row r="717251" spans="14:14">
      <c r="N717251" s="10"/>
    </row>
    <row r="717252" spans="14:14">
      <c r="N717252" s="10"/>
    </row>
    <row r="717253" spans="14:14">
      <c r="N717253" s="10"/>
    </row>
    <row r="717254" spans="14:14">
      <c r="N717254" s="10"/>
    </row>
    <row r="717255" spans="14:14">
      <c r="N717255" s="10"/>
    </row>
    <row r="717256" spans="14:14">
      <c r="N717256" s="10"/>
    </row>
    <row r="717257" spans="14:14">
      <c r="N717257" s="10"/>
    </row>
    <row r="717258" spans="14:14">
      <c r="N717258" s="10"/>
    </row>
    <row r="717259" spans="14:14">
      <c r="N717259" s="10"/>
    </row>
    <row r="717260" spans="14:14">
      <c r="N717260" s="10"/>
    </row>
    <row r="717261" spans="14:14">
      <c r="N717261" s="10"/>
    </row>
    <row r="717262" spans="14:14">
      <c r="N717262" s="10"/>
    </row>
    <row r="717263" spans="14:14">
      <c r="N717263" s="10"/>
    </row>
    <row r="717264" spans="14:14">
      <c r="N717264" s="10"/>
    </row>
    <row r="717265" spans="14:14">
      <c r="N717265" s="10"/>
    </row>
    <row r="717266" spans="14:14">
      <c r="N717266" s="10"/>
    </row>
    <row r="717267" spans="14:14">
      <c r="N717267" s="10"/>
    </row>
    <row r="717268" spans="14:14">
      <c r="N717268" s="10"/>
    </row>
    <row r="717269" spans="14:14">
      <c r="N717269" s="10"/>
    </row>
    <row r="717270" spans="14:14">
      <c r="N717270" s="10"/>
    </row>
    <row r="717271" spans="14:14">
      <c r="N717271" s="10"/>
    </row>
    <row r="717272" spans="14:14">
      <c r="N717272" s="10"/>
    </row>
    <row r="717273" spans="14:14">
      <c r="N717273" s="10"/>
    </row>
    <row r="717274" spans="14:14">
      <c r="N717274" s="10"/>
    </row>
    <row r="717275" spans="14:14">
      <c r="N717275" s="10"/>
    </row>
    <row r="717276" spans="14:14">
      <c r="N717276" s="10"/>
    </row>
    <row r="717277" spans="14:14">
      <c r="N717277" s="10"/>
    </row>
    <row r="717278" spans="14:14">
      <c r="N717278" s="10"/>
    </row>
    <row r="717279" spans="14:14">
      <c r="N717279" s="10"/>
    </row>
    <row r="717280" spans="14:14">
      <c r="N717280" s="10"/>
    </row>
    <row r="717281" spans="14:14">
      <c r="N717281" s="10"/>
    </row>
    <row r="717282" spans="14:14">
      <c r="N717282" s="10"/>
    </row>
    <row r="717283" spans="14:14">
      <c r="N717283" s="10"/>
    </row>
    <row r="717284" spans="14:14">
      <c r="N717284" s="10"/>
    </row>
    <row r="717285" spans="14:14">
      <c r="N717285" s="10"/>
    </row>
    <row r="717286" spans="14:14">
      <c r="N717286" s="10"/>
    </row>
    <row r="717287" spans="14:14">
      <c r="N717287" s="10"/>
    </row>
    <row r="717288" spans="14:14">
      <c r="N717288" s="10"/>
    </row>
    <row r="717289" spans="14:14">
      <c r="N717289" s="10"/>
    </row>
    <row r="717290" spans="14:14">
      <c r="N717290" s="10"/>
    </row>
    <row r="717291" spans="14:14">
      <c r="N717291" s="10"/>
    </row>
    <row r="717292" spans="14:14">
      <c r="N717292" s="10"/>
    </row>
    <row r="717293" spans="14:14">
      <c r="N717293" s="10"/>
    </row>
    <row r="717294" spans="14:14">
      <c r="N717294" s="10"/>
    </row>
    <row r="717295" spans="14:14">
      <c r="N717295" s="10"/>
    </row>
    <row r="717296" spans="14:14">
      <c r="N717296" s="10"/>
    </row>
    <row r="717297" spans="14:14">
      <c r="N717297" s="10"/>
    </row>
    <row r="717298" spans="14:14">
      <c r="N717298" s="10"/>
    </row>
    <row r="717299" spans="14:14">
      <c r="N717299" s="10"/>
    </row>
    <row r="717300" spans="14:14">
      <c r="N717300" s="10"/>
    </row>
    <row r="717301" spans="14:14">
      <c r="N717301" s="10"/>
    </row>
    <row r="717302" spans="14:14">
      <c r="N717302" s="10"/>
    </row>
    <row r="717303" spans="14:14">
      <c r="N717303" s="10"/>
    </row>
    <row r="717304" spans="14:14">
      <c r="N717304" s="10"/>
    </row>
    <row r="717305" spans="14:14">
      <c r="N717305" s="10"/>
    </row>
    <row r="717306" spans="14:14">
      <c r="N717306" s="10"/>
    </row>
    <row r="717307" spans="14:14">
      <c r="N717307" s="10"/>
    </row>
    <row r="717308" spans="14:14">
      <c r="N717308" s="10"/>
    </row>
    <row r="717309" spans="14:14">
      <c r="N717309" s="10"/>
    </row>
    <row r="717310" spans="14:14">
      <c r="N717310" s="10"/>
    </row>
    <row r="717311" spans="14:14">
      <c r="N717311" s="10"/>
    </row>
    <row r="717312" spans="14:14">
      <c r="N717312" s="10"/>
    </row>
    <row r="717313" spans="14:14">
      <c r="N717313" s="10"/>
    </row>
    <row r="717314" spans="14:14">
      <c r="N717314" s="10"/>
    </row>
    <row r="717315" spans="14:14">
      <c r="N717315" s="10"/>
    </row>
    <row r="717316" spans="14:14">
      <c r="N717316" s="10"/>
    </row>
    <row r="717317" spans="14:14">
      <c r="N717317" s="10"/>
    </row>
    <row r="717318" spans="14:14">
      <c r="N717318" s="10"/>
    </row>
    <row r="717319" spans="14:14">
      <c r="N717319" s="10"/>
    </row>
    <row r="717320" spans="14:14">
      <c r="N717320" s="10"/>
    </row>
    <row r="717321" spans="14:14">
      <c r="N717321" s="10"/>
    </row>
    <row r="717322" spans="14:14">
      <c r="N717322" s="10"/>
    </row>
    <row r="717323" spans="14:14">
      <c r="N717323" s="10"/>
    </row>
    <row r="717324" spans="14:14">
      <c r="N717324" s="10"/>
    </row>
    <row r="717325" spans="14:14">
      <c r="N717325" s="10"/>
    </row>
    <row r="717326" spans="14:14">
      <c r="N717326" s="10"/>
    </row>
    <row r="717327" spans="14:14">
      <c r="N717327" s="10"/>
    </row>
    <row r="717328" spans="14:14">
      <c r="N717328" s="10"/>
    </row>
    <row r="717329" spans="14:14">
      <c r="N717329" s="10"/>
    </row>
    <row r="717330" spans="14:14">
      <c r="N717330" s="10"/>
    </row>
    <row r="717331" spans="14:14">
      <c r="N717331" s="10"/>
    </row>
    <row r="717332" spans="14:14">
      <c r="N717332" s="10"/>
    </row>
    <row r="717333" spans="14:14">
      <c r="N717333" s="10"/>
    </row>
    <row r="717334" spans="14:14">
      <c r="N717334" s="10"/>
    </row>
    <row r="717335" spans="14:14">
      <c r="N717335" s="10"/>
    </row>
    <row r="717336" spans="14:14">
      <c r="N717336" s="10"/>
    </row>
    <row r="717337" spans="14:14">
      <c r="N717337" s="10"/>
    </row>
    <row r="717338" spans="14:14">
      <c r="N717338" s="10"/>
    </row>
    <row r="717339" spans="14:14">
      <c r="N717339" s="10"/>
    </row>
    <row r="717340" spans="14:14">
      <c r="N717340" s="10"/>
    </row>
    <row r="717341" spans="14:14">
      <c r="N717341" s="10"/>
    </row>
    <row r="717342" spans="14:14">
      <c r="N717342" s="10"/>
    </row>
    <row r="717343" spans="14:14">
      <c r="N717343" s="10"/>
    </row>
    <row r="717344" spans="14:14">
      <c r="N717344" s="10"/>
    </row>
    <row r="717345" spans="14:14">
      <c r="N717345" s="10"/>
    </row>
    <row r="717346" spans="14:14">
      <c r="N717346" s="10"/>
    </row>
    <row r="717347" spans="14:14">
      <c r="N717347" s="10"/>
    </row>
    <row r="717348" spans="14:14">
      <c r="N717348" s="10"/>
    </row>
    <row r="717349" spans="14:14">
      <c r="N717349" s="10"/>
    </row>
    <row r="717350" spans="14:14">
      <c r="N717350" s="10"/>
    </row>
    <row r="717351" spans="14:14">
      <c r="N717351" s="10"/>
    </row>
    <row r="717352" spans="14:14">
      <c r="N717352" s="10"/>
    </row>
    <row r="717353" spans="14:14">
      <c r="N717353" s="10"/>
    </row>
    <row r="717354" spans="14:14">
      <c r="N717354" s="10"/>
    </row>
    <row r="717355" spans="14:14">
      <c r="N717355" s="10"/>
    </row>
    <row r="717356" spans="14:14">
      <c r="N717356" s="10"/>
    </row>
    <row r="717357" spans="14:14">
      <c r="N717357" s="10"/>
    </row>
    <row r="717358" spans="14:14">
      <c r="N717358" s="10"/>
    </row>
    <row r="717359" spans="14:14">
      <c r="N717359" s="10"/>
    </row>
    <row r="717360" spans="14:14">
      <c r="N717360" s="10"/>
    </row>
    <row r="717361" spans="14:14">
      <c r="N717361" s="10"/>
    </row>
    <row r="717362" spans="14:14">
      <c r="N717362" s="10"/>
    </row>
    <row r="717363" spans="14:14">
      <c r="N717363" s="10"/>
    </row>
    <row r="717364" spans="14:14">
      <c r="N717364" s="10"/>
    </row>
    <row r="717365" spans="14:14">
      <c r="N717365" s="10"/>
    </row>
    <row r="717366" spans="14:14">
      <c r="N717366" s="10"/>
    </row>
    <row r="717367" spans="14:14">
      <c r="N717367" s="10"/>
    </row>
    <row r="717368" spans="14:14">
      <c r="N717368" s="10"/>
    </row>
    <row r="717369" spans="14:14">
      <c r="N717369" s="10"/>
    </row>
    <row r="717370" spans="14:14">
      <c r="N717370" s="10"/>
    </row>
    <row r="717371" spans="14:14">
      <c r="N717371" s="10"/>
    </row>
    <row r="717372" spans="14:14">
      <c r="N717372" s="10"/>
    </row>
    <row r="717373" spans="14:14">
      <c r="N717373" s="10"/>
    </row>
    <row r="717374" spans="14:14">
      <c r="N717374" s="10"/>
    </row>
    <row r="717375" spans="14:14">
      <c r="N717375" s="10"/>
    </row>
    <row r="717376" spans="14:14">
      <c r="N717376" s="10"/>
    </row>
    <row r="717377" spans="14:14">
      <c r="N717377" s="10"/>
    </row>
    <row r="717378" spans="14:14">
      <c r="N717378" s="10"/>
    </row>
    <row r="717379" spans="14:14">
      <c r="N717379" s="10"/>
    </row>
    <row r="717380" spans="14:14">
      <c r="N717380" s="10"/>
    </row>
    <row r="717381" spans="14:14">
      <c r="N717381" s="10"/>
    </row>
    <row r="717382" spans="14:14">
      <c r="N717382" s="10"/>
    </row>
    <row r="717383" spans="14:14">
      <c r="N717383" s="10"/>
    </row>
    <row r="717384" spans="14:14">
      <c r="N717384" s="10"/>
    </row>
    <row r="717385" spans="14:14">
      <c r="N717385" s="10"/>
    </row>
    <row r="717386" spans="14:14">
      <c r="N717386" s="10"/>
    </row>
    <row r="717387" spans="14:14">
      <c r="N717387" s="10"/>
    </row>
    <row r="717388" spans="14:14">
      <c r="N717388" s="10"/>
    </row>
    <row r="717389" spans="14:14">
      <c r="N717389" s="10"/>
    </row>
    <row r="717390" spans="14:14">
      <c r="N717390" s="10"/>
    </row>
    <row r="717391" spans="14:14">
      <c r="N717391" s="10"/>
    </row>
    <row r="717392" spans="14:14">
      <c r="N717392" s="10"/>
    </row>
    <row r="717393" spans="14:14">
      <c r="N717393" s="10"/>
    </row>
    <row r="717394" spans="14:14">
      <c r="N717394" s="10"/>
    </row>
    <row r="717395" spans="14:14">
      <c r="N717395" s="10"/>
    </row>
    <row r="717396" spans="14:14">
      <c r="N717396" s="10"/>
    </row>
    <row r="717397" spans="14:14">
      <c r="N717397" s="10"/>
    </row>
    <row r="717398" spans="14:14">
      <c r="N717398" s="10"/>
    </row>
    <row r="717399" spans="14:14">
      <c r="N717399" s="10"/>
    </row>
    <row r="717400" spans="14:14">
      <c r="N717400" s="10"/>
    </row>
    <row r="717401" spans="14:14">
      <c r="N717401" s="10"/>
    </row>
    <row r="717402" spans="14:14">
      <c r="N717402" s="10"/>
    </row>
    <row r="717403" spans="14:14">
      <c r="N717403" s="10"/>
    </row>
    <row r="717404" spans="14:14">
      <c r="N717404" s="10"/>
    </row>
    <row r="717405" spans="14:14">
      <c r="N717405" s="10"/>
    </row>
    <row r="717406" spans="14:14">
      <c r="N717406" s="10"/>
    </row>
    <row r="717407" spans="14:14">
      <c r="N717407" s="10"/>
    </row>
    <row r="717408" spans="14:14">
      <c r="N717408" s="10"/>
    </row>
    <row r="717409" spans="14:14">
      <c r="N717409" s="10"/>
    </row>
    <row r="717410" spans="14:14">
      <c r="N717410" s="10"/>
    </row>
    <row r="717411" spans="14:14">
      <c r="N717411" s="10"/>
    </row>
    <row r="717412" spans="14:14">
      <c r="N717412" s="10"/>
    </row>
    <row r="717413" spans="14:14">
      <c r="N717413" s="10"/>
    </row>
    <row r="717414" spans="14:14">
      <c r="N717414" s="10"/>
    </row>
    <row r="717415" spans="14:14">
      <c r="N717415" s="10"/>
    </row>
    <row r="717416" spans="14:14">
      <c r="N717416" s="10"/>
    </row>
    <row r="717417" spans="14:14">
      <c r="N717417" s="10"/>
    </row>
    <row r="717418" spans="14:14">
      <c r="N717418" s="10"/>
    </row>
    <row r="717419" spans="14:14">
      <c r="N717419" s="10"/>
    </row>
    <row r="717420" spans="14:14">
      <c r="N717420" s="10"/>
    </row>
    <row r="717421" spans="14:14">
      <c r="N717421" s="10"/>
    </row>
    <row r="717422" spans="14:14">
      <c r="N717422" s="10"/>
    </row>
    <row r="717423" spans="14:14">
      <c r="N717423" s="10"/>
    </row>
    <row r="717424" spans="14:14">
      <c r="N717424" s="10"/>
    </row>
    <row r="717425" spans="14:14">
      <c r="N717425" s="10"/>
    </row>
    <row r="717426" spans="14:14">
      <c r="N717426" s="10"/>
    </row>
    <row r="717427" spans="14:14">
      <c r="N717427" s="10"/>
    </row>
    <row r="717428" spans="14:14">
      <c r="N717428" s="10"/>
    </row>
    <row r="717429" spans="14:14">
      <c r="N717429" s="10"/>
    </row>
    <row r="717430" spans="14:14">
      <c r="N717430" s="10"/>
    </row>
    <row r="717431" spans="14:14">
      <c r="N717431" s="10"/>
    </row>
    <row r="717432" spans="14:14">
      <c r="N717432" s="10"/>
    </row>
    <row r="717433" spans="14:14">
      <c r="N717433" s="10"/>
    </row>
    <row r="717434" spans="14:14">
      <c r="N717434" s="10"/>
    </row>
    <row r="717435" spans="14:14">
      <c r="N717435" s="10"/>
    </row>
    <row r="717436" spans="14:14">
      <c r="N717436" s="10"/>
    </row>
    <row r="717437" spans="14:14">
      <c r="N717437" s="10"/>
    </row>
    <row r="717438" spans="14:14">
      <c r="N717438" s="10"/>
    </row>
    <row r="717439" spans="14:14">
      <c r="N717439" s="10"/>
    </row>
    <row r="717440" spans="14:14">
      <c r="N717440" s="10"/>
    </row>
    <row r="717441" spans="14:14">
      <c r="N717441" s="10"/>
    </row>
    <row r="717442" spans="14:14">
      <c r="N717442" s="10"/>
    </row>
    <row r="717443" spans="14:14">
      <c r="N717443" s="10"/>
    </row>
    <row r="717444" spans="14:14">
      <c r="N717444" s="10"/>
    </row>
    <row r="717445" spans="14:14">
      <c r="N717445" s="10"/>
    </row>
    <row r="717446" spans="14:14">
      <c r="N717446" s="10"/>
    </row>
    <row r="717447" spans="14:14">
      <c r="N717447" s="10"/>
    </row>
    <row r="717448" spans="14:14">
      <c r="N717448" s="10"/>
    </row>
    <row r="717449" spans="14:14">
      <c r="N717449" s="10"/>
    </row>
    <row r="717450" spans="14:14">
      <c r="N717450" s="10"/>
    </row>
    <row r="717451" spans="14:14">
      <c r="N717451" s="10"/>
    </row>
    <row r="717452" spans="14:14">
      <c r="N717452" s="10"/>
    </row>
    <row r="717453" spans="14:14">
      <c r="N717453" s="10"/>
    </row>
    <row r="717454" spans="14:14">
      <c r="N717454" s="10"/>
    </row>
    <row r="717455" spans="14:14">
      <c r="N717455" s="10"/>
    </row>
    <row r="717456" spans="14:14">
      <c r="N717456" s="10"/>
    </row>
    <row r="717457" spans="14:14">
      <c r="N717457" s="10"/>
    </row>
    <row r="717458" spans="14:14">
      <c r="N717458" s="10"/>
    </row>
    <row r="717459" spans="14:14">
      <c r="N717459" s="10"/>
    </row>
    <row r="717460" spans="14:14">
      <c r="N717460" s="10"/>
    </row>
    <row r="717461" spans="14:14">
      <c r="N717461" s="10"/>
    </row>
    <row r="717462" spans="14:14">
      <c r="N717462" s="10"/>
    </row>
    <row r="717463" spans="14:14">
      <c r="N717463" s="10"/>
    </row>
    <row r="717464" spans="14:14">
      <c r="N717464" s="10"/>
    </row>
    <row r="717465" spans="14:14">
      <c r="N717465" s="10"/>
    </row>
    <row r="717466" spans="14:14">
      <c r="N717466" s="10"/>
    </row>
    <row r="717467" spans="14:14">
      <c r="N717467" s="10"/>
    </row>
    <row r="717468" spans="14:14">
      <c r="N717468" s="10"/>
    </row>
    <row r="717469" spans="14:14">
      <c r="N717469" s="10"/>
    </row>
    <row r="717470" spans="14:14">
      <c r="N717470" s="10"/>
    </row>
    <row r="717471" spans="14:14">
      <c r="N717471" s="10"/>
    </row>
    <row r="717472" spans="14:14">
      <c r="N717472" s="10"/>
    </row>
    <row r="717473" spans="14:14">
      <c r="N717473" s="10"/>
    </row>
    <row r="717474" spans="14:14">
      <c r="N717474" s="10"/>
    </row>
    <row r="717475" spans="14:14">
      <c r="N717475" s="10"/>
    </row>
    <row r="717476" spans="14:14">
      <c r="N717476" s="10"/>
    </row>
    <row r="717477" spans="14:14">
      <c r="N717477" s="10"/>
    </row>
    <row r="717478" spans="14:14">
      <c r="N717478" s="10"/>
    </row>
    <row r="717479" spans="14:14">
      <c r="N717479" s="10"/>
    </row>
    <row r="717480" spans="14:14">
      <c r="N717480" s="10"/>
    </row>
    <row r="717481" spans="14:14">
      <c r="N717481" s="10"/>
    </row>
    <row r="717482" spans="14:14">
      <c r="N717482" s="10"/>
    </row>
    <row r="717483" spans="14:14">
      <c r="N717483" s="10"/>
    </row>
    <row r="717484" spans="14:14">
      <c r="N717484" s="10"/>
    </row>
    <row r="717485" spans="14:14">
      <c r="N717485" s="10"/>
    </row>
    <row r="717486" spans="14:14">
      <c r="N717486" s="10"/>
    </row>
    <row r="717487" spans="14:14">
      <c r="N717487" s="10"/>
    </row>
    <row r="717488" spans="14:14">
      <c r="N717488" s="10"/>
    </row>
    <row r="717489" spans="14:14">
      <c r="N717489" s="10"/>
    </row>
    <row r="717490" spans="14:14">
      <c r="N717490" s="10"/>
    </row>
    <row r="717491" spans="14:14">
      <c r="N717491" s="10"/>
    </row>
    <row r="717492" spans="14:14">
      <c r="N717492" s="10"/>
    </row>
    <row r="717493" spans="14:14">
      <c r="N717493" s="10"/>
    </row>
    <row r="717494" spans="14:14">
      <c r="N717494" s="10"/>
    </row>
    <row r="717495" spans="14:14">
      <c r="N717495" s="10"/>
    </row>
    <row r="717496" spans="14:14">
      <c r="N717496" s="10"/>
    </row>
    <row r="717497" spans="14:14">
      <c r="N717497" s="10"/>
    </row>
    <row r="717498" spans="14:14">
      <c r="N717498" s="10"/>
    </row>
    <row r="717499" spans="14:14">
      <c r="N717499" s="10"/>
    </row>
    <row r="717500" spans="14:14">
      <c r="N717500" s="10"/>
    </row>
    <row r="717501" spans="14:14">
      <c r="N717501" s="10"/>
    </row>
    <row r="717502" spans="14:14">
      <c r="N717502" s="10"/>
    </row>
    <row r="717503" spans="14:14">
      <c r="N717503" s="10"/>
    </row>
    <row r="717504" spans="14:14">
      <c r="N717504" s="10"/>
    </row>
    <row r="717505" spans="14:14">
      <c r="N717505" s="10"/>
    </row>
    <row r="717506" spans="14:14">
      <c r="N717506" s="10"/>
    </row>
    <row r="717507" spans="14:14">
      <c r="N717507" s="10"/>
    </row>
    <row r="717508" spans="14:14">
      <c r="N717508" s="10"/>
    </row>
    <row r="717509" spans="14:14">
      <c r="N717509" s="10"/>
    </row>
    <row r="717510" spans="14:14">
      <c r="N717510" s="10"/>
    </row>
    <row r="717511" spans="14:14">
      <c r="N717511" s="10"/>
    </row>
    <row r="717512" spans="14:14">
      <c r="N717512" s="10"/>
    </row>
    <row r="717513" spans="14:14">
      <c r="N717513" s="10"/>
    </row>
    <row r="717514" spans="14:14">
      <c r="N717514" s="10"/>
    </row>
    <row r="717515" spans="14:14">
      <c r="N717515" s="10"/>
    </row>
    <row r="717516" spans="14:14">
      <c r="N717516" s="10"/>
    </row>
    <row r="717517" spans="14:14">
      <c r="N717517" s="10"/>
    </row>
    <row r="717518" spans="14:14">
      <c r="N717518" s="10"/>
    </row>
    <row r="717519" spans="14:14">
      <c r="N717519" s="10"/>
    </row>
    <row r="717520" spans="14:14">
      <c r="N717520" s="10"/>
    </row>
    <row r="717521" spans="14:14">
      <c r="N717521" s="10"/>
    </row>
    <row r="717522" spans="14:14">
      <c r="N717522" s="10"/>
    </row>
    <row r="717523" spans="14:14">
      <c r="N717523" s="10"/>
    </row>
    <row r="717524" spans="14:14">
      <c r="N717524" s="10"/>
    </row>
    <row r="717525" spans="14:14">
      <c r="N717525" s="10"/>
    </row>
    <row r="717526" spans="14:14">
      <c r="N717526" s="10"/>
    </row>
    <row r="717527" spans="14:14">
      <c r="N717527" s="10"/>
    </row>
    <row r="717528" spans="14:14">
      <c r="N717528" s="10"/>
    </row>
    <row r="717529" spans="14:14">
      <c r="N717529" s="10"/>
    </row>
    <row r="717530" spans="14:14">
      <c r="N717530" s="10"/>
    </row>
    <row r="717531" spans="14:14">
      <c r="N717531" s="10"/>
    </row>
    <row r="717532" spans="14:14">
      <c r="N717532" s="10"/>
    </row>
    <row r="717533" spans="14:14">
      <c r="N717533" s="10"/>
    </row>
    <row r="717534" spans="14:14">
      <c r="N717534" s="10"/>
    </row>
    <row r="717535" spans="14:14">
      <c r="N717535" s="10"/>
    </row>
    <row r="717536" spans="14:14">
      <c r="N717536" s="10"/>
    </row>
    <row r="717537" spans="14:14">
      <c r="N717537" s="10"/>
    </row>
    <row r="717538" spans="14:14">
      <c r="N717538" s="10"/>
    </row>
    <row r="717539" spans="14:14">
      <c r="N717539" s="10"/>
    </row>
    <row r="717540" spans="14:14">
      <c r="N717540" s="10"/>
    </row>
    <row r="717541" spans="14:14">
      <c r="N717541" s="10"/>
    </row>
    <row r="717542" spans="14:14">
      <c r="N717542" s="10"/>
    </row>
    <row r="717543" spans="14:14">
      <c r="N717543" s="10"/>
    </row>
    <row r="717544" spans="14:14">
      <c r="N717544" s="10"/>
    </row>
    <row r="717545" spans="14:14">
      <c r="N717545" s="10"/>
    </row>
    <row r="717546" spans="14:14">
      <c r="N717546" s="10"/>
    </row>
    <row r="717547" spans="14:14">
      <c r="N717547" s="10"/>
    </row>
    <row r="717548" spans="14:14">
      <c r="N717548" s="10"/>
    </row>
    <row r="717549" spans="14:14">
      <c r="N717549" s="10"/>
    </row>
    <row r="717550" spans="14:14">
      <c r="N717550" s="10"/>
    </row>
    <row r="717551" spans="14:14">
      <c r="N717551" s="10"/>
    </row>
    <row r="717552" spans="14:14">
      <c r="N717552" s="10"/>
    </row>
    <row r="717553" spans="14:14">
      <c r="N717553" s="10"/>
    </row>
    <row r="717554" spans="14:14">
      <c r="N717554" s="10"/>
    </row>
    <row r="717555" spans="14:14">
      <c r="N717555" s="10"/>
    </row>
    <row r="717556" spans="14:14">
      <c r="N717556" s="10"/>
    </row>
    <row r="717557" spans="14:14">
      <c r="N717557" s="10"/>
    </row>
    <row r="717558" spans="14:14">
      <c r="N717558" s="10"/>
    </row>
    <row r="717559" spans="14:14">
      <c r="N717559" s="10"/>
    </row>
    <row r="717560" spans="14:14">
      <c r="N717560" s="10"/>
    </row>
    <row r="717561" spans="14:14">
      <c r="N717561" s="10"/>
    </row>
    <row r="717562" spans="14:14">
      <c r="N717562" s="10"/>
    </row>
    <row r="717563" spans="14:14">
      <c r="N717563" s="10"/>
    </row>
    <row r="717564" spans="14:14">
      <c r="N717564" s="10"/>
    </row>
    <row r="717565" spans="14:14">
      <c r="N717565" s="10"/>
    </row>
    <row r="717566" spans="14:14">
      <c r="N717566" s="10"/>
    </row>
    <row r="717567" spans="14:14">
      <c r="N717567" s="10"/>
    </row>
    <row r="717568" spans="14:14">
      <c r="N717568" s="10"/>
    </row>
    <row r="717569" spans="14:14">
      <c r="N717569" s="10"/>
    </row>
    <row r="717570" spans="14:14">
      <c r="N717570" s="10"/>
    </row>
    <row r="717571" spans="14:14">
      <c r="N717571" s="10"/>
    </row>
    <row r="717572" spans="14:14">
      <c r="N717572" s="10"/>
    </row>
    <row r="717573" spans="14:14">
      <c r="N717573" s="10"/>
    </row>
    <row r="717574" spans="14:14">
      <c r="N717574" s="10"/>
    </row>
    <row r="717575" spans="14:14">
      <c r="N717575" s="10"/>
    </row>
    <row r="717576" spans="14:14">
      <c r="N717576" s="10"/>
    </row>
    <row r="717577" spans="14:14">
      <c r="N717577" s="10"/>
    </row>
    <row r="717578" spans="14:14">
      <c r="N717578" s="10"/>
    </row>
    <row r="717579" spans="14:14">
      <c r="N717579" s="10"/>
    </row>
    <row r="717580" spans="14:14">
      <c r="N717580" s="10"/>
    </row>
    <row r="717581" spans="14:14">
      <c r="N717581" s="10"/>
    </row>
    <row r="717582" spans="14:14">
      <c r="N717582" s="10"/>
    </row>
    <row r="717583" spans="14:14">
      <c r="N717583" s="10"/>
    </row>
    <row r="717584" spans="14:14">
      <c r="N717584" s="10"/>
    </row>
    <row r="717585" spans="14:14">
      <c r="N717585" s="10"/>
    </row>
    <row r="717586" spans="14:14">
      <c r="N717586" s="10"/>
    </row>
    <row r="717587" spans="14:14">
      <c r="N717587" s="10"/>
    </row>
    <row r="717588" spans="14:14">
      <c r="N717588" s="10"/>
    </row>
    <row r="717589" spans="14:14">
      <c r="N717589" s="10"/>
    </row>
    <row r="717590" spans="14:14">
      <c r="N717590" s="10"/>
    </row>
    <row r="717591" spans="14:14">
      <c r="N717591" s="10"/>
    </row>
    <row r="717592" spans="14:14">
      <c r="N717592" s="10"/>
    </row>
    <row r="717593" spans="14:14">
      <c r="N717593" s="10"/>
    </row>
    <row r="717594" spans="14:14">
      <c r="N717594" s="10"/>
    </row>
    <row r="717595" spans="14:14">
      <c r="N717595" s="10"/>
    </row>
    <row r="717596" spans="14:14">
      <c r="N717596" s="10"/>
    </row>
    <row r="717597" spans="14:14">
      <c r="N717597" s="10"/>
    </row>
    <row r="717598" spans="14:14">
      <c r="N717598" s="10"/>
    </row>
    <row r="717599" spans="14:14">
      <c r="N717599" s="10"/>
    </row>
    <row r="717600" spans="14:14">
      <c r="N717600" s="10"/>
    </row>
    <row r="717601" spans="14:14">
      <c r="N717601" s="10"/>
    </row>
    <row r="717602" spans="14:14">
      <c r="N717602" s="10"/>
    </row>
    <row r="717603" spans="14:14">
      <c r="N717603" s="10"/>
    </row>
    <row r="717604" spans="14:14">
      <c r="N717604" s="10"/>
    </row>
    <row r="717605" spans="14:14">
      <c r="N717605" s="10"/>
    </row>
    <row r="717606" spans="14:14">
      <c r="N717606" s="10"/>
    </row>
    <row r="717607" spans="14:14">
      <c r="N717607" s="10"/>
    </row>
    <row r="717608" spans="14:14">
      <c r="N717608" s="10"/>
    </row>
    <row r="717609" spans="14:14">
      <c r="N717609" s="10"/>
    </row>
    <row r="717610" spans="14:14">
      <c r="N717610" s="10"/>
    </row>
    <row r="717611" spans="14:14">
      <c r="N717611" s="10"/>
    </row>
    <row r="717612" spans="14:14">
      <c r="N717612" s="10"/>
    </row>
    <row r="717613" spans="14:14">
      <c r="N717613" s="10"/>
    </row>
    <row r="717614" spans="14:14">
      <c r="N717614" s="10"/>
    </row>
    <row r="717615" spans="14:14">
      <c r="N717615" s="10"/>
    </row>
    <row r="717616" spans="14:14">
      <c r="N717616" s="10"/>
    </row>
    <row r="717617" spans="14:14">
      <c r="N717617" s="10"/>
    </row>
    <row r="717618" spans="14:14">
      <c r="N717618" s="10"/>
    </row>
    <row r="717619" spans="14:14">
      <c r="N717619" s="10"/>
    </row>
    <row r="717620" spans="14:14">
      <c r="N717620" s="10"/>
    </row>
    <row r="717621" spans="14:14">
      <c r="N717621" s="10"/>
    </row>
    <row r="717622" spans="14:14">
      <c r="N717622" s="10"/>
    </row>
    <row r="717623" spans="14:14">
      <c r="N717623" s="10"/>
    </row>
    <row r="717624" spans="14:14">
      <c r="N717624" s="10"/>
    </row>
    <row r="717625" spans="14:14">
      <c r="N717625" s="10"/>
    </row>
    <row r="717626" spans="14:14">
      <c r="N717626" s="10"/>
    </row>
    <row r="717627" spans="14:14">
      <c r="N717627" s="10"/>
    </row>
    <row r="717628" spans="14:14">
      <c r="N717628" s="10"/>
    </row>
    <row r="717629" spans="14:14">
      <c r="N717629" s="10"/>
    </row>
    <row r="717630" spans="14:14">
      <c r="N717630" s="10"/>
    </row>
    <row r="717631" spans="14:14">
      <c r="N717631" s="10"/>
    </row>
    <row r="717632" spans="14:14">
      <c r="N717632" s="10"/>
    </row>
    <row r="717633" spans="14:14">
      <c r="N717633" s="10"/>
    </row>
    <row r="717634" spans="14:14">
      <c r="N717634" s="10"/>
    </row>
    <row r="717635" spans="14:14">
      <c r="N717635" s="10"/>
    </row>
    <row r="717636" spans="14:14">
      <c r="N717636" s="10"/>
    </row>
    <row r="717637" spans="14:14">
      <c r="N717637" s="10"/>
    </row>
    <row r="717638" spans="14:14">
      <c r="N717638" s="10"/>
    </row>
    <row r="717639" spans="14:14">
      <c r="N717639" s="10"/>
    </row>
    <row r="717640" spans="14:14">
      <c r="N717640" s="10"/>
    </row>
    <row r="717641" spans="14:14">
      <c r="N717641" s="10"/>
    </row>
    <row r="717642" spans="14:14">
      <c r="N717642" s="10"/>
    </row>
    <row r="717643" spans="14:14">
      <c r="N717643" s="10"/>
    </row>
    <row r="717644" spans="14:14">
      <c r="N717644" s="10"/>
    </row>
    <row r="717645" spans="14:14">
      <c r="N717645" s="10"/>
    </row>
    <row r="717646" spans="14:14">
      <c r="N717646" s="10"/>
    </row>
    <row r="717647" spans="14:14">
      <c r="N717647" s="10"/>
    </row>
    <row r="717648" spans="14:14">
      <c r="N717648" s="10"/>
    </row>
    <row r="717649" spans="14:14">
      <c r="N717649" s="10"/>
    </row>
    <row r="717650" spans="14:14">
      <c r="N717650" s="10"/>
    </row>
    <row r="717651" spans="14:14">
      <c r="N717651" s="10"/>
    </row>
    <row r="717652" spans="14:14">
      <c r="N717652" s="10"/>
    </row>
    <row r="717653" spans="14:14">
      <c r="N717653" s="10"/>
    </row>
    <row r="717654" spans="14:14">
      <c r="N717654" s="10"/>
    </row>
    <row r="717655" spans="14:14">
      <c r="N717655" s="10"/>
    </row>
    <row r="717656" spans="14:14">
      <c r="N717656" s="10"/>
    </row>
    <row r="717657" spans="14:14">
      <c r="N717657" s="10"/>
    </row>
    <row r="717658" spans="14:14">
      <c r="N717658" s="10"/>
    </row>
    <row r="717659" spans="14:14">
      <c r="N717659" s="10"/>
    </row>
    <row r="717660" spans="14:14">
      <c r="N717660" s="10"/>
    </row>
    <row r="717661" spans="14:14">
      <c r="N717661" s="10"/>
    </row>
    <row r="717662" spans="14:14">
      <c r="N717662" s="10"/>
    </row>
    <row r="717663" spans="14:14">
      <c r="N717663" s="10"/>
    </row>
    <row r="717664" spans="14:14">
      <c r="N717664" s="10"/>
    </row>
    <row r="717665" spans="14:14">
      <c r="N717665" s="10"/>
    </row>
    <row r="717666" spans="14:14">
      <c r="N717666" s="10"/>
    </row>
    <row r="717667" spans="14:14">
      <c r="N717667" s="10"/>
    </row>
    <row r="717668" spans="14:14">
      <c r="N717668" s="10"/>
    </row>
    <row r="717669" spans="14:14">
      <c r="N717669" s="10"/>
    </row>
    <row r="717670" spans="14:14">
      <c r="N717670" s="10"/>
    </row>
    <row r="717671" spans="14:14">
      <c r="N717671" s="10"/>
    </row>
    <row r="717672" spans="14:14">
      <c r="N717672" s="10"/>
    </row>
    <row r="717673" spans="14:14">
      <c r="N717673" s="10"/>
    </row>
    <row r="717674" spans="14:14">
      <c r="N717674" s="10"/>
    </row>
    <row r="717675" spans="14:14">
      <c r="N717675" s="10"/>
    </row>
    <row r="717676" spans="14:14">
      <c r="N717676" s="10"/>
    </row>
    <row r="717677" spans="14:14">
      <c r="N717677" s="10"/>
    </row>
    <row r="717678" spans="14:14">
      <c r="N717678" s="10"/>
    </row>
    <row r="717679" spans="14:14">
      <c r="N717679" s="10"/>
    </row>
    <row r="717680" spans="14:14">
      <c r="N717680" s="10"/>
    </row>
    <row r="717681" spans="14:14">
      <c r="N717681" s="10"/>
    </row>
    <row r="717682" spans="14:14">
      <c r="N717682" s="10"/>
    </row>
    <row r="717683" spans="14:14">
      <c r="N717683" s="10"/>
    </row>
    <row r="717684" spans="14:14">
      <c r="N717684" s="10"/>
    </row>
    <row r="717685" spans="14:14">
      <c r="N717685" s="10"/>
    </row>
    <row r="717686" spans="14:14">
      <c r="N717686" s="10"/>
    </row>
    <row r="717687" spans="14:14">
      <c r="N717687" s="10"/>
    </row>
    <row r="717688" spans="14:14">
      <c r="N717688" s="10"/>
    </row>
    <row r="717689" spans="14:14">
      <c r="N717689" s="10"/>
    </row>
    <row r="717690" spans="14:14">
      <c r="N717690" s="10"/>
    </row>
    <row r="717691" spans="14:14">
      <c r="N717691" s="10"/>
    </row>
    <row r="717692" spans="14:14">
      <c r="N717692" s="10"/>
    </row>
    <row r="717693" spans="14:14">
      <c r="N717693" s="10"/>
    </row>
    <row r="717694" spans="14:14">
      <c r="N717694" s="10"/>
    </row>
    <row r="717695" spans="14:14">
      <c r="N717695" s="10"/>
    </row>
    <row r="717696" spans="14:14">
      <c r="N717696" s="10"/>
    </row>
    <row r="717697" spans="14:14">
      <c r="N717697" s="10"/>
    </row>
    <row r="717698" spans="14:14">
      <c r="N717698" s="10"/>
    </row>
    <row r="717699" spans="14:14">
      <c r="N717699" s="10"/>
    </row>
    <row r="717700" spans="14:14">
      <c r="N717700" s="10"/>
    </row>
    <row r="717701" spans="14:14">
      <c r="N717701" s="10"/>
    </row>
    <row r="717702" spans="14:14">
      <c r="N717702" s="10"/>
    </row>
    <row r="717703" spans="14:14">
      <c r="N717703" s="10"/>
    </row>
    <row r="717704" spans="14:14">
      <c r="N717704" s="10"/>
    </row>
    <row r="717705" spans="14:14">
      <c r="N717705" s="10"/>
    </row>
    <row r="717706" spans="14:14">
      <c r="N717706" s="10"/>
    </row>
    <row r="717707" spans="14:14">
      <c r="N717707" s="10"/>
    </row>
    <row r="717708" spans="14:14">
      <c r="N717708" s="10"/>
    </row>
    <row r="717709" spans="14:14">
      <c r="N717709" s="10"/>
    </row>
    <row r="717710" spans="14:14">
      <c r="N717710" s="10"/>
    </row>
    <row r="717711" spans="14:14">
      <c r="N717711" s="10"/>
    </row>
    <row r="717712" spans="14:14">
      <c r="N717712" s="10"/>
    </row>
    <row r="717713" spans="14:14">
      <c r="N717713" s="10"/>
    </row>
    <row r="717714" spans="14:14">
      <c r="N717714" s="10"/>
    </row>
    <row r="717715" spans="14:14">
      <c r="N717715" s="10"/>
    </row>
    <row r="717716" spans="14:14">
      <c r="N717716" s="10"/>
    </row>
    <row r="717717" spans="14:14">
      <c r="N717717" s="10"/>
    </row>
    <row r="717718" spans="14:14">
      <c r="N717718" s="10"/>
    </row>
    <row r="717719" spans="14:14">
      <c r="N717719" s="10"/>
    </row>
    <row r="717720" spans="14:14">
      <c r="N717720" s="10"/>
    </row>
    <row r="717721" spans="14:14">
      <c r="N717721" s="10"/>
    </row>
    <row r="717722" spans="14:14">
      <c r="N717722" s="10"/>
    </row>
    <row r="717723" spans="14:14">
      <c r="N717723" s="10"/>
    </row>
    <row r="717724" spans="14:14">
      <c r="N717724" s="10"/>
    </row>
    <row r="717725" spans="14:14">
      <c r="N717725" s="10"/>
    </row>
    <row r="717726" spans="14:14">
      <c r="N717726" s="10"/>
    </row>
    <row r="717727" spans="14:14">
      <c r="N717727" s="10"/>
    </row>
    <row r="717728" spans="14:14">
      <c r="N717728" s="10"/>
    </row>
    <row r="717729" spans="14:14">
      <c r="N717729" s="10"/>
    </row>
    <row r="717730" spans="14:14">
      <c r="N717730" s="10"/>
    </row>
    <row r="717731" spans="14:14">
      <c r="N717731" s="10"/>
    </row>
    <row r="717732" spans="14:14">
      <c r="N717732" s="10"/>
    </row>
    <row r="717733" spans="14:14">
      <c r="N717733" s="10"/>
    </row>
    <row r="717734" spans="14:14">
      <c r="N717734" s="10"/>
    </row>
    <row r="717735" spans="14:14">
      <c r="N717735" s="10"/>
    </row>
    <row r="717736" spans="14:14">
      <c r="N717736" s="10"/>
    </row>
    <row r="717737" spans="14:14">
      <c r="N717737" s="10"/>
    </row>
    <row r="717738" spans="14:14">
      <c r="N717738" s="10"/>
    </row>
    <row r="717739" spans="14:14">
      <c r="N717739" s="10"/>
    </row>
    <row r="717740" spans="14:14">
      <c r="N717740" s="10"/>
    </row>
    <row r="717741" spans="14:14">
      <c r="N717741" s="10"/>
    </row>
    <row r="717742" spans="14:14">
      <c r="N717742" s="10"/>
    </row>
    <row r="717743" spans="14:14">
      <c r="N717743" s="10"/>
    </row>
    <row r="717744" spans="14:14">
      <c r="N717744" s="10"/>
    </row>
    <row r="717745" spans="14:14">
      <c r="N717745" s="10"/>
    </row>
    <row r="717746" spans="14:14">
      <c r="N717746" s="10"/>
    </row>
    <row r="717747" spans="14:14">
      <c r="N717747" s="10"/>
    </row>
    <row r="717748" spans="14:14">
      <c r="N717748" s="10"/>
    </row>
    <row r="717749" spans="14:14">
      <c r="N717749" s="10"/>
    </row>
    <row r="717750" spans="14:14">
      <c r="N717750" s="10"/>
    </row>
    <row r="717751" spans="14:14">
      <c r="N717751" s="10"/>
    </row>
    <row r="717752" spans="14:14">
      <c r="N717752" s="10"/>
    </row>
    <row r="717753" spans="14:14">
      <c r="N717753" s="10"/>
    </row>
    <row r="717754" spans="14:14">
      <c r="N717754" s="10"/>
    </row>
    <row r="717755" spans="14:14">
      <c r="N717755" s="10"/>
    </row>
    <row r="717756" spans="14:14">
      <c r="N717756" s="10"/>
    </row>
    <row r="717757" spans="14:14">
      <c r="N717757" s="10"/>
    </row>
    <row r="717758" spans="14:14">
      <c r="N717758" s="10"/>
    </row>
    <row r="717759" spans="14:14">
      <c r="N717759" s="10"/>
    </row>
    <row r="717760" spans="14:14">
      <c r="N717760" s="10"/>
    </row>
    <row r="717761" spans="14:14">
      <c r="N717761" s="10"/>
    </row>
    <row r="717762" spans="14:14">
      <c r="N717762" s="10"/>
    </row>
    <row r="717763" spans="14:14">
      <c r="N717763" s="10"/>
    </row>
    <row r="717764" spans="14:14">
      <c r="N717764" s="10"/>
    </row>
    <row r="717765" spans="14:14">
      <c r="N717765" s="10"/>
    </row>
    <row r="717766" spans="14:14">
      <c r="N717766" s="10"/>
    </row>
    <row r="717767" spans="14:14">
      <c r="N717767" s="10"/>
    </row>
    <row r="717768" spans="14:14">
      <c r="N717768" s="10"/>
    </row>
    <row r="717769" spans="14:14">
      <c r="N717769" s="10"/>
    </row>
    <row r="717770" spans="14:14">
      <c r="N717770" s="10"/>
    </row>
    <row r="717771" spans="14:14">
      <c r="N717771" s="10"/>
    </row>
    <row r="717772" spans="14:14">
      <c r="N717772" s="10"/>
    </row>
    <row r="717773" spans="14:14">
      <c r="N717773" s="10"/>
    </row>
    <row r="717774" spans="14:14">
      <c r="N717774" s="10"/>
    </row>
    <row r="717775" spans="14:14">
      <c r="N717775" s="10"/>
    </row>
    <row r="717776" spans="14:14">
      <c r="N717776" s="10"/>
    </row>
    <row r="717777" spans="14:14">
      <c r="N717777" s="10"/>
    </row>
    <row r="717778" spans="14:14">
      <c r="N717778" s="10"/>
    </row>
    <row r="717779" spans="14:14">
      <c r="N717779" s="10"/>
    </row>
    <row r="717780" spans="14:14">
      <c r="N717780" s="10"/>
    </row>
    <row r="717781" spans="14:14">
      <c r="N717781" s="10"/>
    </row>
    <row r="717782" spans="14:14">
      <c r="N717782" s="10"/>
    </row>
    <row r="717783" spans="14:14">
      <c r="N717783" s="10"/>
    </row>
    <row r="717784" spans="14:14">
      <c r="N717784" s="10"/>
    </row>
    <row r="717785" spans="14:14">
      <c r="N717785" s="10"/>
    </row>
    <row r="717786" spans="14:14">
      <c r="N717786" s="10"/>
    </row>
    <row r="717787" spans="14:14">
      <c r="N717787" s="10"/>
    </row>
    <row r="717788" spans="14:14">
      <c r="N717788" s="10"/>
    </row>
    <row r="717789" spans="14:14">
      <c r="N717789" s="10"/>
    </row>
    <row r="717790" spans="14:14">
      <c r="N717790" s="10"/>
    </row>
    <row r="717791" spans="14:14">
      <c r="N717791" s="10"/>
    </row>
    <row r="717792" spans="14:14">
      <c r="N717792" s="10"/>
    </row>
    <row r="717793" spans="14:14">
      <c r="N717793" s="10"/>
    </row>
    <row r="717794" spans="14:14">
      <c r="N717794" s="10"/>
    </row>
    <row r="717795" spans="14:14">
      <c r="N717795" s="10"/>
    </row>
    <row r="717796" spans="14:14">
      <c r="N717796" s="10"/>
    </row>
    <row r="717797" spans="14:14">
      <c r="N717797" s="10"/>
    </row>
    <row r="717798" spans="14:14">
      <c r="N717798" s="10"/>
    </row>
    <row r="717799" spans="14:14">
      <c r="N717799" s="10"/>
    </row>
    <row r="717800" spans="14:14">
      <c r="N717800" s="10"/>
    </row>
    <row r="717801" spans="14:14">
      <c r="N717801" s="10"/>
    </row>
    <row r="717802" spans="14:14">
      <c r="N717802" s="10"/>
    </row>
    <row r="717803" spans="14:14">
      <c r="N717803" s="10"/>
    </row>
    <row r="717804" spans="14:14">
      <c r="N717804" s="10"/>
    </row>
    <row r="717805" spans="14:14">
      <c r="N717805" s="10"/>
    </row>
    <row r="717806" spans="14:14">
      <c r="N717806" s="10"/>
    </row>
    <row r="717807" spans="14:14">
      <c r="N717807" s="10"/>
    </row>
    <row r="717808" spans="14:14">
      <c r="N717808" s="10"/>
    </row>
    <row r="717809" spans="14:14">
      <c r="N717809" s="10"/>
    </row>
    <row r="717810" spans="14:14">
      <c r="N717810" s="10"/>
    </row>
    <row r="717811" spans="14:14">
      <c r="N717811" s="10"/>
    </row>
    <row r="717812" spans="14:14">
      <c r="N717812" s="10"/>
    </row>
    <row r="717813" spans="14:14">
      <c r="N717813" s="10"/>
    </row>
    <row r="717814" spans="14:14">
      <c r="N717814" s="10"/>
    </row>
    <row r="717815" spans="14:14">
      <c r="N717815" s="10"/>
    </row>
    <row r="717816" spans="14:14">
      <c r="N717816" s="10"/>
    </row>
    <row r="717817" spans="14:14">
      <c r="N717817" s="10"/>
    </row>
    <row r="717818" spans="14:14">
      <c r="N717818" s="10"/>
    </row>
    <row r="717819" spans="14:14">
      <c r="N717819" s="10"/>
    </row>
    <row r="717820" spans="14:14">
      <c r="N717820" s="10"/>
    </row>
    <row r="717821" spans="14:14">
      <c r="N717821" s="10"/>
    </row>
    <row r="717822" spans="14:14">
      <c r="N717822" s="10"/>
    </row>
    <row r="717823" spans="14:14">
      <c r="N717823" s="10"/>
    </row>
    <row r="717824" spans="14:14">
      <c r="N717824" s="10"/>
    </row>
    <row r="717825" spans="14:14">
      <c r="N717825" s="10"/>
    </row>
    <row r="717826" spans="14:14">
      <c r="N717826" s="10"/>
    </row>
    <row r="717827" spans="14:14">
      <c r="N717827" s="10"/>
    </row>
    <row r="717828" spans="14:14">
      <c r="N717828" s="10"/>
    </row>
    <row r="717829" spans="14:14">
      <c r="N717829" s="10"/>
    </row>
    <row r="717830" spans="14:14">
      <c r="N717830" s="10"/>
    </row>
    <row r="717831" spans="14:14">
      <c r="N717831" s="10"/>
    </row>
    <row r="717832" spans="14:14">
      <c r="N717832" s="10"/>
    </row>
    <row r="717833" spans="14:14">
      <c r="N717833" s="10"/>
    </row>
    <row r="717834" spans="14:14">
      <c r="N717834" s="10"/>
    </row>
    <row r="717835" spans="14:14">
      <c r="N717835" s="10"/>
    </row>
    <row r="717836" spans="14:14">
      <c r="N717836" s="10"/>
    </row>
    <row r="717837" spans="14:14">
      <c r="N717837" s="10"/>
    </row>
    <row r="717838" spans="14:14">
      <c r="N717838" s="10"/>
    </row>
    <row r="717839" spans="14:14">
      <c r="N717839" s="10"/>
    </row>
    <row r="717840" spans="14:14">
      <c r="N717840" s="10"/>
    </row>
    <row r="717841" spans="14:14">
      <c r="N717841" s="10"/>
    </row>
    <row r="717842" spans="14:14">
      <c r="N717842" s="10"/>
    </row>
    <row r="717843" spans="14:14">
      <c r="N717843" s="10"/>
    </row>
    <row r="717844" spans="14:14">
      <c r="N717844" s="10"/>
    </row>
    <row r="717845" spans="14:14">
      <c r="N717845" s="10"/>
    </row>
    <row r="717846" spans="14:14">
      <c r="N717846" s="10"/>
    </row>
    <row r="717847" spans="14:14">
      <c r="N717847" s="10"/>
    </row>
    <row r="717848" spans="14:14">
      <c r="N717848" s="10"/>
    </row>
    <row r="717849" spans="14:14">
      <c r="N717849" s="10"/>
    </row>
    <row r="717850" spans="14:14">
      <c r="N717850" s="10"/>
    </row>
    <row r="717851" spans="14:14">
      <c r="N717851" s="10"/>
    </row>
    <row r="717852" spans="14:14">
      <c r="N717852" s="10"/>
    </row>
    <row r="717853" spans="14:14">
      <c r="N717853" s="10"/>
    </row>
    <row r="717854" spans="14:14">
      <c r="N717854" s="10"/>
    </row>
    <row r="717855" spans="14:14">
      <c r="N717855" s="10"/>
    </row>
    <row r="717856" spans="14:14">
      <c r="N717856" s="10"/>
    </row>
    <row r="717857" spans="14:14">
      <c r="N717857" s="10"/>
    </row>
    <row r="717858" spans="14:14">
      <c r="N717858" s="10"/>
    </row>
    <row r="717859" spans="14:14">
      <c r="N717859" s="10"/>
    </row>
    <row r="717860" spans="14:14">
      <c r="N717860" s="10"/>
    </row>
    <row r="717861" spans="14:14">
      <c r="N717861" s="10"/>
    </row>
    <row r="717862" spans="14:14">
      <c r="N717862" s="10"/>
    </row>
    <row r="717863" spans="14:14">
      <c r="N717863" s="10"/>
    </row>
    <row r="717864" spans="14:14">
      <c r="N717864" s="10"/>
    </row>
    <row r="717865" spans="14:14">
      <c r="N717865" s="10"/>
    </row>
    <row r="717866" spans="14:14">
      <c r="N717866" s="10"/>
    </row>
    <row r="717867" spans="14:14">
      <c r="N717867" s="10"/>
    </row>
    <row r="717868" spans="14:14">
      <c r="N717868" s="10"/>
    </row>
    <row r="717869" spans="14:14">
      <c r="N717869" s="10"/>
    </row>
    <row r="717870" spans="14:14">
      <c r="N717870" s="10"/>
    </row>
    <row r="717871" spans="14:14">
      <c r="N717871" s="10"/>
    </row>
    <row r="717872" spans="14:14">
      <c r="N717872" s="10"/>
    </row>
    <row r="717873" spans="14:14">
      <c r="N717873" s="10"/>
    </row>
    <row r="717874" spans="14:14">
      <c r="N717874" s="10"/>
    </row>
    <row r="717875" spans="14:14">
      <c r="N717875" s="10"/>
    </row>
    <row r="717876" spans="14:14">
      <c r="N717876" s="10"/>
    </row>
    <row r="717877" spans="14:14">
      <c r="N717877" s="10"/>
    </row>
    <row r="717878" spans="14:14">
      <c r="N717878" s="10"/>
    </row>
    <row r="717879" spans="14:14">
      <c r="N717879" s="10"/>
    </row>
    <row r="717880" spans="14:14">
      <c r="N717880" s="10"/>
    </row>
    <row r="717881" spans="14:14">
      <c r="N717881" s="10"/>
    </row>
    <row r="717882" spans="14:14">
      <c r="N717882" s="10"/>
    </row>
    <row r="717883" spans="14:14">
      <c r="N717883" s="10"/>
    </row>
    <row r="717884" spans="14:14">
      <c r="N717884" s="10"/>
    </row>
    <row r="717885" spans="14:14">
      <c r="N717885" s="10"/>
    </row>
    <row r="717886" spans="14:14">
      <c r="N717886" s="10"/>
    </row>
    <row r="717887" spans="14:14">
      <c r="N717887" s="10"/>
    </row>
    <row r="717888" spans="14:14">
      <c r="N717888" s="10"/>
    </row>
    <row r="717889" spans="14:14">
      <c r="N717889" s="10"/>
    </row>
    <row r="717890" spans="14:14">
      <c r="N717890" s="10"/>
    </row>
    <row r="717891" spans="14:14">
      <c r="N717891" s="10"/>
    </row>
    <row r="717892" spans="14:14">
      <c r="N717892" s="10"/>
    </row>
    <row r="717893" spans="14:14">
      <c r="N717893" s="10"/>
    </row>
    <row r="717894" spans="14:14">
      <c r="N717894" s="10"/>
    </row>
    <row r="717895" spans="14:14">
      <c r="N717895" s="10"/>
    </row>
    <row r="717896" spans="14:14">
      <c r="N717896" s="10"/>
    </row>
    <row r="717897" spans="14:14">
      <c r="N717897" s="10"/>
    </row>
    <row r="717898" spans="14:14">
      <c r="N717898" s="10"/>
    </row>
    <row r="717899" spans="14:14">
      <c r="N717899" s="10"/>
    </row>
    <row r="717900" spans="14:14">
      <c r="N717900" s="10"/>
    </row>
    <row r="717901" spans="14:14">
      <c r="N717901" s="10"/>
    </row>
    <row r="717902" spans="14:14">
      <c r="N717902" s="10"/>
    </row>
    <row r="717903" spans="14:14">
      <c r="N717903" s="10"/>
    </row>
    <row r="717904" spans="14:14">
      <c r="N717904" s="10"/>
    </row>
    <row r="717905" spans="14:14">
      <c r="N717905" s="10"/>
    </row>
    <row r="717906" spans="14:14">
      <c r="N717906" s="10"/>
    </row>
    <row r="717907" spans="14:14">
      <c r="N717907" s="10"/>
    </row>
    <row r="717908" spans="14:14">
      <c r="N717908" s="10"/>
    </row>
    <row r="717909" spans="14:14">
      <c r="N717909" s="10"/>
    </row>
    <row r="717910" spans="14:14">
      <c r="N717910" s="10"/>
    </row>
    <row r="717911" spans="14:14">
      <c r="N717911" s="10"/>
    </row>
    <row r="717912" spans="14:14">
      <c r="N717912" s="10"/>
    </row>
    <row r="717913" spans="14:14">
      <c r="N717913" s="10"/>
    </row>
    <row r="717914" spans="14:14">
      <c r="N717914" s="10"/>
    </row>
    <row r="717915" spans="14:14">
      <c r="N717915" s="10"/>
    </row>
    <row r="717916" spans="14:14">
      <c r="N717916" s="10"/>
    </row>
    <row r="717917" spans="14:14">
      <c r="N717917" s="10"/>
    </row>
    <row r="717918" spans="14:14">
      <c r="N717918" s="10"/>
    </row>
    <row r="717919" spans="14:14">
      <c r="N717919" s="10"/>
    </row>
    <row r="717920" spans="14:14">
      <c r="N717920" s="10"/>
    </row>
    <row r="717921" spans="14:14">
      <c r="N717921" s="10"/>
    </row>
    <row r="717922" spans="14:14">
      <c r="N717922" s="10"/>
    </row>
    <row r="717923" spans="14:14">
      <c r="N717923" s="10"/>
    </row>
    <row r="717924" spans="14:14">
      <c r="N717924" s="10"/>
    </row>
    <row r="717925" spans="14:14">
      <c r="N717925" s="10"/>
    </row>
    <row r="717926" spans="14:14">
      <c r="N717926" s="10"/>
    </row>
    <row r="717927" spans="14:14">
      <c r="N717927" s="10"/>
    </row>
    <row r="717928" spans="14:14">
      <c r="N717928" s="10"/>
    </row>
    <row r="717929" spans="14:14">
      <c r="N717929" s="10"/>
    </row>
    <row r="717930" spans="14:14">
      <c r="N717930" s="10"/>
    </row>
    <row r="717931" spans="14:14">
      <c r="N717931" s="10"/>
    </row>
    <row r="717932" spans="14:14">
      <c r="N717932" s="10"/>
    </row>
    <row r="717933" spans="14:14">
      <c r="N717933" s="10"/>
    </row>
    <row r="717934" spans="14:14">
      <c r="N717934" s="10"/>
    </row>
    <row r="717935" spans="14:14">
      <c r="N717935" s="10"/>
    </row>
    <row r="717936" spans="14:14">
      <c r="N717936" s="10"/>
    </row>
    <row r="717937" spans="14:14">
      <c r="N717937" s="10"/>
    </row>
    <row r="717938" spans="14:14">
      <c r="N717938" s="10"/>
    </row>
    <row r="717939" spans="14:14">
      <c r="N717939" s="10"/>
    </row>
    <row r="717940" spans="14:14">
      <c r="N717940" s="10"/>
    </row>
    <row r="717941" spans="14:14">
      <c r="N717941" s="10"/>
    </row>
    <row r="717942" spans="14:14">
      <c r="N717942" s="10"/>
    </row>
    <row r="717943" spans="14:14">
      <c r="N717943" s="10"/>
    </row>
    <row r="717944" spans="14:14">
      <c r="N717944" s="10"/>
    </row>
    <row r="717945" spans="14:14">
      <c r="N717945" s="10"/>
    </row>
    <row r="717946" spans="14:14">
      <c r="N717946" s="10"/>
    </row>
    <row r="717947" spans="14:14">
      <c r="N717947" s="10"/>
    </row>
    <row r="717948" spans="14:14">
      <c r="N717948" s="10"/>
    </row>
    <row r="717949" spans="14:14">
      <c r="N717949" s="10"/>
    </row>
    <row r="717950" spans="14:14">
      <c r="N717950" s="10"/>
    </row>
    <row r="717951" spans="14:14">
      <c r="N717951" s="10"/>
    </row>
    <row r="717952" spans="14:14">
      <c r="N717952" s="10"/>
    </row>
    <row r="717953" spans="14:14">
      <c r="N717953" s="10"/>
    </row>
    <row r="717954" spans="14:14">
      <c r="N717954" s="10"/>
    </row>
    <row r="717955" spans="14:14">
      <c r="N717955" s="10"/>
    </row>
    <row r="717956" spans="14:14">
      <c r="N717956" s="10"/>
    </row>
    <row r="717957" spans="14:14">
      <c r="N717957" s="10"/>
    </row>
    <row r="717958" spans="14:14">
      <c r="N717958" s="10"/>
    </row>
    <row r="717959" spans="14:14">
      <c r="N717959" s="10"/>
    </row>
    <row r="717960" spans="14:14">
      <c r="N717960" s="10"/>
    </row>
    <row r="717961" spans="14:14">
      <c r="N717961" s="10"/>
    </row>
    <row r="717962" spans="14:14">
      <c r="N717962" s="10"/>
    </row>
    <row r="717963" spans="14:14">
      <c r="N717963" s="10"/>
    </row>
    <row r="717964" spans="14:14">
      <c r="N717964" s="10"/>
    </row>
    <row r="717965" spans="14:14">
      <c r="N717965" s="10"/>
    </row>
    <row r="717966" spans="14:14">
      <c r="N717966" s="10"/>
    </row>
    <row r="717967" spans="14:14">
      <c r="N717967" s="10"/>
    </row>
    <row r="717968" spans="14:14">
      <c r="N717968" s="10"/>
    </row>
    <row r="717969" spans="14:14">
      <c r="N717969" s="10"/>
    </row>
    <row r="717970" spans="14:14">
      <c r="N717970" s="10"/>
    </row>
    <row r="717971" spans="14:14">
      <c r="N717971" s="10"/>
    </row>
    <row r="717972" spans="14:14">
      <c r="N717972" s="10"/>
    </row>
    <row r="717973" spans="14:14">
      <c r="N717973" s="10"/>
    </row>
    <row r="717974" spans="14:14">
      <c r="N717974" s="10"/>
    </row>
    <row r="717975" spans="14:14">
      <c r="N717975" s="10"/>
    </row>
    <row r="717976" spans="14:14">
      <c r="N717976" s="10"/>
    </row>
    <row r="717977" spans="14:14">
      <c r="N717977" s="10"/>
    </row>
    <row r="717978" spans="14:14">
      <c r="N717978" s="10"/>
    </row>
    <row r="717979" spans="14:14">
      <c r="N717979" s="10"/>
    </row>
    <row r="717980" spans="14:14">
      <c r="N717980" s="10"/>
    </row>
    <row r="717981" spans="14:14">
      <c r="N717981" s="10"/>
    </row>
    <row r="717982" spans="14:14">
      <c r="N717982" s="10"/>
    </row>
    <row r="717983" spans="14:14">
      <c r="N717983" s="10"/>
    </row>
    <row r="717984" spans="14:14">
      <c r="N717984" s="10"/>
    </row>
    <row r="717985" spans="14:14">
      <c r="N717985" s="10"/>
    </row>
    <row r="717986" spans="14:14">
      <c r="N717986" s="10"/>
    </row>
    <row r="717987" spans="14:14">
      <c r="N717987" s="10"/>
    </row>
    <row r="717988" spans="14:14">
      <c r="N717988" s="10"/>
    </row>
    <row r="717989" spans="14:14">
      <c r="N717989" s="10"/>
    </row>
    <row r="717990" spans="14:14">
      <c r="N717990" s="10"/>
    </row>
    <row r="717991" spans="14:14">
      <c r="N717991" s="10"/>
    </row>
    <row r="717992" spans="14:14">
      <c r="N717992" s="10"/>
    </row>
    <row r="717993" spans="14:14">
      <c r="N717993" s="10"/>
    </row>
    <row r="717994" spans="14:14">
      <c r="N717994" s="10"/>
    </row>
    <row r="717995" spans="14:14">
      <c r="N717995" s="10"/>
    </row>
    <row r="717996" spans="14:14">
      <c r="N717996" s="10"/>
    </row>
    <row r="717997" spans="14:14">
      <c r="N717997" s="10"/>
    </row>
    <row r="717998" spans="14:14">
      <c r="N717998" s="10"/>
    </row>
    <row r="717999" spans="14:14">
      <c r="N717999" s="10"/>
    </row>
    <row r="718000" spans="14:14">
      <c r="N718000" s="10"/>
    </row>
    <row r="718001" spans="14:14">
      <c r="N718001" s="10"/>
    </row>
    <row r="718002" spans="14:14">
      <c r="N718002" s="10"/>
    </row>
    <row r="718003" spans="14:14">
      <c r="N718003" s="10"/>
    </row>
    <row r="718004" spans="14:14">
      <c r="N718004" s="10"/>
    </row>
    <row r="718005" spans="14:14">
      <c r="N718005" s="10"/>
    </row>
    <row r="718006" spans="14:14">
      <c r="N718006" s="10"/>
    </row>
    <row r="718007" spans="14:14">
      <c r="N718007" s="10"/>
    </row>
    <row r="718008" spans="14:14">
      <c r="N718008" s="10"/>
    </row>
    <row r="718009" spans="14:14">
      <c r="N718009" s="10"/>
    </row>
    <row r="718010" spans="14:14">
      <c r="N718010" s="10"/>
    </row>
    <row r="718011" spans="14:14">
      <c r="N718011" s="10"/>
    </row>
    <row r="718012" spans="14:14">
      <c r="N718012" s="10"/>
    </row>
    <row r="718013" spans="14:14">
      <c r="N718013" s="10"/>
    </row>
    <row r="718014" spans="14:14">
      <c r="N718014" s="10"/>
    </row>
    <row r="718015" spans="14:14">
      <c r="N718015" s="10"/>
    </row>
    <row r="718016" spans="14:14">
      <c r="N718016" s="10"/>
    </row>
    <row r="718017" spans="14:14">
      <c r="N718017" s="10"/>
    </row>
    <row r="718018" spans="14:14">
      <c r="N718018" s="10"/>
    </row>
    <row r="718019" spans="14:14">
      <c r="N718019" s="10"/>
    </row>
    <row r="718020" spans="14:14">
      <c r="N718020" s="10"/>
    </row>
    <row r="718021" spans="14:14">
      <c r="N718021" s="10"/>
    </row>
    <row r="718022" spans="14:14">
      <c r="N718022" s="10"/>
    </row>
    <row r="718023" spans="14:14">
      <c r="N718023" s="10"/>
    </row>
    <row r="718024" spans="14:14">
      <c r="N718024" s="10"/>
    </row>
    <row r="718025" spans="14:14">
      <c r="N718025" s="10"/>
    </row>
    <row r="718026" spans="14:14">
      <c r="N718026" s="10"/>
    </row>
    <row r="718027" spans="14:14">
      <c r="N718027" s="10"/>
    </row>
    <row r="718028" spans="14:14">
      <c r="N718028" s="10"/>
    </row>
    <row r="718029" spans="14:14">
      <c r="N718029" s="10"/>
    </row>
    <row r="718030" spans="14:14">
      <c r="N718030" s="10"/>
    </row>
    <row r="718031" spans="14:14">
      <c r="N718031" s="10"/>
    </row>
    <row r="718032" spans="14:14">
      <c r="N718032" s="10"/>
    </row>
    <row r="718033" spans="14:14">
      <c r="N718033" s="10"/>
    </row>
    <row r="718034" spans="14:14">
      <c r="N718034" s="10"/>
    </row>
    <row r="718035" spans="14:14">
      <c r="N718035" s="10"/>
    </row>
    <row r="718036" spans="14:14">
      <c r="N718036" s="10"/>
    </row>
    <row r="718037" spans="14:14">
      <c r="N718037" s="10"/>
    </row>
    <row r="718038" spans="14:14">
      <c r="N718038" s="10"/>
    </row>
    <row r="718039" spans="14:14">
      <c r="N718039" s="10"/>
    </row>
    <row r="718040" spans="14:14">
      <c r="N718040" s="10"/>
    </row>
    <row r="718041" spans="14:14">
      <c r="N718041" s="10"/>
    </row>
    <row r="718042" spans="14:14">
      <c r="N718042" s="10"/>
    </row>
    <row r="718043" spans="14:14">
      <c r="N718043" s="10"/>
    </row>
    <row r="718044" spans="14:14">
      <c r="N718044" s="10"/>
    </row>
    <row r="718045" spans="14:14">
      <c r="N718045" s="10"/>
    </row>
    <row r="718046" spans="14:14">
      <c r="N718046" s="10"/>
    </row>
    <row r="718047" spans="14:14">
      <c r="N718047" s="10"/>
    </row>
    <row r="718048" spans="14:14">
      <c r="N718048" s="10"/>
    </row>
    <row r="718049" spans="14:14">
      <c r="N718049" s="10"/>
    </row>
    <row r="718050" spans="14:14">
      <c r="N718050" s="10"/>
    </row>
    <row r="718051" spans="14:14">
      <c r="N718051" s="10"/>
    </row>
    <row r="718052" spans="14:14">
      <c r="N718052" s="10"/>
    </row>
    <row r="718053" spans="14:14">
      <c r="N718053" s="10"/>
    </row>
    <row r="718054" spans="14:14">
      <c r="N718054" s="10"/>
    </row>
    <row r="718055" spans="14:14">
      <c r="N718055" s="10"/>
    </row>
    <row r="718056" spans="14:14">
      <c r="N718056" s="10"/>
    </row>
    <row r="718057" spans="14:14">
      <c r="N718057" s="10"/>
    </row>
    <row r="718058" spans="14:14">
      <c r="N718058" s="10"/>
    </row>
    <row r="718059" spans="14:14">
      <c r="N718059" s="10"/>
    </row>
    <row r="718060" spans="14:14">
      <c r="N718060" s="10"/>
    </row>
    <row r="718061" spans="14:14">
      <c r="N718061" s="10"/>
    </row>
    <row r="718062" spans="14:14">
      <c r="N718062" s="10"/>
    </row>
    <row r="718063" spans="14:14">
      <c r="N718063" s="10"/>
    </row>
    <row r="718064" spans="14:14">
      <c r="N718064" s="10"/>
    </row>
    <row r="718065" spans="14:14">
      <c r="N718065" s="10"/>
    </row>
    <row r="718066" spans="14:14">
      <c r="N718066" s="10"/>
    </row>
    <row r="718067" spans="14:14">
      <c r="N718067" s="10"/>
    </row>
    <row r="718068" spans="14:14">
      <c r="N718068" s="10"/>
    </row>
    <row r="718069" spans="14:14">
      <c r="N718069" s="10"/>
    </row>
    <row r="718070" spans="14:14">
      <c r="N718070" s="10"/>
    </row>
    <row r="718071" spans="14:14">
      <c r="N718071" s="10"/>
    </row>
    <row r="718072" spans="14:14">
      <c r="N718072" s="10"/>
    </row>
    <row r="718073" spans="14:14">
      <c r="N718073" s="10"/>
    </row>
    <row r="718074" spans="14:14">
      <c r="N718074" s="10"/>
    </row>
    <row r="718075" spans="14:14">
      <c r="N718075" s="10"/>
    </row>
    <row r="718076" spans="14:14">
      <c r="N718076" s="10"/>
    </row>
    <row r="718077" spans="14:14">
      <c r="N718077" s="10"/>
    </row>
    <row r="718078" spans="14:14">
      <c r="N718078" s="10"/>
    </row>
    <row r="718079" spans="14:14">
      <c r="N718079" s="10"/>
    </row>
    <row r="718080" spans="14:14">
      <c r="N718080" s="10"/>
    </row>
    <row r="718081" spans="14:14">
      <c r="N718081" s="10"/>
    </row>
    <row r="718082" spans="14:14">
      <c r="N718082" s="10"/>
    </row>
    <row r="718083" spans="14:14">
      <c r="N718083" s="10"/>
    </row>
    <row r="718084" spans="14:14">
      <c r="N718084" s="10"/>
    </row>
    <row r="718085" spans="14:14">
      <c r="N718085" s="10"/>
    </row>
    <row r="718086" spans="14:14">
      <c r="N718086" s="10"/>
    </row>
    <row r="718087" spans="14:14">
      <c r="N718087" s="10"/>
    </row>
    <row r="718088" spans="14:14">
      <c r="N718088" s="10"/>
    </row>
    <row r="718089" spans="14:14">
      <c r="N718089" s="10"/>
    </row>
    <row r="718090" spans="14:14">
      <c r="N718090" s="10"/>
    </row>
    <row r="718091" spans="14:14">
      <c r="N718091" s="10"/>
    </row>
    <row r="718092" spans="14:14">
      <c r="N718092" s="10"/>
    </row>
    <row r="718093" spans="14:14">
      <c r="N718093" s="10"/>
    </row>
    <row r="718094" spans="14:14">
      <c r="N718094" s="10"/>
    </row>
    <row r="718095" spans="14:14">
      <c r="N718095" s="10"/>
    </row>
    <row r="718096" spans="14:14">
      <c r="N718096" s="10"/>
    </row>
    <row r="718097" spans="14:14">
      <c r="N718097" s="10"/>
    </row>
    <row r="718098" spans="14:14">
      <c r="N718098" s="10"/>
    </row>
    <row r="718099" spans="14:14">
      <c r="N718099" s="10"/>
    </row>
    <row r="718100" spans="14:14">
      <c r="N718100" s="10"/>
    </row>
    <row r="718101" spans="14:14">
      <c r="N718101" s="10"/>
    </row>
    <row r="718102" spans="14:14">
      <c r="N718102" s="10"/>
    </row>
    <row r="718103" spans="14:14">
      <c r="N718103" s="10"/>
    </row>
    <row r="718104" spans="14:14">
      <c r="N718104" s="10"/>
    </row>
    <row r="718105" spans="14:14">
      <c r="N718105" s="10"/>
    </row>
    <row r="718106" spans="14:14">
      <c r="N718106" s="10"/>
    </row>
    <row r="718107" spans="14:14">
      <c r="N718107" s="10"/>
    </row>
    <row r="718108" spans="14:14">
      <c r="N718108" s="10"/>
    </row>
    <row r="718109" spans="14:14">
      <c r="N718109" s="10"/>
    </row>
    <row r="718110" spans="14:14">
      <c r="N718110" s="10"/>
    </row>
    <row r="718111" spans="14:14">
      <c r="N718111" s="10"/>
    </row>
    <row r="718112" spans="14:14">
      <c r="N718112" s="10"/>
    </row>
    <row r="718113" spans="14:14">
      <c r="N718113" s="10"/>
    </row>
    <row r="718114" spans="14:14">
      <c r="N718114" s="10"/>
    </row>
    <row r="718115" spans="14:14">
      <c r="N718115" s="10"/>
    </row>
    <row r="718116" spans="14:14">
      <c r="N718116" s="10"/>
    </row>
    <row r="718117" spans="14:14">
      <c r="N718117" s="10"/>
    </row>
    <row r="718118" spans="14:14">
      <c r="N718118" s="10"/>
    </row>
    <row r="718119" spans="14:14">
      <c r="N718119" s="10"/>
    </row>
    <row r="718120" spans="14:14">
      <c r="N718120" s="10"/>
    </row>
    <row r="718121" spans="14:14">
      <c r="N718121" s="10"/>
    </row>
    <row r="718122" spans="14:14">
      <c r="N718122" s="10"/>
    </row>
    <row r="718123" spans="14:14">
      <c r="N718123" s="10"/>
    </row>
    <row r="718124" spans="14:14">
      <c r="N718124" s="10"/>
    </row>
    <row r="718125" spans="14:14">
      <c r="N718125" s="10"/>
    </row>
    <row r="718126" spans="14:14">
      <c r="N718126" s="10"/>
    </row>
    <row r="718127" spans="14:14">
      <c r="N718127" s="10"/>
    </row>
    <row r="718128" spans="14:14">
      <c r="N718128" s="10"/>
    </row>
    <row r="718129" spans="14:14">
      <c r="N718129" s="10"/>
    </row>
    <row r="718130" spans="14:14">
      <c r="N718130" s="10"/>
    </row>
    <row r="718131" spans="14:14">
      <c r="N718131" s="10"/>
    </row>
    <row r="718132" spans="14:14">
      <c r="N718132" s="10"/>
    </row>
    <row r="718133" spans="14:14">
      <c r="N718133" s="10"/>
    </row>
    <row r="718134" spans="14:14">
      <c r="N718134" s="10"/>
    </row>
    <row r="718135" spans="14:14">
      <c r="N718135" s="10"/>
    </row>
    <row r="718136" spans="14:14">
      <c r="N718136" s="10"/>
    </row>
    <row r="718137" spans="14:14">
      <c r="N718137" s="10"/>
    </row>
    <row r="718138" spans="14:14">
      <c r="N718138" s="10"/>
    </row>
    <row r="718139" spans="14:14">
      <c r="N718139" s="10"/>
    </row>
    <row r="718140" spans="14:14">
      <c r="N718140" s="10"/>
    </row>
    <row r="718141" spans="14:14">
      <c r="N718141" s="10"/>
    </row>
    <row r="718142" spans="14:14">
      <c r="N718142" s="10"/>
    </row>
    <row r="718143" spans="14:14">
      <c r="N718143" s="10"/>
    </row>
    <row r="718144" spans="14:14">
      <c r="N718144" s="10"/>
    </row>
    <row r="718145" spans="14:14">
      <c r="N718145" s="10"/>
    </row>
    <row r="718146" spans="14:14">
      <c r="N718146" s="10"/>
    </row>
    <row r="718147" spans="14:14">
      <c r="N718147" s="10"/>
    </row>
    <row r="718148" spans="14:14">
      <c r="N718148" s="10"/>
    </row>
    <row r="718149" spans="14:14">
      <c r="N718149" s="10"/>
    </row>
    <row r="718150" spans="14:14">
      <c r="N718150" s="10"/>
    </row>
    <row r="718151" spans="14:14">
      <c r="N718151" s="10"/>
    </row>
    <row r="718152" spans="14:14">
      <c r="N718152" s="10"/>
    </row>
    <row r="718153" spans="14:14">
      <c r="N718153" s="10"/>
    </row>
    <row r="718154" spans="14:14">
      <c r="N718154" s="10"/>
    </row>
    <row r="718155" spans="14:14">
      <c r="N718155" s="10"/>
    </row>
    <row r="718156" spans="14:14">
      <c r="N718156" s="10"/>
    </row>
    <row r="718157" spans="14:14">
      <c r="N718157" s="10"/>
    </row>
    <row r="718158" spans="14:14">
      <c r="N718158" s="10"/>
    </row>
    <row r="718159" spans="14:14">
      <c r="N718159" s="10"/>
    </row>
    <row r="718160" spans="14:14">
      <c r="N718160" s="10"/>
    </row>
    <row r="718161" spans="14:14">
      <c r="N718161" s="10"/>
    </row>
    <row r="718162" spans="14:14">
      <c r="N718162" s="10"/>
    </row>
    <row r="718163" spans="14:14">
      <c r="N718163" s="10"/>
    </row>
    <row r="718164" spans="14:14">
      <c r="N718164" s="10"/>
    </row>
    <row r="718165" spans="14:14">
      <c r="N718165" s="10"/>
    </row>
    <row r="718166" spans="14:14">
      <c r="N718166" s="10"/>
    </row>
    <row r="718167" spans="14:14">
      <c r="N718167" s="10"/>
    </row>
    <row r="718168" spans="14:14">
      <c r="N718168" s="10"/>
    </row>
    <row r="718169" spans="14:14">
      <c r="N718169" s="10"/>
    </row>
    <row r="718170" spans="14:14">
      <c r="N718170" s="10"/>
    </row>
    <row r="718171" spans="14:14">
      <c r="N718171" s="10"/>
    </row>
    <row r="718172" spans="14:14">
      <c r="N718172" s="10"/>
    </row>
    <row r="718173" spans="14:14">
      <c r="N718173" s="10"/>
    </row>
    <row r="718174" spans="14:14">
      <c r="N718174" s="10"/>
    </row>
    <row r="718175" spans="14:14">
      <c r="N718175" s="10"/>
    </row>
    <row r="718176" spans="14:14">
      <c r="N718176" s="10"/>
    </row>
    <row r="718177" spans="14:14">
      <c r="N718177" s="10"/>
    </row>
    <row r="718178" spans="14:14">
      <c r="N718178" s="10"/>
    </row>
    <row r="718179" spans="14:14">
      <c r="N718179" s="10"/>
    </row>
    <row r="718180" spans="14:14">
      <c r="N718180" s="10"/>
    </row>
    <row r="718181" spans="14:14">
      <c r="N718181" s="10"/>
    </row>
    <row r="718182" spans="14:14">
      <c r="N718182" s="10"/>
    </row>
    <row r="718183" spans="14:14">
      <c r="N718183" s="10"/>
    </row>
    <row r="718184" spans="14:14">
      <c r="N718184" s="10"/>
    </row>
    <row r="718185" spans="14:14">
      <c r="N718185" s="10"/>
    </row>
    <row r="718186" spans="14:14">
      <c r="N718186" s="10"/>
    </row>
    <row r="718187" spans="14:14">
      <c r="N718187" s="10"/>
    </row>
    <row r="718188" spans="14:14">
      <c r="N718188" s="10"/>
    </row>
    <row r="718189" spans="14:14">
      <c r="N718189" s="10"/>
    </row>
    <row r="718190" spans="14:14">
      <c r="N718190" s="10"/>
    </row>
    <row r="718191" spans="14:14">
      <c r="N718191" s="10"/>
    </row>
    <row r="718192" spans="14:14">
      <c r="N718192" s="10"/>
    </row>
    <row r="718193" spans="14:14">
      <c r="N718193" s="10"/>
    </row>
    <row r="718194" spans="14:14">
      <c r="N718194" s="10"/>
    </row>
    <row r="718195" spans="14:14">
      <c r="N718195" s="10"/>
    </row>
    <row r="718196" spans="14:14">
      <c r="N718196" s="10"/>
    </row>
    <row r="718197" spans="14:14">
      <c r="N718197" s="10"/>
    </row>
    <row r="718198" spans="14:14">
      <c r="N718198" s="10"/>
    </row>
    <row r="718199" spans="14:14">
      <c r="N718199" s="10"/>
    </row>
    <row r="718200" spans="14:14">
      <c r="N718200" s="10"/>
    </row>
    <row r="718201" spans="14:14">
      <c r="N718201" s="10"/>
    </row>
    <row r="718202" spans="14:14">
      <c r="N718202" s="10"/>
    </row>
    <row r="718203" spans="14:14">
      <c r="N718203" s="10"/>
    </row>
    <row r="718204" spans="14:14">
      <c r="N718204" s="10"/>
    </row>
    <row r="718205" spans="14:14">
      <c r="N718205" s="10"/>
    </row>
    <row r="718206" spans="14:14">
      <c r="N718206" s="10"/>
    </row>
    <row r="718207" spans="14:14">
      <c r="N718207" s="10"/>
    </row>
    <row r="718208" spans="14:14">
      <c r="N718208" s="10"/>
    </row>
    <row r="718209" spans="14:14">
      <c r="N718209" s="10"/>
    </row>
    <row r="718210" spans="14:14">
      <c r="N718210" s="10"/>
    </row>
    <row r="718211" spans="14:14">
      <c r="N718211" s="10"/>
    </row>
    <row r="718212" spans="14:14">
      <c r="N718212" s="10"/>
    </row>
    <row r="718213" spans="14:14">
      <c r="N718213" s="10"/>
    </row>
    <row r="718214" spans="14:14">
      <c r="N718214" s="10"/>
    </row>
    <row r="718215" spans="14:14">
      <c r="N718215" s="10"/>
    </row>
    <row r="718216" spans="14:14">
      <c r="N718216" s="10"/>
    </row>
    <row r="718217" spans="14:14">
      <c r="N718217" s="10"/>
    </row>
    <row r="718218" spans="14:14">
      <c r="N718218" s="10"/>
    </row>
    <row r="718219" spans="14:14">
      <c r="N718219" s="10"/>
    </row>
    <row r="718220" spans="14:14">
      <c r="N718220" s="10"/>
    </row>
    <row r="718221" spans="14:14">
      <c r="N718221" s="10"/>
    </row>
    <row r="718222" spans="14:14">
      <c r="N718222" s="10"/>
    </row>
    <row r="718223" spans="14:14">
      <c r="N718223" s="10"/>
    </row>
    <row r="718224" spans="14:14">
      <c r="N718224" s="10"/>
    </row>
    <row r="718225" spans="14:14">
      <c r="N718225" s="10"/>
    </row>
    <row r="718226" spans="14:14">
      <c r="N718226" s="10"/>
    </row>
    <row r="718227" spans="14:14">
      <c r="N718227" s="10"/>
    </row>
    <row r="718228" spans="14:14">
      <c r="N718228" s="10"/>
    </row>
    <row r="718229" spans="14:14">
      <c r="N718229" s="10"/>
    </row>
    <row r="718230" spans="14:14">
      <c r="N718230" s="10"/>
    </row>
    <row r="718231" spans="14:14">
      <c r="N718231" s="10"/>
    </row>
    <row r="718232" spans="14:14">
      <c r="N718232" s="10"/>
    </row>
    <row r="718233" spans="14:14">
      <c r="N718233" s="10"/>
    </row>
    <row r="718234" spans="14:14">
      <c r="N718234" s="10"/>
    </row>
    <row r="718235" spans="14:14">
      <c r="N718235" s="10"/>
    </row>
    <row r="718236" spans="14:14">
      <c r="N718236" s="10"/>
    </row>
    <row r="718237" spans="14:14">
      <c r="N718237" s="10"/>
    </row>
    <row r="718238" spans="14:14">
      <c r="N718238" s="10"/>
    </row>
    <row r="718239" spans="14:14">
      <c r="N718239" s="10"/>
    </row>
    <row r="718240" spans="14:14">
      <c r="N718240" s="10"/>
    </row>
    <row r="718241" spans="14:14">
      <c r="N718241" s="10"/>
    </row>
    <row r="718242" spans="14:14">
      <c r="N718242" s="10"/>
    </row>
    <row r="718243" spans="14:14">
      <c r="N718243" s="10"/>
    </row>
    <row r="718244" spans="14:14">
      <c r="N718244" s="10"/>
    </row>
    <row r="718245" spans="14:14">
      <c r="N718245" s="10"/>
    </row>
    <row r="718246" spans="14:14">
      <c r="N718246" s="10"/>
    </row>
    <row r="718247" spans="14:14">
      <c r="N718247" s="10"/>
    </row>
    <row r="718248" spans="14:14">
      <c r="N718248" s="10"/>
    </row>
    <row r="718249" spans="14:14">
      <c r="N718249" s="10"/>
    </row>
    <row r="718250" spans="14:14">
      <c r="N718250" s="10"/>
    </row>
    <row r="718251" spans="14:14">
      <c r="N718251" s="10"/>
    </row>
    <row r="718252" spans="14:14">
      <c r="N718252" s="10"/>
    </row>
    <row r="718253" spans="14:14">
      <c r="N718253" s="10"/>
    </row>
    <row r="718254" spans="14:14">
      <c r="N718254" s="10"/>
    </row>
    <row r="718255" spans="14:14">
      <c r="N718255" s="10"/>
    </row>
    <row r="718256" spans="14:14">
      <c r="N718256" s="10"/>
    </row>
    <row r="718257" spans="14:14">
      <c r="N718257" s="10"/>
    </row>
    <row r="718258" spans="14:14">
      <c r="N718258" s="10"/>
    </row>
    <row r="718259" spans="14:14">
      <c r="N718259" s="10"/>
    </row>
    <row r="718260" spans="14:14">
      <c r="N718260" s="10"/>
    </row>
    <row r="718261" spans="14:14">
      <c r="N718261" s="10"/>
    </row>
    <row r="718262" spans="14:14">
      <c r="N718262" s="10"/>
    </row>
    <row r="718263" spans="14:14">
      <c r="N718263" s="10"/>
    </row>
    <row r="718264" spans="14:14">
      <c r="N718264" s="10"/>
    </row>
    <row r="718265" spans="14:14">
      <c r="N718265" s="10"/>
    </row>
    <row r="718266" spans="14:14">
      <c r="N718266" s="10"/>
    </row>
    <row r="718267" spans="14:14">
      <c r="N718267" s="10"/>
    </row>
    <row r="718268" spans="14:14">
      <c r="N718268" s="10"/>
    </row>
    <row r="718269" spans="14:14">
      <c r="N718269" s="10"/>
    </row>
    <row r="718270" spans="14:14">
      <c r="N718270" s="10"/>
    </row>
    <row r="718271" spans="14:14">
      <c r="N718271" s="10"/>
    </row>
    <row r="718272" spans="14:14">
      <c r="N718272" s="10"/>
    </row>
    <row r="718273" spans="14:14">
      <c r="N718273" s="10"/>
    </row>
    <row r="718274" spans="14:14">
      <c r="N718274" s="10"/>
    </row>
    <row r="718275" spans="14:14">
      <c r="N718275" s="10"/>
    </row>
    <row r="718276" spans="14:14">
      <c r="N718276" s="10"/>
    </row>
    <row r="718277" spans="14:14">
      <c r="N718277" s="10"/>
    </row>
    <row r="718278" spans="14:14">
      <c r="N718278" s="10"/>
    </row>
    <row r="718279" spans="14:14">
      <c r="N718279" s="10"/>
    </row>
    <row r="718280" spans="14:14">
      <c r="N718280" s="10"/>
    </row>
    <row r="718281" spans="14:14">
      <c r="N718281" s="10"/>
    </row>
    <row r="718282" spans="14:14">
      <c r="N718282" s="10"/>
    </row>
    <row r="718283" spans="14:14">
      <c r="N718283" s="10"/>
    </row>
    <row r="718284" spans="14:14">
      <c r="N718284" s="10"/>
    </row>
    <row r="718285" spans="14:14">
      <c r="N718285" s="10"/>
    </row>
    <row r="718286" spans="14:14">
      <c r="N718286" s="10"/>
    </row>
    <row r="718287" spans="14:14">
      <c r="N718287" s="10"/>
    </row>
    <row r="718288" spans="14:14">
      <c r="N718288" s="10"/>
    </row>
    <row r="718289" spans="14:14">
      <c r="N718289" s="10"/>
    </row>
    <row r="718290" spans="14:14">
      <c r="N718290" s="10"/>
    </row>
    <row r="718291" spans="14:14">
      <c r="N718291" s="10"/>
    </row>
    <row r="718292" spans="14:14">
      <c r="N718292" s="10"/>
    </row>
    <row r="718293" spans="14:14">
      <c r="N718293" s="10"/>
    </row>
    <row r="718294" spans="14:14">
      <c r="N718294" s="10"/>
    </row>
    <row r="718295" spans="14:14">
      <c r="N718295" s="10"/>
    </row>
    <row r="718296" spans="14:14">
      <c r="N718296" s="10"/>
    </row>
    <row r="718297" spans="14:14">
      <c r="N718297" s="10"/>
    </row>
    <row r="718298" spans="14:14">
      <c r="N718298" s="10"/>
    </row>
    <row r="718299" spans="14:14">
      <c r="N718299" s="10"/>
    </row>
    <row r="718300" spans="14:14">
      <c r="N718300" s="10"/>
    </row>
    <row r="718301" spans="14:14">
      <c r="N718301" s="10"/>
    </row>
    <row r="718302" spans="14:14">
      <c r="N718302" s="10"/>
    </row>
    <row r="718303" spans="14:14">
      <c r="N718303" s="10"/>
    </row>
    <row r="718304" spans="14:14">
      <c r="N718304" s="10"/>
    </row>
    <row r="718305" spans="14:14">
      <c r="N718305" s="10"/>
    </row>
    <row r="718306" spans="14:14">
      <c r="N718306" s="10"/>
    </row>
    <row r="718307" spans="14:14">
      <c r="N718307" s="10"/>
    </row>
    <row r="718308" spans="14:14">
      <c r="N718308" s="10"/>
    </row>
    <row r="718309" spans="14:14">
      <c r="N718309" s="10"/>
    </row>
    <row r="718310" spans="14:14">
      <c r="N718310" s="10"/>
    </row>
    <row r="718311" spans="14:14">
      <c r="N718311" s="10"/>
    </row>
    <row r="718312" spans="14:14">
      <c r="N718312" s="10"/>
    </row>
    <row r="718313" spans="14:14">
      <c r="N718313" s="10"/>
    </row>
    <row r="718314" spans="14:14">
      <c r="N718314" s="10"/>
    </row>
    <row r="718315" spans="14:14">
      <c r="N718315" s="10"/>
    </row>
    <row r="718316" spans="14:14">
      <c r="N718316" s="10"/>
    </row>
    <row r="718317" spans="14:14">
      <c r="N718317" s="10"/>
    </row>
    <row r="718318" spans="14:14">
      <c r="N718318" s="10"/>
    </row>
    <row r="718319" spans="14:14">
      <c r="N718319" s="10"/>
    </row>
    <row r="718320" spans="14:14">
      <c r="N718320" s="10"/>
    </row>
    <row r="718321" spans="14:14">
      <c r="N718321" s="10"/>
    </row>
    <row r="718322" spans="14:14">
      <c r="N718322" s="10"/>
    </row>
    <row r="718323" spans="14:14">
      <c r="N718323" s="10"/>
    </row>
    <row r="718324" spans="14:14">
      <c r="N718324" s="10"/>
    </row>
    <row r="718325" spans="14:14">
      <c r="N718325" s="10"/>
    </row>
    <row r="718326" spans="14:14">
      <c r="N718326" s="10"/>
    </row>
    <row r="718327" spans="14:14">
      <c r="N718327" s="10"/>
    </row>
    <row r="718328" spans="14:14">
      <c r="N718328" s="10"/>
    </row>
    <row r="718329" spans="14:14">
      <c r="N718329" s="10"/>
    </row>
    <row r="718330" spans="14:14">
      <c r="N718330" s="10"/>
    </row>
    <row r="718331" spans="14:14">
      <c r="N718331" s="10"/>
    </row>
    <row r="718332" spans="14:14">
      <c r="N718332" s="10"/>
    </row>
    <row r="718333" spans="14:14">
      <c r="N718333" s="10"/>
    </row>
    <row r="718334" spans="14:14">
      <c r="N718334" s="10"/>
    </row>
    <row r="718335" spans="14:14">
      <c r="N718335" s="10"/>
    </row>
    <row r="718336" spans="14:14">
      <c r="N718336" s="10"/>
    </row>
    <row r="718337" spans="14:14">
      <c r="N718337" s="10"/>
    </row>
    <row r="718338" spans="14:14">
      <c r="N718338" s="10"/>
    </row>
    <row r="718339" spans="14:14">
      <c r="N718339" s="10"/>
    </row>
    <row r="718340" spans="14:14">
      <c r="N718340" s="10"/>
    </row>
    <row r="718341" spans="14:14">
      <c r="N718341" s="10"/>
    </row>
    <row r="718342" spans="14:14">
      <c r="N718342" s="10"/>
    </row>
    <row r="718343" spans="14:14">
      <c r="N718343" s="10"/>
    </row>
    <row r="718344" spans="14:14">
      <c r="N718344" s="10"/>
    </row>
    <row r="718345" spans="14:14">
      <c r="N718345" s="10"/>
    </row>
    <row r="718346" spans="14:14">
      <c r="N718346" s="10"/>
    </row>
    <row r="718347" spans="14:14">
      <c r="N718347" s="10"/>
    </row>
    <row r="718348" spans="14:14">
      <c r="N718348" s="10"/>
    </row>
    <row r="718349" spans="14:14">
      <c r="N718349" s="10"/>
    </row>
    <row r="718350" spans="14:14">
      <c r="N718350" s="10"/>
    </row>
    <row r="718351" spans="14:14">
      <c r="N718351" s="10"/>
    </row>
    <row r="718352" spans="14:14">
      <c r="N718352" s="10"/>
    </row>
    <row r="718353" spans="14:14">
      <c r="N718353" s="10"/>
    </row>
    <row r="718354" spans="14:14">
      <c r="N718354" s="10"/>
    </row>
    <row r="718355" spans="14:14">
      <c r="N718355" s="10"/>
    </row>
    <row r="718356" spans="14:14">
      <c r="N718356" s="10"/>
    </row>
    <row r="718357" spans="14:14">
      <c r="N718357" s="10"/>
    </row>
    <row r="718358" spans="14:14">
      <c r="N718358" s="10"/>
    </row>
    <row r="718359" spans="14:14">
      <c r="N718359" s="10"/>
    </row>
    <row r="718360" spans="14:14">
      <c r="N718360" s="10"/>
    </row>
    <row r="718361" spans="14:14">
      <c r="N718361" s="10"/>
    </row>
    <row r="718362" spans="14:14">
      <c r="N718362" s="10"/>
    </row>
    <row r="718363" spans="14:14">
      <c r="N718363" s="10"/>
    </row>
    <row r="718364" spans="14:14">
      <c r="N718364" s="10"/>
    </row>
    <row r="718365" spans="14:14">
      <c r="N718365" s="10"/>
    </row>
    <row r="718366" spans="14:14">
      <c r="N718366" s="10"/>
    </row>
    <row r="718367" spans="14:14">
      <c r="N718367" s="10"/>
    </row>
    <row r="718368" spans="14:14">
      <c r="N718368" s="10"/>
    </row>
    <row r="718369" spans="14:14">
      <c r="N718369" s="10"/>
    </row>
    <row r="718370" spans="14:14">
      <c r="N718370" s="10"/>
    </row>
    <row r="718371" spans="14:14">
      <c r="N718371" s="10"/>
    </row>
    <row r="718372" spans="14:14">
      <c r="N718372" s="10"/>
    </row>
    <row r="718373" spans="14:14">
      <c r="N718373" s="10"/>
    </row>
    <row r="718374" spans="14:14">
      <c r="N718374" s="10"/>
    </row>
    <row r="718375" spans="14:14">
      <c r="N718375" s="10"/>
    </row>
    <row r="718376" spans="14:14">
      <c r="N718376" s="10"/>
    </row>
    <row r="718377" spans="14:14">
      <c r="N718377" s="10"/>
    </row>
    <row r="718378" spans="14:14">
      <c r="N718378" s="10"/>
    </row>
    <row r="718379" spans="14:14">
      <c r="N718379" s="10"/>
    </row>
    <row r="718380" spans="14:14">
      <c r="N718380" s="10"/>
    </row>
    <row r="718381" spans="14:14">
      <c r="N718381" s="10"/>
    </row>
    <row r="718382" spans="14:14">
      <c r="N718382" s="10"/>
    </row>
    <row r="718383" spans="14:14">
      <c r="N718383" s="10"/>
    </row>
    <row r="718384" spans="14:14">
      <c r="N718384" s="10"/>
    </row>
    <row r="718385" spans="14:14">
      <c r="N718385" s="10"/>
    </row>
    <row r="718386" spans="14:14">
      <c r="N718386" s="10"/>
    </row>
    <row r="718387" spans="14:14">
      <c r="N718387" s="10"/>
    </row>
    <row r="718388" spans="14:14">
      <c r="N718388" s="10"/>
    </row>
    <row r="718389" spans="14:14">
      <c r="N718389" s="10"/>
    </row>
    <row r="718390" spans="14:14">
      <c r="N718390" s="10"/>
    </row>
    <row r="718391" spans="14:14">
      <c r="N718391" s="10"/>
    </row>
    <row r="718392" spans="14:14">
      <c r="N718392" s="10"/>
    </row>
    <row r="718393" spans="14:14">
      <c r="N718393" s="10"/>
    </row>
    <row r="718394" spans="14:14">
      <c r="N718394" s="10"/>
    </row>
    <row r="718395" spans="14:14">
      <c r="N718395" s="10"/>
    </row>
    <row r="718396" spans="14:14">
      <c r="N718396" s="10"/>
    </row>
    <row r="718397" spans="14:14">
      <c r="N718397" s="10"/>
    </row>
    <row r="718398" spans="14:14">
      <c r="N718398" s="10"/>
    </row>
    <row r="718399" spans="14:14">
      <c r="N718399" s="10"/>
    </row>
    <row r="718400" spans="14:14">
      <c r="N718400" s="10"/>
    </row>
    <row r="718401" spans="14:14">
      <c r="N718401" s="10"/>
    </row>
    <row r="718402" spans="14:14">
      <c r="N718402" s="10"/>
    </row>
    <row r="718403" spans="14:14">
      <c r="N718403" s="10"/>
    </row>
    <row r="718404" spans="14:14">
      <c r="N718404" s="10"/>
    </row>
    <row r="718405" spans="14:14">
      <c r="N718405" s="10"/>
    </row>
    <row r="718406" spans="14:14">
      <c r="N718406" s="10"/>
    </row>
    <row r="718407" spans="14:14">
      <c r="N718407" s="10"/>
    </row>
    <row r="718408" spans="14:14">
      <c r="N718408" s="10"/>
    </row>
    <row r="718409" spans="14:14">
      <c r="N718409" s="10"/>
    </row>
    <row r="718410" spans="14:14">
      <c r="N718410" s="10"/>
    </row>
    <row r="718411" spans="14:14">
      <c r="N718411" s="10"/>
    </row>
    <row r="718412" spans="14:14">
      <c r="N718412" s="10"/>
    </row>
    <row r="718413" spans="14:14">
      <c r="N718413" s="10"/>
    </row>
    <row r="718414" spans="14:14">
      <c r="N718414" s="10"/>
    </row>
    <row r="718415" spans="14:14">
      <c r="N718415" s="10"/>
    </row>
    <row r="718416" spans="14:14">
      <c r="N718416" s="10"/>
    </row>
    <row r="718417" spans="14:14">
      <c r="N718417" s="10"/>
    </row>
    <row r="718418" spans="14:14">
      <c r="N718418" s="10"/>
    </row>
    <row r="718419" spans="14:14">
      <c r="N718419" s="10"/>
    </row>
    <row r="718420" spans="14:14">
      <c r="N718420" s="10"/>
    </row>
    <row r="718421" spans="14:14">
      <c r="N718421" s="10"/>
    </row>
    <row r="718422" spans="14:14">
      <c r="N718422" s="10"/>
    </row>
    <row r="718423" spans="14:14">
      <c r="N718423" s="10"/>
    </row>
    <row r="718424" spans="14:14">
      <c r="N718424" s="10"/>
    </row>
    <row r="718425" spans="14:14">
      <c r="N718425" s="10"/>
    </row>
    <row r="718426" spans="14:14">
      <c r="N718426" s="10"/>
    </row>
    <row r="718427" spans="14:14">
      <c r="N718427" s="10"/>
    </row>
    <row r="718428" spans="14:14">
      <c r="N718428" s="10"/>
    </row>
    <row r="718429" spans="14:14">
      <c r="N718429" s="10"/>
    </row>
    <row r="718430" spans="14:14">
      <c r="N718430" s="10"/>
    </row>
    <row r="718431" spans="14:14">
      <c r="N718431" s="10"/>
    </row>
    <row r="718432" spans="14:14">
      <c r="N718432" s="10"/>
    </row>
    <row r="718433" spans="14:14">
      <c r="N718433" s="10"/>
    </row>
    <row r="718434" spans="14:14">
      <c r="N718434" s="10"/>
    </row>
    <row r="718435" spans="14:14">
      <c r="N718435" s="10"/>
    </row>
    <row r="718436" spans="14:14">
      <c r="N718436" s="10"/>
    </row>
    <row r="718437" spans="14:14">
      <c r="N718437" s="10"/>
    </row>
    <row r="718438" spans="14:14">
      <c r="N718438" s="10"/>
    </row>
    <row r="718439" spans="14:14">
      <c r="N718439" s="10"/>
    </row>
    <row r="718440" spans="14:14">
      <c r="N718440" s="10"/>
    </row>
    <row r="718441" spans="14:14">
      <c r="N718441" s="10"/>
    </row>
    <row r="718442" spans="14:14">
      <c r="N718442" s="10"/>
    </row>
    <row r="718443" spans="14:14">
      <c r="N718443" s="10"/>
    </row>
    <row r="718444" spans="14:14">
      <c r="N718444" s="10"/>
    </row>
    <row r="718445" spans="14:14">
      <c r="N718445" s="10"/>
    </row>
    <row r="718446" spans="14:14">
      <c r="N718446" s="10"/>
    </row>
    <row r="718447" spans="14:14">
      <c r="N718447" s="10"/>
    </row>
    <row r="718448" spans="14:14">
      <c r="N718448" s="10"/>
    </row>
    <row r="718449" spans="14:14">
      <c r="N718449" s="10"/>
    </row>
    <row r="718450" spans="14:14">
      <c r="N718450" s="10"/>
    </row>
    <row r="718451" spans="14:14">
      <c r="N718451" s="10"/>
    </row>
    <row r="718452" spans="14:14">
      <c r="N718452" s="10"/>
    </row>
    <row r="718453" spans="14:14">
      <c r="N718453" s="10"/>
    </row>
    <row r="718454" spans="14:14">
      <c r="N718454" s="10"/>
    </row>
    <row r="718455" spans="14:14">
      <c r="N718455" s="10"/>
    </row>
    <row r="718456" spans="14:14">
      <c r="N718456" s="10"/>
    </row>
    <row r="718457" spans="14:14">
      <c r="N718457" s="10"/>
    </row>
    <row r="718458" spans="14:14">
      <c r="N718458" s="10"/>
    </row>
    <row r="718459" spans="14:14">
      <c r="N718459" s="10"/>
    </row>
    <row r="718460" spans="14:14">
      <c r="N718460" s="10"/>
    </row>
    <row r="718461" spans="14:14">
      <c r="N718461" s="10"/>
    </row>
    <row r="718462" spans="14:14">
      <c r="N718462" s="10"/>
    </row>
    <row r="718463" spans="14:14">
      <c r="N718463" s="10"/>
    </row>
    <row r="718464" spans="14:14">
      <c r="N718464" s="10"/>
    </row>
    <row r="718465" spans="14:14">
      <c r="N718465" s="10"/>
    </row>
    <row r="718466" spans="14:14">
      <c r="N718466" s="10"/>
    </row>
    <row r="718467" spans="14:14">
      <c r="N718467" s="10"/>
    </row>
    <row r="718468" spans="14:14">
      <c r="N718468" s="10"/>
    </row>
    <row r="718469" spans="14:14">
      <c r="N718469" s="10"/>
    </row>
    <row r="718470" spans="14:14">
      <c r="N718470" s="10"/>
    </row>
    <row r="718471" spans="14:14">
      <c r="N718471" s="10"/>
    </row>
    <row r="718472" spans="14:14">
      <c r="N718472" s="10"/>
    </row>
    <row r="718473" spans="14:14">
      <c r="N718473" s="10"/>
    </row>
    <row r="718474" spans="14:14">
      <c r="N718474" s="10"/>
    </row>
    <row r="718475" spans="14:14">
      <c r="N718475" s="10"/>
    </row>
    <row r="718476" spans="14:14">
      <c r="N718476" s="10"/>
    </row>
    <row r="718477" spans="14:14">
      <c r="N718477" s="10"/>
    </row>
    <row r="718478" spans="14:14">
      <c r="N718478" s="10"/>
    </row>
    <row r="718479" spans="14:14">
      <c r="N718479" s="10"/>
    </row>
    <row r="718480" spans="14:14">
      <c r="N718480" s="10"/>
    </row>
    <row r="718481" spans="14:14">
      <c r="N718481" s="10"/>
    </row>
    <row r="718482" spans="14:14">
      <c r="N718482" s="10"/>
    </row>
    <row r="718483" spans="14:14">
      <c r="N718483" s="10"/>
    </row>
    <row r="718484" spans="14:14">
      <c r="N718484" s="10"/>
    </row>
    <row r="718485" spans="14:14">
      <c r="N718485" s="10"/>
    </row>
    <row r="718486" spans="14:14">
      <c r="N718486" s="10"/>
    </row>
    <row r="718487" spans="14:14">
      <c r="N718487" s="10"/>
    </row>
    <row r="718488" spans="14:14">
      <c r="N718488" s="10"/>
    </row>
    <row r="718489" spans="14:14">
      <c r="N718489" s="10"/>
    </row>
    <row r="718490" spans="14:14">
      <c r="N718490" s="10"/>
    </row>
    <row r="718491" spans="14:14">
      <c r="N718491" s="10"/>
    </row>
    <row r="718492" spans="14:14">
      <c r="N718492" s="10"/>
    </row>
    <row r="718493" spans="14:14">
      <c r="N718493" s="10"/>
    </row>
    <row r="718494" spans="14:14">
      <c r="N718494" s="10"/>
    </row>
    <row r="718495" spans="14:14">
      <c r="N718495" s="10"/>
    </row>
    <row r="718496" spans="14:14">
      <c r="N718496" s="10"/>
    </row>
    <row r="718497" spans="14:14">
      <c r="N718497" s="10"/>
    </row>
    <row r="718498" spans="14:14">
      <c r="N718498" s="10"/>
    </row>
    <row r="718499" spans="14:14">
      <c r="N718499" s="10"/>
    </row>
    <row r="718500" spans="14:14">
      <c r="N718500" s="10"/>
    </row>
    <row r="718501" spans="14:14">
      <c r="N718501" s="10"/>
    </row>
    <row r="718502" spans="14:14">
      <c r="N718502" s="10"/>
    </row>
    <row r="718503" spans="14:14">
      <c r="N718503" s="10"/>
    </row>
    <row r="718504" spans="14:14">
      <c r="N718504" s="10"/>
    </row>
    <row r="718505" spans="14:14">
      <c r="N718505" s="10"/>
    </row>
    <row r="718506" spans="14:14">
      <c r="N718506" s="10"/>
    </row>
    <row r="718507" spans="14:14">
      <c r="N718507" s="10"/>
    </row>
    <row r="718508" spans="14:14">
      <c r="N718508" s="10"/>
    </row>
    <row r="718509" spans="14:14">
      <c r="N718509" s="10"/>
    </row>
    <row r="718510" spans="14:14">
      <c r="N718510" s="10"/>
    </row>
    <row r="718511" spans="14:14">
      <c r="N718511" s="10"/>
    </row>
    <row r="718512" spans="14:14">
      <c r="N718512" s="10"/>
    </row>
    <row r="718513" spans="14:14">
      <c r="N718513" s="10"/>
    </row>
    <row r="718514" spans="14:14">
      <c r="N718514" s="10"/>
    </row>
    <row r="718515" spans="14:14">
      <c r="N718515" s="10"/>
    </row>
    <row r="718516" spans="14:14">
      <c r="N718516" s="10"/>
    </row>
    <row r="718517" spans="14:14">
      <c r="N718517" s="10"/>
    </row>
    <row r="718518" spans="14:14">
      <c r="N718518" s="10"/>
    </row>
    <row r="718519" spans="14:14">
      <c r="N718519" s="10"/>
    </row>
    <row r="718520" spans="14:14">
      <c r="N718520" s="10"/>
    </row>
    <row r="718521" spans="14:14">
      <c r="N718521" s="10"/>
    </row>
    <row r="718522" spans="14:14">
      <c r="N718522" s="10"/>
    </row>
    <row r="718523" spans="14:14">
      <c r="N718523" s="10"/>
    </row>
    <row r="718524" spans="14:14">
      <c r="N718524" s="10"/>
    </row>
    <row r="718525" spans="14:14">
      <c r="N718525" s="10"/>
    </row>
    <row r="718526" spans="14:14">
      <c r="N718526" s="10"/>
    </row>
    <row r="718527" spans="14:14">
      <c r="N718527" s="10"/>
    </row>
    <row r="718528" spans="14:14">
      <c r="N718528" s="10"/>
    </row>
    <row r="718529" spans="14:14">
      <c r="N718529" s="10"/>
    </row>
    <row r="718530" spans="14:14">
      <c r="N718530" s="10"/>
    </row>
    <row r="718531" spans="14:14">
      <c r="N718531" s="10"/>
    </row>
    <row r="718532" spans="14:14">
      <c r="N718532" s="10"/>
    </row>
    <row r="718533" spans="14:14">
      <c r="N718533" s="10"/>
    </row>
    <row r="718534" spans="14:14">
      <c r="N718534" s="10"/>
    </row>
    <row r="718535" spans="14:14">
      <c r="N718535" s="10"/>
    </row>
    <row r="718536" spans="14:14">
      <c r="N718536" s="10"/>
    </row>
    <row r="718537" spans="14:14">
      <c r="N718537" s="10"/>
    </row>
    <row r="718538" spans="14:14">
      <c r="N718538" s="10"/>
    </row>
    <row r="718539" spans="14:14">
      <c r="N718539" s="10"/>
    </row>
    <row r="718540" spans="14:14">
      <c r="N718540" s="10"/>
    </row>
    <row r="718541" spans="14:14">
      <c r="N718541" s="10"/>
    </row>
    <row r="718542" spans="14:14">
      <c r="N718542" s="10"/>
    </row>
    <row r="718543" spans="14:14">
      <c r="N718543" s="10"/>
    </row>
    <row r="718544" spans="14:14">
      <c r="N718544" s="10"/>
    </row>
    <row r="718545" spans="14:14">
      <c r="N718545" s="10"/>
    </row>
    <row r="718546" spans="14:14">
      <c r="N718546" s="10"/>
    </row>
    <row r="718547" spans="14:14">
      <c r="N718547" s="10"/>
    </row>
    <row r="718548" spans="14:14">
      <c r="N718548" s="10"/>
    </row>
    <row r="718549" spans="14:14">
      <c r="N718549" s="10"/>
    </row>
    <row r="718550" spans="14:14">
      <c r="N718550" s="10"/>
    </row>
    <row r="718551" spans="14:14">
      <c r="N718551" s="10"/>
    </row>
    <row r="718552" spans="14:14">
      <c r="N718552" s="10"/>
    </row>
    <row r="718553" spans="14:14">
      <c r="N718553" s="10"/>
    </row>
    <row r="718554" spans="14:14">
      <c r="N718554" s="10"/>
    </row>
    <row r="718555" spans="14:14">
      <c r="N718555" s="10"/>
    </row>
    <row r="718556" spans="14:14">
      <c r="N718556" s="10"/>
    </row>
    <row r="718557" spans="14:14">
      <c r="N718557" s="10"/>
    </row>
    <row r="718558" spans="14:14">
      <c r="N718558" s="10"/>
    </row>
    <row r="718559" spans="14:14">
      <c r="N718559" s="10"/>
    </row>
    <row r="718560" spans="14:14">
      <c r="N718560" s="10"/>
    </row>
    <row r="718561" spans="14:14">
      <c r="N718561" s="10"/>
    </row>
    <row r="718562" spans="14:14">
      <c r="N718562" s="10"/>
    </row>
    <row r="718563" spans="14:14">
      <c r="N718563" s="10"/>
    </row>
    <row r="718564" spans="14:14">
      <c r="N718564" s="10"/>
    </row>
    <row r="718565" spans="14:14">
      <c r="N718565" s="10"/>
    </row>
    <row r="718566" spans="14:14">
      <c r="N718566" s="10"/>
    </row>
    <row r="718567" spans="14:14">
      <c r="N718567" s="10"/>
    </row>
    <row r="718568" spans="14:14">
      <c r="N718568" s="10"/>
    </row>
    <row r="718569" spans="14:14">
      <c r="N718569" s="10"/>
    </row>
    <row r="718570" spans="14:14">
      <c r="N718570" s="10"/>
    </row>
    <row r="718571" spans="14:14">
      <c r="N718571" s="10"/>
    </row>
    <row r="718572" spans="14:14">
      <c r="N718572" s="10"/>
    </row>
    <row r="718573" spans="14:14">
      <c r="N718573" s="10"/>
    </row>
    <row r="718574" spans="14:14">
      <c r="N718574" s="10"/>
    </row>
    <row r="718575" spans="14:14">
      <c r="N718575" s="10"/>
    </row>
    <row r="718576" spans="14:14">
      <c r="N718576" s="10"/>
    </row>
    <row r="718577" spans="14:14">
      <c r="N718577" s="10"/>
    </row>
    <row r="718578" spans="14:14">
      <c r="N718578" s="10"/>
    </row>
    <row r="718579" spans="14:14">
      <c r="N718579" s="10"/>
    </row>
    <row r="718580" spans="14:14">
      <c r="N718580" s="10"/>
    </row>
    <row r="718581" spans="14:14">
      <c r="N718581" s="10"/>
    </row>
    <row r="718582" spans="14:14">
      <c r="N718582" s="10"/>
    </row>
    <row r="718583" spans="14:14">
      <c r="N718583" s="10"/>
    </row>
    <row r="718584" spans="14:14">
      <c r="N718584" s="10"/>
    </row>
    <row r="718585" spans="14:14">
      <c r="N718585" s="10"/>
    </row>
    <row r="718586" spans="14:14">
      <c r="N718586" s="10"/>
    </row>
    <row r="718587" spans="14:14">
      <c r="N718587" s="10"/>
    </row>
    <row r="718588" spans="14:14">
      <c r="N718588" s="10"/>
    </row>
    <row r="718589" spans="14:14">
      <c r="N718589" s="10"/>
    </row>
    <row r="718590" spans="14:14">
      <c r="N718590" s="10"/>
    </row>
    <row r="718591" spans="14:14">
      <c r="N718591" s="10"/>
    </row>
    <row r="718592" spans="14:14">
      <c r="N718592" s="10"/>
    </row>
    <row r="718593" spans="14:14">
      <c r="N718593" s="10"/>
    </row>
    <row r="718594" spans="14:14">
      <c r="N718594" s="10"/>
    </row>
    <row r="718595" spans="14:14">
      <c r="N718595" s="10"/>
    </row>
    <row r="718596" spans="14:14">
      <c r="N718596" s="10"/>
    </row>
    <row r="718597" spans="14:14">
      <c r="N718597" s="10"/>
    </row>
    <row r="718598" spans="14:14">
      <c r="N718598" s="10"/>
    </row>
    <row r="718599" spans="14:14">
      <c r="N718599" s="10"/>
    </row>
    <row r="718600" spans="14:14">
      <c r="N718600" s="10"/>
    </row>
    <row r="718601" spans="14:14">
      <c r="N718601" s="10"/>
    </row>
    <row r="718602" spans="14:14">
      <c r="N718602" s="10"/>
    </row>
    <row r="718603" spans="14:14">
      <c r="N718603" s="10"/>
    </row>
    <row r="718604" spans="14:14">
      <c r="N718604" s="10"/>
    </row>
    <row r="718605" spans="14:14">
      <c r="N718605" s="10"/>
    </row>
    <row r="718606" spans="14:14">
      <c r="N718606" s="10"/>
    </row>
    <row r="718607" spans="14:14">
      <c r="N718607" s="10"/>
    </row>
    <row r="718608" spans="14:14">
      <c r="N718608" s="10"/>
    </row>
    <row r="718609" spans="14:14">
      <c r="N718609" s="10"/>
    </row>
    <row r="718610" spans="14:14">
      <c r="N718610" s="10"/>
    </row>
    <row r="718611" spans="14:14">
      <c r="N718611" s="10"/>
    </row>
    <row r="718612" spans="14:14">
      <c r="N718612" s="10"/>
    </row>
    <row r="718613" spans="14:14">
      <c r="N718613" s="10"/>
    </row>
    <row r="718614" spans="14:14">
      <c r="N718614" s="10"/>
    </row>
    <row r="718615" spans="14:14">
      <c r="N718615" s="10"/>
    </row>
    <row r="718616" spans="14:14">
      <c r="N718616" s="10"/>
    </row>
    <row r="718617" spans="14:14">
      <c r="N718617" s="10"/>
    </row>
    <row r="718618" spans="14:14">
      <c r="N718618" s="10"/>
    </row>
    <row r="718619" spans="14:14">
      <c r="N718619" s="10"/>
    </row>
    <row r="718620" spans="14:14">
      <c r="N718620" s="10"/>
    </row>
    <row r="718621" spans="14:14">
      <c r="N718621" s="10"/>
    </row>
    <row r="718622" spans="14:14">
      <c r="N718622" s="10"/>
    </row>
    <row r="718623" spans="14:14">
      <c r="N718623" s="10"/>
    </row>
    <row r="718624" spans="14:14">
      <c r="N718624" s="10"/>
    </row>
    <row r="718625" spans="14:14">
      <c r="N718625" s="10"/>
    </row>
    <row r="718626" spans="14:14">
      <c r="N718626" s="10"/>
    </row>
    <row r="718627" spans="14:14">
      <c r="N718627" s="10"/>
    </row>
    <row r="718628" spans="14:14">
      <c r="N718628" s="10"/>
    </row>
    <row r="718629" spans="14:14">
      <c r="N718629" s="10"/>
    </row>
    <row r="718630" spans="14:14">
      <c r="N718630" s="10"/>
    </row>
    <row r="718631" spans="14:14">
      <c r="N718631" s="10"/>
    </row>
    <row r="718632" spans="14:14">
      <c r="N718632" s="10"/>
    </row>
    <row r="718633" spans="14:14">
      <c r="N718633" s="10"/>
    </row>
    <row r="718634" spans="14:14">
      <c r="N718634" s="10"/>
    </row>
    <row r="718635" spans="14:14">
      <c r="N718635" s="10"/>
    </row>
    <row r="718636" spans="14:14">
      <c r="N718636" s="10"/>
    </row>
    <row r="718637" spans="14:14">
      <c r="N718637" s="10"/>
    </row>
    <row r="718638" spans="14:14">
      <c r="N718638" s="10"/>
    </row>
    <row r="718639" spans="14:14">
      <c r="N718639" s="10"/>
    </row>
    <row r="718640" spans="14:14">
      <c r="N718640" s="10"/>
    </row>
    <row r="718641" spans="14:14">
      <c r="N718641" s="10"/>
    </row>
    <row r="718642" spans="14:14">
      <c r="N718642" s="10"/>
    </row>
    <row r="718643" spans="14:14">
      <c r="N718643" s="10"/>
    </row>
    <row r="718644" spans="14:14">
      <c r="N718644" s="10"/>
    </row>
    <row r="718645" spans="14:14">
      <c r="N718645" s="10"/>
    </row>
    <row r="718646" spans="14:14">
      <c r="N718646" s="10"/>
    </row>
    <row r="718647" spans="14:14">
      <c r="N718647" s="10"/>
    </row>
    <row r="718648" spans="14:14">
      <c r="N718648" s="10"/>
    </row>
    <row r="718649" spans="14:14">
      <c r="N718649" s="10"/>
    </row>
    <row r="718650" spans="14:14">
      <c r="N718650" s="10"/>
    </row>
    <row r="718651" spans="14:14">
      <c r="N718651" s="10"/>
    </row>
    <row r="718652" spans="14:14">
      <c r="N718652" s="10"/>
    </row>
    <row r="718653" spans="14:14">
      <c r="N718653" s="10"/>
    </row>
    <row r="718654" spans="14:14">
      <c r="N718654" s="10"/>
    </row>
    <row r="718655" spans="14:14">
      <c r="N718655" s="10"/>
    </row>
    <row r="718656" spans="14:14">
      <c r="N718656" s="10"/>
    </row>
    <row r="718657" spans="14:14">
      <c r="N718657" s="10"/>
    </row>
    <row r="718658" spans="14:14">
      <c r="N718658" s="10"/>
    </row>
    <row r="718659" spans="14:14">
      <c r="N718659" s="10"/>
    </row>
    <row r="718660" spans="14:14">
      <c r="N718660" s="10"/>
    </row>
    <row r="718661" spans="14:14">
      <c r="N718661" s="10"/>
    </row>
    <row r="718662" spans="14:14">
      <c r="N718662" s="10"/>
    </row>
    <row r="718663" spans="14:14">
      <c r="N718663" s="10"/>
    </row>
    <row r="718664" spans="14:14">
      <c r="N718664" s="10"/>
    </row>
    <row r="718665" spans="14:14">
      <c r="N718665" s="10"/>
    </row>
    <row r="718666" spans="14:14">
      <c r="N718666" s="10"/>
    </row>
    <row r="718667" spans="14:14">
      <c r="N718667" s="10"/>
    </row>
    <row r="718668" spans="14:14">
      <c r="N718668" s="10"/>
    </row>
    <row r="718669" spans="14:14">
      <c r="N718669" s="10"/>
    </row>
    <row r="718670" spans="14:14">
      <c r="N718670" s="10"/>
    </row>
    <row r="718671" spans="14:14">
      <c r="N718671" s="10"/>
    </row>
    <row r="718672" spans="14:14">
      <c r="N718672" s="10"/>
    </row>
    <row r="718673" spans="14:14">
      <c r="N718673" s="10"/>
    </row>
    <row r="718674" spans="14:14">
      <c r="N718674" s="10"/>
    </row>
    <row r="718675" spans="14:14">
      <c r="N718675" s="10"/>
    </row>
    <row r="718676" spans="14:14">
      <c r="N718676" s="10"/>
    </row>
    <row r="718677" spans="14:14">
      <c r="N718677" s="10"/>
    </row>
    <row r="718678" spans="14:14">
      <c r="N718678" s="10"/>
    </row>
    <row r="718679" spans="14:14">
      <c r="N718679" s="10"/>
    </row>
    <row r="718680" spans="14:14">
      <c r="N718680" s="10"/>
    </row>
    <row r="718681" spans="14:14">
      <c r="N718681" s="10"/>
    </row>
    <row r="718682" spans="14:14">
      <c r="N718682" s="10"/>
    </row>
    <row r="718683" spans="14:14">
      <c r="N718683" s="10"/>
    </row>
    <row r="718684" spans="14:14">
      <c r="N718684" s="10"/>
    </row>
    <row r="718685" spans="14:14">
      <c r="N718685" s="10"/>
    </row>
    <row r="718686" spans="14:14">
      <c r="N718686" s="10"/>
    </row>
    <row r="718687" spans="14:14">
      <c r="N718687" s="10"/>
    </row>
    <row r="718688" spans="14:14">
      <c r="N718688" s="10"/>
    </row>
    <row r="718689" spans="14:14">
      <c r="N718689" s="10"/>
    </row>
    <row r="718690" spans="14:14">
      <c r="N718690" s="10"/>
    </row>
    <row r="718691" spans="14:14">
      <c r="N718691" s="10"/>
    </row>
    <row r="718692" spans="14:14">
      <c r="N718692" s="10"/>
    </row>
    <row r="718693" spans="14:14">
      <c r="N718693" s="10"/>
    </row>
    <row r="718694" spans="14:14">
      <c r="N718694" s="10"/>
    </row>
    <row r="718695" spans="14:14">
      <c r="N718695" s="10"/>
    </row>
    <row r="718696" spans="14:14">
      <c r="N718696" s="10"/>
    </row>
    <row r="718697" spans="14:14">
      <c r="N718697" s="10"/>
    </row>
    <row r="718698" spans="14:14">
      <c r="N718698" s="10"/>
    </row>
    <row r="718699" spans="14:14">
      <c r="N718699" s="10"/>
    </row>
    <row r="718700" spans="14:14">
      <c r="N718700" s="10"/>
    </row>
    <row r="718701" spans="14:14">
      <c r="N718701" s="10"/>
    </row>
    <row r="718702" spans="14:14">
      <c r="N718702" s="10"/>
    </row>
    <row r="718703" spans="14:14">
      <c r="N718703" s="10"/>
    </row>
    <row r="718704" spans="14:14">
      <c r="N718704" s="10"/>
    </row>
    <row r="718705" spans="14:14">
      <c r="N718705" s="10"/>
    </row>
    <row r="718706" spans="14:14">
      <c r="N718706" s="10"/>
    </row>
    <row r="718707" spans="14:14">
      <c r="N718707" s="10"/>
    </row>
    <row r="718708" spans="14:14">
      <c r="N718708" s="10"/>
    </row>
    <row r="718709" spans="14:14">
      <c r="N718709" s="10"/>
    </row>
    <row r="718710" spans="14:14">
      <c r="N718710" s="10"/>
    </row>
    <row r="718711" spans="14:14">
      <c r="N718711" s="10"/>
    </row>
    <row r="718712" spans="14:14">
      <c r="N718712" s="10"/>
    </row>
    <row r="718713" spans="14:14">
      <c r="N718713" s="10"/>
    </row>
    <row r="718714" spans="14:14">
      <c r="N718714" s="10"/>
    </row>
    <row r="718715" spans="14:14">
      <c r="N718715" s="10"/>
    </row>
    <row r="718716" spans="14:14">
      <c r="N718716" s="10"/>
    </row>
    <row r="718717" spans="14:14">
      <c r="N718717" s="10"/>
    </row>
    <row r="718718" spans="14:14">
      <c r="N718718" s="10"/>
    </row>
    <row r="718719" spans="14:14">
      <c r="N718719" s="10"/>
    </row>
    <row r="718720" spans="14:14">
      <c r="N718720" s="10"/>
    </row>
    <row r="718721" spans="14:14">
      <c r="N718721" s="10"/>
    </row>
    <row r="718722" spans="14:14">
      <c r="N718722" s="10"/>
    </row>
    <row r="718723" spans="14:14">
      <c r="N718723" s="10"/>
    </row>
    <row r="718724" spans="14:14">
      <c r="N718724" s="10"/>
    </row>
    <row r="718725" spans="14:14">
      <c r="N718725" s="10"/>
    </row>
    <row r="718726" spans="14:14">
      <c r="N718726" s="10"/>
    </row>
    <row r="718727" spans="14:14">
      <c r="N718727" s="10"/>
    </row>
    <row r="718728" spans="14:14">
      <c r="N718728" s="10"/>
    </row>
    <row r="718729" spans="14:14">
      <c r="N718729" s="10"/>
    </row>
    <row r="718730" spans="14:14">
      <c r="N718730" s="10"/>
    </row>
    <row r="718731" spans="14:14">
      <c r="N718731" s="10"/>
    </row>
    <row r="718732" spans="14:14">
      <c r="N718732" s="10"/>
    </row>
    <row r="718733" spans="14:14">
      <c r="N718733" s="10"/>
    </row>
    <row r="718734" spans="14:14">
      <c r="N718734" s="10"/>
    </row>
    <row r="718735" spans="14:14">
      <c r="N718735" s="10"/>
    </row>
    <row r="718736" spans="14:14">
      <c r="N718736" s="10"/>
    </row>
    <row r="718737" spans="14:14">
      <c r="N718737" s="10"/>
    </row>
    <row r="718738" spans="14:14">
      <c r="N718738" s="10"/>
    </row>
    <row r="718739" spans="14:14">
      <c r="N718739" s="10"/>
    </row>
    <row r="718740" spans="14:14">
      <c r="N718740" s="10"/>
    </row>
    <row r="718741" spans="14:14">
      <c r="N718741" s="10"/>
    </row>
    <row r="718742" spans="14:14">
      <c r="N718742" s="10"/>
    </row>
    <row r="718743" spans="14:14">
      <c r="N718743" s="10"/>
    </row>
    <row r="718744" spans="14:14">
      <c r="N718744" s="10"/>
    </row>
    <row r="718745" spans="14:14">
      <c r="N718745" s="10"/>
    </row>
    <row r="718746" spans="14:14">
      <c r="N718746" s="10"/>
    </row>
    <row r="718747" spans="14:14">
      <c r="N718747" s="10"/>
    </row>
    <row r="718748" spans="14:14">
      <c r="N718748" s="10"/>
    </row>
    <row r="718749" spans="14:14">
      <c r="N718749" s="10"/>
    </row>
    <row r="718750" spans="14:14">
      <c r="N718750" s="10"/>
    </row>
    <row r="718751" spans="14:14">
      <c r="N718751" s="10"/>
    </row>
    <row r="718752" spans="14:14">
      <c r="N718752" s="10"/>
    </row>
    <row r="718753" spans="14:14">
      <c r="N718753" s="10"/>
    </row>
    <row r="718754" spans="14:14">
      <c r="N718754" s="10"/>
    </row>
    <row r="718755" spans="14:14">
      <c r="N718755" s="10"/>
    </row>
    <row r="718756" spans="14:14">
      <c r="N718756" s="10"/>
    </row>
    <row r="718757" spans="14:14">
      <c r="N718757" s="10"/>
    </row>
    <row r="718758" spans="14:14">
      <c r="N718758" s="10"/>
    </row>
    <row r="718759" spans="14:14">
      <c r="N718759" s="10"/>
    </row>
    <row r="718760" spans="14:14">
      <c r="N718760" s="10"/>
    </row>
    <row r="718761" spans="14:14">
      <c r="N718761" s="10"/>
    </row>
    <row r="718762" spans="14:14">
      <c r="N718762" s="10"/>
    </row>
    <row r="718763" spans="14:14">
      <c r="N718763" s="10"/>
    </row>
    <row r="718764" spans="14:14">
      <c r="N718764" s="10"/>
    </row>
    <row r="718765" spans="14:14">
      <c r="N718765" s="10"/>
    </row>
    <row r="718766" spans="14:14">
      <c r="N718766" s="10"/>
    </row>
    <row r="718767" spans="14:14">
      <c r="N718767" s="10"/>
    </row>
    <row r="718768" spans="14:14">
      <c r="N718768" s="10"/>
    </row>
    <row r="718769" spans="14:14">
      <c r="N718769" s="10"/>
    </row>
    <row r="718770" spans="14:14">
      <c r="N718770" s="10"/>
    </row>
    <row r="718771" spans="14:14">
      <c r="N718771" s="10"/>
    </row>
    <row r="718772" spans="14:14">
      <c r="N718772" s="10"/>
    </row>
    <row r="718773" spans="14:14">
      <c r="N718773" s="10"/>
    </row>
    <row r="718774" spans="14:14">
      <c r="N718774" s="10"/>
    </row>
    <row r="718775" spans="14:14">
      <c r="N718775" s="10"/>
    </row>
    <row r="718776" spans="14:14">
      <c r="N718776" s="10"/>
    </row>
    <row r="718777" spans="14:14">
      <c r="N718777" s="10"/>
    </row>
    <row r="718778" spans="14:14">
      <c r="N718778" s="10"/>
    </row>
    <row r="718779" spans="14:14">
      <c r="N718779" s="10"/>
    </row>
    <row r="718780" spans="14:14">
      <c r="N718780" s="10"/>
    </row>
    <row r="718781" spans="14:14">
      <c r="N718781" s="10"/>
    </row>
    <row r="718782" spans="14:14">
      <c r="N718782" s="10"/>
    </row>
    <row r="718783" spans="14:14">
      <c r="N718783" s="10"/>
    </row>
    <row r="718784" spans="14:14">
      <c r="N718784" s="10"/>
    </row>
    <row r="718785" spans="14:14">
      <c r="N718785" s="10"/>
    </row>
    <row r="718786" spans="14:14">
      <c r="N718786" s="10"/>
    </row>
    <row r="718787" spans="14:14">
      <c r="N718787" s="10"/>
    </row>
    <row r="718788" spans="14:14">
      <c r="N718788" s="10"/>
    </row>
    <row r="718789" spans="14:14">
      <c r="N718789" s="10"/>
    </row>
    <row r="718790" spans="14:14">
      <c r="N718790" s="10"/>
    </row>
    <row r="718791" spans="14:14">
      <c r="N718791" s="10"/>
    </row>
    <row r="718792" spans="14:14">
      <c r="N718792" s="10"/>
    </row>
    <row r="718793" spans="14:14">
      <c r="N718793" s="10"/>
    </row>
    <row r="718794" spans="14:14">
      <c r="N718794" s="10"/>
    </row>
    <row r="718795" spans="14:14">
      <c r="N718795" s="10"/>
    </row>
    <row r="718796" spans="14:14">
      <c r="N718796" s="10"/>
    </row>
    <row r="718797" spans="14:14">
      <c r="N718797" s="10"/>
    </row>
    <row r="718798" spans="14:14">
      <c r="N718798" s="10"/>
    </row>
    <row r="718799" spans="14:14">
      <c r="N718799" s="10"/>
    </row>
    <row r="718800" spans="14:14">
      <c r="N718800" s="10"/>
    </row>
    <row r="718801" spans="14:14">
      <c r="N718801" s="10"/>
    </row>
    <row r="718802" spans="14:14">
      <c r="N718802" s="10"/>
    </row>
    <row r="718803" spans="14:14">
      <c r="N718803" s="10"/>
    </row>
    <row r="718804" spans="14:14">
      <c r="N718804" s="10"/>
    </row>
    <row r="718805" spans="14:14">
      <c r="N718805" s="10"/>
    </row>
    <row r="718806" spans="14:14">
      <c r="N718806" s="10"/>
    </row>
    <row r="718807" spans="14:14">
      <c r="N718807" s="10"/>
    </row>
    <row r="718808" spans="14:14">
      <c r="N718808" s="10"/>
    </row>
    <row r="718809" spans="14:14">
      <c r="N718809" s="10"/>
    </row>
    <row r="718810" spans="14:14">
      <c r="N718810" s="10"/>
    </row>
    <row r="718811" spans="14:14">
      <c r="N718811" s="10"/>
    </row>
    <row r="718812" spans="14:14">
      <c r="N718812" s="10"/>
    </row>
    <row r="718813" spans="14:14">
      <c r="N718813" s="10"/>
    </row>
    <row r="718814" spans="14:14">
      <c r="N718814" s="10"/>
    </row>
    <row r="718815" spans="14:14">
      <c r="N718815" s="10"/>
    </row>
    <row r="718816" spans="14:14">
      <c r="N718816" s="10"/>
    </row>
    <row r="718817" spans="14:14">
      <c r="N718817" s="10"/>
    </row>
    <row r="718818" spans="14:14">
      <c r="N718818" s="10"/>
    </row>
    <row r="718819" spans="14:14">
      <c r="N718819" s="10"/>
    </row>
    <row r="718820" spans="14:14">
      <c r="N718820" s="10"/>
    </row>
    <row r="718821" spans="14:14">
      <c r="N718821" s="10"/>
    </row>
    <row r="718822" spans="14:14">
      <c r="N718822" s="10"/>
    </row>
    <row r="718823" spans="14:14">
      <c r="N718823" s="10"/>
    </row>
    <row r="718824" spans="14:14">
      <c r="N718824" s="10"/>
    </row>
    <row r="718825" spans="14:14">
      <c r="N718825" s="10"/>
    </row>
    <row r="718826" spans="14:14">
      <c r="N718826" s="10"/>
    </row>
    <row r="718827" spans="14:14">
      <c r="N718827" s="10"/>
    </row>
    <row r="718828" spans="14:14">
      <c r="N718828" s="10"/>
    </row>
    <row r="718829" spans="14:14">
      <c r="N718829" s="10"/>
    </row>
    <row r="718830" spans="14:14">
      <c r="N718830" s="10"/>
    </row>
    <row r="718831" spans="14:14">
      <c r="N718831" s="10"/>
    </row>
    <row r="718832" spans="14:14">
      <c r="N718832" s="10"/>
    </row>
    <row r="718833" spans="14:14">
      <c r="N718833" s="10"/>
    </row>
    <row r="718834" spans="14:14">
      <c r="N718834" s="10"/>
    </row>
    <row r="718835" spans="14:14">
      <c r="N718835" s="10"/>
    </row>
    <row r="718836" spans="14:14">
      <c r="N718836" s="10"/>
    </row>
    <row r="718837" spans="14:14">
      <c r="N718837" s="10"/>
    </row>
    <row r="718838" spans="14:14">
      <c r="N718838" s="10"/>
    </row>
    <row r="718839" spans="14:14">
      <c r="N718839" s="10"/>
    </row>
    <row r="718840" spans="14:14">
      <c r="N718840" s="10"/>
    </row>
    <row r="718841" spans="14:14">
      <c r="N718841" s="10"/>
    </row>
    <row r="718842" spans="14:14">
      <c r="N718842" s="10"/>
    </row>
    <row r="718843" spans="14:14">
      <c r="N718843" s="10"/>
    </row>
    <row r="718844" spans="14:14">
      <c r="N718844" s="10"/>
    </row>
    <row r="718845" spans="14:14">
      <c r="N718845" s="10"/>
    </row>
    <row r="718846" spans="14:14">
      <c r="N718846" s="10"/>
    </row>
    <row r="718847" spans="14:14">
      <c r="N718847" s="10"/>
    </row>
    <row r="718848" spans="14:14">
      <c r="N718848" s="10"/>
    </row>
    <row r="718849" spans="14:14">
      <c r="N718849" s="10"/>
    </row>
    <row r="718850" spans="14:14">
      <c r="N718850" s="10"/>
    </row>
    <row r="718851" spans="14:14">
      <c r="N718851" s="10"/>
    </row>
    <row r="718852" spans="14:14">
      <c r="N718852" s="10"/>
    </row>
    <row r="718853" spans="14:14">
      <c r="N718853" s="10"/>
    </row>
    <row r="718854" spans="14:14">
      <c r="N718854" s="10"/>
    </row>
    <row r="718855" spans="14:14">
      <c r="N718855" s="10"/>
    </row>
    <row r="718856" spans="14:14">
      <c r="N718856" s="10"/>
    </row>
    <row r="718857" spans="14:14">
      <c r="N718857" s="10"/>
    </row>
    <row r="718858" spans="14:14">
      <c r="N718858" s="10"/>
    </row>
    <row r="718859" spans="14:14">
      <c r="N718859" s="10"/>
    </row>
    <row r="718860" spans="14:14">
      <c r="N718860" s="10"/>
    </row>
    <row r="718861" spans="14:14">
      <c r="N718861" s="10"/>
    </row>
    <row r="718862" spans="14:14">
      <c r="N718862" s="10"/>
    </row>
    <row r="718863" spans="14:14">
      <c r="N718863" s="10"/>
    </row>
    <row r="718864" spans="14:14">
      <c r="N718864" s="10"/>
    </row>
    <row r="718865" spans="14:14">
      <c r="N718865" s="10"/>
    </row>
    <row r="718866" spans="14:14">
      <c r="N718866" s="10"/>
    </row>
    <row r="718867" spans="14:14">
      <c r="N718867" s="10"/>
    </row>
    <row r="718868" spans="14:14">
      <c r="N718868" s="10"/>
    </row>
    <row r="718869" spans="14:14">
      <c r="N718869" s="10"/>
    </row>
    <row r="718870" spans="14:14">
      <c r="N718870" s="10"/>
    </row>
    <row r="718871" spans="14:14">
      <c r="N718871" s="10"/>
    </row>
    <row r="718872" spans="14:14">
      <c r="N718872" s="10"/>
    </row>
    <row r="718873" spans="14:14">
      <c r="N718873" s="10"/>
    </row>
    <row r="718874" spans="14:14">
      <c r="N718874" s="10"/>
    </row>
    <row r="718875" spans="14:14">
      <c r="N718875" s="10"/>
    </row>
    <row r="718876" spans="14:14">
      <c r="N718876" s="10"/>
    </row>
    <row r="718877" spans="14:14">
      <c r="N718877" s="10"/>
    </row>
    <row r="718878" spans="14:14">
      <c r="N718878" s="10"/>
    </row>
    <row r="718879" spans="14:14">
      <c r="N718879" s="10"/>
    </row>
    <row r="718880" spans="14:14">
      <c r="N718880" s="10"/>
    </row>
    <row r="718881" spans="14:14">
      <c r="N718881" s="10"/>
    </row>
    <row r="718882" spans="14:14">
      <c r="N718882" s="10"/>
    </row>
    <row r="718883" spans="14:14">
      <c r="N718883" s="10"/>
    </row>
    <row r="718884" spans="14:14">
      <c r="N718884" s="10"/>
    </row>
    <row r="718885" spans="14:14">
      <c r="N718885" s="10"/>
    </row>
    <row r="718886" spans="14:14">
      <c r="N718886" s="10"/>
    </row>
    <row r="718887" spans="14:14">
      <c r="N718887" s="10"/>
    </row>
    <row r="718888" spans="14:14">
      <c r="N718888" s="10"/>
    </row>
    <row r="718889" spans="14:14">
      <c r="N718889" s="10"/>
    </row>
    <row r="718890" spans="14:14">
      <c r="N718890" s="10"/>
    </row>
    <row r="718891" spans="14:14">
      <c r="N718891" s="10"/>
    </row>
    <row r="718892" spans="14:14">
      <c r="N718892" s="10"/>
    </row>
    <row r="718893" spans="14:14">
      <c r="N718893" s="10"/>
    </row>
    <row r="718894" spans="14:14">
      <c r="N718894" s="10"/>
    </row>
    <row r="718895" spans="14:14">
      <c r="N718895" s="10"/>
    </row>
    <row r="718896" spans="14:14">
      <c r="N718896" s="10"/>
    </row>
    <row r="718897" spans="14:14">
      <c r="N718897" s="10"/>
    </row>
    <row r="718898" spans="14:14">
      <c r="N718898" s="10"/>
    </row>
    <row r="718899" spans="14:14">
      <c r="N718899" s="10"/>
    </row>
    <row r="718900" spans="14:14">
      <c r="N718900" s="10"/>
    </row>
    <row r="718901" spans="14:14">
      <c r="N718901" s="10"/>
    </row>
    <row r="718902" spans="14:14">
      <c r="N718902" s="10"/>
    </row>
    <row r="718903" spans="14:14">
      <c r="N718903" s="10"/>
    </row>
    <row r="718904" spans="14:14">
      <c r="N718904" s="10"/>
    </row>
    <row r="718905" spans="14:14">
      <c r="N718905" s="10"/>
    </row>
    <row r="718906" spans="14:14">
      <c r="N718906" s="10"/>
    </row>
    <row r="718907" spans="14:14">
      <c r="N718907" s="10"/>
    </row>
    <row r="718908" spans="14:14">
      <c r="N718908" s="10"/>
    </row>
    <row r="718909" spans="14:14">
      <c r="N718909" s="10"/>
    </row>
    <row r="718910" spans="14:14">
      <c r="N718910" s="10"/>
    </row>
    <row r="718911" spans="14:14">
      <c r="N718911" s="10"/>
    </row>
    <row r="718912" spans="14:14">
      <c r="N718912" s="10"/>
    </row>
    <row r="718913" spans="14:14">
      <c r="N718913" s="10"/>
    </row>
    <row r="718914" spans="14:14">
      <c r="N718914" s="10"/>
    </row>
    <row r="718915" spans="14:14">
      <c r="N718915" s="10"/>
    </row>
    <row r="718916" spans="14:14">
      <c r="N718916" s="10"/>
    </row>
    <row r="718917" spans="14:14">
      <c r="N718917" s="10"/>
    </row>
    <row r="718918" spans="14:14">
      <c r="N718918" s="10"/>
    </row>
    <row r="718919" spans="14:14">
      <c r="N718919" s="10"/>
    </row>
    <row r="718920" spans="14:14">
      <c r="N718920" s="10"/>
    </row>
    <row r="718921" spans="14:14">
      <c r="N718921" s="10"/>
    </row>
    <row r="718922" spans="14:14">
      <c r="N718922" s="10"/>
    </row>
    <row r="718923" spans="14:14">
      <c r="N718923" s="10"/>
    </row>
    <row r="718924" spans="14:14">
      <c r="N718924" s="10"/>
    </row>
    <row r="718925" spans="14:14">
      <c r="N718925" s="10"/>
    </row>
    <row r="718926" spans="14:14">
      <c r="N718926" s="10"/>
    </row>
    <row r="718927" spans="14:14">
      <c r="N718927" s="10"/>
    </row>
    <row r="718928" spans="14:14">
      <c r="N718928" s="10"/>
    </row>
    <row r="718929" spans="14:14">
      <c r="N718929" s="10"/>
    </row>
    <row r="718930" spans="14:14">
      <c r="N718930" s="10"/>
    </row>
    <row r="718931" spans="14:14">
      <c r="N718931" s="10"/>
    </row>
    <row r="718932" spans="14:14">
      <c r="N718932" s="10"/>
    </row>
    <row r="718933" spans="14:14">
      <c r="N718933" s="10"/>
    </row>
    <row r="718934" spans="14:14">
      <c r="N718934" s="10"/>
    </row>
    <row r="718935" spans="14:14">
      <c r="N718935" s="10"/>
    </row>
    <row r="718936" spans="14:14">
      <c r="N718936" s="10"/>
    </row>
    <row r="718937" spans="14:14">
      <c r="N718937" s="10"/>
    </row>
    <row r="718938" spans="14:14">
      <c r="N718938" s="10"/>
    </row>
    <row r="718939" spans="14:14">
      <c r="N718939" s="10"/>
    </row>
    <row r="718940" spans="14:14">
      <c r="N718940" s="10"/>
    </row>
    <row r="718941" spans="14:14">
      <c r="N718941" s="10"/>
    </row>
    <row r="718942" spans="14:14">
      <c r="N718942" s="10"/>
    </row>
    <row r="718943" spans="14:14">
      <c r="N718943" s="10"/>
    </row>
    <row r="718944" spans="14:14">
      <c r="N718944" s="10"/>
    </row>
    <row r="718945" spans="14:14">
      <c r="N718945" s="10"/>
    </row>
    <row r="718946" spans="14:14">
      <c r="N718946" s="10"/>
    </row>
    <row r="718947" spans="14:14">
      <c r="N718947" s="10"/>
    </row>
    <row r="718948" spans="14:14">
      <c r="N718948" s="10"/>
    </row>
    <row r="718949" spans="14:14">
      <c r="N718949" s="10"/>
    </row>
    <row r="718950" spans="14:14">
      <c r="N718950" s="10"/>
    </row>
    <row r="718951" spans="14:14">
      <c r="N718951" s="10"/>
    </row>
    <row r="718952" spans="14:14">
      <c r="N718952" s="10"/>
    </row>
    <row r="718953" spans="14:14">
      <c r="N718953" s="10"/>
    </row>
    <row r="718954" spans="14:14">
      <c r="N718954" s="10"/>
    </row>
    <row r="718955" spans="14:14">
      <c r="N718955" s="10"/>
    </row>
    <row r="718956" spans="14:14">
      <c r="N718956" s="10"/>
    </row>
    <row r="718957" spans="14:14">
      <c r="N718957" s="10"/>
    </row>
    <row r="718958" spans="14:14">
      <c r="N718958" s="10"/>
    </row>
    <row r="718959" spans="14:14">
      <c r="N718959" s="10"/>
    </row>
    <row r="718960" spans="14:14">
      <c r="N718960" s="10"/>
    </row>
    <row r="718961" spans="14:14">
      <c r="N718961" s="10"/>
    </row>
    <row r="718962" spans="14:14">
      <c r="N718962" s="10"/>
    </row>
    <row r="718963" spans="14:14">
      <c r="N718963" s="10"/>
    </row>
    <row r="718964" spans="14:14">
      <c r="N718964" s="10"/>
    </row>
    <row r="718965" spans="14:14">
      <c r="N718965" s="10"/>
    </row>
    <row r="718966" spans="14:14">
      <c r="N718966" s="10"/>
    </row>
    <row r="718967" spans="14:14">
      <c r="N718967" s="10"/>
    </row>
    <row r="718968" spans="14:14">
      <c r="N718968" s="10"/>
    </row>
    <row r="718969" spans="14:14">
      <c r="N718969" s="10"/>
    </row>
    <row r="718970" spans="14:14">
      <c r="N718970" s="10"/>
    </row>
    <row r="718971" spans="14:14">
      <c r="N718971" s="10"/>
    </row>
    <row r="718972" spans="14:14">
      <c r="N718972" s="10"/>
    </row>
    <row r="718973" spans="14:14">
      <c r="N718973" s="10"/>
    </row>
    <row r="718974" spans="14:14">
      <c r="N718974" s="10"/>
    </row>
    <row r="718975" spans="14:14">
      <c r="N718975" s="10"/>
    </row>
    <row r="718976" spans="14:14">
      <c r="N718976" s="10"/>
    </row>
    <row r="718977" spans="14:14">
      <c r="N718977" s="10"/>
    </row>
    <row r="718978" spans="14:14">
      <c r="N718978" s="10"/>
    </row>
    <row r="718979" spans="14:14">
      <c r="N718979" s="10"/>
    </row>
    <row r="718980" spans="14:14">
      <c r="N718980" s="10"/>
    </row>
    <row r="718981" spans="14:14">
      <c r="N718981" s="10"/>
    </row>
    <row r="718982" spans="14:14">
      <c r="N718982" s="10"/>
    </row>
    <row r="718983" spans="14:14">
      <c r="N718983" s="10"/>
    </row>
    <row r="718984" spans="14:14">
      <c r="N718984" s="10"/>
    </row>
    <row r="718985" spans="14:14">
      <c r="N718985" s="10"/>
    </row>
    <row r="718986" spans="14:14">
      <c r="N718986" s="10"/>
    </row>
    <row r="718987" spans="14:14">
      <c r="N718987" s="10"/>
    </row>
    <row r="718988" spans="14:14">
      <c r="N718988" s="10"/>
    </row>
    <row r="718989" spans="14:14">
      <c r="N718989" s="10"/>
    </row>
    <row r="718990" spans="14:14">
      <c r="N718990" s="10"/>
    </row>
    <row r="718991" spans="14:14">
      <c r="N718991" s="10"/>
    </row>
    <row r="718992" spans="14:14">
      <c r="N718992" s="10"/>
    </row>
    <row r="718993" spans="14:14">
      <c r="N718993" s="10"/>
    </row>
    <row r="718994" spans="14:14">
      <c r="N718994" s="10"/>
    </row>
    <row r="718995" spans="14:14">
      <c r="N718995" s="10"/>
    </row>
    <row r="718996" spans="14:14">
      <c r="N718996" s="10"/>
    </row>
    <row r="718997" spans="14:14">
      <c r="N718997" s="10"/>
    </row>
    <row r="718998" spans="14:14">
      <c r="N718998" s="10"/>
    </row>
    <row r="718999" spans="14:14">
      <c r="N718999" s="10"/>
    </row>
    <row r="719000" spans="14:14">
      <c r="N719000" s="10"/>
    </row>
    <row r="719001" spans="14:14">
      <c r="N719001" s="10"/>
    </row>
    <row r="719002" spans="14:14">
      <c r="N719002" s="10"/>
    </row>
    <row r="719003" spans="14:14">
      <c r="N719003" s="10"/>
    </row>
    <row r="719004" spans="14:14">
      <c r="N719004" s="10"/>
    </row>
    <row r="719005" spans="14:14">
      <c r="N719005" s="10"/>
    </row>
    <row r="719006" spans="14:14">
      <c r="N719006" s="10"/>
    </row>
    <row r="719007" spans="14:14">
      <c r="N719007" s="10"/>
    </row>
    <row r="719008" spans="14:14">
      <c r="N719008" s="10"/>
    </row>
    <row r="719009" spans="14:14">
      <c r="N719009" s="10"/>
    </row>
    <row r="719010" spans="14:14">
      <c r="N719010" s="10"/>
    </row>
    <row r="719011" spans="14:14">
      <c r="N719011" s="10"/>
    </row>
    <row r="719012" spans="14:14">
      <c r="N719012" s="10"/>
    </row>
    <row r="719013" spans="14:14">
      <c r="N719013" s="10"/>
    </row>
    <row r="719014" spans="14:14">
      <c r="N719014" s="10"/>
    </row>
    <row r="719015" spans="14:14">
      <c r="N719015" s="10"/>
    </row>
    <row r="719016" spans="14:14">
      <c r="N719016" s="10"/>
    </row>
    <row r="719017" spans="14:14">
      <c r="N719017" s="10"/>
    </row>
    <row r="719018" spans="14:14">
      <c r="N719018" s="10"/>
    </row>
    <row r="719019" spans="14:14">
      <c r="N719019" s="10"/>
    </row>
    <row r="719020" spans="14:14">
      <c r="N719020" s="10"/>
    </row>
    <row r="719021" spans="14:14">
      <c r="N719021" s="10"/>
    </row>
    <row r="719022" spans="14:14">
      <c r="N719022" s="10"/>
    </row>
    <row r="719023" spans="14:14">
      <c r="N719023" s="10"/>
    </row>
    <row r="719024" spans="14:14">
      <c r="N719024" s="10"/>
    </row>
    <row r="719025" spans="14:14">
      <c r="N719025" s="10"/>
    </row>
    <row r="719026" spans="14:14">
      <c r="N719026" s="10"/>
    </row>
    <row r="719027" spans="14:14">
      <c r="N719027" s="10"/>
    </row>
    <row r="719028" spans="14:14">
      <c r="N719028" s="10"/>
    </row>
    <row r="719029" spans="14:14">
      <c r="N719029" s="10"/>
    </row>
    <row r="719030" spans="14:14">
      <c r="N719030" s="10"/>
    </row>
    <row r="719031" spans="14:14">
      <c r="N719031" s="10"/>
    </row>
    <row r="719032" spans="14:14">
      <c r="N719032" s="10"/>
    </row>
    <row r="719033" spans="14:14">
      <c r="N719033" s="10"/>
    </row>
    <row r="719034" spans="14:14">
      <c r="N719034" s="10"/>
    </row>
    <row r="719035" spans="14:14">
      <c r="N719035" s="10"/>
    </row>
    <row r="719036" spans="14:14">
      <c r="N719036" s="10"/>
    </row>
    <row r="719037" spans="14:14">
      <c r="N719037" s="10"/>
    </row>
    <row r="719038" spans="14:14">
      <c r="N719038" s="10"/>
    </row>
    <row r="719039" spans="14:14">
      <c r="N719039" s="10"/>
    </row>
    <row r="719040" spans="14:14">
      <c r="N719040" s="10"/>
    </row>
    <row r="719041" spans="14:14">
      <c r="N719041" s="10"/>
    </row>
    <row r="719042" spans="14:14">
      <c r="N719042" s="10"/>
    </row>
    <row r="719043" spans="14:14">
      <c r="N719043" s="10"/>
    </row>
    <row r="719044" spans="14:14">
      <c r="N719044" s="10"/>
    </row>
    <row r="719045" spans="14:14">
      <c r="N719045" s="10"/>
    </row>
    <row r="719046" spans="14:14">
      <c r="N719046" s="10"/>
    </row>
    <row r="719047" spans="14:14">
      <c r="N719047" s="10"/>
    </row>
    <row r="719048" spans="14:14">
      <c r="N719048" s="10"/>
    </row>
    <row r="719049" spans="14:14">
      <c r="N719049" s="10"/>
    </row>
    <row r="719050" spans="14:14">
      <c r="N719050" s="10"/>
    </row>
    <row r="719051" spans="14:14">
      <c r="N719051" s="10"/>
    </row>
    <row r="719052" spans="14:14">
      <c r="N719052" s="10"/>
    </row>
    <row r="719053" spans="14:14">
      <c r="N719053" s="10"/>
    </row>
    <row r="719054" spans="14:14">
      <c r="N719054" s="10"/>
    </row>
    <row r="719055" spans="14:14">
      <c r="N719055" s="10"/>
    </row>
    <row r="719056" spans="14:14">
      <c r="N719056" s="10"/>
    </row>
    <row r="719057" spans="14:14">
      <c r="N719057" s="10"/>
    </row>
    <row r="719058" spans="14:14">
      <c r="N719058" s="10"/>
    </row>
    <row r="719059" spans="14:14">
      <c r="N719059" s="10"/>
    </row>
    <row r="719060" spans="14:14">
      <c r="N719060" s="10"/>
    </row>
    <row r="719061" spans="14:14">
      <c r="N719061" s="10"/>
    </row>
    <row r="719062" spans="14:14">
      <c r="N719062" s="10"/>
    </row>
    <row r="719063" spans="14:14">
      <c r="N719063" s="10"/>
    </row>
    <row r="719064" spans="14:14">
      <c r="N719064" s="10"/>
    </row>
    <row r="719065" spans="14:14">
      <c r="N719065" s="10"/>
    </row>
    <row r="719066" spans="14:14">
      <c r="N719066" s="10"/>
    </row>
    <row r="719067" spans="14:14">
      <c r="N719067" s="10"/>
    </row>
    <row r="719068" spans="14:14">
      <c r="N719068" s="10"/>
    </row>
    <row r="719069" spans="14:14">
      <c r="N719069" s="10"/>
    </row>
    <row r="719070" spans="14:14">
      <c r="N719070" s="10"/>
    </row>
    <row r="719071" spans="14:14">
      <c r="N719071" s="10"/>
    </row>
    <row r="719072" spans="14:14">
      <c r="N719072" s="10"/>
    </row>
    <row r="719073" spans="14:14">
      <c r="N719073" s="10"/>
    </row>
    <row r="719074" spans="14:14">
      <c r="N719074" s="10"/>
    </row>
    <row r="719075" spans="14:14">
      <c r="N719075" s="10"/>
    </row>
    <row r="719076" spans="14:14">
      <c r="N719076" s="10"/>
    </row>
    <row r="719077" spans="14:14">
      <c r="N719077" s="10"/>
    </row>
    <row r="719078" spans="14:14">
      <c r="N719078" s="10"/>
    </row>
    <row r="719079" spans="14:14">
      <c r="N719079" s="10"/>
    </row>
    <row r="719080" spans="14:14">
      <c r="N719080" s="10"/>
    </row>
    <row r="719081" spans="14:14">
      <c r="N719081" s="10"/>
    </row>
    <row r="719082" spans="14:14">
      <c r="N719082" s="10"/>
    </row>
    <row r="719083" spans="14:14">
      <c r="N719083" s="10"/>
    </row>
    <row r="719084" spans="14:14">
      <c r="N719084" s="10"/>
    </row>
    <row r="719085" spans="14:14">
      <c r="N719085" s="10"/>
    </row>
    <row r="719086" spans="14:14">
      <c r="N719086" s="10"/>
    </row>
    <row r="719087" spans="14:14">
      <c r="N719087" s="10"/>
    </row>
    <row r="719088" spans="14:14">
      <c r="N719088" s="10"/>
    </row>
    <row r="719089" spans="14:14">
      <c r="N719089" s="10"/>
    </row>
    <row r="719090" spans="14:14">
      <c r="N719090" s="10"/>
    </row>
    <row r="719091" spans="14:14">
      <c r="N719091" s="10"/>
    </row>
    <row r="719092" spans="14:14">
      <c r="N719092" s="10"/>
    </row>
    <row r="719093" spans="14:14">
      <c r="N719093" s="10"/>
    </row>
    <row r="719094" spans="14:14">
      <c r="N719094" s="10"/>
    </row>
    <row r="719095" spans="14:14">
      <c r="N719095" s="10"/>
    </row>
    <row r="719096" spans="14:14">
      <c r="N719096" s="10"/>
    </row>
    <row r="719097" spans="14:14">
      <c r="N719097" s="10"/>
    </row>
    <row r="719098" spans="14:14">
      <c r="N719098" s="10"/>
    </row>
    <row r="719099" spans="14:14">
      <c r="N719099" s="10"/>
    </row>
    <row r="719100" spans="14:14">
      <c r="N719100" s="10"/>
    </row>
    <row r="719101" spans="14:14">
      <c r="N719101" s="10"/>
    </row>
    <row r="719102" spans="14:14">
      <c r="N719102" s="10"/>
    </row>
    <row r="719103" spans="14:14">
      <c r="N719103" s="10"/>
    </row>
    <row r="719104" spans="14:14">
      <c r="N719104" s="10"/>
    </row>
    <row r="719105" spans="14:14">
      <c r="N719105" s="10"/>
    </row>
    <row r="719106" spans="14:14">
      <c r="N719106" s="10"/>
    </row>
    <row r="719107" spans="14:14">
      <c r="N719107" s="10"/>
    </row>
    <row r="719108" spans="14:14">
      <c r="N719108" s="10"/>
    </row>
    <row r="719109" spans="14:14">
      <c r="N719109" s="10"/>
    </row>
    <row r="719110" spans="14:14">
      <c r="N719110" s="10"/>
    </row>
    <row r="719111" spans="14:14">
      <c r="N719111" s="10"/>
    </row>
    <row r="719112" spans="14:14">
      <c r="N719112" s="10"/>
    </row>
    <row r="719113" spans="14:14">
      <c r="N719113" s="10"/>
    </row>
    <row r="719114" spans="14:14">
      <c r="N719114" s="10"/>
    </row>
    <row r="719115" spans="14:14">
      <c r="N719115" s="10"/>
    </row>
    <row r="719116" spans="14:14">
      <c r="N719116" s="10"/>
    </row>
    <row r="719117" spans="14:14">
      <c r="N719117" s="10"/>
    </row>
    <row r="719118" spans="14:14">
      <c r="N719118" s="10"/>
    </row>
    <row r="719119" spans="14:14">
      <c r="N719119" s="10"/>
    </row>
    <row r="719120" spans="14:14">
      <c r="N719120" s="10"/>
    </row>
    <row r="719121" spans="14:14">
      <c r="N719121" s="10"/>
    </row>
    <row r="719122" spans="14:14">
      <c r="N719122" s="10"/>
    </row>
    <row r="719123" spans="14:14">
      <c r="N719123" s="10"/>
    </row>
    <row r="719124" spans="14:14">
      <c r="N719124" s="10"/>
    </row>
    <row r="719125" spans="14:14">
      <c r="N719125" s="10"/>
    </row>
    <row r="719126" spans="14:14">
      <c r="N719126" s="10"/>
    </row>
    <row r="719127" spans="14:14">
      <c r="N719127" s="10"/>
    </row>
    <row r="719128" spans="14:14">
      <c r="N719128" s="10"/>
    </row>
    <row r="719129" spans="14:14">
      <c r="N719129" s="10"/>
    </row>
    <row r="719130" spans="14:14">
      <c r="N719130" s="10"/>
    </row>
    <row r="719131" spans="14:14">
      <c r="N719131" s="10"/>
    </row>
    <row r="719132" spans="14:14">
      <c r="N719132" s="10"/>
    </row>
    <row r="719133" spans="14:14">
      <c r="N719133" s="10"/>
    </row>
    <row r="719134" spans="14:14">
      <c r="N719134" s="10"/>
    </row>
    <row r="719135" spans="14:14">
      <c r="N719135" s="10"/>
    </row>
    <row r="719136" spans="14:14">
      <c r="N719136" s="10"/>
    </row>
    <row r="719137" spans="14:14">
      <c r="N719137" s="10"/>
    </row>
    <row r="719138" spans="14:14">
      <c r="N719138" s="10"/>
    </row>
    <row r="719139" spans="14:14">
      <c r="N719139" s="10"/>
    </row>
    <row r="719140" spans="14:14">
      <c r="N719140" s="10"/>
    </row>
    <row r="719141" spans="14:14">
      <c r="N719141" s="10"/>
    </row>
    <row r="719142" spans="14:14">
      <c r="N719142" s="10"/>
    </row>
    <row r="719143" spans="14:14">
      <c r="N719143" s="10"/>
    </row>
    <row r="719144" spans="14:14">
      <c r="N719144" s="10"/>
    </row>
    <row r="719145" spans="14:14">
      <c r="N719145" s="10"/>
    </row>
    <row r="719146" spans="14:14">
      <c r="N719146" s="10"/>
    </row>
    <row r="719147" spans="14:14">
      <c r="N719147" s="10"/>
    </row>
    <row r="719148" spans="14:14">
      <c r="N719148" s="10"/>
    </row>
    <row r="719149" spans="14:14">
      <c r="N719149" s="10"/>
    </row>
    <row r="719150" spans="14:14">
      <c r="N719150" s="10"/>
    </row>
    <row r="719151" spans="14:14">
      <c r="N719151" s="10"/>
    </row>
    <row r="719152" spans="14:14">
      <c r="N719152" s="10"/>
    </row>
    <row r="719153" spans="14:14">
      <c r="N719153" s="10"/>
    </row>
    <row r="719154" spans="14:14">
      <c r="N719154" s="10"/>
    </row>
    <row r="719155" spans="14:14">
      <c r="N719155" s="10"/>
    </row>
    <row r="719156" spans="14:14">
      <c r="N719156" s="10"/>
    </row>
    <row r="719157" spans="14:14">
      <c r="N719157" s="10"/>
    </row>
    <row r="719158" spans="14:14">
      <c r="N719158" s="10"/>
    </row>
    <row r="719159" spans="14:14">
      <c r="N719159" s="10"/>
    </row>
    <row r="719160" spans="14:14">
      <c r="N719160" s="10"/>
    </row>
    <row r="719161" spans="14:14">
      <c r="N719161" s="10"/>
    </row>
    <row r="719162" spans="14:14">
      <c r="N719162" s="10"/>
    </row>
    <row r="719163" spans="14:14">
      <c r="N719163" s="10"/>
    </row>
    <row r="719164" spans="14:14">
      <c r="N719164" s="10"/>
    </row>
    <row r="719165" spans="14:14">
      <c r="N719165" s="10"/>
    </row>
    <row r="719166" spans="14:14">
      <c r="N719166" s="10"/>
    </row>
    <row r="719167" spans="14:14">
      <c r="N719167" s="10"/>
    </row>
    <row r="719168" spans="14:14">
      <c r="N719168" s="10"/>
    </row>
    <row r="719169" spans="14:14">
      <c r="N719169" s="10"/>
    </row>
    <row r="719170" spans="14:14">
      <c r="N719170" s="10"/>
    </row>
    <row r="719171" spans="14:14">
      <c r="N719171" s="10"/>
    </row>
    <row r="719172" spans="14:14">
      <c r="N719172" s="10"/>
    </row>
    <row r="719173" spans="14:14">
      <c r="N719173" s="10"/>
    </row>
    <row r="719174" spans="14:14">
      <c r="N719174" s="10"/>
    </row>
    <row r="719175" spans="14:14">
      <c r="N719175" s="10"/>
    </row>
    <row r="719176" spans="14:14">
      <c r="N719176" s="10"/>
    </row>
    <row r="719177" spans="14:14">
      <c r="N719177" s="10"/>
    </row>
    <row r="719178" spans="14:14">
      <c r="N719178" s="10"/>
    </row>
    <row r="719179" spans="14:14">
      <c r="N719179" s="10"/>
    </row>
    <row r="719180" spans="14:14">
      <c r="N719180" s="10"/>
    </row>
    <row r="719181" spans="14:14">
      <c r="N719181" s="10"/>
    </row>
    <row r="719182" spans="14:14">
      <c r="N719182" s="10"/>
    </row>
    <row r="719183" spans="14:14">
      <c r="N719183" s="10"/>
    </row>
    <row r="719184" spans="14:14">
      <c r="N719184" s="10"/>
    </row>
    <row r="719185" spans="14:14">
      <c r="N719185" s="10"/>
    </row>
    <row r="719186" spans="14:14">
      <c r="N719186" s="10"/>
    </row>
    <row r="719187" spans="14:14">
      <c r="N719187" s="10"/>
    </row>
    <row r="719188" spans="14:14">
      <c r="N719188" s="10"/>
    </row>
    <row r="719189" spans="14:14">
      <c r="N719189" s="10"/>
    </row>
    <row r="719190" spans="14:14">
      <c r="N719190" s="10"/>
    </row>
    <row r="719191" spans="14:14">
      <c r="N719191" s="10"/>
    </row>
    <row r="719192" spans="14:14">
      <c r="N719192" s="10"/>
    </row>
    <row r="719193" spans="14:14">
      <c r="N719193" s="10"/>
    </row>
    <row r="719194" spans="14:14">
      <c r="N719194" s="10"/>
    </row>
    <row r="719195" spans="14:14">
      <c r="N719195" s="10"/>
    </row>
    <row r="719196" spans="14:14">
      <c r="N719196" s="10"/>
    </row>
    <row r="719197" spans="14:14">
      <c r="N719197" s="10"/>
    </row>
    <row r="719198" spans="14:14">
      <c r="N719198" s="10"/>
    </row>
    <row r="719199" spans="14:14">
      <c r="N719199" s="10"/>
    </row>
    <row r="719200" spans="14:14">
      <c r="N719200" s="10"/>
    </row>
    <row r="719201" spans="14:14">
      <c r="N719201" s="10"/>
    </row>
    <row r="719202" spans="14:14">
      <c r="N719202" s="10"/>
    </row>
    <row r="719203" spans="14:14">
      <c r="N719203" s="10"/>
    </row>
    <row r="719204" spans="14:14">
      <c r="N719204" s="10"/>
    </row>
    <row r="719205" spans="14:14">
      <c r="N719205" s="10"/>
    </row>
    <row r="719206" spans="14:14">
      <c r="N719206" s="10"/>
    </row>
    <row r="719207" spans="14:14">
      <c r="N719207" s="10"/>
    </row>
    <row r="719208" spans="14:14">
      <c r="N719208" s="10"/>
    </row>
    <row r="719209" spans="14:14">
      <c r="N719209" s="10"/>
    </row>
    <row r="719210" spans="14:14">
      <c r="N719210" s="10"/>
    </row>
    <row r="719211" spans="14:14">
      <c r="N719211" s="10"/>
    </row>
    <row r="719212" spans="14:14">
      <c r="N719212" s="10"/>
    </row>
    <row r="719213" spans="14:14">
      <c r="N719213" s="10"/>
    </row>
    <row r="719214" spans="14:14">
      <c r="N719214" s="10"/>
    </row>
    <row r="719215" spans="14:14">
      <c r="N719215" s="10"/>
    </row>
    <row r="719216" spans="14:14">
      <c r="N719216" s="10"/>
    </row>
    <row r="719217" spans="14:14">
      <c r="N719217" s="10"/>
    </row>
    <row r="719218" spans="14:14">
      <c r="N719218" s="10"/>
    </row>
    <row r="719219" spans="14:14">
      <c r="N719219" s="10"/>
    </row>
    <row r="719220" spans="14:14">
      <c r="N719220" s="10"/>
    </row>
    <row r="719221" spans="14:14">
      <c r="N719221" s="10"/>
    </row>
    <row r="719222" spans="14:14">
      <c r="N719222" s="10"/>
    </row>
    <row r="719223" spans="14:14">
      <c r="N719223" s="10"/>
    </row>
    <row r="719224" spans="14:14">
      <c r="N719224" s="10"/>
    </row>
    <row r="719225" spans="14:14">
      <c r="N719225" s="10"/>
    </row>
    <row r="719226" spans="14:14">
      <c r="N719226" s="10"/>
    </row>
    <row r="719227" spans="14:14">
      <c r="N719227" s="10"/>
    </row>
    <row r="719228" spans="14:14">
      <c r="N719228" s="10"/>
    </row>
    <row r="719229" spans="14:14">
      <c r="N719229" s="10"/>
    </row>
    <row r="719230" spans="14:14">
      <c r="N719230" s="10"/>
    </row>
    <row r="719231" spans="14:14">
      <c r="N719231" s="10"/>
    </row>
    <row r="719232" spans="14:14">
      <c r="N719232" s="10"/>
    </row>
    <row r="719233" spans="14:14">
      <c r="N719233" s="10"/>
    </row>
    <row r="719234" spans="14:14">
      <c r="N719234" s="10"/>
    </row>
    <row r="719235" spans="14:14">
      <c r="N719235" s="10"/>
    </row>
    <row r="719236" spans="14:14">
      <c r="N719236" s="10"/>
    </row>
    <row r="719237" spans="14:14">
      <c r="N719237" s="10"/>
    </row>
    <row r="719238" spans="14:14">
      <c r="N719238" s="10"/>
    </row>
    <row r="719239" spans="14:14">
      <c r="N719239" s="10"/>
    </row>
    <row r="719240" spans="14:14">
      <c r="N719240" s="10"/>
    </row>
    <row r="719241" spans="14:14">
      <c r="N719241" s="10"/>
    </row>
    <row r="719242" spans="14:14">
      <c r="N719242" s="10"/>
    </row>
    <row r="719243" spans="14:14">
      <c r="N719243" s="10"/>
    </row>
    <row r="719244" spans="14:14">
      <c r="N719244" s="10"/>
    </row>
    <row r="719245" spans="14:14">
      <c r="N719245" s="10"/>
    </row>
    <row r="719246" spans="14:14">
      <c r="N719246" s="10"/>
    </row>
    <row r="719247" spans="14:14">
      <c r="N719247" s="10"/>
    </row>
    <row r="719248" spans="14:14">
      <c r="N719248" s="10"/>
    </row>
    <row r="719249" spans="14:14">
      <c r="N719249" s="10"/>
    </row>
    <row r="719250" spans="14:14">
      <c r="N719250" s="10"/>
    </row>
    <row r="719251" spans="14:14">
      <c r="N719251" s="10"/>
    </row>
    <row r="719252" spans="14:14">
      <c r="N719252" s="10"/>
    </row>
    <row r="719253" spans="14:14">
      <c r="N719253" s="10"/>
    </row>
    <row r="719254" spans="14:14">
      <c r="N719254" s="10"/>
    </row>
    <row r="719255" spans="14:14">
      <c r="N719255" s="10"/>
    </row>
    <row r="719256" spans="14:14">
      <c r="N719256" s="10"/>
    </row>
    <row r="719257" spans="14:14">
      <c r="N719257" s="10"/>
    </row>
    <row r="719258" spans="14:14">
      <c r="N719258" s="10"/>
    </row>
    <row r="719259" spans="14:14">
      <c r="N719259" s="10"/>
    </row>
    <row r="719260" spans="14:14">
      <c r="N719260" s="10"/>
    </row>
    <row r="719261" spans="14:14">
      <c r="N719261" s="10"/>
    </row>
    <row r="719262" spans="14:14">
      <c r="N719262" s="10"/>
    </row>
    <row r="719263" spans="14:14">
      <c r="N719263" s="10"/>
    </row>
    <row r="719264" spans="14:14">
      <c r="N719264" s="10"/>
    </row>
    <row r="719265" spans="14:14">
      <c r="N719265" s="10"/>
    </row>
    <row r="719266" spans="14:14">
      <c r="N719266" s="10"/>
    </row>
    <row r="719267" spans="14:14">
      <c r="N719267" s="10"/>
    </row>
    <row r="719268" spans="14:14">
      <c r="N719268" s="10"/>
    </row>
    <row r="719269" spans="14:14">
      <c r="N719269" s="10"/>
    </row>
    <row r="719270" spans="14:14">
      <c r="N719270" s="10"/>
    </row>
    <row r="719271" spans="14:14">
      <c r="N719271" s="10"/>
    </row>
    <row r="719272" spans="14:14">
      <c r="N719272" s="10"/>
    </row>
    <row r="719273" spans="14:14">
      <c r="N719273" s="10"/>
    </row>
    <row r="719274" spans="14:14">
      <c r="N719274" s="10"/>
    </row>
    <row r="719275" spans="14:14">
      <c r="N719275" s="10"/>
    </row>
    <row r="719276" spans="14:14">
      <c r="N719276" s="10"/>
    </row>
    <row r="719277" spans="14:14">
      <c r="N719277" s="10"/>
    </row>
    <row r="719278" spans="14:14">
      <c r="N719278" s="10"/>
    </row>
    <row r="719279" spans="14:14">
      <c r="N719279" s="10"/>
    </row>
    <row r="719280" spans="14:14">
      <c r="N719280" s="10"/>
    </row>
    <row r="719281" spans="14:14">
      <c r="N719281" s="10"/>
    </row>
    <row r="719282" spans="14:14">
      <c r="N719282" s="10"/>
    </row>
    <row r="719283" spans="14:14">
      <c r="N719283" s="10"/>
    </row>
    <row r="719284" spans="14:14">
      <c r="N719284" s="10"/>
    </row>
    <row r="719285" spans="14:14">
      <c r="N719285" s="10"/>
    </row>
    <row r="719286" spans="14:14">
      <c r="N719286" s="10"/>
    </row>
    <row r="719287" spans="14:14">
      <c r="N719287" s="10"/>
    </row>
    <row r="719288" spans="14:14">
      <c r="N719288" s="10"/>
    </row>
    <row r="719289" spans="14:14">
      <c r="N719289" s="10"/>
    </row>
    <row r="719290" spans="14:14">
      <c r="N719290" s="10"/>
    </row>
    <row r="719291" spans="14:14">
      <c r="N719291" s="10"/>
    </row>
    <row r="719292" spans="14:14">
      <c r="N719292" s="10"/>
    </row>
    <row r="719293" spans="14:14">
      <c r="N719293" s="10"/>
    </row>
    <row r="719294" spans="14:14">
      <c r="N719294" s="10"/>
    </row>
    <row r="719295" spans="14:14">
      <c r="N719295" s="10"/>
    </row>
    <row r="719296" spans="14:14">
      <c r="N719296" s="10"/>
    </row>
    <row r="719297" spans="14:14">
      <c r="N719297" s="10"/>
    </row>
    <row r="719298" spans="14:14">
      <c r="N719298" s="10"/>
    </row>
    <row r="719299" spans="14:14">
      <c r="N719299" s="10"/>
    </row>
    <row r="719300" spans="14:14">
      <c r="N719300" s="10"/>
    </row>
    <row r="719301" spans="14:14">
      <c r="N719301" s="10"/>
    </row>
    <row r="719302" spans="14:14">
      <c r="N719302" s="10"/>
    </row>
    <row r="719303" spans="14:14">
      <c r="N719303" s="10"/>
    </row>
    <row r="719304" spans="14:14">
      <c r="N719304" s="10"/>
    </row>
    <row r="719305" spans="14:14">
      <c r="N719305" s="10"/>
    </row>
    <row r="719306" spans="14:14">
      <c r="N719306" s="10"/>
    </row>
    <row r="719307" spans="14:14">
      <c r="N719307" s="10"/>
    </row>
    <row r="719308" spans="14:14">
      <c r="N719308" s="10"/>
    </row>
    <row r="719309" spans="14:14">
      <c r="N719309" s="10"/>
    </row>
    <row r="719310" spans="14:14">
      <c r="N719310" s="10"/>
    </row>
    <row r="719311" spans="14:14">
      <c r="N719311" s="10"/>
    </row>
    <row r="719312" spans="14:14">
      <c r="N719312" s="10"/>
    </row>
    <row r="719313" spans="14:14">
      <c r="N719313" s="10"/>
    </row>
    <row r="719314" spans="14:14">
      <c r="N719314" s="10"/>
    </row>
    <row r="719315" spans="14:14">
      <c r="N719315" s="10"/>
    </row>
    <row r="719316" spans="14:14">
      <c r="N719316" s="10"/>
    </row>
    <row r="719317" spans="14:14">
      <c r="N719317" s="10"/>
    </row>
    <row r="719318" spans="14:14">
      <c r="N719318" s="10"/>
    </row>
    <row r="719319" spans="14:14">
      <c r="N719319" s="10"/>
    </row>
    <row r="719320" spans="14:14">
      <c r="N719320" s="10"/>
    </row>
    <row r="719321" spans="14:14">
      <c r="N719321" s="10"/>
    </row>
    <row r="719322" spans="14:14">
      <c r="N719322" s="10"/>
    </row>
    <row r="719323" spans="14:14">
      <c r="N719323" s="10"/>
    </row>
    <row r="719324" spans="14:14">
      <c r="N719324" s="10"/>
    </row>
    <row r="719325" spans="14:14">
      <c r="N719325" s="10"/>
    </row>
    <row r="719326" spans="14:14">
      <c r="N719326" s="10"/>
    </row>
    <row r="719327" spans="14:14">
      <c r="N719327" s="10"/>
    </row>
    <row r="719328" spans="14:14">
      <c r="N719328" s="10"/>
    </row>
    <row r="719329" spans="14:14">
      <c r="N719329" s="10"/>
    </row>
    <row r="719330" spans="14:14">
      <c r="N719330" s="10"/>
    </row>
    <row r="719331" spans="14:14">
      <c r="N719331" s="10"/>
    </row>
    <row r="719332" spans="14:14">
      <c r="N719332" s="10"/>
    </row>
    <row r="719333" spans="14:14">
      <c r="N719333" s="10"/>
    </row>
    <row r="719334" spans="14:14">
      <c r="N719334" s="10"/>
    </row>
    <row r="719335" spans="14:14">
      <c r="N719335" s="10"/>
    </row>
    <row r="719336" spans="14:14">
      <c r="N719336" s="10"/>
    </row>
    <row r="719337" spans="14:14">
      <c r="N719337" s="10"/>
    </row>
    <row r="719338" spans="14:14">
      <c r="N719338" s="10"/>
    </row>
    <row r="719339" spans="14:14">
      <c r="N719339" s="10"/>
    </row>
    <row r="719340" spans="14:14">
      <c r="N719340" s="10"/>
    </row>
    <row r="719341" spans="14:14">
      <c r="N719341" s="10"/>
    </row>
    <row r="719342" spans="14:14">
      <c r="N719342" s="10"/>
    </row>
    <row r="719343" spans="14:14">
      <c r="N719343" s="10"/>
    </row>
    <row r="719344" spans="14:14">
      <c r="N719344" s="10"/>
    </row>
    <row r="719345" spans="14:14">
      <c r="N719345" s="10"/>
    </row>
    <row r="719346" spans="14:14">
      <c r="N719346" s="10"/>
    </row>
    <row r="719347" spans="14:14">
      <c r="N719347" s="10"/>
    </row>
    <row r="719348" spans="14:14">
      <c r="N719348" s="10"/>
    </row>
    <row r="719349" spans="14:14">
      <c r="N719349" s="10"/>
    </row>
    <row r="719350" spans="14:14">
      <c r="N719350" s="10"/>
    </row>
    <row r="719351" spans="14:14">
      <c r="N719351" s="10"/>
    </row>
    <row r="719352" spans="14:14">
      <c r="N719352" s="10"/>
    </row>
    <row r="719353" spans="14:14">
      <c r="N719353" s="10"/>
    </row>
    <row r="719354" spans="14:14">
      <c r="N719354" s="10"/>
    </row>
    <row r="719355" spans="14:14">
      <c r="N719355" s="10"/>
    </row>
    <row r="719356" spans="14:14">
      <c r="N719356" s="10"/>
    </row>
    <row r="719357" spans="14:14">
      <c r="N719357" s="10"/>
    </row>
    <row r="719358" spans="14:14">
      <c r="N719358" s="10"/>
    </row>
    <row r="719359" spans="14:14">
      <c r="N719359" s="10"/>
    </row>
    <row r="719360" spans="14:14">
      <c r="N719360" s="10"/>
    </row>
    <row r="719361" spans="14:14">
      <c r="N719361" s="10"/>
    </row>
    <row r="719362" spans="14:14">
      <c r="N719362" s="10"/>
    </row>
    <row r="719363" spans="14:14">
      <c r="N719363" s="10"/>
    </row>
    <row r="719364" spans="14:14">
      <c r="N719364" s="10"/>
    </row>
    <row r="719365" spans="14:14">
      <c r="N719365" s="10"/>
    </row>
    <row r="719366" spans="14:14">
      <c r="N719366" s="10"/>
    </row>
    <row r="719367" spans="14:14">
      <c r="N719367" s="10"/>
    </row>
    <row r="719368" spans="14:14">
      <c r="N719368" s="10"/>
    </row>
    <row r="719369" spans="14:14">
      <c r="N719369" s="10"/>
    </row>
    <row r="719370" spans="14:14">
      <c r="N719370" s="10"/>
    </row>
    <row r="719371" spans="14:14">
      <c r="N719371" s="10"/>
    </row>
    <row r="719372" spans="14:14">
      <c r="N719372" s="10"/>
    </row>
    <row r="719373" spans="14:14">
      <c r="N719373" s="10"/>
    </row>
    <row r="719374" spans="14:14">
      <c r="N719374" s="10"/>
    </row>
    <row r="719375" spans="14:14">
      <c r="N719375" s="10"/>
    </row>
    <row r="719376" spans="14:14">
      <c r="N719376" s="10"/>
    </row>
    <row r="719377" spans="14:14">
      <c r="N719377" s="10"/>
    </row>
    <row r="719378" spans="14:14">
      <c r="N719378" s="10"/>
    </row>
    <row r="719379" spans="14:14">
      <c r="N719379" s="10"/>
    </row>
    <row r="719380" spans="14:14">
      <c r="N719380" s="10"/>
    </row>
    <row r="719381" spans="14:14">
      <c r="N719381" s="10"/>
    </row>
    <row r="719382" spans="14:14">
      <c r="N719382" s="10"/>
    </row>
    <row r="719383" spans="14:14">
      <c r="N719383" s="10"/>
    </row>
    <row r="719384" spans="14:14">
      <c r="N719384" s="10"/>
    </row>
    <row r="719385" spans="14:14">
      <c r="N719385" s="10"/>
    </row>
    <row r="719386" spans="14:14">
      <c r="N719386" s="10"/>
    </row>
    <row r="719387" spans="14:14">
      <c r="N719387" s="10"/>
    </row>
    <row r="719388" spans="14:14">
      <c r="N719388" s="10"/>
    </row>
    <row r="719389" spans="14:14">
      <c r="N719389" s="10"/>
    </row>
    <row r="719390" spans="14:14">
      <c r="N719390" s="10"/>
    </row>
    <row r="719391" spans="14:14">
      <c r="N719391" s="10"/>
    </row>
    <row r="719392" spans="14:14">
      <c r="N719392" s="10"/>
    </row>
    <row r="719393" spans="14:14">
      <c r="N719393" s="10"/>
    </row>
    <row r="719394" spans="14:14">
      <c r="N719394" s="10"/>
    </row>
    <row r="719395" spans="14:14">
      <c r="N719395" s="10"/>
    </row>
    <row r="719396" spans="14:14">
      <c r="N719396" s="10"/>
    </row>
    <row r="719397" spans="14:14">
      <c r="N719397" s="10"/>
    </row>
    <row r="719398" spans="14:14">
      <c r="N719398" s="10"/>
    </row>
    <row r="719399" spans="14:14">
      <c r="N719399" s="10"/>
    </row>
    <row r="719400" spans="14:14">
      <c r="N719400" s="10"/>
    </row>
    <row r="719401" spans="14:14">
      <c r="N719401" s="10"/>
    </row>
    <row r="719402" spans="14:14">
      <c r="N719402" s="10"/>
    </row>
    <row r="719403" spans="14:14">
      <c r="N719403" s="10"/>
    </row>
    <row r="719404" spans="14:14">
      <c r="N719404" s="10"/>
    </row>
    <row r="719405" spans="14:14">
      <c r="N719405" s="10"/>
    </row>
    <row r="719406" spans="14:14">
      <c r="N719406" s="10"/>
    </row>
    <row r="719407" spans="14:14">
      <c r="N719407" s="10"/>
    </row>
    <row r="719408" spans="14:14">
      <c r="N719408" s="10"/>
    </row>
    <row r="719409" spans="14:14">
      <c r="N719409" s="10"/>
    </row>
    <row r="719410" spans="14:14">
      <c r="N719410" s="10"/>
    </row>
    <row r="719411" spans="14:14">
      <c r="N719411" s="10"/>
    </row>
    <row r="719412" spans="14:14">
      <c r="N719412" s="10"/>
    </row>
    <row r="719413" spans="14:14">
      <c r="N719413" s="10"/>
    </row>
    <row r="719414" spans="14:14">
      <c r="N719414" s="10"/>
    </row>
    <row r="719415" spans="14:14">
      <c r="N719415" s="10"/>
    </row>
    <row r="719416" spans="14:14">
      <c r="N719416" s="10"/>
    </row>
    <row r="719417" spans="14:14">
      <c r="N719417" s="10"/>
    </row>
    <row r="719418" spans="14:14">
      <c r="N719418" s="10"/>
    </row>
    <row r="719419" spans="14:14">
      <c r="N719419" s="10"/>
    </row>
    <row r="719420" spans="14:14">
      <c r="N719420" s="10"/>
    </row>
    <row r="719421" spans="14:14">
      <c r="N719421" s="10"/>
    </row>
    <row r="719422" spans="14:14">
      <c r="N719422" s="10"/>
    </row>
    <row r="719423" spans="14:14">
      <c r="N719423" s="10"/>
    </row>
    <row r="719424" spans="14:14">
      <c r="N719424" s="10"/>
    </row>
    <row r="719425" spans="14:14">
      <c r="N719425" s="10"/>
    </row>
    <row r="719426" spans="14:14">
      <c r="N719426" s="10"/>
    </row>
    <row r="719427" spans="14:14">
      <c r="N719427" s="10"/>
    </row>
    <row r="719428" spans="14:14">
      <c r="N719428" s="10"/>
    </row>
    <row r="719429" spans="14:14">
      <c r="N719429" s="10"/>
    </row>
    <row r="719430" spans="14:14">
      <c r="N719430" s="10"/>
    </row>
    <row r="719431" spans="14:14">
      <c r="N719431" s="10"/>
    </row>
    <row r="719432" spans="14:14">
      <c r="N719432" s="10"/>
    </row>
    <row r="719433" spans="14:14">
      <c r="N719433" s="10"/>
    </row>
    <row r="719434" spans="14:14">
      <c r="N719434" s="10"/>
    </row>
    <row r="719435" spans="14:14">
      <c r="N719435" s="10"/>
    </row>
    <row r="719436" spans="14:14">
      <c r="N719436" s="10"/>
    </row>
    <row r="719437" spans="14:14">
      <c r="N719437" s="10"/>
    </row>
    <row r="719438" spans="14:14">
      <c r="N719438" s="10"/>
    </row>
    <row r="719439" spans="14:14">
      <c r="N719439" s="10"/>
    </row>
    <row r="719440" spans="14:14">
      <c r="N719440" s="10"/>
    </row>
    <row r="719441" spans="14:14">
      <c r="N719441" s="10"/>
    </row>
    <row r="719442" spans="14:14">
      <c r="N719442" s="10"/>
    </row>
    <row r="719443" spans="14:14">
      <c r="N719443" s="10"/>
    </row>
    <row r="719444" spans="14:14">
      <c r="N719444" s="10"/>
    </row>
    <row r="719445" spans="14:14">
      <c r="N719445" s="10"/>
    </row>
    <row r="719446" spans="14:14">
      <c r="N719446" s="10"/>
    </row>
    <row r="719447" spans="14:14">
      <c r="N719447" s="10"/>
    </row>
    <row r="719448" spans="14:14">
      <c r="N719448" s="10"/>
    </row>
    <row r="719449" spans="14:14">
      <c r="N719449" s="10"/>
    </row>
    <row r="719450" spans="14:14">
      <c r="N719450" s="10"/>
    </row>
    <row r="719451" spans="14:14">
      <c r="N719451" s="10"/>
    </row>
    <row r="719452" spans="14:14">
      <c r="N719452" s="10"/>
    </row>
    <row r="719453" spans="14:14">
      <c r="N719453" s="10"/>
    </row>
    <row r="719454" spans="14:14">
      <c r="N719454" s="10"/>
    </row>
    <row r="719455" spans="14:14">
      <c r="N719455" s="10"/>
    </row>
    <row r="719456" spans="14:14">
      <c r="N719456" s="10"/>
    </row>
    <row r="719457" spans="14:14">
      <c r="N719457" s="10"/>
    </row>
    <row r="719458" spans="14:14">
      <c r="N719458" s="10"/>
    </row>
    <row r="719459" spans="14:14">
      <c r="N719459" s="10"/>
    </row>
    <row r="719460" spans="14:14">
      <c r="N719460" s="10"/>
    </row>
    <row r="719461" spans="14:14">
      <c r="N719461" s="10"/>
    </row>
    <row r="719462" spans="14:14">
      <c r="N719462" s="10"/>
    </row>
    <row r="719463" spans="14:14">
      <c r="N719463" s="10"/>
    </row>
    <row r="719464" spans="14:14">
      <c r="N719464" s="10"/>
    </row>
    <row r="719465" spans="14:14">
      <c r="N719465" s="10"/>
    </row>
    <row r="719466" spans="14:14">
      <c r="N719466" s="10"/>
    </row>
    <row r="719467" spans="14:14">
      <c r="N719467" s="10"/>
    </row>
    <row r="719468" spans="14:14">
      <c r="N719468" s="10"/>
    </row>
    <row r="719469" spans="14:14">
      <c r="N719469" s="10"/>
    </row>
    <row r="719470" spans="14:14">
      <c r="N719470" s="10"/>
    </row>
    <row r="719471" spans="14:14">
      <c r="N719471" s="10"/>
    </row>
    <row r="719472" spans="14:14">
      <c r="N719472" s="10"/>
    </row>
    <row r="719473" spans="14:14">
      <c r="N719473" s="10"/>
    </row>
    <row r="719474" spans="14:14">
      <c r="N719474" s="10"/>
    </row>
    <row r="719475" spans="14:14">
      <c r="N719475" s="10"/>
    </row>
    <row r="719476" spans="14:14">
      <c r="N719476" s="10"/>
    </row>
    <row r="719477" spans="14:14">
      <c r="N719477" s="10"/>
    </row>
    <row r="719478" spans="14:14">
      <c r="N719478" s="10"/>
    </row>
    <row r="719479" spans="14:14">
      <c r="N719479" s="10"/>
    </row>
    <row r="719480" spans="14:14">
      <c r="N719480" s="10"/>
    </row>
    <row r="719481" spans="14:14">
      <c r="N719481" s="10"/>
    </row>
    <row r="719482" spans="14:14">
      <c r="N719482" s="10"/>
    </row>
    <row r="719483" spans="14:14">
      <c r="N719483" s="10"/>
    </row>
    <row r="719484" spans="14:14">
      <c r="N719484" s="10"/>
    </row>
    <row r="719485" spans="14:14">
      <c r="N719485" s="10"/>
    </row>
    <row r="719486" spans="14:14">
      <c r="N719486" s="10"/>
    </row>
    <row r="719487" spans="14:14">
      <c r="N719487" s="10"/>
    </row>
    <row r="719488" spans="14:14">
      <c r="N719488" s="10"/>
    </row>
    <row r="719489" spans="14:14">
      <c r="N719489" s="10"/>
    </row>
    <row r="719490" spans="14:14">
      <c r="N719490" s="10"/>
    </row>
    <row r="719491" spans="14:14">
      <c r="N719491" s="10"/>
    </row>
    <row r="719492" spans="14:14">
      <c r="N719492" s="10"/>
    </row>
    <row r="719493" spans="14:14">
      <c r="N719493" s="10"/>
    </row>
    <row r="719494" spans="14:14">
      <c r="N719494" s="10"/>
    </row>
    <row r="719495" spans="14:14">
      <c r="N719495" s="10"/>
    </row>
    <row r="719496" spans="14:14">
      <c r="N719496" s="10"/>
    </row>
    <row r="719497" spans="14:14">
      <c r="N719497" s="10"/>
    </row>
    <row r="719498" spans="14:14">
      <c r="N719498" s="10"/>
    </row>
    <row r="719499" spans="14:14">
      <c r="N719499" s="10"/>
    </row>
    <row r="719500" spans="14:14">
      <c r="N719500" s="10"/>
    </row>
    <row r="719501" spans="14:14">
      <c r="N719501" s="10"/>
    </row>
    <row r="719502" spans="14:14">
      <c r="N719502" s="10"/>
    </row>
    <row r="719503" spans="14:14">
      <c r="N719503" s="10"/>
    </row>
    <row r="719504" spans="14:14">
      <c r="N719504" s="10"/>
    </row>
    <row r="719505" spans="14:14">
      <c r="N719505" s="10"/>
    </row>
    <row r="719506" spans="14:14">
      <c r="N719506" s="10"/>
    </row>
    <row r="719507" spans="14:14">
      <c r="N719507" s="10"/>
    </row>
    <row r="719508" spans="14:14">
      <c r="N719508" s="10"/>
    </row>
    <row r="719509" spans="14:14">
      <c r="N719509" s="10"/>
    </row>
    <row r="719510" spans="14:14">
      <c r="N719510" s="10"/>
    </row>
    <row r="719511" spans="14:14">
      <c r="N719511" s="10"/>
    </row>
    <row r="719512" spans="14:14">
      <c r="N719512" s="10"/>
    </row>
    <row r="719513" spans="14:14">
      <c r="N719513" s="10"/>
    </row>
    <row r="719514" spans="14:14">
      <c r="N719514" s="10"/>
    </row>
    <row r="719515" spans="14:14">
      <c r="N719515" s="10"/>
    </row>
    <row r="719516" spans="14:14">
      <c r="N719516" s="10"/>
    </row>
    <row r="719517" spans="14:14">
      <c r="N719517" s="10"/>
    </row>
    <row r="719518" spans="14:14">
      <c r="N719518" s="10"/>
    </row>
    <row r="719519" spans="14:14">
      <c r="N719519" s="10"/>
    </row>
    <row r="719520" spans="14:14">
      <c r="N719520" s="10"/>
    </row>
    <row r="719521" spans="14:14">
      <c r="N719521" s="10"/>
    </row>
    <row r="719522" spans="14:14">
      <c r="N719522" s="10"/>
    </row>
    <row r="719523" spans="14:14">
      <c r="N719523" s="10"/>
    </row>
    <row r="719524" spans="14:14">
      <c r="N719524" s="10"/>
    </row>
    <row r="719525" spans="14:14">
      <c r="N719525" s="10"/>
    </row>
    <row r="719526" spans="14:14">
      <c r="N719526" s="10"/>
    </row>
    <row r="719527" spans="14:14">
      <c r="N719527" s="10"/>
    </row>
    <row r="719528" spans="14:14">
      <c r="N719528" s="10"/>
    </row>
    <row r="719529" spans="14:14">
      <c r="N719529" s="10"/>
    </row>
    <row r="719530" spans="14:14">
      <c r="N719530" s="10"/>
    </row>
    <row r="719531" spans="14:14">
      <c r="N719531" s="10"/>
    </row>
    <row r="719532" spans="14:14">
      <c r="N719532" s="10"/>
    </row>
    <row r="719533" spans="14:14">
      <c r="N719533" s="10"/>
    </row>
    <row r="719534" spans="14:14">
      <c r="N719534" s="10"/>
    </row>
    <row r="719535" spans="14:14">
      <c r="N719535" s="10"/>
    </row>
    <row r="719536" spans="14:14">
      <c r="N719536" s="10"/>
    </row>
    <row r="719537" spans="14:14">
      <c r="N719537" s="10"/>
    </row>
    <row r="719538" spans="14:14">
      <c r="N719538" s="10"/>
    </row>
    <row r="719539" spans="14:14">
      <c r="N719539" s="10"/>
    </row>
    <row r="719540" spans="14:14">
      <c r="N719540" s="10"/>
    </row>
    <row r="719541" spans="14:14">
      <c r="N719541" s="10"/>
    </row>
    <row r="719542" spans="14:14">
      <c r="N719542" s="10"/>
    </row>
    <row r="719543" spans="14:14">
      <c r="N719543" s="10"/>
    </row>
    <row r="719544" spans="14:14">
      <c r="N719544" s="10"/>
    </row>
    <row r="719545" spans="14:14">
      <c r="N719545" s="10"/>
    </row>
    <row r="719546" spans="14:14">
      <c r="N719546" s="10"/>
    </row>
    <row r="719547" spans="14:14">
      <c r="N719547" s="10"/>
    </row>
    <row r="719548" spans="14:14">
      <c r="N719548" s="10"/>
    </row>
    <row r="719549" spans="14:14">
      <c r="N719549" s="10"/>
    </row>
    <row r="719550" spans="14:14">
      <c r="N719550" s="10"/>
    </row>
    <row r="719551" spans="14:14">
      <c r="N719551" s="10"/>
    </row>
    <row r="719552" spans="14:14">
      <c r="N719552" s="10"/>
    </row>
    <row r="719553" spans="14:14">
      <c r="N719553" s="10"/>
    </row>
    <row r="719554" spans="14:14">
      <c r="N719554" s="10"/>
    </row>
    <row r="719555" spans="14:14">
      <c r="N719555" s="10"/>
    </row>
    <row r="719556" spans="14:14">
      <c r="N719556" s="10"/>
    </row>
    <row r="719557" spans="14:14">
      <c r="N719557" s="10"/>
    </row>
    <row r="719558" spans="14:14">
      <c r="N719558" s="10"/>
    </row>
    <row r="719559" spans="14:14">
      <c r="N719559" s="10"/>
    </row>
    <row r="719560" spans="14:14">
      <c r="N719560" s="10"/>
    </row>
    <row r="719561" spans="14:14">
      <c r="N719561" s="10"/>
    </row>
    <row r="719562" spans="14:14">
      <c r="N719562" s="10"/>
    </row>
    <row r="719563" spans="14:14">
      <c r="N719563" s="10"/>
    </row>
    <row r="719564" spans="14:14">
      <c r="N719564" s="10"/>
    </row>
    <row r="719565" spans="14:14">
      <c r="N719565" s="10"/>
    </row>
    <row r="719566" spans="14:14">
      <c r="N719566" s="10"/>
    </row>
    <row r="719567" spans="14:14">
      <c r="N719567" s="10"/>
    </row>
    <row r="719568" spans="14:14">
      <c r="N719568" s="10"/>
    </row>
    <row r="719569" spans="14:14">
      <c r="N719569" s="10"/>
    </row>
    <row r="719570" spans="14:14">
      <c r="N719570" s="10"/>
    </row>
    <row r="719571" spans="14:14">
      <c r="N719571" s="10"/>
    </row>
    <row r="719572" spans="14:14">
      <c r="N719572" s="10"/>
    </row>
    <row r="719573" spans="14:14">
      <c r="N719573" s="10"/>
    </row>
    <row r="719574" spans="14:14">
      <c r="N719574" s="10"/>
    </row>
    <row r="719575" spans="14:14">
      <c r="N719575" s="10"/>
    </row>
    <row r="719576" spans="14:14">
      <c r="N719576" s="10"/>
    </row>
    <row r="719577" spans="14:14">
      <c r="N719577" s="10"/>
    </row>
    <row r="719578" spans="14:14">
      <c r="N719578" s="10"/>
    </row>
    <row r="719579" spans="14:14">
      <c r="N719579" s="10"/>
    </row>
    <row r="719580" spans="14:14">
      <c r="N719580" s="10"/>
    </row>
    <row r="719581" spans="14:14">
      <c r="N719581" s="10"/>
    </row>
    <row r="719582" spans="14:14">
      <c r="N719582" s="10"/>
    </row>
    <row r="719583" spans="14:14">
      <c r="N719583" s="10"/>
    </row>
    <row r="719584" spans="14:14">
      <c r="N719584" s="10"/>
    </row>
    <row r="719585" spans="14:14">
      <c r="N719585" s="10"/>
    </row>
    <row r="719586" spans="14:14">
      <c r="N719586" s="10"/>
    </row>
    <row r="719587" spans="14:14">
      <c r="N719587" s="10"/>
    </row>
    <row r="719588" spans="14:14">
      <c r="N719588" s="10"/>
    </row>
    <row r="719589" spans="14:14">
      <c r="N719589" s="10"/>
    </row>
    <row r="719590" spans="14:14">
      <c r="N719590" s="10"/>
    </row>
    <row r="719591" spans="14:14">
      <c r="N719591" s="10"/>
    </row>
    <row r="719592" spans="14:14">
      <c r="N719592" s="10"/>
    </row>
    <row r="719593" spans="14:14">
      <c r="N719593" s="10"/>
    </row>
    <row r="719594" spans="14:14">
      <c r="N719594" s="10"/>
    </row>
    <row r="719595" spans="14:14">
      <c r="N719595" s="10"/>
    </row>
    <row r="719596" spans="14:14">
      <c r="N719596" s="10"/>
    </row>
    <row r="719597" spans="14:14">
      <c r="N719597" s="10"/>
    </row>
    <row r="719598" spans="14:14">
      <c r="N719598" s="10"/>
    </row>
    <row r="719599" spans="14:14">
      <c r="N719599" s="10"/>
    </row>
    <row r="719600" spans="14:14">
      <c r="N719600" s="10"/>
    </row>
    <row r="719601" spans="14:14">
      <c r="N719601" s="10"/>
    </row>
    <row r="719602" spans="14:14">
      <c r="N719602" s="10"/>
    </row>
    <row r="719603" spans="14:14">
      <c r="N719603" s="10"/>
    </row>
    <row r="719604" spans="14:14">
      <c r="N719604" s="10"/>
    </row>
    <row r="719605" spans="14:14">
      <c r="N719605" s="10"/>
    </row>
    <row r="719606" spans="14:14">
      <c r="N719606" s="10"/>
    </row>
    <row r="719607" spans="14:14">
      <c r="N719607" s="10"/>
    </row>
    <row r="719608" spans="14:14">
      <c r="N719608" s="10"/>
    </row>
    <row r="719609" spans="14:14">
      <c r="N719609" s="10"/>
    </row>
    <row r="719610" spans="14:14">
      <c r="N719610" s="10"/>
    </row>
    <row r="719611" spans="14:14">
      <c r="N719611" s="10"/>
    </row>
    <row r="719612" spans="14:14">
      <c r="N719612" s="10"/>
    </row>
    <row r="719613" spans="14:14">
      <c r="N719613" s="10"/>
    </row>
    <row r="719614" spans="14:14">
      <c r="N719614" s="10"/>
    </row>
    <row r="719615" spans="14:14">
      <c r="N719615" s="10"/>
    </row>
    <row r="719616" spans="14:14">
      <c r="N719616" s="10"/>
    </row>
    <row r="719617" spans="14:14">
      <c r="N719617" s="10"/>
    </row>
    <row r="719618" spans="14:14">
      <c r="N719618" s="10"/>
    </row>
    <row r="719619" spans="14:14">
      <c r="N719619" s="10"/>
    </row>
    <row r="719620" spans="14:14">
      <c r="N719620" s="10"/>
    </row>
    <row r="719621" spans="14:14">
      <c r="N719621" s="10"/>
    </row>
    <row r="719622" spans="14:14">
      <c r="N719622" s="10"/>
    </row>
    <row r="719623" spans="14:14">
      <c r="N719623" s="10"/>
    </row>
    <row r="719624" spans="14:14">
      <c r="N719624" s="10"/>
    </row>
    <row r="719625" spans="14:14">
      <c r="N719625" s="10"/>
    </row>
    <row r="719626" spans="14:14">
      <c r="N719626" s="10"/>
    </row>
    <row r="719627" spans="14:14">
      <c r="N719627" s="10"/>
    </row>
    <row r="719628" spans="14:14">
      <c r="N719628" s="10"/>
    </row>
    <row r="719629" spans="14:14">
      <c r="N719629" s="10"/>
    </row>
    <row r="719630" spans="14:14">
      <c r="N719630" s="10"/>
    </row>
    <row r="719631" spans="14:14">
      <c r="N719631" s="10"/>
    </row>
    <row r="719632" spans="14:14">
      <c r="N719632" s="10"/>
    </row>
    <row r="719633" spans="14:14">
      <c r="N719633" s="10"/>
    </row>
    <row r="719634" spans="14:14">
      <c r="N719634" s="10"/>
    </row>
    <row r="719635" spans="14:14">
      <c r="N719635" s="10"/>
    </row>
    <row r="719636" spans="14:14">
      <c r="N719636" s="10"/>
    </row>
    <row r="719637" spans="14:14">
      <c r="N719637" s="10"/>
    </row>
    <row r="719638" spans="14:14">
      <c r="N719638" s="10"/>
    </row>
    <row r="719639" spans="14:14">
      <c r="N719639" s="10"/>
    </row>
    <row r="719640" spans="14:14">
      <c r="N719640" s="10"/>
    </row>
    <row r="719641" spans="14:14">
      <c r="N719641" s="10"/>
    </row>
    <row r="719642" spans="14:14">
      <c r="N719642" s="10"/>
    </row>
    <row r="719643" spans="14:14">
      <c r="N719643" s="10"/>
    </row>
    <row r="719644" spans="14:14">
      <c r="N719644" s="10"/>
    </row>
    <row r="719645" spans="14:14">
      <c r="N719645" s="10"/>
    </row>
    <row r="719646" spans="14:14">
      <c r="N719646" s="10"/>
    </row>
    <row r="719647" spans="14:14">
      <c r="N719647" s="10"/>
    </row>
    <row r="719648" spans="14:14">
      <c r="N719648" s="10"/>
    </row>
    <row r="719649" spans="14:14">
      <c r="N719649" s="10"/>
    </row>
    <row r="719650" spans="14:14">
      <c r="N719650" s="10"/>
    </row>
    <row r="719651" spans="14:14">
      <c r="N719651" s="10"/>
    </row>
    <row r="719652" spans="14:14">
      <c r="N719652" s="10"/>
    </row>
    <row r="719653" spans="14:14">
      <c r="N719653" s="10"/>
    </row>
    <row r="719654" spans="14:14">
      <c r="N719654" s="10"/>
    </row>
    <row r="719655" spans="14:14">
      <c r="N719655" s="10"/>
    </row>
    <row r="719656" spans="14:14">
      <c r="N719656" s="10"/>
    </row>
    <row r="719657" spans="14:14">
      <c r="N719657" s="10"/>
    </row>
    <row r="719658" spans="14:14">
      <c r="N719658" s="10"/>
    </row>
    <row r="719659" spans="14:14">
      <c r="N719659" s="10"/>
    </row>
    <row r="719660" spans="14:14">
      <c r="N719660" s="10"/>
    </row>
    <row r="719661" spans="14:14">
      <c r="N719661" s="10"/>
    </row>
    <row r="719662" spans="14:14">
      <c r="N719662" s="10"/>
    </row>
    <row r="719663" spans="14:14">
      <c r="N719663" s="10"/>
    </row>
    <row r="719664" spans="14:14">
      <c r="N719664" s="10"/>
    </row>
    <row r="719665" spans="14:14">
      <c r="N719665" s="10"/>
    </row>
    <row r="719666" spans="14:14">
      <c r="N719666" s="10"/>
    </row>
    <row r="719667" spans="14:14">
      <c r="N719667" s="10"/>
    </row>
    <row r="719668" spans="14:14">
      <c r="N719668" s="10"/>
    </row>
    <row r="719669" spans="14:14">
      <c r="N719669" s="10"/>
    </row>
    <row r="719670" spans="14:14">
      <c r="N719670" s="10"/>
    </row>
    <row r="719671" spans="14:14">
      <c r="N719671" s="10"/>
    </row>
    <row r="719672" spans="14:14">
      <c r="N719672" s="10"/>
    </row>
    <row r="719673" spans="14:14">
      <c r="N719673" s="10"/>
    </row>
    <row r="719674" spans="14:14">
      <c r="N719674" s="10"/>
    </row>
    <row r="719675" spans="14:14">
      <c r="N719675" s="10"/>
    </row>
    <row r="719676" spans="14:14">
      <c r="N719676" s="10"/>
    </row>
    <row r="719677" spans="14:14">
      <c r="N719677" s="10"/>
    </row>
    <row r="719678" spans="14:14">
      <c r="N719678" s="10"/>
    </row>
    <row r="719679" spans="14:14">
      <c r="N719679" s="10"/>
    </row>
    <row r="719680" spans="14:14">
      <c r="N719680" s="10"/>
    </row>
    <row r="719681" spans="14:14">
      <c r="N719681" s="10"/>
    </row>
    <row r="719682" spans="14:14">
      <c r="N719682" s="10"/>
    </row>
    <row r="719683" spans="14:14">
      <c r="N719683" s="10"/>
    </row>
    <row r="719684" spans="14:14">
      <c r="N719684" s="10"/>
    </row>
    <row r="719685" spans="14:14">
      <c r="N719685" s="10"/>
    </row>
    <row r="719686" spans="14:14">
      <c r="N719686" s="10"/>
    </row>
    <row r="719687" spans="14:14">
      <c r="N719687" s="10"/>
    </row>
    <row r="719688" spans="14:14">
      <c r="N719688" s="10"/>
    </row>
    <row r="719689" spans="14:14">
      <c r="N719689" s="10"/>
    </row>
    <row r="719690" spans="14:14">
      <c r="N719690" s="10"/>
    </row>
    <row r="719691" spans="14:14">
      <c r="N719691" s="10"/>
    </row>
    <row r="719692" spans="14:14">
      <c r="N719692" s="10"/>
    </row>
    <row r="719693" spans="14:14">
      <c r="N719693" s="10"/>
    </row>
    <row r="719694" spans="14:14">
      <c r="N719694" s="10"/>
    </row>
    <row r="719695" spans="14:14">
      <c r="N719695" s="10"/>
    </row>
    <row r="719696" spans="14:14">
      <c r="N719696" s="10"/>
    </row>
    <row r="719697" spans="14:14">
      <c r="N719697" s="10"/>
    </row>
    <row r="719698" spans="14:14">
      <c r="N719698" s="10"/>
    </row>
    <row r="719699" spans="14:14">
      <c r="N719699" s="10"/>
    </row>
    <row r="719700" spans="14:14">
      <c r="N719700" s="10"/>
    </row>
    <row r="719701" spans="14:14">
      <c r="N719701" s="10"/>
    </row>
    <row r="719702" spans="14:14">
      <c r="N719702" s="10"/>
    </row>
    <row r="719703" spans="14:14">
      <c r="N719703" s="10"/>
    </row>
    <row r="719704" spans="14:14">
      <c r="N719704" s="10"/>
    </row>
    <row r="719705" spans="14:14">
      <c r="N719705" s="10"/>
    </row>
    <row r="719706" spans="14:14">
      <c r="N719706" s="10"/>
    </row>
    <row r="719707" spans="14:14">
      <c r="N719707" s="10"/>
    </row>
    <row r="719708" spans="14:14">
      <c r="N719708" s="10"/>
    </row>
    <row r="719709" spans="14:14">
      <c r="N719709" s="10"/>
    </row>
    <row r="719710" spans="14:14">
      <c r="N719710" s="10"/>
    </row>
    <row r="719711" spans="14:14">
      <c r="N719711" s="10"/>
    </row>
    <row r="719712" spans="14:14">
      <c r="N719712" s="10"/>
    </row>
    <row r="719713" spans="14:14">
      <c r="N719713" s="10"/>
    </row>
    <row r="719714" spans="14:14">
      <c r="N719714" s="10"/>
    </row>
    <row r="719715" spans="14:14">
      <c r="N719715" s="10"/>
    </row>
    <row r="719716" spans="14:14">
      <c r="N719716" s="10"/>
    </row>
    <row r="719717" spans="14:14">
      <c r="N719717" s="10"/>
    </row>
    <row r="719718" spans="14:14">
      <c r="N719718" s="10"/>
    </row>
    <row r="719719" spans="14:14">
      <c r="N719719" s="10"/>
    </row>
    <row r="719720" spans="14:14">
      <c r="N719720" s="10"/>
    </row>
    <row r="719721" spans="14:14">
      <c r="N719721" s="10"/>
    </row>
    <row r="719722" spans="14:14">
      <c r="N719722" s="10"/>
    </row>
    <row r="719723" spans="14:14">
      <c r="N719723" s="10"/>
    </row>
    <row r="719724" spans="14:14">
      <c r="N719724" s="10"/>
    </row>
    <row r="719725" spans="14:14">
      <c r="N719725" s="10"/>
    </row>
    <row r="719726" spans="14:14">
      <c r="N719726" s="10"/>
    </row>
    <row r="719727" spans="14:14">
      <c r="N719727" s="10"/>
    </row>
    <row r="719728" spans="14:14">
      <c r="N719728" s="10"/>
    </row>
    <row r="719729" spans="14:14">
      <c r="N719729" s="10"/>
    </row>
    <row r="719730" spans="14:14">
      <c r="N719730" s="10"/>
    </row>
    <row r="719731" spans="14:14">
      <c r="N719731" s="10"/>
    </row>
    <row r="719732" spans="14:14">
      <c r="N719732" s="10"/>
    </row>
    <row r="719733" spans="14:14">
      <c r="N719733" s="10"/>
    </row>
    <row r="719734" spans="14:14">
      <c r="N719734" s="10"/>
    </row>
    <row r="719735" spans="14:14">
      <c r="N719735" s="10"/>
    </row>
    <row r="719736" spans="14:14">
      <c r="N719736" s="10"/>
    </row>
    <row r="719737" spans="14:14">
      <c r="N719737" s="10"/>
    </row>
    <row r="719738" spans="14:14">
      <c r="N719738" s="10"/>
    </row>
    <row r="719739" spans="14:14">
      <c r="N719739" s="10"/>
    </row>
    <row r="719740" spans="14:14">
      <c r="N719740" s="10"/>
    </row>
    <row r="719741" spans="14:14">
      <c r="N719741" s="10"/>
    </row>
    <row r="719742" spans="14:14">
      <c r="N719742" s="10"/>
    </row>
    <row r="719743" spans="14:14">
      <c r="N719743" s="10"/>
    </row>
    <row r="719744" spans="14:14">
      <c r="N719744" s="10"/>
    </row>
    <row r="719745" spans="14:14">
      <c r="N719745" s="10"/>
    </row>
    <row r="719746" spans="14:14">
      <c r="N719746" s="10"/>
    </row>
    <row r="719747" spans="14:14">
      <c r="N719747" s="10"/>
    </row>
    <row r="719748" spans="14:14">
      <c r="N719748" s="10"/>
    </row>
    <row r="719749" spans="14:14">
      <c r="N719749" s="10"/>
    </row>
    <row r="719750" spans="14:14">
      <c r="N719750" s="10"/>
    </row>
    <row r="719751" spans="14:14">
      <c r="N719751" s="10"/>
    </row>
    <row r="719752" spans="14:14">
      <c r="N719752" s="10"/>
    </row>
    <row r="719753" spans="14:14">
      <c r="N719753" s="10"/>
    </row>
    <row r="719754" spans="14:14">
      <c r="N719754" s="10"/>
    </row>
    <row r="719755" spans="14:14">
      <c r="N719755" s="10"/>
    </row>
    <row r="719756" spans="14:14">
      <c r="N719756" s="10"/>
    </row>
    <row r="719757" spans="14:14">
      <c r="N719757" s="10"/>
    </row>
    <row r="719758" spans="14:14">
      <c r="N719758" s="10"/>
    </row>
    <row r="719759" spans="14:14">
      <c r="N719759" s="10"/>
    </row>
    <row r="719760" spans="14:14">
      <c r="N719760" s="10"/>
    </row>
    <row r="719761" spans="14:14">
      <c r="N719761" s="10"/>
    </row>
    <row r="719762" spans="14:14">
      <c r="N719762" s="10"/>
    </row>
    <row r="719763" spans="14:14">
      <c r="N719763" s="10"/>
    </row>
    <row r="719764" spans="14:14">
      <c r="N719764" s="10"/>
    </row>
    <row r="719765" spans="14:14">
      <c r="N719765" s="10"/>
    </row>
    <row r="719766" spans="14:14">
      <c r="N719766" s="10"/>
    </row>
    <row r="719767" spans="14:14">
      <c r="N719767" s="10"/>
    </row>
    <row r="719768" spans="14:14">
      <c r="N719768" s="10"/>
    </row>
    <row r="719769" spans="14:14">
      <c r="N719769" s="10"/>
    </row>
    <row r="719770" spans="14:14">
      <c r="N719770" s="10"/>
    </row>
    <row r="719771" spans="14:14">
      <c r="N719771" s="10"/>
    </row>
    <row r="719772" spans="14:14">
      <c r="N719772" s="10"/>
    </row>
    <row r="719773" spans="14:14">
      <c r="N719773" s="10"/>
    </row>
    <row r="719774" spans="14:14">
      <c r="N719774" s="10"/>
    </row>
    <row r="719775" spans="14:14">
      <c r="N719775" s="10"/>
    </row>
    <row r="719776" spans="14:14">
      <c r="N719776" s="10"/>
    </row>
    <row r="719777" spans="14:14">
      <c r="N719777" s="10"/>
    </row>
    <row r="719778" spans="14:14">
      <c r="N719778" s="10"/>
    </row>
    <row r="719779" spans="14:14">
      <c r="N719779" s="10"/>
    </row>
    <row r="719780" spans="14:14">
      <c r="N719780" s="10"/>
    </row>
    <row r="719781" spans="14:14">
      <c r="N719781" s="10"/>
    </row>
    <row r="719782" spans="14:14">
      <c r="N719782" s="10"/>
    </row>
    <row r="719783" spans="14:14">
      <c r="N719783" s="10"/>
    </row>
    <row r="719784" spans="14:14">
      <c r="N719784" s="10"/>
    </row>
    <row r="719785" spans="14:14">
      <c r="N719785" s="10"/>
    </row>
    <row r="719786" spans="14:14">
      <c r="N719786" s="10"/>
    </row>
    <row r="719787" spans="14:14">
      <c r="N719787" s="10"/>
    </row>
    <row r="719788" spans="14:14">
      <c r="N719788" s="10"/>
    </row>
    <row r="719789" spans="14:14">
      <c r="N719789" s="10"/>
    </row>
    <row r="719790" spans="14:14">
      <c r="N719790" s="10"/>
    </row>
    <row r="719791" spans="14:14">
      <c r="N719791" s="10"/>
    </row>
    <row r="719792" spans="14:14">
      <c r="N719792" s="10"/>
    </row>
    <row r="719793" spans="14:14">
      <c r="N719793" s="10"/>
    </row>
    <row r="719794" spans="14:14">
      <c r="N719794" s="10"/>
    </row>
    <row r="719795" spans="14:14">
      <c r="N719795" s="10"/>
    </row>
    <row r="719796" spans="14:14">
      <c r="N719796" s="10"/>
    </row>
    <row r="719797" spans="14:14">
      <c r="N719797" s="10"/>
    </row>
    <row r="719798" spans="14:14">
      <c r="N719798" s="10"/>
    </row>
    <row r="719799" spans="14:14">
      <c r="N719799" s="10"/>
    </row>
    <row r="719800" spans="14:14">
      <c r="N719800" s="10"/>
    </row>
    <row r="719801" spans="14:14">
      <c r="N719801" s="10"/>
    </row>
    <row r="719802" spans="14:14">
      <c r="N719802" s="10"/>
    </row>
    <row r="719803" spans="14:14">
      <c r="N719803" s="10"/>
    </row>
    <row r="719804" spans="14:14">
      <c r="N719804" s="10"/>
    </row>
    <row r="719805" spans="14:14">
      <c r="N719805" s="10"/>
    </row>
    <row r="719806" spans="14:14">
      <c r="N719806" s="10"/>
    </row>
    <row r="719807" spans="14:14">
      <c r="N719807" s="10"/>
    </row>
    <row r="719808" spans="14:14">
      <c r="N719808" s="10"/>
    </row>
    <row r="719809" spans="14:14">
      <c r="N719809" s="10"/>
    </row>
    <row r="719810" spans="14:14">
      <c r="N719810" s="10"/>
    </row>
    <row r="719811" spans="14:14">
      <c r="N719811" s="10"/>
    </row>
    <row r="719812" spans="14:14">
      <c r="N719812" s="10"/>
    </row>
    <row r="719813" spans="14:14">
      <c r="N719813" s="10"/>
    </row>
    <row r="719814" spans="14:14">
      <c r="N719814" s="10"/>
    </row>
    <row r="719815" spans="14:14">
      <c r="N719815" s="10"/>
    </row>
    <row r="719816" spans="14:14">
      <c r="N719816" s="10"/>
    </row>
    <row r="719817" spans="14:14">
      <c r="N719817" s="10"/>
    </row>
    <row r="719818" spans="14:14">
      <c r="N719818" s="10"/>
    </row>
    <row r="719819" spans="14:14">
      <c r="N719819" s="10"/>
    </row>
    <row r="719820" spans="14:14">
      <c r="N719820" s="10"/>
    </row>
    <row r="719821" spans="14:14">
      <c r="N719821" s="10"/>
    </row>
    <row r="719822" spans="14:14">
      <c r="N719822" s="10"/>
    </row>
    <row r="719823" spans="14:14">
      <c r="N719823" s="10"/>
    </row>
    <row r="719824" spans="14:14">
      <c r="N719824" s="10"/>
    </row>
    <row r="719825" spans="14:14">
      <c r="N719825" s="10"/>
    </row>
    <row r="719826" spans="14:14">
      <c r="N719826" s="10"/>
    </row>
    <row r="719827" spans="14:14">
      <c r="N719827" s="10"/>
    </row>
    <row r="719828" spans="14:14">
      <c r="N719828" s="10"/>
    </row>
    <row r="719829" spans="14:14">
      <c r="N719829" s="10"/>
    </row>
    <row r="719830" spans="14:14">
      <c r="N719830" s="10"/>
    </row>
    <row r="719831" spans="14:14">
      <c r="N719831" s="10"/>
    </row>
    <row r="719832" spans="14:14">
      <c r="N719832" s="10"/>
    </row>
    <row r="719833" spans="14:14">
      <c r="N719833" s="10"/>
    </row>
    <row r="719834" spans="14:14">
      <c r="N719834" s="10"/>
    </row>
    <row r="719835" spans="14:14">
      <c r="N719835" s="10"/>
    </row>
    <row r="719836" spans="14:14">
      <c r="N719836" s="10"/>
    </row>
    <row r="719837" spans="14:14">
      <c r="N719837" s="10"/>
    </row>
    <row r="719838" spans="14:14">
      <c r="N719838" s="10"/>
    </row>
    <row r="719839" spans="14:14">
      <c r="N719839" s="10"/>
    </row>
    <row r="719840" spans="14:14">
      <c r="N719840" s="10"/>
    </row>
    <row r="719841" spans="14:14">
      <c r="N719841" s="10"/>
    </row>
    <row r="719842" spans="14:14">
      <c r="N719842" s="10"/>
    </row>
    <row r="719843" spans="14:14">
      <c r="N719843" s="10"/>
    </row>
    <row r="719844" spans="14:14">
      <c r="N719844" s="10"/>
    </row>
    <row r="719845" spans="14:14">
      <c r="N719845" s="10"/>
    </row>
    <row r="719846" spans="14:14">
      <c r="N719846" s="10"/>
    </row>
    <row r="719847" spans="14:14">
      <c r="N719847" s="10"/>
    </row>
    <row r="719848" spans="14:14">
      <c r="N719848" s="10"/>
    </row>
    <row r="719849" spans="14:14">
      <c r="N719849" s="10"/>
    </row>
    <row r="719850" spans="14:14">
      <c r="N719850" s="10"/>
    </row>
    <row r="719851" spans="14:14">
      <c r="N719851" s="10"/>
    </row>
    <row r="719852" spans="14:14">
      <c r="N719852" s="10"/>
    </row>
    <row r="719853" spans="14:14">
      <c r="N719853" s="10"/>
    </row>
    <row r="719854" spans="14:14">
      <c r="N719854" s="10"/>
    </row>
    <row r="719855" spans="14:14">
      <c r="N719855" s="10"/>
    </row>
    <row r="719856" spans="14:14">
      <c r="N719856" s="10"/>
    </row>
    <row r="719857" spans="14:14">
      <c r="N719857" s="10"/>
    </row>
    <row r="719858" spans="14:14">
      <c r="N719858" s="10"/>
    </row>
    <row r="719859" spans="14:14">
      <c r="N719859" s="10"/>
    </row>
    <row r="719860" spans="14:14">
      <c r="N719860" s="10"/>
    </row>
    <row r="719861" spans="14:14">
      <c r="N719861" s="10"/>
    </row>
    <row r="719862" spans="14:14">
      <c r="N719862" s="10"/>
    </row>
    <row r="719863" spans="14:14">
      <c r="N719863" s="10"/>
    </row>
    <row r="719864" spans="14:14">
      <c r="N719864" s="10"/>
    </row>
    <row r="719865" spans="14:14">
      <c r="N719865" s="10"/>
    </row>
    <row r="719866" spans="14:14">
      <c r="N719866" s="10"/>
    </row>
    <row r="719867" spans="14:14">
      <c r="N719867" s="10"/>
    </row>
    <row r="719868" spans="14:14">
      <c r="N719868" s="10"/>
    </row>
    <row r="719869" spans="14:14">
      <c r="N719869" s="10"/>
    </row>
    <row r="719870" spans="14:14">
      <c r="N719870" s="10"/>
    </row>
    <row r="719871" spans="14:14">
      <c r="N719871" s="10"/>
    </row>
    <row r="719872" spans="14:14">
      <c r="N719872" s="10"/>
    </row>
    <row r="719873" spans="14:14">
      <c r="N719873" s="10"/>
    </row>
    <row r="719874" spans="14:14">
      <c r="N719874" s="10"/>
    </row>
    <row r="719875" spans="14:14">
      <c r="N719875" s="10"/>
    </row>
    <row r="719876" spans="14:14">
      <c r="N719876" s="10"/>
    </row>
    <row r="719877" spans="14:14">
      <c r="N719877" s="10"/>
    </row>
    <row r="719878" spans="14:14">
      <c r="N719878" s="10"/>
    </row>
    <row r="719879" spans="14:14">
      <c r="N719879" s="10"/>
    </row>
    <row r="719880" spans="14:14">
      <c r="N719880" s="10"/>
    </row>
    <row r="719881" spans="14:14">
      <c r="N719881" s="10"/>
    </row>
    <row r="719882" spans="14:14">
      <c r="N719882" s="10"/>
    </row>
    <row r="719883" spans="14:14">
      <c r="N719883" s="10"/>
    </row>
    <row r="719884" spans="14:14">
      <c r="N719884" s="10"/>
    </row>
    <row r="719885" spans="14:14">
      <c r="N719885" s="10"/>
    </row>
    <row r="719886" spans="14:14">
      <c r="N719886" s="10"/>
    </row>
    <row r="719887" spans="14:14">
      <c r="N719887" s="10"/>
    </row>
    <row r="719888" spans="14:14">
      <c r="N719888" s="10"/>
    </row>
    <row r="719889" spans="14:14">
      <c r="N719889" s="10"/>
    </row>
    <row r="719890" spans="14:14">
      <c r="N719890" s="10"/>
    </row>
    <row r="719891" spans="14:14">
      <c r="N719891" s="10"/>
    </row>
    <row r="719892" spans="14:14">
      <c r="N719892" s="10"/>
    </row>
    <row r="719893" spans="14:14">
      <c r="N719893" s="10"/>
    </row>
    <row r="719894" spans="14:14">
      <c r="N719894" s="10"/>
    </row>
    <row r="719895" spans="14:14">
      <c r="N719895" s="10"/>
    </row>
    <row r="719896" spans="14:14">
      <c r="N719896" s="10"/>
    </row>
    <row r="719897" spans="14:14">
      <c r="N719897" s="10"/>
    </row>
    <row r="719898" spans="14:14">
      <c r="N719898" s="10"/>
    </row>
    <row r="719899" spans="14:14">
      <c r="N719899" s="10"/>
    </row>
    <row r="719900" spans="14:14">
      <c r="N719900" s="10"/>
    </row>
    <row r="719901" spans="14:14">
      <c r="N719901" s="10"/>
    </row>
    <row r="719902" spans="14:14">
      <c r="N719902" s="10"/>
    </row>
    <row r="719903" spans="14:14">
      <c r="N719903" s="10"/>
    </row>
    <row r="719904" spans="14:14">
      <c r="N719904" s="10"/>
    </row>
    <row r="719905" spans="14:14">
      <c r="N719905" s="10"/>
    </row>
    <row r="719906" spans="14:14">
      <c r="N719906" s="10"/>
    </row>
    <row r="719907" spans="14:14">
      <c r="N719907" s="10"/>
    </row>
    <row r="719908" spans="14:14">
      <c r="N719908" s="10"/>
    </row>
    <row r="719909" spans="14:14">
      <c r="N719909" s="10"/>
    </row>
    <row r="719910" spans="14:14">
      <c r="N719910" s="10"/>
    </row>
    <row r="719911" spans="14:14">
      <c r="N719911" s="10"/>
    </row>
    <row r="719912" spans="14:14">
      <c r="N719912" s="10"/>
    </row>
    <row r="719913" spans="14:14">
      <c r="N719913" s="10"/>
    </row>
    <row r="719914" spans="14:14">
      <c r="N719914" s="10"/>
    </row>
    <row r="719915" spans="14:14">
      <c r="N719915" s="10"/>
    </row>
    <row r="719916" spans="14:14">
      <c r="N719916" s="10"/>
    </row>
    <row r="719917" spans="14:14">
      <c r="N719917" s="10"/>
    </row>
    <row r="719918" spans="14:14">
      <c r="N719918" s="10"/>
    </row>
    <row r="719919" spans="14:14">
      <c r="N719919" s="10"/>
    </row>
    <row r="719920" spans="14:14">
      <c r="N719920" s="10"/>
    </row>
    <row r="719921" spans="14:14">
      <c r="N719921" s="10"/>
    </row>
    <row r="719922" spans="14:14">
      <c r="N719922" s="10"/>
    </row>
    <row r="719923" spans="14:14">
      <c r="N719923" s="10"/>
    </row>
    <row r="719924" spans="14:14">
      <c r="N719924" s="10"/>
    </row>
    <row r="719925" spans="14:14">
      <c r="N719925" s="10"/>
    </row>
    <row r="719926" spans="14:14">
      <c r="N719926" s="10"/>
    </row>
    <row r="719927" spans="14:14">
      <c r="N719927" s="10"/>
    </row>
    <row r="719928" spans="14:14">
      <c r="N719928" s="10"/>
    </row>
    <row r="719929" spans="14:14">
      <c r="N719929" s="10"/>
    </row>
    <row r="719930" spans="14:14">
      <c r="N719930" s="10"/>
    </row>
    <row r="719931" spans="14:14">
      <c r="N719931" s="10"/>
    </row>
    <row r="719932" spans="14:14">
      <c r="N719932" s="10"/>
    </row>
    <row r="719933" spans="14:14">
      <c r="N719933" s="10"/>
    </row>
    <row r="719934" spans="14:14">
      <c r="N719934" s="10"/>
    </row>
    <row r="719935" spans="14:14">
      <c r="N719935" s="10"/>
    </row>
    <row r="719936" spans="14:14">
      <c r="N719936" s="10"/>
    </row>
    <row r="719937" spans="14:14">
      <c r="N719937" s="10"/>
    </row>
    <row r="719938" spans="14:14">
      <c r="N719938" s="10"/>
    </row>
    <row r="719939" spans="14:14">
      <c r="N719939" s="10"/>
    </row>
    <row r="719940" spans="14:14">
      <c r="N719940" s="10"/>
    </row>
    <row r="719941" spans="14:14">
      <c r="N719941" s="10"/>
    </row>
    <row r="719942" spans="14:14">
      <c r="N719942" s="10"/>
    </row>
    <row r="719943" spans="14:14">
      <c r="N719943" s="10"/>
    </row>
    <row r="719944" spans="14:14">
      <c r="N719944" s="10"/>
    </row>
    <row r="719945" spans="14:14">
      <c r="N719945" s="10"/>
    </row>
    <row r="719946" spans="14:14">
      <c r="N719946" s="10"/>
    </row>
    <row r="719947" spans="14:14">
      <c r="N719947" s="10"/>
    </row>
    <row r="719948" spans="14:14">
      <c r="N719948" s="10"/>
    </row>
    <row r="719949" spans="14:14">
      <c r="N719949" s="10"/>
    </row>
    <row r="719950" spans="14:14">
      <c r="N719950" s="10"/>
    </row>
    <row r="719951" spans="14:14">
      <c r="N719951" s="10"/>
    </row>
    <row r="719952" spans="14:14">
      <c r="N719952" s="10"/>
    </row>
    <row r="719953" spans="14:14">
      <c r="N719953" s="10"/>
    </row>
    <row r="719954" spans="14:14">
      <c r="N719954" s="10"/>
    </row>
    <row r="719955" spans="14:14">
      <c r="N719955" s="10"/>
    </row>
    <row r="719956" spans="14:14">
      <c r="N719956" s="10"/>
    </row>
    <row r="719957" spans="14:14">
      <c r="N719957" s="10"/>
    </row>
    <row r="719958" spans="14:14">
      <c r="N719958" s="10"/>
    </row>
    <row r="719959" spans="14:14">
      <c r="N719959" s="10"/>
    </row>
    <row r="719960" spans="14:14">
      <c r="N719960" s="10"/>
    </row>
    <row r="719961" spans="14:14">
      <c r="N719961" s="10"/>
    </row>
    <row r="719962" spans="14:14">
      <c r="N719962" s="10"/>
    </row>
    <row r="719963" spans="14:14">
      <c r="N719963" s="10"/>
    </row>
    <row r="719964" spans="14:14">
      <c r="N719964" s="10"/>
    </row>
    <row r="719965" spans="14:14">
      <c r="N719965" s="10"/>
    </row>
    <row r="719966" spans="14:14">
      <c r="N719966" s="10"/>
    </row>
    <row r="719967" spans="14:14">
      <c r="N719967" s="10"/>
    </row>
    <row r="719968" spans="14:14">
      <c r="N719968" s="10"/>
    </row>
    <row r="719969" spans="14:14">
      <c r="N719969" s="10"/>
    </row>
    <row r="719970" spans="14:14">
      <c r="N719970" s="10"/>
    </row>
    <row r="719971" spans="14:14">
      <c r="N719971" s="10"/>
    </row>
    <row r="719972" spans="14:14">
      <c r="N719972" s="10"/>
    </row>
    <row r="719973" spans="14:14">
      <c r="N719973" s="10"/>
    </row>
    <row r="719974" spans="14:14">
      <c r="N719974" s="10"/>
    </row>
    <row r="719975" spans="14:14">
      <c r="N719975" s="10"/>
    </row>
    <row r="719976" spans="14:14">
      <c r="N719976" s="10"/>
    </row>
    <row r="719977" spans="14:14">
      <c r="N719977" s="10"/>
    </row>
    <row r="719978" spans="14:14">
      <c r="N719978" s="10"/>
    </row>
    <row r="719979" spans="14:14">
      <c r="N719979" s="10"/>
    </row>
    <row r="719980" spans="14:14">
      <c r="N719980" s="10"/>
    </row>
    <row r="719981" spans="14:14">
      <c r="N719981" s="10"/>
    </row>
    <row r="719982" spans="14:14">
      <c r="N719982" s="10"/>
    </row>
    <row r="719983" spans="14:14">
      <c r="N719983" s="10"/>
    </row>
    <row r="719984" spans="14:14">
      <c r="N719984" s="10"/>
    </row>
    <row r="719985" spans="14:14">
      <c r="N719985" s="10"/>
    </row>
    <row r="719986" spans="14:14">
      <c r="N719986" s="10"/>
    </row>
    <row r="719987" spans="14:14">
      <c r="N719987" s="10"/>
    </row>
    <row r="719988" spans="14:14">
      <c r="N719988" s="10"/>
    </row>
    <row r="719989" spans="14:14">
      <c r="N719989" s="10"/>
    </row>
    <row r="719990" spans="14:14">
      <c r="N719990" s="10"/>
    </row>
    <row r="719991" spans="14:14">
      <c r="N719991" s="10"/>
    </row>
    <row r="719992" spans="14:14">
      <c r="N719992" s="10"/>
    </row>
    <row r="719993" spans="14:14">
      <c r="N719993" s="10"/>
    </row>
    <row r="719994" spans="14:14">
      <c r="N719994" s="10"/>
    </row>
    <row r="719995" spans="14:14">
      <c r="N719995" s="10"/>
    </row>
    <row r="719996" spans="14:14">
      <c r="N719996" s="10"/>
    </row>
    <row r="719997" spans="14:14">
      <c r="N719997" s="10"/>
    </row>
    <row r="719998" spans="14:14">
      <c r="N719998" s="10"/>
    </row>
    <row r="719999" spans="14:14">
      <c r="N719999" s="10"/>
    </row>
    <row r="720000" spans="14:14">
      <c r="N720000" s="10"/>
    </row>
    <row r="720001" spans="14:14">
      <c r="N720001" s="10"/>
    </row>
    <row r="720002" spans="14:14">
      <c r="N720002" s="10"/>
    </row>
    <row r="720003" spans="14:14">
      <c r="N720003" s="10"/>
    </row>
    <row r="720004" spans="14:14">
      <c r="N720004" s="10"/>
    </row>
    <row r="720005" spans="14:14">
      <c r="N720005" s="10"/>
    </row>
    <row r="720006" spans="14:14">
      <c r="N720006" s="10"/>
    </row>
    <row r="720007" spans="14:14">
      <c r="N720007" s="10"/>
    </row>
    <row r="720008" spans="14:14">
      <c r="N720008" s="10"/>
    </row>
    <row r="720009" spans="14:14">
      <c r="N720009" s="10"/>
    </row>
    <row r="720010" spans="14:14">
      <c r="N720010" s="10"/>
    </row>
    <row r="720011" spans="14:14">
      <c r="N720011" s="10"/>
    </row>
    <row r="720012" spans="14:14">
      <c r="N720012" s="10"/>
    </row>
    <row r="720013" spans="14:14">
      <c r="N720013" s="10"/>
    </row>
    <row r="720014" spans="14:14">
      <c r="N720014" s="10"/>
    </row>
    <row r="720015" spans="14:14">
      <c r="N720015" s="10"/>
    </row>
    <row r="720016" spans="14:14">
      <c r="N720016" s="10"/>
    </row>
    <row r="720017" spans="14:14">
      <c r="N720017" s="10"/>
    </row>
    <row r="720018" spans="14:14">
      <c r="N720018" s="10"/>
    </row>
    <row r="720019" spans="14:14">
      <c r="N720019" s="10"/>
    </row>
    <row r="720020" spans="14:14">
      <c r="N720020" s="10"/>
    </row>
    <row r="720021" spans="14:14">
      <c r="N720021" s="10"/>
    </row>
    <row r="720022" spans="14:14">
      <c r="N720022" s="10"/>
    </row>
    <row r="720023" spans="14:14">
      <c r="N720023" s="10"/>
    </row>
    <row r="720024" spans="14:14">
      <c r="N720024" s="10"/>
    </row>
    <row r="720025" spans="14:14">
      <c r="N720025" s="10"/>
    </row>
    <row r="720026" spans="14:14">
      <c r="N720026" s="10"/>
    </row>
    <row r="720027" spans="14:14">
      <c r="N720027" s="10"/>
    </row>
    <row r="720028" spans="14:14">
      <c r="N720028" s="10"/>
    </row>
    <row r="720029" spans="14:14">
      <c r="N720029" s="10"/>
    </row>
    <row r="720030" spans="14:14">
      <c r="N720030" s="10"/>
    </row>
    <row r="720031" spans="14:14">
      <c r="N720031" s="10"/>
    </row>
    <row r="720032" spans="14:14">
      <c r="N720032" s="10"/>
    </row>
    <row r="720033" spans="14:14">
      <c r="N720033" s="10"/>
    </row>
    <row r="720034" spans="14:14">
      <c r="N720034" s="10"/>
    </row>
    <row r="720035" spans="14:14">
      <c r="N720035" s="10"/>
    </row>
    <row r="720036" spans="14:14">
      <c r="N720036" s="10"/>
    </row>
    <row r="720037" spans="14:14">
      <c r="N720037" s="10"/>
    </row>
    <row r="720038" spans="14:14">
      <c r="N720038" s="10"/>
    </row>
    <row r="720039" spans="14:14">
      <c r="N720039" s="10"/>
    </row>
    <row r="720040" spans="14:14">
      <c r="N720040" s="10"/>
    </row>
    <row r="720041" spans="14:14">
      <c r="N720041" s="10"/>
    </row>
    <row r="720042" spans="14:14">
      <c r="N720042" s="10"/>
    </row>
    <row r="720043" spans="14:14">
      <c r="N720043" s="10"/>
    </row>
    <row r="720044" spans="14:14">
      <c r="N720044" s="10"/>
    </row>
    <row r="720045" spans="14:14">
      <c r="N720045" s="10"/>
    </row>
    <row r="720046" spans="14:14">
      <c r="N720046" s="10"/>
    </row>
    <row r="720047" spans="14:14">
      <c r="N720047" s="10"/>
    </row>
    <row r="720048" spans="14:14">
      <c r="N720048" s="10"/>
    </row>
    <row r="720049" spans="14:14">
      <c r="N720049" s="10"/>
    </row>
    <row r="720050" spans="14:14">
      <c r="N720050" s="10"/>
    </row>
    <row r="720051" spans="14:14">
      <c r="N720051" s="10"/>
    </row>
    <row r="720052" spans="14:14">
      <c r="N720052" s="10"/>
    </row>
    <row r="720053" spans="14:14">
      <c r="N720053" s="10"/>
    </row>
    <row r="720054" spans="14:14">
      <c r="N720054" s="10"/>
    </row>
    <row r="720055" spans="14:14">
      <c r="N720055" s="10"/>
    </row>
    <row r="720056" spans="14:14">
      <c r="N720056" s="10"/>
    </row>
    <row r="720057" spans="14:14">
      <c r="N720057" s="10"/>
    </row>
    <row r="720058" spans="14:14">
      <c r="N720058" s="10"/>
    </row>
    <row r="720059" spans="14:14">
      <c r="N720059" s="10"/>
    </row>
    <row r="720060" spans="14:14">
      <c r="N720060" s="10"/>
    </row>
    <row r="720061" spans="14:14">
      <c r="N720061" s="10"/>
    </row>
    <row r="720062" spans="14:14">
      <c r="N720062" s="10"/>
    </row>
    <row r="720063" spans="14:14">
      <c r="N720063" s="10"/>
    </row>
    <row r="720064" spans="14:14">
      <c r="N720064" s="10"/>
    </row>
    <row r="720065" spans="14:14">
      <c r="N720065" s="10"/>
    </row>
    <row r="720066" spans="14:14">
      <c r="N720066" s="10"/>
    </row>
    <row r="720067" spans="14:14">
      <c r="N720067" s="10"/>
    </row>
    <row r="720068" spans="14:14">
      <c r="N720068" s="10"/>
    </row>
    <row r="720069" spans="14:14">
      <c r="N720069" s="10"/>
    </row>
    <row r="720070" spans="14:14">
      <c r="N720070" s="10"/>
    </row>
    <row r="720071" spans="14:14">
      <c r="N720071" s="10"/>
    </row>
    <row r="720072" spans="14:14">
      <c r="N720072" s="10"/>
    </row>
    <row r="720073" spans="14:14">
      <c r="N720073" s="10"/>
    </row>
    <row r="720074" spans="14:14">
      <c r="N720074" s="10"/>
    </row>
    <row r="720075" spans="14:14">
      <c r="N720075" s="10"/>
    </row>
    <row r="720076" spans="14:14">
      <c r="N720076" s="10"/>
    </row>
    <row r="720077" spans="14:14">
      <c r="N720077" s="10"/>
    </row>
    <row r="720078" spans="14:14">
      <c r="N720078" s="10"/>
    </row>
    <row r="720079" spans="14:14">
      <c r="N720079" s="10"/>
    </row>
    <row r="720080" spans="14:14">
      <c r="N720080" s="10"/>
    </row>
    <row r="720081" spans="14:14">
      <c r="N720081" s="10"/>
    </row>
    <row r="720082" spans="14:14">
      <c r="N720082" s="10"/>
    </row>
    <row r="720083" spans="14:14">
      <c r="N720083" s="10"/>
    </row>
    <row r="720084" spans="14:14">
      <c r="N720084" s="10"/>
    </row>
    <row r="720085" spans="14:14">
      <c r="N720085" s="10"/>
    </row>
    <row r="720086" spans="14:14">
      <c r="N720086" s="10"/>
    </row>
    <row r="720087" spans="14:14">
      <c r="N720087" s="10"/>
    </row>
    <row r="720088" spans="14:14">
      <c r="N720088" s="10"/>
    </row>
    <row r="720089" spans="14:14">
      <c r="N720089" s="10"/>
    </row>
    <row r="720090" spans="14:14">
      <c r="N720090" s="10"/>
    </row>
    <row r="720091" spans="14:14">
      <c r="N720091" s="10"/>
    </row>
    <row r="720092" spans="14:14">
      <c r="N720092" s="10"/>
    </row>
    <row r="720093" spans="14:14">
      <c r="N720093" s="10"/>
    </row>
    <row r="720094" spans="14:14">
      <c r="N720094" s="10"/>
    </row>
    <row r="720095" spans="14:14">
      <c r="N720095" s="10"/>
    </row>
    <row r="720096" spans="14:14">
      <c r="N720096" s="10"/>
    </row>
    <row r="720097" spans="14:14">
      <c r="N720097" s="10"/>
    </row>
    <row r="720098" spans="14:14">
      <c r="N720098" s="10"/>
    </row>
    <row r="720099" spans="14:14">
      <c r="N720099" s="10"/>
    </row>
    <row r="720100" spans="14:14">
      <c r="N720100" s="10"/>
    </row>
    <row r="720101" spans="14:14">
      <c r="N720101" s="10"/>
    </row>
    <row r="720102" spans="14:14">
      <c r="N720102" s="10"/>
    </row>
    <row r="720103" spans="14:14">
      <c r="N720103" s="10"/>
    </row>
    <row r="720104" spans="14:14">
      <c r="N720104" s="10"/>
    </row>
    <row r="720105" spans="14:14">
      <c r="N720105" s="10"/>
    </row>
    <row r="720106" spans="14:14">
      <c r="N720106" s="10"/>
    </row>
    <row r="720107" spans="14:14">
      <c r="N720107" s="10"/>
    </row>
    <row r="720108" spans="14:14">
      <c r="N720108" s="10"/>
    </row>
    <row r="720109" spans="14:14">
      <c r="N720109" s="10"/>
    </row>
    <row r="720110" spans="14:14">
      <c r="N720110" s="10"/>
    </row>
    <row r="720111" spans="14:14">
      <c r="N720111" s="10"/>
    </row>
    <row r="720112" spans="14:14">
      <c r="N720112" s="10"/>
    </row>
    <row r="720113" spans="14:14">
      <c r="N720113" s="10"/>
    </row>
    <row r="720114" spans="14:14">
      <c r="N720114" s="10"/>
    </row>
    <row r="720115" spans="14:14">
      <c r="N720115" s="10"/>
    </row>
    <row r="720116" spans="14:14">
      <c r="N720116" s="10"/>
    </row>
    <row r="720117" spans="14:14">
      <c r="N720117" s="10"/>
    </row>
    <row r="720118" spans="14:14">
      <c r="N720118" s="10"/>
    </row>
    <row r="720119" spans="14:14">
      <c r="N720119" s="10"/>
    </row>
    <row r="720120" spans="14:14">
      <c r="N720120" s="10"/>
    </row>
    <row r="720121" spans="14:14">
      <c r="N720121" s="10"/>
    </row>
    <row r="720122" spans="14:14">
      <c r="N720122" s="10"/>
    </row>
    <row r="720123" spans="14:14">
      <c r="N720123" s="10"/>
    </row>
    <row r="720124" spans="14:14">
      <c r="N720124" s="10"/>
    </row>
    <row r="720125" spans="14:14">
      <c r="N720125" s="10"/>
    </row>
    <row r="720126" spans="14:14">
      <c r="N720126" s="10"/>
    </row>
    <row r="720127" spans="14:14">
      <c r="N720127" s="10"/>
    </row>
    <row r="720128" spans="14:14">
      <c r="N720128" s="10"/>
    </row>
    <row r="720129" spans="14:14">
      <c r="N720129" s="10"/>
    </row>
    <row r="720130" spans="14:14">
      <c r="N720130" s="10"/>
    </row>
    <row r="720131" spans="14:14">
      <c r="N720131" s="10"/>
    </row>
    <row r="720132" spans="14:14">
      <c r="N720132" s="10"/>
    </row>
    <row r="720133" spans="14:14">
      <c r="N720133" s="10"/>
    </row>
    <row r="720134" spans="14:14">
      <c r="N720134" s="10"/>
    </row>
    <row r="720135" spans="14:14">
      <c r="N720135" s="10"/>
    </row>
    <row r="720136" spans="14:14">
      <c r="N720136" s="10"/>
    </row>
    <row r="720137" spans="14:14">
      <c r="N720137" s="10"/>
    </row>
    <row r="720138" spans="14:14">
      <c r="N720138" s="10"/>
    </row>
    <row r="720139" spans="14:14">
      <c r="N720139" s="10"/>
    </row>
    <row r="720140" spans="14:14">
      <c r="N720140" s="10"/>
    </row>
    <row r="720141" spans="14:14">
      <c r="N720141" s="10"/>
    </row>
    <row r="720142" spans="14:14">
      <c r="N720142" s="10"/>
    </row>
    <row r="720143" spans="14:14">
      <c r="N720143" s="10"/>
    </row>
    <row r="720144" spans="14:14">
      <c r="N720144" s="10"/>
    </row>
    <row r="720145" spans="14:14">
      <c r="N720145" s="10"/>
    </row>
    <row r="720146" spans="14:14">
      <c r="N720146" s="10"/>
    </row>
    <row r="720147" spans="14:14">
      <c r="N720147" s="10"/>
    </row>
    <row r="720148" spans="14:14">
      <c r="N720148" s="10"/>
    </row>
    <row r="720149" spans="14:14">
      <c r="N720149" s="10"/>
    </row>
    <row r="720150" spans="14:14">
      <c r="N720150" s="10"/>
    </row>
    <row r="720151" spans="14:14">
      <c r="N720151" s="10"/>
    </row>
    <row r="720152" spans="14:14">
      <c r="N720152" s="10"/>
    </row>
    <row r="720153" spans="14:14">
      <c r="N720153" s="10"/>
    </row>
    <row r="720154" spans="14:14">
      <c r="N720154" s="10"/>
    </row>
    <row r="720155" spans="14:14">
      <c r="N720155" s="10"/>
    </row>
    <row r="720156" spans="14:14">
      <c r="N720156" s="10"/>
    </row>
    <row r="720157" spans="14:14">
      <c r="N720157" s="10"/>
    </row>
    <row r="720158" spans="14:14">
      <c r="N720158" s="10"/>
    </row>
    <row r="720159" spans="14:14">
      <c r="N720159" s="10"/>
    </row>
    <row r="720160" spans="14:14">
      <c r="N720160" s="10"/>
    </row>
    <row r="720161" spans="14:14">
      <c r="N720161" s="10"/>
    </row>
    <row r="720162" spans="14:14">
      <c r="N720162" s="10"/>
    </row>
    <row r="720163" spans="14:14">
      <c r="N720163" s="10"/>
    </row>
    <row r="720164" spans="14:14">
      <c r="N720164" s="10"/>
    </row>
    <row r="720165" spans="14:14">
      <c r="N720165" s="10"/>
    </row>
    <row r="720166" spans="14:14">
      <c r="N720166" s="10"/>
    </row>
    <row r="720167" spans="14:14">
      <c r="N720167" s="10"/>
    </row>
    <row r="720168" spans="14:14">
      <c r="N720168" s="10"/>
    </row>
    <row r="720169" spans="14:14">
      <c r="N720169" s="10"/>
    </row>
    <row r="720170" spans="14:14">
      <c r="N720170" s="10"/>
    </row>
    <row r="720171" spans="14:14">
      <c r="N720171" s="10"/>
    </row>
    <row r="720172" spans="14:14">
      <c r="N720172" s="10"/>
    </row>
    <row r="720173" spans="14:14">
      <c r="N720173" s="10"/>
    </row>
    <row r="720174" spans="14:14">
      <c r="N720174" s="10"/>
    </row>
    <row r="720175" spans="14:14">
      <c r="N720175" s="10"/>
    </row>
    <row r="720176" spans="14:14">
      <c r="N720176" s="10"/>
    </row>
    <row r="720177" spans="14:14">
      <c r="N720177" s="10"/>
    </row>
    <row r="720178" spans="14:14">
      <c r="N720178" s="10"/>
    </row>
    <row r="720179" spans="14:14">
      <c r="N720179" s="10"/>
    </row>
    <row r="720180" spans="14:14">
      <c r="N720180" s="10"/>
    </row>
    <row r="720181" spans="14:14">
      <c r="N720181" s="10"/>
    </row>
    <row r="720182" spans="14:14">
      <c r="N720182" s="10"/>
    </row>
    <row r="720183" spans="14:14">
      <c r="N720183" s="10"/>
    </row>
    <row r="720184" spans="14:14">
      <c r="N720184" s="10"/>
    </row>
    <row r="720185" spans="14:14">
      <c r="N720185" s="10"/>
    </row>
    <row r="720186" spans="14:14">
      <c r="N720186" s="10"/>
    </row>
    <row r="720187" spans="14:14">
      <c r="N720187" s="10"/>
    </row>
    <row r="720188" spans="14:14">
      <c r="N720188" s="10"/>
    </row>
    <row r="720189" spans="14:14">
      <c r="N720189" s="10"/>
    </row>
    <row r="720190" spans="14:14">
      <c r="N720190" s="10"/>
    </row>
    <row r="720191" spans="14:14">
      <c r="N720191" s="10"/>
    </row>
    <row r="720192" spans="14:14">
      <c r="N720192" s="10"/>
    </row>
    <row r="720193" spans="14:14">
      <c r="N720193" s="10"/>
    </row>
    <row r="720194" spans="14:14">
      <c r="N720194" s="10"/>
    </row>
    <row r="720195" spans="14:14">
      <c r="N720195" s="10"/>
    </row>
    <row r="720196" spans="14:14">
      <c r="N720196" s="10"/>
    </row>
    <row r="720197" spans="14:14">
      <c r="N720197" s="10"/>
    </row>
    <row r="720198" spans="14:14">
      <c r="N720198" s="10"/>
    </row>
    <row r="720199" spans="14:14">
      <c r="N720199" s="10"/>
    </row>
    <row r="720200" spans="14:14">
      <c r="N720200" s="10"/>
    </row>
    <row r="720201" spans="14:14">
      <c r="N720201" s="10"/>
    </row>
    <row r="720202" spans="14:14">
      <c r="N720202" s="10"/>
    </row>
    <row r="720203" spans="14:14">
      <c r="N720203" s="10"/>
    </row>
    <row r="720204" spans="14:14">
      <c r="N720204" s="10"/>
    </row>
    <row r="720205" spans="14:14">
      <c r="N720205" s="10"/>
    </row>
    <row r="720206" spans="14:14">
      <c r="N720206" s="10"/>
    </row>
    <row r="720207" spans="14:14">
      <c r="N720207" s="10"/>
    </row>
    <row r="720208" spans="14:14">
      <c r="N720208" s="10"/>
    </row>
    <row r="720209" spans="14:14">
      <c r="N720209" s="10"/>
    </row>
    <row r="720210" spans="14:14">
      <c r="N720210" s="10"/>
    </row>
    <row r="720211" spans="14:14">
      <c r="N720211" s="10"/>
    </row>
    <row r="720212" spans="14:14">
      <c r="N720212" s="10"/>
    </row>
    <row r="720213" spans="14:14">
      <c r="N720213" s="10"/>
    </row>
    <row r="720214" spans="14:14">
      <c r="N720214" s="10"/>
    </row>
    <row r="720215" spans="14:14">
      <c r="N720215" s="10"/>
    </row>
    <row r="720216" spans="14:14">
      <c r="N720216" s="10"/>
    </row>
    <row r="720217" spans="14:14">
      <c r="N720217" s="10"/>
    </row>
    <row r="720218" spans="14:14">
      <c r="N720218" s="10"/>
    </row>
    <row r="720219" spans="14:14">
      <c r="N720219" s="10"/>
    </row>
    <row r="720220" spans="14:14">
      <c r="N720220" s="10"/>
    </row>
    <row r="720221" spans="14:14">
      <c r="N720221" s="10"/>
    </row>
    <row r="720222" spans="14:14">
      <c r="N720222" s="10"/>
    </row>
    <row r="720223" spans="14:14">
      <c r="N720223" s="10"/>
    </row>
    <row r="720224" spans="14:14">
      <c r="N720224" s="10"/>
    </row>
    <row r="720225" spans="14:14">
      <c r="N720225" s="10"/>
    </row>
    <row r="720226" spans="14:14">
      <c r="N720226" s="10"/>
    </row>
    <row r="720227" spans="14:14">
      <c r="N720227" s="10"/>
    </row>
    <row r="720228" spans="14:14">
      <c r="N720228" s="10"/>
    </row>
    <row r="720229" spans="14:14">
      <c r="N720229" s="10"/>
    </row>
    <row r="720230" spans="14:14">
      <c r="N720230" s="10"/>
    </row>
    <row r="720231" spans="14:14">
      <c r="N720231" s="10"/>
    </row>
    <row r="720232" spans="14:14">
      <c r="N720232" s="10"/>
    </row>
    <row r="720233" spans="14:14">
      <c r="N720233" s="10"/>
    </row>
    <row r="720234" spans="14:14">
      <c r="N720234" s="10"/>
    </row>
    <row r="720235" spans="14:14">
      <c r="N720235" s="10"/>
    </row>
    <row r="720236" spans="14:14">
      <c r="N720236" s="10"/>
    </row>
    <row r="720237" spans="14:14">
      <c r="N720237" s="10"/>
    </row>
    <row r="720238" spans="14:14">
      <c r="N720238" s="10"/>
    </row>
    <row r="720239" spans="14:14">
      <c r="N720239" s="10"/>
    </row>
    <row r="720240" spans="14:14">
      <c r="N720240" s="10"/>
    </row>
    <row r="720241" spans="14:14">
      <c r="N720241" s="10"/>
    </row>
    <row r="720242" spans="14:14">
      <c r="N720242" s="10"/>
    </row>
    <row r="720243" spans="14:14">
      <c r="N720243" s="10"/>
    </row>
    <row r="720244" spans="14:14">
      <c r="N720244" s="10"/>
    </row>
    <row r="720245" spans="14:14">
      <c r="N720245" s="10"/>
    </row>
    <row r="720246" spans="14:14">
      <c r="N720246" s="10"/>
    </row>
    <row r="720247" spans="14:14">
      <c r="N720247" s="10"/>
    </row>
    <row r="720248" spans="14:14">
      <c r="N720248" s="10"/>
    </row>
    <row r="720249" spans="14:14">
      <c r="N720249" s="10"/>
    </row>
    <row r="720250" spans="14:14">
      <c r="N720250" s="10"/>
    </row>
    <row r="720251" spans="14:14">
      <c r="N720251" s="10"/>
    </row>
    <row r="720252" spans="14:14">
      <c r="N720252" s="10"/>
    </row>
    <row r="720253" spans="14:14">
      <c r="N720253" s="10"/>
    </row>
    <row r="720254" spans="14:14">
      <c r="N720254" s="10"/>
    </row>
    <row r="720255" spans="14:14">
      <c r="N720255" s="10"/>
    </row>
    <row r="720256" spans="14:14">
      <c r="N720256" s="10"/>
    </row>
    <row r="720257" spans="14:14">
      <c r="N720257" s="10"/>
    </row>
    <row r="720258" spans="14:14">
      <c r="N720258" s="10"/>
    </row>
    <row r="720259" spans="14:14">
      <c r="N720259" s="10"/>
    </row>
    <row r="720260" spans="14:14">
      <c r="N720260" s="10"/>
    </row>
    <row r="720261" spans="14:14">
      <c r="N720261" s="10"/>
    </row>
    <row r="720262" spans="14:14">
      <c r="N720262" s="10"/>
    </row>
    <row r="720263" spans="14:14">
      <c r="N720263" s="10"/>
    </row>
    <row r="720264" spans="14:14">
      <c r="N720264" s="10"/>
    </row>
    <row r="720265" spans="14:14">
      <c r="N720265" s="10"/>
    </row>
    <row r="720266" spans="14:14">
      <c r="N720266" s="10"/>
    </row>
    <row r="720267" spans="14:14">
      <c r="N720267" s="10"/>
    </row>
    <row r="720268" spans="14:14">
      <c r="N720268" s="10"/>
    </row>
    <row r="720269" spans="14:14">
      <c r="N720269" s="10"/>
    </row>
    <row r="720270" spans="14:14">
      <c r="N720270" s="10"/>
    </row>
    <row r="720271" spans="14:14">
      <c r="N720271" s="10"/>
    </row>
    <row r="720272" spans="14:14">
      <c r="N720272" s="10"/>
    </row>
    <row r="720273" spans="14:14">
      <c r="N720273" s="10"/>
    </row>
    <row r="720274" spans="14:14">
      <c r="N720274" s="10"/>
    </row>
    <row r="720275" spans="14:14">
      <c r="N720275" s="10"/>
    </row>
    <row r="720276" spans="14:14">
      <c r="N720276" s="10"/>
    </row>
    <row r="720277" spans="14:14">
      <c r="N720277" s="10"/>
    </row>
    <row r="720278" spans="14:14">
      <c r="N720278" s="10"/>
    </row>
    <row r="720279" spans="14:14">
      <c r="N720279" s="10"/>
    </row>
    <row r="720280" spans="14:14">
      <c r="N720280" s="10"/>
    </row>
    <row r="720281" spans="14:14">
      <c r="N720281" s="10"/>
    </row>
    <row r="720282" spans="14:14">
      <c r="N720282" s="10"/>
    </row>
    <row r="720283" spans="14:14">
      <c r="N720283" s="10"/>
    </row>
    <row r="720284" spans="14:14">
      <c r="N720284" s="10"/>
    </row>
    <row r="720285" spans="14:14">
      <c r="N720285" s="10"/>
    </row>
    <row r="720286" spans="14:14">
      <c r="N720286" s="10"/>
    </row>
    <row r="720287" spans="14:14">
      <c r="N720287" s="10"/>
    </row>
    <row r="720288" spans="14:14">
      <c r="N720288" s="10"/>
    </row>
    <row r="720289" spans="14:14">
      <c r="N720289" s="10"/>
    </row>
    <row r="720290" spans="14:14">
      <c r="N720290" s="10"/>
    </row>
    <row r="720291" spans="14:14">
      <c r="N720291" s="10"/>
    </row>
    <row r="720292" spans="14:14">
      <c r="N720292" s="10"/>
    </row>
    <row r="720293" spans="14:14">
      <c r="N720293" s="10"/>
    </row>
    <row r="720294" spans="14:14">
      <c r="N720294" s="10"/>
    </row>
    <row r="720295" spans="14:14">
      <c r="N720295" s="10"/>
    </row>
    <row r="720296" spans="14:14">
      <c r="N720296" s="10"/>
    </row>
    <row r="720297" spans="14:14">
      <c r="N720297" s="10"/>
    </row>
    <row r="720298" spans="14:14">
      <c r="N720298" s="10"/>
    </row>
    <row r="720299" spans="14:14">
      <c r="N720299" s="10"/>
    </row>
    <row r="720300" spans="14:14">
      <c r="N720300" s="10"/>
    </row>
    <row r="720301" spans="14:14">
      <c r="N720301" s="10"/>
    </row>
    <row r="720302" spans="14:14">
      <c r="N720302" s="10"/>
    </row>
    <row r="720303" spans="14:14">
      <c r="N720303" s="10"/>
    </row>
    <row r="720304" spans="14:14">
      <c r="N720304" s="10"/>
    </row>
    <row r="720305" spans="14:14">
      <c r="N720305" s="10"/>
    </row>
    <row r="720306" spans="14:14">
      <c r="N720306" s="10"/>
    </row>
    <row r="720307" spans="14:14">
      <c r="N720307" s="10"/>
    </row>
    <row r="720308" spans="14:14">
      <c r="N720308" s="10"/>
    </row>
    <row r="720309" spans="14:14">
      <c r="N720309" s="10"/>
    </row>
    <row r="720310" spans="14:14">
      <c r="N720310" s="10"/>
    </row>
    <row r="720311" spans="14:14">
      <c r="N720311" s="10"/>
    </row>
    <row r="720312" spans="14:14">
      <c r="N720312" s="10"/>
    </row>
    <row r="720313" spans="14:14">
      <c r="N720313" s="10"/>
    </row>
    <row r="720314" spans="14:14">
      <c r="N720314" s="10"/>
    </row>
    <row r="720315" spans="14:14">
      <c r="N720315" s="10"/>
    </row>
    <row r="720316" spans="14:14">
      <c r="N720316" s="10"/>
    </row>
    <row r="720317" spans="14:14">
      <c r="N720317" s="10"/>
    </row>
    <row r="720318" spans="14:14">
      <c r="N720318" s="10"/>
    </row>
    <row r="720319" spans="14:14">
      <c r="N720319" s="10"/>
    </row>
    <row r="720320" spans="14:14">
      <c r="N720320" s="10"/>
    </row>
    <row r="720321" spans="14:14">
      <c r="N720321" s="10"/>
    </row>
    <row r="720322" spans="14:14">
      <c r="N720322" s="10"/>
    </row>
    <row r="720323" spans="14:14">
      <c r="N720323" s="10"/>
    </row>
    <row r="720324" spans="14:14">
      <c r="N720324" s="10"/>
    </row>
    <row r="720325" spans="14:14">
      <c r="N720325" s="10"/>
    </row>
    <row r="720326" spans="14:14">
      <c r="N720326" s="10"/>
    </row>
    <row r="720327" spans="14:14">
      <c r="N720327" s="10"/>
    </row>
    <row r="720328" spans="14:14">
      <c r="N720328" s="10"/>
    </row>
    <row r="720329" spans="14:14">
      <c r="N720329" s="10"/>
    </row>
    <row r="720330" spans="14:14">
      <c r="N720330" s="10"/>
    </row>
    <row r="720331" spans="14:14">
      <c r="N720331" s="10"/>
    </row>
    <row r="720332" spans="14:14">
      <c r="N720332" s="10"/>
    </row>
    <row r="720333" spans="14:14">
      <c r="N720333" s="10"/>
    </row>
    <row r="720334" spans="14:14">
      <c r="N720334" s="10"/>
    </row>
    <row r="720335" spans="14:14">
      <c r="N720335" s="10"/>
    </row>
    <row r="720336" spans="14:14">
      <c r="N720336" s="10"/>
    </row>
    <row r="720337" spans="14:14">
      <c r="N720337" s="10"/>
    </row>
    <row r="720338" spans="14:14">
      <c r="N720338" s="10"/>
    </row>
    <row r="720339" spans="14:14">
      <c r="N720339" s="10"/>
    </row>
    <row r="720340" spans="14:14">
      <c r="N720340" s="10"/>
    </row>
    <row r="720341" spans="14:14">
      <c r="N720341" s="10"/>
    </row>
    <row r="720342" spans="14:14">
      <c r="N720342" s="10"/>
    </row>
    <row r="720343" spans="14:14">
      <c r="N720343" s="10"/>
    </row>
    <row r="720344" spans="14:14">
      <c r="N720344" s="10"/>
    </row>
    <row r="720345" spans="14:14">
      <c r="N720345" s="10"/>
    </row>
    <row r="720346" spans="14:14">
      <c r="N720346" s="10"/>
    </row>
    <row r="720347" spans="14:14">
      <c r="N720347" s="10"/>
    </row>
    <row r="720348" spans="14:14">
      <c r="N720348" s="10"/>
    </row>
    <row r="720349" spans="14:14">
      <c r="N720349" s="10"/>
    </row>
    <row r="720350" spans="14:14">
      <c r="N720350" s="10"/>
    </row>
    <row r="720351" spans="14:14">
      <c r="N720351" s="10"/>
    </row>
    <row r="720352" spans="14:14">
      <c r="N720352" s="10"/>
    </row>
    <row r="720353" spans="14:14">
      <c r="N720353" s="10"/>
    </row>
    <row r="720354" spans="14:14">
      <c r="N720354" s="10"/>
    </row>
    <row r="720355" spans="14:14">
      <c r="N720355" s="10"/>
    </row>
    <row r="720356" spans="14:14">
      <c r="N720356" s="10"/>
    </row>
    <row r="720357" spans="14:14">
      <c r="N720357" s="10"/>
    </row>
    <row r="720358" spans="14:14">
      <c r="N720358" s="10"/>
    </row>
    <row r="720359" spans="14:14">
      <c r="N720359" s="10"/>
    </row>
    <row r="720360" spans="14:14">
      <c r="N720360" s="10"/>
    </row>
    <row r="720361" spans="14:14">
      <c r="N720361" s="10"/>
    </row>
    <row r="720362" spans="14:14">
      <c r="N720362" s="10"/>
    </row>
    <row r="720363" spans="14:14">
      <c r="N720363" s="10"/>
    </row>
    <row r="720364" spans="14:14">
      <c r="N720364" s="10"/>
    </row>
    <row r="720365" spans="14:14">
      <c r="N720365" s="10"/>
    </row>
    <row r="720366" spans="14:14">
      <c r="N720366" s="10"/>
    </row>
    <row r="720367" spans="14:14">
      <c r="N720367" s="10"/>
    </row>
    <row r="720368" spans="14:14">
      <c r="N720368" s="10"/>
    </row>
    <row r="720369" spans="14:14">
      <c r="N720369" s="10"/>
    </row>
    <row r="720370" spans="14:14">
      <c r="N720370" s="10"/>
    </row>
    <row r="720371" spans="14:14">
      <c r="N720371" s="10"/>
    </row>
    <row r="720372" spans="14:14">
      <c r="N720372" s="10"/>
    </row>
    <row r="720373" spans="14:14">
      <c r="N720373" s="10"/>
    </row>
    <row r="720374" spans="14:14">
      <c r="N720374" s="10"/>
    </row>
    <row r="720375" spans="14:14">
      <c r="N720375" s="10"/>
    </row>
    <row r="720376" spans="14:14">
      <c r="N720376" s="10"/>
    </row>
    <row r="720377" spans="14:14">
      <c r="N720377" s="10"/>
    </row>
    <row r="720378" spans="14:14">
      <c r="N720378" s="10"/>
    </row>
    <row r="720379" spans="14:14">
      <c r="N720379" s="10"/>
    </row>
    <row r="720380" spans="14:14">
      <c r="N720380" s="10"/>
    </row>
    <row r="720381" spans="14:14">
      <c r="N720381" s="10"/>
    </row>
    <row r="720382" spans="14:14">
      <c r="N720382" s="10"/>
    </row>
    <row r="720383" spans="14:14">
      <c r="N720383" s="10"/>
    </row>
    <row r="720384" spans="14:14">
      <c r="N720384" s="10"/>
    </row>
    <row r="720385" spans="14:14">
      <c r="N720385" s="10"/>
    </row>
    <row r="720386" spans="14:14">
      <c r="N720386" s="10"/>
    </row>
    <row r="720387" spans="14:14">
      <c r="N720387" s="10"/>
    </row>
    <row r="720388" spans="14:14">
      <c r="N720388" s="10"/>
    </row>
    <row r="720389" spans="14:14">
      <c r="N720389" s="10"/>
    </row>
    <row r="720390" spans="14:14">
      <c r="N720390" s="10"/>
    </row>
    <row r="720391" spans="14:14">
      <c r="N720391" s="10"/>
    </row>
    <row r="720392" spans="14:14">
      <c r="N720392" s="10"/>
    </row>
    <row r="720393" spans="14:14">
      <c r="N720393" s="10"/>
    </row>
    <row r="720394" spans="14:14">
      <c r="N720394" s="10"/>
    </row>
    <row r="720395" spans="14:14">
      <c r="N720395" s="10"/>
    </row>
    <row r="720396" spans="14:14">
      <c r="N720396" s="10"/>
    </row>
    <row r="720397" spans="14:14">
      <c r="N720397" s="10"/>
    </row>
    <row r="720398" spans="14:14">
      <c r="N720398" s="10"/>
    </row>
    <row r="720399" spans="14:14">
      <c r="N720399" s="10"/>
    </row>
    <row r="720400" spans="14:14">
      <c r="N720400" s="10"/>
    </row>
    <row r="720401" spans="14:14">
      <c r="N720401" s="10"/>
    </row>
    <row r="720402" spans="14:14">
      <c r="N720402" s="10"/>
    </row>
    <row r="720403" spans="14:14">
      <c r="N720403" s="10"/>
    </row>
    <row r="720404" spans="14:14">
      <c r="N720404" s="10"/>
    </row>
    <row r="720405" spans="14:14">
      <c r="N720405" s="10"/>
    </row>
    <row r="720406" spans="14:14">
      <c r="N720406" s="10"/>
    </row>
    <row r="720407" spans="14:14">
      <c r="N720407" s="10"/>
    </row>
    <row r="720408" spans="14:14">
      <c r="N720408" s="10"/>
    </row>
    <row r="720409" spans="14:14">
      <c r="N720409" s="10"/>
    </row>
    <row r="720410" spans="14:14">
      <c r="N720410" s="10"/>
    </row>
    <row r="720411" spans="14:14">
      <c r="N720411" s="10"/>
    </row>
    <row r="720412" spans="14:14">
      <c r="N720412" s="10"/>
    </row>
    <row r="720413" spans="14:14">
      <c r="N720413" s="10"/>
    </row>
    <row r="720414" spans="14:14">
      <c r="N720414" s="10"/>
    </row>
    <row r="720415" spans="14:14">
      <c r="N720415" s="10"/>
    </row>
    <row r="720416" spans="14:14">
      <c r="N720416" s="10"/>
    </row>
    <row r="720417" spans="14:14">
      <c r="N720417" s="10"/>
    </row>
    <row r="720418" spans="14:14">
      <c r="N720418" s="10"/>
    </row>
    <row r="720419" spans="14:14">
      <c r="N720419" s="10"/>
    </row>
    <row r="720420" spans="14:14">
      <c r="N720420" s="10"/>
    </row>
    <row r="720421" spans="14:14">
      <c r="N720421" s="10"/>
    </row>
    <row r="720422" spans="14:14">
      <c r="N720422" s="10"/>
    </row>
    <row r="720423" spans="14:14">
      <c r="N720423" s="10"/>
    </row>
    <row r="720424" spans="14:14">
      <c r="N720424" s="10"/>
    </row>
    <row r="720425" spans="14:14">
      <c r="N720425" s="10"/>
    </row>
    <row r="720426" spans="14:14">
      <c r="N720426" s="10"/>
    </row>
    <row r="720427" spans="14:14">
      <c r="N720427" s="10"/>
    </row>
    <row r="720428" spans="14:14">
      <c r="N720428" s="10"/>
    </row>
    <row r="720429" spans="14:14">
      <c r="N720429" s="10"/>
    </row>
    <row r="720430" spans="14:14">
      <c r="N720430" s="10"/>
    </row>
    <row r="720431" spans="14:14">
      <c r="N720431" s="10"/>
    </row>
    <row r="720432" spans="14:14">
      <c r="N720432" s="10"/>
    </row>
    <row r="720433" spans="14:14">
      <c r="N720433" s="10"/>
    </row>
    <row r="720434" spans="14:14">
      <c r="N720434" s="10"/>
    </row>
    <row r="720435" spans="14:14">
      <c r="N720435" s="10"/>
    </row>
    <row r="720436" spans="14:14">
      <c r="N720436" s="10"/>
    </row>
    <row r="720437" spans="14:14">
      <c r="N720437" s="10"/>
    </row>
    <row r="720438" spans="14:14">
      <c r="N720438" s="10"/>
    </row>
    <row r="720439" spans="14:14">
      <c r="N720439" s="10"/>
    </row>
    <row r="720440" spans="14:14">
      <c r="N720440" s="10"/>
    </row>
    <row r="720441" spans="14:14">
      <c r="N720441" s="10"/>
    </row>
    <row r="720442" spans="14:14">
      <c r="N720442" s="10"/>
    </row>
    <row r="720443" spans="14:14">
      <c r="N720443" s="10"/>
    </row>
    <row r="720444" spans="14:14">
      <c r="N720444" s="10"/>
    </row>
    <row r="720445" spans="14:14">
      <c r="N720445" s="10"/>
    </row>
    <row r="720446" spans="14:14">
      <c r="N720446" s="10"/>
    </row>
    <row r="720447" spans="14:14">
      <c r="N720447" s="10"/>
    </row>
    <row r="720448" spans="14:14">
      <c r="N720448" s="10"/>
    </row>
    <row r="720449" spans="14:14">
      <c r="N720449" s="10"/>
    </row>
    <row r="720450" spans="14:14">
      <c r="N720450" s="10"/>
    </row>
    <row r="720451" spans="14:14">
      <c r="N720451" s="10"/>
    </row>
    <row r="720452" spans="14:14">
      <c r="N720452" s="10"/>
    </row>
    <row r="720453" spans="14:14">
      <c r="N720453" s="10"/>
    </row>
    <row r="720454" spans="14:14">
      <c r="N720454" s="10"/>
    </row>
    <row r="720455" spans="14:14">
      <c r="N720455" s="10"/>
    </row>
    <row r="720456" spans="14:14">
      <c r="N720456" s="10"/>
    </row>
    <row r="720457" spans="14:14">
      <c r="N720457" s="10"/>
    </row>
    <row r="720458" spans="14:14">
      <c r="N720458" s="10"/>
    </row>
    <row r="720459" spans="14:14">
      <c r="N720459" s="10"/>
    </row>
    <row r="720460" spans="14:14">
      <c r="N720460" s="10"/>
    </row>
    <row r="720461" spans="14:14">
      <c r="N720461" s="10"/>
    </row>
    <row r="720462" spans="14:14">
      <c r="N720462" s="10"/>
    </row>
    <row r="720463" spans="14:14">
      <c r="N720463" s="10"/>
    </row>
    <row r="720464" spans="14:14">
      <c r="N720464" s="10"/>
    </row>
    <row r="720465" spans="14:14">
      <c r="N720465" s="10"/>
    </row>
    <row r="720466" spans="14:14">
      <c r="N720466" s="10"/>
    </row>
    <row r="720467" spans="14:14">
      <c r="N720467" s="10"/>
    </row>
    <row r="720468" spans="14:14">
      <c r="N720468" s="10"/>
    </row>
    <row r="720469" spans="14:14">
      <c r="N720469" s="10"/>
    </row>
    <row r="720470" spans="14:14">
      <c r="N720470" s="10"/>
    </row>
    <row r="720471" spans="14:14">
      <c r="N720471" s="10"/>
    </row>
    <row r="720472" spans="14:14">
      <c r="N720472" s="10"/>
    </row>
    <row r="720473" spans="14:14">
      <c r="N720473" s="10"/>
    </row>
    <row r="720474" spans="14:14">
      <c r="N720474" s="10"/>
    </row>
    <row r="720475" spans="14:14">
      <c r="N720475" s="10"/>
    </row>
    <row r="720476" spans="14:14">
      <c r="N720476" s="10"/>
    </row>
    <row r="720477" spans="14:14">
      <c r="N720477" s="10"/>
    </row>
    <row r="720478" spans="14:14">
      <c r="N720478" s="10"/>
    </row>
    <row r="720479" spans="14:14">
      <c r="N720479" s="10"/>
    </row>
    <row r="720480" spans="14:14">
      <c r="N720480" s="10"/>
    </row>
    <row r="720481" spans="14:14">
      <c r="N720481" s="10"/>
    </row>
    <row r="720482" spans="14:14">
      <c r="N720482" s="10"/>
    </row>
    <row r="720483" spans="14:14">
      <c r="N720483" s="10"/>
    </row>
    <row r="720484" spans="14:14">
      <c r="N720484" s="10"/>
    </row>
    <row r="720485" spans="14:14">
      <c r="N720485" s="10"/>
    </row>
    <row r="720486" spans="14:14">
      <c r="N720486" s="10"/>
    </row>
    <row r="720487" spans="14:14">
      <c r="N720487" s="10"/>
    </row>
    <row r="720488" spans="14:14">
      <c r="N720488" s="10"/>
    </row>
    <row r="720489" spans="14:14">
      <c r="N720489" s="10"/>
    </row>
    <row r="720490" spans="14:14">
      <c r="N720490" s="10"/>
    </row>
    <row r="720491" spans="14:14">
      <c r="N720491" s="10"/>
    </row>
    <row r="720492" spans="14:14">
      <c r="N720492" s="10"/>
    </row>
    <row r="720493" spans="14:14">
      <c r="N720493" s="10"/>
    </row>
    <row r="720494" spans="14:14">
      <c r="N720494" s="10"/>
    </row>
    <row r="720495" spans="14:14">
      <c r="N720495" s="10"/>
    </row>
    <row r="720496" spans="14:14">
      <c r="N720496" s="10"/>
    </row>
    <row r="720497" spans="14:14">
      <c r="N720497" s="10"/>
    </row>
    <row r="720498" spans="14:14">
      <c r="N720498" s="10"/>
    </row>
    <row r="720499" spans="14:14">
      <c r="N720499" s="10"/>
    </row>
    <row r="720500" spans="14:14">
      <c r="N720500" s="10"/>
    </row>
    <row r="720501" spans="14:14">
      <c r="N720501" s="10"/>
    </row>
    <row r="720502" spans="14:14">
      <c r="N720502" s="10"/>
    </row>
    <row r="720503" spans="14:14">
      <c r="N720503" s="10"/>
    </row>
    <row r="720504" spans="14:14">
      <c r="N720504" s="10"/>
    </row>
    <row r="720505" spans="14:14">
      <c r="N720505" s="10"/>
    </row>
    <row r="720506" spans="14:14">
      <c r="N720506" s="10"/>
    </row>
    <row r="720507" spans="14:14">
      <c r="N720507" s="10"/>
    </row>
    <row r="720508" spans="14:14">
      <c r="N720508" s="10"/>
    </row>
    <row r="720509" spans="14:14">
      <c r="N720509" s="10"/>
    </row>
    <row r="720510" spans="14:14">
      <c r="N720510" s="10"/>
    </row>
    <row r="720511" spans="14:14">
      <c r="N720511" s="10"/>
    </row>
    <row r="720512" spans="14:14">
      <c r="N720512" s="10"/>
    </row>
    <row r="720513" spans="14:14">
      <c r="N720513" s="10"/>
    </row>
    <row r="720514" spans="14:14">
      <c r="N720514" s="10"/>
    </row>
    <row r="720515" spans="14:14">
      <c r="N720515" s="10"/>
    </row>
    <row r="720516" spans="14:14">
      <c r="N720516" s="10"/>
    </row>
    <row r="720517" spans="14:14">
      <c r="N720517" s="10"/>
    </row>
    <row r="720518" spans="14:14">
      <c r="N720518" s="10"/>
    </row>
    <row r="720519" spans="14:14">
      <c r="N720519" s="10"/>
    </row>
    <row r="720520" spans="14:14">
      <c r="N720520" s="10"/>
    </row>
    <row r="720521" spans="14:14">
      <c r="N720521" s="10"/>
    </row>
    <row r="720522" spans="14:14">
      <c r="N720522" s="10"/>
    </row>
    <row r="720523" spans="14:14">
      <c r="N720523" s="10"/>
    </row>
    <row r="720524" spans="14:14">
      <c r="N720524" s="10"/>
    </row>
    <row r="720525" spans="14:14">
      <c r="N720525" s="10"/>
    </row>
    <row r="720526" spans="14:14">
      <c r="N720526" s="10"/>
    </row>
    <row r="720527" spans="14:14">
      <c r="N720527" s="10"/>
    </row>
    <row r="720528" spans="14:14">
      <c r="N720528" s="10"/>
    </row>
    <row r="720529" spans="14:14">
      <c r="N720529" s="10"/>
    </row>
    <row r="720530" spans="14:14">
      <c r="N720530" s="10"/>
    </row>
    <row r="720531" spans="14:14">
      <c r="N720531" s="10"/>
    </row>
    <row r="720532" spans="14:14">
      <c r="N720532" s="10"/>
    </row>
    <row r="720533" spans="14:14">
      <c r="N720533" s="10"/>
    </row>
    <row r="720534" spans="14:14">
      <c r="N720534" s="10"/>
    </row>
    <row r="720535" spans="14:14">
      <c r="N720535" s="10"/>
    </row>
    <row r="720536" spans="14:14">
      <c r="N720536" s="10"/>
    </row>
    <row r="720537" spans="14:14">
      <c r="N720537" s="10"/>
    </row>
    <row r="720538" spans="14:14">
      <c r="N720538" s="10"/>
    </row>
    <row r="720539" spans="14:14">
      <c r="N720539" s="10"/>
    </row>
    <row r="720540" spans="14:14">
      <c r="N720540" s="10"/>
    </row>
    <row r="720541" spans="14:14">
      <c r="N720541" s="10"/>
    </row>
    <row r="720542" spans="14:14">
      <c r="N720542" s="10"/>
    </row>
    <row r="720543" spans="14:14">
      <c r="N720543" s="10"/>
    </row>
    <row r="720544" spans="14:14">
      <c r="N720544" s="10"/>
    </row>
    <row r="720545" spans="14:14">
      <c r="N720545" s="10"/>
    </row>
    <row r="720546" spans="14:14">
      <c r="N720546" s="10"/>
    </row>
    <row r="720547" spans="14:14">
      <c r="N720547" s="10"/>
    </row>
    <row r="720548" spans="14:14">
      <c r="N720548" s="10"/>
    </row>
    <row r="720549" spans="14:14">
      <c r="N720549" s="10"/>
    </row>
    <row r="720550" spans="14:14">
      <c r="N720550" s="10"/>
    </row>
    <row r="720551" spans="14:14">
      <c r="N720551" s="10"/>
    </row>
    <row r="720552" spans="14:14">
      <c r="N720552" s="10"/>
    </row>
    <row r="720553" spans="14:14">
      <c r="N720553" s="10"/>
    </row>
    <row r="720554" spans="14:14">
      <c r="N720554" s="10"/>
    </row>
    <row r="720555" spans="14:14">
      <c r="N720555" s="10"/>
    </row>
    <row r="720556" spans="14:14">
      <c r="N720556" s="10"/>
    </row>
    <row r="720557" spans="14:14">
      <c r="N720557" s="10"/>
    </row>
    <row r="720558" spans="14:14">
      <c r="N720558" s="10"/>
    </row>
    <row r="720559" spans="14:14">
      <c r="N720559" s="10"/>
    </row>
    <row r="720560" spans="14:14">
      <c r="N720560" s="10"/>
    </row>
    <row r="720561" spans="14:14">
      <c r="N720561" s="10"/>
    </row>
    <row r="720562" spans="14:14">
      <c r="N720562" s="10"/>
    </row>
    <row r="720563" spans="14:14">
      <c r="N720563" s="10"/>
    </row>
    <row r="720564" spans="14:14">
      <c r="N720564" s="10"/>
    </row>
    <row r="720565" spans="14:14">
      <c r="N720565" s="10"/>
    </row>
    <row r="720566" spans="14:14">
      <c r="N720566" s="10"/>
    </row>
    <row r="720567" spans="14:14">
      <c r="N720567" s="10"/>
    </row>
    <row r="720568" spans="14:14">
      <c r="N720568" s="10"/>
    </row>
    <row r="720569" spans="14:14">
      <c r="N720569" s="10"/>
    </row>
    <row r="720570" spans="14:14">
      <c r="N720570" s="10"/>
    </row>
    <row r="720571" spans="14:14">
      <c r="N720571" s="10"/>
    </row>
    <row r="720572" spans="14:14">
      <c r="N720572" s="10"/>
    </row>
    <row r="720573" spans="14:14">
      <c r="N720573" s="10"/>
    </row>
    <row r="720574" spans="14:14">
      <c r="N720574" s="10"/>
    </row>
    <row r="720575" spans="14:14">
      <c r="N720575" s="10"/>
    </row>
    <row r="720576" spans="14:14">
      <c r="N720576" s="10"/>
    </row>
    <row r="720577" spans="14:14">
      <c r="N720577" s="10"/>
    </row>
    <row r="720578" spans="14:14">
      <c r="N720578" s="10"/>
    </row>
    <row r="720579" spans="14:14">
      <c r="N720579" s="10"/>
    </row>
    <row r="720580" spans="14:14">
      <c r="N720580" s="10"/>
    </row>
    <row r="720581" spans="14:14">
      <c r="N720581" s="10"/>
    </row>
    <row r="720582" spans="14:14">
      <c r="N720582" s="10"/>
    </row>
    <row r="720583" spans="14:14">
      <c r="N720583" s="10"/>
    </row>
    <row r="720584" spans="14:14">
      <c r="N720584" s="10"/>
    </row>
    <row r="720585" spans="14:14">
      <c r="N720585" s="10"/>
    </row>
    <row r="720586" spans="14:14">
      <c r="N720586" s="10"/>
    </row>
    <row r="720587" spans="14:14">
      <c r="N720587" s="10"/>
    </row>
    <row r="720588" spans="14:14">
      <c r="N720588" s="10"/>
    </row>
    <row r="720589" spans="14:14">
      <c r="N720589" s="10"/>
    </row>
    <row r="720590" spans="14:14">
      <c r="N720590" s="10"/>
    </row>
    <row r="720591" spans="14:14">
      <c r="N720591" s="10"/>
    </row>
    <row r="720592" spans="14:14">
      <c r="N720592" s="10"/>
    </row>
    <row r="720593" spans="14:14">
      <c r="N720593" s="10"/>
    </row>
    <row r="720594" spans="14:14">
      <c r="N720594" s="10"/>
    </row>
    <row r="720595" spans="14:14">
      <c r="N720595" s="10"/>
    </row>
    <row r="720596" spans="14:14">
      <c r="N720596" s="10"/>
    </row>
    <row r="720597" spans="14:14">
      <c r="N720597" s="10"/>
    </row>
    <row r="720598" spans="14:14">
      <c r="N720598" s="10"/>
    </row>
    <row r="720599" spans="14:14">
      <c r="N720599" s="10"/>
    </row>
    <row r="720600" spans="14:14">
      <c r="N720600" s="10"/>
    </row>
    <row r="720601" spans="14:14">
      <c r="N720601" s="10"/>
    </row>
    <row r="720602" spans="14:14">
      <c r="N720602" s="10"/>
    </row>
    <row r="720603" spans="14:14">
      <c r="N720603" s="10"/>
    </row>
    <row r="720604" spans="14:14">
      <c r="N720604" s="10"/>
    </row>
    <row r="720605" spans="14:14">
      <c r="N720605" s="10"/>
    </row>
    <row r="720606" spans="14:14">
      <c r="N720606" s="10"/>
    </row>
    <row r="720607" spans="14:14">
      <c r="N720607" s="10"/>
    </row>
    <row r="720608" spans="14:14">
      <c r="N720608" s="10"/>
    </row>
    <row r="720609" spans="14:14">
      <c r="N720609" s="10"/>
    </row>
    <row r="720610" spans="14:14">
      <c r="N720610" s="10"/>
    </row>
    <row r="720611" spans="14:14">
      <c r="N720611" s="10"/>
    </row>
    <row r="720612" spans="14:14">
      <c r="N720612" s="10"/>
    </row>
    <row r="720613" spans="14:14">
      <c r="N720613" s="10"/>
    </row>
    <row r="720614" spans="14:14">
      <c r="N720614" s="10"/>
    </row>
    <row r="720615" spans="14:14">
      <c r="N720615" s="10"/>
    </row>
    <row r="720616" spans="14:14">
      <c r="N720616" s="10"/>
    </row>
    <row r="720617" spans="14:14">
      <c r="N720617" s="10"/>
    </row>
    <row r="720618" spans="14:14">
      <c r="N720618" s="10"/>
    </row>
    <row r="720619" spans="14:14">
      <c r="N720619" s="10"/>
    </row>
    <row r="720620" spans="14:14">
      <c r="N720620" s="10"/>
    </row>
    <row r="720621" spans="14:14">
      <c r="N720621" s="10"/>
    </row>
    <row r="720622" spans="14:14">
      <c r="N720622" s="10"/>
    </row>
    <row r="720623" spans="14:14">
      <c r="N720623" s="10"/>
    </row>
    <row r="720624" spans="14:14">
      <c r="N720624" s="10"/>
    </row>
    <row r="720625" spans="14:14">
      <c r="N720625" s="10"/>
    </row>
    <row r="720626" spans="14:14">
      <c r="N720626" s="10"/>
    </row>
    <row r="720627" spans="14:14">
      <c r="N720627" s="10"/>
    </row>
    <row r="720628" spans="14:14">
      <c r="N720628" s="10"/>
    </row>
    <row r="720629" spans="14:14">
      <c r="N720629" s="10"/>
    </row>
    <row r="720630" spans="14:14">
      <c r="N720630" s="10"/>
    </row>
    <row r="720631" spans="14:14">
      <c r="N720631" s="10"/>
    </row>
    <row r="720632" spans="14:14">
      <c r="N720632" s="10"/>
    </row>
    <row r="720633" spans="14:14">
      <c r="N720633" s="10"/>
    </row>
    <row r="720634" spans="14:14">
      <c r="N720634" s="10"/>
    </row>
    <row r="720635" spans="14:14">
      <c r="N720635" s="10"/>
    </row>
    <row r="720636" spans="14:14">
      <c r="N720636" s="10"/>
    </row>
    <row r="720637" spans="14:14">
      <c r="N720637" s="10"/>
    </row>
    <row r="720638" spans="14:14">
      <c r="N720638" s="10"/>
    </row>
    <row r="720639" spans="14:14">
      <c r="N720639" s="10"/>
    </row>
    <row r="720640" spans="14:14">
      <c r="N720640" s="10"/>
    </row>
    <row r="720641" spans="14:14">
      <c r="N720641" s="10"/>
    </row>
    <row r="720642" spans="14:14">
      <c r="N720642" s="10"/>
    </row>
    <row r="720643" spans="14:14">
      <c r="N720643" s="10"/>
    </row>
    <row r="720644" spans="14:14">
      <c r="N720644" s="10"/>
    </row>
    <row r="720645" spans="14:14">
      <c r="N720645" s="10"/>
    </row>
    <row r="720646" spans="14:14">
      <c r="N720646" s="10"/>
    </row>
    <row r="720647" spans="14:14">
      <c r="N720647" s="10"/>
    </row>
    <row r="720648" spans="14:14">
      <c r="N720648" s="10"/>
    </row>
    <row r="720649" spans="14:14">
      <c r="N720649" s="10"/>
    </row>
    <row r="720650" spans="14:14">
      <c r="N720650" s="10"/>
    </row>
    <row r="720651" spans="14:14">
      <c r="N720651" s="10"/>
    </row>
    <row r="720652" spans="14:14">
      <c r="N720652" s="10"/>
    </row>
    <row r="720653" spans="14:14">
      <c r="N720653" s="10"/>
    </row>
    <row r="720654" spans="14:14">
      <c r="N720654" s="10"/>
    </row>
    <row r="720655" spans="14:14">
      <c r="N720655" s="10"/>
    </row>
    <row r="720656" spans="14:14">
      <c r="N720656" s="10"/>
    </row>
    <row r="720657" spans="14:14">
      <c r="N720657" s="10"/>
    </row>
    <row r="720658" spans="14:14">
      <c r="N720658" s="10"/>
    </row>
    <row r="720659" spans="14:14">
      <c r="N720659" s="10"/>
    </row>
    <row r="720660" spans="14:14">
      <c r="N720660" s="10"/>
    </row>
    <row r="720661" spans="14:14">
      <c r="N720661" s="10"/>
    </row>
    <row r="720662" spans="14:14">
      <c r="N720662" s="10"/>
    </row>
    <row r="720663" spans="14:14">
      <c r="N720663" s="10"/>
    </row>
    <row r="720664" spans="14:14">
      <c r="N720664" s="10"/>
    </row>
    <row r="720665" spans="14:14">
      <c r="N720665" s="10"/>
    </row>
    <row r="720666" spans="14:14">
      <c r="N720666" s="10"/>
    </row>
    <row r="720667" spans="14:14">
      <c r="N720667" s="10"/>
    </row>
    <row r="720668" spans="14:14">
      <c r="N720668" s="10"/>
    </row>
    <row r="720669" spans="14:14">
      <c r="N720669" s="10"/>
    </row>
    <row r="720670" spans="14:14">
      <c r="N720670" s="10"/>
    </row>
    <row r="720671" spans="14:14">
      <c r="N720671" s="10"/>
    </row>
    <row r="720672" spans="14:14">
      <c r="N720672" s="10"/>
    </row>
    <row r="720673" spans="14:14">
      <c r="N720673" s="10"/>
    </row>
    <row r="720674" spans="14:14">
      <c r="N720674" s="10"/>
    </row>
    <row r="720675" spans="14:14">
      <c r="N720675" s="10"/>
    </row>
    <row r="720676" spans="14:14">
      <c r="N720676" s="10"/>
    </row>
    <row r="720677" spans="14:14">
      <c r="N720677" s="10"/>
    </row>
    <row r="720678" spans="14:14">
      <c r="N720678" s="10"/>
    </row>
    <row r="720679" spans="14:14">
      <c r="N720679" s="10"/>
    </row>
    <row r="720680" spans="14:14">
      <c r="N720680" s="10"/>
    </row>
    <row r="720681" spans="14:14">
      <c r="N720681" s="10"/>
    </row>
    <row r="720682" spans="14:14">
      <c r="N720682" s="10"/>
    </row>
    <row r="720683" spans="14:14">
      <c r="N720683" s="10"/>
    </row>
    <row r="720684" spans="14:14">
      <c r="N720684" s="10"/>
    </row>
    <row r="720685" spans="14:14">
      <c r="N720685" s="10"/>
    </row>
    <row r="720686" spans="14:14">
      <c r="N720686" s="10"/>
    </row>
    <row r="720687" spans="14:14">
      <c r="N720687" s="10"/>
    </row>
    <row r="720688" spans="14:14">
      <c r="N720688" s="10"/>
    </row>
    <row r="720689" spans="14:14">
      <c r="N720689" s="10"/>
    </row>
    <row r="720690" spans="14:14">
      <c r="N720690" s="10"/>
    </row>
    <row r="720691" spans="14:14">
      <c r="N720691" s="10"/>
    </row>
    <row r="720692" spans="14:14">
      <c r="N720692" s="10"/>
    </row>
    <row r="720693" spans="14:14">
      <c r="N720693" s="10"/>
    </row>
    <row r="720694" spans="14:14">
      <c r="N720694" s="10"/>
    </row>
    <row r="720695" spans="14:14">
      <c r="N720695" s="10"/>
    </row>
    <row r="720696" spans="14:14">
      <c r="N720696" s="10"/>
    </row>
    <row r="720697" spans="14:14">
      <c r="N720697" s="10"/>
    </row>
    <row r="720698" spans="14:14">
      <c r="N720698" s="10"/>
    </row>
    <row r="720699" spans="14:14">
      <c r="N720699" s="10"/>
    </row>
    <row r="720700" spans="14:14">
      <c r="N720700" s="10"/>
    </row>
    <row r="720701" spans="14:14">
      <c r="N720701" s="10"/>
    </row>
    <row r="720702" spans="14:14">
      <c r="N720702" s="10"/>
    </row>
    <row r="720703" spans="14:14">
      <c r="N720703" s="10"/>
    </row>
    <row r="720704" spans="14:14">
      <c r="N720704" s="10"/>
    </row>
    <row r="720705" spans="14:14">
      <c r="N720705" s="10"/>
    </row>
    <row r="720706" spans="14:14">
      <c r="N720706" s="10"/>
    </row>
    <row r="720707" spans="14:14">
      <c r="N720707" s="10"/>
    </row>
    <row r="720708" spans="14:14">
      <c r="N720708" s="10"/>
    </row>
    <row r="720709" spans="14:14">
      <c r="N720709" s="10"/>
    </row>
    <row r="720710" spans="14:14">
      <c r="N720710" s="10"/>
    </row>
    <row r="720711" spans="14:14">
      <c r="N720711" s="10"/>
    </row>
    <row r="720712" spans="14:14">
      <c r="N720712" s="10"/>
    </row>
    <row r="720713" spans="14:14">
      <c r="N720713" s="10"/>
    </row>
    <row r="720714" spans="14:14">
      <c r="N720714" s="10"/>
    </row>
    <row r="720715" spans="14:14">
      <c r="N720715" s="10"/>
    </row>
    <row r="720716" spans="14:14">
      <c r="N720716" s="10"/>
    </row>
    <row r="720717" spans="14:14">
      <c r="N720717" s="10"/>
    </row>
    <row r="720718" spans="14:14">
      <c r="N720718" s="10"/>
    </row>
    <row r="720719" spans="14:14">
      <c r="N720719" s="10"/>
    </row>
    <row r="720720" spans="14:14">
      <c r="N720720" s="10"/>
    </row>
    <row r="720721" spans="14:14">
      <c r="N720721" s="10"/>
    </row>
    <row r="720722" spans="14:14">
      <c r="N720722" s="10"/>
    </row>
    <row r="720723" spans="14:14">
      <c r="N720723" s="10"/>
    </row>
    <row r="720724" spans="14:14">
      <c r="N720724" s="10"/>
    </row>
    <row r="720725" spans="14:14">
      <c r="N720725" s="10"/>
    </row>
    <row r="720726" spans="14:14">
      <c r="N720726" s="10"/>
    </row>
    <row r="720727" spans="14:14">
      <c r="N720727" s="10"/>
    </row>
    <row r="720728" spans="14:14">
      <c r="N720728" s="10"/>
    </row>
    <row r="720729" spans="14:14">
      <c r="N720729" s="10"/>
    </row>
    <row r="720730" spans="14:14">
      <c r="N720730" s="10"/>
    </row>
    <row r="720731" spans="14:14">
      <c r="N720731" s="10"/>
    </row>
    <row r="720732" spans="14:14">
      <c r="N720732" s="10"/>
    </row>
    <row r="720733" spans="14:14">
      <c r="N720733" s="10"/>
    </row>
    <row r="720734" spans="14:14">
      <c r="N720734" s="10"/>
    </row>
    <row r="720735" spans="14:14">
      <c r="N720735" s="10"/>
    </row>
    <row r="720736" spans="14:14">
      <c r="N720736" s="10"/>
    </row>
    <row r="720737" spans="14:14">
      <c r="N720737" s="10"/>
    </row>
    <row r="720738" spans="14:14">
      <c r="N720738" s="10"/>
    </row>
    <row r="720739" spans="14:14">
      <c r="N720739" s="10"/>
    </row>
    <row r="720740" spans="14:14">
      <c r="N720740" s="10"/>
    </row>
    <row r="720741" spans="14:14">
      <c r="N720741" s="10"/>
    </row>
    <row r="720742" spans="14:14">
      <c r="N720742" s="10"/>
    </row>
    <row r="720743" spans="14:14">
      <c r="N720743" s="10"/>
    </row>
    <row r="720744" spans="14:14">
      <c r="N720744" s="10"/>
    </row>
    <row r="720745" spans="14:14">
      <c r="N720745" s="10"/>
    </row>
    <row r="720746" spans="14:14">
      <c r="N720746" s="10"/>
    </row>
    <row r="720747" spans="14:14">
      <c r="N720747" s="10"/>
    </row>
    <row r="720748" spans="14:14">
      <c r="N720748" s="10"/>
    </row>
    <row r="720749" spans="14:14">
      <c r="N720749" s="10"/>
    </row>
    <row r="720750" spans="14:14">
      <c r="N720750" s="10"/>
    </row>
    <row r="720751" spans="14:14">
      <c r="N720751" s="10"/>
    </row>
    <row r="720752" spans="14:14">
      <c r="N720752" s="10"/>
    </row>
    <row r="720753" spans="14:14">
      <c r="N720753" s="10"/>
    </row>
    <row r="720754" spans="14:14">
      <c r="N720754" s="10"/>
    </row>
    <row r="720755" spans="14:14">
      <c r="N720755" s="10"/>
    </row>
    <row r="720756" spans="14:14">
      <c r="N720756" s="10"/>
    </row>
    <row r="720757" spans="14:14">
      <c r="N720757" s="10"/>
    </row>
    <row r="720758" spans="14:14">
      <c r="N720758" s="10"/>
    </row>
    <row r="720759" spans="14:14">
      <c r="N720759" s="10"/>
    </row>
    <row r="720760" spans="14:14">
      <c r="N720760" s="10"/>
    </row>
    <row r="720761" spans="14:14">
      <c r="N720761" s="10"/>
    </row>
    <row r="720762" spans="14:14">
      <c r="N720762" s="10"/>
    </row>
    <row r="720763" spans="14:14">
      <c r="N720763" s="10"/>
    </row>
    <row r="720764" spans="14:14">
      <c r="N720764" s="10"/>
    </row>
    <row r="720765" spans="14:14">
      <c r="N720765" s="10"/>
    </row>
    <row r="720766" spans="14:14">
      <c r="N720766" s="10"/>
    </row>
    <row r="720767" spans="14:14">
      <c r="N720767" s="10"/>
    </row>
    <row r="720768" spans="14:14">
      <c r="N720768" s="10"/>
    </row>
    <row r="720769" spans="14:14">
      <c r="N720769" s="10"/>
    </row>
    <row r="720770" spans="14:14">
      <c r="N720770" s="10"/>
    </row>
    <row r="720771" spans="14:14">
      <c r="N720771" s="10"/>
    </row>
    <row r="720772" spans="14:14">
      <c r="N720772" s="10"/>
    </row>
    <row r="720773" spans="14:14">
      <c r="N720773" s="10"/>
    </row>
    <row r="720774" spans="14:14">
      <c r="N720774" s="10"/>
    </row>
    <row r="720775" spans="14:14">
      <c r="N720775" s="10"/>
    </row>
    <row r="720776" spans="14:14">
      <c r="N720776" s="10"/>
    </row>
    <row r="720777" spans="14:14">
      <c r="N720777" s="10"/>
    </row>
    <row r="720778" spans="14:14">
      <c r="N720778" s="10"/>
    </row>
    <row r="720779" spans="14:14">
      <c r="N720779" s="10"/>
    </row>
    <row r="720780" spans="14:14">
      <c r="N720780" s="10"/>
    </row>
    <row r="720781" spans="14:14">
      <c r="N720781" s="10"/>
    </row>
    <row r="720782" spans="14:14">
      <c r="N720782" s="10"/>
    </row>
    <row r="720783" spans="14:14">
      <c r="N720783" s="10"/>
    </row>
    <row r="720784" spans="14:14">
      <c r="N720784" s="10"/>
    </row>
    <row r="720785" spans="14:14">
      <c r="N720785" s="10"/>
    </row>
    <row r="720786" spans="14:14">
      <c r="N720786" s="10"/>
    </row>
    <row r="720787" spans="14:14">
      <c r="N720787" s="10"/>
    </row>
    <row r="720788" spans="14:14">
      <c r="N720788" s="10"/>
    </row>
    <row r="720789" spans="14:14">
      <c r="N720789" s="10"/>
    </row>
    <row r="720790" spans="14:14">
      <c r="N720790" s="10"/>
    </row>
    <row r="720791" spans="14:14">
      <c r="N720791" s="10"/>
    </row>
    <row r="720792" spans="14:14">
      <c r="N720792" s="10"/>
    </row>
    <row r="720793" spans="14:14">
      <c r="N720793" s="10"/>
    </row>
    <row r="720794" spans="14:14">
      <c r="N720794" s="10"/>
    </row>
    <row r="720795" spans="14:14">
      <c r="N720795" s="10"/>
    </row>
    <row r="720796" spans="14:14">
      <c r="N720796" s="10"/>
    </row>
    <row r="720797" spans="14:14">
      <c r="N720797" s="10"/>
    </row>
    <row r="720798" spans="14:14">
      <c r="N720798" s="10"/>
    </row>
    <row r="720799" spans="14:14">
      <c r="N720799" s="10"/>
    </row>
    <row r="720800" spans="14:14">
      <c r="N720800" s="10"/>
    </row>
    <row r="720801" spans="14:14">
      <c r="N720801" s="10"/>
    </row>
    <row r="720802" spans="14:14">
      <c r="N720802" s="10"/>
    </row>
    <row r="720803" spans="14:14">
      <c r="N720803" s="10"/>
    </row>
    <row r="720804" spans="14:14">
      <c r="N720804" s="10"/>
    </row>
    <row r="720805" spans="14:14">
      <c r="N720805" s="10"/>
    </row>
    <row r="720806" spans="14:14">
      <c r="N720806" s="10"/>
    </row>
    <row r="720807" spans="14:14">
      <c r="N720807" s="10"/>
    </row>
    <row r="720808" spans="14:14">
      <c r="N720808" s="10"/>
    </row>
    <row r="720809" spans="14:14">
      <c r="N720809" s="10"/>
    </row>
    <row r="720810" spans="14:14">
      <c r="N720810" s="10"/>
    </row>
    <row r="720811" spans="14:14">
      <c r="N720811" s="10"/>
    </row>
    <row r="720812" spans="14:14">
      <c r="N720812" s="10"/>
    </row>
    <row r="720813" spans="14:14">
      <c r="N720813" s="10"/>
    </row>
    <row r="720814" spans="14:14">
      <c r="N720814" s="10"/>
    </row>
    <row r="720815" spans="14:14">
      <c r="N720815" s="10"/>
    </row>
    <row r="720816" spans="14:14">
      <c r="N720816" s="10"/>
    </row>
    <row r="720817" spans="14:14">
      <c r="N720817" s="10"/>
    </row>
    <row r="720818" spans="14:14">
      <c r="N720818" s="10"/>
    </row>
    <row r="720819" spans="14:14">
      <c r="N720819" s="10"/>
    </row>
    <row r="720820" spans="14:14">
      <c r="N720820" s="10"/>
    </row>
    <row r="720821" spans="14:14">
      <c r="N720821" s="10"/>
    </row>
    <row r="720822" spans="14:14">
      <c r="N720822" s="10"/>
    </row>
    <row r="720823" spans="14:14">
      <c r="N720823" s="10"/>
    </row>
    <row r="720824" spans="14:14">
      <c r="N720824" s="10"/>
    </row>
    <row r="720825" spans="14:14">
      <c r="N720825" s="10"/>
    </row>
    <row r="720826" spans="14:14">
      <c r="N720826" s="10"/>
    </row>
    <row r="720827" spans="14:14">
      <c r="N720827" s="10"/>
    </row>
    <row r="720828" spans="14:14">
      <c r="N720828" s="10"/>
    </row>
    <row r="720829" spans="14:14">
      <c r="N720829" s="10"/>
    </row>
    <row r="720830" spans="14:14">
      <c r="N720830" s="10"/>
    </row>
    <row r="720831" spans="14:14">
      <c r="N720831" s="10"/>
    </row>
    <row r="720832" spans="14:14">
      <c r="N720832" s="10"/>
    </row>
    <row r="720833" spans="14:14">
      <c r="N720833" s="10"/>
    </row>
    <row r="720834" spans="14:14">
      <c r="N720834" s="10"/>
    </row>
    <row r="720835" spans="14:14">
      <c r="N720835" s="10"/>
    </row>
    <row r="720836" spans="14:14">
      <c r="N720836" s="10"/>
    </row>
    <row r="720837" spans="14:14">
      <c r="N720837" s="10"/>
    </row>
    <row r="720838" spans="14:14">
      <c r="N720838" s="10"/>
    </row>
    <row r="720839" spans="14:14">
      <c r="N720839" s="10"/>
    </row>
    <row r="720840" spans="14:14">
      <c r="N720840" s="10"/>
    </row>
    <row r="720841" spans="14:14">
      <c r="N720841" s="10"/>
    </row>
    <row r="720842" spans="14:14">
      <c r="N720842" s="10"/>
    </row>
    <row r="720843" spans="14:14">
      <c r="N720843" s="10"/>
    </row>
    <row r="720844" spans="14:14">
      <c r="N720844" s="10"/>
    </row>
    <row r="720845" spans="14:14">
      <c r="N720845" s="10"/>
    </row>
    <row r="720846" spans="14:14">
      <c r="N720846" s="10"/>
    </row>
    <row r="720847" spans="14:14">
      <c r="N720847" s="10"/>
    </row>
    <row r="720848" spans="14:14">
      <c r="N720848" s="10"/>
    </row>
    <row r="720849" spans="14:14">
      <c r="N720849" s="10"/>
    </row>
    <row r="720850" spans="14:14">
      <c r="N720850" s="10"/>
    </row>
    <row r="720851" spans="14:14">
      <c r="N720851" s="10"/>
    </row>
    <row r="720852" spans="14:14">
      <c r="N720852" s="10"/>
    </row>
    <row r="720853" spans="14:14">
      <c r="N720853" s="10"/>
    </row>
    <row r="720854" spans="14:14">
      <c r="N720854" s="10"/>
    </row>
    <row r="720855" spans="14:14">
      <c r="N720855" s="10"/>
    </row>
    <row r="720856" spans="14:14">
      <c r="N720856" s="10"/>
    </row>
    <row r="720857" spans="14:14">
      <c r="N720857" s="10"/>
    </row>
    <row r="720858" spans="14:14">
      <c r="N720858" s="10"/>
    </row>
    <row r="720859" spans="14:14">
      <c r="N720859" s="10"/>
    </row>
    <row r="720860" spans="14:14">
      <c r="N720860" s="10"/>
    </row>
    <row r="720861" spans="14:14">
      <c r="N720861" s="10"/>
    </row>
    <row r="720862" spans="14:14">
      <c r="N720862" s="10"/>
    </row>
    <row r="720863" spans="14:14">
      <c r="N720863" s="10"/>
    </row>
    <row r="720864" spans="14:14">
      <c r="N720864" s="10"/>
    </row>
    <row r="720865" spans="14:14">
      <c r="N720865" s="10"/>
    </row>
    <row r="720866" spans="14:14">
      <c r="N720866" s="10"/>
    </row>
    <row r="720867" spans="14:14">
      <c r="N720867" s="10"/>
    </row>
    <row r="720868" spans="14:14">
      <c r="N720868" s="10"/>
    </row>
    <row r="720869" spans="14:14">
      <c r="N720869" s="10"/>
    </row>
    <row r="720870" spans="14:14">
      <c r="N720870" s="10"/>
    </row>
    <row r="720871" spans="14:14">
      <c r="N720871" s="10"/>
    </row>
    <row r="720872" spans="14:14">
      <c r="N720872" s="10"/>
    </row>
    <row r="720873" spans="14:14">
      <c r="N720873" s="10"/>
    </row>
    <row r="720874" spans="14:14">
      <c r="N720874" s="10"/>
    </row>
    <row r="720875" spans="14:14">
      <c r="N720875" s="10"/>
    </row>
    <row r="720876" spans="14:14">
      <c r="N720876" s="10"/>
    </row>
    <row r="720877" spans="14:14">
      <c r="N720877" s="10"/>
    </row>
    <row r="720878" spans="14:14">
      <c r="N720878" s="10"/>
    </row>
    <row r="720879" spans="14:14">
      <c r="N720879" s="10"/>
    </row>
    <row r="720880" spans="14:14">
      <c r="N720880" s="10"/>
    </row>
    <row r="720881" spans="14:14">
      <c r="N720881" s="10"/>
    </row>
    <row r="720882" spans="14:14">
      <c r="N720882" s="10"/>
    </row>
    <row r="720883" spans="14:14">
      <c r="N720883" s="10"/>
    </row>
    <row r="720884" spans="14:14">
      <c r="N720884" s="10"/>
    </row>
    <row r="720885" spans="14:14">
      <c r="N720885" s="10"/>
    </row>
    <row r="720886" spans="14:14">
      <c r="N720886" s="10"/>
    </row>
    <row r="720887" spans="14:14">
      <c r="N720887" s="10"/>
    </row>
    <row r="720888" spans="14:14">
      <c r="N720888" s="10"/>
    </row>
    <row r="720889" spans="14:14">
      <c r="N720889" s="10"/>
    </row>
    <row r="720890" spans="14:14">
      <c r="N720890" s="10"/>
    </row>
    <row r="720891" spans="14:14">
      <c r="N720891" s="10"/>
    </row>
    <row r="720892" spans="14:14">
      <c r="N720892" s="10"/>
    </row>
    <row r="720893" spans="14:14">
      <c r="N720893" s="10"/>
    </row>
    <row r="720894" spans="14:14">
      <c r="N720894" s="10"/>
    </row>
    <row r="720895" spans="14:14">
      <c r="N720895" s="10"/>
    </row>
    <row r="720896" spans="14:14">
      <c r="N720896" s="10"/>
    </row>
    <row r="720897" spans="14:14">
      <c r="N720897" s="10"/>
    </row>
    <row r="720898" spans="14:14">
      <c r="N720898" s="10"/>
    </row>
    <row r="720899" spans="14:14">
      <c r="N720899" s="10"/>
    </row>
    <row r="720900" spans="14:14">
      <c r="N720900" s="10"/>
    </row>
    <row r="720901" spans="14:14">
      <c r="N720901" s="10"/>
    </row>
    <row r="720902" spans="14:14">
      <c r="N720902" s="10"/>
    </row>
    <row r="720903" spans="14:14">
      <c r="N720903" s="10"/>
    </row>
    <row r="720904" spans="14:14">
      <c r="N720904" s="10"/>
    </row>
    <row r="720905" spans="14:14">
      <c r="N720905" s="10"/>
    </row>
    <row r="720906" spans="14:14">
      <c r="N720906" s="10"/>
    </row>
    <row r="720907" spans="14:14">
      <c r="N720907" s="10"/>
    </row>
    <row r="720908" spans="14:14">
      <c r="N720908" s="10"/>
    </row>
    <row r="720909" spans="14:14">
      <c r="N720909" s="10"/>
    </row>
    <row r="720910" spans="14:14">
      <c r="N720910" s="10"/>
    </row>
    <row r="720911" spans="14:14">
      <c r="N720911" s="10"/>
    </row>
    <row r="720912" spans="14:14">
      <c r="N720912" s="10"/>
    </row>
    <row r="720913" spans="14:14">
      <c r="N720913" s="10"/>
    </row>
    <row r="720914" spans="14:14">
      <c r="N720914" s="10"/>
    </row>
    <row r="720915" spans="14:14">
      <c r="N720915" s="10"/>
    </row>
    <row r="720916" spans="14:14">
      <c r="N720916" s="10"/>
    </row>
    <row r="720917" spans="14:14">
      <c r="N720917" s="10"/>
    </row>
    <row r="720918" spans="14:14">
      <c r="N720918" s="10"/>
    </row>
    <row r="720919" spans="14:14">
      <c r="N720919" s="10"/>
    </row>
    <row r="720920" spans="14:14">
      <c r="N720920" s="10"/>
    </row>
    <row r="720921" spans="14:14">
      <c r="N720921" s="10"/>
    </row>
    <row r="720922" spans="14:14">
      <c r="N720922" s="10"/>
    </row>
    <row r="720923" spans="14:14">
      <c r="N720923" s="10"/>
    </row>
    <row r="720924" spans="14:14">
      <c r="N720924" s="10"/>
    </row>
    <row r="720925" spans="14:14">
      <c r="N720925" s="10"/>
    </row>
    <row r="720926" spans="14:14">
      <c r="N720926" s="10"/>
    </row>
    <row r="720927" spans="14:14">
      <c r="N720927" s="10"/>
    </row>
    <row r="720928" spans="14:14">
      <c r="N720928" s="10"/>
    </row>
    <row r="720929" spans="14:14">
      <c r="N720929" s="10"/>
    </row>
    <row r="720930" spans="14:14">
      <c r="N720930" s="10"/>
    </row>
    <row r="720931" spans="14:14">
      <c r="N720931" s="10"/>
    </row>
    <row r="720932" spans="14:14">
      <c r="N720932" s="10"/>
    </row>
    <row r="720933" spans="14:14">
      <c r="N720933" s="10"/>
    </row>
    <row r="720934" spans="14:14">
      <c r="N720934" s="10"/>
    </row>
    <row r="720935" spans="14:14">
      <c r="N720935" s="10"/>
    </row>
    <row r="720936" spans="14:14">
      <c r="N720936" s="10"/>
    </row>
    <row r="720937" spans="14:14">
      <c r="N720937" s="10"/>
    </row>
    <row r="720938" spans="14:14">
      <c r="N720938" s="10"/>
    </row>
    <row r="720939" spans="14:14">
      <c r="N720939" s="10"/>
    </row>
    <row r="720940" spans="14:14">
      <c r="N720940" s="10"/>
    </row>
    <row r="720941" spans="14:14">
      <c r="N720941" s="10"/>
    </row>
    <row r="720942" spans="14:14">
      <c r="N720942" s="10"/>
    </row>
    <row r="720943" spans="14:14">
      <c r="N720943" s="10"/>
    </row>
    <row r="720944" spans="14:14">
      <c r="N720944" s="10"/>
    </row>
    <row r="720945" spans="14:14">
      <c r="N720945" s="10"/>
    </row>
    <row r="720946" spans="14:14">
      <c r="N720946" s="10"/>
    </row>
    <row r="720947" spans="14:14">
      <c r="N720947" s="10"/>
    </row>
    <row r="720948" spans="14:14">
      <c r="N720948" s="10"/>
    </row>
    <row r="720949" spans="14:14">
      <c r="N720949" s="10"/>
    </row>
    <row r="720950" spans="14:14">
      <c r="N720950" s="10"/>
    </row>
    <row r="720951" spans="14:14">
      <c r="N720951" s="10"/>
    </row>
    <row r="720952" spans="14:14">
      <c r="N720952" s="10"/>
    </row>
    <row r="720953" spans="14:14">
      <c r="N720953" s="10"/>
    </row>
    <row r="720954" spans="14:14">
      <c r="N720954" s="10"/>
    </row>
    <row r="720955" spans="14:14">
      <c r="N720955" s="10"/>
    </row>
    <row r="720956" spans="14:14">
      <c r="N720956" s="10"/>
    </row>
    <row r="720957" spans="14:14">
      <c r="N720957" s="10"/>
    </row>
    <row r="720958" spans="14:14">
      <c r="N720958" s="10"/>
    </row>
    <row r="720959" spans="14:14">
      <c r="N720959" s="10"/>
    </row>
    <row r="720960" spans="14:14">
      <c r="N720960" s="10"/>
    </row>
    <row r="720961" spans="14:14">
      <c r="N720961" s="10"/>
    </row>
    <row r="720962" spans="14:14">
      <c r="N720962" s="10"/>
    </row>
    <row r="720963" spans="14:14">
      <c r="N720963" s="10"/>
    </row>
    <row r="720964" spans="14:14">
      <c r="N720964" s="10"/>
    </row>
    <row r="720965" spans="14:14">
      <c r="N720965" s="10"/>
    </row>
    <row r="720966" spans="14:14">
      <c r="N720966" s="10"/>
    </row>
    <row r="720967" spans="14:14">
      <c r="N720967" s="10"/>
    </row>
    <row r="720968" spans="14:14">
      <c r="N720968" s="10"/>
    </row>
    <row r="720969" spans="14:14">
      <c r="N720969" s="10"/>
    </row>
    <row r="720970" spans="14:14">
      <c r="N720970" s="10"/>
    </row>
    <row r="720971" spans="14:14">
      <c r="N720971" s="10"/>
    </row>
    <row r="720972" spans="14:14">
      <c r="N720972" s="10"/>
    </row>
    <row r="720973" spans="14:14">
      <c r="N720973" s="10"/>
    </row>
    <row r="720974" spans="14:14">
      <c r="N720974" s="10"/>
    </row>
    <row r="720975" spans="14:14">
      <c r="N720975" s="10"/>
    </row>
    <row r="720976" spans="14:14">
      <c r="N720976" s="10"/>
    </row>
    <row r="720977" spans="14:14">
      <c r="N720977" s="10"/>
    </row>
    <row r="720978" spans="14:14">
      <c r="N720978" s="10"/>
    </row>
    <row r="720979" spans="14:14">
      <c r="N720979" s="10"/>
    </row>
    <row r="720980" spans="14:14">
      <c r="N720980" s="10"/>
    </row>
    <row r="720981" spans="14:14">
      <c r="N720981" s="10"/>
    </row>
    <row r="720982" spans="14:14">
      <c r="N720982" s="10"/>
    </row>
    <row r="720983" spans="14:14">
      <c r="N720983" s="10"/>
    </row>
    <row r="720984" spans="14:14">
      <c r="N720984" s="10"/>
    </row>
    <row r="720985" spans="14:14">
      <c r="N720985" s="10"/>
    </row>
    <row r="720986" spans="14:14">
      <c r="N720986" s="10"/>
    </row>
    <row r="720987" spans="14:14">
      <c r="N720987" s="10"/>
    </row>
    <row r="720988" spans="14:14">
      <c r="N720988" s="10"/>
    </row>
    <row r="720989" spans="14:14">
      <c r="N720989" s="10"/>
    </row>
    <row r="720990" spans="14:14">
      <c r="N720990" s="10"/>
    </row>
    <row r="720991" spans="14:14">
      <c r="N720991" s="10"/>
    </row>
    <row r="720992" spans="14:14">
      <c r="N720992" s="10"/>
    </row>
    <row r="720993" spans="14:14">
      <c r="N720993" s="10"/>
    </row>
    <row r="720994" spans="14:14">
      <c r="N720994" s="10"/>
    </row>
    <row r="720995" spans="14:14">
      <c r="N720995" s="10"/>
    </row>
    <row r="720996" spans="14:14">
      <c r="N720996" s="10"/>
    </row>
    <row r="720997" spans="14:14">
      <c r="N720997" s="10"/>
    </row>
    <row r="720998" spans="14:14">
      <c r="N720998" s="10"/>
    </row>
    <row r="720999" spans="14:14">
      <c r="N720999" s="10"/>
    </row>
    <row r="721000" spans="14:14">
      <c r="N721000" s="10"/>
    </row>
    <row r="721001" spans="14:14">
      <c r="N721001" s="10"/>
    </row>
    <row r="721002" spans="14:14">
      <c r="N721002" s="10"/>
    </row>
    <row r="721003" spans="14:14">
      <c r="N721003" s="10"/>
    </row>
    <row r="721004" spans="14:14">
      <c r="N721004" s="10"/>
    </row>
    <row r="721005" spans="14:14">
      <c r="N721005" s="10"/>
    </row>
    <row r="721006" spans="14:14">
      <c r="N721006" s="10"/>
    </row>
    <row r="721007" spans="14:14">
      <c r="N721007" s="10"/>
    </row>
    <row r="721008" spans="14:14">
      <c r="N721008" s="10"/>
    </row>
    <row r="721009" spans="14:14">
      <c r="N721009" s="10"/>
    </row>
    <row r="721010" spans="14:14">
      <c r="N721010" s="10"/>
    </row>
    <row r="721011" spans="14:14">
      <c r="N721011" s="10"/>
    </row>
    <row r="721012" spans="14:14">
      <c r="N721012" s="10"/>
    </row>
    <row r="721013" spans="14:14">
      <c r="N721013" s="10"/>
    </row>
    <row r="721014" spans="14:14">
      <c r="N721014" s="10"/>
    </row>
    <row r="721015" spans="14:14">
      <c r="N721015" s="10"/>
    </row>
    <row r="721016" spans="14:14">
      <c r="N721016" s="10"/>
    </row>
    <row r="721017" spans="14:14">
      <c r="N721017" s="10"/>
    </row>
    <row r="721018" spans="14:14">
      <c r="N721018" s="10"/>
    </row>
    <row r="721019" spans="14:14">
      <c r="N721019" s="10"/>
    </row>
    <row r="721020" spans="14:14">
      <c r="N721020" s="10"/>
    </row>
    <row r="721021" spans="14:14">
      <c r="N721021" s="10"/>
    </row>
    <row r="721022" spans="14:14">
      <c r="N721022" s="10"/>
    </row>
    <row r="721023" spans="14:14">
      <c r="N721023" s="10"/>
    </row>
    <row r="721024" spans="14:14">
      <c r="N721024" s="10"/>
    </row>
    <row r="721025" spans="14:14">
      <c r="N721025" s="10"/>
    </row>
    <row r="721026" spans="14:14">
      <c r="N721026" s="10"/>
    </row>
    <row r="721027" spans="14:14">
      <c r="N721027" s="10"/>
    </row>
    <row r="721028" spans="14:14">
      <c r="N721028" s="10"/>
    </row>
    <row r="721029" spans="14:14">
      <c r="N721029" s="10"/>
    </row>
    <row r="721030" spans="14:14">
      <c r="N721030" s="10"/>
    </row>
    <row r="721031" spans="14:14">
      <c r="N721031" s="10"/>
    </row>
    <row r="721032" spans="14:14">
      <c r="N721032" s="10"/>
    </row>
    <row r="721033" spans="14:14">
      <c r="N721033" s="10"/>
    </row>
    <row r="721034" spans="14:14">
      <c r="N721034" s="10"/>
    </row>
    <row r="721035" spans="14:14">
      <c r="N721035" s="10"/>
    </row>
    <row r="721036" spans="14:14">
      <c r="N721036" s="10"/>
    </row>
    <row r="721037" spans="14:14">
      <c r="N721037" s="10"/>
    </row>
    <row r="721038" spans="14:14">
      <c r="N721038" s="10"/>
    </row>
    <row r="721039" spans="14:14">
      <c r="N721039" s="10"/>
    </row>
    <row r="721040" spans="14:14">
      <c r="N721040" s="10"/>
    </row>
    <row r="721041" spans="14:14">
      <c r="N721041" s="10"/>
    </row>
    <row r="721042" spans="14:14">
      <c r="N721042" s="10"/>
    </row>
    <row r="721043" spans="14:14">
      <c r="N721043" s="10"/>
    </row>
    <row r="721044" spans="14:14">
      <c r="N721044" s="10"/>
    </row>
    <row r="721045" spans="14:14">
      <c r="N721045" s="10"/>
    </row>
    <row r="721046" spans="14:14">
      <c r="N721046" s="10"/>
    </row>
    <row r="721047" spans="14:14">
      <c r="N721047" s="10"/>
    </row>
    <row r="721048" spans="14:14">
      <c r="N721048" s="10"/>
    </row>
    <row r="721049" spans="14:14">
      <c r="N721049" s="10"/>
    </row>
    <row r="721050" spans="14:14">
      <c r="N721050" s="10"/>
    </row>
    <row r="721051" spans="14:14">
      <c r="N721051" s="10"/>
    </row>
    <row r="721052" spans="14:14">
      <c r="N721052" s="10"/>
    </row>
    <row r="721053" spans="14:14">
      <c r="N721053" s="10"/>
    </row>
    <row r="721054" spans="14:14">
      <c r="N721054" s="10"/>
    </row>
    <row r="721055" spans="14:14">
      <c r="N721055" s="10"/>
    </row>
    <row r="721056" spans="14:14">
      <c r="N721056" s="10"/>
    </row>
    <row r="721057" spans="14:14">
      <c r="N721057" s="10"/>
    </row>
    <row r="721058" spans="14:14">
      <c r="N721058" s="10"/>
    </row>
    <row r="721059" spans="14:14">
      <c r="N721059" s="10"/>
    </row>
    <row r="721060" spans="14:14">
      <c r="N721060" s="10"/>
    </row>
    <row r="721061" spans="14:14">
      <c r="N721061" s="10"/>
    </row>
    <row r="721062" spans="14:14">
      <c r="N721062" s="10"/>
    </row>
    <row r="721063" spans="14:14">
      <c r="N721063" s="10"/>
    </row>
    <row r="721064" spans="14:14">
      <c r="N721064" s="10"/>
    </row>
    <row r="721065" spans="14:14">
      <c r="N721065" s="10"/>
    </row>
    <row r="721066" spans="14:14">
      <c r="N721066" s="10"/>
    </row>
    <row r="721067" spans="14:14">
      <c r="N721067" s="10"/>
    </row>
    <row r="721068" spans="14:14">
      <c r="N721068" s="10"/>
    </row>
    <row r="721069" spans="14:14">
      <c r="N721069" s="10"/>
    </row>
    <row r="721070" spans="14:14">
      <c r="N721070" s="10"/>
    </row>
    <row r="721071" spans="14:14">
      <c r="N721071" s="10"/>
    </row>
    <row r="721072" spans="14:14">
      <c r="N721072" s="10"/>
    </row>
    <row r="721073" spans="14:14">
      <c r="N721073" s="10"/>
    </row>
    <row r="721074" spans="14:14">
      <c r="N721074" s="10"/>
    </row>
    <row r="721075" spans="14:14">
      <c r="N721075" s="10"/>
    </row>
    <row r="721076" spans="14:14">
      <c r="N721076" s="10"/>
    </row>
    <row r="721077" spans="14:14">
      <c r="N721077" s="10"/>
    </row>
    <row r="721078" spans="14:14">
      <c r="N721078" s="10"/>
    </row>
    <row r="721079" spans="14:14">
      <c r="N721079" s="10"/>
    </row>
    <row r="721080" spans="14:14">
      <c r="N721080" s="10"/>
    </row>
    <row r="721081" spans="14:14">
      <c r="N721081" s="10"/>
    </row>
    <row r="721082" spans="14:14">
      <c r="N721082" s="10"/>
    </row>
    <row r="721083" spans="14:14">
      <c r="N721083" s="10"/>
    </row>
    <row r="721084" spans="14:14">
      <c r="N721084" s="10"/>
    </row>
    <row r="721085" spans="14:14">
      <c r="N721085" s="10"/>
    </row>
    <row r="721086" spans="14:14">
      <c r="N721086" s="10"/>
    </row>
    <row r="721087" spans="14:14">
      <c r="N721087" s="10"/>
    </row>
    <row r="721088" spans="14:14">
      <c r="N721088" s="10"/>
    </row>
    <row r="721089" spans="14:14">
      <c r="N721089" s="10"/>
    </row>
    <row r="721090" spans="14:14">
      <c r="N721090" s="10"/>
    </row>
    <row r="721091" spans="14:14">
      <c r="N721091" s="10"/>
    </row>
    <row r="721092" spans="14:14">
      <c r="N721092" s="10"/>
    </row>
    <row r="721093" spans="14:14">
      <c r="N721093" s="10"/>
    </row>
    <row r="721094" spans="14:14">
      <c r="N721094" s="10"/>
    </row>
    <row r="721095" spans="14:14">
      <c r="N721095" s="10"/>
    </row>
    <row r="721096" spans="14:14">
      <c r="N721096" s="10"/>
    </row>
    <row r="721097" spans="14:14">
      <c r="N721097" s="10"/>
    </row>
    <row r="721098" spans="14:14">
      <c r="N721098" s="10"/>
    </row>
    <row r="721099" spans="14:14">
      <c r="N721099" s="10"/>
    </row>
    <row r="721100" spans="14:14">
      <c r="N721100" s="10"/>
    </row>
    <row r="721101" spans="14:14">
      <c r="N721101" s="10"/>
    </row>
    <row r="721102" spans="14:14">
      <c r="N721102" s="10"/>
    </row>
    <row r="721103" spans="14:14">
      <c r="N721103" s="10"/>
    </row>
    <row r="721104" spans="14:14">
      <c r="N721104" s="10"/>
    </row>
    <row r="721105" spans="14:14">
      <c r="N721105" s="10"/>
    </row>
    <row r="721106" spans="14:14">
      <c r="N721106" s="10"/>
    </row>
    <row r="721107" spans="14:14">
      <c r="N721107" s="10"/>
    </row>
    <row r="721108" spans="14:14">
      <c r="N721108" s="10"/>
    </row>
    <row r="721109" spans="14:14">
      <c r="N721109" s="10"/>
    </row>
    <row r="721110" spans="14:14">
      <c r="N721110" s="10"/>
    </row>
    <row r="721111" spans="14:14">
      <c r="N721111" s="10"/>
    </row>
    <row r="721112" spans="14:14">
      <c r="N721112" s="10"/>
    </row>
    <row r="721113" spans="14:14">
      <c r="N721113" s="10"/>
    </row>
    <row r="721114" spans="14:14">
      <c r="N721114" s="10"/>
    </row>
    <row r="721115" spans="14:14">
      <c r="N721115" s="10"/>
    </row>
    <row r="721116" spans="14:14">
      <c r="N721116" s="10"/>
    </row>
    <row r="721117" spans="14:14">
      <c r="N721117" s="10"/>
    </row>
    <row r="721118" spans="14:14">
      <c r="N721118" s="10"/>
    </row>
    <row r="721119" spans="14:14">
      <c r="N721119" s="10"/>
    </row>
    <row r="721120" spans="14:14">
      <c r="N721120" s="10"/>
    </row>
    <row r="721121" spans="14:14">
      <c r="N721121" s="10"/>
    </row>
    <row r="721122" spans="14:14">
      <c r="N721122" s="10"/>
    </row>
    <row r="721123" spans="14:14">
      <c r="N721123" s="10"/>
    </row>
    <row r="721124" spans="14:14">
      <c r="N721124" s="10"/>
    </row>
    <row r="721125" spans="14:14">
      <c r="N721125" s="10"/>
    </row>
    <row r="721126" spans="14:14">
      <c r="N721126" s="10"/>
    </row>
    <row r="721127" spans="14:14">
      <c r="N721127" s="10"/>
    </row>
    <row r="721128" spans="14:14">
      <c r="N721128" s="10"/>
    </row>
    <row r="721129" spans="14:14">
      <c r="N721129" s="10"/>
    </row>
    <row r="721130" spans="14:14">
      <c r="N721130" s="10"/>
    </row>
    <row r="721131" spans="14:14">
      <c r="N721131" s="10"/>
    </row>
    <row r="721132" spans="14:14">
      <c r="N721132" s="10"/>
    </row>
    <row r="721133" spans="14:14">
      <c r="N721133" s="10"/>
    </row>
    <row r="721134" spans="14:14">
      <c r="N721134" s="10"/>
    </row>
    <row r="721135" spans="14:14">
      <c r="N721135" s="10"/>
    </row>
    <row r="721136" spans="14:14">
      <c r="N721136" s="10"/>
    </row>
    <row r="721137" spans="14:14">
      <c r="N721137" s="10"/>
    </row>
    <row r="721138" spans="14:14">
      <c r="N721138" s="10"/>
    </row>
    <row r="721139" spans="14:14">
      <c r="N721139" s="10"/>
    </row>
    <row r="721140" spans="14:14">
      <c r="N721140" s="10"/>
    </row>
    <row r="721141" spans="14:14">
      <c r="N721141" s="10"/>
    </row>
    <row r="721142" spans="14:14">
      <c r="N721142" s="10"/>
    </row>
    <row r="721143" spans="14:14">
      <c r="N721143" s="10"/>
    </row>
    <row r="721144" spans="14:14">
      <c r="N721144" s="10"/>
    </row>
    <row r="721145" spans="14:14">
      <c r="N721145" s="10"/>
    </row>
    <row r="721146" spans="14:14">
      <c r="N721146" s="10"/>
    </row>
    <row r="721147" spans="14:14">
      <c r="N721147" s="10"/>
    </row>
    <row r="721148" spans="14:14">
      <c r="N721148" s="10"/>
    </row>
    <row r="721149" spans="14:14">
      <c r="N721149" s="10"/>
    </row>
    <row r="721150" spans="14:14">
      <c r="N721150" s="10"/>
    </row>
    <row r="721151" spans="14:14">
      <c r="N721151" s="10"/>
    </row>
    <row r="721152" spans="14:14">
      <c r="N721152" s="10"/>
    </row>
    <row r="721153" spans="14:14">
      <c r="N721153" s="10"/>
    </row>
    <row r="721154" spans="14:14">
      <c r="N721154" s="10"/>
    </row>
    <row r="721155" spans="14:14">
      <c r="N721155" s="10"/>
    </row>
    <row r="721156" spans="14:14">
      <c r="N721156" s="10"/>
    </row>
    <row r="721157" spans="14:14">
      <c r="N721157" s="10"/>
    </row>
    <row r="721158" spans="14:14">
      <c r="N721158" s="10"/>
    </row>
    <row r="721159" spans="14:14">
      <c r="N721159" s="10"/>
    </row>
    <row r="721160" spans="14:14">
      <c r="N721160" s="10"/>
    </row>
    <row r="721161" spans="14:14">
      <c r="N721161" s="10"/>
    </row>
    <row r="721162" spans="14:14">
      <c r="N721162" s="10"/>
    </row>
    <row r="721163" spans="14:14">
      <c r="N721163" s="10"/>
    </row>
    <row r="721164" spans="14:14">
      <c r="N721164" s="10"/>
    </row>
    <row r="721165" spans="14:14">
      <c r="N721165" s="10"/>
    </row>
    <row r="721166" spans="14:14">
      <c r="N721166" s="10"/>
    </row>
    <row r="721167" spans="14:14">
      <c r="N721167" s="10"/>
    </row>
    <row r="721168" spans="14:14">
      <c r="N721168" s="10"/>
    </row>
    <row r="721169" spans="14:14">
      <c r="N721169" s="10"/>
    </row>
    <row r="721170" spans="14:14">
      <c r="N721170" s="10"/>
    </row>
    <row r="721171" spans="14:14">
      <c r="N721171" s="10"/>
    </row>
    <row r="721172" spans="14:14">
      <c r="N721172" s="10"/>
    </row>
    <row r="721173" spans="14:14">
      <c r="N721173" s="10"/>
    </row>
    <row r="721174" spans="14:14">
      <c r="N721174" s="10"/>
    </row>
    <row r="721175" spans="14:14">
      <c r="N721175" s="10"/>
    </row>
    <row r="721176" spans="14:14">
      <c r="N721176" s="10"/>
    </row>
    <row r="721177" spans="14:14">
      <c r="N721177" s="10"/>
    </row>
    <row r="721178" spans="14:14">
      <c r="N721178" s="10"/>
    </row>
    <row r="721179" spans="14:14">
      <c r="N721179" s="10"/>
    </row>
    <row r="721180" spans="14:14">
      <c r="N721180" s="10"/>
    </row>
    <row r="721181" spans="14:14">
      <c r="N721181" s="10"/>
    </row>
    <row r="721182" spans="14:14">
      <c r="N721182" s="10"/>
    </row>
    <row r="721183" spans="14:14">
      <c r="N721183" s="10"/>
    </row>
    <row r="721184" spans="14:14">
      <c r="N721184" s="10"/>
    </row>
    <row r="721185" spans="14:14">
      <c r="N721185" s="10"/>
    </row>
    <row r="721186" spans="14:14">
      <c r="N721186" s="10"/>
    </row>
    <row r="721187" spans="14:14">
      <c r="N721187" s="10"/>
    </row>
    <row r="721188" spans="14:14">
      <c r="N721188" s="10"/>
    </row>
    <row r="721189" spans="14:14">
      <c r="N721189" s="10"/>
    </row>
    <row r="721190" spans="14:14">
      <c r="N721190" s="10"/>
    </row>
    <row r="721191" spans="14:14">
      <c r="N721191" s="10"/>
    </row>
    <row r="721192" spans="14:14">
      <c r="N721192" s="10"/>
    </row>
    <row r="721193" spans="14:14">
      <c r="N721193" s="10"/>
    </row>
    <row r="721194" spans="14:14">
      <c r="N721194" s="10"/>
    </row>
    <row r="721195" spans="14:14">
      <c r="N721195" s="10"/>
    </row>
    <row r="721196" spans="14:14">
      <c r="N721196" s="10"/>
    </row>
    <row r="721197" spans="14:14">
      <c r="N721197" s="10"/>
    </row>
    <row r="721198" spans="14:14">
      <c r="N721198" s="10"/>
    </row>
    <row r="721199" spans="14:14">
      <c r="N721199" s="10"/>
    </row>
    <row r="721200" spans="14:14">
      <c r="N721200" s="10"/>
    </row>
    <row r="721201" spans="14:14">
      <c r="N721201" s="10"/>
    </row>
    <row r="721202" spans="14:14">
      <c r="N721202" s="10"/>
    </row>
    <row r="721203" spans="14:14">
      <c r="N721203" s="10"/>
    </row>
    <row r="721204" spans="14:14">
      <c r="N721204" s="10"/>
    </row>
    <row r="721205" spans="14:14">
      <c r="N721205" s="10"/>
    </row>
    <row r="721206" spans="14:14">
      <c r="N721206" s="10"/>
    </row>
    <row r="721207" spans="14:14">
      <c r="N721207" s="10"/>
    </row>
    <row r="721208" spans="14:14">
      <c r="N721208" s="10"/>
    </row>
    <row r="721209" spans="14:14">
      <c r="N721209" s="10"/>
    </row>
    <row r="721210" spans="14:14">
      <c r="N721210" s="10"/>
    </row>
    <row r="721211" spans="14:14">
      <c r="N721211" s="10"/>
    </row>
    <row r="721212" spans="14:14">
      <c r="N721212" s="10"/>
    </row>
    <row r="721213" spans="14:14">
      <c r="N721213" s="10"/>
    </row>
    <row r="721214" spans="14:14">
      <c r="N721214" s="10"/>
    </row>
    <row r="721215" spans="14:14">
      <c r="N721215" s="10"/>
    </row>
    <row r="721216" spans="14:14">
      <c r="N721216" s="10"/>
    </row>
    <row r="721217" spans="14:14">
      <c r="N721217" s="10"/>
    </row>
    <row r="721218" spans="14:14">
      <c r="N721218" s="10"/>
    </row>
    <row r="721219" spans="14:14">
      <c r="N721219" s="10"/>
    </row>
    <row r="721220" spans="14:14">
      <c r="N721220" s="10"/>
    </row>
    <row r="721221" spans="14:14">
      <c r="N721221" s="10"/>
    </row>
    <row r="721222" spans="14:14">
      <c r="N721222" s="10"/>
    </row>
    <row r="721223" spans="14:14">
      <c r="N721223" s="10"/>
    </row>
    <row r="721224" spans="14:14">
      <c r="N721224" s="10"/>
    </row>
    <row r="721225" spans="14:14">
      <c r="N721225" s="10"/>
    </row>
    <row r="721226" spans="14:14">
      <c r="N721226" s="10"/>
    </row>
    <row r="721227" spans="14:14">
      <c r="N721227" s="10"/>
    </row>
    <row r="721228" spans="14:14">
      <c r="N721228" s="10"/>
    </row>
    <row r="721229" spans="14:14">
      <c r="N721229" s="10"/>
    </row>
    <row r="721230" spans="14:14">
      <c r="N721230" s="10"/>
    </row>
    <row r="721231" spans="14:14">
      <c r="N721231" s="10"/>
    </row>
    <row r="721232" spans="14:14">
      <c r="N721232" s="10"/>
    </row>
    <row r="721233" spans="14:14">
      <c r="N721233" s="10"/>
    </row>
    <row r="721234" spans="14:14">
      <c r="N721234" s="10"/>
    </row>
    <row r="721235" spans="14:14">
      <c r="N721235" s="10"/>
    </row>
    <row r="721236" spans="14:14">
      <c r="N721236" s="10"/>
    </row>
    <row r="721237" spans="14:14">
      <c r="N721237" s="10"/>
    </row>
    <row r="721238" spans="14:14">
      <c r="N721238" s="10"/>
    </row>
    <row r="721239" spans="14:14">
      <c r="N721239" s="10"/>
    </row>
    <row r="721240" spans="14:14">
      <c r="N721240" s="10"/>
    </row>
    <row r="721241" spans="14:14">
      <c r="N721241" s="10"/>
    </row>
    <row r="721242" spans="14:14">
      <c r="N721242" s="10"/>
    </row>
    <row r="721243" spans="14:14">
      <c r="N721243" s="10"/>
    </row>
    <row r="721244" spans="14:14">
      <c r="N721244" s="10"/>
    </row>
    <row r="721245" spans="14:14">
      <c r="N721245" s="10"/>
    </row>
    <row r="721246" spans="14:14">
      <c r="N721246" s="10"/>
    </row>
    <row r="721247" spans="14:14">
      <c r="N721247" s="10"/>
    </row>
    <row r="721248" spans="14:14">
      <c r="N721248" s="10"/>
    </row>
    <row r="721249" spans="14:14">
      <c r="N721249" s="10"/>
    </row>
    <row r="721250" spans="14:14">
      <c r="N721250" s="10"/>
    </row>
    <row r="721251" spans="14:14">
      <c r="N721251" s="10"/>
    </row>
    <row r="721252" spans="14:14">
      <c r="N721252" s="10"/>
    </row>
    <row r="721253" spans="14:14">
      <c r="N721253" s="10"/>
    </row>
    <row r="721254" spans="14:14">
      <c r="N721254" s="10"/>
    </row>
    <row r="721255" spans="14:14">
      <c r="N721255" s="10"/>
    </row>
    <row r="721256" spans="14:14">
      <c r="N721256" s="10"/>
    </row>
    <row r="721257" spans="14:14">
      <c r="N721257" s="10"/>
    </row>
    <row r="721258" spans="14:14">
      <c r="N721258" s="10"/>
    </row>
    <row r="721259" spans="14:14">
      <c r="N721259" s="10"/>
    </row>
    <row r="721260" spans="14:14">
      <c r="N721260" s="10"/>
    </row>
    <row r="721261" spans="14:14">
      <c r="N721261" s="10"/>
    </row>
    <row r="721262" spans="14:14">
      <c r="N721262" s="10"/>
    </row>
    <row r="721263" spans="14:14">
      <c r="N721263" s="10"/>
    </row>
    <row r="721264" spans="14:14">
      <c r="N721264" s="10"/>
    </row>
    <row r="721265" spans="14:14">
      <c r="N721265" s="10"/>
    </row>
    <row r="721266" spans="14:14">
      <c r="N721266" s="10"/>
    </row>
    <row r="721267" spans="14:14">
      <c r="N721267" s="10"/>
    </row>
    <row r="721268" spans="14:14">
      <c r="N721268" s="10"/>
    </row>
    <row r="721269" spans="14:14">
      <c r="N721269" s="10"/>
    </row>
    <row r="721270" spans="14:14">
      <c r="N721270" s="10"/>
    </row>
    <row r="721271" spans="14:14">
      <c r="N721271" s="10"/>
    </row>
    <row r="721272" spans="14:14">
      <c r="N721272" s="10"/>
    </row>
    <row r="721273" spans="14:14">
      <c r="N721273" s="10"/>
    </row>
    <row r="721274" spans="14:14">
      <c r="N721274" s="10"/>
    </row>
    <row r="721275" spans="14:14">
      <c r="N721275" s="10"/>
    </row>
    <row r="721276" spans="14:14">
      <c r="N721276" s="10"/>
    </row>
    <row r="721277" spans="14:14">
      <c r="N721277" s="10"/>
    </row>
    <row r="721278" spans="14:14">
      <c r="N721278" s="10"/>
    </row>
    <row r="721279" spans="14:14">
      <c r="N721279" s="10"/>
    </row>
    <row r="721280" spans="14:14">
      <c r="N721280" s="10"/>
    </row>
    <row r="721281" spans="14:14">
      <c r="N721281" s="10"/>
    </row>
    <row r="721282" spans="14:14">
      <c r="N721282" s="10"/>
    </row>
    <row r="721283" spans="14:14">
      <c r="N721283" s="10"/>
    </row>
    <row r="721284" spans="14:14">
      <c r="N721284" s="10"/>
    </row>
    <row r="721285" spans="14:14">
      <c r="N721285" s="10"/>
    </row>
    <row r="721286" spans="14:14">
      <c r="N721286" s="10"/>
    </row>
    <row r="721287" spans="14:14">
      <c r="N721287" s="10"/>
    </row>
    <row r="721288" spans="14:14">
      <c r="N721288" s="10"/>
    </row>
    <row r="721289" spans="14:14">
      <c r="N721289" s="10"/>
    </row>
    <row r="721290" spans="14:14">
      <c r="N721290" s="10"/>
    </row>
    <row r="721291" spans="14:14">
      <c r="N721291" s="10"/>
    </row>
    <row r="721292" spans="14:14">
      <c r="N721292" s="10"/>
    </row>
    <row r="721293" spans="14:14">
      <c r="N721293" s="10"/>
    </row>
    <row r="721294" spans="14:14">
      <c r="N721294" s="10"/>
    </row>
    <row r="721295" spans="14:14">
      <c r="N721295" s="10"/>
    </row>
    <row r="721296" spans="14:14">
      <c r="N721296" s="10"/>
    </row>
    <row r="721297" spans="14:14">
      <c r="N721297" s="10"/>
    </row>
    <row r="721298" spans="14:14">
      <c r="N721298" s="10"/>
    </row>
    <row r="721299" spans="14:14">
      <c r="N721299" s="10"/>
    </row>
    <row r="721300" spans="14:14">
      <c r="N721300" s="10"/>
    </row>
    <row r="721301" spans="14:14">
      <c r="N721301" s="10"/>
    </row>
    <row r="721302" spans="14:14">
      <c r="N721302" s="10"/>
    </row>
    <row r="721303" spans="14:14">
      <c r="N721303" s="10"/>
    </row>
    <row r="721304" spans="14:14">
      <c r="N721304" s="10"/>
    </row>
    <row r="721305" spans="14:14">
      <c r="N721305" s="10"/>
    </row>
    <row r="721306" spans="14:14">
      <c r="N721306" s="10"/>
    </row>
    <row r="721307" spans="14:14">
      <c r="N721307" s="10"/>
    </row>
    <row r="721308" spans="14:14">
      <c r="N721308" s="10"/>
    </row>
    <row r="721309" spans="14:14">
      <c r="N721309" s="10"/>
    </row>
    <row r="721310" spans="14:14">
      <c r="N721310" s="10"/>
    </row>
    <row r="721311" spans="14:14">
      <c r="N721311" s="10"/>
    </row>
    <row r="721312" spans="14:14">
      <c r="N721312" s="10"/>
    </row>
    <row r="721313" spans="14:14">
      <c r="N721313" s="10"/>
    </row>
    <row r="721314" spans="14:14">
      <c r="N721314" s="10"/>
    </row>
    <row r="721315" spans="14:14">
      <c r="N721315" s="10"/>
    </row>
    <row r="721316" spans="14:14">
      <c r="N721316" s="10"/>
    </row>
    <row r="721317" spans="14:14">
      <c r="N721317" s="10"/>
    </row>
    <row r="721318" spans="14:14">
      <c r="N721318" s="10"/>
    </row>
    <row r="721319" spans="14:14">
      <c r="N721319" s="10"/>
    </row>
    <row r="721320" spans="14:14">
      <c r="N721320" s="10"/>
    </row>
    <row r="721321" spans="14:14">
      <c r="N721321" s="10"/>
    </row>
    <row r="721322" spans="14:14">
      <c r="N721322" s="10"/>
    </row>
    <row r="721323" spans="14:14">
      <c r="N721323" s="10"/>
    </row>
    <row r="721324" spans="14:14">
      <c r="N721324" s="10"/>
    </row>
    <row r="721325" spans="14:14">
      <c r="N721325" s="10"/>
    </row>
    <row r="721326" spans="14:14">
      <c r="N721326" s="10"/>
    </row>
    <row r="721327" spans="14:14">
      <c r="N721327" s="10"/>
    </row>
    <row r="721328" spans="14:14">
      <c r="N721328" s="10"/>
    </row>
    <row r="721329" spans="14:14">
      <c r="N721329" s="10"/>
    </row>
    <row r="721330" spans="14:14">
      <c r="N721330" s="10"/>
    </row>
    <row r="721331" spans="14:14">
      <c r="N721331" s="10"/>
    </row>
    <row r="721332" spans="14:14">
      <c r="N721332" s="10"/>
    </row>
    <row r="721333" spans="14:14">
      <c r="N721333" s="10"/>
    </row>
    <row r="721334" spans="14:14">
      <c r="N721334" s="10"/>
    </row>
    <row r="721335" spans="14:14">
      <c r="N721335" s="10"/>
    </row>
    <row r="721336" spans="14:14">
      <c r="N721336" s="10"/>
    </row>
    <row r="721337" spans="14:14">
      <c r="N721337" s="10"/>
    </row>
    <row r="721338" spans="14:14">
      <c r="N721338" s="10"/>
    </row>
    <row r="721339" spans="14:14">
      <c r="N721339" s="10"/>
    </row>
    <row r="721340" spans="14:14">
      <c r="N721340" s="10"/>
    </row>
    <row r="721341" spans="14:14">
      <c r="N721341" s="10"/>
    </row>
    <row r="721342" spans="14:14">
      <c r="N721342" s="10"/>
    </row>
    <row r="721343" spans="14:14">
      <c r="N721343" s="10"/>
    </row>
    <row r="721344" spans="14:14">
      <c r="N721344" s="10"/>
    </row>
    <row r="721345" spans="14:14">
      <c r="N721345" s="10"/>
    </row>
    <row r="721346" spans="14:14">
      <c r="N721346" s="10"/>
    </row>
    <row r="721347" spans="14:14">
      <c r="N721347" s="10"/>
    </row>
    <row r="721348" spans="14:14">
      <c r="N721348" s="10"/>
    </row>
    <row r="721349" spans="14:14">
      <c r="N721349" s="10"/>
    </row>
    <row r="721350" spans="14:14">
      <c r="N721350" s="10"/>
    </row>
    <row r="721351" spans="14:14">
      <c r="N721351" s="10"/>
    </row>
    <row r="721352" spans="14:14">
      <c r="N721352" s="10"/>
    </row>
    <row r="721353" spans="14:14">
      <c r="N721353" s="10"/>
    </row>
    <row r="721354" spans="14:14">
      <c r="N721354" s="10"/>
    </row>
    <row r="721355" spans="14:14">
      <c r="N721355" s="10"/>
    </row>
    <row r="721356" spans="14:14">
      <c r="N721356" s="10"/>
    </row>
    <row r="721357" spans="14:14">
      <c r="N721357" s="10"/>
    </row>
    <row r="721358" spans="14:14">
      <c r="N721358" s="10"/>
    </row>
    <row r="721359" spans="14:14">
      <c r="N721359" s="10"/>
    </row>
    <row r="721360" spans="14:14">
      <c r="N721360" s="10"/>
    </row>
    <row r="721361" spans="14:14">
      <c r="N721361" s="10"/>
    </row>
    <row r="721362" spans="14:14">
      <c r="N721362" s="10"/>
    </row>
    <row r="721363" spans="14:14">
      <c r="N721363" s="10"/>
    </row>
    <row r="721364" spans="14:14">
      <c r="N721364" s="10"/>
    </row>
    <row r="721365" spans="14:14">
      <c r="N721365" s="10"/>
    </row>
    <row r="721366" spans="14:14">
      <c r="N721366" s="10"/>
    </row>
    <row r="721367" spans="14:14">
      <c r="N721367" s="10"/>
    </row>
    <row r="721368" spans="14:14">
      <c r="N721368" s="10"/>
    </row>
    <row r="721369" spans="14:14">
      <c r="N721369" s="10"/>
    </row>
    <row r="721370" spans="14:14">
      <c r="N721370" s="10"/>
    </row>
    <row r="721371" spans="14:14">
      <c r="N721371" s="10"/>
    </row>
    <row r="721372" spans="14:14">
      <c r="N721372" s="10"/>
    </row>
    <row r="721373" spans="14:14">
      <c r="N721373" s="10"/>
    </row>
    <row r="721374" spans="14:14">
      <c r="N721374" s="10"/>
    </row>
    <row r="721375" spans="14:14">
      <c r="N721375" s="10"/>
    </row>
    <row r="721376" spans="14:14">
      <c r="N721376" s="10"/>
    </row>
    <row r="721377" spans="14:14">
      <c r="N721377" s="10"/>
    </row>
    <row r="721378" spans="14:14">
      <c r="N721378" s="10"/>
    </row>
    <row r="721379" spans="14:14">
      <c r="N721379" s="10"/>
    </row>
    <row r="721380" spans="14:14">
      <c r="N721380" s="10"/>
    </row>
    <row r="721381" spans="14:14">
      <c r="N721381" s="10"/>
    </row>
    <row r="721382" spans="14:14">
      <c r="N721382" s="10"/>
    </row>
    <row r="721383" spans="14:14">
      <c r="N721383" s="10"/>
    </row>
    <row r="721384" spans="14:14">
      <c r="N721384" s="10"/>
    </row>
    <row r="721385" spans="14:14">
      <c r="N721385" s="10"/>
    </row>
    <row r="721386" spans="14:14">
      <c r="N721386" s="10"/>
    </row>
    <row r="721387" spans="14:14">
      <c r="N721387" s="10"/>
    </row>
    <row r="721388" spans="14:14">
      <c r="N721388" s="10"/>
    </row>
    <row r="721389" spans="14:14">
      <c r="N721389" s="10"/>
    </row>
    <row r="721390" spans="14:14">
      <c r="N721390" s="10"/>
    </row>
    <row r="721391" spans="14:14">
      <c r="N721391" s="10"/>
    </row>
    <row r="721392" spans="14:14">
      <c r="N721392" s="10"/>
    </row>
    <row r="721393" spans="14:14">
      <c r="N721393" s="10"/>
    </row>
    <row r="721394" spans="14:14">
      <c r="N721394" s="10"/>
    </row>
    <row r="721395" spans="14:14">
      <c r="N721395" s="10"/>
    </row>
    <row r="721396" spans="14:14">
      <c r="N721396" s="10"/>
    </row>
    <row r="721397" spans="14:14">
      <c r="N721397" s="10"/>
    </row>
    <row r="721398" spans="14:14">
      <c r="N721398" s="10"/>
    </row>
    <row r="721399" spans="14:14">
      <c r="N721399" s="10"/>
    </row>
    <row r="721400" spans="14:14">
      <c r="N721400" s="10"/>
    </row>
    <row r="721401" spans="14:14">
      <c r="N721401" s="10"/>
    </row>
    <row r="721402" spans="14:14">
      <c r="N721402" s="10"/>
    </row>
    <row r="721403" spans="14:14">
      <c r="N721403" s="10"/>
    </row>
    <row r="721404" spans="14:14">
      <c r="N721404" s="10"/>
    </row>
    <row r="721405" spans="14:14">
      <c r="N721405" s="10"/>
    </row>
    <row r="721406" spans="14:14">
      <c r="N721406" s="10"/>
    </row>
    <row r="721407" spans="14:14">
      <c r="N721407" s="10"/>
    </row>
    <row r="721408" spans="14:14">
      <c r="N721408" s="10"/>
    </row>
    <row r="721409" spans="14:14">
      <c r="N721409" s="10"/>
    </row>
    <row r="721410" spans="14:14">
      <c r="N721410" s="10"/>
    </row>
    <row r="721411" spans="14:14">
      <c r="N721411" s="10"/>
    </row>
    <row r="721412" spans="14:14">
      <c r="N721412" s="10"/>
    </row>
    <row r="721413" spans="14:14">
      <c r="N721413" s="10"/>
    </row>
    <row r="721414" spans="14:14">
      <c r="N721414" s="10"/>
    </row>
    <row r="721415" spans="14:14">
      <c r="N721415" s="10"/>
    </row>
    <row r="721416" spans="14:14">
      <c r="N721416" s="10"/>
    </row>
    <row r="721417" spans="14:14">
      <c r="N721417" s="10"/>
    </row>
    <row r="721418" spans="14:14">
      <c r="N721418" s="10"/>
    </row>
    <row r="721419" spans="14:14">
      <c r="N721419" s="10"/>
    </row>
    <row r="721420" spans="14:14">
      <c r="N721420" s="10"/>
    </row>
    <row r="721421" spans="14:14">
      <c r="N721421" s="10"/>
    </row>
    <row r="721422" spans="14:14">
      <c r="N721422" s="10"/>
    </row>
    <row r="721423" spans="14:14">
      <c r="N721423" s="10"/>
    </row>
    <row r="721424" spans="14:14">
      <c r="N721424" s="10"/>
    </row>
    <row r="721425" spans="14:14">
      <c r="N721425" s="10"/>
    </row>
    <row r="721426" spans="14:14">
      <c r="N721426" s="10"/>
    </row>
    <row r="721427" spans="14:14">
      <c r="N721427" s="10"/>
    </row>
    <row r="721428" spans="14:14">
      <c r="N721428" s="10"/>
    </row>
    <row r="721429" spans="14:14">
      <c r="N721429" s="10"/>
    </row>
    <row r="721430" spans="14:14">
      <c r="N721430" s="10"/>
    </row>
    <row r="721431" spans="14:14">
      <c r="N721431" s="10"/>
    </row>
    <row r="721432" spans="14:14">
      <c r="N721432" s="10"/>
    </row>
    <row r="721433" spans="14:14">
      <c r="N721433" s="10"/>
    </row>
    <row r="721434" spans="14:14">
      <c r="N721434" s="10"/>
    </row>
    <row r="721435" spans="14:14">
      <c r="N721435" s="10"/>
    </row>
    <row r="721436" spans="14:14">
      <c r="N721436" s="10"/>
    </row>
    <row r="721437" spans="14:14">
      <c r="N721437" s="10"/>
    </row>
    <row r="721438" spans="14:14">
      <c r="N721438" s="10"/>
    </row>
    <row r="721439" spans="14:14">
      <c r="N721439" s="10"/>
    </row>
    <row r="721440" spans="14:14">
      <c r="N721440" s="10"/>
    </row>
    <row r="721441" spans="14:14">
      <c r="N721441" s="10"/>
    </row>
    <row r="721442" spans="14:14">
      <c r="N721442" s="10"/>
    </row>
    <row r="721443" spans="14:14">
      <c r="N721443" s="10"/>
    </row>
    <row r="721444" spans="14:14">
      <c r="N721444" s="10"/>
    </row>
    <row r="721445" spans="14:14">
      <c r="N721445" s="10"/>
    </row>
    <row r="721446" spans="14:14">
      <c r="N721446" s="10"/>
    </row>
    <row r="721447" spans="14:14">
      <c r="N721447" s="10"/>
    </row>
    <row r="721448" spans="14:14">
      <c r="N721448" s="10"/>
    </row>
    <row r="721449" spans="14:14">
      <c r="N721449" s="10"/>
    </row>
    <row r="721450" spans="14:14">
      <c r="N721450" s="10"/>
    </row>
    <row r="721451" spans="14:14">
      <c r="N721451" s="10"/>
    </row>
    <row r="721452" spans="14:14">
      <c r="N721452" s="10"/>
    </row>
    <row r="721453" spans="14:14">
      <c r="N721453" s="10"/>
    </row>
    <row r="721454" spans="14:14">
      <c r="N721454" s="10"/>
    </row>
    <row r="721455" spans="14:14">
      <c r="N721455" s="10"/>
    </row>
    <row r="721456" spans="14:14">
      <c r="N721456" s="10"/>
    </row>
    <row r="721457" spans="14:14">
      <c r="N721457" s="10"/>
    </row>
    <row r="721458" spans="14:14">
      <c r="N721458" s="10"/>
    </row>
    <row r="721459" spans="14:14">
      <c r="N721459" s="10"/>
    </row>
    <row r="721460" spans="14:14">
      <c r="N721460" s="10"/>
    </row>
    <row r="721461" spans="14:14">
      <c r="N721461" s="10"/>
    </row>
    <row r="721462" spans="14:14">
      <c r="N721462" s="10"/>
    </row>
    <row r="721463" spans="14:14">
      <c r="N721463" s="10"/>
    </row>
    <row r="721464" spans="14:14">
      <c r="N721464" s="10"/>
    </row>
    <row r="721465" spans="14:14">
      <c r="N721465" s="10"/>
    </row>
    <row r="721466" spans="14:14">
      <c r="N721466" s="10"/>
    </row>
    <row r="721467" spans="14:14">
      <c r="N721467" s="10"/>
    </row>
    <row r="721468" spans="14:14">
      <c r="N721468" s="10"/>
    </row>
    <row r="721469" spans="14:14">
      <c r="N721469" s="10"/>
    </row>
    <row r="721470" spans="14:14">
      <c r="N721470" s="10"/>
    </row>
    <row r="721471" spans="14:14">
      <c r="N721471" s="10"/>
    </row>
    <row r="721472" spans="14:14">
      <c r="N721472" s="10"/>
    </row>
    <row r="721473" spans="14:14">
      <c r="N721473" s="10"/>
    </row>
    <row r="721474" spans="14:14">
      <c r="N721474" s="10"/>
    </row>
    <row r="721475" spans="14:14">
      <c r="N721475" s="10"/>
    </row>
    <row r="721476" spans="14:14">
      <c r="N721476" s="10"/>
    </row>
    <row r="721477" spans="14:14">
      <c r="N721477" s="10"/>
    </row>
    <row r="721478" spans="14:14">
      <c r="N721478" s="10"/>
    </row>
    <row r="721479" spans="14:14">
      <c r="N721479" s="10"/>
    </row>
    <row r="721480" spans="14:14">
      <c r="N721480" s="10"/>
    </row>
    <row r="721481" spans="14:14">
      <c r="N721481" s="10"/>
    </row>
    <row r="721482" spans="14:14">
      <c r="N721482" s="10"/>
    </row>
    <row r="721483" spans="14:14">
      <c r="N721483" s="10"/>
    </row>
    <row r="721484" spans="14:14">
      <c r="N721484" s="10"/>
    </row>
    <row r="721485" spans="14:14">
      <c r="N721485" s="10"/>
    </row>
    <row r="721486" spans="14:14">
      <c r="N721486" s="10"/>
    </row>
    <row r="721487" spans="14:14">
      <c r="N721487" s="10"/>
    </row>
    <row r="721488" spans="14:14">
      <c r="N721488" s="10"/>
    </row>
    <row r="721489" spans="14:14">
      <c r="N721489" s="10"/>
    </row>
    <row r="721490" spans="14:14">
      <c r="N721490" s="10"/>
    </row>
    <row r="721491" spans="14:14">
      <c r="N721491" s="10"/>
    </row>
    <row r="721492" spans="14:14">
      <c r="N721492" s="10"/>
    </row>
    <row r="721493" spans="14:14">
      <c r="N721493" s="10"/>
    </row>
    <row r="721494" spans="14:14">
      <c r="N721494" s="10"/>
    </row>
    <row r="721495" spans="14:14">
      <c r="N721495" s="10"/>
    </row>
    <row r="721496" spans="14:14">
      <c r="N721496" s="10"/>
    </row>
    <row r="721497" spans="14:14">
      <c r="N721497" s="10"/>
    </row>
    <row r="721498" spans="14:14">
      <c r="N721498" s="10"/>
    </row>
    <row r="721499" spans="14:14">
      <c r="N721499" s="10"/>
    </row>
    <row r="721500" spans="14:14">
      <c r="N721500" s="10"/>
    </row>
    <row r="721501" spans="14:14">
      <c r="N721501" s="10"/>
    </row>
    <row r="721502" spans="14:14">
      <c r="N721502" s="10"/>
    </row>
    <row r="721503" spans="14:14">
      <c r="N721503" s="10"/>
    </row>
    <row r="721504" spans="14:14">
      <c r="N721504" s="10"/>
    </row>
    <row r="721505" spans="14:14">
      <c r="N721505" s="10"/>
    </row>
    <row r="721506" spans="14:14">
      <c r="N721506" s="10"/>
    </row>
    <row r="721507" spans="14:14">
      <c r="N721507" s="10"/>
    </row>
    <row r="721508" spans="14:14">
      <c r="N721508" s="10"/>
    </row>
    <row r="721509" spans="14:14">
      <c r="N721509" s="10"/>
    </row>
    <row r="721510" spans="14:14">
      <c r="N721510" s="10"/>
    </row>
    <row r="721511" spans="14:14">
      <c r="N721511" s="10"/>
    </row>
    <row r="721512" spans="14:14">
      <c r="N721512" s="10"/>
    </row>
    <row r="721513" spans="14:14">
      <c r="N721513" s="10"/>
    </row>
    <row r="721514" spans="14:14">
      <c r="N721514" s="10"/>
    </row>
    <row r="721515" spans="14:14">
      <c r="N721515" s="10"/>
    </row>
    <row r="721516" spans="14:14">
      <c r="N721516" s="10"/>
    </row>
    <row r="721517" spans="14:14">
      <c r="N721517" s="10"/>
    </row>
    <row r="721518" spans="14:14">
      <c r="N721518" s="10"/>
    </row>
    <row r="721519" spans="14:14">
      <c r="N721519" s="10"/>
    </row>
    <row r="721520" spans="14:14">
      <c r="N721520" s="10"/>
    </row>
    <row r="721521" spans="14:14">
      <c r="N721521" s="10"/>
    </row>
    <row r="721522" spans="14:14">
      <c r="N721522" s="10"/>
    </row>
    <row r="721523" spans="14:14">
      <c r="N721523" s="10"/>
    </row>
    <row r="721524" spans="14:14">
      <c r="N721524" s="10"/>
    </row>
    <row r="721525" spans="14:14">
      <c r="N721525" s="10"/>
    </row>
    <row r="721526" spans="14:14">
      <c r="N721526" s="10"/>
    </row>
    <row r="721527" spans="14:14">
      <c r="N721527" s="10"/>
    </row>
    <row r="721528" spans="14:14">
      <c r="N721528" s="10"/>
    </row>
    <row r="721529" spans="14:14">
      <c r="N721529" s="10"/>
    </row>
    <row r="721530" spans="14:14">
      <c r="N721530" s="10"/>
    </row>
    <row r="721531" spans="14:14">
      <c r="N721531" s="10"/>
    </row>
    <row r="721532" spans="14:14">
      <c r="N721532" s="10"/>
    </row>
    <row r="721533" spans="14:14">
      <c r="N721533" s="10"/>
    </row>
    <row r="721534" spans="14:14">
      <c r="N721534" s="10"/>
    </row>
    <row r="721535" spans="14:14">
      <c r="N721535" s="10"/>
    </row>
    <row r="721536" spans="14:14">
      <c r="N721536" s="10"/>
    </row>
    <row r="721537" spans="14:14">
      <c r="N721537" s="10"/>
    </row>
    <row r="721538" spans="14:14">
      <c r="N721538" s="10"/>
    </row>
    <row r="721539" spans="14:14">
      <c r="N721539" s="10"/>
    </row>
    <row r="721540" spans="14:14">
      <c r="N721540" s="10"/>
    </row>
    <row r="721541" spans="14:14">
      <c r="N721541" s="10"/>
    </row>
    <row r="721542" spans="14:14">
      <c r="N721542" s="10"/>
    </row>
    <row r="721543" spans="14:14">
      <c r="N721543" s="10"/>
    </row>
    <row r="721544" spans="14:14">
      <c r="N721544" s="10"/>
    </row>
    <row r="721545" spans="14:14">
      <c r="N721545" s="10"/>
    </row>
    <row r="721546" spans="14:14">
      <c r="N721546" s="10"/>
    </row>
    <row r="721547" spans="14:14">
      <c r="N721547" s="10"/>
    </row>
    <row r="721548" spans="14:14">
      <c r="N721548" s="10"/>
    </row>
    <row r="721549" spans="14:14">
      <c r="N721549" s="10"/>
    </row>
    <row r="721550" spans="14:14">
      <c r="N721550" s="10"/>
    </row>
    <row r="721551" spans="14:14">
      <c r="N721551" s="10"/>
    </row>
    <row r="721552" spans="14:14">
      <c r="N721552" s="10"/>
    </row>
    <row r="721553" spans="14:14">
      <c r="N721553" s="10"/>
    </row>
    <row r="721554" spans="14:14">
      <c r="N721554" s="10"/>
    </row>
    <row r="721555" spans="14:14">
      <c r="N721555" s="10"/>
    </row>
    <row r="721556" spans="14:14">
      <c r="N721556" s="10"/>
    </row>
    <row r="721557" spans="14:14">
      <c r="N721557" s="10"/>
    </row>
    <row r="721558" spans="14:14">
      <c r="N721558" s="10"/>
    </row>
    <row r="721559" spans="14:14">
      <c r="N721559" s="10"/>
    </row>
    <row r="721560" spans="14:14">
      <c r="N721560" s="10"/>
    </row>
    <row r="721561" spans="14:14">
      <c r="N721561" s="10"/>
    </row>
    <row r="721562" spans="14:14">
      <c r="N721562" s="10"/>
    </row>
    <row r="721563" spans="14:14">
      <c r="N721563" s="10"/>
    </row>
    <row r="721564" spans="14:14">
      <c r="N721564" s="10"/>
    </row>
    <row r="721565" spans="14:14">
      <c r="N721565" s="10"/>
    </row>
    <row r="721566" spans="14:14">
      <c r="N721566" s="10"/>
    </row>
    <row r="721567" spans="14:14">
      <c r="N721567" s="10"/>
    </row>
    <row r="721568" spans="14:14">
      <c r="N721568" s="10"/>
    </row>
    <row r="721569" spans="14:14">
      <c r="N721569" s="10"/>
    </row>
    <row r="721570" spans="14:14">
      <c r="N721570" s="10"/>
    </row>
    <row r="721571" spans="14:14">
      <c r="N721571" s="10"/>
    </row>
    <row r="721572" spans="14:14">
      <c r="N721572" s="10"/>
    </row>
    <row r="721573" spans="14:14">
      <c r="N721573" s="10"/>
    </row>
    <row r="721574" spans="14:14">
      <c r="N721574" s="10"/>
    </row>
    <row r="721575" spans="14:14">
      <c r="N721575" s="10"/>
    </row>
    <row r="721576" spans="14:14">
      <c r="N721576" s="10"/>
    </row>
    <row r="721577" spans="14:14">
      <c r="N721577" s="10"/>
    </row>
    <row r="721578" spans="14:14">
      <c r="N721578" s="10"/>
    </row>
    <row r="721579" spans="14:14">
      <c r="N721579" s="10"/>
    </row>
    <row r="721580" spans="14:14">
      <c r="N721580" s="10"/>
    </row>
    <row r="721581" spans="14:14">
      <c r="N721581" s="10"/>
    </row>
    <row r="721582" spans="14:14">
      <c r="N721582" s="10"/>
    </row>
    <row r="721583" spans="14:14">
      <c r="N721583" s="10"/>
    </row>
    <row r="721584" spans="14:14">
      <c r="N721584" s="10"/>
    </row>
    <row r="721585" spans="14:14">
      <c r="N721585" s="10"/>
    </row>
    <row r="721586" spans="14:14">
      <c r="N721586" s="10"/>
    </row>
    <row r="721587" spans="14:14">
      <c r="N721587" s="10"/>
    </row>
    <row r="721588" spans="14:14">
      <c r="N721588" s="10"/>
    </row>
    <row r="721589" spans="14:14">
      <c r="N721589" s="10"/>
    </row>
    <row r="721590" spans="14:14">
      <c r="N721590" s="10"/>
    </row>
    <row r="721591" spans="14:14">
      <c r="N721591" s="10"/>
    </row>
    <row r="721592" spans="14:14">
      <c r="N721592" s="10"/>
    </row>
    <row r="721593" spans="14:14">
      <c r="N721593" s="10"/>
    </row>
    <row r="721594" spans="14:14">
      <c r="N721594" s="10"/>
    </row>
    <row r="721595" spans="14:14">
      <c r="N721595" s="10"/>
    </row>
    <row r="721596" spans="14:14">
      <c r="N721596" s="10"/>
    </row>
    <row r="721597" spans="14:14">
      <c r="N721597" s="10"/>
    </row>
    <row r="721598" spans="14:14">
      <c r="N721598" s="10"/>
    </row>
    <row r="721599" spans="14:14">
      <c r="N721599" s="10"/>
    </row>
    <row r="721600" spans="14:14">
      <c r="N721600" s="10"/>
    </row>
    <row r="721601" spans="14:14">
      <c r="N721601" s="10"/>
    </row>
    <row r="721602" spans="14:14">
      <c r="N721602" s="10"/>
    </row>
    <row r="721603" spans="14:14">
      <c r="N721603" s="10"/>
    </row>
    <row r="721604" spans="14:14">
      <c r="N721604" s="10"/>
    </row>
    <row r="721605" spans="14:14">
      <c r="N721605" s="10"/>
    </row>
    <row r="721606" spans="14:14">
      <c r="N721606" s="10"/>
    </row>
    <row r="721607" spans="14:14">
      <c r="N721607" s="10"/>
    </row>
    <row r="721608" spans="14:14">
      <c r="N721608" s="10"/>
    </row>
    <row r="721609" spans="14:14">
      <c r="N721609" s="10"/>
    </row>
    <row r="721610" spans="14:14">
      <c r="N721610" s="10"/>
    </row>
    <row r="721611" spans="14:14">
      <c r="N721611" s="10"/>
    </row>
    <row r="721612" spans="14:14">
      <c r="N721612" s="10"/>
    </row>
    <row r="721613" spans="14:14">
      <c r="N721613" s="10"/>
    </row>
    <row r="721614" spans="14:14">
      <c r="N721614" s="10"/>
    </row>
    <row r="721615" spans="14:14">
      <c r="N721615" s="10"/>
    </row>
    <row r="721616" spans="14:14">
      <c r="N721616" s="10"/>
    </row>
    <row r="721617" spans="14:14">
      <c r="N721617" s="10"/>
    </row>
    <row r="721618" spans="14:14">
      <c r="N721618" s="10"/>
    </row>
    <row r="721619" spans="14:14">
      <c r="N721619" s="10"/>
    </row>
    <row r="721620" spans="14:14">
      <c r="N721620" s="10"/>
    </row>
    <row r="721621" spans="14:14">
      <c r="N721621" s="10"/>
    </row>
    <row r="721622" spans="14:14">
      <c r="N721622" s="10"/>
    </row>
    <row r="721623" spans="14:14">
      <c r="N721623" s="10"/>
    </row>
    <row r="721624" spans="14:14">
      <c r="N721624" s="10"/>
    </row>
    <row r="721625" spans="14:14">
      <c r="N721625" s="10"/>
    </row>
    <row r="721626" spans="14:14">
      <c r="N721626" s="10"/>
    </row>
    <row r="721627" spans="14:14">
      <c r="N721627" s="10"/>
    </row>
    <row r="721628" spans="14:14">
      <c r="N721628" s="10"/>
    </row>
    <row r="721629" spans="14:14">
      <c r="N721629" s="10"/>
    </row>
    <row r="721630" spans="14:14">
      <c r="N721630" s="10"/>
    </row>
    <row r="721631" spans="14:14">
      <c r="N721631" s="10"/>
    </row>
    <row r="721632" spans="14:14">
      <c r="N721632" s="10"/>
    </row>
    <row r="721633" spans="14:14">
      <c r="N721633" s="10"/>
    </row>
    <row r="721634" spans="14:14">
      <c r="N721634" s="10"/>
    </row>
    <row r="721635" spans="14:14">
      <c r="N721635" s="10"/>
    </row>
    <row r="721636" spans="14:14">
      <c r="N721636" s="10"/>
    </row>
    <row r="721637" spans="14:14">
      <c r="N721637" s="10"/>
    </row>
    <row r="721638" spans="14:14">
      <c r="N721638" s="10"/>
    </row>
    <row r="721639" spans="14:14">
      <c r="N721639" s="10"/>
    </row>
    <row r="721640" spans="14:14">
      <c r="N721640" s="10"/>
    </row>
    <row r="721641" spans="14:14">
      <c r="N721641" s="10"/>
    </row>
    <row r="721642" spans="14:14">
      <c r="N721642" s="10"/>
    </row>
    <row r="721643" spans="14:14">
      <c r="N721643" s="10"/>
    </row>
    <row r="721644" spans="14:14">
      <c r="N721644" s="10"/>
    </row>
    <row r="721645" spans="14:14">
      <c r="N721645" s="10"/>
    </row>
    <row r="721646" spans="14:14">
      <c r="N721646" s="10"/>
    </row>
    <row r="721647" spans="14:14">
      <c r="N721647" s="10"/>
    </row>
    <row r="721648" spans="14:14">
      <c r="N721648" s="10"/>
    </row>
    <row r="721649" spans="14:14">
      <c r="N721649" s="10"/>
    </row>
    <row r="721650" spans="14:14">
      <c r="N721650" s="10"/>
    </row>
    <row r="721651" spans="14:14">
      <c r="N721651" s="10"/>
    </row>
    <row r="721652" spans="14:14">
      <c r="N721652" s="10"/>
    </row>
    <row r="721653" spans="14:14">
      <c r="N721653" s="10"/>
    </row>
    <row r="721654" spans="14:14">
      <c r="N721654" s="10"/>
    </row>
    <row r="721655" spans="14:14">
      <c r="N721655" s="10"/>
    </row>
    <row r="721656" spans="14:14">
      <c r="N721656" s="10"/>
    </row>
    <row r="721657" spans="14:14">
      <c r="N721657" s="10"/>
    </row>
    <row r="721658" spans="14:14">
      <c r="N721658" s="10"/>
    </row>
    <row r="721659" spans="14:14">
      <c r="N721659" s="10"/>
    </row>
    <row r="721660" spans="14:14">
      <c r="N721660" s="10"/>
    </row>
    <row r="721661" spans="14:14">
      <c r="N721661" s="10"/>
    </row>
    <row r="721662" spans="14:14">
      <c r="N721662" s="10"/>
    </row>
    <row r="721663" spans="14:14">
      <c r="N721663" s="10"/>
    </row>
    <row r="721664" spans="14:14">
      <c r="N721664" s="10"/>
    </row>
    <row r="721665" spans="14:14">
      <c r="N721665" s="10"/>
    </row>
    <row r="721666" spans="14:14">
      <c r="N721666" s="10"/>
    </row>
    <row r="721667" spans="14:14">
      <c r="N721667" s="10"/>
    </row>
    <row r="721668" spans="14:14">
      <c r="N721668" s="10"/>
    </row>
    <row r="721669" spans="14:14">
      <c r="N721669" s="10"/>
    </row>
    <row r="721670" spans="14:14">
      <c r="N721670" s="10"/>
    </row>
    <row r="721671" spans="14:14">
      <c r="N721671" s="10"/>
    </row>
    <row r="721672" spans="14:14">
      <c r="N721672" s="10"/>
    </row>
    <row r="721673" spans="14:14">
      <c r="N721673" s="10"/>
    </row>
    <row r="721674" spans="14:14">
      <c r="N721674" s="10"/>
    </row>
    <row r="721675" spans="14:14">
      <c r="N721675" s="10"/>
    </row>
    <row r="721676" spans="14:14">
      <c r="N721676" s="10"/>
    </row>
    <row r="721677" spans="14:14">
      <c r="N721677" s="10"/>
    </row>
    <row r="721678" spans="14:14">
      <c r="N721678" s="10"/>
    </row>
    <row r="721679" spans="14:14">
      <c r="N721679" s="10"/>
    </row>
    <row r="721680" spans="14:14">
      <c r="N721680" s="10"/>
    </row>
    <row r="721681" spans="14:14">
      <c r="N721681" s="10"/>
    </row>
    <row r="721682" spans="14:14">
      <c r="N721682" s="10"/>
    </row>
    <row r="721683" spans="14:14">
      <c r="N721683" s="10"/>
    </row>
    <row r="721684" spans="14:14">
      <c r="N721684" s="10"/>
    </row>
    <row r="721685" spans="14:14">
      <c r="N721685" s="10"/>
    </row>
    <row r="721686" spans="14:14">
      <c r="N721686" s="10"/>
    </row>
    <row r="721687" spans="14:14">
      <c r="N721687" s="10"/>
    </row>
    <row r="721688" spans="14:14">
      <c r="N721688" s="10"/>
    </row>
    <row r="721689" spans="14:14">
      <c r="N721689" s="10"/>
    </row>
    <row r="721690" spans="14:14">
      <c r="N721690" s="10"/>
    </row>
    <row r="721691" spans="14:14">
      <c r="N721691" s="10"/>
    </row>
    <row r="721692" spans="14:14">
      <c r="N721692" s="10"/>
    </row>
    <row r="721693" spans="14:14">
      <c r="N721693" s="10"/>
    </row>
    <row r="721694" spans="14:14">
      <c r="N721694" s="10"/>
    </row>
    <row r="721695" spans="14:14">
      <c r="N721695" s="10"/>
    </row>
    <row r="721696" spans="14:14">
      <c r="N721696" s="10"/>
    </row>
    <row r="721697" spans="14:14">
      <c r="N721697" s="10"/>
    </row>
    <row r="721698" spans="14:14">
      <c r="N721698" s="10"/>
    </row>
    <row r="721699" spans="14:14">
      <c r="N721699" s="10"/>
    </row>
    <row r="721700" spans="14:14">
      <c r="N721700" s="10"/>
    </row>
    <row r="721701" spans="14:14">
      <c r="N721701" s="10"/>
    </row>
    <row r="721702" spans="14:14">
      <c r="N721702" s="10"/>
    </row>
    <row r="721703" spans="14:14">
      <c r="N721703" s="10"/>
    </row>
    <row r="721704" spans="14:14">
      <c r="N721704" s="10"/>
    </row>
    <row r="721705" spans="14:14">
      <c r="N721705" s="10"/>
    </row>
    <row r="721706" spans="14:14">
      <c r="N721706" s="10"/>
    </row>
    <row r="721707" spans="14:14">
      <c r="N721707" s="10"/>
    </row>
    <row r="721708" spans="14:14">
      <c r="N721708" s="10"/>
    </row>
    <row r="721709" spans="14:14">
      <c r="N721709" s="10"/>
    </row>
    <row r="721710" spans="14:14">
      <c r="N721710" s="10"/>
    </row>
    <row r="721711" spans="14:14">
      <c r="N721711" s="10"/>
    </row>
    <row r="721712" spans="14:14">
      <c r="N721712" s="10"/>
    </row>
    <row r="721713" spans="14:14">
      <c r="N721713" s="10"/>
    </row>
    <row r="721714" spans="14:14">
      <c r="N721714" s="10"/>
    </row>
    <row r="721715" spans="14:14">
      <c r="N721715" s="10"/>
    </row>
    <row r="721716" spans="14:14">
      <c r="N721716" s="10"/>
    </row>
    <row r="721717" spans="14:14">
      <c r="N721717" s="10"/>
    </row>
    <row r="721718" spans="14:14">
      <c r="N721718" s="10"/>
    </row>
    <row r="721719" spans="14:14">
      <c r="N721719" s="10"/>
    </row>
    <row r="721720" spans="14:14">
      <c r="N721720" s="10"/>
    </row>
    <row r="721721" spans="14:14">
      <c r="N721721" s="10"/>
    </row>
    <row r="721722" spans="14:14">
      <c r="N721722" s="10"/>
    </row>
    <row r="721723" spans="14:14">
      <c r="N721723" s="10"/>
    </row>
    <row r="721724" spans="14:14">
      <c r="N721724" s="10"/>
    </row>
    <row r="721725" spans="14:14">
      <c r="N721725" s="10"/>
    </row>
    <row r="721726" spans="14:14">
      <c r="N721726" s="10"/>
    </row>
    <row r="721727" spans="14:14">
      <c r="N721727" s="10"/>
    </row>
    <row r="721728" spans="14:14">
      <c r="N721728" s="10"/>
    </row>
    <row r="721729" spans="14:14">
      <c r="N721729" s="10"/>
    </row>
    <row r="721730" spans="14:14">
      <c r="N721730" s="10"/>
    </row>
    <row r="721731" spans="14:14">
      <c r="N721731" s="10"/>
    </row>
    <row r="721732" spans="14:14">
      <c r="N721732" s="10"/>
    </row>
    <row r="721733" spans="14:14">
      <c r="N721733" s="10"/>
    </row>
    <row r="721734" spans="14:14">
      <c r="N721734" s="10"/>
    </row>
    <row r="721735" spans="14:14">
      <c r="N721735" s="10"/>
    </row>
    <row r="721736" spans="14:14">
      <c r="N721736" s="10"/>
    </row>
    <row r="721737" spans="14:14">
      <c r="N721737" s="10"/>
    </row>
    <row r="721738" spans="14:14">
      <c r="N721738" s="10"/>
    </row>
    <row r="721739" spans="14:14">
      <c r="N721739" s="10"/>
    </row>
    <row r="721740" spans="14:14">
      <c r="N721740" s="10"/>
    </row>
    <row r="721741" spans="14:14">
      <c r="N721741" s="10"/>
    </row>
    <row r="721742" spans="14:14">
      <c r="N721742" s="10"/>
    </row>
    <row r="721743" spans="14:14">
      <c r="N721743" s="10"/>
    </row>
    <row r="721744" spans="14:14">
      <c r="N721744" s="10"/>
    </row>
    <row r="721745" spans="14:14">
      <c r="N721745" s="10"/>
    </row>
    <row r="721746" spans="14:14">
      <c r="N721746" s="10"/>
    </row>
    <row r="721747" spans="14:14">
      <c r="N721747" s="10"/>
    </row>
    <row r="721748" spans="14:14">
      <c r="N721748" s="10"/>
    </row>
    <row r="721749" spans="14:14">
      <c r="N721749" s="10"/>
    </row>
    <row r="721750" spans="14:14">
      <c r="N721750" s="10"/>
    </row>
    <row r="721751" spans="14:14">
      <c r="N721751" s="10"/>
    </row>
    <row r="721752" spans="14:14">
      <c r="N721752" s="10"/>
    </row>
    <row r="721753" spans="14:14">
      <c r="N721753" s="10"/>
    </row>
    <row r="721754" spans="14:14">
      <c r="N721754" s="10"/>
    </row>
    <row r="721755" spans="14:14">
      <c r="N721755" s="10"/>
    </row>
    <row r="721756" spans="14:14">
      <c r="N721756" s="10"/>
    </row>
    <row r="721757" spans="14:14">
      <c r="N721757" s="10"/>
    </row>
    <row r="721758" spans="14:14">
      <c r="N721758" s="10"/>
    </row>
    <row r="721759" spans="14:14">
      <c r="N721759" s="10"/>
    </row>
    <row r="721760" spans="14:14">
      <c r="N721760" s="10"/>
    </row>
    <row r="721761" spans="14:14">
      <c r="N721761" s="10"/>
    </row>
    <row r="721762" spans="14:14">
      <c r="N721762" s="10"/>
    </row>
    <row r="721763" spans="14:14">
      <c r="N721763" s="10"/>
    </row>
    <row r="721764" spans="14:14">
      <c r="N721764" s="10"/>
    </row>
    <row r="721765" spans="14:14">
      <c r="N721765" s="10"/>
    </row>
    <row r="721766" spans="14:14">
      <c r="N721766" s="10"/>
    </row>
    <row r="721767" spans="14:14">
      <c r="N721767" s="10"/>
    </row>
    <row r="721768" spans="14:14">
      <c r="N721768" s="10"/>
    </row>
    <row r="721769" spans="14:14">
      <c r="N721769" s="10"/>
    </row>
    <row r="721770" spans="14:14">
      <c r="N721770" s="10"/>
    </row>
    <row r="721771" spans="14:14">
      <c r="N721771" s="10"/>
    </row>
    <row r="721772" spans="14:14">
      <c r="N721772" s="10"/>
    </row>
    <row r="721773" spans="14:14">
      <c r="N721773" s="10"/>
    </row>
    <row r="721774" spans="14:14">
      <c r="N721774" s="10"/>
    </row>
    <row r="721775" spans="14:14">
      <c r="N721775" s="10"/>
    </row>
    <row r="721776" spans="14:14">
      <c r="N721776" s="10"/>
    </row>
    <row r="721777" spans="14:14">
      <c r="N721777" s="10"/>
    </row>
    <row r="721778" spans="14:14">
      <c r="N721778" s="10"/>
    </row>
    <row r="721779" spans="14:14">
      <c r="N721779" s="10"/>
    </row>
    <row r="721780" spans="14:14">
      <c r="N721780" s="10"/>
    </row>
    <row r="721781" spans="14:14">
      <c r="N721781" s="10"/>
    </row>
    <row r="721782" spans="14:14">
      <c r="N721782" s="10"/>
    </row>
    <row r="721783" spans="14:14">
      <c r="N721783" s="10"/>
    </row>
    <row r="721784" spans="14:14">
      <c r="N721784" s="10"/>
    </row>
    <row r="721785" spans="14:14">
      <c r="N721785" s="10"/>
    </row>
    <row r="721786" spans="14:14">
      <c r="N721786" s="10"/>
    </row>
    <row r="721787" spans="14:14">
      <c r="N721787" s="10"/>
    </row>
    <row r="721788" spans="14:14">
      <c r="N721788" s="10"/>
    </row>
    <row r="721789" spans="14:14">
      <c r="N721789" s="10"/>
    </row>
    <row r="721790" spans="14:14">
      <c r="N721790" s="10"/>
    </row>
    <row r="721791" spans="14:14">
      <c r="N721791" s="10"/>
    </row>
    <row r="721792" spans="14:14">
      <c r="N721792" s="10"/>
    </row>
    <row r="721793" spans="14:14">
      <c r="N721793" s="10"/>
    </row>
    <row r="721794" spans="14:14">
      <c r="N721794" s="10"/>
    </row>
    <row r="721795" spans="14:14">
      <c r="N721795" s="10"/>
    </row>
    <row r="721796" spans="14:14">
      <c r="N721796" s="10"/>
    </row>
    <row r="721797" spans="14:14">
      <c r="N721797" s="10"/>
    </row>
    <row r="721798" spans="14:14">
      <c r="N721798" s="10"/>
    </row>
    <row r="721799" spans="14:14">
      <c r="N721799" s="10"/>
    </row>
    <row r="721800" spans="14:14">
      <c r="N721800" s="10"/>
    </row>
    <row r="721801" spans="14:14">
      <c r="N721801" s="10"/>
    </row>
    <row r="721802" spans="14:14">
      <c r="N721802" s="10"/>
    </row>
    <row r="721803" spans="14:14">
      <c r="N721803" s="10"/>
    </row>
    <row r="721804" spans="14:14">
      <c r="N721804" s="10"/>
    </row>
    <row r="721805" spans="14:14">
      <c r="N721805" s="10"/>
    </row>
    <row r="721806" spans="14:14">
      <c r="N721806" s="10"/>
    </row>
    <row r="721807" spans="14:14">
      <c r="N721807" s="10"/>
    </row>
    <row r="721808" spans="14:14">
      <c r="N721808" s="10"/>
    </row>
    <row r="721809" spans="14:14">
      <c r="N721809" s="10"/>
    </row>
    <row r="721810" spans="14:14">
      <c r="N721810" s="10"/>
    </row>
    <row r="721811" spans="14:14">
      <c r="N721811" s="10"/>
    </row>
    <row r="721812" spans="14:14">
      <c r="N721812" s="10"/>
    </row>
    <row r="721813" spans="14:14">
      <c r="N721813" s="10"/>
    </row>
    <row r="721814" spans="14:14">
      <c r="N721814" s="10"/>
    </row>
    <row r="721815" spans="14:14">
      <c r="N721815" s="10"/>
    </row>
    <row r="721816" spans="14:14">
      <c r="N721816" s="10"/>
    </row>
    <row r="721817" spans="14:14">
      <c r="N721817" s="10"/>
    </row>
    <row r="721818" spans="14:14">
      <c r="N721818" s="10"/>
    </row>
    <row r="721819" spans="14:14">
      <c r="N721819" s="10"/>
    </row>
    <row r="721820" spans="14:14">
      <c r="N721820" s="10"/>
    </row>
    <row r="721821" spans="14:14">
      <c r="N721821" s="10"/>
    </row>
    <row r="721822" spans="14:14">
      <c r="N721822" s="10"/>
    </row>
    <row r="721823" spans="14:14">
      <c r="N721823" s="10"/>
    </row>
    <row r="721824" spans="14:14">
      <c r="N721824" s="10"/>
    </row>
    <row r="721825" spans="14:14">
      <c r="N721825" s="10"/>
    </row>
    <row r="721826" spans="14:14">
      <c r="N721826" s="10"/>
    </row>
    <row r="721827" spans="14:14">
      <c r="N721827" s="10"/>
    </row>
    <row r="721828" spans="14:14">
      <c r="N721828" s="10"/>
    </row>
    <row r="721829" spans="14:14">
      <c r="N721829" s="10"/>
    </row>
    <row r="721830" spans="14:14">
      <c r="N721830" s="10"/>
    </row>
    <row r="721831" spans="14:14">
      <c r="N721831" s="10"/>
    </row>
    <row r="721832" spans="14:14">
      <c r="N721832" s="10"/>
    </row>
    <row r="721833" spans="14:14">
      <c r="N721833" s="10"/>
    </row>
    <row r="721834" spans="14:14">
      <c r="N721834" s="10"/>
    </row>
    <row r="721835" spans="14:14">
      <c r="N721835" s="10"/>
    </row>
    <row r="721836" spans="14:14">
      <c r="N721836" s="10"/>
    </row>
    <row r="721837" spans="14:14">
      <c r="N721837" s="10"/>
    </row>
    <row r="721838" spans="14:14">
      <c r="N721838" s="10"/>
    </row>
    <row r="721839" spans="14:14">
      <c r="N721839" s="10"/>
    </row>
    <row r="721840" spans="14:14">
      <c r="N721840" s="10"/>
    </row>
    <row r="721841" spans="14:14">
      <c r="N721841" s="10"/>
    </row>
    <row r="721842" spans="14:14">
      <c r="N721842" s="10"/>
    </row>
    <row r="721843" spans="14:14">
      <c r="N721843" s="10"/>
    </row>
    <row r="721844" spans="14:14">
      <c r="N721844" s="10"/>
    </row>
    <row r="721845" spans="14:14">
      <c r="N721845" s="10"/>
    </row>
    <row r="721846" spans="14:14">
      <c r="N721846" s="10"/>
    </row>
    <row r="721847" spans="14:14">
      <c r="N721847" s="10"/>
    </row>
    <row r="721848" spans="14:14">
      <c r="N721848" s="10"/>
    </row>
    <row r="721849" spans="14:14">
      <c r="N721849" s="10"/>
    </row>
    <row r="721850" spans="14:14">
      <c r="N721850" s="10"/>
    </row>
    <row r="721851" spans="14:14">
      <c r="N721851" s="10"/>
    </row>
    <row r="721852" spans="14:14">
      <c r="N721852" s="10"/>
    </row>
    <row r="721853" spans="14:14">
      <c r="N721853" s="10"/>
    </row>
    <row r="721854" spans="14:14">
      <c r="N721854" s="10"/>
    </row>
    <row r="721855" spans="14:14">
      <c r="N721855" s="10"/>
    </row>
    <row r="721856" spans="14:14">
      <c r="N721856" s="10"/>
    </row>
    <row r="721857" spans="14:14">
      <c r="N721857" s="10"/>
    </row>
    <row r="721858" spans="14:14">
      <c r="N721858" s="10"/>
    </row>
    <row r="721859" spans="14:14">
      <c r="N721859" s="10"/>
    </row>
    <row r="721860" spans="14:14">
      <c r="N721860" s="10"/>
    </row>
    <row r="721861" spans="14:14">
      <c r="N721861" s="10"/>
    </row>
    <row r="721862" spans="14:14">
      <c r="N721862" s="10"/>
    </row>
    <row r="721863" spans="14:14">
      <c r="N721863" s="10"/>
    </row>
    <row r="721864" spans="14:14">
      <c r="N721864" s="10"/>
    </row>
    <row r="721865" spans="14:14">
      <c r="N721865" s="10"/>
    </row>
    <row r="721866" spans="14:14">
      <c r="N721866" s="10"/>
    </row>
    <row r="721867" spans="14:14">
      <c r="N721867" s="10"/>
    </row>
    <row r="721868" spans="14:14">
      <c r="N721868" s="10"/>
    </row>
    <row r="721869" spans="14:14">
      <c r="N721869" s="10"/>
    </row>
    <row r="721870" spans="14:14">
      <c r="N721870" s="10"/>
    </row>
    <row r="721871" spans="14:14">
      <c r="N721871" s="10"/>
    </row>
    <row r="721872" spans="14:14">
      <c r="N721872" s="10"/>
    </row>
    <row r="721873" spans="14:14">
      <c r="N721873" s="10"/>
    </row>
    <row r="721874" spans="14:14">
      <c r="N721874" s="10"/>
    </row>
    <row r="721875" spans="14:14">
      <c r="N721875" s="10"/>
    </row>
    <row r="721876" spans="14:14">
      <c r="N721876" s="10"/>
    </row>
    <row r="721877" spans="14:14">
      <c r="N721877" s="10"/>
    </row>
    <row r="721878" spans="14:14">
      <c r="N721878" s="10"/>
    </row>
    <row r="721879" spans="14:14">
      <c r="N721879" s="10"/>
    </row>
    <row r="721880" spans="14:14">
      <c r="N721880" s="10"/>
    </row>
    <row r="721881" spans="14:14">
      <c r="N721881" s="10"/>
    </row>
    <row r="721882" spans="14:14">
      <c r="N721882" s="10"/>
    </row>
    <row r="721883" spans="14:14">
      <c r="N721883" s="10"/>
    </row>
    <row r="721884" spans="14:14">
      <c r="N721884" s="10"/>
    </row>
    <row r="721885" spans="14:14">
      <c r="N721885" s="10"/>
    </row>
    <row r="721886" spans="14:14">
      <c r="N721886" s="10"/>
    </row>
    <row r="721887" spans="14:14">
      <c r="N721887" s="10"/>
    </row>
    <row r="721888" spans="14:14">
      <c r="N721888" s="10"/>
    </row>
    <row r="721889" spans="14:14">
      <c r="N721889" s="10"/>
    </row>
    <row r="721890" spans="14:14">
      <c r="N721890" s="10"/>
    </row>
    <row r="721891" spans="14:14">
      <c r="N721891" s="10"/>
    </row>
    <row r="721892" spans="14:14">
      <c r="N721892" s="10"/>
    </row>
    <row r="721893" spans="14:14">
      <c r="N721893" s="10"/>
    </row>
    <row r="721894" spans="14:14">
      <c r="N721894" s="10"/>
    </row>
    <row r="721895" spans="14:14">
      <c r="N721895" s="10"/>
    </row>
    <row r="721896" spans="14:14">
      <c r="N721896" s="10"/>
    </row>
    <row r="721897" spans="14:14">
      <c r="N721897" s="10"/>
    </row>
    <row r="721898" spans="14:14">
      <c r="N721898" s="10"/>
    </row>
    <row r="721899" spans="14:14">
      <c r="N721899" s="10"/>
    </row>
    <row r="721900" spans="14:14">
      <c r="N721900" s="10"/>
    </row>
    <row r="721901" spans="14:14">
      <c r="N721901" s="10"/>
    </row>
    <row r="721902" spans="14:14">
      <c r="N721902" s="10"/>
    </row>
    <row r="721903" spans="14:14">
      <c r="N721903" s="10"/>
    </row>
    <row r="721904" spans="14:14">
      <c r="N721904" s="10"/>
    </row>
    <row r="721905" spans="14:14">
      <c r="N721905" s="10"/>
    </row>
    <row r="721906" spans="14:14">
      <c r="N721906" s="10"/>
    </row>
    <row r="721907" spans="14:14">
      <c r="N721907" s="10"/>
    </row>
    <row r="721908" spans="14:14">
      <c r="N721908" s="10"/>
    </row>
    <row r="721909" spans="14:14">
      <c r="N721909" s="10"/>
    </row>
    <row r="721910" spans="14:14">
      <c r="N721910" s="10"/>
    </row>
    <row r="721911" spans="14:14">
      <c r="N721911" s="10"/>
    </row>
    <row r="721912" spans="14:14">
      <c r="N721912" s="10"/>
    </row>
    <row r="721913" spans="14:14">
      <c r="N721913" s="10"/>
    </row>
    <row r="721914" spans="14:14">
      <c r="N721914" s="10"/>
    </row>
    <row r="721915" spans="14:14">
      <c r="N721915" s="10"/>
    </row>
    <row r="721916" spans="14:14">
      <c r="N721916" s="10"/>
    </row>
    <row r="721917" spans="14:14">
      <c r="N721917" s="10"/>
    </row>
    <row r="721918" spans="14:14">
      <c r="N721918" s="10"/>
    </row>
    <row r="721919" spans="14:14">
      <c r="N721919" s="10"/>
    </row>
    <row r="721920" spans="14:14">
      <c r="N721920" s="10"/>
    </row>
    <row r="721921" spans="14:14">
      <c r="N721921" s="10"/>
    </row>
    <row r="721922" spans="14:14">
      <c r="N721922" s="10"/>
    </row>
    <row r="721923" spans="14:14">
      <c r="N721923" s="10"/>
    </row>
    <row r="721924" spans="14:14">
      <c r="N721924" s="10"/>
    </row>
    <row r="721925" spans="14:14">
      <c r="N721925" s="10"/>
    </row>
    <row r="721926" spans="14:14">
      <c r="N721926" s="10"/>
    </row>
    <row r="721927" spans="14:14">
      <c r="N721927" s="10"/>
    </row>
    <row r="721928" spans="14:14">
      <c r="N721928" s="10"/>
    </row>
    <row r="721929" spans="14:14">
      <c r="N721929" s="10"/>
    </row>
    <row r="721930" spans="14:14">
      <c r="N721930" s="10"/>
    </row>
    <row r="721931" spans="14:14">
      <c r="N721931" s="10"/>
    </row>
    <row r="721932" spans="14:14">
      <c r="N721932" s="10"/>
    </row>
    <row r="721933" spans="14:14">
      <c r="N721933" s="10"/>
    </row>
    <row r="721934" spans="14:14">
      <c r="N721934" s="10"/>
    </row>
    <row r="721935" spans="14:14">
      <c r="N721935" s="10"/>
    </row>
    <row r="721936" spans="14:14">
      <c r="N721936" s="10"/>
    </row>
    <row r="721937" spans="14:14">
      <c r="N721937" s="10"/>
    </row>
    <row r="721938" spans="14:14">
      <c r="N721938" s="10"/>
    </row>
    <row r="721939" spans="14:14">
      <c r="N721939" s="10"/>
    </row>
    <row r="721940" spans="14:14">
      <c r="N721940" s="10"/>
    </row>
    <row r="721941" spans="14:14">
      <c r="N721941" s="10"/>
    </row>
    <row r="721942" spans="14:14">
      <c r="N721942" s="10"/>
    </row>
    <row r="721943" spans="14:14">
      <c r="N721943" s="10"/>
    </row>
    <row r="721944" spans="14:14">
      <c r="N721944" s="10"/>
    </row>
    <row r="721945" spans="14:14">
      <c r="N721945" s="10"/>
    </row>
    <row r="721946" spans="14:14">
      <c r="N721946" s="10"/>
    </row>
    <row r="721947" spans="14:14">
      <c r="N721947" s="10"/>
    </row>
    <row r="721948" spans="14:14">
      <c r="N721948" s="10"/>
    </row>
    <row r="721949" spans="14:14">
      <c r="N721949" s="10"/>
    </row>
    <row r="721950" spans="14:14">
      <c r="N721950" s="10"/>
    </row>
    <row r="721951" spans="14:14">
      <c r="N721951" s="10"/>
    </row>
    <row r="721952" spans="14:14">
      <c r="N721952" s="10"/>
    </row>
    <row r="721953" spans="14:14">
      <c r="N721953" s="10"/>
    </row>
    <row r="721954" spans="14:14">
      <c r="N721954" s="10"/>
    </row>
    <row r="721955" spans="14:14">
      <c r="N721955" s="10"/>
    </row>
    <row r="721956" spans="14:14">
      <c r="N721956" s="10"/>
    </row>
    <row r="721957" spans="14:14">
      <c r="N721957" s="10"/>
    </row>
    <row r="721958" spans="14:14">
      <c r="N721958" s="10"/>
    </row>
    <row r="721959" spans="14:14">
      <c r="N721959" s="10"/>
    </row>
    <row r="721960" spans="14:14">
      <c r="N721960" s="10"/>
    </row>
    <row r="721961" spans="14:14">
      <c r="N721961" s="10"/>
    </row>
    <row r="721962" spans="14:14">
      <c r="N721962" s="10"/>
    </row>
    <row r="721963" spans="14:14">
      <c r="N721963" s="10"/>
    </row>
    <row r="721964" spans="14:14">
      <c r="N721964" s="10"/>
    </row>
    <row r="721965" spans="14:14">
      <c r="N721965" s="10"/>
    </row>
    <row r="721966" spans="14:14">
      <c r="N721966" s="10"/>
    </row>
    <row r="721967" spans="14:14">
      <c r="N721967" s="10"/>
    </row>
    <row r="721968" spans="14:14">
      <c r="N721968" s="10"/>
    </row>
    <row r="721969" spans="14:14">
      <c r="N721969" s="10"/>
    </row>
    <row r="721970" spans="14:14">
      <c r="N721970" s="10"/>
    </row>
    <row r="721971" spans="14:14">
      <c r="N721971" s="10"/>
    </row>
    <row r="721972" spans="14:14">
      <c r="N721972" s="10"/>
    </row>
    <row r="721973" spans="14:14">
      <c r="N721973" s="10"/>
    </row>
    <row r="721974" spans="14:14">
      <c r="N721974" s="10"/>
    </row>
    <row r="721975" spans="14:14">
      <c r="N721975" s="10"/>
    </row>
    <row r="721976" spans="14:14">
      <c r="N721976" s="10"/>
    </row>
    <row r="721977" spans="14:14">
      <c r="N721977" s="10"/>
    </row>
    <row r="721978" spans="14:14">
      <c r="N721978" s="10"/>
    </row>
    <row r="721979" spans="14:14">
      <c r="N721979" s="10"/>
    </row>
    <row r="721980" spans="14:14">
      <c r="N721980" s="10"/>
    </row>
    <row r="721981" spans="14:14">
      <c r="N721981" s="10"/>
    </row>
    <row r="721982" spans="14:14">
      <c r="N721982" s="10"/>
    </row>
    <row r="721983" spans="14:14">
      <c r="N721983" s="10"/>
    </row>
    <row r="721984" spans="14:14">
      <c r="N721984" s="10"/>
    </row>
    <row r="721985" spans="14:14">
      <c r="N721985" s="10"/>
    </row>
    <row r="721986" spans="14:14">
      <c r="N721986" s="10"/>
    </row>
    <row r="721987" spans="14:14">
      <c r="N721987" s="10"/>
    </row>
    <row r="721988" spans="14:14">
      <c r="N721988" s="10"/>
    </row>
    <row r="721989" spans="14:14">
      <c r="N721989" s="10"/>
    </row>
    <row r="721990" spans="14:14">
      <c r="N721990" s="10"/>
    </row>
    <row r="721991" spans="14:14">
      <c r="N721991" s="10"/>
    </row>
    <row r="721992" spans="14:14">
      <c r="N721992" s="10"/>
    </row>
    <row r="721993" spans="14:14">
      <c r="N721993" s="10"/>
    </row>
    <row r="721994" spans="14:14">
      <c r="N721994" s="10"/>
    </row>
    <row r="721995" spans="14:14">
      <c r="N721995" s="10"/>
    </row>
    <row r="721996" spans="14:14">
      <c r="N721996" s="10"/>
    </row>
    <row r="721997" spans="14:14">
      <c r="N721997" s="10"/>
    </row>
    <row r="721998" spans="14:14">
      <c r="N721998" s="10"/>
    </row>
    <row r="721999" spans="14:14">
      <c r="N721999" s="10"/>
    </row>
    <row r="722000" spans="14:14">
      <c r="N722000" s="10"/>
    </row>
    <row r="722001" spans="14:14">
      <c r="N722001" s="10"/>
    </row>
    <row r="722002" spans="14:14">
      <c r="N722002" s="10"/>
    </row>
    <row r="722003" spans="14:14">
      <c r="N722003" s="10"/>
    </row>
    <row r="722004" spans="14:14">
      <c r="N722004" s="10"/>
    </row>
    <row r="722005" spans="14:14">
      <c r="N722005" s="10"/>
    </row>
    <row r="722006" spans="14:14">
      <c r="N722006" s="10"/>
    </row>
    <row r="722007" spans="14:14">
      <c r="N722007" s="10"/>
    </row>
    <row r="722008" spans="14:14">
      <c r="N722008" s="10"/>
    </row>
    <row r="722009" spans="14:14">
      <c r="N722009" s="10"/>
    </row>
    <row r="722010" spans="14:14">
      <c r="N722010" s="10"/>
    </row>
    <row r="722011" spans="14:14">
      <c r="N722011" s="10"/>
    </row>
    <row r="722012" spans="14:14">
      <c r="N722012" s="10"/>
    </row>
    <row r="722013" spans="14:14">
      <c r="N722013" s="10"/>
    </row>
    <row r="722014" spans="14:14">
      <c r="N722014" s="10"/>
    </row>
    <row r="722015" spans="14:14">
      <c r="N722015" s="10"/>
    </row>
    <row r="722016" spans="14:14">
      <c r="N722016" s="10"/>
    </row>
    <row r="722017" spans="14:14">
      <c r="N722017" s="10"/>
    </row>
    <row r="722018" spans="14:14">
      <c r="N722018" s="10"/>
    </row>
    <row r="722019" spans="14:14">
      <c r="N722019" s="10"/>
    </row>
    <row r="722020" spans="14:14">
      <c r="N722020" s="10"/>
    </row>
    <row r="722021" spans="14:14">
      <c r="N722021" s="10"/>
    </row>
    <row r="722022" spans="14:14">
      <c r="N722022" s="10"/>
    </row>
    <row r="722023" spans="14:14">
      <c r="N722023" s="10"/>
    </row>
    <row r="722024" spans="14:14">
      <c r="N722024" s="10"/>
    </row>
    <row r="722025" spans="14:14">
      <c r="N722025" s="10"/>
    </row>
    <row r="722026" spans="14:14">
      <c r="N722026" s="10"/>
    </row>
    <row r="722027" spans="14:14">
      <c r="N722027" s="10"/>
    </row>
    <row r="722028" spans="14:14">
      <c r="N722028" s="10"/>
    </row>
    <row r="722029" spans="14:14">
      <c r="N722029" s="10"/>
    </row>
    <row r="722030" spans="14:14">
      <c r="N722030" s="10"/>
    </row>
    <row r="722031" spans="14:14">
      <c r="N722031" s="10"/>
    </row>
    <row r="722032" spans="14:14">
      <c r="N722032" s="10"/>
    </row>
    <row r="722033" spans="14:14">
      <c r="N722033" s="10"/>
    </row>
    <row r="722034" spans="14:14">
      <c r="N722034" s="10"/>
    </row>
    <row r="722035" spans="14:14">
      <c r="N722035" s="10"/>
    </row>
    <row r="722036" spans="14:14">
      <c r="N722036" s="10"/>
    </row>
    <row r="722037" spans="14:14">
      <c r="N722037" s="10"/>
    </row>
    <row r="722038" spans="14:14">
      <c r="N722038" s="10"/>
    </row>
    <row r="722039" spans="14:14">
      <c r="N722039" s="10"/>
    </row>
    <row r="722040" spans="14:14">
      <c r="N722040" s="10"/>
    </row>
    <row r="722041" spans="14:14">
      <c r="N722041" s="10"/>
    </row>
    <row r="722042" spans="14:14">
      <c r="N722042" s="10"/>
    </row>
    <row r="722043" spans="14:14">
      <c r="N722043" s="10"/>
    </row>
    <row r="722044" spans="14:14">
      <c r="N722044" s="10"/>
    </row>
    <row r="722045" spans="14:14">
      <c r="N722045" s="10"/>
    </row>
    <row r="722046" spans="14:14">
      <c r="N722046" s="10"/>
    </row>
    <row r="722047" spans="14:14">
      <c r="N722047" s="10"/>
    </row>
    <row r="722048" spans="14:14">
      <c r="N722048" s="10"/>
    </row>
    <row r="722049" spans="14:14">
      <c r="N722049" s="10"/>
    </row>
    <row r="722050" spans="14:14">
      <c r="N722050" s="10"/>
    </row>
    <row r="722051" spans="14:14">
      <c r="N722051" s="10"/>
    </row>
    <row r="722052" spans="14:14">
      <c r="N722052" s="10"/>
    </row>
    <row r="722053" spans="14:14">
      <c r="N722053" s="10"/>
    </row>
    <row r="722054" spans="14:14">
      <c r="N722054" s="10"/>
    </row>
    <row r="722055" spans="14:14">
      <c r="N722055" s="10"/>
    </row>
    <row r="722056" spans="14:14">
      <c r="N722056" s="10"/>
    </row>
    <row r="722057" spans="14:14">
      <c r="N722057" s="10"/>
    </row>
    <row r="722058" spans="14:14">
      <c r="N722058" s="10"/>
    </row>
    <row r="722059" spans="14:14">
      <c r="N722059" s="10"/>
    </row>
    <row r="722060" spans="14:14">
      <c r="N722060" s="10"/>
    </row>
    <row r="722061" spans="14:14">
      <c r="N722061" s="10"/>
    </row>
    <row r="722062" spans="14:14">
      <c r="N722062" s="10"/>
    </row>
    <row r="722063" spans="14:14">
      <c r="N722063" s="10"/>
    </row>
    <row r="722064" spans="14:14">
      <c r="N722064" s="10"/>
    </row>
    <row r="722065" spans="14:14">
      <c r="N722065" s="10"/>
    </row>
    <row r="722066" spans="14:14">
      <c r="N722066" s="10"/>
    </row>
    <row r="722067" spans="14:14">
      <c r="N722067" s="10"/>
    </row>
    <row r="722068" spans="14:14">
      <c r="N722068" s="10"/>
    </row>
    <row r="722069" spans="14:14">
      <c r="N722069" s="10"/>
    </row>
    <row r="722070" spans="14:14">
      <c r="N722070" s="10"/>
    </row>
    <row r="722071" spans="14:14">
      <c r="N722071" s="10"/>
    </row>
    <row r="722072" spans="14:14">
      <c r="N722072" s="10"/>
    </row>
    <row r="722073" spans="14:14">
      <c r="N722073" s="10"/>
    </row>
    <row r="722074" spans="14:14">
      <c r="N722074" s="10"/>
    </row>
    <row r="722075" spans="14:14">
      <c r="N722075" s="10"/>
    </row>
    <row r="722076" spans="14:14">
      <c r="N722076" s="10"/>
    </row>
    <row r="722077" spans="14:14">
      <c r="N722077" s="10"/>
    </row>
    <row r="722078" spans="14:14">
      <c r="N722078" s="10"/>
    </row>
    <row r="722079" spans="14:14">
      <c r="N722079" s="10"/>
    </row>
    <row r="722080" spans="14:14">
      <c r="N722080" s="10"/>
    </row>
    <row r="722081" spans="14:14">
      <c r="N722081" s="10"/>
    </row>
    <row r="722082" spans="14:14">
      <c r="N722082" s="10"/>
    </row>
    <row r="722083" spans="14:14">
      <c r="N722083" s="10"/>
    </row>
    <row r="722084" spans="14:14">
      <c r="N722084" s="10"/>
    </row>
    <row r="722085" spans="14:14">
      <c r="N722085" s="10"/>
    </row>
    <row r="722086" spans="14:14">
      <c r="N722086" s="10"/>
    </row>
    <row r="722087" spans="14:14">
      <c r="N722087" s="10"/>
    </row>
    <row r="722088" spans="14:14">
      <c r="N722088" s="10"/>
    </row>
    <row r="722089" spans="14:14">
      <c r="N722089" s="10"/>
    </row>
    <row r="722090" spans="14:14">
      <c r="N722090" s="10"/>
    </row>
    <row r="722091" spans="14:14">
      <c r="N722091" s="10"/>
    </row>
    <row r="722092" spans="14:14">
      <c r="N722092" s="10"/>
    </row>
    <row r="722093" spans="14:14">
      <c r="N722093" s="10"/>
    </row>
    <row r="722094" spans="14:14">
      <c r="N722094" s="10"/>
    </row>
    <row r="722095" spans="14:14">
      <c r="N722095" s="10"/>
    </row>
    <row r="722096" spans="14:14">
      <c r="N722096" s="10"/>
    </row>
    <row r="722097" spans="14:14">
      <c r="N722097" s="10"/>
    </row>
    <row r="722098" spans="14:14">
      <c r="N722098" s="10"/>
    </row>
    <row r="722099" spans="14:14">
      <c r="N722099" s="10"/>
    </row>
    <row r="722100" spans="14:14">
      <c r="N722100" s="10"/>
    </row>
    <row r="722101" spans="14:14">
      <c r="N722101" s="10"/>
    </row>
    <row r="722102" spans="14:14">
      <c r="N722102" s="10"/>
    </row>
    <row r="722103" spans="14:14">
      <c r="N722103" s="10"/>
    </row>
    <row r="722104" spans="14:14">
      <c r="N722104" s="10"/>
    </row>
    <row r="722105" spans="14:14">
      <c r="N722105" s="10"/>
    </row>
    <row r="722106" spans="14:14">
      <c r="N722106" s="10"/>
    </row>
    <row r="722107" spans="14:14">
      <c r="N722107" s="10"/>
    </row>
    <row r="722108" spans="14:14">
      <c r="N722108" s="10"/>
    </row>
    <row r="722109" spans="14:14">
      <c r="N722109" s="10"/>
    </row>
    <row r="722110" spans="14:14">
      <c r="N722110" s="10"/>
    </row>
    <row r="722111" spans="14:14">
      <c r="N722111" s="10"/>
    </row>
    <row r="722112" spans="14:14">
      <c r="N722112" s="10"/>
    </row>
    <row r="722113" spans="14:14">
      <c r="N722113" s="10"/>
    </row>
    <row r="722114" spans="14:14">
      <c r="N722114" s="10"/>
    </row>
    <row r="722115" spans="14:14">
      <c r="N722115" s="10"/>
    </row>
    <row r="722116" spans="14:14">
      <c r="N722116" s="10"/>
    </row>
    <row r="722117" spans="14:14">
      <c r="N722117" s="10"/>
    </row>
    <row r="722118" spans="14:14">
      <c r="N722118" s="10"/>
    </row>
    <row r="722119" spans="14:14">
      <c r="N722119" s="10"/>
    </row>
    <row r="722120" spans="14:14">
      <c r="N722120" s="10"/>
    </row>
    <row r="722121" spans="14:14">
      <c r="N722121" s="10"/>
    </row>
    <row r="722122" spans="14:14">
      <c r="N722122" s="10"/>
    </row>
    <row r="722123" spans="14:14">
      <c r="N722123" s="10"/>
    </row>
    <row r="722124" spans="14:14">
      <c r="N722124" s="10"/>
    </row>
    <row r="722125" spans="14:14">
      <c r="N722125" s="10"/>
    </row>
    <row r="722126" spans="14:14">
      <c r="N722126" s="10"/>
    </row>
    <row r="722127" spans="14:14">
      <c r="N722127" s="10"/>
    </row>
    <row r="722128" spans="14:14">
      <c r="N722128" s="10"/>
    </row>
    <row r="722129" spans="14:14">
      <c r="N722129" s="10"/>
    </row>
    <row r="722130" spans="14:14">
      <c r="N722130" s="10"/>
    </row>
    <row r="722131" spans="14:14">
      <c r="N722131" s="10"/>
    </row>
    <row r="722132" spans="14:14">
      <c r="N722132" s="10"/>
    </row>
    <row r="722133" spans="14:14">
      <c r="N722133" s="10"/>
    </row>
    <row r="722134" spans="14:14">
      <c r="N722134" s="10"/>
    </row>
    <row r="722135" spans="14:14">
      <c r="N722135" s="10"/>
    </row>
    <row r="722136" spans="14:14">
      <c r="N722136" s="10"/>
    </row>
    <row r="722137" spans="14:14">
      <c r="N722137" s="10"/>
    </row>
    <row r="722138" spans="14:14">
      <c r="N722138" s="10"/>
    </row>
    <row r="722139" spans="14:14">
      <c r="N722139" s="10"/>
    </row>
    <row r="722140" spans="14:14">
      <c r="N722140" s="10"/>
    </row>
    <row r="722141" spans="14:14">
      <c r="N722141" s="10"/>
    </row>
    <row r="722142" spans="14:14">
      <c r="N722142" s="10"/>
    </row>
    <row r="722143" spans="14:14">
      <c r="N722143" s="10"/>
    </row>
    <row r="722144" spans="14:14">
      <c r="N722144" s="10"/>
    </row>
    <row r="722145" spans="14:14">
      <c r="N722145" s="10"/>
    </row>
    <row r="722146" spans="14:14">
      <c r="N722146" s="10"/>
    </row>
    <row r="722147" spans="14:14">
      <c r="N722147" s="10"/>
    </row>
    <row r="722148" spans="14:14">
      <c r="N722148" s="10"/>
    </row>
    <row r="722149" spans="14:14">
      <c r="N722149" s="10"/>
    </row>
    <row r="722150" spans="14:14">
      <c r="N722150" s="10"/>
    </row>
    <row r="722151" spans="14:14">
      <c r="N722151" s="10"/>
    </row>
    <row r="722152" spans="14:14">
      <c r="N722152" s="10"/>
    </row>
    <row r="722153" spans="14:14">
      <c r="N722153" s="10"/>
    </row>
    <row r="722154" spans="14:14">
      <c r="N722154" s="10"/>
    </row>
    <row r="722155" spans="14:14">
      <c r="N722155" s="10"/>
    </row>
    <row r="722156" spans="14:14">
      <c r="N722156" s="10"/>
    </row>
    <row r="722157" spans="14:14">
      <c r="N722157" s="10"/>
    </row>
    <row r="722158" spans="14:14">
      <c r="N722158" s="10"/>
    </row>
    <row r="722159" spans="14:14">
      <c r="N722159" s="10"/>
    </row>
    <row r="722160" spans="14:14">
      <c r="N722160" s="10"/>
    </row>
    <row r="722161" spans="14:14">
      <c r="N722161" s="10"/>
    </row>
    <row r="722162" spans="14:14">
      <c r="N722162" s="10"/>
    </row>
    <row r="722163" spans="14:14">
      <c r="N722163" s="10"/>
    </row>
    <row r="722164" spans="14:14">
      <c r="N722164" s="10"/>
    </row>
    <row r="722165" spans="14:14">
      <c r="N722165" s="10"/>
    </row>
    <row r="722166" spans="14:14">
      <c r="N722166" s="10"/>
    </row>
    <row r="722167" spans="14:14">
      <c r="N722167" s="10"/>
    </row>
    <row r="722168" spans="14:14">
      <c r="N722168" s="10"/>
    </row>
    <row r="722169" spans="14:14">
      <c r="N722169" s="10"/>
    </row>
    <row r="722170" spans="14:14">
      <c r="N722170" s="10"/>
    </row>
    <row r="722171" spans="14:14">
      <c r="N722171" s="10"/>
    </row>
    <row r="722172" spans="14:14">
      <c r="N722172" s="10"/>
    </row>
    <row r="722173" spans="14:14">
      <c r="N722173" s="10"/>
    </row>
    <row r="722174" spans="14:14">
      <c r="N722174" s="10"/>
    </row>
    <row r="722175" spans="14:14">
      <c r="N722175" s="10"/>
    </row>
    <row r="722176" spans="14:14">
      <c r="N722176" s="10"/>
    </row>
    <row r="722177" spans="14:14">
      <c r="N722177" s="10"/>
    </row>
    <row r="722178" spans="14:14">
      <c r="N722178" s="10"/>
    </row>
    <row r="722179" spans="14:14">
      <c r="N722179" s="10"/>
    </row>
    <row r="722180" spans="14:14">
      <c r="N722180" s="10"/>
    </row>
    <row r="722181" spans="14:14">
      <c r="N722181" s="10"/>
    </row>
    <row r="722182" spans="14:14">
      <c r="N722182" s="10"/>
    </row>
    <row r="722183" spans="14:14">
      <c r="N722183" s="10"/>
    </row>
    <row r="722184" spans="14:14">
      <c r="N722184" s="10"/>
    </row>
    <row r="722185" spans="14:14">
      <c r="N722185" s="10"/>
    </row>
    <row r="722186" spans="14:14">
      <c r="N722186" s="10"/>
    </row>
    <row r="722187" spans="14:14">
      <c r="N722187" s="10"/>
    </row>
    <row r="722188" spans="14:14">
      <c r="N722188" s="10"/>
    </row>
    <row r="722189" spans="14:14">
      <c r="N722189" s="10"/>
    </row>
    <row r="722190" spans="14:14">
      <c r="N722190" s="10"/>
    </row>
    <row r="722191" spans="14:14">
      <c r="N722191" s="10"/>
    </row>
    <row r="722192" spans="14:14">
      <c r="N722192" s="10"/>
    </row>
    <row r="722193" spans="14:14">
      <c r="N722193" s="10"/>
    </row>
    <row r="722194" spans="14:14">
      <c r="N722194" s="10"/>
    </row>
    <row r="722195" spans="14:14">
      <c r="N722195" s="10"/>
    </row>
    <row r="722196" spans="14:14">
      <c r="N722196" s="10"/>
    </row>
    <row r="722197" spans="14:14">
      <c r="N722197" s="10"/>
    </row>
    <row r="722198" spans="14:14">
      <c r="N722198" s="10"/>
    </row>
    <row r="722199" spans="14:14">
      <c r="N722199" s="10"/>
    </row>
    <row r="722200" spans="14:14">
      <c r="N722200" s="10"/>
    </row>
    <row r="722201" spans="14:14">
      <c r="N722201" s="10"/>
    </row>
    <row r="722202" spans="14:14">
      <c r="N722202" s="10"/>
    </row>
    <row r="722203" spans="14:14">
      <c r="N722203" s="10"/>
    </row>
    <row r="722204" spans="14:14">
      <c r="N722204" s="10"/>
    </row>
    <row r="722205" spans="14:14">
      <c r="N722205" s="10"/>
    </row>
    <row r="722206" spans="14:14">
      <c r="N722206" s="10"/>
    </row>
    <row r="722207" spans="14:14">
      <c r="N722207" s="10"/>
    </row>
    <row r="722208" spans="14:14">
      <c r="N722208" s="10"/>
    </row>
    <row r="722209" spans="14:14">
      <c r="N722209" s="10"/>
    </row>
    <row r="722210" spans="14:14">
      <c r="N722210" s="10"/>
    </row>
    <row r="722211" spans="14:14">
      <c r="N722211" s="10"/>
    </row>
    <row r="722212" spans="14:14">
      <c r="N722212" s="10"/>
    </row>
    <row r="722213" spans="14:14">
      <c r="N722213" s="10"/>
    </row>
    <row r="722214" spans="14:14">
      <c r="N722214" s="10"/>
    </row>
    <row r="722215" spans="14:14">
      <c r="N722215" s="10"/>
    </row>
    <row r="722216" spans="14:14">
      <c r="N722216" s="10"/>
    </row>
    <row r="722217" spans="14:14">
      <c r="N722217" s="10"/>
    </row>
    <row r="722218" spans="14:14">
      <c r="N722218" s="10"/>
    </row>
    <row r="722219" spans="14:14">
      <c r="N722219" s="10"/>
    </row>
    <row r="722220" spans="14:14">
      <c r="N722220" s="10"/>
    </row>
    <row r="722221" spans="14:14">
      <c r="N722221" s="10"/>
    </row>
    <row r="722222" spans="14:14">
      <c r="N722222" s="10"/>
    </row>
    <row r="722223" spans="14:14">
      <c r="N722223" s="10"/>
    </row>
    <row r="722224" spans="14:14">
      <c r="N722224" s="10"/>
    </row>
    <row r="722225" spans="14:14">
      <c r="N722225" s="10"/>
    </row>
    <row r="722226" spans="14:14">
      <c r="N722226" s="10"/>
    </row>
    <row r="722227" spans="14:14">
      <c r="N722227" s="10"/>
    </row>
    <row r="722228" spans="14:14">
      <c r="N722228" s="10"/>
    </row>
    <row r="722229" spans="14:14">
      <c r="N722229" s="10"/>
    </row>
    <row r="722230" spans="14:14">
      <c r="N722230" s="10"/>
    </row>
    <row r="722231" spans="14:14">
      <c r="N722231" s="10"/>
    </row>
    <row r="722232" spans="14:14">
      <c r="N722232" s="10"/>
    </row>
    <row r="722233" spans="14:14">
      <c r="N722233" s="10"/>
    </row>
    <row r="722234" spans="14:14">
      <c r="N722234" s="10"/>
    </row>
    <row r="722235" spans="14:14">
      <c r="N722235" s="10"/>
    </row>
    <row r="722236" spans="14:14">
      <c r="N722236" s="10"/>
    </row>
    <row r="722237" spans="14:14">
      <c r="N722237" s="10"/>
    </row>
    <row r="722238" spans="14:14">
      <c r="N722238" s="10"/>
    </row>
    <row r="722239" spans="14:14">
      <c r="N722239" s="10"/>
    </row>
    <row r="722240" spans="14:14">
      <c r="N722240" s="10"/>
    </row>
    <row r="722241" spans="14:14">
      <c r="N722241" s="10"/>
    </row>
    <row r="722242" spans="14:14">
      <c r="N722242" s="10"/>
    </row>
    <row r="722243" spans="14:14">
      <c r="N722243" s="10"/>
    </row>
    <row r="722244" spans="14:14">
      <c r="N722244" s="10"/>
    </row>
    <row r="722245" spans="14:14">
      <c r="N722245" s="10"/>
    </row>
    <row r="722246" spans="14:14">
      <c r="N722246" s="10"/>
    </row>
    <row r="722247" spans="14:14">
      <c r="N722247" s="10"/>
    </row>
    <row r="722248" spans="14:14">
      <c r="N722248" s="10"/>
    </row>
    <row r="722249" spans="14:14">
      <c r="N722249" s="10"/>
    </row>
    <row r="722250" spans="14:14">
      <c r="N722250" s="10"/>
    </row>
    <row r="722251" spans="14:14">
      <c r="N722251" s="10"/>
    </row>
    <row r="722252" spans="14:14">
      <c r="N722252" s="10"/>
    </row>
    <row r="722253" spans="14:14">
      <c r="N722253" s="10"/>
    </row>
    <row r="722254" spans="14:14">
      <c r="N722254" s="10"/>
    </row>
    <row r="722255" spans="14:14">
      <c r="N722255" s="10"/>
    </row>
    <row r="722256" spans="14:14">
      <c r="N722256" s="10"/>
    </row>
    <row r="722257" spans="14:14">
      <c r="N722257" s="10"/>
    </row>
    <row r="722258" spans="14:14">
      <c r="N722258" s="10"/>
    </row>
    <row r="722259" spans="14:14">
      <c r="N722259" s="10"/>
    </row>
    <row r="722260" spans="14:14">
      <c r="N722260" s="10"/>
    </row>
    <row r="722261" spans="14:14">
      <c r="N722261" s="10"/>
    </row>
    <row r="722262" spans="14:14">
      <c r="N722262" s="10"/>
    </row>
    <row r="722263" spans="14:14">
      <c r="N722263" s="10"/>
    </row>
    <row r="722264" spans="14:14">
      <c r="N722264" s="10"/>
    </row>
    <row r="722265" spans="14:14">
      <c r="N722265" s="10"/>
    </row>
    <row r="722266" spans="14:14">
      <c r="N722266" s="10"/>
    </row>
    <row r="722267" spans="14:14">
      <c r="N722267" s="10"/>
    </row>
    <row r="722268" spans="14:14">
      <c r="N722268" s="10"/>
    </row>
    <row r="722269" spans="14:14">
      <c r="N722269" s="10"/>
    </row>
    <row r="722270" spans="14:14">
      <c r="N722270" s="10"/>
    </row>
    <row r="722271" spans="14:14">
      <c r="N722271" s="10"/>
    </row>
    <row r="722272" spans="14:14">
      <c r="N722272" s="10"/>
    </row>
    <row r="722273" spans="14:14">
      <c r="N722273" s="10"/>
    </row>
    <row r="722274" spans="14:14">
      <c r="N722274" s="10"/>
    </row>
    <row r="722275" spans="14:14">
      <c r="N722275" s="10"/>
    </row>
    <row r="722276" spans="14:14">
      <c r="N722276" s="10"/>
    </row>
    <row r="722277" spans="14:14">
      <c r="N722277" s="10"/>
    </row>
    <row r="722278" spans="14:14">
      <c r="N722278" s="10"/>
    </row>
    <row r="722279" spans="14:14">
      <c r="N722279" s="10"/>
    </row>
    <row r="722280" spans="14:14">
      <c r="N722280" s="10"/>
    </row>
    <row r="722281" spans="14:14">
      <c r="N722281" s="10"/>
    </row>
    <row r="722282" spans="14:14">
      <c r="N722282" s="10"/>
    </row>
    <row r="722283" spans="14:14">
      <c r="N722283" s="10"/>
    </row>
    <row r="722284" spans="14:14">
      <c r="N722284" s="10"/>
    </row>
    <row r="722285" spans="14:14">
      <c r="N722285" s="10"/>
    </row>
    <row r="722286" spans="14:14">
      <c r="N722286" s="10"/>
    </row>
    <row r="722287" spans="14:14">
      <c r="N722287" s="10"/>
    </row>
    <row r="722288" spans="14:14">
      <c r="N722288" s="10"/>
    </row>
    <row r="722289" spans="14:14">
      <c r="N722289" s="10"/>
    </row>
    <row r="722290" spans="14:14">
      <c r="N722290" s="10"/>
    </row>
    <row r="722291" spans="14:14">
      <c r="N722291" s="10"/>
    </row>
    <row r="722292" spans="14:14">
      <c r="N722292" s="10"/>
    </row>
    <row r="722293" spans="14:14">
      <c r="N722293" s="10"/>
    </row>
    <row r="722294" spans="14:14">
      <c r="N722294" s="10"/>
    </row>
    <row r="722295" spans="14:14">
      <c r="N722295" s="10"/>
    </row>
    <row r="722296" spans="14:14">
      <c r="N722296" s="10"/>
    </row>
    <row r="722297" spans="14:14">
      <c r="N722297" s="10"/>
    </row>
    <row r="722298" spans="14:14">
      <c r="N722298" s="10"/>
    </row>
    <row r="722299" spans="14:14">
      <c r="N722299" s="10"/>
    </row>
    <row r="722300" spans="14:14">
      <c r="N722300" s="10"/>
    </row>
    <row r="722301" spans="14:14">
      <c r="N722301" s="10"/>
    </row>
    <row r="722302" spans="14:14">
      <c r="N722302" s="10"/>
    </row>
    <row r="722303" spans="14:14">
      <c r="N722303" s="10"/>
    </row>
    <row r="722304" spans="14:14">
      <c r="N722304" s="10"/>
    </row>
    <row r="722305" spans="14:14">
      <c r="N722305" s="10"/>
    </row>
    <row r="722306" spans="14:14">
      <c r="N722306" s="10"/>
    </row>
    <row r="722307" spans="14:14">
      <c r="N722307" s="10"/>
    </row>
    <row r="722308" spans="14:14">
      <c r="N722308" s="10"/>
    </row>
    <row r="722309" spans="14:14">
      <c r="N722309" s="10"/>
    </row>
    <row r="722310" spans="14:14">
      <c r="N722310" s="10"/>
    </row>
    <row r="722311" spans="14:14">
      <c r="N722311" s="10"/>
    </row>
    <row r="722312" spans="14:14">
      <c r="N722312" s="10"/>
    </row>
    <row r="722313" spans="14:14">
      <c r="N722313" s="10"/>
    </row>
    <row r="722314" spans="14:14">
      <c r="N722314" s="10"/>
    </row>
    <row r="722315" spans="14:14">
      <c r="N722315" s="10"/>
    </row>
    <row r="722316" spans="14:14">
      <c r="N722316" s="10"/>
    </row>
    <row r="722317" spans="14:14">
      <c r="N722317" s="10"/>
    </row>
    <row r="722318" spans="14:14">
      <c r="N722318" s="10"/>
    </row>
    <row r="722319" spans="14:14">
      <c r="N722319" s="10"/>
    </row>
    <row r="722320" spans="14:14">
      <c r="N722320" s="10"/>
    </row>
    <row r="722321" spans="14:14">
      <c r="N722321" s="10"/>
    </row>
    <row r="722322" spans="14:14">
      <c r="N722322" s="10"/>
    </row>
    <row r="722323" spans="14:14">
      <c r="N722323" s="10"/>
    </row>
    <row r="722324" spans="14:14">
      <c r="N722324" s="10"/>
    </row>
    <row r="722325" spans="14:14">
      <c r="N722325" s="10"/>
    </row>
    <row r="722326" spans="14:14">
      <c r="N722326" s="10"/>
    </row>
    <row r="722327" spans="14:14">
      <c r="N722327" s="10"/>
    </row>
    <row r="722328" spans="14:14">
      <c r="N722328" s="10"/>
    </row>
    <row r="722329" spans="14:14">
      <c r="N722329" s="10"/>
    </row>
    <row r="722330" spans="14:14">
      <c r="N722330" s="10"/>
    </row>
    <row r="722331" spans="14:14">
      <c r="N722331" s="10"/>
    </row>
    <row r="722332" spans="14:14">
      <c r="N722332" s="10"/>
    </row>
    <row r="722333" spans="14:14">
      <c r="N722333" s="10"/>
    </row>
    <row r="722334" spans="14:14">
      <c r="N722334" s="10"/>
    </row>
    <row r="722335" spans="14:14">
      <c r="N722335" s="10"/>
    </row>
    <row r="722336" spans="14:14">
      <c r="N722336" s="10"/>
    </row>
    <row r="722337" spans="14:14">
      <c r="N722337" s="10"/>
    </row>
    <row r="722338" spans="14:14">
      <c r="N722338" s="10"/>
    </row>
    <row r="722339" spans="14:14">
      <c r="N722339" s="10"/>
    </row>
    <row r="722340" spans="14:14">
      <c r="N722340" s="10"/>
    </row>
    <row r="722341" spans="14:14">
      <c r="N722341" s="10"/>
    </row>
    <row r="722342" spans="14:14">
      <c r="N722342" s="10"/>
    </row>
    <row r="722343" spans="14:14">
      <c r="N722343" s="10"/>
    </row>
    <row r="722344" spans="14:14">
      <c r="N722344" s="10"/>
    </row>
    <row r="722345" spans="14:14">
      <c r="N722345" s="10"/>
    </row>
    <row r="722346" spans="14:14">
      <c r="N722346" s="10"/>
    </row>
    <row r="722347" spans="14:14">
      <c r="N722347" s="10"/>
    </row>
    <row r="722348" spans="14:14">
      <c r="N722348" s="10"/>
    </row>
    <row r="722349" spans="14:14">
      <c r="N722349" s="10"/>
    </row>
    <row r="722350" spans="14:14">
      <c r="N722350" s="10"/>
    </row>
    <row r="722351" spans="14:14">
      <c r="N722351" s="10"/>
    </row>
    <row r="722352" spans="14:14">
      <c r="N722352" s="10"/>
    </row>
    <row r="722353" spans="14:14">
      <c r="N722353" s="10"/>
    </row>
    <row r="722354" spans="14:14">
      <c r="N722354" s="10"/>
    </row>
    <row r="722355" spans="14:14">
      <c r="N722355" s="10"/>
    </row>
    <row r="722356" spans="14:14">
      <c r="N722356" s="10"/>
    </row>
    <row r="722357" spans="14:14">
      <c r="N722357" s="10"/>
    </row>
    <row r="722358" spans="14:14">
      <c r="N722358" s="10"/>
    </row>
    <row r="722359" spans="14:14">
      <c r="N722359" s="10"/>
    </row>
    <row r="722360" spans="14:14">
      <c r="N722360" s="10"/>
    </row>
    <row r="722361" spans="14:14">
      <c r="N722361" s="10"/>
    </row>
    <row r="722362" spans="14:14">
      <c r="N722362" s="10"/>
    </row>
    <row r="722363" spans="14:14">
      <c r="N722363" s="10"/>
    </row>
    <row r="722364" spans="14:14">
      <c r="N722364" s="10"/>
    </row>
    <row r="722365" spans="14:14">
      <c r="N722365" s="10"/>
    </row>
    <row r="722366" spans="14:14">
      <c r="N722366" s="10"/>
    </row>
    <row r="722367" spans="14:14">
      <c r="N722367" s="10"/>
    </row>
    <row r="722368" spans="14:14">
      <c r="N722368" s="10"/>
    </row>
    <row r="722369" spans="14:14">
      <c r="N722369" s="10"/>
    </row>
    <row r="722370" spans="14:14">
      <c r="N722370" s="10"/>
    </row>
    <row r="722371" spans="14:14">
      <c r="N722371" s="10"/>
    </row>
    <row r="722372" spans="14:14">
      <c r="N722372" s="10"/>
    </row>
    <row r="722373" spans="14:14">
      <c r="N722373" s="10"/>
    </row>
    <row r="722374" spans="14:14">
      <c r="N722374" s="10"/>
    </row>
    <row r="722375" spans="14:14">
      <c r="N722375" s="10"/>
    </row>
    <row r="722376" spans="14:14">
      <c r="N722376" s="10"/>
    </row>
    <row r="722377" spans="14:14">
      <c r="N722377" s="10"/>
    </row>
    <row r="722378" spans="14:14">
      <c r="N722378" s="10"/>
    </row>
    <row r="722379" spans="14:14">
      <c r="N722379" s="10"/>
    </row>
    <row r="722380" spans="14:14">
      <c r="N722380" s="10"/>
    </row>
    <row r="722381" spans="14:14">
      <c r="N722381" s="10"/>
    </row>
    <row r="722382" spans="14:14">
      <c r="N722382" s="10"/>
    </row>
    <row r="722383" spans="14:14">
      <c r="N722383" s="10"/>
    </row>
    <row r="722384" spans="14:14">
      <c r="N722384" s="10"/>
    </row>
    <row r="722385" spans="14:14">
      <c r="N722385" s="10"/>
    </row>
    <row r="722386" spans="14:14">
      <c r="N722386" s="10"/>
    </row>
    <row r="722387" spans="14:14">
      <c r="N722387" s="10"/>
    </row>
    <row r="722388" spans="14:14">
      <c r="N722388" s="10"/>
    </row>
    <row r="722389" spans="14:14">
      <c r="N722389" s="10"/>
    </row>
    <row r="722390" spans="14:14">
      <c r="N722390" s="10"/>
    </row>
    <row r="722391" spans="14:14">
      <c r="N722391" s="10"/>
    </row>
    <row r="722392" spans="14:14">
      <c r="N722392" s="10"/>
    </row>
    <row r="722393" spans="14:14">
      <c r="N722393" s="10"/>
    </row>
    <row r="722394" spans="14:14">
      <c r="N722394" s="10"/>
    </row>
    <row r="722395" spans="14:14">
      <c r="N722395" s="10"/>
    </row>
    <row r="722396" spans="14:14">
      <c r="N722396" s="10"/>
    </row>
    <row r="722397" spans="14:14">
      <c r="N722397" s="10"/>
    </row>
    <row r="722398" spans="14:14">
      <c r="N722398" s="10"/>
    </row>
    <row r="722399" spans="14:14">
      <c r="N722399" s="10"/>
    </row>
    <row r="722400" spans="14:14">
      <c r="N722400" s="10"/>
    </row>
    <row r="722401" spans="14:14">
      <c r="N722401" s="10"/>
    </row>
    <row r="722402" spans="14:14">
      <c r="N722402" s="10"/>
    </row>
    <row r="722403" spans="14:14">
      <c r="N722403" s="10"/>
    </row>
    <row r="722404" spans="14:14">
      <c r="N722404" s="10"/>
    </row>
    <row r="722405" spans="14:14">
      <c r="N722405" s="10"/>
    </row>
    <row r="722406" spans="14:14">
      <c r="N722406" s="10"/>
    </row>
    <row r="722407" spans="14:14">
      <c r="N722407" s="10"/>
    </row>
    <row r="722408" spans="14:14">
      <c r="N722408" s="10"/>
    </row>
    <row r="722409" spans="14:14">
      <c r="N722409" s="10"/>
    </row>
    <row r="722410" spans="14:14">
      <c r="N722410" s="10"/>
    </row>
    <row r="722411" spans="14:14">
      <c r="N722411" s="10"/>
    </row>
    <row r="722412" spans="14:14">
      <c r="N722412" s="10"/>
    </row>
    <row r="722413" spans="14:14">
      <c r="N722413" s="10"/>
    </row>
    <row r="722414" spans="14:14">
      <c r="N722414" s="10"/>
    </row>
    <row r="722415" spans="14:14">
      <c r="N722415" s="10"/>
    </row>
    <row r="722416" spans="14:14">
      <c r="N722416" s="10"/>
    </row>
    <row r="722417" spans="14:14">
      <c r="N722417" s="10"/>
    </row>
    <row r="722418" spans="14:14">
      <c r="N722418" s="10"/>
    </row>
    <row r="722419" spans="14:14">
      <c r="N722419" s="10"/>
    </row>
    <row r="722420" spans="14:14">
      <c r="N722420" s="10"/>
    </row>
    <row r="722421" spans="14:14">
      <c r="N722421" s="10"/>
    </row>
    <row r="722422" spans="14:14">
      <c r="N722422" s="10"/>
    </row>
    <row r="722423" spans="14:14">
      <c r="N722423" s="10"/>
    </row>
    <row r="722424" spans="14:14">
      <c r="N722424" s="10"/>
    </row>
    <row r="722425" spans="14:14">
      <c r="N722425" s="10"/>
    </row>
    <row r="722426" spans="14:14">
      <c r="N722426" s="10"/>
    </row>
    <row r="722427" spans="14:14">
      <c r="N722427" s="10"/>
    </row>
    <row r="722428" spans="14:14">
      <c r="N722428" s="10"/>
    </row>
    <row r="722429" spans="14:14">
      <c r="N722429" s="10"/>
    </row>
    <row r="722430" spans="14:14">
      <c r="N722430" s="10"/>
    </row>
    <row r="722431" spans="14:14">
      <c r="N722431" s="10"/>
    </row>
    <row r="722432" spans="14:14">
      <c r="N722432" s="10"/>
    </row>
    <row r="722433" spans="14:14">
      <c r="N722433" s="10"/>
    </row>
    <row r="722434" spans="14:14">
      <c r="N722434" s="10"/>
    </row>
    <row r="722435" spans="14:14">
      <c r="N722435" s="10"/>
    </row>
    <row r="722436" spans="14:14">
      <c r="N722436" s="10"/>
    </row>
    <row r="722437" spans="14:14">
      <c r="N722437" s="10"/>
    </row>
    <row r="722438" spans="14:14">
      <c r="N722438" s="10"/>
    </row>
    <row r="722439" spans="14:14">
      <c r="N722439" s="10"/>
    </row>
    <row r="722440" spans="14:14">
      <c r="N722440" s="10"/>
    </row>
    <row r="722441" spans="14:14">
      <c r="N722441" s="10"/>
    </row>
    <row r="722442" spans="14:14">
      <c r="N722442" s="10"/>
    </row>
    <row r="722443" spans="14:14">
      <c r="N722443" s="10"/>
    </row>
    <row r="722444" spans="14:14">
      <c r="N722444" s="10"/>
    </row>
    <row r="722445" spans="14:14">
      <c r="N722445" s="10"/>
    </row>
    <row r="722446" spans="14:14">
      <c r="N722446" s="10"/>
    </row>
    <row r="722447" spans="14:14">
      <c r="N722447" s="10"/>
    </row>
    <row r="722448" spans="14:14">
      <c r="N722448" s="10"/>
    </row>
    <row r="722449" spans="14:14">
      <c r="N722449" s="10"/>
    </row>
    <row r="722450" spans="14:14">
      <c r="N722450" s="10"/>
    </row>
    <row r="722451" spans="14:14">
      <c r="N722451" s="10"/>
    </row>
    <row r="722452" spans="14:14">
      <c r="N722452" s="10"/>
    </row>
    <row r="722453" spans="14:14">
      <c r="N722453" s="10"/>
    </row>
    <row r="722454" spans="14:14">
      <c r="N722454" s="10"/>
    </row>
    <row r="722455" spans="14:14">
      <c r="N722455" s="10"/>
    </row>
    <row r="722456" spans="14:14">
      <c r="N722456" s="10"/>
    </row>
    <row r="722457" spans="14:14">
      <c r="N722457" s="10"/>
    </row>
    <row r="722458" spans="14:14">
      <c r="N722458" s="10"/>
    </row>
    <row r="722459" spans="14:14">
      <c r="N722459" s="10"/>
    </row>
    <row r="722460" spans="14:14">
      <c r="N722460" s="10"/>
    </row>
    <row r="722461" spans="14:14">
      <c r="N722461" s="10"/>
    </row>
    <row r="722462" spans="14:14">
      <c r="N722462" s="10"/>
    </row>
    <row r="722463" spans="14:14">
      <c r="N722463" s="10"/>
    </row>
    <row r="722464" spans="14:14">
      <c r="N722464" s="10"/>
    </row>
    <row r="722465" spans="14:14">
      <c r="N722465" s="10"/>
    </row>
    <row r="722466" spans="14:14">
      <c r="N722466" s="10"/>
    </row>
    <row r="722467" spans="14:14">
      <c r="N722467" s="10"/>
    </row>
    <row r="722468" spans="14:14">
      <c r="N722468" s="10"/>
    </row>
    <row r="722469" spans="14:14">
      <c r="N722469" s="10"/>
    </row>
    <row r="722470" spans="14:14">
      <c r="N722470" s="10"/>
    </row>
    <row r="722471" spans="14:14">
      <c r="N722471" s="10"/>
    </row>
    <row r="722472" spans="14:14">
      <c r="N722472" s="10"/>
    </row>
    <row r="722473" spans="14:14">
      <c r="N722473" s="10"/>
    </row>
    <row r="722474" spans="14:14">
      <c r="N722474" s="10"/>
    </row>
    <row r="722475" spans="14:14">
      <c r="N722475" s="10"/>
    </row>
    <row r="722476" spans="14:14">
      <c r="N722476" s="10"/>
    </row>
    <row r="722477" spans="14:14">
      <c r="N722477" s="10"/>
    </row>
    <row r="722478" spans="14:14">
      <c r="N722478" s="10"/>
    </row>
    <row r="722479" spans="14:14">
      <c r="N722479" s="10"/>
    </row>
    <row r="722480" spans="14:14">
      <c r="N722480" s="10"/>
    </row>
    <row r="722481" spans="14:14">
      <c r="N722481" s="10"/>
    </row>
    <row r="722482" spans="14:14">
      <c r="N722482" s="10"/>
    </row>
    <row r="722483" spans="14:14">
      <c r="N722483" s="10"/>
    </row>
    <row r="722484" spans="14:14">
      <c r="N722484" s="10"/>
    </row>
    <row r="722485" spans="14:14">
      <c r="N722485" s="10"/>
    </row>
    <row r="722486" spans="14:14">
      <c r="N722486" s="10"/>
    </row>
    <row r="722487" spans="14:14">
      <c r="N722487" s="10"/>
    </row>
    <row r="722488" spans="14:14">
      <c r="N722488" s="10"/>
    </row>
    <row r="722489" spans="14:14">
      <c r="N722489" s="10"/>
    </row>
    <row r="722490" spans="14:14">
      <c r="N722490" s="10"/>
    </row>
    <row r="722491" spans="14:14">
      <c r="N722491" s="10"/>
    </row>
    <row r="722492" spans="14:14">
      <c r="N722492" s="10"/>
    </row>
    <row r="722493" spans="14:14">
      <c r="N722493" s="10"/>
    </row>
    <row r="722494" spans="14:14">
      <c r="N722494" s="10"/>
    </row>
    <row r="722495" spans="14:14">
      <c r="N722495" s="10"/>
    </row>
    <row r="722496" spans="14:14">
      <c r="N722496" s="10"/>
    </row>
    <row r="722497" spans="14:14">
      <c r="N722497" s="10"/>
    </row>
    <row r="722498" spans="14:14">
      <c r="N722498" s="10"/>
    </row>
    <row r="722499" spans="14:14">
      <c r="N722499" s="10"/>
    </row>
    <row r="722500" spans="14:14">
      <c r="N722500" s="10"/>
    </row>
    <row r="722501" spans="14:14">
      <c r="N722501" s="10"/>
    </row>
    <row r="722502" spans="14:14">
      <c r="N722502" s="10"/>
    </row>
    <row r="722503" spans="14:14">
      <c r="N722503" s="10"/>
    </row>
    <row r="722504" spans="14:14">
      <c r="N722504" s="10"/>
    </row>
    <row r="722505" spans="14:14">
      <c r="N722505" s="10"/>
    </row>
    <row r="722506" spans="14:14">
      <c r="N722506" s="10"/>
    </row>
    <row r="722507" spans="14:14">
      <c r="N722507" s="10"/>
    </row>
    <row r="722508" spans="14:14">
      <c r="N722508" s="10"/>
    </row>
    <row r="722509" spans="14:14">
      <c r="N722509" s="10"/>
    </row>
    <row r="722510" spans="14:14">
      <c r="N722510" s="10"/>
    </row>
    <row r="722511" spans="14:14">
      <c r="N722511" s="10"/>
    </row>
    <row r="722512" spans="14:14">
      <c r="N722512" s="10"/>
    </row>
    <row r="722513" spans="14:14">
      <c r="N722513" s="10"/>
    </row>
    <row r="722514" spans="14:14">
      <c r="N722514" s="10"/>
    </row>
    <row r="722515" spans="14:14">
      <c r="N722515" s="10"/>
    </row>
    <row r="722516" spans="14:14">
      <c r="N722516" s="10"/>
    </row>
    <row r="722517" spans="14:14">
      <c r="N722517" s="10"/>
    </row>
    <row r="722518" spans="14:14">
      <c r="N722518" s="10"/>
    </row>
    <row r="722519" spans="14:14">
      <c r="N722519" s="10"/>
    </row>
    <row r="722520" spans="14:14">
      <c r="N722520" s="10"/>
    </row>
    <row r="722521" spans="14:14">
      <c r="N722521" s="10"/>
    </row>
    <row r="722522" spans="14:14">
      <c r="N722522" s="10"/>
    </row>
    <row r="722523" spans="14:14">
      <c r="N722523" s="10"/>
    </row>
    <row r="722524" spans="14:14">
      <c r="N722524" s="10"/>
    </row>
    <row r="722525" spans="14:14">
      <c r="N722525" s="10"/>
    </row>
    <row r="722526" spans="14:14">
      <c r="N722526" s="10"/>
    </row>
    <row r="722527" spans="14:14">
      <c r="N722527" s="10"/>
    </row>
    <row r="722528" spans="14:14">
      <c r="N722528" s="10"/>
    </row>
    <row r="722529" spans="14:14">
      <c r="N722529" s="10"/>
    </row>
    <row r="722530" spans="14:14">
      <c r="N722530" s="10"/>
    </row>
    <row r="722531" spans="14:14">
      <c r="N722531" s="10"/>
    </row>
    <row r="722532" spans="14:14">
      <c r="N722532" s="10"/>
    </row>
    <row r="722533" spans="14:14">
      <c r="N722533" s="10"/>
    </row>
    <row r="722534" spans="14:14">
      <c r="N722534" s="10"/>
    </row>
    <row r="722535" spans="14:14">
      <c r="N722535" s="10"/>
    </row>
    <row r="722536" spans="14:14">
      <c r="N722536" s="10"/>
    </row>
    <row r="722537" spans="14:14">
      <c r="N722537" s="10"/>
    </row>
    <row r="722538" spans="14:14">
      <c r="N722538" s="10"/>
    </row>
    <row r="722539" spans="14:14">
      <c r="N722539" s="10"/>
    </row>
    <row r="722540" spans="14:14">
      <c r="N722540" s="10"/>
    </row>
    <row r="722541" spans="14:14">
      <c r="N722541" s="10"/>
    </row>
    <row r="722542" spans="14:14">
      <c r="N722542" s="10"/>
    </row>
    <row r="722543" spans="14:14">
      <c r="N722543" s="10"/>
    </row>
    <row r="722544" spans="14:14">
      <c r="N722544" s="10"/>
    </row>
    <row r="722545" spans="14:14">
      <c r="N722545" s="10"/>
    </row>
    <row r="722546" spans="14:14">
      <c r="N722546" s="10"/>
    </row>
    <row r="722547" spans="14:14">
      <c r="N722547" s="10"/>
    </row>
    <row r="722548" spans="14:14">
      <c r="N722548" s="10"/>
    </row>
    <row r="722549" spans="14:14">
      <c r="N722549" s="10"/>
    </row>
    <row r="722550" spans="14:14">
      <c r="N722550" s="10"/>
    </row>
    <row r="722551" spans="14:14">
      <c r="N722551" s="10"/>
    </row>
    <row r="722552" spans="14:14">
      <c r="N722552" s="10"/>
    </row>
    <row r="722553" spans="14:14">
      <c r="N722553" s="10"/>
    </row>
    <row r="722554" spans="14:14">
      <c r="N722554" s="10"/>
    </row>
    <row r="722555" spans="14:14">
      <c r="N722555" s="10"/>
    </row>
    <row r="722556" spans="14:14">
      <c r="N722556" s="10"/>
    </row>
    <row r="722557" spans="14:14">
      <c r="N722557" s="10"/>
    </row>
    <row r="722558" spans="14:14">
      <c r="N722558" s="10"/>
    </row>
    <row r="722559" spans="14:14">
      <c r="N722559" s="10"/>
    </row>
    <row r="722560" spans="14:14">
      <c r="N722560" s="10"/>
    </row>
    <row r="722561" spans="14:14">
      <c r="N722561" s="10"/>
    </row>
    <row r="722562" spans="14:14">
      <c r="N722562" s="10"/>
    </row>
    <row r="722563" spans="14:14">
      <c r="N722563" s="10"/>
    </row>
    <row r="722564" spans="14:14">
      <c r="N722564" s="10"/>
    </row>
    <row r="722565" spans="14:14">
      <c r="N722565" s="10"/>
    </row>
    <row r="722566" spans="14:14">
      <c r="N722566" s="10"/>
    </row>
    <row r="722567" spans="14:14">
      <c r="N722567" s="10"/>
    </row>
    <row r="722568" spans="14:14">
      <c r="N722568" s="10"/>
    </row>
    <row r="722569" spans="14:14">
      <c r="N722569" s="10"/>
    </row>
    <row r="722570" spans="14:14">
      <c r="N722570" s="10"/>
    </row>
    <row r="722571" spans="14:14">
      <c r="N722571" s="10"/>
    </row>
    <row r="722572" spans="14:14">
      <c r="N722572" s="10"/>
    </row>
    <row r="722573" spans="14:14">
      <c r="N722573" s="10"/>
    </row>
    <row r="722574" spans="14:14">
      <c r="N722574" s="10"/>
    </row>
    <row r="722575" spans="14:14">
      <c r="N722575" s="10"/>
    </row>
    <row r="722576" spans="14:14">
      <c r="N722576" s="10"/>
    </row>
    <row r="722577" spans="14:14">
      <c r="N722577" s="10"/>
    </row>
    <row r="722578" spans="14:14">
      <c r="N722578" s="10"/>
    </row>
    <row r="722579" spans="14:14">
      <c r="N722579" s="10"/>
    </row>
    <row r="722580" spans="14:14">
      <c r="N722580" s="10"/>
    </row>
    <row r="722581" spans="14:14">
      <c r="N722581" s="10"/>
    </row>
    <row r="722582" spans="14:14">
      <c r="N722582" s="10"/>
    </row>
    <row r="722583" spans="14:14">
      <c r="N722583" s="10"/>
    </row>
    <row r="722584" spans="14:14">
      <c r="N722584" s="10"/>
    </row>
    <row r="722585" spans="14:14">
      <c r="N722585" s="10"/>
    </row>
    <row r="722586" spans="14:14">
      <c r="N722586" s="10"/>
    </row>
    <row r="722587" spans="14:14">
      <c r="N722587" s="10"/>
    </row>
    <row r="722588" spans="14:14">
      <c r="N722588" s="10"/>
    </row>
    <row r="722589" spans="14:14">
      <c r="N722589" s="10"/>
    </row>
    <row r="722590" spans="14:14">
      <c r="N722590" s="10"/>
    </row>
    <row r="722591" spans="14:14">
      <c r="N722591" s="10"/>
    </row>
    <row r="722592" spans="14:14">
      <c r="N722592" s="10"/>
    </row>
    <row r="722593" spans="14:14">
      <c r="N722593" s="10"/>
    </row>
    <row r="722594" spans="14:14">
      <c r="N722594" s="10"/>
    </row>
    <row r="722595" spans="14:14">
      <c r="N722595" s="10"/>
    </row>
    <row r="722596" spans="14:14">
      <c r="N722596" s="10"/>
    </row>
    <row r="722597" spans="14:14">
      <c r="N722597" s="10"/>
    </row>
    <row r="722598" spans="14:14">
      <c r="N722598" s="10"/>
    </row>
    <row r="722599" spans="14:14">
      <c r="N722599" s="10"/>
    </row>
    <row r="722600" spans="14:14">
      <c r="N722600" s="10"/>
    </row>
    <row r="722601" spans="14:14">
      <c r="N722601" s="10"/>
    </row>
    <row r="722602" spans="14:14">
      <c r="N722602" s="10"/>
    </row>
    <row r="722603" spans="14:14">
      <c r="N722603" s="10"/>
    </row>
    <row r="722604" spans="14:14">
      <c r="N722604" s="10"/>
    </row>
    <row r="722605" spans="14:14">
      <c r="N722605" s="10"/>
    </row>
    <row r="722606" spans="14:14">
      <c r="N722606" s="10"/>
    </row>
    <row r="722607" spans="14:14">
      <c r="N722607" s="10"/>
    </row>
    <row r="722608" spans="14:14">
      <c r="N722608" s="10"/>
    </row>
    <row r="722609" spans="14:14">
      <c r="N722609" s="10"/>
    </row>
    <row r="722610" spans="14:14">
      <c r="N722610" s="10"/>
    </row>
    <row r="722611" spans="14:14">
      <c r="N722611" s="10"/>
    </row>
    <row r="722612" spans="14:14">
      <c r="N722612" s="10"/>
    </row>
    <row r="722613" spans="14:14">
      <c r="N722613" s="10"/>
    </row>
    <row r="722614" spans="14:14">
      <c r="N722614" s="10"/>
    </row>
    <row r="722615" spans="14:14">
      <c r="N722615" s="10"/>
    </row>
    <row r="722616" spans="14:14">
      <c r="N722616" s="10"/>
    </row>
    <row r="722617" spans="14:14">
      <c r="N722617" s="10"/>
    </row>
    <row r="722618" spans="14:14">
      <c r="N722618" s="10"/>
    </row>
    <row r="722619" spans="14:14">
      <c r="N722619" s="10"/>
    </row>
    <row r="722620" spans="14:14">
      <c r="N722620" s="10"/>
    </row>
    <row r="722621" spans="14:14">
      <c r="N722621" s="10"/>
    </row>
    <row r="722622" spans="14:14">
      <c r="N722622" s="10"/>
    </row>
    <row r="722623" spans="14:14">
      <c r="N722623" s="10"/>
    </row>
    <row r="722624" spans="14:14">
      <c r="N722624" s="10"/>
    </row>
    <row r="722625" spans="14:14">
      <c r="N722625" s="10"/>
    </row>
    <row r="722626" spans="14:14">
      <c r="N722626" s="10"/>
    </row>
    <row r="722627" spans="14:14">
      <c r="N722627" s="10"/>
    </row>
    <row r="722628" spans="14:14">
      <c r="N722628" s="10"/>
    </row>
    <row r="722629" spans="14:14">
      <c r="N722629" s="10"/>
    </row>
    <row r="722630" spans="14:14">
      <c r="N722630" s="10"/>
    </row>
    <row r="722631" spans="14:14">
      <c r="N722631" s="10"/>
    </row>
    <row r="722632" spans="14:14">
      <c r="N722632" s="10"/>
    </row>
    <row r="722633" spans="14:14">
      <c r="N722633" s="10"/>
    </row>
    <row r="722634" spans="14:14">
      <c r="N722634" s="10"/>
    </row>
    <row r="722635" spans="14:14">
      <c r="N722635" s="10"/>
    </row>
    <row r="722636" spans="14:14">
      <c r="N722636" s="10"/>
    </row>
    <row r="722637" spans="14:14">
      <c r="N722637" s="10"/>
    </row>
    <row r="722638" spans="14:14">
      <c r="N722638" s="10"/>
    </row>
    <row r="722639" spans="14:14">
      <c r="N722639" s="10"/>
    </row>
    <row r="722640" spans="14:14">
      <c r="N722640" s="10"/>
    </row>
    <row r="722641" spans="14:14">
      <c r="N722641" s="10"/>
    </row>
    <row r="722642" spans="14:14">
      <c r="N722642" s="10"/>
    </row>
    <row r="722643" spans="14:14">
      <c r="N722643" s="10"/>
    </row>
    <row r="722644" spans="14:14">
      <c r="N722644" s="10"/>
    </row>
    <row r="722645" spans="14:14">
      <c r="N722645" s="10"/>
    </row>
    <row r="722646" spans="14:14">
      <c r="N722646" s="10"/>
    </row>
    <row r="722647" spans="14:14">
      <c r="N722647" s="10"/>
    </row>
    <row r="722648" spans="14:14">
      <c r="N722648" s="10"/>
    </row>
    <row r="722649" spans="14:14">
      <c r="N722649" s="10"/>
    </row>
    <row r="722650" spans="14:14">
      <c r="N722650" s="10"/>
    </row>
    <row r="722651" spans="14:14">
      <c r="N722651" s="10"/>
    </row>
    <row r="722652" spans="14:14">
      <c r="N722652" s="10"/>
    </row>
    <row r="722653" spans="14:14">
      <c r="N722653" s="10"/>
    </row>
    <row r="722654" spans="14:14">
      <c r="N722654" s="10"/>
    </row>
    <row r="722655" spans="14:14">
      <c r="N722655" s="10"/>
    </row>
    <row r="722656" spans="14:14">
      <c r="N722656" s="10"/>
    </row>
    <row r="722657" spans="14:14">
      <c r="N722657" s="10"/>
    </row>
    <row r="722658" spans="14:14">
      <c r="N722658" s="10"/>
    </row>
    <row r="722659" spans="14:14">
      <c r="N722659" s="10"/>
    </row>
    <row r="722660" spans="14:14">
      <c r="N722660" s="10"/>
    </row>
    <row r="722661" spans="14:14">
      <c r="N722661" s="10"/>
    </row>
    <row r="722662" spans="14:14">
      <c r="N722662" s="10"/>
    </row>
    <row r="722663" spans="14:14">
      <c r="N722663" s="10"/>
    </row>
    <row r="722664" spans="14:14">
      <c r="N722664" s="10"/>
    </row>
    <row r="722665" spans="14:14">
      <c r="N722665" s="10"/>
    </row>
    <row r="722666" spans="14:14">
      <c r="N722666" s="10"/>
    </row>
    <row r="722667" spans="14:14">
      <c r="N722667" s="10"/>
    </row>
    <row r="722668" spans="14:14">
      <c r="N722668" s="10"/>
    </row>
    <row r="722669" spans="14:14">
      <c r="N722669" s="10"/>
    </row>
    <row r="722670" spans="14:14">
      <c r="N722670" s="10"/>
    </row>
    <row r="722671" spans="14:14">
      <c r="N722671" s="10"/>
    </row>
    <row r="722672" spans="14:14">
      <c r="N722672" s="10"/>
    </row>
    <row r="722673" spans="14:14">
      <c r="N722673" s="10"/>
    </row>
    <row r="722674" spans="14:14">
      <c r="N722674" s="10"/>
    </row>
    <row r="722675" spans="14:14">
      <c r="N722675" s="10"/>
    </row>
    <row r="722676" spans="14:14">
      <c r="N722676" s="10"/>
    </row>
    <row r="722677" spans="14:14">
      <c r="N722677" s="10"/>
    </row>
    <row r="722678" spans="14:14">
      <c r="N722678" s="10"/>
    </row>
    <row r="722679" spans="14:14">
      <c r="N722679" s="10"/>
    </row>
    <row r="722680" spans="14:14">
      <c r="N722680" s="10"/>
    </row>
    <row r="722681" spans="14:14">
      <c r="N722681" s="10"/>
    </row>
    <row r="722682" spans="14:14">
      <c r="N722682" s="10"/>
    </row>
    <row r="722683" spans="14:14">
      <c r="N722683" s="10"/>
    </row>
    <row r="722684" spans="14:14">
      <c r="N722684" s="10"/>
    </row>
    <row r="722685" spans="14:14">
      <c r="N722685" s="10"/>
    </row>
    <row r="722686" spans="14:14">
      <c r="N722686" s="10"/>
    </row>
    <row r="722687" spans="14:14">
      <c r="N722687" s="10"/>
    </row>
    <row r="722688" spans="14:14">
      <c r="N722688" s="10"/>
    </row>
    <row r="722689" spans="14:14">
      <c r="N722689" s="10"/>
    </row>
    <row r="722690" spans="14:14">
      <c r="N722690" s="10"/>
    </row>
    <row r="722691" spans="14:14">
      <c r="N722691" s="10"/>
    </row>
    <row r="722692" spans="14:14">
      <c r="N722692" s="10"/>
    </row>
    <row r="722693" spans="14:14">
      <c r="N722693" s="10"/>
    </row>
    <row r="722694" spans="14:14">
      <c r="N722694" s="10"/>
    </row>
    <row r="722695" spans="14:14">
      <c r="N722695" s="10"/>
    </row>
    <row r="722696" spans="14:14">
      <c r="N722696" s="10"/>
    </row>
    <row r="722697" spans="14:14">
      <c r="N722697" s="10"/>
    </row>
    <row r="722698" spans="14:14">
      <c r="N722698" s="10"/>
    </row>
    <row r="722699" spans="14:14">
      <c r="N722699" s="10"/>
    </row>
    <row r="722700" spans="14:14">
      <c r="N722700" s="10"/>
    </row>
    <row r="722701" spans="14:14">
      <c r="N722701" s="10"/>
    </row>
    <row r="722702" spans="14:14">
      <c r="N722702" s="10"/>
    </row>
    <row r="722703" spans="14:14">
      <c r="N722703" s="10"/>
    </row>
    <row r="722704" spans="14:14">
      <c r="N722704" s="10"/>
    </row>
    <row r="722705" spans="14:14">
      <c r="N722705" s="10"/>
    </row>
    <row r="722706" spans="14:14">
      <c r="N722706" s="10"/>
    </row>
    <row r="722707" spans="14:14">
      <c r="N722707" s="10"/>
    </row>
    <row r="722708" spans="14:14">
      <c r="N722708" s="10"/>
    </row>
    <row r="722709" spans="14:14">
      <c r="N722709" s="10"/>
    </row>
    <row r="722710" spans="14:14">
      <c r="N722710" s="10"/>
    </row>
    <row r="722711" spans="14:14">
      <c r="N722711" s="10"/>
    </row>
    <row r="722712" spans="14:14">
      <c r="N722712" s="10"/>
    </row>
    <row r="722713" spans="14:14">
      <c r="N722713" s="10"/>
    </row>
    <row r="722714" spans="14:14">
      <c r="N722714" s="10"/>
    </row>
    <row r="722715" spans="14:14">
      <c r="N722715" s="10"/>
    </row>
    <row r="722716" spans="14:14">
      <c r="N722716" s="10"/>
    </row>
    <row r="722717" spans="14:14">
      <c r="N722717" s="10"/>
    </row>
    <row r="722718" spans="14:14">
      <c r="N722718" s="10"/>
    </row>
    <row r="722719" spans="14:14">
      <c r="N722719" s="10"/>
    </row>
    <row r="722720" spans="14:14">
      <c r="N722720" s="10"/>
    </row>
    <row r="722721" spans="14:14">
      <c r="N722721" s="10"/>
    </row>
    <row r="722722" spans="14:14">
      <c r="N722722" s="10"/>
    </row>
    <row r="722723" spans="14:14">
      <c r="N722723" s="10"/>
    </row>
    <row r="722724" spans="14:14">
      <c r="N722724" s="10"/>
    </row>
    <row r="722725" spans="14:14">
      <c r="N722725" s="10"/>
    </row>
    <row r="722726" spans="14:14">
      <c r="N722726" s="10"/>
    </row>
    <row r="722727" spans="14:14">
      <c r="N722727" s="10"/>
    </row>
    <row r="722728" spans="14:14">
      <c r="N722728" s="10"/>
    </row>
    <row r="722729" spans="14:14">
      <c r="N722729" s="10"/>
    </row>
    <row r="722730" spans="14:14">
      <c r="N722730" s="10"/>
    </row>
    <row r="722731" spans="14:14">
      <c r="N722731" s="10"/>
    </row>
    <row r="722732" spans="14:14">
      <c r="N722732" s="10"/>
    </row>
    <row r="722733" spans="14:14">
      <c r="N722733" s="10"/>
    </row>
    <row r="722734" spans="14:14">
      <c r="N722734" s="10"/>
    </row>
    <row r="722735" spans="14:14">
      <c r="N722735" s="10"/>
    </row>
    <row r="722736" spans="14:14">
      <c r="N722736" s="10"/>
    </row>
    <row r="722737" spans="14:14">
      <c r="N722737" s="10"/>
    </row>
    <row r="722738" spans="14:14">
      <c r="N722738" s="10"/>
    </row>
    <row r="722739" spans="14:14">
      <c r="N722739" s="10"/>
    </row>
    <row r="722740" spans="14:14">
      <c r="N722740" s="10"/>
    </row>
    <row r="722741" spans="14:14">
      <c r="N722741" s="10"/>
    </row>
    <row r="722742" spans="14:14">
      <c r="N722742" s="10"/>
    </row>
    <row r="722743" spans="14:14">
      <c r="N722743" s="10"/>
    </row>
    <row r="722744" spans="14:14">
      <c r="N722744" s="10"/>
    </row>
    <row r="722745" spans="14:14">
      <c r="N722745" s="10"/>
    </row>
    <row r="722746" spans="14:14">
      <c r="N722746" s="10"/>
    </row>
    <row r="722747" spans="14:14">
      <c r="N722747" s="10"/>
    </row>
    <row r="722748" spans="14:14">
      <c r="N722748" s="10"/>
    </row>
    <row r="722749" spans="14:14">
      <c r="N722749" s="10"/>
    </row>
    <row r="722750" spans="14:14">
      <c r="N722750" s="10"/>
    </row>
    <row r="722751" spans="14:14">
      <c r="N722751" s="10"/>
    </row>
    <row r="722752" spans="14:14">
      <c r="N722752" s="10"/>
    </row>
    <row r="722753" spans="14:14">
      <c r="N722753" s="10"/>
    </row>
    <row r="722754" spans="14:14">
      <c r="N722754" s="10"/>
    </row>
    <row r="722755" spans="14:14">
      <c r="N722755" s="10"/>
    </row>
    <row r="722756" spans="14:14">
      <c r="N722756" s="10"/>
    </row>
    <row r="722757" spans="14:14">
      <c r="N722757" s="10"/>
    </row>
    <row r="722758" spans="14:14">
      <c r="N722758" s="10"/>
    </row>
    <row r="722759" spans="14:14">
      <c r="N722759" s="10"/>
    </row>
    <row r="722760" spans="14:14">
      <c r="N722760" s="10"/>
    </row>
    <row r="722761" spans="14:14">
      <c r="N722761" s="10"/>
    </row>
    <row r="722762" spans="14:14">
      <c r="N722762" s="10"/>
    </row>
    <row r="722763" spans="14:14">
      <c r="N722763" s="10"/>
    </row>
    <row r="722764" spans="14:14">
      <c r="N722764" s="10"/>
    </row>
    <row r="722765" spans="14:14">
      <c r="N722765" s="10"/>
    </row>
    <row r="722766" spans="14:14">
      <c r="N722766" s="10"/>
    </row>
    <row r="722767" spans="14:14">
      <c r="N722767" s="10"/>
    </row>
    <row r="722768" spans="14:14">
      <c r="N722768" s="10"/>
    </row>
    <row r="722769" spans="14:14">
      <c r="N722769" s="10"/>
    </row>
    <row r="722770" spans="14:14">
      <c r="N722770" s="10"/>
    </row>
    <row r="722771" spans="14:14">
      <c r="N722771" s="10"/>
    </row>
    <row r="722772" spans="14:14">
      <c r="N722772" s="10"/>
    </row>
    <row r="722773" spans="14:14">
      <c r="N722773" s="10"/>
    </row>
    <row r="722774" spans="14:14">
      <c r="N722774" s="10"/>
    </row>
    <row r="722775" spans="14:14">
      <c r="N722775" s="10"/>
    </row>
    <row r="722776" spans="14:14">
      <c r="N722776" s="10"/>
    </row>
    <row r="722777" spans="14:14">
      <c r="N722777" s="10"/>
    </row>
    <row r="722778" spans="14:14">
      <c r="N722778" s="10"/>
    </row>
    <row r="722779" spans="14:14">
      <c r="N722779" s="10"/>
    </row>
    <row r="722780" spans="14:14">
      <c r="N722780" s="10"/>
    </row>
    <row r="722781" spans="14:14">
      <c r="N722781" s="10"/>
    </row>
    <row r="722782" spans="14:14">
      <c r="N722782" s="10"/>
    </row>
    <row r="722783" spans="14:14">
      <c r="N722783" s="10"/>
    </row>
    <row r="722784" spans="14:14">
      <c r="N722784" s="10"/>
    </row>
    <row r="722785" spans="14:14">
      <c r="N722785" s="10"/>
    </row>
    <row r="722786" spans="14:14">
      <c r="N722786" s="10"/>
    </row>
    <row r="722787" spans="14:14">
      <c r="N722787" s="10"/>
    </row>
    <row r="722788" spans="14:14">
      <c r="N722788" s="10"/>
    </row>
    <row r="722789" spans="14:14">
      <c r="N722789" s="10"/>
    </row>
    <row r="722790" spans="14:14">
      <c r="N722790" s="10"/>
    </row>
    <row r="722791" spans="14:14">
      <c r="N722791" s="10"/>
    </row>
    <row r="722792" spans="14:14">
      <c r="N722792" s="10"/>
    </row>
    <row r="722793" spans="14:14">
      <c r="N722793" s="10"/>
    </row>
    <row r="722794" spans="14:14">
      <c r="N722794" s="10"/>
    </row>
    <row r="722795" spans="14:14">
      <c r="N722795" s="10"/>
    </row>
    <row r="722796" spans="14:14">
      <c r="N722796" s="10"/>
    </row>
    <row r="722797" spans="14:14">
      <c r="N722797" s="10"/>
    </row>
    <row r="722798" spans="14:14">
      <c r="N722798" s="10"/>
    </row>
    <row r="722799" spans="14:14">
      <c r="N722799" s="10"/>
    </row>
    <row r="722800" spans="14:14">
      <c r="N722800" s="10"/>
    </row>
    <row r="722801" spans="14:14">
      <c r="N722801" s="10"/>
    </row>
    <row r="722802" spans="14:14">
      <c r="N722802" s="10"/>
    </row>
    <row r="722803" spans="14:14">
      <c r="N722803" s="10"/>
    </row>
    <row r="722804" spans="14:14">
      <c r="N722804" s="10"/>
    </row>
    <row r="722805" spans="14:14">
      <c r="N722805" s="10"/>
    </row>
    <row r="722806" spans="14:14">
      <c r="N722806" s="10"/>
    </row>
    <row r="722807" spans="14:14">
      <c r="N722807" s="10"/>
    </row>
    <row r="722808" spans="14:14">
      <c r="N722808" s="10"/>
    </row>
    <row r="722809" spans="14:14">
      <c r="N722809" s="10"/>
    </row>
    <row r="722810" spans="14:14">
      <c r="N722810" s="10"/>
    </row>
    <row r="722811" spans="14:14">
      <c r="N722811" s="10"/>
    </row>
    <row r="722812" spans="14:14">
      <c r="N722812" s="10"/>
    </row>
    <row r="722813" spans="14:14">
      <c r="N722813" s="10"/>
    </row>
    <row r="722814" spans="14:14">
      <c r="N722814" s="10"/>
    </row>
    <row r="722815" spans="14:14">
      <c r="N722815" s="10"/>
    </row>
    <row r="722816" spans="14:14">
      <c r="N722816" s="10"/>
    </row>
    <row r="722817" spans="14:14">
      <c r="N722817" s="10"/>
    </row>
    <row r="722818" spans="14:14">
      <c r="N722818" s="10"/>
    </row>
    <row r="722819" spans="14:14">
      <c r="N722819" s="10"/>
    </row>
    <row r="722820" spans="14:14">
      <c r="N722820" s="10"/>
    </row>
    <row r="722821" spans="14:14">
      <c r="N722821" s="10"/>
    </row>
    <row r="722822" spans="14:14">
      <c r="N722822" s="10"/>
    </row>
    <row r="722823" spans="14:14">
      <c r="N722823" s="10"/>
    </row>
    <row r="722824" spans="14:14">
      <c r="N722824" s="10"/>
    </row>
    <row r="722825" spans="14:14">
      <c r="N722825" s="10"/>
    </row>
    <row r="722826" spans="14:14">
      <c r="N722826" s="10"/>
    </row>
    <row r="722827" spans="14:14">
      <c r="N722827" s="10"/>
    </row>
    <row r="722828" spans="14:14">
      <c r="N722828" s="10"/>
    </row>
    <row r="722829" spans="14:14">
      <c r="N722829" s="10"/>
    </row>
    <row r="722830" spans="14:14">
      <c r="N722830" s="10"/>
    </row>
    <row r="722831" spans="14:14">
      <c r="N722831" s="10"/>
    </row>
    <row r="722832" spans="14:14">
      <c r="N722832" s="10"/>
    </row>
    <row r="722833" spans="14:14">
      <c r="N722833" s="10"/>
    </row>
    <row r="722834" spans="14:14">
      <c r="N722834" s="10"/>
    </row>
    <row r="722835" spans="14:14">
      <c r="N722835" s="10"/>
    </row>
    <row r="722836" spans="14:14">
      <c r="N722836" s="10"/>
    </row>
    <row r="722837" spans="14:14">
      <c r="N722837" s="10"/>
    </row>
    <row r="722838" spans="14:14">
      <c r="N722838" s="10"/>
    </row>
    <row r="722839" spans="14:14">
      <c r="N722839" s="10"/>
    </row>
    <row r="722840" spans="14:14">
      <c r="N722840" s="10"/>
    </row>
    <row r="722841" spans="14:14">
      <c r="N722841" s="10"/>
    </row>
    <row r="722842" spans="14:14">
      <c r="N722842" s="10"/>
    </row>
    <row r="722843" spans="14:14">
      <c r="N722843" s="10"/>
    </row>
    <row r="722844" spans="14:14">
      <c r="N722844" s="10"/>
    </row>
    <row r="722845" spans="14:14">
      <c r="N722845" s="10"/>
    </row>
    <row r="722846" spans="14:14">
      <c r="N722846" s="10"/>
    </row>
    <row r="722847" spans="14:14">
      <c r="N722847" s="10"/>
    </row>
    <row r="722848" spans="14:14">
      <c r="N722848" s="10"/>
    </row>
    <row r="722849" spans="14:14">
      <c r="N722849" s="10"/>
    </row>
    <row r="722850" spans="14:14">
      <c r="N722850" s="10"/>
    </row>
    <row r="722851" spans="14:14">
      <c r="N722851" s="10"/>
    </row>
    <row r="722852" spans="14:14">
      <c r="N722852" s="10"/>
    </row>
    <row r="722853" spans="14:14">
      <c r="N722853" s="10"/>
    </row>
    <row r="722854" spans="14:14">
      <c r="N722854" s="10"/>
    </row>
    <row r="722855" spans="14:14">
      <c r="N722855" s="10"/>
    </row>
    <row r="722856" spans="14:14">
      <c r="N722856" s="10"/>
    </row>
    <row r="722857" spans="14:14">
      <c r="N722857" s="10"/>
    </row>
    <row r="722858" spans="14:14">
      <c r="N722858" s="10"/>
    </row>
    <row r="722859" spans="14:14">
      <c r="N722859" s="10"/>
    </row>
    <row r="722860" spans="14:14">
      <c r="N722860" s="10"/>
    </row>
    <row r="722861" spans="14:14">
      <c r="N722861" s="10"/>
    </row>
    <row r="722862" spans="14:14">
      <c r="N722862" s="10"/>
    </row>
    <row r="722863" spans="14:14">
      <c r="N722863" s="10"/>
    </row>
    <row r="722864" spans="14:14">
      <c r="N722864" s="10"/>
    </row>
    <row r="722865" spans="14:14">
      <c r="N722865" s="10"/>
    </row>
    <row r="722866" spans="14:14">
      <c r="N722866" s="10"/>
    </row>
    <row r="722867" spans="14:14">
      <c r="N722867" s="10"/>
    </row>
    <row r="722868" spans="14:14">
      <c r="N722868" s="10"/>
    </row>
    <row r="722869" spans="14:14">
      <c r="N722869" s="10"/>
    </row>
    <row r="722870" spans="14:14">
      <c r="N722870" s="10"/>
    </row>
    <row r="722871" spans="14:14">
      <c r="N722871" s="10"/>
    </row>
    <row r="722872" spans="14:14">
      <c r="N722872" s="10"/>
    </row>
    <row r="722873" spans="14:14">
      <c r="N722873" s="10"/>
    </row>
    <row r="722874" spans="14:14">
      <c r="N722874" s="10"/>
    </row>
    <row r="722875" spans="14:14">
      <c r="N722875" s="10"/>
    </row>
    <row r="722876" spans="14:14">
      <c r="N722876" s="10"/>
    </row>
    <row r="722877" spans="14:14">
      <c r="N722877" s="10"/>
    </row>
    <row r="722878" spans="14:14">
      <c r="N722878" s="10"/>
    </row>
    <row r="722879" spans="14:14">
      <c r="N722879" s="10"/>
    </row>
    <row r="722880" spans="14:14">
      <c r="N722880" s="10"/>
    </row>
    <row r="722881" spans="14:14">
      <c r="N722881" s="10"/>
    </row>
    <row r="722882" spans="14:14">
      <c r="N722882" s="10"/>
    </row>
    <row r="722883" spans="14:14">
      <c r="N722883" s="10"/>
    </row>
    <row r="722884" spans="14:14">
      <c r="N722884" s="10"/>
    </row>
    <row r="722885" spans="14:14">
      <c r="N722885" s="10"/>
    </row>
    <row r="722886" spans="14:14">
      <c r="N722886" s="10"/>
    </row>
    <row r="722887" spans="14:14">
      <c r="N722887" s="10"/>
    </row>
    <row r="722888" spans="14:14">
      <c r="N722888" s="10"/>
    </row>
    <row r="722889" spans="14:14">
      <c r="N722889" s="10"/>
    </row>
    <row r="722890" spans="14:14">
      <c r="N722890" s="10"/>
    </row>
    <row r="722891" spans="14:14">
      <c r="N722891" s="10"/>
    </row>
    <row r="722892" spans="14:14">
      <c r="N722892" s="10"/>
    </row>
    <row r="722893" spans="14:14">
      <c r="N722893" s="10"/>
    </row>
    <row r="722894" spans="14:14">
      <c r="N722894" s="10"/>
    </row>
    <row r="722895" spans="14:14">
      <c r="N722895" s="10"/>
    </row>
    <row r="722896" spans="14:14">
      <c r="N722896" s="10"/>
    </row>
    <row r="722897" spans="14:14">
      <c r="N722897" s="10"/>
    </row>
    <row r="722898" spans="14:14">
      <c r="N722898" s="10"/>
    </row>
    <row r="722899" spans="14:14">
      <c r="N722899" s="10"/>
    </row>
    <row r="722900" spans="14:14">
      <c r="N722900" s="10"/>
    </row>
    <row r="722901" spans="14:14">
      <c r="N722901" s="10"/>
    </row>
    <row r="722902" spans="14:14">
      <c r="N722902" s="10"/>
    </row>
    <row r="722903" spans="14:14">
      <c r="N722903" s="10"/>
    </row>
    <row r="722904" spans="14:14">
      <c r="N722904" s="10"/>
    </row>
    <row r="722905" spans="14:14">
      <c r="N722905" s="10"/>
    </row>
    <row r="722906" spans="14:14">
      <c r="N722906" s="10"/>
    </row>
    <row r="722907" spans="14:14">
      <c r="N722907" s="10"/>
    </row>
    <row r="722908" spans="14:14">
      <c r="N722908" s="10"/>
    </row>
    <row r="722909" spans="14:14">
      <c r="N722909" s="10"/>
    </row>
    <row r="722910" spans="14:14">
      <c r="N722910" s="10"/>
    </row>
    <row r="722911" spans="14:14">
      <c r="N722911" s="10"/>
    </row>
    <row r="722912" spans="14:14">
      <c r="N722912" s="10"/>
    </row>
    <row r="722913" spans="14:14">
      <c r="N722913" s="10"/>
    </row>
    <row r="722914" spans="14:14">
      <c r="N722914" s="10"/>
    </row>
    <row r="722915" spans="14:14">
      <c r="N722915" s="10"/>
    </row>
    <row r="722916" spans="14:14">
      <c r="N722916" s="10"/>
    </row>
    <row r="722917" spans="14:14">
      <c r="N722917" s="10"/>
    </row>
    <row r="722918" spans="14:14">
      <c r="N722918" s="10"/>
    </row>
    <row r="722919" spans="14:14">
      <c r="N722919" s="10"/>
    </row>
    <row r="722920" spans="14:14">
      <c r="N722920" s="10"/>
    </row>
    <row r="722921" spans="14:14">
      <c r="N722921" s="10"/>
    </row>
    <row r="722922" spans="14:14">
      <c r="N722922" s="10"/>
    </row>
    <row r="722923" spans="14:14">
      <c r="N722923" s="10"/>
    </row>
    <row r="722924" spans="14:14">
      <c r="N722924" s="10"/>
    </row>
    <row r="722925" spans="14:14">
      <c r="N722925" s="10"/>
    </row>
    <row r="722926" spans="14:14">
      <c r="N722926" s="10"/>
    </row>
    <row r="722927" spans="14:14">
      <c r="N722927" s="10"/>
    </row>
    <row r="722928" spans="14:14">
      <c r="N722928" s="10"/>
    </row>
    <row r="722929" spans="14:14">
      <c r="N722929" s="10"/>
    </row>
    <row r="722930" spans="14:14">
      <c r="N722930" s="10"/>
    </row>
    <row r="722931" spans="14:14">
      <c r="N722931" s="10"/>
    </row>
    <row r="722932" spans="14:14">
      <c r="N722932" s="10"/>
    </row>
    <row r="722933" spans="14:14">
      <c r="N722933" s="10"/>
    </row>
    <row r="722934" spans="14:14">
      <c r="N722934" s="10"/>
    </row>
    <row r="722935" spans="14:14">
      <c r="N722935" s="10"/>
    </row>
    <row r="722936" spans="14:14">
      <c r="N722936" s="10"/>
    </row>
    <row r="722937" spans="14:14">
      <c r="N722937" s="10"/>
    </row>
    <row r="722938" spans="14:14">
      <c r="N722938" s="10"/>
    </row>
    <row r="722939" spans="14:14">
      <c r="N722939" s="10"/>
    </row>
    <row r="722940" spans="14:14">
      <c r="N722940" s="10"/>
    </row>
    <row r="722941" spans="14:14">
      <c r="N722941" s="10"/>
    </row>
    <row r="722942" spans="14:14">
      <c r="N722942" s="10"/>
    </row>
    <row r="722943" spans="14:14">
      <c r="N722943" s="10"/>
    </row>
    <row r="722944" spans="14:14">
      <c r="N722944" s="10"/>
    </row>
    <row r="722945" spans="14:14">
      <c r="N722945" s="10"/>
    </row>
    <row r="722946" spans="14:14">
      <c r="N722946" s="10"/>
    </row>
    <row r="722947" spans="14:14">
      <c r="N722947" s="10"/>
    </row>
    <row r="722948" spans="14:14">
      <c r="N722948" s="10"/>
    </row>
    <row r="722949" spans="14:14">
      <c r="N722949" s="10"/>
    </row>
    <row r="722950" spans="14:14">
      <c r="N722950" s="10"/>
    </row>
    <row r="722951" spans="14:14">
      <c r="N722951" s="10"/>
    </row>
    <row r="722952" spans="14:14">
      <c r="N722952" s="10"/>
    </row>
    <row r="722953" spans="14:14">
      <c r="N722953" s="10"/>
    </row>
    <row r="722954" spans="14:14">
      <c r="N722954" s="10"/>
    </row>
    <row r="722955" spans="14:14">
      <c r="N722955" s="10"/>
    </row>
    <row r="722956" spans="14:14">
      <c r="N722956" s="10"/>
    </row>
    <row r="722957" spans="14:14">
      <c r="N722957" s="10"/>
    </row>
    <row r="722958" spans="14:14">
      <c r="N722958" s="10"/>
    </row>
    <row r="722959" spans="14:14">
      <c r="N722959" s="10"/>
    </row>
    <row r="722960" spans="14:14">
      <c r="N722960" s="10"/>
    </row>
    <row r="722961" spans="14:14">
      <c r="N722961" s="10"/>
    </row>
    <row r="722962" spans="14:14">
      <c r="N722962" s="10"/>
    </row>
    <row r="722963" spans="14:14">
      <c r="N722963" s="10"/>
    </row>
    <row r="722964" spans="14:14">
      <c r="N722964" s="10"/>
    </row>
    <row r="722965" spans="14:14">
      <c r="N722965" s="10"/>
    </row>
    <row r="722966" spans="14:14">
      <c r="N722966" s="10"/>
    </row>
    <row r="722967" spans="14:14">
      <c r="N722967" s="10"/>
    </row>
    <row r="722968" spans="14:14">
      <c r="N722968" s="10"/>
    </row>
    <row r="722969" spans="14:14">
      <c r="N722969" s="10"/>
    </row>
    <row r="722970" spans="14:14">
      <c r="N722970" s="10"/>
    </row>
    <row r="722971" spans="14:14">
      <c r="N722971" s="10"/>
    </row>
    <row r="722972" spans="14:14">
      <c r="N722972" s="10"/>
    </row>
    <row r="722973" spans="14:14">
      <c r="N722973" s="10"/>
    </row>
    <row r="722974" spans="14:14">
      <c r="N722974" s="10"/>
    </row>
    <row r="722975" spans="14:14">
      <c r="N722975" s="10"/>
    </row>
    <row r="722976" spans="14:14">
      <c r="N722976" s="10"/>
    </row>
    <row r="722977" spans="14:14">
      <c r="N722977" s="10"/>
    </row>
    <row r="722978" spans="14:14">
      <c r="N722978" s="10"/>
    </row>
    <row r="722979" spans="14:14">
      <c r="N722979" s="10"/>
    </row>
    <row r="722980" spans="14:14">
      <c r="N722980" s="10"/>
    </row>
    <row r="722981" spans="14:14">
      <c r="N722981" s="10"/>
    </row>
    <row r="722982" spans="14:14">
      <c r="N722982" s="10"/>
    </row>
    <row r="722983" spans="14:14">
      <c r="N722983" s="10"/>
    </row>
    <row r="722984" spans="14:14">
      <c r="N722984" s="10"/>
    </row>
    <row r="722985" spans="14:14">
      <c r="N722985" s="10"/>
    </row>
    <row r="722986" spans="14:14">
      <c r="N722986" s="10"/>
    </row>
    <row r="722987" spans="14:14">
      <c r="N722987" s="10"/>
    </row>
    <row r="722988" spans="14:14">
      <c r="N722988" s="10"/>
    </row>
    <row r="722989" spans="14:14">
      <c r="N722989" s="10"/>
    </row>
    <row r="722990" spans="14:14">
      <c r="N722990" s="10"/>
    </row>
    <row r="722991" spans="14:14">
      <c r="N722991" s="10"/>
    </row>
    <row r="722992" spans="14:14">
      <c r="N722992" s="10"/>
    </row>
    <row r="722993" spans="14:14">
      <c r="N722993" s="10"/>
    </row>
    <row r="722994" spans="14:14">
      <c r="N722994" s="10"/>
    </row>
    <row r="722995" spans="14:14">
      <c r="N722995" s="10"/>
    </row>
    <row r="722996" spans="14:14">
      <c r="N722996" s="10"/>
    </row>
    <row r="722997" spans="14:14">
      <c r="N722997" s="10"/>
    </row>
    <row r="722998" spans="14:14">
      <c r="N722998" s="10"/>
    </row>
    <row r="722999" spans="14:14">
      <c r="N722999" s="10"/>
    </row>
    <row r="723000" spans="14:14">
      <c r="N723000" s="10"/>
    </row>
    <row r="723001" spans="14:14">
      <c r="N723001" s="10"/>
    </row>
    <row r="723002" spans="14:14">
      <c r="N723002" s="10"/>
    </row>
    <row r="723003" spans="14:14">
      <c r="N723003" s="10"/>
    </row>
    <row r="723004" spans="14:14">
      <c r="N723004" s="10"/>
    </row>
    <row r="723005" spans="14:14">
      <c r="N723005" s="10"/>
    </row>
    <row r="723006" spans="14:14">
      <c r="N723006" s="10"/>
    </row>
    <row r="723007" spans="14:14">
      <c r="N723007" s="10"/>
    </row>
    <row r="723008" spans="14:14">
      <c r="N723008" s="10"/>
    </row>
    <row r="723009" spans="14:14">
      <c r="N723009" s="10"/>
    </row>
    <row r="723010" spans="14:14">
      <c r="N723010" s="10"/>
    </row>
    <row r="723011" spans="14:14">
      <c r="N723011" s="10"/>
    </row>
    <row r="723012" spans="14:14">
      <c r="N723012" s="10"/>
    </row>
    <row r="723013" spans="14:14">
      <c r="N723013" s="10"/>
    </row>
    <row r="723014" spans="14:14">
      <c r="N723014" s="10"/>
    </row>
    <row r="723015" spans="14:14">
      <c r="N723015" s="10"/>
    </row>
    <row r="723016" spans="14:14">
      <c r="N723016" s="10"/>
    </row>
    <row r="723017" spans="14:14">
      <c r="N723017" s="10"/>
    </row>
    <row r="723018" spans="14:14">
      <c r="N723018" s="10"/>
    </row>
    <row r="723019" spans="14:14">
      <c r="N723019" s="10"/>
    </row>
    <row r="723020" spans="14:14">
      <c r="N723020" s="10"/>
    </row>
    <row r="723021" spans="14:14">
      <c r="N723021" s="10"/>
    </row>
    <row r="723022" spans="14:14">
      <c r="N723022" s="10"/>
    </row>
    <row r="723023" spans="14:14">
      <c r="N723023" s="10"/>
    </row>
    <row r="723024" spans="14:14">
      <c r="N723024" s="10"/>
    </row>
    <row r="723025" spans="14:14">
      <c r="N723025" s="10"/>
    </row>
    <row r="723026" spans="14:14">
      <c r="N723026" s="10"/>
    </row>
    <row r="723027" spans="14:14">
      <c r="N723027" s="10"/>
    </row>
    <row r="723028" spans="14:14">
      <c r="N723028" s="10"/>
    </row>
    <row r="723029" spans="14:14">
      <c r="N723029" s="10"/>
    </row>
    <row r="723030" spans="14:14">
      <c r="N723030" s="10"/>
    </row>
    <row r="723031" spans="14:14">
      <c r="N723031" s="10"/>
    </row>
    <row r="723032" spans="14:14">
      <c r="N723032" s="10"/>
    </row>
    <row r="723033" spans="14:14">
      <c r="N723033" s="10"/>
    </row>
    <row r="723034" spans="14:14">
      <c r="N723034" s="10"/>
    </row>
    <row r="723035" spans="14:14">
      <c r="N723035" s="10"/>
    </row>
    <row r="723036" spans="14:14">
      <c r="N723036" s="10"/>
    </row>
    <row r="723037" spans="14:14">
      <c r="N723037" s="10"/>
    </row>
    <row r="723038" spans="14:14">
      <c r="N723038" s="10"/>
    </row>
    <row r="723039" spans="14:14">
      <c r="N723039" s="10"/>
    </row>
    <row r="723040" spans="14:14">
      <c r="N723040" s="10"/>
    </row>
    <row r="723041" spans="14:14">
      <c r="N723041" s="10"/>
    </row>
    <row r="723042" spans="14:14">
      <c r="N723042" s="10"/>
    </row>
    <row r="723043" spans="14:14">
      <c r="N723043" s="10"/>
    </row>
    <row r="723044" spans="14:14">
      <c r="N723044" s="10"/>
    </row>
    <row r="723045" spans="14:14">
      <c r="N723045" s="10"/>
    </row>
    <row r="723046" spans="14:14">
      <c r="N723046" s="10"/>
    </row>
    <row r="723047" spans="14:14">
      <c r="N723047" s="10"/>
    </row>
    <row r="723048" spans="14:14">
      <c r="N723048" s="10"/>
    </row>
    <row r="723049" spans="14:14">
      <c r="N723049" s="10"/>
    </row>
    <row r="723050" spans="14:14">
      <c r="N723050" s="10"/>
    </row>
    <row r="723051" spans="14:14">
      <c r="N723051" s="10"/>
    </row>
    <row r="723052" spans="14:14">
      <c r="N723052" s="10"/>
    </row>
    <row r="723053" spans="14:14">
      <c r="N723053" s="10"/>
    </row>
    <row r="723054" spans="14:14">
      <c r="N723054" s="10"/>
    </row>
    <row r="723055" spans="14:14">
      <c r="N723055" s="10"/>
    </row>
    <row r="723056" spans="14:14">
      <c r="N723056" s="10"/>
    </row>
    <row r="723057" spans="14:14">
      <c r="N723057" s="10"/>
    </row>
    <row r="723058" spans="14:14">
      <c r="N723058" s="10"/>
    </row>
    <row r="723059" spans="14:14">
      <c r="N723059" s="10"/>
    </row>
    <row r="723060" spans="14:14">
      <c r="N723060" s="10"/>
    </row>
    <row r="723061" spans="14:14">
      <c r="N723061" s="10"/>
    </row>
    <row r="723062" spans="14:14">
      <c r="N723062" s="10"/>
    </row>
    <row r="723063" spans="14:14">
      <c r="N723063" s="10"/>
    </row>
    <row r="723064" spans="14:14">
      <c r="N723064" s="10"/>
    </row>
    <row r="723065" spans="14:14">
      <c r="N723065" s="10"/>
    </row>
    <row r="723066" spans="14:14">
      <c r="N723066" s="10"/>
    </row>
    <row r="723067" spans="14:14">
      <c r="N723067" s="10"/>
    </row>
    <row r="723068" spans="14:14">
      <c r="N723068" s="10"/>
    </row>
    <row r="723069" spans="14:14">
      <c r="N723069" s="10"/>
    </row>
    <row r="723070" spans="14:14">
      <c r="N723070" s="10"/>
    </row>
    <row r="723071" spans="14:14">
      <c r="N723071" s="10"/>
    </row>
    <row r="723072" spans="14:14">
      <c r="N723072" s="10"/>
    </row>
    <row r="723073" spans="14:14">
      <c r="N723073" s="10"/>
    </row>
    <row r="723074" spans="14:14">
      <c r="N723074" s="10"/>
    </row>
    <row r="723075" spans="14:14">
      <c r="N723075" s="10"/>
    </row>
    <row r="723076" spans="14:14">
      <c r="N723076" s="10"/>
    </row>
    <row r="723077" spans="14:14">
      <c r="N723077" s="10"/>
    </row>
    <row r="723078" spans="14:14">
      <c r="N723078" s="10"/>
    </row>
    <row r="723079" spans="14:14">
      <c r="N723079" s="10"/>
    </row>
    <row r="723080" spans="14:14">
      <c r="N723080" s="10"/>
    </row>
    <row r="723081" spans="14:14">
      <c r="N723081" s="10"/>
    </row>
    <row r="723082" spans="14:14">
      <c r="N723082" s="10"/>
    </row>
    <row r="723083" spans="14:14">
      <c r="N723083" s="10"/>
    </row>
    <row r="723084" spans="14:14">
      <c r="N723084" s="10"/>
    </row>
    <row r="723085" spans="14:14">
      <c r="N723085" s="10"/>
    </row>
    <row r="723086" spans="14:14">
      <c r="N723086" s="10"/>
    </row>
    <row r="723087" spans="14:14">
      <c r="N723087" s="10"/>
    </row>
    <row r="723088" spans="14:14">
      <c r="N723088" s="10"/>
    </row>
    <row r="723089" spans="14:14">
      <c r="N723089" s="10"/>
    </row>
    <row r="723090" spans="14:14">
      <c r="N723090" s="10"/>
    </row>
    <row r="723091" spans="14:14">
      <c r="N723091" s="10"/>
    </row>
    <row r="723092" spans="14:14">
      <c r="N723092" s="10"/>
    </row>
    <row r="723093" spans="14:14">
      <c r="N723093" s="10"/>
    </row>
    <row r="723094" spans="14:14">
      <c r="N723094" s="10"/>
    </row>
    <row r="723095" spans="14:14">
      <c r="N723095" s="10"/>
    </row>
    <row r="723096" spans="14:14">
      <c r="N723096" s="10"/>
    </row>
    <row r="723097" spans="14:14">
      <c r="N723097" s="10"/>
    </row>
    <row r="723098" spans="14:14">
      <c r="N723098" s="10"/>
    </row>
    <row r="723099" spans="14:14">
      <c r="N723099" s="10"/>
    </row>
    <row r="723100" spans="14:14">
      <c r="N723100" s="10"/>
    </row>
    <row r="723101" spans="14:14">
      <c r="N723101" s="10"/>
    </row>
    <row r="723102" spans="14:14">
      <c r="N723102" s="10"/>
    </row>
    <row r="723103" spans="14:14">
      <c r="N723103" s="10"/>
    </row>
    <row r="723104" spans="14:14">
      <c r="N723104" s="10"/>
    </row>
    <row r="723105" spans="14:14">
      <c r="N723105" s="10"/>
    </row>
    <row r="723106" spans="14:14">
      <c r="N723106" s="10"/>
    </row>
    <row r="723107" spans="14:14">
      <c r="N723107" s="10"/>
    </row>
    <row r="723108" spans="14:14">
      <c r="N723108" s="10"/>
    </row>
    <row r="723109" spans="14:14">
      <c r="N723109" s="10"/>
    </row>
    <row r="723110" spans="14:14">
      <c r="N723110" s="10"/>
    </row>
    <row r="723111" spans="14:14">
      <c r="N723111" s="10"/>
    </row>
    <row r="723112" spans="14:14">
      <c r="N723112" s="10"/>
    </row>
    <row r="723113" spans="14:14">
      <c r="N723113" s="10"/>
    </row>
    <row r="723114" spans="14:14">
      <c r="N723114" s="10"/>
    </row>
    <row r="723115" spans="14:14">
      <c r="N723115" s="10"/>
    </row>
    <row r="723116" spans="14:14">
      <c r="N723116" s="10"/>
    </row>
    <row r="723117" spans="14:14">
      <c r="N723117" s="10"/>
    </row>
    <row r="723118" spans="14:14">
      <c r="N723118" s="10"/>
    </row>
    <row r="723119" spans="14:14">
      <c r="N723119" s="10"/>
    </row>
    <row r="723120" spans="14:14">
      <c r="N723120" s="10"/>
    </row>
    <row r="723121" spans="14:14">
      <c r="N723121" s="10"/>
    </row>
    <row r="723122" spans="14:14">
      <c r="N723122" s="10"/>
    </row>
    <row r="723123" spans="14:14">
      <c r="N723123" s="10"/>
    </row>
    <row r="723124" spans="14:14">
      <c r="N723124" s="10"/>
    </row>
    <row r="723125" spans="14:14">
      <c r="N723125" s="10"/>
    </row>
    <row r="723126" spans="14:14">
      <c r="N723126" s="10"/>
    </row>
    <row r="723127" spans="14:14">
      <c r="N723127" s="10"/>
    </row>
    <row r="723128" spans="14:14">
      <c r="N723128" s="10"/>
    </row>
    <row r="723129" spans="14:14">
      <c r="N723129" s="10"/>
    </row>
    <row r="723130" spans="14:14">
      <c r="N723130" s="10"/>
    </row>
    <row r="723131" spans="14:14">
      <c r="N723131" s="10"/>
    </row>
    <row r="723132" spans="14:14">
      <c r="N723132" s="10"/>
    </row>
    <row r="723133" spans="14:14">
      <c r="N723133" s="10"/>
    </row>
    <row r="723134" spans="14:14">
      <c r="N723134" s="10"/>
    </row>
    <row r="723135" spans="14:14">
      <c r="N723135" s="10"/>
    </row>
    <row r="723136" spans="14:14">
      <c r="N723136" s="10"/>
    </row>
    <row r="723137" spans="14:14">
      <c r="N723137" s="10"/>
    </row>
    <row r="723138" spans="14:14">
      <c r="N723138" s="10"/>
    </row>
    <row r="723139" spans="14:14">
      <c r="N723139" s="10"/>
    </row>
    <row r="723140" spans="14:14">
      <c r="N723140" s="10"/>
    </row>
    <row r="723141" spans="14:14">
      <c r="N723141" s="10"/>
    </row>
    <row r="723142" spans="14:14">
      <c r="N723142" s="10"/>
    </row>
    <row r="723143" spans="14:14">
      <c r="N723143" s="10"/>
    </row>
    <row r="723144" spans="14:14">
      <c r="N723144" s="10"/>
    </row>
    <row r="723145" spans="14:14">
      <c r="N723145" s="10"/>
    </row>
    <row r="723146" spans="14:14">
      <c r="N723146" s="10"/>
    </row>
    <row r="723147" spans="14:14">
      <c r="N723147" s="10"/>
    </row>
    <row r="723148" spans="14:14">
      <c r="N723148" s="10"/>
    </row>
    <row r="723149" spans="14:14">
      <c r="N723149" s="10"/>
    </row>
    <row r="723150" spans="14:14">
      <c r="N723150" s="10"/>
    </row>
    <row r="723151" spans="14:14">
      <c r="N723151" s="10"/>
    </row>
    <row r="723152" spans="14:14">
      <c r="N723152" s="10"/>
    </row>
    <row r="723153" spans="14:14">
      <c r="N723153" s="10"/>
    </row>
    <row r="723154" spans="14:14">
      <c r="N723154" s="10"/>
    </row>
    <row r="723155" spans="14:14">
      <c r="N723155" s="10"/>
    </row>
    <row r="723156" spans="14:14">
      <c r="N723156" s="10"/>
    </row>
    <row r="723157" spans="14:14">
      <c r="N723157" s="10"/>
    </row>
    <row r="723158" spans="14:14">
      <c r="N723158" s="10"/>
    </row>
    <row r="723159" spans="14:14">
      <c r="N723159" s="10"/>
    </row>
    <row r="723160" spans="14:14">
      <c r="N723160" s="10"/>
    </row>
    <row r="723161" spans="14:14">
      <c r="N723161" s="10"/>
    </row>
    <row r="723162" spans="14:14">
      <c r="N723162" s="10"/>
    </row>
    <row r="723163" spans="14:14">
      <c r="N723163" s="10"/>
    </row>
    <row r="723164" spans="14:14">
      <c r="N723164" s="10"/>
    </row>
    <row r="723165" spans="14:14">
      <c r="N723165" s="10"/>
    </row>
    <row r="723166" spans="14:14">
      <c r="N723166" s="10"/>
    </row>
    <row r="723167" spans="14:14">
      <c r="N723167" s="10"/>
    </row>
    <row r="723168" spans="14:14">
      <c r="N723168" s="10"/>
    </row>
    <row r="723169" spans="14:14">
      <c r="N723169" s="10"/>
    </row>
    <row r="723170" spans="14:14">
      <c r="N723170" s="10"/>
    </row>
    <row r="723171" spans="14:14">
      <c r="N723171" s="10"/>
    </row>
    <row r="723172" spans="14:14">
      <c r="N723172" s="10"/>
    </row>
    <row r="723173" spans="14:14">
      <c r="N723173" s="10"/>
    </row>
    <row r="723174" spans="14:14">
      <c r="N723174" s="10"/>
    </row>
    <row r="723175" spans="14:14">
      <c r="N723175" s="10"/>
    </row>
    <row r="723176" spans="14:14">
      <c r="N723176" s="10"/>
    </row>
    <row r="723177" spans="14:14">
      <c r="N723177" s="10"/>
    </row>
    <row r="723178" spans="14:14">
      <c r="N723178" s="10"/>
    </row>
    <row r="723179" spans="14:14">
      <c r="N723179" s="10"/>
    </row>
    <row r="723180" spans="14:14">
      <c r="N723180" s="10"/>
    </row>
    <row r="723181" spans="14:14">
      <c r="N723181" s="10"/>
    </row>
    <row r="723182" spans="14:14">
      <c r="N723182" s="10"/>
    </row>
    <row r="723183" spans="14:14">
      <c r="N723183" s="10"/>
    </row>
    <row r="723184" spans="14:14">
      <c r="N723184" s="10"/>
    </row>
    <row r="723185" spans="14:14">
      <c r="N723185" s="10"/>
    </row>
    <row r="723186" spans="14:14">
      <c r="N723186" s="10"/>
    </row>
    <row r="723187" spans="14:14">
      <c r="N723187" s="10"/>
    </row>
    <row r="723188" spans="14:14">
      <c r="N723188" s="10"/>
    </row>
    <row r="723189" spans="14:14">
      <c r="N723189" s="10"/>
    </row>
    <row r="723190" spans="14:14">
      <c r="N723190" s="10"/>
    </row>
    <row r="723191" spans="14:14">
      <c r="N723191" s="10"/>
    </row>
    <row r="723192" spans="14:14">
      <c r="N723192" s="10"/>
    </row>
    <row r="723193" spans="14:14">
      <c r="N723193" s="10"/>
    </row>
    <row r="723194" spans="14:14">
      <c r="N723194" s="10"/>
    </row>
    <row r="723195" spans="14:14">
      <c r="N723195" s="10"/>
    </row>
    <row r="723196" spans="14:14">
      <c r="N723196" s="10"/>
    </row>
    <row r="723197" spans="14:14">
      <c r="N723197" s="10"/>
    </row>
    <row r="723198" spans="14:14">
      <c r="N723198" s="10"/>
    </row>
    <row r="723199" spans="14:14">
      <c r="N723199" s="10"/>
    </row>
    <row r="723200" spans="14:14">
      <c r="N723200" s="10"/>
    </row>
    <row r="723201" spans="14:14">
      <c r="N723201" s="10"/>
    </row>
    <row r="723202" spans="14:14">
      <c r="N723202" s="10"/>
    </row>
    <row r="723203" spans="14:14">
      <c r="N723203" s="10"/>
    </row>
    <row r="723204" spans="14:14">
      <c r="N723204" s="10"/>
    </row>
    <row r="723205" spans="14:14">
      <c r="N723205" s="10"/>
    </row>
    <row r="723206" spans="14:14">
      <c r="N723206" s="10"/>
    </row>
    <row r="723207" spans="14:14">
      <c r="N723207" s="10"/>
    </row>
    <row r="723208" spans="14:14">
      <c r="N723208" s="10"/>
    </row>
    <row r="723209" spans="14:14">
      <c r="N723209" s="10"/>
    </row>
    <row r="723210" spans="14:14">
      <c r="N723210" s="10"/>
    </row>
    <row r="723211" spans="14:14">
      <c r="N723211" s="10"/>
    </row>
    <row r="723212" spans="14:14">
      <c r="N723212" s="10"/>
    </row>
    <row r="723213" spans="14:14">
      <c r="N723213" s="10"/>
    </row>
    <row r="723214" spans="14:14">
      <c r="N723214" s="10"/>
    </row>
    <row r="723215" spans="14:14">
      <c r="N723215" s="10"/>
    </row>
    <row r="723216" spans="14:14">
      <c r="N723216" s="10"/>
    </row>
    <row r="723217" spans="14:14">
      <c r="N723217" s="10"/>
    </row>
    <row r="723218" spans="14:14">
      <c r="N723218" s="10"/>
    </row>
    <row r="723219" spans="14:14">
      <c r="N723219" s="10"/>
    </row>
    <row r="723220" spans="14:14">
      <c r="N723220" s="10"/>
    </row>
    <row r="723221" spans="14:14">
      <c r="N723221" s="10"/>
    </row>
    <row r="723222" spans="14:14">
      <c r="N723222" s="10"/>
    </row>
    <row r="723223" spans="14:14">
      <c r="N723223" s="10"/>
    </row>
    <row r="723224" spans="14:14">
      <c r="N723224" s="10"/>
    </row>
    <row r="723225" spans="14:14">
      <c r="N723225" s="10"/>
    </row>
    <row r="723226" spans="14:14">
      <c r="N723226" s="10"/>
    </row>
    <row r="723227" spans="14:14">
      <c r="N723227" s="10"/>
    </row>
    <row r="723228" spans="14:14">
      <c r="N723228" s="10"/>
    </row>
    <row r="723229" spans="14:14">
      <c r="N723229" s="10"/>
    </row>
    <row r="723230" spans="14:14">
      <c r="N723230" s="10"/>
    </row>
    <row r="723231" spans="14:14">
      <c r="N723231" s="10"/>
    </row>
    <row r="723232" spans="14:14">
      <c r="N723232" s="10"/>
    </row>
    <row r="723233" spans="14:14">
      <c r="N723233" s="10"/>
    </row>
    <row r="723234" spans="14:14">
      <c r="N723234" s="10"/>
    </row>
    <row r="723235" spans="14:14">
      <c r="N723235" s="10"/>
    </row>
    <row r="723236" spans="14:14">
      <c r="N723236" s="10"/>
    </row>
    <row r="723237" spans="14:14">
      <c r="N723237" s="10"/>
    </row>
    <row r="723238" spans="14:14">
      <c r="N723238" s="10"/>
    </row>
    <row r="723239" spans="14:14">
      <c r="N723239" s="10"/>
    </row>
    <row r="723240" spans="14:14">
      <c r="N723240" s="10"/>
    </row>
    <row r="723241" spans="14:14">
      <c r="N723241" s="10"/>
    </row>
    <row r="723242" spans="14:14">
      <c r="N723242" s="10"/>
    </row>
    <row r="723243" spans="14:14">
      <c r="N723243" s="10"/>
    </row>
    <row r="723244" spans="14:14">
      <c r="N723244" s="10"/>
    </row>
    <row r="723245" spans="14:14">
      <c r="N723245" s="10"/>
    </row>
    <row r="723246" spans="14:14">
      <c r="N723246" s="10"/>
    </row>
    <row r="723247" spans="14:14">
      <c r="N723247" s="10"/>
    </row>
    <row r="723248" spans="14:14">
      <c r="N723248" s="10"/>
    </row>
    <row r="723249" spans="14:14">
      <c r="N723249" s="10"/>
    </row>
    <row r="723250" spans="14:14">
      <c r="N723250" s="10"/>
    </row>
    <row r="723251" spans="14:14">
      <c r="N723251" s="10"/>
    </row>
    <row r="723252" spans="14:14">
      <c r="N723252" s="10"/>
    </row>
    <row r="723253" spans="14:14">
      <c r="N723253" s="10"/>
    </row>
    <row r="723254" spans="14:14">
      <c r="N723254" s="10"/>
    </row>
    <row r="723255" spans="14:14">
      <c r="N723255" s="10"/>
    </row>
    <row r="723256" spans="14:14">
      <c r="N723256" s="10"/>
    </row>
    <row r="723257" spans="14:14">
      <c r="N723257" s="10"/>
    </row>
    <row r="723258" spans="14:14">
      <c r="N723258" s="10"/>
    </row>
    <row r="723259" spans="14:14">
      <c r="N723259" s="10"/>
    </row>
    <row r="723260" spans="14:14">
      <c r="N723260" s="10"/>
    </row>
    <row r="723261" spans="14:14">
      <c r="N723261" s="10"/>
    </row>
    <row r="723262" spans="14:14">
      <c r="N723262" s="10"/>
    </row>
    <row r="723263" spans="14:14">
      <c r="N723263" s="10"/>
    </row>
    <row r="723264" spans="14:14">
      <c r="N723264" s="10"/>
    </row>
    <row r="723265" spans="14:14">
      <c r="N723265" s="10"/>
    </row>
    <row r="723266" spans="14:14">
      <c r="N723266" s="10"/>
    </row>
    <row r="723267" spans="14:14">
      <c r="N723267" s="10"/>
    </row>
    <row r="723268" spans="14:14">
      <c r="N723268" s="10"/>
    </row>
    <row r="723269" spans="14:14">
      <c r="N723269" s="10"/>
    </row>
    <row r="723270" spans="14:14">
      <c r="N723270" s="10"/>
    </row>
    <row r="723271" spans="14:14">
      <c r="N723271" s="10"/>
    </row>
    <row r="723272" spans="14:14">
      <c r="N723272" s="10"/>
    </row>
    <row r="723273" spans="14:14">
      <c r="N723273" s="10"/>
    </row>
    <row r="723274" spans="14:14">
      <c r="N723274" s="10"/>
    </row>
    <row r="723275" spans="14:14">
      <c r="N723275" s="10"/>
    </row>
    <row r="723276" spans="14:14">
      <c r="N723276" s="10"/>
    </row>
    <row r="723277" spans="14:14">
      <c r="N723277" s="10"/>
    </row>
    <row r="723278" spans="14:14">
      <c r="N723278" s="10"/>
    </row>
    <row r="723279" spans="14:14">
      <c r="N723279" s="10"/>
    </row>
    <row r="723280" spans="14:14">
      <c r="N723280" s="10"/>
    </row>
    <row r="723281" spans="14:14">
      <c r="N723281" s="10"/>
    </row>
    <row r="723282" spans="14:14">
      <c r="N723282" s="10"/>
    </row>
    <row r="723283" spans="14:14">
      <c r="N723283" s="10"/>
    </row>
    <row r="723284" spans="14:14">
      <c r="N723284" s="10"/>
    </row>
    <row r="723285" spans="14:14">
      <c r="N723285" s="10"/>
    </row>
    <row r="723286" spans="14:14">
      <c r="N723286" s="10"/>
    </row>
    <row r="723287" spans="14:14">
      <c r="N723287" s="10"/>
    </row>
    <row r="723288" spans="14:14">
      <c r="N723288" s="10"/>
    </row>
    <row r="723289" spans="14:14">
      <c r="N723289" s="10"/>
    </row>
    <row r="723290" spans="14:14">
      <c r="N723290" s="10"/>
    </row>
    <row r="723291" spans="14:14">
      <c r="N723291" s="10"/>
    </row>
    <row r="723292" spans="14:14">
      <c r="N723292" s="10"/>
    </row>
    <row r="723293" spans="14:14">
      <c r="N723293" s="10"/>
    </row>
    <row r="723294" spans="14:14">
      <c r="N723294" s="10"/>
    </row>
    <row r="723295" spans="14:14">
      <c r="N723295" s="10"/>
    </row>
    <row r="723296" spans="14:14">
      <c r="N723296" s="10"/>
    </row>
    <row r="723297" spans="14:14">
      <c r="N723297" s="10"/>
    </row>
    <row r="723298" spans="14:14">
      <c r="N723298" s="10"/>
    </row>
    <row r="723299" spans="14:14">
      <c r="N723299" s="10"/>
    </row>
    <row r="723300" spans="14:14">
      <c r="N723300" s="10"/>
    </row>
    <row r="723301" spans="14:14">
      <c r="N723301" s="10"/>
    </row>
    <row r="723302" spans="14:14">
      <c r="N723302" s="10"/>
    </row>
    <row r="723303" spans="14:14">
      <c r="N723303" s="10"/>
    </row>
    <row r="723304" spans="14:14">
      <c r="N723304" s="10"/>
    </row>
    <row r="723305" spans="14:14">
      <c r="N723305" s="10"/>
    </row>
    <row r="723306" spans="14:14">
      <c r="N723306" s="10"/>
    </row>
    <row r="723307" spans="14:14">
      <c r="N723307" s="10"/>
    </row>
    <row r="723308" spans="14:14">
      <c r="N723308" s="10"/>
    </row>
    <row r="723309" spans="14:14">
      <c r="N723309" s="10"/>
    </row>
    <row r="723310" spans="14:14">
      <c r="N723310" s="10"/>
    </row>
    <row r="723311" spans="14:14">
      <c r="N723311" s="10"/>
    </row>
    <row r="723312" spans="14:14">
      <c r="N723312" s="10"/>
    </row>
    <row r="723313" spans="14:14">
      <c r="N723313" s="10"/>
    </row>
    <row r="723314" spans="14:14">
      <c r="N723314" s="10"/>
    </row>
    <row r="723315" spans="14:14">
      <c r="N723315" s="10"/>
    </row>
    <row r="723316" spans="14:14">
      <c r="N723316" s="10"/>
    </row>
    <row r="723317" spans="14:14">
      <c r="N723317" s="10"/>
    </row>
    <row r="723318" spans="14:14">
      <c r="N723318" s="10"/>
    </row>
    <row r="723319" spans="14:14">
      <c r="N723319" s="10"/>
    </row>
    <row r="723320" spans="14:14">
      <c r="N723320" s="10"/>
    </row>
    <row r="723321" spans="14:14">
      <c r="N723321" s="10"/>
    </row>
    <row r="723322" spans="14:14">
      <c r="N723322" s="10"/>
    </row>
    <row r="723323" spans="14:14">
      <c r="N723323" s="10"/>
    </row>
    <row r="723324" spans="14:14">
      <c r="N723324" s="10"/>
    </row>
    <row r="723325" spans="14:14">
      <c r="N723325" s="10"/>
    </row>
    <row r="723326" spans="14:14">
      <c r="N723326" s="10"/>
    </row>
    <row r="723327" spans="14:14">
      <c r="N723327" s="10"/>
    </row>
    <row r="723328" spans="14:14">
      <c r="N723328" s="10"/>
    </row>
    <row r="723329" spans="14:14">
      <c r="N723329" s="10"/>
    </row>
    <row r="723330" spans="14:14">
      <c r="N723330" s="10"/>
    </row>
    <row r="723331" spans="14:14">
      <c r="N723331" s="10"/>
    </row>
    <row r="723332" spans="14:14">
      <c r="N723332" s="10"/>
    </row>
    <row r="723333" spans="14:14">
      <c r="N723333" s="10"/>
    </row>
    <row r="723334" spans="14:14">
      <c r="N723334" s="10"/>
    </row>
    <row r="723335" spans="14:14">
      <c r="N723335" s="10"/>
    </row>
    <row r="723336" spans="14:14">
      <c r="N723336" s="10"/>
    </row>
    <row r="723337" spans="14:14">
      <c r="N723337" s="10"/>
    </row>
    <row r="723338" spans="14:14">
      <c r="N723338" s="10"/>
    </row>
    <row r="723339" spans="14:14">
      <c r="N723339" s="10"/>
    </row>
    <row r="723340" spans="14:14">
      <c r="N723340" s="10"/>
    </row>
    <row r="723341" spans="14:14">
      <c r="N723341" s="10"/>
    </row>
    <row r="723342" spans="14:14">
      <c r="N723342" s="10"/>
    </row>
    <row r="723343" spans="14:14">
      <c r="N723343" s="10"/>
    </row>
    <row r="723344" spans="14:14">
      <c r="N723344" s="10"/>
    </row>
    <row r="723345" spans="14:14">
      <c r="N723345" s="10"/>
    </row>
    <row r="723346" spans="14:14">
      <c r="N723346" s="10"/>
    </row>
    <row r="723347" spans="14:14">
      <c r="N723347" s="10"/>
    </row>
    <row r="723348" spans="14:14">
      <c r="N723348" s="10"/>
    </row>
    <row r="723349" spans="14:14">
      <c r="N723349" s="10"/>
    </row>
    <row r="723350" spans="14:14">
      <c r="N723350" s="10"/>
    </row>
    <row r="723351" spans="14:14">
      <c r="N723351" s="10"/>
    </row>
    <row r="723352" spans="14:14">
      <c r="N723352" s="10"/>
    </row>
    <row r="723353" spans="14:14">
      <c r="N723353" s="10"/>
    </row>
    <row r="723354" spans="14:14">
      <c r="N723354" s="10"/>
    </row>
    <row r="723355" spans="14:14">
      <c r="N723355" s="10"/>
    </row>
    <row r="723356" spans="14:14">
      <c r="N723356" s="10"/>
    </row>
    <row r="723357" spans="14:14">
      <c r="N723357" s="10"/>
    </row>
    <row r="723358" spans="14:14">
      <c r="N723358" s="10"/>
    </row>
    <row r="723359" spans="14:14">
      <c r="N723359" s="10"/>
    </row>
    <row r="723360" spans="14:14">
      <c r="N723360" s="10"/>
    </row>
    <row r="723361" spans="14:14">
      <c r="N723361" s="10"/>
    </row>
    <row r="723362" spans="14:14">
      <c r="N723362" s="10"/>
    </row>
    <row r="723363" spans="14:14">
      <c r="N723363" s="10"/>
    </row>
    <row r="723364" spans="14:14">
      <c r="N723364" s="10"/>
    </row>
    <row r="723365" spans="14:14">
      <c r="N723365" s="10"/>
    </row>
    <row r="723366" spans="14:14">
      <c r="N723366" s="10"/>
    </row>
    <row r="723367" spans="14:14">
      <c r="N723367" s="10"/>
    </row>
    <row r="723368" spans="14:14">
      <c r="N723368" s="10"/>
    </row>
    <row r="723369" spans="14:14">
      <c r="N723369" s="10"/>
    </row>
    <row r="723370" spans="14:14">
      <c r="N723370" s="10"/>
    </row>
    <row r="723371" spans="14:14">
      <c r="N723371" s="10"/>
    </row>
    <row r="723372" spans="14:14">
      <c r="N723372" s="10"/>
    </row>
    <row r="723373" spans="14:14">
      <c r="N723373" s="10"/>
    </row>
    <row r="723374" spans="14:14">
      <c r="N723374" s="10"/>
    </row>
    <row r="723375" spans="14:14">
      <c r="N723375" s="10"/>
    </row>
    <row r="723376" spans="14:14">
      <c r="N723376" s="10"/>
    </row>
    <row r="723377" spans="14:14">
      <c r="N723377" s="10"/>
    </row>
    <row r="723378" spans="14:14">
      <c r="N723378" s="10"/>
    </row>
    <row r="723379" spans="14:14">
      <c r="N723379" s="10"/>
    </row>
    <row r="723380" spans="14:14">
      <c r="N723380" s="10"/>
    </row>
    <row r="723381" spans="14:14">
      <c r="N723381" s="10"/>
    </row>
    <row r="723382" spans="14:14">
      <c r="N723382" s="10"/>
    </row>
    <row r="723383" spans="14:14">
      <c r="N723383" s="10"/>
    </row>
    <row r="723384" spans="14:14">
      <c r="N723384" s="10"/>
    </row>
    <row r="723385" spans="14:14">
      <c r="N723385" s="10"/>
    </row>
    <row r="723386" spans="14:14">
      <c r="N723386" s="10"/>
    </row>
    <row r="723387" spans="14:14">
      <c r="N723387" s="10"/>
    </row>
    <row r="723388" spans="14:14">
      <c r="N723388" s="10"/>
    </row>
    <row r="723389" spans="14:14">
      <c r="N723389" s="10"/>
    </row>
    <row r="723390" spans="14:14">
      <c r="N723390" s="10"/>
    </row>
    <row r="723391" spans="14:14">
      <c r="N723391" s="10"/>
    </row>
    <row r="723392" spans="14:14">
      <c r="N723392" s="10"/>
    </row>
    <row r="723393" spans="14:14">
      <c r="N723393" s="10"/>
    </row>
    <row r="723394" spans="14:14">
      <c r="N723394" s="10"/>
    </row>
    <row r="723395" spans="14:14">
      <c r="N723395" s="10"/>
    </row>
    <row r="723396" spans="14:14">
      <c r="N723396" s="10"/>
    </row>
    <row r="723397" spans="14:14">
      <c r="N723397" s="10"/>
    </row>
    <row r="723398" spans="14:14">
      <c r="N723398" s="10"/>
    </row>
    <row r="723399" spans="14:14">
      <c r="N723399" s="10"/>
    </row>
    <row r="723400" spans="14:14">
      <c r="N723400" s="10"/>
    </row>
    <row r="723401" spans="14:14">
      <c r="N723401" s="10"/>
    </row>
    <row r="723402" spans="14:14">
      <c r="N723402" s="10"/>
    </row>
    <row r="723403" spans="14:14">
      <c r="N723403" s="10"/>
    </row>
    <row r="723404" spans="14:14">
      <c r="N723404" s="10"/>
    </row>
    <row r="723405" spans="14:14">
      <c r="N723405" s="10"/>
    </row>
    <row r="723406" spans="14:14">
      <c r="N723406" s="10"/>
    </row>
    <row r="723407" spans="14:14">
      <c r="N723407" s="10"/>
    </row>
    <row r="723408" spans="14:14">
      <c r="N723408" s="10"/>
    </row>
    <row r="723409" spans="14:14">
      <c r="N723409" s="10"/>
    </row>
    <row r="723410" spans="14:14">
      <c r="N723410" s="10"/>
    </row>
    <row r="723411" spans="14:14">
      <c r="N723411" s="10"/>
    </row>
    <row r="723412" spans="14:14">
      <c r="N723412" s="10"/>
    </row>
    <row r="723413" spans="14:14">
      <c r="N723413" s="10"/>
    </row>
    <row r="723414" spans="14:14">
      <c r="N723414" s="10"/>
    </row>
    <row r="723415" spans="14:14">
      <c r="N723415" s="10"/>
    </row>
    <row r="723416" spans="14:14">
      <c r="N723416" s="10"/>
    </row>
    <row r="723417" spans="14:14">
      <c r="N723417" s="10"/>
    </row>
    <row r="723418" spans="14:14">
      <c r="N723418" s="10"/>
    </row>
    <row r="723419" spans="14:14">
      <c r="N723419" s="10"/>
    </row>
    <row r="723420" spans="14:14">
      <c r="N723420" s="10"/>
    </row>
    <row r="723421" spans="14:14">
      <c r="N723421" s="10"/>
    </row>
    <row r="723422" spans="14:14">
      <c r="N723422" s="10"/>
    </row>
    <row r="723423" spans="14:14">
      <c r="N723423" s="10"/>
    </row>
    <row r="723424" spans="14:14">
      <c r="N723424" s="10"/>
    </row>
    <row r="723425" spans="14:14">
      <c r="N723425" s="10"/>
    </row>
    <row r="723426" spans="14:14">
      <c r="N723426" s="10"/>
    </row>
    <row r="723427" spans="14:14">
      <c r="N723427" s="10"/>
    </row>
    <row r="723428" spans="14:14">
      <c r="N723428" s="10"/>
    </row>
    <row r="723429" spans="14:14">
      <c r="N723429" s="10"/>
    </row>
    <row r="723430" spans="14:14">
      <c r="N723430" s="10"/>
    </row>
    <row r="723431" spans="14:14">
      <c r="N723431" s="10"/>
    </row>
    <row r="723432" spans="14:14">
      <c r="N723432" s="10"/>
    </row>
    <row r="723433" spans="14:14">
      <c r="N723433" s="10"/>
    </row>
    <row r="723434" spans="14:14">
      <c r="N723434" s="10"/>
    </row>
    <row r="723435" spans="14:14">
      <c r="N723435" s="10"/>
    </row>
    <row r="723436" spans="14:14">
      <c r="N723436" s="10"/>
    </row>
    <row r="723437" spans="14:14">
      <c r="N723437" s="10"/>
    </row>
    <row r="723438" spans="14:14">
      <c r="N723438" s="10"/>
    </row>
    <row r="723439" spans="14:14">
      <c r="N723439" s="10"/>
    </row>
    <row r="723440" spans="14:14">
      <c r="N723440" s="10"/>
    </row>
    <row r="723441" spans="14:14">
      <c r="N723441" s="10"/>
    </row>
    <row r="723442" spans="14:14">
      <c r="N723442" s="10"/>
    </row>
    <row r="723443" spans="14:14">
      <c r="N723443" s="10"/>
    </row>
    <row r="723444" spans="14:14">
      <c r="N723444" s="10"/>
    </row>
    <row r="723445" spans="14:14">
      <c r="N723445" s="10"/>
    </row>
    <row r="723446" spans="14:14">
      <c r="N723446" s="10"/>
    </row>
    <row r="723447" spans="14:14">
      <c r="N723447" s="10"/>
    </row>
    <row r="723448" spans="14:14">
      <c r="N723448" s="10"/>
    </row>
    <row r="723449" spans="14:14">
      <c r="N723449" s="10"/>
    </row>
    <row r="723450" spans="14:14">
      <c r="N723450" s="10"/>
    </row>
    <row r="723451" spans="14:14">
      <c r="N723451" s="10"/>
    </row>
    <row r="723452" spans="14:14">
      <c r="N723452" s="10"/>
    </row>
    <row r="723453" spans="14:14">
      <c r="N723453" s="10"/>
    </row>
    <row r="723454" spans="14:14">
      <c r="N723454" s="10"/>
    </row>
    <row r="723455" spans="14:14">
      <c r="N723455" s="10"/>
    </row>
    <row r="723456" spans="14:14">
      <c r="N723456" s="10"/>
    </row>
    <row r="723457" spans="14:14">
      <c r="N723457" s="10"/>
    </row>
    <row r="723458" spans="14:14">
      <c r="N723458" s="10"/>
    </row>
    <row r="723459" spans="14:14">
      <c r="N723459" s="10"/>
    </row>
    <row r="723460" spans="14:14">
      <c r="N723460" s="10"/>
    </row>
    <row r="723461" spans="14:14">
      <c r="N723461" s="10"/>
    </row>
    <row r="723462" spans="14:14">
      <c r="N723462" s="10"/>
    </row>
    <row r="723463" spans="14:14">
      <c r="N723463" s="10"/>
    </row>
    <row r="723464" spans="14:14">
      <c r="N723464" s="10"/>
    </row>
    <row r="723465" spans="14:14">
      <c r="N723465" s="10"/>
    </row>
    <row r="723466" spans="14:14">
      <c r="N723466" s="10"/>
    </row>
    <row r="723467" spans="14:14">
      <c r="N723467" s="10"/>
    </row>
    <row r="723468" spans="14:14">
      <c r="N723468" s="10"/>
    </row>
    <row r="723469" spans="14:14">
      <c r="N723469" s="10"/>
    </row>
    <row r="723470" spans="14:14">
      <c r="N723470" s="10"/>
    </row>
    <row r="723471" spans="14:14">
      <c r="N723471" s="10"/>
    </row>
    <row r="723472" spans="14:14">
      <c r="N723472" s="10"/>
    </row>
    <row r="723473" spans="14:14">
      <c r="N723473" s="10"/>
    </row>
    <row r="723474" spans="14:14">
      <c r="N723474" s="10"/>
    </row>
    <row r="723475" spans="14:14">
      <c r="N723475" s="10"/>
    </row>
    <row r="723476" spans="14:14">
      <c r="N723476" s="10"/>
    </row>
    <row r="723477" spans="14:14">
      <c r="N723477" s="10"/>
    </row>
    <row r="723478" spans="14:14">
      <c r="N723478" s="10"/>
    </row>
    <row r="723479" spans="14:14">
      <c r="N723479" s="10"/>
    </row>
    <row r="723480" spans="14:14">
      <c r="N723480" s="10"/>
    </row>
    <row r="723481" spans="14:14">
      <c r="N723481" s="10"/>
    </row>
    <row r="723482" spans="14:14">
      <c r="N723482" s="10"/>
    </row>
    <row r="723483" spans="14:14">
      <c r="N723483" s="10"/>
    </row>
    <row r="723484" spans="14:14">
      <c r="N723484" s="10"/>
    </row>
    <row r="723485" spans="14:14">
      <c r="N723485" s="10"/>
    </row>
    <row r="723486" spans="14:14">
      <c r="N723486" s="10"/>
    </row>
    <row r="723487" spans="14:14">
      <c r="N723487" s="10"/>
    </row>
    <row r="723488" spans="14:14">
      <c r="N723488" s="10"/>
    </row>
    <row r="723489" spans="14:14">
      <c r="N723489" s="10"/>
    </row>
    <row r="723490" spans="14:14">
      <c r="N723490" s="10"/>
    </row>
    <row r="723491" spans="14:14">
      <c r="N723491" s="10"/>
    </row>
    <row r="723492" spans="14:14">
      <c r="N723492" s="10"/>
    </row>
    <row r="723493" spans="14:14">
      <c r="N723493" s="10"/>
    </row>
    <row r="723494" spans="14:14">
      <c r="N723494" s="10"/>
    </row>
    <row r="723495" spans="14:14">
      <c r="N723495" s="10"/>
    </row>
    <row r="723496" spans="14:14">
      <c r="N723496" s="10"/>
    </row>
    <row r="723497" spans="14:14">
      <c r="N723497" s="10"/>
    </row>
    <row r="723498" spans="14:14">
      <c r="N723498" s="10"/>
    </row>
    <row r="723499" spans="14:14">
      <c r="N723499" s="10"/>
    </row>
    <row r="723500" spans="14:14">
      <c r="N723500" s="10"/>
    </row>
    <row r="723501" spans="14:14">
      <c r="N723501" s="10"/>
    </row>
    <row r="723502" spans="14:14">
      <c r="N723502" s="10"/>
    </row>
    <row r="723503" spans="14:14">
      <c r="N723503" s="10"/>
    </row>
    <row r="723504" spans="14:14">
      <c r="N723504" s="10"/>
    </row>
    <row r="723505" spans="14:14">
      <c r="N723505" s="10"/>
    </row>
    <row r="723506" spans="14:14">
      <c r="N723506" s="10"/>
    </row>
    <row r="723507" spans="14:14">
      <c r="N723507" s="10"/>
    </row>
    <row r="723508" spans="14:14">
      <c r="N723508" s="10"/>
    </row>
    <row r="723509" spans="14:14">
      <c r="N723509" s="10"/>
    </row>
    <row r="723510" spans="14:14">
      <c r="N723510" s="10"/>
    </row>
    <row r="723511" spans="14:14">
      <c r="N723511" s="10"/>
    </row>
    <row r="723512" spans="14:14">
      <c r="N723512" s="10"/>
    </row>
    <row r="723513" spans="14:14">
      <c r="N723513" s="10"/>
    </row>
    <row r="723514" spans="14:14">
      <c r="N723514" s="10"/>
    </row>
    <row r="723515" spans="14:14">
      <c r="N723515" s="10"/>
    </row>
    <row r="723516" spans="14:14">
      <c r="N723516" s="10"/>
    </row>
    <row r="723517" spans="14:14">
      <c r="N723517" s="10"/>
    </row>
    <row r="723518" spans="14:14">
      <c r="N723518" s="10"/>
    </row>
    <row r="723519" spans="14:14">
      <c r="N723519" s="10"/>
    </row>
    <row r="723520" spans="14:14">
      <c r="N723520" s="10"/>
    </row>
    <row r="723521" spans="14:14">
      <c r="N723521" s="10"/>
    </row>
    <row r="723522" spans="14:14">
      <c r="N723522" s="10"/>
    </row>
    <row r="723523" spans="14:14">
      <c r="N723523" s="10"/>
    </row>
    <row r="723524" spans="14:14">
      <c r="N723524" s="10"/>
    </row>
    <row r="723525" spans="14:14">
      <c r="N723525" s="10"/>
    </row>
    <row r="723526" spans="14:14">
      <c r="N723526" s="10"/>
    </row>
    <row r="723527" spans="14:14">
      <c r="N723527" s="10"/>
    </row>
    <row r="723528" spans="14:14">
      <c r="N723528" s="10"/>
    </row>
    <row r="723529" spans="14:14">
      <c r="N723529" s="10"/>
    </row>
    <row r="723530" spans="14:14">
      <c r="N723530" s="10"/>
    </row>
    <row r="723531" spans="14:14">
      <c r="N723531" s="10"/>
    </row>
    <row r="723532" spans="14:14">
      <c r="N723532" s="10"/>
    </row>
    <row r="723533" spans="14:14">
      <c r="N723533" s="10"/>
    </row>
    <row r="723534" spans="14:14">
      <c r="N723534" s="10"/>
    </row>
    <row r="723535" spans="14:14">
      <c r="N723535" s="10"/>
    </row>
    <row r="723536" spans="14:14">
      <c r="N723536" s="10"/>
    </row>
    <row r="723537" spans="14:14">
      <c r="N723537" s="10"/>
    </row>
    <row r="723538" spans="14:14">
      <c r="N723538" s="10"/>
    </row>
    <row r="723539" spans="14:14">
      <c r="N723539" s="10"/>
    </row>
    <row r="723540" spans="14:14">
      <c r="N723540" s="10"/>
    </row>
    <row r="723541" spans="14:14">
      <c r="N723541" s="10"/>
    </row>
    <row r="723542" spans="14:14">
      <c r="N723542" s="10"/>
    </row>
    <row r="723543" spans="14:14">
      <c r="N723543" s="10"/>
    </row>
    <row r="723544" spans="14:14">
      <c r="N723544" s="10"/>
    </row>
    <row r="723545" spans="14:14">
      <c r="N723545" s="10"/>
    </row>
    <row r="723546" spans="14:14">
      <c r="N723546" s="10"/>
    </row>
    <row r="723547" spans="14:14">
      <c r="N723547" s="10"/>
    </row>
    <row r="723548" spans="14:14">
      <c r="N723548" s="10"/>
    </row>
    <row r="723549" spans="14:14">
      <c r="N723549" s="10"/>
    </row>
    <row r="723550" spans="14:14">
      <c r="N723550" s="10"/>
    </row>
    <row r="723551" spans="14:14">
      <c r="N723551" s="10"/>
    </row>
    <row r="723552" spans="14:14">
      <c r="N723552" s="10"/>
    </row>
    <row r="723553" spans="14:14">
      <c r="N723553" s="10"/>
    </row>
    <row r="723554" spans="14:14">
      <c r="N723554" s="10"/>
    </row>
    <row r="723555" spans="14:14">
      <c r="N723555" s="10"/>
    </row>
    <row r="723556" spans="14:14">
      <c r="N723556" s="10"/>
    </row>
    <row r="723557" spans="14:14">
      <c r="N723557" s="10"/>
    </row>
    <row r="723558" spans="14:14">
      <c r="N723558" s="10"/>
    </row>
    <row r="723559" spans="14:14">
      <c r="N723559" s="10"/>
    </row>
    <row r="723560" spans="14:14">
      <c r="N723560" s="10"/>
    </row>
    <row r="723561" spans="14:14">
      <c r="N723561" s="10"/>
    </row>
    <row r="723562" spans="14:14">
      <c r="N723562" s="10"/>
    </row>
    <row r="723563" spans="14:14">
      <c r="N723563" s="10"/>
    </row>
    <row r="723564" spans="14:14">
      <c r="N723564" s="10"/>
    </row>
    <row r="723565" spans="14:14">
      <c r="N723565" s="10"/>
    </row>
    <row r="723566" spans="14:14">
      <c r="N723566" s="10"/>
    </row>
    <row r="723567" spans="14:14">
      <c r="N723567" s="10"/>
    </row>
    <row r="723568" spans="14:14">
      <c r="N723568" s="10"/>
    </row>
    <row r="723569" spans="14:14">
      <c r="N723569" s="10"/>
    </row>
    <row r="723570" spans="14:14">
      <c r="N723570" s="10"/>
    </row>
    <row r="723571" spans="14:14">
      <c r="N723571" s="10"/>
    </row>
    <row r="723572" spans="14:14">
      <c r="N723572" s="10"/>
    </row>
    <row r="723573" spans="14:14">
      <c r="N723573" s="10"/>
    </row>
    <row r="723574" spans="14:14">
      <c r="N723574" s="10"/>
    </row>
    <row r="723575" spans="14:14">
      <c r="N723575" s="10"/>
    </row>
    <row r="723576" spans="14:14">
      <c r="N723576" s="10"/>
    </row>
    <row r="723577" spans="14:14">
      <c r="N723577" s="10"/>
    </row>
    <row r="723578" spans="14:14">
      <c r="N723578" s="10"/>
    </row>
    <row r="723579" spans="14:14">
      <c r="N723579" s="10"/>
    </row>
    <row r="723580" spans="14:14">
      <c r="N723580" s="10"/>
    </row>
    <row r="723581" spans="14:14">
      <c r="N723581" s="10"/>
    </row>
    <row r="723582" spans="14:14">
      <c r="N723582" s="10"/>
    </row>
    <row r="723583" spans="14:14">
      <c r="N723583" s="10"/>
    </row>
    <row r="723584" spans="14:14">
      <c r="N723584" s="10"/>
    </row>
    <row r="723585" spans="14:14">
      <c r="N723585" s="10"/>
    </row>
    <row r="723586" spans="14:14">
      <c r="N723586" s="10"/>
    </row>
    <row r="723587" spans="14:14">
      <c r="N723587" s="10"/>
    </row>
    <row r="723588" spans="14:14">
      <c r="N723588" s="10"/>
    </row>
    <row r="723589" spans="14:14">
      <c r="N723589" s="10"/>
    </row>
    <row r="723590" spans="14:14">
      <c r="N723590" s="10"/>
    </row>
    <row r="723591" spans="14:14">
      <c r="N723591" s="10"/>
    </row>
    <row r="723592" spans="14:14">
      <c r="N723592" s="10"/>
    </row>
    <row r="723593" spans="14:14">
      <c r="N723593" s="10"/>
    </row>
    <row r="723594" spans="14:14">
      <c r="N723594" s="10"/>
    </row>
    <row r="723595" spans="14:14">
      <c r="N723595" s="10"/>
    </row>
    <row r="723596" spans="14:14">
      <c r="N723596" s="10"/>
    </row>
    <row r="723597" spans="14:14">
      <c r="N723597" s="10"/>
    </row>
    <row r="723598" spans="14:14">
      <c r="N723598" s="10"/>
    </row>
    <row r="723599" spans="14:14">
      <c r="N723599" s="10"/>
    </row>
    <row r="723600" spans="14:14">
      <c r="N723600" s="10"/>
    </row>
    <row r="723601" spans="14:14">
      <c r="N723601" s="10"/>
    </row>
    <row r="723602" spans="14:14">
      <c r="N723602" s="10"/>
    </row>
    <row r="723603" spans="14:14">
      <c r="N723603" s="10"/>
    </row>
    <row r="723604" spans="14:14">
      <c r="N723604" s="10"/>
    </row>
    <row r="723605" spans="14:14">
      <c r="N723605" s="10"/>
    </row>
    <row r="723606" spans="14:14">
      <c r="N723606" s="10"/>
    </row>
    <row r="723607" spans="14:14">
      <c r="N723607" s="10"/>
    </row>
    <row r="723608" spans="14:14">
      <c r="N723608" s="10"/>
    </row>
    <row r="723609" spans="14:14">
      <c r="N723609" s="10"/>
    </row>
    <row r="723610" spans="14:14">
      <c r="N723610" s="10"/>
    </row>
    <row r="723611" spans="14:14">
      <c r="N723611" s="10"/>
    </row>
    <row r="723612" spans="14:14">
      <c r="N723612" s="10"/>
    </row>
    <row r="723613" spans="14:14">
      <c r="N723613" s="10"/>
    </row>
    <row r="723614" spans="14:14">
      <c r="N723614" s="10"/>
    </row>
    <row r="723615" spans="14:14">
      <c r="N723615" s="10"/>
    </row>
    <row r="723616" spans="14:14">
      <c r="N723616" s="10"/>
    </row>
    <row r="723617" spans="14:14">
      <c r="N723617" s="10"/>
    </row>
    <row r="723618" spans="14:14">
      <c r="N723618" s="10"/>
    </row>
    <row r="723619" spans="14:14">
      <c r="N723619" s="10"/>
    </row>
    <row r="723620" spans="14:14">
      <c r="N723620" s="10"/>
    </row>
    <row r="723621" spans="14:14">
      <c r="N723621" s="10"/>
    </row>
    <row r="723622" spans="14:14">
      <c r="N723622" s="10"/>
    </row>
    <row r="723623" spans="14:14">
      <c r="N723623" s="10"/>
    </row>
    <row r="723624" spans="14:14">
      <c r="N723624" s="10"/>
    </row>
    <row r="723625" spans="14:14">
      <c r="N723625" s="10"/>
    </row>
    <row r="723626" spans="14:14">
      <c r="N723626" s="10"/>
    </row>
    <row r="723627" spans="14:14">
      <c r="N723627" s="10"/>
    </row>
    <row r="723628" spans="14:14">
      <c r="N723628" s="10"/>
    </row>
    <row r="723629" spans="14:14">
      <c r="N723629" s="10"/>
    </row>
    <row r="723630" spans="14:14">
      <c r="N723630" s="10"/>
    </row>
    <row r="723631" spans="14:14">
      <c r="N723631" s="10"/>
    </row>
    <row r="723632" spans="14:14">
      <c r="N723632" s="10"/>
    </row>
    <row r="723633" spans="14:14">
      <c r="N723633" s="10"/>
    </row>
    <row r="723634" spans="14:14">
      <c r="N723634" s="10"/>
    </row>
    <row r="723635" spans="14:14">
      <c r="N723635" s="10"/>
    </row>
    <row r="723636" spans="14:14">
      <c r="N723636" s="10"/>
    </row>
    <row r="723637" spans="14:14">
      <c r="N723637" s="10"/>
    </row>
    <row r="723638" spans="14:14">
      <c r="N723638" s="10"/>
    </row>
    <row r="723639" spans="14:14">
      <c r="N723639" s="10"/>
    </row>
    <row r="723640" spans="14:14">
      <c r="N723640" s="10"/>
    </row>
    <row r="723641" spans="14:14">
      <c r="N723641" s="10"/>
    </row>
    <row r="723642" spans="14:14">
      <c r="N723642" s="10"/>
    </row>
    <row r="723643" spans="14:14">
      <c r="N723643" s="10"/>
    </row>
    <row r="723644" spans="14:14">
      <c r="N723644" s="10"/>
    </row>
    <row r="723645" spans="14:14">
      <c r="N723645" s="10"/>
    </row>
    <row r="723646" spans="14:14">
      <c r="N723646" s="10"/>
    </row>
    <row r="723647" spans="14:14">
      <c r="N723647" s="10"/>
    </row>
    <row r="723648" spans="14:14">
      <c r="N723648" s="10"/>
    </row>
    <row r="723649" spans="14:14">
      <c r="N723649" s="10"/>
    </row>
    <row r="723650" spans="14:14">
      <c r="N723650" s="10"/>
    </row>
    <row r="723651" spans="14:14">
      <c r="N723651" s="10"/>
    </row>
    <row r="723652" spans="14:14">
      <c r="N723652" s="10"/>
    </row>
    <row r="723653" spans="14:14">
      <c r="N723653" s="10"/>
    </row>
    <row r="723654" spans="14:14">
      <c r="N723654" s="10"/>
    </row>
    <row r="723655" spans="14:14">
      <c r="N723655" s="10"/>
    </row>
    <row r="723656" spans="14:14">
      <c r="N723656" s="10"/>
    </row>
    <row r="723657" spans="14:14">
      <c r="N723657" s="10"/>
    </row>
    <row r="723658" spans="14:14">
      <c r="N723658" s="10"/>
    </row>
    <row r="723659" spans="14:14">
      <c r="N723659" s="10"/>
    </row>
    <row r="723660" spans="14:14">
      <c r="N723660" s="10"/>
    </row>
    <row r="723661" spans="14:14">
      <c r="N723661" s="10"/>
    </row>
    <row r="723662" spans="14:14">
      <c r="N723662" s="10"/>
    </row>
    <row r="723663" spans="14:14">
      <c r="N723663" s="10"/>
    </row>
    <row r="723664" spans="14:14">
      <c r="N723664" s="10"/>
    </row>
    <row r="723665" spans="14:14">
      <c r="N723665" s="10"/>
    </row>
    <row r="723666" spans="14:14">
      <c r="N723666" s="10"/>
    </row>
    <row r="723667" spans="14:14">
      <c r="N723667" s="10"/>
    </row>
    <row r="723668" spans="14:14">
      <c r="N723668" s="10"/>
    </row>
    <row r="723669" spans="14:14">
      <c r="N723669" s="10"/>
    </row>
    <row r="723670" spans="14:14">
      <c r="N723670" s="10"/>
    </row>
    <row r="723671" spans="14:14">
      <c r="N723671" s="10"/>
    </row>
    <row r="723672" spans="14:14">
      <c r="N723672" s="10"/>
    </row>
    <row r="723673" spans="14:14">
      <c r="N723673" s="10"/>
    </row>
    <row r="723674" spans="14:14">
      <c r="N723674" s="10"/>
    </row>
    <row r="723675" spans="14:14">
      <c r="N723675" s="10"/>
    </row>
    <row r="723676" spans="14:14">
      <c r="N723676" s="10"/>
    </row>
    <row r="723677" spans="14:14">
      <c r="N723677" s="10"/>
    </row>
    <row r="723678" spans="14:14">
      <c r="N723678" s="10"/>
    </row>
    <row r="723679" spans="14:14">
      <c r="N723679" s="10"/>
    </row>
    <row r="723680" spans="14:14">
      <c r="N723680" s="10"/>
    </row>
    <row r="723681" spans="14:14">
      <c r="N723681" s="10"/>
    </row>
    <row r="723682" spans="14:14">
      <c r="N723682" s="10"/>
    </row>
    <row r="723683" spans="14:14">
      <c r="N723683" s="10"/>
    </row>
    <row r="723684" spans="14:14">
      <c r="N723684" s="10"/>
    </row>
    <row r="723685" spans="14:14">
      <c r="N723685" s="10"/>
    </row>
    <row r="723686" spans="14:14">
      <c r="N723686" s="10"/>
    </row>
    <row r="723687" spans="14:14">
      <c r="N723687" s="10"/>
    </row>
    <row r="723688" spans="14:14">
      <c r="N723688" s="10"/>
    </row>
    <row r="723689" spans="14:14">
      <c r="N723689" s="10"/>
    </row>
    <row r="723690" spans="14:14">
      <c r="N723690" s="10"/>
    </row>
    <row r="723691" spans="14:14">
      <c r="N723691" s="10"/>
    </row>
    <row r="723692" spans="14:14">
      <c r="N723692" s="10"/>
    </row>
    <row r="723693" spans="14:14">
      <c r="N723693" s="10"/>
    </row>
    <row r="723694" spans="14:14">
      <c r="N723694" s="10"/>
    </row>
    <row r="723695" spans="14:14">
      <c r="N723695" s="10"/>
    </row>
    <row r="723696" spans="14:14">
      <c r="N723696" s="10"/>
    </row>
    <row r="723697" spans="14:14">
      <c r="N723697" s="10"/>
    </row>
    <row r="723698" spans="14:14">
      <c r="N723698" s="10"/>
    </row>
    <row r="723699" spans="14:14">
      <c r="N723699" s="10"/>
    </row>
    <row r="723700" spans="14:14">
      <c r="N723700" s="10"/>
    </row>
    <row r="723701" spans="14:14">
      <c r="N723701" s="10"/>
    </row>
    <row r="723702" spans="14:14">
      <c r="N723702" s="10"/>
    </row>
    <row r="723703" spans="14:14">
      <c r="N723703" s="10"/>
    </row>
    <row r="723704" spans="14:14">
      <c r="N723704" s="10"/>
    </row>
    <row r="723705" spans="14:14">
      <c r="N723705" s="10"/>
    </row>
    <row r="723706" spans="14:14">
      <c r="N723706" s="10"/>
    </row>
    <row r="723707" spans="14:14">
      <c r="N723707" s="10"/>
    </row>
    <row r="723708" spans="14:14">
      <c r="N723708" s="10"/>
    </row>
    <row r="723709" spans="14:14">
      <c r="N723709" s="10"/>
    </row>
    <row r="723710" spans="14:14">
      <c r="N723710" s="10"/>
    </row>
    <row r="723711" spans="14:14">
      <c r="N723711" s="10"/>
    </row>
    <row r="723712" spans="14:14">
      <c r="N723712" s="10"/>
    </row>
    <row r="723713" spans="14:14">
      <c r="N723713" s="10"/>
    </row>
    <row r="723714" spans="14:14">
      <c r="N723714" s="10"/>
    </row>
    <row r="723715" spans="14:14">
      <c r="N723715" s="10"/>
    </row>
    <row r="723716" spans="14:14">
      <c r="N723716" s="10"/>
    </row>
    <row r="723717" spans="14:14">
      <c r="N723717" s="10"/>
    </row>
    <row r="723718" spans="14:14">
      <c r="N723718" s="10"/>
    </row>
    <row r="723719" spans="14:14">
      <c r="N723719" s="10"/>
    </row>
    <row r="723720" spans="14:14">
      <c r="N723720" s="10"/>
    </row>
    <row r="723721" spans="14:14">
      <c r="N723721" s="10"/>
    </row>
    <row r="723722" spans="14:14">
      <c r="N723722" s="10"/>
    </row>
    <row r="723723" spans="14:14">
      <c r="N723723" s="10"/>
    </row>
    <row r="723724" spans="14:14">
      <c r="N723724" s="10"/>
    </row>
    <row r="723725" spans="14:14">
      <c r="N723725" s="10"/>
    </row>
    <row r="723726" spans="14:14">
      <c r="N723726" s="10"/>
    </row>
    <row r="723727" spans="14:14">
      <c r="N723727" s="10"/>
    </row>
    <row r="723728" spans="14:14">
      <c r="N723728" s="10"/>
    </row>
    <row r="723729" spans="14:14">
      <c r="N723729" s="10"/>
    </row>
    <row r="723730" spans="14:14">
      <c r="N723730" s="10"/>
    </row>
    <row r="723731" spans="14:14">
      <c r="N723731" s="10"/>
    </row>
    <row r="723732" spans="14:14">
      <c r="N723732" s="10"/>
    </row>
    <row r="723733" spans="14:14">
      <c r="N723733" s="10"/>
    </row>
    <row r="723734" spans="14:14">
      <c r="N723734" s="10"/>
    </row>
    <row r="723735" spans="14:14">
      <c r="N723735" s="10"/>
    </row>
    <row r="723736" spans="14:14">
      <c r="N723736" s="10"/>
    </row>
    <row r="723737" spans="14:14">
      <c r="N723737" s="10"/>
    </row>
    <row r="723738" spans="14:14">
      <c r="N723738" s="10"/>
    </row>
    <row r="723739" spans="14:14">
      <c r="N723739" s="10"/>
    </row>
    <row r="723740" spans="14:14">
      <c r="N723740" s="10"/>
    </row>
    <row r="723741" spans="14:14">
      <c r="N723741" s="10"/>
    </row>
    <row r="723742" spans="14:14">
      <c r="N723742" s="10"/>
    </row>
    <row r="723743" spans="14:14">
      <c r="N723743" s="10"/>
    </row>
    <row r="723744" spans="14:14">
      <c r="N723744" s="10"/>
    </row>
    <row r="723745" spans="14:14">
      <c r="N723745" s="10"/>
    </row>
    <row r="723746" spans="14:14">
      <c r="N723746" s="10"/>
    </row>
    <row r="723747" spans="14:14">
      <c r="N723747" s="10"/>
    </row>
    <row r="723748" spans="14:14">
      <c r="N723748" s="10"/>
    </row>
    <row r="723749" spans="14:14">
      <c r="N723749" s="10"/>
    </row>
    <row r="723750" spans="14:14">
      <c r="N723750" s="10"/>
    </row>
    <row r="723751" spans="14:14">
      <c r="N723751" s="10"/>
    </row>
    <row r="723752" spans="14:14">
      <c r="N723752" s="10"/>
    </row>
    <row r="723753" spans="14:14">
      <c r="N723753" s="10"/>
    </row>
    <row r="723754" spans="14:14">
      <c r="N723754" s="10"/>
    </row>
    <row r="723755" spans="14:14">
      <c r="N723755" s="10"/>
    </row>
    <row r="723756" spans="14:14">
      <c r="N723756" s="10"/>
    </row>
    <row r="723757" spans="14:14">
      <c r="N723757" s="10"/>
    </row>
    <row r="723758" spans="14:14">
      <c r="N723758" s="10"/>
    </row>
    <row r="723759" spans="14:14">
      <c r="N723759" s="10"/>
    </row>
    <row r="723760" spans="14:14">
      <c r="N723760" s="10"/>
    </row>
    <row r="723761" spans="14:14">
      <c r="N723761" s="10"/>
    </row>
    <row r="723762" spans="14:14">
      <c r="N723762" s="10"/>
    </row>
    <row r="723763" spans="14:14">
      <c r="N723763" s="10"/>
    </row>
    <row r="723764" spans="14:14">
      <c r="N723764" s="10"/>
    </row>
    <row r="723765" spans="14:14">
      <c r="N723765" s="10"/>
    </row>
    <row r="723766" spans="14:14">
      <c r="N723766" s="10"/>
    </row>
    <row r="723767" spans="14:14">
      <c r="N723767" s="10"/>
    </row>
    <row r="723768" spans="14:14">
      <c r="N723768" s="10"/>
    </row>
    <row r="723769" spans="14:14">
      <c r="N723769" s="10"/>
    </row>
    <row r="723770" spans="14:14">
      <c r="N723770" s="10"/>
    </row>
    <row r="723771" spans="14:14">
      <c r="N723771" s="10"/>
    </row>
    <row r="723772" spans="14:14">
      <c r="N723772" s="10"/>
    </row>
    <row r="723773" spans="14:14">
      <c r="N723773" s="10"/>
    </row>
    <row r="723774" spans="14:14">
      <c r="N723774" s="10"/>
    </row>
    <row r="723775" spans="14:14">
      <c r="N723775" s="10"/>
    </row>
    <row r="723776" spans="14:14">
      <c r="N723776" s="10"/>
    </row>
    <row r="723777" spans="14:14">
      <c r="N723777" s="10"/>
    </row>
    <row r="723778" spans="14:14">
      <c r="N723778" s="10"/>
    </row>
    <row r="723779" spans="14:14">
      <c r="N723779" s="10"/>
    </row>
    <row r="723780" spans="14:14">
      <c r="N723780" s="10"/>
    </row>
    <row r="723781" spans="14:14">
      <c r="N723781" s="10"/>
    </row>
    <row r="723782" spans="14:14">
      <c r="N723782" s="10"/>
    </row>
    <row r="723783" spans="14:14">
      <c r="N723783" s="10"/>
    </row>
    <row r="723784" spans="14:14">
      <c r="N723784" s="10"/>
    </row>
    <row r="723785" spans="14:14">
      <c r="N723785" s="10"/>
    </row>
    <row r="723786" spans="14:14">
      <c r="N723786" s="10"/>
    </row>
    <row r="723787" spans="14:14">
      <c r="N723787" s="10"/>
    </row>
    <row r="723788" spans="14:14">
      <c r="N723788" s="10"/>
    </row>
    <row r="723789" spans="14:14">
      <c r="N723789" s="10"/>
    </row>
    <row r="723790" spans="14:14">
      <c r="N723790" s="10"/>
    </row>
    <row r="723791" spans="14:14">
      <c r="N723791" s="10"/>
    </row>
    <row r="723792" spans="14:14">
      <c r="N723792" s="10"/>
    </row>
    <row r="723793" spans="14:14">
      <c r="N723793" s="10"/>
    </row>
    <row r="723794" spans="14:14">
      <c r="N723794" s="10"/>
    </row>
    <row r="723795" spans="14:14">
      <c r="N723795" s="10"/>
    </row>
    <row r="723796" spans="14:14">
      <c r="N723796" s="10"/>
    </row>
    <row r="723797" spans="14:14">
      <c r="N723797" s="10"/>
    </row>
    <row r="723798" spans="14:14">
      <c r="N723798" s="10"/>
    </row>
    <row r="723799" spans="14:14">
      <c r="N723799" s="10"/>
    </row>
    <row r="723800" spans="14:14">
      <c r="N723800" s="10"/>
    </row>
    <row r="723801" spans="14:14">
      <c r="N723801" s="10"/>
    </row>
    <row r="723802" spans="14:14">
      <c r="N723802" s="10"/>
    </row>
    <row r="723803" spans="14:14">
      <c r="N723803" s="10"/>
    </row>
    <row r="723804" spans="14:14">
      <c r="N723804" s="10"/>
    </row>
    <row r="723805" spans="14:14">
      <c r="N723805" s="10"/>
    </row>
    <row r="723806" spans="14:14">
      <c r="N723806" s="10"/>
    </row>
    <row r="723807" spans="14:14">
      <c r="N723807" s="10"/>
    </row>
    <row r="723808" spans="14:14">
      <c r="N723808" s="10"/>
    </row>
    <row r="723809" spans="14:14">
      <c r="N723809" s="10"/>
    </row>
    <row r="723810" spans="14:14">
      <c r="N723810" s="10"/>
    </row>
    <row r="723811" spans="14:14">
      <c r="N723811" s="10"/>
    </row>
    <row r="723812" spans="14:14">
      <c r="N723812" s="10"/>
    </row>
    <row r="723813" spans="14:14">
      <c r="N723813" s="10"/>
    </row>
    <row r="723814" spans="14:14">
      <c r="N723814" s="10"/>
    </row>
    <row r="723815" spans="14:14">
      <c r="N723815" s="10"/>
    </row>
    <row r="723816" spans="14:14">
      <c r="N723816" s="10"/>
    </row>
    <row r="723817" spans="14:14">
      <c r="N723817" s="10"/>
    </row>
    <row r="723818" spans="14:14">
      <c r="N723818" s="10"/>
    </row>
    <row r="723819" spans="14:14">
      <c r="N723819" s="10"/>
    </row>
    <row r="723820" spans="14:14">
      <c r="N723820" s="10"/>
    </row>
    <row r="723821" spans="14:14">
      <c r="N723821" s="10"/>
    </row>
    <row r="723822" spans="14:14">
      <c r="N723822" s="10"/>
    </row>
    <row r="723823" spans="14:14">
      <c r="N723823" s="10"/>
    </row>
    <row r="723824" spans="14:14">
      <c r="N723824" s="10"/>
    </row>
    <row r="723825" spans="14:14">
      <c r="N723825" s="10"/>
    </row>
    <row r="723826" spans="14:14">
      <c r="N723826" s="10"/>
    </row>
    <row r="723827" spans="14:14">
      <c r="N723827" s="10"/>
    </row>
    <row r="723828" spans="14:14">
      <c r="N723828" s="10"/>
    </row>
    <row r="723829" spans="14:14">
      <c r="N723829" s="10"/>
    </row>
    <row r="723830" spans="14:14">
      <c r="N723830" s="10"/>
    </row>
    <row r="723831" spans="14:14">
      <c r="N723831" s="10"/>
    </row>
    <row r="723832" spans="14:14">
      <c r="N723832" s="10"/>
    </row>
    <row r="723833" spans="14:14">
      <c r="N723833" s="10"/>
    </row>
    <row r="723834" spans="14:14">
      <c r="N723834" s="10"/>
    </row>
    <row r="723835" spans="14:14">
      <c r="N723835" s="10"/>
    </row>
    <row r="723836" spans="14:14">
      <c r="N723836" s="10"/>
    </row>
    <row r="723837" spans="14:14">
      <c r="N723837" s="10"/>
    </row>
    <row r="723838" spans="14:14">
      <c r="N723838" s="10"/>
    </row>
    <row r="723839" spans="14:14">
      <c r="N723839" s="10"/>
    </row>
    <row r="723840" spans="14:14">
      <c r="N723840" s="10"/>
    </row>
    <row r="723841" spans="14:14">
      <c r="N723841" s="10"/>
    </row>
    <row r="723842" spans="14:14">
      <c r="N723842" s="10"/>
    </row>
    <row r="723843" spans="14:14">
      <c r="N723843" s="10"/>
    </row>
    <row r="723844" spans="14:14">
      <c r="N723844" s="10"/>
    </row>
    <row r="723845" spans="14:14">
      <c r="N723845" s="10"/>
    </row>
    <row r="723846" spans="14:14">
      <c r="N723846" s="10"/>
    </row>
    <row r="723847" spans="14:14">
      <c r="N723847" s="10"/>
    </row>
    <row r="723848" spans="14:14">
      <c r="N723848" s="10"/>
    </row>
    <row r="723849" spans="14:14">
      <c r="N723849" s="10"/>
    </row>
    <row r="723850" spans="14:14">
      <c r="N723850" s="10"/>
    </row>
    <row r="723851" spans="14:14">
      <c r="N723851" s="10"/>
    </row>
    <row r="723852" spans="14:14">
      <c r="N723852" s="10"/>
    </row>
    <row r="723853" spans="14:14">
      <c r="N723853" s="10"/>
    </row>
    <row r="723854" spans="14:14">
      <c r="N723854" s="10"/>
    </row>
    <row r="723855" spans="14:14">
      <c r="N723855" s="10"/>
    </row>
    <row r="723856" spans="14:14">
      <c r="N723856" s="10"/>
    </row>
    <row r="723857" spans="14:14">
      <c r="N723857" s="10"/>
    </row>
    <row r="723858" spans="14:14">
      <c r="N723858" s="10"/>
    </row>
    <row r="723859" spans="14:14">
      <c r="N723859" s="10"/>
    </row>
    <row r="723860" spans="14:14">
      <c r="N723860" s="10"/>
    </row>
    <row r="723861" spans="14:14">
      <c r="N723861" s="10"/>
    </row>
    <row r="723862" spans="14:14">
      <c r="N723862" s="10"/>
    </row>
    <row r="723863" spans="14:14">
      <c r="N723863" s="10"/>
    </row>
    <row r="723864" spans="14:14">
      <c r="N723864" s="10"/>
    </row>
    <row r="723865" spans="14:14">
      <c r="N723865" s="10"/>
    </row>
    <row r="723866" spans="14:14">
      <c r="N723866" s="10"/>
    </row>
    <row r="723867" spans="14:14">
      <c r="N723867" s="10"/>
    </row>
    <row r="723868" spans="14:14">
      <c r="N723868" s="10"/>
    </row>
    <row r="723869" spans="14:14">
      <c r="N723869" s="10"/>
    </row>
    <row r="723870" spans="14:14">
      <c r="N723870" s="10"/>
    </row>
    <row r="723871" spans="14:14">
      <c r="N723871" s="10"/>
    </row>
    <row r="723872" spans="14:14">
      <c r="N723872" s="10"/>
    </row>
    <row r="723873" spans="14:14">
      <c r="N723873" s="10"/>
    </row>
    <row r="723874" spans="14:14">
      <c r="N723874" s="10"/>
    </row>
    <row r="723875" spans="14:14">
      <c r="N723875" s="10"/>
    </row>
    <row r="723876" spans="14:14">
      <c r="N723876" s="10"/>
    </row>
    <row r="723877" spans="14:14">
      <c r="N723877" s="10"/>
    </row>
    <row r="723878" spans="14:14">
      <c r="N723878" s="10"/>
    </row>
    <row r="723879" spans="14:14">
      <c r="N723879" s="10"/>
    </row>
    <row r="723880" spans="14:14">
      <c r="N723880" s="10"/>
    </row>
    <row r="723881" spans="14:14">
      <c r="N723881" s="10"/>
    </row>
    <row r="723882" spans="14:14">
      <c r="N723882" s="10"/>
    </row>
    <row r="723883" spans="14:14">
      <c r="N723883" s="10"/>
    </row>
    <row r="723884" spans="14:14">
      <c r="N723884" s="10"/>
    </row>
    <row r="723885" spans="14:14">
      <c r="N723885" s="10"/>
    </row>
    <row r="723886" spans="14:14">
      <c r="N723886" s="10"/>
    </row>
    <row r="723887" spans="14:14">
      <c r="N723887" s="10"/>
    </row>
    <row r="723888" spans="14:14">
      <c r="N723888" s="10"/>
    </row>
    <row r="723889" spans="14:14">
      <c r="N723889" s="10"/>
    </row>
    <row r="723890" spans="14:14">
      <c r="N723890" s="10"/>
    </row>
    <row r="723891" spans="14:14">
      <c r="N723891" s="10"/>
    </row>
    <row r="723892" spans="14:14">
      <c r="N723892" s="10"/>
    </row>
    <row r="723893" spans="14:14">
      <c r="N723893" s="10"/>
    </row>
    <row r="723894" spans="14:14">
      <c r="N723894" s="10"/>
    </row>
    <row r="723895" spans="14:14">
      <c r="N723895" s="10"/>
    </row>
    <row r="723896" spans="14:14">
      <c r="N723896" s="10"/>
    </row>
    <row r="723897" spans="14:14">
      <c r="N723897" s="10"/>
    </row>
    <row r="723898" spans="14:14">
      <c r="N723898" s="10"/>
    </row>
    <row r="723899" spans="14:14">
      <c r="N723899" s="10"/>
    </row>
    <row r="723900" spans="14:14">
      <c r="N723900" s="10"/>
    </row>
    <row r="723901" spans="14:14">
      <c r="N723901" s="10"/>
    </row>
    <row r="723902" spans="14:14">
      <c r="N723902" s="10"/>
    </row>
    <row r="723903" spans="14:14">
      <c r="N723903" s="10"/>
    </row>
    <row r="723904" spans="14:14">
      <c r="N723904" s="10"/>
    </row>
    <row r="723905" spans="14:14">
      <c r="N723905" s="10"/>
    </row>
    <row r="723906" spans="14:14">
      <c r="N723906" s="10"/>
    </row>
    <row r="723907" spans="14:14">
      <c r="N723907" s="10"/>
    </row>
    <row r="723908" spans="14:14">
      <c r="N723908" s="10"/>
    </row>
    <row r="723909" spans="14:14">
      <c r="N723909" s="10"/>
    </row>
    <row r="723910" spans="14:14">
      <c r="N723910" s="10"/>
    </row>
    <row r="723911" spans="14:14">
      <c r="N723911" s="10"/>
    </row>
    <row r="723912" spans="14:14">
      <c r="N723912" s="10"/>
    </row>
    <row r="723913" spans="14:14">
      <c r="N723913" s="10"/>
    </row>
    <row r="723914" spans="14:14">
      <c r="N723914" s="10"/>
    </row>
    <row r="723915" spans="14:14">
      <c r="N723915" s="10"/>
    </row>
    <row r="723916" spans="14:14">
      <c r="N723916" s="10"/>
    </row>
    <row r="723917" spans="14:14">
      <c r="N723917" s="10"/>
    </row>
    <row r="723918" spans="14:14">
      <c r="N723918" s="10"/>
    </row>
    <row r="723919" spans="14:14">
      <c r="N723919" s="10"/>
    </row>
    <row r="723920" spans="14:14">
      <c r="N723920" s="10"/>
    </row>
    <row r="723921" spans="14:14">
      <c r="N723921" s="10"/>
    </row>
    <row r="723922" spans="14:14">
      <c r="N723922" s="10"/>
    </row>
    <row r="723923" spans="14:14">
      <c r="N723923" s="10"/>
    </row>
    <row r="723924" spans="14:14">
      <c r="N723924" s="10"/>
    </row>
    <row r="723925" spans="14:14">
      <c r="N723925" s="10"/>
    </row>
    <row r="723926" spans="14:14">
      <c r="N723926" s="10"/>
    </row>
    <row r="723927" spans="14:14">
      <c r="N723927" s="10"/>
    </row>
    <row r="723928" spans="14:14">
      <c r="N723928" s="10"/>
    </row>
    <row r="723929" spans="14:14">
      <c r="N723929" s="10"/>
    </row>
    <row r="723930" spans="14:14">
      <c r="N723930" s="10"/>
    </row>
    <row r="723931" spans="14:14">
      <c r="N723931" s="10"/>
    </row>
    <row r="723932" spans="14:14">
      <c r="N723932" s="10"/>
    </row>
    <row r="723933" spans="14:14">
      <c r="N723933" s="10"/>
    </row>
    <row r="723934" spans="14:14">
      <c r="N723934" s="10"/>
    </row>
    <row r="723935" spans="14:14">
      <c r="N723935" s="10"/>
    </row>
    <row r="723936" spans="14:14">
      <c r="N723936" s="10"/>
    </row>
    <row r="723937" spans="14:14">
      <c r="N723937" s="10"/>
    </row>
    <row r="723938" spans="14:14">
      <c r="N723938" s="10"/>
    </row>
    <row r="723939" spans="14:14">
      <c r="N723939" s="10"/>
    </row>
    <row r="723940" spans="14:14">
      <c r="N723940" s="10"/>
    </row>
    <row r="723941" spans="14:14">
      <c r="N723941" s="10"/>
    </row>
    <row r="723942" spans="14:14">
      <c r="N723942" s="10"/>
    </row>
    <row r="723943" spans="14:14">
      <c r="N723943" s="10"/>
    </row>
    <row r="723944" spans="14:14">
      <c r="N723944" s="10"/>
    </row>
    <row r="723945" spans="14:14">
      <c r="N723945" s="10"/>
    </row>
    <row r="723946" spans="14:14">
      <c r="N723946" s="10"/>
    </row>
    <row r="723947" spans="14:14">
      <c r="N723947" s="10"/>
    </row>
    <row r="723948" spans="14:14">
      <c r="N723948" s="10"/>
    </row>
    <row r="723949" spans="14:14">
      <c r="N723949" s="10"/>
    </row>
    <row r="723950" spans="14:14">
      <c r="N723950" s="10"/>
    </row>
    <row r="723951" spans="14:14">
      <c r="N723951" s="10"/>
    </row>
    <row r="723952" spans="14:14">
      <c r="N723952" s="10"/>
    </row>
    <row r="723953" spans="14:14">
      <c r="N723953" s="10"/>
    </row>
    <row r="723954" spans="14:14">
      <c r="N723954" s="10"/>
    </row>
    <row r="723955" spans="14:14">
      <c r="N723955" s="10"/>
    </row>
    <row r="723956" spans="14:14">
      <c r="N723956" s="10"/>
    </row>
    <row r="723957" spans="14:14">
      <c r="N723957" s="10"/>
    </row>
    <row r="723958" spans="14:14">
      <c r="N723958" s="10"/>
    </row>
    <row r="723959" spans="14:14">
      <c r="N723959" s="10"/>
    </row>
    <row r="723960" spans="14:14">
      <c r="N723960" s="10"/>
    </row>
    <row r="723961" spans="14:14">
      <c r="N723961" s="10"/>
    </row>
    <row r="723962" spans="14:14">
      <c r="N723962" s="10"/>
    </row>
    <row r="723963" spans="14:14">
      <c r="N723963" s="10"/>
    </row>
    <row r="723964" spans="14:14">
      <c r="N723964" s="10"/>
    </row>
    <row r="723965" spans="14:14">
      <c r="N723965" s="10"/>
    </row>
    <row r="723966" spans="14:14">
      <c r="N723966" s="10"/>
    </row>
    <row r="723967" spans="14:14">
      <c r="N723967" s="10"/>
    </row>
    <row r="723968" spans="14:14">
      <c r="N723968" s="10"/>
    </row>
    <row r="723969" spans="14:14">
      <c r="N723969" s="10"/>
    </row>
    <row r="723970" spans="14:14">
      <c r="N723970" s="10"/>
    </row>
    <row r="723971" spans="14:14">
      <c r="N723971" s="10"/>
    </row>
    <row r="723972" spans="14:14">
      <c r="N723972" s="10"/>
    </row>
    <row r="723973" spans="14:14">
      <c r="N723973" s="10"/>
    </row>
    <row r="723974" spans="14:14">
      <c r="N723974" s="10"/>
    </row>
    <row r="723975" spans="14:14">
      <c r="N723975" s="10"/>
    </row>
    <row r="723976" spans="14:14">
      <c r="N723976" s="10"/>
    </row>
    <row r="723977" spans="14:14">
      <c r="N723977" s="10"/>
    </row>
    <row r="723978" spans="14:14">
      <c r="N723978" s="10"/>
    </row>
    <row r="723979" spans="14:14">
      <c r="N723979" s="10"/>
    </row>
    <row r="723980" spans="14:14">
      <c r="N723980" s="10"/>
    </row>
    <row r="723981" spans="14:14">
      <c r="N723981" s="10"/>
    </row>
    <row r="723982" spans="14:14">
      <c r="N723982" s="10"/>
    </row>
    <row r="723983" spans="14:14">
      <c r="N723983" s="10"/>
    </row>
    <row r="723984" spans="14:14">
      <c r="N723984" s="10"/>
    </row>
    <row r="723985" spans="14:14">
      <c r="N723985" s="10"/>
    </row>
    <row r="723986" spans="14:14">
      <c r="N723986" s="10"/>
    </row>
    <row r="723987" spans="14:14">
      <c r="N723987" s="10"/>
    </row>
    <row r="723988" spans="14:14">
      <c r="N723988" s="10"/>
    </row>
    <row r="723989" spans="14:14">
      <c r="N723989" s="10"/>
    </row>
    <row r="723990" spans="14:14">
      <c r="N723990" s="10"/>
    </row>
    <row r="723991" spans="14:14">
      <c r="N723991" s="10"/>
    </row>
    <row r="723992" spans="14:14">
      <c r="N723992" s="10"/>
    </row>
    <row r="723993" spans="14:14">
      <c r="N723993" s="10"/>
    </row>
    <row r="723994" spans="14:14">
      <c r="N723994" s="10"/>
    </row>
    <row r="723995" spans="14:14">
      <c r="N723995" s="10"/>
    </row>
    <row r="723996" spans="14:14">
      <c r="N723996" s="10"/>
    </row>
    <row r="723997" spans="14:14">
      <c r="N723997" s="10"/>
    </row>
    <row r="723998" spans="14:14">
      <c r="N723998" s="10"/>
    </row>
    <row r="723999" spans="14:14">
      <c r="N723999" s="10"/>
    </row>
    <row r="724000" spans="14:14">
      <c r="N724000" s="10"/>
    </row>
    <row r="724001" spans="14:14">
      <c r="N724001" s="10"/>
    </row>
    <row r="724002" spans="14:14">
      <c r="N724002" s="10"/>
    </row>
    <row r="724003" spans="14:14">
      <c r="N724003" s="10"/>
    </row>
    <row r="724004" spans="14:14">
      <c r="N724004" s="10"/>
    </row>
    <row r="724005" spans="14:14">
      <c r="N724005" s="10"/>
    </row>
    <row r="724006" spans="14:14">
      <c r="N724006" s="10"/>
    </row>
    <row r="724007" spans="14:14">
      <c r="N724007" s="10"/>
    </row>
    <row r="724008" spans="14:14">
      <c r="N724008" s="10"/>
    </row>
    <row r="724009" spans="14:14">
      <c r="N724009" s="10"/>
    </row>
    <row r="724010" spans="14:14">
      <c r="N724010" s="10"/>
    </row>
    <row r="724011" spans="14:14">
      <c r="N724011" s="10"/>
    </row>
    <row r="724012" spans="14:14">
      <c r="N724012" s="10"/>
    </row>
    <row r="724013" spans="14:14">
      <c r="N724013" s="10"/>
    </row>
    <row r="724014" spans="14:14">
      <c r="N724014" s="10"/>
    </row>
    <row r="724015" spans="14:14">
      <c r="N724015" s="10"/>
    </row>
    <row r="724016" spans="14:14">
      <c r="N724016" s="10"/>
    </row>
    <row r="724017" spans="14:14">
      <c r="N724017" s="10"/>
    </row>
    <row r="724018" spans="14:14">
      <c r="N724018" s="10"/>
    </row>
    <row r="724019" spans="14:14">
      <c r="N724019" s="10"/>
    </row>
    <row r="724020" spans="14:14">
      <c r="N724020" s="10"/>
    </row>
    <row r="724021" spans="14:14">
      <c r="N724021" s="10"/>
    </row>
    <row r="724022" spans="14:14">
      <c r="N724022" s="10"/>
    </row>
    <row r="724023" spans="14:14">
      <c r="N724023" s="10"/>
    </row>
    <row r="724024" spans="14:14">
      <c r="N724024" s="10"/>
    </row>
    <row r="724025" spans="14:14">
      <c r="N724025" s="10"/>
    </row>
    <row r="724026" spans="14:14">
      <c r="N724026" s="10"/>
    </row>
    <row r="724027" spans="14:14">
      <c r="N724027" s="10"/>
    </row>
    <row r="724028" spans="14:14">
      <c r="N724028" s="10"/>
    </row>
    <row r="724029" spans="14:14">
      <c r="N724029" s="10"/>
    </row>
    <row r="724030" spans="14:14">
      <c r="N724030" s="10"/>
    </row>
    <row r="724031" spans="14:14">
      <c r="N724031" s="10"/>
    </row>
    <row r="724032" spans="14:14">
      <c r="N724032" s="10"/>
    </row>
    <row r="724033" spans="14:14">
      <c r="N724033" s="10"/>
    </row>
    <row r="724034" spans="14:14">
      <c r="N724034" s="10"/>
    </row>
    <row r="724035" spans="14:14">
      <c r="N724035" s="10"/>
    </row>
    <row r="724036" spans="14:14">
      <c r="N724036" s="10"/>
    </row>
    <row r="724037" spans="14:14">
      <c r="N724037" s="10"/>
    </row>
    <row r="724038" spans="14:14">
      <c r="N724038" s="10"/>
    </row>
    <row r="724039" spans="14:14">
      <c r="N724039" s="10"/>
    </row>
    <row r="724040" spans="14:14">
      <c r="N724040" s="10"/>
    </row>
    <row r="724041" spans="14:14">
      <c r="N724041" s="10"/>
    </row>
    <row r="724042" spans="14:14">
      <c r="N724042" s="10"/>
    </row>
    <row r="724043" spans="14:14">
      <c r="N724043" s="10"/>
    </row>
    <row r="724044" spans="14:14">
      <c r="N724044" s="10"/>
    </row>
    <row r="724045" spans="14:14">
      <c r="N724045" s="10"/>
    </row>
    <row r="724046" spans="14:14">
      <c r="N724046" s="10"/>
    </row>
    <row r="724047" spans="14:14">
      <c r="N724047" s="10"/>
    </row>
    <row r="724048" spans="14:14">
      <c r="N724048" s="10"/>
    </row>
    <row r="724049" spans="14:14">
      <c r="N724049" s="10"/>
    </row>
    <row r="724050" spans="14:14">
      <c r="N724050" s="10"/>
    </row>
    <row r="724051" spans="14:14">
      <c r="N724051" s="10"/>
    </row>
    <row r="724052" spans="14:14">
      <c r="N724052" s="10"/>
    </row>
    <row r="724053" spans="14:14">
      <c r="N724053" s="10"/>
    </row>
    <row r="724054" spans="14:14">
      <c r="N724054" s="10"/>
    </row>
    <row r="724055" spans="14:14">
      <c r="N724055" s="10"/>
    </row>
    <row r="724056" spans="14:14">
      <c r="N724056" s="10"/>
    </row>
    <row r="724057" spans="14:14">
      <c r="N724057" s="10"/>
    </row>
    <row r="724058" spans="14:14">
      <c r="N724058" s="10"/>
    </row>
    <row r="724059" spans="14:14">
      <c r="N724059" s="10"/>
    </row>
    <row r="724060" spans="14:14">
      <c r="N724060" s="10"/>
    </row>
    <row r="724061" spans="14:14">
      <c r="N724061" s="10"/>
    </row>
    <row r="724062" spans="14:14">
      <c r="N724062" s="10"/>
    </row>
    <row r="724063" spans="14:14">
      <c r="N724063" s="10"/>
    </row>
    <row r="724064" spans="14:14">
      <c r="N724064" s="10"/>
    </row>
    <row r="724065" spans="14:14">
      <c r="N724065" s="10"/>
    </row>
    <row r="724066" spans="14:14">
      <c r="N724066" s="10"/>
    </row>
    <row r="724067" spans="14:14">
      <c r="N724067" s="10"/>
    </row>
    <row r="724068" spans="14:14">
      <c r="N724068" s="10"/>
    </row>
    <row r="724069" spans="14:14">
      <c r="N724069" s="10"/>
    </row>
    <row r="724070" spans="14:14">
      <c r="N724070" s="10"/>
    </row>
    <row r="724071" spans="14:14">
      <c r="N724071" s="10"/>
    </row>
    <row r="724072" spans="14:14">
      <c r="N724072" s="10"/>
    </row>
    <row r="724073" spans="14:14">
      <c r="N724073" s="10"/>
    </row>
    <row r="724074" spans="14:14">
      <c r="N724074" s="10"/>
    </row>
    <row r="724075" spans="14:14">
      <c r="N724075" s="10"/>
    </row>
    <row r="724076" spans="14:14">
      <c r="N724076" s="10"/>
    </row>
    <row r="724077" spans="14:14">
      <c r="N724077" s="10"/>
    </row>
    <row r="724078" spans="14:14">
      <c r="N724078" s="10"/>
    </row>
    <row r="724079" spans="14:14">
      <c r="N724079" s="10"/>
    </row>
    <row r="724080" spans="14:14">
      <c r="N724080" s="10"/>
    </row>
    <row r="724081" spans="14:14">
      <c r="N724081" s="10"/>
    </row>
    <row r="724082" spans="14:14">
      <c r="N724082" s="10"/>
    </row>
    <row r="724083" spans="14:14">
      <c r="N724083" s="10"/>
    </row>
    <row r="724084" spans="14:14">
      <c r="N724084" s="10"/>
    </row>
    <row r="724085" spans="14:14">
      <c r="N724085" s="10"/>
    </row>
    <row r="724086" spans="14:14">
      <c r="N724086" s="10"/>
    </row>
    <row r="724087" spans="14:14">
      <c r="N724087" s="10"/>
    </row>
    <row r="724088" spans="14:14">
      <c r="N724088" s="10"/>
    </row>
    <row r="724089" spans="14:14">
      <c r="N724089" s="10"/>
    </row>
    <row r="724090" spans="14:14">
      <c r="N724090" s="10"/>
    </row>
    <row r="724091" spans="14:14">
      <c r="N724091" s="10"/>
    </row>
    <row r="724092" spans="14:14">
      <c r="N724092" s="10"/>
    </row>
    <row r="724093" spans="14:14">
      <c r="N724093" s="10"/>
    </row>
    <row r="724094" spans="14:14">
      <c r="N724094" s="10"/>
    </row>
    <row r="724095" spans="14:14">
      <c r="N724095" s="10"/>
    </row>
    <row r="724096" spans="14:14">
      <c r="N724096" s="10"/>
    </row>
    <row r="724097" spans="14:14">
      <c r="N724097" s="10"/>
    </row>
    <row r="724098" spans="14:14">
      <c r="N724098" s="10"/>
    </row>
    <row r="724099" spans="14:14">
      <c r="N724099" s="10"/>
    </row>
    <row r="724100" spans="14:14">
      <c r="N724100" s="10"/>
    </row>
    <row r="724101" spans="14:14">
      <c r="N724101" s="10"/>
    </row>
    <row r="724102" spans="14:14">
      <c r="N724102" s="10"/>
    </row>
    <row r="724103" spans="14:14">
      <c r="N724103" s="10"/>
    </row>
    <row r="724104" spans="14:14">
      <c r="N724104" s="10"/>
    </row>
    <row r="724105" spans="14:14">
      <c r="N724105" s="10"/>
    </row>
    <row r="724106" spans="14:14">
      <c r="N724106" s="10"/>
    </row>
    <row r="724107" spans="14:14">
      <c r="N724107" s="10"/>
    </row>
    <row r="724108" spans="14:14">
      <c r="N724108" s="10"/>
    </row>
    <row r="724109" spans="14:14">
      <c r="N724109" s="10"/>
    </row>
    <row r="724110" spans="14:14">
      <c r="N724110" s="10"/>
    </row>
    <row r="724111" spans="14:14">
      <c r="N724111" s="10"/>
    </row>
    <row r="724112" spans="14:14">
      <c r="N724112" s="10"/>
    </row>
    <row r="724113" spans="14:14">
      <c r="N724113" s="10"/>
    </row>
    <row r="724114" spans="14:14">
      <c r="N724114" s="10"/>
    </row>
    <row r="724115" spans="14:14">
      <c r="N724115" s="10"/>
    </row>
    <row r="724116" spans="14:14">
      <c r="N724116" s="10"/>
    </row>
    <row r="724117" spans="14:14">
      <c r="N724117" s="10"/>
    </row>
    <row r="724118" spans="14:14">
      <c r="N724118" s="10"/>
    </row>
    <row r="724119" spans="14:14">
      <c r="N724119" s="10"/>
    </row>
    <row r="724120" spans="14:14">
      <c r="N724120" s="10"/>
    </row>
    <row r="724121" spans="14:14">
      <c r="N724121" s="10"/>
    </row>
    <row r="724122" spans="14:14">
      <c r="N724122" s="10"/>
    </row>
    <row r="724123" spans="14:14">
      <c r="N724123" s="10"/>
    </row>
    <row r="724124" spans="14:14">
      <c r="N724124" s="10"/>
    </row>
    <row r="724125" spans="14:14">
      <c r="N724125" s="10"/>
    </row>
    <row r="724126" spans="14:14">
      <c r="N724126" s="10"/>
    </row>
    <row r="724127" spans="14:14">
      <c r="N724127" s="10"/>
    </row>
    <row r="724128" spans="14:14">
      <c r="N724128" s="10"/>
    </row>
    <row r="724129" spans="14:14">
      <c r="N724129" s="10"/>
    </row>
    <row r="724130" spans="14:14">
      <c r="N724130" s="10"/>
    </row>
    <row r="724131" spans="14:14">
      <c r="N724131" s="10"/>
    </row>
    <row r="724132" spans="14:14">
      <c r="N724132" s="10"/>
    </row>
    <row r="724133" spans="14:14">
      <c r="N724133" s="10"/>
    </row>
    <row r="724134" spans="14:14">
      <c r="N724134" s="10"/>
    </row>
    <row r="724135" spans="14:14">
      <c r="N724135" s="10"/>
    </row>
    <row r="724136" spans="14:14">
      <c r="N724136" s="10"/>
    </row>
    <row r="724137" spans="14:14">
      <c r="N724137" s="10"/>
    </row>
    <row r="724138" spans="14:14">
      <c r="N724138" s="10"/>
    </row>
    <row r="724139" spans="14:14">
      <c r="N724139" s="10"/>
    </row>
    <row r="724140" spans="14:14">
      <c r="N724140" s="10"/>
    </row>
    <row r="724141" spans="14:14">
      <c r="N724141" s="10"/>
    </row>
    <row r="724142" spans="14:14">
      <c r="N724142" s="10"/>
    </row>
    <row r="724143" spans="14:14">
      <c r="N724143" s="10"/>
    </row>
    <row r="724144" spans="14:14">
      <c r="N724144" s="10"/>
    </row>
    <row r="724145" spans="14:14">
      <c r="N724145" s="10"/>
    </row>
    <row r="724146" spans="14:14">
      <c r="N724146" s="10"/>
    </row>
    <row r="724147" spans="14:14">
      <c r="N724147" s="10"/>
    </row>
    <row r="724148" spans="14:14">
      <c r="N724148" s="10"/>
    </row>
    <row r="724149" spans="14:14">
      <c r="N724149" s="10"/>
    </row>
    <row r="724150" spans="14:14">
      <c r="N724150" s="10"/>
    </row>
    <row r="724151" spans="14:14">
      <c r="N724151" s="10"/>
    </row>
    <row r="724152" spans="14:14">
      <c r="N724152" s="10"/>
    </row>
    <row r="724153" spans="14:14">
      <c r="N724153" s="10"/>
    </row>
    <row r="724154" spans="14:14">
      <c r="N724154" s="10"/>
    </row>
    <row r="724155" spans="14:14">
      <c r="N724155" s="10"/>
    </row>
    <row r="724156" spans="14:14">
      <c r="N724156" s="10"/>
    </row>
    <row r="724157" spans="14:14">
      <c r="N724157" s="10"/>
    </row>
    <row r="724158" spans="14:14">
      <c r="N724158" s="10"/>
    </row>
    <row r="724159" spans="14:14">
      <c r="N724159" s="10"/>
    </row>
    <row r="724160" spans="14:14">
      <c r="N724160" s="10"/>
    </row>
    <row r="724161" spans="14:14">
      <c r="N724161" s="10"/>
    </row>
    <row r="724162" spans="14:14">
      <c r="N724162" s="10"/>
    </row>
    <row r="724163" spans="14:14">
      <c r="N724163" s="10"/>
    </row>
    <row r="724164" spans="14:14">
      <c r="N724164" s="10"/>
    </row>
    <row r="724165" spans="14:14">
      <c r="N724165" s="10"/>
    </row>
    <row r="724166" spans="14:14">
      <c r="N724166" s="10"/>
    </row>
    <row r="724167" spans="14:14">
      <c r="N724167" s="10"/>
    </row>
    <row r="724168" spans="14:14">
      <c r="N724168" s="10"/>
    </row>
    <row r="724169" spans="14:14">
      <c r="N724169" s="10"/>
    </row>
    <row r="724170" spans="14:14">
      <c r="N724170" s="10"/>
    </row>
    <row r="724171" spans="14:14">
      <c r="N724171" s="10"/>
    </row>
    <row r="724172" spans="14:14">
      <c r="N724172" s="10"/>
    </row>
    <row r="724173" spans="14:14">
      <c r="N724173" s="10"/>
    </row>
    <row r="724174" spans="14:14">
      <c r="N724174" s="10"/>
    </row>
    <row r="724175" spans="14:14">
      <c r="N724175" s="10"/>
    </row>
    <row r="724176" spans="14:14">
      <c r="N724176" s="10"/>
    </row>
    <row r="724177" spans="14:14">
      <c r="N724177" s="10"/>
    </row>
    <row r="724178" spans="14:14">
      <c r="N724178" s="10"/>
    </row>
    <row r="724179" spans="14:14">
      <c r="N724179" s="10"/>
    </row>
    <row r="724180" spans="14:14">
      <c r="N724180" s="10"/>
    </row>
    <row r="724181" spans="14:14">
      <c r="N724181" s="10"/>
    </row>
    <row r="724182" spans="14:14">
      <c r="N724182" s="10"/>
    </row>
    <row r="724183" spans="14:14">
      <c r="N724183" s="10"/>
    </row>
    <row r="724184" spans="14:14">
      <c r="N724184" s="10"/>
    </row>
    <row r="724185" spans="14:14">
      <c r="N724185" s="10"/>
    </row>
    <row r="724186" spans="14:14">
      <c r="N724186" s="10"/>
    </row>
    <row r="724187" spans="14:14">
      <c r="N724187" s="10"/>
    </row>
    <row r="724188" spans="14:14">
      <c r="N724188" s="10"/>
    </row>
    <row r="724189" spans="14:14">
      <c r="N724189" s="10"/>
    </row>
    <row r="724190" spans="14:14">
      <c r="N724190" s="10"/>
    </row>
    <row r="724191" spans="14:14">
      <c r="N724191" s="10"/>
    </row>
    <row r="724192" spans="14:14">
      <c r="N724192" s="10"/>
    </row>
    <row r="724193" spans="14:14">
      <c r="N724193" s="10"/>
    </row>
    <row r="724194" spans="14:14">
      <c r="N724194" s="10"/>
    </row>
    <row r="724195" spans="14:14">
      <c r="N724195" s="10"/>
    </row>
    <row r="724196" spans="14:14">
      <c r="N724196" s="10"/>
    </row>
    <row r="724197" spans="14:14">
      <c r="N724197" s="10"/>
    </row>
    <row r="724198" spans="14:14">
      <c r="N724198" s="10"/>
    </row>
    <row r="724199" spans="14:14">
      <c r="N724199" s="10"/>
    </row>
    <row r="724200" spans="14:14">
      <c r="N724200" s="10"/>
    </row>
    <row r="724201" spans="14:14">
      <c r="N724201" s="10"/>
    </row>
    <row r="724202" spans="14:14">
      <c r="N724202" s="10"/>
    </row>
    <row r="724203" spans="14:14">
      <c r="N724203" s="10"/>
    </row>
    <row r="724204" spans="14:14">
      <c r="N724204" s="10"/>
    </row>
    <row r="724205" spans="14:14">
      <c r="N724205" s="10"/>
    </row>
    <row r="724206" spans="14:14">
      <c r="N724206" s="10"/>
    </row>
    <row r="724207" spans="14:14">
      <c r="N724207" s="10"/>
    </row>
    <row r="724208" spans="14:14">
      <c r="N724208" s="10"/>
    </row>
    <row r="724209" spans="14:14">
      <c r="N724209" s="10"/>
    </row>
    <row r="724210" spans="14:14">
      <c r="N724210" s="10"/>
    </row>
    <row r="724211" spans="14:14">
      <c r="N724211" s="10"/>
    </row>
    <row r="724212" spans="14:14">
      <c r="N724212" s="10"/>
    </row>
    <row r="724213" spans="14:14">
      <c r="N724213" s="10"/>
    </row>
    <row r="724214" spans="14:14">
      <c r="N724214" s="10"/>
    </row>
    <row r="724215" spans="14:14">
      <c r="N724215" s="10"/>
    </row>
    <row r="724216" spans="14:14">
      <c r="N724216" s="10"/>
    </row>
    <row r="724217" spans="14:14">
      <c r="N724217" s="10"/>
    </row>
    <row r="724218" spans="14:14">
      <c r="N724218" s="10"/>
    </row>
    <row r="724219" spans="14:14">
      <c r="N724219" s="10"/>
    </row>
    <row r="724220" spans="14:14">
      <c r="N724220" s="10"/>
    </row>
    <row r="724221" spans="14:14">
      <c r="N724221" s="10"/>
    </row>
    <row r="724222" spans="14:14">
      <c r="N724222" s="10"/>
    </row>
    <row r="724223" spans="14:14">
      <c r="N724223" s="10"/>
    </row>
    <row r="724224" spans="14:14">
      <c r="N724224" s="10"/>
    </row>
    <row r="724225" spans="14:14">
      <c r="N724225" s="10"/>
    </row>
    <row r="724226" spans="14:14">
      <c r="N724226" s="10"/>
    </row>
    <row r="724227" spans="14:14">
      <c r="N724227" s="10"/>
    </row>
    <row r="724228" spans="14:14">
      <c r="N724228" s="10"/>
    </row>
    <row r="724229" spans="14:14">
      <c r="N724229" s="10"/>
    </row>
    <row r="724230" spans="14:14">
      <c r="N724230" s="10"/>
    </row>
    <row r="724231" spans="14:14">
      <c r="N724231" s="10"/>
    </row>
    <row r="724232" spans="14:14">
      <c r="N724232" s="10"/>
    </row>
    <row r="724233" spans="14:14">
      <c r="N724233" s="10"/>
    </row>
    <row r="724234" spans="14:14">
      <c r="N724234" s="10"/>
    </row>
    <row r="724235" spans="14:14">
      <c r="N724235" s="10"/>
    </row>
    <row r="724236" spans="14:14">
      <c r="N724236" s="10"/>
    </row>
    <row r="724237" spans="14:14">
      <c r="N724237" s="10"/>
    </row>
    <row r="724238" spans="14:14">
      <c r="N724238" s="10"/>
    </row>
    <row r="724239" spans="14:14">
      <c r="N724239" s="10"/>
    </row>
    <row r="724240" spans="14:14">
      <c r="N724240" s="10"/>
    </row>
    <row r="724241" spans="14:14">
      <c r="N724241" s="10"/>
    </row>
    <row r="724242" spans="14:14">
      <c r="N724242" s="10"/>
    </row>
    <row r="724243" spans="14:14">
      <c r="N724243" s="10"/>
    </row>
    <row r="724244" spans="14:14">
      <c r="N724244" s="10"/>
    </row>
    <row r="724245" spans="14:14">
      <c r="N724245" s="10"/>
    </row>
    <row r="724246" spans="14:14">
      <c r="N724246" s="10"/>
    </row>
    <row r="724247" spans="14:14">
      <c r="N724247" s="10"/>
    </row>
    <row r="724248" spans="14:14">
      <c r="N724248" s="10"/>
    </row>
    <row r="724249" spans="14:14">
      <c r="N724249" s="10"/>
    </row>
    <row r="724250" spans="14:14">
      <c r="N724250" s="10"/>
    </row>
    <row r="724251" spans="14:14">
      <c r="N724251" s="10"/>
    </row>
    <row r="724252" spans="14:14">
      <c r="N724252" s="10"/>
    </row>
    <row r="724253" spans="14:14">
      <c r="N724253" s="10"/>
    </row>
    <row r="724254" spans="14:14">
      <c r="N724254" s="10"/>
    </row>
    <row r="724255" spans="14:14">
      <c r="N724255" s="10"/>
    </row>
    <row r="724256" spans="14:14">
      <c r="N724256" s="10"/>
    </row>
    <row r="724257" spans="14:14">
      <c r="N724257" s="10"/>
    </row>
    <row r="724258" spans="14:14">
      <c r="N724258" s="10"/>
    </row>
    <row r="724259" spans="14:14">
      <c r="N724259" s="10"/>
    </row>
    <row r="724260" spans="14:14">
      <c r="N724260" s="10"/>
    </row>
    <row r="724261" spans="14:14">
      <c r="N724261" s="10"/>
    </row>
    <row r="724262" spans="14:14">
      <c r="N724262" s="10"/>
    </row>
    <row r="724263" spans="14:14">
      <c r="N724263" s="10"/>
    </row>
    <row r="724264" spans="14:14">
      <c r="N724264" s="10"/>
    </row>
    <row r="724265" spans="14:14">
      <c r="N724265" s="10"/>
    </row>
    <row r="724266" spans="14:14">
      <c r="N724266" s="10"/>
    </row>
    <row r="724267" spans="14:14">
      <c r="N724267" s="10"/>
    </row>
    <row r="724268" spans="14:14">
      <c r="N724268" s="10"/>
    </row>
    <row r="724269" spans="14:14">
      <c r="N724269" s="10"/>
    </row>
    <row r="724270" spans="14:14">
      <c r="N724270" s="10"/>
    </row>
    <row r="724271" spans="14:14">
      <c r="N724271" s="10"/>
    </row>
    <row r="724272" spans="14:14">
      <c r="N724272" s="10"/>
    </row>
    <row r="724273" spans="14:14">
      <c r="N724273" s="10"/>
    </row>
    <row r="724274" spans="14:14">
      <c r="N724274" s="10"/>
    </row>
    <row r="724275" spans="14:14">
      <c r="N724275" s="10"/>
    </row>
    <row r="724276" spans="14:14">
      <c r="N724276" s="10"/>
    </row>
    <row r="724277" spans="14:14">
      <c r="N724277" s="10"/>
    </row>
    <row r="724278" spans="14:14">
      <c r="N724278" s="10"/>
    </row>
    <row r="724279" spans="14:14">
      <c r="N724279" s="10"/>
    </row>
    <row r="724280" spans="14:14">
      <c r="N724280" s="10"/>
    </row>
    <row r="724281" spans="14:14">
      <c r="N724281" s="10"/>
    </row>
    <row r="724282" spans="14:14">
      <c r="N724282" s="10"/>
    </row>
    <row r="724283" spans="14:14">
      <c r="N724283" s="10"/>
    </row>
    <row r="724284" spans="14:14">
      <c r="N724284" s="10"/>
    </row>
    <row r="724285" spans="14:14">
      <c r="N724285" s="10"/>
    </row>
    <row r="724286" spans="14:14">
      <c r="N724286" s="10"/>
    </row>
    <row r="724287" spans="14:14">
      <c r="N724287" s="10"/>
    </row>
    <row r="724288" spans="14:14">
      <c r="N724288" s="10"/>
    </row>
    <row r="724289" spans="14:14">
      <c r="N724289" s="10"/>
    </row>
    <row r="724290" spans="14:14">
      <c r="N724290" s="10"/>
    </row>
    <row r="724291" spans="14:14">
      <c r="N724291" s="10"/>
    </row>
    <row r="724292" spans="14:14">
      <c r="N724292" s="10"/>
    </row>
    <row r="724293" spans="14:14">
      <c r="N724293" s="10"/>
    </row>
    <row r="724294" spans="14:14">
      <c r="N724294" s="10"/>
    </row>
    <row r="724295" spans="14:14">
      <c r="N724295" s="10"/>
    </row>
    <row r="724296" spans="14:14">
      <c r="N724296" s="10"/>
    </row>
    <row r="724297" spans="14:14">
      <c r="N724297" s="10"/>
    </row>
    <row r="724298" spans="14:14">
      <c r="N724298" s="10"/>
    </row>
    <row r="724299" spans="14:14">
      <c r="N724299" s="10"/>
    </row>
    <row r="724300" spans="14:14">
      <c r="N724300" s="10"/>
    </row>
    <row r="724301" spans="14:14">
      <c r="N724301" s="10"/>
    </row>
    <row r="724302" spans="14:14">
      <c r="N724302" s="10"/>
    </row>
    <row r="724303" spans="14:14">
      <c r="N724303" s="10"/>
    </row>
    <row r="724304" spans="14:14">
      <c r="N724304" s="10"/>
    </row>
    <row r="724305" spans="14:14">
      <c r="N724305" s="10"/>
    </row>
    <row r="724306" spans="14:14">
      <c r="N724306" s="10"/>
    </row>
    <row r="724307" spans="14:14">
      <c r="N724307" s="10"/>
    </row>
    <row r="724308" spans="14:14">
      <c r="N724308" s="10"/>
    </row>
    <row r="724309" spans="14:14">
      <c r="N724309" s="10"/>
    </row>
    <row r="724310" spans="14:14">
      <c r="N724310" s="10"/>
    </row>
    <row r="724311" spans="14:14">
      <c r="N724311" s="10"/>
    </row>
    <row r="724312" spans="14:14">
      <c r="N724312" s="10"/>
    </row>
    <row r="724313" spans="14:14">
      <c r="N724313" s="10"/>
    </row>
    <row r="724314" spans="14:14">
      <c r="N724314" s="10"/>
    </row>
    <row r="724315" spans="14:14">
      <c r="N724315" s="10"/>
    </row>
    <row r="724316" spans="14:14">
      <c r="N724316" s="10"/>
    </row>
    <row r="724317" spans="14:14">
      <c r="N724317" s="10"/>
    </row>
    <row r="724318" spans="14:14">
      <c r="N724318" s="10"/>
    </row>
    <row r="724319" spans="14:14">
      <c r="N724319" s="10"/>
    </row>
    <row r="724320" spans="14:14">
      <c r="N724320" s="10"/>
    </row>
    <row r="724321" spans="14:14">
      <c r="N724321" s="10"/>
    </row>
    <row r="724322" spans="14:14">
      <c r="N724322" s="10"/>
    </row>
    <row r="724323" spans="14:14">
      <c r="N724323" s="10"/>
    </row>
    <row r="724324" spans="14:14">
      <c r="N724324" s="10"/>
    </row>
    <row r="724325" spans="14:14">
      <c r="N724325" s="10"/>
    </row>
    <row r="724326" spans="14:14">
      <c r="N724326" s="10"/>
    </row>
    <row r="724327" spans="14:14">
      <c r="N724327" s="10"/>
    </row>
    <row r="724328" spans="14:14">
      <c r="N724328" s="10"/>
    </row>
    <row r="724329" spans="14:14">
      <c r="N724329" s="10"/>
    </row>
    <row r="724330" spans="14:14">
      <c r="N724330" s="10"/>
    </row>
    <row r="724331" spans="14:14">
      <c r="N724331" s="10"/>
    </row>
    <row r="724332" spans="14:14">
      <c r="N724332" s="10"/>
    </row>
    <row r="724333" spans="14:14">
      <c r="N724333" s="10"/>
    </row>
    <row r="724334" spans="14:14">
      <c r="N724334" s="10"/>
    </row>
    <row r="724335" spans="14:14">
      <c r="N724335" s="10"/>
    </row>
    <row r="724336" spans="14:14">
      <c r="N724336" s="10"/>
    </row>
    <row r="724337" spans="14:14">
      <c r="N724337" s="10"/>
    </row>
    <row r="724338" spans="14:14">
      <c r="N724338" s="10"/>
    </row>
    <row r="724339" spans="14:14">
      <c r="N724339" s="10"/>
    </row>
    <row r="724340" spans="14:14">
      <c r="N724340" s="10"/>
    </row>
    <row r="724341" spans="14:14">
      <c r="N724341" s="10"/>
    </row>
    <row r="724342" spans="14:14">
      <c r="N724342" s="10"/>
    </row>
    <row r="724343" spans="14:14">
      <c r="N724343" s="10"/>
    </row>
    <row r="724344" spans="14:14">
      <c r="N724344" s="10"/>
    </row>
    <row r="724345" spans="14:14">
      <c r="N724345" s="10"/>
    </row>
    <row r="724346" spans="14:14">
      <c r="N724346" s="10"/>
    </row>
    <row r="724347" spans="14:14">
      <c r="N724347" s="10"/>
    </row>
    <row r="724348" spans="14:14">
      <c r="N724348" s="10"/>
    </row>
    <row r="724349" spans="14:14">
      <c r="N724349" s="10"/>
    </row>
    <row r="724350" spans="14:14">
      <c r="N724350" s="10"/>
    </row>
    <row r="724351" spans="14:14">
      <c r="N724351" s="10"/>
    </row>
    <row r="724352" spans="14:14">
      <c r="N724352" s="10"/>
    </row>
    <row r="724353" spans="14:14">
      <c r="N724353" s="10"/>
    </row>
    <row r="724354" spans="14:14">
      <c r="N724354" s="10"/>
    </row>
    <row r="724355" spans="14:14">
      <c r="N724355" s="10"/>
    </row>
    <row r="724356" spans="14:14">
      <c r="N724356" s="10"/>
    </row>
    <row r="724357" spans="14:14">
      <c r="N724357" s="10"/>
    </row>
    <row r="724358" spans="14:14">
      <c r="N724358" s="10"/>
    </row>
    <row r="724359" spans="14:14">
      <c r="N724359" s="10"/>
    </row>
    <row r="724360" spans="14:14">
      <c r="N724360" s="10"/>
    </row>
    <row r="724361" spans="14:14">
      <c r="N724361" s="10"/>
    </row>
    <row r="724362" spans="14:14">
      <c r="N724362" s="10"/>
    </row>
    <row r="724363" spans="14:14">
      <c r="N724363" s="10"/>
    </row>
    <row r="724364" spans="14:14">
      <c r="N724364" s="10"/>
    </row>
    <row r="724365" spans="14:14">
      <c r="N724365" s="10"/>
    </row>
    <row r="724366" spans="14:14">
      <c r="N724366" s="10"/>
    </row>
    <row r="724367" spans="14:14">
      <c r="N724367" s="10"/>
    </row>
    <row r="724368" spans="14:14">
      <c r="N724368" s="10"/>
    </row>
    <row r="724369" spans="14:14">
      <c r="N724369" s="10"/>
    </row>
    <row r="724370" spans="14:14">
      <c r="N724370" s="10"/>
    </row>
    <row r="724371" spans="14:14">
      <c r="N724371" s="10"/>
    </row>
    <row r="724372" spans="14:14">
      <c r="N724372" s="10"/>
    </row>
    <row r="724373" spans="14:14">
      <c r="N724373" s="10"/>
    </row>
    <row r="724374" spans="14:14">
      <c r="N724374" s="10"/>
    </row>
    <row r="724375" spans="14:14">
      <c r="N724375" s="10"/>
    </row>
    <row r="724376" spans="14:14">
      <c r="N724376" s="10"/>
    </row>
    <row r="724377" spans="14:14">
      <c r="N724377" s="10"/>
    </row>
    <row r="724378" spans="14:14">
      <c r="N724378" s="10"/>
    </row>
    <row r="724379" spans="14:14">
      <c r="N724379" s="10"/>
    </row>
    <row r="724380" spans="14:14">
      <c r="N724380" s="10"/>
    </row>
    <row r="724381" spans="14:14">
      <c r="N724381" s="10"/>
    </row>
    <row r="724382" spans="14:14">
      <c r="N724382" s="10"/>
    </row>
    <row r="724383" spans="14:14">
      <c r="N724383" s="10"/>
    </row>
    <row r="724384" spans="14:14">
      <c r="N724384" s="10"/>
    </row>
    <row r="724385" spans="14:14">
      <c r="N724385" s="10"/>
    </row>
    <row r="724386" spans="14:14">
      <c r="N724386" s="10"/>
    </row>
    <row r="724387" spans="14:14">
      <c r="N724387" s="10"/>
    </row>
    <row r="724388" spans="14:14">
      <c r="N724388" s="10"/>
    </row>
    <row r="724389" spans="14:14">
      <c r="N724389" s="10"/>
    </row>
    <row r="724390" spans="14:14">
      <c r="N724390" s="10"/>
    </row>
    <row r="724391" spans="14:14">
      <c r="N724391" s="10"/>
    </row>
    <row r="724392" spans="14:14">
      <c r="N724392" s="10"/>
    </row>
    <row r="724393" spans="14:14">
      <c r="N724393" s="10"/>
    </row>
    <row r="724394" spans="14:14">
      <c r="N724394" s="10"/>
    </row>
    <row r="724395" spans="14:14">
      <c r="N724395" s="10"/>
    </row>
    <row r="724396" spans="14:14">
      <c r="N724396" s="10"/>
    </row>
    <row r="724397" spans="14:14">
      <c r="N724397" s="10"/>
    </row>
    <row r="724398" spans="14:14">
      <c r="N724398" s="10"/>
    </row>
    <row r="724399" spans="14:14">
      <c r="N724399" s="10"/>
    </row>
    <row r="724400" spans="14:14">
      <c r="N724400" s="10"/>
    </row>
    <row r="724401" spans="14:14">
      <c r="N724401" s="10"/>
    </row>
    <row r="724402" spans="14:14">
      <c r="N724402" s="10"/>
    </row>
    <row r="724403" spans="14:14">
      <c r="N724403" s="10"/>
    </row>
    <row r="724404" spans="14:14">
      <c r="N724404" s="10"/>
    </row>
    <row r="724405" spans="14:14">
      <c r="N724405" s="10"/>
    </row>
    <row r="724406" spans="14:14">
      <c r="N724406" s="10"/>
    </row>
    <row r="724407" spans="14:14">
      <c r="N724407" s="10"/>
    </row>
    <row r="724408" spans="14:14">
      <c r="N724408" s="10"/>
    </row>
    <row r="724409" spans="14:14">
      <c r="N724409" s="10"/>
    </row>
    <row r="724410" spans="14:14">
      <c r="N724410" s="10"/>
    </row>
    <row r="724411" spans="14:14">
      <c r="N724411" s="10"/>
    </row>
    <row r="724412" spans="14:14">
      <c r="N724412" s="10"/>
    </row>
    <row r="724413" spans="14:14">
      <c r="N724413" s="10"/>
    </row>
    <row r="724414" spans="14:14">
      <c r="N724414" s="10"/>
    </row>
    <row r="724415" spans="14:14">
      <c r="N724415" s="10"/>
    </row>
    <row r="724416" spans="14:14">
      <c r="N724416" s="10"/>
    </row>
    <row r="724417" spans="14:14">
      <c r="N724417" s="10"/>
    </row>
    <row r="724418" spans="14:14">
      <c r="N724418" s="10"/>
    </row>
    <row r="724419" spans="14:14">
      <c r="N724419" s="10"/>
    </row>
    <row r="724420" spans="14:14">
      <c r="N724420" s="10"/>
    </row>
    <row r="724421" spans="14:14">
      <c r="N724421" s="10"/>
    </row>
    <row r="724422" spans="14:14">
      <c r="N724422" s="10"/>
    </row>
    <row r="724423" spans="14:14">
      <c r="N724423" s="10"/>
    </row>
    <row r="724424" spans="14:14">
      <c r="N724424" s="10"/>
    </row>
    <row r="724425" spans="14:14">
      <c r="N724425" s="10"/>
    </row>
    <row r="724426" spans="14:14">
      <c r="N724426" s="10"/>
    </row>
    <row r="724427" spans="14:14">
      <c r="N724427" s="10"/>
    </row>
    <row r="724428" spans="14:14">
      <c r="N724428" s="10"/>
    </row>
    <row r="724429" spans="14:14">
      <c r="N724429" s="10"/>
    </row>
    <row r="724430" spans="14:14">
      <c r="N724430" s="10"/>
    </row>
    <row r="724431" spans="14:14">
      <c r="N724431" s="10"/>
    </row>
    <row r="724432" spans="14:14">
      <c r="N724432" s="10"/>
    </row>
    <row r="724433" spans="14:14">
      <c r="N724433" s="10"/>
    </row>
    <row r="724434" spans="14:14">
      <c r="N724434" s="10"/>
    </row>
    <row r="724435" spans="14:14">
      <c r="N724435" s="10"/>
    </row>
    <row r="724436" spans="14:14">
      <c r="N724436" s="10"/>
    </row>
    <row r="724437" spans="14:14">
      <c r="N724437" s="10"/>
    </row>
    <row r="724438" spans="14:14">
      <c r="N724438" s="10"/>
    </row>
    <row r="724439" spans="14:14">
      <c r="N724439" s="10"/>
    </row>
    <row r="724440" spans="14:14">
      <c r="N724440" s="10"/>
    </row>
    <row r="724441" spans="14:14">
      <c r="N724441" s="10"/>
    </row>
    <row r="724442" spans="14:14">
      <c r="N724442" s="10"/>
    </row>
    <row r="724443" spans="14:14">
      <c r="N724443" s="10"/>
    </row>
    <row r="724444" spans="14:14">
      <c r="N724444" s="10"/>
    </row>
    <row r="724445" spans="14:14">
      <c r="N724445" s="10"/>
    </row>
    <row r="724446" spans="14:14">
      <c r="N724446" s="10"/>
    </row>
    <row r="724447" spans="14:14">
      <c r="N724447" s="10"/>
    </row>
    <row r="724448" spans="14:14">
      <c r="N724448" s="10"/>
    </row>
    <row r="724449" spans="14:14">
      <c r="N724449" s="10"/>
    </row>
    <row r="724450" spans="14:14">
      <c r="N724450" s="10"/>
    </row>
    <row r="724451" spans="14:14">
      <c r="N724451" s="10"/>
    </row>
    <row r="724452" spans="14:14">
      <c r="N724452" s="10"/>
    </row>
    <row r="724453" spans="14:14">
      <c r="N724453" s="10"/>
    </row>
    <row r="724454" spans="14:14">
      <c r="N724454" s="10"/>
    </row>
    <row r="724455" spans="14:14">
      <c r="N724455" s="10"/>
    </row>
    <row r="724456" spans="14:14">
      <c r="N724456" s="10"/>
    </row>
    <row r="724457" spans="14:14">
      <c r="N724457" s="10"/>
    </row>
    <row r="724458" spans="14:14">
      <c r="N724458" s="10"/>
    </row>
    <row r="724459" spans="14:14">
      <c r="N724459" s="10"/>
    </row>
    <row r="724460" spans="14:14">
      <c r="N724460" s="10"/>
    </row>
    <row r="724461" spans="14:14">
      <c r="N724461" s="10"/>
    </row>
    <row r="724462" spans="14:14">
      <c r="N724462" s="10"/>
    </row>
    <row r="724463" spans="14:14">
      <c r="N724463" s="10"/>
    </row>
    <row r="724464" spans="14:14">
      <c r="N724464" s="10"/>
    </row>
    <row r="724465" spans="14:14">
      <c r="N724465" s="10"/>
    </row>
    <row r="724466" spans="14:14">
      <c r="N724466" s="10"/>
    </row>
    <row r="724467" spans="14:14">
      <c r="N724467" s="10"/>
    </row>
    <row r="724468" spans="14:14">
      <c r="N724468" s="10"/>
    </row>
    <row r="724469" spans="14:14">
      <c r="N724469" s="10"/>
    </row>
    <row r="724470" spans="14:14">
      <c r="N724470" s="10"/>
    </row>
    <row r="724471" spans="14:14">
      <c r="N724471" s="10"/>
    </row>
    <row r="724472" spans="14:14">
      <c r="N724472" s="10"/>
    </row>
    <row r="724473" spans="14:14">
      <c r="N724473" s="10"/>
    </row>
    <row r="724474" spans="14:14">
      <c r="N724474" s="10"/>
    </row>
    <row r="724475" spans="14:14">
      <c r="N724475" s="10"/>
    </row>
    <row r="724476" spans="14:14">
      <c r="N724476" s="10"/>
    </row>
    <row r="724477" spans="14:14">
      <c r="N724477" s="10"/>
    </row>
    <row r="724478" spans="14:14">
      <c r="N724478" s="10"/>
    </row>
    <row r="724479" spans="14:14">
      <c r="N724479" s="10"/>
    </row>
    <row r="724480" spans="14:14">
      <c r="N724480" s="10"/>
    </row>
    <row r="724481" spans="14:14">
      <c r="N724481" s="10"/>
    </row>
    <row r="724482" spans="14:14">
      <c r="N724482" s="10"/>
    </row>
    <row r="724483" spans="14:14">
      <c r="N724483" s="10"/>
    </row>
    <row r="724484" spans="14:14">
      <c r="N724484" s="10"/>
    </row>
    <row r="724485" spans="14:14">
      <c r="N724485" s="10"/>
    </row>
    <row r="724486" spans="14:14">
      <c r="N724486" s="10"/>
    </row>
    <row r="724487" spans="14:14">
      <c r="N724487" s="10"/>
    </row>
    <row r="724488" spans="14:14">
      <c r="N724488" s="10"/>
    </row>
    <row r="724489" spans="14:14">
      <c r="N724489" s="10"/>
    </row>
    <row r="724490" spans="14:14">
      <c r="N724490" s="10"/>
    </row>
    <row r="724491" spans="14:14">
      <c r="N724491" s="10"/>
    </row>
    <row r="724492" spans="14:14">
      <c r="N724492" s="10"/>
    </row>
    <row r="724493" spans="14:14">
      <c r="N724493" s="10"/>
    </row>
    <row r="724494" spans="14:14">
      <c r="N724494" s="10"/>
    </row>
    <row r="724495" spans="14:14">
      <c r="N724495" s="10"/>
    </row>
    <row r="724496" spans="14:14">
      <c r="N724496" s="10"/>
    </row>
    <row r="724497" spans="14:14">
      <c r="N724497" s="10"/>
    </row>
    <row r="724498" spans="14:14">
      <c r="N724498" s="10"/>
    </row>
    <row r="724499" spans="14:14">
      <c r="N724499" s="10"/>
    </row>
    <row r="724500" spans="14:14">
      <c r="N724500" s="10"/>
    </row>
    <row r="724501" spans="14:14">
      <c r="N724501" s="10"/>
    </row>
    <row r="724502" spans="14:14">
      <c r="N724502" s="10"/>
    </row>
    <row r="724503" spans="14:14">
      <c r="N724503" s="10"/>
    </row>
    <row r="724504" spans="14:14">
      <c r="N724504" s="10"/>
    </row>
    <row r="724505" spans="14:14">
      <c r="N724505" s="10"/>
    </row>
    <row r="724506" spans="14:14">
      <c r="N724506" s="10"/>
    </row>
    <row r="724507" spans="14:14">
      <c r="N724507" s="10"/>
    </row>
    <row r="724508" spans="14:14">
      <c r="N724508" s="10"/>
    </row>
    <row r="724509" spans="14:14">
      <c r="N724509" s="10"/>
    </row>
    <row r="724510" spans="14:14">
      <c r="N724510" s="10"/>
    </row>
    <row r="724511" spans="14:14">
      <c r="N724511" s="10"/>
    </row>
    <row r="724512" spans="14:14">
      <c r="N724512" s="10"/>
    </row>
    <row r="724513" spans="14:14">
      <c r="N724513" s="10"/>
    </row>
    <row r="724514" spans="14:14">
      <c r="N724514" s="10"/>
    </row>
    <row r="724515" spans="14:14">
      <c r="N724515" s="10"/>
    </row>
    <row r="724516" spans="14:14">
      <c r="N724516" s="10"/>
    </row>
    <row r="724517" spans="14:14">
      <c r="N724517" s="10"/>
    </row>
    <row r="724518" spans="14:14">
      <c r="N724518" s="10"/>
    </row>
    <row r="724519" spans="14:14">
      <c r="N724519" s="10"/>
    </row>
    <row r="724520" spans="14:14">
      <c r="N724520" s="10"/>
    </row>
    <row r="724521" spans="14:14">
      <c r="N724521" s="10"/>
    </row>
    <row r="724522" spans="14:14">
      <c r="N724522" s="10"/>
    </row>
    <row r="724523" spans="14:14">
      <c r="N724523" s="10"/>
    </row>
    <row r="724524" spans="14:14">
      <c r="N724524" s="10"/>
    </row>
    <row r="724525" spans="14:14">
      <c r="N724525" s="10"/>
    </row>
    <row r="724526" spans="14:14">
      <c r="N724526" s="10"/>
    </row>
    <row r="724527" spans="14:14">
      <c r="N724527" s="10"/>
    </row>
    <row r="724528" spans="14:14">
      <c r="N724528" s="10"/>
    </row>
    <row r="724529" spans="14:14">
      <c r="N724529" s="10"/>
    </row>
    <row r="724530" spans="14:14">
      <c r="N724530" s="10"/>
    </row>
    <row r="724531" spans="14:14">
      <c r="N724531" s="10"/>
    </row>
    <row r="724532" spans="14:14">
      <c r="N724532" s="10"/>
    </row>
    <row r="724533" spans="14:14">
      <c r="N724533" s="10"/>
    </row>
    <row r="724534" spans="14:14">
      <c r="N724534" s="10"/>
    </row>
    <row r="724535" spans="14:14">
      <c r="N724535" s="10"/>
    </row>
    <row r="724536" spans="14:14">
      <c r="N724536" s="10"/>
    </row>
    <row r="724537" spans="14:14">
      <c r="N724537" s="10"/>
    </row>
    <row r="724538" spans="14:14">
      <c r="N724538" s="10"/>
    </row>
    <row r="724539" spans="14:14">
      <c r="N724539" s="10"/>
    </row>
    <row r="724540" spans="14:14">
      <c r="N724540" s="10"/>
    </row>
    <row r="724541" spans="14:14">
      <c r="N724541" s="10"/>
    </row>
    <row r="724542" spans="14:14">
      <c r="N724542" s="10"/>
    </row>
    <row r="724543" spans="14:14">
      <c r="N724543" s="10"/>
    </row>
    <row r="724544" spans="14:14">
      <c r="N724544" s="10"/>
    </row>
    <row r="724545" spans="14:14">
      <c r="N724545" s="10"/>
    </row>
    <row r="724546" spans="14:14">
      <c r="N724546" s="10"/>
    </row>
    <row r="724547" spans="14:14">
      <c r="N724547" s="10"/>
    </row>
    <row r="724548" spans="14:14">
      <c r="N724548" s="10"/>
    </row>
    <row r="724549" spans="14:14">
      <c r="N724549" s="10"/>
    </row>
    <row r="724550" spans="14:14">
      <c r="N724550" s="10"/>
    </row>
    <row r="724551" spans="14:14">
      <c r="N724551" s="10"/>
    </row>
    <row r="724552" spans="14:14">
      <c r="N724552" s="10"/>
    </row>
    <row r="724553" spans="14:14">
      <c r="N724553" s="10"/>
    </row>
    <row r="724554" spans="14:14">
      <c r="N724554" s="10"/>
    </row>
    <row r="724555" spans="14:14">
      <c r="N724555" s="10"/>
    </row>
    <row r="724556" spans="14:14">
      <c r="N724556" s="10"/>
    </row>
    <row r="724557" spans="14:14">
      <c r="N724557" s="10"/>
    </row>
    <row r="724558" spans="14:14">
      <c r="N724558" s="10"/>
    </row>
    <row r="724559" spans="14:14">
      <c r="N724559" s="10"/>
    </row>
    <row r="724560" spans="14:14">
      <c r="N724560" s="10"/>
    </row>
    <row r="724561" spans="14:14">
      <c r="N724561" s="10"/>
    </row>
    <row r="724562" spans="14:14">
      <c r="N724562" s="10"/>
    </row>
    <row r="724563" spans="14:14">
      <c r="N724563" s="10"/>
    </row>
    <row r="724564" spans="14:14">
      <c r="N724564" s="10"/>
    </row>
    <row r="724565" spans="14:14">
      <c r="N724565" s="10"/>
    </row>
    <row r="724566" spans="14:14">
      <c r="N724566" s="10"/>
    </row>
    <row r="724567" spans="14:14">
      <c r="N724567" s="10"/>
    </row>
    <row r="724568" spans="14:14">
      <c r="N724568" s="10"/>
    </row>
    <row r="724569" spans="14:14">
      <c r="N724569" s="10"/>
    </row>
    <row r="724570" spans="14:14">
      <c r="N724570" s="10"/>
    </row>
    <row r="724571" spans="14:14">
      <c r="N724571" s="10"/>
    </row>
    <row r="724572" spans="14:14">
      <c r="N724572" s="10"/>
    </row>
    <row r="724573" spans="14:14">
      <c r="N724573" s="10"/>
    </row>
    <row r="724574" spans="14:14">
      <c r="N724574" s="10"/>
    </row>
    <row r="724575" spans="14:14">
      <c r="N724575" s="10"/>
    </row>
    <row r="724576" spans="14:14">
      <c r="N724576" s="10"/>
    </row>
    <row r="724577" spans="14:14">
      <c r="N724577" s="10"/>
    </row>
    <row r="724578" spans="14:14">
      <c r="N724578" s="10"/>
    </row>
    <row r="724579" spans="14:14">
      <c r="N724579" s="10"/>
    </row>
    <row r="724580" spans="14:14">
      <c r="N724580" s="10"/>
    </row>
    <row r="724581" spans="14:14">
      <c r="N724581" s="10"/>
    </row>
    <row r="724582" spans="14:14">
      <c r="N724582" s="10"/>
    </row>
    <row r="724583" spans="14:14">
      <c r="N724583" s="10"/>
    </row>
    <row r="724584" spans="14:14">
      <c r="N724584" s="10"/>
    </row>
    <row r="724585" spans="14:14">
      <c r="N724585" s="10"/>
    </row>
    <row r="724586" spans="14:14">
      <c r="N724586" s="10"/>
    </row>
    <row r="724587" spans="14:14">
      <c r="N724587" s="10"/>
    </row>
    <row r="724588" spans="14:14">
      <c r="N724588" s="10"/>
    </row>
    <row r="724589" spans="14:14">
      <c r="N724589" s="10"/>
    </row>
    <row r="724590" spans="14:14">
      <c r="N724590" s="10"/>
    </row>
    <row r="724591" spans="14:14">
      <c r="N724591" s="10"/>
    </row>
    <row r="724592" spans="14:14">
      <c r="N724592" s="10"/>
    </row>
    <row r="724593" spans="14:14">
      <c r="N724593" s="10"/>
    </row>
    <row r="724594" spans="14:14">
      <c r="N724594" s="10"/>
    </row>
    <row r="724595" spans="14:14">
      <c r="N724595" s="10"/>
    </row>
    <row r="724596" spans="14:14">
      <c r="N724596" s="10"/>
    </row>
    <row r="724597" spans="14:14">
      <c r="N724597" s="10"/>
    </row>
    <row r="724598" spans="14:14">
      <c r="N724598" s="10"/>
    </row>
    <row r="724599" spans="14:14">
      <c r="N724599" s="10"/>
    </row>
    <row r="724600" spans="14:14">
      <c r="N724600" s="10"/>
    </row>
    <row r="724601" spans="14:14">
      <c r="N724601" s="10"/>
    </row>
    <row r="724602" spans="14:14">
      <c r="N724602" s="10"/>
    </row>
    <row r="724603" spans="14:14">
      <c r="N724603" s="10"/>
    </row>
    <row r="724604" spans="14:14">
      <c r="N724604" s="10"/>
    </row>
    <row r="724605" spans="14:14">
      <c r="N724605" s="10"/>
    </row>
    <row r="724606" spans="14:14">
      <c r="N724606" s="10"/>
    </row>
    <row r="724607" spans="14:14">
      <c r="N724607" s="10"/>
    </row>
    <row r="724608" spans="14:14">
      <c r="N724608" s="10"/>
    </row>
    <row r="724609" spans="14:14">
      <c r="N724609" s="10"/>
    </row>
    <row r="724610" spans="14:14">
      <c r="N724610" s="10"/>
    </row>
    <row r="724611" spans="14:14">
      <c r="N724611" s="10"/>
    </row>
    <row r="724612" spans="14:14">
      <c r="N724612" s="10"/>
    </row>
    <row r="724613" spans="14:14">
      <c r="N724613" s="10"/>
    </row>
    <row r="724614" spans="14:14">
      <c r="N724614" s="10"/>
    </row>
    <row r="724615" spans="14:14">
      <c r="N724615" s="10"/>
    </row>
    <row r="724616" spans="14:14">
      <c r="N724616" s="10"/>
    </row>
    <row r="724617" spans="14:14">
      <c r="N724617" s="10"/>
    </row>
    <row r="724618" spans="14:14">
      <c r="N724618" s="10"/>
    </row>
    <row r="724619" spans="14:14">
      <c r="N724619" s="10"/>
    </row>
    <row r="724620" spans="14:14">
      <c r="N724620" s="10"/>
    </row>
    <row r="724621" spans="14:14">
      <c r="N724621" s="10"/>
    </row>
    <row r="724622" spans="14:14">
      <c r="N724622" s="10"/>
    </row>
    <row r="724623" spans="14:14">
      <c r="N724623" s="10"/>
    </row>
    <row r="724624" spans="14:14">
      <c r="N724624" s="10"/>
    </row>
    <row r="724625" spans="14:14">
      <c r="N724625" s="10"/>
    </row>
    <row r="724626" spans="14:14">
      <c r="N724626" s="10"/>
    </row>
    <row r="724627" spans="14:14">
      <c r="N724627" s="10"/>
    </row>
    <row r="724628" spans="14:14">
      <c r="N724628" s="10"/>
    </row>
    <row r="724629" spans="14:14">
      <c r="N724629" s="10"/>
    </row>
    <row r="724630" spans="14:14">
      <c r="N724630" s="10"/>
    </row>
    <row r="724631" spans="14:14">
      <c r="N724631" s="10"/>
    </row>
    <row r="724632" spans="14:14">
      <c r="N724632" s="10"/>
    </row>
    <row r="724633" spans="14:14">
      <c r="N724633" s="10"/>
    </row>
    <row r="724634" spans="14:14">
      <c r="N724634" s="10"/>
    </row>
    <row r="724635" spans="14:14">
      <c r="N724635" s="10"/>
    </row>
    <row r="724636" spans="14:14">
      <c r="N724636" s="10"/>
    </row>
    <row r="724637" spans="14:14">
      <c r="N724637" s="10"/>
    </row>
    <row r="724638" spans="14:14">
      <c r="N724638" s="10"/>
    </row>
    <row r="724639" spans="14:14">
      <c r="N724639" s="10"/>
    </row>
    <row r="724640" spans="14:14">
      <c r="N724640" s="10"/>
    </row>
    <row r="724641" spans="14:14">
      <c r="N724641" s="10"/>
    </row>
    <row r="724642" spans="14:14">
      <c r="N724642" s="10"/>
    </row>
    <row r="724643" spans="14:14">
      <c r="N724643" s="10"/>
    </row>
    <row r="724644" spans="14:14">
      <c r="N724644" s="10"/>
    </row>
    <row r="724645" spans="14:14">
      <c r="N724645" s="10"/>
    </row>
    <row r="724646" spans="14:14">
      <c r="N724646" s="10"/>
    </row>
    <row r="724647" spans="14:14">
      <c r="N724647" s="10"/>
    </row>
    <row r="724648" spans="14:14">
      <c r="N724648" s="10"/>
    </row>
    <row r="724649" spans="14:14">
      <c r="N724649" s="10"/>
    </row>
    <row r="724650" spans="14:14">
      <c r="N724650" s="10"/>
    </row>
    <row r="724651" spans="14:14">
      <c r="N724651" s="10"/>
    </row>
    <row r="724652" spans="14:14">
      <c r="N724652" s="10"/>
    </row>
    <row r="724653" spans="14:14">
      <c r="N724653" s="10"/>
    </row>
    <row r="724654" spans="14:14">
      <c r="N724654" s="10"/>
    </row>
    <row r="724655" spans="14:14">
      <c r="N724655" s="10"/>
    </row>
    <row r="724656" spans="14:14">
      <c r="N724656" s="10"/>
    </row>
    <row r="724657" spans="14:14">
      <c r="N724657" s="10"/>
    </row>
    <row r="724658" spans="14:14">
      <c r="N724658" s="10"/>
    </row>
    <row r="724659" spans="14:14">
      <c r="N724659" s="10"/>
    </row>
    <row r="724660" spans="14:14">
      <c r="N724660" s="10"/>
    </row>
    <row r="724661" spans="14:14">
      <c r="N724661" s="10"/>
    </row>
    <row r="724662" spans="14:14">
      <c r="N724662" s="10"/>
    </row>
    <row r="724663" spans="14:14">
      <c r="N724663" s="10"/>
    </row>
    <row r="724664" spans="14:14">
      <c r="N724664" s="10"/>
    </row>
    <row r="724665" spans="14:14">
      <c r="N724665" s="10"/>
    </row>
    <row r="724666" spans="14:14">
      <c r="N724666" s="10"/>
    </row>
    <row r="724667" spans="14:14">
      <c r="N724667" s="10"/>
    </row>
    <row r="724668" spans="14:14">
      <c r="N724668" s="10"/>
    </row>
    <row r="724669" spans="14:14">
      <c r="N724669" s="10"/>
    </row>
    <row r="724670" spans="14:14">
      <c r="N724670" s="10"/>
    </row>
    <row r="724671" spans="14:14">
      <c r="N724671" s="10"/>
    </row>
    <row r="724672" spans="14:14">
      <c r="N724672" s="10"/>
    </row>
    <row r="724673" spans="14:14">
      <c r="N724673" s="10"/>
    </row>
    <row r="724674" spans="14:14">
      <c r="N724674" s="10"/>
    </row>
    <row r="724675" spans="14:14">
      <c r="N724675" s="10"/>
    </row>
    <row r="724676" spans="14:14">
      <c r="N724676" s="10"/>
    </row>
    <row r="724677" spans="14:14">
      <c r="N724677" s="10"/>
    </row>
    <row r="724678" spans="14:14">
      <c r="N724678" s="10"/>
    </row>
    <row r="724679" spans="14:14">
      <c r="N724679" s="10"/>
    </row>
    <row r="724680" spans="14:14">
      <c r="N724680" s="10"/>
    </row>
    <row r="724681" spans="14:14">
      <c r="N724681" s="10"/>
    </row>
    <row r="724682" spans="14:14">
      <c r="N724682" s="10"/>
    </row>
    <row r="724683" spans="14:14">
      <c r="N724683" s="10"/>
    </row>
    <row r="724684" spans="14:14">
      <c r="N724684" s="10"/>
    </row>
    <row r="724685" spans="14:14">
      <c r="N724685" s="10"/>
    </row>
    <row r="724686" spans="14:14">
      <c r="N724686" s="10"/>
    </row>
    <row r="724687" spans="14:14">
      <c r="N724687" s="10"/>
    </row>
    <row r="724688" spans="14:14">
      <c r="N724688" s="10"/>
    </row>
    <row r="724689" spans="14:14">
      <c r="N724689" s="10"/>
    </row>
    <row r="724690" spans="14:14">
      <c r="N724690" s="10"/>
    </row>
    <row r="724691" spans="14:14">
      <c r="N724691" s="10"/>
    </row>
    <row r="724692" spans="14:14">
      <c r="N724692" s="10"/>
    </row>
    <row r="724693" spans="14:14">
      <c r="N724693" s="10"/>
    </row>
    <row r="724694" spans="14:14">
      <c r="N724694" s="10"/>
    </row>
    <row r="724695" spans="14:14">
      <c r="N724695" s="10"/>
    </row>
    <row r="724696" spans="14:14">
      <c r="N724696" s="10"/>
    </row>
    <row r="724697" spans="14:14">
      <c r="N724697" s="10"/>
    </row>
    <row r="724698" spans="14:14">
      <c r="N724698" s="10"/>
    </row>
    <row r="724699" spans="14:14">
      <c r="N724699" s="10"/>
    </row>
    <row r="724700" spans="14:14">
      <c r="N724700" s="10"/>
    </row>
    <row r="724701" spans="14:14">
      <c r="N724701" s="10"/>
    </row>
    <row r="724702" spans="14:14">
      <c r="N724702" s="10"/>
    </row>
    <row r="724703" spans="14:14">
      <c r="N724703" s="10"/>
    </row>
    <row r="724704" spans="14:14">
      <c r="N724704" s="10"/>
    </row>
    <row r="724705" spans="14:14">
      <c r="N724705" s="10"/>
    </row>
    <row r="724706" spans="14:14">
      <c r="N724706" s="10"/>
    </row>
    <row r="724707" spans="14:14">
      <c r="N724707" s="10"/>
    </row>
    <row r="724708" spans="14:14">
      <c r="N724708" s="10"/>
    </row>
    <row r="724709" spans="14:14">
      <c r="N724709" s="10"/>
    </row>
    <row r="724710" spans="14:14">
      <c r="N724710" s="10"/>
    </row>
    <row r="724711" spans="14:14">
      <c r="N724711" s="10"/>
    </row>
    <row r="724712" spans="14:14">
      <c r="N724712" s="10"/>
    </row>
    <row r="724713" spans="14:14">
      <c r="N724713" s="10"/>
    </row>
    <row r="724714" spans="14:14">
      <c r="N724714" s="10"/>
    </row>
    <row r="724715" spans="14:14">
      <c r="N724715" s="10"/>
    </row>
    <row r="724716" spans="14:14">
      <c r="N724716" s="10"/>
    </row>
    <row r="724717" spans="14:14">
      <c r="N724717" s="10"/>
    </row>
    <row r="724718" spans="14:14">
      <c r="N724718" s="10"/>
    </row>
    <row r="724719" spans="14:14">
      <c r="N724719" s="10"/>
    </row>
    <row r="724720" spans="14:14">
      <c r="N724720" s="10"/>
    </row>
    <row r="724721" spans="14:14">
      <c r="N724721" s="10"/>
    </row>
    <row r="724722" spans="14:14">
      <c r="N724722" s="10"/>
    </row>
    <row r="724723" spans="14:14">
      <c r="N724723" s="10"/>
    </row>
    <row r="724724" spans="14:14">
      <c r="N724724" s="10"/>
    </row>
    <row r="724725" spans="14:14">
      <c r="N724725" s="10"/>
    </row>
    <row r="724726" spans="14:14">
      <c r="N724726" s="10"/>
    </row>
    <row r="724727" spans="14:14">
      <c r="N724727" s="10"/>
    </row>
    <row r="724728" spans="14:14">
      <c r="N724728" s="10"/>
    </row>
    <row r="724729" spans="14:14">
      <c r="N724729" s="10"/>
    </row>
    <row r="724730" spans="14:14">
      <c r="N724730" s="10"/>
    </row>
    <row r="724731" spans="14:14">
      <c r="N724731" s="10"/>
    </row>
    <row r="724732" spans="14:14">
      <c r="N724732" s="10"/>
    </row>
    <row r="724733" spans="14:14">
      <c r="N724733" s="10"/>
    </row>
    <row r="724734" spans="14:14">
      <c r="N724734" s="10"/>
    </row>
    <row r="724735" spans="14:14">
      <c r="N724735" s="10"/>
    </row>
    <row r="724736" spans="14:14">
      <c r="N724736" s="10"/>
    </row>
    <row r="724737" spans="14:14">
      <c r="N724737" s="10"/>
    </row>
    <row r="724738" spans="14:14">
      <c r="N724738" s="10"/>
    </row>
    <row r="724739" spans="14:14">
      <c r="N724739" s="10"/>
    </row>
    <row r="724740" spans="14:14">
      <c r="N724740" s="10"/>
    </row>
    <row r="724741" spans="14:14">
      <c r="N724741" s="10"/>
    </row>
    <row r="724742" spans="14:14">
      <c r="N724742" s="10"/>
    </row>
    <row r="724743" spans="14:14">
      <c r="N724743" s="10"/>
    </row>
    <row r="724744" spans="14:14">
      <c r="N724744" s="10"/>
    </row>
    <row r="724745" spans="14:14">
      <c r="N724745" s="10"/>
    </row>
    <row r="724746" spans="14:14">
      <c r="N724746" s="10"/>
    </row>
    <row r="724747" spans="14:14">
      <c r="N724747" s="10"/>
    </row>
    <row r="724748" spans="14:14">
      <c r="N724748" s="10"/>
    </row>
    <row r="724749" spans="14:14">
      <c r="N724749" s="10"/>
    </row>
    <row r="724750" spans="14:14">
      <c r="N724750" s="10"/>
    </row>
    <row r="724751" spans="14:14">
      <c r="N724751" s="10"/>
    </row>
    <row r="724752" spans="14:14">
      <c r="N724752" s="10"/>
    </row>
    <row r="724753" spans="14:14">
      <c r="N724753" s="10"/>
    </row>
    <row r="724754" spans="14:14">
      <c r="N724754" s="10"/>
    </row>
    <row r="724755" spans="14:14">
      <c r="N724755" s="10"/>
    </row>
    <row r="724756" spans="14:14">
      <c r="N724756" s="10"/>
    </row>
    <row r="724757" spans="14:14">
      <c r="N724757" s="10"/>
    </row>
    <row r="724758" spans="14:14">
      <c r="N724758" s="10"/>
    </row>
    <row r="724759" spans="14:14">
      <c r="N724759" s="10"/>
    </row>
    <row r="724760" spans="14:14">
      <c r="N724760" s="10"/>
    </row>
    <row r="724761" spans="14:14">
      <c r="N724761" s="10"/>
    </row>
    <row r="724762" spans="14:14">
      <c r="N724762" s="10"/>
    </row>
    <row r="724763" spans="14:14">
      <c r="N724763" s="10"/>
    </row>
    <row r="724764" spans="14:14">
      <c r="N724764" s="10"/>
    </row>
    <row r="724765" spans="14:14">
      <c r="N724765" s="10"/>
    </row>
    <row r="724766" spans="14:14">
      <c r="N724766" s="10"/>
    </row>
    <row r="724767" spans="14:14">
      <c r="N724767" s="10"/>
    </row>
    <row r="724768" spans="14:14">
      <c r="N724768" s="10"/>
    </row>
    <row r="724769" spans="14:14">
      <c r="N724769" s="10"/>
    </row>
    <row r="724770" spans="14:14">
      <c r="N724770" s="10"/>
    </row>
    <row r="724771" spans="14:14">
      <c r="N724771" s="10"/>
    </row>
    <row r="724772" spans="14:14">
      <c r="N724772" s="10"/>
    </row>
    <row r="724773" spans="14:14">
      <c r="N724773" s="10"/>
    </row>
    <row r="724774" spans="14:14">
      <c r="N724774" s="10"/>
    </row>
    <row r="724775" spans="14:14">
      <c r="N724775" s="10"/>
    </row>
    <row r="724776" spans="14:14">
      <c r="N724776" s="10"/>
    </row>
    <row r="724777" spans="14:14">
      <c r="N724777" s="10"/>
    </row>
    <row r="724778" spans="14:14">
      <c r="N724778" s="10"/>
    </row>
    <row r="724779" spans="14:14">
      <c r="N724779" s="10"/>
    </row>
    <row r="724780" spans="14:14">
      <c r="N724780" s="10"/>
    </row>
    <row r="724781" spans="14:14">
      <c r="N724781" s="10"/>
    </row>
    <row r="724782" spans="14:14">
      <c r="N724782" s="10"/>
    </row>
    <row r="724783" spans="14:14">
      <c r="N724783" s="10"/>
    </row>
    <row r="724784" spans="14:14">
      <c r="N724784" s="10"/>
    </row>
    <row r="724785" spans="14:14">
      <c r="N724785" s="10"/>
    </row>
    <row r="724786" spans="14:14">
      <c r="N724786" s="10"/>
    </row>
    <row r="724787" spans="14:14">
      <c r="N724787" s="10"/>
    </row>
    <row r="724788" spans="14:14">
      <c r="N724788" s="10"/>
    </row>
    <row r="724789" spans="14:14">
      <c r="N724789" s="10"/>
    </row>
    <row r="724790" spans="14:14">
      <c r="N724790" s="10"/>
    </row>
    <row r="724791" spans="14:14">
      <c r="N724791" s="10"/>
    </row>
    <row r="724792" spans="14:14">
      <c r="N724792" s="10"/>
    </row>
    <row r="724793" spans="14:14">
      <c r="N724793" s="10"/>
    </row>
    <row r="724794" spans="14:14">
      <c r="N724794" s="10"/>
    </row>
    <row r="724795" spans="14:14">
      <c r="N724795" s="10"/>
    </row>
    <row r="724796" spans="14:14">
      <c r="N724796" s="10"/>
    </row>
    <row r="724797" spans="14:14">
      <c r="N724797" s="10"/>
    </row>
    <row r="724798" spans="14:14">
      <c r="N724798" s="10"/>
    </row>
    <row r="724799" spans="14:14">
      <c r="N724799" s="10"/>
    </row>
    <row r="724800" spans="14:14">
      <c r="N724800" s="10"/>
    </row>
    <row r="724801" spans="14:14">
      <c r="N724801" s="10"/>
    </row>
    <row r="724802" spans="14:14">
      <c r="N724802" s="10"/>
    </row>
    <row r="724803" spans="14:14">
      <c r="N724803" s="10"/>
    </row>
    <row r="724804" spans="14:14">
      <c r="N724804" s="10"/>
    </row>
    <row r="724805" spans="14:14">
      <c r="N724805" s="10"/>
    </row>
    <row r="724806" spans="14:14">
      <c r="N724806" s="10"/>
    </row>
    <row r="724807" spans="14:14">
      <c r="N724807" s="10"/>
    </row>
    <row r="724808" spans="14:14">
      <c r="N724808" s="10"/>
    </row>
    <row r="724809" spans="14:14">
      <c r="N724809" s="10"/>
    </row>
    <row r="724810" spans="14:14">
      <c r="N724810" s="10"/>
    </row>
    <row r="724811" spans="14:14">
      <c r="N724811" s="10"/>
    </row>
    <row r="724812" spans="14:14">
      <c r="N724812" s="10"/>
    </row>
    <row r="724813" spans="14:14">
      <c r="N724813" s="10"/>
    </row>
    <row r="724814" spans="14:14">
      <c r="N724814" s="10"/>
    </row>
    <row r="724815" spans="14:14">
      <c r="N724815" s="10"/>
    </row>
    <row r="724816" spans="14:14">
      <c r="N724816" s="10"/>
    </row>
    <row r="724817" spans="14:14">
      <c r="N724817" s="10"/>
    </row>
    <row r="724818" spans="14:14">
      <c r="N724818" s="10"/>
    </row>
    <row r="724819" spans="14:14">
      <c r="N724819" s="10"/>
    </row>
    <row r="724820" spans="14:14">
      <c r="N724820" s="10"/>
    </row>
    <row r="724821" spans="14:14">
      <c r="N724821" s="10"/>
    </row>
    <row r="724822" spans="14:14">
      <c r="N724822" s="10"/>
    </row>
    <row r="724823" spans="14:14">
      <c r="N724823" s="10"/>
    </row>
    <row r="724824" spans="14:14">
      <c r="N724824" s="10"/>
    </row>
    <row r="724825" spans="14:14">
      <c r="N724825" s="10"/>
    </row>
    <row r="724826" spans="14:14">
      <c r="N724826" s="10"/>
    </row>
    <row r="724827" spans="14:14">
      <c r="N724827" s="10"/>
    </row>
    <row r="724828" spans="14:14">
      <c r="N724828" s="10"/>
    </row>
    <row r="724829" spans="14:14">
      <c r="N724829" s="10"/>
    </row>
    <row r="724830" spans="14:14">
      <c r="N724830" s="10"/>
    </row>
    <row r="724831" spans="14:14">
      <c r="N724831" s="10"/>
    </row>
    <row r="724832" spans="14:14">
      <c r="N724832" s="10"/>
    </row>
    <row r="724833" spans="14:14">
      <c r="N724833" s="10"/>
    </row>
    <row r="724834" spans="14:14">
      <c r="N724834" s="10"/>
    </row>
    <row r="724835" spans="14:14">
      <c r="N724835" s="10"/>
    </row>
    <row r="724836" spans="14:14">
      <c r="N724836" s="10"/>
    </row>
    <row r="724837" spans="14:14">
      <c r="N724837" s="10"/>
    </row>
    <row r="724838" spans="14:14">
      <c r="N724838" s="10"/>
    </row>
    <row r="724839" spans="14:14">
      <c r="N724839" s="10"/>
    </row>
    <row r="724840" spans="14:14">
      <c r="N724840" s="10"/>
    </row>
    <row r="724841" spans="14:14">
      <c r="N724841" s="10"/>
    </row>
    <row r="724842" spans="14:14">
      <c r="N724842" s="10"/>
    </row>
    <row r="724843" spans="14:14">
      <c r="N724843" s="10"/>
    </row>
    <row r="724844" spans="14:14">
      <c r="N724844" s="10"/>
    </row>
    <row r="724845" spans="14:14">
      <c r="N724845" s="10"/>
    </row>
    <row r="724846" spans="14:14">
      <c r="N724846" s="10"/>
    </row>
    <row r="724847" spans="14:14">
      <c r="N724847" s="10"/>
    </row>
    <row r="724848" spans="14:14">
      <c r="N724848" s="10"/>
    </row>
    <row r="724849" spans="14:14">
      <c r="N724849" s="10"/>
    </row>
    <row r="724850" spans="14:14">
      <c r="N724850" s="10"/>
    </row>
    <row r="724851" spans="14:14">
      <c r="N724851" s="10"/>
    </row>
    <row r="724852" spans="14:14">
      <c r="N724852" s="10"/>
    </row>
    <row r="724853" spans="14:14">
      <c r="N724853" s="10"/>
    </row>
    <row r="724854" spans="14:14">
      <c r="N724854" s="10"/>
    </row>
    <row r="724855" spans="14:14">
      <c r="N724855" s="10"/>
    </row>
    <row r="724856" spans="14:14">
      <c r="N724856" s="10"/>
    </row>
    <row r="724857" spans="14:14">
      <c r="N724857" s="10"/>
    </row>
    <row r="724858" spans="14:14">
      <c r="N724858" s="10"/>
    </row>
    <row r="724859" spans="14:14">
      <c r="N724859" s="10"/>
    </row>
    <row r="724860" spans="14:14">
      <c r="N724860" s="10"/>
    </row>
    <row r="724861" spans="14:14">
      <c r="N724861" s="10"/>
    </row>
    <row r="724862" spans="14:14">
      <c r="N724862" s="10"/>
    </row>
    <row r="724863" spans="14:14">
      <c r="N724863" s="10"/>
    </row>
    <row r="724864" spans="14:14">
      <c r="N724864" s="10"/>
    </row>
    <row r="724865" spans="14:14">
      <c r="N724865" s="10"/>
    </row>
    <row r="724866" spans="14:14">
      <c r="N724866" s="10"/>
    </row>
    <row r="724867" spans="14:14">
      <c r="N724867" s="10"/>
    </row>
    <row r="724868" spans="14:14">
      <c r="N724868" s="10"/>
    </row>
    <row r="724869" spans="14:14">
      <c r="N724869" s="10"/>
    </row>
    <row r="724870" spans="14:14">
      <c r="N724870" s="10"/>
    </row>
    <row r="724871" spans="14:14">
      <c r="N724871" s="10"/>
    </row>
    <row r="724872" spans="14:14">
      <c r="N724872" s="10"/>
    </row>
    <row r="724873" spans="14:14">
      <c r="N724873" s="10"/>
    </row>
    <row r="724874" spans="14:14">
      <c r="N724874" s="10"/>
    </row>
    <row r="724875" spans="14:14">
      <c r="N724875" s="10"/>
    </row>
    <row r="724876" spans="14:14">
      <c r="N724876" s="10"/>
    </row>
    <row r="724877" spans="14:14">
      <c r="N724877" s="10"/>
    </row>
    <row r="724878" spans="14:14">
      <c r="N724878" s="10"/>
    </row>
    <row r="724879" spans="14:14">
      <c r="N724879" s="10"/>
    </row>
    <row r="724880" spans="14:14">
      <c r="N724880" s="10"/>
    </row>
    <row r="724881" spans="14:14">
      <c r="N724881" s="10"/>
    </row>
    <row r="724882" spans="14:14">
      <c r="N724882" s="10"/>
    </row>
    <row r="724883" spans="14:14">
      <c r="N724883" s="10"/>
    </row>
    <row r="724884" spans="14:14">
      <c r="N724884" s="10"/>
    </row>
    <row r="724885" spans="14:14">
      <c r="N724885" s="10"/>
    </row>
    <row r="724886" spans="14:14">
      <c r="N724886" s="10"/>
    </row>
    <row r="724887" spans="14:14">
      <c r="N724887" s="10"/>
    </row>
    <row r="724888" spans="14:14">
      <c r="N724888" s="10"/>
    </row>
    <row r="724889" spans="14:14">
      <c r="N724889" s="10"/>
    </row>
    <row r="724890" spans="14:14">
      <c r="N724890" s="10"/>
    </row>
    <row r="724891" spans="14:14">
      <c r="N724891" s="10"/>
    </row>
    <row r="724892" spans="14:14">
      <c r="N724892" s="10"/>
    </row>
    <row r="724893" spans="14:14">
      <c r="N724893" s="10"/>
    </row>
    <row r="724894" spans="14:14">
      <c r="N724894" s="10"/>
    </row>
    <row r="724895" spans="14:14">
      <c r="N724895" s="10"/>
    </row>
    <row r="724896" spans="14:14">
      <c r="N724896" s="10"/>
    </row>
    <row r="724897" spans="14:14">
      <c r="N724897" s="10"/>
    </row>
    <row r="724898" spans="14:14">
      <c r="N724898" s="10"/>
    </row>
    <row r="724899" spans="14:14">
      <c r="N724899" s="10"/>
    </row>
    <row r="724900" spans="14:14">
      <c r="N724900" s="10"/>
    </row>
    <row r="724901" spans="14:14">
      <c r="N724901" s="10"/>
    </row>
    <row r="724902" spans="14:14">
      <c r="N724902" s="10"/>
    </row>
    <row r="724903" spans="14:14">
      <c r="N724903" s="10"/>
    </row>
    <row r="724904" spans="14:14">
      <c r="N724904" s="10"/>
    </row>
    <row r="724905" spans="14:14">
      <c r="N724905" s="10"/>
    </row>
    <row r="724906" spans="14:14">
      <c r="N724906" s="10"/>
    </row>
    <row r="724907" spans="14:14">
      <c r="N724907" s="10"/>
    </row>
    <row r="724908" spans="14:14">
      <c r="N724908" s="10"/>
    </row>
    <row r="724909" spans="14:14">
      <c r="N724909" s="10"/>
    </row>
    <row r="724910" spans="14:14">
      <c r="N724910" s="10"/>
    </row>
    <row r="724911" spans="14:14">
      <c r="N724911" s="10"/>
    </row>
    <row r="724912" spans="14:14">
      <c r="N724912" s="10"/>
    </row>
    <row r="724913" spans="14:14">
      <c r="N724913" s="10"/>
    </row>
    <row r="724914" spans="14:14">
      <c r="N724914" s="10"/>
    </row>
    <row r="724915" spans="14:14">
      <c r="N724915" s="10"/>
    </row>
    <row r="724916" spans="14:14">
      <c r="N724916" s="10"/>
    </row>
    <row r="724917" spans="14:14">
      <c r="N724917" s="10"/>
    </row>
    <row r="724918" spans="14:14">
      <c r="N724918" s="10"/>
    </row>
    <row r="724919" spans="14:14">
      <c r="N724919" s="10"/>
    </row>
    <row r="724920" spans="14:14">
      <c r="N724920" s="10"/>
    </row>
    <row r="724921" spans="14:14">
      <c r="N724921" s="10"/>
    </row>
    <row r="724922" spans="14:14">
      <c r="N724922" s="10"/>
    </row>
    <row r="724923" spans="14:14">
      <c r="N724923" s="10"/>
    </row>
    <row r="724924" spans="14:14">
      <c r="N724924" s="10"/>
    </row>
    <row r="724925" spans="14:14">
      <c r="N724925" s="10"/>
    </row>
    <row r="724926" spans="14:14">
      <c r="N724926" s="10"/>
    </row>
    <row r="724927" spans="14:14">
      <c r="N724927" s="10"/>
    </row>
    <row r="724928" spans="14:14">
      <c r="N724928" s="10"/>
    </row>
    <row r="724929" spans="14:14">
      <c r="N724929" s="10"/>
    </row>
    <row r="724930" spans="14:14">
      <c r="N724930" s="10"/>
    </row>
    <row r="724931" spans="14:14">
      <c r="N724931" s="10"/>
    </row>
    <row r="724932" spans="14:14">
      <c r="N724932" s="10"/>
    </row>
    <row r="724933" spans="14:14">
      <c r="N724933" s="10"/>
    </row>
    <row r="724934" spans="14:14">
      <c r="N724934" s="10"/>
    </row>
    <row r="724935" spans="14:14">
      <c r="N724935" s="10"/>
    </row>
    <row r="724936" spans="14:14">
      <c r="N724936" s="10"/>
    </row>
    <row r="724937" spans="14:14">
      <c r="N724937" s="10"/>
    </row>
    <row r="724938" spans="14:14">
      <c r="N724938" s="10"/>
    </row>
    <row r="724939" spans="14:14">
      <c r="N724939" s="10"/>
    </row>
    <row r="724940" spans="14:14">
      <c r="N724940" s="10"/>
    </row>
    <row r="724941" spans="14:14">
      <c r="N724941" s="10"/>
    </row>
    <row r="724942" spans="14:14">
      <c r="N724942" s="10"/>
    </row>
    <row r="724943" spans="14:14">
      <c r="N724943" s="10"/>
    </row>
    <row r="724944" spans="14:14">
      <c r="N724944" s="10"/>
    </row>
    <row r="724945" spans="14:14">
      <c r="N724945" s="10"/>
    </row>
    <row r="724946" spans="14:14">
      <c r="N724946" s="10"/>
    </row>
    <row r="724947" spans="14:14">
      <c r="N724947" s="10"/>
    </row>
    <row r="724948" spans="14:14">
      <c r="N724948" s="10"/>
    </row>
    <row r="724949" spans="14:14">
      <c r="N724949" s="10"/>
    </row>
    <row r="724950" spans="14:14">
      <c r="N724950" s="10"/>
    </row>
    <row r="724951" spans="14:14">
      <c r="N724951" s="10"/>
    </row>
    <row r="724952" spans="14:14">
      <c r="N724952" s="10"/>
    </row>
    <row r="724953" spans="14:14">
      <c r="N724953" s="10"/>
    </row>
    <row r="724954" spans="14:14">
      <c r="N724954" s="10"/>
    </row>
    <row r="724955" spans="14:14">
      <c r="N724955" s="10"/>
    </row>
    <row r="724956" spans="14:14">
      <c r="N724956" s="10"/>
    </row>
    <row r="724957" spans="14:14">
      <c r="N724957" s="10"/>
    </row>
    <row r="724958" spans="14:14">
      <c r="N724958" s="10"/>
    </row>
    <row r="724959" spans="14:14">
      <c r="N724959" s="10"/>
    </row>
    <row r="724960" spans="14:14">
      <c r="N724960" s="10"/>
    </row>
    <row r="724961" spans="14:14">
      <c r="N724961" s="10"/>
    </row>
    <row r="724962" spans="14:14">
      <c r="N724962" s="10"/>
    </row>
    <row r="724963" spans="14:14">
      <c r="N724963" s="10"/>
    </row>
    <row r="724964" spans="14:14">
      <c r="N724964" s="10"/>
    </row>
    <row r="724965" spans="14:14">
      <c r="N724965" s="10"/>
    </row>
    <row r="724966" spans="14:14">
      <c r="N724966" s="10"/>
    </row>
    <row r="724967" spans="14:14">
      <c r="N724967" s="10"/>
    </row>
    <row r="724968" spans="14:14">
      <c r="N724968" s="10"/>
    </row>
    <row r="724969" spans="14:14">
      <c r="N724969" s="10"/>
    </row>
    <row r="724970" spans="14:14">
      <c r="N724970" s="10"/>
    </row>
    <row r="724971" spans="14:14">
      <c r="N724971" s="10"/>
    </row>
    <row r="724972" spans="14:14">
      <c r="N724972" s="10"/>
    </row>
    <row r="724973" spans="14:14">
      <c r="N724973" s="10"/>
    </row>
    <row r="724974" spans="14:14">
      <c r="N724974" s="10"/>
    </row>
    <row r="724975" spans="14:14">
      <c r="N724975" s="10"/>
    </row>
    <row r="724976" spans="14:14">
      <c r="N724976" s="10"/>
    </row>
    <row r="724977" spans="14:14">
      <c r="N724977" s="10"/>
    </row>
    <row r="724978" spans="14:14">
      <c r="N724978" s="10"/>
    </row>
    <row r="724979" spans="14:14">
      <c r="N724979" s="10"/>
    </row>
    <row r="724980" spans="14:14">
      <c r="N724980" s="10"/>
    </row>
    <row r="724981" spans="14:14">
      <c r="N724981" s="10"/>
    </row>
    <row r="724982" spans="14:14">
      <c r="N724982" s="10"/>
    </row>
    <row r="724983" spans="14:14">
      <c r="N724983" s="10"/>
    </row>
    <row r="724984" spans="14:14">
      <c r="N724984" s="10"/>
    </row>
    <row r="724985" spans="14:14">
      <c r="N724985" s="10"/>
    </row>
    <row r="724986" spans="14:14">
      <c r="N724986" s="10"/>
    </row>
    <row r="724987" spans="14:14">
      <c r="N724987" s="10"/>
    </row>
    <row r="724988" spans="14:14">
      <c r="N724988" s="10"/>
    </row>
    <row r="724989" spans="14:14">
      <c r="N724989" s="10"/>
    </row>
    <row r="724990" spans="14:14">
      <c r="N724990" s="10"/>
    </row>
    <row r="724991" spans="14:14">
      <c r="N724991" s="10"/>
    </row>
    <row r="724992" spans="14:14">
      <c r="N724992" s="10"/>
    </row>
    <row r="724993" spans="14:14">
      <c r="N724993" s="10"/>
    </row>
    <row r="724994" spans="14:14">
      <c r="N724994" s="10"/>
    </row>
    <row r="724995" spans="14:14">
      <c r="N724995" s="10"/>
    </row>
    <row r="724996" spans="14:14">
      <c r="N724996" s="10"/>
    </row>
    <row r="724997" spans="14:14">
      <c r="N724997" s="10"/>
    </row>
    <row r="724998" spans="14:14">
      <c r="N724998" s="10"/>
    </row>
    <row r="724999" spans="14:14">
      <c r="N724999" s="10"/>
    </row>
    <row r="725000" spans="14:14">
      <c r="N725000" s="10"/>
    </row>
    <row r="725001" spans="14:14">
      <c r="N725001" s="10"/>
    </row>
    <row r="725002" spans="14:14">
      <c r="N725002" s="10"/>
    </row>
    <row r="725003" spans="14:14">
      <c r="N725003" s="10"/>
    </row>
    <row r="725004" spans="14:14">
      <c r="N725004" s="10"/>
    </row>
    <row r="725005" spans="14:14">
      <c r="N725005" s="10"/>
    </row>
    <row r="725006" spans="14:14">
      <c r="N725006" s="10"/>
    </row>
    <row r="725007" spans="14:14">
      <c r="N725007" s="10"/>
    </row>
    <row r="725008" spans="14:14">
      <c r="N725008" s="10"/>
    </row>
    <row r="725009" spans="14:14">
      <c r="N725009" s="10"/>
    </row>
    <row r="725010" spans="14:14">
      <c r="N725010" s="10"/>
    </row>
    <row r="725011" spans="14:14">
      <c r="N725011" s="10"/>
    </row>
    <row r="725012" spans="14:14">
      <c r="N725012" s="10"/>
    </row>
    <row r="725013" spans="14:14">
      <c r="N725013" s="10"/>
    </row>
    <row r="725014" spans="14:14">
      <c r="N725014" s="10"/>
    </row>
    <row r="725015" spans="14:14">
      <c r="N725015" s="10"/>
    </row>
    <row r="725016" spans="14:14">
      <c r="N725016" s="10"/>
    </row>
    <row r="725017" spans="14:14">
      <c r="N725017" s="10"/>
    </row>
    <row r="725018" spans="14:14">
      <c r="N725018" s="10"/>
    </row>
    <row r="725019" spans="14:14">
      <c r="N725019" s="10"/>
    </row>
    <row r="725020" spans="14:14">
      <c r="N725020" s="10"/>
    </row>
    <row r="725021" spans="14:14">
      <c r="N725021" s="10"/>
    </row>
    <row r="725022" spans="14:14">
      <c r="N725022" s="10"/>
    </row>
    <row r="725023" spans="14:14">
      <c r="N725023" s="10"/>
    </row>
    <row r="725024" spans="14:14">
      <c r="N725024" s="10"/>
    </row>
    <row r="725025" spans="14:14">
      <c r="N725025" s="10"/>
    </row>
    <row r="725026" spans="14:14">
      <c r="N725026" s="10"/>
    </row>
    <row r="725027" spans="14:14">
      <c r="N725027" s="10"/>
    </row>
    <row r="725028" spans="14:14">
      <c r="N725028" s="10"/>
    </row>
    <row r="725029" spans="14:14">
      <c r="N725029" s="10"/>
    </row>
    <row r="725030" spans="14:14">
      <c r="N725030" s="10"/>
    </row>
    <row r="725031" spans="14:14">
      <c r="N725031" s="10"/>
    </row>
    <row r="725032" spans="14:14">
      <c r="N725032" s="10"/>
    </row>
    <row r="725033" spans="14:14">
      <c r="N725033" s="10"/>
    </row>
    <row r="725034" spans="14:14">
      <c r="N725034" s="10"/>
    </row>
    <row r="725035" spans="14:14">
      <c r="N725035" s="10"/>
    </row>
    <row r="725036" spans="14:14">
      <c r="N725036" s="10"/>
    </row>
    <row r="725037" spans="14:14">
      <c r="N725037" s="10"/>
    </row>
    <row r="725038" spans="14:14">
      <c r="N725038" s="10"/>
    </row>
    <row r="725039" spans="14:14">
      <c r="N725039" s="10"/>
    </row>
    <row r="725040" spans="14:14">
      <c r="N725040" s="10"/>
    </row>
    <row r="725041" spans="14:14">
      <c r="N725041" s="10"/>
    </row>
    <row r="725042" spans="14:14">
      <c r="N725042" s="10"/>
    </row>
    <row r="725043" spans="14:14">
      <c r="N725043" s="10"/>
    </row>
    <row r="725044" spans="14:14">
      <c r="N725044" s="10"/>
    </row>
    <row r="725045" spans="14:14">
      <c r="N725045" s="10"/>
    </row>
    <row r="725046" spans="14:14">
      <c r="N725046" s="10"/>
    </row>
    <row r="725047" spans="14:14">
      <c r="N725047" s="10"/>
    </row>
    <row r="725048" spans="14:14">
      <c r="N725048" s="10"/>
    </row>
    <row r="725049" spans="14:14">
      <c r="N725049" s="10"/>
    </row>
    <row r="725050" spans="14:14">
      <c r="N725050" s="10"/>
    </row>
    <row r="725051" spans="14:14">
      <c r="N725051" s="10"/>
    </row>
    <row r="725052" spans="14:14">
      <c r="N725052" s="10"/>
    </row>
    <row r="725053" spans="14:14">
      <c r="N725053" s="10"/>
    </row>
    <row r="725054" spans="14:14">
      <c r="N725054" s="10"/>
    </row>
    <row r="725055" spans="14:14">
      <c r="N725055" s="10"/>
    </row>
    <row r="725056" spans="14:14">
      <c r="N725056" s="10"/>
    </row>
    <row r="725057" spans="14:14">
      <c r="N725057" s="10"/>
    </row>
    <row r="725058" spans="14:14">
      <c r="N725058" s="10"/>
    </row>
    <row r="725059" spans="14:14">
      <c r="N725059" s="10"/>
    </row>
    <row r="725060" spans="14:14">
      <c r="N725060" s="10"/>
    </row>
    <row r="725061" spans="14:14">
      <c r="N725061" s="10"/>
    </row>
    <row r="725062" spans="14:14">
      <c r="N725062" s="10"/>
    </row>
    <row r="725063" spans="14:14">
      <c r="N725063" s="10"/>
    </row>
    <row r="725064" spans="14:14">
      <c r="N725064" s="10"/>
    </row>
    <row r="725065" spans="14:14">
      <c r="N725065" s="10"/>
    </row>
    <row r="725066" spans="14:14">
      <c r="N725066" s="10"/>
    </row>
    <row r="725067" spans="14:14">
      <c r="N725067" s="10"/>
    </row>
    <row r="725068" spans="14:14">
      <c r="N725068" s="10"/>
    </row>
    <row r="725069" spans="14:14">
      <c r="N725069" s="10"/>
    </row>
    <row r="725070" spans="14:14">
      <c r="N725070" s="10"/>
    </row>
    <row r="725071" spans="14:14">
      <c r="N725071" s="10"/>
    </row>
    <row r="725072" spans="14:14">
      <c r="N725072" s="10"/>
    </row>
    <row r="725073" spans="14:14">
      <c r="N725073" s="10"/>
    </row>
    <row r="725074" spans="14:14">
      <c r="N725074" s="10"/>
    </row>
    <row r="725075" spans="14:14">
      <c r="N725075" s="10"/>
    </row>
    <row r="725076" spans="14:14">
      <c r="N725076" s="10"/>
    </row>
    <row r="725077" spans="14:14">
      <c r="N725077" s="10"/>
    </row>
    <row r="725078" spans="14:14">
      <c r="N725078" s="10"/>
    </row>
    <row r="725079" spans="14:14">
      <c r="N725079" s="10"/>
    </row>
    <row r="725080" spans="14:14">
      <c r="N725080" s="10"/>
    </row>
    <row r="725081" spans="14:14">
      <c r="N725081" s="10"/>
    </row>
    <row r="725082" spans="14:14">
      <c r="N725082" s="10"/>
    </row>
    <row r="725083" spans="14:14">
      <c r="N725083" s="10"/>
    </row>
    <row r="725084" spans="14:14">
      <c r="N725084" s="10"/>
    </row>
    <row r="725085" spans="14:14">
      <c r="N725085" s="10"/>
    </row>
    <row r="725086" spans="14:14">
      <c r="N725086" s="10"/>
    </row>
    <row r="725087" spans="14:14">
      <c r="N725087" s="10"/>
    </row>
    <row r="725088" spans="14:14">
      <c r="N725088" s="10"/>
    </row>
    <row r="725089" spans="14:14">
      <c r="N725089" s="10"/>
    </row>
    <row r="725090" spans="14:14">
      <c r="N725090" s="10"/>
    </row>
    <row r="725091" spans="14:14">
      <c r="N725091" s="10"/>
    </row>
    <row r="725092" spans="14:14">
      <c r="N725092" s="10"/>
    </row>
    <row r="725093" spans="14:14">
      <c r="N725093" s="10"/>
    </row>
    <row r="725094" spans="14:14">
      <c r="N725094" s="10"/>
    </row>
    <row r="725095" spans="14:14">
      <c r="N725095" s="10"/>
    </row>
    <row r="725096" spans="14:14">
      <c r="N725096" s="10"/>
    </row>
    <row r="725097" spans="14:14">
      <c r="N725097" s="10"/>
    </row>
    <row r="725098" spans="14:14">
      <c r="N725098" s="10"/>
    </row>
    <row r="725099" spans="14:14">
      <c r="N725099" s="10"/>
    </row>
    <row r="725100" spans="14:14">
      <c r="N725100" s="10"/>
    </row>
    <row r="725101" spans="14:14">
      <c r="N725101" s="10"/>
    </row>
    <row r="725102" spans="14:14">
      <c r="N725102" s="10"/>
    </row>
    <row r="725103" spans="14:14">
      <c r="N725103" s="10"/>
    </row>
    <row r="725104" spans="14:14">
      <c r="N725104" s="10"/>
    </row>
    <row r="725105" spans="14:14">
      <c r="N725105" s="10"/>
    </row>
    <row r="725106" spans="14:14">
      <c r="N725106" s="10"/>
    </row>
    <row r="725107" spans="14:14">
      <c r="N725107" s="10"/>
    </row>
    <row r="725108" spans="14:14">
      <c r="N725108" s="10"/>
    </row>
    <row r="725109" spans="14:14">
      <c r="N725109" s="10"/>
    </row>
    <row r="725110" spans="14:14">
      <c r="N725110" s="10"/>
    </row>
    <row r="725111" spans="14:14">
      <c r="N725111" s="10"/>
    </row>
    <row r="725112" spans="14:14">
      <c r="N725112" s="10"/>
    </row>
    <row r="725113" spans="14:14">
      <c r="N725113" s="10"/>
    </row>
    <row r="725114" spans="14:14">
      <c r="N725114" s="10"/>
    </row>
    <row r="725115" spans="14:14">
      <c r="N725115" s="10"/>
    </row>
    <row r="725116" spans="14:14">
      <c r="N725116" s="10"/>
    </row>
    <row r="725117" spans="14:14">
      <c r="N725117" s="10"/>
    </row>
    <row r="725118" spans="14:14">
      <c r="N725118" s="10"/>
    </row>
    <row r="725119" spans="14:14">
      <c r="N725119" s="10"/>
    </row>
    <row r="725120" spans="14:14">
      <c r="N725120" s="10"/>
    </row>
    <row r="725121" spans="14:14">
      <c r="N725121" s="10"/>
    </row>
    <row r="725122" spans="14:14">
      <c r="N725122" s="10"/>
    </row>
    <row r="725123" spans="14:14">
      <c r="N725123" s="10"/>
    </row>
    <row r="725124" spans="14:14">
      <c r="N725124" s="10"/>
    </row>
    <row r="725125" spans="14:14">
      <c r="N725125" s="10"/>
    </row>
    <row r="725126" spans="14:14">
      <c r="N725126" s="10"/>
    </row>
    <row r="725127" spans="14:14">
      <c r="N725127" s="10"/>
    </row>
    <row r="725128" spans="14:14">
      <c r="N725128" s="10"/>
    </row>
    <row r="725129" spans="14:14">
      <c r="N725129" s="10"/>
    </row>
    <row r="725130" spans="14:14">
      <c r="N725130" s="10"/>
    </row>
    <row r="725131" spans="14:14">
      <c r="N725131" s="10"/>
    </row>
    <row r="725132" spans="14:14">
      <c r="N725132" s="10"/>
    </row>
    <row r="725133" spans="14:14">
      <c r="N725133" s="10"/>
    </row>
    <row r="725134" spans="14:14">
      <c r="N725134" s="10"/>
    </row>
    <row r="725135" spans="14:14">
      <c r="N725135" s="10"/>
    </row>
    <row r="725136" spans="14:14">
      <c r="N725136" s="10"/>
    </row>
    <row r="725137" spans="14:14">
      <c r="N725137" s="10"/>
    </row>
    <row r="725138" spans="14:14">
      <c r="N725138" s="10"/>
    </row>
    <row r="725139" spans="14:14">
      <c r="N725139" s="10"/>
    </row>
    <row r="725140" spans="14:14">
      <c r="N725140" s="10"/>
    </row>
    <row r="725141" spans="14:14">
      <c r="N725141" s="10"/>
    </row>
    <row r="725142" spans="14:14">
      <c r="N725142" s="10"/>
    </row>
    <row r="725143" spans="14:14">
      <c r="N725143" s="10"/>
    </row>
    <row r="725144" spans="14:14">
      <c r="N725144" s="10"/>
    </row>
    <row r="725145" spans="14:14">
      <c r="N725145" s="10"/>
    </row>
    <row r="725146" spans="14:14">
      <c r="N725146" s="10"/>
    </row>
    <row r="725147" spans="14:14">
      <c r="N725147" s="10"/>
    </row>
    <row r="725148" spans="14:14">
      <c r="N725148" s="10"/>
    </row>
    <row r="725149" spans="14:14">
      <c r="N725149" s="10"/>
    </row>
    <row r="725150" spans="14:14">
      <c r="N725150" s="10"/>
    </row>
    <row r="725151" spans="14:14">
      <c r="N725151" s="10"/>
    </row>
    <row r="725152" spans="14:14">
      <c r="N725152" s="10"/>
    </row>
    <row r="725153" spans="14:14">
      <c r="N725153" s="10"/>
    </row>
    <row r="725154" spans="14:14">
      <c r="N725154" s="10"/>
    </row>
    <row r="725155" spans="14:14">
      <c r="N725155" s="10"/>
    </row>
    <row r="725156" spans="14:14">
      <c r="N725156" s="10"/>
    </row>
    <row r="725157" spans="14:14">
      <c r="N725157" s="10"/>
    </row>
    <row r="725158" spans="14:14">
      <c r="N725158" s="10"/>
    </row>
    <row r="725159" spans="14:14">
      <c r="N725159" s="10"/>
    </row>
    <row r="725160" spans="14:14">
      <c r="N725160" s="10"/>
    </row>
    <row r="725161" spans="14:14">
      <c r="N725161" s="10"/>
    </row>
    <row r="725162" spans="14:14">
      <c r="N725162" s="10"/>
    </row>
    <row r="725163" spans="14:14">
      <c r="N725163" s="10"/>
    </row>
    <row r="725164" spans="14:14">
      <c r="N725164" s="10"/>
    </row>
    <row r="725165" spans="14:14">
      <c r="N725165" s="10"/>
    </row>
    <row r="725166" spans="14:14">
      <c r="N725166" s="10"/>
    </row>
    <row r="725167" spans="14:14">
      <c r="N725167" s="10"/>
    </row>
    <row r="725168" spans="14:14">
      <c r="N725168" s="10"/>
    </row>
    <row r="725169" spans="14:14">
      <c r="N725169" s="10"/>
    </row>
    <row r="725170" spans="14:14">
      <c r="N725170" s="10"/>
    </row>
    <row r="725171" spans="14:14">
      <c r="N725171" s="10"/>
    </row>
    <row r="725172" spans="14:14">
      <c r="N725172" s="10"/>
    </row>
    <row r="725173" spans="14:14">
      <c r="N725173" s="10"/>
    </row>
    <row r="725174" spans="14:14">
      <c r="N725174" s="10"/>
    </row>
    <row r="725175" spans="14:14">
      <c r="N725175" s="10"/>
    </row>
    <row r="725176" spans="14:14">
      <c r="N725176" s="10"/>
    </row>
    <row r="725177" spans="14:14">
      <c r="N725177" s="10"/>
    </row>
    <row r="725178" spans="14:14">
      <c r="N725178" s="10"/>
    </row>
    <row r="725179" spans="14:14">
      <c r="N725179" s="10"/>
    </row>
    <row r="725180" spans="14:14">
      <c r="N725180" s="10"/>
    </row>
    <row r="725181" spans="14:14">
      <c r="N725181" s="10"/>
    </row>
    <row r="725182" spans="14:14">
      <c r="N725182" s="10"/>
    </row>
    <row r="725183" spans="14:14">
      <c r="N725183" s="10"/>
    </row>
    <row r="725184" spans="14:14">
      <c r="N725184" s="10"/>
    </row>
    <row r="725185" spans="14:14">
      <c r="N725185" s="10"/>
    </row>
    <row r="725186" spans="14:14">
      <c r="N725186" s="10"/>
    </row>
    <row r="725187" spans="14:14">
      <c r="N725187" s="10"/>
    </row>
    <row r="725188" spans="14:14">
      <c r="N725188" s="10"/>
    </row>
    <row r="725189" spans="14:14">
      <c r="N725189" s="10"/>
    </row>
    <row r="725190" spans="14:14">
      <c r="N725190" s="10"/>
    </row>
    <row r="725191" spans="14:14">
      <c r="N725191" s="10"/>
    </row>
    <row r="725192" spans="14:14">
      <c r="N725192" s="10"/>
    </row>
    <row r="725193" spans="14:14">
      <c r="N725193" s="10"/>
    </row>
    <row r="725194" spans="14:14">
      <c r="N725194" s="10"/>
    </row>
    <row r="725195" spans="14:14">
      <c r="N725195" s="10"/>
    </row>
    <row r="725196" spans="14:14">
      <c r="N725196" s="10"/>
    </row>
    <row r="725197" spans="14:14">
      <c r="N725197" s="10"/>
    </row>
    <row r="725198" spans="14:14">
      <c r="N725198" s="10"/>
    </row>
    <row r="725199" spans="14:14">
      <c r="N725199" s="10"/>
    </row>
    <row r="725200" spans="14:14">
      <c r="N725200" s="10"/>
    </row>
    <row r="725201" spans="14:14">
      <c r="N725201" s="10"/>
    </row>
    <row r="725202" spans="14:14">
      <c r="N725202" s="10"/>
    </row>
    <row r="725203" spans="14:14">
      <c r="N725203" s="10"/>
    </row>
    <row r="725204" spans="14:14">
      <c r="N725204" s="10"/>
    </row>
    <row r="725205" spans="14:14">
      <c r="N725205" s="10"/>
    </row>
    <row r="725206" spans="14:14">
      <c r="N725206" s="10"/>
    </row>
    <row r="725207" spans="14:14">
      <c r="N725207" s="10"/>
    </row>
    <row r="725208" spans="14:14">
      <c r="N725208" s="10"/>
    </row>
    <row r="725209" spans="14:14">
      <c r="N725209" s="10"/>
    </row>
    <row r="725210" spans="14:14">
      <c r="N725210" s="10"/>
    </row>
    <row r="725211" spans="14:14">
      <c r="N725211" s="10"/>
    </row>
    <row r="725212" spans="14:14">
      <c r="N725212" s="10"/>
    </row>
    <row r="725213" spans="14:14">
      <c r="N725213" s="10"/>
    </row>
    <row r="725214" spans="14:14">
      <c r="N725214" s="10"/>
    </row>
    <row r="725215" spans="14:14">
      <c r="N725215" s="10"/>
    </row>
    <row r="725216" spans="14:14">
      <c r="N725216" s="10"/>
    </row>
    <row r="725217" spans="14:14">
      <c r="N725217" s="10"/>
    </row>
    <row r="725218" spans="14:14">
      <c r="N725218" s="10"/>
    </row>
    <row r="725219" spans="14:14">
      <c r="N725219" s="10"/>
    </row>
    <row r="725220" spans="14:14">
      <c r="N725220" s="10"/>
    </row>
    <row r="725221" spans="14:14">
      <c r="N725221" s="10"/>
    </row>
    <row r="725222" spans="14:14">
      <c r="N725222" s="10"/>
    </row>
    <row r="725223" spans="14:14">
      <c r="N725223" s="10"/>
    </row>
    <row r="725224" spans="14:14">
      <c r="N725224" s="10"/>
    </row>
    <row r="725225" spans="14:14">
      <c r="N725225" s="10"/>
    </row>
    <row r="725226" spans="14:14">
      <c r="N725226" s="10"/>
    </row>
    <row r="725227" spans="14:14">
      <c r="N725227" s="10"/>
    </row>
    <row r="725228" spans="14:14">
      <c r="N725228" s="10"/>
    </row>
    <row r="725229" spans="14:14">
      <c r="N725229" s="10"/>
    </row>
    <row r="725230" spans="14:14">
      <c r="N725230" s="10"/>
    </row>
    <row r="725231" spans="14:14">
      <c r="N725231" s="10"/>
    </row>
    <row r="725232" spans="14:14">
      <c r="N725232" s="10"/>
    </row>
    <row r="725233" spans="14:14">
      <c r="N725233" s="10"/>
    </row>
    <row r="725234" spans="14:14">
      <c r="N725234" s="10"/>
    </row>
    <row r="725235" spans="14:14">
      <c r="N725235" s="10"/>
    </row>
    <row r="725236" spans="14:14">
      <c r="N725236" s="10"/>
    </row>
    <row r="725237" spans="14:14">
      <c r="N725237" s="10"/>
    </row>
    <row r="725238" spans="14:14">
      <c r="N725238" s="10"/>
    </row>
    <row r="725239" spans="14:14">
      <c r="N725239" s="10"/>
    </row>
    <row r="725240" spans="14:14">
      <c r="N725240" s="10"/>
    </row>
    <row r="725241" spans="14:14">
      <c r="N725241" s="10"/>
    </row>
    <row r="725242" spans="14:14">
      <c r="N725242" s="10"/>
    </row>
    <row r="725243" spans="14:14">
      <c r="N725243" s="10"/>
    </row>
    <row r="725244" spans="14:14">
      <c r="N725244" s="10"/>
    </row>
    <row r="725245" spans="14:14">
      <c r="N725245" s="10"/>
    </row>
    <row r="725246" spans="14:14">
      <c r="N725246" s="10"/>
    </row>
    <row r="725247" spans="14:14">
      <c r="N725247" s="10"/>
    </row>
    <row r="725248" spans="14:14">
      <c r="N725248" s="10"/>
    </row>
    <row r="725249" spans="14:14">
      <c r="N725249" s="10"/>
    </row>
    <row r="725250" spans="14:14">
      <c r="N725250" s="10"/>
    </row>
    <row r="725251" spans="14:14">
      <c r="N725251" s="10"/>
    </row>
    <row r="725252" spans="14:14">
      <c r="N725252" s="10"/>
    </row>
    <row r="725253" spans="14:14">
      <c r="N725253" s="10"/>
    </row>
    <row r="725254" spans="14:14">
      <c r="N725254" s="10"/>
    </row>
    <row r="725255" spans="14:14">
      <c r="N725255" s="10"/>
    </row>
    <row r="725256" spans="14:14">
      <c r="N725256" s="10"/>
    </row>
    <row r="725257" spans="14:14">
      <c r="N725257" s="10"/>
    </row>
    <row r="725258" spans="14:14">
      <c r="N725258" s="10"/>
    </row>
    <row r="725259" spans="14:14">
      <c r="N725259" s="10"/>
    </row>
    <row r="725260" spans="14:14">
      <c r="N725260" s="10"/>
    </row>
    <row r="725261" spans="14:14">
      <c r="N725261" s="10"/>
    </row>
    <row r="725262" spans="14:14">
      <c r="N725262" s="10"/>
    </row>
    <row r="725263" spans="14:14">
      <c r="N725263" s="10"/>
    </row>
    <row r="725264" spans="14:14">
      <c r="N725264" s="10"/>
    </row>
    <row r="725265" spans="14:14">
      <c r="N725265" s="10"/>
    </row>
    <row r="725266" spans="14:14">
      <c r="N725266" s="10"/>
    </row>
    <row r="725267" spans="14:14">
      <c r="N725267" s="10"/>
    </row>
    <row r="725268" spans="14:14">
      <c r="N725268" s="10"/>
    </row>
    <row r="725269" spans="14:14">
      <c r="N725269" s="10"/>
    </row>
    <row r="725270" spans="14:14">
      <c r="N725270" s="10"/>
    </row>
    <row r="725271" spans="14:14">
      <c r="N725271" s="10"/>
    </row>
    <row r="725272" spans="14:14">
      <c r="N725272" s="10"/>
    </row>
    <row r="725273" spans="14:14">
      <c r="N725273" s="10"/>
    </row>
    <row r="725274" spans="14:14">
      <c r="N725274" s="10"/>
    </row>
    <row r="725275" spans="14:14">
      <c r="N725275" s="10"/>
    </row>
    <row r="725276" spans="14:14">
      <c r="N725276" s="10"/>
    </row>
    <row r="725277" spans="14:14">
      <c r="N725277" s="10"/>
    </row>
    <row r="725278" spans="14:14">
      <c r="N725278" s="10"/>
    </row>
    <row r="725279" spans="14:14">
      <c r="N725279" s="10"/>
    </row>
    <row r="725280" spans="14:14">
      <c r="N725280" s="10"/>
    </row>
    <row r="725281" spans="14:14">
      <c r="N725281" s="10"/>
    </row>
    <row r="725282" spans="14:14">
      <c r="N725282" s="10"/>
    </row>
    <row r="725283" spans="14:14">
      <c r="N725283" s="10"/>
    </row>
    <row r="725284" spans="14:14">
      <c r="N725284" s="10"/>
    </row>
    <row r="725285" spans="14:14">
      <c r="N725285" s="10"/>
    </row>
    <row r="725286" spans="14:14">
      <c r="N725286" s="10"/>
    </row>
    <row r="725287" spans="14:14">
      <c r="N725287" s="10"/>
    </row>
    <row r="725288" spans="14:14">
      <c r="N725288" s="10"/>
    </row>
    <row r="725289" spans="14:14">
      <c r="N725289" s="10"/>
    </row>
    <row r="725290" spans="14:14">
      <c r="N725290" s="10"/>
    </row>
    <row r="725291" spans="14:14">
      <c r="N725291" s="10"/>
    </row>
    <row r="725292" spans="14:14">
      <c r="N725292" s="10"/>
    </row>
    <row r="725293" spans="14:14">
      <c r="N725293" s="10"/>
    </row>
    <row r="725294" spans="14:14">
      <c r="N725294" s="10"/>
    </row>
    <row r="725295" spans="14:14">
      <c r="N725295" s="10"/>
    </row>
    <row r="725296" spans="14:14">
      <c r="N725296" s="10"/>
    </row>
    <row r="725297" spans="14:14">
      <c r="N725297" s="10"/>
    </row>
    <row r="725298" spans="14:14">
      <c r="N725298" s="10"/>
    </row>
    <row r="725299" spans="14:14">
      <c r="N725299" s="10"/>
    </row>
    <row r="725300" spans="14:14">
      <c r="N725300" s="10"/>
    </row>
    <row r="725301" spans="14:14">
      <c r="N725301" s="10"/>
    </row>
    <row r="725302" spans="14:14">
      <c r="N725302" s="10"/>
    </row>
    <row r="725303" spans="14:14">
      <c r="N725303" s="10"/>
    </row>
    <row r="725304" spans="14:14">
      <c r="N725304" s="10"/>
    </row>
    <row r="725305" spans="14:14">
      <c r="N725305" s="10"/>
    </row>
    <row r="725306" spans="14:14">
      <c r="N725306" s="10"/>
    </row>
    <row r="725307" spans="14:14">
      <c r="N725307" s="10"/>
    </row>
    <row r="725308" spans="14:14">
      <c r="N725308" s="10"/>
    </row>
    <row r="725309" spans="14:14">
      <c r="N725309" s="10"/>
    </row>
    <row r="725310" spans="14:14">
      <c r="N725310" s="10"/>
    </row>
    <row r="725311" spans="14:14">
      <c r="N725311" s="10"/>
    </row>
    <row r="725312" spans="14:14">
      <c r="N725312" s="10"/>
    </row>
    <row r="725313" spans="14:14">
      <c r="N725313" s="10"/>
    </row>
    <row r="725314" spans="14:14">
      <c r="N725314" s="10"/>
    </row>
    <row r="725315" spans="14:14">
      <c r="N725315" s="10"/>
    </row>
    <row r="725316" spans="14:14">
      <c r="N725316" s="10"/>
    </row>
    <row r="725317" spans="14:14">
      <c r="N725317" s="10"/>
    </row>
    <row r="725318" spans="14:14">
      <c r="N725318" s="10"/>
    </row>
    <row r="725319" spans="14:14">
      <c r="N725319" s="10"/>
    </row>
    <row r="725320" spans="14:14">
      <c r="N725320" s="10"/>
    </row>
    <row r="725321" spans="14:14">
      <c r="N725321" s="10"/>
    </row>
    <row r="725322" spans="14:14">
      <c r="N725322" s="10"/>
    </row>
    <row r="725323" spans="14:14">
      <c r="N725323" s="10"/>
    </row>
    <row r="725324" spans="14:14">
      <c r="N725324" s="10"/>
    </row>
    <row r="725325" spans="14:14">
      <c r="N725325" s="10"/>
    </row>
    <row r="725326" spans="14:14">
      <c r="N725326" s="10"/>
    </row>
    <row r="725327" spans="14:14">
      <c r="N725327" s="10"/>
    </row>
    <row r="725328" spans="14:14">
      <c r="N725328" s="10"/>
    </row>
    <row r="725329" spans="14:14">
      <c r="N725329" s="10"/>
    </row>
    <row r="725330" spans="14:14">
      <c r="N725330" s="10"/>
    </row>
    <row r="725331" spans="14:14">
      <c r="N725331" s="10"/>
    </row>
    <row r="725332" spans="14:14">
      <c r="N725332" s="10"/>
    </row>
    <row r="725333" spans="14:14">
      <c r="N725333" s="10"/>
    </row>
    <row r="725334" spans="14:14">
      <c r="N725334" s="10"/>
    </row>
    <row r="725335" spans="14:14">
      <c r="N725335" s="10"/>
    </row>
    <row r="725336" spans="14:14">
      <c r="N725336" s="10"/>
    </row>
    <row r="725337" spans="14:14">
      <c r="N725337" s="10"/>
    </row>
    <row r="725338" spans="14:14">
      <c r="N725338" s="10"/>
    </row>
    <row r="725339" spans="14:14">
      <c r="N725339" s="10"/>
    </row>
    <row r="725340" spans="14:14">
      <c r="N725340" s="10"/>
    </row>
    <row r="725341" spans="14:14">
      <c r="N725341" s="10"/>
    </row>
    <row r="725342" spans="14:14">
      <c r="N725342" s="10"/>
    </row>
    <row r="725343" spans="14:14">
      <c r="N725343" s="10"/>
    </row>
    <row r="725344" spans="14:14">
      <c r="N725344" s="10"/>
    </row>
    <row r="725345" spans="14:14">
      <c r="N725345" s="10"/>
    </row>
    <row r="725346" spans="14:14">
      <c r="N725346" s="10"/>
    </row>
    <row r="725347" spans="14:14">
      <c r="N725347" s="10"/>
    </row>
    <row r="725348" spans="14:14">
      <c r="N725348" s="10"/>
    </row>
    <row r="725349" spans="14:14">
      <c r="N725349" s="10"/>
    </row>
    <row r="725350" spans="14:14">
      <c r="N725350" s="10"/>
    </row>
    <row r="725351" spans="14:14">
      <c r="N725351" s="10"/>
    </row>
    <row r="725352" spans="14:14">
      <c r="N725352" s="10"/>
    </row>
    <row r="725353" spans="14:14">
      <c r="N725353" s="10"/>
    </row>
    <row r="725354" spans="14:14">
      <c r="N725354" s="10"/>
    </row>
    <row r="725355" spans="14:14">
      <c r="N725355" s="10"/>
    </row>
    <row r="725356" spans="14:14">
      <c r="N725356" s="10"/>
    </row>
    <row r="725357" spans="14:14">
      <c r="N725357" s="10"/>
    </row>
    <row r="725358" spans="14:14">
      <c r="N725358" s="10"/>
    </row>
    <row r="725359" spans="14:14">
      <c r="N725359" s="10"/>
    </row>
    <row r="725360" spans="14:14">
      <c r="N725360" s="10"/>
    </row>
    <row r="725361" spans="14:14">
      <c r="N725361" s="10"/>
    </row>
    <row r="725362" spans="14:14">
      <c r="N725362" s="10"/>
    </row>
    <row r="725363" spans="14:14">
      <c r="N725363" s="10"/>
    </row>
    <row r="725364" spans="14:14">
      <c r="N725364" s="10"/>
    </row>
    <row r="725365" spans="14:14">
      <c r="N725365" s="10"/>
    </row>
    <row r="725366" spans="14:14">
      <c r="N725366" s="10"/>
    </row>
    <row r="725367" spans="14:14">
      <c r="N725367" s="10"/>
    </row>
    <row r="725368" spans="14:14">
      <c r="N725368" s="10"/>
    </row>
    <row r="725369" spans="14:14">
      <c r="N725369" s="10"/>
    </row>
    <row r="725370" spans="14:14">
      <c r="N725370" s="10"/>
    </row>
    <row r="725371" spans="14:14">
      <c r="N725371" s="10"/>
    </row>
    <row r="725372" spans="14:14">
      <c r="N725372" s="10"/>
    </row>
    <row r="725373" spans="14:14">
      <c r="N725373" s="10"/>
    </row>
    <row r="725374" spans="14:14">
      <c r="N725374" s="10"/>
    </row>
    <row r="725375" spans="14:14">
      <c r="N725375" s="10"/>
    </row>
    <row r="725376" spans="14:14">
      <c r="N725376" s="10"/>
    </row>
    <row r="725377" spans="14:14">
      <c r="N725377" s="10"/>
    </row>
    <row r="725378" spans="14:14">
      <c r="N725378" s="10"/>
    </row>
    <row r="725379" spans="14:14">
      <c r="N725379" s="10"/>
    </row>
    <row r="725380" spans="14:14">
      <c r="N725380" s="10"/>
    </row>
    <row r="725381" spans="14:14">
      <c r="N725381" s="10"/>
    </row>
    <row r="725382" spans="14:14">
      <c r="N725382" s="10"/>
    </row>
    <row r="725383" spans="14:14">
      <c r="N725383" s="10"/>
    </row>
    <row r="725384" spans="14:14">
      <c r="N725384" s="10"/>
    </row>
    <row r="725385" spans="14:14">
      <c r="N725385" s="10"/>
    </row>
    <row r="725386" spans="14:14">
      <c r="N725386" s="10"/>
    </row>
    <row r="725387" spans="14:14">
      <c r="N725387" s="10"/>
    </row>
    <row r="725388" spans="14:14">
      <c r="N725388" s="10"/>
    </row>
    <row r="725389" spans="14:14">
      <c r="N725389" s="10"/>
    </row>
    <row r="725390" spans="14:14">
      <c r="N725390" s="10"/>
    </row>
    <row r="725391" spans="14:14">
      <c r="N725391" s="10"/>
    </row>
    <row r="725392" spans="14:14">
      <c r="N725392" s="10"/>
    </row>
    <row r="725393" spans="14:14">
      <c r="N725393" s="10"/>
    </row>
    <row r="725394" spans="14:14">
      <c r="N725394" s="10"/>
    </row>
    <row r="725395" spans="14:14">
      <c r="N725395" s="10"/>
    </row>
    <row r="725396" spans="14:14">
      <c r="N725396" s="10"/>
    </row>
    <row r="725397" spans="14:14">
      <c r="N725397" s="10"/>
    </row>
    <row r="725398" spans="14:14">
      <c r="N725398" s="10"/>
    </row>
    <row r="725399" spans="14:14">
      <c r="N725399" s="10"/>
    </row>
    <row r="725400" spans="14:14">
      <c r="N725400" s="10"/>
    </row>
    <row r="725401" spans="14:14">
      <c r="N725401" s="10"/>
    </row>
    <row r="725402" spans="14:14">
      <c r="N725402" s="10"/>
    </row>
    <row r="725403" spans="14:14">
      <c r="N725403" s="10"/>
    </row>
    <row r="725404" spans="14:14">
      <c r="N725404" s="10"/>
    </row>
    <row r="725405" spans="14:14">
      <c r="N725405" s="10"/>
    </row>
    <row r="725406" spans="14:14">
      <c r="N725406" s="10"/>
    </row>
    <row r="725407" spans="14:14">
      <c r="N725407" s="10"/>
    </row>
    <row r="725408" spans="14:14">
      <c r="N725408" s="10"/>
    </row>
    <row r="725409" spans="14:14">
      <c r="N725409" s="10"/>
    </row>
    <row r="725410" spans="14:14">
      <c r="N725410" s="10"/>
    </row>
    <row r="725411" spans="14:14">
      <c r="N725411" s="10"/>
    </row>
    <row r="725412" spans="14:14">
      <c r="N725412" s="10"/>
    </row>
    <row r="725413" spans="14:14">
      <c r="N725413" s="10"/>
    </row>
    <row r="725414" spans="14:14">
      <c r="N725414" s="10"/>
    </row>
    <row r="725415" spans="14:14">
      <c r="N725415" s="10"/>
    </row>
    <row r="725416" spans="14:14">
      <c r="N725416" s="10"/>
    </row>
    <row r="725417" spans="14:14">
      <c r="N725417" s="10"/>
    </row>
    <row r="725418" spans="14:14">
      <c r="N725418" s="10"/>
    </row>
    <row r="725419" spans="14:14">
      <c r="N725419" s="10"/>
    </row>
    <row r="725420" spans="14:14">
      <c r="N725420" s="10"/>
    </row>
    <row r="725421" spans="14:14">
      <c r="N725421" s="10"/>
    </row>
    <row r="725422" spans="14:14">
      <c r="N725422" s="10"/>
    </row>
    <row r="725423" spans="14:14">
      <c r="N725423" s="10"/>
    </row>
    <row r="725424" spans="14:14">
      <c r="N725424" s="10"/>
    </row>
    <row r="725425" spans="14:14">
      <c r="N725425" s="10"/>
    </row>
    <row r="725426" spans="14:14">
      <c r="N725426" s="10"/>
    </row>
    <row r="725427" spans="14:14">
      <c r="N725427" s="10"/>
    </row>
    <row r="725428" spans="14:14">
      <c r="N725428" s="10"/>
    </row>
    <row r="725429" spans="14:14">
      <c r="N725429" s="10"/>
    </row>
    <row r="725430" spans="14:14">
      <c r="N725430" s="10"/>
    </row>
    <row r="725431" spans="14:14">
      <c r="N725431" s="10"/>
    </row>
    <row r="725432" spans="14:14">
      <c r="N725432" s="10"/>
    </row>
    <row r="725433" spans="14:14">
      <c r="N725433" s="10"/>
    </row>
    <row r="725434" spans="14:14">
      <c r="N725434" s="10"/>
    </row>
    <row r="725435" spans="14:14">
      <c r="N725435" s="10"/>
    </row>
    <row r="725436" spans="14:14">
      <c r="N725436" s="10"/>
    </row>
    <row r="725437" spans="14:14">
      <c r="N725437" s="10"/>
    </row>
    <row r="725438" spans="14:14">
      <c r="N725438" s="10"/>
    </row>
    <row r="725439" spans="14:14">
      <c r="N725439" s="10"/>
    </row>
    <row r="725440" spans="14:14">
      <c r="N725440" s="10"/>
    </row>
    <row r="725441" spans="14:14">
      <c r="N725441" s="10"/>
    </row>
    <row r="725442" spans="14:14">
      <c r="N725442" s="10"/>
    </row>
    <row r="725443" spans="14:14">
      <c r="N725443" s="10"/>
    </row>
    <row r="725444" spans="14:14">
      <c r="N725444" s="10"/>
    </row>
    <row r="725445" spans="14:14">
      <c r="N725445" s="10"/>
    </row>
    <row r="725446" spans="14:14">
      <c r="N725446" s="10"/>
    </row>
    <row r="725447" spans="14:14">
      <c r="N725447" s="10"/>
    </row>
    <row r="725448" spans="14:14">
      <c r="N725448" s="10"/>
    </row>
    <row r="725449" spans="14:14">
      <c r="N725449" s="10"/>
    </row>
    <row r="725450" spans="14:14">
      <c r="N725450" s="10"/>
    </row>
    <row r="725451" spans="14:14">
      <c r="N725451" s="10"/>
    </row>
    <row r="725452" spans="14:14">
      <c r="N725452" s="10"/>
    </row>
    <row r="725453" spans="14:14">
      <c r="N725453" s="10"/>
    </row>
    <row r="725454" spans="14:14">
      <c r="N725454" s="10"/>
    </row>
    <row r="725455" spans="14:14">
      <c r="N725455" s="10"/>
    </row>
    <row r="725456" spans="14:14">
      <c r="N725456" s="10"/>
    </row>
    <row r="725457" spans="14:14">
      <c r="N725457" s="10"/>
    </row>
    <row r="725458" spans="14:14">
      <c r="N725458" s="10"/>
    </row>
    <row r="725459" spans="14:14">
      <c r="N725459" s="10"/>
    </row>
    <row r="725460" spans="14:14">
      <c r="N725460" s="10"/>
    </row>
    <row r="725461" spans="14:14">
      <c r="N725461" s="10"/>
    </row>
    <row r="725462" spans="14:14">
      <c r="N725462" s="10"/>
    </row>
    <row r="725463" spans="14:14">
      <c r="N725463" s="10"/>
    </row>
    <row r="725464" spans="14:14">
      <c r="N725464" s="10"/>
    </row>
    <row r="725465" spans="14:14">
      <c r="N725465" s="10"/>
    </row>
    <row r="725466" spans="14:14">
      <c r="N725466" s="10"/>
    </row>
    <row r="725467" spans="14:14">
      <c r="N725467" s="10"/>
    </row>
    <row r="725468" spans="14:14">
      <c r="N725468" s="10"/>
    </row>
    <row r="725469" spans="14:14">
      <c r="N725469" s="10"/>
    </row>
    <row r="725470" spans="14:14">
      <c r="N725470" s="10"/>
    </row>
    <row r="725471" spans="14:14">
      <c r="N725471" s="10"/>
    </row>
    <row r="725472" spans="14:14">
      <c r="N725472" s="10"/>
    </row>
    <row r="725473" spans="14:14">
      <c r="N725473" s="10"/>
    </row>
    <row r="725474" spans="14:14">
      <c r="N725474" s="10"/>
    </row>
    <row r="725475" spans="14:14">
      <c r="N725475" s="10"/>
    </row>
    <row r="725476" spans="14:14">
      <c r="N725476" s="10"/>
    </row>
    <row r="725477" spans="14:14">
      <c r="N725477" s="10"/>
    </row>
    <row r="725478" spans="14:14">
      <c r="N725478" s="10"/>
    </row>
    <row r="725479" spans="14:14">
      <c r="N725479" s="10"/>
    </row>
    <row r="725480" spans="14:14">
      <c r="N725480" s="10"/>
    </row>
    <row r="725481" spans="14:14">
      <c r="N725481" s="10"/>
    </row>
    <row r="725482" spans="14:14">
      <c r="N725482" s="10"/>
    </row>
    <row r="725483" spans="14:14">
      <c r="N725483" s="10"/>
    </row>
    <row r="725484" spans="14:14">
      <c r="N725484" s="10"/>
    </row>
    <row r="725485" spans="14:14">
      <c r="N725485" s="10"/>
    </row>
    <row r="725486" spans="14:14">
      <c r="N725486" s="10"/>
    </row>
    <row r="725487" spans="14:14">
      <c r="N725487" s="10"/>
    </row>
    <row r="725488" spans="14:14">
      <c r="N725488" s="10"/>
    </row>
    <row r="725489" spans="14:14">
      <c r="N725489" s="10"/>
    </row>
    <row r="725490" spans="14:14">
      <c r="N725490" s="10"/>
    </row>
    <row r="725491" spans="14:14">
      <c r="N725491" s="10"/>
    </row>
    <row r="725492" spans="14:14">
      <c r="N725492" s="10"/>
    </row>
    <row r="725493" spans="14:14">
      <c r="N725493" s="10"/>
    </row>
    <row r="725494" spans="14:14">
      <c r="N725494" s="10"/>
    </row>
    <row r="725495" spans="14:14">
      <c r="N725495" s="10"/>
    </row>
    <row r="725496" spans="14:14">
      <c r="N725496" s="10"/>
    </row>
    <row r="725497" spans="14:14">
      <c r="N725497" s="10"/>
    </row>
    <row r="725498" spans="14:14">
      <c r="N725498" s="10"/>
    </row>
    <row r="725499" spans="14:14">
      <c r="N725499" s="10"/>
    </row>
    <row r="725500" spans="14:14">
      <c r="N725500" s="10"/>
    </row>
    <row r="725501" spans="14:14">
      <c r="N725501" s="10"/>
    </row>
    <row r="725502" spans="14:14">
      <c r="N725502" s="10"/>
    </row>
    <row r="725503" spans="14:14">
      <c r="N725503" s="10"/>
    </row>
    <row r="725504" spans="14:14">
      <c r="N725504" s="10"/>
    </row>
    <row r="725505" spans="14:14">
      <c r="N725505" s="10"/>
    </row>
    <row r="725506" spans="14:14">
      <c r="N725506" s="10"/>
    </row>
    <row r="725507" spans="14:14">
      <c r="N725507" s="10"/>
    </row>
    <row r="725508" spans="14:14">
      <c r="N725508" s="10"/>
    </row>
    <row r="725509" spans="14:14">
      <c r="N725509" s="10"/>
    </row>
    <row r="725510" spans="14:14">
      <c r="N725510" s="10"/>
    </row>
    <row r="725511" spans="14:14">
      <c r="N725511" s="10"/>
    </row>
    <row r="725512" spans="14:14">
      <c r="N725512" s="10"/>
    </row>
    <row r="725513" spans="14:14">
      <c r="N725513" s="10"/>
    </row>
    <row r="725514" spans="14:14">
      <c r="N725514" s="10"/>
    </row>
    <row r="725515" spans="14:14">
      <c r="N725515" s="10"/>
    </row>
    <row r="725516" spans="14:14">
      <c r="N725516" s="10"/>
    </row>
    <row r="725517" spans="14:14">
      <c r="N725517" s="10"/>
    </row>
    <row r="725518" spans="14:14">
      <c r="N725518" s="10"/>
    </row>
    <row r="725519" spans="14:14">
      <c r="N725519" s="10"/>
    </row>
    <row r="725520" spans="14:14">
      <c r="N725520" s="10"/>
    </row>
    <row r="725521" spans="14:14">
      <c r="N725521" s="10"/>
    </row>
    <row r="725522" spans="14:14">
      <c r="N725522" s="10"/>
    </row>
    <row r="725523" spans="14:14">
      <c r="N725523" s="10"/>
    </row>
    <row r="725524" spans="14:14">
      <c r="N725524" s="10"/>
    </row>
    <row r="725525" spans="14:14">
      <c r="N725525" s="10"/>
    </row>
    <row r="725526" spans="14:14">
      <c r="N725526" s="10"/>
    </row>
    <row r="725527" spans="14:14">
      <c r="N725527" s="10"/>
    </row>
    <row r="725528" spans="14:14">
      <c r="N725528" s="10"/>
    </row>
    <row r="725529" spans="14:14">
      <c r="N725529" s="10"/>
    </row>
    <row r="725530" spans="14:14">
      <c r="N725530" s="10"/>
    </row>
    <row r="725531" spans="14:14">
      <c r="N725531" s="10"/>
    </row>
    <row r="725532" spans="14:14">
      <c r="N725532" s="10"/>
    </row>
    <row r="725533" spans="14:14">
      <c r="N725533" s="10"/>
    </row>
    <row r="725534" spans="14:14">
      <c r="N725534" s="10"/>
    </row>
    <row r="725535" spans="14:14">
      <c r="N725535" s="10"/>
    </row>
    <row r="725536" spans="14:14">
      <c r="N725536" s="10"/>
    </row>
    <row r="725537" spans="14:14">
      <c r="N725537" s="10"/>
    </row>
    <row r="725538" spans="14:14">
      <c r="N725538" s="10"/>
    </row>
    <row r="725539" spans="14:14">
      <c r="N725539" s="10"/>
    </row>
    <row r="725540" spans="14:14">
      <c r="N725540" s="10"/>
    </row>
    <row r="725541" spans="14:14">
      <c r="N725541" s="10"/>
    </row>
    <row r="725542" spans="14:14">
      <c r="N725542" s="10"/>
    </row>
    <row r="725543" spans="14:14">
      <c r="N725543" s="10"/>
    </row>
    <row r="725544" spans="14:14">
      <c r="N725544" s="10"/>
    </row>
    <row r="725545" spans="14:14">
      <c r="N725545" s="10"/>
    </row>
    <row r="725546" spans="14:14">
      <c r="N725546" s="10"/>
    </row>
    <row r="725547" spans="14:14">
      <c r="N725547" s="10"/>
    </row>
    <row r="725548" spans="14:14">
      <c r="N725548" s="10"/>
    </row>
    <row r="725549" spans="14:14">
      <c r="N725549" s="10"/>
    </row>
    <row r="725550" spans="14:14">
      <c r="N725550" s="10"/>
    </row>
    <row r="725551" spans="14:14">
      <c r="N725551" s="10"/>
    </row>
    <row r="725552" spans="14:14">
      <c r="N725552" s="10"/>
    </row>
    <row r="725553" spans="14:14">
      <c r="N725553" s="10"/>
    </row>
    <row r="725554" spans="14:14">
      <c r="N725554" s="10"/>
    </row>
    <row r="725555" spans="14:14">
      <c r="N725555" s="10"/>
    </row>
    <row r="725556" spans="14:14">
      <c r="N725556" s="10"/>
    </row>
    <row r="725557" spans="14:14">
      <c r="N725557" s="10"/>
    </row>
    <row r="725558" spans="14:14">
      <c r="N725558" s="10"/>
    </row>
    <row r="725559" spans="14:14">
      <c r="N725559" s="10"/>
    </row>
    <row r="725560" spans="14:14">
      <c r="N725560" s="10"/>
    </row>
    <row r="725561" spans="14:14">
      <c r="N725561" s="10"/>
    </row>
    <row r="725562" spans="14:14">
      <c r="N725562" s="10"/>
    </row>
    <row r="725563" spans="14:14">
      <c r="N725563" s="10"/>
    </row>
    <row r="725564" spans="14:14">
      <c r="N725564" s="10"/>
    </row>
    <row r="725565" spans="14:14">
      <c r="N725565" s="10"/>
    </row>
    <row r="725566" spans="14:14">
      <c r="N725566" s="10"/>
    </row>
    <row r="725567" spans="14:14">
      <c r="N725567" s="10"/>
    </row>
    <row r="725568" spans="14:14">
      <c r="N725568" s="10"/>
    </row>
    <row r="725569" spans="14:14">
      <c r="N725569" s="10"/>
    </row>
    <row r="725570" spans="14:14">
      <c r="N725570" s="10"/>
    </row>
    <row r="725571" spans="14:14">
      <c r="N725571" s="10"/>
    </row>
    <row r="725572" spans="14:14">
      <c r="N725572" s="10"/>
    </row>
    <row r="725573" spans="14:14">
      <c r="N725573" s="10"/>
    </row>
    <row r="725574" spans="14:14">
      <c r="N725574" s="10"/>
    </row>
    <row r="725575" spans="14:14">
      <c r="N725575" s="10"/>
    </row>
    <row r="725576" spans="14:14">
      <c r="N725576" s="10"/>
    </row>
    <row r="725577" spans="14:14">
      <c r="N725577" s="10"/>
    </row>
    <row r="725578" spans="14:14">
      <c r="N725578" s="10"/>
    </row>
    <row r="725579" spans="14:14">
      <c r="N725579" s="10"/>
    </row>
    <row r="725580" spans="14:14">
      <c r="N725580" s="10"/>
    </row>
    <row r="725581" spans="14:14">
      <c r="N725581" s="10"/>
    </row>
    <row r="725582" spans="14:14">
      <c r="N725582" s="10"/>
    </row>
    <row r="725583" spans="14:14">
      <c r="N725583" s="10"/>
    </row>
    <row r="725584" spans="14:14">
      <c r="N725584" s="10"/>
    </row>
    <row r="725585" spans="14:14">
      <c r="N725585" s="10"/>
    </row>
    <row r="725586" spans="14:14">
      <c r="N725586" s="10"/>
    </row>
    <row r="725587" spans="14:14">
      <c r="N725587" s="10"/>
    </row>
    <row r="725588" spans="14:14">
      <c r="N725588" s="10"/>
    </row>
    <row r="725589" spans="14:14">
      <c r="N725589" s="10"/>
    </row>
    <row r="725590" spans="14:14">
      <c r="N725590" s="10"/>
    </row>
    <row r="725591" spans="14:14">
      <c r="N725591" s="10"/>
    </row>
    <row r="725592" spans="14:14">
      <c r="N725592" s="10"/>
    </row>
    <row r="725593" spans="14:14">
      <c r="N725593" s="10"/>
    </row>
    <row r="725594" spans="14:14">
      <c r="N725594" s="10"/>
    </row>
    <row r="725595" spans="14:14">
      <c r="N725595" s="10"/>
    </row>
    <row r="725596" spans="14:14">
      <c r="N725596" s="10"/>
    </row>
    <row r="725597" spans="14:14">
      <c r="N725597" s="10"/>
    </row>
    <row r="725598" spans="14:14">
      <c r="N725598" s="10"/>
    </row>
    <row r="725599" spans="14:14">
      <c r="N725599" s="10"/>
    </row>
    <row r="725600" spans="14:14">
      <c r="N725600" s="10"/>
    </row>
    <row r="725601" spans="14:14">
      <c r="N725601" s="10"/>
    </row>
    <row r="725602" spans="14:14">
      <c r="N725602" s="10"/>
    </row>
    <row r="725603" spans="14:14">
      <c r="N725603" s="10"/>
    </row>
    <row r="725604" spans="14:14">
      <c r="N725604" s="10"/>
    </row>
    <row r="725605" spans="14:14">
      <c r="N725605" s="10"/>
    </row>
    <row r="725606" spans="14:14">
      <c r="N725606" s="10"/>
    </row>
    <row r="725607" spans="14:14">
      <c r="N725607" s="10"/>
    </row>
    <row r="725608" spans="14:14">
      <c r="N725608" s="10"/>
    </row>
    <row r="725609" spans="14:14">
      <c r="N725609" s="10"/>
    </row>
    <row r="725610" spans="14:14">
      <c r="N725610" s="10"/>
    </row>
    <row r="725611" spans="14:14">
      <c r="N725611" s="10"/>
    </row>
    <row r="725612" spans="14:14">
      <c r="N725612" s="10"/>
    </row>
    <row r="725613" spans="14:14">
      <c r="N725613" s="10"/>
    </row>
    <row r="725614" spans="14:14">
      <c r="N725614" s="10"/>
    </row>
    <row r="725615" spans="14:14">
      <c r="N725615" s="10"/>
    </row>
    <row r="725616" spans="14:14">
      <c r="N725616" s="10"/>
    </row>
    <row r="725617" spans="14:14">
      <c r="N725617" s="10"/>
    </row>
    <row r="725618" spans="14:14">
      <c r="N725618" s="10"/>
    </row>
    <row r="725619" spans="14:14">
      <c r="N725619" s="10"/>
    </row>
    <row r="725620" spans="14:14">
      <c r="N725620" s="10"/>
    </row>
    <row r="725621" spans="14:14">
      <c r="N725621" s="10"/>
    </row>
    <row r="725622" spans="14:14">
      <c r="N725622" s="10"/>
    </row>
    <row r="725623" spans="14:14">
      <c r="N725623" s="10"/>
    </row>
    <row r="725624" spans="14:14">
      <c r="N725624" s="10"/>
    </row>
    <row r="725625" spans="14:14">
      <c r="N725625" s="10"/>
    </row>
    <row r="725626" spans="14:14">
      <c r="N725626" s="10"/>
    </row>
    <row r="725627" spans="14:14">
      <c r="N725627" s="10"/>
    </row>
    <row r="725628" spans="14:14">
      <c r="N725628" s="10"/>
    </row>
    <row r="725629" spans="14:14">
      <c r="N725629" s="10"/>
    </row>
    <row r="725630" spans="14:14">
      <c r="N725630" s="10"/>
    </row>
    <row r="725631" spans="14:14">
      <c r="N725631" s="10"/>
    </row>
    <row r="725632" spans="14:14">
      <c r="N725632" s="10"/>
    </row>
    <row r="725633" spans="14:14">
      <c r="N725633" s="10"/>
    </row>
    <row r="725634" spans="14:14">
      <c r="N725634" s="10"/>
    </row>
    <row r="725635" spans="14:14">
      <c r="N725635" s="10"/>
    </row>
    <row r="725636" spans="14:14">
      <c r="N725636" s="10"/>
    </row>
    <row r="725637" spans="14:14">
      <c r="N725637" s="10"/>
    </row>
    <row r="725638" spans="14:14">
      <c r="N725638" s="10"/>
    </row>
    <row r="725639" spans="14:14">
      <c r="N725639" s="10"/>
    </row>
    <row r="725640" spans="14:14">
      <c r="N725640" s="10"/>
    </row>
    <row r="725641" spans="14:14">
      <c r="N725641" s="10"/>
    </row>
    <row r="725642" spans="14:14">
      <c r="N725642" s="10"/>
    </row>
    <row r="725643" spans="14:14">
      <c r="N725643" s="10"/>
    </row>
    <row r="725644" spans="14:14">
      <c r="N725644" s="10"/>
    </row>
    <row r="725645" spans="14:14">
      <c r="N725645" s="10"/>
    </row>
    <row r="725646" spans="14:14">
      <c r="N725646" s="10"/>
    </row>
    <row r="725647" spans="14:14">
      <c r="N725647" s="10"/>
    </row>
    <row r="725648" spans="14:14">
      <c r="N725648" s="10"/>
    </row>
    <row r="725649" spans="14:14">
      <c r="N725649" s="10"/>
    </row>
    <row r="725650" spans="14:14">
      <c r="N725650" s="10"/>
    </row>
    <row r="725651" spans="14:14">
      <c r="N725651" s="10"/>
    </row>
    <row r="725652" spans="14:14">
      <c r="N725652" s="10"/>
    </row>
    <row r="725653" spans="14:14">
      <c r="N725653" s="10"/>
    </row>
    <row r="725654" spans="14:14">
      <c r="N725654" s="10"/>
    </row>
    <row r="725655" spans="14:14">
      <c r="N725655" s="10"/>
    </row>
    <row r="725656" spans="14:14">
      <c r="N725656" s="10"/>
    </row>
    <row r="725657" spans="14:14">
      <c r="N725657" s="10"/>
    </row>
    <row r="725658" spans="14:14">
      <c r="N725658" s="10"/>
    </row>
    <row r="725659" spans="14:14">
      <c r="N725659" s="10"/>
    </row>
    <row r="725660" spans="14:14">
      <c r="N725660" s="10"/>
    </row>
    <row r="725661" spans="14:14">
      <c r="N725661" s="10"/>
    </row>
    <row r="725662" spans="14:14">
      <c r="N725662" s="10"/>
    </row>
    <row r="725663" spans="14:14">
      <c r="N725663" s="10"/>
    </row>
    <row r="725664" spans="14:14">
      <c r="N725664" s="10"/>
    </row>
    <row r="725665" spans="14:14">
      <c r="N725665" s="10"/>
    </row>
    <row r="725666" spans="14:14">
      <c r="N725666" s="10"/>
    </row>
    <row r="725667" spans="14:14">
      <c r="N725667" s="10"/>
    </row>
    <row r="725668" spans="14:14">
      <c r="N725668" s="10"/>
    </row>
    <row r="725669" spans="14:14">
      <c r="N725669" s="10"/>
    </row>
    <row r="725670" spans="14:14">
      <c r="N725670" s="10"/>
    </row>
    <row r="725671" spans="14:14">
      <c r="N725671" s="10"/>
    </row>
    <row r="725672" spans="14:14">
      <c r="N725672" s="10"/>
    </row>
    <row r="725673" spans="14:14">
      <c r="N725673" s="10"/>
    </row>
    <row r="725674" spans="14:14">
      <c r="N725674" s="10"/>
    </row>
    <row r="725675" spans="14:14">
      <c r="N725675" s="10"/>
    </row>
    <row r="725676" spans="14:14">
      <c r="N725676" s="10"/>
    </row>
    <row r="725677" spans="14:14">
      <c r="N725677" s="10"/>
    </row>
    <row r="725678" spans="14:14">
      <c r="N725678" s="10"/>
    </row>
    <row r="725679" spans="14:14">
      <c r="N725679" s="10"/>
    </row>
    <row r="725680" spans="14:14">
      <c r="N725680" s="10"/>
    </row>
    <row r="725681" spans="14:14">
      <c r="N725681" s="10"/>
    </row>
    <row r="725682" spans="14:14">
      <c r="N725682" s="10"/>
    </row>
    <row r="725683" spans="14:14">
      <c r="N725683" s="10"/>
    </row>
    <row r="725684" spans="14:14">
      <c r="N725684" s="10"/>
    </row>
    <row r="725685" spans="14:14">
      <c r="N725685" s="10"/>
    </row>
    <row r="725686" spans="14:14">
      <c r="N725686" s="10"/>
    </row>
    <row r="725687" spans="14:14">
      <c r="N725687" s="10"/>
    </row>
    <row r="725688" spans="14:14">
      <c r="N725688" s="10"/>
    </row>
    <row r="725689" spans="14:14">
      <c r="N725689" s="10"/>
    </row>
    <row r="725690" spans="14:14">
      <c r="N725690" s="10"/>
    </row>
    <row r="725691" spans="14:14">
      <c r="N725691" s="10"/>
    </row>
    <row r="725692" spans="14:14">
      <c r="N725692" s="10"/>
    </row>
    <row r="725693" spans="14:14">
      <c r="N725693" s="10"/>
    </row>
    <row r="725694" spans="14:14">
      <c r="N725694" s="10"/>
    </row>
    <row r="725695" spans="14:14">
      <c r="N725695" s="10"/>
    </row>
    <row r="725696" spans="14:14">
      <c r="N725696" s="10"/>
    </row>
    <row r="725697" spans="14:14">
      <c r="N725697" s="10"/>
    </row>
    <row r="725698" spans="14:14">
      <c r="N725698" s="10"/>
    </row>
    <row r="725699" spans="14:14">
      <c r="N725699" s="10"/>
    </row>
    <row r="725700" spans="14:14">
      <c r="N725700" s="10"/>
    </row>
    <row r="725701" spans="14:14">
      <c r="N725701" s="10"/>
    </row>
    <row r="725702" spans="14:14">
      <c r="N725702" s="10"/>
    </row>
    <row r="725703" spans="14:14">
      <c r="N725703" s="10"/>
    </row>
    <row r="725704" spans="14:14">
      <c r="N725704" s="10"/>
    </row>
    <row r="725705" spans="14:14">
      <c r="N725705" s="10"/>
    </row>
    <row r="725706" spans="14:14">
      <c r="N725706" s="10"/>
    </row>
    <row r="725707" spans="14:14">
      <c r="N725707" s="10"/>
    </row>
    <row r="725708" spans="14:14">
      <c r="N725708" s="10"/>
    </row>
    <row r="725709" spans="14:14">
      <c r="N725709" s="10"/>
    </row>
    <row r="725710" spans="14:14">
      <c r="N725710" s="10"/>
    </row>
    <row r="725711" spans="14:14">
      <c r="N725711" s="10"/>
    </row>
    <row r="725712" spans="14:14">
      <c r="N725712" s="10"/>
    </row>
    <row r="725713" spans="14:14">
      <c r="N725713" s="10"/>
    </row>
    <row r="725714" spans="14:14">
      <c r="N725714" s="10"/>
    </row>
    <row r="725715" spans="14:14">
      <c r="N725715" s="10"/>
    </row>
    <row r="725716" spans="14:14">
      <c r="N725716" s="10"/>
    </row>
    <row r="725717" spans="14:14">
      <c r="N725717" s="10"/>
    </row>
    <row r="725718" spans="14:14">
      <c r="N725718" s="10"/>
    </row>
    <row r="725719" spans="14:14">
      <c r="N725719" s="10"/>
    </row>
    <row r="725720" spans="14:14">
      <c r="N725720" s="10"/>
    </row>
    <row r="725721" spans="14:14">
      <c r="N725721" s="10"/>
    </row>
    <row r="725722" spans="14:14">
      <c r="N725722" s="10"/>
    </row>
    <row r="725723" spans="14:14">
      <c r="N725723" s="10"/>
    </row>
    <row r="725724" spans="14:14">
      <c r="N725724" s="10"/>
    </row>
    <row r="725725" spans="14:14">
      <c r="N725725" s="10"/>
    </row>
    <row r="725726" spans="14:14">
      <c r="N725726" s="10"/>
    </row>
    <row r="725727" spans="14:14">
      <c r="N725727" s="10"/>
    </row>
    <row r="725728" spans="14:14">
      <c r="N725728" s="10"/>
    </row>
    <row r="725729" spans="14:14">
      <c r="N725729" s="10"/>
    </row>
    <row r="725730" spans="14:14">
      <c r="N725730" s="10"/>
    </row>
    <row r="725731" spans="14:14">
      <c r="N725731" s="10"/>
    </row>
    <row r="725732" spans="14:14">
      <c r="N725732" s="10"/>
    </row>
    <row r="725733" spans="14:14">
      <c r="N725733" s="10"/>
    </row>
    <row r="725734" spans="14:14">
      <c r="N725734" s="10"/>
    </row>
    <row r="725735" spans="14:14">
      <c r="N725735" s="10"/>
    </row>
    <row r="725736" spans="14:14">
      <c r="N725736" s="10"/>
    </row>
    <row r="725737" spans="14:14">
      <c r="N725737" s="10"/>
    </row>
    <row r="725738" spans="14:14">
      <c r="N725738" s="10"/>
    </row>
    <row r="725739" spans="14:14">
      <c r="N725739" s="10"/>
    </row>
    <row r="725740" spans="14:14">
      <c r="N725740" s="10"/>
    </row>
    <row r="725741" spans="14:14">
      <c r="N725741" s="10"/>
    </row>
    <row r="725742" spans="14:14">
      <c r="N725742" s="10"/>
    </row>
    <row r="725743" spans="14:14">
      <c r="N725743" s="10"/>
    </row>
    <row r="725744" spans="14:14">
      <c r="N725744" s="10"/>
    </row>
    <row r="725745" spans="14:14">
      <c r="N725745" s="10"/>
    </row>
    <row r="725746" spans="14:14">
      <c r="N725746" s="10"/>
    </row>
    <row r="725747" spans="14:14">
      <c r="N725747" s="10"/>
    </row>
    <row r="725748" spans="14:14">
      <c r="N725748" s="10"/>
    </row>
    <row r="725749" spans="14:14">
      <c r="N725749" s="10"/>
    </row>
    <row r="725750" spans="14:14">
      <c r="N725750" s="10"/>
    </row>
    <row r="725751" spans="14:14">
      <c r="N725751" s="10"/>
    </row>
    <row r="725752" spans="14:14">
      <c r="N725752" s="10"/>
    </row>
    <row r="725753" spans="14:14">
      <c r="N725753" s="10"/>
    </row>
    <row r="725754" spans="14:14">
      <c r="N725754" s="10"/>
    </row>
    <row r="725755" spans="14:14">
      <c r="N725755" s="10"/>
    </row>
    <row r="725756" spans="14:14">
      <c r="N725756" s="10"/>
    </row>
    <row r="725757" spans="14:14">
      <c r="N725757" s="10"/>
    </row>
    <row r="725758" spans="14:14">
      <c r="N725758" s="10"/>
    </row>
    <row r="725759" spans="14:14">
      <c r="N725759" s="10"/>
    </row>
    <row r="725760" spans="14:14">
      <c r="N725760" s="10"/>
    </row>
    <row r="725761" spans="14:14">
      <c r="N725761" s="10"/>
    </row>
    <row r="725762" spans="14:14">
      <c r="N725762" s="10"/>
    </row>
    <row r="725763" spans="14:14">
      <c r="N725763" s="10"/>
    </row>
    <row r="725764" spans="14:14">
      <c r="N725764" s="10"/>
    </row>
    <row r="725765" spans="14:14">
      <c r="N725765" s="10"/>
    </row>
    <row r="725766" spans="14:14">
      <c r="N725766" s="10"/>
    </row>
    <row r="725767" spans="14:14">
      <c r="N725767" s="10"/>
    </row>
    <row r="725768" spans="14:14">
      <c r="N725768" s="10"/>
    </row>
    <row r="725769" spans="14:14">
      <c r="N725769" s="10"/>
    </row>
    <row r="725770" spans="14:14">
      <c r="N725770" s="10"/>
    </row>
    <row r="725771" spans="14:14">
      <c r="N725771" s="10"/>
    </row>
    <row r="725772" spans="14:14">
      <c r="N725772" s="10"/>
    </row>
    <row r="725773" spans="14:14">
      <c r="N725773" s="10"/>
    </row>
    <row r="725774" spans="14:14">
      <c r="N725774" s="10"/>
    </row>
    <row r="725775" spans="14:14">
      <c r="N725775" s="10"/>
    </row>
    <row r="725776" spans="14:14">
      <c r="N725776" s="10"/>
    </row>
    <row r="725777" spans="14:14">
      <c r="N725777" s="10"/>
    </row>
    <row r="725778" spans="14:14">
      <c r="N725778" s="10"/>
    </row>
    <row r="725779" spans="14:14">
      <c r="N725779" s="10"/>
    </row>
    <row r="725780" spans="14:14">
      <c r="N725780" s="10"/>
    </row>
    <row r="725781" spans="14:14">
      <c r="N725781" s="10"/>
    </row>
    <row r="725782" spans="14:14">
      <c r="N725782" s="10"/>
    </row>
    <row r="725783" spans="14:14">
      <c r="N725783" s="10"/>
    </row>
    <row r="725784" spans="14:14">
      <c r="N725784" s="10"/>
    </row>
    <row r="725785" spans="14:14">
      <c r="N725785" s="10"/>
    </row>
    <row r="725786" spans="14:14">
      <c r="N725786" s="10"/>
    </row>
    <row r="725787" spans="14:14">
      <c r="N725787" s="10"/>
    </row>
    <row r="725788" spans="14:14">
      <c r="N725788" s="10"/>
    </row>
    <row r="725789" spans="14:14">
      <c r="N725789" s="10"/>
    </row>
    <row r="725790" spans="14:14">
      <c r="N725790" s="10"/>
    </row>
    <row r="725791" spans="14:14">
      <c r="N725791" s="10"/>
    </row>
    <row r="725792" spans="14:14">
      <c r="N725792" s="10"/>
    </row>
    <row r="725793" spans="14:14">
      <c r="N725793" s="10"/>
    </row>
    <row r="725794" spans="14:14">
      <c r="N725794" s="10"/>
    </row>
    <row r="725795" spans="14:14">
      <c r="N725795" s="10"/>
    </row>
    <row r="725796" spans="14:14">
      <c r="N725796" s="10"/>
    </row>
    <row r="725797" spans="14:14">
      <c r="N725797" s="10"/>
    </row>
    <row r="725798" spans="14:14">
      <c r="N725798" s="10"/>
    </row>
    <row r="725799" spans="14:14">
      <c r="N725799" s="10"/>
    </row>
    <row r="725800" spans="14:14">
      <c r="N725800" s="10"/>
    </row>
    <row r="725801" spans="14:14">
      <c r="N725801" s="10"/>
    </row>
    <row r="725802" spans="14:14">
      <c r="N725802" s="10"/>
    </row>
    <row r="725803" spans="14:14">
      <c r="N725803" s="10"/>
    </row>
    <row r="725804" spans="14:14">
      <c r="N725804" s="10"/>
    </row>
    <row r="725805" spans="14:14">
      <c r="N725805" s="10"/>
    </row>
    <row r="725806" spans="14:14">
      <c r="N725806" s="10"/>
    </row>
    <row r="725807" spans="14:14">
      <c r="N725807" s="10"/>
    </row>
    <row r="725808" spans="14:14">
      <c r="N725808" s="10"/>
    </row>
    <row r="725809" spans="14:14">
      <c r="N725809" s="10"/>
    </row>
    <row r="725810" spans="14:14">
      <c r="N725810" s="10"/>
    </row>
    <row r="725811" spans="14:14">
      <c r="N725811" s="10"/>
    </row>
    <row r="725812" spans="14:14">
      <c r="N725812" s="10"/>
    </row>
    <row r="725813" spans="14:14">
      <c r="N725813" s="10"/>
    </row>
    <row r="725814" spans="14:14">
      <c r="N725814" s="10"/>
    </row>
    <row r="725815" spans="14:14">
      <c r="N725815" s="10"/>
    </row>
    <row r="725816" spans="14:14">
      <c r="N725816" s="10"/>
    </row>
    <row r="725817" spans="14:14">
      <c r="N725817" s="10"/>
    </row>
    <row r="725818" spans="14:14">
      <c r="N725818" s="10"/>
    </row>
    <row r="725819" spans="14:14">
      <c r="N725819" s="10"/>
    </row>
    <row r="725820" spans="14:14">
      <c r="N725820" s="10"/>
    </row>
    <row r="725821" spans="14:14">
      <c r="N725821" s="10"/>
    </row>
    <row r="725822" spans="14:14">
      <c r="N725822" s="10"/>
    </row>
    <row r="725823" spans="14:14">
      <c r="N725823" s="10"/>
    </row>
    <row r="725824" spans="14:14">
      <c r="N725824" s="10"/>
    </row>
    <row r="725825" spans="14:14">
      <c r="N725825" s="10"/>
    </row>
    <row r="725826" spans="14:14">
      <c r="N725826" s="10"/>
    </row>
    <row r="725827" spans="14:14">
      <c r="N725827" s="10"/>
    </row>
    <row r="725828" spans="14:14">
      <c r="N725828" s="10"/>
    </row>
    <row r="725829" spans="14:14">
      <c r="N725829" s="10"/>
    </row>
    <row r="725830" spans="14:14">
      <c r="N725830" s="10"/>
    </row>
    <row r="725831" spans="14:14">
      <c r="N725831" s="10"/>
    </row>
    <row r="725832" spans="14:14">
      <c r="N725832" s="10"/>
    </row>
    <row r="725833" spans="14:14">
      <c r="N725833" s="10"/>
    </row>
    <row r="725834" spans="14:14">
      <c r="N725834" s="10"/>
    </row>
    <row r="725835" spans="14:14">
      <c r="N725835" s="10"/>
    </row>
    <row r="725836" spans="14:14">
      <c r="N725836" s="10"/>
    </row>
    <row r="725837" spans="14:14">
      <c r="N725837" s="10"/>
    </row>
    <row r="725838" spans="14:14">
      <c r="N725838" s="10"/>
    </row>
    <row r="725839" spans="14:14">
      <c r="N725839" s="10"/>
    </row>
    <row r="725840" spans="14:14">
      <c r="N725840" s="10"/>
    </row>
    <row r="725841" spans="14:14">
      <c r="N725841" s="10"/>
    </row>
    <row r="725842" spans="14:14">
      <c r="N725842" s="10"/>
    </row>
    <row r="725843" spans="14:14">
      <c r="N725843" s="10"/>
    </row>
    <row r="725844" spans="14:14">
      <c r="N725844" s="10"/>
    </row>
    <row r="725845" spans="14:14">
      <c r="N725845" s="10"/>
    </row>
    <row r="725846" spans="14:14">
      <c r="N725846" s="10"/>
    </row>
    <row r="725847" spans="14:14">
      <c r="N725847" s="10"/>
    </row>
    <row r="725848" spans="14:14">
      <c r="N725848" s="10"/>
    </row>
    <row r="725849" spans="14:14">
      <c r="N725849" s="10"/>
    </row>
    <row r="725850" spans="14:14">
      <c r="N725850" s="10"/>
    </row>
    <row r="725851" spans="14:14">
      <c r="N725851" s="10"/>
    </row>
    <row r="725852" spans="14:14">
      <c r="N725852" s="10"/>
    </row>
    <row r="725853" spans="14:14">
      <c r="N725853" s="10"/>
    </row>
    <row r="725854" spans="14:14">
      <c r="N725854" s="10"/>
    </row>
    <row r="725855" spans="14:14">
      <c r="N725855" s="10"/>
    </row>
    <row r="725856" spans="14:14">
      <c r="N725856" s="10"/>
    </row>
    <row r="725857" spans="14:14">
      <c r="N725857" s="10"/>
    </row>
    <row r="725858" spans="14:14">
      <c r="N725858" s="10"/>
    </row>
    <row r="725859" spans="14:14">
      <c r="N725859" s="10"/>
    </row>
    <row r="725860" spans="14:14">
      <c r="N725860" s="10"/>
    </row>
    <row r="725861" spans="14:14">
      <c r="N725861" s="10"/>
    </row>
    <row r="725862" spans="14:14">
      <c r="N725862" s="10"/>
    </row>
    <row r="725863" spans="14:14">
      <c r="N725863" s="10"/>
    </row>
    <row r="725864" spans="14:14">
      <c r="N725864" s="10"/>
    </row>
    <row r="725865" spans="14:14">
      <c r="N725865" s="10"/>
    </row>
    <row r="725866" spans="14:14">
      <c r="N725866" s="10"/>
    </row>
    <row r="725867" spans="14:14">
      <c r="N725867" s="10"/>
    </row>
    <row r="725868" spans="14:14">
      <c r="N725868" s="10"/>
    </row>
    <row r="725869" spans="14:14">
      <c r="N725869" s="10"/>
    </row>
    <row r="725870" spans="14:14">
      <c r="N725870" s="10"/>
    </row>
    <row r="725871" spans="14:14">
      <c r="N725871" s="10"/>
    </row>
    <row r="725872" spans="14:14">
      <c r="N725872" s="10"/>
    </row>
    <row r="725873" spans="14:14">
      <c r="N725873" s="10"/>
    </row>
    <row r="725874" spans="14:14">
      <c r="N725874" s="10"/>
    </row>
    <row r="725875" spans="14:14">
      <c r="N725875" s="10"/>
    </row>
    <row r="725876" spans="14:14">
      <c r="N725876" s="10"/>
    </row>
    <row r="725877" spans="14:14">
      <c r="N725877" s="10"/>
    </row>
    <row r="725878" spans="14:14">
      <c r="N725878" s="10"/>
    </row>
    <row r="725879" spans="14:14">
      <c r="N725879" s="10"/>
    </row>
    <row r="725880" spans="14:14">
      <c r="N725880" s="10"/>
    </row>
    <row r="725881" spans="14:14">
      <c r="N725881" s="10"/>
    </row>
    <row r="725882" spans="14:14">
      <c r="N725882" s="10"/>
    </row>
    <row r="725883" spans="14:14">
      <c r="N725883" s="10"/>
    </row>
    <row r="725884" spans="14:14">
      <c r="N725884" s="10"/>
    </row>
    <row r="725885" spans="14:14">
      <c r="N725885" s="10"/>
    </row>
    <row r="725886" spans="14:14">
      <c r="N725886" s="10"/>
    </row>
    <row r="725887" spans="14:14">
      <c r="N725887" s="10"/>
    </row>
    <row r="725888" spans="14:14">
      <c r="N725888" s="10"/>
    </row>
    <row r="725889" spans="14:14">
      <c r="N725889" s="10"/>
    </row>
    <row r="725890" spans="14:14">
      <c r="N725890" s="10"/>
    </row>
    <row r="725891" spans="14:14">
      <c r="N725891" s="10"/>
    </row>
    <row r="725892" spans="14:14">
      <c r="N725892" s="10"/>
    </row>
    <row r="725893" spans="14:14">
      <c r="N725893" s="10"/>
    </row>
    <row r="725894" spans="14:14">
      <c r="N725894" s="10"/>
    </row>
    <row r="725895" spans="14:14">
      <c r="N725895" s="10"/>
    </row>
    <row r="725896" spans="14:14">
      <c r="N725896" s="10"/>
    </row>
    <row r="725897" spans="14:14">
      <c r="N725897" s="10"/>
    </row>
    <row r="725898" spans="14:14">
      <c r="N725898" s="10"/>
    </row>
    <row r="725899" spans="14:14">
      <c r="N725899" s="10"/>
    </row>
    <row r="725900" spans="14:14">
      <c r="N725900" s="10"/>
    </row>
    <row r="725901" spans="14:14">
      <c r="N725901" s="10"/>
    </row>
    <row r="725902" spans="14:14">
      <c r="N725902" s="10"/>
    </row>
    <row r="725903" spans="14:14">
      <c r="N725903" s="10"/>
    </row>
    <row r="725904" spans="14:14">
      <c r="N725904" s="10"/>
    </row>
    <row r="725905" spans="14:14">
      <c r="N725905" s="10"/>
    </row>
    <row r="725906" spans="14:14">
      <c r="N725906" s="10"/>
    </row>
    <row r="725907" spans="14:14">
      <c r="N725907" s="10"/>
    </row>
    <row r="725908" spans="14:14">
      <c r="N725908" s="10"/>
    </row>
    <row r="725909" spans="14:14">
      <c r="N725909" s="10"/>
    </row>
    <row r="725910" spans="14:14">
      <c r="N725910" s="10"/>
    </row>
    <row r="725911" spans="14:14">
      <c r="N725911" s="10"/>
    </row>
    <row r="725912" spans="14:14">
      <c r="N725912" s="10"/>
    </row>
    <row r="725913" spans="14:14">
      <c r="N725913" s="10"/>
    </row>
    <row r="725914" spans="14:14">
      <c r="N725914" s="10"/>
    </row>
    <row r="725915" spans="14:14">
      <c r="N725915" s="10"/>
    </row>
    <row r="725916" spans="14:14">
      <c r="N725916" s="10"/>
    </row>
    <row r="725917" spans="14:14">
      <c r="N725917" s="10"/>
    </row>
    <row r="725918" spans="14:14">
      <c r="N725918" s="10"/>
    </row>
    <row r="725919" spans="14:14">
      <c r="N725919" s="10"/>
    </row>
    <row r="725920" spans="14:14">
      <c r="N725920" s="10"/>
    </row>
    <row r="725921" spans="14:14">
      <c r="N725921" s="10"/>
    </row>
    <row r="725922" spans="14:14">
      <c r="N725922" s="10"/>
    </row>
    <row r="725923" spans="14:14">
      <c r="N725923" s="10"/>
    </row>
    <row r="725924" spans="14:14">
      <c r="N725924" s="10"/>
    </row>
    <row r="725925" spans="14:14">
      <c r="N725925" s="10"/>
    </row>
    <row r="725926" spans="14:14">
      <c r="N725926" s="10"/>
    </row>
    <row r="725927" spans="14:14">
      <c r="N725927" s="10"/>
    </row>
    <row r="725928" spans="14:14">
      <c r="N725928" s="10"/>
    </row>
    <row r="725929" spans="14:14">
      <c r="N725929" s="10"/>
    </row>
    <row r="725930" spans="14:14">
      <c r="N725930" s="10"/>
    </row>
    <row r="725931" spans="14:14">
      <c r="N725931" s="10"/>
    </row>
    <row r="725932" spans="14:14">
      <c r="N725932" s="10"/>
    </row>
    <row r="725933" spans="14:14">
      <c r="N725933" s="10"/>
    </row>
    <row r="725934" spans="14:14">
      <c r="N725934" s="10"/>
    </row>
    <row r="725935" spans="14:14">
      <c r="N725935" s="10"/>
    </row>
    <row r="725936" spans="14:14">
      <c r="N725936" s="10"/>
    </row>
    <row r="725937" spans="14:14">
      <c r="N725937" s="10"/>
    </row>
    <row r="725938" spans="14:14">
      <c r="N725938" s="10"/>
    </row>
    <row r="725939" spans="14:14">
      <c r="N725939" s="10"/>
    </row>
    <row r="725940" spans="14:14">
      <c r="N725940" s="10"/>
    </row>
    <row r="725941" spans="14:14">
      <c r="N725941" s="10"/>
    </row>
    <row r="725942" spans="14:14">
      <c r="N725942" s="10"/>
    </row>
    <row r="725943" spans="14:14">
      <c r="N725943" s="10"/>
    </row>
    <row r="725944" spans="14:14">
      <c r="N725944" s="10"/>
    </row>
    <row r="725945" spans="14:14">
      <c r="N725945" s="10"/>
    </row>
    <row r="725946" spans="14:14">
      <c r="N725946" s="10"/>
    </row>
    <row r="725947" spans="14:14">
      <c r="N725947" s="10"/>
    </row>
    <row r="725948" spans="14:14">
      <c r="N725948" s="10"/>
    </row>
    <row r="725949" spans="14:14">
      <c r="N725949" s="10"/>
    </row>
    <row r="725950" spans="14:14">
      <c r="N725950" s="10"/>
    </row>
    <row r="725951" spans="14:14">
      <c r="N725951" s="10"/>
    </row>
    <row r="725952" spans="14:14">
      <c r="N725952" s="10"/>
    </row>
    <row r="725953" spans="14:14">
      <c r="N725953" s="10"/>
    </row>
    <row r="725954" spans="14:14">
      <c r="N725954" s="10"/>
    </row>
    <row r="725955" spans="14:14">
      <c r="N725955" s="10"/>
    </row>
    <row r="725956" spans="14:14">
      <c r="N725956" s="10"/>
    </row>
    <row r="725957" spans="14:14">
      <c r="N725957" s="10"/>
    </row>
    <row r="725958" spans="14:14">
      <c r="N725958" s="10"/>
    </row>
    <row r="725959" spans="14:14">
      <c r="N725959" s="10"/>
    </row>
    <row r="725960" spans="14:14">
      <c r="N725960" s="10"/>
    </row>
    <row r="725961" spans="14:14">
      <c r="N725961" s="10"/>
    </row>
    <row r="725962" spans="14:14">
      <c r="N725962" s="10"/>
    </row>
    <row r="725963" spans="14:14">
      <c r="N725963" s="10"/>
    </row>
    <row r="725964" spans="14:14">
      <c r="N725964" s="10"/>
    </row>
    <row r="725965" spans="14:14">
      <c r="N725965" s="10"/>
    </row>
    <row r="725966" spans="14:14">
      <c r="N725966" s="10"/>
    </row>
    <row r="725967" spans="14:14">
      <c r="N725967" s="10"/>
    </row>
    <row r="725968" spans="14:14">
      <c r="N725968" s="10"/>
    </row>
    <row r="725969" spans="14:14">
      <c r="N725969" s="10"/>
    </row>
    <row r="725970" spans="14:14">
      <c r="N725970" s="10"/>
    </row>
    <row r="725971" spans="14:14">
      <c r="N725971" s="10"/>
    </row>
    <row r="725972" spans="14:14">
      <c r="N725972" s="10"/>
    </row>
    <row r="725973" spans="14:14">
      <c r="N725973" s="10"/>
    </row>
    <row r="725974" spans="14:14">
      <c r="N725974" s="10"/>
    </row>
    <row r="725975" spans="14:14">
      <c r="N725975" s="10"/>
    </row>
    <row r="725976" spans="14:14">
      <c r="N725976" s="10"/>
    </row>
    <row r="725977" spans="14:14">
      <c r="N725977" s="10"/>
    </row>
    <row r="725978" spans="14:14">
      <c r="N725978" s="10"/>
    </row>
    <row r="725979" spans="14:14">
      <c r="N725979" s="10"/>
    </row>
    <row r="725980" spans="14:14">
      <c r="N725980" s="10"/>
    </row>
    <row r="725981" spans="14:14">
      <c r="N725981" s="10"/>
    </row>
    <row r="725982" spans="14:14">
      <c r="N725982" s="10"/>
    </row>
    <row r="725983" spans="14:14">
      <c r="N725983" s="10"/>
    </row>
    <row r="725984" spans="14:14">
      <c r="N725984" s="10"/>
    </row>
    <row r="725985" spans="14:14">
      <c r="N725985" s="10"/>
    </row>
    <row r="725986" spans="14:14">
      <c r="N725986" s="10"/>
    </row>
    <row r="725987" spans="14:14">
      <c r="N725987" s="10"/>
    </row>
    <row r="725988" spans="14:14">
      <c r="N725988" s="10"/>
    </row>
    <row r="725989" spans="14:14">
      <c r="N725989" s="10"/>
    </row>
    <row r="725990" spans="14:14">
      <c r="N725990" s="10"/>
    </row>
    <row r="725991" spans="14:14">
      <c r="N725991" s="10"/>
    </row>
    <row r="725992" spans="14:14">
      <c r="N725992" s="10"/>
    </row>
    <row r="725993" spans="14:14">
      <c r="N725993" s="10"/>
    </row>
    <row r="725994" spans="14:14">
      <c r="N725994" s="10"/>
    </row>
    <row r="725995" spans="14:14">
      <c r="N725995" s="10"/>
    </row>
    <row r="725996" spans="14:14">
      <c r="N725996" s="10"/>
    </row>
    <row r="725997" spans="14:14">
      <c r="N725997" s="10"/>
    </row>
    <row r="725998" spans="14:14">
      <c r="N725998" s="10"/>
    </row>
    <row r="725999" spans="14:14">
      <c r="N725999" s="10"/>
    </row>
    <row r="726000" spans="14:14">
      <c r="N726000" s="10"/>
    </row>
    <row r="726001" spans="14:14">
      <c r="N726001" s="10"/>
    </row>
    <row r="726002" spans="14:14">
      <c r="N726002" s="10"/>
    </row>
    <row r="726003" spans="14:14">
      <c r="N726003" s="10"/>
    </row>
    <row r="726004" spans="14:14">
      <c r="N726004" s="10"/>
    </row>
    <row r="726005" spans="14:14">
      <c r="N726005" s="10"/>
    </row>
    <row r="726006" spans="14:14">
      <c r="N726006" s="10"/>
    </row>
    <row r="726007" spans="14:14">
      <c r="N726007" s="10"/>
    </row>
    <row r="726008" spans="14:14">
      <c r="N726008" s="10"/>
    </row>
    <row r="726009" spans="14:14">
      <c r="N726009" s="10"/>
    </row>
    <row r="726010" spans="14:14">
      <c r="N726010" s="10"/>
    </row>
    <row r="726011" spans="14:14">
      <c r="N726011" s="10"/>
    </row>
    <row r="726012" spans="14:14">
      <c r="N726012" s="10"/>
    </row>
    <row r="726013" spans="14:14">
      <c r="N726013" s="10"/>
    </row>
    <row r="726014" spans="14:14">
      <c r="N726014" s="10"/>
    </row>
    <row r="726015" spans="14:14">
      <c r="N726015" s="10"/>
    </row>
    <row r="726016" spans="14:14">
      <c r="N726016" s="10"/>
    </row>
    <row r="726017" spans="14:14">
      <c r="N726017" s="10"/>
    </row>
    <row r="726018" spans="14:14">
      <c r="N726018" s="10"/>
    </row>
    <row r="726019" spans="14:14">
      <c r="N726019" s="10"/>
    </row>
    <row r="726020" spans="14:14">
      <c r="N726020" s="10"/>
    </row>
    <row r="726021" spans="14:14">
      <c r="N726021" s="10"/>
    </row>
    <row r="726022" spans="14:14">
      <c r="N726022" s="10"/>
    </row>
    <row r="726023" spans="14:14">
      <c r="N726023" s="10"/>
    </row>
    <row r="726024" spans="14:14">
      <c r="N726024" s="10"/>
    </row>
    <row r="726025" spans="14:14">
      <c r="N726025" s="10"/>
    </row>
    <row r="726026" spans="14:14">
      <c r="N726026" s="10"/>
    </row>
    <row r="726027" spans="14:14">
      <c r="N726027" s="10"/>
    </row>
    <row r="726028" spans="14:14">
      <c r="N726028" s="10"/>
    </row>
    <row r="726029" spans="14:14">
      <c r="N726029" s="10"/>
    </row>
    <row r="726030" spans="14:14">
      <c r="N726030" s="10"/>
    </row>
    <row r="726031" spans="14:14">
      <c r="N726031" s="10"/>
    </row>
    <row r="726032" spans="14:14">
      <c r="N726032" s="10"/>
    </row>
    <row r="726033" spans="14:14">
      <c r="N726033" s="10"/>
    </row>
    <row r="726034" spans="14:14">
      <c r="N726034" s="10"/>
    </row>
    <row r="726035" spans="14:14">
      <c r="N726035" s="10"/>
    </row>
    <row r="726036" spans="14:14">
      <c r="N726036" s="10"/>
    </row>
    <row r="726037" spans="14:14">
      <c r="N726037" s="10"/>
    </row>
    <row r="726038" spans="14:14">
      <c r="N726038" s="10"/>
    </row>
    <row r="726039" spans="14:14">
      <c r="N726039" s="10"/>
    </row>
    <row r="726040" spans="14:14">
      <c r="N726040" s="10"/>
    </row>
    <row r="726041" spans="14:14">
      <c r="N726041" s="10"/>
    </row>
    <row r="726042" spans="14:14">
      <c r="N726042" s="10"/>
    </row>
    <row r="726043" spans="14:14">
      <c r="N726043" s="10"/>
    </row>
    <row r="726044" spans="14:14">
      <c r="N726044" s="10"/>
    </row>
    <row r="726045" spans="14:14">
      <c r="N726045" s="10"/>
    </row>
    <row r="726046" spans="14:14">
      <c r="N726046" s="10"/>
    </row>
    <row r="726047" spans="14:14">
      <c r="N726047" s="10"/>
    </row>
    <row r="726048" spans="14:14">
      <c r="N726048" s="10"/>
    </row>
    <row r="726049" spans="14:14">
      <c r="N726049" s="10"/>
    </row>
    <row r="726050" spans="14:14">
      <c r="N726050" s="10"/>
    </row>
    <row r="726051" spans="14:14">
      <c r="N726051" s="10"/>
    </row>
    <row r="726052" spans="14:14">
      <c r="N726052" s="10"/>
    </row>
    <row r="726053" spans="14:14">
      <c r="N726053" s="10"/>
    </row>
    <row r="726054" spans="14:14">
      <c r="N726054" s="10"/>
    </row>
    <row r="726055" spans="14:14">
      <c r="N726055" s="10"/>
    </row>
    <row r="726056" spans="14:14">
      <c r="N726056" s="10"/>
    </row>
    <row r="726057" spans="14:14">
      <c r="N726057" s="10"/>
    </row>
    <row r="726058" spans="14:14">
      <c r="N726058" s="10"/>
    </row>
    <row r="726059" spans="14:14">
      <c r="N726059" s="10"/>
    </row>
    <row r="726060" spans="14:14">
      <c r="N726060" s="10"/>
    </row>
    <row r="726061" spans="14:14">
      <c r="N726061" s="10"/>
    </row>
    <row r="726062" spans="14:14">
      <c r="N726062" s="10"/>
    </row>
    <row r="726063" spans="14:14">
      <c r="N726063" s="10"/>
    </row>
    <row r="726064" spans="14:14">
      <c r="N726064" s="10"/>
    </row>
    <row r="726065" spans="14:14">
      <c r="N726065" s="10"/>
    </row>
    <row r="726066" spans="14:14">
      <c r="N726066" s="10"/>
    </row>
    <row r="726067" spans="14:14">
      <c r="N726067" s="10"/>
    </row>
    <row r="726068" spans="14:14">
      <c r="N726068" s="10"/>
    </row>
    <row r="726069" spans="14:14">
      <c r="N726069" s="10"/>
    </row>
    <row r="726070" spans="14:14">
      <c r="N726070" s="10"/>
    </row>
    <row r="726071" spans="14:14">
      <c r="N726071" s="10"/>
    </row>
    <row r="726072" spans="14:14">
      <c r="N726072" s="10"/>
    </row>
    <row r="726073" spans="14:14">
      <c r="N726073" s="10"/>
    </row>
    <row r="726074" spans="14:14">
      <c r="N726074" s="10"/>
    </row>
    <row r="726075" spans="14:14">
      <c r="N726075" s="10"/>
    </row>
    <row r="726076" spans="14:14">
      <c r="N726076" s="10"/>
    </row>
    <row r="726077" spans="14:14">
      <c r="N726077" s="10"/>
    </row>
    <row r="726078" spans="14:14">
      <c r="N726078" s="10"/>
    </row>
    <row r="726079" spans="14:14">
      <c r="N726079" s="10"/>
    </row>
    <row r="726080" spans="14:14">
      <c r="N726080" s="10"/>
    </row>
    <row r="726081" spans="14:14">
      <c r="N726081" s="10"/>
    </row>
    <row r="726082" spans="14:14">
      <c r="N726082" s="10"/>
    </row>
    <row r="726083" spans="14:14">
      <c r="N726083" s="10"/>
    </row>
    <row r="726084" spans="14:14">
      <c r="N726084" s="10"/>
    </row>
    <row r="726085" spans="14:14">
      <c r="N726085" s="10"/>
    </row>
    <row r="726086" spans="14:14">
      <c r="N726086" s="10"/>
    </row>
    <row r="726087" spans="14:14">
      <c r="N726087" s="10"/>
    </row>
    <row r="726088" spans="14:14">
      <c r="N726088" s="10"/>
    </row>
    <row r="726089" spans="14:14">
      <c r="N726089" s="10"/>
    </row>
    <row r="726090" spans="14:14">
      <c r="N726090" s="10"/>
    </row>
    <row r="726091" spans="14:14">
      <c r="N726091" s="10"/>
    </row>
    <row r="726092" spans="14:14">
      <c r="N726092" s="10"/>
    </row>
    <row r="726093" spans="14:14">
      <c r="N726093" s="10"/>
    </row>
    <row r="726094" spans="14:14">
      <c r="N726094" s="10"/>
    </row>
    <row r="726095" spans="14:14">
      <c r="N726095" s="10"/>
    </row>
    <row r="726096" spans="14:14">
      <c r="N726096" s="10"/>
    </row>
    <row r="726097" spans="14:14">
      <c r="N726097" s="10"/>
    </row>
    <row r="726098" spans="14:14">
      <c r="N726098" s="10"/>
    </row>
    <row r="726099" spans="14:14">
      <c r="N726099" s="10"/>
    </row>
    <row r="726100" spans="14:14">
      <c r="N726100" s="10"/>
    </row>
    <row r="726101" spans="14:14">
      <c r="N726101" s="10"/>
    </row>
    <row r="726102" spans="14:14">
      <c r="N726102" s="10"/>
    </row>
    <row r="726103" spans="14:14">
      <c r="N726103" s="10"/>
    </row>
    <row r="726104" spans="14:14">
      <c r="N726104" s="10"/>
    </row>
    <row r="726105" spans="14:14">
      <c r="N726105" s="10"/>
    </row>
    <row r="726106" spans="14:14">
      <c r="N726106" s="10"/>
    </row>
    <row r="726107" spans="14:14">
      <c r="N726107" s="10"/>
    </row>
    <row r="726108" spans="14:14">
      <c r="N726108" s="10"/>
    </row>
    <row r="726109" spans="14:14">
      <c r="N726109" s="10"/>
    </row>
    <row r="726110" spans="14:14">
      <c r="N726110" s="10"/>
    </row>
    <row r="726111" spans="14:14">
      <c r="N726111" s="10"/>
    </row>
    <row r="726112" spans="14:14">
      <c r="N726112" s="10"/>
    </row>
    <row r="726113" spans="14:14">
      <c r="N726113" s="10"/>
    </row>
    <row r="726114" spans="14:14">
      <c r="N726114" s="10"/>
    </row>
    <row r="726115" spans="14:14">
      <c r="N726115" s="10"/>
    </row>
    <row r="726116" spans="14:14">
      <c r="N726116" s="10"/>
    </row>
    <row r="726117" spans="14:14">
      <c r="N726117" s="10"/>
    </row>
    <row r="726118" spans="14:14">
      <c r="N726118" s="10"/>
    </row>
    <row r="726119" spans="14:14">
      <c r="N726119" s="10"/>
    </row>
    <row r="726120" spans="14:14">
      <c r="N726120" s="10"/>
    </row>
    <row r="726121" spans="14:14">
      <c r="N726121" s="10"/>
    </row>
    <row r="726122" spans="14:14">
      <c r="N726122" s="10"/>
    </row>
    <row r="726123" spans="14:14">
      <c r="N726123" s="10"/>
    </row>
    <row r="726124" spans="14:14">
      <c r="N726124" s="10"/>
    </row>
    <row r="726125" spans="14:14">
      <c r="N726125" s="10"/>
    </row>
    <row r="726126" spans="14:14">
      <c r="N726126" s="10"/>
    </row>
    <row r="726127" spans="14:14">
      <c r="N726127" s="10"/>
    </row>
    <row r="726128" spans="14:14">
      <c r="N726128" s="10"/>
    </row>
    <row r="726129" spans="14:14">
      <c r="N726129" s="10"/>
    </row>
    <row r="726130" spans="14:14">
      <c r="N726130" s="10"/>
    </row>
    <row r="726131" spans="14:14">
      <c r="N726131" s="10"/>
    </row>
    <row r="726132" spans="14:14">
      <c r="N726132" s="10"/>
    </row>
    <row r="726133" spans="14:14">
      <c r="N726133" s="10"/>
    </row>
    <row r="726134" spans="14:14">
      <c r="N726134" s="10"/>
    </row>
    <row r="726135" spans="14:14">
      <c r="N726135" s="10"/>
    </row>
    <row r="726136" spans="14:14">
      <c r="N726136" s="10"/>
    </row>
    <row r="726137" spans="14:14">
      <c r="N726137" s="10"/>
    </row>
    <row r="726138" spans="14:14">
      <c r="N726138" s="10"/>
    </row>
    <row r="726139" spans="14:14">
      <c r="N726139" s="10"/>
    </row>
    <row r="726140" spans="14:14">
      <c r="N726140" s="10"/>
    </row>
    <row r="726141" spans="14:14">
      <c r="N726141" s="10"/>
    </row>
    <row r="726142" spans="14:14">
      <c r="N726142" s="10"/>
    </row>
    <row r="726143" spans="14:14">
      <c r="N726143" s="10"/>
    </row>
    <row r="726144" spans="14:14">
      <c r="N726144" s="10"/>
    </row>
    <row r="726145" spans="14:14">
      <c r="N726145" s="10"/>
    </row>
    <row r="726146" spans="14:14">
      <c r="N726146" s="10"/>
    </row>
    <row r="726147" spans="14:14">
      <c r="N726147" s="10"/>
    </row>
    <row r="726148" spans="14:14">
      <c r="N726148" s="10"/>
    </row>
    <row r="726149" spans="14:14">
      <c r="N726149" s="10"/>
    </row>
    <row r="726150" spans="14:14">
      <c r="N726150" s="10"/>
    </row>
    <row r="726151" spans="14:14">
      <c r="N726151" s="10"/>
    </row>
    <row r="726152" spans="14:14">
      <c r="N726152" s="10"/>
    </row>
    <row r="726153" spans="14:14">
      <c r="N726153" s="10"/>
    </row>
    <row r="726154" spans="14:14">
      <c r="N726154" s="10"/>
    </row>
    <row r="726155" spans="14:14">
      <c r="N726155" s="10"/>
    </row>
    <row r="726156" spans="14:14">
      <c r="N726156" s="10"/>
    </row>
    <row r="726157" spans="14:14">
      <c r="N726157" s="10"/>
    </row>
    <row r="726158" spans="14:14">
      <c r="N726158" s="10"/>
    </row>
    <row r="726159" spans="14:14">
      <c r="N726159" s="10"/>
    </row>
    <row r="726160" spans="14:14">
      <c r="N726160" s="10"/>
    </row>
    <row r="726161" spans="14:14">
      <c r="N726161" s="10"/>
    </row>
    <row r="726162" spans="14:14">
      <c r="N726162" s="10"/>
    </row>
    <row r="726163" spans="14:14">
      <c r="N726163" s="10"/>
    </row>
    <row r="726164" spans="14:14">
      <c r="N726164" s="10"/>
    </row>
    <row r="726165" spans="14:14">
      <c r="N726165" s="10"/>
    </row>
    <row r="726166" spans="14:14">
      <c r="N726166" s="10"/>
    </row>
    <row r="726167" spans="14:14">
      <c r="N726167" s="10"/>
    </row>
    <row r="726168" spans="14:14">
      <c r="N726168" s="10"/>
    </row>
    <row r="726169" spans="14:14">
      <c r="N726169" s="10"/>
    </row>
    <row r="726170" spans="14:14">
      <c r="N726170" s="10"/>
    </row>
    <row r="726171" spans="14:14">
      <c r="N726171" s="10"/>
    </row>
    <row r="726172" spans="14:14">
      <c r="N726172" s="10"/>
    </row>
    <row r="726173" spans="14:14">
      <c r="N726173" s="10"/>
    </row>
    <row r="726174" spans="14:14">
      <c r="N726174" s="10"/>
    </row>
    <row r="726175" spans="14:14">
      <c r="N726175" s="10"/>
    </row>
    <row r="726176" spans="14:14">
      <c r="N726176" s="10"/>
    </row>
    <row r="726177" spans="14:14">
      <c r="N726177" s="10"/>
    </row>
    <row r="726178" spans="14:14">
      <c r="N726178" s="10"/>
    </row>
    <row r="726179" spans="14:14">
      <c r="N726179" s="10"/>
    </row>
    <row r="726180" spans="14:14">
      <c r="N726180" s="10"/>
    </row>
    <row r="726181" spans="14:14">
      <c r="N726181" s="10"/>
    </row>
    <row r="726182" spans="14:14">
      <c r="N726182" s="10"/>
    </row>
    <row r="726183" spans="14:14">
      <c r="N726183" s="10"/>
    </row>
    <row r="726184" spans="14:14">
      <c r="N726184" s="10"/>
    </row>
    <row r="726185" spans="14:14">
      <c r="N726185" s="10"/>
    </row>
    <row r="726186" spans="14:14">
      <c r="N726186" s="10"/>
    </row>
    <row r="726187" spans="14:14">
      <c r="N726187" s="10"/>
    </row>
    <row r="726188" spans="14:14">
      <c r="N726188" s="10"/>
    </row>
    <row r="726189" spans="14:14">
      <c r="N726189" s="10"/>
    </row>
    <row r="726190" spans="14:14">
      <c r="N726190" s="10"/>
    </row>
    <row r="726191" spans="14:14">
      <c r="N726191" s="10"/>
    </row>
    <row r="726192" spans="14:14">
      <c r="N726192" s="10"/>
    </row>
    <row r="726193" spans="14:14">
      <c r="N726193" s="10"/>
    </row>
    <row r="726194" spans="14:14">
      <c r="N726194" s="10"/>
    </row>
    <row r="726195" spans="14:14">
      <c r="N726195" s="10"/>
    </row>
    <row r="726196" spans="14:14">
      <c r="N726196" s="10"/>
    </row>
    <row r="726197" spans="14:14">
      <c r="N726197" s="10"/>
    </row>
    <row r="726198" spans="14:14">
      <c r="N726198" s="10"/>
    </row>
    <row r="726199" spans="14:14">
      <c r="N726199" s="10"/>
    </row>
    <row r="726200" spans="14:14">
      <c r="N726200" s="10"/>
    </row>
    <row r="726201" spans="14:14">
      <c r="N726201" s="10"/>
    </row>
    <row r="726202" spans="14:14">
      <c r="N726202" s="10"/>
    </row>
    <row r="726203" spans="14:14">
      <c r="N726203" s="10"/>
    </row>
    <row r="726204" spans="14:14">
      <c r="N726204" s="10"/>
    </row>
    <row r="726205" spans="14:14">
      <c r="N726205" s="10"/>
    </row>
    <row r="726206" spans="14:14">
      <c r="N726206" s="10"/>
    </row>
    <row r="726207" spans="14:14">
      <c r="N726207" s="10"/>
    </row>
    <row r="726208" spans="14:14">
      <c r="N726208" s="10"/>
    </row>
    <row r="726209" spans="14:14">
      <c r="N726209" s="10"/>
    </row>
    <row r="726210" spans="14:14">
      <c r="N726210" s="10"/>
    </row>
    <row r="726211" spans="14:14">
      <c r="N726211" s="10"/>
    </row>
    <row r="726212" spans="14:14">
      <c r="N726212" s="10"/>
    </row>
    <row r="726213" spans="14:14">
      <c r="N726213" s="10"/>
    </row>
    <row r="726214" spans="14:14">
      <c r="N726214" s="10"/>
    </row>
    <row r="726215" spans="14:14">
      <c r="N726215" s="10"/>
    </row>
    <row r="726216" spans="14:14">
      <c r="N726216" s="10"/>
    </row>
    <row r="726217" spans="14:14">
      <c r="N726217" s="10"/>
    </row>
    <row r="726218" spans="14:14">
      <c r="N726218" s="10"/>
    </row>
    <row r="726219" spans="14:14">
      <c r="N726219" s="10"/>
    </row>
    <row r="726220" spans="14:14">
      <c r="N726220" s="10"/>
    </row>
    <row r="726221" spans="14:14">
      <c r="N726221" s="10"/>
    </row>
    <row r="726222" spans="14:14">
      <c r="N726222" s="10"/>
    </row>
    <row r="726223" spans="14:14">
      <c r="N726223" s="10"/>
    </row>
    <row r="726224" spans="14:14">
      <c r="N726224" s="10"/>
    </row>
    <row r="726225" spans="14:14">
      <c r="N726225" s="10"/>
    </row>
    <row r="726226" spans="14:14">
      <c r="N726226" s="10"/>
    </row>
    <row r="726227" spans="14:14">
      <c r="N726227" s="10"/>
    </row>
    <row r="726228" spans="14:14">
      <c r="N726228" s="10"/>
    </row>
    <row r="726229" spans="14:14">
      <c r="N726229" s="10"/>
    </row>
    <row r="726230" spans="14:14">
      <c r="N726230" s="10"/>
    </row>
    <row r="726231" spans="14:14">
      <c r="N726231" s="10"/>
    </row>
    <row r="726232" spans="14:14">
      <c r="N726232" s="10"/>
    </row>
    <row r="726233" spans="14:14">
      <c r="N726233" s="10"/>
    </row>
    <row r="726234" spans="14:14">
      <c r="N726234" s="10"/>
    </row>
    <row r="726235" spans="14:14">
      <c r="N726235" s="10"/>
    </row>
    <row r="726236" spans="14:14">
      <c r="N726236" s="10"/>
    </row>
    <row r="726237" spans="14:14">
      <c r="N726237" s="10"/>
    </row>
    <row r="726238" spans="14:14">
      <c r="N726238" s="10"/>
    </row>
    <row r="726239" spans="14:14">
      <c r="N726239" s="10"/>
    </row>
    <row r="726240" spans="14:14">
      <c r="N726240" s="10"/>
    </row>
    <row r="726241" spans="14:14">
      <c r="N726241" s="10"/>
    </row>
    <row r="726242" spans="14:14">
      <c r="N726242" s="10"/>
    </row>
    <row r="726243" spans="14:14">
      <c r="N726243" s="10"/>
    </row>
    <row r="726244" spans="14:14">
      <c r="N726244" s="10"/>
    </row>
    <row r="726245" spans="14:14">
      <c r="N726245" s="10"/>
    </row>
    <row r="726246" spans="14:14">
      <c r="N726246" s="10"/>
    </row>
    <row r="726247" spans="14:14">
      <c r="N726247" s="10"/>
    </row>
    <row r="726248" spans="14:14">
      <c r="N726248" s="10"/>
    </row>
    <row r="726249" spans="14:14">
      <c r="N726249" s="10"/>
    </row>
    <row r="726250" spans="14:14">
      <c r="N726250" s="10"/>
    </row>
    <row r="726251" spans="14:14">
      <c r="N726251" s="10"/>
    </row>
    <row r="726252" spans="14:14">
      <c r="N726252" s="10"/>
    </row>
    <row r="726253" spans="14:14">
      <c r="N726253" s="10"/>
    </row>
    <row r="726254" spans="14:14">
      <c r="N726254" s="10"/>
    </row>
    <row r="726255" spans="14:14">
      <c r="N726255" s="10"/>
    </row>
    <row r="726256" spans="14:14">
      <c r="N726256" s="10"/>
    </row>
    <row r="726257" spans="14:14">
      <c r="N726257" s="10"/>
    </row>
    <row r="726258" spans="14:14">
      <c r="N726258" s="10"/>
    </row>
    <row r="726259" spans="14:14">
      <c r="N726259" s="10"/>
    </row>
    <row r="726260" spans="14:14">
      <c r="N726260" s="10"/>
    </row>
    <row r="726261" spans="14:14">
      <c r="N726261" s="10"/>
    </row>
    <row r="726262" spans="14:14">
      <c r="N726262" s="10"/>
    </row>
    <row r="726263" spans="14:14">
      <c r="N726263" s="10"/>
    </row>
    <row r="726264" spans="14:14">
      <c r="N726264" s="10"/>
    </row>
    <row r="726265" spans="14:14">
      <c r="N726265" s="10"/>
    </row>
    <row r="726266" spans="14:14">
      <c r="N726266" s="10"/>
    </row>
    <row r="726267" spans="14:14">
      <c r="N726267" s="10"/>
    </row>
    <row r="726268" spans="14:14">
      <c r="N726268" s="10"/>
    </row>
    <row r="726269" spans="14:14">
      <c r="N726269" s="10"/>
    </row>
    <row r="726270" spans="14:14">
      <c r="N726270" s="10"/>
    </row>
    <row r="726271" spans="14:14">
      <c r="N726271" s="10"/>
    </row>
    <row r="726272" spans="14:14">
      <c r="N726272" s="10"/>
    </row>
    <row r="726273" spans="14:14">
      <c r="N726273" s="10"/>
    </row>
    <row r="726274" spans="14:14">
      <c r="N726274" s="10"/>
    </row>
    <row r="726275" spans="14:14">
      <c r="N726275" s="10"/>
    </row>
    <row r="726276" spans="14:14">
      <c r="N726276" s="10"/>
    </row>
    <row r="726277" spans="14:14">
      <c r="N726277" s="10"/>
    </row>
    <row r="726278" spans="14:14">
      <c r="N726278" s="10"/>
    </row>
    <row r="726279" spans="14:14">
      <c r="N726279" s="10"/>
    </row>
    <row r="726280" spans="14:14">
      <c r="N726280" s="10"/>
    </row>
    <row r="726281" spans="14:14">
      <c r="N726281" s="10"/>
    </row>
    <row r="726282" spans="14:14">
      <c r="N726282" s="10"/>
    </row>
    <row r="726283" spans="14:14">
      <c r="N726283" s="10"/>
    </row>
    <row r="726284" spans="14:14">
      <c r="N726284" s="10"/>
    </row>
    <row r="726285" spans="14:14">
      <c r="N726285" s="10"/>
    </row>
    <row r="726286" spans="14:14">
      <c r="N726286" s="10"/>
    </row>
    <row r="726287" spans="14:14">
      <c r="N726287" s="10"/>
    </row>
    <row r="726288" spans="14:14">
      <c r="N726288" s="10"/>
    </row>
    <row r="726289" spans="14:14">
      <c r="N726289" s="10"/>
    </row>
    <row r="726290" spans="14:14">
      <c r="N726290" s="10"/>
    </row>
    <row r="726291" spans="14:14">
      <c r="N726291" s="10"/>
    </row>
    <row r="726292" spans="14:14">
      <c r="N726292" s="10"/>
    </row>
    <row r="726293" spans="14:14">
      <c r="N726293" s="10"/>
    </row>
    <row r="726294" spans="14:14">
      <c r="N726294" s="10"/>
    </row>
    <row r="726295" spans="14:14">
      <c r="N726295" s="10"/>
    </row>
    <row r="726296" spans="14:14">
      <c r="N726296" s="10"/>
    </row>
    <row r="726297" spans="14:14">
      <c r="N726297" s="10"/>
    </row>
    <row r="726298" spans="14:14">
      <c r="N726298" s="10"/>
    </row>
    <row r="726299" spans="14:14">
      <c r="N726299" s="10"/>
    </row>
    <row r="726300" spans="14:14">
      <c r="N726300" s="10"/>
    </row>
    <row r="726301" spans="14:14">
      <c r="N726301" s="10"/>
    </row>
    <row r="726302" spans="14:14">
      <c r="N726302" s="10"/>
    </row>
    <row r="726303" spans="14:14">
      <c r="N726303" s="10"/>
    </row>
    <row r="726304" spans="14:14">
      <c r="N726304" s="10"/>
    </row>
    <row r="726305" spans="14:14">
      <c r="N726305" s="10"/>
    </row>
    <row r="726306" spans="14:14">
      <c r="N726306" s="10"/>
    </row>
    <row r="726307" spans="14:14">
      <c r="N726307" s="10"/>
    </row>
    <row r="726308" spans="14:14">
      <c r="N726308" s="10"/>
    </row>
    <row r="726309" spans="14:14">
      <c r="N726309" s="10"/>
    </row>
    <row r="726310" spans="14:14">
      <c r="N726310" s="10"/>
    </row>
    <row r="726311" spans="14:14">
      <c r="N726311" s="10"/>
    </row>
    <row r="726312" spans="14:14">
      <c r="N726312" s="10"/>
    </row>
    <row r="726313" spans="14:14">
      <c r="N726313" s="10"/>
    </row>
    <row r="726314" spans="14:14">
      <c r="N726314" s="10"/>
    </row>
    <row r="726315" spans="14:14">
      <c r="N726315" s="10"/>
    </row>
    <row r="726316" spans="14:14">
      <c r="N726316" s="10"/>
    </row>
    <row r="726317" spans="14:14">
      <c r="N726317" s="10"/>
    </row>
    <row r="726318" spans="14:14">
      <c r="N726318" s="10"/>
    </row>
    <row r="726319" spans="14:14">
      <c r="N726319" s="10"/>
    </row>
    <row r="726320" spans="14:14">
      <c r="N726320" s="10"/>
    </row>
    <row r="726321" spans="14:14">
      <c r="N726321" s="10"/>
    </row>
    <row r="726322" spans="14:14">
      <c r="N726322" s="10"/>
    </row>
    <row r="726323" spans="14:14">
      <c r="N726323" s="10"/>
    </row>
    <row r="726324" spans="14:14">
      <c r="N726324" s="10"/>
    </row>
    <row r="726325" spans="14:14">
      <c r="N726325" s="10"/>
    </row>
    <row r="726326" spans="14:14">
      <c r="N726326" s="10"/>
    </row>
    <row r="726327" spans="14:14">
      <c r="N726327" s="10"/>
    </row>
    <row r="726328" spans="14:14">
      <c r="N726328" s="10"/>
    </row>
    <row r="726329" spans="14:14">
      <c r="N726329" s="10"/>
    </row>
    <row r="726330" spans="14:14">
      <c r="N726330" s="10"/>
    </row>
    <row r="726331" spans="14:14">
      <c r="N726331" s="10"/>
    </row>
    <row r="726332" spans="14:14">
      <c r="N726332" s="10"/>
    </row>
    <row r="726333" spans="14:14">
      <c r="N726333" s="10"/>
    </row>
    <row r="726334" spans="14:14">
      <c r="N726334" s="10"/>
    </row>
    <row r="726335" spans="14:14">
      <c r="N726335" s="10"/>
    </row>
    <row r="726336" spans="14:14">
      <c r="N726336" s="10"/>
    </row>
    <row r="726337" spans="14:14">
      <c r="N726337" s="10"/>
    </row>
    <row r="726338" spans="14:14">
      <c r="N726338" s="10"/>
    </row>
    <row r="726339" spans="14:14">
      <c r="N726339" s="10"/>
    </row>
    <row r="726340" spans="14:14">
      <c r="N726340" s="10"/>
    </row>
    <row r="726341" spans="14:14">
      <c r="N726341" s="10"/>
    </row>
    <row r="726342" spans="14:14">
      <c r="N726342" s="10"/>
    </row>
    <row r="726343" spans="14:14">
      <c r="N726343" s="10"/>
    </row>
    <row r="726344" spans="14:14">
      <c r="N726344" s="10"/>
    </row>
    <row r="726345" spans="14:14">
      <c r="N726345" s="10"/>
    </row>
    <row r="726346" spans="14:14">
      <c r="N726346" s="10"/>
    </row>
    <row r="726347" spans="14:14">
      <c r="N726347" s="10"/>
    </row>
    <row r="726348" spans="14:14">
      <c r="N726348" s="10"/>
    </row>
    <row r="726349" spans="14:14">
      <c r="N726349" s="10"/>
    </row>
    <row r="726350" spans="14:14">
      <c r="N726350" s="10"/>
    </row>
    <row r="726351" spans="14:14">
      <c r="N726351" s="10"/>
    </row>
    <row r="726352" spans="14:14">
      <c r="N726352" s="10"/>
    </row>
    <row r="726353" spans="14:14">
      <c r="N726353" s="10"/>
    </row>
    <row r="726354" spans="14:14">
      <c r="N726354" s="10"/>
    </row>
    <row r="726355" spans="14:14">
      <c r="N726355" s="10"/>
    </row>
    <row r="726356" spans="14:14">
      <c r="N726356" s="10"/>
    </row>
    <row r="726357" spans="14:14">
      <c r="N726357" s="10"/>
    </row>
    <row r="726358" spans="14:14">
      <c r="N726358" s="10"/>
    </row>
    <row r="726359" spans="14:14">
      <c r="N726359" s="10"/>
    </row>
    <row r="726360" spans="14:14">
      <c r="N726360" s="10"/>
    </row>
    <row r="726361" spans="14:14">
      <c r="N726361" s="10"/>
    </row>
    <row r="726362" spans="14:14">
      <c r="N726362" s="10"/>
    </row>
    <row r="726363" spans="14:14">
      <c r="N726363" s="10"/>
    </row>
    <row r="726364" spans="14:14">
      <c r="N726364" s="10"/>
    </row>
    <row r="726365" spans="14:14">
      <c r="N726365" s="10"/>
    </row>
    <row r="726366" spans="14:14">
      <c r="N726366" s="10"/>
    </row>
    <row r="726367" spans="14:14">
      <c r="N726367" s="10"/>
    </row>
    <row r="726368" spans="14:14">
      <c r="N726368" s="10"/>
    </row>
    <row r="726369" spans="14:14">
      <c r="N726369" s="10"/>
    </row>
    <row r="726370" spans="14:14">
      <c r="N726370" s="10"/>
    </row>
    <row r="726371" spans="14:14">
      <c r="N726371" s="10"/>
    </row>
    <row r="726372" spans="14:14">
      <c r="N726372" s="10"/>
    </row>
    <row r="726373" spans="14:14">
      <c r="N726373" s="10"/>
    </row>
    <row r="726374" spans="14:14">
      <c r="N726374" s="10"/>
    </row>
    <row r="726375" spans="14:14">
      <c r="N726375" s="10"/>
    </row>
    <row r="726376" spans="14:14">
      <c r="N726376" s="10"/>
    </row>
    <row r="726377" spans="14:14">
      <c r="N726377" s="10"/>
    </row>
    <row r="726378" spans="14:14">
      <c r="N726378" s="10"/>
    </row>
    <row r="726379" spans="14:14">
      <c r="N726379" s="10"/>
    </row>
    <row r="726380" spans="14:14">
      <c r="N726380" s="10"/>
    </row>
    <row r="726381" spans="14:14">
      <c r="N726381" s="10"/>
    </row>
    <row r="726382" spans="14:14">
      <c r="N726382" s="10"/>
    </row>
    <row r="726383" spans="14:14">
      <c r="N726383" s="10"/>
    </row>
    <row r="726384" spans="14:14">
      <c r="N726384" s="10"/>
    </row>
    <row r="726385" spans="14:14">
      <c r="N726385" s="10"/>
    </row>
    <row r="726386" spans="14:14">
      <c r="N726386" s="10"/>
    </row>
    <row r="726387" spans="14:14">
      <c r="N726387" s="10"/>
    </row>
    <row r="726388" spans="14:14">
      <c r="N726388" s="10"/>
    </row>
    <row r="726389" spans="14:14">
      <c r="N726389" s="10"/>
    </row>
    <row r="726390" spans="14:14">
      <c r="N726390" s="10"/>
    </row>
    <row r="726391" spans="14:14">
      <c r="N726391" s="10"/>
    </row>
    <row r="726392" spans="14:14">
      <c r="N726392" s="10"/>
    </row>
    <row r="726393" spans="14:14">
      <c r="N726393" s="10"/>
    </row>
    <row r="726394" spans="14:14">
      <c r="N726394" s="10"/>
    </row>
    <row r="726395" spans="14:14">
      <c r="N726395" s="10"/>
    </row>
    <row r="726396" spans="14:14">
      <c r="N726396" s="10"/>
    </row>
    <row r="726397" spans="14:14">
      <c r="N726397" s="10"/>
    </row>
    <row r="726398" spans="14:14">
      <c r="N726398" s="10"/>
    </row>
    <row r="726399" spans="14:14">
      <c r="N726399" s="10"/>
    </row>
    <row r="726400" spans="14:14">
      <c r="N726400" s="10"/>
    </row>
    <row r="726401" spans="14:14">
      <c r="N726401" s="10"/>
    </row>
    <row r="726402" spans="14:14">
      <c r="N726402" s="10"/>
    </row>
    <row r="726403" spans="14:14">
      <c r="N726403" s="10"/>
    </row>
    <row r="726404" spans="14:14">
      <c r="N726404" s="10"/>
    </row>
    <row r="726405" spans="14:14">
      <c r="N726405" s="10"/>
    </row>
    <row r="726406" spans="14:14">
      <c r="N726406" s="10"/>
    </row>
    <row r="726407" spans="14:14">
      <c r="N726407" s="10"/>
    </row>
    <row r="726408" spans="14:14">
      <c r="N726408" s="10"/>
    </row>
    <row r="726409" spans="14:14">
      <c r="N726409" s="10"/>
    </row>
    <row r="726410" spans="14:14">
      <c r="N726410" s="10"/>
    </row>
    <row r="726411" spans="14:14">
      <c r="N726411" s="10"/>
    </row>
    <row r="726412" spans="14:14">
      <c r="N726412" s="10"/>
    </row>
    <row r="726413" spans="14:14">
      <c r="N726413" s="10"/>
    </row>
    <row r="726414" spans="14:14">
      <c r="N726414" s="10"/>
    </row>
    <row r="726415" spans="14:14">
      <c r="N726415" s="10"/>
    </row>
    <row r="726416" spans="14:14">
      <c r="N726416" s="10"/>
    </row>
    <row r="726417" spans="14:14">
      <c r="N726417" s="10"/>
    </row>
    <row r="726418" spans="14:14">
      <c r="N726418" s="10"/>
    </row>
    <row r="726419" spans="14:14">
      <c r="N726419" s="10"/>
    </row>
    <row r="726420" spans="14:14">
      <c r="N726420" s="10"/>
    </row>
    <row r="726421" spans="14:14">
      <c r="N726421" s="10"/>
    </row>
    <row r="726422" spans="14:14">
      <c r="N726422" s="10"/>
    </row>
    <row r="726423" spans="14:14">
      <c r="N726423" s="10"/>
    </row>
    <row r="726424" spans="14:14">
      <c r="N726424" s="10"/>
    </row>
    <row r="726425" spans="14:14">
      <c r="N726425" s="10"/>
    </row>
    <row r="726426" spans="14:14">
      <c r="N726426" s="10"/>
    </row>
    <row r="726427" spans="14:14">
      <c r="N726427" s="10"/>
    </row>
    <row r="726428" spans="14:14">
      <c r="N726428" s="10"/>
    </row>
    <row r="726429" spans="14:14">
      <c r="N726429" s="10"/>
    </row>
    <row r="726430" spans="14:14">
      <c r="N726430" s="10"/>
    </row>
    <row r="726431" spans="14:14">
      <c r="N726431" s="10"/>
    </row>
    <row r="726432" spans="14:14">
      <c r="N726432" s="10"/>
    </row>
    <row r="726433" spans="14:14">
      <c r="N726433" s="10"/>
    </row>
    <row r="726434" spans="14:14">
      <c r="N726434" s="10"/>
    </row>
    <row r="726435" spans="14:14">
      <c r="N726435" s="10"/>
    </row>
    <row r="726436" spans="14:14">
      <c r="N726436" s="10"/>
    </row>
    <row r="726437" spans="14:14">
      <c r="N726437" s="10"/>
    </row>
    <row r="726438" spans="14:14">
      <c r="N726438" s="10"/>
    </row>
    <row r="726439" spans="14:14">
      <c r="N726439" s="10"/>
    </row>
    <row r="726440" spans="14:14">
      <c r="N726440" s="10"/>
    </row>
    <row r="726441" spans="14:14">
      <c r="N726441" s="10"/>
    </row>
    <row r="726442" spans="14:14">
      <c r="N726442" s="10"/>
    </row>
    <row r="726443" spans="14:14">
      <c r="N726443" s="10"/>
    </row>
    <row r="726444" spans="14:14">
      <c r="N726444" s="10"/>
    </row>
    <row r="726445" spans="14:14">
      <c r="N726445" s="10"/>
    </row>
    <row r="726446" spans="14:14">
      <c r="N726446" s="10"/>
    </row>
    <row r="726447" spans="14:14">
      <c r="N726447" s="10"/>
    </row>
    <row r="726448" spans="14:14">
      <c r="N726448" s="10"/>
    </row>
    <row r="726449" spans="14:14">
      <c r="N726449" s="10"/>
    </row>
    <row r="726450" spans="14:14">
      <c r="N726450" s="10"/>
    </row>
    <row r="726451" spans="14:14">
      <c r="N726451" s="10"/>
    </row>
    <row r="726452" spans="14:14">
      <c r="N726452" s="10"/>
    </row>
    <row r="726453" spans="14:14">
      <c r="N726453" s="10"/>
    </row>
    <row r="726454" spans="14:14">
      <c r="N726454" s="10"/>
    </row>
    <row r="726455" spans="14:14">
      <c r="N726455" s="10"/>
    </row>
    <row r="726456" spans="14:14">
      <c r="N726456" s="10"/>
    </row>
    <row r="726457" spans="14:14">
      <c r="N726457" s="10"/>
    </row>
    <row r="726458" spans="14:14">
      <c r="N726458" s="10"/>
    </row>
    <row r="726459" spans="14:14">
      <c r="N726459" s="10"/>
    </row>
    <row r="726460" spans="14:14">
      <c r="N726460" s="10"/>
    </row>
    <row r="726461" spans="14:14">
      <c r="N726461" s="10"/>
    </row>
    <row r="726462" spans="14:14">
      <c r="N726462" s="10"/>
    </row>
    <row r="726463" spans="14:14">
      <c r="N726463" s="10"/>
    </row>
    <row r="726464" spans="14:14">
      <c r="N726464" s="10"/>
    </row>
    <row r="726465" spans="14:14">
      <c r="N726465" s="10"/>
    </row>
    <row r="726466" spans="14:14">
      <c r="N726466" s="10"/>
    </row>
    <row r="726467" spans="14:14">
      <c r="N726467" s="10"/>
    </row>
    <row r="726468" spans="14:14">
      <c r="N726468" s="10"/>
    </row>
    <row r="726469" spans="14:14">
      <c r="N726469" s="10"/>
    </row>
    <row r="726470" spans="14:14">
      <c r="N726470" s="10"/>
    </row>
    <row r="726471" spans="14:14">
      <c r="N726471" s="10"/>
    </row>
    <row r="726472" spans="14:14">
      <c r="N726472" s="10"/>
    </row>
    <row r="726473" spans="14:14">
      <c r="N726473" s="10"/>
    </row>
    <row r="726474" spans="14:14">
      <c r="N726474" s="10"/>
    </row>
    <row r="726475" spans="14:14">
      <c r="N726475" s="10"/>
    </row>
    <row r="726476" spans="14:14">
      <c r="N726476" s="10"/>
    </row>
    <row r="726477" spans="14:14">
      <c r="N726477" s="10"/>
    </row>
    <row r="726478" spans="14:14">
      <c r="N726478" s="10"/>
    </row>
    <row r="726479" spans="14:14">
      <c r="N726479" s="10"/>
    </row>
    <row r="726480" spans="14:14">
      <c r="N726480" s="10"/>
    </row>
    <row r="726481" spans="14:14">
      <c r="N726481" s="10"/>
    </row>
    <row r="726482" spans="14:14">
      <c r="N726482" s="10"/>
    </row>
    <row r="726483" spans="14:14">
      <c r="N726483" s="10"/>
    </row>
    <row r="726484" spans="14:14">
      <c r="N726484" s="10"/>
    </row>
    <row r="726485" spans="14:14">
      <c r="N726485" s="10"/>
    </row>
    <row r="726486" spans="14:14">
      <c r="N726486" s="10"/>
    </row>
    <row r="726487" spans="14:14">
      <c r="N726487" s="10"/>
    </row>
    <row r="726488" spans="14:14">
      <c r="N726488" s="10"/>
    </row>
    <row r="726489" spans="14:14">
      <c r="N726489" s="10"/>
    </row>
    <row r="726490" spans="14:14">
      <c r="N726490" s="10"/>
    </row>
    <row r="726491" spans="14:14">
      <c r="N726491" s="10"/>
    </row>
    <row r="726492" spans="14:14">
      <c r="N726492" s="10"/>
    </row>
    <row r="726493" spans="14:14">
      <c r="N726493" s="10"/>
    </row>
    <row r="726494" spans="14:14">
      <c r="N726494" s="10"/>
    </row>
    <row r="726495" spans="14:14">
      <c r="N726495" s="10"/>
    </row>
    <row r="726496" spans="14:14">
      <c r="N726496" s="10"/>
    </row>
    <row r="726497" spans="14:14">
      <c r="N726497" s="10"/>
    </row>
    <row r="726498" spans="14:14">
      <c r="N726498" s="10"/>
    </row>
    <row r="726499" spans="14:14">
      <c r="N726499" s="10"/>
    </row>
    <row r="726500" spans="14:14">
      <c r="N726500" s="10"/>
    </row>
    <row r="726501" spans="14:14">
      <c r="N726501" s="10"/>
    </row>
    <row r="726502" spans="14:14">
      <c r="N726502" s="10"/>
    </row>
    <row r="726503" spans="14:14">
      <c r="N726503" s="10"/>
    </row>
    <row r="726504" spans="14:14">
      <c r="N726504" s="10"/>
    </row>
    <row r="726505" spans="14:14">
      <c r="N726505" s="10"/>
    </row>
    <row r="726506" spans="14:14">
      <c r="N726506" s="10"/>
    </row>
    <row r="726507" spans="14:14">
      <c r="N726507" s="10"/>
    </row>
    <row r="726508" spans="14:14">
      <c r="N726508" s="10"/>
    </row>
    <row r="726509" spans="14:14">
      <c r="N726509" s="10"/>
    </row>
    <row r="726510" spans="14:14">
      <c r="N726510" s="10"/>
    </row>
    <row r="726511" spans="14:14">
      <c r="N726511" s="10"/>
    </row>
    <row r="726512" spans="14:14">
      <c r="N726512" s="10"/>
    </row>
    <row r="726513" spans="14:14">
      <c r="N726513" s="10"/>
    </row>
    <row r="726514" spans="14:14">
      <c r="N726514" s="10"/>
    </row>
    <row r="726515" spans="14:14">
      <c r="N726515" s="10"/>
    </row>
    <row r="726516" spans="14:14">
      <c r="N726516" s="10"/>
    </row>
    <row r="726517" spans="14:14">
      <c r="N726517" s="10"/>
    </row>
    <row r="726518" spans="14:14">
      <c r="N726518" s="10"/>
    </row>
    <row r="726519" spans="14:14">
      <c r="N726519" s="10"/>
    </row>
    <row r="726520" spans="14:14">
      <c r="N726520" s="10"/>
    </row>
    <row r="726521" spans="14:14">
      <c r="N726521" s="10"/>
    </row>
    <row r="726522" spans="14:14">
      <c r="N726522" s="10"/>
    </row>
    <row r="726523" spans="14:14">
      <c r="N726523" s="10"/>
    </row>
    <row r="726524" spans="14:14">
      <c r="N726524" s="10"/>
    </row>
    <row r="726525" spans="14:14">
      <c r="N726525" s="10"/>
    </row>
    <row r="726526" spans="14:14">
      <c r="N726526" s="10"/>
    </row>
    <row r="726527" spans="14:14">
      <c r="N726527" s="10"/>
    </row>
    <row r="726528" spans="14:14">
      <c r="N726528" s="10"/>
    </row>
    <row r="726529" spans="14:14">
      <c r="N726529" s="10"/>
    </row>
    <row r="726530" spans="14:14">
      <c r="N726530" s="10"/>
    </row>
    <row r="726531" spans="14:14">
      <c r="N726531" s="10"/>
    </row>
    <row r="726532" spans="14:14">
      <c r="N726532" s="10"/>
    </row>
    <row r="726533" spans="14:14">
      <c r="N726533" s="10"/>
    </row>
    <row r="726534" spans="14:14">
      <c r="N726534" s="10"/>
    </row>
    <row r="726535" spans="14:14">
      <c r="N726535" s="10"/>
    </row>
    <row r="726536" spans="14:14">
      <c r="N726536" s="10"/>
    </row>
    <row r="726537" spans="14:14">
      <c r="N726537" s="10"/>
    </row>
    <row r="726538" spans="14:14">
      <c r="N726538" s="10"/>
    </row>
    <row r="726539" spans="14:14">
      <c r="N726539" s="10"/>
    </row>
    <row r="726540" spans="14:14">
      <c r="N726540" s="10"/>
    </row>
    <row r="726541" spans="14:14">
      <c r="N726541" s="10"/>
    </row>
    <row r="726542" spans="14:14">
      <c r="N726542" s="10"/>
    </row>
    <row r="726543" spans="14:14">
      <c r="N726543" s="10"/>
    </row>
    <row r="726544" spans="14:14">
      <c r="N726544" s="10"/>
    </row>
    <row r="726545" spans="14:14">
      <c r="N726545" s="10"/>
    </row>
    <row r="726546" spans="14:14">
      <c r="N726546" s="10"/>
    </row>
    <row r="726547" spans="14:14">
      <c r="N726547" s="10"/>
    </row>
    <row r="726548" spans="14:14">
      <c r="N726548" s="10"/>
    </row>
    <row r="726549" spans="14:14">
      <c r="N726549" s="10"/>
    </row>
    <row r="726550" spans="14:14">
      <c r="N726550" s="10"/>
    </row>
    <row r="726551" spans="14:14">
      <c r="N726551" s="10"/>
    </row>
    <row r="726552" spans="14:14">
      <c r="N726552" s="10"/>
    </row>
    <row r="726553" spans="14:14">
      <c r="N726553" s="10"/>
    </row>
    <row r="726554" spans="14:14">
      <c r="N726554" s="10"/>
    </row>
    <row r="726555" spans="14:14">
      <c r="N726555" s="10"/>
    </row>
    <row r="726556" spans="14:14">
      <c r="N726556" s="10"/>
    </row>
    <row r="726557" spans="14:14">
      <c r="N726557" s="10"/>
    </row>
    <row r="726558" spans="14:14">
      <c r="N726558" s="10"/>
    </row>
    <row r="726559" spans="14:14">
      <c r="N726559" s="10"/>
    </row>
    <row r="726560" spans="14:14">
      <c r="N726560" s="10"/>
    </row>
    <row r="726561" spans="14:14">
      <c r="N726561" s="10"/>
    </row>
    <row r="726562" spans="14:14">
      <c r="N726562" s="10"/>
    </row>
    <row r="726563" spans="14:14">
      <c r="N726563" s="10"/>
    </row>
    <row r="726564" spans="14:14">
      <c r="N726564" s="10"/>
    </row>
    <row r="726565" spans="14:14">
      <c r="N726565" s="10"/>
    </row>
    <row r="726566" spans="14:14">
      <c r="N726566" s="10"/>
    </row>
    <row r="726567" spans="14:14">
      <c r="N726567" s="10"/>
    </row>
    <row r="726568" spans="14:14">
      <c r="N726568" s="10"/>
    </row>
    <row r="726569" spans="14:14">
      <c r="N726569" s="10"/>
    </row>
    <row r="726570" spans="14:14">
      <c r="N726570" s="10"/>
    </row>
    <row r="726571" spans="14:14">
      <c r="N726571" s="10"/>
    </row>
    <row r="726572" spans="14:14">
      <c r="N726572" s="10"/>
    </row>
    <row r="726573" spans="14:14">
      <c r="N726573" s="10"/>
    </row>
    <row r="726574" spans="14:14">
      <c r="N726574" s="10"/>
    </row>
    <row r="726575" spans="14:14">
      <c r="N726575" s="10"/>
    </row>
    <row r="726576" spans="14:14">
      <c r="N726576" s="10"/>
    </row>
    <row r="726577" spans="14:14">
      <c r="N726577" s="10"/>
    </row>
    <row r="726578" spans="14:14">
      <c r="N726578" s="10"/>
    </row>
    <row r="726579" spans="14:14">
      <c r="N726579" s="10"/>
    </row>
    <row r="726580" spans="14:14">
      <c r="N726580" s="10"/>
    </row>
    <row r="726581" spans="14:14">
      <c r="N726581" s="10"/>
    </row>
    <row r="726582" spans="14:14">
      <c r="N726582" s="10"/>
    </row>
    <row r="726583" spans="14:14">
      <c r="N726583" s="10"/>
    </row>
    <row r="726584" spans="14:14">
      <c r="N726584" s="10"/>
    </row>
    <row r="726585" spans="14:14">
      <c r="N726585" s="10"/>
    </row>
    <row r="726586" spans="14:14">
      <c r="N726586" s="10"/>
    </row>
    <row r="726587" spans="14:14">
      <c r="N726587" s="10"/>
    </row>
    <row r="726588" spans="14:14">
      <c r="N726588" s="10"/>
    </row>
    <row r="726589" spans="14:14">
      <c r="N726589" s="10"/>
    </row>
    <row r="726590" spans="14:14">
      <c r="N726590" s="10"/>
    </row>
    <row r="726591" spans="14:14">
      <c r="N726591" s="10"/>
    </row>
    <row r="726592" spans="14:14">
      <c r="N726592" s="10"/>
    </row>
    <row r="726593" spans="14:14">
      <c r="N726593" s="10"/>
    </row>
    <row r="726594" spans="14:14">
      <c r="N726594" s="10"/>
    </row>
    <row r="726595" spans="14:14">
      <c r="N726595" s="10"/>
    </row>
    <row r="726596" spans="14:14">
      <c r="N726596" s="10"/>
    </row>
    <row r="726597" spans="14:14">
      <c r="N726597" s="10"/>
    </row>
    <row r="726598" spans="14:14">
      <c r="N726598" s="10"/>
    </row>
    <row r="726599" spans="14:14">
      <c r="N726599" s="10"/>
    </row>
    <row r="726600" spans="14:14">
      <c r="N726600" s="10"/>
    </row>
    <row r="726601" spans="14:14">
      <c r="N726601" s="10"/>
    </row>
    <row r="726602" spans="14:14">
      <c r="N726602" s="10"/>
    </row>
    <row r="726603" spans="14:14">
      <c r="N726603" s="10"/>
    </row>
    <row r="726604" spans="14:14">
      <c r="N726604" s="10"/>
    </row>
    <row r="726605" spans="14:14">
      <c r="N726605" s="10"/>
    </row>
    <row r="726606" spans="14:14">
      <c r="N726606" s="10"/>
    </row>
    <row r="726607" spans="14:14">
      <c r="N726607" s="10"/>
    </row>
    <row r="726608" spans="14:14">
      <c r="N726608" s="10"/>
    </row>
    <row r="726609" spans="14:14">
      <c r="N726609" s="10"/>
    </row>
    <row r="726610" spans="14:14">
      <c r="N726610" s="10"/>
    </row>
    <row r="726611" spans="14:14">
      <c r="N726611" s="10"/>
    </row>
    <row r="726612" spans="14:14">
      <c r="N726612" s="10"/>
    </row>
    <row r="726613" spans="14:14">
      <c r="N726613" s="10"/>
    </row>
    <row r="726614" spans="14:14">
      <c r="N726614" s="10"/>
    </row>
    <row r="726615" spans="14:14">
      <c r="N726615" s="10"/>
    </row>
    <row r="726616" spans="14:14">
      <c r="N726616" s="10"/>
    </row>
    <row r="726617" spans="14:14">
      <c r="N726617" s="10"/>
    </row>
    <row r="726618" spans="14:14">
      <c r="N726618" s="10"/>
    </row>
    <row r="726619" spans="14:14">
      <c r="N726619" s="10"/>
    </row>
    <row r="726620" spans="14:14">
      <c r="N726620" s="10"/>
    </row>
    <row r="726621" spans="14:14">
      <c r="N726621" s="10"/>
    </row>
    <row r="726622" spans="14:14">
      <c r="N726622" s="10"/>
    </row>
    <row r="726623" spans="14:14">
      <c r="N726623" s="10"/>
    </row>
    <row r="726624" spans="14:14">
      <c r="N726624" s="10"/>
    </row>
    <row r="726625" spans="14:14">
      <c r="N726625" s="10"/>
    </row>
    <row r="726626" spans="14:14">
      <c r="N726626" s="10"/>
    </row>
    <row r="726627" spans="14:14">
      <c r="N726627" s="10"/>
    </row>
    <row r="726628" spans="14:14">
      <c r="N726628" s="10"/>
    </row>
    <row r="726629" spans="14:14">
      <c r="N726629" s="10"/>
    </row>
    <row r="726630" spans="14:14">
      <c r="N726630" s="10"/>
    </row>
    <row r="726631" spans="14:14">
      <c r="N726631" s="10"/>
    </row>
    <row r="726632" spans="14:14">
      <c r="N726632" s="10"/>
    </row>
    <row r="726633" spans="14:14">
      <c r="N726633" s="10"/>
    </row>
    <row r="726634" spans="14:14">
      <c r="N726634" s="10"/>
    </row>
    <row r="726635" spans="14:14">
      <c r="N726635" s="10"/>
    </row>
    <row r="726636" spans="14:14">
      <c r="N726636" s="10"/>
    </row>
    <row r="726637" spans="14:14">
      <c r="N726637" s="10"/>
    </row>
    <row r="726638" spans="14:14">
      <c r="N726638" s="10"/>
    </row>
    <row r="726639" spans="14:14">
      <c r="N726639" s="10"/>
    </row>
    <row r="726640" spans="14:14">
      <c r="N726640" s="10"/>
    </row>
    <row r="726641" spans="14:14">
      <c r="N726641" s="10"/>
    </row>
    <row r="726642" spans="14:14">
      <c r="N726642" s="10"/>
    </row>
    <row r="726643" spans="14:14">
      <c r="N726643" s="10"/>
    </row>
    <row r="726644" spans="14:14">
      <c r="N726644" s="10"/>
    </row>
    <row r="726645" spans="14:14">
      <c r="N726645" s="10"/>
    </row>
    <row r="726646" spans="14:14">
      <c r="N726646" s="10"/>
    </row>
    <row r="726647" spans="14:14">
      <c r="N726647" s="10"/>
    </row>
    <row r="726648" spans="14:14">
      <c r="N726648" s="10"/>
    </row>
    <row r="726649" spans="14:14">
      <c r="N726649" s="10"/>
    </row>
    <row r="726650" spans="14:14">
      <c r="N726650" s="10"/>
    </row>
    <row r="726651" spans="14:14">
      <c r="N726651" s="10"/>
    </row>
    <row r="726652" spans="14:14">
      <c r="N726652" s="10"/>
    </row>
    <row r="726653" spans="14:14">
      <c r="N726653" s="10"/>
    </row>
    <row r="726654" spans="14:14">
      <c r="N726654" s="10"/>
    </row>
    <row r="726655" spans="14:14">
      <c r="N726655" s="10"/>
    </row>
    <row r="726656" spans="14:14">
      <c r="N726656" s="10"/>
    </row>
    <row r="726657" spans="14:14">
      <c r="N726657" s="10"/>
    </row>
    <row r="726658" spans="14:14">
      <c r="N726658" s="10"/>
    </row>
    <row r="726659" spans="14:14">
      <c r="N726659" s="10"/>
    </row>
    <row r="726660" spans="14:14">
      <c r="N726660" s="10"/>
    </row>
    <row r="726661" spans="14:14">
      <c r="N726661" s="10"/>
    </row>
    <row r="726662" spans="14:14">
      <c r="N726662" s="10"/>
    </row>
    <row r="726663" spans="14:14">
      <c r="N726663" s="10"/>
    </row>
    <row r="726664" spans="14:14">
      <c r="N726664" s="10"/>
    </row>
    <row r="726665" spans="14:14">
      <c r="N726665" s="10"/>
    </row>
    <row r="726666" spans="14:14">
      <c r="N726666" s="10"/>
    </row>
    <row r="726667" spans="14:14">
      <c r="N726667" s="10"/>
    </row>
    <row r="726668" spans="14:14">
      <c r="N726668" s="10"/>
    </row>
    <row r="726669" spans="14:14">
      <c r="N726669" s="10"/>
    </row>
    <row r="726670" spans="14:14">
      <c r="N726670" s="10"/>
    </row>
    <row r="726671" spans="14:14">
      <c r="N726671" s="10"/>
    </row>
    <row r="726672" spans="14:14">
      <c r="N726672" s="10"/>
    </row>
    <row r="726673" spans="14:14">
      <c r="N726673" s="10"/>
    </row>
    <row r="726674" spans="14:14">
      <c r="N726674" s="10"/>
    </row>
    <row r="726675" spans="14:14">
      <c r="N726675" s="10"/>
    </row>
    <row r="726676" spans="14:14">
      <c r="N726676" s="10"/>
    </row>
    <row r="726677" spans="14:14">
      <c r="N726677" s="10"/>
    </row>
    <row r="726678" spans="14:14">
      <c r="N726678" s="10"/>
    </row>
    <row r="726679" spans="14:14">
      <c r="N726679" s="10"/>
    </row>
    <row r="726680" spans="14:14">
      <c r="N726680" s="10"/>
    </row>
    <row r="726681" spans="14:14">
      <c r="N726681" s="10"/>
    </row>
    <row r="726682" spans="14:14">
      <c r="N726682" s="10"/>
    </row>
    <row r="726683" spans="14:14">
      <c r="N726683" s="10"/>
    </row>
    <row r="726684" spans="14:14">
      <c r="N726684" s="10"/>
    </row>
    <row r="726685" spans="14:14">
      <c r="N726685" s="10"/>
    </row>
    <row r="726686" spans="14:14">
      <c r="N726686" s="10"/>
    </row>
    <row r="726687" spans="14:14">
      <c r="N726687" s="10"/>
    </row>
    <row r="726688" spans="14:14">
      <c r="N726688" s="10"/>
    </row>
    <row r="726689" spans="14:14">
      <c r="N726689" s="10"/>
    </row>
    <row r="726690" spans="14:14">
      <c r="N726690" s="10"/>
    </row>
    <row r="726691" spans="14:14">
      <c r="N726691" s="10"/>
    </row>
    <row r="726692" spans="14:14">
      <c r="N726692" s="10"/>
    </row>
    <row r="726693" spans="14:14">
      <c r="N726693" s="10"/>
    </row>
    <row r="726694" spans="14:14">
      <c r="N726694" s="10"/>
    </row>
    <row r="726695" spans="14:14">
      <c r="N726695" s="10"/>
    </row>
    <row r="726696" spans="14:14">
      <c r="N726696" s="10"/>
    </row>
    <row r="726697" spans="14:14">
      <c r="N726697" s="10"/>
    </row>
    <row r="726698" spans="14:14">
      <c r="N726698" s="10"/>
    </row>
    <row r="726699" spans="14:14">
      <c r="N726699" s="10"/>
    </row>
    <row r="726700" spans="14:14">
      <c r="N726700" s="10"/>
    </row>
    <row r="726701" spans="14:14">
      <c r="N726701" s="10"/>
    </row>
    <row r="726702" spans="14:14">
      <c r="N726702" s="10"/>
    </row>
    <row r="726703" spans="14:14">
      <c r="N726703" s="10"/>
    </row>
    <row r="726704" spans="14:14">
      <c r="N726704" s="10"/>
    </row>
    <row r="726705" spans="14:14">
      <c r="N726705" s="10"/>
    </row>
    <row r="726706" spans="14:14">
      <c r="N726706" s="10"/>
    </row>
    <row r="726707" spans="14:14">
      <c r="N726707" s="10"/>
    </row>
    <row r="726708" spans="14:14">
      <c r="N726708" s="10"/>
    </row>
    <row r="726709" spans="14:14">
      <c r="N726709" s="10"/>
    </row>
    <row r="726710" spans="14:14">
      <c r="N726710" s="10"/>
    </row>
    <row r="726711" spans="14:14">
      <c r="N726711" s="10"/>
    </row>
    <row r="726712" spans="14:14">
      <c r="N726712" s="10"/>
    </row>
    <row r="726713" spans="14:14">
      <c r="N726713" s="10"/>
    </row>
    <row r="726714" spans="14:14">
      <c r="N726714" s="10"/>
    </row>
    <row r="726715" spans="14:14">
      <c r="N726715" s="10"/>
    </row>
    <row r="726716" spans="14:14">
      <c r="N726716" s="10"/>
    </row>
    <row r="726717" spans="14:14">
      <c r="N726717" s="10"/>
    </row>
    <row r="726718" spans="14:14">
      <c r="N726718" s="10"/>
    </row>
    <row r="726719" spans="14:14">
      <c r="N726719" s="10"/>
    </row>
    <row r="726720" spans="14:14">
      <c r="N726720" s="10"/>
    </row>
    <row r="726721" spans="14:14">
      <c r="N726721" s="10"/>
    </row>
    <row r="726722" spans="14:14">
      <c r="N726722" s="10"/>
    </row>
    <row r="726723" spans="14:14">
      <c r="N726723" s="10"/>
    </row>
    <row r="726724" spans="14:14">
      <c r="N726724" s="10"/>
    </row>
    <row r="726725" spans="14:14">
      <c r="N726725" s="10"/>
    </row>
    <row r="726726" spans="14:14">
      <c r="N726726" s="10"/>
    </row>
    <row r="726727" spans="14:14">
      <c r="N726727" s="10"/>
    </row>
    <row r="726728" spans="14:14">
      <c r="N726728" s="10"/>
    </row>
    <row r="726729" spans="14:14">
      <c r="N726729" s="10"/>
    </row>
    <row r="726730" spans="14:14">
      <c r="N726730" s="10"/>
    </row>
    <row r="726731" spans="14:14">
      <c r="N726731" s="10"/>
    </row>
    <row r="726732" spans="14:14">
      <c r="N726732" s="10"/>
    </row>
    <row r="726733" spans="14:14">
      <c r="N726733" s="10"/>
    </row>
    <row r="726734" spans="14:14">
      <c r="N726734" s="10"/>
    </row>
    <row r="726735" spans="14:14">
      <c r="N726735" s="10"/>
    </row>
    <row r="726736" spans="14:14">
      <c r="N726736" s="10"/>
    </row>
    <row r="726737" spans="14:14">
      <c r="N726737" s="10"/>
    </row>
    <row r="726738" spans="14:14">
      <c r="N726738" s="10"/>
    </row>
    <row r="726739" spans="14:14">
      <c r="N726739" s="10"/>
    </row>
    <row r="726740" spans="14:14">
      <c r="N726740" s="10"/>
    </row>
    <row r="726741" spans="14:14">
      <c r="N726741" s="10"/>
    </row>
    <row r="726742" spans="14:14">
      <c r="N726742" s="10"/>
    </row>
    <row r="726743" spans="14:14">
      <c r="N726743" s="10"/>
    </row>
    <row r="726744" spans="14:14">
      <c r="N726744" s="10"/>
    </row>
    <row r="726745" spans="14:14">
      <c r="N726745" s="10"/>
    </row>
    <row r="726746" spans="14:14">
      <c r="N726746" s="10"/>
    </row>
    <row r="726747" spans="14:14">
      <c r="N726747" s="10"/>
    </row>
    <row r="726748" spans="14:14">
      <c r="N726748" s="10"/>
    </row>
    <row r="726749" spans="14:14">
      <c r="N726749" s="10"/>
    </row>
    <row r="726750" spans="14:14">
      <c r="N726750" s="10"/>
    </row>
    <row r="726751" spans="14:14">
      <c r="N726751" s="10"/>
    </row>
    <row r="726752" spans="14:14">
      <c r="N726752" s="10"/>
    </row>
    <row r="726753" spans="14:14">
      <c r="N726753" s="10"/>
    </row>
    <row r="726754" spans="14:14">
      <c r="N726754" s="10"/>
    </row>
    <row r="726755" spans="14:14">
      <c r="N726755" s="10"/>
    </row>
    <row r="726756" spans="14:14">
      <c r="N726756" s="10"/>
    </row>
    <row r="726757" spans="14:14">
      <c r="N726757" s="10"/>
    </row>
    <row r="726758" spans="14:14">
      <c r="N726758" s="10"/>
    </row>
    <row r="726759" spans="14:14">
      <c r="N726759" s="10"/>
    </row>
    <row r="726760" spans="14:14">
      <c r="N726760" s="10"/>
    </row>
    <row r="726761" spans="14:14">
      <c r="N726761" s="10"/>
    </row>
    <row r="726762" spans="14:14">
      <c r="N726762" s="10"/>
    </row>
    <row r="726763" spans="14:14">
      <c r="N726763" s="10"/>
    </row>
    <row r="726764" spans="14:14">
      <c r="N726764" s="10"/>
    </row>
    <row r="726765" spans="14:14">
      <c r="N726765" s="10"/>
    </row>
    <row r="726766" spans="14:14">
      <c r="N726766" s="10"/>
    </row>
    <row r="726767" spans="14:14">
      <c r="N726767" s="10"/>
    </row>
    <row r="726768" spans="14:14">
      <c r="N726768" s="10"/>
    </row>
    <row r="726769" spans="14:14">
      <c r="N726769" s="10"/>
    </row>
    <row r="726770" spans="14:14">
      <c r="N726770" s="10"/>
    </row>
    <row r="726771" spans="14:14">
      <c r="N726771" s="10"/>
    </row>
    <row r="726772" spans="14:14">
      <c r="N726772" s="10"/>
    </row>
    <row r="726773" spans="14:14">
      <c r="N726773" s="10"/>
    </row>
    <row r="726774" spans="14:14">
      <c r="N726774" s="10"/>
    </row>
    <row r="726775" spans="14:14">
      <c r="N726775" s="10"/>
    </row>
    <row r="726776" spans="14:14">
      <c r="N726776" s="10"/>
    </row>
    <row r="726777" spans="14:14">
      <c r="N726777" s="10"/>
    </row>
    <row r="726778" spans="14:14">
      <c r="N726778" s="10"/>
    </row>
    <row r="726779" spans="14:14">
      <c r="N726779" s="10"/>
    </row>
    <row r="726780" spans="14:14">
      <c r="N726780" s="10"/>
    </row>
    <row r="726781" spans="14:14">
      <c r="N726781" s="10"/>
    </row>
    <row r="726782" spans="14:14">
      <c r="N726782" s="10"/>
    </row>
    <row r="726783" spans="14:14">
      <c r="N726783" s="10"/>
    </row>
    <row r="726784" spans="14:14">
      <c r="N726784" s="10"/>
    </row>
    <row r="726785" spans="14:14">
      <c r="N726785" s="10"/>
    </row>
    <row r="726786" spans="14:14">
      <c r="N726786" s="10"/>
    </row>
    <row r="726787" spans="14:14">
      <c r="N726787" s="10"/>
    </row>
    <row r="726788" spans="14:14">
      <c r="N726788" s="10"/>
    </row>
    <row r="726789" spans="14:14">
      <c r="N726789" s="10"/>
    </row>
    <row r="726790" spans="14:14">
      <c r="N726790" s="10"/>
    </row>
    <row r="726791" spans="14:14">
      <c r="N726791" s="10"/>
    </row>
    <row r="726792" spans="14:14">
      <c r="N726792" s="10"/>
    </row>
    <row r="726793" spans="14:14">
      <c r="N726793" s="10"/>
    </row>
    <row r="726794" spans="14:14">
      <c r="N726794" s="10"/>
    </row>
    <row r="726795" spans="14:14">
      <c r="N726795" s="10"/>
    </row>
    <row r="726796" spans="14:14">
      <c r="N726796" s="10"/>
    </row>
    <row r="726797" spans="14:14">
      <c r="N726797" s="10"/>
    </row>
    <row r="726798" spans="14:14">
      <c r="N726798" s="10"/>
    </row>
    <row r="726799" spans="14:14">
      <c r="N726799" s="10"/>
    </row>
    <row r="726800" spans="14:14">
      <c r="N726800" s="10"/>
    </row>
    <row r="726801" spans="14:14">
      <c r="N726801" s="10"/>
    </row>
    <row r="726802" spans="14:14">
      <c r="N726802" s="10"/>
    </row>
    <row r="726803" spans="14:14">
      <c r="N726803" s="10"/>
    </row>
    <row r="726804" spans="14:14">
      <c r="N726804" s="10"/>
    </row>
    <row r="726805" spans="14:14">
      <c r="N726805" s="10"/>
    </row>
    <row r="726806" spans="14:14">
      <c r="N726806" s="10"/>
    </row>
    <row r="726807" spans="14:14">
      <c r="N726807" s="10"/>
    </row>
    <row r="726808" spans="14:14">
      <c r="N726808" s="10"/>
    </row>
    <row r="726809" spans="14:14">
      <c r="N726809" s="10"/>
    </row>
    <row r="726810" spans="14:14">
      <c r="N726810" s="10"/>
    </row>
    <row r="726811" spans="14:14">
      <c r="N726811" s="10"/>
    </row>
    <row r="726812" spans="14:14">
      <c r="N726812" s="10"/>
    </row>
    <row r="726813" spans="14:14">
      <c r="N726813" s="10"/>
    </row>
    <row r="726814" spans="14:14">
      <c r="N726814" s="10"/>
    </row>
    <row r="726815" spans="14:14">
      <c r="N726815" s="10"/>
    </row>
    <row r="726816" spans="14:14">
      <c r="N726816" s="10"/>
    </row>
    <row r="726817" spans="14:14">
      <c r="N726817" s="10"/>
    </row>
    <row r="726818" spans="14:14">
      <c r="N726818" s="10"/>
    </row>
    <row r="726819" spans="14:14">
      <c r="N726819" s="10"/>
    </row>
    <row r="726820" spans="14:14">
      <c r="N726820" s="10"/>
    </row>
    <row r="726821" spans="14:14">
      <c r="N726821" s="10"/>
    </row>
    <row r="726822" spans="14:14">
      <c r="N726822" s="10"/>
    </row>
    <row r="726823" spans="14:14">
      <c r="N726823" s="10"/>
    </row>
    <row r="726824" spans="14:14">
      <c r="N726824" s="10"/>
    </row>
    <row r="726825" spans="14:14">
      <c r="N726825" s="10"/>
    </row>
    <row r="726826" spans="14:14">
      <c r="N726826" s="10"/>
    </row>
    <row r="726827" spans="14:14">
      <c r="N726827" s="10"/>
    </row>
    <row r="726828" spans="14:14">
      <c r="N726828" s="10"/>
    </row>
    <row r="726829" spans="14:14">
      <c r="N726829" s="10"/>
    </row>
    <row r="726830" spans="14:14">
      <c r="N726830" s="10"/>
    </row>
    <row r="726831" spans="14:14">
      <c r="N726831" s="10"/>
    </row>
    <row r="726832" spans="14:14">
      <c r="N726832" s="10"/>
    </row>
    <row r="726833" spans="14:14">
      <c r="N726833" s="10"/>
    </row>
    <row r="726834" spans="14:14">
      <c r="N726834" s="10"/>
    </row>
    <row r="726835" spans="14:14">
      <c r="N726835" s="10"/>
    </row>
    <row r="726836" spans="14:14">
      <c r="N726836" s="10"/>
    </row>
    <row r="726837" spans="14:14">
      <c r="N726837" s="10"/>
    </row>
    <row r="726838" spans="14:14">
      <c r="N726838" s="10"/>
    </row>
    <row r="726839" spans="14:14">
      <c r="N726839" s="10"/>
    </row>
    <row r="726840" spans="14:14">
      <c r="N726840" s="10"/>
    </row>
    <row r="726841" spans="14:14">
      <c r="N726841" s="10"/>
    </row>
    <row r="726842" spans="14:14">
      <c r="N726842" s="10"/>
    </row>
    <row r="726843" spans="14:14">
      <c r="N726843" s="10"/>
    </row>
    <row r="726844" spans="14:14">
      <c r="N726844" s="10"/>
    </row>
    <row r="726845" spans="14:14">
      <c r="N726845" s="10"/>
    </row>
    <row r="726846" spans="14:14">
      <c r="N726846" s="10"/>
    </row>
    <row r="726847" spans="14:14">
      <c r="N726847" s="10"/>
    </row>
    <row r="726848" spans="14:14">
      <c r="N726848" s="10"/>
    </row>
    <row r="726849" spans="14:14">
      <c r="N726849" s="10"/>
    </row>
    <row r="726850" spans="14:14">
      <c r="N726850" s="10"/>
    </row>
    <row r="726851" spans="14:14">
      <c r="N726851" s="10"/>
    </row>
    <row r="726852" spans="14:14">
      <c r="N726852" s="10"/>
    </row>
    <row r="726853" spans="14:14">
      <c r="N726853" s="10"/>
    </row>
    <row r="726854" spans="14:14">
      <c r="N726854" s="10"/>
    </row>
    <row r="726855" spans="14:14">
      <c r="N726855" s="10"/>
    </row>
    <row r="726856" spans="14:14">
      <c r="N726856" s="10"/>
    </row>
    <row r="726857" spans="14:14">
      <c r="N726857" s="10"/>
    </row>
    <row r="726858" spans="14:14">
      <c r="N726858" s="10"/>
    </row>
    <row r="726859" spans="14:14">
      <c r="N726859" s="10"/>
    </row>
    <row r="726860" spans="14:14">
      <c r="N726860" s="10"/>
    </row>
    <row r="726861" spans="14:14">
      <c r="N726861" s="10"/>
    </row>
    <row r="726862" spans="14:14">
      <c r="N726862" s="10"/>
    </row>
    <row r="726863" spans="14:14">
      <c r="N726863" s="10"/>
    </row>
    <row r="726864" spans="14:14">
      <c r="N726864" s="10"/>
    </row>
    <row r="726865" spans="14:14">
      <c r="N726865" s="10"/>
    </row>
    <row r="726866" spans="14:14">
      <c r="N726866" s="10"/>
    </row>
    <row r="726867" spans="14:14">
      <c r="N726867" s="10"/>
    </row>
    <row r="726868" spans="14:14">
      <c r="N726868" s="10"/>
    </row>
    <row r="726869" spans="14:14">
      <c r="N726869" s="10"/>
    </row>
    <row r="726870" spans="14:14">
      <c r="N726870" s="10"/>
    </row>
    <row r="726871" spans="14:14">
      <c r="N726871" s="10"/>
    </row>
    <row r="726872" spans="14:14">
      <c r="N726872" s="10"/>
    </row>
    <row r="726873" spans="14:14">
      <c r="N726873" s="10"/>
    </row>
    <row r="726874" spans="14:14">
      <c r="N726874" s="10"/>
    </row>
    <row r="726875" spans="14:14">
      <c r="N726875" s="10"/>
    </row>
    <row r="726876" spans="14:14">
      <c r="N726876" s="10"/>
    </row>
    <row r="726877" spans="14:14">
      <c r="N726877" s="10"/>
    </row>
    <row r="726878" spans="14:14">
      <c r="N726878" s="10"/>
    </row>
    <row r="726879" spans="14:14">
      <c r="N726879" s="10"/>
    </row>
    <row r="726880" spans="14:14">
      <c r="N726880" s="10"/>
    </row>
    <row r="726881" spans="14:14">
      <c r="N726881" s="10"/>
    </row>
    <row r="726882" spans="14:14">
      <c r="N726882" s="10"/>
    </row>
    <row r="726883" spans="14:14">
      <c r="N726883" s="10"/>
    </row>
    <row r="726884" spans="14:14">
      <c r="N726884" s="10"/>
    </row>
    <row r="726885" spans="14:14">
      <c r="N726885" s="10"/>
    </row>
    <row r="726886" spans="14:14">
      <c r="N726886" s="10"/>
    </row>
    <row r="726887" spans="14:14">
      <c r="N726887" s="10"/>
    </row>
    <row r="726888" spans="14:14">
      <c r="N726888" s="10"/>
    </row>
    <row r="726889" spans="14:14">
      <c r="N726889" s="10"/>
    </row>
    <row r="726890" spans="14:14">
      <c r="N726890" s="10"/>
    </row>
    <row r="726891" spans="14:14">
      <c r="N726891" s="10"/>
    </row>
    <row r="726892" spans="14:14">
      <c r="N726892" s="10"/>
    </row>
    <row r="726893" spans="14:14">
      <c r="N726893" s="10"/>
    </row>
    <row r="726894" spans="14:14">
      <c r="N726894" s="10"/>
    </row>
    <row r="726895" spans="14:14">
      <c r="N726895" s="10"/>
    </row>
    <row r="726896" spans="14:14">
      <c r="N726896" s="10"/>
    </row>
    <row r="726897" spans="14:14">
      <c r="N726897" s="10"/>
    </row>
    <row r="726898" spans="14:14">
      <c r="N726898" s="10"/>
    </row>
    <row r="726899" spans="14:14">
      <c r="N726899" s="10"/>
    </row>
    <row r="726900" spans="14:14">
      <c r="N726900" s="10"/>
    </row>
    <row r="726901" spans="14:14">
      <c r="N726901" s="10"/>
    </row>
    <row r="726902" spans="14:14">
      <c r="N726902" s="10"/>
    </row>
    <row r="726903" spans="14:14">
      <c r="N726903" s="10"/>
    </row>
    <row r="726904" spans="14:14">
      <c r="N726904" s="10"/>
    </row>
    <row r="726905" spans="14:14">
      <c r="N726905" s="10"/>
    </row>
    <row r="726906" spans="14:14">
      <c r="N726906" s="10"/>
    </row>
    <row r="726907" spans="14:14">
      <c r="N726907" s="10"/>
    </row>
    <row r="726908" spans="14:14">
      <c r="N726908" s="10"/>
    </row>
    <row r="726909" spans="14:14">
      <c r="N726909" s="10"/>
    </row>
    <row r="726910" spans="14:14">
      <c r="N726910" s="10"/>
    </row>
    <row r="726911" spans="14:14">
      <c r="N726911" s="10"/>
    </row>
    <row r="726912" spans="14:14">
      <c r="N726912" s="10"/>
    </row>
    <row r="726913" spans="14:14">
      <c r="N726913" s="10"/>
    </row>
    <row r="726914" spans="14:14">
      <c r="N726914" s="10"/>
    </row>
    <row r="726915" spans="14:14">
      <c r="N726915" s="10"/>
    </row>
    <row r="726916" spans="14:14">
      <c r="N726916" s="10"/>
    </row>
    <row r="726917" spans="14:14">
      <c r="N726917" s="10"/>
    </row>
    <row r="726918" spans="14:14">
      <c r="N726918" s="10"/>
    </row>
    <row r="726919" spans="14:14">
      <c r="N726919" s="10"/>
    </row>
    <row r="726920" spans="14:14">
      <c r="N726920" s="10"/>
    </row>
    <row r="726921" spans="14:14">
      <c r="N726921" s="10"/>
    </row>
    <row r="726922" spans="14:14">
      <c r="N726922" s="10"/>
    </row>
    <row r="726923" spans="14:14">
      <c r="N726923" s="10"/>
    </row>
    <row r="726924" spans="14:14">
      <c r="N726924" s="10"/>
    </row>
    <row r="726925" spans="14:14">
      <c r="N726925" s="10"/>
    </row>
    <row r="726926" spans="14:14">
      <c r="N726926" s="10"/>
    </row>
    <row r="726927" spans="14:14">
      <c r="N726927" s="10"/>
    </row>
    <row r="726928" spans="14:14">
      <c r="N726928" s="10"/>
    </row>
    <row r="726929" spans="14:14">
      <c r="N726929" s="10"/>
    </row>
    <row r="726930" spans="14:14">
      <c r="N726930" s="10"/>
    </row>
    <row r="726931" spans="14:14">
      <c r="N726931" s="10"/>
    </row>
    <row r="726932" spans="14:14">
      <c r="N726932" s="10"/>
    </row>
    <row r="726933" spans="14:14">
      <c r="N726933" s="10"/>
    </row>
    <row r="726934" spans="14:14">
      <c r="N726934" s="10"/>
    </row>
    <row r="726935" spans="14:14">
      <c r="N726935" s="10"/>
    </row>
    <row r="726936" spans="14:14">
      <c r="N726936" s="10"/>
    </row>
    <row r="726937" spans="14:14">
      <c r="N726937" s="10"/>
    </row>
    <row r="726938" spans="14:14">
      <c r="N726938" s="10"/>
    </row>
    <row r="726939" spans="14:14">
      <c r="N726939" s="10"/>
    </row>
    <row r="726940" spans="14:14">
      <c r="N726940" s="10"/>
    </row>
    <row r="726941" spans="14:14">
      <c r="N726941" s="10"/>
    </row>
    <row r="726942" spans="14:14">
      <c r="N726942" s="10"/>
    </row>
    <row r="726943" spans="14:14">
      <c r="N726943" s="10"/>
    </row>
    <row r="726944" spans="14:14">
      <c r="N726944" s="10"/>
    </row>
    <row r="726945" spans="14:14">
      <c r="N726945" s="10"/>
    </row>
    <row r="726946" spans="14:14">
      <c r="N726946" s="10"/>
    </row>
    <row r="726947" spans="14:14">
      <c r="N726947" s="10"/>
    </row>
    <row r="726948" spans="14:14">
      <c r="N726948" s="10"/>
    </row>
    <row r="726949" spans="14:14">
      <c r="N726949" s="10"/>
    </row>
    <row r="726950" spans="14:14">
      <c r="N726950" s="10"/>
    </row>
    <row r="726951" spans="14:14">
      <c r="N726951" s="10"/>
    </row>
    <row r="726952" spans="14:14">
      <c r="N726952" s="10"/>
    </row>
    <row r="726953" spans="14:14">
      <c r="N726953" s="10"/>
    </row>
    <row r="726954" spans="14:14">
      <c r="N726954" s="10"/>
    </row>
    <row r="726955" spans="14:14">
      <c r="N726955" s="10"/>
    </row>
    <row r="726956" spans="14:14">
      <c r="N726956" s="10"/>
    </row>
    <row r="726957" spans="14:14">
      <c r="N726957" s="10"/>
    </row>
    <row r="726958" spans="14:14">
      <c r="N726958" s="10"/>
    </row>
    <row r="726959" spans="14:14">
      <c r="N726959" s="10"/>
    </row>
    <row r="726960" spans="14:14">
      <c r="N726960" s="10"/>
    </row>
    <row r="726961" spans="14:14">
      <c r="N726961" s="10"/>
    </row>
    <row r="726962" spans="14:14">
      <c r="N726962" s="10"/>
    </row>
    <row r="726963" spans="14:14">
      <c r="N726963" s="10"/>
    </row>
    <row r="726964" spans="14:14">
      <c r="N726964" s="10"/>
    </row>
    <row r="726965" spans="14:14">
      <c r="N726965" s="10"/>
    </row>
    <row r="726966" spans="14:14">
      <c r="N726966" s="10"/>
    </row>
    <row r="726967" spans="14:14">
      <c r="N726967" s="10"/>
    </row>
    <row r="726968" spans="14:14">
      <c r="N726968" s="10"/>
    </row>
    <row r="726969" spans="14:14">
      <c r="N726969" s="10"/>
    </row>
    <row r="726970" spans="14:14">
      <c r="N726970" s="10"/>
    </row>
    <row r="726971" spans="14:14">
      <c r="N726971" s="10"/>
    </row>
    <row r="726972" spans="14:14">
      <c r="N726972" s="10"/>
    </row>
    <row r="726973" spans="14:14">
      <c r="N726973" s="10"/>
    </row>
    <row r="726974" spans="14:14">
      <c r="N726974" s="10"/>
    </row>
    <row r="726975" spans="14:14">
      <c r="N726975" s="10"/>
    </row>
    <row r="726976" spans="14:14">
      <c r="N726976" s="10"/>
    </row>
    <row r="726977" spans="14:14">
      <c r="N726977" s="10"/>
    </row>
    <row r="726978" spans="14:14">
      <c r="N726978" s="10"/>
    </row>
    <row r="726979" spans="14:14">
      <c r="N726979" s="10"/>
    </row>
    <row r="726980" spans="14:14">
      <c r="N726980" s="10"/>
    </row>
    <row r="726981" spans="14:14">
      <c r="N726981" s="10"/>
    </row>
    <row r="726982" spans="14:14">
      <c r="N726982" s="10"/>
    </row>
    <row r="726983" spans="14:14">
      <c r="N726983" s="10"/>
    </row>
    <row r="726984" spans="14:14">
      <c r="N726984" s="10"/>
    </row>
    <row r="726985" spans="14:14">
      <c r="N726985" s="10"/>
    </row>
    <row r="726986" spans="14:14">
      <c r="N726986" s="10"/>
    </row>
    <row r="726987" spans="14:14">
      <c r="N726987" s="10"/>
    </row>
    <row r="726988" spans="14:14">
      <c r="N726988" s="10"/>
    </row>
    <row r="726989" spans="14:14">
      <c r="N726989" s="10"/>
    </row>
    <row r="726990" spans="14:14">
      <c r="N726990" s="10"/>
    </row>
    <row r="726991" spans="14:14">
      <c r="N726991" s="10"/>
    </row>
    <row r="726992" spans="14:14">
      <c r="N726992" s="10"/>
    </row>
    <row r="726993" spans="14:14">
      <c r="N726993" s="10"/>
    </row>
    <row r="726994" spans="14:14">
      <c r="N726994" s="10"/>
    </row>
    <row r="726995" spans="14:14">
      <c r="N726995" s="10"/>
    </row>
    <row r="726996" spans="14:14">
      <c r="N726996" s="10"/>
    </row>
    <row r="726997" spans="14:14">
      <c r="N726997" s="10"/>
    </row>
    <row r="726998" spans="14:14">
      <c r="N726998" s="10"/>
    </row>
    <row r="726999" spans="14:14">
      <c r="N726999" s="10"/>
    </row>
    <row r="727000" spans="14:14">
      <c r="N727000" s="10"/>
    </row>
    <row r="727001" spans="14:14">
      <c r="N727001" s="10"/>
    </row>
    <row r="727002" spans="14:14">
      <c r="N727002" s="10"/>
    </row>
    <row r="727003" spans="14:14">
      <c r="N727003" s="10"/>
    </row>
    <row r="727004" spans="14:14">
      <c r="N727004" s="10"/>
    </row>
    <row r="727005" spans="14:14">
      <c r="N727005" s="10"/>
    </row>
    <row r="727006" spans="14:14">
      <c r="N727006" s="10"/>
    </row>
    <row r="727007" spans="14:14">
      <c r="N727007" s="10"/>
    </row>
    <row r="727008" spans="14:14">
      <c r="N727008" s="10"/>
    </row>
    <row r="727009" spans="14:14">
      <c r="N727009" s="10"/>
    </row>
    <row r="727010" spans="14:14">
      <c r="N727010" s="10"/>
    </row>
    <row r="727011" spans="14:14">
      <c r="N727011" s="10"/>
    </row>
    <row r="727012" spans="14:14">
      <c r="N727012" s="10"/>
    </row>
    <row r="727013" spans="14:14">
      <c r="N727013" s="10"/>
    </row>
    <row r="727014" spans="14:14">
      <c r="N727014" s="10"/>
    </row>
    <row r="727015" spans="14:14">
      <c r="N727015" s="10"/>
    </row>
    <row r="727016" spans="14:14">
      <c r="N727016" s="10"/>
    </row>
    <row r="727017" spans="14:14">
      <c r="N727017" s="10"/>
    </row>
    <row r="727018" spans="14:14">
      <c r="N727018" s="10"/>
    </row>
    <row r="727019" spans="14:14">
      <c r="N727019" s="10"/>
    </row>
    <row r="727020" spans="14:14">
      <c r="N727020" s="10"/>
    </row>
    <row r="727021" spans="14:14">
      <c r="N727021" s="10"/>
    </row>
    <row r="727022" spans="14:14">
      <c r="N727022" s="10"/>
    </row>
    <row r="727023" spans="14:14">
      <c r="N727023" s="10"/>
    </row>
    <row r="727024" spans="14:14">
      <c r="N727024" s="10"/>
    </row>
    <row r="727025" spans="14:14">
      <c r="N727025" s="10"/>
    </row>
    <row r="727026" spans="14:14">
      <c r="N727026" s="10"/>
    </row>
    <row r="727027" spans="14:14">
      <c r="N727027" s="10"/>
    </row>
    <row r="727028" spans="14:14">
      <c r="N727028" s="10"/>
    </row>
    <row r="727029" spans="14:14">
      <c r="N727029" s="10"/>
    </row>
    <row r="727030" spans="14:14">
      <c r="N727030" s="10"/>
    </row>
    <row r="727031" spans="14:14">
      <c r="N727031" s="10"/>
    </row>
    <row r="727032" spans="14:14">
      <c r="N727032" s="10"/>
    </row>
    <row r="727033" spans="14:14">
      <c r="N727033" s="10"/>
    </row>
    <row r="727034" spans="14:14">
      <c r="N727034" s="10"/>
    </row>
    <row r="727035" spans="14:14">
      <c r="N727035" s="10"/>
    </row>
    <row r="727036" spans="14:14">
      <c r="N727036" s="10"/>
    </row>
    <row r="727037" spans="14:14">
      <c r="N727037" s="10"/>
    </row>
    <row r="727038" spans="14:14">
      <c r="N727038" s="10"/>
    </row>
    <row r="727039" spans="14:14">
      <c r="N727039" s="10"/>
    </row>
    <row r="727040" spans="14:14">
      <c r="N727040" s="10"/>
    </row>
    <row r="727041" spans="14:14">
      <c r="N727041" s="10"/>
    </row>
    <row r="727042" spans="14:14">
      <c r="N727042" s="10"/>
    </row>
    <row r="727043" spans="14:14">
      <c r="N727043" s="10"/>
    </row>
    <row r="727044" spans="14:14">
      <c r="N727044" s="10"/>
    </row>
    <row r="727045" spans="14:14">
      <c r="N727045" s="10"/>
    </row>
    <row r="727046" spans="14:14">
      <c r="N727046" s="10"/>
    </row>
    <row r="727047" spans="14:14">
      <c r="N727047" s="10"/>
    </row>
    <row r="727048" spans="14:14">
      <c r="N727048" s="10"/>
    </row>
    <row r="727049" spans="14:14">
      <c r="N727049" s="10"/>
    </row>
    <row r="727050" spans="14:14">
      <c r="N727050" s="10"/>
    </row>
    <row r="727051" spans="14:14">
      <c r="N727051" s="10"/>
    </row>
    <row r="727052" spans="14:14">
      <c r="N727052" s="10"/>
    </row>
    <row r="727053" spans="14:14">
      <c r="N727053" s="10"/>
    </row>
    <row r="727054" spans="14:14">
      <c r="N727054" s="10"/>
    </row>
    <row r="727055" spans="14:14">
      <c r="N727055" s="10"/>
    </row>
    <row r="727056" spans="14:14">
      <c r="N727056" s="10"/>
    </row>
    <row r="727057" spans="14:14">
      <c r="N727057" s="10"/>
    </row>
    <row r="727058" spans="14:14">
      <c r="N727058" s="10"/>
    </row>
    <row r="727059" spans="14:14">
      <c r="N727059" s="10"/>
    </row>
    <row r="727060" spans="14:14">
      <c r="N727060" s="10"/>
    </row>
    <row r="727061" spans="14:14">
      <c r="N727061" s="10"/>
    </row>
    <row r="727062" spans="14:14">
      <c r="N727062" s="10"/>
    </row>
    <row r="727063" spans="14:14">
      <c r="N727063" s="10"/>
    </row>
    <row r="727064" spans="14:14">
      <c r="N727064" s="10"/>
    </row>
    <row r="727065" spans="14:14">
      <c r="N727065" s="10"/>
    </row>
    <row r="727066" spans="14:14">
      <c r="N727066" s="10"/>
    </row>
    <row r="727067" spans="14:14">
      <c r="N727067" s="10"/>
    </row>
    <row r="727068" spans="14:14">
      <c r="N727068" s="10"/>
    </row>
    <row r="727069" spans="14:14">
      <c r="N727069" s="10"/>
    </row>
    <row r="727070" spans="14:14">
      <c r="N727070" s="10"/>
    </row>
    <row r="727071" spans="14:14">
      <c r="N727071" s="10"/>
    </row>
    <row r="727072" spans="14:14">
      <c r="N727072" s="10"/>
    </row>
    <row r="727073" spans="14:14">
      <c r="N727073" s="10"/>
    </row>
    <row r="727074" spans="14:14">
      <c r="N727074" s="10"/>
    </row>
    <row r="727075" spans="14:14">
      <c r="N727075" s="10"/>
    </row>
    <row r="727076" spans="14:14">
      <c r="N727076" s="10"/>
    </row>
    <row r="727077" spans="14:14">
      <c r="N727077" s="10"/>
    </row>
    <row r="727078" spans="14:14">
      <c r="N727078" s="10"/>
    </row>
    <row r="727079" spans="14:14">
      <c r="N727079" s="10"/>
    </row>
    <row r="727080" spans="14:14">
      <c r="N727080" s="10"/>
    </row>
    <row r="727081" spans="14:14">
      <c r="N727081" s="10"/>
    </row>
    <row r="727082" spans="14:14">
      <c r="N727082" s="10"/>
    </row>
    <row r="727083" spans="14:14">
      <c r="N727083" s="10"/>
    </row>
    <row r="727084" spans="14:14">
      <c r="N727084" s="10"/>
    </row>
    <row r="727085" spans="14:14">
      <c r="N727085" s="10"/>
    </row>
    <row r="727086" spans="14:14">
      <c r="N727086" s="10"/>
    </row>
    <row r="727087" spans="14:14">
      <c r="N727087" s="10"/>
    </row>
    <row r="727088" spans="14:14">
      <c r="N727088" s="10"/>
    </row>
    <row r="727089" spans="14:14">
      <c r="N727089" s="10"/>
    </row>
    <row r="727090" spans="14:14">
      <c r="N727090" s="10"/>
    </row>
    <row r="727091" spans="14:14">
      <c r="N727091" s="10"/>
    </row>
    <row r="727092" spans="14:14">
      <c r="N727092" s="10"/>
    </row>
    <row r="727093" spans="14:14">
      <c r="N727093" s="10"/>
    </row>
    <row r="727094" spans="14:14">
      <c r="N727094" s="10"/>
    </row>
    <row r="727095" spans="14:14">
      <c r="N727095" s="10"/>
    </row>
    <row r="727096" spans="14:14">
      <c r="N727096" s="10"/>
    </row>
    <row r="727097" spans="14:14">
      <c r="N727097" s="10"/>
    </row>
    <row r="727098" spans="14:14">
      <c r="N727098" s="10"/>
    </row>
    <row r="727099" spans="14:14">
      <c r="N727099" s="10"/>
    </row>
    <row r="727100" spans="14:14">
      <c r="N727100" s="10"/>
    </row>
    <row r="727101" spans="14:14">
      <c r="N727101" s="10"/>
    </row>
    <row r="727102" spans="14:14">
      <c r="N727102" s="10"/>
    </row>
    <row r="727103" spans="14:14">
      <c r="N727103" s="10"/>
    </row>
    <row r="727104" spans="14:14">
      <c r="N727104" s="10"/>
    </row>
    <row r="727105" spans="14:14">
      <c r="N727105" s="10"/>
    </row>
    <row r="727106" spans="14:14">
      <c r="N727106" s="10"/>
    </row>
    <row r="727107" spans="14:14">
      <c r="N727107" s="10"/>
    </row>
    <row r="727108" spans="14:14">
      <c r="N727108" s="10"/>
    </row>
    <row r="727109" spans="14:14">
      <c r="N727109" s="10"/>
    </row>
    <row r="727110" spans="14:14">
      <c r="N727110" s="10"/>
    </row>
    <row r="727111" spans="14:14">
      <c r="N727111" s="10"/>
    </row>
    <row r="727112" spans="14:14">
      <c r="N727112" s="10"/>
    </row>
    <row r="727113" spans="14:14">
      <c r="N727113" s="10"/>
    </row>
    <row r="727114" spans="14:14">
      <c r="N727114" s="10"/>
    </row>
    <row r="727115" spans="14:14">
      <c r="N727115" s="10"/>
    </row>
    <row r="727116" spans="14:14">
      <c r="N727116" s="10"/>
    </row>
    <row r="727117" spans="14:14">
      <c r="N727117" s="10"/>
    </row>
    <row r="727118" spans="14:14">
      <c r="N727118" s="10"/>
    </row>
    <row r="727119" spans="14:14">
      <c r="N727119" s="10"/>
    </row>
    <row r="727120" spans="14:14">
      <c r="N727120" s="10"/>
    </row>
    <row r="727121" spans="14:14">
      <c r="N727121" s="10"/>
    </row>
    <row r="727122" spans="14:14">
      <c r="N727122" s="10"/>
    </row>
    <row r="727123" spans="14:14">
      <c r="N727123" s="10"/>
    </row>
    <row r="727124" spans="14:14">
      <c r="N727124" s="10"/>
    </row>
    <row r="727125" spans="14:14">
      <c r="N727125" s="10"/>
    </row>
    <row r="727126" spans="14:14">
      <c r="N727126" s="10"/>
    </row>
    <row r="727127" spans="14:14">
      <c r="N727127" s="10"/>
    </row>
    <row r="727128" spans="14:14">
      <c r="N727128" s="10"/>
    </row>
    <row r="727129" spans="14:14">
      <c r="N727129" s="10"/>
    </row>
    <row r="727130" spans="14:14">
      <c r="N727130" s="10"/>
    </row>
    <row r="727131" spans="14:14">
      <c r="N727131" s="10"/>
    </row>
    <row r="727132" spans="14:14">
      <c r="N727132" s="10"/>
    </row>
    <row r="727133" spans="14:14">
      <c r="N727133" s="10"/>
    </row>
    <row r="727134" spans="14:14">
      <c r="N727134" s="10"/>
    </row>
    <row r="727135" spans="14:14">
      <c r="N727135" s="10"/>
    </row>
    <row r="727136" spans="14:14">
      <c r="N727136" s="10"/>
    </row>
    <row r="727137" spans="14:14">
      <c r="N727137" s="10"/>
    </row>
    <row r="727138" spans="14:14">
      <c r="N727138" s="10"/>
    </row>
    <row r="727139" spans="14:14">
      <c r="N727139" s="10"/>
    </row>
    <row r="727140" spans="14:14">
      <c r="N727140" s="10"/>
    </row>
    <row r="727141" spans="14:14">
      <c r="N727141" s="10"/>
    </row>
    <row r="727142" spans="14:14">
      <c r="N727142" s="10"/>
    </row>
    <row r="727143" spans="14:14">
      <c r="N727143" s="10"/>
    </row>
    <row r="727144" spans="14:14">
      <c r="N727144" s="10"/>
    </row>
    <row r="727145" spans="14:14">
      <c r="N727145" s="10"/>
    </row>
    <row r="727146" spans="14:14">
      <c r="N727146" s="10"/>
    </row>
    <row r="727147" spans="14:14">
      <c r="N727147" s="10"/>
    </row>
    <row r="727148" spans="14:14">
      <c r="N727148" s="10"/>
    </row>
    <row r="727149" spans="14:14">
      <c r="N727149" s="10"/>
    </row>
    <row r="727150" spans="14:14">
      <c r="N727150" s="10"/>
    </row>
    <row r="727151" spans="14:14">
      <c r="N727151" s="10"/>
    </row>
    <row r="727152" spans="14:14">
      <c r="N727152" s="10"/>
    </row>
    <row r="727153" spans="14:14">
      <c r="N727153" s="10"/>
    </row>
    <row r="727154" spans="14:14">
      <c r="N727154" s="10"/>
    </row>
    <row r="727155" spans="14:14">
      <c r="N727155" s="10"/>
    </row>
    <row r="727156" spans="14:14">
      <c r="N727156" s="10"/>
    </row>
    <row r="727157" spans="14:14">
      <c r="N727157" s="10"/>
    </row>
    <row r="727158" spans="14:14">
      <c r="N727158" s="10"/>
    </row>
    <row r="727159" spans="14:14">
      <c r="N727159" s="10"/>
    </row>
    <row r="727160" spans="14:14">
      <c r="N727160" s="10"/>
    </row>
    <row r="727161" spans="14:14">
      <c r="N727161" s="10"/>
    </row>
    <row r="727162" spans="14:14">
      <c r="N727162" s="10"/>
    </row>
    <row r="727163" spans="14:14">
      <c r="N727163" s="10"/>
    </row>
    <row r="727164" spans="14:14">
      <c r="N727164" s="10"/>
    </row>
    <row r="727165" spans="14:14">
      <c r="N727165" s="10"/>
    </row>
    <row r="727166" spans="14:14">
      <c r="N727166" s="10"/>
    </row>
    <row r="727167" spans="14:14">
      <c r="N727167" s="10"/>
    </row>
    <row r="727168" spans="14:14">
      <c r="N727168" s="10"/>
    </row>
    <row r="727169" spans="14:14">
      <c r="N727169" s="10"/>
    </row>
    <row r="727170" spans="14:14">
      <c r="N727170" s="10"/>
    </row>
    <row r="727171" spans="14:14">
      <c r="N727171" s="10"/>
    </row>
    <row r="727172" spans="14:14">
      <c r="N727172" s="10"/>
    </row>
    <row r="727173" spans="14:14">
      <c r="N727173" s="10"/>
    </row>
    <row r="727174" spans="14:14">
      <c r="N727174" s="10"/>
    </row>
    <row r="727175" spans="14:14">
      <c r="N727175" s="10"/>
    </row>
    <row r="727176" spans="14:14">
      <c r="N727176" s="10"/>
    </row>
    <row r="727177" spans="14:14">
      <c r="N727177" s="10"/>
    </row>
    <row r="727178" spans="14:14">
      <c r="N727178" s="10"/>
    </row>
    <row r="727179" spans="14:14">
      <c r="N727179" s="10"/>
    </row>
    <row r="727180" spans="14:14">
      <c r="N727180" s="10"/>
    </row>
    <row r="727181" spans="14:14">
      <c r="N727181" s="10"/>
    </row>
    <row r="727182" spans="14:14">
      <c r="N727182" s="10"/>
    </row>
    <row r="727183" spans="14:14">
      <c r="N727183" s="10"/>
    </row>
    <row r="727184" spans="14:14">
      <c r="N727184" s="10"/>
    </row>
    <row r="727185" spans="14:14">
      <c r="N727185" s="10"/>
    </row>
    <row r="727186" spans="14:14">
      <c r="N727186" s="10"/>
    </row>
    <row r="727187" spans="14:14">
      <c r="N727187" s="10"/>
    </row>
    <row r="727188" spans="14:14">
      <c r="N727188" s="10"/>
    </row>
    <row r="727189" spans="14:14">
      <c r="N727189" s="10"/>
    </row>
    <row r="727190" spans="14:14">
      <c r="N727190" s="10"/>
    </row>
    <row r="727191" spans="14:14">
      <c r="N727191" s="10"/>
    </row>
    <row r="727192" spans="14:14">
      <c r="N727192" s="10"/>
    </row>
    <row r="727193" spans="14:14">
      <c r="N727193" s="10"/>
    </row>
    <row r="727194" spans="14:14">
      <c r="N727194" s="10"/>
    </row>
    <row r="727195" spans="14:14">
      <c r="N727195" s="10"/>
    </row>
    <row r="727196" spans="14:14">
      <c r="N727196" s="10"/>
    </row>
    <row r="727197" spans="14:14">
      <c r="N727197" s="10"/>
    </row>
    <row r="727198" spans="14:14">
      <c r="N727198" s="10"/>
    </row>
    <row r="727199" spans="14:14">
      <c r="N727199" s="10"/>
    </row>
    <row r="727200" spans="14:14">
      <c r="N727200" s="10"/>
    </row>
    <row r="727201" spans="14:14">
      <c r="N727201" s="10"/>
    </row>
    <row r="727202" spans="14:14">
      <c r="N727202" s="10"/>
    </row>
    <row r="727203" spans="14:14">
      <c r="N727203" s="10"/>
    </row>
    <row r="727204" spans="14:14">
      <c r="N727204" s="10"/>
    </row>
    <row r="727205" spans="14:14">
      <c r="N727205" s="10"/>
    </row>
    <row r="727206" spans="14:14">
      <c r="N727206" s="10"/>
    </row>
    <row r="727207" spans="14:14">
      <c r="N727207" s="10"/>
    </row>
    <row r="727208" spans="14:14">
      <c r="N727208" s="10"/>
    </row>
    <row r="727209" spans="14:14">
      <c r="N727209" s="10"/>
    </row>
    <row r="727210" spans="14:14">
      <c r="N727210" s="10"/>
    </row>
    <row r="727211" spans="14:14">
      <c r="N727211" s="10"/>
    </row>
    <row r="727212" spans="14:14">
      <c r="N727212" s="10"/>
    </row>
    <row r="727213" spans="14:14">
      <c r="N727213" s="10"/>
    </row>
    <row r="727214" spans="14:14">
      <c r="N727214" s="10"/>
    </row>
    <row r="727215" spans="14:14">
      <c r="N727215" s="10"/>
    </row>
    <row r="727216" spans="14:14">
      <c r="N727216" s="10"/>
    </row>
    <row r="727217" spans="14:14">
      <c r="N727217" s="10"/>
    </row>
    <row r="727218" spans="14:14">
      <c r="N727218" s="10"/>
    </row>
    <row r="727219" spans="14:14">
      <c r="N727219" s="10"/>
    </row>
    <row r="727220" spans="14:14">
      <c r="N727220" s="10"/>
    </row>
    <row r="727221" spans="14:14">
      <c r="N727221" s="10"/>
    </row>
    <row r="727222" spans="14:14">
      <c r="N727222" s="10"/>
    </row>
    <row r="727223" spans="14:14">
      <c r="N727223" s="10"/>
    </row>
    <row r="727224" spans="14:14">
      <c r="N727224" s="10"/>
    </row>
    <row r="727225" spans="14:14">
      <c r="N727225" s="10"/>
    </row>
    <row r="727226" spans="14:14">
      <c r="N727226" s="10"/>
    </row>
    <row r="727227" spans="14:14">
      <c r="N727227" s="10"/>
    </row>
    <row r="727228" spans="14:14">
      <c r="N727228" s="10"/>
    </row>
    <row r="727229" spans="14:14">
      <c r="N727229" s="10"/>
    </row>
    <row r="727230" spans="14:14">
      <c r="N727230" s="10"/>
    </row>
    <row r="727231" spans="14:14">
      <c r="N727231" s="10"/>
    </row>
    <row r="727232" spans="14:14">
      <c r="N727232" s="10"/>
    </row>
    <row r="727233" spans="14:14">
      <c r="N727233" s="10"/>
    </row>
    <row r="727234" spans="14:14">
      <c r="N727234" s="10"/>
    </row>
    <row r="727235" spans="14:14">
      <c r="N727235" s="10"/>
    </row>
    <row r="727236" spans="14:14">
      <c r="N727236" s="10"/>
    </row>
    <row r="727237" spans="14:14">
      <c r="N727237" s="10"/>
    </row>
    <row r="727238" spans="14:14">
      <c r="N727238" s="10"/>
    </row>
    <row r="727239" spans="14:14">
      <c r="N727239" s="10"/>
    </row>
    <row r="727240" spans="14:14">
      <c r="N727240" s="10"/>
    </row>
    <row r="727241" spans="14:14">
      <c r="N727241" s="10"/>
    </row>
    <row r="727242" spans="14:14">
      <c r="N727242" s="10"/>
    </row>
    <row r="727243" spans="14:14">
      <c r="N727243" s="10"/>
    </row>
    <row r="727244" spans="14:14">
      <c r="N727244" s="10"/>
    </row>
    <row r="727245" spans="14:14">
      <c r="N727245" s="10"/>
    </row>
    <row r="727246" spans="14:14">
      <c r="N727246" s="10"/>
    </row>
    <row r="727247" spans="14:14">
      <c r="N727247" s="10"/>
    </row>
    <row r="727248" spans="14:14">
      <c r="N727248" s="10"/>
    </row>
    <row r="727249" spans="14:14">
      <c r="N727249" s="10"/>
    </row>
    <row r="727250" spans="14:14">
      <c r="N727250" s="10"/>
    </row>
    <row r="727251" spans="14:14">
      <c r="N727251" s="10"/>
    </row>
    <row r="727252" spans="14:14">
      <c r="N727252" s="10"/>
    </row>
    <row r="727253" spans="14:14">
      <c r="N727253" s="10"/>
    </row>
    <row r="727254" spans="14:14">
      <c r="N727254" s="10"/>
    </row>
    <row r="727255" spans="14:14">
      <c r="N727255" s="10"/>
    </row>
    <row r="727256" spans="14:14">
      <c r="N727256" s="10"/>
    </row>
    <row r="727257" spans="14:14">
      <c r="N727257" s="10"/>
    </row>
    <row r="727258" spans="14:14">
      <c r="N727258" s="10"/>
    </row>
    <row r="727259" spans="14:14">
      <c r="N727259" s="10"/>
    </row>
    <row r="727260" spans="14:14">
      <c r="N727260" s="10"/>
    </row>
    <row r="727261" spans="14:14">
      <c r="N727261" s="10"/>
    </row>
    <row r="727262" spans="14:14">
      <c r="N727262" s="10"/>
    </row>
    <row r="727263" spans="14:14">
      <c r="N727263" s="10"/>
    </row>
    <row r="727264" spans="14:14">
      <c r="N727264" s="10"/>
    </row>
    <row r="727265" spans="14:14">
      <c r="N727265" s="10"/>
    </row>
    <row r="727266" spans="14:14">
      <c r="N727266" s="10"/>
    </row>
    <row r="727267" spans="14:14">
      <c r="N727267" s="10"/>
    </row>
    <row r="727268" spans="14:14">
      <c r="N727268" s="10"/>
    </row>
    <row r="727269" spans="14:14">
      <c r="N727269" s="10"/>
    </row>
    <row r="727270" spans="14:14">
      <c r="N727270" s="10"/>
    </row>
    <row r="727271" spans="14:14">
      <c r="N727271" s="10"/>
    </row>
    <row r="727272" spans="14:14">
      <c r="N727272" s="10"/>
    </row>
    <row r="727273" spans="14:14">
      <c r="N727273" s="10"/>
    </row>
    <row r="727274" spans="14:14">
      <c r="N727274" s="10"/>
    </row>
    <row r="727275" spans="14:14">
      <c r="N727275" s="10"/>
    </row>
    <row r="727276" spans="14:14">
      <c r="N727276" s="10"/>
    </row>
    <row r="727277" spans="14:14">
      <c r="N727277" s="10"/>
    </row>
    <row r="727278" spans="14:14">
      <c r="N727278" s="10"/>
    </row>
    <row r="727279" spans="14:14">
      <c r="N727279" s="10"/>
    </row>
    <row r="727280" spans="14:14">
      <c r="N727280" s="10"/>
    </row>
    <row r="727281" spans="14:14">
      <c r="N727281" s="10"/>
    </row>
    <row r="727282" spans="14:14">
      <c r="N727282" s="10"/>
    </row>
    <row r="727283" spans="14:14">
      <c r="N727283" s="10"/>
    </row>
    <row r="727284" spans="14:14">
      <c r="N727284" s="10"/>
    </row>
    <row r="727285" spans="14:14">
      <c r="N727285" s="10"/>
    </row>
    <row r="727286" spans="14:14">
      <c r="N727286" s="10"/>
    </row>
    <row r="727287" spans="14:14">
      <c r="N727287" s="10"/>
    </row>
    <row r="727288" spans="14:14">
      <c r="N727288" s="10"/>
    </row>
    <row r="727289" spans="14:14">
      <c r="N727289" s="10"/>
    </row>
    <row r="727290" spans="14:14">
      <c r="N727290" s="10"/>
    </row>
    <row r="727291" spans="14:14">
      <c r="N727291" s="10"/>
    </row>
    <row r="727292" spans="14:14">
      <c r="N727292" s="10"/>
    </row>
    <row r="727293" spans="14:14">
      <c r="N727293" s="10"/>
    </row>
    <row r="727294" spans="14:14">
      <c r="N727294" s="10"/>
    </row>
    <row r="727295" spans="14:14">
      <c r="N727295" s="10"/>
    </row>
    <row r="727296" spans="14:14">
      <c r="N727296" s="10"/>
    </row>
    <row r="727297" spans="14:14">
      <c r="N727297" s="10"/>
    </row>
    <row r="727298" spans="14:14">
      <c r="N727298" s="10"/>
    </row>
    <row r="727299" spans="14:14">
      <c r="N727299" s="10"/>
    </row>
    <row r="727300" spans="14:14">
      <c r="N727300" s="10"/>
    </row>
    <row r="727301" spans="14:14">
      <c r="N727301" s="10"/>
    </row>
    <row r="727302" spans="14:14">
      <c r="N727302" s="10"/>
    </row>
    <row r="727303" spans="14:14">
      <c r="N727303" s="10"/>
    </row>
    <row r="727304" spans="14:14">
      <c r="N727304" s="10"/>
    </row>
    <row r="727305" spans="14:14">
      <c r="N727305" s="10"/>
    </row>
    <row r="727306" spans="14:14">
      <c r="N727306" s="10"/>
    </row>
    <row r="727307" spans="14:14">
      <c r="N727307" s="10"/>
    </row>
    <row r="727308" spans="14:14">
      <c r="N727308" s="10"/>
    </row>
    <row r="727309" spans="14:14">
      <c r="N727309" s="10"/>
    </row>
    <row r="727310" spans="14:14">
      <c r="N727310" s="10"/>
    </row>
    <row r="727311" spans="14:14">
      <c r="N727311" s="10"/>
    </row>
    <row r="727312" spans="14:14">
      <c r="N727312" s="10"/>
    </row>
    <row r="727313" spans="14:14">
      <c r="N727313" s="10"/>
    </row>
    <row r="727314" spans="14:14">
      <c r="N727314" s="10"/>
    </row>
    <row r="727315" spans="14:14">
      <c r="N727315" s="10"/>
    </row>
    <row r="727316" spans="14:14">
      <c r="N727316" s="10"/>
    </row>
    <row r="727317" spans="14:14">
      <c r="N727317" s="10"/>
    </row>
    <row r="727318" spans="14:14">
      <c r="N727318" s="10"/>
    </row>
    <row r="727319" spans="14:14">
      <c r="N727319" s="10"/>
    </row>
    <row r="727320" spans="14:14">
      <c r="N727320" s="10"/>
    </row>
    <row r="727321" spans="14:14">
      <c r="N727321" s="10"/>
    </row>
    <row r="727322" spans="14:14">
      <c r="N727322" s="10"/>
    </row>
    <row r="727323" spans="14:14">
      <c r="N727323" s="10"/>
    </row>
    <row r="727324" spans="14:14">
      <c r="N727324" s="10"/>
    </row>
    <row r="727325" spans="14:14">
      <c r="N727325" s="10"/>
    </row>
    <row r="727326" spans="14:14">
      <c r="N727326" s="10"/>
    </row>
    <row r="727327" spans="14:14">
      <c r="N727327" s="10"/>
    </row>
    <row r="727328" spans="14:14">
      <c r="N727328" s="10"/>
    </row>
    <row r="727329" spans="14:14">
      <c r="N727329" s="10"/>
    </row>
    <row r="727330" spans="14:14">
      <c r="N727330" s="10"/>
    </row>
    <row r="727331" spans="14:14">
      <c r="N727331" s="10"/>
    </row>
    <row r="727332" spans="14:14">
      <c r="N727332" s="10"/>
    </row>
    <row r="727333" spans="14:14">
      <c r="N727333" s="10"/>
    </row>
    <row r="727334" spans="14:14">
      <c r="N727334" s="10"/>
    </row>
    <row r="727335" spans="14:14">
      <c r="N727335" s="10"/>
    </row>
    <row r="727336" spans="14:14">
      <c r="N727336" s="10"/>
    </row>
    <row r="727337" spans="14:14">
      <c r="N727337" s="10"/>
    </row>
    <row r="727338" spans="14:14">
      <c r="N727338" s="10"/>
    </row>
    <row r="727339" spans="14:14">
      <c r="N727339" s="10"/>
    </row>
    <row r="727340" spans="14:14">
      <c r="N727340" s="10"/>
    </row>
    <row r="727341" spans="14:14">
      <c r="N727341" s="10"/>
    </row>
    <row r="727342" spans="14:14">
      <c r="N727342" s="10"/>
    </row>
    <row r="727343" spans="14:14">
      <c r="N727343" s="10"/>
    </row>
    <row r="727344" spans="14:14">
      <c r="N727344" s="10"/>
    </row>
    <row r="727345" spans="14:14">
      <c r="N727345" s="10"/>
    </row>
    <row r="727346" spans="14:14">
      <c r="N727346" s="10"/>
    </row>
    <row r="727347" spans="14:14">
      <c r="N727347" s="10"/>
    </row>
    <row r="727348" spans="14:14">
      <c r="N727348" s="10"/>
    </row>
    <row r="727349" spans="14:14">
      <c r="N727349" s="10"/>
    </row>
    <row r="727350" spans="14:14">
      <c r="N727350" s="10"/>
    </row>
    <row r="727351" spans="14:14">
      <c r="N727351" s="10"/>
    </row>
    <row r="727352" spans="14:14">
      <c r="N727352" s="10"/>
    </row>
    <row r="727353" spans="14:14">
      <c r="N727353" s="10"/>
    </row>
    <row r="727354" spans="14:14">
      <c r="N727354" s="10"/>
    </row>
    <row r="727355" spans="14:14">
      <c r="N727355" s="10"/>
    </row>
    <row r="727356" spans="14:14">
      <c r="N727356" s="10"/>
    </row>
    <row r="727357" spans="14:14">
      <c r="N727357" s="10"/>
    </row>
    <row r="727358" spans="14:14">
      <c r="N727358" s="10"/>
    </row>
    <row r="727359" spans="14:14">
      <c r="N727359" s="10"/>
    </row>
    <row r="727360" spans="14:14">
      <c r="N727360" s="10"/>
    </row>
    <row r="727361" spans="14:14">
      <c r="N727361" s="10"/>
    </row>
    <row r="727362" spans="14:14">
      <c r="N727362" s="10"/>
    </row>
    <row r="727363" spans="14:14">
      <c r="N727363" s="10"/>
    </row>
    <row r="727364" spans="14:14">
      <c r="N727364" s="10"/>
    </row>
    <row r="727365" spans="14:14">
      <c r="N727365" s="10"/>
    </row>
    <row r="727366" spans="14:14">
      <c r="N727366" s="10"/>
    </row>
    <row r="727367" spans="14:14">
      <c r="N727367" s="10"/>
    </row>
    <row r="727368" spans="14:14">
      <c r="N727368" s="10"/>
    </row>
    <row r="727369" spans="14:14">
      <c r="N727369" s="10"/>
    </row>
    <row r="727370" spans="14:14">
      <c r="N727370" s="10"/>
    </row>
    <row r="727371" spans="14:14">
      <c r="N727371" s="10"/>
    </row>
    <row r="727372" spans="14:14">
      <c r="N727372" s="10"/>
    </row>
    <row r="727373" spans="14:14">
      <c r="N727373" s="10"/>
    </row>
    <row r="727374" spans="14:14">
      <c r="N727374" s="10"/>
    </row>
    <row r="727375" spans="14:14">
      <c r="N727375" s="10"/>
    </row>
    <row r="727376" spans="14:14">
      <c r="N727376" s="10"/>
    </row>
    <row r="727377" spans="14:14">
      <c r="N727377" s="10"/>
    </row>
    <row r="727378" spans="14:14">
      <c r="N727378" s="10"/>
    </row>
    <row r="727379" spans="14:14">
      <c r="N727379" s="10"/>
    </row>
    <row r="727380" spans="14:14">
      <c r="N727380" s="10"/>
    </row>
    <row r="727381" spans="14:14">
      <c r="N727381" s="10"/>
    </row>
    <row r="727382" spans="14:14">
      <c r="N727382" s="10"/>
    </row>
    <row r="727383" spans="14:14">
      <c r="N727383" s="10"/>
    </row>
    <row r="727384" spans="14:14">
      <c r="N727384" s="10"/>
    </row>
    <row r="727385" spans="14:14">
      <c r="N727385" s="10"/>
    </row>
    <row r="727386" spans="14:14">
      <c r="N727386" s="10"/>
    </row>
    <row r="727387" spans="14:14">
      <c r="N727387" s="10"/>
    </row>
    <row r="727388" spans="14:14">
      <c r="N727388" s="10"/>
    </row>
    <row r="727389" spans="14:14">
      <c r="N727389" s="10"/>
    </row>
    <row r="727390" spans="14:14">
      <c r="N727390" s="10"/>
    </row>
    <row r="727391" spans="14:14">
      <c r="N727391" s="10"/>
    </row>
    <row r="727392" spans="14:14">
      <c r="N727392" s="10"/>
    </row>
    <row r="727393" spans="14:14">
      <c r="N727393" s="10"/>
    </row>
    <row r="727394" spans="14:14">
      <c r="N727394" s="10"/>
    </row>
    <row r="727395" spans="14:14">
      <c r="N727395" s="10"/>
    </row>
    <row r="727396" spans="14:14">
      <c r="N727396" s="10"/>
    </row>
    <row r="727397" spans="14:14">
      <c r="N727397" s="10"/>
    </row>
    <row r="727398" spans="14:14">
      <c r="N727398" s="10"/>
    </row>
    <row r="727399" spans="14:14">
      <c r="N727399" s="10"/>
    </row>
    <row r="727400" spans="14:14">
      <c r="N727400" s="10"/>
    </row>
    <row r="727401" spans="14:14">
      <c r="N727401" s="10"/>
    </row>
    <row r="727402" spans="14:14">
      <c r="N727402" s="10"/>
    </row>
    <row r="727403" spans="14:14">
      <c r="N727403" s="10"/>
    </row>
    <row r="727404" spans="14:14">
      <c r="N727404" s="10"/>
    </row>
    <row r="727405" spans="14:14">
      <c r="N727405" s="10"/>
    </row>
    <row r="727406" spans="14:14">
      <c r="N727406" s="10"/>
    </row>
    <row r="727407" spans="14:14">
      <c r="N727407" s="10"/>
    </row>
    <row r="727408" spans="14:14">
      <c r="N727408" s="10"/>
    </row>
    <row r="727409" spans="14:14">
      <c r="N727409" s="10"/>
    </row>
    <row r="727410" spans="14:14">
      <c r="N727410" s="10"/>
    </row>
    <row r="727411" spans="14:14">
      <c r="N727411" s="10"/>
    </row>
    <row r="727412" spans="14:14">
      <c r="N727412" s="10"/>
    </row>
    <row r="727413" spans="14:14">
      <c r="N727413" s="10"/>
    </row>
    <row r="727414" spans="14:14">
      <c r="N727414" s="10"/>
    </row>
    <row r="727415" spans="14:14">
      <c r="N727415" s="10"/>
    </row>
    <row r="727416" spans="14:14">
      <c r="N727416" s="10"/>
    </row>
    <row r="727417" spans="14:14">
      <c r="N727417" s="10"/>
    </row>
    <row r="727418" spans="14:14">
      <c r="N727418" s="10"/>
    </row>
    <row r="727419" spans="14:14">
      <c r="N727419" s="10"/>
    </row>
    <row r="727420" spans="14:14">
      <c r="N727420" s="10"/>
    </row>
    <row r="727421" spans="14:14">
      <c r="N727421" s="10"/>
    </row>
    <row r="727422" spans="14:14">
      <c r="N727422" s="10"/>
    </row>
    <row r="727423" spans="14:14">
      <c r="N727423" s="10"/>
    </row>
    <row r="727424" spans="14:14">
      <c r="N727424" s="10"/>
    </row>
    <row r="727425" spans="14:14">
      <c r="N727425" s="10"/>
    </row>
    <row r="727426" spans="14:14">
      <c r="N727426" s="10"/>
    </row>
    <row r="727427" spans="14:14">
      <c r="N727427" s="10"/>
    </row>
    <row r="727428" spans="14:14">
      <c r="N727428" s="10"/>
    </row>
    <row r="727429" spans="14:14">
      <c r="N727429" s="10"/>
    </row>
    <row r="727430" spans="14:14">
      <c r="N727430" s="10"/>
    </row>
    <row r="727431" spans="14:14">
      <c r="N727431" s="10"/>
    </row>
    <row r="727432" spans="14:14">
      <c r="N727432" s="10"/>
    </row>
    <row r="727433" spans="14:14">
      <c r="N727433" s="10"/>
    </row>
    <row r="727434" spans="14:14">
      <c r="N727434" s="10"/>
    </row>
    <row r="727435" spans="14:14">
      <c r="N727435" s="10"/>
    </row>
    <row r="727436" spans="14:14">
      <c r="N727436" s="10"/>
    </row>
    <row r="727437" spans="14:14">
      <c r="N727437" s="10"/>
    </row>
    <row r="727438" spans="14:14">
      <c r="N727438" s="10"/>
    </row>
    <row r="727439" spans="14:14">
      <c r="N727439" s="10"/>
    </row>
    <row r="727440" spans="14:14">
      <c r="N727440" s="10"/>
    </row>
    <row r="727441" spans="14:14">
      <c r="N727441" s="10"/>
    </row>
    <row r="727442" spans="14:14">
      <c r="N727442" s="10"/>
    </row>
    <row r="727443" spans="14:14">
      <c r="N727443" s="10"/>
    </row>
    <row r="727444" spans="14:14">
      <c r="N727444" s="10"/>
    </row>
    <row r="727445" spans="14:14">
      <c r="N727445" s="10"/>
    </row>
    <row r="727446" spans="14:14">
      <c r="N727446" s="10"/>
    </row>
    <row r="727447" spans="14:14">
      <c r="N727447" s="10"/>
    </row>
    <row r="727448" spans="14:14">
      <c r="N727448" s="10"/>
    </row>
    <row r="727449" spans="14:14">
      <c r="N727449" s="10"/>
    </row>
    <row r="727450" spans="14:14">
      <c r="N727450" s="10"/>
    </row>
    <row r="727451" spans="14:14">
      <c r="N727451" s="10"/>
    </row>
    <row r="727452" spans="14:14">
      <c r="N727452" s="10"/>
    </row>
    <row r="727453" spans="14:14">
      <c r="N727453" s="10"/>
    </row>
    <row r="727454" spans="14:14">
      <c r="N727454" s="10"/>
    </row>
    <row r="727455" spans="14:14">
      <c r="N727455" s="10"/>
    </row>
    <row r="727456" spans="14:14">
      <c r="N727456" s="10"/>
    </row>
    <row r="727457" spans="14:14">
      <c r="N727457" s="10"/>
    </row>
    <row r="727458" spans="14:14">
      <c r="N727458" s="10"/>
    </row>
    <row r="727459" spans="14:14">
      <c r="N727459" s="10"/>
    </row>
    <row r="727460" spans="14:14">
      <c r="N727460" s="10"/>
    </row>
    <row r="727461" spans="14:14">
      <c r="N727461" s="10"/>
    </row>
    <row r="727462" spans="14:14">
      <c r="N727462" s="10"/>
    </row>
    <row r="727463" spans="14:14">
      <c r="N727463" s="10"/>
    </row>
    <row r="727464" spans="14:14">
      <c r="N727464" s="10"/>
    </row>
    <row r="727465" spans="14:14">
      <c r="N727465" s="10"/>
    </row>
    <row r="727466" spans="14:14">
      <c r="N727466" s="10"/>
    </row>
    <row r="727467" spans="14:14">
      <c r="N727467" s="10"/>
    </row>
    <row r="727468" spans="14:14">
      <c r="N727468" s="10"/>
    </row>
    <row r="727469" spans="14:14">
      <c r="N727469" s="10"/>
    </row>
    <row r="727470" spans="14:14">
      <c r="N727470" s="10"/>
    </row>
    <row r="727471" spans="14:14">
      <c r="N727471" s="10"/>
    </row>
    <row r="727472" spans="14:14">
      <c r="N727472" s="10"/>
    </row>
    <row r="727473" spans="14:14">
      <c r="N727473" s="10"/>
    </row>
    <row r="727474" spans="14:14">
      <c r="N727474" s="10"/>
    </row>
    <row r="727475" spans="14:14">
      <c r="N727475" s="10"/>
    </row>
    <row r="727476" spans="14:14">
      <c r="N727476" s="10"/>
    </row>
    <row r="727477" spans="14:14">
      <c r="N727477" s="10"/>
    </row>
    <row r="727478" spans="14:14">
      <c r="N727478" s="10"/>
    </row>
    <row r="727479" spans="14:14">
      <c r="N727479" s="10"/>
    </row>
    <row r="727480" spans="14:14">
      <c r="N727480" s="10"/>
    </row>
    <row r="727481" spans="14:14">
      <c r="N727481" s="10"/>
    </row>
    <row r="727482" spans="14:14">
      <c r="N727482" s="10"/>
    </row>
    <row r="727483" spans="14:14">
      <c r="N727483" s="10"/>
    </row>
    <row r="727484" spans="14:14">
      <c r="N727484" s="10"/>
    </row>
    <row r="727485" spans="14:14">
      <c r="N727485" s="10"/>
    </row>
    <row r="727486" spans="14:14">
      <c r="N727486" s="10"/>
    </row>
    <row r="727487" spans="14:14">
      <c r="N727487" s="10"/>
    </row>
    <row r="727488" spans="14:14">
      <c r="N727488" s="10"/>
    </row>
    <row r="727489" spans="14:14">
      <c r="N727489" s="10"/>
    </row>
    <row r="727490" spans="14:14">
      <c r="N727490" s="10"/>
    </row>
    <row r="727491" spans="14:14">
      <c r="N727491" s="10"/>
    </row>
    <row r="727492" spans="14:14">
      <c r="N727492" s="10"/>
    </row>
    <row r="727493" spans="14:14">
      <c r="N727493" s="10"/>
    </row>
    <row r="727494" spans="14:14">
      <c r="N727494" s="10"/>
    </row>
    <row r="727495" spans="14:14">
      <c r="N727495" s="10"/>
    </row>
    <row r="727496" spans="14:14">
      <c r="N727496" s="10"/>
    </row>
    <row r="727497" spans="14:14">
      <c r="N727497" s="10"/>
    </row>
    <row r="727498" spans="14:14">
      <c r="N727498" s="10"/>
    </row>
    <row r="727499" spans="14:14">
      <c r="N727499" s="10"/>
    </row>
    <row r="727500" spans="14:14">
      <c r="N727500" s="10"/>
    </row>
    <row r="727501" spans="14:14">
      <c r="N727501" s="10"/>
    </row>
    <row r="727502" spans="14:14">
      <c r="N727502" s="10"/>
    </row>
    <row r="727503" spans="14:14">
      <c r="N727503" s="10"/>
    </row>
    <row r="727504" spans="14:14">
      <c r="N727504" s="10"/>
    </row>
    <row r="727505" spans="14:14">
      <c r="N727505" s="10"/>
    </row>
    <row r="727506" spans="14:14">
      <c r="N727506" s="10"/>
    </row>
    <row r="727507" spans="14:14">
      <c r="N727507" s="10"/>
    </row>
    <row r="727508" spans="14:14">
      <c r="N727508" s="10"/>
    </row>
    <row r="727509" spans="14:14">
      <c r="N727509" s="10"/>
    </row>
    <row r="727510" spans="14:14">
      <c r="N727510" s="10"/>
    </row>
    <row r="727511" spans="14:14">
      <c r="N727511" s="10"/>
    </row>
    <row r="727512" spans="14:14">
      <c r="N727512" s="10"/>
    </row>
    <row r="727513" spans="14:14">
      <c r="N727513" s="10"/>
    </row>
    <row r="727514" spans="14:14">
      <c r="N727514" s="10"/>
    </row>
    <row r="727515" spans="14:14">
      <c r="N727515" s="10"/>
    </row>
    <row r="727516" spans="14:14">
      <c r="N727516" s="10"/>
    </row>
    <row r="727517" spans="14:14">
      <c r="N727517" s="10"/>
    </row>
    <row r="727518" spans="14:14">
      <c r="N727518" s="10"/>
    </row>
    <row r="727519" spans="14:14">
      <c r="N727519" s="10"/>
    </row>
    <row r="727520" spans="14:14">
      <c r="N727520" s="10"/>
    </row>
    <row r="727521" spans="14:14">
      <c r="N727521" s="10"/>
    </row>
    <row r="727522" spans="14:14">
      <c r="N727522" s="10"/>
    </row>
    <row r="727523" spans="14:14">
      <c r="N727523" s="10"/>
    </row>
    <row r="727524" spans="14:14">
      <c r="N727524" s="10"/>
    </row>
    <row r="727525" spans="14:14">
      <c r="N727525" s="10"/>
    </row>
    <row r="727526" spans="14:14">
      <c r="N727526" s="10"/>
    </row>
    <row r="727527" spans="14:14">
      <c r="N727527" s="10"/>
    </row>
    <row r="727528" spans="14:14">
      <c r="N727528" s="10"/>
    </row>
    <row r="727529" spans="14:14">
      <c r="N727529" s="10"/>
    </row>
    <row r="727530" spans="14:14">
      <c r="N727530" s="10"/>
    </row>
    <row r="727531" spans="14:14">
      <c r="N727531" s="10"/>
    </row>
    <row r="727532" spans="14:14">
      <c r="N727532" s="10"/>
    </row>
    <row r="727533" spans="14:14">
      <c r="N727533" s="10"/>
    </row>
    <row r="727534" spans="14:14">
      <c r="N727534" s="10"/>
    </row>
    <row r="727535" spans="14:14">
      <c r="N727535" s="10"/>
    </row>
    <row r="727536" spans="14:14">
      <c r="N727536" s="10"/>
    </row>
    <row r="727537" spans="14:14">
      <c r="N727537" s="10"/>
    </row>
    <row r="727538" spans="14:14">
      <c r="N727538" s="10"/>
    </row>
    <row r="727539" spans="14:14">
      <c r="N727539" s="10"/>
    </row>
    <row r="727540" spans="14:14">
      <c r="N727540" s="10"/>
    </row>
    <row r="727541" spans="14:14">
      <c r="N727541" s="10"/>
    </row>
    <row r="727542" spans="14:14">
      <c r="N727542" s="10"/>
    </row>
    <row r="727543" spans="14:14">
      <c r="N727543" s="10"/>
    </row>
    <row r="727544" spans="14:14">
      <c r="N727544" s="10"/>
    </row>
    <row r="727545" spans="14:14">
      <c r="N727545" s="10"/>
    </row>
    <row r="727546" spans="14:14">
      <c r="N727546" s="10"/>
    </row>
    <row r="727547" spans="14:14">
      <c r="N727547" s="10"/>
    </row>
    <row r="727548" spans="14:14">
      <c r="N727548" s="10"/>
    </row>
    <row r="727549" spans="14:14">
      <c r="N727549" s="10"/>
    </row>
    <row r="727550" spans="14:14">
      <c r="N727550" s="10"/>
    </row>
    <row r="727551" spans="14:14">
      <c r="N727551" s="10"/>
    </row>
    <row r="727552" spans="14:14">
      <c r="N727552" s="10"/>
    </row>
    <row r="727553" spans="14:14">
      <c r="N727553" s="10"/>
    </row>
    <row r="727554" spans="14:14">
      <c r="N727554" s="10"/>
    </row>
    <row r="727555" spans="14:14">
      <c r="N727555" s="10"/>
    </row>
    <row r="727556" spans="14:14">
      <c r="N727556" s="10"/>
    </row>
    <row r="727557" spans="14:14">
      <c r="N727557" s="10"/>
    </row>
    <row r="727558" spans="14:14">
      <c r="N727558" s="10"/>
    </row>
    <row r="727559" spans="14:14">
      <c r="N727559" s="10"/>
    </row>
    <row r="727560" spans="14:14">
      <c r="N727560" s="10"/>
    </row>
    <row r="727561" spans="14:14">
      <c r="N727561" s="10"/>
    </row>
    <row r="727562" spans="14:14">
      <c r="N727562" s="10"/>
    </row>
    <row r="727563" spans="14:14">
      <c r="N727563" s="10"/>
    </row>
    <row r="727564" spans="14:14">
      <c r="N727564" s="10"/>
    </row>
    <row r="727565" spans="14:14">
      <c r="N727565" s="10"/>
    </row>
    <row r="727566" spans="14:14">
      <c r="N727566" s="10"/>
    </row>
    <row r="727567" spans="14:14">
      <c r="N727567" s="10"/>
    </row>
    <row r="727568" spans="14:14">
      <c r="N727568" s="10"/>
    </row>
    <row r="727569" spans="14:14">
      <c r="N727569" s="10"/>
    </row>
    <row r="727570" spans="14:14">
      <c r="N727570" s="10"/>
    </row>
    <row r="727571" spans="14:14">
      <c r="N727571" s="10"/>
    </row>
    <row r="727572" spans="14:14">
      <c r="N727572" s="10"/>
    </row>
    <row r="727573" spans="14:14">
      <c r="N727573" s="10"/>
    </row>
    <row r="727574" spans="14:14">
      <c r="N727574" s="10"/>
    </row>
    <row r="727575" spans="14:14">
      <c r="N727575" s="10"/>
    </row>
    <row r="727576" spans="14:14">
      <c r="N727576" s="10"/>
    </row>
    <row r="727577" spans="14:14">
      <c r="N727577" s="10"/>
    </row>
    <row r="727578" spans="14:14">
      <c r="N727578" s="10"/>
    </row>
    <row r="727579" spans="14:14">
      <c r="N727579" s="10"/>
    </row>
    <row r="727580" spans="14:14">
      <c r="N727580" s="10"/>
    </row>
    <row r="727581" spans="14:14">
      <c r="N727581" s="10"/>
    </row>
    <row r="727582" spans="14:14">
      <c r="N727582" s="10"/>
    </row>
    <row r="727583" spans="14:14">
      <c r="N727583" s="10"/>
    </row>
    <row r="727584" spans="14:14">
      <c r="N727584" s="10"/>
    </row>
    <row r="727585" spans="14:14">
      <c r="N727585" s="10"/>
    </row>
    <row r="727586" spans="14:14">
      <c r="N727586" s="10"/>
    </row>
    <row r="727587" spans="14:14">
      <c r="N727587" s="10"/>
    </row>
    <row r="727588" spans="14:14">
      <c r="N727588" s="10"/>
    </row>
    <row r="727589" spans="14:14">
      <c r="N727589" s="10"/>
    </row>
    <row r="727590" spans="14:14">
      <c r="N727590" s="10"/>
    </row>
    <row r="727591" spans="14:14">
      <c r="N727591" s="10"/>
    </row>
    <row r="727592" spans="14:14">
      <c r="N727592" s="10"/>
    </row>
    <row r="727593" spans="14:14">
      <c r="N727593" s="10"/>
    </row>
    <row r="727594" spans="14:14">
      <c r="N727594" s="10"/>
    </row>
    <row r="727595" spans="14:14">
      <c r="N727595" s="10"/>
    </row>
    <row r="727596" spans="14:14">
      <c r="N727596" s="10"/>
    </row>
    <row r="727597" spans="14:14">
      <c r="N727597" s="10"/>
    </row>
    <row r="727598" spans="14:14">
      <c r="N727598" s="10"/>
    </row>
    <row r="727599" spans="14:14">
      <c r="N727599" s="10"/>
    </row>
    <row r="727600" spans="14:14">
      <c r="N727600" s="10"/>
    </row>
    <row r="727601" spans="14:14">
      <c r="N727601" s="10"/>
    </row>
    <row r="727602" spans="14:14">
      <c r="N727602" s="10"/>
    </row>
    <row r="727603" spans="14:14">
      <c r="N727603" s="10"/>
    </row>
    <row r="727604" spans="14:14">
      <c r="N727604" s="10"/>
    </row>
    <row r="727605" spans="14:14">
      <c r="N727605" s="10"/>
    </row>
    <row r="727606" spans="14:14">
      <c r="N727606" s="10"/>
    </row>
    <row r="727607" spans="14:14">
      <c r="N727607" s="10"/>
    </row>
    <row r="727608" spans="14:14">
      <c r="N727608" s="10"/>
    </row>
    <row r="727609" spans="14:14">
      <c r="N727609" s="10"/>
    </row>
    <row r="727610" spans="14:14">
      <c r="N727610" s="10"/>
    </row>
    <row r="727611" spans="14:14">
      <c r="N727611" s="10"/>
    </row>
    <row r="727612" spans="14:14">
      <c r="N727612" s="10"/>
    </row>
    <row r="727613" spans="14:14">
      <c r="N727613" s="10"/>
    </row>
    <row r="727614" spans="14:14">
      <c r="N727614" s="10"/>
    </row>
    <row r="727615" spans="14:14">
      <c r="N727615" s="10"/>
    </row>
    <row r="727616" spans="14:14">
      <c r="N727616" s="10"/>
    </row>
    <row r="727617" spans="14:14">
      <c r="N727617" s="10"/>
    </row>
    <row r="727618" spans="14:14">
      <c r="N727618" s="10"/>
    </row>
    <row r="727619" spans="14:14">
      <c r="N727619" s="10"/>
    </row>
    <row r="727620" spans="14:14">
      <c r="N727620" s="10"/>
    </row>
    <row r="727621" spans="14:14">
      <c r="N727621" s="10"/>
    </row>
    <row r="727622" spans="14:14">
      <c r="N727622" s="10"/>
    </row>
    <row r="727623" spans="14:14">
      <c r="N727623" s="10"/>
    </row>
    <row r="727624" spans="14:14">
      <c r="N727624" s="10"/>
    </row>
    <row r="727625" spans="14:14">
      <c r="N727625" s="10"/>
    </row>
    <row r="727626" spans="14:14">
      <c r="N727626" s="10"/>
    </row>
    <row r="727627" spans="14:14">
      <c r="N727627" s="10"/>
    </row>
    <row r="727628" spans="14:14">
      <c r="N727628" s="10"/>
    </row>
    <row r="727629" spans="14:14">
      <c r="N727629" s="10"/>
    </row>
    <row r="727630" spans="14:14">
      <c r="N727630" s="10"/>
    </row>
    <row r="727631" spans="14:14">
      <c r="N727631" s="10"/>
    </row>
    <row r="727632" spans="14:14">
      <c r="N727632" s="10"/>
    </row>
    <row r="727633" spans="14:14">
      <c r="N727633" s="10"/>
    </row>
    <row r="727634" spans="14:14">
      <c r="N727634" s="10"/>
    </row>
    <row r="727635" spans="14:14">
      <c r="N727635" s="10"/>
    </row>
    <row r="727636" spans="14:14">
      <c r="N727636" s="10"/>
    </row>
    <row r="727637" spans="14:14">
      <c r="N727637" s="10"/>
    </row>
    <row r="727638" spans="14:14">
      <c r="N727638" s="10"/>
    </row>
    <row r="727639" spans="14:14">
      <c r="N727639" s="10"/>
    </row>
    <row r="727640" spans="14:14">
      <c r="N727640" s="10"/>
    </row>
    <row r="727641" spans="14:14">
      <c r="N727641" s="10"/>
    </row>
    <row r="727642" spans="14:14">
      <c r="N727642" s="10"/>
    </row>
    <row r="727643" spans="14:14">
      <c r="N727643" s="10"/>
    </row>
    <row r="727644" spans="14:14">
      <c r="N727644" s="10"/>
    </row>
    <row r="727645" spans="14:14">
      <c r="N727645" s="10"/>
    </row>
    <row r="727646" spans="14:14">
      <c r="N727646" s="10"/>
    </row>
    <row r="727647" spans="14:14">
      <c r="N727647" s="10"/>
    </row>
    <row r="727648" spans="14:14">
      <c r="N727648" s="10"/>
    </row>
    <row r="727649" spans="14:14">
      <c r="N727649" s="10"/>
    </row>
    <row r="727650" spans="14:14">
      <c r="N727650" s="10"/>
    </row>
    <row r="727651" spans="14:14">
      <c r="N727651" s="10"/>
    </row>
    <row r="727652" spans="14:14">
      <c r="N727652" s="10"/>
    </row>
    <row r="727653" spans="14:14">
      <c r="N727653" s="10"/>
    </row>
    <row r="727654" spans="14:14">
      <c r="N727654" s="10"/>
    </row>
    <row r="727655" spans="14:14">
      <c r="N727655" s="10"/>
    </row>
    <row r="727656" spans="14:14">
      <c r="N727656" s="10"/>
    </row>
    <row r="727657" spans="14:14">
      <c r="N727657" s="10"/>
    </row>
    <row r="727658" spans="14:14">
      <c r="N727658" s="10"/>
    </row>
    <row r="727659" spans="14:14">
      <c r="N727659" s="10"/>
    </row>
    <row r="727660" spans="14:14">
      <c r="N727660" s="10"/>
    </row>
    <row r="727661" spans="14:14">
      <c r="N727661" s="10"/>
    </row>
    <row r="727662" spans="14:14">
      <c r="N727662" s="10"/>
    </row>
    <row r="727663" spans="14:14">
      <c r="N727663" s="10"/>
    </row>
    <row r="727664" spans="14:14">
      <c r="N727664" s="10"/>
    </row>
    <row r="727665" spans="14:14">
      <c r="N727665" s="10"/>
    </row>
    <row r="727666" spans="14:14">
      <c r="N727666" s="10"/>
    </row>
    <row r="727667" spans="14:14">
      <c r="N727667" s="10"/>
    </row>
    <row r="727668" spans="14:14">
      <c r="N727668" s="10"/>
    </row>
    <row r="727669" spans="14:14">
      <c r="N727669" s="10"/>
    </row>
    <row r="727670" spans="14:14">
      <c r="N727670" s="10"/>
    </row>
    <row r="727671" spans="14:14">
      <c r="N727671" s="10"/>
    </row>
    <row r="727672" spans="14:14">
      <c r="N727672" s="10"/>
    </row>
    <row r="727673" spans="14:14">
      <c r="N727673" s="10"/>
    </row>
    <row r="727674" spans="14:14">
      <c r="N727674" s="10"/>
    </row>
    <row r="727675" spans="14:14">
      <c r="N727675" s="10"/>
    </row>
    <row r="727676" spans="14:14">
      <c r="N727676" s="10"/>
    </row>
    <row r="727677" spans="14:14">
      <c r="N727677" s="10"/>
    </row>
    <row r="727678" spans="14:14">
      <c r="N727678" s="10"/>
    </row>
    <row r="727679" spans="14:14">
      <c r="N727679" s="10"/>
    </row>
    <row r="727680" spans="14:14">
      <c r="N727680" s="10"/>
    </row>
    <row r="727681" spans="14:14">
      <c r="N727681" s="10"/>
    </row>
    <row r="727682" spans="14:14">
      <c r="N727682" s="10"/>
    </row>
    <row r="727683" spans="14:14">
      <c r="N727683" s="10"/>
    </row>
    <row r="727684" spans="14:14">
      <c r="N727684" s="10"/>
    </row>
    <row r="727685" spans="14:14">
      <c r="N727685" s="10"/>
    </row>
    <row r="727686" spans="14:14">
      <c r="N727686" s="10"/>
    </row>
    <row r="727687" spans="14:14">
      <c r="N727687" s="10"/>
    </row>
    <row r="727688" spans="14:14">
      <c r="N727688" s="10"/>
    </row>
    <row r="727689" spans="14:14">
      <c r="N727689" s="10"/>
    </row>
    <row r="727690" spans="14:14">
      <c r="N727690" s="10"/>
    </row>
    <row r="727691" spans="14:14">
      <c r="N727691" s="10"/>
    </row>
    <row r="727692" spans="14:14">
      <c r="N727692" s="10"/>
    </row>
    <row r="727693" spans="14:14">
      <c r="N727693" s="10"/>
    </row>
    <row r="727694" spans="14:14">
      <c r="N727694" s="10"/>
    </row>
    <row r="727695" spans="14:14">
      <c r="N727695" s="10"/>
    </row>
    <row r="727696" spans="14:14">
      <c r="N727696" s="10"/>
    </row>
    <row r="727697" spans="14:14">
      <c r="N727697" s="10"/>
    </row>
    <row r="727698" spans="14:14">
      <c r="N727698" s="10"/>
    </row>
    <row r="727699" spans="14:14">
      <c r="N727699" s="10"/>
    </row>
    <row r="727700" spans="14:14">
      <c r="N727700" s="10"/>
    </row>
    <row r="727701" spans="14:14">
      <c r="N727701" s="10"/>
    </row>
    <row r="727702" spans="14:14">
      <c r="N727702" s="10"/>
    </row>
    <row r="727703" spans="14:14">
      <c r="N727703" s="10"/>
    </row>
    <row r="727704" spans="14:14">
      <c r="N727704" s="10"/>
    </row>
    <row r="727705" spans="14:14">
      <c r="N727705" s="10"/>
    </row>
    <row r="727706" spans="14:14">
      <c r="N727706" s="10"/>
    </row>
    <row r="727707" spans="14:14">
      <c r="N727707" s="10"/>
    </row>
    <row r="727708" spans="14:14">
      <c r="N727708" s="10"/>
    </row>
    <row r="727709" spans="14:14">
      <c r="N727709" s="10"/>
    </row>
    <row r="727710" spans="14:14">
      <c r="N727710" s="10"/>
    </row>
    <row r="727711" spans="14:14">
      <c r="N727711" s="10"/>
    </row>
    <row r="727712" spans="14:14">
      <c r="N727712" s="10"/>
    </row>
    <row r="727713" spans="14:14">
      <c r="N727713" s="10"/>
    </row>
    <row r="727714" spans="14:14">
      <c r="N727714" s="10"/>
    </row>
    <row r="727715" spans="14:14">
      <c r="N727715" s="10"/>
    </row>
    <row r="727716" spans="14:14">
      <c r="N727716" s="10"/>
    </row>
    <row r="727717" spans="14:14">
      <c r="N727717" s="10"/>
    </row>
    <row r="727718" spans="14:14">
      <c r="N727718" s="10"/>
    </row>
    <row r="727719" spans="14:14">
      <c r="N727719" s="10"/>
    </row>
    <row r="727720" spans="14:14">
      <c r="N727720" s="10"/>
    </row>
    <row r="727721" spans="14:14">
      <c r="N727721" s="10"/>
    </row>
    <row r="727722" spans="14:14">
      <c r="N727722" s="10"/>
    </row>
    <row r="727723" spans="14:14">
      <c r="N727723" s="10"/>
    </row>
    <row r="727724" spans="14:14">
      <c r="N727724" s="10"/>
    </row>
    <row r="727725" spans="14:14">
      <c r="N727725" s="10"/>
    </row>
    <row r="727726" spans="14:14">
      <c r="N727726" s="10"/>
    </row>
    <row r="727727" spans="14:14">
      <c r="N727727" s="10"/>
    </row>
    <row r="727728" spans="14:14">
      <c r="N727728" s="10"/>
    </row>
    <row r="727729" spans="14:14">
      <c r="N727729" s="10"/>
    </row>
    <row r="727730" spans="14:14">
      <c r="N727730" s="10"/>
    </row>
    <row r="727731" spans="14:14">
      <c r="N727731" s="10"/>
    </row>
    <row r="727732" spans="14:14">
      <c r="N727732" s="10"/>
    </row>
    <row r="727733" spans="14:14">
      <c r="N727733" s="10"/>
    </row>
    <row r="727734" spans="14:14">
      <c r="N727734" s="10"/>
    </row>
    <row r="727735" spans="14:14">
      <c r="N727735" s="10"/>
    </row>
    <row r="727736" spans="14:14">
      <c r="N727736" s="10"/>
    </row>
    <row r="727737" spans="14:14">
      <c r="N727737" s="10"/>
    </row>
    <row r="727738" spans="14:14">
      <c r="N727738" s="10"/>
    </row>
    <row r="727739" spans="14:14">
      <c r="N727739" s="10"/>
    </row>
    <row r="727740" spans="14:14">
      <c r="N727740" s="10"/>
    </row>
    <row r="727741" spans="14:14">
      <c r="N727741" s="10"/>
    </row>
    <row r="727742" spans="14:14">
      <c r="N727742" s="10"/>
    </row>
    <row r="727743" spans="14:14">
      <c r="N727743" s="10"/>
    </row>
    <row r="727744" spans="14:14">
      <c r="N727744" s="10"/>
    </row>
    <row r="727745" spans="14:14">
      <c r="N727745" s="10"/>
    </row>
    <row r="727746" spans="14:14">
      <c r="N727746" s="10"/>
    </row>
    <row r="727747" spans="14:14">
      <c r="N727747" s="10"/>
    </row>
    <row r="727748" spans="14:14">
      <c r="N727748" s="10"/>
    </row>
    <row r="727749" spans="14:14">
      <c r="N727749" s="10"/>
    </row>
    <row r="727750" spans="14:14">
      <c r="N727750" s="10"/>
    </row>
    <row r="727751" spans="14:14">
      <c r="N727751" s="10"/>
    </row>
    <row r="727752" spans="14:14">
      <c r="N727752" s="10"/>
    </row>
    <row r="727753" spans="14:14">
      <c r="N727753" s="10"/>
    </row>
    <row r="727754" spans="14:14">
      <c r="N727754" s="10"/>
    </row>
    <row r="727755" spans="14:14">
      <c r="N727755" s="10"/>
    </row>
    <row r="727756" spans="14:14">
      <c r="N727756" s="10"/>
    </row>
    <row r="727757" spans="14:14">
      <c r="N727757" s="10"/>
    </row>
    <row r="727758" spans="14:14">
      <c r="N727758" s="10"/>
    </row>
    <row r="727759" spans="14:14">
      <c r="N727759" s="10"/>
    </row>
    <row r="727760" spans="14:14">
      <c r="N727760" s="10"/>
    </row>
    <row r="727761" spans="14:14">
      <c r="N727761" s="10"/>
    </row>
    <row r="727762" spans="14:14">
      <c r="N727762" s="10"/>
    </row>
    <row r="727763" spans="14:14">
      <c r="N727763" s="10"/>
    </row>
    <row r="727764" spans="14:14">
      <c r="N727764" s="10"/>
    </row>
    <row r="727765" spans="14:14">
      <c r="N727765" s="10"/>
    </row>
    <row r="727766" spans="14:14">
      <c r="N727766" s="10"/>
    </row>
    <row r="727767" spans="14:14">
      <c r="N727767" s="10"/>
    </row>
    <row r="727768" spans="14:14">
      <c r="N727768" s="10"/>
    </row>
    <row r="727769" spans="14:14">
      <c r="N727769" s="10"/>
    </row>
    <row r="727770" spans="14:14">
      <c r="N727770" s="10"/>
    </row>
    <row r="727771" spans="14:14">
      <c r="N727771" s="10"/>
    </row>
    <row r="727772" spans="14:14">
      <c r="N727772" s="10"/>
    </row>
    <row r="727773" spans="14:14">
      <c r="N727773" s="10"/>
    </row>
    <row r="727774" spans="14:14">
      <c r="N727774" s="10"/>
    </row>
    <row r="727775" spans="14:14">
      <c r="N727775" s="10"/>
    </row>
    <row r="727776" spans="14:14">
      <c r="N727776" s="10"/>
    </row>
    <row r="727777" spans="14:14">
      <c r="N727777" s="10"/>
    </row>
    <row r="727778" spans="14:14">
      <c r="N727778" s="10"/>
    </row>
    <row r="727779" spans="14:14">
      <c r="N727779" s="10"/>
    </row>
    <row r="727780" spans="14:14">
      <c r="N727780" s="10"/>
    </row>
    <row r="727781" spans="14:14">
      <c r="N727781" s="10"/>
    </row>
    <row r="727782" spans="14:14">
      <c r="N727782" s="10"/>
    </row>
    <row r="727783" spans="14:14">
      <c r="N727783" s="10"/>
    </row>
    <row r="727784" spans="14:14">
      <c r="N727784" s="10"/>
    </row>
    <row r="727785" spans="14:14">
      <c r="N727785" s="10"/>
    </row>
    <row r="727786" spans="14:14">
      <c r="N727786" s="10"/>
    </row>
    <row r="727787" spans="14:14">
      <c r="N727787" s="10"/>
    </row>
    <row r="727788" spans="14:14">
      <c r="N727788" s="10"/>
    </row>
    <row r="727789" spans="14:14">
      <c r="N727789" s="10"/>
    </row>
    <row r="727790" spans="14:14">
      <c r="N727790" s="10"/>
    </row>
    <row r="727791" spans="14:14">
      <c r="N727791" s="10"/>
    </row>
    <row r="727792" spans="14:14">
      <c r="N727792" s="10"/>
    </row>
    <row r="727793" spans="14:14">
      <c r="N727793" s="10"/>
    </row>
    <row r="727794" spans="14:14">
      <c r="N727794" s="10"/>
    </row>
    <row r="727795" spans="14:14">
      <c r="N727795" s="10"/>
    </row>
    <row r="727796" spans="14:14">
      <c r="N727796" s="10"/>
    </row>
    <row r="727797" spans="14:14">
      <c r="N727797" s="10"/>
    </row>
    <row r="727798" spans="14:14">
      <c r="N727798" s="10"/>
    </row>
    <row r="727799" spans="14:14">
      <c r="N727799" s="10"/>
    </row>
    <row r="727800" spans="14:14">
      <c r="N727800" s="10"/>
    </row>
    <row r="727801" spans="14:14">
      <c r="N727801" s="10"/>
    </row>
    <row r="727802" spans="14:14">
      <c r="N727802" s="10"/>
    </row>
    <row r="727803" spans="14:14">
      <c r="N727803" s="10"/>
    </row>
    <row r="727804" spans="14:14">
      <c r="N727804" s="10"/>
    </row>
    <row r="727805" spans="14:14">
      <c r="N727805" s="10"/>
    </row>
    <row r="727806" spans="14:14">
      <c r="N727806" s="10"/>
    </row>
    <row r="727807" spans="14:14">
      <c r="N727807" s="10"/>
    </row>
    <row r="727808" spans="14:14">
      <c r="N727808" s="10"/>
    </row>
    <row r="727809" spans="14:14">
      <c r="N727809" s="10"/>
    </row>
    <row r="727810" spans="14:14">
      <c r="N727810" s="10"/>
    </row>
    <row r="727811" spans="14:14">
      <c r="N727811" s="10"/>
    </row>
    <row r="727812" spans="14:14">
      <c r="N727812" s="10"/>
    </row>
    <row r="727813" spans="14:14">
      <c r="N727813" s="10"/>
    </row>
    <row r="727814" spans="14:14">
      <c r="N727814" s="10"/>
    </row>
    <row r="727815" spans="14:14">
      <c r="N727815" s="10"/>
    </row>
    <row r="727816" spans="14:14">
      <c r="N727816" s="10"/>
    </row>
    <row r="727817" spans="14:14">
      <c r="N727817" s="10"/>
    </row>
    <row r="727818" spans="14:14">
      <c r="N727818" s="10"/>
    </row>
    <row r="727819" spans="14:14">
      <c r="N727819" s="10"/>
    </row>
    <row r="727820" spans="14:14">
      <c r="N727820" s="10"/>
    </row>
    <row r="727821" spans="14:14">
      <c r="N727821" s="10"/>
    </row>
    <row r="727822" spans="14:14">
      <c r="N727822" s="10"/>
    </row>
    <row r="727823" spans="14:14">
      <c r="N727823" s="10"/>
    </row>
    <row r="727824" spans="14:14">
      <c r="N727824" s="10"/>
    </row>
    <row r="727825" spans="14:14">
      <c r="N727825" s="10"/>
    </row>
    <row r="727826" spans="14:14">
      <c r="N727826" s="10"/>
    </row>
    <row r="727827" spans="14:14">
      <c r="N727827" s="10"/>
    </row>
    <row r="727828" spans="14:14">
      <c r="N727828" s="10"/>
    </row>
    <row r="727829" spans="14:14">
      <c r="N727829" s="10"/>
    </row>
    <row r="727830" spans="14:14">
      <c r="N727830" s="10"/>
    </row>
    <row r="727831" spans="14:14">
      <c r="N727831" s="10"/>
    </row>
    <row r="727832" spans="14:14">
      <c r="N727832" s="10"/>
    </row>
    <row r="727833" spans="14:14">
      <c r="N727833" s="10"/>
    </row>
    <row r="727834" spans="14:14">
      <c r="N727834" s="10"/>
    </row>
    <row r="727835" spans="14:14">
      <c r="N727835" s="10"/>
    </row>
    <row r="727836" spans="14:14">
      <c r="N727836" s="10"/>
    </row>
    <row r="727837" spans="14:14">
      <c r="N727837" s="10"/>
    </row>
    <row r="727838" spans="14:14">
      <c r="N727838" s="10"/>
    </row>
    <row r="727839" spans="14:14">
      <c r="N727839" s="10"/>
    </row>
    <row r="727840" spans="14:14">
      <c r="N727840" s="10"/>
    </row>
    <row r="727841" spans="14:14">
      <c r="N727841" s="10"/>
    </row>
    <row r="727842" spans="14:14">
      <c r="N727842" s="10"/>
    </row>
    <row r="727843" spans="14:14">
      <c r="N727843" s="10"/>
    </row>
    <row r="727844" spans="14:14">
      <c r="N727844" s="10"/>
    </row>
    <row r="727845" spans="14:14">
      <c r="N727845" s="10"/>
    </row>
    <row r="727846" spans="14:14">
      <c r="N727846" s="10"/>
    </row>
    <row r="727847" spans="14:14">
      <c r="N727847" s="10"/>
    </row>
    <row r="727848" spans="14:14">
      <c r="N727848" s="10"/>
    </row>
    <row r="727849" spans="14:14">
      <c r="N727849" s="10"/>
    </row>
    <row r="727850" spans="14:14">
      <c r="N727850" s="10"/>
    </row>
    <row r="727851" spans="14:14">
      <c r="N727851" s="10"/>
    </row>
    <row r="727852" spans="14:14">
      <c r="N727852" s="10"/>
    </row>
    <row r="727853" spans="14:14">
      <c r="N727853" s="10"/>
    </row>
    <row r="727854" spans="14:14">
      <c r="N727854" s="10"/>
    </row>
    <row r="727855" spans="14:14">
      <c r="N727855" s="10"/>
    </row>
    <row r="727856" spans="14:14">
      <c r="N727856" s="10"/>
    </row>
    <row r="727857" spans="14:14">
      <c r="N727857" s="10"/>
    </row>
    <row r="727858" spans="14:14">
      <c r="N727858" s="10"/>
    </row>
    <row r="727859" spans="14:14">
      <c r="N727859" s="10"/>
    </row>
    <row r="727860" spans="14:14">
      <c r="N727860" s="10"/>
    </row>
    <row r="727861" spans="14:14">
      <c r="N727861" s="10"/>
    </row>
    <row r="727862" spans="14:14">
      <c r="N727862" s="10"/>
    </row>
    <row r="727863" spans="14:14">
      <c r="N727863" s="10"/>
    </row>
    <row r="727864" spans="14:14">
      <c r="N727864" s="10"/>
    </row>
    <row r="727865" spans="14:14">
      <c r="N727865" s="10"/>
    </row>
    <row r="727866" spans="14:14">
      <c r="N727866" s="10"/>
    </row>
    <row r="727867" spans="14:14">
      <c r="N727867" s="10"/>
    </row>
    <row r="727868" spans="14:14">
      <c r="N727868" s="10"/>
    </row>
    <row r="727869" spans="14:14">
      <c r="N727869" s="10"/>
    </row>
    <row r="727870" spans="14:14">
      <c r="N727870" s="10"/>
    </row>
    <row r="727871" spans="14:14">
      <c r="N727871" s="10"/>
    </row>
    <row r="727872" spans="14:14">
      <c r="N727872" s="10"/>
    </row>
    <row r="727873" spans="14:14">
      <c r="N727873" s="10"/>
    </row>
    <row r="727874" spans="14:14">
      <c r="N727874" s="10"/>
    </row>
    <row r="727875" spans="14:14">
      <c r="N727875" s="10"/>
    </row>
    <row r="727876" spans="14:14">
      <c r="N727876" s="10"/>
    </row>
    <row r="727877" spans="14:14">
      <c r="N727877" s="10"/>
    </row>
    <row r="727878" spans="14:14">
      <c r="N727878" s="10"/>
    </row>
    <row r="727879" spans="14:14">
      <c r="N727879" s="10"/>
    </row>
    <row r="727880" spans="14:14">
      <c r="N727880" s="10"/>
    </row>
    <row r="727881" spans="14:14">
      <c r="N727881" s="10"/>
    </row>
    <row r="727882" spans="14:14">
      <c r="N727882" s="10"/>
    </row>
    <row r="727883" spans="14:14">
      <c r="N727883" s="10"/>
    </row>
    <row r="727884" spans="14:14">
      <c r="N727884" s="10"/>
    </row>
    <row r="727885" spans="14:14">
      <c r="N727885" s="10"/>
    </row>
    <row r="727886" spans="14:14">
      <c r="N727886" s="10"/>
    </row>
    <row r="727887" spans="14:14">
      <c r="N727887" s="10"/>
    </row>
    <row r="727888" spans="14:14">
      <c r="N727888" s="10"/>
    </row>
    <row r="727889" spans="14:14">
      <c r="N727889" s="10"/>
    </row>
    <row r="727890" spans="14:14">
      <c r="N727890" s="10"/>
    </row>
    <row r="727891" spans="14:14">
      <c r="N727891" s="10"/>
    </row>
    <row r="727892" spans="14:14">
      <c r="N727892" s="10"/>
    </row>
    <row r="727893" spans="14:14">
      <c r="N727893" s="10"/>
    </row>
    <row r="727894" spans="14:14">
      <c r="N727894" s="10"/>
    </row>
    <row r="727895" spans="14:14">
      <c r="N727895" s="10"/>
    </row>
    <row r="727896" spans="14:14">
      <c r="N727896" s="10"/>
    </row>
    <row r="727897" spans="14:14">
      <c r="N727897" s="10"/>
    </row>
    <row r="727898" spans="14:14">
      <c r="N727898" s="10"/>
    </row>
    <row r="727899" spans="14:14">
      <c r="N727899" s="10"/>
    </row>
    <row r="727900" spans="14:14">
      <c r="N727900" s="10"/>
    </row>
    <row r="727901" spans="14:14">
      <c r="N727901" s="10"/>
    </row>
    <row r="727902" spans="14:14">
      <c r="N727902" s="10"/>
    </row>
    <row r="727903" spans="14:14">
      <c r="N727903" s="10"/>
    </row>
    <row r="727904" spans="14:14">
      <c r="N727904" s="10"/>
    </row>
    <row r="727905" spans="14:14">
      <c r="N727905" s="10"/>
    </row>
    <row r="727906" spans="14:14">
      <c r="N727906" s="10"/>
    </row>
    <row r="727907" spans="14:14">
      <c r="N727907" s="10"/>
    </row>
    <row r="727908" spans="14:14">
      <c r="N727908" s="10"/>
    </row>
    <row r="727909" spans="14:14">
      <c r="N727909" s="10"/>
    </row>
    <row r="727910" spans="14:14">
      <c r="N727910" s="10"/>
    </row>
    <row r="727911" spans="14:14">
      <c r="N727911" s="10"/>
    </row>
    <row r="727912" spans="14:14">
      <c r="N727912" s="10"/>
    </row>
    <row r="727913" spans="14:14">
      <c r="N727913" s="10"/>
    </row>
    <row r="727914" spans="14:14">
      <c r="N727914" s="10"/>
    </row>
    <row r="727915" spans="14:14">
      <c r="N727915" s="10"/>
    </row>
    <row r="727916" spans="14:14">
      <c r="N727916" s="10"/>
    </row>
    <row r="727917" spans="14:14">
      <c r="N727917" s="10"/>
    </row>
    <row r="727918" spans="14:14">
      <c r="N727918" s="10"/>
    </row>
    <row r="727919" spans="14:14">
      <c r="N727919" s="10"/>
    </row>
    <row r="727920" spans="14:14">
      <c r="N727920" s="10"/>
    </row>
    <row r="727921" spans="14:14">
      <c r="N727921" s="10"/>
    </row>
    <row r="727922" spans="14:14">
      <c r="N727922" s="10"/>
    </row>
    <row r="727923" spans="14:14">
      <c r="N727923" s="10"/>
    </row>
    <row r="727924" spans="14:14">
      <c r="N727924" s="10"/>
    </row>
    <row r="727925" spans="14:14">
      <c r="N727925" s="10"/>
    </row>
    <row r="727926" spans="14:14">
      <c r="N727926" s="10"/>
    </row>
    <row r="727927" spans="14:14">
      <c r="N727927" s="10"/>
    </row>
    <row r="727928" spans="14:14">
      <c r="N727928" s="10"/>
    </row>
    <row r="727929" spans="14:14">
      <c r="N727929" s="10"/>
    </row>
    <row r="727930" spans="14:14">
      <c r="N727930" s="10"/>
    </row>
    <row r="727931" spans="14:14">
      <c r="N727931" s="10"/>
    </row>
    <row r="727932" spans="14:14">
      <c r="N727932" s="10"/>
    </row>
    <row r="727933" spans="14:14">
      <c r="N727933" s="10"/>
    </row>
    <row r="727934" spans="14:14">
      <c r="N727934" s="10"/>
    </row>
    <row r="727935" spans="14:14">
      <c r="N727935" s="10"/>
    </row>
    <row r="727936" spans="14:14">
      <c r="N727936" s="10"/>
    </row>
    <row r="727937" spans="14:14">
      <c r="N727937" s="10"/>
    </row>
    <row r="727938" spans="14:14">
      <c r="N727938" s="10"/>
    </row>
    <row r="727939" spans="14:14">
      <c r="N727939" s="10"/>
    </row>
    <row r="727940" spans="14:14">
      <c r="N727940" s="10"/>
    </row>
    <row r="727941" spans="14:14">
      <c r="N727941" s="10"/>
    </row>
    <row r="727942" spans="14:14">
      <c r="N727942" s="10"/>
    </row>
    <row r="727943" spans="14:14">
      <c r="N727943" s="10"/>
    </row>
    <row r="727944" spans="14:14">
      <c r="N727944" s="10"/>
    </row>
    <row r="727945" spans="14:14">
      <c r="N727945" s="10"/>
    </row>
    <row r="727946" spans="14:14">
      <c r="N727946" s="10"/>
    </row>
    <row r="727947" spans="14:14">
      <c r="N727947" s="10"/>
    </row>
    <row r="727948" spans="14:14">
      <c r="N727948" s="10"/>
    </row>
    <row r="727949" spans="14:14">
      <c r="N727949" s="10"/>
    </row>
    <row r="727950" spans="14:14">
      <c r="N727950" s="10"/>
    </row>
    <row r="727951" spans="14:14">
      <c r="N727951" s="10"/>
    </row>
    <row r="727952" spans="14:14">
      <c r="N727952" s="10"/>
    </row>
    <row r="727953" spans="14:14">
      <c r="N727953" s="10"/>
    </row>
    <row r="727954" spans="14:14">
      <c r="N727954" s="10"/>
    </row>
    <row r="727955" spans="14:14">
      <c r="N727955" s="10"/>
    </row>
    <row r="727956" spans="14:14">
      <c r="N727956" s="10"/>
    </row>
    <row r="727957" spans="14:14">
      <c r="N727957" s="10"/>
    </row>
    <row r="727958" spans="14:14">
      <c r="N727958" s="10"/>
    </row>
    <row r="727959" spans="14:14">
      <c r="N727959" s="10"/>
    </row>
    <row r="727960" spans="14:14">
      <c r="N727960" s="10"/>
    </row>
    <row r="727961" spans="14:14">
      <c r="N727961" s="10"/>
    </row>
    <row r="727962" spans="14:14">
      <c r="N727962" s="10"/>
    </row>
    <row r="727963" spans="14:14">
      <c r="N727963" s="10"/>
    </row>
    <row r="727964" spans="14:14">
      <c r="N727964" s="10"/>
    </row>
    <row r="727965" spans="14:14">
      <c r="N727965" s="10"/>
    </row>
    <row r="727966" spans="14:14">
      <c r="N727966" s="10"/>
    </row>
    <row r="727967" spans="14:14">
      <c r="N727967" s="10"/>
    </row>
    <row r="727968" spans="14:14">
      <c r="N727968" s="10"/>
    </row>
    <row r="727969" spans="14:14">
      <c r="N727969" s="10"/>
    </row>
    <row r="727970" spans="14:14">
      <c r="N727970" s="10"/>
    </row>
    <row r="727971" spans="14:14">
      <c r="N727971" s="10"/>
    </row>
    <row r="727972" spans="14:14">
      <c r="N727972" s="10"/>
    </row>
    <row r="727973" spans="14:14">
      <c r="N727973" s="10"/>
    </row>
    <row r="727974" spans="14:14">
      <c r="N727974" s="10"/>
    </row>
    <row r="727975" spans="14:14">
      <c r="N727975" s="10"/>
    </row>
    <row r="727976" spans="14:14">
      <c r="N727976" s="10"/>
    </row>
    <row r="727977" spans="14:14">
      <c r="N727977" s="10"/>
    </row>
    <row r="727978" spans="14:14">
      <c r="N727978" s="10"/>
    </row>
    <row r="727979" spans="14:14">
      <c r="N727979" s="10"/>
    </row>
    <row r="727980" spans="14:14">
      <c r="N727980" s="10"/>
    </row>
    <row r="727981" spans="14:14">
      <c r="N727981" s="10"/>
    </row>
    <row r="727982" spans="14:14">
      <c r="N727982" s="10"/>
    </row>
    <row r="727983" spans="14:14">
      <c r="N727983" s="10"/>
    </row>
    <row r="727984" spans="14:14">
      <c r="N727984" s="10"/>
    </row>
    <row r="727985" spans="14:14">
      <c r="N727985" s="10"/>
    </row>
    <row r="727986" spans="14:14">
      <c r="N727986" s="10"/>
    </row>
    <row r="727987" spans="14:14">
      <c r="N727987" s="10"/>
    </row>
    <row r="727988" spans="14:14">
      <c r="N727988" s="10"/>
    </row>
    <row r="727989" spans="14:14">
      <c r="N727989" s="10"/>
    </row>
    <row r="727990" spans="14:14">
      <c r="N727990" s="10"/>
    </row>
    <row r="727991" spans="14:14">
      <c r="N727991" s="10"/>
    </row>
    <row r="727992" spans="14:14">
      <c r="N727992" s="10"/>
    </row>
    <row r="727993" spans="14:14">
      <c r="N727993" s="10"/>
    </row>
    <row r="727994" spans="14:14">
      <c r="N727994" s="10"/>
    </row>
    <row r="727995" spans="14:14">
      <c r="N727995" s="10"/>
    </row>
    <row r="727996" spans="14:14">
      <c r="N727996" s="10"/>
    </row>
    <row r="727997" spans="14:14">
      <c r="N727997" s="10"/>
    </row>
    <row r="727998" spans="14:14">
      <c r="N727998" s="10"/>
    </row>
    <row r="727999" spans="14:14">
      <c r="N727999" s="10"/>
    </row>
    <row r="728000" spans="14:14">
      <c r="N728000" s="10"/>
    </row>
    <row r="728001" spans="14:14">
      <c r="N728001" s="10"/>
    </row>
    <row r="728002" spans="14:14">
      <c r="N728002" s="10"/>
    </row>
    <row r="728003" spans="14:14">
      <c r="N728003" s="10"/>
    </row>
    <row r="728004" spans="14:14">
      <c r="N728004" s="10"/>
    </row>
    <row r="728005" spans="14:14">
      <c r="N728005" s="10"/>
    </row>
    <row r="728006" spans="14:14">
      <c r="N728006" s="10"/>
    </row>
    <row r="728007" spans="14:14">
      <c r="N728007" s="10"/>
    </row>
    <row r="728008" spans="14:14">
      <c r="N728008" s="10"/>
    </row>
    <row r="728009" spans="14:14">
      <c r="N728009" s="10"/>
    </row>
    <row r="728010" spans="14:14">
      <c r="N728010" s="10"/>
    </row>
    <row r="728011" spans="14:14">
      <c r="N728011" s="10"/>
    </row>
    <row r="728012" spans="14:14">
      <c r="N728012" s="10"/>
    </row>
    <row r="728013" spans="14:14">
      <c r="N728013" s="10"/>
    </row>
    <row r="728014" spans="14:14">
      <c r="N728014" s="10"/>
    </row>
    <row r="728015" spans="14:14">
      <c r="N728015" s="10"/>
    </row>
    <row r="728016" spans="14:14">
      <c r="N728016" s="10"/>
    </row>
    <row r="728017" spans="14:14">
      <c r="N728017" s="10"/>
    </row>
    <row r="728018" spans="14:14">
      <c r="N728018" s="10"/>
    </row>
    <row r="728019" spans="14:14">
      <c r="N728019" s="10"/>
    </row>
    <row r="728020" spans="14:14">
      <c r="N728020" s="10"/>
    </row>
    <row r="728021" spans="14:14">
      <c r="N728021" s="10"/>
    </row>
    <row r="728022" spans="14:14">
      <c r="N728022" s="10"/>
    </row>
    <row r="728023" spans="14:14">
      <c r="N728023" s="10"/>
    </row>
    <row r="728024" spans="14:14">
      <c r="N728024" s="10"/>
    </row>
    <row r="728025" spans="14:14">
      <c r="N728025" s="10"/>
    </row>
    <row r="728026" spans="14:14">
      <c r="N728026" s="10"/>
    </row>
    <row r="728027" spans="14:14">
      <c r="N728027" s="10"/>
    </row>
    <row r="728028" spans="14:14">
      <c r="N728028" s="10"/>
    </row>
    <row r="728029" spans="14:14">
      <c r="N728029" s="10"/>
    </row>
    <row r="728030" spans="14:14">
      <c r="N728030" s="10"/>
    </row>
    <row r="728031" spans="14:14">
      <c r="N728031" s="10"/>
    </row>
    <row r="728032" spans="14:14">
      <c r="N728032" s="10"/>
    </row>
    <row r="728033" spans="14:14">
      <c r="N728033" s="10"/>
    </row>
    <row r="728034" spans="14:14">
      <c r="N728034" s="10"/>
    </row>
    <row r="728035" spans="14:14">
      <c r="N728035" s="10"/>
    </row>
    <row r="728036" spans="14:14">
      <c r="N728036" s="10"/>
    </row>
    <row r="728037" spans="14:14">
      <c r="N728037" s="10"/>
    </row>
    <row r="728038" spans="14:14">
      <c r="N728038" s="10"/>
    </row>
    <row r="728039" spans="14:14">
      <c r="N728039" s="10"/>
    </row>
    <row r="728040" spans="14:14">
      <c r="N728040" s="10"/>
    </row>
    <row r="728041" spans="14:14">
      <c r="N728041" s="10"/>
    </row>
    <row r="728042" spans="14:14">
      <c r="N728042" s="10"/>
    </row>
    <row r="728043" spans="14:14">
      <c r="N728043" s="10"/>
    </row>
    <row r="728044" spans="14:14">
      <c r="N728044" s="10"/>
    </row>
    <row r="728045" spans="14:14">
      <c r="N728045" s="10"/>
    </row>
    <row r="728046" spans="14:14">
      <c r="N728046" s="10"/>
    </row>
    <row r="728047" spans="14:14">
      <c r="N728047" s="10"/>
    </row>
    <row r="728048" spans="14:14">
      <c r="N728048" s="10"/>
    </row>
    <row r="728049" spans="14:14">
      <c r="N728049" s="10"/>
    </row>
    <row r="728050" spans="14:14">
      <c r="N728050" s="10"/>
    </row>
    <row r="728051" spans="14:14">
      <c r="N728051" s="10"/>
    </row>
    <row r="728052" spans="14:14">
      <c r="N728052" s="10"/>
    </row>
    <row r="728053" spans="14:14">
      <c r="N728053" s="10"/>
    </row>
    <row r="728054" spans="14:14">
      <c r="N728054" s="10"/>
    </row>
    <row r="728055" spans="14:14">
      <c r="N728055" s="10"/>
    </row>
    <row r="728056" spans="14:14">
      <c r="N728056" s="10"/>
    </row>
    <row r="728057" spans="14:14">
      <c r="N728057" s="10"/>
    </row>
    <row r="728058" spans="14:14">
      <c r="N728058" s="10"/>
    </row>
    <row r="728059" spans="14:14">
      <c r="N728059" s="10"/>
    </row>
    <row r="728060" spans="14:14">
      <c r="N728060" s="10"/>
    </row>
    <row r="728061" spans="14:14">
      <c r="N728061" s="10"/>
    </row>
    <row r="728062" spans="14:14">
      <c r="N728062" s="10"/>
    </row>
    <row r="728063" spans="14:14">
      <c r="N728063" s="10"/>
    </row>
    <row r="728064" spans="14:14">
      <c r="N728064" s="10"/>
    </row>
    <row r="728065" spans="14:14">
      <c r="N728065" s="10"/>
    </row>
    <row r="728066" spans="14:14">
      <c r="N728066" s="10"/>
    </row>
    <row r="728067" spans="14:14">
      <c r="N728067" s="10"/>
    </row>
    <row r="728068" spans="14:14">
      <c r="N728068" s="10"/>
    </row>
    <row r="728069" spans="14:14">
      <c r="N728069" s="10"/>
    </row>
    <row r="728070" spans="14:14">
      <c r="N728070" s="10"/>
    </row>
    <row r="728071" spans="14:14">
      <c r="N728071" s="10"/>
    </row>
    <row r="728072" spans="14:14">
      <c r="N728072" s="10"/>
    </row>
    <row r="728073" spans="14:14">
      <c r="N728073" s="10"/>
    </row>
    <row r="728074" spans="14:14">
      <c r="N728074" s="10"/>
    </row>
    <row r="728075" spans="14:14">
      <c r="N728075" s="10"/>
    </row>
    <row r="728076" spans="14:14">
      <c r="N728076" s="10"/>
    </row>
    <row r="728077" spans="14:14">
      <c r="N728077" s="10"/>
    </row>
    <row r="728078" spans="14:14">
      <c r="N728078" s="10"/>
    </row>
    <row r="728079" spans="14:14">
      <c r="N728079" s="10"/>
    </row>
    <row r="728080" spans="14:14">
      <c r="N728080" s="10"/>
    </row>
    <row r="728081" spans="14:14">
      <c r="N728081" s="10"/>
    </row>
    <row r="728082" spans="14:14">
      <c r="N728082" s="10"/>
    </row>
    <row r="728083" spans="14:14">
      <c r="N728083" s="10"/>
    </row>
    <row r="728084" spans="14:14">
      <c r="N728084" s="10"/>
    </row>
    <row r="728085" spans="14:14">
      <c r="N728085" s="10"/>
    </row>
    <row r="728086" spans="14:14">
      <c r="N728086" s="10"/>
    </row>
    <row r="728087" spans="14:14">
      <c r="N728087" s="10"/>
    </row>
    <row r="728088" spans="14:14">
      <c r="N728088" s="10"/>
    </row>
    <row r="728089" spans="14:14">
      <c r="N728089" s="10"/>
    </row>
    <row r="728090" spans="14:14">
      <c r="N728090" s="10"/>
    </row>
    <row r="728091" spans="14:14">
      <c r="N728091" s="10"/>
    </row>
    <row r="728092" spans="14:14">
      <c r="N728092" s="10"/>
    </row>
    <row r="728093" spans="14:14">
      <c r="N728093" s="10"/>
    </row>
    <row r="728094" spans="14:14">
      <c r="N728094" s="10"/>
    </row>
    <row r="728095" spans="14:14">
      <c r="N728095" s="10"/>
    </row>
    <row r="728096" spans="14:14">
      <c r="N728096" s="10"/>
    </row>
    <row r="728097" spans="14:14">
      <c r="N728097" s="10"/>
    </row>
    <row r="728098" spans="14:14">
      <c r="N728098" s="10"/>
    </row>
    <row r="728099" spans="14:14">
      <c r="N728099" s="10"/>
    </row>
    <row r="728100" spans="14:14">
      <c r="N728100" s="10"/>
    </row>
    <row r="728101" spans="14:14">
      <c r="N728101" s="10"/>
    </row>
    <row r="728102" spans="14:14">
      <c r="N728102" s="10"/>
    </row>
    <row r="728103" spans="14:14">
      <c r="N728103" s="10"/>
    </row>
    <row r="728104" spans="14:14">
      <c r="N728104" s="10"/>
    </row>
    <row r="728105" spans="14:14">
      <c r="N728105" s="10"/>
    </row>
    <row r="728106" spans="14:14">
      <c r="N728106" s="10"/>
    </row>
    <row r="728107" spans="14:14">
      <c r="N728107" s="10"/>
    </row>
    <row r="728108" spans="14:14">
      <c r="N728108" s="10"/>
    </row>
    <row r="728109" spans="14:14">
      <c r="N728109" s="10"/>
    </row>
    <row r="728110" spans="14:14">
      <c r="N728110" s="10"/>
    </row>
    <row r="728111" spans="14:14">
      <c r="N728111" s="10"/>
    </row>
    <row r="728112" spans="14:14">
      <c r="N728112" s="10"/>
    </row>
    <row r="728113" spans="14:14">
      <c r="N728113" s="10"/>
    </row>
    <row r="728114" spans="14:14">
      <c r="N728114" s="10"/>
    </row>
    <row r="728115" spans="14:14">
      <c r="N728115" s="10"/>
    </row>
    <row r="728116" spans="14:14">
      <c r="N728116" s="10"/>
    </row>
    <row r="728117" spans="14:14">
      <c r="N728117" s="10"/>
    </row>
    <row r="728118" spans="14:14">
      <c r="N728118" s="10"/>
    </row>
    <row r="728119" spans="14:14">
      <c r="N728119" s="10"/>
    </row>
    <row r="728120" spans="14:14">
      <c r="N728120" s="10"/>
    </row>
    <row r="728121" spans="14:14">
      <c r="N728121" s="10"/>
    </row>
    <row r="728122" spans="14:14">
      <c r="N728122" s="10"/>
    </row>
    <row r="728123" spans="14:14">
      <c r="N728123" s="10"/>
    </row>
    <row r="728124" spans="14:14">
      <c r="N728124" s="10"/>
    </row>
    <row r="728125" spans="14:14">
      <c r="N728125" s="10"/>
    </row>
    <row r="728126" spans="14:14">
      <c r="N728126" s="10"/>
    </row>
    <row r="728127" spans="14:14">
      <c r="N728127" s="10"/>
    </row>
    <row r="728128" spans="14:14">
      <c r="N728128" s="10"/>
    </row>
    <row r="728129" spans="14:14">
      <c r="N728129" s="10"/>
    </row>
    <row r="728130" spans="14:14">
      <c r="N728130" s="10"/>
    </row>
    <row r="728131" spans="14:14">
      <c r="N728131" s="10"/>
    </row>
    <row r="728132" spans="14:14">
      <c r="N728132" s="10"/>
    </row>
    <row r="728133" spans="14:14">
      <c r="N728133" s="10"/>
    </row>
    <row r="728134" spans="14:14">
      <c r="N728134" s="10"/>
    </row>
    <row r="728135" spans="14:14">
      <c r="N728135" s="10"/>
    </row>
    <row r="728136" spans="14:14">
      <c r="N728136" s="10"/>
    </row>
    <row r="728137" spans="14:14">
      <c r="N728137" s="10"/>
    </row>
    <row r="728138" spans="14:14">
      <c r="N728138" s="10"/>
    </row>
    <row r="728139" spans="14:14">
      <c r="N728139" s="10"/>
    </row>
    <row r="728140" spans="14:14">
      <c r="N728140" s="10"/>
    </row>
    <row r="728141" spans="14:14">
      <c r="N728141" s="10"/>
    </row>
    <row r="728142" spans="14:14">
      <c r="N728142" s="10"/>
    </row>
    <row r="728143" spans="14:14">
      <c r="N728143" s="10"/>
    </row>
    <row r="728144" spans="14:14">
      <c r="N728144" s="10"/>
    </row>
    <row r="728145" spans="14:14">
      <c r="N728145" s="10"/>
    </row>
    <row r="728146" spans="14:14">
      <c r="N728146" s="10"/>
    </row>
    <row r="728147" spans="14:14">
      <c r="N728147" s="10"/>
    </row>
    <row r="728148" spans="14:14">
      <c r="N728148" s="10"/>
    </row>
    <row r="728149" spans="14:14">
      <c r="N728149" s="10"/>
    </row>
    <row r="728150" spans="14:14">
      <c r="N728150" s="10"/>
    </row>
    <row r="728151" spans="14:14">
      <c r="N728151" s="10"/>
    </row>
    <row r="728152" spans="14:14">
      <c r="N728152" s="10"/>
    </row>
    <row r="728153" spans="14:14">
      <c r="N728153" s="10"/>
    </row>
    <row r="728154" spans="14:14">
      <c r="N728154" s="10"/>
    </row>
    <row r="728155" spans="14:14">
      <c r="N728155" s="10"/>
    </row>
    <row r="728156" spans="14:14">
      <c r="N728156" s="10"/>
    </row>
    <row r="728157" spans="14:14">
      <c r="N728157" s="10"/>
    </row>
    <row r="728158" spans="14:14">
      <c r="N728158" s="10"/>
    </row>
    <row r="728159" spans="14:14">
      <c r="N728159" s="10"/>
    </row>
    <row r="728160" spans="14:14">
      <c r="N728160" s="10"/>
    </row>
    <row r="728161" spans="14:14">
      <c r="N728161" s="10"/>
    </row>
    <row r="728162" spans="14:14">
      <c r="N728162" s="10"/>
    </row>
    <row r="728163" spans="14:14">
      <c r="N728163" s="10"/>
    </row>
    <row r="728164" spans="14:14">
      <c r="N728164" s="10"/>
    </row>
    <row r="728165" spans="14:14">
      <c r="N728165" s="10"/>
    </row>
    <row r="728166" spans="14:14">
      <c r="N728166" s="10"/>
    </row>
    <row r="728167" spans="14:14">
      <c r="N728167" s="10"/>
    </row>
    <row r="728168" spans="14:14">
      <c r="N728168" s="10"/>
    </row>
    <row r="728169" spans="14:14">
      <c r="N728169" s="10"/>
    </row>
    <row r="728170" spans="14:14">
      <c r="N728170" s="10"/>
    </row>
    <row r="728171" spans="14:14">
      <c r="N728171" s="10"/>
    </row>
    <row r="728172" spans="14:14">
      <c r="N728172" s="10"/>
    </row>
    <row r="728173" spans="14:14">
      <c r="N728173" s="10"/>
    </row>
    <row r="728174" spans="14:14">
      <c r="N728174" s="10"/>
    </row>
    <row r="728175" spans="14:14">
      <c r="N728175" s="10"/>
    </row>
    <row r="728176" spans="14:14">
      <c r="N728176" s="10"/>
    </row>
    <row r="728177" spans="14:14">
      <c r="N728177" s="10"/>
    </row>
    <row r="728178" spans="14:14">
      <c r="N728178" s="10"/>
    </row>
    <row r="728179" spans="14:14">
      <c r="N728179" s="10"/>
    </row>
    <row r="728180" spans="14:14">
      <c r="N728180" s="10"/>
    </row>
    <row r="728181" spans="14:14">
      <c r="N728181" s="10"/>
    </row>
    <row r="728182" spans="14:14">
      <c r="N728182" s="10"/>
    </row>
    <row r="728183" spans="14:14">
      <c r="N728183" s="10"/>
    </row>
    <row r="728184" spans="14:14">
      <c r="N728184" s="10"/>
    </row>
    <row r="728185" spans="14:14">
      <c r="N728185" s="10"/>
    </row>
    <row r="728186" spans="14:14">
      <c r="N728186" s="10"/>
    </row>
    <row r="728187" spans="14:14">
      <c r="N728187" s="10"/>
    </row>
    <row r="728188" spans="14:14">
      <c r="N728188" s="10"/>
    </row>
    <row r="728189" spans="14:14">
      <c r="N728189" s="10"/>
    </row>
    <row r="728190" spans="14:14">
      <c r="N728190" s="10"/>
    </row>
    <row r="728191" spans="14:14">
      <c r="N728191" s="10"/>
    </row>
    <row r="728192" spans="14:14">
      <c r="N728192" s="10"/>
    </row>
    <row r="728193" spans="14:14">
      <c r="N728193" s="10"/>
    </row>
    <row r="728194" spans="14:14">
      <c r="N728194" s="10"/>
    </row>
    <row r="728195" spans="14:14">
      <c r="N728195" s="10"/>
    </row>
    <row r="728196" spans="14:14">
      <c r="N728196" s="10"/>
    </row>
    <row r="728197" spans="14:14">
      <c r="N728197" s="10"/>
    </row>
    <row r="728198" spans="14:14">
      <c r="N728198" s="10"/>
    </row>
    <row r="728199" spans="14:14">
      <c r="N728199" s="10"/>
    </row>
    <row r="728200" spans="14:14">
      <c r="N728200" s="10"/>
    </row>
    <row r="728201" spans="14:14">
      <c r="N728201" s="10"/>
    </row>
    <row r="728202" spans="14:14">
      <c r="N728202" s="10"/>
    </row>
    <row r="728203" spans="14:14">
      <c r="N728203" s="10"/>
    </row>
    <row r="728204" spans="14:14">
      <c r="N728204" s="10"/>
    </row>
    <row r="728205" spans="14:14">
      <c r="N728205" s="10"/>
    </row>
    <row r="728206" spans="14:14">
      <c r="N728206" s="10"/>
    </row>
    <row r="728207" spans="14:14">
      <c r="N728207" s="10"/>
    </row>
    <row r="728208" spans="14:14">
      <c r="N728208" s="10"/>
    </row>
    <row r="728209" spans="14:14">
      <c r="N728209" s="10"/>
    </row>
    <row r="728210" spans="14:14">
      <c r="N728210" s="10"/>
    </row>
    <row r="728211" spans="14:14">
      <c r="N728211" s="10"/>
    </row>
    <row r="728212" spans="14:14">
      <c r="N728212" s="10"/>
    </row>
    <row r="728213" spans="14:14">
      <c r="N728213" s="10"/>
    </row>
    <row r="728214" spans="14:14">
      <c r="N728214" s="10"/>
    </row>
    <row r="728215" spans="14:14">
      <c r="N728215" s="10"/>
    </row>
    <row r="728216" spans="14:14">
      <c r="N728216" s="10"/>
    </row>
    <row r="728217" spans="14:14">
      <c r="N728217" s="10"/>
    </row>
    <row r="728218" spans="14:14">
      <c r="N728218" s="10"/>
    </row>
    <row r="728219" spans="14:14">
      <c r="N728219" s="10"/>
    </row>
    <row r="728220" spans="14:14">
      <c r="N728220" s="10"/>
    </row>
    <row r="728221" spans="14:14">
      <c r="N728221" s="10"/>
    </row>
    <row r="728222" spans="14:14">
      <c r="N728222" s="10"/>
    </row>
    <row r="728223" spans="14:14">
      <c r="N728223" s="10"/>
    </row>
    <row r="728224" spans="14:14">
      <c r="N728224" s="10"/>
    </row>
    <row r="728225" spans="14:14">
      <c r="N728225" s="10"/>
    </row>
    <row r="728226" spans="14:14">
      <c r="N728226" s="10"/>
    </row>
    <row r="728227" spans="14:14">
      <c r="N728227" s="10"/>
    </row>
    <row r="728228" spans="14:14">
      <c r="N728228" s="10"/>
    </row>
    <row r="728229" spans="14:14">
      <c r="N728229" s="10"/>
    </row>
    <row r="728230" spans="14:14">
      <c r="N728230" s="10"/>
    </row>
    <row r="728231" spans="14:14">
      <c r="N728231" s="10"/>
    </row>
    <row r="728232" spans="14:14">
      <c r="N728232" s="10"/>
    </row>
    <row r="728233" spans="14:14">
      <c r="N728233" s="10"/>
    </row>
    <row r="728234" spans="14:14">
      <c r="N728234" s="10"/>
    </row>
    <row r="728235" spans="14:14">
      <c r="N728235" s="10"/>
    </row>
    <row r="728236" spans="14:14">
      <c r="N728236" s="10"/>
    </row>
    <row r="728237" spans="14:14">
      <c r="N728237" s="10"/>
    </row>
    <row r="728238" spans="14:14">
      <c r="N728238" s="10"/>
    </row>
    <row r="728239" spans="14:14">
      <c r="N728239" s="10"/>
    </row>
    <row r="728240" spans="14:14">
      <c r="N728240" s="10"/>
    </row>
    <row r="728241" spans="14:14">
      <c r="N728241" s="10"/>
    </row>
    <row r="728242" spans="14:14">
      <c r="N728242" s="10"/>
    </row>
    <row r="728243" spans="14:14">
      <c r="N728243" s="10"/>
    </row>
    <row r="728244" spans="14:14">
      <c r="N728244" s="10"/>
    </row>
    <row r="728245" spans="14:14">
      <c r="N728245" s="10"/>
    </row>
    <row r="728246" spans="14:14">
      <c r="N728246" s="10"/>
    </row>
    <row r="728247" spans="14:14">
      <c r="N728247" s="10"/>
    </row>
    <row r="728248" spans="14:14">
      <c r="N728248" s="10"/>
    </row>
    <row r="728249" spans="14:14">
      <c r="N728249" s="10"/>
    </row>
    <row r="728250" spans="14:14">
      <c r="N728250" s="10"/>
    </row>
    <row r="728251" spans="14:14">
      <c r="N728251" s="10"/>
    </row>
    <row r="728252" spans="14:14">
      <c r="N728252" s="10"/>
    </row>
    <row r="728253" spans="14:14">
      <c r="N728253" s="10"/>
    </row>
    <row r="728254" spans="14:14">
      <c r="N728254" s="10"/>
    </row>
    <row r="728255" spans="14:14">
      <c r="N728255" s="10"/>
    </row>
    <row r="728256" spans="14:14">
      <c r="N728256" s="10"/>
    </row>
    <row r="728257" spans="14:14">
      <c r="N728257" s="10"/>
    </row>
    <row r="728258" spans="14:14">
      <c r="N728258" s="10"/>
    </row>
    <row r="728259" spans="14:14">
      <c r="N728259" s="10"/>
    </row>
    <row r="728260" spans="14:14">
      <c r="N728260" s="10"/>
    </row>
    <row r="728261" spans="14:14">
      <c r="N728261" s="10"/>
    </row>
    <row r="728262" spans="14:14">
      <c r="N728262" s="10"/>
    </row>
    <row r="728263" spans="14:14">
      <c r="N728263" s="10"/>
    </row>
    <row r="728264" spans="14:14">
      <c r="N728264" s="10"/>
    </row>
    <row r="728265" spans="14:14">
      <c r="N728265" s="10"/>
    </row>
    <row r="728266" spans="14:14">
      <c r="N728266" s="10"/>
    </row>
    <row r="728267" spans="14:14">
      <c r="N728267" s="10"/>
    </row>
    <row r="728268" spans="14:14">
      <c r="N728268" s="10"/>
    </row>
    <row r="728269" spans="14:14">
      <c r="N728269" s="10"/>
    </row>
    <row r="728270" spans="14:14">
      <c r="N728270" s="10"/>
    </row>
    <row r="728271" spans="14:14">
      <c r="N728271" s="10"/>
    </row>
    <row r="728272" spans="14:14">
      <c r="N728272" s="10"/>
    </row>
    <row r="728273" spans="14:14">
      <c r="N728273" s="10"/>
    </row>
    <row r="728274" spans="14:14">
      <c r="N728274" s="10"/>
    </row>
    <row r="728275" spans="14:14">
      <c r="N728275" s="10"/>
    </row>
    <row r="728276" spans="14:14">
      <c r="N728276" s="10"/>
    </row>
    <row r="728277" spans="14:14">
      <c r="N728277" s="10"/>
    </row>
    <row r="728278" spans="14:14">
      <c r="N728278" s="10"/>
    </row>
    <row r="728279" spans="14:14">
      <c r="N728279" s="10"/>
    </row>
    <row r="728280" spans="14:14">
      <c r="N728280" s="10"/>
    </row>
    <row r="728281" spans="14:14">
      <c r="N728281" s="10"/>
    </row>
    <row r="728282" spans="14:14">
      <c r="N728282" s="10"/>
    </row>
    <row r="728283" spans="14:14">
      <c r="N728283" s="10"/>
    </row>
    <row r="728284" spans="14:14">
      <c r="N728284" s="10"/>
    </row>
    <row r="728285" spans="14:14">
      <c r="N728285" s="10"/>
    </row>
    <row r="728286" spans="14:14">
      <c r="N728286" s="10"/>
    </row>
    <row r="728287" spans="14:14">
      <c r="N728287" s="10"/>
    </row>
    <row r="728288" spans="14:14">
      <c r="N728288" s="10"/>
    </row>
    <row r="728289" spans="14:14">
      <c r="N728289" s="10"/>
    </row>
    <row r="728290" spans="14:14">
      <c r="N728290" s="10"/>
    </row>
    <row r="728291" spans="14:14">
      <c r="N728291" s="10"/>
    </row>
    <row r="728292" spans="14:14">
      <c r="N728292" s="10"/>
    </row>
    <row r="728293" spans="14:14">
      <c r="N728293" s="10"/>
    </row>
    <row r="728294" spans="14:14">
      <c r="N728294" s="10"/>
    </row>
    <row r="728295" spans="14:14">
      <c r="N728295" s="10"/>
    </row>
    <row r="728296" spans="14:14">
      <c r="N728296" s="10"/>
    </row>
    <row r="728297" spans="14:14">
      <c r="N728297" s="10"/>
    </row>
    <row r="728298" spans="14:14">
      <c r="N728298" s="10"/>
    </row>
    <row r="728299" spans="14:14">
      <c r="N728299" s="10"/>
    </row>
    <row r="728300" spans="14:14">
      <c r="N728300" s="10"/>
    </row>
    <row r="728301" spans="14:14">
      <c r="N728301" s="10"/>
    </row>
    <row r="728302" spans="14:14">
      <c r="N728302" s="10"/>
    </row>
    <row r="728303" spans="14:14">
      <c r="N728303" s="10"/>
    </row>
    <row r="728304" spans="14:14">
      <c r="N728304" s="10"/>
    </row>
    <row r="728305" spans="14:14">
      <c r="N728305" s="10"/>
    </row>
    <row r="728306" spans="14:14">
      <c r="N728306" s="10"/>
    </row>
    <row r="728307" spans="14:14">
      <c r="N728307" s="10"/>
    </row>
    <row r="728308" spans="14:14">
      <c r="N728308" s="10"/>
    </row>
    <row r="728309" spans="14:14">
      <c r="N728309" s="10"/>
    </row>
    <row r="728310" spans="14:14">
      <c r="N728310" s="10"/>
    </row>
    <row r="728311" spans="14:14">
      <c r="N728311" s="10"/>
    </row>
    <row r="728312" spans="14:14">
      <c r="N728312" s="10"/>
    </row>
    <row r="728313" spans="14:14">
      <c r="N728313" s="10"/>
    </row>
    <row r="728314" spans="14:14">
      <c r="N728314" s="10"/>
    </row>
    <row r="728315" spans="14:14">
      <c r="N728315" s="10"/>
    </row>
    <row r="728316" spans="14:14">
      <c r="N728316" s="10"/>
    </row>
    <row r="728317" spans="14:14">
      <c r="N728317" s="10"/>
    </row>
    <row r="728318" spans="14:14">
      <c r="N728318" s="10"/>
    </row>
    <row r="728319" spans="14:14">
      <c r="N728319" s="10"/>
    </row>
    <row r="728320" spans="14:14">
      <c r="N728320" s="10"/>
    </row>
    <row r="728321" spans="14:14">
      <c r="N728321" s="10"/>
    </row>
    <row r="728322" spans="14:14">
      <c r="N728322" s="10"/>
    </row>
    <row r="728323" spans="14:14">
      <c r="N728323" s="10"/>
    </row>
    <row r="728324" spans="14:14">
      <c r="N728324" s="10"/>
    </row>
    <row r="728325" spans="14:14">
      <c r="N728325" s="10"/>
    </row>
    <row r="728326" spans="14:14">
      <c r="N728326" s="10"/>
    </row>
    <row r="728327" spans="14:14">
      <c r="N728327" s="10"/>
    </row>
    <row r="728328" spans="14:14">
      <c r="N728328" s="10"/>
    </row>
    <row r="728329" spans="14:14">
      <c r="N728329" s="10"/>
    </row>
    <row r="728330" spans="14:14">
      <c r="N728330" s="10"/>
    </row>
    <row r="728331" spans="14:14">
      <c r="N728331" s="10"/>
    </row>
    <row r="728332" spans="14:14">
      <c r="N728332" s="10"/>
    </row>
    <row r="728333" spans="14:14">
      <c r="N728333" s="10"/>
    </row>
    <row r="728334" spans="14:14">
      <c r="N728334" s="10"/>
    </row>
    <row r="728335" spans="14:14">
      <c r="N728335" s="10"/>
    </row>
    <row r="728336" spans="14:14">
      <c r="N728336" s="10"/>
    </row>
    <row r="728337" spans="14:14">
      <c r="N728337" s="10"/>
    </row>
    <row r="728338" spans="14:14">
      <c r="N728338" s="10"/>
    </row>
    <row r="728339" spans="14:14">
      <c r="N728339" s="10"/>
    </row>
    <row r="728340" spans="14:14">
      <c r="N728340" s="10"/>
    </row>
    <row r="728341" spans="14:14">
      <c r="N728341" s="10"/>
    </row>
    <row r="728342" spans="14:14">
      <c r="N728342" s="10"/>
    </row>
    <row r="728343" spans="14:14">
      <c r="N728343" s="10"/>
    </row>
    <row r="728344" spans="14:14">
      <c r="N728344" s="10"/>
    </row>
    <row r="728345" spans="14:14">
      <c r="N728345" s="10"/>
    </row>
    <row r="728346" spans="14:14">
      <c r="N728346" s="10"/>
    </row>
    <row r="728347" spans="14:14">
      <c r="N728347" s="10"/>
    </row>
    <row r="728348" spans="14:14">
      <c r="N728348" s="10"/>
    </row>
    <row r="728349" spans="14:14">
      <c r="N728349" s="10"/>
    </row>
    <row r="728350" spans="14:14">
      <c r="N728350" s="10"/>
    </row>
    <row r="728351" spans="14:14">
      <c r="N728351" s="10"/>
    </row>
    <row r="728352" spans="14:14">
      <c r="N728352" s="10"/>
    </row>
    <row r="728353" spans="14:14">
      <c r="N728353" s="10"/>
    </row>
    <row r="728354" spans="14:14">
      <c r="N728354" s="10"/>
    </row>
    <row r="728355" spans="14:14">
      <c r="N728355" s="10"/>
    </row>
    <row r="728356" spans="14:14">
      <c r="N728356" s="10"/>
    </row>
    <row r="728357" spans="14:14">
      <c r="N728357" s="10"/>
    </row>
    <row r="728358" spans="14:14">
      <c r="N728358" s="10"/>
    </row>
    <row r="728359" spans="14:14">
      <c r="N728359" s="10"/>
    </row>
    <row r="728360" spans="14:14">
      <c r="N728360" s="10"/>
    </row>
    <row r="728361" spans="14:14">
      <c r="N728361" s="10"/>
    </row>
    <row r="728362" spans="14:14">
      <c r="N728362" s="10"/>
    </row>
    <row r="728363" spans="14:14">
      <c r="N728363" s="10"/>
    </row>
    <row r="728364" spans="14:14">
      <c r="N728364" s="10"/>
    </row>
    <row r="728365" spans="14:14">
      <c r="N728365" s="10"/>
    </row>
    <row r="728366" spans="14:14">
      <c r="N728366" s="10"/>
    </row>
    <row r="728367" spans="14:14">
      <c r="N728367" s="10"/>
    </row>
    <row r="728368" spans="14:14">
      <c r="N728368" s="10"/>
    </row>
    <row r="728369" spans="14:14">
      <c r="N728369" s="10"/>
    </row>
    <row r="728370" spans="14:14">
      <c r="N728370" s="10"/>
    </row>
    <row r="728371" spans="14:14">
      <c r="N728371" s="10"/>
    </row>
    <row r="728372" spans="14:14">
      <c r="N728372" s="10"/>
    </row>
    <row r="728373" spans="14:14">
      <c r="N728373" s="10"/>
    </row>
    <row r="728374" spans="14:14">
      <c r="N728374" s="10"/>
    </row>
    <row r="728375" spans="14:14">
      <c r="N728375" s="10"/>
    </row>
    <row r="728376" spans="14:14">
      <c r="N728376" s="10"/>
    </row>
    <row r="728377" spans="14:14">
      <c r="N728377" s="10"/>
    </row>
    <row r="728378" spans="14:14">
      <c r="N728378" s="10"/>
    </row>
    <row r="728379" spans="14:14">
      <c r="N728379" s="10"/>
    </row>
    <row r="728380" spans="14:14">
      <c r="N728380" s="10"/>
    </row>
    <row r="728381" spans="14:14">
      <c r="N728381" s="10"/>
    </row>
    <row r="728382" spans="14:14">
      <c r="N728382" s="10"/>
    </row>
    <row r="728383" spans="14:14">
      <c r="N728383" s="10"/>
    </row>
    <row r="728384" spans="14:14">
      <c r="N728384" s="10"/>
    </row>
    <row r="728385" spans="14:14">
      <c r="N728385" s="10"/>
    </row>
    <row r="728386" spans="14:14">
      <c r="N728386" s="10"/>
    </row>
    <row r="728387" spans="14:14">
      <c r="N728387" s="10"/>
    </row>
    <row r="728388" spans="14:14">
      <c r="N728388" s="10"/>
    </row>
    <row r="728389" spans="14:14">
      <c r="N728389" s="10"/>
    </row>
    <row r="728390" spans="14:14">
      <c r="N728390" s="10"/>
    </row>
    <row r="728391" spans="14:14">
      <c r="N728391" s="10"/>
    </row>
    <row r="728392" spans="14:14">
      <c r="N728392" s="10"/>
    </row>
    <row r="728393" spans="14:14">
      <c r="N728393" s="10"/>
    </row>
    <row r="728394" spans="14:14">
      <c r="N728394" s="10"/>
    </row>
    <row r="728395" spans="14:14">
      <c r="N728395" s="10"/>
    </row>
    <row r="728396" spans="14:14">
      <c r="N728396" s="10"/>
    </row>
    <row r="728397" spans="14:14">
      <c r="N728397" s="10"/>
    </row>
    <row r="728398" spans="14:14">
      <c r="N728398" s="10"/>
    </row>
    <row r="728399" spans="14:14">
      <c r="N728399" s="10"/>
    </row>
    <row r="728400" spans="14:14">
      <c r="N728400" s="10"/>
    </row>
    <row r="728401" spans="14:14">
      <c r="N728401" s="10"/>
    </row>
    <row r="728402" spans="14:14">
      <c r="N728402" s="10"/>
    </row>
    <row r="728403" spans="14:14">
      <c r="N728403" s="10"/>
    </row>
    <row r="728404" spans="14:14">
      <c r="N728404" s="10"/>
    </row>
    <row r="728405" spans="14:14">
      <c r="N728405" s="10"/>
    </row>
    <row r="728406" spans="14:14">
      <c r="N728406" s="10"/>
    </row>
    <row r="728407" spans="14:14">
      <c r="N728407" s="10"/>
    </row>
    <row r="728408" spans="14:14">
      <c r="N728408" s="10"/>
    </row>
    <row r="728409" spans="14:14">
      <c r="N728409" s="10"/>
    </row>
    <row r="728410" spans="14:14">
      <c r="N728410" s="10"/>
    </row>
    <row r="728411" spans="14:14">
      <c r="N728411" s="10"/>
    </row>
    <row r="728412" spans="14:14">
      <c r="N728412" s="10"/>
    </row>
    <row r="728413" spans="14:14">
      <c r="N728413" s="10"/>
    </row>
    <row r="728414" spans="14:14">
      <c r="N728414" s="10"/>
    </row>
    <row r="728415" spans="14:14">
      <c r="N728415" s="10"/>
    </row>
    <row r="728416" spans="14:14">
      <c r="N728416" s="10"/>
    </row>
    <row r="728417" spans="14:14">
      <c r="N728417" s="10"/>
    </row>
    <row r="728418" spans="14:14">
      <c r="N728418" s="10"/>
    </row>
    <row r="728419" spans="14:14">
      <c r="N728419" s="10"/>
    </row>
    <row r="728420" spans="14:14">
      <c r="N728420" s="10"/>
    </row>
    <row r="728421" spans="14:14">
      <c r="N728421" s="10"/>
    </row>
    <row r="728422" spans="14:14">
      <c r="N728422" s="10"/>
    </row>
    <row r="728423" spans="14:14">
      <c r="N728423" s="10"/>
    </row>
    <row r="728424" spans="14:14">
      <c r="N728424" s="10"/>
    </row>
    <row r="728425" spans="14:14">
      <c r="N728425" s="10"/>
    </row>
    <row r="728426" spans="14:14">
      <c r="N728426" s="10"/>
    </row>
    <row r="728427" spans="14:14">
      <c r="N728427" s="10"/>
    </row>
    <row r="728428" spans="14:14">
      <c r="N728428" s="10"/>
    </row>
    <row r="728429" spans="14:14">
      <c r="N728429" s="10"/>
    </row>
    <row r="728430" spans="14:14">
      <c r="N728430" s="10"/>
    </row>
    <row r="728431" spans="14:14">
      <c r="N728431" s="10"/>
    </row>
    <row r="728432" spans="14:14">
      <c r="N728432" s="10"/>
    </row>
    <row r="728433" spans="14:14">
      <c r="N728433" s="10"/>
    </row>
    <row r="728434" spans="14:14">
      <c r="N728434" s="10"/>
    </row>
    <row r="728435" spans="14:14">
      <c r="N728435" s="10"/>
    </row>
    <row r="728436" spans="14:14">
      <c r="N728436" s="10"/>
    </row>
    <row r="728437" spans="14:14">
      <c r="N728437" s="10"/>
    </row>
    <row r="728438" spans="14:14">
      <c r="N728438" s="10"/>
    </row>
    <row r="728439" spans="14:14">
      <c r="N728439" s="10"/>
    </row>
    <row r="728440" spans="14:14">
      <c r="N728440" s="10"/>
    </row>
    <row r="728441" spans="14:14">
      <c r="N728441" s="10"/>
    </row>
    <row r="728442" spans="14:14">
      <c r="N728442" s="10"/>
    </row>
    <row r="728443" spans="14:14">
      <c r="N728443" s="10"/>
    </row>
    <row r="728444" spans="14:14">
      <c r="N728444" s="10"/>
    </row>
    <row r="728445" spans="14:14">
      <c r="N728445" s="10"/>
    </row>
    <row r="728446" spans="14:14">
      <c r="N728446" s="10"/>
    </row>
    <row r="728447" spans="14:14">
      <c r="N728447" s="10"/>
    </row>
    <row r="728448" spans="14:14">
      <c r="N728448" s="10"/>
    </row>
    <row r="728449" spans="14:14">
      <c r="N728449" s="10"/>
    </row>
    <row r="728450" spans="14:14">
      <c r="N728450" s="10"/>
    </row>
    <row r="728451" spans="14:14">
      <c r="N728451" s="10"/>
    </row>
    <row r="728452" spans="14:14">
      <c r="N728452" s="10"/>
    </row>
    <row r="728453" spans="14:14">
      <c r="N728453" s="10"/>
    </row>
    <row r="728454" spans="14:14">
      <c r="N728454" s="10"/>
    </row>
    <row r="728455" spans="14:14">
      <c r="N728455" s="10"/>
    </row>
    <row r="728456" spans="14:14">
      <c r="N728456" s="10"/>
    </row>
    <row r="728457" spans="14:14">
      <c r="N728457" s="10"/>
    </row>
    <row r="728458" spans="14:14">
      <c r="N728458" s="10"/>
    </row>
    <row r="728459" spans="14:14">
      <c r="N728459" s="10"/>
    </row>
    <row r="728460" spans="14:14">
      <c r="N728460" s="10"/>
    </row>
    <row r="728461" spans="14:14">
      <c r="N728461" s="10"/>
    </row>
    <row r="728462" spans="14:14">
      <c r="N728462" s="10"/>
    </row>
    <row r="728463" spans="14:14">
      <c r="N728463" s="10"/>
    </row>
    <row r="728464" spans="14:14">
      <c r="N728464" s="10"/>
    </row>
    <row r="728465" spans="14:14">
      <c r="N728465" s="10"/>
    </row>
    <row r="728466" spans="14:14">
      <c r="N728466" s="10"/>
    </row>
    <row r="728467" spans="14:14">
      <c r="N728467" s="10"/>
    </row>
    <row r="728468" spans="14:14">
      <c r="N728468" s="10"/>
    </row>
    <row r="728469" spans="14:14">
      <c r="N728469" s="10"/>
    </row>
    <row r="728470" spans="14:14">
      <c r="N728470" s="10"/>
    </row>
    <row r="728471" spans="14:14">
      <c r="N728471" s="10"/>
    </row>
    <row r="728472" spans="14:14">
      <c r="N728472" s="10"/>
    </row>
    <row r="728473" spans="14:14">
      <c r="N728473" s="10"/>
    </row>
    <row r="728474" spans="14:14">
      <c r="N728474" s="10"/>
    </row>
    <row r="728475" spans="14:14">
      <c r="N728475" s="10"/>
    </row>
    <row r="728476" spans="14:14">
      <c r="N728476" s="10"/>
    </row>
    <row r="728477" spans="14:14">
      <c r="N728477" s="10"/>
    </row>
    <row r="728478" spans="14:14">
      <c r="N728478" s="10"/>
    </row>
    <row r="728479" spans="14:14">
      <c r="N728479" s="10"/>
    </row>
    <row r="728480" spans="14:14">
      <c r="N728480" s="10"/>
    </row>
    <row r="728481" spans="14:14">
      <c r="N728481" s="10"/>
    </row>
    <row r="728482" spans="14:14">
      <c r="N728482" s="10"/>
    </row>
    <row r="728483" spans="14:14">
      <c r="N728483" s="10"/>
    </row>
    <row r="728484" spans="14:14">
      <c r="N728484" s="10"/>
    </row>
    <row r="728485" spans="14:14">
      <c r="N728485" s="10"/>
    </row>
    <row r="728486" spans="14:14">
      <c r="N728486" s="10"/>
    </row>
    <row r="728487" spans="14:14">
      <c r="N728487" s="10"/>
    </row>
    <row r="728488" spans="14:14">
      <c r="N728488" s="10"/>
    </row>
    <row r="728489" spans="14:14">
      <c r="N728489" s="10"/>
    </row>
    <row r="728490" spans="14:14">
      <c r="N728490" s="10"/>
    </row>
    <row r="728491" spans="14:14">
      <c r="N728491" s="10"/>
    </row>
    <row r="728492" spans="14:14">
      <c r="N728492" s="10"/>
    </row>
    <row r="728493" spans="14:14">
      <c r="N728493" s="10"/>
    </row>
    <row r="728494" spans="14:14">
      <c r="N728494" s="10"/>
    </row>
    <row r="728495" spans="14:14">
      <c r="N728495" s="10"/>
    </row>
    <row r="728496" spans="14:14">
      <c r="N728496" s="10"/>
    </row>
    <row r="728497" spans="14:14">
      <c r="N728497" s="10"/>
    </row>
    <row r="728498" spans="14:14">
      <c r="N728498" s="10"/>
    </row>
    <row r="728499" spans="14:14">
      <c r="N728499" s="10"/>
    </row>
    <row r="728500" spans="14:14">
      <c r="N728500" s="10"/>
    </row>
    <row r="728501" spans="14:14">
      <c r="N728501" s="10"/>
    </row>
    <row r="728502" spans="14:14">
      <c r="N728502" s="10"/>
    </row>
    <row r="728503" spans="14:14">
      <c r="N728503" s="10"/>
    </row>
    <row r="728504" spans="14:14">
      <c r="N728504" s="10"/>
    </row>
    <row r="728505" spans="14:14">
      <c r="N728505" s="10"/>
    </row>
    <row r="728506" spans="14:14">
      <c r="N728506" s="10"/>
    </row>
    <row r="728507" spans="14:14">
      <c r="N728507" s="10"/>
    </row>
    <row r="728508" spans="14:14">
      <c r="N728508" s="10"/>
    </row>
    <row r="728509" spans="14:14">
      <c r="N728509" s="10"/>
    </row>
    <row r="728510" spans="14:14">
      <c r="N728510" s="10"/>
    </row>
    <row r="728511" spans="14:14">
      <c r="N728511" s="10"/>
    </row>
    <row r="728512" spans="14:14">
      <c r="N728512" s="10"/>
    </row>
    <row r="728513" spans="14:14">
      <c r="N728513" s="10"/>
    </row>
    <row r="728514" spans="14:14">
      <c r="N728514" s="10"/>
    </row>
    <row r="728515" spans="14:14">
      <c r="N728515" s="10"/>
    </row>
    <row r="728516" spans="14:14">
      <c r="N728516" s="10"/>
    </row>
    <row r="728517" spans="14:14">
      <c r="N728517" s="10"/>
    </row>
    <row r="728518" spans="14:14">
      <c r="N728518" s="10"/>
    </row>
    <row r="728519" spans="14:14">
      <c r="N728519" s="10"/>
    </row>
    <row r="728520" spans="14:14">
      <c r="N728520" s="10"/>
    </row>
    <row r="728521" spans="14:14">
      <c r="N728521" s="10"/>
    </row>
    <row r="728522" spans="14:14">
      <c r="N728522" s="10"/>
    </row>
    <row r="728523" spans="14:14">
      <c r="N728523" s="10"/>
    </row>
    <row r="728524" spans="14:14">
      <c r="N728524" s="10"/>
    </row>
    <row r="728525" spans="14:14">
      <c r="N728525" s="10"/>
    </row>
    <row r="728526" spans="14:14">
      <c r="N728526" s="10"/>
    </row>
    <row r="728527" spans="14:14">
      <c r="N728527" s="10"/>
    </row>
    <row r="728528" spans="14:14">
      <c r="N728528" s="10"/>
    </row>
    <row r="728529" spans="14:14">
      <c r="N728529" s="10"/>
    </row>
    <row r="728530" spans="14:14">
      <c r="N728530" s="10"/>
    </row>
    <row r="728531" spans="14:14">
      <c r="N728531" s="10"/>
    </row>
    <row r="728532" spans="14:14">
      <c r="N728532" s="10"/>
    </row>
    <row r="728533" spans="14:14">
      <c r="N728533" s="10"/>
    </row>
    <row r="728534" spans="14:14">
      <c r="N728534" s="10"/>
    </row>
    <row r="728535" spans="14:14">
      <c r="N728535" s="10"/>
    </row>
    <row r="728536" spans="14:14">
      <c r="N728536" s="10"/>
    </row>
    <row r="728537" spans="14:14">
      <c r="N728537" s="10"/>
    </row>
    <row r="728538" spans="14:14">
      <c r="N728538" s="10"/>
    </row>
    <row r="728539" spans="14:14">
      <c r="N728539" s="10"/>
    </row>
    <row r="728540" spans="14:14">
      <c r="N728540" s="10"/>
    </row>
    <row r="728541" spans="14:14">
      <c r="N728541" s="10"/>
    </row>
    <row r="728542" spans="14:14">
      <c r="N728542" s="10"/>
    </row>
    <row r="728543" spans="14:14">
      <c r="N728543" s="10"/>
    </row>
    <row r="728544" spans="14:14">
      <c r="N728544" s="10"/>
    </row>
    <row r="728545" spans="14:14">
      <c r="N728545" s="10"/>
    </row>
    <row r="728546" spans="14:14">
      <c r="N728546" s="10"/>
    </row>
    <row r="728547" spans="14:14">
      <c r="N728547" s="10"/>
    </row>
    <row r="728548" spans="14:14">
      <c r="N728548" s="10"/>
    </row>
    <row r="728549" spans="14:14">
      <c r="N728549" s="10"/>
    </row>
    <row r="728550" spans="14:14">
      <c r="N728550" s="10"/>
    </row>
    <row r="728551" spans="14:14">
      <c r="N728551" s="10"/>
    </row>
    <row r="728552" spans="14:14">
      <c r="N728552" s="10"/>
    </row>
    <row r="728553" spans="14:14">
      <c r="N728553" s="10"/>
    </row>
    <row r="728554" spans="14:14">
      <c r="N728554" s="10"/>
    </row>
    <row r="728555" spans="14:14">
      <c r="N728555" s="10"/>
    </row>
    <row r="728556" spans="14:14">
      <c r="N728556" s="10"/>
    </row>
    <row r="728557" spans="14:14">
      <c r="N728557" s="10"/>
    </row>
    <row r="728558" spans="14:14">
      <c r="N728558" s="10"/>
    </row>
    <row r="728559" spans="14:14">
      <c r="N728559" s="10"/>
    </row>
    <row r="728560" spans="14:14">
      <c r="N728560" s="10"/>
    </row>
    <row r="728561" spans="14:14">
      <c r="N728561" s="10"/>
    </row>
    <row r="728562" spans="14:14">
      <c r="N728562" s="10"/>
    </row>
    <row r="728563" spans="14:14">
      <c r="N728563" s="10"/>
    </row>
    <row r="728564" spans="14:14">
      <c r="N728564" s="10"/>
    </row>
    <row r="728565" spans="14:14">
      <c r="N728565" s="10"/>
    </row>
    <row r="728566" spans="14:14">
      <c r="N728566" s="10"/>
    </row>
    <row r="728567" spans="14:14">
      <c r="N728567" s="10"/>
    </row>
    <row r="728568" spans="14:14">
      <c r="N728568" s="10"/>
    </row>
    <row r="728569" spans="14:14">
      <c r="N728569" s="10"/>
    </row>
    <row r="728570" spans="14:14">
      <c r="N728570" s="10"/>
    </row>
    <row r="728571" spans="14:14">
      <c r="N728571" s="10"/>
    </row>
    <row r="728572" spans="14:14">
      <c r="N728572" s="10"/>
    </row>
    <row r="728573" spans="14:14">
      <c r="N728573" s="10"/>
    </row>
    <row r="728574" spans="14:14">
      <c r="N728574" s="10"/>
    </row>
    <row r="728575" spans="14:14">
      <c r="N728575" s="10"/>
    </row>
    <row r="728576" spans="14:14">
      <c r="N728576" s="10"/>
    </row>
    <row r="728577" spans="14:14">
      <c r="N728577" s="10"/>
    </row>
    <row r="728578" spans="14:14">
      <c r="N728578" s="10"/>
    </row>
    <row r="728579" spans="14:14">
      <c r="N728579" s="10"/>
    </row>
    <row r="728580" spans="14:14">
      <c r="N728580" s="10"/>
    </row>
    <row r="728581" spans="14:14">
      <c r="N728581" s="10"/>
    </row>
    <row r="728582" spans="14:14">
      <c r="N728582" s="10"/>
    </row>
    <row r="728583" spans="14:14">
      <c r="N728583" s="10"/>
    </row>
    <row r="728584" spans="14:14">
      <c r="N728584" s="10"/>
    </row>
    <row r="728585" spans="14:14">
      <c r="N728585" s="10"/>
    </row>
    <row r="728586" spans="14:14">
      <c r="N728586" s="10"/>
    </row>
    <row r="728587" spans="14:14">
      <c r="N728587" s="10"/>
    </row>
    <row r="728588" spans="14:14">
      <c r="N728588" s="10"/>
    </row>
    <row r="728589" spans="14:14">
      <c r="N728589" s="10"/>
    </row>
    <row r="728590" spans="14:14">
      <c r="N728590" s="10"/>
    </row>
    <row r="728591" spans="14:14">
      <c r="N728591" s="10"/>
    </row>
    <row r="728592" spans="14:14">
      <c r="N728592" s="10"/>
    </row>
    <row r="728593" spans="14:14">
      <c r="N728593" s="10"/>
    </row>
    <row r="728594" spans="14:14">
      <c r="N728594" s="10"/>
    </row>
    <row r="728595" spans="14:14">
      <c r="N728595" s="10"/>
    </row>
    <row r="728596" spans="14:14">
      <c r="N728596" s="10"/>
    </row>
    <row r="728597" spans="14:14">
      <c r="N728597" s="10"/>
    </row>
    <row r="728598" spans="14:14">
      <c r="N728598" s="10"/>
    </row>
    <row r="728599" spans="14:14">
      <c r="N728599" s="10"/>
    </row>
    <row r="728600" spans="14:14">
      <c r="N728600" s="10"/>
    </row>
    <row r="728601" spans="14:14">
      <c r="N728601" s="10"/>
    </row>
    <row r="728602" spans="14:14">
      <c r="N728602" s="10"/>
    </row>
    <row r="728603" spans="14:14">
      <c r="N728603" s="10"/>
    </row>
    <row r="728604" spans="14:14">
      <c r="N728604" s="10"/>
    </row>
    <row r="728605" spans="14:14">
      <c r="N728605" s="10"/>
    </row>
    <row r="728606" spans="14:14">
      <c r="N728606" s="10"/>
    </row>
    <row r="728607" spans="14:14">
      <c r="N728607" s="10"/>
    </row>
    <row r="728608" spans="14:14">
      <c r="N728608" s="10"/>
    </row>
    <row r="728609" spans="14:14">
      <c r="N728609" s="10"/>
    </row>
    <row r="728610" spans="14:14">
      <c r="N728610" s="10"/>
    </row>
    <row r="728611" spans="14:14">
      <c r="N728611" s="10"/>
    </row>
    <row r="728612" spans="14:14">
      <c r="N728612" s="10"/>
    </row>
    <row r="728613" spans="14:14">
      <c r="N728613" s="10"/>
    </row>
    <row r="728614" spans="14:14">
      <c r="N728614" s="10"/>
    </row>
    <row r="728615" spans="14:14">
      <c r="N728615" s="10"/>
    </row>
    <row r="728616" spans="14:14">
      <c r="N728616" s="10"/>
    </row>
    <row r="728617" spans="14:14">
      <c r="N728617" s="10"/>
    </row>
    <row r="728618" spans="14:14">
      <c r="N728618" s="10"/>
    </row>
    <row r="728619" spans="14:14">
      <c r="N728619" s="10"/>
    </row>
    <row r="728620" spans="14:14">
      <c r="N728620" s="10"/>
    </row>
    <row r="728621" spans="14:14">
      <c r="N728621" s="10"/>
    </row>
    <row r="728622" spans="14:14">
      <c r="N728622" s="10"/>
    </row>
    <row r="728623" spans="14:14">
      <c r="N728623" s="10"/>
    </row>
    <row r="728624" spans="14:14">
      <c r="N728624" s="10"/>
    </row>
    <row r="728625" spans="14:14">
      <c r="N728625" s="10"/>
    </row>
    <row r="728626" spans="14:14">
      <c r="N728626" s="10"/>
    </row>
    <row r="728627" spans="14:14">
      <c r="N728627" s="10"/>
    </row>
    <row r="728628" spans="14:14">
      <c r="N728628" s="10"/>
    </row>
    <row r="728629" spans="14:14">
      <c r="N728629" s="10"/>
    </row>
    <row r="728630" spans="14:14">
      <c r="N728630" s="10"/>
    </row>
    <row r="728631" spans="14:14">
      <c r="N728631" s="10"/>
    </row>
    <row r="728632" spans="14:14">
      <c r="N728632" s="10"/>
    </row>
    <row r="728633" spans="14:14">
      <c r="N728633" s="10"/>
    </row>
    <row r="728634" spans="14:14">
      <c r="N728634" s="10"/>
    </row>
    <row r="728635" spans="14:14">
      <c r="N728635" s="10"/>
    </row>
    <row r="728636" spans="14:14">
      <c r="N728636" s="10"/>
    </row>
    <row r="728637" spans="14:14">
      <c r="N728637" s="10"/>
    </row>
    <row r="728638" spans="14:14">
      <c r="N728638" s="10"/>
    </row>
    <row r="728639" spans="14:14">
      <c r="N728639" s="10"/>
    </row>
    <row r="728640" spans="14:14">
      <c r="N728640" s="10"/>
    </row>
    <row r="728641" spans="14:14">
      <c r="N728641" s="10"/>
    </row>
    <row r="728642" spans="14:14">
      <c r="N728642" s="10"/>
    </row>
    <row r="728643" spans="14:14">
      <c r="N728643" s="10"/>
    </row>
    <row r="728644" spans="14:14">
      <c r="N728644" s="10"/>
    </row>
    <row r="728645" spans="14:14">
      <c r="N728645" s="10"/>
    </row>
    <row r="728646" spans="14:14">
      <c r="N728646" s="10"/>
    </row>
    <row r="728647" spans="14:14">
      <c r="N728647" s="10"/>
    </row>
    <row r="728648" spans="14:14">
      <c r="N728648" s="10"/>
    </row>
    <row r="728649" spans="14:14">
      <c r="N728649" s="10"/>
    </row>
    <row r="728650" spans="14:14">
      <c r="N728650" s="10"/>
    </row>
    <row r="728651" spans="14:14">
      <c r="N728651" s="10"/>
    </row>
    <row r="728652" spans="14:14">
      <c r="N728652" s="10"/>
    </row>
    <row r="728653" spans="14:14">
      <c r="N728653" s="10"/>
    </row>
    <row r="728654" spans="14:14">
      <c r="N728654" s="10"/>
    </row>
    <row r="728655" spans="14:14">
      <c r="N728655" s="10"/>
    </row>
    <row r="728656" spans="14:14">
      <c r="N728656" s="10"/>
    </row>
    <row r="728657" spans="14:14">
      <c r="N728657" s="10"/>
    </row>
    <row r="728658" spans="14:14">
      <c r="N728658" s="10"/>
    </row>
    <row r="728659" spans="14:14">
      <c r="N728659" s="10"/>
    </row>
    <row r="728660" spans="14:14">
      <c r="N728660" s="10"/>
    </row>
    <row r="728661" spans="14:14">
      <c r="N728661" s="10"/>
    </row>
    <row r="728662" spans="14:14">
      <c r="N728662" s="10"/>
    </row>
    <row r="728663" spans="14:14">
      <c r="N728663" s="10"/>
    </row>
    <row r="728664" spans="14:14">
      <c r="N728664" s="10"/>
    </row>
    <row r="728665" spans="14:14">
      <c r="N728665" s="10"/>
    </row>
    <row r="728666" spans="14:14">
      <c r="N728666" s="10"/>
    </row>
    <row r="728667" spans="14:14">
      <c r="N728667" s="10"/>
    </row>
    <row r="728668" spans="14:14">
      <c r="N728668" s="10"/>
    </row>
    <row r="728669" spans="14:14">
      <c r="N728669" s="10"/>
    </row>
    <row r="728670" spans="14:14">
      <c r="N728670" s="10"/>
    </row>
    <row r="728671" spans="14:14">
      <c r="N728671" s="10"/>
    </row>
    <row r="728672" spans="14:14">
      <c r="N728672" s="10"/>
    </row>
    <row r="728673" spans="14:14">
      <c r="N728673" s="10"/>
    </row>
    <row r="728674" spans="14:14">
      <c r="N728674" s="10"/>
    </row>
    <row r="728675" spans="14:14">
      <c r="N728675" s="10"/>
    </row>
    <row r="728676" spans="14:14">
      <c r="N728676" s="10"/>
    </row>
    <row r="728677" spans="14:14">
      <c r="N728677" s="10"/>
    </row>
    <row r="728678" spans="14:14">
      <c r="N728678" s="10"/>
    </row>
    <row r="728679" spans="14:14">
      <c r="N728679" s="10"/>
    </row>
    <row r="728680" spans="14:14">
      <c r="N728680" s="10"/>
    </row>
    <row r="728681" spans="14:14">
      <c r="N728681" s="10"/>
    </row>
    <row r="728682" spans="14:14">
      <c r="N728682" s="10"/>
    </row>
    <row r="728683" spans="14:14">
      <c r="N728683" s="10"/>
    </row>
    <row r="728684" spans="14:14">
      <c r="N728684" s="10"/>
    </row>
    <row r="728685" spans="14:14">
      <c r="N728685" s="10"/>
    </row>
    <row r="728686" spans="14:14">
      <c r="N728686" s="10"/>
    </row>
    <row r="728687" spans="14:14">
      <c r="N728687" s="10"/>
    </row>
    <row r="728688" spans="14:14">
      <c r="N728688" s="10"/>
    </row>
    <row r="728689" spans="14:14">
      <c r="N728689" s="10"/>
    </row>
    <row r="728690" spans="14:14">
      <c r="N728690" s="10"/>
    </row>
    <row r="728691" spans="14:14">
      <c r="N728691" s="10"/>
    </row>
    <row r="728692" spans="14:14">
      <c r="N728692" s="10"/>
    </row>
    <row r="728693" spans="14:14">
      <c r="N728693" s="10"/>
    </row>
    <row r="728694" spans="14:14">
      <c r="N728694" s="10"/>
    </row>
    <row r="728695" spans="14:14">
      <c r="N728695" s="10"/>
    </row>
    <row r="728696" spans="14:14">
      <c r="N728696" s="10"/>
    </row>
    <row r="728697" spans="14:14">
      <c r="N728697" s="10"/>
    </row>
    <row r="728698" spans="14:14">
      <c r="N728698" s="10"/>
    </row>
    <row r="728699" spans="14:14">
      <c r="N728699" s="10"/>
    </row>
    <row r="728700" spans="14:14">
      <c r="N728700" s="10"/>
    </row>
    <row r="728701" spans="14:14">
      <c r="N728701" s="10"/>
    </row>
    <row r="728702" spans="14:14">
      <c r="N728702" s="10"/>
    </row>
    <row r="728703" spans="14:14">
      <c r="N728703" s="10"/>
    </row>
    <row r="728704" spans="14:14">
      <c r="N728704" s="10"/>
    </row>
    <row r="728705" spans="14:14">
      <c r="N728705" s="10"/>
    </row>
    <row r="728706" spans="14:14">
      <c r="N728706" s="10"/>
    </row>
    <row r="728707" spans="14:14">
      <c r="N728707" s="10"/>
    </row>
    <row r="728708" spans="14:14">
      <c r="N728708" s="10"/>
    </row>
    <row r="728709" spans="14:14">
      <c r="N728709" s="10"/>
    </row>
    <row r="728710" spans="14:14">
      <c r="N728710" s="10"/>
    </row>
    <row r="728711" spans="14:14">
      <c r="N728711" s="10"/>
    </row>
    <row r="728712" spans="14:14">
      <c r="N728712" s="10"/>
    </row>
    <row r="728713" spans="14:14">
      <c r="N728713" s="10"/>
    </row>
    <row r="728714" spans="14:14">
      <c r="N728714" s="10"/>
    </row>
    <row r="728715" spans="14:14">
      <c r="N728715" s="10"/>
    </row>
    <row r="728716" spans="14:14">
      <c r="N728716" s="10"/>
    </row>
    <row r="728717" spans="14:14">
      <c r="N728717" s="10"/>
    </row>
    <row r="728718" spans="14:14">
      <c r="N728718" s="10"/>
    </row>
    <row r="728719" spans="14:14">
      <c r="N728719" s="10"/>
    </row>
    <row r="728720" spans="14:14">
      <c r="N728720" s="10"/>
    </row>
    <row r="728721" spans="14:14">
      <c r="N728721" s="10"/>
    </row>
    <row r="728722" spans="14:14">
      <c r="N728722" s="10"/>
    </row>
    <row r="728723" spans="14:14">
      <c r="N728723" s="10"/>
    </row>
    <row r="728724" spans="14:14">
      <c r="N728724" s="10"/>
    </row>
    <row r="728725" spans="14:14">
      <c r="N728725" s="10"/>
    </row>
    <row r="728726" spans="14:14">
      <c r="N728726" s="10"/>
    </row>
    <row r="728727" spans="14:14">
      <c r="N728727" s="10"/>
    </row>
    <row r="728728" spans="14:14">
      <c r="N728728" s="10"/>
    </row>
    <row r="728729" spans="14:14">
      <c r="N728729" s="10"/>
    </row>
    <row r="728730" spans="14:14">
      <c r="N728730" s="10"/>
    </row>
    <row r="728731" spans="14:14">
      <c r="N728731" s="10"/>
    </row>
    <row r="728732" spans="14:14">
      <c r="N728732" s="10"/>
    </row>
    <row r="728733" spans="14:14">
      <c r="N728733" s="10"/>
    </row>
    <row r="728734" spans="14:14">
      <c r="N728734" s="10"/>
    </row>
    <row r="728735" spans="14:14">
      <c r="N728735" s="10"/>
    </row>
    <row r="728736" spans="14:14">
      <c r="N728736" s="10"/>
    </row>
    <row r="728737" spans="14:14">
      <c r="N728737" s="10"/>
    </row>
    <row r="728738" spans="14:14">
      <c r="N728738" s="10"/>
    </row>
    <row r="728739" spans="14:14">
      <c r="N728739" s="10"/>
    </row>
    <row r="728740" spans="14:14">
      <c r="N728740" s="10"/>
    </row>
    <row r="728741" spans="14:14">
      <c r="N728741" s="10"/>
    </row>
    <row r="728742" spans="14:14">
      <c r="N728742" s="10"/>
    </row>
    <row r="728743" spans="14:14">
      <c r="N728743" s="10"/>
    </row>
    <row r="728744" spans="14:14">
      <c r="N728744" s="10"/>
    </row>
    <row r="728745" spans="14:14">
      <c r="N728745" s="10"/>
    </row>
    <row r="728746" spans="14:14">
      <c r="N728746" s="10"/>
    </row>
    <row r="728747" spans="14:14">
      <c r="N728747" s="10"/>
    </row>
    <row r="728748" spans="14:14">
      <c r="N728748" s="10"/>
    </row>
    <row r="728749" spans="14:14">
      <c r="N728749" s="10"/>
    </row>
    <row r="728750" spans="14:14">
      <c r="N728750" s="10"/>
    </row>
    <row r="728751" spans="14:14">
      <c r="N728751" s="10"/>
    </row>
    <row r="728752" spans="14:14">
      <c r="N728752" s="10"/>
    </row>
    <row r="728753" spans="14:14">
      <c r="N728753" s="10"/>
    </row>
    <row r="728754" spans="14:14">
      <c r="N728754" s="10"/>
    </row>
    <row r="728755" spans="14:14">
      <c r="N728755" s="10"/>
    </row>
    <row r="728756" spans="14:14">
      <c r="N728756" s="10"/>
    </row>
    <row r="728757" spans="14:14">
      <c r="N728757" s="10"/>
    </row>
    <row r="728758" spans="14:14">
      <c r="N728758" s="10"/>
    </row>
    <row r="728759" spans="14:14">
      <c r="N728759" s="10"/>
    </row>
    <row r="728760" spans="14:14">
      <c r="N728760" s="10"/>
    </row>
    <row r="728761" spans="14:14">
      <c r="N728761" s="10"/>
    </row>
    <row r="728762" spans="14:14">
      <c r="N728762" s="10"/>
    </row>
    <row r="728763" spans="14:14">
      <c r="N728763" s="10"/>
    </row>
    <row r="728764" spans="14:14">
      <c r="N728764" s="10"/>
    </row>
    <row r="728765" spans="14:14">
      <c r="N728765" s="10"/>
    </row>
    <row r="728766" spans="14:14">
      <c r="N728766" s="10"/>
    </row>
    <row r="728767" spans="14:14">
      <c r="N728767" s="10"/>
    </row>
    <row r="728768" spans="14:14">
      <c r="N728768" s="10"/>
    </row>
    <row r="728769" spans="14:14">
      <c r="N728769" s="10"/>
    </row>
    <row r="728770" spans="14:14">
      <c r="N728770" s="10"/>
    </row>
    <row r="728771" spans="14:14">
      <c r="N728771" s="10"/>
    </row>
    <row r="728772" spans="14:14">
      <c r="N728772" s="10"/>
    </row>
    <row r="728773" spans="14:14">
      <c r="N728773" s="10"/>
    </row>
    <row r="728774" spans="14:14">
      <c r="N728774" s="10"/>
    </row>
    <row r="728775" spans="14:14">
      <c r="N728775" s="10"/>
    </row>
    <row r="728776" spans="14:14">
      <c r="N728776" s="10"/>
    </row>
    <row r="728777" spans="14:14">
      <c r="N728777" s="10"/>
    </row>
    <row r="728778" spans="14:14">
      <c r="N728778" s="10"/>
    </row>
    <row r="728779" spans="14:14">
      <c r="N728779" s="10"/>
    </row>
    <row r="728780" spans="14:14">
      <c r="N728780" s="10"/>
    </row>
    <row r="728781" spans="14:14">
      <c r="N728781" s="10"/>
    </row>
    <row r="728782" spans="14:14">
      <c r="N728782" s="10"/>
    </row>
    <row r="728783" spans="14:14">
      <c r="N728783" s="10"/>
    </row>
    <row r="728784" spans="14:14">
      <c r="N728784" s="10"/>
    </row>
    <row r="728785" spans="14:14">
      <c r="N728785" s="10"/>
    </row>
    <row r="728786" spans="14:14">
      <c r="N728786" s="10"/>
    </row>
    <row r="728787" spans="14:14">
      <c r="N728787" s="10"/>
    </row>
    <row r="728788" spans="14:14">
      <c r="N728788" s="10"/>
    </row>
    <row r="728789" spans="14:14">
      <c r="N728789" s="10"/>
    </row>
    <row r="728790" spans="14:14">
      <c r="N728790" s="10"/>
    </row>
    <row r="728791" spans="14:14">
      <c r="N728791" s="10"/>
    </row>
    <row r="728792" spans="14:14">
      <c r="N728792" s="10"/>
    </row>
    <row r="728793" spans="14:14">
      <c r="N728793" s="10"/>
    </row>
    <row r="728794" spans="14:14">
      <c r="N728794" s="10"/>
    </row>
    <row r="728795" spans="14:14">
      <c r="N728795" s="10"/>
    </row>
    <row r="728796" spans="14:14">
      <c r="N728796" s="10"/>
    </row>
    <row r="728797" spans="14:14">
      <c r="N728797" s="10"/>
    </row>
    <row r="728798" spans="14:14">
      <c r="N728798" s="10"/>
    </row>
    <row r="728799" spans="14:14">
      <c r="N728799" s="10"/>
    </row>
    <row r="728800" spans="14:14">
      <c r="N728800" s="10"/>
    </row>
    <row r="728801" spans="14:14">
      <c r="N728801" s="10"/>
    </row>
    <row r="728802" spans="14:14">
      <c r="N728802" s="10"/>
    </row>
    <row r="728803" spans="14:14">
      <c r="N728803" s="10"/>
    </row>
    <row r="728804" spans="14:14">
      <c r="N728804" s="10"/>
    </row>
    <row r="728805" spans="14:14">
      <c r="N728805" s="10"/>
    </row>
    <row r="728806" spans="14:14">
      <c r="N728806" s="10"/>
    </row>
    <row r="728807" spans="14:14">
      <c r="N728807" s="10"/>
    </row>
    <row r="728808" spans="14:14">
      <c r="N728808" s="10"/>
    </row>
    <row r="728809" spans="14:14">
      <c r="N728809" s="10"/>
    </row>
    <row r="728810" spans="14:14">
      <c r="N728810" s="10"/>
    </row>
    <row r="728811" spans="14:14">
      <c r="N728811" s="10"/>
    </row>
    <row r="728812" spans="14:14">
      <c r="N728812" s="10"/>
    </row>
    <row r="728813" spans="14:14">
      <c r="N728813" s="10"/>
    </row>
    <row r="728814" spans="14:14">
      <c r="N728814" s="10"/>
    </row>
    <row r="728815" spans="14:14">
      <c r="N728815" s="10"/>
    </row>
    <row r="728816" spans="14:14">
      <c r="N728816" s="10"/>
    </row>
    <row r="728817" spans="14:14">
      <c r="N728817" s="10"/>
    </row>
    <row r="728818" spans="14:14">
      <c r="N728818" s="10"/>
    </row>
    <row r="728819" spans="14:14">
      <c r="N728819" s="10"/>
    </row>
    <row r="728820" spans="14:14">
      <c r="N728820" s="10"/>
    </row>
    <row r="728821" spans="14:14">
      <c r="N728821" s="10"/>
    </row>
    <row r="728822" spans="14:14">
      <c r="N728822" s="10"/>
    </row>
    <row r="728823" spans="14:14">
      <c r="N728823" s="10"/>
    </row>
    <row r="728824" spans="14:14">
      <c r="N728824" s="10"/>
    </row>
    <row r="728825" spans="14:14">
      <c r="N728825" s="10"/>
    </row>
    <row r="728826" spans="14:14">
      <c r="N728826" s="10"/>
    </row>
    <row r="728827" spans="14:14">
      <c r="N728827" s="10"/>
    </row>
    <row r="728828" spans="14:14">
      <c r="N728828" s="10"/>
    </row>
    <row r="728829" spans="14:14">
      <c r="N728829" s="10"/>
    </row>
    <row r="728830" spans="14:14">
      <c r="N728830" s="10"/>
    </row>
    <row r="728831" spans="14:14">
      <c r="N728831" s="10"/>
    </row>
    <row r="728832" spans="14:14">
      <c r="N728832" s="10"/>
    </row>
    <row r="728833" spans="14:14">
      <c r="N728833" s="10"/>
    </row>
    <row r="728834" spans="14:14">
      <c r="N728834" s="10"/>
    </row>
    <row r="728835" spans="14:14">
      <c r="N728835" s="10"/>
    </row>
    <row r="728836" spans="14:14">
      <c r="N728836" s="10"/>
    </row>
    <row r="728837" spans="14:14">
      <c r="N728837" s="10"/>
    </row>
    <row r="728838" spans="14:14">
      <c r="N728838" s="10"/>
    </row>
    <row r="728839" spans="14:14">
      <c r="N728839" s="10"/>
    </row>
    <row r="728840" spans="14:14">
      <c r="N728840" s="10"/>
    </row>
    <row r="728841" spans="14:14">
      <c r="N728841" s="10"/>
    </row>
    <row r="728842" spans="14:14">
      <c r="N728842" s="10"/>
    </row>
    <row r="728843" spans="14:14">
      <c r="N728843" s="10"/>
    </row>
    <row r="728844" spans="14:14">
      <c r="N728844" s="10"/>
    </row>
    <row r="728845" spans="14:14">
      <c r="N728845" s="10"/>
    </row>
    <row r="728846" spans="14:14">
      <c r="N728846" s="10"/>
    </row>
    <row r="728847" spans="14:14">
      <c r="N728847" s="10"/>
    </row>
    <row r="728848" spans="14:14">
      <c r="N728848" s="10"/>
    </row>
    <row r="728849" spans="14:14">
      <c r="N728849" s="10"/>
    </row>
    <row r="728850" spans="14:14">
      <c r="N728850" s="10"/>
    </row>
    <row r="728851" spans="14:14">
      <c r="N728851" s="10"/>
    </row>
    <row r="728852" spans="14:14">
      <c r="N728852" s="10"/>
    </row>
    <row r="728853" spans="14:14">
      <c r="N728853" s="10"/>
    </row>
    <row r="728854" spans="14:14">
      <c r="N728854" s="10"/>
    </row>
    <row r="728855" spans="14:14">
      <c r="N728855" s="10"/>
    </row>
    <row r="728856" spans="14:14">
      <c r="N728856" s="10"/>
    </row>
    <row r="728857" spans="14:14">
      <c r="N728857" s="10"/>
    </row>
    <row r="728858" spans="14:14">
      <c r="N728858" s="10"/>
    </row>
    <row r="728859" spans="14:14">
      <c r="N728859" s="10"/>
    </row>
    <row r="728860" spans="14:14">
      <c r="N728860" s="10"/>
    </row>
    <row r="728861" spans="14:14">
      <c r="N728861" s="10"/>
    </row>
    <row r="728862" spans="14:14">
      <c r="N728862" s="10"/>
    </row>
    <row r="728863" spans="14:14">
      <c r="N728863" s="10"/>
    </row>
    <row r="728864" spans="14:14">
      <c r="N728864" s="10"/>
    </row>
    <row r="728865" spans="14:14">
      <c r="N728865" s="10"/>
    </row>
    <row r="728866" spans="14:14">
      <c r="N728866" s="10"/>
    </row>
    <row r="728867" spans="14:14">
      <c r="N728867" s="10"/>
    </row>
    <row r="728868" spans="14:14">
      <c r="N728868" s="10"/>
    </row>
    <row r="728869" spans="14:14">
      <c r="N728869" s="10"/>
    </row>
    <row r="728870" spans="14:14">
      <c r="N728870" s="10"/>
    </row>
    <row r="728871" spans="14:14">
      <c r="N728871" s="10"/>
    </row>
    <row r="728872" spans="14:14">
      <c r="N728872" s="10"/>
    </row>
    <row r="728873" spans="14:14">
      <c r="N728873" s="10"/>
    </row>
    <row r="728874" spans="14:14">
      <c r="N728874" s="10"/>
    </row>
    <row r="728875" spans="14:14">
      <c r="N728875" s="10"/>
    </row>
    <row r="728876" spans="14:14">
      <c r="N728876" s="10"/>
    </row>
    <row r="728877" spans="14:14">
      <c r="N728877" s="10"/>
    </row>
    <row r="728878" spans="14:14">
      <c r="N728878" s="10"/>
    </row>
    <row r="728879" spans="14:14">
      <c r="N728879" s="10"/>
    </row>
    <row r="728880" spans="14:14">
      <c r="N728880" s="10"/>
    </row>
    <row r="728881" spans="14:14">
      <c r="N728881" s="10"/>
    </row>
    <row r="728882" spans="14:14">
      <c r="N728882" s="10"/>
    </row>
    <row r="728883" spans="14:14">
      <c r="N728883" s="10"/>
    </row>
    <row r="728884" spans="14:14">
      <c r="N728884" s="10"/>
    </row>
    <row r="728885" spans="14:14">
      <c r="N728885" s="10"/>
    </row>
    <row r="728886" spans="14:14">
      <c r="N728886" s="10"/>
    </row>
    <row r="728887" spans="14:14">
      <c r="N728887" s="10"/>
    </row>
    <row r="728888" spans="14:14">
      <c r="N728888" s="10"/>
    </row>
    <row r="728889" spans="14:14">
      <c r="N728889" s="10"/>
    </row>
    <row r="728890" spans="14:14">
      <c r="N728890" s="10"/>
    </row>
    <row r="728891" spans="14:14">
      <c r="N728891" s="10"/>
    </row>
    <row r="728892" spans="14:14">
      <c r="N728892" s="10"/>
    </row>
    <row r="728893" spans="14:14">
      <c r="N728893" s="10"/>
    </row>
    <row r="728894" spans="14:14">
      <c r="N728894" s="10"/>
    </row>
    <row r="728895" spans="14:14">
      <c r="N728895" s="10"/>
    </row>
    <row r="728896" spans="14:14">
      <c r="N728896" s="10"/>
    </row>
    <row r="728897" spans="14:14">
      <c r="N728897" s="10"/>
    </row>
    <row r="728898" spans="14:14">
      <c r="N728898" s="10"/>
    </row>
    <row r="728899" spans="14:14">
      <c r="N728899" s="10"/>
    </row>
    <row r="728900" spans="14:14">
      <c r="N728900" s="10"/>
    </row>
    <row r="728901" spans="14:14">
      <c r="N728901" s="10"/>
    </row>
    <row r="728902" spans="14:14">
      <c r="N728902" s="10"/>
    </row>
    <row r="728903" spans="14:14">
      <c r="N728903" s="10"/>
    </row>
    <row r="728904" spans="14:14">
      <c r="N728904" s="10"/>
    </row>
    <row r="728905" spans="14:14">
      <c r="N728905" s="10"/>
    </row>
    <row r="728906" spans="14:14">
      <c r="N728906" s="10"/>
    </row>
    <row r="728907" spans="14:14">
      <c r="N728907" s="10"/>
    </row>
    <row r="728908" spans="14:14">
      <c r="N728908" s="10"/>
    </row>
    <row r="728909" spans="14:14">
      <c r="N728909" s="10"/>
    </row>
    <row r="728910" spans="14:14">
      <c r="N728910" s="10"/>
    </row>
    <row r="728911" spans="14:14">
      <c r="N728911" s="10"/>
    </row>
    <row r="728912" spans="14:14">
      <c r="N728912" s="10"/>
    </row>
    <row r="728913" spans="14:14">
      <c r="N728913" s="10"/>
    </row>
    <row r="728914" spans="14:14">
      <c r="N728914" s="10"/>
    </row>
    <row r="728915" spans="14:14">
      <c r="N728915" s="10"/>
    </row>
    <row r="728916" spans="14:14">
      <c r="N728916" s="10"/>
    </row>
    <row r="728917" spans="14:14">
      <c r="N728917" s="10"/>
    </row>
    <row r="728918" spans="14:14">
      <c r="N728918" s="10"/>
    </row>
    <row r="728919" spans="14:14">
      <c r="N728919" s="10"/>
    </row>
    <row r="728920" spans="14:14">
      <c r="N728920" s="10"/>
    </row>
    <row r="728921" spans="14:14">
      <c r="N728921" s="10"/>
    </row>
    <row r="728922" spans="14:14">
      <c r="N728922" s="10"/>
    </row>
    <row r="728923" spans="14:14">
      <c r="N728923" s="10"/>
    </row>
    <row r="728924" spans="14:14">
      <c r="N728924" s="10"/>
    </row>
    <row r="728925" spans="14:14">
      <c r="N728925" s="10"/>
    </row>
    <row r="728926" spans="14:14">
      <c r="N728926" s="10"/>
    </row>
    <row r="728927" spans="14:14">
      <c r="N728927" s="10"/>
    </row>
    <row r="728928" spans="14:14">
      <c r="N728928" s="10"/>
    </row>
    <row r="728929" spans="14:14">
      <c r="N728929" s="10"/>
    </row>
    <row r="728930" spans="14:14">
      <c r="N728930" s="10"/>
    </row>
    <row r="728931" spans="14:14">
      <c r="N728931" s="10"/>
    </row>
    <row r="728932" spans="14:14">
      <c r="N728932" s="10"/>
    </row>
    <row r="728933" spans="14:14">
      <c r="N728933" s="10"/>
    </row>
    <row r="728934" spans="14:14">
      <c r="N728934" s="10"/>
    </row>
    <row r="728935" spans="14:14">
      <c r="N728935" s="10"/>
    </row>
    <row r="728936" spans="14:14">
      <c r="N728936" s="10"/>
    </row>
    <row r="728937" spans="14:14">
      <c r="N728937" s="10"/>
    </row>
    <row r="728938" spans="14:14">
      <c r="N728938" s="10"/>
    </row>
    <row r="728939" spans="14:14">
      <c r="N728939" s="10"/>
    </row>
    <row r="728940" spans="14:14">
      <c r="N728940" s="10"/>
    </row>
    <row r="728941" spans="14:14">
      <c r="N728941" s="10"/>
    </row>
    <row r="728942" spans="14:14">
      <c r="N728942" s="10"/>
    </row>
    <row r="728943" spans="14:14">
      <c r="N728943" s="10"/>
    </row>
    <row r="728944" spans="14:14">
      <c r="N728944" s="10"/>
    </row>
    <row r="728945" spans="14:14">
      <c r="N728945" s="10"/>
    </row>
    <row r="728946" spans="14:14">
      <c r="N728946" s="10"/>
    </row>
    <row r="728947" spans="14:14">
      <c r="N728947" s="10"/>
    </row>
    <row r="728948" spans="14:14">
      <c r="N728948" s="10"/>
    </row>
    <row r="728949" spans="14:14">
      <c r="N728949" s="10"/>
    </row>
    <row r="728950" spans="14:14">
      <c r="N728950" s="10"/>
    </row>
    <row r="728951" spans="14:14">
      <c r="N728951" s="10"/>
    </row>
    <row r="728952" spans="14:14">
      <c r="N728952" s="10"/>
    </row>
    <row r="728953" spans="14:14">
      <c r="N728953" s="10"/>
    </row>
    <row r="728954" spans="14:14">
      <c r="N728954" s="10"/>
    </row>
    <row r="728955" spans="14:14">
      <c r="N728955" s="10"/>
    </row>
    <row r="728956" spans="14:14">
      <c r="N728956" s="10"/>
    </row>
    <row r="728957" spans="14:14">
      <c r="N728957" s="10"/>
    </row>
    <row r="728958" spans="14:14">
      <c r="N728958" s="10"/>
    </row>
    <row r="728959" spans="14:14">
      <c r="N728959" s="10"/>
    </row>
    <row r="728960" spans="14:14">
      <c r="N728960" s="10"/>
    </row>
    <row r="728961" spans="14:14">
      <c r="N728961" s="10"/>
    </row>
    <row r="728962" spans="14:14">
      <c r="N728962" s="10"/>
    </row>
    <row r="728963" spans="14:14">
      <c r="N728963" s="10"/>
    </row>
    <row r="728964" spans="14:14">
      <c r="N728964" s="10"/>
    </row>
    <row r="728965" spans="14:14">
      <c r="N728965" s="10"/>
    </row>
    <row r="728966" spans="14:14">
      <c r="N728966" s="10"/>
    </row>
    <row r="728967" spans="14:14">
      <c r="N728967" s="10"/>
    </row>
    <row r="728968" spans="14:14">
      <c r="N728968" s="10"/>
    </row>
    <row r="728969" spans="14:14">
      <c r="N728969" s="10"/>
    </row>
    <row r="728970" spans="14:14">
      <c r="N728970" s="10"/>
    </row>
    <row r="728971" spans="14:14">
      <c r="N728971" s="10"/>
    </row>
    <row r="728972" spans="14:14">
      <c r="N728972" s="10"/>
    </row>
    <row r="728973" spans="14:14">
      <c r="N728973" s="10"/>
    </row>
    <row r="728974" spans="14:14">
      <c r="N728974" s="10"/>
    </row>
    <row r="728975" spans="14:14">
      <c r="N728975" s="10"/>
    </row>
    <row r="728976" spans="14:14">
      <c r="N728976" s="10"/>
    </row>
    <row r="728977" spans="14:14">
      <c r="N728977" s="10"/>
    </row>
    <row r="728978" spans="14:14">
      <c r="N728978" s="10"/>
    </row>
    <row r="728979" spans="14:14">
      <c r="N728979" s="10"/>
    </row>
    <row r="728980" spans="14:14">
      <c r="N728980" s="10"/>
    </row>
    <row r="728981" spans="14:14">
      <c r="N728981" s="10"/>
    </row>
    <row r="728982" spans="14:14">
      <c r="N728982" s="10"/>
    </row>
    <row r="728983" spans="14:14">
      <c r="N728983" s="10"/>
    </row>
    <row r="728984" spans="14:14">
      <c r="N728984" s="10"/>
    </row>
    <row r="728985" spans="14:14">
      <c r="N728985" s="10"/>
    </row>
    <row r="728986" spans="14:14">
      <c r="N728986" s="10"/>
    </row>
    <row r="728987" spans="14:14">
      <c r="N728987" s="10"/>
    </row>
    <row r="728988" spans="14:14">
      <c r="N728988" s="10"/>
    </row>
    <row r="728989" spans="14:14">
      <c r="N728989" s="10"/>
    </row>
    <row r="728990" spans="14:14">
      <c r="N728990" s="10"/>
    </row>
    <row r="728991" spans="14:14">
      <c r="N728991" s="10"/>
    </row>
    <row r="728992" spans="14:14">
      <c r="N728992" s="10"/>
    </row>
    <row r="728993" spans="14:14">
      <c r="N728993" s="10"/>
    </row>
    <row r="728994" spans="14:14">
      <c r="N728994" s="10"/>
    </row>
    <row r="728995" spans="14:14">
      <c r="N728995" s="10"/>
    </row>
    <row r="728996" spans="14:14">
      <c r="N728996" s="10"/>
    </row>
    <row r="728997" spans="14:14">
      <c r="N728997" s="10"/>
    </row>
    <row r="728998" spans="14:14">
      <c r="N728998" s="10"/>
    </row>
    <row r="728999" spans="14:14">
      <c r="N728999" s="10"/>
    </row>
    <row r="729000" spans="14:14">
      <c r="N729000" s="10"/>
    </row>
    <row r="729001" spans="14:14">
      <c r="N729001" s="10"/>
    </row>
    <row r="729002" spans="14:14">
      <c r="N729002" s="10"/>
    </row>
    <row r="729003" spans="14:14">
      <c r="N729003" s="10"/>
    </row>
    <row r="729004" spans="14:14">
      <c r="N729004" s="10"/>
    </row>
    <row r="729005" spans="14:14">
      <c r="N729005" s="10"/>
    </row>
    <row r="729006" spans="14:14">
      <c r="N729006" s="10"/>
    </row>
    <row r="729007" spans="14:14">
      <c r="N729007" s="10"/>
    </row>
    <row r="729008" spans="14:14">
      <c r="N729008" s="10"/>
    </row>
    <row r="729009" spans="14:14">
      <c r="N729009" s="10"/>
    </row>
    <row r="729010" spans="14:14">
      <c r="N729010" s="10"/>
    </row>
    <row r="729011" spans="14:14">
      <c r="N729011" s="10"/>
    </row>
    <row r="729012" spans="14:14">
      <c r="N729012" s="10"/>
    </row>
    <row r="729013" spans="14:14">
      <c r="N729013" s="10"/>
    </row>
    <row r="729014" spans="14:14">
      <c r="N729014" s="10"/>
    </row>
    <row r="729015" spans="14:14">
      <c r="N729015" s="10"/>
    </row>
    <row r="729016" spans="14:14">
      <c r="N729016" s="10"/>
    </row>
    <row r="729017" spans="14:14">
      <c r="N729017" s="10"/>
    </row>
    <row r="729018" spans="14:14">
      <c r="N729018" s="10"/>
    </row>
    <row r="729019" spans="14:14">
      <c r="N729019" s="10"/>
    </row>
    <row r="729020" spans="14:14">
      <c r="N729020" s="10"/>
    </row>
    <row r="729021" spans="14:14">
      <c r="N729021" s="10"/>
    </row>
    <row r="729022" spans="14:14">
      <c r="N729022" s="10"/>
    </row>
    <row r="729023" spans="14:14">
      <c r="N729023" s="10"/>
    </row>
    <row r="729024" spans="14:14">
      <c r="N729024" s="10"/>
    </row>
    <row r="729025" spans="14:14">
      <c r="N729025" s="10"/>
    </row>
    <row r="729026" spans="14:14">
      <c r="N729026" s="10"/>
    </row>
    <row r="729027" spans="14:14">
      <c r="N729027" s="10"/>
    </row>
    <row r="729028" spans="14:14">
      <c r="N729028" s="10"/>
    </row>
    <row r="729029" spans="14:14">
      <c r="N729029" s="10"/>
    </row>
    <row r="729030" spans="14:14">
      <c r="N729030" s="10"/>
    </row>
    <row r="729031" spans="14:14">
      <c r="N729031" s="10"/>
    </row>
    <row r="729032" spans="14:14">
      <c r="N729032" s="10"/>
    </row>
    <row r="729033" spans="14:14">
      <c r="N729033" s="10"/>
    </row>
    <row r="729034" spans="14:14">
      <c r="N729034" s="10"/>
    </row>
    <row r="729035" spans="14:14">
      <c r="N729035" s="10"/>
    </row>
    <row r="729036" spans="14:14">
      <c r="N729036" s="10"/>
    </row>
    <row r="729037" spans="14:14">
      <c r="N729037" s="10"/>
    </row>
    <row r="729038" spans="14:14">
      <c r="N729038" s="10"/>
    </row>
    <row r="729039" spans="14:14">
      <c r="N729039" s="10"/>
    </row>
    <row r="729040" spans="14:14">
      <c r="N729040" s="10"/>
    </row>
    <row r="729041" spans="14:14">
      <c r="N729041" s="10"/>
    </row>
    <row r="729042" spans="14:14">
      <c r="N729042" s="10"/>
    </row>
    <row r="729043" spans="14:14">
      <c r="N729043" s="10"/>
    </row>
    <row r="729044" spans="14:14">
      <c r="N729044" s="10"/>
    </row>
    <row r="729045" spans="14:14">
      <c r="N729045" s="10"/>
    </row>
    <row r="729046" spans="14:14">
      <c r="N729046" s="10"/>
    </row>
    <row r="729047" spans="14:14">
      <c r="N729047" s="10"/>
    </row>
    <row r="729048" spans="14:14">
      <c r="N729048" s="10"/>
    </row>
    <row r="729049" spans="14:14">
      <c r="N729049" s="10"/>
    </row>
    <row r="729050" spans="14:14">
      <c r="N729050" s="10"/>
    </row>
    <row r="729051" spans="14:14">
      <c r="N729051" s="10"/>
    </row>
    <row r="729052" spans="14:14">
      <c r="N729052" s="10"/>
    </row>
    <row r="729053" spans="14:14">
      <c r="N729053" s="10"/>
    </row>
    <row r="729054" spans="14:14">
      <c r="N729054" s="10"/>
    </row>
    <row r="729055" spans="14:14">
      <c r="N729055" s="10"/>
    </row>
    <row r="729056" spans="14:14">
      <c r="N729056" s="10"/>
    </row>
    <row r="729057" spans="14:14">
      <c r="N729057" s="10"/>
    </row>
    <row r="729058" spans="14:14">
      <c r="N729058" s="10"/>
    </row>
    <row r="729059" spans="14:14">
      <c r="N729059" s="10"/>
    </row>
    <row r="729060" spans="14:14">
      <c r="N729060" s="10"/>
    </row>
    <row r="729061" spans="14:14">
      <c r="N729061" s="10"/>
    </row>
    <row r="729062" spans="14:14">
      <c r="N729062" s="10"/>
    </row>
    <row r="729063" spans="14:14">
      <c r="N729063" s="10"/>
    </row>
    <row r="729064" spans="14:14">
      <c r="N729064" s="10"/>
    </row>
    <row r="729065" spans="14:14">
      <c r="N729065" s="10"/>
    </row>
    <row r="729066" spans="14:14">
      <c r="N729066" s="10"/>
    </row>
    <row r="729067" spans="14:14">
      <c r="N729067" s="10"/>
    </row>
    <row r="729068" spans="14:14">
      <c r="N729068" s="10"/>
    </row>
    <row r="729069" spans="14:14">
      <c r="N729069" s="10"/>
    </row>
    <row r="729070" spans="14:14">
      <c r="N729070" s="10"/>
    </row>
    <row r="729071" spans="14:14">
      <c r="N729071" s="10"/>
    </row>
    <row r="729072" spans="14:14">
      <c r="N729072" s="10"/>
    </row>
    <row r="729073" spans="14:14">
      <c r="N729073" s="10"/>
    </row>
    <row r="729074" spans="14:14">
      <c r="N729074" s="10"/>
    </row>
    <row r="729075" spans="14:14">
      <c r="N729075" s="10"/>
    </row>
    <row r="729076" spans="14:14">
      <c r="N729076" s="10"/>
    </row>
    <row r="729077" spans="14:14">
      <c r="N729077" s="10"/>
    </row>
    <row r="729078" spans="14:14">
      <c r="N729078" s="10"/>
    </row>
    <row r="729079" spans="14:14">
      <c r="N729079" s="10"/>
    </row>
    <row r="729080" spans="14:14">
      <c r="N729080" s="10"/>
    </row>
    <row r="729081" spans="14:14">
      <c r="N729081" s="10"/>
    </row>
    <row r="729082" spans="14:14">
      <c r="N729082" s="10"/>
    </row>
    <row r="729083" spans="14:14">
      <c r="N729083" s="10"/>
    </row>
    <row r="729084" spans="14:14">
      <c r="N729084" s="10"/>
    </row>
    <row r="729085" spans="14:14">
      <c r="N729085" s="10"/>
    </row>
    <row r="729086" spans="14:14">
      <c r="N729086" s="10"/>
    </row>
    <row r="729087" spans="14:14">
      <c r="N729087" s="10"/>
    </row>
    <row r="729088" spans="14:14">
      <c r="N729088" s="10"/>
    </row>
    <row r="729089" spans="14:14">
      <c r="N729089" s="10"/>
    </row>
    <row r="729090" spans="14:14">
      <c r="N729090" s="10"/>
    </row>
    <row r="729091" spans="14:14">
      <c r="N729091" s="10"/>
    </row>
    <row r="729092" spans="14:14">
      <c r="N729092" s="10"/>
    </row>
    <row r="729093" spans="14:14">
      <c r="N729093" s="10"/>
    </row>
    <row r="729094" spans="14:14">
      <c r="N729094" s="10"/>
    </row>
    <row r="729095" spans="14:14">
      <c r="N729095" s="10"/>
    </row>
    <row r="729096" spans="14:14">
      <c r="N729096" s="10"/>
    </row>
    <row r="729097" spans="14:14">
      <c r="N729097" s="10"/>
    </row>
    <row r="729098" spans="14:14">
      <c r="N729098" s="10"/>
    </row>
    <row r="729099" spans="14:14">
      <c r="N729099" s="10"/>
    </row>
    <row r="729100" spans="14:14">
      <c r="N729100" s="10"/>
    </row>
    <row r="729101" spans="14:14">
      <c r="N729101" s="10"/>
    </row>
    <row r="729102" spans="14:14">
      <c r="N729102" s="10"/>
    </row>
    <row r="729103" spans="14:14">
      <c r="N729103" s="10"/>
    </row>
    <row r="729104" spans="14:14">
      <c r="N729104" s="10"/>
    </row>
    <row r="729105" spans="14:14">
      <c r="N729105" s="10"/>
    </row>
    <row r="729106" spans="14:14">
      <c r="N729106" s="10"/>
    </row>
    <row r="729107" spans="14:14">
      <c r="N729107" s="10"/>
    </row>
    <row r="729108" spans="14:14">
      <c r="N729108" s="10"/>
    </row>
    <row r="729109" spans="14:14">
      <c r="N729109" s="10"/>
    </row>
    <row r="729110" spans="14:14">
      <c r="N729110" s="10"/>
    </row>
    <row r="729111" spans="14:14">
      <c r="N729111" s="10"/>
    </row>
    <row r="729112" spans="14:14">
      <c r="N729112" s="10"/>
    </row>
    <row r="729113" spans="14:14">
      <c r="N729113" s="10"/>
    </row>
    <row r="729114" spans="14:14">
      <c r="N729114" s="10"/>
    </row>
    <row r="729115" spans="14:14">
      <c r="N729115" s="10"/>
    </row>
    <row r="729116" spans="14:14">
      <c r="N729116" s="10"/>
    </row>
    <row r="729117" spans="14:14">
      <c r="N729117" s="10"/>
    </row>
    <row r="729118" spans="14:14">
      <c r="N729118" s="10"/>
    </row>
    <row r="729119" spans="14:14">
      <c r="N729119" s="10"/>
    </row>
    <row r="729120" spans="14:14">
      <c r="N729120" s="10"/>
    </row>
    <row r="729121" spans="14:14">
      <c r="N729121" s="10"/>
    </row>
    <row r="729122" spans="14:14">
      <c r="N729122" s="10"/>
    </row>
    <row r="729123" spans="14:14">
      <c r="N729123" s="10"/>
    </row>
    <row r="729124" spans="14:14">
      <c r="N729124" s="10"/>
    </row>
    <row r="729125" spans="14:14">
      <c r="N729125" s="10"/>
    </row>
    <row r="729126" spans="14:14">
      <c r="N729126" s="10"/>
    </row>
    <row r="729127" spans="14:14">
      <c r="N729127" s="10"/>
    </row>
    <row r="729128" spans="14:14">
      <c r="N729128" s="10"/>
    </row>
    <row r="729129" spans="14:14">
      <c r="N729129" s="10"/>
    </row>
    <row r="729130" spans="14:14">
      <c r="N729130" s="10"/>
    </row>
    <row r="729131" spans="14:14">
      <c r="N729131" s="10"/>
    </row>
    <row r="729132" spans="14:14">
      <c r="N729132" s="10"/>
    </row>
    <row r="729133" spans="14:14">
      <c r="N729133" s="10"/>
    </row>
    <row r="729134" spans="14:14">
      <c r="N729134" s="10"/>
    </row>
    <row r="729135" spans="14:14">
      <c r="N729135" s="10"/>
    </row>
    <row r="729136" spans="14:14">
      <c r="N729136" s="10"/>
    </row>
    <row r="729137" spans="14:14">
      <c r="N729137" s="10"/>
    </row>
    <row r="729138" spans="14:14">
      <c r="N729138" s="10"/>
    </row>
    <row r="729139" spans="14:14">
      <c r="N729139" s="10"/>
    </row>
    <row r="729140" spans="14:14">
      <c r="N729140" s="10"/>
    </row>
    <row r="729141" spans="14:14">
      <c r="N729141" s="10"/>
    </row>
    <row r="729142" spans="14:14">
      <c r="N729142" s="10"/>
    </row>
    <row r="729143" spans="14:14">
      <c r="N729143" s="10"/>
    </row>
    <row r="729144" spans="14:14">
      <c r="N729144" s="10"/>
    </row>
    <row r="729145" spans="14:14">
      <c r="N729145" s="10"/>
    </row>
    <row r="729146" spans="14:14">
      <c r="N729146" s="10"/>
    </row>
    <row r="729147" spans="14:14">
      <c r="N729147" s="10"/>
    </row>
    <row r="729148" spans="14:14">
      <c r="N729148" s="10"/>
    </row>
    <row r="729149" spans="14:14">
      <c r="N729149" s="10"/>
    </row>
    <row r="729150" spans="14:14">
      <c r="N729150" s="10"/>
    </row>
    <row r="729151" spans="14:14">
      <c r="N729151" s="10"/>
    </row>
    <row r="729152" spans="14:14">
      <c r="N729152" s="10"/>
    </row>
    <row r="729153" spans="14:14">
      <c r="N729153" s="10"/>
    </row>
    <row r="729154" spans="14:14">
      <c r="N729154" s="10"/>
    </row>
    <row r="729155" spans="14:14">
      <c r="N729155" s="10"/>
    </row>
    <row r="729156" spans="14:14">
      <c r="N729156" s="10"/>
    </row>
    <row r="729157" spans="14:14">
      <c r="N729157" s="10"/>
    </row>
    <row r="729158" spans="14:14">
      <c r="N729158" s="10"/>
    </row>
    <row r="729159" spans="14:14">
      <c r="N729159" s="10"/>
    </row>
    <row r="729160" spans="14:14">
      <c r="N729160" s="10"/>
    </row>
    <row r="729161" spans="14:14">
      <c r="N729161" s="10"/>
    </row>
    <row r="729162" spans="14:14">
      <c r="N729162" s="10"/>
    </row>
    <row r="729163" spans="14:14">
      <c r="N729163" s="10"/>
    </row>
    <row r="729164" spans="14:14">
      <c r="N729164" s="10"/>
    </row>
    <row r="729165" spans="14:14">
      <c r="N729165" s="10"/>
    </row>
    <row r="729166" spans="14:14">
      <c r="N729166" s="10"/>
    </row>
    <row r="729167" spans="14:14">
      <c r="N729167" s="10"/>
    </row>
    <row r="729168" spans="14:14">
      <c r="N729168" s="10"/>
    </row>
    <row r="729169" spans="14:14">
      <c r="N729169" s="10"/>
    </row>
    <row r="729170" spans="14:14">
      <c r="N729170" s="10"/>
    </row>
    <row r="729171" spans="14:14">
      <c r="N729171" s="10"/>
    </row>
    <row r="729172" spans="14:14">
      <c r="N729172" s="10"/>
    </row>
    <row r="729173" spans="14:14">
      <c r="N729173" s="10"/>
    </row>
    <row r="729174" spans="14:14">
      <c r="N729174" s="10"/>
    </row>
    <row r="729175" spans="14:14">
      <c r="N729175" s="10"/>
    </row>
    <row r="729176" spans="14:14">
      <c r="N729176" s="10"/>
    </row>
    <row r="729177" spans="14:14">
      <c r="N729177" s="10"/>
    </row>
    <row r="729178" spans="14:14">
      <c r="N729178" s="10"/>
    </row>
    <row r="729179" spans="14:14">
      <c r="N729179" s="10"/>
    </row>
    <row r="729180" spans="14:14">
      <c r="N729180" s="10"/>
    </row>
    <row r="729181" spans="14:14">
      <c r="N729181" s="10"/>
    </row>
    <row r="729182" spans="14:14">
      <c r="N729182" s="10"/>
    </row>
    <row r="729183" spans="14:14">
      <c r="N729183" s="10"/>
    </row>
    <row r="729184" spans="14:14">
      <c r="N729184" s="10"/>
    </row>
    <row r="729185" spans="14:14">
      <c r="N729185" s="10"/>
    </row>
    <row r="729186" spans="14:14">
      <c r="N729186" s="10"/>
    </row>
    <row r="729187" spans="14:14">
      <c r="N729187" s="10"/>
    </row>
    <row r="729188" spans="14:14">
      <c r="N729188" s="10"/>
    </row>
    <row r="729189" spans="14:14">
      <c r="N729189" s="10"/>
    </row>
    <row r="729190" spans="14:14">
      <c r="N729190" s="10"/>
    </row>
    <row r="729191" spans="14:14">
      <c r="N729191" s="10"/>
    </row>
    <row r="729192" spans="14:14">
      <c r="N729192" s="10"/>
    </row>
    <row r="729193" spans="14:14">
      <c r="N729193" s="10"/>
    </row>
    <row r="729194" spans="14:14">
      <c r="N729194" s="10"/>
    </row>
    <row r="729195" spans="14:14">
      <c r="N729195" s="10"/>
    </row>
    <row r="729196" spans="14:14">
      <c r="N729196" s="10"/>
    </row>
    <row r="729197" spans="14:14">
      <c r="N729197" s="10"/>
    </row>
    <row r="729198" spans="14:14">
      <c r="N729198" s="10"/>
    </row>
    <row r="729199" spans="14:14">
      <c r="N729199" s="10"/>
    </row>
    <row r="729200" spans="14:14">
      <c r="N729200" s="10"/>
    </row>
    <row r="729201" spans="14:14">
      <c r="N729201" s="10"/>
    </row>
    <row r="729202" spans="14:14">
      <c r="N729202" s="10"/>
    </row>
    <row r="729203" spans="14:14">
      <c r="N729203" s="10"/>
    </row>
    <row r="729204" spans="14:14">
      <c r="N729204" s="10"/>
    </row>
    <row r="729205" spans="14:14">
      <c r="N729205" s="10"/>
    </row>
    <row r="729206" spans="14:14">
      <c r="N729206" s="10"/>
    </row>
    <row r="729207" spans="14:14">
      <c r="N729207" s="10"/>
    </row>
    <row r="729208" spans="14:14">
      <c r="N729208" s="10"/>
    </row>
    <row r="729209" spans="14:14">
      <c r="N729209" s="10"/>
    </row>
    <row r="729210" spans="14:14">
      <c r="N729210" s="10"/>
    </row>
    <row r="729211" spans="14:14">
      <c r="N729211" s="10"/>
    </row>
    <row r="729212" spans="14:14">
      <c r="N729212" s="10"/>
    </row>
    <row r="729213" spans="14:14">
      <c r="N729213" s="10"/>
    </row>
    <row r="729214" spans="14:14">
      <c r="N729214" s="10"/>
    </row>
    <row r="729215" spans="14:14">
      <c r="N729215" s="10"/>
    </row>
    <row r="729216" spans="14:14">
      <c r="N729216" s="10"/>
    </row>
    <row r="729217" spans="14:14">
      <c r="N729217" s="10"/>
    </row>
    <row r="729218" spans="14:14">
      <c r="N729218" s="10"/>
    </row>
    <row r="729219" spans="14:14">
      <c r="N729219" s="10"/>
    </row>
    <row r="729220" spans="14:14">
      <c r="N729220" s="10"/>
    </row>
    <row r="729221" spans="14:14">
      <c r="N729221" s="10"/>
    </row>
    <row r="729222" spans="14:14">
      <c r="N729222" s="10"/>
    </row>
    <row r="729223" spans="14:14">
      <c r="N729223" s="10"/>
    </row>
    <row r="729224" spans="14:14">
      <c r="N729224" s="10"/>
    </row>
    <row r="729225" spans="14:14">
      <c r="N729225" s="10"/>
    </row>
    <row r="729226" spans="14:14">
      <c r="N729226" s="10"/>
    </row>
    <row r="729227" spans="14:14">
      <c r="N729227" s="10"/>
    </row>
    <row r="729228" spans="14:14">
      <c r="N729228" s="10"/>
    </row>
    <row r="729229" spans="14:14">
      <c r="N729229" s="10"/>
    </row>
    <row r="729230" spans="14:14">
      <c r="N729230" s="10"/>
    </row>
    <row r="729231" spans="14:14">
      <c r="N729231" s="10"/>
    </row>
    <row r="729232" spans="14:14">
      <c r="N729232" s="10"/>
    </row>
    <row r="729233" spans="14:14">
      <c r="N729233" s="10"/>
    </row>
    <row r="729234" spans="14:14">
      <c r="N729234" s="10"/>
    </row>
    <row r="729235" spans="14:14">
      <c r="N729235" s="10"/>
    </row>
    <row r="729236" spans="14:14">
      <c r="N729236" s="10"/>
    </row>
    <row r="729237" spans="14:14">
      <c r="N729237" s="10"/>
    </row>
    <row r="729238" spans="14:14">
      <c r="N729238" s="10"/>
    </row>
    <row r="729239" spans="14:14">
      <c r="N729239" s="10"/>
    </row>
    <row r="729240" spans="14:14">
      <c r="N729240" s="10"/>
    </row>
    <row r="729241" spans="14:14">
      <c r="N729241" s="10"/>
    </row>
    <row r="729242" spans="14:14">
      <c r="N729242" s="10"/>
    </row>
    <row r="729243" spans="14:14">
      <c r="N729243" s="10"/>
    </row>
    <row r="729244" spans="14:14">
      <c r="N729244" s="10"/>
    </row>
    <row r="729245" spans="14:14">
      <c r="N729245" s="10"/>
    </row>
    <row r="729246" spans="14:14">
      <c r="N729246" s="10"/>
    </row>
    <row r="729247" spans="14:14">
      <c r="N729247" s="10"/>
    </row>
    <row r="729248" spans="14:14">
      <c r="N729248" s="10"/>
    </row>
    <row r="729249" spans="14:14">
      <c r="N729249" s="10"/>
    </row>
    <row r="729250" spans="14:14">
      <c r="N729250" s="10"/>
    </row>
    <row r="729251" spans="14:14">
      <c r="N729251" s="10"/>
    </row>
    <row r="729252" spans="14:14">
      <c r="N729252" s="10"/>
    </row>
    <row r="729253" spans="14:14">
      <c r="N729253" s="10"/>
    </row>
    <row r="729254" spans="14:14">
      <c r="N729254" s="10"/>
    </row>
    <row r="729255" spans="14:14">
      <c r="N729255" s="10"/>
    </row>
    <row r="729256" spans="14:14">
      <c r="N729256" s="10"/>
    </row>
    <row r="729257" spans="14:14">
      <c r="N729257" s="10"/>
    </row>
    <row r="729258" spans="14:14">
      <c r="N729258" s="10"/>
    </row>
    <row r="729259" spans="14:14">
      <c r="N729259" s="10"/>
    </row>
    <row r="729260" spans="14:14">
      <c r="N729260" s="10"/>
    </row>
    <row r="729261" spans="14:14">
      <c r="N729261" s="10"/>
    </row>
    <row r="729262" spans="14:14">
      <c r="N729262" s="10"/>
    </row>
    <row r="729263" spans="14:14">
      <c r="N729263" s="10"/>
    </row>
    <row r="729264" spans="14:14">
      <c r="N729264" s="10"/>
    </row>
    <row r="729265" spans="14:14">
      <c r="N729265" s="10"/>
    </row>
    <row r="729266" spans="14:14">
      <c r="N729266" s="10"/>
    </row>
    <row r="729267" spans="14:14">
      <c r="N729267" s="10"/>
    </row>
    <row r="729268" spans="14:14">
      <c r="N729268" s="10"/>
    </row>
    <row r="729269" spans="14:14">
      <c r="N729269" s="10"/>
    </row>
    <row r="729270" spans="14:14">
      <c r="N729270" s="10"/>
    </row>
    <row r="729271" spans="14:14">
      <c r="N729271" s="10"/>
    </row>
    <row r="729272" spans="14:14">
      <c r="N729272" s="10"/>
    </row>
    <row r="729273" spans="14:14">
      <c r="N729273" s="10"/>
    </row>
    <row r="729274" spans="14:14">
      <c r="N729274" s="10"/>
    </row>
    <row r="729275" spans="14:14">
      <c r="N729275" s="10"/>
    </row>
    <row r="729276" spans="14:14">
      <c r="N729276" s="10"/>
    </row>
    <row r="729277" spans="14:14">
      <c r="N729277" s="10"/>
    </row>
    <row r="729278" spans="14:14">
      <c r="N729278" s="10"/>
    </row>
    <row r="729279" spans="14:14">
      <c r="N729279" s="10"/>
    </row>
    <row r="729280" spans="14:14">
      <c r="N729280" s="10"/>
    </row>
    <row r="729281" spans="14:14">
      <c r="N729281" s="10"/>
    </row>
    <row r="729282" spans="14:14">
      <c r="N729282" s="10"/>
    </row>
    <row r="729283" spans="14:14">
      <c r="N729283" s="10"/>
    </row>
    <row r="729284" spans="14:14">
      <c r="N729284" s="10"/>
    </row>
    <row r="729285" spans="14:14">
      <c r="N729285" s="10"/>
    </row>
    <row r="729286" spans="14:14">
      <c r="N729286" s="10"/>
    </row>
    <row r="729287" spans="14:14">
      <c r="N729287" s="10"/>
    </row>
    <row r="729288" spans="14:14">
      <c r="N729288" s="10"/>
    </row>
    <row r="729289" spans="14:14">
      <c r="N729289" s="10"/>
    </row>
    <row r="729290" spans="14:14">
      <c r="N729290" s="10"/>
    </row>
    <row r="729291" spans="14:14">
      <c r="N729291" s="10"/>
    </row>
    <row r="729292" spans="14:14">
      <c r="N729292" s="10"/>
    </row>
    <row r="729293" spans="14:14">
      <c r="N729293" s="10"/>
    </row>
    <row r="729294" spans="14:14">
      <c r="N729294" s="10"/>
    </row>
    <row r="729295" spans="14:14">
      <c r="N729295" s="10"/>
    </row>
    <row r="729296" spans="14:14">
      <c r="N729296" s="10"/>
    </row>
    <row r="729297" spans="14:14">
      <c r="N729297" s="10"/>
    </row>
    <row r="729298" spans="14:14">
      <c r="N729298" s="10"/>
    </row>
    <row r="729299" spans="14:14">
      <c r="N729299" s="10"/>
    </row>
    <row r="729300" spans="14:14">
      <c r="N729300" s="10"/>
    </row>
    <row r="729301" spans="14:14">
      <c r="N729301" s="10"/>
    </row>
    <row r="729302" spans="14:14">
      <c r="N729302" s="10"/>
    </row>
    <row r="729303" spans="14:14">
      <c r="N729303" s="10"/>
    </row>
    <row r="729304" spans="14:14">
      <c r="N729304" s="10"/>
    </row>
    <row r="729305" spans="14:14">
      <c r="N729305" s="10"/>
    </row>
    <row r="729306" spans="14:14">
      <c r="N729306" s="10"/>
    </row>
    <row r="729307" spans="14:14">
      <c r="N729307" s="10"/>
    </row>
    <row r="729308" spans="14:14">
      <c r="N729308" s="10"/>
    </row>
    <row r="729309" spans="14:14">
      <c r="N729309" s="10"/>
    </row>
    <row r="729310" spans="14:14">
      <c r="N729310" s="10"/>
    </row>
    <row r="729311" spans="14:14">
      <c r="N729311" s="10"/>
    </row>
    <row r="729312" spans="14:14">
      <c r="N729312" s="10"/>
    </row>
    <row r="729313" spans="14:14">
      <c r="N729313" s="10"/>
    </row>
    <row r="729314" spans="14:14">
      <c r="N729314" s="10"/>
    </row>
    <row r="729315" spans="14:14">
      <c r="N729315" s="10"/>
    </row>
    <row r="729316" spans="14:14">
      <c r="N729316" s="10"/>
    </row>
    <row r="729317" spans="14:14">
      <c r="N729317" s="10"/>
    </row>
    <row r="729318" spans="14:14">
      <c r="N729318" s="10"/>
    </row>
    <row r="729319" spans="14:14">
      <c r="N729319" s="10"/>
    </row>
    <row r="729320" spans="14:14">
      <c r="N729320" s="10"/>
    </row>
    <row r="729321" spans="14:14">
      <c r="N729321" s="10"/>
    </row>
    <row r="729322" spans="14:14">
      <c r="N729322" s="10"/>
    </row>
    <row r="729323" spans="14:14">
      <c r="N729323" s="10"/>
    </row>
    <row r="729324" spans="14:14">
      <c r="N729324" s="10"/>
    </row>
    <row r="729325" spans="14:14">
      <c r="N729325" s="10"/>
    </row>
    <row r="729326" spans="14:14">
      <c r="N729326" s="10"/>
    </row>
    <row r="729327" spans="14:14">
      <c r="N729327" s="10"/>
    </row>
    <row r="729328" spans="14:14">
      <c r="N729328" s="10"/>
    </row>
    <row r="729329" spans="14:14">
      <c r="N729329" s="10"/>
    </row>
    <row r="729330" spans="14:14">
      <c r="N729330" s="10"/>
    </row>
    <row r="729331" spans="14:14">
      <c r="N729331" s="10"/>
    </row>
    <row r="729332" spans="14:14">
      <c r="N729332" s="10"/>
    </row>
    <row r="729333" spans="14:14">
      <c r="N729333" s="10"/>
    </row>
    <row r="729334" spans="14:14">
      <c r="N729334" s="10"/>
    </row>
    <row r="729335" spans="14:14">
      <c r="N729335" s="10"/>
    </row>
    <row r="729336" spans="14:14">
      <c r="N729336" s="10"/>
    </row>
    <row r="729337" spans="14:14">
      <c r="N729337" s="10"/>
    </row>
    <row r="729338" spans="14:14">
      <c r="N729338" s="10"/>
    </row>
    <row r="729339" spans="14:14">
      <c r="N729339" s="10"/>
    </row>
    <row r="729340" spans="14:14">
      <c r="N729340" s="10"/>
    </row>
    <row r="729341" spans="14:14">
      <c r="N729341" s="10"/>
    </row>
    <row r="729342" spans="14:14">
      <c r="N729342" s="10"/>
    </row>
    <row r="729343" spans="14:14">
      <c r="N729343" s="10"/>
    </row>
    <row r="729344" spans="14:14">
      <c r="N729344" s="10"/>
    </row>
    <row r="729345" spans="14:14">
      <c r="N729345" s="10"/>
    </row>
    <row r="729346" spans="14:14">
      <c r="N729346" s="10"/>
    </row>
    <row r="729347" spans="14:14">
      <c r="N729347" s="10"/>
    </row>
    <row r="729348" spans="14:14">
      <c r="N729348" s="10"/>
    </row>
    <row r="729349" spans="14:14">
      <c r="N729349" s="10"/>
    </row>
    <row r="729350" spans="14:14">
      <c r="N729350" s="10"/>
    </row>
    <row r="729351" spans="14:14">
      <c r="N729351" s="10"/>
    </row>
    <row r="729352" spans="14:14">
      <c r="N729352" s="10"/>
    </row>
    <row r="729353" spans="14:14">
      <c r="N729353" s="10"/>
    </row>
    <row r="729354" spans="14:14">
      <c r="N729354" s="10"/>
    </row>
    <row r="729355" spans="14:14">
      <c r="N729355" s="10"/>
    </row>
    <row r="729356" spans="14:14">
      <c r="N729356" s="10"/>
    </row>
    <row r="729357" spans="14:14">
      <c r="N729357" s="10"/>
    </row>
    <row r="729358" spans="14:14">
      <c r="N729358" s="10"/>
    </row>
    <row r="729359" spans="14:14">
      <c r="N729359" s="10"/>
    </row>
    <row r="729360" spans="14:14">
      <c r="N729360" s="10"/>
    </row>
    <row r="729361" spans="14:14">
      <c r="N729361" s="10"/>
    </row>
    <row r="729362" spans="14:14">
      <c r="N729362" s="10"/>
    </row>
    <row r="729363" spans="14:14">
      <c r="N729363" s="10"/>
    </row>
    <row r="729364" spans="14:14">
      <c r="N729364" s="10"/>
    </row>
    <row r="729365" spans="14:14">
      <c r="N729365" s="10"/>
    </row>
    <row r="729366" spans="14:14">
      <c r="N729366" s="10"/>
    </row>
    <row r="729367" spans="14:14">
      <c r="N729367" s="10"/>
    </row>
    <row r="729368" spans="14:14">
      <c r="N729368" s="10"/>
    </row>
    <row r="729369" spans="14:14">
      <c r="N729369" s="10"/>
    </row>
    <row r="729370" spans="14:14">
      <c r="N729370" s="10"/>
    </row>
    <row r="729371" spans="14:14">
      <c r="N729371" s="10"/>
    </row>
    <row r="729372" spans="14:14">
      <c r="N729372" s="10"/>
    </row>
    <row r="729373" spans="14:14">
      <c r="N729373" s="10"/>
    </row>
    <row r="729374" spans="14:14">
      <c r="N729374" s="10"/>
    </row>
    <row r="729375" spans="14:14">
      <c r="N729375" s="10"/>
    </row>
    <row r="729376" spans="14:14">
      <c r="N729376" s="10"/>
    </row>
    <row r="729377" spans="14:14">
      <c r="N729377" s="10"/>
    </row>
    <row r="729378" spans="14:14">
      <c r="N729378" s="10"/>
    </row>
    <row r="729379" spans="14:14">
      <c r="N729379" s="10"/>
    </row>
    <row r="729380" spans="14:14">
      <c r="N729380" s="10"/>
    </row>
    <row r="729381" spans="14:14">
      <c r="N729381" s="10"/>
    </row>
    <row r="729382" spans="14:14">
      <c r="N729382" s="10"/>
    </row>
    <row r="729383" spans="14:14">
      <c r="N729383" s="10"/>
    </row>
    <row r="729384" spans="14:14">
      <c r="N729384" s="10"/>
    </row>
    <row r="729385" spans="14:14">
      <c r="N729385" s="10"/>
    </row>
    <row r="729386" spans="14:14">
      <c r="N729386" s="10"/>
    </row>
    <row r="729387" spans="14:14">
      <c r="N729387" s="10"/>
    </row>
    <row r="729388" spans="14:14">
      <c r="N729388" s="10"/>
    </row>
    <row r="729389" spans="14:14">
      <c r="N729389" s="10"/>
    </row>
    <row r="729390" spans="14:14">
      <c r="N729390" s="10"/>
    </row>
    <row r="729391" spans="14:14">
      <c r="N729391" s="10"/>
    </row>
    <row r="729392" spans="14:14">
      <c r="N729392" s="10"/>
    </row>
    <row r="729393" spans="14:14">
      <c r="N729393" s="10"/>
    </row>
    <row r="729394" spans="14:14">
      <c r="N729394" s="10"/>
    </row>
    <row r="729395" spans="14:14">
      <c r="N729395" s="10"/>
    </row>
    <row r="729396" spans="14:14">
      <c r="N729396" s="10"/>
    </row>
    <row r="729397" spans="14:14">
      <c r="N729397" s="10"/>
    </row>
    <row r="729398" spans="14:14">
      <c r="N729398" s="10"/>
    </row>
    <row r="729399" spans="14:14">
      <c r="N729399" s="10"/>
    </row>
    <row r="729400" spans="14:14">
      <c r="N729400" s="10"/>
    </row>
    <row r="729401" spans="14:14">
      <c r="N729401" s="10"/>
    </row>
    <row r="729402" spans="14:14">
      <c r="N729402" s="10"/>
    </row>
    <row r="729403" spans="14:14">
      <c r="N729403" s="10"/>
    </row>
    <row r="729404" spans="14:14">
      <c r="N729404" s="10"/>
    </row>
    <row r="729405" spans="14:14">
      <c r="N729405" s="10"/>
    </row>
    <row r="729406" spans="14:14">
      <c r="N729406" s="10"/>
    </row>
    <row r="729407" spans="14:14">
      <c r="N729407" s="10"/>
    </row>
    <row r="729408" spans="14:14">
      <c r="N729408" s="10"/>
    </row>
    <row r="729409" spans="14:14">
      <c r="N729409" s="10"/>
    </row>
    <row r="729410" spans="14:14">
      <c r="N729410" s="10"/>
    </row>
    <row r="729411" spans="14:14">
      <c r="N729411" s="10"/>
    </row>
    <row r="729412" spans="14:14">
      <c r="N729412" s="10"/>
    </row>
    <row r="729413" spans="14:14">
      <c r="N729413" s="10"/>
    </row>
    <row r="729414" spans="14:14">
      <c r="N729414" s="10"/>
    </row>
    <row r="729415" spans="14:14">
      <c r="N729415" s="10"/>
    </row>
    <row r="729416" spans="14:14">
      <c r="N729416" s="10"/>
    </row>
    <row r="729417" spans="14:14">
      <c r="N729417" s="10"/>
    </row>
    <row r="729418" spans="14:14">
      <c r="N729418" s="10"/>
    </row>
    <row r="729419" spans="14:14">
      <c r="N729419" s="10"/>
    </row>
    <row r="729420" spans="14:14">
      <c r="N729420" s="10"/>
    </row>
    <row r="729421" spans="14:14">
      <c r="N729421" s="10"/>
    </row>
    <row r="729422" spans="14:14">
      <c r="N729422" s="10"/>
    </row>
    <row r="729423" spans="14:14">
      <c r="N729423" s="10"/>
    </row>
    <row r="729424" spans="14:14">
      <c r="N729424" s="10"/>
    </row>
    <row r="729425" spans="14:14">
      <c r="N729425" s="10"/>
    </row>
    <row r="729426" spans="14:14">
      <c r="N729426" s="10"/>
    </row>
    <row r="729427" spans="14:14">
      <c r="N729427" s="10"/>
    </row>
    <row r="729428" spans="14:14">
      <c r="N729428" s="10"/>
    </row>
    <row r="729429" spans="14:14">
      <c r="N729429" s="10"/>
    </row>
    <row r="729430" spans="14:14">
      <c r="N729430" s="10"/>
    </row>
    <row r="729431" spans="14:14">
      <c r="N729431" s="10"/>
    </row>
    <row r="729432" spans="14:14">
      <c r="N729432" s="10"/>
    </row>
    <row r="729433" spans="14:14">
      <c r="N729433" s="10"/>
    </row>
    <row r="729434" spans="14:14">
      <c r="N729434" s="10"/>
    </row>
    <row r="729435" spans="14:14">
      <c r="N729435" s="10"/>
    </row>
    <row r="729436" spans="14:14">
      <c r="N729436" s="10"/>
    </row>
    <row r="729437" spans="14:14">
      <c r="N729437" s="10"/>
    </row>
    <row r="729438" spans="14:14">
      <c r="N729438" s="10"/>
    </row>
    <row r="729439" spans="14:14">
      <c r="N729439" s="10"/>
    </row>
    <row r="729440" spans="14:14">
      <c r="N729440" s="10"/>
    </row>
    <row r="729441" spans="14:14">
      <c r="N729441" s="10"/>
    </row>
    <row r="729442" spans="14:14">
      <c r="N729442" s="10"/>
    </row>
    <row r="729443" spans="14:14">
      <c r="N729443" s="10"/>
    </row>
    <row r="729444" spans="14:14">
      <c r="N729444" s="10"/>
    </row>
    <row r="729445" spans="14:14">
      <c r="N729445" s="10"/>
    </row>
    <row r="729446" spans="14:14">
      <c r="N729446" s="10"/>
    </row>
    <row r="729447" spans="14:14">
      <c r="N729447" s="10"/>
    </row>
    <row r="729448" spans="14:14">
      <c r="N729448" s="10"/>
    </row>
    <row r="729449" spans="14:14">
      <c r="N729449" s="10"/>
    </row>
    <row r="729450" spans="14:14">
      <c r="N729450" s="10"/>
    </row>
    <row r="729451" spans="14:14">
      <c r="N729451" s="10"/>
    </row>
    <row r="729452" spans="14:14">
      <c r="N729452" s="10"/>
    </row>
    <row r="729453" spans="14:14">
      <c r="N729453" s="10"/>
    </row>
    <row r="729454" spans="14:14">
      <c r="N729454" s="10"/>
    </row>
    <row r="729455" spans="14:14">
      <c r="N729455" s="10"/>
    </row>
    <row r="729456" spans="14:14">
      <c r="N729456" s="10"/>
    </row>
    <row r="729457" spans="14:14">
      <c r="N729457" s="10"/>
    </row>
    <row r="729458" spans="14:14">
      <c r="N729458" s="10"/>
    </row>
    <row r="729459" spans="14:14">
      <c r="N729459" s="10"/>
    </row>
    <row r="729460" spans="14:14">
      <c r="N729460" s="10"/>
    </row>
    <row r="729461" spans="14:14">
      <c r="N729461" s="10"/>
    </row>
    <row r="729462" spans="14:14">
      <c r="N729462" s="10"/>
    </row>
    <row r="729463" spans="14:14">
      <c r="N729463" s="10"/>
    </row>
    <row r="729464" spans="14:14">
      <c r="N729464" s="10"/>
    </row>
    <row r="729465" spans="14:14">
      <c r="N729465" s="10"/>
    </row>
    <row r="729466" spans="14:14">
      <c r="N729466" s="10"/>
    </row>
    <row r="729467" spans="14:14">
      <c r="N729467" s="10"/>
    </row>
    <row r="729468" spans="14:14">
      <c r="N729468" s="10"/>
    </row>
    <row r="729469" spans="14:14">
      <c r="N729469" s="10"/>
    </row>
    <row r="729470" spans="14:14">
      <c r="N729470" s="10"/>
    </row>
    <row r="729471" spans="14:14">
      <c r="N729471" s="10"/>
    </row>
    <row r="729472" spans="14:14">
      <c r="N729472" s="10"/>
    </row>
    <row r="729473" spans="14:14">
      <c r="N729473" s="10"/>
    </row>
    <row r="729474" spans="14:14">
      <c r="N729474" s="10"/>
    </row>
    <row r="729475" spans="14:14">
      <c r="N729475" s="10"/>
    </row>
    <row r="729476" spans="14:14">
      <c r="N729476" s="10"/>
    </row>
    <row r="729477" spans="14:14">
      <c r="N729477" s="10"/>
    </row>
    <row r="729478" spans="14:14">
      <c r="N729478" s="10"/>
    </row>
    <row r="729479" spans="14:14">
      <c r="N729479" s="10"/>
    </row>
    <row r="729480" spans="14:14">
      <c r="N729480" s="10"/>
    </row>
    <row r="729481" spans="14:14">
      <c r="N729481" s="10"/>
    </row>
    <row r="729482" spans="14:14">
      <c r="N729482" s="10"/>
    </row>
    <row r="729483" spans="14:14">
      <c r="N729483" s="10"/>
    </row>
    <row r="729484" spans="14:14">
      <c r="N729484" s="10"/>
    </row>
    <row r="729485" spans="14:14">
      <c r="N729485" s="10"/>
    </row>
    <row r="729486" spans="14:14">
      <c r="N729486" s="10"/>
    </row>
    <row r="729487" spans="14:14">
      <c r="N729487" s="10"/>
    </row>
    <row r="729488" spans="14:14">
      <c r="N729488" s="10"/>
    </row>
    <row r="729489" spans="14:14">
      <c r="N729489" s="10"/>
    </row>
    <row r="729490" spans="14:14">
      <c r="N729490" s="10"/>
    </row>
    <row r="729491" spans="14:14">
      <c r="N729491" s="10"/>
    </row>
    <row r="729492" spans="14:14">
      <c r="N729492" s="10"/>
    </row>
    <row r="729493" spans="14:14">
      <c r="N729493" s="10"/>
    </row>
    <row r="729494" spans="14:14">
      <c r="N729494" s="10"/>
    </row>
    <row r="729495" spans="14:14">
      <c r="N729495" s="10"/>
    </row>
    <row r="729496" spans="14:14">
      <c r="N729496" s="10"/>
    </row>
    <row r="729497" spans="14:14">
      <c r="N729497" s="10"/>
    </row>
    <row r="729498" spans="14:14">
      <c r="N729498" s="10"/>
    </row>
    <row r="729499" spans="14:14">
      <c r="N729499" s="10"/>
    </row>
    <row r="729500" spans="14:14">
      <c r="N729500" s="10"/>
    </row>
    <row r="729501" spans="14:14">
      <c r="N729501" s="10"/>
    </row>
    <row r="729502" spans="14:14">
      <c r="N729502" s="10"/>
    </row>
    <row r="729503" spans="14:14">
      <c r="N729503" s="10"/>
    </row>
    <row r="729504" spans="14:14">
      <c r="N729504" s="10"/>
    </row>
    <row r="729505" spans="14:14">
      <c r="N729505" s="10"/>
    </row>
    <row r="729506" spans="14:14">
      <c r="N729506" s="10"/>
    </row>
    <row r="729507" spans="14:14">
      <c r="N729507" s="10"/>
    </row>
    <row r="729508" spans="14:14">
      <c r="N729508" s="10"/>
    </row>
    <row r="729509" spans="14:14">
      <c r="N729509" s="10"/>
    </row>
    <row r="729510" spans="14:14">
      <c r="N729510" s="10"/>
    </row>
    <row r="729511" spans="14:14">
      <c r="N729511" s="10"/>
    </row>
    <row r="729512" spans="14:14">
      <c r="N729512" s="10"/>
    </row>
    <row r="729513" spans="14:14">
      <c r="N729513" s="10"/>
    </row>
    <row r="729514" spans="14:14">
      <c r="N729514" s="10"/>
    </row>
    <row r="729515" spans="14:14">
      <c r="N729515" s="10"/>
    </row>
    <row r="729516" spans="14:14">
      <c r="N729516" s="10"/>
    </row>
    <row r="729517" spans="14:14">
      <c r="N729517" s="10"/>
    </row>
    <row r="729518" spans="14:14">
      <c r="N729518" s="10"/>
    </row>
    <row r="729519" spans="14:14">
      <c r="N729519" s="10"/>
    </row>
    <row r="729520" spans="14:14">
      <c r="N729520" s="10"/>
    </row>
    <row r="729521" spans="14:14">
      <c r="N729521" s="10"/>
    </row>
    <row r="729522" spans="14:14">
      <c r="N729522" s="10"/>
    </row>
    <row r="729523" spans="14:14">
      <c r="N729523" s="10"/>
    </row>
    <row r="729524" spans="14:14">
      <c r="N729524" s="10"/>
    </row>
    <row r="729525" spans="14:14">
      <c r="N729525" s="10"/>
    </row>
    <row r="729526" spans="14:14">
      <c r="N729526" s="10"/>
    </row>
    <row r="729527" spans="14:14">
      <c r="N729527" s="10"/>
    </row>
    <row r="729528" spans="14:14">
      <c r="N729528" s="10"/>
    </row>
    <row r="729529" spans="14:14">
      <c r="N729529" s="10"/>
    </row>
    <row r="729530" spans="14:14">
      <c r="N729530" s="10"/>
    </row>
    <row r="729531" spans="14:14">
      <c r="N729531" s="10"/>
    </row>
    <row r="729532" spans="14:14">
      <c r="N729532" s="10"/>
    </row>
    <row r="729533" spans="14:14">
      <c r="N729533" s="10"/>
    </row>
    <row r="729534" spans="14:14">
      <c r="N729534" s="10"/>
    </row>
    <row r="729535" spans="14:14">
      <c r="N729535" s="10"/>
    </row>
    <row r="729536" spans="14:14">
      <c r="N729536" s="10"/>
    </row>
    <row r="729537" spans="14:14">
      <c r="N729537" s="10"/>
    </row>
    <row r="729538" spans="14:14">
      <c r="N729538" s="10"/>
    </row>
    <row r="729539" spans="14:14">
      <c r="N729539" s="10"/>
    </row>
    <row r="729540" spans="14:14">
      <c r="N729540" s="10"/>
    </row>
    <row r="729541" spans="14:14">
      <c r="N729541" s="10"/>
    </row>
    <row r="729542" spans="14:14">
      <c r="N729542" s="10"/>
    </row>
    <row r="729543" spans="14:14">
      <c r="N729543" s="10"/>
    </row>
    <row r="729544" spans="14:14">
      <c r="N729544" s="10"/>
    </row>
    <row r="729545" spans="14:14">
      <c r="N729545" s="10"/>
    </row>
    <row r="729546" spans="14:14">
      <c r="N729546" s="10"/>
    </row>
    <row r="729547" spans="14:14">
      <c r="N729547" s="10"/>
    </row>
    <row r="729548" spans="14:14">
      <c r="N729548" s="10"/>
    </row>
    <row r="729549" spans="14:14">
      <c r="N729549" s="10"/>
    </row>
    <row r="729550" spans="14:14">
      <c r="N729550" s="10"/>
    </row>
    <row r="729551" spans="14:14">
      <c r="N729551" s="10"/>
    </row>
    <row r="729552" spans="14:14">
      <c r="N729552" s="10"/>
    </row>
    <row r="729553" spans="14:14">
      <c r="N729553" s="10"/>
    </row>
    <row r="729554" spans="14:14">
      <c r="N729554" s="10"/>
    </row>
    <row r="729555" spans="14:14">
      <c r="N729555" s="10"/>
    </row>
    <row r="729556" spans="14:14">
      <c r="N729556" s="10"/>
    </row>
    <row r="729557" spans="14:14">
      <c r="N729557" s="10"/>
    </row>
    <row r="729558" spans="14:14">
      <c r="N729558" s="10"/>
    </row>
    <row r="729559" spans="14:14">
      <c r="N729559" s="10"/>
    </row>
    <row r="729560" spans="14:14">
      <c r="N729560" s="10"/>
    </row>
    <row r="729561" spans="14:14">
      <c r="N729561" s="10"/>
    </row>
    <row r="729562" spans="14:14">
      <c r="N729562" s="10"/>
    </row>
    <row r="729563" spans="14:14">
      <c r="N729563" s="10"/>
    </row>
    <row r="729564" spans="14:14">
      <c r="N729564" s="10"/>
    </row>
    <row r="729565" spans="14:14">
      <c r="N729565" s="10"/>
    </row>
    <row r="729566" spans="14:14">
      <c r="N729566" s="10"/>
    </row>
    <row r="729567" spans="14:14">
      <c r="N729567" s="10"/>
    </row>
    <row r="729568" spans="14:14">
      <c r="N729568" s="10"/>
    </row>
    <row r="729569" spans="14:14">
      <c r="N729569" s="10"/>
    </row>
    <row r="729570" spans="14:14">
      <c r="N729570" s="10"/>
    </row>
    <row r="729571" spans="14:14">
      <c r="N729571" s="10"/>
    </row>
    <row r="729572" spans="14:14">
      <c r="N729572" s="10"/>
    </row>
    <row r="729573" spans="14:14">
      <c r="N729573" s="10"/>
    </row>
    <row r="729574" spans="14:14">
      <c r="N729574" s="10"/>
    </row>
    <row r="729575" spans="14:14">
      <c r="N729575" s="10"/>
    </row>
    <row r="729576" spans="14:14">
      <c r="N729576" s="10"/>
    </row>
    <row r="729577" spans="14:14">
      <c r="N729577" s="10"/>
    </row>
    <row r="729578" spans="14:14">
      <c r="N729578" s="10"/>
    </row>
    <row r="729579" spans="14:14">
      <c r="N729579" s="10"/>
    </row>
    <row r="729580" spans="14:14">
      <c r="N729580" s="10"/>
    </row>
    <row r="729581" spans="14:14">
      <c r="N729581" s="10"/>
    </row>
    <row r="729582" spans="14:14">
      <c r="N729582" s="10"/>
    </row>
    <row r="729583" spans="14:14">
      <c r="N729583" s="10"/>
    </row>
    <row r="729584" spans="14:14">
      <c r="N729584" s="10"/>
    </row>
    <row r="729585" spans="14:14">
      <c r="N729585" s="10"/>
    </row>
    <row r="729586" spans="14:14">
      <c r="N729586" s="10"/>
    </row>
    <row r="729587" spans="14:14">
      <c r="N729587" s="10"/>
    </row>
    <row r="729588" spans="14:14">
      <c r="N729588" s="10"/>
    </row>
    <row r="729589" spans="14:14">
      <c r="N729589" s="10"/>
    </row>
    <row r="729590" spans="14:14">
      <c r="N729590" s="10"/>
    </row>
    <row r="729591" spans="14:14">
      <c r="N729591" s="10"/>
    </row>
    <row r="729592" spans="14:14">
      <c r="N729592" s="10"/>
    </row>
    <row r="729593" spans="14:14">
      <c r="N729593" s="10"/>
    </row>
    <row r="729594" spans="14:14">
      <c r="N729594" s="10"/>
    </row>
    <row r="729595" spans="14:14">
      <c r="N729595" s="10"/>
    </row>
    <row r="729596" spans="14:14">
      <c r="N729596" s="10"/>
    </row>
    <row r="729597" spans="14:14">
      <c r="N729597" s="10"/>
    </row>
    <row r="729598" spans="14:14">
      <c r="N729598" s="10"/>
    </row>
    <row r="729599" spans="14:14">
      <c r="N729599" s="10"/>
    </row>
    <row r="729600" spans="14:14">
      <c r="N729600" s="10"/>
    </row>
    <row r="729601" spans="14:14">
      <c r="N729601" s="10"/>
    </row>
    <row r="729602" spans="14:14">
      <c r="N729602" s="10"/>
    </row>
    <row r="729603" spans="14:14">
      <c r="N729603" s="10"/>
    </row>
    <row r="729604" spans="14:14">
      <c r="N729604" s="10"/>
    </row>
    <row r="729605" spans="14:14">
      <c r="N729605" s="10"/>
    </row>
    <row r="729606" spans="14:14">
      <c r="N729606" s="10"/>
    </row>
    <row r="729607" spans="14:14">
      <c r="N729607" s="10"/>
    </row>
    <row r="729608" spans="14:14">
      <c r="N729608" s="10"/>
    </row>
    <row r="729609" spans="14:14">
      <c r="N729609" s="10"/>
    </row>
    <row r="729610" spans="14:14">
      <c r="N729610" s="10"/>
    </row>
    <row r="729611" spans="14:14">
      <c r="N729611" s="10"/>
    </row>
    <row r="729612" spans="14:14">
      <c r="N729612" s="10"/>
    </row>
    <row r="729613" spans="14:14">
      <c r="N729613" s="10"/>
    </row>
    <row r="729614" spans="14:14">
      <c r="N729614" s="10"/>
    </row>
    <row r="729615" spans="14:14">
      <c r="N729615" s="10"/>
    </row>
    <row r="729616" spans="14:14">
      <c r="N729616" s="10"/>
    </row>
    <row r="729617" spans="14:14">
      <c r="N729617" s="10"/>
    </row>
    <row r="729618" spans="14:14">
      <c r="N729618" s="10"/>
    </row>
    <row r="729619" spans="14:14">
      <c r="N729619" s="10"/>
    </row>
    <row r="729620" spans="14:14">
      <c r="N729620" s="10"/>
    </row>
    <row r="729621" spans="14:14">
      <c r="N729621" s="10"/>
    </row>
    <row r="729622" spans="14:14">
      <c r="N729622" s="10"/>
    </row>
    <row r="729623" spans="14:14">
      <c r="N729623" s="10"/>
    </row>
    <row r="729624" spans="14:14">
      <c r="N729624" s="10"/>
    </row>
    <row r="729625" spans="14:14">
      <c r="N729625" s="10"/>
    </row>
    <row r="729626" spans="14:14">
      <c r="N729626" s="10"/>
    </row>
    <row r="729627" spans="14:14">
      <c r="N729627" s="10"/>
    </row>
    <row r="729628" spans="14:14">
      <c r="N729628" s="10"/>
    </row>
    <row r="729629" spans="14:14">
      <c r="N729629" s="10"/>
    </row>
    <row r="729630" spans="14:14">
      <c r="N729630" s="10"/>
    </row>
    <row r="729631" spans="14:14">
      <c r="N729631" s="10"/>
    </row>
    <row r="729632" spans="14:14">
      <c r="N729632" s="10"/>
    </row>
    <row r="729633" spans="14:14">
      <c r="N729633" s="10"/>
    </row>
    <row r="729634" spans="14:14">
      <c r="N729634" s="10"/>
    </row>
    <row r="729635" spans="14:14">
      <c r="N729635" s="10"/>
    </row>
    <row r="729636" spans="14:14">
      <c r="N729636" s="10"/>
    </row>
    <row r="729637" spans="14:14">
      <c r="N729637" s="10"/>
    </row>
    <row r="729638" spans="14:14">
      <c r="N729638" s="10"/>
    </row>
    <row r="729639" spans="14:14">
      <c r="N729639" s="10"/>
    </row>
    <row r="729640" spans="14:14">
      <c r="N729640" s="10"/>
    </row>
    <row r="729641" spans="14:14">
      <c r="N729641" s="10"/>
    </row>
    <row r="729642" spans="14:14">
      <c r="N729642" s="10"/>
    </row>
    <row r="729643" spans="14:14">
      <c r="N729643" s="10"/>
    </row>
    <row r="729644" spans="14:14">
      <c r="N729644" s="10"/>
    </row>
    <row r="729645" spans="14:14">
      <c r="N729645" s="10"/>
    </row>
    <row r="729646" spans="14:14">
      <c r="N729646" s="10"/>
    </row>
    <row r="729647" spans="14:14">
      <c r="N729647" s="10"/>
    </row>
    <row r="729648" spans="14:14">
      <c r="N729648" s="10"/>
    </row>
    <row r="729649" spans="14:14">
      <c r="N729649" s="10"/>
    </row>
    <row r="729650" spans="14:14">
      <c r="N729650" s="10"/>
    </row>
    <row r="729651" spans="14:14">
      <c r="N729651" s="10"/>
    </row>
    <row r="729652" spans="14:14">
      <c r="N729652" s="10"/>
    </row>
    <row r="729653" spans="14:14">
      <c r="N729653" s="10"/>
    </row>
    <row r="729654" spans="14:14">
      <c r="N729654" s="10"/>
    </row>
    <row r="729655" spans="14:14">
      <c r="N729655" s="10"/>
    </row>
    <row r="729656" spans="14:14">
      <c r="N729656" s="10"/>
    </row>
    <row r="729657" spans="14:14">
      <c r="N729657" s="10"/>
    </row>
    <row r="729658" spans="14:14">
      <c r="N729658" s="10"/>
    </row>
    <row r="729659" spans="14:14">
      <c r="N729659" s="10"/>
    </row>
    <row r="729660" spans="14:14">
      <c r="N729660" s="10"/>
    </row>
    <row r="729661" spans="14:14">
      <c r="N729661" s="10"/>
    </row>
    <row r="729662" spans="14:14">
      <c r="N729662" s="10"/>
    </row>
    <row r="729663" spans="14:14">
      <c r="N729663" s="10"/>
    </row>
    <row r="729664" spans="14:14">
      <c r="N729664" s="10"/>
    </row>
    <row r="729665" spans="14:14">
      <c r="N729665" s="10"/>
    </row>
    <row r="729666" spans="14:14">
      <c r="N729666" s="10"/>
    </row>
    <row r="729667" spans="14:14">
      <c r="N729667" s="10"/>
    </row>
    <row r="729668" spans="14:14">
      <c r="N729668" s="10"/>
    </row>
    <row r="729669" spans="14:14">
      <c r="N729669" s="10"/>
    </row>
    <row r="729670" spans="14:14">
      <c r="N729670" s="10"/>
    </row>
    <row r="729671" spans="14:14">
      <c r="N729671" s="10"/>
    </row>
    <row r="729672" spans="14:14">
      <c r="N729672" s="10"/>
    </row>
    <row r="729673" spans="14:14">
      <c r="N729673" s="10"/>
    </row>
    <row r="729674" spans="14:14">
      <c r="N729674" s="10"/>
    </row>
    <row r="729675" spans="14:14">
      <c r="N729675" s="10"/>
    </row>
    <row r="729676" spans="14:14">
      <c r="N729676" s="10"/>
    </row>
    <row r="729677" spans="14:14">
      <c r="N729677" s="10"/>
    </row>
    <row r="729678" spans="14:14">
      <c r="N729678" s="10"/>
    </row>
    <row r="729679" spans="14:14">
      <c r="N729679" s="10"/>
    </row>
    <row r="729680" spans="14:14">
      <c r="N729680" s="10"/>
    </row>
    <row r="729681" spans="14:14">
      <c r="N729681" s="10"/>
    </row>
    <row r="729682" spans="14:14">
      <c r="N729682" s="10"/>
    </row>
    <row r="729683" spans="14:14">
      <c r="N729683" s="10"/>
    </row>
    <row r="729684" spans="14:14">
      <c r="N729684" s="10"/>
    </row>
    <row r="729685" spans="14:14">
      <c r="N729685" s="10"/>
    </row>
    <row r="729686" spans="14:14">
      <c r="N729686" s="10"/>
    </row>
    <row r="729687" spans="14:14">
      <c r="N729687" s="10"/>
    </row>
    <row r="729688" spans="14:14">
      <c r="N729688" s="10"/>
    </row>
    <row r="729689" spans="14:14">
      <c r="N729689" s="10"/>
    </row>
    <row r="729690" spans="14:14">
      <c r="N729690" s="10"/>
    </row>
    <row r="729691" spans="14:14">
      <c r="N729691" s="10"/>
    </row>
    <row r="729692" spans="14:14">
      <c r="N729692" s="10"/>
    </row>
    <row r="729693" spans="14:14">
      <c r="N729693" s="10"/>
    </row>
    <row r="729694" spans="14:14">
      <c r="N729694" s="10"/>
    </row>
    <row r="729695" spans="14:14">
      <c r="N729695" s="10"/>
    </row>
    <row r="729696" spans="14:14">
      <c r="N729696" s="10"/>
    </row>
    <row r="729697" spans="14:14">
      <c r="N729697" s="10"/>
    </row>
    <row r="729698" spans="14:14">
      <c r="N729698" s="10"/>
    </row>
    <row r="729699" spans="14:14">
      <c r="N729699" s="10"/>
    </row>
    <row r="729700" spans="14:14">
      <c r="N729700" s="10"/>
    </row>
    <row r="729701" spans="14:14">
      <c r="N729701" s="10"/>
    </row>
    <row r="729702" spans="14:14">
      <c r="N729702" s="10"/>
    </row>
    <row r="729703" spans="14:14">
      <c r="N729703" s="10"/>
    </row>
    <row r="729704" spans="14:14">
      <c r="N729704" s="10"/>
    </row>
    <row r="729705" spans="14:14">
      <c r="N729705" s="10"/>
    </row>
    <row r="729706" spans="14:14">
      <c r="N729706" s="10"/>
    </row>
    <row r="729707" spans="14:14">
      <c r="N729707" s="10"/>
    </row>
    <row r="729708" spans="14:14">
      <c r="N729708" s="10"/>
    </row>
    <row r="729709" spans="14:14">
      <c r="N729709" s="10"/>
    </row>
    <row r="729710" spans="14:14">
      <c r="N729710" s="10"/>
    </row>
    <row r="729711" spans="14:14">
      <c r="N729711" s="10"/>
    </row>
    <row r="729712" spans="14:14">
      <c r="N729712" s="10"/>
    </row>
    <row r="729713" spans="14:14">
      <c r="N729713" s="10"/>
    </row>
    <row r="729714" spans="14:14">
      <c r="N729714" s="10"/>
    </row>
    <row r="729715" spans="14:14">
      <c r="N729715" s="10"/>
    </row>
    <row r="729716" spans="14:14">
      <c r="N729716" s="10"/>
    </row>
    <row r="729717" spans="14:14">
      <c r="N729717" s="10"/>
    </row>
    <row r="729718" spans="14:14">
      <c r="N729718" s="10"/>
    </row>
    <row r="729719" spans="14:14">
      <c r="N729719" s="10"/>
    </row>
    <row r="729720" spans="14:14">
      <c r="N729720" s="10"/>
    </row>
    <row r="729721" spans="14:14">
      <c r="N729721" s="10"/>
    </row>
    <row r="729722" spans="14:14">
      <c r="N729722" s="10"/>
    </row>
    <row r="729723" spans="14:14">
      <c r="N729723" s="10"/>
    </row>
    <row r="729724" spans="14:14">
      <c r="N729724" s="10"/>
    </row>
    <row r="729725" spans="14:14">
      <c r="N729725" s="10"/>
    </row>
    <row r="729726" spans="14:14">
      <c r="N729726" s="10"/>
    </row>
    <row r="729727" spans="14:14">
      <c r="N729727" s="10"/>
    </row>
    <row r="729728" spans="14:14">
      <c r="N729728" s="10"/>
    </row>
    <row r="729729" spans="14:14">
      <c r="N729729" s="10"/>
    </row>
    <row r="729730" spans="14:14">
      <c r="N729730" s="10"/>
    </row>
    <row r="729731" spans="14:14">
      <c r="N729731" s="10"/>
    </row>
    <row r="729732" spans="14:14">
      <c r="N729732" s="10"/>
    </row>
    <row r="729733" spans="14:14">
      <c r="N729733" s="10"/>
    </row>
    <row r="729734" spans="14:14">
      <c r="N729734" s="10"/>
    </row>
    <row r="729735" spans="14:14">
      <c r="N729735" s="10"/>
    </row>
    <row r="729736" spans="14:14">
      <c r="N729736" s="10"/>
    </row>
    <row r="729737" spans="14:14">
      <c r="N729737" s="10"/>
    </row>
    <row r="729738" spans="14:14">
      <c r="N729738" s="10"/>
    </row>
    <row r="729739" spans="14:14">
      <c r="N729739" s="10"/>
    </row>
    <row r="729740" spans="14:14">
      <c r="N729740" s="10"/>
    </row>
    <row r="729741" spans="14:14">
      <c r="N729741" s="10"/>
    </row>
    <row r="729742" spans="14:14">
      <c r="N729742" s="10"/>
    </row>
    <row r="729743" spans="14:14">
      <c r="N729743" s="10"/>
    </row>
    <row r="729744" spans="14:14">
      <c r="N729744" s="10"/>
    </row>
    <row r="729745" spans="14:14">
      <c r="N729745" s="10"/>
    </row>
    <row r="729746" spans="14:14">
      <c r="N729746" s="10"/>
    </row>
    <row r="729747" spans="14:14">
      <c r="N729747" s="10"/>
    </row>
    <row r="729748" spans="14:14">
      <c r="N729748" s="10"/>
    </row>
    <row r="729749" spans="14:14">
      <c r="N729749" s="10"/>
    </row>
    <row r="729750" spans="14:14">
      <c r="N729750" s="10"/>
    </row>
    <row r="729751" spans="14:14">
      <c r="N729751" s="10"/>
    </row>
    <row r="729752" spans="14:14">
      <c r="N729752" s="10"/>
    </row>
    <row r="729753" spans="14:14">
      <c r="N729753" s="10"/>
    </row>
    <row r="729754" spans="14:14">
      <c r="N729754" s="10"/>
    </row>
    <row r="729755" spans="14:14">
      <c r="N729755" s="10"/>
    </row>
    <row r="729756" spans="14:14">
      <c r="N729756" s="10"/>
    </row>
    <row r="729757" spans="14:14">
      <c r="N729757" s="10"/>
    </row>
    <row r="729758" spans="14:14">
      <c r="N729758" s="10"/>
    </row>
    <row r="729759" spans="14:14">
      <c r="N729759" s="10"/>
    </row>
    <row r="729760" spans="14:14">
      <c r="N729760" s="10"/>
    </row>
    <row r="729761" spans="14:14">
      <c r="N729761" s="10"/>
    </row>
    <row r="729762" spans="14:14">
      <c r="N729762" s="10"/>
    </row>
    <row r="729763" spans="14:14">
      <c r="N729763" s="10"/>
    </row>
    <row r="729764" spans="14:14">
      <c r="N729764" s="10"/>
    </row>
    <row r="729765" spans="14:14">
      <c r="N729765" s="10"/>
    </row>
    <row r="729766" spans="14:14">
      <c r="N729766" s="10"/>
    </row>
    <row r="729767" spans="14:14">
      <c r="N729767" s="10"/>
    </row>
    <row r="729768" spans="14:14">
      <c r="N729768" s="10"/>
    </row>
    <row r="729769" spans="14:14">
      <c r="N729769" s="10"/>
    </row>
    <row r="729770" spans="14:14">
      <c r="N729770" s="10"/>
    </row>
    <row r="729771" spans="14:14">
      <c r="N729771" s="10"/>
    </row>
    <row r="729772" spans="14:14">
      <c r="N729772" s="10"/>
    </row>
    <row r="729773" spans="14:14">
      <c r="N729773" s="10"/>
    </row>
    <row r="729774" spans="14:14">
      <c r="N729774" s="10"/>
    </row>
    <row r="729775" spans="14:14">
      <c r="N729775" s="10"/>
    </row>
    <row r="729776" spans="14:14">
      <c r="N729776" s="10"/>
    </row>
    <row r="729777" spans="14:14">
      <c r="N729777" s="10"/>
    </row>
    <row r="729778" spans="14:14">
      <c r="N729778" s="10"/>
    </row>
    <row r="729779" spans="14:14">
      <c r="N729779" s="10"/>
    </row>
    <row r="729780" spans="14:14">
      <c r="N729780" s="10"/>
    </row>
    <row r="729781" spans="14:14">
      <c r="N729781" s="10"/>
    </row>
    <row r="729782" spans="14:14">
      <c r="N729782" s="10"/>
    </row>
    <row r="729783" spans="14:14">
      <c r="N729783" s="10"/>
    </row>
    <row r="729784" spans="14:14">
      <c r="N729784" s="10"/>
    </row>
    <row r="729785" spans="14:14">
      <c r="N729785" s="10"/>
    </row>
    <row r="729786" spans="14:14">
      <c r="N729786" s="10"/>
    </row>
    <row r="729787" spans="14:14">
      <c r="N729787" s="10"/>
    </row>
    <row r="729788" spans="14:14">
      <c r="N729788" s="10"/>
    </row>
    <row r="729789" spans="14:14">
      <c r="N729789" s="10"/>
    </row>
    <row r="729790" spans="14:14">
      <c r="N729790" s="10"/>
    </row>
    <row r="729791" spans="14:14">
      <c r="N729791" s="10"/>
    </row>
    <row r="729792" spans="14:14">
      <c r="N729792" s="10"/>
    </row>
    <row r="729793" spans="14:14">
      <c r="N729793" s="10"/>
    </row>
    <row r="729794" spans="14:14">
      <c r="N729794" s="10"/>
    </row>
    <row r="729795" spans="14:14">
      <c r="N729795" s="10"/>
    </row>
    <row r="729796" spans="14:14">
      <c r="N729796" s="10"/>
    </row>
    <row r="729797" spans="14:14">
      <c r="N729797" s="10"/>
    </row>
    <row r="729798" spans="14:14">
      <c r="N729798" s="10"/>
    </row>
    <row r="729799" spans="14:14">
      <c r="N729799" s="10"/>
    </row>
    <row r="729800" spans="14:14">
      <c r="N729800" s="10"/>
    </row>
    <row r="729801" spans="14:14">
      <c r="N729801" s="10"/>
    </row>
    <row r="729802" spans="14:14">
      <c r="N729802" s="10"/>
    </row>
    <row r="729803" spans="14:14">
      <c r="N729803" s="10"/>
    </row>
    <row r="729804" spans="14:14">
      <c r="N729804" s="10"/>
    </row>
    <row r="729805" spans="14:14">
      <c r="N729805" s="10"/>
    </row>
    <row r="729806" spans="14:14">
      <c r="N729806" s="10"/>
    </row>
    <row r="729807" spans="14:14">
      <c r="N729807" s="10"/>
    </row>
    <row r="729808" spans="14:14">
      <c r="N729808" s="10"/>
    </row>
    <row r="729809" spans="14:14">
      <c r="N729809" s="10"/>
    </row>
    <row r="729810" spans="14:14">
      <c r="N729810" s="10"/>
    </row>
    <row r="729811" spans="14:14">
      <c r="N729811" s="10"/>
    </row>
    <row r="729812" spans="14:14">
      <c r="N729812" s="10"/>
    </row>
    <row r="729813" spans="14:14">
      <c r="N729813" s="10"/>
    </row>
    <row r="729814" spans="14:14">
      <c r="N729814" s="10"/>
    </row>
    <row r="729815" spans="14:14">
      <c r="N729815" s="10"/>
    </row>
    <row r="729816" spans="14:14">
      <c r="N729816" s="10"/>
    </row>
    <row r="729817" spans="14:14">
      <c r="N729817" s="10"/>
    </row>
    <row r="729818" spans="14:14">
      <c r="N729818" s="10"/>
    </row>
    <row r="729819" spans="14:14">
      <c r="N729819" s="10"/>
    </row>
    <row r="729820" spans="14:14">
      <c r="N729820" s="10"/>
    </row>
    <row r="729821" spans="14:14">
      <c r="N729821" s="10"/>
    </row>
    <row r="729822" spans="14:14">
      <c r="N729822" s="10"/>
    </row>
    <row r="729823" spans="14:14">
      <c r="N729823" s="10"/>
    </row>
    <row r="729824" spans="14:14">
      <c r="N729824" s="10"/>
    </row>
    <row r="729825" spans="14:14">
      <c r="N729825" s="10"/>
    </row>
    <row r="729826" spans="14:14">
      <c r="N729826" s="10"/>
    </row>
    <row r="729827" spans="14:14">
      <c r="N729827" s="10"/>
    </row>
    <row r="729828" spans="14:14">
      <c r="N729828" s="10"/>
    </row>
    <row r="729829" spans="14:14">
      <c r="N729829" s="10"/>
    </row>
    <row r="729830" spans="14:14">
      <c r="N729830" s="10"/>
    </row>
    <row r="729831" spans="14:14">
      <c r="N729831" s="10"/>
    </row>
    <row r="729832" spans="14:14">
      <c r="N729832" s="10"/>
    </row>
    <row r="729833" spans="14:14">
      <c r="N729833" s="10"/>
    </row>
    <row r="729834" spans="14:14">
      <c r="N729834" s="10"/>
    </row>
    <row r="729835" spans="14:14">
      <c r="N729835" s="10"/>
    </row>
    <row r="729836" spans="14:14">
      <c r="N729836" s="10"/>
    </row>
    <row r="729837" spans="14:14">
      <c r="N729837" s="10"/>
    </row>
    <row r="729838" spans="14:14">
      <c r="N729838" s="10"/>
    </row>
    <row r="729839" spans="14:14">
      <c r="N729839" s="10"/>
    </row>
    <row r="729840" spans="14:14">
      <c r="N729840" s="10"/>
    </row>
    <row r="729841" spans="14:14">
      <c r="N729841" s="10"/>
    </row>
    <row r="729842" spans="14:14">
      <c r="N729842" s="10"/>
    </row>
    <row r="729843" spans="14:14">
      <c r="N729843" s="10"/>
    </row>
    <row r="729844" spans="14:14">
      <c r="N729844" s="10"/>
    </row>
    <row r="729845" spans="14:14">
      <c r="N729845" s="10"/>
    </row>
    <row r="729846" spans="14:14">
      <c r="N729846" s="10"/>
    </row>
    <row r="729847" spans="14:14">
      <c r="N729847" s="10"/>
    </row>
    <row r="729848" spans="14:14">
      <c r="N729848" s="10"/>
    </row>
    <row r="729849" spans="14:14">
      <c r="N729849" s="10"/>
    </row>
    <row r="729850" spans="14:14">
      <c r="N729850" s="10"/>
    </row>
    <row r="729851" spans="14:14">
      <c r="N729851" s="10"/>
    </row>
    <row r="729852" spans="14:14">
      <c r="N729852" s="10"/>
    </row>
    <row r="729853" spans="14:14">
      <c r="N729853" s="10"/>
    </row>
    <row r="729854" spans="14:14">
      <c r="N729854" s="10"/>
    </row>
    <row r="729855" spans="14:14">
      <c r="N729855" s="10"/>
    </row>
    <row r="729856" spans="14:14">
      <c r="N729856" s="10"/>
    </row>
    <row r="729857" spans="14:14">
      <c r="N729857" s="10"/>
    </row>
    <row r="729858" spans="14:14">
      <c r="N729858" s="10"/>
    </row>
    <row r="729859" spans="14:14">
      <c r="N729859" s="10"/>
    </row>
    <row r="729860" spans="14:14">
      <c r="N729860" s="10"/>
    </row>
    <row r="729861" spans="14:14">
      <c r="N729861" s="10"/>
    </row>
    <row r="729862" spans="14:14">
      <c r="N729862" s="10"/>
    </row>
    <row r="729863" spans="14:14">
      <c r="N729863" s="10"/>
    </row>
    <row r="729864" spans="14:14">
      <c r="N729864" s="10"/>
    </row>
    <row r="729865" spans="14:14">
      <c r="N729865" s="10"/>
    </row>
    <row r="729866" spans="14:14">
      <c r="N729866" s="10"/>
    </row>
    <row r="729867" spans="14:14">
      <c r="N729867" s="10"/>
    </row>
    <row r="729868" spans="14:14">
      <c r="N729868" s="10"/>
    </row>
    <row r="729869" spans="14:14">
      <c r="N729869" s="10"/>
    </row>
    <row r="729870" spans="14:14">
      <c r="N729870" s="10"/>
    </row>
    <row r="729871" spans="14:14">
      <c r="N729871" s="10"/>
    </row>
    <row r="729872" spans="14:14">
      <c r="N729872" s="10"/>
    </row>
    <row r="729873" spans="14:14">
      <c r="N729873" s="10"/>
    </row>
    <row r="729874" spans="14:14">
      <c r="N729874" s="10"/>
    </row>
    <row r="729875" spans="14:14">
      <c r="N729875" s="10"/>
    </row>
    <row r="729876" spans="14:14">
      <c r="N729876" s="10"/>
    </row>
    <row r="729877" spans="14:14">
      <c r="N729877" s="10"/>
    </row>
    <row r="729878" spans="14:14">
      <c r="N729878" s="10"/>
    </row>
    <row r="729879" spans="14:14">
      <c r="N729879" s="10"/>
    </row>
    <row r="729880" spans="14:14">
      <c r="N729880" s="10"/>
    </row>
    <row r="729881" spans="14:14">
      <c r="N729881" s="10"/>
    </row>
    <row r="729882" spans="14:14">
      <c r="N729882" s="10"/>
    </row>
    <row r="729883" spans="14:14">
      <c r="N729883" s="10"/>
    </row>
    <row r="729884" spans="14:14">
      <c r="N729884" s="10"/>
    </row>
    <row r="729885" spans="14:14">
      <c r="N729885" s="10"/>
    </row>
    <row r="729886" spans="14:14">
      <c r="N729886" s="10"/>
    </row>
    <row r="729887" spans="14:14">
      <c r="N729887" s="10"/>
    </row>
    <row r="729888" spans="14:14">
      <c r="N729888" s="10"/>
    </row>
    <row r="729889" spans="14:14">
      <c r="N729889" s="10"/>
    </row>
    <row r="729890" spans="14:14">
      <c r="N729890" s="10"/>
    </row>
    <row r="729891" spans="14:14">
      <c r="N729891" s="10"/>
    </row>
    <row r="729892" spans="14:14">
      <c r="N729892" s="10"/>
    </row>
    <row r="729893" spans="14:14">
      <c r="N729893" s="10"/>
    </row>
    <row r="729894" spans="14:14">
      <c r="N729894" s="10"/>
    </row>
    <row r="729895" spans="14:14">
      <c r="N729895" s="10"/>
    </row>
    <row r="729896" spans="14:14">
      <c r="N729896" s="10"/>
    </row>
    <row r="729897" spans="14:14">
      <c r="N729897" s="10"/>
    </row>
    <row r="729898" spans="14:14">
      <c r="N729898" s="10"/>
    </row>
    <row r="729899" spans="14:14">
      <c r="N729899" s="10"/>
    </row>
    <row r="729900" spans="14:14">
      <c r="N729900" s="10"/>
    </row>
    <row r="729901" spans="14:14">
      <c r="N729901" s="10"/>
    </row>
    <row r="729902" spans="14:14">
      <c r="N729902" s="10"/>
    </row>
    <row r="729903" spans="14:14">
      <c r="N729903" s="10"/>
    </row>
    <row r="729904" spans="14:14">
      <c r="N729904" s="10"/>
    </row>
    <row r="729905" spans="14:14">
      <c r="N729905" s="10"/>
    </row>
    <row r="729906" spans="14:14">
      <c r="N729906" s="10"/>
    </row>
    <row r="729907" spans="14:14">
      <c r="N729907" s="10"/>
    </row>
    <row r="729908" spans="14:14">
      <c r="N729908" s="10"/>
    </row>
    <row r="729909" spans="14:14">
      <c r="N729909" s="10"/>
    </row>
    <row r="729910" spans="14:14">
      <c r="N729910" s="10"/>
    </row>
    <row r="729911" spans="14:14">
      <c r="N729911" s="10"/>
    </row>
    <row r="729912" spans="14:14">
      <c r="N729912" s="10"/>
    </row>
    <row r="729913" spans="14:14">
      <c r="N729913" s="10"/>
    </row>
    <row r="729914" spans="14:14">
      <c r="N729914" s="10"/>
    </row>
    <row r="729915" spans="14:14">
      <c r="N729915" s="10"/>
    </row>
    <row r="729916" spans="14:14">
      <c r="N729916" s="10"/>
    </row>
    <row r="729917" spans="14:14">
      <c r="N729917" s="10"/>
    </row>
    <row r="729918" spans="14:14">
      <c r="N729918" s="10"/>
    </row>
    <row r="729919" spans="14:14">
      <c r="N729919" s="10"/>
    </row>
    <row r="729920" spans="14:14">
      <c r="N729920" s="10"/>
    </row>
    <row r="729921" spans="14:14">
      <c r="N729921" s="10"/>
    </row>
    <row r="729922" spans="14:14">
      <c r="N729922" s="10"/>
    </row>
    <row r="729923" spans="14:14">
      <c r="N729923" s="10"/>
    </row>
    <row r="729924" spans="14:14">
      <c r="N729924" s="10"/>
    </row>
    <row r="729925" spans="14:14">
      <c r="N729925" s="10"/>
    </row>
    <row r="729926" spans="14:14">
      <c r="N729926" s="10"/>
    </row>
    <row r="729927" spans="14:14">
      <c r="N729927" s="10"/>
    </row>
    <row r="729928" spans="14:14">
      <c r="N729928" s="10"/>
    </row>
    <row r="729929" spans="14:14">
      <c r="N729929" s="10"/>
    </row>
    <row r="729930" spans="14:14">
      <c r="N729930" s="10"/>
    </row>
    <row r="729931" spans="14:14">
      <c r="N729931" s="10"/>
    </row>
    <row r="729932" spans="14:14">
      <c r="N729932" s="10"/>
    </row>
    <row r="729933" spans="14:14">
      <c r="N729933" s="10"/>
    </row>
    <row r="729934" spans="14:14">
      <c r="N729934" s="10"/>
    </row>
    <row r="729935" spans="14:14">
      <c r="N729935" s="10"/>
    </row>
    <row r="729936" spans="14:14">
      <c r="N729936" s="10"/>
    </row>
    <row r="729937" spans="14:14">
      <c r="N729937" s="10"/>
    </row>
    <row r="729938" spans="14:14">
      <c r="N729938" s="10"/>
    </row>
    <row r="729939" spans="14:14">
      <c r="N729939" s="10"/>
    </row>
    <row r="729940" spans="14:14">
      <c r="N729940" s="10"/>
    </row>
    <row r="729941" spans="14:14">
      <c r="N729941" s="10"/>
    </row>
    <row r="729942" spans="14:14">
      <c r="N729942" s="10"/>
    </row>
    <row r="729943" spans="14:14">
      <c r="N729943" s="10"/>
    </row>
    <row r="729944" spans="14:14">
      <c r="N729944" s="10"/>
    </row>
    <row r="729945" spans="14:14">
      <c r="N729945" s="10"/>
    </row>
    <row r="729946" spans="14:14">
      <c r="N729946" s="10"/>
    </row>
    <row r="729947" spans="14:14">
      <c r="N729947" s="10"/>
    </row>
    <row r="729948" spans="14:14">
      <c r="N729948" s="10"/>
    </row>
    <row r="729949" spans="14:14">
      <c r="N729949" s="10"/>
    </row>
    <row r="729950" spans="14:14">
      <c r="N729950" s="10"/>
    </row>
    <row r="729951" spans="14:14">
      <c r="N729951" s="10"/>
    </row>
    <row r="729952" spans="14:14">
      <c r="N729952" s="10"/>
    </row>
    <row r="729953" spans="14:14">
      <c r="N729953" s="10"/>
    </row>
    <row r="729954" spans="14:14">
      <c r="N729954" s="10"/>
    </row>
    <row r="729955" spans="14:14">
      <c r="N729955" s="10"/>
    </row>
    <row r="729956" spans="14:14">
      <c r="N729956" s="10"/>
    </row>
    <row r="729957" spans="14:14">
      <c r="N729957" s="10"/>
    </row>
    <row r="729958" spans="14:14">
      <c r="N729958" s="10"/>
    </row>
    <row r="729959" spans="14:14">
      <c r="N729959" s="10"/>
    </row>
    <row r="729960" spans="14:14">
      <c r="N729960" s="10"/>
    </row>
    <row r="729961" spans="14:14">
      <c r="N729961" s="10"/>
    </row>
    <row r="729962" spans="14:14">
      <c r="N729962" s="10"/>
    </row>
    <row r="729963" spans="14:14">
      <c r="N729963" s="10"/>
    </row>
    <row r="729964" spans="14:14">
      <c r="N729964" s="10"/>
    </row>
    <row r="729965" spans="14:14">
      <c r="N729965" s="10"/>
    </row>
    <row r="729966" spans="14:14">
      <c r="N729966" s="10"/>
    </row>
    <row r="729967" spans="14:14">
      <c r="N729967" s="10"/>
    </row>
    <row r="729968" spans="14:14">
      <c r="N729968" s="10"/>
    </row>
    <row r="729969" spans="14:14">
      <c r="N729969" s="10"/>
    </row>
    <row r="729970" spans="14:14">
      <c r="N729970" s="10"/>
    </row>
    <row r="729971" spans="14:14">
      <c r="N729971" s="10"/>
    </row>
    <row r="729972" spans="14:14">
      <c r="N729972" s="10"/>
    </row>
    <row r="729973" spans="14:14">
      <c r="N729973" s="10"/>
    </row>
    <row r="729974" spans="14:14">
      <c r="N729974" s="10"/>
    </row>
    <row r="729975" spans="14:14">
      <c r="N729975" s="10"/>
    </row>
    <row r="729976" spans="14:14">
      <c r="N729976" s="10"/>
    </row>
    <row r="729977" spans="14:14">
      <c r="N729977" s="10"/>
    </row>
    <row r="729978" spans="14:14">
      <c r="N729978" s="10"/>
    </row>
    <row r="729979" spans="14:14">
      <c r="N729979" s="10"/>
    </row>
    <row r="729980" spans="14:14">
      <c r="N729980" s="10"/>
    </row>
    <row r="729981" spans="14:14">
      <c r="N729981" s="10"/>
    </row>
    <row r="729982" spans="14:14">
      <c r="N729982" s="10"/>
    </row>
    <row r="729983" spans="14:14">
      <c r="N729983" s="10"/>
    </row>
    <row r="729984" spans="14:14">
      <c r="N729984" s="10"/>
    </row>
    <row r="729985" spans="14:14">
      <c r="N729985" s="10"/>
    </row>
    <row r="729986" spans="14:14">
      <c r="N729986" s="10"/>
    </row>
    <row r="729987" spans="14:14">
      <c r="N729987" s="10"/>
    </row>
    <row r="729988" spans="14:14">
      <c r="N729988" s="10"/>
    </row>
    <row r="729989" spans="14:14">
      <c r="N729989" s="10"/>
    </row>
    <row r="729990" spans="14:14">
      <c r="N729990" s="10"/>
    </row>
    <row r="729991" spans="14:14">
      <c r="N729991" s="10"/>
    </row>
    <row r="729992" spans="14:14">
      <c r="N729992" s="10"/>
    </row>
    <row r="729993" spans="14:14">
      <c r="N729993" s="10"/>
    </row>
    <row r="729994" spans="14:14">
      <c r="N729994" s="10"/>
    </row>
    <row r="729995" spans="14:14">
      <c r="N729995" s="10"/>
    </row>
    <row r="729996" spans="14:14">
      <c r="N729996" s="10"/>
    </row>
    <row r="729997" spans="14:14">
      <c r="N729997" s="10"/>
    </row>
    <row r="729998" spans="14:14">
      <c r="N729998" s="10"/>
    </row>
    <row r="729999" spans="14:14">
      <c r="N729999" s="10"/>
    </row>
    <row r="730000" spans="14:14">
      <c r="N730000" s="10"/>
    </row>
    <row r="730001" spans="14:14">
      <c r="N730001" s="10"/>
    </row>
    <row r="730002" spans="14:14">
      <c r="N730002" s="10"/>
    </row>
    <row r="730003" spans="14:14">
      <c r="N730003" s="10"/>
    </row>
    <row r="730004" spans="14:14">
      <c r="N730004" s="10"/>
    </row>
    <row r="730005" spans="14:14">
      <c r="N730005" s="10"/>
    </row>
    <row r="730006" spans="14:14">
      <c r="N730006" s="10"/>
    </row>
    <row r="730007" spans="14:14">
      <c r="N730007" s="10"/>
    </row>
    <row r="730008" spans="14:14">
      <c r="N730008" s="10"/>
    </row>
    <row r="730009" spans="14:14">
      <c r="N730009" s="10"/>
    </row>
    <row r="730010" spans="14:14">
      <c r="N730010" s="10"/>
    </row>
    <row r="730011" spans="14:14">
      <c r="N730011" s="10"/>
    </row>
    <row r="730012" spans="14:14">
      <c r="N730012" s="10"/>
    </row>
    <row r="730013" spans="14:14">
      <c r="N730013" s="10"/>
    </row>
    <row r="730014" spans="14:14">
      <c r="N730014" s="10"/>
    </row>
    <row r="730015" spans="14:14">
      <c r="N730015" s="10"/>
    </row>
    <row r="730016" spans="14:14">
      <c r="N730016" s="10"/>
    </row>
    <row r="730017" spans="14:14">
      <c r="N730017" s="10"/>
    </row>
    <row r="730018" spans="14:14">
      <c r="N730018" s="10"/>
    </row>
    <row r="730019" spans="14:14">
      <c r="N730019" s="10"/>
    </row>
    <row r="730020" spans="14:14">
      <c r="N730020" s="10"/>
    </row>
    <row r="730021" spans="14:14">
      <c r="N730021" s="10"/>
    </row>
    <row r="730022" spans="14:14">
      <c r="N730022" s="10"/>
    </row>
    <row r="730023" spans="14:14">
      <c r="N730023" s="10"/>
    </row>
    <row r="730024" spans="14:14">
      <c r="N730024" s="10"/>
    </row>
    <row r="730025" spans="14:14">
      <c r="N730025" s="10"/>
    </row>
    <row r="730026" spans="14:14">
      <c r="N730026" s="10"/>
    </row>
    <row r="730027" spans="14:14">
      <c r="N730027" s="10"/>
    </row>
    <row r="730028" spans="14:14">
      <c r="N730028" s="10"/>
    </row>
    <row r="730029" spans="14:14">
      <c r="N730029" s="10"/>
    </row>
    <row r="730030" spans="14:14">
      <c r="N730030" s="10"/>
    </row>
    <row r="730031" spans="14:14">
      <c r="N730031" s="10"/>
    </row>
    <row r="730032" spans="14:14">
      <c r="N730032" s="10"/>
    </row>
    <row r="730033" spans="14:14">
      <c r="N730033" s="10"/>
    </row>
    <row r="730034" spans="14:14">
      <c r="N730034" s="10"/>
    </row>
    <row r="730035" spans="14:14">
      <c r="N730035" s="10"/>
    </row>
    <row r="730036" spans="14:14">
      <c r="N730036" s="10"/>
    </row>
    <row r="730037" spans="14:14">
      <c r="N730037" s="10"/>
    </row>
    <row r="730038" spans="14:14">
      <c r="N730038" s="10"/>
    </row>
    <row r="730039" spans="14:14">
      <c r="N730039" s="10"/>
    </row>
    <row r="730040" spans="14:14">
      <c r="N730040" s="10"/>
    </row>
    <row r="730041" spans="14:14">
      <c r="N730041" s="10"/>
    </row>
    <row r="730042" spans="14:14">
      <c r="N730042" s="10"/>
    </row>
    <row r="730043" spans="14:14">
      <c r="N730043" s="10"/>
    </row>
    <row r="730044" spans="14:14">
      <c r="N730044" s="10"/>
    </row>
    <row r="730045" spans="14:14">
      <c r="N730045" s="10"/>
    </row>
    <row r="730046" spans="14:14">
      <c r="N730046" s="10"/>
    </row>
    <row r="730047" spans="14:14">
      <c r="N730047" s="10"/>
    </row>
    <row r="730048" spans="14:14">
      <c r="N730048" s="10"/>
    </row>
    <row r="730049" spans="14:14">
      <c r="N730049" s="10"/>
    </row>
    <row r="730050" spans="14:14">
      <c r="N730050" s="10"/>
    </row>
    <row r="730051" spans="14:14">
      <c r="N730051" s="10"/>
    </row>
    <row r="730052" spans="14:14">
      <c r="N730052" s="10"/>
    </row>
    <row r="730053" spans="14:14">
      <c r="N730053" s="10"/>
    </row>
    <row r="730054" spans="14:14">
      <c r="N730054" s="10"/>
    </row>
    <row r="730055" spans="14:14">
      <c r="N730055" s="10"/>
    </row>
    <row r="730056" spans="14:14">
      <c r="N730056" s="10"/>
    </row>
    <row r="730057" spans="14:14">
      <c r="N730057" s="10"/>
    </row>
    <row r="730058" spans="14:14">
      <c r="N730058" s="10"/>
    </row>
    <row r="730059" spans="14:14">
      <c r="N730059" s="10"/>
    </row>
    <row r="730060" spans="14:14">
      <c r="N730060" s="10"/>
    </row>
    <row r="730061" spans="14:14">
      <c r="N730061" s="10"/>
    </row>
    <row r="730062" spans="14:14">
      <c r="N730062" s="10"/>
    </row>
    <row r="730063" spans="14:14">
      <c r="N730063" s="10"/>
    </row>
    <row r="730064" spans="14:14">
      <c r="N730064" s="10"/>
    </row>
    <row r="730065" spans="14:14">
      <c r="N730065" s="10"/>
    </row>
    <row r="730066" spans="14:14">
      <c r="N730066" s="10"/>
    </row>
    <row r="730067" spans="14:14">
      <c r="N730067" s="10"/>
    </row>
    <row r="730068" spans="14:14">
      <c r="N730068" s="10"/>
    </row>
    <row r="730069" spans="14:14">
      <c r="N730069" s="10"/>
    </row>
    <row r="730070" spans="14:14">
      <c r="N730070" s="10"/>
    </row>
    <row r="730071" spans="14:14">
      <c r="N730071" s="10"/>
    </row>
    <row r="730072" spans="14:14">
      <c r="N730072" s="10"/>
    </row>
    <row r="730073" spans="14:14">
      <c r="N730073" s="10"/>
    </row>
    <row r="730074" spans="14:14">
      <c r="N730074" s="10"/>
    </row>
    <row r="730075" spans="14:14">
      <c r="N730075" s="10"/>
    </row>
    <row r="730076" spans="14:14">
      <c r="N730076" s="10"/>
    </row>
    <row r="730077" spans="14:14">
      <c r="N730077" s="10"/>
    </row>
    <row r="730078" spans="14:14">
      <c r="N730078" s="10"/>
    </row>
    <row r="730079" spans="14:14">
      <c r="N730079" s="10"/>
    </row>
    <row r="730080" spans="14:14">
      <c r="N730080" s="10"/>
    </row>
    <row r="730081" spans="14:14">
      <c r="N730081" s="10"/>
    </row>
    <row r="730082" spans="14:14">
      <c r="N730082" s="10"/>
    </row>
    <row r="730083" spans="14:14">
      <c r="N730083" s="10"/>
    </row>
    <row r="730084" spans="14:14">
      <c r="N730084" s="10"/>
    </row>
    <row r="730085" spans="14:14">
      <c r="N730085" s="10"/>
    </row>
    <row r="730086" spans="14:14">
      <c r="N730086" s="10"/>
    </row>
    <row r="730087" spans="14:14">
      <c r="N730087" s="10"/>
    </row>
    <row r="730088" spans="14:14">
      <c r="N730088" s="10"/>
    </row>
    <row r="730089" spans="14:14">
      <c r="N730089" s="10"/>
    </row>
    <row r="730090" spans="14:14">
      <c r="N730090" s="10"/>
    </row>
    <row r="730091" spans="14:14">
      <c r="N730091" s="10"/>
    </row>
    <row r="730092" spans="14:14">
      <c r="N730092" s="10"/>
    </row>
    <row r="730093" spans="14:14">
      <c r="N730093" s="10"/>
    </row>
    <row r="730094" spans="14:14">
      <c r="N730094" s="10"/>
    </row>
    <row r="730095" spans="14:14">
      <c r="N730095" s="10"/>
    </row>
    <row r="730096" spans="14:14">
      <c r="N730096" s="10"/>
    </row>
    <row r="730097" spans="14:14">
      <c r="N730097" s="10"/>
    </row>
    <row r="730098" spans="14:14">
      <c r="N730098" s="10"/>
    </row>
    <row r="730099" spans="14:14">
      <c r="N730099" s="10"/>
    </row>
    <row r="730100" spans="14:14">
      <c r="N730100" s="10"/>
    </row>
    <row r="730101" spans="14:14">
      <c r="N730101" s="10"/>
    </row>
    <row r="730102" spans="14:14">
      <c r="N730102" s="10"/>
    </row>
    <row r="730103" spans="14:14">
      <c r="N730103" s="10"/>
    </row>
    <row r="730104" spans="14:14">
      <c r="N730104" s="10"/>
    </row>
    <row r="730105" spans="14:14">
      <c r="N730105" s="10"/>
    </row>
    <row r="730106" spans="14:14">
      <c r="N730106" s="10"/>
    </row>
    <row r="730107" spans="14:14">
      <c r="N730107" s="10"/>
    </row>
    <row r="730108" spans="14:14">
      <c r="N730108" s="10"/>
    </row>
    <row r="730109" spans="14:14">
      <c r="N730109" s="10"/>
    </row>
    <row r="730110" spans="14:14">
      <c r="N730110" s="10"/>
    </row>
    <row r="730111" spans="14:14">
      <c r="N730111" s="10"/>
    </row>
    <row r="730112" spans="14:14">
      <c r="N730112" s="10"/>
    </row>
    <row r="730113" spans="14:14">
      <c r="N730113" s="10"/>
    </row>
    <row r="730114" spans="14:14">
      <c r="N730114" s="10"/>
    </row>
    <row r="730115" spans="14:14">
      <c r="N730115" s="10"/>
    </row>
    <row r="730116" spans="14:14">
      <c r="N730116" s="10"/>
    </row>
    <row r="730117" spans="14:14">
      <c r="N730117" s="10"/>
    </row>
    <row r="730118" spans="14:14">
      <c r="N730118" s="10"/>
    </row>
    <row r="730119" spans="14:14">
      <c r="N730119" s="10"/>
    </row>
    <row r="730120" spans="14:14">
      <c r="N730120" s="10"/>
    </row>
    <row r="730121" spans="14:14">
      <c r="N730121" s="10"/>
    </row>
    <row r="730122" spans="14:14">
      <c r="N730122" s="10"/>
    </row>
    <row r="730123" spans="14:14">
      <c r="N730123" s="10"/>
    </row>
    <row r="730124" spans="14:14">
      <c r="N730124" s="10"/>
    </row>
    <row r="730125" spans="14:14">
      <c r="N730125" s="10"/>
    </row>
    <row r="730126" spans="14:14">
      <c r="N730126" s="10"/>
    </row>
    <row r="730127" spans="14:14">
      <c r="N730127" s="10"/>
    </row>
    <row r="730128" spans="14:14">
      <c r="N730128" s="10"/>
    </row>
    <row r="730129" spans="14:14">
      <c r="N730129" s="10"/>
    </row>
    <row r="730130" spans="14:14">
      <c r="N730130" s="10"/>
    </row>
    <row r="730131" spans="14:14">
      <c r="N730131" s="10"/>
    </row>
    <row r="730132" spans="14:14">
      <c r="N730132" s="10"/>
    </row>
    <row r="730133" spans="14:14">
      <c r="N730133" s="10"/>
    </row>
    <row r="730134" spans="14:14">
      <c r="N730134" s="10"/>
    </row>
    <row r="730135" spans="14:14">
      <c r="N730135" s="10"/>
    </row>
    <row r="730136" spans="14:14">
      <c r="N730136" s="10"/>
    </row>
    <row r="730137" spans="14:14">
      <c r="N730137" s="10"/>
    </row>
    <row r="730138" spans="14:14">
      <c r="N730138" s="10"/>
    </row>
    <row r="730139" spans="14:14">
      <c r="N730139" s="10"/>
    </row>
    <row r="730140" spans="14:14">
      <c r="N730140" s="10"/>
    </row>
    <row r="730141" spans="14:14">
      <c r="N730141" s="10"/>
    </row>
    <row r="730142" spans="14:14">
      <c r="N730142" s="10"/>
    </row>
    <row r="730143" spans="14:14">
      <c r="N730143" s="10"/>
    </row>
    <row r="730144" spans="14:14">
      <c r="N730144" s="10"/>
    </row>
    <row r="730145" spans="14:14">
      <c r="N730145" s="10"/>
    </row>
    <row r="730146" spans="14:14">
      <c r="N730146" s="10"/>
    </row>
    <row r="730147" spans="14:14">
      <c r="N730147" s="10"/>
    </row>
    <row r="730148" spans="14:14">
      <c r="N730148" s="10"/>
    </row>
    <row r="730149" spans="14:14">
      <c r="N730149" s="10"/>
    </row>
    <row r="730150" spans="14:14">
      <c r="N730150" s="10"/>
    </row>
    <row r="730151" spans="14:14">
      <c r="N730151" s="10"/>
    </row>
    <row r="730152" spans="14:14">
      <c r="N730152" s="10"/>
    </row>
    <row r="730153" spans="14:14">
      <c r="N730153" s="10"/>
    </row>
    <row r="730154" spans="14:14">
      <c r="N730154" s="10"/>
    </row>
    <row r="730155" spans="14:14">
      <c r="N730155" s="10"/>
    </row>
    <row r="730156" spans="14:14">
      <c r="N730156" s="10"/>
    </row>
    <row r="730157" spans="14:14">
      <c r="N730157" s="10"/>
    </row>
    <row r="730158" spans="14:14">
      <c r="N730158" s="10"/>
    </row>
    <row r="730159" spans="14:14">
      <c r="N730159" s="10"/>
    </row>
    <row r="730160" spans="14:14">
      <c r="N730160" s="10"/>
    </row>
    <row r="730161" spans="14:14">
      <c r="N730161" s="10"/>
    </row>
    <row r="730162" spans="14:14">
      <c r="N730162" s="10"/>
    </row>
    <row r="730163" spans="14:14">
      <c r="N730163" s="10"/>
    </row>
    <row r="730164" spans="14:14">
      <c r="N730164" s="10"/>
    </row>
    <row r="730165" spans="14:14">
      <c r="N730165" s="10"/>
    </row>
    <row r="730166" spans="14:14">
      <c r="N730166" s="10"/>
    </row>
    <row r="730167" spans="14:14">
      <c r="N730167" s="10"/>
    </row>
    <row r="730168" spans="14:14">
      <c r="N730168" s="10"/>
    </row>
    <row r="730169" spans="14:14">
      <c r="N730169" s="10"/>
    </row>
    <row r="730170" spans="14:14">
      <c r="N730170" s="10"/>
    </row>
    <row r="730171" spans="14:14">
      <c r="N730171" s="10"/>
    </row>
    <row r="730172" spans="14:14">
      <c r="N730172" s="10"/>
    </row>
    <row r="730173" spans="14:14">
      <c r="N730173" s="10"/>
    </row>
    <row r="730174" spans="14:14">
      <c r="N730174" s="10"/>
    </row>
    <row r="730175" spans="14:14">
      <c r="N730175" s="10"/>
    </row>
    <row r="730176" spans="14:14">
      <c r="N730176" s="10"/>
    </row>
    <row r="730177" spans="14:14">
      <c r="N730177" s="10"/>
    </row>
    <row r="730178" spans="14:14">
      <c r="N730178" s="10"/>
    </row>
    <row r="730179" spans="14:14">
      <c r="N730179" s="10"/>
    </row>
    <row r="730180" spans="14:14">
      <c r="N730180" s="10"/>
    </row>
    <row r="730181" spans="14:14">
      <c r="N730181" s="10"/>
    </row>
    <row r="730182" spans="14:14">
      <c r="N730182" s="10"/>
    </row>
    <row r="730183" spans="14:14">
      <c r="N730183" s="10"/>
    </row>
    <row r="730184" spans="14:14">
      <c r="N730184" s="10"/>
    </row>
    <row r="730185" spans="14:14">
      <c r="N730185" s="10"/>
    </row>
    <row r="730186" spans="14:14">
      <c r="N730186" s="10"/>
    </row>
    <row r="730187" spans="14:14">
      <c r="N730187" s="10"/>
    </row>
    <row r="730188" spans="14:14">
      <c r="N730188" s="10"/>
    </row>
    <row r="730189" spans="14:14">
      <c r="N730189" s="10"/>
    </row>
    <row r="730190" spans="14:14">
      <c r="N730190" s="10"/>
    </row>
    <row r="730191" spans="14:14">
      <c r="N730191" s="10"/>
    </row>
    <row r="730192" spans="14:14">
      <c r="N730192" s="10"/>
    </row>
    <row r="730193" spans="14:14">
      <c r="N730193" s="10"/>
    </row>
    <row r="730194" spans="14:14">
      <c r="N730194" s="10"/>
    </row>
    <row r="730195" spans="14:14">
      <c r="N730195" s="10"/>
    </row>
    <row r="730196" spans="14:14">
      <c r="N730196" s="10"/>
    </row>
    <row r="730197" spans="14:14">
      <c r="N730197" s="10"/>
    </row>
    <row r="730198" spans="14:14">
      <c r="N730198" s="10"/>
    </row>
    <row r="730199" spans="14:14">
      <c r="N730199" s="10"/>
    </row>
    <row r="730200" spans="14:14">
      <c r="N730200" s="10"/>
    </row>
    <row r="730201" spans="14:14">
      <c r="N730201" s="10"/>
    </row>
    <row r="730202" spans="14:14">
      <c r="N730202" s="10"/>
    </row>
    <row r="730203" spans="14:14">
      <c r="N730203" s="10"/>
    </row>
    <row r="730204" spans="14:14">
      <c r="N730204" s="10"/>
    </row>
    <row r="730205" spans="14:14">
      <c r="N730205" s="10"/>
    </row>
    <row r="730206" spans="14:14">
      <c r="N730206" s="10"/>
    </row>
    <row r="730207" spans="14:14">
      <c r="N730207" s="10"/>
    </row>
    <row r="730208" spans="14:14">
      <c r="N730208" s="10"/>
    </row>
    <row r="730209" spans="14:14">
      <c r="N730209" s="10"/>
    </row>
    <row r="730210" spans="14:14">
      <c r="N730210" s="10"/>
    </row>
    <row r="730211" spans="14:14">
      <c r="N730211" s="10"/>
    </row>
    <row r="730212" spans="14:14">
      <c r="N730212" s="10"/>
    </row>
    <row r="730213" spans="14:14">
      <c r="N730213" s="10"/>
    </row>
    <row r="730214" spans="14:14">
      <c r="N730214" s="10"/>
    </row>
    <row r="730215" spans="14:14">
      <c r="N730215" s="10"/>
    </row>
    <row r="730216" spans="14:14">
      <c r="N730216" s="10"/>
    </row>
    <row r="730217" spans="14:14">
      <c r="N730217" s="10"/>
    </row>
    <row r="730218" spans="14:14">
      <c r="N730218" s="10"/>
    </row>
    <row r="730219" spans="14:14">
      <c r="N730219" s="10"/>
    </row>
    <row r="730220" spans="14:14">
      <c r="N730220" s="10"/>
    </row>
    <row r="730221" spans="14:14">
      <c r="N730221" s="10"/>
    </row>
    <row r="730222" spans="14:14">
      <c r="N730222" s="10"/>
    </row>
    <row r="730223" spans="14:14">
      <c r="N730223" s="10"/>
    </row>
    <row r="730224" spans="14:14">
      <c r="N730224" s="10"/>
    </row>
    <row r="730225" spans="14:14">
      <c r="N730225" s="10"/>
    </row>
    <row r="730226" spans="14:14">
      <c r="N730226" s="10"/>
    </row>
    <row r="730227" spans="14:14">
      <c r="N730227" s="10"/>
    </row>
    <row r="730228" spans="14:14">
      <c r="N730228" s="10"/>
    </row>
    <row r="730229" spans="14:14">
      <c r="N730229" s="10"/>
    </row>
    <row r="730230" spans="14:14">
      <c r="N730230" s="10"/>
    </row>
    <row r="730231" spans="14:14">
      <c r="N730231" s="10"/>
    </row>
    <row r="730232" spans="14:14">
      <c r="N730232" s="10"/>
    </row>
    <row r="730233" spans="14:14">
      <c r="N730233" s="10"/>
    </row>
    <row r="730234" spans="14:14">
      <c r="N730234" s="10"/>
    </row>
    <row r="730235" spans="14:14">
      <c r="N730235" s="10"/>
    </row>
    <row r="730236" spans="14:14">
      <c r="N730236" s="10"/>
    </row>
    <row r="730237" spans="14:14">
      <c r="N730237" s="10"/>
    </row>
    <row r="730238" spans="14:14">
      <c r="N730238" s="10"/>
    </row>
    <row r="730239" spans="14:14">
      <c r="N730239" s="10"/>
    </row>
    <row r="730240" spans="14:14">
      <c r="N730240" s="10"/>
    </row>
    <row r="730241" spans="14:14">
      <c r="N730241" s="10"/>
    </row>
    <row r="730242" spans="14:14">
      <c r="N730242" s="10"/>
    </row>
    <row r="730243" spans="14:14">
      <c r="N730243" s="10"/>
    </row>
    <row r="730244" spans="14:14">
      <c r="N730244" s="10"/>
    </row>
    <row r="730245" spans="14:14">
      <c r="N730245" s="10"/>
    </row>
    <row r="730246" spans="14:14">
      <c r="N730246" s="10"/>
    </row>
    <row r="730247" spans="14:14">
      <c r="N730247" s="10"/>
    </row>
    <row r="730248" spans="14:14">
      <c r="N730248" s="10"/>
    </row>
    <row r="730249" spans="14:14">
      <c r="N730249" s="10"/>
    </row>
    <row r="730250" spans="14:14">
      <c r="N730250" s="10"/>
    </row>
    <row r="730251" spans="14:14">
      <c r="N730251" s="10"/>
    </row>
    <row r="730252" spans="14:14">
      <c r="N730252" s="10"/>
    </row>
    <row r="730253" spans="14:14">
      <c r="N730253" s="10"/>
    </row>
    <row r="730254" spans="14:14">
      <c r="N730254" s="10"/>
    </row>
    <row r="730255" spans="14:14">
      <c r="N730255" s="10"/>
    </row>
    <row r="730256" spans="14:14">
      <c r="N730256" s="10"/>
    </row>
    <row r="730257" spans="14:14">
      <c r="N730257" s="10"/>
    </row>
    <row r="730258" spans="14:14">
      <c r="N730258" s="10"/>
    </row>
    <row r="730259" spans="14:14">
      <c r="N730259" s="10"/>
    </row>
    <row r="730260" spans="14:14">
      <c r="N730260" s="10"/>
    </row>
    <row r="730261" spans="14:14">
      <c r="N730261" s="10"/>
    </row>
    <row r="730262" spans="14:14">
      <c r="N730262" s="10"/>
    </row>
    <row r="730263" spans="14:14">
      <c r="N730263" s="10"/>
    </row>
    <row r="730264" spans="14:14">
      <c r="N730264" s="10"/>
    </row>
    <row r="730265" spans="14:14">
      <c r="N730265" s="10"/>
    </row>
    <row r="730266" spans="14:14">
      <c r="N730266" s="10"/>
    </row>
    <row r="730267" spans="14:14">
      <c r="N730267" s="10"/>
    </row>
    <row r="730268" spans="14:14">
      <c r="N730268" s="10"/>
    </row>
    <row r="730269" spans="14:14">
      <c r="N730269" s="10"/>
    </row>
    <row r="730270" spans="14:14">
      <c r="N730270" s="10"/>
    </row>
    <row r="730271" spans="14:14">
      <c r="N730271" s="10"/>
    </row>
    <row r="730272" spans="14:14">
      <c r="N730272" s="10"/>
    </row>
    <row r="730273" spans="14:14">
      <c r="N730273" s="10"/>
    </row>
    <row r="730274" spans="14:14">
      <c r="N730274" s="10"/>
    </row>
    <row r="730275" spans="14:14">
      <c r="N730275" s="10"/>
    </row>
    <row r="730276" spans="14:14">
      <c r="N730276" s="10"/>
    </row>
    <row r="730277" spans="14:14">
      <c r="N730277" s="10"/>
    </row>
    <row r="730278" spans="14:14">
      <c r="N730278" s="10"/>
    </row>
    <row r="730279" spans="14:14">
      <c r="N730279" s="10"/>
    </row>
    <row r="730280" spans="14:14">
      <c r="N730280" s="10"/>
    </row>
    <row r="730281" spans="14:14">
      <c r="N730281" s="10"/>
    </row>
    <row r="730282" spans="14:14">
      <c r="N730282" s="10"/>
    </row>
    <row r="730283" spans="14:14">
      <c r="N730283" s="10"/>
    </row>
    <row r="730284" spans="14:14">
      <c r="N730284" s="10"/>
    </row>
    <row r="730285" spans="14:14">
      <c r="N730285" s="10"/>
    </row>
    <row r="730286" spans="14:14">
      <c r="N730286" s="10"/>
    </row>
    <row r="730287" spans="14:14">
      <c r="N730287" s="10"/>
    </row>
    <row r="730288" spans="14:14">
      <c r="N730288" s="10"/>
    </row>
    <row r="730289" spans="14:14">
      <c r="N730289" s="10"/>
    </row>
    <row r="730290" spans="14:14">
      <c r="N730290" s="10"/>
    </row>
    <row r="730291" spans="14:14">
      <c r="N730291" s="10"/>
    </row>
    <row r="730292" spans="14:14">
      <c r="N730292" s="10"/>
    </row>
    <row r="730293" spans="14:14">
      <c r="N730293" s="10"/>
    </row>
    <row r="730294" spans="14:14">
      <c r="N730294" s="10"/>
    </row>
    <row r="730295" spans="14:14">
      <c r="N730295" s="10"/>
    </row>
    <row r="730296" spans="14:14">
      <c r="N730296" s="10"/>
    </row>
    <row r="730297" spans="14:14">
      <c r="N730297" s="10"/>
    </row>
    <row r="730298" spans="14:14">
      <c r="N730298" s="10"/>
    </row>
    <row r="730299" spans="14:14">
      <c r="N730299" s="10"/>
    </row>
    <row r="730300" spans="14:14">
      <c r="N730300" s="10"/>
    </row>
    <row r="730301" spans="14:14">
      <c r="N730301" s="10"/>
    </row>
    <row r="730302" spans="14:14">
      <c r="N730302" s="10"/>
    </row>
    <row r="730303" spans="14:14">
      <c r="N730303" s="10"/>
    </row>
    <row r="730304" spans="14:14">
      <c r="N730304" s="10"/>
    </row>
    <row r="730305" spans="14:14">
      <c r="N730305" s="10"/>
    </row>
    <row r="730306" spans="14:14">
      <c r="N730306" s="10"/>
    </row>
    <row r="730307" spans="14:14">
      <c r="N730307" s="10"/>
    </row>
    <row r="730308" spans="14:14">
      <c r="N730308" s="10"/>
    </row>
    <row r="730309" spans="14:14">
      <c r="N730309" s="10"/>
    </row>
    <row r="730310" spans="14:14">
      <c r="N730310" s="10"/>
    </row>
    <row r="730311" spans="14:14">
      <c r="N730311" s="10"/>
    </row>
    <row r="730312" spans="14:14">
      <c r="N730312" s="10"/>
    </row>
    <row r="730313" spans="14:14">
      <c r="N730313" s="10"/>
    </row>
    <row r="730314" spans="14:14">
      <c r="N730314" s="10"/>
    </row>
    <row r="730315" spans="14:14">
      <c r="N730315" s="10"/>
    </row>
    <row r="730316" spans="14:14">
      <c r="N730316" s="10"/>
    </row>
    <row r="730317" spans="14:14">
      <c r="N730317" s="10"/>
    </row>
    <row r="730318" spans="14:14">
      <c r="N730318" s="10"/>
    </row>
    <row r="730319" spans="14:14">
      <c r="N730319" s="10"/>
    </row>
    <row r="730320" spans="14:14">
      <c r="N730320" s="10"/>
    </row>
    <row r="730321" spans="14:14">
      <c r="N730321" s="10"/>
    </row>
    <row r="730322" spans="14:14">
      <c r="N730322" s="10"/>
    </row>
    <row r="730323" spans="14:14">
      <c r="N730323" s="10"/>
    </row>
    <row r="730324" spans="14:14">
      <c r="N730324" s="10"/>
    </row>
    <row r="730325" spans="14:14">
      <c r="N730325" s="10"/>
    </row>
    <row r="730326" spans="14:14">
      <c r="N730326" s="10"/>
    </row>
    <row r="730327" spans="14:14">
      <c r="N730327" s="10"/>
    </row>
    <row r="730328" spans="14:14">
      <c r="N730328" s="10"/>
    </row>
    <row r="730329" spans="14:14">
      <c r="N730329" s="10"/>
    </row>
    <row r="730330" spans="14:14">
      <c r="N730330" s="10"/>
    </row>
    <row r="730331" spans="14:14">
      <c r="N730331" s="10"/>
    </row>
    <row r="730332" spans="14:14">
      <c r="N730332" s="10"/>
    </row>
    <row r="730333" spans="14:14">
      <c r="N730333" s="10"/>
    </row>
    <row r="730334" spans="14:14">
      <c r="N730334" s="10"/>
    </row>
    <row r="730335" spans="14:14">
      <c r="N730335" s="10"/>
    </row>
    <row r="730336" spans="14:14">
      <c r="N730336" s="10"/>
    </row>
    <row r="730337" spans="14:14">
      <c r="N730337" s="10"/>
    </row>
    <row r="730338" spans="14:14">
      <c r="N730338" s="10"/>
    </row>
    <row r="730339" spans="14:14">
      <c r="N730339" s="10"/>
    </row>
    <row r="730340" spans="14:14">
      <c r="N730340" s="10"/>
    </row>
    <row r="730341" spans="14:14">
      <c r="N730341" s="10"/>
    </row>
    <row r="730342" spans="14:14">
      <c r="N730342" s="10"/>
    </row>
    <row r="730343" spans="14:14">
      <c r="N730343" s="10"/>
    </row>
    <row r="730344" spans="14:14">
      <c r="N730344" s="10"/>
    </row>
    <row r="730345" spans="14:14">
      <c r="N730345" s="10"/>
    </row>
    <row r="730346" spans="14:14">
      <c r="N730346" s="10"/>
    </row>
    <row r="730347" spans="14:14">
      <c r="N730347" s="10"/>
    </row>
    <row r="730348" spans="14:14">
      <c r="N730348" s="10"/>
    </row>
    <row r="730349" spans="14:14">
      <c r="N730349" s="10"/>
    </row>
    <row r="730350" spans="14:14">
      <c r="N730350" s="10"/>
    </row>
    <row r="730351" spans="14:14">
      <c r="N730351" s="10"/>
    </row>
    <row r="730352" spans="14:14">
      <c r="N730352" s="10"/>
    </row>
    <row r="730353" spans="14:14">
      <c r="N730353" s="10"/>
    </row>
    <row r="730354" spans="14:14">
      <c r="N730354" s="10"/>
    </row>
    <row r="730355" spans="14:14">
      <c r="N730355" s="10"/>
    </row>
    <row r="730356" spans="14:14">
      <c r="N730356" s="10"/>
    </row>
    <row r="730357" spans="14:14">
      <c r="N730357" s="10"/>
    </row>
    <row r="730358" spans="14:14">
      <c r="N730358" s="10"/>
    </row>
    <row r="730359" spans="14:14">
      <c r="N730359" s="10"/>
    </row>
    <row r="730360" spans="14:14">
      <c r="N730360" s="10"/>
    </row>
    <row r="730361" spans="14:14">
      <c r="N730361" s="10"/>
    </row>
    <row r="730362" spans="14:14">
      <c r="N730362" s="10"/>
    </row>
    <row r="730363" spans="14:14">
      <c r="N730363" s="10"/>
    </row>
    <row r="730364" spans="14:14">
      <c r="N730364" s="10"/>
    </row>
    <row r="730365" spans="14:14">
      <c r="N730365" s="10"/>
    </row>
    <row r="730366" spans="14:14">
      <c r="N730366" s="10"/>
    </row>
    <row r="730367" spans="14:14">
      <c r="N730367" s="10"/>
    </row>
    <row r="730368" spans="14:14">
      <c r="N730368" s="10"/>
    </row>
    <row r="730369" spans="14:14">
      <c r="N730369" s="10"/>
    </row>
    <row r="730370" spans="14:14">
      <c r="N730370" s="10"/>
    </row>
    <row r="730371" spans="14:14">
      <c r="N730371" s="10"/>
    </row>
    <row r="730372" spans="14:14">
      <c r="N730372" s="10"/>
    </row>
    <row r="730373" spans="14:14">
      <c r="N730373" s="10"/>
    </row>
    <row r="730374" spans="14:14">
      <c r="N730374" s="10"/>
    </row>
    <row r="730375" spans="14:14">
      <c r="N730375" s="10"/>
    </row>
    <row r="730376" spans="14:14">
      <c r="N730376" s="10"/>
    </row>
    <row r="730377" spans="14:14">
      <c r="N730377" s="10"/>
    </row>
    <row r="730378" spans="14:14">
      <c r="N730378" s="10"/>
    </row>
    <row r="730379" spans="14:14">
      <c r="N730379" s="10"/>
    </row>
    <row r="730380" spans="14:14">
      <c r="N730380" s="10"/>
    </row>
    <row r="730381" spans="14:14">
      <c r="N730381" s="10"/>
    </row>
    <row r="730382" spans="14:14">
      <c r="N730382" s="10"/>
    </row>
    <row r="730383" spans="14:14">
      <c r="N730383" s="10"/>
    </row>
    <row r="730384" spans="14:14">
      <c r="N730384" s="10"/>
    </row>
    <row r="730385" spans="14:14">
      <c r="N730385" s="10"/>
    </row>
    <row r="730386" spans="14:14">
      <c r="N730386" s="10"/>
    </row>
    <row r="730387" spans="14:14">
      <c r="N730387" s="10"/>
    </row>
    <row r="730388" spans="14:14">
      <c r="N730388" s="10"/>
    </row>
    <row r="730389" spans="14:14">
      <c r="N730389" s="10"/>
    </row>
    <row r="730390" spans="14:14">
      <c r="N730390" s="10"/>
    </row>
    <row r="730391" spans="14:14">
      <c r="N730391" s="10"/>
    </row>
    <row r="730392" spans="14:14">
      <c r="N730392" s="10"/>
    </row>
    <row r="730393" spans="14:14">
      <c r="N730393" s="10"/>
    </row>
    <row r="730394" spans="14:14">
      <c r="N730394" s="10"/>
    </row>
    <row r="730395" spans="14:14">
      <c r="N730395" s="10"/>
    </row>
    <row r="730396" spans="14:14">
      <c r="N730396" s="10"/>
    </row>
    <row r="730397" spans="14:14">
      <c r="N730397" s="10"/>
    </row>
    <row r="730398" spans="14:14">
      <c r="N730398" s="10"/>
    </row>
    <row r="730399" spans="14:14">
      <c r="N730399" s="10"/>
    </row>
    <row r="730400" spans="14:14">
      <c r="N730400" s="10"/>
    </row>
    <row r="730401" spans="14:14">
      <c r="N730401" s="10"/>
    </row>
    <row r="730402" spans="14:14">
      <c r="N730402" s="10"/>
    </row>
    <row r="730403" spans="14:14">
      <c r="N730403" s="10"/>
    </row>
    <row r="730404" spans="14:14">
      <c r="N730404" s="10"/>
    </row>
    <row r="730405" spans="14:14">
      <c r="N730405" s="10"/>
    </row>
    <row r="730406" spans="14:14">
      <c r="N730406" s="10"/>
    </row>
    <row r="730407" spans="14:14">
      <c r="N730407" s="10"/>
    </row>
    <row r="730408" spans="14:14">
      <c r="N730408" s="10"/>
    </row>
    <row r="730409" spans="14:14">
      <c r="N730409" s="10"/>
    </row>
    <row r="730410" spans="14:14">
      <c r="N730410" s="10"/>
    </row>
    <row r="730411" spans="14:14">
      <c r="N730411" s="10"/>
    </row>
    <row r="730412" spans="14:14">
      <c r="N730412" s="10"/>
    </row>
    <row r="730413" spans="14:14">
      <c r="N730413" s="10"/>
    </row>
    <row r="730414" spans="14:14">
      <c r="N730414" s="10"/>
    </row>
    <row r="730415" spans="14:14">
      <c r="N730415" s="10"/>
    </row>
    <row r="730416" spans="14:14">
      <c r="N730416" s="10"/>
    </row>
    <row r="730417" spans="14:14">
      <c r="N730417" s="10"/>
    </row>
    <row r="730418" spans="14:14">
      <c r="N730418" s="10"/>
    </row>
    <row r="730419" spans="14:14">
      <c r="N730419" s="10"/>
    </row>
    <row r="730420" spans="14:14">
      <c r="N730420" s="10"/>
    </row>
    <row r="730421" spans="14:14">
      <c r="N730421" s="10"/>
    </row>
    <row r="730422" spans="14:14">
      <c r="N730422" s="10"/>
    </row>
    <row r="730423" spans="14:14">
      <c r="N730423" s="10"/>
    </row>
    <row r="730424" spans="14:14">
      <c r="N730424" s="10"/>
    </row>
    <row r="730425" spans="14:14">
      <c r="N730425" s="10"/>
    </row>
    <row r="730426" spans="14:14">
      <c r="N730426" s="10"/>
    </row>
    <row r="730427" spans="14:14">
      <c r="N730427" s="10"/>
    </row>
    <row r="730428" spans="14:14">
      <c r="N730428" s="10"/>
    </row>
    <row r="730429" spans="14:14">
      <c r="N730429" s="10"/>
    </row>
    <row r="730430" spans="14:14">
      <c r="N730430" s="10"/>
    </row>
    <row r="730431" spans="14:14">
      <c r="N730431" s="10"/>
    </row>
    <row r="730432" spans="14:14">
      <c r="N730432" s="10"/>
    </row>
    <row r="730433" spans="14:14">
      <c r="N730433" s="10"/>
    </row>
    <row r="730434" spans="14:14">
      <c r="N730434" s="10"/>
    </row>
    <row r="730435" spans="14:14">
      <c r="N730435" s="10"/>
    </row>
    <row r="730436" spans="14:14">
      <c r="N730436" s="10"/>
    </row>
    <row r="730437" spans="14:14">
      <c r="N730437" s="10"/>
    </row>
    <row r="730438" spans="14:14">
      <c r="N730438" s="10"/>
    </row>
    <row r="730439" spans="14:14">
      <c r="N730439" s="10"/>
    </row>
    <row r="730440" spans="14:14">
      <c r="N730440" s="10"/>
    </row>
    <row r="730441" spans="14:14">
      <c r="N730441" s="10"/>
    </row>
    <row r="730442" spans="14:14">
      <c r="N730442" s="10"/>
    </row>
    <row r="730443" spans="14:14">
      <c r="N730443" s="10"/>
    </row>
    <row r="730444" spans="14:14">
      <c r="N730444" s="10"/>
    </row>
    <row r="730445" spans="14:14">
      <c r="N730445" s="10"/>
    </row>
    <row r="730446" spans="14:14">
      <c r="N730446" s="10"/>
    </row>
    <row r="730447" spans="14:14">
      <c r="N730447" s="10"/>
    </row>
    <row r="730448" spans="14:14">
      <c r="N730448" s="10"/>
    </row>
    <row r="730449" spans="14:14">
      <c r="N730449" s="10"/>
    </row>
    <row r="730450" spans="14:14">
      <c r="N730450" s="10"/>
    </row>
    <row r="730451" spans="14:14">
      <c r="N730451" s="10"/>
    </row>
    <row r="730452" spans="14:14">
      <c r="N730452" s="10"/>
    </row>
    <row r="730453" spans="14:14">
      <c r="N730453" s="10"/>
    </row>
    <row r="730454" spans="14:14">
      <c r="N730454" s="10"/>
    </row>
    <row r="730455" spans="14:14">
      <c r="N730455" s="10"/>
    </row>
    <row r="730456" spans="14:14">
      <c r="N730456" s="10"/>
    </row>
    <row r="730457" spans="14:14">
      <c r="N730457" s="10"/>
    </row>
    <row r="730458" spans="14:14">
      <c r="N730458" s="10"/>
    </row>
    <row r="730459" spans="14:14">
      <c r="N730459" s="10"/>
    </row>
    <row r="730460" spans="14:14">
      <c r="N730460" s="10"/>
    </row>
    <row r="730461" spans="14:14">
      <c r="N730461" s="10"/>
    </row>
    <row r="730462" spans="14:14">
      <c r="N730462" s="10"/>
    </row>
    <row r="730463" spans="14:14">
      <c r="N730463" s="10"/>
    </row>
    <row r="730464" spans="14:14">
      <c r="N730464" s="10"/>
    </row>
    <row r="730465" spans="14:14">
      <c r="N730465" s="10"/>
    </row>
    <row r="730466" spans="14:14">
      <c r="N730466" s="10"/>
    </row>
    <row r="730467" spans="14:14">
      <c r="N730467" s="10"/>
    </row>
    <row r="730468" spans="14:14">
      <c r="N730468" s="10"/>
    </row>
    <row r="730469" spans="14:14">
      <c r="N730469" s="10"/>
    </row>
    <row r="730470" spans="14:14">
      <c r="N730470" s="10"/>
    </row>
    <row r="730471" spans="14:14">
      <c r="N730471" s="10"/>
    </row>
    <row r="730472" spans="14:14">
      <c r="N730472" s="10"/>
    </row>
    <row r="730473" spans="14:14">
      <c r="N730473" s="10"/>
    </row>
    <row r="730474" spans="14:14">
      <c r="N730474" s="10"/>
    </row>
    <row r="730475" spans="14:14">
      <c r="N730475" s="10"/>
    </row>
    <row r="730476" spans="14:14">
      <c r="N730476" s="10"/>
    </row>
    <row r="730477" spans="14:14">
      <c r="N730477" s="10"/>
    </row>
    <row r="730478" spans="14:14">
      <c r="N730478" s="10"/>
    </row>
    <row r="730479" spans="14:14">
      <c r="N730479" s="10"/>
    </row>
    <row r="730480" spans="14:14">
      <c r="N730480" s="10"/>
    </row>
    <row r="730481" spans="14:14">
      <c r="N730481" s="10"/>
    </row>
    <row r="730482" spans="14:14">
      <c r="N730482" s="10"/>
    </row>
    <row r="730483" spans="14:14">
      <c r="N730483" s="10"/>
    </row>
    <row r="730484" spans="14:14">
      <c r="N730484" s="10"/>
    </row>
    <row r="730485" spans="14:14">
      <c r="N730485" s="10"/>
    </row>
    <row r="730486" spans="14:14">
      <c r="N730486" s="10"/>
    </row>
    <row r="730487" spans="14:14">
      <c r="N730487" s="10"/>
    </row>
    <row r="730488" spans="14:14">
      <c r="N730488" s="10"/>
    </row>
    <row r="730489" spans="14:14">
      <c r="N730489" s="10"/>
    </row>
    <row r="730490" spans="14:14">
      <c r="N730490" s="10"/>
    </row>
    <row r="730491" spans="14:14">
      <c r="N730491" s="10"/>
    </row>
    <row r="730492" spans="14:14">
      <c r="N730492" s="10"/>
    </row>
    <row r="730493" spans="14:14">
      <c r="N730493" s="10"/>
    </row>
    <row r="730494" spans="14:14">
      <c r="N730494" s="10"/>
    </row>
    <row r="730495" spans="14:14">
      <c r="N730495" s="10"/>
    </row>
    <row r="730496" spans="14:14">
      <c r="N730496" s="10"/>
    </row>
    <row r="730497" spans="14:14">
      <c r="N730497" s="10"/>
    </row>
    <row r="730498" spans="14:14">
      <c r="N730498" s="10"/>
    </row>
    <row r="730499" spans="14:14">
      <c r="N730499" s="10"/>
    </row>
    <row r="730500" spans="14:14">
      <c r="N730500" s="10"/>
    </row>
    <row r="730501" spans="14:14">
      <c r="N730501" s="10"/>
    </row>
    <row r="730502" spans="14:14">
      <c r="N730502" s="10"/>
    </row>
    <row r="730503" spans="14:14">
      <c r="N730503" s="10"/>
    </row>
    <row r="730504" spans="14:14">
      <c r="N730504" s="10"/>
    </row>
    <row r="730505" spans="14:14">
      <c r="N730505" s="10"/>
    </row>
    <row r="730506" spans="14:14">
      <c r="N730506" s="10"/>
    </row>
    <row r="730507" spans="14:14">
      <c r="N730507" s="10"/>
    </row>
    <row r="730508" spans="14:14">
      <c r="N730508" s="10"/>
    </row>
    <row r="730509" spans="14:14">
      <c r="N730509" s="10"/>
    </row>
    <row r="730510" spans="14:14">
      <c r="N730510" s="10"/>
    </row>
    <row r="730511" spans="14:14">
      <c r="N730511" s="10"/>
    </row>
    <row r="730512" spans="14:14">
      <c r="N730512" s="10"/>
    </row>
    <row r="730513" spans="14:14">
      <c r="N730513" s="10"/>
    </row>
    <row r="730514" spans="14:14">
      <c r="N730514" s="10"/>
    </row>
    <row r="730515" spans="14:14">
      <c r="N730515" s="10"/>
    </row>
    <row r="730516" spans="14:14">
      <c r="N730516" s="10"/>
    </row>
    <row r="730517" spans="14:14">
      <c r="N730517" s="10"/>
    </row>
    <row r="730518" spans="14:14">
      <c r="N730518" s="10"/>
    </row>
    <row r="730519" spans="14:14">
      <c r="N730519" s="10"/>
    </row>
    <row r="730520" spans="14:14">
      <c r="N730520" s="10"/>
    </row>
    <row r="730521" spans="14:14">
      <c r="N730521" s="10"/>
    </row>
    <row r="730522" spans="14:14">
      <c r="N730522" s="10"/>
    </row>
    <row r="730523" spans="14:14">
      <c r="N730523" s="10"/>
    </row>
    <row r="730524" spans="14:14">
      <c r="N730524" s="10"/>
    </row>
    <row r="730525" spans="14:14">
      <c r="N730525" s="10"/>
    </row>
    <row r="730526" spans="14:14">
      <c r="N730526" s="10"/>
    </row>
    <row r="730527" spans="14:14">
      <c r="N730527" s="10"/>
    </row>
    <row r="730528" spans="14:14">
      <c r="N730528" s="10"/>
    </row>
    <row r="730529" spans="14:14">
      <c r="N730529" s="10"/>
    </row>
    <row r="730530" spans="14:14">
      <c r="N730530" s="10"/>
    </row>
    <row r="730531" spans="14:14">
      <c r="N730531" s="10"/>
    </row>
    <row r="730532" spans="14:14">
      <c r="N730532" s="10"/>
    </row>
    <row r="730533" spans="14:14">
      <c r="N730533" s="10"/>
    </row>
    <row r="730534" spans="14:14">
      <c r="N730534" s="10"/>
    </row>
    <row r="730535" spans="14:14">
      <c r="N730535" s="10"/>
    </row>
    <row r="730536" spans="14:14">
      <c r="N730536" s="10"/>
    </row>
    <row r="730537" spans="14:14">
      <c r="N730537" s="10"/>
    </row>
    <row r="730538" spans="14:14">
      <c r="N730538" s="10"/>
    </row>
    <row r="730539" spans="14:14">
      <c r="N730539" s="10"/>
    </row>
    <row r="730540" spans="14:14">
      <c r="N730540" s="10"/>
    </row>
    <row r="730541" spans="14:14">
      <c r="N730541" s="10"/>
    </row>
    <row r="730542" spans="14:14">
      <c r="N730542" s="10"/>
    </row>
    <row r="730543" spans="14:14">
      <c r="N730543" s="10"/>
    </row>
    <row r="730544" spans="14:14">
      <c r="N730544" s="10"/>
    </row>
    <row r="730545" spans="14:14">
      <c r="N730545" s="10"/>
    </row>
    <row r="730546" spans="14:14">
      <c r="N730546" s="10"/>
    </row>
    <row r="730547" spans="14:14">
      <c r="N730547" s="10"/>
    </row>
    <row r="730548" spans="14:14">
      <c r="N730548" s="10"/>
    </row>
    <row r="730549" spans="14:14">
      <c r="N730549" s="10"/>
    </row>
    <row r="730550" spans="14:14">
      <c r="N730550" s="10"/>
    </row>
    <row r="730551" spans="14:14">
      <c r="N730551" s="10"/>
    </row>
    <row r="730552" spans="14:14">
      <c r="N730552" s="10"/>
    </row>
    <row r="730553" spans="14:14">
      <c r="N730553" s="10"/>
    </row>
    <row r="730554" spans="14:14">
      <c r="N730554" s="10"/>
    </row>
    <row r="730555" spans="14:14">
      <c r="N730555" s="10"/>
    </row>
    <row r="730556" spans="14:14">
      <c r="N730556" s="10"/>
    </row>
    <row r="730557" spans="14:14">
      <c r="N730557" s="10"/>
    </row>
    <row r="730558" spans="14:14">
      <c r="N730558" s="10"/>
    </row>
    <row r="730559" spans="14:14">
      <c r="N730559" s="10"/>
    </row>
    <row r="730560" spans="14:14">
      <c r="N730560" s="10"/>
    </row>
    <row r="730561" spans="14:14">
      <c r="N730561" s="10"/>
    </row>
    <row r="730562" spans="14:14">
      <c r="N730562" s="10"/>
    </row>
    <row r="730563" spans="14:14">
      <c r="N730563" s="10"/>
    </row>
    <row r="730564" spans="14:14">
      <c r="N730564" s="10"/>
    </row>
    <row r="730565" spans="14:14">
      <c r="N730565" s="10"/>
    </row>
    <row r="730566" spans="14:14">
      <c r="N730566" s="10"/>
    </row>
    <row r="730567" spans="14:14">
      <c r="N730567" s="10"/>
    </row>
    <row r="730568" spans="14:14">
      <c r="N730568" s="10"/>
    </row>
    <row r="730569" spans="14:14">
      <c r="N730569" s="10"/>
    </row>
    <row r="730570" spans="14:14">
      <c r="N730570" s="10"/>
    </row>
    <row r="730571" spans="14:14">
      <c r="N730571" s="10"/>
    </row>
    <row r="730572" spans="14:14">
      <c r="N730572" s="10"/>
    </row>
    <row r="730573" spans="14:14">
      <c r="N730573" s="10"/>
    </row>
    <row r="730574" spans="14:14">
      <c r="N730574" s="10"/>
    </row>
    <row r="730575" spans="14:14">
      <c r="N730575" s="10"/>
    </row>
    <row r="730576" spans="14:14">
      <c r="N730576" s="10"/>
    </row>
    <row r="730577" spans="14:14">
      <c r="N730577" s="10"/>
    </row>
    <row r="730578" spans="14:14">
      <c r="N730578" s="10"/>
    </row>
    <row r="730579" spans="14:14">
      <c r="N730579" s="10"/>
    </row>
    <row r="730580" spans="14:14">
      <c r="N730580" s="10"/>
    </row>
    <row r="730581" spans="14:14">
      <c r="N730581" s="10"/>
    </row>
    <row r="730582" spans="14:14">
      <c r="N730582" s="10"/>
    </row>
    <row r="730583" spans="14:14">
      <c r="N730583" s="10"/>
    </row>
    <row r="730584" spans="14:14">
      <c r="N730584" s="10"/>
    </row>
    <row r="730585" spans="14:14">
      <c r="N730585" s="10"/>
    </row>
    <row r="730586" spans="14:14">
      <c r="N730586" s="10"/>
    </row>
    <row r="730587" spans="14:14">
      <c r="N730587" s="10"/>
    </row>
    <row r="730588" spans="14:14">
      <c r="N730588" s="10"/>
    </row>
    <row r="730589" spans="14:14">
      <c r="N730589" s="10"/>
    </row>
    <row r="730590" spans="14:14">
      <c r="N730590" s="10"/>
    </row>
    <row r="730591" spans="14:14">
      <c r="N730591" s="10"/>
    </row>
    <row r="730592" spans="14:14">
      <c r="N730592" s="10"/>
    </row>
    <row r="730593" spans="14:14">
      <c r="N730593" s="10"/>
    </row>
    <row r="730594" spans="14:14">
      <c r="N730594" s="10"/>
    </row>
    <row r="730595" spans="14:14">
      <c r="N730595" s="10"/>
    </row>
    <row r="730596" spans="14:14">
      <c r="N730596" s="10"/>
    </row>
    <row r="730597" spans="14:14">
      <c r="N730597" s="10"/>
    </row>
    <row r="730598" spans="14:14">
      <c r="N730598" s="10"/>
    </row>
    <row r="730599" spans="14:14">
      <c r="N730599" s="10"/>
    </row>
    <row r="730600" spans="14:14">
      <c r="N730600" s="10"/>
    </row>
    <row r="730601" spans="14:14">
      <c r="N730601" s="10"/>
    </row>
    <row r="730602" spans="14:14">
      <c r="N730602" s="10"/>
    </row>
    <row r="730603" spans="14:14">
      <c r="N730603" s="10"/>
    </row>
    <row r="730604" spans="14:14">
      <c r="N730604" s="10"/>
    </row>
    <row r="730605" spans="14:14">
      <c r="N730605" s="10"/>
    </row>
    <row r="730606" spans="14:14">
      <c r="N730606" s="10"/>
    </row>
    <row r="730607" spans="14:14">
      <c r="N730607" s="10"/>
    </row>
    <row r="730608" spans="14:14">
      <c r="N730608" s="10"/>
    </row>
    <row r="730609" spans="14:14">
      <c r="N730609" s="10"/>
    </row>
    <row r="730610" spans="14:14">
      <c r="N730610" s="10"/>
    </row>
    <row r="730611" spans="14:14">
      <c r="N730611" s="10"/>
    </row>
    <row r="730612" spans="14:14">
      <c r="N730612" s="10"/>
    </row>
    <row r="730613" spans="14:14">
      <c r="N730613" s="10"/>
    </row>
    <row r="730614" spans="14:14">
      <c r="N730614" s="10"/>
    </row>
    <row r="730615" spans="14:14">
      <c r="N730615" s="10"/>
    </row>
    <row r="730616" spans="14:14">
      <c r="N730616" s="10"/>
    </row>
    <row r="730617" spans="14:14">
      <c r="N730617" s="10"/>
    </row>
    <row r="730618" spans="14:14">
      <c r="N730618" s="10"/>
    </row>
    <row r="730619" spans="14:14">
      <c r="N730619" s="10"/>
    </row>
    <row r="730620" spans="14:14">
      <c r="N730620" s="10"/>
    </row>
    <row r="730621" spans="14:14">
      <c r="N730621" s="10"/>
    </row>
    <row r="730622" spans="14:14">
      <c r="N730622" s="10"/>
    </row>
    <row r="730623" spans="14:14">
      <c r="N730623" s="10"/>
    </row>
    <row r="730624" spans="14:14">
      <c r="N730624" s="10"/>
    </row>
    <row r="730625" spans="14:14">
      <c r="N730625" s="10"/>
    </row>
    <row r="730626" spans="14:14">
      <c r="N730626" s="10"/>
    </row>
    <row r="730627" spans="14:14">
      <c r="N730627" s="10"/>
    </row>
    <row r="730628" spans="14:14">
      <c r="N730628" s="10"/>
    </row>
    <row r="730629" spans="14:14">
      <c r="N730629" s="10"/>
    </row>
    <row r="730630" spans="14:14">
      <c r="N730630" s="10"/>
    </row>
    <row r="730631" spans="14:14">
      <c r="N730631" s="10"/>
    </row>
    <row r="730632" spans="14:14">
      <c r="N730632" s="10"/>
    </row>
    <row r="730633" spans="14:14">
      <c r="N730633" s="10"/>
    </row>
    <row r="730634" spans="14:14">
      <c r="N730634" s="10"/>
    </row>
    <row r="730635" spans="14:14">
      <c r="N730635" s="10"/>
    </row>
    <row r="730636" spans="14:14">
      <c r="N730636" s="10"/>
    </row>
    <row r="730637" spans="14:14">
      <c r="N730637" s="10"/>
    </row>
    <row r="730638" spans="14:14">
      <c r="N730638" s="10"/>
    </row>
    <row r="730639" spans="14:14">
      <c r="N730639" s="10"/>
    </row>
    <row r="730640" spans="14:14">
      <c r="N730640" s="10"/>
    </row>
    <row r="730641" spans="14:14">
      <c r="N730641" s="10"/>
    </row>
    <row r="730642" spans="14:14">
      <c r="N730642" s="10"/>
    </row>
    <row r="730643" spans="14:14">
      <c r="N730643" s="10"/>
    </row>
    <row r="730644" spans="14:14">
      <c r="N730644" s="10"/>
    </row>
    <row r="730645" spans="14:14">
      <c r="N730645" s="10"/>
    </row>
    <row r="730646" spans="14:14">
      <c r="N730646" s="10"/>
    </row>
    <row r="730647" spans="14:14">
      <c r="N730647" s="10"/>
    </row>
    <row r="730648" spans="14:14">
      <c r="N730648" s="10"/>
    </row>
    <row r="730649" spans="14:14">
      <c r="N730649" s="10"/>
    </row>
    <row r="730650" spans="14:14">
      <c r="N730650" s="10"/>
    </row>
    <row r="730651" spans="14:14">
      <c r="N730651" s="10"/>
    </row>
    <row r="730652" spans="14:14">
      <c r="N730652" s="10"/>
    </row>
    <row r="730653" spans="14:14">
      <c r="N730653" s="10"/>
    </row>
    <row r="730654" spans="14:14">
      <c r="N730654" s="10"/>
    </row>
    <row r="730655" spans="14:14">
      <c r="N730655" s="10"/>
    </row>
    <row r="730656" spans="14:14">
      <c r="N730656" s="10"/>
    </row>
    <row r="730657" spans="14:14">
      <c r="N730657" s="10"/>
    </row>
    <row r="730658" spans="14:14">
      <c r="N730658" s="10"/>
    </row>
    <row r="730659" spans="14:14">
      <c r="N730659" s="10"/>
    </row>
    <row r="730660" spans="14:14">
      <c r="N730660" s="10"/>
    </row>
    <row r="730661" spans="14:14">
      <c r="N730661" s="10"/>
    </row>
    <row r="730662" spans="14:14">
      <c r="N730662" s="10"/>
    </row>
    <row r="730663" spans="14:14">
      <c r="N730663" s="10"/>
    </row>
    <row r="730664" spans="14:14">
      <c r="N730664" s="10"/>
    </row>
    <row r="730665" spans="14:14">
      <c r="N730665" s="10"/>
    </row>
    <row r="730666" spans="14:14">
      <c r="N730666" s="10"/>
    </row>
    <row r="730667" spans="14:14">
      <c r="N730667" s="10"/>
    </row>
    <row r="730668" spans="14:14">
      <c r="N730668" s="10"/>
    </row>
    <row r="730669" spans="14:14">
      <c r="N730669" s="10"/>
    </row>
    <row r="730670" spans="14:14">
      <c r="N730670" s="10"/>
    </row>
    <row r="730671" spans="14:14">
      <c r="N730671" s="10"/>
    </row>
    <row r="730672" spans="14:14">
      <c r="N730672" s="10"/>
    </row>
    <row r="730673" spans="14:14">
      <c r="N730673" s="10"/>
    </row>
    <row r="730674" spans="14:14">
      <c r="N730674" s="10"/>
    </row>
    <row r="730675" spans="14:14">
      <c r="N730675" s="10"/>
    </row>
    <row r="730676" spans="14:14">
      <c r="N730676" s="10"/>
    </row>
    <row r="730677" spans="14:14">
      <c r="N730677" s="10"/>
    </row>
    <row r="730678" spans="14:14">
      <c r="N730678" s="10"/>
    </row>
    <row r="730679" spans="14:14">
      <c r="N730679" s="10"/>
    </row>
    <row r="730680" spans="14:14">
      <c r="N730680" s="10"/>
    </row>
    <row r="730681" spans="14:14">
      <c r="N730681" s="10"/>
    </row>
    <row r="730682" spans="14:14">
      <c r="N730682" s="10"/>
    </row>
    <row r="730683" spans="14:14">
      <c r="N730683" s="10"/>
    </row>
    <row r="730684" spans="14:14">
      <c r="N730684" s="10"/>
    </row>
    <row r="730685" spans="14:14">
      <c r="N730685" s="10"/>
    </row>
    <row r="730686" spans="14:14">
      <c r="N730686" s="10"/>
    </row>
    <row r="730687" spans="14:14">
      <c r="N730687" s="10"/>
    </row>
    <row r="730688" spans="14:14">
      <c r="N730688" s="10"/>
    </row>
    <row r="730689" spans="14:14">
      <c r="N730689" s="10"/>
    </row>
    <row r="730690" spans="14:14">
      <c r="N730690" s="10"/>
    </row>
    <row r="730691" spans="14:14">
      <c r="N730691" s="10"/>
    </row>
    <row r="730692" spans="14:14">
      <c r="N730692" s="10"/>
    </row>
    <row r="730693" spans="14:14">
      <c r="N730693" s="10"/>
    </row>
    <row r="730694" spans="14:14">
      <c r="N730694" s="10"/>
    </row>
    <row r="730695" spans="14:14">
      <c r="N730695" s="10"/>
    </row>
    <row r="730696" spans="14:14">
      <c r="N730696" s="10"/>
    </row>
    <row r="730697" spans="14:14">
      <c r="N730697" s="10"/>
    </row>
    <row r="730698" spans="14:14">
      <c r="N730698" s="10"/>
    </row>
    <row r="730699" spans="14:14">
      <c r="N730699" s="10"/>
    </row>
    <row r="730700" spans="14:14">
      <c r="N730700" s="10"/>
    </row>
    <row r="730701" spans="14:14">
      <c r="N730701" s="10"/>
    </row>
    <row r="730702" spans="14:14">
      <c r="N730702" s="10"/>
    </row>
    <row r="730703" spans="14:14">
      <c r="N730703" s="10"/>
    </row>
    <row r="730704" spans="14:14">
      <c r="N730704" s="10"/>
    </row>
    <row r="730705" spans="14:14">
      <c r="N730705" s="10"/>
    </row>
    <row r="730706" spans="14:14">
      <c r="N730706" s="10"/>
    </row>
    <row r="730707" spans="14:14">
      <c r="N730707" s="10"/>
    </row>
    <row r="730708" spans="14:14">
      <c r="N730708" s="10"/>
    </row>
    <row r="730709" spans="14:14">
      <c r="N730709" s="10"/>
    </row>
    <row r="730710" spans="14:14">
      <c r="N730710" s="10"/>
    </row>
    <row r="730711" spans="14:14">
      <c r="N730711" s="10"/>
    </row>
    <row r="730712" spans="14:14">
      <c r="N730712" s="10"/>
    </row>
    <row r="730713" spans="14:14">
      <c r="N730713" s="10"/>
    </row>
    <row r="730714" spans="14:14">
      <c r="N730714" s="10"/>
    </row>
    <row r="730715" spans="14:14">
      <c r="N730715" s="10"/>
    </row>
    <row r="730716" spans="14:14">
      <c r="N730716" s="10"/>
    </row>
    <row r="730717" spans="14:14">
      <c r="N730717" s="10"/>
    </row>
    <row r="730718" spans="14:14">
      <c r="N730718" s="10"/>
    </row>
    <row r="730719" spans="14:14">
      <c r="N730719" s="10"/>
    </row>
    <row r="730720" spans="14:14">
      <c r="N730720" s="10"/>
    </row>
    <row r="730721" spans="14:14">
      <c r="N730721" s="10"/>
    </row>
    <row r="730722" spans="14:14">
      <c r="N730722" s="10"/>
    </row>
    <row r="730723" spans="14:14">
      <c r="N730723" s="10"/>
    </row>
    <row r="730724" spans="14:14">
      <c r="N730724" s="10"/>
    </row>
    <row r="730725" spans="14:14">
      <c r="N730725" s="10"/>
    </row>
    <row r="730726" spans="14:14">
      <c r="N730726" s="10"/>
    </row>
    <row r="730727" spans="14:14">
      <c r="N730727" s="10"/>
    </row>
    <row r="730728" spans="14:14">
      <c r="N730728" s="10"/>
    </row>
    <row r="730729" spans="14:14">
      <c r="N730729" s="10"/>
    </row>
    <row r="730730" spans="14:14">
      <c r="N730730" s="10"/>
    </row>
    <row r="730731" spans="14:14">
      <c r="N730731" s="10"/>
    </row>
    <row r="730732" spans="14:14">
      <c r="N730732" s="10"/>
    </row>
    <row r="730733" spans="14:14">
      <c r="N730733" s="10"/>
    </row>
    <row r="730734" spans="14:14">
      <c r="N730734" s="10"/>
    </row>
    <row r="730735" spans="14:14">
      <c r="N730735" s="10"/>
    </row>
    <row r="730736" spans="14:14">
      <c r="N730736" s="10"/>
    </row>
    <row r="730737" spans="14:14">
      <c r="N730737" s="10"/>
    </row>
    <row r="730738" spans="14:14">
      <c r="N730738" s="10"/>
    </row>
    <row r="730739" spans="14:14">
      <c r="N730739" s="10"/>
    </row>
    <row r="730740" spans="14:14">
      <c r="N730740" s="10"/>
    </row>
    <row r="730741" spans="14:14">
      <c r="N730741" s="10"/>
    </row>
    <row r="730742" spans="14:14">
      <c r="N730742" s="10"/>
    </row>
    <row r="730743" spans="14:14">
      <c r="N730743" s="10"/>
    </row>
    <row r="730744" spans="14:14">
      <c r="N730744" s="10"/>
    </row>
    <row r="730745" spans="14:14">
      <c r="N730745" s="10"/>
    </row>
    <row r="730746" spans="14:14">
      <c r="N730746" s="10"/>
    </row>
    <row r="730747" spans="14:14">
      <c r="N730747" s="10"/>
    </row>
    <row r="730748" spans="14:14">
      <c r="N730748" s="10"/>
    </row>
    <row r="730749" spans="14:14">
      <c r="N730749" s="10"/>
    </row>
    <row r="730750" spans="14:14">
      <c r="N730750" s="10"/>
    </row>
    <row r="730751" spans="14:14">
      <c r="N730751" s="10"/>
    </row>
    <row r="730752" spans="14:14">
      <c r="N730752" s="10"/>
    </row>
    <row r="730753" spans="14:14">
      <c r="N730753" s="10"/>
    </row>
    <row r="730754" spans="14:14">
      <c r="N730754" s="10"/>
    </row>
    <row r="730755" spans="14:14">
      <c r="N730755" s="10"/>
    </row>
    <row r="730756" spans="14:14">
      <c r="N730756" s="10"/>
    </row>
    <row r="730757" spans="14:14">
      <c r="N730757" s="10"/>
    </row>
    <row r="730758" spans="14:14">
      <c r="N730758" s="10"/>
    </row>
    <row r="730759" spans="14:14">
      <c r="N730759" s="10"/>
    </row>
    <row r="730760" spans="14:14">
      <c r="N730760" s="10"/>
    </row>
    <row r="730761" spans="14:14">
      <c r="N730761" s="10"/>
    </row>
    <row r="730762" spans="14:14">
      <c r="N730762" s="10"/>
    </row>
    <row r="730763" spans="14:14">
      <c r="N730763" s="10"/>
    </row>
    <row r="730764" spans="14:14">
      <c r="N730764" s="10"/>
    </row>
    <row r="730765" spans="14:14">
      <c r="N730765" s="10"/>
    </row>
    <row r="730766" spans="14:14">
      <c r="N730766" s="10"/>
    </row>
    <row r="730767" spans="14:14">
      <c r="N730767" s="10"/>
    </row>
    <row r="730768" spans="14:14">
      <c r="N730768" s="10"/>
    </row>
    <row r="730769" spans="14:14">
      <c r="N730769" s="10"/>
    </row>
    <row r="730770" spans="14:14">
      <c r="N730770" s="10"/>
    </row>
    <row r="730771" spans="14:14">
      <c r="N730771" s="10"/>
    </row>
    <row r="730772" spans="14:14">
      <c r="N730772" s="10"/>
    </row>
    <row r="730773" spans="14:14">
      <c r="N730773" s="10"/>
    </row>
    <row r="730774" spans="14:14">
      <c r="N730774" s="10"/>
    </row>
    <row r="730775" spans="14:14">
      <c r="N730775" s="10"/>
    </row>
    <row r="730776" spans="14:14">
      <c r="N730776" s="10"/>
    </row>
    <row r="730777" spans="14:14">
      <c r="N730777" s="10"/>
    </row>
    <row r="730778" spans="14:14">
      <c r="N730778" s="10"/>
    </row>
    <row r="730779" spans="14:14">
      <c r="N730779" s="10"/>
    </row>
    <row r="730780" spans="14:14">
      <c r="N730780" s="10"/>
    </row>
    <row r="730781" spans="14:14">
      <c r="N730781" s="10"/>
    </row>
    <row r="730782" spans="14:14">
      <c r="N730782" s="10"/>
    </row>
    <row r="730783" spans="14:14">
      <c r="N730783" s="10"/>
    </row>
    <row r="730784" spans="14:14">
      <c r="N730784" s="10"/>
    </row>
    <row r="730785" spans="14:14">
      <c r="N730785" s="10"/>
    </row>
    <row r="730786" spans="14:14">
      <c r="N730786" s="10"/>
    </row>
    <row r="730787" spans="14:14">
      <c r="N730787" s="10"/>
    </row>
    <row r="730788" spans="14:14">
      <c r="N730788" s="10"/>
    </row>
    <row r="730789" spans="14:14">
      <c r="N730789" s="10"/>
    </row>
    <row r="730790" spans="14:14">
      <c r="N730790" s="10"/>
    </row>
    <row r="730791" spans="14:14">
      <c r="N730791" s="10"/>
    </row>
    <row r="730792" spans="14:14">
      <c r="N730792" s="10"/>
    </row>
    <row r="730793" spans="14:14">
      <c r="N730793" s="10"/>
    </row>
    <row r="730794" spans="14:14">
      <c r="N730794" s="10"/>
    </row>
    <row r="730795" spans="14:14">
      <c r="N730795" s="10"/>
    </row>
    <row r="730796" spans="14:14">
      <c r="N730796" s="10"/>
    </row>
    <row r="730797" spans="14:14">
      <c r="N730797" s="10"/>
    </row>
    <row r="730798" spans="14:14">
      <c r="N730798" s="10"/>
    </row>
    <row r="730799" spans="14:14">
      <c r="N730799" s="10"/>
    </row>
    <row r="730800" spans="14:14">
      <c r="N730800" s="10"/>
    </row>
    <row r="730801" spans="14:14">
      <c r="N730801" s="10"/>
    </row>
    <row r="730802" spans="14:14">
      <c r="N730802" s="10"/>
    </row>
    <row r="730803" spans="14:14">
      <c r="N730803" s="10"/>
    </row>
    <row r="730804" spans="14:14">
      <c r="N730804" s="10"/>
    </row>
    <row r="730805" spans="14:14">
      <c r="N730805" s="10"/>
    </row>
    <row r="730806" spans="14:14">
      <c r="N730806" s="10"/>
    </row>
    <row r="730807" spans="14:14">
      <c r="N730807" s="10"/>
    </row>
    <row r="730808" spans="14:14">
      <c r="N730808" s="10"/>
    </row>
    <row r="730809" spans="14:14">
      <c r="N730809" s="10"/>
    </row>
    <row r="730810" spans="14:14">
      <c r="N730810" s="10"/>
    </row>
    <row r="730811" spans="14:14">
      <c r="N730811" s="10"/>
    </row>
    <row r="730812" spans="14:14">
      <c r="N730812" s="10"/>
    </row>
    <row r="730813" spans="14:14">
      <c r="N730813" s="10"/>
    </row>
    <row r="730814" spans="14:14">
      <c r="N730814" s="10"/>
    </row>
    <row r="730815" spans="14:14">
      <c r="N730815" s="10"/>
    </row>
    <row r="730816" spans="14:14">
      <c r="N730816" s="10"/>
    </row>
    <row r="730817" spans="14:14">
      <c r="N730817" s="10"/>
    </row>
    <row r="730818" spans="14:14">
      <c r="N730818" s="10"/>
    </row>
    <row r="730819" spans="14:14">
      <c r="N730819" s="10"/>
    </row>
    <row r="730820" spans="14:14">
      <c r="N730820" s="10"/>
    </row>
    <row r="730821" spans="14:14">
      <c r="N730821" s="10"/>
    </row>
    <row r="730822" spans="14:14">
      <c r="N730822" s="10"/>
    </row>
    <row r="730823" spans="14:14">
      <c r="N730823" s="10"/>
    </row>
    <row r="730824" spans="14:14">
      <c r="N730824" s="10"/>
    </row>
    <row r="730825" spans="14:14">
      <c r="N730825" s="10"/>
    </row>
    <row r="730826" spans="14:14">
      <c r="N730826" s="10"/>
    </row>
    <row r="730827" spans="14:14">
      <c r="N730827" s="10"/>
    </row>
    <row r="730828" spans="14:14">
      <c r="N730828" s="10"/>
    </row>
    <row r="730829" spans="14:14">
      <c r="N730829" s="10"/>
    </row>
    <row r="730830" spans="14:14">
      <c r="N730830" s="10"/>
    </row>
    <row r="730831" spans="14:14">
      <c r="N730831" s="10"/>
    </row>
    <row r="730832" spans="14:14">
      <c r="N730832" s="10"/>
    </row>
    <row r="730833" spans="14:14">
      <c r="N730833" s="10"/>
    </row>
    <row r="730834" spans="14:14">
      <c r="N730834" s="10"/>
    </row>
    <row r="730835" spans="14:14">
      <c r="N730835" s="10"/>
    </row>
    <row r="730836" spans="14:14">
      <c r="N730836" s="10"/>
    </row>
    <row r="730837" spans="14:14">
      <c r="N730837" s="10"/>
    </row>
    <row r="730838" spans="14:14">
      <c r="N730838" s="10"/>
    </row>
    <row r="730839" spans="14:14">
      <c r="N730839" s="10"/>
    </row>
    <row r="730840" spans="14:14">
      <c r="N730840" s="10"/>
    </row>
    <row r="730841" spans="14:14">
      <c r="N730841" s="10"/>
    </row>
    <row r="730842" spans="14:14">
      <c r="N730842" s="10"/>
    </row>
    <row r="730843" spans="14:14">
      <c r="N730843" s="10"/>
    </row>
    <row r="730844" spans="14:14">
      <c r="N730844" s="10"/>
    </row>
    <row r="730845" spans="14:14">
      <c r="N730845" s="10"/>
    </row>
    <row r="730846" spans="14:14">
      <c r="N730846" s="10"/>
    </row>
    <row r="730847" spans="14:14">
      <c r="N730847" s="10"/>
    </row>
    <row r="730848" spans="14:14">
      <c r="N730848" s="10"/>
    </row>
    <row r="730849" spans="14:14">
      <c r="N730849" s="10"/>
    </row>
    <row r="730850" spans="14:14">
      <c r="N730850" s="10"/>
    </row>
    <row r="730851" spans="14:14">
      <c r="N730851" s="10"/>
    </row>
    <row r="730852" spans="14:14">
      <c r="N730852" s="10"/>
    </row>
    <row r="730853" spans="14:14">
      <c r="N730853" s="10"/>
    </row>
    <row r="730854" spans="14:14">
      <c r="N730854" s="10"/>
    </row>
    <row r="730855" spans="14:14">
      <c r="N730855" s="10"/>
    </row>
    <row r="730856" spans="14:14">
      <c r="N730856" s="10"/>
    </row>
    <row r="730857" spans="14:14">
      <c r="N730857" s="10"/>
    </row>
    <row r="730858" spans="14:14">
      <c r="N730858" s="10"/>
    </row>
    <row r="730859" spans="14:14">
      <c r="N730859" s="10"/>
    </row>
    <row r="730860" spans="14:14">
      <c r="N730860" s="10"/>
    </row>
    <row r="730861" spans="14:14">
      <c r="N730861" s="10"/>
    </row>
    <row r="730862" spans="14:14">
      <c r="N730862" s="10"/>
    </row>
    <row r="730863" spans="14:14">
      <c r="N730863" s="10"/>
    </row>
    <row r="730864" spans="14:14">
      <c r="N730864" s="10"/>
    </row>
    <row r="730865" spans="14:14">
      <c r="N730865" s="10"/>
    </row>
    <row r="730866" spans="14:14">
      <c r="N730866" s="10"/>
    </row>
    <row r="730867" spans="14:14">
      <c r="N730867" s="10"/>
    </row>
    <row r="730868" spans="14:14">
      <c r="N730868" s="10"/>
    </row>
    <row r="730869" spans="14:14">
      <c r="N730869" s="10"/>
    </row>
    <row r="730870" spans="14:14">
      <c r="N730870" s="10"/>
    </row>
    <row r="730871" spans="14:14">
      <c r="N730871" s="10"/>
    </row>
    <row r="730872" spans="14:14">
      <c r="N730872" s="10"/>
    </row>
    <row r="730873" spans="14:14">
      <c r="N730873" s="10"/>
    </row>
    <row r="730874" spans="14:14">
      <c r="N730874" s="10"/>
    </row>
    <row r="730875" spans="14:14">
      <c r="N730875" s="10"/>
    </row>
    <row r="730876" spans="14:14">
      <c r="N730876" s="10"/>
    </row>
    <row r="730877" spans="14:14">
      <c r="N730877" s="10"/>
    </row>
    <row r="730878" spans="14:14">
      <c r="N730878" s="10"/>
    </row>
    <row r="730879" spans="14:14">
      <c r="N730879" s="10"/>
    </row>
    <row r="730880" spans="14:14">
      <c r="N730880" s="10"/>
    </row>
    <row r="730881" spans="14:14">
      <c r="N730881" s="10"/>
    </row>
    <row r="730882" spans="14:14">
      <c r="N730882" s="10"/>
    </row>
    <row r="730883" spans="14:14">
      <c r="N730883" s="10"/>
    </row>
    <row r="730884" spans="14:14">
      <c r="N730884" s="10"/>
    </row>
    <row r="730885" spans="14:14">
      <c r="N730885" s="10"/>
    </row>
    <row r="730886" spans="14:14">
      <c r="N730886" s="10"/>
    </row>
    <row r="730887" spans="14:14">
      <c r="N730887" s="10"/>
    </row>
    <row r="730888" spans="14:14">
      <c r="N730888" s="10"/>
    </row>
    <row r="730889" spans="14:14">
      <c r="N730889" s="10"/>
    </row>
    <row r="730890" spans="14:14">
      <c r="N730890" s="10"/>
    </row>
    <row r="730891" spans="14:14">
      <c r="N730891" s="10"/>
    </row>
    <row r="730892" spans="14:14">
      <c r="N730892" s="10"/>
    </row>
    <row r="730893" spans="14:14">
      <c r="N730893" s="10"/>
    </row>
    <row r="730894" spans="14:14">
      <c r="N730894" s="10"/>
    </row>
    <row r="730895" spans="14:14">
      <c r="N730895" s="10"/>
    </row>
    <row r="730896" spans="14:14">
      <c r="N730896" s="10"/>
    </row>
    <row r="730897" spans="14:14">
      <c r="N730897" s="10"/>
    </row>
    <row r="730898" spans="14:14">
      <c r="N730898" s="10"/>
    </row>
    <row r="730899" spans="14:14">
      <c r="N730899" s="10"/>
    </row>
    <row r="730900" spans="14:14">
      <c r="N730900" s="10"/>
    </row>
    <row r="730901" spans="14:14">
      <c r="N730901" s="10"/>
    </row>
    <row r="730902" spans="14:14">
      <c r="N730902" s="10"/>
    </row>
    <row r="730903" spans="14:14">
      <c r="N730903" s="10"/>
    </row>
    <row r="730904" spans="14:14">
      <c r="N730904" s="10"/>
    </row>
    <row r="730905" spans="14:14">
      <c r="N730905" s="10"/>
    </row>
    <row r="730906" spans="14:14">
      <c r="N730906" s="10"/>
    </row>
    <row r="730907" spans="14:14">
      <c r="N730907" s="10"/>
    </row>
    <row r="730908" spans="14:14">
      <c r="N730908" s="10"/>
    </row>
    <row r="730909" spans="14:14">
      <c r="N730909" s="10"/>
    </row>
    <row r="730910" spans="14:14">
      <c r="N730910" s="10"/>
    </row>
    <row r="730911" spans="14:14">
      <c r="N730911" s="10"/>
    </row>
    <row r="730912" spans="14:14">
      <c r="N730912" s="10"/>
    </row>
    <row r="730913" spans="14:14">
      <c r="N730913" s="10"/>
    </row>
    <row r="730914" spans="14:14">
      <c r="N730914" s="10"/>
    </row>
    <row r="730915" spans="14:14">
      <c r="N730915" s="10"/>
    </row>
    <row r="730916" spans="14:14">
      <c r="N730916" s="10"/>
    </row>
    <row r="730917" spans="14:14">
      <c r="N730917" s="10"/>
    </row>
    <row r="730918" spans="14:14">
      <c r="N730918" s="10"/>
    </row>
    <row r="730919" spans="14:14">
      <c r="N730919" s="10"/>
    </row>
    <row r="730920" spans="14:14">
      <c r="N730920" s="10"/>
    </row>
    <row r="730921" spans="14:14">
      <c r="N730921" s="10"/>
    </row>
    <row r="730922" spans="14:14">
      <c r="N730922" s="10"/>
    </row>
    <row r="730923" spans="14:14">
      <c r="N730923" s="10"/>
    </row>
    <row r="730924" spans="14:14">
      <c r="N730924" s="10"/>
    </row>
    <row r="730925" spans="14:14">
      <c r="N730925" s="10"/>
    </row>
    <row r="730926" spans="14:14">
      <c r="N730926" s="10"/>
    </row>
    <row r="730927" spans="14:14">
      <c r="N730927" s="10"/>
    </row>
    <row r="730928" spans="14:14">
      <c r="N730928" s="10"/>
    </row>
    <row r="730929" spans="14:14">
      <c r="N730929" s="10"/>
    </row>
    <row r="730930" spans="14:14">
      <c r="N730930" s="10"/>
    </row>
    <row r="730931" spans="14:14">
      <c r="N730931" s="10"/>
    </row>
    <row r="730932" spans="14:14">
      <c r="N730932" s="10"/>
    </row>
    <row r="730933" spans="14:14">
      <c r="N730933" s="10"/>
    </row>
    <row r="730934" spans="14:14">
      <c r="N730934" s="10"/>
    </row>
    <row r="730935" spans="14:14">
      <c r="N730935" s="10"/>
    </row>
    <row r="730936" spans="14:14">
      <c r="N730936" s="10"/>
    </row>
    <row r="730937" spans="14:14">
      <c r="N730937" s="10"/>
    </row>
    <row r="730938" spans="14:14">
      <c r="N730938" s="10"/>
    </row>
    <row r="730939" spans="14:14">
      <c r="N730939" s="10"/>
    </row>
    <row r="730940" spans="14:14">
      <c r="N730940" s="10"/>
    </row>
    <row r="730941" spans="14:14">
      <c r="N730941" s="10"/>
    </row>
    <row r="730942" spans="14:14">
      <c r="N730942" s="10"/>
    </row>
    <row r="730943" spans="14:14">
      <c r="N730943" s="10"/>
    </row>
    <row r="730944" spans="14:14">
      <c r="N730944" s="10"/>
    </row>
    <row r="730945" spans="14:14">
      <c r="N730945" s="10"/>
    </row>
    <row r="730946" spans="14:14">
      <c r="N730946" s="10"/>
    </row>
    <row r="730947" spans="14:14">
      <c r="N730947" s="10"/>
    </row>
    <row r="730948" spans="14:14">
      <c r="N730948" s="10"/>
    </row>
    <row r="730949" spans="14:14">
      <c r="N730949" s="10"/>
    </row>
    <row r="730950" spans="14:14">
      <c r="N730950" s="10"/>
    </row>
    <row r="730951" spans="14:14">
      <c r="N730951" s="10"/>
    </row>
    <row r="730952" spans="14:14">
      <c r="N730952" s="10"/>
    </row>
    <row r="730953" spans="14:14">
      <c r="N730953" s="10"/>
    </row>
    <row r="730954" spans="14:14">
      <c r="N730954" s="10"/>
    </row>
    <row r="730955" spans="14:14">
      <c r="N730955" s="10"/>
    </row>
    <row r="730956" spans="14:14">
      <c r="N730956" s="10"/>
    </row>
    <row r="730957" spans="14:14">
      <c r="N730957" s="10"/>
    </row>
    <row r="730958" spans="14:14">
      <c r="N730958" s="10"/>
    </row>
    <row r="730959" spans="14:14">
      <c r="N730959" s="10"/>
    </row>
    <row r="730960" spans="14:14">
      <c r="N730960" s="10"/>
    </row>
    <row r="730961" spans="14:14">
      <c r="N730961" s="10"/>
    </row>
    <row r="730962" spans="14:14">
      <c r="N730962" s="10"/>
    </row>
    <row r="730963" spans="14:14">
      <c r="N730963" s="10"/>
    </row>
    <row r="730964" spans="14:14">
      <c r="N730964" s="10"/>
    </row>
    <row r="730965" spans="14:14">
      <c r="N730965" s="10"/>
    </row>
    <row r="730966" spans="14:14">
      <c r="N730966" s="10"/>
    </row>
    <row r="730967" spans="14:14">
      <c r="N730967" s="10"/>
    </row>
    <row r="730968" spans="14:14">
      <c r="N730968" s="10"/>
    </row>
    <row r="730969" spans="14:14">
      <c r="N730969" s="10"/>
    </row>
    <row r="730970" spans="14:14">
      <c r="N730970" s="10"/>
    </row>
    <row r="730971" spans="14:14">
      <c r="N730971" s="10"/>
    </row>
    <row r="730972" spans="14:14">
      <c r="N730972" s="10"/>
    </row>
    <row r="730973" spans="14:14">
      <c r="N730973" s="10"/>
    </row>
    <row r="730974" spans="14:14">
      <c r="N730974" s="10"/>
    </row>
    <row r="730975" spans="14:14">
      <c r="N730975" s="10"/>
    </row>
    <row r="730976" spans="14:14">
      <c r="N730976" s="10"/>
    </row>
    <row r="730977" spans="14:14">
      <c r="N730977" s="10"/>
    </row>
    <row r="730978" spans="14:14">
      <c r="N730978" s="10"/>
    </row>
    <row r="730979" spans="14:14">
      <c r="N730979" s="10"/>
    </row>
    <row r="730980" spans="14:14">
      <c r="N730980" s="10"/>
    </row>
    <row r="730981" spans="14:14">
      <c r="N730981" s="10"/>
    </row>
    <row r="730982" spans="14:14">
      <c r="N730982" s="10"/>
    </row>
    <row r="730983" spans="14:14">
      <c r="N730983" s="10"/>
    </row>
    <row r="730984" spans="14:14">
      <c r="N730984" s="10"/>
    </row>
    <row r="730985" spans="14:14">
      <c r="N730985" s="10"/>
    </row>
    <row r="730986" spans="14:14">
      <c r="N730986" s="10"/>
    </row>
    <row r="730987" spans="14:14">
      <c r="N730987" s="10"/>
    </row>
    <row r="730988" spans="14:14">
      <c r="N730988" s="10"/>
    </row>
    <row r="730989" spans="14:14">
      <c r="N730989" s="10"/>
    </row>
    <row r="730990" spans="14:14">
      <c r="N730990" s="10"/>
    </row>
    <row r="730991" spans="14:14">
      <c r="N730991" s="10"/>
    </row>
    <row r="730992" spans="14:14">
      <c r="N730992" s="10"/>
    </row>
    <row r="730993" spans="14:14">
      <c r="N730993" s="10"/>
    </row>
    <row r="730994" spans="14:14">
      <c r="N730994" s="10"/>
    </row>
    <row r="730995" spans="14:14">
      <c r="N730995" s="10"/>
    </row>
    <row r="730996" spans="14:14">
      <c r="N730996" s="10"/>
    </row>
    <row r="730997" spans="14:14">
      <c r="N730997" s="10"/>
    </row>
    <row r="730998" spans="14:14">
      <c r="N730998" s="10"/>
    </row>
    <row r="730999" spans="14:14">
      <c r="N730999" s="10"/>
    </row>
    <row r="731000" spans="14:14">
      <c r="N731000" s="10"/>
    </row>
    <row r="731001" spans="14:14">
      <c r="N731001" s="10"/>
    </row>
    <row r="731002" spans="14:14">
      <c r="N731002" s="10"/>
    </row>
    <row r="731003" spans="14:14">
      <c r="N731003" s="10"/>
    </row>
    <row r="731004" spans="14:14">
      <c r="N731004" s="10"/>
    </row>
    <row r="731005" spans="14:14">
      <c r="N731005" s="10"/>
    </row>
    <row r="731006" spans="14:14">
      <c r="N731006" s="10"/>
    </row>
    <row r="731007" spans="14:14">
      <c r="N731007" s="10"/>
    </row>
    <row r="731008" spans="14:14">
      <c r="N731008" s="10"/>
    </row>
    <row r="731009" spans="14:14">
      <c r="N731009" s="10"/>
    </row>
    <row r="731010" spans="14:14">
      <c r="N731010" s="10"/>
    </row>
    <row r="731011" spans="14:14">
      <c r="N731011" s="10"/>
    </row>
    <row r="731012" spans="14:14">
      <c r="N731012" s="10"/>
    </row>
    <row r="731013" spans="14:14">
      <c r="N731013" s="10"/>
    </row>
    <row r="731014" spans="14:14">
      <c r="N731014" s="10"/>
    </row>
    <row r="731015" spans="14:14">
      <c r="N731015" s="10"/>
    </row>
    <row r="731016" spans="14:14">
      <c r="N731016" s="10"/>
    </row>
    <row r="731017" spans="14:14">
      <c r="N731017" s="10"/>
    </row>
    <row r="731018" spans="14:14">
      <c r="N731018" s="10"/>
    </row>
    <row r="731019" spans="14:14">
      <c r="N731019" s="10"/>
    </row>
    <row r="731020" spans="14:14">
      <c r="N731020" s="10"/>
    </row>
    <row r="731021" spans="14:14">
      <c r="N731021" s="10"/>
    </row>
    <row r="731022" spans="14:14">
      <c r="N731022" s="10"/>
    </row>
    <row r="731023" spans="14:14">
      <c r="N731023" s="10"/>
    </row>
    <row r="731024" spans="14:14">
      <c r="N731024" s="10"/>
    </row>
    <row r="731025" spans="14:14">
      <c r="N731025" s="10"/>
    </row>
    <row r="731026" spans="14:14">
      <c r="N731026" s="10"/>
    </row>
    <row r="731027" spans="14:14">
      <c r="N731027" s="10"/>
    </row>
    <row r="731028" spans="14:14">
      <c r="N731028" s="10"/>
    </row>
    <row r="731029" spans="14:14">
      <c r="N731029" s="10"/>
    </row>
    <row r="731030" spans="14:14">
      <c r="N731030" s="10"/>
    </row>
    <row r="731031" spans="14:14">
      <c r="N731031" s="10"/>
    </row>
    <row r="731032" spans="14:14">
      <c r="N731032" s="10"/>
    </row>
    <row r="731033" spans="14:14">
      <c r="N731033" s="10"/>
    </row>
    <row r="731034" spans="14:14">
      <c r="N731034" s="10"/>
    </row>
    <row r="731035" spans="14:14">
      <c r="N731035" s="10"/>
    </row>
    <row r="731036" spans="14:14">
      <c r="N731036" s="10"/>
    </row>
    <row r="731037" spans="14:14">
      <c r="N731037" s="10"/>
    </row>
    <row r="731038" spans="14:14">
      <c r="N731038" s="10"/>
    </row>
    <row r="731039" spans="14:14">
      <c r="N731039" s="10"/>
    </row>
    <row r="731040" spans="14:14">
      <c r="N731040" s="10"/>
    </row>
    <row r="731041" spans="14:14">
      <c r="N731041" s="10"/>
    </row>
    <row r="731042" spans="14:14">
      <c r="N731042" s="10"/>
    </row>
    <row r="731043" spans="14:14">
      <c r="N731043" s="10"/>
    </row>
    <row r="731044" spans="14:14">
      <c r="N731044" s="10"/>
    </row>
    <row r="731045" spans="14:14">
      <c r="N731045" s="10"/>
    </row>
    <row r="731046" spans="14:14">
      <c r="N731046" s="10"/>
    </row>
    <row r="731047" spans="14:14">
      <c r="N731047" s="10"/>
    </row>
    <row r="731048" spans="14:14">
      <c r="N731048" s="10"/>
    </row>
    <row r="731049" spans="14:14">
      <c r="N731049" s="10"/>
    </row>
    <row r="731050" spans="14:14">
      <c r="N731050" s="10"/>
    </row>
    <row r="731051" spans="14:14">
      <c r="N731051" s="10"/>
    </row>
    <row r="731052" spans="14:14">
      <c r="N731052" s="10"/>
    </row>
    <row r="731053" spans="14:14">
      <c r="N731053" s="10"/>
    </row>
    <row r="731054" spans="14:14">
      <c r="N731054" s="10"/>
    </row>
    <row r="731055" spans="14:14">
      <c r="N731055" s="10"/>
    </row>
    <row r="731056" spans="14:14">
      <c r="N731056" s="10"/>
    </row>
    <row r="731057" spans="14:14">
      <c r="N731057" s="10"/>
    </row>
    <row r="731058" spans="14:14">
      <c r="N731058" s="10"/>
    </row>
    <row r="731059" spans="14:14">
      <c r="N731059" s="10"/>
    </row>
    <row r="731060" spans="14:14">
      <c r="N731060" s="10"/>
    </row>
    <row r="731061" spans="14:14">
      <c r="N731061" s="10"/>
    </row>
    <row r="731062" spans="14:14">
      <c r="N731062" s="10"/>
    </row>
    <row r="731063" spans="14:14">
      <c r="N731063" s="10"/>
    </row>
    <row r="731064" spans="14:14">
      <c r="N731064" s="10"/>
    </row>
    <row r="731065" spans="14:14">
      <c r="N731065" s="10"/>
    </row>
    <row r="731066" spans="14:14">
      <c r="N731066" s="10"/>
    </row>
    <row r="731067" spans="14:14">
      <c r="N731067" s="10"/>
    </row>
    <row r="731068" spans="14:14">
      <c r="N731068" s="10"/>
    </row>
    <row r="731069" spans="14:14">
      <c r="N731069" s="10"/>
    </row>
    <row r="731070" spans="14:14">
      <c r="N731070" s="10"/>
    </row>
    <row r="731071" spans="14:14">
      <c r="N731071" s="10"/>
    </row>
    <row r="731072" spans="14:14">
      <c r="N731072" s="10"/>
    </row>
    <row r="731073" spans="14:14">
      <c r="N731073" s="10"/>
    </row>
    <row r="731074" spans="14:14">
      <c r="N731074" s="10"/>
    </row>
    <row r="731075" spans="14:14">
      <c r="N731075" s="10"/>
    </row>
    <row r="731076" spans="14:14">
      <c r="N731076" s="10"/>
    </row>
    <row r="731077" spans="14:14">
      <c r="N731077" s="10"/>
    </row>
    <row r="731078" spans="14:14">
      <c r="N731078" s="10"/>
    </row>
    <row r="731079" spans="14:14">
      <c r="N731079" s="10"/>
    </row>
    <row r="731080" spans="14:14">
      <c r="N731080" s="10"/>
    </row>
    <row r="731081" spans="14:14">
      <c r="N731081" s="10"/>
    </row>
    <row r="731082" spans="14:14">
      <c r="N731082" s="10"/>
    </row>
    <row r="731083" spans="14:14">
      <c r="N731083" s="10"/>
    </row>
    <row r="731084" spans="14:14">
      <c r="N731084" s="10"/>
    </row>
    <row r="731085" spans="14:14">
      <c r="N731085" s="10"/>
    </row>
    <row r="731086" spans="14:14">
      <c r="N731086" s="10"/>
    </row>
    <row r="731087" spans="14:14">
      <c r="N731087" s="10"/>
    </row>
    <row r="731088" spans="14:14">
      <c r="N731088" s="10"/>
    </row>
    <row r="731089" spans="14:14">
      <c r="N731089" s="10"/>
    </row>
    <row r="731090" spans="14:14">
      <c r="N731090" s="10"/>
    </row>
    <row r="731091" spans="14:14">
      <c r="N731091" s="10"/>
    </row>
    <row r="731092" spans="14:14">
      <c r="N731092" s="10"/>
    </row>
    <row r="731093" spans="14:14">
      <c r="N731093" s="10"/>
    </row>
    <row r="731094" spans="14:14">
      <c r="N731094" s="10"/>
    </row>
    <row r="731095" spans="14:14">
      <c r="N731095" s="10"/>
    </row>
    <row r="731096" spans="14:14">
      <c r="N731096" s="10"/>
    </row>
    <row r="731097" spans="14:14">
      <c r="N731097" s="10"/>
    </row>
    <row r="731098" spans="14:14">
      <c r="N731098" s="10"/>
    </row>
    <row r="731099" spans="14:14">
      <c r="N731099" s="10"/>
    </row>
    <row r="731100" spans="14:14">
      <c r="N731100" s="10"/>
    </row>
    <row r="731101" spans="14:14">
      <c r="N731101" s="10"/>
    </row>
    <row r="731102" spans="14:14">
      <c r="N731102" s="10"/>
    </row>
    <row r="731103" spans="14:14">
      <c r="N731103" s="10"/>
    </row>
    <row r="731104" spans="14:14">
      <c r="N731104" s="10"/>
    </row>
    <row r="731105" spans="14:14">
      <c r="N731105" s="10"/>
    </row>
    <row r="731106" spans="14:14">
      <c r="N731106" s="10"/>
    </row>
    <row r="731107" spans="14:14">
      <c r="N731107" s="10"/>
    </row>
    <row r="731108" spans="14:14">
      <c r="N731108" s="10"/>
    </row>
    <row r="731109" spans="14:14">
      <c r="N731109" s="10"/>
    </row>
    <row r="731110" spans="14:14">
      <c r="N731110" s="10"/>
    </row>
    <row r="731111" spans="14:14">
      <c r="N731111" s="10"/>
    </row>
    <row r="731112" spans="14:14">
      <c r="N731112" s="10"/>
    </row>
    <row r="731113" spans="14:14">
      <c r="N731113" s="10"/>
    </row>
    <row r="731114" spans="14:14">
      <c r="N731114" s="10"/>
    </row>
    <row r="731115" spans="14:14">
      <c r="N731115" s="10"/>
    </row>
    <row r="731116" spans="14:14">
      <c r="N731116" s="10"/>
    </row>
    <row r="731117" spans="14:14">
      <c r="N731117" s="10"/>
    </row>
    <row r="731118" spans="14:14">
      <c r="N731118" s="10"/>
    </row>
    <row r="731119" spans="14:14">
      <c r="N731119" s="10"/>
    </row>
    <row r="731120" spans="14:14">
      <c r="N731120" s="10"/>
    </row>
    <row r="731121" spans="14:14">
      <c r="N731121" s="10"/>
    </row>
    <row r="731122" spans="14:14">
      <c r="N731122" s="10"/>
    </row>
    <row r="731123" spans="14:14">
      <c r="N731123" s="10"/>
    </row>
    <row r="731124" spans="14:14">
      <c r="N731124" s="10"/>
    </row>
    <row r="731125" spans="14:14">
      <c r="N731125" s="10"/>
    </row>
    <row r="731126" spans="14:14">
      <c r="N731126" s="10"/>
    </row>
    <row r="731127" spans="14:14">
      <c r="N731127" s="10"/>
    </row>
    <row r="731128" spans="14:14">
      <c r="N731128" s="10"/>
    </row>
    <row r="731129" spans="14:14">
      <c r="N731129" s="10"/>
    </row>
    <row r="731130" spans="14:14">
      <c r="N731130" s="10"/>
    </row>
    <row r="731131" spans="14:14">
      <c r="N731131" s="10"/>
    </row>
    <row r="731132" spans="14:14">
      <c r="N731132" s="10"/>
    </row>
    <row r="731133" spans="14:14">
      <c r="N731133" s="10"/>
    </row>
    <row r="731134" spans="14:14">
      <c r="N731134" s="10"/>
    </row>
    <row r="731135" spans="14:14">
      <c r="N731135" s="10"/>
    </row>
    <row r="731136" spans="14:14">
      <c r="N731136" s="10"/>
    </row>
    <row r="731137" spans="14:14">
      <c r="N731137" s="10"/>
    </row>
    <row r="731138" spans="14:14">
      <c r="N731138" s="10"/>
    </row>
    <row r="731139" spans="14:14">
      <c r="N731139" s="10"/>
    </row>
    <row r="731140" spans="14:14">
      <c r="N731140" s="10"/>
    </row>
    <row r="731141" spans="14:14">
      <c r="N731141" s="10"/>
    </row>
    <row r="731142" spans="14:14">
      <c r="N731142" s="10"/>
    </row>
    <row r="731143" spans="14:14">
      <c r="N731143" s="10"/>
    </row>
    <row r="731144" spans="14:14">
      <c r="N731144" s="10"/>
    </row>
    <row r="731145" spans="14:14">
      <c r="N731145" s="10"/>
    </row>
    <row r="731146" spans="14:14">
      <c r="N731146" s="10"/>
    </row>
    <row r="731147" spans="14:14">
      <c r="N731147" s="10"/>
    </row>
    <row r="731148" spans="14:14">
      <c r="N731148" s="10"/>
    </row>
    <row r="731149" spans="14:14">
      <c r="N731149" s="10"/>
    </row>
    <row r="731150" spans="14:14">
      <c r="N731150" s="10"/>
    </row>
    <row r="731151" spans="14:14">
      <c r="N731151" s="10"/>
    </row>
    <row r="731152" spans="14:14">
      <c r="N731152" s="10"/>
    </row>
    <row r="731153" spans="14:14">
      <c r="N731153" s="10"/>
    </row>
    <row r="731154" spans="14:14">
      <c r="N731154" s="10"/>
    </row>
    <row r="731155" spans="14:14">
      <c r="N731155" s="10"/>
    </row>
    <row r="731156" spans="14:14">
      <c r="N731156" s="10"/>
    </row>
    <row r="731157" spans="14:14">
      <c r="N731157" s="10"/>
    </row>
    <row r="731158" spans="14:14">
      <c r="N731158" s="10"/>
    </row>
    <row r="731159" spans="14:14">
      <c r="N731159" s="10"/>
    </row>
    <row r="731160" spans="14:14">
      <c r="N731160" s="10"/>
    </row>
    <row r="731161" spans="14:14">
      <c r="N731161" s="10"/>
    </row>
    <row r="731162" spans="14:14">
      <c r="N731162" s="10"/>
    </row>
    <row r="731163" spans="14:14">
      <c r="N731163" s="10"/>
    </row>
    <row r="731164" spans="14:14">
      <c r="N731164" s="10"/>
    </row>
    <row r="731165" spans="14:14">
      <c r="N731165" s="10"/>
    </row>
    <row r="731166" spans="14:14">
      <c r="N731166" s="10"/>
    </row>
    <row r="731167" spans="14:14">
      <c r="N731167" s="10"/>
    </row>
    <row r="731168" spans="14:14">
      <c r="N731168" s="10"/>
    </row>
    <row r="731169" spans="14:14">
      <c r="N731169" s="10"/>
    </row>
    <row r="731170" spans="14:14">
      <c r="N731170" s="10"/>
    </row>
    <row r="731171" spans="14:14">
      <c r="N731171" s="10"/>
    </row>
    <row r="731172" spans="14:14">
      <c r="N731172" s="10"/>
    </row>
    <row r="731173" spans="14:14">
      <c r="N731173" s="10"/>
    </row>
    <row r="731174" spans="14:14">
      <c r="N731174" s="10"/>
    </row>
    <row r="731175" spans="14:14">
      <c r="N731175" s="10"/>
    </row>
    <row r="731176" spans="14:14">
      <c r="N731176" s="10"/>
    </row>
    <row r="731177" spans="14:14">
      <c r="N731177" s="10"/>
    </row>
    <row r="731178" spans="14:14">
      <c r="N731178" s="10"/>
    </row>
    <row r="731179" spans="14:14">
      <c r="N731179" s="10"/>
    </row>
    <row r="731180" spans="14:14">
      <c r="N731180" s="10"/>
    </row>
    <row r="731181" spans="14:14">
      <c r="N731181" s="10"/>
    </row>
    <row r="731182" spans="14:14">
      <c r="N731182" s="10"/>
    </row>
    <row r="731183" spans="14:14">
      <c r="N731183" s="10"/>
    </row>
    <row r="731184" spans="14:14">
      <c r="N731184" s="10"/>
    </row>
    <row r="731185" spans="14:14">
      <c r="N731185" s="10"/>
    </row>
    <row r="731186" spans="14:14">
      <c r="N731186" s="10"/>
    </row>
    <row r="731187" spans="14:14">
      <c r="N731187" s="10"/>
    </row>
    <row r="731188" spans="14:14">
      <c r="N731188" s="10"/>
    </row>
    <row r="731189" spans="14:14">
      <c r="N731189" s="10"/>
    </row>
    <row r="731190" spans="14:14">
      <c r="N731190" s="10"/>
    </row>
    <row r="731191" spans="14:14">
      <c r="N731191" s="10"/>
    </row>
    <row r="731192" spans="14:14">
      <c r="N731192" s="10"/>
    </row>
    <row r="731193" spans="14:14">
      <c r="N731193" s="10"/>
    </row>
    <row r="731194" spans="14:14">
      <c r="N731194" s="10"/>
    </row>
    <row r="731195" spans="14:14">
      <c r="N731195" s="10"/>
    </row>
    <row r="731196" spans="14:14">
      <c r="N731196" s="10"/>
    </row>
    <row r="731197" spans="14:14">
      <c r="N731197" s="10"/>
    </row>
    <row r="731198" spans="14:14">
      <c r="N731198" s="10"/>
    </row>
    <row r="731199" spans="14:14">
      <c r="N731199" s="10"/>
    </row>
    <row r="731200" spans="14:14">
      <c r="N731200" s="10"/>
    </row>
    <row r="731201" spans="14:14">
      <c r="N731201" s="10"/>
    </row>
    <row r="731202" spans="14:14">
      <c r="N731202" s="10"/>
    </row>
    <row r="731203" spans="14:14">
      <c r="N731203" s="10"/>
    </row>
    <row r="731204" spans="14:14">
      <c r="N731204" s="10"/>
    </row>
    <row r="731205" spans="14:14">
      <c r="N731205" s="10"/>
    </row>
    <row r="731206" spans="14:14">
      <c r="N731206" s="10"/>
    </row>
    <row r="731207" spans="14:14">
      <c r="N731207" s="10"/>
    </row>
    <row r="731208" spans="14:14">
      <c r="N731208" s="10"/>
    </row>
    <row r="731209" spans="14:14">
      <c r="N731209" s="10"/>
    </row>
    <row r="731210" spans="14:14">
      <c r="N731210" s="10"/>
    </row>
    <row r="731211" spans="14:14">
      <c r="N731211" s="10"/>
    </row>
    <row r="731212" spans="14:14">
      <c r="N731212" s="10"/>
    </row>
    <row r="731213" spans="14:14">
      <c r="N731213" s="10"/>
    </row>
    <row r="731214" spans="14:14">
      <c r="N731214" s="10"/>
    </row>
    <row r="731215" spans="14:14">
      <c r="N731215" s="10"/>
    </row>
    <row r="731216" spans="14:14">
      <c r="N731216" s="10"/>
    </row>
    <row r="731217" spans="14:14">
      <c r="N731217" s="10"/>
    </row>
    <row r="731218" spans="14:14">
      <c r="N731218" s="10"/>
    </row>
    <row r="731219" spans="14:14">
      <c r="N731219" s="10"/>
    </row>
    <row r="731220" spans="14:14">
      <c r="N731220" s="10"/>
    </row>
    <row r="731221" spans="14:14">
      <c r="N731221" s="10"/>
    </row>
    <row r="731222" spans="14:14">
      <c r="N731222" s="10"/>
    </row>
    <row r="731223" spans="14:14">
      <c r="N731223" s="10"/>
    </row>
    <row r="731224" spans="14:14">
      <c r="N731224" s="10"/>
    </row>
    <row r="731225" spans="14:14">
      <c r="N731225" s="10"/>
    </row>
    <row r="731226" spans="14:14">
      <c r="N731226" s="10"/>
    </row>
    <row r="731227" spans="14:14">
      <c r="N731227" s="10"/>
    </row>
    <row r="731228" spans="14:14">
      <c r="N731228" s="10"/>
    </row>
    <row r="731229" spans="14:14">
      <c r="N731229" s="10"/>
    </row>
    <row r="731230" spans="14:14">
      <c r="N731230" s="10"/>
    </row>
    <row r="731231" spans="14:14">
      <c r="N731231" s="10"/>
    </row>
    <row r="731232" spans="14:14">
      <c r="N731232" s="10"/>
    </row>
    <row r="731233" spans="14:14">
      <c r="N731233" s="10"/>
    </row>
    <row r="731234" spans="14:14">
      <c r="N731234" s="10"/>
    </row>
    <row r="731235" spans="14:14">
      <c r="N731235" s="10"/>
    </row>
    <row r="731236" spans="14:14">
      <c r="N731236" s="10"/>
    </row>
    <row r="731237" spans="14:14">
      <c r="N731237" s="10"/>
    </row>
    <row r="731238" spans="14:14">
      <c r="N731238" s="10"/>
    </row>
    <row r="731239" spans="14:14">
      <c r="N731239" s="10"/>
    </row>
    <row r="731240" spans="14:14">
      <c r="N731240" s="10"/>
    </row>
    <row r="731241" spans="14:14">
      <c r="N731241" s="10"/>
    </row>
    <row r="731242" spans="14:14">
      <c r="N731242" s="10"/>
    </row>
    <row r="731243" spans="14:14">
      <c r="N731243" s="10"/>
    </row>
    <row r="731244" spans="14:14">
      <c r="N731244" s="10"/>
    </row>
    <row r="731245" spans="14:14">
      <c r="N731245" s="10"/>
    </row>
    <row r="731246" spans="14:14">
      <c r="N731246" s="10"/>
    </row>
    <row r="731247" spans="14:14">
      <c r="N731247" s="10"/>
    </row>
    <row r="731248" spans="14:14">
      <c r="N731248" s="10"/>
    </row>
    <row r="731249" spans="14:14">
      <c r="N731249" s="10"/>
    </row>
    <row r="731250" spans="14:14">
      <c r="N731250" s="10"/>
    </row>
    <row r="731251" spans="14:14">
      <c r="N731251" s="10"/>
    </row>
    <row r="731252" spans="14:14">
      <c r="N731252" s="10"/>
    </row>
    <row r="731253" spans="14:14">
      <c r="N731253" s="10"/>
    </row>
    <row r="731254" spans="14:14">
      <c r="N731254" s="10"/>
    </row>
    <row r="731255" spans="14:14">
      <c r="N731255" s="10"/>
    </row>
    <row r="731256" spans="14:14">
      <c r="N731256" s="10"/>
    </row>
    <row r="731257" spans="14:14">
      <c r="N731257" s="10"/>
    </row>
    <row r="731258" spans="14:14">
      <c r="N731258" s="10"/>
    </row>
    <row r="731259" spans="14:14">
      <c r="N731259" s="10"/>
    </row>
    <row r="731260" spans="14:14">
      <c r="N731260" s="10"/>
    </row>
    <row r="731261" spans="14:14">
      <c r="N731261" s="10"/>
    </row>
    <row r="731262" spans="14:14">
      <c r="N731262" s="10"/>
    </row>
    <row r="731263" spans="14:14">
      <c r="N731263" s="10"/>
    </row>
    <row r="731264" spans="14:14">
      <c r="N731264" s="10"/>
    </row>
    <row r="731265" spans="14:14">
      <c r="N731265" s="10"/>
    </row>
    <row r="731266" spans="14:14">
      <c r="N731266" s="10"/>
    </row>
    <row r="731267" spans="14:14">
      <c r="N731267" s="10"/>
    </row>
    <row r="731268" spans="14:14">
      <c r="N731268" s="10"/>
    </row>
    <row r="731269" spans="14:14">
      <c r="N731269" s="10"/>
    </row>
    <row r="731270" spans="14:14">
      <c r="N731270" s="10"/>
    </row>
    <row r="731271" spans="14:14">
      <c r="N731271" s="10"/>
    </row>
    <row r="731272" spans="14:14">
      <c r="N731272" s="10"/>
    </row>
    <row r="731273" spans="14:14">
      <c r="N731273" s="10"/>
    </row>
    <row r="731274" spans="14:14">
      <c r="N731274" s="10"/>
    </row>
    <row r="731275" spans="14:14">
      <c r="N731275" s="10"/>
    </row>
    <row r="731276" spans="14:14">
      <c r="N731276" s="10"/>
    </row>
    <row r="731277" spans="14:14">
      <c r="N731277" s="10"/>
    </row>
    <row r="731278" spans="14:14">
      <c r="N731278" s="10"/>
    </row>
    <row r="731279" spans="14:14">
      <c r="N731279" s="10"/>
    </row>
    <row r="731280" spans="14:14">
      <c r="N731280" s="10"/>
    </row>
    <row r="731281" spans="14:14">
      <c r="N731281" s="10"/>
    </row>
    <row r="731282" spans="14:14">
      <c r="N731282" s="10"/>
    </row>
    <row r="731283" spans="14:14">
      <c r="N731283" s="10"/>
    </row>
    <row r="731284" spans="14:14">
      <c r="N731284" s="10"/>
    </row>
    <row r="731285" spans="14:14">
      <c r="N731285" s="10"/>
    </row>
    <row r="731286" spans="14:14">
      <c r="N731286" s="10"/>
    </row>
    <row r="731287" spans="14:14">
      <c r="N731287" s="10"/>
    </row>
    <row r="731288" spans="14:14">
      <c r="N731288" s="10"/>
    </row>
    <row r="731289" spans="14:14">
      <c r="N731289" s="10"/>
    </row>
    <row r="731290" spans="14:14">
      <c r="N731290" s="10"/>
    </row>
    <row r="731291" spans="14:14">
      <c r="N731291" s="10"/>
    </row>
    <row r="731292" spans="14:14">
      <c r="N731292" s="10"/>
    </row>
    <row r="731293" spans="14:14">
      <c r="N731293" s="10"/>
    </row>
    <row r="731294" spans="14:14">
      <c r="N731294" s="10"/>
    </row>
    <row r="731295" spans="14:14">
      <c r="N731295" s="10"/>
    </row>
    <row r="731296" spans="14:14">
      <c r="N731296" s="10"/>
    </row>
    <row r="731297" spans="14:14">
      <c r="N731297" s="10"/>
    </row>
    <row r="731298" spans="14:14">
      <c r="N731298" s="10"/>
    </row>
    <row r="731299" spans="14:14">
      <c r="N731299" s="10"/>
    </row>
    <row r="731300" spans="14:14">
      <c r="N731300" s="10"/>
    </row>
    <row r="731301" spans="14:14">
      <c r="N731301" s="10"/>
    </row>
    <row r="731302" spans="14:14">
      <c r="N731302" s="10"/>
    </row>
    <row r="731303" spans="14:14">
      <c r="N731303" s="10"/>
    </row>
    <row r="731304" spans="14:14">
      <c r="N731304" s="10"/>
    </row>
    <row r="731305" spans="14:14">
      <c r="N731305" s="10"/>
    </row>
    <row r="731306" spans="14:14">
      <c r="N731306" s="10"/>
    </row>
    <row r="731307" spans="14:14">
      <c r="N731307" s="10"/>
    </row>
    <row r="731308" spans="14:14">
      <c r="N731308" s="10"/>
    </row>
    <row r="731309" spans="14:14">
      <c r="N731309" s="10"/>
    </row>
    <row r="731310" spans="14:14">
      <c r="N731310" s="10"/>
    </row>
    <row r="731311" spans="14:14">
      <c r="N731311" s="10"/>
    </row>
    <row r="731312" spans="14:14">
      <c r="N731312" s="10"/>
    </row>
    <row r="731313" spans="14:14">
      <c r="N731313" s="10"/>
    </row>
    <row r="731314" spans="14:14">
      <c r="N731314" s="10"/>
    </row>
    <row r="731315" spans="14:14">
      <c r="N731315" s="10"/>
    </row>
    <row r="731316" spans="14:14">
      <c r="N731316" s="10"/>
    </row>
    <row r="731317" spans="14:14">
      <c r="N731317" s="10"/>
    </row>
    <row r="731318" spans="14:14">
      <c r="N731318" s="10"/>
    </row>
    <row r="731319" spans="14:14">
      <c r="N731319" s="10"/>
    </row>
    <row r="731320" spans="14:14">
      <c r="N731320" s="10"/>
    </row>
    <row r="731321" spans="14:14">
      <c r="N731321" s="10"/>
    </row>
    <row r="731322" spans="14:14">
      <c r="N731322" s="10"/>
    </row>
    <row r="731323" spans="14:14">
      <c r="N731323" s="10"/>
    </row>
    <row r="731324" spans="14:14">
      <c r="N731324" s="10"/>
    </row>
    <row r="731325" spans="14:14">
      <c r="N731325" s="10"/>
    </row>
    <row r="731326" spans="14:14">
      <c r="N731326" s="10"/>
    </row>
    <row r="731327" spans="14:14">
      <c r="N731327" s="10"/>
    </row>
    <row r="731328" spans="14:14">
      <c r="N731328" s="10"/>
    </row>
    <row r="731329" spans="14:14">
      <c r="N731329" s="10"/>
    </row>
    <row r="731330" spans="14:14">
      <c r="N731330" s="10"/>
    </row>
    <row r="731331" spans="14:14">
      <c r="N731331" s="10"/>
    </row>
    <row r="731332" spans="14:14">
      <c r="N731332" s="10"/>
    </row>
    <row r="731333" spans="14:14">
      <c r="N731333" s="10"/>
    </row>
    <row r="731334" spans="14:14">
      <c r="N731334" s="10"/>
    </row>
    <row r="731335" spans="14:14">
      <c r="N731335" s="10"/>
    </row>
    <row r="731336" spans="14:14">
      <c r="N731336" s="10"/>
    </row>
    <row r="731337" spans="14:14">
      <c r="N731337" s="10"/>
    </row>
    <row r="731338" spans="14:14">
      <c r="N731338" s="10"/>
    </row>
    <row r="731339" spans="14:14">
      <c r="N731339" s="10"/>
    </row>
    <row r="731340" spans="14:14">
      <c r="N731340" s="10"/>
    </row>
    <row r="731341" spans="14:14">
      <c r="N731341" s="10"/>
    </row>
    <row r="731342" spans="14:14">
      <c r="N731342" s="10"/>
    </row>
    <row r="731343" spans="14:14">
      <c r="N731343" s="10"/>
    </row>
    <row r="731344" spans="14:14">
      <c r="N731344" s="10"/>
    </row>
    <row r="731345" spans="14:14">
      <c r="N731345" s="10"/>
    </row>
    <row r="731346" spans="14:14">
      <c r="N731346" s="10"/>
    </row>
    <row r="731347" spans="14:14">
      <c r="N731347" s="10"/>
    </row>
    <row r="731348" spans="14:14">
      <c r="N731348" s="10"/>
    </row>
    <row r="731349" spans="14:14">
      <c r="N731349" s="10"/>
    </row>
    <row r="731350" spans="14:14">
      <c r="N731350" s="10"/>
    </row>
    <row r="731351" spans="14:14">
      <c r="N731351" s="10"/>
    </row>
    <row r="731352" spans="14:14">
      <c r="N731352" s="10"/>
    </row>
    <row r="731353" spans="14:14">
      <c r="N731353" s="10"/>
    </row>
    <row r="731354" spans="14:14">
      <c r="N731354" s="10"/>
    </row>
    <row r="731355" spans="14:14">
      <c r="N731355" s="10"/>
    </row>
    <row r="731356" spans="14:14">
      <c r="N731356" s="10"/>
    </row>
    <row r="731357" spans="14:14">
      <c r="N731357" s="10"/>
    </row>
    <row r="731358" spans="14:14">
      <c r="N731358" s="10"/>
    </row>
    <row r="731359" spans="14:14">
      <c r="N731359" s="10"/>
    </row>
    <row r="731360" spans="14:14">
      <c r="N731360" s="10"/>
    </row>
    <row r="731361" spans="14:14">
      <c r="N731361" s="10"/>
    </row>
    <row r="731362" spans="14:14">
      <c r="N731362" s="10"/>
    </row>
    <row r="731363" spans="14:14">
      <c r="N731363" s="10"/>
    </row>
    <row r="731364" spans="14:14">
      <c r="N731364" s="10"/>
    </row>
    <row r="731365" spans="14:14">
      <c r="N731365" s="10"/>
    </row>
    <row r="731366" spans="14:14">
      <c r="N731366" s="10"/>
    </row>
    <row r="731367" spans="14:14">
      <c r="N731367" s="10"/>
    </row>
    <row r="731368" spans="14:14">
      <c r="N731368" s="10"/>
    </row>
    <row r="731369" spans="14:14">
      <c r="N731369" s="10"/>
    </row>
    <row r="731370" spans="14:14">
      <c r="N731370" s="10"/>
    </row>
    <row r="731371" spans="14:14">
      <c r="N731371" s="10"/>
    </row>
    <row r="731372" spans="14:14">
      <c r="N731372" s="10"/>
    </row>
    <row r="731373" spans="14:14">
      <c r="N731373" s="10"/>
    </row>
    <row r="731374" spans="14:14">
      <c r="N731374" s="10"/>
    </row>
    <row r="731375" spans="14:14">
      <c r="N731375" s="10"/>
    </row>
    <row r="731376" spans="14:14">
      <c r="N731376" s="10"/>
    </row>
    <row r="731377" spans="14:14">
      <c r="N731377" s="10"/>
    </row>
    <row r="731378" spans="14:14">
      <c r="N731378" s="10"/>
    </row>
    <row r="731379" spans="14:14">
      <c r="N731379" s="10"/>
    </row>
    <row r="731380" spans="14:14">
      <c r="N731380" s="10"/>
    </row>
    <row r="731381" spans="14:14">
      <c r="N731381" s="10"/>
    </row>
    <row r="731382" spans="14:14">
      <c r="N731382" s="10"/>
    </row>
    <row r="731383" spans="14:14">
      <c r="N731383" s="10"/>
    </row>
    <row r="731384" spans="14:14">
      <c r="N731384" s="10"/>
    </row>
    <row r="731385" spans="14:14">
      <c r="N731385" s="10"/>
    </row>
    <row r="731386" spans="14:14">
      <c r="N731386" s="10"/>
    </row>
    <row r="731387" spans="14:14">
      <c r="N731387" s="10"/>
    </row>
    <row r="731388" spans="14:14">
      <c r="N731388" s="10"/>
    </row>
    <row r="731389" spans="14:14">
      <c r="N731389" s="10"/>
    </row>
    <row r="731390" spans="14:14">
      <c r="N731390" s="10"/>
    </row>
    <row r="731391" spans="14:14">
      <c r="N731391" s="10"/>
    </row>
    <row r="731392" spans="14:14">
      <c r="N731392" s="10"/>
    </row>
    <row r="731393" spans="14:14">
      <c r="N731393" s="10"/>
    </row>
    <row r="731394" spans="14:14">
      <c r="N731394" s="10"/>
    </row>
    <row r="731395" spans="14:14">
      <c r="N731395" s="10"/>
    </row>
    <row r="731396" spans="14:14">
      <c r="N731396" s="10"/>
    </row>
    <row r="731397" spans="14:14">
      <c r="N731397" s="10"/>
    </row>
    <row r="731398" spans="14:14">
      <c r="N731398" s="10"/>
    </row>
    <row r="731399" spans="14:14">
      <c r="N731399" s="10"/>
    </row>
    <row r="731400" spans="14:14">
      <c r="N731400" s="10"/>
    </row>
    <row r="731401" spans="14:14">
      <c r="N731401" s="10"/>
    </row>
    <row r="731402" spans="14:14">
      <c r="N731402" s="10"/>
    </row>
    <row r="731403" spans="14:14">
      <c r="N731403" s="10"/>
    </row>
    <row r="731404" spans="14:14">
      <c r="N731404" s="10"/>
    </row>
    <row r="731405" spans="14:14">
      <c r="N731405" s="10"/>
    </row>
    <row r="731406" spans="14:14">
      <c r="N731406" s="10"/>
    </row>
    <row r="731407" spans="14:14">
      <c r="N731407" s="10"/>
    </row>
    <row r="731408" spans="14:14">
      <c r="N731408" s="10"/>
    </row>
    <row r="731409" spans="14:14">
      <c r="N731409" s="10"/>
    </row>
    <row r="731410" spans="14:14">
      <c r="N731410" s="10"/>
    </row>
    <row r="731411" spans="14:14">
      <c r="N731411" s="10"/>
    </row>
    <row r="731412" spans="14:14">
      <c r="N731412" s="10"/>
    </row>
    <row r="731413" spans="14:14">
      <c r="N731413" s="10"/>
    </row>
    <row r="731414" spans="14:14">
      <c r="N731414" s="10"/>
    </row>
    <row r="731415" spans="14:14">
      <c r="N731415" s="10"/>
    </row>
    <row r="731416" spans="14:14">
      <c r="N731416" s="10"/>
    </row>
    <row r="731417" spans="14:14">
      <c r="N731417" s="10"/>
    </row>
    <row r="731418" spans="14:14">
      <c r="N731418" s="10"/>
    </row>
    <row r="731419" spans="14:14">
      <c r="N731419" s="10"/>
    </row>
    <row r="731420" spans="14:14">
      <c r="N731420" s="10"/>
    </row>
    <row r="731421" spans="14:14">
      <c r="N731421" s="10"/>
    </row>
    <row r="731422" spans="14:14">
      <c r="N731422" s="10"/>
    </row>
    <row r="731423" spans="14:14">
      <c r="N731423" s="10"/>
    </row>
    <row r="731424" spans="14:14">
      <c r="N731424" s="10"/>
    </row>
    <row r="731425" spans="14:14">
      <c r="N731425" s="10"/>
    </row>
    <row r="731426" spans="14:14">
      <c r="N731426" s="10"/>
    </row>
    <row r="731427" spans="14:14">
      <c r="N731427" s="10"/>
    </row>
    <row r="731428" spans="14:14">
      <c r="N731428" s="10"/>
    </row>
    <row r="731429" spans="14:14">
      <c r="N731429" s="10"/>
    </row>
    <row r="731430" spans="14:14">
      <c r="N731430" s="10"/>
    </row>
    <row r="731431" spans="14:14">
      <c r="N731431" s="10"/>
    </row>
    <row r="731432" spans="14:14">
      <c r="N731432" s="10"/>
    </row>
    <row r="731433" spans="14:14">
      <c r="N731433" s="10"/>
    </row>
    <row r="731434" spans="14:14">
      <c r="N731434" s="10"/>
    </row>
    <row r="731435" spans="14:14">
      <c r="N731435" s="10"/>
    </row>
    <row r="731436" spans="14:14">
      <c r="N731436" s="10"/>
    </row>
    <row r="731437" spans="14:14">
      <c r="N731437" s="10"/>
    </row>
    <row r="731438" spans="14:14">
      <c r="N731438" s="10"/>
    </row>
    <row r="731439" spans="14:14">
      <c r="N731439" s="10"/>
    </row>
    <row r="731440" spans="14:14">
      <c r="N731440" s="10"/>
    </row>
    <row r="731441" spans="14:14">
      <c r="N731441" s="10"/>
    </row>
    <row r="731442" spans="14:14">
      <c r="N731442" s="10"/>
    </row>
    <row r="731443" spans="14:14">
      <c r="N731443" s="10"/>
    </row>
    <row r="731444" spans="14:14">
      <c r="N731444" s="10"/>
    </row>
    <row r="731445" spans="14:14">
      <c r="N731445" s="10"/>
    </row>
    <row r="731446" spans="14:14">
      <c r="N731446" s="10"/>
    </row>
    <row r="731447" spans="14:14">
      <c r="N731447" s="10"/>
    </row>
    <row r="731448" spans="14:14">
      <c r="N731448" s="10"/>
    </row>
    <row r="731449" spans="14:14">
      <c r="N731449" s="10"/>
    </row>
    <row r="731450" spans="14:14">
      <c r="N731450" s="10"/>
    </row>
    <row r="731451" spans="14:14">
      <c r="N731451" s="10"/>
    </row>
    <row r="731452" spans="14:14">
      <c r="N731452" s="10"/>
    </row>
    <row r="731453" spans="14:14">
      <c r="N731453" s="10"/>
    </row>
    <row r="731454" spans="14:14">
      <c r="N731454" s="10"/>
    </row>
    <row r="731455" spans="14:14">
      <c r="N731455" s="10"/>
    </row>
    <row r="731456" spans="14:14">
      <c r="N731456" s="10"/>
    </row>
    <row r="731457" spans="14:14">
      <c r="N731457" s="10"/>
    </row>
    <row r="731458" spans="14:14">
      <c r="N731458" s="10"/>
    </row>
    <row r="731459" spans="14:14">
      <c r="N731459" s="10"/>
    </row>
    <row r="731460" spans="14:14">
      <c r="N731460" s="10"/>
    </row>
    <row r="731461" spans="14:14">
      <c r="N731461" s="10"/>
    </row>
    <row r="731462" spans="14:14">
      <c r="N731462" s="10"/>
    </row>
    <row r="731463" spans="14:14">
      <c r="N731463" s="10"/>
    </row>
    <row r="731464" spans="14:14">
      <c r="N731464" s="10"/>
    </row>
    <row r="731465" spans="14:14">
      <c r="N731465" s="10"/>
    </row>
    <row r="731466" spans="14:14">
      <c r="N731466" s="10"/>
    </row>
    <row r="731467" spans="14:14">
      <c r="N731467" s="10"/>
    </row>
    <row r="731468" spans="14:14">
      <c r="N731468" s="10"/>
    </row>
    <row r="731469" spans="14:14">
      <c r="N731469" s="10"/>
    </row>
    <row r="731470" spans="14:14">
      <c r="N731470" s="10"/>
    </row>
    <row r="731471" spans="14:14">
      <c r="N731471" s="10"/>
    </row>
    <row r="731472" spans="14:14">
      <c r="N731472" s="10"/>
    </row>
    <row r="731473" spans="14:14">
      <c r="N731473" s="10"/>
    </row>
    <row r="731474" spans="14:14">
      <c r="N731474" s="10"/>
    </row>
    <row r="731475" spans="14:14">
      <c r="N731475" s="10"/>
    </row>
    <row r="731476" spans="14:14">
      <c r="N731476" s="10"/>
    </row>
    <row r="731477" spans="14:14">
      <c r="N731477" s="10"/>
    </row>
    <row r="731478" spans="14:14">
      <c r="N731478" s="10"/>
    </row>
    <row r="731479" spans="14:14">
      <c r="N731479" s="10"/>
    </row>
    <row r="731480" spans="14:14">
      <c r="N731480" s="10"/>
    </row>
    <row r="731481" spans="14:14">
      <c r="N731481" s="10"/>
    </row>
    <row r="731482" spans="14:14">
      <c r="N731482" s="10"/>
    </row>
    <row r="731483" spans="14:14">
      <c r="N731483" s="10"/>
    </row>
    <row r="731484" spans="14:14">
      <c r="N731484" s="10"/>
    </row>
    <row r="731485" spans="14:14">
      <c r="N731485" s="10"/>
    </row>
    <row r="731486" spans="14:14">
      <c r="N731486" s="10"/>
    </row>
    <row r="731487" spans="14:14">
      <c r="N731487" s="10"/>
    </row>
    <row r="731488" spans="14:14">
      <c r="N731488" s="10"/>
    </row>
    <row r="731489" spans="14:14">
      <c r="N731489" s="10"/>
    </row>
    <row r="731490" spans="14:14">
      <c r="N731490" s="10"/>
    </row>
    <row r="731491" spans="14:14">
      <c r="N731491" s="10"/>
    </row>
    <row r="731492" spans="14:14">
      <c r="N731492" s="10"/>
    </row>
    <row r="731493" spans="14:14">
      <c r="N731493" s="10"/>
    </row>
    <row r="731494" spans="14:14">
      <c r="N731494" s="10"/>
    </row>
    <row r="731495" spans="14:14">
      <c r="N731495" s="10"/>
    </row>
    <row r="731496" spans="14:14">
      <c r="N731496" s="10"/>
    </row>
    <row r="731497" spans="14:14">
      <c r="N731497" s="10"/>
    </row>
    <row r="731498" spans="14:14">
      <c r="N731498" s="10"/>
    </row>
    <row r="731499" spans="14:14">
      <c r="N731499" s="10"/>
    </row>
    <row r="731500" spans="14:14">
      <c r="N731500" s="10"/>
    </row>
    <row r="731501" spans="14:14">
      <c r="N731501" s="10"/>
    </row>
    <row r="731502" spans="14:14">
      <c r="N731502" s="10"/>
    </row>
    <row r="731503" spans="14:14">
      <c r="N731503" s="10"/>
    </row>
    <row r="731504" spans="14:14">
      <c r="N731504" s="10"/>
    </row>
    <row r="731505" spans="14:14">
      <c r="N731505" s="10"/>
    </row>
    <row r="731506" spans="14:14">
      <c r="N731506" s="10"/>
    </row>
    <row r="731507" spans="14:14">
      <c r="N731507" s="10"/>
    </row>
    <row r="731508" spans="14:14">
      <c r="N731508" s="10"/>
    </row>
    <row r="731509" spans="14:14">
      <c r="N731509" s="10"/>
    </row>
    <row r="731510" spans="14:14">
      <c r="N731510" s="10"/>
    </row>
    <row r="731511" spans="14:14">
      <c r="N731511" s="10"/>
    </row>
    <row r="731512" spans="14:14">
      <c r="N731512" s="10"/>
    </row>
    <row r="731513" spans="14:14">
      <c r="N731513" s="10"/>
    </row>
    <row r="731514" spans="14:14">
      <c r="N731514" s="10"/>
    </row>
    <row r="731515" spans="14:14">
      <c r="N731515" s="10"/>
    </row>
    <row r="731516" spans="14:14">
      <c r="N731516" s="10"/>
    </row>
    <row r="731517" spans="14:14">
      <c r="N731517" s="10"/>
    </row>
    <row r="731518" spans="14:14">
      <c r="N731518" s="10"/>
    </row>
    <row r="731519" spans="14:14">
      <c r="N731519" s="10"/>
    </row>
    <row r="731520" spans="14:14">
      <c r="N731520" s="10"/>
    </row>
    <row r="731521" spans="14:14">
      <c r="N731521" s="10"/>
    </row>
    <row r="731522" spans="14:14">
      <c r="N731522" s="10"/>
    </row>
    <row r="731523" spans="14:14">
      <c r="N731523" s="10"/>
    </row>
    <row r="731524" spans="14:14">
      <c r="N731524" s="10"/>
    </row>
    <row r="731525" spans="14:14">
      <c r="N731525" s="10"/>
    </row>
    <row r="731526" spans="14:14">
      <c r="N731526" s="10"/>
    </row>
    <row r="731527" spans="14:14">
      <c r="N731527" s="10"/>
    </row>
    <row r="731528" spans="14:14">
      <c r="N731528" s="10"/>
    </row>
    <row r="731529" spans="14:14">
      <c r="N731529" s="10"/>
    </row>
    <row r="731530" spans="14:14">
      <c r="N731530" s="10"/>
    </row>
    <row r="731531" spans="14:14">
      <c r="N731531" s="10"/>
    </row>
    <row r="731532" spans="14:14">
      <c r="N731532" s="10"/>
    </row>
    <row r="731533" spans="14:14">
      <c r="N731533" s="10"/>
    </row>
    <row r="731534" spans="14:14">
      <c r="N731534" s="10"/>
    </row>
    <row r="731535" spans="14:14">
      <c r="N731535" s="10"/>
    </row>
    <row r="731536" spans="14:14">
      <c r="N731536" s="10"/>
    </row>
    <row r="731537" spans="14:14">
      <c r="N731537" s="10"/>
    </row>
    <row r="731538" spans="14:14">
      <c r="N731538" s="10"/>
    </row>
    <row r="731539" spans="14:14">
      <c r="N731539" s="10"/>
    </row>
    <row r="731540" spans="14:14">
      <c r="N731540" s="10"/>
    </row>
    <row r="731541" spans="14:14">
      <c r="N731541" s="10"/>
    </row>
    <row r="731542" spans="14:14">
      <c r="N731542" s="10"/>
    </row>
    <row r="731543" spans="14:14">
      <c r="N731543" s="10"/>
    </row>
    <row r="731544" spans="14:14">
      <c r="N731544" s="10"/>
    </row>
    <row r="731545" spans="14:14">
      <c r="N731545" s="10"/>
    </row>
    <row r="731546" spans="14:14">
      <c r="N731546" s="10"/>
    </row>
    <row r="731547" spans="14:14">
      <c r="N731547" s="10"/>
    </row>
    <row r="731548" spans="14:14">
      <c r="N731548" s="10"/>
    </row>
    <row r="731549" spans="14:14">
      <c r="N731549" s="10"/>
    </row>
    <row r="731550" spans="14:14">
      <c r="N731550" s="10"/>
    </row>
    <row r="731551" spans="14:14">
      <c r="N731551" s="10"/>
    </row>
    <row r="731552" spans="14:14">
      <c r="N731552" s="10"/>
    </row>
    <row r="731553" spans="14:14">
      <c r="N731553" s="10"/>
    </row>
    <row r="731554" spans="14:14">
      <c r="N731554" s="10"/>
    </row>
    <row r="731555" spans="14:14">
      <c r="N731555" s="10"/>
    </row>
    <row r="731556" spans="14:14">
      <c r="N731556" s="10"/>
    </row>
    <row r="731557" spans="14:14">
      <c r="N731557" s="10"/>
    </row>
    <row r="731558" spans="14:14">
      <c r="N731558" s="10"/>
    </row>
    <row r="731559" spans="14:14">
      <c r="N731559" s="10"/>
    </row>
    <row r="731560" spans="14:14">
      <c r="N731560" s="10"/>
    </row>
    <row r="731561" spans="14:14">
      <c r="N731561" s="10"/>
    </row>
    <row r="731562" spans="14:14">
      <c r="N731562" s="10"/>
    </row>
    <row r="731563" spans="14:14">
      <c r="N731563" s="10"/>
    </row>
    <row r="731564" spans="14:14">
      <c r="N731564" s="10"/>
    </row>
    <row r="731565" spans="14:14">
      <c r="N731565" s="10"/>
    </row>
    <row r="731566" spans="14:14">
      <c r="N731566" s="10"/>
    </row>
    <row r="731567" spans="14:14">
      <c r="N731567" s="10"/>
    </row>
    <row r="731568" spans="14:14">
      <c r="N731568" s="10"/>
    </row>
    <row r="731569" spans="14:14">
      <c r="N731569" s="10"/>
    </row>
    <row r="731570" spans="14:14">
      <c r="N731570" s="10"/>
    </row>
    <row r="731571" spans="14:14">
      <c r="N731571" s="10"/>
    </row>
    <row r="731572" spans="14:14">
      <c r="N731572" s="10"/>
    </row>
    <row r="731573" spans="14:14">
      <c r="N731573" s="10"/>
    </row>
    <row r="731574" spans="14:14">
      <c r="N731574" s="10"/>
    </row>
    <row r="731575" spans="14:14">
      <c r="N731575" s="10"/>
    </row>
    <row r="731576" spans="14:14">
      <c r="N731576" s="10"/>
    </row>
    <row r="731577" spans="14:14">
      <c r="N731577" s="10"/>
    </row>
    <row r="731578" spans="14:14">
      <c r="N731578" s="10"/>
    </row>
    <row r="731579" spans="14:14">
      <c r="N731579" s="10"/>
    </row>
    <row r="731580" spans="14:14">
      <c r="N731580" s="10"/>
    </row>
    <row r="731581" spans="14:14">
      <c r="N731581" s="10"/>
    </row>
    <row r="731582" spans="14:14">
      <c r="N731582" s="10"/>
    </row>
    <row r="731583" spans="14:14">
      <c r="N731583" s="10"/>
    </row>
    <row r="731584" spans="14:14">
      <c r="N731584" s="10"/>
    </row>
    <row r="731585" spans="14:14">
      <c r="N731585" s="10"/>
    </row>
    <row r="731586" spans="14:14">
      <c r="N731586" s="10"/>
    </row>
    <row r="731587" spans="14:14">
      <c r="N731587" s="10"/>
    </row>
    <row r="731588" spans="14:14">
      <c r="N731588" s="10"/>
    </row>
    <row r="731589" spans="14:14">
      <c r="N731589" s="10"/>
    </row>
    <row r="731590" spans="14:14">
      <c r="N731590" s="10"/>
    </row>
    <row r="731591" spans="14:14">
      <c r="N731591" s="10"/>
    </row>
    <row r="731592" spans="14:14">
      <c r="N731592" s="10"/>
    </row>
    <row r="731593" spans="14:14">
      <c r="N731593" s="10"/>
    </row>
    <row r="731594" spans="14:14">
      <c r="N731594" s="10"/>
    </row>
    <row r="731595" spans="14:14">
      <c r="N731595" s="10"/>
    </row>
    <row r="731596" spans="14:14">
      <c r="N731596" s="10"/>
    </row>
    <row r="731597" spans="14:14">
      <c r="N731597" s="10"/>
    </row>
    <row r="731598" spans="14:14">
      <c r="N731598" s="10"/>
    </row>
    <row r="731599" spans="14:14">
      <c r="N731599" s="10"/>
    </row>
    <row r="731600" spans="14:14">
      <c r="N731600" s="10"/>
    </row>
    <row r="731601" spans="14:14">
      <c r="N731601" s="10"/>
    </row>
    <row r="731602" spans="14:14">
      <c r="N731602" s="10"/>
    </row>
    <row r="731603" spans="14:14">
      <c r="N731603" s="10"/>
    </row>
    <row r="731604" spans="14:14">
      <c r="N731604" s="10"/>
    </row>
    <row r="731605" spans="14:14">
      <c r="N731605" s="10"/>
    </row>
    <row r="731606" spans="14:14">
      <c r="N731606" s="10"/>
    </row>
    <row r="731607" spans="14:14">
      <c r="N731607" s="10"/>
    </row>
    <row r="731608" spans="14:14">
      <c r="N731608" s="10"/>
    </row>
    <row r="731609" spans="14:14">
      <c r="N731609" s="10"/>
    </row>
    <row r="731610" spans="14:14">
      <c r="N731610" s="10"/>
    </row>
    <row r="731611" spans="14:14">
      <c r="N731611" s="10"/>
    </row>
    <row r="731612" spans="14:14">
      <c r="N731612" s="10"/>
    </row>
    <row r="731613" spans="14:14">
      <c r="N731613" s="10"/>
    </row>
    <row r="731614" spans="14:14">
      <c r="N731614" s="10"/>
    </row>
    <row r="731615" spans="14:14">
      <c r="N731615" s="10"/>
    </row>
    <row r="731616" spans="14:14">
      <c r="N731616" s="10"/>
    </row>
    <row r="731617" spans="14:14">
      <c r="N731617" s="10"/>
    </row>
    <row r="731618" spans="14:14">
      <c r="N731618" s="10"/>
    </row>
    <row r="731619" spans="14:14">
      <c r="N731619" s="10"/>
    </row>
    <row r="731620" spans="14:14">
      <c r="N731620" s="10"/>
    </row>
    <row r="731621" spans="14:14">
      <c r="N731621" s="10"/>
    </row>
    <row r="731622" spans="14:14">
      <c r="N731622" s="10"/>
    </row>
    <row r="731623" spans="14:14">
      <c r="N731623" s="10"/>
    </row>
    <row r="731624" spans="14:14">
      <c r="N731624" s="10"/>
    </row>
    <row r="731625" spans="14:14">
      <c r="N731625" s="10"/>
    </row>
    <row r="731626" spans="14:14">
      <c r="N731626" s="10"/>
    </row>
    <row r="731627" spans="14:14">
      <c r="N731627" s="10"/>
    </row>
    <row r="731628" spans="14:14">
      <c r="N731628" s="10"/>
    </row>
    <row r="731629" spans="14:14">
      <c r="N731629" s="10"/>
    </row>
    <row r="731630" spans="14:14">
      <c r="N731630" s="10"/>
    </row>
    <row r="731631" spans="14:14">
      <c r="N731631" s="10"/>
    </row>
    <row r="731632" spans="14:14">
      <c r="N731632" s="10"/>
    </row>
    <row r="731633" spans="14:14">
      <c r="N731633" s="10"/>
    </row>
    <row r="731634" spans="14:14">
      <c r="N731634" s="10"/>
    </row>
    <row r="731635" spans="14:14">
      <c r="N731635" s="10"/>
    </row>
    <row r="731636" spans="14:14">
      <c r="N731636" s="10"/>
    </row>
    <row r="731637" spans="14:14">
      <c r="N731637" s="10"/>
    </row>
    <row r="731638" spans="14:14">
      <c r="N731638" s="10"/>
    </row>
    <row r="731639" spans="14:14">
      <c r="N731639" s="10"/>
    </row>
    <row r="731640" spans="14:14">
      <c r="N731640" s="10"/>
    </row>
    <row r="731641" spans="14:14">
      <c r="N731641" s="10"/>
    </row>
    <row r="731642" spans="14:14">
      <c r="N731642" s="10"/>
    </row>
    <row r="731643" spans="14:14">
      <c r="N731643" s="10"/>
    </row>
    <row r="731644" spans="14:14">
      <c r="N731644" s="10"/>
    </row>
    <row r="731645" spans="14:14">
      <c r="N731645" s="10"/>
    </row>
    <row r="731646" spans="14:14">
      <c r="N731646" s="10"/>
    </row>
    <row r="731647" spans="14:14">
      <c r="N731647" s="10"/>
    </row>
    <row r="731648" spans="14:14">
      <c r="N731648" s="10"/>
    </row>
    <row r="731649" spans="14:14">
      <c r="N731649" s="10"/>
    </row>
    <row r="731650" spans="14:14">
      <c r="N731650" s="10"/>
    </row>
    <row r="731651" spans="14:14">
      <c r="N731651" s="10"/>
    </row>
    <row r="731652" spans="14:14">
      <c r="N731652" s="10"/>
    </row>
    <row r="731653" spans="14:14">
      <c r="N731653" s="10"/>
    </row>
    <row r="731654" spans="14:14">
      <c r="N731654" s="10"/>
    </row>
    <row r="731655" spans="14:14">
      <c r="N731655" s="10"/>
    </row>
    <row r="731656" spans="14:14">
      <c r="N731656" s="10"/>
    </row>
    <row r="731657" spans="14:14">
      <c r="N731657" s="10"/>
    </row>
    <row r="731658" spans="14:14">
      <c r="N731658" s="10"/>
    </row>
    <row r="731659" spans="14:14">
      <c r="N731659" s="10"/>
    </row>
    <row r="731660" spans="14:14">
      <c r="N731660" s="10"/>
    </row>
    <row r="731661" spans="14:14">
      <c r="N731661" s="10"/>
    </row>
    <row r="731662" spans="14:14">
      <c r="N731662" s="10"/>
    </row>
    <row r="731663" spans="14:14">
      <c r="N731663" s="10"/>
    </row>
    <row r="731664" spans="14:14">
      <c r="N731664" s="10"/>
    </row>
    <row r="731665" spans="14:14">
      <c r="N731665" s="10"/>
    </row>
    <row r="731666" spans="14:14">
      <c r="N731666" s="10"/>
    </row>
    <row r="731667" spans="14:14">
      <c r="N731667" s="10"/>
    </row>
    <row r="731668" spans="14:14">
      <c r="N731668" s="10"/>
    </row>
    <row r="731669" spans="14:14">
      <c r="N731669" s="10"/>
    </row>
    <row r="731670" spans="14:14">
      <c r="N731670" s="10"/>
    </row>
    <row r="731671" spans="14:14">
      <c r="N731671" s="10"/>
    </row>
    <row r="731672" spans="14:14">
      <c r="N731672" s="10"/>
    </row>
    <row r="731673" spans="14:14">
      <c r="N731673" s="10"/>
    </row>
    <row r="731674" spans="14:14">
      <c r="N731674" s="10"/>
    </row>
    <row r="731675" spans="14:14">
      <c r="N731675" s="10"/>
    </row>
    <row r="731676" spans="14:14">
      <c r="N731676" s="10"/>
    </row>
    <row r="731677" spans="14:14">
      <c r="N731677" s="10"/>
    </row>
    <row r="731678" spans="14:14">
      <c r="N731678" s="10"/>
    </row>
    <row r="731679" spans="14:14">
      <c r="N731679" s="10"/>
    </row>
    <row r="731680" spans="14:14">
      <c r="N731680" s="10"/>
    </row>
    <row r="731681" spans="14:14">
      <c r="N731681" s="10"/>
    </row>
    <row r="731682" spans="14:14">
      <c r="N731682" s="10"/>
    </row>
    <row r="731683" spans="14:14">
      <c r="N731683" s="10"/>
    </row>
    <row r="731684" spans="14:14">
      <c r="N731684" s="10"/>
    </row>
    <row r="731685" spans="14:14">
      <c r="N731685" s="10"/>
    </row>
    <row r="731686" spans="14:14">
      <c r="N731686" s="10"/>
    </row>
    <row r="731687" spans="14:14">
      <c r="N731687" s="10"/>
    </row>
    <row r="731688" spans="14:14">
      <c r="N731688" s="10"/>
    </row>
    <row r="731689" spans="14:14">
      <c r="N731689" s="10"/>
    </row>
    <row r="731690" spans="14:14">
      <c r="N731690" s="10"/>
    </row>
    <row r="731691" spans="14:14">
      <c r="N731691" s="10"/>
    </row>
    <row r="731692" spans="14:14">
      <c r="N731692" s="10"/>
    </row>
    <row r="731693" spans="14:14">
      <c r="N731693" s="10"/>
    </row>
    <row r="731694" spans="14:14">
      <c r="N731694" s="10"/>
    </row>
    <row r="731695" spans="14:14">
      <c r="N731695" s="10"/>
    </row>
    <row r="731696" spans="14:14">
      <c r="N731696" s="10"/>
    </row>
    <row r="731697" spans="14:14">
      <c r="N731697" s="10"/>
    </row>
    <row r="731698" spans="14:14">
      <c r="N731698" s="10"/>
    </row>
    <row r="731699" spans="14:14">
      <c r="N731699" s="10"/>
    </row>
    <row r="731700" spans="14:14">
      <c r="N731700" s="10"/>
    </row>
    <row r="731701" spans="14:14">
      <c r="N731701" s="10"/>
    </row>
    <row r="731702" spans="14:14">
      <c r="N731702" s="10"/>
    </row>
    <row r="731703" spans="14:14">
      <c r="N731703" s="10"/>
    </row>
    <row r="731704" spans="14:14">
      <c r="N731704" s="10"/>
    </row>
    <row r="731705" spans="14:14">
      <c r="N731705" s="10"/>
    </row>
    <row r="731706" spans="14:14">
      <c r="N731706" s="10"/>
    </row>
    <row r="731707" spans="14:14">
      <c r="N731707" s="10"/>
    </row>
    <row r="731708" spans="14:14">
      <c r="N731708" s="10"/>
    </row>
    <row r="731709" spans="14:14">
      <c r="N731709" s="10"/>
    </row>
    <row r="731710" spans="14:14">
      <c r="N731710" s="10"/>
    </row>
    <row r="731711" spans="14:14">
      <c r="N731711" s="10"/>
    </row>
    <row r="731712" spans="14:14">
      <c r="N731712" s="10"/>
    </row>
    <row r="731713" spans="14:14">
      <c r="N731713" s="10"/>
    </row>
    <row r="731714" spans="14:14">
      <c r="N731714" s="10"/>
    </row>
    <row r="731715" spans="14:14">
      <c r="N731715" s="10"/>
    </row>
    <row r="731716" spans="14:14">
      <c r="N731716" s="10"/>
    </row>
    <row r="731717" spans="14:14">
      <c r="N731717" s="10"/>
    </row>
    <row r="731718" spans="14:14">
      <c r="N731718" s="10"/>
    </row>
    <row r="731719" spans="14:14">
      <c r="N731719" s="10"/>
    </row>
    <row r="731720" spans="14:14">
      <c r="N731720" s="10"/>
    </row>
    <row r="731721" spans="14:14">
      <c r="N731721" s="10"/>
    </row>
    <row r="731722" spans="14:14">
      <c r="N731722" s="10"/>
    </row>
    <row r="731723" spans="14:14">
      <c r="N731723" s="10"/>
    </row>
    <row r="731724" spans="14:14">
      <c r="N731724" s="10"/>
    </row>
    <row r="731725" spans="14:14">
      <c r="N731725" s="10"/>
    </row>
    <row r="731726" spans="14:14">
      <c r="N731726" s="10"/>
    </row>
    <row r="731727" spans="14:14">
      <c r="N731727" s="10"/>
    </row>
    <row r="731728" spans="14:14">
      <c r="N731728" s="10"/>
    </row>
    <row r="731729" spans="14:14">
      <c r="N731729" s="10"/>
    </row>
    <row r="731730" spans="14:14">
      <c r="N731730" s="10"/>
    </row>
    <row r="731731" spans="14:14">
      <c r="N731731" s="10"/>
    </row>
    <row r="731732" spans="14:14">
      <c r="N731732" s="10"/>
    </row>
    <row r="731733" spans="14:14">
      <c r="N731733" s="10"/>
    </row>
    <row r="731734" spans="14:14">
      <c r="N731734" s="10"/>
    </row>
    <row r="731735" spans="14:14">
      <c r="N731735" s="10"/>
    </row>
    <row r="731736" spans="14:14">
      <c r="N731736" s="10"/>
    </row>
    <row r="731737" spans="14:14">
      <c r="N731737" s="10"/>
    </row>
    <row r="731738" spans="14:14">
      <c r="N731738" s="10"/>
    </row>
    <row r="731739" spans="14:14">
      <c r="N731739" s="10"/>
    </row>
    <row r="731740" spans="14:14">
      <c r="N731740" s="10"/>
    </row>
    <row r="731741" spans="14:14">
      <c r="N731741" s="10"/>
    </row>
    <row r="731742" spans="14:14">
      <c r="N731742" s="10"/>
    </row>
    <row r="731743" spans="14:14">
      <c r="N731743" s="10"/>
    </row>
    <row r="731744" spans="14:14">
      <c r="N731744" s="10"/>
    </row>
    <row r="731745" spans="14:14">
      <c r="N731745" s="10"/>
    </row>
    <row r="731746" spans="14:14">
      <c r="N731746" s="10"/>
    </row>
    <row r="731747" spans="14:14">
      <c r="N731747" s="10"/>
    </row>
    <row r="731748" spans="14:14">
      <c r="N731748" s="10"/>
    </row>
    <row r="731749" spans="14:14">
      <c r="N731749" s="10"/>
    </row>
    <row r="731750" spans="14:14">
      <c r="N731750" s="10"/>
    </row>
    <row r="731751" spans="14:14">
      <c r="N731751" s="10"/>
    </row>
    <row r="731752" spans="14:14">
      <c r="N731752" s="10"/>
    </row>
    <row r="731753" spans="14:14">
      <c r="N731753" s="10"/>
    </row>
    <row r="731754" spans="14:14">
      <c r="N731754" s="10"/>
    </row>
    <row r="731755" spans="14:14">
      <c r="N731755" s="10"/>
    </row>
    <row r="731756" spans="14:14">
      <c r="N731756" s="10"/>
    </row>
    <row r="731757" spans="14:14">
      <c r="N731757" s="10"/>
    </row>
    <row r="731758" spans="14:14">
      <c r="N731758" s="10"/>
    </row>
    <row r="731759" spans="14:14">
      <c r="N731759" s="10"/>
    </row>
    <row r="731760" spans="14:14">
      <c r="N731760" s="10"/>
    </row>
    <row r="731761" spans="14:14">
      <c r="N731761" s="10"/>
    </row>
    <row r="731762" spans="14:14">
      <c r="N731762" s="10"/>
    </row>
    <row r="731763" spans="14:14">
      <c r="N731763" s="10"/>
    </row>
    <row r="731764" spans="14:14">
      <c r="N731764" s="10"/>
    </row>
    <row r="731765" spans="14:14">
      <c r="N731765" s="10"/>
    </row>
    <row r="731766" spans="14:14">
      <c r="N731766" s="10"/>
    </row>
    <row r="731767" spans="14:14">
      <c r="N731767" s="10"/>
    </row>
    <row r="731768" spans="14:14">
      <c r="N731768" s="10"/>
    </row>
    <row r="731769" spans="14:14">
      <c r="N731769" s="10"/>
    </row>
    <row r="731770" spans="14:14">
      <c r="N731770" s="10"/>
    </row>
    <row r="731771" spans="14:14">
      <c r="N731771" s="10"/>
    </row>
    <row r="731772" spans="14:14">
      <c r="N731772" s="10"/>
    </row>
    <row r="731773" spans="14:14">
      <c r="N731773" s="10"/>
    </row>
    <row r="731774" spans="14:14">
      <c r="N731774" s="10"/>
    </row>
    <row r="731775" spans="14:14">
      <c r="N731775" s="10"/>
    </row>
    <row r="731776" spans="14:14">
      <c r="N731776" s="10"/>
    </row>
    <row r="731777" spans="14:14">
      <c r="N731777" s="10"/>
    </row>
    <row r="731778" spans="14:14">
      <c r="N731778" s="10"/>
    </row>
    <row r="731779" spans="14:14">
      <c r="N731779" s="10"/>
    </row>
    <row r="731780" spans="14:14">
      <c r="N731780" s="10"/>
    </row>
    <row r="731781" spans="14:14">
      <c r="N731781" s="10"/>
    </row>
    <row r="731782" spans="14:14">
      <c r="N731782" s="10"/>
    </row>
    <row r="731783" spans="14:14">
      <c r="N731783" s="10"/>
    </row>
    <row r="731784" spans="14:14">
      <c r="N731784" s="10"/>
    </row>
    <row r="731785" spans="14:14">
      <c r="N731785" s="10"/>
    </row>
    <row r="731786" spans="14:14">
      <c r="N731786" s="10"/>
    </row>
    <row r="731787" spans="14:14">
      <c r="N731787" s="10"/>
    </row>
    <row r="731788" spans="14:14">
      <c r="N731788" s="10"/>
    </row>
    <row r="731789" spans="14:14">
      <c r="N731789" s="10"/>
    </row>
    <row r="731790" spans="14:14">
      <c r="N731790" s="10"/>
    </row>
    <row r="731791" spans="14:14">
      <c r="N731791" s="10"/>
    </row>
    <row r="731792" spans="14:14">
      <c r="N731792" s="10"/>
    </row>
    <row r="731793" spans="14:14">
      <c r="N731793" s="10"/>
    </row>
    <row r="731794" spans="14:14">
      <c r="N731794" s="10"/>
    </row>
    <row r="731795" spans="14:14">
      <c r="N731795" s="10"/>
    </row>
    <row r="731796" spans="14:14">
      <c r="N731796" s="10"/>
    </row>
    <row r="731797" spans="14:14">
      <c r="N731797" s="10"/>
    </row>
    <row r="731798" spans="14:14">
      <c r="N731798" s="10"/>
    </row>
    <row r="731799" spans="14:14">
      <c r="N731799" s="10"/>
    </row>
    <row r="731800" spans="14:14">
      <c r="N731800" s="10"/>
    </row>
    <row r="731801" spans="14:14">
      <c r="N731801" s="10"/>
    </row>
    <row r="731802" spans="14:14">
      <c r="N731802" s="10"/>
    </row>
    <row r="731803" spans="14:14">
      <c r="N731803" s="10"/>
    </row>
    <row r="731804" spans="14:14">
      <c r="N731804" s="10"/>
    </row>
    <row r="731805" spans="14:14">
      <c r="N731805" s="10"/>
    </row>
    <row r="731806" spans="14:14">
      <c r="N731806" s="10"/>
    </row>
    <row r="731807" spans="14:14">
      <c r="N731807" s="10"/>
    </row>
    <row r="731808" spans="14:14">
      <c r="N731808" s="10"/>
    </row>
    <row r="731809" spans="14:14">
      <c r="N731809" s="10"/>
    </row>
    <row r="731810" spans="14:14">
      <c r="N731810" s="10"/>
    </row>
    <row r="731811" spans="14:14">
      <c r="N731811" s="10"/>
    </row>
    <row r="731812" spans="14:14">
      <c r="N731812" s="10"/>
    </row>
    <row r="731813" spans="14:14">
      <c r="N731813" s="10"/>
    </row>
    <row r="731814" spans="14:14">
      <c r="N731814" s="10"/>
    </row>
    <row r="731815" spans="14:14">
      <c r="N731815" s="10"/>
    </row>
    <row r="731816" spans="14:14">
      <c r="N731816" s="10"/>
    </row>
    <row r="731817" spans="14:14">
      <c r="N731817" s="10"/>
    </row>
    <row r="731818" spans="14:14">
      <c r="N731818" s="10"/>
    </row>
    <row r="731819" spans="14:14">
      <c r="N731819" s="10"/>
    </row>
    <row r="731820" spans="14:14">
      <c r="N731820" s="10"/>
    </row>
    <row r="731821" spans="14:14">
      <c r="N731821" s="10"/>
    </row>
    <row r="731822" spans="14:14">
      <c r="N731822" s="10"/>
    </row>
    <row r="731823" spans="14:14">
      <c r="N731823" s="10"/>
    </row>
    <row r="731824" spans="14:14">
      <c r="N731824" s="10"/>
    </row>
    <row r="731825" spans="14:14">
      <c r="N731825" s="10"/>
    </row>
    <row r="731826" spans="14:14">
      <c r="N731826" s="10"/>
    </row>
    <row r="731827" spans="14:14">
      <c r="N731827" s="10"/>
    </row>
    <row r="731828" spans="14:14">
      <c r="N731828" s="10"/>
    </row>
    <row r="731829" spans="14:14">
      <c r="N731829" s="10"/>
    </row>
    <row r="731830" spans="14:14">
      <c r="N731830" s="10"/>
    </row>
    <row r="731831" spans="14:14">
      <c r="N731831" s="10"/>
    </row>
    <row r="731832" spans="14:14">
      <c r="N731832" s="10"/>
    </row>
    <row r="731833" spans="14:14">
      <c r="N731833" s="10"/>
    </row>
    <row r="731834" spans="14:14">
      <c r="N731834" s="10"/>
    </row>
    <row r="731835" spans="14:14">
      <c r="N731835" s="10"/>
    </row>
    <row r="731836" spans="14:14">
      <c r="N731836" s="10"/>
    </row>
    <row r="731837" spans="14:14">
      <c r="N731837" s="10"/>
    </row>
    <row r="731838" spans="14:14">
      <c r="N731838" s="10"/>
    </row>
    <row r="731839" spans="14:14">
      <c r="N731839" s="10"/>
    </row>
    <row r="731840" spans="14:14">
      <c r="N731840" s="10"/>
    </row>
    <row r="731841" spans="14:14">
      <c r="N731841" s="10"/>
    </row>
    <row r="731842" spans="14:14">
      <c r="N731842" s="10"/>
    </row>
    <row r="731843" spans="14:14">
      <c r="N731843" s="10"/>
    </row>
    <row r="731844" spans="14:14">
      <c r="N731844" s="10"/>
    </row>
    <row r="731845" spans="14:14">
      <c r="N731845" s="10"/>
    </row>
    <row r="731846" spans="14:14">
      <c r="N731846" s="10"/>
    </row>
    <row r="731847" spans="14:14">
      <c r="N731847" s="10"/>
    </row>
    <row r="731848" spans="14:14">
      <c r="N731848" s="10"/>
    </row>
    <row r="731849" spans="14:14">
      <c r="N731849" s="10"/>
    </row>
    <row r="731850" spans="14:14">
      <c r="N731850" s="10"/>
    </row>
    <row r="731851" spans="14:14">
      <c r="N731851" s="10"/>
    </row>
    <row r="731852" spans="14:14">
      <c r="N731852" s="10"/>
    </row>
    <row r="731853" spans="14:14">
      <c r="N731853" s="10"/>
    </row>
    <row r="731854" spans="14:14">
      <c r="N731854" s="10"/>
    </row>
    <row r="731855" spans="14:14">
      <c r="N731855" s="10"/>
    </row>
    <row r="731856" spans="14:14">
      <c r="N731856" s="10"/>
    </row>
    <row r="731857" spans="14:14">
      <c r="N731857" s="10"/>
    </row>
    <row r="731858" spans="14:14">
      <c r="N731858" s="10"/>
    </row>
    <row r="731859" spans="14:14">
      <c r="N731859" s="10"/>
    </row>
    <row r="731860" spans="14:14">
      <c r="N731860" s="10"/>
    </row>
    <row r="731861" spans="14:14">
      <c r="N731861" s="10"/>
    </row>
    <row r="731862" spans="14:14">
      <c r="N731862" s="10"/>
    </row>
    <row r="731863" spans="14:14">
      <c r="N731863" s="10"/>
    </row>
    <row r="731864" spans="14:14">
      <c r="N731864" s="10"/>
    </row>
    <row r="731865" spans="14:14">
      <c r="N731865" s="10"/>
    </row>
    <row r="731866" spans="14:14">
      <c r="N731866" s="10"/>
    </row>
    <row r="731867" spans="14:14">
      <c r="N731867" s="10"/>
    </row>
    <row r="731868" spans="14:14">
      <c r="N731868" s="10"/>
    </row>
    <row r="731869" spans="14:14">
      <c r="N731869" s="10"/>
    </row>
    <row r="731870" spans="14:14">
      <c r="N731870" s="10"/>
    </row>
    <row r="731871" spans="14:14">
      <c r="N731871" s="10"/>
    </row>
    <row r="731872" spans="14:14">
      <c r="N731872" s="10"/>
    </row>
    <row r="731873" spans="14:14">
      <c r="N731873" s="10"/>
    </row>
    <row r="731874" spans="14:14">
      <c r="N731874" s="10"/>
    </row>
    <row r="731875" spans="14:14">
      <c r="N731875" s="10"/>
    </row>
    <row r="731876" spans="14:14">
      <c r="N731876" s="10"/>
    </row>
    <row r="731877" spans="14:14">
      <c r="N731877" s="10"/>
    </row>
    <row r="731878" spans="14:14">
      <c r="N731878" s="10"/>
    </row>
    <row r="731879" spans="14:14">
      <c r="N731879" s="10"/>
    </row>
    <row r="731880" spans="14:14">
      <c r="N731880" s="10"/>
    </row>
    <row r="731881" spans="14:14">
      <c r="N731881" s="10"/>
    </row>
    <row r="731882" spans="14:14">
      <c r="N731882" s="10"/>
    </row>
    <row r="731883" spans="14:14">
      <c r="N731883" s="10"/>
    </row>
    <row r="731884" spans="14:14">
      <c r="N731884" s="10"/>
    </row>
    <row r="731885" spans="14:14">
      <c r="N731885" s="10"/>
    </row>
    <row r="731886" spans="14:14">
      <c r="N731886" s="10"/>
    </row>
    <row r="731887" spans="14:14">
      <c r="N731887" s="10"/>
    </row>
    <row r="731888" spans="14:14">
      <c r="N731888" s="10"/>
    </row>
    <row r="731889" spans="14:14">
      <c r="N731889" s="10"/>
    </row>
    <row r="731890" spans="14:14">
      <c r="N731890" s="10"/>
    </row>
    <row r="731891" spans="14:14">
      <c r="N731891" s="10"/>
    </row>
    <row r="731892" spans="14:14">
      <c r="N731892" s="10"/>
    </row>
    <row r="731893" spans="14:14">
      <c r="N731893" s="10"/>
    </row>
    <row r="731894" spans="14:14">
      <c r="N731894" s="10"/>
    </row>
    <row r="731895" spans="14:14">
      <c r="N731895" s="10"/>
    </row>
    <row r="731896" spans="14:14">
      <c r="N731896" s="10"/>
    </row>
    <row r="731897" spans="14:14">
      <c r="N731897" s="10"/>
    </row>
    <row r="731898" spans="14:14">
      <c r="N731898" s="10"/>
    </row>
    <row r="731899" spans="14:14">
      <c r="N731899" s="10"/>
    </row>
    <row r="731900" spans="14:14">
      <c r="N731900" s="10"/>
    </row>
    <row r="731901" spans="14:14">
      <c r="N731901" s="10"/>
    </row>
    <row r="731902" spans="14:14">
      <c r="N731902" s="10"/>
    </row>
    <row r="731903" spans="14:14">
      <c r="N731903" s="10"/>
    </row>
    <row r="731904" spans="14:14">
      <c r="N731904" s="10"/>
    </row>
    <row r="731905" spans="14:14">
      <c r="N731905" s="10"/>
    </row>
    <row r="731906" spans="14:14">
      <c r="N731906" s="10"/>
    </row>
    <row r="731907" spans="14:14">
      <c r="N731907" s="10"/>
    </row>
    <row r="731908" spans="14:14">
      <c r="N731908" s="10"/>
    </row>
    <row r="731909" spans="14:14">
      <c r="N731909" s="10"/>
    </row>
    <row r="731910" spans="14:14">
      <c r="N731910" s="10"/>
    </row>
    <row r="731911" spans="14:14">
      <c r="N731911" s="10"/>
    </row>
    <row r="731912" spans="14:14">
      <c r="N731912" s="10"/>
    </row>
    <row r="731913" spans="14:14">
      <c r="N731913" s="10"/>
    </row>
    <row r="731914" spans="14:14">
      <c r="N731914" s="10"/>
    </row>
    <row r="731915" spans="14:14">
      <c r="N731915" s="10"/>
    </row>
    <row r="731916" spans="14:14">
      <c r="N731916" s="10"/>
    </row>
    <row r="731917" spans="14:14">
      <c r="N731917" s="10"/>
    </row>
    <row r="731918" spans="14:14">
      <c r="N731918" s="10"/>
    </row>
    <row r="731919" spans="14:14">
      <c r="N731919" s="10"/>
    </row>
    <row r="731920" spans="14:14">
      <c r="N731920" s="10"/>
    </row>
    <row r="731921" spans="14:14">
      <c r="N731921" s="10"/>
    </row>
    <row r="731922" spans="14:14">
      <c r="N731922" s="10"/>
    </row>
    <row r="731923" spans="14:14">
      <c r="N731923" s="10"/>
    </row>
    <row r="731924" spans="14:14">
      <c r="N731924" s="10"/>
    </row>
    <row r="731925" spans="14:14">
      <c r="N731925" s="10"/>
    </row>
    <row r="731926" spans="14:14">
      <c r="N731926" s="10"/>
    </row>
    <row r="731927" spans="14:14">
      <c r="N731927" s="10"/>
    </row>
    <row r="731928" spans="14:14">
      <c r="N731928" s="10"/>
    </row>
    <row r="731929" spans="14:14">
      <c r="N731929" s="10"/>
    </row>
    <row r="731930" spans="14:14">
      <c r="N731930" s="10"/>
    </row>
    <row r="731931" spans="14:14">
      <c r="N731931" s="10"/>
    </row>
    <row r="731932" spans="14:14">
      <c r="N731932" s="10"/>
    </row>
    <row r="731933" spans="14:14">
      <c r="N731933" s="10"/>
    </row>
    <row r="731934" spans="14:14">
      <c r="N731934" s="10"/>
    </row>
    <row r="731935" spans="14:14">
      <c r="N731935" s="10"/>
    </row>
    <row r="731936" spans="14:14">
      <c r="N731936" s="10"/>
    </row>
    <row r="731937" spans="14:14">
      <c r="N731937" s="10"/>
    </row>
    <row r="731938" spans="14:14">
      <c r="N731938" s="10"/>
    </row>
    <row r="731939" spans="14:14">
      <c r="N731939" s="10"/>
    </row>
    <row r="731940" spans="14:14">
      <c r="N731940" s="10"/>
    </row>
    <row r="731941" spans="14:14">
      <c r="N731941" s="10"/>
    </row>
    <row r="731942" spans="14:14">
      <c r="N731942" s="10"/>
    </row>
    <row r="731943" spans="14:14">
      <c r="N731943" s="10"/>
    </row>
    <row r="731944" spans="14:14">
      <c r="N731944" s="10"/>
    </row>
    <row r="731945" spans="14:14">
      <c r="N731945" s="10"/>
    </row>
    <row r="731946" spans="14:14">
      <c r="N731946" s="10"/>
    </row>
    <row r="731947" spans="14:14">
      <c r="N731947" s="10"/>
    </row>
    <row r="731948" spans="14:14">
      <c r="N731948" s="10"/>
    </row>
    <row r="731949" spans="14:14">
      <c r="N731949" s="10"/>
    </row>
    <row r="731950" spans="14:14">
      <c r="N731950" s="10"/>
    </row>
    <row r="731951" spans="14:14">
      <c r="N731951" s="10"/>
    </row>
    <row r="731952" spans="14:14">
      <c r="N731952" s="10"/>
    </row>
    <row r="731953" spans="14:14">
      <c r="N731953" s="10"/>
    </row>
    <row r="731954" spans="14:14">
      <c r="N731954" s="10"/>
    </row>
    <row r="731955" spans="14:14">
      <c r="N731955" s="10"/>
    </row>
    <row r="731956" spans="14:14">
      <c r="N731956" s="10"/>
    </row>
    <row r="731957" spans="14:14">
      <c r="N731957" s="10"/>
    </row>
    <row r="731958" spans="14:14">
      <c r="N731958" s="10"/>
    </row>
    <row r="731959" spans="14:14">
      <c r="N731959" s="10"/>
    </row>
    <row r="731960" spans="14:14">
      <c r="N731960" s="10"/>
    </row>
    <row r="731961" spans="14:14">
      <c r="N731961" s="10"/>
    </row>
    <row r="731962" spans="14:14">
      <c r="N731962" s="10"/>
    </row>
    <row r="731963" spans="14:14">
      <c r="N731963" s="10"/>
    </row>
    <row r="731964" spans="14:14">
      <c r="N731964" s="10"/>
    </row>
    <row r="731965" spans="14:14">
      <c r="N731965" s="10"/>
    </row>
    <row r="731966" spans="14:14">
      <c r="N731966" s="10"/>
    </row>
    <row r="731967" spans="14:14">
      <c r="N731967" s="10"/>
    </row>
    <row r="731968" spans="14:14">
      <c r="N731968" s="10"/>
    </row>
    <row r="731969" spans="14:14">
      <c r="N731969" s="10"/>
    </row>
    <row r="731970" spans="14:14">
      <c r="N731970" s="10"/>
    </row>
    <row r="731971" spans="14:14">
      <c r="N731971" s="10"/>
    </row>
    <row r="731972" spans="14:14">
      <c r="N731972" s="10"/>
    </row>
    <row r="731973" spans="14:14">
      <c r="N731973" s="10"/>
    </row>
    <row r="731974" spans="14:14">
      <c r="N731974" s="10"/>
    </row>
    <row r="731975" spans="14:14">
      <c r="N731975" s="10"/>
    </row>
    <row r="731976" spans="14:14">
      <c r="N731976" s="10"/>
    </row>
    <row r="731977" spans="14:14">
      <c r="N731977" s="10"/>
    </row>
    <row r="731978" spans="14:14">
      <c r="N731978" s="10"/>
    </row>
    <row r="731979" spans="14:14">
      <c r="N731979" s="10"/>
    </row>
    <row r="731980" spans="14:14">
      <c r="N731980" s="10"/>
    </row>
    <row r="731981" spans="14:14">
      <c r="N731981" s="10"/>
    </row>
    <row r="731982" spans="14:14">
      <c r="N731982" s="10"/>
    </row>
    <row r="731983" spans="14:14">
      <c r="N731983" s="10"/>
    </row>
    <row r="731984" spans="14:14">
      <c r="N731984" s="10"/>
    </row>
    <row r="731985" spans="14:14">
      <c r="N731985" s="10"/>
    </row>
    <row r="731986" spans="14:14">
      <c r="N731986" s="10"/>
    </row>
    <row r="731987" spans="14:14">
      <c r="N731987" s="10"/>
    </row>
    <row r="731988" spans="14:14">
      <c r="N731988" s="10"/>
    </row>
    <row r="731989" spans="14:14">
      <c r="N731989" s="10"/>
    </row>
    <row r="731990" spans="14:14">
      <c r="N731990" s="10"/>
    </row>
    <row r="731991" spans="14:14">
      <c r="N731991" s="10"/>
    </row>
    <row r="731992" spans="14:14">
      <c r="N731992" s="10"/>
    </row>
    <row r="731993" spans="14:14">
      <c r="N731993" s="10"/>
    </row>
    <row r="731994" spans="14:14">
      <c r="N731994" s="10"/>
    </row>
    <row r="731995" spans="14:14">
      <c r="N731995" s="10"/>
    </row>
    <row r="731996" spans="14:14">
      <c r="N731996" s="10"/>
    </row>
    <row r="731997" spans="14:14">
      <c r="N731997" s="10"/>
    </row>
    <row r="731998" spans="14:14">
      <c r="N731998" s="10"/>
    </row>
    <row r="731999" spans="14:14">
      <c r="N731999" s="10"/>
    </row>
    <row r="732000" spans="14:14">
      <c r="N732000" s="10"/>
    </row>
    <row r="732001" spans="14:14">
      <c r="N732001" s="10"/>
    </row>
    <row r="732002" spans="14:14">
      <c r="N732002" s="10"/>
    </row>
    <row r="732003" spans="14:14">
      <c r="N732003" s="10"/>
    </row>
    <row r="732004" spans="14:14">
      <c r="N732004" s="10"/>
    </row>
    <row r="732005" spans="14:14">
      <c r="N732005" s="10"/>
    </row>
    <row r="732006" spans="14:14">
      <c r="N732006" s="10"/>
    </row>
    <row r="732007" spans="14:14">
      <c r="N732007" s="10"/>
    </row>
    <row r="732008" spans="14:14">
      <c r="N732008" s="10"/>
    </row>
    <row r="732009" spans="14:14">
      <c r="N732009" s="10"/>
    </row>
    <row r="732010" spans="14:14">
      <c r="N732010" s="10"/>
    </row>
    <row r="732011" spans="14:14">
      <c r="N732011" s="10"/>
    </row>
    <row r="732012" spans="14:14">
      <c r="N732012" s="10"/>
    </row>
    <row r="732013" spans="14:14">
      <c r="N732013" s="10"/>
    </row>
    <row r="732014" spans="14:14">
      <c r="N732014" s="10"/>
    </row>
    <row r="732015" spans="14:14">
      <c r="N732015" s="10"/>
    </row>
    <row r="732016" spans="14:14">
      <c r="N732016" s="10"/>
    </row>
    <row r="732017" spans="14:14">
      <c r="N732017" s="10"/>
    </row>
    <row r="732018" spans="14:14">
      <c r="N732018" s="10"/>
    </row>
    <row r="732019" spans="14:14">
      <c r="N732019" s="10"/>
    </row>
    <row r="732020" spans="14:14">
      <c r="N732020" s="10"/>
    </row>
    <row r="732021" spans="14:14">
      <c r="N732021" s="10"/>
    </row>
    <row r="732022" spans="14:14">
      <c r="N732022" s="10"/>
    </row>
    <row r="732023" spans="14:14">
      <c r="N732023" s="10"/>
    </row>
    <row r="732024" spans="14:14">
      <c r="N732024" s="10"/>
    </row>
    <row r="732025" spans="14:14">
      <c r="N732025" s="10"/>
    </row>
    <row r="732026" spans="14:14">
      <c r="N732026" s="10"/>
    </row>
    <row r="732027" spans="14:14">
      <c r="N732027" s="10"/>
    </row>
    <row r="732028" spans="14:14">
      <c r="N732028" s="10"/>
    </row>
    <row r="732029" spans="14:14">
      <c r="N732029" s="10"/>
    </row>
    <row r="732030" spans="14:14">
      <c r="N732030" s="10"/>
    </row>
    <row r="732031" spans="14:14">
      <c r="N732031" s="10"/>
    </row>
    <row r="732032" spans="14:14">
      <c r="N732032" s="10"/>
    </row>
    <row r="732033" spans="14:14">
      <c r="N732033" s="10"/>
    </row>
    <row r="732034" spans="14:14">
      <c r="N732034" s="10"/>
    </row>
    <row r="732035" spans="14:14">
      <c r="N732035" s="10"/>
    </row>
    <row r="732036" spans="14:14">
      <c r="N732036" s="10"/>
    </row>
    <row r="732037" spans="14:14">
      <c r="N732037" s="10"/>
    </row>
    <row r="732038" spans="14:14">
      <c r="N732038" s="10"/>
    </row>
    <row r="732039" spans="14:14">
      <c r="N732039" s="10"/>
    </row>
    <row r="732040" spans="14:14">
      <c r="N732040" s="10"/>
    </row>
    <row r="732041" spans="14:14">
      <c r="N732041" s="10"/>
    </row>
    <row r="732042" spans="14:14">
      <c r="N732042" s="10"/>
    </row>
    <row r="732043" spans="14:14">
      <c r="N732043" s="10"/>
    </row>
    <row r="732044" spans="14:14">
      <c r="N732044" s="10"/>
    </row>
    <row r="732045" spans="14:14">
      <c r="N732045" s="10"/>
    </row>
    <row r="732046" spans="14:14">
      <c r="N732046" s="10"/>
    </row>
    <row r="732047" spans="14:14">
      <c r="N732047" s="10"/>
    </row>
    <row r="732048" spans="14:14">
      <c r="N732048" s="10"/>
    </row>
    <row r="732049" spans="14:14">
      <c r="N732049" s="10"/>
    </row>
    <row r="732050" spans="14:14">
      <c r="N732050" s="10"/>
    </row>
    <row r="732051" spans="14:14">
      <c r="N732051" s="10"/>
    </row>
    <row r="732052" spans="14:14">
      <c r="N732052" s="10"/>
    </row>
    <row r="732053" spans="14:14">
      <c r="N732053" s="10"/>
    </row>
    <row r="732054" spans="14:14">
      <c r="N732054" s="10"/>
    </row>
    <row r="732055" spans="14:14">
      <c r="N732055" s="10"/>
    </row>
    <row r="732056" spans="14:14">
      <c r="N732056" s="10"/>
    </row>
    <row r="732057" spans="14:14">
      <c r="N732057" s="10"/>
    </row>
    <row r="732058" spans="14:14">
      <c r="N732058" s="10"/>
    </row>
    <row r="732059" spans="14:14">
      <c r="N732059" s="10"/>
    </row>
    <row r="732060" spans="14:14">
      <c r="N732060" s="10"/>
    </row>
    <row r="732061" spans="14:14">
      <c r="N732061" s="10"/>
    </row>
    <row r="732062" spans="14:14">
      <c r="N732062" s="10"/>
    </row>
    <row r="732063" spans="14:14">
      <c r="N732063" s="10"/>
    </row>
    <row r="732064" spans="14:14">
      <c r="N732064" s="10"/>
    </row>
    <row r="732065" spans="14:14">
      <c r="N732065" s="10"/>
    </row>
    <row r="732066" spans="14:14">
      <c r="N732066" s="10"/>
    </row>
    <row r="732067" spans="14:14">
      <c r="N732067" s="10"/>
    </row>
    <row r="732068" spans="14:14">
      <c r="N732068" s="10"/>
    </row>
    <row r="732069" spans="14:14">
      <c r="N732069" s="10"/>
    </row>
    <row r="732070" spans="14:14">
      <c r="N732070" s="10"/>
    </row>
    <row r="732071" spans="14:14">
      <c r="N732071" s="10"/>
    </row>
    <row r="732072" spans="14:14">
      <c r="N732072" s="10"/>
    </row>
    <row r="732073" spans="14:14">
      <c r="N732073" s="10"/>
    </row>
    <row r="732074" spans="14:14">
      <c r="N732074" s="10"/>
    </row>
    <row r="732075" spans="14:14">
      <c r="N732075" s="10"/>
    </row>
    <row r="732076" spans="14:14">
      <c r="N732076" s="10"/>
    </row>
    <row r="732077" spans="14:14">
      <c r="N732077" s="10"/>
    </row>
    <row r="732078" spans="14:14">
      <c r="N732078" s="10"/>
    </row>
    <row r="732079" spans="14:14">
      <c r="N732079" s="10"/>
    </row>
    <row r="732080" spans="14:14">
      <c r="N732080" s="10"/>
    </row>
    <row r="732081" spans="14:14">
      <c r="N732081" s="10"/>
    </row>
    <row r="732082" spans="14:14">
      <c r="N732082" s="10"/>
    </row>
    <row r="732083" spans="14:14">
      <c r="N732083" s="10"/>
    </row>
    <row r="732084" spans="14:14">
      <c r="N732084" s="10"/>
    </row>
    <row r="732085" spans="14:14">
      <c r="N732085" s="10"/>
    </row>
    <row r="732086" spans="14:14">
      <c r="N732086" s="10"/>
    </row>
    <row r="732087" spans="14:14">
      <c r="N732087" s="10"/>
    </row>
    <row r="732088" spans="14:14">
      <c r="N732088" s="10"/>
    </row>
    <row r="732089" spans="14:14">
      <c r="N732089" s="10"/>
    </row>
    <row r="732090" spans="14:14">
      <c r="N732090" s="10"/>
    </row>
    <row r="732091" spans="14:14">
      <c r="N732091" s="10"/>
    </row>
    <row r="732092" spans="14:14">
      <c r="N732092" s="10"/>
    </row>
    <row r="732093" spans="14:14">
      <c r="N732093" s="10"/>
    </row>
    <row r="732094" spans="14:14">
      <c r="N732094" s="10"/>
    </row>
    <row r="732095" spans="14:14">
      <c r="N732095" s="10"/>
    </row>
    <row r="732096" spans="14:14">
      <c r="N732096" s="10"/>
    </row>
    <row r="732097" spans="14:14">
      <c r="N732097" s="10"/>
    </row>
    <row r="732098" spans="14:14">
      <c r="N732098" s="10"/>
    </row>
    <row r="732099" spans="14:14">
      <c r="N732099" s="10"/>
    </row>
    <row r="732100" spans="14:14">
      <c r="N732100" s="10"/>
    </row>
    <row r="732101" spans="14:14">
      <c r="N732101" s="10"/>
    </row>
    <row r="732102" spans="14:14">
      <c r="N732102" s="10"/>
    </row>
    <row r="732103" spans="14:14">
      <c r="N732103" s="10"/>
    </row>
    <row r="732104" spans="14:14">
      <c r="N732104" s="10"/>
    </row>
    <row r="732105" spans="14:14">
      <c r="N732105" s="10"/>
    </row>
    <row r="732106" spans="14:14">
      <c r="N732106" s="10"/>
    </row>
    <row r="732107" spans="14:14">
      <c r="N732107" s="10"/>
    </row>
    <row r="732108" spans="14:14">
      <c r="N732108" s="10"/>
    </row>
    <row r="732109" spans="14:14">
      <c r="N732109" s="10"/>
    </row>
    <row r="732110" spans="14:14">
      <c r="N732110" s="10"/>
    </row>
    <row r="732111" spans="14:14">
      <c r="N732111" s="10"/>
    </row>
    <row r="732112" spans="14:14">
      <c r="N732112" s="10"/>
    </row>
    <row r="732113" spans="14:14">
      <c r="N732113" s="10"/>
    </row>
    <row r="732114" spans="14:14">
      <c r="N732114" s="10"/>
    </row>
    <row r="732115" spans="14:14">
      <c r="N732115" s="10"/>
    </row>
    <row r="732116" spans="14:14">
      <c r="N732116" s="10"/>
    </row>
    <row r="732117" spans="14:14">
      <c r="N732117" s="10"/>
    </row>
    <row r="732118" spans="14:14">
      <c r="N732118" s="10"/>
    </row>
    <row r="732119" spans="14:14">
      <c r="N732119" s="10"/>
    </row>
    <row r="732120" spans="14:14">
      <c r="N732120" s="10"/>
    </row>
    <row r="732121" spans="14:14">
      <c r="N732121" s="10"/>
    </row>
    <row r="732122" spans="14:14">
      <c r="N732122" s="10"/>
    </row>
    <row r="732123" spans="14:14">
      <c r="N732123" s="10"/>
    </row>
    <row r="732124" spans="14:14">
      <c r="N732124" s="10"/>
    </row>
    <row r="732125" spans="14:14">
      <c r="N732125" s="10"/>
    </row>
    <row r="732126" spans="14:14">
      <c r="N732126" s="10"/>
    </row>
    <row r="732127" spans="14:14">
      <c r="N732127" s="10"/>
    </row>
    <row r="732128" spans="14:14">
      <c r="N732128" s="10"/>
    </row>
    <row r="732129" spans="14:14">
      <c r="N732129" s="10"/>
    </row>
    <row r="732130" spans="14:14">
      <c r="N732130" s="10"/>
    </row>
    <row r="732131" spans="14:14">
      <c r="N732131" s="10"/>
    </row>
    <row r="732132" spans="14:14">
      <c r="N732132" s="10"/>
    </row>
    <row r="732133" spans="14:14">
      <c r="N732133" s="10"/>
    </row>
    <row r="732134" spans="14:14">
      <c r="N732134" s="10"/>
    </row>
    <row r="732135" spans="14:14">
      <c r="N732135" s="10"/>
    </row>
    <row r="732136" spans="14:14">
      <c r="N732136" s="10"/>
    </row>
    <row r="732137" spans="14:14">
      <c r="N732137" s="10"/>
    </row>
    <row r="732138" spans="14:14">
      <c r="N732138" s="10"/>
    </row>
    <row r="732139" spans="14:14">
      <c r="N732139" s="10"/>
    </row>
    <row r="732140" spans="14:14">
      <c r="N732140" s="10"/>
    </row>
    <row r="732141" spans="14:14">
      <c r="N732141" s="10"/>
    </row>
    <row r="732142" spans="14:14">
      <c r="N732142" s="10"/>
    </row>
    <row r="732143" spans="14:14">
      <c r="N732143" s="10"/>
    </row>
    <row r="732144" spans="14:14">
      <c r="N732144" s="10"/>
    </row>
    <row r="732145" spans="14:14">
      <c r="N732145" s="10"/>
    </row>
    <row r="732146" spans="14:14">
      <c r="N732146" s="10"/>
    </row>
    <row r="732147" spans="14:14">
      <c r="N732147" s="10"/>
    </row>
    <row r="732148" spans="14:14">
      <c r="N732148" s="10"/>
    </row>
    <row r="732149" spans="14:14">
      <c r="N732149" s="10"/>
    </row>
    <row r="732150" spans="14:14">
      <c r="N732150" s="10"/>
    </row>
    <row r="732151" spans="14:14">
      <c r="N732151" s="10"/>
    </row>
    <row r="732152" spans="14:14">
      <c r="N732152" s="10"/>
    </row>
    <row r="732153" spans="14:14">
      <c r="N732153" s="10"/>
    </row>
    <row r="732154" spans="14:14">
      <c r="N732154" s="10"/>
    </row>
    <row r="732155" spans="14:14">
      <c r="N732155" s="10"/>
    </row>
    <row r="732156" spans="14:14">
      <c r="N732156" s="10"/>
    </row>
    <row r="732157" spans="14:14">
      <c r="N732157" s="10"/>
    </row>
    <row r="732158" spans="14:14">
      <c r="N732158" s="10"/>
    </row>
    <row r="732159" spans="14:14">
      <c r="N732159" s="10"/>
    </row>
    <row r="732160" spans="14:14">
      <c r="N732160" s="10"/>
    </row>
    <row r="732161" spans="14:14">
      <c r="N732161" s="10"/>
    </row>
    <row r="732162" spans="14:14">
      <c r="N732162" s="10"/>
    </row>
    <row r="732163" spans="14:14">
      <c r="N732163" s="10"/>
    </row>
    <row r="732164" spans="14:14">
      <c r="N732164" s="10"/>
    </row>
    <row r="732165" spans="14:14">
      <c r="N732165" s="10"/>
    </row>
    <row r="732166" spans="14:14">
      <c r="N732166" s="10"/>
    </row>
    <row r="732167" spans="14:14">
      <c r="N732167" s="10"/>
    </row>
    <row r="732168" spans="14:14">
      <c r="N732168" s="10"/>
    </row>
    <row r="732169" spans="14:14">
      <c r="N732169" s="10"/>
    </row>
    <row r="732170" spans="14:14">
      <c r="N732170" s="10"/>
    </row>
    <row r="732171" spans="14:14">
      <c r="N732171" s="10"/>
    </row>
    <row r="732172" spans="14:14">
      <c r="N732172" s="10"/>
    </row>
    <row r="732173" spans="14:14">
      <c r="N732173" s="10"/>
    </row>
    <row r="732174" spans="14:14">
      <c r="N732174" s="10"/>
    </row>
    <row r="732175" spans="14:14">
      <c r="N732175" s="10"/>
    </row>
    <row r="732176" spans="14:14">
      <c r="N732176" s="10"/>
    </row>
    <row r="732177" spans="14:14">
      <c r="N732177" s="10"/>
    </row>
    <row r="732178" spans="14:14">
      <c r="N732178" s="10"/>
    </row>
    <row r="732179" spans="14:14">
      <c r="N732179" s="10"/>
    </row>
    <row r="732180" spans="14:14">
      <c r="N732180" s="10"/>
    </row>
    <row r="732181" spans="14:14">
      <c r="N732181" s="10"/>
    </row>
    <row r="732182" spans="14:14">
      <c r="N732182" s="10"/>
    </row>
    <row r="732183" spans="14:14">
      <c r="N732183" s="10"/>
    </row>
    <row r="732184" spans="14:14">
      <c r="N732184" s="10"/>
    </row>
    <row r="732185" spans="14:14">
      <c r="N732185" s="10"/>
    </row>
    <row r="732186" spans="14:14">
      <c r="N732186" s="10"/>
    </row>
    <row r="732187" spans="14:14">
      <c r="N732187" s="10"/>
    </row>
    <row r="732188" spans="14:14">
      <c r="N732188" s="10"/>
    </row>
    <row r="732189" spans="14:14">
      <c r="N732189" s="10"/>
    </row>
    <row r="732190" spans="14:14">
      <c r="N732190" s="10"/>
    </row>
    <row r="732191" spans="14:14">
      <c r="N732191" s="10"/>
    </row>
    <row r="732192" spans="14:14">
      <c r="N732192" s="10"/>
    </row>
    <row r="732193" spans="14:14">
      <c r="N732193" s="10"/>
    </row>
    <row r="732194" spans="14:14">
      <c r="N732194" s="10"/>
    </row>
    <row r="732195" spans="14:14">
      <c r="N732195" s="10"/>
    </row>
    <row r="732196" spans="14:14">
      <c r="N732196" s="10"/>
    </row>
    <row r="732197" spans="14:14">
      <c r="N732197" s="10"/>
    </row>
    <row r="732198" spans="14:14">
      <c r="N732198" s="10"/>
    </row>
    <row r="732199" spans="14:14">
      <c r="N732199" s="10"/>
    </row>
    <row r="732200" spans="14:14">
      <c r="N732200" s="10"/>
    </row>
    <row r="732201" spans="14:14">
      <c r="N732201" s="10"/>
    </row>
    <row r="732202" spans="14:14">
      <c r="N732202" s="10"/>
    </row>
    <row r="732203" spans="14:14">
      <c r="N732203" s="10"/>
    </row>
    <row r="732204" spans="14:14">
      <c r="N732204" s="10"/>
    </row>
    <row r="732205" spans="14:14">
      <c r="N732205" s="10"/>
    </row>
    <row r="732206" spans="14:14">
      <c r="N732206" s="10"/>
    </row>
    <row r="732207" spans="14:14">
      <c r="N732207" s="10"/>
    </row>
    <row r="732208" spans="14:14">
      <c r="N732208" s="10"/>
    </row>
    <row r="732209" spans="14:14">
      <c r="N732209" s="10"/>
    </row>
    <row r="732210" spans="14:14">
      <c r="N732210" s="10"/>
    </row>
    <row r="732211" spans="14:14">
      <c r="N732211" s="10"/>
    </row>
    <row r="732212" spans="14:14">
      <c r="N732212" s="10"/>
    </row>
    <row r="732213" spans="14:14">
      <c r="N732213" s="10"/>
    </row>
    <row r="732214" spans="14:14">
      <c r="N732214" s="10"/>
    </row>
    <row r="732215" spans="14:14">
      <c r="N732215" s="10"/>
    </row>
    <row r="732216" spans="14:14">
      <c r="N732216" s="10"/>
    </row>
    <row r="732217" spans="14:14">
      <c r="N732217" s="10"/>
    </row>
    <row r="732218" spans="14:14">
      <c r="N732218" s="10"/>
    </row>
    <row r="732219" spans="14:14">
      <c r="N732219" s="10"/>
    </row>
    <row r="732220" spans="14:14">
      <c r="N732220" s="10"/>
    </row>
    <row r="732221" spans="14:14">
      <c r="N732221" s="10"/>
    </row>
    <row r="732222" spans="14:14">
      <c r="N732222" s="10"/>
    </row>
    <row r="732223" spans="14:14">
      <c r="N732223" s="10"/>
    </row>
    <row r="732224" spans="14:14">
      <c r="N732224" s="10"/>
    </row>
    <row r="732225" spans="14:14">
      <c r="N732225" s="10"/>
    </row>
    <row r="732226" spans="14:14">
      <c r="N732226" s="10"/>
    </row>
    <row r="732227" spans="14:14">
      <c r="N732227" s="10"/>
    </row>
    <row r="732228" spans="14:14">
      <c r="N732228" s="10"/>
    </row>
    <row r="732229" spans="14:14">
      <c r="N732229" s="10"/>
    </row>
    <row r="732230" spans="14:14">
      <c r="N732230" s="10"/>
    </row>
    <row r="732231" spans="14:14">
      <c r="N732231" s="10"/>
    </row>
    <row r="732232" spans="14:14">
      <c r="N732232" s="10"/>
    </row>
    <row r="732233" spans="14:14">
      <c r="N732233" s="10"/>
    </row>
    <row r="732234" spans="14:14">
      <c r="N732234" s="10"/>
    </row>
    <row r="732235" spans="14:14">
      <c r="N732235" s="10"/>
    </row>
    <row r="732236" spans="14:14">
      <c r="N732236" s="10"/>
    </row>
    <row r="732237" spans="14:14">
      <c r="N732237" s="10"/>
    </row>
    <row r="732238" spans="14:14">
      <c r="N732238" s="10"/>
    </row>
    <row r="732239" spans="14:14">
      <c r="N732239" s="10"/>
    </row>
    <row r="732240" spans="14:14">
      <c r="N732240" s="10"/>
    </row>
    <row r="732241" spans="14:14">
      <c r="N732241" s="10"/>
    </row>
    <row r="732242" spans="14:14">
      <c r="N732242" s="10"/>
    </row>
    <row r="732243" spans="14:14">
      <c r="N732243" s="10"/>
    </row>
    <row r="732244" spans="14:14">
      <c r="N732244" s="10"/>
    </row>
    <row r="732245" spans="14:14">
      <c r="N732245" s="10"/>
    </row>
    <row r="732246" spans="14:14">
      <c r="N732246" s="10"/>
    </row>
    <row r="732247" spans="14:14">
      <c r="N732247" s="10"/>
    </row>
    <row r="732248" spans="14:14">
      <c r="N732248" s="10"/>
    </row>
    <row r="732249" spans="14:14">
      <c r="N732249" s="10"/>
    </row>
    <row r="732250" spans="14:14">
      <c r="N732250" s="10"/>
    </row>
    <row r="732251" spans="14:14">
      <c r="N732251" s="10"/>
    </row>
    <row r="732252" spans="14:14">
      <c r="N732252" s="10"/>
    </row>
    <row r="732253" spans="14:14">
      <c r="N732253" s="10"/>
    </row>
    <row r="732254" spans="14:14">
      <c r="N732254" s="10"/>
    </row>
    <row r="732255" spans="14:14">
      <c r="N732255" s="10"/>
    </row>
    <row r="732256" spans="14:14">
      <c r="N732256" s="10"/>
    </row>
    <row r="732257" spans="14:14">
      <c r="N732257" s="10"/>
    </row>
    <row r="732258" spans="14:14">
      <c r="N732258" s="10"/>
    </row>
    <row r="732259" spans="14:14">
      <c r="N732259" s="10"/>
    </row>
    <row r="732260" spans="14:14">
      <c r="N732260" s="10"/>
    </row>
    <row r="732261" spans="14:14">
      <c r="N732261" s="10"/>
    </row>
    <row r="732262" spans="14:14">
      <c r="N732262" s="10"/>
    </row>
    <row r="732263" spans="14:14">
      <c r="N732263" s="10"/>
    </row>
    <row r="732264" spans="14:14">
      <c r="N732264" s="10"/>
    </row>
    <row r="732265" spans="14:14">
      <c r="N732265" s="10"/>
    </row>
    <row r="732266" spans="14:14">
      <c r="N732266" s="10"/>
    </row>
    <row r="732267" spans="14:14">
      <c r="N732267" s="10"/>
    </row>
    <row r="732268" spans="14:14">
      <c r="N732268" s="10"/>
    </row>
    <row r="732269" spans="14:14">
      <c r="N732269" s="10"/>
    </row>
    <row r="732270" spans="14:14">
      <c r="N732270" s="10"/>
    </row>
    <row r="732271" spans="14:14">
      <c r="N732271" s="10"/>
    </row>
    <row r="732272" spans="14:14">
      <c r="N732272" s="10"/>
    </row>
    <row r="732273" spans="14:14">
      <c r="N732273" s="10"/>
    </row>
    <row r="732274" spans="14:14">
      <c r="N732274" s="10"/>
    </row>
    <row r="732275" spans="14:14">
      <c r="N732275" s="10"/>
    </row>
    <row r="732276" spans="14:14">
      <c r="N732276" s="10"/>
    </row>
    <row r="732277" spans="14:14">
      <c r="N732277" s="10"/>
    </row>
    <row r="732278" spans="14:14">
      <c r="N732278" s="10"/>
    </row>
    <row r="732279" spans="14:14">
      <c r="N732279" s="10"/>
    </row>
    <row r="732280" spans="14:14">
      <c r="N732280" s="10"/>
    </row>
    <row r="732281" spans="14:14">
      <c r="N732281" s="10"/>
    </row>
    <row r="732282" spans="14:14">
      <c r="N732282" s="10"/>
    </row>
    <row r="732283" spans="14:14">
      <c r="N732283" s="10"/>
    </row>
    <row r="732284" spans="14:14">
      <c r="N732284" s="10"/>
    </row>
    <row r="732285" spans="14:14">
      <c r="N732285" s="10"/>
    </row>
    <row r="732286" spans="14:14">
      <c r="N732286" s="10"/>
    </row>
    <row r="732287" spans="14:14">
      <c r="N732287" s="10"/>
    </row>
    <row r="732288" spans="14:14">
      <c r="N732288" s="10"/>
    </row>
    <row r="732289" spans="14:14">
      <c r="N732289" s="10"/>
    </row>
    <row r="732290" spans="14:14">
      <c r="N732290" s="10"/>
    </row>
    <row r="732291" spans="14:14">
      <c r="N732291" s="10"/>
    </row>
    <row r="732292" spans="14:14">
      <c r="N732292" s="10"/>
    </row>
    <row r="732293" spans="14:14">
      <c r="N732293" s="10"/>
    </row>
    <row r="732294" spans="14:14">
      <c r="N732294" s="10"/>
    </row>
    <row r="732295" spans="14:14">
      <c r="N732295" s="10"/>
    </row>
    <row r="732296" spans="14:14">
      <c r="N732296" s="10"/>
    </row>
    <row r="732297" spans="14:14">
      <c r="N732297" s="10"/>
    </row>
    <row r="732298" spans="14:14">
      <c r="N732298" s="10"/>
    </row>
    <row r="732299" spans="14:14">
      <c r="N732299" s="10"/>
    </row>
    <row r="732300" spans="14:14">
      <c r="N732300" s="10"/>
    </row>
    <row r="732301" spans="14:14">
      <c r="N732301" s="10"/>
    </row>
    <row r="732302" spans="14:14">
      <c r="N732302" s="10"/>
    </row>
    <row r="732303" spans="14:14">
      <c r="N732303" s="10"/>
    </row>
    <row r="732304" spans="14:14">
      <c r="N732304" s="10"/>
    </row>
    <row r="732305" spans="14:14">
      <c r="N732305" s="10"/>
    </row>
    <row r="732306" spans="14:14">
      <c r="N732306" s="10"/>
    </row>
    <row r="732307" spans="14:14">
      <c r="N732307" s="10"/>
    </row>
    <row r="732308" spans="14:14">
      <c r="N732308" s="10"/>
    </row>
    <row r="732309" spans="14:14">
      <c r="N732309" s="10"/>
    </row>
    <row r="732310" spans="14:14">
      <c r="N732310" s="10"/>
    </row>
    <row r="732311" spans="14:14">
      <c r="N732311" s="10"/>
    </row>
    <row r="732312" spans="14:14">
      <c r="N732312" s="10"/>
    </row>
    <row r="732313" spans="14:14">
      <c r="N732313" s="10"/>
    </row>
    <row r="732314" spans="14:14">
      <c r="N732314" s="10"/>
    </row>
    <row r="732315" spans="14:14">
      <c r="N732315" s="10"/>
    </row>
    <row r="732316" spans="14:14">
      <c r="N732316" s="10"/>
    </row>
    <row r="732317" spans="14:14">
      <c r="N732317" s="10"/>
    </row>
    <row r="732318" spans="14:14">
      <c r="N732318" s="10"/>
    </row>
    <row r="732319" spans="14:14">
      <c r="N732319" s="10"/>
    </row>
    <row r="732320" spans="14:14">
      <c r="N732320" s="10"/>
    </row>
    <row r="732321" spans="14:14">
      <c r="N732321" s="10"/>
    </row>
    <row r="732322" spans="14:14">
      <c r="N732322" s="10"/>
    </row>
    <row r="732323" spans="14:14">
      <c r="N732323" s="10"/>
    </row>
    <row r="732324" spans="14:14">
      <c r="N732324" s="10"/>
    </row>
    <row r="732325" spans="14:14">
      <c r="N732325" s="10"/>
    </row>
    <row r="732326" spans="14:14">
      <c r="N732326" s="10"/>
    </row>
    <row r="732327" spans="14:14">
      <c r="N732327" s="10"/>
    </row>
    <row r="732328" spans="14:14">
      <c r="N732328" s="10"/>
    </row>
    <row r="732329" spans="14:14">
      <c r="N732329" s="10"/>
    </row>
    <row r="732330" spans="14:14">
      <c r="N732330" s="10"/>
    </row>
    <row r="732331" spans="14:14">
      <c r="N732331" s="10"/>
    </row>
    <row r="732332" spans="14:14">
      <c r="N732332" s="10"/>
    </row>
    <row r="732333" spans="14:14">
      <c r="N732333" s="10"/>
    </row>
    <row r="732334" spans="14:14">
      <c r="N732334" s="10"/>
    </row>
    <row r="732335" spans="14:14">
      <c r="N732335" s="10"/>
    </row>
    <row r="732336" spans="14:14">
      <c r="N732336" s="10"/>
    </row>
    <row r="732337" spans="14:14">
      <c r="N732337" s="10"/>
    </row>
    <row r="732338" spans="14:14">
      <c r="N732338" s="10"/>
    </row>
    <row r="732339" spans="14:14">
      <c r="N732339" s="10"/>
    </row>
    <row r="732340" spans="14:14">
      <c r="N732340" s="10"/>
    </row>
    <row r="732341" spans="14:14">
      <c r="N732341" s="10"/>
    </row>
    <row r="732342" spans="14:14">
      <c r="N732342" s="10"/>
    </row>
    <row r="732343" spans="14:14">
      <c r="N732343" s="10"/>
    </row>
    <row r="732344" spans="14:14">
      <c r="N732344" s="10"/>
    </row>
    <row r="732345" spans="14:14">
      <c r="N732345" s="10"/>
    </row>
    <row r="732346" spans="14:14">
      <c r="N732346" s="10"/>
    </row>
    <row r="732347" spans="14:14">
      <c r="N732347" s="10"/>
    </row>
    <row r="732348" spans="14:14">
      <c r="N732348" s="10"/>
    </row>
    <row r="732349" spans="14:14">
      <c r="N732349" s="10"/>
    </row>
    <row r="732350" spans="14:14">
      <c r="N732350" s="10"/>
    </row>
    <row r="732351" spans="14:14">
      <c r="N732351" s="10"/>
    </row>
    <row r="732352" spans="14:14">
      <c r="N732352" s="10"/>
    </row>
    <row r="732353" spans="14:14">
      <c r="N732353" s="10"/>
    </row>
    <row r="732354" spans="14:14">
      <c r="N732354" s="10"/>
    </row>
    <row r="732355" spans="14:14">
      <c r="N732355" s="10"/>
    </row>
    <row r="732356" spans="14:14">
      <c r="N732356" s="10"/>
    </row>
    <row r="732357" spans="14:14">
      <c r="N732357" s="10"/>
    </row>
    <row r="732358" spans="14:14">
      <c r="N732358" s="10"/>
    </row>
    <row r="732359" spans="14:14">
      <c r="N732359" s="10"/>
    </row>
    <row r="732360" spans="14:14">
      <c r="N732360" s="10"/>
    </row>
    <row r="732361" spans="14:14">
      <c r="N732361" s="10"/>
    </row>
    <row r="732362" spans="14:14">
      <c r="N732362" s="10"/>
    </row>
    <row r="732363" spans="14:14">
      <c r="N732363" s="10"/>
    </row>
    <row r="732364" spans="14:14">
      <c r="N732364" s="10"/>
    </row>
    <row r="732365" spans="14:14">
      <c r="N732365" s="10"/>
    </row>
    <row r="732366" spans="14:14">
      <c r="N732366" s="10"/>
    </row>
    <row r="732367" spans="14:14">
      <c r="N732367" s="10"/>
    </row>
    <row r="732368" spans="14:14">
      <c r="N732368" s="10"/>
    </row>
    <row r="732369" spans="14:14">
      <c r="N732369" s="10"/>
    </row>
    <row r="732370" spans="14:14">
      <c r="N732370" s="10"/>
    </row>
    <row r="732371" spans="14:14">
      <c r="N732371" s="10"/>
    </row>
    <row r="732372" spans="14:14">
      <c r="N732372" s="10"/>
    </row>
    <row r="732373" spans="14:14">
      <c r="N732373" s="10"/>
    </row>
    <row r="732374" spans="14:14">
      <c r="N732374" s="10"/>
    </row>
    <row r="732375" spans="14:14">
      <c r="N732375" s="10"/>
    </row>
    <row r="732376" spans="14:14">
      <c r="N732376" s="10"/>
    </row>
    <row r="732377" spans="14:14">
      <c r="N732377" s="10"/>
    </row>
    <row r="732378" spans="14:14">
      <c r="N732378" s="10"/>
    </row>
    <row r="732379" spans="14:14">
      <c r="N732379" s="10"/>
    </row>
    <row r="732380" spans="14:14">
      <c r="N732380" s="10"/>
    </row>
    <row r="732381" spans="14:14">
      <c r="N732381" s="10"/>
    </row>
    <row r="732382" spans="14:14">
      <c r="N732382" s="10"/>
    </row>
    <row r="732383" spans="14:14">
      <c r="N732383" s="10"/>
    </row>
    <row r="732384" spans="14:14">
      <c r="N732384" s="10"/>
    </row>
    <row r="732385" spans="14:14">
      <c r="N732385" s="10"/>
    </row>
    <row r="732386" spans="14:14">
      <c r="N732386" s="10"/>
    </row>
    <row r="732387" spans="14:14">
      <c r="N732387" s="10"/>
    </row>
    <row r="732388" spans="14:14">
      <c r="N732388" s="10"/>
    </row>
    <row r="732389" spans="14:14">
      <c r="N732389" s="10"/>
    </row>
    <row r="732390" spans="14:14">
      <c r="N732390" s="10"/>
    </row>
    <row r="732391" spans="14:14">
      <c r="N732391" s="10"/>
    </row>
    <row r="732392" spans="14:14">
      <c r="N732392" s="10"/>
    </row>
    <row r="732393" spans="14:14">
      <c r="N732393" s="10"/>
    </row>
    <row r="732394" spans="14:14">
      <c r="N732394" s="10"/>
    </row>
    <row r="732395" spans="14:14">
      <c r="N732395" s="10"/>
    </row>
    <row r="732396" spans="14:14">
      <c r="N732396" s="10"/>
    </row>
    <row r="732397" spans="14:14">
      <c r="N732397" s="10"/>
    </row>
    <row r="732398" spans="14:14">
      <c r="N732398" s="10"/>
    </row>
    <row r="732399" spans="14:14">
      <c r="N732399" s="10"/>
    </row>
    <row r="732400" spans="14:14">
      <c r="N732400" s="10"/>
    </row>
    <row r="732401" spans="14:14">
      <c r="N732401" s="10"/>
    </row>
    <row r="732402" spans="14:14">
      <c r="N732402" s="10"/>
    </row>
    <row r="732403" spans="14:14">
      <c r="N732403" s="10"/>
    </row>
    <row r="732404" spans="14:14">
      <c r="N732404" s="10"/>
    </row>
    <row r="732405" spans="14:14">
      <c r="N732405" s="10"/>
    </row>
    <row r="732406" spans="14:14">
      <c r="N732406" s="10"/>
    </row>
    <row r="732407" spans="14:14">
      <c r="N732407" s="10"/>
    </row>
    <row r="732408" spans="14:14">
      <c r="N732408" s="10"/>
    </row>
    <row r="732409" spans="14:14">
      <c r="N732409" s="10"/>
    </row>
    <row r="732410" spans="14:14">
      <c r="N732410" s="10"/>
    </row>
    <row r="732411" spans="14:14">
      <c r="N732411" s="10"/>
    </row>
    <row r="732412" spans="14:14">
      <c r="N732412" s="10"/>
    </row>
    <row r="732413" spans="14:14">
      <c r="N732413" s="10"/>
    </row>
    <row r="732414" spans="14:14">
      <c r="N732414" s="10"/>
    </row>
    <row r="732415" spans="14:14">
      <c r="N732415" s="10"/>
    </row>
    <row r="732416" spans="14:14">
      <c r="N732416" s="10"/>
    </row>
    <row r="732417" spans="14:14">
      <c r="N732417" s="10"/>
    </row>
    <row r="732418" spans="14:14">
      <c r="N732418" s="10"/>
    </row>
    <row r="732419" spans="14:14">
      <c r="N732419" s="10"/>
    </row>
    <row r="732420" spans="14:14">
      <c r="N732420" s="10"/>
    </row>
    <row r="732421" spans="14:14">
      <c r="N732421" s="10"/>
    </row>
    <row r="732422" spans="14:14">
      <c r="N732422" s="10"/>
    </row>
    <row r="732423" spans="14:14">
      <c r="N732423" s="10"/>
    </row>
    <row r="732424" spans="14:14">
      <c r="N732424" s="10"/>
    </row>
    <row r="732425" spans="14:14">
      <c r="N732425" s="10"/>
    </row>
    <row r="732426" spans="14:14">
      <c r="N732426" s="10"/>
    </row>
    <row r="732427" spans="14:14">
      <c r="N732427" s="10"/>
    </row>
    <row r="732428" spans="14:14">
      <c r="N732428" s="10"/>
    </row>
    <row r="732429" spans="14:14">
      <c r="N732429" s="10"/>
    </row>
    <row r="732430" spans="14:14">
      <c r="N732430" s="10"/>
    </row>
    <row r="732431" spans="14:14">
      <c r="N732431" s="10"/>
    </row>
    <row r="732432" spans="14:14">
      <c r="N732432" s="10"/>
    </row>
    <row r="732433" spans="14:14">
      <c r="N732433" s="10"/>
    </row>
    <row r="732434" spans="14:14">
      <c r="N732434" s="10"/>
    </row>
    <row r="732435" spans="14:14">
      <c r="N732435" s="10"/>
    </row>
    <row r="732436" spans="14:14">
      <c r="N732436" s="10"/>
    </row>
    <row r="732437" spans="14:14">
      <c r="N732437" s="10"/>
    </row>
    <row r="732438" spans="14:14">
      <c r="N732438" s="10"/>
    </row>
    <row r="732439" spans="14:14">
      <c r="N732439" s="10"/>
    </row>
    <row r="732440" spans="14:14">
      <c r="N732440" s="10"/>
    </row>
    <row r="732441" spans="14:14">
      <c r="N732441" s="10"/>
    </row>
    <row r="732442" spans="14:14">
      <c r="N732442" s="10"/>
    </row>
    <row r="732443" spans="14:14">
      <c r="N732443" s="10"/>
    </row>
    <row r="732444" spans="14:14">
      <c r="N732444" s="10"/>
    </row>
    <row r="732445" spans="14:14">
      <c r="N732445" s="10"/>
    </row>
    <row r="732446" spans="14:14">
      <c r="N732446" s="10"/>
    </row>
    <row r="732447" spans="14:14">
      <c r="N732447" s="10"/>
    </row>
    <row r="732448" spans="14:14">
      <c r="N732448" s="10"/>
    </row>
    <row r="732449" spans="14:14">
      <c r="N732449" s="10"/>
    </row>
    <row r="732450" spans="14:14">
      <c r="N732450" s="10"/>
    </row>
    <row r="732451" spans="14:14">
      <c r="N732451" s="10"/>
    </row>
    <row r="732452" spans="14:14">
      <c r="N732452" s="10"/>
    </row>
    <row r="732453" spans="14:14">
      <c r="N732453" s="10"/>
    </row>
    <row r="732454" spans="14:14">
      <c r="N732454" s="10"/>
    </row>
    <row r="732455" spans="14:14">
      <c r="N732455" s="10"/>
    </row>
    <row r="732456" spans="14:14">
      <c r="N732456" s="10"/>
    </row>
    <row r="732457" spans="14:14">
      <c r="N732457" s="10"/>
    </row>
    <row r="732458" spans="14:14">
      <c r="N732458" s="10"/>
    </row>
    <row r="732459" spans="14:14">
      <c r="N732459" s="10"/>
    </row>
    <row r="732460" spans="14:14">
      <c r="N732460" s="10"/>
    </row>
    <row r="732461" spans="14:14">
      <c r="N732461" s="10"/>
    </row>
    <row r="732462" spans="14:14">
      <c r="N732462" s="10"/>
    </row>
    <row r="732463" spans="14:14">
      <c r="N732463" s="10"/>
    </row>
    <row r="732464" spans="14:14">
      <c r="N732464" s="10"/>
    </row>
    <row r="732465" spans="14:14">
      <c r="N732465" s="10"/>
    </row>
    <row r="732466" spans="14:14">
      <c r="N732466" s="10"/>
    </row>
    <row r="732467" spans="14:14">
      <c r="N732467" s="10"/>
    </row>
    <row r="732468" spans="14:14">
      <c r="N732468" s="10"/>
    </row>
    <row r="732469" spans="14:14">
      <c r="N732469" s="10"/>
    </row>
    <row r="732470" spans="14:14">
      <c r="N732470" s="10"/>
    </row>
    <row r="732471" spans="14:14">
      <c r="N732471" s="10"/>
    </row>
    <row r="732472" spans="14:14">
      <c r="N732472" s="10"/>
    </row>
    <row r="732473" spans="14:14">
      <c r="N732473" s="10"/>
    </row>
    <row r="732474" spans="14:14">
      <c r="N732474" s="10"/>
    </row>
    <row r="732475" spans="14:14">
      <c r="N732475" s="10"/>
    </row>
    <row r="732476" spans="14:14">
      <c r="N732476" s="10"/>
    </row>
    <row r="732477" spans="14:14">
      <c r="N732477" s="10"/>
    </row>
    <row r="732478" spans="14:14">
      <c r="N732478" s="10"/>
    </row>
    <row r="732479" spans="14:14">
      <c r="N732479" s="10"/>
    </row>
    <row r="732480" spans="14:14">
      <c r="N732480" s="10"/>
    </row>
    <row r="732481" spans="14:14">
      <c r="N732481" s="10"/>
    </row>
    <row r="732482" spans="14:14">
      <c r="N732482" s="10"/>
    </row>
    <row r="732483" spans="14:14">
      <c r="N732483" s="10"/>
    </row>
    <row r="732484" spans="14:14">
      <c r="N732484" s="10"/>
    </row>
    <row r="732485" spans="14:14">
      <c r="N732485" s="10"/>
    </row>
    <row r="732486" spans="14:14">
      <c r="N732486" s="10"/>
    </row>
    <row r="732487" spans="14:14">
      <c r="N732487" s="10"/>
    </row>
    <row r="732488" spans="14:14">
      <c r="N732488" s="10"/>
    </row>
    <row r="732489" spans="14:14">
      <c r="N732489" s="10"/>
    </row>
    <row r="732490" spans="14:14">
      <c r="N732490" s="10"/>
    </row>
    <row r="732491" spans="14:14">
      <c r="N732491" s="10"/>
    </row>
    <row r="732492" spans="14:14">
      <c r="N732492" s="10"/>
    </row>
    <row r="732493" spans="14:14">
      <c r="N732493" s="10"/>
    </row>
    <row r="732494" spans="14:14">
      <c r="N732494" s="10"/>
    </row>
    <row r="732495" spans="14:14">
      <c r="N732495" s="10"/>
    </row>
    <row r="732496" spans="14:14">
      <c r="N732496" s="10"/>
    </row>
    <row r="732497" spans="14:14">
      <c r="N732497" s="10"/>
    </row>
    <row r="732498" spans="14:14">
      <c r="N732498" s="10"/>
    </row>
    <row r="732499" spans="14:14">
      <c r="N732499" s="10"/>
    </row>
    <row r="732500" spans="14:14">
      <c r="N732500" s="10"/>
    </row>
    <row r="732501" spans="14:14">
      <c r="N732501" s="10"/>
    </row>
    <row r="732502" spans="14:14">
      <c r="N732502" s="10"/>
    </row>
    <row r="732503" spans="14:14">
      <c r="N732503" s="10"/>
    </row>
    <row r="732504" spans="14:14">
      <c r="N732504" s="10"/>
    </row>
    <row r="732505" spans="14:14">
      <c r="N732505" s="10"/>
    </row>
    <row r="732506" spans="14:14">
      <c r="N732506" s="10"/>
    </row>
    <row r="732507" spans="14:14">
      <c r="N732507" s="10"/>
    </row>
    <row r="732508" spans="14:14">
      <c r="N732508" s="10"/>
    </row>
    <row r="732509" spans="14:14">
      <c r="N732509" s="10"/>
    </row>
    <row r="732510" spans="14:14">
      <c r="N732510" s="10"/>
    </row>
    <row r="732511" spans="14:14">
      <c r="N732511" s="10"/>
    </row>
    <row r="732512" spans="14:14">
      <c r="N732512" s="10"/>
    </row>
    <row r="732513" spans="14:14">
      <c r="N732513" s="10"/>
    </row>
    <row r="732514" spans="14:14">
      <c r="N732514" s="10"/>
    </row>
    <row r="732515" spans="14:14">
      <c r="N732515" s="10"/>
    </row>
    <row r="732516" spans="14:14">
      <c r="N732516" s="10"/>
    </row>
    <row r="732517" spans="14:14">
      <c r="N732517" s="10"/>
    </row>
    <row r="732518" spans="14:14">
      <c r="N732518" s="10"/>
    </row>
    <row r="732519" spans="14:14">
      <c r="N732519" s="10"/>
    </row>
    <row r="732520" spans="14:14">
      <c r="N732520" s="10"/>
    </row>
    <row r="732521" spans="14:14">
      <c r="N732521" s="10"/>
    </row>
    <row r="732522" spans="14:14">
      <c r="N732522" s="10"/>
    </row>
    <row r="732523" spans="14:14">
      <c r="N732523" s="10"/>
    </row>
    <row r="732524" spans="14:14">
      <c r="N732524" s="10"/>
    </row>
    <row r="732525" spans="14:14">
      <c r="N732525" s="10"/>
    </row>
    <row r="732526" spans="14:14">
      <c r="N732526" s="10"/>
    </row>
    <row r="732527" spans="14:14">
      <c r="N732527" s="10"/>
    </row>
    <row r="732528" spans="14:14">
      <c r="N732528" s="10"/>
    </row>
    <row r="732529" spans="14:14">
      <c r="N732529" s="10"/>
    </row>
    <row r="732530" spans="14:14">
      <c r="N732530" s="10"/>
    </row>
    <row r="732531" spans="14:14">
      <c r="N732531" s="10"/>
    </row>
    <row r="732532" spans="14:14">
      <c r="N732532" s="10"/>
    </row>
    <row r="732533" spans="14:14">
      <c r="N732533" s="10"/>
    </row>
    <row r="732534" spans="14:14">
      <c r="N732534" s="10"/>
    </row>
    <row r="732535" spans="14:14">
      <c r="N732535" s="10"/>
    </row>
    <row r="732536" spans="14:14">
      <c r="N732536" s="10"/>
    </row>
    <row r="732537" spans="14:14">
      <c r="N732537" s="10"/>
    </row>
    <row r="732538" spans="14:14">
      <c r="N732538" s="10"/>
    </row>
    <row r="732539" spans="14:14">
      <c r="N732539" s="10"/>
    </row>
    <row r="732540" spans="14:14">
      <c r="N732540" s="10"/>
    </row>
    <row r="732541" spans="14:14">
      <c r="N732541" s="10"/>
    </row>
    <row r="732542" spans="14:14">
      <c r="N732542" s="10"/>
    </row>
    <row r="732543" spans="14:14">
      <c r="N732543" s="10"/>
    </row>
    <row r="732544" spans="14:14">
      <c r="N732544" s="10"/>
    </row>
    <row r="732545" spans="14:14">
      <c r="N732545" s="10"/>
    </row>
    <row r="732546" spans="14:14">
      <c r="N732546" s="10"/>
    </row>
    <row r="732547" spans="14:14">
      <c r="N732547" s="10"/>
    </row>
    <row r="732548" spans="14:14">
      <c r="N732548" s="10"/>
    </row>
    <row r="732549" spans="14:14">
      <c r="N732549" s="10"/>
    </row>
    <row r="732550" spans="14:14">
      <c r="N732550" s="10"/>
    </row>
    <row r="732551" spans="14:14">
      <c r="N732551" s="10"/>
    </row>
    <row r="732552" spans="14:14">
      <c r="N732552" s="10"/>
    </row>
    <row r="732553" spans="14:14">
      <c r="N732553" s="10"/>
    </row>
    <row r="732554" spans="14:14">
      <c r="N732554" s="10"/>
    </row>
    <row r="732555" spans="14:14">
      <c r="N732555" s="10"/>
    </row>
    <row r="732556" spans="14:14">
      <c r="N732556" s="10"/>
    </row>
    <row r="732557" spans="14:14">
      <c r="N732557" s="10"/>
    </row>
    <row r="732558" spans="14:14">
      <c r="N732558" s="10"/>
    </row>
    <row r="732559" spans="14:14">
      <c r="N732559" s="10"/>
    </row>
    <row r="732560" spans="14:14">
      <c r="N732560" s="10"/>
    </row>
    <row r="732561" spans="14:14">
      <c r="N732561" s="10"/>
    </row>
    <row r="732562" spans="14:14">
      <c r="N732562" s="10"/>
    </row>
    <row r="732563" spans="14:14">
      <c r="N732563" s="10"/>
    </row>
    <row r="732564" spans="14:14">
      <c r="N732564" s="10"/>
    </row>
    <row r="732565" spans="14:14">
      <c r="N732565" s="10"/>
    </row>
    <row r="732566" spans="14:14">
      <c r="N732566" s="10"/>
    </row>
    <row r="732567" spans="14:14">
      <c r="N732567" s="10"/>
    </row>
    <row r="732568" spans="14:14">
      <c r="N732568" s="10"/>
    </row>
    <row r="732569" spans="14:14">
      <c r="N732569" s="10"/>
    </row>
    <row r="732570" spans="14:14">
      <c r="N732570" s="10"/>
    </row>
    <row r="732571" spans="14:14">
      <c r="N732571" s="10"/>
    </row>
    <row r="732572" spans="14:14">
      <c r="N732572" s="10"/>
    </row>
    <row r="732573" spans="14:14">
      <c r="N732573" s="10"/>
    </row>
    <row r="732574" spans="14:14">
      <c r="N732574" s="10"/>
    </row>
    <row r="732575" spans="14:14">
      <c r="N732575" s="10"/>
    </row>
    <row r="732576" spans="14:14">
      <c r="N732576" s="10"/>
    </row>
    <row r="732577" spans="14:14">
      <c r="N732577" s="10"/>
    </row>
    <row r="732578" spans="14:14">
      <c r="N732578" s="10"/>
    </row>
    <row r="732579" spans="14:14">
      <c r="N732579" s="10"/>
    </row>
    <row r="732580" spans="14:14">
      <c r="N732580" s="10"/>
    </row>
    <row r="732581" spans="14:14">
      <c r="N732581" s="10"/>
    </row>
    <row r="732582" spans="14:14">
      <c r="N732582" s="10"/>
    </row>
    <row r="732583" spans="14:14">
      <c r="N732583" s="10"/>
    </row>
    <row r="732584" spans="14:14">
      <c r="N732584" s="10"/>
    </row>
    <row r="732585" spans="14:14">
      <c r="N732585" s="10"/>
    </row>
    <row r="732586" spans="14:14">
      <c r="N732586" s="10"/>
    </row>
    <row r="732587" spans="14:14">
      <c r="N732587" s="10"/>
    </row>
    <row r="732588" spans="14:14">
      <c r="N732588" s="10"/>
    </row>
    <row r="732589" spans="14:14">
      <c r="N732589" s="10"/>
    </row>
    <row r="732590" spans="14:14">
      <c r="N732590" s="10"/>
    </row>
    <row r="732591" spans="14:14">
      <c r="N732591" s="10"/>
    </row>
    <row r="732592" spans="14:14">
      <c r="N732592" s="10"/>
    </row>
    <row r="732593" spans="14:14">
      <c r="N732593" s="10"/>
    </row>
    <row r="732594" spans="14:14">
      <c r="N732594" s="10"/>
    </row>
    <row r="732595" spans="14:14">
      <c r="N732595" s="10"/>
    </row>
    <row r="732596" spans="14:14">
      <c r="N732596" s="10"/>
    </row>
    <row r="732597" spans="14:14">
      <c r="N732597" s="10"/>
    </row>
    <row r="732598" spans="14:14">
      <c r="N732598" s="10"/>
    </row>
    <row r="732599" spans="14:14">
      <c r="N732599" s="10"/>
    </row>
    <row r="732600" spans="14:14">
      <c r="N732600" s="10"/>
    </row>
    <row r="732601" spans="14:14">
      <c r="N732601" s="10"/>
    </row>
    <row r="732602" spans="14:14">
      <c r="N732602" s="10"/>
    </row>
    <row r="732603" spans="14:14">
      <c r="N732603" s="10"/>
    </row>
    <row r="732604" spans="14:14">
      <c r="N732604" s="10"/>
    </row>
    <row r="732605" spans="14:14">
      <c r="N732605" s="10"/>
    </row>
    <row r="732606" spans="14:14">
      <c r="N732606" s="10"/>
    </row>
    <row r="732607" spans="14:14">
      <c r="N732607" s="10"/>
    </row>
    <row r="732608" spans="14:14">
      <c r="N732608" s="10"/>
    </row>
    <row r="732609" spans="14:14">
      <c r="N732609" s="10"/>
    </row>
    <row r="732610" spans="14:14">
      <c r="N732610" s="10"/>
    </row>
    <row r="732611" spans="14:14">
      <c r="N732611" s="10"/>
    </row>
    <row r="732612" spans="14:14">
      <c r="N732612" s="10"/>
    </row>
    <row r="732613" spans="14:14">
      <c r="N732613" s="10"/>
    </row>
    <row r="732614" spans="14:14">
      <c r="N732614" s="10"/>
    </row>
    <row r="732615" spans="14:14">
      <c r="N732615" s="10"/>
    </row>
    <row r="732616" spans="14:14">
      <c r="N732616" s="10"/>
    </row>
    <row r="732617" spans="14:14">
      <c r="N732617" s="10"/>
    </row>
    <row r="732618" spans="14:14">
      <c r="N732618" s="10"/>
    </row>
    <row r="732619" spans="14:14">
      <c r="N732619" s="10"/>
    </row>
    <row r="732620" spans="14:14">
      <c r="N732620" s="10"/>
    </row>
    <row r="732621" spans="14:14">
      <c r="N732621" s="10"/>
    </row>
    <row r="732622" spans="14:14">
      <c r="N732622" s="10"/>
    </row>
    <row r="732623" spans="14:14">
      <c r="N732623" s="10"/>
    </row>
    <row r="732624" spans="14:14">
      <c r="N732624" s="10"/>
    </row>
    <row r="732625" spans="14:14">
      <c r="N732625" s="10"/>
    </row>
    <row r="732626" spans="14:14">
      <c r="N732626" s="10"/>
    </row>
    <row r="732627" spans="14:14">
      <c r="N732627" s="10"/>
    </row>
    <row r="732628" spans="14:14">
      <c r="N732628" s="10"/>
    </row>
    <row r="732629" spans="14:14">
      <c r="N732629" s="10"/>
    </row>
    <row r="732630" spans="14:14">
      <c r="N732630" s="10"/>
    </row>
    <row r="732631" spans="14:14">
      <c r="N732631" s="10"/>
    </row>
    <row r="732632" spans="14:14">
      <c r="N732632" s="10"/>
    </row>
    <row r="732633" spans="14:14">
      <c r="N732633" s="10"/>
    </row>
    <row r="732634" spans="14:14">
      <c r="N732634" s="10"/>
    </row>
    <row r="732635" spans="14:14">
      <c r="N732635" s="10"/>
    </row>
    <row r="732636" spans="14:14">
      <c r="N732636" s="10"/>
    </row>
    <row r="732637" spans="14:14">
      <c r="N732637" s="10"/>
    </row>
    <row r="732638" spans="14:14">
      <c r="N732638" s="10"/>
    </row>
    <row r="732639" spans="14:14">
      <c r="N732639" s="10"/>
    </row>
    <row r="732640" spans="14:14">
      <c r="N732640" s="10"/>
    </row>
    <row r="732641" spans="14:14">
      <c r="N732641" s="10"/>
    </row>
    <row r="732642" spans="14:14">
      <c r="N732642" s="10"/>
    </row>
    <row r="732643" spans="14:14">
      <c r="N732643" s="10"/>
    </row>
    <row r="732644" spans="14:14">
      <c r="N732644" s="10"/>
    </row>
    <row r="732645" spans="14:14">
      <c r="N732645" s="10"/>
    </row>
    <row r="732646" spans="14:14">
      <c r="N732646" s="10"/>
    </row>
    <row r="732647" spans="14:14">
      <c r="N732647" s="10"/>
    </row>
    <row r="732648" spans="14:14">
      <c r="N732648" s="10"/>
    </row>
    <row r="732649" spans="14:14">
      <c r="N732649" s="10"/>
    </row>
    <row r="732650" spans="14:14">
      <c r="N732650" s="10"/>
    </row>
    <row r="732651" spans="14:14">
      <c r="N732651" s="10"/>
    </row>
    <row r="732652" spans="14:14">
      <c r="N732652" s="10"/>
    </row>
    <row r="732653" spans="14:14">
      <c r="N732653" s="10"/>
    </row>
    <row r="732654" spans="14:14">
      <c r="N732654" s="10"/>
    </row>
    <row r="732655" spans="14:14">
      <c r="N732655" s="10"/>
    </row>
    <row r="732656" spans="14:14">
      <c r="N732656" s="10"/>
    </row>
    <row r="732657" spans="14:14">
      <c r="N732657" s="10"/>
    </row>
    <row r="732658" spans="14:14">
      <c r="N732658" s="10"/>
    </row>
    <row r="732659" spans="14:14">
      <c r="N732659" s="10"/>
    </row>
    <row r="732660" spans="14:14">
      <c r="N732660" s="10"/>
    </row>
    <row r="732661" spans="14:14">
      <c r="N732661" s="10"/>
    </row>
    <row r="732662" spans="14:14">
      <c r="N732662" s="10"/>
    </row>
    <row r="732663" spans="14:14">
      <c r="N732663" s="10"/>
    </row>
    <row r="732664" spans="14:14">
      <c r="N732664" s="10"/>
    </row>
    <row r="732665" spans="14:14">
      <c r="N732665" s="10"/>
    </row>
    <row r="732666" spans="14:14">
      <c r="N732666" s="10"/>
    </row>
    <row r="732667" spans="14:14">
      <c r="N732667" s="10"/>
    </row>
    <row r="732668" spans="14:14">
      <c r="N732668" s="10"/>
    </row>
    <row r="732669" spans="14:14">
      <c r="N732669" s="10"/>
    </row>
    <row r="732670" spans="14:14">
      <c r="N732670" s="10"/>
    </row>
    <row r="732671" spans="14:14">
      <c r="N732671" s="10"/>
    </row>
    <row r="732672" spans="14:14">
      <c r="N732672" s="10"/>
    </row>
    <row r="732673" spans="14:14">
      <c r="N732673" s="10"/>
    </row>
    <row r="732674" spans="14:14">
      <c r="N732674" s="10"/>
    </row>
    <row r="732675" spans="14:14">
      <c r="N732675" s="10"/>
    </row>
    <row r="732676" spans="14:14">
      <c r="N732676" s="10"/>
    </row>
    <row r="732677" spans="14:14">
      <c r="N732677" s="10"/>
    </row>
    <row r="732678" spans="14:14">
      <c r="N732678" s="10"/>
    </row>
    <row r="732679" spans="14:14">
      <c r="N732679" s="10"/>
    </row>
    <row r="732680" spans="14:14">
      <c r="N732680" s="10"/>
    </row>
    <row r="732681" spans="14:14">
      <c r="N732681" s="10"/>
    </row>
    <row r="732682" spans="14:14">
      <c r="N732682" s="10"/>
    </row>
    <row r="732683" spans="14:14">
      <c r="N732683" s="10"/>
    </row>
    <row r="732684" spans="14:14">
      <c r="N732684" s="10"/>
    </row>
    <row r="732685" spans="14:14">
      <c r="N732685" s="10"/>
    </row>
    <row r="732686" spans="14:14">
      <c r="N732686" s="10"/>
    </row>
    <row r="732687" spans="14:14">
      <c r="N732687" s="10"/>
    </row>
    <row r="732688" spans="14:14">
      <c r="N732688" s="10"/>
    </row>
    <row r="732689" spans="14:14">
      <c r="N732689" s="10"/>
    </row>
    <row r="732690" spans="14:14">
      <c r="N732690" s="10"/>
    </row>
    <row r="732691" spans="14:14">
      <c r="N732691" s="10"/>
    </row>
    <row r="732692" spans="14:14">
      <c r="N732692" s="10"/>
    </row>
    <row r="732693" spans="14:14">
      <c r="N732693" s="10"/>
    </row>
    <row r="732694" spans="14:14">
      <c r="N732694" s="10"/>
    </row>
    <row r="732695" spans="14:14">
      <c r="N732695" s="10"/>
    </row>
    <row r="732696" spans="14:14">
      <c r="N732696" s="10"/>
    </row>
    <row r="732697" spans="14:14">
      <c r="N732697" s="10"/>
    </row>
    <row r="732698" spans="14:14">
      <c r="N732698" s="10"/>
    </row>
    <row r="732699" spans="14:14">
      <c r="N732699" s="10"/>
    </row>
    <row r="732700" spans="14:14">
      <c r="N732700" s="10"/>
    </row>
    <row r="732701" spans="14:14">
      <c r="N732701" s="10"/>
    </row>
    <row r="732702" spans="14:14">
      <c r="N732702" s="10"/>
    </row>
    <row r="732703" spans="14:14">
      <c r="N732703" s="10"/>
    </row>
    <row r="732704" spans="14:14">
      <c r="N732704" s="10"/>
    </row>
    <row r="732705" spans="14:14">
      <c r="N732705" s="10"/>
    </row>
    <row r="732706" spans="14:14">
      <c r="N732706" s="10"/>
    </row>
    <row r="732707" spans="14:14">
      <c r="N732707" s="10"/>
    </row>
    <row r="732708" spans="14:14">
      <c r="N732708" s="10"/>
    </row>
    <row r="732709" spans="14:14">
      <c r="N732709" s="10"/>
    </row>
    <row r="732710" spans="14:14">
      <c r="N732710" s="10"/>
    </row>
    <row r="732711" spans="14:14">
      <c r="N732711" s="10"/>
    </row>
    <row r="732712" spans="14:14">
      <c r="N732712" s="10"/>
    </row>
    <row r="732713" spans="14:14">
      <c r="N732713" s="10"/>
    </row>
    <row r="732714" spans="14:14">
      <c r="N732714" s="10"/>
    </row>
    <row r="732715" spans="14:14">
      <c r="N732715" s="10"/>
    </row>
    <row r="732716" spans="14:14">
      <c r="N732716" s="10"/>
    </row>
    <row r="732717" spans="14:14">
      <c r="N732717" s="10"/>
    </row>
    <row r="732718" spans="14:14">
      <c r="N732718" s="10"/>
    </row>
    <row r="732719" spans="14:14">
      <c r="N732719" s="10"/>
    </row>
    <row r="732720" spans="14:14">
      <c r="N732720" s="10"/>
    </row>
    <row r="732721" spans="14:14">
      <c r="N732721" s="10"/>
    </row>
    <row r="732722" spans="14:14">
      <c r="N732722" s="10"/>
    </row>
    <row r="732723" spans="14:14">
      <c r="N732723" s="10"/>
    </row>
    <row r="732724" spans="14:14">
      <c r="N732724" s="10"/>
    </row>
    <row r="732725" spans="14:14">
      <c r="N732725" s="10"/>
    </row>
    <row r="732726" spans="14:14">
      <c r="N732726" s="10"/>
    </row>
    <row r="732727" spans="14:14">
      <c r="N732727" s="10"/>
    </row>
    <row r="732728" spans="14:14">
      <c r="N732728" s="10"/>
    </row>
    <row r="732729" spans="14:14">
      <c r="N732729" s="10"/>
    </row>
    <row r="732730" spans="14:14">
      <c r="N732730" s="10"/>
    </row>
    <row r="732731" spans="14:14">
      <c r="N732731" s="10"/>
    </row>
    <row r="732732" spans="14:14">
      <c r="N732732" s="10"/>
    </row>
    <row r="732733" spans="14:14">
      <c r="N732733" s="10"/>
    </row>
    <row r="732734" spans="14:14">
      <c r="N732734" s="10"/>
    </row>
    <row r="732735" spans="14:14">
      <c r="N732735" s="10"/>
    </row>
    <row r="732736" spans="14:14">
      <c r="N732736" s="10"/>
    </row>
    <row r="732737" spans="14:14">
      <c r="N732737" s="10"/>
    </row>
    <row r="732738" spans="14:14">
      <c r="N732738" s="10"/>
    </row>
    <row r="732739" spans="14:14">
      <c r="N732739" s="10"/>
    </row>
    <row r="732740" spans="14:14">
      <c r="N732740" s="10"/>
    </row>
    <row r="732741" spans="14:14">
      <c r="N732741" s="10"/>
    </row>
    <row r="732742" spans="14:14">
      <c r="N732742" s="10"/>
    </row>
    <row r="732743" spans="14:14">
      <c r="N732743" s="10"/>
    </row>
    <row r="732744" spans="14:14">
      <c r="N732744" s="10"/>
    </row>
    <row r="732745" spans="14:14">
      <c r="N732745" s="10"/>
    </row>
    <row r="732746" spans="14:14">
      <c r="N732746" s="10"/>
    </row>
    <row r="732747" spans="14:14">
      <c r="N732747" s="10"/>
    </row>
    <row r="732748" spans="14:14">
      <c r="N732748" s="10"/>
    </row>
    <row r="732749" spans="14:14">
      <c r="N732749" s="10"/>
    </row>
    <row r="732750" spans="14:14">
      <c r="N732750" s="10"/>
    </row>
    <row r="732751" spans="14:14">
      <c r="N732751" s="10"/>
    </row>
    <row r="732752" spans="14:14">
      <c r="N732752" s="10"/>
    </row>
    <row r="732753" spans="14:14">
      <c r="N732753" s="10"/>
    </row>
    <row r="732754" spans="14:14">
      <c r="N732754" s="10"/>
    </row>
    <row r="732755" spans="14:14">
      <c r="N732755" s="10"/>
    </row>
    <row r="732756" spans="14:14">
      <c r="N732756" s="10"/>
    </row>
    <row r="732757" spans="14:14">
      <c r="N732757" s="10"/>
    </row>
    <row r="732758" spans="14:14">
      <c r="N732758" s="10"/>
    </row>
    <row r="732759" spans="14:14">
      <c r="N732759" s="10"/>
    </row>
    <row r="732760" spans="14:14">
      <c r="N732760" s="10"/>
    </row>
    <row r="732761" spans="14:14">
      <c r="N732761" s="10"/>
    </row>
    <row r="732762" spans="14:14">
      <c r="N732762" s="10"/>
    </row>
    <row r="732763" spans="14:14">
      <c r="N732763" s="10"/>
    </row>
    <row r="732764" spans="14:14">
      <c r="N732764" s="10"/>
    </row>
    <row r="732765" spans="14:14">
      <c r="N732765" s="10"/>
    </row>
    <row r="732766" spans="14:14">
      <c r="N732766" s="10"/>
    </row>
    <row r="732767" spans="14:14">
      <c r="N732767" s="10"/>
    </row>
    <row r="732768" spans="14:14">
      <c r="N732768" s="10"/>
    </row>
    <row r="732769" spans="14:14">
      <c r="N732769" s="10"/>
    </row>
    <row r="732770" spans="14:14">
      <c r="N732770" s="10"/>
    </row>
    <row r="732771" spans="14:14">
      <c r="N732771" s="10"/>
    </row>
    <row r="732772" spans="14:14">
      <c r="N732772" s="10"/>
    </row>
    <row r="732773" spans="14:14">
      <c r="N732773" s="10"/>
    </row>
    <row r="732774" spans="14:14">
      <c r="N732774" s="10"/>
    </row>
    <row r="732775" spans="14:14">
      <c r="N732775" s="10"/>
    </row>
    <row r="732776" spans="14:14">
      <c r="N732776" s="10"/>
    </row>
    <row r="732777" spans="14:14">
      <c r="N732777" s="10"/>
    </row>
    <row r="732778" spans="14:14">
      <c r="N732778" s="10"/>
    </row>
    <row r="732779" spans="14:14">
      <c r="N732779" s="10"/>
    </row>
    <row r="732780" spans="14:14">
      <c r="N732780" s="10"/>
    </row>
    <row r="732781" spans="14:14">
      <c r="N732781" s="10"/>
    </row>
    <row r="732782" spans="14:14">
      <c r="N732782" s="10"/>
    </row>
    <row r="732783" spans="14:14">
      <c r="N732783" s="10"/>
    </row>
    <row r="732784" spans="14:14">
      <c r="N732784" s="10"/>
    </row>
    <row r="732785" spans="14:14">
      <c r="N732785" s="10"/>
    </row>
    <row r="732786" spans="14:14">
      <c r="N732786" s="10"/>
    </row>
    <row r="732787" spans="14:14">
      <c r="N732787" s="10"/>
    </row>
    <row r="732788" spans="14:14">
      <c r="N732788" s="10"/>
    </row>
    <row r="732789" spans="14:14">
      <c r="N732789" s="10"/>
    </row>
    <row r="732790" spans="14:14">
      <c r="N732790" s="10"/>
    </row>
    <row r="732791" spans="14:14">
      <c r="N732791" s="10"/>
    </row>
    <row r="732792" spans="14:14">
      <c r="N732792" s="10"/>
    </row>
    <row r="732793" spans="14:14">
      <c r="N732793" s="10"/>
    </row>
    <row r="732794" spans="14:14">
      <c r="N732794" s="10"/>
    </row>
    <row r="732795" spans="14:14">
      <c r="N732795" s="10"/>
    </row>
    <row r="732796" spans="14:14">
      <c r="N732796" s="10"/>
    </row>
    <row r="732797" spans="14:14">
      <c r="N732797" s="10"/>
    </row>
    <row r="732798" spans="14:14">
      <c r="N732798" s="10"/>
    </row>
    <row r="732799" spans="14:14">
      <c r="N732799" s="10"/>
    </row>
    <row r="732800" spans="14:14">
      <c r="N732800" s="10"/>
    </row>
    <row r="732801" spans="14:14">
      <c r="N732801" s="10"/>
    </row>
    <row r="732802" spans="14:14">
      <c r="N732802" s="10"/>
    </row>
    <row r="732803" spans="14:14">
      <c r="N732803" s="10"/>
    </row>
    <row r="732804" spans="14:14">
      <c r="N732804" s="10"/>
    </row>
    <row r="732805" spans="14:14">
      <c r="N732805" s="10"/>
    </row>
    <row r="732806" spans="14:14">
      <c r="N732806" s="10"/>
    </row>
    <row r="732807" spans="14:14">
      <c r="N732807" s="10"/>
    </row>
    <row r="732808" spans="14:14">
      <c r="N732808" s="10"/>
    </row>
    <row r="732809" spans="14:14">
      <c r="N732809" s="10"/>
    </row>
    <row r="732810" spans="14:14">
      <c r="N732810" s="10"/>
    </row>
    <row r="732811" spans="14:14">
      <c r="N732811" s="10"/>
    </row>
    <row r="732812" spans="14:14">
      <c r="N732812" s="10"/>
    </row>
    <row r="732813" spans="14:14">
      <c r="N732813" s="10"/>
    </row>
    <row r="732814" spans="14:14">
      <c r="N732814" s="10"/>
    </row>
    <row r="732815" spans="14:14">
      <c r="N732815" s="10"/>
    </row>
    <row r="732816" spans="14:14">
      <c r="N732816" s="10"/>
    </row>
    <row r="732817" spans="14:14">
      <c r="N732817" s="10"/>
    </row>
    <row r="732818" spans="14:14">
      <c r="N732818" s="10"/>
    </row>
    <row r="732819" spans="14:14">
      <c r="N732819" s="10"/>
    </row>
    <row r="732820" spans="14:14">
      <c r="N732820" s="10"/>
    </row>
    <row r="732821" spans="14:14">
      <c r="N732821" s="10"/>
    </row>
    <row r="732822" spans="14:14">
      <c r="N732822" s="10"/>
    </row>
    <row r="732823" spans="14:14">
      <c r="N732823" s="10"/>
    </row>
    <row r="732824" spans="14:14">
      <c r="N732824" s="10"/>
    </row>
    <row r="732825" spans="14:14">
      <c r="N732825" s="10"/>
    </row>
    <row r="732826" spans="14:14">
      <c r="N732826" s="10"/>
    </row>
    <row r="732827" spans="14:14">
      <c r="N732827" s="10"/>
    </row>
    <row r="732828" spans="14:14">
      <c r="N732828" s="10"/>
    </row>
    <row r="732829" spans="14:14">
      <c r="N732829" s="10"/>
    </row>
    <row r="732830" spans="14:14">
      <c r="N732830" s="10"/>
    </row>
    <row r="732831" spans="14:14">
      <c r="N732831" s="10"/>
    </row>
    <row r="732832" spans="14:14">
      <c r="N732832" s="10"/>
    </row>
    <row r="732833" spans="14:14">
      <c r="N732833" s="10"/>
    </row>
    <row r="732834" spans="14:14">
      <c r="N732834" s="10"/>
    </row>
    <row r="732835" spans="14:14">
      <c r="N732835" s="10"/>
    </row>
    <row r="732836" spans="14:14">
      <c r="N732836" s="10"/>
    </row>
    <row r="732837" spans="14:14">
      <c r="N732837" s="10"/>
    </row>
    <row r="732838" spans="14:14">
      <c r="N732838" s="10"/>
    </row>
    <row r="732839" spans="14:14">
      <c r="N732839" s="10"/>
    </row>
    <row r="732840" spans="14:14">
      <c r="N732840" s="10"/>
    </row>
    <row r="732841" spans="14:14">
      <c r="N732841" s="10"/>
    </row>
    <row r="732842" spans="14:14">
      <c r="N732842" s="10"/>
    </row>
    <row r="732843" spans="14:14">
      <c r="N732843" s="10"/>
    </row>
    <row r="732844" spans="14:14">
      <c r="N732844" s="10"/>
    </row>
    <row r="732845" spans="14:14">
      <c r="N732845" s="10"/>
    </row>
    <row r="732846" spans="14:14">
      <c r="N732846" s="10"/>
    </row>
    <row r="732847" spans="14:14">
      <c r="N732847" s="10"/>
    </row>
    <row r="732848" spans="14:14">
      <c r="N732848" s="10"/>
    </row>
    <row r="732849" spans="14:14">
      <c r="N732849" s="10"/>
    </row>
    <row r="732850" spans="14:14">
      <c r="N732850" s="10"/>
    </row>
    <row r="732851" spans="14:14">
      <c r="N732851" s="10"/>
    </row>
    <row r="732852" spans="14:14">
      <c r="N732852" s="10"/>
    </row>
    <row r="732853" spans="14:14">
      <c r="N732853" s="10"/>
    </row>
    <row r="732854" spans="14:14">
      <c r="N732854" s="10"/>
    </row>
    <row r="732855" spans="14:14">
      <c r="N732855" s="10"/>
    </row>
    <row r="732856" spans="14:14">
      <c r="N732856" s="10"/>
    </row>
    <row r="732857" spans="14:14">
      <c r="N732857" s="10"/>
    </row>
    <row r="732858" spans="14:14">
      <c r="N732858" s="10"/>
    </row>
    <row r="732859" spans="14:14">
      <c r="N732859" s="10"/>
    </row>
    <row r="732860" spans="14:14">
      <c r="N732860" s="10"/>
    </row>
    <row r="732861" spans="14:14">
      <c r="N732861" s="10"/>
    </row>
    <row r="732862" spans="14:14">
      <c r="N732862" s="10"/>
    </row>
    <row r="732863" spans="14:14">
      <c r="N732863" s="10"/>
    </row>
    <row r="732864" spans="14:14">
      <c r="N732864" s="10"/>
    </row>
    <row r="732865" spans="14:14">
      <c r="N732865" s="10"/>
    </row>
    <row r="732866" spans="14:14">
      <c r="N732866" s="10"/>
    </row>
    <row r="732867" spans="14:14">
      <c r="N732867" s="10"/>
    </row>
    <row r="732868" spans="14:14">
      <c r="N732868" s="10"/>
    </row>
    <row r="732869" spans="14:14">
      <c r="N732869" s="10"/>
    </row>
    <row r="732870" spans="14:14">
      <c r="N732870" s="10"/>
    </row>
    <row r="732871" spans="14:14">
      <c r="N732871" s="10"/>
    </row>
    <row r="732872" spans="14:14">
      <c r="N732872" s="10"/>
    </row>
    <row r="732873" spans="14:14">
      <c r="N732873" s="10"/>
    </row>
    <row r="732874" spans="14:14">
      <c r="N732874" s="10"/>
    </row>
    <row r="732875" spans="14:14">
      <c r="N732875" s="10"/>
    </row>
    <row r="732876" spans="14:14">
      <c r="N732876" s="10"/>
    </row>
    <row r="732877" spans="14:14">
      <c r="N732877" s="10"/>
    </row>
    <row r="732878" spans="14:14">
      <c r="N732878" s="10"/>
    </row>
    <row r="732879" spans="14:14">
      <c r="N732879" s="10"/>
    </row>
    <row r="732880" spans="14:14">
      <c r="N732880" s="10"/>
    </row>
    <row r="732881" spans="14:14">
      <c r="N732881" s="10"/>
    </row>
    <row r="732882" spans="14:14">
      <c r="N732882" s="10"/>
    </row>
    <row r="732883" spans="14:14">
      <c r="N732883" s="10"/>
    </row>
    <row r="732884" spans="14:14">
      <c r="N732884" s="10"/>
    </row>
    <row r="732885" spans="14:14">
      <c r="N732885" s="10"/>
    </row>
    <row r="732886" spans="14:14">
      <c r="N732886" s="10"/>
    </row>
    <row r="732887" spans="14:14">
      <c r="N732887" s="10"/>
    </row>
    <row r="732888" spans="14:14">
      <c r="N732888" s="10"/>
    </row>
    <row r="732889" spans="14:14">
      <c r="N732889" s="10"/>
    </row>
    <row r="732890" spans="14:14">
      <c r="N732890" s="10"/>
    </row>
    <row r="732891" spans="14:14">
      <c r="N732891" s="10"/>
    </row>
    <row r="732892" spans="14:14">
      <c r="N732892" s="10"/>
    </row>
    <row r="732893" spans="14:14">
      <c r="N732893" s="10"/>
    </row>
    <row r="732894" spans="14:14">
      <c r="N732894" s="10"/>
    </row>
    <row r="732895" spans="14:14">
      <c r="N732895" s="10"/>
    </row>
    <row r="732896" spans="14:14">
      <c r="N732896" s="10"/>
    </row>
    <row r="732897" spans="14:14">
      <c r="N732897" s="10"/>
    </row>
    <row r="732898" spans="14:14">
      <c r="N732898" s="10"/>
    </row>
    <row r="732899" spans="14:14">
      <c r="N732899" s="10"/>
    </row>
    <row r="732900" spans="14:14">
      <c r="N732900" s="10"/>
    </row>
    <row r="732901" spans="14:14">
      <c r="N732901" s="10"/>
    </row>
    <row r="732902" spans="14:14">
      <c r="N732902" s="10"/>
    </row>
    <row r="732903" spans="14:14">
      <c r="N732903" s="10"/>
    </row>
    <row r="732904" spans="14:14">
      <c r="N732904" s="10"/>
    </row>
    <row r="732905" spans="14:14">
      <c r="N732905" s="10"/>
    </row>
    <row r="732906" spans="14:14">
      <c r="N732906" s="10"/>
    </row>
    <row r="732907" spans="14:14">
      <c r="N732907" s="10"/>
    </row>
    <row r="732908" spans="14:14">
      <c r="N732908" s="10"/>
    </row>
    <row r="732909" spans="14:14">
      <c r="N732909" s="10"/>
    </row>
    <row r="732910" spans="14:14">
      <c r="N732910" s="10"/>
    </row>
    <row r="732911" spans="14:14">
      <c r="N732911" s="10"/>
    </row>
    <row r="732912" spans="14:14">
      <c r="N732912" s="10"/>
    </row>
    <row r="732913" spans="14:14">
      <c r="N732913" s="10"/>
    </row>
    <row r="732914" spans="14:14">
      <c r="N732914" s="10"/>
    </row>
    <row r="732915" spans="14:14">
      <c r="N732915" s="10"/>
    </row>
    <row r="732916" spans="14:14">
      <c r="N732916" s="10"/>
    </row>
    <row r="732917" spans="14:14">
      <c r="N732917" s="10"/>
    </row>
    <row r="732918" spans="14:14">
      <c r="N732918" s="10"/>
    </row>
    <row r="732919" spans="14:14">
      <c r="N732919" s="10"/>
    </row>
    <row r="732920" spans="14:14">
      <c r="N732920" s="10"/>
    </row>
    <row r="732921" spans="14:14">
      <c r="N732921" s="10"/>
    </row>
    <row r="732922" spans="14:14">
      <c r="N732922" s="10"/>
    </row>
    <row r="732923" spans="14:14">
      <c r="N732923" s="10"/>
    </row>
    <row r="732924" spans="14:14">
      <c r="N732924" s="10"/>
    </row>
    <row r="732925" spans="14:14">
      <c r="N732925" s="10"/>
    </row>
    <row r="732926" spans="14:14">
      <c r="N732926" s="10"/>
    </row>
    <row r="732927" spans="14:14">
      <c r="N732927" s="10"/>
    </row>
    <row r="732928" spans="14:14">
      <c r="N732928" s="10"/>
    </row>
    <row r="732929" spans="14:14">
      <c r="N732929" s="10"/>
    </row>
    <row r="732930" spans="14:14">
      <c r="N732930" s="10"/>
    </row>
    <row r="732931" spans="14:14">
      <c r="N732931" s="10"/>
    </row>
    <row r="732932" spans="14:14">
      <c r="N732932" s="10"/>
    </row>
    <row r="732933" spans="14:14">
      <c r="N732933" s="10"/>
    </row>
    <row r="732934" spans="14:14">
      <c r="N732934" s="10"/>
    </row>
    <row r="732935" spans="14:14">
      <c r="N732935" s="10"/>
    </row>
    <row r="732936" spans="14:14">
      <c r="N732936" s="10"/>
    </row>
    <row r="732937" spans="14:14">
      <c r="N732937" s="10"/>
    </row>
    <row r="732938" spans="14:14">
      <c r="N732938" s="10"/>
    </row>
    <row r="732939" spans="14:14">
      <c r="N732939" s="10"/>
    </row>
    <row r="732940" spans="14:14">
      <c r="N732940" s="10"/>
    </row>
    <row r="732941" spans="14:14">
      <c r="N732941" s="10"/>
    </row>
    <row r="732942" spans="14:14">
      <c r="N732942" s="10"/>
    </row>
    <row r="732943" spans="14:14">
      <c r="N732943" s="10"/>
    </row>
    <row r="732944" spans="14:14">
      <c r="N732944" s="10"/>
    </row>
    <row r="732945" spans="14:14">
      <c r="N732945" s="10"/>
    </row>
    <row r="732946" spans="14:14">
      <c r="N732946" s="10"/>
    </row>
    <row r="732947" spans="14:14">
      <c r="N732947" s="10"/>
    </row>
    <row r="732948" spans="14:14">
      <c r="N732948" s="10"/>
    </row>
    <row r="732949" spans="14:14">
      <c r="N732949" s="10"/>
    </row>
    <row r="732950" spans="14:14">
      <c r="N732950" s="10"/>
    </row>
    <row r="732951" spans="14:14">
      <c r="N732951" s="10"/>
    </row>
    <row r="732952" spans="14:14">
      <c r="N732952" s="10"/>
    </row>
    <row r="732953" spans="14:14">
      <c r="N732953" s="10"/>
    </row>
    <row r="732954" spans="14:14">
      <c r="N732954" s="10"/>
    </row>
    <row r="732955" spans="14:14">
      <c r="N732955" s="10"/>
    </row>
    <row r="732956" spans="14:14">
      <c r="N732956" s="10"/>
    </row>
    <row r="732957" spans="14:14">
      <c r="N732957" s="10"/>
    </row>
    <row r="732958" spans="14:14">
      <c r="N732958" s="10"/>
    </row>
    <row r="732959" spans="14:14">
      <c r="N732959" s="10"/>
    </row>
    <row r="732960" spans="14:14">
      <c r="N732960" s="10"/>
    </row>
    <row r="732961" spans="14:14">
      <c r="N732961" s="10"/>
    </row>
    <row r="732962" spans="14:14">
      <c r="N732962" s="10"/>
    </row>
    <row r="732963" spans="14:14">
      <c r="N732963" s="10"/>
    </row>
    <row r="732964" spans="14:14">
      <c r="N732964" s="10"/>
    </row>
    <row r="732965" spans="14:14">
      <c r="N732965" s="10"/>
    </row>
    <row r="732966" spans="14:14">
      <c r="N732966" s="10"/>
    </row>
    <row r="732967" spans="14:14">
      <c r="N732967" s="10"/>
    </row>
    <row r="732968" spans="14:14">
      <c r="N732968" s="10"/>
    </row>
    <row r="732969" spans="14:14">
      <c r="N732969" s="10"/>
    </row>
    <row r="732970" spans="14:14">
      <c r="N732970" s="10"/>
    </row>
    <row r="732971" spans="14:14">
      <c r="N732971" s="10"/>
    </row>
    <row r="732972" spans="14:14">
      <c r="N732972" s="10"/>
    </row>
    <row r="732973" spans="14:14">
      <c r="N732973" s="10"/>
    </row>
    <row r="732974" spans="14:14">
      <c r="N732974" s="10"/>
    </row>
    <row r="732975" spans="14:14">
      <c r="N732975" s="10"/>
    </row>
    <row r="732976" spans="14:14">
      <c r="N732976" s="10"/>
    </row>
    <row r="732977" spans="14:14">
      <c r="N732977" s="10"/>
    </row>
    <row r="732978" spans="14:14">
      <c r="N732978" s="10"/>
    </row>
    <row r="732979" spans="14:14">
      <c r="N732979" s="10"/>
    </row>
    <row r="732980" spans="14:14">
      <c r="N732980" s="10"/>
    </row>
    <row r="732981" spans="14:14">
      <c r="N732981" s="10"/>
    </row>
    <row r="732982" spans="14:14">
      <c r="N732982" s="10"/>
    </row>
    <row r="732983" spans="14:14">
      <c r="N732983" s="10"/>
    </row>
    <row r="732984" spans="14:14">
      <c r="N732984" s="10"/>
    </row>
    <row r="732985" spans="14:14">
      <c r="N732985" s="10"/>
    </row>
    <row r="732986" spans="14:14">
      <c r="N732986" s="10"/>
    </row>
    <row r="732987" spans="14:14">
      <c r="N732987" s="10"/>
    </row>
    <row r="732988" spans="14:14">
      <c r="N732988" s="10"/>
    </row>
    <row r="732989" spans="14:14">
      <c r="N732989" s="10"/>
    </row>
    <row r="732990" spans="14:14">
      <c r="N732990" s="10"/>
    </row>
    <row r="732991" spans="14:14">
      <c r="N732991" s="10"/>
    </row>
    <row r="732992" spans="14:14">
      <c r="N732992" s="10"/>
    </row>
    <row r="732993" spans="14:14">
      <c r="N732993" s="10"/>
    </row>
    <row r="732994" spans="14:14">
      <c r="N732994" s="10"/>
    </row>
    <row r="732995" spans="14:14">
      <c r="N732995" s="10"/>
    </row>
    <row r="732996" spans="14:14">
      <c r="N732996" s="10"/>
    </row>
    <row r="732997" spans="14:14">
      <c r="N732997" s="10"/>
    </row>
    <row r="732998" spans="14:14">
      <c r="N732998" s="10"/>
    </row>
    <row r="732999" spans="14:14">
      <c r="N732999" s="10"/>
    </row>
    <row r="733000" spans="14:14">
      <c r="N733000" s="10"/>
    </row>
    <row r="733001" spans="14:14">
      <c r="N733001" s="10"/>
    </row>
    <row r="733002" spans="14:14">
      <c r="N733002" s="10"/>
    </row>
    <row r="733003" spans="14:14">
      <c r="N733003" s="10"/>
    </row>
    <row r="733004" spans="14:14">
      <c r="N733004" s="10"/>
    </row>
    <row r="733005" spans="14:14">
      <c r="N733005" s="10"/>
    </row>
    <row r="733006" spans="14:14">
      <c r="N733006" s="10"/>
    </row>
    <row r="733007" spans="14:14">
      <c r="N733007" s="10"/>
    </row>
    <row r="733008" spans="14:14">
      <c r="N733008" s="10"/>
    </row>
    <row r="733009" spans="14:14">
      <c r="N733009" s="10"/>
    </row>
    <row r="733010" spans="14:14">
      <c r="N733010" s="10"/>
    </row>
    <row r="733011" spans="14:14">
      <c r="N733011" s="10"/>
    </row>
    <row r="733012" spans="14:14">
      <c r="N733012" s="10"/>
    </row>
    <row r="733013" spans="14:14">
      <c r="N733013" s="10"/>
    </row>
    <row r="733014" spans="14:14">
      <c r="N733014" s="10"/>
    </row>
    <row r="733015" spans="14:14">
      <c r="N733015" s="10"/>
    </row>
    <row r="733016" spans="14:14">
      <c r="N733016" s="10"/>
    </row>
    <row r="733017" spans="14:14">
      <c r="N733017" s="10"/>
    </row>
    <row r="733018" spans="14:14">
      <c r="N733018" s="10"/>
    </row>
    <row r="733019" spans="14:14">
      <c r="N733019" s="10"/>
    </row>
    <row r="733020" spans="14:14">
      <c r="N733020" s="10"/>
    </row>
    <row r="733021" spans="14:14">
      <c r="N733021" s="10"/>
    </row>
    <row r="733022" spans="14:14">
      <c r="N733022" s="10"/>
    </row>
    <row r="733023" spans="14:14">
      <c r="N733023" s="10"/>
    </row>
    <row r="733024" spans="14:14">
      <c r="N733024" s="10"/>
    </row>
    <row r="733025" spans="14:14">
      <c r="N733025" s="10"/>
    </row>
    <row r="733026" spans="14:14">
      <c r="N733026" s="10"/>
    </row>
    <row r="733027" spans="14:14">
      <c r="N733027" s="10"/>
    </row>
    <row r="733028" spans="14:14">
      <c r="N733028" s="10"/>
    </row>
    <row r="733029" spans="14:14">
      <c r="N733029" s="10"/>
    </row>
    <row r="733030" spans="14:14">
      <c r="N733030" s="10"/>
    </row>
    <row r="733031" spans="14:14">
      <c r="N733031" s="10"/>
    </row>
    <row r="733032" spans="14:14">
      <c r="N733032" s="10"/>
    </row>
    <row r="733033" spans="14:14">
      <c r="N733033" s="10"/>
    </row>
    <row r="733034" spans="14:14">
      <c r="N733034" s="10"/>
    </row>
    <row r="733035" spans="14:14">
      <c r="N733035" s="10"/>
    </row>
    <row r="733036" spans="14:14">
      <c r="N733036" s="10"/>
    </row>
    <row r="733037" spans="14:14">
      <c r="N733037" s="10"/>
    </row>
    <row r="733038" spans="14:14">
      <c r="N733038" s="10"/>
    </row>
    <row r="733039" spans="14:14">
      <c r="N733039" s="10"/>
    </row>
    <row r="733040" spans="14:14">
      <c r="N733040" s="10"/>
    </row>
    <row r="733041" spans="14:14">
      <c r="N733041" s="10"/>
    </row>
    <row r="733042" spans="14:14">
      <c r="N733042" s="10"/>
    </row>
    <row r="733043" spans="14:14">
      <c r="N733043" s="10"/>
    </row>
    <row r="733044" spans="14:14">
      <c r="N733044" s="10"/>
    </row>
    <row r="733045" spans="14:14">
      <c r="N733045" s="10"/>
    </row>
    <row r="733046" spans="14:14">
      <c r="N733046" s="10"/>
    </row>
    <row r="733047" spans="14:14">
      <c r="N733047" s="10"/>
    </row>
    <row r="733048" spans="14:14">
      <c r="N733048" s="10"/>
    </row>
    <row r="733049" spans="14:14">
      <c r="N733049" s="10"/>
    </row>
    <row r="733050" spans="14:14">
      <c r="N733050" s="10"/>
    </row>
    <row r="733051" spans="14:14">
      <c r="N733051" s="10"/>
    </row>
    <row r="733052" spans="14:14">
      <c r="N733052" s="10"/>
    </row>
    <row r="733053" spans="14:14">
      <c r="N733053" s="10"/>
    </row>
    <row r="733054" spans="14:14">
      <c r="N733054" s="10"/>
    </row>
    <row r="733055" spans="14:14">
      <c r="N733055" s="10"/>
    </row>
    <row r="733056" spans="14:14">
      <c r="N733056" s="10"/>
    </row>
    <row r="733057" spans="14:14">
      <c r="N733057" s="10"/>
    </row>
    <row r="733058" spans="14:14">
      <c r="N733058" s="10"/>
    </row>
    <row r="733059" spans="14:14">
      <c r="N733059" s="10"/>
    </row>
    <row r="733060" spans="14:14">
      <c r="N733060" s="10"/>
    </row>
    <row r="733061" spans="14:14">
      <c r="N733061" s="10"/>
    </row>
    <row r="733062" spans="14:14">
      <c r="N733062" s="10"/>
    </row>
    <row r="733063" spans="14:14">
      <c r="N733063" s="10"/>
    </row>
    <row r="733064" spans="14:14">
      <c r="N733064" s="10"/>
    </row>
    <row r="733065" spans="14:14">
      <c r="N733065" s="10"/>
    </row>
    <row r="733066" spans="14:14">
      <c r="N733066" s="10"/>
    </row>
    <row r="733067" spans="14:14">
      <c r="N733067" s="10"/>
    </row>
    <row r="733068" spans="14:14">
      <c r="N733068" s="10"/>
    </row>
    <row r="733069" spans="14:14">
      <c r="N733069" s="10"/>
    </row>
    <row r="733070" spans="14:14">
      <c r="N733070" s="10"/>
    </row>
    <row r="733071" spans="14:14">
      <c r="N733071" s="10"/>
    </row>
    <row r="733072" spans="14:14">
      <c r="N733072" s="10"/>
    </row>
    <row r="733073" spans="14:14">
      <c r="N733073" s="10"/>
    </row>
    <row r="733074" spans="14:14">
      <c r="N733074" s="10"/>
    </row>
    <row r="733075" spans="14:14">
      <c r="N733075" s="10"/>
    </row>
    <row r="733076" spans="14:14">
      <c r="N733076" s="10"/>
    </row>
    <row r="733077" spans="14:14">
      <c r="N733077" s="10"/>
    </row>
    <row r="733078" spans="14:14">
      <c r="N733078" s="10"/>
    </row>
    <row r="733079" spans="14:14">
      <c r="N733079" s="10"/>
    </row>
    <row r="733080" spans="14:14">
      <c r="N733080" s="10"/>
    </row>
    <row r="733081" spans="14:14">
      <c r="N733081" s="10"/>
    </row>
    <row r="733082" spans="14:14">
      <c r="N733082" s="10"/>
    </row>
    <row r="733083" spans="14:14">
      <c r="N733083" s="10"/>
    </row>
    <row r="733084" spans="14:14">
      <c r="N733084" s="10"/>
    </row>
    <row r="733085" spans="14:14">
      <c r="N733085" s="10"/>
    </row>
    <row r="733086" spans="14:14">
      <c r="N733086" s="10"/>
    </row>
    <row r="733087" spans="14:14">
      <c r="N733087" s="10"/>
    </row>
    <row r="733088" spans="14:14">
      <c r="N733088" s="10"/>
    </row>
    <row r="733089" spans="14:14">
      <c r="N733089" s="10"/>
    </row>
    <row r="733090" spans="14:14">
      <c r="N733090" s="10"/>
    </row>
    <row r="733091" spans="14:14">
      <c r="N733091" s="10"/>
    </row>
    <row r="733092" spans="14:14">
      <c r="N733092" s="10"/>
    </row>
    <row r="733093" spans="14:14">
      <c r="N733093" s="10"/>
    </row>
    <row r="733094" spans="14:14">
      <c r="N733094" s="10"/>
    </row>
    <row r="733095" spans="14:14">
      <c r="N733095" s="10"/>
    </row>
    <row r="733096" spans="14:14">
      <c r="N733096" s="10"/>
    </row>
    <row r="733097" spans="14:14">
      <c r="N733097" s="10"/>
    </row>
    <row r="733098" spans="14:14">
      <c r="N733098" s="10"/>
    </row>
    <row r="733099" spans="14:14">
      <c r="N733099" s="10"/>
    </row>
    <row r="733100" spans="14:14">
      <c r="N733100" s="10"/>
    </row>
    <row r="733101" spans="14:14">
      <c r="N733101" s="10"/>
    </row>
    <row r="733102" spans="14:14">
      <c r="N733102" s="10"/>
    </row>
    <row r="733103" spans="14:14">
      <c r="N733103" s="10"/>
    </row>
    <row r="733104" spans="14:14">
      <c r="N733104" s="10"/>
    </row>
    <row r="733105" spans="14:14">
      <c r="N733105" s="10"/>
    </row>
    <row r="733106" spans="14:14">
      <c r="N733106" s="10"/>
    </row>
    <row r="733107" spans="14:14">
      <c r="N733107" s="10"/>
    </row>
    <row r="733108" spans="14:14">
      <c r="N733108" s="10"/>
    </row>
    <row r="733109" spans="14:14">
      <c r="N733109" s="10"/>
    </row>
    <row r="733110" spans="14:14">
      <c r="N733110" s="10"/>
    </row>
    <row r="733111" spans="14:14">
      <c r="N733111" s="10"/>
    </row>
    <row r="733112" spans="14:14">
      <c r="N733112" s="10"/>
    </row>
    <row r="733113" spans="14:14">
      <c r="N733113" s="10"/>
    </row>
    <row r="733114" spans="14:14">
      <c r="N733114" s="10"/>
    </row>
    <row r="733115" spans="14:14">
      <c r="N733115" s="10"/>
    </row>
    <row r="733116" spans="14:14">
      <c r="N733116" s="10"/>
    </row>
    <row r="733117" spans="14:14">
      <c r="N733117" s="10"/>
    </row>
    <row r="733118" spans="14:14">
      <c r="N733118" s="10"/>
    </row>
    <row r="733119" spans="14:14">
      <c r="N733119" s="10"/>
    </row>
    <row r="733120" spans="14:14">
      <c r="N733120" s="10"/>
    </row>
    <row r="733121" spans="14:14">
      <c r="N733121" s="10"/>
    </row>
    <row r="733122" spans="14:14">
      <c r="N733122" s="10"/>
    </row>
    <row r="733123" spans="14:14">
      <c r="N733123" s="10"/>
    </row>
    <row r="733124" spans="14:14">
      <c r="N733124" s="10"/>
    </row>
    <row r="733125" spans="14:14">
      <c r="N733125" s="10"/>
    </row>
    <row r="733126" spans="14:14">
      <c r="N733126" s="10"/>
    </row>
    <row r="733127" spans="14:14">
      <c r="N733127" s="10"/>
    </row>
    <row r="733128" spans="14:14">
      <c r="N733128" s="10"/>
    </row>
    <row r="733129" spans="14:14">
      <c r="N733129" s="10"/>
    </row>
    <row r="733130" spans="14:14">
      <c r="N733130" s="10"/>
    </row>
    <row r="733131" spans="14:14">
      <c r="N733131" s="10"/>
    </row>
    <row r="733132" spans="14:14">
      <c r="N733132" s="10"/>
    </row>
    <row r="733133" spans="14:14">
      <c r="N733133" s="10"/>
    </row>
    <row r="733134" spans="14:14">
      <c r="N733134" s="10"/>
    </row>
    <row r="733135" spans="14:14">
      <c r="N733135" s="10"/>
    </row>
    <row r="733136" spans="14:14">
      <c r="N733136" s="10"/>
    </row>
    <row r="733137" spans="14:14">
      <c r="N733137" s="10"/>
    </row>
    <row r="733138" spans="14:14">
      <c r="N733138" s="10"/>
    </row>
    <row r="733139" spans="14:14">
      <c r="N733139" s="10"/>
    </row>
    <row r="733140" spans="14:14">
      <c r="N733140" s="10"/>
    </row>
    <row r="733141" spans="14:14">
      <c r="N733141" s="10"/>
    </row>
    <row r="733142" spans="14:14">
      <c r="N733142" s="10"/>
    </row>
    <row r="733143" spans="14:14">
      <c r="N733143" s="10"/>
    </row>
    <row r="733144" spans="14:14">
      <c r="N733144" s="10"/>
    </row>
    <row r="733145" spans="14:14">
      <c r="N733145" s="10"/>
    </row>
    <row r="733146" spans="14:14">
      <c r="N733146" s="10"/>
    </row>
    <row r="733147" spans="14:14">
      <c r="N733147" s="10"/>
    </row>
    <row r="733148" spans="14:14">
      <c r="N733148" s="10"/>
    </row>
    <row r="733149" spans="14:14">
      <c r="N733149" s="10"/>
    </row>
    <row r="733150" spans="14:14">
      <c r="N733150" s="10"/>
    </row>
    <row r="733151" spans="14:14">
      <c r="N733151" s="10"/>
    </row>
    <row r="733152" spans="14:14">
      <c r="N733152" s="10"/>
    </row>
    <row r="733153" spans="14:14">
      <c r="N733153" s="10"/>
    </row>
    <row r="733154" spans="14:14">
      <c r="N733154" s="10"/>
    </row>
    <row r="733155" spans="14:14">
      <c r="N733155" s="10"/>
    </row>
    <row r="733156" spans="14:14">
      <c r="N733156" s="10"/>
    </row>
    <row r="733157" spans="14:14">
      <c r="N733157" s="10"/>
    </row>
    <row r="733158" spans="14:14">
      <c r="N733158" s="10"/>
    </row>
    <row r="733159" spans="14:14">
      <c r="N733159" s="10"/>
    </row>
    <row r="733160" spans="14:14">
      <c r="N733160" s="10"/>
    </row>
    <row r="733161" spans="14:14">
      <c r="N733161" s="10"/>
    </row>
    <row r="733162" spans="14:14">
      <c r="N733162" s="10"/>
    </row>
    <row r="733163" spans="14:14">
      <c r="N733163" s="10"/>
    </row>
    <row r="733164" spans="14:14">
      <c r="N733164" s="10"/>
    </row>
    <row r="733165" spans="14:14">
      <c r="N733165" s="10"/>
    </row>
    <row r="733166" spans="14:14">
      <c r="N733166" s="10"/>
    </row>
    <row r="733167" spans="14:14">
      <c r="N733167" s="10"/>
    </row>
    <row r="733168" spans="14:14">
      <c r="N733168" s="10"/>
    </row>
    <row r="733169" spans="14:14">
      <c r="N733169" s="10"/>
    </row>
    <row r="733170" spans="14:14">
      <c r="N733170" s="10"/>
    </row>
    <row r="733171" spans="14:14">
      <c r="N733171" s="10"/>
    </row>
    <row r="733172" spans="14:14">
      <c r="N733172" s="10"/>
    </row>
    <row r="733173" spans="14:14">
      <c r="N733173" s="10"/>
    </row>
    <row r="733174" spans="14:14">
      <c r="N733174" s="10"/>
    </row>
    <row r="733175" spans="14:14">
      <c r="N733175" s="10"/>
    </row>
    <row r="733176" spans="14:14">
      <c r="N733176" s="10"/>
    </row>
    <row r="733177" spans="14:14">
      <c r="N733177" s="10"/>
    </row>
    <row r="733178" spans="14:14">
      <c r="N733178" s="10"/>
    </row>
    <row r="733179" spans="14:14">
      <c r="N733179" s="10"/>
    </row>
    <row r="733180" spans="14:14">
      <c r="N733180" s="10"/>
    </row>
    <row r="733181" spans="14:14">
      <c r="N733181" s="10"/>
    </row>
    <row r="733182" spans="14:14">
      <c r="N733182" s="10"/>
    </row>
    <row r="733183" spans="14:14">
      <c r="N733183" s="10"/>
    </row>
    <row r="733184" spans="14:14">
      <c r="N733184" s="10"/>
    </row>
    <row r="733185" spans="14:14">
      <c r="N733185" s="10"/>
    </row>
    <row r="733186" spans="14:14">
      <c r="N733186" s="10"/>
    </row>
    <row r="733187" spans="14:14">
      <c r="N733187" s="10"/>
    </row>
    <row r="733188" spans="14:14">
      <c r="N733188" s="10"/>
    </row>
    <row r="733189" spans="14:14">
      <c r="N733189" s="10"/>
    </row>
    <row r="733190" spans="14:14">
      <c r="N733190" s="10"/>
    </row>
    <row r="733191" spans="14:14">
      <c r="N733191" s="10"/>
    </row>
    <row r="733192" spans="14:14">
      <c r="N733192" s="10"/>
    </row>
    <row r="733193" spans="14:14">
      <c r="N733193" s="10"/>
    </row>
    <row r="733194" spans="14:14">
      <c r="N733194" s="10"/>
    </row>
    <row r="733195" spans="14:14">
      <c r="N733195" s="10"/>
    </row>
    <row r="733196" spans="14:14">
      <c r="N733196" s="10"/>
    </row>
    <row r="733197" spans="14:14">
      <c r="N733197" s="10"/>
    </row>
    <row r="733198" spans="14:14">
      <c r="N733198" s="10"/>
    </row>
    <row r="733199" spans="14:14">
      <c r="N733199" s="10"/>
    </row>
    <row r="733200" spans="14:14">
      <c r="N733200" s="10"/>
    </row>
    <row r="733201" spans="14:14">
      <c r="N733201" s="10"/>
    </row>
    <row r="733202" spans="14:14">
      <c r="N733202" s="10"/>
    </row>
    <row r="733203" spans="14:14">
      <c r="N733203" s="10"/>
    </row>
    <row r="733204" spans="14:14">
      <c r="N733204" s="10"/>
    </row>
    <row r="733205" spans="14:14">
      <c r="N733205" s="10"/>
    </row>
    <row r="733206" spans="14:14">
      <c r="N733206" s="10"/>
    </row>
    <row r="733207" spans="14:14">
      <c r="N733207" s="10"/>
    </row>
    <row r="733208" spans="14:14">
      <c r="N733208" s="10"/>
    </row>
    <row r="733209" spans="14:14">
      <c r="N733209" s="10"/>
    </row>
    <row r="733210" spans="14:14">
      <c r="N733210" s="10"/>
    </row>
    <row r="733211" spans="14:14">
      <c r="N733211" s="10"/>
    </row>
    <row r="733212" spans="14:14">
      <c r="N733212" s="10"/>
    </row>
    <row r="733213" spans="14:14">
      <c r="N733213" s="10"/>
    </row>
    <row r="733214" spans="14:14">
      <c r="N733214" s="10"/>
    </row>
    <row r="733215" spans="14:14">
      <c r="N733215" s="10"/>
    </row>
    <row r="733216" spans="14:14">
      <c r="N733216" s="10"/>
    </row>
    <row r="733217" spans="14:14">
      <c r="N733217" s="10"/>
    </row>
    <row r="733218" spans="14:14">
      <c r="N733218" s="10"/>
    </row>
    <row r="733219" spans="14:14">
      <c r="N733219" s="10"/>
    </row>
    <row r="733220" spans="14:14">
      <c r="N733220" s="10"/>
    </row>
    <row r="733221" spans="14:14">
      <c r="N733221" s="10"/>
    </row>
    <row r="733222" spans="14:14">
      <c r="N733222" s="10"/>
    </row>
    <row r="733223" spans="14:14">
      <c r="N733223" s="10"/>
    </row>
    <row r="733224" spans="14:14">
      <c r="N733224" s="10"/>
    </row>
    <row r="733225" spans="14:14">
      <c r="N733225" s="10"/>
    </row>
    <row r="733226" spans="14:14">
      <c r="N733226" s="10"/>
    </row>
    <row r="733227" spans="14:14">
      <c r="N733227" s="10"/>
    </row>
    <row r="733228" spans="14:14">
      <c r="N733228" s="10"/>
    </row>
    <row r="733229" spans="14:14">
      <c r="N733229" s="10"/>
    </row>
    <row r="733230" spans="14:14">
      <c r="N733230" s="10"/>
    </row>
    <row r="733231" spans="14:14">
      <c r="N733231" s="10"/>
    </row>
    <row r="733232" spans="14:14">
      <c r="N733232" s="10"/>
    </row>
    <row r="733233" spans="14:14">
      <c r="N733233" s="10"/>
    </row>
    <row r="733234" spans="14:14">
      <c r="N733234" s="10"/>
    </row>
    <row r="733235" spans="14:14">
      <c r="N733235" s="10"/>
    </row>
    <row r="733236" spans="14:14">
      <c r="N733236" s="10"/>
    </row>
    <row r="733237" spans="14:14">
      <c r="N733237" s="10"/>
    </row>
    <row r="733238" spans="14:14">
      <c r="N733238" s="10"/>
    </row>
    <row r="733239" spans="14:14">
      <c r="N733239" s="10"/>
    </row>
    <row r="733240" spans="14:14">
      <c r="N733240" s="10"/>
    </row>
    <row r="733241" spans="14:14">
      <c r="N733241" s="10"/>
    </row>
    <row r="733242" spans="14:14">
      <c r="N733242" s="10"/>
    </row>
    <row r="733243" spans="14:14">
      <c r="N733243" s="10"/>
    </row>
    <row r="733244" spans="14:14">
      <c r="N733244" s="10"/>
    </row>
    <row r="733245" spans="14:14">
      <c r="N733245" s="10"/>
    </row>
    <row r="733246" spans="14:14">
      <c r="N733246" s="10"/>
    </row>
    <row r="733247" spans="14:14">
      <c r="N733247" s="10"/>
    </row>
    <row r="733248" spans="14:14">
      <c r="N733248" s="10"/>
    </row>
    <row r="733249" spans="14:14">
      <c r="N733249" s="10"/>
    </row>
    <row r="733250" spans="14:14">
      <c r="N733250" s="10"/>
    </row>
    <row r="733251" spans="14:14">
      <c r="N733251" s="10"/>
    </row>
    <row r="733252" spans="14:14">
      <c r="N733252" s="10"/>
    </row>
    <row r="733253" spans="14:14">
      <c r="N733253" s="10"/>
    </row>
    <row r="733254" spans="14:14">
      <c r="N733254" s="10"/>
    </row>
    <row r="733255" spans="14:14">
      <c r="N733255" s="10"/>
    </row>
    <row r="733256" spans="14:14">
      <c r="N733256" s="10"/>
    </row>
    <row r="733257" spans="14:14">
      <c r="N733257" s="10"/>
    </row>
    <row r="733258" spans="14:14">
      <c r="N733258" s="10"/>
    </row>
    <row r="733259" spans="14:14">
      <c r="N733259" s="10"/>
    </row>
    <row r="733260" spans="14:14">
      <c r="N733260" s="10"/>
    </row>
    <row r="733261" spans="14:14">
      <c r="N733261" s="10"/>
    </row>
    <row r="733262" spans="14:14">
      <c r="N733262" s="10"/>
    </row>
    <row r="733263" spans="14:14">
      <c r="N733263" s="10"/>
    </row>
    <row r="733264" spans="14:14">
      <c r="N733264" s="10"/>
    </row>
    <row r="733265" spans="14:14">
      <c r="N733265" s="10"/>
    </row>
    <row r="733266" spans="14:14">
      <c r="N733266" s="10"/>
    </row>
    <row r="733267" spans="14:14">
      <c r="N733267" s="10"/>
    </row>
    <row r="733268" spans="14:14">
      <c r="N733268" s="10"/>
    </row>
    <row r="733269" spans="14:14">
      <c r="N733269" s="10"/>
    </row>
    <row r="733270" spans="14:14">
      <c r="N733270" s="10"/>
    </row>
    <row r="733271" spans="14:14">
      <c r="N733271" s="10"/>
    </row>
    <row r="733272" spans="14:14">
      <c r="N733272" s="10"/>
    </row>
    <row r="733273" spans="14:14">
      <c r="N733273" s="10"/>
    </row>
    <row r="733274" spans="14:14">
      <c r="N733274" s="10"/>
    </row>
    <row r="733275" spans="14:14">
      <c r="N733275" s="10"/>
    </row>
    <row r="733276" spans="14:14">
      <c r="N733276" s="10"/>
    </row>
    <row r="733277" spans="14:14">
      <c r="N733277" s="10"/>
    </row>
    <row r="733278" spans="14:14">
      <c r="N733278" s="10"/>
    </row>
    <row r="733279" spans="14:14">
      <c r="N733279" s="10"/>
    </row>
    <row r="733280" spans="14:14">
      <c r="N733280" s="10"/>
    </row>
    <row r="733281" spans="14:14">
      <c r="N733281" s="10"/>
    </row>
    <row r="733282" spans="14:14">
      <c r="N733282" s="10"/>
    </row>
    <row r="733283" spans="14:14">
      <c r="N733283" s="10"/>
    </row>
    <row r="733284" spans="14:14">
      <c r="N733284" s="10"/>
    </row>
    <row r="733285" spans="14:14">
      <c r="N733285" s="10"/>
    </row>
    <row r="733286" spans="14:14">
      <c r="N733286" s="10"/>
    </row>
    <row r="733287" spans="14:14">
      <c r="N733287" s="10"/>
    </row>
    <row r="733288" spans="14:14">
      <c r="N733288" s="10"/>
    </row>
    <row r="733289" spans="14:14">
      <c r="N733289" s="10"/>
    </row>
    <row r="733290" spans="14:14">
      <c r="N733290" s="10"/>
    </row>
    <row r="733291" spans="14:14">
      <c r="N733291" s="10"/>
    </row>
    <row r="733292" spans="14:14">
      <c r="N733292" s="10"/>
    </row>
    <row r="733293" spans="14:14">
      <c r="N733293" s="10"/>
    </row>
    <row r="733294" spans="14:14">
      <c r="N733294" s="10"/>
    </row>
    <row r="733295" spans="14:14">
      <c r="N733295" s="10"/>
    </row>
    <row r="733296" spans="14:14">
      <c r="N733296" s="10"/>
    </row>
    <row r="733297" spans="14:14">
      <c r="N733297" s="10"/>
    </row>
    <row r="733298" spans="14:14">
      <c r="N733298" s="10"/>
    </row>
    <row r="733299" spans="14:14">
      <c r="N733299" s="10"/>
    </row>
    <row r="733300" spans="14:14">
      <c r="N733300" s="10"/>
    </row>
    <row r="733301" spans="14:14">
      <c r="N733301" s="10"/>
    </row>
    <row r="733302" spans="14:14">
      <c r="N733302" s="10"/>
    </row>
    <row r="733303" spans="14:14">
      <c r="N733303" s="10"/>
    </row>
    <row r="733304" spans="14:14">
      <c r="N733304" s="10"/>
    </row>
    <row r="733305" spans="14:14">
      <c r="N733305" s="10"/>
    </row>
    <row r="733306" spans="14:14">
      <c r="N733306" s="10"/>
    </row>
    <row r="733307" spans="14:14">
      <c r="N733307" s="10"/>
    </row>
    <row r="733308" spans="14:14">
      <c r="N733308" s="10"/>
    </row>
    <row r="733309" spans="14:14">
      <c r="N733309" s="10"/>
    </row>
    <row r="733310" spans="14:14">
      <c r="N733310" s="10"/>
    </row>
    <row r="733311" spans="14:14">
      <c r="N733311" s="10"/>
    </row>
    <row r="733312" spans="14:14">
      <c r="N733312" s="10"/>
    </row>
    <row r="733313" spans="14:14">
      <c r="N733313" s="10"/>
    </row>
    <row r="733314" spans="14:14">
      <c r="N733314" s="10"/>
    </row>
    <row r="733315" spans="14:14">
      <c r="N733315" s="10"/>
    </row>
    <row r="733316" spans="14:14">
      <c r="N733316" s="10"/>
    </row>
    <row r="733317" spans="14:14">
      <c r="N733317" s="10"/>
    </row>
    <row r="733318" spans="14:14">
      <c r="N733318" s="10"/>
    </row>
    <row r="733319" spans="14:14">
      <c r="N733319" s="10"/>
    </row>
    <row r="733320" spans="14:14">
      <c r="N733320" s="10"/>
    </row>
    <row r="733321" spans="14:14">
      <c r="N733321" s="10"/>
    </row>
    <row r="733322" spans="14:14">
      <c r="N733322" s="10"/>
    </row>
    <row r="733323" spans="14:14">
      <c r="N733323" s="10"/>
    </row>
    <row r="733324" spans="14:14">
      <c r="N733324" s="10"/>
    </row>
    <row r="733325" spans="14:14">
      <c r="N733325" s="10"/>
    </row>
    <row r="733326" spans="14:14">
      <c r="N733326" s="10"/>
    </row>
    <row r="733327" spans="14:14">
      <c r="N733327" s="10"/>
    </row>
    <row r="733328" spans="14:14">
      <c r="N733328" s="10"/>
    </row>
    <row r="733329" spans="14:14">
      <c r="N733329" s="10"/>
    </row>
    <row r="733330" spans="14:14">
      <c r="N733330" s="10"/>
    </row>
    <row r="733331" spans="14:14">
      <c r="N733331" s="10"/>
    </row>
    <row r="733332" spans="14:14">
      <c r="N733332" s="10"/>
    </row>
    <row r="733333" spans="14:14">
      <c r="N733333" s="10"/>
    </row>
    <row r="733334" spans="14:14">
      <c r="N733334" s="10"/>
    </row>
    <row r="733335" spans="14:14">
      <c r="N733335" s="10"/>
    </row>
    <row r="733336" spans="14:14">
      <c r="N733336" s="10"/>
    </row>
    <row r="733337" spans="14:14">
      <c r="N733337" s="10"/>
    </row>
    <row r="733338" spans="14:14">
      <c r="N733338" s="10"/>
    </row>
    <row r="733339" spans="14:14">
      <c r="N733339" s="10"/>
    </row>
    <row r="733340" spans="14:14">
      <c r="N733340" s="10"/>
    </row>
    <row r="733341" spans="14:14">
      <c r="N733341" s="10"/>
    </row>
    <row r="733342" spans="14:14">
      <c r="N733342" s="10"/>
    </row>
    <row r="733343" spans="14:14">
      <c r="N733343" s="10"/>
    </row>
    <row r="733344" spans="14:14">
      <c r="N733344" s="10"/>
    </row>
    <row r="733345" spans="14:14">
      <c r="N733345" s="10"/>
    </row>
    <row r="733346" spans="14:14">
      <c r="N733346" s="10"/>
    </row>
    <row r="733347" spans="14:14">
      <c r="N733347" s="10"/>
    </row>
    <row r="733348" spans="14:14">
      <c r="N733348" s="10"/>
    </row>
    <row r="733349" spans="14:14">
      <c r="N733349" s="10"/>
    </row>
    <row r="733350" spans="14:14">
      <c r="N733350" s="10"/>
    </row>
    <row r="733351" spans="14:14">
      <c r="N733351" s="10"/>
    </row>
    <row r="733352" spans="14:14">
      <c r="N733352" s="10"/>
    </row>
    <row r="733353" spans="14:14">
      <c r="N733353" s="10"/>
    </row>
    <row r="733354" spans="14:14">
      <c r="N733354" s="10"/>
    </row>
    <row r="733355" spans="14:14">
      <c r="N733355" s="10"/>
    </row>
    <row r="733356" spans="14:14">
      <c r="N733356" s="10"/>
    </row>
    <row r="733357" spans="14:14">
      <c r="N733357" s="10"/>
    </row>
    <row r="733358" spans="14:14">
      <c r="N733358" s="10"/>
    </row>
    <row r="733359" spans="14:14">
      <c r="N733359" s="10"/>
    </row>
    <row r="733360" spans="14:14">
      <c r="N733360" s="10"/>
    </row>
    <row r="733361" spans="14:14">
      <c r="N733361" s="10"/>
    </row>
    <row r="733362" spans="14:14">
      <c r="N733362" s="10"/>
    </row>
    <row r="733363" spans="14:14">
      <c r="N733363" s="10"/>
    </row>
    <row r="733364" spans="14:14">
      <c r="N733364" s="10"/>
    </row>
    <row r="733365" spans="14:14">
      <c r="N733365" s="10"/>
    </row>
    <row r="733366" spans="14:14">
      <c r="N733366" s="10"/>
    </row>
    <row r="733367" spans="14:14">
      <c r="N733367" s="10"/>
    </row>
    <row r="733368" spans="14:14">
      <c r="N733368" s="10"/>
    </row>
    <row r="733369" spans="14:14">
      <c r="N733369" s="10"/>
    </row>
    <row r="733370" spans="14:14">
      <c r="N733370" s="10"/>
    </row>
    <row r="733371" spans="14:14">
      <c r="N733371" s="10"/>
    </row>
    <row r="733372" spans="14:14">
      <c r="N733372" s="10"/>
    </row>
    <row r="733373" spans="14:14">
      <c r="N733373" s="10"/>
    </row>
    <row r="733374" spans="14:14">
      <c r="N733374" s="10"/>
    </row>
    <row r="733375" spans="14:14">
      <c r="N733375" s="10"/>
    </row>
    <row r="733376" spans="14:14">
      <c r="N733376" s="10"/>
    </row>
    <row r="733377" spans="14:14">
      <c r="N733377" s="10"/>
    </row>
    <row r="733378" spans="14:14">
      <c r="N733378" s="10"/>
    </row>
    <row r="733379" spans="14:14">
      <c r="N733379" s="10"/>
    </row>
    <row r="733380" spans="14:14">
      <c r="N733380" s="10"/>
    </row>
    <row r="733381" spans="14:14">
      <c r="N733381" s="10"/>
    </row>
    <row r="733382" spans="14:14">
      <c r="N733382" s="10"/>
    </row>
    <row r="733383" spans="14:14">
      <c r="N733383" s="10"/>
    </row>
    <row r="733384" spans="14:14">
      <c r="N733384" s="10"/>
    </row>
    <row r="733385" spans="14:14">
      <c r="N733385" s="10"/>
    </row>
    <row r="733386" spans="14:14">
      <c r="N733386" s="10"/>
    </row>
    <row r="733387" spans="14:14">
      <c r="N733387" s="10"/>
    </row>
    <row r="733388" spans="14:14">
      <c r="N733388" s="10"/>
    </row>
    <row r="733389" spans="14:14">
      <c r="N733389" s="10"/>
    </row>
    <row r="733390" spans="14:14">
      <c r="N733390" s="10"/>
    </row>
    <row r="733391" spans="14:14">
      <c r="N733391" s="10"/>
    </row>
    <row r="733392" spans="14:14">
      <c r="N733392" s="10"/>
    </row>
    <row r="733393" spans="14:14">
      <c r="N733393" s="10"/>
    </row>
    <row r="733394" spans="14:14">
      <c r="N733394" s="10"/>
    </row>
    <row r="733395" spans="14:14">
      <c r="N733395" s="10"/>
    </row>
    <row r="733396" spans="14:14">
      <c r="N733396" s="10"/>
    </row>
    <row r="733397" spans="14:14">
      <c r="N733397" s="10"/>
    </row>
    <row r="733398" spans="14:14">
      <c r="N733398" s="10"/>
    </row>
    <row r="733399" spans="14:14">
      <c r="N733399" s="10"/>
    </row>
    <row r="733400" spans="14:14">
      <c r="N733400" s="10"/>
    </row>
    <row r="733401" spans="14:14">
      <c r="N733401" s="10"/>
    </row>
    <row r="733402" spans="14:14">
      <c r="N733402" s="10"/>
    </row>
    <row r="733403" spans="14:14">
      <c r="N733403" s="10"/>
    </row>
    <row r="733404" spans="14:14">
      <c r="N733404" s="10"/>
    </row>
    <row r="733405" spans="14:14">
      <c r="N733405" s="10"/>
    </row>
    <row r="733406" spans="14:14">
      <c r="N733406" s="10"/>
    </row>
    <row r="733407" spans="14:14">
      <c r="N733407" s="10"/>
    </row>
    <row r="733408" spans="14:14">
      <c r="N733408" s="10"/>
    </row>
    <row r="733409" spans="14:14">
      <c r="N733409" s="10"/>
    </row>
    <row r="733410" spans="14:14">
      <c r="N733410" s="10"/>
    </row>
    <row r="733411" spans="14:14">
      <c r="N733411" s="10"/>
    </row>
    <row r="733412" spans="14:14">
      <c r="N733412" s="10"/>
    </row>
    <row r="733413" spans="14:14">
      <c r="N733413" s="10"/>
    </row>
    <row r="733414" spans="14:14">
      <c r="N733414" s="10"/>
    </row>
    <row r="733415" spans="14:14">
      <c r="N733415" s="10"/>
    </row>
    <row r="733416" spans="14:14">
      <c r="N733416" s="10"/>
    </row>
    <row r="733417" spans="14:14">
      <c r="N733417" s="10"/>
    </row>
    <row r="733418" spans="14:14">
      <c r="N733418" s="10"/>
    </row>
    <row r="733419" spans="14:14">
      <c r="N733419" s="10"/>
    </row>
    <row r="733420" spans="14:14">
      <c r="N733420" s="10"/>
    </row>
    <row r="733421" spans="14:14">
      <c r="N733421" s="10"/>
    </row>
    <row r="733422" spans="14:14">
      <c r="N733422" s="10"/>
    </row>
    <row r="733423" spans="14:14">
      <c r="N733423" s="10"/>
    </row>
    <row r="733424" spans="14:14">
      <c r="N733424" s="10"/>
    </row>
    <row r="733425" spans="14:14">
      <c r="N733425" s="10"/>
    </row>
    <row r="733426" spans="14:14">
      <c r="N733426" s="10"/>
    </row>
    <row r="733427" spans="14:14">
      <c r="N733427" s="10"/>
    </row>
    <row r="733428" spans="14:14">
      <c r="N733428" s="10"/>
    </row>
    <row r="733429" spans="14:14">
      <c r="N733429" s="10"/>
    </row>
    <row r="733430" spans="14:14">
      <c r="N733430" s="10"/>
    </row>
    <row r="733431" spans="14:14">
      <c r="N733431" s="10"/>
    </row>
    <row r="733432" spans="14:14">
      <c r="N733432" s="10"/>
    </row>
    <row r="733433" spans="14:14">
      <c r="N733433" s="10"/>
    </row>
    <row r="733434" spans="14:14">
      <c r="N733434" s="10"/>
    </row>
    <row r="733435" spans="14:14">
      <c r="N733435" s="10"/>
    </row>
    <row r="733436" spans="14:14">
      <c r="N733436" s="10"/>
    </row>
    <row r="733437" spans="14:14">
      <c r="N733437" s="10"/>
    </row>
    <row r="733438" spans="14:14">
      <c r="N733438" s="10"/>
    </row>
    <row r="733439" spans="14:14">
      <c r="N733439" s="10"/>
    </row>
    <row r="733440" spans="14:14">
      <c r="N733440" s="10"/>
    </row>
    <row r="733441" spans="14:14">
      <c r="N733441" s="10"/>
    </row>
    <row r="733442" spans="14:14">
      <c r="N733442" s="10"/>
    </row>
    <row r="733443" spans="14:14">
      <c r="N733443" s="10"/>
    </row>
    <row r="733444" spans="14:14">
      <c r="N733444" s="10"/>
    </row>
    <row r="733445" spans="14:14">
      <c r="N733445" s="10"/>
    </row>
    <row r="733446" spans="14:14">
      <c r="N733446" s="10"/>
    </row>
    <row r="733447" spans="14:14">
      <c r="N733447" s="10"/>
    </row>
    <row r="733448" spans="14:14">
      <c r="N733448" s="10"/>
    </row>
    <row r="733449" spans="14:14">
      <c r="N733449" s="10"/>
    </row>
    <row r="733450" spans="14:14">
      <c r="N733450" s="10"/>
    </row>
    <row r="733451" spans="14:14">
      <c r="N733451" s="10"/>
    </row>
    <row r="733452" spans="14:14">
      <c r="N733452" s="10"/>
    </row>
    <row r="733453" spans="14:14">
      <c r="N733453" s="10"/>
    </row>
    <row r="733454" spans="14:14">
      <c r="N733454" s="10"/>
    </row>
    <row r="733455" spans="14:14">
      <c r="N733455" s="10"/>
    </row>
    <row r="733456" spans="14:14">
      <c r="N733456" s="10"/>
    </row>
    <row r="733457" spans="14:14">
      <c r="N733457" s="10"/>
    </row>
    <row r="733458" spans="14:14">
      <c r="N733458" s="10"/>
    </row>
    <row r="733459" spans="14:14">
      <c r="N733459" s="10"/>
    </row>
    <row r="733460" spans="14:14">
      <c r="N733460" s="10"/>
    </row>
    <row r="733461" spans="14:14">
      <c r="N733461" s="10"/>
    </row>
    <row r="733462" spans="14:14">
      <c r="N733462" s="10"/>
    </row>
    <row r="733463" spans="14:14">
      <c r="N733463" s="10"/>
    </row>
    <row r="733464" spans="14:14">
      <c r="N733464" s="10"/>
    </row>
    <row r="733465" spans="14:14">
      <c r="N733465" s="10"/>
    </row>
    <row r="733466" spans="14:14">
      <c r="N733466" s="10"/>
    </row>
    <row r="733467" spans="14:14">
      <c r="N733467" s="10"/>
    </row>
    <row r="733468" spans="14:14">
      <c r="N733468" s="10"/>
    </row>
    <row r="733469" spans="14:14">
      <c r="N733469" s="10"/>
    </row>
    <row r="733470" spans="14:14">
      <c r="N733470" s="10"/>
    </row>
    <row r="733471" spans="14:14">
      <c r="N733471" s="10"/>
    </row>
    <row r="733472" spans="14:14">
      <c r="N733472" s="10"/>
    </row>
    <row r="733473" spans="14:14">
      <c r="N733473" s="10"/>
    </row>
    <row r="733474" spans="14:14">
      <c r="N733474" s="10"/>
    </row>
    <row r="733475" spans="14:14">
      <c r="N733475" s="10"/>
    </row>
    <row r="733476" spans="14:14">
      <c r="N733476" s="10"/>
    </row>
    <row r="733477" spans="14:14">
      <c r="N733477" s="10"/>
    </row>
    <row r="733478" spans="14:14">
      <c r="N733478" s="10"/>
    </row>
    <row r="733479" spans="14:14">
      <c r="N733479" s="10"/>
    </row>
    <row r="733480" spans="14:14">
      <c r="N733480" s="10"/>
    </row>
    <row r="733481" spans="14:14">
      <c r="N733481" s="10"/>
    </row>
    <row r="733482" spans="14:14">
      <c r="N733482" s="10"/>
    </row>
    <row r="733483" spans="14:14">
      <c r="N733483" s="10"/>
    </row>
    <row r="733484" spans="14:14">
      <c r="N733484" s="10"/>
    </row>
    <row r="733485" spans="14:14">
      <c r="N733485" s="10"/>
    </row>
    <row r="733486" spans="14:14">
      <c r="N733486" s="10"/>
    </row>
    <row r="733487" spans="14:14">
      <c r="N733487" s="10"/>
    </row>
    <row r="733488" spans="14:14">
      <c r="N733488" s="10"/>
    </row>
    <row r="733489" spans="14:14">
      <c r="N733489" s="10"/>
    </row>
    <row r="733490" spans="14:14">
      <c r="N733490" s="10"/>
    </row>
    <row r="733491" spans="14:14">
      <c r="N733491" s="10"/>
    </row>
    <row r="733492" spans="14:14">
      <c r="N733492" s="10"/>
    </row>
    <row r="733493" spans="14:14">
      <c r="N733493" s="10"/>
    </row>
    <row r="733494" spans="14:14">
      <c r="N733494" s="10"/>
    </row>
    <row r="733495" spans="14:14">
      <c r="N733495" s="10"/>
    </row>
    <row r="733496" spans="14:14">
      <c r="N733496" s="10"/>
    </row>
    <row r="733497" spans="14:14">
      <c r="N733497" s="10"/>
    </row>
    <row r="733498" spans="14:14">
      <c r="N733498" s="10"/>
    </row>
    <row r="733499" spans="14:14">
      <c r="N733499" s="10"/>
    </row>
    <row r="733500" spans="14:14">
      <c r="N733500" s="10"/>
    </row>
    <row r="733501" spans="14:14">
      <c r="N733501" s="10"/>
    </row>
    <row r="733502" spans="14:14">
      <c r="N733502" s="10"/>
    </row>
    <row r="733503" spans="14:14">
      <c r="N733503" s="10"/>
    </row>
    <row r="733504" spans="14:14">
      <c r="N733504" s="10"/>
    </row>
    <row r="733505" spans="14:14">
      <c r="N733505" s="10"/>
    </row>
    <row r="733506" spans="14:14">
      <c r="N733506" s="10"/>
    </row>
    <row r="733507" spans="14:14">
      <c r="N733507" s="10"/>
    </row>
    <row r="733508" spans="14:14">
      <c r="N733508" s="10"/>
    </row>
    <row r="733509" spans="14:14">
      <c r="N733509" s="10"/>
    </row>
    <row r="733510" spans="14:14">
      <c r="N733510" s="10"/>
    </row>
    <row r="733511" spans="14:14">
      <c r="N733511" s="10"/>
    </row>
    <row r="733512" spans="14:14">
      <c r="N733512" s="10"/>
    </row>
    <row r="733513" spans="14:14">
      <c r="N733513" s="10"/>
    </row>
    <row r="733514" spans="14:14">
      <c r="N733514" s="10"/>
    </row>
    <row r="733515" spans="14:14">
      <c r="N733515" s="10"/>
    </row>
    <row r="733516" spans="14:14">
      <c r="N733516" s="10"/>
    </row>
    <row r="733517" spans="14:14">
      <c r="N733517" s="10"/>
    </row>
    <row r="733518" spans="14:14">
      <c r="N733518" s="10"/>
    </row>
    <row r="733519" spans="14:14">
      <c r="N733519" s="10"/>
    </row>
    <row r="733520" spans="14:14">
      <c r="N733520" s="10"/>
    </row>
    <row r="733521" spans="14:14">
      <c r="N733521" s="10"/>
    </row>
    <row r="733522" spans="14:14">
      <c r="N733522" s="10"/>
    </row>
    <row r="733523" spans="14:14">
      <c r="N733523" s="10"/>
    </row>
    <row r="733524" spans="14:14">
      <c r="N733524" s="10"/>
    </row>
    <row r="733525" spans="14:14">
      <c r="N733525" s="10"/>
    </row>
    <row r="733526" spans="14:14">
      <c r="N733526" s="10"/>
    </row>
    <row r="733527" spans="14:14">
      <c r="N733527" s="10"/>
    </row>
    <row r="733528" spans="14:14">
      <c r="N733528" s="10"/>
    </row>
    <row r="733529" spans="14:14">
      <c r="N733529" s="10"/>
    </row>
    <row r="733530" spans="14:14">
      <c r="N733530" s="10"/>
    </row>
    <row r="733531" spans="14:14">
      <c r="N733531" s="10"/>
    </row>
    <row r="733532" spans="14:14">
      <c r="N733532" s="10"/>
    </row>
    <row r="733533" spans="14:14">
      <c r="N733533" s="10"/>
    </row>
    <row r="733534" spans="14:14">
      <c r="N733534" s="10"/>
    </row>
    <row r="733535" spans="14:14">
      <c r="N733535" s="10"/>
    </row>
    <row r="733536" spans="14:14">
      <c r="N733536" s="10"/>
    </row>
    <row r="733537" spans="14:14">
      <c r="N733537" s="10"/>
    </row>
    <row r="733538" spans="14:14">
      <c r="N733538" s="10"/>
    </row>
    <row r="733539" spans="14:14">
      <c r="N733539" s="10"/>
    </row>
    <row r="733540" spans="14:14">
      <c r="N733540" s="10"/>
    </row>
    <row r="733541" spans="14:14">
      <c r="N733541" s="10"/>
    </row>
    <row r="733542" spans="14:14">
      <c r="N733542" s="10"/>
    </row>
    <row r="733543" spans="14:14">
      <c r="N733543" s="10"/>
    </row>
    <row r="733544" spans="14:14">
      <c r="N733544" s="10"/>
    </row>
    <row r="733545" spans="14:14">
      <c r="N733545" s="10"/>
    </row>
    <row r="733546" spans="14:14">
      <c r="N733546" s="10"/>
    </row>
    <row r="733547" spans="14:14">
      <c r="N733547" s="10"/>
    </row>
    <row r="733548" spans="14:14">
      <c r="N733548" s="10"/>
    </row>
    <row r="733549" spans="14:14">
      <c r="N733549" s="10"/>
    </row>
    <row r="733550" spans="14:14">
      <c r="N733550" s="10"/>
    </row>
    <row r="733551" spans="14:14">
      <c r="N733551" s="10"/>
    </row>
    <row r="733552" spans="14:14">
      <c r="N733552" s="10"/>
    </row>
    <row r="733553" spans="14:14">
      <c r="N733553" s="10"/>
    </row>
    <row r="733554" spans="14:14">
      <c r="N733554" s="10"/>
    </row>
    <row r="733555" spans="14:14">
      <c r="N733555" s="10"/>
    </row>
    <row r="733556" spans="14:14">
      <c r="N733556" s="10"/>
    </row>
    <row r="733557" spans="14:14">
      <c r="N733557" s="10"/>
    </row>
    <row r="733558" spans="14:14">
      <c r="N733558" s="10"/>
    </row>
    <row r="733559" spans="14:14">
      <c r="N733559" s="10"/>
    </row>
    <row r="733560" spans="14:14">
      <c r="N733560" s="10"/>
    </row>
    <row r="733561" spans="14:14">
      <c r="N733561" s="10"/>
    </row>
    <row r="733562" spans="14:14">
      <c r="N733562" s="10"/>
    </row>
    <row r="733563" spans="14:14">
      <c r="N733563" s="10"/>
    </row>
    <row r="733564" spans="14:14">
      <c r="N733564" s="10"/>
    </row>
    <row r="733565" spans="14:14">
      <c r="N733565" s="10"/>
    </row>
    <row r="733566" spans="14:14">
      <c r="N733566" s="10"/>
    </row>
    <row r="733567" spans="14:14">
      <c r="N733567" s="10"/>
    </row>
    <row r="733568" spans="14:14">
      <c r="N733568" s="10"/>
    </row>
    <row r="733569" spans="14:14">
      <c r="N733569" s="10"/>
    </row>
    <row r="733570" spans="14:14">
      <c r="N733570" s="10"/>
    </row>
    <row r="733571" spans="14:14">
      <c r="N733571" s="10"/>
    </row>
    <row r="733572" spans="14:14">
      <c r="N733572" s="10"/>
    </row>
    <row r="733573" spans="14:14">
      <c r="N733573" s="10"/>
    </row>
    <row r="733574" spans="14:14">
      <c r="N733574" s="10"/>
    </row>
    <row r="733575" spans="14:14">
      <c r="N733575" s="10"/>
    </row>
    <row r="733576" spans="14:14">
      <c r="N733576" s="10"/>
    </row>
    <row r="733577" spans="14:14">
      <c r="N733577" s="10"/>
    </row>
    <row r="733578" spans="14:14">
      <c r="N733578" s="10"/>
    </row>
    <row r="733579" spans="14:14">
      <c r="N733579" s="10"/>
    </row>
    <row r="733580" spans="14:14">
      <c r="N733580" s="10"/>
    </row>
    <row r="733581" spans="14:14">
      <c r="N733581" s="10"/>
    </row>
    <row r="733582" spans="14:14">
      <c r="N733582" s="10"/>
    </row>
    <row r="733583" spans="14:14">
      <c r="N733583" s="10"/>
    </row>
    <row r="733584" spans="14:14">
      <c r="N733584" s="10"/>
    </row>
    <row r="733585" spans="14:14">
      <c r="N733585" s="10"/>
    </row>
    <row r="733586" spans="14:14">
      <c r="N733586" s="10"/>
    </row>
    <row r="733587" spans="14:14">
      <c r="N733587" s="10"/>
    </row>
    <row r="733588" spans="14:14">
      <c r="N733588" s="10"/>
    </row>
    <row r="733589" spans="14:14">
      <c r="N733589" s="10"/>
    </row>
    <row r="733590" spans="14:14">
      <c r="N733590" s="10"/>
    </row>
    <row r="733591" spans="14:14">
      <c r="N733591" s="10"/>
    </row>
    <row r="733592" spans="14:14">
      <c r="N733592" s="10"/>
    </row>
    <row r="733593" spans="14:14">
      <c r="N733593" s="10"/>
    </row>
    <row r="733594" spans="14:14">
      <c r="N733594" s="10"/>
    </row>
    <row r="733595" spans="14:14">
      <c r="N733595" s="10"/>
    </row>
    <row r="733596" spans="14:14">
      <c r="N733596" s="10"/>
    </row>
    <row r="733597" spans="14:14">
      <c r="N733597" s="10"/>
    </row>
    <row r="733598" spans="14:14">
      <c r="N733598" s="10"/>
    </row>
    <row r="733599" spans="14:14">
      <c r="N733599" s="10"/>
    </row>
    <row r="733600" spans="14:14">
      <c r="N733600" s="10"/>
    </row>
    <row r="733601" spans="14:14">
      <c r="N733601" s="10"/>
    </row>
    <row r="733602" spans="14:14">
      <c r="N733602" s="10"/>
    </row>
    <row r="733603" spans="14:14">
      <c r="N733603" s="10"/>
    </row>
    <row r="733604" spans="14:14">
      <c r="N733604" s="10"/>
    </row>
    <row r="733605" spans="14:14">
      <c r="N733605" s="10"/>
    </row>
    <row r="733606" spans="14:14">
      <c r="N733606" s="10"/>
    </row>
    <row r="733607" spans="14:14">
      <c r="N733607" s="10"/>
    </row>
    <row r="733608" spans="14:14">
      <c r="N733608" s="10"/>
    </row>
    <row r="733609" spans="14:14">
      <c r="N733609" s="10"/>
    </row>
    <row r="733610" spans="14:14">
      <c r="N733610" s="10"/>
    </row>
    <row r="733611" spans="14:14">
      <c r="N733611" s="10"/>
    </row>
    <row r="733612" spans="14:14">
      <c r="N733612" s="10"/>
    </row>
    <row r="733613" spans="14:14">
      <c r="N733613" s="10"/>
    </row>
    <row r="733614" spans="14:14">
      <c r="N733614" s="10"/>
    </row>
    <row r="733615" spans="14:14">
      <c r="N733615" s="10"/>
    </row>
    <row r="733616" spans="14:14">
      <c r="N733616" s="10"/>
    </row>
    <row r="733617" spans="14:14">
      <c r="N733617" s="10"/>
    </row>
    <row r="733618" spans="14:14">
      <c r="N733618" s="10"/>
    </row>
    <row r="733619" spans="14:14">
      <c r="N733619" s="10"/>
    </row>
    <row r="733620" spans="14:14">
      <c r="N733620" s="10"/>
    </row>
    <row r="733621" spans="14:14">
      <c r="N733621" s="10"/>
    </row>
    <row r="733622" spans="14:14">
      <c r="N733622" s="10"/>
    </row>
    <row r="733623" spans="14:14">
      <c r="N733623" s="10"/>
    </row>
    <row r="733624" spans="14:14">
      <c r="N733624" s="10"/>
    </row>
    <row r="733625" spans="14:14">
      <c r="N733625" s="10"/>
    </row>
    <row r="733626" spans="14:14">
      <c r="N733626" s="10"/>
    </row>
    <row r="733627" spans="14:14">
      <c r="N733627" s="10"/>
    </row>
    <row r="733628" spans="14:14">
      <c r="N733628" s="10"/>
    </row>
    <row r="733629" spans="14:14">
      <c r="N733629" s="10"/>
    </row>
    <row r="733630" spans="14:14">
      <c r="N733630" s="10"/>
    </row>
    <row r="733631" spans="14:14">
      <c r="N733631" s="10"/>
    </row>
    <row r="733632" spans="14:14">
      <c r="N733632" s="10"/>
    </row>
    <row r="733633" spans="14:14">
      <c r="N733633" s="10"/>
    </row>
    <row r="733634" spans="14:14">
      <c r="N733634" s="10"/>
    </row>
    <row r="733635" spans="14:14">
      <c r="N733635" s="10"/>
    </row>
    <row r="733636" spans="14:14">
      <c r="N733636" s="10"/>
    </row>
    <row r="733637" spans="14:14">
      <c r="N733637" s="10"/>
    </row>
    <row r="733638" spans="14:14">
      <c r="N733638" s="10"/>
    </row>
    <row r="733639" spans="14:14">
      <c r="N733639" s="10"/>
    </row>
    <row r="733640" spans="14:14">
      <c r="N733640" s="10"/>
    </row>
    <row r="733641" spans="14:14">
      <c r="N733641" s="10"/>
    </row>
    <row r="733642" spans="14:14">
      <c r="N733642" s="10"/>
    </row>
    <row r="733643" spans="14:14">
      <c r="N733643" s="10"/>
    </row>
    <row r="733644" spans="14:14">
      <c r="N733644" s="10"/>
    </row>
    <row r="733645" spans="14:14">
      <c r="N733645" s="10"/>
    </row>
    <row r="733646" spans="14:14">
      <c r="N733646" s="10"/>
    </row>
    <row r="733647" spans="14:14">
      <c r="N733647" s="10"/>
    </row>
    <row r="733648" spans="14:14">
      <c r="N733648" s="10"/>
    </row>
    <row r="733649" spans="14:14">
      <c r="N733649" s="10"/>
    </row>
    <row r="733650" spans="14:14">
      <c r="N733650" s="10"/>
    </row>
    <row r="733651" spans="14:14">
      <c r="N733651" s="10"/>
    </row>
    <row r="733652" spans="14:14">
      <c r="N733652" s="10"/>
    </row>
    <row r="733653" spans="14:14">
      <c r="N733653" s="10"/>
    </row>
    <row r="733654" spans="14:14">
      <c r="N733654" s="10"/>
    </row>
    <row r="733655" spans="14:14">
      <c r="N733655" s="10"/>
    </row>
    <row r="733656" spans="14:14">
      <c r="N733656" s="10"/>
    </row>
    <row r="733657" spans="14:14">
      <c r="N733657" s="10"/>
    </row>
    <row r="733658" spans="14:14">
      <c r="N733658" s="10"/>
    </row>
    <row r="733659" spans="14:14">
      <c r="N733659" s="10"/>
    </row>
    <row r="733660" spans="14:14">
      <c r="N733660" s="10"/>
    </row>
    <row r="733661" spans="14:14">
      <c r="N733661" s="10"/>
    </row>
    <row r="733662" spans="14:14">
      <c r="N733662" s="10"/>
    </row>
    <row r="733663" spans="14:14">
      <c r="N733663" s="10"/>
    </row>
    <row r="733664" spans="14:14">
      <c r="N733664" s="10"/>
    </row>
    <row r="733665" spans="14:14">
      <c r="N733665" s="10"/>
    </row>
    <row r="733666" spans="14:14">
      <c r="N733666" s="10"/>
    </row>
    <row r="733667" spans="14:14">
      <c r="N733667" s="10"/>
    </row>
    <row r="733668" spans="14:14">
      <c r="N733668" s="10"/>
    </row>
    <row r="733669" spans="14:14">
      <c r="N733669" s="10"/>
    </row>
    <row r="733670" spans="14:14">
      <c r="N733670" s="10"/>
    </row>
    <row r="733671" spans="14:14">
      <c r="N733671" s="10"/>
    </row>
    <row r="733672" spans="14:14">
      <c r="N733672" s="10"/>
    </row>
    <row r="733673" spans="14:14">
      <c r="N733673" s="10"/>
    </row>
    <row r="733674" spans="14:14">
      <c r="N733674" s="10"/>
    </row>
    <row r="733675" spans="14:14">
      <c r="N733675" s="10"/>
    </row>
    <row r="733676" spans="14:14">
      <c r="N733676" s="10"/>
    </row>
    <row r="733677" spans="14:14">
      <c r="N733677" s="10"/>
    </row>
    <row r="733678" spans="14:14">
      <c r="N733678" s="10"/>
    </row>
    <row r="733679" spans="14:14">
      <c r="N733679" s="10"/>
    </row>
    <row r="733680" spans="14:14">
      <c r="N733680" s="10"/>
    </row>
    <row r="733681" spans="14:14">
      <c r="N733681" s="10"/>
    </row>
    <row r="733682" spans="14:14">
      <c r="N733682" s="10"/>
    </row>
    <row r="733683" spans="14:14">
      <c r="N733683" s="10"/>
    </row>
    <row r="733684" spans="14:14">
      <c r="N733684" s="10"/>
    </row>
    <row r="733685" spans="14:14">
      <c r="N733685" s="10"/>
    </row>
    <row r="733686" spans="14:14">
      <c r="N733686" s="10"/>
    </row>
    <row r="733687" spans="14:14">
      <c r="N733687" s="10"/>
    </row>
    <row r="733688" spans="14:14">
      <c r="N733688" s="10"/>
    </row>
    <row r="733689" spans="14:14">
      <c r="N733689" s="10"/>
    </row>
    <row r="733690" spans="14:14">
      <c r="N733690" s="10"/>
    </row>
    <row r="733691" spans="14:14">
      <c r="N733691" s="10"/>
    </row>
    <row r="733692" spans="14:14">
      <c r="N733692" s="10"/>
    </row>
    <row r="733693" spans="14:14">
      <c r="N733693" s="10"/>
    </row>
    <row r="733694" spans="14:14">
      <c r="N733694" s="10"/>
    </row>
    <row r="733695" spans="14:14">
      <c r="N733695" s="10"/>
    </row>
    <row r="733696" spans="14:14">
      <c r="N733696" s="10"/>
    </row>
    <row r="733697" spans="14:14">
      <c r="N733697" s="10"/>
    </row>
    <row r="733698" spans="14:14">
      <c r="N733698" s="10"/>
    </row>
    <row r="733699" spans="14:14">
      <c r="N733699" s="10"/>
    </row>
    <row r="733700" spans="14:14">
      <c r="N733700" s="10"/>
    </row>
    <row r="733701" spans="14:14">
      <c r="N733701" s="10"/>
    </row>
    <row r="733702" spans="14:14">
      <c r="N733702" s="10"/>
    </row>
    <row r="733703" spans="14:14">
      <c r="N733703" s="10"/>
    </row>
    <row r="733704" spans="14:14">
      <c r="N733704" s="10"/>
    </row>
    <row r="733705" spans="14:14">
      <c r="N733705" s="10"/>
    </row>
    <row r="733706" spans="14:14">
      <c r="N733706" s="10"/>
    </row>
    <row r="733707" spans="14:14">
      <c r="N733707" s="10"/>
    </row>
    <row r="733708" spans="14:14">
      <c r="N733708" s="10"/>
    </row>
    <row r="733709" spans="14:14">
      <c r="N733709" s="10"/>
    </row>
    <row r="733710" spans="14:14">
      <c r="N733710" s="10"/>
    </row>
    <row r="733711" spans="14:14">
      <c r="N733711" s="10"/>
    </row>
    <row r="733712" spans="14:14">
      <c r="N733712" s="10"/>
    </row>
    <row r="733713" spans="14:14">
      <c r="N733713" s="10"/>
    </row>
    <row r="733714" spans="14:14">
      <c r="N733714" s="10"/>
    </row>
    <row r="733715" spans="14:14">
      <c r="N733715" s="10"/>
    </row>
    <row r="733716" spans="14:14">
      <c r="N733716" s="10"/>
    </row>
    <row r="733717" spans="14:14">
      <c r="N733717" s="10"/>
    </row>
    <row r="733718" spans="14:14">
      <c r="N733718" s="10"/>
    </row>
    <row r="733719" spans="14:14">
      <c r="N733719" s="10"/>
    </row>
    <row r="733720" spans="14:14">
      <c r="N733720" s="10"/>
    </row>
    <row r="733721" spans="14:14">
      <c r="N733721" s="10"/>
    </row>
    <row r="733722" spans="14:14">
      <c r="N733722" s="10"/>
    </row>
    <row r="733723" spans="14:14">
      <c r="N733723" s="10"/>
    </row>
    <row r="733724" spans="14:14">
      <c r="N733724" s="10"/>
    </row>
    <row r="733725" spans="14:14">
      <c r="N733725" s="10"/>
    </row>
    <row r="733726" spans="14:14">
      <c r="N733726" s="10"/>
    </row>
    <row r="733727" spans="14:14">
      <c r="N733727" s="10"/>
    </row>
    <row r="733728" spans="14:14">
      <c r="N733728" s="10"/>
    </row>
    <row r="733729" spans="14:14">
      <c r="N733729" s="10"/>
    </row>
    <row r="733730" spans="14:14">
      <c r="N733730" s="10"/>
    </row>
    <row r="733731" spans="14:14">
      <c r="N733731" s="10"/>
    </row>
    <row r="733732" spans="14:14">
      <c r="N733732" s="10"/>
    </row>
    <row r="733733" spans="14:14">
      <c r="N733733" s="10"/>
    </row>
    <row r="733734" spans="14:14">
      <c r="N733734" s="10"/>
    </row>
    <row r="733735" spans="14:14">
      <c r="N733735" s="10"/>
    </row>
    <row r="733736" spans="14:14">
      <c r="N733736" s="10"/>
    </row>
    <row r="733737" spans="14:14">
      <c r="N733737" s="10"/>
    </row>
    <row r="733738" spans="14:14">
      <c r="N733738" s="10"/>
    </row>
    <row r="733739" spans="14:14">
      <c r="N733739" s="10"/>
    </row>
    <row r="733740" spans="14:14">
      <c r="N733740" s="10"/>
    </row>
    <row r="733741" spans="14:14">
      <c r="N733741" s="10"/>
    </row>
    <row r="733742" spans="14:14">
      <c r="N733742" s="10"/>
    </row>
    <row r="733743" spans="14:14">
      <c r="N733743" s="10"/>
    </row>
    <row r="733744" spans="14:14">
      <c r="N733744" s="10"/>
    </row>
    <row r="733745" spans="14:14">
      <c r="N733745" s="10"/>
    </row>
    <row r="733746" spans="14:14">
      <c r="N733746" s="10"/>
    </row>
    <row r="733747" spans="14:14">
      <c r="N733747" s="10"/>
    </row>
    <row r="733748" spans="14:14">
      <c r="N733748" s="10"/>
    </row>
    <row r="733749" spans="14:14">
      <c r="N733749" s="10"/>
    </row>
    <row r="733750" spans="14:14">
      <c r="N733750" s="10"/>
    </row>
    <row r="733751" spans="14:14">
      <c r="N733751" s="10"/>
    </row>
    <row r="733752" spans="14:14">
      <c r="N733752" s="10"/>
    </row>
    <row r="733753" spans="14:14">
      <c r="N733753" s="10"/>
    </row>
    <row r="733754" spans="14:14">
      <c r="N733754" s="10"/>
    </row>
    <row r="733755" spans="14:14">
      <c r="N733755" s="10"/>
    </row>
    <row r="733756" spans="14:14">
      <c r="N733756" s="10"/>
    </row>
    <row r="733757" spans="14:14">
      <c r="N733757" s="10"/>
    </row>
    <row r="733758" spans="14:14">
      <c r="N733758" s="10"/>
    </row>
    <row r="733759" spans="14:14">
      <c r="N733759" s="10"/>
    </row>
    <row r="733760" spans="14:14">
      <c r="N733760" s="10"/>
    </row>
    <row r="733761" spans="14:14">
      <c r="N733761" s="10"/>
    </row>
    <row r="733762" spans="14:14">
      <c r="N733762" s="10"/>
    </row>
    <row r="733763" spans="14:14">
      <c r="N733763" s="10"/>
    </row>
    <row r="733764" spans="14:14">
      <c r="N733764" s="10"/>
    </row>
    <row r="733765" spans="14:14">
      <c r="N733765" s="10"/>
    </row>
    <row r="733766" spans="14:14">
      <c r="N733766" s="10"/>
    </row>
    <row r="733767" spans="14:14">
      <c r="N733767" s="10"/>
    </row>
    <row r="733768" spans="14:14">
      <c r="N733768" s="10"/>
    </row>
    <row r="733769" spans="14:14">
      <c r="N733769" s="10"/>
    </row>
    <row r="733770" spans="14:14">
      <c r="N733770" s="10"/>
    </row>
    <row r="733771" spans="14:14">
      <c r="N733771" s="10"/>
    </row>
    <row r="733772" spans="14:14">
      <c r="N733772" s="10"/>
    </row>
    <row r="733773" spans="14:14">
      <c r="N733773" s="10"/>
    </row>
    <row r="733774" spans="14:14">
      <c r="N733774" s="10"/>
    </row>
    <row r="733775" spans="14:14">
      <c r="N733775" s="10"/>
    </row>
    <row r="733776" spans="14:14">
      <c r="N733776" s="10"/>
    </row>
    <row r="733777" spans="14:14">
      <c r="N733777" s="10"/>
    </row>
    <row r="733778" spans="14:14">
      <c r="N733778" s="10"/>
    </row>
    <row r="733779" spans="14:14">
      <c r="N733779" s="10"/>
    </row>
    <row r="733780" spans="14:14">
      <c r="N733780" s="10"/>
    </row>
    <row r="733781" spans="14:14">
      <c r="N733781" s="10"/>
    </row>
    <row r="733782" spans="14:14">
      <c r="N733782" s="10"/>
    </row>
    <row r="733783" spans="14:14">
      <c r="N733783" s="10"/>
    </row>
    <row r="733784" spans="14:14">
      <c r="N733784" s="10"/>
    </row>
    <row r="733785" spans="14:14">
      <c r="N733785" s="10"/>
    </row>
    <row r="733786" spans="14:14">
      <c r="N733786" s="10"/>
    </row>
    <row r="733787" spans="14:14">
      <c r="N733787" s="10"/>
    </row>
    <row r="733788" spans="14:14">
      <c r="N733788" s="10"/>
    </row>
    <row r="733789" spans="14:14">
      <c r="N733789" s="10"/>
    </row>
    <row r="733790" spans="14:14">
      <c r="N733790" s="10"/>
    </row>
    <row r="733791" spans="14:14">
      <c r="N733791" s="10"/>
    </row>
    <row r="733792" spans="14:14">
      <c r="N733792" s="10"/>
    </row>
    <row r="733793" spans="14:14">
      <c r="N733793" s="10"/>
    </row>
    <row r="733794" spans="14:14">
      <c r="N733794" s="10"/>
    </row>
    <row r="733795" spans="14:14">
      <c r="N733795" s="10"/>
    </row>
    <row r="733796" spans="14:14">
      <c r="N733796" s="10"/>
    </row>
    <row r="733797" spans="14:14">
      <c r="N733797" s="10"/>
    </row>
    <row r="733798" spans="14:14">
      <c r="N733798" s="10"/>
    </row>
    <row r="733799" spans="14:14">
      <c r="N733799" s="10"/>
    </row>
    <row r="733800" spans="14:14">
      <c r="N733800" s="10"/>
    </row>
    <row r="733801" spans="14:14">
      <c r="N733801" s="10"/>
    </row>
    <row r="733802" spans="14:14">
      <c r="N733802" s="10"/>
    </row>
    <row r="733803" spans="14:14">
      <c r="N733803" s="10"/>
    </row>
    <row r="733804" spans="14:14">
      <c r="N733804" s="10"/>
    </row>
    <row r="733805" spans="14:14">
      <c r="N733805" s="10"/>
    </row>
    <row r="733806" spans="14:14">
      <c r="N733806" s="10"/>
    </row>
    <row r="733807" spans="14:14">
      <c r="N733807" s="10"/>
    </row>
    <row r="733808" spans="14:14">
      <c r="N733808" s="10"/>
    </row>
    <row r="733809" spans="14:14">
      <c r="N733809" s="10"/>
    </row>
    <row r="733810" spans="14:14">
      <c r="N733810" s="10"/>
    </row>
    <row r="733811" spans="14:14">
      <c r="N733811" s="10"/>
    </row>
    <row r="733812" spans="14:14">
      <c r="N733812" s="10"/>
    </row>
    <row r="733813" spans="14:14">
      <c r="N733813" s="10"/>
    </row>
    <row r="733814" spans="14:14">
      <c r="N733814" s="10"/>
    </row>
    <row r="733815" spans="14:14">
      <c r="N733815" s="10"/>
    </row>
    <row r="733816" spans="14:14">
      <c r="N733816" s="10"/>
    </row>
    <row r="733817" spans="14:14">
      <c r="N733817" s="10"/>
    </row>
    <row r="733818" spans="14:14">
      <c r="N733818" s="10"/>
    </row>
    <row r="733819" spans="14:14">
      <c r="N733819" s="10"/>
    </row>
    <row r="733820" spans="14:14">
      <c r="N733820" s="10"/>
    </row>
    <row r="733821" spans="14:14">
      <c r="N733821" s="10"/>
    </row>
    <row r="733822" spans="14:14">
      <c r="N733822" s="10"/>
    </row>
    <row r="733823" spans="14:14">
      <c r="N733823" s="10"/>
    </row>
    <row r="733824" spans="14:14">
      <c r="N733824" s="10"/>
    </row>
    <row r="733825" spans="14:14">
      <c r="N733825" s="10"/>
    </row>
    <row r="733826" spans="14:14">
      <c r="N733826" s="10"/>
    </row>
    <row r="733827" spans="14:14">
      <c r="N733827" s="10"/>
    </row>
    <row r="733828" spans="14:14">
      <c r="N733828" s="10"/>
    </row>
    <row r="733829" spans="14:14">
      <c r="N733829" s="10"/>
    </row>
    <row r="733830" spans="14:14">
      <c r="N733830" s="10"/>
    </row>
    <row r="733831" spans="14:14">
      <c r="N733831" s="10"/>
    </row>
    <row r="733832" spans="14:14">
      <c r="N733832" s="10"/>
    </row>
    <row r="733833" spans="14:14">
      <c r="N733833" s="10"/>
    </row>
    <row r="733834" spans="14:14">
      <c r="N733834" s="10"/>
    </row>
    <row r="733835" spans="14:14">
      <c r="N733835" s="10"/>
    </row>
    <row r="733836" spans="14:14">
      <c r="N733836" s="10"/>
    </row>
    <row r="733837" spans="14:14">
      <c r="N733837" s="10"/>
    </row>
    <row r="733838" spans="14:14">
      <c r="N733838" s="10"/>
    </row>
    <row r="733839" spans="14:14">
      <c r="N733839" s="10"/>
    </row>
    <row r="733840" spans="14:14">
      <c r="N733840" s="10"/>
    </row>
    <row r="733841" spans="14:14">
      <c r="N733841" s="10"/>
    </row>
    <row r="733842" spans="14:14">
      <c r="N733842" s="10"/>
    </row>
    <row r="733843" spans="14:14">
      <c r="N733843" s="10"/>
    </row>
    <row r="733844" spans="14:14">
      <c r="N733844" s="10"/>
    </row>
    <row r="733845" spans="14:14">
      <c r="N733845" s="10"/>
    </row>
    <row r="733846" spans="14:14">
      <c r="N733846" s="10"/>
    </row>
    <row r="733847" spans="14:14">
      <c r="N733847" s="10"/>
    </row>
    <row r="733848" spans="14:14">
      <c r="N733848" s="10"/>
    </row>
    <row r="733849" spans="14:14">
      <c r="N733849" s="10"/>
    </row>
    <row r="733850" spans="14:14">
      <c r="N733850" s="10"/>
    </row>
    <row r="733851" spans="14:14">
      <c r="N733851" s="10"/>
    </row>
    <row r="733852" spans="14:14">
      <c r="N733852" s="10"/>
    </row>
    <row r="733853" spans="14:14">
      <c r="N733853" s="10"/>
    </row>
    <row r="733854" spans="14:14">
      <c r="N733854" s="10"/>
    </row>
    <row r="733855" spans="14:14">
      <c r="N733855" s="10"/>
    </row>
    <row r="733856" spans="14:14">
      <c r="N733856" s="10"/>
    </row>
    <row r="733857" spans="14:14">
      <c r="N733857" s="10"/>
    </row>
    <row r="733858" spans="14:14">
      <c r="N733858" s="10"/>
    </row>
    <row r="733859" spans="14:14">
      <c r="N733859" s="10"/>
    </row>
    <row r="733860" spans="14:14">
      <c r="N733860" s="10"/>
    </row>
    <row r="733861" spans="14:14">
      <c r="N733861" s="10"/>
    </row>
    <row r="733862" spans="14:14">
      <c r="N733862" s="10"/>
    </row>
    <row r="733863" spans="14:14">
      <c r="N733863" s="10"/>
    </row>
    <row r="733864" spans="14:14">
      <c r="N733864" s="10"/>
    </row>
    <row r="733865" spans="14:14">
      <c r="N733865" s="10"/>
    </row>
    <row r="733866" spans="14:14">
      <c r="N733866" s="10"/>
    </row>
    <row r="733867" spans="14:14">
      <c r="N733867" s="10"/>
    </row>
    <row r="733868" spans="14:14">
      <c r="N733868" s="10"/>
    </row>
    <row r="733869" spans="14:14">
      <c r="N733869" s="10"/>
    </row>
    <row r="733870" spans="14:14">
      <c r="N733870" s="10"/>
    </row>
    <row r="733871" spans="14:14">
      <c r="N733871" s="10"/>
    </row>
    <row r="733872" spans="14:14">
      <c r="N733872" s="10"/>
    </row>
    <row r="733873" spans="14:14">
      <c r="N733873" s="10"/>
    </row>
    <row r="733874" spans="14:14">
      <c r="N733874" s="10"/>
    </row>
    <row r="733875" spans="14:14">
      <c r="N733875" s="10"/>
    </row>
    <row r="733876" spans="14:14">
      <c r="N733876" s="10"/>
    </row>
    <row r="733877" spans="14:14">
      <c r="N733877" s="10"/>
    </row>
    <row r="733878" spans="14:14">
      <c r="N733878" s="10"/>
    </row>
    <row r="733879" spans="14:14">
      <c r="N733879" s="10"/>
    </row>
    <row r="733880" spans="14:14">
      <c r="N733880" s="10"/>
    </row>
    <row r="733881" spans="14:14">
      <c r="N733881" s="10"/>
    </row>
    <row r="733882" spans="14:14">
      <c r="N733882" s="10"/>
    </row>
    <row r="733883" spans="14:14">
      <c r="N733883" s="10"/>
    </row>
    <row r="733884" spans="14:14">
      <c r="N733884" s="10"/>
    </row>
    <row r="733885" spans="14:14">
      <c r="N733885" s="10"/>
    </row>
    <row r="733886" spans="14:14">
      <c r="N733886" s="10"/>
    </row>
    <row r="733887" spans="14:14">
      <c r="N733887" s="10"/>
    </row>
    <row r="733888" spans="14:14">
      <c r="N733888" s="10"/>
    </row>
    <row r="733889" spans="14:14">
      <c r="N733889" s="10"/>
    </row>
    <row r="733890" spans="14:14">
      <c r="N733890" s="10"/>
    </row>
    <row r="733891" spans="14:14">
      <c r="N733891" s="10"/>
    </row>
    <row r="733892" spans="14:14">
      <c r="N733892" s="10"/>
    </row>
    <row r="733893" spans="14:14">
      <c r="N733893" s="10"/>
    </row>
    <row r="733894" spans="14:14">
      <c r="N733894" s="10"/>
    </row>
    <row r="733895" spans="14:14">
      <c r="N733895" s="10"/>
    </row>
    <row r="733896" spans="14:14">
      <c r="N733896" s="10"/>
    </row>
    <row r="733897" spans="14:14">
      <c r="N733897" s="10"/>
    </row>
    <row r="733898" spans="14:14">
      <c r="N733898" s="10"/>
    </row>
    <row r="733899" spans="14:14">
      <c r="N733899" s="10"/>
    </row>
    <row r="733900" spans="14:14">
      <c r="N733900" s="10"/>
    </row>
    <row r="733901" spans="14:14">
      <c r="N733901" s="10"/>
    </row>
    <row r="733902" spans="14:14">
      <c r="N733902" s="10"/>
    </row>
    <row r="733903" spans="14:14">
      <c r="N733903" s="10"/>
    </row>
    <row r="733904" spans="14:14">
      <c r="N733904" s="10"/>
    </row>
    <row r="733905" spans="14:14">
      <c r="N733905" s="10"/>
    </row>
    <row r="733906" spans="14:14">
      <c r="N733906" s="10"/>
    </row>
    <row r="733907" spans="14:14">
      <c r="N733907" s="10"/>
    </row>
    <row r="733908" spans="14:14">
      <c r="N733908" s="10"/>
    </row>
    <row r="733909" spans="14:14">
      <c r="N733909" s="10"/>
    </row>
    <row r="733910" spans="14:14">
      <c r="N733910" s="10"/>
    </row>
    <row r="733911" spans="14:14">
      <c r="N733911" s="10"/>
    </row>
    <row r="733912" spans="14:14">
      <c r="N733912" s="10"/>
    </row>
    <row r="733913" spans="14:14">
      <c r="N733913" s="10"/>
    </row>
    <row r="733914" spans="14:14">
      <c r="N733914" s="10"/>
    </row>
    <row r="733915" spans="14:14">
      <c r="N733915" s="10"/>
    </row>
    <row r="733916" spans="14:14">
      <c r="N733916" s="10"/>
    </row>
    <row r="733917" spans="14:14">
      <c r="N733917" s="10"/>
    </row>
    <row r="733918" spans="14:14">
      <c r="N733918" s="10"/>
    </row>
    <row r="733919" spans="14:14">
      <c r="N733919" s="10"/>
    </row>
    <row r="733920" spans="14:14">
      <c r="N733920" s="10"/>
    </row>
    <row r="733921" spans="14:14">
      <c r="N733921" s="10"/>
    </row>
    <row r="733922" spans="14:14">
      <c r="N733922" s="10"/>
    </row>
    <row r="733923" spans="14:14">
      <c r="N733923" s="10"/>
    </row>
    <row r="733924" spans="14:14">
      <c r="N733924" s="10"/>
    </row>
    <row r="733925" spans="14:14">
      <c r="N733925" s="10"/>
    </row>
    <row r="733926" spans="14:14">
      <c r="N733926" s="10"/>
    </row>
    <row r="733927" spans="14:14">
      <c r="N733927" s="10"/>
    </row>
    <row r="733928" spans="14:14">
      <c r="N733928" s="10"/>
    </row>
    <row r="733929" spans="14:14">
      <c r="N733929" s="10"/>
    </row>
    <row r="733930" spans="14:14">
      <c r="N733930" s="10"/>
    </row>
    <row r="733931" spans="14:14">
      <c r="N733931" s="10"/>
    </row>
    <row r="733932" spans="14:14">
      <c r="N733932" s="10"/>
    </row>
    <row r="733933" spans="14:14">
      <c r="N733933" s="10"/>
    </row>
    <row r="733934" spans="14:14">
      <c r="N733934" s="10"/>
    </row>
    <row r="733935" spans="14:14">
      <c r="N733935" s="10"/>
    </row>
    <row r="733936" spans="14:14">
      <c r="N733936" s="10"/>
    </row>
    <row r="733937" spans="14:14">
      <c r="N733937" s="10"/>
    </row>
    <row r="733938" spans="14:14">
      <c r="N733938" s="10"/>
    </row>
    <row r="733939" spans="14:14">
      <c r="N733939" s="10"/>
    </row>
    <row r="733940" spans="14:14">
      <c r="N733940" s="10"/>
    </row>
    <row r="733941" spans="14:14">
      <c r="N733941" s="10"/>
    </row>
    <row r="733942" spans="14:14">
      <c r="N733942" s="10"/>
    </row>
    <row r="733943" spans="14:14">
      <c r="N733943" s="10"/>
    </row>
    <row r="733944" spans="14:14">
      <c r="N733944" s="10"/>
    </row>
    <row r="733945" spans="14:14">
      <c r="N733945" s="10"/>
    </row>
    <row r="733946" spans="14:14">
      <c r="N733946" s="10"/>
    </row>
    <row r="733947" spans="14:14">
      <c r="N733947" s="10"/>
    </row>
    <row r="733948" spans="14:14">
      <c r="N733948" s="10"/>
    </row>
    <row r="733949" spans="14:14">
      <c r="N733949" s="10"/>
    </row>
    <row r="733950" spans="14:14">
      <c r="N733950" s="10"/>
    </row>
    <row r="733951" spans="14:14">
      <c r="N733951" s="10"/>
    </row>
    <row r="733952" spans="14:14">
      <c r="N733952" s="10"/>
    </row>
    <row r="733953" spans="14:14">
      <c r="N733953" s="10"/>
    </row>
    <row r="733954" spans="14:14">
      <c r="N733954" s="10"/>
    </row>
    <row r="733955" spans="14:14">
      <c r="N733955" s="10"/>
    </row>
    <row r="733956" spans="14:14">
      <c r="N733956" s="10"/>
    </row>
    <row r="733957" spans="14:14">
      <c r="N733957" s="10"/>
    </row>
    <row r="733958" spans="14:14">
      <c r="N733958" s="10"/>
    </row>
    <row r="733959" spans="14:14">
      <c r="N733959" s="10"/>
    </row>
    <row r="733960" spans="14:14">
      <c r="N733960" s="10"/>
    </row>
    <row r="733961" spans="14:14">
      <c r="N733961" s="10"/>
    </row>
    <row r="733962" spans="14:14">
      <c r="N733962" s="10"/>
    </row>
    <row r="733963" spans="14:14">
      <c r="N733963" s="10"/>
    </row>
    <row r="733964" spans="14:14">
      <c r="N733964" s="10"/>
    </row>
    <row r="733965" spans="14:14">
      <c r="N733965" s="10"/>
    </row>
    <row r="733966" spans="14:14">
      <c r="N733966" s="10"/>
    </row>
    <row r="733967" spans="14:14">
      <c r="N733967" s="10"/>
    </row>
    <row r="733968" spans="14:14">
      <c r="N733968" s="10"/>
    </row>
    <row r="733969" spans="14:14">
      <c r="N733969" s="10"/>
    </row>
    <row r="733970" spans="14:14">
      <c r="N733970" s="10"/>
    </row>
    <row r="733971" spans="14:14">
      <c r="N733971" s="10"/>
    </row>
    <row r="733972" spans="14:14">
      <c r="N733972" s="10"/>
    </row>
    <row r="733973" spans="14:14">
      <c r="N733973" s="10"/>
    </row>
    <row r="733974" spans="14:14">
      <c r="N733974" s="10"/>
    </row>
    <row r="733975" spans="14:14">
      <c r="N733975" s="10"/>
    </row>
    <row r="733976" spans="14:14">
      <c r="N733976" s="10"/>
    </row>
    <row r="733977" spans="14:14">
      <c r="N733977" s="10"/>
    </row>
    <row r="733978" spans="14:14">
      <c r="N733978" s="10"/>
    </row>
    <row r="733979" spans="14:14">
      <c r="N733979" s="10"/>
    </row>
    <row r="733980" spans="14:14">
      <c r="N733980" s="10"/>
    </row>
    <row r="733981" spans="14:14">
      <c r="N733981" s="10"/>
    </row>
    <row r="733982" spans="14:14">
      <c r="N733982" s="10"/>
    </row>
    <row r="733983" spans="14:14">
      <c r="N733983" s="10"/>
    </row>
    <row r="733984" spans="14:14">
      <c r="N733984" s="10"/>
    </row>
    <row r="733985" spans="14:14">
      <c r="N733985" s="10"/>
    </row>
    <row r="733986" spans="14:14">
      <c r="N733986" s="10"/>
    </row>
    <row r="733987" spans="14:14">
      <c r="N733987" s="10"/>
    </row>
    <row r="733988" spans="14:14">
      <c r="N733988" s="10"/>
    </row>
    <row r="733989" spans="14:14">
      <c r="N733989" s="10"/>
    </row>
    <row r="733990" spans="14:14">
      <c r="N733990" s="10"/>
    </row>
    <row r="733991" spans="14:14">
      <c r="N733991" s="10"/>
    </row>
    <row r="733992" spans="14:14">
      <c r="N733992" s="10"/>
    </row>
    <row r="733993" spans="14:14">
      <c r="N733993" s="10"/>
    </row>
    <row r="733994" spans="14:14">
      <c r="N733994" s="10"/>
    </row>
    <row r="733995" spans="14:14">
      <c r="N733995" s="10"/>
    </row>
    <row r="733996" spans="14:14">
      <c r="N733996" s="10"/>
    </row>
    <row r="733997" spans="14:14">
      <c r="N733997" s="10"/>
    </row>
    <row r="733998" spans="14:14">
      <c r="N733998" s="10"/>
    </row>
    <row r="733999" spans="14:14">
      <c r="N733999" s="10"/>
    </row>
    <row r="734000" spans="14:14">
      <c r="N734000" s="10"/>
    </row>
    <row r="734001" spans="14:14">
      <c r="N734001" s="10"/>
    </row>
    <row r="734002" spans="14:14">
      <c r="N734002" s="10"/>
    </row>
    <row r="734003" spans="14:14">
      <c r="N734003" s="10"/>
    </row>
    <row r="734004" spans="14:14">
      <c r="N734004" s="10"/>
    </row>
    <row r="734005" spans="14:14">
      <c r="N734005" s="10"/>
    </row>
    <row r="734006" spans="14:14">
      <c r="N734006" s="10"/>
    </row>
    <row r="734007" spans="14:14">
      <c r="N734007" s="10"/>
    </row>
    <row r="734008" spans="14:14">
      <c r="N734008" s="10"/>
    </row>
    <row r="734009" spans="14:14">
      <c r="N734009" s="10"/>
    </row>
    <row r="734010" spans="14:14">
      <c r="N734010" s="10"/>
    </row>
    <row r="734011" spans="14:14">
      <c r="N734011" s="10"/>
    </row>
    <row r="734012" spans="14:14">
      <c r="N734012" s="10"/>
    </row>
    <row r="734013" spans="14:14">
      <c r="N734013" s="10"/>
    </row>
    <row r="734014" spans="14:14">
      <c r="N734014" s="10"/>
    </row>
    <row r="734015" spans="14:14">
      <c r="N734015" s="10"/>
    </row>
    <row r="734016" spans="14:14">
      <c r="N734016" s="10"/>
    </row>
    <row r="734017" spans="14:14">
      <c r="N734017" s="10"/>
    </row>
    <row r="734018" spans="14:14">
      <c r="N734018" s="10"/>
    </row>
    <row r="734019" spans="14:14">
      <c r="N734019" s="10"/>
    </row>
    <row r="734020" spans="14:14">
      <c r="N734020" s="10"/>
    </row>
    <row r="734021" spans="14:14">
      <c r="N734021" s="10"/>
    </row>
    <row r="734022" spans="14:14">
      <c r="N734022" s="10"/>
    </row>
    <row r="734023" spans="14:14">
      <c r="N734023" s="10"/>
    </row>
    <row r="734024" spans="14:14">
      <c r="N734024" s="10"/>
    </row>
    <row r="734025" spans="14:14">
      <c r="N734025" s="10"/>
    </row>
    <row r="734026" spans="14:14">
      <c r="N734026" s="10"/>
    </row>
    <row r="734027" spans="14:14">
      <c r="N734027" s="10"/>
    </row>
    <row r="734028" spans="14:14">
      <c r="N734028" s="10"/>
    </row>
    <row r="734029" spans="14:14">
      <c r="N734029" s="10"/>
    </row>
    <row r="734030" spans="14:14">
      <c r="N734030" s="10"/>
    </row>
    <row r="734031" spans="14:14">
      <c r="N734031" s="10"/>
    </row>
    <row r="734032" spans="14:14">
      <c r="N734032" s="10"/>
    </row>
    <row r="734033" spans="14:14">
      <c r="N734033" s="10"/>
    </row>
    <row r="734034" spans="14:14">
      <c r="N734034" s="10"/>
    </row>
    <row r="734035" spans="14:14">
      <c r="N734035" s="10"/>
    </row>
    <row r="734036" spans="14:14">
      <c r="N734036" s="10"/>
    </row>
    <row r="734037" spans="14:14">
      <c r="N734037" s="10"/>
    </row>
    <row r="734038" spans="14:14">
      <c r="N734038" s="10"/>
    </row>
    <row r="734039" spans="14:14">
      <c r="N734039" s="10"/>
    </row>
    <row r="734040" spans="14:14">
      <c r="N734040" s="10"/>
    </row>
    <row r="734041" spans="14:14">
      <c r="N734041" s="10"/>
    </row>
    <row r="734042" spans="14:14">
      <c r="N734042" s="10"/>
    </row>
    <row r="734043" spans="14:14">
      <c r="N734043" s="10"/>
    </row>
    <row r="734044" spans="14:14">
      <c r="N734044" s="10"/>
    </row>
    <row r="734045" spans="14:14">
      <c r="N734045" s="10"/>
    </row>
    <row r="734046" spans="14:14">
      <c r="N734046" s="10"/>
    </row>
    <row r="734047" spans="14:14">
      <c r="N734047" s="10"/>
    </row>
    <row r="734048" spans="14:14">
      <c r="N734048" s="10"/>
    </row>
    <row r="734049" spans="14:14">
      <c r="N734049" s="10"/>
    </row>
    <row r="734050" spans="14:14">
      <c r="N734050" s="10"/>
    </row>
    <row r="734051" spans="14:14">
      <c r="N734051" s="10"/>
    </row>
    <row r="734052" spans="14:14">
      <c r="N734052" s="10"/>
    </row>
    <row r="734053" spans="14:14">
      <c r="N734053" s="10"/>
    </row>
    <row r="734054" spans="14:14">
      <c r="N734054" s="10"/>
    </row>
    <row r="734055" spans="14:14">
      <c r="N734055" s="10"/>
    </row>
    <row r="734056" spans="14:14">
      <c r="N734056" s="10"/>
    </row>
    <row r="734057" spans="14:14">
      <c r="N734057" s="10"/>
    </row>
    <row r="734058" spans="14:14">
      <c r="N734058" s="10"/>
    </row>
    <row r="734059" spans="14:14">
      <c r="N734059" s="10"/>
    </row>
    <row r="734060" spans="14:14">
      <c r="N734060" s="10"/>
    </row>
    <row r="734061" spans="14:14">
      <c r="N734061" s="10"/>
    </row>
    <row r="734062" spans="14:14">
      <c r="N734062" s="10"/>
    </row>
    <row r="734063" spans="14:14">
      <c r="N734063" s="10"/>
    </row>
    <row r="734064" spans="14:14">
      <c r="N734064" s="10"/>
    </row>
    <row r="734065" spans="14:14">
      <c r="N734065" s="10"/>
    </row>
    <row r="734066" spans="14:14">
      <c r="N734066" s="10"/>
    </row>
    <row r="734067" spans="14:14">
      <c r="N734067" s="10"/>
    </row>
    <row r="734068" spans="14:14">
      <c r="N734068" s="10"/>
    </row>
    <row r="734069" spans="14:14">
      <c r="N734069" s="10"/>
    </row>
    <row r="734070" spans="14:14">
      <c r="N734070" s="10"/>
    </row>
    <row r="734071" spans="14:14">
      <c r="N734071" s="10"/>
    </row>
    <row r="734072" spans="14:14">
      <c r="N734072" s="10"/>
    </row>
    <row r="734073" spans="14:14">
      <c r="N734073" s="10"/>
    </row>
    <row r="734074" spans="14:14">
      <c r="N734074" s="10"/>
    </row>
    <row r="734075" spans="14:14">
      <c r="N734075" s="10"/>
    </row>
    <row r="734076" spans="14:14">
      <c r="N734076" s="10"/>
    </row>
    <row r="734077" spans="14:14">
      <c r="N734077" s="10"/>
    </row>
    <row r="734078" spans="14:14">
      <c r="N734078" s="10"/>
    </row>
    <row r="734079" spans="14:14">
      <c r="N734079" s="10"/>
    </row>
    <row r="734080" spans="14:14">
      <c r="N734080" s="10"/>
    </row>
    <row r="734081" spans="14:14">
      <c r="N734081" s="10"/>
    </row>
    <row r="734082" spans="14:14">
      <c r="N734082" s="10"/>
    </row>
    <row r="734083" spans="14:14">
      <c r="N734083" s="10"/>
    </row>
    <row r="734084" spans="14:14">
      <c r="N734084" s="10"/>
    </row>
    <row r="734085" spans="14:14">
      <c r="N734085" s="10"/>
    </row>
    <row r="734086" spans="14:14">
      <c r="N734086" s="10"/>
    </row>
    <row r="734087" spans="14:14">
      <c r="N734087" s="10"/>
    </row>
    <row r="734088" spans="14:14">
      <c r="N734088" s="10"/>
    </row>
    <row r="734089" spans="14:14">
      <c r="N734089" s="10"/>
    </row>
    <row r="734090" spans="14:14">
      <c r="N734090" s="10"/>
    </row>
    <row r="734091" spans="14:14">
      <c r="N734091" s="10"/>
    </row>
    <row r="734092" spans="14:14">
      <c r="N734092" s="10"/>
    </row>
    <row r="734093" spans="14:14">
      <c r="N734093" s="10"/>
    </row>
    <row r="734094" spans="14:14">
      <c r="N734094" s="10"/>
    </row>
    <row r="734095" spans="14:14">
      <c r="N734095" s="10"/>
    </row>
    <row r="734096" spans="14:14">
      <c r="N734096" s="10"/>
    </row>
    <row r="734097" spans="14:14">
      <c r="N734097" s="10"/>
    </row>
    <row r="734098" spans="14:14">
      <c r="N734098" s="10"/>
    </row>
    <row r="734099" spans="14:14">
      <c r="N734099" s="10"/>
    </row>
    <row r="734100" spans="14:14">
      <c r="N734100" s="10"/>
    </row>
    <row r="734101" spans="14:14">
      <c r="N734101" s="10"/>
    </row>
    <row r="734102" spans="14:14">
      <c r="N734102" s="10"/>
    </row>
    <row r="734103" spans="14:14">
      <c r="N734103" s="10"/>
    </row>
    <row r="734104" spans="14:14">
      <c r="N734104" s="10"/>
    </row>
    <row r="734105" spans="14:14">
      <c r="N734105" s="10"/>
    </row>
    <row r="734106" spans="14:14">
      <c r="N734106" s="10"/>
    </row>
    <row r="734107" spans="14:14">
      <c r="N734107" s="10"/>
    </row>
    <row r="734108" spans="14:14">
      <c r="N734108" s="10"/>
    </row>
    <row r="734109" spans="14:14">
      <c r="N734109" s="10"/>
    </row>
    <row r="734110" spans="14:14">
      <c r="N734110" s="10"/>
    </row>
    <row r="734111" spans="14:14">
      <c r="N734111" s="10"/>
    </row>
    <row r="734112" spans="14:14">
      <c r="N734112" s="10"/>
    </row>
    <row r="734113" spans="14:14">
      <c r="N734113" s="10"/>
    </row>
    <row r="734114" spans="14:14">
      <c r="N734114" s="10"/>
    </row>
    <row r="734115" spans="14:14">
      <c r="N734115" s="10"/>
    </row>
    <row r="734116" spans="14:14">
      <c r="N734116" s="10"/>
    </row>
    <row r="734117" spans="14:14">
      <c r="N734117" s="10"/>
    </row>
    <row r="734118" spans="14:14">
      <c r="N734118" s="10"/>
    </row>
    <row r="734119" spans="14:14">
      <c r="N734119" s="10"/>
    </row>
    <row r="734120" spans="14:14">
      <c r="N734120" s="10"/>
    </row>
    <row r="734121" spans="14:14">
      <c r="N734121" s="10"/>
    </row>
    <row r="734122" spans="14:14">
      <c r="N734122" s="10"/>
    </row>
    <row r="734123" spans="14:14">
      <c r="N734123" s="10"/>
    </row>
    <row r="734124" spans="14:14">
      <c r="N734124" s="10"/>
    </row>
    <row r="734125" spans="14:14">
      <c r="N734125" s="10"/>
    </row>
    <row r="734126" spans="14:14">
      <c r="N734126" s="10"/>
    </row>
    <row r="734127" spans="14:14">
      <c r="N734127" s="10"/>
    </row>
    <row r="734128" spans="14:14">
      <c r="N734128" s="10"/>
    </row>
    <row r="734129" spans="14:14">
      <c r="N734129" s="10"/>
    </row>
    <row r="734130" spans="14:14">
      <c r="N734130" s="10"/>
    </row>
    <row r="734131" spans="14:14">
      <c r="N734131" s="10"/>
    </row>
    <row r="734132" spans="14:14">
      <c r="N734132" s="10"/>
    </row>
    <row r="734133" spans="14:14">
      <c r="N734133" s="10"/>
    </row>
    <row r="734134" spans="14:14">
      <c r="N734134" s="10"/>
    </row>
    <row r="734135" spans="14:14">
      <c r="N734135" s="10"/>
    </row>
    <row r="734136" spans="14:14">
      <c r="N734136" s="10"/>
    </row>
    <row r="734137" spans="14:14">
      <c r="N734137" s="10"/>
    </row>
    <row r="734138" spans="14:14">
      <c r="N734138" s="10"/>
    </row>
    <row r="734139" spans="14:14">
      <c r="N734139" s="10"/>
    </row>
    <row r="734140" spans="14:14">
      <c r="N734140" s="10"/>
    </row>
    <row r="734141" spans="14:14">
      <c r="N734141" s="10"/>
    </row>
    <row r="734142" spans="14:14">
      <c r="N734142" s="10"/>
    </row>
    <row r="734143" spans="14:14">
      <c r="N734143" s="10"/>
    </row>
    <row r="734144" spans="14:14">
      <c r="N734144" s="10"/>
    </row>
    <row r="734145" spans="14:14">
      <c r="N734145" s="10"/>
    </row>
    <row r="734146" spans="14:14">
      <c r="N734146" s="10"/>
    </row>
    <row r="734147" spans="14:14">
      <c r="N734147" s="10"/>
    </row>
    <row r="734148" spans="14:14">
      <c r="N734148" s="10"/>
    </row>
    <row r="734149" spans="14:14">
      <c r="N734149" s="10"/>
    </row>
    <row r="734150" spans="14:14">
      <c r="N734150" s="10"/>
    </row>
    <row r="734151" spans="14:14">
      <c r="N734151" s="10"/>
    </row>
    <row r="734152" spans="14:14">
      <c r="N734152" s="10"/>
    </row>
    <row r="734153" spans="14:14">
      <c r="N734153" s="10"/>
    </row>
    <row r="734154" spans="14:14">
      <c r="N734154" s="10"/>
    </row>
    <row r="734155" spans="14:14">
      <c r="N734155" s="10"/>
    </row>
    <row r="734156" spans="14:14">
      <c r="N734156" s="10"/>
    </row>
    <row r="734157" spans="14:14">
      <c r="N734157" s="10"/>
    </row>
    <row r="734158" spans="14:14">
      <c r="N734158" s="10"/>
    </row>
    <row r="734159" spans="14:14">
      <c r="N734159" s="10"/>
    </row>
    <row r="734160" spans="14:14">
      <c r="N734160" s="10"/>
    </row>
    <row r="734161" spans="14:14">
      <c r="N734161" s="10"/>
    </row>
    <row r="734162" spans="14:14">
      <c r="N734162" s="10"/>
    </row>
    <row r="734163" spans="14:14">
      <c r="N734163" s="10"/>
    </row>
    <row r="734164" spans="14:14">
      <c r="N734164" s="10"/>
    </row>
    <row r="734165" spans="14:14">
      <c r="N734165" s="10"/>
    </row>
    <row r="734166" spans="14:14">
      <c r="N734166" s="10"/>
    </row>
    <row r="734167" spans="14:14">
      <c r="N734167" s="10"/>
    </row>
    <row r="734168" spans="14:14">
      <c r="N734168" s="10"/>
    </row>
    <row r="734169" spans="14:14">
      <c r="N734169" s="10"/>
    </row>
    <row r="734170" spans="14:14">
      <c r="N734170" s="10"/>
    </row>
    <row r="734171" spans="14:14">
      <c r="N734171" s="10"/>
    </row>
    <row r="734172" spans="14:14">
      <c r="N734172" s="10"/>
    </row>
    <row r="734173" spans="14:14">
      <c r="N734173" s="10"/>
    </row>
    <row r="734174" spans="14:14">
      <c r="N734174" s="10"/>
    </row>
    <row r="734175" spans="14:14">
      <c r="N734175" s="10"/>
    </row>
    <row r="734176" spans="14:14">
      <c r="N734176" s="10"/>
    </row>
    <row r="734177" spans="14:14">
      <c r="N734177" s="10"/>
    </row>
    <row r="734178" spans="14:14">
      <c r="N734178" s="10"/>
    </row>
    <row r="734179" spans="14:14">
      <c r="N734179" s="10"/>
    </row>
    <row r="734180" spans="14:14">
      <c r="N734180" s="10"/>
    </row>
    <row r="734181" spans="14:14">
      <c r="N734181" s="10"/>
    </row>
    <row r="734182" spans="14:14">
      <c r="N734182" s="10"/>
    </row>
    <row r="734183" spans="14:14">
      <c r="N734183" s="10"/>
    </row>
    <row r="734184" spans="14:14">
      <c r="N734184" s="10"/>
    </row>
    <row r="734185" spans="14:14">
      <c r="N734185" s="10"/>
    </row>
    <row r="734186" spans="14:14">
      <c r="N734186" s="10"/>
    </row>
    <row r="734187" spans="14:14">
      <c r="N734187" s="10"/>
    </row>
    <row r="734188" spans="14:14">
      <c r="N734188" s="10"/>
    </row>
    <row r="734189" spans="14:14">
      <c r="N734189" s="10"/>
    </row>
    <row r="734190" spans="14:14">
      <c r="N734190" s="10"/>
    </row>
    <row r="734191" spans="14:14">
      <c r="N734191" s="10"/>
    </row>
    <row r="734192" spans="14:14">
      <c r="N734192" s="10"/>
    </row>
    <row r="734193" spans="14:14">
      <c r="N734193" s="10"/>
    </row>
    <row r="734194" spans="14:14">
      <c r="N734194" s="10"/>
    </row>
    <row r="734195" spans="14:14">
      <c r="N734195" s="10"/>
    </row>
    <row r="734196" spans="14:14">
      <c r="N734196" s="10"/>
    </row>
    <row r="734197" spans="14:14">
      <c r="N734197" s="10"/>
    </row>
    <row r="734198" spans="14:14">
      <c r="N734198" s="10"/>
    </row>
    <row r="734199" spans="14:14">
      <c r="N734199" s="10"/>
    </row>
    <row r="734200" spans="14:14">
      <c r="N734200" s="10"/>
    </row>
    <row r="734201" spans="14:14">
      <c r="N734201" s="10"/>
    </row>
    <row r="734202" spans="14:14">
      <c r="N734202" s="10"/>
    </row>
    <row r="734203" spans="14:14">
      <c r="N734203" s="10"/>
    </row>
    <row r="734204" spans="14:14">
      <c r="N734204" s="10"/>
    </row>
    <row r="734205" spans="14:14">
      <c r="N734205" s="10"/>
    </row>
    <row r="734206" spans="14:14">
      <c r="N734206" s="10"/>
    </row>
    <row r="734207" spans="14:14">
      <c r="N734207" s="10"/>
    </row>
    <row r="734208" spans="14:14">
      <c r="N734208" s="10"/>
    </row>
    <row r="734209" spans="14:14">
      <c r="N734209" s="10"/>
    </row>
    <row r="734210" spans="14:14">
      <c r="N734210" s="10"/>
    </row>
    <row r="734211" spans="14:14">
      <c r="N734211" s="10"/>
    </row>
    <row r="734212" spans="14:14">
      <c r="N734212" s="10"/>
    </row>
    <row r="734213" spans="14:14">
      <c r="N734213" s="10"/>
    </row>
    <row r="734214" spans="14:14">
      <c r="N734214" s="10"/>
    </row>
    <row r="734215" spans="14:14">
      <c r="N734215" s="10"/>
    </row>
    <row r="734216" spans="14:14">
      <c r="N734216" s="10"/>
    </row>
    <row r="734217" spans="14:14">
      <c r="N734217" s="10"/>
    </row>
    <row r="734218" spans="14:14">
      <c r="N734218" s="10"/>
    </row>
    <row r="734219" spans="14:14">
      <c r="N734219" s="10"/>
    </row>
    <row r="734220" spans="14:14">
      <c r="N734220" s="10"/>
    </row>
    <row r="734221" spans="14:14">
      <c r="N734221" s="10"/>
    </row>
    <row r="734222" spans="14:14">
      <c r="N734222" s="10"/>
    </row>
    <row r="734223" spans="14:14">
      <c r="N734223" s="10"/>
    </row>
    <row r="734224" spans="14:14">
      <c r="N734224" s="10"/>
    </row>
    <row r="734225" spans="14:14">
      <c r="N734225" s="10"/>
    </row>
    <row r="734226" spans="14:14">
      <c r="N734226" s="10"/>
    </row>
    <row r="734227" spans="14:14">
      <c r="N734227" s="10"/>
    </row>
    <row r="734228" spans="14:14">
      <c r="N734228" s="10"/>
    </row>
    <row r="734229" spans="14:14">
      <c r="N734229" s="10"/>
    </row>
    <row r="734230" spans="14:14">
      <c r="N734230" s="10"/>
    </row>
    <row r="734231" spans="14:14">
      <c r="N734231" s="10"/>
    </row>
    <row r="734232" spans="14:14">
      <c r="N734232" s="10"/>
    </row>
    <row r="734233" spans="14:14">
      <c r="N734233" s="10"/>
    </row>
    <row r="734234" spans="14:14">
      <c r="N734234" s="10"/>
    </row>
    <row r="734235" spans="14:14">
      <c r="N734235" s="10"/>
    </row>
    <row r="734236" spans="14:14">
      <c r="N734236" s="10"/>
    </row>
    <row r="734237" spans="14:14">
      <c r="N734237" s="10"/>
    </row>
    <row r="734238" spans="14:14">
      <c r="N734238" s="10"/>
    </row>
    <row r="734239" spans="14:14">
      <c r="N734239" s="10"/>
    </row>
    <row r="734240" spans="14:14">
      <c r="N734240" s="10"/>
    </row>
    <row r="734241" spans="14:14">
      <c r="N734241" s="10"/>
    </row>
    <row r="734242" spans="14:14">
      <c r="N734242" s="10"/>
    </row>
    <row r="734243" spans="14:14">
      <c r="N734243" s="10"/>
    </row>
    <row r="734244" spans="14:14">
      <c r="N734244" s="10"/>
    </row>
    <row r="734245" spans="14:14">
      <c r="N734245" s="10"/>
    </row>
    <row r="734246" spans="14:14">
      <c r="N734246" s="10"/>
    </row>
    <row r="734247" spans="14:14">
      <c r="N734247" s="10"/>
    </row>
    <row r="734248" spans="14:14">
      <c r="N734248" s="10"/>
    </row>
    <row r="734249" spans="14:14">
      <c r="N734249" s="10"/>
    </row>
    <row r="734250" spans="14:14">
      <c r="N734250" s="10"/>
    </row>
    <row r="734251" spans="14:14">
      <c r="N734251" s="10"/>
    </row>
    <row r="734252" spans="14:14">
      <c r="N734252" s="10"/>
    </row>
    <row r="734253" spans="14:14">
      <c r="N734253" s="10"/>
    </row>
    <row r="734254" spans="14:14">
      <c r="N734254" s="10"/>
    </row>
    <row r="734255" spans="14:14">
      <c r="N734255" s="10"/>
    </row>
    <row r="734256" spans="14:14">
      <c r="N734256" s="10"/>
    </row>
    <row r="734257" spans="14:14">
      <c r="N734257" s="10"/>
    </row>
    <row r="734258" spans="14:14">
      <c r="N734258" s="10"/>
    </row>
    <row r="734259" spans="14:14">
      <c r="N734259" s="10"/>
    </row>
    <row r="734260" spans="14:14">
      <c r="N734260" s="10"/>
    </row>
    <row r="734261" spans="14:14">
      <c r="N734261" s="10"/>
    </row>
    <row r="734262" spans="14:14">
      <c r="N734262" s="10"/>
    </row>
    <row r="734263" spans="14:14">
      <c r="N734263" s="10"/>
    </row>
    <row r="734264" spans="14:14">
      <c r="N734264" s="10"/>
    </row>
    <row r="734265" spans="14:14">
      <c r="N734265" s="10"/>
    </row>
    <row r="734266" spans="14:14">
      <c r="N734266" s="10"/>
    </row>
    <row r="734267" spans="14:14">
      <c r="N734267" s="10"/>
    </row>
    <row r="734268" spans="14:14">
      <c r="N734268" s="10"/>
    </row>
    <row r="734269" spans="14:14">
      <c r="N734269" s="10"/>
    </row>
    <row r="734270" spans="14:14">
      <c r="N734270" s="10"/>
    </row>
    <row r="734271" spans="14:14">
      <c r="N734271" s="10"/>
    </row>
    <row r="734272" spans="14:14">
      <c r="N734272" s="10"/>
    </row>
    <row r="734273" spans="14:14">
      <c r="N734273" s="10"/>
    </row>
    <row r="734274" spans="14:14">
      <c r="N734274" s="10"/>
    </row>
    <row r="734275" spans="14:14">
      <c r="N734275" s="10"/>
    </row>
    <row r="734276" spans="14:14">
      <c r="N734276" s="10"/>
    </row>
    <row r="734277" spans="14:14">
      <c r="N734277" s="10"/>
    </row>
    <row r="734278" spans="14:14">
      <c r="N734278" s="10"/>
    </row>
    <row r="734279" spans="14:14">
      <c r="N734279" s="10"/>
    </row>
    <row r="734280" spans="14:14">
      <c r="N734280" s="10"/>
    </row>
    <row r="734281" spans="14:14">
      <c r="N734281" s="10"/>
    </row>
    <row r="734282" spans="14:14">
      <c r="N734282" s="10"/>
    </row>
    <row r="734283" spans="14:14">
      <c r="N734283" s="10"/>
    </row>
    <row r="734284" spans="14:14">
      <c r="N734284" s="10"/>
    </row>
    <row r="734285" spans="14:14">
      <c r="N734285" s="10"/>
    </row>
    <row r="734286" spans="14:14">
      <c r="N734286" s="10"/>
    </row>
    <row r="734287" spans="14:14">
      <c r="N734287" s="10"/>
    </row>
    <row r="734288" spans="14:14">
      <c r="N734288" s="10"/>
    </row>
    <row r="734289" spans="14:14">
      <c r="N734289" s="10"/>
    </row>
    <row r="734290" spans="14:14">
      <c r="N734290" s="10"/>
    </row>
    <row r="734291" spans="14:14">
      <c r="N734291" s="10"/>
    </row>
    <row r="734292" spans="14:14">
      <c r="N734292" s="10"/>
    </row>
    <row r="734293" spans="14:14">
      <c r="N734293" s="10"/>
    </row>
    <row r="734294" spans="14:14">
      <c r="N734294" s="10"/>
    </row>
    <row r="734295" spans="14:14">
      <c r="N734295" s="10"/>
    </row>
    <row r="734296" spans="14:14">
      <c r="N734296" s="10"/>
    </row>
    <row r="734297" spans="14:14">
      <c r="N734297" s="10"/>
    </row>
    <row r="734298" spans="14:14">
      <c r="N734298" s="10"/>
    </row>
    <row r="734299" spans="14:14">
      <c r="N734299" s="10"/>
    </row>
    <row r="734300" spans="14:14">
      <c r="N734300" s="10"/>
    </row>
    <row r="734301" spans="14:14">
      <c r="N734301" s="10"/>
    </row>
    <row r="734302" spans="14:14">
      <c r="N734302" s="10"/>
    </row>
    <row r="734303" spans="14:14">
      <c r="N734303" s="10"/>
    </row>
    <row r="734304" spans="14:14">
      <c r="N734304" s="10"/>
    </row>
    <row r="734305" spans="14:14">
      <c r="N734305" s="10"/>
    </row>
    <row r="734306" spans="14:14">
      <c r="N734306" s="10"/>
    </row>
    <row r="734307" spans="14:14">
      <c r="N734307" s="10"/>
    </row>
    <row r="734308" spans="14:14">
      <c r="N734308" s="10"/>
    </row>
    <row r="734309" spans="14:14">
      <c r="N734309" s="10"/>
    </row>
    <row r="734310" spans="14:14">
      <c r="N734310" s="10"/>
    </row>
    <row r="734311" spans="14:14">
      <c r="N734311" s="10"/>
    </row>
    <row r="734312" spans="14:14">
      <c r="N734312" s="10"/>
    </row>
    <row r="734313" spans="14:14">
      <c r="N734313" s="10"/>
    </row>
    <row r="734314" spans="14:14">
      <c r="N734314" s="10"/>
    </row>
    <row r="734315" spans="14:14">
      <c r="N734315" s="10"/>
    </row>
    <row r="734316" spans="14:14">
      <c r="N734316" s="10"/>
    </row>
    <row r="734317" spans="14:14">
      <c r="N734317" s="10"/>
    </row>
    <row r="734318" spans="14:14">
      <c r="N734318" s="10"/>
    </row>
    <row r="734319" spans="14:14">
      <c r="N734319" s="10"/>
    </row>
    <row r="734320" spans="14:14">
      <c r="N734320" s="10"/>
    </row>
    <row r="734321" spans="14:14">
      <c r="N734321" s="10"/>
    </row>
    <row r="734322" spans="14:14">
      <c r="N734322" s="10"/>
    </row>
    <row r="734323" spans="14:14">
      <c r="N734323" s="10"/>
    </row>
    <row r="734324" spans="14:14">
      <c r="N734324" s="10"/>
    </row>
    <row r="734325" spans="14:14">
      <c r="N734325" s="10"/>
    </row>
    <row r="734326" spans="14:14">
      <c r="N734326" s="10"/>
    </row>
    <row r="734327" spans="14:14">
      <c r="N734327" s="10"/>
    </row>
    <row r="734328" spans="14:14">
      <c r="N734328" s="10"/>
    </row>
    <row r="734329" spans="14:14">
      <c r="N734329" s="10"/>
    </row>
    <row r="734330" spans="14:14">
      <c r="N734330" s="10"/>
    </row>
    <row r="734331" spans="14:14">
      <c r="N734331" s="10"/>
    </row>
    <row r="734332" spans="14:14">
      <c r="N734332" s="10"/>
    </row>
    <row r="734333" spans="14:14">
      <c r="N734333" s="10"/>
    </row>
    <row r="734334" spans="14:14">
      <c r="N734334" s="10"/>
    </row>
    <row r="734335" spans="14:14">
      <c r="N734335" s="10"/>
    </row>
    <row r="734336" spans="14:14">
      <c r="N734336" s="10"/>
    </row>
    <row r="734337" spans="14:14">
      <c r="N734337" s="10"/>
    </row>
    <row r="734338" spans="14:14">
      <c r="N734338" s="10"/>
    </row>
    <row r="734339" spans="14:14">
      <c r="N734339" s="10"/>
    </row>
    <row r="734340" spans="14:14">
      <c r="N734340" s="10"/>
    </row>
    <row r="734341" spans="14:14">
      <c r="N734341" s="10"/>
    </row>
    <row r="734342" spans="14:14">
      <c r="N734342" s="10"/>
    </row>
    <row r="734343" spans="14:14">
      <c r="N734343" s="10"/>
    </row>
    <row r="734344" spans="14:14">
      <c r="N734344" s="10"/>
    </row>
    <row r="734345" spans="14:14">
      <c r="N734345" s="10"/>
    </row>
    <row r="734346" spans="14:14">
      <c r="N734346" s="10"/>
    </row>
    <row r="734347" spans="14:14">
      <c r="N734347" s="10"/>
    </row>
    <row r="734348" spans="14:14">
      <c r="N734348" s="10"/>
    </row>
    <row r="734349" spans="14:14">
      <c r="N734349" s="10"/>
    </row>
    <row r="734350" spans="14:14">
      <c r="N734350" s="10"/>
    </row>
    <row r="734351" spans="14:14">
      <c r="N734351" s="10"/>
    </row>
    <row r="734352" spans="14:14">
      <c r="N734352" s="10"/>
    </row>
    <row r="734353" spans="14:14">
      <c r="N734353" s="10"/>
    </row>
    <row r="734354" spans="14:14">
      <c r="N734354" s="10"/>
    </row>
    <row r="734355" spans="14:14">
      <c r="N734355" s="10"/>
    </row>
    <row r="734356" spans="14:14">
      <c r="N734356" s="10"/>
    </row>
    <row r="734357" spans="14:14">
      <c r="N734357" s="10"/>
    </row>
    <row r="734358" spans="14:14">
      <c r="N734358" s="10"/>
    </row>
    <row r="734359" spans="14:14">
      <c r="N734359" s="10"/>
    </row>
    <row r="734360" spans="14:14">
      <c r="N734360" s="10"/>
    </row>
    <row r="734361" spans="14:14">
      <c r="N734361" s="10"/>
    </row>
    <row r="734362" spans="14:14">
      <c r="N734362" s="10"/>
    </row>
    <row r="734363" spans="14:14">
      <c r="N734363" s="10"/>
    </row>
    <row r="734364" spans="14:14">
      <c r="N734364" s="10"/>
    </row>
    <row r="734365" spans="14:14">
      <c r="N734365" s="10"/>
    </row>
    <row r="734366" spans="14:14">
      <c r="N734366" s="10"/>
    </row>
    <row r="734367" spans="14:14">
      <c r="N734367" s="10"/>
    </row>
    <row r="734368" spans="14:14">
      <c r="N734368" s="10"/>
    </row>
    <row r="734369" spans="14:14">
      <c r="N734369" s="10"/>
    </row>
    <row r="734370" spans="14:14">
      <c r="N734370" s="10"/>
    </row>
    <row r="734371" spans="14:14">
      <c r="N734371" s="10"/>
    </row>
    <row r="734372" spans="14:14">
      <c r="N734372" s="10"/>
    </row>
    <row r="734373" spans="14:14">
      <c r="N734373" s="10"/>
    </row>
    <row r="734374" spans="14:14">
      <c r="N734374" s="10"/>
    </row>
    <row r="734375" spans="14:14">
      <c r="N734375" s="10"/>
    </row>
    <row r="734376" spans="14:14">
      <c r="N734376" s="10"/>
    </row>
    <row r="734377" spans="14:14">
      <c r="N734377" s="10"/>
    </row>
    <row r="734378" spans="14:14">
      <c r="N734378" s="10"/>
    </row>
    <row r="734379" spans="14:14">
      <c r="N734379" s="10"/>
    </row>
    <row r="734380" spans="14:14">
      <c r="N734380" s="10"/>
    </row>
    <row r="734381" spans="14:14">
      <c r="N734381" s="10"/>
    </row>
    <row r="734382" spans="14:14">
      <c r="N734382" s="10"/>
    </row>
    <row r="734383" spans="14:14">
      <c r="N734383" s="10"/>
    </row>
    <row r="734384" spans="14:14">
      <c r="N734384" s="10"/>
    </row>
    <row r="734385" spans="14:14">
      <c r="N734385" s="10"/>
    </row>
    <row r="734386" spans="14:14">
      <c r="N734386" s="10"/>
    </row>
    <row r="734387" spans="14:14">
      <c r="N734387" s="10"/>
    </row>
    <row r="734388" spans="14:14">
      <c r="N734388" s="10"/>
    </row>
    <row r="734389" spans="14:14">
      <c r="N734389" s="10"/>
    </row>
    <row r="734390" spans="14:14">
      <c r="N734390" s="10"/>
    </row>
    <row r="734391" spans="14:14">
      <c r="N734391" s="10"/>
    </row>
    <row r="734392" spans="14:14">
      <c r="N734392" s="10"/>
    </row>
    <row r="734393" spans="14:14">
      <c r="N734393" s="10"/>
    </row>
    <row r="734394" spans="14:14">
      <c r="N734394" s="10"/>
    </row>
    <row r="734395" spans="14:14">
      <c r="N734395" s="10"/>
    </row>
    <row r="734396" spans="14:14">
      <c r="N734396" s="10"/>
    </row>
    <row r="734397" spans="14:14">
      <c r="N734397" s="10"/>
    </row>
    <row r="734398" spans="14:14">
      <c r="N734398" s="10"/>
    </row>
    <row r="734399" spans="14:14">
      <c r="N734399" s="10"/>
    </row>
    <row r="734400" spans="14:14">
      <c r="N734400" s="10"/>
    </row>
    <row r="734401" spans="14:14">
      <c r="N734401" s="10"/>
    </row>
    <row r="734402" spans="14:14">
      <c r="N734402" s="10"/>
    </row>
    <row r="734403" spans="14:14">
      <c r="N734403" s="10"/>
    </row>
    <row r="734404" spans="14:14">
      <c r="N734404" s="10"/>
    </row>
    <row r="734405" spans="14:14">
      <c r="N734405" s="10"/>
    </row>
    <row r="734406" spans="14:14">
      <c r="N734406" s="10"/>
    </row>
    <row r="734407" spans="14:14">
      <c r="N734407" s="10"/>
    </row>
    <row r="734408" spans="14:14">
      <c r="N734408" s="10"/>
    </row>
    <row r="734409" spans="14:14">
      <c r="N734409" s="10"/>
    </row>
    <row r="734410" spans="14:14">
      <c r="N734410" s="10"/>
    </row>
    <row r="734411" spans="14:14">
      <c r="N734411" s="10"/>
    </row>
    <row r="734412" spans="14:14">
      <c r="N734412" s="10"/>
    </row>
    <row r="734413" spans="14:14">
      <c r="N734413" s="10"/>
    </row>
    <row r="734414" spans="14:14">
      <c r="N734414" s="10"/>
    </row>
    <row r="734415" spans="14:14">
      <c r="N734415" s="10"/>
    </row>
    <row r="734416" spans="14:14">
      <c r="N734416" s="10"/>
    </row>
    <row r="734417" spans="14:14">
      <c r="N734417" s="10"/>
    </row>
    <row r="734418" spans="14:14">
      <c r="N734418" s="10"/>
    </row>
    <row r="734419" spans="14:14">
      <c r="N734419" s="10"/>
    </row>
    <row r="734420" spans="14:14">
      <c r="N734420" s="10"/>
    </row>
    <row r="734421" spans="14:14">
      <c r="N734421" s="10"/>
    </row>
    <row r="734422" spans="14:14">
      <c r="N734422" s="10"/>
    </row>
    <row r="734423" spans="14:14">
      <c r="N734423" s="10"/>
    </row>
    <row r="734424" spans="14:14">
      <c r="N734424" s="10"/>
    </row>
    <row r="734425" spans="14:14">
      <c r="N734425" s="10"/>
    </row>
    <row r="734426" spans="14:14">
      <c r="N734426" s="10"/>
    </row>
    <row r="734427" spans="14:14">
      <c r="N734427" s="10"/>
    </row>
    <row r="734428" spans="14:14">
      <c r="N734428" s="10"/>
    </row>
    <row r="734429" spans="14:14">
      <c r="N734429" s="10"/>
    </row>
    <row r="734430" spans="14:14">
      <c r="N734430" s="10"/>
    </row>
    <row r="734431" spans="14:14">
      <c r="N734431" s="10"/>
    </row>
    <row r="734432" spans="14:14">
      <c r="N734432" s="10"/>
    </row>
    <row r="734433" spans="14:14">
      <c r="N734433" s="10"/>
    </row>
    <row r="734434" spans="14:14">
      <c r="N734434" s="10"/>
    </row>
    <row r="734435" spans="14:14">
      <c r="N734435" s="10"/>
    </row>
    <row r="734436" spans="14:14">
      <c r="N734436" s="10"/>
    </row>
    <row r="734437" spans="14:14">
      <c r="N734437" s="10"/>
    </row>
    <row r="734438" spans="14:14">
      <c r="N734438" s="10"/>
    </row>
    <row r="734439" spans="14:14">
      <c r="N734439" s="10"/>
    </row>
    <row r="734440" spans="14:14">
      <c r="N734440" s="10"/>
    </row>
    <row r="734441" spans="14:14">
      <c r="N734441" s="10"/>
    </row>
    <row r="734442" spans="14:14">
      <c r="N734442" s="10"/>
    </row>
    <row r="734443" spans="14:14">
      <c r="N734443" s="10"/>
    </row>
    <row r="734444" spans="14:14">
      <c r="N734444" s="10"/>
    </row>
    <row r="734445" spans="14:14">
      <c r="N734445" s="10"/>
    </row>
    <row r="734446" spans="14:14">
      <c r="N734446" s="10"/>
    </row>
    <row r="734447" spans="14:14">
      <c r="N734447" s="10"/>
    </row>
    <row r="734448" spans="14:14">
      <c r="N734448" s="10"/>
    </row>
    <row r="734449" spans="14:14">
      <c r="N734449" s="10"/>
    </row>
    <row r="734450" spans="14:14">
      <c r="N734450" s="10"/>
    </row>
    <row r="734451" spans="14:14">
      <c r="N734451" s="10"/>
    </row>
    <row r="734452" spans="14:14">
      <c r="N734452" s="10"/>
    </row>
    <row r="734453" spans="14:14">
      <c r="N734453" s="10"/>
    </row>
    <row r="734454" spans="14:14">
      <c r="N734454" s="10"/>
    </row>
    <row r="734455" spans="14:14">
      <c r="N734455" s="10"/>
    </row>
    <row r="734456" spans="14:14">
      <c r="N734456" s="10"/>
    </row>
    <row r="734457" spans="14:14">
      <c r="N734457" s="10"/>
    </row>
    <row r="734458" spans="14:14">
      <c r="N734458" s="10"/>
    </row>
    <row r="734459" spans="14:14">
      <c r="N734459" s="10"/>
    </row>
    <row r="734460" spans="14:14">
      <c r="N734460" s="10"/>
    </row>
    <row r="734461" spans="14:14">
      <c r="N734461" s="10"/>
    </row>
    <row r="734462" spans="14:14">
      <c r="N734462" s="10"/>
    </row>
    <row r="734463" spans="14:14">
      <c r="N734463" s="10"/>
    </row>
    <row r="734464" spans="14:14">
      <c r="N734464" s="10"/>
    </row>
    <row r="734465" spans="14:14">
      <c r="N734465" s="10"/>
    </row>
    <row r="734466" spans="14:14">
      <c r="N734466" s="10"/>
    </row>
    <row r="734467" spans="14:14">
      <c r="N734467" s="10"/>
    </row>
    <row r="734468" spans="14:14">
      <c r="N734468" s="10"/>
    </row>
    <row r="734469" spans="14:14">
      <c r="N734469" s="10"/>
    </row>
    <row r="734470" spans="14:14">
      <c r="N734470" s="10"/>
    </row>
    <row r="734471" spans="14:14">
      <c r="N734471" s="10"/>
    </row>
    <row r="734472" spans="14:14">
      <c r="N734472" s="10"/>
    </row>
    <row r="734473" spans="14:14">
      <c r="N734473" s="10"/>
    </row>
    <row r="734474" spans="14:14">
      <c r="N734474" s="10"/>
    </row>
    <row r="734475" spans="14:14">
      <c r="N734475" s="10"/>
    </row>
    <row r="734476" spans="14:14">
      <c r="N734476" s="10"/>
    </row>
    <row r="734477" spans="14:14">
      <c r="N734477" s="10"/>
    </row>
    <row r="734478" spans="14:14">
      <c r="N734478" s="10"/>
    </row>
    <row r="734479" spans="14:14">
      <c r="N734479" s="10"/>
    </row>
    <row r="734480" spans="14:14">
      <c r="N734480" s="10"/>
    </row>
    <row r="734481" spans="14:14">
      <c r="N734481" s="10"/>
    </row>
    <row r="734482" spans="14:14">
      <c r="N734482" s="10"/>
    </row>
    <row r="734483" spans="14:14">
      <c r="N734483" s="10"/>
    </row>
    <row r="734484" spans="14:14">
      <c r="N734484" s="10"/>
    </row>
    <row r="734485" spans="14:14">
      <c r="N734485" s="10"/>
    </row>
    <row r="734486" spans="14:14">
      <c r="N734486" s="10"/>
    </row>
    <row r="734487" spans="14:14">
      <c r="N734487" s="10"/>
    </row>
    <row r="734488" spans="14:14">
      <c r="N734488" s="10"/>
    </row>
    <row r="734489" spans="14:14">
      <c r="N734489" s="10"/>
    </row>
    <row r="734490" spans="14:14">
      <c r="N734490" s="10"/>
    </row>
    <row r="734491" spans="14:14">
      <c r="N734491" s="10"/>
    </row>
    <row r="734492" spans="14:14">
      <c r="N734492" s="10"/>
    </row>
    <row r="734493" spans="14:14">
      <c r="N734493" s="10"/>
    </row>
    <row r="734494" spans="14:14">
      <c r="N734494" s="10"/>
    </row>
    <row r="734495" spans="14:14">
      <c r="N734495" s="10"/>
    </row>
    <row r="734496" spans="14:14">
      <c r="N734496" s="10"/>
    </row>
    <row r="734497" spans="14:14">
      <c r="N734497" s="10"/>
    </row>
    <row r="734498" spans="14:14">
      <c r="N734498" s="10"/>
    </row>
    <row r="734499" spans="14:14">
      <c r="N734499" s="10"/>
    </row>
    <row r="734500" spans="14:14">
      <c r="N734500" s="10"/>
    </row>
    <row r="734501" spans="14:14">
      <c r="N734501" s="10"/>
    </row>
    <row r="734502" spans="14:14">
      <c r="N734502" s="10"/>
    </row>
    <row r="734503" spans="14:14">
      <c r="N734503" s="10"/>
    </row>
    <row r="734504" spans="14:14">
      <c r="N734504" s="10"/>
    </row>
    <row r="734505" spans="14:14">
      <c r="N734505" s="10"/>
    </row>
    <row r="734506" spans="14:14">
      <c r="N734506" s="10"/>
    </row>
    <row r="734507" spans="14:14">
      <c r="N734507" s="10"/>
    </row>
    <row r="734508" spans="14:14">
      <c r="N734508" s="10"/>
    </row>
    <row r="734509" spans="14:14">
      <c r="N734509" s="10"/>
    </row>
    <row r="734510" spans="14:14">
      <c r="N734510" s="10"/>
    </row>
    <row r="734511" spans="14:14">
      <c r="N734511" s="10"/>
    </row>
    <row r="734512" spans="14:14">
      <c r="N734512" s="10"/>
    </row>
    <row r="734513" spans="14:14">
      <c r="N734513" s="10"/>
    </row>
    <row r="734514" spans="14:14">
      <c r="N734514" s="10"/>
    </row>
    <row r="734515" spans="14:14">
      <c r="N734515" s="10"/>
    </row>
    <row r="734516" spans="14:14">
      <c r="N734516" s="10"/>
    </row>
    <row r="734517" spans="14:14">
      <c r="N734517" s="10"/>
    </row>
    <row r="734518" spans="14:14">
      <c r="N734518" s="10"/>
    </row>
    <row r="734519" spans="14:14">
      <c r="N734519" s="10"/>
    </row>
    <row r="734520" spans="14:14">
      <c r="N734520" s="10"/>
    </row>
    <row r="734521" spans="14:14">
      <c r="N734521" s="10"/>
    </row>
    <row r="734522" spans="14:14">
      <c r="N734522" s="10"/>
    </row>
    <row r="734523" spans="14:14">
      <c r="N734523" s="10"/>
    </row>
    <row r="734524" spans="14:14">
      <c r="N734524" s="10"/>
    </row>
    <row r="734525" spans="14:14">
      <c r="N734525" s="10"/>
    </row>
    <row r="734526" spans="14:14">
      <c r="N734526" s="10"/>
    </row>
    <row r="734527" spans="14:14">
      <c r="N734527" s="10"/>
    </row>
    <row r="734528" spans="14:14">
      <c r="N734528" s="10"/>
    </row>
    <row r="734529" spans="14:14">
      <c r="N734529" s="10"/>
    </row>
    <row r="734530" spans="14:14">
      <c r="N734530" s="10"/>
    </row>
    <row r="734531" spans="14:14">
      <c r="N734531" s="10"/>
    </row>
    <row r="734532" spans="14:14">
      <c r="N734532" s="10"/>
    </row>
    <row r="734533" spans="14:14">
      <c r="N734533" s="10"/>
    </row>
    <row r="734534" spans="14:14">
      <c r="N734534" s="10"/>
    </row>
    <row r="734535" spans="14:14">
      <c r="N734535" s="10"/>
    </row>
    <row r="734536" spans="14:14">
      <c r="N734536" s="10"/>
    </row>
    <row r="734537" spans="14:14">
      <c r="N734537" s="10"/>
    </row>
    <row r="734538" spans="14:14">
      <c r="N734538" s="10"/>
    </row>
    <row r="734539" spans="14:14">
      <c r="N734539" s="10"/>
    </row>
    <row r="734540" spans="14:14">
      <c r="N734540" s="10"/>
    </row>
    <row r="734541" spans="14:14">
      <c r="N734541" s="10"/>
    </row>
    <row r="734542" spans="14:14">
      <c r="N734542" s="10"/>
    </row>
    <row r="734543" spans="14:14">
      <c r="N734543" s="10"/>
    </row>
    <row r="734544" spans="14:14">
      <c r="N734544" s="10"/>
    </row>
    <row r="734545" spans="14:14">
      <c r="N734545" s="10"/>
    </row>
    <row r="734546" spans="14:14">
      <c r="N734546" s="10"/>
    </row>
    <row r="734547" spans="14:14">
      <c r="N734547" s="10"/>
    </row>
    <row r="734548" spans="14:14">
      <c r="N734548" s="10"/>
    </row>
    <row r="734549" spans="14:14">
      <c r="N734549" s="10"/>
    </row>
    <row r="734550" spans="14:14">
      <c r="N734550" s="10"/>
    </row>
    <row r="734551" spans="14:14">
      <c r="N734551" s="10"/>
    </row>
    <row r="734552" spans="14:14">
      <c r="N734552" s="10"/>
    </row>
    <row r="734553" spans="14:14">
      <c r="N734553" s="10"/>
    </row>
    <row r="734554" spans="14:14">
      <c r="N734554" s="10"/>
    </row>
    <row r="734555" spans="14:14">
      <c r="N734555" s="10"/>
    </row>
    <row r="734556" spans="14:14">
      <c r="N734556" s="10"/>
    </row>
    <row r="734557" spans="14:14">
      <c r="N734557" s="10"/>
    </row>
    <row r="734558" spans="14:14">
      <c r="N734558" s="10"/>
    </row>
    <row r="734559" spans="14:14">
      <c r="N734559" s="10"/>
    </row>
    <row r="734560" spans="14:14">
      <c r="N734560" s="10"/>
    </row>
    <row r="734561" spans="14:14">
      <c r="N734561" s="10"/>
    </row>
    <row r="734562" spans="14:14">
      <c r="N734562" s="10"/>
    </row>
    <row r="734563" spans="14:14">
      <c r="N734563" s="10"/>
    </row>
    <row r="734564" spans="14:14">
      <c r="N734564" s="10"/>
    </row>
    <row r="734565" spans="14:14">
      <c r="N734565" s="10"/>
    </row>
    <row r="734566" spans="14:14">
      <c r="N734566" s="10"/>
    </row>
    <row r="734567" spans="14:14">
      <c r="N734567" s="10"/>
    </row>
    <row r="734568" spans="14:14">
      <c r="N734568" s="10"/>
    </row>
    <row r="734569" spans="14:14">
      <c r="N734569" s="10"/>
    </row>
    <row r="734570" spans="14:14">
      <c r="N734570" s="10"/>
    </row>
    <row r="734571" spans="14:14">
      <c r="N734571" s="10"/>
    </row>
    <row r="734572" spans="14:14">
      <c r="N734572" s="10"/>
    </row>
    <row r="734573" spans="14:14">
      <c r="N734573" s="10"/>
    </row>
    <row r="734574" spans="14:14">
      <c r="N734574" s="10"/>
    </row>
    <row r="734575" spans="14:14">
      <c r="N734575" s="10"/>
    </row>
    <row r="734576" spans="14:14">
      <c r="N734576" s="10"/>
    </row>
    <row r="734577" spans="14:14">
      <c r="N734577" s="10"/>
    </row>
    <row r="734578" spans="14:14">
      <c r="N734578" s="10"/>
    </row>
    <row r="734579" spans="14:14">
      <c r="N734579" s="10"/>
    </row>
    <row r="734580" spans="14:14">
      <c r="N734580" s="10"/>
    </row>
    <row r="734581" spans="14:14">
      <c r="N734581" s="10"/>
    </row>
    <row r="734582" spans="14:14">
      <c r="N734582" s="10"/>
    </row>
    <row r="734583" spans="14:14">
      <c r="N734583" s="10"/>
    </row>
    <row r="734584" spans="14:14">
      <c r="N734584" s="10"/>
    </row>
    <row r="734585" spans="14:14">
      <c r="N734585" s="10"/>
    </row>
    <row r="734586" spans="14:14">
      <c r="N734586" s="10"/>
    </row>
    <row r="734587" spans="14:14">
      <c r="N734587" s="10"/>
    </row>
    <row r="734588" spans="14:14">
      <c r="N734588" s="10"/>
    </row>
    <row r="734589" spans="14:14">
      <c r="N734589" s="10"/>
    </row>
    <row r="734590" spans="14:14">
      <c r="N734590" s="10"/>
    </row>
    <row r="734591" spans="14:14">
      <c r="N734591" s="10"/>
    </row>
    <row r="734592" spans="14:14">
      <c r="N734592" s="10"/>
    </row>
    <row r="734593" spans="14:14">
      <c r="N734593" s="10"/>
    </row>
    <row r="734594" spans="14:14">
      <c r="N734594" s="10"/>
    </row>
    <row r="734595" spans="14:14">
      <c r="N734595" s="10"/>
    </row>
    <row r="734596" spans="14:14">
      <c r="N734596" s="10"/>
    </row>
    <row r="734597" spans="14:14">
      <c r="N734597" s="10"/>
    </row>
    <row r="734598" spans="14:14">
      <c r="N734598" s="10"/>
    </row>
    <row r="734599" spans="14:14">
      <c r="N734599" s="10"/>
    </row>
    <row r="734600" spans="14:14">
      <c r="N734600" s="10"/>
    </row>
    <row r="734601" spans="14:14">
      <c r="N734601" s="10"/>
    </row>
    <row r="734602" spans="14:14">
      <c r="N734602" s="10"/>
    </row>
    <row r="734603" spans="14:14">
      <c r="N734603" s="10"/>
    </row>
    <row r="734604" spans="14:14">
      <c r="N734604" s="10"/>
    </row>
    <row r="734605" spans="14:14">
      <c r="N734605" s="10"/>
    </row>
    <row r="734606" spans="14:14">
      <c r="N734606" s="10"/>
    </row>
    <row r="734607" spans="14:14">
      <c r="N734607" s="10"/>
    </row>
    <row r="734608" spans="14:14">
      <c r="N734608" s="10"/>
    </row>
    <row r="734609" spans="14:14">
      <c r="N734609" s="10"/>
    </row>
    <row r="734610" spans="14:14">
      <c r="N734610" s="10"/>
    </row>
    <row r="734611" spans="14:14">
      <c r="N734611" s="10"/>
    </row>
    <row r="734612" spans="14:14">
      <c r="N734612" s="10"/>
    </row>
    <row r="734613" spans="14:14">
      <c r="N734613" s="10"/>
    </row>
    <row r="734614" spans="14:14">
      <c r="N734614" s="10"/>
    </row>
    <row r="734615" spans="14:14">
      <c r="N734615" s="10"/>
    </row>
    <row r="734616" spans="14:14">
      <c r="N734616" s="10"/>
    </row>
    <row r="734617" spans="14:14">
      <c r="N734617" s="10"/>
    </row>
    <row r="734618" spans="14:14">
      <c r="N734618" s="10"/>
    </row>
    <row r="734619" spans="14:14">
      <c r="N734619" s="10"/>
    </row>
    <row r="734620" spans="14:14">
      <c r="N734620" s="10"/>
    </row>
    <row r="734621" spans="14:14">
      <c r="N734621" s="10"/>
    </row>
    <row r="734622" spans="14:14">
      <c r="N734622" s="10"/>
    </row>
    <row r="734623" spans="14:14">
      <c r="N734623" s="10"/>
    </row>
    <row r="734624" spans="14:14">
      <c r="N734624" s="10"/>
    </row>
    <row r="734625" spans="14:14">
      <c r="N734625" s="10"/>
    </row>
    <row r="734626" spans="14:14">
      <c r="N734626" s="10"/>
    </row>
    <row r="734627" spans="14:14">
      <c r="N734627" s="10"/>
    </row>
    <row r="734628" spans="14:14">
      <c r="N734628" s="10"/>
    </row>
    <row r="734629" spans="14:14">
      <c r="N734629" s="10"/>
    </row>
    <row r="734630" spans="14:14">
      <c r="N734630" s="10"/>
    </row>
    <row r="734631" spans="14:14">
      <c r="N734631" s="10"/>
    </row>
    <row r="734632" spans="14:14">
      <c r="N734632" s="10"/>
    </row>
    <row r="734633" spans="14:14">
      <c r="N734633" s="10"/>
    </row>
    <row r="734634" spans="14:14">
      <c r="N734634" s="10"/>
    </row>
    <row r="734635" spans="14:14">
      <c r="N734635" s="10"/>
    </row>
    <row r="734636" spans="14:14">
      <c r="N734636" s="10"/>
    </row>
    <row r="734637" spans="14:14">
      <c r="N734637" s="10"/>
    </row>
    <row r="734638" spans="14:14">
      <c r="N734638" s="10"/>
    </row>
    <row r="734639" spans="14:14">
      <c r="N734639" s="10"/>
    </row>
    <row r="734640" spans="14:14">
      <c r="N734640" s="10"/>
    </row>
    <row r="734641" spans="14:14">
      <c r="N734641" s="10"/>
    </row>
    <row r="734642" spans="14:14">
      <c r="N734642" s="10"/>
    </row>
    <row r="734643" spans="14:14">
      <c r="N734643" s="10"/>
    </row>
    <row r="734644" spans="14:14">
      <c r="N734644" s="10"/>
    </row>
    <row r="734645" spans="14:14">
      <c r="N734645" s="10"/>
    </row>
    <row r="734646" spans="14:14">
      <c r="N734646" s="10"/>
    </row>
    <row r="734647" spans="14:14">
      <c r="N734647" s="10"/>
    </row>
    <row r="734648" spans="14:14">
      <c r="N734648" s="10"/>
    </row>
    <row r="734649" spans="14:14">
      <c r="N734649" s="10"/>
    </row>
    <row r="734650" spans="14:14">
      <c r="N734650" s="10"/>
    </row>
    <row r="734651" spans="14:14">
      <c r="N734651" s="10"/>
    </row>
    <row r="734652" spans="14:14">
      <c r="N734652" s="10"/>
    </row>
    <row r="734653" spans="14:14">
      <c r="N734653" s="10"/>
    </row>
    <row r="734654" spans="14:14">
      <c r="N734654" s="10"/>
    </row>
    <row r="734655" spans="14:14">
      <c r="N734655" s="10"/>
    </row>
    <row r="734656" spans="14:14">
      <c r="N734656" s="10"/>
    </row>
    <row r="734657" spans="14:14">
      <c r="N734657" s="10"/>
    </row>
    <row r="734658" spans="14:14">
      <c r="N734658" s="10"/>
    </row>
    <row r="734659" spans="14:14">
      <c r="N734659" s="10"/>
    </row>
    <row r="734660" spans="14:14">
      <c r="N734660" s="10"/>
    </row>
    <row r="734661" spans="14:14">
      <c r="N734661" s="10"/>
    </row>
    <row r="734662" spans="14:14">
      <c r="N734662" s="10"/>
    </row>
    <row r="734663" spans="14:14">
      <c r="N734663" s="10"/>
    </row>
    <row r="734664" spans="14:14">
      <c r="N734664" s="10"/>
    </row>
    <row r="734665" spans="14:14">
      <c r="N734665" s="10"/>
    </row>
    <row r="734666" spans="14:14">
      <c r="N734666" s="10"/>
    </row>
    <row r="734667" spans="14:14">
      <c r="N734667" s="10"/>
    </row>
    <row r="734668" spans="14:14">
      <c r="N734668" s="10"/>
    </row>
    <row r="734669" spans="14:14">
      <c r="N734669" s="10"/>
    </row>
    <row r="734670" spans="14:14">
      <c r="N734670" s="10"/>
    </row>
    <row r="734671" spans="14:14">
      <c r="N734671" s="10"/>
    </row>
    <row r="734672" spans="14:14">
      <c r="N734672" s="10"/>
    </row>
    <row r="734673" spans="14:14">
      <c r="N734673" s="10"/>
    </row>
    <row r="734674" spans="14:14">
      <c r="N734674" s="10"/>
    </row>
    <row r="734675" spans="14:14">
      <c r="N734675" s="10"/>
    </row>
    <row r="734676" spans="14:14">
      <c r="N734676" s="10"/>
    </row>
    <row r="734677" spans="14:14">
      <c r="N734677" s="10"/>
    </row>
    <row r="734678" spans="14:14">
      <c r="N734678" s="10"/>
    </row>
    <row r="734679" spans="14:14">
      <c r="N734679" s="10"/>
    </row>
    <row r="734680" spans="14:14">
      <c r="N734680" s="10"/>
    </row>
    <row r="734681" spans="14:14">
      <c r="N734681" s="10"/>
    </row>
    <row r="734682" spans="14:14">
      <c r="N734682" s="10"/>
    </row>
    <row r="734683" spans="14:14">
      <c r="N734683" s="10"/>
    </row>
    <row r="734684" spans="14:14">
      <c r="N734684" s="10"/>
    </row>
    <row r="734685" spans="14:14">
      <c r="N734685" s="10"/>
    </row>
    <row r="734686" spans="14:14">
      <c r="N734686" s="10"/>
    </row>
    <row r="734687" spans="14:14">
      <c r="N734687" s="10"/>
    </row>
    <row r="734688" spans="14:14">
      <c r="N734688" s="10"/>
    </row>
    <row r="734689" spans="14:14">
      <c r="N734689" s="10"/>
    </row>
    <row r="734690" spans="14:14">
      <c r="N734690" s="10"/>
    </row>
    <row r="734691" spans="14:14">
      <c r="N734691" s="10"/>
    </row>
    <row r="734692" spans="14:14">
      <c r="N734692" s="10"/>
    </row>
    <row r="734693" spans="14:14">
      <c r="N734693" s="10"/>
    </row>
    <row r="734694" spans="14:14">
      <c r="N734694" s="10"/>
    </row>
    <row r="734695" spans="14:14">
      <c r="N734695" s="10"/>
    </row>
    <row r="734696" spans="14:14">
      <c r="N734696" s="10"/>
    </row>
    <row r="734697" spans="14:14">
      <c r="N734697" s="10"/>
    </row>
    <row r="734698" spans="14:14">
      <c r="N734698" s="10"/>
    </row>
    <row r="734699" spans="14:14">
      <c r="N734699" s="10"/>
    </row>
    <row r="734700" spans="14:14">
      <c r="N734700" s="10"/>
    </row>
    <row r="734701" spans="14:14">
      <c r="N734701" s="10"/>
    </row>
    <row r="734702" spans="14:14">
      <c r="N734702" s="10"/>
    </row>
    <row r="734703" spans="14:14">
      <c r="N734703" s="10"/>
    </row>
    <row r="734704" spans="14:14">
      <c r="N734704" s="10"/>
    </row>
    <row r="734705" spans="14:14">
      <c r="N734705" s="10"/>
    </row>
    <row r="734706" spans="14:14">
      <c r="N734706" s="10"/>
    </row>
    <row r="734707" spans="14:14">
      <c r="N734707" s="10"/>
    </row>
    <row r="734708" spans="14:14">
      <c r="N734708" s="10"/>
    </row>
    <row r="734709" spans="14:14">
      <c r="N734709" s="10"/>
    </row>
    <row r="734710" spans="14:14">
      <c r="N734710" s="10"/>
    </row>
    <row r="734711" spans="14:14">
      <c r="N734711" s="10"/>
    </row>
    <row r="734712" spans="14:14">
      <c r="N734712" s="10"/>
    </row>
    <row r="734713" spans="14:14">
      <c r="N734713" s="10"/>
    </row>
    <row r="734714" spans="14:14">
      <c r="N734714" s="10"/>
    </row>
    <row r="734715" spans="14:14">
      <c r="N734715" s="10"/>
    </row>
    <row r="734716" spans="14:14">
      <c r="N734716" s="10"/>
    </row>
    <row r="734717" spans="14:14">
      <c r="N734717" s="10"/>
    </row>
    <row r="734718" spans="14:14">
      <c r="N734718" s="10"/>
    </row>
    <row r="734719" spans="14:14">
      <c r="N734719" s="10"/>
    </row>
    <row r="734720" spans="14:14">
      <c r="N734720" s="10"/>
    </row>
    <row r="734721" spans="14:14">
      <c r="N734721" s="10"/>
    </row>
    <row r="734722" spans="14:14">
      <c r="N734722" s="10"/>
    </row>
    <row r="734723" spans="14:14">
      <c r="N734723" s="10"/>
    </row>
    <row r="734724" spans="14:14">
      <c r="N734724" s="10"/>
    </row>
    <row r="734725" spans="14:14">
      <c r="N734725" s="10"/>
    </row>
    <row r="734726" spans="14:14">
      <c r="N734726" s="10"/>
    </row>
    <row r="734727" spans="14:14">
      <c r="N734727" s="10"/>
    </row>
    <row r="734728" spans="14:14">
      <c r="N734728" s="10"/>
    </row>
    <row r="734729" spans="14:14">
      <c r="N734729" s="10"/>
    </row>
    <row r="734730" spans="14:14">
      <c r="N734730" s="10"/>
    </row>
    <row r="734731" spans="14:14">
      <c r="N734731" s="10"/>
    </row>
    <row r="734732" spans="14:14">
      <c r="N734732" s="10"/>
    </row>
    <row r="734733" spans="14:14">
      <c r="N734733" s="10"/>
    </row>
    <row r="734734" spans="14:14">
      <c r="N734734" s="10"/>
    </row>
    <row r="734735" spans="14:14">
      <c r="N734735" s="10"/>
    </row>
    <row r="734736" spans="14:14">
      <c r="N734736" s="10"/>
    </row>
    <row r="734737" spans="14:14">
      <c r="N734737" s="10"/>
    </row>
    <row r="734738" spans="14:14">
      <c r="N734738" s="10"/>
    </row>
    <row r="734739" spans="14:14">
      <c r="N734739" s="10"/>
    </row>
    <row r="734740" spans="14:14">
      <c r="N734740" s="10"/>
    </row>
    <row r="734741" spans="14:14">
      <c r="N734741" s="10"/>
    </row>
    <row r="734742" spans="14:14">
      <c r="N734742" s="10"/>
    </row>
    <row r="734743" spans="14:14">
      <c r="N734743" s="10"/>
    </row>
    <row r="734744" spans="14:14">
      <c r="N734744" s="10"/>
    </row>
    <row r="734745" spans="14:14">
      <c r="N734745" s="10"/>
    </row>
    <row r="734746" spans="14:14">
      <c r="N734746" s="10"/>
    </row>
    <row r="734747" spans="14:14">
      <c r="N734747" s="10"/>
    </row>
    <row r="734748" spans="14:14">
      <c r="N734748" s="10"/>
    </row>
    <row r="734749" spans="14:14">
      <c r="N734749" s="10"/>
    </row>
    <row r="734750" spans="14:14">
      <c r="N734750" s="10"/>
    </row>
    <row r="734751" spans="14:14">
      <c r="N734751" s="10"/>
    </row>
    <row r="734752" spans="14:14">
      <c r="N734752" s="10"/>
    </row>
    <row r="734753" spans="14:14">
      <c r="N734753" s="10"/>
    </row>
    <row r="734754" spans="14:14">
      <c r="N734754" s="10"/>
    </row>
    <row r="734755" spans="14:14">
      <c r="N734755" s="10"/>
    </row>
    <row r="734756" spans="14:14">
      <c r="N734756" s="10"/>
    </row>
    <row r="734757" spans="14:14">
      <c r="N734757" s="10"/>
    </row>
    <row r="734758" spans="14:14">
      <c r="N734758" s="10"/>
    </row>
    <row r="734759" spans="14:14">
      <c r="N734759" s="10"/>
    </row>
    <row r="734760" spans="14:14">
      <c r="N734760" s="10"/>
    </row>
    <row r="734761" spans="14:14">
      <c r="N734761" s="10"/>
    </row>
    <row r="734762" spans="14:14">
      <c r="N734762" s="10"/>
    </row>
    <row r="734763" spans="14:14">
      <c r="N734763" s="10"/>
    </row>
    <row r="734764" spans="14:14">
      <c r="N734764" s="10"/>
    </row>
    <row r="734765" spans="14:14">
      <c r="N734765" s="10"/>
    </row>
    <row r="734766" spans="14:14">
      <c r="N734766" s="10"/>
    </row>
    <row r="734767" spans="14:14">
      <c r="N734767" s="10"/>
    </row>
    <row r="734768" spans="14:14">
      <c r="N734768" s="10"/>
    </row>
    <row r="734769" spans="14:14">
      <c r="N734769" s="10"/>
    </row>
    <row r="734770" spans="14:14">
      <c r="N734770" s="10"/>
    </row>
    <row r="734771" spans="14:14">
      <c r="N734771" s="10"/>
    </row>
    <row r="734772" spans="14:14">
      <c r="N734772" s="10"/>
    </row>
    <row r="734773" spans="14:14">
      <c r="N734773" s="10"/>
    </row>
    <row r="734774" spans="14:14">
      <c r="N734774" s="10"/>
    </row>
    <row r="734775" spans="14:14">
      <c r="N734775" s="10"/>
    </row>
    <row r="734776" spans="14:14">
      <c r="N734776" s="10"/>
    </row>
    <row r="734777" spans="14:14">
      <c r="N734777" s="10"/>
    </row>
    <row r="734778" spans="14:14">
      <c r="N734778" s="10"/>
    </row>
    <row r="734779" spans="14:14">
      <c r="N734779" s="10"/>
    </row>
    <row r="734780" spans="14:14">
      <c r="N734780" s="10"/>
    </row>
    <row r="734781" spans="14:14">
      <c r="N734781" s="10"/>
    </row>
    <row r="734782" spans="14:14">
      <c r="N734782" s="10"/>
    </row>
    <row r="734783" spans="14:14">
      <c r="N734783" s="10"/>
    </row>
    <row r="734784" spans="14:14">
      <c r="N734784" s="10"/>
    </row>
    <row r="734785" spans="14:14">
      <c r="N734785" s="10"/>
    </row>
    <row r="734786" spans="14:14">
      <c r="N734786" s="10"/>
    </row>
    <row r="734787" spans="14:14">
      <c r="N734787" s="10"/>
    </row>
    <row r="734788" spans="14:14">
      <c r="N734788" s="10"/>
    </row>
    <row r="734789" spans="14:14">
      <c r="N734789" s="10"/>
    </row>
    <row r="734790" spans="14:14">
      <c r="N734790" s="10"/>
    </row>
    <row r="734791" spans="14:14">
      <c r="N734791" s="10"/>
    </row>
    <row r="734792" spans="14:14">
      <c r="N734792" s="10"/>
    </row>
    <row r="734793" spans="14:14">
      <c r="N734793" s="10"/>
    </row>
    <row r="734794" spans="14:14">
      <c r="N734794" s="10"/>
    </row>
    <row r="734795" spans="14:14">
      <c r="N734795" s="10"/>
    </row>
    <row r="734796" spans="14:14">
      <c r="N734796" s="10"/>
    </row>
    <row r="734797" spans="14:14">
      <c r="N734797" s="10"/>
    </row>
    <row r="734798" spans="14:14">
      <c r="N734798" s="10"/>
    </row>
    <row r="734799" spans="14:14">
      <c r="N734799" s="10"/>
    </row>
    <row r="734800" spans="14:14">
      <c r="N734800" s="10"/>
    </row>
    <row r="734801" spans="14:14">
      <c r="N734801" s="10"/>
    </row>
    <row r="734802" spans="14:14">
      <c r="N734802" s="10"/>
    </row>
    <row r="734803" spans="14:14">
      <c r="N734803" s="10"/>
    </row>
    <row r="734804" spans="14:14">
      <c r="N734804" s="10"/>
    </row>
    <row r="734805" spans="14:14">
      <c r="N734805" s="10"/>
    </row>
    <row r="734806" spans="14:14">
      <c r="N734806" s="10"/>
    </row>
    <row r="734807" spans="14:14">
      <c r="N734807" s="10"/>
    </row>
    <row r="734808" spans="14:14">
      <c r="N734808" s="10"/>
    </row>
    <row r="734809" spans="14:14">
      <c r="N734809" s="10"/>
    </row>
    <row r="734810" spans="14:14">
      <c r="N734810" s="10"/>
    </row>
    <row r="734811" spans="14:14">
      <c r="N734811" s="10"/>
    </row>
    <row r="734812" spans="14:14">
      <c r="N734812" s="10"/>
    </row>
    <row r="734813" spans="14:14">
      <c r="N734813" s="10"/>
    </row>
    <row r="734814" spans="14:14">
      <c r="N734814" s="10"/>
    </row>
    <row r="734815" spans="14:14">
      <c r="N734815" s="10"/>
    </row>
    <row r="734816" spans="14:14">
      <c r="N734816" s="10"/>
    </row>
    <row r="734817" spans="14:14">
      <c r="N734817" s="10"/>
    </row>
    <row r="734818" spans="14:14">
      <c r="N734818" s="10"/>
    </row>
    <row r="734819" spans="14:14">
      <c r="N734819" s="10"/>
    </row>
    <row r="734820" spans="14:14">
      <c r="N734820" s="10"/>
    </row>
    <row r="734821" spans="14:14">
      <c r="N734821" s="10"/>
    </row>
    <row r="734822" spans="14:14">
      <c r="N734822" s="10"/>
    </row>
    <row r="734823" spans="14:14">
      <c r="N734823" s="10"/>
    </row>
    <row r="734824" spans="14:14">
      <c r="N734824" s="10"/>
    </row>
    <row r="734825" spans="14:14">
      <c r="N734825" s="10"/>
    </row>
    <row r="734826" spans="14:14">
      <c r="N734826" s="10"/>
    </row>
    <row r="734827" spans="14:14">
      <c r="N734827" s="10"/>
    </row>
    <row r="734828" spans="14:14">
      <c r="N734828" s="10"/>
    </row>
    <row r="734829" spans="14:14">
      <c r="N734829" s="10"/>
    </row>
    <row r="734830" spans="14:14">
      <c r="N734830" s="10"/>
    </row>
    <row r="734831" spans="14:14">
      <c r="N734831" s="10"/>
    </row>
    <row r="734832" spans="14:14">
      <c r="N734832" s="10"/>
    </row>
    <row r="734833" spans="14:14">
      <c r="N734833" s="10"/>
    </row>
    <row r="734834" spans="14:14">
      <c r="N734834" s="10"/>
    </row>
    <row r="734835" spans="14:14">
      <c r="N734835" s="10"/>
    </row>
    <row r="734836" spans="14:14">
      <c r="N734836" s="10"/>
    </row>
    <row r="734837" spans="14:14">
      <c r="N734837" s="10"/>
    </row>
    <row r="734838" spans="14:14">
      <c r="N734838" s="10"/>
    </row>
    <row r="734839" spans="14:14">
      <c r="N734839" s="10"/>
    </row>
    <row r="734840" spans="14:14">
      <c r="N734840" s="10"/>
    </row>
    <row r="734841" spans="14:14">
      <c r="N734841" s="10"/>
    </row>
    <row r="734842" spans="14:14">
      <c r="N734842" s="10"/>
    </row>
    <row r="734843" spans="14:14">
      <c r="N734843" s="10"/>
    </row>
    <row r="734844" spans="14:14">
      <c r="N734844" s="10"/>
    </row>
    <row r="734845" spans="14:14">
      <c r="N734845" s="10"/>
    </row>
    <row r="734846" spans="14:14">
      <c r="N734846" s="10"/>
    </row>
    <row r="734847" spans="14:14">
      <c r="N734847" s="10"/>
    </row>
    <row r="734848" spans="14:14">
      <c r="N734848" s="10"/>
    </row>
    <row r="734849" spans="14:14">
      <c r="N734849" s="10"/>
    </row>
    <row r="734850" spans="14:14">
      <c r="N734850" s="10"/>
    </row>
    <row r="734851" spans="14:14">
      <c r="N734851" s="10"/>
    </row>
    <row r="734852" spans="14:14">
      <c r="N734852" s="10"/>
    </row>
    <row r="734853" spans="14:14">
      <c r="N734853" s="10"/>
    </row>
    <row r="734854" spans="14:14">
      <c r="N734854" s="10"/>
    </row>
    <row r="734855" spans="14:14">
      <c r="N734855" s="10"/>
    </row>
    <row r="734856" spans="14:14">
      <c r="N734856" s="10"/>
    </row>
    <row r="734857" spans="14:14">
      <c r="N734857" s="10"/>
    </row>
    <row r="734858" spans="14:14">
      <c r="N734858" s="10"/>
    </row>
    <row r="734859" spans="14:14">
      <c r="N734859" s="10"/>
    </row>
    <row r="734860" spans="14:14">
      <c r="N734860" s="10"/>
    </row>
    <row r="734861" spans="14:14">
      <c r="N734861" s="10"/>
    </row>
    <row r="734862" spans="14:14">
      <c r="N734862" s="10"/>
    </row>
    <row r="734863" spans="14:14">
      <c r="N734863" s="10"/>
    </row>
    <row r="734864" spans="14:14">
      <c r="N734864" s="10"/>
    </row>
    <row r="734865" spans="14:14">
      <c r="N734865" s="10"/>
    </row>
    <row r="734866" spans="14:14">
      <c r="N734866" s="10"/>
    </row>
    <row r="734867" spans="14:14">
      <c r="N734867" s="10"/>
    </row>
    <row r="734868" spans="14:14">
      <c r="N734868" s="10"/>
    </row>
    <row r="734869" spans="14:14">
      <c r="N734869" s="10"/>
    </row>
    <row r="734870" spans="14:14">
      <c r="N734870" s="10"/>
    </row>
    <row r="734871" spans="14:14">
      <c r="N734871" s="10"/>
    </row>
    <row r="734872" spans="14:14">
      <c r="N734872" s="10"/>
    </row>
    <row r="734873" spans="14:14">
      <c r="N734873" s="10"/>
    </row>
    <row r="734874" spans="14:14">
      <c r="N734874" s="10"/>
    </row>
    <row r="734875" spans="14:14">
      <c r="N734875" s="10"/>
    </row>
    <row r="734876" spans="14:14">
      <c r="N734876" s="10"/>
    </row>
    <row r="734877" spans="14:14">
      <c r="N734877" s="10"/>
    </row>
    <row r="734878" spans="14:14">
      <c r="N734878" s="10"/>
    </row>
    <row r="734879" spans="14:14">
      <c r="N734879" s="10"/>
    </row>
    <row r="734880" spans="14:14">
      <c r="N734880" s="10"/>
    </row>
    <row r="734881" spans="14:14">
      <c r="N734881" s="10"/>
    </row>
    <row r="734882" spans="14:14">
      <c r="N734882" s="10"/>
    </row>
    <row r="734883" spans="14:14">
      <c r="N734883" s="10"/>
    </row>
    <row r="734884" spans="14:14">
      <c r="N734884" s="10"/>
    </row>
    <row r="734885" spans="14:14">
      <c r="N734885" s="10"/>
    </row>
    <row r="734886" spans="14:14">
      <c r="N734886" s="10"/>
    </row>
    <row r="734887" spans="14:14">
      <c r="N734887" s="10"/>
    </row>
    <row r="734888" spans="14:14">
      <c r="N734888" s="10"/>
    </row>
    <row r="734889" spans="14:14">
      <c r="N734889" s="10"/>
    </row>
    <row r="734890" spans="14:14">
      <c r="N734890" s="10"/>
    </row>
    <row r="734891" spans="14:14">
      <c r="N734891" s="10"/>
    </row>
    <row r="734892" spans="14:14">
      <c r="N734892" s="10"/>
    </row>
    <row r="734893" spans="14:14">
      <c r="N734893" s="10"/>
    </row>
    <row r="734894" spans="14:14">
      <c r="N734894" s="10"/>
    </row>
    <row r="734895" spans="14:14">
      <c r="N734895" s="10"/>
    </row>
    <row r="734896" spans="14:14">
      <c r="N734896" s="10"/>
    </row>
    <row r="734897" spans="14:14">
      <c r="N734897" s="10"/>
    </row>
    <row r="734898" spans="14:14">
      <c r="N734898" s="10"/>
    </row>
    <row r="734899" spans="14:14">
      <c r="N734899" s="10"/>
    </row>
    <row r="734900" spans="14:14">
      <c r="N734900" s="10"/>
    </row>
    <row r="734901" spans="14:14">
      <c r="N734901" s="10"/>
    </row>
    <row r="734902" spans="14:14">
      <c r="N734902" s="10"/>
    </row>
    <row r="734903" spans="14:14">
      <c r="N734903" s="10"/>
    </row>
    <row r="734904" spans="14:14">
      <c r="N734904" s="10"/>
    </row>
    <row r="734905" spans="14:14">
      <c r="N734905" s="10"/>
    </row>
    <row r="734906" spans="14:14">
      <c r="N734906" s="10"/>
    </row>
    <row r="734907" spans="14:14">
      <c r="N734907" s="10"/>
    </row>
    <row r="734908" spans="14:14">
      <c r="N734908" s="10"/>
    </row>
    <row r="734909" spans="14:14">
      <c r="N734909" s="10"/>
    </row>
    <row r="734910" spans="14:14">
      <c r="N734910" s="10"/>
    </row>
    <row r="734911" spans="14:14">
      <c r="N734911" s="10"/>
    </row>
    <row r="734912" spans="14:14">
      <c r="N734912" s="10"/>
    </row>
    <row r="734913" spans="14:14">
      <c r="N734913" s="10"/>
    </row>
    <row r="734914" spans="14:14">
      <c r="N734914" s="10"/>
    </row>
    <row r="734915" spans="14:14">
      <c r="N734915" s="10"/>
    </row>
    <row r="734916" spans="14:14">
      <c r="N734916" s="10"/>
    </row>
    <row r="734917" spans="14:14">
      <c r="N734917" s="10"/>
    </row>
    <row r="734918" spans="14:14">
      <c r="N734918" s="10"/>
    </row>
    <row r="734919" spans="14:14">
      <c r="N734919" s="10"/>
    </row>
    <row r="734920" spans="14:14">
      <c r="N734920" s="10"/>
    </row>
    <row r="734921" spans="14:14">
      <c r="N734921" s="10"/>
    </row>
    <row r="734922" spans="14:14">
      <c r="N734922" s="10"/>
    </row>
    <row r="734923" spans="14:14">
      <c r="N734923" s="10"/>
    </row>
    <row r="734924" spans="14:14">
      <c r="N734924" s="10"/>
    </row>
    <row r="734925" spans="14:14">
      <c r="N734925" s="10"/>
    </row>
    <row r="734926" spans="14:14">
      <c r="N734926" s="10"/>
    </row>
    <row r="734927" spans="14:14">
      <c r="N734927" s="10"/>
    </row>
    <row r="734928" spans="14:14">
      <c r="N734928" s="10"/>
    </row>
    <row r="734929" spans="14:14">
      <c r="N734929" s="10"/>
    </row>
    <row r="734930" spans="14:14">
      <c r="N734930" s="10"/>
    </row>
    <row r="734931" spans="14:14">
      <c r="N734931" s="10"/>
    </row>
    <row r="734932" spans="14:14">
      <c r="N734932" s="10"/>
    </row>
    <row r="734933" spans="14:14">
      <c r="N734933" s="10"/>
    </row>
    <row r="734934" spans="14:14">
      <c r="N734934" s="10"/>
    </row>
    <row r="734935" spans="14:14">
      <c r="N734935" s="10"/>
    </row>
    <row r="734936" spans="14:14">
      <c r="N734936" s="10"/>
    </row>
    <row r="734937" spans="14:14">
      <c r="N734937" s="10"/>
    </row>
    <row r="734938" spans="14:14">
      <c r="N734938" s="10"/>
    </row>
    <row r="734939" spans="14:14">
      <c r="N734939" s="10"/>
    </row>
    <row r="734940" spans="14:14">
      <c r="N734940" s="10"/>
    </row>
    <row r="734941" spans="14:14">
      <c r="N734941" s="10"/>
    </row>
    <row r="734942" spans="14:14">
      <c r="N734942" s="10"/>
    </row>
    <row r="734943" spans="14:14">
      <c r="N734943" s="10"/>
    </row>
    <row r="734944" spans="14:14">
      <c r="N734944" s="10"/>
    </row>
    <row r="734945" spans="14:14">
      <c r="N734945" s="10"/>
    </row>
    <row r="734946" spans="14:14">
      <c r="N734946" s="10"/>
    </row>
    <row r="734947" spans="14:14">
      <c r="N734947" s="10"/>
    </row>
    <row r="734948" spans="14:14">
      <c r="N734948" s="10"/>
    </row>
    <row r="734949" spans="14:14">
      <c r="N734949" s="10"/>
    </row>
    <row r="734950" spans="14:14">
      <c r="N734950" s="10"/>
    </row>
    <row r="734951" spans="14:14">
      <c r="N734951" s="10"/>
    </row>
    <row r="734952" spans="14:14">
      <c r="N734952" s="10"/>
    </row>
    <row r="734953" spans="14:14">
      <c r="N734953" s="10"/>
    </row>
    <row r="734954" spans="14:14">
      <c r="N734954" s="10"/>
    </row>
    <row r="734955" spans="14:14">
      <c r="N734955" s="10"/>
    </row>
    <row r="734956" spans="14:14">
      <c r="N734956" s="10"/>
    </row>
    <row r="734957" spans="14:14">
      <c r="N734957" s="10"/>
    </row>
    <row r="734958" spans="14:14">
      <c r="N734958" s="10"/>
    </row>
    <row r="734959" spans="14:14">
      <c r="N734959" s="10"/>
    </row>
    <row r="734960" spans="14:14">
      <c r="N734960" s="10"/>
    </row>
    <row r="734961" spans="14:14">
      <c r="N734961" s="10"/>
    </row>
    <row r="734962" spans="14:14">
      <c r="N734962" s="10"/>
    </row>
    <row r="734963" spans="14:14">
      <c r="N734963" s="10"/>
    </row>
    <row r="734964" spans="14:14">
      <c r="N734964" s="10"/>
    </row>
    <row r="734965" spans="14:14">
      <c r="N734965" s="10"/>
    </row>
    <row r="734966" spans="14:14">
      <c r="N734966" s="10"/>
    </row>
    <row r="734967" spans="14:14">
      <c r="N734967" s="10"/>
    </row>
    <row r="734968" spans="14:14">
      <c r="N734968" s="10"/>
    </row>
    <row r="734969" spans="14:14">
      <c r="N734969" s="10"/>
    </row>
    <row r="734970" spans="14:14">
      <c r="N734970" s="10"/>
    </row>
    <row r="734971" spans="14:14">
      <c r="N734971" s="10"/>
    </row>
    <row r="734972" spans="14:14">
      <c r="N734972" s="10"/>
    </row>
    <row r="734973" spans="14:14">
      <c r="N734973" s="10"/>
    </row>
    <row r="734974" spans="14:14">
      <c r="N734974" s="10"/>
    </row>
    <row r="734975" spans="14:14">
      <c r="N734975" s="10"/>
    </row>
    <row r="734976" spans="14:14">
      <c r="N734976" s="10"/>
    </row>
    <row r="734977" spans="14:14">
      <c r="N734977" s="10"/>
    </row>
    <row r="734978" spans="14:14">
      <c r="N734978" s="10"/>
    </row>
    <row r="734979" spans="14:14">
      <c r="N734979" s="10"/>
    </row>
    <row r="734980" spans="14:14">
      <c r="N734980" s="10"/>
    </row>
    <row r="734981" spans="14:14">
      <c r="N734981" s="10"/>
    </row>
    <row r="734982" spans="14:14">
      <c r="N734982" s="10"/>
    </row>
    <row r="734983" spans="14:14">
      <c r="N734983" s="10"/>
    </row>
    <row r="734984" spans="14:14">
      <c r="N734984" s="10"/>
    </row>
    <row r="734985" spans="14:14">
      <c r="N734985" s="10"/>
    </row>
    <row r="734986" spans="14:14">
      <c r="N734986" s="10"/>
    </row>
    <row r="734987" spans="14:14">
      <c r="N734987" s="10"/>
    </row>
    <row r="734988" spans="14:14">
      <c r="N734988" s="10"/>
    </row>
    <row r="734989" spans="14:14">
      <c r="N734989" s="10"/>
    </row>
    <row r="734990" spans="14:14">
      <c r="N734990" s="10"/>
    </row>
    <row r="734991" spans="14:14">
      <c r="N734991" s="10"/>
    </row>
    <row r="734992" spans="14:14">
      <c r="N734992" s="10"/>
    </row>
    <row r="734993" spans="14:14">
      <c r="N734993" s="10"/>
    </row>
    <row r="734994" spans="14:14">
      <c r="N734994" s="10"/>
    </row>
    <row r="734995" spans="14:14">
      <c r="N734995" s="10"/>
    </row>
    <row r="734996" spans="14:14">
      <c r="N734996" s="10"/>
    </row>
    <row r="734997" spans="14:14">
      <c r="N734997" s="10"/>
    </row>
    <row r="734998" spans="14:14">
      <c r="N734998" s="10"/>
    </row>
    <row r="734999" spans="14:14">
      <c r="N734999" s="10"/>
    </row>
    <row r="735000" spans="14:14">
      <c r="N735000" s="10"/>
    </row>
    <row r="735001" spans="14:14">
      <c r="N735001" s="10"/>
    </row>
    <row r="735002" spans="14:14">
      <c r="N735002" s="10"/>
    </row>
    <row r="735003" spans="14:14">
      <c r="N735003" s="10"/>
    </row>
    <row r="735004" spans="14:14">
      <c r="N735004" s="10"/>
    </row>
    <row r="735005" spans="14:14">
      <c r="N735005" s="10"/>
    </row>
    <row r="735006" spans="14:14">
      <c r="N735006" s="10"/>
    </row>
    <row r="735007" spans="14:14">
      <c r="N735007" s="10"/>
    </row>
    <row r="735008" spans="14:14">
      <c r="N735008" s="10"/>
    </row>
    <row r="735009" spans="14:14">
      <c r="N735009" s="10"/>
    </row>
    <row r="735010" spans="14:14">
      <c r="N735010" s="10"/>
    </row>
    <row r="735011" spans="14:14">
      <c r="N735011" s="10"/>
    </row>
    <row r="735012" spans="14:14">
      <c r="N735012" s="10"/>
    </row>
    <row r="735013" spans="14:14">
      <c r="N735013" s="10"/>
    </row>
    <row r="735014" spans="14:14">
      <c r="N735014" s="10"/>
    </row>
    <row r="735015" spans="14:14">
      <c r="N735015" s="10"/>
    </row>
    <row r="735016" spans="14:14">
      <c r="N735016" s="10"/>
    </row>
    <row r="735017" spans="14:14">
      <c r="N735017" s="10"/>
    </row>
    <row r="735018" spans="14:14">
      <c r="N735018" s="10"/>
    </row>
    <row r="735019" spans="14:14">
      <c r="N735019" s="10"/>
    </row>
    <row r="735020" spans="14:14">
      <c r="N735020" s="10"/>
    </row>
    <row r="735021" spans="14:14">
      <c r="N735021" s="10"/>
    </row>
    <row r="735022" spans="14:14">
      <c r="N735022" s="10"/>
    </row>
    <row r="735023" spans="14:14">
      <c r="N735023" s="10"/>
    </row>
    <row r="735024" spans="14:14">
      <c r="N735024" s="10"/>
    </row>
    <row r="735025" spans="14:14">
      <c r="N735025" s="10"/>
    </row>
    <row r="735026" spans="14:14">
      <c r="N735026" s="10"/>
    </row>
    <row r="735027" spans="14:14">
      <c r="N735027" s="10"/>
    </row>
    <row r="735028" spans="14:14">
      <c r="N735028" s="10"/>
    </row>
    <row r="735029" spans="14:14">
      <c r="N735029" s="10"/>
    </row>
    <row r="735030" spans="14:14">
      <c r="N735030" s="10"/>
    </row>
    <row r="735031" spans="14:14">
      <c r="N735031" s="10"/>
    </row>
    <row r="735032" spans="14:14">
      <c r="N735032" s="10"/>
    </row>
    <row r="735033" spans="14:14">
      <c r="N735033" s="10"/>
    </row>
    <row r="735034" spans="14:14">
      <c r="N735034" s="10"/>
    </row>
    <row r="735035" spans="14:14">
      <c r="N735035" s="10"/>
    </row>
    <row r="735036" spans="14:14">
      <c r="N735036" s="10"/>
    </row>
    <row r="735037" spans="14:14">
      <c r="N735037" s="10"/>
    </row>
    <row r="735038" spans="14:14">
      <c r="N735038" s="10"/>
    </row>
    <row r="735039" spans="14:14">
      <c r="N735039" s="10"/>
    </row>
    <row r="735040" spans="14:14">
      <c r="N735040" s="10"/>
    </row>
    <row r="735041" spans="14:14">
      <c r="N735041" s="10"/>
    </row>
    <row r="735042" spans="14:14">
      <c r="N735042" s="10"/>
    </row>
    <row r="735043" spans="14:14">
      <c r="N735043" s="10"/>
    </row>
    <row r="735044" spans="14:14">
      <c r="N735044" s="10"/>
    </row>
    <row r="735045" spans="14:14">
      <c r="N735045" s="10"/>
    </row>
    <row r="735046" spans="14:14">
      <c r="N735046" s="10"/>
    </row>
    <row r="735047" spans="14:14">
      <c r="N735047" s="10"/>
    </row>
    <row r="735048" spans="14:14">
      <c r="N735048" s="10"/>
    </row>
    <row r="735049" spans="14:14">
      <c r="N735049" s="10"/>
    </row>
    <row r="735050" spans="14:14">
      <c r="N735050" s="10"/>
    </row>
    <row r="735051" spans="14:14">
      <c r="N735051" s="10"/>
    </row>
    <row r="735052" spans="14:14">
      <c r="N735052" s="10"/>
    </row>
    <row r="735053" spans="14:14">
      <c r="N735053" s="10"/>
    </row>
    <row r="735054" spans="14:14">
      <c r="N735054" s="10"/>
    </row>
    <row r="735055" spans="14:14">
      <c r="N735055" s="10"/>
    </row>
    <row r="735056" spans="14:14">
      <c r="N735056" s="10"/>
    </row>
    <row r="735057" spans="14:14">
      <c r="N735057" s="10"/>
    </row>
    <row r="735058" spans="14:14">
      <c r="N735058" s="10"/>
    </row>
    <row r="735059" spans="14:14">
      <c r="N735059" s="10"/>
    </row>
    <row r="735060" spans="14:14">
      <c r="N735060" s="10"/>
    </row>
    <row r="735061" spans="14:14">
      <c r="N735061" s="10"/>
    </row>
    <row r="735062" spans="14:14">
      <c r="N735062" s="10"/>
    </row>
    <row r="735063" spans="14:14">
      <c r="N735063" s="10"/>
    </row>
    <row r="735064" spans="14:14">
      <c r="N735064" s="10"/>
    </row>
    <row r="735065" spans="14:14">
      <c r="N735065" s="10"/>
    </row>
    <row r="735066" spans="14:14">
      <c r="N735066" s="10"/>
    </row>
    <row r="735067" spans="14:14">
      <c r="N735067" s="10"/>
    </row>
    <row r="735068" spans="14:14">
      <c r="N735068" s="10"/>
    </row>
    <row r="735069" spans="14:14">
      <c r="N735069" s="10"/>
    </row>
    <row r="735070" spans="14:14">
      <c r="N735070" s="10"/>
    </row>
    <row r="735071" spans="14:14">
      <c r="N735071" s="10"/>
    </row>
    <row r="735072" spans="14:14">
      <c r="N735072" s="10"/>
    </row>
    <row r="735073" spans="14:14">
      <c r="N735073" s="10"/>
    </row>
    <row r="735074" spans="14:14">
      <c r="N735074" s="10"/>
    </row>
    <row r="735075" spans="14:14">
      <c r="N735075" s="10"/>
    </row>
    <row r="735076" spans="14:14">
      <c r="N735076" s="10"/>
    </row>
    <row r="735077" spans="14:14">
      <c r="N735077" s="10"/>
    </row>
    <row r="735078" spans="14:14">
      <c r="N735078" s="10"/>
    </row>
    <row r="735079" spans="14:14">
      <c r="N735079" s="10"/>
    </row>
    <row r="735080" spans="14:14">
      <c r="N735080" s="10"/>
    </row>
    <row r="735081" spans="14:14">
      <c r="N735081" s="10"/>
    </row>
    <row r="735082" spans="14:14">
      <c r="N735082" s="10"/>
    </row>
    <row r="735083" spans="14:14">
      <c r="N735083" s="10"/>
    </row>
    <row r="735084" spans="14:14">
      <c r="N735084" s="10"/>
    </row>
    <row r="735085" spans="14:14">
      <c r="N735085" s="10"/>
    </row>
    <row r="735086" spans="14:14">
      <c r="N735086" s="10"/>
    </row>
    <row r="735087" spans="14:14">
      <c r="N735087" s="10"/>
    </row>
    <row r="735088" spans="14:14">
      <c r="N735088" s="10"/>
    </row>
    <row r="735089" spans="14:14">
      <c r="N735089" s="10"/>
    </row>
    <row r="735090" spans="14:14">
      <c r="N735090" s="10"/>
    </row>
    <row r="735091" spans="14:14">
      <c r="N735091" s="10"/>
    </row>
    <row r="735092" spans="14:14">
      <c r="N735092" s="10"/>
    </row>
    <row r="735093" spans="14:14">
      <c r="N735093" s="10"/>
    </row>
    <row r="735094" spans="14:14">
      <c r="N735094" s="10"/>
    </row>
    <row r="735095" spans="14:14">
      <c r="N735095" s="10"/>
    </row>
    <row r="735096" spans="14:14">
      <c r="N735096" s="10"/>
    </row>
    <row r="735097" spans="14:14">
      <c r="N735097" s="10"/>
    </row>
    <row r="735098" spans="14:14">
      <c r="N735098" s="10"/>
    </row>
    <row r="735099" spans="14:14">
      <c r="N735099" s="10"/>
    </row>
    <row r="735100" spans="14:14">
      <c r="N735100" s="10"/>
    </row>
    <row r="735101" spans="14:14">
      <c r="N735101" s="10"/>
    </row>
    <row r="735102" spans="14:14">
      <c r="N735102" s="10"/>
    </row>
    <row r="735103" spans="14:14">
      <c r="N735103" s="10"/>
    </row>
    <row r="735104" spans="14:14">
      <c r="N735104" s="10"/>
    </row>
    <row r="735105" spans="14:14">
      <c r="N735105" s="10"/>
    </row>
    <row r="735106" spans="14:14">
      <c r="N735106" s="10"/>
    </row>
    <row r="735107" spans="14:14">
      <c r="N735107" s="10"/>
    </row>
    <row r="735108" spans="14:14">
      <c r="N735108" s="10"/>
    </row>
    <row r="735109" spans="14:14">
      <c r="N735109" s="10"/>
    </row>
    <row r="735110" spans="14:14">
      <c r="N735110" s="10"/>
    </row>
    <row r="735111" spans="14:14">
      <c r="N735111" s="10"/>
    </row>
    <row r="735112" spans="14:14">
      <c r="N735112" s="10"/>
    </row>
    <row r="735113" spans="14:14">
      <c r="N735113" s="10"/>
    </row>
    <row r="735114" spans="14:14">
      <c r="N735114" s="10"/>
    </row>
    <row r="735115" spans="14:14">
      <c r="N735115" s="10"/>
    </row>
    <row r="735116" spans="14:14">
      <c r="N735116" s="10"/>
    </row>
    <row r="735117" spans="14:14">
      <c r="N735117" s="10"/>
    </row>
    <row r="735118" spans="14:14">
      <c r="N735118" s="10"/>
    </row>
    <row r="735119" spans="14:14">
      <c r="N735119" s="10"/>
    </row>
    <row r="735120" spans="14:14">
      <c r="N735120" s="10"/>
    </row>
    <row r="735121" spans="14:14">
      <c r="N735121" s="10"/>
    </row>
    <row r="735122" spans="14:14">
      <c r="N735122" s="10"/>
    </row>
    <row r="735123" spans="14:14">
      <c r="N735123" s="10"/>
    </row>
    <row r="735124" spans="14:14">
      <c r="N735124" s="10"/>
    </row>
    <row r="735125" spans="14:14">
      <c r="N735125" s="10"/>
    </row>
    <row r="735126" spans="14:14">
      <c r="N735126" s="10"/>
    </row>
    <row r="735127" spans="14:14">
      <c r="N735127" s="10"/>
    </row>
    <row r="735128" spans="14:14">
      <c r="N735128" s="10"/>
    </row>
    <row r="735129" spans="14:14">
      <c r="N735129" s="10"/>
    </row>
    <row r="735130" spans="14:14">
      <c r="N735130" s="10"/>
    </row>
    <row r="735131" spans="14:14">
      <c r="N735131" s="10"/>
    </row>
    <row r="735132" spans="14:14">
      <c r="N735132" s="10"/>
    </row>
    <row r="735133" spans="14:14">
      <c r="N735133" s="10"/>
    </row>
    <row r="735134" spans="14:14">
      <c r="N735134" s="10"/>
    </row>
    <row r="735135" spans="14:14">
      <c r="N735135" s="10"/>
    </row>
    <row r="735136" spans="14:14">
      <c r="N735136" s="10"/>
    </row>
    <row r="735137" spans="14:14">
      <c r="N735137" s="10"/>
    </row>
    <row r="735138" spans="14:14">
      <c r="N735138" s="10"/>
    </row>
    <row r="735139" spans="14:14">
      <c r="N735139" s="10"/>
    </row>
    <row r="735140" spans="14:14">
      <c r="N735140" s="10"/>
    </row>
    <row r="735141" spans="14:14">
      <c r="N735141" s="10"/>
    </row>
    <row r="735142" spans="14:14">
      <c r="N735142" s="10"/>
    </row>
    <row r="735143" spans="14:14">
      <c r="N735143" s="10"/>
    </row>
    <row r="735144" spans="14:14">
      <c r="N735144" s="10"/>
    </row>
    <row r="735145" spans="14:14">
      <c r="N735145" s="10"/>
    </row>
    <row r="735146" spans="14:14">
      <c r="N735146" s="10"/>
    </row>
    <row r="735147" spans="14:14">
      <c r="N735147" s="10"/>
    </row>
    <row r="735148" spans="14:14">
      <c r="N735148" s="10"/>
    </row>
    <row r="735149" spans="14:14">
      <c r="N735149" s="10"/>
    </row>
    <row r="735150" spans="14:14">
      <c r="N735150" s="10"/>
    </row>
    <row r="735151" spans="14:14">
      <c r="N735151" s="10"/>
    </row>
    <row r="735152" spans="14:14">
      <c r="N735152" s="10"/>
    </row>
    <row r="735153" spans="14:14">
      <c r="N735153" s="10"/>
    </row>
    <row r="735154" spans="14:14">
      <c r="N735154" s="10"/>
    </row>
    <row r="735155" spans="14:14">
      <c r="N735155" s="10"/>
    </row>
    <row r="735156" spans="14:14">
      <c r="N735156" s="10"/>
    </row>
    <row r="735157" spans="14:14">
      <c r="N735157" s="10"/>
    </row>
    <row r="735158" spans="14:14">
      <c r="N735158" s="10"/>
    </row>
    <row r="735159" spans="14:14">
      <c r="N735159" s="10"/>
    </row>
    <row r="735160" spans="14:14">
      <c r="N735160" s="10"/>
    </row>
    <row r="735161" spans="14:14">
      <c r="N735161" s="10"/>
    </row>
    <row r="735162" spans="14:14">
      <c r="N735162" s="10"/>
    </row>
    <row r="735163" spans="14:14">
      <c r="N735163" s="10"/>
    </row>
    <row r="735164" spans="14:14">
      <c r="N735164" s="10"/>
    </row>
    <row r="735165" spans="14:14">
      <c r="N735165" s="10"/>
    </row>
    <row r="735166" spans="14:14">
      <c r="N735166" s="10"/>
    </row>
    <row r="735167" spans="14:14">
      <c r="N735167" s="10"/>
    </row>
    <row r="735168" spans="14:14">
      <c r="N735168" s="10"/>
    </row>
    <row r="735169" spans="14:14">
      <c r="N735169" s="10"/>
    </row>
    <row r="735170" spans="14:14">
      <c r="N735170" s="10"/>
    </row>
    <row r="735171" spans="14:14">
      <c r="N735171" s="10"/>
    </row>
    <row r="735172" spans="14:14">
      <c r="N735172" s="10"/>
    </row>
    <row r="735173" spans="14:14">
      <c r="N735173" s="10"/>
    </row>
    <row r="735174" spans="14:14">
      <c r="N735174" s="10"/>
    </row>
    <row r="735175" spans="14:14">
      <c r="N735175" s="10"/>
    </row>
    <row r="735176" spans="14:14">
      <c r="N735176" s="10"/>
    </row>
    <row r="735177" spans="14:14">
      <c r="N735177" s="10"/>
    </row>
    <row r="735178" spans="14:14">
      <c r="N735178" s="10"/>
    </row>
    <row r="735179" spans="14:14">
      <c r="N735179" s="10"/>
    </row>
    <row r="735180" spans="14:14">
      <c r="N735180" s="10"/>
    </row>
    <row r="735181" spans="14:14">
      <c r="N735181" s="10"/>
    </row>
    <row r="735182" spans="14:14">
      <c r="N735182" s="10"/>
    </row>
    <row r="735183" spans="14:14">
      <c r="N735183" s="10"/>
    </row>
    <row r="735184" spans="14:14">
      <c r="N735184" s="10"/>
    </row>
    <row r="735185" spans="14:14">
      <c r="N735185" s="10"/>
    </row>
    <row r="735186" spans="14:14">
      <c r="N735186" s="10"/>
    </row>
    <row r="735187" spans="14:14">
      <c r="N735187" s="10"/>
    </row>
    <row r="735188" spans="14:14">
      <c r="N735188" s="10"/>
    </row>
    <row r="735189" spans="14:14">
      <c r="N735189" s="10"/>
    </row>
    <row r="735190" spans="14:14">
      <c r="N735190" s="10"/>
    </row>
    <row r="735191" spans="14:14">
      <c r="N735191" s="10"/>
    </row>
    <row r="735192" spans="14:14">
      <c r="N735192" s="10"/>
    </row>
    <row r="735193" spans="14:14">
      <c r="N735193" s="10"/>
    </row>
    <row r="735194" spans="14:14">
      <c r="N735194" s="10"/>
    </row>
    <row r="735195" spans="14:14">
      <c r="N735195" s="10"/>
    </row>
    <row r="735196" spans="14:14">
      <c r="N735196" s="10"/>
    </row>
    <row r="735197" spans="14:14">
      <c r="N735197" s="10"/>
    </row>
    <row r="735198" spans="14:14">
      <c r="N735198" s="10"/>
    </row>
    <row r="735199" spans="14:14">
      <c r="N735199" s="10"/>
    </row>
    <row r="735200" spans="14:14">
      <c r="N735200" s="10"/>
    </row>
    <row r="735201" spans="14:14">
      <c r="N735201" s="10"/>
    </row>
    <row r="735202" spans="14:14">
      <c r="N735202" s="10"/>
    </row>
    <row r="735203" spans="14:14">
      <c r="N735203" s="10"/>
    </row>
    <row r="735204" spans="14:14">
      <c r="N735204" s="10"/>
    </row>
    <row r="735205" spans="14:14">
      <c r="N735205" s="10"/>
    </row>
    <row r="735206" spans="14:14">
      <c r="N735206" s="10"/>
    </row>
    <row r="735207" spans="14:14">
      <c r="N735207" s="10"/>
    </row>
    <row r="735208" spans="14:14">
      <c r="N735208" s="10"/>
    </row>
    <row r="735209" spans="14:14">
      <c r="N735209" s="10"/>
    </row>
    <row r="735210" spans="14:14">
      <c r="N735210" s="10"/>
    </row>
    <row r="735211" spans="14:14">
      <c r="N735211" s="10"/>
    </row>
    <row r="735212" spans="14:14">
      <c r="N735212" s="10"/>
    </row>
    <row r="735213" spans="14:14">
      <c r="N735213" s="10"/>
    </row>
    <row r="735214" spans="14:14">
      <c r="N735214" s="10"/>
    </row>
    <row r="735215" spans="14:14">
      <c r="N735215" s="10"/>
    </row>
    <row r="735216" spans="14:14">
      <c r="N735216" s="10"/>
    </row>
    <row r="735217" spans="14:14">
      <c r="N735217" s="10"/>
    </row>
    <row r="735218" spans="14:14">
      <c r="N735218" s="10"/>
    </row>
    <row r="735219" spans="14:14">
      <c r="N735219" s="10"/>
    </row>
    <row r="735220" spans="14:14">
      <c r="N735220" s="10"/>
    </row>
    <row r="735221" spans="14:14">
      <c r="N735221" s="10"/>
    </row>
    <row r="735222" spans="14:14">
      <c r="N735222" s="10"/>
    </row>
    <row r="735223" spans="14:14">
      <c r="N735223" s="10"/>
    </row>
    <row r="735224" spans="14:14">
      <c r="N735224" s="10"/>
    </row>
    <row r="735225" spans="14:14">
      <c r="N735225" s="10"/>
    </row>
    <row r="735226" spans="14:14">
      <c r="N735226" s="10"/>
    </row>
    <row r="735227" spans="14:14">
      <c r="N735227" s="10"/>
    </row>
    <row r="735228" spans="14:14">
      <c r="N735228" s="10"/>
    </row>
    <row r="735229" spans="14:14">
      <c r="N735229" s="10"/>
    </row>
    <row r="735230" spans="14:14">
      <c r="N735230" s="10"/>
    </row>
    <row r="735231" spans="14:14">
      <c r="N735231" s="10"/>
    </row>
    <row r="735232" spans="14:14">
      <c r="N735232" s="10"/>
    </row>
    <row r="735233" spans="14:14">
      <c r="N735233" s="10"/>
    </row>
    <row r="735234" spans="14:14">
      <c r="N735234" s="10"/>
    </row>
    <row r="735235" spans="14:14">
      <c r="N735235" s="10"/>
    </row>
    <row r="735236" spans="14:14">
      <c r="N735236" s="10"/>
    </row>
    <row r="735237" spans="14:14">
      <c r="N735237" s="10"/>
    </row>
    <row r="735238" spans="14:14">
      <c r="N735238" s="10"/>
    </row>
    <row r="735239" spans="14:14">
      <c r="N735239" s="10"/>
    </row>
    <row r="735240" spans="14:14">
      <c r="N735240" s="10"/>
    </row>
    <row r="735241" spans="14:14">
      <c r="N735241" s="10"/>
    </row>
    <row r="735242" spans="14:14">
      <c r="N735242" s="10"/>
    </row>
    <row r="735243" spans="14:14">
      <c r="N735243" s="10"/>
    </row>
    <row r="735244" spans="14:14">
      <c r="N735244" s="10"/>
    </row>
    <row r="735245" spans="14:14">
      <c r="N735245" s="10"/>
    </row>
    <row r="735246" spans="14:14">
      <c r="N735246" s="10"/>
    </row>
    <row r="735247" spans="14:14">
      <c r="N735247" s="10"/>
    </row>
    <row r="735248" spans="14:14">
      <c r="N735248" s="10"/>
    </row>
    <row r="735249" spans="14:14">
      <c r="N735249" s="10"/>
    </row>
    <row r="735250" spans="14:14">
      <c r="N735250" s="10"/>
    </row>
    <row r="735251" spans="14:14">
      <c r="N735251" s="10"/>
    </row>
    <row r="735252" spans="14:14">
      <c r="N735252" s="10"/>
    </row>
    <row r="735253" spans="14:14">
      <c r="N735253" s="10"/>
    </row>
    <row r="735254" spans="14:14">
      <c r="N735254" s="10"/>
    </row>
    <row r="735255" spans="14:14">
      <c r="N735255" s="10"/>
    </row>
    <row r="735256" spans="14:14">
      <c r="N735256" s="10"/>
    </row>
    <row r="735257" spans="14:14">
      <c r="N735257" s="10"/>
    </row>
    <row r="735258" spans="14:14">
      <c r="N735258" s="10"/>
    </row>
    <row r="735259" spans="14:14">
      <c r="N735259" s="10"/>
    </row>
    <row r="735260" spans="14:14">
      <c r="N735260" s="10"/>
    </row>
    <row r="735261" spans="14:14">
      <c r="N735261" s="10"/>
    </row>
    <row r="735262" spans="14:14">
      <c r="N735262" s="10"/>
    </row>
    <row r="735263" spans="14:14">
      <c r="N735263" s="10"/>
    </row>
    <row r="735264" spans="14:14">
      <c r="N735264" s="10"/>
    </row>
    <row r="735265" spans="14:14">
      <c r="N735265" s="10"/>
    </row>
    <row r="735266" spans="14:14">
      <c r="N735266" s="10"/>
    </row>
    <row r="735267" spans="14:14">
      <c r="N735267" s="10"/>
    </row>
    <row r="735268" spans="14:14">
      <c r="N735268" s="10"/>
    </row>
    <row r="735269" spans="14:14">
      <c r="N735269" s="10"/>
    </row>
    <row r="735270" spans="14:14">
      <c r="N735270" s="10"/>
    </row>
    <row r="735271" spans="14:14">
      <c r="N735271" s="10"/>
    </row>
    <row r="735272" spans="14:14">
      <c r="N735272" s="10"/>
    </row>
    <row r="735273" spans="14:14">
      <c r="N735273" s="10"/>
    </row>
    <row r="735274" spans="14:14">
      <c r="N735274" s="10"/>
    </row>
    <row r="735275" spans="14:14">
      <c r="N735275" s="10"/>
    </row>
    <row r="735276" spans="14:14">
      <c r="N735276" s="10"/>
    </row>
    <row r="735277" spans="14:14">
      <c r="N735277" s="10"/>
    </row>
    <row r="735278" spans="14:14">
      <c r="N735278" s="10"/>
    </row>
    <row r="735279" spans="14:14">
      <c r="N735279" s="10"/>
    </row>
    <row r="735280" spans="14:14">
      <c r="N735280" s="10"/>
    </row>
    <row r="735281" spans="14:14">
      <c r="N735281" s="10"/>
    </row>
    <row r="735282" spans="14:14">
      <c r="N735282" s="10"/>
    </row>
    <row r="735283" spans="14:14">
      <c r="N735283" s="10"/>
    </row>
    <row r="735284" spans="14:14">
      <c r="N735284" s="10"/>
    </row>
    <row r="735285" spans="14:14">
      <c r="N735285" s="10"/>
    </row>
    <row r="735286" spans="14:14">
      <c r="N735286" s="10"/>
    </row>
    <row r="735287" spans="14:14">
      <c r="N735287" s="10"/>
    </row>
    <row r="735288" spans="14:14">
      <c r="N735288" s="10"/>
    </row>
    <row r="735289" spans="14:14">
      <c r="N735289" s="10"/>
    </row>
    <row r="735290" spans="14:14">
      <c r="N735290" s="10"/>
    </row>
    <row r="735291" spans="14:14">
      <c r="N735291" s="10"/>
    </row>
    <row r="735292" spans="14:14">
      <c r="N735292" s="10"/>
    </row>
    <row r="735293" spans="14:14">
      <c r="N735293" s="10"/>
    </row>
    <row r="735294" spans="14:14">
      <c r="N735294" s="10"/>
    </row>
    <row r="735295" spans="14:14">
      <c r="N735295" s="10"/>
    </row>
    <row r="735296" spans="14:14">
      <c r="N735296" s="10"/>
    </row>
    <row r="735297" spans="14:14">
      <c r="N735297" s="10"/>
    </row>
    <row r="735298" spans="14:14">
      <c r="N735298" s="10"/>
    </row>
    <row r="735299" spans="14:14">
      <c r="N735299" s="10"/>
    </row>
    <row r="735300" spans="14:14">
      <c r="N735300" s="10"/>
    </row>
    <row r="735301" spans="14:14">
      <c r="N735301" s="10"/>
    </row>
    <row r="735302" spans="14:14">
      <c r="N735302" s="10"/>
    </row>
    <row r="735303" spans="14:14">
      <c r="N735303" s="10"/>
    </row>
    <row r="735304" spans="14:14">
      <c r="N735304" s="10"/>
    </row>
    <row r="735305" spans="14:14">
      <c r="N735305" s="10"/>
    </row>
    <row r="735306" spans="14:14">
      <c r="N735306" s="10"/>
    </row>
    <row r="735307" spans="14:14">
      <c r="N735307" s="10"/>
    </row>
    <row r="735308" spans="14:14">
      <c r="N735308" s="10"/>
    </row>
    <row r="735309" spans="14:14">
      <c r="N735309" s="10"/>
    </row>
    <row r="735310" spans="14:14">
      <c r="N735310" s="10"/>
    </row>
    <row r="735311" spans="14:14">
      <c r="N735311" s="10"/>
    </row>
    <row r="735312" spans="14:14">
      <c r="N735312" s="10"/>
    </row>
    <row r="735313" spans="14:14">
      <c r="N735313" s="10"/>
    </row>
    <row r="735314" spans="14:14">
      <c r="N735314" s="10"/>
    </row>
    <row r="735315" spans="14:14">
      <c r="N735315" s="10"/>
    </row>
    <row r="735316" spans="14:14">
      <c r="N735316" s="10"/>
    </row>
    <row r="735317" spans="14:14">
      <c r="N735317" s="10"/>
    </row>
    <row r="735318" spans="14:14">
      <c r="N735318" s="10"/>
    </row>
    <row r="735319" spans="14:14">
      <c r="N735319" s="10"/>
    </row>
    <row r="735320" spans="14:14">
      <c r="N735320" s="10"/>
    </row>
    <row r="735321" spans="14:14">
      <c r="N735321" s="10"/>
    </row>
    <row r="735322" spans="14:14">
      <c r="N735322" s="10"/>
    </row>
    <row r="735323" spans="14:14">
      <c r="N735323" s="10"/>
    </row>
    <row r="735324" spans="14:14">
      <c r="N735324" s="10"/>
    </row>
    <row r="735325" spans="14:14">
      <c r="N735325" s="10"/>
    </row>
    <row r="735326" spans="14:14">
      <c r="N735326" s="10"/>
    </row>
    <row r="735327" spans="14:14">
      <c r="N735327" s="10"/>
    </row>
    <row r="735328" spans="14:14">
      <c r="N735328" s="10"/>
    </row>
    <row r="735329" spans="14:14">
      <c r="N735329" s="10"/>
    </row>
    <row r="735330" spans="14:14">
      <c r="N735330" s="10"/>
    </row>
    <row r="735331" spans="14:14">
      <c r="N735331" s="10"/>
    </row>
    <row r="735332" spans="14:14">
      <c r="N735332" s="10"/>
    </row>
    <row r="735333" spans="14:14">
      <c r="N735333" s="10"/>
    </row>
    <row r="735334" spans="14:14">
      <c r="N735334" s="10"/>
    </row>
    <row r="735335" spans="14:14">
      <c r="N735335" s="10"/>
    </row>
    <row r="735336" spans="14:14">
      <c r="N735336" s="10"/>
    </row>
    <row r="735337" spans="14:14">
      <c r="N735337" s="10"/>
    </row>
    <row r="735338" spans="14:14">
      <c r="N735338" s="10"/>
    </row>
    <row r="735339" spans="14:14">
      <c r="N735339" s="10"/>
    </row>
    <row r="735340" spans="14:14">
      <c r="N735340" s="10"/>
    </row>
    <row r="735341" spans="14:14">
      <c r="N735341" s="10"/>
    </row>
    <row r="735342" spans="14:14">
      <c r="N735342" s="10"/>
    </row>
    <row r="735343" spans="14:14">
      <c r="N735343" s="10"/>
    </row>
    <row r="735344" spans="14:14">
      <c r="N735344" s="10"/>
    </row>
    <row r="735345" spans="14:14">
      <c r="N735345" s="10"/>
    </row>
    <row r="735346" spans="14:14">
      <c r="N735346" s="10"/>
    </row>
    <row r="735347" spans="14:14">
      <c r="N735347" s="10"/>
    </row>
    <row r="735348" spans="14:14">
      <c r="N735348" s="10"/>
    </row>
    <row r="735349" spans="14:14">
      <c r="N735349" s="10"/>
    </row>
    <row r="735350" spans="14:14">
      <c r="N735350" s="10"/>
    </row>
    <row r="735351" spans="14:14">
      <c r="N735351" s="10"/>
    </row>
    <row r="735352" spans="14:14">
      <c r="N735352" s="10"/>
    </row>
    <row r="735353" spans="14:14">
      <c r="N735353" s="10"/>
    </row>
    <row r="735354" spans="14:14">
      <c r="N735354" s="10"/>
    </row>
    <row r="735355" spans="14:14">
      <c r="N735355" s="10"/>
    </row>
    <row r="735356" spans="14:14">
      <c r="N735356" s="10"/>
    </row>
    <row r="735357" spans="14:14">
      <c r="N735357" s="10"/>
    </row>
    <row r="735358" spans="14:14">
      <c r="N735358" s="10"/>
    </row>
    <row r="735359" spans="14:14">
      <c r="N735359" s="10"/>
    </row>
    <row r="735360" spans="14:14">
      <c r="N735360" s="10"/>
    </row>
    <row r="735361" spans="14:14">
      <c r="N735361" s="10"/>
    </row>
    <row r="735362" spans="14:14">
      <c r="N735362" s="10"/>
    </row>
    <row r="735363" spans="14:14">
      <c r="N735363" s="10"/>
    </row>
    <row r="735364" spans="14:14">
      <c r="N735364" s="10"/>
    </row>
    <row r="735365" spans="14:14">
      <c r="N735365" s="10"/>
    </row>
    <row r="735366" spans="14:14">
      <c r="N735366" s="10"/>
    </row>
    <row r="735367" spans="14:14">
      <c r="N735367" s="10"/>
    </row>
    <row r="735368" spans="14:14">
      <c r="N735368" s="10"/>
    </row>
    <row r="735369" spans="14:14">
      <c r="N735369" s="10"/>
    </row>
    <row r="735370" spans="14:14">
      <c r="N735370" s="10"/>
    </row>
    <row r="735371" spans="14:14">
      <c r="N735371" s="10"/>
    </row>
    <row r="735372" spans="14:14">
      <c r="N735372" s="10"/>
    </row>
    <row r="735373" spans="14:14">
      <c r="N735373" s="10"/>
    </row>
    <row r="735374" spans="14:14">
      <c r="N735374" s="10"/>
    </row>
    <row r="735375" spans="14:14">
      <c r="N735375" s="10"/>
    </row>
    <row r="735376" spans="14:14">
      <c r="N735376" s="10"/>
    </row>
    <row r="735377" spans="14:14">
      <c r="N735377" s="10"/>
    </row>
    <row r="735378" spans="14:14">
      <c r="N735378" s="10"/>
    </row>
    <row r="735379" spans="14:14">
      <c r="N735379" s="10"/>
    </row>
    <row r="735380" spans="14:14">
      <c r="N735380" s="10"/>
    </row>
    <row r="735381" spans="14:14">
      <c r="N735381" s="10"/>
    </row>
    <row r="735382" spans="14:14">
      <c r="N735382" s="10"/>
    </row>
    <row r="735383" spans="14:14">
      <c r="N735383" s="10"/>
    </row>
    <row r="735384" spans="14:14">
      <c r="N735384" s="10"/>
    </row>
    <row r="735385" spans="14:14">
      <c r="N735385" s="10"/>
    </row>
    <row r="735386" spans="14:14">
      <c r="N735386" s="10"/>
    </row>
    <row r="735387" spans="14:14">
      <c r="N735387" s="10"/>
    </row>
    <row r="735388" spans="14:14">
      <c r="N735388" s="10"/>
    </row>
    <row r="735389" spans="14:14">
      <c r="N735389" s="10"/>
    </row>
    <row r="735390" spans="14:14">
      <c r="N735390" s="10"/>
    </row>
    <row r="735391" spans="14:14">
      <c r="N735391" s="10"/>
    </row>
    <row r="735392" spans="14:14">
      <c r="N735392" s="10"/>
    </row>
    <row r="735393" spans="14:14">
      <c r="N735393" s="10"/>
    </row>
    <row r="735394" spans="14:14">
      <c r="N735394" s="10"/>
    </row>
    <row r="735395" spans="14:14">
      <c r="N735395" s="10"/>
    </row>
    <row r="735396" spans="14:14">
      <c r="N735396" s="10"/>
    </row>
    <row r="735397" spans="14:14">
      <c r="N735397" s="10"/>
    </row>
    <row r="735398" spans="14:14">
      <c r="N735398" s="10"/>
    </row>
    <row r="735399" spans="14:14">
      <c r="N735399" s="10"/>
    </row>
    <row r="735400" spans="14:14">
      <c r="N735400" s="10"/>
    </row>
    <row r="735401" spans="14:14">
      <c r="N735401" s="10"/>
    </row>
    <row r="735402" spans="14:14">
      <c r="N735402" s="10"/>
    </row>
    <row r="735403" spans="14:14">
      <c r="N735403" s="10"/>
    </row>
    <row r="735404" spans="14:14">
      <c r="N735404" s="10"/>
    </row>
    <row r="735405" spans="14:14">
      <c r="N735405" s="10"/>
    </row>
    <row r="735406" spans="14:14">
      <c r="N735406" s="10"/>
    </row>
    <row r="735407" spans="14:14">
      <c r="N735407" s="10"/>
    </row>
    <row r="735408" spans="14:14">
      <c r="N735408" s="10"/>
    </row>
    <row r="735409" spans="14:14">
      <c r="N735409" s="10"/>
    </row>
    <row r="735410" spans="14:14">
      <c r="N735410" s="10"/>
    </row>
    <row r="735411" spans="14:14">
      <c r="N735411" s="10"/>
    </row>
    <row r="735412" spans="14:14">
      <c r="N735412" s="10"/>
    </row>
    <row r="735413" spans="14:14">
      <c r="N735413" s="10"/>
    </row>
    <row r="735414" spans="14:14">
      <c r="N735414" s="10"/>
    </row>
    <row r="735415" spans="14:14">
      <c r="N735415" s="10"/>
    </row>
    <row r="735416" spans="14:14">
      <c r="N735416" s="10"/>
    </row>
    <row r="735417" spans="14:14">
      <c r="N735417" s="10"/>
    </row>
    <row r="735418" spans="14:14">
      <c r="N735418" s="10"/>
    </row>
    <row r="735419" spans="14:14">
      <c r="N735419" s="10"/>
    </row>
    <row r="735420" spans="14:14">
      <c r="N735420" s="10"/>
    </row>
    <row r="735421" spans="14:14">
      <c r="N735421" s="10"/>
    </row>
    <row r="735422" spans="14:14">
      <c r="N735422" s="10"/>
    </row>
    <row r="735423" spans="14:14">
      <c r="N735423" s="10"/>
    </row>
    <row r="735424" spans="14:14">
      <c r="N735424" s="10"/>
    </row>
    <row r="735425" spans="14:14">
      <c r="N735425" s="10"/>
    </row>
    <row r="735426" spans="14:14">
      <c r="N735426" s="10"/>
    </row>
    <row r="735427" spans="14:14">
      <c r="N735427" s="10"/>
    </row>
    <row r="735428" spans="14:14">
      <c r="N735428" s="10"/>
    </row>
    <row r="735429" spans="14:14">
      <c r="N735429" s="10"/>
    </row>
    <row r="735430" spans="14:14">
      <c r="N735430" s="10"/>
    </row>
    <row r="735431" spans="14:14">
      <c r="N735431" s="10"/>
    </row>
    <row r="735432" spans="14:14">
      <c r="N735432" s="10"/>
    </row>
    <row r="735433" spans="14:14">
      <c r="N735433" s="10"/>
    </row>
    <row r="735434" spans="14:14">
      <c r="N735434" s="10"/>
    </row>
    <row r="735435" spans="14:14">
      <c r="N735435" s="10"/>
    </row>
    <row r="735436" spans="14:14">
      <c r="N735436" s="10"/>
    </row>
    <row r="735437" spans="14:14">
      <c r="N735437" s="10"/>
    </row>
    <row r="735438" spans="14:14">
      <c r="N735438" s="10"/>
    </row>
    <row r="735439" spans="14:14">
      <c r="N735439" s="10"/>
    </row>
    <row r="735440" spans="14:14">
      <c r="N735440" s="10"/>
    </row>
    <row r="735441" spans="14:14">
      <c r="N735441" s="10"/>
    </row>
    <row r="735442" spans="14:14">
      <c r="N735442" s="10"/>
    </row>
    <row r="735443" spans="14:14">
      <c r="N735443" s="10"/>
    </row>
    <row r="735444" spans="14:14">
      <c r="N735444" s="10"/>
    </row>
    <row r="735445" spans="14:14">
      <c r="N735445" s="10"/>
    </row>
    <row r="735446" spans="14:14">
      <c r="N735446" s="10"/>
    </row>
    <row r="735447" spans="14:14">
      <c r="N735447" s="10"/>
    </row>
    <row r="735448" spans="14:14">
      <c r="N735448" s="10"/>
    </row>
    <row r="735449" spans="14:14">
      <c r="N735449" s="10"/>
    </row>
    <row r="735450" spans="14:14">
      <c r="N735450" s="10"/>
    </row>
    <row r="735451" spans="14:14">
      <c r="N735451" s="10"/>
    </row>
    <row r="735452" spans="14:14">
      <c r="N735452" s="10"/>
    </row>
    <row r="735453" spans="14:14">
      <c r="N735453" s="10"/>
    </row>
    <row r="735454" spans="14:14">
      <c r="N735454" s="10"/>
    </row>
    <row r="735455" spans="14:14">
      <c r="N735455" s="10"/>
    </row>
    <row r="735456" spans="14:14">
      <c r="N735456" s="10"/>
    </row>
    <row r="735457" spans="14:14">
      <c r="N735457" s="10"/>
    </row>
    <row r="735458" spans="14:14">
      <c r="N735458" s="10"/>
    </row>
    <row r="735459" spans="14:14">
      <c r="N735459" s="10"/>
    </row>
    <row r="735460" spans="14:14">
      <c r="N735460" s="10"/>
    </row>
    <row r="735461" spans="14:14">
      <c r="N735461" s="10"/>
    </row>
    <row r="735462" spans="14:14">
      <c r="N735462" s="10"/>
    </row>
    <row r="735463" spans="14:14">
      <c r="N735463" s="10"/>
    </row>
    <row r="735464" spans="14:14">
      <c r="N735464" s="10"/>
    </row>
    <row r="735465" spans="14:14">
      <c r="N735465" s="10"/>
    </row>
    <row r="735466" spans="14:14">
      <c r="N735466" s="10"/>
    </row>
    <row r="735467" spans="14:14">
      <c r="N735467" s="10"/>
    </row>
    <row r="735468" spans="14:14">
      <c r="N735468" s="10"/>
    </row>
    <row r="735469" spans="14:14">
      <c r="N735469" s="10"/>
    </row>
    <row r="735470" spans="14:14">
      <c r="N735470" s="10"/>
    </row>
    <row r="735471" spans="14:14">
      <c r="N735471" s="10"/>
    </row>
    <row r="735472" spans="14:14">
      <c r="N735472" s="10"/>
    </row>
    <row r="735473" spans="14:14">
      <c r="N735473" s="10"/>
    </row>
    <row r="735474" spans="14:14">
      <c r="N735474" s="10"/>
    </row>
    <row r="735475" spans="14:14">
      <c r="N735475" s="10"/>
    </row>
    <row r="735476" spans="14:14">
      <c r="N735476" s="10"/>
    </row>
    <row r="735477" spans="14:14">
      <c r="N735477" s="10"/>
    </row>
    <row r="735478" spans="14:14">
      <c r="N735478" s="10"/>
    </row>
    <row r="735479" spans="14:14">
      <c r="N735479" s="10"/>
    </row>
    <row r="735480" spans="14:14">
      <c r="N735480" s="10"/>
    </row>
    <row r="735481" spans="14:14">
      <c r="N735481" s="10"/>
    </row>
    <row r="735482" spans="14:14">
      <c r="N735482" s="10"/>
    </row>
    <row r="735483" spans="14:14">
      <c r="N735483" s="10"/>
    </row>
    <row r="735484" spans="14:14">
      <c r="N735484" s="10"/>
    </row>
    <row r="735485" spans="14:14">
      <c r="N735485" s="10"/>
    </row>
    <row r="735486" spans="14:14">
      <c r="N735486" s="10"/>
    </row>
    <row r="735487" spans="14:14">
      <c r="N735487" s="10"/>
    </row>
    <row r="735488" spans="14:14">
      <c r="N735488" s="10"/>
    </row>
    <row r="735489" spans="14:14">
      <c r="N735489" s="10"/>
    </row>
    <row r="735490" spans="14:14">
      <c r="N735490" s="10"/>
    </row>
    <row r="735491" spans="14:14">
      <c r="N735491" s="10"/>
    </row>
    <row r="735492" spans="14:14">
      <c r="N735492" s="10"/>
    </row>
    <row r="735493" spans="14:14">
      <c r="N735493" s="10"/>
    </row>
    <row r="735494" spans="14:14">
      <c r="N735494" s="10"/>
    </row>
    <row r="735495" spans="14:14">
      <c r="N735495" s="10"/>
    </row>
    <row r="735496" spans="14:14">
      <c r="N735496" s="10"/>
    </row>
    <row r="735497" spans="14:14">
      <c r="N735497" s="10"/>
    </row>
    <row r="735498" spans="14:14">
      <c r="N735498" s="10"/>
    </row>
    <row r="735499" spans="14:14">
      <c r="N735499" s="10"/>
    </row>
    <row r="735500" spans="14:14">
      <c r="N735500" s="10"/>
    </row>
    <row r="735501" spans="14:14">
      <c r="N735501" s="10"/>
    </row>
    <row r="735502" spans="14:14">
      <c r="N735502" s="10"/>
    </row>
    <row r="735503" spans="14:14">
      <c r="N735503" s="10"/>
    </row>
    <row r="735504" spans="14:14">
      <c r="N735504" s="10"/>
    </row>
    <row r="735505" spans="14:14">
      <c r="N735505" s="10"/>
    </row>
    <row r="735506" spans="14:14">
      <c r="N735506" s="10"/>
    </row>
    <row r="735507" spans="14:14">
      <c r="N735507" s="10"/>
    </row>
    <row r="735508" spans="14:14">
      <c r="N735508" s="10"/>
    </row>
    <row r="735509" spans="14:14">
      <c r="N735509" s="10"/>
    </row>
    <row r="735510" spans="14:14">
      <c r="N735510" s="10"/>
    </row>
    <row r="735511" spans="14:14">
      <c r="N735511" s="10"/>
    </row>
    <row r="735512" spans="14:14">
      <c r="N735512" s="10"/>
    </row>
    <row r="735513" spans="14:14">
      <c r="N735513" s="10"/>
    </row>
    <row r="735514" spans="14:14">
      <c r="N735514" s="10"/>
    </row>
    <row r="735515" spans="14:14">
      <c r="N735515" s="10"/>
    </row>
    <row r="735516" spans="14:14">
      <c r="N735516" s="10"/>
    </row>
    <row r="735517" spans="14:14">
      <c r="N735517" s="10"/>
    </row>
    <row r="735518" spans="14:14">
      <c r="N735518" s="10"/>
    </row>
    <row r="735519" spans="14:14">
      <c r="N735519" s="10"/>
    </row>
    <row r="735520" spans="14:14">
      <c r="N735520" s="10"/>
    </row>
    <row r="735521" spans="14:14">
      <c r="N735521" s="10"/>
    </row>
    <row r="735522" spans="14:14">
      <c r="N735522" s="10"/>
    </row>
    <row r="735523" spans="14:14">
      <c r="N735523" s="10"/>
    </row>
    <row r="735524" spans="14:14">
      <c r="N735524" s="10"/>
    </row>
    <row r="735525" spans="14:14">
      <c r="N735525" s="10"/>
    </row>
    <row r="735526" spans="14:14">
      <c r="N735526" s="10"/>
    </row>
    <row r="735527" spans="14:14">
      <c r="N735527" s="10"/>
    </row>
    <row r="735528" spans="14:14">
      <c r="N735528" s="10"/>
    </row>
    <row r="735529" spans="14:14">
      <c r="N735529" s="10"/>
    </row>
    <row r="735530" spans="14:14">
      <c r="N735530" s="10"/>
    </row>
    <row r="735531" spans="14:14">
      <c r="N735531" s="10"/>
    </row>
    <row r="735532" spans="14:14">
      <c r="N735532" s="10"/>
    </row>
    <row r="735533" spans="14:14">
      <c r="N735533" s="10"/>
    </row>
    <row r="735534" spans="14:14">
      <c r="N735534" s="10"/>
    </row>
    <row r="735535" spans="14:14">
      <c r="N735535" s="10"/>
    </row>
    <row r="735536" spans="14:14">
      <c r="N735536" s="10"/>
    </row>
    <row r="735537" spans="14:14">
      <c r="N735537" s="10"/>
    </row>
    <row r="735538" spans="14:14">
      <c r="N735538" s="10"/>
    </row>
    <row r="735539" spans="14:14">
      <c r="N735539" s="10"/>
    </row>
    <row r="735540" spans="14:14">
      <c r="N735540" s="10"/>
    </row>
    <row r="735541" spans="14:14">
      <c r="N735541" s="10"/>
    </row>
    <row r="735542" spans="14:14">
      <c r="N735542" s="10"/>
    </row>
    <row r="735543" spans="14:14">
      <c r="N735543" s="10"/>
    </row>
    <row r="735544" spans="14:14">
      <c r="N735544" s="10"/>
    </row>
    <row r="735545" spans="14:14">
      <c r="N735545" s="10"/>
    </row>
    <row r="735546" spans="14:14">
      <c r="N735546" s="10"/>
    </row>
    <row r="735547" spans="14:14">
      <c r="N735547" s="10"/>
    </row>
    <row r="735548" spans="14:14">
      <c r="N735548" s="10"/>
    </row>
    <row r="735549" spans="14:14">
      <c r="N735549" s="10"/>
    </row>
    <row r="735550" spans="14:14">
      <c r="N735550" s="10"/>
    </row>
    <row r="735551" spans="14:14">
      <c r="N735551" s="10"/>
    </row>
    <row r="735552" spans="14:14">
      <c r="N735552" s="10"/>
    </row>
    <row r="735553" spans="14:14">
      <c r="N735553" s="10"/>
    </row>
    <row r="735554" spans="14:14">
      <c r="N735554" s="10"/>
    </row>
    <row r="735555" spans="14:14">
      <c r="N735555" s="10"/>
    </row>
    <row r="735556" spans="14:14">
      <c r="N735556" s="10"/>
    </row>
    <row r="735557" spans="14:14">
      <c r="N735557" s="10"/>
    </row>
    <row r="735558" spans="14:14">
      <c r="N735558" s="10"/>
    </row>
    <row r="735559" spans="14:14">
      <c r="N735559" s="10"/>
    </row>
    <row r="735560" spans="14:14">
      <c r="N735560" s="10"/>
    </row>
    <row r="735561" spans="14:14">
      <c r="N735561" s="10"/>
    </row>
    <row r="735562" spans="14:14">
      <c r="N735562" s="10"/>
    </row>
    <row r="735563" spans="14:14">
      <c r="N735563" s="10"/>
    </row>
    <row r="735564" spans="14:14">
      <c r="N735564" s="10"/>
    </row>
    <row r="735565" spans="14:14">
      <c r="N735565" s="10"/>
    </row>
    <row r="735566" spans="14:14">
      <c r="N735566" s="10"/>
    </row>
    <row r="735567" spans="14:14">
      <c r="N735567" s="10"/>
    </row>
    <row r="735568" spans="14:14">
      <c r="N735568" s="10"/>
    </row>
    <row r="735569" spans="14:14">
      <c r="N735569" s="10"/>
    </row>
    <row r="735570" spans="14:14">
      <c r="N735570" s="10"/>
    </row>
    <row r="735571" spans="14:14">
      <c r="N735571" s="10"/>
    </row>
    <row r="735572" spans="14:14">
      <c r="N735572" s="10"/>
    </row>
    <row r="735573" spans="14:14">
      <c r="N735573" s="10"/>
    </row>
    <row r="735574" spans="14:14">
      <c r="N735574" s="10"/>
    </row>
    <row r="735575" spans="14:14">
      <c r="N735575" s="10"/>
    </row>
    <row r="735576" spans="14:14">
      <c r="N735576" s="10"/>
    </row>
    <row r="735577" spans="14:14">
      <c r="N735577" s="10"/>
    </row>
    <row r="735578" spans="14:14">
      <c r="N735578" s="10"/>
    </row>
    <row r="735579" spans="14:14">
      <c r="N735579" s="10"/>
    </row>
    <row r="735580" spans="14:14">
      <c r="N735580" s="10"/>
    </row>
    <row r="735581" spans="14:14">
      <c r="N735581" s="10"/>
    </row>
    <row r="735582" spans="14:14">
      <c r="N735582" s="10"/>
    </row>
    <row r="735583" spans="14:14">
      <c r="N735583" s="10"/>
    </row>
    <row r="735584" spans="14:14">
      <c r="N735584" s="10"/>
    </row>
    <row r="735585" spans="14:14">
      <c r="N735585" s="10"/>
    </row>
    <row r="735586" spans="14:14">
      <c r="N735586" s="10"/>
    </row>
    <row r="735587" spans="14:14">
      <c r="N735587" s="10"/>
    </row>
    <row r="735588" spans="14:14">
      <c r="N735588" s="10"/>
    </row>
    <row r="735589" spans="14:14">
      <c r="N735589" s="10"/>
    </row>
    <row r="735590" spans="14:14">
      <c r="N735590" s="10"/>
    </row>
    <row r="735591" spans="14:14">
      <c r="N735591" s="10"/>
    </row>
    <row r="735592" spans="14:14">
      <c r="N735592" s="10"/>
    </row>
    <row r="735593" spans="14:14">
      <c r="N735593" s="10"/>
    </row>
    <row r="735594" spans="14:14">
      <c r="N735594" s="10"/>
    </row>
    <row r="735595" spans="14:14">
      <c r="N735595" s="10"/>
    </row>
    <row r="735596" spans="14:14">
      <c r="N735596" s="10"/>
    </row>
    <row r="735597" spans="14:14">
      <c r="N735597" s="10"/>
    </row>
    <row r="735598" spans="14:14">
      <c r="N735598" s="10"/>
    </row>
    <row r="735599" spans="14:14">
      <c r="N735599" s="10"/>
    </row>
    <row r="735600" spans="14:14">
      <c r="N735600" s="10"/>
    </row>
    <row r="735601" spans="14:14">
      <c r="N735601" s="10"/>
    </row>
    <row r="735602" spans="14:14">
      <c r="N735602" s="10"/>
    </row>
    <row r="735603" spans="14:14">
      <c r="N735603" s="10"/>
    </row>
    <row r="735604" spans="14:14">
      <c r="N735604" s="10"/>
    </row>
    <row r="735605" spans="14:14">
      <c r="N735605" s="10"/>
    </row>
    <row r="735606" spans="14:14">
      <c r="N735606" s="10"/>
    </row>
    <row r="735607" spans="14:14">
      <c r="N735607" s="10"/>
    </row>
    <row r="735608" spans="14:14">
      <c r="N735608" s="10"/>
    </row>
    <row r="735609" spans="14:14">
      <c r="N735609" s="10"/>
    </row>
    <row r="735610" spans="14:14">
      <c r="N735610" s="10"/>
    </row>
    <row r="735611" spans="14:14">
      <c r="N735611" s="10"/>
    </row>
    <row r="735612" spans="14:14">
      <c r="N735612" s="10"/>
    </row>
    <row r="735613" spans="14:14">
      <c r="N735613" s="10"/>
    </row>
    <row r="735614" spans="14:14">
      <c r="N735614" s="10"/>
    </row>
    <row r="735615" spans="14:14">
      <c r="N735615" s="10"/>
    </row>
    <row r="735616" spans="14:14">
      <c r="N735616" s="10"/>
    </row>
    <row r="735617" spans="14:14">
      <c r="N735617" s="10"/>
    </row>
    <row r="735618" spans="14:14">
      <c r="N735618" s="10"/>
    </row>
    <row r="735619" spans="14:14">
      <c r="N735619" s="10"/>
    </row>
    <row r="735620" spans="14:14">
      <c r="N735620" s="10"/>
    </row>
    <row r="735621" spans="14:14">
      <c r="N735621" s="10"/>
    </row>
    <row r="735622" spans="14:14">
      <c r="N735622" s="10"/>
    </row>
    <row r="735623" spans="14:14">
      <c r="N735623" s="10"/>
    </row>
    <row r="735624" spans="14:14">
      <c r="N735624" s="10"/>
    </row>
    <row r="735625" spans="14:14">
      <c r="N735625" s="10"/>
    </row>
    <row r="735626" spans="14:14">
      <c r="N735626" s="10"/>
    </row>
    <row r="735627" spans="14:14">
      <c r="N735627" s="10"/>
    </row>
    <row r="735628" spans="14:14">
      <c r="N735628" s="10"/>
    </row>
    <row r="735629" spans="14:14">
      <c r="N735629" s="10"/>
    </row>
    <row r="735630" spans="14:14">
      <c r="N735630" s="10"/>
    </row>
    <row r="735631" spans="14:14">
      <c r="N735631" s="10"/>
    </row>
    <row r="735632" spans="14:14">
      <c r="N735632" s="10"/>
    </row>
    <row r="735633" spans="14:14">
      <c r="N735633" s="10"/>
    </row>
    <row r="735634" spans="14:14">
      <c r="N735634" s="10"/>
    </row>
    <row r="735635" spans="14:14">
      <c r="N735635" s="10"/>
    </row>
    <row r="735636" spans="14:14">
      <c r="N735636" s="10"/>
    </row>
    <row r="735637" spans="14:14">
      <c r="N735637" s="10"/>
    </row>
    <row r="735638" spans="14:14">
      <c r="N735638" s="10"/>
    </row>
    <row r="735639" spans="14:14">
      <c r="N735639" s="10"/>
    </row>
    <row r="735640" spans="14:14">
      <c r="N735640" s="10"/>
    </row>
    <row r="735641" spans="14:14">
      <c r="N735641" s="10"/>
    </row>
    <row r="735642" spans="14:14">
      <c r="N735642" s="10"/>
    </row>
    <row r="735643" spans="14:14">
      <c r="N735643" s="10"/>
    </row>
    <row r="735644" spans="14:14">
      <c r="N735644" s="10"/>
    </row>
    <row r="735645" spans="14:14">
      <c r="N735645" s="10"/>
    </row>
    <row r="735646" spans="14:14">
      <c r="N735646" s="10"/>
    </row>
    <row r="735647" spans="14:14">
      <c r="N735647" s="10"/>
    </row>
    <row r="735648" spans="14:14">
      <c r="N735648" s="10"/>
    </row>
    <row r="735649" spans="14:14">
      <c r="N735649" s="10"/>
    </row>
    <row r="735650" spans="14:14">
      <c r="N735650" s="10"/>
    </row>
    <row r="735651" spans="14:14">
      <c r="N735651" s="10"/>
    </row>
    <row r="735652" spans="14:14">
      <c r="N735652" s="10"/>
    </row>
    <row r="735653" spans="14:14">
      <c r="N735653" s="10"/>
    </row>
    <row r="735654" spans="14:14">
      <c r="N735654" s="10"/>
    </row>
    <row r="735655" spans="14:14">
      <c r="N735655" s="10"/>
    </row>
    <row r="735656" spans="14:14">
      <c r="N735656" s="10"/>
    </row>
    <row r="735657" spans="14:14">
      <c r="N735657" s="10"/>
    </row>
    <row r="735658" spans="14:14">
      <c r="N735658" s="10"/>
    </row>
    <row r="735659" spans="14:14">
      <c r="N735659" s="10"/>
    </row>
    <row r="735660" spans="14:14">
      <c r="N735660" s="10"/>
    </row>
    <row r="735661" spans="14:14">
      <c r="N735661" s="10"/>
    </row>
    <row r="735662" spans="14:14">
      <c r="N735662" s="10"/>
    </row>
    <row r="735663" spans="14:14">
      <c r="N735663" s="10"/>
    </row>
    <row r="735664" spans="14:14">
      <c r="N735664" s="10"/>
    </row>
    <row r="735665" spans="14:14">
      <c r="N735665" s="10"/>
    </row>
    <row r="735666" spans="14:14">
      <c r="N735666" s="10"/>
    </row>
    <row r="735667" spans="14:14">
      <c r="N735667" s="10"/>
    </row>
    <row r="735668" spans="14:14">
      <c r="N735668" s="10"/>
    </row>
    <row r="735669" spans="14:14">
      <c r="N735669" s="10"/>
    </row>
    <row r="735670" spans="14:14">
      <c r="N735670" s="10"/>
    </row>
    <row r="735671" spans="14:14">
      <c r="N735671" s="10"/>
    </row>
    <row r="735672" spans="14:14">
      <c r="N735672" s="10"/>
    </row>
    <row r="735673" spans="14:14">
      <c r="N735673" s="10"/>
    </row>
    <row r="735674" spans="14:14">
      <c r="N735674" s="10"/>
    </row>
    <row r="735675" spans="14:14">
      <c r="N735675" s="10"/>
    </row>
    <row r="735676" spans="14:14">
      <c r="N735676" s="10"/>
    </row>
    <row r="735677" spans="14:14">
      <c r="N735677" s="10"/>
    </row>
    <row r="735678" spans="14:14">
      <c r="N735678" s="10"/>
    </row>
    <row r="735679" spans="14:14">
      <c r="N735679" s="10"/>
    </row>
    <row r="735680" spans="14:14">
      <c r="N735680" s="10"/>
    </row>
    <row r="735681" spans="14:14">
      <c r="N735681" s="10"/>
    </row>
    <row r="735682" spans="14:14">
      <c r="N735682" s="10"/>
    </row>
    <row r="735683" spans="14:14">
      <c r="N735683" s="10"/>
    </row>
    <row r="735684" spans="14:14">
      <c r="N735684" s="10"/>
    </row>
    <row r="735685" spans="14:14">
      <c r="N735685" s="10"/>
    </row>
    <row r="735686" spans="14:14">
      <c r="N735686" s="10"/>
    </row>
    <row r="735687" spans="14:14">
      <c r="N735687" s="10"/>
    </row>
    <row r="735688" spans="14:14">
      <c r="N735688" s="10"/>
    </row>
    <row r="735689" spans="14:14">
      <c r="N735689" s="10"/>
    </row>
    <row r="735690" spans="14:14">
      <c r="N735690" s="10"/>
    </row>
    <row r="735691" spans="14:14">
      <c r="N735691" s="10"/>
    </row>
    <row r="735692" spans="14:14">
      <c r="N735692" s="10"/>
    </row>
    <row r="735693" spans="14:14">
      <c r="N735693" s="10"/>
    </row>
    <row r="735694" spans="14:14">
      <c r="N735694" s="10"/>
    </row>
    <row r="735695" spans="14:14">
      <c r="N735695" s="10"/>
    </row>
    <row r="735696" spans="14:14">
      <c r="N735696" s="10"/>
    </row>
    <row r="735697" spans="14:14">
      <c r="N735697" s="10"/>
    </row>
    <row r="735698" spans="14:14">
      <c r="N735698" s="10"/>
    </row>
    <row r="735699" spans="14:14">
      <c r="N735699" s="10"/>
    </row>
    <row r="735700" spans="14:14">
      <c r="N735700" s="10"/>
    </row>
    <row r="735701" spans="14:14">
      <c r="N735701" s="10"/>
    </row>
    <row r="735702" spans="14:14">
      <c r="N735702" s="10"/>
    </row>
    <row r="735703" spans="14:14">
      <c r="N735703" s="10"/>
    </row>
    <row r="735704" spans="14:14">
      <c r="N735704" s="10"/>
    </row>
    <row r="735705" spans="14:14">
      <c r="N735705" s="10"/>
    </row>
    <row r="735706" spans="14:14">
      <c r="N735706" s="10"/>
    </row>
    <row r="735707" spans="14:14">
      <c r="N735707" s="10"/>
    </row>
    <row r="735708" spans="14:14">
      <c r="N735708" s="10"/>
    </row>
    <row r="735709" spans="14:14">
      <c r="N735709" s="10"/>
    </row>
    <row r="735710" spans="14:14">
      <c r="N735710" s="10"/>
    </row>
    <row r="735711" spans="14:14">
      <c r="N735711" s="10"/>
    </row>
    <row r="735712" spans="14:14">
      <c r="N735712" s="10"/>
    </row>
    <row r="735713" spans="14:14">
      <c r="N735713" s="10"/>
    </row>
    <row r="735714" spans="14:14">
      <c r="N735714" s="10"/>
    </row>
    <row r="735715" spans="14:14">
      <c r="N735715" s="10"/>
    </row>
    <row r="735716" spans="14:14">
      <c r="N735716" s="10"/>
    </row>
    <row r="735717" spans="14:14">
      <c r="N735717" s="10"/>
    </row>
    <row r="735718" spans="14:14">
      <c r="N735718" s="10"/>
    </row>
    <row r="735719" spans="14:14">
      <c r="N735719" s="10"/>
    </row>
    <row r="735720" spans="14:14">
      <c r="N735720" s="10"/>
    </row>
    <row r="735721" spans="14:14">
      <c r="N735721" s="10"/>
    </row>
    <row r="735722" spans="14:14">
      <c r="N735722" s="10"/>
    </row>
    <row r="735723" spans="14:14">
      <c r="N735723" s="10"/>
    </row>
    <row r="735724" spans="14:14">
      <c r="N735724" s="10"/>
    </row>
    <row r="735725" spans="14:14">
      <c r="N735725" s="10"/>
    </row>
    <row r="735726" spans="14:14">
      <c r="N735726" s="10"/>
    </row>
    <row r="735727" spans="14:14">
      <c r="N735727" s="10"/>
    </row>
    <row r="735728" spans="14:14">
      <c r="N735728" s="10"/>
    </row>
    <row r="735729" spans="14:14">
      <c r="N735729" s="10"/>
    </row>
    <row r="735730" spans="14:14">
      <c r="N735730" s="10"/>
    </row>
    <row r="735731" spans="14:14">
      <c r="N735731" s="10"/>
    </row>
    <row r="735732" spans="14:14">
      <c r="N735732" s="10"/>
    </row>
    <row r="735733" spans="14:14">
      <c r="N735733" s="10"/>
    </row>
    <row r="735734" spans="14:14">
      <c r="N735734" s="10"/>
    </row>
    <row r="735735" spans="14:14">
      <c r="N735735" s="10"/>
    </row>
    <row r="735736" spans="14:14">
      <c r="N735736" s="10"/>
    </row>
    <row r="735737" spans="14:14">
      <c r="N735737" s="10"/>
    </row>
    <row r="735738" spans="14:14">
      <c r="N735738" s="10"/>
    </row>
    <row r="735739" spans="14:14">
      <c r="N735739" s="10"/>
    </row>
    <row r="735740" spans="14:14">
      <c r="N735740" s="10"/>
    </row>
    <row r="735741" spans="14:14">
      <c r="N735741" s="10"/>
    </row>
    <row r="735742" spans="14:14">
      <c r="N735742" s="10"/>
    </row>
    <row r="735743" spans="14:14">
      <c r="N735743" s="10"/>
    </row>
    <row r="735744" spans="14:14">
      <c r="N735744" s="10"/>
    </row>
    <row r="735745" spans="14:14">
      <c r="N735745" s="10"/>
    </row>
    <row r="735746" spans="14:14">
      <c r="N735746" s="10"/>
    </row>
    <row r="735747" spans="14:14">
      <c r="N735747" s="10"/>
    </row>
    <row r="735748" spans="14:14">
      <c r="N735748" s="10"/>
    </row>
    <row r="735749" spans="14:14">
      <c r="N735749" s="10"/>
    </row>
    <row r="735750" spans="14:14">
      <c r="N735750" s="10"/>
    </row>
    <row r="735751" spans="14:14">
      <c r="N735751" s="10"/>
    </row>
    <row r="735752" spans="14:14">
      <c r="N735752" s="10"/>
    </row>
    <row r="735753" spans="14:14">
      <c r="N735753" s="10"/>
    </row>
    <row r="735754" spans="14:14">
      <c r="N735754" s="10"/>
    </row>
    <row r="735755" spans="14:14">
      <c r="N735755" s="10"/>
    </row>
    <row r="735756" spans="14:14">
      <c r="N735756" s="10"/>
    </row>
    <row r="735757" spans="14:14">
      <c r="N735757" s="10"/>
    </row>
    <row r="735758" spans="14:14">
      <c r="N735758" s="10"/>
    </row>
    <row r="735759" spans="14:14">
      <c r="N735759" s="10"/>
    </row>
    <row r="735760" spans="14:14">
      <c r="N735760" s="10"/>
    </row>
    <row r="735761" spans="14:14">
      <c r="N735761" s="10"/>
    </row>
    <row r="735762" spans="14:14">
      <c r="N735762" s="10"/>
    </row>
    <row r="735763" spans="14:14">
      <c r="N735763" s="10"/>
    </row>
    <row r="735764" spans="14:14">
      <c r="N735764" s="10"/>
    </row>
    <row r="735765" spans="14:14">
      <c r="N735765" s="10"/>
    </row>
    <row r="735766" spans="14:14">
      <c r="N735766" s="10"/>
    </row>
    <row r="735767" spans="14:14">
      <c r="N735767" s="10"/>
    </row>
    <row r="735768" spans="14:14">
      <c r="N735768" s="10"/>
    </row>
    <row r="735769" spans="14:14">
      <c r="N735769" s="10"/>
    </row>
    <row r="735770" spans="14:14">
      <c r="N735770" s="10"/>
    </row>
    <row r="735771" spans="14:14">
      <c r="N735771" s="10"/>
    </row>
    <row r="735772" spans="14:14">
      <c r="N735772" s="10"/>
    </row>
    <row r="735773" spans="14:14">
      <c r="N735773" s="10"/>
    </row>
    <row r="735774" spans="14:14">
      <c r="N735774" s="10"/>
    </row>
    <row r="735775" spans="14:14">
      <c r="N735775" s="10"/>
    </row>
    <row r="735776" spans="14:14">
      <c r="N735776" s="10"/>
    </row>
    <row r="735777" spans="14:14">
      <c r="N735777" s="10"/>
    </row>
    <row r="735778" spans="14:14">
      <c r="N735778" s="10"/>
    </row>
    <row r="735779" spans="14:14">
      <c r="N735779" s="10"/>
    </row>
    <row r="735780" spans="14:14">
      <c r="N735780" s="10"/>
    </row>
    <row r="735781" spans="14:14">
      <c r="N735781" s="10"/>
    </row>
    <row r="735782" spans="14:14">
      <c r="N735782" s="10"/>
    </row>
    <row r="735783" spans="14:14">
      <c r="N735783" s="10"/>
    </row>
    <row r="735784" spans="14:14">
      <c r="N735784" s="10"/>
    </row>
    <row r="735785" spans="14:14">
      <c r="N735785" s="10"/>
    </row>
    <row r="735786" spans="14:14">
      <c r="N735786" s="10"/>
    </row>
    <row r="735787" spans="14:14">
      <c r="N735787" s="10"/>
    </row>
    <row r="735788" spans="14:14">
      <c r="N735788" s="10"/>
    </row>
    <row r="735789" spans="14:14">
      <c r="N735789" s="10"/>
    </row>
    <row r="735790" spans="14:14">
      <c r="N735790" s="10"/>
    </row>
    <row r="735791" spans="14:14">
      <c r="N735791" s="10"/>
    </row>
    <row r="735792" spans="14:14">
      <c r="N735792" s="10"/>
    </row>
    <row r="735793" spans="14:14">
      <c r="N735793" s="10"/>
    </row>
    <row r="735794" spans="14:14">
      <c r="N735794" s="10"/>
    </row>
    <row r="735795" spans="14:14">
      <c r="N735795" s="10"/>
    </row>
    <row r="735796" spans="14:14">
      <c r="N735796" s="10"/>
    </row>
    <row r="735797" spans="14:14">
      <c r="N735797" s="10"/>
    </row>
    <row r="735798" spans="14:14">
      <c r="N735798" s="10"/>
    </row>
    <row r="735799" spans="14:14">
      <c r="N735799" s="10"/>
    </row>
    <row r="735800" spans="14:14">
      <c r="N735800" s="10"/>
    </row>
    <row r="735801" spans="14:14">
      <c r="N735801" s="10"/>
    </row>
    <row r="735802" spans="14:14">
      <c r="N735802" s="10"/>
    </row>
    <row r="735803" spans="14:14">
      <c r="N735803" s="10"/>
    </row>
    <row r="735804" spans="14:14">
      <c r="N735804" s="10"/>
    </row>
    <row r="735805" spans="14:14">
      <c r="N735805" s="10"/>
    </row>
    <row r="735806" spans="14:14">
      <c r="N735806" s="10"/>
    </row>
    <row r="735807" spans="14:14">
      <c r="N735807" s="10"/>
    </row>
    <row r="735808" spans="14:14">
      <c r="N735808" s="10"/>
    </row>
    <row r="735809" spans="14:14">
      <c r="N735809" s="10"/>
    </row>
    <row r="735810" spans="14:14">
      <c r="N735810" s="10"/>
    </row>
    <row r="735811" spans="14:14">
      <c r="N735811" s="10"/>
    </row>
    <row r="735812" spans="14:14">
      <c r="N735812" s="10"/>
    </row>
    <row r="735813" spans="14:14">
      <c r="N735813" s="10"/>
    </row>
    <row r="735814" spans="14:14">
      <c r="N735814" s="10"/>
    </row>
    <row r="735815" spans="14:14">
      <c r="N735815" s="10"/>
    </row>
    <row r="735816" spans="14:14">
      <c r="N735816" s="10"/>
    </row>
    <row r="735817" spans="14:14">
      <c r="N735817" s="10"/>
    </row>
    <row r="735818" spans="14:14">
      <c r="N735818" s="10"/>
    </row>
    <row r="735819" spans="14:14">
      <c r="N735819" s="10"/>
    </row>
    <row r="735820" spans="14:14">
      <c r="N735820" s="10"/>
    </row>
    <row r="735821" spans="14:14">
      <c r="N735821" s="10"/>
    </row>
    <row r="735822" spans="14:14">
      <c r="N735822" s="10"/>
    </row>
    <row r="735823" spans="14:14">
      <c r="N735823" s="10"/>
    </row>
    <row r="735824" spans="14:14">
      <c r="N735824" s="10"/>
    </row>
    <row r="735825" spans="14:14">
      <c r="N735825" s="10"/>
    </row>
    <row r="735826" spans="14:14">
      <c r="N735826" s="10"/>
    </row>
    <row r="735827" spans="14:14">
      <c r="N735827" s="10"/>
    </row>
    <row r="735828" spans="14:14">
      <c r="N735828" s="10"/>
    </row>
    <row r="735829" spans="14:14">
      <c r="N735829" s="10"/>
    </row>
    <row r="735830" spans="14:14">
      <c r="N735830" s="10"/>
    </row>
    <row r="735831" spans="14:14">
      <c r="N735831" s="10"/>
    </row>
    <row r="735832" spans="14:14">
      <c r="N735832" s="10"/>
    </row>
    <row r="735833" spans="14:14">
      <c r="N735833" s="10"/>
    </row>
    <row r="735834" spans="14:14">
      <c r="N735834" s="10"/>
    </row>
    <row r="735835" spans="14:14">
      <c r="N735835" s="10"/>
    </row>
    <row r="735836" spans="14:14">
      <c r="N735836" s="10"/>
    </row>
    <row r="735837" spans="14:14">
      <c r="N735837" s="10"/>
    </row>
    <row r="735838" spans="14:14">
      <c r="N735838" s="10"/>
    </row>
    <row r="735839" spans="14:14">
      <c r="N735839" s="10"/>
    </row>
    <row r="735840" spans="14:14">
      <c r="N735840" s="10"/>
    </row>
    <row r="735841" spans="14:14">
      <c r="N735841" s="10"/>
    </row>
    <row r="735842" spans="14:14">
      <c r="N735842" s="10"/>
    </row>
    <row r="735843" spans="14:14">
      <c r="N735843" s="10"/>
    </row>
    <row r="735844" spans="14:14">
      <c r="N735844" s="10"/>
    </row>
    <row r="735845" spans="14:14">
      <c r="N735845" s="10"/>
    </row>
    <row r="735846" spans="14:14">
      <c r="N735846" s="10"/>
    </row>
    <row r="735847" spans="14:14">
      <c r="N735847" s="10"/>
    </row>
    <row r="735848" spans="14:14">
      <c r="N735848" s="10"/>
    </row>
    <row r="735849" spans="14:14">
      <c r="N735849" s="10"/>
    </row>
    <row r="735850" spans="14:14">
      <c r="N735850" s="10"/>
    </row>
    <row r="735851" spans="14:14">
      <c r="N735851" s="10"/>
    </row>
    <row r="735852" spans="14:14">
      <c r="N735852" s="10"/>
    </row>
    <row r="735853" spans="14:14">
      <c r="N735853" s="10"/>
    </row>
    <row r="735854" spans="14:14">
      <c r="N735854" s="10"/>
    </row>
    <row r="735855" spans="14:14">
      <c r="N735855" s="10"/>
    </row>
    <row r="735856" spans="14:14">
      <c r="N735856" s="10"/>
    </row>
    <row r="735857" spans="14:14">
      <c r="N735857" s="10"/>
    </row>
    <row r="735858" spans="14:14">
      <c r="N735858" s="10"/>
    </row>
    <row r="735859" spans="14:14">
      <c r="N735859" s="10"/>
    </row>
    <row r="735860" spans="14:14">
      <c r="N735860" s="10"/>
    </row>
    <row r="735861" spans="14:14">
      <c r="N735861" s="10"/>
    </row>
    <row r="735862" spans="14:14">
      <c r="N735862" s="10"/>
    </row>
    <row r="735863" spans="14:14">
      <c r="N735863" s="10"/>
    </row>
    <row r="735864" spans="14:14">
      <c r="N735864" s="10"/>
    </row>
    <row r="735865" spans="14:14">
      <c r="N735865" s="10"/>
    </row>
    <row r="735866" spans="14:14">
      <c r="N735866" s="10"/>
    </row>
    <row r="735867" spans="14:14">
      <c r="N735867" s="10"/>
    </row>
    <row r="735868" spans="14:14">
      <c r="N735868" s="10"/>
    </row>
    <row r="735869" spans="14:14">
      <c r="N735869" s="10"/>
    </row>
    <row r="735870" spans="14:14">
      <c r="N735870" s="10"/>
    </row>
    <row r="735871" spans="14:14">
      <c r="N735871" s="10"/>
    </row>
    <row r="735872" spans="14:14">
      <c r="N735872" s="10"/>
    </row>
    <row r="735873" spans="14:14">
      <c r="N735873" s="10"/>
    </row>
    <row r="735874" spans="14:14">
      <c r="N735874" s="10"/>
    </row>
    <row r="735875" spans="14:14">
      <c r="N735875" s="10"/>
    </row>
    <row r="735876" spans="14:14">
      <c r="N735876" s="10"/>
    </row>
    <row r="735877" spans="14:14">
      <c r="N735877" s="10"/>
    </row>
    <row r="735878" spans="14:14">
      <c r="N735878" s="10"/>
    </row>
    <row r="735879" spans="14:14">
      <c r="N735879" s="10"/>
    </row>
    <row r="735880" spans="14:14">
      <c r="N735880" s="10"/>
    </row>
    <row r="735881" spans="14:14">
      <c r="N735881" s="10"/>
    </row>
    <row r="735882" spans="14:14">
      <c r="N735882" s="10"/>
    </row>
    <row r="735883" spans="14:14">
      <c r="N735883" s="10"/>
    </row>
    <row r="735884" spans="14:14">
      <c r="N735884" s="10"/>
    </row>
    <row r="735885" spans="14:14">
      <c r="N735885" s="10"/>
    </row>
    <row r="735886" spans="14:14">
      <c r="N735886" s="10"/>
    </row>
    <row r="735887" spans="14:14">
      <c r="N735887" s="10"/>
    </row>
    <row r="735888" spans="14:14">
      <c r="N735888" s="10"/>
    </row>
    <row r="735889" spans="14:14">
      <c r="N735889" s="10"/>
    </row>
    <row r="735890" spans="14:14">
      <c r="N735890" s="10"/>
    </row>
    <row r="735891" spans="14:14">
      <c r="N735891" s="10"/>
    </row>
    <row r="735892" spans="14:14">
      <c r="N735892" s="10"/>
    </row>
    <row r="735893" spans="14:14">
      <c r="N735893" s="10"/>
    </row>
    <row r="735894" spans="14:14">
      <c r="N735894" s="10"/>
    </row>
    <row r="735895" spans="14:14">
      <c r="N735895" s="10"/>
    </row>
    <row r="735896" spans="14:14">
      <c r="N735896" s="10"/>
    </row>
    <row r="735897" spans="14:14">
      <c r="N735897" s="10"/>
    </row>
    <row r="735898" spans="14:14">
      <c r="N735898" s="10"/>
    </row>
    <row r="735899" spans="14:14">
      <c r="N735899" s="10"/>
    </row>
    <row r="735900" spans="14:14">
      <c r="N735900" s="10"/>
    </row>
    <row r="735901" spans="14:14">
      <c r="N735901" s="10"/>
    </row>
    <row r="735902" spans="14:14">
      <c r="N735902" s="10"/>
    </row>
    <row r="735903" spans="14:14">
      <c r="N735903" s="10"/>
    </row>
    <row r="735904" spans="14:14">
      <c r="N735904" s="10"/>
    </row>
    <row r="735905" spans="14:14">
      <c r="N735905" s="10"/>
    </row>
    <row r="735906" spans="14:14">
      <c r="N735906" s="10"/>
    </row>
    <row r="735907" spans="14:14">
      <c r="N735907" s="10"/>
    </row>
    <row r="735908" spans="14:14">
      <c r="N735908" s="10"/>
    </row>
    <row r="735909" spans="14:14">
      <c r="N735909" s="10"/>
    </row>
    <row r="735910" spans="14:14">
      <c r="N735910" s="10"/>
    </row>
    <row r="735911" spans="14:14">
      <c r="N735911" s="10"/>
    </row>
    <row r="735912" spans="14:14">
      <c r="N735912" s="10"/>
    </row>
    <row r="735913" spans="14:14">
      <c r="N735913" s="10"/>
    </row>
    <row r="735914" spans="14:14">
      <c r="N735914" s="10"/>
    </row>
    <row r="735915" spans="14:14">
      <c r="N735915" s="10"/>
    </row>
    <row r="735916" spans="14:14">
      <c r="N735916" s="10"/>
    </row>
    <row r="735917" spans="14:14">
      <c r="N735917" s="10"/>
    </row>
    <row r="735918" spans="14:14">
      <c r="N735918" s="10"/>
    </row>
    <row r="735919" spans="14:14">
      <c r="N735919" s="10"/>
    </row>
    <row r="735920" spans="14:14">
      <c r="N735920" s="10"/>
    </row>
    <row r="735921" spans="14:14">
      <c r="N735921" s="10"/>
    </row>
    <row r="735922" spans="14:14">
      <c r="N735922" s="10"/>
    </row>
    <row r="735923" spans="14:14">
      <c r="N735923" s="10"/>
    </row>
    <row r="735924" spans="14:14">
      <c r="N735924" s="10"/>
    </row>
    <row r="735925" spans="14:14">
      <c r="N735925" s="10"/>
    </row>
    <row r="735926" spans="14:14">
      <c r="N735926" s="10"/>
    </row>
    <row r="735927" spans="14:14">
      <c r="N735927" s="10"/>
    </row>
    <row r="735928" spans="14:14">
      <c r="N735928" s="10"/>
    </row>
    <row r="735929" spans="14:14">
      <c r="N735929" s="10"/>
    </row>
    <row r="735930" spans="14:14">
      <c r="N735930" s="10"/>
    </row>
    <row r="735931" spans="14:14">
      <c r="N735931" s="10"/>
    </row>
    <row r="735932" spans="14:14">
      <c r="N735932" s="10"/>
    </row>
    <row r="735933" spans="14:14">
      <c r="N735933" s="10"/>
    </row>
    <row r="735934" spans="14:14">
      <c r="N735934" s="10"/>
    </row>
    <row r="735935" spans="14:14">
      <c r="N735935" s="10"/>
    </row>
    <row r="735936" spans="14:14">
      <c r="N735936" s="10"/>
    </row>
    <row r="735937" spans="14:14">
      <c r="N735937" s="10"/>
    </row>
    <row r="735938" spans="14:14">
      <c r="N735938" s="10"/>
    </row>
    <row r="735939" spans="14:14">
      <c r="N735939" s="10"/>
    </row>
    <row r="735940" spans="14:14">
      <c r="N735940" s="10"/>
    </row>
    <row r="735941" spans="14:14">
      <c r="N735941" s="10"/>
    </row>
    <row r="735942" spans="14:14">
      <c r="N735942" s="10"/>
    </row>
    <row r="735943" spans="14:14">
      <c r="N735943" s="10"/>
    </row>
    <row r="735944" spans="14:14">
      <c r="N735944" s="10"/>
    </row>
    <row r="735945" spans="14:14">
      <c r="N735945" s="10"/>
    </row>
    <row r="735946" spans="14:14">
      <c r="N735946" s="10"/>
    </row>
    <row r="735947" spans="14:14">
      <c r="N735947" s="10"/>
    </row>
    <row r="735948" spans="14:14">
      <c r="N735948" s="10"/>
    </row>
    <row r="735949" spans="14:14">
      <c r="N735949" s="10"/>
    </row>
    <row r="735950" spans="14:14">
      <c r="N735950" s="10"/>
    </row>
    <row r="735951" spans="14:14">
      <c r="N735951" s="10"/>
    </row>
    <row r="735952" spans="14:14">
      <c r="N735952" s="10"/>
    </row>
    <row r="735953" spans="14:14">
      <c r="N735953" s="10"/>
    </row>
    <row r="735954" spans="14:14">
      <c r="N735954" s="10"/>
    </row>
    <row r="735955" spans="14:14">
      <c r="N735955" s="10"/>
    </row>
    <row r="735956" spans="14:14">
      <c r="N735956" s="10"/>
    </row>
    <row r="735957" spans="14:14">
      <c r="N735957" s="10"/>
    </row>
    <row r="735958" spans="14:14">
      <c r="N735958" s="10"/>
    </row>
    <row r="735959" spans="14:14">
      <c r="N735959" s="10"/>
    </row>
    <row r="735960" spans="14:14">
      <c r="N735960" s="10"/>
    </row>
    <row r="735961" spans="14:14">
      <c r="N735961" s="10"/>
    </row>
    <row r="735962" spans="14:14">
      <c r="N735962" s="10"/>
    </row>
    <row r="735963" spans="14:14">
      <c r="N735963" s="10"/>
    </row>
    <row r="735964" spans="14:14">
      <c r="N735964" s="10"/>
    </row>
    <row r="735965" spans="14:14">
      <c r="N735965" s="10"/>
    </row>
    <row r="735966" spans="14:14">
      <c r="N735966" s="10"/>
    </row>
    <row r="735967" spans="14:14">
      <c r="N735967" s="10"/>
    </row>
    <row r="735968" spans="14:14">
      <c r="N735968" s="10"/>
    </row>
    <row r="735969" spans="14:14">
      <c r="N735969" s="10"/>
    </row>
    <row r="735970" spans="14:14">
      <c r="N735970" s="10"/>
    </row>
    <row r="735971" spans="14:14">
      <c r="N735971" s="10"/>
    </row>
    <row r="735972" spans="14:14">
      <c r="N735972" s="10"/>
    </row>
    <row r="735973" spans="14:14">
      <c r="N735973" s="10"/>
    </row>
    <row r="735974" spans="14:14">
      <c r="N735974" s="10"/>
    </row>
    <row r="735975" spans="14:14">
      <c r="N735975" s="10"/>
    </row>
    <row r="735976" spans="14:14">
      <c r="N735976" s="10"/>
    </row>
    <row r="735977" spans="14:14">
      <c r="N735977" s="10"/>
    </row>
    <row r="735978" spans="14:14">
      <c r="N735978" s="10"/>
    </row>
    <row r="735979" spans="14:14">
      <c r="N735979" s="10"/>
    </row>
    <row r="735980" spans="14:14">
      <c r="N735980" s="10"/>
    </row>
    <row r="735981" spans="14:14">
      <c r="N735981" s="10"/>
    </row>
    <row r="735982" spans="14:14">
      <c r="N735982" s="10"/>
    </row>
    <row r="735983" spans="14:14">
      <c r="N735983" s="10"/>
    </row>
    <row r="735984" spans="14:14">
      <c r="N735984" s="10"/>
    </row>
    <row r="735985" spans="14:14">
      <c r="N735985" s="10"/>
    </row>
    <row r="735986" spans="14:14">
      <c r="N735986" s="10"/>
    </row>
    <row r="735987" spans="14:14">
      <c r="N735987" s="10"/>
    </row>
    <row r="735988" spans="14:14">
      <c r="N735988" s="10"/>
    </row>
    <row r="735989" spans="14:14">
      <c r="N735989" s="10"/>
    </row>
    <row r="735990" spans="14:14">
      <c r="N735990" s="10"/>
    </row>
    <row r="735991" spans="14:14">
      <c r="N735991" s="10"/>
    </row>
    <row r="735992" spans="14:14">
      <c r="N735992" s="10"/>
    </row>
    <row r="735993" spans="14:14">
      <c r="N735993" s="10"/>
    </row>
    <row r="735994" spans="14:14">
      <c r="N735994" s="10"/>
    </row>
    <row r="735995" spans="14:14">
      <c r="N735995" s="10"/>
    </row>
    <row r="735996" spans="14:14">
      <c r="N735996" s="10"/>
    </row>
    <row r="735997" spans="14:14">
      <c r="N735997" s="10"/>
    </row>
    <row r="735998" spans="14:14">
      <c r="N735998" s="10"/>
    </row>
    <row r="735999" spans="14:14">
      <c r="N735999" s="10"/>
    </row>
    <row r="736000" spans="14:14">
      <c r="N736000" s="10"/>
    </row>
    <row r="736001" spans="14:14">
      <c r="N736001" s="10"/>
    </row>
    <row r="736002" spans="14:14">
      <c r="N736002" s="10"/>
    </row>
    <row r="736003" spans="14:14">
      <c r="N736003" s="10"/>
    </row>
    <row r="736004" spans="14:14">
      <c r="N736004" s="10"/>
    </row>
    <row r="736005" spans="14:14">
      <c r="N736005" s="10"/>
    </row>
    <row r="736006" spans="14:14">
      <c r="N736006" s="10"/>
    </row>
    <row r="736007" spans="14:14">
      <c r="N736007" s="10"/>
    </row>
    <row r="736008" spans="14:14">
      <c r="N736008" s="10"/>
    </row>
    <row r="736009" spans="14:14">
      <c r="N736009" s="10"/>
    </row>
    <row r="736010" spans="14:14">
      <c r="N736010" s="10"/>
    </row>
    <row r="736011" spans="14:14">
      <c r="N736011" s="10"/>
    </row>
    <row r="736012" spans="14:14">
      <c r="N736012" s="10"/>
    </row>
    <row r="736013" spans="14:14">
      <c r="N736013" s="10"/>
    </row>
    <row r="736014" spans="14:14">
      <c r="N736014" s="10"/>
    </row>
    <row r="736015" spans="14:14">
      <c r="N736015" s="10"/>
    </row>
    <row r="736016" spans="14:14">
      <c r="N736016" s="10"/>
    </row>
    <row r="736017" spans="14:14">
      <c r="N736017" s="10"/>
    </row>
    <row r="736018" spans="14:14">
      <c r="N736018" s="10"/>
    </row>
    <row r="736019" spans="14:14">
      <c r="N736019" s="10"/>
    </row>
    <row r="736020" spans="14:14">
      <c r="N736020" s="10"/>
    </row>
    <row r="736021" spans="14:14">
      <c r="N736021" s="10"/>
    </row>
    <row r="736022" spans="14:14">
      <c r="N736022" s="10"/>
    </row>
    <row r="736023" spans="14:14">
      <c r="N736023" s="10"/>
    </row>
    <row r="736024" spans="14:14">
      <c r="N736024" s="10"/>
    </row>
    <row r="736025" spans="14:14">
      <c r="N736025" s="10"/>
    </row>
    <row r="736026" spans="14:14">
      <c r="N736026" s="10"/>
    </row>
    <row r="736027" spans="14:14">
      <c r="N736027" s="10"/>
    </row>
    <row r="736028" spans="14:14">
      <c r="N736028" s="10"/>
    </row>
    <row r="736029" spans="14:14">
      <c r="N736029" s="10"/>
    </row>
    <row r="736030" spans="14:14">
      <c r="N736030" s="10"/>
    </row>
    <row r="736031" spans="14:14">
      <c r="N736031" s="10"/>
    </row>
    <row r="736032" spans="14:14">
      <c r="N736032" s="10"/>
    </row>
    <row r="736033" spans="14:14">
      <c r="N736033" s="10"/>
    </row>
    <row r="736034" spans="14:14">
      <c r="N736034" s="10"/>
    </row>
    <row r="736035" spans="14:14">
      <c r="N736035" s="10"/>
    </row>
    <row r="736036" spans="14:14">
      <c r="N736036" s="10"/>
    </row>
    <row r="736037" spans="14:14">
      <c r="N736037" s="10"/>
    </row>
    <row r="736038" spans="14:14">
      <c r="N736038" s="10"/>
    </row>
    <row r="736039" spans="14:14">
      <c r="N736039" s="10"/>
    </row>
    <row r="736040" spans="14:14">
      <c r="N736040" s="10"/>
    </row>
    <row r="736041" spans="14:14">
      <c r="N736041" s="10"/>
    </row>
    <row r="736042" spans="14:14">
      <c r="N736042" s="10"/>
    </row>
    <row r="736043" spans="14:14">
      <c r="N736043" s="10"/>
    </row>
    <row r="736044" spans="14:14">
      <c r="N736044" s="10"/>
    </row>
    <row r="736045" spans="14:14">
      <c r="N736045" s="10"/>
    </row>
    <row r="736046" spans="14:14">
      <c r="N736046" s="10"/>
    </row>
    <row r="736047" spans="14:14">
      <c r="N736047" s="10"/>
    </row>
    <row r="736048" spans="14:14">
      <c r="N736048" s="10"/>
    </row>
    <row r="736049" spans="14:14">
      <c r="N736049" s="10"/>
    </row>
    <row r="736050" spans="14:14">
      <c r="N736050" s="10"/>
    </row>
    <row r="736051" spans="14:14">
      <c r="N736051" s="10"/>
    </row>
    <row r="736052" spans="14:14">
      <c r="N736052" s="10"/>
    </row>
    <row r="736053" spans="14:14">
      <c r="N736053" s="10"/>
    </row>
    <row r="736054" spans="14:14">
      <c r="N736054" s="10"/>
    </row>
    <row r="736055" spans="14:14">
      <c r="N736055" s="10"/>
    </row>
    <row r="736056" spans="14:14">
      <c r="N736056" s="10"/>
    </row>
    <row r="736057" spans="14:14">
      <c r="N736057" s="10"/>
    </row>
    <row r="736058" spans="14:14">
      <c r="N736058" s="10"/>
    </row>
    <row r="736059" spans="14:14">
      <c r="N736059" s="10"/>
    </row>
    <row r="736060" spans="14:14">
      <c r="N736060" s="10"/>
    </row>
    <row r="736061" spans="14:14">
      <c r="N736061" s="10"/>
    </row>
    <row r="736062" spans="14:14">
      <c r="N736062" s="10"/>
    </row>
    <row r="736063" spans="14:14">
      <c r="N736063" s="10"/>
    </row>
    <row r="736064" spans="14:14">
      <c r="N736064" s="10"/>
    </row>
    <row r="736065" spans="14:14">
      <c r="N736065" s="10"/>
    </row>
    <row r="736066" spans="14:14">
      <c r="N736066" s="10"/>
    </row>
    <row r="736067" spans="14:14">
      <c r="N736067" s="10"/>
    </row>
    <row r="736068" spans="14:14">
      <c r="N736068" s="10"/>
    </row>
    <row r="736069" spans="14:14">
      <c r="N736069" s="10"/>
    </row>
    <row r="736070" spans="14:14">
      <c r="N736070" s="10"/>
    </row>
    <row r="736071" spans="14:14">
      <c r="N736071" s="10"/>
    </row>
    <row r="736072" spans="14:14">
      <c r="N736072" s="10"/>
    </row>
    <row r="736073" spans="14:14">
      <c r="N736073" s="10"/>
    </row>
    <row r="736074" spans="14:14">
      <c r="N736074" s="10"/>
    </row>
    <row r="736075" spans="14:14">
      <c r="N736075" s="10"/>
    </row>
    <row r="736076" spans="14:14">
      <c r="N736076" s="10"/>
    </row>
    <row r="736077" spans="14:14">
      <c r="N736077" s="10"/>
    </row>
    <row r="736078" spans="14:14">
      <c r="N736078" s="10"/>
    </row>
    <row r="736079" spans="14:14">
      <c r="N736079" s="10"/>
    </row>
    <row r="736080" spans="14:14">
      <c r="N736080" s="10"/>
    </row>
    <row r="736081" spans="14:14">
      <c r="N736081" s="10"/>
    </row>
    <row r="736082" spans="14:14">
      <c r="N736082" s="10"/>
    </row>
    <row r="736083" spans="14:14">
      <c r="N736083" s="10"/>
    </row>
    <row r="736084" spans="14:14">
      <c r="N736084" s="10"/>
    </row>
    <row r="736085" spans="14:14">
      <c r="N736085" s="10"/>
    </row>
    <row r="736086" spans="14:14">
      <c r="N736086" s="10"/>
    </row>
    <row r="736087" spans="14:14">
      <c r="N736087" s="10"/>
    </row>
    <row r="736088" spans="14:14">
      <c r="N736088" s="10"/>
    </row>
    <row r="736089" spans="14:14">
      <c r="N736089" s="10"/>
    </row>
    <row r="736090" spans="14:14">
      <c r="N736090" s="10"/>
    </row>
    <row r="736091" spans="14:14">
      <c r="N736091" s="10"/>
    </row>
    <row r="736092" spans="14:14">
      <c r="N736092" s="10"/>
    </row>
    <row r="736093" spans="14:14">
      <c r="N736093" s="10"/>
    </row>
    <row r="736094" spans="14:14">
      <c r="N736094" s="10"/>
    </row>
    <row r="736095" spans="14:14">
      <c r="N736095" s="10"/>
    </row>
    <row r="736096" spans="14:14">
      <c r="N736096" s="10"/>
    </row>
    <row r="736097" spans="14:14">
      <c r="N736097" s="10"/>
    </row>
    <row r="736098" spans="14:14">
      <c r="N736098" s="10"/>
    </row>
    <row r="736099" spans="14:14">
      <c r="N736099" s="10"/>
    </row>
    <row r="736100" spans="14:14">
      <c r="N736100" s="10"/>
    </row>
    <row r="736101" spans="14:14">
      <c r="N736101" s="10"/>
    </row>
    <row r="736102" spans="14:14">
      <c r="N736102" s="10"/>
    </row>
    <row r="736103" spans="14:14">
      <c r="N736103" s="10"/>
    </row>
    <row r="736104" spans="14:14">
      <c r="N736104" s="10"/>
    </row>
    <row r="736105" spans="14:14">
      <c r="N736105" s="10"/>
    </row>
    <row r="736106" spans="14:14">
      <c r="N736106" s="10"/>
    </row>
    <row r="736107" spans="14:14">
      <c r="N736107" s="10"/>
    </row>
    <row r="736108" spans="14:14">
      <c r="N736108" s="10"/>
    </row>
    <row r="736109" spans="14:14">
      <c r="N736109" s="10"/>
    </row>
    <row r="736110" spans="14:14">
      <c r="N736110" s="10"/>
    </row>
    <row r="736111" spans="14:14">
      <c r="N736111" s="10"/>
    </row>
    <row r="736112" spans="14:14">
      <c r="N736112" s="10"/>
    </row>
    <row r="736113" spans="14:14">
      <c r="N736113" s="10"/>
    </row>
    <row r="736114" spans="14:14">
      <c r="N736114" s="10"/>
    </row>
    <row r="736115" spans="14:14">
      <c r="N736115" s="10"/>
    </row>
    <row r="736116" spans="14:14">
      <c r="N736116" s="10"/>
    </row>
    <row r="736117" spans="14:14">
      <c r="N736117" s="10"/>
    </row>
    <row r="736118" spans="14:14">
      <c r="N736118" s="10"/>
    </row>
    <row r="736119" spans="14:14">
      <c r="N736119" s="10"/>
    </row>
    <row r="736120" spans="14:14">
      <c r="N736120" s="10"/>
    </row>
    <row r="736121" spans="14:14">
      <c r="N736121" s="10"/>
    </row>
    <row r="736122" spans="14:14">
      <c r="N736122" s="10"/>
    </row>
    <row r="736123" spans="14:14">
      <c r="N736123" s="10"/>
    </row>
    <row r="736124" spans="14:14">
      <c r="N736124" s="10"/>
    </row>
    <row r="736125" spans="14:14">
      <c r="N736125" s="10"/>
    </row>
    <row r="736126" spans="14:14">
      <c r="N736126" s="10"/>
    </row>
    <row r="736127" spans="14:14">
      <c r="N736127" s="10"/>
    </row>
    <row r="736128" spans="14:14">
      <c r="N736128" s="10"/>
    </row>
    <row r="736129" spans="14:14">
      <c r="N736129" s="10"/>
    </row>
    <row r="736130" spans="14:14">
      <c r="N736130" s="10"/>
    </row>
    <row r="736131" spans="14:14">
      <c r="N736131" s="10"/>
    </row>
    <row r="736132" spans="14:14">
      <c r="N736132" s="10"/>
    </row>
    <row r="736133" spans="14:14">
      <c r="N736133" s="10"/>
    </row>
    <row r="736134" spans="14:14">
      <c r="N736134" s="10"/>
    </row>
    <row r="736135" spans="14:14">
      <c r="N736135" s="10"/>
    </row>
    <row r="736136" spans="14:14">
      <c r="N736136" s="10"/>
    </row>
    <row r="736137" spans="14:14">
      <c r="N736137" s="10"/>
    </row>
    <row r="736138" spans="14:14">
      <c r="N736138" s="10"/>
    </row>
    <row r="736139" spans="14:14">
      <c r="N736139" s="10"/>
    </row>
    <row r="736140" spans="14:14">
      <c r="N736140" s="10"/>
    </row>
    <row r="736141" spans="14:14">
      <c r="N736141" s="10"/>
    </row>
    <row r="736142" spans="14:14">
      <c r="N736142" s="10"/>
    </row>
    <row r="736143" spans="14:14">
      <c r="N736143" s="10"/>
    </row>
    <row r="736144" spans="14:14">
      <c r="N736144" s="10"/>
    </row>
    <row r="736145" spans="14:14">
      <c r="N736145" s="10"/>
    </row>
    <row r="736146" spans="14:14">
      <c r="N736146" s="10"/>
    </row>
    <row r="736147" spans="14:14">
      <c r="N736147" s="10"/>
    </row>
    <row r="736148" spans="14:14">
      <c r="N736148" s="10"/>
    </row>
    <row r="736149" spans="14:14">
      <c r="N736149" s="10"/>
    </row>
    <row r="736150" spans="14:14">
      <c r="N736150" s="10"/>
    </row>
    <row r="736151" spans="14:14">
      <c r="N736151" s="10"/>
    </row>
    <row r="736152" spans="14:14">
      <c r="N736152" s="10"/>
    </row>
    <row r="736153" spans="14:14">
      <c r="N736153" s="10"/>
    </row>
    <row r="736154" spans="14:14">
      <c r="N736154" s="10"/>
    </row>
    <row r="736155" spans="14:14">
      <c r="N736155" s="10"/>
    </row>
    <row r="736156" spans="14:14">
      <c r="N736156" s="10"/>
    </row>
    <row r="736157" spans="14:14">
      <c r="N736157" s="10"/>
    </row>
    <row r="736158" spans="14:14">
      <c r="N736158" s="10"/>
    </row>
    <row r="736159" spans="14:14">
      <c r="N736159" s="10"/>
    </row>
    <row r="736160" spans="14:14">
      <c r="N736160" s="10"/>
    </row>
    <row r="736161" spans="14:14">
      <c r="N736161" s="10"/>
    </row>
    <row r="736162" spans="14:14">
      <c r="N736162" s="10"/>
    </row>
    <row r="736163" spans="14:14">
      <c r="N736163" s="10"/>
    </row>
    <row r="736164" spans="14:14">
      <c r="N736164" s="10"/>
    </row>
    <row r="736165" spans="14:14">
      <c r="N736165" s="10"/>
    </row>
    <row r="736166" spans="14:14">
      <c r="N736166" s="10"/>
    </row>
    <row r="736167" spans="14:14">
      <c r="N736167" s="10"/>
    </row>
    <row r="736168" spans="14:14">
      <c r="N736168" s="10"/>
    </row>
    <row r="736169" spans="14:14">
      <c r="N736169" s="10"/>
    </row>
    <row r="736170" spans="14:14">
      <c r="N736170" s="10"/>
    </row>
    <row r="736171" spans="14:14">
      <c r="N736171" s="10"/>
    </row>
    <row r="736172" spans="14:14">
      <c r="N736172" s="10"/>
    </row>
    <row r="736173" spans="14:14">
      <c r="N736173" s="10"/>
    </row>
    <row r="736174" spans="14:14">
      <c r="N736174" s="10"/>
    </row>
    <row r="736175" spans="14:14">
      <c r="N736175" s="10"/>
    </row>
    <row r="736176" spans="14:14">
      <c r="N736176" s="10"/>
    </row>
    <row r="736177" spans="14:14">
      <c r="N736177" s="10"/>
    </row>
    <row r="736178" spans="14:14">
      <c r="N736178" s="10"/>
    </row>
    <row r="736179" spans="14:14">
      <c r="N736179" s="10"/>
    </row>
    <row r="736180" spans="14:14">
      <c r="N736180" s="10"/>
    </row>
    <row r="736181" spans="14:14">
      <c r="N736181" s="10"/>
    </row>
    <row r="736182" spans="14:14">
      <c r="N736182" s="10"/>
    </row>
    <row r="736183" spans="14:14">
      <c r="N736183" s="10"/>
    </row>
    <row r="736184" spans="14:14">
      <c r="N736184" s="10"/>
    </row>
    <row r="736185" spans="14:14">
      <c r="N736185" s="10"/>
    </row>
    <row r="736186" spans="14:14">
      <c r="N736186" s="10"/>
    </row>
    <row r="736187" spans="14:14">
      <c r="N736187" s="10"/>
    </row>
    <row r="736188" spans="14:14">
      <c r="N736188" s="10"/>
    </row>
    <row r="736189" spans="14:14">
      <c r="N736189" s="10"/>
    </row>
    <row r="736190" spans="14:14">
      <c r="N736190" s="10"/>
    </row>
    <row r="736191" spans="14:14">
      <c r="N736191" s="10"/>
    </row>
    <row r="736192" spans="14:14">
      <c r="N736192" s="10"/>
    </row>
    <row r="736193" spans="14:14">
      <c r="N736193" s="10"/>
    </row>
    <row r="736194" spans="14:14">
      <c r="N736194" s="10"/>
    </row>
    <row r="736195" spans="14:14">
      <c r="N736195" s="10"/>
    </row>
    <row r="736196" spans="14:14">
      <c r="N736196" s="10"/>
    </row>
    <row r="736197" spans="14:14">
      <c r="N736197" s="10"/>
    </row>
    <row r="736198" spans="14:14">
      <c r="N736198" s="10"/>
    </row>
    <row r="736199" spans="14:14">
      <c r="N736199" s="10"/>
    </row>
    <row r="736200" spans="14:14">
      <c r="N736200" s="10"/>
    </row>
    <row r="736201" spans="14:14">
      <c r="N736201" s="10"/>
    </row>
    <row r="736202" spans="14:14">
      <c r="N736202" s="10"/>
    </row>
    <row r="736203" spans="14:14">
      <c r="N736203" s="10"/>
    </row>
    <row r="736204" spans="14:14">
      <c r="N736204" s="10"/>
    </row>
    <row r="736205" spans="14:14">
      <c r="N736205" s="10"/>
    </row>
    <row r="736206" spans="14:14">
      <c r="N736206" s="10"/>
    </row>
    <row r="736207" spans="14:14">
      <c r="N736207" s="10"/>
    </row>
    <row r="736208" spans="14:14">
      <c r="N736208" s="10"/>
    </row>
    <row r="736209" spans="14:14">
      <c r="N736209" s="10"/>
    </row>
    <row r="736210" spans="14:14">
      <c r="N736210" s="10"/>
    </row>
    <row r="736211" spans="14:14">
      <c r="N736211" s="10"/>
    </row>
    <row r="736212" spans="14:14">
      <c r="N736212" s="10"/>
    </row>
    <row r="736213" spans="14:14">
      <c r="N736213" s="10"/>
    </row>
    <row r="736214" spans="14:14">
      <c r="N736214" s="10"/>
    </row>
    <row r="736215" spans="14:14">
      <c r="N736215" s="10"/>
    </row>
    <row r="736216" spans="14:14">
      <c r="N736216" s="10"/>
    </row>
    <row r="736217" spans="14:14">
      <c r="N736217" s="10"/>
    </row>
    <row r="736218" spans="14:14">
      <c r="N736218" s="10"/>
    </row>
    <row r="736219" spans="14:14">
      <c r="N736219" s="10"/>
    </row>
    <row r="736220" spans="14:14">
      <c r="N736220" s="10"/>
    </row>
    <row r="736221" spans="14:14">
      <c r="N736221" s="10"/>
    </row>
    <row r="736222" spans="14:14">
      <c r="N736222" s="10"/>
    </row>
    <row r="736223" spans="14:14">
      <c r="N736223" s="10"/>
    </row>
    <row r="736224" spans="14:14">
      <c r="N736224" s="10"/>
    </row>
    <row r="736225" spans="14:14">
      <c r="N736225" s="10"/>
    </row>
    <row r="736226" spans="14:14">
      <c r="N736226" s="10"/>
    </row>
    <row r="736227" spans="14:14">
      <c r="N736227" s="10"/>
    </row>
    <row r="736228" spans="14:14">
      <c r="N736228" s="10"/>
    </row>
    <row r="736229" spans="14:14">
      <c r="N736229" s="10"/>
    </row>
    <row r="736230" spans="14:14">
      <c r="N736230" s="10"/>
    </row>
    <row r="736231" spans="14:14">
      <c r="N736231" s="10"/>
    </row>
    <row r="736232" spans="14:14">
      <c r="N736232" s="10"/>
    </row>
    <row r="736233" spans="14:14">
      <c r="N736233" s="10"/>
    </row>
    <row r="736234" spans="14:14">
      <c r="N736234" s="10"/>
    </row>
    <row r="736235" spans="14:14">
      <c r="N736235" s="10"/>
    </row>
    <row r="736236" spans="14:14">
      <c r="N736236" s="10"/>
    </row>
    <row r="736237" spans="14:14">
      <c r="N736237" s="10"/>
    </row>
    <row r="736238" spans="14:14">
      <c r="N736238" s="10"/>
    </row>
    <row r="736239" spans="14:14">
      <c r="N736239" s="10"/>
    </row>
    <row r="736240" spans="14:14">
      <c r="N736240" s="10"/>
    </row>
    <row r="736241" spans="14:14">
      <c r="N736241" s="10"/>
    </row>
    <row r="736242" spans="14:14">
      <c r="N736242" s="10"/>
    </row>
    <row r="736243" spans="14:14">
      <c r="N736243" s="10"/>
    </row>
    <row r="736244" spans="14:14">
      <c r="N736244" s="10"/>
    </row>
    <row r="736245" spans="14:14">
      <c r="N736245" s="10"/>
    </row>
    <row r="736246" spans="14:14">
      <c r="N736246" s="10"/>
    </row>
    <row r="736247" spans="14:14">
      <c r="N736247" s="10"/>
    </row>
    <row r="736248" spans="14:14">
      <c r="N736248" s="10"/>
    </row>
    <row r="736249" spans="14:14">
      <c r="N736249" s="10"/>
    </row>
    <row r="736250" spans="14:14">
      <c r="N736250" s="10"/>
    </row>
    <row r="736251" spans="14:14">
      <c r="N736251" s="10"/>
    </row>
    <row r="736252" spans="14:14">
      <c r="N736252" s="10"/>
    </row>
    <row r="736253" spans="14:14">
      <c r="N736253" s="10"/>
    </row>
    <row r="736254" spans="14:14">
      <c r="N736254" s="10"/>
    </row>
    <row r="736255" spans="14:14">
      <c r="N736255" s="10"/>
    </row>
    <row r="736256" spans="14:14">
      <c r="N736256" s="10"/>
    </row>
    <row r="736257" spans="14:14">
      <c r="N736257" s="10"/>
    </row>
    <row r="736258" spans="14:14">
      <c r="N736258" s="10"/>
    </row>
    <row r="736259" spans="14:14">
      <c r="N736259" s="10"/>
    </row>
    <row r="736260" spans="14:14">
      <c r="N736260" s="10"/>
    </row>
    <row r="736261" spans="14:14">
      <c r="N736261" s="10"/>
    </row>
    <row r="736262" spans="14:14">
      <c r="N736262" s="10"/>
    </row>
    <row r="736263" spans="14:14">
      <c r="N736263" s="10"/>
    </row>
    <row r="736264" spans="14:14">
      <c r="N736264" s="10"/>
    </row>
    <row r="736265" spans="14:14">
      <c r="N736265" s="10"/>
    </row>
    <row r="736266" spans="14:14">
      <c r="N736266" s="10"/>
    </row>
    <row r="736267" spans="14:14">
      <c r="N736267" s="10"/>
    </row>
    <row r="736268" spans="14:14">
      <c r="N736268" s="10"/>
    </row>
    <row r="736269" spans="14:14">
      <c r="N736269" s="10"/>
    </row>
    <row r="736270" spans="14:14">
      <c r="N736270" s="10"/>
    </row>
    <row r="736271" spans="14:14">
      <c r="N736271" s="10"/>
    </row>
    <row r="736272" spans="14:14">
      <c r="N736272" s="10"/>
    </row>
    <row r="736273" spans="14:14">
      <c r="N736273" s="10"/>
    </row>
    <row r="736274" spans="14:14">
      <c r="N736274" s="10"/>
    </row>
    <row r="736275" spans="14:14">
      <c r="N736275" s="10"/>
    </row>
    <row r="736276" spans="14:14">
      <c r="N736276" s="10"/>
    </row>
    <row r="736277" spans="14:14">
      <c r="N736277" s="10"/>
    </row>
    <row r="736278" spans="14:14">
      <c r="N736278" s="10"/>
    </row>
    <row r="736279" spans="14:14">
      <c r="N736279" s="10"/>
    </row>
    <row r="736280" spans="14:14">
      <c r="N736280" s="10"/>
    </row>
    <row r="736281" spans="14:14">
      <c r="N736281" s="10"/>
    </row>
    <row r="736282" spans="14:14">
      <c r="N736282" s="10"/>
    </row>
    <row r="736283" spans="14:14">
      <c r="N736283" s="10"/>
    </row>
    <row r="736284" spans="14:14">
      <c r="N736284" s="10"/>
    </row>
    <row r="736285" spans="14:14">
      <c r="N736285" s="10"/>
    </row>
    <row r="736286" spans="14:14">
      <c r="N736286" s="10"/>
    </row>
    <row r="736287" spans="14:14">
      <c r="N736287" s="10"/>
    </row>
    <row r="736288" spans="14:14">
      <c r="N736288" s="10"/>
    </row>
    <row r="736289" spans="14:14">
      <c r="N736289" s="10"/>
    </row>
    <row r="736290" spans="14:14">
      <c r="N736290" s="10"/>
    </row>
    <row r="736291" spans="14:14">
      <c r="N736291" s="10"/>
    </row>
    <row r="736292" spans="14:14">
      <c r="N736292" s="10"/>
    </row>
    <row r="736293" spans="14:14">
      <c r="N736293" s="10"/>
    </row>
    <row r="736294" spans="14:14">
      <c r="N736294" s="10"/>
    </row>
    <row r="736295" spans="14:14">
      <c r="N736295" s="10"/>
    </row>
    <row r="736296" spans="14:14">
      <c r="N736296" s="10"/>
    </row>
    <row r="736297" spans="14:14">
      <c r="N736297" s="10"/>
    </row>
    <row r="736298" spans="14:14">
      <c r="N736298" s="10"/>
    </row>
    <row r="736299" spans="14:14">
      <c r="N736299" s="10"/>
    </row>
    <row r="736300" spans="14:14">
      <c r="N736300" s="10"/>
    </row>
    <row r="736301" spans="14:14">
      <c r="N736301" s="10"/>
    </row>
    <row r="736302" spans="14:14">
      <c r="N736302" s="10"/>
    </row>
    <row r="736303" spans="14:14">
      <c r="N736303" s="10"/>
    </row>
    <row r="736304" spans="14:14">
      <c r="N736304" s="10"/>
    </row>
    <row r="736305" spans="14:14">
      <c r="N736305" s="10"/>
    </row>
    <row r="736306" spans="14:14">
      <c r="N736306" s="10"/>
    </row>
    <row r="736307" spans="14:14">
      <c r="N736307" s="10"/>
    </row>
    <row r="736308" spans="14:14">
      <c r="N736308" s="10"/>
    </row>
    <row r="736309" spans="14:14">
      <c r="N736309" s="10"/>
    </row>
    <row r="736310" spans="14:14">
      <c r="N736310" s="10"/>
    </row>
    <row r="736311" spans="14:14">
      <c r="N736311" s="10"/>
    </row>
    <row r="736312" spans="14:14">
      <c r="N736312" s="10"/>
    </row>
    <row r="736313" spans="14:14">
      <c r="N736313" s="10"/>
    </row>
    <row r="736314" spans="14:14">
      <c r="N736314" s="10"/>
    </row>
    <row r="736315" spans="14:14">
      <c r="N736315" s="10"/>
    </row>
    <row r="736316" spans="14:14">
      <c r="N736316" s="10"/>
    </row>
    <row r="736317" spans="14:14">
      <c r="N736317" s="10"/>
    </row>
    <row r="736318" spans="14:14">
      <c r="N736318" s="10"/>
    </row>
    <row r="736319" spans="14:14">
      <c r="N736319" s="10"/>
    </row>
    <row r="736320" spans="14:14">
      <c r="N736320" s="10"/>
    </row>
    <row r="736321" spans="14:14">
      <c r="N736321" s="10"/>
    </row>
    <row r="736322" spans="14:14">
      <c r="N736322" s="10"/>
    </row>
    <row r="736323" spans="14:14">
      <c r="N736323" s="10"/>
    </row>
    <row r="736324" spans="14:14">
      <c r="N736324" s="10"/>
    </row>
    <row r="736325" spans="14:14">
      <c r="N736325" s="10"/>
    </row>
    <row r="736326" spans="14:14">
      <c r="N736326" s="10"/>
    </row>
    <row r="736327" spans="14:14">
      <c r="N736327" s="10"/>
    </row>
    <row r="736328" spans="14:14">
      <c r="N736328" s="10"/>
    </row>
    <row r="736329" spans="14:14">
      <c r="N736329" s="10"/>
    </row>
    <row r="736330" spans="14:14">
      <c r="N736330" s="10"/>
    </row>
    <row r="736331" spans="14:14">
      <c r="N736331" s="10"/>
    </row>
    <row r="736332" spans="14:14">
      <c r="N736332" s="10"/>
    </row>
    <row r="736333" spans="14:14">
      <c r="N736333" s="10"/>
    </row>
    <row r="736334" spans="14:14">
      <c r="N736334" s="10"/>
    </row>
    <row r="736335" spans="14:14">
      <c r="N736335" s="10"/>
    </row>
    <row r="736336" spans="14:14">
      <c r="N736336" s="10"/>
    </row>
    <row r="736337" spans="14:14">
      <c r="N736337" s="10"/>
    </row>
    <row r="736338" spans="14:14">
      <c r="N736338" s="10"/>
    </row>
    <row r="736339" spans="14:14">
      <c r="N736339" s="10"/>
    </row>
    <row r="736340" spans="14:14">
      <c r="N736340" s="10"/>
    </row>
    <row r="736341" spans="14:14">
      <c r="N736341" s="10"/>
    </row>
    <row r="736342" spans="14:14">
      <c r="N736342" s="10"/>
    </row>
    <row r="736343" spans="14:14">
      <c r="N736343" s="10"/>
    </row>
    <row r="736344" spans="14:14">
      <c r="N736344" s="10"/>
    </row>
    <row r="736345" spans="14:14">
      <c r="N736345" s="10"/>
    </row>
    <row r="736346" spans="14:14">
      <c r="N736346" s="10"/>
    </row>
    <row r="736347" spans="14:14">
      <c r="N736347" s="10"/>
    </row>
    <row r="736348" spans="14:14">
      <c r="N736348" s="10"/>
    </row>
    <row r="736349" spans="14:14">
      <c r="N736349" s="10"/>
    </row>
    <row r="736350" spans="14:14">
      <c r="N736350" s="10"/>
    </row>
    <row r="736351" spans="14:14">
      <c r="N736351" s="10"/>
    </row>
    <row r="736352" spans="14:14">
      <c r="N736352" s="10"/>
    </row>
    <row r="736353" spans="14:14">
      <c r="N736353" s="10"/>
    </row>
    <row r="736354" spans="14:14">
      <c r="N736354" s="10"/>
    </row>
    <row r="736355" spans="14:14">
      <c r="N736355" s="10"/>
    </row>
    <row r="736356" spans="14:14">
      <c r="N736356" s="10"/>
    </row>
    <row r="736357" spans="14:14">
      <c r="N736357" s="10"/>
    </row>
    <row r="736358" spans="14:14">
      <c r="N736358" s="10"/>
    </row>
    <row r="736359" spans="14:14">
      <c r="N736359" s="10"/>
    </row>
    <row r="736360" spans="14:14">
      <c r="N736360" s="10"/>
    </row>
    <row r="736361" spans="14:14">
      <c r="N736361" s="10"/>
    </row>
    <row r="736362" spans="14:14">
      <c r="N736362" s="10"/>
    </row>
    <row r="736363" spans="14:14">
      <c r="N736363" s="10"/>
    </row>
    <row r="736364" spans="14:14">
      <c r="N736364" s="10"/>
    </row>
    <row r="736365" spans="14:14">
      <c r="N736365" s="10"/>
    </row>
    <row r="736366" spans="14:14">
      <c r="N736366" s="10"/>
    </row>
    <row r="736367" spans="14:14">
      <c r="N736367" s="10"/>
    </row>
    <row r="736368" spans="14:14">
      <c r="N736368" s="10"/>
    </row>
    <row r="736369" spans="14:14">
      <c r="N736369" s="10"/>
    </row>
    <row r="736370" spans="14:14">
      <c r="N736370" s="10"/>
    </row>
    <row r="736371" spans="14:14">
      <c r="N736371" s="10"/>
    </row>
    <row r="736372" spans="14:14">
      <c r="N736372" s="10"/>
    </row>
    <row r="736373" spans="14:14">
      <c r="N736373" s="10"/>
    </row>
    <row r="736374" spans="14:14">
      <c r="N736374" s="10"/>
    </row>
    <row r="736375" spans="14:14">
      <c r="N736375" s="10"/>
    </row>
    <row r="736376" spans="14:14">
      <c r="N736376" s="10"/>
    </row>
    <row r="736377" spans="14:14">
      <c r="N736377" s="10"/>
    </row>
    <row r="736378" spans="14:14">
      <c r="N736378" s="10"/>
    </row>
    <row r="736379" spans="14:14">
      <c r="N736379" s="10"/>
    </row>
    <row r="736380" spans="14:14">
      <c r="N736380" s="10"/>
    </row>
    <row r="736381" spans="14:14">
      <c r="N736381" s="10"/>
    </row>
    <row r="736382" spans="14:14">
      <c r="N736382" s="10"/>
    </row>
    <row r="736383" spans="14:14">
      <c r="N736383" s="10"/>
    </row>
    <row r="736384" spans="14:14">
      <c r="N736384" s="10"/>
    </row>
    <row r="736385" spans="14:14">
      <c r="N736385" s="10"/>
    </row>
    <row r="736386" spans="14:14">
      <c r="N736386" s="10"/>
    </row>
    <row r="736387" spans="14:14">
      <c r="N736387" s="10"/>
    </row>
    <row r="736388" spans="14:14">
      <c r="N736388" s="10"/>
    </row>
    <row r="736389" spans="14:14">
      <c r="N736389" s="10"/>
    </row>
    <row r="736390" spans="14:14">
      <c r="N736390" s="10"/>
    </row>
    <row r="736391" spans="14:14">
      <c r="N736391" s="10"/>
    </row>
    <row r="736392" spans="14:14">
      <c r="N736392" s="10"/>
    </row>
    <row r="736393" spans="14:14">
      <c r="N736393" s="10"/>
    </row>
    <row r="736394" spans="14:14">
      <c r="N736394" s="10"/>
    </row>
    <row r="736395" spans="14:14">
      <c r="N736395" s="10"/>
    </row>
    <row r="736396" spans="14:14">
      <c r="N736396" s="10"/>
    </row>
    <row r="736397" spans="14:14">
      <c r="N736397" s="10"/>
    </row>
    <row r="736398" spans="14:14">
      <c r="N736398" s="10"/>
    </row>
    <row r="736399" spans="14:14">
      <c r="N736399" s="10"/>
    </row>
    <row r="736400" spans="14:14">
      <c r="N736400" s="10"/>
    </row>
    <row r="736401" spans="14:14">
      <c r="N736401" s="10"/>
    </row>
    <row r="736402" spans="14:14">
      <c r="N736402" s="10"/>
    </row>
    <row r="736403" spans="14:14">
      <c r="N736403" s="10"/>
    </row>
    <row r="736404" spans="14:14">
      <c r="N736404" s="10"/>
    </row>
    <row r="736405" spans="14:14">
      <c r="N736405" s="10"/>
    </row>
    <row r="736406" spans="14:14">
      <c r="N736406" s="10"/>
    </row>
    <row r="736407" spans="14:14">
      <c r="N736407" s="10"/>
    </row>
    <row r="736408" spans="14:14">
      <c r="N736408" s="10"/>
    </row>
    <row r="736409" spans="14:14">
      <c r="N736409" s="10"/>
    </row>
    <row r="736410" spans="14:14">
      <c r="N736410" s="10"/>
    </row>
    <row r="736411" spans="14:14">
      <c r="N736411" s="10"/>
    </row>
    <row r="736412" spans="14:14">
      <c r="N736412" s="10"/>
    </row>
    <row r="736413" spans="14:14">
      <c r="N736413" s="10"/>
    </row>
    <row r="736414" spans="14:14">
      <c r="N736414" s="10"/>
    </row>
    <row r="736415" spans="14:14">
      <c r="N736415" s="10"/>
    </row>
    <row r="736416" spans="14:14">
      <c r="N736416" s="10"/>
    </row>
    <row r="736417" spans="14:14">
      <c r="N736417" s="10"/>
    </row>
    <row r="736418" spans="14:14">
      <c r="N736418" s="10"/>
    </row>
    <row r="736419" spans="14:14">
      <c r="N736419" s="10"/>
    </row>
    <row r="736420" spans="14:14">
      <c r="N736420" s="10"/>
    </row>
    <row r="736421" spans="14:14">
      <c r="N736421" s="10"/>
    </row>
    <row r="736422" spans="14:14">
      <c r="N736422" s="10"/>
    </row>
    <row r="736423" spans="14:14">
      <c r="N736423" s="10"/>
    </row>
    <row r="736424" spans="14:14">
      <c r="N736424" s="10"/>
    </row>
    <row r="736425" spans="14:14">
      <c r="N736425" s="10"/>
    </row>
    <row r="736426" spans="14:14">
      <c r="N736426" s="10"/>
    </row>
    <row r="736427" spans="14:14">
      <c r="N736427" s="10"/>
    </row>
    <row r="736428" spans="14:14">
      <c r="N736428" s="10"/>
    </row>
    <row r="736429" spans="14:14">
      <c r="N736429" s="10"/>
    </row>
    <row r="736430" spans="14:14">
      <c r="N736430" s="10"/>
    </row>
    <row r="736431" spans="14:14">
      <c r="N736431" s="10"/>
    </row>
    <row r="736432" spans="14:14">
      <c r="N736432" s="10"/>
    </row>
    <row r="736433" spans="14:14">
      <c r="N736433" s="10"/>
    </row>
    <row r="736434" spans="14:14">
      <c r="N736434" s="10"/>
    </row>
    <row r="736435" spans="14:14">
      <c r="N736435" s="10"/>
    </row>
    <row r="736436" spans="14:14">
      <c r="N736436" s="10"/>
    </row>
    <row r="736437" spans="14:14">
      <c r="N736437" s="10"/>
    </row>
    <row r="736438" spans="14:14">
      <c r="N736438" s="10"/>
    </row>
    <row r="736439" spans="14:14">
      <c r="N736439" s="10"/>
    </row>
    <row r="736440" spans="14:14">
      <c r="N736440" s="10"/>
    </row>
    <row r="736441" spans="14:14">
      <c r="N736441" s="10"/>
    </row>
    <row r="736442" spans="14:14">
      <c r="N736442" s="10"/>
    </row>
    <row r="736443" spans="14:14">
      <c r="N736443" s="10"/>
    </row>
    <row r="736444" spans="14:14">
      <c r="N736444" s="10"/>
    </row>
    <row r="736445" spans="14:14">
      <c r="N736445" s="10"/>
    </row>
    <row r="736446" spans="14:14">
      <c r="N736446" s="10"/>
    </row>
    <row r="736447" spans="14:14">
      <c r="N736447" s="10"/>
    </row>
    <row r="736448" spans="14:14">
      <c r="N736448" s="10"/>
    </row>
    <row r="736449" spans="14:14">
      <c r="N736449" s="10"/>
    </row>
    <row r="736450" spans="14:14">
      <c r="N736450" s="10"/>
    </row>
    <row r="736451" spans="14:14">
      <c r="N736451" s="10"/>
    </row>
    <row r="736452" spans="14:14">
      <c r="N736452" s="10"/>
    </row>
    <row r="736453" spans="14:14">
      <c r="N736453" s="10"/>
    </row>
    <row r="736454" spans="14:14">
      <c r="N736454" s="10"/>
    </row>
    <row r="736455" spans="14:14">
      <c r="N736455" s="10"/>
    </row>
    <row r="736456" spans="14:14">
      <c r="N736456" s="10"/>
    </row>
    <row r="736457" spans="14:14">
      <c r="N736457" s="10"/>
    </row>
    <row r="736458" spans="14:14">
      <c r="N736458" s="10"/>
    </row>
    <row r="736459" spans="14:14">
      <c r="N736459" s="10"/>
    </row>
    <row r="736460" spans="14:14">
      <c r="N736460" s="10"/>
    </row>
    <row r="736461" spans="14:14">
      <c r="N736461" s="10"/>
    </row>
    <row r="736462" spans="14:14">
      <c r="N736462" s="10"/>
    </row>
    <row r="736463" spans="14:14">
      <c r="N736463" s="10"/>
    </row>
    <row r="736464" spans="14:14">
      <c r="N736464" s="10"/>
    </row>
    <row r="736465" spans="14:14">
      <c r="N736465" s="10"/>
    </row>
    <row r="736466" spans="14:14">
      <c r="N736466" s="10"/>
    </row>
    <row r="736467" spans="14:14">
      <c r="N736467" s="10"/>
    </row>
    <row r="736468" spans="14:14">
      <c r="N736468" s="10"/>
    </row>
    <row r="736469" spans="14:14">
      <c r="N736469" s="10"/>
    </row>
    <row r="736470" spans="14:14">
      <c r="N736470" s="10"/>
    </row>
    <row r="736471" spans="14:14">
      <c r="N736471" s="10"/>
    </row>
    <row r="736472" spans="14:14">
      <c r="N736472" s="10"/>
    </row>
    <row r="736473" spans="14:14">
      <c r="N736473" s="10"/>
    </row>
    <row r="736474" spans="14:14">
      <c r="N736474" s="10"/>
    </row>
    <row r="736475" spans="14:14">
      <c r="N736475" s="10"/>
    </row>
    <row r="736476" spans="14:14">
      <c r="N736476" s="10"/>
    </row>
    <row r="736477" spans="14:14">
      <c r="N736477" s="10"/>
    </row>
    <row r="736478" spans="14:14">
      <c r="N736478" s="10"/>
    </row>
    <row r="736479" spans="14:14">
      <c r="N736479" s="10"/>
    </row>
    <row r="736480" spans="14:14">
      <c r="N736480" s="10"/>
    </row>
    <row r="736481" spans="14:14">
      <c r="N736481" s="10"/>
    </row>
    <row r="736482" spans="14:14">
      <c r="N736482" s="10"/>
    </row>
    <row r="736483" spans="14:14">
      <c r="N736483" s="10"/>
    </row>
    <row r="736484" spans="14:14">
      <c r="N736484" s="10"/>
    </row>
    <row r="736485" spans="14:14">
      <c r="N736485" s="10"/>
    </row>
    <row r="736486" spans="14:14">
      <c r="N736486" s="10"/>
    </row>
    <row r="736487" spans="14:14">
      <c r="N736487" s="10"/>
    </row>
    <row r="736488" spans="14:14">
      <c r="N736488" s="10"/>
    </row>
    <row r="736489" spans="14:14">
      <c r="N736489" s="10"/>
    </row>
    <row r="736490" spans="14:14">
      <c r="N736490" s="10"/>
    </row>
    <row r="736491" spans="14:14">
      <c r="N736491" s="10"/>
    </row>
    <row r="736492" spans="14:14">
      <c r="N736492" s="10"/>
    </row>
    <row r="736493" spans="14:14">
      <c r="N736493" s="10"/>
    </row>
    <row r="736494" spans="14:14">
      <c r="N736494" s="10"/>
    </row>
    <row r="736495" spans="14:14">
      <c r="N736495" s="10"/>
    </row>
    <row r="736496" spans="14:14">
      <c r="N736496" s="10"/>
    </row>
    <row r="736497" spans="14:14">
      <c r="N736497" s="10"/>
    </row>
    <row r="736498" spans="14:14">
      <c r="N736498" s="10"/>
    </row>
    <row r="736499" spans="14:14">
      <c r="N736499" s="10"/>
    </row>
    <row r="736500" spans="14:14">
      <c r="N736500" s="10"/>
    </row>
    <row r="736501" spans="14:14">
      <c r="N736501" s="10"/>
    </row>
    <row r="736502" spans="14:14">
      <c r="N736502" s="10"/>
    </row>
    <row r="736503" spans="14:14">
      <c r="N736503" s="10"/>
    </row>
    <row r="736504" spans="14:14">
      <c r="N736504" s="10"/>
    </row>
    <row r="736505" spans="14:14">
      <c r="N736505" s="10"/>
    </row>
    <row r="736506" spans="14:14">
      <c r="N736506" s="10"/>
    </row>
    <row r="736507" spans="14:14">
      <c r="N736507" s="10"/>
    </row>
    <row r="736508" spans="14:14">
      <c r="N736508" s="10"/>
    </row>
    <row r="736509" spans="14:14">
      <c r="N736509" s="10"/>
    </row>
    <row r="736510" spans="14:14">
      <c r="N736510" s="10"/>
    </row>
    <row r="736511" spans="14:14">
      <c r="N736511" s="10"/>
    </row>
    <row r="736512" spans="14:14">
      <c r="N736512" s="10"/>
    </row>
    <row r="736513" spans="14:14">
      <c r="N736513" s="10"/>
    </row>
    <row r="736514" spans="14:14">
      <c r="N736514" s="10"/>
    </row>
    <row r="736515" spans="14:14">
      <c r="N736515" s="10"/>
    </row>
    <row r="736516" spans="14:14">
      <c r="N736516" s="10"/>
    </row>
    <row r="736517" spans="14:14">
      <c r="N736517" s="10"/>
    </row>
    <row r="736518" spans="14:14">
      <c r="N736518" s="10"/>
    </row>
    <row r="736519" spans="14:14">
      <c r="N736519" s="10"/>
    </row>
    <row r="736520" spans="14:14">
      <c r="N736520" s="10"/>
    </row>
    <row r="736521" spans="14:14">
      <c r="N736521" s="10"/>
    </row>
    <row r="736522" spans="14:14">
      <c r="N736522" s="10"/>
    </row>
    <row r="736523" spans="14:14">
      <c r="N736523" s="10"/>
    </row>
    <row r="736524" spans="14:14">
      <c r="N736524" s="10"/>
    </row>
    <row r="736525" spans="14:14">
      <c r="N736525" s="10"/>
    </row>
    <row r="736526" spans="14:14">
      <c r="N736526" s="10"/>
    </row>
    <row r="736527" spans="14:14">
      <c r="N736527" s="10"/>
    </row>
    <row r="736528" spans="14:14">
      <c r="N736528" s="10"/>
    </row>
    <row r="736529" spans="14:14">
      <c r="N736529" s="10"/>
    </row>
    <row r="736530" spans="14:14">
      <c r="N736530" s="10"/>
    </row>
    <row r="736531" spans="14:14">
      <c r="N736531" s="10"/>
    </row>
    <row r="736532" spans="14:14">
      <c r="N736532" s="10"/>
    </row>
    <row r="736533" spans="14:14">
      <c r="N736533" s="10"/>
    </row>
    <row r="736534" spans="14:14">
      <c r="N736534" s="10"/>
    </row>
    <row r="736535" spans="14:14">
      <c r="N736535" s="10"/>
    </row>
    <row r="736536" spans="14:14">
      <c r="N736536" s="10"/>
    </row>
    <row r="736537" spans="14:14">
      <c r="N736537" s="10"/>
    </row>
    <row r="736538" spans="14:14">
      <c r="N736538" s="10"/>
    </row>
    <row r="736539" spans="14:14">
      <c r="N736539" s="10"/>
    </row>
    <row r="736540" spans="14:14">
      <c r="N736540" s="10"/>
    </row>
    <row r="736541" spans="14:14">
      <c r="N736541" s="10"/>
    </row>
    <row r="736542" spans="14:14">
      <c r="N736542" s="10"/>
    </row>
    <row r="736543" spans="14:14">
      <c r="N736543" s="10"/>
    </row>
    <row r="736544" spans="14:14">
      <c r="N736544" s="10"/>
    </row>
    <row r="736545" spans="14:14">
      <c r="N736545" s="10"/>
    </row>
    <row r="736546" spans="14:14">
      <c r="N736546" s="10"/>
    </row>
    <row r="736547" spans="14:14">
      <c r="N736547" s="10"/>
    </row>
    <row r="736548" spans="14:14">
      <c r="N736548" s="10"/>
    </row>
    <row r="736549" spans="14:14">
      <c r="N736549" s="10"/>
    </row>
    <row r="736550" spans="14:14">
      <c r="N736550" s="10"/>
    </row>
    <row r="736551" spans="14:14">
      <c r="N736551" s="10"/>
    </row>
    <row r="736552" spans="14:14">
      <c r="N736552" s="10"/>
    </row>
    <row r="736553" spans="14:14">
      <c r="N736553" s="10"/>
    </row>
    <row r="736554" spans="14:14">
      <c r="N736554" s="10"/>
    </row>
    <row r="736555" spans="14:14">
      <c r="N736555" s="10"/>
    </row>
    <row r="736556" spans="14:14">
      <c r="N736556" s="10"/>
    </row>
    <row r="736557" spans="14:14">
      <c r="N736557" s="10"/>
    </row>
    <row r="736558" spans="14:14">
      <c r="N736558" s="10"/>
    </row>
    <row r="736559" spans="14:14">
      <c r="N736559" s="10"/>
    </row>
    <row r="736560" spans="14:14">
      <c r="N736560" s="10"/>
    </row>
    <row r="736561" spans="14:14">
      <c r="N736561" s="10"/>
    </row>
    <row r="736562" spans="14:14">
      <c r="N736562" s="10"/>
    </row>
    <row r="736563" spans="14:14">
      <c r="N736563" s="10"/>
    </row>
    <row r="736564" spans="14:14">
      <c r="N736564" s="10"/>
    </row>
    <row r="736565" spans="14:14">
      <c r="N736565" s="10"/>
    </row>
    <row r="736566" spans="14:14">
      <c r="N736566" s="10"/>
    </row>
    <row r="736567" spans="14:14">
      <c r="N736567" s="10"/>
    </row>
    <row r="736568" spans="14:14">
      <c r="N736568" s="10"/>
    </row>
    <row r="736569" spans="14:14">
      <c r="N736569" s="10"/>
    </row>
    <row r="736570" spans="14:14">
      <c r="N736570" s="10"/>
    </row>
    <row r="736571" spans="14:14">
      <c r="N736571" s="10"/>
    </row>
    <row r="736572" spans="14:14">
      <c r="N736572" s="10"/>
    </row>
    <row r="736573" spans="14:14">
      <c r="N736573" s="10"/>
    </row>
    <row r="736574" spans="14:14">
      <c r="N736574" s="10"/>
    </row>
    <row r="736575" spans="14:14">
      <c r="N736575" s="10"/>
    </row>
    <row r="736576" spans="14:14">
      <c r="N736576" s="10"/>
    </row>
    <row r="736577" spans="14:14">
      <c r="N736577" s="10"/>
    </row>
    <row r="736578" spans="14:14">
      <c r="N736578" s="10"/>
    </row>
    <row r="736579" spans="14:14">
      <c r="N736579" s="10"/>
    </row>
    <row r="736580" spans="14:14">
      <c r="N736580" s="10"/>
    </row>
    <row r="736581" spans="14:14">
      <c r="N736581" s="10"/>
    </row>
    <row r="736582" spans="14:14">
      <c r="N736582" s="10"/>
    </row>
    <row r="736583" spans="14:14">
      <c r="N736583" s="10"/>
    </row>
    <row r="736584" spans="14:14">
      <c r="N736584" s="10"/>
    </row>
    <row r="736585" spans="14:14">
      <c r="N736585" s="10"/>
    </row>
    <row r="736586" spans="14:14">
      <c r="N736586" s="10"/>
    </row>
    <row r="736587" spans="14:14">
      <c r="N736587" s="10"/>
    </row>
    <row r="736588" spans="14:14">
      <c r="N736588" s="10"/>
    </row>
    <row r="736589" spans="14:14">
      <c r="N736589" s="10"/>
    </row>
    <row r="736590" spans="14:14">
      <c r="N736590" s="10"/>
    </row>
    <row r="736591" spans="14:14">
      <c r="N736591" s="10"/>
    </row>
    <row r="736592" spans="14:14">
      <c r="N736592" s="10"/>
    </row>
    <row r="736593" spans="14:14">
      <c r="N736593" s="10"/>
    </row>
    <row r="736594" spans="14:14">
      <c r="N736594" s="10"/>
    </row>
    <row r="736595" spans="14:14">
      <c r="N736595" s="10"/>
    </row>
    <row r="736596" spans="14:14">
      <c r="N736596" s="10"/>
    </row>
    <row r="736597" spans="14:14">
      <c r="N736597" s="10"/>
    </row>
    <row r="736598" spans="14:14">
      <c r="N736598" s="10"/>
    </row>
    <row r="736599" spans="14:14">
      <c r="N736599" s="10"/>
    </row>
    <row r="736600" spans="14:14">
      <c r="N736600" s="10"/>
    </row>
    <row r="736601" spans="14:14">
      <c r="N736601" s="10"/>
    </row>
    <row r="736602" spans="14:14">
      <c r="N736602" s="10"/>
    </row>
    <row r="736603" spans="14:14">
      <c r="N736603" s="10"/>
    </row>
    <row r="736604" spans="14:14">
      <c r="N736604" s="10"/>
    </row>
    <row r="736605" spans="14:14">
      <c r="N736605" s="10"/>
    </row>
    <row r="736606" spans="14:14">
      <c r="N736606" s="10"/>
    </row>
    <row r="736607" spans="14:14">
      <c r="N736607" s="10"/>
    </row>
    <row r="736608" spans="14:14">
      <c r="N736608" s="10"/>
    </row>
    <row r="736609" spans="14:14">
      <c r="N736609" s="10"/>
    </row>
    <row r="736610" spans="14:14">
      <c r="N736610" s="10"/>
    </row>
    <row r="736611" spans="14:14">
      <c r="N736611" s="10"/>
    </row>
    <row r="736612" spans="14:14">
      <c r="N736612" s="10"/>
    </row>
    <row r="736613" spans="14:14">
      <c r="N736613" s="10"/>
    </row>
    <row r="736614" spans="14:14">
      <c r="N736614" s="10"/>
    </row>
    <row r="736615" spans="14:14">
      <c r="N736615" s="10"/>
    </row>
    <row r="736616" spans="14:14">
      <c r="N736616" s="10"/>
    </row>
    <row r="736617" spans="14:14">
      <c r="N736617" s="10"/>
    </row>
    <row r="736618" spans="14:14">
      <c r="N736618" s="10"/>
    </row>
    <row r="736619" spans="14:14">
      <c r="N736619" s="10"/>
    </row>
    <row r="736620" spans="14:14">
      <c r="N736620" s="10"/>
    </row>
    <row r="736621" spans="14:14">
      <c r="N736621" s="10"/>
    </row>
    <row r="736622" spans="14:14">
      <c r="N736622" s="10"/>
    </row>
    <row r="736623" spans="14:14">
      <c r="N736623" s="10"/>
    </row>
    <row r="736624" spans="14:14">
      <c r="N736624" s="10"/>
    </row>
    <row r="736625" spans="14:14">
      <c r="N736625" s="10"/>
    </row>
    <row r="736626" spans="14:14">
      <c r="N736626" s="10"/>
    </row>
    <row r="736627" spans="14:14">
      <c r="N736627" s="10"/>
    </row>
    <row r="736628" spans="14:14">
      <c r="N736628" s="10"/>
    </row>
    <row r="736629" spans="14:14">
      <c r="N736629" s="10"/>
    </row>
    <row r="736630" spans="14:14">
      <c r="N736630" s="10"/>
    </row>
    <row r="736631" spans="14:14">
      <c r="N736631" s="10"/>
    </row>
    <row r="736632" spans="14:14">
      <c r="N736632" s="10"/>
    </row>
    <row r="736633" spans="14:14">
      <c r="N736633" s="10"/>
    </row>
    <row r="736634" spans="14:14">
      <c r="N736634" s="10"/>
    </row>
    <row r="736635" spans="14:14">
      <c r="N736635" s="10"/>
    </row>
    <row r="736636" spans="14:14">
      <c r="N736636" s="10"/>
    </row>
    <row r="736637" spans="14:14">
      <c r="N736637" s="10"/>
    </row>
    <row r="736638" spans="14:14">
      <c r="N736638" s="10"/>
    </row>
    <row r="736639" spans="14:14">
      <c r="N736639" s="10"/>
    </row>
    <row r="736640" spans="14:14">
      <c r="N736640" s="10"/>
    </row>
    <row r="736641" spans="14:14">
      <c r="N736641" s="10"/>
    </row>
    <row r="736642" spans="14:14">
      <c r="N736642" s="10"/>
    </row>
    <row r="736643" spans="14:14">
      <c r="N736643" s="10"/>
    </row>
    <row r="736644" spans="14:14">
      <c r="N736644" s="10"/>
    </row>
    <row r="736645" spans="14:14">
      <c r="N736645" s="10"/>
    </row>
    <row r="736646" spans="14:14">
      <c r="N736646" s="10"/>
    </row>
    <row r="736647" spans="14:14">
      <c r="N736647" s="10"/>
    </row>
    <row r="736648" spans="14:14">
      <c r="N736648" s="10"/>
    </row>
    <row r="736649" spans="14:14">
      <c r="N736649" s="10"/>
    </row>
    <row r="736650" spans="14:14">
      <c r="N736650" s="10"/>
    </row>
    <row r="736651" spans="14:14">
      <c r="N736651" s="10"/>
    </row>
    <row r="736652" spans="14:14">
      <c r="N736652" s="10"/>
    </row>
    <row r="736653" spans="14:14">
      <c r="N736653" s="10"/>
    </row>
    <row r="736654" spans="14:14">
      <c r="N736654" s="10"/>
    </row>
    <row r="736655" spans="14:14">
      <c r="N736655" s="10"/>
    </row>
    <row r="736656" spans="14:14">
      <c r="N736656" s="10"/>
    </row>
    <row r="736657" spans="14:14">
      <c r="N736657" s="10"/>
    </row>
    <row r="736658" spans="14:14">
      <c r="N736658" s="10"/>
    </row>
    <row r="736659" spans="14:14">
      <c r="N736659" s="10"/>
    </row>
    <row r="736660" spans="14:14">
      <c r="N736660" s="10"/>
    </row>
    <row r="736661" spans="14:14">
      <c r="N736661" s="10"/>
    </row>
    <row r="736662" spans="14:14">
      <c r="N736662" s="10"/>
    </row>
    <row r="736663" spans="14:14">
      <c r="N736663" s="10"/>
    </row>
    <row r="736664" spans="14:14">
      <c r="N736664" s="10"/>
    </row>
    <row r="736665" spans="14:14">
      <c r="N736665" s="10"/>
    </row>
    <row r="736666" spans="14:14">
      <c r="N736666" s="10"/>
    </row>
    <row r="736667" spans="14:14">
      <c r="N736667" s="10"/>
    </row>
    <row r="736668" spans="14:14">
      <c r="N736668" s="10"/>
    </row>
    <row r="736669" spans="14:14">
      <c r="N736669" s="10"/>
    </row>
    <row r="736670" spans="14:14">
      <c r="N736670" s="10"/>
    </row>
    <row r="736671" spans="14:14">
      <c r="N736671" s="10"/>
    </row>
    <row r="736672" spans="14:14">
      <c r="N736672" s="10"/>
    </row>
    <row r="736673" spans="14:14">
      <c r="N736673" s="10"/>
    </row>
    <row r="736674" spans="14:14">
      <c r="N736674" s="10"/>
    </row>
    <row r="736675" spans="14:14">
      <c r="N736675" s="10"/>
    </row>
    <row r="736676" spans="14:14">
      <c r="N736676" s="10"/>
    </row>
    <row r="736677" spans="14:14">
      <c r="N736677" s="10"/>
    </row>
    <row r="736678" spans="14:14">
      <c r="N736678" s="10"/>
    </row>
    <row r="736679" spans="14:14">
      <c r="N736679" s="10"/>
    </row>
    <row r="736680" spans="14:14">
      <c r="N736680" s="10"/>
    </row>
    <row r="736681" spans="14:14">
      <c r="N736681" s="10"/>
    </row>
    <row r="736682" spans="14:14">
      <c r="N736682" s="10"/>
    </row>
    <row r="736683" spans="14:14">
      <c r="N736683" s="10"/>
    </row>
    <row r="736684" spans="14:14">
      <c r="N736684" s="10"/>
    </row>
    <row r="736685" spans="14:14">
      <c r="N736685" s="10"/>
    </row>
    <row r="736686" spans="14:14">
      <c r="N736686" s="10"/>
    </row>
    <row r="736687" spans="14:14">
      <c r="N736687" s="10"/>
    </row>
    <row r="736688" spans="14:14">
      <c r="N736688" s="10"/>
    </row>
    <row r="736689" spans="14:14">
      <c r="N736689" s="10"/>
    </row>
    <row r="736690" spans="14:14">
      <c r="N736690" s="10"/>
    </row>
    <row r="736691" spans="14:14">
      <c r="N736691" s="10"/>
    </row>
    <row r="736692" spans="14:14">
      <c r="N736692" s="10"/>
    </row>
    <row r="736693" spans="14:14">
      <c r="N736693" s="10"/>
    </row>
    <row r="736694" spans="14:14">
      <c r="N736694" s="10"/>
    </row>
    <row r="736695" spans="14:14">
      <c r="N736695" s="10"/>
    </row>
    <row r="736696" spans="14:14">
      <c r="N736696" s="10"/>
    </row>
    <row r="736697" spans="14:14">
      <c r="N736697" s="10"/>
    </row>
    <row r="736698" spans="14:14">
      <c r="N736698" s="10"/>
    </row>
    <row r="736699" spans="14:14">
      <c r="N736699" s="10"/>
    </row>
    <row r="736700" spans="14:14">
      <c r="N736700" s="10"/>
    </row>
    <row r="736701" spans="14:14">
      <c r="N736701" s="10"/>
    </row>
    <row r="736702" spans="14:14">
      <c r="N736702" s="10"/>
    </row>
    <row r="736703" spans="14:14">
      <c r="N736703" s="10"/>
    </row>
    <row r="736704" spans="14:14">
      <c r="N736704" s="10"/>
    </row>
    <row r="736705" spans="14:14">
      <c r="N736705" s="10"/>
    </row>
    <row r="736706" spans="14:14">
      <c r="N736706" s="10"/>
    </row>
    <row r="736707" spans="14:14">
      <c r="N736707" s="10"/>
    </row>
    <row r="736708" spans="14:14">
      <c r="N736708" s="10"/>
    </row>
    <row r="736709" spans="14:14">
      <c r="N736709" s="10"/>
    </row>
    <row r="736710" spans="14:14">
      <c r="N736710" s="10"/>
    </row>
    <row r="736711" spans="14:14">
      <c r="N736711" s="10"/>
    </row>
    <row r="736712" spans="14:14">
      <c r="N736712" s="10"/>
    </row>
    <row r="736713" spans="14:14">
      <c r="N736713" s="10"/>
    </row>
    <row r="736714" spans="14:14">
      <c r="N736714" s="10"/>
    </row>
    <row r="736715" spans="14:14">
      <c r="N736715" s="10"/>
    </row>
    <row r="736716" spans="14:14">
      <c r="N736716" s="10"/>
    </row>
    <row r="736717" spans="14:14">
      <c r="N736717" s="10"/>
    </row>
    <row r="736718" spans="14:14">
      <c r="N736718" s="10"/>
    </row>
    <row r="736719" spans="14:14">
      <c r="N736719" s="10"/>
    </row>
    <row r="736720" spans="14:14">
      <c r="N736720" s="10"/>
    </row>
    <row r="736721" spans="14:14">
      <c r="N736721" s="10"/>
    </row>
    <row r="736722" spans="14:14">
      <c r="N736722" s="10"/>
    </row>
    <row r="736723" spans="14:14">
      <c r="N736723" s="10"/>
    </row>
    <row r="736724" spans="14:14">
      <c r="N736724" s="10"/>
    </row>
    <row r="736725" spans="14:14">
      <c r="N736725" s="10"/>
    </row>
    <row r="736726" spans="14:14">
      <c r="N736726" s="10"/>
    </row>
    <row r="736727" spans="14:14">
      <c r="N736727" s="10"/>
    </row>
    <row r="736728" spans="14:14">
      <c r="N736728" s="10"/>
    </row>
    <row r="736729" spans="14:14">
      <c r="N736729" s="10"/>
    </row>
    <row r="736730" spans="14:14">
      <c r="N736730" s="10"/>
    </row>
    <row r="736731" spans="14:14">
      <c r="N736731" s="10"/>
    </row>
    <row r="736732" spans="14:14">
      <c r="N736732" s="10"/>
    </row>
    <row r="736733" spans="14:14">
      <c r="N736733" s="10"/>
    </row>
    <row r="736734" spans="14:14">
      <c r="N736734" s="10"/>
    </row>
    <row r="736735" spans="14:14">
      <c r="N736735" s="10"/>
    </row>
    <row r="736736" spans="14:14">
      <c r="N736736" s="10"/>
    </row>
    <row r="736737" spans="14:14">
      <c r="N736737" s="10"/>
    </row>
    <row r="736738" spans="14:14">
      <c r="N736738" s="10"/>
    </row>
    <row r="736739" spans="14:14">
      <c r="N736739" s="10"/>
    </row>
    <row r="736740" spans="14:14">
      <c r="N736740" s="10"/>
    </row>
    <row r="736741" spans="14:14">
      <c r="N736741" s="10"/>
    </row>
    <row r="736742" spans="14:14">
      <c r="N736742" s="10"/>
    </row>
    <row r="736743" spans="14:14">
      <c r="N736743" s="10"/>
    </row>
    <row r="736744" spans="14:14">
      <c r="N736744" s="10"/>
    </row>
    <row r="736745" spans="14:14">
      <c r="N736745" s="10"/>
    </row>
    <row r="736746" spans="14:14">
      <c r="N736746" s="10"/>
    </row>
    <row r="736747" spans="14:14">
      <c r="N736747" s="10"/>
    </row>
    <row r="736748" spans="14:14">
      <c r="N736748" s="10"/>
    </row>
    <row r="736749" spans="14:14">
      <c r="N736749" s="10"/>
    </row>
    <row r="736750" spans="14:14">
      <c r="N736750" s="10"/>
    </row>
    <row r="736751" spans="14:14">
      <c r="N736751" s="10"/>
    </row>
    <row r="736752" spans="14:14">
      <c r="N736752" s="10"/>
    </row>
    <row r="736753" spans="14:14">
      <c r="N736753" s="10"/>
    </row>
    <row r="736754" spans="14:14">
      <c r="N736754" s="10"/>
    </row>
    <row r="736755" spans="14:14">
      <c r="N736755" s="10"/>
    </row>
    <row r="736756" spans="14:14">
      <c r="N736756" s="10"/>
    </row>
    <row r="736757" spans="14:14">
      <c r="N736757" s="10"/>
    </row>
    <row r="736758" spans="14:14">
      <c r="N736758" s="10"/>
    </row>
    <row r="736759" spans="14:14">
      <c r="N736759" s="10"/>
    </row>
    <row r="736760" spans="14:14">
      <c r="N736760" s="10"/>
    </row>
    <row r="736761" spans="14:14">
      <c r="N736761" s="10"/>
    </row>
    <row r="736762" spans="14:14">
      <c r="N736762" s="10"/>
    </row>
    <row r="736763" spans="14:14">
      <c r="N736763" s="10"/>
    </row>
    <row r="736764" spans="14:14">
      <c r="N736764" s="10"/>
    </row>
    <row r="736765" spans="14:14">
      <c r="N736765" s="10"/>
    </row>
    <row r="736766" spans="14:14">
      <c r="N736766" s="10"/>
    </row>
    <row r="736767" spans="14:14">
      <c r="N736767" s="10"/>
    </row>
    <row r="736768" spans="14:14">
      <c r="N736768" s="10"/>
    </row>
    <row r="736769" spans="14:14">
      <c r="N736769" s="10"/>
    </row>
    <row r="736770" spans="14:14">
      <c r="N736770" s="10"/>
    </row>
    <row r="736771" spans="14:14">
      <c r="N736771" s="10"/>
    </row>
    <row r="736772" spans="14:14">
      <c r="N736772" s="10"/>
    </row>
    <row r="736773" spans="14:14">
      <c r="N736773" s="10"/>
    </row>
    <row r="736774" spans="14:14">
      <c r="N736774" s="10"/>
    </row>
    <row r="736775" spans="14:14">
      <c r="N736775" s="10"/>
    </row>
    <row r="736776" spans="14:14">
      <c r="N736776" s="10"/>
    </row>
    <row r="736777" spans="14:14">
      <c r="N736777" s="10"/>
    </row>
    <row r="736778" spans="14:14">
      <c r="N736778" s="10"/>
    </row>
    <row r="736779" spans="14:14">
      <c r="N736779" s="10"/>
    </row>
    <row r="736780" spans="14:14">
      <c r="N736780" s="10"/>
    </row>
    <row r="736781" spans="14:14">
      <c r="N736781" s="10"/>
    </row>
    <row r="736782" spans="14:14">
      <c r="N736782" s="10"/>
    </row>
    <row r="736783" spans="14:14">
      <c r="N736783" s="10"/>
    </row>
    <row r="736784" spans="14:14">
      <c r="N736784" s="10"/>
    </row>
    <row r="736785" spans="14:14">
      <c r="N736785" s="10"/>
    </row>
    <row r="736786" spans="14:14">
      <c r="N736786" s="10"/>
    </row>
    <row r="736787" spans="14:14">
      <c r="N736787" s="10"/>
    </row>
    <row r="736788" spans="14:14">
      <c r="N736788" s="10"/>
    </row>
    <row r="736789" spans="14:14">
      <c r="N736789" s="10"/>
    </row>
    <row r="736790" spans="14:14">
      <c r="N736790" s="10"/>
    </row>
    <row r="736791" spans="14:14">
      <c r="N736791" s="10"/>
    </row>
    <row r="736792" spans="14:14">
      <c r="N736792" s="10"/>
    </row>
    <row r="736793" spans="14:14">
      <c r="N736793" s="10"/>
    </row>
    <row r="736794" spans="14:14">
      <c r="N736794" s="10"/>
    </row>
    <row r="736795" spans="14:14">
      <c r="N736795" s="10"/>
    </row>
    <row r="736796" spans="14:14">
      <c r="N736796" s="10"/>
    </row>
    <row r="736797" spans="14:14">
      <c r="N736797" s="10"/>
    </row>
    <row r="736798" spans="14:14">
      <c r="N736798" s="10"/>
    </row>
    <row r="736799" spans="14:14">
      <c r="N736799" s="10"/>
    </row>
    <row r="736800" spans="14:14">
      <c r="N736800" s="10"/>
    </row>
    <row r="736801" spans="14:14">
      <c r="N736801" s="10"/>
    </row>
    <row r="736802" spans="14:14">
      <c r="N736802" s="10"/>
    </row>
    <row r="736803" spans="14:14">
      <c r="N736803" s="10"/>
    </row>
    <row r="736804" spans="14:14">
      <c r="N736804" s="10"/>
    </row>
    <row r="736805" spans="14:14">
      <c r="N736805" s="10"/>
    </row>
    <row r="736806" spans="14:14">
      <c r="N736806" s="10"/>
    </row>
    <row r="736807" spans="14:14">
      <c r="N736807" s="10"/>
    </row>
    <row r="736808" spans="14:14">
      <c r="N736808" s="10"/>
    </row>
    <row r="736809" spans="14:14">
      <c r="N736809" s="10"/>
    </row>
    <row r="736810" spans="14:14">
      <c r="N736810" s="10"/>
    </row>
    <row r="736811" spans="14:14">
      <c r="N736811" s="10"/>
    </row>
    <row r="736812" spans="14:14">
      <c r="N736812" s="10"/>
    </row>
    <row r="736813" spans="14:14">
      <c r="N736813" s="10"/>
    </row>
    <row r="736814" spans="14:14">
      <c r="N736814" s="10"/>
    </row>
    <row r="736815" spans="14:14">
      <c r="N736815" s="10"/>
    </row>
    <row r="736816" spans="14:14">
      <c r="N736816" s="10"/>
    </row>
    <row r="736817" spans="14:14">
      <c r="N736817" s="10"/>
    </row>
    <row r="736818" spans="14:14">
      <c r="N736818" s="10"/>
    </row>
    <row r="736819" spans="14:14">
      <c r="N736819" s="10"/>
    </row>
    <row r="736820" spans="14:14">
      <c r="N736820" s="10"/>
    </row>
    <row r="736821" spans="14:14">
      <c r="N736821" s="10"/>
    </row>
    <row r="736822" spans="14:14">
      <c r="N736822" s="10"/>
    </row>
    <row r="736823" spans="14:14">
      <c r="N736823" s="10"/>
    </row>
    <row r="736824" spans="14:14">
      <c r="N736824" s="10"/>
    </row>
    <row r="736825" spans="14:14">
      <c r="N736825" s="10"/>
    </row>
    <row r="736826" spans="14:14">
      <c r="N736826" s="10"/>
    </row>
    <row r="736827" spans="14:14">
      <c r="N736827" s="10"/>
    </row>
    <row r="736828" spans="14:14">
      <c r="N736828" s="10"/>
    </row>
    <row r="736829" spans="14:14">
      <c r="N736829" s="10"/>
    </row>
    <row r="736830" spans="14:14">
      <c r="N736830" s="10"/>
    </row>
    <row r="736831" spans="14:14">
      <c r="N736831" s="10"/>
    </row>
    <row r="736832" spans="14:14">
      <c r="N736832" s="10"/>
    </row>
    <row r="736833" spans="14:14">
      <c r="N736833" s="10"/>
    </row>
    <row r="736834" spans="14:14">
      <c r="N736834" s="10"/>
    </row>
    <row r="736835" spans="14:14">
      <c r="N736835" s="10"/>
    </row>
    <row r="736836" spans="14:14">
      <c r="N736836" s="10"/>
    </row>
    <row r="736837" spans="14:14">
      <c r="N736837" s="10"/>
    </row>
    <row r="736838" spans="14:14">
      <c r="N736838" s="10"/>
    </row>
    <row r="736839" spans="14:14">
      <c r="N736839" s="10"/>
    </row>
    <row r="736840" spans="14:14">
      <c r="N736840" s="10"/>
    </row>
    <row r="736841" spans="14:14">
      <c r="N736841" s="10"/>
    </row>
    <row r="736842" spans="14:14">
      <c r="N736842" s="10"/>
    </row>
    <row r="736843" spans="14:14">
      <c r="N736843" s="10"/>
    </row>
    <row r="736844" spans="14:14">
      <c r="N736844" s="10"/>
    </row>
    <row r="736845" spans="14:14">
      <c r="N736845" s="10"/>
    </row>
    <row r="736846" spans="14:14">
      <c r="N736846" s="10"/>
    </row>
    <row r="736847" spans="14:14">
      <c r="N736847" s="10"/>
    </row>
    <row r="736848" spans="14:14">
      <c r="N736848" s="10"/>
    </row>
    <row r="736849" spans="14:14">
      <c r="N736849" s="10"/>
    </row>
    <row r="736850" spans="14:14">
      <c r="N736850" s="10"/>
    </row>
    <row r="736851" spans="14:14">
      <c r="N736851" s="10"/>
    </row>
    <row r="736852" spans="14:14">
      <c r="N736852" s="10"/>
    </row>
    <row r="736853" spans="14:14">
      <c r="N736853" s="10"/>
    </row>
    <row r="736854" spans="14:14">
      <c r="N736854" s="10"/>
    </row>
    <row r="736855" spans="14:14">
      <c r="N736855" s="10"/>
    </row>
    <row r="736856" spans="14:14">
      <c r="N736856" s="10"/>
    </row>
    <row r="736857" spans="14:14">
      <c r="N736857" s="10"/>
    </row>
    <row r="736858" spans="14:14">
      <c r="N736858" s="10"/>
    </row>
    <row r="736859" spans="14:14">
      <c r="N736859" s="10"/>
    </row>
    <row r="736860" spans="14:14">
      <c r="N736860" s="10"/>
    </row>
    <row r="736861" spans="14:14">
      <c r="N736861" s="10"/>
    </row>
    <row r="736862" spans="14:14">
      <c r="N736862" s="10"/>
    </row>
    <row r="736863" spans="14:14">
      <c r="N736863" s="10"/>
    </row>
    <row r="736864" spans="14:14">
      <c r="N736864" s="10"/>
    </row>
    <row r="736865" spans="14:14">
      <c r="N736865" s="10"/>
    </row>
    <row r="736866" spans="14:14">
      <c r="N736866" s="10"/>
    </row>
    <row r="736867" spans="14:14">
      <c r="N736867" s="10"/>
    </row>
    <row r="736868" spans="14:14">
      <c r="N736868" s="10"/>
    </row>
    <row r="736869" spans="14:14">
      <c r="N736869" s="10"/>
    </row>
    <row r="736870" spans="14:14">
      <c r="N736870" s="10"/>
    </row>
    <row r="736871" spans="14:14">
      <c r="N736871" s="10"/>
    </row>
    <row r="736872" spans="14:14">
      <c r="N736872" s="10"/>
    </row>
    <row r="736873" spans="14:14">
      <c r="N736873" s="10"/>
    </row>
    <row r="736874" spans="14:14">
      <c r="N736874" s="10"/>
    </row>
    <row r="736875" spans="14:14">
      <c r="N736875" s="10"/>
    </row>
    <row r="736876" spans="14:14">
      <c r="N736876" s="10"/>
    </row>
    <row r="736877" spans="14:14">
      <c r="N736877" s="10"/>
    </row>
    <row r="736878" spans="14:14">
      <c r="N736878" s="10"/>
    </row>
    <row r="736879" spans="14:14">
      <c r="N736879" s="10"/>
    </row>
    <row r="736880" spans="14:14">
      <c r="N736880" s="10"/>
    </row>
    <row r="736881" spans="14:14">
      <c r="N736881" s="10"/>
    </row>
    <row r="736882" spans="14:14">
      <c r="N736882" s="10"/>
    </row>
    <row r="736883" spans="14:14">
      <c r="N736883" s="10"/>
    </row>
    <row r="736884" spans="14:14">
      <c r="N736884" s="10"/>
    </row>
    <row r="736885" spans="14:14">
      <c r="N736885" s="10"/>
    </row>
    <row r="736886" spans="14:14">
      <c r="N736886" s="10"/>
    </row>
    <row r="736887" spans="14:14">
      <c r="N736887" s="10"/>
    </row>
    <row r="736888" spans="14:14">
      <c r="N736888" s="10"/>
    </row>
    <row r="736889" spans="14:14">
      <c r="N736889" s="10"/>
    </row>
    <row r="736890" spans="14:14">
      <c r="N736890" s="10"/>
    </row>
    <row r="736891" spans="14:14">
      <c r="N736891" s="10"/>
    </row>
    <row r="736892" spans="14:14">
      <c r="N736892" s="10"/>
    </row>
    <row r="736893" spans="14:14">
      <c r="N736893" s="10"/>
    </row>
    <row r="736894" spans="14:14">
      <c r="N736894" s="10"/>
    </row>
    <row r="736895" spans="14:14">
      <c r="N736895" s="10"/>
    </row>
    <row r="736896" spans="14:14">
      <c r="N736896" s="10"/>
    </row>
    <row r="736897" spans="14:14">
      <c r="N736897" s="10"/>
    </row>
    <row r="736898" spans="14:14">
      <c r="N736898" s="10"/>
    </row>
    <row r="736899" spans="14:14">
      <c r="N736899" s="10"/>
    </row>
    <row r="736900" spans="14:14">
      <c r="N736900" s="10"/>
    </row>
    <row r="736901" spans="14:14">
      <c r="N736901" s="10"/>
    </row>
    <row r="736902" spans="14:14">
      <c r="N736902" s="10"/>
    </row>
    <row r="736903" spans="14:14">
      <c r="N736903" s="10"/>
    </row>
    <row r="736904" spans="14:14">
      <c r="N736904" s="10"/>
    </row>
    <row r="736905" spans="14:14">
      <c r="N736905" s="10"/>
    </row>
    <row r="736906" spans="14:14">
      <c r="N736906" s="10"/>
    </row>
    <row r="736907" spans="14:14">
      <c r="N736907" s="10"/>
    </row>
    <row r="736908" spans="14:14">
      <c r="N736908" s="10"/>
    </row>
    <row r="736909" spans="14:14">
      <c r="N736909" s="10"/>
    </row>
    <row r="736910" spans="14:14">
      <c r="N736910" s="10"/>
    </row>
    <row r="736911" spans="14:14">
      <c r="N736911" s="10"/>
    </row>
    <row r="736912" spans="14:14">
      <c r="N736912" s="10"/>
    </row>
    <row r="736913" spans="14:14">
      <c r="N736913" s="10"/>
    </row>
    <row r="736914" spans="14:14">
      <c r="N736914" s="10"/>
    </row>
    <row r="736915" spans="14:14">
      <c r="N736915" s="10"/>
    </row>
    <row r="736916" spans="14:14">
      <c r="N736916" s="10"/>
    </row>
    <row r="736917" spans="14:14">
      <c r="N736917" s="10"/>
    </row>
    <row r="736918" spans="14:14">
      <c r="N736918" s="10"/>
    </row>
    <row r="736919" spans="14:14">
      <c r="N736919" s="10"/>
    </row>
    <row r="736920" spans="14:14">
      <c r="N736920" s="10"/>
    </row>
    <row r="736921" spans="14:14">
      <c r="N736921" s="10"/>
    </row>
    <row r="736922" spans="14:14">
      <c r="N736922" s="10"/>
    </row>
    <row r="736923" spans="14:14">
      <c r="N736923" s="10"/>
    </row>
    <row r="736924" spans="14:14">
      <c r="N736924" s="10"/>
    </row>
    <row r="736925" spans="14:14">
      <c r="N736925" s="10"/>
    </row>
    <row r="736926" spans="14:14">
      <c r="N736926" s="10"/>
    </row>
    <row r="736927" spans="14:14">
      <c r="N736927" s="10"/>
    </row>
    <row r="736928" spans="14:14">
      <c r="N736928" s="10"/>
    </row>
    <row r="736929" spans="14:14">
      <c r="N736929" s="10"/>
    </row>
    <row r="736930" spans="14:14">
      <c r="N736930" s="10"/>
    </row>
    <row r="736931" spans="14:14">
      <c r="N736931" s="10"/>
    </row>
    <row r="736932" spans="14:14">
      <c r="N736932" s="10"/>
    </row>
    <row r="736933" spans="14:14">
      <c r="N736933" s="10"/>
    </row>
    <row r="736934" spans="14:14">
      <c r="N736934" s="10"/>
    </row>
    <row r="736935" spans="14:14">
      <c r="N736935" s="10"/>
    </row>
    <row r="736936" spans="14:14">
      <c r="N736936" s="10"/>
    </row>
    <row r="736937" spans="14:14">
      <c r="N736937" s="10"/>
    </row>
    <row r="736938" spans="14:14">
      <c r="N736938" s="10"/>
    </row>
    <row r="736939" spans="14:14">
      <c r="N736939" s="10"/>
    </row>
    <row r="736940" spans="14:14">
      <c r="N736940" s="10"/>
    </row>
    <row r="736941" spans="14:14">
      <c r="N736941" s="10"/>
    </row>
    <row r="736942" spans="14:14">
      <c r="N736942" s="10"/>
    </row>
    <row r="736943" spans="14:14">
      <c r="N736943" s="10"/>
    </row>
    <row r="736944" spans="14:14">
      <c r="N736944" s="10"/>
    </row>
    <row r="736945" spans="14:14">
      <c r="N736945" s="10"/>
    </row>
    <row r="736946" spans="14:14">
      <c r="N736946" s="10"/>
    </row>
    <row r="736947" spans="14:14">
      <c r="N736947" s="10"/>
    </row>
    <row r="736948" spans="14:14">
      <c r="N736948" s="10"/>
    </row>
    <row r="736949" spans="14:14">
      <c r="N736949" s="10"/>
    </row>
    <row r="736950" spans="14:14">
      <c r="N736950" s="10"/>
    </row>
    <row r="736951" spans="14:14">
      <c r="N736951" s="10"/>
    </row>
    <row r="736952" spans="14:14">
      <c r="N736952" s="10"/>
    </row>
    <row r="736953" spans="14:14">
      <c r="N736953" s="10"/>
    </row>
    <row r="736954" spans="14:14">
      <c r="N736954" s="10"/>
    </row>
    <row r="736955" spans="14:14">
      <c r="N736955" s="10"/>
    </row>
    <row r="736956" spans="14:14">
      <c r="N736956" s="10"/>
    </row>
    <row r="736957" spans="14:14">
      <c r="N736957" s="10"/>
    </row>
    <row r="736958" spans="14:14">
      <c r="N736958" s="10"/>
    </row>
    <row r="736959" spans="14:14">
      <c r="N736959" s="10"/>
    </row>
    <row r="736960" spans="14:14">
      <c r="N736960" s="10"/>
    </row>
    <row r="736961" spans="14:14">
      <c r="N736961" s="10"/>
    </row>
    <row r="736962" spans="14:14">
      <c r="N736962" s="10"/>
    </row>
    <row r="736963" spans="14:14">
      <c r="N736963" s="10"/>
    </row>
    <row r="736964" spans="14:14">
      <c r="N736964" s="10"/>
    </row>
    <row r="736965" spans="14:14">
      <c r="N736965" s="10"/>
    </row>
    <row r="736966" spans="14:14">
      <c r="N736966" s="10"/>
    </row>
    <row r="736967" spans="14:14">
      <c r="N736967" s="10"/>
    </row>
    <row r="736968" spans="14:14">
      <c r="N736968" s="10"/>
    </row>
    <row r="736969" spans="14:14">
      <c r="N736969" s="10"/>
    </row>
    <row r="736970" spans="14:14">
      <c r="N736970" s="10"/>
    </row>
    <row r="736971" spans="14:14">
      <c r="N736971" s="10"/>
    </row>
    <row r="736972" spans="14:14">
      <c r="N736972" s="10"/>
    </row>
    <row r="736973" spans="14:14">
      <c r="N736973" s="10"/>
    </row>
    <row r="736974" spans="14:14">
      <c r="N736974" s="10"/>
    </row>
    <row r="736975" spans="14:14">
      <c r="N736975" s="10"/>
    </row>
    <row r="736976" spans="14:14">
      <c r="N736976" s="10"/>
    </row>
    <row r="736977" spans="14:14">
      <c r="N736977" s="10"/>
    </row>
    <row r="736978" spans="14:14">
      <c r="N736978" s="10"/>
    </row>
    <row r="736979" spans="14:14">
      <c r="N736979" s="10"/>
    </row>
    <row r="736980" spans="14:14">
      <c r="N736980" s="10"/>
    </row>
    <row r="736981" spans="14:14">
      <c r="N736981" s="10"/>
    </row>
    <row r="736982" spans="14:14">
      <c r="N736982" s="10"/>
    </row>
    <row r="736983" spans="14:14">
      <c r="N736983" s="10"/>
    </row>
    <row r="736984" spans="14:14">
      <c r="N736984" s="10"/>
    </row>
    <row r="736985" spans="14:14">
      <c r="N736985" s="10"/>
    </row>
    <row r="736986" spans="14:14">
      <c r="N736986" s="10"/>
    </row>
    <row r="736987" spans="14:14">
      <c r="N736987" s="10"/>
    </row>
    <row r="736988" spans="14:14">
      <c r="N736988" s="10"/>
    </row>
    <row r="736989" spans="14:14">
      <c r="N736989" s="10"/>
    </row>
    <row r="736990" spans="14:14">
      <c r="N736990" s="10"/>
    </row>
    <row r="736991" spans="14:14">
      <c r="N736991" s="10"/>
    </row>
    <row r="736992" spans="14:14">
      <c r="N736992" s="10"/>
    </row>
    <row r="736993" spans="14:14">
      <c r="N736993" s="10"/>
    </row>
    <row r="736994" spans="14:14">
      <c r="N736994" s="10"/>
    </row>
    <row r="736995" spans="14:14">
      <c r="N736995" s="10"/>
    </row>
    <row r="736996" spans="14:14">
      <c r="N736996" s="10"/>
    </row>
    <row r="736997" spans="14:14">
      <c r="N736997" s="10"/>
    </row>
    <row r="736998" spans="14:14">
      <c r="N736998" s="10"/>
    </row>
    <row r="736999" spans="14:14">
      <c r="N736999" s="10"/>
    </row>
    <row r="737000" spans="14:14">
      <c r="N737000" s="10"/>
    </row>
    <row r="737001" spans="14:14">
      <c r="N737001" s="10"/>
    </row>
    <row r="737002" spans="14:14">
      <c r="N737002" s="10"/>
    </row>
    <row r="737003" spans="14:14">
      <c r="N737003" s="10"/>
    </row>
    <row r="737004" spans="14:14">
      <c r="N737004" s="10"/>
    </row>
    <row r="737005" spans="14:14">
      <c r="N737005" s="10"/>
    </row>
    <row r="737006" spans="14:14">
      <c r="N737006" s="10"/>
    </row>
    <row r="737007" spans="14:14">
      <c r="N737007" s="10"/>
    </row>
    <row r="737008" spans="14:14">
      <c r="N737008" s="10"/>
    </row>
    <row r="737009" spans="14:14">
      <c r="N737009" s="10"/>
    </row>
    <row r="737010" spans="14:14">
      <c r="N737010" s="10"/>
    </row>
    <row r="737011" spans="14:14">
      <c r="N737011" s="10"/>
    </row>
    <row r="737012" spans="14:14">
      <c r="N737012" s="10"/>
    </row>
    <row r="737013" spans="14:14">
      <c r="N737013" s="10"/>
    </row>
    <row r="737014" spans="14:14">
      <c r="N737014" s="10"/>
    </row>
    <row r="737015" spans="14:14">
      <c r="N737015" s="10"/>
    </row>
    <row r="737016" spans="14:14">
      <c r="N737016" s="10"/>
    </row>
    <row r="737017" spans="14:14">
      <c r="N737017" s="10"/>
    </row>
    <row r="737018" spans="14:14">
      <c r="N737018" s="10"/>
    </row>
    <row r="737019" spans="14:14">
      <c r="N737019" s="10"/>
    </row>
    <row r="737020" spans="14:14">
      <c r="N737020" s="10"/>
    </row>
    <row r="737021" spans="14:14">
      <c r="N737021" s="10"/>
    </row>
    <row r="737022" spans="14:14">
      <c r="N737022" s="10"/>
    </row>
    <row r="737023" spans="14:14">
      <c r="N737023" s="10"/>
    </row>
    <row r="737024" spans="14:14">
      <c r="N737024" s="10"/>
    </row>
    <row r="737025" spans="14:14">
      <c r="N737025" s="10"/>
    </row>
    <row r="737026" spans="14:14">
      <c r="N737026" s="10"/>
    </row>
    <row r="737027" spans="14:14">
      <c r="N737027" s="10"/>
    </row>
    <row r="737028" spans="14:14">
      <c r="N737028" s="10"/>
    </row>
    <row r="737029" spans="14:14">
      <c r="N737029" s="10"/>
    </row>
    <row r="737030" spans="14:14">
      <c r="N737030" s="10"/>
    </row>
    <row r="737031" spans="14:14">
      <c r="N737031" s="10"/>
    </row>
    <row r="737032" spans="14:14">
      <c r="N737032" s="10"/>
    </row>
    <row r="737033" spans="14:14">
      <c r="N737033" s="10"/>
    </row>
    <row r="737034" spans="14:14">
      <c r="N737034" s="10"/>
    </row>
    <row r="737035" spans="14:14">
      <c r="N737035" s="10"/>
    </row>
    <row r="737036" spans="14:14">
      <c r="N737036" s="10"/>
    </row>
    <row r="737037" spans="14:14">
      <c r="N737037" s="10"/>
    </row>
    <row r="737038" spans="14:14">
      <c r="N737038" s="10"/>
    </row>
    <row r="737039" spans="14:14">
      <c r="N737039" s="10"/>
    </row>
    <row r="737040" spans="14:14">
      <c r="N737040" s="10"/>
    </row>
    <row r="737041" spans="14:14">
      <c r="N737041" s="10"/>
    </row>
    <row r="737042" spans="14:14">
      <c r="N737042" s="10"/>
    </row>
    <row r="737043" spans="14:14">
      <c r="N737043" s="10"/>
    </row>
    <row r="737044" spans="14:14">
      <c r="N737044" s="10"/>
    </row>
    <row r="737045" spans="14:14">
      <c r="N737045" s="10"/>
    </row>
    <row r="737046" spans="14:14">
      <c r="N737046" s="10"/>
    </row>
    <row r="737047" spans="14:14">
      <c r="N737047" s="10"/>
    </row>
    <row r="737048" spans="14:14">
      <c r="N737048" s="10"/>
    </row>
    <row r="737049" spans="14:14">
      <c r="N737049" s="10"/>
    </row>
    <row r="737050" spans="14:14">
      <c r="N737050" s="10"/>
    </row>
    <row r="737051" spans="14:14">
      <c r="N737051" s="10"/>
    </row>
    <row r="737052" spans="14:14">
      <c r="N737052" s="10"/>
    </row>
    <row r="737053" spans="14:14">
      <c r="N737053" s="10"/>
    </row>
    <row r="737054" spans="14:14">
      <c r="N737054" s="10"/>
    </row>
    <row r="737055" spans="14:14">
      <c r="N737055" s="10"/>
    </row>
    <row r="737056" spans="14:14">
      <c r="N737056" s="10"/>
    </row>
    <row r="737057" spans="14:14">
      <c r="N737057" s="10"/>
    </row>
    <row r="737058" spans="14:14">
      <c r="N737058" s="10"/>
    </row>
    <row r="737059" spans="14:14">
      <c r="N737059" s="10"/>
    </row>
    <row r="737060" spans="14:14">
      <c r="N737060" s="10"/>
    </row>
    <row r="737061" spans="14:14">
      <c r="N737061" s="10"/>
    </row>
    <row r="737062" spans="14:14">
      <c r="N737062" s="10"/>
    </row>
    <row r="737063" spans="14:14">
      <c r="N737063" s="10"/>
    </row>
    <row r="737064" spans="14:14">
      <c r="N737064" s="10"/>
    </row>
    <row r="737065" spans="14:14">
      <c r="N737065" s="10"/>
    </row>
    <row r="737066" spans="14:14">
      <c r="N737066" s="10"/>
    </row>
    <row r="737067" spans="14:14">
      <c r="N737067" s="10"/>
    </row>
    <row r="737068" spans="14:14">
      <c r="N737068" s="10"/>
    </row>
    <row r="737069" spans="14:14">
      <c r="N737069" s="10"/>
    </row>
    <row r="737070" spans="14:14">
      <c r="N737070" s="10"/>
    </row>
    <row r="737071" spans="14:14">
      <c r="N737071" s="10"/>
    </row>
    <row r="737072" spans="14:14">
      <c r="N737072" s="10"/>
    </row>
    <row r="737073" spans="14:14">
      <c r="N737073" s="10"/>
    </row>
    <row r="737074" spans="14:14">
      <c r="N737074" s="10"/>
    </row>
    <row r="737075" spans="14:14">
      <c r="N737075" s="10"/>
    </row>
    <row r="737076" spans="14:14">
      <c r="N737076" s="10"/>
    </row>
    <row r="737077" spans="14:14">
      <c r="N737077" s="10"/>
    </row>
    <row r="737078" spans="14:14">
      <c r="N737078" s="10"/>
    </row>
    <row r="737079" spans="14:14">
      <c r="N737079" s="10"/>
    </row>
    <row r="737080" spans="14:14">
      <c r="N737080" s="10"/>
    </row>
    <row r="737081" spans="14:14">
      <c r="N737081" s="10"/>
    </row>
    <row r="737082" spans="14:14">
      <c r="N737082" s="10"/>
    </row>
    <row r="737083" spans="14:14">
      <c r="N737083" s="10"/>
    </row>
    <row r="737084" spans="14:14">
      <c r="N737084" s="10"/>
    </row>
    <row r="737085" spans="14:14">
      <c r="N737085" s="10"/>
    </row>
    <row r="737086" spans="14:14">
      <c r="N737086" s="10"/>
    </row>
    <row r="737087" spans="14:14">
      <c r="N737087" s="10"/>
    </row>
    <row r="737088" spans="14:14">
      <c r="N737088" s="10"/>
    </row>
    <row r="737089" spans="14:14">
      <c r="N737089" s="10"/>
    </row>
    <row r="737090" spans="14:14">
      <c r="N737090" s="10"/>
    </row>
    <row r="737091" spans="14:14">
      <c r="N737091" s="10"/>
    </row>
    <row r="737092" spans="14:14">
      <c r="N737092" s="10"/>
    </row>
    <row r="737093" spans="14:14">
      <c r="N737093" s="10"/>
    </row>
    <row r="737094" spans="14:14">
      <c r="N737094" s="10"/>
    </row>
    <row r="737095" spans="14:14">
      <c r="N737095" s="10"/>
    </row>
    <row r="737096" spans="14:14">
      <c r="N737096" s="10"/>
    </row>
    <row r="737097" spans="14:14">
      <c r="N737097" s="10"/>
    </row>
    <row r="737098" spans="14:14">
      <c r="N737098" s="10"/>
    </row>
    <row r="737099" spans="14:14">
      <c r="N737099" s="10"/>
    </row>
    <row r="737100" spans="14:14">
      <c r="N737100" s="10"/>
    </row>
    <row r="737101" spans="14:14">
      <c r="N737101" s="10"/>
    </row>
    <row r="737102" spans="14:14">
      <c r="N737102" s="10"/>
    </row>
    <row r="737103" spans="14:14">
      <c r="N737103" s="10"/>
    </row>
    <row r="737104" spans="14:14">
      <c r="N737104" s="10"/>
    </row>
    <row r="737105" spans="14:14">
      <c r="N737105" s="10"/>
    </row>
    <row r="737106" spans="14:14">
      <c r="N737106" s="10"/>
    </row>
    <row r="737107" spans="14:14">
      <c r="N737107" s="10"/>
    </row>
    <row r="737108" spans="14:14">
      <c r="N737108" s="10"/>
    </row>
    <row r="737109" spans="14:14">
      <c r="N737109" s="10"/>
    </row>
    <row r="737110" spans="14:14">
      <c r="N737110" s="10"/>
    </row>
    <row r="737111" spans="14:14">
      <c r="N737111" s="10"/>
    </row>
    <row r="737112" spans="14:14">
      <c r="N737112" s="10"/>
    </row>
    <row r="737113" spans="14:14">
      <c r="N737113" s="10"/>
    </row>
    <row r="737114" spans="14:14">
      <c r="N737114" s="10"/>
    </row>
    <row r="737115" spans="14:14">
      <c r="N737115" s="10"/>
    </row>
    <row r="737116" spans="14:14">
      <c r="N737116" s="10"/>
    </row>
    <row r="737117" spans="14:14">
      <c r="N737117" s="10"/>
    </row>
    <row r="737118" spans="14:14">
      <c r="N737118" s="10"/>
    </row>
    <row r="737119" spans="14:14">
      <c r="N737119" s="10"/>
    </row>
    <row r="737120" spans="14:14">
      <c r="N737120" s="10"/>
    </row>
    <row r="737121" spans="14:14">
      <c r="N737121" s="10"/>
    </row>
    <row r="737122" spans="14:14">
      <c r="N737122" s="10"/>
    </row>
    <row r="737123" spans="14:14">
      <c r="N737123" s="10"/>
    </row>
    <row r="737124" spans="14:14">
      <c r="N737124" s="10"/>
    </row>
    <row r="737125" spans="14:14">
      <c r="N737125" s="10"/>
    </row>
    <row r="737126" spans="14:14">
      <c r="N737126" s="10"/>
    </row>
    <row r="737127" spans="14:14">
      <c r="N737127" s="10"/>
    </row>
    <row r="737128" spans="14:14">
      <c r="N737128" s="10"/>
    </row>
    <row r="737129" spans="14:14">
      <c r="N737129" s="10"/>
    </row>
    <row r="737130" spans="14:14">
      <c r="N737130" s="10"/>
    </row>
    <row r="737131" spans="14:14">
      <c r="N737131" s="10"/>
    </row>
    <row r="737132" spans="14:14">
      <c r="N737132" s="10"/>
    </row>
    <row r="737133" spans="14:14">
      <c r="N737133" s="10"/>
    </row>
    <row r="737134" spans="14:14">
      <c r="N737134" s="10"/>
    </row>
    <row r="737135" spans="14:14">
      <c r="N737135" s="10"/>
    </row>
    <row r="737136" spans="14:14">
      <c r="N737136" s="10"/>
    </row>
    <row r="737137" spans="14:14">
      <c r="N737137" s="10"/>
    </row>
    <row r="737138" spans="14:14">
      <c r="N737138" s="10"/>
    </row>
    <row r="737139" spans="14:14">
      <c r="N737139" s="10"/>
    </row>
    <row r="737140" spans="14:14">
      <c r="N737140" s="10"/>
    </row>
    <row r="737141" spans="14:14">
      <c r="N737141" s="10"/>
    </row>
    <row r="737142" spans="14:14">
      <c r="N737142" s="10"/>
    </row>
    <row r="737143" spans="14:14">
      <c r="N737143" s="10"/>
    </row>
    <row r="737144" spans="14:14">
      <c r="N737144" s="10"/>
    </row>
    <row r="737145" spans="14:14">
      <c r="N737145" s="10"/>
    </row>
    <row r="737146" spans="14:14">
      <c r="N737146" s="10"/>
    </row>
    <row r="737147" spans="14:14">
      <c r="N737147" s="10"/>
    </row>
    <row r="737148" spans="14:14">
      <c r="N737148" s="10"/>
    </row>
    <row r="737149" spans="14:14">
      <c r="N737149" s="10"/>
    </row>
    <row r="737150" spans="14:14">
      <c r="N737150" s="10"/>
    </row>
    <row r="737151" spans="14:14">
      <c r="N737151" s="10"/>
    </row>
    <row r="737152" spans="14:14">
      <c r="N737152" s="10"/>
    </row>
    <row r="737153" spans="14:14">
      <c r="N737153" s="10"/>
    </row>
    <row r="737154" spans="14:14">
      <c r="N737154" s="10"/>
    </row>
    <row r="737155" spans="14:14">
      <c r="N737155" s="10"/>
    </row>
    <row r="737156" spans="14:14">
      <c r="N737156" s="10"/>
    </row>
    <row r="737157" spans="14:14">
      <c r="N737157" s="10"/>
    </row>
    <row r="737158" spans="14:14">
      <c r="N737158" s="10"/>
    </row>
    <row r="737159" spans="14:14">
      <c r="N737159" s="10"/>
    </row>
    <row r="737160" spans="14:14">
      <c r="N737160" s="10"/>
    </row>
    <row r="737161" spans="14:14">
      <c r="N737161" s="10"/>
    </row>
    <row r="737162" spans="14:14">
      <c r="N737162" s="10"/>
    </row>
    <row r="737163" spans="14:14">
      <c r="N737163" s="10"/>
    </row>
    <row r="737164" spans="14:14">
      <c r="N737164" s="10"/>
    </row>
    <row r="737165" spans="14:14">
      <c r="N737165" s="10"/>
    </row>
    <row r="737166" spans="14:14">
      <c r="N737166" s="10"/>
    </row>
    <row r="737167" spans="14:14">
      <c r="N737167" s="10"/>
    </row>
    <row r="737168" spans="14:14">
      <c r="N737168" s="10"/>
    </row>
    <row r="737169" spans="14:14">
      <c r="N737169" s="10"/>
    </row>
    <row r="737170" spans="14:14">
      <c r="N737170" s="10"/>
    </row>
    <row r="737171" spans="14:14">
      <c r="N737171" s="10"/>
    </row>
    <row r="737172" spans="14:14">
      <c r="N737172" s="10"/>
    </row>
    <row r="737173" spans="14:14">
      <c r="N737173" s="10"/>
    </row>
    <row r="737174" spans="14:14">
      <c r="N737174" s="10"/>
    </row>
    <row r="737175" spans="14:14">
      <c r="N737175" s="10"/>
    </row>
    <row r="737176" spans="14:14">
      <c r="N737176" s="10"/>
    </row>
    <row r="737177" spans="14:14">
      <c r="N737177" s="10"/>
    </row>
    <row r="737178" spans="14:14">
      <c r="N737178" s="10"/>
    </row>
    <row r="737179" spans="14:14">
      <c r="N737179" s="10"/>
    </row>
    <row r="737180" spans="14:14">
      <c r="N737180" s="10"/>
    </row>
    <row r="737181" spans="14:14">
      <c r="N737181" s="10"/>
    </row>
    <row r="737182" spans="14:14">
      <c r="N737182" s="10"/>
    </row>
    <row r="737183" spans="14:14">
      <c r="N737183" s="10"/>
    </row>
    <row r="737184" spans="14:14">
      <c r="N737184" s="10"/>
    </row>
    <row r="737185" spans="14:14">
      <c r="N737185" s="10"/>
    </row>
    <row r="737186" spans="14:14">
      <c r="N737186" s="10"/>
    </row>
    <row r="737187" spans="14:14">
      <c r="N737187" s="10"/>
    </row>
    <row r="737188" spans="14:14">
      <c r="N737188" s="10"/>
    </row>
    <row r="737189" spans="14:14">
      <c r="N737189" s="10"/>
    </row>
    <row r="737190" spans="14:14">
      <c r="N737190" s="10"/>
    </row>
    <row r="737191" spans="14:14">
      <c r="N737191" s="10"/>
    </row>
    <row r="737192" spans="14:14">
      <c r="N737192" s="10"/>
    </row>
    <row r="737193" spans="14:14">
      <c r="N737193" s="10"/>
    </row>
    <row r="737194" spans="14:14">
      <c r="N737194" s="10"/>
    </row>
    <row r="737195" spans="14:14">
      <c r="N737195" s="10"/>
    </row>
    <row r="737196" spans="14:14">
      <c r="N737196" s="10"/>
    </row>
    <row r="737197" spans="14:14">
      <c r="N737197" s="10"/>
    </row>
    <row r="737198" spans="14:14">
      <c r="N737198" s="10"/>
    </row>
    <row r="737199" spans="14:14">
      <c r="N737199" s="10"/>
    </row>
    <row r="737200" spans="14:14">
      <c r="N737200" s="10"/>
    </row>
    <row r="737201" spans="14:14">
      <c r="N737201" s="10"/>
    </row>
    <row r="737202" spans="14:14">
      <c r="N737202" s="10"/>
    </row>
    <row r="737203" spans="14:14">
      <c r="N737203" s="10"/>
    </row>
    <row r="737204" spans="14:14">
      <c r="N737204" s="10"/>
    </row>
    <row r="737205" spans="14:14">
      <c r="N737205" s="10"/>
    </row>
    <row r="737206" spans="14:14">
      <c r="N737206" s="10"/>
    </row>
    <row r="737207" spans="14:14">
      <c r="N737207" s="10"/>
    </row>
    <row r="737208" spans="14:14">
      <c r="N737208" s="10"/>
    </row>
    <row r="737209" spans="14:14">
      <c r="N737209" s="10"/>
    </row>
    <row r="737210" spans="14:14">
      <c r="N737210" s="10"/>
    </row>
    <row r="737211" spans="14:14">
      <c r="N737211" s="10"/>
    </row>
    <row r="737212" spans="14:14">
      <c r="N737212" s="10"/>
    </row>
    <row r="737213" spans="14:14">
      <c r="N737213" s="10"/>
    </row>
    <row r="737214" spans="14:14">
      <c r="N737214" s="10"/>
    </row>
    <row r="737215" spans="14:14">
      <c r="N737215" s="10"/>
    </row>
    <row r="737216" spans="14:14">
      <c r="N737216" s="10"/>
    </row>
    <row r="737217" spans="14:14">
      <c r="N737217" s="10"/>
    </row>
    <row r="737218" spans="14:14">
      <c r="N737218" s="10"/>
    </row>
    <row r="737219" spans="14:14">
      <c r="N737219" s="10"/>
    </row>
    <row r="737220" spans="14:14">
      <c r="N737220" s="10"/>
    </row>
    <row r="737221" spans="14:14">
      <c r="N737221" s="10"/>
    </row>
    <row r="737222" spans="14:14">
      <c r="N737222" s="10"/>
    </row>
    <row r="737223" spans="14:14">
      <c r="N737223" s="10"/>
    </row>
    <row r="737224" spans="14:14">
      <c r="N737224" s="10"/>
    </row>
    <row r="737225" spans="14:14">
      <c r="N737225" s="10"/>
    </row>
    <row r="737226" spans="14:14">
      <c r="N737226" s="10"/>
    </row>
    <row r="737227" spans="14:14">
      <c r="N737227" s="10"/>
    </row>
    <row r="737228" spans="14:14">
      <c r="N737228" s="10"/>
    </row>
    <row r="737229" spans="14:14">
      <c r="N737229" s="10"/>
    </row>
    <row r="737230" spans="14:14">
      <c r="N737230" s="10"/>
    </row>
    <row r="737231" spans="14:14">
      <c r="N737231" s="10"/>
    </row>
    <row r="737232" spans="14:14">
      <c r="N737232" s="10"/>
    </row>
    <row r="737233" spans="14:14">
      <c r="N737233" s="10"/>
    </row>
    <row r="737234" spans="14:14">
      <c r="N737234" s="10"/>
    </row>
    <row r="737235" spans="14:14">
      <c r="N737235" s="10"/>
    </row>
    <row r="737236" spans="14:14">
      <c r="N737236" s="10"/>
    </row>
    <row r="737237" spans="14:14">
      <c r="N737237" s="10"/>
    </row>
    <row r="737238" spans="14:14">
      <c r="N737238" s="10"/>
    </row>
    <row r="737239" spans="14:14">
      <c r="N737239" s="10"/>
    </row>
    <row r="737240" spans="14:14">
      <c r="N737240" s="10"/>
    </row>
    <row r="737241" spans="14:14">
      <c r="N737241" s="10"/>
    </row>
    <row r="737242" spans="14:14">
      <c r="N737242" s="10"/>
    </row>
    <row r="737243" spans="14:14">
      <c r="N737243" s="10"/>
    </row>
    <row r="737244" spans="14:14">
      <c r="N737244" s="10"/>
    </row>
    <row r="737245" spans="14:14">
      <c r="N737245" s="10"/>
    </row>
    <row r="737246" spans="14:14">
      <c r="N737246" s="10"/>
    </row>
    <row r="737247" spans="14:14">
      <c r="N737247" s="10"/>
    </row>
    <row r="737248" spans="14:14">
      <c r="N737248" s="10"/>
    </row>
    <row r="737249" spans="14:14">
      <c r="N737249" s="10"/>
    </row>
    <row r="737250" spans="14:14">
      <c r="N737250" s="10"/>
    </row>
    <row r="737251" spans="14:14">
      <c r="N737251" s="10"/>
    </row>
    <row r="737252" spans="14:14">
      <c r="N737252" s="10"/>
    </row>
    <row r="737253" spans="14:14">
      <c r="N737253" s="10"/>
    </row>
    <row r="737254" spans="14:14">
      <c r="N737254" s="10"/>
    </row>
    <row r="737255" spans="14:14">
      <c r="N737255" s="10"/>
    </row>
    <row r="737256" spans="14:14">
      <c r="N737256" s="10"/>
    </row>
    <row r="737257" spans="14:14">
      <c r="N737257" s="10"/>
    </row>
    <row r="737258" spans="14:14">
      <c r="N737258" s="10"/>
    </row>
    <row r="737259" spans="14:14">
      <c r="N737259" s="10"/>
    </row>
    <row r="737260" spans="14:14">
      <c r="N737260" s="10"/>
    </row>
    <row r="737261" spans="14:14">
      <c r="N737261" s="10"/>
    </row>
    <row r="737262" spans="14:14">
      <c r="N737262" s="10"/>
    </row>
    <row r="737263" spans="14:14">
      <c r="N737263" s="10"/>
    </row>
    <row r="737264" spans="14:14">
      <c r="N737264" s="10"/>
    </row>
    <row r="737265" spans="14:14">
      <c r="N737265" s="10"/>
    </row>
    <row r="737266" spans="14:14">
      <c r="N737266" s="10"/>
    </row>
    <row r="737267" spans="14:14">
      <c r="N737267" s="10"/>
    </row>
    <row r="737268" spans="14:14">
      <c r="N737268" s="10"/>
    </row>
    <row r="737269" spans="14:14">
      <c r="N737269" s="10"/>
    </row>
    <row r="737270" spans="14:14">
      <c r="N737270" s="10"/>
    </row>
    <row r="737271" spans="14:14">
      <c r="N737271" s="10"/>
    </row>
    <row r="737272" spans="14:14">
      <c r="N737272" s="10"/>
    </row>
    <row r="737273" spans="14:14">
      <c r="N737273" s="10"/>
    </row>
    <row r="737274" spans="14:14">
      <c r="N737274" s="10"/>
    </row>
    <row r="737275" spans="14:14">
      <c r="N737275" s="10"/>
    </row>
    <row r="737276" spans="14:14">
      <c r="N737276" s="10"/>
    </row>
    <row r="737277" spans="14:14">
      <c r="N737277" s="10"/>
    </row>
    <row r="737278" spans="14:14">
      <c r="N737278" s="10"/>
    </row>
    <row r="737279" spans="14:14">
      <c r="N737279" s="10"/>
    </row>
    <row r="737280" spans="14:14">
      <c r="N737280" s="10"/>
    </row>
    <row r="737281" spans="14:14">
      <c r="N737281" s="10"/>
    </row>
    <row r="737282" spans="14:14">
      <c r="N737282" s="10"/>
    </row>
    <row r="737283" spans="14:14">
      <c r="N737283" s="10"/>
    </row>
    <row r="737284" spans="14:14">
      <c r="N737284" s="10"/>
    </row>
    <row r="737285" spans="14:14">
      <c r="N737285" s="10"/>
    </row>
    <row r="737286" spans="14:14">
      <c r="N737286" s="10"/>
    </row>
    <row r="737287" spans="14:14">
      <c r="N737287" s="10"/>
    </row>
    <row r="737288" spans="14:14">
      <c r="N737288" s="10"/>
    </row>
    <row r="737289" spans="14:14">
      <c r="N737289" s="10"/>
    </row>
    <row r="737290" spans="14:14">
      <c r="N737290" s="10"/>
    </row>
    <row r="737291" spans="14:14">
      <c r="N737291" s="10"/>
    </row>
    <row r="737292" spans="14:14">
      <c r="N737292" s="10"/>
    </row>
    <row r="737293" spans="14:14">
      <c r="N737293" s="10"/>
    </row>
    <row r="737294" spans="14:14">
      <c r="N737294" s="10"/>
    </row>
    <row r="737295" spans="14:14">
      <c r="N737295" s="10"/>
    </row>
    <row r="737296" spans="14:14">
      <c r="N737296" s="10"/>
    </row>
    <row r="737297" spans="14:14">
      <c r="N737297" s="10"/>
    </row>
    <row r="737298" spans="14:14">
      <c r="N737298" s="10"/>
    </row>
    <row r="737299" spans="14:14">
      <c r="N737299" s="10"/>
    </row>
    <row r="737300" spans="14:14">
      <c r="N737300" s="10"/>
    </row>
    <row r="737301" spans="14:14">
      <c r="N737301" s="10"/>
    </row>
    <row r="737302" spans="14:14">
      <c r="N737302" s="10"/>
    </row>
    <row r="737303" spans="14:14">
      <c r="N737303" s="10"/>
    </row>
    <row r="737304" spans="14:14">
      <c r="N737304" s="10"/>
    </row>
    <row r="737305" spans="14:14">
      <c r="N737305" s="10"/>
    </row>
    <row r="737306" spans="14:14">
      <c r="N737306" s="10"/>
    </row>
    <row r="737307" spans="14:14">
      <c r="N737307" s="10"/>
    </row>
    <row r="737308" spans="14:14">
      <c r="N737308" s="10"/>
    </row>
    <row r="737309" spans="14:14">
      <c r="N737309" s="10"/>
    </row>
    <row r="737310" spans="14:14">
      <c r="N737310" s="10"/>
    </row>
    <row r="737311" spans="14:14">
      <c r="N737311" s="10"/>
    </row>
    <row r="737312" spans="14:14">
      <c r="N737312" s="10"/>
    </row>
    <row r="737313" spans="14:14">
      <c r="N737313" s="10"/>
    </row>
    <row r="737314" spans="14:14">
      <c r="N737314" s="10"/>
    </row>
    <row r="737315" spans="14:14">
      <c r="N737315" s="10"/>
    </row>
    <row r="737316" spans="14:14">
      <c r="N737316" s="10"/>
    </row>
    <row r="737317" spans="14:14">
      <c r="N737317" s="10"/>
    </row>
    <row r="737318" spans="14:14">
      <c r="N737318" s="10"/>
    </row>
    <row r="737319" spans="14:14">
      <c r="N737319" s="10"/>
    </row>
    <row r="737320" spans="14:14">
      <c r="N737320" s="10"/>
    </row>
    <row r="737321" spans="14:14">
      <c r="N737321" s="10"/>
    </row>
    <row r="737322" spans="14:14">
      <c r="N737322" s="10"/>
    </row>
    <row r="737323" spans="14:14">
      <c r="N737323" s="10"/>
    </row>
    <row r="737324" spans="14:14">
      <c r="N737324" s="10"/>
    </row>
    <row r="737325" spans="14:14">
      <c r="N737325" s="10"/>
    </row>
    <row r="737326" spans="14:14">
      <c r="N737326" s="10"/>
    </row>
    <row r="737327" spans="14:14">
      <c r="N737327" s="10"/>
    </row>
    <row r="737328" spans="14:14">
      <c r="N737328" s="10"/>
    </row>
    <row r="737329" spans="14:14">
      <c r="N737329" s="10"/>
    </row>
    <row r="737330" spans="14:14">
      <c r="N737330" s="10"/>
    </row>
    <row r="737331" spans="14:14">
      <c r="N737331" s="10"/>
    </row>
    <row r="737332" spans="14:14">
      <c r="N737332" s="10"/>
    </row>
    <row r="737333" spans="14:14">
      <c r="N737333" s="10"/>
    </row>
    <row r="737334" spans="14:14">
      <c r="N737334" s="10"/>
    </row>
    <row r="737335" spans="14:14">
      <c r="N737335" s="10"/>
    </row>
    <row r="737336" spans="14:14">
      <c r="N737336" s="10"/>
    </row>
    <row r="737337" spans="14:14">
      <c r="N737337" s="10"/>
    </row>
    <row r="737338" spans="14:14">
      <c r="N737338" s="10"/>
    </row>
    <row r="737339" spans="14:14">
      <c r="N737339" s="10"/>
    </row>
    <row r="737340" spans="14:14">
      <c r="N737340" s="10"/>
    </row>
    <row r="737341" spans="14:14">
      <c r="N737341" s="10"/>
    </row>
    <row r="737342" spans="14:14">
      <c r="N737342" s="10"/>
    </row>
    <row r="737343" spans="14:14">
      <c r="N737343" s="10"/>
    </row>
    <row r="737344" spans="14:14">
      <c r="N737344" s="10"/>
    </row>
    <row r="737345" spans="14:14">
      <c r="N737345" s="10"/>
    </row>
    <row r="737346" spans="14:14">
      <c r="N737346" s="10"/>
    </row>
    <row r="737347" spans="14:14">
      <c r="N737347" s="10"/>
    </row>
    <row r="737348" spans="14:14">
      <c r="N737348" s="10"/>
    </row>
    <row r="737349" spans="14:14">
      <c r="N737349" s="10"/>
    </row>
    <row r="737350" spans="14:14">
      <c r="N737350" s="10"/>
    </row>
    <row r="737351" spans="14:14">
      <c r="N737351" s="10"/>
    </row>
    <row r="737352" spans="14:14">
      <c r="N737352" s="10"/>
    </row>
    <row r="737353" spans="14:14">
      <c r="N737353" s="10"/>
    </row>
    <row r="737354" spans="14:14">
      <c r="N737354" s="10"/>
    </row>
    <row r="737355" spans="14:14">
      <c r="N737355" s="10"/>
    </row>
    <row r="737356" spans="14:14">
      <c r="N737356" s="10"/>
    </row>
    <row r="737357" spans="14:14">
      <c r="N737357" s="10"/>
    </row>
    <row r="737358" spans="14:14">
      <c r="N737358" s="10"/>
    </row>
    <row r="737359" spans="14:14">
      <c r="N737359" s="10"/>
    </row>
    <row r="737360" spans="14:14">
      <c r="N737360" s="10"/>
    </row>
    <row r="737361" spans="14:14">
      <c r="N737361" s="10"/>
    </row>
    <row r="737362" spans="14:14">
      <c r="N737362" s="10"/>
    </row>
    <row r="737363" spans="14:14">
      <c r="N737363" s="10"/>
    </row>
    <row r="737364" spans="14:14">
      <c r="N737364" s="10"/>
    </row>
    <row r="737365" spans="14:14">
      <c r="N737365" s="10"/>
    </row>
    <row r="737366" spans="14:14">
      <c r="N737366" s="10"/>
    </row>
    <row r="737367" spans="14:14">
      <c r="N737367" s="10"/>
    </row>
    <row r="737368" spans="14:14">
      <c r="N737368" s="10"/>
    </row>
    <row r="737369" spans="14:14">
      <c r="N737369" s="10"/>
    </row>
    <row r="737370" spans="14:14">
      <c r="N737370" s="10"/>
    </row>
    <row r="737371" spans="14:14">
      <c r="N737371" s="10"/>
    </row>
    <row r="737372" spans="14:14">
      <c r="N737372" s="10"/>
    </row>
    <row r="737373" spans="14:14">
      <c r="N737373" s="10"/>
    </row>
    <row r="737374" spans="14:14">
      <c r="N737374" s="10"/>
    </row>
    <row r="737375" spans="14:14">
      <c r="N737375" s="10"/>
    </row>
    <row r="737376" spans="14:14">
      <c r="N737376" s="10"/>
    </row>
    <row r="737377" spans="14:14">
      <c r="N737377" s="10"/>
    </row>
    <row r="737378" spans="14:14">
      <c r="N737378" s="10"/>
    </row>
    <row r="737379" spans="14:14">
      <c r="N737379" s="10"/>
    </row>
    <row r="737380" spans="14:14">
      <c r="N737380" s="10"/>
    </row>
    <row r="737381" spans="14:14">
      <c r="N737381" s="10"/>
    </row>
    <row r="737382" spans="14:14">
      <c r="N737382" s="10"/>
    </row>
    <row r="737383" spans="14:14">
      <c r="N737383" s="10"/>
    </row>
    <row r="737384" spans="14:14">
      <c r="N737384" s="10"/>
    </row>
    <row r="737385" spans="14:14">
      <c r="N737385" s="10"/>
    </row>
    <row r="737386" spans="14:14">
      <c r="N737386" s="10"/>
    </row>
    <row r="737387" spans="14:14">
      <c r="N737387" s="10"/>
    </row>
    <row r="737388" spans="14:14">
      <c r="N737388" s="10"/>
    </row>
    <row r="737389" spans="14:14">
      <c r="N737389" s="10"/>
    </row>
    <row r="737390" spans="14:14">
      <c r="N737390" s="10"/>
    </row>
    <row r="737391" spans="14:14">
      <c r="N737391" s="10"/>
    </row>
    <row r="737392" spans="14:14">
      <c r="N737392" s="10"/>
    </row>
    <row r="737393" spans="14:14">
      <c r="N737393" s="10"/>
    </row>
    <row r="737394" spans="14:14">
      <c r="N737394" s="10"/>
    </row>
    <row r="737395" spans="14:14">
      <c r="N737395" s="10"/>
    </row>
    <row r="737396" spans="14:14">
      <c r="N737396" s="10"/>
    </row>
    <row r="737397" spans="14:14">
      <c r="N737397" s="10"/>
    </row>
    <row r="737398" spans="14:14">
      <c r="N737398" s="10"/>
    </row>
    <row r="737399" spans="14:14">
      <c r="N737399" s="10"/>
    </row>
    <row r="737400" spans="14:14">
      <c r="N737400" s="10"/>
    </row>
    <row r="737401" spans="14:14">
      <c r="N737401" s="10"/>
    </row>
    <row r="737402" spans="14:14">
      <c r="N737402" s="10"/>
    </row>
    <row r="737403" spans="14:14">
      <c r="N737403" s="10"/>
    </row>
    <row r="737404" spans="14:14">
      <c r="N737404" s="10"/>
    </row>
    <row r="737405" spans="14:14">
      <c r="N737405" s="10"/>
    </row>
    <row r="737406" spans="14:14">
      <c r="N737406" s="10"/>
    </row>
    <row r="737407" spans="14:14">
      <c r="N737407" s="10"/>
    </row>
    <row r="737408" spans="14:14">
      <c r="N737408" s="10"/>
    </row>
    <row r="737409" spans="14:14">
      <c r="N737409" s="10"/>
    </row>
    <row r="737410" spans="14:14">
      <c r="N737410" s="10"/>
    </row>
    <row r="737411" spans="14:14">
      <c r="N737411" s="10"/>
    </row>
    <row r="737412" spans="14:14">
      <c r="N737412" s="10"/>
    </row>
    <row r="737413" spans="14:14">
      <c r="N737413" s="10"/>
    </row>
    <row r="737414" spans="14:14">
      <c r="N737414" s="10"/>
    </row>
    <row r="737415" spans="14:14">
      <c r="N737415" s="10"/>
    </row>
    <row r="737416" spans="14:14">
      <c r="N737416" s="10"/>
    </row>
    <row r="737417" spans="14:14">
      <c r="N737417" s="10"/>
    </row>
    <row r="737418" spans="14:14">
      <c r="N737418" s="10"/>
    </row>
    <row r="737419" spans="14:14">
      <c r="N737419" s="10"/>
    </row>
    <row r="737420" spans="14:14">
      <c r="N737420" s="10"/>
    </row>
    <row r="737421" spans="14:14">
      <c r="N737421" s="10"/>
    </row>
    <row r="737422" spans="14:14">
      <c r="N737422" s="10"/>
    </row>
    <row r="737423" spans="14:14">
      <c r="N737423" s="10"/>
    </row>
    <row r="737424" spans="14:14">
      <c r="N737424" s="10"/>
    </row>
    <row r="737425" spans="14:14">
      <c r="N737425" s="10"/>
    </row>
    <row r="737426" spans="14:14">
      <c r="N737426" s="10"/>
    </row>
    <row r="737427" spans="14:14">
      <c r="N737427" s="10"/>
    </row>
    <row r="737428" spans="14:14">
      <c r="N737428" s="10"/>
    </row>
    <row r="737429" spans="14:14">
      <c r="N737429" s="10"/>
    </row>
    <row r="737430" spans="14:14">
      <c r="N737430" s="10"/>
    </row>
    <row r="737431" spans="14:14">
      <c r="N737431" s="10"/>
    </row>
    <row r="737432" spans="14:14">
      <c r="N737432" s="10"/>
    </row>
    <row r="737433" spans="14:14">
      <c r="N737433" s="10"/>
    </row>
    <row r="737434" spans="14:14">
      <c r="N737434" s="10"/>
    </row>
    <row r="737435" spans="14:14">
      <c r="N737435" s="10"/>
    </row>
    <row r="737436" spans="14:14">
      <c r="N737436" s="10"/>
    </row>
    <row r="737437" spans="14:14">
      <c r="N737437" s="10"/>
    </row>
    <row r="737438" spans="14:14">
      <c r="N737438" s="10"/>
    </row>
    <row r="737439" spans="14:14">
      <c r="N737439" s="10"/>
    </row>
    <row r="737440" spans="14:14">
      <c r="N737440" s="10"/>
    </row>
    <row r="737441" spans="14:14">
      <c r="N737441" s="10"/>
    </row>
    <row r="737442" spans="14:14">
      <c r="N737442" s="10"/>
    </row>
    <row r="737443" spans="14:14">
      <c r="N737443" s="10"/>
    </row>
    <row r="737444" spans="14:14">
      <c r="N737444" s="10"/>
    </row>
    <row r="737445" spans="14:14">
      <c r="N737445" s="10"/>
    </row>
    <row r="737446" spans="14:14">
      <c r="N737446" s="10"/>
    </row>
    <row r="737447" spans="14:14">
      <c r="N737447" s="10"/>
    </row>
    <row r="737448" spans="14:14">
      <c r="N737448" s="10"/>
    </row>
    <row r="737449" spans="14:14">
      <c r="N737449" s="10"/>
    </row>
    <row r="737450" spans="14:14">
      <c r="N737450" s="10"/>
    </row>
    <row r="737451" spans="14:14">
      <c r="N737451" s="10"/>
    </row>
    <row r="737452" spans="14:14">
      <c r="N737452" s="10"/>
    </row>
    <row r="737453" spans="14:14">
      <c r="N737453" s="10"/>
    </row>
    <row r="737454" spans="14:14">
      <c r="N737454" s="10"/>
    </row>
    <row r="737455" spans="14:14">
      <c r="N737455" s="10"/>
    </row>
    <row r="737456" spans="14:14">
      <c r="N737456" s="10"/>
    </row>
    <row r="737457" spans="14:14">
      <c r="N737457" s="10"/>
    </row>
    <row r="737458" spans="14:14">
      <c r="N737458" s="10"/>
    </row>
    <row r="737459" spans="14:14">
      <c r="N737459" s="10"/>
    </row>
    <row r="737460" spans="14:14">
      <c r="N737460" s="10"/>
    </row>
    <row r="737461" spans="14:14">
      <c r="N737461" s="10"/>
    </row>
    <row r="737462" spans="14:14">
      <c r="N737462" s="10"/>
    </row>
    <row r="737463" spans="14:14">
      <c r="N737463" s="10"/>
    </row>
    <row r="737464" spans="14:14">
      <c r="N737464" s="10"/>
    </row>
    <row r="737465" spans="14:14">
      <c r="N737465" s="10"/>
    </row>
    <row r="737466" spans="14:14">
      <c r="N737466" s="10"/>
    </row>
    <row r="737467" spans="14:14">
      <c r="N737467" s="10"/>
    </row>
    <row r="737468" spans="14:14">
      <c r="N737468" s="10"/>
    </row>
    <row r="737469" spans="14:14">
      <c r="N737469" s="10"/>
    </row>
    <row r="737470" spans="14:14">
      <c r="N737470" s="10"/>
    </row>
    <row r="737471" spans="14:14">
      <c r="N737471" s="10"/>
    </row>
    <row r="737472" spans="14:14">
      <c r="N737472" s="10"/>
    </row>
    <row r="737473" spans="14:14">
      <c r="N737473" s="10"/>
    </row>
    <row r="737474" spans="14:14">
      <c r="N737474" s="10"/>
    </row>
    <row r="737475" spans="14:14">
      <c r="N737475" s="10"/>
    </row>
    <row r="737476" spans="14:14">
      <c r="N737476" s="10"/>
    </row>
    <row r="737477" spans="14:14">
      <c r="N737477" s="10"/>
    </row>
    <row r="737478" spans="14:14">
      <c r="N737478" s="10"/>
    </row>
    <row r="737479" spans="14:14">
      <c r="N737479" s="10"/>
    </row>
    <row r="737480" spans="14:14">
      <c r="N737480" s="10"/>
    </row>
    <row r="737481" spans="14:14">
      <c r="N737481" s="10"/>
    </row>
    <row r="737482" spans="14:14">
      <c r="N737482" s="10"/>
    </row>
    <row r="737483" spans="14:14">
      <c r="N737483" s="10"/>
    </row>
    <row r="737484" spans="14:14">
      <c r="N737484" s="10"/>
    </row>
    <row r="737485" spans="14:14">
      <c r="N737485" s="10"/>
    </row>
    <row r="737486" spans="14:14">
      <c r="N737486" s="10"/>
    </row>
    <row r="737487" spans="14:14">
      <c r="N737487" s="10"/>
    </row>
    <row r="737488" spans="14:14">
      <c r="N737488" s="10"/>
    </row>
    <row r="737489" spans="14:14">
      <c r="N737489" s="10"/>
    </row>
    <row r="737490" spans="14:14">
      <c r="N737490" s="10"/>
    </row>
    <row r="737491" spans="14:14">
      <c r="N737491" s="10"/>
    </row>
    <row r="737492" spans="14:14">
      <c r="N737492" s="10"/>
    </row>
    <row r="737493" spans="14:14">
      <c r="N737493" s="10"/>
    </row>
    <row r="737494" spans="14:14">
      <c r="N737494" s="10"/>
    </row>
    <row r="737495" spans="14:14">
      <c r="N737495" s="10"/>
    </row>
    <row r="737496" spans="14:14">
      <c r="N737496" s="10"/>
    </row>
    <row r="737497" spans="14:14">
      <c r="N737497" s="10"/>
    </row>
    <row r="737498" spans="14:14">
      <c r="N737498" s="10"/>
    </row>
    <row r="737499" spans="14:14">
      <c r="N737499" s="10"/>
    </row>
    <row r="737500" spans="14:14">
      <c r="N737500" s="10"/>
    </row>
    <row r="737501" spans="14:14">
      <c r="N737501" s="10"/>
    </row>
    <row r="737502" spans="14:14">
      <c r="N737502" s="10"/>
    </row>
    <row r="737503" spans="14:14">
      <c r="N737503" s="10"/>
    </row>
    <row r="737504" spans="14:14">
      <c r="N737504" s="10"/>
    </row>
    <row r="737505" spans="14:14">
      <c r="N737505" s="10"/>
    </row>
    <row r="737506" spans="14:14">
      <c r="N737506" s="10"/>
    </row>
    <row r="737507" spans="14:14">
      <c r="N737507" s="10"/>
    </row>
    <row r="737508" spans="14:14">
      <c r="N737508" s="10"/>
    </row>
    <row r="737509" spans="14:14">
      <c r="N737509" s="10"/>
    </row>
    <row r="737510" spans="14:14">
      <c r="N737510" s="10"/>
    </row>
    <row r="737511" spans="14:14">
      <c r="N737511" s="10"/>
    </row>
    <row r="737512" spans="14:14">
      <c r="N737512" s="10"/>
    </row>
    <row r="737513" spans="14:14">
      <c r="N737513" s="10"/>
    </row>
    <row r="737514" spans="14:14">
      <c r="N737514" s="10"/>
    </row>
    <row r="737515" spans="14:14">
      <c r="N737515" s="10"/>
    </row>
    <row r="737516" spans="14:14">
      <c r="N737516" s="10"/>
    </row>
    <row r="737517" spans="14:14">
      <c r="N737517" s="10"/>
    </row>
    <row r="737518" spans="14:14">
      <c r="N737518" s="10"/>
    </row>
    <row r="737519" spans="14:14">
      <c r="N737519" s="10"/>
    </row>
    <row r="737520" spans="14:14">
      <c r="N737520" s="10"/>
    </row>
    <row r="737521" spans="14:14">
      <c r="N737521" s="10"/>
    </row>
    <row r="737522" spans="14:14">
      <c r="N737522" s="10"/>
    </row>
    <row r="737523" spans="14:14">
      <c r="N737523" s="10"/>
    </row>
    <row r="737524" spans="14:14">
      <c r="N737524" s="10"/>
    </row>
    <row r="737525" spans="14:14">
      <c r="N737525" s="10"/>
    </row>
    <row r="737526" spans="14:14">
      <c r="N737526" s="10"/>
    </row>
    <row r="737527" spans="14:14">
      <c r="N737527" s="10"/>
    </row>
    <row r="737528" spans="14:14">
      <c r="N737528" s="10"/>
    </row>
    <row r="737529" spans="14:14">
      <c r="N737529" s="10"/>
    </row>
    <row r="737530" spans="14:14">
      <c r="N737530" s="10"/>
    </row>
    <row r="737531" spans="14:14">
      <c r="N737531" s="10"/>
    </row>
    <row r="737532" spans="14:14">
      <c r="N737532" s="10"/>
    </row>
    <row r="737533" spans="14:14">
      <c r="N737533" s="10"/>
    </row>
    <row r="737534" spans="14:14">
      <c r="N737534" s="10"/>
    </row>
    <row r="737535" spans="14:14">
      <c r="N737535" s="10"/>
    </row>
    <row r="737536" spans="14:14">
      <c r="N737536" s="10"/>
    </row>
    <row r="737537" spans="14:14">
      <c r="N737537" s="10"/>
    </row>
    <row r="737538" spans="14:14">
      <c r="N737538" s="10"/>
    </row>
    <row r="737539" spans="14:14">
      <c r="N737539" s="10"/>
    </row>
    <row r="737540" spans="14:14">
      <c r="N737540" s="10"/>
    </row>
    <row r="737541" spans="14:14">
      <c r="N737541" s="10"/>
    </row>
    <row r="737542" spans="14:14">
      <c r="N737542" s="10"/>
    </row>
    <row r="737543" spans="14:14">
      <c r="N737543" s="10"/>
    </row>
    <row r="737544" spans="14:14">
      <c r="N737544" s="10"/>
    </row>
    <row r="737545" spans="14:14">
      <c r="N737545" s="10"/>
    </row>
    <row r="737546" spans="14:14">
      <c r="N737546" s="10"/>
    </row>
    <row r="737547" spans="14:14">
      <c r="N737547" s="10"/>
    </row>
    <row r="737548" spans="14:14">
      <c r="N737548" s="10"/>
    </row>
    <row r="737549" spans="14:14">
      <c r="N737549" s="10"/>
    </row>
    <row r="737550" spans="14:14">
      <c r="N737550" s="10"/>
    </row>
    <row r="737551" spans="14:14">
      <c r="N737551" s="10"/>
    </row>
    <row r="737552" spans="14:14">
      <c r="N737552" s="10"/>
    </row>
    <row r="737553" spans="14:14">
      <c r="N737553" s="10"/>
    </row>
    <row r="737554" spans="14:14">
      <c r="N737554" s="10"/>
    </row>
    <row r="737555" spans="14:14">
      <c r="N737555" s="10"/>
    </row>
    <row r="737556" spans="14:14">
      <c r="N737556" s="10"/>
    </row>
    <row r="737557" spans="14:14">
      <c r="N737557" s="10"/>
    </row>
    <row r="737558" spans="14:14">
      <c r="N737558" s="10"/>
    </row>
    <row r="737559" spans="14:14">
      <c r="N737559" s="10"/>
    </row>
    <row r="737560" spans="14:14">
      <c r="N737560" s="10"/>
    </row>
    <row r="737561" spans="14:14">
      <c r="N737561" s="10"/>
    </row>
    <row r="737562" spans="14:14">
      <c r="N737562" s="10"/>
    </row>
    <row r="737563" spans="14:14">
      <c r="N737563" s="10"/>
    </row>
    <row r="737564" spans="14:14">
      <c r="N737564" s="10"/>
    </row>
    <row r="737565" spans="14:14">
      <c r="N737565" s="10"/>
    </row>
    <row r="737566" spans="14:14">
      <c r="N737566" s="10"/>
    </row>
    <row r="737567" spans="14:14">
      <c r="N737567" s="10"/>
    </row>
    <row r="737568" spans="14:14">
      <c r="N737568" s="10"/>
    </row>
    <row r="737569" spans="14:14">
      <c r="N737569" s="10"/>
    </row>
    <row r="737570" spans="14:14">
      <c r="N737570" s="10"/>
    </row>
    <row r="737571" spans="14:14">
      <c r="N737571" s="10"/>
    </row>
    <row r="737572" spans="14:14">
      <c r="N737572" s="10"/>
    </row>
    <row r="737573" spans="14:14">
      <c r="N737573" s="10"/>
    </row>
    <row r="737574" spans="14:14">
      <c r="N737574" s="10"/>
    </row>
    <row r="737575" spans="14:14">
      <c r="N737575" s="10"/>
    </row>
    <row r="737576" spans="14:14">
      <c r="N737576" s="10"/>
    </row>
    <row r="737577" spans="14:14">
      <c r="N737577" s="10"/>
    </row>
    <row r="737578" spans="14:14">
      <c r="N737578" s="10"/>
    </row>
    <row r="737579" spans="14:14">
      <c r="N737579" s="10"/>
    </row>
    <row r="737580" spans="14:14">
      <c r="N737580" s="10"/>
    </row>
    <row r="737581" spans="14:14">
      <c r="N737581" s="10"/>
    </row>
    <row r="737582" spans="14:14">
      <c r="N737582" s="10"/>
    </row>
    <row r="737583" spans="14:14">
      <c r="N737583" s="10"/>
    </row>
    <row r="737584" spans="14:14">
      <c r="N737584" s="10"/>
    </row>
    <row r="737585" spans="14:14">
      <c r="N737585" s="10"/>
    </row>
    <row r="737586" spans="14:14">
      <c r="N737586" s="10"/>
    </row>
    <row r="737587" spans="14:14">
      <c r="N737587" s="10"/>
    </row>
    <row r="737588" spans="14:14">
      <c r="N737588" s="10"/>
    </row>
    <row r="737589" spans="14:14">
      <c r="N737589" s="10"/>
    </row>
    <row r="737590" spans="14:14">
      <c r="N737590" s="10"/>
    </row>
    <row r="737591" spans="14:14">
      <c r="N737591" s="10"/>
    </row>
    <row r="737592" spans="14:14">
      <c r="N737592" s="10"/>
    </row>
    <row r="737593" spans="14:14">
      <c r="N737593" s="10"/>
    </row>
    <row r="737594" spans="14:14">
      <c r="N737594" s="10"/>
    </row>
    <row r="737595" spans="14:14">
      <c r="N737595" s="10"/>
    </row>
    <row r="737596" spans="14:14">
      <c r="N737596" s="10"/>
    </row>
    <row r="737597" spans="14:14">
      <c r="N737597" s="10"/>
    </row>
    <row r="737598" spans="14:14">
      <c r="N737598" s="10"/>
    </row>
    <row r="737599" spans="14:14">
      <c r="N737599" s="10"/>
    </row>
    <row r="737600" spans="14:14">
      <c r="N737600" s="10"/>
    </row>
    <row r="737601" spans="14:14">
      <c r="N737601" s="10"/>
    </row>
    <row r="737602" spans="14:14">
      <c r="N737602" s="10"/>
    </row>
    <row r="737603" spans="14:14">
      <c r="N737603" s="10"/>
    </row>
    <row r="737604" spans="14:14">
      <c r="N737604" s="10"/>
    </row>
    <row r="737605" spans="14:14">
      <c r="N737605" s="10"/>
    </row>
    <row r="737606" spans="14:14">
      <c r="N737606" s="10"/>
    </row>
    <row r="737607" spans="14:14">
      <c r="N737607" s="10"/>
    </row>
    <row r="737608" spans="14:14">
      <c r="N737608" s="10"/>
    </row>
    <row r="737609" spans="14:14">
      <c r="N737609" s="10"/>
    </row>
    <row r="737610" spans="14:14">
      <c r="N737610" s="10"/>
    </row>
    <row r="737611" spans="14:14">
      <c r="N737611" s="10"/>
    </row>
    <row r="737612" spans="14:14">
      <c r="N737612" s="10"/>
    </row>
    <row r="737613" spans="14:14">
      <c r="N737613" s="10"/>
    </row>
    <row r="737614" spans="14:14">
      <c r="N737614" s="10"/>
    </row>
    <row r="737615" spans="14:14">
      <c r="N737615" s="10"/>
    </row>
    <row r="737616" spans="14:14">
      <c r="N737616" s="10"/>
    </row>
    <row r="737617" spans="14:14">
      <c r="N737617" s="10"/>
    </row>
    <row r="737618" spans="14:14">
      <c r="N737618" s="10"/>
    </row>
    <row r="737619" spans="14:14">
      <c r="N737619" s="10"/>
    </row>
    <row r="737620" spans="14:14">
      <c r="N737620" s="10"/>
    </row>
    <row r="737621" spans="14:14">
      <c r="N737621" s="10"/>
    </row>
    <row r="737622" spans="14:14">
      <c r="N737622" s="10"/>
    </row>
    <row r="737623" spans="14:14">
      <c r="N737623" s="10"/>
    </row>
    <row r="737624" spans="14:14">
      <c r="N737624" s="10"/>
    </row>
    <row r="737625" spans="14:14">
      <c r="N737625" s="10"/>
    </row>
    <row r="737626" spans="14:14">
      <c r="N737626" s="10"/>
    </row>
    <row r="737627" spans="14:14">
      <c r="N737627" s="10"/>
    </row>
    <row r="737628" spans="14:14">
      <c r="N737628" s="10"/>
    </row>
    <row r="737629" spans="14:14">
      <c r="N737629" s="10"/>
    </row>
    <row r="737630" spans="14:14">
      <c r="N737630" s="10"/>
    </row>
    <row r="737631" spans="14:14">
      <c r="N737631" s="10"/>
    </row>
    <row r="737632" spans="14:14">
      <c r="N737632" s="10"/>
    </row>
    <row r="737633" spans="14:14">
      <c r="N737633" s="10"/>
    </row>
    <row r="737634" spans="14:14">
      <c r="N737634" s="10"/>
    </row>
    <row r="737635" spans="14:14">
      <c r="N737635" s="10"/>
    </row>
    <row r="737636" spans="14:14">
      <c r="N737636" s="10"/>
    </row>
    <row r="737637" spans="14:14">
      <c r="N737637" s="10"/>
    </row>
    <row r="737638" spans="14:14">
      <c r="N737638" s="10"/>
    </row>
    <row r="737639" spans="14:14">
      <c r="N737639" s="10"/>
    </row>
    <row r="737640" spans="14:14">
      <c r="N737640" s="10"/>
    </row>
    <row r="737641" spans="14:14">
      <c r="N737641" s="10"/>
    </row>
    <row r="737642" spans="14:14">
      <c r="N737642" s="10"/>
    </row>
    <row r="737643" spans="14:14">
      <c r="N737643" s="10"/>
    </row>
    <row r="737644" spans="14:14">
      <c r="N737644" s="10"/>
    </row>
    <row r="737645" spans="14:14">
      <c r="N737645" s="10"/>
    </row>
    <row r="737646" spans="14:14">
      <c r="N737646" s="10"/>
    </row>
    <row r="737647" spans="14:14">
      <c r="N737647" s="10"/>
    </row>
    <row r="737648" spans="14:14">
      <c r="N737648" s="10"/>
    </row>
    <row r="737649" spans="14:14">
      <c r="N737649" s="10"/>
    </row>
    <row r="737650" spans="14:14">
      <c r="N737650" s="10"/>
    </row>
    <row r="737651" spans="14:14">
      <c r="N737651" s="10"/>
    </row>
    <row r="737652" spans="14:14">
      <c r="N737652" s="10"/>
    </row>
    <row r="737653" spans="14:14">
      <c r="N737653" s="10"/>
    </row>
    <row r="737654" spans="14:14">
      <c r="N737654" s="10"/>
    </row>
    <row r="737655" spans="14:14">
      <c r="N737655" s="10"/>
    </row>
    <row r="737656" spans="14:14">
      <c r="N737656" s="10"/>
    </row>
    <row r="737657" spans="14:14">
      <c r="N737657" s="10"/>
    </row>
    <row r="737658" spans="14:14">
      <c r="N737658" s="10"/>
    </row>
    <row r="737659" spans="14:14">
      <c r="N737659" s="10"/>
    </row>
    <row r="737660" spans="14:14">
      <c r="N737660" s="10"/>
    </row>
    <row r="737661" spans="14:14">
      <c r="N737661" s="10"/>
    </row>
    <row r="737662" spans="14:14">
      <c r="N737662" s="10"/>
    </row>
    <row r="737663" spans="14:14">
      <c r="N737663" s="10"/>
    </row>
    <row r="737664" spans="14:14">
      <c r="N737664" s="10"/>
    </row>
    <row r="737665" spans="14:14">
      <c r="N737665" s="10"/>
    </row>
    <row r="737666" spans="14:14">
      <c r="N737666" s="10"/>
    </row>
    <row r="737667" spans="14:14">
      <c r="N737667" s="10"/>
    </row>
    <row r="737668" spans="14:14">
      <c r="N737668" s="10"/>
    </row>
    <row r="737669" spans="14:14">
      <c r="N737669" s="10"/>
    </row>
    <row r="737670" spans="14:14">
      <c r="N737670" s="10"/>
    </row>
    <row r="737671" spans="14:14">
      <c r="N737671" s="10"/>
    </row>
    <row r="737672" spans="14:14">
      <c r="N737672" s="10"/>
    </row>
    <row r="737673" spans="14:14">
      <c r="N737673" s="10"/>
    </row>
    <row r="737674" spans="14:14">
      <c r="N737674" s="10"/>
    </row>
    <row r="737675" spans="14:14">
      <c r="N737675" s="10"/>
    </row>
    <row r="737676" spans="14:14">
      <c r="N737676" s="10"/>
    </row>
    <row r="737677" spans="14:14">
      <c r="N737677" s="10"/>
    </row>
    <row r="737678" spans="14:14">
      <c r="N737678" s="10"/>
    </row>
    <row r="737679" spans="14:14">
      <c r="N737679" s="10"/>
    </row>
    <row r="737680" spans="14:14">
      <c r="N737680" s="10"/>
    </row>
    <row r="737681" spans="14:14">
      <c r="N737681" s="10"/>
    </row>
    <row r="737682" spans="14:14">
      <c r="N737682" s="10"/>
    </row>
    <row r="737683" spans="14:14">
      <c r="N737683" s="10"/>
    </row>
    <row r="737684" spans="14:14">
      <c r="N737684" s="10"/>
    </row>
    <row r="737685" spans="14:14">
      <c r="N737685" s="10"/>
    </row>
    <row r="737686" spans="14:14">
      <c r="N737686" s="10"/>
    </row>
    <row r="737687" spans="14:14">
      <c r="N737687" s="10"/>
    </row>
    <row r="737688" spans="14:14">
      <c r="N737688" s="10"/>
    </row>
    <row r="737689" spans="14:14">
      <c r="N737689" s="10"/>
    </row>
    <row r="737690" spans="14:14">
      <c r="N737690" s="10"/>
    </row>
    <row r="737691" spans="14:14">
      <c r="N737691" s="10"/>
    </row>
    <row r="737692" spans="14:14">
      <c r="N737692" s="10"/>
    </row>
    <row r="737693" spans="14:14">
      <c r="N737693" s="10"/>
    </row>
    <row r="737694" spans="14:14">
      <c r="N737694" s="10"/>
    </row>
    <row r="737695" spans="14:14">
      <c r="N737695" s="10"/>
    </row>
    <row r="737696" spans="14:14">
      <c r="N737696" s="10"/>
    </row>
    <row r="737697" spans="14:14">
      <c r="N737697" s="10"/>
    </row>
    <row r="737698" spans="14:14">
      <c r="N737698" s="10"/>
    </row>
    <row r="737699" spans="14:14">
      <c r="N737699" s="10"/>
    </row>
    <row r="737700" spans="14:14">
      <c r="N737700" s="10"/>
    </row>
    <row r="737701" spans="14:14">
      <c r="N737701" s="10"/>
    </row>
    <row r="737702" spans="14:14">
      <c r="N737702" s="10"/>
    </row>
    <row r="737703" spans="14:14">
      <c r="N737703" s="10"/>
    </row>
    <row r="737704" spans="14:14">
      <c r="N737704" s="10"/>
    </row>
    <row r="737705" spans="14:14">
      <c r="N737705" s="10"/>
    </row>
    <row r="737706" spans="14:14">
      <c r="N737706" s="10"/>
    </row>
    <row r="737707" spans="14:14">
      <c r="N737707" s="10"/>
    </row>
    <row r="737708" spans="14:14">
      <c r="N737708" s="10"/>
    </row>
    <row r="737709" spans="14:14">
      <c r="N737709" s="10"/>
    </row>
    <row r="737710" spans="14:14">
      <c r="N737710" s="10"/>
    </row>
    <row r="737711" spans="14:14">
      <c r="N737711" s="10"/>
    </row>
    <row r="737712" spans="14:14">
      <c r="N737712" s="10"/>
    </row>
    <row r="737713" spans="14:14">
      <c r="N737713" s="10"/>
    </row>
    <row r="737714" spans="14:14">
      <c r="N737714" s="10"/>
    </row>
    <row r="737715" spans="14:14">
      <c r="N737715" s="10"/>
    </row>
    <row r="737716" spans="14:14">
      <c r="N737716" s="10"/>
    </row>
    <row r="737717" spans="14:14">
      <c r="N737717" s="10"/>
    </row>
    <row r="737718" spans="14:14">
      <c r="N737718" s="10"/>
    </row>
    <row r="737719" spans="14:14">
      <c r="N737719" s="10"/>
    </row>
    <row r="737720" spans="14:14">
      <c r="N737720" s="10"/>
    </row>
    <row r="737721" spans="14:14">
      <c r="N737721" s="10"/>
    </row>
    <row r="737722" spans="14:14">
      <c r="N737722" s="10"/>
    </row>
    <row r="737723" spans="14:14">
      <c r="N737723" s="10"/>
    </row>
    <row r="737724" spans="14:14">
      <c r="N737724" s="10"/>
    </row>
    <row r="737725" spans="14:14">
      <c r="N737725" s="10"/>
    </row>
    <row r="737726" spans="14:14">
      <c r="N737726" s="10"/>
    </row>
    <row r="737727" spans="14:14">
      <c r="N737727" s="10"/>
    </row>
    <row r="737728" spans="14:14">
      <c r="N737728" s="10"/>
    </row>
    <row r="737729" spans="14:14">
      <c r="N737729" s="10"/>
    </row>
    <row r="737730" spans="14:14">
      <c r="N737730" s="10"/>
    </row>
    <row r="737731" spans="14:14">
      <c r="N737731" s="10"/>
    </row>
    <row r="737732" spans="14:14">
      <c r="N737732" s="10"/>
    </row>
    <row r="737733" spans="14:14">
      <c r="N737733" s="10"/>
    </row>
    <row r="737734" spans="14:14">
      <c r="N737734" s="10"/>
    </row>
    <row r="737735" spans="14:14">
      <c r="N737735" s="10"/>
    </row>
    <row r="737736" spans="14:14">
      <c r="N737736" s="10"/>
    </row>
    <row r="737737" spans="14:14">
      <c r="N737737" s="10"/>
    </row>
    <row r="737738" spans="14:14">
      <c r="N737738" s="10"/>
    </row>
    <row r="737739" spans="14:14">
      <c r="N737739" s="10"/>
    </row>
    <row r="737740" spans="14:14">
      <c r="N737740" s="10"/>
    </row>
    <row r="737741" spans="14:14">
      <c r="N737741" s="10"/>
    </row>
    <row r="737742" spans="14:14">
      <c r="N737742" s="10"/>
    </row>
    <row r="737743" spans="14:14">
      <c r="N737743" s="10"/>
    </row>
    <row r="737744" spans="14:14">
      <c r="N737744" s="10"/>
    </row>
    <row r="737745" spans="14:14">
      <c r="N737745" s="10"/>
    </row>
    <row r="737746" spans="14:14">
      <c r="N737746" s="10"/>
    </row>
    <row r="737747" spans="14:14">
      <c r="N737747" s="10"/>
    </row>
    <row r="737748" spans="14:14">
      <c r="N737748" s="10"/>
    </row>
    <row r="737749" spans="14:14">
      <c r="N737749" s="10"/>
    </row>
    <row r="737750" spans="14:14">
      <c r="N737750" s="10"/>
    </row>
    <row r="737751" spans="14:14">
      <c r="N737751" s="10"/>
    </row>
    <row r="737752" spans="14:14">
      <c r="N737752" s="10"/>
    </row>
    <row r="737753" spans="14:14">
      <c r="N737753" s="10"/>
    </row>
    <row r="737754" spans="14:14">
      <c r="N737754" s="10"/>
    </row>
    <row r="737755" spans="14:14">
      <c r="N737755" s="10"/>
    </row>
    <row r="737756" spans="14:14">
      <c r="N737756" s="10"/>
    </row>
    <row r="737757" spans="14:14">
      <c r="N737757" s="10"/>
    </row>
    <row r="737758" spans="14:14">
      <c r="N737758" s="10"/>
    </row>
    <row r="737759" spans="14:14">
      <c r="N737759" s="10"/>
    </row>
    <row r="737760" spans="14:14">
      <c r="N737760" s="10"/>
    </row>
    <row r="737761" spans="14:14">
      <c r="N737761" s="10"/>
    </row>
    <row r="737762" spans="14:14">
      <c r="N737762" s="10"/>
    </row>
    <row r="737763" spans="14:14">
      <c r="N737763" s="10"/>
    </row>
    <row r="737764" spans="14:14">
      <c r="N737764" s="10"/>
    </row>
    <row r="737765" spans="14:14">
      <c r="N737765" s="10"/>
    </row>
    <row r="737766" spans="14:14">
      <c r="N737766" s="10"/>
    </row>
    <row r="737767" spans="14:14">
      <c r="N737767" s="10"/>
    </row>
    <row r="737768" spans="14:14">
      <c r="N737768" s="10"/>
    </row>
    <row r="737769" spans="14:14">
      <c r="N737769" s="10"/>
    </row>
    <row r="737770" spans="14:14">
      <c r="N737770" s="10"/>
    </row>
    <row r="737771" spans="14:14">
      <c r="N737771" s="10"/>
    </row>
    <row r="737772" spans="14:14">
      <c r="N737772" s="10"/>
    </row>
    <row r="737773" spans="14:14">
      <c r="N737773" s="10"/>
    </row>
    <row r="737774" spans="14:14">
      <c r="N737774" s="10"/>
    </row>
    <row r="737775" spans="14:14">
      <c r="N737775" s="10"/>
    </row>
    <row r="737776" spans="14:14">
      <c r="N737776" s="10"/>
    </row>
    <row r="737777" spans="14:14">
      <c r="N737777" s="10"/>
    </row>
    <row r="737778" spans="14:14">
      <c r="N737778" s="10"/>
    </row>
    <row r="737779" spans="14:14">
      <c r="N737779" s="10"/>
    </row>
    <row r="737780" spans="14:14">
      <c r="N737780" s="10"/>
    </row>
    <row r="737781" spans="14:14">
      <c r="N737781" s="10"/>
    </row>
    <row r="737782" spans="14:14">
      <c r="N737782" s="10"/>
    </row>
    <row r="737783" spans="14:14">
      <c r="N737783" s="10"/>
    </row>
    <row r="737784" spans="14:14">
      <c r="N737784" s="10"/>
    </row>
    <row r="737785" spans="14:14">
      <c r="N737785" s="10"/>
    </row>
    <row r="737786" spans="14:14">
      <c r="N737786" s="10"/>
    </row>
    <row r="737787" spans="14:14">
      <c r="N737787" s="10"/>
    </row>
    <row r="737788" spans="14:14">
      <c r="N737788" s="10"/>
    </row>
    <row r="737789" spans="14:14">
      <c r="N737789" s="10"/>
    </row>
    <row r="737790" spans="14:14">
      <c r="N737790" s="10"/>
    </row>
    <row r="737791" spans="14:14">
      <c r="N737791" s="10"/>
    </row>
    <row r="737792" spans="14:14">
      <c r="N737792" s="10"/>
    </row>
    <row r="737793" spans="14:14">
      <c r="N737793" s="10"/>
    </row>
    <row r="737794" spans="14:14">
      <c r="N737794" s="10"/>
    </row>
    <row r="737795" spans="14:14">
      <c r="N737795" s="10"/>
    </row>
    <row r="737796" spans="14:14">
      <c r="N737796" s="10"/>
    </row>
    <row r="737797" spans="14:14">
      <c r="N737797" s="10"/>
    </row>
    <row r="737798" spans="14:14">
      <c r="N737798" s="10"/>
    </row>
    <row r="737799" spans="14:14">
      <c r="N737799" s="10"/>
    </row>
    <row r="737800" spans="14:14">
      <c r="N737800" s="10"/>
    </row>
    <row r="737801" spans="14:14">
      <c r="N737801" s="10"/>
    </row>
    <row r="737802" spans="14:14">
      <c r="N737802" s="10"/>
    </row>
    <row r="737803" spans="14:14">
      <c r="N737803" s="10"/>
    </row>
    <row r="737804" spans="14:14">
      <c r="N737804" s="10"/>
    </row>
    <row r="737805" spans="14:14">
      <c r="N737805" s="10"/>
    </row>
    <row r="737806" spans="14:14">
      <c r="N737806" s="10"/>
    </row>
    <row r="737807" spans="14:14">
      <c r="N737807" s="10"/>
    </row>
    <row r="737808" spans="14:14">
      <c r="N737808" s="10"/>
    </row>
    <row r="737809" spans="14:14">
      <c r="N737809" s="10"/>
    </row>
    <row r="737810" spans="14:14">
      <c r="N737810" s="10"/>
    </row>
    <row r="737811" spans="14:14">
      <c r="N737811" s="10"/>
    </row>
    <row r="737812" spans="14:14">
      <c r="N737812" s="10"/>
    </row>
    <row r="737813" spans="14:14">
      <c r="N737813" s="10"/>
    </row>
    <row r="737814" spans="14:14">
      <c r="N737814" s="10"/>
    </row>
    <row r="737815" spans="14:14">
      <c r="N737815" s="10"/>
    </row>
    <row r="737816" spans="14:14">
      <c r="N737816" s="10"/>
    </row>
    <row r="737817" spans="14:14">
      <c r="N737817" s="10"/>
    </row>
    <row r="737818" spans="14:14">
      <c r="N737818" s="10"/>
    </row>
    <row r="737819" spans="14:14">
      <c r="N737819" s="10"/>
    </row>
    <row r="737820" spans="14:14">
      <c r="N737820" s="10"/>
    </row>
    <row r="737821" spans="14:14">
      <c r="N737821" s="10"/>
    </row>
    <row r="737822" spans="14:14">
      <c r="N737822" s="10"/>
    </row>
    <row r="737823" spans="14:14">
      <c r="N737823" s="10"/>
    </row>
    <row r="737824" spans="14:14">
      <c r="N737824" s="10"/>
    </row>
    <row r="737825" spans="14:14">
      <c r="N737825" s="10"/>
    </row>
    <row r="737826" spans="14:14">
      <c r="N737826" s="10"/>
    </row>
    <row r="737827" spans="14:14">
      <c r="N737827" s="10"/>
    </row>
    <row r="737828" spans="14:14">
      <c r="N737828" s="10"/>
    </row>
    <row r="737829" spans="14:14">
      <c r="N737829" s="10"/>
    </row>
    <row r="737830" spans="14:14">
      <c r="N737830" s="10"/>
    </row>
    <row r="737831" spans="14:14">
      <c r="N737831" s="10"/>
    </row>
    <row r="737832" spans="14:14">
      <c r="N737832" s="10"/>
    </row>
    <row r="737833" spans="14:14">
      <c r="N737833" s="10"/>
    </row>
    <row r="737834" spans="14:14">
      <c r="N737834" s="10"/>
    </row>
    <row r="737835" spans="14:14">
      <c r="N737835" s="10"/>
    </row>
    <row r="737836" spans="14:14">
      <c r="N737836" s="10"/>
    </row>
    <row r="737837" spans="14:14">
      <c r="N737837" s="10"/>
    </row>
    <row r="737838" spans="14:14">
      <c r="N737838" s="10"/>
    </row>
    <row r="737839" spans="14:14">
      <c r="N737839" s="10"/>
    </row>
    <row r="737840" spans="14:14">
      <c r="N737840" s="10"/>
    </row>
    <row r="737841" spans="14:14">
      <c r="N737841" s="10"/>
    </row>
    <row r="737842" spans="14:14">
      <c r="N737842" s="10"/>
    </row>
    <row r="737843" spans="14:14">
      <c r="N737843" s="10"/>
    </row>
    <row r="737844" spans="14:14">
      <c r="N737844" s="10"/>
    </row>
    <row r="737845" spans="14:14">
      <c r="N737845" s="10"/>
    </row>
    <row r="737846" spans="14:14">
      <c r="N737846" s="10"/>
    </row>
    <row r="737847" spans="14:14">
      <c r="N737847" s="10"/>
    </row>
    <row r="737848" spans="14:14">
      <c r="N737848" s="10"/>
    </row>
    <row r="737849" spans="14:14">
      <c r="N737849" s="10"/>
    </row>
    <row r="737850" spans="14:14">
      <c r="N737850" s="10"/>
    </row>
    <row r="737851" spans="14:14">
      <c r="N737851" s="10"/>
    </row>
    <row r="737852" spans="14:14">
      <c r="N737852" s="10"/>
    </row>
    <row r="737853" spans="14:14">
      <c r="N737853" s="10"/>
    </row>
    <row r="737854" spans="14:14">
      <c r="N737854" s="10"/>
    </row>
    <row r="737855" spans="14:14">
      <c r="N737855" s="10"/>
    </row>
    <row r="737856" spans="14:14">
      <c r="N737856" s="10"/>
    </row>
    <row r="737857" spans="14:14">
      <c r="N737857" s="10"/>
    </row>
    <row r="737858" spans="14:14">
      <c r="N737858" s="10"/>
    </row>
    <row r="737859" spans="14:14">
      <c r="N737859" s="10"/>
    </row>
    <row r="737860" spans="14:14">
      <c r="N737860" s="10"/>
    </row>
    <row r="737861" spans="14:14">
      <c r="N737861" s="10"/>
    </row>
    <row r="737862" spans="14:14">
      <c r="N737862" s="10"/>
    </row>
    <row r="737863" spans="14:14">
      <c r="N737863" s="10"/>
    </row>
    <row r="737864" spans="14:14">
      <c r="N737864" s="10"/>
    </row>
    <row r="737865" spans="14:14">
      <c r="N737865" s="10"/>
    </row>
    <row r="737866" spans="14:14">
      <c r="N737866" s="10"/>
    </row>
    <row r="737867" spans="14:14">
      <c r="N737867" s="10"/>
    </row>
    <row r="737868" spans="14:14">
      <c r="N737868" s="10"/>
    </row>
    <row r="737869" spans="14:14">
      <c r="N737869" s="10"/>
    </row>
    <row r="737870" spans="14:14">
      <c r="N737870" s="10"/>
    </row>
    <row r="737871" spans="14:14">
      <c r="N737871" s="10"/>
    </row>
    <row r="737872" spans="14:14">
      <c r="N737872" s="10"/>
    </row>
    <row r="737873" spans="14:14">
      <c r="N737873" s="10"/>
    </row>
    <row r="737874" spans="14:14">
      <c r="N737874" s="10"/>
    </row>
    <row r="737875" spans="14:14">
      <c r="N737875" s="10"/>
    </row>
    <row r="737876" spans="14:14">
      <c r="N737876" s="10"/>
    </row>
    <row r="737877" spans="14:14">
      <c r="N737877" s="10"/>
    </row>
    <row r="737878" spans="14:14">
      <c r="N737878" s="10"/>
    </row>
    <row r="737879" spans="14:14">
      <c r="N737879" s="10"/>
    </row>
    <row r="737880" spans="14:14">
      <c r="N737880" s="10"/>
    </row>
    <row r="737881" spans="14:14">
      <c r="N737881" s="10"/>
    </row>
    <row r="737882" spans="14:14">
      <c r="N737882" s="10"/>
    </row>
    <row r="737883" spans="14:14">
      <c r="N737883" s="10"/>
    </row>
    <row r="737884" spans="14:14">
      <c r="N737884" s="10"/>
    </row>
    <row r="737885" spans="14:14">
      <c r="N737885" s="10"/>
    </row>
    <row r="737886" spans="14:14">
      <c r="N737886" s="10"/>
    </row>
    <row r="737887" spans="14:14">
      <c r="N737887" s="10"/>
    </row>
    <row r="737888" spans="14:14">
      <c r="N737888" s="10"/>
    </row>
    <row r="737889" spans="14:14">
      <c r="N737889" s="10"/>
    </row>
    <row r="737890" spans="14:14">
      <c r="N737890" s="10"/>
    </row>
    <row r="737891" spans="14:14">
      <c r="N737891" s="10"/>
    </row>
    <row r="737892" spans="14:14">
      <c r="N737892" s="10"/>
    </row>
    <row r="737893" spans="14:14">
      <c r="N737893" s="10"/>
    </row>
    <row r="737894" spans="14:14">
      <c r="N737894" s="10"/>
    </row>
    <row r="737895" spans="14:14">
      <c r="N737895" s="10"/>
    </row>
    <row r="737896" spans="14:14">
      <c r="N737896" s="10"/>
    </row>
    <row r="737897" spans="14:14">
      <c r="N737897" s="10"/>
    </row>
    <row r="737898" spans="14:14">
      <c r="N737898" s="10"/>
    </row>
    <row r="737899" spans="14:14">
      <c r="N737899" s="10"/>
    </row>
    <row r="737900" spans="14:14">
      <c r="N737900" s="10"/>
    </row>
    <row r="737901" spans="14:14">
      <c r="N737901" s="10"/>
    </row>
    <row r="737902" spans="14:14">
      <c r="N737902" s="10"/>
    </row>
    <row r="737903" spans="14:14">
      <c r="N737903" s="10"/>
    </row>
    <row r="737904" spans="14:14">
      <c r="N737904" s="10"/>
    </row>
    <row r="737905" spans="14:14">
      <c r="N737905" s="10"/>
    </row>
    <row r="737906" spans="14:14">
      <c r="N737906" s="10"/>
    </row>
    <row r="737907" spans="14:14">
      <c r="N737907" s="10"/>
    </row>
    <row r="737908" spans="14:14">
      <c r="N737908" s="10"/>
    </row>
    <row r="737909" spans="14:14">
      <c r="N737909" s="10"/>
    </row>
    <row r="737910" spans="14:14">
      <c r="N737910" s="10"/>
    </row>
    <row r="737911" spans="14:14">
      <c r="N737911" s="10"/>
    </row>
    <row r="737912" spans="14:14">
      <c r="N737912" s="10"/>
    </row>
    <row r="737913" spans="14:14">
      <c r="N737913" s="10"/>
    </row>
    <row r="737914" spans="14:14">
      <c r="N737914" s="10"/>
    </row>
    <row r="737915" spans="14:14">
      <c r="N737915" s="10"/>
    </row>
    <row r="737916" spans="14:14">
      <c r="N737916" s="10"/>
    </row>
    <row r="737917" spans="14:14">
      <c r="N737917" s="10"/>
    </row>
    <row r="737918" spans="14:14">
      <c r="N737918" s="10"/>
    </row>
    <row r="737919" spans="14:14">
      <c r="N737919" s="10"/>
    </row>
    <row r="737920" spans="14:14">
      <c r="N737920" s="10"/>
    </row>
    <row r="737921" spans="14:14">
      <c r="N737921" s="10"/>
    </row>
    <row r="737922" spans="14:14">
      <c r="N737922" s="10"/>
    </row>
    <row r="737923" spans="14:14">
      <c r="N737923" s="10"/>
    </row>
    <row r="737924" spans="14:14">
      <c r="N737924" s="10"/>
    </row>
    <row r="737925" spans="14:14">
      <c r="N737925" s="10"/>
    </row>
    <row r="737926" spans="14:14">
      <c r="N737926" s="10"/>
    </row>
    <row r="737927" spans="14:14">
      <c r="N737927" s="10"/>
    </row>
    <row r="737928" spans="14:14">
      <c r="N737928" s="10"/>
    </row>
    <row r="737929" spans="14:14">
      <c r="N737929" s="10"/>
    </row>
    <row r="737930" spans="14:14">
      <c r="N737930" s="10"/>
    </row>
    <row r="737931" spans="14:14">
      <c r="N737931" s="10"/>
    </row>
    <row r="737932" spans="14:14">
      <c r="N737932" s="10"/>
    </row>
    <row r="737933" spans="14:14">
      <c r="N737933" s="10"/>
    </row>
    <row r="737934" spans="14:14">
      <c r="N737934" s="10"/>
    </row>
    <row r="737935" spans="14:14">
      <c r="N737935" s="10"/>
    </row>
    <row r="737936" spans="14:14">
      <c r="N737936" s="10"/>
    </row>
    <row r="737937" spans="14:14">
      <c r="N737937" s="10"/>
    </row>
    <row r="737938" spans="14:14">
      <c r="N737938" s="10"/>
    </row>
    <row r="737939" spans="14:14">
      <c r="N737939" s="10"/>
    </row>
    <row r="737940" spans="14:14">
      <c r="N737940" s="10"/>
    </row>
    <row r="737941" spans="14:14">
      <c r="N737941" s="10"/>
    </row>
    <row r="737942" spans="14:14">
      <c r="N737942" s="10"/>
    </row>
    <row r="737943" spans="14:14">
      <c r="N737943" s="10"/>
    </row>
    <row r="737944" spans="14:14">
      <c r="N737944" s="10"/>
    </row>
    <row r="737945" spans="14:14">
      <c r="N737945" s="10"/>
    </row>
    <row r="737946" spans="14:14">
      <c r="N737946" s="10"/>
    </row>
    <row r="737947" spans="14:14">
      <c r="N737947" s="10"/>
    </row>
    <row r="737948" spans="14:14">
      <c r="N737948" s="10"/>
    </row>
    <row r="737949" spans="14:14">
      <c r="N737949" s="10"/>
    </row>
    <row r="737950" spans="14:14">
      <c r="N737950" s="10"/>
    </row>
    <row r="737951" spans="14:14">
      <c r="N737951" s="10"/>
    </row>
    <row r="737952" spans="14:14">
      <c r="N737952" s="10"/>
    </row>
    <row r="737953" spans="14:14">
      <c r="N737953" s="10"/>
    </row>
    <row r="737954" spans="14:14">
      <c r="N737954" s="10"/>
    </row>
    <row r="737955" spans="14:14">
      <c r="N737955" s="10"/>
    </row>
    <row r="737956" spans="14:14">
      <c r="N737956" s="10"/>
    </row>
    <row r="737957" spans="14:14">
      <c r="N737957" s="10"/>
    </row>
    <row r="737958" spans="14:14">
      <c r="N737958" s="10"/>
    </row>
    <row r="737959" spans="14:14">
      <c r="N737959" s="10"/>
    </row>
    <row r="737960" spans="14:14">
      <c r="N737960" s="10"/>
    </row>
    <row r="737961" spans="14:14">
      <c r="N737961" s="10"/>
    </row>
    <row r="737962" spans="14:14">
      <c r="N737962" s="10"/>
    </row>
    <row r="737963" spans="14:14">
      <c r="N737963" s="10"/>
    </row>
    <row r="737964" spans="14:14">
      <c r="N737964" s="10"/>
    </row>
    <row r="737965" spans="14:14">
      <c r="N737965" s="10"/>
    </row>
    <row r="737966" spans="14:14">
      <c r="N737966" s="10"/>
    </row>
    <row r="737967" spans="14:14">
      <c r="N737967" s="10"/>
    </row>
    <row r="737968" spans="14:14">
      <c r="N737968" s="10"/>
    </row>
    <row r="737969" spans="14:14">
      <c r="N737969" s="10"/>
    </row>
    <row r="737970" spans="14:14">
      <c r="N737970" s="10"/>
    </row>
    <row r="737971" spans="14:14">
      <c r="N737971" s="10"/>
    </row>
    <row r="737972" spans="14:14">
      <c r="N737972" s="10"/>
    </row>
    <row r="737973" spans="14:14">
      <c r="N737973" s="10"/>
    </row>
    <row r="737974" spans="14:14">
      <c r="N737974" s="10"/>
    </row>
    <row r="737975" spans="14:14">
      <c r="N737975" s="10"/>
    </row>
    <row r="737976" spans="14:14">
      <c r="N737976" s="10"/>
    </row>
    <row r="737977" spans="14:14">
      <c r="N737977" s="10"/>
    </row>
    <row r="737978" spans="14:14">
      <c r="N737978" s="10"/>
    </row>
    <row r="737979" spans="14:14">
      <c r="N737979" s="10"/>
    </row>
    <row r="737980" spans="14:14">
      <c r="N737980" s="10"/>
    </row>
    <row r="737981" spans="14:14">
      <c r="N737981" s="10"/>
    </row>
    <row r="737982" spans="14:14">
      <c r="N737982" s="10"/>
    </row>
    <row r="737983" spans="14:14">
      <c r="N737983" s="10"/>
    </row>
    <row r="737984" spans="14:14">
      <c r="N737984" s="10"/>
    </row>
    <row r="737985" spans="14:14">
      <c r="N737985" s="10"/>
    </row>
    <row r="737986" spans="14:14">
      <c r="N737986" s="10"/>
    </row>
    <row r="737987" spans="14:14">
      <c r="N737987" s="10"/>
    </row>
    <row r="737988" spans="14:14">
      <c r="N737988" s="10"/>
    </row>
    <row r="737989" spans="14:14">
      <c r="N737989" s="10"/>
    </row>
    <row r="737990" spans="14:14">
      <c r="N737990" s="10"/>
    </row>
    <row r="737991" spans="14:14">
      <c r="N737991" s="10"/>
    </row>
    <row r="737992" spans="14:14">
      <c r="N737992" s="10"/>
    </row>
    <row r="737993" spans="14:14">
      <c r="N737993" s="10"/>
    </row>
    <row r="737994" spans="14:14">
      <c r="N737994" s="10"/>
    </row>
    <row r="737995" spans="14:14">
      <c r="N737995" s="10"/>
    </row>
    <row r="737996" spans="14:14">
      <c r="N737996" s="10"/>
    </row>
    <row r="737997" spans="14:14">
      <c r="N737997" s="10"/>
    </row>
    <row r="737998" spans="14:14">
      <c r="N737998" s="10"/>
    </row>
    <row r="737999" spans="14:14">
      <c r="N737999" s="10"/>
    </row>
    <row r="738000" spans="14:14">
      <c r="N738000" s="10"/>
    </row>
    <row r="738001" spans="14:14">
      <c r="N738001" s="10"/>
    </row>
    <row r="738002" spans="14:14">
      <c r="N738002" s="10"/>
    </row>
    <row r="738003" spans="14:14">
      <c r="N738003" s="10"/>
    </row>
    <row r="738004" spans="14:14">
      <c r="N738004" s="10"/>
    </row>
    <row r="738005" spans="14:14">
      <c r="N738005" s="10"/>
    </row>
    <row r="738006" spans="14:14">
      <c r="N738006" s="10"/>
    </row>
    <row r="738007" spans="14:14">
      <c r="N738007" s="10"/>
    </row>
    <row r="738008" spans="14:14">
      <c r="N738008" s="10"/>
    </row>
    <row r="738009" spans="14:14">
      <c r="N738009" s="10"/>
    </row>
    <row r="738010" spans="14:14">
      <c r="N738010" s="10"/>
    </row>
    <row r="738011" spans="14:14">
      <c r="N738011" s="10"/>
    </row>
    <row r="738012" spans="14:14">
      <c r="N738012" s="10"/>
    </row>
    <row r="738013" spans="14:14">
      <c r="N738013" s="10"/>
    </row>
    <row r="738014" spans="14:14">
      <c r="N738014" s="10"/>
    </row>
    <row r="738015" spans="14:14">
      <c r="N738015" s="10"/>
    </row>
    <row r="738016" spans="14:14">
      <c r="N738016" s="10"/>
    </row>
    <row r="738017" spans="14:14">
      <c r="N738017" s="10"/>
    </row>
    <row r="738018" spans="14:14">
      <c r="N738018" s="10"/>
    </row>
    <row r="738019" spans="14:14">
      <c r="N738019" s="10"/>
    </row>
    <row r="738020" spans="14:14">
      <c r="N738020" s="10"/>
    </row>
    <row r="738021" spans="14:14">
      <c r="N738021" s="10"/>
    </row>
    <row r="738022" spans="14:14">
      <c r="N738022" s="10"/>
    </row>
    <row r="738023" spans="14:14">
      <c r="N738023" s="10"/>
    </row>
    <row r="738024" spans="14:14">
      <c r="N738024" s="10"/>
    </row>
    <row r="738025" spans="14:14">
      <c r="N738025" s="10"/>
    </row>
    <row r="738026" spans="14:14">
      <c r="N738026" s="10"/>
    </row>
    <row r="738027" spans="14:14">
      <c r="N738027" s="10"/>
    </row>
    <row r="738028" spans="14:14">
      <c r="N738028" s="10"/>
    </row>
    <row r="738029" spans="14:14">
      <c r="N738029" s="10"/>
    </row>
    <row r="738030" spans="14:14">
      <c r="N738030" s="10"/>
    </row>
    <row r="738031" spans="14:14">
      <c r="N738031" s="10"/>
    </row>
    <row r="738032" spans="14:14">
      <c r="N738032" s="10"/>
    </row>
    <row r="738033" spans="14:14">
      <c r="N738033" s="10"/>
    </row>
    <row r="738034" spans="14:14">
      <c r="N738034" s="10"/>
    </row>
    <row r="738035" spans="14:14">
      <c r="N738035" s="10"/>
    </row>
    <row r="738036" spans="14:14">
      <c r="N738036" s="10"/>
    </row>
    <row r="738037" spans="14:14">
      <c r="N738037" s="10"/>
    </row>
    <row r="738038" spans="14:14">
      <c r="N738038" s="10"/>
    </row>
    <row r="738039" spans="14:14">
      <c r="N738039" s="10"/>
    </row>
    <row r="738040" spans="14:14">
      <c r="N738040" s="10"/>
    </row>
    <row r="738041" spans="14:14">
      <c r="N738041" s="10"/>
    </row>
    <row r="738042" spans="14:14">
      <c r="N738042" s="10"/>
    </row>
    <row r="738043" spans="14:14">
      <c r="N738043" s="10"/>
    </row>
    <row r="738044" spans="14:14">
      <c r="N738044" s="10"/>
    </row>
    <row r="738045" spans="14:14">
      <c r="N738045" s="10"/>
    </row>
    <row r="738046" spans="14:14">
      <c r="N738046" s="10"/>
    </row>
    <row r="738047" spans="14:14">
      <c r="N738047" s="10"/>
    </row>
    <row r="738048" spans="14:14">
      <c r="N738048" s="10"/>
    </row>
    <row r="738049" spans="14:14">
      <c r="N738049" s="10"/>
    </row>
    <row r="738050" spans="14:14">
      <c r="N738050" s="10"/>
    </row>
    <row r="738051" spans="14:14">
      <c r="N738051" s="10"/>
    </row>
    <row r="738052" spans="14:14">
      <c r="N738052" s="10"/>
    </row>
    <row r="738053" spans="14:14">
      <c r="N738053" s="10"/>
    </row>
    <row r="738054" spans="14:14">
      <c r="N738054" s="10"/>
    </row>
    <row r="738055" spans="14:14">
      <c r="N738055" s="10"/>
    </row>
    <row r="738056" spans="14:14">
      <c r="N738056" s="10"/>
    </row>
    <row r="738057" spans="14:14">
      <c r="N738057" s="10"/>
    </row>
    <row r="738058" spans="14:14">
      <c r="N738058" s="10"/>
    </row>
    <row r="738059" spans="14:14">
      <c r="N738059" s="10"/>
    </row>
    <row r="738060" spans="14:14">
      <c r="N738060" s="10"/>
    </row>
    <row r="738061" spans="14:14">
      <c r="N738061" s="10"/>
    </row>
    <row r="738062" spans="14:14">
      <c r="N738062" s="10"/>
    </row>
    <row r="738063" spans="14:14">
      <c r="N738063" s="10"/>
    </row>
    <row r="738064" spans="14:14">
      <c r="N738064" s="10"/>
    </row>
    <row r="738065" spans="14:14">
      <c r="N738065" s="10"/>
    </row>
    <row r="738066" spans="14:14">
      <c r="N738066" s="10"/>
    </row>
    <row r="738067" spans="14:14">
      <c r="N738067" s="10"/>
    </row>
    <row r="738068" spans="14:14">
      <c r="N738068" s="10"/>
    </row>
    <row r="738069" spans="14:14">
      <c r="N738069" s="10"/>
    </row>
    <row r="738070" spans="14:14">
      <c r="N738070" s="10"/>
    </row>
    <row r="738071" spans="14:14">
      <c r="N738071" s="10"/>
    </row>
    <row r="738072" spans="14:14">
      <c r="N738072" s="10"/>
    </row>
    <row r="738073" spans="14:14">
      <c r="N738073" s="10"/>
    </row>
    <row r="738074" spans="14:14">
      <c r="N738074" s="10"/>
    </row>
    <row r="738075" spans="14:14">
      <c r="N738075" s="10"/>
    </row>
    <row r="738076" spans="14:14">
      <c r="N738076" s="10"/>
    </row>
    <row r="738077" spans="14:14">
      <c r="N738077" s="10"/>
    </row>
    <row r="738078" spans="14:14">
      <c r="N738078" s="10"/>
    </row>
    <row r="738079" spans="14:14">
      <c r="N738079" s="10"/>
    </row>
    <row r="738080" spans="14:14">
      <c r="N738080" s="10"/>
    </row>
    <row r="738081" spans="14:14">
      <c r="N738081" s="10"/>
    </row>
    <row r="738082" spans="14:14">
      <c r="N738082" s="10"/>
    </row>
    <row r="738083" spans="14:14">
      <c r="N738083" s="10"/>
    </row>
    <row r="738084" spans="14:14">
      <c r="N738084" s="10"/>
    </row>
    <row r="738085" spans="14:14">
      <c r="N738085" s="10"/>
    </row>
    <row r="738086" spans="14:14">
      <c r="N738086" s="10"/>
    </row>
    <row r="738087" spans="14:14">
      <c r="N738087" s="10"/>
    </row>
    <row r="738088" spans="14:14">
      <c r="N738088" s="10"/>
    </row>
    <row r="738089" spans="14:14">
      <c r="N738089" s="10"/>
    </row>
    <row r="738090" spans="14:14">
      <c r="N738090" s="10"/>
    </row>
    <row r="738091" spans="14:14">
      <c r="N738091" s="10"/>
    </row>
    <row r="738092" spans="14:14">
      <c r="N738092" s="10"/>
    </row>
    <row r="738093" spans="14:14">
      <c r="N738093" s="10"/>
    </row>
    <row r="738094" spans="14:14">
      <c r="N738094" s="10"/>
    </row>
    <row r="738095" spans="14:14">
      <c r="N738095" s="10"/>
    </row>
    <row r="738096" spans="14:14">
      <c r="N738096" s="10"/>
    </row>
    <row r="738097" spans="14:14">
      <c r="N738097" s="10"/>
    </row>
    <row r="738098" spans="14:14">
      <c r="N738098" s="10"/>
    </row>
    <row r="738099" spans="14:14">
      <c r="N738099" s="10"/>
    </row>
    <row r="738100" spans="14:14">
      <c r="N738100" s="10"/>
    </row>
    <row r="738101" spans="14:14">
      <c r="N738101" s="10"/>
    </row>
    <row r="738102" spans="14:14">
      <c r="N738102" s="10"/>
    </row>
    <row r="738103" spans="14:14">
      <c r="N738103" s="10"/>
    </row>
    <row r="738104" spans="14:14">
      <c r="N738104" s="10"/>
    </row>
    <row r="738105" spans="14:14">
      <c r="N738105" s="10"/>
    </row>
    <row r="738106" spans="14:14">
      <c r="N738106" s="10"/>
    </row>
    <row r="738107" spans="14:14">
      <c r="N738107" s="10"/>
    </row>
    <row r="738108" spans="14:14">
      <c r="N738108" s="10"/>
    </row>
    <row r="738109" spans="14:14">
      <c r="N738109" s="10"/>
    </row>
    <row r="738110" spans="14:14">
      <c r="N738110" s="10"/>
    </row>
    <row r="738111" spans="14:14">
      <c r="N738111" s="10"/>
    </row>
    <row r="738112" spans="14:14">
      <c r="N738112" s="10"/>
    </row>
    <row r="738113" spans="14:14">
      <c r="N738113" s="10"/>
    </row>
    <row r="738114" spans="14:14">
      <c r="N738114" s="10"/>
    </row>
    <row r="738115" spans="14:14">
      <c r="N738115" s="10"/>
    </row>
    <row r="738116" spans="14:14">
      <c r="N738116" s="10"/>
    </row>
    <row r="738117" spans="14:14">
      <c r="N738117" s="10"/>
    </row>
    <row r="738118" spans="14:14">
      <c r="N738118" s="10"/>
    </row>
    <row r="738119" spans="14:14">
      <c r="N738119" s="10"/>
    </row>
    <row r="738120" spans="14:14">
      <c r="N738120" s="10"/>
    </row>
    <row r="738121" spans="14:14">
      <c r="N738121" s="10"/>
    </row>
    <row r="738122" spans="14:14">
      <c r="N738122" s="10"/>
    </row>
    <row r="738123" spans="14:14">
      <c r="N738123" s="10"/>
    </row>
    <row r="738124" spans="14:14">
      <c r="N738124" s="10"/>
    </row>
    <row r="738125" spans="14:14">
      <c r="N738125" s="10"/>
    </row>
    <row r="738126" spans="14:14">
      <c r="N738126" s="10"/>
    </row>
    <row r="738127" spans="14:14">
      <c r="N738127" s="10"/>
    </row>
    <row r="738128" spans="14:14">
      <c r="N738128" s="10"/>
    </row>
    <row r="738129" spans="14:14">
      <c r="N738129" s="10"/>
    </row>
    <row r="738130" spans="14:14">
      <c r="N738130" s="10"/>
    </row>
    <row r="738131" spans="14:14">
      <c r="N738131" s="10"/>
    </row>
    <row r="738132" spans="14:14">
      <c r="N738132" s="10"/>
    </row>
    <row r="738133" spans="14:14">
      <c r="N738133" s="10"/>
    </row>
    <row r="738134" spans="14:14">
      <c r="N738134" s="10"/>
    </row>
    <row r="738135" spans="14:14">
      <c r="N738135" s="10"/>
    </row>
    <row r="738136" spans="14:14">
      <c r="N738136" s="10"/>
    </row>
    <row r="738137" spans="14:14">
      <c r="N738137" s="10"/>
    </row>
    <row r="738138" spans="14:14">
      <c r="N738138" s="10"/>
    </row>
    <row r="738139" spans="14:14">
      <c r="N738139" s="10"/>
    </row>
    <row r="738140" spans="14:14">
      <c r="N738140" s="10"/>
    </row>
    <row r="738141" spans="14:14">
      <c r="N738141" s="10"/>
    </row>
    <row r="738142" spans="14:14">
      <c r="N738142" s="10"/>
    </row>
    <row r="738143" spans="14:14">
      <c r="N738143" s="10"/>
    </row>
    <row r="738144" spans="14:14">
      <c r="N738144" s="10"/>
    </row>
    <row r="738145" spans="14:14">
      <c r="N738145" s="10"/>
    </row>
    <row r="738146" spans="14:14">
      <c r="N738146" s="10"/>
    </row>
    <row r="738147" spans="14:14">
      <c r="N738147" s="10"/>
    </row>
    <row r="738148" spans="14:14">
      <c r="N738148" s="10"/>
    </row>
    <row r="738149" spans="14:14">
      <c r="N738149" s="10"/>
    </row>
    <row r="738150" spans="14:14">
      <c r="N738150" s="10"/>
    </row>
    <row r="738151" spans="14:14">
      <c r="N738151" s="10"/>
    </row>
    <row r="738152" spans="14:14">
      <c r="N738152" s="10"/>
    </row>
    <row r="738153" spans="14:14">
      <c r="N738153" s="10"/>
    </row>
    <row r="738154" spans="14:14">
      <c r="N738154" s="10"/>
    </row>
    <row r="738155" spans="14:14">
      <c r="N738155" s="10"/>
    </row>
    <row r="738156" spans="14:14">
      <c r="N738156" s="10"/>
    </row>
    <row r="738157" spans="14:14">
      <c r="N738157" s="10"/>
    </row>
    <row r="738158" spans="14:14">
      <c r="N738158" s="10"/>
    </row>
    <row r="738159" spans="14:14">
      <c r="N738159" s="10"/>
    </row>
    <row r="738160" spans="14:14">
      <c r="N738160" s="10"/>
    </row>
    <row r="738161" spans="14:14">
      <c r="N738161" s="10"/>
    </row>
    <row r="738162" spans="14:14">
      <c r="N738162" s="10"/>
    </row>
    <row r="738163" spans="14:14">
      <c r="N738163" s="10"/>
    </row>
    <row r="738164" spans="14:14">
      <c r="N738164" s="10"/>
    </row>
    <row r="738165" spans="14:14">
      <c r="N738165" s="10"/>
    </row>
    <row r="738166" spans="14:14">
      <c r="N738166" s="10"/>
    </row>
    <row r="738167" spans="14:14">
      <c r="N738167" s="10"/>
    </row>
    <row r="738168" spans="14:14">
      <c r="N738168" s="10"/>
    </row>
    <row r="738169" spans="14:14">
      <c r="N738169" s="10"/>
    </row>
    <row r="738170" spans="14:14">
      <c r="N738170" s="10"/>
    </row>
    <row r="738171" spans="14:14">
      <c r="N738171" s="10"/>
    </row>
    <row r="738172" spans="14:14">
      <c r="N738172" s="10"/>
    </row>
    <row r="738173" spans="14:14">
      <c r="N738173" s="10"/>
    </row>
    <row r="738174" spans="14:14">
      <c r="N738174" s="10"/>
    </row>
    <row r="738175" spans="14:14">
      <c r="N738175" s="10"/>
    </row>
    <row r="738176" spans="14:14">
      <c r="N738176" s="10"/>
    </row>
    <row r="738177" spans="14:14">
      <c r="N738177" s="10"/>
    </row>
    <row r="738178" spans="14:14">
      <c r="N738178" s="10"/>
    </row>
    <row r="738179" spans="14:14">
      <c r="N738179" s="10"/>
    </row>
    <row r="738180" spans="14:14">
      <c r="N738180" s="10"/>
    </row>
    <row r="738181" spans="14:14">
      <c r="N738181" s="10"/>
    </row>
    <row r="738182" spans="14:14">
      <c r="N738182" s="10"/>
    </row>
    <row r="738183" spans="14:14">
      <c r="N738183" s="10"/>
    </row>
    <row r="738184" spans="14:14">
      <c r="N738184" s="10"/>
    </row>
    <row r="738185" spans="14:14">
      <c r="N738185" s="10"/>
    </row>
    <row r="738186" spans="14:14">
      <c r="N738186" s="10"/>
    </row>
    <row r="738187" spans="14:14">
      <c r="N738187" s="10"/>
    </row>
    <row r="738188" spans="14:14">
      <c r="N738188" s="10"/>
    </row>
    <row r="738189" spans="14:14">
      <c r="N738189" s="10"/>
    </row>
    <row r="738190" spans="14:14">
      <c r="N738190" s="10"/>
    </row>
    <row r="738191" spans="14:14">
      <c r="N738191" s="10"/>
    </row>
    <row r="738192" spans="14:14">
      <c r="N738192" s="10"/>
    </row>
    <row r="738193" spans="14:14">
      <c r="N738193" s="10"/>
    </row>
    <row r="738194" spans="14:14">
      <c r="N738194" s="10"/>
    </row>
    <row r="738195" spans="14:14">
      <c r="N738195" s="10"/>
    </row>
    <row r="738196" spans="14:14">
      <c r="N738196" s="10"/>
    </row>
    <row r="738197" spans="14:14">
      <c r="N738197" s="10"/>
    </row>
    <row r="738198" spans="14:14">
      <c r="N738198" s="10"/>
    </row>
    <row r="738199" spans="14:14">
      <c r="N738199" s="10"/>
    </row>
    <row r="738200" spans="14:14">
      <c r="N738200" s="10"/>
    </row>
    <row r="738201" spans="14:14">
      <c r="N738201" s="10"/>
    </row>
    <row r="738202" spans="14:14">
      <c r="N738202" s="10"/>
    </row>
    <row r="738203" spans="14:14">
      <c r="N738203" s="10"/>
    </row>
    <row r="738204" spans="14:14">
      <c r="N738204" s="10"/>
    </row>
    <row r="738205" spans="14:14">
      <c r="N738205" s="10"/>
    </row>
    <row r="738206" spans="14:14">
      <c r="N738206" s="10"/>
    </row>
    <row r="738207" spans="14:14">
      <c r="N738207" s="10"/>
    </row>
    <row r="738208" spans="14:14">
      <c r="N738208" s="10"/>
    </row>
    <row r="738209" spans="14:14">
      <c r="N738209" s="10"/>
    </row>
    <row r="738210" spans="14:14">
      <c r="N738210" s="10"/>
    </row>
    <row r="738211" spans="14:14">
      <c r="N738211" s="10"/>
    </row>
    <row r="738212" spans="14:14">
      <c r="N738212" s="10"/>
    </row>
    <row r="738213" spans="14:14">
      <c r="N738213" s="10"/>
    </row>
    <row r="738214" spans="14:14">
      <c r="N738214" s="10"/>
    </row>
    <row r="738215" spans="14:14">
      <c r="N738215" s="10"/>
    </row>
    <row r="738216" spans="14:14">
      <c r="N738216" s="10"/>
    </row>
    <row r="738217" spans="14:14">
      <c r="N738217" s="10"/>
    </row>
    <row r="738218" spans="14:14">
      <c r="N738218" s="10"/>
    </row>
    <row r="738219" spans="14:14">
      <c r="N738219" s="10"/>
    </row>
    <row r="738220" spans="14:14">
      <c r="N738220" s="10"/>
    </row>
    <row r="738221" spans="14:14">
      <c r="N738221" s="10"/>
    </row>
    <row r="738222" spans="14:14">
      <c r="N738222" s="10"/>
    </row>
    <row r="738223" spans="14:14">
      <c r="N738223" s="10"/>
    </row>
    <row r="738224" spans="14:14">
      <c r="N738224" s="10"/>
    </row>
    <row r="738225" spans="14:14">
      <c r="N738225" s="10"/>
    </row>
    <row r="738226" spans="14:14">
      <c r="N738226" s="10"/>
    </row>
    <row r="738227" spans="14:14">
      <c r="N738227" s="10"/>
    </row>
    <row r="738228" spans="14:14">
      <c r="N738228" s="10"/>
    </row>
    <row r="738229" spans="14:14">
      <c r="N738229" s="10"/>
    </row>
    <row r="738230" spans="14:14">
      <c r="N738230" s="10"/>
    </row>
    <row r="738231" spans="14:14">
      <c r="N738231" s="10"/>
    </row>
    <row r="738232" spans="14:14">
      <c r="N738232" s="10"/>
    </row>
    <row r="738233" spans="14:14">
      <c r="N738233" s="10"/>
    </row>
    <row r="738234" spans="14:14">
      <c r="N738234" s="10"/>
    </row>
    <row r="738235" spans="14:14">
      <c r="N738235" s="10"/>
    </row>
    <row r="738236" spans="14:14">
      <c r="N738236" s="10"/>
    </row>
    <row r="738237" spans="14:14">
      <c r="N738237" s="10"/>
    </row>
    <row r="738238" spans="14:14">
      <c r="N738238" s="10"/>
    </row>
    <row r="738239" spans="14:14">
      <c r="N738239" s="10"/>
    </row>
    <row r="738240" spans="14:14">
      <c r="N738240" s="10"/>
    </row>
    <row r="738241" spans="14:14">
      <c r="N738241" s="10"/>
    </row>
    <row r="738242" spans="14:14">
      <c r="N738242" s="10"/>
    </row>
    <row r="738243" spans="14:14">
      <c r="N738243" s="10"/>
    </row>
    <row r="738244" spans="14:14">
      <c r="N738244" s="10"/>
    </row>
    <row r="738245" spans="14:14">
      <c r="N738245" s="10"/>
    </row>
    <row r="738246" spans="14:14">
      <c r="N738246" s="10"/>
    </row>
    <row r="738247" spans="14:14">
      <c r="N738247" s="10"/>
    </row>
    <row r="738248" spans="14:14">
      <c r="N738248" s="10"/>
    </row>
    <row r="738249" spans="14:14">
      <c r="N738249" s="10"/>
    </row>
    <row r="738250" spans="14:14">
      <c r="N738250" s="10"/>
    </row>
    <row r="738251" spans="14:14">
      <c r="N738251" s="10"/>
    </row>
    <row r="738252" spans="14:14">
      <c r="N738252" s="10"/>
    </row>
    <row r="738253" spans="14:14">
      <c r="N738253" s="10"/>
    </row>
    <row r="738254" spans="14:14">
      <c r="N738254" s="10"/>
    </row>
    <row r="738255" spans="14:14">
      <c r="N738255" s="10"/>
    </row>
    <row r="738256" spans="14:14">
      <c r="N738256" s="10"/>
    </row>
    <row r="738257" spans="14:14">
      <c r="N738257" s="10"/>
    </row>
    <row r="738258" spans="14:14">
      <c r="N738258" s="10"/>
    </row>
    <row r="738259" spans="14:14">
      <c r="N738259" s="10"/>
    </row>
    <row r="738260" spans="14:14">
      <c r="N738260" s="10"/>
    </row>
    <row r="738261" spans="14:14">
      <c r="N738261" s="10"/>
    </row>
    <row r="738262" spans="14:14">
      <c r="N738262" s="10"/>
    </row>
    <row r="738263" spans="14:14">
      <c r="N738263" s="10"/>
    </row>
    <row r="738264" spans="14:14">
      <c r="N738264" s="10"/>
    </row>
    <row r="738265" spans="14:14">
      <c r="N738265" s="10"/>
    </row>
    <row r="738266" spans="14:14">
      <c r="N738266" s="10"/>
    </row>
    <row r="738267" spans="14:14">
      <c r="N738267" s="10"/>
    </row>
    <row r="738268" spans="14:14">
      <c r="N738268" s="10"/>
    </row>
    <row r="738269" spans="14:14">
      <c r="N738269" s="10"/>
    </row>
    <row r="738270" spans="14:14">
      <c r="N738270" s="10"/>
    </row>
    <row r="738271" spans="14:14">
      <c r="N738271" s="10"/>
    </row>
    <row r="738272" spans="14:14">
      <c r="N738272" s="10"/>
    </row>
    <row r="738273" spans="14:14">
      <c r="N738273" s="10"/>
    </row>
    <row r="738274" spans="14:14">
      <c r="N738274" s="10"/>
    </row>
    <row r="738275" spans="14:14">
      <c r="N738275" s="10"/>
    </row>
    <row r="738276" spans="14:14">
      <c r="N738276" s="10"/>
    </row>
    <row r="738277" spans="14:14">
      <c r="N738277" s="10"/>
    </row>
    <row r="738278" spans="14:14">
      <c r="N738278" s="10"/>
    </row>
    <row r="738279" spans="14:14">
      <c r="N738279" s="10"/>
    </row>
    <row r="738280" spans="14:14">
      <c r="N738280" s="10"/>
    </row>
    <row r="738281" spans="14:14">
      <c r="N738281" s="10"/>
    </row>
    <row r="738282" spans="14:14">
      <c r="N738282" s="10"/>
    </row>
    <row r="738283" spans="14:14">
      <c r="N738283" s="10"/>
    </row>
    <row r="738284" spans="14:14">
      <c r="N738284" s="10"/>
    </row>
    <row r="738285" spans="14:14">
      <c r="N738285" s="10"/>
    </row>
    <row r="738286" spans="14:14">
      <c r="N738286" s="10"/>
    </row>
    <row r="738287" spans="14:14">
      <c r="N738287" s="10"/>
    </row>
    <row r="738288" spans="14:14">
      <c r="N738288" s="10"/>
    </row>
    <row r="738289" spans="14:14">
      <c r="N738289" s="10"/>
    </row>
    <row r="738290" spans="14:14">
      <c r="N738290" s="10"/>
    </row>
    <row r="738291" spans="14:14">
      <c r="N738291" s="10"/>
    </row>
    <row r="738292" spans="14:14">
      <c r="N738292" s="10"/>
    </row>
    <row r="738293" spans="14:14">
      <c r="N738293" s="10"/>
    </row>
    <row r="738294" spans="14:14">
      <c r="N738294" s="10"/>
    </row>
    <row r="738295" spans="14:14">
      <c r="N738295" s="10"/>
    </row>
    <row r="738296" spans="14:14">
      <c r="N738296" s="10"/>
    </row>
    <row r="738297" spans="14:14">
      <c r="N738297" s="10"/>
    </row>
    <row r="738298" spans="14:14">
      <c r="N738298" s="10"/>
    </row>
    <row r="738299" spans="14:14">
      <c r="N738299" s="10"/>
    </row>
    <row r="738300" spans="14:14">
      <c r="N738300" s="10"/>
    </row>
    <row r="738301" spans="14:14">
      <c r="N738301" s="10"/>
    </row>
    <row r="738302" spans="14:14">
      <c r="N738302" s="10"/>
    </row>
    <row r="738303" spans="14:14">
      <c r="N738303" s="10"/>
    </row>
    <row r="738304" spans="14:14">
      <c r="N738304" s="10"/>
    </row>
    <row r="738305" spans="14:14">
      <c r="N738305" s="10"/>
    </row>
    <row r="738306" spans="14:14">
      <c r="N738306" s="10"/>
    </row>
    <row r="738307" spans="14:14">
      <c r="N738307" s="10"/>
    </row>
    <row r="738308" spans="14:14">
      <c r="N738308" s="10"/>
    </row>
    <row r="738309" spans="14:14">
      <c r="N738309" s="10"/>
    </row>
    <row r="738310" spans="14:14">
      <c r="N738310" s="10"/>
    </row>
    <row r="738311" spans="14:14">
      <c r="N738311" s="10"/>
    </row>
    <row r="738312" spans="14:14">
      <c r="N738312" s="10"/>
    </row>
    <row r="738313" spans="14:14">
      <c r="N738313" s="10"/>
    </row>
    <row r="738314" spans="14:14">
      <c r="N738314" s="10"/>
    </row>
    <row r="738315" spans="14:14">
      <c r="N738315" s="10"/>
    </row>
    <row r="738316" spans="14:14">
      <c r="N738316" s="10"/>
    </row>
    <row r="738317" spans="14:14">
      <c r="N738317" s="10"/>
    </row>
    <row r="738318" spans="14:14">
      <c r="N738318" s="10"/>
    </row>
    <row r="738319" spans="14:14">
      <c r="N738319" s="10"/>
    </row>
    <row r="738320" spans="14:14">
      <c r="N738320" s="10"/>
    </row>
    <row r="738321" spans="14:14">
      <c r="N738321" s="10"/>
    </row>
    <row r="738322" spans="14:14">
      <c r="N738322" s="10"/>
    </row>
    <row r="738323" spans="14:14">
      <c r="N738323" s="10"/>
    </row>
    <row r="738324" spans="14:14">
      <c r="N738324" s="10"/>
    </row>
    <row r="738325" spans="14:14">
      <c r="N738325" s="10"/>
    </row>
    <row r="738326" spans="14:14">
      <c r="N738326" s="10"/>
    </row>
    <row r="738327" spans="14:14">
      <c r="N738327" s="10"/>
    </row>
    <row r="738328" spans="14:14">
      <c r="N738328" s="10"/>
    </row>
    <row r="738329" spans="14:14">
      <c r="N738329" s="10"/>
    </row>
    <row r="738330" spans="14:14">
      <c r="N738330" s="10"/>
    </row>
    <row r="738331" spans="14:14">
      <c r="N738331" s="10"/>
    </row>
    <row r="738332" spans="14:14">
      <c r="N738332" s="10"/>
    </row>
    <row r="738333" spans="14:14">
      <c r="N738333" s="10"/>
    </row>
    <row r="738334" spans="14:14">
      <c r="N738334" s="10"/>
    </row>
    <row r="738335" spans="14:14">
      <c r="N738335" s="10"/>
    </row>
    <row r="738336" spans="14:14">
      <c r="N738336" s="10"/>
    </row>
    <row r="738337" spans="14:14">
      <c r="N738337" s="10"/>
    </row>
    <row r="738338" spans="14:14">
      <c r="N738338" s="10"/>
    </row>
    <row r="738339" spans="14:14">
      <c r="N738339" s="10"/>
    </row>
    <row r="738340" spans="14:14">
      <c r="N738340" s="10"/>
    </row>
    <row r="738341" spans="14:14">
      <c r="N738341" s="10"/>
    </row>
    <row r="738342" spans="14:14">
      <c r="N738342" s="10"/>
    </row>
    <row r="738343" spans="14:14">
      <c r="N738343" s="10"/>
    </row>
    <row r="738344" spans="14:14">
      <c r="N738344" s="10"/>
    </row>
    <row r="738345" spans="14:14">
      <c r="N738345" s="10"/>
    </row>
    <row r="738346" spans="14:14">
      <c r="N738346" s="10"/>
    </row>
    <row r="738347" spans="14:14">
      <c r="N738347" s="10"/>
    </row>
    <row r="738348" spans="14:14">
      <c r="N738348" s="10"/>
    </row>
    <row r="738349" spans="14:14">
      <c r="N738349" s="10"/>
    </row>
    <row r="738350" spans="14:14">
      <c r="N738350" s="10"/>
    </row>
    <row r="738351" spans="14:14">
      <c r="N738351" s="10"/>
    </row>
    <row r="738352" spans="14:14">
      <c r="N738352" s="10"/>
    </row>
    <row r="738353" spans="14:14">
      <c r="N738353" s="10"/>
    </row>
    <row r="738354" spans="14:14">
      <c r="N738354" s="10"/>
    </row>
    <row r="738355" spans="14:14">
      <c r="N738355" s="10"/>
    </row>
    <row r="738356" spans="14:14">
      <c r="N738356" s="10"/>
    </row>
    <row r="738357" spans="14:14">
      <c r="N738357" s="10"/>
    </row>
    <row r="738358" spans="14:14">
      <c r="N738358" s="10"/>
    </row>
    <row r="738359" spans="14:14">
      <c r="N738359" s="10"/>
    </row>
    <row r="738360" spans="14:14">
      <c r="N738360" s="10"/>
    </row>
    <row r="738361" spans="14:14">
      <c r="N738361" s="10"/>
    </row>
    <row r="738362" spans="14:14">
      <c r="N738362" s="10"/>
    </row>
    <row r="738363" spans="14:14">
      <c r="N738363" s="10"/>
    </row>
    <row r="738364" spans="14:14">
      <c r="N738364" s="10"/>
    </row>
    <row r="738365" spans="14:14">
      <c r="N738365" s="10"/>
    </row>
    <row r="738366" spans="14:14">
      <c r="N738366" s="10"/>
    </row>
    <row r="738367" spans="14:14">
      <c r="N738367" s="10"/>
    </row>
    <row r="738368" spans="14:14">
      <c r="N738368" s="10"/>
    </row>
    <row r="738369" spans="14:14">
      <c r="N738369" s="10"/>
    </row>
    <row r="738370" spans="14:14">
      <c r="N738370" s="10"/>
    </row>
    <row r="738371" spans="14:14">
      <c r="N738371" s="10"/>
    </row>
    <row r="738372" spans="14:14">
      <c r="N738372" s="10"/>
    </row>
    <row r="738373" spans="14:14">
      <c r="N738373" s="10"/>
    </row>
    <row r="738374" spans="14:14">
      <c r="N738374" s="10"/>
    </row>
    <row r="738375" spans="14:14">
      <c r="N738375" s="10"/>
    </row>
    <row r="738376" spans="14:14">
      <c r="N738376" s="10"/>
    </row>
    <row r="738377" spans="14:14">
      <c r="N738377" s="10"/>
    </row>
    <row r="738378" spans="14:14">
      <c r="N738378" s="10"/>
    </row>
    <row r="738379" spans="14:14">
      <c r="N738379" s="10"/>
    </row>
    <row r="738380" spans="14:14">
      <c r="N738380" s="10"/>
    </row>
    <row r="738381" spans="14:14">
      <c r="N738381" s="10"/>
    </row>
    <row r="738382" spans="14:14">
      <c r="N738382" s="10"/>
    </row>
    <row r="738383" spans="14:14">
      <c r="N738383" s="10"/>
    </row>
    <row r="738384" spans="14:14">
      <c r="N738384" s="10"/>
    </row>
    <row r="738385" spans="14:14">
      <c r="N738385" s="10"/>
    </row>
    <row r="738386" spans="14:14">
      <c r="N738386" s="10"/>
    </row>
    <row r="738387" spans="14:14">
      <c r="N738387" s="10"/>
    </row>
    <row r="738388" spans="14:14">
      <c r="N738388" s="10"/>
    </row>
    <row r="738389" spans="14:14">
      <c r="N738389" s="10"/>
    </row>
    <row r="738390" spans="14:14">
      <c r="N738390" s="10"/>
    </row>
    <row r="738391" spans="14:14">
      <c r="N738391" s="10"/>
    </row>
    <row r="738392" spans="14:14">
      <c r="N738392" s="10"/>
    </row>
    <row r="738393" spans="14:14">
      <c r="N738393" s="10"/>
    </row>
    <row r="738394" spans="14:14">
      <c r="N738394" s="10"/>
    </row>
    <row r="738395" spans="14:14">
      <c r="N738395" s="10"/>
    </row>
    <row r="738396" spans="14:14">
      <c r="N738396" s="10"/>
    </row>
    <row r="738397" spans="14:14">
      <c r="N738397" s="10"/>
    </row>
    <row r="738398" spans="14:14">
      <c r="N738398" s="10"/>
    </row>
    <row r="738399" spans="14:14">
      <c r="N738399" s="10"/>
    </row>
    <row r="738400" spans="14:14">
      <c r="N738400" s="10"/>
    </row>
    <row r="738401" spans="14:14">
      <c r="N738401" s="10"/>
    </row>
    <row r="738402" spans="14:14">
      <c r="N738402" s="10"/>
    </row>
    <row r="738403" spans="14:14">
      <c r="N738403" s="10"/>
    </row>
    <row r="738404" spans="14:14">
      <c r="N738404" s="10"/>
    </row>
    <row r="738405" spans="14:14">
      <c r="N738405" s="10"/>
    </row>
    <row r="738406" spans="14:14">
      <c r="N738406" s="10"/>
    </row>
    <row r="738407" spans="14:14">
      <c r="N738407" s="10"/>
    </row>
    <row r="738408" spans="14:14">
      <c r="N738408" s="10"/>
    </row>
    <row r="738409" spans="14:14">
      <c r="N738409" s="10"/>
    </row>
    <row r="738410" spans="14:14">
      <c r="N738410" s="10"/>
    </row>
    <row r="738411" spans="14:14">
      <c r="N738411" s="10"/>
    </row>
    <row r="738412" spans="14:14">
      <c r="N738412" s="10"/>
    </row>
    <row r="738413" spans="14:14">
      <c r="N738413" s="10"/>
    </row>
    <row r="738414" spans="14:14">
      <c r="N738414" s="10"/>
    </row>
    <row r="738415" spans="14:14">
      <c r="N738415" s="10"/>
    </row>
    <row r="738416" spans="14:14">
      <c r="N738416" s="10"/>
    </row>
    <row r="738417" spans="14:14">
      <c r="N738417" s="10"/>
    </row>
    <row r="738418" spans="14:14">
      <c r="N738418" s="10"/>
    </row>
    <row r="738419" spans="14:14">
      <c r="N738419" s="10"/>
    </row>
    <row r="738420" spans="14:14">
      <c r="N738420" s="10"/>
    </row>
    <row r="738421" spans="14:14">
      <c r="N738421" s="10"/>
    </row>
    <row r="738422" spans="14:14">
      <c r="N738422" s="10"/>
    </row>
    <row r="738423" spans="14:14">
      <c r="N738423" s="10"/>
    </row>
    <row r="738424" spans="14:14">
      <c r="N738424" s="10"/>
    </row>
    <row r="738425" spans="14:14">
      <c r="N738425" s="10"/>
    </row>
    <row r="738426" spans="14:14">
      <c r="N738426" s="10"/>
    </row>
    <row r="738427" spans="14:14">
      <c r="N738427" s="10"/>
    </row>
    <row r="738428" spans="14:14">
      <c r="N738428" s="10"/>
    </row>
    <row r="738429" spans="14:14">
      <c r="N738429" s="10"/>
    </row>
    <row r="738430" spans="14:14">
      <c r="N738430" s="10"/>
    </row>
    <row r="738431" spans="14:14">
      <c r="N738431" s="10"/>
    </row>
    <row r="738432" spans="14:14">
      <c r="N738432" s="10"/>
    </row>
    <row r="738433" spans="14:14">
      <c r="N738433" s="10"/>
    </row>
    <row r="738434" spans="14:14">
      <c r="N738434" s="10"/>
    </row>
    <row r="738435" spans="14:14">
      <c r="N738435" s="10"/>
    </row>
    <row r="738436" spans="14:14">
      <c r="N738436" s="10"/>
    </row>
    <row r="738437" spans="14:14">
      <c r="N738437" s="10"/>
    </row>
    <row r="738438" spans="14:14">
      <c r="N738438" s="10"/>
    </row>
    <row r="738439" spans="14:14">
      <c r="N738439" s="10"/>
    </row>
    <row r="738440" spans="14:14">
      <c r="N738440" s="10"/>
    </row>
    <row r="738441" spans="14:14">
      <c r="N738441" s="10"/>
    </row>
    <row r="738442" spans="14:14">
      <c r="N738442" s="10"/>
    </row>
    <row r="738443" spans="14:14">
      <c r="N738443" s="10"/>
    </row>
    <row r="738444" spans="14:14">
      <c r="N738444" s="10"/>
    </row>
    <row r="738445" spans="14:14">
      <c r="N738445" s="10"/>
    </row>
    <row r="738446" spans="14:14">
      <c r="N738446" s="10"/>
    </row>
    <row r="738447" spans="14:14">
      <c r="N738447" s="10"/>
    </row>
    <row r="738448" spans="14:14">
      <c r="N738448" s="10"/>
    </row>
    <row r="738449" spans="14:14">
      <c r="N738449" s="10"/>
    </row>
    <row r="738450" spans="14:14">
      <c r="N738450" s="10"/>
    </row>
    <row r="738451" spans="14:14">
      <c r="N738451" s="10"/>
    </row>
    <row r="738452" spans="14:14">
      <c r="N738452" s="10"/>
    </row>
    <row r="738453" spans="14:14">
      <c r="N738453" s="10"/>
    </row>
    <row r="738454" spans="14:14">
      <c r="N738454" s="10"/>
    </row>
    <row r="738455" spans="14:14">
      <c r="N738455" s="10"/>
    </row>
    <row r="738456" spans="14:14">
      <c r="N738456" s="10"/>
    </row>
    <row r="738457" spans="14:14">
      <c r="N738457" s="10"/>
    </row>
    <row r="738458" spans="14:14">
      <c r="N738458" s="10"/>
    </row>
    <row r="738459" spans="14:14">
      <c r="N738459" s="10"/>
    </row>
    <row r="738460" spans="14:14">
      <c r="N738460" s="10"/>
    </row>
    <row r="738461" spans="14:14">
      <c r="N738461" s="10"/>
    </row>
    <row r="738462" spans="14:14">
      <c r="N738462" s="10"/>
    </row>
    <row r="738463" spans="14:14">
      <c r="N738463" s="10"/>
    </row>
    <row r="738464" spans="14:14">
      <c r="N738464" s="10"/>
    </row>
    <row r="738465" spans="14:14">
      <c r="N738465" s="10"/>
    </row>
    <row r="738466" spans="14:14">
      <c r="N738466" s="10"/>
    </row>
    <row r="738467" spans="14:14">
      <c r="N738467" s="10"/>
    </row>
    <row r="738468" spans="14:14">
      <c r="N738468" s="10"/>
    </row>
    <row r="738469" spans="14:14">
      <c r="N738469" s="10"/>
    </row>
    <row r="738470" spans="14:14">
      <c r="N738470" s="10"/>
    </row>
    <row r="738471" spans="14:14">
      <c r="N738471" s="10"/>
    </row>
    <row r="738472" spans="14:14">
      <c r="N738472" s="10"/>
    </row>
    <row r="738473" spans="14:14">
      <c r="N738473" s="10"/>
    </row>
    <row r="738474" spans="14:14">
      <c r="N738474" s="10"/>
    </row>
    <row r="738475" spans="14:14">
      <c r="N738475" s="10"/>
    </row>
    <row r="738476" spans="14:14">
      <c r="N738476" s="10"/>
    </row>
    <row r="738477" spans="14:14">
      <c r="N738477" s="10"/>
    </row>
    <row r="738478" spans="14:14">
      <c r="N738478" s="10"/>
    </row>
    <row r="738479" spans="14:14">
      <c r="N738479" s="10"/>
    </row>
    <row r="738480" spans="14:14">
      <c r="N738480" s="10"/>
    </row>
    <row r="738481" spans="14:14">
      <c r="N738481" s="10"/>
    </row>
    <row r="738482" spans="14:14">
      <c r="N738482" s="10"/>
    </row>
    <row r="738483" spans="14:14">
      <c r="N738483" s="10"/>
    </row>
    <row r="738484" spans="14:14">
      <c r="N738484" s="10"/>
    </row>
    <row r="738485" spans="14:14">
      <c r="N738485" s="10"/>
    </row>
    <row r="738486" spans="14:14">
      <c r="N738486" s="10"/>
    </row>
    <row r="738487" spans="14:14">
      <c r="N738487" s="10"/>
    </row>
    <row r="738488" spans="14:14">
      <c r="N738488" s="10"/>
    </row>
    <row r="738489" spans="14:14">
      <c r="N738489" s="10"/>
    </row>
    <row r="738490" spans="14:14">
      <c r="N738490" s="10"/>
    </row>
    <row r="738491" spans="14:14">
      <c r="N738491" s="10"/>
    </row>
    <row r="738492" spans="14:14">
      <c r="N738492" s="10"/>
    </row>
    <row r="738493" spans="14:14">
      <c r="N738493" s="10"/>
    </row>
    <row r="738494" spans="14:14">
      <c r="N738494" s="10"/>
    </row>
    <row r="738495" spans="14:14">
      <c r="N738495" s="10"/>
    </row>
    <row r="738496" spans="14:14">
      <c r="N738496" s="10"/>
    </row>
    <row r="738497" spans="14:14">
      <c r="N738497" s="10"/>
    </row>
    <row r="738498" spans="14:14">
      <c r="N738498" s="10"/>
    </row>
    <row r="738499" spans="14:14">
      <c r="N738499" s="10"/>
    </row>
    <row r="738500" spans="14:14">
      <c r="N738500" s="10"/>
    </row>
    <row r="738501" spans="14:14">
      <c r="N738501" s="10"/>
    </row>
    <row r="738502" spans="14:14">
      <c r="N738502" s="10"/>
    </row>
    <row r="738503" spans="14:14">
      <c r="N738503" s="10"/>
    </row>
    <row r="738504" spans="14:14">
      <c r="N738504" s="10"/>
    </row>
    <row r="738505" spans="14:14">
      <c r="N738505" s="10"/>
    </row>
    <row r="738506" spans="14:14">
      <c r="N738506" s="10"/>
    </row>
    <row r="738507" spans="14:14">
      <c r="N738507" s="10"/>
    </row>
    <row r="738508" spans="14:14">
      <c r="N738508" s="10"/>
    </row>
    <row r="738509" spans="14:14">
      <c r="N738509" s="10"/>
    </row>
    <row r="738510" spans="14:14">
      <c r="N738510" s="10"/>
    </row>
    <row r="738511" spans="14:14">
      <c r="N738511" s="10"/>
    </row>
    <row r="738512" spans="14:14">
      <c r="N738512" s="10"/>
    </row>
    <row r="738513" spans="14:14">
      <c r="N738513" s="10"/>
    </row>
    <row r="738514" spans="14:14">
      <c r="N738514" s="10"/>
    </row>
    <row r="738515" spans="14:14">
      <c r="N738515" s="10"/>
    </row>
    <row r="738516" spans="14:14">
      <c r="N738516" s="10"/>
    </row>
    <row r="738517" spans="14:14">
      <c r="N738517" s="10"/>
    </row>
    <row r="738518" spans="14:14">
      <c r="N738518" s="10"/>
    </row>
    <row r="738519" spans="14:14">
      <c r="N738519" s="10"/>
    </row>
    <row r="738520" spans="14:14">
      <c r="N738520" s="10"/>
    </row>
    <row r="738521" spans="14:14">
      <c r="N738521" s="10"/>
    </row>
    <row r="738522" spans="14:14">
      <c r="N738522" s="10"/>
    </row>
    <row r="738523" spans="14:14">
      <c r="N738523" s="10"/>
    </row>
    <row r="738524" spans="14:14">
      <c r="N738524" s="10"/>
    </row>
    <row r="738525" spans="14:14">
      <c r="N738525" s="10"/>
    </row>
    <row r="738526" spans="14:14">
      <c r="N738526" s="10"/>
    </row>
    <row r="738527" spans="14:14">
      <c r="N738527" s="10"/>
    </row>
    <row r="738528" spans="14:14">
      <c r="N738528" s="10"/>
    </row>
    <row r="738529" spans="14:14">
      <c r="N738529" s="10"/>
    </row>
    <row r="738530" spans="14:14">
      <c r="N738530" s="10"/>
    </row>
    <row r="738531" spans="14:14">
      <c r="N738531" s="10"/>
    </row>
    <row r="738532" spans="14:14">
      <c r="N738532" s="10"/>
    </row>
    <row r="738533" spans="14:14">
      <c r="N738533" s="10"/>
    </row>
    <row r="738534" spans="14:14">
      <c r="N738534" s="10"/>
    </row>
    <row r="738535" spans="14:14">
      <c r="N738535" s="10"/>
    </row>
    <row r="738536" spans="14:14">
      <c r="N738536" s="10"/>
    </row>
    <row r="738537" spans="14:14">
      <c r="N738537" s="10"/>
    </row>
    <row r="738538" spans="14:14">
      <c r="N738538" s="10"/>
    </row>
    <row r="738539" spans="14:14">
      <c r="N738539" s="10"/>
    </row>
    <row r="738540" spans="14:14">
      <c r="N738540" s="10"/>
    </row>
    <row r="738541" spans="14:14">
      <c r="N738541" s="10"/>
    </row>
    <row r="738542" spans="14:14">
      <c r="N738542" s="10"/>
    </row>
    <row r="738543" spans="14:14">
      <c r="N738543" s="10"/>
    </row>
    <row r="738544" spans="14:14">
      <c r="N738544" s="10"/>
    </row>
    <row r="738545" spans="14:14">
      <c r="N738545" s="10"/>
    </row>
    <row r="738546" spans="14:14">
      <c r="N738546" s="10"/>
    </row>
    <row r="738547" spans="14:14">
      <c r="N738547" s="10"/>
    </row>
    <row r="738548" spans="14:14">
      <c r="N738548" s="10"/>
    </row>
    <row r="738549" spans="14:14">
      <c r="N738549" s="10"/>
    </row>
    <row r="738550" spans="14:14">
      <c r="N738550" s="10"/>
    </row>
    <row r="738551" spans="14:14">
      <c r="N738551" s="10"/>
    </row>
    <row r="738552" spans="14:14">
      <c r="N738552" s="10"/>
    </row>
    <row r="738553" spans="14:14">
      <c r="N738553" s="10"/>
    </row>
    <row r="738554" spans="14:14">
      <c r="N738554" s="10"/>
    </row>
    <row r="738555" spans="14:14">
      <c r="N738555" s="10"/>
    </row>
    <row r="738556" spans="14:14">
      <c r="N738556" s="10"/>
    </row>
    <row r="738557" spans="14:14">
      <c r="N738557" s="10"/>
    </row>
    <row r="738558" spans="14:14">
      <c r="N738558" s="10"/>
    </row>
    <row r="738559" spans="14:14">
      <c r="N738559" s="10"/>
    </row>
    <row r="738560" spans="14:14">
      <c r="N738560" s="10"/>
    </row>
    <row r="738561" spans="14:14">
      <c r="N738561" s="10"/>
    </row>
    <row r="738562" spans="14:14">
      <c r="N738562" s="10"/>
    </row>
    <row r="738563" spans="14:14">
      <c r="N738563" s="10"/>
    </row>
    <row r="738564" spans="14:14">
      <c r="N738564" s="10"/>
    </row>
    <row r="738565" spans="14:14">
      <c r="N738565" s="10"/>
    </row>
    <row r="738566" spans="14:14">
      <c r="N738566" s="10"/>
    </row>
    <row r="738567" spans="14:14">
      <c r="N738567" s="10"/>
    </row>
    <row r="738568" spans="14:14">
      <c r="N738568" s="10"/>
    </row>
    <row r="738569" spans="14:14">
      <c r="N738569" s="10"/>
    </row>
    <row r="738570" spans="14:14">
      <c r="N738570" s="10"/>
    </row>
    <row r="738571" spans="14:14">
      <c r="N738571" s="10"/>
    </row>
    <row r="738572" spans="14:14">
      <c r="N738572" s="10"/>
    </row>
    <row r="738573" spans="14:14">
      <c r="N738573" s="10"/>
    </row>
    <row r="738574" spans="14:14">
      <c r="N738574" s="10"/>
    </row>
    <row r="738575" spans="14:14">
      <c r="N738575" s="10"/>
    </row>
    <row r="738576" spans="14:14">
      <c r="N738576" s="10"/>
    </row>
    <row r="738577" spans="14:14">
      <c r="N738577" s="10"/>
    </row>
    <row r="738578" spans="14:14">
      <c r="N738578" s="10"/>
    </row>
    <row r="738579" spans="14:14">
      <c r="N738579" s="10"/>
    </row>
    <row r="738580" spans="14:14">
      <c r="N738580" s="10"/>
    </row>
    <row r="738581" spans="14:14">
      <c r="N738581" s="10"/>
    </row>
    <row r="738582" spans="14:14">
      <c r="N738582" s="10"/>
    </row>
    <row r="738583" spans="14:14">
      <c r="N738583" s="10"/>
    </row>
    <row r="738584" spans="14:14">
      <c r="N738584" s="10"/>
    </row>
    <row r="738585" spans="14:14">
      <c r="N738585" s="10"/>
    </row>
    <row r="738586" spans="14:14">
      <c r="N738586" s="10"/>
    </row>
    <row r="738587" spans="14:14">
      <c r="N738587" s="10"/>
    </row>
    <row r="738588" spans="14:14">
      <c r="N738588" s="10"/>
    </row>
    <row r="738589" spans="14:14">
      <c r="N738589" s="10"/>
    </row>
    <row r="738590" spans="14:14">
      <c r="N738590" s="10"/>
    </row>
    <row r="738591" spans="14:14">
      <c r="N738591" s="10"/>
    </row>
    <row r="738592" spans="14:14">
      <c r="N738592" s="10"/>
    </row>
    <row r="738593" spans="14:14">
      <c r="N738593" s="10"/>
    </row>
    <row r="738594" spans="14:14">
      <c r="N738594" s="10"/>
    </row>
    <row r="738595" spans="14:14">
      <c r="N738595" s="10"/>
    </row>
    <row r="738596" spans="14:14">
      <c r="N738596" s="10"/>
    </row>
    <row r="738597" spans="14:14">
      <c r="N738597" s="10"/>
    </row>
    <row r="738598" spans="14:14">
      <c r="N738598" s="10"/>
    </row>
    <row r="738599" spans="14:14">
      <c r="N738599" s="10"/>
    </row>
    <row r="738600" spans="14:14">
      <c r="N738600" s="10"/>
    </row>
    <row r="738601" spans="14:14">
      <c r="N738601" s="10"/>
    </row>
    <row r="738602" spans="14:14">
      <c r="N738602" s="10"/>
    </row>
    <row r="738603" spans="14:14">
      <c r="N738603" s="10"/>
    </row>
    <row r="738604" spans="14:14">
      <c r="N738604" s="10"/>
    </row>
    <row r="738605" spans="14:14">
      <c r="N738605" s="10"/>
    </row>
    <row r="738606" spans="14:14">
      <c r="N738606" s="10"/>
    </row>
    <row r="738607" spans="14:14">
      <c r="N738607" s="10"/>
    </row>
    <row r="738608" spans="14:14">
      <c r="N738608" s="10"/>
    </row>
    <row r="738609" spans="14:14">
      <c r="N738609" s="10"/>
    </row>
    <row r="738610" spans="14:14">
      <c r="N738610" s="10"/>
    </row>
    <row r="738611" spans="14:14">
      <c r="N738611" s="10"/>
    </row>
    <row r="738612" spans="14:14">
      <c r="N738612" s="10"/>
    </row>
    <row r="738613" spans="14:14">
      <c r="N738613" s="10"/>
    </row>
    <row r="738614" spans="14:14">
      <c r="N738614" s="10"/>
    </row>
    <row r="738615" spans="14:14">
      <c r="N738615" s="10"/>
    </row>
    <row r="738616" spans="14:14">
      <c r="N738616" s="10"/>
    </row>
    <row r="738617" spans="14:14">
      <c r="N738617" s="10"/>
    </row>
    <row r="738618" spans="14:14">
      <c r="N738618" s="10"/>
    </row>
    <row r="738619" spans="14:14">
      <c r="N738619" s="10"/>
    </row>
    <row r="738620" spans="14:14">
      <c r="N738620" s="10"/>
    </row>
    <row r="738621" spans="14:14">
      <c r="N738621" s="10"/>
    </row>
    <row r="738622" spans="14:14">
      <c r="N738622" s="10"/>
    </row>
    <row r="738623" spans="14:14">
      <c r="N738623" s="10"/>
    </row>
    <row r="738624" spans="14:14">
      <c r="N738624" s="10"/>
    </row>
    <row r="738625" spans="14:14">
      <c r="N738625" s="10"/>
    </row>
    <row r="738626" spans="14:14">
      <c r="N738626" s="10"/>
    </row>
    <row r="738627" spans="14:14">
      <c r="N738627" s="10"/>
    </row>
    <row r="738628" spans="14:14">
      <c r="N738628" s="10"/>
    </row>
    <row r="738629" spans="14:14">
      <c r="N738629" s="10"/>
    </row>
    <row r="738630" spans="14:14">
      <c r="N738630" s="10"/>
    </row>
    <row r="738631" spans="14:14">
      <c r="N738631" s="10"/>
    </row>
    <row r="738632" spans="14:14">
      <c r="N738632" s="10"/>
    </row>
    <row r="738633" spans="14:14">
      <c r="N738633" s="10"/>
    </row>
    <row r="738634" spans="14:14">
      <c r="N738634" s="10"/>
    </row>
    <row r="738635" spans="14:14">
      <c r="N738635" s="10"/>
    </row>
    <row r="738636" spans="14:14">
      <c r="N738636" s="10"/>
    </row>
    <row r="738637" spans="14:14">
      <c r="N738637" s="10"/>
    </row>
    <row r="738638" spans="14:14">
      <c r="N738638" s="10"/>
    </row>
    <row r="738639" spans="14:14">
      <c r="N738639" s="10"/>
    </row>
    <row r="738640" spans="14:14">
      <c r="N738640" s="10"/>
    </row>
    <row r="738641" spans="14:14">
      <c r="N738641" s="10"/>
    </row>
    <row r="738642" spans="14:14">
      <c r="N738642" s="10"/>
    </row>
    <row r="738643" spans="14:14">
      <c r="N738643" s="10"/>
    </row>
    <row r="738644" spans="14:14">
      <c r="N738644" s="10"/>
    </row>
    <row r="738645" spans="14:14">
      <c r="N738645" s="10"/>
    </row>
    <row r="738646" spans="14:14">
      <c r="N738646" s="10"/>
    </row>
    <row r="738647" spans="14:14">
      <c r="N738647" s="10"/>
    </row>
    <row r="738648" spans="14:14">
      <c r="N738648" s="10"/>
    </row>
    <row r="738649" spans="14:14">
      <c r="N738649" s="10"/>
    </row>
    <row r="738650" spans="14:14">
      <c r="N738650" s="10"/>
    </row>
    <row r="738651" spans="14:14">
      <c r="N738651" s="10"/>
    </row>
    <row r="738652" spans="14:14">
      <c r="N738652" s="10"/>
    </row>
    <row r="738653" spans="14:14">
      <c r="N738653" s="10"/>
    </row>
    <row r="738654" spans="14:14">
      <c r="N738654" s="10"/>
    </row>
    <row r="738655" spans="14:14">
      <c r="N738655" s="10"/>
    </row>
    <row r="738656" spans="14:14">
      <c r="N738656" s="10"/>
    </row>
    <row r="738657" spans="14:14">
      <c r="N738657" s="10"/>
    </row>
    <row r="738658" spans="14:14">
      <c r="N738658" s="10"/>
    </row>
    <row r="738659" spans="14:14">
      <c r="N738659" s="10"/>
    </row>
    <row r="738660" spans="14:14">
      <c r="N738660" s="10"/>
    </row>
    <row r="738661" spans="14:14">
      <c r="N738661" s="10"/>
    </row>
    <row r="738662" spans="14:14">
      <c r="N738662" s="10"/>
    </row>
    <row r="738663" spans="14:14">
      <c r="N738663" s="10"/>
    </row>
    <row r="738664" spans="14:14">
      <c r="N738664" s="10"/>
    </row>
    <row r="738665" spans="14:14">
      <c r="N738665" s="10"/>
    </row>
    <row r="738666" spans="14:14">
      <c r="N738666" s="10"/>
    </row>
    <row r="738667" spans="14:14">
      <c r="N738667" s="10"/>
    </row>
    <row r="738668" spans="14:14">
      <c r="N738668" s="10"/>
    </row>
    <row r="738669" spans="14:14">
      <c r="N738669" s="10"/>
    </row>
    <row r="738670" spans="14:14">
      <c r="N738670" s="10"/>
    </row>
    <row r="738671" spans="14:14">
      <c r="N738671" s="10"/>
    </row>
    <row r="738672" spans="14:14">
      <c r="N738672" s="10"/>
    </row>
    <row r="738673" spans="14:14">
      <c r="N738673" s="10"/>
    </row>
    <row r="738674" spans="14:14">
      <c r="N738674" s="10"/>
    </row>
    <row r="738675" spans="14:14">
      <c r="N738675" s="10"/>
    </row>
    <row r="738676" spans="14:14">
      <c r="N738676" s="10"/>
    </row>
    <row r="738677" spans="14:14">
      <c r="N738677" s="10"/>
    </row>
    <row r="738678" spans="14:14">
      <c r="N738678" s="10"/>
    </row>
    <row r="738679" spans="14:14">
      <c r="N738679" s="10"/>
    </row>
    <row r="738680" spans="14:14">
      <c r="N738680" s="10"/>
    </row>
    <row r="738681" spans="14:14">
      <c r="N738681" s="10"/>
    </row>
    <row r="738682" spans="14:14">
      <c r="N738682" s="10"/>
    </row>
    <row r="738683" spans="14:14">
      <c r="N738683" s="10"/>
    </row>
    <row r="738684" spans="14:14">
      <c r="N738684" s="10"/>
    </row>
    <row r="738685" spans="14:14">
      <c r="N738685" s="10"/>
    </row>
    <row r="738686" spans="14:14">
      <c r="N738686" s="10"/>
    </row>
    <row r="738687" spans="14:14">
      <c r="N738687" s="10"/>
    </row>
    <row r="738688" spans="14:14">
      <c r="N738688" s="10"/>
    </row>
    <row r="738689" spans="14:14">
      <c r="N738689" s="10"/>
    </row>
    <row r="738690" spans="14:14">
      <c r="N738690" s="10"/>
    </row>
    <row r="738691" spans="14:14">
      <c r="N738691" s="10"/>
    </row>
    <row r="738692" spans="14:14">
      <c r="N738692" s="10"/>
    </row>
    <row r="738693" spans="14:14">
      <c r="N738693" s="10"/>
    </row>
    <row r="738694" spans="14:14">
      <c r="N738694" s="10"/>
    </row>
    <row r="738695" spans="14:14">
      <c r="N738695" s="10"/>
    </row>
    <row r="738696" spans="14:14">
      <c r="N738696" s="10"/>
    </row>
    <row r="738697" spans="14:14">
      <c r="N738697" s="10"/>
    </row>
    <row r="738698" spans="14:14">
      <c r="N738698" s="10"/>
    </row>
    <row r="738699" spans="14:14">
      <c r="N738699" s="10"/>
    </row>
    <row r="738700" spans="14:14">
      <c r="N738700" s="10"/>
    </row>
    <row r="738701" spans="14:14">
      <c r="N738701" s="10"/>
    </row>
    <row r="738702" spans="14:14">
      <c r="N738702" s="10"/>
    </row>
    <row r="738703" spans="14:14">
      <c r="N738703" s="10"/>
    </row>
    <row r="738704" spans="14:14">
      <c r="N738704" s="10"/>
    </row>
    <row r="738705" spans="14:14">
      <c r="N738705" s="10"/>
    </row>
    <row r="738706" spans="14:14">
      <c r="N738706" s="10"/>
    </row>
    <row r="738707" spans="14:14">
      <c r="N738707" s="10"/>
    </row>
    <row r="738708" spans="14:14">
      <c r="N738708" s="10"/>
    </row>
    <row r="738709" spans="14:14">
      <c r="N738709" s="10"/>
    </row>
    <row r="738710" spans="14:14">
      <c r="N738710" s="10"/>
    </row>
    <row r="738711" spans="14:14">
      <c r="N738711" s="10"/>
    </row>
    <row r="738712" spans="14:14">
      <c r="N738712" s="10"/>
    </row>
    <row r="738713" spans="14:14">
      <c r="N738713" s="10"/>
    </row>
    <row r="738714" spans="14:14">
      <c r="N738714" s="10"/>
    </row>
    <row r="738715" spans="14:14">
      <c r="N738715" s="10"/>
    </row>
    <row r="738716" spans="14:14">
      <c r="N738716" s="10"/>
    </row>
    <row r="738717" spans="14:14">
      <c r="N738717" s="10"/>
    </row>
    <row r="738718" spans="14:14">
      <c r="N738718" s="10"/>
    </row>
    <row r="738719" spans="14:14">
      <c r="N738719" s="10"/>
    </row>
    <row r="738720" spans="14:14">
      <c r="N738720" s="10"/>
    </row>
    <row r="738721" spans="14:14">
      <c r="N738721" s="10"/>
    </row>
    <row r="738722" spans="14:14">
      <c r="N738722" s="10"/>
    </row>
    <row r="738723" spans="14:14">
      <c r="N738723" s="10"/>
    </row>
    <row r="738724" spans="14:14">
      <c r="N738724" s="10"/>
    </row>
    <row r="738725" spans="14:14">
      <c r="N738725" s="10"/>
    </row>
    <row r="738726" spans="14:14">
      <c r="N738726" s="10"/>
    </row>
    <row r="738727" spans="14:14">
      <c r="N738727" s="10"/>
    </row>
    <row r="738728" spans="14:14">
      <c r="N738728" s="10"/>
    </row>
    <row r="738729" spans="14:14">
      <c r="N738729" s="10"/>
    </row>
    <row r="738730" spans="14:14">
      <c r="N738730" s="10"/>
    </row>
    <row r="738731" spans="14:14">
      <c r="N738731" s="10"/>
    </row>
    <row r="738732" spans="14:14">
      <c r="N738732" s="10"/>
    </row>
    <row r="738733" spans="14:14">
      <c r="N738733" s="10"/>
    </row>
    <row r="738734" spans="14:14">
      <c r="N738734" s="10"/>
    </row>
    <row r="738735" spans="14:14">
      <c r="N738735" s="10"/>
    </row>
    <row r="738736" spans="14:14">
      <c r="N738736" s="10"/>
    </row>
    <row r="738737" spans="14:14">
      <c r="N738737" s="10"/>
    </row>
    <row r="738738" spans="14:14">
      <c r="N738738" s="10"/>
    </row>
    <row r="738739" spans="14:14">
      <c r="N738739" s="10"/>
    </row>
    <row r="738740" spans="14:14">
      <c r="N738740" s="10"/>
    </row>
    <row r="738741" spans="14:14">
      <c r="N738741" s="10"/>
    </row>
    <row r="738742" spans="14:14">
      <c r="N738742" s="10"/>
    </row>
    <row r="738743" spans="14:14">
      <c r="N738743" s="10"/>
    </row>
    <row r="738744" spans="14:14">
      <c r="N738744" s="10"/>
    </row>
    <row r="738745" spans="14:14">
      <c r="N738745" s="10"/>
    </row>
    <row r="738746" spans="14:14">
      <c r="N738746" s="10"/>
    </row>
    <row r="738747" spans="14:14">
      <c r="N738747" s="10"/>
    </row>
    <row r="738748" spans="14:14">
      <c r="N738748" s="10"/>
    </row>
    <row r="738749" spans="14:14">
      <c r="N738749" s="10"/>
    </row>
    <row r="738750" spans="14:14">
      <c r="N738750" s="10"/>
    </row>
    <row r="738751" spans="14:14">
      <c r="N738751" s="10"/>
    </row>
    <row r="738752" spans="14:14">
      <c r="N738752" s="10"/>
    </row>
    <row r="738753" spans="14:14">
      <c r="N738753" s="10"/>
    </row>
    <row r="738754" spans="14:14">
      <c r="N738754" s="10"/>
    </row>
    <row r="738755" spans="14:14">
      <c r="N738755" s="10"/>
    </row>
    <row r="738756" spans="14:14">
      <c r="N738756" s="10"/>
    </row>
    <row r="738757" spans="14:14">
      <c r="N738757" s="10"/>
    </row>
    <row r="738758" spans="14:14">
      <c r="N738758" s="10"/>
    </row>
    <row r="738759" spans="14:14">
      <c r="N738759" s="10"/>
    </row>
    <row r="738760" spans="14:14">
      <c r="N738760" s="10"/>
    </row>
    <row r="738761" spans="14:14">
      <c r="N738761" s="10"/>
    </row>
    <row r="738762" spans="14:14">
      <c r="N738762" s="10"/>
    </row>
    <row r="738763" spans="14:14">
      <c r="N738763" s="10"/>
    </row>
    <row r="738764" spans="14:14">
      <c r="N738764" s="10"/>
    </row>
    <row r="738765" spans="14:14">
      <c r="N738765" s="10"/>
    </row>
    <row r="738766" spans="14:14">
      <c r="N738766" s="10"/>
    </row>
    <row r="738767" spans="14:14">
      <c r="N738767" s="10"/>
    </row>
    <row r="738768" spans="14:14">
      <c r="N738768" s="10"/>
    </row>
    <row r="738769" spans="14:14">
      <c r="N738769" s="10"/>
    </row>
    <row r="738770" spans="14:14">
      <c r="N738770" s="10"/>
    </row>
    <row r="738771" spans="14:14">
      <c r="N738771" s="10"/>
    </row>
    <row r="738772" spans="14:14">
      <c r="N738772" s="10"/>
    </row>
    <row r="738773" spans="14:14">
      <c r="N738773" s="10"/>
    </row>
    <row r="738774" spans="14:14">
      <c r="N738774" s="10"/>
    </row>
    <row r="738775" spans="14:14">
      <c r="N738775" s="10"/>
    </row>
    <row r="738776" spans="14:14">
      <c r="N738776" s="10"/>
    </row>
    <row r="738777" spans="14:14">
      <c r="N738777" s="10"/>
    </row>
    <row r="738778" spans="14:14">
      <c r="N738778" s="10"/>
    </row>
    <row r="738779" spans="14:14">
      <c r="N738779" s="10"/>
    </row>
    <row r="738780" spans="14:14">
      <c r="N738780" s="10"/>
    </row>
    <row r="738781" spans="14:14">
      <c r="N738781" s="10"/>
    </row>
    <row r="738782" spans="14:14">
      <c r="N738782" s="10"/>
    </row>
    <row r="738783" spans="14:14">
      <c r="N738783" s="10"/>
    </row>
    <row r="738784" spans="14:14">
      <c r="N738784" s="10"/>
    </row>
    <row r="738785" spans="14:14">
      <c r="N738785" s="10"/>
    </row>
    <row r="738786" spans="14:14">
      <c r="N738786" s="10"/>
    </row>
    <row r="738787" spans="14:14">
      <c r="N738787" s="10"/>
    </row>
    <row r="738788" spans="14:14">
      <c r="N738788" s="10"/>
    </row>
    <row r="738789" spans="14:14">
      <c r="N738789" s="10"/>
    </row>
    <row r="738790" spans="14:14">
      <c r="N738790" s="10"/>
    </row>
    <row r="738791" spans="14:14">
      <c r="N738791" s="10"/>
    </row>
    <row r="738792" spans="14:14">
      <c r="N738792" s="10"/>
    </row>
    <row r="738793" spans="14:14">
      <c r="N738793" s="10"/>
    </row>
    <row r="738794" spans="14:14">
      <c r="N738794" s="10"/>
    </row>
    <row r="738795" spans="14:14">
      <c r="N738795" s="10"/>
    </row>
    <row r="738796" spans="14:14">
      <c r="N738796" s="10"/>
    </row>
    <row r="738797" spans="14:14">
      <c r="N738797" s="10"/>
    </row>
    <row r="738798" spans="14:14">
      <c r="N738798" s="10"/>
    </row>
    <row r="738799" spans="14:14">
      <c r="N738799" s="10"/>
    </row>
    <row r="738800" spans="14:14">
      <c r="N738800" s="10"/>
    </row>
    <row r="738801" spans="14:14">
      <c r="N738801" s="10"/>
    </row>
    <row r="738802" spans="14:14">
      <c r="N738802" s="10"/>
    </row>
    <row r="738803" spans="14:14">
      <c r="N738803" s="10"/>
    </row>
    <row r="738804" spans="14:14">
      <c r="N738804" s="10"/>
    </row>
    <row r="738805" spans="14:14">
      <c r="N738805" s="10"/>
    </row>
    <row r="738806" spans="14:14">
      <c r="N738806" s="10"/>
    </row>
    <row r="738807" spans="14:14">
      <c r="N738807" s="10"/>
    </row>
    <row r="738808" spans="14:14">
      <c r="N738808" s="10"/>
    </row>
    <row r="738809" spans="14:14">
      <c r="N738809" s="10"/>
    </row>
    <row r="738810" spans="14:14">
      <c r="N738810" s="10"/>
    </row>
    <row r="738811" spans="14:14">
      <c r="N738811" s="10"/>
    </row>
    <row r="738812" spans="14:14">
      <c r="N738812" s="10"/>
    </row>
    <row r="738813" spans="14:14">
      <c r="N738813" s="10"/>
    </row>
    <row r="738814" spans="14:14">
      <c r="N738814" s="10"/>
    </row>
    <row r="738815" spans="14:14">
      <c r="N738815" s="10"/>
    </row>
    <row r="738816" spans="14:14">
      <c r="N738816" s="10"/>
    </row>
    <row r="738817" spans="14:14">
      <c r="N738817" s="10"/>
    </row>
    <row r="738818" spans="14:14">
      <c r="N738818" s="10"/>
    </row>
    <row r="738819" spans="14:14">
      <c r="N738819" s="10"/>
    </row>
    <row r="738820" spans="14:14">
      <c r="N738820" s="10"/>
    </row>
    <row r="738821" spans="14:14">
      <c r="N738821" s="10"/>
    </row>
    <row r="738822" spans="14:14">
      <c r="N738822" s="10"/>
    </row>
    <row r="738823" spans="14:14">
      <c r="N738823" s="10"/>
    </row>
    <row r="738824" spans="14:14">
      <c r="N738824" s="10"/>
    </row>
    <row r="738825" spans="14:14">
      <c r="N738825" s="10"/>
    </row>
    <row r="738826" spans="14:14">
      <c r="N738826" s="10"/>
    </row>
    <row r="738827" spans="14:14">
      <c r="N738827" s="10"/>
    </row>
    <row r="738828" spans="14:14">
      <c r="N738828" s="10"/>
    </row>
    <row r="738829" spans="14:14">
      <c r="N738829" s="10"/>
    </row>
    <row r="738830" spans="14:14">
      <c r="N738830" s="10"/>
    </row>
    <row r="738831" spans="14:14">
      <c r="N738831" s="10"/>
    </row>
    <row r="738832" spans="14:14">
      <c r="N738832" s="10"/>
    </row>
    <row r="738833" spans="14:14">
      <c r="N738833" s="10"/>
    </row>
    <row r="738834" spans="14:14">
      <c r="N738834" s="10"/>
    </row>
    <row r="738835" spans="14:14">
      <c r="N738835" s="10"/>
    </row>
    <row r="738836" spans="14:14">
      <c r="N738836" s="10"/>
    </row>
    <row r="738837" spans="14:14">
      <c r="N738837" s="10"/>
    </row>
    <row r="738838" spans="14:14">
      <c r="N738838" s="10"/>
    </row>
    <row r="738839" spans="14:14">
      <c r="N738839" s="10"/>
    </row>
    <row r="738840" spans="14:14">
      <c r="N738840" s="10"/>
    </row>
    <row r="738841" spans="14:14">
      <c r="N738841" s="10"/>
    </row>
    <row r="738842" spans="14:14">
      <c r="N738842" s="10"/>
    </row>
    <row r="738843" spans="14:14">
      <c r="N738843" s="10"/>
    </row>
    <row r="738844" spans="14:14">
      <c r="N738844" s="10"/>
    </row>
    <row r="738845" spans="14:14">
      <c r="N738845" s="10"/>
    </row>
    <row r="738846" spans="14:14">
      <c r="N738846" s="10"/>
    </row>
    <row r="738847" spans="14:14">
      <c r="N738847" s="10"/>
    </row>
    <row r="738848" spans="14:14">
      <c r="N738848" s="10"/>
    </row>
    <row r="738849" spans="14:14">
      <c r="N738849" s="10"/>
    </row>
    <row r="738850" spans="14:14">
      <c r="N738850" s="10"/>
    </row>
    <row r="738851" spans="14:14">
      <c r="N738851" s="10"/>
    </row>
    <row r="738852" spans="14:14">
      <c r="N738852" s="10"/>
    </row>
    <row r="738853" spans="14:14">
      <c r="N738853" s="10"/>
    </row>
    <row r="738854" spans="14:14">
      <c r="N738854" s="10"/>
    </row>
    <row r="738855" spans="14:14">
      <c r="N738855" s="10"/>
    </row>
    <row r="738856" spans="14:14">
      <c r="N738856" s="10"/>
    </row>
    <row r="738857" spans="14:14">
      <c r="N738857" s="10"/>
    </row>
    <row r="738858" spans="14:14">
      <c r="N738858" s="10"/>
    </row>
    <row r="738859" spans="14:14">
      <c r="N738859" s="10"/>
    </row>
    <row r="738860" spans="14:14">
      <c r="N738860" s="10"/>
    </row>
    <row r="738861" spans="14:14">
      <c r="N738861" s="10"/>
    </row>
    <row r="738862" spans="14:14">
      <c r="N738862" s="10"/>
    </row>
    <row r="738863" spans="14:14">
      <c r="N738863" s="10"/>
    </row>
    <row r="738864" spans="14:14">
      <c r="N738864" s="10"/>
    </row>
    <row r="738865" spans="14:14">
      <c r="N738865" s="10"/>
    </row>
    <row r="738866" spans="14:14">
      <c r="N738866" s="10"/>
    </row>
    <row r="738867" spans="14:14">
      <c r="N738867" s="10"/>
    </row>
    <row r="738868" spans="14:14">
      <c r="N738868" s="10"/>
    </row>
    <row r="738869" spans="14:14">
      <c r="N738869" s="10"/>
    </row>
    <row r="738870" spans="14:14">
      <c r="N738870" s="10"/>
    </row>
    <row r="738871" spans="14:14">
      <c r="N738871" s="10"/>
    </row>
    <row r="738872" spans="14:14">
      <c r="N738872" s="10"/>
    </row>
    <row r="738873" spans="14:14">
      <c r="N738873" s="10"/>
    </row>
    <row r="738874" spans="14:14">
      <c r="N738874" s="10"/>
    </row>
    <row r="738875" spans="14:14">
      <c r="N738875" s="10"/>
    </row>
    <row r="738876" spans="14:14">
      <c r="N738876" s="10"/>
    </row>
    <row r="738877" spans="14:14">
      <c r="N738877" s="10"/>
    </row>
    <row r="738878" spans="14:14">
      <c r="N738878" s="10"/>
    </row>
    <row r="738879" spans="14:14">
      <c r="N738879" s="10"/>
    </row>
    <row r="738880" spans="14:14">
      <c r="N738880" s="10"/>
    </row>
    <row r="738881" spans="14:14">
      <c r="N738881" s="10"/>
    </row>
    <row r="738882" spans="14:14">
      <c r="N738882" s="10"/>
    </row>
    <row r="738883" spans="14:14">
      <c r="N738883" s="10"/>
    </row>
    <row r="738884" spans="14:14">
      <c r="N738884" s="10"/>
    </row>
    <row r="738885" spans="14:14">
      <c r="N738885" s="10"/>
    </row>
    <row r="738886" spans="14:14">
      <c r="N738886" s="10"/>
    </row>
    <row r="738887" spans="14:14">
      <c r="N738887" s="10"/>
    </row>
    <row r="738888" spans="14:14">
      <c r="N738888" s="10"/>
    </row>
    <row r="738889" spans="14:14">
      <c r="N738889" s="10"/>
    </row>
    <row r="738890" spans="14:14">
      <c r="N738890" s="10"/>
    </row>
    <row r="738891" spans="14:14">
      <c r="N738891" s="10"/>
    </row>
    <row r="738892" spans="14:14">
      <c r="N738892" s="10"/>
    </row>
    <row r="738893" spans="14:14">
      <c r="N738893" s="10"/>
    </row>
    <row r="738894" spans="14:14">
      <c r="N738894" s="10"/>
    </row>
    <row r="738895" spans="14:14">
      <c r="N738895" s="10"/>
    </row>
    <row r="738896" spans="14:14">
      <c r="N738896" s="10"/>
    </row>
    <row r="738897" spans="14:14">
      <c r="N738897" s="10"/>
    </row>
    <row r="738898" spans="14:14">
      <c r="N738898" s="10"/>
    </row>
    <row r="738899" spans="14:14">
      <c r="N738899" s="10"/>
    </row>
    <row r="738900" spans="14:14">
      <c r="N738900" s="10"/>
    </row>
    <row r="738901" spans="14:14">
      <c r="N738901" s="10"/>
    </row>
    <row r="738902" spans="14:14">
      <c r="N738902" s="10"/>
    </row>
    <row r="738903" spans="14:14">
      <c r="N738903" s="10"/>
    </row>
    <row r="738904" spans="14:14">
      <c r="N738904" s="10"/>
    </row>
    <row r="738905" spans="14:14">
      <c r="N738905" s="10"/>
    </row>
    <row r="738906" spans="14:14">
      <c r="N738906" s="10"/>
    </row>
    <row r="738907" spans="14:14">
      <c r="N738907" s="10"/>
    </row>
    <row r="738908" spans="14:14">
      <c r="N738908" s="10"/>
    </row>
    <row r="738909" spans="14:14">
      <c r="N738909" s="10"/>
    </row>
    <row r="738910" spans="14:14">
      <c r="N738910" s="10"/>
    </row>
    <row r="738911" spans="14:14">
      <c r="N738911" s="10"/>
    </row>
    <row r="738912" spans="14:14">
      <c r="N738912" s="10"/>
    </row>
    <row r="738913" spans="14:14">
      <c r="N738913" s="10"/>
    </row>
    <row r="738914" spans="14:14">
      <c r="N738914" s="10"/>
    </row>
    <row r="738915" spans="14:14">
      <c r="N738915" s="10"/>
    </row>
    <row r="738916" spans="14:14">
      <c r="N738916" s="10"/>
    </row>
    <row r="738917" spans="14:14">
      <c r="N738917" s="10"/>
    </row>
    <row r="738918" spans="14:14">
      <c r="N738918" s="10"/>
    </row>
    <row r="738919" spans="14:14">
      <c r="N738919" s="10"/>
    </row>
    <row r="738920" spans="14:14">
      <c r="N738920" s="10"/>
    </row>
    <row r="738921" spans="14:14">
      <c r="N738921" s="10"/>
    </row>
    <row r="738922" spans="14:14">
      <c r="N738922" s="10"/>
    </row>
    <row r="738923" spans="14:14">
      <c r="N738923" s="10"/>
    </row>
    <row r="738924" spans="14:14">
      <c r="N738924" s="10"/>
    </row>
    <row r="738925" spans="14:14">
      <c r="N738925" s="10"/>
    </row>
    <row r="738926" spans="14:14">
      <c r="N738926" s="10"/>
    </row>
    <row r="738927" spans="14:14">
      <c r="N738927" s="10"/>
    </row>
    <row r="738928" spans="14:14">
      <c r="N738928" s="10"/>
    </row>
    <row r="738929" spans="14:14">
      <c r="N738929" s="10"/>
    </row>
    <row r="738930" spans="14:14">
      <c r="N738930" s="10"/>
    </row>
    <row r="738931" spans="14:14">
      <c r="N738931" s="10"/>
    </row>
    <row r="738932" spans="14:14">
      <c r="N738932" s="10"/>
    </row>
    <row r="738933" spans="14:14">
      <c r="N738933" s="10"/>
    </row>
    <row r="738934" spans="14:14">
      <c r="N738934" s="10"/>
    </row>
    <row r="738935" spans="14:14">
      <c r="N738935" s="10"/>
    </row>
    <row r="738936" spans="14:14">
      <c r="N738936" s="10"/>
    </row>
    <row r="738937" spans="14:14">
      <c r="N738937" s="10"/>
    </row>
    <row r="738938" spans="14:14">
      <c r="N738938" s="10"/>
    </row>
    <row r="738939" spans="14:14">
      <c r="N738939" s="10"/>
    </row>
    <row r="738940" spans="14:14">
      <c r="N738940" s="10"/>
    </row>
    <row r="738941" spans="14:14">
      <c r="N738941" s="10"/>
    </row>
    <row r="738942" spans="14:14">
      <c r="N738942" s="10"/>
    </row>
    <row r="738943" spans="14:14">
      <c r="N738943" s="10"/>
    </row>
    <row r="738944" spans="14:14">
      <c r="N738944" s="10"/>
    </row>
    <row r="738945" spans="14:14">
      <c r="N738945" s="10"/>
    </row>
    <row r="738946" spans="14:14">
      <c r="N738946" s="10"/>
    </row>
    <row r="738947" spans="14:14">
      <c r="N738947" s="10"/>
    </row>
    <row r="738948" spans="14:14">
      <c r="N738948" s="10"/>
    </row>
    <row r="738949" spans="14:14">
      <c r="N738949" s="10"/>
    </row>
    <row r="738950" spans="14:14">
      <c r="N738950" s="10"/>
    </row>
    <row r="738951" spans="14:14">
      <c r="N738951" s="10"/>
    </row>
    <row r="738952" spans="14:14">
      <c r="N738952" s="10"/>
    </row>
    <row r="738953" spans="14:14">
      <c r="N738953" s="10"/>
    </row>
    <row r="738954" spans="14:14">
      <c r="N738954" s="10"/>
    </row>
    <row r="738955" spans="14:14">
      <c r="N738955" s="10"/>
    </row>
    <row r="738956" spans="14:14">
      <c r="N738956" s="10"/>
    </row>
    <row r="738957" spans="14:14">
      <c r="N738957" s="10"/>
    </row>
    <row r="738958" spans="14:14">
      <c r="N738958" s="10"/>
    </row>
    <row r="738959" spans="14:14">
      <c r="N738959" s="10"/>
    </row>
    <row r="738960" spans="14:14">
      <c r="N738960" s="10"/>
    </row>
    <row r="738961" spans="14:14">
      <c r="N738961" s="10"/>
    </row>
    <row r="738962" spans="14:14">
      <c r="N738962" s="10"/>
    </row>
    <row r="738963" spans="14:14">
      <c r="N738963" s="10"/>
    </row>
    <row r="738964" spans="14:14">
      <c r="N738964" s="10"/>
    </row>
    <row r="738965" spans="14:14">
      <c r="N738965" s="10"/>
    </row>
    <row r="738966" spans="14:14">
      <c r="N738966" s="10"/>
    </row>
    <row r="738967" spans="14:14">
      <c r="N738967" s="10"/>
    </row>
    <row r="738968" spans="14:14">
      <c r="N738968" s="10"/>
    </row>
    <row r="738969" spans="14:14">
      <c r="N738969" s="10"/>
    </row>
    <row r="738970" spans="14:14">
      <c r="N738970" s="10"/>
    </row>
    <row r="738971" spans="14:14">
      <c r="N738971" s="10"/>
    </row>
    <row r="738972" spans="14:14">
      <c r="N738972" s="10"/>
    </row>
    <row r="738973" spans="14:14">
      <c r="N738973" s="10"/>
    </row>
    <row r="738974" spans="14:14">
      <c r="N738974" s="10"/>
    </row>
    <row r="738975" spans="14:14">
      <c r="N738975" s="10"/>
    </row>
    <row r="738976" spans="14:14">
      <c r="N738976" s="10"/>
    </row>
    <row r="738977" spans="14:14">
      <c r="N738977" s="10"/>
    </row>
    <row r="738978" spans="14:14">
      <c r="N738978" s="10"/>
    </row>
    <row r="738979" spans="14:14">
      <c r="N738979" s="10"/>
    </row>
    <row r="738980" spans="14:14">
      <c r="N738980" s="10"/>
    </row>
    <row r="738981" spans="14:14">
      <c r="N738981" s="10"/>
    </row>
    <row r="738982" spans="14:14">
      <c r="N738982" s="10"/>
    </row>
    <row r="738983" spans="14:14">
      <c r="N738983" s="10"/>
    </row>
    <row r="738984" spans="14:14">
      <c r="N738984" s="10"/>
    </row>
    <row r="738985" spans="14:14">
      <c r="N738985" s="10"/>
    </row>
    <row r="738986" spans="14:14">
      <c r="N738986" s="10"/>
    </row>
    <row r="738987" spans="14:14">
      <c r="N738987" s="10"/>
    </row>
    <row r="738988" spans="14:14">
      <c r="N738988" s="10"/>
    </row>
    <row r="738989" spans="14:14">
      <c r="N738989" s="10"/>
    </row>
    <row r="738990" spans="14:14">
      <c r="N738990" s="10"/>
    </row>
    <row r="738991" spans="14:14">
      <c r="N738991" s="10"/>
    </row>
    <row r="738992" spans="14:14">
      <c r="N738992" s="10"/>
    </row>
    <row r="738993" spans="14:14">
      <c r="N738993" s="10"/>
    </row>
    <row r="738994" spans="14:14">
      <c r="N738994" s="10"/>
    </row>
    <row r="738995" spans="14:14">
      <c r="N738995" s="10"/>
    </row>
    <row r="738996" spans="14:14">
      <c r="N738996" s="10"/>
    </row>
    <row r="738997" spans="14:14">
      <c r="N738997" s="10"/>
    </row>
    <row r="738998" spans="14:14">
      <c r="N738998" s="10"/>
    </row>
    <row r="738999" spans="14:14">
      <c r="N738999" s="10"/>
    </row>
    <row r="739000" spans="14:14">
      <c r="N739000" s="10"/>
    </row>
    <row r="739001" spans="14:14">
      <c r="N739001" s="10"/>
    </row>
    <row r="739002" spans="14:14">
      <c r="N739002" s="10"/>
    </row>
    <row r="739003" spans="14:14">
      <c r="N739003" s="10"/>
    </row>
    <row r="739004" spans="14:14">
      <c r="N739004" s="10"/>
    </row>
    <row r="739005" spans="14:14">
      <c r="N739005" s="10"/>
    </row>
    <row r="739006" spans="14:14">
      <c r="N739006" s="10"/>
    </row>
    <row r="739007" spans="14:14">
      <c r="N739007" s="10"/>
    </row>
    <row r="739008" spans="14:14">
      <c r="N739008" s="10"/>
    </row>
    <row r="739009" spans="14:14">
      <c r="N739009" s="10"/>
    </row>
    <row r="739010" spans="14:14">
      <c r="N739010" s="10"/>
    </row>
    <row r="739011" spans="14:14">
      <c r="N739011" s="10"/>
    </row>
    <row r="739012" spans="14:14">
      <c r="N739012" s="10"/>
    </row>
    <row r="739013" spans="14:14">
      <c r="N739013" s="10"/>
    </row>
    <row r="739014" spans="14:14">
      <c r="N739014" s="10"/>
    </row>
    <row r="739015" spans="14:14">
      <c r="N739015" s="10"/>
    </row>
    <row r="739016" spans="14:14">
      <c r="N739016" s="10"/>
    </row>
    <row r="739017" spans="14:14">
      <c r="N739017" s="10"/>
    </row>
    <row r="739018" spans="14:14">
      <c r="N739018" s="10"/>
    </row>
    <row r="739019" spans="14:14">
      <c r="N739019" s="10"/>
    </row>
    <row r="739020" spans="14:14">
      <c r="N739020" s="10"/>
    </row>
    <row r="739021" spans="14:14">
      <c r="N739021" s="10"/>
    </row>
    <row r="739022" spans="14:14">
      <c r="N739022" s="10"/>
    </row>
    <row r="739023" spans="14:14">
      <c r="N739023" s="10"/>
    </row>
    <row r="739024" spans="14:14">
      <c r="N739024" s="10"/>
    </row>
    <row r="739025" spans="14:14">
      <c r="N739025" s="10"/>
    </row>
    <row r="739026" spans="14:14">
      <c r="N739026" s="10"/>
    </row>
    <row r="739027" spans="14:14">
      <c r="N739027" s="10"/>
    </row>
    <row r="739028" spans="14:14">
      <c r="N739028" s="10"/>
    </row>
    <row r="739029" spans="14:14">
      <c r="N739029" s="10"/>
    </row>
    <row r="739030" spans="14:14">
      <c r="N739030" s="10"/>
    </row>
    <row r="739031" spans="14:14">
      <c r="N739031" s="10"/>
    </row>
    <row r="739032" spans="14:14">
      <c r="N739032" s="10"/>
    </row>
    <row r="739033" spans="14:14">
      <c r="N739033" s="10"/>
    </row>
    <row r="739034" spans="14:14">
      <c r="N739034" s="10"/>
    </row>
    <row r="739035" spans="14:14">
      <c r="N739035" s="10"/>
    </row>
    <row r="739036" spans="14:14">
      <c r="N739036" s="10"/>
    </row>
    <row r="739037" spans="14:14">
      <c r="N739037" s="10"/>
    </row>
    <row r="739038" spans="14:14">
      <c r="N739038" s="10"/>
    </row>
    <row r="739039" spans="14:14">
      <c r="N739039" s="10"/>
    </row>
    <row r="739040" spans="14:14">
      <c r="N739040" s="10"/>
    </row>
    <row r="739041" spans="14:14">
      <c r="N739041" s="10"/>
    </row>
    <row r="739042" spans="14:14">
      <c r="N739042" s="10"/>
    </row>
    <row r="739043" spans="14:14">
      <c r="N739043" s="10"/>
    </row>
    <row r="739044" spans="14:14">
      <c r="N739044" s="10"/>
    </row>
    <row r="739045" spans="14:14">
      <c r="N739045" s="10"/>
    </row>
    <row r="739046" spans="14:14">
      <c r="N739046" s="10"/>
    </row>
    <row r="739047" spans="14:14">
      <c r="N739047" s="10"/>
    </row>
    <row r="739048" spans="14:14">
      <c r="N739048" s="10"/>
    </row>
    <row r="739049" spans="14:14">
      <c r="N739049" s="10"/>
    </row>
    <row r="739050" spans="14:14">
      <c r="N739050" s="10"/>
    </row>
    <row r="739051" spans="14:14">
      <c r="N739051" s="10"/>
    </row>
    <row r="739052" spans="14:14">
      <c r="N739052" s="10"/>
    </row>
    <row r="739053" spans="14:14">
      <c r="N739053" s="10"/>
    </row>
    <row r="739054" spans="14:14">
      <c r="N739054" s="10"/>
    </row>
    <row r="739055" spans="14:14">
      <c r="N739055" s="10"/>
    </row>
    <row r="739056" spans="14:14">
      <c r="N739056" s="10"/>
    </row>
    <row r="739057" spans="14:14">
      <c r="N739057" s="10"/>
    </row>
    <row r="739058" spans="14:14">
      <c r="N739058" s="10"/>
    </row>
    <row r="739059" spans="14:14">
      <c r="N739059" s="10"/>
    </row>
    <row r="739060" spans="14:14">
      <c r="N739060" s="10"/>
    </row>
    <row r="739061" spans="14:14">
      <c r="N739061" s="10"/>
    </row>
    <row r="739062" spans="14:14">
      <c r="N739062" s="10"/>
    </row>
    <row r="739063" spans="14:14">
      <c r="N739063" s="10"/>
    </row>
    <row r="739064" spans="14:14">
      <c r="N739064" s="10"/>
    </row>
    <row r="739065" spans="14:14">
      <c r="N739065" s="10"/>
    </row>
    <row r="739066" spans="14:14">
      <c r="N739066" s="10"/>
    </row>
    <row r="739067" spans="14:14">
      <c r="N739067" s="10"/>
    </row>
    <row r="739068" spans="14:14">
      <c r="N739068" s="10"/>
    </row>
    <row r="739069" spans="14:14">
      <c r="N739069" s="10"/>
    </row>
    <row r="739070" spans="14:14">
      <c r="N739070" s="10"/>
    </row>
    <row r="739071" spans="14:14">
      <c r="N739071" s="10"/>
    </row>
    <row r="739072" spans="14:14">
      <c r="N739072" s="10"/>
    </row>
    <row r="739073" spans="14:14">
      <c r="N739073" s="10"/>
    </row>
    <row r="739074" spans="14:14">
      <c r="N739074" s="10"/>
    </row>
    <row r="739075" spans="14:14">
      <c r="N739075" s="10"/>
    </row>
    <row r="739076" spans="14:14">
      <c r="N739076" s="10"/>
    </row>
    <row r="739077" spans="14:14">
      <c r="N739077" s="10"/>
    </row>
    <row r="739078" spans="14:14">
      <c r="N739078" s="10"/>
    </row>
    <row r="739079" spans="14:14">
      <c r="N739079" s="10"/>
    </row>
    <row r="739080" spans="14:14">
      <c r="N739080" s="10"/>
    </row>
    <row r="739081" spans="14:14">
      <c r="N739081" s="10"/>
    </row>
    <row r="739082" spans="14:14">
      <c r="N739082" s="10"/>
    </row>
    <row r="739083" spans="14:14">
      <c r="N739083" s="10"/>
    </row>
    <row r="739084" spans="14:14">
      <c r="N739084" s="10"/>
    </row>
    <row r="739085" spans="14:14">
      <c r="N739085" s="10"/>
    </row>
    <row r="739086" spans="14:14">
      <c r="N739086" s="10"/>
    </row>
    <row r="739087" spans="14:14">
      <c r="N739087" s="10"/>
    </row>
    <row r="739088" spans="14:14">
      <c r="N739088" s="10"/>
    </row>
    <row r="739089" spans="14:14">
      <c r="N739089" s="10"/>
    </row>
    <row r="739090" spans="14:14">
      <c r="N739090" s="10"/>
    </row>
    <row r="739091" spans="14:14">
      <c r="N739091" s="10"/>
    </row>
    <row r="739092" spans="14:14">
      <c r="N739092" s="10"/>
    </row>
    <row r="739093" spans="14:14">
      <c r="N739093" s="10"/>
    </row>
    <row r="739094" spans="14:14">
      <c r="N739094" s="10"/>
    </row>
    <row r="739095" spans="14:14">
      <c r="N739095" s="10"/>
    </row>
    <row r="739096" spans="14:14">
      <c r="N739096" s="10"/>
    </row>
    <row r="739097" spans="14:14">
      <c r="N739097" s="10"/>
    </row>
    <row r="739098" spans="14:14">
      <c r="N739098" s="10"/>
    </row>
    <row r="739099" spans="14:14">
      <c r="N739099" s="10"/>
    </row>
    <row r="739100" spans="14:14">
      <c r="N739100" s="10"/>
    </row>
    <row r="739101" spans="14:14">
      <c r="N739101" s="10"/>
    </row>
    <row r="739102" spans="14:14">
      <c r="N739102" s="10"/>
    </row>
    <row r="739103" spans="14:14">
      <c r="N739103" s="10"/>
    </row>
    <row r="739104" spans="14:14">
      <c r="N739104" s="10"/>
    </row>
    <row r="739105" spans="14:14">
      <c r="N739105" s="10"/>
    </row>
    <row r="739106" spans="14:14">
      <c r="N739106" s="10"/>
    </row>
    <row r="739107" spans="14:14">
      <c r="N739107" s="10"/>
    </row>
    <row r="739108" spans="14:14">
      <c r="N739108" s="10"/>
    </row>
    <row r="739109" spans="14:14">
      <c r="N739109" s="10"/>
    </row>
    <row r="739110" spans="14:14">
      <c r="N739110" s="10"/>
    </row>
    <row r="739111" spans="14:14">
      <c r="N739111" s="10"/>
    </row>
    <row r="739112" spans="14:14">
      <c r="N739112" s="10"/>
    </row>
    <row r="739113" spans="14:14">
      <c r="N739113" s="10"/>
    </row>
    <row r="739114" spans="14:14">
      <c r="N739114" s="10"/>
    </row>
    <row r="739115" spans="14:14">
      <c r="N739115" s="10"/>
    </row>
    <row r="739116" spans="14:14">
      <c r="N739116" s="10"/>
    </row>
    <row r="739117" spans="14:14">
      <c r="N739117" s="10"/>
    </row>
    <row r="739118" spans="14:14">
      <c r="N739118" s="10"/>
    </row>
    <row r="739119" spans="14:14">
      <c r="N739119" s="10"/>
    </row>
    <row r="739120" spans="14:14">
      <c r="N739120" s="10"/>
    </row>
    <row r="739121" spans="14:14">
      <c r="N739121" s="10"/>
    </row>
    <row r="739122" spans="14:14">
      <c r="N739122" s="10"/>
    </row>
    <row r="739123" spans="14:14">
      <c r="N739123" s="10"/>
    </row>
    <row r="739124" spans="14:14">
      <c r="N739124" s="10"/>
    </row>
    <row r="739125" spans="14:14">
      <c r="N739125" s="10"/>
    </row>
    <row r="739126" spans="14:14">
      <c r="N739126" s="10"/>
    </row>
    <row r="739127" spans="14:14">
      <c r="N739127" s="10"/>
    </row>
    <row r="739128" spans="14:14">
      <c r="N739128" s="10"/>
    </row>
    <row r="739129" spans="14:14">
      <c r="N739129" s="10"/>
    </row>
    <row r="739130" spans="14:14">
      <c r="N739130" s="10"/>
    </row>
    <row r="739131" spans="14:14">
      <c r="N739131" s="10"/>
    </row>
    <row r="739132" spans="14:14">
      <c r="N739132" s="10"/>
    </row>
    <row r="739133" spans="14:14">
      <c r="N739133" s="10"/>
    </row>
    <row r="739134" spans="14:14">
      <c r="N739134" s="10"/>
    </row>
    <row r="739135" spans="14:14">
      <c r="N739135" s="10"/>
    </row>
    <row r="739136" spans="14:14">
      <c r="N739136" s="10"/>
    </row>
    <row r="739137" spans="14:14">
      <c r="N739137" s="10"/>
    </row>
    <row r="739138" spans="14:14">
      <c r="N739138" s="10"/>
    </row>
    <row r="739139" spans="14:14">
      <c r="N739139" s="10"/>
    </row>
    <row r="739140" spans="14:14">
      <c r="N739140" s="10"/>
    </row>
    <row r="739141" spans="14:14">
      <c r="N739141" s="10"/>
    </row>
    <row r="739142" spans="14:14">
      <c r="N739142" s="10"/>
    </row>
    <row r="739143" spans="14:14">
      <c r="N739143" s="10"/>
    </row>
    <row r="739144" spans="14:14">
      <c r="N739144" s="10"/>
    </row>
    <row r="739145" spans="14:14">
      <c r="N739145" s="10"/>
    </row>
    <row r="739146" spans="14:14">
      <c r="N739146" s="10"/>
    </row>
    <row r="739147" spans="14:14">
      <c r="N739147" s="10"/>
    </row>
    <row r="739148" spans="14:14">
      <c r="N739148" s="10"/>
    </row>
    <row r="739149" spans="14:14">
      <c r="N739149" s="10"/>
    </row>
    <row r="739150" spans="14:14">
      <c r="N739150" s="10"/>
    </row>
    <row r="739151" spans="14:14">
      <c r="N739151" s="10"/>
    </row>
    <row r="739152" spans="14:14">
      <c r="N739152" s="10"/>
    </row>
    <row r="739153" spans="14:14">
      <c r="N739153" s="10"/>
    </row>
    <row r="739154" spans="14:14">
      <c r="N739154" s="10"/>
    </row>
    <row r="739155" spans="14:14">
      <c r="N739155" s="10"/>
    </row>
    <row r="739156" spans="14:14">
      <c r="N739156" s="10"/>
    </row>
    <row r="739157" spans="14:14">
      <c r="N739157" s="10"/>
    </row>
    <row r="739158" spans="14:14">
      <c r="N739158" s="10"/>
    </row>
    <row r="739159" spans="14:14">
      <c r="N739159" s="10"/>
    </row>
    <row r="739160" spans="14:14">
      <c r="N739160" s="10"/>
    </row>
    <row r="739161" spans="14:14">
      <c r="N739161" s="10"/>
    </row>
    <row r="739162" spans="14:14">
      <c r="N739162" s="10"/>
    </row>
    <row r="739163" spans="14:14">
      <c r="N739163" s="10"/>
    </row>
    <row r="739164" spans="14:14">
      <c r="N739164" s="10"/>
    </row>
    <row r="739165" spans="14:14">
      <c r="N739165" s="10"/>
    </row>
    <row r="739166" spans="14:14">
      <c r="N739166" s="10"/>
    </row>
    <row r="739167" spans="14:14">
      <c r="N739167" s="10"/>
    </row>
    <row r="739168" spans="14:14">
      <c r="N739168" s="10"/>
    </row>
    <row r="739169" spans="14:14">
      <c r="N739169" s="10"/>
    </row>
    <row r="739170" spans="14:14">
      <c r="N739170" s="10"/>
    </row>
    <row r="739171" spans="14:14">
      <c r="N739171" s="10"/>
    </row>
    <row r="739172" spans="14:14">
      <c r="N739172" s="10"/>
    </row>
    <row r="739173" spans="14:14">
      <c r="N739173" s="10"/>
    </row>
    <row r="739174" spans="14:14">
      <c r="N739174" s="10"/>
    </row>
    <row r="739175" spans="14:14">
      <c r="N739175" s="10"/>
    </row>
    <row r="739176" spans="14:14">
      <c r="N739176" s="10"/>
    </row>
    <row r="739177" spans="14:14">
      <c r="N739177" s="10"/>
    </row>
    <row r="739178" spans="14:14">
      <c r="N739178" s="10"/>
    </row>
    <row r="739179" spans="14:14">
      <c r="N739179" s="10"/>
    </row>
    <row r="739180" spans="14:14">
      <c r="N739180" s="10"/>
    </row>
    <row r="739181" spans="14:14">
      <c r="N739181" s="10"/>
    </row>
    <row r="739182" spans="14:14">
      <c r="N739182" s="10"/>
    </row>
    <row r="739183" spans="14:14">
      <c r="N739183" s="10"/>
    </row>
    <row r="739184" spans="14:14">
      <c r="N739184" s="10"/>
    </row>
    <row r="739185" spans="14:14">
      <c r="N739185" s="10"/>
    </row>
    <row r="739186" spans="14:14">
      <c r="N739186" s="10"/>
    </row>
    <row r="739187" spans="14:14">
      <c r="N739187" s="10"/>
    </row>
    <row r="739188" spans="14:14">
      <c r="N739188" s="10"/>
    </row>
    <row r="739189" spans="14:14">
      <c r="N739189" s="10"/>
    </row>
    <row r="739190" spans="14:14">
      <c r="N739190" s="10"/>
    </row>
    <row r="739191" spans="14:14">
      <c r="N739191" s="10"/>
    </row>
    <row r="739192" spans="14:14">
      <c r="N739192" s="10"/>
    </row>
    <row r="739193" spans="14:14">
      <c r="N739193" s="10"/>
    </row>
    <row r="739194" spans="14:14">
      <c r="N739194" s="10"/>
    </row>
    <row r="739195" spans="14:14">
      <c r="N739195" s="10"/>
    </row>
    <row r="739196" spans="14:14">
      <c r="N739196" s="10"/>
    </row>
    <row r="739197" spans="14:14">
      <c r="N739197" s="10"/>
    </row>
    <row r="739198" spans="14:14">
      <c r="N739198" s="10"/>
    </row>
    <row r="739199" spans="14:14">
      <c r="N739199" s="10"/>
    </row>
    <row r="739200" spans="14:14">
      <c r="N739200" s="10"/>
    </row>
    <row r="739201" spans="14:14">
      <c r="N739201" s="10"/>
    </row>
    <row r="739202" spans="14:14">
      <c r="N739202" s="10"/>
    </row>
    <row r="739203" spans="14:14">
      <c r="N739203" s="10"/>
    </row>
    <row r="739204" spans="14:14">
      <c r="N739204" s="10"/>
    </row>
    <row r="739205" spans="14:14">
      <c r="N739205" s="10"/>
    </row>
    <row r="739206" spans="14:14">
      <c r="N739206" s="10"/>
    </row>
    <row r="739207" spans="14:14">
      <c r="N739207" s="10"/>
    </row>
    <row r="739208" spans="14:14">
      <c r="N739208" s="10"/>
    </row>
    <row r="739209" spans="14:14">
      <c r="N739209" s="10"/>
    </row>
    <row r="739210" spans="14:14">
      <c r="N739210" s="10"/>
    </row>
    <row r="739211" spans="14:14">
      <c r="N739211" s="10"/>
    </row>
    <row r="739212" spans="14:14">
      <c r="N739212" s="10"/>
    </row>
    <row r="739213" spans="14:14">
      <c r="N739213" s="10"/>
    </row>
    <row r="739214" spans="14:14">
      <c r="N739214" s="10"/>
    </row>
    <row r="739215" spans="14:14">
      <c r="N739215" s="10"/>
    </row>
    <row r="739216" spans="14:14">
      <c r="N739216" s="10"/>
    </row>
    <row r="739217" spans="14:14">
      <c r="N739217" s="10"/>
    </row>
    <row r="739218" spans="14:14">
      <c r="N739218" s="10"/>
    </row>
    <row r="739219" spans="14:14">
      <c r="N739219" s="10"/>
    </row>
    <row r="739220" spans="14:14">
      <c r="N739220" s="10"/>
    </row>
    <row r="739221" spans="14:14">
      <c r="N739221" s="10"/>
    </row>
    <row r="739222" spans="14:14">
      <c r="N739222" s="10"/>
    </row>
    <row r="739223" spans="14:14">
      <c r="N739223" s="10"/>
    </row>
    <row r="739224" spans="14:14">
      <c r="N739224" s="10"/>
    </row>
    <row r="739225" spans="14:14">
      <c r="N739225" s="10"/>
    </row>
    <row r="739226" spans="14:14">
      <c r="N739226" s="10"/>
    </row>
    <row r="739227" spans="14:14">
      <c r="N739227" s="10"/>
    </row>
    <row r="739228" spans="14:14">
      <c r="N739228" s="10"/>
    </row>
    <row r="739229" spans="14:14">
      <c r="N739229" s="10"/>
    </row>
    <row r="739230" spans="14:14">
      <c r="N739230" s="10"/>
    </row>
    <row r="739231" spans="14:14">
      <c r="N739231" s="10"/>
    </row>
    <row r="739232" spans="14:14">
      <c r="N739232" s="10"/>
    </row>
    <row r="739233" spans="14:14">
      <c r="N739233" s="10"/>
    </row>
    <row r="739234" spans="14:14">
      <c r="N739234" s="10"/>
    </row>
    <row r="739235" spans="14:14">
      <c r="N739235" s="10"/>
    </row>
    <row r="739236" spans="14:14">
      <c r="N739236" s="10"/>
    </row>
    <row r="739237" spans="14:14">
      <c r="N739237" s="10"/>
    </row>
    <row r="739238" spans="14:14">
      <c r="N739238" s="10"/>
    </row>
    <row r="739239" spans="14:14">
      <c r="N739239" s="10"/>
    </row>
    <row r="739240" spans="14:14">
      <c r="N739240" s="10"/>
    </row>
    <row r="739241" spans="14:14">
      <c r="N739241" s="10"/>
    </row>
    <row r="739242" spans="14:14">
      <c r="N739242" s="10"/>
    </row>
    <row r="739243" spans="14:14">
      <c r="N739243" s="10"/>
    </row>
    <row r="739244" spans="14:14">
      <c r="N739244" s="10"/>
    </row>
    <row r="739245" spans="14:14">
      <c r="N739245" s="10"/>
    </row>
    <row r="739246" spans="14:14">
      <c r="N739246" s="10"/>
    </row>
    <row r="739247" spans="14:14">
      <c r="N739247" s="10"/>
    </row>
    <row r="739248" spans="14:14">
      <c r="N739248" s="10"/>
    </row>
    <row r="739249" spans="14:14">
      <c r="N739249" s="10"/>
    </row>
    <row r="739250" spans="14:14">
      <c r="N739250" s="10"/>
    </row>
    <row r="739251" spans="14:14">
      <c r="N739251" s="10"/>
    </row>
    <row r="739252" spans="14:14">
      <c r="N739252" s="10"/>
    </row>
    <row r="739253" spans="14:14">
      <c r="N739253" s="10"/>
    </row>
    <row r="739254" spans="14:14">
      <c r="N739254" s="10"/>
    </row>
    <row r="739255" spans="14:14">
      <c r="N739255" s="10"/>
    </row>
    <row r="739256" spans="14:14">
      <c r="N739256" s="10"/>
    </row>
    <row r="739257" spans="14:14">
      <c r="N739257" s="10"/>
    </row>
    <row r="739258" spans="14:14">
      <c r="N739258" s="10"/>
    </row>
    <row r="739259" spans="14:14">
      <c r="N739259" s="10"/>
    </row>
    <row r="739260" spans="14:14">
      <c r="N739260" s="10"/>
    </row>
    <row r="739261" spans="14:14">
      <c r="N739261" s="10"/>
    </row>
    <row r="739262" spans="14:14">
      <c r="N739262" s="10"/>
    </row>
    <row r="739263" spans="14:14">
      <c r="N739263" s="10"/>
    </row>
    <row r="739264" spans="14:14">
      <c r="N739264" s="10"/>
    </row>
    <row r="739265" spans="14:14">
      <c r="N739265" s="10"/>
    </row>
    <row r="739266" spans="14:14">
      <c r="N739266" s="10"/>
    </row>
    <row r="739267" spans="14:14">
      <c r="N739267" s="10"/>
    </row>
    <row r="739268" spans="14:14">
      <c r="N739268" s="10"/>
    </row>
    <row r="739269" spans="14:14">
      <c r="N739269" s="10"/>
    </row>
    <row r="739270" spans="14:14">
      <c r="N739270" s="10"/>
    </row>
    <row r="739271" spans="14:14">
      <c r="N739271" s="10"/>
    </row>
    <row r="739272" spans="14:14">
      <c r="N739272" s="10"/>
    </row>
    <row r="739273" spans="14:14">
      <c r="N739273" s="10"/>
    </row>
    <row r="739274" spans="14:14">
      <c r="N739274" s="10"/>
    </row>
    <row r="739275" spans="14:14">
      <c r="N739275" s="10"/>
    </row>
    <row r="739276" spans="14:14">
      <c r="N739276" s="10"/>
    </row>
    <row r="739277" spans="14:14">
      <c r="N739277" s="10"/>
    </row>
    <row r="739278" spans="14:14">
      <c r="N739278" s="10"/>
    </row>
    <row r="739279" spans="14:14">
      <c r="N739279" s="10"/>
    </row>
    <row r="739280" spans="14:14">
      <c r="N739280" s="10"/>
    </row>
    <row r="739281" spans="14:14">
      <c r="N739281" s="10"/>
    </row>
    <row r="739282" spans="14:14">
      <c r="N739282" s="10"/>
    </row>
    <row r="739283" spans="14:14">
      <c r="N739283" s="10"/>
    </row>
    <row r="739284" spans="14:14">
      <c r="N739284" s="10"/>
    </row>
    <row r="739285" spans="14:14">
      <c r="N739285" s="10"/>
    </row>
    <row r="739286" spans="14:14">
      <c r="N739286" s="10"/>
    </row>
    <row r="739287" spans="14:14">
      <c r="N739287" s="10"/>
    </row>
    <row r="739288" spans="14:14">
      <c r="N739288" s="10"/>
    </row>
    <row r="739289" spans="14:14">
      <c r="N739289" s="10"/>
    </row>
    <row r="739290" spans="14:14">
      <c r="N739290" s="10"/>
    </row>
    <row r="739291" spans="14:14">
      <c r="N739291" s="10"/>
    </row>
    <row r="739292" spans="14:14">
      <c r="N739292" s="10"/>
    </row>
    <row r="739293" spans="14:14">
      <c r="N739293" s="10"/>
    </row>
    <row r="739294" spans="14:14">
      <c r="N739294" s="10"/>
    </row>
    <row r="739295" spans="14:14">
      <c r="N739295" s="10"/>
    </row>
    <row r="739296" spans="14:14">
      <c r="N739296" s="10"/>
    </row>
    <row r="739297" spans="14:14">
      <c r="N739297" s="10"/>
    </row>
    <row r="739298" spans="14:14">
      <c r="N739298" s="10"/>
    </row>
    <row r="739299" spans="14:14">
      <c r="N739299" s="10"/>
    </row>
    <row r="739300" spans="14:14">
      <c r="N739300" s="10"/>
    </row>
    <row r="739301" spans="14:14">
      <c r="N739301" s="10"/>
    </row>
    <row r="739302" spans="14:14">
      <c r="N739302" s="10"/>
    </row>
    <row r="739303" spans="14:14">
      <c r="N739303" s="10"/>
    </row>
    <row r="739304" spans="14:14">
      <c r="N739304" s="10"/>
    </row>
    <row r="739305" spans="14:14">
      <c r="N739305" s="10"/>
    </row>
    <row r="739306" spans="14:14">
      <c r="N739306" s="10"/>
    </row>
    <row r="739307" spans="14:14">
      <c r="N739307" s="10"/>
    </row>
    <row r="739308" spans="14:14">
      <c r="N739308" s="10"/>
    </row>
    <row r="739309" spans="14:14">
      <c r="N739309" s="10"/>
    </row>
    <row r="739310" spans="14:14">
      <c r="N739310" s="10"/>
    </row>
    <row r="739311" spans="14:14">
      <c r="N739311" s="10"/>
    </row>
    <row r="739312" spans="14:14">
      <c r="N739312" s="10"/>
    </row>
    <row r="739313" spans="14:14">
      <c r="N739313" s="10"/>
    </row>
    <row r="739314" spans="14:14">
      <c r="N739314" s="10"/>
    </row>
    <row r="739315" spans="14:14">
      <c r="N739315" s="10"/>
    </row>
    <row r="739316" spans="14:14">
      <c r="N739316" s="10"/>
    </row>
    <row r="739317" spans="14:14">
      <c r="N739317" s="10"/>
    </row>
    <row r="739318" spans="14:14">
      <c r="N739318" s="10"/>
    </row>
    <row r="739319" spans="14:14">
      <c r="N739319" s="10"/>
    </row>
    <row r="739320" spans="14:14">
      <c r="N739320" s="10"/>
    </row>
    <row r="739321" spans="14:14">
      <c r="N739321" s="10"/>
    </row>
    <row r="739322" spans="14:14">
      <c r="N739322" s="10"/>
    </row>
    <row r="739323" spans="14:14">
      <c r="N739323" s="10"/>
    </row>
    <row r="739324" spans="14:14">
      <c r="N739324" s="10"/>
    </row>
    <row r="739325" spans="14:14">
      <c r="N739325" s="10"/>
    </row>
    <row r="739326" spans="14:14">
      <c r="N739326" s="10"/>
    </row>
    <row r="739327" spans="14:14">
      <c r="N739327" s="10"/>
    </row>
    <row r="739328" spans="14:14">
      <c r="N739328" s="10"/>
    </row>
    <row r="739329" spans="14:14">
      <c r="N739329" s="10"/>
    </row>
    <row r="739330" spans="14:14">
      <c r="N739330" s="10"/>
    </row>
    <row r="739331" spans="14:14">
      <c r="N739331" s="10"/>
    </row>
    <row r="739332" spans="14:14">
      <c r="N739332" s="10"/>
    </row>
    <row r="739333" spans="14:14">
      <c r="N739333" s="10"/>
    </row>
    <row r="739334" spans="14:14">
      <c r="N739334" s="10"/>
    </row>
    <row r="739335" spans="14:14">
      <c r="N739335" s="10"/>
    </row>
    <row r="739336" spans="14:14">
      <c r="N739336" s="10"/>
    </row>
    <row r="739337" spans="14:14">
      <c r="N739337" s="10"/>
    </row>
    <row r="739338" spans="14:14">
      <c r="N739338" s="10"/>
    </row>
    <row r="739339" spans="14:14">
      <c r="N739339" s="10"/>
    </row>
    <row r="739340" spans="14:14">
      <c r="N739340" s="10"/>
    </row>
    <row r="739341" spans="14:14">
      <c r="N739341" s="10"/>
    </row>
    <row r="739342" spans="14:14">
      <c r="N739342" s="10"/>
    </row>
    <row r="739343" spans="14:14">
      <c r="N739343" s="10"/>
    </row>
    <row r="739344" spans="14:14">
      <c r="N739344" s="10"/>
    </row>
    <row r="739345" spans="14:14">
      <c r="N739345" s="10"/>
    </row>
    <row r="739346" spans="14:14">
      <c r="N739346" s="10"/>
    </row>
    <row r="739347" spans="14:14">
      <c r="N739347" s="10"/>
    </row>
    <row r="739348" spans="14:14">
      <c r="N739348" s="10"/>
    </row>
    <row r="739349" spans="14:14">
      <c r="N739349" s="10"/>
    </row>
    <row r="739350" spans="14:14">
      <c r="N739350" s="10"/>
    </row>
    <row r="739351" spans="14:14">
      <c r="N739351" s="10"/>
    </row>
    <row r="739352" spans="14:14">
      <c r="N739352" s="10"/>
    </row>
    <row r="739353" spans="14:14">
      <c r="N739353" s="10"/>
    </row>
    <row r="739354" spans="14:14">
      <c r="N739354" s="10"/>
    </row>
    <row r="739355" spans="14:14">
      <c r="N739355" s="10"/>
    </row>
    <row r="739356" spans="14:14">
      <c r="N739356" s="10"/>
    </row>
    <row r="739357" spans="14:14">
      <c r="N739357" s="10"/>
    </row>
    <row r="739358" spans="14:14">
      <c r="N739358" s="10"/>
    </row>
    <row r="739359" spans="14:14">
      <c r="N739359" s="10"/>
    </row>
    <row r="739360" spans="14:14">
      <c r="N739360" s="10"/>
    </row>
    <row r="739361" spans="14:14">
      <c r="N739361" s="10"/>
    </row>
    <row r="739362" spans="14:14">
      <c r="N739362" s="10"/>
    </row>
    <row r="739363" spans="14:14">
      <c r="N739363" s="10"/>
    </row>
    <row r="739364" spans="14:14">
      <c r="N739364" s="10"/>
    </row>
    <row r="739365" spans="14:14">
      <c r="N739365" s="10"/>
    </row>
    <row r="739366" spans="14:14">
      <c r="N739366" s="10"/>
    </row>
    <row r="739367" spans="14:14">
      <c r="N739367" s="10"/>
    </row>
    <row r="739368" spans="14:14">
      <c r="N739368" s="10"/>
    </row>
    <row r="739369" spans="14:14">
      <c r="N739369" s="10"/>
    </row>
    <row r="739370" spans="14:14">
      <c r="N739370" s="10"/>
    </row>
    <row r="739371" spans="14:14">
      <c r="N739371" s="10"/>
    </row>
    <row r="739372" spans="14:14">
      <c r="N739372" s="10"/>
    </row>
    <row r="739373" spans="14:14">
      <c r="N739373" s="10"/>
    </row>
    <row r="739374" spans="14:14">
      <c r="N739374" s="10"/>
    </row>
    <row r="739375" spans="14:14">
      <c r="N739375" s="10"/>
    </row>
    <row r="739376" spans="14:14">
      <c r="N739376" s="10"/>
    </row>
    <row r="739377" spans="14:14">
      <c r="N739377" s="10"/>
    </row>
    <row r="739378" spans="14:14">
      <c r="N739378" s="10"/>
    </row>
    <row r="739379" spans="14:14">
      <c r="N739379" s="10"/>
    </row>
    <row r="739380" spans="14:14">
      <c r="N739380" s="10"/>
    </row>
    <row r="739381" spans="14:14">
      <c r="N739381" s="10"/>
    </row>
    <row r="739382" spans="14:14">
      <c r="N739382" s="10"/>
    </row>
    <row r="739383" spans="14:14">
      <c r="N739383" s="10"/>
    </row>
    <row r="739384" spans="14:14">
      <c r="N739384" s="10"/>
    </row>
    <row r="739385" spans="14:14">
      <c r="N739385" s="10"/>
    </row>
    <row r="739386" spans="14:14">
      <c r="N739386" s="10"/>
    </row>
    <row r="739387" spans="14:14">
      <c r="N739387" s="10"/>
    </row>
    <row r="739388" spans="14:14">
      <c r="N739388" s="10"/>
    </row>
    <row r="739389" spans="14:14">
      <c r="N739389" s="10"/>
    </row>
    <row r="739390" spans="14:14">
      <c r="N739390" s="10"/>
    </row>
    <row r="739391" spans="14:14">
      <c r="N739391" s="10"/>
    </row>
    <row r="739392" spans="14:14">
      <c r="N739392" s="10"/>
    </row>
    <row r="739393" spans="14:14">
      <c r="N739393" s="10"/>
    </row>
    <row r="739394" spans="14:14">
      <c r="N739394" s="10"/>
    </row>
    <row r="739395" spans="14:14">
      <c r="N739395" s="10"/>
    </row>
    <row r="739396" spans="14:14">
      <c r="N739396" s="10"/>
    </row>
    <row r="739397" spans="14:14">
      <c r="N739397" s="10"/>
    </row>
    <row r="739398" spans="14:14">
      <c r="N739398" s="10"/>
    </row>
    <row r="739399" spans="14:14">
      <c r="N739399" s="10"/>
    </row>
    <row r="739400" spans="14:14">
      <c r="N739400" s="10"/>
    </row>
    <row r="739401" spans="14:14">
      <c r="N739401" s="10"/>
    </row>
    <row r="739402" spans="14:14">
      <c r="N739402" s="10"/>
    </row>
    <row r="739403" spans="14:14">
      <c r="N739403" s="10"/>
    </row>
    <row r="739404" spans="14:14">
      <c r="N739404" s="10"/>
    </row>
    <row r="739405" spans="14:14">
      <c r="N739405" s="10"/>
    </row>
    <row r="739406" spans="14:14">
      <c r="N739406" s="10"/>
    </row>
    <row r="739407" spans="14:14">
      <c r="N739407" s="10"/>
    </row>
    <row r="739408" spans="14:14">
      <c r="N739408" s="10"/>
    </row>
    <row r="739409" spans="14:14">
      <c r="N739409" s="10"/>
    </row>
    <row r="739410" spans="14:14">
      <c r="N739410" s="10"/>
    </row>
    <row r="739411" spans="14:14">
      <c r="N739411" s="10"/>
    </row>
    <row r="739412" spans="14:14">
      <c r="N739412" s="10"/>
    </row>
    <row r="739413" spans="14:14">
      <c r="N739413" s="10"/>
    </row>
    <row r="739414" spans="14:14">
      <c r="N739414" s="10"/>
    </row>
    <row r="739415" spans="14:14">
      <c r="N739415" s="10"/>
    </row>
    <row r="739416" spans="14:14">
      <c r="N739416" s="10"/>
    </row>
    <row r="739417" spans="14:14">
      <c r="N739417" s="10"/>
    </row>
    <row r="739418" spans="14:14">
      <c r="N739418" s="10"/>
    </row>
    <row r="739419" spans="14:14">
      <c r="N739419" s="10"/>
    </row>
    <row r="739420" spans="14:14">
      <c r="N739420" s="10"/>
    </row>
    <row r="739421" spans="14:14">
      <c r="N739421" s="10"/>
    </row>
    <row r="739422" spans="14:14">
      <c r="N739422" s="10"/>
    </row>
    <row r="739423" spans="14:14">
      <c r="N739423" s="10"/>
    </row>
    <row r="739424" spans="14:14">
      <c r="N739424" s="10"/>
    </row>
    <row r="739425" spans="14:14">
      <c r="N739425" s="10"/>
    </row>
    <row r="739426" spans="14:14">
      <c r="N739426" s="10"/>
    </row>
    <row r="739427" spans="14:14">
      <c r="N739427" s="10"/>
    </row>
    <row r="739428" spans="14:14">
      <c r="N739428" s="10"/>
    </row>
    <row r="739429" spans="14:14">
      <c r="N739429" s="10"/>
    </row>
    <row r="739430" spans="14:14">
      <c r="N739430" s="10"/>
    </row>
    <row r="739431" spans="14:14">
      <c r="N739431" s="10"/>
    </row>
    <row r="739432" spans="14:14">
      <c r="N739432" s="10"/>
    </row>
    <row r="739433" spans="14:14">
      <c r="N739433" s="10"/>
    </row>
    <row r="739434" spans="14:14">
      <c r="N739434" s="10"/>
    </row>
    <row r="739435" spans="14:14">
      <c r="N739435" s="10"/>
    </row>
    <row r="739436" spans="14:14">
      <c r="N739436" s="10"/>
    </row>
    <row r="739437" spans="14:14">
      <c r="N739437" s="10"/>
    </row>
    <row r="739438" spans="14:14">
      <c r="N739438" s="10"/>
    </row>
    <row r="739439" spans="14:14">
      <c r="N739439" s="10"/>
    </row>
    <row r="739440" spans="14:14">
      <c r="N739440" s="10"/>
    </row>
    <row r="739441" spans="14:14">
      <c r="N739441" s="10"/>
    </row>
    <row r="739442" spans="14:14">
      <c r="N739442" s="10"/>
    </row>
    <row r="739443" spans="14:14">
      <c r="N739443" s="10"/>
    </row>
    <row r="739444" spans="14:14">
      <c r="N739444" s="10"/>
    </row>
    <row r="739445" spans="14:14">
      <c r="N739445" s="10"/>
    </row>
    <row r="739446" spans="14:14">
      <c r="N739446" s="10"/>
    </row>
    <row r="739447" spans="14:14">
      <c r="N739447" s="10"/>
    </row>
    <row r="739448" spans="14:14">
      <c r="N739448" s="10"/>
    </row>
    <row r="739449" spans="14:14">
      <c r="N739449" s="10"/>
    </row>
    <row r="739450" spans="14:14">
      <c r="N739450" s="10"/>
    </row>
    <row r="739451" spans="14:14">
      <c r="N739451" s="10"/>
    </row>
    <row r="739452" spans="14:14">
      <c r="N739452" s="10"/>
    </row>
    <row r="739453" spans="14:14">
      <c r="N739453" s="10"/>
    </row>
    <row r="739454" spans="14:14">
      <c r="N739454" s="10"/>
    </row>
    <row r="739455" spans="14:14">
      <c r="N739455" s="10"/>
    </row>
    <row r="739456" spans="14:14">
      <c r="N739456" s="10"/>
    </row>
    <row r="739457" spans="14:14">
      <c r="N739457" s="10"/>
    </row>
    <row r="739458" spans="14:14">
      <c r="N739458" s="10"/>
    </row>
    <row r="739459" spans="14:14">
      <c r="N739459" s="10"/>
    </row>
    <row r="739460" spans="14:14">
      <c r="N739460" s="10"/>
    </row>
    <row r="739461" spans="14:14">
      <c r="N739461" s="10"/>
    </row>
    <row r="739462" spans="14:14">
      <c r="N739462" s="10"/>
    </row>
    <row r="739463" spans="14:14">
      <c r="N739463" s="10"/>
    </row>
    <row r="739464" spans="14:14">
      <c r="N739464" s="10"/>
    </row>
    <row r="739465" spans="14:14">
      <c r="N739465" s="10"/>
    </row>
    <row r="739466" spans="14:14">
      <c r="N739466" s="10"/>
    </row>
    <row r="739467" spans="14:14">
      <c r="N739467" s="10"/>
    </row>
    <row r="739468" spans="14:14">
      <c r="N739468" s="10"/>
    </row>
    <row r="739469" spans="14:14">
      <c r="N739469" s="10"/>
    </row>
    <row r="739470" spans="14:14">
      <c r="N739470" s="10"/>
    </row>
    <row r="739471" spans="14:14">
      <c r="N739471" s="10"/>
    </row>
    <row r="739472" spans="14:14">
      <c r="N739472" s="10"/>
    </row>
    <row r="739473" spans="14:14">
      <c r="N739473" s="10"/>
    </row>
    <row r="739474" spans="14:14">
      <c r="N739474" s="10"/>
    </row>
    <row r="739475" spans="14:14">
      <c r="N739475" s="10"/>
    </row>
    <row r="739476" spans="14:14">
      <c r="N739476" s="10"/>
    </row>
    <row r="739477" spans="14:14">
      <c r="N739477" s="10"/>
    </row>
    <row r="739478" spans="14:14">
      <c r="N739478" s="10"/>
    </row>
    <row r="739479" spans="14:14">
      <c r="N739479" s="10"/>
    </row>
    <row r="739480" spans="14:14">
      <c r="N739480" s="10"/>
    </row>
    <row r="739481" spans="14:14">
      <c r="N739481" s="10"/>
    </row>
    <row r="739482" spans="14:14">
      <c r="N739482" s="10"/>
    </row>
    <row r="739483" spans="14:14">
      <c r="N739483" s="10"/>
    </row>
    <row r="739484" spans="14:14">
      <c r="N739484" s="10"/>
    </row>
    <row r="739485" spans="14:14">
      <c r="N739485" s="10"/>
    </row>
    <row r="739486" spans="14:14">
      <c r="N739486" s="10"/>
    </row>
    <row r="739487" spans="14:14">
      <c r="N739487" s="10"/>
    </row>
    <row r="739488" spans="14:14">
      <c r="N739488" s="10"/>
    </row>
    <row r="739489" spans="14:14">
      <c r="N739489" s="10"/>
    </row>
    <row r="739490" spans="14:14">
      <c r="N739490" s="10"/>
    </row>
    <row r="739491" spans="14:14">
      <c r="N739491" s="10"/>
    </row>
    <row r="739492" spans="14:14">
      <c r="N739492" s="10"/>
    </row>
    <row r="739493" spans="14:14">
      <c r="N739493" s="10"/>
    </row>
    <row r="739494" spans="14:14">
      <c r="N739494" s="10"/>
    </row>
    <row r="739495" spans="14:14">
      <c r="N739495" s="10"/>
    </row>
    <row r="739496" spans="14:14">
      <c r="N739496" s="10"/>
    </row>
    <row r="739497" spans="14:14">
      <c r="N739497" s="10"/>
    </row>
    <row r="739498" spans="14:14">
      <c r="N739498" s="10"/>
    </row>
    <row r="739499" spans="14:14">
      <c r="N739499" s="10"/>
    </row>
    <row r="739500" spans="14:14">
      <c r="N739500" s="10"/>
    </row>
    <row r="739501" spans="14:14">
      <c r="N739501" s="10"/>
    </row>
    <row r="739502" spans="14:14">
      <c r="N739502" s="10"/>
    </row>
    <row r="739503" spans="14:14">
      <c r="N739503" s="10"/>
    </row>
    <row r="739504" spans="14:14">
      <c r="N739504" s="10"/>
    </row>
    <row r="739505" spans="14:14">
      <c r="N739505" s="10"/>
    </row>
    <row r="739506" spans="14:14">
      <c r="N739506" s="10"/>
    </row>
    <row r="739507" spans="14:14">
      <c r="N739507" s="10"/>
    </row>
    <row r="739508" spans="14:14">
      <c r="N739508" s="10"/>
    </row>
    <row r="739509" spans="14:14">
      <c r="N739509" s="10"/>
    </row>
    <row r="739510" spans="14:14">
      <c r="N739510" s="10"/>
    </row>
    <row r="739511" spans="14:14">
      <c r="N739511" s="10"/>
    </row>
    <row r="739512" spans="14:14">
      <c r="N739512" s="10"/>
    </row>
    <row r="739513" spans="14:14">
      <c r="N739513" s="10"/>
    </row>
    <row r="739514" spans="14:14">
      <c r="N739514" s="10"/>
    </row>
    <row r="739515" spans="14:14">
      <c r="N739515" s="10"/>
    </row>
    <row r="739516" spans="14:14">
      <c r="N739516" s="10"/>
    </row>
    <row r="739517" spans="14:14">
      <c r="N739517" s="10"/>
    </row>
    <row r="739518" spans="14:14">
      <c r="N739518" s="10"/>
    </row>
    <row r="739519" spans="14:14">
      <c r="N739519" s="10"/>
    </row>
    <row r="739520" spans="14:14">
      <c r="N739520" s="10"/>
    </row>
    <row r="739521" spans="14:14">
      <c r="N739521" s="10"/>
    </row>
    <row r="739522" spans="14:14">
      <c r="N739522" s="10"/>
    </row>
    <row r="739523" spans="14:14">
      <c r="N739523" s="10"/>
    </row>
    <row r="739524" spans="14:14">
      <c r="N739524" s="10"/>
    </row>
    <row r="739525" spans="14:14">
      <c r="N739525" s="10"/>
    </row>
    <row r="739526" spans="14:14">
      <c r="N739526" s="10"/>
    </row>
    <row r="739527" spans="14:14">
      <c r="N739527" s="10"/>
    </row>
    <row r="739528" spans="14:14">
      <c r="N739528" s="10"/>
    </row>
    <row r="739529" spans="14:14">
      <c r="N739529" s="10"/>
    </row>
    <row r="739530" spans="14:14">
      <c r="N739530" s="10"/>
    </row>
    <row r="739531" spans="14:14">
      <c r="N739531" s="10"/>
    </row>
    <row r="739532" spans="14:14">
      <c r="N739532" s="10"/>
    </row>
    <row r="739533" spans="14:14">
      <c r="N739533" s="10"/>
    </row>
    <row r="739534" spans="14:14">
      <c r="N739534" s="10"/>
    </row>
    <row r="739535" spans="14:14">
      <c r="N739535" s="10"/>
    </row>
    <row r="739536" spans="14:14">
      <c r="N739536" s="10"/>
    </row>
    <row r="739537" spans="14:14">
      <c r="N739537" s="10"/>
    </row>
    <row r="739538" spans="14:14">
      <c r="N739538" s="10"/>
    </row>
    <row r="739539" spans="14:14">
      <c r="N739539" s="10"/>
    </row>
    <row r="739540" spans="14:14">
      <c r="N739540" s="10"/>
    </row>
    <row r="739541" spans="14:14">
      <c r="N739541" s="10"/>
    </row>
    <row r="739542" spans="14:14">
      <c r="N739542" s="10"/>
    </row>
    <row r="739543" spans="14:14">
      <c r="N739543" s="10"/>
    </row>
    <row r="739544" spans="14:14">
      <c r="N739544" s="10"/>
    </row>
    <row r="739545" spans="14:14">
      <c r="N739545" s="10"/>
    </row>
    <row r="739546" spans="14:14">
      <c r="N739546" s="10"/>
    </row>
    <row r="739547" spans="14:14">
      <c r="N739547" s="10"/>
    </row>
    <row r="739548" spans="14:14">
      <c r="N739548" s="10"/>
    </row>
    <row r="739549" spans="14:14">
      <c r="N739549" s="10"/>
    </row>
    <row r="739550" spans="14:14">
      <c r="N739550" s="10"/>
    </row>
    <row r="739551" spans="14:14">
      <c r="N739551" s="10"/>
    </row>
    <row r="739552" spans="14:14">
      <c r="N739552" s="10"/>
    </row>
    <row r="739553" spans="14:14">
      <c r="N739553" s="10"/>
    </row>
    <row r="739554" spans="14:14">
      <c r="N739554" s="10"/>
    </row>
    <row r="739555" spans="14:14">
      <c r="N739555" s="10"/>
    </row>
    <row r="739556" spans="14:14">
      <c r="N739556" s="10"/>
    </row>
    <row r="739557" spans="14:14">
      <c r="N739557" s="10"/>
    </row>
    <row r="739558" spans="14:14">
      <c r="N739558" s="10"/>
    </row>
    <row r="739559" spans="14:14">
      <c r="N739559" s="10"/>
    </row>
    <row r="739560" spans="14:14">
      <c r="N739560" s="10"/>
    </row>
    <row r="739561" spans="14:14">
      <c r="N739561" s="10"/>
    </row>
    <row r="739562" spans="14:14">
      <c r="N739562" s="10"/>
    </row>
    <row r="739563" spans="14:14">
      <c r="N739563" s="10"/>
    </row>
    <row r="739564" spans="14:14">
      <c r="N739564" s="10"/>
    </row>
    <row r="739565" spans="14:14">
      <c r="N739565" s="10"/>
    </row>
    <row r="739566" spans="14:14">
      <c r="N739566" s="10"/>
    </row>
    <row r="739567" spans="14:14">
      <c r="N739567" s="10"/>
    </row>
    <row r="739568" spans="14:14">
      <c r="N739568" s="10"/>
    </row>
    <row r="739569" spans="14:14">
      <c r="N739569" s="10"/>
    </row>
    <row r="739570" spans="14:14">
      <c r="N739570" s="10"/>
    </row>
    <row r="739571" spans="14:14">
      <c r="N739571" s="10"/>
    </row>
    <row r="739572" spans="14:14">
      <c r="N739572" s="10"/>
    </row>
    <row r="739573" spans="14:14">
      <c r="N739573" s="10"/>
    </row>
    <row r="739574" spans="14:14">
      <c r="N739574" s="10"/>
    </row>
    <row r="739575" spans="14:14">
      <c r="N739575" s="10"/>
    </row>
    <row r="739576" spans="14:14">
      <c r="N739576" s="10"/>
    </row>
    <row r="739577" spans="14:14">
      <c r="N739577" s="10"/>
    </row>
    <row r="739578" spans="14:14">
      <c r="N739578" s="10"/>
    </row>
    <row r="739579" spans="14:14">
      <c r="N739579" s="10"/>
    </row>
    <row r="739580" spans="14:14">
      <c r="N739580" s="10"/>
    </row>
    <row r="739581" spans="14:14">
      <c r="N739581" s="10"/>
    </row>
    <row r="739582" spans="14:14">
      <c r="N739582" s="10"/>
    </row>
    <row r="739583" spans="14:14">
      <c r="N739583" s="10"/>
    </row>
    <row r="739584" spans="14:14">
      <c r="N739584" s="10"/>
    </row>
    <row r="739585" spans="14:14">
      <c r="N739585" s="10"/>
    </row>
    <row r="739586" spans="14:14">
      <c r="N739586" s="10"/>
    </row>
    <row r="739587" spans="14:14">
      <c r="N739587" s="10"/>
    </row>
    <row r="739588" spans="14:14">
      <c r="N739588" s="10"/>
    </row>
    <row r="739589" spans="14:14">
      <c r="N739589" s="10"/>
    </row>
    <row r="739590" spans="14:14">
      <c r="N739590" s="10"/>
    </row>
    <row r="739591" spans="14:14">
      <c r="N739591" s="10"/>
    </row>
    <row r="739592" spans="14:14">
      <c r="N739592" s="10"/>
    </row>
    <row r="739593" spans="14:14">
      <c r="N739593" s="10"/>
    </row>
    <row r="739594" spans="14:14">
      <c r="N739594" s="10"/>
    </row>
    <row r="739595" spans="14:14">
      <c r="N739595" s="10"/>
    </row>
    <row r="739596" spans="14:14">
      <c r="N739596" s="10"/>
    </row>
    <row r="739597" spans="14:14">
      <c r="N739597" s="10"/>
    </row>
    <row r="739598" spans="14:14">
      <c r="N739598" s="10"/>
    </row>
    <row r="739599" spans="14:14">
      <c r="N739599" s="10"/>
    </row>
    <row r="739600" spans="14:14">
      <c r="N739600" s="10"/>
    </row>
    <row r="739601" spans="14:14">
      <c r="N739601" s="10"/>
    </row>
    <row r="739602" spans="14:14">
      <c r="N739602" s="10"/>
    </row>
    <row r="739603" spans="14:14">
      <c r="N739603" s="10"/>
    </row>
    <row r="739604" spans="14:14">
      <c r="N739604" s="10"/>
    </row>
    <row r="739605" spans="14:14">
      <c r="N739605" s="10"/>
    </row>
    <row r="739606" spans="14:14">
      <c r="N739606" s="10"/>
    </row>
    <row r="739607" spans="14:14">
      <c r="N739607" s="10"/>
    </row>
    <row r="739608" spans="14:14">
      <c r="N739608" s="10"/>
    </row>
    <row r="739609" spans="14:14">
      <c r="N739609" s="10"/>
    </row>
    <row r="739610" spans="14:14">
      <c r="N739610" s="10"/>
    </row>
    <row r="739611" spans="14:14">
      <c r="N739611" s="10"/>
    </row>
    <row r="739612" spans="14:14">
      <c r="N739612" s="10"/>
    </row>
    <row r="739613" spans="14:14">
      <c r="N739613" s="10"/>
    </row>
    <row r="739614" spans="14:14">
      <c r="N739614" s="10"/>
    </row>
    <row r="739615" spans="14:14">
      <c r="N739615" s="10"/>
    </row>
    <row r="739616" spans="14:14">
      <c r="N739616" s="10"/>
    </row>
    <row r="739617" spans="14:14">
      <c r="N739617" s="10"/>
    </row>
    <row r="739618" spans="14:14">
      <c r="N739618" s="10"/>
    </row>
    <row r="739619" spans="14:14">
      <c r="N739619" s="10"/>
    </row>
    <row r="739620" spans="14:14">
      <c r="N739620" s="10"/>
    </row>
    <row r="739621" spans="14:14">
      <c r="N739621" s="10"/>
    </row>
    <row r="739622" spans="14:14">
      <c r="N739622" s="10"/>
    </row>
    <row r="739623" spans="14:14">
      <c r="N739623" s="10"/>
    </row>
    <row r="739624" spans="14:14">
      <c r="N739624" s="10"/>
    </row>
    <row r="739625" spans="14:14">
      <c r="N739625" s="10"/>
    </row>
    <row r="739626" spans="14:14">
      <c r="N739626" s="10"/>
    </row>
    <row r="739627" spans="14:14">
      <c r="N739627" s="10"/>
    </row>
    <row r="739628" spans="14:14">
      <c r="N739628" s="10"/>
    </row>
    <row r="739629" spans="14:14">
      <c r="N739629" s="10"/>
    </row>
    <row r="739630" spans="14:14">
      <c r="N739630" s="10"/>
    </row>
    <row r="739631" spans="14:14">
      <c r="N739631" s="10"/>
    </row>
    <row r="739632" spans="14:14">
      <c r="N739632" s="10"/>
    </row>
    <row r="739633" spans="14:14">
      <c r="N739633" s="10"/>
    </row>
    <row r="739634" spans="14:14">
      <c r="N739634" s="10"/>
    </row>
    <row r="739635" spans="14:14">
      <c r="N739635" s="10"/>
    </row>
    <row r="739636" spans="14:14">
      <c r="N739636" s="10"/>
    </row>
    <row r="739637" spans="14:14">
      <c r="N739637" s="10"/>
    </row>
    <row r="739638" spans="14:14">
      <c r="N739638" s="10"/>
    </row>
    <row r="739639" spans="14:14">
      <c r="N739639" s="10"/>
    </row>
    <row r="739640" spans="14:14">
      <c r="N739640" s="10"/>
    </row>
    <row r="739641" spans="14:14">
      <c r="N739641" s="10"/>
    </row>
    <row r="739642" spans="14:14">
      <c r="N739642" s="10"/>
    </row>
    <row r="739643" spans="14:14">
      <c r="N739643" s="10"/>
    </row>
    <row r="739644" spans="14:14">
      <c r="N739644" s="10"/>
    </row>
    <row r="739645" spans="14:14">
      <c r="N739645" s="10"/>
    </row>
    <row r="739646" spans="14:14">
      <c r="N739646" s="10"/>
    </row>
    <row r="739647" spans="14:14">
      <c r="N739647" s="10"/>
    </row>
    <row r="739648" spans="14:14">
      <c r="N739648" s="10"/>
    </row>
    <row r="739649" spans="14:14">
      <c r="N739649" s="10"/>
    </row>
    <row r="739650" spans="14:14">
      <c r="N739650" s="10"/>
    </row>
    <row r="739651" spans="14:14">
      <c r="N739651" s="10"/>
    </row>
    <row r="739652" spans="14:14">
      <c r="N739652" s="10"/>
    </row>
    <row r="739653" spans="14:14">
      <c r="N739653" s="10"/>
    </row>
    <row r="739654" spans="14:14">
      <c r="N739654" s="10"/>
    </row>
    <row r="739655" spans="14:14">
      <c r="N739655" s="10"/>
    </row>
    <row r="739656" spans="14:14">
      <c r="N739656" s="10"/>
    </row>
    <row r="739657" spans="14:14">
      <c r="N739657" s="10"/>
    </row>
    <row r="739658" spans="14:14">
      <c r="N739658" s="10"/>
    </row>
    <row r="739659" spans="14:14">
      <c r="N739659" s="10"/>
    </row>
    <row r="739660" spans="14:14">
      <c r="N739660" s="10"/>
    </row>
    <row r="739661" spans="14:14">
      <c r="N739661" s="10"/>
    </row>
    <row r="739662" spans="14:14">
      <c r="N739662" s="10"/>
    </row>
    <row r="739663" spans="14:14">
      <c r="N739663" s="10"/>
    </row>
    <row r="739664" spans="14:14">
      <c r="N739664" s="10"/>
    </row>
    <row r="739665" spans="14:14">
      <c r="N739665" s="10"/>
    </row>
    <row r="739666" spans="14:14">
      <c r="N739666" s="10"/>
    </row>
    <row r="739667" spans="14:14">
      <c r="N739667" s="10"/>
    </row>
    <row r="739668" spans="14:14">
      <c r="N739668" s="10"/>
    </row>
    <row r="739669" spans="14:14">
      <c r="N739669" s="10"/>
    </row>
    <row r="739670" spans="14:14">
      <c r="N739670" s="10"/>
    </row>
    <row r="739671" spans="14:14">
      <c r="N739671" s="10"/>
    </row>
    <row r="739672" spans="14:14">
      <c r="N739672" s="10"/>
    </row>
    <row r="739673" spans="14:14">
      <c r="N739673" s="10"/>
    </row>
    <row r="739674" spans="14:14">
      <c r="N739674" s="10"/>
    </row>
    <row r="739675" spans="14:14">
      <c r="N739675" s="10"/>
    </row>
    <row r="739676" spans="14:14">
      <c r="N739676" s="10"/>
    </row>
    <row r="739677" spans="14:14">
      <c r="N739677" s="10"/>
    </row>
    <row r="739678" spans="14:14">
      <c r="N739678" s="10"/>
    </row>
    <row r="739679" spans="14:14">
      <c r="N739679" s="10"/>
    </row>
    <row r="739680" spans="14:14">
      <c r="N739680" s="10"/>
    </row>
    <row r="739681" spans="14:14">
      <c r="N739681" s="10"/>
    </row>
    <row r="739682" spans="14:14">
      <c r="N739682" s="10"/>
    </row>
    <row r="739683" spans="14:14">
      <c r="N739683" s="10"/>
    </row>
    <row r="739684" spans="14:14">
      <c r="N739684" s="10"/>
    </row>
    <row r="739685" spans="14:14">
      <c r="N739685" s="10"/>
    </row>
    <row r="739686" spans="14:14">
      <c r="N739686" s="10"/>
    </row>
    <row r="739687" spans="14:14">
      <c r="N739687" s="10"/>
    </row>
    <row r="739688" spans="14:14">
      <c r="N739688" s="10"/>
    </row>
    <row r="739689" spans="14:14">
      <c r="N739689" s="10"/>
    </row>
    <row r="739690" spans="14:14">
      <c r="N739690" s="10"/>
    </row>
    <row r="739691" spans="14:14">
      <c r="N739691" s="10"/>
    </row>
    <row r="739692" spans="14:14">
      <c r="N739692" s="10"/>
    </row>
    <row r="739693" spans="14:14">
      <c r="N739693" s="10"/>
    </row>
    <row r="739694" spans="14:14">
      <c r="N739694" s="10"/>
    </row>
    <row r="739695" spans="14:14">
      <c r="N739695" s="10"/>
    </row>
    <row r="739696" spans="14:14">
      <c r="N739696" s="10"/>
    </row>
    <row r="739697" spans="14:14">
      <c r="N739697" s="10"/>
    </row>
    <row r="739698" spans="14:14">
      <c r="N739698" s="10"/>
    </row>
    <row r="739699" spans="14:14">
      <c r="N739699" s="10"/>
    </row>
    <row r="739700" spans="14:14">
      <c r="N739700" s="10"/>
    </row>
    <row r="739701" spans="14:14">
      <c r="N739701" s="10"/>
    </row>
    <row r="739702" spans="14:14">
      <c r="N739702" s="10"/>
    </row>
    <row r="739703" spans="14:14">
      <c r="N739703" s="10"/>
    </row>
    <row r="739704" spans="14:14">
      <c r="N739704" s="10"/>
    </row>
    <row r="739705" spans="14:14">
      <c r="N739705" s="10"/>
    </row>
    <row r="739706" spans="14:14">
      <c r="N739706" s="10"/>
    </row>
    <row r="739707" spans="14:14">
      <c r="N739707" s="10"/>
    </row>
    <row r="739708" spans="14:14">
      <c r="N739708" s="10"/>
    </row>
    <row r="739709" spans="14:14">
      <c r="N739709" s="10"/>
    </row>
    <row r="739710" spans="14:14">
      <c r="N739710" s="10"/>
    </row>
    <row r="739711" spans="14:14">
      <c r="N739711" s="10"/>
    </row>
    <row r="739712" spans="14:14">
      <c r="N739712" s="10"/>
    </row>
    <row r="739713" spans="14:14">
      <c r="N739713" s="10"/>
    </row>
    <row r="739714" spans="14:14">
      <c r="N739714" s="10"/>
    </row>
    <row r="739715" spans="14:14">
      <c r="N739715" s="10"/>
    </row>
    <row r="739716" spans="14:14">
      <c r="N739716" s="10"/>
    </row>
    <row r="739717" spans="14:14">
      <c r="N739717" s="10"/>
    </row>
    <row r="739718" spans="14:14">
      <c r="N739718" s="10"/>
    </row>
    <row r="739719" spans="14:14">
      <c r="N739719" s="10"/>
    </row>
    <row r="739720" spans="14:14">
      <c r="N739720" s="10"/>
    </row>
    <row r="739721" spans="14:14">
      <c r="N739721" s="10"/>
    </row>
    <row r="739722" spans="14:14">
      <c r="N739722" s="10"/>
    </row>
    <row r="739723" spans="14:14">
      <c r="N739723" s="10"/>
    </row>
    <row r="739724" spans="14:14">
      <c r="N739724" s="10"/>
    </row>
    <row r="739725" spans="14:14">
      <c r="N739725" s="10"/>
    </row>
    <row r="739726" spans="14:14">
      <c r="N739726" s="10"/>
    </row>
    <row r="739727" spans="14:14">
      <c r="N739727" s="10"/>
    </row>
    <row r="739728" spans="14:14">
      <c r="N739728" s="10"/>
    </row>
    <row r="739729" spans="14:14">
      <c r="N739729" s="10"/>
    </row>
    <row r="739730" spans="14:14">
      <c r="N739730" s="10"/>
    </row>
    <row r="739731" spans="14:14">
      <c r="N739731" s="10"/>
    </row>
    <row r="739732" spans="14:14">
      <c r="N739732" s="10"/>
    </row>
    <row r="739733" spans="14:14">
      <c r="N739733" s="10"/>
    </row>
    <row r="739734" spans="14:14">
      <c r="N739734" s="10"/>
    </row>
    <row r="739735" spans="14:14">
      <c r="N739735" s="10"/>
    </row>
    <row r="739736" spans="14:14">
      <c r="N739736" s="10"/>
    </row>
    <row r="739737" spans="14:14">
      <c r="N739737" s="10"/>
    </row>
    <row r="739738" spans="14:14">
      <c r="N739738" s="10"/>
    </row>
    <row r="739739" spans="14:14">
      <c r="N739739" s="10"/>
    </row>
    <row r="739740" spans="14:14">
      <c r="N739740" s="10"/>
    </row>
    <row r="739741" spans="14:14">
      <c r="N739741" s="10"/>
    </row>
    <row r="739742" spans="14:14">
      <c r="N739742" s="10"/>
    </row>
    <row r="739743" spans="14:14">
      <c r="N739743" s="10"/>
    </row>
    <row r="739744" spans="14:14">
      <c r="N739744" s="10"/>
    </row>
    <row r="739745" spans="14:14">
      <c r="N739745" s="10"/>
    </row>
    <row r="739746" spans="14:14">
      <c r="N739746" s="10"/>
    </row>
    <row r="739747" spans="14:14">
      <c r="N739747" s="10"/>
    </row>
    <row r="739748" spans="14:14">
      <c r="N739748" s="10"/>
    </row>
    <row r="739749" spans="14:14">
      <c r="N739749" s="10"/>
    </row>
    <row r="739750" spans="14:14">
      <c r="N739750" s="10"/>
    </row>
    <row r="739751" spans="14:14">
      <c r="N739751" s="10"/>
    </row>
    <row r="739752" spans="14:14">
      <c r="N739752" s="10"/>
    </row>
    <row r="739753" spans="14:14">
      <c r="N739753" s="10"/>
    </row>
    <row r="739754" spans="14:14">
      <c r="N739754" s="10"/>
    </row>
    <row r="739755" spans="14:14">
      <c r="N739755" s="10"/>
    </row>
    <row r="739756" spans="14:14">
      <c r="N739756" s="10"/>
    </row>
    <row r="739757" spans="14:14">
      <c r="N739757" s="10"/>
    </row>
    <row r="739758" spans="14:14">
      <c r="N739758" s="10"/>
    </row>
    <row r="739759" spans="14:14">
      <c r="N739759" s="10"/>
    </row>
    <row r="739760" spans="14:14">
      <c r="N739760" s="10"/>
    </row>
    <row r="739761" spans="14:14">
      <c r="N739761" s="10"/>
    </row>
    <row r="739762" spans="14:14">
      <c r="N739762" s="10"/>
    </row>
    <row r="739763" spans="14:14">
      <c r="N739763" s="10"/>
    </row>
    <row r="739764" spans="14:14">
      <c r="N739764" s="10"/>
    </row>
    <row r="739765" spans="14:14">
      <c r="N739765" s="10"/>
    </row>
    <row r="739766" spans="14:14">
      <c r="N739766" s="10"/>
    </row>
    <row r="739767" spans="14:14">
      <c r="N739767" s="10"/>
    </row>
    <row r="739768" spans="14:14">
      <c r="N739768" s="10"/>
    </row>
    <row r="739769" spans="14:14">
      <c r="N739769" s="10"/>
    </row>
    <row r="739770" spans="14:14">
      <c r="N739770" s="10"/>
    </row>
    <row r="739771" spans="14:14">
      <c r="N739771" s="10"/>
    </row>
    <row r="739772" spans="14:14">
      <c r="N739772" s="10"/>
    </row>
    <row r="739773" spans="14:14">
      <c r="N739773" s="10"/>
    </row>
    <row r="739774" spans="14:14">
      <c r="N739774" s="10"/>
    </row>
    <row r="739775" spans="14:14">
      <c r="N739775" s="10"/>
    </row>
    <row r="739776" spans="14:14">
      <c r="N739776" s="10"/>
    </row>
    <row r="739777" spans="14:14">
      <c r="N739777" s="10"/>
    </row>
    <row r="739778" spans="14:14">
      <c r="N739778" s="10"/>
    </row>
    <row r="739779" spans="14:14">
      <c r="N739779" s="10"/>
    </row>
    <row r="739780" spans="14:14">
      <c r="N739780" s="10"/>
    </row>
    <row r="739781" spans="14:14">
      <c r="N739781" s="10"/>
    </row>
    <row r="739782" spans="14:14">
      <c r="N739782" s="10"/>
    </row>
    <row r="739783" spans="14:14">
      <c r="N739783" s="10"/>
    </row>
    <row r="739784" spans="14:14">
      <c r="N739784" s="10"/>
    </row>
    <row r="739785" spans="14:14">
      <c r="N739785" s="10"/>
    </row>
    <row r="739786" spans="14:14">
      <c r="N739786" s="10"/>
    </row>
    <row r="739787" spans="14:14">
      <c r="N739787" s="10"/>
    </row>
    <row r="739788" spans="14:14">
      <c r="N739788" s="10"/>
    </row>
    <row r="739789" spans="14:14">
      <c r="N739789" s="10"/>
    </row>
    <row r="739790" spans="14:14">
      <c r="N739790" s="10"/>
    </row>
    <row r="739791" spans="14:14">
      <c r="N739791" s="10"/>
    </row>
    <row r="739792" spans="14:14">
      <c r="N739792" s="10"/>
    </row>
    <row r="739793" spans="14:14">
      <c r="N739793" s="10"/>
    </row>
    <row r="739794" spans="14:14">
      <c r="N739794" s="10"/>
    </row>
    <row r="739795" spans="14:14">
      <c r="N739795" s="10"/>
    </row>
    <row r="739796" spans="14:14">
      <c r="N739796" s="10"/>
    </row>
    <row r="739797" spans="14:14">
      <c r="N739797" s="10"/>
    </row>
    <row r="739798" spans="14:14">
      <c r="N739798" s="10"/>
    </row>
    <row r="739799" spans="14:14">
      <c r="N739799" s="10"/>
    </row>
    <row r="739800" spans="14:14">
      <c r="N739800" s="10"/>
    </row>
    <row r="739801" spans="14:14">
      <c r="N739801" s="10"/>
    </row>
    <row r="739802" spans="14:14">
      <c r="N739802" s="10"/>
    </row>
    <row r="739803" spans="14:14">
      <c r="N739803" s="10"/>
    </row>
    <row r="739804" spans="14:14">
      <c r="N739804" s="10"/>
    </row>
    <row r="739805" spans="14:14">
      <c r="N739805" s="10"/>
    </row>
    <row r="739806" spans="14:14">
      <c r="N739806" s="10"/>
    </row>
    <row r="739807" spans="14:14">
      <c r="N739807" s="10"/>
    </row>
    <row r="739808" spans="14:14">
      <c r="N739808" s="10"/>
    </row>
    <row r="739809" spans="14:14">
      <c r="N739809" s="10"/>
    </row>
    <row r="739810" spans="14:14">
      <c r="N739810" s="10"/>
    </row>
    <row r="739811" spans="14:14">
      <c r="N739811" s="10"/>
    </row>
    <row r="739812" spans="14:14">
      <c r="N739812" s="10"/>
    </row>
    <row r="739813" spans="14:14">
      <c r="N739813" s="10"/>
    </row>
    <row r="739814" spans="14:14">
      <c r="N739814" s="10"/>
    </row>
    <row r="739815" spans="14:14">
      <c r="N739815" s="10"/>
    </row>
    <row r="739816" spans="14:14">
      <c r="N739816" s="10"/>
    </row>
    <row r="739817" spans="14:14">
      <c r="N739817" s="10"/>
    </row>
    <row r="739818" spans="14:14">
      <c r="N739818" s="10"/>
    </row>
    <row r="739819" spans="14:14">
      <c r="N739819" s="10"/>
    </row>
    <row r="739820" spans="14:14">
      <c r="N739820" s="10"/>
    </row>
    <row r="739821" spans="14:14">
      <c r="N739821" s="10"/>
    </row>
    <row r="739822" spans="14:14">
      <c r="N739822" s="10"/>
    </row>
    <row r="739823" spans="14:14">
      <c r="N739823" s="10"/>
    </row>
    <row r="739824" spans="14:14">
      <c r="N739824" s="10"/>
    </row>
    <row r="739825" spans="14:14">
      <c r="N739825" s="10"/>
    </row>
    <row r="739826" spans="14:14">
      <c r="N739826" s="10"/>
    </row>
    <row r="739827" spans="14:14">
      <c r="N739827" s="10"/>
    </row>
    <row r="739828" spans="14:14">
      <c r="N739828" s="10"/>
    </row>
    <row r="739829" spans="14:14">
      <c r="N739829" s="10"/>
    </row>
    <row r="739830" spans="14:14">
      <c r="N739830" s="10"/>
    </row>
    <row r="739831" spans="14:14">
      <c r="N739831" s="10"/>
    </row>
    <row r="739832" spans="14:14">
      <c r="N739832" s="10"/>
    </row>
    <row r="739833" spans="14:14">
      <c r="N739833" s="10"/>
    </row>
    <row r="739834" spans="14:14">
      <c r="N739834" s="10"/>
    </row>
    <row r="739835" spans="14:14">
      <c r="N739835" s="10"/>
    </row>
    <row r="739836" spans="14:14">
      <c r="N739836" s="10"/>
    </row>
    <row r="739837" spans="14:14">
      <c r="N739837" s="10"/>
    </row>
    <row r="739838" spans="14:14">
      <c r="N739838" s="10"/>
    </row>
    <row r="739839" spans="14:14">
      <c r="N739839" s="10"/>
    </row>
    <row r="739840" spans="14:14">
      <c r="N739840" s="10"/>
    </row>
    <row r="739841" spans="14:14">
      <c r="N739841" s="10"/>
    </row>
    <row r="739842" spans="14:14">
      <c r="N739842" s="10"/>
    </row>
    <row r="739843" spans="14:14">
      <c r="N739843" s="10"/>
    </row>
    <row r="739844" spans="14:14">
      <c r="N739844" s="10"/>
    </row>
    <row r="739845" spans="14:14">
      <c r="N739845" s="10"/>
    </row>
    <row r="739846" spans="14:14">
      <c r="N739846" s="10"/>
    </row>
    <row r="739847" spans="14:14">
      <c r="N739847" s="10"/>
    </row>
    <row r="739848" spans="14:14">
      <c r="N739848" s="10"/>
    </row>
    <row r="739849" spans="14:14">
      <c r="N739849" s="10"/>
    </row>
    <row r="739850" spans="14:14">
      <c r="N739850" s="10"/>
    </row>
    <row r="739851" spans="14:14">
      <c r="N739851" s="10"/>
    </row>
    <row r="739852" spans="14:14">
      <c r="N739852" s="10"/>
    </row>
    <row r="739853" spans="14:14">
      <c r="N739853" s="10"/>
    </row>
    <row r="739854" spans="14:14">
      <c r="N739854" s="10"/>
    </row>
    <row r="739855" spans="14:14">
      <c r="N739855" s="10"/>
    </row>
    <row r="739856" spans="14:14">
      <c r="N739856" s="10"/>
    </row>
    <row r="739857" spans="14:14">
      <c r="N739857" s="10"/>
    </row>
    <row r="739858" spans="14:14">
      <c r="N739858" s="10"/>
    </row>
    <row r="739859" spans="14:14">
      <c r="N739859" s="10"/>
    </row>
    <row r="739860" spans="14:14">
      <c r="N739860" s="10"/>
    </row>
    <row r="739861" spans="14:14">
      <c r="N739861" s="10"/>
    </row>
    <row r="739862" spans="14:14">
      <c r="N739862" s="10"/>
    </row>
    <row r="739863" spans="14:14">
      <c r="N739863" s="10"/>
    </row>
    <row r="739864" spans="14:14">
      <c r="N739864" s="10"/>
    </row>
    <row r="739865" spans="14:14">
      <c r="N739865" s="10"/>
    </row>
    <row r="739866" spans="14:14">
      <c r="N739866" s="10"/>
    </row>
    <row r="739867" spans="14:14">
      <c r="N739867" s="10"/>
    </row>
    <row r="739868" spans="14:14">
      <c r="N739868" s="10"/>
    </row>
    <row r="739869" spans="14:14">
      <c r="N739869" s="10"/>
    </row>
    <row r="739870" spans="14:14">
      <c r="N739870" s="10"/>
    </row>
    <row r="739871" spans="14:14">
      <c r="N739871" s="10"/>
    </row>
    <row r="739872" spans="14:14">
      <c r="N739872" s="10"/>
    </row>
    <row r="739873" spans="14:14">
      <c r="N739873" s="10"/>
    </row>
    <row r="739874" spans="14:14">
      <c r="N739874" s="10"/>
    </row>
    <row r="739875" spans="14:14">
      <c r="N739875" s="10"/>
    </row>
    <row r="739876" spans="14:14">
      <c r="N739876" s="10"/>
    </row>
    <row r="739877" spans="14:14">
      <c r="N739877" s="10"/>
    </row>
    <row r="739878" spans="14:14">
      <c r="N739878" s="10"/>
    </row>
    <row r="739879" spans="14:14">
      <c r="N739879" s="10"/>
    </row>
    <row r="739880" spans="14:14">
      <c r="N739880" s="10"/>
    </row>
    <row r="739881" spans="14:14">
      <c r="N739881" s="10"/>
    </row>
    <row r="739882" spans="14:14">
      <c r="N739882" s="10"/>
    </row>
    <row r="739883" spans="14:14">
      <c r="N739883" s="10"/>
    </row>
    <row r="739884" spans="14:14">
      <c r="N739884" s="10"/>
    </row>
    <row r="739885" spans="14:14">
      <c r="N739885" s="10"/>
    </row>
    <row r="739886" spans="14:14">
      <c r="N739886" s="10"/>
    </row>
    <row r="739887" spans="14:14">
      <c r="N739887" s="10"/>
    </row>
    <row r="739888" spans="14:14">
      <c r="N739888" s="10"/>
    </row>
    <row r="739889" spans="14:14">
      <c r="N739889" s="10"/>
    </row>
    <row r="739890" spans="14:14">
      <c r="N739890" s="10"/>
    </row>
    <row r="739891" spans="14:14">
      <c r="N739891" s="10"/>
    </row>
    <row r="739892" spans="14:14">
      <c r="N739892" s="10"/>
    </row>
    <row r="739893" spans="14:14">
      <c r="N739893" s="10"/>
    </row>
    <row r="739894" spans="14:14">
      <c r="N739894" s="10"/>
    </row>
    <row r="739895" spans="14:14">
      <c r="N739895" s="10"/>
    </row>
    <row r="739896" spans="14:14">
      <c r="N739896" s="10"/>
    </row>
    <row r="739897" spans="14:14">
      <c r="N739897" s="10"/>
    </row>
    <row r="739898" spans="14:14">
      <c r="N739898" s="10"/>
    </row>
    <row r="739899" spans="14:14">
      <c r="N739899" s="10"/>
    </row>
    <row r="739900" spans="14:14">
      <c r="N739900" s="10"/>
    </row>
    <row r="739901" spans="14:14">
      <c r="N739901" s="10"/>
    </row>
    <row r="739902" spans="14:14">
      <c r="N739902" s="10"/>
    </row>
    <row r="739903" spans="14:14">
      <c r="N739903" s="10"/>
    </row>
    <row r="739904" spans="14:14">
      <c r="N739904" s="10"/>
    </row>
    <row r="739905" spans="14:14">
      <c r="N739905" s="10"/>
    </row>
    <row r="739906" spans="14:14">
      <c r="N739906" s="10"/>
    </row>
    <row r="739907" spans="14:14">
      <c r="N739907" s="10"/>
    </row>
    <row r="739908" spans="14:14">
      <c r="N739908" s="10"/>
    </row>
    <row r="739909" spans="14:14">
      <c r="N739909" s="10"/>
    </row>
    <row r="739910" spans="14:14">
      <c r="N739910" s="10"/>
    </row>
    <row r="739911" spans="14:14">
      <c r="N739911" s="10"/>
    </row>
    <row r="739912" spans="14:14">
      <c r="N739912" s="10"/>
    </row>
    <row r="739913" spans="14:14">
      <c r="N739913" s="10"/>
    </row>
    <row r="739914" spans="14:14">
      <c r="N739914" s="10"/>
    </row>
    <row r="739915" spans="14:14">
      <c r="N739915" s="10"/>
    </row>
    <row r="739916" spans="14:14">
      <c r="N739916" s="10"/>
    </row>
    <row r="739917" spans="14:14">
      <c r="N739917" s="10"/>
    </row>
    <row r="739918" spans="14:14">
      <c r="N739918" s="10"/>
    </row>
    <row r="739919" spans="14:14">
      <c r="N739919" s="10"/>
    </row>
    <row r="739920" spans="14:14">
      <c r="N739920" s="10"/>
    </row>
    <row r="739921" spans="14:14">
      <c r="N739921" s="10"/>
    </row>
    <row r="739922" spans="14:14">
      <c r="N739922" s="10"/>
    </row>
    <row r="739923" spans="14:14">
      <c r="N739923" s="10"/>
    </row>
    <row r="739924" spans="14:14">
      <c r="N739924" s="10"/>
    </row>
    <row r="739925" spans="14:14">
      <c r="N739925" s="10"/>
    </row>
    <row r="739926" spans="14:14">
      <c r="N739926" s="10"/>
    </row>
    <row r="739927" spans="14:14">
      <c r="N739927" s="10"/>
    </row>
    <row r="739928" spans="14:14">
      <c r="N739928" s="10"/>
    </row>
    <row r="739929" spans="14:14">
      <c r="N739929" s="10"/>
    </row>
    <row r="739930" spans="14:14">
      <c r="N739930" s="10"/>
    </row>
    <row r="739931" spans="14:14">
      <c r="N739931" s="10"/>
    </row>
    <row r="739932" spans="14:14">
      <c r="N739932" s="10"/>
    </row>
    <row r="739933" spans="14:14">
      <c r="N739933" s="10"/>
    </row>
    <row r="739934" spans="14:14">
      <c r="N739934" s="10"/>
    </row>
    <row r="739935" spans="14:14">
      <c r="N739935" s="10"/>
    </row>
    <row r="739936" spans="14:14">
      <c r="N739936" s="10"/>
    </row>
    <row r="739937" spans="14:14">
      <c r="N739937" s="10"/>
    </row>
    <row r="739938" spans="14:14">
      <c r="N739938" s="10"/>
    </row>
    <row r="739939" spans="14:14">
      <c r="N739939" s="10"/>
    </row>
    <row r="739940" spans="14:14">
      <c r="N739940" s="10"/>
    </row>
    <row r="739941" spans="14:14">
      <c r="N739941" s="10"/>
    </row>
    <row r="739942" spans="14:14">
      <c r="N739942" s="10"/>
    </row>
    <row r="739943" spans="14:14">
      <c r="N739943" s="10"/>
    </row>
    <row r="739944" spans="14:14">
      <c r="N739944" s="10"/>
    </row>
    <row r="739945" spans="14:14">
      <c r="N739945" s="10"/>
    </row>
    <row r="739946" spans="14:14">
      <c r="N739946" s="10"/>
    </row>
    <row r="739947" spans="14:14">
      <c r="N739947" s="10"/>
    </row>
    <row r="739948" spans="14:14">
      <c r="N739948" s="10"/>
    </row>
    <row r="739949" spans="14:14">
      <c r="N739949" s="10"/>
    </row>
    <row r="739950" spans="14:14">
      <c r="N739950" s="10"/>
    </row>
    <row r="739951" spans="14:14">
      <c r="N739951" s="10"/>
    </row>
    <row r="739952" spans="14:14">
      <c r="N739952" s="10"/>
    </row>
    <row r="739953" spans="14:14">
      <c r="N739953" s="10"/>
    </row>
    <row r="739954" spans="14:14">
      <c r="N739954" s="10"/>
    </row>
    <row r="739955" spans="14:14">
      <c r="N739955" s="10"/>
    </row>
    <row r="739956" spans="14:14">
      <c r="N739956" s="10"/>
    </row>
    <row r="739957" spans="14:14">
      <c r="N739957" s="10"/>
    </row>
    <row r="739958" spans="14:14">
      <c r="N739958" s="10"/>
    </row>
    <row r="739959" spans="14:14">
      <c r="N739959" s="10"/>
    </row>
    <row r="739960" spans="14:14">
      <c r="N739960" s="10"/>
    </row>
    <row r="739961" spans="14:14">
      <c r="N739961" s="10"/>
    </row>
    <row r="739962" spans="14:14">
      <c r="N739962" s="10"/>
    </row>
    <row r="739963" spans="14:14">
      <c r="N739963" s="10"/>
    </row>
    <row r="739964" spans="14:14">
      <c r="N739964" s="10"/>
    </row>
    <row r="739965" spans="14:14">
      <c r="N739965" s="10"/>
    </row>
    <row r="739966" spans="14:14">
      <c r="N739966" s="10"/>
    </row>
    <row r="739967" spans="14:14">
      <c r="N739967" s="10"/>
    </row>
    <row r="739968" spans="14:14">
      <c r="N739968" s="10"/>
    </row>
    <row r="739969" spans="14:14">
      <c r="N739969" s="10"/>
    </row>
    <row r="739970" spans="14:14">
      <c r="N739970" s="10"/>
    </row>
    <row r="739971" spans="14:14">
      <c r="N739971" s="10"/>
    </row>
    <row r="739972" spans="14:14">
      <c r="N739972" s="10"/>
    </row>
    <row r="739973" spans="14:14">
      <c r="N739973" s="10"/>
    </row>
    <row r="739974" spans="14:14">
      <c r="N739974" s="10"/>
    </row>
    <row r="739975" spans="14:14">
      <c r="N739975" s="10"/>
    </row>
    <row r="739976" spans="14:14">
      <c r="N739976" s="10"/>
    </row>
    <row r="739977" spans="14:14">
      <c r="N739977" s="10"/>
    </row>
    <row r="739978" spans="14:14">
      <c r="N739978" s="10"/>
    </row>
    <row r="739979" spans="14:14">
      <c r="N739979" s="10"/>
    </row>
    <row r="739980" spans="14:14">
      <c r="N739980" s="10"/>
    </row>
    <row r="739981" spans="14:14">
      <c r="N739981" s="10"/>
    </row>
    <row r="739982" spans="14:14">
      <c r="N739982" s="10"/>
    </row>
    <row r="739983" spans="14:14">
      <c r="N739983" s="10"/>
    </row>
    <row r="739984" spans="14:14">
      <c r="N739984" s="10"/>
    </row>
    <row r="739985" spans="14:14">
      <c r="N739985" s="10"/>
    </row>
    <row r="739986" spans="14:14">
      <c r="N739986" s="10"/>
    </row>
    <row r="739987" spans="14:14">
      <c r="N739987" s="10"/>
    </row>
    <row r="739988" spans="14:14">
      <c r="N739988" s="10"/>
    </row>
    <row r="739989" spans="14:14">
      <c r="N739989" s="10"/>
    </row>
    <row r="739990" spans="14:14">
      <c r="N739990" s="10"/>
    </row>
    <row r="739991" spans="14:14">
      <c r="N739991" s="10"/>
    </row>
    <row r="739992" spans="14:14">
      <c r="N739992" s="10"/>
    </row>
    <row r="739993" spans="14:14">
      <c r="N739993" s="10"/>
    </row>
    <row r="739994" spans="14:14">
      <c r="N739994" s="10"/>
    </row>
    <row r="739995" spans="14:14">
      <c r="N739995" s="10"/>
    </row>
    <row r="739996" spans="14:14">
      <c r="N739996" s="10"/>
    </row>
    <row r="739997" spans="14:14">
      <c r="N739997" s="10"/>
    </row>
    <row r="739998" spans="14:14">
      <c r="N739998" s="10"/>
    </row>
    <row r="739999" spans="14:14">
      <c r="N739999" s="10"/>
    </row>
    <row r="740000" spans="14:14">
      <c r="N740000" s="10"/>
    </row>
    <row r="740001" spans="14:14">
      <c r="N740001" s="10"/>
    </row>
    <row r="740002" spans="14:14">
      <c r="N740002" s="10"/>
    </row>
    <row r="740003" spans="14:14">
      <c r="N740003" s="10"/>
    </row>
    <row r="740004" spans="14:14">
      <c r="N740004" s="10"/>
    </row>
    <row r="740005" spans="14:14">
      <c r="N740005" s="10"/>
    </row>
    <row r="740006" spans="14:14">
      <c r="N740006" s="10"/>
    </row>
    <row r="740007" spans="14:14">
      <c r="N740007" s="10"/>
    </row>
    <row r="740008" spans="14:14">
      <c r="N740008" s="10"/>
    </row>
    <row r="740009" spans="14:14">
      <c r="N740009" s="10"/>
    </row>
    <row r="740010" spans="14:14">
      <c r="N740010" s="10"/>
    </row>
    <row r="740011" spans="14:14">
      <c r="N740011" s="10"/>
    </row>
    <row r="740012" spans="14:14">
      <c r="N740012" s="10"/>
    </row>
    <row r="740013" spans="14:14">
      <c r="N740013" s="10"/>
    </row>
    <row r="740014" spans="14:14">
      <c r="N740014" s="10"/>
    </row>
    <row r="740015" spans="14:14">
      <c r="N740015" s="10"/>
    </row>
    <row r="740016" spans="14:14">
      <c r="N740016" s="10"/>
    </row>
    <row r="740017" spans="14:14">
      <c r="N740017" s="10"/>
    </row>
    <row r="740018" spans="14:14">
      <c r="N740018" s="10"/>
    </row>
    <row r="740019" spans="14:14">
      <c r="N740019" s="10"/>
    </row>
    <row r="740020" spans="14:14">
      <c r="N740020" s="10"/>
    </row>
    <row r="740021" spans="14:14">
      <c r="N740021" s="10"/>
    </row>
    <row r="740022" spans="14:14">
      <c r="N740022" s="10"/>
    </row>
    <row r="740023" spans="14:14">
      <c r="N740023" s="10"/>
    </row>
    <row r="740024" spans="14:14">
      <c r="N740024" s="10"/>
    </row>
    <row r="740025" spans="14:14">
      <c r="N740025" s="10"/>
    </row>
    <row r="740026" spans="14:14">
      <c r="N740026" s="10"/>
    </row>
    <row r="740027" spans="14:14">
      <c r="N740027" s="10"/>
    </row>
    <row r="740028" spans="14:14">
      <c r="N740028" s="10"/>
    </row>
    <row r="740029" spans="14:14">
      <c r="N740029" s="10"/>
    </row>
    <row r="740030" spans="14:14">
      <c r="N740030" s="10"/>
    </row>
    <row r="740031" spans="14:14">
      <c r="N740031" s="10"/>
    </row>
    <row r="740032" spans="14:14">
      <c r="N740032" s="10"/>
    </row>
    <row r="740033" spans="14:14">
      <c r="N740033" s="10"/>
    </row>
    <row r="740034" spans="14:14">
      <c r="N740034" s="10"/>
    </row>
    <row r="740035" spans="14:14">
      <c r="N740035" s="10"/>
    </row>
    <row r="740036" spans="14:14">
      <c r="N740036" s="10"/>
    </row>
    <row r="740037" spans="14:14">
      <c r="N740037" s="10"/>
    </row>
    <row r="740038" spans="14:14">
      <c r="N740038" s="10"/>
    </row>
    <row r="740039" spans="14:14">
      <c r="N740039" s="10"/>
    </row>
    <row r="740040" spans="14:14">
      <c r="N740040" s="10"/>
    </row>
    <row r="740041" spans="14:14">
      <c r="N740041" s="10"/>
    </row>
    <row r="740042" spans="14:14">
      <c r="N740042" s="10"/>
    </row>
    <row r="740043" spans="14:14">
      <c r="N740043" s="10"/>
    </row>
    <row r="740044" spans="14:14">
      <c r="N740044" s="10"/>
    </row>
    <row r="740045" spans="14:14">
      <c r="N740045" s="10"/>
    </row>
    <row r="740046" spans="14:14">
      <c r="N740046" s="10"/>
    </row>
    <row r="740047" spans="14:14">
      <c r="N740047" s="10"/>
    </row>
    <row r="740048" spans="14:14">
      <c r="N740048" s="10"/>
    </row>
    <row r="740049" spans="14:14">
      <c r="N740049" s="10"/>
    </row>
    <row r="740050" spans="14:14">
      <c r="N740050" s="10"/>
    </row>
    <row r="740051" spans="14:14">
      <c r="N740051" s="10"/>
    </row>
    <row r="740052" spans="14:14">
      <c r="N740052" s="10"/>
    </row>
    <row r="740053" spans="14:14">
      <c r="N740053" s="10"/>
    </row>
    <row r="740054" spans="14:14">
      <c r="N740054" s="10"/>
    </row>
    <row r="740055" spans="14:14">
      <c r="N740055" s="10"/>
    </row>
    <row r="740056" spans="14:14">
      <c r="N740056" s="10"/>
    </row>
    <row r="740057" spans="14:14">
      <c r="N740057" s="10"/>
    </row>
    <row r="740058" spans="14:14">
      <c r="N740058" s="10"/>
    </row>
    <row r="740059" spans="14:14">
      <c r="N740059" s="10"/>
    </row>
    <row r="740060" spans="14:14">
      <c r="N740060" s="10"/>
    </row>
    <row r="740061" spans="14:14">
      <c r="N740061" s="10"/>
    </row>
    <row r="740062" spans="14:14">
      <c r="N740062" s="10"/>
    </row>
    <row r="740063" spans="14:14">
      <c r="N740063" s="10"/>
    </row>
    <row r="740064" spans="14:14">
      <c r="N740064" s="10"/>
    </row>
    <row r="740065" spans="14:14">
      <c r="N740065" s="10"/>
    </row>
    <row r="740066" spans="14:14">
      <c r="N740066" s="10"/>
    </row>
    <row r="740067" spans="14:14">
      <c r="N740067" s="10"/>
    </row>
    <row r="740068" spans="14:14">
      <c r="N740068" s="10"/>
    </row>
    <row r="740069" spans="14:14">
      <c r="N740069" s="10"/>
    </row>
    <row r="740070" spans="14:14">
      <c r="N740070" s="10"/>
    </row>
    <row r="740071" spans="14:14">
      <c r="N740071" s="10"/>
    </row>
    <row r="740072" spans="14:14">
      <c r="N740072" s="10"/>
    </row>
    <row r="740073" spans="14:14">
      <c r="N740073" s="10"/>
    </row>
    <row r="740074" spans="14:14">
      <c r="N740074" s="10"/>
    </row>
    <row r="740075" spans="14:14">
      <c r="N740075" s="10"/>
    </row>
    <row r="740076" spans="14:14">
      <c r="N740076" s="10"/>
    </row>
    <row r="740077" spans="14:14">
      <c r="N740077" s="10"/>
    </row>
    <row r="740078" spans="14:14">
      <c r="N740078" s="10"/>
    </row>
    <row r="740079" spans="14:14">
      <c r="N740079" s="10"/>
    </row>
    <row r="740080" spans="14:14">
      <c r="N740080" s="10"/>
    </row>
    <row r="740081" spans="14:14">
      <c r="N740081" s="10"/>
    </row>
    <row r="740082" spans="14:14">
      <c r="N740082" s="10"/>
    </row>
    <row r="740083" spans="14:14">
      <c r="N740083" s="10"/>
    </row>
    <row r="740084" spans="14:14">
      <c r="N740084" s="10"/>
    </row>
    <row r="740085" spans="14:14">
      <c r="N740085" s="10"/>
    </row>
    <row r="740086" spans="14:14">
      <c r="N740086" s="10"/>
    </row>
    <row r="740087" spans="14:14">
      <c r="N740087" s="10"/>
    </row>
    <row r="740088" spans="14:14">
      <c r="N740088" s="10"/>
    </row>
    <row r="740089" spans="14:14">
      <c r="N740089" s="10"/>
    </row>
    <row r="740090" spans="14:14">
      <c r="N740090" s="10"/>
    </row>
    <row r="740091" spans="14:14">
      <c r="N740091" s="10"/>
    </row>
    <row r="740092" spans="14:14">
      <c r="N740092" s="10"/>
    </row>
    <row r="740093" spans="14:14">
      <c r="N740093" s="10"/>
    </row>
    <row r="740094" spans="14:14">
      <c r="N740094" s="10"/>
    </row>
    <row r="740095" spans="14:14">
      <c r="N740095" s="10"/>
    </row>
    <row r="740096" spans="14:14">
      <c r="N740096" s="10"/>
    </row>
    <row r="740097" spans="14:14">
      <c r="N740097" s="10"/>
    </row>
    <row r="740098" spans="14:14">
      <c r="N740098" s="10"/>
    </row>
    <row r="740099" spans="14:14">
      <c r="N740099" s="10"/>
    </row>
    <row r="740100" spans="14:14">
      <c r="N740100" s="10"/>
    </row>
    <row r="740101" spans="14:14">
      <c r="N740101" s="10"/>
    </row>
    <row r="740102" spans="14:14">
      <c r="N740102" s="10"/>
    </row>
    <row r="740103" spans="14:14">
      <c r="N740103" s="10"/>
    </row>
    <row r="740104" spans="14:14">
      <c r="N740104" s="10"/>
    </row>
    <row r="740105" spans="14:14">
      <c r="N740105" s="10"/>
    </row>
    <row r="740106" spans="14:14">
      <c r="N740106" s="10"/>
    </row>
    <row r="740107" spans="14:14">
      <c r="N740107" s="10"/>
    </row>
    <row r="740108" spans="14:14">
      <c r="N740108" s="10"/>
    </row>
    <row r="740109" spans="14:14">
      <c r="N740109" s="10"/>
    </row>
    <row r="740110" spans="14:14">
      <c r="N740110" s="10"/>
    </row>
    <row r="740111" spans="14:14">
      <c r="N740111" s="10"/>
    </row>
    <row r="740112" spans="14:14">
      <c r="N740112" s="10"/>
    </row>
    <row r="740113" spans="14:14">
      <c r="N740113" s="10"/>
    </row>
    <row r="740114" spans="14:14">
      <c r="N740114" s="10"/>
    </row>
    <row r="740115" spans="14:14">
      <c r="N740115" s="10"/>
    </row>
    <row r="740116" spans="14:14">
      <c r="N740116" s="10"/>
    </row>
    <row r="740117" spans="14:14">
      <c r="N740117" s="10"/>
    </row>
    <row r="740118" spans="14:14">
      <c r="N740118" s="10"/>
    </row>
    <row r="740119" spans="14:14">
      <c r="N740119" s="10"/>
    </row>
    <row r="740120" spans="14:14">
      <c r="N740120" s="10"/>
    </row>
    <row r="740121" spans="14:14">
      <c r="N740121" s="10"/>
    </row>
    <row r="740122" spans="14:14">
      <c r="N740122" s="10"/>
    </row>
    <row r="740123" spans="14:14">
      <c r="N740123" s="10"/>
    </row>
    <row r="740124" spans="14:14">
      <c r="N740124" s="10"/>
    </row>
    <row r="740125" spans="14:14">
      <c r="N740125" s="10"/>
    </row>
    <row r="740126" spans="14:14">
      <c r="N740126" s="10"/>
    </row>
    <row r="740127" spans="14:14">
      <c r="N740127" s="10"/>
    </row>
    <row r="740128" spans="14:14">
      <c r="N740128" s="10"/>
    </row>
    <row r="740129" spans="14:14">
      <c r="N740129" s="10"/>
    </row>
    <row r="740130" spans="14:14">
      <c r="N740130" s="10"/>
    </row>
    <row r="740131" spans="14:14">
      <c r="N740131" s="10"/>
    </row>
    <row r="740132" spans="14:14">
      <c r="N740132" s="10"/>
    </row>
    <row r="740133" spans="14:14">
      <c r="N740133" s="10"/>
    </row>
    <row r="740134" spans="14:14">
      <c r="N740134" s="10"/>
    </row>
    <row r="740135" spans="14:14">
      <c r="N740135" s="10"/>
    </row>
    <row r="740136" spans="14:14">
      <c r="N740136" s="10"/>
    </row>
    <row r="740137" spans="14:14">
      <c r="N740137" s="10"/>
    </row>
    <row r="740138" spans="14:14">
      <c r="N740138" s="10"/>
    </row>
    <row r="740139" spans="14:14">
      <c r="N740139" s="10"/>
    </row>
    <row r="740140" spans="14:14">
      <c r="N740140" s="10"/>
    </row>
    <row r="740141" spans="14:14">
      <c r="N740141" s="10"/>
    </row>
    <row r="740142" spans="14:14">
      <c r="N740142" s="10"/>
    </row>
    <row r="740143" spans="14:14">
      <c r="N740143" s="10"/>
    </row>
    <row r="740144" spans="14:14">
      <c r="N740144" s="10"/>
    </row>
    <row r="740145" spans="14:14">
      <c r="N740145" s="10"/>
    </row>
    <row r="740146" spans="14:14">
      <c r="N740146" s="10"/>
    </row>
    <row r="740147" spans="14:14">
      <c r="N740147" s="10"/>
    </row>
    <row r="740148" spans="14:14">
      <c r="N740148" s="10"/>
    </row>
    <row r="740149" spans="14:14">
      <c r="N740149" s="10"/>
    </row>
    <row r="740150" spans="14:14">
      <c r="N740150" s="10"/>
    </row>
    <row r="740151" spans="14:14">
      <c r="N740151" s="10"/>
    </row>
    <row r="740152" spans="14:14">
      <c r="N740152" s="10"/>
    </row>
    <row r="740153" spans="14:14">
      <c r="N740153" s="10"/>
    </row>
    <row r="740154" spans="14:14">
      <c r="N740154" s="10"/>
    </row>
    <row r="740155" spans="14:14">
      <c r="N740155" s="10"/>
    </row>
    <row r="740156" spans="14:14">
      <c r="N740156" s="10"/>
    </row>
    <row r="740157" spans="14:14">
      <c r="N740157" s="10"/>
    </row>
    <row r="740158" spans="14:14">
      <c r="N740158" s="10"/>
    </row>
    <row r="740159" spans="14:14">
      <c r="N740159" s="10"/>
    </row>
    <row r="740160" spans="14:14">
      <c r="N740160" s="10"/>
    </row>
    <row r="740161" spans="14:14">
      <c r="N740161" s="10"/>
    </row>
    <row r="740162" spans="14:14">
      <c r="N740162" s="10"/>
    </row>
    <row r="740163" spans="14:14">
      <c r="N740163" s="10"/>
    </row>
    <row r="740164" spans="14:14">
      <c r="N740164" s="10"/>
    </row>
    <row r="740165" spans="14:14">
      <c r="N740165" s="10"/>
    </row>
    <row r="740166" spans="14:14">
      <c r="N740166" s="10"/>
    </row>
    <row r="740167" spans="14:14">
      <c r="N740167" s="10"/>
    </row>
    <row r="740168" spans="14:14">
      <c r="N740168" s="10"/>
    </row>
    <row r="740169" spans="14:14">
      <c r="N740169" s="10"/>
    </row>
    <row r="740170" spans="14:14">
      <c r="N740170" s="10"/>
    </row>
    <row r="740171" spans="14:14">
      <c r="N740171" s="10"/>
    </row>
    <row r="740172" spans="14:14">
      <c r="N740172" s="10"/>
    </row>
    <row r="740173" spans="14:14">
      <c r="N740173" s="10"/>
    </row>
    <row r="740174" spans="14:14">
      <c r="N740174" s="10"/>
    </row>
    <row r="740175" spans="14:14">
      <c r="N740175" s="10"/>
    </row>
    <row r="740176" spans="14:14">
      <c r="N740176" s="10"/>
    </row>
    <row r="740177" spans="14:14">
      <c r="N740177" s="10"/>
    </row>
    <row r="740178" spans="14:14">
      <c r="N740178" s="10"/>
    </row>
    <row r="740179" spans="14:14">
      <c r="N740179" s="10"/>
    </row>
    <row r="740180" spans="14:14">
      <c r="N740180" s="10"/>
    </row>
    <row r="740181" spans="14:14">
      <c r="N740181" s="10"/>
    </row>
    <row r="740182" spans="14:14">
      <c r="N740182" s="10"/>
    </row>
    <row r="740183" spans="14:14">
      <c r="N740183" s="10"/>
    </row>
    <row r="740184" spans="14:14">
      <c r="N740184" s="10"/>
    </row>
    <row r="740185" spans="14:14">
      <c r="N740185" s="10"/>
    </row>
    <row r="740186" spans="14:14">
      <c r="N740186" s="10"/>
    </row>
    <row r="740187" spans="14:14">
      <c r="N740187" s="10"/>
    </row>
    <row r="740188" spans="14:14">
      <c r="N740188" s="10"/>
    </row>
    <row r="740189" spans="14:14">
      <c r="N740189" s="10"/>
    </row>
    <row r="740190" spans="14:14">
      <c r="N740190" s="10"/>
    </row>
    <row r="740191" spans="14:14">
      <c r="N740191" s="10"/>
    </row>
    <row r="740192" spans="14:14">
      <c r="N740192" s="10"/>
    </row>
    <row r="740193" spans="14:14">
      <c r="N740193" s="10"/>
    </row>
    <row r="740194" spans="14:14">
      <c r="N740194" s="10"/>
    </row>
    <row r="740195" spans="14:14">
      <c r="N740195" s="10"/>
    </row>
    <row r="740196" spans="14:14">
      <c r="N740196" s="10"/>
    </row>
    <row r="740197" spans="14:14">
      <c r="N740197" s="10"/>
    </row>
    <row r="740198" spans="14:14">
      <c r="N740198" s="10"/>
    </row>
    <row r="740199" spans="14:14">
      <c r="N740199" s="10"/>
    </row>
    <row r="740200" spans="14:14">
      <c r="N740200" s="10"/>
    </row>
    <row r="740201" spans="14:14">
      <c r="N740201" s="10"/>
    </row>
    <row r="740202" spans="14:14">
      <c r="N740202" s="10"/>
    </row>
    <row r="740203" spans="14:14">
      <c r="N740203" s="10"/>
    </row>
    <row r="740204" spans="14:14">
      <c r="N740204" s="10"/>
    </row>
    <row r="740205" spans="14:14">
      <c r="N740205" s="10"/>
    </row>
    <row r="740206" spans="14:14">
      <c r="N740206" s="10"/>
    </row>
    <row r="740207" spans="14:14">
      <c r="N740207" s="10"/>
    </row>
    <row r="740208" spans="14:14">
      <c r="N740208" s="10"/>
    </row>
    <row r="740209" spans="14:14">
      <c r="N740209" s="10"/>
    </row>
    <row r="740210" spans="14:14">
      <c r="N740210" s="10"/>
    </row>
    <row r="740211" spans="14:14">
      <c r="N740211" s="10"/>
    </row>
    <row r="740212" spans="14:14">
      <c r="N740212" s="10"/>
    </row>
    <row r="740213" spans="14:14">
      <c r="N740213" s="10"/>
    </row>
    <row r="740214" spans="14:14">
      <c r="N740214" s="10"/>
    </row>
    <row r="740215" spans="14:14">
      <c r="N740215" s="10"/>
    </row>
    <row r="740216" spans="14:14">
      <c r="N740216" s="10"/>
    </row>
    <row r="740217" spans="14:14">
      <c r="N740217" s="10"/>
    </row>
    <row r="740218" spans="14:14">
      <c r="N740218" s="10"/>
    </row>
    <row r="740219" spans="14:14">
      <c r="N740219" s="10"/>
    </row>
    <row r="740220" spans="14:14">
      <c r="N740220" s="10"/>
    </row>
    <row r="740221" spans="14:14">
      <c r="N740221" s="10"/>
    </row>
    <row r="740222" spans="14:14">
      <c r="N740222" s="10"/>
    </row>
    <row r="740223" spans="14:14">
      <c r="N740223" s="10"/>
    </row>
    <row r="740224" spans="14:14">
      <c r="N740224" s="10"/>
    </row>
    <row r="740225" spans="14:14">
      <c r="N740225" s="10"/>
    </row>
    <row r="740226" spans="14:14">
      <c r="N740226" s="10"/>
    </row>
    <row r="740227" spans="14:14">
      <c r="N740227" s="10"/>
    </row>
    <row r="740228" spans="14:14">
      <c r="N740228" s="10"/>
    </row>
    <row r="740229" spans="14:14">
      <c r="N740229" s="10"/>
    </row>
    <row r="740230" spans="14:14">
      <c r="N740230" s="10"/>
    </row>
    <row r="740231" spans="14:14">
      <c r="N740231" s="10"/>
    </row>
    <row r="740232" spans="14:14">
      <c r="N740232" s="10"/>
    </row>
    <row r="740233" spans="14:14">
      <c r="N740233" s="10"/>
    </row>
    <row r="740234" spans="14:14">
      <c r="N740234" s="10"/>
    </row>
    <row r="740235" spans="14:14">
      <c r="N740235" s="10"/>
    </row>
    <row r="740236" spans="14:14">
      <c r="N740236" s="10"/>
    </row>
    <row r="740237" spans="14:14">
      <c r="N740237" s="10"/>
    </row>
    <row r="740238" spans="14:14">
      <c r="N740238" s="10"/>
    </row>
    <row r="740239" spans="14:14">
      <c r="N740239" s="10"/>
    </row>
    <row r="740240" spans="14:14">
      <c r="N740240" s="10"/>
    </row>
    <row r="740241" spans="14:14">
      <c r="N740241" s="10"/>
    </row>
    <row r="740242" spans="14:14">
      <c r="N740242" s="10"/>
    </row>
    <row r="740243" spans="14:14">
      <c r="N740243" s="10"/>
    </row>
    <row r="740244" spans="14:14">
      <c r="N740244" s="10"/>
    </row>
    <row r="740245" spans="14:14">
      <c r="N740245" s="10"/>
    </row>
    <row r="740246" spans="14:14">
      <c r="N740246" s="10"/>
    </row>
    <row r="740247" spans="14:14">
      <c r="N740247" s="10"/>
    </row>
    <row r="740248" spans="14:14">
      <c r="N740248" s="10"/>
    </row>
    <row r="740249" spans="14:14">
      <c r="N740249" s="10"/>
    </row>
    <row r="740250" spans="14:14">
      <c r="N740250" s="10"/>
    </row>
    <row r="740251" spans="14:14">
      <c r="N740251" s="10"/>
    </row>
    <row r="740252" spans="14:14">
      <c r="N740252" s="10"/>
    </row>
    <row r="740253" spans="14:14">
      <c r="N740253" s="10"/>
    </row>
    <row r="740254" spans="14:14">
      <c r="N740254" s="10"/>
    </row>
    <row r="740255" spans="14:14">
      <c r="N740255" s="10"/>
    </row>
    <row r="740256" spans="14:14">
      <c r="N740256" s="10"/>
    </row>
    <row r="740257" spans="14:14">
      <c r="N740257" s="10"/>
    </row>
    <row r="740258" spans="14:14">
      <c r="N740258" s="10"/>
    </row>
    <row r="740259" spans="14:14">
      <c r="N740259" s="10"/>
    </row>
    <row r="740260" spans="14:14">
      <c r="N740260" s="10"/>
    </row>
    <row r="740261" spans="14:14">
      <c r="N740261" s="10"/>
    </row>
    <row r="740262" spans="14:14">
      <c r="N740262" s="10"/>
    </row>
    <row r="740263" spans="14:14">
      <c r="N740263" s="10"/>
    </row>
    <row r="740264" spans="14:14">
      <c r="N740264" s="10"/>
    </row>
    <row r="740265" spans="14:14">
      <c r="N740265" s="10"/>
    </row>
    <row r="740266" spans="14:14">
      <c r="N740266" s="10"/>
    </row>
    <row r="740267" spans="14:14">
      <c r="N740267" s="10"/>
    </row>
    <row r="740268" spans="14:14">
      <c r="N740268" s="10"/>
    </row>
    <row r="740269" spans="14:14">
      <c r="N740269" s="10"/>
    </row>
    <row r="740270" spans="14:14">
      <c r="N740270" s="10"/>
    </row>
    <row r="740271" spans="14:14">
      <c r="N740271" s="10"/>
    </row>
    <row r="740272" spans="14:14">
      <c r="N740272" s="10"/>
    </row>
    <row r="740273" spans="14:14">
      <c r="N740273" s="10"/>
    </row>
    <row r="740274" spans="14:14">
      <c r="N740274" s="10"/>
    </row>
    <row r="740275" spans="14:14">
      <c r="N740275" s="10"/>
    </row>
    <row r="740276" spans="14:14">
      <c r="N740276" s="10"/>
    </row>
    <row r="740277" spans="14:14">
      <c r="N740277" s="10"/>
    </row>
    <row r="740278" spans="14:14">
      <c r="N740278" s="10"/>
    </row>
    <row r="740279" spans="14:14">
      <c r="N740279" s="10"/>
    </row>
    <row r="740280" spans="14:14">
      <c r="N740280" s="10"/>
    </row>
    <row r="740281" spans="14:14">
      <c r="N740281" s="10"/>
    </row>
    <row r="740282" spans="14:14">
      <c r="N740282" s="10"/>
    </row>
    <row r="740283" spans="14:14">
      <c r="N740283" s="10"/>
    </row>
    <row r="740284" spans="14:14">
      <c r="N740284" s="10"/>
    </row>
    <row r="740285" spans="14:14">
      <c r="N740285" s="10"/>
    </row>
    <row r="740286" spans="14:14">
      <c r="N740286" s="10"/>
    </row>
    <row r="740287" spans="14:14">
      <c r="N740287" s="10"/>
    </row>
    <row r="740288" spans="14:14">
      <c r="N740288" s="10"/>
    </row>
    <row r="740289" spans="14:14">
      <c r="N740289" s="10"/>
    </row>
    <row r="740290" spans="14:14">
      <c r="N740290" s="10"/>
    </row>
    <row r="740291" spans="14:14">
      <c r="N740291" s="10"/>
    </row>
    <row r="740292" spans="14:14">
      <c r="N740292" s="10"/>
    </row>
    <row r="740293" spans="14:14">
      <c r="N740293" s="10"/>
    </row>
    <row r="740294" spans="14:14">
      <c r="N740294" s="10"/>
    </row>
    <row r="740295" spans="14:14">
      <c r="N740295" s="10"/>
    </row>
    <row r="740296" spans="14:14">
      <c r="N740296" s="10"/>
    </row>
    <row r="740297" spans="14:14">
      <c r="N740297" s="10"/>
    </row>
    <row r="740298" spans="14:14">
      <c r="N740298" s="10"/>
    </row>
    <row r="740299" spans="14:14">
      <c r="N740299" s="10"/>
    </row>
    <row r="740300" spans="14:14">
      <c r="N740300" s="10"/>
    </row>
    <row r="740301" spans="14:14">
      <c r="N740301" s="10"/>
    </row>
    <row r="740302" spans="14:14">
      <c r="N740302" s="10"/>
    </row>
    <row r="740303" spans="14:14">
      <c r="N740303" s="10"/>
    </row>
    <row r="740304" spans="14:14">
      <c r="N740304" s="10"/>
    </row>
    <row r="740305" spans="14:14">
      <c r="N740305" s="10"/>
    </row>
    <row r="740306" spans="14:14">
      <c r="N740306" s="10"/>
    </row>
    <row r="740307" spans="14:14">
      <c r="N740307" s="10"/>
    </row>
    <row r="740308" spans="14:14">
      <c r="N740308" s="10"/>
    </row>
    <row r="740309" spans="14:14">
      <c r="N740309" s="10"/>
    </row>
    <row r="740310" spans="14:14">
      <c r="N740310" s="10"/>
    </row>
    <row r="740311" spans="14:14">
      <c r="N740311" s="10"/>
    </row>
    <row r="740312" spans="14:14">
      <c r="N740312" s="10"/>
    </row>
    <row r="740313" spans="14:14">
      <c r="N740313" s="10"/>
    </row>
    <row r="740314" spans="14:14">
      <c r="N740314" s="10"/>
    </row>
    <row r="740315" spans="14:14">
      <c r="N740315" s="10"/>
    </row>
    <row r="740316" spans="14:14">
      <c r="N740316" s="10"/>
    </row>
    <row r="740317" spans="14:14">
      <c r="N740317" s="10"/>
    </row>
    <row r="740318" spans="14:14">
      <c r="N740318" s="10"/>
    </row>
    <row r="740319" spans="14:14">
      <c r="N740319" s="10"/>
    </row>
    <row r="740320" spans="14:14">
      <c r="N740320" s="10"/>
    </row>
    <row r="740321" spans="14:14">
      <c r="N740321" s="10"/>
    </row>
    <row r="740322" spans="14:14">
      <c r="N740322" s="10"/>
    </row>
    <row r="740323" spans="14:14">
      <c r="N740323" s="10"/>
    </row>
    <row r="740324" spans="14:14">
      <c r="N740324" s="10"/>
    </row>
    <row r="740325" spans="14:14">
      <c r="N740325" s="10"/>
    </row>
    <row r="740326" spans="14:14">
      <c r="N740326" s="10"/>
    </row>
    <row r="740327" spans="14:14">
      <c r="N740327" s="10"/>
    </row>
    <row r="740328" spans="14:14">
      <c r="N740328" s="10"/>
    </row>
    <row r="740329" spans="14:14">
      <c r="N740329" s="10"/>
    </row>
    <row r="740330" spans="14:14">
      <c r="N740330" s="10"/>
    </row>
    <row r="740331" spans="14:14">
      <c r="N740331" s="10"/>
    </row>
    <row r="740332" spans="14:14">
      <c r="N740332" s="10"/>
    </row>
    <row r="740333" spans="14:14">
      <c r="N740333" s="10"/>
    </row>
    <row r="740334" spans="14:14">
      <c r="N740334" s="10"/>
    </row>
    <row r="740335" spans="14:14">
      <c r="N740335" s="10"/>
    </row>
    <row r="740336" spans="14:14">
      <c r="N740336" s="10"/>
    </row>
    <row r="740337" spans="14:14">
      <c r="N740337" s="10"/>
    </row>
    <row r="740338" spans="14:14">
      <c r="N740338" s="10"/>
    </row>
    <row r="740339" spans="14:14">
      <c r="N740339" s="10"/>
    </row>
    <row r="740340" spans="14:14">
      <c r="N740340" s="10"/>
    </row>
    <row r="740341" spans="14:14">
      <c r="N740341" s="10"/>
    </row>
    <row r="740342" spans="14:14">
      <c r="N740342" s="10"/>
    </row>
    <row r="740343" spans="14:14">
      <c r="N740343" s="10"/>
    </row>
    <row r="740344" spans="14:14">
      <c r="N740344" s="10"/>
    </row>
    <row r="740345" spans="14:14">
      <c r="N740345" s="10"/>
    </row>
    <row r="740346" spans="14:14">
      <c r="N740346" s="10"/>
    </row>
    <row r="740347" spans="14:14">
      <c r="N740347" s="10"/>
    </row>
    <row r="740348" spans="14:14">
      <c r="N740348" s="10"/>
    </row>
    <row r="740349" spans="14:14">
      <c r="N740349" s="10"/>
    </row>
    <row r="740350" spans="14:14">
      <c r="N740350" s="10"/>
    </row>
    <row r="740351" spans="14:14">
      <c r="N740351" s="10"/>
    </row>
    <row r="740352" spans="14:14">
      <c r="N740352" s="10"/>
    </row>
    <row r="740353" spans="14:14">
      <c r="N740353" s="10"/>
    </row>
    <row r="740354" spans="14:14">
      <c r="N740354" s="10"/>
    </row>
    <row r="740355" spans="14:14">
      <c r="N740355" s="10"/>
    </row>
    <row r="740356" spans="14:14">
      <c r="N740356" s="10"/>
    </row>
    <row r="740357" spans="14:14">
      <c r="N740357" s="10"/>
    </row>
    <row r="740358" spans="14:14">
      <c r="N740358" s="10"/>
    </row>
    <row r="740359" spans="14:14">
      <c r="N740359" s="10"/>
    </row>
    <row r="740360" spans="14:14">
      <c r="N740360" s="10"/>
    </row>
    <row r="740361" spans="14:14">
      <c r="N740361" s="10"/>
    </row>
    <row r="740362" spans="14:14">
      <c r="N740362" s="10"/>
    </row>
    <row r="740363" spans="14:14">
      <c r="N740363" s="10"/>
    </row>
    <row r="740364" spans="14:14">
      <c r="N740364" s="10"/>
    </row>
    <row r="740365" spans="14:14">
      <c r="N740365" s="10"/>
    </row>
    <row r="740366" spans="14:14">
      <c r="N740366" s="10"/>
    </row>
    <row r="740367" spans="14:14">
      <c r="N740367" s="10"/>
    </row>
    <row r="740368" spans="14:14">
      <c r="N740368" s="10"/>
    </row>
    <row r="740369" spans="14:14">
      <c r="N740369" s="10"/>
    </row>
    <row r="740370" spans="14:14">
      <c r="N740370" s="10"/>
    </row>
    <row r="740371" spans="14:14">
      <c r="N740371" s="10"/>
    </row>
    <row r="740372" spans="14:14">
      <c r="N740372" s="10"/>
    </row>
    <row r="740373" spans="14:14">
      <c r="N740373" s="10"/>
    </row>
    <row r="740374" spans="14:14">
      <c r="N740374" s="10"/>
    </row>
    <row r="740375" spans="14:14">
      <c r="N740375" s="10"/>
    </row>
    <row r="740376" spans="14:14">
      <c r="N740376" s="10"/>
    </row>
    <row r="740377" spans="14:14">
      <c r="N740377" s="10"/>
    </row>
    <row r="740378" spans="14:14">
      <c r="N740378" s="10"/>
    </row>
    <row r="740379" spans="14:14">
      <c r="N740379" s="10"/>
    </row>
    <row r="740380" spans="14:14">
      <c r="N740380" s="10"/>
    </row>
    <row r="740381" spans="14:14">
      <c r="N740381" s="10"/>
    </row>
    <row r="740382" spans="14:14">
      <c r="N740382" s="10"/>
    </row>
    <row r="740383" spans="14:14">
      <c r="N740383" s="10"/>
    </row>
    <row r="740384" spans="14:14">
      <c r="N740384" s="10"/>
    </row>
    <row r="740385" spans="14:14">
      <c r="N740385" s="10"/>
    </row>
    <row r="740386" spans="14:14">
      <c r="N740386" s="10"/>
    </row>
    <row r="740387" spans="14:14">
      <c r="N740387" s="10"/>
    </row>
    <row r="740388" spans="14:14">
      <c r="N740388" s="10"/>
    </row>
    <row r="740389" spans="14:14">
      <c r="N740389" s="10"/>
    </row>
    <row r="740390" spans="14:14">
      <c r="N740390" s="10"/>
    </row>
    <row r="740391" spans="14:14">
      <c r="N740391" s="10"/>
    </row>
    <row r="740392" spans="14:14">
      <c r="N740392" s="10"/>
    </row>
    <row r="740393" spans="14:14">
      <c r="N740393" s="10"/>
    </row>
    <row r="740394" spans="14:14">
      <c r="N740394" s="10"/>
    </row>
    <row r="740395" spans="14:14">
      <c r="N740395" s="10"/>
    </row>
    <row r="740396" spans="14:14">
      <c r="N740396" s="10"/>
    </row>
    <row r="740397" spans="14:14">
      <c r="N740397" s="10"/>
    </row>
    <row r="740398" spans="14:14">
      <c r="N740398" s="10"/>
    </row>
    <row r="740399" spans="14:14">
      <c r="N740399" s="10"/>
    </row>
    <row r="740400" spans="14:14">
      <c r="N740400" s="10"/>
    </row>
    <row r="740401" spans="14:14">
      <c r="N740401" s="10"/>
    </row>
    <row r="740402" spans="14:14">
      <c r="N740402" s="10"/>
    </row>
    <row r="740403" spans="14:14">
      <c r="N740403" s="10"/>
    </row>
    <row r="740404" spans="14:14">
      <c r="N740404" s="10"/>
    </row>
    <row r="740405" spans="14:14">
      <c r="N740405" s="10"/>
    </row>
    <row r="740406" spans="14:14">
      <c r="N740406" s="10"/>
    </row>
    <row r="740407" spans="14:14">
      <c r="N740407" s="10"/>
    </row>
    <row r="740408" spans="14:14">
      <c r="N740408" s="10"/>
    </row>
    <row r="740409" spans="14:14">
      <c r="N740409" s="10"/>
    </row>
    <row r="740410" spans="14:14">
      <c r="N740410" s="10"/>
    </row>
    <row r="740411" spans="14:14">
      <c r="N740411" s="10"/>
    </row>
    <row r="740412" spans="14:14">
      <c r="N740412" s="10"/>
    </row>
    <row r="740413" spans="14:14">
      <c r="N740413" s="10"/>
    </row>
    <row r="740414" spans="14:14">
      <c r="N740414" s="10"/>
    </row>
    <row r="740415" spans="14:14">
      <c r="N740415" s="10"/>
    </row>
    <row r="740416" spans="14:14">
      <c r="N740416" s="10"/>
    </row>
    <row r="740417" spans="14:14">
      <c r="N740417" s="10"/>
    </row>
    <row r="740418" spans="14:14">
      <c r="N740418" s="10"/>
    </row>
    <row r="740419" spans="14:14">
      <c r="N740419" s="10"/>
    </row>
    <row r="740420" spans="14:14">
      <c r="N740420" s="10"/>
    </row>
    <row r="740421" spans="14:14">
      <c r="N740421" s="10"/>
    </row>
    <row r="740422" spans="14:14">
      <c r="N740422" s="10"/>
    </row>
    <row r="740423" spans="14:14">
      <c r="N740423" s="10"/>
    </row>
    <row r="740424" spans="14:14">
      <c r="N740424" s="10"/>
    </row>
    <row r="740425" spans="14:14">
      <c r="N740425" s="10"/>
    </row>
    <row r="740426" spans="14:14">
      <c r="N740426" s="10"/>
    </row>
    <row r="740427" spans="14:14">
      <c r="N740427" s="10"/>
    </row>
    <row r="740428" spans="14:14">
      <c r="N740428" s="10"/>
    </row>
    <row r="740429" spans="14:14">
      <c r="N740429" s="10"/>
    </row>
    <row r="740430" spans="14:14">
      <c r="N740430" s="10"/>
    </row>
    <row r="740431" spans="14:14">
      <c r="N740431" s="10"/>
    </row>
    <row r="740432" spans="14:14">
      <c r="N740432" s="10"/>
    </row>
    <row r="740433" spans="14:14">
      <c r="N740433" s="10"/>
    </row>
    <row r="740434" spans="14:14">
      <c r="N740434" s="10"/>
    </row>
    <row r="740435" spans="14:14">
      <c r="N740435" s="10"/>
    </row>
    <row r="740436" spans="14:14">
      <c r="N740436" s="10"/>
    </row>
    <row r="740437" spans="14:14">
      <c r="N740437" s="10"/>
    </row>
    <row r="740438" spans="14:14">
      <c r="N740438" s="10"/>
    </row>
    <row r="740439" spans="14:14">
      <c r="N740439" s="10"/>
    </row>
    <row r="740440" spans="14:14">
      <c r="N740440" s="10"/>
    </row>
    <row r="740441" spans="14:14">
      <c r="N740441" s="10"/>
    </row>
    <row r="740442" spans="14:14">
      <c r="N740442" s="10"/>
    </row>
    <row r="740443" spans="14:14">
      <c r="N740443" s="10"/>
    </row>
    <row r="740444" spans="14:14">
      <c r="N740444" s="10"/>
    </row>
    <row r="740445" spans="14:14">
      <c r="N740445" s="10"/>
    </row>
    <row r="740446" spans="14:14">
      <c r="N740446" s="10"/>
    </row>
    <row r="740447" spans="14:14">
      <c r="N740447" s="10"/>
    </row>
    <row r="740448" spans="14:14">
      <c r="N740448" s="10"/>
    </row>
    <row r="740449" spans="14:14">
      <c r="N740449" s="10"/>
    </row>
    <row r="740450" spans="14:14">
      <c r="N740450" s="10"/>
    </row>
    <row r="740451" spans="14:14">
      <c r="N740451" s="10"/>
    </row>
    <row r="740452" spans="14:14">
      <c r="N740452" s="10"/>
    </row>
    <row r="740453" spans="14:14">
      <c r="N740453" s="10"/>
    </row>
    <row r="740454" spans="14:14">
      <c r="N740454" s="10"/>
    </row>
    <row r="740455" spans="14:14">
      <c r="N740455" s="10"/>
    </row>
    <row r="740456" spans="14:14">
      <c r="N740456" s="10"/>
    </row>
    <row r="740457" spans="14:14">
      <c r="N740457" s="10"/>
    </row>
    <row r="740458" spans="14:14">
      <c r="N740458" s="10"/>
    </row>
    <row r="740459" spans="14:14">
      <c r="N740459" s="10"/>
    </row>
    <row r="740460" spans="14:14">
      <c r="N740460" s="10"/>
    </row>
    <row r="740461" spans="14:14">
      <c r="N740461" s="10"/>
    </row>
    <row r="740462" spans="14:14">
      <c r="N740462" s="10"/>
    </row>
    <row r="740463" spans="14:14">
      <c r="N740463" s="10"/>
    </row>
    <row r="740464" spans="14:14">
      <c r="N740464" s="10"/>
    </row>
    <row r="740465" spans="14:14">
      <c r="N740465" s="10"/>
    </row>
    <row r="740466" spans="14:14">
      <c r="N740466" s="10"/>
    </row>
    <row r="740467" spans="14:14">
      <c r="N740467" s="10"/>
    </row>
    <row r="740468" spans="14:14">
      <c r="N740468" s="10"/>
    </row>
    <row r="740469" spans="14:14">
      <c r="N740469" s="10"/>
    </row>
    <row r="740470" spans="14:14">
      <c r="N740470" s="10"/>
    </row>
    <row r="740471" spans="14:14">
      <c r="N740471" s="10"/>
    </row>
    <row r="740472" spans="14:14">
      <c r="N740472" s="10"/>
    </row>
    <row r="740473" spans="14:14">
      <c r="N740473" s="10"/>
    </row>
    <row r="740474" spans="14:14">
      <c r="N740474" s="10"/>
    </row>
    <row r="740475" spans="14:14">
      <c r="N740475" s="10"/>
    </row>
    <row r="740476" spans="14:14">
      <c r="N740476" s="10"/>
    </row>
    <row r="740477" spans="14:14">
      <c r="N740477" s="10"/>
    </row>
    <row r="740478" spans="14:14">
      <c r="N740478" s="10"/>
    </row>
    <row r="740479" spans="14:14">
      <c r="N740479" s="10"/>
    </row>
    <row r="740480" spans="14:14">
      <c r="N740480" s="10"/>
    </row>
    <row r="740481" spans="14:14">
      <c r="N740481" s="10"/>
    </row>
    <row r="740482" spans="14:14">
      <c r="N740482" s="10"/>
    </row>
    <row r="740483" spans="14:14">
      <c r="N740483" s="10"/>
    </row>
    <row r="740484" spans="14:14">
      <c r="N740484" s="10"/>
    </row>
    <row r="740485" spans="14:14">
      <c r="N740485" s="10"/>
    </row>
    <row r="740486" spans="14:14">
      <c r="N740486" s="10"/>
    </row>
    <row r="740487" spans="14:14">
      <c r="N740487" s="10"/>
    </row>
    <row r="740488" spans="14:14">
      <c r="N740488" s="10"/>
    </row>
    <row r="740489" spans="14:14">
      <c r="N740489" s="10"/>
    </row>
    <row r="740490" spans="14:14">
      <c r="N740490" s="10"/>
    </row>
    <row r="740491" spans="14:14">
      <c r="N740491" s="10"/>
    </row>
    <row r="740492" spans="14:14">
      <c r="N740492" s="10"/>
    </row>
    <row r="740493" spans="14:14">
      <c r="N740493" s="10"/>
    </row>
    <row r="740494" spans="14:14">
      <c r="N740494" s="10"/>
    </row>
    <row r="740495" spans="14:14">
      <c r="N740495" s="10"/>
    </row>
    <row r="740496" spans="14:14">
      <c r="N740496" s="10"/>
    </row>
    <row r="740497" spans="14:14">
      <c r="N740497" s="10"/>
    </row>
    <row r="740498" spans="14:14">
      <c r="N740498" s="10"/>
    </row>
    <row r="740499" spans="14:14">
      <c r="N740499" s="10"/>
    </row>
    <row r="740500" spans="14:14">
      <c r="N740500" s="10"/>
    </row>
    <row r="740501" spans="14:14">
      <c r="N740501" s="10"/>
    </row>
    <row r="740502" spans="14:14">
      <c r="N740502" s="10"/>
    </row>
    <row r="740503" spans="14:14">
      <c r="N740503" s="10"/>
    </row>
    <row r="740504" spans="14:14">
      <c r="N740504" s="10"/>
    </row>
    <row r="740505" spans="14:14">
      <c r="N740505" s="10"/>
    </row>
    <row r="740506" spans="14:14">
      <c r="N740506" s="10"/>
    </row>
    <row r="740507" spans="14:14">
      <c r="N740507" s="10"/>
    </row>
    <row r="740508" spans="14:14">
      <c r="N740508" s="10"/>
    </row>
    <row r="740509" spans="14:14">
      <c r="N740509" s="10"/>
    </row>
    <row r="740510" spans="14:14">
      <c r="N740510" s="10"/>
    </row>
    <row r="740511" spans="14:14">
      <c r="N740511" s="10"/>
    </row>
    <row r="740512" spans="14:14">
      <c r="N740512" s="10"/>
    </row>
    <row r="740513" spans="14:14">
      <c r="N740513" s="10"/>
    </row>
    <row r="740514" spans="14:14">
      <c r="N740514" s="10"/>
    </row>
    <row r="740515" spans="14:14">
      <c r="N740515" s="10"/>
    </row>
    <row r="740516" spans="14:14">
      <c r="N740516" s="10"/>
    </row>
    <row r="740517" spans="14:14">
      <c r="N740517" s="10"/>
    </row>
    <row r="740518" spans="14:14">
      <c r="N740518" s="10"/>
    </row>
    <row r="740519" spans="14:14">
      <c r="N740519" s="10"/>
    </row>
    <row r="740520" spans="14:14">
      <c r="N740520" s="10"/>
    </row>
    <row r="740521" spans="14:14">
      <c r="N740521" s="10"/>
    </row>
    <row r="740522" spans="14:14">
      <c r="N740522" s="10"/>
    </row>
    <row r="740523" spans="14:14">
      <c r="N740523" s="10"/>
    </row>
    <row r="740524" spans="14:14">
      <c r="N740524" s="10"/>
    </row>
    <row r="740525" spans="14:14">
      <c r="N740525" s="10"/>
    </row>
    <row r="740526" spans="14:14">
      <c r="N740526" s="10"/>
    </row>
    <row r="740527" spans="14:14">
      <c r="N740527" s="10"/>
    </row>
    <row r="740528" spans="14:14">
      <c r="N740528" s="10"/>
    </row>
    <row r="740529" spans="14:14">
      <c r="N740529" s="10"/>
    </row>
    <row r="740530" spans="14:14">
      <c r="N740530" s="10"/>
    </row>
    <row r="740531" spans="14:14">
      <c r="N740531" s="10"/>
    </row>
    <row r="740532" spans="14:14">
      <c r="N740532" s="10"/>
    </row>
    <row r="740533" spans="14:14">
      <c r="N740533" s="10"/>
    </row>
    <row r="740534" spans="14:14">
      <c r="N740534" s="10"/>
    </row>
    <row r="740535" spans="14:14">
      <c r="N740535" s="10"/>
    </row>
    <row r="740536" spans="14:14">
      <c r="N740536" s="10"/>
    </row>
    <row r="740537" spans="14:14">
      <c r="N740537" s="10"/>
    </row>
    <row r="740538" spans="14:14">
      <c r="N740538" s="10"/>
    </row>
    <row r="740539" spans="14:14">
      <c r="N740539" s="10"/>
    </row>
    <row r="740540" spans="14:14">
      <c r="N740540" s="10"/>
    </row>
    <row r="740541" spans="14:14">
      <c r="N740541" s="10"/>
    </row>
    <row r="740542" spans="14:14">
      <c r="N740542" s="10"/>
    </row>
    <row r="740543" spans="14:14">
      <c r="N740543" s="10"/>
    </row>
    <row r="740544" spans="14:14">
      <c r="N740544" s="10"/>
    </row>
    <row r="740545" spans="14:14">
      <c r="N740545" s="10"/>
    </row>
    <row r="740546" spans="14:14">
      <c r="N740546" s="10"/>
    </row>
    <row r="740547" spans="14:14">
      <c r="N740547" s="10"/>
    </row>
    <row r="740548" spans="14:14">
      <c r="N740548" s="10"/>
    </row>
    <row r="740549" spans="14:14">
      <c r="N740549" s="10"/>
    </row>
    <row r="740550" spans="14:14">
      <c r="N740550" s="10"/>
    </row>
    <row r="740551" spans="14:14">
      <c r="N740551" s="10"/>
    </row>
    <row r="740552" spans="14:14">
      <c r="N740552" s="10"/>
    </row>
    <row r="740553" spans="14:14">
      <c r="N740553" s="10"/>
    </row>
    <row r="740554" spans="14:14">
      <c r="N740554" s="10"/>
    </row>
    <row r="740555" spans="14:14">
      <c r="N740555" s="10"/>
    </row>
    <row r="740556" spans="14:14">
      <c r="N740556" s="10"/>
    </row>
    <row r="740557" spans="14:14">
      <c r="N740557" s="10"/>
    </row>
    <row r="740558" spans="14:14">
      <c r="N740558" s="10"/>
    </row>
    <row r="740559" spans="14:14">
      <c r="N740559" s="10"/>
    </row>
    <row r="740560" spans="14:14">
      <c r="N740560" s="10"/>
    </row>
    <row r="740561" spans="14:14">
      <c r="N740561" s="10"/>
    </row>
    <row r="740562" spans="14:14">
      <c r="N740562" s="10"/>
    </row>
    <row r="740563" spans="14:14">
      <c r="N740563" s="10"/>
    </row>
    <row r="740564" spans="14:14">
      <c r="N740564" s="10"/>
    </row>
    <row r="740565" spans="14:14">
      <c r="N740565" s="10"/>
    </row>
    <row r="740566" spans="14:14">
      <c r="N740566" s="10"/>
    </row>
    <row r="740567" spans="14:14">
      <c r="N740567" s="10"/>
    </row>
    <row r="740568" spans="14:14">
      <c r="N740568" s="10"/>
    </row>
    <row r="740569" spans="14:14">
      <c r="N740569" s="10"/>
    </row>
    <row r="740570" spans="14:14">
      <c r="N740570" s="10"/>
    </row>
    <row r="740571" spans="14:14">
      <c r="N740571" s="10"/>
    </row>
    <row r="740572" spans="14:14">
      <c r="N740572" s="10"/>
    </row>
    <row r="740573" spans="14:14">
      <c r="N740573" s="10"/>
    </row>
    <row r="740574" spans="14:14">
      <c r="N740574" s="10"/>
    </row>
    <row r="740575" spans="14:14">
      <c r="N740575" s="10"/>
    </row>
    <row r="740576" spans="14:14">
      <c r="N740576" s="10"/>
    </row>
    <row r="740577" spans="14:14">
      <c r="N740577" s="10"/>
    </row>
    <row r="740578" spans="14:14">
      <c r="N740578" s="10"/>
    </row>
    <row r="740579" spans="14:14">
      <c r="N740579" s="10"/>
    </row>
    <row r="740580" spans="14:14">
      <c r="N740580" s="10"/>
    </row>
    <row r="740581" spans="14:14">
      <c r="N740581" s="10"/>
    </row>
    <row r="740582" spans="14:14">
      <c r="N740582" s="10"/>
    </row>
    <row r="740583" spans="14:14">
      <c r="N740583" s="10"/>
    </row>
    <row r="740584" spans="14:14">
      <c r="N740584" s="10"/>
    </row>
    <row r="740585" spans="14:14">
      <c r="N740585" s="10"/>
    </row>
    <row r="740586" spans="14:14">
      <c r="N740586" s="10"/>
    </row>
    <row r="740587" spans="14:14">
      <c r="N740587" s="10"/>
    </row>
    <row r="740588" spans="14:14">
      <c r="N740588" s="10"/>
    </row>
    <row r="740589" spans="14:14">
      <c r="N740589" s="10"/>
    </row>
    <row r="740590" spans="14:14">
      <c r="N740590" s="10"/>
    </row>
    <row r="740591" spans="14:14">
      <c r="N740591" s="10"/>
    </row>
    <row r="740592" spans="14:14">
      <c r="N740592" s="10"/>
    </row>
    <row r="740593" spans="14:14">
      <c r="N740593" s="10"/>
    </row>
    <row r="740594" spans="14:14">
      <c r="N740594" s="10"/>
    </row>
    <row r="740595" spans="14:14">
      <c r="N740595" s="10"/>
    </row>
    <row r="740596" spans="14:14">
      <c r="N740596" s="10"/>
    </row>
    <row r="740597" spans="14:14">
      <c r="N740597" s="10"/>
    </row>
    <row r="740598" spans="14:14">
      <c r="N740598" s="10"/>
    </row>
    <row r="740599" spans="14:14">
      <c r="N740599" s="10"/>
    </row>
    <row r="740600" spans="14:14">
      <c r="N740600" s="10"/>
    </row>
    <row r="740601" spans="14:14">
      <c r="N740601" s="10"/>
    </row>
    <row r="740602" spans="14:14">
      <c r="N740602" s="10"/>
    </row>
    <row r="740603" spans="14:14">
      <c r="N740603" s="10"/>
    </row>
    <row r="740604" spans="14:14">
      <c r="N740604" s="10"/>
    </row>
    <row r="740605" spans="14:14">
      <c r="N740605" s="10"/>
    </row>
    <row r="740606" spans="14:14">
      <c r="N740606" s="10"/>
    </row>
    <row r="740607" spans="14:14">
      <c r="N740607" s="10"/>
    </row>
    <row r="740608" spans="14:14">
      <c r="N740608" s="10"/>
    </row>
    <row r="740609" spans="14:14">
      <c r="N740609" s="10"/>
    </row>
    <row r="740610" spans="14:14">
      <c r="N740610" s="10"/>
    </row>
    <row r="740611" spans="14:14">
      <c r="N740611" s="10"/>
    </row>
    <row r="740612" spans="14:14">
      <c r="N740612" s="10"/>
    </row>
    <row r="740613" spans="14:14">
      <c r="N740613" s="10"/>
    </row>
    <row r="740614" spans="14:14">
      <c r="N740614" s="10"/>
    </row>
    <row r="740615" spans="14:14">
      <c r="N740615" s="10"/>
    </row>
    <row r="740616" spans="14:14">
      <c r="N740616" s="10"/>
    </row>
    <row r="740617" spans="14:14">
      <c r="N740617" s="10"/>
    </row>
    <row r="740618" spans="14:14">
      <c r="N740618" s="10"/>
    </row>
    <row r="740619" spans="14:14">
      <c r="N740619" s="10"/>
    </row>
    <row r="740620" spans="14:14">
      <c r="N740620" s="10"/>
    </row>
    <row r="740621" spans="14:14">
      <c r="N740621" s="10"/>
    </row>
    <row r="740622" spans="14:14">
      <c r="N740622" s="10"/>
    </row>
    <row r="740623" spans="14:14">
      <c r="N740623" s="10"/>
    </row>
    <row r="740624" spans="14:14">
      <c r="N740624" s="10"/>
    </row>
    <row r="740625" spans="14:14">
      <c r="N740625" s="10"/>
    </row>
    <row r="740626" spans="14:14">
      <c r="N740626" s="10"/>
    </row>
    <row r="740627" spans="14:14">
      <c r="N740627" s="10"/>
    </row>
    <row r="740628" spans="14:14">
      <c r="N740628" s="10"/>
    </row>
    <row r="740629" spans="14:14">
      <c r="N740629" s="10"/>
    </row>
    <row r="740630" spans="14:14">
      <c r="N740630" s="10"/>
    </row>
    <row r="740631" spans="14:14">
      <c r="N740631" s="10"/>
    </row>
    <row r="740632" spans="14:14">
      <c r="N740632" s="10"/>
    </row>
    <row r="740633" spans="14:14">
      <c r="N740633" s="10"/>
    </row>
    <row r="740634" spans="14:14">
      <c r="N740634" s="10"/>
    </row>
    <row r="740635" spans="14:14">
      <c r="N740635" s="10"/>
    </row>
    <row r="740636" spans="14:14">
      <c r="N740636" s="10"/>
    </row>
    <row r="740637" spans="14:14">
      <c r="N740637" s="10"/>
    </row>
    <row r="740638" spans="14:14">
      <c r="N740638" s="10"/>
    </row>
    <row r="740639" spans="14:14">
      <c r="N740639" s="10"/>
    </row>
    <row r="740640" spans="14:14">
      <c r="N740640" s="10"/>
    </row>
    <row r="740641" spans="14:14">
      <c r="N740641" s="10"/>
    </row>
    <row r="740642" spans="14:14">
      <c r="N740642" s="10"/>
    </row>
    <row r="740643" spans="14:14">
      <c r="N740643" s="10"/>
    </row>
    <row r="740644" spans="14:14">
      <c r="N740644" s="10"/>
    </row>
    <row r="740645" spans="14:14">
      <c r="N740645" s="10"/>
    </row>
    <row r="740646" spans="14:14">
      <c r="N740646" s="10"/>
    </row>
    <row r="740647" spans="14:14">
      <c r="N740647" s="10"/>
    </row>
    <row r="740648" spans="14:14">
      <c r="N740648" s="10"/>
    </row>
    <row r="740649" spans="14:14">
      <c r="N740649" s="10"/>
    </row>
    <row r="740650" spans="14:14">
      <c r="N740650" s="10"/>
    </row>
    <row r="740651" spans="14:14">
      <c r="N740651" s="10"/>
    </row>
    <row r="740652" spans="14:14">
      <c r="N740652" s="10"/>
    </row>
    <row r="740653" spans="14:14">
      <c r="N740653" s="10"/>
    </row>
    <row r="740654" spans="14:14">
      <c r="N740654" s="10"/>
    </row>
    <row r="740655" spans="14:14">
      <c r="N740655" s="10"/>
    </row>
    <row r="740656" spans="14:14">
      <c r="N740656" s="10"/>
    </row>
    <row r="740657" spans="14:14">
      <c r="N740657" s="10"/>
    </row>
    <row r="740658" spans="14:14">
      <c r="N740658" s="10"/>
    </row>
    <row r="740659" spans="14:14">
      <c r="N740659" s="10"/>
    </row>
    <row r="740660" spans="14:14">
      <c r="N740660" s="10"/>
    </row>
    <row r="740661" spans="14:14">
      <c r="N740661" s="10"/>
    </row>
    <row r="740662" spans="14:14">
      <c r="N740662" s="10"/>
    </row>
    <row r="740663" spans="14:14">
      <c r="N740663" s="10"/>
    </row>
    <row r="740664" spans="14:14">
      <c r="N740664" s="10"/>
    </row>
    <row r="740665" spans="14:14">
      <c r="N740665" s="10"/>
    </row>
    <row r="740666" spans="14:14">
      <c r="N740666" s="10"/>
    </row>
    <row r="740667" spans="14:14">
      <c r="N740667" s="10"/>
    </row>
    <row r="740668" spans="14:14">
      <c r="N740668" s="10"/>
    </row>
    <row r="740669" spans="14:14">
      <c r="N740669" s="10"/>
    </row>
    <row r="740670" spans="14:14">
      <c r="N740670" s="10"/>
    </row>
    <row r="740671" spans="14:14">
      <c r="N740671" s="10"/>
    </row>
    <row r="740672" spans="14:14">
      <c r="N740672" s="10"/>
    </row>
    <row r="740673" spans="14:14">
      <c r="N740673" s="10"/>
    </row>
    <row r="740674" spans="14:14">
      <c r="N740674" s="10"/>
    </row>
    <row r="740675" spans="14:14">
      <c r="N740675" s="10"/>
    </row>
    <row r="740676" spans="14:14">
      <c r="N740676" s="10"/>
    </row>
    <row r="740677" spans="14:14">
      <c r="N740677" s="10"/>
    </row>
    <row r="740678" spans="14:14">
      <c r="N740678" s="10"/>
    </row>
    <row r="740679" spans="14:14">
      <c r="N740679" s="10"/>
    </row>
    <row r="740680" spans="14:14">
      <c r="N740680" s="10"/>
    </row>
    <row r="740681" spans="14:14">
      <c r="N740681" s="10"/>
    </row>
    <row r="740682" spans="14:14">
      <c r="N740682" s="10"/>
    </row>
    <row r="740683" spans="14:14">
      <c r="N740683" s="10"/>
    </row>
    <row r="740684" spans="14:14">
      <c r="N740684" s="10"/>
    </row>
    <row r="740685" spans="14:14">
      <c r="N740685" s="10"/>
    </row>
    <row r="740686" spans="14:14">
      <c r="N740686" s="10"/>
    </row>
    <row r="740687" spans="14:14">
      <c r="N740687" s="10"/>
    </row>
    <row r="740688" spans="14:14">
      <c r="N740688" s="10"/>
    </row>
    <row r="740689" spans="14:14">
      <c r="N740689" s="10"/>
    </row>
    <row r="740690" spans="14:14">
      <c r="N740690" s="10"/>
    </row>
    <row r="740691" spans="14:14">
      <c r="N740691" s="10"/>
    </row>
    <row r="740692" spans="14:14">
      <c r="N740692" s="10"/>
    </row>
    <row r="740693" spans="14:14">
      <c r="N740693" s="10"/>
    </row>
    <row r="740694" spans="14:14">
      <c r="N740694" s="10"/>
    </row>
    <row r="740695" spans="14:14">
      <c r="N740695" s="10"/>
    </row>
    <row r="740696" spans="14:14">
      <c r="N740696" s="10"/>
    </row>
    <row r="740697" spans="14:14">
      <c r="N740697" s="10"/>
    </row>
    <row r="740698" spans="14:14">
      <c r="N740698" s="10"/>
    </row>
    <row r="740699" spans="14:14">
      <c r="N740699" s="10"/>
    </row>
    <row r="740700" spans="14:14">
      <c r="N740700" s="10"/>
    </row>
    <row r="740701" spans="14:14">
      <c r="N740701" s="10"/>
    </row>
    <row r="740702" spans="14:14">
      <c r="N740702" s="10"/>
    </row>
    <row r="740703" spans="14:14">
      <c r="N740703" s="10"/>
    </row>
    <row r="740704" spans="14:14">
      <c r="N740704" s="10"/>
    </row>
    <row r="740705" spans="14:14">
      <c r="N740705" s="10"/>
    </row>
    <row r="740706" spans="14:14">
      <c r="N740706" s="10"/>
    </row>
    <row r="740707" spans="14:14">
      <c r="N740707" s="10"/>
    </row>
    <row r="740708" spans="14:14">
      <c r="N740708" s="10"/>
    </row>
    <row r="740709" spans="14:14">
      <c r="N740709" s="10"/>
    </row>
    <row r="740710" spans="14:14">
      <c r="N740710" s="10"/>
    </row>
    <row r="740711" spans="14:14">
      <c r="N740711" s="10"/>
    </row>
    <row r="740712" spans="14:14">
      <c r="N740712" s="10"/>
    </row>
    <row r="740713" spans="14:14">
      <c r="N740713" s="10"/>
    </row>
    <row r="740714" spans="14:14">
      <c r="N740714" s="10"/>
    </row>
    <row r="740715" spans="14:14">
      <c r="N740715" s="10"/>
    </row>
    <row r="740716" spans="14:14">
      <c r="N740716" s="10"/>
    </row>
    <row r="740717" spans="14:14">
      <c r="N740717" s="10"/>
    </row>
    <row r="740718" spans="14:14">
      <c r="N740718" s="10"/>
    </row>
    <row r="740719" spans="14:14">
      <c r="N740719" s="10"/>
    </row>
    <row r="740720" spans="14:14">
      <c r="N740720" s="10"/>
    </row>
    <row r="740721" spans="14:14">
      <c r="N740721" s="10"/>
    </row>
    <row r="740722" spans="14:14">
      <c r="N740722" s="10"/>
    </row>
    <row r="740723" spans="14:14">
      <c r="N740723" s="10"/>
    </row>
    <row r="740724" spans="14:14">
      <c r="N740724" s="10"/>
    </row>
    <row r="740725" spans="14:14">
      <c r="N740725" s="10"/>
    </row>
    <row r="740726" spans="14:14">
      <c r="N740726" s="10"/>
    </row>
    <row r="740727" spans="14:14">
      <c r="N740727" s="10"/>
    </row>
    <row r="740728" spans="14:14">
      <c r="N740728" s="10"/>
    </row>
    <row r="740729" spans="14:14">
      <c r="N740729" s="10"/>
    </row>
    <row r="740730" spans="14:14">
      <c r="N740730" s="10"/>
    </row>
    <row r="740731" spans="14:14">
      <c r="N740731" s="10"/>
    </row>
    <row r="740732" spans="14:14">
      <c r="N740732" s="10"/>
    </row>
    <row r="740733" spans="14:14">
      <c r="N740733" s="10"/>
    </row>
    <row r="740734" spans="14:14">
      <c r="N740734" s="10"/>
    </row>
    <row r="740735" spans="14:14">
      <c r="N740735" s="10"/>
    </row>
    <row r="740736" spans="14:14">
      <c r="N740736" s="10"/>
    </row>
    <row r="740737" spans="14:14">
      <c r="N740737" s="10"/>
    </row>
    <row r="740738" spans="14:14">
      <c r="N740738" s="10"/>
    </row>
    <row r="740739" spans="14:14">
      <c r="N740739" s="10"/>
    </row>
    <row r="740740" spans="14:14">
      <c r="N740740" s="10"/>
    </row>
    <row r="740741" spans="14:14">
      <c r="N740741" s="10"/>
    </row>
    <row r="740742" spans="14:14">
      <c r="N740742" s="10"/>
    </row>
    <row r="740743" spans="14:14">
      <c r="N740743" s="10"/>
    </row>
    <row r="740744" spans="14:14">
      <c r="N740744" s="10"/>
    </row>
    <row r="740745" spans="14:14">
      <c r="N740745" s="10"/>
    </row>
    <row r="740746" spans="14:14">
      <c r="N740746" s="10"/>
    </row>
    <row r="740747" spans="14:14">
      <c r="N740747" s="10"/>
    </row>
    <row r="740748" spans="14:14">
      <c r="N740748" s="10"/>
    </row>
    <row r="740749" spans="14:14">
      <c r="N740749" s="10"/>
    </row>
    <row r="740750" spans="14:14">
      <c r="N740750" s="10"/>
    </row>
    <row r="740751" spans="14:14">
      <c r="N740751" s="10"/>
    </row>
    <row r="740752" spans="14:14">
      <c r="N740752" s="10"/>
    </row>
    <row r="740753" spans="14:14">
      <c r="N740753" s="10"/>
    </row>
    <row r="740754" spans="14:14">
      <c r="N740754" s="10"/>
    </row>
    <row r="740755" spans="14:14">
      <c r="N740755" s="10"/>
    </row>
    <row r="740756" spans="14:14">
      <c r="N740756" s="10"/>
    </row>
    <row r="740757" spans="14:14">
      <c r="N740757" s="10"/>
    </row>
    <row r="740758" spans="14:14">
      <c r="N740758" s="10"/>
    </row>
    <row r="740759" spans="14:14">
      <c r="N740759" s="10"/>
    </row>
    <row r="740760" spans="14:14">
      <c r="N740760" s="10"/>
    </row>
    <row r="740761" spans="14:14">
      <c r="N740761" s="10"/>
    </row>
    <row r="740762" spans="14:14">
      <c r="N740762" s="10"/>
    </row>
    <row r="740763" spans="14:14">
      <c r="N740763" s="10"/>
    </row>
    <row r="740764" spans="14:14">
      <c r="N740764" s="10"/>
    </row>
    <row r="740765" spans="14:14">
      <c r="N740765" s="10"/>
    </row>
    <row r="740766" spans="14:14">
      <c r="N740766" s="10"/>
    </row>
    <row r="740767" spans="14:14">
      <c r="N740767" s="10"/>
    </row>
    <row r="740768" spans="14:14">
      <c r="N740768" s="10"/>
    </row>
    <row r="740769" spans="14:14">
      <c r="N740769" s="10"/>
    </row>
    <row r="740770" spans="14:14">
      <c r="N740770" s="10"/>
    </row>
    <row r="740771" spans="14:14">
      <c r="N740771" s="10"/>
    </row>
    <row r="740772" spans="14:14">
      <c r="N740772" s="10"/>
    </row>
    <row r="740773" spans="14:14">
      <c r="N740773" s="10"/>
    </row>
    <row r="740774" spans="14:14">
      <c r="N740774" s="10"/>
    </row>
    <row r="740775" spans="14:14">
      <c r="N740775" s="10"/>
    </row>
    <row r="740776" spans="14:14">
      <c r="N740776" s="10"/>
    </row>
    <row r="740777" spans="14:14">
      <c r="N740777" s="10"/>
    </row>
    <row r="740778" spans="14:14">
      <c r="N740778" s="10"/>
    </row>
    <row r="740779" spans="14:14">
      <c r="N740779" s="10"/>
    </row>
    <row r="740780" spans="14:14">
      <c r="N740780" s="10"/>
    </row>
    <row r="740781" spans="14:14">
      <c r="N740781" s="10"/>
    </row>
    <row r="740782" spans="14:14">
      <c r="N740782" s="10"/>
    </row>
    <row r="740783" spans="14:14">
      <c r="N740783" s="10"/>
    </row>
    <row r="740784" spans="14:14">
      <c r="N740784" s="10"/>
    </row>
    <row r="740785" spans="14:14">
      <c r="N740785" s="10"/>
    </row>
    <row r="740786" spans="14:14">
      <c r="N740786" s="10"/>
    </row>
    <row r="740787" spans="14:14">
      <c r="N740787" s="10"/>
    </row>
    <row r="740788" spans="14:14">
      <c r="N740788" s="10"/>
    </row>
    <row r="740789" spans="14:14">
      <c r="N740789" s="10"/>
    </row>
    <row r="740790" spans="14:14">
      <c r="N740790" s="10"/>
    </row>
    <row r="740791" spans="14:14">
      <c r="N740791" s="10"/>
    </row>
    <row r="740792" spans="14:14">
      <c r="N740792" s="10"/>
    </row>
    <row r="740793" spans="14:14">
      <c r="N740793" s="10"/>
    </row>
    <row r="740794" spans="14:14">
      <c r="N740794" s="10"/>
    </row>
    <row r="740795" spans="14:14">
      <c r="N740795" s="10"/>
    </row>
    <row r="740796" spans="14:14">
      <c r="N740796" s="10"/>
    </row>
    <row r="740797" spans="14:14">
      <c r="N740797" s="10"/>
    </row>
    <row r="740798" spans="14:14">
      <c r="N740798" s="10"/>
    </row>
    <row r="740799" spans="14:14">
      <c r="N740799" s="10"/>
    </row>
    <row r="740800" spans="14:14">
      <c r="N740800" s="10"/>
    </row>
    <row r="740801" spans="14:14">
      <c r="N740801" s="10"/>
    </row>
    <row r="740802" spans="14:14">
      <c r="N740802" s="10"/>
    </row>
    <row r="740803" spans="14:14">
      <c r="N740803" s="10"/>
    </row>
    <row r="740804" spans="14:14">
      <c r="N740804" s="10"/>
    </row>
    <row r="740805" spans="14:14">
      <c r="N740805" s="10"/>
    </row>
    <row r="740806" spans="14:14">
      <c r="N740806" s="10"/>
    </row>
    <row r="740807" spans="14:14">
      <c r="N740807" s="10"/>
    </row>
    <row r="740808" spans="14:14">
      <c r="N740808" s="10"/>
    </row>
    <row r="740809" spans="14:14">
      <c r="N740809" s="10"/>
    </row>
    <row r="740810" spans="14:14">
      <c r="N740810" s="10"/>
    </row>
    <row r="740811" spans="14:14">
      <c r="N740811" s="10"/>
    </row>
    <row r="740812" spans="14:14">
      <c r="N740812" s="10"/>
    </row>
    <row r="740813" spans="14:14">
      <c r="N740813" s="10"/>
    </row>
    <row r="740814" spans="14:14">
      <c r="N740814" s="10"/>
    </row>
    <row r="740815" spans="14:14">
      <c r="N740815" s="10"/>
    </row>
    <row r="740816" spans="14:14">
      <c r="N740816" s="10"/>
    </row>
    <row r="740817" spans="14:14">
      <c r="N740817" s="10"/>
    </row>
    <row r="740818" spans="14:14">
      <c r="N740818" s="10"/>
    </row>
    <row r="740819" spans="14:14">
      <c r="N740819" s="10"/>
    </row>
    <row r="740820" spans="14:14">
      <c r="N740820" s="10"/>
    </row>
    <row r="740821" spans="14:14">
      <c r="N740821" s="10"/>
    </row>
    <row r="740822" spans="14:14">
      <c r="N740822" s="10"/>
    </row>
    <row r="740823" spans="14:14">
      <c r="N740823" s="10"/>
    </row>
    <row r="740824" spans="14:14">
      <c r="N740824" s="10"/>
    </row>
    <row r="740825" spans="14:14">
      <c r="N740825" s="10"/>
    </row>
    <row r="740826" spans="14:14">
      <c r="N740826" s="10"/>
    </row>
    <row r="740827" spans="14:14">
      <c r="N740827" s="10"/>
    </row>
    <row r="740828" spans="14:14">
      <c r="N740828" s="10"/>
    </row>
    <row r="740829" spans="14:14">
      <c r="N740829" s="10"/>
    </row>
    <row r="740830" spans="14:14">
      <c r="N740830" s="10"/>
    </row>
    <row r="740831" spans="14:14">
      <c r="N740831" s="10"/>
    </row>
    <row r="740832" spans="14:14">
      <c r="N740832" s="10"/>
    </row>
    <row r="740833" spans="14:14">
      <c r="N740833" s="10"/>
    </row>
    <row r="740834" spans="14:14">
      <c r="N740834" s="10"/>
    </row>
    <row r="740835" spans="14:14">
      <c r="N740835" s="10"/>
    </row>
    <row r="740836" spans="14:14">
      <c r="N740836" s="10"/>
    </row>
    <row r="740837" spans="14:14">
      <c r="N740837" s="10"/>
    </row>
    <row r="740838" spans="14:14">
      <c r="N740838" s="10"/>
    </row>
    <row r="740839" spans="14:14">
      <c r="N740839" s="10"/>
    </row>
    <row r="740840" spans="14:14">
      <c r="N740840" s="10"/>
    </row>
    <row r="740841" spans="14:14">
      <c r="N740841" s="10"/>
    </row>
    <row r="740842" spans="14:14">
      <c r="N740842" s="10"/>
    </row>
    <row r="740843" spans="14:14">
      <c r="N740843" s="10"/>
    </row>
    <row r="740844" spans="14:14">
      <c r="N740844" s="10"/>
    </row>
    <row r="740845" spans="14:14">
      <c r="N740845" s="10"/>
    </row>
    <row r="740846" spans="14:14">
      <c r="N740846" s="10"/>
    </row>
    <row r="740847" spans="14:14">
      <c r="N740847" s="10"/>
    </row>
    <row r="740848" spans="14:14">
      <c r="N740848" s="10"/>
    </row>
    <row r="740849" spans="14:14">
      <c r="N740849" s="10"/>
    </row>
    <row r="740850" spans="14:14">
      <c r="N740850" s="10"/>
    </row>
    <row r="740851" spans="14:14">
      <c r="N740851" s="10"/>
    </row>
    <row r="740852" spans="14:14">
      <c r="N740852" s="10"/>
    </row>
    <row r="740853" spans="14:14">
      <c r="N740853" s="10"/>
    </row>
    <row r="740854" spans="14:14">
      <c r="N740854" s="10"/>
    </row>
    <row r="740855" spans="14:14">
      <c r="N740855" s="10"/>
    </row>
    <row r="740856" spans="14:14">
      <c r="N740856" s="10"/>
    </row>
    <row r="740857" spans="14:14">
      <c r="N740857" s="10"/>
    </row>
    <row r="740858" spans="14:14">
      <c r="N740858" s="10"/>
    </row>
    <row r="740859" spans="14:14">
      <c r="N740859" s="10"/>
    </row>
    <row r="740860" spans="14:14">
      <c r="N740860" s="10"/>
    </row>
    <row r="740861" spans="14:14">
      <c r="N740861" s="10"/>
    </row>
    <row r="740862" spans="14:14">
      <c r="N740862" s="10"/>
    </row>
    <row r="740863" spans="14:14">
      <c r="N740863" s="10"/>
    </row>
    <row r="740864" spans="14:14">
      <c r="N740864" s="10"/>
    </row>
    <row r="740865" spans="14:14">
      <c r="N740865" s="10"/>
    </row>
    <row r="740866" spans="14:14">
      <c r="N740866" s="10"/>
    </row>
    <row r="740867" spans="14:14">
      <c r="N740867" s="10"/>
    </row>
    <row r="740868" spans="14:14">
      <c r="N740868" s="10"/>
    </row>
    <row r="740869" spans="14:14">
      <c r="N740869" s="10"/>
    </row>
    <row r="740870" spans="14:14">
      <c r="N740870" s="10"/>
    </row>
    <row r="740871" spans="14:14">
      <c r="N740871" s="10"/>
    </row>
    <row r="740872" spans="14:14">
      <c r="N740872" s="10"/>
    </row>
    <row r="740873" spans="14:14">
      <c r="N740873" s="10"/>
    </row>
    <row r="740874" spans="14:14">
      <c r="N740874" s="10"/>
    </row>
    <row r="740875" spans="14:14">
      <c r="N740875" s="10"/>
    </row>
    <row r="740876" spans="14:14">
      <c r="N740876" s="10"/>
    </row>
    <row r="740877" spans="14:14">
      <c r="N740877" s="10"/>
    </row>
    <row r="740878" spans="14:14">
      <c r="N740878" s="10"/>
    </row>
    <row r="740879" spans="14:14">
      <c r="N740879" s="10"/>
    </row>
    <row r="740880" spans="14:14">
      <c r="N740880" s="10"/>
    </row>
    <row r="740881" spans="14:14">
      <c r="N740881" s="10"/>
    </row>
    <row r="740882" spans="14:14">
      <c r="N740882" s="10"/>
    </row>
    <row r="740883" spans="14:14">
      <c r="N740883" s="10"/>
    </row>
    <row r="740884" spans="14:14">
      <c r="N740884" s="10"/>
    </row>
    <row r="740885" spans="14:14">
      <c r="N740885" s="10"/>
    </row>
    <row r="740886" spans="14:14">
      <c r="N740886" s="10"/>
    </row>
    <row r="740887" spans="14:14">
      <c r="N740887" s="10"/>
    </row>
    <row r="740888" spans="14:14">
      <c r="N740888" s="10"/>
    </row>
    <row r="740889" spans="14:14">
      <c r="N740889" s="10"/>
    </row>
    <row r="740890" spans="14:14">
      <c r="N740890" s="10"/>
    </row>
    <row r="740891" spans="14:14">
      <c r="N740891" s="10"/>
    </row>
    <row r="740892" spans="14:14">
      <c r="N740892" s="10"/>
    </row>
    <row r="740893" spans="14:14">
      <c r="N740893" s="10"/>
    </row>
    <row r="740894" spans="14:14">
      <c r="N740894" s="10"/>
    </row>
    <row r="740895" spans="14:14">
      <c r="N740895" s="10"/>
    </row>
    <row r="740896" spans="14:14">
      <c r="N740896" s="10"/>
    </row>
    <row r="740897" spans="14:14">
      <c r="N740897" s="10"/>
    </row>
    <row r="740898" spans="14:14">
      <c r="N740898" s="10"/>
    </row>
    <row r="740899" spans="14:14">
      <c r="N740899" s="10"/>
    </row>
    <row r="740900" spans="14:14">
      <c r="N740900" s="10"/>
    </row>
    <row r="740901" spans="14:14">
      <c r="N740901" s="10"/>
    </row>
    <row r="740902" spans="14:14">
      <c r="N740902" s="10"/>
    </row>
    <row r="740903" spans="14:14">
      <c r="N740903" s="10"/>
    </row>
    <row r="740904" spans="14:14">
      <c r="N740904" s="10"/>
    </row>
    <row r="740905" spans="14:14">
      <c r="N740905" s="10"/>
    </row>
    <row r="740906" spans="14:14">
      <c r="N740906" s="10"/>
    </row>
    <row r="740907" spans="14:14">
      <c r="N740907" s="10"/>
    </row>
    <row r="740908" spans="14:14">
      <c r="N740908" s="10"/>
    </row>
    <row r="740909" spans="14:14">
      <c r="N740909" s="10"/>
    </row>
    <row r="740910" spans="14:14">
      <c r="N740910" s="10"/>
    </row>
    <row r="740911" spans="14:14">
      <c r="N740911" s="10"/>
    </row>
    <row r="740912" spans="14:14">
      <c r="N740912" s="10"/>
    </row>
    <row r="740913" spans="14:14">
      <c r="N740913" s="10"/>
    </row>
    <row r="740914" spans="14:14">
      <c r="N740914" s="10"/>
    </row>
    <row r="740915" spans="14:14">
      <c r="N740915" s="10"/>
    </row>
    <row r="740916" spans="14:14">
      <c r="N740916" s="10"/>
    </row>
    <row r="740917" spans="14:14">
      <c r="N740917" s="10"/>
    </row>
    <row r="740918" spans="14:14">
      <c r="N740918" s="10"/>
    </row>
    <row r="740919" spans="14:14">
      <c r="N740919" s="10"/>
    </row>
    <row r="740920" spans="14:14">
      <c r="N740920" s="10"/>
    </row>
    <row r="740921" spans="14:14">
      <c r="N740921" s="10"/>
    </row>
    <row r="740922" spans="14:14">
      <c r="N740922" s="10"/>
    </row>
    <row r="740923" spans="14:14">
      <c r="N740923" s="10"/>
    </row>
    <row r="740924" spans="14:14">
      <c r="N740924" s="10"/>
    </row>
    <row r="740925" spans="14:14">
      <c r="N740925" s="10"/>
    </row>
    <row r="740926" spans="14:14">
      <c r="N740926" s="10"/>
    </row>
    <row r="740927" spans="14:14">
      <c r="N740927" s="10"/>
    </row>
    <row r="740928" spans="14:14">
      <c r="N740928" s="10"/>
    </row>
    <row r="740929" spans="14:14">
      <c r="N740929" s="10"/>
    </row>
    <row r="740930" spans="14:14">
      <c r="N740930" s="10"/>
    </row>
    <row r="740931" spans="14:14">
      <c r="N740931" s="10"/>
    </row>
    <row r="740932" spans="14:14">
      <c r="N740932" s="10"/>
    </row>
    <row r="740933" spans="14:14">
      <c r="N740933" s="10"/>
    </row>
    <row r="740934" spans="14:14">
      <c r="N740934" s="10"/>
    </row>
    <row r="740935" spans="14:14">
      <c r="N740935" s="10"/>
    </row>
    <row r="740936" spans="14:14">
      <c r="N740936" s="10"/>
    </row>
    <row r="740937" spans="14:14">
      <c r="N740937" s="10"/>
    </row>
    <row r="740938" spans="14:14">
      <c r="N740938" s="10"/>
    </row>
    <row r="740939" spans="14:14">
      <c r="N740939" s="10"/>
    </row>
    <row r="740940" spans="14:14">
      <c r="N740940" s="10"/>
    </row>
    <row r="740941" spans="14:14">
      <c r="N740941" s="10"/>
    </row>
    <row r="740942" spans="14:14">
      <c r="N740942" s="10"/>
    </row>
    <row r="740943" spans="14:14">
      <c r="N740943" s="10"/>
    </row>
    <row r="740944" spans="14:14">
      <c r="N740944" s="10"/>
    </row>
    <row r="740945" spans="14:14">
      <c r="N740945" s="10"/>
    </row>
    <row r="740946" spans="14:14">
      <c r="N740946" s="10"/>
    </row>
    <row r="740947" spans="14:14">
      <c r="N740947" s="10"/>
    </row>
    <row r="740948" spans="14:14">
      <c r="N740948" s="10"/>
    </row>
    <row r="740949" spans="14:14">
      <c r="N740949" s="10"/>
    </row>
    <row r="740950" spans="14:14">
      <c r="N740950" s="10"/>
    </row>
    <row r="740951" spans="14:14">
      <c r="N740951" s="10"/>
    </row>
    <row r="740952" spans="14:14">
      <c r="N740952" s="10"/>
    </row>
    <row r="740953" spans="14:14">
      <c r="N740953" s="10"/>
    </row>
    <row r="740954" spans="14:14">
      <c r="N740954" s="10"/>
    </row>
    <row r="740955" spans="14:14">
      <c r="N740955" s="10"/>
    </row>
    <row r="740956" spans="14:14">
      <c r="N740956" s="10"/>
    </row>
    <row r="740957" spans="14:14">
      <c r="N740957" s="10"/>
    </row>
    <row r="740958" spans="14:14">
      <c r="N740958" s="10"/>
    </row>
    <row r="740959" spans="14:14">
      <c r="N740959" s="10"/>
    </row>
    <row r="740960" spans="14:14">
      <c r="N740960" s="10"/>
    </row>
    <row r="740961" spans="14:14">
      <c r="N740961" s="10"/>
    </row>
    <row r="740962" spans="14:14">
      <c r="N740962" s="10"/>
    </row>
    <row r="740963" spans="14:14">
      <c r="N740963" s="10"/>
    </row>
    <row r="740964" spans="14:14">
      <c r="N740964" s="10"/>
    </row>
    <row r="740965" spans="14:14">
      <c r="N740965" s="10"/>
    </row>
    <row r="740966" spans="14:14">
      <c r="N740966" s="10"/>
    </row>
    <row r="740967" spans="14:14">
      <c r="N740967" s="10"/>
    </row>
    <row r="740968" spans="14:14">
      <c r="N740968" s="10"/>
    </row>
    <row r="740969" spans="14:14">
      <c r="N740969" s="10"/>
    </row>
    <row r="740970" spans="14:14">
      <c r="N740970" s="10"/>
    </row>
    <row r="740971" spans="14:14">
      <c r="N740971" s="10"/>
    </row>
    <row r="740972" spans="14:14">
      <c r="N740972" s="10"/>
    </row>
    <row r="740973" spans="14:14">
      <c r="N740973" s="10"/>
    </row>
    <row r="740974" spans="14:14">
      <c r="N740974" s="10"/>
    </row>
    <row r="740975" spans="14:14">
      <c r="N740975" s="10"/>
    </row>
    <row r="740976" spans="14:14">
      <c r="N740976" s="10"/>
    </row>
    <row r="740977" spans="14:14">
      <c r="N740977" s="10"/>
    </row>
    <row r="740978" spans="14:14">
      <c r="N740978" s="10"/>
    </row>
    <row r="740979" spans="14:14">
      <c r="N740979" s="10"/>
    </row>
    <row r="740980" spans="14:14">
      <c r="N740980" s="10"/>
    </row>
    <row r="740981" spans="14:14">
      <c r="N740981" s="10"/>
    </row>
    <row r="740982" spans="14:14">
      <c r="N740982" s="10"/>
    </row>
    <row r="740983" spans="14:14">
      <c r="N740983" s="10"/>
    </row>
    <row r="740984" spans="14:14">
      <c r="N740984" s="10"/>
    </row>
    <row r="740985" spans="14:14">
      <c r="N740985" s="10"/>
    </row>
    <row r="740986" spans="14:14">
      <c r="N740986" s="10"/>
    </row>
    <row r="740987" spans="14:14">
      <c r="N740987" s="10"/>
    </row>
    <row r="740988" spans="14:14">
      <c r="N740988" s="10"/>
    </row>
    <row r="740989" spans="14:14">
      <c r="N740989" s="10"/>
    </row>
    <row r="740990" spans="14:14">
      <c r="N740990" s="10"/>
    </row>
    <row r="740991" spans="14:14">
      <c r="N740991" s="10"/>
    </row>
    <row r="740992" spans="14:14">
      <c r="N740992" s="10"/>
    </row>
    <row r="740993" spans="14:14">
      <c r="N740993" s="10"/>
    </row>
    <row r="740994" spans="14:14">
      <c r="N740994" s="10"/>
    </row>
    <row r="740995" spans="14:14">
      <c r="N740995" s="10"/>
    </row>
    <row r="740996" spans="14:14">
      <c r="N740996" s="10"/>
    </row>
    <row r="740997" spans="14:14">
      <c r="N740997" s="10"/>
    </row>
    <row r="740998" spans="14:14">
      <c r="N740998" s="10"/>
    </row>
    <row r="740999" spans="14:14">
      <c r="N740999" s="10"/>
    </row>
    <row r="741000" spans="14:14">
      <c r="N741000" s="10"/>
    </row>
    <row r="741001" spans="14:14">
      <c r="N741001" s="10"/>
    </row>
    <row r="741002" spans="14:14">
      <c r="N741002" s="10"/>
    </row>
    <row r="741003" spans="14:14">
      <c r="N741003" s="10"/>
    </row>
    <row r="741004" spans="14:14">
      <c r="N741004" s="10"/>
    </row>
    <row r="741005" spans="14:14">
      <c r="N741005" s="10"/>
    </row>
    <row r="741006" spans="14:14">
      <c r="N741006" s="10"/>
    </row>
    <row r="741007" spans="14:14">
      <c r="N741007" s="10"/>
    </row>
    <row r="741008" spans="14:14">
      <c r="N741008" s="10"/>
    </row>
    <row r="741009" spans="14:14">
      <c r="N741009" s="10"/>
    </row>
    <row r="741010" spans="14:14">
      <c r="N741010" s="10"/>
    </row>
    <row r="741011" spans="14:14">
      <c r="N741011" s="10"/>
    </row>
    <row r="741012" spans="14:14">
      <c r="N741012" s="10"/>
    </row>
    <row r="741013" spans="14:14">
      <c r="N741013" s="10"/>
    </row>
    <row r="741014" spans="14:14">
      <c r="N741014" s="10"/>
    </row>
    <row r="741015" spans="14:14">
      <c r="N741015" s="10"/>
    </row>
    <row r="741016" spans="14:14">
      <c r="N741016" s="10"/>
    </row>
    <row r="741017" spans="14:14">
      <c r="N741017" s="10"/>
    </row>
    <row r="741018" spans="14:14">
      <c r="N741018" s="10"/>
    </row>
    <row r="741019" spans="14:14">
      <c r="N741019" s="10"/>
    </row>
    <row r="741020" spans="14:14">
      <c r="N741020" s="10"/>
    </row>
    <row r="741021" spans="14:14">
      <c r="N741021" s="10"/>
    </row>
    <row r="741022" spans="14:14">
      <c r="N741022" s="10"/>
    </row>
    <row r="741023" spans="14:14">
      <c r="N741023" s="10"/>
    </row>
    <row r="741024" spans="14:14">
      <c r="N741024" s="10"/>
    </row>
    <row r="741025" spans="14:14">
      <c r="N741025" s="10"/>
    </row>
    <row r="741026" spans="14:14">
      <c r="N741026" s="10"/>
    </row>
    <row r="741027" spans="14:14">
      <c r="N741027" s="10"/>
    </row>
    <row r="741028" spans="14:14">
      <c r="N741028" s="10"/>
    </row>
    <row r="741029" spans="14:14">
      <c r="N741029" s="10"/>
    </row>
    <row r="741030" spans="14:14">
      <c r="N741030" s="10"/>
    </row>
    <row r="741031" spans="14:14">
      <c r="N741031" s="10"/>
    </row>
    <row r="741032" spans="14:14">
      <c r="N741032" s="10"/>
    </row>
    <row r="741033" spans="14:14">
      <c r="N741033" s="10"/>
    </row>
    <row r="741034" spans="14:14">
      <c r="N741034" s="10"/>
    </row>
    <row r="741035" spans="14:14">
      <c r="N741035" s="10"/>
    </row>
    <row r="741036" spans="14:14">
      <c r="N741036" s="10"/>
    </row>
    <row r="741037" spans="14:14">
      <c r="N741037" s="10"/>
    </row>
    <row r="741038" spans="14:14">
      <c r="N741038" s="10"/>
    </row>
    <row r="741039" spans="14:14">
      <c r="N741039" s="10"/>
    </row>
    <row r="741040" spans="14:14">
      <c r="N741040" s="10"/>
    </row>
    <row r="741041" spans="14:14">
      <c r="N741041" s="10"/>
    </row>
    <row r="741042" spans="14:14">
      <c r="N741042" s="10"/>
    </row>
    <row r="741043" spans="14:14">
      <c r="N741043" s="10"/>
    </row>
    <row r="741044" spans="14:14">
      <c r="N741044" s="10"/>
    </row>
    <row r="741045" spans="14:14">
      <c r="N741045" s="10"/>
    </row>
    <row r="741046" spans="14:14">
      <c r="N741046" s="10"/>
    </row>
    <row r="741047" spans="14:14">
      <c r="N741047" s="10"/>
    </row>
    <row r="741048" spans="14:14">
      <c r="N741048" s="10"/>
    </row>
    <row r="741049" spans="14:14">
      <c r="N741049" s="10"/>
    </row>
    <row r="741050" spans="14:14">
      <c r="N741050" s="10"/>
    </row>
    <row r="741051" spans="14:14">
      <c r="N741051" s="10"/>
    </row>
    <row r="741052" spans="14:14">
      <c r="N741052" s="10"/>
    </row>
    <row r="741053" spans="14:14">
      <c r="N741053" s="10"/>
    </row>
    <row r="741054" spans="14:14">
      <c r="N741054" s="10"/>
    </row>
    <row r="741055" spans="14:14">
      <c r="N741055" s="10"/>
    </row>
    <row r="741056" spans="14:14">
      <c r="N741056" s="10"/>
    </row>
    <row r="741057" spans="14:14">
      <c r="N741057" s="10"/>
    </row>
    <row r="741058" spans="14:14">
      <c r="N741058" s="10"/>
    </row>
    <row r="741059" spans="14:14">
      <c r="N741059" s="10"/>
    </row>
    <row r="741060" spans="14:14">
      <c r="N741060" s="10"/>
    </row>
    <row r="741061" spans="14:14">
      <c r="N741061" s="10"/>
    </row>
    <row r="741062" spans="14:14">
      <c r="N741062" s="10"/>
    </row>
    <row r="741063" spans="14:14">
      <c r="N741063" s="10"/>
    </row>
    <row r="741064" spans="14:14">
      <c r="N741064" s="10"/>
    </row>
    <row r="741065" spans="14:14">
      <c r="N741065" s="10"/>
    </row>
    <row r="741066" spans="14:14">
      <c r="N741066" s="10"/>
    </row>
    <row r="741067" spans="14:14">
      <c r="N741067" s="10"/>
    </row>
    <row r="741068" spans="14:14">
      <c r="N741068" s="10"/>
    </row>
    <row r="741069" spans="14:14">
      <c r="N741069" s="10"/>
    </row>
    <row r="741070" spans="14:14">
      <c r="N741070" s="10"/>
    </row>
    <row r="741071" spans="14:14">
      <c r="N741071" s="10"/>
    </row>
    <row r="741072" spans="14:14">
      <c r="N741072" s="10"/>
    </row>
    <row r="741073" spans="14:14">
      <c r="N741073" s="10"/>
    </row>
    <row r="741074" spans="14:14">
      <c r="N741074" s="10"/>
    </row>
    <row r="741075" spans="14:14">
      <c r="N741075" s="10"/>
    </row>
    <row r="741076" spans="14:14">
      <c r="N741076" s="10"/>
    </row>
    <row r="741077" spans="14:14">
      <c r="N741077" s="10"/>
    </row>
    <row r="741078" spans="14:14">
      <c r="N741078" s="10"/>
    </row>
    <row r="741079" spans="14:14">
      <c r="N741079" s="10"/>
    </row>
    <row r="741080" spans="14:14">
      <c r="N741080" s="10"/>
    </row>
    <row r="741081" spans="14:14">
      <c r="N741081" s="10"/>
    </row>
    <row r="741082" spans="14:14">
      <c r="N741082" s="10"/>
    </row>
    <row r="741083" spans="14:14">
      <c r="N741083" s="10"/>
    </row>
    <row r="741084" spans="14:14">
      <c r="N741084" s="10"/>
    </row>
    <row r="741085" spans="14:14">
      <c r="N741085" s="10"/>
    </row>
    <row r="741086" spans="14:14">
      <c r="N741086" s="10"/>
    </row>
    <row r="741087" spans="14:14">
      <c r="N741087" s="10"/>
    </row>
    <row r="741088" spans="14:14">
      <c r="N741088" s="10"/>
    </row>
    <row r="741089" spans="14:14">
      <c r="N741089" s="10"/>
    </row>
    <row r="741090" spans="14:14">
      <c r="N741090" s="10"/>
    </row>
    <row r="741091" spans="14:14">
      <c r="N741091" s="10"/>
    </row>
    <row r="741092" spans="14:14">
      <c r="N741092" s="10"/>
    </row>
    <row r="741093" spans="14:14">
      <c r="N741093" s="10"/>
    </row>
    <row r="741094" spans="14:14">
      <c r="N741094" s="10"/>
    </row>
    <row r="741095" spans="14:14">
      <c r="N741095" s="10"/>
    </row>
    <row r="741096" spans="14:14">
      <c r="N741096" s="10"/>
    </row>
    <row r="741097" spans="14:14">
      <c r="N741097" s="10"/>
    </row>
    <row r="741098" spans="14:14">
      <c r="N741098" s="10"/>
    </row>
    <row r="741099" spans="14:14">
      <c r="N741099" s="10"/>
    </row>
    <row r="741100" spans="14:14">
      <c r="N741100" s="10"/>
    </row>
    <row r="741101" spans="14:14">
      <c r="N741101" s="10"/>
    </row>
    <row r="741102" spans="14:14">
      <c r="N741102" s="10"/>
    </row>
    <row r="741103" spans="14:14">
      <c r="N741103" s="10"/>
    </row>
    <row r="741104" spans="14:14">
      <c r="N741104" s="10"/>
    </row>
    <row r="741105" spans="14:14">
      <c r="N741105" s="10"/>
    </row>
    <row r="741106" spans="14:14">
      <c r="N741106" s="10"/>
    </row>
    <row r="741107" spans="14:14">
      <c r="N741107" s="10"/>
    </row>
    <row r="741108" spans="14:14">
      <c r="N741108" s="10"/>
    </row>
    <row r="741109" spans="14:14">
      <c r="N741109" s="10"/>
    </row>
    <row r="741110" spans="14:14">
      <c r="N741110" s="10"/>
    </row>
    <row r="741111" spans="14:14">
      <c r="N741111" s="10"/>
    </row>
    <row r="741112" spans="14:14">
      <c r="N741112" s="10"/>
    </row>
    <row r="741113" spans="14:14">
      <c r="N741113" s="10"/>
    </row>
    <row r="741114" spans="14:14">
      <c r="N741114" s="10"/>
    </row>
    <row r="741115" spans="14:14">
      <c r="N741115" s="10"/>
    </row>
    <row r="741116" spans="14:14">
      <c r="N741116" s="10"/>
    </row>
    <row r="741117" spans="14:14">
      <c r="N741117" s="10"/>
    </row>
    <row r="741118" spans="14:14">
      <c r="N741118" s="10"/>
    </row>
    <row r="741119" spans="14:14">
      <c r="N741119" s="10"/>
    </row>
    <row r="741120" spans="14:14">
      <c r="N741120" s="10"/>
    </row>
    <row r="741121" spans="14:14">
      <c r="N741121" s="10"/>
    </row>
    <row r="741122" spans="14:14">
      <c r="N741122" s="10"/>
    </row>
    <row r="741123" spans="14:14">
      <c r="N741123" s="10"/>
    </row>
    <row r="741124" spans="14:14">
      <c r="N741124" s="10"/>
    </row>
    <row r="741125" spans="14:14">
      <c r="N741125" s="10"/>
    </row>
    <row r="741126" spans="14:14">
      <c r="N741126" s="10"/>
    </row>
    <row r="741127" spans="14:14">
      <c r="N741127" s="10"/>
    </row>
    <row r="741128" spans="14:14">
      <c r="N741128" s="10"/>
    </row>
    <row r="741129" spans="14:14">
      <c r="N741129" s="10"/>
    </row>
    <row r="741130" spans="14:14">
      <c r="N741130" s="10"/>
    </row>
    <row r="741131" spans="14:14">
      <c r="N741131" s="10"/>
    </row>
    <row r="741132" spans="14:14">
      <c r="N741132" s="10"/>
    </row>
    <row r="741133" spans="14:14">
      <c r="N741133" s="10"/>
    </row>
    <row r="741134" spans="14:14">
      <c r="N741134" s="10"/>
    </row>
    <row r="741135" spans="14:14">
      <c r="N741135" s="10"/>
    </row>
    <row r="741136" spans="14:14">
      <c r="N741136" s="10"/>
    </row>
    <row r="741137" spans="14:14">
      <c r="N741137" s="10"/>
    </row>
    <row r="741138" spans="14:14">
      <c r="N741138" s="10"/>
    </row>
    <row r="741139" spans="14:14">
      <c r="N741139" s="10"/>
    </row>
    <row r="741140" spans="14:14">
      <c r="N741140" s="10"/>
    </row>
    <row r="741141" spans="14:14">
      <c r="N741141" s="10"/>
    </row>
    <row r="741142" spans="14:14">
      <c r="N741142" s="10"/>
    </row>
    <row r="741143" spans="14:14">
      <c r="N741143" s="10"/>
    </row>
    <row r="741144" spans="14:14">
      <c r="N741144" s="10"/>
    </row>
    <row r="741145" spans="14:14">
      <c r="N741145" s="10"/>
    </row>
    <row r="741146" spans="14:14">
      <c r="N741146" s="10"/>
    </row>
    <row r="741147" spans="14:14">
      <c r="N741147" s="10"/>
    </row>
    <row r="741148" spans="14:14">
      <c r="N741148" s="10"/>
    </row>
    <row r="741149" spans="14:14">
      <c r="N741149" s="10"/>
    </row>
    <row r="741150" spans="14:14">
      <c r="N741150" s="10"/>
    </row>
    <row r="741151" spans="14:14">
      <c r="N741151" s="10"/>
    </row>
    <row r="741152" spans="14:14">
      <c r="N741152" s="10"/>
    </row>
    <row r="741153" spans="14:14">
      <c r="N741153" s="10"/>
    </row>
    <row r="741154" spans="14:14">
      <c r="N741154" s="10"/>
    </row>
    <row r="741155" spans="14:14">
      <c r="N741155" s="10"/>
    </row>
    <row r="741156" spans="14:14">
      <c r="N741156" s="10"/>
    </row>
    <row r="741157" spans="14:14">
      <c r="N741157" s="10"/>
    </row>
    <row r="741158" spans="14:14">
      <c r="N741158" s="10"/>
    </row>
    <row r="741159" spans="14:14">
      <c r="N741159" s="10"/>
    </row>
    <row r="741160" spans="14:14">
      <c r="N741160" s="10"/>
    </row>
    <row r="741161" spans="14:14">
      <c r="N741161" s="10"/>
    </row>
    <row r="741162" spans="14:14">
      <c r="N741162" s="10"/>
    </row>
    <row r="741163" spans="14:14">
      <c r="N741163" s="10"/>
    </row>
    <row r="741164" spans="14:14">
      <c r="N741164" s="10"/>
    </row>
    <row r="741165" spans="14:14">
      <c r="N741165" s="10"/>
    </row>
    <row r="741166" spans="14:14">
      <c r="N741166" s="10"/>
    </row>
    <row r="741167" spans="14:14">
      <c r="N741167" s="10"/>
    </row>
    <row r="741168" spans="14:14">
      <c r="N741168" s="10"/>
    </row>
    <row r="741169" spans="14:14">
      <c r="N741169" s="10"/>
    </row>
    <row r="741170" spans="14:14">
      <c r="N741170" s="10"/>
    </row>
    <row r="741171" spans="14:14">
      <c r="N741171" s="10"/>
    </row>
    <row r="741172" spans="14:14">
      <c r="N741172" s="10"/>
    </row>
    <row r="741173" spans="14:14">
      <c r="N741173" s="10"/>
    </row>
    <row r="741174" spans="14:14">
      <c r="N741174" s="10"/>
    </row>
    <row r="741175" spans="14:14">
      <c r="N741175" s="10"/>
    </row>
    <row r="741176" spans="14:14">
      <c r="N741176" s="10"/>
    </row>
    <row r="741177" spans="14:14">
      <c r="N741177" s="10"/>
    </row>
    <row r="741178" spans="14:14">
      <c r="N741178" s="10"/>
    </row>
    <row r="741179" spans="14:14">
      <c r="N741179" s="10"/>
    </row>
    <row r="741180" spans="14:14">
      <c r="N741180" s="10"/>
    </row>
    <row r="741181" spans="14:14">
      <c r="N741181" s="10"/>
    </row>
    <row r="741182" spans="14:14">
      <c r="N741182" s="10"/>
    </row>
    <row r="741183" spans="14:14">
      <c r="N741183" s="10"/>
    </row>
    <row r="741184" spans="14:14">
      <c r="N741184" s="10"/>
    </row>
    <row r="741185" spans="14:14">
      <c r="N741185" s="10"/>
    </row>
    <row r="741186" spans="14:14">
      <c r="N741186" s="10"/>
    </row>
    <row r="741187" spans="14:14">
      <c r="N741187" s="10"/>
    </row>
    <row r="741188" spans="14:14">
      <c r="N741188" s="10"/>
    </row>
    <row r="741189" spans="14:14">
      <c r="N741189" s="10"/>
    </row>
    <row r="741190" spans="14:14">
      <c r="N741190" s="10"/>
    </row>
    <row r="741191" spans="14:14">
      <c r="N741191" s="10"/>
    </row>
    <row r="741192" spans="14:14">
      <c r="N741192" s="10"/>
    </row>
    <row r="741193" spans="14:14">
      <c r="N741193" s="10"/>
    </row>
    <row r="741194" spans="14:14">
      <c r="N741194" s="10"/>
    </row>
    <row r="741195" spans="14:14">
      <c r="N741195" s="10"/>
    </row>
    <row r="741196" spans="14:14">
      <c r="N741196" s="10"/>
    </row>
    <row r="741197" spans="14:14">
      <c r="N741197" s="10"/>
    </row>
    <row r="741198" spans="14:14">
      <c r="N741198" s="10"/>
    </row>
    <row r="741199" spans="14:14">
      <c r="N741199" s="10"/>
    </row>
    <row r="741200" spans="14:14">
      <c r="N741200" s="10"/>
    </row>
    <row r="741201" spans="14:14">
      <c r="N741201" s="10"/>
    </row>
    <row r="741202" spans="14:14">
      <c r="N741202" s="10"/>
    </row>
    <row r="741203" spans="14:14">
      <c r="N741203" s="10"/>
    </row>
    <row r="741204" spans="14:14">
      <c r="N741204" s="10"/>
    </row>
    <row r="741205" spans="14:14">
      <c r="N741205" s="10"/>
    </row>
    <row r="741206" spans="14:14">
      <c r="N741206" s="10"/>
    </row>
    <row r="741207" spans="14:14">
      <c r="N741207" s="10"/>
    </row>
    <row r="741208" spans="14:14">
      <c r="N741208" s="10"/>
    </row>
    <row r="741209" spans="14:14">
      <c r="N741209" s="10"/>
    </row>
    <row r="741210" spans="14:14">
      <c r="N741210" s="10"/>
    </row>
    <row r="741211" spans="14:14">
      <c r="N741211" s="10"/>
    </row>
    <row r="741212" spans="14:14">
      <c r="N741212" s="10"/>
    </row>
    <row r="741213" spans="14:14">
      <c r="N741213" s="10"/>
    </row>
    <row r="741214" spans="14:14">
      <c r="N741214" s="10"/>
    </row>
    <row r="741215" spans="14:14">
      <c r="N741215" s="10"/>
    </row>
    <row r="741216" spans="14:14">
      <c r="N741216" s="10"/>
    </row>
    <row r="741217" spans="14:14">
      <c r="N741217" s="10"/>
    </row>
    <row r="741218" spans="14:14">
      <c r="N741218" s="10"/>
    </row>
    <row r="741219" spans="14:14">
      <c r="N741219" s="10"/>
    </row>
    <row r="741220" spans="14:14">
      <c r="N741220" s="10"/>
    </row>
    <row r="741221" spans="14:14">
      <c r="N741221" s="10"/>
    </row>
    <row r="741222" spans="14:14">
      <c r="N741222" s="10"/>
    </row>
    <row r="741223" spans="14:14">
      <c r="N741223" s="10"/>
    </row>
    <row r="741224" spans="14:14">
      <c r="N741224" s="10"/>
    </row>
    <row r="741225" spans="14:14">
      <c r="N741225" s="10"/>
    </row>
    <row r="741226" spans="14:14">
      <c r="N741226" s="10"/>
    </row>
    <row r="741227" spans="14:14">
      <c r="N741227" s="10"/>
    </row>
    <row r="741228" spans="14:14">
      <c r="N741228" s="10"/>
    </row>
    <row r="741229" spans="14:14">
      <c r="N741229" s="10"/>
    </row>
    <row r="741230" spans="14:14">
      <c r="N741230" s="10"/>
    </row>
    <row r="741231" spans="14:14">
      <c r="N741231" s="10"/>
    </row>
    <row r="741232" spans="14:14">
      <c r="N741232" s="10"/>
    </row>
    <row r="741233" spans="14:14">
      <c r="N741233" s="10"/>
    </row>
    <row r="741234" spans="14:14">
      <c r="N741234" s="10"/>
    </row>
    <row r="741235" spans="14:14">
      <c r="N741235" s="10"/>
    </row>
    <row r="741236" spans="14:14">
      <c r="N741236" s="10"/>
    </row>
    <row r="741237" spans="14:14">
      <c r="N741237" s="10"/>
    </row>
    <row r="741238" spans="14:14">
      <c r="N741238" s="10"/>
    </row>
    <row r="741239" spans="14:14">
      <c r="N741239" s="10"/>
    </row>
    <row r="741240" spans="14:14">
      <c r="N741240" s="10"/>
    </row>
    <row r="741241" spans="14:14">
      <c r="N741241" s="10"/>
    </row>
    <row r="741242" spans="14:14">
      <c r="N741242" s="10"/>
    </row>
    <row r="741243" spans="14:14">
      <c r="N741243" s="10"/>
    </row>
    <row r="741244" spans="14:14">
      <c r="N741244" s="10"/>
    </row>
    <row r="741245" spans="14:14">
      <c r="N741245" s="10"/>
    </row>
    <row r="741246" spans="14:14">
      <c r="N741246" s="10"/>
    </row>
    <row r="741247" spans="14:14">
      <c r="N741247" s="10"/>
    </row>
    <row r="741248" spans="14:14">
      <c r="N741248" s="10"/>
    </row>
    <row r="741249" spans="14:14">
      <c r="N741249" s="10"/>
    </row>
    <row r="741250" spans="14:14">
      <c r="N741250" s="10"/>
    </row>
    <row r="741251" spans="14:14">
      <c r="N741251" s="10"/>
    </row>
    <row r="741252" spans="14:14">
      <c r="N741252" s="10"/>
    </row>
    <row r="741253" spans="14:14">
      <c r="N741253" s="10"/>
    </row>
    <row r="741254" spans="14:14">
      <c r="N741254" s="10"/>
    </row>
    <row r="741255" spans="14:14">
      <c r="N741255" s="10"/>
    </row>
    <row r="741256" spans="14:14">
      <c r="N741256" s="10"/>
    </row>
    <row r="741257" spans="14:14">
      <c r="N741257" s="10"/>
    </row>
    <row r="741258" spans="14:14">
      <c r="N741258" s="10"/>
    </row>
    <row r="741259" spans="14:14">
      <c r="N741259" s="10"/>
    </row>
    <row r="741260" spans="14:14">
      <c r="N741260" s="10"/>
    </row>
    <row r="741261" spans="14:14">
      <c r="N741261" s="10"/>
    </row>
    <row r="741262" spans="14:14">
      <c r="N741262" s="10"/>
    </row>
    <row r="741263" spans="14:14">
      <c r="N741263" s="10"/>
    </row>
    <row r="741264" spans="14:14">
      <c r="N741264" s="10"/>
    </row>
    <row r="741265" spans="14:14">
      <c r="N741265" s="10"/>
    </row>
    <row r="741266" spans="14:14">
      <c r="N741266" s="10"/>
    </row>
    <row r="741267" spans="14:14">
      <c r="N741267" s="10"/>
    </row>
    <row r="741268" spans="14:14">
      <c r="N741268" s="10"/>
    </row>
    <row r="741269" spans="14:14">
      <c r="N741269" s="10"/>
    </row>
    <row r="741270" spans="14:14">
      <c r="N741270" s="10"/>
    </row>
    <row r="741271" spans="14:14">
      <c r="N741271" s="10"/>
    </row>
    <row r="741272" spans="14:14">
      <c r="N741272" s="10"/>
    </row>
    <row r="741273" spans="14:14">
      <c r="N741273" s="10"/>
    </row>
    <row r="741274" spans="14:14">
      <c r="N741274" s="10"/>
    </row>
    <row r="741275" spans="14:14">
      <c r="N741275" s="10"/>
    </row>
    <row r="741276" spans="14:14">
      <c r="N741276" s="10"/>
    </row>
    <row r="741277" spans="14:14">
      <c r="N741277" s="10"/>
    </row>
    <row r="741278" spans="14:14">
      <c r="N741278" s="10"/>
    </row>
    <row r="741279" spans="14:14">
      <c r="N741279" s="10"/>
    </row>
    <row r="741280" spans="14:14">
      <c r="N741280" s="10"/>
    </row>
    <row r="741281" spans="14:14">
      <c r="N741281" s="10"/>
    </row>
    <row r="741282" spans="14:14">
      <c r="N741282" s="10"/>
    </row>
    <row r="741283" spans="14:14">
      <c r="N741283" s="10"/>
    </row>
    <row r="741284" spans="14:14">
      <c r="N741284" s="10"/>
    </row>
    <row r="741285" spans="14:14">
      <c r="N741285" s="10"/>
    </row>
    <row r="741286" spans="14:14">
      <c r="N741286" s="10"/>
    </row>
    <row r="741287" spans="14:14">
      <c r="N741287" s="10"/>
    </row>
    <row r="741288" spans="14:14">
      <c r="N741288" s="10"/>
    </row>
    <row r="741289" spans="14:14">
      <c r="N741289" s="10"/>
    </row>
    <row r="741290" spans="14:14">
      <c r="N741290" s="10"/>
    </row>
    <row r="741291" spans="14:14">
      <c r="N741291" s="10"/>
    </row>
    <row r="741292" spans="14:14">
      <c r="N741292" s="10"/>
    </row>
    <row r="741293" spans="14:14">
      <c r="N741293" s="10"/>
    </row>
    <row r="741294" spans="14:14">
      <c r="N741294" s="10"/>
    </row>
    <row r="741295" spans="14:14">
      <c r="N741295" s="10"/>
    </row>
    <row r="741296" spans="14:14">
      <c r="N741296" s="10"/>
    </row>
    <row r="741297" spans="14:14">
      <c r="N741297" s="10"/>
    </row>
    <row r="741298" spans="14:14">
      <c r="N741298" s="10"/>
    </row>
    <row r="741299" spans="14:14">
      <c r="N741299" s="10"/>
    </row>
    <row r="741300" spans="14:14">
      <c r="N741300" s="10"/>
    </row>
    <row r="741301" spans="14:14">
      <c r="N741301" s="10"/>
    </row>
    <row r="741302" spans="14:14">
      <c r="N741302" s="10"/>
    </row>
    <row r="741303" spans="14:14">
      <c r="N741303" s="10"/>
    </row>
    <row r="741304" spans="14:14">
      <c r="N741304" s="10"/>
    </row>
    <row r="741305" spans="14:14">
      <c r="N741305" s="10"/>
    </row>
    <row r="741306" spans="14:14">
      <c r="N741306" s="10"/>
    </row>
    <row r="741307" spans="14:14">
      <c r="N741307" s="10"/>
    </row>
    <row r="741308" spans="14:14">
      <c r="N741308" s="10"/>
    </row>
    <row r="741309" spans="14:14">
      <c r="N741309" s="10"/>
    </row>
    <row r="741310" spans="14:14">
      <c r="N741310" s="10"/>
    </row>
    <row r="741311" spans="14:14">
      <c r="N741311" s="10"/>
    </row>
    <row r="741312" spans="14:14">
      <c r="N741312" s="10"/>
    </row>
    <row r="741313" spans="14:14">
      <c r="N741313" s="10"/>
    </row>
    <row r="741314" spans="14:14">
      <c r="N741314" s="10"/>
    </row>
    <row r="741315" spans="14:14">
      <c r="N741315" s="10"/>
    </row>
    <row r="741316" spans="14:14">
      <c r="N741316" s="10"/>
    </row>
    <row r="741317" spans="14:14">
      <c r="N741317" s="10"/>
    </row>
    <row r="741318" spans="14:14">
      <c r="N741318" s="10"/>
    </row>
    <row r="741319" spans="14:14">
      <c r="N741319" s="10"/>
    </row>
    <row r="741320" spans="14:14">
      <c r="N741320" s="10"/>
    </row>
    <row r="741321" spans="14:14">
      <c r="N741321" s="10"/>
    </row>
    <row r="741322" spans="14:14">
      <c r="N741322" s="10"/>
    </row>
    <row r="741323" spans="14:14">
      <c r="N741323" s="10"/>
    </row>
    <row r="741324" spans="14:14">
      <c r="N741324" s="10"/>
    </row>
    <row r="741325" spans="14:14">
      <c r="N741325" s="10"/>
    </row>
    <row r="741326" spans="14:14">
      <c r="N741326" s="10"/>
    </row>
    <row r="741327" spans="14:14">
      <c r="N741327" s="10"/>
    </row>
    <row r="741328" spans="14:14">
      <c r="N741328" s="10"/>
    </row>
    <row r="741329" spans="14:14">
      <c r="N741329" s="10"/>
    </row>
    <row r="741330" spans="14:14">
      <c r="N741330" s="10"/>
    </row>
    <row r="741331" spans="14:14">
      <c r="N741331" s="10"/>
    </row>
    <row r="741332" spans="14:14">
      <c r="N741332" s="10"/>
    </row>
    <row r="741333" spans="14:14">
      <c r="N741333" s="10"/>
    </row>
    <row r="741334" spans="14:14">
      <c r="N741334" s="10"/>
    </row>
    <row r="741335" spans="14:14">
      <c r="N741335" s="10"/>
    </row>
    <row r="741336" spans="14:14">
      <c r="N741336" s="10"/>
    </row>
    <row r="741337" spans="14:14">
      <c r="N741337" s="10"/>
    </row>
    <row r="741338" spans="14:14">
      <c r="N741338" s="10"/>
    </row>
    <row r="741339" spans="14:14">
      <c r="N741339" s="10"/>
    </row>
    <row r="741340" spans="14:14">
      <c r="N741340" s="10"/>
    </row>
    <row r="741341" spans="14:14">
      <c r="N741341" s="10"/>
    </row>
    <row r="741342" spans="14:14">
      <c r="N741342" s="10"/>
    </row>
    <row r="741343" spans="14:14">
      <c r="N741343" s="10"/>
    </row>
    <row r="741344" spans="14:14">
      <c r="N741344" s="10"/>
    </row>
    <row r="741345" spans="14:14">
      <c r="N741345" s="10"/>
    </row>
    <row r="741346" spans="14:14">
      <c r="N741346" s="10"/>
    </row>
    <row r="741347" spans="14:14">
      <c r="N741347" s="10"/>
    </row>
    <row r="741348" spans="14:14">
      <c r="N741348" s="10"/>
    </row>
    <row r="741349" spans="14:14">
      <c r="N741349" s="10"/>
    </row>
    <row r="741350" spans="14:14">
      <c r="N741350" s="10"/>
    </row>
    <row r="741351" spans="14:14">
      <c r="N741351" s="10"/>
    </row>
    <row r="741352" spans="14:14">
      <c r="N741352" s="10"/>
    </row>
    <row r="741353" spans="14:14">
      <c r="N741353" s="10"/>
    </row>
    <row r="741354" spans="14:14">
      <c r="N741354" s="10"/>
    </row>
    <row r="741355" spans="14:14">
      <c r="N741355" s="10"/>
    </row>
    <row r="741356" spans="14:14">
      <c r="N741356" s="10"/>
    </row>
    <row r="741357" spans="14:14">
      <c r="N741357" s="10"/>
    </row>
    <row r="741358" spans="14:14">
      <c r="N741358" s="10"/>
    </row>
    <row r="741359" spans="14:14">
      <c r="N741359" s="10"/>
    </row>
    <row r="741360" spans="14:14">
      <c r="N741360" s="10"/>
    </row>
    <row r="741361" spans="14:14">
      <c r="N741361" s="10"/>
    </row>
    <row r="741362" spans="14:14">
      <c r="N741362" s="10"/>
    </row>
    <row r="741363" spans="14:14">
      <c r="N741363" s="10"/>
    </row>
    <row r="741364" spans="14:14">
      <c r="N741364" s="10"/>
    </row>
    <row r="741365" spans="14:14">
      <c r="N741365" s="10"/>
    </row>
    <row r="741366" spans="14:14">
      <c r="N741366" s="10"/>
    </row>
    <row r="741367" spans="14:14">
      <c r="N741367" s="10"/>
    </row>
    <row r="741368" spans="14:14">
      <c r="N741368" s="10"/>
    </row>
    <row r="741369" spans="14:14">
      <c r="N741369" s="10"/>
    </row>
    <row r="741370" spans="14:14">
      <c r="N741370" s="10"/>
    </row>
    <row r="741371" spans="14:14">
      <c r="N741371" s="10"/>
    </row>
    <row r="741372" spans="14:14">
      <c r="N741372" s="10"/>
    </row>
    <row r="741373" spans="14:14">
      <c r="N741373" s="10"/>
    </row>
    <row r="741374" spans="14:14">
      <c r="N741374" s="10"/>
    </row>
    <row r="741375" spans="14:14">
      <c r="N741375" s="10"/>
    </row>
    <row r="741376" spans="14:14">
      <c r="N741376" s="10"/>
    </row>
    <row r="741377" spans="14:14">
      <c r="N741377" s="10"/>
    </row>
    <row r="741378" spans="14:14">
      <c r="N741378" s="10"/>
    </row>
    <row r="741379" spans="14:14">
      <c r="N741379" s="10"/>
    </row>
    <row r="741380" spans="14:14">
      <c r="N741380" s="10"/>
    </row>
    <row r="741381" spans="14:14">
      <c r="N741381" s="10"/>
    </row>
    <row r="741382" spans="14:14">
      <c r="N741382" s="10"/>
    </row>
    <row r="741383" spans="14:14">
      <c r="N741383" s="10"/>
    </row>
    <row r="741384" spans="14:14">
      <c r="N741384" s="10"/>
    </row>
    <row r="741385" spans="14:14">
      <c r="N741385" s="10"/>
    </row>
    <row r="741386" spans="14:14">
      <c r="N741386" s="10"/>
    </row>
    <row r="741387" spans="14:14">
      <c r="N741387" s="10"/>
    </row>
    <row r="741388" spans="14:14">
      <c r="N741388" s="10"/>
    </row>
    <row r="741389" spans="14:14">
      <c r="N741389" s="10"/>
    </row>
    <row r="741390" spans="14:14">
      <c r="N741390" s="10"/>
    </row>
    <row r="741391" spans="14:14">
      <c r="N741391" s="10"/>
    </row>
    <row r="741392" spans="14:14">
      <c r="N741392" s="10"/>
    </row>
    <row r="741393" spans="14:14">
      <c r="N741393" s="10"/>
    </row>
    <row r="741394" spans="14:14">
      <c r="N741394" s="10"/>
    </row>
    <row r="741395" spans="14:14">
      <c r="N741395" s="10"/>
    </row>
    <row r="741396" spans="14:14">
      <c r="N741396" s="10"/>
    </row>
    <row r="741397" spans="14:14">
      <c r="N741397" s="10"/>
    </row>
    <row r="741398" spans="14:14">
      <c r="N741398" s="10"/>
    </row>
    <row r="741399" spans="14:14">
      <c r="N741399" s="10"/>
    </row>
    <row r="741400" spans="14:14">
      <c r="N741400" s="10"/>
    </row>
    <row r="741401" spans="14:14">
      <c r="N741401" s="10"/>
    </row>
    <row r="741402" spans="14:14">
      <c r="N741402" s="10"/>
    </row>
    <row r="741403" spans="14:14">
      <c r="N741403" s="10"/>
    </row>
    <row r="741404" spans="14:14">
      <c r="N741404" s="10"/>
    </row>
    <row r="741405" spans="14:14">
      <c r="N741405" s="10"/>
    </row>
    <row r="741406" spans="14:14">
      <c r="N741406" s="10"/>
    </row>
    <row r="741407" spans="14:14">
      <c r="N741407" s="10"/>
    </row>
    <row r="741408" spans="14:14">
      <c r="N741408" s="10"/>
    </row>
    <row r="741409" spans="14:14">
      <c r="N741409" s="10"/>
    </row>
    <row r="741410" spans="14:14">
      <c r="N741410" s="10"/>
    </row>
    <row r="741411" spans="14:14">
      <c r="N741411" s="10"/>
    </row>
    <row r="741412" spans="14:14">
      <c r="N741412" s="10"/>
    </row>
    <row r="741413" spans="14:14">
      <c r="N741413" s="10"/>
    </row>
    <row r="741414" spans="14:14">
      <c r="N741414" s="10"/>
    </row>
    <row r="741415" spans="14:14">
      <c r="N741415" s="10"/>
    </row>
    <row r="741416" spans="14:14">
      <c r="N741416" s="10"/>
    </row>
    <row r="741417" spans="14:14">
      <c r="N741417" s="10"/>
    </row>
    <row r="741418" spans="14:14">
      <c r="N741418" s="10"/>
    </row>
    <row r="741419" spans="14:14">
      <c r="N741419" s="10"/>
    </row>
    <row r="741420" spans="14:14">
      <c r="N741420" s="10"/>
    </row>
    <row r="741421" spans="14:14">
      <c r="N741421" s="10"/>
    </row>
    <row r="741422" spans="14:14">
      <c r="N741422" s="10"/>
    </row>
    <row r="741423" spans="14:14">
      <c r="N741423" s="10"/>
    </row>
    <row r="741424" spans="14:14">
      <c r="N741424" s="10"/>
    </row>
    <row r="741425" spans="14:14">
      <c r="N741425" s="10"/>
    </row>
    <row r="741426" spans="14:14">
      <c r="N741426" s="10"/>
    </row>
    <row r="741427" spans="14:14">
      <c r="N741427" s="10"/>
    </row>
    <row r="741428" spans="14:14">
      <c r="N741428" s="10"/>
    </row>
    <row r="741429" spans="14:14">
      <c r="N741429" s="10"/>
    </row>
    <row r="741430" spans="14:14">
      <c r="N741430" s="10"/>
    </row>
    <row r="741431" spans="14:14">
      <c r="N741431" s="10"/>
    </row>
    <row r="741432" spans="14:14">
      <c r="N741432" s="10"/>
    </row>
    <row r="741433" spans="14:14">
      <c r="N741433" s="10"/>
    </row>
    <row r="741434" spans="14:14">
      <c r="N741434" s="10"/>
    </row>
    <row r="741435" spans="14:14">
      <c r="N741435" s="10"/>
    </row>
    <row r="741436" spans="14:14">
      <c r="N741436" s="10"/>
    </row>
    <row r="741437" spans="14:14">
      <c r="N741437" s="10"/>
    </row>
    <row r="741438" spans="14:14">
      <c r="N741438" s="10"/>
    </row>
    <row r="741439" spans="14:14">
      <c r="N741439" s="10"/>
    </row>
    <row r="741440" spans="14:14">
      <c r="N741440" s="10"/>
    </row>
    <row r="741441" spans="14:14">
      <c r="N741441" s="10"/>
    </row>
    <row r="741442" spans="14:14">
      <c r="N741442" s="10"/>
    </row>
    <row r="741443" spans="14:14">
      <c r="N741443" s="10"/>
    </row>
    <row r="741444" spans="14:14">
      <c r="N741444" s="10"/>
    </row>
    <row r="741445" spans="14:14">
      <c r="N741445" s="10"/>
    </row>
    <row r="741446" spans="14:14">
      <c r="N741446" s="10"/>
    </row>
    <row r="741447" spans="14:14">
      <c r="N741447" s="10"/>
    </row>
    <row r="741448" spans="14:14">
      <c r="N741448" s="10"/>
    </row>
    <row r="741449" spans="14:14">
      <c r="N741449" s="10"/>
    </row>
    <row r="741450" spans="14:14">
      <c r="N741450" s="10"/>
    </row>
    <row r="741451" spans="14:14">
      <c r="N741451" s="10"/>
    </row>
    <row r="741452" spans="14:14">
      <c r="N741452" s="10"/>
    </row>
    <row r="741453" spans="14:14">
      <c r="N741453" s="10"/>
    </row>
    <row r="741454" spans="14:14">
      <c r="N741454" s="10"/>
    </row>
    <row r="741455" spans="14:14">
      <c r="N741455" s="10"/>
    </row>
    <row r="741456" spans="14:14">
      <c r="N741456" s="10"/>
    </row>
    <row r="741457" spans="14:14">
      <c r="N741457" s="10"/>
    </row>
    <row r="741458" spans="14:14">
      <c r="N741458" s="10"/>
    </row>
    <row r="741459" spans="14:14">
      <c r="N741459" s="10"/>
    </row>
    <row r="741460" spans="14:14">
      <c r="N741460" s="10"/>
    </row>
    <row r="741461" spans="14:14">
      <c r="N741461" s="10"/>
    </row>
    <row r="741462" spans="14:14">
      <c r="N741462" s="10"/>
    </row>
    <row r="741463" spans="14:14">
      <c r="N741463" s="10"/>
    </row>
    <row r="741464" spans="14:14">
      <c r="N741464" s="10"/>
    </row>
    <row r="741465" spans="14:14">
      <c r="N741465" s="10"/>
    </row>
    <row r="741466" spans="14:14">
      <c r="N741466" s="10"/>
    </row>
    <row r="741467" spans="14:14">
      <c r="N741467" s="10"/>
    </row>
    <row r="741468" spans="14:14">
      <c r="N741468" s="10"/>
    </row>
    <row r="741469" spans="14:14">
      <c r="N741469" s="10"/>
    </row>
    <row r="741470" spans="14:14">
      <c r="N741470" s="10"/>
    </row>
    <row r="741471" spans="14:14">
      <c r="N741471" s="10"/>
    </row>
    <row r="741472" spans="14:14">
      <c r="N741472" s="10"/>
    </row>
    <row r="741473" spans="14:14">
      <c r="N741473" s="10"/>
    </row>
    <row r="741474" spans="14:14">
      <c r="N741474" s="10"/>
    </row>
    <row r="741475" spans="14:14">
      <c r="N741475" s="10"/>
    </row>
    <row r="741476" spans="14:14">
      <c r="N741476" s="10"/>
    </row>
    <row r="741477" spans="14:14">
      <c r="N741477" s="10"/>
    </row>
    <row r="741478" spans="14:14">
      <c r="N741478" s="10"/>
    </row>
    <row r="741479" spans="14:14">
      <c r="N741479" s="10"/>
    </row>
    <row r="741480" spans="14:14">
      <c r="N741480" s="10"/>
    </row>
    <row r="741481" spans="14:14">
      <c r="N741481" s="10"/>
    </row>
    <row r="741482" spans="14:14">
      <c r="N741482" s="10"/>
    </row>
    <row r="741483" spans="14:14">
      <c r="N741483" s="10"/>
    </row>
    <row r="741484" spans="14:14">
      <c r="N741484" s="10"/>
    </row>
    <row r="741485" spans="14:14">
      <c r="N741485" s="10"/>
    </row>
    <row r="741486" spans="14:14">
      <c r="N741486" s="10"/>
    </row>
    <row r="741487" spans="14:14">
      <c r="N741487" s="10"/>
    </row>
    <row r="741488" spans="14:14">
      <c r="N741488" s="10"/>
    </row>
    <row r="741489" spans="14:14">
      <c r="N741489" s="10"/>
    </row>
    <row r="741490" spans="14:14">
      <c r="N741490" s="10"/>
    </row>
    <row r="741491" spans="14:14">
      <c r="N741491" s="10"/>
    </row>
    <row r="741492" spans="14:14">
      <c r="N741492" s="10"/>
    </row>
    <row r="741493" spans="14:14">
      <c r="N741493" s="10"/>
    </row>
    <row r="741494" spans="14:14">
      <c r="N741494" s="10"/>
    </row>
    <row r="741495" spans="14:14">
      <c r="N741495" s="10"/>
    </row>
    <row r="741496" spans="14:14">
      <c r="N741496" s="10"/>
    </row>
    <row r="741497" spans="14:14">
      <c r="N741497" s="10"/>
    </row>
    <row r="741498" spans="14:14">
      <c r="N741498" s="10"/>
    </row>
    <row r="741499" spans="14:14">
      <c r="N741499" s="10"/>
    </row>
    <row r="741500" spans="14:14">
      <c r="N741500" s="10"/>
    </row>
    <row r="741501" spans="14:14">
      <c r="N741501" s="10"/>
    </row>
    <row r="741502" spans="14:14">
      <c r="N741502" s="10"/>
    </row>
    <row r="741503" spans="14:14">
      <c r="N741503" s="10"/>
    </row>
    <row r="741504" spans="14:14">
      <c r="N741504" s="10"/>
    </row>
    <row r="741505" spans="14:14">
      <c r="N741505" s="10"/>
    </row>
    <row r="741506" spans="14:14">
      <c r="N741506" s="10"/>
    </row>
    <row r="741507" spans="14:14">
      <c r="N741507" s="10"/>
    </row>
    <row r="741508" spans="14:14">
      <c r="N741508" s="10"/>
    </row>
    <row r="741509" spans="14:14">
      <c r="N741509" s="10"/>
    </row>
    <row r="741510" spans="14:14">
      <c r="N741510" s="10"/>
    </row>
    <row r="741511" spans="14:14">
      <c r="N741511" s="10"/>
    </row>
    <row r="741512" spans="14:14">
      <c r="N741512" s="10"/>
    </row>
    <row r="741513" spans="14:14">
      <c r="N741513" s="10"/>
    </row>
    <row r="741514" spans="14:14">
      <c r="N741514" s="10"/>
    </row>
    <row r="741515" spans="14:14">
      <c r="N741515" s="10"/>
    </row>
    <row r="741516" spans="14:14">
      <c r="N741516" s="10"/>
    </row>
    <row r="741517" spans="14:14">
      <c r="N741517" s="10"/>
    </row>
    <row r="741518" spans="14:14">
      <c r="N741518" s="10"/>
    </row>
    <row r="741519" spans="14:14">
      <c r="N741519" s="10"/>
    </row>
    <row r="741520" spans="14:14">
      <c r="N741520" s="10"/>
    </row>
    <row r="741521" spans="14:14">
      <c r="N741521" s="10"/>
    </row>
    <row r="741522" spans="14:14">
      <c r="N741522" s="10"/>
    </row>
    <row r="741523" spans="14:14">
      <c r="N741523" s="10"/>
    </row>
    <row r="741524" spans="14:14">
      <c r="N741524" s="10"/>
    </row>
    <row r="741525" spans="14:14">
      <c r="N741525" s="10"/>
    </row>
    <row r="741526" spans="14:14">
      <c r="N741526" s="10"/>
    </row>
    <row r="741527" spans="14:14">
      <c r="N741527" s="10"/>
    </row>
    <row r="741528" spans="14:14">
      <c r="N741528" s="10"/>
    </row>
    <row r="741529" spans="14:14">
      <c r="N741529" s="10"/>
    </row>
    <row r="741530" spans="14:14">
      <c r="N741530" s="10"/>
    </row>
    <row r="741531" spans="14:14">
      <c r="N741531" s="10"/>
    </row>
    <row r="741532" spans="14:14">
      <c r="N741532" s="10"/>
    </row>
    <row r="741533" spans="14:14">
      <c r="N741533" s="10"/>
    </row>
    <row r="741534" spans="14:14">
      <c r="N741534" s="10"/>
    </row>
    <row r="741535" spans="14:14">
      <c r="N741535" s="10"/>
    </row>
    <row r="741536" spans="14:14">
      <c r="N741536" s="10"/>
    </row>
    <row r="741537" spans="14:14">
      <c r="N741537" s="10"/>
    </row>
    <row r="741538" spans="14:14">
      <c r="N741538" s="10"/>
    </row>
    <row r="741539" spans="14:14">
      <c r="N741539" s="10"/>
    </row>
    <row r="741540" spans="14:14">
      <c r="N741540" s="10"/>
    </row>
    <row r="741541" spans="14:14">
      <c r="N741541" s="10"/>
    </row>
    <row r="741542" spans="14:14">
      <c r="N741542" s="10"/>
    </row>
    <row r="741543" spans="14:14">
      <c r="N741543" s="10"/>
    </row>
    <row r="741544" spans="14:14">
      <c r="N741544" s="10"/>
    </row>
    <row r="741545" spans="14:14">
      <c r="N741545" s="10"/>
    </row>
    <row r="741546" spans="14:14">
      <c r="N741546" s="10"/>
    </row>
    <row r="741547" spans="14:14">
      <c r="N741547" s="10"/>
    </row>
    <row r="741548" spans="14:14">
      <c r="N741548" s="10"/>
    </row>
    <row r="741549" spans="14:14">
      <c r="N741549" s="10"/>
    </row>
    <row r="741550" spans="14:14">
      <c r="N741550" s="10"/>
    </row>
    <row r="741551" spans="14:14">
      <c r="N741551" s="10"/>
    </row>
    <row r="741552" spans="14:14">
      <c r="N741552" s="10"/>
    </row>
    <row r="741553" spans="14:14">
      <c r="N741553" s="10"/>
    </row>
    <row r="741554" spans="14:14">
      <c r="N741554" s="10"/>
    </row>
    <row r="741555" spans="14:14">
      <c r="N741555" s="10"/>
    </row>
    <row r="741556" spans="14:14">
      <c r="N741556" s="10"/>
    </row>
    <row r="741557" spans="14:14">
      <c r="N741557" s="10"/>
    </row>
    <row r="741558" spans="14:14">
      <c r="N741558" s="10"/>
    </row>
    <row r="741559" spans="14:14">
      <c r="N741559" s="10"/>
    </row>
    <row r="741560" spans="14:14">
      <c r="N741560" s="10"/>
    </row>
    <row r="741561" spans="14:14">
      <c r="N741561" s="10"/>
    </row>
    <row r="741562" spans="14:14">
      <c r="N741562" s="10"/>
    </row>
    <row r="741563" spans="14:14">
      <c r="N741563" s="10"/>
    </row>
    <row r="741564" spans="14:14">
      <c r="N741564" s="10"/>
    </row>
    <row r="741565" spans="14:14">
      <c r="N741565" s="10"/>
    </row>
    <row r="741566" spans="14:14">
      <c r="N741566" s="10"/>
    </row>
    <row r="741567" spans="14:14">
      <c r="N741567" s="10"/>
    </row>
    <row r="741568" spans="14:14">
      <c r="N741568" s="10"/>
    </row>
    <row r="741569" spans="14:14">
      <c r="N741569" s="10"/>
    </row>
    <row r="741570" spans="14:14">
      <c r="N741570" s="10"/>
    </row>
    <row r="741571" spans="14:14">
      <c r="N741571" s="10"/>
    </row>
    <row r="741572" spans="14:14">
      <c r="N741572" s="10"/>
    </row>
    <row r="741573" spans="14:14">
      <c r="N741573" s="10"/>
    </row>
    <row r="741574" spans="14:14">
      <c r="N741574" s="10"/>
    </row>
    <row r="741575" spans="14:14">
      <c r="N741575" s="10"/>
    </row>
    <row r="741576" spans="14:14">
      <c r="N741576" s="10"/>
    </row>
    <row r="741577" spans="14:14">
      <c r="N741577" s="10"/>
    </row>
    <row r="741578" spans="14:14">
      <c r="N741578" s="10"/>
    </row>
    <row r="741579" spans="14:14">
      <c r="N741579" s="10"/>
    </row>
    <row r="741580" spans="14:14">
      <c r="N741580" s="10"/>
    </row>
    <row r="741581" spans="14:14">
      <c r="N741581" s="10"/>
    </row>
    <row r="741582" spans="14:14">
      <c r="N741582" s="10"/>
    </row>
    <row r="741583" spans="14:14">
      <c r="N741583" s="10"/>
    </row>
    <row r="741584" spans="14:14">
      <c r="N741584" s="10"/>
    </row>
    <row r="741585" spans="14:14">
      <c r="N741585" s="10"/>
    </row>
    <row r="741586" spans="14:14">
      <c r="N741586" s="10"/>
    </row>
    <row r="741587" spans="14:14">
      <c r="N741587" s="10"/>
    </row>
    <row r="741588" spans="14:14">
      <c r="N741588" s="10"/>
    </row>
    <row r="741589" spans="14:14">
      <c r="N741589" s="10"/>
    </row>
    <row r="741590" spans="14:14">
      <c r="N741590" s="10"/>
    </row>
    <row r="741591" spans="14:14">
      <c r="N741591" s="10"/>
    </row>
    <row r="741592" spans="14:14">
      <c r="N741592" s="10"/>
    </row>
    <row r="741593" spans="14:14">
      <c r="N741593" s="10"/>
    </row>
    <row r="741594" spans="14:14">
      <c r="N741594" s="10"/>
    </row>
    <row r="741595" spans="14:14">
      <c r="N741595" s="10"/>
    </row>
    <row r="741596" spans="14:14">
      <c r="N741596" s="10"/>
    </row>
    <row r="741597" spans="14:14">
      <c r="N741597" s="10"/>
    </row>
    <row r="741598" spans="14:14">
      <c r="N741598" s="10"/>
    </row>
    <row r="741599" spans="14:14">
      <c r="N741599" s="10"/>
    </row>
    <row r="741600" spans="14:14">
      <c r="N741600" s="10"/>
    </row>
    <row r="741601" spans="14:14">
      <c r="N741601" s="10"/>
    </row>
    <row r="741602" spans="14:14">
      <c r="N741602" s="10"/>
    </row>
    <row r="741603" spans="14:14">
      <c r="N741603" s="10"/>
    </row>
    <row r="741604" spans="14:14">
      <c r="N741604" s="10"/>
    </row>
    <row r="741605" spans="14:14">
      <c r="N741605" s="10"/>
    </row>
    <row r="741606" spans="14:14">
      <c r="N741606" s="10"/>
    </row>
    <row r="741607" spans="14:14">
      <c r="N741607" s="10"/>
    </row>
    <row r="741608" spans="14:14">
      <c r="N741608" s="10"/>
    </row>
    <row r="741609" spans="14:14">
      <c r="N741609" s="10"/>
    </row>
    <row r="741610" spans="14:14">
      <c r="N741610" s="10"/>
    </row>
    <row r="741611" spans="14:14">
      <c r="N741611" s="10"/>
    </row>
    <row r="741612" spans="14:14">
      <c r="N741612" s="10"/>
    </row>
    <row r="741613" spans="14:14">
      <c r="N741613" s="10"/>
    </row>
    <row r="741614" spans="14:14">
      <c r="N741614" s="10"/>
    </row>
    <row r="741615" spans="14:14">
      <c r="N741615" s="10"/>
    </row>
    <row r="741616" spans="14:14">
      <c r="N741616" s="10"/>
    </row>
    <row r="741617" spans="14:14">
      <c r="N741617" s="10"/>
    </row>
    <row r="741618" spans="14:14">
      <c r="N741618" s="10"/>
    </row>
    <row r="741619" spans="14:14">
      <c r="N741619" s="10"/>
    </row>
    <row r="741620" spans="14:14">
      <c r="N741620" s="10"/>
    </row>
    <row r="741621" spans="14:14">
      <c r="N741621" s="10"/>
    </row>
    <row r="741622" spans="14:14">
      <c r="N741622" s="10"/>
    </row>
    <row r="741623" spans="14:14">
      <c r="N741623" s="10"/>
    </row>
    <row r="741624" spans="14:14">
      <c r="N741624" s="10"/>
    </row>
    <row r="741625" spans="14:14">
      <c r="N741625" s="10"/>
    </row>
    <row r="741626" spans="14:14">
      <c r="N741626" s="10"/>
    </row>
    <row r="741627" spans="14:14">
      <c r="N741627" s="10"/>
    </row>
    <row r="741628" spans="14:14">
      <c r="N741628" s="10"/>
    </row>
    <row r="741629" spans="14:14">
      <c r="N741629" s="10"/>
    </row>
    <row r="741630" spans="14:14">
      <c r="N741630" s="10"/>
    </row>
    <row r="741631" spans="14:14">
      <c r="N741631" s="10"/>
    </row>
    <row r="741632" spans="14:14">
      <c r="N741632" s="10"/>
    </row>
    <row r="741633" spans="14:14">
      <c r="N741633" s="10"/>
    </row>
    <row r="741634" spans="14:14">
      <c r="N741634" s="10"/>
    </row>
    <row r="741635" spans="14:14">
      <c r="N741635" s="10"/>
    </row>
    <row r="741636" spans="14:14">
      <c r="N741636" s="10"/>
    </row>
    <row r="741637" spans="14:14">
      <c r="N741637" s="10"/>
    </row>
    <row r="741638" spans="14:14">
      <c r="N741638" s="10"/>
    </row>
    <row r="741639" spans="14:14">
      <c r="N741639" s="10"/>
    </row>
    <row r="741640" spans="14:14">
      <c r="N741640" s="10"/>
    </row>
    <row r="741641" spans="14:14">
      <c r="N741641" s="10"/>
    </row>
    <row r="741642" spans="14:14">
      <c r="N741642" s="10"/>
    </row>
    <row r="741643" spans="14:14">
      <c r="N741643" s="10"/>
    </row>
    <row r="741644" spans="14:14">
      <c r="N741644" s="10"/>
    </row>
    <row r="741645" spans="14:14">
      <c r="N741645" s="10"/>
    </row>
    <row r="741646" spans="14:14">
      <c r="N741646" s="10"/>
    </row>
    <row r="741647" spans="14:14">
      <c r="N741647" s="10"/>
    </row>
    <row r="741648" spans="14:14">
      <c r="N741648" s="10"/>
    </row>
    <row r="741649" spans="14:14">
      <c r="N741649" s="10"/>
    </row>
    <row r="741650" spans="14:14">
      <c r="N741650" s="10"/>
    </row>
    <row r="741651" spans="14:14">
      <c r="N741651" s="10"/>
    </row>
    <row r="741652" spans="14:14">
      <c r="N741652" s="10"/>
    </row>
    <row r="741653" spans="14:14">
      <c r="N741653" s="10"/>
    </row>
    <row r="741654" spans="14:14">
      <c r="N741654" s="10"/>
    </row>
    <row r="741655" spans="14:14">
      <c r="N741655" s="10"/>
    </row>
    <row r="741656" spans="14:14">
      <c r="N741656" s="10"/>
    </row>
    <row r="741657" spans="14:14">
      <c r="N741657" s="10"/>
    </row>
    <row r="741658" spans="14:14">
      <c r="N741658" s="10"/>
    </row>
    <row r="741659" spans="14:14">
      <c r="N741659" s="10"/>
    </row>
    <row r="741660" spans="14:14">
      <c r="N741660" s="10"/>
    </row>
    <row r="741661" spans="14:14">
      <c r="N741661" s="10"/>
    </row>
    <row r="741662" spans="14:14">
      <c r="N741662" s="10"/>
    </row>
    <row r="741663" spans="14:14">
      <c r="N741663" s="10"/>
    </row>
    <row r="741664" spans="14:14">
      <c r="N741664" s="10"/>
    </row>
    <row r="741665" spans="14:14">
      <c r="N741665" s="10"/>
    </row>
    <row r="741666" spans="14:14">
      <c r="N741666" s="10"/>
    </row>
    <row r="741667" spans="14:14">
      <c r="N741667" s="10"/>
    </row>
    <row r="741668" spans="14:14">
      <c r="N741668" s="10"/>
    </row>
    <row r="741669" spans="14:14">
      <c r="N741669" s="10"/>
    </row>
    <row r="741670" spans="14:14">
      <c r="N741670" s="10"/>
    </row>
    <row r="741671" spans="14:14">
      <c r="N741671" s="10"/>
    </row>
    <row r="741672" spans="14:14">
      <c r="N741672" s="10"/>
    </row>
    <row r="741673" spans="14:14">
      <c r="N741673" s="10"/>
    </row>
    <row r="741674" spans="14:14">
      <c r="N741674" s="10"/>
    </row>
    <row r="741675" spans="14:14">
      <c r="N741675" s="10"/>
    </row>
    <row r="741676" spans="14:14">
      <c r="N741676" s="10"/>
    </row>
    <row r="741677" spans="14:14">
      <c r="N741677" s="10"/>
    </row>
    <row r="741678" spans="14:14">
      <c r="N741678" s="10"/>
    </row>
    <row r="741679" spans="14:14">
      <c r="N741679" s="10"/>
    </row>
    <row r="741680" spans="14:14">
      <c r="N741680" s="10"/>
    </row>
    <row r="741681" spans="14:14">
      <c r="N741681" s="10"/>
    </row>
    <row r="741682" spans="14:14">
      <c r="N741682" s="10"/>
    </row>
    <row r="741683" spans="14:14">
      <c r="N741683" s="10"/>
    </row>
    <row r="741684" spans="14:14">
      <c r="N741684" s="10"/>
    </row>
    <row r="741685" spans="14:14">
      <c r="N741685" s="10"/>
    </row>
    <row r="741686" spans="14:14">
      <c r="N741686" s="10"/>
    </row>
    <row r="741687" spans="14:14">
      <c r="N741687" s="10"/>
    </row>
    <row r="741688" spans="14:14">
      <c r="N741688" s="10"/>
    </row>
    <row r="741689" spans="14:14">
      <c r="N741689" s="10"/>
    </row>
    <row r="741690" spans="14:14">
      <c r="N741690" s="10"/>
    </row>
    <row r="741691" spans="14:14">
      <c r="N741691" s="10"/>
    </row>
    <row r="741692" spans="14:14">
      <c r="N741692" s="10"/>
    </row>
    <row r="741693" spans="14:14">
      <c r="N741693" s="10"/>
    </row>
    <row r="741694" spans="14:14">
      <c r="N741694" s="10"/>
    </row>
    <row r="741695" spans="14:14">
      <c r="N741695" s="10"/>
    </row>
    <row r="741696" spans="14:14">
      <c r="N741696" s="10"/>
    </row>
    <row r="741697" spans="14:14">
      <c r="N741697" s="10"/>
    </row>
    <row r="741698" spans="14:14">
      <c r="N741698" s="10"/>
    </row>
    <row r="741699" spans="14:14">
      <c r="N741699" s="10"/>
    </row>
    <row r="741700" spans="14:14">
      <c r="N741700" s="10"/>
    </row>
    <row r="741701" spans="14:14">
      <c r="N741701" s="10"/>
    </row>
    <row r="741702" spans="14:14">
      <c r="N741702" s="10"/>
    </row>
    <row r="741703" spans="14:14">
      <c r="N741703" s="10"/>
    </row>
    <row r="741704" spans="14:14">
      <c r="N741704" s="10"/>
    </row>
    <row r="741705" spans="14:14">
      <c r="N741705" s="10"/>
    </row>
    <row r="741706" spans="14:14">
      <c r="N741706" s="10"/>
    </row>
    <row r="741707" spans="14:14">
      <c r="N741707" s="10"/>
    </row>
    <row r="741708" spans="14:14">
      <c r="N741708" s="10"/>
    </row>
    <row r="741709" spans="14:14">
      <c r="N741709" s="10"/>
    </row>
    <row r="741710" spans="14:14">
      <c r="N741710" s="10"/>
    </row>
    <row r="741711" spans="14:14">
      <c r="N741711" s="10"/>
    </row>
    <row r="741712" spans="14:14">
      <c r="N741712" s="10"/>
    </row>
    <row r="741713" spans="14:14">
      <c r="N741713" s="10"/>
    </row>
    <row r="741714" spans="14:14">
      <c r="N741714" s="10"/>
    </row>
    <row r="741715" spans="14:14">
      <c r="N741715" s="10"/>
    </row>
    <row r="741716" spans="14:14">
      <c r="N741716" s="10"/>
    </row>
    <row r="741717" spans="14:14">
      <c r="N741717" s="10"/>
    </row>
    <row r="741718" spans="14:14">
      <c r="N741718" s="10"/>
    </row>
    <row r="741719" spans="14:14">
      <c r="N741719" s="10"/>
    </row>
    <row r="741720" spans="14:14">
      <c r="N741720" s="10"/>
    </row>
    <row r="741721" spans="14:14">
      <c r="N741721" s="10"/>
    </row>
    <row r="741722" spans="14:14">
      <c r="N741722" s="10"/>
    </row>
    <row r="741723" spans="14:14">
      <c r="N741723" s="10"/>
    </row>
    <row r="741724" spans="14:14">
      <c r="N741724" s="10"/>
    </row>
    <row r="741725" spans="14:14">
      <c r="N741725" s="10"/>
    </row>
    <row r="741726" spans="14:14">
      <c r="N741726" s="10"/>
    </row>
    <row r="741727" spans="14:14">
      <c r="N741727" s="10"/>
    </row>
    <row r="741728" spans="14:14">
      <c r="N741728" s="10"/>
    </row>
    <row r="741729" spans="14:14">
      <c r="N741729" s="10"/>
    </row>
    <row r="741730" spans="14:14">
      <c r="N741730" s="10"/>
    </row>
    <row r="741731" spans="14:14">
      <c r="N741731" s="10"/>
    </row>
    <row r="741732" spans="14:14">
      <c r="N741732" s="10"/>
    </row>
    <row r="741733" spans="14:14">
      <c r="N741733" s="10"/>
    </row>
    <row r="741734" spans="14:14">
      <c r="N741734" s="10"/>
    </row>
    <row r="741735" spans="14:14">
      <c r="N741735" s="10"/>
    </row>
    <row r="741736" spans="14:14">
      <c r="N741736" s="10"/>
    </row>
    <row r="741737" spans="14:14">
      <c r="N741737" s="10"/>
    </row>
    <row r="741738" spans="14:14">
      <c r="N741738" s="10"/>
    </row>
    <row r="741739" spans="14:14">
      <c r="N741739" s="10"/>
    </row>
    <row r="741740" spans="14:14">
      <c r="N741740" s="10"/>
    </row>
    <row r="741741" spans="14:14">
      <c r="N741741" s="10"/>
    </row>
    <row r="741742" spans="14:14">
      <c r="N741742" s="10"/>
    </row>
    <row r="741743" spans="14:14">
      <c r="N741743" s="10"/>
    </row>
    <row r="741744" spans="14:14">
      <c r="N741744" s="10"/>
    </row>
    <row r="741745" spans="14:14">
      <c r="N741745" s="10"/>
    </row>
    <row r="741746" spans="14:14">
      <c r="N741746" s="10"/>
    </row>
    <row r="741747" spans="14:14">
      <c r="N741747" s="10"/>
    </row>
    <row r="741748" spans="14:14">
      <c r="N741748" s="10"/>
    </row>
    <row r="741749" spans="14:14">
      <c r="N741749" s="10"/>
    </row>
    <row r="741750" spans="14:14">
      <c r="N741750" s="10"/>
    </row>
    <row r="741751" spans="14:14">
      <c r="N741751" s="10"/>
    </row>
    <row r="741752" spans="14:14">
      <c r="N741752" s="10"/>
    </row>
    <row r="741753" spans="14:14">
      <c r="N741753" s="10"/>
    </row>
    <row r="741754" spans="14:14">
      <c r="N741754" s="10"/>
    </row>
    <row r="741755" spans="14:14">
      <c r="N741755" s="10"/>
    </row>
    <row r="741756" spans="14:14">
      <c r="N741756" s="10"/>
    </row>
    <row r="741757" spans="14:14">
      <c r="N741757" s="10"/>
    </row>
    <row r="741758" spans="14:14">
      <c r="N741758" s="10"/>
    </row>
    <row r="741759" spans="14:14">
      <c r="N741759" s="10"/>
    </row>
    <row r="741760" spans="14:14">
      <c r="N741760" s="10"/>
    </row>
    <row r="741761" spans="14:14">
      <c r="N741761" s="10"/>
    </row>
    <row r="741762" spans="14:14">
      <c r="N741762" s="10"/>
    </row>
    <row r="741763" spans="14:14">
      <c r="N741763" s="10"/>
    </row>
    <row r="741764" spans="14:14">
      <c r="N741764" s="10"/>
    </row>
    <row r="741765" spans="14:14">
      <c r="N741765" s="10"/>
    </row>
    <row r="741766" spans="14:14">
      <c r="N741766" s="10"/>
    </row>
    <row r="741767" spans="14:14">
      <c r="N741767" s="10"/>
    </row>
    <row r="741768" spans="14:14">
      <c r="N741768" s="10"/>
    </row>
    <row r="741769" spans="14:14">
      <c r="N741769" s="10"/>
    </row>
    <row r="741770" spans="14:14">
      <c r="N741770" s="10"/>
    </row>
    <row r="741771" spans="14:14">
      <c r="N741771" s="10"/>
    </row>
    <row r="741772" spans="14:14">
      <c r="N741772" s="10"/>
    </row>
    <row r="741773" spans="14:14">
      <c r="N741773" s="10"/>
    </row>
    <row r="741774" spans="14:14">
      <c r="N741774" s="10"/>
    </row>
    <row r="741775" spans="14:14">
      <c r="N741775" s="10"/>
    </row>
    <row r="741776" spans="14:14">
      <c r="N741776" s="10"/>
    </row>
    <row r="741777" spans="14:14">
      <c r="N741777" s="10"/>
    </row>
    <row r="741778" spans="14:14">
      <c r="N741778" s="10"/>
    </row>
    <row r="741779" spans="14:14">
      <c r="N741779" s="10"/>
    </row>
    <row r="741780" spans="14:14">
      <c r="N741780" s="10"/>
    </row>
    <row r="741781" spans="14:14">
      <c r="N741781" s="10"/>
    </row>
    <row r="741782" spans="14:14">
      <c r="N741782" s="10"/>
    </row>
    <row r="741783" spans="14:14">
      <c r="N741783" s="10"/>
    </row>
    <row r="741784" spans="14:14">
      <c r="N741784" s="10"/>
    </row>
    <row r="741785" spans="14:14">
      <c r="N741785" s="10"/>
    </row>
    <row r="741786" spans="14:14">
      <c r="N741786" s="10"/>
    </row>
    <row r="741787" spans="14:14">
      <c r="N741787" s="10"/>
    </row>
    <row r="741788" spans="14:14">
      <c r="N741788" s="10"/>
    </row>
    <row r="741789" spans="14:14">
      <c r="N741789" s="10"/>
    </row>
    <row r="741790" spans="14:14">
      <c r="N741790" s="10"/>
    </row>
    <row r="741791" spans="14:14">
      <c r="N741791" s="10"/>
    </row>
    <row r="741792" spans="14:14">
      <c r="N741792" s="10"/>
    </row>
    <row r="741793" spans="14:14">
      <c r="N741793" s="10"/>
    </row>
    <row r="741794" spans="14:14">
      <c r="N741794" s="10"/>
    </row>
    <row r="741795" spans="14:14">
      <c r="N741795" s="10"/>
    </row>
    <row r="741796" spans="14:14">
      <c r="N741796" s="10"/>
    </row>
    <row r="741797" spans="14:14">
      <c r="N741797" s="10"/>
    </row>
    <row r="741798" spans="14:14">
      <c r="N741798" s="10"/>
    </row>
    <row r="741799" spans="14:14">
      <c r="N741799" s="10"/>
    </row>
    <row r="741800" spans="14:14">
      <c r="N741800" s="10"/>
    </row>
    <row r="741801" spans="14:14">
      <c r="N741801" s="10"/>
    </row>
    <row r="741802" spans="14:14">
      <c r="N741802" s="10"/>
    </row>
    <row r="741803" spans="14:14">
      <c r="N741803" s="10"/>
    </row>
    <row r="741804" spans="14:14">
      <c r="N741804" s="10"/>
    </row>
    <row r="741805" spans="14:14">
      <c r="N741805" s="10"/>
    </row>
    <row r="741806" spans="14:14">
      <c r="N741806" s="10"/>
    </row>
    <row r="741807" spans="14:14">
      <c r="N741807" s="10"/>
    </row>
    <row r="741808" spans="14:14">
      <c r="N741808" s="10"/>
    </row>
    <row r="741809" spans="14:14">
      <c r="N741809" s="10"/>
    </row>
    <row r="741810" spans="14:14">
      <c r="N741810" s="10"/>
    </row>
    <row r="741811" spans="14:14">
      <c r="N741811" s="10"/>
    </row>
    <row r="741812" spans="14:14">
      <c r="N741812" s="10"/>
    </row>
    <row r="741813" spans="14:14">
      <c r="N741813" s="10"/>
    </row>
    <row r="741814" spans="14:14">
      <c r="N741814" s="10"/>
    </row>
    <row r="741815" spans="14:14">
      <c r="N741815" s="10"/>
    </row>
    <row r="741816" spans="14:14">
      <c r="N741816" s="10"/>
    </row>
    <row r="741817" spans="14:14">
      <c r="N741817" s="10"/>
    </row>
    <row r="741818" spans="14:14">
      <c r="N741818" s="10"/>
    </row>
    <row r="741819" spans="14:14">
      <c r="N741819" s="10"/>
    </row>
    <row r="741820" spans="14:14">
      <c r="N741820" s="10"/>
    </row>
    <row r="741821" spans="14:14">
      <c r="N741821" s="10"/>
    </row>
    <row r="741822" spans="14:14">
      <c r="N741822" s="10"/>
    </row>
    <row r="741823" spans="14:14">
      <c r="N741823" s="10"/>
    </row>
    <row r="741824" spans="14:14">
      <c r="N741824" s="10"/>
    </row>
    <row r="741825" spans="14:14">
      <c r="N741825" s="10"/>
    </row>
    <row r="741826" spans="14:14">
      <c r="N741826" s="10"/>
    </row>
    <row r="741827" spans="14:14">
      <c r="N741827" s="10"/>
    </row>
    <row r="741828" spans="14:14">
      <c r="N741828" s="10"/>
    </row>
    <row r="741829" spans="14:14">
      <c r="N741829" s="10"/>
    </row>
    <row r="741830" spans="14:14">
      <c r="N741830" s="10"/>
    </row>
    <row r="741831" spans="14:14">
      <c r="N741831" s="10"/>
    </row>
    <row r="741832" spans="14:14">
      <c r="N741832" s="10"/>
    </row>
    <row r="741833" spans="14:14">
      <c r="N741833" s="10"/>
    </row>
    <row r="741834" spans="14:14">
      <c r="N741834" s="10"/>
    </row>
    <row r="741835" spans="14:14">
      <c r="N741835" s="10"/>
    </row>
    <row r="741836" spans="14:14">
      <c r="N741836" s="10"/>
    </row>
    <row r="741837" spans="14:14">
      <c r="N741837" s="10"/>
    </row>
    <row r="741838" spans="14:14">
      <c r="N741838" s="10"/>
    </row>
    <row r="741839" spans="14:14">
      <c r="N741839" s="10"/>
    </row>
    <row r="741840" spans="14:14">
      <c r="N741840" s="10"/>
    </row>
    <row r="741841" spans="14:14">
      <c r="N741841" s="10"/>
    </row>
    <row r="741842" spans="14:14">
      <c r="N741842" s="10"/>
    </row>
    <row r="741843" spans="14:14">
      <c r="N741843" s="10"/>
    </row>
    <row r="741844" spans="14:14">
      <c r="N741844" s="10"/>
    </row>
    <row r="741845" spans="14:14">
      <c r="N741845" s="10"/>
    </row>
    <row r="741846" spans="14:14">
      <c r="N741846" s="10"/>
    </row>
    <row r="741847" spans="14:14">
      <c r="N741847" s="10"/>
    </row>
    <row r="741848" spans="14:14">
      <c r="N741848" s="10"/>
    </row>
    <row r="741849" spans="14:14">
      <c r="N741849" s="10"/>
    </row>
    <row r="741850" spans="14:14">
      <c r="N741850" s="10"/>
    </row>
    <row r="741851" spans="14:14">
      <c r="N741851" s="10"/>
    </row>
    <row r="741852" spans="14:14">
      <c r="N741852" s="10"/>
    </row>
    <row r="741853" spans="14:14">
      <c r="N741853" s="10"/>
    </row>
    <row r="741854" spans="14:14">
      <c r="N741854" s="10"/>
    </row>
    <row r="741855" spans="14:14">
      <c r="N741855" s="10"/>
    </row>
    <row r="741856" spans="14:14">
      <c r="N741856" s="10"/>
    </row>
    <row r="741857" spans="14:14">
      <c r="N741857" s="10"/>
    </row>
    <row r="741858" spans="14:14">
      <c r="N741858" s="10"/>
    </row>
    <row r="741859" spans="14:14">
      <c r="N741859" s="10"/>
    </row>
    <row r="741860" spans="14:14">
      <c r="N741860" s="10"/>
    </row>
    <row r="741861" spans="14:14">
      <c r="N741861" s="10"/>
    </row>
    <row r="741862" spans="14:14">
      <c r="N741862" s="10"/>
    </row>
    <row r="741863" spans="14:14">
      <c r="N741863" s="10"/>
    </row>
    <row r="741864" spans="14:14">
      <c r="N741864" s="10"/>
    </row>
    <row r="741865" spans="14:14">
      <c r="N741865" s="10"/>
    </row>
    <row r="741866" spans="14:14">
      <c r="N741866" s="10"/>
    </row>
    <row r="741867" spans="14:14">
      <c r="N741867" s="10"/>
    </row>
    <row r="741868" spans="14:14">
      <c r="N741868" s="10"/>
    </row>
    <row r="741869" spans="14:14">
      <c r="N741869" s="10"/>
    </row>
    <row r="741870" spans="14:14">
      <c r="N741870" s="10"/>
    </row>
    <row r="741871" spans="14:14">
      <c r="N741871" s="10"/>
    </row>
    <row r="741872" spans="14:14">
      <c r="N741872" s="10"/>
    </row>
    <row r="741873" spans="14:14">
      <c r="N741873" s="10"/>
    </row>
    <row r="741874" spans="14:14">
      <c r="N741874" s="10"/>
    </row>
    <row r="741875" spans="14:14">
      <c r="N741875" s="10"/>
    </row>
    <row r="741876" spans="14:14">
      <c r="N741876" s="10"/>
    </row>
    <row r="741877" spans="14:14">
      <c r="N741877" s="10"/>
    </row>
    <row r="741878" spans="14:14">
      <c r="N741878" s="10"/>
    </row>
    <row r="741879" spans="14:14">
      <c r="N741879" s="10"/>
    </row>
    <row r="741880" spans="14:14">
      <c r="N741880" s="10"/>
    </row>
    <row r="741881" spans="14:14">
      <c r="N741881" s="10"/>
    </row>
    <row r="741882" spans="14:14">
      <c r="N741882" s="10"/>
    </row>
    <row r="741883" spans="14:14">
      <c r="N741883" s="10"/>
    </row>
    <row r="741884" spans="14:14">
      <c r="N741884" s="10"/>
    </row>
    <row r="741885" spans="14:14">
      <c r="N741885" s="10"/>
    </row>
    <row r="741886" spans="14:14">
      <c r="N741886" s="10"/>
    </row>
    <row r="741887" spans="14:14">
      <c r="N741887" s="10"/>
    </row>
    <row r="741888" spans="14:14">
      <c r="N741888" s="10"/>
    </row>
    <row r="741889" spans="14:14">
      <c r="N741889" s="10"/>
    </row>
    <row r="741890" spans="14:14">
      <c r="N741890" s="10"/>
    </row>
    <row r="741891" spans="14:14">
      <c r="N741891" s="10"/>
    </row>
    <row r="741892" spans="14:14">
      <c r="N741892" s="10"/>
    </row>
    <row r="741893" spans="14:14">
      <c r="N741893" s="10"/>
    </row>
    <row r="741894" spans="14:14">
      <c r="N741894" s="10"/>
    </row>
    <row r="741895" spans="14:14">
      <c r="N741895" s="10"/>
    </row>
    <row r="741896" spans="14:14">
      <c r="N741896" s="10"/>
    </row>
    <row r="741897" spans="14:14">
      <c r="N741897" s="10"/>
    </row>
    <row r="741898" spans="14:14">
      <c r="N741898" s="10"/>
    </row>
    <row r="741899" spans="14:14">
      <c r="N741899" s="10"/>
    </row>
    <row r="741900" spans="14:14">
      <c r="N741900" s="10"/>
    </row>
    <row r="741901" spans="14:14">
      <c r="N741901" s="10"/>
    </row>
    <row r="741902" spans="14:14">
      <c r="N741902" s="10"/>
    </row>
    <row r="741903" spans="14:14">
      <c r="N741903" s="10"/>
    </row>
    <row r="741904" spans="14:14">
      <c r="N741904" s="10"/>
    </row>
    <row r="741905" spans="14:14">
      <c r="N741905" s="10"/>
    </row>
    <row r="741906" spans="14:14">
      <c r="N741906" s="10"/>
    </row>
    <row r="741907" spans="14:14">
      <c r="N741907" s="10"/>
    </row>
    <row r="741908" spans="14:14">
      <c r="N741908" s="10"/>
    </row>
    <row r="741909" spans="14:14">
      <c r="N741909" s="10"/>
    </row>
    <row r="741910" spans="14:14">
      <c r="N741910" s="10"/>
    </row>
    <row r="741911" spans="14:14">
      <c r="N741911" s="10"/>
    </row>
    <row r="741912" spans="14:14">
      <c r="N741912" s="10"/>
    </row>
    <row r="741913" spans="14:14">
      <c r="N741913" s="10"/>
    </row>
    <row r="741914" spans="14:14">
      <c r="N741914" s="10"/>
    </row>
    <row r="741915" spans="14:14">
      <c r="N741915" s="10"/>
    </row>
    <row r="741916" spans="14:14">
      <c r="N741916" s="10"/>
    </row>
    <row r="741917" spans="14:14">
      <c r="N741917" s="10"/>
    </row>
    <row r="741918" spans="14:14">
      <c r="N741918" s="10"/>
    </row>
    <row r="741919" spans="14:14">
      <c r="N741919" s="10"/>
    </row>
    <row r="741920" spans="14:14">
      <c r="N741920" s="10"/>
    </row>
    <row r="741921" spans="14:14">
      <c r="N741921" s="10"/>
    </row>
    <row r="741922" spans="14:14">
      <c r="N741922" s="10"/>
    </row>
    <row r="741923" spans="14:14">
      <c r="N741923" s="10"/>
    </row>
    <row r="741924" spans="14:14">
      <c r="N741924" s="10"/>
    </row>
    <row r="741925" spans="14:14">
      <c r="N741925" s="10"/>
    </row>
    <row r="741926" spans="14:14">
      <c r="N741926" s="10"/>
    </row>
    <row r="741927" spans="14:14">
      <c r="N741927" s="10"/>
    </row>
    <row r="741928" spans="14:14">
      <c r="N741928" s="10"/>
    </row>
    <row r="741929" spans="14:14">
      <c r="N741929" s="10"/>
    </row>
    <row r="741930" spans="14:14">
      <c r="N741930" s="10"/>
    </row>
    <row r="741931" spans="14:14">
      <c r="N741931" s="10"/>
    </row>
    <row r="741932" spans="14:14">
      <c r="N741932" s="10"/>
    </row>
    <row r="741933" spans="14:14">
      <c r="N741933" s="10"/>
    </row>
    <row r="741934" spans="14:14">
      <c r="N741934" s="10"/>
    </row>
    <row r="741935" spans="14:14">
      <c r="N741935" s="10"/>
    </row>
    <row r="741936" spans="14:14">
      <c r="N741936" s="10"/>
    </row>
    <row r="741937" spans="14:14">
      <c r="N741937" s="10"/>
    </row>
    <row r="741938" spans="14:14">
      <c r="N741938" s="10"/>
    </row>
    <row r="741939" spans="14:14">
      <c r="N741939" s="10"/>
    </row>
    <row r="741940" spans="14:14">
      <c r="N741940" s="10"/>
    </row>
    <row r="741941" spans="14:14">
      <c r="N741941" s="10"/>
    </row>
    <row r="741942" spans="14:14">
      <c r="N741942" s="10"/>
    </row>
    <row r="741943" spans="14:14">
      <c r="N741943" s="10"/>
    </row>
    <row r="741944" spans="14:14">
      <c r="N741944" s="10"/>
    </row>
    <row r="741945" spans="14:14">
      <c r="N741945" s="10"/>
    </row>
    <row r="741946" spans="14:14">
      <c r="N741946" s="10"/>
    </row>
    <row r="741947" spans="14:14">
      <c r="N741947" s="10"/>
    </row>
    <row r="741948" spans="14:14">
      <c r="N741948" s="10"/>
    </row>
    <row r="741949" spans="14:14">
      <c r="N741949" s="10"/>
    </row>
    <row r="741950" spans="14:14">
      <c r="N741950" s="10"/>
    </row>
    <row r="741951" spans="14:14">
      <c r="N741951" s="10"/>
    </row>
    <row r="741952" spans="14:14">
      <c r="N741952" s="10"/>
    </row>
    <row r="741953" spans="14:14">
      <c r="N741953" s="10"/>
    </row>
    <row r="741954" spans="14:14">
      <c r="N741954" s="10"/>
    </row>
    <row r="741955" spans="14:14">
      <c r="N741955" s="10"/>
    </row>
    <row r="741956" spans="14:14">
      <c r="N741956" s="10"/>
    </row>
    <row r="741957" spans="14:14">
      <c r="N741957" s="10"/>
    </row>
    <row r="741958" spans="14:14">
      <c r="N741958" s="10"/>
    </row>
    <row r="741959" spans="14:14">
      <c r="N741959" s="10"/>
    </row>
    <row r="741960" spans="14:14">
      <c r="N741960" s="10"/>
    </row>
    <row r="741961" spans="14:14">
      <c r="N741961" s="10"/>
    </row>
    <row r="741962" spans="14:14">
      <c r="N741962" s="10"/>
    </row>
    <row r="741963" spans="14:14">
      <c r="N741963" s="10"/>
    </row>
    <row r="741964" spans="14:14">
      <c r="N741964" s="10"/>
    </row>
    <row r="741965" spans="14:14">
      <c r="N741965" s="10"/>
    </row>
    <row r="741966" spans="14:14">
      <c r="N741966" s="10"/>
    </row>
    <row r="741967" spans="14:14">
      <c r="N741967" s="10"/>
    </row>
    <row r="741968" spans="14:14">
      <c r="N741968" s="10"/>
    </row>
    <row r="741969" spans="14:14">
      <c r="N741969" s="10"/>
    </row>
    <row r="741970" spans="14:14">
      <c r="N741970" s="10"/>
    </row>
    <row r="741971" spans="14:14">
      <c r="N741971" s="10"/>
    </row>
    <row r="741972" spans="14:14">
      <c r="N741972" s="10"/>
    </row>
    <row r="741973" spans="14:14">
      <c r="N741973" s="10"/>
    </row>
    <row r="741974" spans="14:14">
      <c r="N741974" s="10"/>
    </row>
    <row r="741975" spans="14:14">
      <c r="N741975" s="10"/>
    </row>
    <row r="741976" spans="14:14">
      <c r="N741976" s="10"/>
    </row>
    <row r="741977" spans="14:14">
      <c r="N741977" s="10"/>
    </row>
    <row r="741978" spans="14:14">
      <c r="N741978" s="10"/>
    </row>
    <row r="741979" spans="14:14">
      <c r="N741979" s="10"/>
    </row>
    <row r="741980" spans="14:14">
      <c r="N741980" s="10"/>
    </row>
    <row r="741981" spans="14:14">
      <c r="N741981" s="10"/>
    </row>
    <row r="741982" spans="14:14">
      <c r="N741982" s="10"/>
    </row>
    <row r="741983" spans="14:14">
      <c r="N741983" s="10"/>
    </row>
    <row r="741984" spans="14:14">
      <c r="N741984" s="10"/>
    </row>
    <row r="741985" spans="14:14">
      <c r="N741985" s="10"/>
    </row>
    <row r="741986" spans="14:14">
      <c r="N741986" s="10"/>
    </row>
    <row r="741987" spans="14:14">
      <c r="N741987" s="10"/>
    </row>
    <row r="741988" spans="14:14">
      <c r="N741988" s="10"/>
    </row>
    <row r="741989" spans="14:14">
      <c r="N741989" s="10"/>
    </row>
    <row r="741990" spans="14:14">
      <c r="N741990" s="10"/>
    </row>
    <row r="741991" spans="14:14">
      <c r="N741991" s="10"/>
    </row>
    <row r="741992" spans="14:14">
      <c r="N741992" s="10"/>
    </row>
    <row r="741993" spans="14:14">
      <c r="N741993" s="10"/>
    </row>
    <row r="741994" spans="14:14">
      <c r="N741994" s="10"/>
    </row>
    <row r="741995" spans="14:14">
      <c r="N741995" s="10"/>
    </row>
    <row r="741996" spans="14:14">
      <c r="N741996" s="10"/>
    </row>
    <row r="741997" spans="14:14">
      <c r="N741997" s="10"/>
    </row>
    <row r="741998" spans="14:14">
      <c r="N741998" s="10"/>
    </row>
    <row r="741999" spans="14:14">
      <c r="N741999" s="10"/>
    </row>
    <row r="742000" spans="14:14">
      <c r="N742000" s="10"/>
    </row>
    <row r="742001" spans="14:14">
      <c r="N742001" s="10"/>
    </row>
    <row r="742002" spans="14:14">
      <c r="N742002" s="10"/>
    </row>
    <row r="742003" spans="14:14">
      <c r="N742003" s="10"/>
    </row>
    <row r="742004" spans="14:14">
      <c r="N742004" s="10"/>
    </row>
    <row r="742005" spans="14:14">
      <c r="N742005" s="10"/>
    </row>
    <row r="742006" spans="14:14">
      <c r="N742006" s="10"/>
    </row>
    <row r="742007" spans="14:14">
      <c r="N742007" s="10"/>
    </row>
    <row r="742008" spans="14:14">
      <c r="N742008" s="10"/>
    </row>
    <row r="742009" spans="14:14">
      <c r="N742009" s="10"/>
    </row>
    <row r="742010" spans="14:14">
      <c r="N742010" s="10"/>
    </row>
    <row r="742011" spans="14:14">
      <c r="N742011" s="10"/>
    </row>
    <row r="742012" spans="14:14">
      <c r="N742012" s="10"/>
    </row>
    <row r="742013" spans="14:14">
      <c r="N742013" s="10"/>
    </row>
    <row r="742014" spans="14:14">
      <c r="N742014" s="10"/>
    </row>
    <row r="742015" spans="14:14">
      <c r="N742015" s="10"/>
    </row>
    <row r="742016" spans="14:14">
      <c r="N742016" s="10"/>
    </row>
    <row r="742017" spans="14:14">
      <c r="N742017" s="10"/>
    </row>
    <row r="742018" spans="14:14">
      <c r="N742018" s="10"/>
    </row>
    <row r="742019" spans="14:14">
      <c r="N742019" s="10"/>
    </row>
    <row r="742020" spans="14:14">
      <c r="N742020" s="10"/>
    </row>
    <row r="742021" spans="14:14">
      <c r="N742021" s="10"/>
    </row>
    <row r="742022" spans="14:14">
      <c r="N742022" s="10"/>
    </row>
    <row r="742023" spans="14:14">
      <c r="N742023" s="10"/>
    </row>
    <row r="742024" spans="14:14">
      <c r="N742024" s="10"/>
    </row>
    <row r="742025" spans="14:14">
      <c r="N742025" s="10"/>
    </row>
    <row r="742026" spans="14:14">
      <c r="N742026" s="10"/>
    </row>
    <row r="742027" spans="14:14">
      <c r="N742027" s="10"/>
    </row>
    <row r="742028" spans="14:14">
      <c r="N742028" s="10"/>
    </row>
    <row r="742029" spans="14:14">
      <c r="N742029" s="10"/>
    </row>
    <row r="742030" spans="14:14">
      <c r="N742030" s="10"/>
    </row>
    <row r="742031" spans="14:14">
      <c r="N742031" s="10"/>
    </row>
    <row r="742032" spans="14:14">
      <c r="N742032" s="10"/>
    </row>
    <row r="742033" spans="14:14">
      <c r="N742033" s="10"/>
    </row>
    <row r="742034" spans="14:14">
      <c r="N742034" s="10"/>
    </row>
    <row r="742035" spans="14:14">
      <c r="N742035" s="10"/>
    </row>
    <row r="742036" spans="14:14">
      <c r="N742036" s="10"/>
    </row>
    <row r="742037" spans="14:14">
      <c r="N742037" s="10"/>
    </row>
    <row r="742038" spans="14:14">
      <c r="N742038" s="10"/>
    </row>
    <row r="742039" spans="14:14">
      <c r="N742039" s="10"/>
    </row>
    <row r="742040" spans="14:14">
      <c r="N742040" s="10"/>
    </row>
    <row r="742041" spans="14:14">
      <c r="N742041" s="10"/>
    </row>
    <row r="742042" spans="14:14">
      <c r="N742042" s="10"/>
    </row>
    <row r="742043" spans="14:14">
      <c r="N742043" s="10"/>
    </row>
    <row r="742044" spans="14:14">
      <c r="N742044" s="10"/>
    </row>
    <row r="742045" spans="14:14">
      <c r="N742045" s="10"/>
    </row>
    <row r="742046" spans="14:14">
      <c r="N742046" s="10"/>
    </row>
    <row r="742047" spans="14:14">
      <c r="N742047" s="10"/>
    </row>
    <row r="742048" spans="14:14">
      <c r="N742048" s="10"/>
    </row>
    <row r="742049" spans="14:14">
      <c r="N742049" s="10"/>
    </row>
    <row r="742050" spans="14:14">
      <c r="N742050" s="10"/>
    </row>
    <row r="742051" spans="14:14">
      <c r="N742051" s="10"/>
    </row>
    <row r="742052" spans="14:14">
      <c r="N742052" s="10"/>
    </row>
    <row r="742053" spans="14:14">
      <c r="N742053" s="10"/>
    </row>
    <row r="742054" spans="14:14">
      <c r="N742054" s="10"/>
    </row>
    <row r="742055" spans="14:14">
      <c r="N742055" s="10"/>
    </row>
    <row r="742056" spans="14:14">
      <c r="N742056" s="10"/>
    </row>
    <row r="742057" spans="14:14">
      <c r="N742057" s="10"/>
    </row>
    <row r="742058" spans="14:14">
      <c r="N742058" s="10"/>
    </row>
    <row r="742059" spans="14:14">
      <c r="N742059" s="10"/>
    </row>
    <row r="742060" spans="14:14">
      <c r="N742060" s="10"/>
    </row>
    <row r="742061" spans="14:14">
      <c r="N742061" s="10"/>
    </row>
    <row r="742062" spans="14:14">
      <c r="N742062" s="10"/>
    </row>
    <row r="742063" spans="14:14">
      <c r="N742063" s="10"/>
    </row>
    <row r="742064" spans="14:14">
      <c r="N742064" s="10"/>
    </row>
    <row r="742065" spans="14:14">
      <c r="N742065" s="10"/>
    </row>
    <row r="742066" spans="14:14">
      <c r="N742066" s="10"/>
    </row>
    <row r="742067" spans="14:14">
      <c r="N742067" s="10"/>
    </row>
    <row r="742068" spans="14:14">
      <c r="N742068" s="10"/>
    </row>
    <row r="742069" spans="14:14">
      <c r="N742069" s="10"/>
    </row>
    <row r="742070" spans="14:14">
      <c r="N742070" s="10"/>
    </row>
    <row r="742071" spans="14:14">
      <c r="N742071" s="10"/>
    </row>
    <row r="742072" spans="14:14">
      <c r="N742072" s="10"/>
    </row>
    <row r="742073" spans="14:14">
      <c r="N742073" s="10"/>
    </row>
    <row r="742074" spans="14:14">
      <c r="N742074" s="10"/>
    </row>
    <row r="742075" spans="14:14">
      <c r="N742075" s="10"/>
    </row>
    <row r="742076" spans="14:14">
      <c r="N742076" s="10"/>
    </row>
    <row r="742077" spans="14:14">
      <c r="N742077" s="10"/>
    </row>
    <row r="742078" spans="14:14">
      <c r="N742078" s="10"/>
    </row>
    <row r="742079" spans="14:14">
      <c r="N742079" s="10"/>
    </row>
    <row r="742080" spans="14:14">
      <c r="N742080" s="10"/>
    </row>
    <row r="742081" spans="14:14">
      <c r="N742081" s="10"/>
    </row>
    <row r="742082" spans="14:14">
      <c r="N742082" s="10"/>
    </row>
    <row r="742083" spans="14:14">
      <c r="N742083" s="10"/>
    </row>
    <row r="742084" spans="14:14">
      <c r="N742084" s="10"/>
    </row>
    <row r="742085" spans="14:14">
      <c r="N742085" s="10"/>
    </row>
    <row r="742086" spans="14:14">
      <c r="N742086" s="10"/>
    </row>
    <row r="742087" spans="14:14">
      <c r="N742087" s="10"/>
    </row>
    <row r="742088" spans="14:14">
      <c r="N742088" s="10"/>
    </row>
    <row r="742089" spans="14:14">
      <c r="N742089" s="10"/>
    </row>
    <row r="742090" spans="14:14">
      <c r="N742090" s="10"/>
    </row>
    <row r="742091" spans="14:14">
      <c r="N742091" s="10"/>
    </row>
    <row r="742092" spans="14:14">
      <c r="N742092" s="10"/>
    </row>
    <row r="742093" spans="14:14">
      <c r="N742093" s="10"/>
    </row>
    <row r="742094" spans="14:14">
      <c r="N742094" s="10"/>
    </row>
    <row r="742095" spans="14:14">
      <c r="N742095" s="10"/>
    </row>
    <row r="742096" spans="14:14">
      <c r="N742096" s="10"/>
    </row>
    <row r="742097" spans="14:14">
      <c r="N742097" s="10"/>
    </row>
    <row r="742098" spans="14:14">
      <c r="N742098" s="10"/>
    </row>
    <row r="742099" spans="14:14">
      <c r="N742099" s="10"/>
    </row>
    <row r="742100" spans="14:14">
      <c r="N742100" s="10"/>
    </row>
    <row r="742101" spans="14:14">
      <c r="N742101" s="10"/>
    </row>
    <row r="742102" spans="14:14">
      <c r="N742102" s="10"/>
    </row>
    <row r="742103" spans="14:14">
      <c r="N742103" s="10"/>
    </row>
    <row r="742104" spans="14:14">
      <c r="N742104" s="10"/>
    </row>
    <row r="742105" spans="14:14">
      <c r="N742105" s="10"/>
    </row>
    <row r="742106" spans="14:14">
      <c r="N742106" s="10"/>
    </row>
    <row r="742107" spans="14:14">
      <c r="N742107" s="10"/>
    </row>
    <row r="742108" spans="14:14">
      <c r="N742108" s="10"/>
    </row>
    <row r="742109" spans="14:14">
      <c r="N742109" s="10"/>
    </row>
    <row r="742110" spans="14:14">
      <c r="N742110" s="10"/>
    </row>
    <row r="742111" spans="14:14">
      <c r="N742111" s="10"/>
    </row>
    <row r="742112" spans="14:14">
      <c r="N742112" s="10"/>
    </row>
    <row r="742113" spans="14:14">
      <c r="N742113" s="10"/>
    </row>
    <row r="742114" spans="14:14">
      <c r="N742114" s="10"/>
    </row>
    <row r="742115" spans="14:14">
      <c r="N742115" s="10"/>
    </row>
    <row r="742116" spans="14:14">
      <c r="N742116" s="10"/>
    </row>
    <row r="742117" spans="14:14">
      <c r="N742117" s="10"/>
    </row>
    <row r="742118" spans="14:14">
      <c r="N742118" s="10"/>
    </row>
    <row r="742119" spans="14:14">
      <c r="N742119" s="10"/>
    </row>
    <row r="742120" spans="14:14">
      <c r="N742120" s="10"/>
    </row>
    <row r="742121" spans="14:14">
      <c r="N742121" s="10"/>
    </row>
    <row r="742122" spans="14:14">
      <c r="N742122" s="10"/>
    </row>
    <row r="742123" spans="14:14">
      <c r="N742123" s="10"/>
    </row>
    <row r="742124" spans="14:14">
      <c r="N742124" s="10"/>
    </row>
    <row r="742125" spans="14:14">
      <c r="N742125" s="10"/>
    </row>
    <row r="742126" spans="14:14">
      <c r="N742126" s="10"/>
    </row>
    <row r="742127" spans="14:14">
      <c r="N742127" s="10"/>
    </row>
    <row r="742128" spans="14:14">
      <c r="N742128" s="10"/>
    </row>
    <row r="742129" spans="14:14">
      <c r="N742129" s="10"/>
    </row>
    <row r="742130" spans="14:14">
      <c r="N742130" s="10"/>
    </row>
    <row r="742131" spans="14:14">
      <c r="N742131" s="10"/>
    </row>
    <row r="742132" spans="14:14">
      <c r="N742132" s="10"/>
    </row>
    <row r="742133" spans="14:14">
      <c r="N742133" s="10"/>
    </row>
    <row r="742134" spans="14:14">
      <c r="N742134" s="10"/>
    </row>
    <row r="742135" spans="14:14">
      <c r="N742135" s="10"/>
    </row>
    <row r="742136" spans="14:14">
      <c r="N742136" s="10"/>
    </row>
    <row r="742137" spans="14:14">
      <c r="N742137" s="10"/>
    </row>
    <row r="742138" spans="14:14">
      <c r="N742138" s="10"/>
    </row>
    <row r="742139" spans="14:14">
      <c r="N742139" s="10"/>
    </row>
    <row r="742140" spans="14:14">
      <c r="N742140" s="10"/>
    </row>
    <row r="742141" spans="14:14">
      <c r="N742141" s="10"/>
    </row>
    <row r="742142" spans="14:14">
      <c r="N742142" s="10"/>
    </row>
    <row r="742143" spans="14:14">
      <c r="N742143" s="10"/>
    </row>
    <row r="742144" spans="14:14">
      <c r="N742144" s="10"/>
    </row>
    <row r="742145" spans="14:14">
      <c r="N742145" s="10"/>
    </row>
    <row r="742146" spans="14:14">
      <c r="N742146" s="10"/>
    </row>
    <row r="742147" spans="14:14">
      <c r="N742147" s="10"/>
    </row>
    <row r="742148" spans="14:14">
      <c r="N742148" s="10"/>
    </row>
    <row r="742149" spans="14:14">
      <c r="N742149" s="10"/>
    </row>
    <row r="742150" spans="14:14">
      <c r="N742150" s="10"/>
    </row>
    <row r="742151" spans="14:14">
      <c r="N742151" s="10"/>
    </row>
    <row r="742152" spans="14:14">
      <c r="N742152" s="10"/>
    </row>
    <row r="742153" spans="14:14">
      <c r="N742153" s="10"/>
    </row>
    <row r="742154" spans="14:14">
      <c r="N742154" s="10"/>
    </row>
    <row r="742155" spans="14:14">
      <c r="N742155" s="10"/>
    </row>
    <row r="742156" spans="14:14">
      <c r="N742156" s="10"/>
    </row>
    <row r="742157" spans="14:14">
      <c r="N742157" s="10"/>
    </row>
    <row r="742158" spans="14:14">
      <c r="N742158" s="10"/>
    </row>
    <row r="742159" spans="14:14">
      <c r="N742159" s="10"/>
    </row>
    <row r="742160" spans="14:14">
      <c r="N742160" s="10"/>
    </row>
    <row r="742161" spans="14:14">
      <c r="N742161" s="10"/>
    </row>
    <row r="742162" spans="14:14">
      <c r="N742162" s="10"/>
    </row>
    <row r="742163" spans="14:14">
      <c r="N742163" s="10"/>
    </row>
    <row r="742164" spans="14:14">
      <c r="N742164" s="10"/>
    </row>
    <row r="742165" spans="14:14">
      <c r="N742165" s="10"/>
    </row>
    <row r="742166" spans="14:14">
      <c r="N742166" s="10"/>
    </row>
    <row r="742167" spans="14:14">
      <c r="N742167" s="10"/>
    </row>
    <row r="742168" spans="14:14">
      <c r="N742168" s="10"/>
    </row>
    <row r="742169" spans="14:14">
      <c r="N742169" s="10"/>
    </row>
    <row r="742170" spans="14:14">
      <c r="N742170" s="10"/>
    </row>
    <row r="742171" spans="14:14">
      <c r="N742171" s="10"/>
    </row>
    <row r="742172" spans="14:14">
      <c r="N742172" s="10"/>
    </row>
    <row r="742173" spans="14:14">
      <c r="N742173" s="10"/>
    </row>
    <row r="742174" spans="14:14">
      <c r="N742174" s="10"/>
    </row>
    <row r="742175" spans="14:14">
      <c r="N742175" s="10"/>
    </row>
    <row r="742176" spans="14:14">
      <c r="N742176" s="10"/>
    </row>
    <row r="742177" spans="14:14">
      <c r="N742177" s="10"/>
    </row>
    <row r="742178" spans="14:14">
      <c r="N742178" s="10"/>
    </row>
    <row r="742179" spans="14:14">
      <c r="N742179" s="10"/>
    </row>
    <row r="742180" spans="14:14">
      <c r="N742180" s="10"/>
    </row>
    <row r="742181" spans="14:14">
      <c r="N742181" s="10"/>
    </row>
    <row r="742182" spans="14:14">
      <c r="N742182" s="10"/>
    </row>
    <row r="742183" spans="14:14">
      <c r="N742183" s="10"/>
    </row>
    <row r="742184" spans="14:14">
      <c r="N742184" s="10"/>
    </row>
    <row r="742185" spans="14:14">
      <c r="N742185" s="10"/>
    </row>
    <row r="742186" spans="14:14">
      <c r="N742186" s="10"/>
    </row>
    <row r="742187" spans="14:14">
      <c r="N742187" s="10"/>
    </row>
    <row r="742188" spans="14:14">
      <c r="N742188" s="10"/>
    </row>
    <row r="742189" spans="14:14">
      <c r="N742189" s="10"/>
    </row>
    <row r="742190" spans="14:14">
      <c r="N742190" s="10"/>
    </row>
    <row r="742191" spans="14:14">
      <c r="N742191" s="10"/>
    </row>
    <row r="742192" spans="14:14">
      <c r="N742192" s="10"/>
    </row>
    <row r="742193" spans="14:14">
      <c r="N742193" s="10"/>
    </row>
    <row r="742194" spans="14:14">
      <c r="N742194" s="10"/>
    </row>
    <row r="742195" spans="14:14">
      <c r="N742195" s="10"/>
    </row>
    <row r="742196" spans="14:14">
      <c r="N742196" s="10"/>
    </row>
    <row r="742197" spans="14:14">
      <c r="N742197" s="10"/>
    </row>
    <row r="742198" spans="14:14">
      <c r="N742198" s="10"/>
    </row>
    <row r="742199" spans="14:14">
      <c r="N742199" s="10"/>
    </row>
    <row r="742200" spans="14:14">
      <c r="N742200" s="10"/>
    </row>
    <row r="742201" spans="14:14">
      <c r="N742201" s="10"/>
    </row>
    <row r="742202" spans="14:14">
      <c r="N742202" s="10"/>
    </row>
    <row r="742203" spans="14:14">
      <c r="N742203" s="10"/>
    </row>
    <row r="742204" spans="14:14">
      <c r="N742204" s="10"/>
    </row>
    <row r="742205" spans="14:14">
      <c r="N742205" s="10"/>
    </row>
    <row r="742206" spans="14:14">
      <c r="N742206" s="10"/>
    </row>
    <row r="742207" spans="14:14">
      <c r="N742207" s="10"/>
    </row>
    <row r="742208" spans="14:14">
      <c r="N742208" s="10"/>
    </row>
    <row r="742209" spans="14:14">
      <c r="N742209" s="10"/>
    </row>
    <row r="742210" spans="14:14">
      <c r="N742210" s="10"/>
    </row>
    <row r="742211" spans="14:14">
      <c r="N742211" s="10"/>
    </row>
    <row r="742212" spans="14:14">
      <c r="N742212" s="10"/>
    </row>
    <row r="742213" spans="14:14">
      <c r="N742213" s="10"/>
    </row>
    <row r="742214" spans="14:14">
      <c r="N742214" s="10"/>
    </row>
    <row r="742215" spans="14:14">
      <c r="N742215" s="10"/>
    </row>
    <row r="742216" spans="14:14">
      <c r="N742216" s="10"/>
    </row>
    <row r="742217" spans="14:14">
      <c r="N742217" s="10"/>
    </row>
    <row r="742218" spans="14:14">
      <c r="N742218" s="10"/>
    </row>
    <row r="742219" spans="14:14">
      <c r="N742219" s="10"/>
    </row>
    <row r="742220" spans="14:14">
      <c r="N742220" s="10"/>
    </row>
    <row r="742221" spans="14:14">
      <c r="N742221" s="10"/>
    </row>
    <row r="742222" spans="14:14">
      <c r="N742222" s="10"/>
    </row>
    <row r="742223" spans="14:14">
      <c r="N742223" s="10"/>
    </row>
    <row r="742224" spans="14:14">
      <c r="N742224" s="10"/>
    </row>
    <row r="742225" spans="14:14">
      <c r="N742225" s="10"/>
    </row>
    <row r="742226" spans="14:14">
      <c r="N742226" s="10"/>
    </row>
    <row r="742227" spans="14:14">
      <c r="N742227" s="10"/>
    </row>
    <row r="742228" spans="14:14">
      <c r="N742228" s="10"/>
    </row>
    <row r="742229" spans="14:14">
      <c r="N742229" s="10"/>
    </row>
    <row r="742230" spans="14:14">
      <c r="N742230" s="10"/>
    </row>
    <row r="742231" spans="14:14">
      <c r="N742231" s="10"/>
    </row>
    <row r="742232" spans="14:14">
      <c r="N742232" s="10"/>
    </row>
    <row r="742233" spans="14:14">
      <c r="N742233" s="10"/>
    </row>
    <row r="742234" spans="14:14">
      <c r="N742234" s="10"/>
    </row>
    <row r="742235" spans="14:14">
      <c r="N742235" s="10"/>
    </row>
    <row r="742236" spans="14:14">
      <c r="N742236" s="10"/>
    </row>
    <row r="742237" spans="14:14">
      <c r="N742237" s="10"/>
    </row>
    <row r="742238" spans="14:14">
      <c r="N742238" s="10"/>
    </row>
    <row r="742239" spans="14:14">
      <c r="N742239" s="10"/>
    </row>
    <row r="742240" spans="14:14">
      <c r="N742240" s="10"/>
    </row>
    <row r="742241" spans="14:14">
      <c r="N742241" s="10"/>
    </row>
    <row r="742242" spans="14:14">
      <c r="N742242" s="10"/>
    </row>
    <row r="742243" spans="14:14">
      <c r="N742243" s="10"/>
    </row>
    <row r="742244" spans="14:14">
      <c r="N742244" s="10"/>
    </row>
    <row r="742245" spans="14:14">
      <c r="N742245" s="10"/>
    </row>
    <row r="742246" spans="14:14">
      <c r="N742246" s="10"/>
    </row>
    <row r="742247" spans="14:14">
      <c r="N742247" s="10"/>
    </row>
    <row r="742248" spans="14:14">
      <c r="N742248" s="10"/>
    </row>
    <row r="742249" spans="14:14">
      <c r="N742249" s="10"/>
    </row>
    <row r="742250" spans="14:14">
      <c r="N742250" s="10"/>
    </row>
    <row r="742251" spans="14:14">
      <c r="N742251" s="10"/>
    </row>
    <row r="742252" spans="14:14">
      <c r="N742252" s="10"/>
    </row>
    <row r="742253" spans="14:14">
      <c r="N742253" s="10"/>
    </row>
    <row r="742254" spans="14:14">
      <c r="N742254" s="10"/>
    </row>
    <row r="742255" spans="14:14">
      <c r="N742255" s="10"/>
    </row>
    <row r="742256" spans="14:14">
      <c r="N742256" s="10"/>
    </row>
    <row r="742257" spans="14:14">
      <c r="N742257" s="10"/>
    </row>
    <row r="742258" spans="14:14">
      <c r="N742258" s="10"/>
    </row>
    <row r="742259" spans="14:14">
      <c r="N742259" s="10"/>
    </row>
    <row r="742260" spans="14:14">
      <c r="N742260" s="10"/>
    </row>
    <row r="742261" spans="14:14">
      <c r="N742261" s="10"/>
    </row>
    <row r="742262" spans="14:14">
      <c r="N742262" s="10"/>
    </row>
    <row r="742263" spans="14:14">
      <c r="N742263" s="10"/>
    </row>
    <row r="742264" spans="14:14">
      <c r="N742264" s="10"/>
    </row>
    <row r="742265" spans="14:14">
      <c r="N742265" s="10"/>
    </row>
    <row r="742266" spans="14:14">
      <c r="N742266" s="10"/>
    </row>
    <row r="742267" spans="14:14">
      <c r="N742267" s="10"/>
    </row>
    <row r="742268" spans="14:14">
      <c r="N742268" s="10"/>
    </row>
    <row r="742269" spans="14:14">
      <c r="N742269" s="10"/>
    </row>
    <row r="742270" spans="14:14">
      <c r="N742270" s="10"/>
    </row>
    <row r="742271" spans="14:14">
      <c r="N742271" s="10"/>
    </row>
    <row r="742272" spans="14:14">
      <c r="N742272" s="10"/>
    </row>
    <row r="742273" spans="14:14">
      <c r="N742273" s="10"/>
    </row>
    <row r="742274" spans="14:14">
      <c r="N742274" s="10"/>
    </row>
    <row r="742275" spans="14:14">
      <c r="N742275" s="10"/>
    </row>
    <row r="742276" spans="14:14">
      <c r="N742276" s="10"/>
    </row>
    <row r="742277" spans="14:14">
      <c r="N742277" s="10"/>
    </row>
    <row r="742278" spans="14:14">
      <c r="N742278" s="10"/>
    </row>
    <row r="742279" spans="14:14">
      <c r="N742279" s="10"/>
    </row>
    <row r="742280" spans="14:14">
      <c r="N742280" s="10"/>
    </row>
    <row r="742281" spans="14:14">
      <c r="N742281" s="10"/>
    </row>
    <row r="742282" spans="14:14">
      <c r="N742282" s="10"/>
    </row>
    <row r="742283" spans="14:14">
      <c r="N742283" s="10"/>
    </row>
    <row r="742284" spans="14:14">
      <c r="N742284" s="10"/>
    </row>
    <row r="742285" spans="14:14">
      <c r="N742285" s="10"/>
    </row>
    <row r="742286" spans="14:14">
      <c r="N742286" s="10"/>
    </row>
    <row r="742287" spans="14:14">
      <c r="N742287" s="10"/>
    </row>
    <row r="742288" spans="14:14">
      <c r="N742288" s="10"/>
    </row>
    <row r="742289" spans="14:14">
      <c r="N742289" s="10"/>
    </row>
    <row r="742290" spans="14:14">
      <c r="N742290" s="10"/>
    </row>
    <row r="742291" spans="14:14">
      <c r="N742291" s="10"/>
    </row>
    <row r="742292" spans="14:14">
      <c r="N742292" s="10"/>
    </row>
    <row r="742293" spans="14:14">
      <c r="N742293" s="10"/>
    </row>
    <row r="742294" spans="14:14">
      <c r="N742294" s="10"/>
    </row>
    <row r="742295" spans="14:14">
      <c r="N742295" s="10"/>
    </row>
    <row r="742296" spans="14:14">
      <c r="N742296" s="10"/>
    </row>
    <row r="742297" spans="14:14">
      <c r="N742297" s="10"/>
    </row>
    <row r="742298" spans="14:14">
      <c r="N742298" s="10"/>
    </row>
    <row r="742299" spans="14:14">
      <c r="N742299" s="10"/>
    </row>
    <row r="742300" spans="14:14">
      <c r="N742300" s="10"/>
    </row>
    <row r="742301" spans="14:14">
      <c r="N742301" s="10"/>
    </row>
    <row r="742302" spans="14:14">
      <c r="N742302" s="10"/>
    </row>
    <row r="742303" spans="14:14">
      <c r="N742303" s="10"/>
    </row>
    <row r="742304" spans="14:14">
      <c r="N742304" s="10"/>
    </row>
    <row r="742305" spans="14:14">
      <c r="N742305" s="10"/>
    </row>
    <row r="742306" spans="14:14">
      <c r="N742306" s="10"/>
    </row>
    <row r="742307" spans="14:14">
      <c r="N742307" s="10"/>
    </row>
    <row r="742308" spans="14:14">
      <c r="N742308" s="10"/>
    </row>
    <row r="742309" spans="14:14">
      <c r="N742309" s="10"/>
    </row>
    <row r="742310" spans="14:14">
      <c r="N742310" s="10"/>
    </row>
    <row r="742311" spans="14:14">
      <c r="N742311" s="10"/>
    </row>
    <row r="742312" spans="14:14">
      <c r="N742312" s="10"/>
    </row>
    <row r="742313" spans="14:14">
      <c r="N742313" s="10"/>
    </row>
    <row r="742314" spans="14:14">
      <c r="N742314" s="10"/>
    </row>
    <row r="742315" spans="14:14">
      <c r="N742315" s="10"/>
    </row>
    <row r="742316" spans="14:14">
      <c r="N742316" s="10"/>
    </row>
    <row r="742317" spans="14:14">
      <c r="N742317" s="10"/>
    </row>
    <row r="742318" spans="14:14">
      <c r="N742318" s="10"/>
    </row>
    <row r="742319" spans="14:14">
      <c r="N742319" s="10"/>
    </row>
    <row r="742320" spans="14:14">
      <c r="N742320" s="10"/>
    </row>
    <row r="742321" spans="14:14">
      <c r="N742321" s="10"/>
    </row>
    <row r="742322" spans="14:14">
      <c r="N742322" s="10"/>
    </row>
    <row r="742323" spans="14:14">
      <c r="N742323" s="10"/>
    </row>
    <row r="742324" spans="14:14">
      <c r="N742324" s="10"/>
    </row>
    <row r="742325" spans="14:14">
      <c r="N742325" s="10"/>
    </row>
    <row r="742326" spans="14:14">
      <c r="N742326" s="10"/>
    </row>
    <row r="742327" spans="14:14">
      <c r="N742327" s="10"/>
    </row>
    <row r="742328" spans="14:14">
      <c r="N742328" s="10"/>
    </row>
    <row r="742329" spans="14:14">
      <c r="N742329" s="10"/>
    </row>
    <row r="742330" spans="14:14">
      <c r="N742330" s="10"/>
    </row>
    <row r="742331" spans="14:14">
      <c r="N742331" s="10"/>
    </row>
    <row r="742332" spans="14:14">
      <c r="N742332" s="10"/>
    </row>
    <row r="742333" spans="14:14">
      <c r="N742333" s="10"/>
    </row>
    <row r="742334" spans="14:14">
      <c r="N742334" s="10"/>
    </row>
    <row r="742335" spans="14:14">
      <c r="N742335" s="10"/>
    </row>
    <row r="742336" spans="14:14">
      <c r="N742336" s="10"/>
    </row>
    <row r="742337" spans="14:14">
      <c r="N742337" s="10"/>
    </row>
    <row r="742338" spans="14:14">
      <c r="N742338" s="10"/>
    </row>
    <row r="742339" spans="14:14">
      <c r="N742339" s="10"/>
    </row>
    <row r="742340" spans="14:14">
      <c r="N742340" s="10"/>
    </row>
    <row r="742341" spans="14:14">
      <c r="N742341" s="10"/>
    </row>
    <row r="742342" spans="14:14">
      <c r="N742342" s="10"/>
    </row>
    <row r="742343" spans="14:14">
      <c r="N742343" s="10"/>
    </row>
    <row r="742344" spans="14:14">
      <c r="N742344" s="10"/>
    </row>
    <row r="742345" spans="14:14">
      <c r="N742345" s="10"/>
    </row>
    <row r="742346" spans="14:14">
      <c r="N742346" s="10"/>
    </row>
    <row r="742347" spans="14:14">
      <c r="N742347" s="10"/>
    </row>
    <row r="742348" spans="14:14">
      <c r="N742348" s="10"/>
    </row>
    <row r="742349" spans="14:14">
      <c r="N742349" s="10"/>
    </row>
    <row r="742350" spans="14:14">
      <c r="N742350" s="10"/>
    </row>
    <row r="742351" spans="14:14">
      <c r="N742351" s="10"/>
    </row>
    <row r="742352" spans="14:14">
      <c r="N742352" s="10"/>
    </row>
    <row r="742353" spans="14:14">
      <c r="N742353" s="10"/>
    </row>
    <row r="742354" spans="14:14">
      <c r="N742354" s="10"/>
    </row>
    <row r="742355" spans="14:14">
      <c r="N742355" s="10"/>
    </row>
    <row r="742356" spans="14:14">
      <c r="N742356" s="10"/>
    </row>
    <row r="742357" spans="14:14">
      <c r="N742357" s="10"/>
    </row>
    <row r="742358" spans="14:14">
      <c r="N742358" s="10"/>
    </row>
    <row r="742359" spans="14:14">
      <c r="N742359" s="10"/>
    </row>
    <row r="742360" spans="14:14">
      <c r="N742360" s="10"/>
    </row>
    <row r="742361" spans="14:14">
      <c r="N742361" s="10"/>
    </row>
    <row r="742362" spans="14:14">
      <c r="N742362" s="10"/>
    </row>
    <row r="742363" spans="14:14">
      <c r="N742363" s="10"/>
    </row>
    <row r="742364" spans="14:14">
      <c r="N742364" s="10"/>
    </row>
    <row r="742365" spans="14:14">
      <c r="N742365" s="10"/>
    </row>
    <row r="742366" spans="14:14">
      <c r="N742366" s="10"/>
    </row>
    <row r="742367" spans="14:14">
      <c r="N742367" s="10"/>
    </row>
    <row r="742368" spans="14:14">
      <c r="N742368" s="10"/>
    </row>
    <row r="742369" spans="14:14">
      <c r="N742369" s="10"/>
    </row>
    <row r="742370" spans="14:14">
      <c r="N742370" s="10"/>
    </row>
    <row r="742371" spans="14:14">
      <c r="N742371" s="10"/>
    </row>
    <row r="742372" spans="14:14">
      <c r="N742372" s="10"/>
    </row>
    <row r="742373" spans="14:14">
      <c r="N742373" s="10"/>
    </row>
    <row r="742374" spans="14:14">
      <c r="N742374" s="10"/>
    </row>
    <row r="742375" spans="14:14">
      <c r="N742375" s="10"/>
    </row>
    <row r="742376" spans="14:14">
      <c r="N742376" s="10"/>
    </row>
    <row r="742377" spans="14:14">
      <c r="N742377" s="10"/>
    </row>
    <row r="742378" spans="14:14">
      <c r="N742378" s="10"/>
    </row>
    <row r="742379" spans="14:14">
      <c r="N742379" s="10"/>
    </row>
    <row r="742380" spans="14:14">
      <c r="N742380" s="10"/>
    </row>
    <row r="742381" spans="14:14">
      <c r="N742381" s="10"/>
    </row>
    <row r="742382" spans="14:14">
      <c r="N742382" s="10"/>
    </row>
    <row r="742383" spans="14:14">
      <c r="N742383" s="10"/>
    </row>
    <row r="742384" spans="14:14">
      <c r="N742384" s="10"/>
    </row>
    <row r="742385" spans="14:14">
      <c r="N742385" s="10"/>
    </row>
    <row r="742386" spans="14:14">
      <c r="N742386" s="10"/>
    </row>
    <row r="742387" spans="14:14">
      <c r="N742387" s="10"/>
    </row>
    <row r="742388" spans="14:14">
      <c r="N742388" s="10"/>
    </row>
    <row r="742389" spans="14:14">
      <c r="N742389" s="10"/>
    </row>
    <row r="742390" spans="14:14">
      <c r="N742390" s="10"/>
    </row>
    <row r="742391" spans="14:14">
      <c r="N742391" s="10"/>
    </row>
    <row r="742392" spans="14:14">
      <c r="N742392" s="10"/>
    </row>
    <row r="742393" spans="14:14">
      <c r="N742393" s="10"/>
    </row>
    <row r="742394" spans="14:14">
      <c r="N742394" s="10"/>
    </row>
    <row r="742395" spans="14:14">
      <c r="N742395" s="10"/>
    </row>
    <row r="742396" spans="14:14">
      <c r="N742396" s="10"/>
    </row>
    <row r="742397" spans="14:14">
      <c r="N742397" s="10"/>
    </row>
    <row r="742398" spans="14:14">
      <c r="N742398" s="10"/>
    </row>
    <row r="742399" spans="14:14">
      <c r="N742399" s="10"/>
    </row>
    <row r="742400" spans="14:14">
      <c r="N742400" s="10"/>
    </row>
    <row r="742401" spans="14:14">
      <c r="N742401" s="10"/>
    </row>
    <row r="742402" spans="14:14">
      <c r="N742402" s="10"/>
    </row>
    <row r="742403" spans="14:14">
      <c r="N742403" s="10"/>
    </row>
    <row r="742404" spans="14:14">
      <c r="N742404" s="10"/>
    </row>
    <row r="742405" spans="14:14">
      <c r="N742405" s="10"/>
    </row>
    <row r="742406" spans="14:14">
      <c r="N742406" s="10"/>
    </row>
    <row r="742407" spans="14:14">
      <c r="N742407" s="10"/>
    </row>
    <row r="742408" spans="14:14">
      <c r="N742408" s="10"/>
    </row>
    <row r="742409" spans="14:14">
      <c r="N742409" s="10"/>
    </row>
    <row r="742410" spans="14:14">
      <c r="N742410" s="10"/>
    </row>
    <row r="742411" spans="14:14">
      <c r="N742411" s="10"/>
    </row>
    <row r="742412" spans="14:14">
      <c r="N742412" s="10"/>
    </row>
    <row r="742413" spans="14:14">
      <c r="N742413" s="10"/>
    </row>
    <row r="742414" spans="14:14">
      <c r="N742414" s="10"/>
    </row>
    <row r="742415" spans="14:14">
      <c r="N742415" s="10"/>
    </row>
    <row r="742416" spans="14:14">
      <c r="N742416" s="10"/>
    </row>
    <row r="742417" spans="14:14">
      <c r="N742417" s="10"/>
    </row>
    <row r="742418" spans="14:14">
      <c r="N742418" s="10"/>
    </row>
    <row r="742419" spans="14:14">
      <c r="N742419" s="10"/>
    </row>
    <row r="742420" spans="14:14">
      <c r="N742420" s="10"/>
    </row>
    <row r="742421" spans="14:14">
      <c r="N742421" s="10"/>
    </row>
    <row r="742422" spans="14:14">
      <c r="N742422" s="10"/>
    </row>
    <row r="742423" spans="14:14">
      <c r="N742423" s="10"/>
    </row>
    <row r="742424" spans="14:14">
      <c r="N742424" s="10"/>
    </row>
    <row r="742425" spans="14:14">
      <c r="N742425" s="10"/>
    </row>
    <row r="742426" spans="14:14">
      <c r="N742426" s="10"/>
    </row>
    <row r="742427" spans="14:14">
      <c r="N742427" s="10"/>
    </row>
    <row r="742428" spans="14:14">
      <c r="N742428" s="10"/>
    </row>
    <row r="742429" spans="14:14">
      <c r="N742429" s="10"/>
    </row>
    <row r="742430" spans="14:14">
      <c r="N742430" s="10"/>
    </row>
    <row r="742431" spans="14:14">
      <c r="N742431" s="10"/>
    </row>
    <row r="742432" spans="14:14">
      <c r="N742432" s="10"/>
    </row>
    <row r="742433" spans="14:14">
      <c r="N742433" s="10"/>
    </row>
    <row r="742434" spans="14:14">
      <c r="N742434" s="10"/>
    </row>
    <row r="742435" spans="14:14">
      <c r="N742435" s="10"/>
    </row>
    <row r="742436" spans="14:14">
      <c r="N742436" s="10"/>
    </row>
    <row r="742437" spans="14:14">
      <c r="N742437" s="10"/>
    </row>
    <row r="742438" spans="14:14">
      <c r="N742438" s="10"/>
    </row>
    <row r="742439" spans="14:14">
      <c r="N742439" s="10"/>
    </row>
    <row r="742440" spans="14:14">
      <c r="N742440" s="10"/>
    </row>
    <row r="742441" spans="14:14">
      <c r="N742441" s="10"/>
    </row>
    <row r="742442" spans="14:14">
      <c r="N742442" s="10"/>
    </row>
    <row r="742443" spans="14:14">
      <c r="N742443" s="10"/>
    </row>
    <row r="742444" spans="14:14">
      <c r="N742444" s="10"/>
    </row>
    <row r="742445" spans="14:14">
      <c r="N742445" s="10"/>
    </row>
    <row r="742446" spans="14:14">
      <c r="N742446" s="10"/>
    </row>
    <row r="742447" spans="14:14">
      <c r="N742447" s="10"/>
    </row>
    <row r="742448" spans="14:14">
      <c r="N742448" s="10"/>
    </row>
    <row r="742449" spans="14:14">
      <c r="N742449" s="10"/>
    </row>
    <row r="742450" spans="14:14">
      <c r="N742450" s="10"/>
    </row>
    <row r="742451" spans="14:14">
      <c r="N742451" s="10"/>
    </row>
    <row r="742452" spans="14:14">
      <c r="N742452" s="10"/>
    </row>
    <row r="742453" spans="14:14">
      <c r="N742453" s="10"/>
    </row>
    <row r="742454" spans="14:14">
      <c r="N742454" s="10"/>
    </row>
    <row r="742455" spans="14:14">
      <c r="N742455" s="10"/>
    </row>
    <row r="742456" spans="14:14">
      <c r="N742456" s="10"/>
    </row>
    <row r="742457" spans="14:14">
      <c r="N742457" s="10"/>
    </row>
    <row r="742458" spans="14:14">
      <c r="N742458" s="10"/>
    </row>
    <row r="742459" spans="14:14">
      <c r="N742459" s="10"/>
    </row>
    <row r="742460" spans="14:14">
      <c r="N742460" s="10"/>
    </row>
    <row r="742461" spans="14:14">
      <c r="N742461" s="10"/>
    </row>
    <row r="742462" spans="14:14">
      <c r="N742462" s="10"/>
    </row>
    <row r="742463" spans="14:14">
      <c r="N742463" s="10"/>
    </row>
    <row r="742464" spans="14:14">
      <c r="N742464" s="10"/>
    </row>
    <row r="742465" spans="14:14">
      <c r="N742465" s="10"/>
    </row>
    <row r="742466" spans="14:14">
      <c r="N742466" s="10"/>
    </row>
    <row r="742467" spans="14:14">
      <c r="N742467" s="10"/>
    </row>
    <row r="742468" spans="14:14">
      <c r="N742468" s="10"/>
    </row>
    <row r="742469" spans="14:14">
      <c r="N742469" s="10"/>
    </row>
    <row r="742470" spans="14:14">
      <c r="N742470" s="10"/>
    </row>
    <row r="742471" spans="14:14">
      <c r="N742471" s="10"/>
    </row>
    <row r="742472" spans="14:14">
      <c r="N742472" s="10"/>
    </row>
    <row r="742473" spans="14:14">
      <c r="N742473" s="10"/>
    </row>
    <row r="742474" spans="14:14">
      <c r="N742474" s="10"/>
    </row>
    <row r="742475" spans="14:14">
      <c r="N742475" s="10"/>
    </row>
    <row r="742476" spans="14:14">
      <c r="N742476" s="10"/>
    </row>
    <row r="742477" spans="14:14">
      <c r="N742477" s="10"/>
    </row>
    <row r="742478" spans="14:14">
      <c r="N742478" s="10"/>
    </row>
    <row r="742479" spans="14:14">
      <c r="N742479" s="10"/>
    </row>
    <row r="742480" spans="14:14">
      <c r="N742480" s="10"/>
    </row>
    <row r="742481" spans="14:14">
      <c r="N742481" s="10"/>
    </row>
    <row r="742482" spans="14:14">
      <c r="N742482" s="10"/>
    </row>
    <row r="742483" spans="14:14">
      <c r="N742483" s="10"/>
    </row>
    <row r="742484" spans="14:14">
      <c r="N742484" s="10"/>
    </row>
    <row r="742485" spans="14:14">
      <c r="N742485" s="10"/>
    </row>
    <row r="742486" spans="14:14">
      <c r="N742486" s="10"/>
    </row>
    <row r="742487" spans="14:14">
      <c r="N742487" s="10"/>
    </row>
    <row r="742488" spans="14:14">
      <c r="N742488" s="10"/>
    </row>
    <row r="742489" spans="14:14">
      <c r="N742489" s="10"/>
    </row>
    <row r="742490" spans="14:14">
      <c r="N742490" s="10"/>
    </row>
    <row r="742491" spans="14:14">
      <c r="N742491" s="10"/>
    </row>
    <row r="742492" spans="14:14">
      <c r="N742492" s="10"/>
    </row>
    <row r="742493" spans="14:14">
      <c r="N742493" s="10"/>
    </row>
    <row r="742494" spans="14:14">
      <c r="N742494" s="10"/>
    </row>
    <row r="742495" spans="14:14">
      <c r="N742495" s="10"/>
    </row>
    <row r="742496" spans="14:14">
      <c r="N742496" s="10"/>
    </row>
    <row r="742497" spans="14:14">
      <c r="N742497" s="10"/>
    </row>
    <row r="742498" spans="14:14">
      <c r="N742498" s="10"/>
    </row>
    <row r="742499" spans="14:14">
      <c r="N742499" s="10"/>
    </row>
    <row r="742500" spans="14:14">
      <c r="N742500" s="10"/>
    </row>
    <row r="742501" spans="14:14">
      <c r="N742501" s="10"/>
    </row>
    <row r="742502" spans="14:14">
      <c r="N742502" s="10"/>
    </row>
    <row r="742503" spans="14:14">
      <c r="N742503" s="10"/>
    </row>
    <row r="742504" spans="14:14">
      <c r="N742504" s="10"/>
    </row>
    <row r="742505" spans="14:14">
      <c r="N742505" s="10"/>
    </row>
    <row r="742506" spans="14:14">
      <c r="N742506" s="10"/>
    </row>
    <row r="742507" spans="14:14">
      <c r="N742507" s="10"/>
    </row>
    <row r="742508" spans="14:14">
      <c r="N742508" s="10"/>
    </row>
    <row r="742509" spans="14:14">
      <c r="N742509" s="10"/>
    </row>
    <row r="742510" spans="14:14">
      <c r="N742510" s="10"/>
    </row>
    <row r="742511" spans="14:14">
      <c r="N742511" s="10"/>
    </row>
    <row r="742512" spans="14:14">
      <c r="N742512" s="10"/>
    </row>
    <row r="742513" spans="14:14">
      <c r="N742513" s="10"/>
    </row>
    <row r="742514" spans="14:14">
      <c r="N742514" s="10"/>
    </row>
    <row r="742515" spans="14:14">
      <c r="N742515" s="10"/>
    </row>
    <row r="742516" spans="14:14">
      <c r="N742516" s="10"/>
    </row>
    <row r="742517" spans="14:14">
      <c r="N742517" s="10"/>
    </row>
    <row r="742518" spans="14:14">
      <c r="N742518" s="10"/>
    </row>
    <row r="742519" spans="14:14">
      <c r="N742519" s="10"/>
    </row>
    <row r="742520" spans="14:14">
      <c r="N742520" s="10"/>
    </row>
    <row r="742521" spans="14:14">
      <c r="N742521" s="10"/>
    </row>
    <row r="742522" spans="14:14">
      <c r="N742522" s="10"/>
    </row>
    <row r="742523" spans="14:14">
      <c r="N742523" s="10"/>
    </row>
    <row r="742524" spans="14:14">
      <c r="N742524" s="10"/>
    </row>
    <row r="742525" spans="14:14">
      <c r="N742525" s="10"/>
    </row>
    <row r="742526" spans="14:14">
      <c r="N742526" s="10"/>
    </row>
    <row r="742527" spans="14:14">
      <c r="N742527" s="10"/>
    </row>
    <row r="742528" spans="14:14">
      <c r="N742528" s="10"/>
    </row>
    <row r="742529" spans="14:14">
      <c r="N742529" s="10"/>
    </row>
    <row r="742530" spans="14:14">
      <c r="N742530" s="10"/>
    </row>
    <row r="742531" spans="14:14">
      <c r="N742531" s="10"/>
    </row>
    <row r="742532" spans="14:14">
      <c r="N742532" s="10"/>
    </row>
    <row r="742533" spans="14:14">
      <c r="N742533" s="10"/>
    </row>
    <row r="742534" spans="14:14">
      <c r="N742534" s="10"/>
    </row>
    <row r="742535" spans="14:14">
      <c r="N742535" s="10"/>
    </row>
    <row r="742536" spans="14:14">
      <c r="N742536" s="10"/>
    </row>
    <row r="742537" spans="14:14">
      <c r="N742537" s="10"/>
    </row>
    <row r="742538" spans="14:14">
      <c r="N742538" s="10"/>
    </row>
    <row r="742539" spans="14:14">
      <c r="N742539" s="10"/>
    </row>
    <row r="742540" spans="14:14">
      <c r="N742540" s="10"/>
    </row>
    <row r="742541" spans="14:14">
      <c r="N742541" s="10"/>
    </row>
    <row r="742542" spans="14:14">
      <c r="N742542" s="10"/>
    </row>
    <row r="742543" spans="14:14">
      <c r="N742543" s="10"/>
    </row>
    <row r="742544" spans="14:14">
      <c r="N742544" s="10"/>
    </row>
    <row r="742545" spans="14:14">
      <c r="N742545" s="10"/>
    </row>
    <row r="742546" spans="14:14">
      <c r="N742546" s="10"/>
    </row>
    <row r="742547" spans="14:14">
      <c r="N742547" s="10"/>
    </row>
    <row r="742548" spans="14:14">
      <c r="N742548" s="10"/>
    </row>
    <row r="742549" spans="14:14">
      <c r="N742549" s="10"/>
    </row>
    <row r="742550" spans="14:14">
      <c r="N742550" s="10"/>
    </row>
    <row r="742551" spans="14:14">
      <c r="N742551" s="10"/>
    </row>
    <row r="742552" spans="14:14">
      <c r="N742552" s="10"/>
    </row>
    <row r="742553" spans="14:14">
      <c r="N742553" s="10"/>
    </row>
    <row r="742554" spans="14:14">
      <c r="N742554" s="10"/>
    </row>
    <row r="742555" spans="14:14">
      <c r="N742555" s="10"/>
    </row>
    <row r="742556" spans="14:14">
      <c r="N742556" s="10"/>
    </row>
    <row r="742557" spans="14:14">
      <c r="N742557" s="10"/>
    </row>
    <row r="742558" spans="14:14">
      <c r="N742558" s="10"/>
    </row>
    <row r="742559" spans="14:14">
      <c r="N742559" s="10"/>
    </row>
    <row r="742560" spans="14:14">
      <c r="N742560" s="10"/>
    </row>
    <row r="742561" spans="14:14">
      <c r="N742561" s="10"/>
    </row>
    <row r="742562" spans="14:14">
      <c r="N742562" s="10"/>
    </row>
    <row r="742563" spans="14:14">
      <c r="N742563" s="10"/>
    </row>
    <row r="742564" spans="14:14">
      <c r="N742564" s="10"/>
    </row>
    <row r="742565" spans="14:14">
      <c r="N742565" s="10"/>
    </row>
    <row r="742566" spans="14:14">
      <c r="N742566" s="10"/>
    </row>
    <row r="742567" spans="14:14">
      <c r="N742567" s="10"/>
    </row>
    <row r="742568" spans="14:14">
      <c r="N742568" s="10"/>
    </row>
    <row r="742569" spans="14:14">
      <c r="N742569" s="10"/>
    </row>
    <row r="742570" spans="14:14">
      <c r="N742570" s="10"/>
    </row>
    <row r="742571" spans="14:14">
      <c r="N742571" s="10"/>
    </row>
    <row r="742572" spans="14:14">
      <c r="N742572" s="10"/>
    </row>
    <row r="742573" spans="14:14">
      <c r="N742573" s="10"/>
    </row>
    <row r="742574" spans="14:14">
      <c r="N742574" s="10"/>
    </row>
    <row r="742575" spans="14:14">
      <c r="N742575" s="10"/>
    </row>
    <row r="742576" spans="14:14">
      <c r="N742576" s="10"/>
    </row>
    <row r="742577" spans="14:14">
      <c r="N742577" s="10"/>
    </row>
    <row r="742578" spans="14:14">
      <c r="N742578" s="10"/>
    </row>
    <row r="742579" spans="14:14">
      <c r="N742579" s="10"/>
    </row>
    <row r="742580" spans="14:14">
      <c r="N742580" s="10"/>
    </row>
    <row r="742581" spans="14:14">
      <c r="N742581" s="10"/>
    </row>
    <row r="742582" spans="14:14">
      <c r="N742582" s="10"/>
    </row>
    <row r="742583" spans="14:14">
      <c r="N742583" s="10"/>
    </row>
    <row r="742584" spans="14:14">
      <c r="N742584" s="10"/>
    </row>
    <row r="742585" spans="14:14">
      <c r="N742585" s="10"/>
    </row>
    <row r="742586" spans="14:14">
      <c r="N742586" s="10"/>
    </row>
    <row r="742587" spans="14:14">
      <c r="N742587" s="10"/>
    </row>
    <row r="742588" spans="14:14">
      <c r="N742588" s="10"/>
    </row>
    <row r="742589" spans="14:14">
      <c r="N742589" s="10"/>
    </row>
    <row r="742590" spans="14:14">
      <c r="N742590" s="10"/>
    </row>
    <row r="742591" spans="14:14">
      <c r="N742591" s="10"/>
    </row>
    <row r="742592" spans="14:14">
      <c r="N742592" s="10"/>
    </row>
    <row r="742593" spans="14:14">
      <c r="N742593" s="10"/>
    </row>
    <row r="742594" spans="14:14">
      <c r="N742594" s="10"/>
    </row>
    <row r="742595" spans="14:14">
      <c r="N742595" s="10"/>
    </row>
    <row r="742596" spans="14:14">
      <c r="N742596" s="10"/>
    </row>
    <row r="742597" spans="14:14">
      <c r="N742597" s="10"/>
    </row>
    <row r="742598" spans="14:14">
      <c r="N742598" s="10"/>
    </row>
    <row r="742599" spans="14:14">
      <c r="N742599" s="10"/>
    </row>
    <row r="742600" spans="14:14">
      <c r="N742600" s="10"/>
    </row>
    <row r="742601" spans="14:14">
      <c r="N742601" s="10"/>
    </row>
    <row r="742602" spans="14:14">
      <c r="N742602" s="10"/>
    </row>
    <row r="742603" spans="14:14">
      <c r="N742603" s="10"/>
    </row>
    <row r="742604" spans="14:14">
      <c r="N742604" s="10"/>
    </row>
    <row r="742605" spans="14:14">
      <c r="N742605" s="10"/>
    </row>
    <row r="742606" spans="14:14">
      <c r="N742606" s="10"/>
    </row>
    <row r="742607" spans="14:14">
      <c r="N742607" s="10"/>
    </row>
    <row r="742608" spans="14:14">
      <c r="N742608" s="10"/>
    </row>
    <row r="742609" spans="14:14">
      <c r="N742609" s="10"/>
    </row>
    <row r="742610" spans="14:14">
      <c r="N742610" s="10"/>
    </row>
    <row r="742611" spans="14:14">
      <c r="N742611" s="10"/>
    </row>
    <row r="742612" spans="14:14">
      <c r="N742612" s="10"/>
    </row>
    <row r="742613" spans="14:14">
      <c r="N742613" s="10"/>
    </row>
    <row r="742614" spans="14:14">
      <c r="N742614" s="10"/>
    </row>
    <row r="742615" spans="14:14">
      <c r="N742615" s="10"/>
    </row>
    <row r="742616" spans="14:14">
      <c r="N742616" s="10"/>
    </row>
    <row r="742617" spans="14:14">
      <c r="N742617" s="10"/>
    </row>
    <row r="742618" spans="14:14">
      <c r="N742618" s="10"/>
    </row>
    <row r="742619" spans="14:14">
      <c r="N742619" s="10"/>
    </row>
    <row r="742620" spans="14:14">
      <c r="N742620" s="10"/>
    </row>
    <row r="742621" spans="14:14">
      <c r="N742621" s="10"/>
    </row>
    <row r="742622" spans="14:14">
      <c r="N742622" s="10"/>
    </row>
    <row r="742623" spans="14:14">
      <c r="N742623" s="10"/>
    </row>
    <row r="742624" spans="14:14">
      <c r="N742624" s="10"/>
    </row>
    <row r="742625" spans="14:14">
      <c r="N742625" s="10"/>
    </row>
    <row r="742626" spans="14:14">
      <c r="N742626" s="10"/>
    </row>
    <row r="742627" spans="14:14">
      <c r="N742627" s="10"/>
    </row>
    <row r="742628" spans="14:14">
      <c r="N742628" s="10"/>
    </row>
    <row r="742629" spans="14:14">
      <c r="N742629" s="10"/>
    </row>
    <row r="742630" spans="14:14">
      <c r="N742630" s="10"/>
    </row>
    <row r="742631" spans="14:14">
      <c r="N742631" s="10"/>
    </row>
    <row r="742632" spans="14:14">
      <c r="N742632" s="10"/>
    </row>
    <row r="742633" spans="14:14">
      <c r="N742633" s="10"/>
    </row>
    <row r="742634" spans="14:14">
      <c r="N742634" s="10"/>
    </row>
    <row r="742635" spans="14:14">
      <c r="N742635" s="10"/>
    </row>
    <row r="742636" spans="14:14">
      <c r="N742636" s="10"/>
    </row>
    <row r="742637" spans="14:14">
      <c r="N742637" s="10"/>
    </row>
    <row r="742638" spans="14:14">
      <c r="N742638" s="10"/>
    </row>
    <row r="742639" spans="14:14">
      <c r="N742639" s="10"/>
    </row>
    <row r="742640" spans="14:14">
      <c r="N742640" s="10"/>
    </row>
    <row r="742641" spans="14:14">
      <c r="N742641" s="10"/>
    </row>
    <row r="742642" spans="14:14">
      <c r="N742642" s="10"/>
    </row>
    <row r="742643" spans="14:14">
      <c r="N742643" s="10"/>
    </row>
    <row r="742644" spans="14:14">
      <c r="N742644" s="10"/>
    </row>
    <row r="742645" spans="14:14">
      <c r="N742645" s="10"/>
    </row>
    <row r="742646" spans="14:14">
      <c r="N742646" s="10"/>
    </row>
    <row r="742647" spans="14:14">
      <c r="N742647" s="10"/>
    </row>
    <row r="742648" spans="14:14">
      <c r="N742648" s="10"/>
    </row>
    <row r="742649" spans="14:14">
      <c r="N742649" s="10"/>
    </row>
    <row r="742650" spans="14:14">
      <c r="N742650" s="10"/>
    </row>
    <row r="742651" spans="14:14">
      <c r="N742651" s="10"/>
    </row>
    <row r="742652" spans="14:14">
      <c r="N742652" s="10"/>
    </row>
    <row r="742653" spans="14:14">
      <c r="N742653" s="10"/>
    </row>
    <row r="742654" spans="14:14">
      <c r="N742654" s="10"/>
    </row>
    <row r="742655" spans="14:14">
      <c r="N742655" s="10"/>
    </row>
    <row r="742656" spans="14:14">
      <c r="N742656" s="10"/>
    </row>
    <row r="742657" spans="14:14">
      <c r="N742657" s="10"/>
    </row>
    <row r="742658" spans="14:14">
      <c r="N742658" s="10"/>
    </row>
    <row r="742659" spans="14:14">
      <c r="N742659" s="10"/>
    </row>
    <row r="742660" spans="14:14">
      <c r="N742660" s="10"/>
    </row>
    <row r="742661" spans="14:14">
      <c r="N742661" s="10"/>
    </row>
    <row r="742662" spans="14:14">
      <c r="N742662" s="10"/>
    </row>
    <row r="742663" spans="14:14">
      <c r="N742663" s="10"/>
    </row>
    <row r="742664" spans="14:14">
      <c r="N742664" s="10"/>
    </row>
    <row r="742665" spans="14:14">
      <c r="N742665" s="10"/>
    </row>
    <row r="742666" spans="14:14">
      <c r="N742666" s="10"/>
    </row>
    <row r="742667" spans="14:14">
      <c r="N742667" s="10"/>
    </row>
    <row r="742668" spans="14:14">
      <c r="N742668" s="10"/>
    </row>
    <row r="742669" spans="14:14">
      <c r="N742669" s="10"/>
    </row>
    <row r="742670" spans="14:14">
      <c r="N742670" s="10"/>
    </row>
    <row r="742671" spans="14:14">
      <c r="N742671" s="10"/>
    </row>
    <row r="742672" spans="14:14">
      <c r="N742672" s="10"/>
    </row>
    <row r="742673" spans="14:14">
      <c r="N742673" s="10"/>
    </row>
    <row r="742674" spans="14:14">
      <c r="N742674" s="10"/>
    </row>
    <row r="742675" spans="14:14">
      <c r="N742675" s="10"/>
    </row>
    <row r="742676" spans="14:14">
      <c r="N742676" s="10"/>
    </row>
    <row r="742677" spans="14:14">
      <c r="N742677" s="10"/>
    </row>
    <row r="742678" spans="14:14">
      <c r="N742678" s="10"/>
    </row>
    <row r="742679" spans="14:14">
      <c r="N742679" s="10"/>
    </row>
    <row r="742680" spans="14:14">
      <c r="N742680" s="10"/>
    </row>
    <row r="742681" spans="14:14">
      <c r="N742681" s="10"/>
    </row>
    <row r="742682" spans="14:14">
      <c r="N742682" s="10"/>
    </row>
    <row r="742683" spans="14:14">
      <c r="N742683" s="10"/>
    </row>
    <row r="742684" spans="14:14">
      <c r="N742684" s="10"/>
    </row>
    <row r="742685" spans="14:14">
      <c r="N742685" s="10"/>
    </row>
    <row r="742686" spans="14:14">
      <c r="N742686" s="10"/>
    </row>
    <row r="742687" spans="14:14">
      <c r="N742687" s="10"/>
    </row>
    <row r="742688" spans="14:14">
      <c r="N742688" s="10"/>
    </row>
    <row r="742689" spans="14:14">
      <c r="N742689" s="10"/>
    </row>
    <row r="742690" spans="14:14">
      <c r="N742690" s="10"/>
    </row>
    <row r="742691" spans="14:14">
      <c r="N742691" s="10"/>
    </row>
    <row r="742692" spans="14:14">
      <c r="N742692" s="10"/>
    </row>
    <row r="742693" spans="14:14">
      <c r="N742693" s="10"/>
    </row>
    <row r="742694" spans="14:14">
      <c r="N742694" s="10"/>
    </row>
    <row r="742695" spans="14:14">
      <c r="N742695" s="10"/>
    </row>
    <row r="742696" spans="14:14">
      <c r="N742696" s="10"/>
    </row>
    <row r="742697" spans="14:14">
      <c r="N742697" s="10"/>
    </row>
    <row r="742698" spans="14:14">
      <c r="N742698" s="10"/>
    </row>
    <row r="742699" spans="14:14">
      <c r="N742699" s="10"/>
    </row>
    <row r="742700" spans="14:14">
      <c r="N742700" s="10"/>
    </row>
    <row r="742701" spans="14:14">
      <c r="N742701" s="10"/>
    </row>
    <row r="742702" spans="14:14">
      <c r="N742702" s="10"/>
    </row>
    <row r="742703" spans="14:14">
      <c r="N742703" s="10"/>
    </row>
    <row r="742704" spans="14:14">
      <c r="N742704" s="10"/>
    </row>
    <row r="742705" spans="14:14">
      <c r="N742705" s="10"/>
    </row>
    <row r="742706" spans="14:14">
      <c r="N742706" s="10"/>
    </row>
    <row r="742707" spans="14:14">
      <c r="N742707" s="10"/>
    </row>
    <row r="742708" spans="14:14">
      <c r="N742708" s="10"/>
    </row>
    <row r="742709" spans="14:14">
      <c r="N742709" s="10"/>
    </row>
    <row r="742710" spans="14:14">
      <c r="N742710" s="10"/>
    </row>
    <row r="742711" spans="14:14">
      <c r="N742711" s="10"/>
    </row>
    <row r="742712" spans="14:14">
      <c r="N742712" s="10"/>
    </row>
    <row r="742713" spans="14:14">
      <c r="N742713" s="10"/>
    </row>
    <row r="742714" spans="14:14">
      <c r="N742714" s="10"/>
    </row>
    <row r="742715" spans="14:14">
      <c r="N742715" s="10"/>
    </row>
    <row r="742716" spans="14:14">
      <c r="N742716" s="10"/>
    </row>
    <row r="742717" spans="14:14">
      <c r="N742717" s="10"/>
    </row>
    <row r="742718" spans="14:14">
      <c r="N742718" s="10"/>
    </row>
    <row r="742719" spans="14:14">
      <c r="N742719" s="10"/>
    </row>
    <row r="742720" spans="14:14">
      <c r="N742720" s="10"/>
    </row>
    <row r="742721" spans="14:14">
      <c r="N742721" s="10"/>
    </row>
    <row r="742722" spans="14:14">
      <c r="N742722" s="10"/>
    </row>
    <row r="742723" spans="14:14">
      <c r="N742723" s="10"/>
    </row>
    <row r="742724" spans="14:14">
      <c r="N742724" s="10"/>
    </row>
    <row r="742725" spans="14:14">
      <c r="N742725" s="10"/>
    </row>
    <row r="742726" spans="14:14">
      <c r="N742726" s="10"/>
    </row>
    <row r="742727" spans="14:14">
      <c r="N742727" s="10"/>
    </row>
    <row r="742728" spans="14:14">
      <c r="N742728" s="10"/>
    </row>
    <row r="742729" spans="14:14">
      <c r="N742729" s="10"/>
    </row>
    <row r="742730" spans="14:14">
      <c r="N742730" s="10"/>
    </row>
    <row r="742731" spans="14:14">
      <c r="N742731" s="10"/>
    </row>
    <row r="742732" spans="14:14">
      <c r="N742732" s="10"/>
    </row>
    <row r="742733" spans="14:14">
      <c r="N742733" s="10"/>
    </row>
    <row r="742734" spans="14:14">
      <c r="N742734" s="10"/>
    </row>
    <row r="742735" spans="14:14">
      <c r="N742735" s="10"/>
    </row>
    <row r="742736" spans="14:14">
      <c r="N742736" s="10"/>
    </row>
    <row r="742737" spans="14:14">
      <c r="N742737" s="10"/>
    </row>
    <row r="742738" spans="14:14">
      <c r="N742738" s="10"/>
    </row>
    <row r="742739" spans="14:14">
      <c r="N742739" s="10"/>
    </row>
    <row r="742740" spans="14:14">
      <c r="N742740" s="10"/>
    </row>
    <row r="742741" spans="14:14">
      <c r="N742741" s="10"/>
    </row>
    <row r="742742" spans="14:14">
      <c r="N742742" s="10"/>
    </row>
    <row r="742743" spans="14:14">
      <c r="N742743" s="10"/>
    </row>
    <row r="742744" spans="14:14">
      <c r="N742744" s="10"/>
    </row>
    <row r="742745" spans="14:14">
      <c r="N742745" s="10"/>
    </row>
    <row r="742746" spans="14:14">
      <c r="N742746" s="10"/>
    </row>
    <row r="742747" spans="14:14">
      <c r="N742747" s="10"/>
    </row>
    <row r="742748" spans="14:14">
      <c r="N742748" s="10"/>
    </row>
    <row r="742749" spans="14:14">
      <c r="N742749" s="10"/>
    </row>
    <row r="742750" spans="14:14">
      <c r="N742750" s="10"/>
    </row>
    <row r="742751" spans="14:14">
      <c r="N742751" s="10"/>
    </row>
    <row r="742752" spans="14:14">
      <c r="N742752" s="10"/>
    </row>
    <row r="742753" spans="14:14">
      <c r="N742753" s="10"/>
    </row>
    <row r="742754" spans="14:14">
      <c r="N742754" s="10"/>
    </row>
    <row r="742755" spans="14:14">
      <c r="N742755" s="10"/>
    </row>
    <row r="742756" spans="14:14">
      <c r="N742756" s="10"/>
    </row>
    <row r="742757" spans="14:14">
      <c r="N742757" s="10"/>
    </row>
    <row r="742758" spans="14:14">
      <c r="N742758" s="10"/>
    </row>
    <row r="742759" spans="14:14">
      <c r="N742759" s="10"/>
    </row>
    <row r="742760" spans="14:14">
      <c r="N742760" s="10"/>
    </row>
    <row r="742761" spans="14:14">
      <c r="N742761" s="10"/>
    </row>
    <row r="742762" spans="14:14">
      <c r="N742762" s="10"/>
    </row>
    <row r="742763" spans="14:14">
      <c r="N742763" s="10"/>
    </row>
    <row r="742764" spans="14:14">
      <c r="N742764" s="10"/>
    </row>
    <row r="742765" spans="14:14">
      <c r="N742765" s="10"/>
    </row>
    <row r="742766" spans="14:14">
      <c r="N742766" s="10"/>
    </row>
    <row r="742767" spans="14:14">
      <c r="N742767" s="10"/>
    </row>
    <row r="742768" spans="14:14">
      <c r="N742768" s="10"/>
    </row>
    <row r="742769" spans="14:14">
      <c r="N742769" s="10"/>
    </row>
    <row r="742770" spans="14:14">
      <c r="N742770" s="10"/>
    </row>
    <row r="742771" spans="14:14">
      <c r="N742771" s="10"/>
    </row>
    <row r="742772" spans="14:14">
      <c r="N742772" s="10"/>
    </row>
    <row r="742773" spans="14:14">
      <c r="N742773" s="10"/>
    </row>
    <row r="742774" spans="14:14">
      <c r="N742774" s="10"/>
    </row>
    <row r="742775" spans="14:14">
      <c r="N742775" s="10"/>
    </row>
    <row r="742776" spans="14:14">
      <c r="N742776" s="10"/>
    </row>
    <row r="742777" spans="14:14">
      <c r="N742777" s="10"/>
    </row>
    <row r="742778" spans="14:14">
      <c r="N742778" s="10"/>
    </row>
    <row r="742779" spans="14:14">
      <c r="N742779" s="10"/>
    </row>
    <row r="742780" spans="14:14">
      <c r="N742780" s="10"/>
    </row>
    <row r="742781" spans="14:14">
      <c r="N742781" s="10"/>
    </row>
    <row r="742782" spans="14:14">
      <c r="N742782" s="10"/>
    </row>
    <row r="742783" spans="14:14">
      <c r="N742783" s="10"/>
    </row>
    <row r="742784" spans="14:14">
      <c r="N742784" s="10"/>
    </row>
    <row r="742785" spans="14:14">
      <c r="N742785" s="10"/>
    </row>
    <row r="742786" spans="14:14">
      <c r="N742786" s="10"/>
    </row>
    <row r="742787" spans="14:14">
      <c r="N742787" s="10"/>
    </row>
    <row r="742788" spans="14:14">
      <c r="N742788" s="10"/>
    </row>
    <row r="742789" spans="14:14">
      <c r="N742789" s="10"/>
    </row>
    <row r="742790" spans="14:14">
      <c r="N742790" s="10"/>
    </row>
    <row r="742791" spans="14:14">
      <c r="N742791" s="10"/>
    </row>
    <row r="742792" spans="14:14">
      <c r="N742792" s="10"/>
    </row>
    <row r="742793" spans="14:14">
      <c r="N742793" s="10"/>
    </row>
    <row r="742794" spans="14:14">
      <c r="N742794" s="10"/>
    </row>
    <row r="742795" spans="14:14">
      <c r="N742795" s="10"/>
    </row>
    <row r="742796" spans="14:14">
      <c r="N742796" s="10"/>
    </row>
    <row r="742797" spans="14:14">
      <c r="N742797" s="10"/>
    </row>
    <row r="742798" spans="14:14">
      <c r="N742798" s="10"/>
    </row>
    <row r="742799" spans="14:14">
      <c r="N742799" s="10"/>
    </row>
    <row r="742800" spans="14:14">
      <c r="N742800" s="10"/>
    </row>
    <row r="742801" spans="14:14">
      <c r="N742801" s="10"/>
    </row>
    <row r="742802" spans="14:14">
      <c r="N742802" s="10"/>
    </row>
    <row r="742803" spans="14:14">
      <c r="N742803" s="10"/>
    </row>
    <row r="742804" spans="14:14">
      <c r="N742804" s="10"/>
    </row>
    <row r="742805" spans="14:14">
      <c r="N742805" s="10"/>
    </row>
    <row r="742806" spans="14:14">
      <c r="N742806" s="10"/>
    </row>
    <row r="742807" spans="14:14">
      <c r="N742807" s="10"/>
    </row>
    <row r="742808" spans="14:14">
      <c r="N742808" s="10"/>
    </row>
    <row r="742809" spans="14:14">
      <c r="N742809" s="10"/>
    </row>
    <row r="742810" spans="14:14">
      <c r="N742810" s="10"/>
    </row>
    <row r="742811" spans="14:14">
      <c r="N742811" s="10"/>
    </row>
    <row r="742812" spans="14:14">
      <c r="N742812" s="10"/>
    </row>
    <row r="742813" spans="14:14">
      <c r="N742813" s="10"/>
    </row>
    <row r="742814" spans="14:14">
      <c r="N742814" s="10"/>
    </row>
    <row r="742815" spans="14:14">
      <c r="N742815" s="10"/>
    </row>
    <row r="742816" spans="14:14">
      <c r="N742816" s="10"/>
    </row>
    <row r="742817" spans="14:14">
      <c r="N742817" s="10"/>
    </row>
    <row r="742818" spans="14:14">
      <c r="N742818" s="10"/>
    </row>
    <row r="742819" spans="14:14">
      <c r="N742819" s="10"/>
    </row>
    <row r="742820" spans="14:14">
      <c r="N742820" s="10"/>
    </row>
    <row r="742821" spans="14:14">
      <c r="N742821" s="10"/>
    </row>
    <row r="742822" spans="14:14">
      <c r="N742822" s="10"/>
    </row>
    <row r="742823" spans="14:14">
      <c r="N742823" s="10"/>
    </row>
    <row r="742824" spans="14:14">
      <c r="N742824" s="10"/>
    </row>
    <row r="742825" spans="14:14">
      <c r="N742825" s="10"/>
    </row>
    <row r="742826" spans="14:14">
      <c r="N742826" s="10"/>
    </row>
    <row r="742827" spans="14:14">
      <c r="N742827" s="10"/>
    </row>
    <row r="742828" spans="14:14">
      <c r="N742828" s="10"/>
    </row>
    <row r="742829" spans="14:14">
      <c r="N742829" s="10"/>
    </row>
    <row r="742830" spans="14:14">
      <c r="N742830" s="10"/>
    </row>
    <row r="742831" spans="14:14">
      <c r="N742831" s="10"/>
    </row>
    <row r="742832" spans="14:14">
      <c r="N742832" s="10"/>
    </row>
    <row r="742833" spans="14:14">
      <c r="N742833" s="10"/>
    </row>
    <row r="742834" spans="14:14">
      <c r="N742834" s="10"/>
    </row>
    <row r="742835" spans="14:14">
      <c r="N742835" s="10"/>
    </row>
    <row r="742836" spans="14:14">
      <c r="N742836" s="10"/>
    </row>
    <row r="742837" spans="14:14">
      <c r="N742837" s="10"/>
    </row>
    <row r="742838" spans="14:14">
      <c r="N742838" s="10"/>
    </row>
    <row r="742839" spans="14:14">
      <c r="N742839" s="10"/>
    </row>
    <row r="742840" spans="14:14">
      <c r="N742840" s="10"/>
    </row>
    <row r="742841" spans="14:14">
      <c r="N742841" s="10"/>
    </row>
    <row r="742842" spans="14:14">
      <c r="N742842" s="10"/>
    </row>
    <row r="742843" spans="14:14">
      <c r="N742843" s="10"/>
    </row>
    <row r="742844" spans="14:14">
      <c r="N742844" s="10"/>
    </row>
    <row r="742845" spans="14:14">
      <c r="N742845" s="10"/>
    </row>
    <row r="742846" spans="14:14">
      <c r="N742846" s="10"/>
    </row>
    <row r="742847" spans="14:14">
      <c r="N742847" s="10"/>
    </row>
    <row r="742848" spans="14:14">
      <c r="N742848" s="10"/>
    </row>
    <row r="742849" spans="14:14">
      <c r="N742849" s="10"/>
    </row>
    <row r="742850" spans="14:14">
      <c r="N742850" s="10"/>
    </row>
    <row r="742851" spans="14:14">
      <c r="N742851" s="10"/>
    </row>
    <row r="742852" spans="14:14">
      <c r="N742852" s="10"/>
    </row>
    <row r="742853" spans="14:14">
      <c r="N742853" s="10"/>
    </row>
    <row r="742854" spans="14:14">
      <c r="N742854" s="10"/>
    </row>
    <row r="742855" spans="14:14">
      <c r="N742855" s="10"/>
    </row>
    <row r="742856" spans="14:14">
      <c r="N742856" s="10"/>
    </row>
    <row r="742857" spans="14:14">
      <c r="N742857" s="10"/>
    </row>
    <row r="742858" spans="14:14">
      <c r="N742858" s="10"/>
    </row>
    <row r="742859" spans="14:14">
      <c r="N742859" s="10"/>
    </row>
    <row r="742860" spans="14:14">
      <c r="N742860" s="10"/>
    </row>
    <row r="742861" spans="14:14">
      <c r="N742861" s="10"/>
    </row>
    <row r="742862" spans="14:14">
      <c r="N742862" s="10"/>
    </row>
    <row r="742863" spans="14:14">
      <c r="N742863" s="10"/>
    </row>
    <row r="742864" spans="14:14">
      <c r="N742864" s="10"/>
    </row>
    <row r="742865" spans="14:14">
      <c r="N742865" s="10"/>
    </row>
    <row r="742866" spans="14:14">
      <c r="N742866" s="10"/>
    </row>
    <row r="742867" spans="14:14">
      <c r="N742867" s="10"/>
    </row>
    <row r="742868" spans="14:14">
      <c r="N742868" s="10"/>
    </row>
    <row r="742869" spans="14:14">
      <c r="N742869" s="10"/>
    </row>
    <row r="742870" spans="14:14">
      <c r="N742870" s="10"/>
    </row>
    <row r="742871" spans="14:14">
      <c r="N742871" s="10"/>
    </row>
    <row r="742872" spans="14:14">
      <c r="N742872" s="10"/>
    </row>
    <row r="742873" spans="14:14">
      <c r="N742873" s="10"/>
    </row>
    <row r="742874" spans="14:14">
      <c r="N742874" s="10"/>
    </row>
    <row r="742875" spans="14:14">
      <c r="N742875" s="10"/>
    </row>
    <row r="742876" spans="14:14">
      <c r="N742876" s="10"/>
    </row>
    <row r="742877" spans="14:14">
      <c r="N742877" s="10"/>
    </row>
    <row r="742878" spans="14:14">
      <c r="N742878" s="10"/>
    </row>
    <row r="742879" spans="14:14">
      <c r="N742879" s="10"/>
    </row>
    <row r="742880" spans="14:14">
      <c r="N742880" s="10"/>
    </row>
    <row r="742881" spans="14:14">
      <c r="N742881" s="10"/>
    </row>
    <row r="742882" spans="14:14">
      <c r="N742882" s="10"/>
    </row>
    <row r="742883" spans="14:14">
      <c r="N742883" s="10"/>
    </row>
    <row r="742884" spans="14:14">
      <c r="N742884" s="10"/>
    </row>
    <row r="742885" spans="14:14">
      <c r="N742885" s="10"/>
    </row>
    <row r="742886" spans="14:14">
      <c r="N742886" s="10"/>
    </row>
    <row r="742887" spans="14:14">
      <c r="N742887" s="10"/>
    </row>
    <row r="742888" spans="14:14">
      <c r="N742888" s="10"/>
    </row>
    <row r="742889" spans="14:14">
      <c r="N742889" s="10"/>
    </row>
    <row r="742890" spans="14:14">
      <c r="N742890" s="10"/>
    </row>
    <row r="742891" spans="14:14">
      <c r="N742891" s="10"/>
    </row>
    <row r="742892" spans="14:14">
      <c r="N742892" s="10"/>
    </row>
    <row r="742893" spans="14:14">
      <c r="N742893" s="10"/>
    </row>
    <row r="742894" spans="14:14">
      <c r="N742894" s="10"/>
    </row>
    <row r="742895" spans="14:14">
      <c r="N742895" s="10"/>
    </row>
    <row r="742896" spans="14:14">
      <c r="N742896" s="10"/>
    </row>
    <row r="742897" spans="14:14">
      <c r="N742897" s="10"/>
    </row>
    <row r="742898" spans="14:14">
      <c r="N742898" s="10"/>
    </row>
    <row r="742899" spans="14:14">
      <c r="N742899" s="10"/>
    </row>
    <row r="742900" spans="14:14">
      <c r="N742900" s="10"/>
    </row>
    <row r="742901" spans="14:14">
      <c r="N742901" s="10"/>
    </row>
    <row r="742902" spans="14:14">
      <c r="N742902" s="10"/>
    </row>
    <row r="742903" spans="14:14">
      <c r="N742903" s="10"/>
    </row>
    <row r="742904" spans="14:14">
      <c r="N742904" s="10"/>
    </row>
    <row r="742905" spans="14:14">
      <c r="N742905" s="10"/>
    </row>
    <row r="742906" spans="14:14">
      <c r="N742906" s="10"/>
    </row>
    <row r="742907" spans="14:14">
      <c r="N742907" s="10"/>
    </row>
    <row r="742908" spans="14:14">
      <c r="N742908" s="10"/>
    </row>
    <row r="742909" spans="14:14">
      <c r="N742909" s="10"/>
    </row>
    <row r="742910" spans="14:14">
      <c r="N742910" s="10"/>
    </row>
    <row r="742911" spans="14:14">
      <c r="N742911" s="10"/>
    </row>
    <row r="742912" spans="14:14">
      <c r="N742912" s="10"/>
    </row>
    <row r="742913" spans="14:14">
      <c r="N742913" s="10"/>
    </row>
    <row r="742914" spans="14:14">
      <c r="N742914" s="10"/>
    </row>
    <row r="742915" spans="14:14">
      <c r="N742915" s="10"/>
    </row>
    <row r="742916" spans="14:14">
      <c r="N742916" s="10"/>
    </row>
    <row r="742917" spans="14:14">
      <c r="N742917" s="10"/>
    </row>
    <row r="742918" spans="14:14">
      <c r="N742918" s="10"/>
    </row>
    <row r="742919" spans="14:14">
      <c r="N742919" s="10"/>
    </row>
    <row r="742920" spans="14:14">
      <c r="N742920" s="10"/>
    </row>
    <row r="742921" spans="14:14">
      <c r="N742921" s="10"/>
    </row>
    <row r="742922" spans="14:14">
      <c r="N742922" s="10"/>
    </row>
    <row r="742923" spans="14:14">
      <c r="N742923" s="10"/>
    </row>
    <row r="742924" spans="14:14">
      <c r="N742924" s="10"/>
    </row>
    <row r="742925" spans="14:14">
      <c r="N742925" s="10"/>
    </row>
    <row r="742926" spans="14:14">
      <c r="N742926" s="10"/>
    </row>
    <row r="742927" spans="14:14">
      <c r="N742927" s="10"/>
    </row>
    <row r="742928" spans="14:14">
      <c r="N742928" s="10"/>
    </row>
    <row r="742929" spans="14:14">
      <c r="N742929" s="10"/>
    </row>
    <row r="742930" spans="14:14">
      <c r="N742930" s="10"/>
    </row>
    <row r="742931" spans="14:14">
      <c r="N742931" s="10"/>
    </row>
    <row r="742932" spans="14:14">
      <c r="N742932" s="10"/>
    </row>
    <row r="742933" spans="14:14">
      <c r="N742933" s="10"/>
    </row>
    <row r="742934" spans="14:14">
      <c r="N742934" s="10"/>
    </row>
    <row r="742935" spans="14:14">
      <c r="N742935" s="10"/>
    </row>
    <row r="742936" spans="14:14">
      <c r="N742936" s="10"/>
    </row>
    <row r="742937" spans="14:14">
      <c r="N742937" s="10"/>
    </row>
    <row r="742938" spans="14:14">
      <c r="N742938" s="10"/>
    </row>
    <row r="742939" spans="14:14">
      <c r="N742939" s="10"/>
    </row>
    <row r="742940" spans="14:14">
      <c r="N742940" s="10"/>
    </row>
    <row r="742941" spans="14:14">
      <c r="N742941" s="10"/>
    </row>
    <row r="742942" spans="14:14">
      <c r="N742942" s="10"/>
    </row>
    <row r="742943" spans="14:14">
      <c r="N742943" s="10"/>
    </row>
    <row r="742944" spans="14:14">
      <c r="N742944" s="10"/>
    </row>
    <row r="742945" spans="14:14">
      <c r="N742945" s="10"/>
    </row>
    <row r="742946" spans="14:14">
      <c r="N742946" s="10"/>
    </row>
    <row r="742947" spans="14:14">
      <c r="N742947" s="10"/>
    </row>
    <row r="742948" spans="14:14">
      <c r="N742948" s="10"/>
    </row>
    <row r="742949" spans="14:14">
      <c r="N742949" s="10"/>
    </row>
    <row r="742950" spans="14:14">
      <c r="N742950" s="10"/>
    </row>
    <row r="742951" spans="14:14">
      <c r="N742951" s="10"/>
    </row>
    <row r="742952" spans="14:14">
      <c r="N742952" s="10"/>
    </row>
    <row r="742953" spans="14:14">
      <c r="N742953" s="10"/>
    </row>
    <row r="742954" spans="14:14">
      <c r="N742954" s="10"/>
    </row>
    <row r="742955" spans="14:14">
      <c r="N742955" s="10"/>
    </row>
    <row r="742956" spans="14:14">
      <c r="N742956" s="10"/>
    </row>
    <row r="742957" spans="14:14">
      <c r="N742957" s="10"/>
    </row>
    <row r="742958" spans="14:14">
      <c r="N742958" s="10"/>
    </row>
    <row r="742959" spans="14:14">
      <c r="N742959" s="10"/>
    </row>
    <row r="742960" spans="14:14">
      <c r="N742960" s="10"/>
    </row>
    <row r="742961" spans="14:14">
      <c r="N742961" s="10"/>
    </row>
    <row r="742962" spans="14:14">
      <c r="N742962" s="10"/>
    </row>
    <row r="742963" spans="14:14">
      <c r="N742963" s="10"/>
    </row>
    <row r="742964" spans="14:14">
      <c r="N742964" s="10"/>
    </row>
    <row r="742965" spans="14:14">
      <c r="N742965" s="10"/>
    </row>
    <row r="742966" spans="14:14">
      <c r="N742966" s="10"/>
    </row>
    <row r="742967" spans="14:14">
      <c r="N742967" s="10"/>
    </row>
    <row r="742968" spans="14:14">
      <c r="N742968" s="10"/>
    </row>
    <row r="742969" spans="14:14">
      <c r="N742969" s="10"/>
    </row>
    <row r="742970" spans="14:14">
      <c r="N742970" s="10"/>
    </row>
    <row r="742971" spans="14:14">
      <c r="N742971" s="10"/>
    </row>
    <row r="742972" spans="14:14">
      <c r="N742972" s="10"/>
    </row>
    <row r="742973" spans="14:14">
      <c r="N742973" s="10"/>
    </row>
    <row r="742974" spans="14:14">
      <c r="N742974" s="10"/>
    </row>
    <row r="742975" spans="14:14">
      <c r="N742975" s="10"/>
    </row>
    <row r="742976" spans="14:14">
      <c r="N742976" s="10"/>
    </row>
    <row r="742977" spans="14:14">
      <c r="N742977" s="10"/>
    </row>
    <row r="742978" spans="14:14">
      <c r="N742978" s="10"/>
    </row>
    <row r="742979" spans="14:14">
      <c r="N742979" s="10"/>
    </row>
    <row r="742980" spans="14:14">
      <c r="N742980" s="10"/>
    </row>
    <row r="742981" spans="14:14">
      <c r="N742981" s="10"/>
    </row>
    <row r="742982" spans="14:14">
      <c r="N742982" s="10"/>
    </row>
    <row r="742983" spans="14:14">
      <c r="N742983" s="10"/>
    </row>
    <row r="742984" spans="14:14">
      <c r="N742984" s="10"/>
    </row>
    <row r="742985" spans="14:14">
      <c r="N742985" s="10"/>
    </row>
    <row r="742986" spans="14:14">
      <c r="N742986" s="10"/>
    </row>
    <row r="742987" spans="14:14">
      <c r="N742987" s="10"/>
    </row>
    <row r="742988" spans="14:14">
      <c r="N742988" s="10"/>
    </row>
    <row r="742989" spans="14:14">
      <c r="N742989" s="10"/>
    </row>
    <row r="742990" spans="14:14">
      <c r="N742990" s="10"/>
    </row>
    <row r="742991" spans="14:14">
      <c r="N742991" s="10"/>
    </row>
    <row r="742992" spans="14:14">
      <c r="N742992" s="10"/>
    </row>
    <row r="742993" spans="14:14">
      <c r="N742993" s="10"/>
    </row>
    <row r="742994" spans="14:14">
      <c r="N742994" s="10"/>
    </row>
    <row r="742995" spans="14:14">
      <c r="N742995" s="10"/>
    </row>
    <row r="742996" spans="14:14">
      <c r="N742996" s="10"/>
    </row>
    <row r="742997" spans="14:14">
      <c r="N742997" s="10"/>
    </row>
    <row r="742998" spans="14:14">
      <c r="N742998" s="10"/>
    </row>
    <row r="742999" spans="14:14">
      <c r="N742999" s="10"/>
    </row>
    <row r="743000" spans="14:14">
      <c r="N743000" s="10"/>
    </row>
    <row r="743001" spans="14:14">
      <c r="N743001" s="10"/>
    </row>
    <row r="743002" spans="14:14">
      <c r="N743002" s="10"/>
    </row>
    <row r="743003" spans="14:14">
      <c r="N743003" s="10"/>
    </row>
    <row r="743004" spans="14:14">
      <c r="N743004" s="10"/>
    </row>
    <row r="743005" spans="14:14">
      <c r="N743005" s="10"/>
    </row>
    <row r="743006" spans="14:14">
      <c r="N743006" s="10"/>
    </row>
    <row r="743007" spans="14:14">
      <c r="N743007" s="10"/>
    </row>
    <row r="743008" spans="14:14">
      <c r="N743008" s="10"/>
    </row>
    <row r="743009" spans="14:14">
      <c r="N743009" s="10"/>
    </row>
    <row r="743010" spans="14:14">
      <c r="N743010" s="10"/>
    </row>
    <row r="743011" spans="14:14">
      <c r="N743011" s="10"/>
    </row>
    <row r="743012" spans="14:14">
      <c r="N743012" s="10"/>
    </row>
    <row r="743013" spans="14:14">
      <c r="N743013" s="10"/>
    </row>
    <row r="743014" spans="14:14">
      <c r="N743014" s="10"/>
    </row>
    <row r="743015" spans="14:14">
      <c r="N743015" s="10"/>
    </row>
    <row r="743016" spans="14:14">
      <c r="N743016" s="10"/>
    </row>
    <row r="743017" spans="14:14">
      <c r="N743017" s="10"/>
    </row>
    <row r="743018" spans="14:14">
      <c r="N743018" s="10"/>
    </row>
    <row r="743019" spans="14:14">
      <c r="N743019" s="10"/>
    </row>
    <row r="743020" spans="14:14">
      <c r="N743020" s="10"/>
    </row>
    <row r="743021" spans="14:14">
      <c r="N743021" s="10"/>
    </row>
    <row r="743022" spans="14:14">
      <c r="N743022" s="10"/>
    </row>
    <row r="743023" spans="14:14">
      <c r="N743023" s="10"/>
    </row>
    <row r="743024" spans="14:14">
      <c r="N743024" s="10"/>
    </row>
    <row r="743025" spans="14:14">
      <c r="N743025" s="10"/>
    </row>
    <row r="743026" spans="14:14">
      <c r="N743026" s="10"/>
    </row>
    <row r="743027" spans="14:14">
      <c r="N743027" s="10"/>
    </row>
    <row r="743028" spans="14:14">
      <c r="N743028" s="10"/>
    </row>
    <row r="743029" spans="14:14">
      <c r="N743029" s="10"/>
    </row>
    <row r="743030" spans="14:14">
      <c r="N743030" s="10"/>
    </row>
    <row r="743031" spans="14:14">
      <c r="N743031" s="10"/>
    </row>
    <row r="743032" spans="14:14">
      <c r="N743032" s="10"/>
    </row>
    <row r="743033" spans="14:14">
      <c r="N743033" s="10"/>
    </row>
    <row r="743034" spans="14:14">
      <c r="N743034" s="10"/>
    </row>
    <row r="743035" spans="14:14">
      <c r="N743035" s="10"/>
    </row>
    <row r="743036" spans="14:14">
      <c r="N743036" s="10"/>
    </row>
    <row r="743037" spans="14:14">
      <c r="N743037" s="10"/>
    </row>
    <row r="743038" spans="14:14">
      <c r="N743038" s="10"/>
    </row>
    <row r="743039" spans="14:14">
      <c r="N743039" s="10"/>
    </row>
    <row r="743040" spans="14:14">
      <c r="N743040" s="10"/>
    </row>
    <row r="743041" spans="14:14">
      <c r="N743041" s="10"/>
    </row>
    <row r="743042" spans="14:14">
      <c r="N743042" s="10"/>
    </row>
    <row r="743043" spans="14:14">
      <c r="N743043" s="10"/>
    </row>
    <row r="743044" spans="14:14">
      <c r="N743044" s="10"/>
    </row>
    <row r="743045" spans="14:14">
      <c r="N743045" s="10"/>
    </row>
    <row r="743046" spans="14:14">
      <c r="N743046" s="10"/>
    </row>
    <row r="743047" spans="14:14">
      <c r="N743047" s="10"/>
    </row>
    <row r="743048" spans="14:14">
      <c r="N743048" s="10"/>
    </row>
    <row r="743049" spans="14:14">
      <c r="N743049" s="10"/>
    </row>
    <row r="743050" spans="14:14">
      <c r="N743050" s="10"/>
    </row>
    <row r="743051" spans="14:14">
      <c r="N743051" s="10"/>
    </row>
    <row r="743052" spans="14:14">
      <c r="N743052" s="10"/>
    </row>
    <row r="743053" spans="14:14">
      <c r="N743053" s="10"/>
    </row>
    <row r="743054" spans="14:14">
      <c r="N743054" s="10"/>
    </row>
    <row r="743055" spans="14:14">
      <c r="N743055" s="10"/>
    </row>
    <row r="743056" spans="14:14">
      <c r="N743056" s="10"/>
    </row>
    <row r="743057" spans="14:14">
      <c r="N743057" s="10"/>
    </row>
    <row r="743058" spans="14:14">
      <c r="N743058" s="10"/>
    </row>
    <row r="743059" spans="14:14">
      <c r="N743059" s="10"/>
    </row>
    <row r="743060" spans="14:14">
      <c r="N743060" s="10"/>
    </row>
    <row r="743061" spans="14:14">
      <c r="N743061" s="10"/>
    </row>
    <row r="743062" spans="14:14">
      <c r="N743062" s="10"/>
    </row>
    <row r="743063" spans="14:14">
      <c r="N743063" s="10"/>
    </row>
    <row r="743064" spans="14:14">
      <c r="N743064" s="10"/>
    </row>
    <row r="743065" spans="14:14">
      <c r="N743065" s="10"/>
    </row>
    <row r="743066" spans="14:14">
      <c r="N743066" s="10"/>
    </row>
    <row r="743067" spans="14:14">
      <c r="N743067" s="10"/>
    </row>
    <row r="743068" spans="14:14">
      <c r="N743068" s="10"/>
    </row>
    <row r="743069" spans="14:14">
      <c r="N743069" s="10"/>
    </row>
    <row r="743070" spans="14:14">
      <c r="N743070" s="10"/>
    </row>
    <row r="743071" spans="14:14">
      <c r="N743071" s="10"/>
    </row>
    <row r="743072" spans="14:14">
      <c r="N743072" s="10"/>
    </row>
    <row r="743073" spans="14:14">
      <c r="N743073" s="10"/>
    </row>
    <row r="743074" spans="14:14">
      <c r="N743074" s="10"/>
    </row>
    <row r="743075" spans="14:14">
      <c r="N743075" s="10"/>
    </row>
    <row r="743076" spans="14:14">
      <c r="N743076" s="10"/>
    </row>
    <row r="743077" spans="14:14">
      <c r="N743077" s="10"/>
    </row>
    <row r="743078" spans="14:14">
      <c r="N743078" s="10"/>
    </row>
    <row r="743079" spans="14:14">
      <c r="N743079" s="10"/>
    </row>
    <row r="743080" spans="14:14">
      <c r="N743080" s="10"/>
    </row>
    <row r="743081" spans="14:14">
      <c r="N743081" s="10"/>
    </row>
    <row r="743082" spans="14:14">
      <c r="N743082" s="10"/>
    </row>
    <row r="743083" spans="14:14">
      <c r="N743083" s="10"/>
    </row>
    <row r="743084" spans="14:14">
      <c r="N743084" s="10"/>
    </row>
    <row r="743085" spans="14:14">
      <c r="N743085" s="10"/>
    </row>
    <row r="743086" spans="14:14">
      <c r="N743086" s="10"/>
    </row>
    <row r="743087" spans="14:14">
      <c r="N743087" s="10"/>
    </row>
    <row r="743088" spans="14:14">
      <c r="N743088" s="10"/>
    </row>
    <row r="743089" spans="14:14">
      <c r="N743089" s="10"/>
    </row>
    <row r="743090" spans="14:14">
      <c r="N743090" s="10"/>
    </row>
    <row r="743091" spans="14:14">
      <c r="N743091" s="10"/>
    </row>
    <row r="743092" spans="14:14">
      <c r="N743092" s="10"/>
    </row>
    <row r="743093" spans="14:14">
      <c r="N743093" s="10"/>
    </row>
    <row r="743094" spans="14:14">
      <c r="N743094" s="10"/>
    </row>
    <row r="743095" spans="14:14">
      <c r="N743095" s="10"/>
    </row>
    <row r="743096" spans="14:14">
      <c r="N743096" s="10"/>
    </row>
    <row r="743097" spans="14:14">
      <c r="N743097" s="10"/>
    </row>
    <row r="743098" spans="14:14">
      <c r="N743098" s="10"/>
    </row>
    <row r="743099" spans="14:14">
      <c r="N743099" s="10"/>
    </row>
    <row r="743100" spans="14:14">
      <c r="N743100" s="10"/>
    </row>
    <row r="743101" spans="14:14">
      <c r="N743101" s="10"/>
    </row>
    <row r="743102" spans="14:14">
      <c r="N743102" s="10"/>
    </row>
    <row r="743103" spans="14:14">
      <c r="N743103" s="10"/>
    </row>
    <row r="743104" spans="14:14">
      <c r="N743104" s="10"/>
    </row>
    <row r="743105" spans="14:14">
      <c r="N743105" s="10"/>
    </row>
    <row r="743106" spans="14:14">
      <c r="N743106" s="10"/>
    </row>
    <row r="743107" spans="14:14">
      <c r="N743107" s="10"/>
    </row>
    <row r="743108" spans="14:14">
      <c r="N743108" s="10"/>
    </row>
    <row r="743109" spans="14:14">
      <c r="N743109" s="10"/>
    </row>
    <row r="743110" spans="14:14">
      <c r="N743110" s="10"/>
    </row>
    <row r="743111" spans="14:14">
      <c r="N743111" s="10"/>
    </row>
    <row r="743112" spans="14:14">
      <c r="N743112" s="10"/>
    </row>
    <row r="743113" spans="14:14">
      <c r="N743113" s="10"/>
    </row>
    <row r="743114" spans="14:14">
      <c r="N743114" s="10"/>
    </row>
    <row r="743115" spans="14:14">
      <c r="N743115" s="10"/>
    </row>
    <row r="743116" spans="14:14">
      <c r="N743116" s="10"/>
    </row>
    <row r="743117" spans="14:14">
      <c r="N743117" s="10"/>
    </row>
    <row r="743118" spans="14:14">
      <c r="N743118" s="10"/>
    </row>
    <row r="743119" spans="14:14">
      <c r="N743119" s="10"/>
    </row>
    <row r="743120" spans="14:14">
      <c r="N743120" s="10"/>
    </row>
    <row r="743121" spans="14:14">
      <c r="N743121" s="10"/>
    </row>
    <row r="743122" spans="14:14">
      <c r="N743122" s="10"/>
    </row>
    <row r="743123" spans="14:14">
      <c r="N743123" s="10"/>
    </row>
    <row r="743124" spans="14:14">
      <c r="N743124" s="10"/>
    </row>
    <row r="743125" spans="14:14">
      <c r="N743125" s="10"/>
    </row>
    <row r="743126" spans="14:14">
      <c r="N743126" s="10"/>
    </row>
    <row r="743127" spans="14:14">
      <c r="N743127" s="10"/>
    </row>
    <row r="743128" spans="14:14">
      <c r="N743128" s="10"/>
    </row>
    <row r="743129" spans="14:14">
      <c r="N743129" s="10"/>
    </row>
    <row r="743130" spans="14:14">
      <c r="N743130" s="10"/>
    </row>
    <row r="743131" spans="14:14">
      <c r="N743131" s="10"/>
    </row>
    <row r="743132" spans="14:14">
      <c r="N743132" s="10"/>
    </row>
    <row r="743133" spans="14:14">
      <c r="N743133" s="10"/>
    </row>
    <row r="743134" spans="14:14">
      <c r="N743134" s="10"/>
    </row>
    <row r="743135" spans="14:14">
      <c r="N743135" s="10"/>
    </row>
    <row r="743136" spans="14:14">
      <c r="N743136" s="10"/>
    </row>
    <row r="743137" spans="14:14">
      <c r="N743137" s="10"/>
    </row>
    <row r="743138" spans="14:14">
      <c r="N743138" s="10"/>
    </row>
    <row r="743139" spans="14:14">
      <c r="N743139" s="10"/>
    </row>
    <row r="743140" spans="14:14">
      <c r="N743140" s="10"/>
    </row>
    <row r="743141" spans="14:14">
      <c r="N743141" s="10"/>
    </row>
    <row r="743142" spans="14:14">
      <c r="N743142" s="10"/>
    </row>
    <row r="743143" spans="14:14">
      <c r="N743143" s="10"/>
    </row>
    <row r="743144" spans="14:14">
      <c r="N743144" s="10"/>
    </row>
    <row r="743145" spans="14:14">
      <c r="N743145" s="10"/>
    </row>
    <row r="743146" spans="14:14">
      <c r="N743146" s="10"/>
    </row>
    <row r="743147" spans="14:14">
      <c r="N743147" s="10"/>
    </row>
    <row r="743148" spans="14:14">
      <c r="N743148" s="10"/>
    </row>
    <row r="743149" spans="14:14">
      <c r="N743149" s="10"/>
    </row>
    <row r="743150" spans="14:14">
      <c r="N743150" s="10"/>
    </row>
    <row r="743151" spans="14:14">
      <c r="N743151" s="10"/>
    </row>
    <row r="743152" spans="14:14">
      <c r="N743152" s="10"/>
    </row>
    <row r="743153" spans="14:14">
      <c r="N743153" s="10"/>
    </row>
    <row r="743154" spans="14:14">
      <c r="N743154" s="10"/>
    </row>
    <row r="743155" spans="14:14">
      <c r="N743155" s="10"/>
    </row>
    <row r="743156" spans="14:14">
      <c r="N743156" s="10"/>
    </row>
    <row r="743157" spans="14:14">
      <c r="N743157" s="10"/>
    </row>
    <row r="743158" spans="14:14">
      <c r="N743158" s="10"/>
    </row>
    <row r="743159" spans="14:14">
      <c r="N743159" s="10"/>
    </row>
    <row r="743160" spans="14:14">
      <c r="N743160" s="10"/>
    </row>
    <row r="743161" spans="14:14">
      <c r="N743161" s="10"/>
    </row>
    <row r="743162" spans="14:14">
      <c r="N743162" s="10"/>
    </row>
    <row r="743163" spans="14:14">
      <c r="N743163" s="10"/>
    </row>
    <row r="743164" spans="14:14">
      <c r="N743164" s="10"/>
    </row>
    <row r="743165" spans="14:14">
      <c r="N743165" s="10"/>
    </row>
    <row r="743166" spans="14:14">
      <c r="N743166" s="10"/>
    </row>
    <row r="743167" spans="14:14">
      <c r="N743167" s="10"/>
    </row>
    <row r="743168" spans="14:14">
      <c r="N743168" s="10"/>
    </row>
    <row r="743169" spans="14:14">
      <c r="N743169" s="10"/>
    </row>
    <row r="743170" spans="14:14">
      <c r="N743170" s="10"/>
    </row>
    <row r="743171" spans="14:14">
      <c r="N743171" s="10"/>
    </row>
    <row r="743172" spans="14:14">
      <c r="N743172" s="10"/>
    </row>
    <row r="743173" spans="14:14">
      <c r="N743173" s="10"/>
    </row>
    <row r="743174" spans="14:14">
      <c r="N743174" s="10"/>
    </row>
    <row r="743175" spans="14:14">
      <c r="N743175" s="10"/>
    </row>
    <row r="743176" spans="14:14">
      <c r="N743176" s="10"/>
    </row>
    <row r="743177" spans="14:14">
      <c r="N743177" s="10"/>
    </row>
    <row r="743178" spans="14:14">
      <c r="N743178" s="10"/>
    </row>
    <row r="743179" spans="14:14">
      <c r="N743179" s="10"/>
    </row>
    <row r="743180" spans="14:14">
      <c r="N743180" s="10"/>
    </row>
    <row r="743181" spans="14:14">
      <c r="N743181" s="10"/>
    </row>
    <row r="743182" spans="14:14">
      <c r="N743182" s="10"/>
    </row>
    <row r="743183" spans="14:14">
      <c r="N743183" s="10"/>
    </row>
    <row r="743184" spans="14:14">
      <c r="N743184" s="10"/>
    </row>
    <row r="743185" spans="14:14">
      <c r="N743185" s="10"/>
    </row>
    <row r="743186" spans="14:14">
      <c r="N743186" s="10"/>
    </row>
    <row r="743187" spans="14:14">
      <c r="N743187" s="10"/>
    </row>
    <row r="743188" spans="14:14">
      <c r="N743188" s="10"/>
    </row>
    <row r="743189" spans="14:14">
      <c r="N743189" s="10"/>
    </row>
    <row r="743190" spans="14:14">
      <c r="N743190" s="10"/>
    </row>
    <row r="743191" spans="14:14">
      <c r="N743191" s="10"/>
    </row>
    <row r="743192" spans="14:14">
      <c r="N743192" s="10"/>
    </row>
    <row r="743193" spans="14:14">
      <c r="N743193" s="10"/>
    </row>
    <row r="743194" spans="14:14">
      <c r="N743194" s="10"/>
    </row>
    <row r="743195" spans="14:14">
      <c r="N743195" s="10"/>
    </row>
    <row r="743196" spans="14:14">
      <c r="N743196" s="10"/>
    </row>
    <row r="743197" spans="14:14">
      <c r="N743197" s="10"/>
    </row>
    <row r="743198" spans="14:14">
      <c r="N743198" s="10"/>
    </row>
    <row r="743199" spans="14:14">
      <c r="N743199" s="10"/>
    </row>
    <row r="743200" spans="14:14">
      <c r="N743200" s="10"/>
    </row>
    <row r="743201" spans="14:14">
      <c r="N743201" s="10"/>
    </row>
    <row r="743202" spans="14:14">
      <c r="N743202" s="10"/>
    </row>
    <row r="743203" spans="14:14">
      <c r="N743203" s="10"/>
    </row>
    <row r="743204" spans="14:14">
      <c r="N743204" s="10"/>
    </row>
    <row r="743205" spans="14:14">
      <c r="N743205" s="10"/>
    </row>
    <row r="743206" spans="14:14">
      <c r="N743206" s="10"/>
    </row>
    <row r="743207" spans="14:14">
      <c r="N743207" s="10"/>
    </row>
    <row r="743208" spans="14:14">
      <c r="N743208" s="10"/>
    </row>
    <row r="743209" spans="14:14">
      <c r="N743209" s="10"/>
    </row>
    <row r="743210" spans="14:14">
      <c r="N743210" s="10"/>
    </row>
    <row r="743211" spans="14:14">
      <c r="N743211" s="10"/>
    </row>
    <row r="743212" spans="14:14">
      <c r="N743212" s="10"/>
    </row>
    <row r="743213" spans="14:14">
      <c r="N743213" s="10"/>
    </row>
    <row r="743214" spans="14:14">
      <c r="N743214" s="10"/>
    </row>
    <row r="743215" spans="14:14">
      <c r="N743215" s="10"/>
    </row>
    <row r="743216" spans="14:14">
      <c r="N743216" s="10"/>
    </row>
    <row r="743217" spans="14:14">
      <c r="N743217" s="10"/>
    </row>
    <row r="743218" spans="14:14">
      <c r="N743218" s="10"/>
    </row>
    <row r="743219" spans="14:14">
      <c r="N743219" s="10"/>
    </row>
    <row r="743220" spans="14:14">
      <c r="N743220" s="10"/>
    </row>
    <row r="743221" spans="14:14">
      <c r="N743221" s="10"/>
    </row>
    <row r="743222" spans="14:14">
      <c r="N743222" s="10"/>
    </row>
    <row r="743223" spans="14:14">
      <c r="N743223" s="10"/>
    </row>
    <row r="743224" spans="14:14">
      <c r="N743224" s="10"/>
    </row>
    <row r="743225" spans="14:14">
      <c r="N743225" s="10"/>
    </row>
    <row r="743226" spans="14:14">
      <c r="N743226" s="10"/>
    </row>
    <row r="743227" spans="14:14">
      <c r="N743227" s="10"/>
    </row>
    <row r="743228" spans="14:14">
      <c r="N743228" s="10"/>
    </row>
    <row r="743229" spans="14:14">
      <c r="N743229" s="10"/>
    </row>
    <row r="743230" spans="14:14">
      <c r="N743230" s="10"/>
    </row>
    <row r="743231" spans="14:14">
      <c r="N743231" s="10"/>
    </row>
    <row r="743232" spans="14:14">
      <c r="N743232" s="10"/>
    </row>
    <row r="743233" spans="14:14">
      <c r="N743233" s="10"/>
    </row>
    <row r="743234" spans="14:14">
      <c r="N743234" s="10"/>
    </row>
    <row r="743235" spans="14:14">
      <c r="N743235" s="10"/>
    </row>
    <row r="743236" spans="14:14">
      <c r="N743236" s="10"/>
    </row>
    <row r="743237" spans="14:14">
      <c r="N743237" s="10"/>
    </row>
    <row r="743238" spans="14:14">
      <c r="N743238" s="10"/>
    </row>
    <row r="743239" spans="14:14">
      <c r="N743239" s="10"/>
    </row>
    <row r="743240" spans="14:14">
      <c r="N743240" s="10"/>
    </row>
    <row r="743241" spans="14:14">
      <c r="N743241" s="10"/>
    </row>
    <row r="743242" spans="14:14">
      <c r="N743242" s="10"/>
    </row>
    <row r="743243" spans="14:14">
      <c r="N743243" s="10"/>
    </row>
    <row r="743244" spans="14:14">
      <c r="N743244" s="10"/>
    </row>
    <row r="743245" spans="14:14">
      <c r="N743245" s="10"/>
    </row>
    <row r="743246" spans="14:14">
      <c r="N743246" s="10"/>
    </row>
    <row r="743247" spans="14:14">
      <c r="N743247" s="10"/>
    </row>
    <row r="743248" spans="14:14">
      <c r="N743248" s="10"/>
    </row>
    <row r="743249" spans="14:14">
      <c r="N743249" s="10"/>
    </row>
    <row r="743250" spans="14:14">
      <c r="N743250" s="10"/>
    </row>
    <row r="743251" spans="14:14">
      <c r="N743251" s="10"/>
    </row>
    <row r="743252" spans="14:14">
      <c r="N743252" s="10"/>
    </row>
    <row r="743253" spans="14:14">
      <c r="N743253" s="10"/>
    </row>
    <row r="743254" spans="14:14">
      <c r="N743254" s="10"/>
    </row>
    <row r="743255" spans="14:14">
      <c r="N743255" s="10"/>
    </row>
    <row r="743256" spans="14:14">
      <c r="N743256" s="10"/>
    </row>
    <row r="743257" spans="14:14">
      <c r="N743257" s="10"/>
    </row>
    <row r="743258" spans="14:14">
      <c r="N743258" s="10"/>
    </row>
    <row r="743259" spans="14:14">
      <c r="N743259" s="10"/>
    </row>
    <row r="743260" spans="14:14">
      <c r="N743260" s="10"/>
    </row>
    <row r="743261" spans="14:14">
      <c r="N743261" s="10"/>
    </row>
    <row r="743262" spans="14:14">
      <c r="N743262" s="10"/>
    </row>
    <row r="743263" spans="14:14">
      <c r="N743263" s="10"/>
    </row>
    <row r="743264" spans="14:14">
      <c r="N743264" s="10"/>
    </row>
    <row r="743265" spans="14:14">
      <c r="N743265" s="10"/>
    </row>
    <row r="743266" spans="14:14">
      <c r="N743266" s="10"/>
    </row>
    <row r="743267" spans="14:14">
      <c r="N743267" s="10"/>
    </row>
    <row r="743268" spans="14:14">
      <c r="N743268" s="10"/>
    </row>
    <row r="743269" spans="14:14">
      <c r="N743269" s="10"/>
    </row>
    <row r="743270" spans="14:14">
      <c r="N743270" s="10"/>
    </row>
    <row r="743271" spans="14:14">
      <c r="N743271" s="10"/>
    </row>
    <row r="743272" spans="14:14">
      <c r="N743272" s="10"/>
    </row>
    <row r="743273" spans="14:14">
      <c r="N743273" s="10"/>
    </row>
    <row r="743274" spans="14:14">
      <c r="N743274" s="10"/>
    </row>
    <row r="743275" spans="14:14">
      <c r="N743275" s="10"/>
    </row>
    <row r="743276" spans="14:14">
      <c r="N743276" s="10"/>
    </row>
    <row r="743277" spans="14:14">
      <c r="N743277" s="10"/>
    </row>
    <row r="743278" spans="14:14">
      <c r="N743278" s="10"/>
    </row>
    <row r="743279" spans="14:14">
      <c r="N743279" s="10"/>
    </row>
    <row r="743280" spans="14:14">
      <c r="N743280" s="10"/>
    </row>
    <row r="743281" spans="14:14">
      <c r="N743281" s="10"/>
    </row>
    <row r="743282" spans="14:14">
      <c r="N743282" s="10"/>
    </row>
    <row r="743283" spans="14:14">
      <c r="N743283" s="10"/>
    </row>
    <row r="743284" spans="14:14">
      <c r="N743284" s="10"/>
    </row>
    <row r="743285" spans="14:14">
      <c r="N743285" s="10"/>
    </row>
    <row r="743286" spans="14:14">
      <c r="N743286" s="10"/>
    </row>
    <row r="743287" spans="14:14">
      <c r="N743287" s="10"/>
    </row>
    <row r="743288" spans="14:14">
      <c r="N743288" s="10"/>
    </row>
    <row r="743289" spans="14:14">
      <c r="N743289" s="10"/>
    </row>
    <row r="743290" spans="14:14">
      <c r="N743290" s="10"/>
    </row>
    <row r="743291" spans="14:14">
      <c r="N743291" s="10"/>
    </row>
    <row r="743292" spans="14:14">
      <c r="N743292" s="10"/>
    </row>
    <row r="743293" spans="14:14">
      <c r="N743293" s="10"/>
    </row>
    <row r="743294" spans="14:14">
      <c r="N743294" s="10"/>
    </row>
    <row r="743295" spans="14:14">
      <c r="N743295" s="10"/>
    </row>
    <row r="743296" spans="14:14">
      <c r="N743296" s="10"/>
    </row>
    <row r="743297" spans="14:14">
      <c r="N743297" s="10"/>
    </row>
    <row r="743298" spans="14:14">
      <c r="N743298" s="10"/>
    </row>
    <row r="743299" spans="14:14">
      <c r="N743299" s="10"/>
    </row>
    <row r="743300" spans="14:14">
      <c r="N743300" s="10"/>
    </row>
    <row r="743301" spans="14:14">
      <c r="N743301" s="10"/>
    </row>
    <row r="743302" spans="14:14">
      <c r="N743302" s="10"/>
    </row>
    <row r="743303" spans="14:14">
      <c r="N743303" s="10"/>
    </row>
    <row r="743304" spans="14:14">
      <c r="N743304" s="10"/>
    </row>
    <row r="743305" spans="14:14">
      <c r="N743305" s="10"/>
    </row>
    <row r="743306" spans="14:14">
      <c r="N743306" s="10"/>
    </row>
    <row r="743307" spans="14:14">
      <c r="N743307" s="10"/>
    </row>
    <row r="743308" spans="14:14">
      <c r="N743308" s="10"/>
    </row>
    <row r="743309" spans="14:14">
      <c r="N743309" s="10"/>
    </row>
    <row r="743310" spans="14:14">
      <c r="N743310" s="10"/>
    </row>
    <row r="743311" spans="14:14">
      <c r="N743311" s="10"/>
    </row>
    <row r="743312" spans="14:14">
      <c r="N743312" s="10"/>
    </row>
    <row r="743313" spans="14:14">
      <c r="N743313" s="10"/>
    </row>
    <row r="743314" spans="14:14">
      <c r="N743314" s="10"/>
    </row>
    <row r="743315" spans="14:14">
      <c r="N743315" s="10"/>
    </row>
    <row r="743316" spans="14:14">
      <c r="N743316" s="10"/>
    </row>
    <row r="743317" spans="14:14">
      <c r="N743317" s="10"/>
    </row>
    <row r="743318" spans="14:14">
      <c r="N743318" s="10"/>
    </row>
    <row r="743319" spans="14:14">
      <c r="N743319" s="10"/>
    </row>
    <row r="743320" spans="14:14">
      <c r="N743320" s="10"/>
    </row>
    <row r="743321" spans="14:14">
      <c r="N743321" s="10"/>
    </row>
    <row r="743322" spans="14:14">
      <c r="N743322" s="10"/>
    </row>
    <row r="743323" spans="14:14">
      <c r="N743323" s="10"/>
    </row>
    <row r="743324" spans="14:14">
      <c r="N743324" s="10"/>
    </row>
    <row r="743325" spans="14:14">
      <c r="N743325" s="10"/>
    </row>
    <row r="743326" spans="14:14">
      <c r="N743326" s="10"/>
    </row>
    <row r="743327" spans="14:14">
      <c r="N743327" s="10"/>
    </row>
    <row r="743328" spans="14:14">
      <c r="N743328" s="10"/>
    </row>
    <row r="743329" spans="14:14">
      <c r="N743329" s="10"/>
    </row>
    <row r="743330" spans="14:14">
      <c r="N743330" s="10"/>
    </row>
    <row r="743331" spans="14:14">
      <c r="N743331" s="10"/>
    </row>
    <row r="743332" spans="14:14">
      <c r="N743332" s="10"/>
    </row>
    <row r="743333" spans="14:14">
      <c r="N743333" s="10"/>
    </row>
    <row r="743334" spans="14:14">
      <c r="N743334" s="10"/>
    </row>
    <row r="743335" spans="14:14">
      <c r="N743335" s="10"/>
    </row>
    <row r="743336" spans="14:14">
      <c r="N743336" s="10"/>
    </row>
    <row r="743337" spans="14:14">
      <c r="N743337" s="10"/>
    </row>
    <row r="743338" spans="14:14">
      <c r="N743338" s="10"/>
    </row>
    <row r="743339" spans="14:14">
      <c r="N743339" s="10"/>
    </row>
    <row r="743340" spans="14:14">
      <c r="N743340" s="10"/>
    </row>
    <row r="743341" spans="14:14">
      <c r="N743341" s="10"/>
    </row>
    <row r="743342" spans="14:14">
      <c r="N743342" s="10"/>
    </row>
    <row r="743343" spans="14:14">
      <c r="N743343" s="10"/>
    </row>
    <row r="743344" spans="14:14">
      <c r="N743344" s="10"/>
    </row>
    <row r="743345" spans="14:14">
      <c r="N743345" s="10"/>
    </row>
    <row r="743346" spans="14:14">
      <c r="N743346" s="10"/>
    </row>
    <row r="743347" spans="14:14">
      <c r="N743347" s="10"/>
    </row>
    <row r="743348" spans="14:14">
      <c r="N743348" s="10"/>
    </row>
    <row r="743349" spans="14:14">
      <c r="N743349" s="10"/>
    </row>
    <row r="743350" spans="14:14">
      <c r="N743350" s="10"/>
    </row>
    <row r="743351" spans="14:14">
      <c r="N743351" s="10"/>
    </row>
    <row r="743352" spans="14:14">
      <c r="N743352" s="10"/>
    </row>
    <row r="743353" spans="14:14">
      <c r="N743353" s="10"/>
    </row>
    <row r="743354" spans="14:14">
      <c r="N743354" s="10"/>
    </row>
    <row r="743355" spans="14:14">
      <c r="N743355" s="10"/>
    </row>
    <row r="743356" spans="14:14">
      <c r="N743356" s="10"/>
    </row>
    <row r="743357" spans="14:14">
      <c r="N743357" s="10"/>
    </row>
    <row r="743358" spans="14:14">
      <c r="N743358" s="10"/>
    </row>
    <row r="743359" spans="14:14">
      <c r="N743359" s="10"/>
    </row>
    <row r="743360" spans="14:14">
      <c r="N743360" s="10"/>
    </row>
    <row r="743361" spans="14:14">
      <c r="N743361" s="10"/>
    </row>
    <row r="743362" spans="14:14">
      <c r="N743362" s="10"/>
    </row>
    <row r="743363" spans="14:14">
      <c r="N743363" s="10"/>
    </row>
    <row r="743364" spans="14:14">
      <c r="N743364" s="10"/>
    </row>
    <row r="743365" spans="14:14">
      <c r="N743365" s="10"/>
    </row>
    <row r="743366" spans="14:14">
      <c r="N743366" s="10"/>
    </row>
    <row r="743367" spans="14:14">
      <c r="N743367" s="10"/>
    </row>
    <row r="743368" spans="14:14">
      <c r="N743368" s="10"/>
    </row>
    <row r="743369" spans="14:14">
      <c r="N743369" s="10"/>
    </row>
    <row r="743370" spans="14:14">
      <c r="N743370" s="10"/>
    </row>
    <row r="743371" spans="14:14">
      <c r="N743371" s="10"/>
    </row>
    <row r="743372" spans="14:14">
      <c r="N743372" s="10"/>
    </row>
    <row r="743373" spans="14:14">
      <c r="N743373" s="10"/>
    </row>
    <row r="743374" spans="14:14">
      <c r="N743374" s="10"/>
    </row>
    <row r="743375" spans="14:14">
      <c r="N743375" s="10"/>
    </row>
    <row r="743376" spans="14:14">
      <c r="N743376" s="10"/>
    </row>
    <row r="743377" spans="14:14">
      <c r="N743377" s="10"/>
    </row>
    <row r="743378" spans="14:14">
      <c r="N743378" s="10"/>
    </row>
    <row r="743379" spans="14:14">
      <c r="N743379" s="10"/>
    </row>
    <row r="743380" spans="14:14">
      <c r="N743380" s="10"/>
    </row>
    <row r="743381" spans="14:14">
      <c r="N743381" s="10"/>
    </row>
    <row r="743382" spans="14:14">
      <c r="N743382" s="10"/>
    </row>
    <row r="743383" spans="14:14">
      <c r="N743383" s="10"/>
    </row>
    <row r="743384" spans="14:14">
      <c r="N743384" s="10"/>
    </row>
    <row r="743385" spans="14:14">
      <c r="N743385" s="10"/>
    </row>
    <row r="743386" spans="14:14">
      <c r="N743386" s="10"/>
    </row>
    <row r="743387" spans="14:14">
      <c r="N743387" s="10"/>
    </row>
    <row r="743388" spans="14:14">
      <c r="N743388" s="10"/>
    </row>
    <row r="743389" spans="14:14">
      <c r="N743389" s="10"/>
    </row>
    <row r="743390" spans="14:14">
      <c r="N743390" s="10"/>
    </row>
    <row r="743391" spans="14:14">
      <c r="N743391" s="10"/>
    </row>
    <row r="743392" spans="14:14">
      <c r="N743392" s="10"/>
    </row>
    <row r="743393" spans="14:14">
      <c r="N743393" s="10"/>
    </row>
    <row r="743394" spans="14:14">
      <c r="N743394" s="10"/>
    </row>
    <row r="743395" spans="14:14">
      <c r="N743395" s="10"/>
    </row>
    <row r="743396" spans="14:14">
      <c r="N743396" s="10"/>
    </row>
    <row r="743397" spans="14:14">
      <c r="N743397" s="10"/>
    </row>
    <row r="743398" spans="14:14">
      <c r="N743398" s="10"/>
    </row>
    <row r="743399" spans="14:14">
      <c r="N743399" s="10"/>
    </row>
    <row r="743400" spans="14:14">
      <c r="N743400" s="10"/>
    </row>
    <row r="743401" spans="14:14">
      <c r="N743401" s="10"/>
    </row>
    <row r="743402" spans="14:14">
      <c r="N743402" s="10"/>
    </row>
    <row r="743403" spans="14:14">
      <c r="N743403" s="10"/>
    </row>
    <row r="743404" spans="14:14">
      <c r="N743404" s="10"/>
    </row>
    <row r="743405" spans="14:14">
      <c r="N743405" s="10"/>
    </row>
    <row r="743406" spans="14:14">
      <c r="N743406" s="10"/>
    </row>
    <row r="743407" spans="14:14">
      <c r="N743407" s="10"/>
    </row>
    <row r="743408" spans="14:14">
      <c r="N743408" s="10"/>
    </row>
    <row r="743409" spans="14:14">
      <c r="N743409" s="10"/>
    </row>
    <row r="743410" spans="14:14">
      <c r="N743410" s="10"/>
    </row>
    <row r="743411" spans="14:14">
      <c r="N743411" s="10"/>
    </row>
    <row r="743412" spans="14:14">
      <c r="N743412" s="10"/>
    </row>
    <row r="743413" spans="14:14">
      <c r="N743413" s="10"/>
    </row>
    <row r="743414" spans="14:14">
      <c r="N743414" s="10"/>
    </row>
    <row r="743415" spans="14:14">
      <c r="N743415" s="10"/>
    </row>
    <row r="743416" spans="14:14">
      <c r="N743416" s="10"/>
    </row>
    <row r="743417" spans="14:14">
      <c r="N743417" s="10"/>
    </row>
    <row r="743418" spans="14:14">
      <c r="N743418" s="10"/>
    </row>
    <row r="743419" spans="14:14">
      <c r="N743419" s="10"/>
    </row>
    <row r="743420" spans="14:14">
      <c r="N743420" s="10"/>
    </row>
    <row r="743421" spans="14:14">
      <c r="N743421" s="10"/>
    </row>
    <row r="743422" spans="14:14">
      <c r="N743422" s="10"/>
    </row>
    <row r="743423" spans="14:14">
      <c r="N743423" s="10"/>
    </row>
    <row r="743424" spans="14:14">
      <c r="N743424" s="10"/>
    </row>
    <row r="743425" spans="14:14">
      <c r="N743425" s="10"/>
    </row>
    <row r="743426" spans="14:14">
      <c r="N743426" s="10"/>
    </row>
    <row r="743427" spans="14:14">
      <c r="N743427" s="10"/>
    </row>
    <row r="743428" spans="14:14">
      <c r="N743428" s="10"/>
    </row>
    <row r="743429" spans="14:14">
      <c r="N743429" s="10"/>
    </row>
    <row r="743430" spans="14:14">
      <c r="N743430" s="10"/>
    </row>
    <row r="743431" spans="14:14">
      <c r="N743431" s="10"/>
    </row>
    <row r="743432" spans="14:14">
      <c r="N743432" s="10"/>
    </row>
    <row r="743433" spans="14:14">
      <c r="N743433" s="10"/>
    </row>
    <row r="743434" spans="14:14">
      <c r="N743434" s="10"/>
    </row>
    <row r="743435" spans="14:14">
      <c r="N743435" s="10"/>
    </row>
    <row r="743436" spans="14:14">
      <c r="N743436" s="10"/>
    </row>
    <row r="743437" spans="14:14">
      <c r="N743437" s="10"/>
    </row>
    <row r="743438" spans="14:14">
      <c r="N743438" s="10"/>
    </row>
    <row r="743439" spans="14:14">
      <c r="N743439" s="10"/>
    </row>
    <row r="743440" spans="14:14">
      <c r="N743440" s="10"/>
    </row>
    <row r="743441" spans="14:14">
      <c r="N743441" s="10"/>
    </row>
    <row r="743442" spans="14:14">
      <c r="N743442" s="10"/>
    </row>
    <row r="743443" spans="14:14">
      <c r="N743443" s="10"/>
    </row>
    <row r="743444" spans="14:14">
      <c r="N743444" s="10"/>
    </row>
    <row r="743445" spans="14:14">
      <c r="N743445" s="10"/>
    </row>
    <row r="743446" spans="14:14">
      <c r="N743446" s="10"/>
    </row>
    <row r="743447" spans="14:14">
      <c r="N743447" s="10"/>
    </row>
    <row r="743448" spans="14:14">
      <c r="N743448" s="10"/>
    </row>
    <row r="743449" spans="14:14">
      <c r="N743449" s="10"/>
    </row>
    <row r="743450" spans="14:14">
      <c r="N743450" s="10"/>
    </row>
    <row r="743451" spans="14:14">
      <c r="N743451" s="10"/>
    </row>
    <row r="743452" spans="14:14">
      <c r="N743452" s="10"/>
    </row>
    <row r="743453" spans="14:14">
      <c r="N743453" s="10"/>
    </row>
    <row r="743454" spans="14:14">
      <c r="N743454" s="10"/>
    </row>
    <row r="743455" spans="14:14">
      <c r="N743455" s="10"/>
    </row>
    <row r="743456" spans="14:14">
      <c r="N743456" s="10"/>
    </row>
    <row r="743457" spans="14:14">
      <c r="N743457" s="10"/>
    </row>
    <row r="743458" spans="14:14">
      <c r="N743458" s="10"/>
    </row>
    <row r="743459" spans="14:14">
      <c r="N743459" s="10"/>
    </row>
    <row r="743460" spans="14:14">
      <c r="N743460" s="10"/>
    </row>
    <row r="743461" spans="14:14">
      <c r="N743461" s="10"/>
    </row>
    <row r="743462" spans="14:14">
      <c r="N743462" s="10"/>
    </row>
    <row r="743463" spans="14:14">
      <c r="N743463" s="10"/>
    </row>
    <row r="743464" spans="14:14">
      <c r="N743464" s="10"/>
    </row>
    <row r="743465" spans="14:14">
      <c r="N743465" s="10"/>
    </row>
    <row r="743466" spans="14:14">
      <c r="N743466" s="10"/>
    </row>
    <row r="743467" spans="14:14">
      <c r="N743467" s="10"/>
    </row>
    <row r="743468" spans="14:14">
      <c r="N743468" s="10"/>
    </row>
    <row r="743469" spans="14:14">
      <c r="N743469" s="10"/>
    </row>
    <row r="743470" spans="14:14">
      <c r="N743470" s="10"/>
    </row>
    <row r="743471" spans="14:14">
      <c r="N743471" s="10"/>
    </row>
    <row r="743472" spans="14:14">
      <c r="N743472" s="10"/>
    </row>
    <row r="743473" spans="14:14">
      <c r="N743473" s="10"/>
    </row>
    <row r="743474" spans="14:14">
      <c r="N743474" s="10"/>
    </row>
    <row r="743475" spans="14:14">
      <c r="N743475" s="10"/>
    </row>
    <row r="743476" spans="14:14">
      <c r="N743476" s="10"/>
    </row>
    <row r="743477" spans="14:14">
      <c r="N743477" s="10"/>
    </row>
    <row r="743478" spans="14:14">
      <c r="N743478" s="10"/>
    </row>
    <row r="743479" spans="14:14">
      <c r="N743479" s="10"/>
    </row>
    <row r="743480" spans="14:14">
      <c r="N743480" s="10"/>
    </row>
    <row r="743481" spans="14:14">
      <c r="N743481" s="10"/>
    </row>
    <row r="743482" spans="14:14">
      <c r="N743482" s="10"/>
    </row>
    <row r="743483" spans="14:14">
      <c r="N743483" s="10"/>
    </row>
    <row r="743484" spans="14:14">
      <c r="N743484" s="10"/>
    </row>
    <row r="743485" spans="14:14">
      <c r="N743485" s="10"/>
    </row>
    <row r="743486" spans="14:14">
      <c r="N743486" s="10"/>
    </row>
    <row r="743487" spans="14:14">
      <c r="N743487" s="10"/>
    </row>
    <row r="743488" spans="14:14">
      <c r="N743488" s="10"/>
    </row>
    <row r="743489" spans="14:14">
      <c r="N743489" s="10"/>
    </row>
    <row r="743490" spans="14:14">
      <c r="N743490" s="10"/>
    </row>
    <row r="743491" spans="14:14">
      <c r="N743491" s="10"/>
    </row>
    <row r="743492" spans="14:14">
      <c r="N743492" s="10"/>
    </row>
    <row r="743493" spans="14:14">
      <c r="N743493" s="10"/>
    </row>
    <row r="743494" spans="14:14">
      <c r="N743494" s="10"/>
    </row>
    <row r="743495" spans="14:14">
      <c r="N743495" s="10"/>
    </row>
    <row r="743496" spans="14:14">
      <c r="N743496" s="10"/>
    </row>
    <row r="743497" spans="14:14">
      <c r="N743497" s="10"/>
    </row>
    <row r="743498" spans="14:14">
      <c r="N743498" s="10"/>
    </row>
    <row r="743499" spans="14:14">
      <c r="N743499" s="10"/>
    </row>
    <row r="743500" spans="14:14">
      <c r="N743500" s="10"/>
    </row>
    <row r="743501" spans="14:14">
      <c r="N743501" s="10"/>
    </row>
    <row r="743502" spans="14:14">
      <c r="N743502" s="10"/>
    </row>
    <row r="743503" spans="14:14">
      <c r="N743503" s="10"/>
    </row>
    <row r="743504" spans="14:14">
      <c r="N743504" s="10"/>
    </row>
    <row r="743505" spans="14:14">
      <c r="N743505" s="10"/>
    </row>
    <row r="743506" spans="14:14">
      <c r="N743506" s="10"/>
    </row>
    <row r="743507" spans="14:14">
      <c r="N743507" s="10"/>
    </row>
    <row r="743508" spans="14:14">
      <c r="N743508" s="10"/>
    </row>
    <row r="743509" spans="14:14">
      <c r="N743509" s="10"/>
    </row>
    <row r="743510" spans="14:14">
      <c r="N743510" s="10"/>
    </row>
    <row r="743511" spans="14:14">
      <c r="N743511" s="10"/>
    </row>
    <row r="743512" spans="14:14">
      <c r="N743512" s="10"/>
    </row>
    <row r="743513" spans="14:14">
      <c r="N743513" s="10"/>
    </row>
    <row r="743514" spans="14:14">
      <c r="N743514" s="10"/>
    </row>
    <row r="743515" spans="14:14">
      <c r="N743515" s="10"/>
    </row>
    <row r="743516" spans="14:14">
      <c r="N743516" s="10"/>
    </row>
    <row r="743517" spans="14:14">
      <c r="N743517" s="10"/>
    </row>
    <row r="743518" spans="14:14">
      <c r="N743518" s="10"/>
    </row>
    <row r="743519" spans="14:14">
      <c r="N743519" s="10"/>
    </row>
    <row r="743520" spans="14:14">
      <c r="N743520" s="10"/>
    </row>
    <row r="743521" spans="14:14">
      <c r="N743521" s="10"/>
    </row>
    <row r="743522" spans="14:14">
      <c r="N743522" s="10"/>
    </row>
    <row r="743523" spans="14:14">
      <c r="N743523" s="10"/>
    </row>
    <row r="743524" spans="14:14">
      <c r="N743524" s="10"/>
    </row>
    <row r="743525" spans="14:14">
      <c r="N743525" s="10"/>
    </row>
    <row r="743526" spans="14:14">
      <c r="N743526" s="10"/>
    </row>
    <row r="743527" spans="14:14">
      <c r="N743527" s="10"/>
    </row>
    <row r="743528" spans="14:14">
      <c r="N743528" s="10"/>
    </row>
    <row r="743529" spans="14:14">
      <c r="N743529" s="10"/>
    </row>
    <row r="743530" spans="14:14">
      <c r="N743530" s="10"/>
    </row>
    <row r="743531" spans="14:14">
      <c r="N743531" s="10"/>
    </row>
    <row r="743532" spans="14:14">
      <c r="N743532" s="10"/>
    </row>
    <row r="743533" spans="14:14">
      <c r="N743533" s="10"/>
    </row>
    <row r="743534" spans="14:14">
      <c r="N743534" s="10"/>
    </row>
    <row r="743535" spans="14:14">
      <c r="N743535" s="10"/>
    </row>
    <row r="743536" spans="14:14">
      <c r="N743536" s="10"/>
    </row>
    <row r="743537" spans="14:14">
      <c r="N743537" s="10"/>
    </row>
    <row r="743538" spans="14:14">
      <c r="N743538" s="10"/>
    </row>
    <row r="743539" spans="14:14">
      <c r="N743539" s="10"/>
    </row>
    <row r="743540" spans="14:14">
      <c r="N743540" s="10"/>
    </row>
    <row r="743541" spans="14:14">
      <c r="N743541" s="10"/>
    </row>
    <row r="743542" spans="14:14">
      <c r="N743542" s="10"/>
    </row>
    <row r="743543" spans="14:14">
      <c r="N743543" s="10"/>
    </row>
    <row r="743544" spans="14:14">
      <c r="N743544" s="10"/>
    </row>
    <row r="743545" spans="14:14">
      <c r="N743545" s="10"/>
    </row>
    <row r="743546" spans="14:14">
      <c r="N743546" s="10"/>
    </row>
    <row r="743547" spans="14:14">
      <c r="N743547" s="10"/>
    </row>
    <row r="743548" spans="14:14">
      <c r="N743548" s="10"/>
    </row>
    <row r="743549" spans="14:14">
      <c r="N743549" s="10"/>
    </row>
    <row r="743550" spans="14:14">
      <c r="N743550" s="10"/>
    </row>
    <row r="743551" spans="14:14">
      <c r="N743551" s="10"/>
    </row>
    <row r="743552" spans="14:14">
      <c r="N743552" s="10"/>
    </row>
    <row r="743553" spans="14:14">
      <c r="N743553" s="10"/>
    </row>
    <row r="743554" spans="14:14">
      <c r="N743554" s="10"/>
    </row>
    <row r="743555" spans="14:14">
      <c r="N743555" s="10"/>
    </row>
    <row r="743556" spans="14:14">
      <c r="N743556" s="10"/>
    </row>
    <row r="743557" spans="14:14">
      <c r="N743557" s="10"/>
    </row>
    <row r="743558" spans="14:14">
      <c r="N743558" s="10"/>
    </row>
    <row r="743559" spans="14:14">
      <c r="N743559" s="10"/>
    </row>
    <row r="743560" spans="14:14">
      <c r="N743560" s="10"/>
    </row>
    <row r="743561" spans="14:14">
      <c r="N743561" s="10"/>
    </row>
    <row r="743562" spans="14:14">
      <c r="N743562" s="10"/>
    </row>
    <row r="743563" spans="14:14">
      <c r="N743563" s="10"/>
    </row>
    <row r="743564" spans="14:14">
      <c r="N743564" s="10"/>
    </row>
    <row r="743565" spans="14:14">
      <c r="N743565" s="10"/>
    </row>
    <row r="743566" spans="14:14">
      <c r="N743566" s="10"/>
    </row>
    <row r="743567" spans="14:14">
      <c r="N743567" s="10"/>
    </row>
    <row r="743568" spans="14:14">
      <c r="N743568" s="10"/>
    </row>
    <row r="743569" spans="14:14">
      <c r="N743569" s="10"/>
    </row>
    <row r="743570" spans="14:14">
      <c r="N743570" s="10"/>
    </row>
    <row r="743571" spans="14:14">
      <c r="N743571" s="10"/>
    </row>
    <row r="743572" spans="14:14">
      <c r="N743572" s="10"/>
    </row>
    <row r="743573" spans="14:14">
      <c r="N743573" s="10"/>
    </row>
    <row r="743574" spans="14:14">
      <c r="N743574" s="10"/>
    </row>
    <row r="743575" spans="14:14">
      <c r="N743575" s="10"/>
    </row>
    <row r="743576" spans="14:14">
      <c r="N743576" s="10"/>
    </row>
    <row r="743577" spans="14:14">
      <c r="N743577" s="10"/>
    </row>
    <row r="743578" spans="14:14">
      <c r="N743578" s="10"/>
    </row>
    <row r="743579" spans="14:14">
      <c r="N743579" s="10"/>
    </row>
    <row r="743580" spans="14:14">
      <c r="N743580" s="10"/>
    </row>
    <row r="743581" spans="14:14">
      <c r="N743581" s="10"/>
    </row>
    <row r="743582" spans="14:14">
      <c r="N743582" s="10"/>
    </row>
    <row r="743583" spans="14:14">
      <c r="N743583" s="10"/>
    </row>
    <row r="743584" spans="14:14">
      <c r="N743584" s="10"/>
    </row>
    <row r="743585" spans="14:14">
      <c r="N743585" s="10"/>
    </row>
    <row r="743586" spans="14:14">
      <c r="N743586" s="10"/>
    </row>
    <row r="743587" spans="14:14">
      <c r="N743587" s="10"/>
    </row>
    <row r="743588" spans="14:14">
      <c r="N743588" s="10"/>
    </row>
    <row r="743589" spans="14:14">
      <c r="N743589" s="10"/>
    </row>
    <row r="743590" spans="14:14">
      <c r="N743590" s="10"/>
    </row>
    <row r="743591" spans="14:14">
      <c r="N743591" s="10"/>
    </row>
    <row r="743592" spans="14:14">
      <c r="N743592" s="10"/>
    </row>
    <row r="743593" spans="14:14">
      <c r="N743593" s="10"/>
    </row>
    <row r="743594" spans="14:14">
      <c r="N743594" s="10"/>
    </row>
    <row r="743595" spans="14:14">
      <c r="N743595" s="10"/>
    </row>
    <row r="743596" spans="14:14">
      <c r="N743596" s="10"/>
    </row>
    <row r="743597" spans="14:14">
      <c r="N743597" s="10"/>
    </row>
    <row r="743598" spans="14:14">
      <c r="N743598" s="10"/>
    </row>
    <row r="743599" spans="14:14">
      <c r="N743599" s="10"/>
    </row>
    <row r="743600" spans="14:14">
      <c r="N743600" s="10"/>
    </row>
    <row r="743601" spans="14:14">
      <c r="N743601" s="10"/>
    </row>
    <row r="743602" spans="14:14">
      <c r="N743602" s="10"/>
    </row>
    <row r="743603" spans="14:14">
      <c r="N743603" s="10"/>
    </row>
    <row r="743604" spans="14:14">
      <c r="N743604" s="10"/>
    </row>
    <row r="743605" spans="14:14">
      <c r="N743605" s="10"/>
    </row>
    <row r="743606" spans="14:14">
      <c r="N743606" s="10"/>
    </row>
    <row r="743607" spans="14:14">
      <c r="N743607" s="10"/>
    </row>
    <row r="743608" spans="14:14">
      <c r="N743608" s="10"/>
    </row>
    <row r="743609" spans="14:14">
      <c r="N743609" s="10"/>
    </row>
    <row r="743610" spans="14:14">
      <c r="N743610" s="10"/>
    </row>
    <row r="743611" spans="14:14">
      <c r="N743611" s="10"/>
    </row>
    <row r="743612" spans="14:14">
      <c r="N743612" s="10"/>
    </row>
    <row r="743613" spans="14:14">
      <c r="N743613" s="10"/>
    </row>
    <row r="743614" spans="14:14">
      <c r="N743614" s="10"/>
    </row>
    <row r="743615" spans="14:14">
      <c r="N743615" s="10"/>
    </row>
    <row r="743616" spans="14:14">
      <c r="N743616" s="10"/>
    </row>
    <row r="743617" spans="14:14">
      <c r="N743617" s="10"/>
    </row>
    <row r="743618" spans="14:14">
      <c r="N743618" s="10"/>
    </row>
    <row r="743619" spans="14:14">
      <c r="N743619" s="10"/>
    </row>
    <row r="743620" spans="14:14">
      <c r="N743620" s="10"/>
    </row>
    <row r="743621" spans="14:14">
      <c r="N743621" s="10"/>
    </row>
    <row r="743622" spans="14:14">
      <c r="N743622" s="10"/>
    </row>
    <row r="743623" spans="14:14">
      <c r="N743623" s="10"/>
    </row>
    <row r="743624" spans="14:14">
      <c r="N743624" s="10"/>
    </row>
    <row r="743625" spans="14:14">
      <c r="N743625" s="10"/>
    </row>
    <row r="743626" spans="14:14">
      <c r="N743626" s="10"/>
    </row>
    <row r="743627" spans="14:14">
      <c r="N743627" s="10"/>
    </row>
    <row r="743628" spans="14:14">
      <c r="N743628" s="10"/>
    </row>
    <row r="743629" spans="14:14">
      <c r="N743629" s="10"/>
    </row>
    <row r="743630" spans="14:14">
      <c r="N743630" s="10"/>
    </row>
    <row r="743631" spans="14:14">
      <c r="N743631" s="10"/>
    </row>
    <row r="743632" spans="14:14">
      <c r="N743632" s="10"/>
    </row>
    <row r="743633" spans="14:14">
      <c r="N743633" s="10"/>
    </row>
    <row r="743634" spans="14:14">
      <c r="N743634" s="10"/>
    </row>
    <row r="743635" spans="14:14">
      <c r="N743635" s="10"/>
    </row>
    <row r="743636" spans="14:14">
      <c r="N743636" s="10"/>
    </row>
    <row r="743637" spans="14:14">
      <c r="N743637" s="10"/>
    </row>
    <row r="743638" spans="14:14">
      <c r="N743638" s="10"/>
    </row>
    <row r="743639" spans="14:14">
      <c r="N743639" s="10"/>
    </row>
    <row r="743640" spans="14:14">
      <c r="N743640" s="10"/>
    </row>
    <row r="743641" spans="14:14">
      <c r="N743641" s="10"/>
    </row>
    <row r="743642" spans="14:14">
      <c r="N743642" s="10"/>
    </row>
    <row r="743643" spans="14:14">
      <c r="N743643" s="10"/>
    </row>
    <row r="743644" spans="14:14">
      <c r="N743644" s="10"/>
    </row>
    <row r="743645" spans="14:14">
      <c r="N743645" s="10"/>
    </row>
    <row r="743646" spans="14:14">
      <c r="N743646" s="10"/>
    </row>
    <row r="743647" spans="14:14">
      <c r="N743647" s="10"/>
    </row>
    <row r="743648" spans="14:14">
      <c r="N743648" s="10"/>
    </row>
    <row r="743649" spans="14:14">
      <c r="N743649" s="10"/>
    </row>
    <row r="743650" spans="14:14">
      <c r="N743650" s="10"/>
    </row>
    <row r="743651" spans="14:14">
      <c r="N743651" s="10"/>
    </row>
    <row r="743652" spans="14:14">
      <c r="N743652" s="10"/>
    </row>
    <row r="743653" spans="14:14">
      <c r="N743653" s="10"/>
    </row>
    <row r="743654" spans="14:14">
      <c r="N743654" s="10"/>
    </row>
    <row r="743655" spans="14:14">
      <c r="N743655" s="10"/>
    </row>
    <row r="743656" spans="14:14">
      <c r="N743656" s="10"/>
    </row>
    <row r="743657" spans="14:14">
      <c r="N743657" s="10"/>
    </row>
    <row r="743658" spans="14:14">
      <c r="N743658" s="10"/>
    </row>
    <row r="743659" spans="14:14">
      <c r="N743659" s="10"/>
    </row>
    <row r="743660" spans="14:14">
      <c r="N743660" s="10"/>
    </row>
    <row r="743661" spans="14:14">
      <c r="N743661" s="10"/>
    </row>
    <row r="743662" spans="14:14">
      <c r="N743662" s="10"/>
    </row>
    <row r="743663" spans="14:14">
      <c r="N743663" s="10"/>
    </row>
    <row r="743664" spans="14:14">
      <c r="N743664" s="10"/>
    </row>
    <row r="743665" spans="14:14">
      <c r="N743665" s="10"/>
    </row>
    <row r="743666" spans="14:14">
      <c r="N743666" s="10"/>
    </row>
    <row r="743667" spans="14:14">
      <c r="N743667" s="10"/>
    </row>
    <row r="743668" spans="14:14">
      <c r="N743668" s="10"/>
    </row>
    <row r="743669" spans="14:14">
      <c r="N743669" s="10"/>
    </row>
    <row r="743670" spans="14:14">
      <c r="N743670" s="10"/>
    </row>
    <row r="743671" spans="14:14">
      <c r="N743671" s="10"/>
    </row>
    <row r="743672" spans="14:14">
      <c r="N743672" s="10"/>
    </row>
    <row r="743673" spans="14:14">
      <c r="N743673" s="10"/>
    </row>
    <row r="743674" spans="14:14">
      <c r="N743674" s="10"/>
    </row>
    <row r="743675" spans="14:14">
      <c r="N743675" s="10"/>
    </row>
    <row r="743676" spans="14:14">
      <c r="N743676" s="10"/>
    </row>
    <row r="743677" spans="14:14">
      <c r="N743677" s="10"/>
    </row>
    <row r="743678" spans="14:14">
      <c r="N743678" s="10"/>
    </row>
    <row r="743679" spans="14:14">
      <c r="N743679" s="10"/>
    </row>
    <row r="743680" spans="14:14">
      <c r="N743680" s="10"/>
    </row>
    <row r="743681" spans="14:14">
      <c r="N743681" s="10"/>
    </row>
    <row r="743682" spans="14:14">
      <c r="N743682" s="10"/>
    </row>
    <row r="743683" spans="14:14">
      <c r="N743683" s="10"/>
    </row>
    <row r="743684" spans="14:14">
      <c r="N743684" s="10"/>
    </row>
    <row r="743685" spans="14:14">
      <c r="N743685" s="10"/>
    </row>
    <row r="743686" spans="14:14">
      <c r="N743686" s="10"/>
    </row>
    <row r="743687" spans="14:14">
      <c r="N743687" s="10"/>
    </row>
    <row r="743688" spans="14:14">
      <c r="N743688" s="10"/>
    </row>
    <row r="743689" spans="14:14">
      <c r="N743689" s="10"/>
    </row>
    <row r="743690" spans="14:14">
      <c r="N743690" s="10"/>
    </row>
    <row r="743691" spans="14:14">
      <c r="N743691" s="10"/>
    </row>
    <row r="743692" spans="14:14">
      <c r="N743692" s="10"/>
    </row>
    <row r="743693" spans="14:14">
      <c r="N743693" s="10"/>
    </row>
    <row r="743694" spans="14:14">
      <c r="N743694" s="10"/>
    </row>
    <row r="743695" spans="14:14">
      <c r="N743695" s="10"/>
    </row>
    <row r="743696" spans="14:14">
      <c r="N743696" s="10"/>
    </row>
    <row r="743697" spans="14:14">
      <c r="N743697" s="10"/>
    </row>
    <row r="743698" spans="14:14">
      <c r="N743698" s="10"/>
    </row>
    <row r="743699" spans="14:14">
      <c r="N743699" s="10"/>
    </row>
    <row r="743700" spans="14:14">
      <c r="N743700" s="10"/>
    </row>
    <row r="743701" spans="14:14">
      <c r="N743701" s="10"/>
    </row>
    <row r="743702" spans="14:14">
      <c r="N743702" s="10"/>
    </row>
    <row r="743703" spans="14:14">
      <c r="N743703" s="10"/>
    </row>
    <row r="743704" spans="14:14">
      <c r="N743704" s="10"/>
    </row>
    <row r="743705" spans="14:14">
      <c r="N743705" s="10"/>
    </row>
    <row r="743706" spans="14:14">
      <c r="N743706" s="10"/>
    </row>
    <row r="743707" spans="14:14">
      <c r="N743707" s="10"/>
    </row>
    <row r="743708" spans="14:14">
      <c r="N743708" s="10"/>
    </row>
    <row r="743709" spans="14:14">
      <c r="N743709" s="10"/>
    </row>
    <row r="743710" spans="14:14">
      <c r="N743710" s="10"/>
    </row>
    <row r="743711" spans="14:14">
      <c r="N743711" s="10"/>
    </row>
    <row r="743712" spans="14:14">
      <c r="N743712" s="10"/>
    </row>
    <row r="743713" spans="14:14">
      <c r="N743713" s="10"/>
    </row>
    <row r="743714" spans="14:14">
      <c r="N743714" s="10"/>
    </row>
    <row r="743715" spans="14:14">
      <c r="N743715" s="10"/>
    </row>
    <row r="743716" spans="14:14">
      <c r="N743716" s="10"/>
    </row>
    <row r="743717" spans="14:14">
      <c r="N743717" s="10"/>
    </row>
    <row r="743718" spans="14:14">
      <c r="N743718" s="10"/>
    </row>
    <row r="743719" spans="14:14">
      <c r="N743719" s="10"/>
    </row>
    <row r="743720" spans="14:14">
      <c r="N743720" s="10"/>
    </row>
    <row r="743721" spans="14:14">
      <c r="N743721" s="10"/>
    </row>
    <row r="743722" spans="14:14">
      <c r="N743722" s="10"/>
    </row>
    <row r="743723" spans="14:14">
      <c r="N743723" s="10"/>
    </row>
    <row r="743724" spans="14:14">
      <c r="N743724" s="10"/>
    </row>
    <row r="743725" spans="14:14">
      <c r="N743725" s="10"/>
    </row>
    <row r="743726" spans="14:14">
      <c r="N743726" s="10"/>
    </row>
    <row r="743727" spans="14:14">
      <c r="N743727" s="10"/>
    </row>
    <row r="743728" spans="14:14">
      <c r="N743728" s="10"/>
    </row>
    <row r="743729" spans="14:14">
      <c r="N743729" s="10"/>
    </row>
    <row r="743730" spans="14:14">
      <c r="N743730" s="10"/>
    </row>
    <row r="743731" spans="14:14">
      <c r="N743731" s="10"/>
    </row>
    <row r="743732" spans="14:14">
      <c r="N743732" s="10"/>
    </row>
    <row r="743733" spans="14:14">
      <c r="N743733" s="10"/>
    </row>
    <row r="743734" spans="14:14">
      <c r="N743734" s="10"/>
    </row>
    <row r="743735" spans="14:14">
      <c r="N743735" s="10"/>
    </row>
    <row r="743736" spans="14:14">
      <c r="N743736" s="10"/>
    </row>
    <row r="743737" spans="14:14">
      <c r="N743737" s="10"/>
    </row>
    <row r="743738" spans="14:14">
      <c r="N743738" s="10"/>
    </row>
    <row r="743739" spans="14:14">
      <c r="N743739" s="10"/>
    </row>
    <row r="743740" spans="14:14">
      <c r="N743740" s="10"/>
    </row>
    <row r="743741" spans="14:14">
      <c r="N743741" s="10"/>
    </row>
    <row r="743742" spans="14:14">
      <c r="N743742" s="10"/>
    </row>
    <row r="743743" spans="14:14">
      <c r="N743743" s="10"/>
    </row>
    <row r="743744" spans="14:14">
      <c r="N743744" s="10"/>
    </row>
    <row r="743745" spans="14:14">
      <c r="N743745" s="10"/>
    </row>
    <row r="743746" spans="14:14">
      <c r="N743746" s="10"/>
    </row>
    <row r="743747" spans="14:14">
      <c r="N743747" s="10"/>
    </row>
    <row r="743748" spans="14:14">
      <c r="N743748" s="10"/>
    </row>
    <row r="743749" spans="14:14">
      <c r="N743749" s="10"/>
    </row>
    <row r="743750" spans="14:14">
      <c r="N743750" s="10"/>
    </row>
    <row r="743751" spans="14:14">
      <c r="N743751" s="10"/>
    </row>
    <row r="743752" spans="14:14">
      <c r="N743752" s="10"/>
    </row>
    <row r="743753" spans="14:14">
      <c r="N743753" s="10"/>
    </row>
    <row r="743754" spans="14:14">
      <c r="N743754" s="10"/>
    </row>
    <row r="743755" spans="14:14">
      <c r="N743755" s="10"/>
    </row>
    <row r="743756" spans="14:14">
      <c r="N743756" s="10"/>
    </row>
    <row r="743757" spans="14:14">
      <c r="N743757" s="10"/>
    </row>
    <row r="743758" spans="14:14">
      <c r="N743758" s="10"/>
    </row>
    <row r="743759" spans="14:14">
      <c r="N743759" s="10"/>
    </row>
    <row r="743760" spans="14:14">
      <c r="N743760" s="10"/>
    </row>
    <row r="743761" spans="14:14">
      <c r="N743761" s="10"/>
    </row>
    <row r="743762" spans="14:14">
      <c r="N743762" s="10"/>
    </row>
    <row r="743763" spans="14:14">
      <c r="N743763" s="10"/>
    </row>
    <row r="743764" spans="14:14">
      <c r="N743764" s="10"/>
    </row>
    <row r="743765" spans="14:14">
      <c r="N743765" s="10"/>
    </row>
    <row r="743766" spans="14:14">
      <c r="N743766" s="10"/>
    </row>
    <row r="743767" spans="14:14">
      <c r="N743767" s="10"/>
    </row>
    <row r="743768" spans="14:14">
      <c r="N743768" s="10"/>
    </row>
    <row r="743769" spans="14:14">
      <c r="N743769" s="10"/>
    </row>
    <row r="743770" spans="14:14">
      <c r="N743770" s="10"/>
    </row>
    <row r="743771" spans="14:14">
      <c r="N743771" s="10"/>
    </row>
    <row r="743772" spans="14:14">
      <c r="N743772" s="10"/>
    </row>
    <row r="743773" spans="14:14">
      <c r="N743773" s="10"/>
    </row>
    <row r="743774" spans="14:14">
      <c r="N743774" s="10"/>
    </row>
    <row r="743775" spans="14:14">
      <c r="N743775" s="10"/>
    </row>
    <row r="743776" spans="14:14">
      <c r="N743776" s="10"/>
    </row>
    <row r="743777" spans="14:14">
      <c r="N743777" s="10"/>
    </row>
    <row r="743778" spans="14:14">
      <c r="N743778" s="10"/>
    </row>
    <row r="743779" spans="14:14">
      <c r="N743779" s="10"/>
    </row>
    <row r="743780" spans="14:14">
      <c r="N743780" s="10"/>
    </row>
    <row r="743781" spans="14:14">
      <c r="N743781" s="10"/>
    </row>
    <row r="743782" spans="14:14">
      <c r="N743782" s="10"/>
    </row>
    <row r="743783" spans="14:14">
      <c r="N743783" s="10"/>
    </row>
    <row r="743784" spans="14:14">
      <c r="N743784" s="10"/>
    </row>
    <row r="743785" spans="14:14">
      <c r="N743785" s="10"/>
    </row>
    <row r="743786" spans="14:14">
      <c r="N743786" s="10"/>
    </row>
    <row r="743787" spans="14:14">
      <c r="N743787" s="10"/>
    </row>
    <row r="743788" spans="14:14">
      <c r="N743788" s="10"/>
    </row>
    <row r="743789" spans="14:14">
      <c r="N743789" s="10"/>
    </row>
    <row r="743790" spans="14:14">
      <c r="N743790" s="10"/>
    </row>
    <row r="743791" spans="14:14">
      <c r="N743791" s="10"/>
    </row>
    <row r="743792" spans="14:14">
      <c r="N743792" s="10"/>
    </row>
    <row r="743793" spans="14:14">
      <c r="N743793" s="10"/>
    </row>
    <row r="743794" spans="14:14">
      <c r="N743794" s="10"/>
    </row>
    <row r="743795" spans="14:14">
      <c r="N743795" s="10"/>
    </row>
    <row r="743796" spans="14:14">
      <c r="N743796" s="10"/>
    </row>
    <row r="743797" spans="14:14">
      <c r="N743797" s="10"/>
    </row>
    <row r="743798" spans="14:14">
      <c r="N743798" s="10"/>
    </row>
    <row r="743799" spans="14:14">
      <c r="N743799" s="10"/>
    </row>
    <row r="743800" spans="14:14">
      <c r="N743800" s="10"/>
    </row>
    <row r="743801" spans="14:14">
      <c r="N743801" s="10"/>
    </row>
    <row r="743802" spans="14:14">
      <c r="N743802" s="10"/>
    </row>
    <row r="743803" spans="14:14">
      <c r="N743803" s="10"/>
    </row>
    <row r="743804" spans="14:14">
      <c r="N743804" s="10"/>
    </row>
    <row r="743805" spans="14:14">
      <c r="N743805" s="10"/>
    </row>
    <row r="743806" spans="14:14">
      <c r="N743806" s="10"/>
    </row>
    <row r="743807" spans="14:14">
      <c r="N743807" s="10"/>
    </row>
    <row r="743808" spans="14:14">
      <c r="N743808" s="10"/>
    </row>
    <row r="743809" spans="14:14">
      <c r="N743809" s="10"/>
    </row>
    <row r="743810" spans="14:14">
      <c r="N743810" s="10"/>
    </row>
    <row r="743811" spans="14:14">
      <c r="N743811" s="10"/>
    </row>
    <row r="743812" spans="14:14">
      <c r="N743812" s="10"/>
    </row>
    <row r="743813" spans="14:14">
      <c r="N743813" s="10"/>
    </row>
    <row r="743814" spans="14:14">
      <c r="N743814" s="10"/>
    </row>
    <row r="743815" spans="14:14">
      <c r="N743815" s="10"/>
    </row>
    <row r="743816" spans="14:14">
      <c r="N743816" s="10"/>
    </row>
    <row r="743817" spans="14:14">
      <c r="N743817" s="10"/>
    </row>
    <row r="743818" spans="14:14">
      <c r="N743818" s="10"/>
    </row>
    <row r="743819" spans="14:14">
      <c r="N743819" s="10"/>
    </row>
    <row r="743820" spans="14:14">
      <c r="N743820" s="10"/>
    </row>
    <row r="743821" spans="14:14">
      <c r="N743821" s="10"/>
    </row>
    <row r="743822" spans="14:14">
      <c r="N743822" s="10"/>
    </row>
    <row r="743823" spans="14:14">
      <c r="N743823" s="10"/>
    </row>
    <row r="743824" spans="14:14">
      <c r="N743824" s="10"/>
    </row>
    <row r="743825" spans="14:14">
      <c r="N743825" s="10"/>
    </row>
    <row r="743826" spans="14:14">
      <c r="N743826" s="10"/>
    </row>
    <row r="743827" spans="14:14">
      <c r="N743827" s="10"/>
    </row>
    <row r="743828" spans="14:14">
      <c r="N743828" s="10"/>
    </row>
    <row r="743829" spans="14:14">
      <c r="N743829" s="10"/>
    </row>
    <row r="743830" spans="14:14">
      <c r="N743830" s="10"/>
    </row>
    <row r="743831" spans="14:14">
      <c r="N743831" s="10"/>
    </row>
    <row r="743832" spans="14:14">
      <c r="N743832" s="10"/>
    </row>
    <row r="743833" spans="14:14">
      <c r="N743833" s="10"/>
    </row>
    <row r="743834" spans="14:14">
      <c r="N743834" s="10"/>
    </row>
    <row r="743835" spans="14:14">
      <c r="N743835" s="10"/>
    </row>
    <row r="743836" spans="14:14">
      <c r="N743836" s="10"/>
    </row>
    <row r="743837" spans="14:14">
      <c r="N743837" s="10"/>
    </row>
    <row r="743838" spans="14:14">
      <c r="N743838" s="10"/>
    </row>
    <row r="743839" spans="14:14">
      <c r="N743839" s="10"/>
    </row>
    <row r="743840" spans="14:14">
      <c r="N743840" s="10"/>
    </row>
    <row r="743841" spans="14:14">
      <c r="N743841" s="10"/>
    </row>
    <row r="743842" spans="14:14">
      <c r="N743842" s="10"/>
    </row>
    <row r="743843" spans="14:14">
      <c r="N743843" s="10"/>
    </row>
    <row r="743844" spans="14:14">
      <c r="N743844" s="10"/>
    </row>
    <row r="743845" spans="14:14">
      <c r="N743845" s="10"/>
    </row>
    <row r="743846" spans="14:14">
      <c r="N743846" s="10"/>
    </row>
    <row r="743847" spans="14:14">
      <c r="N743847" s="10"/>
    </row>
    <row r="743848" spans="14:14">
      <c r="N743848" s="10"/>
    </row>
    <row r="743849" spans="14:14">
      <c r="N743849" s="10"/>
    </row>
    <row r="743850" spans="14:14">
      <c r="N743850" s="10"/>
    </row>
    <row r="743851" spans="14:14">
      <c r="N743851" s="10"/>
    </row>
    <row r="743852" spans="14:14">
      <c r="N743852" s="10"/>
    </row>
    <row r="743853" spans="14:14">
      <c r="N743853" s="10"/>
    </row>
    <row r="743854" spans="14:14">
      <c r="N743854" s="10"/>
    </row>
    <row r="743855" spans="14:14">
      <c r="N743855" s="10"/>
    </row>
    <row r="743856" spans="14:14">
      <c r="N743856" s="10"/>
    </row>
    <row r="743857" spans="14:14">
      <c r="N743857" s="10"/>
    </row>
    <row r="743858" spans="14:14">
      <c r="N743858" s="10"/>
    </row>
    <row r="743859" spans="14:14">
      <c r="N743859" s="10"/>
    </row>
    <row r="743860" spans="14:14">
      <c r="N743860" s="10"/>
    </row>
    <row r="743861" spans="14:14">
      <c r="N743861" s="10"/>
    </row>
    <row r="743862" spans="14:14">
      <c r="N743862" s="10"/>
    </row>
    <row r="743863" spans="14:14">
      <c r="N743863" s="10"/>
    </row>
    <row r="743864" spans="14:14">
      <c r="N743864" s="10"/>
    </row>
    <row r="743865" spans="14:14">
      <c r="N743865" s="10"/>
    </row>
    <row r="743866" spans="14:14">
      <c r="N743866" s="10"/>
    </row>
    <row r="743867" spans="14:14">
      <c r="N743867" s="10"/>
    </row>
    <row r="743868" spans="14:14">
      <c r="N743868" s="10"/>
    </row>
    <row r="743869" spans="14:14">
      <c r="N743869" s="10"/>
    </row>
    <row r="743870" spans="14:14">
      <c r="N743870" s="10"/>
    </row>
    <row r="743871" spans="14:14">
      <c r="N743871" s="10"/>
    </row>
    <row r="743872" spans="14:14">
      <c r="N743872" s="10"/>
    </row>
    <row r="743873" spans="14:14">
      <c r="N743873" s="10"/>
    </row>
    <row r="743874" spans="14:14">
      <c r="N743874" s="10"/>
    </row>
    <row r="743875" spans="14:14">
      <c r="N743875" s="10"/>
    </row>
    <row r="743876" spans="14:14">
      <c r="N743876" s="10"/>
    </row>
    <row r="743877" spans="14:14">
      <c r="N743877" s="10"/>
    </row>
    <row r="743878" spans="14:14">
      <c r="N743878" s="10"/>
    </row>
    <row r="743879" spans="14:14">
      <c r="N743879" s="10"/>
    </row>
    <row r="743880" spans="14:14">
      <c r="N743880" s="10"/>
    </row>
    <row r="743881" spans="14:14">
      <c r="N743881" s="10"/>
    </row>
    <row r="743882" spans="14:14">
      <c r="N743882" s="10"/>
    </row>
    <row r="743883" spans="14:14">
      <c r="N743883" s="10"/>
    </row>
    <row r="743884" spans="14:14">
      <c r="N743884" s="10"/>
    </row>
    <row r="743885" spans="14:14">
      <c r="N743885" s="10"/>
    </row>
    <row r="743886" spans="14:14">
      <c r="N743886" s="10"/>
    </row>
    <row r="743887" spans="14:14">
      <c r="N743887" s="10"/>
    </row>
    <row r="743888" spans="14:14">
      <c r="N743888" s="10"/>
    </row>
    <row r="743889" spans="14:14">
      <c r="N743889" s="10"/>
    </row>
    <row r="743890" spans="14:14">
      <c r="N743890" s="10"/>
    </row>
    <row r="743891" spans="14:14">
      <c r="N743891" s="10"/>
    </row>
    <row r="743892" spans="14:14">
      <c r="N743892" s="10"/>
    </row>
    <row r="743893" spans="14:14">
      <c r="N743893" s="10"/>
    </row>
    <row r="743894" spans="14:14">
      <c r="N743894" s="10"/>
    </row>
    <row r="743895" spans="14:14">
      <c r="N743895" s="10"/>
    </row>
    <row r="743896" spans="14:14">
      <c r="N743896" s="10"/>
    </row>
    <row r="743897" spans="14:14">
      <c r="N743897" s="10"/>
    </row>
    <row r="743898" spans="14:14">
      <c r="N743898" s="10"/>
    </row>
    <row r="743899" spans="14:14">
      <c r="N743899" s="10"/>
    </row>
    <row r="743900" spans="14:14">
      <c r="N743900" s="10"/>
    </row>
    <row r="743901" spans="14:14">
      <c r="N743901" s="10"/>
    </row>
    <row r="743902" spans="14:14">
      <c r="N743902" s="10"/>
    </row>
    <row r="743903" spans="14:14">
      <c r="N743903" s="10"/>
    </row>
    <row r="743904" spans="14:14">
      <c r="N743904" s="10"/>
    </row>
    <row r="743905" spans="14:14">
      <c r="N743905" s="10"/>
    </row>
    <row r="743906" spans="14:14">
      <c r="N743906" s="10"/>
    </row>
    <row r="743907" spans="14:14">
      <c r="N743907" s="10"/>
    </row>
    <row r="743908" spans="14:14">
      <c r="N743908" s="10"/>
    </row>
    <row r="743909" spans="14:14">
      <c r="N743909" s="10"/>
    </row>
    <row r="743910" spans="14:14">
      <c r="N743910" s="10"/>
    </row>
    <row r="743911" spans="14:14">
      <c r="N743911" s="10"/>
    </row>
    <row r="743912" spans="14:14">
      <c r="N743912" s="10"/>
    </row>
    <row r="743913" spans="14:14">
      <c r="N743913" s="10"/>
    </row>
    <row r="743914" spans="14:14">
      <c r="N743914" s="10"/>
    </row>
    <row r="743915" spans="14:14">
      <c r="N743915" s="10"/>
    </row>
    <row r="743916" spans="14:14">
      <c r="N743916" s="10"/>
    </row>
    <row r="743917" spans="14:14">
      <c r="N743917" s="10"/>
    </row>
    <row r="743918" spans="14:14">
      <c r="N743918" s="10"/>
    </row>
    <row r="743919" spans="14:14">
      <c r="N743919" s="10"/>
    </row>
    <row r="743920" spans="14:14">
      <c r="N743920" s="10"/>
    </row>
    <row r="743921" spans="14:14">
      <c r="N743921" s="10"/>
    </row>
    <row r="743922" spans="14:14">
      <c r="N743922" s="10"/>
    </row>
    <row r="743923" spans="14:14">
      <c r="N743923" s="10"/>
    </row>
    <row r="743924" spans="14:14">
      <c r="N743924" s="10"/>
    </row>
    <row r="743925" spans="14:14">
      <c r="N743925" s="10"/>
    </row>
    <row r="743926" spans="14:14">
      <c r="N743926" s="10"/>
    </row>
    <row r="743927" spans="14:14">
      <c r="N743927" s="10"/>
    </row>
    <row r="743928" spans="14:14">
      <c r="N743928" s="10"/>
    </row>
    <row r="743929" spans="14:14">
      <c r="N743929" s="10"/>
    </row>
    <row r="743930" spans="14:14">
      <c r="N743930" s="10"/>
    </row>
    <row r="743931" spans="14:14">
      <c r="N743931" s="10"/>
    </row>
    <row r="743932" spans="14:14">
      <c r="N743932" s="10"/>
    </row>
    <row r="743933" spans="14:14">
      <c r="N743933" s="10"/>
    </row>
    <row r="743934" spans="14:14">
      <c r="N743934" s="10"/>
    </row>
    <row r="743935" spans="14:14">
      <c r="N743935" s="10"/>
    </row>
    <row r="743936" spans="14:14">
      <c r="N743936" s="10"/>
    </row>
    <row r="743937" spans="14:14">
      <c r="N743937" s="10"/>
    </row>
    <row r="743938" spans="14:14">
      <c r="N743938" s="10"/>
    </row>
    <row r="743939" spans="14:14">
      <c r="N743939" s="10"/>
    </row>
    <row r="743940" spans="14:14">
      <c r="N743940" s="10"/>
    </row>
    <row r="743941" spans="14:14">
      <c r="N743941" s="10"/>
    </row>
    <row r="743942" spans="14:14">
      <c r="N743942" s="10"/>
    </row>
    <row r="743943" spans="14:14">
      <c r="N743943" s="10"/>
    </row>
    <row r="743944" spans="14:14">
      <c r="N743944" s="10"/>
    </row>
    <row r="743945" spans="14:14">
      <c r="N743945" s="10"/>
    </row>
    <row r="743946" spans="14:14">
      <c r="N743946" s="10"/>
    </row>
    <row r="743947" spans="14:14">
      <c r="N743947" s="10"/>
    </row>
    <row r="743948" spans="14:14">
      <c r="N743948" s="10"/>
    </row>
    <row r="743949" spans="14:14">
      <c r="N743949" s="10"/>
    </row>
    <row r="743950" spans="14:14">
      <c r="N743950" s="10"/>
    </row>
    <row r="743951" spans="14:14">
      <c r="N743951" s="10"/>
    </row>
    <row r="743952" spans="14:14">
      <c r="N743952" s="10"/>
    </row>
    <row r="743953" spans="14:14">
      <c r="N743953" s="10"/>
    </row>
    <row r="743954" spans="14:14">
      <c r="N743954" s="10"/>
    </row>
    <row r="743955" spans="14:14">
      <c r="N743955" s="10"/>
    </row>
    <row r="743956" spans="14:14">
      <c r="N743956" s="10"/>
    </row>
    <row r="743957" spans="14:14">
      <c r="N743957" s="10"/>
    </row>
    <row r="743958" spans="14:14">
      <c r="N743958" s="10"/>
    </row>
    <row r="743959" spans="14:14">
      <c r="N743959" s="10"/>
    </row>
    <row r="743960" spans="14:14">
      <c r="N743960" s="10"/>
    </row>
    <row r="743961" spans="14:14">
      <c r="N743961" s="10"/>
    </row>
    <row r="743962" spans="14:14">
      <c r="N743962" s="10"/>
    </row>
    <row r="743963" spans="14:14">
      <c r="N743963" s="10"/>
    </row>
    <row r="743964" spans="14:14">
      <c r="N743964" s="10"/>
    </row>
    <row r="743965" spans="14:14">
      <c r="N743965" s="10"/>
    </row>
    <row r="743966" spans="14:14">
      <c r="N743966" s="10"/>
    </row>
    <row r="743967" spans="14:14">
      <c r="N743967" s="10"/>
    </row>
    <row r="743968" spans="14:14">
      <c r="N743968" s="10"/>
    </row>
    <row r="743969" spans="14:14">
      <c r="N743969" s="10"/>
    </row>
    <row r="743970" spans="14:14">
      <c r="N743970" s="10"/>
    </row>
    <row r="743971" spans="14:14">
      <c r="N743971" s="10"/>
    </row>
    <row r="743972" spans="14:14">
      <c r="N743972" s="10"/>
    </row>
    <row r="743973" spans="14:14">
      <c r="N743973" s="10"/>
    </row>
    <row r="743974" spans="14:14">
      <c r="N743974" s="10"/>
    </row>
    <row r="743975" spans="14:14">
      <c r="N743975" s="10"/>
    </row>
    <row r="743976" spans="14:14">
      <c r="N743976" s="10"/>
    </row>
    <row r="743977" spans="14:14">
      <c r="N743977" s="10"/>
    </row>
    <row r="743978" spans="14:14">
      <c r="N743978" s="10"/>
    </row>
    <row r="743979" spans="14:14">
      <c r="N743979" s="10"/>
    </row>
    <row r="743980" spans="14:14">
      <c r="N743980" s="10"/>
    </row>
    <row r="743981" spans="14:14">
      <c r="N743981" s="10"/>
    </row>
    <row r="743982" spans="14:14">
      <c r="N743982" s="10"/>
    </row>
    <row r="743983" spans="14:14">
      <c r="N743983" s="10"/>
    </row>
    <row r="743984" spans="14:14">
      <c r="N743984" s="10"/>
    </row>
    <row r="743985" spans="14:14">
      <c r="N743985" s="10"/>
    </row>
    <row r="743986" spans="14:14">
      <c r="N743986" s="10"/>
    </row>
    <row r="743987" spans="14:14">
      <c r="N743987" s="10"/>
    </row>
    <row r="743988" spans="14:14">
      <c r="N743988" s="10"/>
    </row>
    <row r="743989" spans="14:14">
      <c r="N743989" s="10"/>
    </row>
    <row r="743990" spans="14:14">
      <c r="N743990" s="10"/>
    </row>
    <row r="743991" spans="14:14">
      <c r="N743991" s="10"/>
    </row>
    <row r="743992" spans="14:14">
      <c r="N743992" s="10"/>
    </row>
    <row r="743993" spans="14:14">
      <c r="N743993" s="10"/>
    </row>
    <row r="743994" spans="14:14">
      <c r="N743994" s="10"/>
    </row>
    <row r="743995" spans="14:14">
      <c r="N743995" s="10"/>
    </row>
    <row r="743996" spans="14:14">
      <c r="N743996" s="10"/>
    </row>
    <row r="743997" spans="14:14">
      <c r="N743997" s="10"/>
    </row>
    <row r="743998" spans="14:14">
      <c r="N743998" s="10"/>
    </row>
    <row r="743999" spans="14:14">
      <c r="N743999" s="10"/>
    </row>
    <row r="744000" spans="14:14">
      <c r="N744000" s="10"/>
    </row>
    <row r="744001" spans="14:14">
      <c r="N744001" s="10"/>
    </row>
    <row r="744002" spans="14:14">
      <c r="N744002" s="10"/>
    </row>
    <row r="744003" spans="14:14">
      <c r="N744003" s="10"/>
    </row>
    <row r="744004" spans="14:14">
      <c r="N744004" s="10"/>
    </row>
    <row r="744005" spans="14:14">
      <c r="N744005" s="10"/>
    </row>
    <row r="744006" spans="14:14">
      <c r="N744006" s="10"/>
    </row>
    <row r="744007" spans="14:14">
      <c r="N744007" s="10"/>
    </row>
    <row r="744008" spans="14:14">
      <c r="N744008" s="10"/>
    </row>
    <row r="744009" spans="14:14">
      <c r="N744009" s="10"/>
    </row>
    <row r="744010" spans="14:14">
      <c r="N744010" s="10"/>
    </row>
    <row r="744011" spans="14:14">
      <c r="N744011" s="10"/>
    </row>
    <row r="744012" spans="14:14">
      <c r="N744012" s="10"/>
    </row>
    <row r="744013" spans="14:14">
      <c r="N744013" s="10"/>
    </row>
    <row r="744014" spans="14:14">
      <c r="N744014" s="10"/>
    </row>
    <row r="744015" spans="14:14">
      <c r="N744015" s="10"/>
    </row>
    <row r="744016" spans="14:14">
      <c r="N744016" s="10"/>
    </row>
    <row r="744017" spans="14:14">
      <c r="N744017" s="10"/>
    </row>
    <row r="744018" spans="14:14">
      <c r="N744018" s="10"/>
    </row>
    <row r="744019" spans="14:14">
      <c r="N744019" s="10"/>
    </row>
    <row r="744020" spans="14:14">
      <c r="N744020" s="10"/>
    </row>
    <row r="744021" spans="14:14">
      <c r="N744021" s="10"/>
    </row>
    <row r="744022" spans="14:14">
      <c r="N744022" s="10"/>
    </row>
    <row r="744023" spans="14:14">
      <c r="N744023" s="10"/>
    </row>
    <row r="744024" spans="14:14">
      <c r="N744024" s="10"/>
    </row>
    <row r="744025" spans="14:14">
      <c r="N744025" s="10"/>
    </row>
    <row r="744026" spans="14:14">
      <c r="N744026" s="10"/>
    </row>
    <row r="744027" spans="14:14">
      <c r="N744027" s="10"/>
    </row>
    <row r="744028" spans="14:14">
      <c r="N744028" s="10"/>
    </row>
    <row r="744029" spans="14:14">
      <c r="N744029" s="10"/>
    </row>
    <row r="744030" spans="14:14">
      <c r="N744030" s="10"/>
    </row>
    <row r="744031" spans="14:14">
      <c r="N744031" s="10"/>
    </row>
    <row r="744032" spans="14:14">
      <c r="N744032" s="10"/>
    </row>
    <row r="744033" spans="14:14">
      <c r="N744033" s="10"/>
    </row>
    <row r="744034" spans="14:14">
      <c r="N744034" s="10"/>
    </row>
    <row r="744035" spans="14:14">
      <c r="N744035" s="10"/>
    </row>
    <row r="744036" spans="14:14">
      <c r="N744036" s="10"/>
    </row>
    <row r="744037" spans="14:14">
      <c r="N744037" s="10"/>
    </row>
    <row r="744038" spans="14:14">
      <c r="N744038" s="10"/>
    </row>
    <row r="744039" spans="14:14">
      <c r="N744039" s="10"/>
    </row>
    <row r="744040" spans="14:14">
      <c r="N744040" s="10"/>
    </row>
    <row r="744041" spans="14:14">
      <c r="N744041" s="10"/>
    </row>
    <row r="744042" spans="14:14">
      <c r="N744042" s="10"/>
    </row>
    <row r="744043" spans="14:14">
      <c r="N744043" s="10"/>
    </row>
    <row r="744044" spans="14:14">
      <c r="N744044" s="10"/>
    </row>
    <row r="744045" spans="14:14">
      <c r="N744045" s="10"/>
    </row>
    <row r="744046" spans="14:14">
      <c r="N744046" s="10"/>
    </row>
    <row r="744047" spans="14:14">
      <c r="N744047" s="10"/>
    </row>
    <row r="744048" spans="14:14">
      <c r="N744048" s="10"/>
    </row>
    <row r="744049" spans="14:14">
      <c r="N744049" s="10"/>
    </row>
    <row r="744050" spans="14:14">
      <c r="N744050" s="10"/>
    </row>
    <row r="744051" spans="14:14">
      <c r="N744051" s="10"/>
    </row>
    <row r="744052" spans="14:14">
      <c r="N744052" s="10"/>
    </row>
    <row r="744053" spans="14:14">
      <c r="N744053" s="10"/>
    </row>
    <row r="744054" spans="14:14">
      <c r="N744054" s="10"/>
    </row>
    <row r="744055" spans="14:14">
      <c r="N744055" s="10"/>
    </row>
    <row r="744056" spans="14:14">
      <c r="N744056" s="10"/>
    </row>
    <row r="744057" spans="14:14">
      <c r="N744057" s="10"/>
    </row>
    <row r="744058" spans="14:14">
      <c r="N744058" s="10"/>
    </row>
    <row r="744059" spans="14:14">
      <c r="N744059" s="10"/>
    </row>
    <row r="744060" spans="14:14">
      <c r="N744060" s="10"/>
    </row>
    <row r="744061" spans="14:14">
      <c r="N744061" s="10"/>
    </row>
    <row r="744062" spans="14:14">
      <c r="N744062" s="10"/>
    </row>
    <row r="744063" spans="14:14">
      <c r="N744063" s="10"/>
    </row>
    <row r="744064" spans="14:14">
      <c r="N744064" s="10"/>
    </row>
    <row r="744065" spans="14:14">
      <c r="N744065" s="10"/>
    </row>
    <row r="744066" spans="14:14">
      <c r="N744066" s="10"/>
    </row>
    <row r="744067" spans="14:14">
      <c r="N744067" s="10"/>
    </row>
    <row r="744068" spans="14:14">
      <c r="N744068" s="10"/>
    </row>
    <row r="744069" spans="14:14">
      <c r="N744069" s="10"/>
    </row>
    <row r="744070" spans="14:14">
      <c r="N744070" s="10"/>
    </row>
    <row r="744071" spans="14:14">
      <c r="N744071" s="10"/>
    </row>
    <row r="744072" spans="14:14">
      <c r="N744072" s="10"/>
    </row>
    <row r="744073" spans="14:14">
      <c r="N744073" s="10"/>
    </row>
    <row r="744074" spans="14:14">
      <c r="N744074" s="10"/>
    </row>
    <row r="744075" spans="14:14">
      <c r="N744075" s="10"/>
    </row>
    <row r="744076" spans="14:14">
      <c r="N744076" s="10"/>
    </row>
    <row r="744077" spans="14:14">
      <c r="N744077" s="10"/>
    </row>
    <row r="744078" spans="14:14">
      <c r="N744078" s="10"/>
    </row>
    <row r="744079" spans="14:14">
      <c r="N744079" s="10"/>
    </row>
    <row r="744080" spans="14:14">
      <c r="N744080" s="10"/>
    </row>
    <row r="744081" spans="14:14">
      <c r="N744081" s="10"/>
    </row>
    <row r="744082" spans="14:14">
      <c r="N744082" s="10"/>
    </row>
    <row r="744083" spans="14:14">
      <c r="N744083" s="10"/>
    </row>
    <row r="744084" spans="14:14">
      <c r="N744084" s="10"/>
    </row>
    <row r="744085" spans="14:14">
      <c r="N744085" s="10"/>
    </row>
    <row r="744086" spans="14:14">
      <c r="N744086" s="10"/>
    </row>
    <row r="744087" spans="14:14">
      <c r="N744087" s="10"/>
    </row>
    <row r="744088" spans="14:14">
      <c r="N744088" s="10"/>
    </row>
    <row r="744089" spans="14:14">
      <c r="N744089" s="10"/>
    </row>
    <row r="744090" spans="14:14">
      <c r="N744090" s="10"/>
    </row>
    <row r="744091" spans="14:14">
      <c r="N744091" s="10"/>
    </row>
    <row r="744092" spans="14:14">
      <c r="N744092" s="10"/>
    </row>
    <row r="744093" spans="14:14">
      <c r="N744093" s="10"/>
    </row>
    <row r="744094" spans="14:14">
      <c r="N744094" s="10"/>
    </row>
    <row r="744095" spans="14:14">
      <c r="N744095" s="10"/>
    </row>
    <row r="744096" spans="14:14">
      <c r="N744096" s="10"/>
    </row>
    <row r="744097" spans="14:14">
      <c r="N744097" s="10"/>
    </row>
    <row r="744098" spans="14:14">
      <c r="N744098" s="10"/>
    </row>
    <row r="744099" spans="14:14">
      <c r="N744099" s="10"/>
    </row>
    <row r="744100" spans="14:14">
      <c r="N744100" s="10"/>
    </row>
    <row r="744101" spans="14:14">
      <c r="N744101" s="10"/>
    </row>
    <row r="744102" spans="14:14">
      <c r="N744102" s="10"/>
    </row>
    <row r="744103" spans="14:14">
      <c r="N744103" s="10"/>
    </row>
    <row r="744104" spans="14:14">
      <c r="N744104" s="10"/>
    </row>
    <row r="744105" spans="14:14">
      <c r="N744105" s="10"/>
    </row>
    <row r="744106" spans="14:14">
      <c r="N744106" s="10"/>
    </row>
    <row r="744107" spans="14:14">
      <c r="N744107" s="10"/>
    </row>
    <row r="744108" spans="14:14">
      <c r="N744108" s="10"/>
    </row>
    <row r="744109" spans="14:14">
      <c r="N744109" s="10"/>
    </row>
    <row r="744110" spans="14:14">
      <c r="N744110" s="10"/>
    </row>
    <row r="744111" spans="14:14">
      <c r="N744111" s="10"/>
    </row>
    <row r="744112" spans="14:14">
      <c r="N744112" s="10"/>
    </row>
    <row r="744113" spans="14:14">
      <c r="N744113" s="10"/>
    </row>
    <row r="744114" spans="14:14">
      <c r="N744114" s="10"/>
    </row>
    <row r="744115" spans="14:14">
      <c r="N744115" s="10"/>
    </row>
    <row r="744116" spans="14:14">
      <c r="N744116" s="10"/>
    </row>
    <row r="744117" spans="14:14">
      <c r="N744117" s="10"/>
    </row>
    <row r="744118" spans="14:14">
      <c r="N744118" s="10"/>
    </row>
    <row r="744119" spans="14:14">
      <c r="N744119" s="10"/>
    </row>
    <row r="744120" spans="14:14">
      <c r="N744120" s="10"/>
    </row>
    <row r="744121" spans="14:14">
      <c r="N744121" s="10"/>
    </row>
    <row r="744122" spans="14:14">
      <c r="N744122" s="10"/>
    </row>
    <row r="744123" spans="14:14">
      <c r="N744123" s="10"/>
    </row>
    <row r="744124" spans="14:14">
      <c r="N744124" s="10"/>
    </row>
    <row r="744125" spans="14:14">
      <c r="N744125" s="10"/>
    </row>
    <row r="744126" spans="14:14">
      <c r="N744126" s="10"/>
    </row>
    <row r="744127" spans="14:14">
      <c r="N744127" s="10"/>
    </row>
    <row r="744128" spans="14:14">
      <c r="N744128" s="10"/>
    </row>
    <row r="744129" spans="14:14">
      <c r="N744129" s="10"/>
    </row>
    <row r="744130" spans="14:14">
      <c r="N744130" s="10"/>
    </row>
    <row r="744131" spans="14:14">
      <c r="N744131" s="10"/>
    </row>
    <row r="744132" spans="14:14">
      <c r="N744132" s="10"/>
    </row>
    <row r="744133" spans="14:14">
      <c r="N744133" s="10"/>
    </row>
    <row r="744134" spans="14:14">
      <c r="N744134" s="10"/>
    </row>
    <row r="744135" spans="14:14">
      <c r="N744135" s="10"/>
    </row>
    <row r="744136" spans="14:14">
      <c r="N744136" s="10"/>
    </row>
    <row r="744137" spans="14:14">
      <c r="N744137" s="10"/>
    </row>
    <row r="744138" spans="14:14">
      <c r="N744138" s="10"/>
    </row>
    <row r="744139" spans="14:14">
      <c r="N744139" s="10"/>
    </row>
    <row r="744140" spans="14:14">
      <c r="N744140" s="10"/>
    </row>
    <row r="744141" spans="14:14">
      <c r="N744141" s="10"/>
    </row>
    <row r="744142" spans="14:14">
      <c r="N744142" s="10"/>
    </row>
    <row r="744143" spans="14:14">
      <c r="N744143" s="10"/>
    </row>
    <row r="744144" spans="14:14">
      <c r="N744144" s="10"/>
    </row>
    <row r="744145" spans="14:14">
      <c r="N744145" s="10"/>
    </row>
    <row r="744146" spans="14:14">
      <c r="N744146" s="10"/>
    </row>
    <row r="744147" spans="14:14">
      <c r="N744147" s="10"/>
    </row>
    <row r="744148" spans="14:14">
      <c r="N744148" s="10"/>
    </row>
    <row r="744149" spans="14:14">
      <c r="N744149" s="10"/>
    </row>
    <row r="744150" spans="14:14">
      <c r="N744150" s="10"/>
    </row>
    <row r="744151" spans="14:14">
      <c r="N744151" s="10"/>
    </row>
    <row r="744152" spans="14:14">
      <c r="N744152" s="10"/>
    </row>
    <row r="744153" spans="14:14">
      <c r="N744153" s="10"/>
    </row>
    <row r="744154" spans="14:14">
      <c r="N744154" s="10"/>
    </row>
    <row r="744155" spans="14:14">
      <c r="N744155" s="10"/>
    </row>
    <row r="744156" spans="14:14">
      <c r="N744156" s="10"/>
    </row>
    <row r="744157" spans="14:14">
      <c r="N744157" s="10"/>
    </row>
    <row r="744158" spans="14:14">
      <c r="N744158" s="10"/>
    </row>
    <row r="744159" spans="14:14">
      <c r="N744159" s="10"/>
    </row>
    <row r="744160" spans="14:14">
      <c r="N744160" s="10"/>
    </row>
    <row r="744161" spans="14:14">
      <c r="N744161" s="10"/>
    </row>
    <row r="744162" spans="14:14">
      <c r="N744162" s="10"/>
    </row>
    <row r="744163" spans="14:14">
      <c r="N744163" s="10"/>
    </row>
    <row r="744164" spans="14:14">
      <c r="N744164" s="10"/>
    </row>
    <row r="744165" spans="14:14">
      <c r="N744165" s="10"/>
    </row>
    <row r="744166" spans="14:14">
      <c r="N744166" s="10"/>
    </row>
    <row r="744167" spans="14:14">
      <c r="N744167" s="10"/>
    </row>
    <row r="744168" spans="14:14">
      <c r="N744168" s="10"/>
    </row>
    <row r="744169" spans="14:14">
      <c r="N744169" s="10"/>
    </row>
    <row r="744170" spans="14:14">
      <c r="N744170" s="10"/>
    </row>
    <row r="744171" spans="14:14">
      <c r="N744171" s="10"/>
    </row>
    <row r="744172" spans="14:14">
      <c r="N744172" s="10"/>
    </row>
    <row r="744173" spans="14:14">
      <c r="N744173" s="10"/>
    </row>
    <row r="744174" spans="14:14">
      <c r="N744174" s="10"/>
    </row>
    <row r="744175" spans="14:14">
      <c r="N744175" s="10"/>
    </row>
    <row r="744176" spans="14:14">
      <c r="N744176" s="10"/>
    </row>
    <row r="744177" spans="14:14">
      <c r="N744177" s="10"/>
    </row>
    <row r="744178" spans="14:14">
      <c r="N744178" s="10"/>
    </row>
    <row r="744179" spans="14:14">
      <c r="N744179" s="10"/>
    </row>
    <row r="744180" spans="14:14">
      <c r="N744180" s="10"/>
    </row>
    <row r="744181" spans="14:14">
      <c r="N744181" s="10"/>
    </row>
    <row r="744182" spans="14:14">
      <c r="N744182" s="10"/>
    </row>
    <row r="744183" spans="14:14">
      <c r="N744183" s="10"/>
    </row>
    <row r="744184" spans="14:14">
      <c r="N744184" s="10"/>
    </row>
    <row r="744185" spans="14:14">
      <c r="N744185" s="10"/>
    </row>
    <row r="744186" spans="14:14">
      <c r="N744186" s="10"/>
    </row>
    <row r="744187" spans="14:14">
      <c r="N744187" s="10"/>
    </row>
    <row r="744188" spans="14:14">
      <c r="N744188" s="10"/>
    </row>
    <row r="744189" spans="14:14">
      <c r="N744189" s="10"/>
    </row>
    <row r="744190" spans="14:14">
      <c r="N744190" s="10"/>
    </row>
    <row r="744191" spans="14:14">
      <c r="N744191" s="10"/>
    </row>
    <row r="744192" spans="14:14">
      <c r="N744192" s="10"/>
    </row>
    <row r="744193" spans="14:14">
      <c r="N744193" s="10"/>
    </row>
    <row r="744194" spans="14:14">
      <c r="N744194" s="10"/>
    </row>
    <row r="744195" spans="14:14">
      <c r="N744195" s="10"/>
    </row>
    <row r="744196" spans="14:14">
      <c r="N744196" s="10"/>
    </row>
    <row r="744197" spans="14:14">
      <c r="N744197" s="10"/>
    </row>
    <row r="744198" spans="14:14">
      <c r="N744198" s="10"/>
    </row>
    <row r="744199" spans="14:14">
      <c r="N744199" s="10"/>
    </row>
    <row r="744200" spans="14:14">
      <c r="N744200" s="10"/>
    </row>
    <row r="744201" spans="14:14">
      <c r="N744201" s="10"/>
    </row>
    <row r="744202" spans="14:14">
      <c r="N744202" s="10"/>
    </row>
    <row r="744203" spans="14:14">
      <c r="N744203" s="10"/>
    </row>
    <row r="744204" spans="14:14">
      <c r="N744204" s="10"/>
    </row>
    <row r="744205" spans="14:14">
      <c r="N744205" s="10"/>
    </row>
    <row r="744206" spans="14:14">
      <c r="N744206" s="10"/>
    </row>
    <row r="744207" spans="14:14">
      <c r="N744207" s="10"/>
    </row>
    <row r="744208" spans="14:14">
      <c r="N744208" s="10"/>
    </row>
    <row r="744209" spans="14:14">
      <c r="N744209" s="10"/>
    </row>
    <row r="744210" spans="14:14">
      <c r="N744210" s="10"/>
    </row>
    <row r="744211" spans="14:14">
      <c r="N744211" s="10"/>
    </row>
    <row r="744212" spans="14:14">
      <c r="N744212" s="10"/>
    </row>
    <row r="744213" spans="14:14">
      <c r="N744213" s="10"/>
    </row>
    <row r="744214" spans="14:14">
      <c r="N744214" s="10"/>
    </row>
    <row r="744215" spans="14:14">
      <c r="N744215" s="10"/>
    </row>
    <row r="744216" spans="14:14">
      <c r="N744216" s="10"/>
    </row>
    <row r="744217" spans="14:14">
      <c r="N744217" s="10"/>
    </row>
    <row r="744218" spans="14:14">
      <c r="N744218" s="10"/>
    </row>
    <row r="744219" spans="14:14">
      <c r="N744219" s="10"/>
    </row>
    <row r="744220" spans="14:14">
      <c r="N744220" s="10"/>
    </row>
    <row r="744221" spans="14:14">
      <c r="N744221" s="10"/>
    </row>
    <row r="744222" spans="14:14">
      <c r="N744222" s="10"/>
    </row>
    <row r="744223" spans="14:14">
      <c r="N744223" s="10"/>
    </row>
    <row r="744224" spans="14:14">
      <c r="N744224" s="10"/>
    </row>
    <row r="744225" spans="14:14">
      <c r="N744225" s="10"/>
    </row>
    <row r="744226" spans="14:14">
      <c r="N744226" s="10"/>
    </row>
    <row r="744227" spans="14:14">
      <c r="N744227" s="10"/>
    </row>
    <row r="744228" spans="14:14">
      <c r="N744228" s="10"/>
    </row>
    <row r="744229" spans="14:14">
      <c r="N744229" s="10"/>
    </row>
    <row r="744230" spans="14:14">
      <c r="N744230" s="10"/>
    </row>
    <row r="744231" spans="14:14">
      <c r="N744231" s="10"/>
    </row>
    <row r="744232" spans="14:14">
      <c r="N744232" s="10"/>
    </row>
    <row r="744233" spans="14:14">
      <c r="N744233" s="10"/>
    </row>
    <row r="744234" spans="14:14">
      <c r="N744234" s="10"/>
    </row>
    <row r="744235" spans="14:14">
      <c r="N744235" s="10"/>
    </row>
    <row r="744236" spans="14:14">
      <c r="N744236" s="10"/>
    </row>
    <row r="744237" spans="14:14">
      <c r="N744237" s="10"/>
    </row>
    <row r="744238" spans="14:14">
      <c r="N744238" s="10"/>
    </row>
    <row r="744239" spans="14:14">
      <c r="N744239" s="10"/>
    </row>
    <row r="744240" spans="14:14">
      <c r="N744240" s="10"/>
    </row>
    <row r="744241" spans="14:14">
      <c r="N744241" s="10"/>
    </row>
    <row r="744242" spans="14:14">
      <c r="N744242" s="10"/>
    </row>
    <row r="744243" spans="14:14">
      <c r="N744243" s="10"/>
    </row>
    <row r="744244" spans="14:14">
      <c r="N744244" s="10"/>
    </row>
    <row r="744245" spans="14:14">
      <c r="N744245" s="10"/>
    </row>
    <row r="744246" spans="14:14">
      <c r="N744246" s="10"/>
    </row>
    <row r="744247" spans="14:14">
      <c r="N744247" s="10"/>
    </row>
    <row r="744248" spans="14:14">
      <c r="N744248" s="10"/>
    </row>
    <row r="744249" spans="14:14">
      <c r="N744249" s="10"/>
    </row>
    <row r="744250" spans="14:14">
      <c r="N744250" s="10"/>
    </row>
    <row r="744251" spans="14:14">
      <c r="N744251" s="10"/>
    </row>
    <row r="744252" spans="14:14">
      <c r="N744252" s="10"/>
    </row>
    <row r="744253" spans="14:14">
      <c r="N744253" s="10"/>
    </row>
    <row r="744254" spans="14:14">
      <c r="N744254" s="10"/>
    </row>
    <row r="744255" spans="14:14">
      <c r="N744255" s="10"/>
    </row>
    <row r="744256" spans="14:14">
      <c r="N744256" s="10"/>
    </row>
    <row r="744257" spans="14:14">
      <c r="N744257" s="10"/>
    </row>
    <row r="744258" spans="14:14">
      <c r="N744258" s="10"/>
    </row>
    <row r="744259" spans="14:14">
      <c r="N744259" s="10"/>
    </row>
    <row r="744260" spans="14:14">
      <c r="N744260" s="10"/>
    </row>
    <row r="744261" spans="14:14">
      <c r="N744261" s="10"/>
    </row>
    <row r="744262" spans="14:14">
      <c r="N744262" s="10"/>
    </row>
    <row r="744263" spans="14:14">
      <c r="N744263" s="10"/>
    </row>
    <row r="744264" spans="14:14">
      <c r="N744264" s="10"/>
    </row>
    <row r="744265" spans="14:14">
      <c r="N744265" s="10"/>
    </row>
    <row r="744266" spans="14:14">
      <c r="N744266" s="10"/>
    </row>
    <row r="744267" spans="14:14">
      <c r="N744267" s="10"/>
    </row>
    <row r="744268" spans="14:14">
      <c r="N744268" s="10"/>
    </row>
    <row r="744269" spans="14:14">
      <c r="N744269" s="10"/>
    </row>
    <row r="744270" spans="14:14">
      <c r="N744270" s="10"/>
    </row>
    <row r="744271" spans="14:14">
      <c r="N744271" s="10"/>
    </row>
    <row r="744272" spans="14:14">
      <c r="N744272" s="10"/>
    </row>
    <row r="744273" spans="14:14">
      <c r="N744273" s="10"/>
    </row>
    <row r="744274" spans="14:14">
      <c r="N744274" s="10"/>
    </row>
    <row r="744275" spans="14:14">
      <c r="N744275" s="10"/>
    </row>
    <row r="744276" spans="14:14">
      <c r="N744276" s="10"/>
    </row>
    <row r="744277" spans="14:14">
      <c r="N744277" s="10"/>
    </row>
    <row r="744278" spans="14:14">
      <c r="N744278" s="10"/>
    </row>
    <row r="744279" spans="14:14">
      <c r="N744279" s="10"/>
    </row>
    <row r="744280" spans="14:14">
      <c r="N744280" s="10"/>
    </row>
    <row r="744281" spans="14:14">
      <c r="N744281" s="10"/>
    </row>
    <row r="744282" spans="14:14">
      <c r="N744282" s="10"/>
    </row>
    <row r="744283" spans="14:14">
      <c r="N744283" s="10"/>
    </row>
    <row r="744284" spans="14:14">
      <c r="N744284" s="10"/>
    </row>
    <row r="744285" spans="14:14">
      <c r="N744285" s="10"/>
    </row>
    <row r="744286" spans="14:14">
      <c r="N744286" s="10"/>
    </row>
    <row r="744287" spans="14:14">
      <c r="N744287" s="10"/>
    </row>
    <row r="744288" spans="14:14">
      <c r="N744288" s="10"/>
    </row>
    <row r="744289" spans="14:14">
      <c r="N744289" s="10"/>
    </row>
    <row r="744290" spans="14:14">
      <c r="N744290" s="10"/>
    </row>
    <row r="744291" spans="14:14">
      <c r="N744291" s="10"/>
    </row>
    <row r="744292" spans="14:14">
      <c r="N744292" s="10"/>
    </row>
    <row r="744293" spans="14:14">
      <c r="N744293" s="10"/>
    </row>
    <row r="744294" spans="14:14">
      <c r="N744294" s="10"/>
    </row>
    <row r="744295" spans="14:14">
      <c r="N744295" s="10"/>
    </row>
    <row r="744296" spans="14:14">
      <c r="N744296" s="10"/>
    </row>
    <row r="744297" spans="14:14">
      <c r="N744297" s="10"/>
    </row>
    <row r="744298" spans="14:14">
      <c r="N744298" s="10"/>
    </row>
    <row r="744299" spans="14:14">
      <c r="N744299" s="10"/>
    </row>
    <row r="744300" spans="14:14">
      <c r="N744300" s="10"/>
    </row>
    <row r="744301" spans="14:14">
      <c r="N744301" s="10"/>
    </row>
    <row r="744302" spans="14:14">
      <c r="N744302" s="10"/>
    </row>
    <row r="744303" spans="14:14">
      <c r="N744303" s="10"/>
    </row>
    <row r="744304" spans="14:14">
      <c r="N744304" s="10"/>
    </row>
    <row r="744305" spans="14:14">
      <c r="N744305" s="10"/>
    </row>
    <row r="744306" spans="14:14">
      <c r="N744306" s="10"/>
    </row>
    <row r="744307" spans="14:14">
      <c r="N744307" s="10"/>
    </row>
    <row r="744308" spans="14:14">
      <c r="N744308" s="10"/>
    </row>
    <row r="744309" spans="14:14">
      <c r="N744309" s="10"/>
    </row>
    <row r="744310" spans="14:14">
      <c r="N744310" s="10"/>
    </row>
    <row r="744311" spans="14:14">
      <c r="N744311" s="10"/>
    </row>
    <row r="744312" spans="14:14">
      <c r="N744312" s="10"/>
    </row>
    <row r="744313" spans="14:14">
      <c r="N744313" s="10"/>
    </row>
    <row r="744314" spans="14:14">
      <c r="N744314" s="10"/>
    </row>
    <row r="744315" spans="14:14">
      <c r="N744315" s="10"/>
    </row>
    <row r="744316" spans="14:14">
      <c r="N744316" s="10"/>
    </row>
    <row r="744317" spans="14:14">
      <c r="N744317" s="10"/>
    </row>
    <row r="744318" spans="14:14">
      <c r="N744318" s="10"/>
    </row>
    <row r="744319" spans="14:14">
      <c r="N744319" s="10"/>
    </row>
    <row r="744320" spans="14:14">
      <c r="N744320" s="10"/>
    </row>
    <row r="744321" spans="14:14">
      <c r="N744321" s="10"/>
    </row>
    <row r="744322" spans="14:14">
      <c r="N744322" s="10"/>
    </row>
    <row r="744323" spans="14:14">
      <c r="N744323" s="10"/>
    </row>
    <row r="744324" spans="14:14">
      <c r="N744324" s="10"/>
    </row>
    <row r="744325" spans="14:14">
      <c r="N744325" s="10"/>
    </row>
    <row r="744326" spans="14:14">
      <c r="N744326" s="10"/>
    </row>
    <row r="744327" spans="14:14">
      <c r="N744327" s="10"/>
    </row>
    <row r="744328" spans="14:14">
      <c r="N744328" s="10"/>
    </row>
    <row r="744329" spans="14:14">
      <c r="N744329" s="10"/>
    </row>
    <row r="744330" spans="14:14">
      <c r="N744330" s="10"/>
    </row>
    <row r="744331" spans="14:14">
      <c r="N744331" s="10"/>
    </row>
    <row r="744332" spans="14:14">
      <c r="N744332" s="10"/>
    </row>
    <row r="744333" spans="14:14">
      <c r="N744333" s="10"/>
    </row>
    <row r="744334" spans="14:14">
      <c r="N744334" s="10"/>
    </row>
    <row r="744335" spans="14:14">
      <c r="N744335" s="10"/>
    </row>
    <row r="744336" spans="14:14">
      <c r="N744336" s="10"/>
    </row>
    <row r="744337" spans="14:14">
      <c r="N744337" s="10"/>
    </row>
    <row r="744338" spans="14:14">
      <c r="N744338" s="10"/>
    </row>
    <row r="744339" spans="14:14">
      <c r="N744339" s="10"/>
    </row>
    <row r="744340" spans="14:14">
      <c r="N744340" s="10"/>
    </row>
    <row r="744341" spans="14:14">
      <c r="N744341" s="10"/>
    </row>
    <row r="744342" spans="14:14">
      <c r="N744342" s="10"/>
    </row>
    <row r="744343" spans="14:14">
      <c r="N744343" s="10"/>
    </row>
    <row r="744344" spans="14:14">
      <c r="N744344" s="10"/>
    </row>
    <row r="744345" spans="14:14">
      <c r="N744345" s="10"/>
    </row>
    <row r="744346" spans="14:14">
      <c r="N744346" s="10"/>
    </row>
    <row r="744347" spans="14:14">
      <c r="N744347" s="10"/>
    </row>
    <row r="744348" spans="14:14">
      <c r="N744348" s="10"/>
    </row>
    <row r="744349" spans="14:14">
      <c r="N744349" s="10"/>
    </row>
    <row r="744350" spans="14:14">
      <c r="N744350" s="10"/>
    </row>
    <row r="744351" spans="14:14">
      <c r="N744351" s="10"/>
    </row>
    <row r="744352" spans="14:14">
      <c r="N744352" s="10"/>
    </row>
    <row r="744353" spans="14:14">
      <c r="N744353" s="10"/>
    </row>
    <row r="744354" spans="14:14">
      <c r="N744354" s="10"/>
    </row>
    <row r="744355" spans="14:14">
      <c r="N744355" s="10"/>
    </row>
    <row r="744356" spans="14:14">
      <c r="N744356" s="10"/>
    </row>
    <row r="744357" spans="14:14">
      <c r="N744357" s="10"/>
    </row>
    <row r="744358" spans="14:14">
      <c r="N744358" s="10"/>
    </row>
    <row r="744359" spans="14:14">
      <c r="N744359" s="10"/>
    </row>
    <row r="744360" spans="14:14">
      <c r="N744360" s="10"/>
    </row>
    <row r="744361" spans="14:14">
      <c r="N744361" s="10"/>
    </row>
    <row r="744362" spans="14:14">
      <c r="N744362" s="10"/>
    </row>
    <row r="744363" spans="14:14">
      <c r="N744363" s="10"/>
    </row>
    <row r="744364" spans="14:14">
      <c r="N744364" s="10"/>
    </row>
    <row r="744365" spans="14:14">
      <c r="N744365" s="10"/>
    </row>
    <row r="744366" spans="14:14">
      <c r="N744366" s="10"/>
    </row>
    <row r="744367" spans="14:14">
      <c r="N744367" s="10"/>
    </row>
    <row r="744368" spans="14:14">
      <c r="N744368" s="10"/>
    </row>
    <row r="744369" spans="14:14">
      <c r="N744369" s="10"/>
    </row>
    <row r="744370" spans="14:14">
      <c r="N744370" s="10"/>
    </row>
    <row r="744371" spans="14:14">
      <c r="N744371" s="10"/>
    </row>
    <row r="744372" spans="14:14">
      <c r="N744372" s="10"/>
    </row>
    <row r="744373" spans="14:14">
      <c r="N744373" s="10"/>
    </row>
    <row r="744374" spans="14:14">
      <c r="N744374" s="10"/>
    </row>
    <row r="744375" spans="14:14">
      <c r="N744375" s="10"/>
    </row>
    <row r="744376" spans="14:14">
      <c r="N744376" s="10"/>
    </row>
    <row r="744377" spans="14:14">
      <c r="N744377" s="10"/>
    </row>
    <row r="744378" spans="14:14">
      <c r="N744378" s="10"/>
    </row>
    <row r="744379" spans="14:14">
      <c r="N744379" s="10"/>
    </row>
    <row r="744380" spans="14:14">
      <c r="N744380" s="10"/>
    </row>
    <row r="744381" spans="14:14">
      <c r="N744381" s="10"/>
    </row>
    <row r="744382" spans="14:14">
      <c r="N744382" s="10"/>
    </row>
    <row r="744383" spans="14:14">
      <c r="N744383" s="10"/>
    </row>
    <row r="744384" spans="14:14">
      <c r="N744384" s="10"/>
    </row>
    <row r="744385" spans="14:14">
      <c r="N744385" s="10"/>
    </row>
    <row r="744386" spans="14:14">
      <c r="N744386" s="10"/>
    </row>
    <row r="744387" spans="14:14">
      <c r="N744387" s="10"/>
    </row>
    <row r="744388" spans="14:14">
      <c r="N744388" s="10"/>
    </row>
    <row r="744389" spans="14:14">
      <c r="N744389" s="10"/>
    </row>
    <row r="744390" spans="14:14">
      <c r="N744390" s="10"/>
    </row>
    <row r="744391" spans="14:14">
      <c r="N744391" s="10"/>
    </row>
    <row r="744392" spans="14:14">
      <c r="N744392" s="10"/>
    </row>
    <row r="744393" spans="14:14">
      <c r="N744393" s="10"/>
    </row>
    <row r="744394" spans="14:14">
      <c r="N744394" s="10"/>
    </row>
    <row r="744395" spans="14:14">
      <c r="N744395" s="10"/>
    </row>
    <row r="744396" spans="14:14">
      <c r="N744396" s="10"/>
    </row>
    <row r="744397" spans="14:14">
      <c r="N744397" s="10"/>
    </row>
    <row r="744398" spans="14:14">
      <c r="N744398" s="10"/>
    </row>
    <row r="744399" spans="14:14">
      <c r="N744399" s="10"/>
    </row>
    <row r="744400" spans="14:14">
      <c r="N744400" s="10"/>
    </row>
    <row r="744401" spans="14:14">
      <c r="N744401" s="10"/>
    </row>
    <row r="744402" spans="14:14">
      <c r="N744402" s="10"/>
    </row>
    <row r="744403" spans="14:14">
      <c r="N744403" s="10"/>
    </row>
    <row r="744404" spans="14:14">
      <c r="N744404" s="10"/>
    </row>
    <row r="744405" spans="14:14">
      <c r="N744405" s="10"/>
    </row>
    <row r="744406" spans="14:14">
      <c r="N744406" s="10"/>
    </row>
    <row r="744407" spans="14:14">
      <c r="N744407" s="10"/>
    </row>
    <row r="744408" spans="14:14">
      <c r="N744408" s="10"/>
    </row>
    <row r="744409" spans="14:14">
      <c r="N744409" s="10"/>
    </row>
    <row r="744410" spans="14:14">
      <c r="N744410" s="10"/>
    </row>
    <row r="744411" spans="14:14">
      <c r="N744411" s="10"/>
    </row>
    <row r="744412" spans="14:14">
      <c r="N744412" s="10"/>
    </row>
    <row r="744413" spans="14:14">
      <c r="N744413" s="10"/>
    </row>
    <row r="744414" spans="14:14">
      <c r="N744414" s="10"/>
    </row>
    <row r="744415" spans="14:14">
      <c r="N744415" s="10"/>
    </row>
    <row r="744416" spans="14:14">
      <c r="N744416" s="10"/>
    </row>
    <row r="744417" spans="14:14">
      <c r="N744417" s="10"/>
    </row>
    <row r="744418" spans="14:14">
      <c r="N744418" s="10"/>
    </row>
    <row r="744419" spans="14:14">
      <c r="N744419" s="10"/>
    </row>
    <row r="744420" spans="14:14">
      <c r="N744420" s="10"/>
    </row>
    <row r="744421" spans="14:14">
      <c r="N744421" s="10"/>
    </row>
    <row r="744422" spans="14:14">
      <c r="N744422" s="10"/>
    </row>
    <row r="744423" spans="14:14">
      <c r="N744423" s="10"/>
    </row>
    <row r="744424" spans="14:14">
      <c r="N744424" s="10"/>
    </row>
    <row r="744425" spans="14:14">
      <c r="N744425" s="10"/>
    </row>
    <row r="744426" spans="14:14">
      <c r="N744426" s="10"/>
    </row>
    <row r="744427" spans="14:14">
      <c r="N744427" s="10"/>
    </row>
    <row r="744428" spans="14:14">
      <c r="N744428" s="10"/>
    </row>
    <row r="744429" spans="14:14">
      <c r="N744429" s="10"/>
    </row>
    <row r="744430" spans="14:14">
      <c r="N744430" s="10"/>
    </row>
    <row r="744431" spans="14:14">
      <c r="N744431" s="10"/>
    </row>
    <row r="744432" spans="14:14">
      <c r="N744432" s="10"/>
    </row>
    <row r="744433" spans="14:14">
      <c r="N744433" s="10"/>
    </row>
    <row r="744434" spans="14:14">
      <c r="N744434" s="10"/>
    </row>
    <row r="744435" spans="14:14">
      <c r="N744435" s="10"/>
    </row>
    <row r="744436" spans="14:14">
      <c r="N744436" s="10"/>
    </row>
    <row r="744437" spans="14:14">
      <c r="N744437" s="10"/>
    </row>
    <row r="744438" spans="14:14">
      <c r="N744438" s="10"/>
    </row>
    <row r="744439" spans="14:14">
      <c r="N744439" s="10"/>
    </row>
    <row r="744440" spans="14:14">
      <c r="N744440" s="10"/>
    </row>
    <row r="744441" spans="14:14">
      <c r="N744441" s="10"/>
    </row>
    <row r="744442" spans="14:14">
      <c r="N744442" s="10"/>
    </row>
    <row r="744443" spans="14:14">
      <c r="N744443" s="10"/>
    </row>
    <row r="744444" spans="14:14">
      <c r="N744444" s="10"/>
    </row>
    <row r="744445" spans="14:14">
      <c r="N744445" s="10"/>
    </row>
    <row r="744446" spans="14:14">
      <c r="N744446" s="10"/>
    </row>
    <row r="744447" spans="14:14">
      <c r="N744447" s="10"/>
    </row>
    <row r="744448" spans="14:14">
      <c r="N744448" s="10"/>
    </row>
    <row r="744449" spans="14:14">
      <c r="N744449" s="10"/>
    </row>
    <row r="744450" spans="14:14">
      <c r="N744450" s="10"/>
    </row>
    <row r="744451" spans="14:14">
      <c r="N744451" s="10"/>
    </row>
    <row r="744452" spans="14:14">
      <c r="N744452" s="10"/>
    </row>
    <row r="744453" spans="14:14">
      <c r="N744453" s="10"/>
    </row>
    <row r="744454" spans="14:14">
      <c r="N744454" s="10"/>
    </row>
    <row r="744455" spans="14:14">
      <c r="N744455" s="10"/>
    </row>
    <row r="744456" spans="14:14">
      <c r="N744456" s="10"/>
    </row>
    <row r="744457" spans="14:14">
      <c r="N744457" s="10"/>
    </row>
    <row r="744458" spans="14:14">
      <c r="N744458" s="10"/>
    </row>
    <row r="744459" spans="14:14">
      <c r="N744459" s="10"/>
    </row>
    <row r="744460" spans="14:14">
      <c r="N744460" s="10"/>
    </row>
    <row r="744461" spans="14:14">
      <c r="N744461" s="10"/>
    </row>
    <row r="744462" spans="14:14">
      <c r="N744462" s="10"/>
    </row>
    <row r="744463" spans="14:14">
      <c r="N744463" s="10"/>
    </row>
    <row r="744464" spans="14:14">
      <c r="N744464" s="10"/>
    </row>
    <row r="744465" spans="14:14">
      <c r="N744465" s="10"/>
    </row>
    <row r="744466" spans="14:14">
      <c r="N744466" s="10"/>
    </row>
    <row r="744467" spans="14:14">
      <c r="N744467" s="10"/>
    </row>
    <row r="744468" spans="14:14">
      <c r="N744468" s="10"/>
    </row>
    <row r="744469" spans="14:14">
      <c r="N744469" s="10"/>
    </row>
    <row r="744470" spans="14:14">
      <c r="N744470" s="10"/>
    </row>
    <row r="744471" spans="14:14">
      <c r="N744471" s="10"/>
    </row>
    <row r="744472" spans="14:14">
      <c r="N744472" s="10"/>
    </row>
    <row r="744473" spans="14:14">
      <c r="N744473" s="10"/>
    </row>
    <row r="744474" spans="14:14">
      <c r="N744474" s="10"/>
    </row>
    <row r="744475" spans="14:14">
      <c r="N744475" s="10"/>
    </row>
    <row r="744476" spans="14:14">
      <c r="N744476" s="10"/>
    </row>
    <row r="744477" spans="14:14">
      <c r="N744477" s="10"/>
    </row>
    <row r="744478" spans="14:14">
      <c r="N744478" s="10"/>
    </row>
    <row r="744479" spans="14:14">
      <c r="N744479" s="10"/>
    </row>
    <row r="744480" spans="14:14">
      <c r="N744480" s="10"/>
    </row>
    <row r="744481" spans="14:14">
      <c r="N744481" s="10"/>
    </row>
    <row r="744482" spans="14:14">
      <c r="N744482" s="10"/>
    </row>
    <row r="744483" spans="14:14">
      <c r="N744483" s="10"/>
    </row>
    <row r="744484" spans="14:14">
      <c r="N744484" s="10"/>
    </row>
    <row r="744485" spans="14:14">
      <c r="N744485" s="10"/>
    </row>
    <row r="744486" spans="14:14">
      <c r="N744486" s="10"/>
    </row>
    <row r="744487" spans="14:14">
      <c r="N744487" s="10"/>
    </row>
    <row r="744488" spans="14:14">
      <c r="N744488" s="10"/>
    </row>
    <row r="744489" spans="14:14">
      <c r="N744489" s="10"/>
    </row>
    <row r="744490" spans="14:14">
      <c r="N744490" s="10"/>
    </row>
    <row r="744491" spans="14:14">
      <c r="N744491" s="10"/>
    </row>
    <row r="744492" spans="14:14">
      <c r="N744492" s="10"/>
    </row>
    <row r="744493" spans="14:14">
      <c r="N744493" s="10"/>
    </row>
    <row r="744494" spans="14:14">
      <c r="N744494" s="10"/>
    </row>
    <row r="744495" spans="14:14">
      <c r="N744495" s="10"/>
    </row>
    <row r="744496" spans="14:14">
      <c r="N744496" s="10"/>
    </row>
    <row r="744497" spans="14:14">
      <c r="N744497" s="10"/>
    </row>
    <row r="744498" spans="14:14">
      <c r="N744498" s="10"/>
    </row>
    <row r="744499" spans="14:14">
      <c r="N744499" s="10"/>
    </row>
    <row r="744500" spans="14:14">
      <c r="N744500" s="10"/>
    </row>
    <row r="744501" spans="14:14">
      <c r="N744501" s="10"/>
    </row>
    <row r="744502" spans="14:14">
      <c r="N744502" s="10"/>
    </row>
    <row r="744503" spans="14:14">
      <c r="N744503" s="10"/>
    </row>
    <row r="744504" spans="14:14">
      <c r="N744504" s="10"/>
    </row>
    <row r="744505" spans="14:14">
      <c r="N744505" s="10"/>
    </row>
    <row r="744506" spans="14:14">
      <c r="N744506" s="10"/>
    </row>
    <row r="744507" spans="14:14">
      <c r="N744507" s="10"/>
    </row>
    <row r="744508" spans="14:14">
      <c r="N744508" s="10"/>
    </row>
    <row r="744509" spans="14:14">
      <c r="N744509" s="10"/>
    </row>
    <row r="744510" spans="14:14">
      <c r="N744510" s="10"/>
    </row>
    <row r="744511" spans="14:14">
      <c r="N744511" s="10"/>
    </row>
    <row r="744512" spans="14:14">
      <c r="N744512" s="10"/>
    </row>
    <row r="744513" spans="14:14">
      <c r="N744513" s="10"/>
    </row>
    <row r="744514" spans="14:14">
      <c r="N744514" s="10"/>
    </row>
    <row r="744515" spans="14:14">
      <c r="N744515" s="10"/>
    </row>
    <row r="744516" spans="14:14">
      <c r="N744516" s="10"/>
    </row>
    <row r="744517" spans="14:14">
      <c r="N744517" s="10"/>
    </row>
    <row r="744518" spans="14:14">
      <c r="N744518" s="10"/>
    </row>
    <row r="744519" spans="14:14">
      <c r="N744519" s="10"/>
    </row>
    <row r="744520" spans="14:14">
      <c r="N744520" s="10"/>
    </row>
    <row r="744521" spans="14:14">
      <c r="N744521" s="10"/>
    </row>
    <row r="744522" spans="14:14">
      <c r="N744522" s="10"/>
    </row>
    <row r="744523" spans="14:14">
      <c r="N744523" s="10"/>
    </row>
    <row r="744524" spans="14:14">
      <c r="N744524" s="10"/>
    </row>
    <row r="744525" spans="14:14">
      <c r="N744525" s="10"/>
    </row>
    <row r="744526" spans="14:14">
      <c r="N744526" s="10"/>
    </row>
    <row r="744527" spans="14:14">
      <c r="N744527" s="10"/>
    </row>
    <row r="744528" spans="14:14">
      <c r="N744528" s="10"/>
    </row>
    <row r="744529" spans="14:14">
      <c r="N744529" s="10"/>
    </row>
    <row r="744530" spans="14:14">
      <c r="N744530" s="10"/>
    </row>
    <row r="744531" spans="14:14">
      <c r="N744531" s="10"/>
    </row>
    <row r="744532" spans="14:14">
      <c r="N744532" s="10"/>
    </row>
    <row r="744533" spans="14:14">
      <c r="N744533" s="10"/>
    </row>
    <row r="744534" spans="14:14">
      <c r="N744534" s="10"/>
    </row>
    <row r="744535" spans="14:14">
      <c r="N744535" s="10"/>
    </row>
    <row r="744536" spans="14:14">
      <c r="N744536" s="10"/>
    </row>
    <row r="744537" spans="14:14">
      <c r="N744537" s="10"/>
    </row>
    <row r="744538" spans="14:14">
      <c r="N744538" s="10"/>
    </row>
    <row r="744539" spans="14:14">
      <c r="N744539" s="10"/>
    </row>
    <row r="744540" spans="14:14">
      <c r="N744540" s="10"/>
    </row>
    <row r="744541" spans="14:14">
      <c r="N744541" s="10"/>
    </row>
    <row r="744542" spans="14:14">
      <c r="N744542" s="10"/>
    </row>
    <row r="744543" spans="14:14">
      <c r="N744543" s="10"/>
    </row>
    <row r="744544" spans="14:14">
      <c r="N744544" s="10"/>
    </row>
    <row r="744545" spans="14:14">
      <c r="N744545" s="10"/>
    </row>
    <row r="744546" spans="14:14">
      <c r="N744546" s="10"/>
    </row>
    <row r="744547" spans="14:14">
      <c r="N744547" s="10"/>
    </row>
    <row r="744548" spans="14:14">
      <c r="N744548" s="10"/>
    </row>
    <row r="744549" spans="14:14">
      <c r="N744549" s="10"/>
    </row>
    <row r="744550" spans="14:14">
      <c r="N744550" s="10"/>
    </row>
    <row r="744551" spans="14:14">
      <c r="N744551" s="10"/>
    </row>
    <row r="744552" spans="14:14">
      <c r="N744552" s="10"/>
    </row>
    <row r="744553" spans="14:14">
      <c r="N744553" s="10"/>
    </row>
    <row r="744554" spans="14:14">
      <c r="N744554" s="10"/>
    </row>
    <row r="744555" spans="14:14">
      <c r="N744555" s="10"/>
    </row>
    <row r="744556" spans="14:14">
      <c r="N744556" s="10"/>
    </row>
    <row r="744557" spans="14:14">
      <c r="N744557" s="10"/>
    </row>
    <row r="744558" spans="14:14">
      <c r="N744558" s="10"/>
    </row>
    <row r="744559" spans="14:14">
      <c r="N744559" s="10"/>
    </row>
    <row r="744560" spans="14:14">
      <c r="N744560" s="10"/>
    </row>
    <row r="744561" spans="14:14">
      <c r="N744561" s="10"/>
    </row>
    <row r="744562" spans="14:14">
      <c r="N744562" s="10"/>
    </row>
    <row r="744563" spans="14:14">
      <c r="N744563" s="10"/>
    </row>
    <row r="744564" spans="14:14">
      <c r="N744564" s="10"/>
    </row>
    <row r="744565" spans="14:14">
      <c r="N744565" s="10"/>
    </row>
    <row r="744566" spans="14:14">
      <c r="N744566" s="10"/>
    </row>
    <row r="744567" spans="14:14">
      <c r="N744567" s="10"/>
    </row>
    <row r="744568" spans="14:14">
      <c r="N744568" s="10"/>
    </row>
    <row r="744569" spans="14:14">
      <c r="N744569" s="10"/>
    </row>
    <row r="744570" spans="14:14">
      <c r="N744570" s="10"/>
    </row>
    <row r="744571" spans="14:14">
      <c r="N744571" s="10"/>
    </row>
    <row r="744572" spans="14:14">
      <c r="N744572" s="10"/>
    </row>
    <row r="744573" spans="14:14">
      <c r="N744573" s="10"/>
    </row>
    <row r="744574" spans="14:14">
      <c r="N744574" s="10"/>
    </row>
    <row r="744575" spans="14:14">
      <c r="N744575" s="10"/>
    </row>
    <row r="744576" spans="14:14">
      <c r="N744576" s="10"/>
    </row>
    <row r="744577" spans="14:14">
      <c r="N744577" s="10"/>
    </row>
    <row r="744578" spans="14:14">
      <c r="N744578" s="10"/>
    </row>
    <row r="744579" spans="14:14">
      <c r="N744579" s="10"/>
    </row>
    <row r="744580" spans="14:14">
      <c r="N744580" s="10"/>
    </row>
    <row r="744581" spans="14:14">
      <c r="N744581" s="10"/>
    </row>
    <row r="744582" spans="14:14">
      <c r="N744582" s="10"/>
    </row>
    <row r="744583" spans="14:14">
      <c r="N744583" s="10"/>
    </row>
    <row r="744584" spans="14:14">
      <c r="N744584" s="10"/>
    </row>
    <row r="744585" spans="14:14">
      <c r="N744585" s="10"/>
    </row>
    <row r="744586" spans="14:14">
      <c r="N744586" s="10"/>
    </row>
    <row r="744587" spans="14:14">
      <c r="N744587" s="10"/>
    </row>
    <row r="744588" spans="14:14">
      <c r="N744588" s="10"/>
    </row>
    <row r="744589" spans="14:14">
      <c r="N744589" s="10"/>
    </row>
    <row r="744590" spans="14:14">
      <c r="N744590" s="10"/>
    </row>
    <row r="744591" spans="14:14">
      <c r="N744591" s="10"/>
    </row>
    <row r="744592" spans="14:14">
      <c r="N744592" s="10"/>
    </row>
    <row r="744593" spans="14:14">
      <c r="N744593" s="10"/>
    </row>
    <row r="744594" spans="14:14">
      <c r="N744594" s="10"/>
    </row>
    <row r="744595" spans="14:14">
      <c r="N744595" s="10"/>
    </row>
    <row r="744596" spans="14:14">
      <c r="N744596" s="10"/>
    </row>
    <row r="744597" spans="14:14">
      <c r="N744597" s="10"/>
    </row>
    <row r="744598" spans="14:14">
      <c r="N744598" s="10"/>
    </row>
    <row r="744599" spans="14:14">
      <c r="N744599" s="10"/>
    </row>
    <row r="744600" spans="14:14">
      <c r="N744600" s="10"/>
    </row>
    <row r="744601" spans="14:14">
      <c r="N744601" s="10"/>
    </row>
    <row r="744602" spans="14:14">
      <c r="N744602" s="10"/>
    </row>
    <row r="744603" spans="14:14">
      <c r="N744603" s="10"/>
    </row>
    <row r="744604" spans="14:14">
      <c r="N744604" s="10"/>
    </row>
    <row r="744605" spans="14:14">
      <c r="N744605" s="10"/>
    </row>
    <row r="744606" spans="14:14">
      <c r="N744606" s="10"/>
    </row>
    <row r="744607" spans="14:14">
      <c r="N744607" s="10"/>
    </row>
    <row r="744608" spans="14:14">
      <c r="N744608" s="10"/>
    </row>
    <row r="744609" spans="14:14">
      <c r="N744609" s="10"/>
    </row>
    <row r="744610" spans="14:14">
      <c r="N744610" s="10"/>
    </row>
    <row r="744611" spans="14:14">
      <c r="N744611" s="10"/>
    </row>
    <row r="744612" spans="14:14">
      <c r="N744612" s="10"/>
    </row>
    <row r="744613" spans="14:14">
      <c r="N744613" s="10"/>
    </row>
    <row r="744614" spans="14:14">
      <c r="N744614" s="10"/>
    </row>
    <row r="744615" spans="14:14">
      <c r="N744615" s="10"/>
    </row>
    <row r="744616" spans="14:14">
      <c r="N744616" s="10"/>
    </row>
    <row r="744617" spans="14:14">
      <c r="N744617" s="10"/>
    </row>
    <row r="744618" spans="14:14">
      <c r="N744618" s="10"/>
    </row>
    <row r="744619" spans="14:14">
      <c r="N744619" s="10"/>
    </row>
    <row r="744620" spans="14:14">
      <c r="N744620" s="10"/>
    </row>
    <row r="744621" spans="14:14">
      <c r="N744621" s="10"/>
    </row>
    <row r="744622" spans="14:14">
      <c r="N744622" s="10"/>
    </row>
    <row r="744623" spans="14:14">
      <c r="N744623" s="10"/>
    </row>
    <row r="744624" spans="14:14">
      <c r="N744624" s="10"/>
    </row>
    <row r="744625" spans="14:14">
      <c r="N744625" s="10"/>
    </row>
    <row r="744626" spans="14:14">
      <c r="N744626" s="10"/>
    </row>
    <row r="744627" spans="14:14">
      <c r="N744627" s="10"/>
    </row>
    <row r="744628" spans="14:14">
      <c r="N744628" s="10"/>
    </row>
    <row r="744629" spans="14:14">
      <c r="N744629" s="10"/>
    </row>
    <row r="744630" spans="14:14">
      <c r="N744630" s="10"/>
    </row>
    <row r="744631" spans="14:14">
      <c r="N744631" s="10"/>
    </row>
    <row r="744632" spans="14:14">
      <c r="N744632" s="10"/>
    </row>
    <row r="744633" spans="14:14">
      <c r="N744633" s="10"/>
    </row>
    <row r="744634" spans="14:14">
      <c r="N744634" s="10"/>
    </row>
    <row r="744635" spans="14:14">
      <c r="N744635" s="10"/>
    </row>
    <row r="744636" spans="14:14">
      <c r="N744636" s="10"/>
    </row>
    <row r="744637" spans="14:14">
      <c r="N744637" s="10"/>
    </row>
    <row r="744638" spans="14:14">
      <c r="N744638" s="10"/>
    </row>
    <row r="744639" spans="14:14">
      <c r="N744639" s="10"/>
    </row>
    <row r="744640" spans="14:14">
      <c r="N744640" s="10"/>
    </row>
    <row r="744641" spans="14:14">
      <c r="N744641" s="10"/>
    </row>
    <row r="744642" spans="14:14">
      <c r="N744642" s="10"/>
    </row>
    <row r="744643" spans="14:14">
      <c r="N744643" s="10"/>
    </row>
    <row r="744644" spans="14:14">
      <c r="N744644" s="10"/>
    </row>
    <row r="744645" spans="14:14">
      <c r="N744645" s="10"/>
    </row>
    <row r="744646" spans="14:14">
      <c r="N744646" s="10"/>
    </row>
    <row r="744647" spans="14:14">
      <c r="N744647" s="10"/>
    </row>
    <row r="744648" spans="14:14">
      <c r="N744648" s="10"/>
    </row>
    <row r="744649" spans="14:14">
      <c r="N744649" s="10"/>
    </row>
    <row r="744650" spans="14:14">
      <c r="N744650" s="10"/>
    </row>
    <row r="744651" spans="14:14">
      <c r="N744651" s="10"/>
    </row>
    <row r="744652" spans="14:14">
      <c r="N744652" s="10"/>
    </row>
    <row r="744653" spans="14:14">
      <c r="N744653" s="10"/>
    </row>
    <row r="744654" spans="14:14">
      <c r="N744654" s="10"/>
    </row>
    <row r="744655" spans="14:14">
      <c r="N744655" s="10"/>
    </row>
    <row r="744656" spans="14:14">
      <c r="N744656" s="10"/>
    </row>
    <row r="744657" spans="14:14">
      <c r="N744657" s="10"/>
    </row>
    <row r="744658" spans="14:14">
      <c r="N744658" s="10"/>
    </row>
    <row r="744659" spans="14:14">
      <c r="N744659" s="10"/>
    </row>
    <row r="744660" spans="14:14">
      <c r="N744660" s="10"/>
    </row>
    <row r="744661" spans="14:14">
      <c r="N744661" s="10"/>
    </row>
    <row r="744662" spans="14:14">
      <c r="N744662" s="10"/>
    </row>
    <row r="744663" spans="14:14">
      <c r="N744663" s="10"/>
    </row>
    <row r="744664" spans="14:14">
      <c r="N744664" s="10"/>
    </row>
    <row r="744665" spans="14:14">
      <c r="N744665" s="10"/>
    </row>
    <row r="744666" spans="14:14">
      <c r="N744666" s="10"/>
    </row>
    <row r="744667" spans="14:14">
      <c r="N744667" s="10"/>
    </row>
    <row r="744668" spans="14:14">
      <c r="N744668" s="10"/>
    </row>
    <row r="744669" spans="14:14">
      <c r="N744669" s="10"/>
    </row>
    <row r="744670" spans="14:14">
      <c r="N744670" s="10"/>
    </row>
    <row r="744671" spans="14:14">
      <c r="N744671" s="10"/>
    </row>
    <row r="744672" spans="14:14">
      <c r="N744672" s="10"/>
    </row>
    <row r="744673" spans="14:14">
      <c r="N744673" s="10"/>
    </row>
    <row r="744674" spans="14:14">
      <c r="N744674" s="10"/>
    </row>
    <row r="744675" spans="14:14">
      <c r="N744675" s="10"/>
    </row>
    <row r="744676" spans="14:14">
      <c r="N744676" s="10"/>
    </row>
    <row r="744677" spans="14:14">
      <c r="N744677" s="10"/>
    </row>
    <row r="744678" spans="14:14">
      <c r="N744678" s="10"/>
    </row>
    <row r="744679" spans="14:14">
      <c r="N744679" s="10"/>
    </row>
    <row r="744680" spans="14:14">
      <c r="N744680" s="10"/>
    </row>
    <row r="744681" spans="14:14">
      <c r="N744681" s="10"/>
    </row>
    <row r="744682" spans="14:14">
      <c r="N744682" s="10"/>
    </row>
    <row r="744683" spans="14:14">
      <c r="N744683" s="10"/>
    </row>
    <row r="744684" spans="14:14">
      <c r="N744684" s="10"/>
    </row>
    <row r="744685" spans="14:14">
      <c r="N744685" s="10"/>
    </row>
    <row r="744686" spans="14:14">
      <c r="N744686" s="10"/>
    </row>
    <row r="744687" spans="14:14">
      <c r="N744687" s="10"/>
    </row>
    <row r="744688" spans="14:14">
      <c r="N744688" s="10"/>
    </row>
    <row r="744689" spans="14:14">
      <c r="N744689" s="10"/>
    </row>
    <row r="744690" spans="14:14">
      <c r="N744690" s="10"/>
    </row>
    <row r="744691" spans="14:14">
      <c r="N744691" s="10"/>
    </row>
    <row r="744692" spans="14:14">
      <c r="N744692" s="10"/>
    </row>
    <row r="744693" spans="14:14">
      <c r="N744693" s="10"/>
    </row>
    <row r="744694" spans="14:14">
      <c r="N744694" s="10"/>
    </row>
    <row r="744695" spans="14:14">
      <c r="N744695" s="10"/>
    </row>
    <row r="744696" spans="14:14">
      <c r="N744696" s="10"/>
    </row>
    <row r="744697" spans="14:14">
      <c r="N744697" s="10"/>
    </row>
    <row r="744698" spans="14:14">
      <c r="N744698" s="10"/>
    </row>
    <row r="744699" spans="14:14">
      <c r="N744699" s="10"/>
    </row>
    <row r="744700" spans="14:14">
      <c r="N744700" s="10"/>
    </row>
    <row r="744701" spans="14:14">
      <c r="N744701" s="10"/>
    </row>
    <row r="744702" spans="14:14">
      <c r="N744702" s="10"/>
    </row>
    <row r="744703" spans="14:14">
      <c r="N744703" s="10"/>
    </row>
    <row r="744704" spans="14:14">
      <c r="N744704" s="10"/>
    </row>
    <row r="744705" spans="14:14">
      <c r="N744705" s="10"/>
    </row>
    <row r="744706" spans="14:14">
      <c r="N744706" s="10"/>
    </row>
    <row r="744707" spans="14:14">
      <c r="N744707" s="10"/>
    </row>
    <row r="744708" spans="14:14">
      <c r="N744708" s="10"/>
    </row>
    <row r="744709" spans="14:14">
      <c r="N744709" s="10"/>
    </row>
    <row r="744710" spans="14:14">
      <c r="N744710" s="10"/>
    </row>
    <row r="744711" spans="14:14">
      <c r="N744711" s="10"/>
    </row>
    <row r="744712" spans="14:14">
      <c r="N744712" s="10"/>
    </row>
    <row r="744713" spans="14:14">
      <c r="N744713" s="10"/>
    </row>
    <row r="744714" spans="14:14">
      <c r="N744714" s="10"/>
    </row>
    <row r="744715" spans="14:14">
      <c r="N744715" s="10"/>
    </row>
    <row r="744716" spans="14:14">
      <c r="N744716" s="10"/>
    </row>
    <row r="744717" spans="14:14">
      <c r="N744717" s="10"/>
    </row>
    <row r="744718" spans="14:14">
      <c r="N744718" s="10"/>
    </row>
    <row r="744719" spans="14:14">
      <c r="N744719" s="10"/>
    </row>
    <row r="744720" spans="14:14">
      <c r="N744720" s="10"/>
    </row>
    <row r="744721" spans="14:14">
      <c r="N744721" s="10"/>
    </row>
    <row r="744722" spans="14:14">
      <c r="N744722" s="10"/>
    </row>
    <row r="744723" spans="14:14">
      <c r="N744723" s="10"/>
    </row>
    <row r="744724" spans="14:14">
      <c r="N744724" s="10"/>
    </row>
    <row r="744725" spans="14:14">
      <c r="N744725" s="10"/>
    </row>
    <row r="744726" spans="14:14">
      <c r="N744726" s="10"/>
    </row>
    <row r="744727" spans="14:14">
      <c r="N744727" s="10"/>
    </row>
    <row r="744728" spans="14:14">
      <c r="N744728" s="10"/>
    </row>
    <row r="744729" spans="14:14">
      <c r="N744729" s="10"/>
    </row>
    <row r="744730" spans="14:14">
      <c r="N744730" s="10"/>
    </row>
    <row r="744731" spans="14:14">
      <c r="N744731" s="10"/>
    </row>
    <row r="744732" spans="14:14">
      <c r="N744732" s="10"/>
    </row>
    <row r="744733" spans="14:14">
      <c r="N744733" s="10"/>
    </row>
    <row r="744734" spans="14:14">
      <c r="N744734" s="10"/>
    </row>
    <row r="744735" spans="14:14">
      <c r="N744735" s="10"/>
    </row>
    <row r="744736" spans="14:14">
      <c r="N744736" s="10"/>
    </row>
    <row r="744737" spans="14:14">
      <c r="N744737" s="10"/>
    </row>
    <row r="744738" spans="14:14">
      <c r="N744738" s="10"/>
    </row>
    <row r="744739" spans="14:14">
      <c r="N744739" s="10"/>
    </row>
    <row r="744740" spans="14:14">
      <c r="N744740" s="10"/>
    </row>
    <row r="744741" spans="14:14">
      <c r="N744741" s="10"/>
    </row>
    <row r="744742" spans="14:14">
      <c r="N744742" s="10"/>
    </row>
    <row r="744743" spans="14:14">
      <c r="N744743" s="10"/>
    </row>
    <row r="744744" spans="14:14">
      <c r="N744744" s="10"/>
    </row>
    <row r="744745" spans="14:14">
      <c r="N744745" s="10"/>
    </row>
    <row r="744746" spans="14:14">
      <c r="N744746" s="10"/>
    </row>
    <row r="744747" spans="14:14">
      <c r="N744747" s="10"/>
    </row>
    <row r="744748" spans="14:14">
      <c r="N744748" s="10"/>
    </row>
    <row r="744749" spans="14:14">
      <c r="N744749" s="10"/>
    </row>
    <row r="744750" spans="14:14">
      <c r="N744750" s="10"/>
    </row>
    <row r="744751" spans="14:14">
      <c r="N744751" s="10"/>
    </row>
    <row r="744752" spans="14:14">
      <c r="N744752" s="10"/>
    </row>
    <row r="744753" spans="14:14">
      <c r="N744753" s="10"/>
    </row>
    <row r="744754" spans="14:14">
      <c r="N744754" s="10"/>
    </row>
    <row r="744755" spans="14:14">
      <c r="N744755" s="10"/>
    </row>
    <row r="744756" spans="14:14">
      <c r="N744756" s="10"/>
    </row>
    <row r="744757" spans="14:14">
      <c r="N744757" s="10"/>
    </row>
    <row r="744758" spans="14:14">
      <c r="N744758" s="10"/>
    </row>
    <row r="744759" spans="14:14">
      <c r="N744759" s="10"/>
    </row>
    <row r="744760" spans="14:14">
      <c r="N744760" s="10"/>
    </row>
    <row r="744761" spans="14:14">
      <c r="N744761" s="10"/>
    </row>
    <row r="744762" spans="14:14">
      <c r="N744762" s="10"/>
    </row>
    <row r="744763" spans="14:14">
      <c r="N744763" s="10"/>
    </row>
    <row r="744764" spans="14:14">
      <c r="N744764" s="10"/>
    </row>
    <row r="744765" spans="14:14">
      <c r="N744765" s="10"/>
    </row>
    <row r="744766" spans="14:14">
      <c r="N744766" s="10"/>
    </row>
    <row r="744767" spans="14:14">
      <c r="N744767" s="10"/>
    </row>
    <row r="744768" spans="14:14">
      <c r="N744768" s="10"/>
    </row>
    <row r="744769" spans="14:14">
      <c r="N744769" s="10"/>
    </row>
    <row r="744770" spans="14:14">
      <c r="N744770" s="10"/>
    </row>
    <row r="744771" spans="14:14">
      <c r="N744771" s="10"/>
    </row>
    <row r="744772" spans="14:14">
      <c r="N744772" s="10"/>
    </row>
    <row r="744773" spans="14:14">
      <c r="N744773" s="10"/>
    </row>
    <row r="744774" spans="14:14">
      <c r="N744774" s="10"/>
    </row>
    <row r="744775" spans="14:14">
      <c r="N744775" s="10"/>
    </row>
    <row r="744776" spans="14:14">
      <c r="N744776" s="10"/>
    </row>
    <row r="744777" spans="14:14">
      <c r="N744777" s="10"/>
    </row>
    <row r="744778" spans="14:14">
      <c r="N744778" s="10"/>
    </row>
    <row r="744779" spans="14:14">
      <c r="N744779" s="10"/>
    </row>
    <row r="744780" spans="14:14">
      <c r="N744780" s="10"/>
    </row>
    <row r="744781" spans="14:14">
      <c r="N744781" s="10"/>
    </row>
    <row r="744782" spans="14:14">
      <c r="N744782" s="10"/>
    </row>
    <row r="744783" spans="14:14">
      <c r="N744783" s="10"/>
    </row>
    <row r="744784" spans="14:14">
      <c r="N744784" s="10"/>
    </row>
    <row r="744785" spans="14:14">
      <c r="N744785" s="10"/>
    </row>
    <row r="744786" spans="14:14">
      <c r="N744786" s="10"/>
    </row>
    <row r="744787" spans="14:14">
      <c r="N744787" s="10"/>
    </row>
    <row r="744788" spans="14:14">
      <c r="N744788" s="10"/>
    </row>
    <row r="744789" spans="14:14">
      <c r="N744789" s="10"/>
    </row>
    <row r="744790" spans="14:14">
      <c r="N744790" s="10"/>
    </row>
    <row r="744791" spans="14:14">
      <c r="N744791" s="10"/>
    </row>
    <row r="744792" spans="14:14">
      <c r="N744792" s="10"/>
    </row>
    <row r="744793" spans="14:14">
      <c r="N744793" s="10"/>
    </row>
    <row r="744794" spans="14:14">
      <c r="N744794" s="10"/>
    </row>
    <row r="744795" spans="14:14">
      <c r="N744795" s="10"/>
    </row>
    <row r="744796" spans="14:14">
      <c r="N744796" s="10"/>
    </row>
    <row r="744797" spans="14:14">
      <c r="N744797" s="10"/>
    </row>
    <row r="744798" spans="14:14">
      <c r="N744798" s="10"/>
    </row>
    <row r="744799" spans="14:14">
      <c r="N744799" s="10"/>
    </row>
    <row r="744800" spans="14:14">
      <c r="N744800" s="10"/>
    </row>
    <row r="744801" spans="14:14">
      <c r="N744801" s="10"/>
    </row>
    <row r="744802" spans="14:14">
      <c r="N744802" s="10"/>
    </row>
    <row r="744803" spans="14:14">
      <c r="N744803" s="10"/>
    </row>
    <row r="744804" spans="14:14">
      <c r="N744804" s="10"/>
    </row>
    <row r="744805" spans="14:14">
      <c r="N744805" s="10"/>
    </row>
    <row r="744806" spans="14:14">
      <c r="N744806" s="10"/>
    </row>
    <row r="744807" spans="14:14">
      <c r="N744807" s="10"/>
    </row>
    <row r="744808" spans="14:14">
      <c r="N744808" s="10"/>
    </row>
    <row r="744809" spans="14:14">
      <c r="N744809" s="10"/>
    </row>
    <row r="744810" spans="14:14">
      <c r="N744810" s="10"/>
    </row>
    <row r="744811" spans="14:14">
      <c r="N744811" s="10"/>
    </row>
    <row r="744812" spans="14:14">
      <c r="N744812" s="10"/>
    </row>
    <row r="744813" spans="14:14">
      <c r="N744813" s="10"/>
    </row>
    <row r="744814" spans="14:14">
      <c r="N744814" s="10"/>
    </row>
    <row r="744815" spans="14:14">
      <c r="N744815" s="10"/>
    </row>
    <row r="744816" spans="14:14">
      <c r="N744816" s="10"/>
    </row>
    <row r="744817" spans="14:14">
      <c r="N744817" s="10"/>
    </row>
    <row r="744818" spans="14:14">
      <c r="N744818" s="10"/>
    </row>
    <row r="744819" spans="14:14">
      <c r="N744819" s="10"/>
    </row>
    <row r="744820" spans="14:14">
      <c r="N744820" s="10"/>
    </row>
    <row r="744821" spans="14:14">
      <c r="N744821" s="10"/>
    </row>
    <row r="744822" spans="14:14">
      <c r="N744822" s="10"/>
    </row>
    <row r="744823" spans="14:14">
      <c r="N744823" s="10"/>
    </row>
    <row r="744824" spans="14:14">
      <c r="N744824" s="10"/>
    </row>
    <row r="744825" spans="14:14">
      <c r="N744825" s="10"/>
    </row>
    <row r="744826" spans="14:14">
      <c r="N744826" s="10"/>
    </row>
    <row r="744827" spans="14:14">
      <c r="N744827" s="10"/>
    </row>
    <row r="744828" spans="14:14">
      <c r="N744828" s="10"/>
    </row>
    <row r="744829" spans="14:14">
      <c r="N744829" s="10"/>
    </row>
    <row r="744830" spans="14:14">
      <c r="N744830" s="10"/>
    </row>
    <row r="744831" spans="14:14">
      <c r="N744831" s="10"/>
    </row>
    <row r="744832" spans="14:14">
      <c r="N744832" s="10"/>
    </row>
    <row r="744833" spans="14:14">
      <c r="N744833" s="10"/>
    </row>
    <row r="744834" spans="14:14">
      <c r="N744834" s="10"/>
    </row>
    <row r="744835" spans="14:14">
      <c r="N744835" s="10"/>
    </row>
    <row r="744836" spans="14:14">
      <c r="N744836" s="10"/>
    </row>
    <row r="744837" spans="14:14">
      <c r="N744837" s="10"/>
    </row>
    <row r="744838" spans="14:14">
      <c r="N744838" s="10"/>
    </row>
    <row r="744839" spans="14:14">
      <c r="N744839" s="10"/>
    </row>
    <row r="744840" spans="14:14">
      <c r="N744840" s="10"/>
    </row>
    <row r="744841" spans="14:14">
      <c r="N744841" s="10"/>
    </row>
    <row r="744842" spans="14:14">
      <c r="N744842" s="10"/>
    </row>
    <row r="744843" spans="14:14">
      <c r="N744843" s="10"/>
    </row>
    <row r="744844" spans="14:14">
      <c r="N744844" s="10"/>
    </row>
    <row r="744845" spans="14:14">
      <c r="N744845" s="10"/>
    </row>
    <row r="744846" spans="14:14">
      <c r="N744846" s="10"/>
    </row>
    <row r="744847" spans="14:14">
      <c r="N744847" s="10"/>
    </row>
    <row r="744848" spans="14:14">
      <c r="N744848" s="10"/>
    </row>
    <row r="744849" spans="14:14">
      <c r="N744849" s="10"/>
    </row>
    <row r="744850" spans="14:14">
      <c r="N744850" s="10"/>
    </row>
    <row r="744851" spans="14:14">
      <c r="N744851" s="10"/>
    </row>
    <row r="744852" spans="14:14">
      <c r="N744852" s="10"/>
    </row>
    <row r="744853" spans="14:14">
      <c r="N744853" s="10"/>
    </row>
    <row r="744854" spans="14:14">
      <c r="N744854" s="10"/>
    </row>
    <row r="744855" spans="14:14">
      <c r="N744855" s="10"/>
    </row>
    <row r="744856" spans="14:14">
      <c r="N744856" s="10"/>
    </row>
    <row r="744857" spans="14:14">
      <c r="N744857" s="10"/>
    </row>
    <row r="744858" spans="14:14">
      <c r="N744858" s="10"/>
    </row>
    <row r="744859" spans="14:14">
      <c r="N744859" s="10"/>
    </row>
    <row r="744860" spans="14:14">
      <c r="N744860" s="10"/>
    </row>
    <row r="744861" spans="14:14">
      <c r="N744861" s="10"/>
    </row>
    <row r="744862" spans="14:14">
      <c r="N744862" s="10"/>
    </row>
    <row r="744863" spans="14:14">
      <c r="N744863" s="10"/>
    </row>
    <row r="744864" spans="14:14">
      <c r="N744864" s="10"/>
    </row>
    <row r="744865" spans="14:14">
      <c r="N744865" s="10"/>
    </row>
    <row r="744866" spans="14:14">
      <c r="N744866" s="10"/>
    </row>
    <row r="744867" spans="14:14">
      <c r="N744867" s="10"/>
    </row>
    <row r="744868" spans="14:14">
      <c r="N744868" s="10"/>
    </row>
    <row r="744869" spans="14:14">
      <c r="N744869" s="10"/>
    </row>
    <row r="744870" spans="14:14">
      <c r="N744870" s="10"/>
    </row>
    <row r="744871" spans="14:14">
      <c r="N744871" s="10"/>
    </row>
    <row r="744872" spans="14:14">
      <c r="N744872" s="10"/>
    </row>
    <row r="744873" spans="14:14">
      <c r="N744873" s="10"/>
    </row>
    <row r="744874" spans="14:14">
      <c r="N744874" s="10"/>
    </row>
    <row r="744875" spans="14:14">
      <c r="N744875" s="10"/>
    </row>
    <row r="744876" spans="14:14">
      <c r="N744876" s="10"/>
    </row>
    <row r="744877" spans="14:14">
      <c r="N744877" s="10"/>
    </row>
    <row r="744878" spans="14:14">
      <c r="N744878" s="10"/>
    </row>
    <row r="744879" spans="14:14">
      <c r="N744879" s="10"/>
    </row>
    <row r="744880" spans="14:14">
      <c r="N744880" s="10"/>
    </row>
    <row r="744881" spans="14:14">
      <c r="N744881" s="10"/>
    </row>
    <row r="744882" spans="14:14">
      <c r="N744882" s="10"/>
    </row>
    <row r="744883" spans="14:14">
      <c r="N744883" s="10"/>
    </row>
    <row r="744884" spans="14:14">
      <c r="N744884" s="10"/>
    </row>
    <row r="744885" spans="14:14">
      <c r="N744885" s="10"/>
    </row>
    <row r="744886" spans="14:14">
      <c r="N744886" s="10"/>
    </row>
    <row r="744887" spans="14:14">
      <c r="N744887" s="10"/>
    </row>
    <row r="744888" spans="14:14">
      <c r="N744888" s="10"/>
    </row>
    <row r="744889" spans="14:14">
      <c r="N744889" s="10"/>
    </row>
    <row r="744890" spans="14:14">
      <c r="N744890" s="10"/>
    </row>
    <row r="744891" spans="14:14">
      <c r="N744891" s="10"/>
    </row>
    <row r="744892" spans="14:14">
      <c r="N744892" s="10"/>
    </row>
    <row r="744893" spans="14:14">
      <c r="N744893" s="10"/>
    </row>
    <row r="744894" spans="14:14">
      <c r="N744894" s="10"/>
    </row>
    <row r="744895" spans="14:14">
      <c r="N744895" s="10"/>
    </row>
    <row r="744896" spans="14:14">
      <c r="N744896" s="10"/>
    </row>
    <row r="744897" spans="14:14">
      <c r="N744897" s="10"/>
    </row>
    <row r="744898" spans="14:14">
      <c r="N744898" s="10"/>
    </row>
    <row r="744899" spans="14:14">
      <c r="N744899" s="10"/>
    </row>
    <row r="744900" spans="14:14">
      <c r="N744900" s="10"/>
    </row>
    <row r="744901" spans="14:14">
      <c r="N744901" s="10"/>
    </row>
    <row r="744902" spans="14:14">
      <c r="N744902" s="10"/>
    </row>
    <row r="744903" spans="14:14">
      <c r="N744903" s="10"/>
    </row>
    <row r="744904" spans="14:14">
      <c r="N744904" s="10"/>
    </row>
    <row r="744905" spans="14:14">
      <c r="N744905" s="10"/>
    </row>
    <row r="744906" spans="14:14">
      <c r="N744906" s="10"/>
    </row>
    <row r="744907" spans="14:14">
      <c r="N744907" s="10"/>
    </row>
    <row r="744908" spans="14:14">
      <c r="N744908" s="10"/>
    </row>
    <row r="744909" spans="14:14">
      <c r="N744909" s="10"/>
    </row>
    <row r="744910" spans="14:14">
      <c r="N744910" s="10"/>
    </row>
    <row r="744911" spans="14:14">
      <c r="N744911" s="10"/>
    </row>
    <row r="744912" spans="14:14">
      <c r="N744912" s="10"/>
    </row>
    <row r="744913" spans="14:14">
      <c r="N744913" s="10"/>
    </row>
    <row r="744914" spans="14:14">
      <c r="N744914" s="10"/>
    </row>
    <row r="744915" spans="14:14">
      <c r="N744915" s="10"/>
    </row>
    <row r="744916" spans="14:14">
      <c r="N744916" s="10"/>
    </row>
    <row r="744917" spans="14:14">
      <c r="N744917" s="10"/>
    </row>
    <row r="744918" spans="14:14">
      <c r="N744918" s="10"/>
    </row>
    <row r="744919" spans="14:14">
      <c r="N744919" s="10"/>
    </row>
    <row r="744920" spans="14:14">
      <c r="N744920" s="10"/>
    </row>
    <row r="744921" spans="14:14">
      <c r="N744921" s="10"/>
    </row>
    <row r="744922" spans="14:14">
      <c r="N744922" s="10"/>
    </row>
    <row r="744923" spans="14:14">
      <c r="N744923" s="10"/>
    </row>
    <row r="744924" spans="14:14">
      <c r="N744924" s="10"/>
    </row>
    <row r="744925" spans="14:14">
      <c r="N744925" s="10"/>
    </row>
    <row r="744926" spans="14:14">
      <c r="N744926" s="10"/>
    </row>
    <row r="744927" spans="14:14">
      <c r="N744927" s="10"/>
    </row>
    <row r="744928" spans="14:14">
      <c r="N744928" s="10"/>
    </row>
    <row r="744929" spans="14:14">
      <c r="N744929" s="10"/>
    </row>
    <row r="744930" spans="14:14">
      <c r="N744930" s="10"/>
    </row>
    <row r="744931" spans="14:14">
      <c r="N744931" s="10"/>
    </row>
    <row r="744932" spans="14:14">
      <c r="N744932" s="10"/>
    </row>
    <row r="744933" spans="14:14">
      <c r="N744933" s="10"/>
    </row>
    <row r="744934" spans="14:14">
      <c r="N744934" s="10"/>
    </row>
    <row r="744935" spans="14:14">
      <c r="N744935" s="10"/>
    </row>
    <row r="744936" spans="14:14">
      <c r="N744936" s="10"/>
    </row>
    <row r="744937" spans="14:14">
      <c r="N744937" s="10"/>
    </row>
    <row r="744938" spans="14:14">
      <c r="N744938" s="10"/>
    </row>
    <row r="744939" spans="14:14">
      <c r="N744939" s="10"/>
    </row>
    <row r="744940" spans="14:14">
      <c r="N744940" s="10"/>
    </row>
    <row r="744941" spans="14:14">
      <c r="N744941" s="10"/>
    </row>
    <row r="744942" spans="14:14">
      <c r="N744942" s="10"/>
    </row>
    <row r="744943" spans="14:14">
      <c r="N744943" s="10"/>
    </row>
    <row r="744944" spans="14:14">
      <c r="N744944" s="10"/>
    </row>
    <row r="744945" spans="14:14">
      <c r="N744945" s="10"/>
    </row>
    <row r="744946" spans="14:14">
      <c r="N744946" s="10"/>
    </row>
    <row r="744947" spans="14:14">
      <c r="N744947" s="10"/>
    </row>
    <row r="744948" spans="14:14">
      <c r="N744948" s="10"/>
    </row>
    <row r="744949" spans="14:14">
      <c r="N744949" s="10"/>
    </row>
    <row r="744950" spans="14:14">
      <c r="N744950" s="10"/>
    </row>
    <row r="744951" spans="14:14">
      <c r="N744951" s="10"/>
    </row>
    <row r="744952" spans="14:14">
      <c r="N744952" s="10"/>
    </row>
    <row r="744953" spans="14:14">
      <c r="N744953" s="10"/>
    </row>
    <row r="744954" spans="14:14">
      <c r="N744954" s="10"/>
    </row>
    <row r="744955" spans="14:14">
      <c r="N744955" s="10"/>
    </row>
    <row r="744956" spans="14:14">
      <c r="N744956" s="10"/>
    </row>
    <row r="744957" spans="14:14">
      <c r="N744957" s="10"/>
    </row>
    <row r="744958" spans="14:14">
      <c r="N744958" s="10"/>
    </row>
    <row r="744959" spans="14:14">
      <c r="N744959" s="10"/>
    </row>
    <row r="744960" spans="14:14">
      <c r="N744960" s="10"/>
    </row>
    <row r="744961" spans="14:14">
      <c r="N744961" s="10"/>
    </row>
    <row r="744962" spans="14:14">
      <c r="N744962" s="10"/>
    </row>
    <row r="744963" spans="14:14">
      <c r="N744963" s="10"/>
    </row>
    <row r="744964" spans="14:14">
      <c r="N744964" s="10"/>
    </row>
    <row r="744965" spans="14:14">
      <c r="N744965" s="10"/>
    </row>
    <row r="744966" spans="14:14">
      <c r="N744966" s="10"/>
    </row>
    <row r="744967" spans="14:14">
      <c r="N744967" s="10"/>
    </row>
    <row r="744968" spans="14:14">
      <c r="N744968" s="10"/>
    </row>
    <row r="744969" spans="14:14">
      <c r="N744969" s="10"/>
    </row>
    <row r="744970" spans="14:14">
      <c r="N744970" s="10"/>
    </row>
    <row r="744971" spans="14:14">
      <c r="N744971" s="10"/>
    </row>
    <row r="744972" spans="14:14">
      <c r="N744972" s="10"/>
    </row>
    <row r="744973" spans="14:14">
      <c r="N744973" s="10"/>
    </row>
    <row r="744974" spans="14:14">
      <c r="N744974" s="10"/>
    </row>
    <row r="744975" spans="14:14">
      <c r="N744975" s="10"/>
    </row>
    <row r="744976" spans="14:14">
      <c r="N744976" s="10"/>
    </row>
    <row r="744977" spans="14:14">
      <c r="N744977" s="10"/>
    </row>
    <row r="744978" spans="14:14">
      <c r="N744978" s="10"/>
    </row>
    <row r="744979" spans="14:14">
      <c r="N744979" s="10"/>
    </row>
    <row r="744980" spans="14:14">
      <c r="N744980" s="10"/>
    </row>
    <row r="744981" spans="14:14">
      <c r="N744981" s="10"/>
    </row>
    <row r="744982" spans="14:14">
      <c r="N744982" s="10"/>
    </row>
    <row r="744983" spans="14:14">
      <c r="N744983" s="10"/>
    </row>
    <row r="744984" spans="14:14">
      <c r="N744984" s="10"/>
    </row>
    <row r="744985" spans="14:14">
      <c r="N744985" s="10"/>
    </row>
    <row r="744986" spans="14:14">
      <c r="N744986" s="10"/>
    </row>
    <row r="744987" spans="14:14">
      <c r="N744987" s="10"/>
    </row>
    <row r="744988" spans="14:14">
      <c r="N744988" s="10"/>
    </row>
    <row r="744989" spans="14:14">
      <c r="N744989" s="10"/>
    </row>
    <row r="744990" spans="14:14">
      <c r="N744990" s="10"/>
    </row>
    <row r="744991" spans="14:14">
      <c r="N744991" s="10"/>
    </row>
    <row r="744992" spans="14:14">
      <c r="N744992" s="10"/>
    </row>
    <row r="744993" spans="14:14">
      <c r="N744993" s="10"/>
    </row>
    <row r="744994" spans="14:14">
      <c r="N744994" s="10"/>
    </row>
    <row r="744995" spans="14:14">
      <c r="N744995" s="10"/>
    </row>
    <row r="744996" spans="14:14">
      <c r="N744996" s="10"/>
    </row>
    <row r="744997" spans="14:14">
      <c r="N744997" s="10"/>
    </row>
    <row r="744998" spans="14:14">
      <c r="N744998" s="10"/>
    </row>
    <row r="744999" spans="14:14">
      <c r="N744999" s="10"/>
    </row>
    <row r="745000" spans="14:14">
      <c r="N745000" s="10"/>
    </row>
    <row r="745001" spans="14:14">
      <c r="N745001" s="10"/>
    </row>
    <row r="745002" spans="14:14">
      <c r="N745002" s="10"/>
    </row>
    <row r="745003" spans="14:14">
      <c r="N745003" s="10"/>
    </row>
    <row r="745004" spans="14:14">
      <c r="N745004" s="10"/>
    </row>
    <row r="745005" spans="14:14">
      <c r="N745005" s="10"/>
    </row>
    <row r="745006" spans="14:14">
      <c r="N745006" s="10"/>
    </row>
    <row r="745007" spans="14:14">
      <c r="N745007" s="10"/>
    </row>
    <row r="745008" spans="14:14">
      <c r="N745008" s="10"/>
    </row>
    <row r="745009" spans="14:14">
      <c r="N745009" s="10"/>
    </row>
    <row r="745010" spans="14:14">
      <c r="N745010" s="10"/>
    </row>
    <row r="745011" spans="14:14">
      <c r="N745011" s="10"/>
    </row>
    <row r="745012" spans="14:14">
      <c r="N745012" s="10"/>
    </row>
    <row r="745013" spans="14:14">
      <c r="N745013" s="10"/>
    </row>
    <row r="745014" spans="14:14">
      <c r="N745014" s="10"/>
    </row>
    <row r="745015" spans="14:14">
      <c r="N745015" s="10"/>
    </row>
    <row r="745016" spans="14:14">
      <c r="N745016" s="10"/>
    </row>
    <row r="745017" spans="14:14">
      <c r="N745017" s="10"/>
    </row>
    <row r="745018" spans="14:14">
      <c r="N745018" s="10"/>
    </row>
    <row r="745019" spans="14:14">
      <c r="N745019" s="10"/>
    </row>
    <row r="745020" spans="14:14">
      <c r="N745020" s="10"/>
    </row>
    <row r="745021" spans="14:14">
      <c r="N745021" s="10"/>
    </row>
    <row r="745022" spans="14:14">
      <c r="N745022" s="10"/>
    </row>
    <row r="745023" spans="14:14">
      <c r="N745023" s="10"/>
    </row>
    <row r="745024" spans="14:14">
      <c r="N745024" s="10"/>
    </row>
    <row r="745025" spans="14:14">
      <c r="N745025" s="10"/>
    </row>
    <row r="745026" spans="14:14">
      <c r="N745026" s="10"/>
    </row>
    <row r="745027" spans="14:14">
      <c r="N745027" s="10"/>
    </row>
    <row r="745028" spans="14:14">
      <c r="N745028" s="10"/>
    </row>
    <row r="745029" spans="14:14">
      <c r="N745029" s="10"/>
    </row>
    <row r="745030" spans="14:14">
      <c r="N745030" s="10"/>
    </row>
    <row r="745031" spans="14:14">
      <c r="N745031" s="10"/>
    </row>
    <row r="745032" spans="14:14">
      <c r="N745032" s="10"/>
    </row>
    <row r="745033" spans="14:14">
      <c r="N745033" s="10"/>
    </row>
    <row r="745034" spans="14:14">
      <c r="N745034" s="10"/>
    </row>
    <row r="745035" spans="14:14">
      <c r="N745035" s="10"/>
    </row>
    <row r="745036" spans="14:14">
      <c r="N745036" s="10"/>
    </row>
    <row r="745037" spans="14:14">
      <c r="N745037" s="10"/>
    </row>
    <row r="745038" spans="14:14">
      <c r="N745038" s="10"/>
    </row>
    <row r="745039" spans="14:14">
      <c r="N745039" s="10"/>
    </row>
    <row r="745040" spans="14:14">
      <c r="N745040" s="10"/>
    </row>
    <row r="745041" spans="14:14">
      <c r="N745041" s="10"/>
    </row>
    <row r="745042" spans="14:14">
      <c r="N745042" s="10"/>
    </row>
    <row r="745043" spans="14:14">
      <c r="N745043" s="10"/>
    </row>
    <row r="745044" spans="14:14">
      <c r="N745044" s="10"/>
    </row>
    <row r="745045" spans="14:14">
      <c r="N745045" s="10"/>
    </row>
    <row r="745046" spans="14:14">
      <c r="N745046" s="10"/>
    </row>
    <row r="745047" spans="14:14">
      <c r="N745047" s="10"/>
    </row>
    <row r="745048" spans="14:14">
      <c r="N745048" s="10"/>
    </row>
    <row r="745049" spans="14:14">
      <c r="N745049" s="10"/>
    </row>
    <row r="745050" spans="14:14">
      <c r="N745050" s="10"/>
    </row>
    <row r="745051" spans="14:14">
      <c r="N745051" s="10"/>
    </row>
    <row r="745052" spans="14:14">
      <c r="N745052" s="10"/>
    </row>
    <row r="745053" spans="14:14">
      <c r="N745053" s="10"/>
    </row>
    <row r="745054" spans="14:14">
      <c r="N745054" s="10"/>
    </row>
    <row r="745055" spans="14:14">
      <c r="N745055" s="10"/>
    </row>
    <row r="745056" spans="14:14">
      <c r="N745056" s="10"/>
    </row>
    <row r="745057" spans="14:14">
      <c r="N745057" s="10"/>
    </row>
    <row r="745058" spans="14:14">
      <c r="N745058" s="10"/>
    </row>
    <row r="745059" spans="14:14">
      <c r="N745059" s="10"/>
    </row>
    <row r="745060" spans="14:14">
      <c r="N745060" s="10"/>
    </row>
    <row r="745061" spans="14:14">
      <c r="N745061" s="10"/>
    </row>
    <row r="745062" spans="14:14">
      <c r="N745062" s="10"/>
    </row>
    <row r="745063" spans="14:14">
      <c r="N745063" s="10"/>
    </row>
    <row r="745064" spans="14:14">
      <c r="N745064" s="10"/>
    </row>
    <row r="745065" spans="14:14">
      <c r="N745065" s="10"/>
    </row>
    <row r="745066" spans="14:14">
      <c r="N745066" s="10"/>
    </row>
    <row r="745067" spans="14:14">
      <c r="N745067" s="10"/>
    </row>
    <row r="745068" spans="14:14">
      <c r="N745068" s="10"/>
    </row>
    <row r="745069" spans="14:14">
      <c r="N745069" s="10"/>
    </row>
    <row r="745070" spans="14:14">
      <c r="N745070" s="10"/>
    </row>
    <row r="745071" spans="14:14">
      <c r="N745071" s="10"/>
    </row>
    <row r="745072" spans="14:14">
      <c r="N745072" s="10"/>
    </row>
    <row r="745073" spans="14:14">
      <c r="N745073" s="10"/>
    </row>
    <row r="745074" spans="14:14">
      <c r="N745074" s="10"/>
    </row>
    <row r="745075" spans="14:14">
      <c r="N745075" s="10"/>
    </row>
    <row r="745076" spans="14:14">
      <c r="N745076" s="10"/>
    </row>
    <row r="745077" spans="14:14">
      <c r="N745077" s="10"/>
    </row>
    <row r="745078" spans="14:14">
      <c r="N745078" s="10"/>
    </row>
    <row r="745079" spans="14:14">
      <c r="N745079" s="10"/>
    </row>
    <row r="745080" spans="14:14">
      <c r="N745080" s="10"/>
    </row>
    <row r="745081" spans="14:14">
      <c r="N745081" s="10"/>
    </row>
    <row r="745082" spans="14:14">
      <c r="N745082" s="10"/>
    </row>
    <row r="745083" spans="14:14">
      <c r="N745083" s="10"/>
    </row>
    <row r="745084" spans="14:14">
      <c r="N745084" s="10"/>
    </row>
    <row r="745085" spans="14:14">
      <c r="N745085" s="10"/>
    </row>
    <row r="745086" spans="14:14">
      <c r="N745086" s="10"/>
    </row>
    <row r="745087" spans="14:14">
      <c r="N745087" s="10"/>
    </row>
    <row r="745088" spans="14:14">
      <c r="N745088" s="10"/>
    </row>
    <row r="745089" spans="14:14">
      <c r="N745089" s="10"/>
    </row>
    <row r="745090" spans="14:14">
      <c r="N745090" s="10"/>
    </row>
    <row r="745091" spans="14:14">
      <c r="N745091" s="10"/>
    </row>
    <row r="745092" spans="14:14">
      <c r="N745092" s="10"/>
    </row>
    <row r="745093" spans="14:14">
      <c r="N745093" s="10"/>
    </row>
    <row r="745094" spans="14:14">
      <c r="N745094" s="10"/>
    </row>
    <row r="745095" spans="14:14">
      <c r="N745095" s="10"/>
    </row>
    <row r="745096" spans="14:14">
      <c r="N745096" s="10"/>
    </row>
    <row r="745097" spans="14:14">
      <c r="N745097" s="10"/>
    </row>
    <row r="745098" spans="14:14">
      <c r="N745098" s="10"/>
    </row>
    <row r="745099" spans="14:14">
      <c r="N745099" s="10"/>
    </row>
    <row r="745100" spans="14:14">
      <c r="N745100" s="10"/>
    </row>
    <row r="745101" spans="14:14">
      <c r="N745101" s="10"/>
    </row>
    <row r="745102" spans="14:14">
      <c r="N745102" s="10"/>
    </row>
    <row r="745103" spans="14:14">
      <c r="N745103" s="10"/>
    </row>
    <row r="745104" spans="14:14">
      <c r="N745104" s="10"/>
    </row>
    <row r="745105" spans="14:14">
      <c r="N745105" s="10"/>
    </row>
    <row r="745106" spans="14:14">
      <c r="N745106" s="10"/>
    </row>
    <row r="745107" spans="14:14">
      <c r="N745107" s="10"/>
    </row>
    <row r="745108" spans="14:14">
      <c r="N745108" s="10"/>
    </row>
    <row r="745109" spans="14:14">
      <c r="N745109" s="10"/>
    </row>
    <row r="745110" spans="14:14">
      <c r="N745110" s="10"/>
    </row>
    <row r="745111" spans="14:14">
      <c r="N745111" s="10"/>
    </row>
    <row r="745112" spans="14:14">
      <c r="N745112" s="10"/>
    </row>
    <row r="745113" spans="14:14">
      <c r="N745113" s="10"/>
    </row>
    <row r="745114" spans="14:14">
      <c r="N745114" s="10"/>
    </row>
    <row r="745115" spans="14:14">
      <c r="N745115" s="10"/>
    </row>
    <row r="745116" spans="14:14">
      <c r="N745116" s="10"/>
    </row>
    <row r="745117" spans="14:14">
      <c r="N745117" s="10"/>
    </row>
    <row r="745118" spans="14:14">
      <c r="N745118" s="10"/>
    </row>
    <row r="745119" spans="14:14">
      <c r="N745119" s="10"/>
    </row>
    <row r="745120" spans="14:14">
      <c r="N745120" s="10"/>
    </row>
    <row r="745121" spans="14:14">
      <c r="N745121" s="10"/>
    </row>
    <row r="745122" spans="14:14">
      <c r="N745122" s="10"/>
    </row>
    <row r="745123" spans="14:14">
      <c r="N745123" s="10"/>
    </row>
    <row r="745124" spans="14:14">
      <c r="N745124" s="10"/>
    </row>
    <row r="745125" spans="14:14">
      <c r="N745125" s="10"/>
    </row>
    <row r="745126" spans="14:14">
      <c r="N745126" s="10"/>
    </row>
    <row r="745127" spans="14:14">
      <c r="N745127" s="10"/>
    </row>
    <row r="745128" spans="14:14">
      <c r="N745128" s="10"/>
    </row>
    <row r="745129" spans="14:14">
      <c r="N745129" s="10"/>
    </row>
    <row r="745130" spans="14:14">
      <c r="N745130" s="10"/>
    </row>
    <row r="745131" spans="14:14">
      <c r="N745131" s="10"/>
    </row>
    <row r="745132" spans="14:14">
      <c r="N745132" s="10"/>
    </row>
    <row r="745133" spans="14:14">
      <c r="N745133" s="10"/>
    </row>
    <row r="745134" spans="14:14">
      <c r="N745134" s="10"/>
    </row>
    <row r="745135" spans="14:14">
      <c r="N745135" s="10"/>
    </row>
    <row r="745136" spans="14:14">
      <c r="N745136" s="10"/>
    </row>
    <row r="745137" spans="14:14">
      <c r="N745137" s="10"/>
    </row>
    <row r="745138" spans="14:14">
      <c r="N745138" s="10"/>
    </row>
    <row r="745139" spans="14:14">
      <c r="N745139" s="10"/>
    </row>
    <row r="745140" spans="14:14">
      <c r="N745140" s="10"/>
    </row>
    <row r="745141" spans="14:14">
      <c r="N745141" s="10"/>
    </row>
    <row r="745142" spans="14:14">
      <c r="N745142" s="10"/>
    </row>
    <row r="745143" spans="14:14">
      <c r="N745143" s="10"/>
    </row>
    <row r="745144" spans="14:14">
      <c r="N745144" s="10"/>
    </row>
    <row r="745145" spans="14:14">
      <c r="N745145" s="10"/>
    </row>
    <row r="745146" spans="14:14">
      <c r="N745146" s="10"/>
    </row>
    <row r="745147" spans="14:14">
      <c r="N745147" s="10"/>
    </row>
    <row r="745148" spans="14:14">
      <c r="N745148" s="10"/>
    </row>
    <row r="745149" spans="14:14">
      <c r="N745149" s="10"/>
    </row>
    <row r="745150" spans="14:14">
      <c r="N745150" s="10"/>
    </row>
    <row r="745151" spans="14:14">
      <c r="N745151" s="10"/>
    </row>
    <row r="745152" spans="14:14">
      <c r="N745152" s="10"/>
    </row>
    <row r="745153" spans="14:14">
      <c r="N745153" s="10"/>
    </row>
    <row r="745154" spans="14:14">
      <c r="N745154" s="10"/>
    </row>
    <row r="745155" spans="14:14">
      <c r="N745155" s="10"/>
    </row>
    <row r="745156" spans="14:14">
      <c r="N745156" s="10"/>
    </row>
    <row r="745157" spans="14:14">
      <c r="N745157" s="10"/>
    </row>
    <row r="745158" spans="14:14">
      <c r="N745158" s="10"/>
    </row>
    <row r="745159" spans="14:14">
      <c r="N745159" s="10"/>
    </row>
    <row r="745160" spans="14:14">
      <c r="N745160" s="10"/>
    </row>
    <row r="745161" spans="14:14">
      <c r="N745161" s="10"/>
    </row>
    <row r="745162" spans="14:14">
      <c r="N745162" s="10"/>
    </row>
    <row r="745163" spans="14:14">
      <c r="N745163" s="10"/>
    </row>
    <row r="745164" spans="14:14">
      <c r="N745164" s="10"/>
    </row>
    <row r="745165" spans="14:14">
      <c r="N745165" s="10"/>
    </row>
    <row r="745166" spans="14:14">
      <c r="N745166" s="10"/>
    </row>
    <row r="745167" spans="14:14">
      <c r="N745167" s="10"/>
    </row>
    <row r="745168" spans="14:14">
      <c r="N745168" s="10"/>
    </row>
    <row r="745169" spans="14:14">
      <c r="N745169" s="10"/>
    </row>
    <row r="745170" spans="14:14">
      <c r="N745170" s="10"/>
    </row>
    <row r="745171" spans="14:14">
      <c r="N745171" s="10"/>
    </row>
    <row r="745172" spans="14:14">
      <c r="N745172" s="10"/>
    </row>
    <row r="745173" spans="14:14">
      <c r="N745173" s="10"/>
    </row>
    <row r="745174" spans="14:14">
      <c r="N745174" s="10"/>
    </row>
    <row r="745175" spans="14:14">
      <c r="N745175" s="10"/>
    </row>
    <row r="745176" spans="14:14">
      <c r="N745176" s="10"/>
    </row>
    <row r="745177" spans="14:14">
      <c r="N745177" s="10"/>
    </row>
    <row r="745178" spans="14:14">
      <c r="N745178" s="10"/>
    </row>
    <row r="745179" spans="14:14">
      <c r="N745179" s="10"/>
    </row>
    <row r="745180" spans="14:14">
      <c r="N745180" s="10"/>
    </row>
    <row r="745181" spans="14:14">
      <c r="N745181" s="10"/>
    </row>
    <row r="745182" spans="14:14">
      <c r="N745182" s="10"/>
    </row>
    <row r="745183" spans="14:14">
      <c r="N745183" s="10"/>
    </row>
    <row r="745184" spans="14:14">
      <c r="N745184" s="10"/>
    </row>
    <row r="745185" spans="14:14">
      <c r="N745185" s="10"/>
    </row>
    <row r="745186" spans="14:14">
      <c r="N745186" s="10"/>
    </row>
    <row r="745187" spans="14:14">
      <c r="N745187" s="10"/>
    </row>
    <row r="745188" spans="14:14">
      <c r="N745188" s="10"/>
    </row>
    <row r="745189" spans="14:14">
      <c r="N745189" s="10"/>
    </row>
    <row r="745190" spans="14:14">
      <c r="N745190" s="10"/>
    </row>
    <row r="745191" spans="14:14">
      <c r="N745191" s="10"/>
    </row>
    <row r="745192" spans="14:14">
      <c r="N745192" s="10"/>
    </row>
    <row r="745193" spans="14:14">
      <c r="N745193" s="10"/>
    </row>
    <row r="745194" spans="14:14">
      <c r="N745194" s="10"/>
    </row>
    <row r="745195" spans="14:14">
      <c r="N745195" s="10"/>
    </row>
    <row r="745196" spans="14:14">
      <c r="N745196" s="10"/>
    </row>
    <row r="745197" spans="14:14">
      <c r="N745197" s="10"/>
    </row>
    <row r="745198" spans="14:14">
      <c r="N745198" s="10"/>
    </row>
    <row r="745199" spans="14:14">
      <c r="N745199" s="10"/>
    </row>
    <row r="745200" spans="14:14">
      <c r="N745200" s="10"/>
    </row>
    <row r="745201" spans="14:14">
      <c r="N745201" s="10"/>
    </row>
    <row r="745202" spans="14:14">
      <c r="N745202" s="10"/>
    </row>
    <row r="745203" spans="14:14">
      <c r="N745203" s="10"/>
    </row>
    <row r="745204" spans="14:14">
      <c r="N745204" s="10"/>
    </row>
    <row r="745205" spans="14:14">
      <c r="N745205" s="10"/>
    </row>
    <row r="745206" spans="14:14">
      <c r="N745206" s="10"/>
    </row>
    <row r="745207" spans="14:14">
      <c r="N745207" s="10"/>
    </row>
    <row r="745208" spans="14:14">
      <c r="N745208" s="10"/>
    </row>
    <row r="745209" spans="14:14">
      <c r="N745209" s="10"/>
    </row>
    <row r="745210" spans="14:14">
      <c r="N745210" s="10"/>
    </row>
    <row r="745211" spans="14:14">
      <c r="N745211" s="10"/>
    </row>
    <row r="745212" spans="14:14">
      <c r="N745212" s="10"/>
    </row>
    <row r="745213" spans="14:14">
      <c r="N745213" s="10"/>
    </row>
    <row r="745214" spans="14:14">
      <c r="N745214" s="10"/>
    </row>
    <row r="745215" spans="14:14">
      <c r="N745215" s="10"/>
    </row>
    <row r="745216" spans="14:14">
      <c r="N745216" s="10"/>
    </row>
    <row r="745217" spans="14:14">
      <c r="N745217" s="10"/>
    </row>
    <row r="745218" spans="14:14">
      <c r="N745218" s="10"/>
    </row>
    <row r="745219" spans="14:14">
      <c r="N745219" s="10"/>
    </row>
    <row r="745220" spans="14:14">
      <c r="N745220" s="10"/>
    </row>
    <row r="745221" spans="14:14">
      <c r="N745221" s="10"/>
    </row>
    <row r="745222" spans="14:14">
      <c r="N745222" s="10"/>
    </row>
    <row r="745223" spans="14:14">
      <c r="N745223" s="10"/>
    </row>
    <row r="745224" spans="14:14">
      <c r="N745224" s="10"/>
    </row>
    <row r="745225" spans="14:14">
      <c r="N745225" s="10"/>
    </row>
    <row r="745226" spans="14:14">
      <c r="N745226" s="10"/>
    </row>
    <row r="745227" spans="14:14">
      <c r="N745227" s="10"/>
    </row>
    <row r="745228" spans="14:14">
      <c r="N745228" s="10"/>
    </row>
    <row r="745229" spans="14:14">
      <c r="N745229" s="10"/>
    </row>
    <row r="745230" spans="14:14">
      <c r="N745230" s="10"/>
    </row>
    <row r="745231" spans="14:14">
      <c r="N745231" s="10"/>
    </row>
    <row r="745232" spans="14:14">
      <c r="N745232" s="10"/>
    </row>
    <row r="745233" spans="14:14">
      <c r="N745233" s="10"/>
    </row>
    <row r="745234" spans="14:14">
      <c r="N745234" s="10"/>
    </row>
    <row r="745235" spans="14:14">
      <c r="N745235" s="10"/>
    </row>
    <row r="745236" spans="14:14">
      <c r="N745236" s="10"/>
    </row>
    <row r="745237" spans="14:14">
      <c r="N745237" s="10"/>
    </row>
    <row r="745238" spans="14:14">
      <c r="N745238" s="10"/>
    </row>
    <row r="745239" spans="14:14">
      <c r="N745239" s="10"/>
    </row>
    <row r="745240" spans="14:14">
      <c r="N745240" s="10"/>
    </row>
    <row r="745241" spans="14:14">
      <c r="N745241" s="10"/>
    </row>
    <row r="745242" spans="14:14">
      <c r="N745242" s="10"/>
    </row>
    <row r="745243" spans="14:14">
      <c r="N745243" s="10"/>
    </row>
    <row r="745244" spans="14:14">
      <c r="N745244" s="10"/>
    </row>
    <row r="745245" spans="14:14">
      <c r="N745245" s="10"/>
    </row>
    <row r="745246" spans="14:14">
      <c r="N745246" s="10"/>
    </row>
    <row r="745247" spans="14:14">
      <c r="N745247" s="10"/>
    </row>
    <row r="745248" spans="14:14">
      <c r="N745248" s="10"/>
    </row>
    <row r="745249" spans="14:14">
      <c r="N745249" s="10"/>
    </row>
    <row r="745250" spans="14:14">
      <c r="N745250" s="10"/>
    </row>
    <row r="745251" spans="14:14">
      <c r="N745251" s="10"/>
    </row>
    <row r="745252" spans="14:14">
      <c r="N745252" s="10"/>
    </row>
    <row r="745253" spans="14:14">
      <c r="N745253" s="10"/>
    </row>
    <row r="745254" spans="14:14">
      <c r="N745254" s="10"/>
    </row>
    <row r="745255" spans="14:14">
      <c r="N745255" s="10"/>
    </row>
    <row r="745256" spans="14:14">
      <c r="N745256" s="10"/>
    </row>
    <row r="745257" spans="14:14">
      <c r="N745257" s="10"/>
    </row>
    <row r="745258" spans="14:14">
      <c r="N745258" s="10"/>
    </row>
    <row r="745259" spans="14:14">
      <c r="N745259" s="10"/>
    </row>
    <row r="745260" spans="14:14">
      <c r="N745260" s="10"/>
    </row>
    <row r="745261" spans="14:14">
      <c r="N745261" s="10"/>
    </row>
    <row r="745262" spans="14:14">
      <c r="N745262" s="10"/>
    </row>
    <row r="745263" spans="14:14">
      <c r="N745263" s="10"/>
    </row>
    <row r="745264" spans="14:14">
      <c r="N745264" s="10"/>
    </row>
    <row r="745265" spans="14:14">
      <c r="N745265" s="10"/>
    </row>
    <row r="745266" spans="14:14">
      <c r="N745266" s="10"/>
    </row>
    <row r="745267" spans="14:14">
      <c r="N745267" s="10"/>
    </row>
    <row r="745268" spans="14:14">
      <c r="N745268" s="10"/>
    </row>
    <row r="745269" spans="14:14">
      <c r="N745269" s="10"/>
    </row>
    <row r="745270" spans="14:14">
      <c r="N745270" s="10"/>
    </row>
    <row r="745271" spans="14:14">
      <c r="N745271" s="10"/>
    </row>
    <row r="745272" spans="14:14">
      <c r="N745272" s="10"/>
    </row>
    <row r="745273" spans="14:14">
      <c r="N745273" s="10"/>
    </row>
    <row r="745274" spans="14:14">
      <c r="N745274" s="10"/>
    </row>
    <row r="745275" spans="14:14">
      <c r="N745275" s="10"/>
    </row>
    <row r="745276" spans="14:14">
      <c r="N745276" s="10"/>
    </row>
    <row r="745277" spans="14:14">
      <c r="N745277" s="10"/>
    </row>
    <row r="745278" spans="14:14">
      <c r="N745278" s="10"/>
    </row>
    <row r="745279" spans="14:14">
      <c r="N745279" s="10"/>
    </row>
    <row r="745280" spans="14:14">
      <c r="N745280" s="10"/>
    </row>
    <row r="745281" spans="14:14">
      <c r="N745281" s="10"/>
    </row>
    <row r="745282" spans="14:14">
      <c r="N745282" s="10"/>
    </row>
    <row r="745283" spans="14:14">
      <c r="N745283" s="10"/>
    </row>
    <row r="745284" spans="14:14">
      <c r="N745284" s="10"/>
    </row>
    <row r="745285" spans="14:14">
      <c r="N745285" s="10"/>
    </row>
    <row r="745286" spans="14:14">
      <c r="N745286" s="10"/>
    </row>
    <row r="745287" spans="14:14">
      <c r="N745287" s="10"/>
    </row>
    <row r="745288" spans="14:14">
      <c r="N745288" s="10"/>
    </row>
    <row r="745289" spans="14:14">
      <c r="N745289" s="10"/>
    </row>
    <row r="745290" spans="14:14">
      <c r="N745290" s="10"/>
    </row>
    <row r="745291" spans="14:14">
      <c r="N745291" s="10"/>
    </row>
    <row r="745292" spans="14:14">
      <c r="N745292" s="10"/>
    </row>
    <row r="745293" spans="14:14">
      <c r="N745293" s="10"/>
    </row>
    <row r="745294" spans="14:14">
      <c r="N745294" s="10"/>
    </row>
    <row r="745295" spans="14:14">
      <c r="N745295" s="10"/>
    </row>
    <row r="745296" spans="14:14">
      <c r="N745296" s="10"/>
    </row>
    <row r="745297" spans="14:14">
      <c r="N745297" s="10"/>
    </row>
    <row r="745298" spans="14:14">
      <c r="N745298" s="10"/>
    </row>
    <row r="745299" spans="14:14">
      <c r="N745299" s="10"/>
    </row>
    <row r="745300" spans="14:14">
      <c r="N745300" s="10"/>
    </row>
    <row r="745301" spans="14:14">
      <c r="N745301" s="10"/>
    </row>
    <row r="745302" spans="14:14">
      <c r="N745302" s="10"/>
    </row>
    <row r="745303" spans="14:14">
      <c r="N745303" s="10"/>
    </row>
    <row r="745304" spans="14:14">
      <c r="N745304" s="10"/>
    </row>
    <row r="745305" spans="14:14">
      <c r="N745305" s="10"/>
    </row>
    <row r="745306" spans="14:14">
      <c r="N745306" s="10"/>
    </row>
    <row r="745307" spans="14:14">
      <c r="N745307" s="10"/>
    </row>
    <row r="745308" spans="14:14">
      <c r="N745308" s="10"/>
    </row>
    <row r="745309" spans="14:14">
      <c r="N745309" s="10"/>
    </row>
    <row r="745310" spans="14:14">
      <c r="N745310" s="10"/>
    </row>
    <row r="745311" spans="14:14">
      <c r="N745311" s="10"/>
    </row>
    <row r="745312" spans="14:14">
      <c r="N745312" s="10"/>
    </row>
    <row r="745313" spans="14:14">
      <c r="N745313" s="10"/>
    </row>
    <row r="745314" spans="14:14">
      <c r="N745314" s="10"/>
    </row>
    <row r="745315" spans="14:14">
      <c r="N745315" s="10"/>
    </row>
    <row r="745316" spans="14:14">
      <c r="N745316" s="10"/>
    </row>
    <row r="745317" spans="14:14">
      <c r="N745317" s="10"/>
    </row>
    <row r="745318" spans="14:14">
      <c r="N745318" s="10"/>
    </row>
    <row r="745319" spans="14:14">
      <c r="N745319" s="10"/>
    </row>
    <row r="745320" spans="14:14">
      <c r="N745320" s="10"/>
    </row>
    <row r="745321" spans="14:14">
      <c r="N745321" s="10"/>
    </row>
    <row r="745322" spans="14:14">
      <c r="N745322" s="10"/>
    </row>
    <row r="745323" spans="14:14">
      <c r="N745323" s="10"/>
    </row>
    <row r="745324" spans="14:14">
      <c r="N745324" s="10"/>
    </row>
    <row r="745325" spans="14:14">
      <c r="N745325" s="10"/>
    </row>
    <row r="745326" spans="14:14">
      <c r="N745326" s="10"/>
    </row>
    <row r="745327" spans="14:14">
      <c r="N745327" s="10"/>
    </row>
    <row r="745328" spans="14:14">
      <c r="N745328" s="10"/>
    </row>
    <row r="745329" spans="14:14">
      <c r="N745329" s="10"/>
    </row>
    <row r="745330" spans="14:14">
      <c r="N745330" s="10"/>
    </row>
    <row r="745331" spans="14:14">
      <c r="N745331" s="10"/>
    </row>
    <row r="745332" spans="14:14">
      <c r="N745332" s="10"/>
    </row>
    <row r="745333" spans="14:14">
      <c r="N745333" s="10"/>
    </row>
    <row r="745334" spans="14:14">
      <c r="N745334" s="10"/>
    </row>
    <row r="745335" spans="14:14">
      <c r="N745335" s="10"/>
    </row>
    <row r="745336" spans="14:14">
      <c r="N745336" s="10"/>
    </row>
    <row r="745337" spans="14:14">
      <c r="N745337" s="10"/>
    </row>
    <row r="745338" spans="14:14">
      <c r="N745338" s="10"/>
    </row>
    <row r="745339" spans="14:14">
      <c r="N745339" s="10"/>
    </row>
    <row r="745340" spans="14:14">
      <c r="N745340" s="10"/>
    </row>
    <row r="745341" spans="14:14">
      <c r="N745341" s="10"/>
    </row>
    <row r="745342" spans="14:14">
      <c r="N745342" s="10"/>
    </row>
    <row r="745343" spans="14:14">
      <c r="N745343" s="10"/>
    </row>
    <row r="745344" spans="14:14">
      <c r="N745344" s="10"/>
    </row>
    <row r="745345" spans="14:14">
      <c r="N745345" s="10"/>
    </row>
    <row r="745346" spans="14:14">
      <c r="N745346" s="10"/>
    </row>
    <row r="745347" spans="14:14">
      <c r="N745347" s="10"/>
    </row>
    <row r="745348" spans="14:14">
      <c r="N745348" s="10"/>
    </row>
    <row r="745349" spans="14:14">
      <c r="N745349" s="10"/>
    </row>
    <row r="745350" spans="14:14">
      <c r="N745350" s="10"/>
    </row>
    <row r="745351" spans="14:14">
      <c r="N745351" s="10"/>
    </row>
    <row r="745352" spans="14:14">
      <c r="N745352" s="10"/>
    </row>
    <row r="745353" spans="14:14">
      <c r="N745353" s="10"/>
    </row>
    <row r="745354" spans="14:14">
      <c r="N745354" s="10"/>
    </row>
    <row r="745355" spans="14:14">
      <c r="N745355" s="10"/>
    </row>
    <row r="745356" spans="14:14">
      <c r="N745356" s="10"/>
    </row>
    <row r="745357" spans="14:14">
      <c r="N745357" s="10"/>
    </row>
    <row r="745358" spans="14:14">
      <c r="N745358" s="10"/>
    </row>
    <row r="745359" spans="14:14">
      <c r="N745359" s="10"/>
    </row>
    <row r="745360" spans="14:14">
      <c r="N745360" s="10"/>
    </row>
    <row r="745361" spans="14:14">
      <c r="N745361" s="10"/>
    </row>
    <row r="745362" spans="14:14">
      <c r="N745362" s="10"/>
    </row>
    <row r="745363" spans="14:14">
      <c r="N745363" s="10"/>
    </row>
    <row r="745364" spans="14:14">
      <c r="N745364" s="10"/>
    </row>
    <row r="745365" spans="14:14">
      <c r="N745365" s="10"/>
    </row>
    <row r="745366" spans="14:14">
      <c r="N745366" s="10"/>
    </row>
    <row r="745367" spans="14:14">
      <c r="N745367" s="10"/>
    </row>
    <row r="745368" spans="14:14">
      <c r="N745368" s="10"/>
    </row>
    <row r="745369" spans="14:14">
      <c r="N745369" s="10"/>
    </row>
    <row r="745370" spans="14:14">
      <c r="N745370" s="10"/>
    </row>
    <row r="745371" spans="14:14">
      <c r="N745371" s="10"/>
    </row>
    <row r="745372" spans="14:14">
      <c r="N745372" s="10"/>
    </row>
    <row r="745373" spans="14:14">
      <c r="N745373" s="10"/>
    </row>
    <row r="745374" spans="14:14">
      <c r="N745374" s="10"/>
    </row>
    <row r="745375" spans="14:14">
      <c r="N745375" s="10"/>
    </row>
    <row r="745376" spans="14:14">
      <c r="N745376" s="10"/>
    </row>
    <row r="745377" spans="14:14">
      <c r="N745377" s="10"/>
    </row>
    <row r="745378" spans="14:14">
      <c r="N745378" s="10"/>
    </row>
    <row r="745379" spans="14:14">
      <c r="N745379" s="10"/>
    </row>
    <row r="745380" spans="14:14">
      <c r="N745380" s="10"/>
    </row>
    <row r="745381" spans="14:14">
      <c r="N745381" s="10"/>
    </row>
    <row r="745382" spans="14:14">
      <c r="N745382" s="10"/>
    </row>
    <row r="745383" spans="14:14">
      <c r="N745383" s="10"/>
    </row>
    <row r="745384" spans="14:14">
      <c r="N745384" s="10"/>
    </row>
    <row r="745385" spans="14:14">
      <c r="N745385" s="10"/>
    </row>
    <row r="745386" spans="14:14">
      <c r="N745386" s="10"/>
    </row>
    <row r="745387" spans="14:14">
      <c r="N745387" s="10"/>
    </row>
    <row r="745388" spans="14:14">
      <c r="N745388" s="10"/>
    </row>
    <row r="745389" spans="14:14">
      <c r="N745389" s="10"/>
    </row>
    <row r="745390" spans="14:14">
      <c r="N745390" s="10"/>
    </row>
    <row r="745391" spans="14:14">
      <c r="N745391" s="10"/>
    </row>
    <row r="745392" spans="14:14">
      <c r="N745392" s="10"/>
    </row>
    <row r="745393" spans="14:14">
      <c r="N745393" s="10"/>
    </row>
    <row r="745394" spans="14:14">
      <c r="N745394" s="10"/>
    </row>
    <row r="745395" spans="14:14">
      <c r="N745395" s="10"/>
    </row>
    <row r="745396" spans="14:14">
      <c r="N745396" s="10"/>
    </row>
    <row r="745397" spans="14:14">
      <c r="N745397" s="10"/>
    </row>
    <row r="745398" spans="14:14">
      <c r="N745398" s="10"/>
    </row>
    <row r="745399" spans="14:14">
      <c r="N745399" s="10"/>
    </row>
    <row r="745400" spans="14:14">
      <c r="N745400" s="10"/>
    </row>
    <row r="745401" spans="14:14">
      <c r="N745401" s="10"/>
    </row>
    <row r="745402" spans="14:14">
      <c r="N745402" s="10"/>
    </row>
    <row r="745403" spans="14:14">
      <c r="N745403" s="10"/>
    </row>
    <row r="745404" spans="14:14">
      <c r="N745404" s="10"/>
    </row>
    <row r="745405" spans="14:14">
      <c r="N745405" s="10"/>
    </row>
    <row r="745406" spans="14:14">
      <c r="N745406" s="10"/>
    </row>
    <row r="745407" spans="14:14">
      <c r="N745407" s="10"/>
    </row>
    <row r="745408" spans="14:14">
      <c r="N745408" s="10"/>
    </row>
    <row r="745409" spans="14:14">
      <c r="N745409" s="10"/>
    </row>
    <row r="745410" spans="14:14">
      <c r="N745410" s="10"/>
    </row>
    <row r="745411" spans="14:14">
      <c r="N745411" s="10"/>
    </row>
    <row r="745412" spans="14:14">
      <c r="N745412" s="10"/>
    </row>
    <row r="745413" spans="14:14">
      <c r="N745413" s="10"/>
    </row>
    <row r="745414" spans="14:14">
      <c r="N745414" s="10"/>
    </row>
    <row r="745415" spans="14:14">
      <c r="N745415" s="10"/>
    </row>
    <row r="745416" spans="14:14">
      <c r="N745416" s="10"/>
    </row>
    <row r="745417" spans="14:14">
      <c r="N745417" s="10"/>
    </row>
    <row r="745418" spans="14:14">
      <c r="N745418" s="10"/>
    </row>
    <row r="745419" spans="14:14">
      <c r="N745419" s="10"/>
    </row>
    <row r="745420" spans="14:14">
      <c r="N745420" s="10"/>
    </row>
    <row r="745421" spans="14:14">
      <c r="N745421" s="10"/>
    </row>
    <row r="745422" spans="14:14">
      <c r="N745422" s="10"/>
    </row>
    <row r="745423" spans="14:14">
      <c r="N745423" s="10"/>
    </row>
    <row r="745424" spans="14:14">
      <c r="N745424" s="10"/>
    </row>
    <row r="745425" spans="14:14">
      <c r="N745425" s="10"/>
    </row>
    <row r="745426" spans="14:14">
      <c r="N745426" s="10"/>
    </row>
    <row r="745427" spans="14:14">
      <c r="N745427" s="10"/>
    </row>
    <row r="745428" spans="14:14">
      <c r="N745428" s="10"/>
    </row>
    <row r="745429" spans="14:14">
      <c r="N745429" s="10"/>
    </row>
    <row r="745430" spans="14:14">
      <c r="N745430" s="10"/>
    </row>
    <row r="745431" spans="14:14">
      <c r="N745431" s="10"/>
    </row>
    <row r="745432" spans="14:14">
      <c r="N745432" s="10"/>
    </row>
    <row r="745433" spans="14:14">
      <c r="N745433" s="10"/>
    </row>
    <row r="745434" spans="14:14">
      <c r="N745434" s="10"/>
    </row>
    <row r="745435" spans="14:14">
      <c r="N745435" s="10"/>
    </row>
    <row r="745436" spans="14:14">
      <c r="N745436" s="10"/>
    </row>
    <row r="745437" spans="14:14">
      <c r="N745437" s="10"/>
    </row>
    <row r="745438" spans="14:14">
      <c r="N745438" s="10"/>
    </row>
    <row r="745439" spans="14:14">
      <c r="N745439" s="10"/>
    </row>
    <row r="745440" spans="14:14">
      <c r="N745440" s="10"/>
    </row>
    <row r="745441" spans="14:14">
      <c r="N745441" s="10"/>
    </row>
    <row r="745442" spans="14:14">
      <c r="N745442" s="10"/>
    </row>
    <row r="745443" spans="14:14">
      <c r="N745443" s="10"/>
    </row>
    <row r="745444" spans="14:14">
      <c r="N745444" s="10"/>
    </row>
    <row r="745445" spans="14:14">
      <c r="N745445" s="10"/>
    </row>
    <row r="745446" spans="14:14">
      <c r="N745446" s="10"/>
    </row>
    <row r="745447" spans="14:14">
      <c r="N745447" s="10"/>
    </row>
    <row r="745448" spans="14:14">
      <c r="N745448" s="10"/>
    </row>
    <row r="745449" spans="14:14">
      <c r="N745449" s="10"/>
    </row>
    <row r="745450" spans="14:14">
      <c r="N745450" s="10"/>
    </row>
    <row r="745451" spans="14:14">
      <c r="N745451" s="10"/>
    </row>
    <row r="745452" spans="14:14">
      <c r="N745452" s="10"/>
    </row>
    <row r="745453" spans="14:14">
      <c r="N745453" s="10"/>
    </row>
    <row r="745454" spans="14:14">
      <c r="N745454" s="10"/>
    </row>
    <row r="745455" spans="14:14">
      <c r="N745455" s="10"/>
    </row>
    <row r="745456" spans="14:14">
      <c r="N745456" s="10"/>
    </row>
    <row r="745457" spans="14:14">
      <c r="N745457" s="10"/>
    </row>
    <row r="745458" spans="14:14">
      <c r="N745458" s="10"/>
    </row>
    <row r="745459" spans="14:14">
      <c r="N745459" s="10"/>
    </row>
    <row r="745460" spans="14:14">
      <c r="N745460" s="10"/>
    </row>
    <row r="745461" spans="14:14">
      <c r="N745461" s="10"/>
    </row>
    <row r="745462" spans="14:14">
      <c r="N745462" s="10"/>
    </row>
    <row r="745463" spans="14:14">
      <c r="N745463" s="10"/>
    </row>
    <row r="745464" spans="14:14">
      <c r="N745464" s="10"/>
    </row>
    <row r="745465" spans="14:14">
      <c r="N745465" s="10"/>
    </row>
    <row r="745466" spans="14:14">
      <c r="N745466" s="10"/>
    </row>
    <row r="745467" spans="14:14">
      <c r="N745467" s="10"/>
    </row>
    <row r="745468" spans="14:14">
      <c r="N745468" s="10"/>
    </row>
    <row r="745469" spans="14:14">
      <c r="N745469" s="10"/>
    </row>
    <row r="745470" spans="14:14">
      <c r="N745470" s="10"/>
    </row>
    <row r="745471" spans="14:14">
      <c r="N745471" s="10"/>
    </row>
    <row r="745472" spans="14:14">
      <c r="N745472" s="10"/>
    </row>
    <row r="745473" spans="14:14">
      <c r="N745473" s="10"/>
    </row>
    <row r="745474" spans="14:14">
      <c r="N745474" s="10"/>
    </row>
    <row r="745475" spans="14:14">
      <c r="N745475" s="10"/>
    </row>
    <row r="745476" spans="14:14">
      <c r="N745476" s="10"/>
    </row>
    <row r="745477" spans="14:14">
      <c r="N745477" s="10"/>
    </row>
    <row r="745478" spans="14:14">
      <c r="N745478" s="10"/>
    </row>
    <row r="745479" spans="14:14">
      <c r="N745479" s="10"/>
    </row>
    <row r="745480" spans="14:14">
      <c r="N745480" s="10"/>
    </row>
    <row r="745481" spans="14:14">
      <c r="N745481" s="10"/>
    </row>
    <row r="745482" spans="14:14">
      <c r="N745482" s="10"/>
    </row>
    <row r="745483" spans="14:14">
      <c r="N745483" s="10"/>
    </row>
    <row r="745484" spans="14:14">
      <c r="N745484" s="10"/>
    </row>
    <row r="745485" spans="14:14">
      <c r="N745485" s="10"/>
    </row>
    <row r="745486" spans="14:14">
      <c r="N745486" s="10"/>
    </row>
    <row r="745487" spans="14:14">
      <c r="N745487" s="10"/>
    </row>
    <row r="745488" spans="14:14">
      <c r="N745488" s="10"/>
    </row>
    <row r="745489" spans="14:14">
      <c r="N745489" s="10"/>
    </row>
    <row r="745490" spans="14:14">
      <c r="N745490" s="10"/>
    </row>
    <row r="745491" spans="14:14">
      <c r="N745491" s="10"/>
    </row>
    <row r="745492" spans="14:14">
      <c r="N745492" s="10"/>
    </row>
    <row r="745493" spans="14:14">
      <c r="N745493" s="10"/>
    </row>
    <row r="745494" spans="14:14">
      <c r="N745494" s="10"/>
    </row>
    <row r="745495" spans="14:14">
      <c r="N745495" s="10"/>
    </row>
    <row r="745496" spans="14:14">
      <c r="N745496" s="10"/>
    </row>
    <row r="745497" spans="14:14">
      <c r="N745497" s="10"/>
    </row>
    <row r="745498" spans="14:14">
      <c r="N745498" s="10"/>
    </row>
    <row r="745499" spans="14:14">
      <c r="N745499" s="10"/>
    </row>
    <row r="745500" spans="14:14">
      <c r="N745500" s="10"/>
    </row>
    <row r="745501" spans="14:14">
      <c r="N745501" s="10"/>
    </row>
    <row r="745502" spans="14:14">
      <c r="N745502" s="10"/>
    </row>
    <row r="745503" spans="14:14">
      <c r="N745503" s="10"/>
    </row>
    <row r="745504" spans="14:14">
      <c r="N745504" s="10"/>
    </row>
    <row r="745505" spans="14:14">
      <c r="N745505" s="10"/>
    </row>
    <row r="745506" spans="14:14">
      <c r="N745506" s="10"/>
    </row>
    <row r="745507" spans="14:14">
      <c r="N745507" s="10"/>
    </row>
    <row r="745508" spans="14:14">
      <c r="N745508" s="10"/>
    </row>
    <row r="745509" spans="14:14">
      <c r="N745509" s="10"/>
    </row>
    <row r="745510" spans="14:14">
      <c r="N745510" s="10"/>
    </row>
    <row r="745511" spans="14:14">
      <c r="N745511" s="10"/>
    </row>
    <row r="745512" spans="14:14">
      <c r="N745512" s="10"/>
    </row>
    <row r="745513" spans="14:14">
      <c r="N745513" s="10"/>
    </row>
    <row r="745514" spans="14:14">
      <c r="N745514" s="10"/>
    </row>
    <row r="745515" spans="14:14">
      <c r="N745515" s="10"/>
    </row>
    <row r="745516" spans="14:14">
      <c r="N745516" s="10"/>
    </row>
    <row r="745517" spans="14:14">
      <c r="N745517" s="10"/>
    </row>
    <row r="745518" spans="14:14">
      <c r="N745518" s="10"/>
    </row>
    <row r="745519" spans="14:14">
      <c r="N745519" s="10"/>
    </row>
    <row r="745520" spans="14:14">
      <c r="N745520" s="10"/>
    </row>
    <row r="745521" spans="14:14">
      <c r="N745521" s="10"/>
    </row>
    <row r="745522" spans="14:14">
      <c r="N745522" s="10"/>
    </row>
    <row r="745523" spans="14:14">
      <c r="N745523" s="10"/>
    </row>
    <row r="745524" spans="14:14">
      <c r="N745524" s="10"/>
    </row>
    <row r="745525" spans="14:14">
      <c r="N745525" s="10"/>
    </row>
    <row r="745526" spans="14:14">
      <c r="N745526" s="10"/>
    </row>
    <row r="745527" spans="14:14">
      <c r="N745527" s="10"/>
    </row>
    <row r="745528" spans="14:14">
      <c r="N745528" s="10"/>
    </row>
    <row r="745529" spans="14:14">
      <c r="N745529" s="10"/>
    </row>
    <row r="745530" spans="14:14">
      <c r="N745530" s="10"/>
    </row>
    <row r="745531" spans="14:14">
      <c r="N745531" s="10"/>
    </row>
    <row r="745532" spans="14:14">
      <c r="N745532" s="10"/>
    </row>
    <row r="745533" spans="14:14">
      <c r="N745533" s="10"/>
    </row>
    <row r="745534" spans="14:14">
      <c r="N745534" s="10"/>
    </row>
    <row r="745535" spans="14:14">
      <c r="N745535" s="10"/>
    </row>
    <row r="745536" spans="14:14">
      <c r="N745536" s="10"/>
    </row>
    <row r="745537" spans="14:14">
      <c r="N745537" s="10"/>
    </row>
    <row r="745538" spans="14:14">
      <c r="N745538" s="10"/>
    </row>
    <row r="745539" spans="14:14">
      <c r="N745539" s="10"/>
    </row>
    <row r="745540" spans="14:14">
      <c r="N745540" s="10"/>
    </row>
    <row r="745541" spans="14:14">
      <c r="N745541" s="10"/>
    </row>
    <row r="745542" spans="14:14">
      <c r="N745542" s="10"/>
    </row>
    <row r="745543" spans="14:14">
      <c r="N745543" s="10"/>
    </row>
    <row r="745544" spans="14:14">
      <c r="N745544" s="10"/>
    </row>
    <row r="745545" spans="14:14">
      <c r="N745545" s="10"/>
    </row>
    <row r="745546" spans="14:14">
      <c r="N745546" s="10"/>
    </row>
    <row r="745547" spans="14:14">
      <c r="N745547" s="10"/>
    </row>
    <row r="745548" spans="14:14">
      <c r="N745548" s="10"/>
    </row>
    <row r="745549" spans="14:14">
      <c r="N745549" s="10"/>
    </row>
    <row r="745550" spans="14:14">
      <c r="N745550" s="10"/>
    </row>
    <row r="745551" spans="14:14">
      <c r="N745551" s="10"/>
    </row>
    <row r="745552" spans="14:14">
      <c r="N745552" s="10"/>
    </row>
    <row r="745553" spans="14:14">
      <c r="N745553" s="10"/>
    </row>
    <row r="745554" spans="14:14">
      <c r="N745554" s="10"/>
    </row>
    <row r="745555" spans="14:14">
      <c r="N745555" s="10"/>
    </row>
    <row r="745556" spans="14:14">
      <c r="N745556" s="10"/>
    </row>
    <row r="745557" spans="14:14">
      <c r="N745557" s="10"/>
    </row>
    <row r="745558" spans="14:14">
      <c r="N745558" s="10"/>
    </row>
    <row r="745559" spans="14:14">
      <c r="N745559" s="10"/>
    </row>
    <row r="745560" spans="14:14">
      <c r="N745560" s="10"/>
    </row>
    <row r="745561" spans="14:14">
      <c r="N745561" s="10"/>
    </row>
    <row r="745562" spans="14:14">
      <c r="N745562" s="10"/>
    </row>
    <row r="745563" spans="14:14">
      <c r="N745563" s="10"/>
    </row>
    <row r="745564" spans="14:14">
      <c r="N745564" s="10"/>
    </row>
    <row r="745565" spans="14:14">
      <c r="N745565" s="10"/>
    </row>
    <row r="745566" spans="14:14">
      <c r="N745566" s="10"/>
    </row>
    <row r="745567" spans="14:14">
      <c r="N745567" s="10"/>
    </row>
    <row r="745568" spans="14:14">
      <c r="N745568" s="10"/>
    </row>
    <row r="745569" spans="14:14">
      <c r="N745569" s="10"/>
    </row>
    <row r="745570" spans="14:14">
      <c r="N745570" s="10"/>
    </row>
    <row r="745571" spans="14:14">
      <c r="N745571" s="10"/>
    </row>
    <row r="745572" spans="14:14">
      <c r="N745572" s="10"/>
    </row>
    <row r="745573" spans="14:14">
      <c r="N745573" s="10"/>
    </row>
    <row r="745574" spans="14:14">
      <c r="N745574" s="10"/>
    </row>
    <row r="745575" spans="14:14">
      <c r="N745575" s="10"/>
    </row>
    <row r="745576" spans="14:14">
      <c r="N745576" s="10"/>
    </row>
    <row r="745577" spans="14:14">
      <c r="N745577" s="10"/>
    </row>
    <row r="745578" spans="14:14">
      <c r="N745578" s="10"/>
    </row>
    <row r="745579" spans="14:14">
      <c r="N745579" s="10"/>
    </row>
    <row r="745580" spans="14:14">
      <c r="N745580" s="10"/>
    </row>
    <row r="745581" spans="14:14">
      <c r="N745581" s="10"/>
    </row>
    <row r="745582" spans="14:14">
      <c r="N745582" s="10"/>
    </row>
    <row r="745583" spans="14:14">
      <c r="N745583" s="10"/>
    </row>
    <row r="745584" spans="14:14">
      <c r="N745584" s="10"/>
    </row>
    <row r="745585" spans="14:14">
      <c r="N745585" s="10"/>
    </row>
    <row r="745586" spans="14:14">
      <c r="N745586" s="10"/>
    </row>
    <row r="745587" spans="14:14">
      <c r="N745587" s="10"/>
    </row>
    <row r="745588" spans="14:14">
      <c r="N745588" s="10"/>
    </row>
    <row r="745589" spans="14:14">
      <c r="N745589" s="10"/>
    </row>
    <row r="745590" spans="14:14">
      <c r="N745590" s="10"/>
    </row>
    <row r="745591" spans="14:14">
      <c r="N745591" s="10"/>
    </row>
    <row r="745592" spans="14:14">
      <c r="N745592" s="10"/>
    </row>
    <row r="745593" spans="14:14">
      <c r="N745593" s="10"/>
    </row>
    <row r="745594" spans="14:14">
      <c r="N745594" s="10"/>
    </row>
    <row r="745595" spans="14:14">
      <c r="N745595" s="10"/>
    </row>
    <row r="745596" spans="14:14">
      <c r="N745596" s="10"/>
    </row>
    <row r="745597" spans="14:14">
      <c r="N745597" s="10"/>
    </row>
    <row r="745598" spans="14:14">
      <c r="N745598" s="10"/>
    </row>
    <row r="745599" spans="14:14">
      <c r="N745599" s="10"/>
    </row>
    <row r="745600" spans="14:14">
      <c r="N745600" s="10"/>
    </row>
    <row r="745601" spans="14:14">
      <c r="N745601" s="10"/>
    </row>
    <row r="745602" spans="14:14">
      <c r="N745602" s="10"/>
    </row>
    <row r="745603" spans="14:14">
      <c r="N745603" s="10"/>
    </row>
    <row r="745604" spans="14:14">
      <c r="N745604" s="10"/>
    </row>
    <row r="745605" spans="14:14">
      <c r="N745605" s="10"/>
    </row>
    <row r="745606" spans="14:14">
      <c r="N745606" s="10"/>
    </row>
    <row r="745607" spans="14:14">
      <c r="N745607" s="10"/>
    </row>
    <row r="745608" spans="14:14">
      <c r="N745608" s="10"/>
    </row>
    <row r="745609" spans="14:14">
      <c r="N745609" s="10"/>
    </row>
    <row r="745610" spans="14:14">
      <c r="N745610" s="10"/>
    </row>
    <row r="745611" spans="14:14">
      <c r="N745611" s="10"/>
    </row>
    <row r="745612" spans="14:14">
      <c r="N745612" s="10"/>
    </row>
    <row r="745613" spans="14:14">
      <c r="N745613" s="10"/>
    </row>
    <row r="745614" spans="14:14">
      <c r="N745614" s="10"/>
    </row>
    <row r="745615" spans="14:14">
      <c r="N745615" s="10"/>
    </row>
    <row r="745616" spans="14:14">
      <c r="N745616" s="10"/>
    </row>
    <row r="745617" spans="14:14">
      <c r="N745617" s="10"/>
    </row>
    <row r="745618" spans="14:14">
      <c r="N745618" s="10"/>
    </row>
    <row r="745619" spans="14:14">
      <c r="N745619" s="10"/>
    </row>
    <row r="745620" spans="14:14">
      <c r="N745620" s="10"/>
    </row>
    <row r="745621" spans="14:14">
      <c r="N745621" s="10"/>
    </row>
    <row r="745622" spans="14:14">
      <c r="N745622" s="10"/>
    </row>
    <row r="745623" spans="14:14">
      <c r="N745623" s="10"/>
    </row>
    <row r="745624" spans="14:14">
      <c r="N745624" s="10"/>
    </row>
    <row r="745625" spans="14:14">
      <c r="N745625" s="10"/>
    </row>
    <row r="745626" spans="14:14">
      <c r="N745626" s="10"/>
    </row>
    <row r="745627" spans="14:14">
      <c r="N745627" s="10"/>
    </row>
    <row r="745628" spans="14:14">
      <c r="N745628" s="10"/>
    </row>
    <row r="745629" spans="14:14">
      <c r="N745629" s="10"/>
    </row>
    <row r="745630" spans="14:14">
      <c r="N745630" s="10"/>
    </row>
    <row r="745631" spans="14:14">
      <c r="N745631" s="10"/>
    </row>
    <row r="745632" spans="14:14">
      <c r="N745632" s="10"/>
    </row>
    <row r="745633" spans="14:14">
      <c r="N745633" s="10"/>
    </row>
    <row r="745634" spans="14:14">
      <c r="N745634" s="10"/>
    </row>
    <row r="745635" spans="14:14">
      <c r="N745635" s="10"/>
    </row>
    <row r="745636" spans="14:14">
      <c r="N745636" s="10"/>
    </row>
    <row r="745637" spans="14:14">
      <c r="N745637" s="10"/>
    </row>
    <row r="745638" spans="14:14">
      <c r="N745638" s="10"/>
    </row>
    <row r="745639" spans="14:14">
      <c r="N745639" s="10"/>
    </row>
    <row r="745640" spans="14:14">
      <c r="N745640" s="10"/>
    </row>
    <row r="745641" spans="14:14">
      <c r="N745641" s="10"/>
    </row>
    <row r="745642" spans="14:14">
      <c r="N745642" s="10"/>
    </row>
    <row r="745643" spans="14:14">
      <c r="N745643" s="10"/>
    </row>
    <row r="745644" spans="14:14">
      <c r="N745644" s="10"/>
    </row>
    <row r="745645" spans="14:14">
      <c r="N745645" s="10"/>
    </row>
    <row r="745646" spans="14:14">
      <c r="N745646" s="10"/>
    </row>
    <row r="745647" spans="14:14">
      <c r="N745647" s="10"/>
    </row>
    <row r="745648" spans="14:14">
      <c r="N745648" s="10"/>
    </row>
    <row r="745649" spans="14:14">
      <c r="N745649" s="10"/>
    </row>
    <row r="745650" spans="14:14">
      <c r="N745650" s="10"/>
    </row>
    <row r="745651" spans="14:14">
      <c r="N745651" s="10"/>
    </row>
    <row r="745652" spans="14:14">
      <c r="N745652" s="10"/>
    </row>
    <row r="745653" spans="14:14">
      <c r="N745653" s="10"/>
    </row>
    <row r="745654" spans="14:14">
      <c r="N745654" s="10"/>
    </row>
    <row r="745655" spans="14:14">
      <c r="N745655" s="10"/>
    </row>
    <row r="745656" spans="14:14">
      <c r="N745656" s="10"/>
    </row>
    <row r="745657" spans="14:14">
      <c r="N745657" s="10"/>
    </row>
    <row r="745658" spans="14:14">
      <c r="N745658" s="10"/>
    </row>
    <row r="745659" spans="14:14">
      <c r="N745659" s="10"/>
    </row>
    <row r="745660" spans="14:14">
      <c r="N745660" s="10"/>
    </row>
    <row r="745661" spans="14:14">
      <c r="N745661" s="10"/>
    </row>
    <row r="745662" spans="14:14">
      <c r="N745662" s="10"/>
    </row>
    <row r="745663" spans="14:14">
      <c r="N745663" s="10"/>
    </row>
    <row r="745664" spans="14:14">
      <c r="N745664" s="10"/>
    </row>
    <row r="745665" spans="14:14">
      <c r="N745665" s="10"/>
    </row>
    <row r="745666" spans="14:14">
      <c r="N745666" s="10"/>
    </row>
    <row r="745667" spans="14:14">
      <c r="N745667" s="10"/>
    </row>
    <row r="745668" spans="14:14">
      <c r="N745668" s="10"/>
    </row>
    <row r="745669" spans="14:14">
      <c r="N745669" s="10"/>
    </row>
    <row r="745670" spans="14:14">
      <c r="N745670" s="10"/>
    </row>
    <row r="745671" spans="14:14">
      <c r="N745671" s="10"/>
    </row>
    <row r="745672" spans="14:14">
      <c r="N745672" s="10"/>
    </row>
    <row r="745673" spans="14:14">
      <c r="N745673" s="10"/>
    </row>
    <row r="745674" spans="14:14">
      <c r="N745674" s="10"/>
    </row>
    <row r="745675" spans="14:14">
      <c r="N745675" s="10"/>
    </row>
    <row r="745676" spans="14:14">
      <c r="N745676" s="10"/>
    </row>
    <row r="745677" spans="14:14">
      <c r="N745677" s="10"/>
    </row>
    <row r="745678" spans="14:14">
      <c r="N745678" s="10"/>
    </row>
    <row r="745679" spans="14:14">
      <c r="N745679" s="10"/>
    </row>
    <row r="745680" spans="14:14">
      <c r="N745680" s="10"/>
    </row>
    <row r="745681" spans="14:14">
      <c r="N745681" s="10"/>
    </row>
    <row r="745682" spans="14:14">
      <c r="N745682" s="10"/>
    </row>
    <row r="745683" spans="14:14">
      <c r="N745683" s="10"/>
    </row>
    <row r="745684" spans="14:14">
      <c r="N745684" s="10"/>
    </row>
    <row r="745685" spans="14:14">
      <c r="N745685" s="10"/>
    </row>
    <row r="745686" spans="14:14">
      <c r="N745686" s="10"/>
    </row>
    <row r="745687" spans="14:14">
      <c r="N745687" s="10"/>
    </row>
    <row r="745688" spans="14:14">
      <c r="N745688" s="10"/>
    </row>
    <row r="745689" spans="14:14">
      <c r="N745689" s="10"/>
    </row>
    <row r="745690" spans="14:14">
      <c r="N745690" s="10"/>
    </row>
    <row r="745691" spans="14:14">
      <c r="N745691" s="10"/>
    </row>
    <row r="745692" spans="14:14">
      <c r="N745692" s="10"/>
    </row>
    <row r="745693" spans="14:14">
      <c r="N745693" s="10"/>
    </row>
    <row r="745694" spans="14:14">
      <c r="N745694" s="10"/>
    </row>
    <row r="745695" spans="14:14">
      <c r="N745695" s="10"/>
    </row>
    <row r="745696" spans="14:14">
      <c r="N745696" s="10"/>
    </row>
    <row r="745697" spans="14:14">
      <c r="N745697" s="10"/>
    </row>
    <row r="745698" spans="14:14">
      <c r="N745698" s="10"/>
    </row>
    <row r="745699" spans="14:14">
      <c r="N745699" s="10"/>
    </row>
    <row r="745700" spans="14:14">
      <c r="N745700" s="10"/>
    </row>
    <row r="745701" spans="14:14">
      <c r="N745701" s="10"/>
    </row>
    <row r="745702" spans="14:14">
      <c r="N745702" s="10"/>
    </row>
    <row r="745703" spans="14:14">
      <c r="N745703" s="10"/>
    </row>
    <row r="745704" spans="14:14">
      <c r="N745704" s="10"/>
    </row>
    <row r="745705" spans="14:14">
      <c r="N745705" s="10"/>
    </row>
    <row r="745706" spans="14:14">
      <c r="N745706" s="10"/>
    </row>
    <row r="745707" spans="14:14">
      <c r="N745707" s="10"/>
    </row>
    <row r="745708" spans="14:14">
      <c r="N745708" s="10"/>
    </row>
    <row r="745709" spans="14:14">
      <c r="N745709" s="10"/>
    </row>
    <row r="745710" spans="14:14">
      <c r="N745710" s="10"/>
    </row>
    <row r="745711" spans="14:14">
      <c r="N745711" s="10"/>
    </row>
    <row r="745712" spans="14:14">
      <c r="N745712" s="10"/>
    </row>
    <row r="745713" spans="14:14">
      <c r="N745713" s="10"/>
    </row>
    <row r="745714" spans="14:14">
      <c r="N745714" s="10"/>
    </row>
    <row r="745715" spans="14:14">
      <c r="N745715" s="10"/>
    </row>
    <row r="745716" spans="14:14">
      <c r="N745716" s="10"/>
    </row>
    <row r="745717" spans="14:14">
      <c r="N745717" s="10"/>
    </row>
    <row r="745718" spans="14:14">
      <c r="N745718" s="10"/>
    </row>
    <row r="745719" spans="14:14">
      <c r="N745719" s="10"/>
    </row>
    <row r="745720" spans="14:14">
      <c r="N745720" s="10"/>
    </row>
    <row r="745721" spans="14:14">
      <c r="N745721" s="10"/>
    </row>
    <row r="745722" spans="14:14">
      <c r="N745722" s="10"/>
    </row>
    <row r="745723" spans="14:14">
      <c r="N745723" s="10"/>
    </row>
    <row r="745724" spans="14:14">
      <c r="N745724" s="10"/>
    </row>
    <row r="745725" spans="14:14">
      <c r="N745725" s="10"/>
    </row>
    <row r="745726" spans="14:14">
      <c r="N745726" s="10"/>
    </row>
    <row r="745727" spans="14:14">
      <c r="N745727" s="10"/>
    </row>
    <row r="745728" spans="14:14">
      <c r="N745728" s="10"/>
    </row>
    <row r="745729" spans="14:14">
      <c r="N745729" s="10"/>
    </row>
    <row r="745730" spans="14:14">
      <c r="N745730" s="10"/>
    </row>
    <row r="745731" spans="14:14">
      <c r="N745731" s="10"/>
    </row>
    <row r="745732" spans="14:14">
      <c r="N745732" s="10"/>
    </row>
    <row r="745733" spans="14:14">
      <c r="N745733" s="10"/>
    </row>
    <row r="745734" spans="14:14">
      <c r="N745734" s="10"/>
    </row>
    <row r="745735" spans="14:14">
      <c r="N745735" s="10"/>
    </row>
    <row r="745736" spans="14:14">
      <c r="N745736" s="10"/>
    </row>
    <row r="745737" spans="14:14">
      <c r="N745737" s="10"/>
    </row>
    <row r="745738" spans="14:14">
      <c r="N745738" s="10"/>
    </row>
    <row r="745739" spans="14:14">
      <c r="N745739" s="10"/>
    </row>
    <row r="745740" spans="14:14">
      <c r="N745740" s="10"/>
    </row>
    <row r="745741" spans="14:14">
      <c r="N745741" s="10"/>
    </row>
    <row r="745742" spans="14:14">
      <c r="N745742" s="10"/>
    </row>
    <row r="745743" spans="14:14">
      <c r="N745743" s="10"/>
    </row>
    <row r="745744" spans="14:14">
      <c r="N745744" s="10"/>
    </row>
    <row r="745745" spans="14:14">
      <c r="N745745" s="10"/>
    </row>
    <row r="745746" spans="14:14">
      <c r="N745746" s="10"/>
    </row>
    <row r="745747" spans="14:14">
      <c r="N745747" s="10"/>
    </row>
    <row r="745748" spans="14:14">
      <c r="N745748" s="10"/>
    </row>
    <row r="745749" spans="14:14">
      <c r="N745749" s="10"/>
    </row>
    <row r="745750" spans="14:14">
      <c r="N745750" s="10"/>
    </row>
    <row r="745751" spans="14:14">
      <c r="N745751" s="10"/>
    </row>
    <row r="745752" spans="14:14">
      <c r="N745752" s="10"/>
    </row>
    <row r="745753" spans="14:14">
      <c r="N745753" s="10"/>
    </row>
    <row r="745754" spans="14:14">
      <c r="N745754" s="10"/>
    </row>
    <row r="745755" spans="14:14">
      <c r="N745755" s="10"/>
    </row>
    <row r="745756" spans="14:14">
      <c r="N745756" s="10"/>
    </row>
    <row r="745757" spans="14:14">
      <c r="N745757" s="10"/>
    </row>
    <row r="745758" spans="14:14">
      <c r="N745758" s="10"/>
    </row>
    <row r="745759" spans="14:14">
      <c r="N745759" s="10"/>
    </row>
    <row r="745760" spans="14:14">
      <c r="N745760" s="10"/>
    </row>
    <row r="745761" spans="14:14">
      <c r="N745761" s="10"/>
    </row>
    <row r="745762" spans="14:14">
      <c r="N745762" s="10"/>
    </row>
    <row r="745763" spans="14:14">
      <c r="N745763" s="10"/>
    </row>
    <row r="745764" spans="14:14">
      <c r="N745764" s="10"/>
    </row>
    <row r="745765" spans="14:14">
      <c r="N745765" s="10"/>
    </row>
    <row r="745766" spans="14:14">
      <c r="N745766" s="10"/>
    </row>
    <row r="745767" spans="14:14">
      <c r="N745767" s="10"/>
    </row>
    <row r="745768" spans="14:14">
      <c r="N745768" s="10"/>
    </row>
    <row r="745769" spans="14:14">
      <c r="N745769" s="10"/>
    </row>
    <row r="745770" spans="14:14">
      <c r="N745770" s="10"/>
    </row>
    <row r="745771" spans="14:14">
      <c r="N745771" s="10"/>
    </row>
    <row r="745772" spans="14:14">
      <c r="N745772" s="10"/>
    </row>
    <row r="745773" spans="14:14">
      <c r="N745773" s="10"/>
    </row>
    <row r="745774" spans="14:14">
      <c r="N745774" s="10"/>
    </row>
    <row r="745775" spans="14:14">
      <c r="N745775" s="10"/>
    </row>
    <row r="745776" spans="14:14">
      <c r="N745776" s="10"/>
    </row>
    <row r="745777" spans="14:14">
      <c r="N745777" s="10"/>
    </row>
    <row r="745778" spans="14:14">
      <c r="N745778" s="10"/>
    </row>
    <row r="745779" spans="14:14">
      <c r="N745779" s="10"/>
    </row>
    <row r="745780" spans="14:14">
      <c r="N745780" s="10"/>
    </row>
    <row r="745781" spans="14:14">
      <c r="N745781" s="10"/>
    </row>
    <row r="745782" spans="14:14">
      <c r="N745782" s="10"/>
    </row>
    <row r="745783" spans="14:14">
      <c r="N745783" s="10"/>
    </row>
    <row r="745784" spans="14:14">
      <c r="N745784" s="10"/>
    </row>
    <row r="745785" spans="14:14">
      <c r="N745785" s="10"/>
    </row>
    <row r="745786" spans="14:14">
      <c r="N745786" s="10"/>
    </row>
    <row r="745787" spans="14:14">
      <c r="N745787" s="10"/>
    </row>
    <row r="745788" spans="14:14">
      <c r="N745788" s="10"/>
    </row>
    <row r="745789" spans="14:14">
      <c r="N745789" s="10"/>
    </row>
    <row r="745790" spans="14:14">
      <c r="N745790" s="10"/>
    </row>
    <row r="745791" spans="14:14">
      <c r="N745791" s="10"/>
    </row>
    <row r="745792" spans="14:14">
      <c r="N745792" s="10"/>
    </row>
    <row r="745793" spans="14:14">
      <c r="N745793" s="10"/>
    </row>
    <row r="745794" spans="14:14">
      <c r="N745794" s="10"/>
    </row>
    <row r="745795" spans="14:14">
      <c r="N745795" s="10"/>
    </row>
    <row r="745796" spans="14:14">
      <c r="N745796" s="10"/>
    </row>
    <row r="745797" spans="14:14">
      <c r="N745797" s="10"/>
    </row>
    <row r="745798" spans="14:14">
      <c r="N745798" s="10"/>
    </row>
    <row r="745799" spans="14:14">
      <c r="N745799" s="10"/>
    </row>
    <row r="745800" spans="14:14">
      <c r="N745800" s="10"/>
    </row>
    <row r="745801" spans="14:14">
      <c r="N745801" s="10"/>
    </row>
    <row r="745802" spans="14:14">
      <c r="N745802" s="10"/>
    </row>
    <row r="745803" spans="14:14">
      <c r="N745803" s="10"/>
    </row>
    <row r="745804" spans="14:14">
      <c r="N745804" s="10"/>
    </row>
    <row r="745805" spans="14:14">
      <c r="N745805" s="10"/>
    </row>
    <row r="745806" spans="14:14">
      <c r="N745806" s="10"/>
    </row>
    <row r="745807" spans="14:14">
      <c r="N745807" s="10"/>
    </row>
    <row r="745808" spans="14:14">
      <c r="N745808" s="10"/>
    </row>
    <row r="745809" spans="14:14">
      <c r="N745809" s="10"/>
    </row>
    <row r="745810" spans="14:14">
      <c r="N745810" s="10"/>
    </row>
    <row r="745811" spans="14:14">
      <c r="N745811" s="10"/>
    </row>
    <row r="745812" spans="14:14">
      <c r="N745812" s="10"/>
    </row>
    <row r="745813" spans="14:14">
      <c r="N745813" s="10"/>
    </row>
    <row r="745814" spans="14:14">
      <c r="N745814" s="10"/>
    </row>
    <row r="745815" spans="14:14">
      <c r="N745815" s="10"/>
    </row>
    <row r="745816" spans="14:14">
      <c r="N745816" s="10"/>
    </row>
    <row r="745817" spans="14:14">
      <c r="N745817" s="10"/>
    </row>
    <row r="745818" spans="14:14">
      <c r="N745818" s="10"/>
    </row>
    <row r="745819" spans="14:14">
      <c r="N745819" s="10"/>
    </row>
    <row r="745820" spans="14:14">
      <c r="N745820" s="10"/>
    </row>
    <row r="745821" spans="14:14">
      <c r="N745821" s="10"/>
    </row>
    <row r="745822" spans="14:14">
      <c r="N745822" s="10"/>
    </row>
    <row r="745823" spans="14:14">
      <c r="N745823" s="10"/>
    </row>
    <row r="745824" spans="14:14">
      <c r="N745824" s="10"/>
    </row>
    <row r="745825" spans="14:14">
      <c r="N745825" s="10"/>
    </row>
    <row r="745826" spans="14:14">
      <c r="N745826" s="10"/>
    </row>
    <row r="745827" spans="14:14">
      <c r="N745827" s="10"/>
    </row>
    <row r="745828" spans="14:14">
      <c r="N745828" s="10"/>
    </row>
    <row r="745829" spans="14:14">
      <c r="N745829" s="10"/>
    </row>
    <row r="745830" spans="14:14">
      <c r="N745830" s="10"/>
    </row>
    <row r="745831" spans="14:14">
      <c r="N745831" s="10"/>
    </row>
    <row r="745832" spans="14:14">
      <c r="N745832" s="10"/>
    </row>
    <row r="745833" spans="14:14">
      <c r="N745833" s="10"/>
    </row>
    <row r="745834" spans="14:14">
      <c r="N745834" s="10"/>
    </row>
    <row r="745835" spans="14:14">
      <c r="N745835" s="10"/>
    </row>
    <row r="745836" spans="14:14">
      <c r="N745836" s="10"/>
    </row>
    <row r="745837" spans="14:14">
      <c r="N745837" s="10"/>
    </row>
    <row r="745838" spans="14:14">
      <c r="N745838" s="10"/>
    </row>
    <row r="745839" spans="14:14">
      <c r="N745839" s="10"/>
    </row>
    <row r="745840" spans="14:14">
      <c r="N745840" s="10"/>
    </row>
    <row r="745841" spans="14:14">
      <c r="N745841" s="10"/>
    </row>
    <row r="745842" spans="14:14">
      <c r="N745842" s="10"/>
    </row>
    <row r="745843" spans="14:14">
      <c r="N745843" s="10"/>
    </row>
    <row r="745844" spans="14:14">
      <c r="N745844" s="10"/>
    </row>
    <row r="745845" spans="14:14">
      <c r="N745845" s="10"/>
    </row>
    <row r="745846" spans="14:14">
      <c r="N745846" s="10"/>
    </row>
    <row r="745847" spans="14:14">
      <c r="N745847" s="10"/>
    </row>
    <row r="745848" spans="14:14">
      <c r="N745848" s="10"/>
    </row>
    <row r="745849" spans="14:14">
      <c r="N745849" s="10"/>
    </row>
    <row r="745850" spans="14:14">
      <c r="N745850" s="10"/>
    </row>
    <row r="745851" spans="14:14">
      <c r="N745851" s="10"/>
    </row>
    <row r="745852" spans="14:14">
      <c r="N745852" s="10"/>
    </row>
    <row r="745853" spans="14:14">
      <c r="N745853" s="10"/>
    </row>
    <row r="745854" spans="14:14">
      <c r="N745854" s="10"/>
    </row>
    <row r="745855" spans="14:14">
      <c r="N745855" s="10"/>
    </row>
    <row r="745856" spans="14:14">
      <c r="N745856" s="10"/>
    </row>
    <row r="745857" spans="14:14">
      <c r="N745857" s="10"/>
    </row>
    <row r="745858" spans="14:14">
      <c r="N745858" s="10"/>
    </row>
    <row r="745859" spans="14:14">
      <c r="N745859" s="10"/>
    </row>
    <row r="745860" spans="14:14">
      <c r="N745860" s="10"/>
    </row>
    <row r="745861" spans="14:14">
      <c r="N745861" s="10"/>
    </row>
    <row r="745862" spans="14:14">
      <c r="N745862" s="10"/>
    </row>
    <row r="745863" spans="14:14">
      <c r="N745863" s="10"/>
    </row>
    <row r="745864" spans="14:14">
      <c r="N745864" s="10"/>
    </row>
    <row r="745865" spans="14:14">
      <c r="N745865" s="10"/>
    </row>
    <row r="745866" spans="14:14">
      <c r="N745866" s="10"/>
    </row>
    <row r="745867" spans="14:14">
      <c r="N745867" s="10"/>
    </row>
    <row r="745868" spans="14:14">
      <c r="N745868" s="10"/>
    </row>
    <row r="745869" spans="14:14">
      <c r="N745869" s="10"/>
    </row>
    <row r="745870" spans="14:14">
      <c r="N745870" s="10"/>
    </row>
    <row r="745871" spans="14:14">
      <c r="N745871" s="10"/>
    </row>
    <row r="745872" spans="14:14">
      <c r="N745872" s="10"/>
    </row>
    <row r="745873" spans="14:14">
      <c r="N745873" s="10"/>
    </row>
    <row r="745874" spans="14:14">
      <c r="N745874" s="10"/>
    </row>
    <row r="745875" spans="14:14">
      <c r="N745875" s="10"/>
    </row>
    <row r="745876" spans="14:14">
      <c r="N745876" s="10"/>
    </row>
    <row r="745877" spans="14:14">
      <c r="N745877" s="10"/>
    </row>
    <row r="745878" spans="14:14">
      <c r="N745878" s="10"/>
    </row>
    <row r="745879" spans="14:14">
      <c r="N745879" s="10"/>
    </row>
    <row r="745880" spans="14:14">
      <c r="N745880" s="10"/>
    </row>
    <row r="745881" spans="14:14">
      <c r="N745881" s="10"/>
    </row>
    <row r="745882" spans="14:14">
      <c r="N745882" s="10"/>
    </row>
    <row r="745883" spans="14:14">
      <c r="N745883" s="10"/>
    </row>
    <row r="745884" spans="14:14">
      <c r="N745884" s="10"/>
    </row>
    <row r="745885" spans="14:14">
      <c r="N745885" s="10"/>
    </row>
    <row r="745886" spans="14:14">
      <c r="N745886" s="10"/>
    </row>
    <row r="745887" spans="14:14">
      <c r="N745887" s="10"/>
    </row>
    <row r="745888" spans="14:14">
      <c r="N745888" s="10"/>
    </row>
    <row r="745889" spans="14:14">
      <c r="N745889" s="10"/>
    </row>
    <row r="745890" spans="14:14">
      <c r="N745890" s="10"/>
    </row>
    <row r="745891" spans="14:14">
      <c r="N745891" s="10"/>
    </row>
    <row r="745892" spans="14:14">
      <c r="N745892" s="10"/>
    </row>
    <row r="745893" spans="14:14">
      <c r="N745893" s="10"/>
    </row>
    <row r="745894" spans="14:14">
      <c r="N745894" s="10"/>
    </row>
    <row r="745895" spans="14:14">
      <c r="N745895" s="10"/>
    </row>
    <row r="745896" spans="14:14">
      <c r="N745896" s="10"/>
    </row>
    <row r="745897" spans="14:14">
      <c r="N745897" s="10"/>
    </row>
    <row r="745898" spans="14:14">
      <c r="N745898" s="10"/>
    </row>
    <row r="745899" spans="14:14">
      <c r="N745899" s="10"/>
    </row>
    <row r="745900" spans="14:14">
      <c r="N745900" s="10"/>
    </row>
    <row r="745901" spans="14:14">
      <c r="N745901" s="10"/>
    </row>
    <row r="745902" spans="14:14">
      <c r="N745902" s="10"/>
    </row>
    <row r="745903" spans="14:14">
      <c r="N745903" s="10"/>
    </row>
    <row r="745904" spans="14:14">
      <c r="N745904" s="10"/>
    </row>
    <row r="745905" spans="14:14">
      <c r="N745905" s="10"/>
    </row>
    <row r="745906" spans="14:14">
      <c r="N745906" s="10"/>
    </row>
    <row r="745907" spans="14:14">
      <c r="N745907" s="10"/>
    </row>
    <row r="745908" spans="14:14">
      <c r="N745908" s="10"/>
    </row>
    <row r="745909" spans="14:14">
      <c r="N745909" s="10"/>
    </row>
    <row r="745910" spans="14:14">
      <c r="N745910" s="10"/>
    </row>
    <row r="745911" spans="14:14">
      <c r="N745911" s="10"/>
    </row>
    <row r="745912" spans="14:14">
      <c r="N745912" s="10"/>
    </row>
    <row r="745913" spans="14:14">
      <c r="N745913" s="10"/>
    </row>
    <row r="745914" spans="14:14">
      <c r="N745914" s="10"/>
    </row>
    <row r="745915" spans="14:14">
      <c r="N745915" s="10"/>
    </row>
    <row r="745916" spans="14:14">
      <c r="N745916" s="10"/>
    </row>
    <row r="745917" spans="14:14">
      <c r="N745917" s="10"/>
    </row>
    <row r="745918" spans="14:14">
      <c r="N745918" s="10"/>
    </row>
    <row r="745919" spans="14:14">
      <c r="N745919" s="10"/>
    </row>
    <row r="745920" spans="14:14">
      <c r="N745920" s="10"/>
    </row>
    <row r="745921" spans="14:14">
      <c r="N745921" s="10"/>
    </row>
    <row r="745922" spans="14:14">
      <c r="N745922" s="10"/>
    </row>
    <row r="745923" spans="14:14">
      <c r="N745923" s="10"/>
    </row>
    <row r="745924" spans="14:14">
      <c r="N745924" s="10"/>
    </row>
    <row r="745925" spans="14:14">
      <c r="N745925" s="10"/>
    </row>
    <row r="745926" spans="14:14">
      <c r="N745926" s="10"/>
    </row>
    <row r="745927" spans="14:14">
      <c r="N745927" s="10"/>
    </row>
    <row r="745928" spans="14:14">
      <c r="N745928" s="10"/>
    </row>
    <row r="745929" spans="14:14">
      <c r="N745929" s="10"/>
    </row>
    <row r="745930" spans="14:14">
      <c r="N745930" s="10"/>
    </row>
    <row r="745931" spans="14:14">
      <c r="N745931" s="10"/>
    </row>
    <row r="745932" spans="14:14">
      <c r="N745932" s="10"/>
    </row>
    <row r="745933" spans="14:14">
      <c r="N745933" s="10"/>
    </row>
    <row r="745934" spans="14:14">
      <c r="N745934" s="10"/>
    </row>
    <row r="745935" spans="14:14">
      <c r="N745935" s="10"/>
    </row>
    <row r="745936" spans="14:14">
      <c r="N745936" s="10"/>
    </row>
    <row r="745937" spans="14:14">
      <c r="N745937" s="10"/>
    </row>
    <row r="745938" spans="14:14">
      <c r="N745938" s="10"/>
    </row>
    <row r="745939" spans="14:14">
      <c r="N745939" s="10"/>
    </row>
    <row r="745940" spans="14:14">
      <c r="N745940" s="10"/>
    </row>
    <row r="745941" spans="14:14">
      <c r="N745941" s="10"/>
    </row>
    <row r="745942" spans="14:14">
      <c r="N745942" s="10"/>
    </row>
    <row r="745943" spans="14:14">
      <c r="N745943" s="10"/>
    </row>
    <row r="745944" spans="14:14">
      <c r="N745944" s="10"/>
    </row>
    <row r="745945" spans="14:14">
      <c r="N745945" s="10"/>
    </row>
    <row r="745946" spans="14:14">
      <c r="N745946" s="10"/>
    </row>
    <row r="745947" spans="14:14">
      <c r="N745947" s="10"/>
    </row>
    <row r="745948" spans="14:14">
      <c r="N745948" s="10"/>
    </row>
    <row r="745949" spans="14:14">
      <c r="N745949" s="10"/>
    </row>
    <row r="745950" spans="14:14">
      <c r="N745950" s="10"/>
    </row>
    <row r="745951" spans="14:14">
      <c r="N745951" s="10"/>
    </row>
    <row r="745952" spans="14:14">
      <c r="N745952" s="10"/>
    </row>
    <row r="745953" spans="14:14">
      <c r="N745953" s="10"/>
    </row>
    <row r="745954" spans="14:14">
      <c r="N745954" s="10"/>
    </row>
    <row r="745955" spans="14:14">
      <c r="N745955" s="10"/>
    </row>
    <row r="745956" spans="14:14">
      <c r="N745956" s="10"/>
    </row>
    <row r="745957" spans="14:14">
      <c r="N745957" s="10"/>
    </row>
    <row r="745958" spans="14:14">
      <c r="N745958" s="10"/>
    </row>
    <row r="745959" spans="14:14">
      <c r="N745959" s="10"/>
    </row>
    <row r="745960" spans="14:14">
      <c r="N745960" s="10"/>
    </row>
    <row r="745961" spans="14:14">
      <c r="N745961" s="10"/>
    </row>
    <row r="745962" spans="14:14">
      <c r="N745962" s="10"/>
    </row>
    <row r="745963" spans="14:14">
      <c r="N745963" s="10"/>
    </row>
    <row r="745964" spans="14:14">
      <c r="N745964" s="10"/>
    </row>
    <row r="745965" spans="14:14">
      <c r="N745965" s="10"/>
    </row>
    <row r="745966" spans="14:14">
      <c r="N745966" s="10"/>
    </row>
    <row r="745967" spans="14:14">
      <c r="N745967" s="10"/>
    </row>
    <row r="745968" spans="14:14">
      <c r="N745968" s="10"/>
    </row>
    <row r="745969" spans="14:14">
      <c r="N745969" s="10"/>
    </row>
    <row r="745970" spans="14:14">
      <c r="N745970" s="10"/>
    </row>
    <row r="745971" spans="14:14">
      <c r="N745971" s="10"/>
    </row>
    <row r="745972" spans="14:14">
      <c r="N745972" s="10"/>
    </row>
    <row r="745973" spans="14:14">
      <c r="N745973" s="10"/>
    </row>
    <row r="745974" spans="14:14">
      <c r="N745974" s="10"/>
    </row>
    <row r="745975" spans="14:14">
      <c r="N745975" s="10"/>
    </row>
    <row r="745976" spans="14:14">
      <c r="N745976" s="10"/>
    </row>
    <row r="745977" spans="14:14">
      <c r="N745977" s="10"/>
    </row>
    <row r="745978" spans="14:14">
      <c r="N745978" s="10"/>
    </row>
    <row r="745979" spans="14:14">
      <c r="N745979" s="10"/>
    </row>
    <row r="745980" spans="14:14">
      <c r="N745980" s="10"/>
    </row>
    <row r="745981" spans="14:14">
      <c r="N745981" s="10"/>
    </row>
    <row r="745982" spans="14:14">
      <c r="N745982" s="10"/>
    </row>
    <row r="745983" spans="14:14">
      <c r="N745983" s="10"/>
    </row>
    <row r="745984" spans="14:14">
      <c r="N745984" s="10"/>
    </row>
    <row r="745985" spans="14:14">
      <c r="N745985" s="10"/>
    </row>
    <row r="745986" spans="14:14">
      <c r="N745986" s="10"/>
    </row>
    <row r="745987" spans="14:14">
      <c r="N745987" s="10"/>
    </row>
    <row r="745988" spans="14:14">
      <c r="N745988" s="10"/>
    </row>
    <row r="745989" spans="14:14">
      <c r="N745989" s="10"/>
    </row>
    <row r="745990" spans="14:14">
      <c r="N745990" s="10"/>
    </row>
    <row r="745991" spans="14:14">
      <c r="N745991" s="10"/>
    </row>
    <row r="745992" spans="14:14">
      <c r="N745992" s="10"/>
    </row>
    <row r="745993" spans="14:14">
      <c r="N745993" s="10"/>
    </row>
    <row r="745994" spans="14:14">
      <c r="N745994" s="10"/>
    </row>
    <row r="745995" spans="14:14">
      <c r="N745995" s="10"/>
    </row>
    <row r="745996" spans="14:14">
      <c r="N745996" s="10"/>
    </row>
    <row r="745997" spans="14:14">
      <c r="N745997" s="10"/>
    </row>
    <row r="745998" spans="14:14">
      <c r="N745998" s="10"/>
    </row>
    <row r="745999" spans="14:14">
      <c r="N745999" s="10"/>
    </row>
    <row r="746000" spans="14:14">
      <c r="N746000" s="10"/>
    </row>
    <row r="746001" spans="14:14">
      <c r="N746001" s="10"/>
    </row>
    <row r="746002" spans="14:14">
      <c r="N746002" s="10"/>
    </row>
    <row r="746003" spans="14:14">
      <c r="N746003" s="10"/>
    </row>
    <row r="746004" spans="14:14">
      <c r="N746004" s="10"/>
    </row>
    <row r="746005" spans="14:14">
      <c r="N746005" s="10"/>
    </row>
    <row r="746006" spans="14:14">
      <c r="N746006" s="10"/>
    </row>
    <row r="746007" spans="14:14">
      <c r="N746007" s="10"/>
    </row>
    <row r="746008" spans="14:14">
      <c r="N746008" s="10"/>
    </row>
    <row r="746009" spans="14:14">
      <c r="N746009" s="10"/>
    </row>
    <row r="746010" spans="14:14">
      <c r="N746010" s="10"/>
    </row>
    <row r="746011" spans="14:14">
      <c r="N746011" s="10"/>
    </row>
    <row r="746012" spans="14:14">
      <c r="N746012" s="10"/>
    </row>
    <row r="746013" spans="14:14">
      <c r="N746013" s="10"/>
    </row>
    <row r="746014" spans="14:14">
      <c r="N746014" s="10"/>
    </row>
    <row r="746015" spans="14:14">
      <c r="N746015" s="10"/>
    </row>
    <row r="746016" spans="14:14">
      <c r="N746016" s="10"/>
    </row>
    <row r="746017" spans="14:14">
      <c r="N746017" s="10"/>
    </row>
    <row r="746018" spans="14:14">
      <c r="N746018" s="10"/>
    </row>
    <row r="746019" spans="14:14">
      <c r="N746019" s="10"/>
    </row>
    <row r="746020" spans="14:14">
      <c r="N746020" s="10"/>
    </row>
    <row r="746021" spans="14:14">
      <c r="N746021" s="10"/>
    </row>
    <row r="746022" spans="14:14">
      <c r="N746022" s="10"/>
    </row>
    <row r="746023" spans="14:14">
      <c r="N746023" s="10"/>
    </row>
    <row r="746024" spans="14:14">
      <c r="N746024" s="10"/>
    </row>
    <row r="746025" spans="14:14">
      <c r="N746025" s="10"/>
    </row>
    <row r="746026" spans="14:14">
      <c r="N746026" s="10"/>
    </row>
    <row r="746027" spans="14:14">
      <c r="N746027" s="10"/>
    </row>
    <row r="746028" spans="14:14">
      <c r="N746028" s="10"/>
    </row>
    <row r="746029" spans="14:14">
      <c r="N746029" s="10"/>
    </row>
    <row r="746030" spans="14:14">
      <c r="N746030" s="10"/>
    </row>
    <row r="746031" spans="14:14">
      <c r="N746031" s="10"/>
    </row>
    <row r="746032" spans="14:14">
      <c r="N746032" s="10"/>
    </row>
    <row r="746033" spans="14:14">
      <c r="N746033" s="10"/>
    </row>
    <row r="746034" spans="14:14">
      <c r="N746034" s="10"/>
    </row>
    <row r="746035" spans="14:14">
      <c r="N746035" s="10"/>
    </row>
    <row r="746036" spans="14:14">
      <c r="N746036" s="10"/>
    </row>
    <row r="746037" spans="14:14">
      <c r="N746037" s="10"/>
    </row>
    <row r="746038" spans="14:14">
      <c r="N746038" s="10"/>
    </row>
    <row r="746039" spans="14:14">
      <c r="N746039" s="10"/>
    </row>
    <row r="746040" spans="14:14">
      <c r="N746040" s="10"/>
    </row>
    <row r="746041" spans="14:14">
      <c r="N746041" s="10"/>
    </row>
    <row r="746042" spans="14:14">
      <c r="N746042" s="10"/>
    </row>
    <row r="746043" spans="14:14">
      <c r="N746043" s="10"/>
    </row>
    <row r="746044" spans="14:14">
      <c r="N746044" s="10"/>
    </row>
    <row r="746045" spans="14:14">
      <c r="N746045" s="10"/>
    </row>
    <row r="746046" spans="14:14">
      <c r="N746046" s="10"/>
    </row>
    <row r="746047" spans="14:14">
      <c r="N746047" s="10"/>
    </row>
    <row r="746048" spans="14:14">
      <c r="N746048" s="10"/>
    </row>
    <row r="746049" spans="14:14">
      <c r="N746049" s="10"/>
    </row>
    <row r="746050" spans="14:14">
      <c r="N746050" s="10"/>
    </row>
    <row r="746051" spans="14:14">
      <c r="N746051" s="10"/>
    </row>
    <row r="746052" spans="14:14">
      <c r="N746052" s="10"/>
    </row>
    <row r="746053" spans="14:14">
      <c r="N746053" s="10"/>
    </row>
    <row r="746054" spans="14:14">
      <c r="N746054" s="10"/>
    </row>
    <row r="746055" spans="14:14">
      <c r="N746055" s="10"/>
    </row>
    <row r="746056" spans="14:14">
      <c r="N746056" s="10"/>
    </row>
    <row r="746057" spans="14:14">
      <c r="N746057" s="10"/>
    </row>
    <row r="746058" spans="14:14">
      <c r="N746058" s="10"/>
    </row>
    <row r="746059" spans="14:14">
      <c r="N746059" s="10"/>
    </row>
    <row r="746060" spans="14:14">
      <c r="N746060" s="10"/>
    </row>
    <row r="746061" spans="14:14">
      <c r="N746061" s="10"/>
    </row>
    <row r="746062" spans="14:14">
      <c r="N746062" s="10"/>
    </row>
    <row r="746063" spans="14:14">
      <c r="N746063" s="10"/>
    </row>
    <row r="746064" spans="14:14">
      <c r="N746064" s="10"/>
    </row>
    <row r="746065" spans="14:14">
      <c r="N746065" s="10"/>
    </row>
    <row r="746066" spans="14:14">
      <c r="N746066" s="10"/>
    </row>
    <row r="746067" spans="14:14">
      <c r="N746067" s="10"/>
    </row>
    <row r="746068" spans="14:14">
      <c r="N746068" s="10"/>
    </row>
    <row r="746069" spans="14:14">
      <c r="N746069" s="10"/>
    </row>
    <row r="746070" spans="14:14">
      <c r="N746070" s="10"/>
    </row>
    <row r="746071" spans="14:14">
      <c r="N746071" s="10"/>
    </row>
    <row r="746072" spans="14:14">
      <c r="N746072" s="10"/>
    </row>
    <row r="746073" spans="14:14">
      <c r="N746073" s="10"/>
    </row>
    <row r="746074" spans="14:14">
      <c r="N746074" s="10"/>
    </row>
    <row r="746075" spans="14:14">
      <c r="N746075" s="10"/>
    </row>
    <row r="746076" spans="14:14">
      <c r="N746076" s="10"/>
    </row>
    <row r="746077" spans="14:14">
      <c r="N746077" s="10"/>
    </row>
    <row r="746078" spans="14:14">
      <c r="N746078" s="10"/>
    </row>
    <row r="746079" spans="14:14">
      <c r="N746079" s="10"/>
    </row>
    <row r="746080" spans="14:14">
      <c r="N746080" s="10"/>
    </row>
    <row r="746081" spans="14:14">
      <c r="N746081" s="10"/>
    </row>
    <row r="746082" spans="14:14">
      <c r="N746082" s="10"/>
    </row>
    <row r="746083" spans="14:14">
      <c r="N746083" s="10"/>
    </row>
    <row r="746084" spans="14:14">
      <c r="N746084" s="10"/>
    </row>
    <row r="746085" spans="14:14">
      <c r="N746085" s="10"/>
    </row>
    <row r="746086" spans="14:14">
      <c r="N746086" s="10"/>
    </row>
    <row r="746087" spans="14:14">
      <c r="N746087" s="10"/>
    </row>
    <row r="746088" spans="14:14">
      <c r="N746088" s="10"/>
    </row>
    <row r="746089" spans="14:14">
      <c r="N746089" s="10"/>
    </row>
    <row r="746090" spans="14:14">
      <c r="N746090" s="10"/>
    </row>
    <row r="746091" spans="14:14">
      <c r="N746091" s="10"/>
    </row>
    <row r="746092" spans="14:14">
      <c r="N746092" s="10"/>
    </row>
    <row r="746093" spans="14:14">
      <c r="N746093" s="10"/>
    </row>
    <row r="746094" spans="14:14">
      <c r="N746094" s="10"/>
    </row>
    <row r="746095" spans="14:14">
      <c r="N746095" s="10"/>
    </row>
    <row r="746096" spans="14:14">
      <c r="N746096" s="10"/>
    </row>
    <row r="746097" spans="14:14">
      <c r="N746097" s="10"/>
    </row>
    <row r="746098" spans="14:14">
      <c r="N746098" s="10"/>
    </row>
    <row r="746099" spans="14:14">
      <c r="N746099" s="10"/>
    </row>
    <row r="746100" spans="14:14">
      <c r="N746100" s="10"/>
    </row>
    <row r="746101" spans="14:14">
      <c r="N746101" s="10"/>
    </row>
    <row r="746102" spans="14:14">
      <c r="N746102" s="10"/>
    </row>
    <row r="746103" spans="14:14">
      <c r="N746103" s="10"/>
    </row>
    <row r="746104" spans="14:14">
      <c r="N746104" s="10"/>
    </row>
    <row r="746105" spans="14:14">
      <c r="N746105" s="10"/>
    </row>
    <row r="746106" spans="14:14">
      <c r="N746106" s="10"/>
    </row>
    <row r="746107" spans="14:14">
      <c r="N746107" s="10"/>
    </row>
    <row r="746108" spans="14:14">
      <c r="N746108" s="10"/>
    </row>
    <row r="746109" spans="14:14">
      <c r="N746109" s="10"/>
    </row>
    <row r="746110" spans="14:14">
      <c r="N746110" s="10"/>
    </row>
    <row r="746111" spans="14:14">
      <c r="N746111" s="10"/>
    </row>
    <row r="746112" spans="14:14">
      <c r="N746112" s="10"/>
    </row>
    <row r="746113" spans="14:14">
      <c r="N746113" s="10"/>
    </row>
    <row r="746114" spans="14:14">
      <c r="N746114" s="10"/>
    </row>
    <row r="746115" spans="14:14">
      <c r="N746115" s="10"/>
    </row>
    <row r="746116" spans="14:14">
      <c r="N746116" s="10"/>
    </row>
    <row r="746117" spans="14:14">
      <c r="N746117" s="10"/>
    </row>
    <row r="746118" spans="14:14">
      <c r="N746118" s="10"/>
    </row>
    <row r="746119" spans="14:14">
      <c r="N746119" s="10"/>
    </row>
    <row r="746120" spans="14:14">
      <c r="N746120" s="10"/>
    </row>
    <row r="746121" spans="14:14">
      <c r="N746121" s="10"/>
    </row>
    <row r="746122" spans="14:14">
      <c r="N746122" s="10"/>
    </row>
    <row r="746123" spans="14:14">
      <c r="N746123" s="10"/>
    </row>
    <row r="746124" spans="14:14">
      <c r="N746124" s="10"/>
    </row>
    <row r="746125" spans="14:14">
      <c r="N746125" s="10"/>
    </row>
    <row r="746126" spans="14:14">
      <c r="N746126" s="10"/>
    </row>
    <row r="746127" spans="14:14">
      <c r="N746127" s="10"/>
    </row>
    <row r="746128" spans="14:14">
      <c r="N746128" s="10"/>
    </row>
    <row r="746129" spans="14:14">
      <c r="N746129" s="10"/>
    </row>
    <row r="746130" spans="14:14">
      <c r="N746130" s="10"/>
    </row>
    <row r="746131" spans="14:14">
      <c r="N746131" s="10"/>
    </row>
    <row r="746132" spans="14:14">
      <c r="N746132" s="10"/>
    </row>
    <row r="746133" spans="14:14">
      <c r="N746133" s="10"/>
    </row>
    <row r="746134" spans="14:14">
      <c r="N746134" s="10"/>
    </row>
    <row r="746135" spans="14:14">
      <c r="N746135" s="10"/>
    </row>
    <row r="746136" spans="14:14">
      <c r="N746136" s="10"/>
    </row>
    <row r="746137" spans="14:14">
      <c r="N746137" s="10"/>
    </row>
    <row r="746138" spans="14:14">
      <c r="N746138" s="10"/>
    </row>
    <row r="746139" spans="14:14">
      <c r="N746139" s="10"/>
    </row>
    <row r="746140" spans="14:14">
      <c r="N746140" s="10"/>
    </row>
    <row r="746141" spans="14:14">
      <c r="N746141" s="10"/>
    </row>
    <row r="746142" spans="14:14">
      <c r="N746142" s="10"/>
    </row>
    <row r="746143" spans="14:14">
      <c r="N746143" s="10"/>
    </row>
    <row r="746144" spans="14:14">
      <c r="N746144" s="10"/>
    </row>
    <row r="746145" spans="14:14">
      <c r="N746145" s="10"/>
    </row>
    <row r="746146" spans="14:14">
      <c r="N746146" s="10"/>
    </row>
    <row r="746147" spans="14:14">
      <c r="N746147" s="10"/>
    </row>
    <row r="746148" spans="14:14">
      <c r="N746148" s="10"/>
    </row>
    <row r="746149" spans="14:14">
      <c r="N746149" s="10"/>
    </row>
    <row r="746150" spans="14:14">
      <c r="N746150" s="10"/>
    </row>
    <row r="746151" spans="14:14">
      <c r="N746151" s="10"/>
    </row>
    <row r="746152" spans="14:14">
      <c r="N746152" s="10"/>
    </row>
    <row r="746153" spans="14:14">
      <c r="N746153" s="10"/>
    </row>
    <row r="746154" spans="14:14">
      <c r="N746154" s="10"/>
    </row>
    <row r="746155" spans="14:14">
      <c r="N746155" s="10"/>
    </row>
    <row r="746156" spans="14:14">
      <c r="N746156" s="10"/>
    </row>
    <row r="746157" spans="14:14">
      <c r="N746157" s="10"/>
    </row>
    <row r="746158" spans="14:14">
      <c r="N746158" s="10"/>
    </row>
    <row r="746159" spans="14:14">
      <c r="N746159" s="10"/>
    </row>
    <row r="746160" spans="14:14">
      <c r="N746160" s="10"/>
    </row>
    <row r="746161" spans="14:14">
      <c r="N746161" s="10"/>
    </row>
    <row r="746162" spans="14:14">
      <c r="N746162" s="10"/>
    </row>
    <row r="746163" spans="14:14">
      <c r="N746163" s="10"/>
    </row>
    <row r="746164" spans="14:14">
      <c r="N746164" s="10"/>
    </row>
    <row r="746165" spans="14:14">
      <c r="N746165" s="10"/>
    </row>
    <row r="746166" spans="14:14">
      <c r="N746166" s="10"/>
    </row>
    <row r="746167" spans="14:14">
      <c r="N746167" s="10"/>
    </row>
    <row r="746168" spans="14:14">
      <c r="N746168" s="10"/>
    </row>
    <row r="746169" spans="14:14">
      <c r="N746169" s="10"/>
    </row>
    <row r="746170" spans="14:14">
      <c r="N746170" s="10"/>
    </row>
    <row r="746171" spans="14:14">
      <c r="N746171" s="10"/>
    </row>
    <row r="746172" spans="14:14">
      <c r="N746172" s="10"/>
    </row>
    <row r="746173" spans="14:14">
      <c r="N746173" s="10"/>
    </row>
    <row r="746174" spans="14:14">
      <c r="N746174" s="10"/>
    </row>
    <row r="746175" spans="14:14">
      <c r="N746175" s="10"/>
    </row>
    <row r="746176" spans="14:14">
      <c r="N746176" s="10"/>
    </row>
    <row r="746177" spans="14:14">
      <c r="N746177" s="10"/>
    </row>
    <row r="746178" spans="14:14">
      <c r="N746178" s="10"/>
    </row>
    <row r="746179" spans="14:14">
      <c r="N746179" s="10"/>
    </row>
    <row r="746180" spans="14:14">
      <c r="N746180" s="10"/>
    </row>
    <row r="746181" spans="14:14">
      <c r="N746181" s="10"/>
    </row>
    <row r="746182" spans="14:14">
      <c r="N746182" s="10"/>
    </row>
    <row r="746183" spans="14:14">
      <c r="N746183" s="10"/>
    </row>
    <row r="746184" spans="14:14">
      <c r="N746184" s="10"/>
    </row>
    <row r="746185" spans="14:14">
      <c r="N746185" s="10"/>
    </row>
    <row r="746186" spans="14:14">
      <c r="N746186" s="10"/>
    </row>
    <row r="746187" spans="14:14">
      <c r="N746187" s="10"/>
    </row>
    <row r="746188" spans="14:14">
      <c r="N746188" s="10"/>
    </row>
    <row r="746189" spans="14:14">
      <c r="N746189" s="10"/>
    </row>
    <row r="746190" spans="14:14">
      <c r="N746190" s="10"/>
    </row>
    <row r="746191" spans="14:14">
      <c r="N746191" s="10"/>
    </row>
    <row r="746192" spans="14:14">
      <c r="N746192" s="10"/>
    </row>
    <row r="746193" spans="14:14">
      <c r="N746193" s="10"/>
    </row>
    <row r="746194" spans="14:14">
      <c r="N746194" s="10"/>
    </row>
    <row r="746195" spans="14:14">
      <c r="N746195" s="10"/>
    </row>
    <row r="746196" spans="14:14">
      <c r="N746196" s="10"/>
    </row>
    <row r="746197" spans="14:14">
      <c r="N746197" s="10"/>
    </row>
    <row r="746198" spans="14:14">
      <c r="N746198" s="10"/>
    </row>
    <row r="746199" spans="14:14">
      <c r="N746199" s="10"/>
    </row>
    <row r="746200" spans="14:14">
      <c r="N746200" s="10"/>
    </row>
    <row r="746201" spans="14:14">
      <c r="N746201" s="10"/>
    </row>
    <row r="746202" spans="14:14">
      <c r="N746202" s="10"/>
    </row>
    <row r="746203" spans="14:14">
      <c r="N746203" s="10"/>
    </row>
    <row r="746204" spans="14:14">
      <c r="N746204" s="10"/>
    </row>
    <row r="746205" spans="14:14">
      <c r="N746205" s="10"/>
    </row>
    <row r="746206" spans="14:14">
      <c r="N746206" s="10"/>
    </row>
    <row r="746207" spans="14:14">
      <c r="N746207" s="10"/>
    </row>
    <row r="746208" spans="14:14">
      <c r="N746208" s="10"/>
    </row>
    <row r="746209" spans="14:14">
      <c r="N746209" s="10"/>
    </row>
    <row r="746210" spans="14:14">
      <c r="N746210" s="10"/>
    </row>
    <row r="746211" spans="14:14">
      <c r="N746211" s="10"/>
    </row>
    <row r="746212" spans="14:14">
      <c r="N746212" s="10"/>
    </row>
    <row r="746213" spans="14:14">
      <c r="N746213" s="10"/>
    </row>
    <row r="746214" spans="14:14">
      <c r="N746214" s="10"/>
    </row>
    <row r="746215" spans="14:14">
      <c r="N746215" s="10"/>
    </row>
    <row r="746216" spans="14:14">
      <c r="N746216" s="10"/>
    </row>
    <row r="746217" spans="14:14">
      <c r="N746217" s="10"/>
    </row>
    <row r="746218" spans="14:14">
      <c r="N746218" s="10"/>
    </row>
    <row r="746219" spans="14:14">
      <c r="N746219" s="10"/>
    </row>
    <row r="746220" spans="14:14">
      <c r="N746220" s="10"/>
    </row>
    <row r="746221" spans="14:14">
      <c r="N746221" s="10"/>
    </row>
    <row r="746222" spans="14:14">
      <c r="N746222" s="10"/>
    </row>
    <row r="746223" spans="14:14">
      <c r="N746223" s="10"/>
    </row>
    <row r="746224" spans="14:14">
      <c r="N746224" s="10"/>
    </row>
    <row r="746225" spans="14:14">
      <c r="N746225" s="10"/>
    </row>
    <row r="746226" spans="14:14">
      <c r="N746226" s="10"/>
    </row>
    <row r="746227" spans="14:14">
      <c r="N746227" s="10"/>
    </row>
    <row r="746228" spans="14:14">
      <c r="N746228" s="10"/>
    </row>
    <row r="746229" spans="14:14">
      <c r="N746229" s="10"/>
    </row>
    <row r="746230" spans="14:14">
      <c r="N746230" s="10"/>
    </row>
    <row r="746231" spans="14:14">
      <c r="N746231" s="10"/>
    </row>
    <row r="746232" spans="14:14">
      <c r="N746232" s="10"/>
    </row>
    <row r="746233" spans="14:14">
      <c r="N746233" s="10"/>
    </row>
    <row r="746234" spans="14:14">
      <c r="N746234" s="10"/>
    </row>
    <row r="746235" spans="14:14">
      <c r="N746235" s="10"/>
    </row>
    <row r="746236" spans="14:14">
      <c r="N746236" s="10"/>
    </row>
    <row r="746237" spans="14:14">
      <c r="N746237" s="10"/>
    </row>
    <row r="746238" spans="14:14">
      <c r="N746238" s="10"/>
    </row>
    <row r="746239" spans="14:14">
      <c r="N746239" s="10"/>
    </row>
    <row r="746240" spans="14:14">
      <c r="N746240" s="10"/>
    </row>
    <row r="746241" spans="14:14">
      <c r="N746241" s="10"/>
    </row>
    <row r="746242" spans="14:14">
      <c r="N746242" s="10"/>
    </row>
    <row r="746243" spans="14:14">
      <c r="N746243" s="10"/>
    </row>
    <row r="746244" spans="14:14">
      <c r="N746244" s="10"/>
    </row>
    <row r="746245" spans="14:14">
      <c r="N746245" s="10"/>
    </row>
    <row r="746246" spans="14:14">
      <c r="N746246" s="10"/>
    </row>
    <row r="746247" spans="14:14">
      <c r="N746247" s="10"/>
    </row>
    <row r="746248" spans="14:14">
      <c r="N746248" s="10"/>
    </row>
    <row r="746249" spans="14:14">
      <c r="N746249" s="10"/>
    </row>
    <row r="746250" spans="14:14">
      <c r="N746250" s="10"/>
    </row>
    <row r="746251" spans="14:14">
      <c r="N746251" s="10"/>
    </row>
    <row r="746252" spans="14:14">
      <c r="N746252" s="10"/>
    </row>
    <row r="746253" spans="14:14">
      <c r="N746253" s="10"/>
    </row>
    <row r="746254" spans="14:14">
      <c r="N746254" s="10"/>
    </row>
    <row r="746255" spans="14:14">
      <c r="N746255" s="10"/>
    </row>
    <row r="746256" spans="14:14">
      <c r="N746256" s="10"/>
    </row>
    <row r="746257" spans="14:14">
      <c r="N746257" s="10"/>
    </row>
    <row r="746258" spans="14:14">
      <c r="N746258" s="10"/>
    </row>
    <row r="746259" spans="14:14">
      <c r="N746259" s="10"/>
    </row>
    <row r="746260" spans="14:14">
      <c r="N746260" s="10"/>
    </row>
    <row r="746261" spans="14:14">
      <c r="N746261" s="10"/>
    </row>
    <row r="746262" spans="14:14">
      <c r="N746262" s="10"/>
    </row>
    <row r="746263" spans="14:14">
      <c r="N746263" s="10"/>
    </row>
    <row r="746264" spans="14:14">
      <c r="N746264" s="10"/>
    </row>
    <row r="746265" spans="14:14">
      <c r="N746265" s="10"/>
    </row>
    <row r="746266" spans="14:14">
      <c r="N746266" s="10"/>
    </row>
    <row r="746267" spans="14:14">
      <c r="N746267" s="10"/>
    </row>
    <row r="746268" spans="14:14">
      <c r="N746268" s="10"/>
    </row>
    <row r="746269" spans="14:14">
      <c r="N746269" s="10"/>
    </row>
    <row r="746270" spans="14:14">
      <c r="N746270" s="10"/>
    </row>
    <row r="746271" spans="14:14">
      <c r="N746271" s="10"/>
    </row>
    <row r="746272" spans="14:14">
      <c r="N746272" s="10"/>
    </row>
    <row r="746273" spans="14:14">
      <c r="N746273" s="10"/>
    </row>
    <row r="746274" spans="14:14">
      <c r="N746274" s="10"/>
    </row>
    <row r="746275" spans="14:14">
      <c r="N746275" s="10"/>
    </row>
    <row r="746276" spans="14:14">
      <c r="N746276" s="10"/>
    </row>
    <row r="746277" spans="14:14">
      <c r="N746277" s="10"/>
    </row>
    <row r="746278" spans="14:14">
      <c r="N746278" s="10"/>
    </row>
    <row r="746279" spans="14:14">
      <c r="N746279" s="10"/>
    </row>
    <row r="746280" spans="14:14">
      <c r="N746280" s="10"/>
    </row>
    <row r="746281" spans="14:14">
      <c r="N746281" s="10"/>
    </row>
    <row r="746282" spans="14:14">
      <c r="N746282" s="10"/>
    </row>
    <row r="746283" spans="14:14">
      <c r="N746283" s="10"/>
    </row>
    <row r="746284" spans="14:14">
      <c r="N746284" s="10"/>
    </row>
    <row r="746285" spans="14:14">
      <c r="N746285" s="10"/>
    </row>
    <row r="746286" spans="14:14">
      <c r="N746286" s="10"/>
    </row>
    <row r="746287" spans="14:14">
      <c r="N746287" s="10"/>
    </row>
    <row r="746288" spans="14:14">
      <c r="N746288" s="10"/>
    </row>
    <row r="746289" spans="14:14">
      <c r="N746289" s="10"/>
    </row>
    <row r="746290" spans="14:14">
      <c r="N746290" s="10"/>
    </row>
    <row r="746291" spans="14:14">
      <c r="N746291" s="10"/>
    </row>
    <row r="746292" spans="14:14">
      <c r="N746292" s="10"/>
    </row>
    <row r="746293" spans="14:14">
      <c r="N746293" s="10"/>
    </row>
    <row r="746294" spans="14:14">
      <c r="N746294" s="10"/>
    </row>
    <row r="746295" spans="14:14">
      <c r="N746295" s="10"/>
    </row>
    <row r="746296" spans="14:14">
      <c r="N746296" s="10"/>
    </row>
    <row r="746297" spans="14:14">
      <c r="N746297" s="10"/>
    </row>
    <row r="746298" spans="14:14">
      <c r="N746298" s="10"/>
    </row>
    <row r="746299" spans="14:14">
      <c r="N746299" s="10"/>
    </row>
    <row r="746300" spans="14:14">
      <c r="N746300" s="10"/>
    </row>
    <row r="746301" spans="14:14">
      <c r="N746301" s="10"/>
    </row>
    <row r="746302" spans="14:14">
      <c r="N746302" s="10"/>
    </row>
    <row r="746303" spans="14:14">
      <c r="N746303" s="10"/>
    </row>
    <row r="746304" spans="14:14">
      <c r="N746304" s="10"/>
    </row>
    <row r="746305" spans="14:14">
      <c r="N746305" s="10"/>
    </row>
    <row r="746306" spans="14:14">
      <c r="N746306" s="10"/>
    </row>
    <row r="746307" spans="14:14">
      <c r="N746307" s="10"/>
    </row>
    <row r="746308" spans="14:14">
      <c r="N746308" s="10"/>
    </row>
    <row r="746309" spans="14:14">
      <c r="N746309" s="10"/>
    </row>
    <row r="746310" spans="14:14">
      <c r="N746310" s="10"/>
    </row>
    <row r="746311" spans="14:14">
      <c r="N746311" s="10"/>
    </row>
    <row r="746312" spans="14:14">
      <c r="N746312" s="10"/>
    </row>
    <row r="746313" spans="14:14">
      <c r="N746313" s="10"/>
    </row>
    <row r="746314" spans="14:14">
      <c r="N746314" s="10"/>
    </row>
    <row r="746315" spans="14:14">
      <c r="N746315" s="10"/>
    </row>
    <row r="746316" spans="14:14">
      <c r="N746316" s="10"/>
    </row>
    <row r="746317" spans="14:14">
      <c r="N746317" s="10"/>
    </row>
    <row r="746318" spans="14:14">
      <c r="N746318" s="10"/>
    </row>
    <row r="746319" spans="14:14">
      <c r="N746319" s="10"/>
    </row>
    <row r="746320" spans="14:14">
      <c r="N746320" s="10"/>
    </row>
    <row r="746321" spans="14:14">
      <c r="N746321" s="10"/>
    </row>
    <row r="746322" spans="14:14">
      <c r="N746322" s="10"/>
    </row>
    <row r="746323" spans="14:14">
      <c r="N746323" s="10"/>
    </row>
    <row r="746324" spans="14:14">
      <c r="N746324" s="10"/>
    </row>
    <row r="746325" spans="14:14">
      <c r="N746325" s="10"/>
    </row>
    <row r="746326" spans="14:14">
      <c r="N746326" s="10"/>
    </row>
    <row r="746327" spans="14:14">
      <c r="N746327" s="10"/>
    </row>
    <row r="746328" spans="14:14">
      <c r="N746328" s="10"/>
    </row>
    <row r="746329" spans="14:14">
      <c r="N746329" s="10"/>
    </row>
    <row r="746330" spans="14:14">
      <c r="N746330" s="10"/>
    </row>
    <row r="746331" spans="14:14">
      <c r="N746331" s="10"/>
    </row>
    <row r="746332" spans="14:14">
      <c r="N746332" s="10"/>
    </row>
    <row r="746333" spans="14:14">
      <c r="N746333" s="10"/>
    </row>
    <row r="746334" spans="14:14">
      <c r="N746334" s="10"/>
    </row>
    <row r="746335" spans="14:14">
      <c r="N746335" s="10"/>
    </row>
    <row r="746336" spans="14:14">
      <c r="N746336" s="10"/>
    </row>
    <row r="746337" spans="14:14">
      <c r="N746337" s="10"/>
    </row>
    <row r="746338" spans="14:14">
      <c r="N746338" s="10"/>
    </row>
    <row r="746339" spans="14:14">
      <c r="N746339" s="10"/>
    </row>
    <row r="746340" spans="14:14">
      <c r="N746340" s="10"/>
    </row>
    <row r="746341" spans="14:14">
      <c r="N746341" s="10"/>
    </row>
    <row r="746342" spans="14:14">
      <c r="N746342" s="10"/>
    </row>
    <row r="746343" spans="14:14">
      <c r="N746343" s="10"/>
    </row>
    <row r="746344" spans="14:14">
      <c r="N746344" s="10"/>
    </row>
    <row r="746345" spans="14:14">
      <c r="N746345" s="10"/>
    </row>
    <row r="746346" spans="14:14">
      <c r="N746346" s="10"/>
    </row>
    <row r="746347" spans="14:14">
      <c r="N746347" s="10"/>
    </row>
    <row r="746348" spans="14:14">
      <c r="N746348" s="10"/>
    </row>
    <row r="746349" spans="14:14">
      <c r="N746349" s="10"/>
    </row>
    <row r="746350" spans="14:14">
      <c r="N746350" s="10"/>
    </row>
    <row r="746351" spans="14:14">
      <c r="N746351" s="10"/>
    </row>
    <row r="746352" spans="14:14">
      <c r="N746352" s="10"/>
    </row>
    <row r="746353" spans="14:14">
      <c r="N746353" s="10"/>
    </row>
    <row r="746354" spans="14:14">
      <c r="N746354" s="10"/>
    </row>
    <row r="746355" spans="14:14">
      <c r="N746355" s="10"/>
    </row>
    <row r="746356" spans="14:14">
      <c r="N746356" s="10"/>
    </row>
    <row r="746357" spans="14:14">
      <c r="N746357" s="10"/>
    </row>
    <row r="746358" spans="14:14">
      <c r="N746358" s="10"/>
    </row>
    <row r="746359" spans="14:14">
      <c r="N746359" s="10"/>
    </row>
    <row r="746360" spans="14:14">
      <c r="N746360" s="10"/>
    </row>
    <row r="746361" spans="14:14">
      <c r="N746361" s="10"/>
    </row>
    <row r="746362" spans="14:14">
      <c r="N746362" s="10"/>
    </row>
    <row r="746363" spans="14:14">
      <c r="N746363" s="10"/>
    </row>
    <row r="746364" spans="14:14">
      <c r="N746364" s="10"/>
    </row>
    <row r="746365" spans="14:14">
      <c r="N746365" s="10"/>
    </row>
    <row r="746366" spans="14:14">
      <c r="N746366" s="10"/>
    </row>
    <row r="746367" spans="14:14">
      <c r="N746367" s="10"/>
    </row>
    <row r="746368" spans="14:14">
      <c r="N746368" s="10"/>
    </row>
    <row r="746369" spans="14:14">
      <c r="N746369" s="10"/>
    </row>
    <row r="746370" spans="14:14">
      <c r="N746370" s="10"/>
    </row>
    <row r="746371" spans="14:14">
      <c r="N746371" s="10"/>
    </row>
    <row r="746372" spans="14:14">
      <c r="N746372" s="10"/>
    </row>
    <row r="746373" spans="14:14">
      <c r="N746373" s="10"/>
    </row>
    <row r="746374" spans="14:14">
      <c r="N746374" s="10"/>
    </row>
    <row r="746375" spans="14:14">
      <c r="N746375" s="10"/>
    </row>
    <row r="746376" spans="14:14">
      <c r="N746376" s="10"/>
    </row>
    <row r="746377" spans="14:14">
      <c r="N746377" s="10"/>
    </row>
    <row r="746378" spans="14:14">
      <c r="N746378" s="10"/>
    </row>
    <row r="746379" spans="14:14">
      <c r="N746379" s="10"/>
    </row>
    <row r="746380" spans="14:14">
      <c r="N746380" s="10"/>
    </row>
    <row r="746381" spans="14:14">
      <c r="N746381" s="10"/>
    </row>
    <row r="746382" spans="14:14">
      <c r="N746382" s="10"/>
    </row>
    <row r="746383" spans="14:14">
      <c r="N746383" s="10"/>
    </row>
    <row r="746384" spans="14:14">
      <c r="N746384" s="10"/>
    </row>
    <row r="746385" spans="14:14">
      <c r="N746385" s="10"/>
    </row>
    <row r="746386" spans="14:14">
      <c r="N746386" s="10"/>
    </row>
    <row r="746387" spans="14:14">
      <c r="N746387" s="10"/>
    </row>
    <row r="746388" spans="14:14">
      <c r="N746388" s="10"/>
    </row>
    <row r="746389" spans="14:14">
      <c r="N746389" s="10"/>
    </row>
    <row r="746390" spans="14:14">
      <c r="N746390" s="10"/>
    </row>
    <row r="746391" spans="14:14">
      <c r="N746391" s="10"/>
    </row>
    <row r="746392" spans="14:14">
      <c r="N746392" s="10"/>
    </row>
    <row r="746393" spans="14:14">
      <c r="N746393" s="10"/>
    </row>
    <row r="746394" spans="14:14">
      <c r="N746394" s="10"/>
    </row>
    <row r="746395" spans="14:14">
      <c r="N746395" s="10"/>
    </row>
    <row r="746396" spans="14:14">
      <c r="N746396" s="10"/>
    </row>
    <row r="746397" spans="14:14">
      <c r="N746397" s="10"/>
    </row>
    <row r="746398" spans="14:14">
      <c r="N746398" s="10"/>
    </row>
    <row r="746399" spans="14:14">
      <c r="N746399" s="10"/>
    </row>
    <row r="746400" spans="14:14">
      <c r="N746400" s="10"/>
    </row>
    <row r="746401" spans="14:14">
      <c r="N746401" s="10"/>
    </row>
    <row r="746402" spans="14:14">
      <c r="N746402" s="10"/>
    </row>
    <row r="746403" spans="14:14">
      <c r="N746403" s="10"/>
    </row>
    <row r="746404" spans="14:14">
      <c r="N746404" s="10"/>
    </row>
    <row r="746405" spans="14:14">
      <c r="N746405" s="10"/>
    </row>
    <row r="746406" spans="14:14">
      <c r="N746406" s="10"/>
    </row>
    <row r="746407" spans="14:14">
      <c r="N746407" s="10"/>
    </row>
    <row r="746408" spans="14:14">
      <c r="N746408" s="10"/>
    </row>
    <row r="746409" spans="14:14">
      <c r="N746409" s="10"/>
    </row>
    <row r="746410" spans="14:14">
      <c r="N746410" s="10"/>
    </row>
    <row r="746411" spans="14:14">
      <c r="N746411" s="10"/>
    </row>
    <row r="746412" spans="14:14">
      <c r="N746412" s="10"/>
    </row>
    <row r="746413" spans="14:14">
      <c r="N746413" s="10"/>
    </row>
    <row r="746414" spans="14:14">
      <c r="N746414" s="10"/>
    </row>
    <row r="746415" spans="14:14">
      <c r="N746415" s="10"/>
    </row>
    <row r="746416" spans="14:14">
      <c r="N746416" s="10"/>
    </row>
    <row r="746417" spans="14:14">
      <c r="N746417" s="10"/>
    </row>
    <row r="746418" spans="14:14">
      <c r="N746418" s="10"/>
    </row>
    <row r="746419" spans="14:14">
      <c r="N746419" s="10"/>
    </row>
    <row r="746420" spans="14:14">
      <c r="N746420" s="10"/>
    </row>
    <row r="746421" spans="14:14">
      <c r="N746421" s="10"/>
    </row>
    <row r="746422" spans="14:14">
      <c r="N746422" s="10"/>
    </row>
    <row r="746423" spans="14:14">
      <c r="N746423" s="10"/>
    </row>
    <row r="746424" spans="14:14">
      <c r="N746424" s="10"/>
    </row>
    <row r="746425" spans="14:14">
      <c r="N746425" s="10"/>
    </row>
    <row r="746426" spans="14:14">
      <c r="N746426" s="10"/>
    </row>
    <row r="746427" spans="14:14">
      <c r="N746427" s="10"/>
    </row>
    <row r="746428" spans="14:14">
      <c r="N746428" s="10"/>
    </row>
    <row r="746429" spans="14:14">
      <c r="N746429" s="10"/>
    </row>
    <row r="746430" spans="14:14">
      <c r="N746430" s="10"/>
    </row>
    <row r="746431" spans="14:14">
      <c r="N746431" s="10"/>
    </row>
    <row r="746432" spans="14:14">
      <c r="N746432" s="10"/>
    </row>
    <row r="746433" spans="14:14">
      <c r="N746433" s="10"/>
    </row>
    <row r="746434" spans="14:14">
      <c r="N746434" s="10"/>
    </row>
    <row r="746435" spans="14:14">
      <c r="N746435" s="10"/>
    </row>
    <row r="746436" spans="14:14">
      <c r="N746436" s="10"/>
    </row>
    <row r="746437" spans="14:14">
      <c r="N746437" s="10"/>
    </row>
    <row r="746438" spans="14:14">
      <c r="N746438" s="10"/>
    </row>
    <row r="746439" spans="14:14">
      <c r="N746439" s="10"/>
    </row>
    <row r="746440" spans="14:14">
      <c r="N746440" s="10"/>
    </row>
    <row r="746441" spans="14:14">
      <c r="N746441" s="10"/>
    </row>
    <row r="746442" spans="14:14">
      <c r="N746442" s="10"/>
    </row>
    <row r="746443" spans="14:14">
      <c r="N746443" s="10"/>
    </row>
    <row r="746444" spans="14:14">
      <c r="N746444" s="10"/>
    </row>
    <row r="746445" spans="14:14">
      <c r="N746445" s="10"/>
    </row>
    <row r="746446" spans="14:14">
      <c r="N746446" s="10"/>
    </row>
    <row r="746447" spans="14:14">
      <c r="N746447" s="10"/>
    </row>
    <row r="746448" spans="14:14">
      <c r="N746448" s="10"/>
    </row>
    <row r="746449" spans="14:14">
      <c r="N746449" s="10"/>
    </row>
    <row r="746450" spans="14:14">
      <c r="N746450" s="10"/>
    </row>
    <row r="746451" spans="14:14">
      <c r="N746451" s="10"/>
    </row>
    <row r="746452" spans="14:14">
      <c r="N746452" s="10"/>
    </row>
    <row r="746453" spans="14:14">
      <c r="N746453" s="10"/>
    </row>
    <row r="746454" spans="14:14">
      <c r="N746454" s="10"/>
    </row>
    <row r="746455" spans="14:14">
      <c r="N746455" s="10"/>
    </row>
    <row r="746456" spans="14:14">
      <c r="N746456" s="10"/>
    </row>
    <row r="746457" spans="14:14">
      <c r="N746457" s="10"/>
    </row>
    <row r="746458" spans="14:14">
      <c r="N746458" s="10"/>
    </row>
    <row r="746459" spans="14:14">
      <c r="N746459" s="10"/>
    </row>
    <row r="746460" spans="14:14">
      <c r="N746460" s="10"/>
    </row>
    <row r="746461" spans="14:14">
      <c r="N746461" s="10"/>
    </row>
    <row r="746462" spans="14:14">
      <c r="N746462" s="10"/>
    </row>
    <row r="746463" spans="14:14">
      <c r="N746463" s="10"/>
    </row>
    <row r="746464" spans="14:14">
      <c r="N746464" s="10"/>
    </row>
    <row r="746465" spans="14:14">
      <c r="N746465" s="10"/>
    </row>
    <row r="746466" spans="14:14">
      <c r="N746466" s="10"/>
    </row>
    <row r="746467" spans="14:14">
      <c r="N746467" s="10"/>
    </row>
    <row r="746468" spans="14:14">
      <c r="N746468" s="10"/>
    </row>
    <row r="746469" spans="14:14">
      <c r="N746469" s="10"/>
    </row>
    <row r="746470" spans="14:14">
      <c r="N746470" s="10"/>
    </row>
    <row r="746471" spans="14:14">
      <c r="N746471" s="10"/>
    </row>
    <row r="746472" spans="14:14">
      <c r="N746472" s="10"/>
    </row>
    <row r="746473" spans="14:14">
      <c r="N746473" s="10"/>
    </row>
    <row r="746474" spans="14:14">
      <c r="N746474" s="10"/>
    </row>
    <row r="746475" spans="14:14">
      <c r="N746475" s="10"/>
    </row>
    <row r="746476" spans="14:14">
      <c r="N746476" s="10"/>
    </row>
    <row r="746477" spans="14:14">
      <c r="N746477" s="10"/>
    </row>
    <row r="746478" spans="14:14">
      <c r="N746478" s="10"/>
    </row>
    <row r="746479" spans="14:14">
      <c r="N746479" s="10"/>
    </row>
    <row r="746480" spans="14:14">
      <c r="N746480" s="10"/>
    </row>
    <row r="746481" spans="14:14">
      <c r="N746481" s="10"/>
    </row>
    <row r="746482" spans="14:14">
      <c r="N746482" s="10"/>
    </row>
    <row r="746483" spans="14:14">
      <c r="N746483" s="10"/>
    </row>
    <row r="746484" spans="14:14">
      <c r="N746484" s="10"/>
    </row>
    <row r="746485" spans="14:14">
      <c r="N746485" s="10"/>
    </row>
    <row r="746486" spans="14:14">
      <c r="N746486" s="10"/>
    </row>
    <row r="746487" spans="14:14">
      <c r="N746487" s="10"/>
    </row>
    <row r="746488" spans="14:14">
      <c r="N746488" s="10"/>
    </row>
    <row r="746489" spans="14:14">
      <c r="N746489" s="10"/>
    </row>
    <row r="746490" spans="14:14">
      <c r="N746490" s="10"/>
    </row>
    <row r="746491" spans="14:14">
      <c r="N746491" s="10"/>
    </row>
    <row r="746492" spans="14:14">
      <c r="N746492" s="10"/>
    </row>
    <row r="746493" spans="14:14">
      <c r="N746493" s="10"/>
    </row>
    <row r="746494" spans="14:14">
      <c r="N746494" s="10"/>
    </row>
    <row r="746495" spans="14:14">
      <c r="N746495" s="10"/>
    </row>
    <row r="746496" spans="14:14">
      <c r="N746496" s="10"/>
    </row>
    <row r="746497" spans="14:14">
      <c r="N746497" s="10"/>
    </row>
    <row r="746498" spans="14:14">
      <c r="N746498" s="10"/>
    </row>
    <row r="746499" spans="14:14">
      <c r="N746499" s="10"/>
    </row>
    <row r="746500" spans="14:14">
      <c r="N746500" s="10"/>
    </row>
    <row r="746501" spans="14:14">
      <c r="N746501" s="10"/>
    </row>
    <row r="746502" spans="14:14">
      <c r="N746502" s="10"/>
    </row>
    <row r="746503" spans="14:14">
      <c r="N746503" s="10"/>
    </row>
    <row r="746504" spans="14:14">
      <c r="N746504" s="10"/>
    </row>
    <row r="746505" spans="14:14">
      <c r="N746505" s="10"/>
    </row>
    <row r="746506" spans="14:14">
      <c r="N746506" s="10"/>
    </row>
    <row r="746507" spans="14:14">
      <c r="N746507" s="10"/>
    </row>
    <row r="746508" spans="14:14">
      <c r="N746508" s="10"/>
    </row>
    <row r="746509" spans="14:14">
      <c r="N746509" s="10"/>
    </row>
    <row r="746510" spans="14:14">
      <c r="N746510" s="10"/>
    </row>
    <row r="746511" spans="14:14">
      <c r="N746511" s="10"/>
    </row>
    <row r="746512" spans="14:14">
      <c r="N746512" s="10"/>
    </row>
    <row r="746513" spans="14:14">
      <c r="N746513" s="10"/>
    </row>
    <row r="746514" spans="14:14">
      <c r="N746514" s="10"/>
    </row>
    <row r="746515" spans="14:14">
      <c r="N746515" s="10"/>
    </row>
    <row r="746516" spans="14:14">
      <c r="N746516" s="10"/>
    </row>
    <row r="746517" spans="14:14">
      <c r="N746517" s="10"/>
    </row>
    <row r="746518" spans="14:14">
      <c r="N746518" s="10"/>
    </row>
    <row r="746519" spans="14:14">
      <c r="N746519" s="10"/>
    </row>
    <row r="746520" spans="14:14">
      <c r="N746520" s="10"/>
    </row>
    <row r="746521" spans="14:14">
      <c r="N746521" s="10"/>
    </row>
    <row r="746522" spans="14:14">
      <c r="N746522" s="10"/>
    </row>
    <row r="746523" spans="14:14">
      <c r="N746523" s="10"/>
    </row>
    <row r="746524" spans="14:14">
      <c r="N746524" s="10"/>
    </row>
    <row r="746525" spans="14:14">
      <c r="N746525" s="10"/>
    </row>
    <row r="746526" spans="14:14">
      <c r="N746526" s="10"/>
    </row>
    <row r="746527" spans="14:14">
      <c r="N746527" s="10"/>
    </row>
    <row r="746528" spans="14:14">
      <c r="N746528" s="10"/>
    </row>
    <row r="746529" spans="14:14">
      <c r="N746529" s="10"/>
    </row>
    <row r="746530" spans="14:14">
      <c r="N746530" s="10"/>
    </row>
    <row r="746531" spans="14:14">
      <c r="N746531" s="10"/>
    </row>
    <row r="746532" spans="14:14">
      <c r="N746532" s="10"/>
    </row>
    <row r="746533" spans="14:14">
      <c r="N746533" s="10"/>
    </row>
    <row r="746534" spans="14:14">
      <c r="N746534" s="10"/>
    </row>
    <row r="746535" spans="14:14">
      <c r="N746535" s="10"/>
    </row>
    <row r="746536" spans="14:14">
      <c r="N746536" s="10"/>
    </row>
    <row r="746537" spans="14:14">
      <c r="N746537" s="10"/>
    </row>
    <row r="746538" spans="14:14">
      <c r="N746538" s="10"/>
    </row>
    <row r="746539" spans="14:14">
      <c r="N746539" s="10"/>
    </row>
    <row r="746540" spans="14:14">
      <c r="N746540" s="10"/>
    </row>
    <row r="746541" spans="14:14">
      <c r="N746541" s="10"/>
    </row>
    <row r="746542" spans="14:14">
      <c r="N746542" s="10"/>
    </row>
    <row r="746543" spans="14:14">
      <c r="N746543" s="10"/>
    </row>
    <row r="746544" spans="14:14">
      <c r="N746544" s="10"/>
    </row>
    <row r="746545" spans="14:14">
      <c r="N746545" s="10"/>
    </row>
    <row r="746546" spans="14:14">
      <c r="N746546" s="10"/>
    </row>
    <row r="746547" spans="14:14">
      <c r="N746547" s="10"/>
    </row>
    <row r="746548" spans="14:14">
      <c r="N746548" s="10"/>
    </row>
    <row r="746549" spans="14:14">
      <c r="N746549" s="10"/>
    </row>
    <row r="746550" spans="14:14">
      <c r="N746550" s="10"/>
    </row>
    <row r="746551" spans="14:14">
      <c r="N746551" s="10"/>
    </row>
    <row r="746552" spans="14:14">
      <c r="N746552" s="10"/>
    </row>
    <row r="746553" spans="14:14">
      <c r="N746553" s="10"/>
    </row>
    <row r="746554" spans="14:14">
      <c r="N746554" s="10"/>
    </row>
    <row r="746555" spans="14:14">
      <c r="N746555" s="10"/>
    </row>
    <row r="746556" spans="14:14">
      <c r="N746556" s="10"/>
    </row>
    <row r="746557" spans="14:14">
      <c r="N746557" s="10"/>
    </row>
    <row r="746558" spans="14:14">
      <c r="N746558" s="10"/>
    </row>
    <row r="746559" spans="14:14">
      <c r="N746559" s="10"/>
    </row>
    <row r="746560" spans="14:14">
      <c r="N746560" s="10"/>
    </row>
    <row r="746561" spans="14:14">
      <c r="N746561" s="10"/>
    </row>
    <row r="746562" spans="14:14">
      <c r="N746562" s="10"/>
    </row>
    <row r="746563" spans="14:14">
      <c r="N746563" s="10"/>
    </row>
    <row r="746564" spans="14:14">
      <c r="N746564" s="10"/>
    </row>
    <row r="746565" spans="14:14">
      <c r="N746565" s="10"/>
    </row>
    <row r="746566" spans="14:14">
      <c r="N746566" s="10"/>
    </row>
    <row r="746567" spans="14:14">
      <c r="N746567" s="10"/>
    </row>
    <row r="746568" spans="14:14">
      <c r="N746568" s="10"/>
    </row>
    <row r="746569" spans="14:14">
      <c r="N746569" s="10"/>
    </row>
    <row r="746570" spans="14:14">
      <c r="N746570" s="10"/>
    </row>
    <row r="746571" spans="14:14">
      <c r="N746571" s="10"/>
    </row>
    <row r="746572" spans="14:14">
      <c r="N746572" s="10"/>
    </row>
    <row r="746573" spans="14:14">
      <c r="N746573" s="10"/>
    </row>
    <row r="746574" spans="14:14">
      <c r="N746574" s="10"/>
    </row>
    <row r="746575" spans="14:14">
      <c r="N746575" s="10"/>
    </row>
    <row r="746576" spans="14:14">
      <c r="N746576" s="10"/>
    </row>
    <row r="746577" spans="14:14">
      <c r="N746577" s="10"/>
    </row>
    <row r="746578" spans="14:14">
      <c r="N746578" s="10"/>
    </row>
    <row r="746579" spans="14:14">
      <c r="N746579" s="10"/>
    </row>
    <row r="746580" spans="14:14">
      <c r="N746580" s="10"/>
    </row>
    <row r="746581" spans="14:14">
      <c r="N746581" s="10"/>
    </row>
    <row r="746582" spans="14:14">
      <c r="N746582" s="10"/>
    </row>
    <row r="746583" spans="14:14">
      <c r="N746583" s="10"/>
    </row>
    <row r="746584" spans="14:14">
      <c r="N746584" s="10"/>
    </row>
    <row r="746585" spans="14:14">
      <c r="N746585" s="10"/>
    </row>
    <row r="746586" spans="14:14">
      <c r="N746586" s="10"/>
    </row>
    <row r="746587" spans="14:14">
      <c r="N746587" s="10"/>
    </row>
    <row r="746588" spans="14:14">
      <c r="N746588" s="10"/>
    </row>
    <row r="746589" spans="14:14">
      <c r="N746589" s="10"/>
    </row>
    <row r="746590" spans="14:14">
      <c r="N746590" s="10"/>
    </row>
    <row r="746591" spans="14:14">
      <c r="N746591" s="10"/>
    </row>
    <row r="746592" spans="14:14">
      <c r="N746592" s="10"/>
    </row>
    <row r="746593" spans="14:14">
      <c r="N746593" s="10"/>
    </row>
    <row r="746594" spans="14:14">
      <c r="N746594" s="10"/>
    </row>
    <row r="746595" spans="14:14">
      <c r="N746595" s="10"/>
    </row>
    <row r="746596" spans="14:14">
      <c r="N746596" s="10"/>
    </row>
    <row r="746597" spans="14:14">
      <c r="N746597" s="10"/>
    </row>
    <row r="746598" spans="14:14">
      <c r="N746598" s="10"/>
    </row>
    <row r="746599" spans="14:14">
      <c r="N746599" s="10"/>
    </row>
    <row r="746600" spans="14:14">
      <c r="N746600" s="10"/>
    </row>
    <row r="746601" spans="14:14">
      <c r="N746601" s="10"/>
    </row>
    <row r="746602" spans="14:14">
      <c r="N746602" s="10"/>
    </row>
    <row r="746603" spans="14:14">
      <c r="N746603" s="10"/>
    </row>
    <row r="746604" spans="14:14">
      <c r="N746604" s="10"/>
    </row>
    <row r="746605" spans="14:14">
      <c r="N746605" s="10"/>
    </row>
    <row r="746606" spans="14:14">
      <c r="N746606" s="10"/>
    </row>
    <row r="746607" spans="14:14">
      <c r="N746607" s="10"/>
    </row>
    <row r="746608" spans="14:14">
      <c r="N746608" s="10"/>
    </row>
    <row r="746609" spans="14:14">
      <c r="N746609" s="10"/>
    </row>
    <row r="746610" spans="14:14">
      <c r="N746610" s="10"/>
    </row>
    <row r="746611" spans="14:14">
      <c r="N746611" s="10"/>
    </row>
    <row r="746612" spans="14:14">
      <c r="N746612" s="10"/>
    </row>
    <row r="746613" spans="14:14">
      <c r="N746613" s="10"/>
    </row>
    <row r="746614" spans="14:14">
      <c r="N746614" s="10"/>
    </row>
    <row r="746615" spans="14:14">
      <c r="N746615" s="10"/>
    </row>
    <row r="746616" spans="14:14">
      <c r="N746616" s="10"/>
    </row>
    <row r="746617" spans="14:14">
      <c r="N746617" s="10"/>
    </row>
    <row r="746618" spans="14:14">
      <c r="N746618" s="10"/>
    </row>
    <row r="746619" spans="14:14">
      <c r="N746619" s="10"/>
    </row>
    <row r="746620" spans="14:14">
      <c r="N746620" s="10"/>
    </row>
    <row r="746621" spans="14:14">
      <c r="N746621" s="10"/>
    </row>
    <row r="746622" spans="14:14">
      <c r="N746622" s="10"/>
    </row>
    <row r="746623" spans="14:14">
      <c r="N746623" s="10"/>
    </row>
    <row r="746624" spans="14:14">
      <c r="N746624" s="10"/>
    </row>
    <row r="746625" spans="14:14">
      <c r="N746625" s="10"/>
    </row>
    <row r="746626" spans="14:14">
      <c r="N746626" s="10"/>
    </row>
    <row r="746627" spans="14:14">
      <c r="N746627" s="10"/>
    </row>
    <row r="746628" spans="14:14">
      <c r="N746628" s="10"/>
    </row>
    <row r="746629" spans="14:14">
      <c r="N746629" s="10"/>
    </row>
    <row r="746630" spans="14:14">
      <c r="N746630" s="10"/>
    </row>
    <row r="746631" spans="14:14">
      <c r="N746631" s="10"/>
    </row>
    <row r="746632" spans="14:14">
      <c r="N746632" s="10"/>
    </row>
    <row r="746633" spans="14:14">
      <c r="N746633" s="10"/>
    </row>
    <row r="746634" spans="14:14">
      <c r="N746634" s="10"/>
    </row>
    <row r="746635" spans="14:14">
      <c r="N746635" s="10"/>
    </row>
    <row r="746636" spans="14:14">
      <c r="N746636" s="10"/>
    </row>
    <row r="746637" spans="14:14">
      <c r="N746637" s="10"/>
    </row>
    <row r="746638" spans="14:14">
      <c r="N746638" s="10"/>
    </row>
    <row r="746639" spans="14:14">
      <c r="N746639" s="10"/>
    </row>
    <row r="746640" spans="14:14">
      <c r="N746640" s="10"/>
    </row>
    <row r="746641" spans="14:14">
      <c r="N746641" s="10"/>
    </row>
    <row r="746642" spans="14:14">
      <c r="N746642" s="10"/>
    </row>
    <row r="746643" spans="14:14">
      <c r="N746643" s="10"/>
    </row>
    <row r="746644" spans="14:14">
      <c r="N746644" s="10"/>
    </row>
    <row r="746645" spans="14:14">
      <c r="N746645" s="10"/>
    </row>
    <row r="746646" spans="14:14">
      <c r="N746646" s="10"/>
    </row>
    <row r="746647" spans="14:14">
      <c r="N746647" s="10"/>
    </row>
    <row r="746648" spans="14:14">
      <c r="N746648" s="10"/>
    </row>
    <row r="746649" spans="14:14">
      <c r="N746649" s="10"/>
    </row>
    <row r="746650" spans="14:14">
      <c r="N746650" s="10"/>
    </row>
    <row r="746651" spans="14:14">
      <c r="N746651" s="10"/>
    </row>
    <row r="746652" spans="14:14">
      <c r="N746652" s="10"/>
    </row>
    <row r="746653" spans="14:14">
      <c r="N746653" s="10"/>
    </row>
    <row r="746654" spans="14:14">
      <c r="N746654" s="10"/>
    </row>
    <row r="746655" spans="14:14">
      <c r="N746655" s="10"/>
    </row>
    <row r="746656" spans="14:14">
      <c r="N746656" s="10"/>
    </row>
    <row r="746657" spans="14:14">
      <c r="N746657" s="10"/>
    </row>
    <row r="746658" spans="14:14">
      <c r="N746658" s="10"/>
    </row>
    <row r="746659" spans="14:14">
      <c r="N746659" s="10"/>
    </row>
    <row r="746660" spans="14:14">
      <c r="N746660" s="10"/>
    </row>
    <row r="746661" spans="14:14">
      <c r="N746661" s="10"/>
    </row>
    <row r="746662" spans="14:14">
      <c r="N746662" s="10"/>
    </row>
    <row r="746663" spans="14:14">
      <c r="N746663" s="10"/>
    </row>
    <row r="746664" spans="14:14">
      <c r="N746664" s="10"/>
    </row>
    <row r="746665" spans="14:14">
      <c r="N746665" s="10"/>
    </row>
    <row r="746666" spans="14:14">
      <c r="N746666" s="10"/>
    </row>
    <row r="746667" spans="14:14">
      <c r="N746667" s="10"/>
    </row>
    <row r="746668" spans="14:14">
      <c r="N746668" s="10"/>
    </row>
    <row r="746669" spans="14:14">
      <c r="N746669" s="10"/>
    </row>
    <row r="746670" spans="14:14">
      <c r="N746670" s="10"/>
    </row>
    <row r="746671" spans="14:14">
      <c r="N746671" s="10"/>
    </row>
    <row r="746672" spans="14:14">
      <c r="N746672" s="10"/>
    </row>
    <row r="746673" spans="14:14">
      <c r="N746673" s="10"/>
    </row>
    <row r="746674" spans="14:14">
      <c r="N746674" s="10"/>
    </row>
    <row r="746675" spans="14:14">
      <c r="N746675" s="10"/>
    </row>
    <row r="746676" spans="14:14">
      <c r="N746676" s="10"/>
    </row>
    <row r="746677" spans="14:14">
      <c r="N746677" s="10"/>
    </row>
    <row r="746678" spans="14:14">
      <c r="N746678" s="10"/>
    </row>
    <row r="746679" spans="14:14">
      <c r="N746679" s="10"/>
    </row>
    <row r="746680" spans="14:14">
      <c r="N746680" s="10"/>
    </row>
    <row r="746681" spans="14:14">
      <c r="N746681" s="10"/>
    </row>
    <row r="746682" spans="14:14">
      <c r="N746682" s="10"/>
    </row>
    <row r="746683" spans="14:14">
      <c r="N746683" s="10"/>
    </row>
    <row r="746684" spans="14:14">
      <c r="N746684" s="10"/>
    </row>
    <row r="746685" spans="14:14">
      <c r="N746685" s="10"/>
    </row>
    <row r="746686" spans="14:14">
      <c r="N746686" s="10"/>
    </row>
    <row r="746687" spans="14:14">
      <c r="N746687" s="10"/>
    </row>
    <row r="746688" spans="14:14">
      <c r="N746688" s="10"/>
    </row>
    <row r="746689" spans="14:14">
      <c r="N746689" s="10"/>
    </row>
    <row r="746690" spans="14:14">
      <c r="N746690" s="10"/>
    </row>
    <row r="746691" spans="14:14">
      <c r="N746691" s="10"/>
    </row>
    <row r="746692" spans="14:14">
      <c r="N746692" s="10"/>
    </row>
    <row r="746693" spans="14:14">
      <c r="N746693" s="10"/>
    </row>
    <row r="746694" spans="14:14">
      <c r="N746694" s="10"/>
    </row>
    <row r="746695" spans="14:14">
      <c r="N746695" s="10"/>
    </row>
    <row r="746696" spans="14:14">
      <c r="N746696" s="10"/>
    </row>
    <row r="746697" spans="14:14">
      <c r="N746697" s="10"/>
    </row>
    <row r="746698" spans="14:14">
      <c r="N746698" s="10"/>
    </row>
    <row r="746699" spans="14:14">
      <c r="N746699" s="10"/>
    </row>
    <row r="746700" spans="14:14">
      <c r="N746700" s="10"/>
    </row>
    <row r="746701" spans="14:14">
      <c r="N746701" s="10"/>
    </row>
    <row r="746702" spans="14:14">
      <c r="N746702" s="10"/>
    </row>
    <row r="746703" spans="14:14">
      <c r="N746703" s="10"/>
    </row>
    <row r="746704" spans="14:14">
      <c r="N746704" s="10"/>
    </row>
    <row r="746705" spans="14:14">
      <c r="N746705" s="10"/>
    </row>
    <row r="746706" spans="14:14">
      <c r="N746706" s="10"/>
    </row>
    <row r="746707" spans="14:14">
      <c r="N746707" s="10"/>
    </row>
    <row r="746708" spans="14:14">
      <c r="N746708" s="10"/>
    </row>
    <row r="746709" spans="14:14">
      <c r="N746709" s="10"/>
    </row>
    <row r="746710" spans="14:14">
      <c r="N746710" s="10"/>
    </row>
    <row r="746711" spans="14:14">
      <c r="N746711" s="10"/>
    </row>
    <row r="746712" spans="14:14">
      <c r="N746712" s="10"/>
    </row>
    <row r="746713" spans="14:14">
      <c r="N746713" s="10"/>
    </row>
    <row r="746714" spans="14:14">
      <c r="N746714" s="10"/>
    </row>
    <row r="746715" spans="14:14">
      <c r="N746715" s="10"/>
    </row>
    <row r="746716" spans="14:14">
      <c r="N746716" s="10"/>
    </row>
    <row r="746717" spans="14:14">
      <c r="N746717" s="10"/>
    </row>
    <row r="746718" spans="14:14">
      <c r="N746718" s="10"/>
    </row>
    <row r="746719" spans="14:14">
      <c r="N746719" s="10"/>
    </row>
    <row r="746720" spans="14:14">
      <c r="N746720" s="10"/>
    </row>
    <row r="746721" spans="14:14">
      <c r="N746721" s="10"/>
    </row>
    <row r="746722" spans="14:14">
      <c r="N746722" s="10"/>
    </row>
    <row r="746723" spans="14:14">
      <c r="N746723" s="10"/>
    </row>
    <row r="746724" spans="14:14">
      <c r="N746724" s="10"/>
    </row>
    <row r="746725" spans="14:14">
      <c r="N746725" s="10"/>
    </row>
    <row r="746726" spans="14:14">
      <c r="N746726" s="10"/>
    </row>
    <row r="746727" spans="14:14">
      <c r="N746727" s="10"/>
    </row>
    <row r="746728" spans="14:14">
      <c r="N746728" s="10"/>
    </row>
    <row r="746729" spans="14:14">
      <c r="N746729" s="10"/>
    </row>
    <row r="746730" spans="14:14">
      <c r="N746730" s="10"/>
    </row>
    <row r="746731" spans="14:14">
      <c r="N746731" s="10"/>
    </row>
    <row r="746732" spans="14:14">
      <c r="N746732" s="10"/>
    </row>
    <row r="746733" spans="14:14">
      <c r="N746733" s="10"/>
    </row>
    <row r="746734" spans="14:14">
      <c r="N746734" s="10"/>
    </row>
    <row r="746735" spans="14:14">
      <c r="N746735" s="10"/>
    </row>
    <row r="746736" spans="14:14">
      <c r="N746736" s="10"/>
    </row>
    <row r="746737" spans="14:14">
      <c r="N746737" s="10"/>
    </row>
    <row r="746738" spans="14:14">
      <c r="N746738" s="10"/>
    </row>
    <row r="746739" spans="14:14">
      <c r="N746739" s="10"/>
    </row>
    <row r="746740" spans="14:14">
      <c r="N746740" s="10"/>
    </row>
    <row r="746741" spans="14:14">
      <c r="N746741" s="10"/>
    </row>
    <row r="746742" spans="14:14">
      <c r="N746742" s="10"/>
    </row>
    <row r="746743" spans="14:14">
      <c r="N746743" s="10"/>
    </row>
    <row r="746744" spans="14:14">
      <c r="N746744" s="10"/>
    </row>
    <row r="746745" spans="14:14">
      <c r="N746745" s="10"/>
    </row>
    <row r="746746" spans="14:14">
      <c r="N746746" s="10"/>
    </row>
    <row r="746747" spans="14:14">
      <c r="N746747" s="10"/>
    </row>
    <row r="746748" spans="14:14">
      <c r="N746748" s="10"/>
    </row>
    <row r="746749" spans="14:14">
      <c r="N746749" s="10"/>
    </row>
    <row r="746750" spans="14:14">
      <c r="N746750" s="10"/>
    </row>
    <row r="746751" spans="14:14">
      <c r="N746751" s="10"/>
    </row>
    <row r="746752" spans="14:14">
      <c r="N746752" s="10"/>
    </row>
    <row r="746753" spans="14:14">
      <c r="N746753" s="10"/>
    </row>
    <row r="746754" spans="14:14">
      <c r="N746754" s="10"/>
    </row>
    <row r="746755" spans="14:14">
      <c r="N746755" s="10"/>
    </row>
    <row r="746756" spans="14:14">
      <c r="N746756" s="10"/>
    </row>
    <row r="746757" spans="14:14">
      <c r="N746757" s="10"/>
    </row>
    <row r="746758" spans="14:14">
      <c r="N746758" s="10"/>
    </row>
    <row r="746759" spans="14:14">
      <c r="N746759" s="10"/>
    </row>
    <row r="746760" spans="14:14">
      <c r="N746760" s="10"/>
    </row>
    <row r="746761" spans="14:14">
      <c r="N746761" s="10"/>
    </row>
    <row r="746762" spans="14:14">
      <c r="N746762" s="10"/>
    </row>
    <row r="746763" spans="14:14">
      <c r="N746763" s="10"/>
    </row>
    <row r="746764" spans="14:14">
      <c r="N746764" s="10"/>
    </row>
    <row r="746765" spans="14:14">
      <c r="N746765" s="10"/>
    </row>
    <row r="746766" spans="14:14">
      <c r="N746766" s="10"/>
    </row>
    <row r="746767" spans="14:14">
      <c r="N746767" s="10"/>
    </row>
    <row r="746768" spans="14:14">
      <c r="N746768" s="10"/>
    </row>
    <row r="746769" spans="14:14">
      <c r="N746769" s="10"/>
    </row>
    <row r="746770" spans="14:14">
      <c r="N746770" s="10"/>
    </row>
    <row r="746771" spans="14:14">
      <c r="N746771" s="10"/>
    </row>
    <row r="746772" spans="14:14">
      <c r="N746772" s="10"/>
    </row>
    <row r="746773" spans="14:14">
      <c r="N746773" s="10"/>
    </row>
    <row r="746774" spans="14:14">
      <c r="N746774" s="10"/>
    </row>
    <row r="746775" spans="14:14">
      <c r="N746775" s="10"/>
    </row>
    <row r="746776" spans="14:14">
      <c r="N746776" s="10"/>
    </row>
    <row r="746777" spans="14:14">
      <c r="N746777" s="10"/>
    </row>
    <row r="746778" spans="14:14">
      <c r="N746778" s="10"/>
    </row>
    <row r="746779" spans="14:14">
      <c r="N746779" s="10"/>
    </row>
    <row r="746780" spans="14:14">
      <c r="N746780" s="10"/>
    </row>
    <row r="746781" spans="14:14">
      <c r="N746781" s="10"/>
    </row>
    <row r="746782" spans="14:14">
      <c r="N746782" s="10"/>
    </row>
    <row r="746783" spans="14:14">
      <c r="N746783" s="10"/>
    </row>
    <row r="746784" spans="14:14">
      <c r="N746784" s="10"/>
    </row>
    <row r="746785" spans="14:14">
      <c r="N746785" s="10"/>
    </row>
    <row r="746786" spans="14:14">
      <c r="N746786" s="10"/>
    </row>
    <row r="746787" spans="14:14">
      <c r="N746787" s="10"/>
    </row>
    <row r="746788" spans="14:14">
      <c r="N746788" s="10"/>
    </row>
    <row r="746789" spans="14:14">
      <c r="N746789" s="10"/>
    </row>
    <row r="746790" spans="14:14">
      <c r="N746790" s="10"/>
    </row>
    <row r="746791" spans="14:14">
      <c r="N746791" s="10"/>
    </row>
    <row r="746792" spans="14:14">
      <c r="N746792" s="10"/>
    </row>
    <row r="746793" spans="14:14">
      <c r="N746793" s="10"/>
    </row>
    <row r="746794" spans="14:14">
      <c r="N746794" s="10"/>
    </row>
    <row r="746795" spans="14:14">
      <c r="N746795" s="10"/>
    </row>
    <row r="746796" spans="14:14">
      <c r="N746796" s="10"/>
    </row>
    <row r="746797" spans="14:14">
      <c r="N746797" s="10"/>
    </row>
    <row r="746798" spans="14:14">
      <c r="N746798" s="10"/>
    </row>
    <row r="746799" spans="14:14">
      <c r="N746799" s="10"/>
    </row>
    <row r="746800" spans="14:14">
      <c r="N746800" s="10"/>
    </row>
    <row r="746801" spans="14:14">
      <c r="N746801" s="10"/>
    </row>
    <row r="746802" spans="14:14">
      <c r="N746802" s="10"/>
    </row>
    <row r="746803" spans="14:14">
      <c r="N746803" s="10"/>
    </row>
    <row r="746804" spans="14:14">
      <c r="N746804" s="10"/>
    </row>
    <row r="746805" spans="14:14">
      <c r="N746805" s="10"/>
    </row>
    <row r="746806" spans="14:14">
      <c r="N746806" s="10"/>
    </row>
    <row r="746807" spans="14:14">
      <c r="N746807" s="10"/>
    </row>
    <row r="746808" spans="14:14">
      <c r="N746808" s="10"/>
    </row>
    <row r="746809" spans="14:14">
      <c r="N746809" s="10"/>
    </row>
    <row r="746810" spans="14:14">
      <c r="N746810" s="10"/>
    </row>
    <row r="746811" spans="14:14">
      <c r="N746811" s="10"/>
    </row>
    <row r="746812" spans="14:14">
      <c r="N746812" s="10"/>
    </row>
    <row r="746813" spans="14:14">
      <c r="N746813" s="10"/>
    </row>
    <row r="746814" spans="14:14">
      <c r="N746814" s="10"/>
    </row>
    <row r="746815" spans="14:14">
      <c r="N746815" s="10"/>
    </row>
    <row r="746816" spans="14:14">
      <c r="N746816" s="10"/>
    </row>
    <row r="746817" spans="14:14">
      <c r="N746817" s="10"/>
    </row>
    <row r="746818" spans="14:14">
      <c r="N746818" s="10"/>
    </row>
    <row r="746819" spans="14:14">
      <c r="N746819" s="10"/>
    </row>
    <row r="746820" spans="14:14">
      <c r="N746820" s="10"/>
    </row>
    <row r="746821" spans="14:14">
      <c r="N746821" s="10"/>
    </row>
    <row r="746822" spans="14:14">
      <c r="N746822" s="10"/>
    </row>
    <row r="746823" spans="14:14">
      <c r="N746823" s="10"/>
    </row>
    <row r="746824" spans="14:14">
      <c r="N746824" s="10"/>
    </row>
    <row r="746825" spans="14:14">
      <c r="N746825" s="10"/>
    </row>
    <row r="746826" spans="14:14">
      <c r="N746826" s="10"/>
    </row>
    <row r="746827" spans="14:14">
      <c r="N746827" s="10"/>
    </row>
    <row r="746828" spans="14:14">
      <c r="N746828" s="10"/>
    </row>
    <row r="746829" spans="14:14">
      <c r="N746829" s="10"/>
    </row>
    <row r="746830" spans="14:14">
      <c r="N746830" s="10"/>
    </row>
    <row r="746831" spans="14:14">
      <c r="N746831" s="10"/>
    </row>
    <row r="746832" spans="14:14">
      <c r="N746832" s="10"/>
    </row>
    <row r="746833" spans="14:14">
      <c r="N746833" s="10"/>
    </row>
    <row r="746834" spans="14:14">
      <c r="N746834" s="10"/>
    </row>
    <row r="746835" spans="14:14">
      <c r="N746835" s="10"/>
    </row>
    <row r="746836" spans="14:14">
      <c r="N746836" s="10"/>
    </row>
    <row r="746837" spans="14:14">
      <c r="N746837" s="10"/>
    </row>
    <row r="746838" spans="14:14">
      <c r="N746838" s="10"/>
    </row>
    <row r="746839" spans="14:14">
      <c r="N746839" s="10"/>
    </row>
    <row r="746840" spans="14:14">
      <c r="N746840" s="10"/>
    </row>
    <row r="746841" spans="14:14">
      <c r="N746841" s="10"/>
    </row>
    <row r="746842" spans="14:14">
      <c r="N746842" s="10"/>
    </row>
    <row r="746843" spans="14:14">
      <c r="N746843" s="10"/>
    </row>
    <row r="746844" spans="14:14">
      <c r="N746844" s="10"/>
    </row>
    <row r="746845" spans="14:14">
      <c r="N746845" s="10"/>
    </row>
    <row r="746846" spans="14:14">
      <c r="N746846" s="10"/>
    </row>
    <row r="746847" spans="14:14">
      <c r="N746847" s="10"/>
    </row>
    <row r="746848" spans="14:14">
      <c r="N746848" s="10"/>
    </row>
    <row r="746849" spans="14:14">
      <c r="N746849" s="10"/>
    </row>
    <row r="746850" spans="14:14">
      <c r="N746850" s="10"/>
    </row>
    <row r="746851" spans="14:14">
      <c r="N746851" s="10"/>
    </row>
    <row r="746852" spans="14:14">
      <c r="N746852" s="10"/>
    </row>
    <row r="746853" spans="14:14">
      <c r="N746853" s="10"/>
    </row>
    <row r="746854" spans="14:14">
      <c r="N746854" s="10"/>
    </row>
    <row r="746855" spans="14:14">
      <c r="N746855" s="10"/>
    </row>
    <row r="746856" spans="14:14">
      <c r="N746856" s="10"/>
    </row>
    <row r="746857" spans="14:14">
      <c r="N746857" s="10"/>
    </row>
    <row r="746858" spans="14:14">
      <c r="N746858" s="10"/>
    </row>
    <row r="746859" spans="14:14">
      <c r="N746859" s="10"/>
    </row>
    <row r="746860" spans="14:14">
      <c r="N746860" s="10"/>
    </row>
    <row r="746861" spans="14:14">
      <c r="N746861" s="10"/>
    </row>
    <row r="746862" spans="14:14">
      <c r="N746862" s="10"/>
    </row>
    <row r="746863" spans="14:14">
      <c r="N746863" s="10"/>
    </row>
    <row r="746864" spans="14:14">
      <c r="N746864" s="10"/>
    </row>
    <row r="746865" spans="14:14">
      <c r="N746865" s="10"/>
    </row>
    <row r="746866" spans="14:14">
      <c r="N746866" s="10"/>
    </row>
    <row r="746867" spans="14:14">
      <c r="N746867" s="10"/>
    </row>
    <row r="746868" spans="14:14">
      <c r="N746868" s="10"/>
    </row>
    <row r="746869" spans="14:14">
      <c r="N746869" s="10"/>
    </row>
    <row r="746870" spans="14:14">
      <c r="N746870" s="10"/>
    </row>
    <row r="746871" spans="14:14">
      <c r="N746871" s="10"/>
    </row>
    <row r="746872" spans="14:14">
      <c r="N746872" s="10"/>
    </row>
    <row r="746873" spans="14:14">
      <c r="N746873" s="10"/>
    </row>
    <row r="746874" spans="14:14">
      <c r="N746874" s="10"/>
    </row>
    <row r="746875" spans="14:14">
      <c r="N746875" s="10"/>
    </row>
    <row r="746876" spans="14:14">
      <c r="N746876" s="10"/>
    </row>
    <row r="746877" spans="14:14">
      <c r="N746877" s="10"/>
    </row>
    <row r="746878" spans="14:14">
      <c r="N746878" s="10"/>
    </row>
    <row r="746879" spans="14:14">
      <c r="N746879" s="10"/>
    </row>
    <row r="746880" spans="14:14">
      <c r="N746880" s="10"/>
    </row>
    <row r="746881" spans="14:14">
      <c r="N746881" s="10"/>
    </row>
    <row r="746882" spans="14:14">
      <c r="N746882" s="10"/>
    </row>
    <row r="746883" spans="14:14">
      <c r="N746883" s="10"/>
    </row>
    <row r="746884" spans="14:14">
      <c r="N746884" s="10"/>
    </row>
    <row r="746885" spans="14:14">
      <c r="N746885" s="10"/>
    </row>
    <row r="746886" spans="14:14">
      <c r="N746886" s="10"/>
    </row>
    <row r="746887" spans="14:14">
      <c r="N746887" s="10"/>
    </row>
    <row r="746888" spans="14:14">
      <c r="N746888" s="10"/>
    </row>
    <row r="746889" spans="14:14">
      <c r="N746889" s="10"/>
    </row>
    <row r="746890" spans="14:14">
      <c r="N746890" s="10"/>
    </row>
    <row r="746891" spans="14:14">
      <c r="N746891" s="10"/>
    </row>
    <row r="746892" spans="14:14">
      <c r="N746892" s="10"/>
    </row>
    <row r="746893" spans="14:14">
      <c r="N746893" s="10"/>
    </row>
    <row r="746894" spans="14:14">
      <c r="N746894" s="10"/>
    </row>
    <row r="746895" spans="14:14">
      <c r="N746895" s="10"/>
    </row>
    <row r="746896" spans="14:14">
      <c r="N746896" s="10"/>
    </row>
    <row r="746897" spans="14:14">
      <c r="N746897" s="10"/>
    </row>
    <row r="746898" spans="14:14">
      <c r="N746898" s="10"/>
    </row>
    <row r="746899" spans="14:14">
      <c r="N746899" s="10"/>
    </row>
    <row r="746900" spans="14:14">
      <c r="N746900" s="10"/>
    </row>
    <row r="746901" spans="14:14">
      <c r="N746901" s="10"/>
    </row>
    <row r="746902" spans="14:14">
      <c r="N746902" s="10"/>
    </row>
    <row r="746903" spans="14:14">
      <c r="N746903" s="10"/>
    </row>
    <row r="746904" spans="14:14">
      <c r="N746904" s="10"/>
    </row>
    <row r="746905" spans="14:14">
      <c r="N746905" s="10"/>
    </row>
    <row r="746906" spans="14:14">
      <c r="N746906" s="10"/>
    </row>
    <row r="746907" spans="14:14">
      <c r="N746907" s="10"/>
    </row>
    <row r="746908" spans="14:14">
      <c r="N746908" s="10"/>
    </row>
    <row r="746909" spans="14:14">
      <c r="N746909" s="10"/>
    </row>
    <row r="746910" spans="14:14">
      <c r="N746910" s="10"/>
    </row>
    <row r="746911" spans="14:14">
      <c r="N746911" s="10"/>
    </row>
    <row r="746912" spans="14:14">
      <c r="N746912" s="10"/>
    </row>
    <row r="746913" spans="14:14">
      <c r="N746913" s="10"/>
    </row>
    <row r="746914" spans="14:14">
      <c r="N746914" s="10"/>
    </row>
    <row r="746915" spans="14:14">
      <c r="N746915" s="10"/>
    </row>
    <row r="746916" spans="14:14">
      <c r="N746916" s="10"/>
    </row>
    <row r="746917" spans="14:14">
      <c r="N746917" s="10"/>
    </row>
    <row r="746918" spans="14:14">
      <c r="N746918" s="10"/>
    </row>
    <row r="746919" spans="14:14">
      <c r="N746919" s="10"/>
    </row>
    <row r="746920" spans="14:14">
      <c r="N746920" s="10"/>
    </row>
    <row r="746921" spans="14:14">
      <c r="N746921" s="10"/>
    </row>
    <row r="746922" spans="14:14">
      <c r="N746922" s="10"/>
    </row>
    <row r="746923" spans="14:14">
      <c r="N746923" s="10"/>
    </row>
    <row r="746924" spans="14:14">
      <c r="N746924" s="10"/>
    </row>
    <row r="746925" spans="14:14">
      <c r="N746925" s="10"/>
    </row>
    <row r="746926" spans="14:14">
      <c r="N746926" s="10"/>
    </row>
    <row r="746927" spans="14:14">
      <c r="N746927" s="10"/>
    </row>
    <row r="746928" spans="14:14">
      <c r="N746928" s="10"/>
    </row>
    <row r="746929" spans="14:14">
      <c r="N746929" s="10"/>
    </row>
    <row r="746930" spans="14:14">
      <c r="N746930" s="10"/>
    </row>
    <row r="746931" spans="14:14">
      <c r="N746931" s="10"/>
    </row>
    <row r="746932" spans="14:14">
      <c r="N746932" s="10"/>
    </row>
    <row r="746933" spans="14:14">
      <c r="N746933" s="10"/>
    </row>
    <row r="746934" spans="14:14">
      <c r="N746934" s="10"/>
    </row>
    <row r="746935" spans="14:14">
      <c r="N746935" s="10"/>
    </row>
    <row r="746936" spans="14:14">
      <c r="N746936" s="10"/>
    </row>
    <row r="746937" spans="14:14">
      <c r="N746937" s="10"/>
    </row>
    <row r="746938" spans="14:14">
      <c r="N746938" s="10"/>
    </row>
    <row r="746939" spans="14:14">
      <c r="N746939" s="10"/>
    </row>
    <row r="746940" spans="14:14">
      <c r="N746940" s="10"/>
    </row>
    <row r="746941" spans="14:14">
      <c r="N746941" s="10"/>
    </row>
    <row r="746942" spans="14:14">
      <c r="N746942" s="10"/>
    </row>
    <row r="746943" spans="14:14">
      <c r="N746943" s="10"/>
    </row>
    <row r="746944" spans="14:14">
      <c r="N746944" s="10"/>
    </row>
    <row r="746945" spans="14:14">
      <c r="N746945" s="10"/>
    </row>
    <row r="746946" spans="14:14">
      <c r="N746946" s="10"/>
    </row>
    <row r="746947" spans="14:14">
      <c r="N746947" s="10"/>
    </row>
    <row r="746948" spans="14:14">
      <c r="N746948" s="10"/>
    </row>
    <row r="746949" spans="14:14">
      <c r="N746949" s="10"/>
    </row>
    <row r="746950" spans="14:14">
      <c r="N746950" s="10"/>
    </row>
    <row r="746951" spans="14:14">
      <c r="N746951" s="10"/>
    </row>
    <row r="746952" spans="14:14">
      <c r="N746952" s="10"/>
    </row>
    <row r="746953" spans="14:14">
      <c r="N746953" s="10"/>
    </row>
    <row r="746954" spans="14:14">
      <c r="N746954" s="10"/>
    </row>
    <row r="746955" spans="14:14">
      <c r="N746955" s="10"/>
    </row>
    <row r="746956" spans="14:14">
      <c r="N746956" s="10"/>
    </row>
    <row r="746957" spans="14:14">
      <c r="N746957" s="10"/>
    </row>
    <row r="746958" spans="14:14">
      <c r="N746958" s="10"/>
    </row>
    <row r="746959" spans="14:14">
      <c r="N746959" s="10"/>
    </row>
    <row r="746960" spans="14:14">
      <c r="N746960" s="10"/>
    </row>
    <row r="746961" spans="14:14">
      <c r="N746961" s="10"/>
    </row>
    <row r="746962" spans="14:14">
      <c r="N746962" s="10"/>
    </row>
    <row r="746963" spans="14:14">
      <c r="N746963" s="10"/>
    </row>
    <row r="746964" spans="14:14">
      <c r="N746964" s="10"/>
    </row>
    <row r="746965" spans="14:14">
      <c r="N746965" s="10"/>
    </row>
    <row r="746966" spans="14:14">
      <c r="N746966" s="10"/>
    </row>
    <row r="746967" spans="14:14">
      <c r="N746967" s="10"/>
    </row>
    <row r="746968" spans="14:14">
      <c r="N746968" s="10"/>
    </row>
    <row r="746969" spans="14:14">
      <c r="N746969" s="10"/>
    </row>
    <row r="746970" spans="14:14">
      <c r="N746970" s="10"/>
    </row>
    <row r="746971" spans="14:14">
      <c r="N746971" s="10"/>
    </row>
    <row r="746972" spans="14:14">
      <c r="N746972" s="10"/>
    </row>
    <row r="746973" spans="14:14">
      <c r="N746973" s="10"/>
    </row>
    <row r="746974" spans="14:14">
      <c r="N746974" s="10"/>
    </row>
    <row r="746975" spans="14:14">
      <c r="N746975" s="10"/>
    </row>
    <row r="746976" spans="14:14">
      <c r="N746976" s="10"/>
    </row>
    <row r="746977" spans="14:14">
      <c r="N746977" s="10"/>
    </row>
    <row r="746978" spans="14:14">
      <c r="N746978" s="10"/>
    </row>
    <row r="746979" spans="14:14">
      <c r="N746979" s="10"/>
    </row>
    <row r="746980" spans="14:14">
      <c r="N746980" s="10"/>
    </row>
    <row r="746981" spans="14:14">
      <c r="N746981" s="10"/>
    </row>
    <row r="746982" spans="14:14">
      <c r="N746982" s="10"/>
    </row>
    <row r="746983" spans="14:14">
      <c r="N746983" s="10"/>
    </row>
    <row r="746984" spans="14:14">
      <c r="N746984" s="10"/>
    </row>
    <row r="746985" spans="14:14">
      <c r="N746985" s="10"/>
    </row>
    <row r="746986" spans="14:14">
      <c r="N746986" s="10"/>
    </row>
    <row r="746987" spans="14:14">
      <c r="N746987" s="10"/>
    </row>
    <row r="746988" spans="14:14">
      <c r="N746988" s="10"/>
    </row>
    <row r="746989" spans="14:14">
      <c r="N746989" s="10"/>
    </row>
    <row r="746990" spans="14:14">
      <c r="N746990" s="10"/>
    </row>
    <row r="746991" spans="14:14">
      <c r="N746991" s="10"/>
    </row>
    <row r="746992" spans="14:14">
      <c r="N746992" s="10"/>
    </row>
    <row r="746993" spans="14:14">
      <c r="N746993" s="10"/>
    </row>
    <row r="746994" spans="14:14">
      <c r="N746994" s="10"/>
    </row>
    <row r="746995" spans="14:14">
      <c r="N746995" s="10"/>
    </row>
    <row r="746996" spans="14:14">
      <c r="N746996" s="10"/>
    </row>
    <row r="746997" spans="14:14">
      <c r="N746997" s="10"/>
    </row>
    <row r="746998" spans="14:14">
      <c r="N746998" s="10"/>
    </row>
    <row r="746999" spans="14:14">
      <c r="N746999" s="10"/>
    </row>
    <row r="747000" spans="14:14">
      <c r="N747000" s="10"/>
    </row>
    <row r="747001" spans="14:14">
      <c r="N747001" s="10"/>
    </row>
    <row r="747002" spans="14:14">
      <c r="N747002" s="10"/>
    </row>
    <row r="747003" spans="14:14">
      <c r="N747003" s="10"/>
    </row>
    <row r="747004" spans="14:14">
      <c r="N747004" s="10"/>
    </row>
    <row r="747005" spans="14:14">
      <c r="N747005" s="10"/>
    </row>
    <row r="747006" spans="14:14">
      <c r="N747006" s="10"/>
    </row>
    <row r="747007" spans="14:14">
      <c r="N747007" s="10"/>
    </row>
    <row r="747008" spans="14:14">
      <c r="N747008" s="10"/>
    </row>
    <row r="747009" spans="14:14">
      <c r="N747009" s="10"/>
    </row>
    <row r="747010" spans="14:14">
      <c r="N747010" s="10"/>
    </row>
    <row r="747011" spans="14:14">
      <c r="N747011" s="10"/>
    </row>
    <row r="747012" spans="14:14">
      <c r="N747012" s="10"/>
    </row>
    <row r="747013" spans="14:14">
      <c r="N747013" s="10"/>
    </row>
    <row r="747014" spans="14:14">
      <c r="N747014" s="10"/>
    </row>
    <row r="747015" spans="14:14">
      <c r="N747015" s="10"/>
    </row>
    <row r="747016" spans="14:14">
      <c r="N747016" s="10"/>
    </row>
    <row r="747017" spans="14:14">
      <c r="N747017" s="10"/>
    </row>
    <row r="747018" spans="14:14">
      <c r="N747018" s="10"/>
    </row>
    <row r="747019" spans="14:14">
      <c r="N747019" s="10"/>
    </row>
    <row r="747020" spans="14:14">
      <c r="N747020" s="10"/>
    </row>
    <row r="747021" spans="14:14">
      <c r="N747021" s="10"/>
    </row>
    <row r="747022" spans="14:14">
      <c r="N747022" s="10"/>
    </row>
    <row r="747023" spans="14:14">
      <c r="N747023" s="10"/>
    </row>
    <row r="747024" spans="14:14">
      <c r="N747024" s="10"/>
    </row>
    <row r="747025" spans="14:14">
      <c r="N747025" s="10"/>
    </row>
    <row r="747026" spans="14:14">
      <c r="N747026" s="10"/>
    </row>
    <row r="747027" spans="14:14">
      <c r="N747027" s="10"/>
    </row>
    <row r="747028" spans="14:14">
      <c r="N747028" s="10"/>
    </row>
    <row r="747029" spans="14:14">
      <c r="N747029" s="10"/>
    </row>
    <row r="747030" spans="14:14">
      <c r="N747030" s="10"/>
    </row>
    <row r="747031" spans="14:14">
      <c r="N747031" s="10"/>
    </row>
    <row r="747032" spans="14:14">
      <c r="N747032" s="10"/>
    </row>
    <row r="747033" spans="14:14">
      <c r="N747033" s="10"/>
    </row>
    <row r="747034" spans="14:14">
      <c r="N747034" s="10"/>
    </row>
    <row r="747035" spans="14:14">
      <c r="N747035" s="10"/>
    </row>
    <row r="747036" spans="14:14">
      <c r="N747036" s="10"/>
    </row>
    <row r="747037" spans="14:14">
      <c r="N747037" s="10"/>
    </row>
    <row r="747038" spans="14:14">
      <c r="N747038" s="10"/>
    </row>
    <row r="747039" spans="14:14">
      <c r="N747039" s="10"/>
    </row>
    <row r="747040" spans="14:14">
      <c r="N747040" s="10"/>
    </row>
    <row r="747041" spans="14:14">
      <c r="N747041" s="10"/>
    </row>
    <row r="747042" spans="14:14">
      <c r="N747042" s="10"/>
    </row>
    <row r="747043" spans="14:14">
      <c r="N747043" s="10"/>
    </row>
    <row r="747044" spans="14:14">
      <c r="N747044" s="10"/>
    </row>
    <row r="747045" spans="14:14">
      <c r="N747045" s="10"/>
    </row>
    <row r="747046" spans="14:14">
      <c r="N747046" s="10"/>
    </row>
    <row r="747047" spans="14:14">
      <c r="N747047" s="10"/>
    </row>
    <row r="747048" spans="14:14">
      <c r="N747048" s="10"/>
    </row>
    <row r="747049" spans="14:14">
      <c r="N747049" s="10"/>
    </row>
    <row r="747050" spans="14:14">
      <c r="N747050" s="10"/>
    </row>
    <row r="747051" spans="14:14">
      <c r="N747051" s="10"/>
    </row>
    <row r="747052" spans="14:14">
      <c r="N747052" s="10"/>
    </row>
    <row r="747053" spans="14:14">
      <c r="N747053" s="10"/>
    </row>
    <row r="747054" spans="14:14">
      <c r="N747054" s="10"/>
    </row>
    <row r="747055" spans="14:14">
      <c r="N747055" s="10"/>
    </row>
    <row r="747056" spans="14:14">
      <c r="N747056" s="10"/>
    </row>
    <row r="747057" spans="14:14">
      <c r="N747057" s="10"/>
    </row>
    <row r="747058" spans="14:14">
      <c r="N747058" s="10"/>
    </row>
    <row r="747059" spans="14:14">
      <c r="N747059" s="10"/>
    </row>
    <row r="747060" spans="14:14">
      <c r="N747060" s="10"/>
    </row>
    <row r="747061" spans="14:14">
      <c r="N747061" s="10"/>
    </row>
    <row r="747062" spans="14:14">
      <c r="N747062" s="10"/>
    </row>
    <row r="747063" spans="14:14">
      <c r="N747063" s="10"/>
    </row>
    <row r="747064" spans="14:14">
      <c r="N747064" s="10"/>
    </row>
    <row r="747065" spans="14:14">
      <c r="N747065" s="10"/>
    </row>
    <row r="747066" spans="14:14">
      <c r="N747066" s="10"/>
    </row>
    <row r="747067" spans="14:14">
      <c r="N747067" s="10"/>
    </row>
    <row r="747068" spans="14:14">
      <c r="N747068" s="10"/>
    </row>
    <row r="747069" spans="14:14">
      <c r="N747069" s="10"/>
    </row>
    <row r="747070" spans="14:14">
      <c r="N747070" s="10"/>
    </row>
    <row r="747071" spans="14:14">
      <c r="N747071" s="10"/>
    </row>
    <row r="747072" spans="14:14">
      <c r="N747072" s="10"/>
    </row>
    <row r="747073" spans="14:14">
      <c r="N747073" s="10"/>
    </row>
    <row r="747074" spans="14:14">
      <c r="N747074" s="10"/>
    </row>
    <row r="747075" spans="14:14">
      <c r="N747075" s="10"/>
    </row>
    <row r="747076" spans="14:14">
      <c r="N747076" s="10"/>
    </row>
    <row r="747077" spans="14:14">
      <c r="N747077" s="10"/>
    </row>
    <row r="747078" spans="14:14">
      <c r="N747078" s="10"/>
    </row>
    <row r="747079" spans="14:14">
      <c r="N747079" s="10"/>
    </row>
    <row r="747080" spans="14:14">
      <c r="N747080" s="10"/>
    </row>
    <row r="747081" spans="14:14">
      <c r="N747081" s="10"/>
    </row>
    <row r="747082" spans="14:14">
      <c r="N747082" s="10"/>
    </row>
    <row r="747083" spans="14:14">
      <c r="N747083" s="10"/>
    </row>
    <row r="747084" spans="14:14">
      <c r="N747084" s="10"/>
    </row>
    <row r="747085" spans="14:14">
      <c r="N747085" s="10"/>
    </row>
    <row r="747086" spans="14:14">
      <c r="N747086" s="10"/>
    </row>
    <row r="747087" spans="14:14">
      <c r="N747087" s="10"/>
    </row>
    <row r="747088" spans="14:14">
      <c r="N747088" s="10"/>
    </row>
    <row r="747089" spans="14:14">
      <c r="N747089" s="10"/>
    </row>
    <row r="747090" spans="14:14">
      <c r="N747090" s="10"/>
    </row>
    <row r="747091" spans="14:14">
      <c r="N747091" s="10"/>
    </row>
    <row r="747092" spans="14:14">
      <c r="N747092" s="10"/>
    </row>
    <row r="747093" spans="14:14">
      <c r="N747093" s="10"/>
    </row>
    <row r="747094" spans="14:14">
      <c r="N747094" s="10"/>
    </row>
    <row r="747095" spans="14:14">
      <c r="N747095" s="10"/>
    </row>
    <row r="747096" spans="14:14">
      <c r="N747096" s="10"/>
    </row>
    <row r="747097" spans="14:14">
      <c r="N747097" s="10"/>
    </row>
    <row r="747098" spans="14:14">
      <c r="N747098" s="10"/>
    </row>
    <row r="747099" spans="14:14">
      <c r="N747099" s="10"/>
    </row>
    <row r="747100" spans="14:14">
      <c r="N747100" s="10"/>
    </row>
    <row r="747101" spans="14:14">
      <c r="N747101" s="10"/>
    </row>
    <row r="747102" spans="14:14">
      <c r="N747102" s="10"/>
    </row>
    <row r="747103" spans="14:14">
      <c r="N747103" s="10"/>
    </row>
    <row r="747104" spans="14:14">
      <c r="N747104" s="10"/>
    </row>
    <row r="747105" spans="14:14">
      <c r="N747105" s="10"/>
    </row>
    <row r="747106" spans="14:14">
      <c r="N747106" s="10"/>
    </row>
    <row r="747107" spans="14:14">
      <c r="N747107" s="10"/>
    </row>
    <row r="747108" spans="14:14">
      <c r="N747108" s="10"/>
    </row>
    <row r="747109" spans="14:14">
      <c r="N747109" s="10"/>
    </row>
    <row r="747110" spans="14:14">
      <c r="N747110" s="10"/>
    </row>
    <row r="747111" spans="14:14">
      <c r="N747111" s="10"/>
    </row>
    <row r="747112" spans="14:14">
      <c r="N747112" s="10"/>
    </row>
    <row r="747113" spans="14:14">
      <c r="N747113" s="10"/>
    </row>
    <row r="747114" spans="14:14">
      <c r="N747114" s="10"/>
    </row>
    <row r="747115" spans="14:14">
      <c r="N747115" s="10"/>
    </row>
    <row r="747116" spans="14:14">
      <c r="N747116" s="10"/>
    </row>
    <row r="747117" spans="14:14">
      <c r="N747117" s="10"/>
    </row>
    <row r="747118" spans="14:14">
      <c r="N747118" s="10"/>
    </row>
    <row r="747119" spans="14:14">
      <c r="N747119" s="10"/>
    </row>
    <row r="747120" spans="14:14">
      <c r="N747120" s="10"/>
    </row>
    <row r="747121" spans="14:14">
      <c r="N747121" s="10"/>
    </row>
    <row r="747122" spans="14:14">
      <c r="N747122" s="10"/>
    </row>
    <row r="747123" spans="14:14">
      <c r="N747123" s="10"/>
    </row>
    <row r="747124" spans="14:14">
      <c r="N747124" s="10"/>
    </row>
    <row r="747125" spans="14:14">
      <c r="N747125" s="10"/>
    </row>
    <row r="747126" spans="14:14">
      <c r="N747126" s="10"/>
    </row>
    <row r="747127" spans="14:14">
      <c r="N747127" s="10"/>
    </row>
    <row r="747128" spans="14:14">
      <c r="N747128" s="10"/>
    </row>
    <row r="747129" spans="14:14">
      <c r="N747129" s="10"/>
    </row>
    <row r="747130" spans="14:14">
      <c r="N747130" s="10"/>
    </row>
    <row r="747131" spans="14:14">
      <c r="N747131" s="10"/>
    </row>
    <row r="747132" spans="14:14">
      <c r="N747132" s="10"/>
    </row>
    <row r="747133" spans="14:14">
      <c r="N747133" s="10"/>
    </row>
    <row r="747134" spans="14:14">
      <c r="N747134" s="10"/>
    </row>
    <row r="747135" spans="14:14">
      <c r="N747135" s="10"/>
    </row>
    <row r="747136" spans="14:14">
      <c r="N747136" s="10"/>
    </row>
    <row r="747137" spans="14:14">
      <c r="N747137" s="10"/>
    </row>
    <row r="747138" spans="14:14">
      <c r="N747138" s="10"/>
    </row>
    <row r="747139" spans="14:14">
      <c r="N747139" s="10"/>
    </row>
    <row r="747140" spans="14:14">
      <c r="N747140" s="10"/>
    </row>
    <row r="747141" spans="14:14">
      <c r="N747141" s="10"/>
    </row>
    <row r="747142" spans="14:14">
      <c r="N747142" s="10"/>
    </row>
    <row r="747143" spans="14:14">
      <c r="N747143" s="10"/>
    </row>
    <row r="747144" spans="14:14">
      <c r="N747144" s="10"/>
    </row>
    <row r="747145" spans="14:14">
      <c r="N747145" s="10"/>
    </row>
    <row r="747146" spans="14:14">
      <c r="N747146" s="10"/>
    </row>
    <row r="747147" spans="14:14">
      <c r="N747147" s="10"/>
    </row>
    <row r="747148" spans="14:14">
      <c r="N747148" s="10"/>
    </row>
    <row r="747149" spans="14:14">
      <c r="N747149" s="10"/>
    </row>
    <row r="747150" spans="14:14">
      <c r="N747150" s="10"/>
    </row>
    <row r="747151" spans="14:14">
      <c r="N747151" s="10"/>
    </row>
    <row r="747152" spans="14:14">
      <c r="N747152" s="10"/>
    </row>
    <row r="747153" spans="14:14">
      <c r="N747153" s="10"/>
    </row>
    <row r="747154" spans="14:14">
      <c r="N747154" s="10"/>
    </row>
    <row r="747155" spans="14:14">
      <c r="N747155" s="10"/>
    </row>
    <row r="747156" spans="14:14">
      <c r="N747156" s="10"/>
    </row>
    <row r="747157" spans="14:14">
      <c r="N747157" s="10"/>
    </row>
    <row r="747158" spans="14:14">
      <c r="N747158" s="10"/>
    </row>
    <row r="747159" spans="14:14">
      <c r="N747159" s="10"/>
    </row>
    <row r="747160" spans="14:14">
      <c r="N747160" s="10"/>
    </row>
    <row r="747161" spans="14:14">
      <c r="N747161" s="10"/>
    </row>
    <row r="747162" spans="14:14">
      <c r="N747162" s="10"/>
    </row>
    <row r="747163" spans="14:14">
      <c r="N747163" s="10"/>
    </row>
    <row r="747164" spans="14:14">
      <c r="N747164" s="10"/>
    </row>
    <row r="747165" spans="14:14">
      <c r="N747165" s="10"/>
    </row>
    <row r="747166" spans="14:14">
      <c r="N747166" s="10"/>
    </row>
    <row r="747167" spans="14:14">
      <c r="N747167" s="10"/>
    </row>
    <row r="747168" spans="14:14">
      <c r="N747168" s="10"/>
    </row>
    <row r="747169" spans="14:14">
      <c r="N747169" s="10"/>
    </row>
    <row r="747170" spans="14:14">
      <c r="N747170" s="10"/>
    </row>
    <row r="747171" spans="14:14">
      <c r="N747171" s="10"/>
    </row>
    <row r="747172" spans="14:14">
      <c r="N747172" s="10"/>
    </row>
    <row r="747173" spans="14:14">
      <c r="N747173" s="10"/>
    </row>
    <row r="747174" spans="14:14">
      <c r="N747174" s="10"/>
    </row>
    <row r="747175" spans="14:14">
      <c r="N747175" s="10"/>
    </row>
    <row r="747176" spans="14:14">
      <c r="N747176" s="10"/>
    </row>
    <row r="747177" spans="14:14">
      <c r="N747177" s="10"/>
    </row>
    <row r="747178" spans="14:14">
      <c r="N747178" s="10"/>
    </row>
    <row r="747179" spans="14:14">
      <c r="N747179" s="10"/>
    </row>
    <row r="747180" spans="14:14">
      <c r="N747180" s="10"/>
    </row>
    <row r="747181" spans="14:14">
      <c r="N747181" s="10"/>
    </row>
    <row r="747182" spans="14:14">
      <c r="N747182" s="10"/>
    </row>
    <row r="747183" spans="14:14">
      <c r="N747183" s="10"/>
    </row>
    <row r="747184" spans="14:14">
      <c r="N747184" s="10"/>
    </row>
    <row r="747185" spans="14:14">
      <c r="N747185" s="10"/>
    </row>
    <row r="747186" spans="14:14">
      <c r="N747186" s="10"/>
    </row>
    <row r="747187" spans="14:14">
      <c r="N747187" s="10"/>
    </row>
    <row r="747188" spans="14:14">
      <c r="N747188" s="10"/>
    </row>
    <row r="747189" spans="14:14">
      <c r="N747189" s="10"/>
    </row>
    <row r="747190" spans="14:14">
      <c r="N747190" s="10"/>
    </row>
    <row r="747191" spans="14:14">
      <c r="N747191" s="10"/>
    </row>
    <row r="747192" spans="14:14">
      <c r="N747192" s="10"/>
    </row>
    <row r="747193" spans="14:14">
      <c r="N747193" s="10"/>
    </row>
    <row r="747194" spans="14:14">
      <c r="N747194" s="10"/>
    </row>
    <row r="747195" spans="14:14">
      <c r="N747195" s="10"/>
    </row>
    <row r="747196" spans="14:14">
      <c r="N747196" s="10"/>
    </row>
    <row r="747197" spans="14:14">
      <c r="N747197" s="10"/>
    </row>
    <row r="747198" spans="14:14">
      <c r="N747198" s="10"/>
    </row>
    <row r="747199" spans="14:14">
      <c r="N747199" s="10"/>
    </row>
    <row r="747200" spans="14:14">
      <c r="N747200" s="10"/>
    </row>
    <row r="747201" spans="14:14">
      <c r="N747201" s="10"/>
    </row>
    <row r="747202" spans="14:14">
      <c r="N747202" s="10"/>
    </row>
    <row r="747203" spans="14:14">
      <c r="N747203" s="10"/>
    </row>
    <row r="747204" spans="14:14">
      <c r="N747204" s="10"/>
    </row>
    <row r="747205" spans="14:14">
      <c r="N747205" s="10"/>
    </row>
    <row r="747206" spans="14:14">
      <c r="N747206" s="10"/>
    </row>
    <row r="747207" spans="14:14">
      <c r="N747207" s="10"/>
    </row>
    <row r="747208" spans="14:14">
      <c r="N747208" s="10"/>
    </row>
    <row r="747209" spans="14:14">
      <c r="N747209" s="10"/>
    </row>
    <row r="747210" spans="14:14">
      <c r="N747210" s="10"/>
    </row>
    <row r="747211" spans="14:14">
      <c r="N747211" s="10"/>
    </row>
    <row r="747212" spans="14:14">
      <c r="N747212" s="10"/>
    </row>
    <row r="747213" spans="14:14">
      <c r="N747213" s="10"/>
    </row>
    <row r="747214" spans="14:14">
      <c r="N747214" s="10"/>
    </row>
    <row r="747215" spans="14:14">
      <c r="N747215" s="10"/>
    </row>
    <row r="747216" spans="14:14">
      <c r="N747216" s="10"/>
    </row>
    <row r="747217" spans="14:14">
      <c r="N747217" s="10"/>
    </row>
    <row r="747218" spans="14:14">
      <c r="N747218" s="10"/>
    </row>
    <row r="747219" spans="14:14">
      <c r="N747219" s="10"/>
    </row>
    <row r="747220" spans="14:14">
      <c r="N747220" s="10"/>
    </row>
    <row r="747221" spans="14:14">
      <c r="N747221" s="10"/>
    </row>
    <row r="747222" spans="14:14">
      <c r="N747222" s="10"/>
    </row>
    <row r="747223" spans="14:14">
      <c r="N747223" s="10"/>
    </row>
    <row r="747224" spans="14:14">
      <c r="N747224" s="10"/>
    </row>
    <row r="747225" spans="14:14">
      <c r="N747225" s="10"/>
    </row>
    <row r="747226" spans="14:14">
      <c r="N747226" s="10"/>
    </row>
    <row r="747227" spans="14:14">
      <c r="N747227" s="10"/>
    </row>
    <row r="747228" spans="14:14">
      <c r="N747228" s="10"/>
    </row>
    <row r="747229" spans="14:14">
      <c r="N747229" s="10"/>
    </row>
    <row r="747230" spans="14:14">
      <c r="N747230" s="10"/>
    </row>
    <row r="747231" spans="14:14">
      <c r="N747231" s="10"/>
    </row>
    <row r="747232" spans="14:14">
      <c r="N747232" s="10"/>
    </row>
    <row r="747233" spans="14:14">
      <c r="N747233" s="10"/>
    </row>
    <row r="747234" spans="14:14">
      <c r="N747234" s="10"/>
    </row>
    <row r="747235" spans="14:14">
      <c r="N747235" s="10"/>
    </row>
    <row r="747236" spans="14:14">
      <c r="N747236" s="10"/>
    </row>
    <row r="747237" spans="14:14">
      <c r="N747237" s="10"/>
    </row>
    <row r="747238" spans="14:14">
      <c r="N747238" s="10"/>
    </row>
    <row r="747239" spans="14:14">
      <c r="N747239" s="10"/>
    </row>
    <row r="747240" spans="14:14">
      <c r="N747240" s="10"/>
    </row>
    <row r="747241" spans="14:14">
      <c r="N747241" s="10"/>
    </row>
    <row r="747242" spans="14:14">
      <c r="N747242" s="10"/>
    </row>
    <row r="747243" spans="14:14">
      <c r="N747243" s="10"/>
    </row>
    <row r="747244" spans="14:14">
      <c r="N747244" s="10"/>
    </row>
    <row r="747245" spans="14:14">
      <c r="N747245" s="10"/>
    </row>
    <row r="747246" spans="14:14">
      <c r="N747246" s="10"/>
    </row>
    <row r="747247" spans="14:14">
      <c r="N747247" s="10"/>
    </row>
    <row r="747248" spans="14:14">
      <c r="N747248" s="10"/>
    </row>
    <row r="747249" spans="14:14">
      <c r="N747249" s="10"/>
    </row>
    <row r="747250" spans="14:14">
      <c r="N747250" s="10"/>
    </row>
    <row r="747251" spans="14:14">
      <c r="N747251" s="10"/>
    </row>
    <row r="747252" spans="14:14">
      <c r="N747252" s="10"/>
    </row>
    <row r="747253" spans="14:14">
      <c r="N747253" s="10"/>
    </row>
    <row r="747254" spans="14:14">
      <c r="N747254" s="10"/>
    </row>
    <row r="747255" spans="14:14">
      <c r="N747255" s="10"/>
    </row>
    <row r="747256" spans="14:14">
      <c r="N747256" s="10"/>
    </row>
    <row r="747257" spans="14:14">
      <c r="N747257" s="10"/>
    </row>
    <row r="747258" spans="14:14">
      <c r="N747258" s="10"/>
    </row>
    <row r="747259" spans="14:14">
      <c r="N747259" s="10"/>
    </row>
    <row r="747260" spans="14:14">
      <c r="N747260" s="10"/>
    </row>
    <row r="747261" spans="14:14">
      <c r="N747261" s="10"/>
    </row>
    <row r="747262" spans="14:14">
      <c r="N747262" s="10"/>
    </row>
    <row r="747263" spans="14:14">
      <c r="N747263" s="10"/>
    </row>
    <row r="747264" spans="14:14">
      <c r="N747264" s="10"/>
    </row>
    <row r="747265" spans="14:14">
      <c r="N747265" s="10"/>
    </row>
    <row r="747266" spans="14:14">
      <c r="N747266" s="10"/>
    </row>
    <row r="747267" spans="14:14">
      <c r="N747267" s="10"/>
    </row>
    <row r="747268" spans="14:14">
      <c r="N747268" s="10"/>
    </row>
    <row r="747269" spans="14:14">
      <c r="N747269" s="10"/>
    </row>
    <row r="747270" spans="14:14">
      <c r="N747270" s="10"/>
    </row>
    <row r="747271" spans="14:14">
      <c r="N747271" s="10"/>
    </row>
    <row r="747272" spans="14:14">
      <c r="N747272" s="10"/>
    </row>
    <row r="747273" spans="14:14">
      <c r="N747273" s="10"/>
    </row>
    <row r="747274" spans="14:14">
      <c r="N747274" s="10"/>
    </row>
    <row r="747275" spans="14:14">
      <c r="N747275" s="10"/>
    </row>
    <row r="747276" spans="14:14">
      <c r="N747276" s="10"/>
    </row>
    <row r="747277" spans="14:14">
      <c r="N747277" s="10"/>
    </row>
    <row r="747278" spans="14:14">
      <c r="N747278" s="10"/>
    </row>
    <row r="747279" spans="14:14">
      <c r="N747279" s="10"/>
    </row>
    <row r="747280" spans="14:14">
      <c r="N747280" s="10"/>
    </row>
    <row r="747281" spans="14:14">
      <c r="N747281" s="10"/>
    </row>
    <row r="747282" spans="14:14">
      <c r="N747282" s="10"/>
    </row>
    <row r="747283" spans="14:14">
      <c r="N747283" s="10"/>
    </row>
    <row r="747284" spans="14:14">
      <c r="N747284" s="10"/>
    </row>
    <row r="747285" spans="14:14">
      <c r="N747285" s="10"/>
    </row>
    <row r="747286" spans="14:14">
      <c r="N747286" s="10"/>
    </row>
    <row r="747287" spans="14:14">
      <c r="N747287" s="10"/>
    </row>
    <row r="747288" spans="14:14">
      <c r="N747288" s="10"/>
    </row>
    <row r="747289" spans="14:14">
      <c r="N747289" s="10"/>
    </row>
    <row r="747290" spans="14:14">
      <c r="N747290" s="10"/>
    </row>
    <row r="747291" spans="14:14">
      <c r="N747291" s="10"/>
    </row>
    <row r="747292" spans="14:14">
      <c r="N747292" s="10"/>
    </row>
    <row r="747293" spans="14:14">
      <c r="N747293" s="10"/>
    </row>
    <row r="747294" spans="14:14">
      <c r="N747294" s="10"/>
    </row>
    <row r="747295" spans="14:14">
      <c r="N747295" s="10"/>
    </row>
    <row r="747296" spans="14:14">
      <c r="N747296" s="10"/>
    </row>
    <row r="747297" spans="14:14">
      <c r="N747297" s="10"/>
    </row>
    <row r="747298" spans="14:14">
      <c r="N747298" s="10"/>
    </row>
    <row r="747299" spans="14:14">
      <c r="N747299" s="10"/>
    </row>
    <row r="747300" spans="14:14">
      <c r="N747300" s="10"/>
    </row>
    <row r="747301" spans="14:14">
      <c r="N747301" s="10"/>
    </row>
    <row r="747302" spans="14:14">
      <c r="N747302" s="10"/>
    </row>
    <row r="747303" spans="14:14">
      <c r="N747303" s="10"/>
    </row>
    <row r="747304" spans="14:14">
      <c r="N747304" s="10"/>
    </row>
    <row r="747305" spans="14:14">
      <c r="N747305" s="10"/>
    </row>
    <row r="747306" spans="14:14">
      <c r="N747306" s="10"/>
    </row>
    <row r="747307" spans="14:14">
      <c r="N747307" s="10"/>
    </row>
    <row r="747308" spans="14:14">
      <c r="N747308" s="10"/>
    </row>
    <row r="747309" spans="14:14">
      <c r="N747309" s="10"/>
    </row>
    <row r="747310" spans="14:14">
      <c r="N747310" s="10"/>
    </row>
    <row r="747311" spans="14:14">
      <c r="N747311" s="10"/>
    </row>
    <row r="747312" spans="14:14">
      <c r="N747312" s="10"/>
    </row>
    <row r="747313" spans="14:14">
      <c r="N747313" s="10"/>
    </row>
    <row r="747314" spans="14:14">
      <c r="N747314" s="10"/>
    </row>
    <row r="747315" spans="14:14">
      <c r="N747315" s="10"/>
    </row>
    <row r="747316" spans="14:14">
      <c r="N747316" s="10"/>
    </row>
    <row r="747317" spans="14:14">
      <c r="N747317" s="10"/>
    </row>
    <row r="747318" spans="14:14">
      <c r="N747318" s="10"/>
    </row>
    <row r="747319" spans="14:14">
      <c r="N747319" s="10"/>
    </row>
    <row r="747320" spans="14:14">
      <c r="N747320" s="10"/>
    </row>
    <row r="747321" spans="14:14">
      <c r="N747321" s="10"/>
    </row>
    <row r="747322" spans="14:14">
      <c r="N747322" s="10"/>
    </row>
    <row r="747323" spans="14:14">
      <c r="N747323" s="10"/>
    </row>
    <row r="747324" spans="14:14">
      <c r="N747324" s="10"/>
    </row>
    <row r="747325" spans="14:14">
      <c r="N747325" s="10"/>
    </row>
    <row r="747326" spans="14:14">
      <c r="N747326" s="10"/>
    </row>
    <row r="747327" spans="14:14">
      <c r="N747327" s="10"/>
    </row>
    <row r="747328" spans="14:14">
      <c r="N747328" s="10"/>
    </row>
    <row r="747329" spans="14:14">
      <c r="N747329" s="10"/>
    </row>
    <row r="747330" spans="14:14">
      <c r="N747330" s="10"/>
    </row>
    <row r="747331" spans="14:14">
      <c r="N747331" s="10"/>
    </row>
    <row r="747332" spans="14:14">
      <c r="N747332" s="10"/>
    </row>
    <row r="747333" spans="14:14">
      <c r="N747333" s="10"/>
    </row>
    <row r="747334" spans="14:14">
      <c r="N747334" s="10"/>
    </row>
    <row r="747335" spans="14:14">
      <c r="N747335" s="10"/>
    </row>
    <row r="747336" spans="14:14">
      <c r="N747336" s="10"/>
    </row>
    <row r="747337" spans="14:14">
      <c r="N747337" s="10"/>
    </row>
    <row r="747338" spans="14:14">
      <c r="N747338" s="10"/>
    </row>
    <row r="747339" spans="14:14">
      <c r="N747339" s="10"/>
    </row>
    <row r="747340" spans="14:14">
      <c r="N747340" s="10"/>
    </row>
    <row r="747341" spans="14:14">
      <c r="N747341" s="10"/>
    </row>
    <row r="747342" spans="14:14">
      <c r="N747342" s="10"/>
    </row>
    <row r="747343" spans="14:14">
      <c r="N747343" s="10"/>
    </row>
    <row r="747344" spans="14:14">
      <c r="N747344" s="10"/>
    </row>
    <row r="747345" spans="14:14">
      <c r="N747345" s="10"/>
    </row>
    <row r="747346" spans="14:14">
      <c r="N747346" s="10"/>
    </row>
    <row r="747347" spans="14:14">
      <c r="N747347" s="10"/>
    </row>
    <row r="747348" spans="14:14">
      <c r="N747348" s="10"/>
    </row>
    <row r="747349" spans="14:14">
      <c r="N747349" s="10"/>
    </row>
    <row r="747350" spans="14:14">
      <c r="N747350" s="10"/>
    </row>
    <row r="747351" spans="14:14">
      <c r="N747351" s="10"/>
    </row>
    <row r="747352" spans="14:14">
      <c r="N747352" s="10"/>
    </row>
    <row r="747353" spans="14:14">
      <c r="N747353" s="10"/>
    </row>
    <row r="747354" spans="14:14">
      <c r="N747354" s="10"/>
    </row>
    <row r="747355" spans="14:14">
      <c r="N747355" s="10"/>
    </row>
    <row r="747356" spans="14:14">
      <c r="N747356" s="10"/>
    </row>
    <row r="747357" spans="14:14">
      <c r="N747357" s="10"/>
    </row>
    <row r="747358" spans="14:14">
      <c r="N747358" s="10"/>
    </row>
    <row r="747359" spans="14:14">
      <c r="N747359" s="10"/>
    </row>
    <row r="747360" spans="14:14">
      <c r="N747360" s="10"/>
    </row>
    <row r="747361" spans="14:14">
      <c r="N747361" s="10"/>
    </row>
    <row r="747362" spans="14:14">
      <c r="N747362" s="10"/>
    </row>
    <row r="747363" spans="14:14">
      <c r="N747363" s="10"/>
    </row>
    <row r="747364" spans="14:14">
      <c r="N747364" s="10"/>
    </row>
    <row r="747365" spans="14:14">
      <c r="N747365" s="10"/>
    </row>
    <row r="747366" spans="14:14">
      <c r="N747366" s="10"/>
    </row>
    <row r="747367" spans="14:14">
      <c r="N747367" s="10"/>
    </row>
    <row r="747368" spans="14:14">
      <c r="N747368" s="10"/>
    </row>
    <row r="747369" spans="14:14">
      <c r="N747369" s="10"/>
    </row>
    <row r="747370" spans="14:14">
      <c r="N747370" s="10"/>
    </row>
    <row r="747371" spans="14:14">
      <c r="N747371" s="10"/>
    </row>
    <row r="747372" spans="14:14">
      <c r="N747372" s="10"/>
    </row>
    <row r="747373" spans="14:14">
      <c r="N747373" s="10"/>
    </row>
    <row r="747374" spans="14:14">
      <c r="N747374" s="10"/>
    </row>
    <row r="747375" spans="14:14">
      <c r="N747375" s="10"/>
    </row>
    <row r="747376" spans="14:14">
      <c r="N747376" s="10"/>
    </row>
    <row r="747377" spans="14:14">
      <c r="N747377" s="10"/>
    </row>
    <row r="747378" spans="14:14">
      <c r="N747378" s="10"/>
    </row>
    <row r="747379" spans="14:14">
      <c r="N747379" s="10"/>
    </row>
    <row r="747380" spans="14:14">
      <c r="N747380" s="10"/>
    </row>
    <row r="747381" spans="14:14">
      <c r="N747381" s="10"/>
    </row>
    <row r="747382" spans="14:14">
      <c r="N747382" s="10"/>
    </row>
    <row r="747383" spans="14:14">
      <c r="N747383" s="10"/>
    </row>
    <row r="747384" spans="14:14">
      <c r="N747384" s="10"/>
    </row>
    <row r="747385" spans="14:14">
      <c r="N747385" s="10"/>
    </row>
    <row r="747386" spans="14:14">
      <c r="N747386" s="10"/>
    </row>
    <row r="747387" spans="14:14">
      <c r="N747387" s="10"/>
    </row>
    <row r="747388" spans="14:14">
      <c r="N747388" s="10"/>
    </row>
    <row r="747389" spans="14:14">
      <c r="N747389" s="10"/>
    </row>
    <row r="747390" spans="14:14">
      <c r="N747390" s="10"/>
    </row>
    <row r="747391" spans="14:14">
      <c r="N747391" s="10"/>
    </row>
    <row r="747392" spans="14:14">
      <c r="N747392" s="10"/>
    </row>
    <row r="747393" spans="14:14">
      <c r="N747393" s="10"/>
    </row>
    <row r="747394" spans="14:14">
      <c r="N747394" s="10"/>
    </row>
    <row r="747395" spans="14:14">
      <c r="N747395" s="10"/>
    </row>
    <row r="747396" spans="14:14">
      <c r="N747396" s="10"/>
    </row>
    <row r="747397" spans="14:14">
      <c r="N747397" s="10"/>
    </row>
    <row r="747398" spans="14:14">
      <c r="N747398" s="10"/>
    </row>
    <row r="747399" spans="14:14">
      <c r="N747399" s="10"/>
    </row>
    <row r="747400" spans="14:14">
      <c r="N747400" s="10"/>
    </row>
    <row r="747401" spans="14:14">
      <c r="N747401" s="10"/>
    </row>
    <row r="747402" spans="14:14">
      <c r="N747402" s="10"/>
    </row>
    <row r="747403" spans="14:14">
      <c r="N747403" s="10"/>
    </row>
    <row r="747404" spans="14:14">
      <c r="N747404" s="10"/>
    </row>
    <row r="747405" spans="14:14">
      <c r="N747405" s="10"/>
    </row>
    <row r="747406" spans="14:14">
      <c r="N747406" s="10"/>
    </row>
    <row r="747407" spans="14:14">
      <c r="N747407" s="10"/>
    </row>
    <row r="747408" spans="14:14">
      <c r="N747408" s="10"/>
    </row>
    <row r="747409" spans="14:14">
      <c r="N747409" s="10"/>
    </row>
    <row r="747410" spans="14:14">
      <c r="N747410" s="10"/>
    </row>
    <row r="747411" spans="14:14">
      <c r="N747411" s="10"/>
    </row>
    <row r="747412" spans="14:14">
      <c r="N747412" s="10"/>
    </row>
    <row r="747413" spans="14:14">
      <c r="N747413" s="10"/>
    </row>
    <row r="747414" spans="14:14">
      <c r="N747414" s="10"/>
    </row>
    <row r="747415" spans="14:14">
      <c r="N747415" s="10"/>
    </row>
    <row r="747416" spans="14:14">
      <c r="N747416" s="10"/>
    </row>
    <row r="747417" spans="14:14">
      <c r="N747417" s="10"/>
    </row>
    <row r="747418" spans="14:14">
      <c r="N747418" s="10"/>
    </row>
    <row r="747419" spans="14:14">
      <c r="N747419" s="10"/>
    </row>
    <row r="747420" spans="14:14">
      <c r="N747420" s="10"/>
    </row>
    <row r="747421" spans="14:14">
      <c r="N747421" s="10"/>
    </row>
    <row r="747422" spans="14:14">
      <c r="N747422" s="10"/>
    </row>
    <row r="747423" spans="14:14">
      <c r="N747423" s="10"/>
    </row>
    <row r="747424" spans="14:14">
      <c r="N747424" s="10"/>
    </row>
    <row r="747425" spans="14:14">
      <c r="N747425" s="10"/>
    </row>
    <row r="747426" spans="14:14">
      <c r="N747426" s="10"/>
    </row>
    <row r="747427" spans="14:14">
      <c r="N747427" s="10"/>
    </row>
    <row r="747428" spans="14:14">
      <c r="N747428" s="10"/>
    </row>
    <row r="747429" spans="14:14">
      <c r="N747429" s="10"/>
    </row>
    <row r="747430" spans="14:14">
      <c r="N747430" s="10"/>
    </row>
    <row r="747431" spans="14:14">
      <c r="N747431" s="10"/>
    </row>
    <row r="747432" spans="14:14">
      <c r="N747432" s="10"/>
    </row>
    <row r="747433" spans="14:14">
      <c r="N747433" s="10"/>
    </row>
    <row r="747434" spans="14:14">
      <c r="N747434" s="10"/>
    </row>
    <row r="747435" spans="14:14">
      <c r="N747435" s="10"/>
    </row>
    <row r="747436" spans="14:14">
      <c r="N747436" s="10"/>
    </row>
    <row r="747437" spans="14:14">
      <c r="N747437" s="10"/>
    </row>
    <row r="747438" spans="14:14">
      <c r="N747438" s="10"/>
    </row>
    <row r="747439" spans="14:14">
      <c r="N747439" s="10"/>
    </row>
    <row r="747440" spans="14:14">
      <c r="N747440" s="10"/>
    </row>
    <row r="747441" spans="14:14">
      <c r="N747441" s="10"/>
    </row>
    <row r="747442" spans="14:14">
      <c r="N747442" s="10"/>
    </row>
    <row r="747443" spans="14:14">
      <c r="N747443" s="10"/>
    </row>
    <row r="747444" spans="14:14">
      <c r="N747444" s="10"/>
    </row>
    <row r="747445" spans="14:14">
      <c r="N747445" s="10"/>
    </row>
    <row r="747446" spans="14:14">
      <c r="N747446" s="10"/>
    </row>
    <row r="747447" spans="14:14">
      <c r="N747447" s="10"/>
    </row>
    <row r="747448" spans="14:14">
      <c r="N747448" s="10"/>
    </row>
    <row r="747449" spans="14:14">
      <c r="N747449" s="10"/>
    </row>
    <row r="747450" spans="14:14">
      <c r="N747450" s="10"/>
    </row>
    <row r="747451" spans="14:14">
      <c r="N747451" s="10"/>
    </row>
    <row r="747452" spans="14:14">
      <c r="N747452" s="10"/>
    </row>
    <row r="747453" spans="14:14">
      <c r="N747453" s="10"/>
    </row>
    <row r="747454" spans="14:14">
      <c r="N747454" s="10"/>
    </row>
    <row r="747455" spans="14:14">
      <c r="N747455" s="10"/>
    </row>
    <row r="747456" spans="14:14">
      <c r="N747456" s="10"/>
    </row>
    <row r="747457" spans="14:14">
      <c r="N747457" s="10"/>
    </row>
    <row r="747458" spans="14:14">
      <c r="N747458" s="10"/>
    </row>
    <row r="747459" spans="14:14">
      <c r="N747459" s="10"/>
    </row>
    <row r="747460" spans="14:14">
      <c r="N747460" s="10"/>
    </row>
    <row r="747461" spans="14:14">
      <c r="N747461" s="10"/>
    </row>
    <row r="747462" spans="14:14">
      <c r="N747462" s="10"/>
    </row>
    <row r="747463" spans="14:14">
      <c r="N747463" s="10"/>
    </row>
    <row r="747464" spans="14:14">
      <c r="N747464" s="10"/>
    </row>
    <row r="747465" spans="14:14">
      <c r="N747465" s="10"/>
    </row>
    <row r="747466" spans="14:14">
      <c r="N747466" s="10"/>
    </row>
    <row r="747467" spans="14:14">
      <c r="N747467" s="10"/>
    </row>
    <row r="747468" spans="14:14">
      <c r="N747468" s="10"/>
    </row>
    <row r="747469" spans="14:14">
      <c r="N747469" s="10"/>
    </row>
    <row r="747470" spans="14:14">
      <c r="N747470" s="10"/>
    </row>
    <row r="747471" spans="14:14">
      <c r="N747471" s="10"/>
    </row>
    <row r="747472" spans="14:14">
      <c r="N747472" s="10"/>
    </row>
    <row r="747473" spans="14:14">
      <c r="N747473" s="10"/>
    </row>
    <row r="747474" spans="14:14">
      <c r="N747474" s="10"/>
    </row>
    <row r="747475" spans="14:14">
      <c r="N747475" s="10"/>
    </row>
    <row r="747476" spans="14:14">
      <c r="N747476" s="10"/>
    </row>
    <row r="747477" spans="14:14">
      <c r="N747477" s="10"/>
    </row>
    <row r="747478" spans="14:14">
      <c r="N747478" s="10"/>
    </row>
    <row r="747479" spans="14:14">
      <c r="N747479" s="10"/>
    </row>
    <row r="747480" spans="14:14">
      <c r="N747480" s="10"/>
    </row>
    <row r="747481" spans="14:14">
      <c r="N747481" s="10"/>
    </row>
    <row r="747482" spans="14:14">
      <c r="N747482" s="10"/>
    </row>
    <row r="747483" spans="14:14">
      <c r="N747483" s="10"/>
    </row>
    <row r="747484" spans="14:14">
      <c r="N747484" s="10"/>
    </row>
    <row r="747485" spans="14:14">
      <c r="N747485" s="10"/>
    </row>
    <row r="747486" spans="14:14">
      <c r="N747486" s="10"/>
    </row>
    <row r="747487" spans="14:14">
      <c r="N747487" s="10"/>
    </row>
    <row r="747488" spans="14:14">
      <c r="N747488" s="10"/>
    </row>
    <row r="747489" spans="14:14">
      <c r="N747489" s="10"/>
    </row>
    <row r="747490" spans="14:14">
      <c r="N747490" s="10"/>
    </row>
    <row r="747491" spans="14:14">
      <c r="N747491" s="10"/>
    </row>
    <row r="747492" spans="14:14">
      <c r="N747492" s="10"/>
    </row>
    <row r="747493" spans="14:14">
      <c r="N747493" s="10"/>
    </row>
    <row r="747494" spans="14:14">
      <c r="N747494" s="10"/>
    </row>
    <row r="747495" spans="14:14">
      <c r="N747495" s="10"/>
    </row>
    <row r="747496" spans="14:14">
      <c r="N747496" s="10"/>
    </row>
    <row r="747497" spans="14:14">
      <c r="N747497" s="10"/>
    </row>
    <row r="747498" spans="14:14">
      <c r="N747498" s="10"/>
    </row>
    <row r="747499" spans="14:14">
      <c r="N747499" s="10"/>
    </row>
    <row r="747500" spans="14:14">
      <c r="N747500" s="10"/>
    </row>
    <row r="747501" spans="14:14">
      <c r="N747501" s="10"/>
    </row>
    <row r="747502" spans="14:14">
      <c r="N747502" s="10"/>
    </row>
    <row r="747503" spans="14:14">
      <c r="N747503" s="10"/>
    </row>
    <row r="747504" spans="14:14">
      <c r="N747504" s="10"/>
    </row>
    <row r="747505" spans="14:14">
      <c r="N747505" s="10"/>
    </row>
    <row r="747506" spans="14:14">
      <c r="N747506" s="10"/>
    </row>
    <row r="747507" spans="14:14">
      <c r="N747507" s="10"/>
    </row>
    <row r="747508" spans="14:14">
      <c r="N747508" s="10"/>
    </row>
    <row r="747509" spans="14:14">
      <c r="N747509" s="10"/>
    </row>
    <row r="747510" spans="14:14">
      <c r="N747510" s="10"/>
    </row>
    <row r="747511" spans="14:14">
      <c r="N747511" s="10"/>
    </row>
    <row r="747512" spans="14:14">
      <c r="N747512" s="10"/>
    </row>
    <row r="747513" spans="14:14">
      <c r="N747513" s="10"/>
    </row>
    <row r="747514" spans="14:14">
      <c r="N747514" s="10"/>
    </row>
    <row r="747515" spans="14:14">
      <c r="N747515" s="10"/>
    </row>
    <row r="747516" spans="14:14">
      <c r="N747516" s="10"/>
    </row>
    <row r="747517" spans="14:14">
      <c r="N747517" s="10"/>
    </row>
    <row r="747518" spans="14:14">
      <c r="N747518" s="10"/>
    </row>
    <row r="747519" spans="14:14">
      <c r="N747519" s="10"/>
    </row>
    <row r="747520" spans="14:14">
      <c r="N747520" s="10"/>
    </row>
    <row r="747521" spans="14:14">
      <c r="N747521" s="10"/>
    </row>
    <row r="747522" spans="14:14">
      <c r="N747522" s="10"/>
    </row>
    <row r="747523" spans="14:14">
      <c r="N747523" s="10"/>
    </row>
    <row r="747524" spans="14:14">
      <c r="N747524" s="10"/>
    </row>
    <row r="747525" spans="14:14">
      <c r="N747525" s="10"/>
    </row>
    <row r="747526" spans="14:14">
      <c r="N747526" s="10"/>
    </row>
    <row r="747527" spans="14:14">
      <c r="N747527" s="10"/>
    </row>
    <row r="747528" spans="14:14">
      <c r="N747528" s="10"/>
    </row>
    <row r="747529" spans="14:14">
      <c r="N747529" s="10"/>
    </row>
    <row r="747530" spans="14:14">
      <c r="N747530" s="10"/>
    </row>
    <row r="747531" spans="14:14">
      <c r="N747531" s="10"/>
    </row>
    <row r="747532" spans="14:14">
      <c r="N747532" s="10"/>
    </row>
    <row r="747533" spans="14:14">
      <c r="N747533" s="10"/>
    </row>
    <row r="747534" spans="14:14">
      <c r="N747534" s="10"/>
    </row>
    <row r="747535" spans="14:14">
      <c r="N747535" s="10"/>
    </row>
    <row r="747536" spans="14:14">
      <c r="N747536" s="10"/>
    </row>
    <row r="747537" spans="14:14">
      <c r="N747537" s="10"/>
    </row>
    <row r="747538" spans="14:14">
      <c r="N747538" s="10"/>
    </row>
    <row r="747539" spans="14:14">
      <c r="N747539" s="10"/>
    </row>
    <row r="747540" spans="14:14">
      <c r="N747540" s="10"/>
    </row>
    <row r="747541" spans="14:14">
      <c r="N747541" s="10"/>
    </row>
    <row r="747542" spans="14:14">
      <c r="N747542" s="10"/>
    </row>
    <row r="747543" spans="14:14">
      <c r="N747543" s="10"/>
    </row>
    <row r="747544" spans="14:14">
      <c r="N747544" s="10"/>
    </row>
    <row r="747545" spans="14:14">
      <c r="N747545" s="10"/>
    </row>
    <row r="747546" spans="14:14">
      <c r="N747546" s="10"/>
    </row>
    <row r="747547" spans="14:14">
      <c r="N747547" s="10"/>
    </row>
    <row r="747548" spans="14:14">
      <c r="N747548" s="10"/>
    </row>
    <row r="747549" spans="14:14">
      <c r="N747549" s="10"/>
    </row>
    <row r="747550" spans="14:14">
      <c r="N747550" s="10"/>
    </row>
    <row r="747551" spans="14:14">
      <c r="N747551" s="10"/>
    </row>
    <row r="747552" spans="14:14">
      <c r="N747552" s="10"/>
    </row>
    <row r="747553" spans="14:14">
      <c r="N747553" s="10"/>
    </row>
    <row r="747554" spans="14:14">
      <c r="N747554" s="10"/>
    </row>
    <row r="747555" spans="14:14">
      <c r="N747555" s="10"/>
    </row>
    <row r="747556" spans="14:14">
      <c r="N747556" s="10"/>
    </row>
    <row r="747557" spans="14:14">
      <c r="N747557" s="10"/>
    </row>
    <row r="747558" spans="14:14">
      <c r="N747558" s="10"/>
    </row>
    <row r="747559" spans="14:14">
      <c r="N747559" s="10"/>
    </row>
    <row r="747560" spans="14:14">
      <c r="N747560" s="10"/>
    </row>
    <row r="747561" spans="14:14">
      <c r="N747561" s="10"/>
    </row>
    <row r="747562" spans="14:14">
      <c r="N747562" s="10"/>
    </row>
    <row r="747563" spans="14:14">
      <c r="N747563" s="10"/>
    </row>
    <row r="747564" spans="14:14">
      <c r="N747564" s="10"/>
    </row>
    <row r="747565" spans="14:14">
      <c r="N747565" s="10"/>
    </row>
    <row r="747566" spans="14:14">
      <c r="N747566" s="10"/>
    </row>
    <row r="747567" spans="14:14">
      <c r="N747567" s="10"/>
    </row>
    <row r="747568" spans="14:14">
      <c r="N747568" s="10"/>
    </row>
    <row r="747569" spans="14:14">
      <c r="N747569" s="10"/>
    </row>
    <row r="747570" spans="14:14">
      <c r="N747570" s="10"/>
    </row>
    <row r="747571" spans="14:14">
      <c r="N747571" s="10"/>
    </row>
    <row r="747572" spans="14:14">
      <c r="N747572" s="10"/>
    </row>
    <row r="747573" spans="14:14">
      <c r="N747573" s="10"/>
    </row>
    <row r="747574" spans="14:14">
      <c r="N747574" s="10"/>
    </row>
    <row r="747575" spans="14:14">
      <c r="N747575" s="10"/>
    </row>
    <row r="747576" spans="14:14">
      <c r="N747576" s="10"/>
    </row>
    <row r="747577" spans="14:14">
      <c r="N747577" s="10"/>
    </row>
    <row r="747578" spans="14:14">
      <c r="N747578" s="10"/>
    </row>
    <row r="747579" spans="14:14">
      <c r="N747579" s="10"/>
    </row>
    <row r="747580" spans="14:14">
      <c r="N747580" s="10"/>
    </row>
    <row r="747581" spans="14:14">
      <c r="N747581" s="10"/>
    </row>
    <row r="747582" spans="14:14">
      <c r="N747582" s="10"/>
    </row>
    <row r="747583" spans="14:14">
      <c r="N747583" s="10"/>
    </row>
    <row r="747584" spans="14:14">
      <c r="N747584" s="10"/>
    </row>
    <row r="747585" spans="14:14">
      <c r="N747585" s="10"/>
    </row>
    <row r="747586" spans="14:14">
      <c r="N747586" s="10"/>
    </row>
    <row r="747587" spans="14:14">
      <c r="N747587" s="10"/>
    </row>
    <row r="747588" spans="14:14">
      <c r="N747588" s="10"/>
    </row>
    <row r="747589" spans="14:14">
      <c r="N747589" s="10"/>
    </row>
    <row r="747590" spans="14:14">
      <c r="N747590" s="10"/>
    </row>
    <row r="747591" spans="14:14">
      <c r="N747591" s="10"/>
    </row>
    <row r="747592" spans="14:14">
      <c r="N747592" s="10"/>
    </row>
    <row r="747593" spans="14:14">
      <c r="N747593" s="10"/>
    </row>
    <row r="747594" spans="14:14">
      <c r="N747594" s="10"/>
    </row>
    <row r="747595" spans="14:14">
      <c r="N747595" s="10"/>
    </row>
    <row r="747596" spans="14:14">
      <c r="N747596" s="10"/>
    </row>
    <row r="747597" spans="14:14">
      <c r="N747597" s="10"/>
    </row>
    <row r="747598" spans="14:14">
      <c r="N747598" s="10"/>
    </row>
    <row r="747599" spans="14:14">
      <c r="N747599" s="10"/>
    </row>
    <row r="747600" spans="14:14">
      <c r="N747600" s="10"/>
    </row>
    <row r="747601" spans="14:14">
      <c r="N747601" s="10"/>
    </row>
    <row r="747602" spans="14:14">
      <c r="N747602" s="10"/>
    </row>
    <row r="747603" spans="14:14">
      <c r="N747603" s="10"/>
    </row>
    <row r="747604" spans="14:14">
      <c r="N747604" s="10"/>
    </row>
    <row r="747605" spans="14:14">
      <c r="N747605" s="10"/>
    </row>
    <row r="747606" spans="14:14">
      <c r="N747606" s="10"/>
    </row>
    <row r="747607" spans="14:14">
      <c r="N747607" s="10"/>
    </row>
    <row r="747608" spans="14:14">
      <c r="N747608" s="10"/>
    </row>
    <row r="747609" spans="14:14">
      <c r="N747609" s="10"/>
    </row>
    <row r="747610" spans="14:14">
      <c r="N747610" s="10"/>
    </row>
    <row r="747611" spans="14:14">
      <c r="N747611" s="10"/>
    </row>
    <row r="747612" spans="14:14">
      <c r="N747612" s="10"/>
    </row>
    <row r="747613" spans="14:14">
      <c r="N747613" s="10"/>
    </row>
    <row r="747614" spans="14:14">
      <c r="N747614" s="10"/>
    </row>
    <row r="747615" spans="14:14">
      <c r="N747615" s="10"/>
    </row>
    <row r="747616" spans="14:14">
      <c r="N747616" s="10"/>
    </row>
    <row r="747617" spans="14:14">
      <c r="N747617" s="10"/>
    </row>
    <row r="747618" spans="14:14">
      <c r="N747618" s="10"/>
    </row>
    <row r="747619" spans="14:14">
      <c r="N747619" s="10"/>
    </row>
    <row r="747620" spans="14:14">
      <c r="N747620" s="10"/>
    </row>
    <row r="747621" spans="14:14">
      <c r="N747621" s="10"/>
    </row>
    <row r="747622" spans="14:14">
      <c r="N747622" s="10"/>
    </row>
    <row r="747623" spans="14:14">
      <c r="N747623" s="10"/>
    </row>
    <row r="747624" spans="14:14">
      <c r="N747624" s="10"/>
    </row>
    <row r="747625" spans="14:14">
      <c r="N747625" s="10"/>
    </row>
    <row r="747626" spans="14:14">
      <c r="N747626" s="10"/>
    </row>
    <row r="747627" spans="14:14">
      <c r="N747627" s="10"/>
    </row>
    <row r="747628" spans="14:14">
      <c r="N747628" s="10"/>
    </row>
    <row r="747629" spans="14:14">
      <c r="N747629" s="10"/>
    </row>
    <row r="747630" spans="14:14">
      <c r="N747630" s="10"/>
    </row>
    <row r="747631" spans="14:14">
      <c r="N747631" s="10"/>
    </row>
    <row r="747632" spans="14:14">
      <c r="N747632" s="10"/>
    </row>
    <row r="747633" spans="14:14">
      <c r="N747633" s="10"/>
    </row>
    <row r="747634" spans="14:14">
      <c r="N747634" s="10"/>
    </row>
    <row r="747635" spans="14:14">
      <c r="N747635" s="10"/>
    </row>
    <row r="747636" spans="14:14">
      <c r="N747636" s="10"/>
    </row>
    <row r="747637" spans="14:14">
      <c r="N747637" s="10"/>
    </row>
    <row r="747638" spans="14:14">
      <c r="N747638" s="10"/>
    </row>
    <row r="747639" spans="14:14">
      <c r="N747639" s="10"/>
    </row>
    <row r="747640" spans="14:14">
      <c r="N747640" s="10"/>
    </row>
    <row r="747641" spans="14:14">
      <c r="N747641" s="10"/>
    </row>
    <row r="747642" spans="14:14">
      <c r="N747642" s="10"/>
    </row>
    <row r="747643" spans="14:14">
      <c r="N747643" s="10"/>
    </row>
    <row r="747644" spans="14:14">
      <c r="N747644" s="10"/>
    </row>
    <row r="747645" spans="14:14">
      <c r="N747645" s="10"/>
    </row>
    <row r="747646" spans="14:14">
      <c r="N747646" s="10"/>
    </row>
    <row r="747647" spans="14:14">
      <c r="N747647" s="10"/>
    </row>
    <row r="747648" spans="14:14">
      <c r="N747648" s="10"/>
    </row>
    <row r="747649" spans="14:14">
      <c r="N747649" s="10"/>
    </row>
    <row r="747650" spans="14:14">
      <c r="N747650" s="10"/>
    </row>
    <row r="747651" spans="14:14">
      <c r="N747651" s="10"/>
    </row>
    <row r="747652" spans="14:14">
      <c r="N747652" s="10"/>
    </row>
    <row r="747653" spans="14:14">
      <c r="N747653" s="10"/>
    </row>
    <row r="747654" spans="14:14">
      <c r="N747654" s="10"/>
    </row>
    <row r="747655" spans="14:14">
      <c r="N747655" s="10"/>
    </row>
    <row r="747656" spans="14:14">
      <c r="N747656" s="10"/>
    </row>
    <row r="747657" spans="14:14">
      <c r="N747657" s="10"/>
    </row>
    <row r="747658" spans="14:14">
      <c r="N747658" s="10"/>
    </row>
    <row r="747659" spans="14:14">
      <c r="N747659" s="10"/>
    </row>
    <row r="747660" spans="14:14">
      <c r="N747660" s="10"/>
    </row>
    <row r="747661" spans="14:14">
      <c r="N747661" s="10"/>
    </row>
    <row r="747662" spans="14:14">
      <c r="N747662" s="10"/>
    </row>
    <row r="747663" spans="14:14">
      <c r="N747663" s="10"/>
    </row>
    <row r="747664" spans="14:14">
      <c r="N747664" s="10"/>
    </row>
    <row r="747665" spans="14:14">
      <c r="N747665" s="10"/>
    </row>
    <row r="747666" spans="14:14">
      <c r="N747666" s="10"/>
    </row>
    <row r="747667" spans="14:14">
      <c r="N747667" s="10"/>
    </row>
    <row r="747668" spans="14:14">
      <c r="N747668" s="10"/>
    </row>
    <row r="747669" spans="14:14">
      <c r="N747669" s="10"/>
    </row>
    <row r="747670" spans="14:14">
      <c r="N747670" s="10"/>
    </row>
    <row r="747671" spans="14:14">
      <c r="N747671" s="10"/>
    </row>
    <row r="747672" spans="14:14">
      <c r="N747672" s="10"/>
    </row>
    <row r="747673" spans="14:14">
      <c r="N747673" s="10"/>
    </row>
    <row r="747674" spans="14:14">
      <c r="N747674" s="10"/>
    </row>
    <row r="747675" spans="14:14">
      <c r="N747675" s="10"/>
    </row>
    <row r="747676" spans="14:14">
      <c r="N747676" s="10"/>
    </row>
    <row r="747677" spans="14:14">
      <c r="N747677" s="10"/>
    </row>
    <row r="747678" spans="14:14">
      <c r="N747678" s="10"/>
    </row>
    <row r="747679" spans="14:14">
      <c r="N747679" s="10"/>
    </row>
    <row r="747680" spans="14:14">
      <c r="N747680" s="10"/>
    </row>
    <row r="747681" spans="14:14">
      <c r="N747681" s="10"/>
    </row>
    <row r="747682" spans="14:14">
      <c r="N747682" s="10"/>
    </row>
    <row r="747683" spans="14:14">
      <c r="N747683" s="10"/>
    </row>
    <row r="747684" spans="14:14">
      <c r="N747684" s="10"/>
    </row>
    <row r="747685" spans="14:14">
      <c r="N747685" s="10"/>
    </row>
    <row r="747686" spans="14:14">
      <c r="N747686" s="10"/>
    </row>
    <row r="747687" spans="14:14">
      <c r="N747687" s="10"/>
    </row>
    <row r="747688" spans="14:14">
      <c r="N747688" s="10"/>
    </row>
    <row r="747689" spans="14:14">
      <c r="N747689" s="10"/>
    </row>
    <row r="747690" spans="14:14">
      <c r="N747690" s="10"/>
    </row>
    <row r="747691" spans="14:14">
      <c r="N747691" s="10"/>
    </row>
    <row r="747692" spans="14:14">
      <c r="N747692" s="10"/>
    </row>
    <row r="747693" spans="14:14">
      <c r="N747693" s="10"/>
    </row>
    <row r="747694" spans="14:14">
      <c r="N747694" s="10"/>
    </row>
    <row r="747695" spans="14:14">
      <c r="N747695" s="10"/>
    </row>
    <row r="747696" spans="14:14">
      <c r="N747696" s="10"/>
    </row>
    <row r="747697" spans="14:14">
      <c r="N747697" s="10"/>
    </row>
    <row r="747698" spans="14:14">
      <c r="N747698" s="10"/>
    </row>
    <row r="747699" spans="14:14">
      <c r="N747699" s="10"/>
    </row>
    <row r="747700" spans="14:14">
      <c r="N747700" s="10"/>
    </row>
    <row r="747701" spans="14:14">
      <c r="N747701" s="10"/>
    </row>
    <row r="747702" spans="14:14">
      <c r="N747702" s="10"/>
    </row>
    <row r="747703" spans="14:14">
      <c r="N747703" s="10"/>
    </row>
    <row r="747704" spans="14:14">
      <c r="N747704" s="10"/>
    </row>
    <row r="747705" spans="14:14">
      <c r="N747705" s="10"/>
    </row>
    <row r="747706" spans="14:14">
      <c r="N747706" s="10"/>
    </row>
    <row r="747707" spans="14:14">
      <c r="N747707" s="10"/>
    </row>
    <row r="747708" spans="14:14">
      <c r="N747708" s="10"/>
    </row>
    <row r="747709" spans="14:14">
      <c r="N747709" s="10"/>
    </row>
    <row r="747710" spans="14:14">
      <c r="N747710" s="10"/>
    </row>
    <row r="747711" spans="14:14">
      <c r="N747711" s="10"/>
    </row>
    <row r="747712" spans="14:14">
      <c r="N747712" s="10"/>
    </row>
    <row r="747713" spans="14:14">
      <c r="N747713" s="10"/>
    </row>
    <row r="747714" spans="14:14">
      <c r="N747714" s="10"/>
    </row>
    <row r="747715" spans="14:14">
      <c r="N747715" s="10"/>
    </row>
    <row r="747716" spans="14:14">
      <c r="N747716" s="10"/>
    </row>
    <row r="747717" spans="14:14">
      <c r="N747717" s="10"/>
    </row>
    <row r="747718" spans="14:14">
      <c r="N747718" s="10"/>
    </row>
    <row r="747719" spans="14:14">
      <c r="N747719" s="10"/>
    </row>
    <row r="747720" spans="14:14">
      <c r="N747720" s="10"/>
    </row>
    <row r="747721" spans="14:14">
      <c r="N747721" s="10"/>
    </row>
    <row r="747722" spans="14:14">
      <c r="N747722" s="10"/>
    </row>
    <row r="747723" spans="14:14">
      <c r="N747723" s="10"/>
    </row>
    <row r="747724" spans="14:14">
      <c r="N747724" s="10"/>
    </row>
    <row r="747725" spans="14:14">
      <c r="N747725" s="10"/>
    </row>
    <row r="747726" spans="14:14">
      <c r="N747726" s="10"/>
    </row>
    <row r="747727" spans="14:14">
      <c r="N747727" s="10"/>
    </row>
    <row r="747728" spans="14:14">
      <c r="N747728" s="10"/>
    </row>
    <row r="747729" spans="14:14">
      <c r="N747729" s="10"/>
    </row>
    <row r="747730" spans="14:14">
      <c r="N747730" s="10"/>
    </row>
    <row r="747731" spans="14:14">
      <c r="N747731" s="10"/>
    </row>
    <row r="747732" spans="14:14">
      <c r="N747732" s="10"/>
    </row>
    <row r="747733" spans="14:14">
      <c r="N747733" s="10"/>
    </row>
    <row r="747734" spans="14:14">
      <c r="N747734" s="10"/>
    </row>
    <row r="747735" spans="14:14">
      <c r="N747735" s="10"/>
    </row>
    <row r="747736" spans="14:14">
      <c r="N747736" s="10"/>
    </row>
    <row r="747737" spans="14:14">
      <c r="N747737" s="10"/>
    </row>
    <row r="747738" spans="14:14">
      <c r="N747738" s="10"/>
    </row>
    <row r="747739" spans="14:14">
      <c r="N747739" s="10"/>
    </row>
    <row r="747740" spans="14:14">
      <c r="N747740" s="10"/>
    </row>
    <row r="747741" spans="14:14">
      <c r="N747741" s="10"/>
    </row>
    <row r="747742" spans="14:14">
      <c r="N747742" s="10"/>
    </row>
    <row r="747743" spans="14:14">
      <c r="N747743" s="10"/>
    </row>
    <row r="747744" spans="14:14">
      <c r="N747744" s="10"/>
    </row>
    <row r="747745" spans="14:14">
      <c r="N747745" s="10"/>
    </row>
    <row r="747746" spans="14:14">
      <c r="N747746" s="10"/>
    </row>
    <row r="747747" spans="14:14">
      <c r="N747747" s="10"/>
    </row>
    <row r="747748" spans="14:14">
      <c r="N747748" s="10"/>
    </row>
    <row r="747749" spans="14:14">
      <c r="N747749" s="10"/>
    </row>
    <row r="747750" spans="14:14">
      <c r="N747750" s="10"/>
    </row>
    <row r="747751" spans="14:14">
      <c r="N747751" s="10"/>
    </row>
    <row r="747752" spans="14:14">
      <c r="N747752" s="10"/>
    </row>
    <row r="747753" spans="14:14">
      <c r="N747753" s="10"/>
    </row>
    <row r="747754" spans="14:14">
      <c r="N747754" s="10"/>
    </row>
    <row r="747755" spans="14:14">
      <c r="N747755" s="10"/>
    </row>
    <row r="747756" spans="14:14">
      <c r="N747756" s="10"/>
    </row>
    <row r="747757" spans="14:14">
      <c r="N747757" s="10"/>
    </row>
    <row r="747758" spans="14:14">
      <c r="N747758" s="10"/>
    </row>
    <row r="747759" spans="14:14">
      <c r="N747759" s="10"/>
    </row>
    <row r="747760" spans="14:14">
      <c r="N747760" s="10"/>
    </row>
    <row r="747761" spans="14:14">
      <c r="N747761" s="10"/>
    </row>
    <row r="747762" spans="14:14">
      <c r="N747762" s="10"/>
    </row>
    <row r="747763" spans="14:14">
      <c r="N747763" s="10"/>
    </row>
    <row r="747764" spans="14:14">
      <c r="N747764" s="10"/>
    </row>
    <row r="747765" spans="14:14">
      <c r="N747765" s="10"/>
    </row>
    <row r="747766" spans="14:14">
      <c r="N747766" s="10"/>
    </row>
    <row r="747767" spans="14:14">
      <c r="N747767" s="10"/>
    </row>
    <row r="747768" spans="14:14">
      <c r="N747768" s="10"/>
    </row>
    <row r="747769" spans="14:14">
      <c r="N747769" s="10"/>
    </row>
    <row r="747770" spans="14:14">
      <c r="N747770" s="10"/>
    </row>
    <row r="747771" spans="14:14">
      <c r="N747771" s="10"/>
    </row>
    <row r="747772" spans="14:14">
      <c r="N747772" s="10"/>
    </row>
    <row r="747773" spans="14:14">
      <c r="N747773" s="10"/>
    </row>
    <row r="747774" spans="14:14">
      <c r="N747774" s="10"/>
    </row>
    <row r="747775" spans="14:14">
      <c r="N747775" s="10"/>
    </row>
    <row r="747776" spans="14:14">
      <c r="N747776" s="10"/>
    </row>
    <row r="747777" spans="14:14">
      <c r="N747777" s="10"/>
    </row>
    <row r="747778" spans="14:14">
      <c r="N747778" s="10"/>
    </row>
    <row r="747779" spans="14:14">
      <c r="N747779" s="10"/>
    </row>
    <row r="747780" spans="14:14">
      <c r="N747780" s="10"/>
    </row>
    <row r="747781" spans="14:14">
      <c r="N747781" s="10"/>
    </row>
    <row r="747782" spans="14:14">
      <c r="N747782" s="10"/>
    </row>
    <row r="747783" spans="14:14">
      <c r="N747783" s="10"/>
    </row>
    <row r="747784" spans="14:14">
      <c r="N747784" s="10"/>
    </row>
    <row r="747785" spans="14:14">
      <c r="N747785" s="10"/>
    </row>
    <row r="747786" spans="14:14">
      <c r="N747786" s="10"/>
    </row>
    <row r="747787" spans="14:14">
      <c r="N747787" s="10"/>
    </row>
    <row r="747788" spans="14:14">
      <c r="N747788" s="10"/>
    </row>
    <row r="747789" spans="14:14">
      <c r="N747789" s="10"/>
    </row>
    <row r="747790" spans="14:14">
      <c r="N747790" s="10"/>
    </row>
    <row r="747791" spans="14:14">
      <c r="N747791" s="10"/>
    </row>
    <row r="747792" spans="14:14">
      <c r="N747792" s="10"/>
    </row>
    <row r="747793" spans="14:14">
      <c r="N747793" s="10"/>
    </row>
    <row r="747794" spans="14:14">
      <c r="N747794" s="10"/>
    </row>
    <row r="747795" spans="14:14">
      <c r="N747795" s="10"/>
    </row>
    <row r="747796" spans="14:14">
      <c r="N747796" s="10"/>
    </row>
    <row r="747797" spans="14:14">
      <c r="N747797" s="10"/>
    </row>
    <row r="747798" spans="14:14">
      <c r="N747798" s="10"/>
    </row>
    <row r="747799" spans="14:14">
      <c r="N747799" s="10"/>
    </row>
    <row r="747800" spans="14:14">
      <c r="N747800" s="10"/>
    </row>
    <row r="747801" spans="14:14">
      <c r="N747801" s="10"/>
    </row>
    <row r="747802" spans="14:14">
      <c r="N747802" s="10"/>
    </row>
    <row r="747803" spans="14:14">
      <c r="N747803" s="10"/>
    </row>
    <row r="747804" spans="14:14">
      <c r="N747804" s="10"/>
    </row>
    <row r="747805" spans="14:14">
      <c r="N747805" s="10"/>
    </row>
    <row r="747806" spans="14:14">
      <c r="N747806" s="10"/>
    </row>
    <row r="747807" spans="14:14">
      <c r="N747807" s="10"/>
    </row>
    <row r="747808" spans="14:14">
      <c r="N747808" s="10"/>
    </row>
    <row r="747809" spans="14:14">
      <c r="N747809" s="10"/>
    </row>
    <row r="747810" spans="14:14">
      <c r="N747810" s="10"/>
    </row>
    <row r="747811" spans="14:14">
      <c r="N747811" s="10"/>
    </row>
    <row r="747812" spans="14:14">
      <c r="N747812" s="10"/>
    </row>
    <row r="747813" spans="14:14">
      <c r="N747813" s="10"/>
    </row>
    <row r="747814" spans="14:14">
      <c r="N747814" s="10"/>
    </row>
    <row r="747815" spans="14:14">
      <c r="N747815" s="10"/>
    </row>
    <row r="747816" spans="14:14">
      <c r="N747816" s="10"/>
    </row>
    <row r="747817" spans="14:14">
      <c r="N747817" s="10"/>
    </row>
    <row r="747818" spans="14:14">
      <c r="N747818" s="10"/>
    </row>
    <row r="747819" spans="14:14">
      <c r="N747819" s="10"/>
    </row>
    <row r="747820" spans="14:14">
      <c r="N747820" s="10"/>
    </row>
    <row r="747821" spans="14:14">
      <c r="N747821" s="10"/>
    </row>
    <row r="747822" spans="14:14">
      <c r="N747822" s="10"/>
    </row>
    <row r="747823" spans="14:14">
      <c r="N747823" s="10"/>
    </row>
    <row r="747824" spans="14:14">
      <c r="N747824" s="10"/>
    </row>
    <row r="747825" spans="14:14">
      <c r="N747825" s="10"/>
    </row>
    <row r="747826" spans="14:14">
      <c r="N747826" s="10"/>
    </row>
    <row r="747827" spans="14:14">
      <c r="N747827" s="10"/>
    </row>
    <row r="747828" spans="14:14">
      <c r="N747828" s="10"/>
    </row>
    <row r="747829" spans="14:14">
      <c r="N747829" s="10"/>
    </row>
    <row r="747830" spans="14:14">
      <c r="N747830" s="10"/>
    </row>
    <row r="747831" spans="14:14">
      <c r="N747831" s="10"/>
    </row>
    <row r="747832" spans="14:14">
      <c r="N747832" s="10"/>
    </row>
    <row r="747833" spans="14:14">
      <c r="N747833" s="10"/>
    </row>
    <row r="747834" spans="14:14">
      <c r="N747834" s="10"/>
    </row>
    <row r="747835" spans="14:14">
      <c r="N747835" s="10"/>
    </row>
    <row r="747836" spans="14:14">
      <c r="N747836" s="10"/>
    </row>
    <row r="747837" spans="14:14">
      <c r="N747837" s="10"/>
    </row>
    <row r="747838" spans="14:14">
      <c r="N747838" s="10"/>
    </row>
    <row r="747839" spans="14:14">
      <c r="N747839" s="10"/>
    </row>
    <row r="747840" spans="14:14">
      <c r="N747840" s="10"/>
    </row>
    <row r="747841" spans="14:14">
      <c r="N747841" s="10"/>
    </row>
    <row r="747842" spans="14:14">
      <c r="N747842" s="10"/>
    </row>
    <row r="747843" spans="14:14">
      <c r="N747843" s="10"/>
    </row>
    <row r="747844" spans="14:14">
      <c r="N747844" s="10"/>
    </row>
    <row r="747845" spans="14:14">
      <c r="N747845" s="10"/>
    </row>
    <row r="747846" spans="14:14">
      <c r="N747846" s="10"/>
    </row>
    <row r="747847" spans="14:14">
      <c r="N747847" s="10"/>
    </row>
    <row r="747848" spans="14:14">
      <c r="N747848" s="10"/>
    </row>
    <row r="747849" spans="14:14">
      <c r="N747849" s="10"/>
    </row>
    <row r="747850" spans="14:14">
      <c r="N747850" s="10"/>
    </row>
    <row r="747851" spans="14:14">
      <c r="N747851" s="10"/>
    </row>
    <row r="747852" spans="14:14">
      <c r="N747852" s="10"/>
    </row>
    <row r="747853" spans="14:14">
      <c r="N747853" s="10"/>
    </row>
    <row r="747854" spans="14:14">
      <c r="N747854" s="10"/>
    </row>
    <row r="747855" spans="14:14">
      <c r="N747855" s="10"/>
    </row>
    <row r="747856" spans="14:14">
      <c r="N747856" s="10"/>
    </row>
    <row r="747857" spans="14:14">
      <c r="N747857" s="10"/>
    </row>
    <row r="747858" spans="14:14">
      <c r="N747858" s="10"/>
    </row>
    <row r="747859" spans="14:14">
      <c r="N747859" s="10"/>
    </row>
    <row r="747860" spans="14:14">
      <c r="N747860" s="10"/>
    </row>
    <row r="747861" spans="14:14">
      <c r="N747861" s="10"/>
    </row>
    <row r="747862" spans="14:14">
      <c r="N747862" s="10"/>
    </row>
    <row r="747863" spans="14:14">
      <c r="N747863" s="10"/>
    </row>
    <row r="747864" spans="14:14">
      <c r="N747864" s="10"/>
    </row>
    <row r="747865" spans="14:14">
      <c r="N747865" s="10"/>
    </row>
    <row r="747866" spans="14:14">
      <c r="N747866" s="10"/>
    </row>
    <row r="747867" spans="14:14">
      <c r="N747867" s="10"/>
    </row>
    <row r="747868" spans="14:14">
      <c r="N747868" s="10"/>
    </row>
    <row r="747869" spans="14:14">
      <c r="N747869" s="10"/>
    </row>
    <row r="747870" spans="14:14">
      <c r="N747870" s="10"/>
    </row>
    <row r="747871" spans="14:14">
      <c r="N747871" s="10"/>
    </row>
    <row r="747872" spans="14:14">
      <c r="N747872" s="10"/>
    </row>
    <row r="747873" spans="14:14">
      <c r="N747873" s="10"/>
    </row>
    <row r="747874" spans="14:14">
      <c r="N747874" s="10"/>
    </row>
    <row r="747875" spans="14:14">
      <c r="N747875" s="10"/>
    </row>
    <row r="747876" spans="14:14">
      <c r="N747876" s="10"/>
    </row>
    <row r="747877" spans="14:14">
      <c r="N747877" s="10"/>
    </row>
    <row r="747878" spans="14:14">
      <c r="N747878" s="10"/>
    </row>
    <row r="747879" spans="14:14">
      <c r="N747879" s="10"/>
    </row>
    <row r="747880" spans="14:14">
      <c r="N747880" s="10"/>
    </row>
    <row r="747881" spans="14:14">
      <c r="N747881" s="10"/>
    </row>
    <row r="747882" spans="14:14">
      <c r="N747882" s="10"/>
    </row>
    <row r="747883" spans="14:14">
      <c r="N747883" s="10"/>
    </row>
    <row r="747884" spans="14:14">
      <c r="N747884" s="10"/>
    </row>
    <row r="747885" spans="14:14">
      <c r="N747885" s="10"/>
    </row>
    <row r="747886" spans="14:14">
      <c r="N747886" s="10"/>
    </row>
    <row r="747887" spans="14:14">
      <c r="N747887" s="10"/>
    </row>
    <row r="747888" spans="14:14">
      <c r="N747888" s="10"/>
    </row>
    <row r="747889" spans="14:14">
      <c r="N747889" s="10"/>
    </row>
    <row r="747890" spans="14:14">
      <c r="N747890" s="10"/>
    </row>
    <row r="747891" spans="14:14">
      <c r="N747891" s="10"/>
    </row>
    <row r="747892" spans="14:14">
      <c r="N747892" s="10"/>
    </row>
    <row r="747893" spans="14:14">
      <c r="N747893" s="10"/>
    </row>
    <row r="747894" spans="14:14">
      <c r="N747894" s="10"/>
    </row>
    <row r="747895" spans="14:14">
      <c r="N747895" s="10"/>
    </row>
    <row r="747896" spans="14:14">
      <c r="N747896" s="10"/>
    </row>
    <row r="747897" spans="14:14">
      <c r="N747897" s="10"/>
    </row>
    <row r="747898" spans="14:14">
      <c r="N747898" s="10"/>
    </row>
    <row r="747899" spans="14:14">
      <c r="N747899" s="10"/>
    </row>
    <row r="747900" spans="14:14">
      <c r="N747900" s="10"/>
    </row>
    <row r="747901" spans="14:14">
      <c r="N747901" s="10"/>
    </row>
    <row r="747902" spans="14:14">
      <c r="N747902" s="10"/>
    </row>
    <row r="747903" spans="14:14">
      <c r="N747903" s="10"/>
    </row>
    <row r="747904" spans="14:14">
      <c r="N747904" s="10"/>
    </row>
    <row r="747905" spans="14:14">
      <c r="N747905" s="10"/>
    </row>
    <row r="747906" spans="14:14">
      <c r="N747906" s="10"/>
    </row>
    <row r="747907" spans="14:14">
      <c r="N747907" s="10"/>
    </row>
    <row r="747908" spans="14:14">
      <c r="N747908" s="10"/>
    </row>
    <row r="747909" spans="14:14">
      <c r="N747909" s="10"/>
    </row>
    <row r="747910" spans="14:14">
      <c r="N747910" s="10"/>
    </row>
    <row r="747911" spans="14:14">
      <c r="N747911" s="10"/>
    </row>
    <row r="747912" spans="14:14">
      <c r="N747912" s="10"/>
    </row>
    <row r="747913" spans="14:14">
      <c r="N747913" s="10"/>
    </row>
    <row r="747914" spans="14:14">
      <c r="N747914" s="10"/>
    </row>
    <row r="747915" spans="14:14">
      <c r="N747915" s="10"/>
    </row>
    <row r="747916" spans="14:14">
      <c r="N747916" s="10"/>
    </row>
    <row r="747917" spans="14:14">
      <c r="N747917" s="10"/>
    </row>
    <row r="747918" spans="14:14">
      <c r="N747918" s="10"/>
    </row>
    <row r="747919" spans="14:14">
      <c r="N747919" s="10"/>
    </row>
    <row r="747920" spans="14:14">
      <c r="N747920" s="10"/>
    </row>
    <row r="747921" spans="14:14">
      <c r="N747921" s="10"/>
    </row>
    <row r="747922" spans="14:14">
      <c r="N747922" s="10"/>
    </row>
    <row r="747923" spans="14:14">
      <c r="N747923" s="10"/>
    </row>
    <row r="747924" spans="14:14">
      <c r="N747924" s="10"/>
    </row>
    <row r="747925" spans="14:14">
      <c r="N747925" s="10"/>
    </row>
    <row r="747926" spans="14:14">
      <c r="N747926" s="10"/>
    </row>
    <row r="747927" spans="14:14">
      <c r="N747927" s="10"/>
    </row>
    <row r="747928" spans="14:14">
      <c r="N747928" s="10"/>
    </row>
    <row r="747929" spans="14:14">
      <c r="N747929" s="10"/>
    </row>
    <row r="747930" spans="14:14">
      <c r="N747930" s="10"/>
    </row>
    <row r="747931" spans="14:14">
      <c r="N747931" s="10"/>
    </row>
    <row r="747932" spans="14:14">
      <c r="N747932" s="10"/>
    </row>
    <row r="747933" spans="14:14">
      <c r="N747933" s="10"/>
    </row>
    <row r="747934" spans="14:14">
      <c r="N747934" s="10"/>
    </row>
    <row r="747935" spans="14:14">
      <c r="N747935" s="10"/>
    </row>
    <row r="747936" spans="14:14">
      <c r="N747936" s="10"/>
    </row>
    <row r="747937" spans="14:14">
      <c r="N747937" s="10"/>
    </row>
    <row r="747938" spans="14:14">
      <c r="N747938" s="10"/>
    </row>
    <row r="747939" spans="14:14">
      <c r="N747939" s="10"/>
    </row>
    <row r="747940" spans="14:14">
      <c r="N747940" s="10"/>
    </row>
    <row r="747941" spans="14:14">
      <c r="N747941" s="10"/>
    </row>
    <row r="747942" spans="14:14">
      <c r="N747942" s="10"/>
    </row>
    <row r="747943" spans="14:14">
      <c r="N747943" s="10"/>
    </row>
    <row r="747944" spans="14:14">
      <c r="N747944" s="10"/>
    </row>
    <row r="747945" spans="14:14">
      <c r="N747945" s="10"/>
    </row>
    <row r="747946" spans="14:14">
      <c r="N747946" s="10"/>
    </row>
    <row r="747947" spans="14:14">
      <c r="N747947" s="10"/>
    </row>
    <row r="747948" spans="14:14">
      <c r="N747948" s="10"/>
    </row>
    <row r="747949" spans="14:14">
      <c r="N747949" s="10"/>
    </row>
    <row r="747950" spans="14:14">
      <c r="N747950" s="10"/>
    </row>
    <row r="747951" spans="14:14">
      <c r="N747951" s="10"/>
    </row>
    <row r="747952" spans="14:14">
      <c r="N747952" s="10"/>
    </row>
    <row r="747953" spans="14:14">
      <c r="N747953" s="10"/>
    </row>
    <row r="747954" spans="14:14">
      <c r="N747954" s="10"/>
    </row>
    <row r="747955" spans="14:14">
      <c r="N747955" s="10"/>
    </row>
    <row r="747956" spans="14:14">
      <c r="N747956" s="10"/>
    </row>
    <row r="747957" spans="14:14">
      <c r="N747957" s="10"/>
    </row>
    <row r="747958" spans="14:14">
      <c r="N747958" s="10"/>
    </row>
    <row r="747959" spans="14:14">
      <c r="N747959" s="10"/>
    </row>
    <row r="747960" spans="14:14">
      <c r="N747960" s="10"/>
    </row>
    <row r="747961" spans="14:14">
      <c r="N747961" s="10"/>
    </row>
    <row r="747962" spans="14:14">
      <c r="N747962" s="10"/>
    </row>
    <row r="747963" spans="14:14">
      <c r="N747963" s="10"/>
    </row>
    <row r="747964" spans="14:14">
      <c r="N747964" s="10"/>
    </row>
    <row r="747965" spans="14:14">
      <c r="N747965" s="10"/>
    </row>
    <row r="747966" spans="14:14">
      <c r="N747966" s="10"/>
    </row>
    <row r="747967" spans="14:14">
      <c r="N747967" s="10"/>
    </row>
    <row r="747968" spans="14:14">
      <c r="N747968" s="10"/>
    </row>
    <row r="747969" spans="14:14">
      <c r="N747969" s="10"/>
    </row>
    <row r="747970" spans="14:14">
      <c r="N747970" s="10"/>
    </row>
    <row r="747971" spans="14:14">
      <c r="N747971" s="10"/>
    </row>
    <row r="747972" spans="14:14">
      <c r="N747972" s="10"/>
    </row>
    <row r="747973" spans="14:14">
      <c r="N747973" s="10"/>
    </row>
    <row r="747974" spans="14:14">
      <c r="N747974" s="10"/>
    </row>
    <row r="747975" spans="14:14">
      <c r="N747975" s="10"/>
    </row>
    <row r="747976" spans="14:14">
      <c r="N747976" s="10"/>
    </row>
    <row r="747977" spans="14:14">
      <c r="N747977" s="10"/>
    </row>
    <row r="747978" spans="14:14">
      <c r="N747978" s="10"/>
    </row>
    <row r="747979" spans="14:14">
      <c r="N747979" s="10"/>
    </row>
    <row r="747980" spans="14:14">
      <c r="N747980" s="10"/>
    </row>
    <row r="747981" spans="14:14">
      <c r="N747981" s="10"/>
    </row>
    <row r="747982" spans="14:14">
      <c r="N747982" s="10"/>
    </row>
    <row r="747983" spans="14:14">
      <c r="N747983" s="10"/>
    </row>
    <row r="747984" spans="14:14">
      <c r="N747984" s="10"/>
    </row>
    <row r="747985" spans="14:14">
      <c r="N747985" s="10"/>
    </row>
    <row r="747986" spans="14:14">
      <c r="N747986" s="10"/>
    </row>
    <row r="747987" spans="14:14">
      <c r="N747987" s="10"/>
    </row>
    <row r="747988" spans="14:14">
      <c r="N747988" s="10"/>
    </row>
    <row r="747989" spans="14:14">
      <c r="N747989" s="10"/>
    </row>
    <row r="747990" spans="14:14">
      <c r="N747990" s="10"/>
    </row>
    <row r="747991" spans="14:14">
      <c r="N747991" s="10"/>
    </row>
    <row r="747992" spans="14:14">
      <c r="N747992" s="10"/>
    </row>
    <row r="747993" spans="14:14">
      <c r="N747993" s="10"/>
    </row>
    <row r="747994" spans="14:14">
      <c r="N747994" s="10"/>
    </row>
    <row r="747995" spans="14:14">
      <c r="N747995" s="10"/>
    </row>
    <row r="747996" spans="14:14">
      <c r="N747996" s="10"/>
    </row>
    <row r="747997" spans="14:14">
      <c r="N747997" s="10"/>
    </row>
    <row r="747998" spans="14:14">
      <c r="N747998" s="10"/>
    </row>
    <row r="747999" spans="14:14">
      <c r="N747999" s="10"/>
    </row>
    <row r="748000" spans="14:14">
      <c r="N748000" s="10"/>
    </row>
    <row r="748001" spans="14:14">
      <c r="N748001" s="10"/>
    </row>
    <row r="748002" spans="14:14">
      <c r="N748002" s="10"/>
    </row>
    <row r="748003" spans="14:14">
      <c r="N748003" s="10"/>
    </row>
    <row r="748004" spans="14:14">
      <c r="N748004" s="10"/>
    </row>
    <row r="748005" spans="14:14">
      <c r="N748005" s="10"/>
    </row>
    <row r="748006" spans="14:14">
      <c r="N748006" s="10"/>
    </row>
    <row r="748007" spans="14:14">
      <c r="N748007" s="10"/>
    </row>
    <row r="748008" spans="14:14">
      <c r="N748008" s="10"/>
    </row>
    <row r="748009" spans="14:14">
      <c r="N748009" s="10"/>
    </row>
    <row r="748010" spans="14:14">
      <c r="N748010" s="10"/>
    </row>
    <row r="748011" spans="14:14">
      <c r="N748011" s="10"/>
    </row>
    <row r="748012" spans="14:14">
      <c r="N748012" s="10"/>
    </row>
    <row r="748013" spans="14:14">
      <c r="N748013" s="10"/>
    </row>
    <row r="748014" spans="14:14">
      <c r="N748014" s="10"/>
    </row>
    <row r="748015" spans="14:14">
      <c r="N748015" s="10"/>
    </row>
    <row r="748016" spans="14:14">
      <c r="N748016" s="10"/>
    </row>
    <row r="748017" spans="14:14">
      <c r="N748017" s="10"/>
    </row>
    <row r="748018" spans="14:14">
      <c r="N748018" s="10"/>
    </row>
    <row r="748019" spans="14:14">
      <c r="N748019" s="10"/>
    </row>
    <row r="748020" spans="14:14">
      <c r="N748020" s="10"/>
    </row>
    <row r="748021" spans="14:14">
      <c r="N748021" s="10"/>
    </row>
    <row r="748022" spans="14:14">
      <c r="N748022" s="10"/>
    </row>
    <row r="748023" spans="14:14">
      <c r="N748023" s="10"/>
    </row>
    <row r="748024" spans="14:14">
      <c r="N748024" s="10"/>
    </row>
    <row r="748025" spans="14:14">
      <c r="N748025" s="10"/>
    </row>
    <row r="748026" spans="14:14">
      <c r="N748026" s="10"/>
    </row>
    <row r="748027" spans="14:14">
      <c r="N748027" s="10"/>
    </row>
    <row r="748028" spans="14:14">
      <c r="N748028" s="10"/>
    </row>
    <row r="748029" spans="14:14">
      <c r="N748029" s="10"/>
    </row>
    <row r="748030" spans="14:14">
      <c r="N748030" s="10"/>
    </row>
    <row r="748031" spans="14:14">
      <c r="N748031" s="10"/>
    </row>
    <row r="748032" spans="14:14">
      <c r="N748032" s="10"/>
    </row>
    <row r="748033" spans="14:14">
      <c r="N748033" s="10"/>
    </row>
    <row r="748034" spans="14:14">
      <c r="N748034" s="10"/>
    </row>
    <row r="748035" spans="14:14">
      <c r="N748035" s="10"/>
    </row>
    <row r="748036" spans="14:14">
      <c r="N748036" s="10"/>
    </row>
    <row r="748037" spans="14:14">
      <c r="N748037" s="10"/>
    </row>
    <row r="748038" spans="14:14">
      <c r="N748038" s="10"/>
    </row>
    <row r="748039" spans="14:14">
      <c r="N748039" s="10"/>
    </row>
    <row r="748040" spans="14:14">
      <c r="N748040" s="10"/>
    </row>
    <row r="748041" spans="14:14">
      <c r="N748041" s="10"/>
    </row>
    <row r="748042" spans="14:14">
      <c r="N748042" s="10"/>
    </row>
    <row r="748043" spans="14:14">
      <c r="N748043" s="10"/>
    </row>
    <row r="748044" spans="14:14">
      <c r="N748044" s="10"/>
    </row>
    <row r="748045" spans="14:14">
      <c r="N748045" s="10"/>
    </row>
    <row r="748046" spans="14:14">
      <c r="N748046" s="10"/>
    </row>
    <row r="748047" spans="14:14">
      <c r="N748047" s="10"/>
    </row>
    <row r="748048" spans="14:14">
      <c r="N748048" s="10"/>
    </row>
    <row r="748049" spans="14:14">
      <c r="N748049" s="10"/>
    </row>
    <row r="748050" spans="14:14">
      <c r="N748050" s="10"/>
    </row>
    <row r="748051" spans="14:14">
      <c r="N748051" s="10"/>
    </row>
    <row r="748052" spans="14:14">
      <c r="N748052" s="10"/>
    </row>
    <row r="748053" spans="14:14">
      <c r="N748053" s="10"/>
    </row>
    <row r="748054" spans="14:14">
      <c r="N748054" s="10"/>
    </row>
    <row r="748055" spans="14:14">
      <c r="N748055" s="10"/>
    </row>
    <row r="748056" spans="14:14">
      <c r="N748056" s="10"/>
    </row>
    <row r="748057" spans="14:14">
      <c r="N748057" s="10"/>
    </row>
    <row r="748058" spans="14:14">
      <c r="N748058" s="10"/>
    </row>
    <row r="748059" spans="14:14">
      <c r="N748059" s="10"/>
    </row>
    <row r="748060" spans="14:14">
      <c r="N748060" s="10"/>
    </row>
    <row r="748061" spans="14:14">
      <c r="N748061" s="10"/>
    </row>
    <row r="748062" spans="14:14">
      <c r="N748062" s="10"/>
    </row>
    <row r="748063" spans="14:14">
      <c r="N748063" s="10"/>
    </row>
    <row r="748064" spans="14:14">
      <c r="N748064" s="10"/>
    </row>
    <row r="748065" spans="14:14">
      <c r="N748065" s="10"/>
    </row>
    <row r="748066" spans="14:14">
      <c r="N748066" s="10"/>
    </row>
    <row r="748067" spans="14:14">
      <c r="N748067" s="10"/>
    </row>
    <row r="748068" spans="14:14">
      <c r="N748068" s="10"/>
    </row>
    <row r="748069" spans="14:14">
      <c r="N748069" s="10"/>
    </row>
    <row r="748070" spans="14:14">
      <c r="N748070" s="10"/>
    </row>
    <row r="748071" spans="14:14">
      <c r="N748071" s="10"/>
    </row>
    <row r="748072" spans="14:14">
      <c r="N748072" s="10"/>
    </row>
    <row r="748073" spans="14:14">
      <c r="N748073" s="10"/>
    </row>
    <row r="748074" spans="14:14">
      <c r="N748074" s="10"/>
    </row>
    <row r="748075" spans="14:14">
      <c r="N748075" s="10"/>
    </row>
    <row r="748076" spans="14:14">
      <c r="N748076" s="10"/>
    </row>
    <row r="748077" spans="14:14">
      <c r="N748077" s="10"/>
    </row>
    <row r="748078" spans="14:14">
      <c r="N748078" s="10"/>
    </row>
    <row r="748079" spans="14:14">
      <c r="N748079" s="10"/>
    </row>
    <row r="748080" spans="14:14">
      <c r="N748080" s="10"/>
    </row>
    <row r="748081" spans="14:14">
      <c r="N748081" s="10"/>
    </row>
    <row r="748082" spans="14:14">
      <c r="N748082" s="10"/>
    </row>
    <row r="748083" spans="14:14">
      <c r="N748083" s="10"/>
    </row>
    <row r="748084" spans="14:14">
      <c r="N748084" s="10"/>
    </row>
    <row r="748085" spans="14:14">
      <c r="N748085" s="10"/>
    </row>
    <row r="748086" spans="14:14">
      <c r="N748086" s="10"/>
    </row>
    <row r="748087" spans="14:14">
      <c r="N748087" s="10"/>
    </row>
    <row r="748088" spans="14:14">
      <c r="N748088" s="10"/>
    </row>
    <row r="748089" spans="14:14">
      <c r="N748089" s="10"/>
    </row>
    <row r="748090" spans="14:14">
      <c r="N748090" s="10"/>
    </row>
    <row r="748091" spans="14:14">
      <c r="N748091" s="10"/>
    </row>
    <row r="748092" spans="14:14">
      <c r="N748092" s="10"/>
    </row>
    <row r="748093" spans="14:14">
      <c r="N748093" s="10"/>
    </row>
    <row r="748094" spans="14:14">
      <c r="N748094" s="10"/>
    </row>
    <row r="748095" spans="14:14">
      <c r="N748095" s="10"/>
    </row>
    <row r="748096" spans="14:14">
      <c r="N748096" s="10"/>
    </row>
    <row r="748097" spans="14:14">
      <c r="N748097" s="10"/>
    </row>
    <row r="748098" spans="14:14">
      <c r="N748098" s="10"/>
    </row>
    <row r="748099" spans="14:14">
      <c r="N748099" s="10"/>
    </row>
    <row r="748100" spans="14:14">
      <c r="N748100" s="10"/>
    </row>
    <row r="748101" spans="14:14">
      <c r="N748101" s="10"/>
    </row>
    <row r="748102" spans="14:14">
      <c r="N748102" s="10"/>
    </row>
    <row r="748103" spans="14:14">
      <c r="N748103" s="10"/>
    </row>
    <row r="748104" spans="14:14">
      <c r="N748104" s="10"/>
    </row>
    <row r="748105" spans="14:14">
      <c r="N748105" s="10"/>
    </row>
    <row r="748106" spans="14:14">
      <c r="N748106" s="10"/>
    </row>
    <row r="748107" spans="14:14">
      <c r="N748107" s="10"/>
    </row>
    <row r="748108" spans="14:14">
      <c r="N748108" s="10"/>
    </row>
    <row r="748109" spans="14:14">
      <c r="N748109" s="10"/>
    </row>
    <row r="748110" spans="14:14">
      <c r="N748110" s="10"/>
    </row>
    <row r="748111" spans="14:14">
      <c r="N748111" s="10"/>
    </row>
    <row r="748112" spans="14:14">
      <c r="N748112" s="10"/>
    </row>
    <row r="748113" spans="14:14">
      <c r="N748113" s="10"/>
    </row>
    <row r="748114" spans="14:14">
      <c r="N748114" s="10"/>
    </row>
    <row r="748115" spans="14:14">
      <c r="N748115" s="10"/>
    </row>
    <row r="748116" spans="14:14">
      <c r="N748116" s="10"/>
    </row>
    <row r="748117" spans="14:14">
      <c r="N748117" s="10"/>
    </row>
    <row r="748118" spans="14:14">
      <c r="N748118" s="10"/>
    </row>
    <row r="748119" spans="14:14">
      <c r="N748119" s="10"/>
    </row>
    <row r="748120" spans="14:14">
      <c r="N748120" s="10"/>
    </row>
    <row r="748121" spans="14:14">
      <c r="N748121" s="10"/>
    </row>
    <row r="748122" spans="14:14">
      <c r="N748122" s="10"/>
    </row>
    <row r="748123" spans="14:14">
      <c r="N748123" s="10"/>
    </row>
    <row r="748124" spans="14:14">
      <c r="N748124" s="10"/>
    </row>
    <row r="748125" spans="14:14">
      <c r="N748125" s="10"/>
    </row>
    <row r="748126" spans="14:14">
      <c r="N748126" s="10"/>
    </row>
    <row r="748127" spans="14:14">
      <c r="N748127" s="10"/>
    </row>
    <row r="748128" spans="14:14">
      <c r="N748128" s="10"/>
    </row>
    <row r="748129" spans="14:14">
      <c r="N748129" s="10"/>
    </row>
    <row r="748130" spans="14:14">
      <c r="N748130" s="10"/>
    </row>
    <row r="748131" spans="14:14">
      <c r="N748131" s="10"/>
    </row>
    <row r="748132" spans="14:14">
      <c r="N748132" s="10"/>
    </row>
    <row r="748133" spans="14:14">
      <c r="N748133" s="10"/>
    </row>
    <row r="748134" spans="14:14">
      <c r="N748134" s="10"/>
    </row>
    <row r="748135" spans="14:14">
      <c r="N748135" s="10"/>
    </row>
    <row r="748136" spans="14:14">
      <c r="N748136" s="10"/>
    </row>
    <row r="748137" spans="14:14">
      <c r="N748137" s="10"/>
    </row>
    <row r="748138" spans="14:14">
      <c r="N748138" s="10"/>
    </row>
    <row r="748139" spans="14:14">
      <c r="N748139" s="10"/>
    </row>
    <row r="748140" spans="14:14">
      <c r="N748140" s="10"/>
    </row>
    <row r="748141" spans="14:14">
      <c r="N748141" s="10"/>
    </row>
    <row r="748142" spans="14:14">
      <c r="N748142" s="10"/>
    </row>
    <row r="748143" spans="14:14">
      <c r="N748143" s="10"/>
    </row>
    <row r="748144" spans="14:14">
      <c r="N748144" s="10"/>
    </row>
    <row r="748145" spans="14:14">
      <c r="N748145" s="10"/>
    </row>
    <row r="748146" spans="14:14">
      <c r="N748146" s="10"/>
    </row>
    <row r="748147" spans="14:14">
      <c r="N748147" s="10"/>
    </row>
    <row r="748148" spans="14:14">
      <c r="N748148" s="10"/>
    </row>
    <row r="748149" spans="14:14">
      <c r="N748149" s="10"/>
    </row>
    <row r="748150" spans="14:14">
      <c r="N748150" s="10"/>
    </row>
    <row r="748151" spans="14:14">
      <c r="N748151" s="10"/>
    </row>
    <row r="748152" spans="14:14">
      <c r="N748152" s="10"/>
    </row>
    <row r="748153" spans="14:14">
      <c r="N748153" s="10"/>
    </row>
    <row r="748154" spans="14:14">
      <c r="N748154" s="10"/>
    </row>
    <row r="748155" spans="14:14">
      <c r="N748155" s="10"/>
    </row>
    <row r="748156" spans="14:14">
      <c r="N748156" s="10"/>
    </row>
    <row r="748157" spans="14:14">
      <c r="N748157" s="10"/>
    </row>
    <row r="748158" spans="14:14">
      <c r="N748158" s="10"/>
    </row>
    <row r="748159" spans="14:14">
      <c r="N748159" s="10"/>
    </row>
    <row r="748160" spans="14:14">
      <c r="N748160" s="10"/>
    </row>
    <row r="748161" spans="14:14">
      <c r="N748161" s="10"/>
    </row>
    <row r="748162" spans="14:14">
      <c r="N748162" s="10"/>
    </row>
    <row r="748163" spans="14:14">
      <c r="N748163" s="10"/>
    </row>
    <row r="748164" spans="14:14">
      <c r="N748164" s="10"/>
    </row>
    <row r="748165" spans="14:14">
      <c r="N748165" s="10"/>
    </row>
    <row r="748166" spans="14:14">
      <c r="N748166" s="10"/>
    </row>
    <row r="748167" spans="14:14">
      <c r="N748167" s="10"/>
    </row>
    <row r="748168" spans="14:14">
      <c r="N748168" s="10"/>
    </row>
    <row r="748169" spans="14:14">
      <c r="N748169" s="10"/>
    </row>
    <row r="748170" spans="14:14">
      <c r="N748170" s="10"/>
    </row>
    <row r="748171" spans="14:14">
      <c r="N748171" s="10"/>
    </row>
    <row r="748172" spans="14:14">
      <c r="N748172" s="10"/>
    </row>
    <row r="748173" spans="14:14">
      <c r="N748173" s="10"/>
    </row>
    <row r="748174" spans="14:14">
      <c r="N748174" s="10"/>
    </row>
    <row r="748175" spans="14:14">
      <c r="N748175" s="10"/>
    </row>
    <row r="748176" spans="14:14">
      <c r="N748176" s="10"/>
    </row>
    <row r="748177" spans="14:14">
      <c r="N748177" s="10"/>
    </row>
    <row r="748178" spans="14:14">
      <c r="N748178" s="10"/>
    </row>
    <row r="748179" spans="14:14">
      <c r="N748179" s="10"/>
    </row>
    <row r="748180" spans="14:14">
      <c r="N748180" s="10"/>
    </row>
    <row r="748181" spans="14:14">
      <c r="N748181" s="10"/>
    </row>
    <row r="748182" spans="14:14">
      <c r="N748182" s="10"/>
    </row>
    <row r="748183" spans="14:14">
      <c r="N748183" s="10"/>
    </row>
    <row r="748184" spans="14:14">
      <c r="N748184" s="10"/>
    </row>
    <row r="748185" spans="14:14">
      <c r="N748185" s="10"/>
    </row>
    <row r="748186" spans="14:14">
      <c r="N748186" s="10"/>
    </row>
    <row r="748187" spans="14:14">
      <c r="N748187" s="10"/>
    </row>
    <row r="748188" spans="14:14">
      <c r="N748188" s="10"/>
    </row>
    <row r="748189" spans="14:14">
      <c r="N748189" s="10"/>
    </row>
    <row r="748190" spans="14:14">
      <c r="N748190" s="10"/>
    </row>
    <row r="748191" spans="14:14">
      <c r="N748191" s="10"/>
    </row>
    <row r="748192" spans="14:14">
      <c r="N748192" s="10"/>
    </row>
    <row r="748193" spans="14:14">
      <c r="N748193" s="10"/>
    </row>
    <row r="748194" spans="14:14">
      <c r="N748194" s="10"/>
    </row>
    <row r="748195" spans="14:14">
      <c r="N748195" s="10"/>
    </row>
    <row r="748196" spans="14:14">
      <c r="N748196" s="10"/>
    </row>
    <row r="748197" spans="14:14">
      <c r="N748197" s="10"/>
    </row>
    <row r="748198" spans="14:14">
      <c r="N748198" s="10"/>
    </row>
    <row r="748199" spans="14:14">
      <c r="N748199" s="10"/>
    </row>
    <row r="748200" spans="14:14">
      <c r="N748200" s="10"/>
    </row>
    <row r="748201" spans="14:14">
      <c r="N748201" s="10"/>
    </row>
    <row r="748202" spans="14:14">
      <c r="N748202" s="10"/>
    </row>
    <row r="748203" spans="14:14">
      <c r="N748203" s="10"/>
    </row>
    <row r="748204" spans="14:14">
      <c r="N748204" s="10"/>
    </row>
    <row r="748205" spans="14:14">
      <c r="N748205" s="10"/>
    </row>
    <row r="748206" spans="14:14">
      <c r="N748206" s="10"/>
    </row>
    <row r="748207" spans="14:14">
      <c r="N748207" s="10"/>
    </row>
    <row r="748208" spans="14:14">
      <c r="N748208" s="10"/>
    </row>
    <row r="748209" spans="14:14">
      <c r="N748209" s="10"/>
    </row>
    <row r="748210" spans="14:14">
      <c r="N748210" s="10"/>
    </row>
    <row r="748211" spans="14:14">
      <c r="N748211" s="10"/>
    </row>
    <row r="748212" spans="14:14">
      <c r="N748212" s="10"/>
    </row>
    <row r="748213" spans="14:14">
      <c r="N748213" s="10"/>
    </row>
    <row r="748214" spans="14:14">
      <c r="N748214" s="10"/>
    </row>
    <row r="748215" spans="14:14">
      <c r="N748215" s="10"/>
    </row>
    <row r="748216" spans="14:14">
      <c r="N748216" s="10"/>
    </row>
    <row r="748217" spans="14:14">
      <c r="N748217" s="10"/>
    </row>
    <row r="748218" spans="14:14">
      <c r="N748218" s="10"/>
    </row>
    <row r="748219" spans="14:14">
      <c r="N748219" s="10"/>
    </row>
    <row r="748220" spans="14:14">
      <c r="N748220" s="10"/>
    </row>
    <row r="748221" spans="14:14">
      <c r="N748221" s="10"/>
    </row>
    <row r="748222" spans="14:14">
      <c r="N748222" s="10"/>
    </row>
    <row r="748223" spans="14:14">
      <c r="N748223" s="10"/>
    </row>
    <row r="748224" spans="14:14">
      <c r="N748224" s="10"/>
    </row>
    <row r="748225" spans="14:14">
      <c r="N748225" s="10"/>
    </row>
    <row r="748226" spans="14:14">
      <c r="N748226" s="10"/>
    </row>
    <row r="748227" spans="14:14">
      <c r="N748227" s="10"/>
    </row>
    <row r="748228" spans="14:14">
      <c r="N748228" s="10"/>
    </row>
    <row r="748229" spans="14:14">
      <c r="N748229" s="10"/>
    </row>
    <row r="748230" spans="14:14">
      <c r="N748230" s="10"/>
    </row>
    <row r="748231" spans="14:14">
      <c r="N748231" s="10"/>
    </row>
    <row r="748232" spans="14:14">
      <c r="N748232" s="10"/>
    </row>
    <row r="748233" spans="14:14">
      <c r="N748233" s="10"/>
    </row>
    <row r="748234" spans="14:14">
      <c r="N748234" s="10"/>
    </row>
    <row r="748235" spans="14:14">
      <c r="N748235" s="10"/>
    </row>
    <row r="748236" spans="14:14">
      <c r="N748236" s="10"/>
    </row>
    <row r="748237" spans="14:14">
      <c r="N748237" s="10"/>
    </row>
    <row r="748238" spans="14:14">
      <c r="N748238" s="10"/>
    </row>
    <row r="748239" spans="14:14">
      <c r="N748239" s="10"/>
    </row>
    <row r="748240" spans="14:14">
      <c r="N748240" s="10"/>
    </row>
    <row r="748241" spans="14:14">
      <c r="N748241" s="10"/>
    </row>
    <row r="748242" spans="14:14">
      <c r="N748242" s="10"/>
    </row>
    <row r="748243" spans="14:14">
      <c r="N748243" s="10"/>
    </row>
    <row r="748244" spans="14:14">
      <c r="N748244" s="10"/>
    </row>
    <row r="748245" spans="14:14">
      <c r="N748245" s="10"/>
    </row>
    <row r="748246" spans="14:14">
      <c r="N748246" s="10"/>
    </row>
    <row r="748247" spans="14:14">
      <c r="N748247" s="10"/>
    </row>
    <row r="748248" spans="14:14">
      <c r="N748248" s="10"/>
    </row>
    <row r="748249" spans="14:14">
      <c r="N748249" s="10"/>
    </row>
    <row r="748250" spans="14:14">
      <c r="N748250" s="10"/>
    </row>
    <row r="748251" spans="14:14">
      <c r="N748251" s="10"/>
    </row>
    <row r="748252" spans="14:14">
      <c r="N748252" s="10"/>
    </row>
    <row r="748253" spans="14:14">
      <c r="N748253" s="10"/>
    </row>
    <row r="748254" spans="14:14">
      <c r="N748254" s="10"/>
    </row>
    <row r="748255" spans="14:14">
      <c r="N748255" s="10"/>
    </row>
    <row r="748256" spans="14:14">
      <c r="N748256" s="10"/>
    </row>
    <row r="748257" spans="14:14">
      <c r="N748257" s="10"/>
    </row>
    <row r="748258" spans="14:14">
      <c r="N748258" s="10"/>
    </row>
    <row r="748259" spans="14:14">
      <c r="N748259" s="10"/>
    </row>
    <row r="748260" spans="14:14">
      <c r="N748260" s="10"/>
    </row>
    <row r="748261" spans="14:14">
      <c r="N748261" s="10"/>
    </row>
    <row r="748262" spans="14:14">
      <c r="N748262" s="10"/>
    </row>
    <row r="748263" spans="14:14">
      <c r="N748263" s="10"/>
    </row>
    <row r="748264" spans="14:14">
      <c r="N748264" s="10"/>
    </row>
    <row r="748265" spans="14:14">
      <c r="N748265" s="10"/>
    </row>
    <row r="748266" spans="14:14">
      <c r="N748266" s="10"/>
    </row>
    <row r="748267" spans="14:14">
      <c r="N748267" s="10"/>
    </row>
    <row r="748268" spans="14:14">
      <c r="N748268" s="10"/>
    </row>
    <row r="748269" spans="14:14">
      <c r="N748269" s="10"/>
    </row>
    <row r="748270" spans="14:14">
      <c r="N748270" s="10"/>
    </row>
    <row r="748271" spans="14:14">
      <c r="N748271" s="10"/>
    </row>
    <row r="748272" spans="14:14">
      <c r="N748272" s="10"/>
    </row>
    <row r="748273" spans="14:14">
      <c r="N748273" s="10"/>
    </row>
    <row r="748274" spans="14:14">
      <c r="N748274" s="10"/>
    </row>
    <row r="748275" spans="14:14">
      <c r="N748275" s="10"/>
    </row>
    <row r="748276" spans="14:14">
      <c r="N748276" s="10"/>
    </row>
    <row r="748277" spans="14:14">
      <c r="N748277" s="10"/>
    </row>
    <row r="748278" spans="14:14">
      <c r="N748278" s="10"/>
    </row>
    <row r="748279" spans="14:14">
      <c r="N748279" s="10"/>
    </row>
    <row r="748280" spans="14:14">
      <c r="N748280" s="10"/>
    </row>
    <row r="748281" spans="14:14">
      <c r="N748281" s="10"/>
    </row>
    <row r="748282" spans="14:14">
      <c r="N748282" s="10"/>
    </row>
    <row r="748283" spans="14:14">
      <c r="N748283" s="10"/>
    </row>
    <row r="748284" spans="14:14">
      <c r="N748284" s="10"/>
    </row>
    <row r="748285" spans="14:14">
      <c r="N748285" s="10"/>
    </row>
    <row r="748286" spans="14:14">
      <c r="N748286" s="10"/>
    </row>
    <row r="748287" spans="14:14">
      <c r="N748287" s="10"/>
    </row>
    <row r="748288" spans="14:14">
      <c r="N748288" s="10"/>
    </row>
    <row r="748289" spans="14:14">
      <c r="N748289" s="10"/>
    </row>
    <row r="748290" spans="14:14">
      <c r="N748290" s="10"/>
    </row>
    <row r="748291" spans="14:14">
      <c r="N748291" s="10"/>
    </row>
    <row r="748292" spans="14:14">
      <c r="N748292" s="10"/>
    </row>
    <row r="748293" spans="14:14">
      <c r="N748293" s="10"/>
    </row>
    <row r="748294" spans="14:14">
      <c r="N748294" s="10"/>
    </row>
    <row r="748295" spans="14:14">
      <c r="N748295" s="10"/>
    </row>
    <row r="748296" spans="14:14">
      <c r="N748296" s="10"/>
    </row>
    <row r="748297" spans="14:14">
      <c r="N748297" s="10"/>
    </row>
    <row r="748298" spans="14:14">
      <c r="N748298" s="10"/>
    </row>
    <row r="748299" spans="14:14">
      <c r="N748299" s="10"/>
    </row>
    <row r="748300" spans="14:14">
      <c r="N748300" s="10"/>
    </row>
    <row r="748301" spans="14:14">
      <c r="N748301" s="10"/>
    </row>
    <row r="748302" spans="14:14">
      <c r="N748302" s="10"/>
    </row>
    <row r="748303" spans="14:14">
      <c r="N748303" s="10"/>
    </row>
    <row r="748304" spans="14:14">
      <c r="N748304" s="10"/>
    </row>
    <row r="748305" spans="14:14">
      <c r="N748305" s="10"/>
    </row>
    <row r="748306" spans="14:14">
      <c r="N748306" s="10"/>
    </row>
    <row r="748307" spans="14:14">
      <c r="N748307" s="10"/>
    </row>
    <row r="748308" spans="14:14">
      <c r="N748308" s="10"/>
    </row>
    <row r="748309" spans="14:14">
      <c r="N748309" s="10"/>
    </row>
    <row r="748310" spans="14:14">
      <c r="N748310" s="10"/>
    </row>
    <row r="748311" spans="14:14">
      <c r="N748311" s="10"/>
    </row>
    <row r="748312" spans="14:14">
      <c r="N748312" s="10"/>
    </row>
    <row r="748313" spans="14:14">
      <c r="N748313" s="10"/>
    </row>
    <row r="748314" spans="14:14">
      <c r="N748314" s="10"/>
    </row>
    <row r="748315" spans="14:14">
      <c r="N748315" s="10"/>
    </row>
    <row r="748316" spans="14:14">
      <c r="N748316" s="10"/>
    </row>
    <row r="748317" spans="14:14">
      <c r="N748317" s="10"/>
    </row>
    <row r="748318" spans="14:14">
      <c r="N748318" s="10"/>
    </row>
    <row r="748319" spans="14:14">
      <c r="N748319" s="10"/>
    </row>
    <row r="748320" spans="14:14">
      <c r="N748320" s="10"/>
    </row>
    <row r="748321" spans="14:14">
      <c r="N748321" s="10"/>
    </row>
    <row r="748322" spans="14:14">
      <c r="N748322" s="10"/>
    </row>
    <row r="748323" spans="14:14">
      <c r="N748323" s="10"/>
    </row>
    <row r="748324" spans="14:14">
      <c r="N748324" s="10"/>
    </row>
    <row r="748325" spans="14:14">
      <c r="N748325" s="10"/>
    </row>
    <row r="748326" spans="14:14">
      <c r="N748326" s="10"/>
    </row>
    <row r="748327" spans="14:14">
      <c r="N748327" s="10"/>
    </row>
    <row r="748328" spans="14:14">
      <c r="N748328" s="10"/>
    </row>
    <row r="748329" spans="14:14">
      <c r="N748329" s="10"/>
    </row>
    <row r="748330" spans="14:14">
      <c r="N748330" s="10"/>
    </row>
    <row r="748331" spans="14:14">
      <c r="N748331" s="10"/>
    </row>
    <row r="748332" spans="14:14">
      <c r="N748332" s="10"/>
    </row>
    <row r="748333" spans="14:14">
      <c r="N748333" s="10"/>
    </row>
    <row r="748334" spans="14:14">
      <c r="N748334" s="10"/>
    </row>
    <row r="748335" spans="14:14">
      <c r="N748335" s="10"/>
    </row>
    <row r="748336" spans="14:14">
      <c r="N748336" s="10"/>
    </row>
    <row r="748337" spans="14:14">
      <c r="N748337" s="10"/>
    </row>
    <row r="748338" spans="14:14">
      <c r="N748338" s="10"/>
    </row>
    <row r="748339" spans="14:14">
      <c r="N748339" s="10"/>
    </row>
    <row r="748340" spans="14:14">
      <c r="N748340" s="10"/>
    </row>
    <row r="748341" spans="14:14">
      <c r="N748341" s="10"/>
    </row>
    <row r="748342" spans="14:14">
      <c r="N748342" s="10"/>
    </row>
    <row r="748343" spans="14:14">
      <c r="N748343" s="10"/>
    </row>
    <row r="748344" spans="14:14">
      <c r="N748344" s="10"/>
    </row>
    <row r="748345" spans="14:14">
      <c r="N748345" s="10"/>
    </row>
    <row r="748346" spans="14:14">
      <c r="N748346" s="10"/>
    </row>
    <row r="748347" spans="14:14">
      <c r="N748347" s="10"/>
    </row>
    <row r="748348" spans="14:14">
      <c r="N748348" s="10"/>
    </row>
    <row r="748349" spans="14:14">
      <c r="N748349" s="10"/>
    </row>
    <row r="748350" spans="14:14">
      <c r="N748350" s="10"/>
    </row>
    <row r="748351" spans="14:14">
      <c r="N748351" s="10"/>
    </row>
    <row r="748352" spans="14:14">
      <c r="N748352" s="10"/>
    </row>
    <row r="748353" spans="14:14">
      <c r="N748353" s="10"/>
    </row>
    <row r="748354" spans="14:14">
      <c r="N748354" s="10"/>
    </row>
    <row r="748355" spans="14:14">
      <c r="N748355" s="10"/>
    </row>
    <row r="748356" spans="14:14">
      <c r="N748356" s="10"/>
    </row>
    <row r="748357" spans="14:14">
      <c r="N748357" s="10"/>
    </row>
    <row r="748358" spans="14:14">
      <c r="N748358" s="10"/>
    </row>
    <row r="748359" spans="14:14">
      <c r="N748359" s="10"/>
    </row>
    <row r="748360" spans="14:14">
      <c r="N748360" s="10"/>
    </row>
    <row r="748361" spans="14:14">
      <c r="N748361" s="10"/>
    </row>
    <row r="748362" spans="14:14">
      <c r="N748362" s="10"/>
    </row>
    <row r="748363" spans="14:14">
      <c r="N748363" s="10"/>
    </row>
    <row r="748364" spans="14:14">
      <c r="N748364" s="10"/>
    </row>
    <row r="748365" spans="14:14">
      <c r="N748365" s="10"/>
    </row>
    <row r="748366" spans="14:14">
      <c r="N748366" s="10"/>
    </row>
    <row r="748367" spans="14:14">
      <c r="N748367" s="10"/>
    </row>
    <row r="748368" spans="14:14">
      <c r="N748368" s="10"/>
    </row>
    <row r="748369" spans="14:14">
      <c r="N748369" s="10"/>
    </row>
    <row r="748370" spans="14:14">
      <c r="N748370" s="10"/>
    </row>
    <row r="748371" spans="14:14">
      <c r="N748371" s="10"/>
    </row>
    <row r="748372" spans="14:14">
      <c r="N748372" s="10"/>
    </row>
    <row r="748373" spans="14:14">
      <c r="N748373" s="10"/>
    </row>
    <row r="748374" spans="14:14">
      <c r="N748374" s="10"/>
    </row>
    <row r="748375" spans="14:14">
      <c r="N748375" s="10"/>
    </row>
    <row r="748376" spans="14:14">
      <c r="N748376" s="10"/>
    </row>
    <row r="748377" spans="14:14">
      <c r="N748377" s="10"/>
    </row>
    <row r="748378" spans="14:14">
      <c r="N748378" s="10"/>
    </row>
    <row r="748379" spans="14:14">
      <c r="N748379" s="10"/>
    </row>
    <row r="748380" spans="14:14">
      <c r="N748380" s="10"/>
    </row>
    <row r="748381" spans="14:14">
      <c r="N748381" s="10"/>
    </row>
    <row r="748382" spans="14:14">
      <c r="N748382" s="10"/>
    </row>
    <row r="748383" spans="14:14">
      <c r="N748383" s="10"/>
    </row>
    <row r="748384" spans="14:14">
      <c r="N748384" s="10"/>
    </row>
    <row r="748385" spans="14:14">
      <c r="N748385" s="10"/>
    </row>
    <row r="748386" spans="14:14">
      <c r="N748386" s="10"/>
    </row>
    <row r="748387" spans="14:14">
      <c r="N748387" s="10"/>
    </row>
    <row r="748388" spans="14:14">
      <c r="N748388" s="10"/>
    </row>
    <row r="748389" spans="14:14">
      <c r="N748389" s="10"/>
    </row>
    <row r="748390" spans="14:14">
      <c r="N748390" s="10"/>
    </row>
    <row r="748391" spans="14:14">
      <c r="N748391" s="10"/>
    </row>
    <row r="748392" spans="14:14">
      <c r="N748392" s="10"/>
    </row>
    <row r="748393" spans="14:14">
      <c r="N748393" s="10"/>
    </row>
    <row r="748394" spans="14:14">
      <c r="N748394" s="10"/>
    </row>
    <row r="748395" spans="14:14">
      <c r="N748395" s="10"/>
    </row>
    <row r="748396" spans="14:14">
      <c r="N748396" s="10"/>
    </row>
    <row r="748397" spans="14:14">
      <c r="N748397" s="10"/>
    </row>
    <row r="748398" spans="14:14">
      <c r="N748398" s="10"/>
    </row>
    <row r="748399" spans="14:14">
      <c r="N748399" s="10"/>
    </row>
    <row r="748400" spans="14:14">
      <c r="N748400" s="10"/>
    </row>
    <row r="748401" spans="14:14">
      <c r="N748401" s="10"/>
    </row>
    <row r="748402" spans="14:14">
      <c r="N748402" s="10"/>
    </row>
    <row r="748403" spans="14:14">
      <c r="N748403" s="10"/>
    </row>
    <row r="748404" spans="14:14">
      <c r="N748404" s="10"/>
    </row>
    <row r="748405" spans="14:14">
      <c r="N748405" s="10"/>
    </row>
    <row r="748406" spans="14:14">
      <c r="N748406" s="10"/>
    </row>
    <row r="748407" spans="14:14">
      <c r="N748407" s="10"/>
    </row>
    <row r="748408" spans="14:14">
      <c r="N748408" s="10"/>
    </row>
    <row r="748409" spans="14:14">
      <c r="N748409" s="10"/>
    </row>
    <row r="748410" spans="14:14">
      <c r="N748410" s="10"/>
    </row>
    <row r="748411" spans="14:14">
      <c r="N748411" s="10"/>
    </row>
    <row r="748412" spans="14:14">
      <c r="N748412" s="10"/>
    </row>
    <row r="748413" spans="14:14">
      <c r="N748413" s="10"/>
    </row>
    <row r="748414" spans="14:14">
      <c r="N748414" s="10"/>
    </row>
    <row r="748415" spans="14:14">
      <c r="N748415" s="10"/>
    </row>
    <row r="748416" spans="14:14">
      <c r="N748416" s="10"/>
    </row>
    <row r="748417" spans="14:14">
      <c r="N748417" s="10"/>
    </row>
    <row r="748418" spans="14:14">
      <c r="N748418" s="10"/>
    </row>
    <row r="748419" spans="14:14">
      <c r="N748419" s="10"/>
    </row>
    <row r="748420" spans="14:14">
      <c r="N748420" s="10"/>
    </row>
    <row r="748421" spans="14:14">
      <c r="N748421" s="10"/>
    </row>
    <row r="748422" spans="14:14">
      <c r="N748422" s="10"/>
    </row>
    <row r="748423" spans="14:14">
      <c r="N748423" s="10"/>
    </row>
    <row r="748424" spans="14:14">
      <c r="N748424" s="10"/>
    </row>
    <row r="748425" spans="14:14">
      <c r="N748425" s="10"/>
    </row>
    <row r="748426" spans="14:14">
      <c r="N748426" s="10"/>
    </row>
    <row r="748427" spans="14:14">
      <c r="N748427" s="10"/>
    </row>
    <row r="748428" spans="14:14">
      <c r="N748428" s="10"/>
    </row>
    <row r="748429" spans="14:14">
      <c r="N748429" s="10"/>
    </row>
    <row r="748430" spans="14:14">
      <c r="N748430" s="10"/>
    </row>
    <row r="748431" spans="14:14">
      <c r="N748431" s="10"/>
    </row>
    <row r="748432" spans="14:14">
      <c r="N748432" s="10"/>
    </row>
    <row r="748433" spans="14:14">
      <c r="N748433" s="10"/>
    </row>
    <row r="748434" spans="14:14">
      <c r="N748434" s="10"/>
    </row>
    <row r="748435" spans="14:14">
      <c r="N748435" s="10"/>
    </row>
    <row r="748436" spans="14:14">
      <c r="N748436" s="10"/>
    </row>
    <row r="748437" spans="14:14">
      <c r="N748437" s="10"/>
    </row>
    <row r="748438" spans="14:14">
      <c r="N748438" s="10"/>
    </row>
    <row r="748439" spans="14:14">
      <c r="N748439" s="10"/>
    </row>
    <row r="748440" spans="14:14">
      <c r="N748440" s="10"/>
    </row>
    <row r="748441" spans="14:14">
      <c r="N748441" s="10"/>
    </row>
    <row r="748442" spans="14:14">
      <c r="N748442" s="10"/>
    </row>
    <row r="748443" spans="14:14">
      <c r="N748443" s="10"/>
    </row>
    <row r="748444" spans="14:14">
      <c r="N748444" s="10"/>
    </row>
    <row r="748445" spans="14:14">
      <c r="N748445" s="10"/>
    </row>
    <row r="748446" spans="14:14">
      <c r="N748446" s="10"/>
    </row>
    <row r="748447" spans="14:14">
      <c r="N748447" s="10"/>
    </row>
    <row r="748448" spans="14:14">
      <c r="N748448" s="10"/>
    </row>
    <row r="748449" spans="14:14">
      <c r="N748449" s="10"/>
    </row>
    <row r="748450" spans="14:14">
      <c r="N748450" s="10"/>
    </row>
    <row r="748451" spans="14:14">
      <c r="N748451" s="10"/>
    </row>
    <row r="748452" spans="14:14">
      <c r="N748452" s="10"/>
    </row>
    <row r="748453" spans="14:14">
      <c r="N748453" s="10"/>
    </row>
    <row r="748454" spans="14:14">
      <c r="N748454" s="10"/>
    </row>
    <row r="748455" spans="14:14">
      <c r="N748455" s="10"/>
    </row>
    <row r="748456" spans="14:14">
      <c r="N748456" s="10"/>
    </row>
    <row r="748457" spans="14:14">
      <c r="N748457" s="10"/>
    </row>
    <row r="748458" spans="14:14">
      <c r="N748458" s="10"/>
    </row>
    <row r="748459" spans="14:14">
      <c r="N748459" s="10"/>
    </row>
    <row r="748460" spans="14:14">
      <c r="N748460" s="10"/>
    </row>
    <row r="748461" spans="14:14">
      <c r="N748461" s="10"/>
    </row>
    <row r="748462" spans="14:14">
      <c r="N748462" s="10"/>
    </row>
    <row r="748463" spans="14:14">
      <c r="N748463" s="10"/>
    </row>
    <row r="748464" spans="14:14">
      <c r="N748464" s="10"/>
    </row>
    <row r="748465" spans="14:14">
      <c r="N748465" s="10"/>
    </row>
    <row r="748466" spans="14:14">
      <c r="N748466" s="10"/>
    </row>
    <row r="748467" spans="14:14">
      <c r="N748467" s="10"/>
    </row>
    <row r="748468" spans="14:14">
      <c r="N748468" s="10"/>
    </row>
    <row r="748469" spans="14:14">
      <c r="N748469" s="10"/>
    </row>
    <row r="748470" spans="14:14">
      <c r="N748470" s="10"/>
    </row>
    <row r="748471" spans="14:14">
      <c r="N748471" s="10"/>
    </row>
    <row r="748472" spans="14:14">
      <c r="N748472" s="10"/>
    </row>
    <row r="748473" spans="14:14">
      <c r="N748473" s="10"/>
    </row>
    <row r="748474" spans="14:14">
      <c r="N748474" s="10"/>
    </row>
    <row r="748475" spans="14:14">
      <c r="N748475" s="10"/>
    </row>
    <row r="748476" spans="14:14">
      <c r="N748476" s="10"/>
    </row>
    <row r="748477" spans="14:14">
      <c r="N748477" s="10"/>
    </row>
    <row r="748478" spans="14:14">
      <c r="N748478" s="10"/>
    </row>
    <row r="748479" spans="14:14">
      <c r="N748479" s="10"/>
    </row>
    <row r="748480" spans="14:14">
      <c r="N748480" s="10"/>
    </row>
    <row r="748481" spans="14:14">
      <c r="N748481" s="10"/>
    </row>
    <row r="748482" spans="14:14">
      <c r="N748482" s="10"/>
    </row>
    <row r="748483" spans="14:14">
      <c r="N748483" s="10"/>
    </row>
    <row r="748484" spans="14:14">
      <c r="N748484" s="10"/>
    </row>
    <row r="748485" spans="14:14">
      <c r="N748485" s="10"/>
    </row>
    <row r="748486" spans="14:14">
      <c r="N748486" s="10"/>
    </row>
    <row r="748487" spans="14:14">
      <c r="N748487" s="10"/>
    </row>
    <row r="748488" spans="14:14">
      <c r="N748488" s="10"/>
    </row>
    <row r="748489" spans="14:14">
      <c r="N748489" s="10"/>
    </row>
    <row r="748490" spans="14:14">
      <c r="N748490" s="10"/>
    </row>
    <row r="748491" spans="14:14">
      <c r="N748491" s="10"/>
    </row>
    <row r="748492" spans="14:14">
      <c r="N748492" s="10"/>
    </row>
    <row r="748493" spans="14:14">
      <c r="N748493" s="10"/>
    </row>
    <row r="748494" spans="14:14">
      <c r="N748494" s="10"/>
    </row>
    <row r="748495" spans="14:14">
      <c r="N748495" s="10"/>
    </row>
    <row r="748496" spans="14:14">
      <c r="N748496" s="10"/>
    </row>
    <row r="748497" spans="14:14">
      <c r="N748497" s="10"/>
    </row>
    <row r="748498" spans="14:14">
      <c r="N748498" s="10"/>
    </row>
    <row r="748499" spans="14:14">
      <c r="N748499" s="10"/>
    </row>
    <row r="748500" spans="14:14">
      <c r="N748500" s="10"/>
    </row>
    <row r="748501" spans="14:14">
      <c r="N748501" s="10"/>
    </row>
    <row r="748502" spans="14:14">
      <c r="N748502" s="10"/>
    </row>
    <row r="748503" spans="14:14">
      <c r="N748503" s="10"/>
    </row>
    <row r="748504" spans="14:14">
      <c r="N748504" s="10"/>
    </row>
    <row r="748505" spans="14:14">
      <c r="N748505" s="10"/>
    </row>
    <row r="748506" spans="14:14">
      <c r="N748506" s="10"/>
    </row>
    <row r="748507" spans="14:14">
      <c r="N748507" s="10"/>
    </row>
    <row r="748508" spans="14:14">
      <c r="N748508" s="10"/>
    </row>
    <row r="748509" spans="14:14">
      <c r="N748509" s="10"/>
    </row>
    <row r="748510" spans="14:14">
      <c r="N748510" s="10"/>
    </row>
    <row r="748511" spans="14:14">
      <c r="N748511" s="10"/>
    </row>
    <row r="748512" spans="14:14">
      <c r="N748512" s="10"/>
    </row>
    <row r="748513" spans="14:14">
      <c r="N748513" s="10"/>
    </row>
    <row r="748514" spans="14:14">
      <c r="N748514" s="10"/>
    </row>
    <row r="748515" spans="14:14">
      <c r="N748515" s="10"/>
    </row>
    <row r="748516" spans="14:14">
      <c r="N748516" s="10"/>
    </row>
    <row r="748517" spans="14:14">
      <c r="N748517" s="10"/>
    </row>
    <row r="748518" spans="14:14">
      <c r="N748518" s="10"/>
    </row>
    <row r="748519" spans="14:14">
      <c r="N748519" s="10"/>
    </row>
    <row r="748520" spans="14:14">
      <c r="N748520" s="10"/>
    </row>
    <row r="748521" spans="14:14">
      <c r="N748521" s="10"/>
    </row>
    <row r="748522" spans="14:14">
      <c r="N748522" s="10"/>
    </row>
    <row r="748523" spans="14:14">
      <c r="N748523" s="10"/>
    </row>
    <row r="748524" spans="14:14">
      <c r="N748524" s="10"/>
    </row>
    <row r="748525" spans="14:14">
      <c r="N748525" s="10"/>
    </row>
    <row r="748526" spans="14:14">
      <c r="N748526" s="10"/>
    </row>
    <row r="748527" spans="14:14">
      <c r="N748527" s="10"/>
    </row>
    <row r="748528" spans="14:14">
      <c r="N748528" s="10"/>
    </row>
    <row r="748529" spans="14:14">
      <c r="N748529" s="10"/>
    </row>
    <row r="748530" spans="14:14">
      <c r="N748530" s="10"/>
    </row>
    <row r="748531" spans="14:14">
      <c r="N748531" s="10"/>
    </row>
    <row r="748532" spans="14:14">
      <c r="N748532" s="10"/>
    </row>
    <row r="748533" spans="14:14">
      <c r="N748533" s="10"/>
    </row>
    <row r="748534" spans="14:14">
      <c r="N748534" s="10"/>
    </row>
    <row r="748535" spans="14:14">
      <c r="N748535" s="10"/>
    </row>
    <row r="748536" spans="14:14">
      <c r="N748536" s="10"/>
    </row>
    <row r="748537" spans="14:14">
      <c r="N748537" s="10"/>
    </row>
    <row r="748538" spans="14:14">
      <c r="N748538" s="10"/>
    </row>
    <row r="748539" spans="14:14">
      <c r="N748539" s="10"/>
    </row>
    <row r="748540" spans="14:14">
      <c r="N748540" s="10"/>
    </row>
    <row r="748541" spans="14:14">
      <c r="N748541" s="10"/>
    </row>
    <row r="748542" spans="14:14">
      <c r="N748542" s="10"/>
    </row>
    <row r="748543" spans="14:14">
      <c r="N748543" s="10"/>
    </row>
    <row r="748544" spans="14:14">
      <c r="N748544" s="10"/>
    </row>
    <row r="748545" spans="14:14">
      <c r="N748545" s="10"/>
    </row>
    <row r="748546" spans="14:14">
      <c r="N748546" s="10"/>
    </row>
    <row r="748547" spans="14:14">
      <c r="N748547" s="10"/>
    </row>
    <row r="748548" spans="14:14">
      <c r="N748548" s="10"/>
    </row>
    <row r="748549" spans="14:14">
      <c r="N748549" s="10"/>
    </row>
    <row r="748550" spans="14:14">
      <c r="N748550" s="10"/>
    </row>
    <row r="748551" spans="14:14">
      <c r="N748551" s="10"/>
    </row>
    <row r="748552" spans="14:14">
      <c r="N748552" s="10"/>
    </row>
    <row r="748553" spans="14:14">
      <c r="N748553" s="10"/>
    </row>
    <row r="748554" spans="14:14">
      <c r="N748554" s="10"/>
    </row>
    <row r="748555" spans="14:14">
      <c r="N748555" s="10"/>
    </row>
    <row r="748556" spans="14:14">
      <c r="N748556" s="10"/>
    </row>
    <row r="748557" spans="14:14">
      <c r="N748557" s="10"/>
    </row>
    <row r="748558" spans="14:14">
      <c r="N748558" s="10"/>
    </row>
    <row r="748559" spans="14:14">
      <c r="N748559" s="10"/>
    </row>
    <row r="748560" spans="14:14">
      <c r="N748560" s="10"/>
    </row>
    <row r="748561" spans="14:14">
      <c r="N748561" s="10"/>
    </row>
    <row r="748562" spans="14:14">
      <c r="N748562" s="10"/>
    </row>
    <row r="748563" spans="14:14">
      <c r="N748563" s="10"/>
    </row>
    <row r="748564" spans="14:14">
      <c r="N748564" s="10"/>
    </row>
    <row r="748565" spans="14:14">
      <c r="N748565" s="10"/>
    </row>
    <row r="748566" spans="14:14">
      <c r="N748566" s="10"/>
    </row>
    <row r="748567" spans="14:14">
      <c r="N748567" s="10"/>
    </row>
    <row r="748568" spans="14:14">
      <c r="N748568" s="10"/>
    </row>
    <row r="748569" spans="14:14">
      <c r="N748569" s="10"/>
    </row>
    <row r="748570" spans="14:14">
      <c r="N748570" s="10"/>
    </row>
    <row r="748571" spans="14:14">
      <c r="N748571" s="10"/>
    </row>
    <row r="748572" spans="14:14">
      <c r="N748572" s="10"/>
    </row>
    <row r="748573" spans="14:14">
      <c r="N748573" s="10"/>
    </row>
    <row r="748574" spans="14:14">
      <c r="N748574" s="10"/>
    </row>
    <row r="748575" spans="14:14">
      <c r="N748575" s="10"/>
    </row>
    <row r="748576" spans="14:14">
      <c r="N748576" s="10"/>
    </row>
    <row r="748577" spans="14:14">
      <c r="N748577" s="10"/>
    </row>
    <row r="748578" spans="14:14">
      <c r="N748578" s="10"/>
    </row>
    <row r="748579" spans="14:14">
      <c r="N748579" s="10"/>
    </row>
    <row r="748580" spans="14:14">
      <c r="N748580" s="10"/>
    </row>
    <row r="748581" spans="14:14">
      <c r="N748581" s="10"/>
    </row>
    <row r="748582" spans="14:14">
      <c r="N748582" s="10"/>
    </row>
    <row r="748583" spans="14:14">
      <c r="N748583" s="10"/>
    </row>
    <row r="748584" spans="14:14">
      <c r="N748584" s="10"/>
    </row>
    <row r="748585" spans="14:14">
      <c r="N748585" s="10"/>
    </row>
    <row r="748586" spans="14:14">
      <c r="N748586" s="10"/>
    </row>
    <row r="748587" spans="14:14">
      <c r="N748587" s="10"/>
    </row>
    <row r="748588" spans="14:14">
      <c r="N748588" s="10"/>
    </row>
    <row r="748589" spans="14:14">
      <c r="N748589" s="10"/>
    </row>
    <row r="748590" spans="14:14">
      <c r="N748590" s="10"/>
    </row>
    <row r="748591" spans="14:14">
      <c r="N748591" s="10"/>
    </row>
    <row r="748592" spans="14:14">
      <c r="N748592" s="10"/>
    </row>
    <row r="748593" spans="14:14">
      <c r="N748593" s="10"/>
    </row>
    <row r="748594" spans="14:14">
      <c r="N748594" s="10"/>
    </row>
    <row r="748595" spans="14:14">
      <c r="N748595" s="10"/>
    </row>
    <row r="748596" spans="14:14">
      <c r="N748596" s="10"/>
    </row>
    <row r="748597" spans="14:14">
      <c r="N748597" s="10"/>
    </row>
    <row r="748598" spans="14:14">
      <c r="N748598" s="10"/>
    </row>
    <row r="748599" spans="14:14">
      <c r="N748599" s="10"/>
    </row>
    <row r="748600" spans="14:14">
      <c r="N748600" s="10"/>
    </row>
    <row r="748601" spans="14:14">
      <c r="N748601" s="10"/>
    </row>
    <row r="748602" spans="14:14">
      <c r="N748602" s="10"/>
    </row>
    <row r="748603" spans="14:14">
      <c r="N748603" s="10"/>
    </row>
    <row r="748604" spans="14:14">
      <c r="N748604" s="10"/>
    </row>
    <row r="748605" spans="14:14">
      <c r="N748605" s="10"/>
    </row>
    <row r="748606" spans="14:14">
      <c r="N748606" s="10"/>
    </row>
    <row r="748607" spans="14:14">
      <c r="N748607" s="10"/>
    </row>
    <row r="748608" spans="14:14">
      <c r="N748608" s="10"/>
    </row>
    <row r="748609" spans="14:14">
      <c r="N748609" s="10"/>
    </row>
    <row r="748610" spans="14:14">
      <c r="N748610" s="10"/>
    </row>
    <row r="748611" spans="14:14">
      <c r="N748611" s="10"/>
    </row>
    <row r="748612" spans="14:14">
      <c r="N748612" s="10"/>
    </row>
    <row r="748613" spans="14:14">
      <c r="N748613" s="10"/>
    </row>
    <row r="748614" spans="14:14">
      <c r="N748614" s="10"/>
    </row>
    <row r="748615" spans="14:14">
      <c r="N748615" s="10"/>
    </row>
    <row r="748616" spans="14:14">
      <c r="N748616" s="10"/>
    </row>
    <row r="748617" spans="14:14">
      <c r="N748617" s="10"/>
    </row>
    <row r="748618" spans="14:14">
      <c r="N748618" s="10"/>
    </row>
    <row r="748619" spans="14:14">
      <c r="N748619" s="10"/>
    </row>
    <row r="748620" spans="14:14">
      <c r="N748620" s="10"/>
    </row>
    <row r="748621" spans="14:14">
      <c r="N748621" s="10"/>
    </row>
    <row r="748622" spans="14:14">
      <c r="N748622" s="10"/>
    </row>
    <row r="748623" spans="14:14">
      <c r="N748623" s="10"/>
    </row>
    <row r="748624" spans="14:14">
      <c r="N748624" s="10"/>
    </row>
    <row r="748625" spans="14:14">
      <c r="N748625" s="10"/>
    </row>
    <row r="748626" spans="14:14">
      <c r="N748626" s="10"/>
    </row>
    <row r="748627" spans="14:14">
      <c r="N748627" s="10"/>
    </row>
    <row r="748628" spans="14:14">
      <c r="N748628" s="10"/>
    </row>
    <row r="748629" spans="14:14">
      <c r="N748629" s="10"/>
    </row>
    <row r="748630" spans="14:14">
      <c r="N748630" s="10"/>
    </row>
    <row r="748631" spans="14:14">
      <c r="N748631" s="10"/>
    </row>
    <row r="748632" spans="14:14">
      <c r="N748632" s="10"/>
    </row>
    <row r="748633" spans="14:14">
      <c r="N748633" s="10"/>
    </row>
    <row r="748634" spans="14:14">
      <c r="N748634" s="10"/>
    </row>
    <row r="748635" spans="14:14">
      <c r="N748635" s="10"/>
    </row>
    <row r="748636" spans="14:14">
      <c r="N748636" s="10"/>
    </row>
    <row r="748637" spans="14:14">
      <c r="N748637" s="10"/>
    </row>
    <row r="748638" spans="14:14">
      <c r="N748638" s="10"/>
    </row>
    <row r="748639" spans="14:14">
      <c r="N748639" s="10"/>
    </row>
    <row r="748640" spans="14:14">
      <c r="N748640" s="10"/>
    </row>
    <row r="748641" spans="14:14">
      <c r="N748641" s="10"/>
    </row>
    <row r="748642" spans="14:14">
      <c r="N748642" s="10"/>
    </row>
    <row r="748643" spans="14:14">
      <c r="N748643" s="10"/>
    </row>
    <row r="748644" spans="14:14">
      <c r="N748644" s="10"/>
    </row>
    <row r="748645" spans="14:14">
      <c r="N748645" s="10"/>
    </row>
    <row r="748646" spans="14:14">
      <c r="N748646" s="10"/>
    </row>
    <row r="748647" spans="14:14">
      <c r="N748647" s="10"/>
    </row>
    <row r="748648" spans="14:14">
      <c r="N748648" s="10"/>
    </row>
    <row r="748649" spans="14:14">
      <c r="N748649" s="10"/>
    </row>
    <row r="748650" spans="14:14">
      <c r="N748650" s="10"/>
    </row>
    <row r="748651" spans="14:14">
      <c r="N748651" s="10"/>
    </row>
    <row r="748652" spans="14:14">
      <c r="N748652" s="10"/>
    </row>
    <row r="748653" spans="14:14">
      <c r="N748653" s="10"/>
    </row>
    <row r="748654" spans="14:14">
      <c r="N748654" s="10"/>
    </row>
    <row r="748655" spans="14:14">
      <c r="N748655" s="10"/>
    </row>
    <row r="748656" spans="14:14">
      <c r="N748656" s="10"/>
    </row>
    <row r="748657" spans="14:14">
      <c r="N748657" s="10"/>
    </row>
    <row r="748658" spans="14:14">
      <c r="N748658" s="10"/>
    </row>
    <row r="748659" spans="14:14">
      <c r="N748659" s="10"/>
    </row>
    <row r="748660" spans="14:14">
      <c r="N748660" s="10"/>
    </row>
    <row r="748661" spans="14:14">
      <c r="N748661" s="10"/>
    </row>
    <row r="748662" spans="14:14">
      <c r="N748662" s="10"/>
    </row>
    <row r="748663" spans="14:14">
      <c r="N748663" s="10"/>
    </row>
    <row r="748664" spans="14:14">
      <c r="N748664" s="10"/>
    </row>
    <row r="748665" spans="14:14">
      <c r="N748665" s="10"/>
    </row>
    <row r="748666" spans="14:14">
      <c r="N748666" s="10"/>
    </row>
    <row r="748667" spans="14:14">
      <c r="N748667" s="10"/>
    </row>
    <row r="748668" spans="14:14">
      <c r="N748668" s="10"/>
    </row>
    <row r="748669" spans="14:14">
      <c r="N748669" s="10"/>
    </row>
    <row r="748670" spans="14:14">
      <c r="N748670" s="10"/>
    </row>
    <row r="748671" spans="14:14">
      <c r="N748671" s="10"/>
    </row>
    <row r="748672" spans="14:14">
      <c r="N748672" s="10"/>
    </row>
    <row r="748673" spans="14:14">
      <c r="N748673" s="10"/>
    </row>
    <row r="748674" spans="14:14">
      <c r="N748674" s="10"/>
    </row>
    <row r="748675" spans="14:14">
      <c r="N748675" s="10"/>
    </row>
    <row r="748676" spans="14:14">
      <c r="N748676" s="10"/>
    </row>
    <row r="748677" spans="14:14">
      <c r="N748677" s="10"/>
    </row>
    <row r="748678" spans="14:14">
      <c r="N748678" s="10"/>
    </row>
    <row r="748679" spans="14:14">
      <c r="N748679" s="10"/>
    </row>
    <row r="748680" spans="14:14">
      <c r="N748680" s="10"/>
    </row>
    <row r="748681" spans="14:14">
      <c r="N748681" s="10"/>
    </row>
    <row r="748682" spans="14:14">
      <c r="N748682" s="10"/>
    </row>
    <row r="748683" spans="14:14">
      <c r="N748683" s="10"/>
    </row>
    <row r="748684" spans="14:14">
      <c r="N748684" s="10"/>
    </row>
    <row r="748685" spans="14:14">
      <c r="N748685" s="10"/>
    </row>
    <row r="748686" spans="14:14">
      <c r="N748686" s="10"/>
    </row>
    <row r="748687" spans="14:14">
      <c r="N748687" s="10"/>
    </row>
    <row r="748688" spans="14:14">
      <c r="N748688" s="10"/>
    </row>
    <row r="748689" spans="14:14">
      <c r="N748689" s="10"/>
    </row>
    <row r="748690" spans="14:14">
      <c r="N748690" s="10"/>
    </row>
    <row r="748691" spans="14:14">
      <c r="N748691" s="10"/>
    </row>
    <row r="748692" spans="14:14">
      <c r="N748692" s="10"/>
    </row>
    <row r="748693" spans="14:14">
      <c r="N748693" s="10"/>
    </row>
    <row r="748694" spans="14:14">
      <c r="N748694" s="10"/>
    </row>
    <row r="748695" spans="14:14">
      <c r="N748695" s="10"/>
    </row>
    <row r="748696" spans="14:14">
      <c r="N748696" s="10"/>
    </row>
    <row r="748697" spans="14:14">
      <c r="N748697" s="10"/>
    </row>
    <row r="748698" spans="14:14">
      <c r="N748698" s="10"/>
    </row>
    <row r="748699" spans="14:14">
      <c r="N748699" s="10"/>
    </row>
    <row r="748700" spans="14:14">
      <c r="N748700" s="10"/>
    </row>
    <row r="748701" spans="14:14">
      <c r="N748701" s="10"/>
    </row>
    <row r="748702" spans="14:14">
      <c r="N748702" s="10"/>
    </row>
    <row r="748703" spans="14:14">
      <c r="N748703" s="10"/>
    </row>
    <row r="748704" spans="14:14">
      <c r="N748704" s="10"/>
    </row>
    <row r="748705" spans="14:14">
      <c r="N748705" s="10"/>
    </row>
    <row r="748706" spans="14:14">
      <c r="N748706" s="10"/>
    </row>
    <row r="748707" spans="14:14">
      <c r="N748707" s="10"/>
    </row>
    <row r="748708" spans="14:14">
      <c r="N748708" s="10"/>
    </row>
    <row r="748709" spans="14:14">
      <c r="N748709" s="10"/>
    </row>
    <row r="748710" spans="14:14">
      <c r="N748710" s="10"/>
    </row>
    <row r="748711" spans="14:14">
      <c r="N748711" s="10"/>
    </row>
    <row r="748712" spans="14:14">
      <c r="N748712" s="10"/>
    </row>
    <row r="748713" spans="14:14">
      <c r="N748713" s="10"/>
    </row>
    <row r="748714" spans="14:14">
      <c r="N748714" s="10"/>
    </row>
    <row r="748715" spans="14:14">
      <c r="N748715" s="10"/>
    </row>
    <row r="748716" spans="14:14">
      <c r="N748716" s="10"/>
    </row>
    <row r="748717" spans="14:14">
      <c r="N748717" s="10"/>
    </row>
    <row r="748718" spans="14:14">
      <c r="N748718" s="10"/>
    </row>
    <row r="748719" spans="14:14">
      <c r="N748719" s="10"/>
    </row>
    <row r="748720" spans="14:14">
      <c r="N748720" s="10"/>
    </row>
    <row r="748721" spans="14:14">
      <c r="N748721" s="10"/>
    </row>
    <row r="748722" spans="14:14">
      <c r="N748722" s="10"/>
    </row>
    <row r="748723" spans="14:14">
      <c r="N748723" s="10"/>
    </row>
    <row r="748724" spans="14:14">
      <c r="N748724" s="10"/>
    </row>
    <row r="748725" spans="14:14">
      <c r="N748725" s="10"/>
    </row>
    <row r="748726" spans="14:14">
      <c r="N748726" s="10"/>
    </row>
    <row r="748727" spans="14:14">
      <c r="N748727" s="10"/>
    </row>
    <row r="748728" spans="14:14">
      <c r="N748728" s="10"/>
    </row>
    <row r="748729" spans="14:14">
      <c r="N748729" s="10"/>
    </row>
    <row r="748730" spans="14:14">
      <c r="N748730" s="10"/>
    </row>
    <row r="748731" spans="14:14">
      <c r="N748731" s="10"/>
    </row>
    <row r="748732" spans="14:14">
      <c r="N748732" s="10"/>
    </row>
    <row r="748733" spans="14:14">
      <c r="N748733" s="10"/>
    </row>
    <row r="748734" spans="14:14">
      <c r="N748734" s="10"/>
    </row>
    <row r="748735" spans="14:14">
      <c r="N748735" s="10"/>
    </row>
    <row r="748736" spans="14:14">
      <c r="N748736" s="10"/>
    </row>
    <row r="748737" spans="14:14">
      <c r="N748737" s="10"/>
    </row>
    <row r="748738" spans="14:14">
      <c r="N748738" s="10"/>
    </row>
    <row r="748739" spans="14:14">
      <c r="N748739" s="10"/>
    </row>
    <row r="748740" spans="14:14">
      <c r="N748740" s="10"/>
    </row>
    <row r="748741" spans="14:14">
      <c r="N748741" s="10"/>
    </row>
    <row r="748742" spans="14:14">
      <c r="N748742" s="10"/>
    </row>
    <row r="748743" spans="14:14">
      <c r="N748743" s="10"/>
    </row>
    <row r="748744" spans="14:14">
      <c r="N748744" s="10"/>
    </row>
    <row r="748745" spans="14:14">
      <c r="N748745" s="10"/>
    </row>
    <row r="748746" spans="14:14">
      <c r="N748746" s="10"/>
    </row>
    <row r="748747" spans="14:14">
      <c r="N748747" s="10"/>
    </row>
    <row r="748748" spans="14:14">
      <c r="N748748" s="10"/>
    </row>
    <row r="748749" spans="14:14">
      <c r="N748749" s="10"/>
    </row>
    <row r="748750" spans="14:14">
      <c r="N748750" s="10"/>
    </row>
    <row r="748751" spans="14:14">
      <c r="N748751" s="10"/>
    </row>
    <row r="748752" spans="14:14">
      <c r="N748752" s="10"/>
    </row>
    <row r="748753" spans="14:14">
      <c r="N748753" s="10"/>
    </row>
    <row r="748754" spans="14:14">
      <c r="N748754" s="10"/>
    </row>
    <row r="748755" spans="14:14">
      <c r="N748755" s="10"/>
    </row>
    <row r="748756" spans="14:14">
      <c r="N748756" s="10"/>
    </row>
    <row r="748757" spans="14:14">
      <c r="N748757" s="10"/>
    </row>
    <row r="748758" spans="14:14">
      <c r="N748758" s="10"/>
    </row>
    <row r="748759" spans="14:14">
      <c r="N748759" s="10"/>
    </row>
    <row r="748760" spans="14:14">
      <c r="N748760" s="10"/>
    </row>
    <row r="748761" spans="14:14">
      <c r="N748761" s="10"/>
    </row>
    <row r="748762" spans="14:14">
      <c r="N748762" s="10"/>
    </row>
    <row r="748763" spans="14:14">
      <c r="N748763" s="10"/>
    </row>
    <row r="748764" spans="14:14">
      <c r="N748764" s="10"/>
    </row>
    <row r="748765" spans="14:14">
      <c r="N748765" s="10"/>
    </row>
    <row r="748766" spans="14:14">
      <c r="N748766" s="10"/>
    </row>
    <row r="748767" spans="14:14">
      <c r="N748767" s="10"/>
    </row>
    <row r="748768" spans="14:14">
      <c r="N748768" s="10"/>
    </row>
    <row r="748769" spans="14:14">
      <c r="N748769" s="10"/>
    </row>
    <row r="748770" spans="14:14">
      <c r="N748770" s="10"/>
    </row>
    <row r="748771" spans="14:14">
      <c r="N748771" s="10"/>
    </row>
    <row r="748772" spans="14:14">
      <c r="N748772" s="10"/>
    </row>
    <row r="748773" spans="14:14">
      <c r="N748773" s="10"/>
    </row>
    <row r="748774" spans="14:14">
      <c r="N748774" s="10"/>
    </row>
    <row r="748775" spans="14:14">
      <c r="N748775" s="10"/>
    </row>
    <row r="748776" spans="14:14">
      <c r="N748776" s="10"/>
    </row>
    <row r="748777" spans="14:14">
      <c r="N748777" s="10"/>
    </row>
    <row r="748778" spans="14:14">
      <c r="N748778" s="10"/>
    </row>
    <row r="748779" spans="14:14">
      <c r="N748779" s="10"/>
    </row>
    <row r="748780" spans="14:14">
      <c r="N748780" s="10"/>
    </row>
    <row r="748781" spans="14:14">
      <c r="N748781" s="10"/>
    </row>
    <row r="748782" spans="14:14">
      <c r="N748782" s="10"/>
    </row>
    <row r="748783" spans="14:14">
      <c r="N748783" s="10"/>
    </row>
    <row r="748784" spans="14:14">
      <c r="N748784" s="10"/>
    </row>
    <row r="748785" spans="14:14">
      <c r="N748785" s="10"/>
    </row>
    <row r="748786" spans="14:14">
      <c r="N748786" s="10"/>
    </row>
    <row r="748787" spans="14:14">
      <c r="N748787" s="10"/>
    </row>
    <row r="748788" spans="14:14">
      <c r="N748788" s="10"/>
    </row>
    <row r="748789" spans="14:14">
      <c r="N748789" s="10"/>
    </row>
    <row r="748790" spans="14:14">
      <c r="N748790" s="10"/>
    </row>
    <row r="748791" spans="14:14">
      <c r="N748791" s="10"/>
    </row>
    <row r="748792" spans="14:14">
      <c r="N748792" s="10"/>
    </row>
    <row r="748793" spans="14:14">
      <c r="N748793" s="10"/>
    </row>
    <row r="748794" spans="14:14">
      <c r="N748794" s="10"/>
    </row>
    <row r="748795" spans="14:14">
      <c r="N748795" s="10"/>
    </row>
    <row r="748796" spans="14:14">
      <c r="N748796" s="10"/>
    </row>
    <row r="748797" spans="14:14">
      <c r="N748797" s="10"/>
    </row>
    <row r="748798" spans="14:14">
      <c r="N748798" s="10"/>
    </row>
    <row r="748799" spans="14:14">
      <c r="N748799" s="10"/>
    </row>
    <row r="748800" spans="14:14">
      <c r="N748800" s="10"/>
    </row>
    <row r="748801" spans="14:14">
      <c r="N748801" s="10"/>
    </row>
    <row r="748802" spans="14:14">
      <c r="N748802" s="10"/>
    </row>
    <row r="748803" spans="14:14">
      <c r="N748803" s="10"/>
    </row>
    <row r="748804" spans="14:14">
      <c r="N748804" s="10"/>
    </row>
    <row r="748805" spans="14:14">
      <c r="N748805" s="10"/>
    </row>
    <row r="748806" spans="14:14">
      <c r="N748806" s="10"/>
    </row>
    <row r="748807" spans="14:14">
      <c r="N748807" s="10"/>
    </row>
    <row r="748808" spans="14:14">
      <c r="N748808" s="10"/>
    </row>
    <row r="748809" spans="14:14">
      <c r="N748809" s="10"/>
    </row>
    <row r="748810" spans="14:14">
      <c r="N748810" s="10"/>
    </row>
    <row r="748811" spans="14:14">
      <c r="N748811" s="10"/>
    </row>
    <row r="748812" spans="14:14">
      <c r="N748812" s="10"/>
    </row>
    <row r="748813" spans="14:14">
      <c r="N748813" s="10"/>
    </row>
    <row r="748814" spans="14:14">
      <c r="N748814" s="10"/>
    </row>
    <row r="748815" spans="14:14">
      <c r="N748815" s="10"/>
    </row>
    <row r="748816" spans="14:14">
      <c r="N748816" s="10"/>
    </row>
    <row r="748817" spans="14:14">
      <c r="N748817" s="10"/>
    </row>
    <row r="748818" spans="14:14">
      <c r="N748818" s="10"/>
    </row>
    <row r="748819" spans="14:14">
      <c r="N748819" s="10"/>
    </row>
    <row r="748820" spans="14:14">
      <c r="N748820" s="10"/>
    </row>
    <row r="748821" spans="14:14">
      <c r="N748821" s="10"/>
    </row>
    <row r="748822" spans="14:14">
      <c r="N748822" s="10"/>
    </row>
    <row r="748823" spans="14:14">
      <c r="N748823" s="10"/>
    </row>
    <row r="748824" spans="14:14">
      <c r="N748824" s="10"/>
    </row>
    <row r="748825" spans="14:14">
      <c r="N748825" s="10"/>
    </row>
    <row r="748826" spans="14:14">
      <c r="N748826" s="10"/>
    </row>
    <row r="748827" spans="14:14">
      <c r="N748827" s="10"/>
    </row>
    <row r="748828" spans="14:14">
      <c r="N748828" s="10"/>
    </row>
    <row r="748829" spans="14:14">
      <c r="N748829" s="10"/>
    </row>
    <row r="748830" spans="14:14">
      <c r="N748830" s="10"/>
    </row>
    <row r="748831" spans="14:14">
      <c r="N748831" s="10"/>
    </row>
    <row r="748832" spans="14:14">
      <c r="N748832" s="10"/>
    </row>
    <row r="748833" spans="14:14">
      <c r="N748833" s="10"/>
    </row>
    <row r="748834" spans="14:14">
      <c r="N748834" s="10"/>
    </row>
    <row r="748835" spans="14:14">
      <c r="N748835" s="10"/>
    </row>
    <row r="748836" spans="14:14">
      <c r="N748836" s="10"/>
    </row>
    <row r="748837" spans="14:14">
      <c r="N748837" s="10"/>
    </row>
    <row r="748838" spans="14:14">
      <c r="N748838" s="10"/>
    </row>
    <row r="748839" spans="14:14">
      <c r="N748839" s="10"/>
    </row>
    <row r="748840" spans="14:14">
      <c r="N748840" s="10"/>
    </row>
    <row r="748841" spans="14:14">
      <c r="N748841" s="10"/>
    </row>
    <row r="748842" spans="14:14">
      <c r="N748842" s="10"/>
    </row>
    <row r="748843" spans="14:14">
      <c r="N748843" s="10"/>
    </row>
    <row r="748844" spans="14:14">
      <c r="N748844" s="10"/>
    </row>
    <row r="748845" spans="14:14">
      <c r="N748845" s="10"/>
    </row>
    <row r="748846" spans="14:14">
      <c r="N748846" s="10"/>
    </row>
    <row r="748847" spans="14:14">
      <c r="N748847" s="10"/>
    </row>
    <row r="748848" spans="14:14">
      <c r="N748848" s="10"/>
    </row>
    <row r="748849" spans="14:14">
      <c r="N748849" s="10"/>
    </row>
    <row r="748850" spans="14:14">
      <c r="N748850" s="10"/>
    </row>
    <row r="748851" spans="14:14">
      <c r="N748851" s="10"/>
    </row>
    <row r="748852" spans="14:14">
      <c r="N748852" s="10"/>
    </row>
    <row r="748853" spans="14:14">
      <c r="N748853" s="10"/>
    </row>
    <row r="748854" spans="14:14">
      <c r="N748854" s="10"/>
    </row>
    <row r="748855" spans="14:14">
      <c r="N748855" s="10"/>
    </row>
    <row r="748856" spans="14:14">
      <c r="N748856" s="10"/>
    </row>
    <row r="748857" spans="14:14">
      <c r="N748857" s="10"/>
    </row>
    <row r="748858" spans="14:14">
      <c r="N748858" s="10"/>
    </row>
    <row r="748859" spans="14:14">
      <c r="N748859" s="10"/>
    </row>
    <row r="748860" spans="14:14">
      <c r="N748860" s="10"/>
    </row>
    <row r="748861" spans="14:14">
      <c r="N748861" s="10"/>
    </row>
    <row r="748862" spans="14:14">
      <c r="N748862" s="10"/>
    </row>
    <row r="748863" spans="14:14">
      <c r="N748863" s="10"/>
    </row>
    <row r="748864" spans="14:14">
      <c r="N748864" s="10"/>
    </row>
    <row r="748865" spans="14:14">
      <c r="N748865" s="10"/>
    </row>
    <row r="748866" spans="14:14">
      <c r="N748866" s="10"/>
    </row>
    <row r="748867" spans="14:14">
      <c r="N748867" s="10"/>
    </row>
    <row r="748868" spans="14:14">
      <c r="N748868" s="10"/>
    </row>
    <row r="748869" spans="14:14">
      <c r="N748869" s="10"/>
    </row>
    <row r="748870" spans="14:14">
      <c r="N748870" s="10"/>
    </row>
    <row r="748871" spans="14:14">
      <c r="N748871" s="10"/>
    </row>
    <row r="748872" spans="14:14">
      <c r="N748872" s="10"/>
    </row>
    <row r="748873" spans="14:14">
      <c r="N748873" s="10"/>
    </row>
    <row r="748874" spans="14:14">
      <c r="N748874" s="10"/>
    </row>
    <row r="748875" spans="14:14">
      <c r="N748875" s="10"/>
    </row>
    <row r="748876" spans="14:14">
      <c r="N748876" s="10"/>
    </row>
    <row r="748877" spans="14:14">
      <c r="N748877" s="10"/>
    </row>
    <row r="748878" spans="14:14">
      <c r="N748878" s="10"/>
    </row>
    <row r="748879" spans="14:14">
      <c r="N748879" s="10"/>
    </row>
    <row r="748880" spans="14:14">
      <c r="N748880" s="10"/>
    </row>
    <row r="748881" spans="14:14">
      <c r="N748881" s="10"/>
    </row>
    <row r="748882" spans="14:14">
      <c r="N748882" s="10"/>
    </row>
    <row r="748883" spans="14:14">
      <c r="N748883" s="10"/>
    </row>
    <row r="748884" spans="14:14">
      <c r="N748884" s="10"/>
    </row>
    <row r="748885" spans="14:14">
      <c r="N748885" s="10"/>
    </row>
    <row r="748886" spans="14:14">
      <c r="N748886" s="10"/>
    </row>
    <row r="748887" spans="14:14">
      <c r="N748887" s="10"/>
    </row>
    <row r="748888" spans="14:14">
      <c r="N748888" s="10"/>
    </row>
    <row r="748889" spans="14:14">
      <c r="N748889" s="10"/>
    </row>
    <row r="748890" spans="14:14">
      <c r="N748890" s="10"/>
    </row>
    <row r="748891" spans="14:14">
      <c r="N748891" s="10"/>
    </row>
    <row r="748892" spans="14:14">
      <c r="N748892" s="10"/>
    </row>
    <row r="748893" spans="14:14">
      <c r="N748893" s="10"/>
    </row>
    <row r="748894" spans="14:14">
      <c r="N748894" s="10"/>
    </row>
    <row r="748895" spans="14:14">
      <c r="N748895" s="10"/>
    </row>
    <row r="748896" spans="14:14">
      <c r="N748896" s="10"/>
    </row>
    <row r="748897" spans="14:14">
      <c r="N748897" s="10"/>
    </row>
    <row r="748898" spans="14:14">
      <c r="N748898" s="10"/>
    </row>
    <row r="748899" spans="14:14">
      <c r="N748899" s="10"/>
    </row>
    <row r="748900" spans="14:14">
      <c r="N748900" s="10"/>
    </row>
    <row r="748901" spans="14:14">
      <c r="N748901" s="10"/>
    </row>
    <row r="748902" spans="14:14">
      <c r="N748902" s="10"/>
    </row>
    <row r="748903" spans="14:14">
      <c r="N748903" s="10"/>
    </row>
    <row r="748904" spans="14:14">
      <c r="N748904" s="10"/>
    </row>
    <row r="748905" spans="14:14">
      <c r="N748905" s="10"/>
    </row>
    <row r="748906" spans="14:14">
      <c r="N748906" s="10"/>
    </row>
    <row r="748907" spans="14:14">
      <c r="N748907" s="10"/>
    </row>
    <row r="748908" spans="14:14">
      <c r="N748908" s="10"/>
    </row>
    <row r="748909" spans="14:14">
      <c r="N748909" s="10"/>
    </row>
    <row r="748910" spans="14:14">
      <c r="N748910" s="10"/>
    </row>
    <row r="748911" spans="14:14">
      <c r="N748911" s="10"/>
    </row>
    <row r="748912" spans="14:14">
      <c r="N748912" s="10"/>
    </row>
    <row r="748913" spans="14:14">
      <c r="N748913" s="10"/>
    </row>
    <row r="748914" spans="14:14">
      <c r="N748914" s="10"/>
    </row>
    <row r="748915" spans="14:14">
      <c r="N748915" s="10"/>
    </row>
    <row r="748916" spans="14:14">
      <c r="N748916" s="10"/>
    </row>
    <row r="748917" spans="14:14">
      <c r="N748917" s="10"/>
    </row>
    <row r="748918" spans="14:14">
      <c r="N748918" s="10"/>
    </row>
    <row r="748919" spans="14:14">
      <c r="N748919" s="10"/>
    </row>
    <row r="748920" spans="14:14">
      <c r="N748920" s="10"/>
    </row>
    <row r="748921" spans="14:14">
      <c r="N748921" s="10"/>
    </row>
    <row r="748922" spans="14:14">
      <c r="N748922" s="10"/>
    </row>
    <row r="748923" spans="14:14">
      <c r="N748923" s="10"/>
    </row>
    <row r="748924" spans="14:14">
      <c r="N748924" s="10"/>
    </row>
    <row r="748925" spans="14:14">
      <c r="N748925" s="10"/>
    </row>
    <row r="748926" spans="14:14">
      <c r="N748926" s="10"/>
    </row>
    <row r="748927" spans="14:14">
      <c r="N748927" s="10"/>
    </row>
    <row r="748928" spans="14:14">
      <c r="N748928" s="10"/>
    </row>
    <row r="748929" spans="14:14">
      <c r="N748929" s="10"/>
    </row>
    <row r="748930" spans="14:14">
      <c r="N748930" s="10"/>
    </row>
    <row r="748931" spans="14:14">
      <c r="N748931" s="10"/>
    </row>
    <row r="748932" spans="14:14">
      <c r="N748932" s="10"/>
    </row>
    <row r="748933" spans="14:14">
      <c r="N748933" s="10"/>
    </row>
    <row r="748934" spans="14:14">
      <c r="N748934" s="10"/>
    </row>
    <row r="748935" spans="14:14">
      <c r="N748935" s="10"/>
    </row>
    <row r="748936" spans="14:14">
      <c r="N748936" s="10"/>
    </row>
    <row r="748937" spans="14:14">
      <c r="N748937" s="10"/>
    </row>
    <row r="748938" spans="14:14">
      <c r="N748938" s="10"/>
    </row>
    <row r="748939" spans="14:14">
      <c r="N748939" s="10"/>
    </row>
    <row r="748940" spans="14:14">
      <c r="N748940" s="10"/>
    </row>
    <row r="748941" spans="14:14">
      <c r="N748941" s="10"/>
    </row>
    <row r="748942" spans="14:14">
      <c r="N748942" s="10"/>
    </row>
    <row r="748943" spans="14:14">
      <c r="N748943" s="10"/>
    </row>
    <row r="748944" spans="14:14">
      <c r="N748944" s="10"/>
    </row>
    <row r="748945" spans="14:14">
      <c r="N748945" s="10"/>
    </row>
    <row r="748946" spans="14:14">
      <c r="N748946" s="10"/>
    </row>
    <row r="748947" spans="14:14">
      <c r="N748947" s="10"/>
    </row>
    <row r="748948" spans="14:14">
      <c r="N748948" s="10"/>
    </row>
    <row r="748949" spans="14:14">
      <c r="N748949" s="10"/>
    </row>
    <row r="748950" spans="14:14">
      <c r="N748950" s="10"/>
    </row>
    <row r="748951" spans="14:14">
      <c r="N748951" s="10"/>
    </row>
    <row r="748952" spans="14:14">
      <c r="N748952" s="10"/>
    </row>
    <row r="748953" spans="14:14">
      <c r="N748953" s="10"/>
    </row>
    <row r="748954" spans="14:14">
      <c r="N748954" s="10"/>
    </row>
    <row r="748955" spans="14:14">
      <c r="N748955" s="10"/>
    </row>
    <row r="748956" spans="14:14">
      <c r="N748956" s="10"/>
    </row>
    <row r="748957" spans="14:14">
      <c r="N748957" s="10"/>
    </row>
    <row r="748958" spans="14:14">
      <c r="N748958" s="10"/>
    </row>
    <row r="748959" spans="14:14">
      <c r="N748959" s="10"/>
    </row>
    <row r="748960" spans="14:14">
      <c r="N748960" s="10"/>
    </row>
    <row r="748961" spans="14:14">
      <c r="N748961" s="10"/>
    </row>
    <row r="748962" spans="14:14">
      <c r="N748962" s="10"/>
    </row>
    <row r="748963" spans="14:14">
      <c r="N748963" s="10"/>
    </row>
    <row r="748964" spans="14:14">
      <c r="N748964" s="10"/>
    </row>
    <row r="748965" spans="14:14">
      <c r="N748965" s="10"/>
    </row>
    <row r="748966" spans="14:14">
      <c r="N748966" s="10"/>
    </row>
    <row r="748967" spans="14:14">
      <c r="N748967" s="10"/>
    </row>
    <row r="748968" spans="14:14">
      <c r="N748968" s="10"/>
    </row>
    <row r="748969" spans="14:14">
      <c r="N748969" s="10"/>
    </row>
    <row r="748970" spans="14:14">
      <c r="N748970" s="10"/>
    </row>
    <row r="748971" spans="14:14">
      <c r="N748971" s="10"/>
    </row>
    <row r="748972" spans="14:14">
      <c r="N748972" s="10"/>
    </row>
    <row r="748973" spans="14:14">
      <c r="N748973" s="10"/>
    </row>
    <row r="748974" spans="14:14">
      <c r="N748974" s="10"/>
    </row>
    <row r="748975" spans="14:14">
      <c r="N748975" s="10"/>
    </row>
    <row r="748976" spans="14:14">
      <c r="N748976" s="10"/>
    </row>
    <row r="748977" spans="14:14">
      <c r="N748977" s="10"/>
    </row>
    <row r="748978" spans="14:14">
      <c r="N748978" s="10"/>
    </row>
    <row r="748979" spans="14:14">
      <c r="N748979" s="10"/>
    </row>
    <row r="748980" spans="14:14">
      <c r="N748980" s="10"/>
    </row>
    <row r="748981" spans="14:14">
      <c r="N748981" s="10"/>
    </row>
    <row r="748982" spans="14:14">
      <c r="N748982" s="10"/>
    </row>
    <row r="748983" spans="14:14">
      <c r="N748983" s="10"/>
    </row>
    <row r="748984" spans="14:14">
      <c r="N748984" s="10"/>
    </row>
    <row r="748985" spans="14:14">
      <c r="N748985" s="10"/>
    </row>
    <row r="748986" spans="14:14">
      <c r="N748986" s="10"/>
    </row>
    <row r="748987" spans="14:14">
      <c r="N748987" s="10"/>
    </row>
    <row r="748988" spans="14:14">
      <c r="N748988" s="10"/>
    </row>
    <row r="748989" spans="14:14">
      <c r="N748989" s="10"/>
    </row>
    <row r="748990" spans="14:14">
      <c r="N748990" s="10"/>
    </row>
    <row r="748991" spans="14:14">
      <c r="N748991" s="10"/>
    </row>
    <row r="748992" spans="14:14">
      <c r="N748992" s="10"/>
    </row>
    <row r="748993" spans="14:14">
      <c r="N748993" s="10"/>
    </row>
    <row r="748994" spans="14:14">
      <c r="N748994" s="10"/>
    </row>
    <row r="748995" spans="14:14">
      <c r="N748995" s="10"/>
    </row>
    <row r="748996" spans="14:14">
      <c r="N748996" s="10"/>
    </row>
    <row r="748997" spans="14:14">
      <c r="N748997" s="10"/>
    </row>
    <row r="748998" spans="14:14">
      <c r="N748998" s="10"/>
    </row>
    <row r="748999" spans="14:14">
      <c r="N748999" s="10"/>
    </row>
    <row r="749000" spans="14:14">
      <c r="N749000" s="10"/>
    </row>
    <row r="749001" spans="14:14">
      <c r="N749001" s="10"/>
    </row>
    <row r="749002" spans="14:14">
      <c r="N749002" s="10"/>
    </row>
    <row r="749003" spans="14:14">
      <c r="N749003" s="10"/>
    </row>
    <row r="749004" spans="14:14">
      <c r="N749004" s="10"/>
    </row>
    <row r="749005" spans="14:14">
      <c r="N749005" s="10"/>
    </row>
    <row r="749006" spans="14:14">
      <c r="N749006" s="10"/>
    </row>
    <row r="749007" spans="14:14">
      <c r="N749007" s="10"/>
    </row>
    <row r="749008" spans="14:14">
      <c r="N749008" s="10"/>
    </row>
    <row r="749009" spans="14:14">
      <c r="N749009" s="10"/>
    </row>
    <row r="749010" spans="14:14">
      <c r="N749010" s="10"/>
    </row>
    <row r="749011" spans="14:14">
      <c r="N749011" s="10"/>
    </row>
    <row r="749012" spans="14:14">
      <c r="N749012" s="10"/>
    </row>
    <row r="749013" spans="14:14">
      <c r="N749013" s="10"/>
    </row>
    <row r="749014" spans="14:14">
      <c r="N749014" s="10"/>
    </row>
    <row r="749015" spans="14:14">
      <c r="N749015" s="10"/>
    </row>
    <row r="749016" spans="14:14">
      <c r="N749016" s="10"/>
    </row>
    <row r="749017" spans="14:14">
      <c r="N749017" s="10"/>
    </row>
    <row r="749018" spans="14:14">
      <c r="N749018" s="10"/>
    </row>
    <row r="749019" spans="14:14">
      <c r="N749019" s="10"/>
    </row>
    <row r="749020" spans="14:14">
      <c r="N749020" s="10"/>
    </row>
    <row r="749021" spans="14:14">
      <c r="N749021" s="10"/>
    </row>
    <row r="749022" spans="14:14">
      <c r="N749022" s="10"/>
    </row>
    <row r="749023" spans="14:14">
      <c r="N749023" s="10"/>
    </row>
    <row r="749024" spans="14:14">
      <c r="N749024" s="10"/>
    </row>
    <row r="749025" spans="14:14">
      <c r="N749025" s="10"/>
    </row>
    <row r="749026" spans="14:14">
      <c r="N749026" s="10"/>
    </row>
    <row r="749027" spans="14:14">
      <c r="N749027" s="10"/>
    </row>
    <row r="749028" spans="14:14">
      <c r="N749028" s="10"/>
    </row>
    <row r="749029" spans="14:14">
      <c r="N749029" s="10"/>
    </row>
    <row r="749030" spans="14:14">
      <c r="N749030" s="10"/>
    </row>
    <row r="749031" spans="14:14">
      <c r="N749031" s="10"/>
    </row>
    <row r="749032" spans="14:14">
      <c r="N749032" s="10"/>
    </row>
    <row r="749033" spans="14:14">
      <c r="N749033" s="10"/>
    </row>
    <row r="749034" spans="14:14">
      <c r="N749034" s="10"/>
    </row>
    <row r="749035" spans="14:14">
      <c r="N749035" s="10"/>
    </row>
    <row r="749036" spans="14:14">
      <c r="N749036" s="10"/>
    </row>
    <row r="749037" spans="14:14">
      <c r="N749037" s="10"/>
    </row>
    <row r="749038" spans="14:14">
      <c r="N749038" s="10"/>
    </row>
    <row r="749039" spans="14:14">
      <c r="N749039" s="10"/>
    </row>
    <row r="749040" spans="14:14">
      <c r="N749040" s="10"/>
    </row>
    <row r="749041" spans="14:14">
      <c r="N749041" s="10"/>
    </row>
    <row r="749042" spans="14:14">
      <c r="N749042" s="10"/>
    </row>
    <row r="749043" spans="14:14">
      <c r="N749043" s="10"/>
    </row>
    <row r="749044" spans="14:14">
      <c r="N749044" s="10"/>
    </row>
    <row r="749045" spans="14:14">
      <c r="N749045" s="10"/>
    </row>
    <row r="749046" spans="14:14">
      <c r="N749046" s="10"/>
    </row>
    <row r="749047" spans="14:14">
      <c r="N749047" s="10"/>
    </row>
    <row r="749048" spans="14:14">
      <c r="N749048" s="10"/>
    </row>
    <row r="749049" spans="14:14">
      <c r="N749049" s="10"/>
    </row>
    <row r="749050" spans="14:14">
      <c r="N749050" s="10"/>
    </row>
    <row r="749051" spans="14:14">
      <c r="N749051" s="10"/>
    </row>
    <row r="749052" spans="14:14">
      <c r="N749052" s="10"/>
    </row>
    <row r="749053" spans="14:14">
      <c r="N749053" s="10"/>
    </row>
    <row r="749054" spans="14:14">
      <c r="N749054" s="10"/>
    </row>
    <row r="749055" spans="14:14">
      <c r="N749055" s="10"/>
    </row>
    <row r="749056" spans="14:14">
      <c r="N749056" s="10"/>
    </row>
    <row r="749057" spans="14:14">
      <c r="N749057" s="10"/>
    </row>
    <row r="749058" spans="14:14">
      <c r="N749058" s="10"/>
    </row>
    <row r="749059" spans="14:14">
      <c r="N749059" s="10"/>
    </row>
    <row r="749060" spans="14:14">
      <c r="N749060" s="10"/>
    </row>
    <row r="749061" spans="14:14">
      <c r="N749061" s="10"/>
    </row>
    <row r="749062" spans="14:14">
      <c r="N749062" s="10"/>
    </row>
    <row r="749063" spans="14:14">
      <c r="N749063" s="10"/>
    </row>
    <row r="749064" spans="14:14">
      <c r="N749064" s="10"/>
    </row>
    <row r="749065" spans="14:14">
      <c r="N749065" s="10"/>
    </row>
    <row r="749066" spans="14:14">
      <c r="N749066" s="10"/>
    </row>
    <row r="749067" spans="14:14">
      <c r="N749067" s="10"/>
    </row>
    <row r="749068" spans="14:14">
      <c r="N749068" s="10"/>
    </row>
    <row r="749069" spans="14:14">
      <c r="N749069" s="10"/>
    </row>
    <row r="749070" spans="14:14">
      <c r="N749070" s="10"/>
    </row>
    <row r="749071" spans="14:14">
      <c r="N749071" s="10"/>
    </row>
    <row r="749072" spans="14:14">
      <c r="N749072" s="10"/>
    </row>
    <row r="749073" spans="14:14">
      <c r="N749073" s="10"/>
    </row>
    <row r="749074" spans="14:14">
      <c r="N749074" s="10"/>
    </row>
    <row r="749075" spans="14:14">
      <c r="N749075" s="10"/>
    </row>
    <row r="749076" spans="14:14">
      <c r="N749076" s="10"/>
    </row>
    <row r="749077" spans="14:14">
      <c r="N749077" s="10"/>
    </row>
    <row r="749078" spans="14:14">
      <c r="N749078" s="10"/>
    </row>
    <row r="749079" spans="14:14">
      <c r="N749079" s="10"/>
    </row>
    <row r="749080" spans="14:14">
      <c r="N749080" s="10"/>
    </row>
    <row r="749081" spans="14:14">
      <c r="N749081" s="10"/>
    </row>
    <row r="749082" spans="14:14">
      <c r="N749082" s="10"/>
    </row>
    <row r="749083" spans="14:14">
      <c r="N749083" s="10"/>
    </row>
    <row r="749084" spans="14:14">
      <c r="N749084" s="10"/>
    </row>
    <row r="749085" spans="14:14">
      <c r="N749085" s="10"/>
    </row>
    <row r="749086" spans="14:14">
      <c r="N749086" s="10"/>
    </row>
    <row r="749087" spans="14:14">
      <c r="N749087" s="10"/>
    </row>
    <row r="749088" spans="14:14">
      <c r="N749088" s="10"/>
    </row>
    <row r="749089" spans="14:14">
      <c r="N749089" s="10"/>
    </row>
    <row r="749090" spans="14:14">
      <c r="N749090" s="10"/>
    </row>
    <row r="749091" spans="14:14">
      <c r="N749091" s="10"/>
    </row>
    <row r="749092" spans="14:14">
      <c r="N749092" s="10"/>
    </row>
    <row r="749093" spans="14:14">
      <c r="N749093" s="10"/>
    </row>
    <row r="749094" spans="14:14">
      <c r="N749094" s="10"/>
    </row>
    <row r="749095" spans="14:14">
      <c r="N749095" s="10"/>
    </row>
    <row r="749096" spans="14:14">
      <c r="N749096" s="10"/>
    </row>
    <row r="749097" spans="14:14">
      <c r="N749097" s="10"/>
    </row>
    <row r="749098" spans="14:14">
      <c r="N749098" s="10"/>
    </row>
    <row r="749099" spans="14:14">
      <c r="N749099" s="10"/>
    </row>
    <row r="749100" spans="14:14">
      <c r="N749100" s="10"/>
    </row>
    <row r="749101" spans="14:14">
      <c r="N749101" s="10"/>
    </row>
    <row r="749102" spans="14:14">
      <c r="N749102" s="10"/>
    </row>
    <row r="749103" spans="14:14">
      <c r="N749103" s="10"/>
    </row>
    <row r="749104" spans="14:14">
      <c r="N749104" s="10"/>
    </row>
    <row r="749105" spans="14:14">
      <c r="N749105" s="10"/>
    </row>
    <row r="749106" spans="14:14">
      <c r="N749106" s="10"/>
    </row>
    <row r="749107" spans="14:14">
      <c r="N749107" s="10"/>
    </row>
    <row r="749108" spans="14:14">
      <c r="N749108" s="10"/>
    </row>
    <row r="749109" spans="14:14">
      <c r="N749109" s="10"/>
    </row>
    <row r="749110" spans="14:14">
      <c r="N749110" s="10"/>
    </row>
    <row r="749111" spans="14:14">
      <c r="N749111" s="10"/>
    </row>
    <row r="749112" spans="14:14">
      <c r="N749112" s="10"/>
    </row>
    <row r="749113" spans="14:14">
      <c r="N749113" s="10"/>
    </row>
    <row r="749114" spans="14:14">
      <c r="N749114" s="10"/>
    </row>
    <row r="749115" spans="14:14">
      <c r="N749115" s="10"/>
    </row>
    <row r="749116" spans="14:14">
      <c r="N749116" s="10"/>
    </row>
    <row r="749117" spans="14:14">
      <c r="N749117" s="10"/>
    </row>
    <row r="749118" spans="14:14">
      <c r="N749118" s="10"/>
    </row>
    <row r="749119" spans="14:14">
      <c r="N749119" s="10"/>
    </row>
    <row r="749120" spans="14:14">
      <c r="N749120" s="10"/>
    </row>
    <row r="749121" spans="14:14">
      <c r="N749121" s="10"/>
    </row>
    <row r="749122" spans="14:14">
      <c r="N749122" s="10"/>
    </row>
    <row r="749123" spans="14:14">
      <c r="N749123" s="10"/>
    </row>
    <row r="749124" spans="14:14">
      <c r="N749124" s="10"/>
    </row>
    <row r="749125" spans="14:14">
      <c r="N749125" s="10"/>
    </row>
    <row r="749126" spans="14:14">
      <c r="N749126" s="10"/>
    </row>
    <row r="749127" spans="14:14">
      <c r="N749127" s="10"/>
    </row>
    <row r="749128" spans="14:14">
      <c r="N749128" s="10"/>
    </row>
    <row r="749129" spans="14:14">
      <c r="N749129" s="10"/>
    </row>
    <row r="749130" spans="14:14">
      <c r="N749130" s="10"/>
    </row>
    <row r="749131" spans="14:14">
      <c r="N749131" s="10"/>
    </row>
    <row r="749132" spans="14:14">
      <c r="N749132" s="10"/>
    </row>
    <row r="749133" spans="14:14">
      <c r="N749133" s="10"/>
    </row>
    <row r="749134" spans="14:14">
      <c r="N749134" s="10"/>
    </row>
    <row r="749135" spans="14:14">
      <c r="N749135" s="10"/>
    </row>
    <row r="749136" spans="14:14">
      <c r="N749136" s="10"/>
    </row>
    <row r="749137" spans="14:14">
      <c r="N749137" s="10"/>
    </row>
    <row r="749138" spans="14:14">
      <c r="N749138" s="10"/>
    </row>
    <row r="749139" spans="14:14">
      <c r="N749139" s="10"/>
    </row>
    <row r="749140" spans="14:14">
      <c r="N749140" s="10"/>
    </row>
    <row r="749141" spans="14:14">
      <c r="N749141" s="10"/>
    </row>
    <row r="749142" spans="14:14">
      <c r="N749142" s="10"/>
    </row>
    <row r="749143" spans="14:14">
      <c r="N749143" s="10"/>
    </row>
    <row r="749144" spans="14:14">
      <c r="N749144" s="10"/>
    </row>
    <row r="749145" spans="14:14">
      <c r="N749145" s="10"/>
    </row>
    <row r="749146" spans="14:14">
      <c r="N749146" s="10"/>
    </row>
    <row r="749147" spans="14:14">
      <c r="N749147" s="10"/>
    </row>
    <row r="749148" spans="14:14">
      <c r="N749148" s="10"/>
    </row>
    <row r="749149" spans="14:14">
      <c r="N749149" s="10"/>
    </row>
    <row r="749150" spans="14:14">
      <c r="N749150" s="10"/>
    </row>
    <row r="749151" spans="14:14">
      <c r="N749151" s="10"/>
    </row>
    <row r="749152" spans="14:14">
      <c r="N749152" s="10"/>
    </row>
    <row r="749153" spans="14:14">
      <c r="N749153" s="10"/>
    </row>
    <row r="749154" spans="14:14">
      <c r="N749154" s="10"/>
    </row>
    <row r="749155" spans="14:14">
      <c r="N749155" s="10"/>
    </row>
    <row r="749156" spans="14:14">
      <c r="N749156" s="10"/>
    </row>
    <row r="749157" spans="14:14">
      <c r="N749157" s="10"/>
    </row>
    <row r="749158" spans="14:14">
      <c r="N749158" s="10"/>
    </row>
    <row r="749159" spans="14:14">
      <c r="N749159" s="10"/>
    </row>
    <row r="749160" spans="14:14">
      <c r="N749160" s="10"/>
    </row>
    <row r="749161" spans="14:14">
      <c r="N749161" s="10"/>
    </row>
    <row r="749162" spans="14:14">
      <c r="N749162" s="10"/>
    </row>
    <row r="749163" spans="14:14">
      <c r="N749163" s="10"/>
    </row>
    <row r="749164" spans="14:14">
      <c r="N749164" s="10"/>
    </row>
    <row r="749165" spans="14:14">
      <c r="N749165" s="10"/>
    </row>
    <row r="749166" spans="14:14">
      <c r="N749166" s="10"/>
    </row>
    <row r="749167" spans="14:14">
      <c r="N749167" s="10"/>
    </row>
    <row r="749168" spans="14:14">
      <c r="N749168" s="10"/>
    </row>
    <row r="749169" spans="14:14">
      <c r="N749169" s="10"/>
    </row>
    <row r="749170" spans="14:14">
      <c r="N749170" s="10"/>
    </row>
    <row r="749171" spans="14:14">
      <c r="N749171" s="10"/>
    </row>
    <row r="749172" spans="14:14">
      <c r="N749172" s="10"/>
    </row>
    <row r="749173" spans="14:14">
      <c r="N749173" s="10"/>
    </row>
    <row r="749174" spans="14:14">
      <c r="N749174" s="10"/>
    </row>
    <row r="749175" spans="14:14">
      <c r="N749175" s="10"/>
    </row>
    <row r="749176" spans="14:14">
      <c r="N749176" s="10"/>
    </row>
    <row r="749177" spans="14:14">
      <c r="N749177" s="10"/>
    </row>
    <row r="749178" spans="14:14">
      <c r="N749178" s="10"/>
    </row>
    <row r="749179" spans="14:14">
      <c r="N749179" s="10"/>
    </row>
    <row r="749180" spans="14:14">
      <c r="N749180" s="10"/>
    </row>
    <row r="749181" spans="14:14">
      <c r="N749181" s="10"/>
    </row>
    <row r="749182" spans="14:14">
      <c r="N749182" s="10"/>
    </row>
    <row r="749183" spans="14:14">
      <c r="N749183" s="10"/>
    </row>
    <row r="749184" spans="14:14">
      <c r="N749184" s="10"/>
    </row>
    <row r="749185" spans="14:14">
      <c r="N749185" s="10"/>
    </row>
    <row r="749186" spans="14:14">
      <c r="N749186" s="10"/>
    </row>
    <row r="749187" spans="14:14">
      <c r="N749187" s="10"/>
    </row>
    <row r="749188" spans="14:14">
      <c r="N749188" s="10"/>
    </row>
    <row r="749189" spans="14:14">
      <c r="N749189" s="10"/>
    </row>
    <row r="749190" spans="14:14">
      <c r="N749190" s="10"/>
    </row>
    <row r="749191" spans="14:14">
      <c r="N749191" s="10"/>
    </row>
    <row r="749192" spans="14:14">
      <c r="N749192" s="10"/>
    </row>
    <row r="749193" spans="14:14">
      <c r="N749193" s="10"/>
    </row>
    <row r="749194" spans="14:14">
      <c r="N749194" s="10"/>
    </row>
    <row r="749195" spans="14:14">
      <c r="N749195" s="10"/>
    </row>
    <row r="749196" spans="14:14">
      <c r="N749196" s="10"/>
    </row>
    <row r="749197" spans="14:14">
      <c r="N749197" s="10"/>
    </row>
    <row r="749198" spans="14:14">
      <c r="N749198" s="10"/>
    </row>
    <row r="749199" spans="14:14">
      <c r="N749199" s="10"/>
    </row>
    <row r="749200" spans="14:14">
      <c r="N749200" s="10"/>
    </row>
    <row r="749201" spans="14:14">
      <c r="N749201" s="10"/>
    </row>
    <row r="749202" spans="14:14">
      <c r="N749202" s="10"/>
    </row>
    <row r="749203" spans="14:14">
      <c r="N749203" s="10"/>
    </row>
    <row r="749204" spans="14:14">
      <c r="N749204" s="10"/>
    </row>
    <row r="749205" spans="14:14">
      <c r="N749205" s="10"/>
    </row>
    <row r="749206" spans="14:14">
      <c r="N749206" s="10"/>
    </row>
    <row r="749207" spans="14:14">
      <c r="N749207" s="10"/>
    </row>
    <row r="749208" spans="14:14">
      <c r="N749208" s="10"/>
    </row>
    <row r="749209" spans="14:14">
      <c r="N749209" s="10"/>
    </row>
    <row r="749210" spans="14:14">
      <c r="N749210" s="10"/>
    </row>
    <row r="749211" spans="14:14">
      <c r="N749211" s="10"/>
    </row>
    <row r="749212" spans="14:14">
      <c r="N749212" s="10"/>
    </row>
    <row r="749213" spans="14:14">
      <c r="N749213" s="10"/>
    </row>
    <row r="749214" spans="14:14">
      <c r="N749214" s="10"/>
    </row>
    <row r="749215" spans="14:14">
      <c r="N749215" s="10"/>
    </row>
    <row r="749216" spans="14:14">
      <c r="N749216" s="10"/>
    </row>
    <row r="749217" spans="14:14">
      <c r="N749217" s="10"/>
    </row>
    <row r="749218" spans="14:14">
      <c r="N749218" s="10"/>
    </row>
    <row r="749219" spans="14:14">
      <c r="N749219" s="10"/>
    </row>
    <row r="749220" spans="14:14">
      <c r="N749220" s="10"/>
    </row>
    <row r="749221" spans="14:14">
      <c r="N749221" s="10"/>
    </row>
    <row r="749222" spans="14:14">
      <c r="N749222" s="10"/>
    </row>
    <row r="749223" spans="14:14">
      <c r="N749223" s="10"/>
    </row>
    <row r="749224" spans="14:14">
      <c r="N749224" s="10"/>
    </row>
    <row r="749225" spans="14:14">
      <c r="N749225" s="10"/>
    </row>
    <row r="749226" spans="14:14">
      <c r="N749226" s="10"/>
    </row>
    <row r="749227" spans="14:14">
      <c r="N749227" s="10"/>
    </row>
    <row r="749228" spans="14:14">
      <c r="N749228" s="10"/>
    </row>
    <row r="749229" spans="14:14">
      <c r="N749229" s="10"/>
    </row>
    <row r="749230" spans="14:14">
      <c r="N749230" s="10"/>
    </row>
    <row r="749231" spans="14:14">
      <c r="N749231" s="10"/>
    </row>
    <row r="749232" spans="14:14">
      <c r="N749232" s="10"/>
    </row>
    <row r="749233" spans="14:14">
      <c r="N749233" s="10"/>
    </row>
    <row r="749234" spans="14:14">
      <c r="N749234" s="10"/>
    </row>
    <row r="749235" spans="14:14">
      <c r="N749235" s="10"/>
    </row>
    <row r="749236" spans="14:14">
      <c r="N749236" s="10"/>
    </row>
    <row r="749237" spans="14:14">
      <c r="N749237" s="10"/>
    </row>
    <row r="749238" spans="14:14">
      <c r="N749238" s="10"/>
    </row>
    <row r="749239" spans="14:14">
      <c r="N749239" s="10"/>
    </row>
    <row r="749240" spans="14:14">
      <c r="N749240" s="10"/>
    </row>
    <row r="749241" spans="14:14">
      <c r="N749241" s="10"/>
    </row>
    <row r="749242" spans="14:14">
      <c r="N749242" s="10"/>
    </row>
    <row r="749243" spans="14:14">
      <c r="N749243" s="10"/>
    </row>
    <row r="749244" spans="14:14">
      <c r="N749244" s="10"/>
    </row>
    <row r="749245" spans="14:14">
      <c r="N749245" s="10"/>
    </row>
    <row r="749246" spans="14:14">
      <c r="N749246" s="10"/>
    </row>
    <row r="749247" spans="14:14">
      <c r="N749247" s="10"/>
    </row>
    <row r="749248" spans="14:14">
      <c r="N749248" s="10"/>
    </row>
    <row r="749249" spans="14:14">
      <c r="N749249" s="10"/>
    </row>
    <row r="749250" spans="14:14">
      <c r="N749250" s="10"/>
    </row>
    <row r="749251" spans="14:14">
      <c r="N749251" s="10"/>
    </row>
    <row r="749252" spans="14:14">
      <c r="N749252" s="10"/>
    </row>
    <row r="749253" spans="14:14">
      <c r="N749253" s="10"/>
    </row>
    <row r="749254" spans="14:14">
      <c r="N749254" s="10"/>
    </row>
    <row r="749255" spans="14:14">
      <c r="N749255" s="10"/>
    </row>
    <row r="749256" spans="14:14">
      <c r="N749256" s="10"/>
    </row>
    <row r="749257" spans="14:14">
      <c r="N749257" s="10"/>
    </row>
    <row r="749258" spans="14:14">
      <c r="N749258" s="10"/>
    </row>
    <row r="749259" spans="14:14">
      <c r="N749259" s="10"/>
    </row>
    <row r="749260" spans="14:14">
      <c r="N749260" s="10"/>
    </row>
    <row r="749261" spans="14:14">
      <c r="N749261" s="10"/>
    </row>
    <row r="749262" spans="14:14">
      <c r="N749262" s="10"/>
    </row>
    <row r="749263" spans="14:14">
      <c r="N749263" s="10"/>
    </row>
    <row r="749264" spans="14:14">
      <c r="N749264" s="10"/>
    </row>
    <row r="749265" spans="14:14">
      <c r="N749265" s="10"/>
    </row>
    <row r="749266" spans="14:14">
      <c r="N749266" s="10"/>
    </row>
    <row r="749267" spans="14:14">
      <c r="N749267" s="10"/>
    </row>
    <row r="749268" spans="14:14">
      <c r="N749268" s="10"/>
    </row>
    <row r="749269" spans="14:14">
      <c r="N749269" s="10"/>
    </row>
    <row r="749270" spans="14:14">
      <c r="N749270" s="10"/>
    </row>
    <row r="749271" spans="14:14">
      <c r="N749271" s="10"/>
    </row>
    <row r="749272" spans="14:14">
      <c r="N749272" s="10"/>
    </row>
    <row r="749273" spans="14:14">
      <c r="N749273" s="10"/>
    </row>
    <row r="749274" spans="14:14">
      <c r="N749274" s="10"/>
    </row>
    <row r="749275" spans="14:14">
      <c r="N749275" s="10"/>
    </row>
    <row r="749276" spans="14:14">
      <c r="N749276" s="10"/>
    </row>
    <row r="749277" spans="14:14">
      <c r="N749277" s="10"/>
    </row>
    <row r="749278" spans="14:14">
      <c r="N749278" s="10"/>
    </row>
    <row r="749279" spans="14:14">
      <c r="N749279" s="10"/>
    </row>
    <row r="749280" spans="14:14">
      <c r="N749280" s="10"/>
    </row>
    <row r="749281" spans="14:14">
      <c r="N749281" s="10"/>
    </row>
    <row r="749282" spans="14:14">
      <c r="N749282" s="10"/>
    </row>
    <row r="749283" spans="14:14">
      <c r="N749283" s="10"/>
    </row>
    <row r="749284" spans="14:14">
      <c r="N749284" s="10"/>
    </row>
    <row r="749285" spans="14:14">
      <c r="N749285" s="10"/>
    </row>
    <row r="749286" spans="14:14">
      <c r="N749286" s="10"/>
    </row>
    <row r="749287" spans="14:14">
      <c r="N749287" s="10"/>
    </row>
    <row r="749288" spans="14:14">
      <c r="N749288" s="10"/>
    </row>
    <row r="749289" spans="14:14">
      <c r="N749289" s="10"/>
    </row>
    <row r="749290" spans="14:14">
      <c r="N749290" s="10"/>
    </row>
    <row r="749291" spans="14:14">
      <c r="N749291" s="10"/>
    </row>
    <row r="749292" spans="14:14">
      <c r="N749292" s="10"/>
    </row>
    <row r="749293" spans="14:14">
      <c r="N749293" s="10"/>
    </row>
    <row r="749294" spans="14:14">
      <c r="N749294" s="10"/>
    </row>
    <row r="749295" spans="14:14">
      <c r="N749295" s="10"/>
    </row>
    <row r="749296" spans="14:14">
      <c r="N749296" s="10"/>
    </row>
    <row r="749297" spans="14:14">
      <c r="N749297" s="10"/>
    </row>
    <row r="749298" spans="14:14">
      <c r="N749298" s="10"/>
    </row>
    <row r="749299" spans="14:14">
      <c r="N749299" s="10"/>
    </row>
    <row r="749300" spans="14:14">
      <c r="N749300" s="10"/>
    </row>
    <row r="749301" spans="14:14">
      <c r="N749301" s="10"/>
    </row>
    <row r="749302" spans="14:14">
      <c r="N749302" s="10"/>
    </row>
    <row r="749303" spans="14:14">
      <c r="N749303" s="10"/>
    </row>
    <row r="749304" spans="14:14">
      <c r="N749304" s="10"/>
    </row>
    <row r="749305" spans="14:14">
      <c r="N749305" s="10"/>
    </row>
    <row r="749306" spans="14:14">
      <c r="N749306" s="10"/>
    </row>
    <row r="749307" spans="14:14">
      <c r="N749307" s="10"/>
    </row>
    <row r="749308" spans="14:14">
      <c r="N749308" s="10"/>
    </row>
    <row r="749309" spans="14:14">
      <c r="N749309" s="10"/>
    </row>
    <row r="749310" spans="14:14">
      <c r="N749310" s="10"/>
    </row>
    <row r="749311" spans="14:14">
      <c r="N749311" s="10"/>
    </row>
    <row r="749312" spans="14:14">
      <c r="N749312" s="10"/>
    </row>
    <row r="749313" spans="14:14">
      <c r="N749313" s="10"/>
    </row>
    <row r="749314" spans="14:14">
      <c r="N749314" s="10"/>
    </row>
    <row r="749315" spans="14:14">
      <c r="N749315" s="10"/>
    </row>
    <row r="749316" spans="14:14">
      <c r="N749316" s="10"/>
    </row>
    <row r="749317" spans="14:14">
      <c r="N749317" s="10"/>
    </row>
    <row r="749318" spans="14:14">
      <c r="N749318" s="10"/>
    </row>
    <row r="749319" spans="14:14">
      <c r="N749319" s="10"/>
    </row>
    <row r="749320" spans="14:14">
      <c r="N749320" s="10"/>
    </row>
    <row r="749321" spans="14:14">
      <c r="N749321" s="10"/>
    </row>
    <row r="749322" spans="14:14">
      <c r="N749322" s="10"/>
    </row>
    <row r="749323" spans="14:14">
      <c r="N749323" s="10"/>
    </row>
    <row r="749324" spans="14:14">
      <c r="N749324" s="10"/>
    </row>
    <row r="749325" spans="14:14">
      <c r="N749325" s="10"/>
    </row>
    <row r="749326" spans="14:14">
      <c r="N749326" s="10"/>
    </row>
    <row r="749327" spans="14:14">
      <c r="N749327" s="10"/>
    </row>
    <row r="749328" spans="14:14">
      <c r="N749328" s="10"/>
    </row>
    <row r="749329" spans="14:14">
      <c r="N749329" s="10"/>
    </row>
    <row r="749330" spans="14:14">
      <c r="N749330" s="10"/>
    </row>
    <row r="749331" spans="14:14">
      <c r="N749331" s="10"/>
    </row>
    <row r="749332" spans="14:14">
      <c r="N749332" s="10"/>
    </row>
    <row r="749333" spans="14:14">
      <c r="N749333" s="10"/>
    </row>
    <row r="749334" spans="14:14">
      <c r="N749334" s="10"/>
    </row>
    <row r="749335" spans="14:14">
      <c r="N749335" s="10"/>
    </row>
    <row r="749336" spans="14:14">
      <c r="N749336" s="10"/>
    </row>
    <row r="749337" spans="14:14">
      <c r="N749337" s="10"/>
    </row>
    <row r="749338" spans="14:14">
      <c r="N749338" s="10"/>
    </row>
    <row r="749339" spans="14:14">
      <c r="N749339" s="10"/>
    </row>
    <row r="749340" spans="14:14">
      <c r="N749340" s="10"/>
    </row>
    <row r="749341" spans="14:14">
      <c r="N749341" s="10"/>
    </row>
    <row r="749342" spans="14:14">
      <c r="N749342" s="10"/>
    </row>
    <row r="749343" spans="14:14">
      <c r="N749343" s="10"/>
    </row>
    <row r="749344" spans="14:14">
      <c r="N749344" s="10"/>
    </row>
    <row r="749345" spans="14:14">
      <c r="N749345" s="10"/>
    </row>
    <row r="749346" spans="14:14">
      <c r="N749346" s="10"/>
    </row>
    <row r="749347" spans="14:14">
      <c r="N749347" s="10"/>
    </row>
    <row r="749348" spans="14:14">
      <c r="N749348" s="10"/>
    </row>
    <row r="749349" spans="14:14">
      <c r="N749349" s="10"/>
    </row>
    <row r="749350" spans="14:14">
      <c r="N749350" s="10"/>
    </row>
    <row r="749351" spans="14:14">
      <c r="N749351" s="10"/>
    </row>
    <row r="749352" spans="14:14">
      <c r="N749352" s="10"/>
    </row>
    <row r="749353" spans="14:14">
      <c r="N749353" s="10"/>
    </row>
    <row r="749354" spans="14:14">
      <c r="N749354" s="10"/>
    </row>
    <row r="749355" spans="14:14">
      <c r="N749355" s="10"/>
    </row>
    <row r="749356" spans="14:14">
      <c r="N749356" s="10"/>
    </row>
    <row r="749357" spans="14:14">
      <c r="N749357" s="10"/>
    </row>
    <row r="749358" spans="14:14">
      <c r="N749358" s="10"/>
    </row>
    <row r="749359" spans="14:14">
      <c r="N749359" s="10"/>
    </row>
    <row r="749360" spans="14:14">
      <c r="N749360" s="10"/>
    </row>
    <row r="749361" spans="14:14">
      <c r="N749361" s="10"/>
    </row>
    <row r="749362" spans="14:14">
      <c r="N749362" s="10"/>
    </row>
    <row r="749363" spans="14:14">
      <c r="N749363" s="10"/>
    </row>
    <row r="749364" spans="14:14">
      <c r="N749364" s="10"/>
    </row>
    <row r="749365" spans="14:14">
      <c r="N749365" s="10"/>
    </row>
    <row r="749366" spans="14:14">
      <c r="N749366" s="10"/>
    </row>
    <row r="749367" spans="14:14">
      <c r="N749367" s="10"/>
    </row>
    <row r="749368" spans="14:14">
      <c r="N749368" s="10"/>
    </row>
    <row r="749369" spans="14:14">
      <c r="N749369" s="10"/>
    </row>
    <row r="749370" spans="14:14">
      <c r="N749370" s="10"/>
    </row>
    <row r="749371" spans="14:14">
      <c r="N749371" s="10"/>
    </row>
    <row r="749372" spans="14:14">
      <c r="N749372" s="10"/>
    </row>
    <row r="749373" spans="14:14">
      <c r="N749373" s="10"/>
    </row>
    <row r="749374" spans="14:14">
      <c r="N749374" s="10"/>
    </row>
    <row r="749375" spans="14:14">
      <c r="N749375" s="10"/>
    </row>
    <row r="749376" spans="14:14">
      <c r="N749376" s="10"/>
    </row>
    <row r="749377" spans="14:14">
      <c r="N749377" s="10"/>
    </row>
    <row r="749378" spans="14:14">
      <c r="N749378" s="10"/>
    </row>
    <row r="749379" spans="14:14">
      <c r="N749379" s="10"/>
    </row>
    <row r="749380" spans="14:14">
      <c r="N749380" s="10"/>
    </row>
    <row r="749381" spans="14:14">
      <c r="N749381" s="10"/>
    </row>
    <row r="749382" spans="14:14">
      <c r="N749382" s="10"/>
    </row>
    <row r="749383" spans="14:14">
      <c r="N749383" s="10"/>
    </row>
    <row r="749384" spans="14:14">
      <c r="N749384" s="10"/>
    </row>
    <row r="749385" spans="14:14">
      <c r="N749385" s="10"/>
    </row>
    <row r="749386" spans="14:14">
      <c r="N749386" s="10"/>
    </row>
    <row r="749387" spans="14:14">
      <c r="N749387" s="10"/>
    </row>
    <row r="749388" spans="14:14">
      <c r="N749388" s="10"/>
    </row>
    <row r="749389" spans="14:14">
      <c r="N749389" s="10"/>
    </row>
    <row r="749390" spans="14:14">
      <c r="N749390" s="10"/>
    </row>
    <row r="749391" spans="14:14">
      <c r="N749391" s="10"/>
    </row>
    <row r="749392" spans="14:14">
      <c r="N749392" s="10"/>
    </row>
    <row r="749393" spans="14:14">
      <c r="N749393" s="10"/>
    </row>
    <row r="749394" spans="14:14">
      <c r="N749394" s="10"/>
    </row>
    <row r="749395" spans="14:14">
      <c r="N749395" s="10"/>
    </row>
    <row r="749396" spans="14:14">
      <c r="N749396" s="10"/>
    </row>
    <row r="749397" spans="14:14">
      <c r="N749397" s="10"/>
    </row>
    <row r="749398" spans="14:14">
      <c r="N749398" s="10"/>
    </row>
    <row r="749399" spans="14:14">
      <c r="N749399" s="10"/>
    </row>
    <row r="749400" spans="14:14">
      <c r="N749400" s="10"/>
    </row>
    <row r="749401" spans="14:14">
      <c r="N749401" s="10"/>
    </row>
    <row r="749402" spans="14:14">
      <c r="N749402" s="10"/>
    </row>
    <row r="749403" spans="14:14">
      <c r="N749403" s="10"/>
    </row>
    <row r="749404" spans="14:14">
      <c r="N749404" s="10"/>
    </row>
    <row r="749405" spans="14:14">
      <c r="N749405" s="10"/>
    </row>
    <row r="749406" spans="14:14">
      <c r="N749406" s="10"/>
    </row>
    <row r="749407" spans="14:14">
      <c r="N749407" s="10"/>
    </row>
    <row r="749408" spans="14:14">
      <c r="N749408" s="10"/>
    </row>
    <row r="749409" spans="14:14">
      <c r="N749409" s="10"/>
    </row>
    <row r="749410" spans="14:14">
      <c r="N749410" s="10"/>
    </row>
    <row r="749411" spans="14:14">
      <c r="N749411" s="10"/>
    </row>
    <row r="749412" spans="14:14">
      <c r="N749412" s="10"/>
    </row>
    <row r="749413" spans="14:14">
      <c r="N749413" s="10"/>
    </row>
    <row r="749414" spans="14:14">
      <c r="N749414" s="10"/>
    </row>
    <row r="749415" spans="14:14">
      <c r="N749415" s="10"/>
    </row>
    <row r="749416" spans="14:14">
      <c r="N749416" s="10"/>
    </row>
    <row r="749417" spans="14:14">
      <c r="N749417" s="10"/>
    </row>
    <row r="749418" spans="14:14">
      <c r="N749418" s="10"/>
    </row>
    <row r="749419" spans="14:14">
      <c r="N749419" s="10"/>
    </row>
    <row r="749420" spans="14:14">
      <c r="N749420" s="10"/>
    </row>
    <row r="749421" spans="14:14">
      <c r="N749421" s="10"/>
    </row>
    <row r="749422" spans="14:14">
      <c r="N749422" s="10"/>
    </row>
    <row r="749423" spans="14:14">
      <c r="N749423" s="10"/>
    </row>
    <row r="749424" spans="14:14">
      <c r="N749424" s="10"/>
    </row>
    <row r="749425" spans="14:14">
      <c r="N749425" s="10"/>
    </row>
    <row r="749426" spans="14:14">
      <c r="N749426" s="10"/>
    </row>
    <row r="749427" spans="14:14">
      <c r="N749427" s="10"/>
    </row>
    <row r="749428" spans="14:14">
      <c r="N749428" s="10"/>
    </row>
    <row r="749429" spans="14:14">
      <c r="N749429" s="10"/>
    </row>
    <row r="749430" spans="14:14">
      <c r="N749430" s="10"/>
    </row>
    <row r="749431" spans="14:14">
      <c r="N749431" s="10"/>
    </row>
    <row r="749432" spans="14:14">
      <c r="N749432" s="10"/>
    </row>
    <row r="749433" spans="14:14">
      <c r="N749433" s="10"/>
    </row>
    <row r="749434" spans="14:14">
      <c r="N749434" s="10"/>
    </row>
    <row r="749435" spans="14:14">
      <c r="N749435" s="10"/>
    </row>
    <row r="749436" spans="14:14">
      <c r="N749436" s="10"/>
    </row>
    <row r="749437" spans="14:14">
      <c r="N749437" s="10"/>
    </row>
    <row r="749438" spans="14:14">
      <c r="N749438" s="10"/>
    </row>
    <row r="749439" spans="14:14">
      <c r="N749439" s="10"/>
    </row>
    <row r="749440" spans="14:14">
      <c r="N749440" s="10"/>
    </row>
    <row r="749441" spans="14:14">
      <c r="N749441" s="10"/>
    </row>
    <row r="749442" spans="14:14">
      <c r="N749442" s="10"/>
    </row>
    <row r="749443" spans="14:14">
      <c r="N749443" s="10"/>
    </row>
    <row r="749444" spans="14:14">
      <c r="N749444" s="10"/>
    </row>
    <row r="749445" spans="14:14">
      <c r="N749445" s="10"/>
    </row>
    <row r="749446" spans="14:14">
      <c r="N749446" s="10"/>
    </row>
    <row r="749447" spans="14:14">
      <c r="N749447" s="10"/>
    </row>
    <row r="749448" spans="14:14">
      <c r="N749448" s="10"/>
    </row>
    <row r="749449" spans="14:14">
      <c r="N749449" s="10"/>
    </row>
    <row r="749450" spans="14:14">
      <c r="N749450" s="10"/>
    </row>
    <row r="749451" spans="14:14">
      <c r="N749451" s="10"/>
    </row>
    <row r="749452" spans="14:14">
      <c r="N749452" s="10"/>
    </row>
    <row r="749453" spans="14:14">
      <c r="N749453" s="10"/>
    </row>
    <row r="749454" spans="14:14">
      <c r="N749454" s="10"/>
    </row>
    <row r="749455" spans="14:14">
      <c r="N749455" s="10"/>
    </row>
    <row r="749456" spans="14:14">
      <c r="N749456" s="10"/>
    </row>
    <row r="749457" spans="14:14">
      <c r="N749457" s="10"/>
    </row>
    <row r="749458" spans="14:14">
      <c r="N749458" s="10"/>
    </row>
    <row r="749459" spans="14:14">
      <c r="N749459" s="10"/>
    </row>
    <row r="749460" spans="14:14">
      <c r="N749460" s="10"/>
    </row>
    <row r="749461" spans="14:14">
      <c r="N749461" s="10"/>
    </row>
    <row r="749462" spans="14:14">
      <c r="N749462" s="10"/>
    </row>
    <row r="749463" spans="14:14">
      <c r="N749463" s="10"/>
    </row>
    <row r="749464" spans="14:14">
      <c r="N749464" s="10"/>
    </row>
    <row r="749465" spans="14:14">
      <c r="N749465" s="10"/>
    </row>
    <row r="749466" spans="14:14">
      <c r="N749466" s="10"/>
    </row>
    <row r="749467" spans="14:14">
      <c r="N749467" s="10"/>
    </row>
    <row r="749468" spans="14:14">
      <c r="N749468" s="10"/>
    </row>
    <row r="749469" spans="14:14">
      <c r="N749469" s="10"/>
    </row>
    <row r="749470" spans="14:14">
      <c r="N749470" s="10"/>
    </row>
    <row r="749471" spans="14:14">
      <c r="N749471" s="10"/>
    </row>
    <row r="749472" spans="14:14">
      <c r="N749472" s="10"/>
    </row>
    <row r="749473" spans="14:14">
      <c r="N749473" s="10"/>
    </row>
    <row r="749474" spans="14:14">
      <c r="N749474" s="10"/>
    </row>
    <row r="749475" spans="14:14">
      <c r="N749475" s="10"/>
    </row>
    <row r="749476" spans="14:14">
      <c r="N749476" s="10"/>
    </row>
    <row r="749477" spans="14:14">
      <c r="N749477" s="10"/>
    </row>
    <row r="749478" spans="14:14">
      <c r="N749478" s="10"/>
    </row>
    <row r="749479" spans="14:14">
      <c r="N749479" s="10"/>
    </row>
    <row r="749480" spans="14:14">
      <c r="N749480" s="10"/>
    </row>
    <row r="749481" spans="14:14">
      <c r="N749481" s="10"/>
    </row>
    <row r="749482" spans="14:14">
      <c r="N749482" s="10"/>
    </row>
    <row r="749483" spans="14:14">
      <c r="N749483" s="10"/>
    </row>
    <row r="749484" spans="14:14">
      <c r="N749484" s="10"/>
    </row>
    <row r="749485" spans="14:14">
      <c r="N749485" s="10"/>
    </row>
    <row r="749486" spans="14:14">
      <c r="N749486" s="10"/>
    </row>
    <row r="749487" spans="14:14">
      <c r="N749487" s="10"/>
    </row>
    <row r="749488" spans="14:14">
      <c r="N749488" s="10"/>
    </row>
    <row r="749489" spans="14:14">
      <c r="N749489" s="10"/>
    </row>
    <row r="749490" spans="14:14">
      <c r="N749490" s="10"/>
    </row>
    <row r="749491" spans="14:14">
      <c r="N749491" s="10"/>
    </row>
    <row r="749492" spans="14:14">
      <c r="N749492" s="10"/>
    </row>
    <row r="749493" spans="14:14">
      <c r="N749493" s="10"/>
    </row>
    <row r="749494" spans="14:14">
      <c r="N749494" s="10"/>
    </row>
    <row r="749495" spans="14:14">
      <c r="N749495" s="10"/>
    </row>
    <row r="749496" spans="14:14">
      <c r="N749496" s="10"/>
    </row>
    <row r="749497" spans="14:14">
      <c r="N749497" s="10"/>
    </row>
    <row r="749498" spans="14:14">
      <c r="N749498" s="10"/>
    </row>
    <row r="749499" spans="14:14">
      <c r="N749499" s="10"/>
    </row>
    <row r="749500" spans="14:14">
      <c r="N749500" s="10"/>
    </row>
    <row r="749501" spans="14:14">
      <c r="N749501" s="10"/>
    </row>
    <row r="749502" spans="14:14">
      <c r="N749502" s="10"/>
    </row>
    <row r="749503" spans="14:14">
      <c r="N749503" s="10"/>
    </row>
    <row r="749504" spans="14:14">
      <c r="N749504" s="10"/>
    </row>
    <row r="749505" spans="14:14">
      <c r="N749505" s="10"/>
    </row>
    <row r="749506" spans="14:14">
      <c r="N749506" s="10"/>
    </row>
    <row r="749507" spans="14:14">
      <c r="N749507" s="10"/>
    </row>
    <row r="749508" spans="14:14">
      <c r="N749508" s="10"/>
    </row>
    <row r="749509" spans="14:14">
      <c r="N749509" s="10"/>
    </row>
    <row r="749510" spans="14:14">
      <c r="N749510" s="10"/>
    </row>
    <row r="749511" spans="14:14">
      <c r="N749511" s="10"/>
    </row>
    <row r="749512" spans="14:14">
      <c r="N749512" s="10"/>
    </row>
    <row r="749513" spans="14:14">
      <c r="N749513" s="10"/>
    </row>
    <row r="749514" spans="14:14">
      <c r="N749514" s="10"/>
    </row>
    <row r="749515" spans="14:14">
      <c r="N749515" s="10"/>
    </row>
    <row r="749516" spans="14:14">
      <c r="N749516" s="10"/>
    </row>
    <row r="749517" spans="14:14">
      <c r="N749517" s="10"/>
    </row>
    <row r="749518" spans="14:14">
      <c r="N749518" s="10"/>
    </row>
    <row r="749519" spans="14:14">
      <c r="N749519" s="10"/>
    </row>
    <row r="749520" spans="14:14">
      <c r="N749520" s="10"/>
    </row>
    <row r="749521" spans="14:14">
      <c r="N749521" s="10"/>
    </row>
    <row r="749522" spans="14:14">
      <c r="N749522" s="10"/>
    </row>
    <row r="749523" spans="14:14">
      <c r="N749523" s="10"/>
    </row>
    <row r="749524" spans="14:14">
      <c r="N749524" s="10"/>
    </row>
    <row r="749525" spans="14:14">
      <c r="N749525" s="10"/>
    </row>
    <row r="749526" spans="14:14">
      <c r="N749526" s="10"/>
    </row>
    <row r="749527" spans="14:14">
      <c r="N749527" s="10"/>
    </row>
    <row r="749528" spans="14:14">
      <c r="N749528" s="10"/>
    </row>
    <row r="749529" spans="14:14">
      <c r="N749529" s="10"/>
    </row>
    <row r="749530" spans="14:14">
      <c r="N749530" s="10"/>
    </row>
    <row r="749531" spans="14:14">
      <c r="N749531" s="10"/>
    </row>
    <row r="749532" spans="14:14">
      <c r="N749532" s="10"/>
    </row>
    <row r="749533" spans="14:14">
      <c r="N749533" s="10"/>
    </row>
    <row r="749534" spans="14:14">
      <c r="N749534" s="10"/>
    </row>
    <row r="749535" spans="14:14">
      <c r="N749535" s="10"/>
    </row>
    <row r="749536" spans="14:14">
      <c r="N749536" s="10"/>
    </row>
    <row r="749537" spans="14:14">
      <c r="N749537" s="10"/>
    </row>
    <row r="749538" spans="14:14">
      <c r="N749538" s="10"/>
    </row>
    <row r="749539" spans="14:14">
      <c r="N749539" s="10"/>
    </row>
    <row r="749540" spans="14:14">
      <c r="N749540" s="10"/>
    </row>
    <row r="749541" spans="14:14">
      <c r="N749541" s="10"/>
    </row>
    <row r="749542" spans="14:14">
      <c r="N749542" s="10"/>
    </row>
    <row r="749543" spans="14:14">
      <c r="N749543" s="10"/>
    </row>
    <row r="749544" spans="14:14">
      <c r="N749544" s="10"/>
    </row>
    <row r="749545" spans="14:14">
      <c r="N749545" s="10"/>
    </row>
    <row r="749546" spans="14:14">
      <c r="N749546" s="10"/>
    </row>
    <row r="749547" spans="14:14">
      <c r="N749547" s="10"/>
    </row>
    <row r="749548" spans="14:14">
      <c r="N749548" s="10"/>
    </row>
    <row r="749549" spans="14:14">
      <c r="N749549" s="10"/>
    </row>
    <row r="749550" spans="14:14">
      <c r="N749550" s="10"/>
    </row>
    <row r="749551" spans="14:14">
      <c r="N749551" s="10"/>
    </row>
    <row r="749552" spans="14:14">
      <c r="N749552" s="10"/>
    </row>
    <row r="749553" spans="14:14">
      <c r="N749553" s="10"/>
    </row>
    <row r="749554" spans="14:14">
      <c r="N749554" s="10"/>
    </row>
    <row r="749555" spans="14:14">
      <c r="N749555" s="10"/>
    </row>
    <row r="749556" spans="14:14">
      <c r="N749556" s="10"/>
    </row>
    <row r="749557" spans="14:14">
      <c r="N749557" s="10"/>
    </row>
    <row r="749558" spans="14:14">
      <c r="N749558" s="10"/>
    </row>
    <row r="749559" spans="14:14">
      <c r="N749559" s="10"/>
    </row>
    <row r="749560" spans="14:14">
      <c r="N749560" s="10"/>
    </row>
    <row r="749561" spans="14:14">
      <c r="N749561" s="10"/>
    </row>
    <row r="749562" spans="14:14">
      <c r="N749562" s="10"/>
    </row>
    <row r="749563" spans="14:14">
      <c r="N749563" s="10"/>
    </row>
    <row r="749564" spans="14:14">
      <c r="N749564" s="10"/>
    </row>
    <row r="749565" spans="14:14">
      <c r="N749565" s="10"/>
    </row>
    <row r="749566" spans="14:14">
      <c r="N749566" s="10"/>
    </row>
    <row r="749567" spans="14:14">
      <c r="N749567" s="10"/>
    </row>
    <row r="749568" spans="14:14">
      <c r="N749568" s="10"/>
    </row>
    <row r="749569" spans="14:14">
      <c r="N749569" s="10"/>
    </row>
    <row r="749570" spans="14:14">
      <c r="N749570" s="10"/>
    </row>
    <row r="749571" spans="14:14">
      <c r="N749571" s="10"/>
    </row>
    <row r="749572" spans="14:14">
      <c r="N749572" s="10"/>
    </row>
    <row r="749573" spans="14:14">
      <c r="N749573" s="10"/>
    </row>
    <row r="749574" spans="14:14">
      <c r="N749574" s="10"/>
    </row>
    <row r="749575" spans="14:14">
      <c r="N749575" s="10"/>
    </row>
    <row r="749576" spans="14:14">
      <c r="N749576" s="10"/>
    </row>
    <row r="749577" spans="14:14">
      <c r="N749577" s="10"/>
    </row>
    <row r="749578" spans="14:14">
      <c r="N749578" s="10"/>
    </row>
    <row r="749579" spans="14:14">
      <c r="N749579" s="10"/>
    </row>
    <row r="749580" spans="14:14">
      <c r="N749580" s="10"/>
    </row>
    <row r="749581" spans="14:14">
      <c r="N749581" s="10"/>
    </row>
    <row r="749582" spans="14:14">
      <c r="N749582" s="10"/>
    </row>
    <row r="749583" spans="14:14">
      <c r="N749583" s="10"/>
    </row>
    <row r="749584" spans="14:14">
      <c r="N749584" s="10"/>
    </row>
    <row r="749585" spans="14:14">
      <c r="N749585" s="10"/>
    </row>
    <row r="749586" spans="14:14">
      <c r="N749586" s="10"/>
    </row>
    <row r="749587" spans="14:14">
      <c r="N749587" s="10"/>
    </row>
    <row r="749588" spans="14:14">
      <c r="N749588" s="10"/>
    </row>
    <row r="749589" spans="14:14">
      <c r="N749589" s="10"/>
    </row>
    <row r="749590" spans="14:14">
      <c r="N749590" s="10"/>
    </row>
    <row r="749591" spans="14:14">
      <c r="N749591" s="10"/>
    </row>
    <row r="749592" spans="14:14">
      <c r="N749592" s="10"/>
    </row>
    <row r="749593" spans="14:14">
      <c r="N749593" s="10"/>
    </row>
    <row r="749594" spans="14:14">
      <c r="N749594" s="10"/>
    </row>
    <row r="749595" spans="14:14">
      <c r="N749595" s="10"/>
    </row>
    <row r="749596" spans="14:14">
      <c r="N749596" s="10"/>
    </row>
    <row r="749597" spans="14:14">
      <c r="N749597" s="10"/>
    </row>
    <row r="749598" spans="14:14">
      <c r="N749598" s="10"/>
    </row>
    <row r="749599" spans="14:14">
      <c r="N749599" s="10"/>
    </row>
    <row r="749600" spans="14:14">
      <c r="N749600" s="10"/>
    </row>
    <row r="749601" spans="14:14">
      <c r="N749601" s="10"/>
    </row>
    <row r="749602" spans="14:14">
      <c r="N749602" s="10"/>
    </row>
    <row r="749603" spans="14:14">
      <c r="N749603" s="10"/>
    </row>
    <row r="749604" spans="14:14">
      <c r="N749604" s="10"/>
    </row>
    <row r="749605" spans="14:14">
      <c r="N749605" s="10"/>
    </row>
    <row r="749606" spans="14:14">
      <c r="N749606" s="10"/>
    </row>
    <row r="749607" spans="14:14">
      <c r="N749607" s="10"/>
    </row>
    <row r="749608" spans="14:14">
      <c r="N749608" s="10"/>
    </row>
    <row r="749609" spans="14:14">
      <c r="N749609" s="10"/>
    </row>
    <row r="749610" spans="14:14">
      <c r="N749610" s="10"/>
    </row>
    <row r="749611" spans="14:14">
      <c r="N749611" s="10"/>
    </row>
    <row r="749612" spans="14:14">
      <c r="N749612" s="10"/>
    </row>
    <row r="749613" spans="14:14">
      <c r="N749613" s="10"/>
    </row>
    <row r="749614" spans="14:14">
      <c r="N749614" s="10"/>
    </row>
    <row r="749615" spans="14:14">
      <c r="N749615" s="10"/>
    </row>
    <row r="749616" spans="14:14">
      <c r="N749616" s="10"/>
    </row>
    <row r="749617" spans="14:14">
      <c r="N749617" s="10"/>
    </row>
    <row r="749618" spans="14:14">
      <c r="N749618" s="10"/>
    </row>
    <row r="749619" spans="14:14">
      <c r="N749619" s="10"/>
    </row>
    <row r="749620" spans="14:14">
      <c r="N749620" s="10"/>
    </row>
    <row r="749621" spans="14:14">
      <c r="N749621" s="10"/>
    </row>
    <row r="749622" spans="14:14">
      <c r="N749622" s="10"/>
    </row>
    <row r="749623" spans="14:14">
      <c r="N749623" s="10"/>
    </row>
    <row r="749624" spans="14:14">
      <c r="N749624" s="10"/>
    </row>
    <row r="749625" spans="14:14">
      <c r="N749625" s="10"/>
    </row>
    <row r="749626" spans="14:14">
      <c r="N749626" s="10"/>
    </row>
    <row r="749627" spans="14:14">
      <c r="N749627" s="10"/>
    </row>
    <row r="749628" spans="14:14">
      <c r="N749628" s="10"/>
    </row>
    <row r="749629" spans="14:14">
      <c r="N749629" s="10"/>
    </row>
    <row r="749630" spans="14:14">
      <c r="N749630" s="10"/>
    </row>
    <row r="749631" spans="14:14">
      <c r="N749631" s="10"/>
    </row>
    <row r="749632" spans="14:14">
      <c r="N749632" s="10"/>
    </row>
    <row r="749633" spans="14:14">
      <c r="N749633" s="10"/>
    </row>
    <row r="749634" spans="14:14">
      <c r="N749634" s="10"/>
    </row>
    <row r="749635" spans="14:14">
      <c r="N749635" s="10"/>
    </row>
    <row r="749636" spans="14:14">
      <c r="N749636" s="10"/>
    </row>
    <row r="749637" spans="14:14">
      <c r="N749637" s="10"/>
    </row>
    <row r="749638" spans="14:14">
      <c r="N749638" s="10"/>
    </row>
    <row r="749639" spans="14:14">
      <c r="N749639" s="10"/>
    </row>
    <row r="749640" spans="14:14">
      <c r="N749640" s="10"/>
    </row>
    <row r="749641" spans="14:14">
      <c r="N749641" s="10"/>
    </row>
    <row r="749642" spans="14:14">
      <c r="N749642" s="10"/>
    </row>
    <row r="749643" spans="14:14">
      <c r="N749643" s="10"/>
    </row>
    <row r="749644" spans="14:14">
      <c r="N749644" s="10"/>
    </row>
    <row r="749645" spans="14:14">
      <c r="N749645" s="10"/>
    </row>
    <row r="749646" spans="14:14">
      <c r="N749646" s="10"/>
    </row>
    <row r="749647" spans="14:14">
      <c r="N749647" s="10"/>
    </row>
    <row r="749648" spans="14:14">
      <c r="N749648" s="10"/>
    </row>
    <row r="749649" spans="14:14">
      <c r="N749649" s="10"/>
    </row>
    <row r="749650" spans="14:14">
      <c r="N749650" s="10"/>
    </row>
    <row r="749651" spans="14:14">
      <c r="N749651" s="10"/>
    </row>
    <row r="749652" spans="14:14">
      <c r="N749652" s="10"/>
    </row>
    <row r="749653" spans="14:14">
      <c r="N749653" s="10"/>
    </row>
    <row r="749654" spans="14:14">
      <c r="N749654" s="10"/>
    </row>
    <row r="749655" spans="14:14">
      <c r="N749655" s="10"/>
    </row>
    <row r="749656" spans="14:14">
      <c r="N749656" s="10"/>
    </row>
    <row r="749657" spans="14:14">
      <c r="N749657" s="10"/>
    </row>
    <row r="749658" spans="14:14">
      <c r="N749658" s="10"/>
    </row>
    <row r="749659" spans="14:14">
      <c r="N749659" s="10"/>
    </row>
    <row r="749660" spans="14:14">
      <c r="N749660" s="10"/>
    </row>
    <row r="749661" spans="14:14">
      <c r="N749661" s="10"/>
    </row>
    <row r="749662" spans="14:14">
      <c r="N749662" s="10"/>
    </row>
    <row r="749663" spans="14:14">
      <c r="N749663" s="10"/>
    </row>
    <row r="749664" spans="14:14">
      <c r="N749664" s="10"/>
    </row>
    <row r="749665" spans="14:14">
      <c r="N749665" s="10"/>
    </row>
    <row r="749666" spans="14:14">
      <c r="N749666" s="10"/>
    </row>
    <row r="749667" spans="14:14">
      <c r="N749667" s="10"/>
    </row>
    <row r="749668" spans="14:14">
      <c r="N749668" s="10"/>
    </row>
    <row r="749669" spans="14:14">
      <c r="N749669" s="10"/>
    </row>
    <row r="749670" spans="14:14">
      <c r="N749670" s="10"/>
    </row>
    <row r="749671" spans="14:14">
      <c r="N749671" s="10"/>
    </row>
    <row r="749672" spans="14:14">
      <c r="N749672" s="10"/>
    </row>
    <row r="749673" spans="14:14">
      <c r="N749673" s="10"/>
    </row>
    <row r="749674" spans="14:14">
      <c r="N749674" s="10"/>
    </row>
    <row r="749675" spans="14:14">
      <c r="N749675" s="10"/>
    </row>
    <row r="749676" spans="14:14">
      <c r="N749676" s="10"/>
    </row>
    <row r="749677" spans="14:14">
      <c r="N749677" s="10"/>
    </row>
    <row r="749678" spans="14:14">
      <c r="N749678" s="10"/>
    </row>
    <row r="749679" spans="14:14">
      <c r="N749679" s="10"/>
    </row>
    <row r="749680" spans="14:14">
      <c r="N749680" s="10"/>
    </row>
    <row r="749681" spans="14:14">
      <c r="N749681" s="10"/>
    </row>
    <row r="749682" spans="14:14">
      <c r="N749682" s="10"/>
    </row>
    <row r="749683" spans="14:14">
      <c r="N749683" s="10"/>
    </row>
    <row r="749684" spans="14:14">
      <c r="N749684" s="10"/>
    </row>
    <row r="749685" spans="14:14">
      <c r="N749685" s="10"/>
    </row>
    <row r="749686" spans="14:14">
      <c r="N749686" s="10"/>
    </row>
    <row r="749687" spans="14:14">
      <c r="N749687" s="10"/>
    </row>
    <row r="749688" spans="14:14">
      <c r="N749688" s="10"/>
    </row>
    <row r="749689" spans="14:14">
      <c r="N749689" s="10"/>
    </row>
    <row r="749690" spans="14:14">
      <c r="N749690" s="10"/>
    </row>
    <row r="749691" spans="14:14">
      <c r="N749691" s="10"/>
    </row>
    <row r="749692" spans="14:14">
      <c r="N749692" s="10"/>
    </row>
    <row r="749693" spans="14:14">
      <c r="N749693" s="10"/>
    </row>
    <row r="749694" spans="14:14">
      <c r="N749694" s="10"/>
    </row>
    <row r="749695" spans="14:14">
      <c r="N749695" s="10"/>
    </row>
    <row r="749696" spans="14:14">
      <c r="N749696" s="10"/>
    </row>
    <row r="749697" spans="14:14">
      <c r="N749697" s="10"/>
    </row>
    <row r="749698" spans="14:14">
      <c r="N749698" s="10"/>
    </row>
    <row r="749699" spans="14:14">
      <c r="N749699" s="10"/>
    </row>
    <row r="749700" spans="14:14">
      <c r="N749700" s="10"/>
    </row>
    <row r="749701" spans="14:14">
      <c r="N749701" s="10"/>
    </row>
    <row r="749702" spans="14:14">
      <c r="N749702" s="10"/>
    </row>
    <row r="749703" spans="14:14">
      <c r="N749703" s="10"/>
    </row>
    <row r="749704" spans="14:14">
      <c r="N749704" s="10"/>
    </row>
    <row r="749705" spans="14:14">
      <c r="N749705" s="10"/>
    </row>
    <row r="749706" spans="14:14">
      <c r="N749706" s="10"/>
    </row>
    <row r="749707" spans="14:14">
      <c r="N749707" s="10"/>
    </row>
    <row r="749708" spans="14:14">
      <c r="N749708" s="10"/>
    </row>
    <row r="749709" spans="14:14">
      <c r="N749709" s="10"/>
    </row>
    <row r="749710" spans="14:14">
      <c r="N749710" s="10"/>
    </row>
    <row r="749711" spans="14:14">
      <c r="N749711" s="10"/>
    </row>
    <row r="749712" spans="14:14">
      <c r="N749712" s="10"/>
    </row>
    <row r="749713" spans="14:14">
      <c r="N749713" s="10"/>
    </row>
    <row r="749714" spans="14:14">
      <c r="N749714" s="10"/>
    </row>
    <row r="749715" spans="14:14">
      <c r="N749715" s="10"/>
    </row>
    <row r="749716" spans="14:14">
      <c r="N749716" s="10"/>
    </row>
    <row r="749717" spans="14:14">
      <c r="N749717" s="10"/>
    </row>
    <row r="749718" spans="14:14">
      <c r="N749718" s="10"/>
    </row>
    <row r="749719" spans="14:14">
      <c r="N749719" s="10"/>
    </row>
    <row r="749720" spans="14:14">
      <c r="N749720" s="10"/>
    </row>
    <row r="749721" spans="14:14">
      <c r="N749721" s="10"/>
    </row>
    <row r="749722" spans="14:14">
      <c r="N749722" s="10"/>
    </row>
    <row r="749723" spans="14:14">
      <c r="N749723" s="10"/>
    </row>
    <row r="749724" spans="14:14">
      <c r="N749724" s="10"/>
    </row>
    <row r="749725" spans="14:14">
      <c r="N749725" s="10"/>
    </row>
    <row r="749726" spans="14:14">
      <c r="N749726" s="10"/>
    </row>
    <row r="749727" spans="14:14">
      <c r="N749727" s="10"/>
    </row>
    <row r="749728" spans="14:14">
      <c r="N749728" s="10"/>
    </row>
    <row r="749729" spans="14:14">
      <c r="N749729" s="10"/>
    </row>
    <row r="749730" spans="14:14">
      <c r="N749730" s="10"/>
    </row>
    <row r="749731" spans="14:14">
      <c r="N749731" s="10"/>
    </row>
    <row r="749732" spans="14:14">
      <c r="N749732" s="10"/>
    </row>
    <row r="749733" spans="14:14">
      <c r="N749733" s="10"/>
    </row>
    <row r="749734" spans="14:14">
      <c r="N749734" s="10"/>
    </row>
    <row r="749735" spans="14:14">
      <c r="N749735" s="10"/>
    </row>
    <row r="749736" spans="14:14">
      <c r="N749736" s="10"/>
    </row>
    <row r="749737" spans="14:14">
      <c r="N749737" s="10"/>
    </row>
    <row r="749738" spans="14:14">
      <c r="N749738" s="10"/>
    </row>
    <row r="749739" spans="14:14">
      <c r="N749739" s="10"/>
    </row>
    <row r="749740" spans="14:14">
      <c r="N749740" s="10"/>
    </row>
    <row r="749741" spans="14:14">
      <c r="N749741" s="10"/>
    </row>
    <row r="749742" spans="14:14">
      <c r="N749742" s="10"/>
    </row>
    <row r="749743" spans="14:14">
      <c r="N749743" s="10"/>
    </row>
    <row r="749744" spans="14:14">
      <c r="N749744" s="10"/>
    </row>
    <row r="749745" spans="14:14">
      <c r="N749745" s="10"/>
    </row>
    <row r="749746" spans="14:14">
      <c r="N749746" s="10"/>
    </row>
    <row r="749747" spans="14:14">
      <c r="N749747" s="10"/>
    </row>
    <row r="749748" spans="14:14">
      <c r="N749748" s="10"/>
    </row>
    <row r="749749" spans="14:14">
      <c r="N749749" s="10"/>
    </row>
    <row r="749750" spans="14:14">
      <c r="N749750" s="10"/>
    </row>
    <row r="749751" spans="14:14">
      <c r="N749751" s="10"/>
    </row>
    <row r="749752" spans="14:14">
      <c r="N749752" s="10"/>
    </row>
    <row r="749753" spans="14:14">
      <c r="N749753" s="10"/>
    </row>
    <row r="749754" spans="14:14">
      <c r="N749754" s="10"/>
    </row>
    <row r="749755" spans="14:14">
      <c r="N749755" s="10"/>
    </row>
    <row r="749756" spans="14:14">
      <c r="N749756" s="10"/>
    </row>
    <row r="749757" spans="14:14">
      <c r="N749757" s="10"/>
    </row>
    <row r="749758" spans="14:14">
      <c r="N749758" s="10"/>
    </row>
    <row r="749759" spans="14:14">
      <c r="N749759" s="10"/>
    </row>
    <row r="749760" spans="14:14">
      <c r="N749760" s="10"/>
    </row>
    <row r="749761" spans="14:14">
      <c r="N749761" s="10"/>
    </row>
    <row r="749762" spans="14:14">
      <c r="N749762" s="10"/>
    </row>
    <row r="749763" spans="14:14">
      <c r="N749763" s="10"/>
    </row>
    <row r="749764" spans="14:14">
      <c r="N749764" s="10"/>
    </row>
    <row r="749765" spans="14:14">
      <c r="N749765" s="10"/>
    </row>
    <row r="749766" spans="14:14">
      <c r="N749766" s="10"/>
    </row>
    <row r="749767" spans="14:14">
      <c r="N749767" s="10"/>
    </row>
    <row r="749768" spans="14:14">
      <c r="N749768" s="10"/>
    </row>
    <row r="749769" spans="14:14">
      <c r="N749769" s="10"/>
    </row>
    <row r="749770" spans="14:14">
      <c r="N749770" s="10"/>
    </row>
    <row r="749771" spans="14:14">
      <c r="N749771" s="10"/>
    </row>
    <row r="749772" spans="14:14">
      <c r="N749772" s="10"/>
    </row>
    <row r="749773" spans="14:14">
      <c r="N749773" s="10"/>
    </row>
    <row r="749774" spans="14:14">
      <c r="N749774" s="10"/>
    </row>
    <row r="749775" spans="14:14">
      <c r="N749775" s="10"/>
    </row>
    <row r="749776" spans="14:14">
      <c r="N749776" s="10"/>
    </row>
    <row r="749777" spans="14:14">
      <c r="N749777" s="10"/>
    </row>
    <row r="749778" spans="14:14">
      <c r="N749778" s="10"/>
    </row>
    <row r="749779" spans="14:14">
      <c r="N749779" s="10"/>
    </row>
    <row r="749780" spans="14:14">
      <c r="N749780" s="10"/>
    </row>
    <row r="749781" spans="14:14">
      <c r="N749781" s="10"/>
    </row>
    <row r="749782" spans="14:14">
      <c r="N749782" s="10"/>
    </row>
    <row r="749783" spans="14:14">
      <c r="N749783" s="10"/>
    </row>
    <row r="749784" spans="14:14">
      <c r="N749784" s="10"/>
    </row>
    <row r="749785" spans="14:14">
      <c r="N749785" s="10"/>
    </row>
    <row r="749786" spans="14:14">
      <c r="N749786" s="10"/>
    </row>
    <row r="749787" spans="14:14">
      <c r="N749787" s="10"/>
    </row>
    <row r="749788" spans="14:14">
      <c r="N749788" s="10"/>
    </row>
    <row r="749789" spans="14:14">
      <c r="N749789" s="10"/>
    </row>
    <row r="749790" spans="14:14">
      <c r="N749790" s="10"/>
    </row>
    <row r="749791" spans="14:14">
      <c r="N749791" s="10"/>
    </row>
    <row r="749792" spans="14:14">
      <c r="N749792" s="10"/>
    </row>
    <row r="749793" spans="14:14">
      <c r="N749793" s="10"/>
    </row>
    <row r="749794" spans="14:14">
      <c r="N749794" s="10"/>
    </row>
    <row r="749795" spans="14:14">
      <c r="N749795" s="10"/>
    </row>
    <row r="749796" spans="14:14">
      <c r="N749796" s="10"/>
    </row>
    <row r="749797" spans="14:14">
      <c r="N749797" s="10"/>
    </row>
    <row r="749798" spans="14:14">
      <c r="N749798" s="10"/>
    </row>
    <row r="749799" spans="14:14">
      <c r="N749799" s="10"/>
    </row>
    <row r="749800" spans="14:14">
      <c r="N749800" s="10"/>
    </row>
    <row r="749801" spans="14:14">
      <c r="N749801" s="10"/>
    </row>
    <row r="749802" spans="14:14">
      <c r="N749802" s="10"/>
    </row>
    <row r="749803" spans="14:14">
      <c r="N749803" s="10"/>
    </row>
    <row r="749804" spans="14:14">
      <c r="N749804" s="10"/>
    </row>
    <row r="749805" spans="14:14">
      <c r="N749805" s="10"/>
    </row>
    <row r="749806" spans="14:14">
      <c r="N749806" s="10"/>
    </row>
    <row r="749807" spans="14:14">
      <c r="N749807" s="10"/>
    </row>
    <row r="749808" spans="14:14">
      <c r="N749808" s="10"/>
    </row>
    <row r="749809" spans="14:14">
      <c r="N749809" s="10"/>
    </row>
    <row r="749810" spans="14:14">
      <c r="N749810" s="10"/>
    </row>
    <row r="749811" spans="14:14">
      <c r="N749811" s="10"/>
    </row>
    <row r="749812" spans="14:14">
      <c r="N749812" s="10"/>
    </row>
    <row r="749813" spans="14:14">
      <c r="N749813" s="10"/>
    </row>
    <row r="749814" spans="14:14">
      <c r="N749814" s="10"/>
    </row>
    <row r="749815" spans="14:14">
      <c r="N749815" s="10"/>
    </row>
    <row r="749816" spans="14:14">
      <c r="N749816" s="10"/>
    </row>
    <row r="749817" spans="14:14">
      <c r="N749817" s="10"/>
    </row>
    <row r="749818" spans="14:14">
      <c r="N749818" s="10"/>
    </row>
    <row r="749819" spans="14:14">
      <c r="N749819" s="10"/>
    </row>
    <row r="749820" spans="14:14">
      <c r="N749820" s="10"/>
    </row>
    <row r="749821" spans="14:14">
      <c r="N749821" s="10"/>
    </row>
    <row r="749822" spans="14:14">
      <c r="N749822" s="10"/>
    </row>
    <row r="749823" spans="14:14">
      <c r="N749823" s="10"/>
    </row>
    <row r="749824" spans="14:14">
      <c r="N749824" s="10"/>
    </row>
    <row r="749825" spans="14:14">
      <c r="N749825" s="10"/>
    </row>
    <row r="749826" spans="14:14">
      <c r="N749826" s="10"/>
    </row>
    <row r="749827" spans="14:14">
      <c r="N749827" s="10"/>
    </row>
    <row r="749828" spans="14:14">
      <c r="N749828" s="10"/>
    </row>
    <row r="749829" spans="14:14">
      <c r="N749829" s="10"/>
    </row>
    <row r="749830" spans="14:14">
      <c r="N749830" s="10"/>
    </row>
    <row r="749831" spans="14:14">
      <c r="N749831" s="10"/>
    </row>
    <row r="749832" spans="14:14">
      <c r="N749832" s="10"/>
    </row>
    <row r="749833" spans="14:14">
      <c r="N749833" s="10"/>
    </row>
    <row r="749834" spans="14:14">
      <c r="N749834" s="10"/>
    </row>
    <row r="749835" spans="14:14">
      <c r="N749835" s="10"/>
    </row>
    <row r="749836" spans="14:14">
      <c r="N749836" s="10"/>
    </row>
    <row r="749837" spans="14:14">
      <c r="N749837" s="10"/>
    </row>
    <row r="749838" spans="14:14">
      <c r="N749838" s="10"/>
    </row>
    <row r="749839" spans="14:14">
      <c r="N749839" s="10"/>
    </row>
    <row r="749840" spans="14:14">
      <c r="N749840" s="10"/>
    </row>
    <row r="749841" spans="14:14">
      <c r="N749841" s="10"/>
    </row>
    <row r="749842" spans="14:14">
      <c r="N749842" s="10"/>
    </row>
    <row r="749843" spans="14:14">
      <c r="N749843" s="10"/>
    </row>
    <row r="749844" spans="14:14">
      <c r="N749844" s="10"/>
    </row>
    <row r="749845" spans="14:14">
      <c r="N749845" s="10"/>
    </row>
    <row r="749846" spans="14:14">
      <c r="N749846" s="10"/>
    </row>
    <row r="749847" spans="14:14">
      <c r="N749847" s="10"/>
    </row>
    <row r="749848" spans="14:14">
      <c r="N749848" s="10"/>
    </row>
    <row r="749849" spans="14:14">
      <c r="N749849" s="10"/>
    </row>
    <row r="749850" spans="14:14">
      <c r="N749850" s="10"/>
    </row>
    <row r="749851" spans="14:14">
      <c r="N749851" s="10"/>
    </row>
    <row r="749852" spans="14:14">
      <c r="N749852" s="10"/>
    </row>
    <row r="749853" spans="14:14">
      <c r="N749853" s="10"/>
    </row>
    <row r="749854" spans="14:14">
      <c r="N749854" s="10"/>
    </row>
    <row r="749855" spans="14:14">
      <c r="N749855" s="10"/>
    </row>
    <row r="749856" spans="14:14">
      <c r="N749856" s="10"/>
    </row>
    <row r="749857" spans="14:14">
      <c r="N749857" s="10"/>
    </row>
    <row r="749858" spans="14:14">
      <c r="N749858" s="10"/>
    </row>
    <row r="749859" spans="14:14">
      <c r="N749859" s="10"/>
    </row>
    <row r="749860" spans="14:14">
      <c r="N749860" s="10"/>
    </row>
    <row r="749861" spans="14:14">
      <c r="N749861" s="10"/>
    </row>
    <row r="749862" spans="14:14">
      <c r="N749862" s="10"/>
    </row>
    <row r="749863" spans="14:14">
      <c r="N749863" s="10"/>
    </row>
    <row r="749864" spans="14:14">
      <c r="N749864" s="10"/>
    </row>
    <row r="749865" spans="14:14">
      <c r="N749865" s="10"/>
    </row>
    <row r="749866" spans="14:14">
      <c r="N749866" s="10"/>
    </row>
    <row r="749867" spans="14:14">
      <c r="N749867" s="10"/>
    </row>
    <row r="749868" spans="14:14">
      <c r="N749868" s="10"/>
    </row>
    <row r="749869" spans="14:14">
      <c r="N749869" s="10"/>
    </row>
    <row r="749870" spans="14:14">
      <c r="N749870" s="10"/>
    </row>
    <row r="749871" spans="14:14">
      <c r="N749871" s="10"/>
    </row>
    <row r="749872" spans="14:14">
      <c r="N749872" s="10"/>
    </row>
    <row r="749873" spans="14:14">
      <c r="N749873" s="10"/>
    </row>
    <row r="749874" spans="14:14">
      <c r="N749874" s="10"/>
    </row>
    <row r="749875" spans="14:14">
      <c r="N749875" s="10"/>
    </row>
    <row r="749876" spans="14:14">
      <c r="N749876" s="10"/>
    </row>
    <row r="749877" spans="14:14">
      <c r="N749877" s="10"/>
    </row>
    <row r="749878" spans="14:14">
      <c r="N749878" s="10"/>
    </row>
    <row r="749879" spans="14:14">
      <c r="N749879" s="10"/>
    </row>
    <row r="749880" spans="14:14">
      <c r="N749880" s="10"/>
    </row>
    <row r="749881" spans="14:14">
      <c r="N749881" s="10"/>
    </row>
    <row r="749882" spans="14:14">
      <c r="N749882" s="10"/>
    </row>
    <row r="749883" spans="14:14">
      <c r="N749883" s="10"/>
    </row>
    <row r="749884" spans="14:14">
      <c r="N749884" s="10"/>
    </row>
    <row r="749885" spans="14:14">
      <c r="N749885" s="10"/>
    </row>
    <row r="749886" spans="14:14">
      <c r="N749886" s="10"/>
    </row>
    <row r="749887" spans="14:14">
      <c r="N749887" s="10"/>
    </row>
    <row r="749888" spans="14:14">
      <c r="N749888" s="10"/>
    </row>
    <row r="749889" spans="14:14">
      <c r="N749889" s="10"/>
    </row>
    <row r="749890" spans="14:14">
      <c r="N749890" s="10"/>
    </row>
    <row r="749891" spans="14:14">
      <c r="N749891" s="10"/>
    </row>
    <row r="749892" spans="14:14">
      <c r="N749892" s="10"/>
    </row>
    <row r="749893" spans="14:14">
      <c r="N749893" s="10"/>
    </row>
    <row r="749894" spans="14:14">
      <c r="N749894" s="10"/>
    </row>
    <row r="749895" spans="14:14">
      <c r="N749895" s="10"/>
    </row>
    <row r="749896" spans="14:14">
      <c r="N749896" s="10"/>
    </row>
    <row r="749897" spans="14:14">
      <c r="N749897" s="10"/>
    </row>
    <row r="749898" spans="14:14">
      <c r="N749898" s="10"/>
    </row>
    <row r="749899" spans="14:14">
      <c r="N749899" s="10"/>
    </row>
    <row r="749900" spans="14:14">
      <c r="N749900" s="10"/>
    </row>
    <row r="749901" spans="14:14">
      <c r="N749901" s="10"/>
    </row>
    <row r="749902" spans="14:14">
      <c r="N749902" s="10"/>
    </row>
    <row r="749903" spans="14:14">
      <c r="N749903" s="10"/>
    </row>
    <row r="749904" spans="14:14">
      <c r="N749904" s="10"/>
    </row>
    <row r="749905" spans="14:14">
      <c r="N749905" s="10"/>
    </row>
    <row r="749906" spans="14:14">
      <c r="N749906" s="10"/>
    </row>
    <row r="749907" spans="14:14">
      <c r="N749907" s="10"/>
    </row>
    <row r="749908" spans="14:14">
      <c r="N749908" s="10"/>
    </row>
    <row r="749909" spans="14:14">
      <c r="N749909" s="10"/>
    </row>
    <row r="749910" spans="14:14">
      <c r="N749910" s="10"/>
    </row>
    <row r="749911" spans="14:14">
      <c r="N749911" s="10"/>
    </row>
    <row r="749912" spans="14:14">
      <c r="N749912" s="10"/>
    </row>
    <row r="749913" spans="14:14">
      <c r="N749913" s="10"/>
    </row>
    <row r="749914" spans="14:14">
      <c r="N749914" s="10"/>
    </row>
    <row r="749915" spans="14:14">
      <c r="N749915" s="10"/>
    </row>
    <row r="749916" spans="14:14">
      <c r="N749916" s="10"/>
    </row>
    <row r="749917" spans="14:14">
      <c r="N749917" s="10"/>
    </row>
    <row r="749918" spans="14:14">
      <c r="N749918" s="10"/>
    </row>
    <row r="749919" spans="14:14">
      <c r="N749919" s="10"/>
    </row>
    <row r="749920" spans="14:14">
      <c r="N749920" s="10"/>
    </row>
    <row r="749921" spans="14:14">
      <c r="N749921" s="10"/>
    </row>
    <row r="749922" spans="14:14">
      <c r="N749922" s="10"/>
    </row>
    <row r="749923" spans="14:14">
      <c r="N749923" s="10"/>
    </row>
    <row r="749924" spans="14:14">
      <c r="N749924" s="10"/>
    </row>
    <row r="749925" spans="14:14">
      <c r="N749925" s="10"/>
    </row>
    <row r="749926" spans="14:14">
      <c r="N749926" s="10"/>
    </row>
    <row r="749927" spans="14:14">
      <c r="N749927" s="10"/>
    </row>
    <row r="749928" spans="14:14">
      <c r="N749928" s="10"/>
    </row>
    <row r="749929" spans="14:14">
      <c r="N749929" s="10"/>
    </row>
    <row r="749930" spans="14:14">
      <c r="N749930" s="10"/>
    </row>
    <row r="749931" spans="14:14">
      <c r="N749931" s="10"/>
    </row>
    <row r="749932" spans="14:14">
      <c r="N749932" s="10"/>
    </row>
    <row r="749933" spans="14:14">
      <c r="N749933" s="10"/>
    </row>
    <row r="749934" spans="14:14">
      <c r="N749934" s="10"/>
    </row>
    <row r="749935" spans="14:14">
      <c r="N749935" s="10"/>
    </row>
    <row r="749936" spans="14:14">
      <c r="N749936" s="10"/>
    </row>
    <row r="749937" spans="14:14">
      <c r="N749937" s="10"/>
    </row>
    <row r="749938" spans="14:14">
      <c r="N749938" s="10"/>
    </row>
    <row r="749939" spans="14:14">
      <c r="N749939" s="10"/>
    </row>
    <row r="749940" spans="14:14">
      <c r="N749940" s="10"/>
    </row>
    <row r="749941" spans="14:14">
      <c r="N749941" s="10"/>
    </row>
    <row r="749942" spans="14:14">
      <c r="N749942" s="10"/>
    </row>
    <row r="749943" spans="14:14">
      <c r="N749943" s="10"/>
    </row>
    <row r="749944" spans="14:14">
      <c r="N749944" s="10"/>
    </row>
    <row r="749945" spans="14:14">
      <c r="N749945" s="10"/>
    </row>
    <row r="749946" spans="14:14">
      <c r="N749946" s="10"/>
    </row>
    <row r="749947" spans="14:14">
      <c r="N749947" s="10"/>
    </row>
    <row r="749948" spans="14:14">
      <c r="N749948" s="10"/>
    </row>
    <row r="749949" spans="14:14">
      <c r="N749949" s="10"/>
    </row>
    <row r="749950" spans="14:14">
      <c r="N749950" s="10"/>
    </row>
    <row r="749951" spans="14:14">
      <c r="N749951" s="10"/>
    </row>
    <row r="749952" spans="14:14">
      <c r="N749952" s="10"/>
    </row>
    <row r="749953" spans="14:14">
      <c r="N749953" s="10"/>
    </row>
    <row r="749954" spans="14:14">
      <c r="N749954" s="10"/>
    </row>
    <row r="749955" spans="14:14">
      <c r="N749955" s="10"/>
    </row>
    <row r="749956" spans="14:14">
      <c r="N749956" s="10"/>
    </row>
    <row r="749957" spans="14:14">
      <c r="N749957" s="10"/>
    </row>
    <row r="749958" spans="14:14">
      <c r="N749958" s="10"/>
    </row>
    <row r="749959" spans="14:14">
      <c r="N749959" s="10"/>
    </row>
    <row r="749960" spans="14:14">
      <c r="N749960" s="10"/>
    </row>
    <row r="749961" spans="14:14">
      <c r="N749961" s="10"/>
    </row>
    <row r="749962" spans="14:14">
      <c r="N749962" s="10"/>
    </row>
    <row r="749963" spans="14:14">
      <c r="N749963" s="10"/>
    </row>
    <row r="749964" spans="14:14">
      <c r="N749964" s="10"/>
    </row>
    <row r="749965" spans="14:14">
      <c r="N749965" s="10"/>
    </row>
    <row r="749966" spans="14:14">
      <c r="N749966" s="10"/>
    </row>
    <row r="749967" spans="14:14">
      <c r="N749967" s="10"/>
    </row>
    <row r="749968" spans="14:14">
      <c r="N749968" s="10"/>
    </row>
    <row r="749969" spans="14:14">
      <c r="N749969" s="10"/>
    </row>
    <row r="749970" spans="14:14">
      <c r="N749970" s="10"/>
    </row>
    <row r="749971" spans="14:14">
      <c r="N749971" s="10"/>
    </row>
    <row r="749972" spans="14:14">
      <c r="N749972" s="10"/>
    </row>
    <row r="749973" spans="14:14">
      <c r="N749973" s="10"/>
    </row>
    <row r="749974" spans="14:14">
      <c r="N749974" s="10"/>
    </row>
    <row r="749975" spans="14:14">
      <c r="N749975" s="10"/>
    </row>
    <row r="749976" spans="14:14">
      <c r="N749976" s="10"/>
    </row>
    <row r="749977" spans="14:14">
      <c r="N749977" s="10"/>
    </row>
    <row r="749978" spans="14:14">
      <c r="N749978" s="10"/>
    </row>
    <row r="749979" spans="14:14">
      <c r="N749979" s="10"/>
    </row>
    <row r="749980" spans="14:14">
      <c r="N749980" s="10"/>
    </row>
    <row r="749981" spans="14:14">
      <c r="N749981" s="10"/>
    </row>
    <row r="749982" spans="14:14">
      <c r="N749982" s="10"/>
    </row>
    <row r="749983" spans="14:14">
      <c r="N749983" s="10"/>
    </row>
    <row r="749984" spans="14:14">
      <c r="N749984" s="10"/>
    </row>
    <row r="749985" spans="14:14">
      <c r="N749985" s="10"/>
    </row>
    <row r="749986" spans="14:14">
      <c r="N749986" s="10"/>
    </row>
    <row r="749987" spans="14:14">
      <c r="N749987" s="10"/>
    </row>
    <row r="749988" spans="14:14">
      <c r="N749988" s="10"/>
    </row>
    <row r="749989" spans="14:14">
      <c r="N749989" s="10"/>
    </row>
    <row r="749990" spans="14:14">
      <c r="N749990" s="10"/>
    </row>
    <row r="749991" spans="14:14">
      <c r="N749991" s="10"/>
    </row>
    <row r="749992" spans="14:14">
      <c r="N749992" s="10"/>
    </row>
    <row r="749993" spans="14:14">
      <c r="N749993" s="10"/>
    </row>
    <row r="749994" spans="14:14">
      <c r="N749994" s="10"/>
    </row>
    <row r="749995" spans="14:14">
      <c r="N749995" s="10"/>
    </row>
    <row r="749996" spans="14:14">
      <c r="N749996" s="10"/>
    </row>
    <row r="749997" spans="14:14">
      <c r="N749997" s="10"/>
    </row>
    <row r="749998" spans="14:14">
      <c r="N749998" s="10"/>
    </row>
    <row r="749999" spans="14:14">
      <c r="N749999" s="10"/>
    </row>
    <row r="750000" spans="14:14">
      <c r="N750000" s="10"/>
    </row>
    <row r="750001" spans="14:14">
      <c r="N750001" s="10"/>
    </row>
    <row r="750002" spans="14:14">
      <c r="N750002" s="10"/>
    </row>
    <row r="750003" spans="14:14">
      <c r="N750003" s="10"/>
    </row>
    <row r="750004" spans="14:14">
      <c r="N750004" s="10"/>
    </row>
    <row r="750005" spans="14:14">
      <c r="N750005" s="10"/>
    </row>
    <row r="750006" spans="14:14">
      <c r="N750006" s="10"/>
    </row>
    <row r="750007" spans="14:14">
      <c r="N750007" s="10"/>
    </row>
    <row r="750008" spans="14:14">
      <c r="N750008" s="10"/>
    </row>
    <row r="750009" spans="14:14">
      <c r="N750009" s="10"/>
    </row>
    <row r="750010" spans="14:14">
      <c r="N750010" s="10"/>
    </row>
    <row r="750011" spans="14:14">
      <c r="N750011" s="10"/>
    </row>
    <row r="750012" spans="14:14">
      <c r="N750012" s="10"/>
    </row>
    <row r="750013" spans="14:14">
      <c r="N750013" s="10"/>
    </row>
    <row r="750014" spans="14:14">
      <c r="N750014" s="10"/>
    </row>
    <row r="750015" spans="14:14">
      <c r="N750015" s="10"/>
    </row>
    <row r="750016" spans="14:14">
      <c r="N750016" s="10"/>
    </row>
    <row r="750017" spans="14:14">
      <c r="N750017" s="10"/>
    </row>
    <row r="750018" spans="14:14">
      <c r="N750018" s="10"/>
    </row>
    <row r="750019" spans="14:14">
      <c r="N750019" s="10"/>
    </row>
    <row r="750020" spans="14:14">
      <c r="N750020" s="10"/>
    </row>
    <row r="750021" spans="14:14">
      <c r="N750021" s="10"/>
    </row>
    <row r="750022" spans="14:14">
      <c r="N750022" s="10"/>
    </row>
    <row r="750023" spans="14:14">
      <c r="N750023" s="10"/>
    </row>
    <row r="750024" spans="14:14">
      <c r="N750024" s="10"/>
    </row>
    <row r="750025" spans="14:14">
      <c r="N750025" s="10"/>
    </row>
    <row r="750026" spans="14:14">
      <c r="N750026" s="10"/>
    </row>
    <row r="750027" spans="14:14">
      <c r="N750027" s="10"/>
    </row>
    <row r="750028" spans="14:14">
      <c r="N750028" s="10"/>
    </row>
    <row r="750029" spans="14:14">
      <c r="N750029" s="10"/>
    </row>
    <row r="750030" spans="14:14">
      <c r="N750030" s="10"/>
    </row>
    <row r="750031" spans="14:14">
      <c r="N750031" s="10"/>
    </row>
    <row r="750032" spans="14:14">
      <c r="N750032" s="10"/>
    </row>
    <row r="750033" spans="14:14">
      <c r="N750033" s="10"/>
    </row>
    <row r="750034" spans="14:14">
      <c r="N750034" s="10"/>
    </row>
    <row r="750035" spans="14:14">
      <c r="N750035" s="10"/>
    </row>
    <row r="750036" spans="14:14">
      <c r="N750036" s="10"/>
    </row>
    <row r="750037" spans="14:14">
      <c r="N750037" s="10"/>
    </row>
    <row r="750038" spans="14:14">
      <c r="N750038" s="10"/>
    </row>
    <row r="750039" spans="14:14">
      <c r="N750039" s="10"/>
    </row>
    <row r="750040" spans="14:14">
      <c r="N750040" s="10"/>
    </row>
    <row r="750041" spans="14:14">
      <c r="N750041" s="10"/>
    </row>
    <row r="750042" spans="14:14">
      <c r="N750042" s="10"/>
    </row>
    <row r="750043" spans="14:14">
      <c r="N750043" s="10"/>
    </row>
    <row r="750044" spans="14:14">
      <c r="N750044" s="10"/>
    </row>
    <row r="750045" spans="14:14">
      <c r="N750045" s="10"/>
    </row>
    <row r="750046" spans="14:14">
      <c r="N750046" s="10"/>
    </row>
    <row r="750047" spans="14:14">
      <c r="N750047" s="10"/>
    </row>
    <row r="750048" spans="14:14">
      <c r="N750048" s="10"/>
    </row>
    <row r="750049" spans="14:14">
      <c r="N750049" s="10"/>
    </row>
    <row r="750050" spans="14:14">
      <c r="N750050" s="10"/>
    </row>
    <row r="750051" spans="14:14">
      <c r="N750051" s="10"/>
    </row>
    <row r="750052" spans="14:14">
      <c r="N750052" s="10"/>
    </row>
    <row r="750053" spans="14:14">
      <c r="N750053" s="10"/>
    </row>
    <row r="750054" spans="14:14">
      <c r="N750054" s="10"/>
    </row>
    <row r="750055" spans="14:14">
      <c r="N750055" s="10"/>
    </row>
    <row r="750056" spans="14:14">
      <c r="N750056" s="10"/>
    </row>
    <row r="750057" spans="14:14">
      <c r="N750057" s="10"/>
    </row>
    <row r="750058" spans="14:14">
      <c r="N750058" s="10"/>
    </row>
    <row r="750059" spans="14:14">
      <c r="N750059" s="10"/>
    </row>
    <row r="750060" spans="14:14">
      <c r="N750060" s="10"/>
    </row>
    <row r="750061" spans="14:14">
      <c r="N750061" s="10"/>
    </row>
    <row r="750062" spans="14:14">
      <c r="N750062" s="10"/>
    </row>
    <row r="750063" spans="14:14">
      <c r="N750063" s="10"/>
    </row>
    <row r="750064" spans="14:14">
      <c r="N750064" s="10"/>
    </row>
    <row r="750065" spans="14:14">
      <c r="N750065" s="10"/>
    </row>
    <row r="750066" spans="14:14">
      <c r="N750066" s="10"/>
    </row>
    <row r="750067" spans="14:14">
      <c r="N750067" s="10"/>
    </row>
    <row r="750068" spans="14:14">
      <c r="N750068" s="10"/>
    </row>
    <row r="750069" spans="14:14">
      <c r="N750069" s="10"/>
    </row>
    <row r="750070" spans="14:14">
      <c r="N750070" s="10"/>
    </row>
    <row r="750071" spans="14:14">
      <c r="N750071" s="10"/>
    </row>
    <row r="750072" spans="14:14">
      <c r="N750072" s="10"/>
    </row>
    <row r="750073" spans="14:14">
      <c r="N750073" s="10"/>
    </row>
    <row r="750074" spans="14:14">
      <c r="N750074" s="10"/>
    </row>
    <row r="750075" spans="14:14">
      <c r="N750075" s="10"/>
    </row>
    <row r="750076" spans="14:14">
      <c r="N750076" s="10"/>
    </row>
    <row r="750077" spans="14:14">
      <c r="N750077" s="10"/>
    </row>
    <row r="750078" spans="14:14">
      <c r="N750078" s="10"/>
    </row>
    <row r="750079" spans="14:14">
      <c r="N750079" s="10"/>
    </row>
    <row r="750080" spans="14:14">
      <c r="N750080" s="10"/>
    </row>
    <row r="750081" spans="14:14">
      <c r="N750081" s="10"/>
    </row>
    <row r="750082" spans="14:14">
      <c r="N750082" s="10"/>
    </row>
    <row r="750083" spans="14:14">
      <c r="N750083" s="10"/>
    </row>
    <row r="750084" spans="14:14">
      <c r="N750084" s="10"/>
    </row>
    <row r="750085" spans="14:14">
      <c r="N750085" s="10"/>
    </row>
    <row r="750086" spans="14:14">
      <c r="N750086" s="10"/>
    </row>
    <row r="750087" spans="14:14">
      <c r="N750087" s="10"/>
    </row>
    <row r="750088" spans="14:14">
      <c r="N750088" s="10"/>
    </row>
    <row r="750089" spans="14:14">
      <c r="N750089" s="10"/>
    </row>
    <row r="750090" spans="14:14">
      <c r="N750090" s="10"/>
    </row>
    <row r="750091" spans="14:14">
      <c r="N750091" s="10"/>
    </row>
    <row r="750092" spans="14:14">
      <c r="N750092" s="10"/>
    </row>
    <row r="750093" spans="14:14">
      <c r="N750093" s="10"/>
    </row>
    <row r="750094" spans="14:14">
      <c r="N750094" s="10"/>
    </row>
    <row r="750095" spans="14:14">
      <c r="N750095" s="10"/>
    </row>
    <row r="750096" spans="14:14">
      <c r="N750096" s="10"/>
    </row>
    <row r="750097" spans="14:14">
      <c r="N750097" s="10"/>
    </row>
    <row r="750098" spans="14:14">
      <c r="N750098" s="10"/>
    </row>
    <row r="750099" spans="14:14">
      <c r="N750099" s="10"/>
    </row>
    <row r="750100" spans="14:14">
      <c r="N750100" s="10"/>
    </row>
    <row r="750101" spans="14:14">
      <c r="N750101" s="10"/>
    </row>
    <row r="750102" spans="14:14">
      <c r="N750102" s="10"/>
    </row>
    <row r="750103" spans="14:14">
      <c r="N750103" s="10"/>
    </row>
    <row r="750104" spans="14:14">
      <c r="N750104" s="10"/>
    </row>
    <row r="750105" spans="14:14">
      <c r="N750105" s="10"/>
    </row>
    <row r="750106" spans="14:14">
      <c r="N750106" s="10"/>
    </row>
    <row r="750107" spans="14:14">
      <c r="N750107" s="10"/>
    </row>
    <row r="750108" spans="14:14">
      <c r="N750108" s="10"/>
    </row>
    <row r="750109" spans="14:14">
      <c r="N750109" s="10"/>
    </row>
    <row r="750110" spans="14:14">
      <c r="N750110" s="10"/>
    </row>
    <row r="750111" spans="14:14">
      <c r="N750111" s="10"/>
    </row>
    <row r="750112" spans="14:14">
      <c r="N750112" s="10"/>
    </row>
    <row r="750113" spans="14:14">
      <c r="N750113" s="10"/>
    </row>
    <row r="750114" spans="14:14">
      <c r="N750114" s="10"/>
    </row>
    <row r="750115" spans="14:14">
      <c r="N750115" s="10"/>
    </row>
    <row r="750116" spans="14:14">
      <c r="N750116" s="10"/>
    </row>
    <row r="750117" spans="14:14">
      <c r="N750117" s="10"/>
    </row>
    <row r="750118" spans="14:14">
      <c r="N750118" s="10"/>
    </row>
    <row r="750119" spans="14:14">
      <c r="N750119" s="10"/>
    </row>
    <row r="750120" spans="14:14">
      <c r="N750120" s="10"/>
    </row>
    <row r="750121" spans="14:14">
      <c r="N750121" s="10"/>
    </row>
    <row r="750122" spans="14:14">
      <c r="N750122" s="10"/>
    </row>
    <row r="750123" spans="14:14">
      <c r="N750123" s="10"/>
    </row>
    <row r="750124" spans="14:14">
      <c r="N750124" s="10"/>
    </row>
    <row r="750125" spans="14:14">
      <c r="N750125" s="10"/>
    </row>
    <row r="750126" spans="14:14">
      <c r="N750126" s="10"/>
    </row>
    <row r="750127" spans="14:14">
      <c r="N750127" s="10"/>
    </row>
    <row r="750128" spans="14:14">
      <c r="N750128" s="10"/>
    </row>
    <row r="750129" spans="14:14">
      <c r="N750129" s="10"/>
    </row>
    <row r="750130" spans="14:14">
      <c r="N750130" s="10"/>
    </row>
    <row r="750131" spans="14:14">
      <c r="N750131" s="10"/>
    </row>
    <row r="750132" spans="14:14">
      <c r="N750132" s="10"/>
    </row>
    <row r="750133" spans="14:14">
      <c r="N750133" s="10"/>
    </row>
    <row r="750134" spans="14:14">
      <c r="N750134" s="10"/>
    </row>
    <row r="750135" spans="14:14">
      <c r="N750135" s="10"/>
    </row>
    <row r="750136" spans="14:14">
      <c r="N750136" s="10"/>
    </row>
    <row r="750137" spans="14:14">
      <c r="N750137" s="10"/>
    </row>
    <row r="750138" spans="14:14">
      <c r="N750138" s="10"/>
    </row>
    <row r="750139" spans="14:14">
      <c r="N750139" s="10"/>
    </row>
    <row r="750140" spans="14:14">
      <c r="N750140" s="10"/>
    </row>
    <row r="750141" spans="14:14">
      <c r="N750141" s="10"/>
    </row>
    <row r="750142" spans="14:14">
      <c r="N750142" s="10"/>
    </row>
    <row r="750143" spans="14:14">
      <c r="N750143" s="10"/>
    </row>
    <row r="750144" spans="14:14">
      <c r="N750144" s="10"/>
    </row>
    <row r="750145" spans="14:14">
      <c r="N750145" s="10"/>
    </row>
    <row r="750146" spans="14:14">
      <c r="N750146" s="10"/>
    </row>
    <row r="750147" spans="14:14">
      <c r="N750147" s="10"/>
    </row>
    <row r="750148" spans="14:14">
      <c r="N750148" s="10"/>
    </row>
    <row r="750149" spans="14:14">
      <c r="N750149" s="10"/>
    </row>
    <row r="750150" spans="14:14">
      <c r="N750150" s="10"/>
    </row>
    <row r="750151" spans="14:14">
      <c r="N750151" s="10"/>
    </row>
    <row r="750152" spans="14:14">
      <c r="N750152" s="10"/>
    </row>
    <row r="750153" spans="14:14">
      <c r="N750153" s="10"/>
    </row>
    <row r="750154" spans="14:14">
      <c r="N750154" s="10"/>
    </row>
    <row r="750155" spans="14:14">
      <c r="N750155" s="10"/>
    </row>
    <row r="750156" spans="14:14">
      <c r="N750156" s="10"/>
    </row>
    <row r="750157" spans="14:14">
      <c r="N750157" s="10"/>
    </row>
    <row r="750158" spans="14:14">
      <c r="N750158" s="10"/>
    </row>
    <row r="750159" spans="14:14">
      <c r="N750159" s="10"/>
    </row>
    <row r="750160" spans="14:14">
      <c r="N750160" s="10"/>
    </row>
    <row r="750161" spans="14:14">
      <c r="N750161" s="10"/>
    </row>
    <row r="750162" spans="14:14">
      <c r="N750162" s="10"/>
    </row>
    <row r="750163" spans="14:14">
      <c r="N750163" s="10"/>
    </row>
    <row r="750164" spans="14:14">
      <c r="N750164" s="10"/>
    </row>
    <row r="750165" spans="14:14">
      <c r="N750165" s="10"/>
    </row>
    <row r="750166" spans="14:14">
      <c r="N750166" s="10"/>
    </row>
    <row r="750167" spans="14:14">
      <c r="N750167" s="10"/>
    </row>
    <row r="750168" spans="14:14">
      <c r="N750168" s="10"/>
    </row>
    <row r="750169" spans="14:14">
      <c r="N750169" s="10"/>
    </row>
    <row r="750170" spans="14:14">
      <c r="N750170" s="10"/>
    </row>
    <row r="750171" spans="14:14">
      <c r="N750171" s="10"/>
    </row>
    <row r="750172" spans="14:14">
      <c r="N750172" s="10"/>
    </row>
    <row r="750173" spans="14:14">
      <c r="N750173" s="10"/>
    </row>
    <row r="750174" spans="14:14">
      <c r="N750174" s="10"/>
    </row>
    <row r="750175" spans="14:14">
      <c r="N750175" s="10"/>
    </row>
    <row r="750176" spans="14:14">
      <c r="N750176" s="10"/>
    </row>
    <row r="750177" spans="14:14">
      <c r="N750177" s="10"/>
    </row>
    <row r="750178" spans="14:14">
      <c r="N750178" s="10"/>
    </row>
    <row r="750179" spans="14:14">
      <c r="N750179" s="10"/>
    </row>
    <row r="750180" spans="14:14">
      <c r="N750180" s="10"/>
    </row>
    <row r="750181" spans="14:14">
      <c r="N750181" s="10"/>
    </row>
    <row r="750182" spans="14:14">
      <c r="N750182" s="10"/>
    </row>
    <row r="750183" spans="14:14">
      <c r="N750183" s="10"/>
    </row>
    <row r="750184" spans="14:14">
      <c r="N750184" s="10"/>
    </row>
    <row r="750185" spans="14:14">
      <c r="N750185" s="10"/>
    </row>
    <row r="750186" spans="14:14">
      <c r="N750186" s="10"/>
    </row>
    <row r="750187" spans="14:14">
      <c r="N750187" s="10"/>
    </row>
    <row r="750188" spans="14:14">
      <c r="N750188" s="10"/>
    </row>
    <row r="750189" spans="14:14">
      <c r="N750189" s="10"/>
    </row>
    <row r="750190" spans="14:14">
      <c r="N750190" s="10"/>
    </row>
    <row r="750191" spans="14:14">
      <c r="N750191" s="10"/>
    </row>
    <row r="750192" spans="14:14">
      <c r="N750192" s="10"/>
    </row>
    <row r="750193" spans="14:14">
      <c r="N750193" s="10"/>
    </row>
    <row r="750194" spans="14:14">
      <c r="N750194" s="10"/>
    </row>
    <row r="750195" spans="14:14">
      <c r="N750195" s="10"/>
    </row>
    <row r="750196" spans="14:14">
      <c r="N750196" s="10"/>
    </row>
    <row r="750197" spans="14:14">
      <c r="N750197" s="10"/>
    </row>
    <row r="750198" spans="14:14">
      <c r="N750198" s="10"/>
    </row>
    <row r="750199" spans="14:14">
      <c r="N750199" s="10"/>
    </row>
    <row r="750200" spans="14:14">
      <c r="N750200" s="10"/>
    </row>
    <row r="750201" spans="14:14">
      <c r="N750201" s="10"/>
    </row>
    <row r="750202" spans="14:14">
      <c r="N750202" s="10"/>
    </row>
    <row r="750203" spans="14:14">
      <c r="N750203" s="10"/>
    </row>
    <row r="750204" spans="14:14">
      <c r="N750204" s="10"/>
    </row>
    <row r="750205" spans="14:14">
      <c r="N750205" s="10"/>
    </row>
    <row r="750206" spans="14:14">
      <c r="N750206" s="10"/>
    </row>
    <row r="750207" spans="14:14">
      <c r="N750207" s="10"/>
    </row>
    <row r="750208" spans="14:14">
      <c r="N750208" s="10"/>
    </row>
    <row r="750209" spans="14:14">
      <c r="N750209" s="10"/>
    </row>
    <row r="750210" spans="14:14">
      <c r="N750210" s="10"/>
    </row>
    <row r="750211" spans="14:14">
      <c r="N750211" s="10"/>
    </row>
    <row r="750212" spans="14:14">
      <c r="N750212" s="10"/>
    </row>
    <row r="750213" spans="14:14">
      <c r="N750213" s="10"/>
    </row>
    <row r="750214" spans="14:14">
      <c r="N750214" s="10"/>
    </row>
    <row r="750215" spans="14:14">
      <c r="N750215" s="10"/>
    </row>
    <row r="750216" spans="14:14">
      <c r="N750216" s="10"/>
    </row>
    <row r="750217" spans="14:14">
      <c r="N750217" s="10"/>
    </row>
    <row r="750218" spans="14:14">
      <c r="N750218" s="10"/>
    </row>
    <row r="750219" spans="14:14">
      <c r="N750219" s="10"/>
    </row>
    <row r="750220" spans="14:14">
      <c r="N750220" s="10"/>
    </row>
    <row r="750221" spans="14:14">
      <c r="N750221" s="10"/>
    </row>
    <row r="750222" spans="14:14">
      <c r="N750222" s="10"/>
    </row>
    <row r="750223" spans="14:14">
      <c r="N750223" s="10"/>
    </row>
    <row r="750224" spans="14:14">
      <c r="N750224" s="10"/>
    </row>
    <row r="750225" spans="14:14">
      <c r="N750225" s="10"/>
    </row>
    <row r="750226" spans="14:14">
      <c r="N750226" s="10"/>
    </row>
    <row r="750227" spans="14:14">
      <c r="N750227" s="10"/>
    </row>
    <row r="750228" spans="14:14">
      <c r="N750228" s="10"/>
    </row>
    <row r="750229" spans="14:14">
      <c r="N750229" s="10"/>
    </row>
    <row r="750230" spans="14:14">
      <c r="N750230" s="10"/>
    </row>
    <row r="750231" spans="14:14">
      <c r="N750231" s="10"/>
    </row>
    <row r="750232" spans="14:14">
      <c r="N750232" s="10"/>
    </row>
    <row r="750233" spans="14:14">
      <c r="N750233" s="10"/>
    </row>
    <row r="750234" spans="14:14">
      <c r="N750234" s="10"/>
    </row>
    <row r="750235" spans="14:14">
      <c r="N750235" s="10"/>
    </row>
    <row r="750236" spans="14:14">
      <c r="N750236" s="10"/>
    </row>
    <row r="750237" spans="14:14">
      <c r="N750237" s="10"/>
    </row>
    <row r="750238" spans="14:14">
      <c r="N750238" s="10"/>
    </row>
    <row r="750239" spans="14:14">
      <c r="N750239" s="10"/>
    </row>
    <row r="750240" spans="14:14">
      <c r="N750240" s="10"/>
    </row>
    <row r="750241" spans="14:14">
      <c r="N750241" s="10"/>
    </row>
    <row r="750242" spans="14:14">
      <c r="N750242" s="10"/>
    </row>
    <row r="750243" spans="14:14">
      <c r="N750243" s="10"/>
    </row>
    <row r="750244" spans="14:14">
      <c r="N750244" s="10"/>
    </row>
    <row r="750245" spans="14:14">
      <c r="N750245" s="10"/>
    </row>
    <row r="750246" spans="14:14">
      <c r="N750246" s="10"/>
    </row>
    <row r="750247" spans="14:14">
      <c r="N750247" s="10"/>
    </row>
    <row r="750248" spans="14:14">
      <c r="N750248" s="10"/>
    </row>
    <row r="750249" spans="14:14">
      <c r="N750249" s="10"/>
    </row>
    <row r="750250" spans="14:14">
      <c r="N750250" s="10"/>
    </row>
    <row r="750251" spans="14:14">
      <c r="N750251" s="10"/>
    </row>
    <row r="750252" spans="14:14">
      <c r="N750252" s="10"/>
    </row>
    <row r="750253" spans="14:14">
      <c r="N750253" s="10"/>
    </row>
    <row r="750254" spans="14:14">
      <c r="N750254" s="10"/>
    </row>
    <row r="750255" spans="14:14">
      <c r="N750255" s="10"/>
    </row>
    <row r="750256" spans="14:14">
      <c r="N750256" s="10"/>
    </row>
    <row r="750257" spans="14:14">
      <c r="N750257" s="10"/>
    </row>
    <row r="750258" spans="14:14">
      <c r="N750258" s="10"/>
    </row>
    <row r="750259" spans="14:14">
      <c r="N750259" s="10"/>
    </row>
    <row r="750260" spans="14:14">
      <c r="N750260" s="10"/>
    </row>
    <row r="750261" spans="14:14">
      <c r="N750261" s="10"/>
    </row>
    <row r="750262" spans="14:14">
      <c r="N750262" s="10"/>
    </row>
    <row r="750263" spans="14:14">
      <c r="N750263" s="10"/>
    </row>
    <row r="750264" spans="14:14">
      <c r="N750264" s="10"/>
    </row>
    <row r="750265" spans="14:14">
      <c r="N750265" s="10"/>
    </row>
    <row r="750266" spans="14:14">
      <c r="N750266" s="10"/>
    </row>
    <row r="750267" spans="14:14">
      <c r="N750267" s="10"/>
    </row>
    <row r="750268" spans="14:14">
      <c r="N750268" s="10"/>
    </row>
    <row r="750269" spans="14:14">
      <c r="N750269" s="10"/>
    </row>
    <row r="750270" spans="14:14">
      <c r="N750270" s="10"/>
    </row>
    <row r="750271" spans="14:14">
      <c r="N750271" s="10"/>
    </row>
    <row r="750272" spans="14:14">
      <c r="N750272" s="10"/>
    </row>
    <row r="750273" spans="14:14">
      <c r="N750273" s="10"/>
    </row>
    <row r="750274" spans="14:14">
      <c r="N750274" s="10"/>
    </row>
    <row r="750275" spans="14:14">
      <c r="N750275" s="10"/>
    </row>
    <row r="750276" spans="14:14">
      <c r="N750276" s="10"/>
    </row>
    <row r="750277" spans="14:14">
      <c r="N750277" s="10"/>
    </row>
    <row r="750278" spans="14:14">
      <c r="N750278" s="10"/>
    </row>
    <row r="750279" spans="14:14">
      <c r="N750279" s="10"/>
    </row>
    <row r="750280" spans="14:14">
      <c r="N750280" s="10"/>
    </row>
    <row r="750281" spans="14:14">
      <c r="N750281" s="10"/>
    </row>
    <row r="750282" spans="14:14">
      <c r="N750282" s="10"/>
    </row>
    <row r="750283" spans="14:14">
      <c r="N750283" s="10"/>
    </row>
    <row r="750284" spans="14:14">
      <c r="N750284" s="10"/>
    </row>
    <row r="750285" spans="14:14">
      <c r="N750285" s="10"/>
    </row>
    <row r="750286" spans="14:14">
      <c r="N750286" s="10"/>
    </row>
    <row r="750287" spans="14:14">
      <c r="N750287" s="10"/>
    </row>
    <row r="750288" spans="14:14">
      <c r="N750288" s="10"/>
    </row>
    <row r="750289" spans="14:14">
      <c r="N750289" s="10"/>
    </row>
    <row r="750290" spans="14:14">
      <c r="N750290" s="10"/>
    </row>
    <row r="750291" spans="14:14">
      <c r="N750291" s="10"/>
    </row>
    <row r="750292" spans="14:14">
      <c r="N750292" s="10"/>
    </row>
    <row r="750293" spans="14:14">
      <c r="N750293" s="10"/>
    </row>
    <row r="750294" spans="14:14">
      <c r="N750294" s="10"/>
    </row>
    <row r="750295" spans="14:14">
      <c r="N750295" s="10"/>
    </row>
    <row r="750296" spans="14:14">
      <c r="N750296" s="10"/>
    </row>
    <row r="750297" spans="14:14">
      <c r="N750297" s="10"/>
    </row>
    <row r="750298" spans="14:14">
      <c r="N750298" s="10"/>
    </row>
    <row r="750299" spans="14:14">
      <c r="N750299" s="10"/>
    </row>
    <row r="750300" spans="14:14">
      <c r="N750300" s="10"/>
    </row>
    <row r="750301" spans="14:14">
      <c r="N750301" s="10"/>
    </row>
    <row r="750302" spans="14:14">
      <c r="N750302" s="10"/>
    </row>
    <row r="750303" spans="14:14">
      <c r="N750303" s="10"/>
    </row>
    <row r="750304" spans="14:14">
      <c r="N750304" s="10"/>
    </row>
    <row r="750305" spans="14:14">
      <c r="N750305" s="10"/>
    </row>
    <row r="750306" spans="14:14">
      <c r="N750306" s="10"/>
    </row>
    <row r="750307" spans="14:14">
      <c r="N750307" s="10"/>
    </row>
    <row r="750308" spans="14:14">
      <c r="N750308" s="10"/>
    </row>
    <row r="750309" spans="14:14">
      <c r="N750309" s="10"/>
    </row>
    <row r="750310" spans="14:14">
      <c r="N750310" s="10"/>
    </row>
    <row r="750311" spans="14:14">
      <c r="N750311" s="10"/>
    </row>
    <row r="750312" spans="14:14">
      <c r="N750312" s="10"/>
    </row>
    <row r="750313" spans="14:14">
      <c r="N750313" s="10"/>
    </row>
    <row r="750314" spans="14:14">
      <c r="N750314" s="10"/>
    </row>
    <row r="750315" spans="14:14">
      <c r="N750315" s="10"/>
    </row>
    <row r="750316" spans="14:14">
      <c r="N750316" s="10"/>
    </row>
    <row r="750317" spans="14:14">
      <c r="N750317" s="10"/>
    </row>
    <row r="750318" spans="14:14">
      <c r="N750318" s="10"/>
    </row>
    <row r="750319" spans="14:14">
      <c r="N750319" s="10"/>
    </row>
    <row r="750320" spans="14:14">
      <c r="N750320" s="10"/>
    </row>
    <row r="750321" spans="14:14">
      <c r="N750321" s="10"/>
    </row>
    <row r="750322" spans="14:14">
      <c r="N750322" s="10"/>
    </row>
    <row r="750323" spans="14:14">
      <c r="N750323" s="10"/>
    </row>
    <row r="750324" spans="14:14">
      <c r="N750324" s="10"/>
    </row>
    <row r="750325" spans="14:14">
      <c r="N750325" s="10"/>
    </row>
    <row r="750326" spans="14:14">
      <c r="N750326" s="10"/>
    </row>
    <row r="750327" spans="14:14">
      <c r="N750327" s="10"/>
    </row>
    <row r="750328" spans="14:14">
      <c r="N750328" s="10"/>
    </row>
    <row r="750329" spans="14:14">
      <c r="N750329" s="10"/>
    </row>
    <row r="750330" spans="14:14">
      <c r="N750330" s="10"/>
    </row>
    <row r="750331" spans="14:14">
      <c r="N750331" s="10"/>
    </row>
    <row r="750332" spans="14:14">
      <c r="N750332" s="10"/>
    </row>
    <row r="750333" spans="14:14">
      <c r="N750333" s="10"/>
    </row>
    <row r="750334" spans="14:14">
      <c r="N750334" s="10"/>
    </row>
    <row r="750335" spans="14:14">
      <c r="N750335" s="10"/>
    </row>
    <row r="750336" spans="14:14">
      <c r="N750336" s="10"/>
    </row>
    <row r="750337" spans="14:14">
      <c r="N750337" s="10"/>
    </row>
    <row r="750338" spans="14:14">
      <c r="N750338" s="10"/>
    </row>
    <row r="750339" spans="14:14">
      <c r="N750339" s="10"/>
    </row>
    <row r="750340" spans="14:14">
      <c r="N750340" s="10"/>
    </row>
    <row r="750341" spans="14:14">
      <c r="N750341" s="10"/>
    </row>
    <row r="750342" spans="14:14">
      <c r="N750342" s="10"/>
    </row>
    <row r="750343" spans="14:14">
      <c r="N750343" s="10"/>
    </row>
    <row r="750344" spans="14:14">
      <c r="N750344" s="10"/>
    </row>
    <row r="750345" spans="14:14">
      <c r="N750345" s="10"/>
    </row>
    <row r="750346" spans="14:14">
      <c r="N750346" s="10"/>
    </row>
    <row r="750347" spans="14:14">
      <c r="N750347" s="10"/>
    </row>
    <row r="750348" spans="14:14">
      <c r="N750348" s="10"/>
    </row>
    <row r="750349" spans="14:14">
      <c r="N750349" s="10"/>
    </row>
    <row r="750350" spans="14:14">
      <c r="N750350" s="10"/>
    </row>
    <row r="750351" spans="14:14">
      <c r="N750351" s="10"/>
    </row>
    <row r="750352" spans="14:14">
      <c r="N750352" s="10"/>
    </row>
    <row r="750353" spans="14:14">
      <c r="N750353" s="10"/>
    </row>
    <row r="750354" spans="14:14">
      <c r="N750354" s="10"/>
    </row>
    <row r="750355" spans="14:14">
      <c r="N750355" s="10"/>
    </row>
    <row r="750356" spans="14:14">
      <c r="N750356" s="10"/>
    </row>
    <row r="750357" spans="14:14">
      <c r="N750357" s="10"/>
    </row>
    <row r="750358" spans="14:14">
      <c r="N750358" s="10"/>
    </row>
    <row r="750359" spans="14:14">
      <c r="N750359" s="10"/>
    </row>
    <row r="750360" spans="14:14">
      <c r="N750360" s="10"/>
    </row>
    <row r="750361" spans="14:14">
      <c r="N750361" s="10"/>
    </row>
    <row r="750362" spans="14:14">
      <c r="N750362" s="10"/>
    </row>
    <row r="750363" spans="14:14">
      <c r="N750363" s="10"/>
    </row>
    <row r="750364" spans="14:14">
      <c r="N750364" s="10"/>
    </row>
    <row r="750365" spans="14:14">
      <c r="N750365" s="10"/>
    </row>
    <row r="750366" spans="14:14">
      <c r="N750366" s="10"/>
    </row>
    <row r="750367" spans="14:14">
      <c r="N750367" s="10"/>
    </row>
    <row r="750368" spans="14:14">
      <c r="N750368" s="10"/>
    </row>
    <row r="750369" spans="14:14">
      <c r="N750369" s="10"/>
    </row>
    <row r="750370" spans="14:14">
      <c r="N750370" s="10"/>
    </row>
    <row r="750371" spans="14:14">
      <c r="N750371" s="10"/>
    </row>
    <row r="750372" spans="14:14">
      <c r="N750372" s="10"/>
    </row>
    <row r="750373" spans="14:14">
      <c r="N750373" s="10"/>
    </row>
    <row r="750374" spans="14:14">
      <c r="N750374" s="10"/>
    </row>
    <row r="750375" spans="14:14">
      <c r="N750375" s="10"/>
    </row>
    <row r="750376" spans="14:14">
      <c r="N750376" s="10"/>
    </row>
    <row r="750377" spans="14:14">
      <c r="N750377" s="10"/>
    </row>
    <row r="750378" spans="14:14">
      <c r="N750378" s="10"/>
    </row>
    <row r="750379" spans="14:14">
      <c r="N750379" s="10"/>
    </row>
    <row r="750380" spans="14:14">
      <c r="N750380" s="10"/>
    </row>
    <row r="750381" spans="14:14">
      <c r="N750381" s="10"/>
    </row>
    <row r="750382" spans="14:14">
      <c r="N750382" s="10"/>
    </row>
    <row r="750383" spans="14:14">
      <c r="N750383" s="10"/>
    </row>
    <row r="750384" spans="14:14">
      <c r="N750384" s="10"/>
    </row>
    <row r="750385" spans="14:14">
      <c r="N750385" s="10"/>
    </row>
    <row r="750386" spans="14:14">
      <c r="N750386" s="10"/>
    </row>
    <row r="750387" spans="14:14">
      <c r="N750387" s="10"/>
    </row>
    <row r="750388" spans="14:14">
      <c r="N750388" s="10"/>
    </row>
    <row r="750389" spans="14:14">
      <c r="N750389" s="10"/>
    </row>
    <row r="750390" spans="14:14">
      <c r="N750390" s="10"/>
    </row>
    <row r="750391" spans="14:14">
      <c r="N750391" s="10"/>
    </row>
    <row r="750392" spans="14:14">
      <c r="N750392" s="10"/>
    </row>
    <row r="750393" spans="14:14">
      <c r="N750393" s="10"/>
    </row>
    <row r="750394" spans="14:14">
      <c r="N750394" s="10"/>
    </row>
    <row r="750395" spans="14:14">
      <c r="N750395" s="10"/>
    </row>
    <row r="750396" spans="14:14">
      <c r="N750396" s="10"/>
    </row>
    <row r="750397" spans="14:14">
      <c r="N750397" s="10"/>
    </row>
    <row r="750398" spans="14:14">
      <c r="N750398" s="10"/>
    </row>
    <row r="750399" spans="14:14">
      <c r="N750399" s="10"/>
    </row>
    <row r="750400" spans="14:14">
      <c r="N750400" s="10"/>
    </row>
    <row r="750401" spans="14:14">
      <c r="N750401" s="10"/>
    </row>
    <row r="750402" spans="14:14">
      <c r="N750402" s="10"/>
    </row>
    <row r="750403" spans="14:14">
      <c r="N750403" s="10"/>
    </row>
    <row r="750404" spans="14:14">
      <c r="N750404" s="10"/>
    </row>
    <row r="750405" spans="14:14">
      <c r="N750405" s="10"/>
    </row>
    <row r="750406" spans="14:14">
      <c r="N750406" s="10"/>
    </row>
    <row r="750407" spans="14:14">
      <c r="N750407" s="10"/>
    </row>
    <row r="750408" spans="14:14">
      <c r="N750408" s="10"/>
    </row>
    <row r="750409" spans="14:14">
      <c r="N750409" s="10"/>
    </row>
    <row r="750410" spans="14:14">
      <c r="N750410" s="10"/>
    </row>
    <row r="750411" spans="14:14">
      <c r="N750411" s="10"/>
    </row>
    <row r="750412" spans="14:14">
      <c r="N750412" s="10"/>
    </row>
    <row r="750413" spans="14:14">
      <c r="N750413" s="10"/>
    </row>
    <row r="750414" spans="14:14">
      <c r="N750414" s="10"/>
    </row>
    <row r="750415" spans="14:14">
      <c r="N750415" s="10"/>
    </row>
    <row r="750416" spans="14:14">
      <c r="N750416" s="10"/>
    </row>
    <row r="750417" spans="14:14">
      <c r="N750417" s="10"/>
    </row>
    <row r="750418" spans="14:14">
      <c r="N750418" s="10"/>
    </row>
    <row r="750419" spans="14:14">
      <c r="N750419" s="10"/>
    </row>
    <row r="750420" spans="14:14">
      <c r="N750420" s="10"/>
    </row>
    <row r="750421" spans="14:14">
      <c r="N750421" s="10"/>
    </row>
    <row r="750422" spans="14:14">
      <c r="N750422" s="10"/>
    </row>
    <row r="750423" spans="14:14">
      <c r="N750423" s="10"/>
    </row>
    <row r="750424" spans="14:14">
      <c r="N750424" s="10"/>
    </row>
    <row r="750425" spans="14:14">
      <c r="N750425" s="10"/>
    </row>
    <row r="750426" spans="14:14">
      <c r="N750426" s="10"/>
    </row>
    <row r="750427" spans="14:14">
      <c r="N750427" s="10"/>
    </row>
    <row r="750428" spans="14:14">
      <c r="N750428" s="10"/>
    </row>
    <row r="750429" spans="14:14">
      <c r="N750429" s="10"/>
    </row>
    <row r="750430" spans="14:14">
      <c r="N750430" s="10"/>
    </row>
    <row r="750431" spans="14:14">
      <c r="N750431" s="10"/>
    </row>
    <row r="750432" spans="14:14">
      <c r="N750432" s="10"/>
    </row>
    <row r="750433" spans="14:14">
      <c r="N750433" s="10"/>
    </row>
    <row r="750434" spans="14:14">
      <c r="N750434" s="10"/>
    </row>
    <row r="750435" spans="14:14">
      <c r="N750435" s="10"/>
    </row>
    <row r="750436" spans="14:14">
      <c r="N750436" s="10"/>
    </row>
    <row r="750437" spans="14:14">
      <c r="N750437" s="10"/>
    </row>
    <row r="750438" spans="14:14">
      <c r="N750438" s="10"/>
    </row>
    <row r="750439" spans="14:14">
      <c r="N750439" s="10"/>
    </row>
    <row r="750440" spans="14:14">
      <c r="N750440" s="10"/>
    </row>
    <row r="750441" spans="14:14">
      <c r="N750441" s="10"/>
    </row>
    <row r="750442" spans="14:14">
      <c r="N750442" s="10"/>
    </row>
    <row r="750443" spans="14:14">
      <c r="N750443" s="10"/>
    </row>
    <row r="750444" spans="14:14">
      <c r="N750444" s="10"/>
    </row>
    <row r="750445" spans="14:14">
      <c r="N750445" s="10"/>
    </row>
    <row r="750446" spans="14:14">
      <c r="N750446" s="10"/>
    </row>
    <row r="750447" spans="14:14">
      <c r="N750447" s="10"/>
    </row>
    <row r="750448" spans="14:14">
      <c r="N750448" s="10"/>
    </row>
    <row r="750449" spans="14:14">
      <c r="N750449" s="10"/>
    </row>
    <row r="750450" spans="14:14">
      <c r="N750450" s="10"/>
    </row>
    <row r="750451" spans="14:14">
      <c r="N750451" s="10"/>
    </row>
    <row r="750452" spans="14:14">
      <c r="N750452" s="10"/>
    </row>
    <row r="750453" spans="14:14">
      <c r="N750453" s="10"/>
    </row>
    <row r="750454" spans="14:14">
      <c r="N750454" s="10"/>
    </row>
    <row r="750455" spans="14:14">
      <c r="N750455" s="10"/>
    </row>
    <row r="750456" spans="14:14">
      <c r="N750456" s="10"/>
    </row>
    <row r="750457" spans="14:14">
      <c r="N750457" s="10"/>
    </row>
    <row r="750458" spans="14:14">
      <c r="N750458" s="10"/>
    </row>
    <row r="750459" spans="14:14">
      <c r="N750459" s="10"/>
    </row>
    <row r="750460" spans="14:14">
      <c r="N750460" s="10"/>
    </row>
    <row r="750461" spans="14:14">
      <c r="N750461" s="10"/>
    </row>
    <row r="750462" spans="14:14">
      <c r="N750462" s="10"/>
    </row>
    <row r="750463" spans="14:14">
      <c r="N750463" s="10"/>
    </row>
    <row r="750464" spans="14:14">
      <c r="N750464" s="10"/>
    </row>
    <row r="750465" spans="14:14">
      <c r="N750465" s="10"/>
    </row>
    <row r="750466" spans="14:14">
      <c r="N750466" s="10"/>
    </row>
    <row r="750467" spans="14:14">
      <c r="N750467" s="10"/>
    </row>
    <row r="750468" spans="14:14">
      <c r="N750468" s="10"/>
    </row>
    <row r="750469" spans="14:14">
      <c r="N750469" s="10"/>
    </row>
    <row r="750470" spans="14:14">
      <c r="N750470" s="10"/>
    </row>
    <row r="750471" spans="14:14">
      <c r="N750471" s="10"/>
    </row>
    <row r="750472" spans="14:14">
      <c r="N750472" s="10"/>
    </row>
    <row r="750473" spans="14:14">
      <c r="N750473" s="10"/>
    </row>
    <row r="750474" spans="14:14">
      <c r="N750474" s="10"/>
    </row>
    <row r="750475" spans="14:14">
      <c r="N750475" s="10"/>
    </row>
    <row r="750476" spans="14:14">
      <c r="N750476" s="10"/>
    </row>
    <row r="750477" spans="14:14">
      <c r="N750477" s="10"/>
    </row>
    <row r="750478" spans="14:14">
      <c r="N750478" s="10"/>
    </row>
    <row r="750479" spans="14:14">
      <c r="N750479" s="10"/>
    </row>
    <row r="750480" spans="14:14">
      <c r="N750480" s="10"/>
    </row>
    <row r="750481" spans="14:14">
      <c r="N750481" s="10"/>
    </row>
    <row r="750482" spans="14:14">
      <c r="N750482" s="10"/>
    </row>
    <row r="750483" spans="14:14">
      <c r="N750483" s="10"/>
    </row>
    <row r="750484" spans="14:14">
      <c r="N750484" s="10"/>
    </row>
    <row r="750485" spans="14:14">
      <c r="N750485" s="10"/>
    </row>
    <row r="750486" spans="14:14">
      <c r="N750486" s="10"/>
    </row>
    <row r="750487" spans="14:14">
      <c r="N750487" s="10"/>
    </row>
    <row r="750488" spans="14:14">
      <c r="N750488" s="10"/>
    </row>
    <row r="750489" spans="14:14">
      <c r="N750489" s="10"/>
    </row>
    <row r="750490" spans="14:14">
      <c r="N750490" s="10"/>
    </row>
    <row r="750491" spans="14:14">
      <c r="N750491" s="10"/>
    </row>
    <row r="750492" spans="14:14">
      <c r="N750492" s="10"/>
    </row>
    <row r="750493" spans="14:14">
      <c r="N750493" s="10"/>
    </row>
    <row r="750494" spans="14:14">
      <c r="N750494" s="10"/>
    </row>
    <row r="750495" spans="14:14">
      <c r="N750495" s="10"/>
    </row>
    <row r="750496" spans="14:14">
      <c r="N750496" s="10"/>
    </row>
    <row r="750497" spans="14:14">
      <c r="N750497" s="10"/>
    </row>
    <row r="750498" spans="14:14">
      <c r="N750498" s="10"/>
    </row>
    <row r="750499" spans="14:14">
      <c r="N750499" s="10"/>
    </row>
    <row r="750500" spans="14:14">
      <c r="N750500" s="10"/>
    </row>
    <row r="750501" spans="14:14">
      <c r="N750501" s="10"/>
    </row>
    <row r="750502" spans="14:14">
      <c r="N750502" s="10"/>
    </row>
    <row r="750503" spans="14:14">
      <c r="N750503" s="10"/>
    </row>
    <row r="750504" spans="14:14">
      <c r="N750504" s="10"/>
    </row>
    <row r="750505" spans="14:14">
      <c r="N750505" s="10"/>
    </row>
    <row r="750506" spans="14:14">
      <c r="N750506" s="10"/>
    </row>
    <row r="750507" spans="14:14">
      <c r="N750507" s="10"/>
    </row>
    <row r="750508" spans="14:14">
      <c r="N750508" s="10"/>
    </row>
    <row r="750509" spans="14:14">
      <c r="N750509" s="10"/>
    </row>
    <row r="750510" spans="14:14">
      <c r="N750510" s="10"/>
    </row>
    <row r="750511" spans="14:14">
      <c r="N750511" s="10"/>
    </row>
    <row r="750512" spans="14:14">
      <c r="N750512" s="10"/>
    </row>
    <row r="750513" spans="14:14">
      <c r="N750513" s="10"/>
    </row>
    <row r="750514" spans="14:14">
      <c r="N750514" s="10"/>
    </row>
    <row r="750515" spans="14:14">
      <c r="N750515" s="10"/>
    </row>
    <row r="750516" spans="14:14">
      <c r="N750516" s="10"/>
    </row>
    <row r="750517" spans="14:14">
      <c r="N750517" s="10"/>
    </row>
    <row r="750518" spans="14:14">
      <c r="N750518" s="10"/>
    </row>
    <row r="750519" spans="14:14">
      <c r="N750519" s="10"/>
    </row>
    <row r="750520" spans="14:14">
      <c r="N750520" s="10"/>
    </row>
    <row r="750521" spans="14:14">
      <c r="N750521" s="10"/>
    </row>
    <row r="750522" spans="14:14">
      <c r="N750522" s="10"/>
    </row>
    <row r="750523" spans="14:14">
      <c r="N750523" s="10"/>
    </row>
    <row r="750524" spans="14:14">
      <c r="N750524" s="10"/>
    </row>
    <row r="750525" spans="14:14">
      <c r="N750525" s="10"/>
    </row>
    <row r="750526" spans="14:14">
      <c r="N750526" s="10"/>
    </row>
    <row r="750527" spans="14:14">
      <c r="N750527" s="10"/>
    </row>
    <row r="750528" spans="14:14">
      <c r="N750528" s="10"/>
    </row>
    <row r="750529" spans="14:14">
      <c r="N750529" s="10"/>
    </row>
    <row r="750530" spans="14:14">
      <c r="N750530" s="10"/>
    </row>
    <row r="750531" spans="14:14">
      <c r="N750531" s="10"/>
    </row>
    <row r="750532" spans="14:14">
      <c r="N750532" s="10"/>
    </row>
    <row r="750533" spans="14:14">
      <c r="N750533" s="10"/>
    </row>
    <row r="750534" spans="14:14">
      <c r="N750534" s="10"/>
    </row>
    <row r="750535" spans="14:14">
      <c r="N750535" s="10"/>
    </row>
    <row r="750536" spans="14:14">
      <c r="N750536" s="10"/>
    </row>
    <row r="750537" spans="14:14">
      <c r="N750537" s="10"/>
    </row>
    <row r="750538" spans="14:14">
      <c r="N750538" s="10"/>
    </row>
    <row r="750539" spans="14:14">
      <c r="N750539" s="10"/>
    </row>
    <row r="750540" spans="14:14">
      <c r="N750540" s="10"/>
    </row>
    <row r="750541" spans="14:14">
      <c r="N750541" s="10"/>
    </row>
    <row r="750542" spans="14:14">
      <c r="N750542" s="10"/>
    </row>
    <row r="750543" spans="14:14">
      <c r="N750543" s="10"/>
    </row>
    <row r="750544" spans="14:14">
      <c r="N750544" s="10"/>
    </row>
    <row r="750545" spans="14:14">
      <c r="N750545" s="10"/>
    </row>
    <row r="750546" spans="14:14">
      <c r="N750546" s="10"/>
    </row>
    <row r="750547" spans="14:14">
      <c r="N750547" s="10"/>
    </row>
    <row r="750548" spans="14:14">
      <c r="N750548" s="10"/>
    </row>
    <row r="750549" spans="14:14">
      <c r="N750549" s="10"/>
    </row>
    <row r="750550" spans="14:14">
      <c r="N750550" s="10"/>
    </row>
    <row r="750551" spans="14:14">
      <c r="N750551" s="10"/>
    </row>
    <row r="750552" spans="14:14">
      <c r="N750552" s="10"/>
    </row>
    <row r="750553" spans="14:14">
      <c r="N750553" s="10"/>
    </row>
    <row r="750554" spans="14:14">
      <c r="N750554" s="10"/>
    </row>
    <row r="750555" spans="14:14">
      <c r="N750555" s="10"/>
    </row>
    <row r="750556" spans="14:14">
      <c r="N750556" s="10"/>
    </row>
    <row r="750557" spans="14:14">
      <c r="N750557" s="10"/>
    </row>
    <row r="750558" spans="14:14">
      <c r="N750558" s="10"/>
    </row>
    <row r="750559" spans="14:14">
      <c r="N750559" s="10"/>
    </row>
    <row r="750560" spans="14:14">
      <c r="N750560" s="10"/>
    </row>
    <row r="750561" spans="14:14">
      <c r="N750561" s="10"/>
    </row>
    <row r="750562" spans="14:14">
      <c r="N750562" s="10"/>
    </row>
    <row r="750563" spans="14:14">
      <c r="N750563" s="10"/>
    </row>
    <row r="750564" spans="14:14">
      <c r="N750564" s="10"/>
    </row>
    <row r="750565" spans="14:14">
      <c r="N750565" s="10"/>
    </row>
    <row r="750566" spans="14:14">
      <c r="N750566" s="10"/>
    </row>
    <row r="750567" spans="14:14">
      <c r="N750567" s="10"/>
    </row>
    <row r="750568" spans="14:14">
      <c r="N750568" s="10"/>
    </row>
    <row r="750569" spans="14:14">
      <c r="N750569" s="10"/>
    </row>
    <row r="750570" spans="14:14">
      <c r="N750570" s="10"/>
    </row>
    <row r="750571" spans="14:14">
      <c r="N750571" s="10"/>
    </row>
    <row r="750572" spans="14:14">
      <c r="N750572" s="10"/>
    </row>
    <row r="750573" spans="14:14">
      <c r="N750573" s="10"/>
    </row>
    <row r="750574" spans="14:14">
      <c r="N750574" s="10"/>
    </row>
    <row r="750575" spans="14:14">
      <c r="N750575" s="10"/>
    </row>
    <row r="750576" spans="14:14">
      <c r="N750576" s="10"/>
    </row>
    <row r="750577" spans="14:14">
      <c r="N750577" s="10"/>
    </row>
    <row r="750578" spans="14:14">
      <c r="N750578" s="10"/>
    </row>
    <row r="750579" spans="14:14">
      <c r="N750579" s="10"/>
    </row>
    <row r="750580" spans="14:14">
      <c r="N750580" s="10"/>
    </row>
    <row r="750581" spans="14:14">
      <c r="N750581" s="10"/>
    </row>
    <row r="750582" spans="14:14">
      <c r="N750582" s="10"/>
    </row>
    <row r="750583" spans="14:14">
      <c r="N750583" s="10"/>
    </row>
    <row r="750584" spans="14:14">
      <c r="N750584" s="10"/>
    </row>
    <row r="750585" spans="14:14">
      <c r="N750585" s="10"/>
    </row>
    <row r="750586" spans="14:14">
      <c r="N750586" s="10"/>
    </row>
    <row r="750587" spans="14:14">
      <c r="N750587" s="10"/>
    </row>
    <row r="750588" spans="14:14">
      <c r="N750588" s="10"/>
    </row>
    <row r="750589" spans="14:14">
      <c r="N750589" s="10"/>
    </row>
    <row r="750590" spans="14:14">
      <c r="N750590" s="10"/>
    </row>
    <row r="750591" spans="14:14">
      <c r="N750591" s="10"/>
    </row>
    <row r="750592" spans="14:14">
      <c r="N750592" s="10"/>
    </row>
    <row r="750593" spans="14:14">
      <c r="N750593" s="10"/>
    </row>
    <row r="750594" spans="14:14">
      <c r="N750594" s="10"/>
    </row>
    <row r="750595" spans="14:14">
      <c r="N750595" s="10"/>
    </row>
    <row r="750596" spans="14:14">
      <c r="N750596" s="10"/>
    </row>
    <row r="750597" spans="14:14">
      <c r="N750597" s="10"/>
    </row>
    <row r="750598" spans="14:14">
      <c r="N750598" s="10"/>
    </row>
    <row r="750599" spans="14:14">
      <c r="N750599" s="10"/>
    </row>
    <row r="750600" spans="14:14">
      <c r="N750600" s="10"/>
    </row>
    <row r="750601" spans="14:14">
      <c r="N750601" s="10"/>
    </row>
    <row r="750602" spans="14:14">
      <c r="N750602" s="10"/>
    </row>
    <row r="750603" spans="14:14">
      <c r="N750603" s="10"/>
    </row>
    <row r="750604" spans="14:14">
      <c r="N750604" s="10"/>
    </row>
    <row r="750605" spans="14:14">
      <c r="N750605" s="10"/>
    </row>
    <row r="750606" spans="14:14">
      <c r="N750606" s="10"/>
    </row>
    <row r="750607" spans="14:14">
      <c r="N750607" s="10"/>
    </row>
    <row r="750608" spans="14:14">
      <c r="N750608" s="10"/>
    </row>
    <row r="750609" spans="14:14">
      <c r="N750609" s="10"/>
    </row>
    <row r="750610" spans="14:14">
      <c r="N750610" s="10"/>
    </row>
    <row r="750611" spans="14:14">
      <c r="N750611" s="10"/>
    </row>
    <row r="750612" spans="14:14">
      <c r="N750612" s="10"/>
    </row>
    <row r="750613" spans="14:14">
      <c r="N750613" s="10"/>
    </row>
    <row r="750614" spans="14:14">
      <c r="N750614" s="10"/>
    </row>
    <row r="750615" spans="14:14">
      <c r="N750615" s="10"/>
    </row>
    <row r="750616" spans="14:14">
      <c r="N750616" s="10"/>
    </row>
    <row r="750617" spans="14:14">
      <c r="N750617" s="10"/>
    </row>
    <row r="750618" spans="14:14">
      <c r="N750618" s="10"/>
    </row>
    <row r="750619" spans="14:14">
      <c r="N750619" s="10"/>
    </row>
    <row r="750620" spans="14:14">
      <c r="N750620" s="10"/>
    </row>
    <row r="750621" spans="14:14">
      <c r="N750621" s="10"/>
    </row>
    <row r="750622" spans="14:14">
      <c r="N750622" s="10"/>
    </row>
    <row r="750623" spans="14:14">
      <c r="N750623" s="10"/>
    </row>
    <row r="750624" spans="14:14">
      <c r="N750624" s="10"/>
    </row>
    <row r="750625" spans="14:14">
      <c r="N750625" s="10"/>
    </row>
    <row r="750626" spans="14:14">
      <c r="N750626" s="10"/>
    </row>
    <row r="750627" spans="14:14">
      <c r="N750627" s="10"/>
    </row>
    <row r="750628" spans="14:14">
      <c r="N750628" s="10"/>
    </row>
    <row r="750629" spans="14:14">
      <c r="N750629" s="10"/>
    </row>
    <row r="750630" spans="14:14">
      <c r="N750630" s="10"/>
    </row>
    <row r="750631" spans="14:14">
      <c r="N750631" s="10"/>
    </row>
    <row r="750632" spans="14:14">
      <c r="N750632" s="10"/>
    </row>
    <row r="750633" spans="14:14">
      <c r="N750633" s="10"/>
    </row>
    <row r="750634" spans="14:14">
      <c r="N750634" s="10"/>
    </row>
    <row r="750635" spans="14:14">
      <c r="N750635" s="10"/>
    </row>
    <row r="750636" spans="14:14">
      <c r="N750636" s="10"/>
    </row>
    <row r="750637" spans="14:14">
      <c r="N750637" s="10"/>
    </row>
    <row r="750638" spans="14:14">
      <c r="N750638" s="10"/>
    </row>
    <row r="750639" spans="14:14">
      <c r="N750639" s="10"/>
    </row>
    <row r="750640" spans="14:14">
      <c r="N750640" s="10"/>
    </row>
    <row r="750641" spans="14:14">
      <c r="N750641" s="10"/>
    </row>
    <row r="750642" spans="14:14">
      <c r="N750642" s="10"/>
    </row>
    <row r="750643" spans="14:14">
      <c r="N750643" s="10"/>
    </row>
    <row r="750644" spans="14:14">
      <c r="N750644" s="10"/>
    </row>
    <row r="750645" spans="14:14">
      <c r="N750645" s="10"/>
    </row>
    <row r="750646" spans="14:14">
      <c r="N750646" s="10"/>
    </row>
    <row r="750647" spans="14:14">
      <c r="N750647" s="10"/>
    </row>
    <row r="750648" spans="14:14">
      <c r="N750648" s="10"/>
    </row>
    <row r="750649" spans="14:14">
      <c r="N750649" s="10"/>
    </row>
    <row r="750650" spans="14:14">
      <c r="N750650" s="10"/>
    </row>
    <row r="750651" spans="14:14">
      <c r="N750651" s="10"/>
    </row>
    <row r="750652" spans="14:14">
      <c r="N750652" s="10"/>
    </row>
    <row r="750653" spans="14:14">
      <c r="N750653" s="10"/>
    </row>
    <row r="750654" spans="14:14">
      <c r="N750654" s="10"/>
    </row>
    <row r="750655" spans="14:14">
      <c r="N750655" s="10"/>
    </row>
    <row r="750656" spans="14:14">
      <c r="N750656" s="10"/>
    </row>
    <row r="750657" spans="14:14">
      <c r="N750657" s="10"/>
    </row>
    <row r="750658" spans="14:14">
      <c r="N750658" s="10"/>
    </row>
    <row r="750659" spans="14:14">
      <c r="N750659" s="10"/>
    </row>
    <row r="750660" spans="14:14">
      <c r="N750660" s="10"/>
    </row>
    <row r="750661" spans="14:14">
      <c r="N750661" s="10"/>
    </row>
    <row r="750662" spans="14:14">
      <c r="N750662" s="10"/>
    </row>
    <row r="750663" spans="14:14">
      <c r="N750663" s="10"/>
    </row>
    <row r="750664" spans="14:14">
      <c r="N750664" s="10"/>
    </row>
    <row r="750665" spans="14:14">
      <c r="N750665" s="10"/>
    </row>
    <row r="750666" spans="14:14">
      <c r="N750666" s="10"/>
    </row>
    <row r="750667" spans="14:14">
      <c r="N750667" s="10"/>
    </row>
    <row r="750668" spans="14:14">
      <c r="N750668" s="10"/>
    </row>
    <row r="750669" spans="14:14">
      <c r="N750669" s="10"/>
    </row>
    <row r="750670" spans="14:14">
      <c r="N750670" s="10"/>
    </row>
    <row r="750671" spans="14:14">
      <c r="N750671" s="10"/>
    </row>
    <row r="750672" spans="14:14">
      <c r="N750672" s="10"/>
    </row>
    <row r="750673" spans="14:14">
      <c r="N750673" s="10"/>
    </row>
    <row r="750674" spans="14:14">
      <c r="N750674" s="10"/>
    </row>
    <row r="750675" spans="14:14">
      <c r="N750675" s="10"/>
    </row>
    <row r="750676" spans="14:14">
      <c r="N750676" s="10"/>
    </row>
    <row r="750677" spans="14:14">
      <c r="N750677" s="10"/>
    </row>
    <row r="750678" spans="14:14">
      <c r="N750678" s="10"/>
    </row>
    <row r="750679" spans="14:14">
      <c r="N750679" s="10"/>
    </row>
    <row r="750680" spans="14:14">
      <c r="N750680" s="10"/>
    </row>
    <row r="750681" spans="14:14">
      <c r="N750681" s="10"/>
    </row>
    <row r="750682" spans="14:14">
      <c r="N750682" s="10"/>
    </row>
    <row r="750683" spans="14:14">
      <c r="N750683" s="10"/>
    </row>
    <row r="750684" spans="14:14">
      <c r="N750684" s="10"/>
    </row>
    <row r="750685" spans="14:14">
      <c r="N750685" s="10"/>
    </row>
    <row r="750686" spans="14:14">
      <c r="N750686" s="10"/>
    </row>
    <row r="750687" spans="14:14">
      <c r="N750687" s="10"/>
    </row>
    <row r="750688" spans="14:14">
      <c r="N750688" s="10"/>
    </row>
    <row r="750689" spans="14:14">
      <c r="N750689" s="10"/>
    </row>
    <row r="750690" spans="14:14">
      <c r="N750690" s="10"/>
    </row>
    <row r="750691" spans="14:14">
      <c r="N750691" s="10"/>
    </row>
    <row r="750692" spans="14:14">
      <c r="N750692" s="10"/>
    </row>
    <row r="750693" spans="14:14">
      <c r="N750693" s="10"/>
    </row>
    <row r="750694" spans="14:14">
      <c r="N750694" s="10"/>
    </row>
    <row r="750695" spans="14:14">
      <c r="N750695" s="10"/>
    </row>
    <row r="750696" spans="14:14">
      <c r="N750696" s="10"/>
    </row>
    <row r="750697" spans="14:14">
      <c r="N750697" s="10"/>
    </row>
    <row r="750698" spans="14:14">
      <c r="N750698" s="10"/>
    </row>
    <row r="750699" spans="14:14">
      <c r="N750699" s="10"/>
    </row>
    <row r="750700" spans="14:14">
      <c r="N750700" s="10"/>
    </row>
    <row r="750701" spans="14:14">
      <c r="N750701" s="10"/>
    </row>
    <row r="750702" spans="14:14">
      <c r="N750702" s="10"/>
    </row>
    <row r="750703" spans="14:14">
      <c r="N750703" s="10"/>
    </row>
    <row r="750704" spans="14:14">
      <c r="N750704" s="10"/>
    </row>
    <row r="750705" spans="14:14">
      <c r="N750705" s="10"/>
    </row>
    <row r="750706" spans="14:14">
      <c r="N750706" s="10"/>
    </row>
    <row r="750707" spans="14:14">
      <c r="N750707" s="10"/>
    </row>
    <row r="750708" spans="14:14">
      <c r="N750708" s="10"/>
    </row>
    <row r="750709" spans="14:14">
      <c r="N750709" s="10"/>
    </row>
    <row r="750710" spans="14:14">
      <c r="N750710" s="10"/>
    </row>
    <row r="750711" spans="14:14">
      <c r="N750711" s="10"/>
    </row>
    <row r="750712" spans="14:14">
      <c r="N750712" s="10"/>
    </row>
    <row r="750713" spans="14:14">
      <c r="N750713" s="10"/>
    </row>
    <row r="750714" spans="14:14">
      <c r="N750714" s="10"/>
    </row>
    <row r="750715" spans="14:14">
      <c r="N750715" s="10"/>
    </row>
    <row r="750716" spans="14:14">
      <c r="N750716" s="10"/>
    </row>
    <row r="750717" spans="14:14">
      <c r="N750717" s="10"/>
    </row>
    <row r="750718" spans="14:14">
      <c r="N750718" s="10"/>
    </row>
    <row r="750719" spans="14:14">
      <c r="N750719" s="10"/>
    </row>
    <row r="750720" spans="14:14">
      <c r="N750720" s="10"/>
    </row>
    <row r="750721" spans="14:14">
      <c r="N750721" s="10"/>
    </row>
    <row r="750722" spans="14:14">
      <c r="N750722" s="10"/>
    </row>
    <row r="750723" spans="14:14">
      <c r="N750723" s="10"/>
    </row>
    <row r="750724" spans="14:14">
      <c r="N750724" s="10"/>
    </row>
    <row r="750725" spans="14:14">
      <c r="N750725" s="10"/>
    </row>
    <row r="750726" spans="14:14">
      <c r="N750726" s="10"/>
    </row>
    <row r="750727" spans="14:14">
      <c r="N750727" s="10"/>
    </row>
    <row r="750728" spans="14:14">
      <c r="N750728" s="10"/>
    </row>
    <row r="750729" spans="14:14">
      <c r="N750729" s="10"/>
    </row>
    <row r="750730" spans="14:14">
      <c r="N750730" s="10"/>
    </row>
    <row r="750731" spans="14:14">
      <c r="N750731" s="10"/>
    </row>
    <row r="750732" spans="14:14">
      <c r="N750732" s="10"/>
    </row>
    <row r="750733" spans="14:14">
      <c r="N750733" s="10"/>
    </row>
    <row r="750734" spans="14:14">
      <c r="N750734" s="10"/>
    </row>
    <row r="750735" spans="14:14">
      <c r="N750735" s="10"/>
    </row>
    <row r="750736" spans="14:14">
      <c r="N750736" s="10"/>
    </row>
    <row r="750737" spans="14:14">
      <c r="N750737" s="10"/>
    </row>
    <row r="750738" spans="14:14">
      <c r="N750738" s="10"/>
    </row>
    <row r="750739" spans="14:14">
      <c r="N750739" s="10"/>
    </row>
    <row r="750740" spans="14:14">
      <c r="N750740" s="10"/>
    </row>
    <row r="750741" spans="14:14">
      <c r="N750741" s="10"/>
    </row>
    <row r="750742" spans="14:14">
      <c r="N750742" s="10"/>
    </row>
    <row r="750743" spans="14:14">
      <c r="N750743" s="10"/>
    </row>
    <row r="750744" spans="14:14">
      <c r="N750744" s="10"/>
    </row>
    <row r="750745" spans="14:14">
      <c r="N750745" s="10"/>
    </row>
    <row r="750746" spans="14:14">
      <c r="N750746" s="10"/>
    </row>
    <row r="750747" spans="14:14">
      <c r="N750747" s="10"/>
    </row>
    <row r="750748" spans="14:14">
      <c r="N750748" s="10"/>
    </row>
    <row r="750749" spans="14:14">
      <c r="N750749" s="10"/>
    </row>
    <row r="750750" spans="14:14">
      <c r="N750750" s="10"/>
    </row>
    <row r="750751" spans="14:14">
      <c r="N750751" s="10"/>
    </row>
    <row r="750752" spans="14:14">
      <c r="N750752" s="10"/>
    </row>
    <row r="750753" spans="14:14">
      <c r="N750753" s="10"/>
    </row>
    <row r="750754" spans="14:14">
      <c r="N750754" s="10"/>
    </row>
    <row r="750755" spans="14:14">
      <c r="N750755" s="10"/>
    </row>
    <row r="750756" spans="14:14">
      <c r="N750756" s="10"/>
    </row>
    <row r="750757" spans="14:14">
      <c r="N750757" s="10"/>
    </row>
    <row r="750758" spans="14:14">
      <c r="N750758" s="10"/>
    </row>
    <row r="750759" spans="14:14">
      <c r="N750759" s="10"/>
    </row>
    <row r="750760" spans="14:14">
      <c r="N750760" s="10"/>
    </row>
    <row r="750761" spans="14:14">
      <c r="N750761" s="10"/>
    </row>
    <row r="750762" spans="14:14">
      <c r="N750762" s="10"/>
    </row>
    <row r="750763" spans="14:14">
      <c r="N750763" s="10"/>
    </row>
    <row r="750764" spans="14:14">
      <c r="N750764" s="10"/>
    </row>
    <row r="750765" spans="14:14">
      <c r="N750765" s="10"/>
    </row>
    <row r="750766" spans="14:14">
      <c r="N750766" s="10"/>
    </row>
    <row r="750767" spans="14:14">
      <c r="N750767" s="10"/>
    </row>
    <row r="750768" spans="14:14">
      <c r="N750768" s="10"/>
    </row>
    <row r="750769" spans="14:14">
      <c r="N750769" s="10"/>
    </row>
    <row r="750770" spans="14:14">
      <c r="N750770" s="10"/>
    </row>
    <row r="750771" spans="14:14">
      <c r="N750771" s="10"/>
    </row>
    <row r="750772" spans="14:14">
      <c r="N750772" s="10"/>
    </row>
    <row r="750773" spans="14:14">
      <c r="N750773" s="10"/>
    </row>
    <row r="750774" spans="14:14">
      <c r="N750774" s="10"/>
    </row>
    <row r="750775" spans="14:14">
      <c r="N750775" s="10"/>
    </row>
    <row r="750776" spans="14:14">
      <c r="N750776" s="10"/>
    </row>
    <row r="750777" spans="14:14">
      <c r="N750777" s="10"/>
    </row>
    <row r="750778" spans="14:14">
      <c r="N750778" s="10"/>
    </row>
    <row r="750779" spans="14:14">
      <c r="N750779" s="10"/>
    </row>
    <row r="750780" spans="14:14">
      <c r="N750780" s="10"/>
    </row>
    <row r="750781" spans="14:14">
      <c r="N750781" s="10"/>
    </row>
    <row r="750782" spans="14:14">
      <c r="N750782" s="10"/>
    </row>
    <row r="750783" spans="14:14">
      <c r="N750783" s="10"/>
    </row>
    <row r="750784" spans="14:14">
      <c r="N750784" s="10"/>
    </row>
    <row r="750785" spans="14:14">
      <c r="N750785" s="10"/>
    </row>
    <row r="750786" spans="14:14">
      <c r="N750786" s="10"/>
    </row>
    <row r="750787" spans="14:14">
      <c r="N750787" s="10"/>
    </row>
    <row r="750788" spans="14:14">
      <c r="N750788" s="10"/>
    </row>
    <row r="750789" spans="14:14">
      <c r="N750789" s="10"/>
    </row>
    <row r="750790" spans="14:14">
      <c r="N750790" s="10"/>
    </row>
    <row r="750791" spans="14:14">
      <c r="N750791" s="10"/>
    </row>
    <row r="750792" spans="14:14">
      <c r="N750792" s="10"/>
    </row>
    <row r="750793" spans="14:14">
      <c r="N750793" s="10"/>
    </row>
    <row r="750794" spans="14:14">
      <c r="N750794" s="10"/>
    </row>
    <row r="750795" spans="14:14">
      <c r="N750795" s="10"/>
    </row>
    <row r="750796" spans="14:14">
      <c r="N750796" s="10"/>
    </row>
    <row r="750797" spans="14:14">
      <c r="N750797" s="10"/>
    </row>
    <row r="750798" spans="14:14">
      <c r="N750798" s="10"/>
    </row>
    <row r="750799" spans="14:14">
      <c r="N750799" s="10"/>
    </row>
    <row r="750800" spans="14:14">
      <c r="N750800" s="10"/>
    </row>
    <row r="750801" spans="14:14">
      <c r="N750801" s="10"/>
    </row>
    <row r="750802" spans="14:14">
      <c r="N750802" s="10"/>
    </row>
    <row r="750803" spans="14:14">
      <c r="N750803" s="10"/>
    </row>
    <row r="750804" spans="14:14">
      <c r="N750804" s="10"/>
    </row>
    <row r="750805" spans="14:14">
      <c r="N750805" s="10"/>
    </row>
    <row r="750806" spans="14:14">
      <c r="N750806" s="10"/>
    </row>
    <row r="750807" spans="14:14">
      <c r="N750807" s="10"/>
    </row>
    <row r="750808" spans="14:14">
      <c r="N750808" s="10"/>
    </row>
    <row r="750809" spans="14:14">
      <c r="N750809" s="10"/>
    </row>
    <row r="750810" spans="14:14">
      <c r="N750810" s="10"/>
    </row>
    <row r="750811" spans="14:14">
      <c r="N750811" s="10"/>
    </row>
    <row r="750812" spans="14:14">
      <c r="N750812" s="10"/>
    </row>
    <row r="750813" spans="14:14">
      <c r="N750813" s="10"/>
    </row>
    <row r="750814" spans="14:14">
      <c r="N750814" s="10"/>
    </row>
    <row r="750815" spans="14:14">
      <c r="N750815" s="10"/>
    </row>
    <row r="750816" spans="14:14">
      <c r="N750816" s="10"/>
    </row>
    <row r="750817" spans="14:14">
      <c r="N750817" s="10"/>
    </row>
    <row r="750818" spans="14:14">
      <c r="N750818" s="10"/>
    </row>
    <row r="750819" spans="14:14">
      <c r="N750819" s="10"/>
    </row>
    <row r="750820" spans="14:14">
      <c r="N750820" s="10"/>
    </row>
    <row r="750821" spans="14:14">
      <c r="N750821" s="10"/>
    </row>
    <row r="750822" spans="14:14">
      <c r="N750822" s="10"/>
    </row>
    <row r="750823" spans="14:14">
      <c r="N750823" s="10"/>
    </row>
    <row r="750824" spans="14:14">
      <c r="N750824" s="10"/>
    </row>
    <row r="750825" spans="14:14">
      <c r="N750825" s="10"/>
    </row>
    <row r="750826" spans="14:14">
      <c r="N750826" s="10"/>
    </row>
    <row r="750827" spans="14:14">
      <c r="N750827" s="10"/>
    </row>
    <row r="750828" spans="14:14">
      <c r="N750828" s="10"/>
    </row>
    <row r="750829" spans="14:14">
      <c r="N750829" s="10"/>
    </row>
    <row r="750830" spans="14:14">
      <c r="N750830" s="10"/>
    </row>
    <row r="750831" spans="14:14">
      <c r="N750831" s="10"/>
    </row>
    <row r="750832" spans="14:14">
      <c r="N750832" s="10"/>
    </row>
    <row r="750833" spans="14:14">
      <c r="N750833" s="10"/>
    </row>
    <row r="750834" spans="14:14">
      <c r="N750834" s="10"/>
    </row>
    <row r="750835" spans="14:14">
      <c r="N750835" s="10"/>
    </row>
    <row r="750836" spans="14:14">
      <c r="N750836" s="10"/>
    </row>
    <row r="750837" spans="14:14">
      <c r="N750837" s="10"/>
    </row>
    <row r="750838" spans="14:14">
      <c r="N750838" s="10"/>
    </row>
    <row r="750839" spans="14:14">
      <c r="N750839" s="10"/>
    </row>
    <row r="750840" spans="14:14">
      <c r="N750840" s="10"/>
    </row>
    <row r="750841" spans="14:14">
      <c r="N750841" s="10"/>
    </row>
    <row r="750842" spans="14:14">
      <c r="N750842" s="10"/>
    </row>
    <row r="750843" spans="14:14">
      <c r="N750843" s="10"/>
    </row>
    <row r="750844" spans="14:14">
      <c r="N750844" s="10"/>
    </row>
    <row r="750845" spans="14:14">
      <c r="N750845" s="10"/>
    </row>
    <row r="750846" spans="14:14">
      <c r="N750846" s="10"/>
    </row>
    <row r="750847" spans="14:14">
      <c r="N750847" s="10"/>
    </row>
    <row r="750848" spans="14:14">
      <c r="N750848" s="10"/>
    </row>
    <row r="750849" spans="14:14">
      <c r="N750849" s="10"/>
    </row>
    <row r="750850" spans="14:14">
      <c r="N750850" s="10"/>
    </row>
    <row r="750851" spans="14:14">
      <c r="N750851" s="10"/>
    </row>
    <row r="750852" spans="14:14">
      <c r="N750852" s="10"/>
    </row>
    <row r="750853" spans="14:14">
      <c r="N750853" s="10"/>
    </row>
    <row r="750854" spans="14:14">
      <c r="N750854" s="10"/>
    </row>
    <row r="750855" spans="14:14">
      <c r="N750855" s="10"/>
    </row>
    <row r="750856" spans="14:14">
      <c r="N750856" s="10"/>
    </row>
    <row r="750857" spans="14:14">
      <c r="N750857" s="10"/>
    </row>
    <row r="750858" spans="14:14">
      <c r="N750858" s="10"/>
    </row>
    <row r="750859" spans="14:14">
      <c r="N750859" s="10"/>
    </row>
    <row r="750860" spans="14:14">
      <c r="N750860" s="10"/>
    </row>
    <row r="750861" spans="14:14">
      <c r="N750861" s="10"/>
    </row>
    <row r="750862" spans="14:14">
      <c r="N750862" s="10"/>
    </row>
    <row r="750863" spans="14:14">
      <c r="N750863" s="10"/>
    </row>
    <row r="750864" spans="14:14">
      <c r="N750864" s="10"/>
    </row>
    <row r="750865" spans="14:14">
      <c r="N750865" s="10"/>
    </row>
    <row r="750866" spans="14:14">
      <c r="N750866" s="10"/>
    </row>
    <row r="750867" spans="14:14">
      <c r="N750867" s="10"/>
    </row>
    <row r="750868" spans="14:14">
      <c r="N750868" s="10"/>
    </row>
    <row r="750869" spans="14:14">
      <c r="N750869" s="10"/>
    </row>
    <row r="750870" spans="14:14">
      <c r="N750870" s="10"/>
    </row>
    <row r="750871" spans="14:14">
      <c r="N750871" s="10"/>
    </row>
    <row r="750872" spans="14:14">
      <c r="N750872" s="10"/>
    </row>
    <row r="750873" spans="14:14">
      <c r="N750873" s="10"/>
    </row>
    <row r="750874" spans="14:14">
      <c r="N750874" s="10"/>
    </row>
    <row r="750875" spans="14:14">
      <c r="N750875" s="10"/>
    </row>
    <row r="750876" spans="14:14">
      <c r="N750876" s="10"/>
    </row>
    <row r="750877" spans="14:14">
      <c r="N750877" s="10"/>
    </row>
    <row r="750878" spans="14:14">
      <c r="N750878" s="10"/>
    </row>
    <row r="750879" spans="14:14">
      <c r="N750879" s="10"/>
    </row>
    <row r="750880" spans="14:14">
      <c r="N750880" s="10"/>
    </row>
    <row r="750881" spans="14:14">
      <c r="N750881" s="10"/>
    </row>
    <row r="750882" spans="14:14">
      <c r="N750882" s="10"/>
    </row>
    <row r="750883" spans="14:14">
      <c r="N750883" s="10"/>
    </row>
    <row r="750884" spans="14:14">
      <c r="N750884" s="10"/>
    </row>
    <row r="750885" spans="14:14">
      <c r="N750885" s="10"/>
    </row>
    <row r="750886" spans="14:14">
      <c r="N750886" s="10"/>
    </row>
    <row r="750887" spans="14:14">
      <c r="N750887" s="10"/>
    </row>
    <row r="750888" spans="14:14">
      <c r="N750888" s="10"/>
    </row>
    <row r="750889" spans="14:14">
      <c r="N750889" s="10"/>
    </row>
    <row r="750890" spans="14:14">
      <c r="N750890" s="10"/>
    </row>
    <row r="750891" spans="14:14">
      <c r="N750891" s="10"/>
    </row>
    <row r="750892" spans="14:14">
      <c r="N750892" s="10"/>
    </row>
    <row r="750893" spans="14:14">
      <c r="N750893" s="10"/>
    </row>
    <row r="750894" spans="14:14">
      <c r="N750894" s="10"/>
    </row>
    <row r="750895" spans="14:14">
      <c r="N750895" s="10"/>
    </row>
    <row r="750896" spans="14:14">
      <c r="N750896" s="10"/>
    </row>
    <row r="750897" spans="14:14">
      <c r="N750897" s="10"/>
    </row>
    <row r="750898" spans="14:14">
      <c r="N750898" s="10"/>
    </row>
    <row r="750899" spans="14:14">
      <c r="N750899" s="10"/>
    </row>
    <row r="750900" spans="14:14">
      <c r="N750900" s="10"/>
    </row>
    <row r="750901" spans="14:14">
      <c r="N750901" s="10"/>
    </row>
    <row r="750902" spans="14:14">
      <c r="N750902" s="10"/>
    </row>
    <row r="750903" spans="14:14">
      <c r="N750903" s="10"/>
    </row>
    <row r="750904" spans="14:14">
      <c r="N750904" s="10"/>
    </row>
    <row r="750905" spans="14:14">
      <c r="N750905" s="10"/>
    </row>
    <row r="750906" spans="14:14">
      <c r="N750906" s="10"/>
    </row>
    <row r="750907" spans="14:14">
      <c r="N750907" s="10"/>
    </row>
    <row r="750908" spans="14:14">
      <c r="N750908" s="10"/>
    </row>
    <row r="750909" spans="14:14">
      <c r="N750909" s="10"/>
    </row>
    <row r="750910" spans="14:14">
      <c r="N750910" s="10"/>
    </row>
    <row r="750911" spans="14:14">
      <c r="N750911" s="10"/>
    </row>
    <row r="750912" spans="14:14">
      <c r="N750912" s="10"/>
    </row>
    <row r="750913" spans="14:14">
      <c r="N750913" s="10"/>
    </row>
    <row r="750914" spans="14:14">
      <c r="N750914" s="10"/>
    </row>
    <row r="750915" spans="14:14">
      <c r="N750915" s="10"/>
    </row>
    <row r="750916" spans="14:14">
      <c r="N750916" s="10"/>
    </row>
    <row r="750917" spans="14:14">
      <c r="N750917" s="10"/>
    </row>
    <row r="750918" spans="14:14">
      <c r="N750918" s="10"/>
    </row>
    <row r="750919" spans="14:14">
      <c r="N750919" s="10"/>
    </row>
    <row r="750920" spans="14:14">
      <c r="N750920" s="10"/>
    </row>
    <row r="750921" spans="14:14">
      <c r="N750921" s="10"/>
    </row>
    <row r="750922" spans="14:14">
      <c r="N750922" s="10"/>
    </row>
    <row r="750923" spans="14:14">
      <c r="N750923" s="10"/>
    </row>
    <row r="750924" spans="14:14">
      <c r="N750924" s="10"/>
    </row>
    <row r="750925" spans="14:14">
      <c r="N750925" s="10"/>
    </row>
    <row r="750926" spans="14:14">
      <c r="N750926" s="10"/>
    </row>
    <row r="750927" spans="14:14">
      <c r="N750927" s="10"/>
    </row>
    <row r="750928" spans="14:14">
      <c r="N750928" s="10"/>
    </row>
    <row r="750929" spans="14:14">
      <c r="N750929" s="10"/>
    </row>
    <row r="750930" spans="14:14">
      <c r="N750930" s="10"/>
    </row>
    <row r="750931" spans="14:14">
      <c r="N750931" s="10"/>
    </row>
    <row r="750932" spans="14:14">
      <c r="N750932" s="10"/>
    </row>
    <row r="750933" spans="14:14">
      <c r="N750933" s="10"/>
    </row>
    <row r="750934" spans="14:14">
      <c r="N750934" s="10"/>
    </row>
    <row r="750935" spans="14:14">
      <c r="N750935" s="10"/>
    </row>
    <row r="750936" spans="14:14">
      <c r="N750936" s="10"/>
    </row>
    <row r="750937" spans="14:14">
      <c r="N750937" s="10"/>
    </row>
    <row r="750938" spans="14:14">
      <c r="N750938" s="10"/>
    </row>
    <row r="750939" spans="14:14">
      <c r="N750939" s="10"/>
    </row>
    <row r="750940" spans="14:14">
      <c r="N750940" s="10"/>
    </row>
    <row r="750941" spans="14:14">
      <c r="N750941" s="10"/>
    </row>
    <row r="750942" spans="14:14">
      <c r="N750942" s="10"/>
    </row>
    <row r="750943" spans="14:14">
      <c r="N750943" s="10"/>
    </row>
    <row r="750944" spans="14:14">
      <c r="N750944" s="10"/>
    </row>
    <row r="750945" spans="14:14">
      <c r="N750945" s="10"/>
    </row>
    <row r="750946" spans="14:14">
      <c r="N750946" s="10"/>
    </row>
    <row r="750947" spans="14:14">
      <c r="N750947" s="10"/>
    </row>
    <row r="750948" spans="14:14">
      <c r="N750948" s="10"/>
    </row>
    <row r="750949" spans="14:14">
      <c r="N750949" s="10"/>
    </row>
    <row r="750950" spans="14:14">
      <c r="N750950" s="10"/>
    </row>
    <row r="750951" spans="14:14">
      <c r="N750951" s="10"/>
    </row>
    <row r="750952" spans="14:14">
      <c r="N750952" s="10"/>
    </row>
    <row r="750953" spans="14:14">
      <c r="N750953" s="10"/>
    </row>
    <row r="750954" spans="14:14">
      <c r="N750954" s="10"/>
    </row>
    <row r="750955" spans="14:14">
      <c r="N750955" s="10"/>
    </row>
    <row r="750956" spans="14:14">
      <c r="N750956" s="10"/>
    </row>
    <row r="750957" spans="14:14">
      <c r="N750957" s="10"/>
    </row>
    <row r="750958" spans="14:14">
      <c r="N750958" s="10"/>
    </row>
    <row r="750959" spans="14:14">
      <c r="N750959" s="10"/>
    </row>
    <row r="750960" spans="14:14">
      <c r="N750960" s="10"/>
    </row>
    <row r="750961" spans="14:14">
      <c r="N750961" s="10"/>
    </row>
    <row r="750962" spans="14:14">
      <c r="N750962" s="10"/>
    </row>
    <row r="750963" spans="14:14">
      <c r="N750963" s="10"/>
    </row>
    <row r="750964" spans="14:14">
      <c r="N750964" s="10"/>
    </row>
    <row r="750965" spans="14:14">
      <c r="N750965" s="10"/>
    </row>
    <row r="750966" spans="14:14">
      <c r="N750966" s="10"/>
    </row>
    <row r="750967" spans="14:14">
      <c r="N750967" s="10"/>
    </row>
    <row r="750968" spans="14:14">
      <c r="N750968" s="10"/>
    </row>
    <row r="750969" spans="14:14">
      <c r="N750969" s="10"/>
    </row>
    <row r="750970" spans="14:14">
      <c r="N750970" s="10"/>
    </row>
    <row r="750971" spans="14:14">
      <c r="N750971" s="10"/>
    </row>
    <row r="750972" spans="14:14">
      <c r="N750972" s="10"/>
    </row>
    <row r="750973" spans="14:14">
      <c r="N750973" s="10"/>
    </row>
    <row r="750974" spans="14:14">
      <c r="N750974" s="10"/>
    </row>
    <row r="750975" spans="14:14">
      <c r="N750975" s="10"/>
    </row>
    <row r="750976" spans="14:14">
      <c r="N750976" s="10"/>
    </row>
    <row r="750977" spans="14:14">
      <c r="N750977" s="10"/>
    </row>
    <row r="750978" spans="14:14">
      <c r="N750978" s="10"/>
    </row>
    <row r="750979" spans="14:14">
      <c r="N750979" s="10"/>
    </row>
    <row r="750980" spans="14:14">
      <c r="N750980" s="10"/>
    </row>
    <row r="750981" spans="14:14">
      <c r="N750981" s="10"/>
    </row>
    <row r="750982" spans="14:14">
      <c r="N750982" s="10"/>
    </row>
    <row r="750983" spans="14:14">
      <c r="N750983" s="10"/>
    </row>
    <row r="750984" spans="14:14">
      <c r="N750984" s="10"/>
    </row>
    <row r="750985" spans="14:14">
      <c r="N750985" s="10"/>
    </row>
    <row r="750986" spans="14:14">
      <c r="N750986" s="10"/>
    </row>
    <row r="750987" spans="14:14">
      <c r="N750987" s="10"/>
    </row>
    <row r="750988" spans="14:14">
      <c r="N750988" s="10"/>
    </row>
    <row r="750989" spans="14:14">
      <c r="N750989" s="10"/>
    </row>
    <row r="750990" spans="14:14">
      <c r="N750990" s="10"/>
    </row>
    <row r="750991" spans="14:14">
      <c r="N750991" s="10"/>
    </row>
    <row r="750992" spans="14:14">
      <c r="N750992" s="10"/>
    </row>
    <row r="750993" spans="14:14">
      <c r="N750993" s="10"/>
    </row>
    <row r="750994" spans="14:14">
      <c r="N750994" s="10"/>
    </row>
    <row r="750995" spans="14:14">
      <c r="N750995" s="10"/>
    </row>
    <row r="750996" spans="14:14">
      <c r="N750996" s="10"/>
    </row>
    <row r="750997" spans="14:14">
      <c r="N750997" s="10"/>
    </row>
    <row r="750998" spans="14:14">
      <c r="N750998" s="10"/>
    </row>
    <row r="750999" spans="14:14">
      <c r="N750999" s="10"/>
    </row>
    <row r="751000" spans="14:14">
      <c r="N751000" s="10"/>
    </row>
    <row r="751001" spans="14:14">
      <c r="N751001" s="10"/>
    </row>
    <row r="751002" spans="14:14">
      <c r="N751002" s="10"/>
    </row>
    <row r="751003" spans="14:14">
      <c r="N751003" s="10"/>
    </row>
    <row r="751004" spans="14:14">
      <c r="N751004" s="10"/>
    </row>
    <row r="751005" spans="14:14">
      <c r="N751005" s="10"/>
    </row>
    <row r="751006" spans="14:14">
      <c r="N751006" s="10"/>
    </row>
    <row r="751007" spans="14:14">
      <c r="N751007" s="10"/>
    </row>
    <row r="751008" spans="14:14">
      <c r="N751008" s="10"/>
    </row>
    <row r="751009" spans="14:14">
      <c r="N751009" s="10"/>
    </row>
    <row r="751010" spans="14:14">
      <c r="N751010" s="10"/>
    </row>
    <row r="751011" spans="14:14">
      <c r="N751011" s="10"/>
    </row>
    <row r="751012" spans="14:14">
      <c r="N751012" s="10"/>
    </row>
    <row r="751013" spans="14:14">
      <c r="N751013" s="10"/>
    </row>
    <row r="751014" spans="14:14">
      <c r="N751014" s="10"/>
    </row>
    <row r="751015" spans="14:14">
      <c r="N751015" s="10"/>
    </row>
    <row r="751016" spans="14:14">
      <c r="N751016" s="10"/>
    </row>
    <row r="751017" spans="14:14">
      <c r="N751017" s="10"/>
    </row>
    <row r="751018" spans="14:14">
      <c r="N751018" s="10"/>
    </row>
    <row r="751019" spans="14:14">
      <c r="N751019" s="10"/>
    </row>
    <row r="751020" spans="14:14">
      <c r="N751020" s="10"/>
    </row>
    <row r="751021" spans="14:14">
      <c r="N751021" s="10"/>
    </row>
    <row r="751022" spans="14:14">
      <c r="N751022" s="10"/>
    </row>
    <row r="751023" spans="14:14">
      <c r="N751023" s="10"/>
    </row>
    <row r="751024" spans="14:14">
      <c r="N751024" s="10"/>
    </row>
    <row r="751025" spans="14:14">
      <c r="N751025" s="10"/>
    </row>
    <row r="751026" spans="14:14">
      <c r="N751026" s="10"/>
    </row>
    <row r="751027" spans="14:14">
      <c r="N751027" s="10"/>
    </row>
    <row r="751028" spans="14:14">
      <c r="N751028" s="10"/>
    </row>
    <row r="751029" spans="14:14">
      <c r="N751029" s="10"/>
    </row>
    <row r="751030" spans="14:14">
      <c r="N751030" s="10"/>
    </row>
    <row r="751031" spans="14:14">
      <c r="N751031" s="10"/>
    </row>
    <row r="751032" spans="14:14">
      <c r="N751032" s="10"/>
    </row>
    <row r="751033" spans="14:14">
      <c r="N751033" s="10"/>
    </row>
    <row r="751034" spans="14:14">
      <c r="N751034" s="10"/>
    </row>
    <row r="751035" spans="14:14">
      <c r="N751035" s="10"/>
    </row>
    <row r="751036" spans="14:14">
      <c r="N751036" s="10"/>
    </row>
    <row r="751037" spans="14:14">
      <c r="N751037" s="10"/>
    </row>
    <row r="751038" spans="14:14">
      <c r="N751038" s="10"/>
    </row>
    <row r="751039" spans="14:14">
      <c r="N751039" s="10"/>
    </row>
    <row r="751040" spans="14:14">
      <c r="N751040" s="10"/>
    </row>
    <row r="751041" spans="14:14">
      <c r="N751041" s="10"/>
    </row>
    <row r="751042" spans="14:14">
      <c r="N751042" s="10"/>
    </row>
    <row r="751043" spans="14:14">
      <c r="N751043" s="10"/>
    </row>
    <row r="751044" spans="14:14">
      <c r="N751044" s="10"/>
    </row>
    <row r="751045" spans="14:14">
      <c r="N751045" s="10"/>
    </row>
    <row r="751046" spans="14:14">
      <c r="N751046" s="10"/>
    </row>
    <row r="751047" spans="14:14">
      <c r="N751047" s="10"/>
    </row>
    <row r="751048" spans="14:14">
      <c r="N751048" s="10"/>
    </row>
    <row r="751049" spans="14:14">
      <c r="N751049" s="10"/>
    </row>
    <row r="751050" spans="14:14">
      <c r="N751050" s="10"/>
    </row>
    <row r="751051" spans="14:14">
      <c r="N751051" s="10"/>
    </row>
    <row r="751052" spans="14:14">
      <c r="N751052" s="10"/>
    </row>
    <row r="751053" spans="14:14">
      <c r="N751053" s="10"/>
    </row>
    <row r="751054" spans="14:14">
      <c r="N751054" s="10"/>
    </row>
    <row r="751055" spans="14:14">
      <c r="N751055" s="10"/>
    </row>
    <row r="751056" spans="14:14">
      <c r="N751056" s="10"/>
    </row>
    <row r="751057" spans="14:14">
      <c r="N751057" s="10"/>
    </row>
    <row r="751058" spans="14:14">
      <c r="N751058" s="10"/>
    </row>
    <row r="751059" spans="14:14">
      <c r="N751059" s="10"/>
    </row>
    <row r="751060" spans="14:14">
      <c r="N751060" s="10"/>
    </row>
    <row r="751061" spans="14:14">
      <c r="N751061" s="10"/>
    </row>
    <row r="751062" spans="14:14">
      <c r="N751062" s="10"/>
    </row>
    <row r="751063" spans="14:14">
      <c r="N751063" s="10"/>
    </row>
    <row r="751064" spans="14:14">
      <c r="N751064" s="10"/>
    </row>
    <row r="751065" spans="14:14">
      <c r="N751065" s="10"/>
    </row>
    <row r="751066" spans="14:14">
      <c r="N751066" s="10"/>
    </row>
    <row r="751067" spans="14:14">
      <c r="N751067" s="10"/>
    </row>
    <row r="751068" spans="14:14">
      <c r="N751068" s="10"/>
    </row>
    <row r="751069" spans="14:14">
      <c r="N751069" s="10"/>
    </row>
    <row r="751070" spans="14:14">
      <c r="N751070" s="10"/>
    </row>
    <row r="751071" spans="14:14">
      <c r="N751071" s="10"/>
    </row>
    <row r="751072" spans="14:14">
      <c r="N751072" s="10"/>
    </row>
    <row r="751073" spans="14:14">
      <c r="N751073" s="10"/>
    </row>
    <row r="751074" spans="14:14">
      <c r="N751074" s="10"/>
    </row>
    <row r="751075" spans="14:14">
      <c r="N751075" s="10"/>
    </row>
    <row r="751076" spans="14:14">
      <c r="N751076" s="10"/>
    </row>
    <row r="751077" spans="14:14">
      <c r="N751077" s="10"/>
    </row>
    <row r="751078" spans="14:14">
      <c r="N751078" s="10"/>
    </row>
    <row r="751079" spans="14:14">
      <c r="N751079" s="10"/>
    </row>
    <row r="751080" spans="14:14">
      <c r="N751080" s="10"/>
    </row>
    <row r="751081" spans="14:14">
      <c r="N751081" s="10"/>
    </row>
    <row r="751082" spans="14:14">
      <c r="N751082" s="10"/>
    </row>
    <row r="751083" spans="14:14">
      <c r="N751083" s="10"/>
    </row>
    <row r="751084" spans="14:14">
      <c r="N751084" s="10"/>
    </row>
    <row r="751085" spans="14:14">
      <c r="N751085" s="10"/>
    </row>
    <row r="751086" spans="14:14">
      <c r="N751086" s="10"/>
    </row>
    <row r="751087" spans="14:14">
      <c r="N751087" s="10"/>
    </row>
    <row r="751088" spans="14:14">
      <c r="N751088" s="10"/>
    </row>
    <row r="751089" spans="14:14">
      <c r="N751089" s="10"/>
    </row>
    <row r="751090" spans="14:14">
      <c r="N751090" s="10"/>
    </row>
    <row r="751091" spans="14:14">
      <c r="N751091" s="10"/>
    </row>
    <row r="751092" spans="14:14">
      <c r="N751092" s="10"/>
    </row>
    <row r="751093" spans="14:14">
      <c r="N751093" s="10"/>
    </row>
    <row r="751094" spans="14:14">
      <c r="N751094" s="10"/>
    </row>
    <row r="751095" spans="14:14">
      <c r="N751095" s="10"/>
    </row>
    <row r="751096" spans="14:14">
      <c r="N751096" s="10"/>
    </row>
    <row r="751097" spans="14:14">
      <c r="N751097" s="10"/>
    </row>
    <row r="751098" spans="14:14">
      <c r="N751098" s="10"/>
    </row>
    <row r="751099" spans="14:14">
      <c r="N751099" s="10"/>
    </row>
    <row r="751100" spans="14:14">
      <c r="N751100" s="10"/>
    </row>
    <row r="751101" spans="14:14">
      <c r="N751101" s="10"/>
    </row>
    <row r="751102" spans="14:14">
      <c r="N751102" s="10"/>
    </row>
    <row r="751103" spans="14:14">
      <c r="N751103" s="10"/>
    </row>
    <row r="751104" spans="14:14">
      <c r="N751104" s="10"/>
    </row>
    <row r="751105" spans="14:14">
      <c r="N751105" s="10"/>
    </row>
    <row r="751106" spans="14:14">
      <c r="N751106" s="10"/>
    </row>
    <row r="751107" spans="14:14">
      <c r="N751107" s="10"/>
    </row>
    <row r="751108" spans="14:14">
      <c r="N751108" s="10"/>
    </row>
    <row r="751109" spans="14:14">
      <c r="N751109" s="10"/>
    </row>
    <row r="751110" spans="14:14">
      <c r="N751110" s="10"/>
    </row>
    <row r="751111" spans="14:14">
      <c r="N751111" s="10"/>
    </row>
    <row r="751112" spans="14:14">
      <c r="N751112" s="10"/>
    </row>
    <row r="751113" spans="14:14">
      <c r="N751113" s="10"/>
    </row>
    <row r="751114" spans="14:14">
      <c r="N751114" s="10"/>
    </row>
    <row r="751115" spans="14:14">
      <c r="N751115" s="10"/>
    </row>
    <row r="751116" spans="14:14">
      <c r="N751116" s="10"/>
    </row>
    <row r="751117" spans="14:14">
      <c r="N751117" s="10"/>
    </row>
    <row r="751118" spans="14:14">
      <c r="N751118" s="10"/>
    </row>
    <row r="751119" spans="14:14">
      <c r="N751119" s="10"/>
    </row>
    <row r="751120" spans="14:14">
      <c r="N751120" s="10"/>
    </row>
    <row r="751121" spans="14:14">
      <c r="N751121" s="10"/>
    </row>
    <row r="751122" spans="14:14">
      <c r="N751122" s="10"/>
    </row>
    <row r="751123" spans="14:14">
      <c r="N751123" s="10"/>
    </row>
    <row r="751124" spans="14:14">
      <c r="N751124" s="10"/>
    </row>
    <row r="751125" spans="14:14">
      <c r="N751125" s="10"/>
    </row>
    <row r="751126" spans="14:14">
      <c r="N751126" s="10"/>
    </row>
    <row r="751127" spans="14:14">
      <c r="N751127" s="10"/>
    </row>
    <row r="751128" spans="14:14">
      <c r="N751128" s="10"/>
    </row>
    <row r="751129" spans="14:14">
      <c r="N751129" s="10"/>
    </row>
    <row r="751130" spans="14:14">
      <c r="N751130" s="10"/>
    </row>
    <row r="751131" spans="14:14">
      <c r="N751131" s="10"/>
    </row>
    <row r="751132" spans="14:14">
      <c r="N751132" s="10"/>
    </row>
    <row r="751133" spans="14:14">
      <c r="N751133" s="10"/>
    </row>
    <row r="751134" spans="14:14">
      <c r="N751134" s="10"/>
    </row>
    <row r="751135" spans="14:14">
      <c r="N751135" s="10"/>
    </row>
    <row r="751136" spans="14:14">
      <c r="N751136" s="10"/>
    </row>
    <row r="751137" spans="14:14">
      <c r="N751137" s="10"/>
    </row>
    <row r="751138" spans="14:14">
      <c r="N751138" s="10"/>
    </row>
    <row r="751139" spans="14:14">
      <c r="N751139" s="10"/>
    </row>
    <row r="751140" spans="14:14">
      <c r="N751140" s="10"/>
    </row>
    <row r="751141" spans="14:14">
      <c r="N751141" s="10"/>
    </row>
    <row r="751142" spans="14:14">
      <c r="N751142" s="10"/>
    </row>
    <row r="751143" spans="14:14">
      <c r="N751143" s="10"/>
    </row>
    <row r="751144" spans="14:14">
      <c r="N751144" s="10"/>
    </row>
    <row r="751145" spans="14:14">
      <c r="N751145" s="10"/>
    </row>
    <row r="751146" spans="14:14">
      <c r="N751146" s="10"/>
    </row>
    <row r="751147" spans="14:14">
      <c r="N751147" s="10"/>
    </row>
    <row r="751148" spans="14:14">
      <c r="N751148" s="10"/>
    </row>
    <row r="751149" spans="14:14">
      <c r="N751149" s="10"/>
    </row>
    <row r="751150" spans="14:14">
      <c r="N751150" s="10"/>
    </row>
    <row r="751151" spans="14:14">
      <c r="N751151" s="10"/>
    </row>
    <row r="751152" spans="14:14">
      <c r="N751152" s="10"/>
    </row>
    <row r="751153" spans="14:14">
      <c r="N751153" s="10"/>
    </row>
    <row r="751154" spans="14:14">
      <c r="N751154" s="10"/>
    </row>
    <row r="751155" spans="14:14">
      <c r="N751155" s="10"/>
    </row>
    <row r="751156" spans="14:14">
      <c r="N751156" s="10"/>
    </row>
    <row r="751157" spans="14:14">
      <c r="N751157" s="10"/>
    </row>
    <row r="751158" spans="14:14">
      <c r="N751158" s="10"/>
    </row>
    <row r="751159" spans="14:14">
      <c r="N751159" s="10"/>
    </row>
    <row r="751160" spans="14:14">
      <c r="N751160" s="10"/>
    </row>
    <row r="751161" spans="14:14">
      <c r="N751161" s="10"/>
    </row>
    <row r="751162" spans="14:14">
      <c r="N751162" s="10"/>
    </row>
    <row r="751163" spans="14:14">
      <c r="N751163" s="10"/>
    </row>
    <row r="751164" spans="14:14">
      <c r="N751164" s="10"/>
    </row>
    <row r="751165" spans="14:14">
      <c r="N751165" s="10"/>
    </row>
    <row r="751166" spans="14:14">
      <c r="N751166" s="10"/>
    </row>
    <row r="751167" spans="14:14">
      <c r="N751167" s="10"/>
    </row>
    <row r="751168" spans="14:14">
      <c r="N751168" s="10"/>
    </row>
    <row r="751169" spans="14:14">
      <c r="N751169" s="10"/>
    </row>
    <row r="751170" spans="14:14">
      <c r="N751170" s="10"/>
    </row>
    <row r="751171" spans="14:14">
      <c r="N751171" s="10"/>
    </row>
    <row r="751172" spans="14:14">
      <c r="N751172" s="10"/>
    </row>
    <row r="751173" spans="14:14">
      <c r="N751173" s="10"/>
    </row>
    <row r="751174" spans="14:14">
      <c r="N751174" s="10"/>
    </row>
    <row r="751175" spans="14:14">
      <c r="N751175" s="10"/>
    </row>
    <row r="751176" spans="14:14">
      <c r="N751176" s="10"/>
    </row>
    <row r="751177" spans="14:14">
      <c r="N751177" s="10"/>
    </row>
    <row r="751178" spans="14:14">
      <c r="N751178" s="10"/>
    </row>
    <row r="751179" spans="14:14">
      <c r="N751179" s="10"/>
    </row>
    <row r="751180" spans="14:14">
      <c r="N751180" s="10"/>
    </row>
    <row r="751181" spans="14:14">
      <c r="N751181" s="10"/>
    </row>
    <row r="751182" spans="14:14">
      <c r="N751182" s="10"/>
    </row>
    <row r="751183" spans="14:14">
      <c r="N751183" s="10"/>
    </row>
    <row r="751184" spans="14:14">
      <c r="N751184" s="10"/>
    </row>
    <row r="751185" spans="14:14">
      <c r="N751185" s="10"/>
    </row>
    <row r="751186" spans="14:14">
      <c r="N751186" s="10"/>
    </row>
    <row r="751187" spans="14:14">
      <c r="N751187" s="10"/>
    </row>
    <row r="751188" spans="14:14">
      <c r="N751188" s="10"/>
    </row>
    <row r="751189" spans="14:14">
      <c r="N751189" s="10"/>
    </row>
    <row r="751190" spans="14:14">
      <c r="N751190" s="10"/>
    </row>
    <row r="751191" spans="14:14">
      <c r="N751191" s="10"/>
    </row>
    <row r="751192" spans="14:14">
      <c r="N751192" s="10"/>
    </row>
    <row r="751193" spans="14:14">
      <c r="N751193" s="10"/>
    </row>
    <row r="751194" spans="14:14">
      <c r="N751194" s="10"/>
    </row>
    <row r="751195" spans="14:14">
      <c r="N751195" s="10"/>
    </row>
    <row r="751196" spans="14:14">
      <c r="N751196" s="10"/>
    </row>
    <row r="751197" spans="14:14">
      <c r="N751197" s="10"/>
    </row>
    <row r="751198" spans="14:14">
      <c r="N751198" s="10"/>
    </row>
    <row r="751199" spans="14:14">
      <c r="N751199" s="10"/>
    </row>
    <row r="751200" spans="14:14">
      <c r="N751200" s="10"/>
    </row>
    <row r="751201" spans="14:14">
      <c r="N751201" s="10"/>
    </row>
    <row r="751202" spans="14:14">
      <c r="N751202" s="10"/>
    </row>
    <row r="751203" spans="14:14">
      <c r="N751203" s="10"/>
    </row>
    <row r="751204" spans="14:14">
      <c r="N751204" s="10"/>
    </row>
    <row r="751205" spans="14:14">
      <c r="N751205" s="10"/>
    </row>
    <row r="751206" spans="14:14">
      <c r="N751206" s="10"/>
    </row>
    <row r="751207" spans="14:14">
      <c r="N751207" s="10"/>
    </row>
    <row r="751208" spans="14:14">
      <c r="N751208" s="10"/>
    </row>
    <row r="751209" spans="14:14">
      <c r="N751209" s="10"/>
    </row>
    <row r="751210" spans="14:14">
      <c r="N751210" s="10"/>
    </row>
    <row r="751211" spans="14:14">
      <c r="N751211" s="10"/>
    </row>
    <row r="751212" spans="14:14">
      <c r="N751212" s="10"/>
    </row>
    <row r="751213" spans="14:14">
      <c r="N751213" s="10"/>
    </row>
    <row r="751214" spans="14:14">
      <c r="N751214" s="10"/>
    </row>
    <row r="751215" spans="14:14">
      <c r="N751215" s="10"/>
    </row>
    <row r="751216" spans="14:14">
      <c r="N751216" s="10"/>
    </row>
    <row r="751217" spans="14:14">
      <c r="N751217" s="10"/>
    </row>
    <row r="751218" spans="14:14">
      <c r="N751218" s="10"/>
    </row>
    <row r="751219" spans="14:14">
      <c r="N751219" s="10"/>
    </row>
    <row r="751220" spans="14:14">
      <c r="N751220" s="10"/>
    </row>
    <row r="751221" spans="14:14">
      <c r="N751221" s="10"/>
    </row>
    <row r="751222" spans="14:14">
      <c r="N751222" s="10"/>
    </row>
    <row r="751223" spans="14:14">
      <c r="N751223" s="10"/>
    </row>
    <row r="751224" spans="14:14">
      <c r="N751224" s="10"/>
    </row>
    <row r="751225" spans="14:14">
      <c r="N751225" s="10"/>
    </row>
    <row r="751226" spans="14:14">
      <c r="N751226" s="10"/>
    </row>
    <row r="751227" spans="14:14">
      <c r="N751227" s="10"/>
    </row>
    <row r="751228" spans="14:14">
      <c r="N751228" s="10"/>
    </row>
    <row r="751229" spans="14:14">
      <c r="N751229" s="10"/>
    </row>
    <row r="751230" spans="14:14">
      <c r="N751230" s="10"/>
    </row>
    <row r="751231" spans="14:14">
      <c r="N751231" s="10"/>
    </row>
    <row r="751232" spans="14:14">
      <c r="N751232" s="10"/>
    </row>
    <row r="751233" spans="14:14">
      <c r="N751233" s="10"/>
    </row>
    <row r="751234" spans="14:14">
      <c r="N751234" s="10"/>
    </row>
    <row r="751235" spans="14:14">
      <c r="N751235" s="10"/>
    </row>
    <row r="751236" spans="14:14">
      <c r="N751236" s="10"/>
    </row>
    <row r="751237" spans="14:14">
      <c r="N751237" s="10"/>
    </row>
    <row r="751238" spans="14:14">
      <c r="N751238" s="10"/>
    </row>
    <row r="751239" spans="14:14">
      <c r="N751239" s="10"/>
    </row>
    <row r="751240" spans="14:14">
      <c r="N751240" s="10"/>
    </row>
    <row r="751241" spans="14:14">
      <c r="N751241" s="10"/>
    </row>
    <row r="751242" spans="14:14">
      <c r="N751242" s="10"/>
    </row>
    <row r="751243" spans="14:14">
      <c r="N751243" s="10"/>
    </row>
    <row r="751244" spans="14:14">
      <c r="N751244" s="10"/>
    </row>
    <row r="751245" spans="14:14">
      <c r="N751245" s="10"/>
    </row>
    <row r="751246" spans="14:14">
      <c r="N751246" s="10"/>
    </row>
    <row r="751247" spans="14:14">
      <c r="N751247" s="10"/>
    </row>
    <row r="751248" spans="14:14">
      <c r="N751248" s="10"/>
    </row>
    <row r="751249" spans="14:14">
      <c r="N751249" s="10"/>
    </row>
    <row r="751250" spans="14:14">
      <c r="N751250" s="10"/>
    </row>
    <row r="751251" spans="14:14">
      <c r="N751251" s="10"/>
    </row>
    <row r="751252" spans="14:14">
      <c r="N751252" s="10"/>
    </row>
    <row r="751253" spans="14:14">
      <c r="N751253" s="10"/>
    </row>
    <row r="751254" spans="14:14">
      <c r="N751254" s="10"/>
    </row>
    <row r="751255" spans="14:14">
      <c r="N751255" s="10"/>
    </row>
    <row r="751256" spans="14:14">
      <c r="N751256" s="10"/>
    </row>
    <row r="751257" spans="14:14">
      <c r="N751257" s="10"/>
    </row>
    <row r="751258" spans="14:14">
      <c r="N751258" s="10"/>
    </row>
    <row r="751259" spans="14:14">
      <c r="N751259" s="10"/>
    </row>
    <row r="751260" spans="14:14">
      <c r="N751260" s="10"/>
    </row>
    <row r="751261" spans="14:14">
      <c r="N751261" s="10"/>
    </row>
    <row r="751262" spans="14:14">
      <c r="N751262" s="10"/>
    </row>
    <row r="751263" spans="14:14">
      <c r="N751263" s="10"/>
    </row>
    <row r="751264" spans="14:14">
      <c r="N751264" s="10"/>
    </row>
    <row r="751265" spans="14:14">
      <c r="N751265" s="10"/>
    </row>
    <row r="751266" spans="14:14">
      <c r="N751266" s="10"/>
    </row>
    <row r="751267" spans="14:14">
      <c r="N751267" s="10"/>
    </row>
    <row r="751268" spans="14:14">
      <c r="N751268" s="10"/>
    </row>
    <row r="751269" spans="14:14">
      <c r="N751269" s="10"/>
    </row>
    <row r="751270" spans="14:14">
      <c r="N751270" s="10"/>
    </row>
    <row r="751271" spans="14:14">
      <c r="N751271" s="10"/>
    </row>
    <row r="751272" spans="14:14">
      <c r="N751272" s="10"/>
    </row>
    <row r="751273" spans="14:14">
      <c r="N751273" s="10"/>
    </row>
    <row r="751274" spans="14:14">
      <c r="N751274" s="10"/>
    </row>
    <row r="751275" spans="14:14">
      <c r="N751275" s="10"/>
    </row>
    <row r="751276" spans="14:14">
      <c r="N751276" s="10"/>
    </row>
    <row r="751277" spans="14:14">
      <c r="N751277" s="10"/>
    </row>
    <row r="751278" spans="14:14">
      <c r="N751278" s="10"/>
    </row>
    <row r="751279" spans="14:14">
      <c r="N751279" s="10"/>
    </row>
    <row r="751280" spans="14:14">
      <c r="N751280" s="10"/>
    </row>
    <row r="751281" spans="14:14">
      <c r="N751281" s="10"/>
    </row>
    <row r="751282" spans="14:14">
      <c r="N751282" s="10"/>
    </row>
    <row r="751283" spans="14:14">
      <c r="N751283" s="10"/>
    </row>
    <row r="751284" spans="14:14">
      <c r="N751284" s="10"/>
    </row>
    <row r="751285" spans="14:14">
      <c r="N751285" s="10"/>
    </row>
    <row r="751286" spans="14:14">
      <c r="N751286" s="10"/>
    </row>
    <row r="751287" spans="14:14">
      <c r="N751287" s="10"/>
    </row>
    <row r="751288" spans="14:14">
      <c r="N751288" s="10"/>
    </row>
    <row r="751289" spans="14:14">
      <c r="N751289" s="10"/>
    </row>
    <row r="751290" spans="14:14">
      <c r="N751290" s="10"/>
    </row>
    <row r="751291" spans="14:14">
      <c r="N751291" s="10"/>
    </row>
    <row r="751292" spans="14:14">
      <c r="N751292" s="10"/>
    </row>
    <row r="751293" spans="14:14">
      <c r="N751293" s="10"/>
    </row>
    <row r="751294" spans="14:14">
      <c r="N751294" s="10"/>
    </row>
    <row r="751295" spans="14:14">
      <c r="N751295" s="10"/>
    </row>
    <row r="751296" spans="14:14">
      <c r="N751296" s="10"/>
    </row>
    <row r="751297" spans="14:14">
      <c r="N751297" s="10"/>
    </row>
    <row r="751298" spans="14:14">
      <c r="N751298" s="10"/>
    </row>
    <row r="751299" spans="14:14">
      <c r="N751299" s="10"/>
    </row>
    <row r="751300" spans="14:14">
      <c r="N751300" s="10"/>
    </row>
    <row r="751301" spans="14:14">
      <c r="N751301" s="10"/>
    </row>
    <row r="751302" spans="14:14">
      <c r="N751302" s="10"/>
    </row>
    <row r="751303" spans="14:14">
      <c r="N751303" s="10"/>
    </row>
    <row r="751304" spans="14:14">
      <c r="N751304" s="10"/>
    </row>
    <row r="751305" spans="14:14">
      <c r="N751305" s="10"/>
    </row>
    <row r="751306" spans="14:14">
      <c r="N751306" s="10"/>
    </row>
    <row r="751307" spans="14:14">
      <c r="N751307" s="10"/>
    </row>
    <row r="751308" spans="14:14">
      <c r="N751308" s="10"/>
    </row>
    <row r="751309" spans="14:14">
      <c r="N751309" s="10"/>
    </row>
    <row r="751310" spans="14:14">
      <c r="N751310" s="10"/>
    </row>
    <row r="751311" spans="14:14">
      <c r="N751311" s="10"/>
    </row>
    <row r="751312" spans="14:14">
      <c r="N751312" s="10"/>
    </row>
    <row r="751313" spans="14:14">
      <c r="N751313" s="10"/>
    </row>
    <row r="751314" spans="14:14">
      <c r="N751314" s="10"/>
    </row>
    <row r="751315" spans="14:14">
      <c r="N751315" s="10"/>
    </row>
    <row r="751316" spans="14:14">
      <c r="N751316" s="10"/>
    </row>
    <row r="751317" spans="14:14">
      <c r="N751317" s="10"/>
    </row>
    <row r="751318" spans="14:14">
      <c r="N751318" s="10"/>
    </row>
    <row r="751319" spans="14:14">
      <c r="N751319" s="10"/>
    </row>
    <row r="751320" spans="14:14">
      <c r="N751320" s="10"/>
    </row>
    <row r="751321" spans="14:14">
      <c r="N751321" s="10"/>
    </row>
    <row r="751322" spans="14:14">
      <c r="N751322" s="10"/>
    </row>
    <row r="751323" spans="14:14">
      <c r="N751323" s="10"/>
    </row>
    <row r="751324" spans="14:14">
      <c r="N751324" s="10"/>
    </row>
    <row r="751325" spans="14:14">
      <c r="N751325" s="10"/>
    </row>
    <row r="751326" spans="14:14">
      <c r="N751326" s="10"/>
    </row>
    <row r="751327" spans="14:14">
      <c r="N751327" s="10"/>
    </row>
    <row r="751328" spans="14:14">
      <c r="N751328" s="10"/>
    </row>
    <row r="751329" spans="14:14">
      <c r="N751329" s="10"/>
    </row>
    <row r="751330" spans="14:14">
      <c r="N751330" s="10"/>
    </row>
    <row r="751331" spans="14:14">
      <c r="N751331" s="10"/>
    </row>
    <row r="751332" spans="14:14">
      <c r="N751332" s="10"/>
    </row>
    <row r="751333" spans="14:14">
      <c r="N751333" s="10"/>
    </row>
    <row r="751334" spans="14:14">
      <c r="N751334" s="10"/>
    </row>
    <row r="751335" spans="14:14">
      <c r="N751335" s="10"/>
    </row>
    <row r="751336" spans="14:14">
      <c r="N751336" s="10"/>
    </row>
    <row r="751337" spans="14:14">
      <c r="N751337" s="10"/>
    </row>
    <row r="751338" spans="14:14">
      <c r="N751338" s="10"/>
    </row>
    <row r="751339" spans="14:14">
      <c r="N751339" s="10"/>
    </row>
    <row r="751340" spans="14:14">
      <c r="N751340" s="10"/>
    </row>
    <row r="751341" spans="14:14">
      <c r="N751341" s="10"/>
    </row>
    <row r="751342" spans="14:14">
      <c r="N751342" s="10"/>
    </row>
    <row r="751343" spans="14:14">
      <c r="N751343" s="10"/>
    </row>
    <row r="751344" spans="14:14">
      <c r="N751344" s="10"/>
    </row>
    <row r="751345" spans="14:14">
      <c r="N751345" s="10"/>
    </row>
    <row r="751346" spans="14:14">
      <c r="N751346" s="10"/>
    </row>
    <row r="751347" spans="14:14">
      <c r="N751347" s="10"/>
    </row>
    <row r="751348" spans="14:14">
      <c r="N751348" s="10"/>
    </row>
    <row r="751349" spans="14:14">
      <c r="N751349" s="10"/>
    </row>
    <row r="751350" spans="14:14">
      <c r="N751350" s="10"/>
    </row>
    <row r="751351" spans="14:14">
      <c r="N751351" s="10"/>
    </row>
    <row r="751352" spans="14:14">
      <c r="N751352" s="10"/>
    </row>
    <row r="751353" spans="14:14">
      <c r="N751353" s="10"/>
    </row>
    <row r="751354" spans="14:14">
      <c r="N751354" s="10"/>
    </row>
    <row r="751355" spans="14:14">
      <c r="N751355" s="10"/>
    </row>
    <row r="751356" spans="14:14">
      <c r="N751356" s="10"/>
    </row>
    <row r="751357" spans="14:14">
      <c r="N751357" s="10"/>
    </row>
    <row r="751358" spans="14:14">
      <c r="N751358" s="10"/>
    </row>
    <row r="751359" spans="14:14">
      <c r="N751359" s="10"/>
    </row>
    <row r="751360" spans="14:14">
      <c r="N751360" s="10"/>
    </row>
    <row r="751361" spans="14:14">
      <c r="N751361" s="10"/>
    </row>
    <row r="751362" spans="14:14">
      <c r="N751362" s="10"/>
    </row>
    <row r="751363" spans="14:14">
      <c r="N751363" s="10"/>
    </row>
    <row r="751364" spans="14:14">
      <c r="N751364" s="10"/>
    </row>
    <row r="751365" spans="14:14">
      <c r="N751365" s="10"/>
    </row>
    <row r="751366" spans="14:14">
      <c r="N751366" s="10"/>
    </row>
    <row r="751367" spans="14:14">
      <c r="N751367" s="10"/>
    </row>
    <row r="751368" spans="14:14">
      <c r="N751368" s="10"/>
    </row>
    <row r="751369" spans="14:14">
      <c r="N751369" s="10"/>
    </row>
    <row r="751370" spans="14:14">
      <c r="N751370" s="10"/>
    </row>
    <row r="751371" spans="14:14">
      <c r="N751371" s="10"/>
    </row>
    <row r="751372" spans="14:14">
      <c r="N751372" s="10"/>
    </row>
    <row r="751373" spans="14:14">
      <c r="N751373" s="10"/>
    </row>
    <row r="751374" spans="14:14">
      <c r="N751374" s="10"/>
    </row>
    <row r="751375" spans="14:14">
      <c r="N751375" s="10"/>
    </row>
    <row r="751376" spans="14:14">
      <c r="N751376" s="10"/>
    </row>
    <row r="751377" spans="14:14">
      <c r="N751377" s="10"/>
    </row>
    <row r="751378" spans="14:14">
      <c r="N751378" s="10"/>
    </row>
    <row r="751379" spans="14:14">
      <c r="N751379" s="10"/>
    </row>
    <row r="751380" spans="14:14">
      <c r="N751380" s="10"/>
    </row>
    <row r="751381" spans="14:14">
      <c r="N751381" s="10"/>
    </row>
    <row r="751382" spans="14:14">
      <c r="N751382" s="10"/>
    </row>
    <row r="751383" spans="14:14">
      <c r="N751383" s="10"/>
    </row>
    <row r="751384" spans="14:14">
      <c r="N751384" s="10"/>
    </row>
    <row r="751385" spans="14:14">
      <c r="N751385" s="10"/>
    </row>
    <row r="751386" spans="14:14">
      <c r="N751386" s="10"/>
    </row>
    <row r="751387" spans="14:14">
      <c r="N751387" s="10"/>
    </row>
    <row r="751388" spans="14:14">
      <c r="N751388" s="10"/>
    </row>
    <row r="751389" spans="14:14">
      <c r="N751389" s="10"/>
    </row>
    <row r="751390" spans="14:14">
      <c r="N751390" s="10"/>
    </row>
    <row r="751391" spans="14:14">
      <c r="N751391" s="10"/>
    </row>
    <row r="751392" spans="14:14">
      <c r="N751392" s="10"/>
    </row>
    <row r="751393" spans="14:14">
      <c r="N751393" s="10"/>
    </row>
    <row r="751394" spans="14:14">
      <c r="N751394" s="10"/>
    </row>
    <row r="751395" spans="14:14">
      <c r="N751395" s="10"/>
    </row>
    <row r="751396" spans="14:14">
      <c r="N751396" s="10"/>
    </row>
    <row r="751397" spans="14:14">
      <c r="N751397" s="10"/>
    </row>
    <row r="751398" spans="14:14">
      <c r="N751398" s="10"/>
    </row>
    <row r="751399" spans="14:14">
      <c r="N751399" s="10"/>
    </row>
    <row r="751400" spans="14:14">
      <c r="N751400" s="10"/>
    </row>
    <row r="751401" spans="14:14">
      <c r="N751401" s="10"/>
    </row>
    <row r="751402" spans="14:14">
      <c r="N751402" s="10"/>
    </row>
    <row r="751403" spans="14:14">
      <c r="N751403" s="10"/>
    </row>
    <row r="751404" spans="14:14">
      <c r="N751404" s="10"/>
    </row>
    <row r="751405" spans="14:14">
      <c r="N751405" s="10"/>
    </row>
    <row r="751406" spans="14:14">
      <c r="N751406" s="10"/>
    </row>
    <row r="751407" spans="14:14">
      <c r="N751407" s="10"/>
    </row>
    <row r="751408" spans="14:14">
      <c r="N751408" s="10"/>
    </row>
    <row r="751409" spans="14:14">
      <c r="N751409" s="10"/>
    </row>
    <row r="751410" spans="14:14">
      <c r="N751410" s="10"/>
    </row>
    <row r="751411" spans="14:14">
      <c r="N751411" s="10"/>
    </row>
    <row r="751412" spans="14:14">
      <c r="N751412" s="10"/>
    </row>
    <row r="751413" spans="14:14">
      <c r="N751413" s="10"/>
    </row>
    <row r="751414" spans="14:14">
      <c r="N751414" s="10"/>
    </row>
    <row r="751415" spans="14:14">
      <c r="N751415" s="10"/>
    </row>
    <row r="751416" spans="14:14">
      <c r="N751416" s="10"/>
    </row>
    <row r="751417" spans="14:14">
      <c r="N751417" s="10"/>
    </row>
    <row r="751418" spans="14:14">
      <c r="N751418" s="10"/>
    </row>
    <row r="751419" spans="14:14">
      <c r="N751419" s="10"/>
    </row>
    <row r="751420" spans="14:14">
      <c r="N751420" s="10"/>
    </row>
    <row r="751421" spans="14:14">
      <c r="N751421" s="10"/>
    </row>
    <row r="751422" spans="14:14">
      <c r="N751422" s="10"/>
    </row>
    <row r="751423" spans="14:14">
      <c r="N751423" s="10"/>
    </row>
    <row r="751424" spans="14:14">
      <c r="N751424" s="10"/>
    </row>
    <row r="751425" spans="14:14">
      <c r="N751425" s="10"/>
    </row>
    <row r="751426" spans="14:14">
      <c r="N751426" s="10"/>
    </row>
    <row r="751427" spans="14:14">
      <c r="N751427" s="10"/>
    </row>
    <row r="751428" spans="14:14">
      <c r="N751428" s="10"/>
    </row>
    <row r="751429" spans="14:14">
      <c r="N751429" s="10"/>
    </row>
    <row r="751430" spans="14:14">
      <c r="N751430" s="10"/>
    </row>
    <row r="751431" spans="14:14">
      <c r="N751431" s="10"/>
    </row>
    <row r="751432" spans="14:14">
      <c r="N751432" s="10"/>
    </row>
    <row r="751433" spans="14:14">
      <c r="N751433" s="10"/>
    </row>
    <row r="751434" spans="14:14">
      <c r="N751434" s="10"/>
    </row>
    <row r="751435" spans="14:14">
      <c r="N751435" s="10"/>
    </row>
    <row r="751436" spans="14:14">
      <c r="N751436" s="10"/>
    </row>
    <row r="751437" spans="14:14">
      <c r="N751437" s="10"/>
    </row>
    <row r="751438" spans="14:14">
      <c r="N751438" s="10"/>
    </row>
    <row r="751439" spans="14:14">
      <c r="N751439" s="10"/>
    </row>
    <row r="751440" spans="14:14">
      <c r="N751440" s="10"/>
    </row>
    <row r="751441" spans="14:14">
      <c r="N751441" s="10"/>
    </row>
    <row r="751442" spans="14:14">
      <c r="N751442" s="10"/>
    </row>
    <row r="751443" spans="14:14">
      <c r="N751443" s="10"/>
    </row>
    <row r="751444" spans="14:14">
      <c r="N751444" s="10"/>
    </row>
    <row r="751445" spans="14:14">
      <c r="N751445" s="10"/>
    </row>
    <row r="751446" spans="14:14">
      <c r="N751446" s="10"/>
    </row>
    <row r="751447" spans="14:14">
      <c r="N751447" s="10"/>
    </row>
    <row r="751448" spans="14:14">
      <c r="N751448" s="10"/>
    </row>
    <row r="751449" spans="14:14">
      <c r="N751449" s="10"/>
    </row>
    <row r="751450" spans="14:14">
      <c r="N751450" s="10"/>
    </row>
    <row r="751451" spans="14:14">
      <c r="N751451" s="10"/>
    </row>
    <row r="751452" spans="14:14">
      <c r="N751452" s="10"/>
    </row>
    <row r="751453" spans="14:14">
      <c r="N751453" s="10"/>
    </row>
    <row r="751454" spans="14:14">
      <c r="N751454" s="10"/>
    </row>
    <row r="751455" spans="14:14">
      <c r="N751455" s="10"/>
    </row>
    <row r="751456" spans="14:14">
      <c r="N751456" s="10"/>
    </row>
    <row r="751457" spans="14:14">
      <c r="N751457" s="10"/>
    </row>
    <row r="751458" spans="14:14">
      <c r="N751458" s="10"/>
    </row>
    <row r="751459" spans="14:14">
      <c r="N751459" s="10"/>
    </row>
    <row r="751460" spans="14:14">
      <c r="N751460" s="10"/>
    </row>
    <row r="751461" spans="14:14">
      <c r="N751461" s="10"/>
    </row>
    <row r="751462" spans="14:14">
      <c r="N751462" s="10"/>
    </row>
    <row r="751463" spans="14:14">
      <c r="N751463" s="10"/>
    </row>
    <row r="751464" spans="14:14">
      <c r="N751464" s="10"/>
    </row>
    <row r="751465" spans="14:14">
      <c r="N751465" s="10"/>
    </row>
    <row r="751466" spans="14:14">
      <c r="N751466" s="10"/>
    </row>
    <row r="751467" spans="14:14">
      <c r="N751467" s="10"/>
    </row>
    <row r="751468" spans="14:14">
      <c r="N751468" s="10"/>
    </row>
    <row r="751469" spans="14:14">
      <c r="N751469" s="10"/>
    </row>
    <row r="751470" spans="14:14">
      <c r="N751470" s="10"/>
    </row>
    <row r="751471" spans="14:14">
      <c r="N751471" s="10"/>
    </row>
    <row r="751472" spans="14:14">
      <c r="N751472" s="10"/>
    </row>
    <row r="751473" spans="14:14">
      <c r="N751473" s="10"/>
    </row>
    <row r="751474" spans="14:14">
      <c r="N751474" s="10"/>
    </row>
    <row r="751475" spans="14:14">
      <c r="N751475" s="10"/>
    </row>
    <row r="751476" spans="14:14">
      <c r="N751476" s="10"/>
    </row>
    <row r="751477" spans="14:14">
      <c r="N751477" s="10"/>
    </row>
    <row r="751478" spans="14:14">
      <c r="N751478" s="10"/>
    </row>
    <row r="751479" spans="14:14">
      <c r="N751479" s="10"/>
    </row>
    <row r="751480" spans="14:14">
      <c r="N751480" s="10"/>
    </row>
    <row r="751481" spans="14:14">
      <c r="N751481" s="10"/>
    </row>
    <row r="751482" spans="14:14">
      <c r="N751482" s="10"/>
    </row>
    <row r="751483" spans="14:14">
      <c r="N751483" s="10"/>
    </row>
    <row r="751484" spans="14:14">
      <c r="N751484" s="10"/>
    </row>
    <row r="751485" spans="14:14">
      <c r="N751485" s="10"/>
    </row>
    <row r="751486" spans="14:14">
      <c r="N751486" s="10"/>
    </row>
    <row r="751487" spans="14:14">
      <c r="N751487" s="10"/>
    </row>
    <row r="751488" spans="14:14">
      <c r="N751488" s="10"/>
    </row>
    <row r="751489" spans="14:14">
      <c r="N751489" s="10"/>
    </row>
    <row r="751490" spans="14:14">
      <c r="N751490" s="10"/>
    </row>
    <row r="751491" spans="14:14">
      <c r="N751491" s="10"/>
    </row>
    <row r="751492" spans="14:14">
      <c r="N751492" s="10"/>
    </row>
    <row r="751493" spans="14:14">
      <c r="N751493" s="10"/>
    </row>
    <row r="751494" spans="14:14">
      <c r="N751494" s="10"/>
    </row>
    <row r="751495" spans="14:14">
      <c r="N751495" s="10"/>
    </row>
    <row r="751496" spans="14:14">
      <c r="N751496" s="10"/>
    </row>
    <row r="751497" spans="14:14">
      <c r="N751497" s="10"/>
    </row>
    <row r="751498" spans="14:14">
      <c r="N751498" s="10"/>
    </row>
    <row r="751499" spans="14:14">
      <c r="N751499" s="10"/>
    </row>
    <row r="751500" spans="14:14">
      <c r="N751500" s="10"/>
    </row>
    <row r="751501" spans="14:14">
      <c r="N751501" s="10"/>
    </row>
    <row r="751502" spans="14:14">
      <c r="N751502" s="10"/>
    </row>
    <row r="751503" spans="14:14">
      <c r="N751503" s="10"/>
    </row>
    <row r="751504" spans="14:14">
      <c r="N751504" s="10"/>
    </row>
    <row r="751505" spans="14:14">
      <c r="N751505" s="10"/>
    </row>
    <row r="751506" spans="14:14">
      <c r="N751506" s="10"/>
    </row>
    <row r="751507" spans="14:14">
      <c r="N751507" s="10"/>
    </row>
    <row r="751508" spans="14:14">
      <c r="N751508" s="10"/>
    </row>
    <row r="751509" spans="14:14">
      <c r="N751509" s="10"/>
    </row>
    <row r="751510" spans="14:14">
      <c r="N751510" s="10"/>
    </row>
    <row r="751511" spans="14:14">
      <c r="N751511" s="10"/>
    </row>
    <row r="751512" spans="14:14">
      <c r="N751512" s="10"/>
    </row>
    <row r="751513" spans="14:14">
      <c r="N751513" s="10"/>
    </row>
    <row r="751514" spans="14:14">
      <c r="N751514" s="10"/>
    </row>
    <row r="751515" spans="14:14">
      <c r="N751515" s="10"/>
    </row>
    <row r="751516" spans="14:14">
      <c r="N751516" s="10"/>
    </row>
    <row r="751517" spans="14:14">
      <c r="N751517" s="10"/>
    </row>
    <row r="751518" spans="14:14">
      <c r="N751518" s="10"/>
    </row>
    <row r="751519" spans="14:14">
      <c r="N751519" s="10"/>
    </row>
    <row r="751520" spans="14:14">
      <c r="N751520" s="10"/>
    </row>
    <row r="751521" spans="14:14">
      <c r="N751521" s="10"/>
    </row>
    <row r="751522" spans="14:14">
      <c r="N751522" s="10"/>
    </row>
    <row r="751523" spans="14:14">
      <c r="N751523" s="10"/>
    </row>
    <row r="751524" spans="14:14">
      <c r="N751524" s="10"/>
    </row>
    <row r="751525" spans="14:14">
      <c r="N751525" s="10"/>
    </row>
    <row r="751526" spans="14:14">
      <c r="N751526" s="10"/>
    </row>
    <row r="751527" spans="14:14">
      <c r="N751527" s="10"/>
    </row>
    <row r="751528" spans="14:14">
      <c r="N751528" s="10"/>
    </row>
    <row r="751529" spans="14:14">
      <c r="N751529" s="10"/>
    </row>
    <row r="751530" spans="14:14">
      <c r="N751530" s="10"/>
    </row>
    <row r="751531" spans="14:14">
      <c r="N751531" s="10"/>
    </row>
    <row r="751532" spans="14:14">
      <c r="N751532" s="10"/>
    </row>
    <row r="751533" spans="14:14">
      <c r="N751533" s="10"/>
    </row>
    <row r="751534" spans="14:14">
      <c r="N751534" s="10"/>
    </row>
    <row r="751535" spans="14:14">
      <c r="N751535" s="10"/>
    </row>
    <row r="751536" spans="14:14">
      <c r="N751536" s="10"/>
    </row>
    <row r="751537" spans="14:14">
      <c r="N751537" s="10"/>
    </row>
    <row r="751538" spans="14:14">
      <c r="N751538" s="10"/>
    </row>
    <row r="751539" spans="14:14">
      <c r="N751539" s="10"/>
    </row>
    <row r="751540" spans="14:14">
      <c r="N751540" s="10"/>
    </row>
    <row r="751541" spans="14:14">
      <c r="N751541" s="10"/>
    </row>
    <row r="751542" spans="14:14">
      <c r="N751542" s="10"/>
    </row>
    <row r="751543" spans="14:14">
      <c r="N751543" s="10"/>
    </row>
    <row r="751544" spans="14:14">
      <c r="N751544" s="10"/>
    </row>
    <row r="751545" spans="14:14">
      <c r="N751545" s="10"/>
    </row>
    <row r="751546" spans="14:14">
      <c r="N751546" s="10"/>
    </row>
    <row r="751547" spans="14:14">
      <c r="N751547" s="10"/>
    </row>
    <row r="751548" spans="14:14">
      <c r="N751548" s="10"/>
    </row>
    <row r="751549" spans="14:14">
      <c r="N751549" s="10"/>
    </row>
    <row r="751550" spans="14:14">
      <c r="N751550" s="10"/>
    </row>
    <row r="751551" spans="14:14">
      <c r="N751551" s="10"/>
    </row>
    <row r="751552" spans="14:14">
      <c r="N751552" s="10"/>
    </row>
    <row r="751553" spans="14:14">
      <c r="N751553" s="10"/>
    </row>
    <row r="751554" spans="14:14">
      <c r="N751554" s="10"/>
    </row>
    <row r="751555" spans="14:14">
      <c r="N751555" s="10"/>
    </row>
    <row r="751556" spans="14:14">
      <c r="N751556" s="10"/>
    </row>
    <row r="751557" spans="14:14">
      <c r="N751557" s="10"/>
    </row>
    <row r="751558" spans="14:14">
      <c r="N751558" s="10"/>
    </row>
    <row r="751559" spans="14:14">
      <c r="N751559" s="10"/>
    </row>
    <row r="751560" spans="14:14">
      <c r="N751560" s="10"/>
    </row>
    <row r="751561" spans="14:14">
      <c r="N751561" s="10"/>
    </row>
    <row r="751562" spans="14:14">
      <c r="N751562" s="10"/>
    </row>
    <row r="751563" spans="14:14">
      <c r="N751563" s="10"/>
    </row>
    <row r="751564" spans="14:14">
      <c r="N751564" s="10"/>
    </row>
    <row r="751565" spans="14:14">
      <c r="N751565" s="10"/>
    </row>
    <row r="751566" spans="14:14">
      <c r="N751566" s="10"/>
    </row>
    <row r="751567" spans="14:14">
      <c r="N751567" s="10"/>
    </row>
    <row r="751568" spans="14:14">
      <c r="N751568" s="10"/>
    </row>
    <row r="751569" spans="14:14">
      <c r="N751569" s="10"/>
    </row>
    <row r="751570" spans="14:14">
      <c r="N751570" s="10"/>
    </row>
    <row r="751571" spans="14:14">
      <c r="N751571" s="10"/>
    </row>
    <row r="751572" spans="14:14">
      <c r="N751572" s="10"/>
    </row>
    <row r="751573" spans="14:14">
      <c r="N751573" s="10"/>
    </row>
    <row r="751574" spans="14:14">
      <c r="N751574" s="10"/>
    </row>
    <row r="751575" spans="14:14">
      <c r="N751575" s="10"/>
    </row>
    <row r="751576" spans="14:14">
      <c r="N751576" s="10"/>
    </row>
    <row r="751577" spans="14:14">
      <c r="N751577" s="10"/>
    </row>
    <row r="751578" spans="14:14">
      <c r="N751578" s="10"/>
    </row>
    <row r="751579" spans="14:14">
      <c r="N751579" s="10"/>
    </row>
    <row r="751580" spans="14:14">
      <c r="N751580" s="10"/>
    </row>
    <row r="751581" spans="14:14">
      <c r="N751581" s="10"/>
    </row>
    <row r="751582" spans="14:14">
      <c r="N751582" s="10"/>
    </row>
    <row r="751583" spans="14:14">
      <c r="N751583" s="10"/>
    </row>
    <row r="751584" spans="14:14">
      <c r="N751584" s="10"/>
    </row>
    <row r="751585" spans="14:14">
      <c r="N751585" s="10"/>
    </row>
    <row r="751586" spans="14:14">
      <c r="N751586" s="10"/>
    </row>
    <row r="751587" spans="14:14">
      <c r="N751587" s="10"/>
    </row>
    <row r="751588" spans="14:14">
      <c r="N751588" s="10"/>
    </row>
    <row r="751589" spans="14:14">
      <c r="N751589" s="10"/>
    </row>
    <row r="751590" spans="14:14">
      <c r="N751590" s="10"/>
    </row>
    <row r="751591" spans="14:14">
      <c r="N751591" s="10"/>
    </row>
    <row r="751592" spans="14:14">
      <c r="N751592" s="10"/>
    </row>
    <row r="751593" spans="14:14">
      <c r="N751593" s="10"/>
    </row>
    <row r="751594" spans="14:14">
      <c r="N751594" s="10"/>
    </row>
    <row r="751595" spans="14:14">
      <c r="N751595" s="10"/>
    </row>
    <row r="751596" spans="14:14">
      <c r="N751596" s="10"/>
    </row>
    <row r="751597" spans="14:14">
      <c r="N751597" s="10"/>
    </row>
    <row r="751598" spans="14:14">
      <c r="N751598" s="10"/>
    </row>
    <row r="751599" spans="14:14">
      <c r="N751599" s="10"/>
    </row>
    <row r="751600" spans="14:14">
      <c r="N751600" s="10"/>
    </row>
    <row r="751601" spans="14:14">
      <c r="N751601" s="10"/>
    </row>
    <row r="751602" spans="14:14">
      <c r="N751602" s="10"/>
    </row>
    <row r="751603" spans="14:14">
      <c r="N751603" s="10"/>
    </row>
    <row r="751604" spans="14:14">
      <c r="N751604" s="10"/>
    </row>
    <row r="751605" spans="14:14">
      <c r="N751605" s="10"/>
    </row>
    <row r="751606" spans="14:14">
      <c r="N751606" s="10"/>
    </row>
    <row r="751607" spans="14:14">
      <c r="N751607" s="10"/>
    </row>
    <row r="751608" spans="14:14">
      <c r="N751608" s="10"/>
    </row>
    <row r="751609" spans="14:14">
      <c r="N751609" s="10"/>
    </row>
    <row r="751610" spans="14:14">
      <c r="N751610" s="10"/>
    </row>
    <row r="751611" spans="14:14">
      <c r="N751611" s="10"/>
    </row>
    <row r="751612" spans="14:14">
      <c r="N751612" s="10"/>
    </row>
    <row r="751613" spans="14:14">
      <c r="N751613" s="10"/>
    </row>
    <row r="751614" spans="14:14">
      <c r="N751614" s="10"/>
    </row>
    <row r="751615" spans="14:14">
      <c r="N751615" s="10"/>
    </row>
    <row r="751616" spans="14:14">
      <c r="N751616" s="10"/>
    </row>
    <row r="751617" spans="14:14">
      <c r="N751617" s="10"/>
    </row>
    <row r="751618" spans="14:14">
      <c r="N751618" s="10"/>
    </row>
    <row r="751619" spans="14:14">
      <c r="N751619" s="10"/>
    </row>
    <row r="751620" spans="14:14">
      <c r="N751620" s="10"/>
    </row>
    <row r="751621" spans="14:14">
      <c r="N751621" s="10"/>
    </row>
    <row r="751622" spans="14:14">
      <c r="N751622" s="10"/>
    </row>
    <row r="751623" spans="14:14">
      <c r="N751623" s="10"/>
    </row>
    <row r="751624" spans="14:14">
      <c r="N751624" s="10"/>
    </row>
    <row r="751625" spans="14:14">
      <c r="N751625" s="10"/>
    </row>
    <row r="751626" spans="14:14">
      <c r="N751626" s="10"/>
    </row>
    <row r="751627" spans="14:14">
      <c r="N751627" s="10"/>
    </row>
    <row r="751628" spans="14:14">
      <c r="N751628" s="10"/>
    </row>
    <row r="751629" spans="14:14">
      <c r="N751629" s="10"/>
    </row>
    <row r="751630" spans="14:14">
      <c r="N751630" s="10"/>
    </row>
    <row r="751631" spans="14:14">
      <c r="N751631" s="10"/>
    </row>
    <row r="751632" spans="14:14">
      <c r="N751632" s="10"/>
    </row>
    <row r="751633" spans="14:14">
      <c r="N751633" s="10"/>
    </row>
    <row r="751634" spans="14:14">
      <c r="N751634" s="10"/>
    </row>
    <row r="751635" spans="14:14">
      <c r="N751635" s="10"/>
    </row>
    <row r="751636" spans="14:14">
      <c r="N751636" s="10"/>
    </row>
    <row r="751637" spans="14:14">
      <c r="N751637" s="10"/>
    </row>
    <row r="751638" spans="14:14">
      <c r="N751638" s="10"/>
    </row>
    <row r="751639" spans="14:14">
      <c r="N751639" s="10"/>
    </row>
    <row r="751640" spans="14:14">
      <c r="N751640" s="10"/>
    </row>
    <row r="751641" spans="14:14">
      <c r="N751641" s="10"/>
    </row>
    <row r="751642" spans="14:14">
      <c r="N751642" s="10"/>
    </row>
    <row r="751643" spans="14:14">
      <c r="N751643" s="10"/>
    </row>
    <row r="751644" spans="14:14">
      <c r="N751644" s="10"/>
    </row>
    <row r="751645" spans="14:14">
      <c r="N751645" s="10"/>
    </row>
    <row r="751646" spans="14:14">
      <c r="N751646" s="10"/>
    </row>
    <row r="751647" spans="14:14">
      <c r="N751647" s="10"/>
    </row>
    <row r="751648" spans="14:14">
      <c r="N751648" s="10"/>
    </row>
    <row r="751649" spans="14:14">
      <c r="N751649" s="10"/>
    </row>
    <row r="751650" spans="14:14">
      <c r="N751650" s="10"/>
    </row>
    <row r="751651" spans="14:14">
      <c r="N751651" s="10"/>
    </row>
    <row r="751652" spans="14:14">
      <c r="N751652" s="10"/>
    </row>
    <row r="751653" spans="14:14">
      <c r="N751653" s="10"/>
    </row>
    <row r="751654" spans="14:14">
      <c r="N751654" s="10"/>
    </row>
    <row r="751655" spans="14:14">
      <c r="N751655" s="10"/>
    </row>
    <row r="751656" spans="14:14">
      <c r="N751656" s="10"/>
    </row>
    <row r="751657" spans="14:14">
      <c r="N751657" s="10"/>
    </row>
    <row r="751658" spans="14:14">
      <c r="N751658" s="10"/>
    </row>
    <row r="751659" spans="14:14">
      <c r="N751659" s="10"/>
    </row>
    <row r="751660" spans="14:14">
      <c r="N751660" s="10"/>
    </row>
    <row r="751661" spans="14:14">
      <c r="N751661" s="10"/>
    </row>
    <row r="751662" spans="14:14">
      <c r="N751662" s="10"/>
    </row>
    <row r="751663" spans="14:14">
      <c r="N751663" s="10"/>
    </row>
    <row r="751664" spans="14:14">
      <c r="N751664" s="10"/>
    </row>
    <row r="751665" spans="14:14">
      <c r="N751665" s="10"/>
    </row>
    <row r="751666" spans="14:14">
      <c r="N751666" s="10"/>
    </row>
    <row r="751667" spans="14:14">
      <c r="N751667" s="10"/>
    </row>
    <row r="751668" spans="14:14">
      <c r="N751668" s="10"/>
    </row>
    <row r="751669" spans="14:14">
      <c r="N751669" s="10"/>
    </row>
    <row r="751670" spans="14:14">
      <c r="N751670" s="10"/>
    </row>
    <row r="751671" spans="14:14">
      <c r="N751671" s="10"/>
    </row>
    <row r="751672" spans="14:14">
      <c r="N751672" s="10"/>
    </row>
    <row r="751673" spans="14:14">
      <c r="N751673" s="10"/>
    </row>
    <row r="751674" spans="14:14">
      <c r="N751674" s="10"/>
    </row>
    <row r="751675" spans="14:14">
      <c r="N751675" s="10"/>
    </row>
    <row r="751676" spans="14:14">
      <c r="N751676" s="10"/>
    </row>
    <row r="751677" spans="14:14">
      <c r="N751677" s="10"/>
    </row>
    <row r="751678" spans="14:14">
      <c r="N751678" s="10"/>
    </row>
    <row r="751679" spans="14:14">
      <c r="N751679" s="10"/>
    </row>
    <row r="751680" spans="14:14">
      <c r="N751680" s="10"/>
    </row>
    <row r="751681" spans="14:14">
      <c r="N751681" s="10"/>
    </row>
    <row r="751682" spans="14:14">
      <c r="N751682" s="10"/>
    </row>
    <row r="751683" spans="14:14">
      <c r="N751683" s="10"/>
    </row>
    <row r="751684" spans="14:14">
      <c r="N751684" s="10"/>
    </row>
    <row r="751685" spans="14:14">
      <c r="N751685" s="10"/>
    </row>
    <row r="751686" spans="14:14">
      <c r="N751686" s="10"/>
    </row>
    <row r="751687" spans="14:14">
      <c r="N751687" s="10"/>
    </row>
    <row r="751688" spans="14:14">
      <c r="N751688" s="10"/>
    </row>
    <row r="751689" spans="14:14">
      <c r="N751689" s="10"/>
    </row>
    <row r="751690" spans="14:14">
      <c r="N751690" s="10"/>
    </row>
    <row r="751691" spans="14:14">
      <c r="N751691" s="10"/>
    </row>
    <row r="751692" spans="14:14">
      <c r="N751692" s="10"/>
    </row>
    <row r="751693" spans="14:14">
      <c r="N751693" s="10"/>
    </row>
    <row r="751694" spans="14:14">
      <c r="N751694" s="10"/>
    </row>
    <row r="751695" spans="14:14">
      <c r="N751695" s="10"/>
    </row>
    <row r="751696" spans="14:14">
      <c r="N751696" s="10"/>
    </row>
    <row r="751697" spans="14:14">
      <c r="N751697" s="10"/>
    </row>
    <row r="751698" spans="14:14">
      <c r="N751698" s="10"/>
    </row>
    <row r="751699" spans="14:14">
      <c r="N751699" s="10"/>
    </row>
    <row r="751700" spans="14:14">
      <c r="N751700" s="10"/>
    </row>
    <row r="751701" spans="14:14">
      <c r="N751701" s="10"/>
    </row>
    <row r="751702" spans="14:14">
      <c r="N751702" s="10"/>
    </row>
    <row r="751703" spans="14:14">
      <c r="N751703" s="10"/>
    </row>
    <row r="751704" spans="14:14">
      <c r="N751704" s="10"/>
    </row>
    <row r="751705" spans="14:14">
      <c r="N751705" s="10"/>
    </row>
    <row r="751706" spans="14:14">
      <c r="N751706" s="10"/>
    </row>
    <row r="751707" spans="14:14">
      <c r="N751707" s="10"/>
    </row>
    <row r="751708" spans="14:14">
      <c r="N751708" s="10"/>
    </row>
    <row r="751709" spans="14:14">
      <c r="N751709" s="10"/>
    </row>
    <row r="751710" spans="14:14">
      <c r="N751710" s="10"/>
    </row>
    <row r="751711" spans="14:14">
      <c r="N751711" s="10"/>
    </row>
    <row r="751712" spans="14:14">
      <c r="N751712" s="10"/>
    </row>
    <row r="751713" spans="14:14">
      <c r="N751713" s="10"/>
    </row>
    <row r="751714" spans="14:14">
      <c r="N751714" s="10"/>
    </row>
    <row r="751715" spans="14:14">
      <c r="N751715" s="10"/>
    </row>
    <row r="751716" spans="14:14">
      <c r="N751716" s="10"/>
    </row>
    <row r="751717" spans="14:14">
      <c r="N751717" s="10"/>
    </row>
    <row r="751718" spans="14:14">
      <c r="N751718" s="10"/>
    </row>
    <row r="751719" spans="14:14">
      <c r="N751719" s="10"/>
    </row>
    <row r="751720" spans="14:14">
      <c r="N751720" s="10"/>
    </row>
    <row r="751721" spans="14:14">
      <c r="N751721" s="10"/>
    </row>
    <row r="751722" spans="14:14">
      <c r="N751722" s="10"/>
    </row>
    <row r="751723" spans="14:14">
      <c r="N751723" s="10"/>
    </row>
    <row r="751724" spans="14:14">
      <c r="N751724" s="10"/>
    </row>
    <row r="751725" spans="14:14">
      <c r="N751725" s="10"/>
    </row>
    <row r="751726" spans="14:14">
      <c r="N751726" s="10"/>
    </row>
    <row r="751727" spans="14:14">
      <c r="N751727" s="10"/>
    </row>
    <row r="751728" spans="14:14">
      <c r="N751728" s="10"/>
    </row>
    <row r="751729" spans="14:14">
      <c r="N751729" s="10"/>
    </row>
    <row r="751730" spans="14:14">
      <c r="N751730" s="10"/>
    </row>
    <row r="751731" spans="14:14">
      <c r="N751731" s="10"/>
    </row>
    <row r="751732" spans="14:14">
      <c r="N751732" s="10"/>
    </row>
    <row r="751733" spans="14:14">
      <c r="N751733" s="10"/>
    </row>
    <row r="751734" spans="14:14">
      <c r="N751734" s="10"/>
    </row>
    <row r="751735" spans="14:14">
      <c r="N751735" s="10"/>
    </row>
    <row r="751736" spans="14:14">
      <c r="N751736" s="10"/>
    </row>
    <row r="751737" spans="14:14">
      <c r="N751737" s="10"/>
    </row>
    <row r="751738" spans="14:14">
      <c r="N751738" s="10"/>
    </row>
    <row r="751739" spans="14:14">
      <c r="N751739" s="10"/>
    </row>
    <row r="751740" spans="14:14">
      <c r="N751740" s="10"/>
    </row>
    <row r="751741" spans="14:14">
      <c r="N751741" s="10"/>
    </row>
    <row r="751742" spans="14:14">
      <c r="N751742" s="10"/>
    </row>
    <row r="751743" spans="14:14">
      <c r="N751743" s="10"/>
    </row>
    <row r="751744" spans="14:14">
      <c r="N751744" s="10"/>
    </row>
    <row r="751745" spans="14:14">
      <c r="N751745" s="10"/>
    </row>
    <row r="751746" spans="14:14">
      <c r="N751746" s="10"/>
    </row>
    <row r="751747" spans="14:14">
      <c r="N751747" s="10"/>
    </row>
    <row r="751748" spans="14:14">
      <c r="N751748" s="10"/>
    </row>
    <row r="751749" spans="14:14">
      <c r="N751749" s="10"/>
    </row>
    <row r="751750" spans="14:14">
      <c r="N751750" s="10"/>
    </row>
    <row r="751751" spans="14:14">
      <c r="N751751" s="10"/>
    </row>
    <row r="751752" spans="14:14">
      <c r="N751752" s="10"/>
    </row>
    <row r="751753" spans="14:14">
      <c r="N751753" s="10"/>
    </row>
    <row r="751754" spans="14:14">
      <c r="N751754" s="10"/>
    </row>
    <row r="751755" spans="14:14">
      <c r="N751755" s="10"/>
    </row>
    <row r="751756" spans="14:14">
      <c r="N751756" s="10"/>
    </row>
    <row r="751757" spans="14:14">
      <c r="N751757" s="10"/>
    </row>
    <row r="751758" spans="14:14">
      <c r="N751758" s="10"/>
    </row>
    <row r="751759" spans="14:14">
      <c r="N751759" s="10"/>
    </row>
    <row r="751760" spans="14:14">
      <c r="N751760" s="10"/>
    </row>
    <row r="751761" spans="14:14">
      <c r="N751761" s="10"/>
    </row>
    <row r="751762" spans="14:14">
      <c r="N751762" s="10"/>
    </row>
    <row r="751763" spans="14:14">
      <c r="N751763" s="10"/>
    </row>
    <row r="751764" spans="14:14">
      <c r="N751764" s="10"/>
    </row>
    <row r="751765" spans="14:14">
      <c r="N751765" s="10"/>
    </row>
    <row r="751766" spans="14:14">
      <c r="N751766" s="10"/>
    </row>
    <row r="751767" spans="14:14">
      <c r="N751767" s="10"/>
    </row>
    <row r="751768" spans="14:14">
      <c r="N751768" s="10"/>
    </row>
    <row r="751769" spans="14:14">
      <c r="N751769" s="10"/>
    </row>
    <row r="751770" spans="14:14">
      <c r="N751770" s="10"/>
    </row>
    <row r="751771" spans="14:14">
      <c r="N751771" s="10"/>
    </row>
    <row r="751772" spans="14:14">
      <c r="N751772" s="10"/>
    </row>
    <row r="751773" spans="14:14">
      <c r="N751773" s="10"/>
    </row>
    <row r="751774" spans="14:14">
      <c r="N751774" s="10"/>
    </row>
    <row r="751775" spans="14:14">
      <c r="N751775" s="10"/>
    </row>
    <row r="751776" spans="14:14">
      <c r="N751776" s="10"/>
    </row>
    <row r="751777" spans="14:14">
      <c r="N751777" s="10"/>
    </row>
    <row r="751778" spans="14:14">
      <c r="N751778" s="10"/>
    </row>
    <row r="751779" spans="14:14">
      <c r="N751779" s="10"/>
    </row>
    <row r="751780" spans="14:14">
      <c r="N751780" s="10"/>
    </row>
    <row r="751781" spans="14:14">
      <c r="N751781" s="10"/>
    </row>
    <row r="751782" spans="14:14">
      <c r="N751782" s="10"/>
    </row>
    <row r="751783" spans="14:14">
      <c r="N751783" s="10"/>
    </row>
    <row r="751784" spans="14:14">
      <c r="N751784" s="10"/>
    </row>
    <row r="751785" spans="14:14">
      <c r="N751785" s="10"/>
    </row>
    <row r="751786" spans="14:14">
      <c r="N751786" s="10"/>
    </row>
    <row r="751787" spans="14:14">
      <c r="N751787" s="10"/>
    </row>
    <row r="751788" spans="14:14">
      <c r="N751788" s="10"/>
    </row>
    <row r="751789" spans="14:14">
      <c r="N751789" s="10"/>
    </row>
    <row r="751790" spans="14:14">
      <c r="N751790" s="10"/>
    </row>
    <row r="751791" spans="14:14">
      <c r="N751791" s="10"/>
    </row>
    <row r="751792" spans="14:14">
      <c r="N751792" s="10"/>
    </row>
    <row r="751793" spans="14:14">
      <c r="N751793" s="10"/>
    </row>
    <row r="751794" spans="14:14">
      <c r="N751794" s="10"/>
    </row>
    <row r="751795" spans="14:14">
      <c r="N751795" s="10"/>
    </row>
    <row r="751796" spans="14:14">
      <c r="N751796" s="10"/>
    </row>
    <row r="751797" spans="14:14">
      <c r="N751797" s="10"/>
    </row>
    <row r="751798" spans="14:14">
      <c r="N751798" s="10"/>
    </row>
    <row r="751799" spans="14:14">
      <c r="N751799" s="10"/>
    </row>
    <row r="751800" spans="14:14">
      <c r="N751800" s="10"/>
    </row>
    <row r="751801" spans="14:14">
      <c r="N751801" s="10"/>
    </row>
    <row r="751802" spans="14:14">
      <c r="N751802" s="10"/>
    </row>
    <row r="751803" spans="14:14">
      <c r="N751803" s="10"/>
    </row>
    <row r="751804" spans="14:14">
      <c r="N751804" s="10"/>
    </row>
    <row r="751805" spans="14:14">
      <c r="N751805" s="10"/>
    </row>
    <row r="751806" spans="14:14">
      <c r="N751806" s="10"/>
    </row>
    <row r="751807" spans="14:14">
      <c r="N751807" s="10"/>
    </row>
    <row r="751808" spans="14:14">
      <c r="N751808" s="10"/>
    </row>
    <row r="751809" spans="14:14">
      <c r="N751809" s="10"/>
    </row>
    <row r="751810" spans="14:14">
      <c r="N751810" s="10"/>
    </row>
    <row r="751811" spans="14:14">
      <c r="N751811" s="10"/>
    </row>
    <row r="751812" spans="14:14">
      <c r="N751812" s="10"/>
    </row>
    <row r="751813" spans="14:14">
      <c r="N751813" s="10"/>
    </row>
    <row r="751814" spans="14:14">
      <c r="N751814" s="10"/>
    </row>
    <row r="751815" spans="14:14">
      <c r="N751815" s="10"/>
    </row>
    <row r="751816" spans="14:14">
      <c r="N751816" s="10"/>
    </row>
    <row r="751817" spans="14:14">
      <c r="N751817" s="10"/>
    </row>
    <row r="751818" spans="14:14">
      <c r="N751818" s="10"/>
    </row>
    <row r="751819" spans="14:14">
      <c r="N751819" s="10"/>
    </row>
    <row r="751820" spans="14:14">
      <c r="N751820" s="10"/>
    </row>
    <row r="751821" spans="14:14">
      <c r="N751821" s="10"/>
    </row>
    <row r="751822" spans="14:14">
      <c r="N751822" s="10"/>
    </row>
    <row r="751823" spans="14:14">
      <c r="N751823" s="10"/>
    </row>
    <row r="751824" spans="14:14">
      <c r="N751824" s="10"/>
    </row>
    <row r="751825" spans="14:14">
      <c r="N751825" s="10"/>
    </row>
    <row r="751826" spans="14:14">
      <c r="N751826" s="10"/>
    </row>
    <row r="751827" spans="14:14">
      <c r="N751827" s="10"/>
    </row>
    <row r="751828" spans="14:14">
      <c r="N751828" s="10"/>
    </row>
    <row r="751829" spans="14:14">
      <c r="N751829" s="10"/>
    </row>
    <row r="751830" spans="14:14">
      <c r="N751830" s="10"/>
    </row>
    <row r="751831" spans="14:14">
      <c r="N751831" s="10"/>
    </row>
    <row r="751832" spans="14:14">
      <c r="N751832" s="10"/>
    </row>
    <row r="751833" spans="14:14">
      <c r="N751833" s="10"/>
    </row>
    <row r="751834" spans="14:14">
      <c r="N751834" s="10"/>
    </row>
    <row r="751835" spans="14:14">
      <c r="N751835" s="10"/>
    </row>
    <row r="751836" spans="14:14">
      <c r="N751836" s="10"/>
    </row>
    <row r="751837" spans="14:14">
      <c r="N751837" s="10"/>
    </row>
    <row r="751838" spans="14:14">
      <c r="N751838" s="10"/>
    </row>
    <row r="751839" spans="14:14">
      <c r="N751839" s="10"/>
    </row>
    <row r="751840" spans="14:14">
      <c r="N751840" s="10"/>
    </row>
    <row r="751841" spans="14:14">
      <c r="N751841" s="10"/>
    </row>
    <row r="751842" spans="14:14">
      <c r="N751842" s="10"/>
    </row>
    <row r="751843" spans="14:14">
      <c r="N751843" s="10"/>
    </row>
    <row r="751844" spans="14:14">
      <c r="N751844" s="10"/>
    </row>
    <row r="751845" spans="14:14">
      <c r="N751845" s="10"/>
    </row>
    <row r="751846" spans="14:14">
      <c r="N751846" s="10"/>
    </row>
    <row r="751847" spans="14:14">
      <c r="N751847" s="10"/>
    </row>
    <row r="751848" spans="14:14">
      <c r="N751848" s="10"/>
    </row>
    <row r="751849" spans="14:14">
      <c r="N751849" s="10"/>
    </row>
    <row r="751850" spans="14:14">
      <c r="N751850" s="10"/>
    </row>
    <row r="751851" spans="14:14">
      <c r="N751851" s="10"/>
    </row>
    <row r="751852" spans="14:14">
      <c r="N751852" s="10"/>
    </row>
    <row r="751853" spans="14:14">
      <c r="N751853" s="10"/>
    </row>
    <row r="751854" spans="14:14">
      <c r="N751854" s="10"/>
    </row>
    <row r="751855" spans="14:14">
      <c r="N751855" s="10"/>
    </row>
    <row r="751856" spans="14:14">
      <c r="N751856" s="10"/>
    </row>
    <row r="751857" spans="14:14">
      <c r="N751857" s="10"/>
    </row>
    <row r="751858" spans="14:14">
      <c r="N751858" s="10"/>
    </row>
    <row r="751859" spans="14:14">
      <c r="N751859" s="10"/>
    </row>
    <row r="751860" spans="14:14">
      <c r="N751860" s="10"/>
    </row>
    <row r="751861" spans="14:14">
      <c r="N751861" s="10"/>
    </row>
    <row r="751862" spans="14:14">
      <c r="N751862" s="10"/>
    </row>
    <row r="751863" spans="14:14">
      <c r="N751863" s="10"/>
    </row>
    <row r="751864" spans="14:14">
      <c r="N751864" s="10"/>
    </row>
    <row r="751865" spans="14:14">
      <c r="N751865" s="10"/>
    </row>
    <row r="751866" spans="14:14">
      <c r="N751866" s="10"/>
    </row>
    <row r="751867" spans="14:14">
      <c r="N751867" s="10"/>
    </row>
    <row r="751868" spans="14:14">
      <c r="N751868" s="10"/>
    </row>
    <row r="751869" spans="14:14">
      <c r="N751869" s="10"/>
    </row>
    <row r="751870" spans="14:14">
      <c r="N751870" s="10"/>
    </row>
    <row r="751871" spans="14:14">
      <c r="N751871" s="10"/>
    </row>
    <row r="751872" spans="14:14">
      <c r="N751872" s="10"/>
    </row>
    <row r="751873" spans="14:14">
      <c r="N751873" s="10"/>
    </row>
    <row r="751874" spans="14:14">
      <c r="N751874" s="10"/>
    </row>
    <row r="751875" spans="14:14">
      <c r="N751875" s="10"/>
    </row>
    <row r="751876" spans="14:14">
      <c r="N751876" s="10"/>
    </row>
    <row r="751877" spans="14:14">
      <c r="N751877" s="10"/>
    </row>
    <row r="751878" spans="14:14">
      <c r="N751878" s="10"/>
    </row>
    <row r="751879" spans="14:14">
      <c r="N751879" s="10"/>
    </row>
    <row r="751880" spans="14:14">
      <c r="N751880" s="10"/>
    </row>
    <row r="751881" spans="14:14">
      <c r="N751881" s="10"/>
    </row>
    <row r="751882" spans="14:14">
      <c r="N751882" s="10"/>
    </row>
    <row r="751883" spans="14:14">
      <c r="N751883" s="10"/>
    </row>
    <row r="751884" spans="14:14">
      <c r="N751884" s="10"/>
    </row>
    <row r="751885" spans="14:14">
      <c r="N751885" s="10"/>
    </row>
    <row r="751886" spans="14:14">
      <c r="N751886" s="10"/>
    </row>
    <row r="751887" spans="14:14">
      <c r="N751887" s="10"/>
    </row>
    <row r="751888" spans="14:14">
      <c r="N751888" s="10"/>
    </row>
    <row r="751889" spans="14:14">
      <c r="N751889" s="10"/>
    </row>
    <row r="751890" spans="14:14">
      <c r="N751890" s="10"/>
    </row>
    <row r="751891" spans="14:14">
      <c r="N751891" s="10"/>
    </row>
    <row r="751892" spans="14:14">
      <c r="N751892" s="10"/>
    </row>
    <row r="751893" spans="14:14">
      <c r="N751893" s="10"/>
    </row>
    <row r="751894" spans="14:14">
      <c r="N751894" s="10"/>
    </row>
    <row r="751895" spans="14:14">
      <c r="N751895" s="10"/>
    </row>
    <row r="751896" spans="14:14">
      <c r="N751896" s="10"/>
    </row>
    <row r="751897" spans="14:14">
      <c r="N751897" s="10"/>
    </row>
    <row r="751898" spans="14:14">
      <c r="N751898" s="10"/>
    </row>
    <row r="751899" spans="14:14">
      <c r="N751899" s="10"/>
    </row>
    <row r="751900" spans="14:14">
      <c r="N751900" s="10"/>
    </row>
    <row r="751901" spans="14:14">
      <c r="N751901" s="10"/>
    </row>
    <row r="751902" spans="14:14">
      <c r="N751902" s="10"/>
    </row>
    <row r="751903" spans="14:14">
      <c r="N751903" s="10"/>
    </row>
    <row r="751904" spans="14:14">
      <c r="N751904" s="10"/>
    </row>
    <row r="751905" spans="14:14">
      <c r="N751905" s="10"/>
    </row>
    <row r="751906" spans="14:14">
      <c r="N751906" s="10"/>
    </row>
    <row r="751907" spans="14:14">
      <c r="N751907" s="10"/>
    </row>
    <row r="751908" spans="14:14">
      <c r="N751908" s="10"/>
    </row>
    <row r="751909" spans="14:14">
      <c r="N751909" s="10"/>
    </row>
    <row r="751910" spans="14:14">
      <c r="N751910" s="10"/>
    </row>
    <row r="751911" spans="14:14">
      <c r="N751911" s="10"/>
    </row>
    <row r="751912" spans="14:14">
      <c r="N751912" s="10"/>
    </row>
    <row r="751913" spans="14:14">
      <c r="N751913" s="10"/>
    </row>
    <row r="751914" spans="14:14">
      <c r="N751914" s="10"/>
    </row>
    <row r="751915" spans="14:14">
      <c r="N751915" s="10"/>
    </row>
    <row r="751916" spans="14:14">
      <c r="N751916" s="10"/>
    </row>
    <row r="751917" spans="14:14">
      <c r="N751917" s="10"/>
    </row>
    <row r="751918" spans="14:14">
      <c r="N751918" s="10"/>
    </row>
    <row r="751919" spans="14:14">
      <c r="N751919" s="10"/>
    </row>
    <row r="751920" spans="14:14">
      <c r="N751920" s="10"/>
    </row>
    <row r="751921" spans="14:14">
      <c r="N751921" s="10"/>
    </row>
    <row r="751922" spans="14:14">
      <c r="N751922" s="10"/>
    </row>
    <row r="751923" spans="14:14">
      <c r="N751923" s="10"/>
    </row>
    <row r="751924" spans="14:14">
      <c r="N751924" s="10"/>
    </row>
    <row r="751925" spans="14:14">
      <c r="N751925" s="10"/>
    </row>
    <row r="751926" spans="14:14">
      <c r="N751926" s="10"/>
    </row>
    <row r="751927" spans="14:14">
      <c r="N751927" s="10"/>
    </row>
    <row r="751928" spans="14:14">
      <c r="N751928" s="10"/>
    </row>
    <row r="751929" spans="14:14">
      <c r="N751929" s="10"/>
    </row>
    <row r="751930" spans="14:14">
      <c r="N751930" s="10"/>
    </row>
    <row r="751931" spans="14:14">
      <c r="N751931" s="10"/>
    </row>
    <row r="751932" spans="14:14">
      <c r="N751932" s="10"/>
    </row>
    <row r="751933" spans="14:14">
      <c r="N751933" s="10"/>
    </row>
    <row r="751934" spans="14:14">
      <c r="N751934" s="10"/>
    </row>
    <row r="751935" spans="14:14">
      <c r="N751935" s="10"/>
    </row>
    <row r="751936" spans="14:14">
      <c r="N751936" s="10"/>
    </row>
    <row r="751937" spans="14:14">
      <c r="N751937" s="10"/>
    </row>
    <row r="751938" spans="14:14">
      <c r="N751938" s="10"/>
    </row>
    <row r="751939" spans="14:14">
      <c r="N751939" s="10"/>
    </row>
    <row r="751940" spans="14:14">
      <c r="N751940" s="10"/>
    </row>
    <row r="751941" spans="14:14">
      <c r="N751941" s="10"/>
    </row>
    <row r="751942" spans="14:14">
      <c r="N751942" s="10"/>
    </row>
    <row r="751943" spans="14:14">
      <c r="N751943" s="10"/>
    </row>
    <row r="751944" spans="14:14">
      <c r="N751944" s="10"/>
    </row>
    <row r="751945" spans="14:14">
      <c r="N751945" s="10"/>
    </row>
    <row r="751946" spans="14:14">
      <c r="N751946" s="10"/>
    </row>
    <row r="751947" spans="14:14">
      <c r="N751947" s="10"/>
    </row>
    <row r="751948" spans="14:14">
      <c r="N751948" s="10"/>
    </row>
    <row r="751949" spans="14:14">
      <c r="N751949" s="10"/>
    </row>
    <row r="751950" spans="14:14">
      <c r="N751950" s="10"/>
    </row>
    <row r="751951" spans="14:14">
      <c r="N751951" s="10"/>
    </row>
    <row r="751952" spans="14:14">
      <c r="N751952" s="10"/>
    </row>
    <row r="751953" spans="14:14">
      <c r="N751953" s="10"/>
    </row>
    <row r="751954" spans="14:14">
      <c r="N751954" s="10"/>
    </row>
    <row r="751955" spans="14:14">
      <c r="N751955" s="10"/>
    </row>
    <row r="751956" spans="14:14">
      <c r="N751956" s="10"/>
    </row>
    <row r="751957" spans="14:14">
      <c r="N751957" s="10"/>
    </row>
    <row r="751958" spans="14:14">
      <c r="N751958" s="10"/>
    </row>
    <row r="751959" spans="14:14">
      <c r="N751959" s="10"/>
    </row>
    <row r="751960" spans="14:14">
      <c r="N751960" s="10"/>
    </row>
    <row r="751961" spans="14:14">
      <c r="N751961" s="10"/>
    </row>
    <row r="751962" spans="14:14">
      <c r="N751962" s="10"/>
    </row>
    <row r="751963" spans="14:14">
      <c r="N751963" s="10"/>
    </row>
    <row r="751964" spans="14:14">
      <c r="N751964" s="10"/>
    </row>
    <row r="751965" spans="14:14">
      <c r="N751965" s="10"/>
    </row>
    <row r="751966" spans="14:14">
      <c r="N751966" s="10"/>
    </row>
    <row r="751967" spans="14:14">
      <c r="N751967" s="10"/>
    </row>
    <row r="751968" spans="14:14">
      <c r="N751968" s="10"/>
    </row>
    <row r="751969" spans="14:14">
      <c r="N751969" s="10"/>
    </row>
    <row r="751970" spans="14:14">
      <c r="N751970" s="10"/>
    </row>
    <row r="751971" spans="14:14">
      <c r="N751971" s="10"/>
    </row>
    <row r="751972" spans="14:14">
      <c r="N751972" s="10"/>
    </row>
    <row r="751973" spans="14:14">
      <c r="N751973" s="10"/>
    </row>
    <row r="751974" spans="14:14">
      <c r="N751974" s="10"/>
    </row>
    <row r="751975" spans="14:14">
      <c r="N751975" s="10"/>
    </row>
    <row r="751976" spans="14:14">
      <c r="N751976" s="10"/>
    </row>
    <row r="751977" spans="14:14">
      <c r="N751977" s="10"/>
    </row>
    <row r="751978" spans="14:14">
      <c r="N751978" s="10"/>
    </row>
    <row r="751979" spans="14:14">
      <c r="N751979" s="10"/>
    </row>
    <row r="751980" spans="14:14">
      <c r="N751980" s="10"/>
    </row>
    <row r="751981" spans="14:14">
      <c r="N751981" s="10"/>
    </row>
    <row r="751982" spans="14:14">
      <c r="N751982" s="10"/>
    </row>
    <row r="751983" spans="14:14">
      <c r="N751983" s="10"/>
    </row>
    <row r="751984" spans="14:14">
      <c r="N751984" s="10"/>
    </row>
    <row r="751985" spans="14:14">
      <c r="N751985" s="10"/>
    </row>
    <row r="751986" spans="14:14">
      <c r="N751986" s="10"/>
    </row>
    <row r="751987" spans="14:14">
      <c r="N751987" s="10"/>
    </row>
    <row r="751988" spans="14:14">
      <c r="N751988" s="10"/>
    </row>
    <row r="751989" spans="14:14">
      <c r="N751989" s="10"/>
    </row>
    <row r="751990" spans="14:14">
      <c r="N751990" s="10"/>
    </row>
    <row r="751991" spans="14:14">
      <c r="N751991" s="10"/>
    </row>
    <row r="751992" spans="14:14">
      <c r="N751992" s="10"/>
    </row>
    <row r="751993" spans="14:14">
      <c r="N751993" s="10"/>
    </row>
    <row r="751994" spans="14:14">
      <c r="N751994" s="10"/>
    </row>
    <row r="751995" spans="14:14">
      <c r="N751995" s="10"/>
    </row>
    <row r="751996" spans="14:14">
      <c r="N751996" s="10"/>
    </row>
    <row r="751997" spans="14:14">
      <c r="N751997" s="10"/>
    </row>
    <row r="751998" spans="14:14">
      <c r="N751998" s="10"/>
    </row>
    <row r="751999" spans="14:14">
      <c r="N751999" s="10"/>
    </row>
    <row r="752000" spans="14:14">
      <c r="N752000" s="10"/>
    </row>
    <row r="752001" spans="14:14">
      <c r="N752001" s="10"/>
    </row>
    <row r="752002" spans="14:14">
      <c r="N752002" s="10"/>
    </row>
    <row r="752003" spans="14:14">
      <c r="N752003" s="10"/>
    </row>
    <row r="752004" spans="14:14">
      <c r="N752004" s="10"/>
    </row>
    <row r="752005" spans="14:14">
      <c r="N752005" s="10"/>
    </row>
    <row r="752006" spans="14:14">
      <c r="N752006" s="10"/>
    </row>
    <row r="752007" spans="14:14">
      <c r="N752007" s="10"/>
    </row>
    <row r="752008" spans="14:14">
      <c r="N752008" s="10"/>
    </row>
    <row r="752009" spans="14:14">
      <c r="N752009" s="10"/>
    </row>
    <row r="752010" spans="14:14">
      <c r="N752010" s="10"/>
    </row>
    <row r="752011" spans="14:14">
      <c r="N752011" s="10"/>
    </row>
    <row r="752012" spans="14:14">
      <c r="N752012" s="10"/>
    </row>
    <row r="752013" spans="14:14">
      <c r="N752013" s="10"/>
    </row>
    <row r="752014" spans="14:14">
      <c r="N752014" s="10"/>
    </row>
    <row r="752015" spans="14:14">
      <c r="N752015" s="10"/>
    </row>
    <row r="752016" spans="14:14">
      <c r="N752016" s="10"/>
    </row>
    <row r="752017" spans="14:14">
      <c r="N752017" s="10"/>
    </row>
    <row r="752018" spans="14:14">
      <c r="N752018" s="10"/>
    </row>
    <row r="752019" spans="14:14">
      <c r="N752019" s="10"/>
    </row>
    <row r="752020" spans="14:14">
      <c r="N752020" s="10"/>
    </row>
    <row r="752021" spans="14:14">
      <c r="N752021" s="10"/>
    </row>
    <row r="752022" spans="14:14">
      <c r="N752022" s="10"/>
    </row>
    <row r="752023" spans="14:14">
      <c r="N752023" s="10"/>
    </row>
    <row r="752024" spans="14:14">
      <c r="N752024" s="10"/>
    </row>
    <row r="752025" spans="14:14">
      <c r="N752025" s="10"/>
    </row>
    <row r="752026" spans="14:14">
      <c r="N752026" s="10"/>
    </row>
    <row r="752027" spans="14:14">
      <c r="N752027" s="10"/>
    </row>
    <row r="752028" spans="14:14">
      <c r="N752028" s="10"/>
    </row>
    <row r="752029" spans="14:14">
      <c r="N752029" s="10"/>
    </row>
    <row r="752030" spans="14:14">
      <c r="N752030" s="10"/>
    </row>
    <row r="752031" spans="14:14">
      <c r="N752031" s="10"/>
    </row>
    <row r="752032" spans="14:14">
      <c r="N752032" s="10"/>
    </row>
    <row r="752033" spans="14:14">
      <c r="N752033" s="10"/>
    </row>
    <row r="752034" spans="14:14">
      <c r="N752034" s="10"/>
    </row>
    <row r="752035" spans="14:14">
      <c r="N752035" s="10"/>
    </row>
    <row r="752036" spans="14:14">
      <c r="N752036" s="10"/>
    </row>
    <row r="752037" spans="14:14">
      <c r="N752037" s="10"/>
    </row>
    <row r="752038" spans="14:14">
      <c r="N752038" s="10"/>
    </row>
    <row r="752039" spans="14:14">
      <c r="N752039" s="10"/>
    </row>
    <row r="752040" spans="14:14">
      <c r="N752040" s="10"/>
    </row>
    <row r="752041" spans="14:14">
      <c r="N752041" s="10"/>
    </row>
    <row r="752042" spans="14:14">
      <c r="N752042" s="10"/>
    </row>
    <row r="752043" spans="14:14">
      <c r="N752043" s="10"/>
    </row>
    <row r="752044" spans="14:14">
      <c r="N752044" s="10"/>
    </row>
    <row r="752045" spans="14:14">
      <c r="N752045" s="10"/>
    </row>
    <row r="752046" spans="14:14">
      <c r="N752046" s="10"/>
    </row>
    <row r="752047" spans="14:14">
      <c r="N752047" s="10"/>
    </row>
    <row r="752048" spans="14:14">
      <c r="N752048" s="10"/>
    </row>
    <row r="752049" spans="14:14">
      <c r="N752049" s="10"/>
    </row>
    <row r="752050" spans="14:14">
      <c r="N752050" s="10"/>
    </row>
    <row r="752051" spans="14:14">
      <c r="N752051" s="10"/>
    </row>
    <row r="752052" spans="14:14">
      <c r="N752052" s="10"/>
    </row>
    <row r="752053" spans="14:14">
      <c r="N752053" s="10"/>
    </row>
    <row r="752054" spans="14:14">
      <c r="N752054" s="10"/>
    </row>
    <row r="752055" spans="14:14">
      <c r="N752055" s="10"/>
    </row>
    <row r="752056" spans="14:14">
      <c r="N752056" s="10"/>
    </row>
    <row r="752057" spans="14:14">
      <c r="N752057" s="10"/>
    </row>
    <row r="752058" spans="14:14">
      <c r="N752058" s="10"/>
    </row>
    <row r="752059" spans="14:14">
      <c r="N752059" s="10"/>
    </row>
    <row r="752060" spans="14:14">
      <c r="N752060" s="10"/>
    </row>
    <row r="752061" spans="14:14">
      <c r="N752061" s="10"/>
    </row>
    <row r="752062" spans="14:14">
      <c r="N752062" s="10"/>
    </row>
    <row r="752063" spans="14:14">
      <c r="N752063" s="10"/>
    </row>
    <row r="752064" spans="14:14">
      <c r="N752064" s="10"/>
    </row>
    <row r="752065" spans="14:14">
      <c r="N752065" s="10"/>
    </row>
    <row r="752066" spans="14:14">
      <c r="N752066" s="10"/>
    </row>
    <row r="752067" spans="14:14">
      <c r="N752067" s="10"/>
    </row>
    <row r="752068" spans="14:14">
      <c r="N752068" s="10"/>
    </row>
    <row r="752069" spans="14:14">
      <c r="N752069" s="10"/>
    </row>
    <row r="752070" spans="14:14">
      <c r="N752070" s="10"/>
    </row>
    <row r="752071" spans="14:14">
      <c r="N752071" s="10"/>
    </row>
    <row r="752072" spans="14:14">
      <c r="N752072" s="10"/>
    </row>
    <row r="752073" spans="14:14">
      <c r="N752073" s="10"/>
    </row>
    <row r="752074" spans="14:14">
      <c r="N752074" s="10"/>
    </row>
    <row r="752075" spans="14:14">
      <c r="N752075" s="10"/>
    </row>
    <row r="752076" spans="14:14">
      <c r="N752076" s="10"/>
    </row>
    <row r="752077" spans="14:14">
      <c r="N752077" s="10"/>
    </row>
    <row r="752078" spans="14:14">
      <c r="N752078" s="10"/>
    </row>
    <row r="752079" spans="14:14">
      <c r="N752079" s="10"/>
    </row>
    <row r="752080" spans="14:14">
      <c r="N752080" s="10"/>
    </row>
    <row r="752081" spans="14:14">
      <c r="N752081" s="10"/>
    </row>
    <row r="752082" spans="14:14">
      <c r="N752082" s="10"/>
    </row>
    <row r="752083" spans="14:14">
      <c r="N752083" s="10"/>
    </row>
    <row r="752084" spans="14:14">
      <c r="N752084" s="10"/>
    </row>
    <row r="752085" spans="14:14">
      <c r="N752085" s="10"/>
    </row>
    <row r="752086" spans="14:14">
      <c r="N752086" s="10"/>
    </row>
    <row r="752087" spans="14:14">
      <c r="N752087" s="10"/>
    </row>
    <row r="752088" spans="14:14">
      <c r="N752088" s="10"/>
    </row>
    <row r="752089" spans="14:14">
      <c r="N752089" s="10"/>
    </row>
    <row r="752090" spans="14:14">
      <c r="N752090" s="10"/>
    </row>
    <row r="752091" spans="14:14">
      <c r="N752091" s="10"/>
    </row>
    <row r="752092" spans="14:14">
      <c r="N752092" s="10"/>
    </row>
    <row r="752093" spans="14:14">
      <c r="N752093" s="10"/>
    </row>
    <row r="752094" spans="14:14">
      <c r="N752094" s="10"/>
    </row>
    <row r="752095" spans="14:14">
      <c r="N752095" s="10"/>
    </row>
    <row r="752096" spans="14:14">
      <c r="N752096" s="10"/>
    </row>
    <row r="752097" spans="14:14">
      <c r="N752097" s="10"/>
    </row>
    <row r="752098" spans="14:14">
      <c r="N752098" s="10"/>
    </row>
    <row r="752099" spans="14:14">
      <c r="N752099" s="10"/>
    </row>
    <row r="752100" spans="14:14">
      <c r="N752100" s="10"/>
    </row>
    <row r="752101" spans="14:14">
      <c r="N752101" s="10"/>
    </row>
    <row r="752102" spans="14:14">
      <c r="N752102" s="10"/>
    </row>
    <row r="752103" spans="14:14">
      <c r="N752103" s="10"/>
    </row>
    <row r="752104" spans="14:14">
      <c r="N752104" s="10"/>
    </row>
    <row r="752105" spans="14:14">
      <c r="N752105" s="10"/>
    </row>
    <row r="752106" spans="14:14">
      <c r="N752106" s="10"/>
    </row>
    <row r="752107" spans="14:14">
      <c r="N752107" s="10"/>
    </row>
    <row r="752108" spans="14:14">
      <c r="N752108" s="10"/>
    </row>
    <row r="752109" spans="14:14">
      <c r="N752109" s="10"/>
    </row>
    <row r="752110" spans="14:14">
      <c r="N752110" s="10"/>
    </row>
    <row r="752111" spans="14:14">
      <c r="N752111" s="10"/>
    </row>
    <row r="752112" spans="14:14">
      <c r="N752112" s="10"/>
    </row>
    <row r="752113" spans="14:14">
      <c r="N752113" s="10"/>
    </row>
    <row r="752114" spans="14:14">
      <c r="N752114" s="10"/>
    </row>
    <row r="752115" spans="14:14">
      <c r="N752115" s="10"/>
    </row>
    <row r="752116" spans="14:14">
      <c r="N752116" s="10"/>
    </row>
    <row r="752117" spans="14:14">
      <c r="N752117" s="10"/>
    </row>
    <row r="752118" spans="14:14">
      <c r="N752118" s="10"/>
    </row>
    <row r="752119" spans="14:14">
      <c r="N752119" s="10"/>
    </row>
    <row r="752120" spans="14:14">
      <c r="N752120" s="10"/>
    </row>
    <row r="752121" spans="14:14">
      <c r="N752121" s="10"/>
    </row>
    <row r="752122" spans="14:14">
      <c r="N752122" s="10"/>
    </row>
    <row r="752123" spans="14:14">
      <c r="N752123" s="10"/>
    </row>
    <row r="752124" spans="14:14">
      <c r="N752124" s="10"/>
    </row>
    <row r="752125" spans="14:14">
      <c r="N752125" s="10"/>
    </row>
    <row r="752126" spans="14:14">
      <c r="N752126" s="10"/>
    </row>
    <row r="752127" spans="14:14">
      <c r="N752127" s="10"/>
    </row>
    <row r="752128" spans="14:14">
      <c r="N752128" s="10"/>
    </row>
    <row r="752129" spans="14:14">
      <c r="N752129" s="10"/>
    </row>
    <row r="752130" spans="14:14">
      <c r="N752130" s="10"/>
    </row>
    <row r="752131" spans="14:14">
      <c r="N752131" s="10"/>
    </row>
    <row r="752132" spans="14:14">
      <c r="N752132" s="10"/>
    </row>
    <row r="752133" spans="14:14">
      <c r="N752133" s="10"/>
    </row>
    <row r="752134" spans="14:14">
      <c r="N752134" s="10"/>
    </row>
    <row r="752135" spans="14:14">
      <c r="N752135" s="10"/>
    </row>
    <row r="752136" spans="14:14">
      <c r="N752136" s="10"/>
    </row>
    <row r="752137" spans="14:14">
      <c r="N752137" s="10"/>
    </row>
    <row r="752138" spans="14:14">
      <c r="N752138" s="10"/>
    </row>
    <row r="752139" spans="14:14">
      <c r="N752139" s="10"/>
    </row>
    <row r="752140" spans="14:14">
      <c r="N752140" s="10"/>
    </row>
    <row r="752141" spans="14:14">
      <c r="N752141" s="10"/>
    </row>
    <row r="752142" spans="14:14">
      <c r="N752142" s="10"/>
    </row>
    <row r="752143" spans="14:14">
      <c r="N752143" s="10"/>
    </row>
    <row r="752144" spans="14:14">
      <c r="N752144" s="10"/>
    </row>
    <row r="752145" spans="14:14">
      <c r="N752145" s="10"/>
    </row>
    <row r="752146" spans="14:14">
      <c r="N752146" s="10"/>
    </row>
    <row r="752147" spans="14:14">
      <c r="N752147" s="10"/>
    </row>
    <row r="752148" spans="14:14">
      <c r="N752148" s="10"/>
    </row>
    <row r="752149" spans="14:14">
      <c r="N752149" s="10"/>
    </row>
    <row r="752150" spans="14:14">
      <c r="N752150" s="10"/>
    </row>
    <row r="752151" spans="14:14">
      <c r="N752151" s="10"/>
    </row>
    <row r="752152" spans="14:14">
      <c r="N752152" s="10"/>
    </row>
    <row r="752153" spans="14:14">
      <c r="N752153" s="10"/>
    </row>
    <row r="752154" spans="14:14">
      <c r="N752154" s="10"/>
    </row>
    <row r="752155" spans="14:14">
      <c r="N752155" s="10"/>
    </row>
    <row r="752156" spans="14:14">
      <c r="N752156" s="10"/>
    </row>
    <row r="752157" spans="14:14">
      <c r="N752157" s="10"/>
    </row>
    <row r="752158" spans="14:14">
      <c r="N752158" s="10"/>
    </row>
    <row r="752159" spans="14:14">
      <c r="N752159" s="10"/>
    </row>
    <row r="752160" spans="14:14">
      <c r="N752160" s="10"/>
    </row>
    <row r="752161" spans="14:14">
      <c r="N752161" s="10"/>
    </row>
    <row r="752162" spans="14:14">
      <c r="N752162" s="10"/>
    </row>
    <row r="752163" spans="14:14">
      <c r="N752163" s="10"/>
    </row>
    <row r="752164" spans="14:14">
      <c r="N752164" s="10"/>
    </row>
    <row r="752165" spans="14:14">
      <c r="N752165" s="10"/>
    </row>
    <row r="752166" spans="14:14">
      <c r="N752166" s="10"/>
    </row>
    <row r="752167" spans="14:14">
      <c r="N752167" s="10"/>
    </row>
    <row r="752168" spans="14:14">
      <c r="N752168" s="10"/>
    </row>
    <row r="752169" spans="14:14">
      <c r="N752169" s="10"/>
    </row>
    <row r="752170" spans="14:14">
      <c r="N752170" s="10"/>
    </row>
    <row r="752171" spans="14:14">
      <c r="N752171" s="10"/>
    </row>
    <row r="752172" spans="14:14">
      <c r="N752172" s="10"/>
    </row>
    <row r="752173" spans="14:14">
      <c r="N752173" s="10"/>
    </row>
    <row r="752174" spans="14:14">
      <c r="N752174" s="10"/>
    </row>
    <row r="752175" spans="14:14">
      <c r="N752175" s="10"/>
    </row>
    <row r="752176" spans="14:14">
      <c r="N752176" s="10"/>
    </row>
    <row r="752177" spans="14:14">
      <c r="N752177" s="10"/>
    </row>
    <row r="752178" spans="14:14">
      <c r="N752178" s="10"/>
    </row>
    <row r="752179" spans="14:14">
      <c r="N752179" s="10"/>
    </row>
    <row r="752180" spans="14:14">
      <c r="N752180" s="10"/>
    </row>
    <row r="752181" spans="14:14">
      <c r="N752181" s="10"/>
    </row>
    <row r="752182" spans="14:14">
      <c r="N752182" s="10"/>
    </row>
    <row r="752183" spans="14:14">
      <c r="N752183" s="10"/>
    </row>
    <row r="752184" spans="14:14">
      <c r="N752184" s="10"/>
    </row>
    <row r="752185" spans="14:14">
      <c r="N752185" s="10"/>
    </row>
    <row r="752186" spans="14:14">
      <c r="N752186" s="10"/>
    </row>
    <row r="752187" spans="14:14">
      <c r="N752187" s="10"/>
    </row>
    <row r="752188" spans="14:14">
      <c r="N752188" s="10"/>
    </row>
    <row r="752189" spans="14:14">
      <c r="N752189" s="10"/>
    </row>
    <row r="752190" spans="14:14">
      <c r="N752190" s="10"/>
    </row>
    <row r="752191" spans="14:14">
      <c r="N752191" s="10"/>
    </row>
    <row r="752192" spans="14:14">
      <c r="N752192" s="10"/>
    </row>
    <row r="752193" spans="14:14">
      <c r="N752193" s="10"/>
    </row>
    <row r="752194" spans="14:14">
      <c r="N752194" s="10"/>
    </row>
    <row r="752195" spans="14:14">
      <c r="N752195" s="10"/>
    </row>
    <row r="752196" spans="14:14">
      <c r="N752196" s="10"/>
    </row>
    <row r="752197" spans="14:14">
      <c r="N752197" s="10"/>
    </row>
    <row r="752198" spans="14:14">
      <c r="N752198" s="10"/>
    </row>
    <row r="752199" spans="14:14">
      <c r="N752199" s="10"/>
    </row>
    <row r="752200" spans="14:14">
      <c r="N752200" s="10"/>
    </row>
    <row r="752201" spans="14:14">
      <c r="N752201" s="10"/>
    </row>
    <row r="752202" spans="14:14">
      <c r="N752202" s="10"/>
    </row>
    <row r="752203" spans="14:14">
      <c r="N752203" s="10"/>
    </row>
    <row r="752204" spans="14:14">
      <c r="N752204" s="10"/>
    </row>
    <row r="752205" spans="14:14">
      <c r="N752205" s="10"/>
    </row>
    <row r="752206" spans="14:14">
      <c r="N752206" s="10"/>
    </row>
    <row r="752207" spans="14:14">
      <c r="N752207" s="10"/>
    </row>
    <row r="752208" spans="14:14">
      <c r="N752208" s="10"/>
    </row>
    <row r="752209" spans="14:14">
      <c r="N752209" s="10"/>
    </row>
    <row r="752210" spans="14:14">
      <c r="N752210" s="10"/>
    </row>
    <row r="752211" spans="14:14">
      <c r="N752211" s="10"/>
    </row>
    <row r="752212" spans="14:14">
      <c r="N752212" s="10"/>
    </row>
    <row r="752213" spans="14:14">
      <c r="N752213" s="10"/>
    </row>
    <row r="752214" spans="14:14">
      <c r="N752214" s="10"/>
    </row>
    <row r="752215" spans="14:14">
      <c r="N752215" s="10"/>
    </row>
    <row r="752216" spans="14:14">
      <c r="N752216" s="10"/>
    </row>
    <row r="752217" spans="14:14">
      <c r="N752217" s="10"/>
    </row>
    <row r="752218" spans="14:14">
      <c r="N752218" s="10"/>
    </row>
    <row r="752219" spans="14:14">
      <c r="N752219" s="10"/>
    </row>
    <row r="752220" spans="14:14">
      <c r="N752220" s="10"/>
    </row>
    <row r="752221" spans="14:14">
      <c r="N752221" s="10"/>
    </row>
    <row r="752222" spans="14:14">
      <c r="N752222" s="10"/>
    </row>
    <row r="752223" spans="14:14">
      <c r="N752223" s="10"/>
    </row>
    <row r="752224" spans="14:14">
      <c r="N752224" s="10"/>
    </row>
    <row r="752225" spans="14:14">
      <c r="N752225" s="10"/>
    </row>
    <row r="752226" spans="14:14">
      <c r="N752226" s="10"/>
    </row>
    <row r="752227" spans="14:14">
      <c r="N752227" s="10"/>
    </row>
    <row r="752228" spans="14:14">
      <c r="N752228" s="10"/>
    </row>
    <row r="752229" spans="14:14">
      <c r="N752229" s="10"/>
    </row>
    <row r="752230" spans="14:14">
      <c r="N752230" s="10"/>
    </row>
    <row r="752231" spans="14:14">
      <c r="N752231" s="10"/>
    </row>
    <row r="752232" spans="14:14">
      <c r="N752232" s="10"/>
    </row>
    <row r="752233" spans="14:14">
      <c r="N752233" s="10"/>
    </row>
    <row r="752234" spans="14:14">
      <c r="N752234" s="10"/>
    </row>
    <row r="752235" spans="14:14">
      <c r="N752235" s="10"/>
    </row>
    <row r="752236" spans="14:14">
      <c r="N752236" s="10"/>
    </row>
    <row r="752237" spans="14:14">
      <c r="N752237" s="10"/>
    </row>
    <row r="752238" spans="14:14">
      <c r="N752238" s="10"/>
    </row>
    <row r="752239" spans="14:14">
      <c r="N752239" s="10"/>
    </row>
    <row r="752240" spans="14:14">
      <c r="N752240" s="10"/>
    </row>
    <row r="752241" spans="14:14">
      <c r="N752241" s="10"/>
    </row>
    <row r="752242" spans="14:14">
      <c r="N752242" s="10"/>
    </row>
    <row r="752243" spans="14:14">
      <c r="N752243" s="10"/>
    </row>
    <row r="752244" spans="14:14">
      <c r="N752244" s="10"/>
    </row>
    <row r="752245" spans="14:14">
      <c r="N752245" s="10"/>
    </row>
    <row r="752246" spans="14:14">
      <c r="N752246" s="10"/>
    </row>
    <row r="752247" spans="14:14">
      <c r="N752247" s="10"/>
    </row>
    <row r="752248" spans="14:14">
      <c r="N752248" s="10"/>
    </row>
    <row r="752249" spans="14:14">
      <c r="N752249" s="10"/>
    </row>
    <row r="752250" spans="14:14">
      <c r="N752250" s="10"/>
    </row>
    <row r="752251" spans="14:14">
      <c r="N752251" s="10"/>
    </row>
    <row r="752252" spans="14:14">
      <c r="N752252" s="10"/>
    </row>
    <row r="752253" spans="14:14">
      <c r="N752253" s="10"/>
    </row>
    <row r="752254" spans="14:14">
      <c r="N752254" s="10"/>
    </row>
    <row r="752255" spans="14:14">
      <c r="N752255" s="10"/>
    </row>
    <row r="752256" spans="14:14">
      <c r="N752256" s="10"/>
    </row>
    <row r="752257" spans="14:14">
      <c r="N752257" s="10"/>
    </row>
    <row r="752258" spans="14:14">
      <c r="N752258" s="10"/>
    </row>
    <row r="752259" spans="14:14">
      <c r="N752259" s="10"/>
    </row>
    <row r="752260" spans="14:14">
      <c r="N752260" s="10"/>
    </row>
    <row r="752261" spans="14:14">
      <c r="N752261" s="10"/>
    </row>
    <row r="752262" spans="14:14">
      <c r="N752262" s="10"/>
    </row>
    <row r="752263" spans="14:14">
      <c r="N752263" s="10"/>
    </row>
    <row r="752264" spans="14:14">
      <c r="N752264" s="10"/>
    </row>
    <row r="752265" spans="14:14">
      <c r="N752265" s="10"/>
    </row>
    <row r="752266" spans="14:14">
      <c r="N752266" s="10"/>
    </row>
    <row r="752267" spans="14:14">
      <c r="N752267" s="10"/>
    </row>
    <row r="752268" spans="14:14">
      <c r="N752268" s="10"/>
    </row>
    <row r="752269" spans="14:14">
      <c r="N752269" s="10"/>
    </row>
    <row r="752270" spans="14:14">
      <c r="N752270" s="10"/>
    </row>
    <row r="752271" spans="14:14">
      <c r="N752271" s="10"/>
    </row>
    <row r="752272" spans="14:14">
      <c r="N752272" s="10"/>
    </row>
    <row r="752273" spans="14:14">
      <c r="N752273" s="10"/>
    </row>
    <row r="752274" spans="14:14">
      <c r="N752274" s="10"/>
    </row>
    <row r="752275" spans="14:14">
      <c r="N752275" s="10"/>
    </row>
    <row r="752276" spans="14:14">
      <c r="N752276" s="10"/>
    </row>
    <row r="752277" spans="14:14">
      <c r="N752277" s="10"/>
    </row>
    <row r="752278" spans="14:14">
      <c r="N752278" s="10"/>
    </row>
    <row r="752279" spans="14:14">
      <c r="N752279" s="10"/>
    </row>
    <row r="752280" spans="14:14">
      <c r="N752280" s="10"/>
    </row>
    <row r="752281" spans="14:14">
      <c r="N752281" s="10"/>
    </row>
    <row r="752282" spans="14:14">
      <c r="N752282" s="10"/>
    </row>
    <row r="752283" spans="14:14">
      <c r="N752283" s="10"/>
    </row>
    <row r="752284" spans="14:14">
      <c r="N752284" s="10"/>
    </row>
    <row r="752285" spans="14:14">
      <c r="N752285" s="10"/>
    </row>
    <row r="752286" spans="14:14">
      <c r="N752286" s="10"/>
    </row>
    <row r="752287" spans="14:14">
      <c r="N752287" s="10"/>
    </row>
    <row r="752288" spans="14:14">
      <c r="N752288" s="10"/>
    </row>
    <row r="752289" spans="14:14">
      <c r="N752289" s="10"/>
    </row>
    <row r="752290" spans="14:14">
      <c r="N752290" s="10"/>
    </row>
    <row r="752291" spans="14:14">
      <c r="N752291" s="10"/>
    </row>
    <row r="752292" spans="14:14">
      <c r="N752292" s="10"/>
    </row>
    <row r="752293" spans="14:14">
      <c r="N752293" s="10"/>
    </row>
    <row r="752294" spans="14:14">
      <c r="N752294" s="10"/>
    </row>
    <row r="752295" spans="14:14">
      <c r="N752295" s="10"/>
    </row>
    <row r="752296" spans="14:14">
      <c r="N752296" s="10"/>
    </row>
    <row r="752297" spans="14:14">
      <c r="N752297" s="10"/>
    </row>
    <row r="752298" spans="14:14">
      <c r="N752298" s="10"/>
    </row>
    <row r="752299" spans="14:14">
      <c r="N752299" s="10"/>
    </row>
    <row r="752300" spans="14:14">
      <c r="N752300" s="10"/>
    </row>
    <row r="752301" spans="14:14">
      <c r="N752301" s="10"/>
    </row>
    <row r="752302" spans="14:14">
      <c r="N752302" s="10"/>
    </row>
    <row r="752303" spans="14:14">
      <c r="N752303" s="10"/>
    </row>
    <row r="752304" spans="14:14">
      <c r="N752304" s="10"/>
    </row>
    <row r="752305" spans="14:14">
      <c r="N752305" s="10"/>
    </row>
    <row r="752306" spans="14:14">
      <c r="N752306" s="10"/>
    </row>
    <row r="752307" spans="14:14">
      <c r="N752307" s="10"/>
    </row>
    <row r="752308" spans="14:14">
      <c r="N752308" s="10"/>
    </row>
    <row r="752309" spans="14:14">
      <c r="N752309" s="10"/>
    </row>
    <row r="752310" spans="14:14">
      <c r="N752310" s="10"/>
    </row>
    <row r="752311" spans="14:14">
      <c r="N752311" s="10"/>
    </row>
    <row r="752312" spans="14:14">
      <c r="N752312" s="10"/>
    </row>
    <row r="752313" spans="14:14">
      <c r="N752313" s="10"/>
    </row>
    <row r="752314" spans="14:14">
      <c r="N752314" s="10"/>
    </row>
    <row r="752315" spans="14:14">
      <c r="N752315" s="10"/>
    </row>
    <row r="752316" spans="14:14">
      <c r="N752316" s="10"/>
    </row>
    <row r="752317" spans="14:14">
      <c r="N752317" s="10"/>
    </row>
    <row r="752318" spans="14:14">
      <c r="N752318" s="10"/>
    </row>
    <row r="752319" spans="14:14">
      <c r="N752319" s="10"/>
    </row>
    <row r="752320" spans="14:14">
      <c r="N752320" s="10"/>
    </row>
    <row r="752321" spans="14:14">
      <c r="N752321" s="10"/>
    </row>
    <row r="752322" spans="14:14">
      <c r="N752322" s="10"/>
    </row>
    <row r="752323" spans="14:14">
      <c r="N752323" s="10"/>
    </row>
    <row r="752324" spans="14:14">
      <c r="N752324" s="10"/>
    </row>
    <row r="752325" spans="14:14">
      <c r="N752325" s="10"/>
    </row>
    <row r="752326" spans="14:14">
      <c r="N752326" s="10"/>
    </row>
    <row r="752327" spans="14:14">
      <c r="N752327" s="10"/>
    </row>
    <row r="752328" spans="14:14">
      <c r="N752328" s="10"/>
    </row>
    <row r="752329" spans="14:14">
      <c r="N752329" s="10"/>
    </row>
    <row r="752330" spans="14:14">
      <c r="N752330" s="10"/>
    </row>
    <row r="752331" spans="14:14">
      <c r="N752331" s="10"/>
    </row>
    <row r="752332" spans="14:14">
      <c r="N752332" s="10"/>
    </row>
    <row r="752333" spans="14:14">
      <c r="N752333" s="10"/>
    </row>
    <row r="752334" spans="14:14">
      <c r="N752334" s="10"/>
    </row>
    <row r="752335" spans="14:14">
      <c r="N752335" s="10"/>
    </row>
    <row r="752336" spans="14:14">
      <c r="N752336" s="10"/>
    </row>
    <row r="752337" spans="14:14">
      <c r="N752337" s="10"/>
    </row>
    <row r="752338" spans="14:14">
      <c r="N752338" s="10"/>
    </row>
    <row r="752339" spans="14:14">
      <c r="N752339" s="10"/>
    </row>
    <row r="752340" spans="14:14">
      <c r="N752340" s="10"/>
    </row>
    <row r="752341" spans="14:14">
      <c r="N752341" s="10"/>
    </row>
    <row r="752342" spans="14:14">
      <c r="N752342" s="10"/>
    </row>
    <row r="752343" spans="14:14">
      <c r="N752343" s="10"/>
    </row>
    <row r="752344" spans="14:14">
      <c r="N752344" s="10"/>
    </row>
    <row r="752345" spans="14:14">
      <c r="N752345" s="10"/>
    </row>
    <row r="752346" spans="14:14">
      <c r="N752346" s="10"/>
    </row>
    <row r="752347" spans="14:14">
      <c r="N752347" s="10"/>
    </row>
    <row r="752348" spans="14:14">
      <c r="N752348" s="10"/>
    </row>
    <row r="752349" spans="14:14">
      <c r="N752349" s="10"/>
    </row>
    <row r="752350" spans="14:14">
      <c r="N752350" s="10"/>
    </row>
    <row r="752351" spans="14:14">
      <c r="N752351" s="10"/>
    </row>
    <row r="752352" spans="14:14">
      <c r="N752352" s="10"/>
    </row>
    <row r="752353" spans="14:14">
      <c r="N752353" s="10"/>
    </row>
    <row r="752354" spans="14:14">
      <c r="N752354" s="10"/>
    </row>
    <row r="752355" spans="14:14">
      <c r="N752355" s="10"/>
    </row>
    <row r="752356" spans="14:14">
      <c r="N752356" s="10"/>
    </row>
    <row r="752357" spans="14:14">
      <c r="N752357" s="10"/>
    </row>
    <row r="752358" spans="14:14">
      <c r="N752358" s="10"/>
    </row>
    <row r="752359" spans="14:14">
      <c r="N752359" s="10"/>
    </row>
    <row r="752360" spans="14:14">
      <c r="N752360" s="10"/>
    </row>
    <row r="752361" spans="14:14">
      <c r="N752361" s="10"/>
    </row>
    <row r="752362" spans="14:14">
      <c r="N752362" s="10"/>
    </row>
    <row r="752363" spans="14:14">
      <c r="N752363" s="10"/>
    </row>
    <row r="752364" spans="14:14">
      <c r="N752364" s="10"/>
    </row>
    <row r="752365" spans="14:14">
      <c r="N752365" s="10"/>
    </row>
    <row r="752366" spans="14:14">
      <c r="N752366" s="10"/>
    </row>
    <row r="752367" spans="14:14">
      <c r="N752367" s="10"/>
    </row>
    <row r="752368" spans="14:14">
      <c r="N752368" s="10"/>
    </row>
    <row r="752369" spans="14:14">
      <c r="N752369" s="10"/>
    </row>
    <row r="752370" spans="14:14">
      <c r="N752370" s="10"/>
    </row>
    <row r="752371" spans="14:14">
      <c r="N752371" s="10"/>
    </row>
    <row r="752372" spans="14:14">
      <c r="N752372" s="10"/>
    </row>
    <row r="752373" spans="14:14">
      <c r="N752373" s="10"/>
    </row>
    <row r="752374" spans="14:14">
      <c r="N752374" s="10"/>
    </row>
    <row r="752375" spans="14:14">
      <c r="N752375" s="10"/>
    </row>
    <row r="752376" spans="14:14">
      <c r="N752376" s="10"/>
    </row>
    <row r="752377" spans="14:14">
      <c r="N752377" s="10"/>
    </row>
    <row r="752378" spans="14:14">
      <c r="N752378" s="10"/>
    </row>
    <row r="752379" spans="14:14">
      <c r="N752379" s="10"/>
    </row>
    <row r="752380" spans="14:14">
      <c r="N752380" s="10"/>
    </row>
    <row r="752381" spans="14:14">
      <c r="N752381" s="10"/>
    </row>
    <row r="752382" spans="14:14">
      <c r="N752382" s="10"/>
    </row>
    <row r="752383" spans="14:14">
      <c r="N752383" s="10"/>
    </row>
    <row r="752384" spans="14:14">
      <c r="N752384" s="10"/>
    </row>
    <row r="752385" spans="14:14">
      <c r="N752385" s="10"/>
    </row>
    <row r="752386" spans="14:14">
      <c r="N752386" s="10"/>
    </row>
    <row r="752387" spans="14:14">
      <c r="N752387" s="10"/>
    </row>
    <row r="752388" spans="14:14">
      <c r="N752388" s="10"/>
    </row>
    <row r="752389" spans="14:14">
      <c r="N752389" s="10"/>
    </row>
    <row r="752390" spans="14:14">
      <c r="N752390" s="10"/>
    </row>
    <row r="752391" spans="14:14">
      <c r="N752391" s="10"/>
    </row>
    <row r="752392" spans="14:14">
      <c r="N752392" s="10"/>
    </row>
    <row r="752393" spans="14:14">
      <c r="N752393" s="10"/>
    </row>
    <row r="752394" spans="14:14">
      <c r="N752394" s="10"/>
    </row>
    <row r="752395" spans="14:14">
      <c r="N752395" s="10"/>
    </row>
    <row r="752396" spans="14:14">
      <c r="N752396" s="10"/>
    </row>
    <row r="752397" spans="14:14">
      <c r="N752397" s="10"/>
    </row>
    <row r="752398" spans="14:14">
      <c r="N752398" s="10"/>
    </row>
    <row r="752399" spans="14:14">
      <c r="N752399" s="10"/>
    </row>
    <row r="752400" spans="14:14">
      <c r="N752400" s="10"/>
    </row>
    <row r="752401" spans="14:14">
      <c r="N752401" s="10"/>
    </row>
    <row r="752402" spans="14:14">
      <c r="N752402" s="10"/>
    </row>
    <row r="752403" spans="14:14">
      <c r="N752403" s="10"/>
    </row>
    <row r="752404" spans="14:14">
      <c r="N752404" s="10"/>
    </row>
    <row r="752405" spans="14:14">
      <c r="N752405" s="10"/>
    </row>
    <row r="752406" spans="14:14">
      <c r="N752406" s="10"/>
    </row>
    <row r="752407" spans="14:14">
      <c r="N752407" s="10"/>
    </row>
    <row r="752408" spans="14:14">
      <c r="N752408" s="10"/>
    </row>
    <row r="752409" spans="14:14">
      <c r="N752409" s="10"/>
    </row>
    <row r="752410" spans="14:14">
      <c r="N752410" s="10"/>
    </row>
    <row r="752411" spans="14:14">
      <c r="N752411" s="10"/>
    </row>
    <row r="752412" spans="14:14">
      <c r="N752412" s="10"/>
    </row>
    <row r="752413" spans="14:14">
      <c r="N752413" s="10"/>
    </row>
    <row r="752414" spans="14:14">
      <c r="N752414" s="10"/>
    </row>
    <row r="752415" spans="14:14">
      <c r="N752415" s="10"/>
    </row>
    <row r="752416" spans="14:14">
      <c r="N752416" s="10"/>
    </row>
    <row r="752417" spans="14:14">
      <c r="N752417" s="10"/>
    </row>
    <row r="752418" spans="14:14">
      <c r="N752418" s="10"/>
    </row>
    <row r="752419" spans="14:14">
      <c r="N752419" s="10"/>
    </row>
    <row r="752420" spans="14:14">
      <c r="N752420" s="10"/>
    </row>
    <row r="752421" spans="14:14">
      <c r="N752421" s="10"/>
    </row>
    <row r="752422" spans="14:14">
      <c r="N752422" s="10"/>
    </row>
    <row r="752423" spans="14:14">
      <c r="N752423" s="10"/>
    </row>
    <row r="752424" spans="14:14">
      <c r="N752424" s="10"/>
    </row>
    <row r="752425" spans="14:14">
      <c r="N752425" s="10"/>
    </row>
    <row r="752426" spans="14:14">
      <c r="N752426" s="10"/>
    </row>
    <row r="752427" spans="14:14">
      <c r="N752427" s="10"/>
    </row>
    <row r="752428" spans="14:14">
      <c r="N752428" s="10"/>
    </row>
    <row r="752429" spans="14:14">
      <c r="N752429" s="10"/>
    </row>
    <row r="752430" spans="14:14">
      <c r="N752430" s="10"/>
    </row>
    <row r="752431" spans="14:14">
      <c r="N752431" s="10"/>
    </row>
    <row r="752432" spans="14:14">
      <c r="N752432" s="10"/>
    </row>
    <row r="752433" spans="14:14">
      <c r="N752433" s="10"/>
    </row>
    <row r="752434" spans="14:14">
      <c r="N752434" s="10"/>
    </row>
    <row r="752435" spans="14:14">
      <c r="N752435" s="10"/>
    </row>
    <row r="752436" spans="14:14">
      <c r="N752436" s="10"/>
    </row>
    <row r="752437" spans="14:14">
      <c r="N752437" s="10"/>
    </row>
    <row r="752438" spans="14:14">
      <c r="N752438" s="10"/>
    </row>
    <row r="752439" spans="14:14">
      <c r="N752439" s="10"/>
    </row>
    <row r="752440" spans="14:14">
      <c r="N752440" s="10"/>
    </row>
    <row r="752441" spans="14:14">
      <c r="N752441" s="10"/>
    </row>
    <row r="752442" spans="14:14">
      <c r="N752442" s="10"/>
    </row>
    <row r="752443" spans="14:14">
      <c r="N752443" s="10"/>
    </row>
    <row r="752444" spans="14:14">
      <c r="N752444" s="10"/>
    </row>
    <row r="752445" spans="14:14">
      <c r="N752445" s="10"/>
    </row>
    <row r="752446" spans="14:14">
      <c r="N752446" s="10"/>
    </row>
    <row r="752447" spans="14:14">
      <c r="N752447" s="10"/>
    </row>
    <row r="752448" spans="14:14">
      <c r="N752448" s="10"/>
    </row>
    <row r="752449" spans="14:14">
      <c r="N752449" s="10"/>
    </row>
    <row r="752450" spans="14:14">
      <c r="N752450" s="10"/>
    </row>
    <row r="752451" spans="14:14">
      <c r="N752451" s="10"/>
    </row>
    <row r="752452" spans="14:14">
      <c r="N752452" s="10"/>
    </row>
    <row r="752453" spans="14:14">
      <c r="N752453" s="10"/>
    </row>
    <row r="752454" spans="14:14">
      <c r="N752454" s="10"/>
    </row>
    <row r="752455" spans="14:14">
      <c r="N752455" s="10"/>
    </row>
    <row r="752456" spans="14:14">
      <c r="N752456" s="10"/>
    </row>
    <row r="752457" spans="14:14">
      <c r="N752457" s="10"/>
    </row>
    <row r="752458" spans="14:14">
      <c r="N752458" s="10"/>
    </row>
    <row r="752459" spans="14:14">
      <c r="N752459" s="10"/>
    </row>
    <row r="752460" spans="14:14">
      <c r="N752460" s="10"/>
    </row>
    <row r="752461" spans="14:14">
      <c r="N752461" s="10"/>
    </row>
    <row r="752462" spans="14:14">
      <c r="N752462" s="10"/>
    </row>
    <row r="752463" spans="14:14">
      <c r="N752463" s="10"/>
    </row>
    <row r="752464" spans="14:14">
      <c r="N752464" s="10"/>
    </row>
    <row r="752465" spans="14:14">
      <c r="N752465" s="10"/>
    </row>
    <row r="752466" spans="14:14">
      <c r="N752466" s="10"/>
    </row>
    <row r="752467" spans="14:14">
      <c r="N752467" s="10"/>
    </row>
    <row r="752468" spans="14:14">
      <c r="N752468" s="10"/>
    </row>
    <row r="752469" spans="14:14">
      <c r="N752469" s="10"/>
    </row>
    <row r="752470" spans="14:14">
      <c r="N752470" s="10"/>
    </row>
    <row r="752471" spans="14:14">
      <c r="N752471" s="10"/>
    </row>
    <row r="752472" spans="14:14">
      <c r="N752472" s="10"/>
    </row>
    <row r="752473" spans="14:14">
      <c r="N752473" s="10"/>
    </row>
    <row r="752474" spans="14:14">
      <c r="N752474" s="10"/>
    </row>
    <row r="752475" spans="14:14">
      <c r="N752475" s="10"/>
    </row>
    <row r="752476" spans="14:14">
      <c r="N752476" s="10"/>
    </row>
    <row r="752477" spans="14:14">
      <c r="N752477" s="10"/>
    </row>
    <row r="752478" spans="14:14">
      <c r="N752478" s="10"/>
    </row>
    <row r="752479" spans="14:14">
      <c r="N752479" s="10"/>
    </row>
    <row r="752480" spans="14:14">
      <c r="N752480" s="10"/>
    </row>
    <row r="752481" spans="14:14">
      <c r="N752481" s="10"/>
    </row>
    <row r="752482" spans="14:14">
      <c r="N752482" s="10"/>
    </row>
    <row r="752483" spans="14:14">
      <c r="N752483" s="10"/>
    </row>
    <row r="752484" spans="14:14">
      <c r="N752484" s="10"/>
    </row>
    <row r="752485" spans="14:14">
      <c r="N752485" s="10"/>
    </row>
    <row r="752486" spans="14:14">
      <c r="N752486" s="10"/>
    </row>
    <row r="752487" spans="14:14">
      <c r="N752487" s="10"/>
    </row>
    <row r="752488" spans="14:14">
      <c r="N752488" s="10"/>
    </row>
    <row r="752489" spans="14:14">
      <c r="N752489" s="10"/>
    </row>
    <row r="752490" spans="14:14">
      <c r="N752490" s="10"/>
    </row>
    <row r="752491" spans="14:14">
      <c r="N752491" s="10"/>
    </row>
    <row r="752492" spans="14:14">
      <c r="N752492" s="10"/>
    </row>
    <row r="752493" spans="14:14">
      <c r="N752493" s="10"/>
    </row>
    <row r="752494" spans="14:14">
      <c r="N752494" s="10"/>
    </row>
    <row r="752495" spans="14:14">
      <c r="N752495" s="10"/>
    </row>
    <row r="752496" spans="14:14">
      <c r="N752496" s="10"/>
    </row>
    <row r="752497" spans="14:14">
      <c r="N752497" s="10"/>
    </row>
    <row r="752498" spans="14:14">
      <c r="N752498" s="10"/>
    </row>
    <row r="752499" spans="14:14">
      <c r="N752499" s="10"/>
    </row>
    <row r="752500" spans="14:14">
      <c r="N752500" s="10"/>
    </row>
    <row r="752501" spans="14:14">
      <c r="N752501" s="10"/>
    </row>
    <row r="752502" spans="14:14">
      <c r="N752502" s="10"/>
    </row>
    <row r="752503" spans="14:14">
      <c r="N752503" s="10"/>
    </row>
    <row r="752504" spans="14:14">
      <c r="N752504" s="10"/>
    </row>
    <row r="752505" spans="14:14">
      <c r="N752505" s="10"/>
    </row>
    <row r="752506" spans="14:14">
      <c r="N752506" s="10"/>
    </row>
    <row r="752507" spans="14:14">
      <c r="N752507" s="10"/>
    </row>
    <row r="752508" spans="14:14">
      <c r="N752508" s="10"/>
    </row>
    <row r="752509" spans="14:14">
      <c r="N752509" s="10"/>
    </row>
    <row r="752510" spans="14:14">
      <c r="N752510" s="10"/>
    </row>
    <row r="752511" spans="14:14">
      <c r="N752511" s="10"/>
    </row>
    <row r="752512" spans="14:14">
      <c r="N752512" s="10"/>
    </row>
    <row r="752513" spans="14:14">
      <c r="N752513" s="10"/>
    </row>
    <row r="752514" spans="14:14">
      <c r="N752514" s="10"/>
    </row>
    <row r="752515" spans="14:14">
      <c r="N752515" s="10"/>
    </row>
    <row r="752516" spans="14:14">
      <c r="N752516" s="10"/>
    </row>
    <row r="752517" spans="14:14">
      <c r="N752517" s="10"/>
    </row>
    <row r="752518" spans="14:14">
      <c r="N752518" s="10"/>
    </row>
    <row r="752519" spans="14:14">
      <c r="N752519" s="10"/>
    </row>
    <row r="752520" spans="14:14">
      <c r="N752520" s="10"/>
    </row>
    <row r="752521" spans="14:14">
      <c r="N752521" s="10"/>
    </row>
    <row r="752522" spans="14:14">
      <c r="N752522" s="10"/>
    </row>
    <row r="752523" spans="14:14">
      <c r="N752523" s="10"/>
    </row>
    <row r="752524" spans="14:14">
      <c r="N752524" s="10"/>
    </row>
    <row r="752525" spans="14:14">
      <c r="N752525" s="10"/>
    </row>
    <row r="752526" spans="14:14">
      <c r="N752526" s="10"/>
    </row>
    <row r="752527" spans="14:14">
      <c r="N752527" s="10"/>
    </row>
    <row r="752528" spans="14:14">
      <c r="N752528" s="10"/>
    </row>
    <row r="752529" spans="14:14">
      <c r="N752529" s="10"/>
    </row>
    <row r="752530" spans="14:14">
      <c r="N752530" s="10"/>
    </row>
    <row r="752531" spans="14:14">
      <c r="N752531" s="10"/>
    </row>
    <row r="752532" spans="14:14">
      <c r="N752532" s="10"/>
    </row>
    <row r="752533" spans="14:14">
      <c r="N752533" s="10"/>
    </row>
    <row r="752534" spans="14:14">
      <c r="N752534" s="10"/>
    </row>
    <row r="752535" spans="14:14">
      <c r="N752535" s="10"/>
    </row>
    <row r="752536" spans="14:14">
      <c r="N752536" s="10"/>
    </row>
    <row r="752537" spans="14:14">
      <c r="N752537" s="10"/>
    </row>
    <row r="752538" spans="14:14">
      <c r="N752538" s="10"/>
    </row>
    <row r="752539" spans="14:14">
      <c r="N752539" s="10"/>
    </row>
    <row r="752540" spans="14:14">
      <c r="N752540" s="10"/>
    </row>
    <row r="752541" spans="14:14">
      <c r="N752541" s="10"/>
    </row>
    <row r="752542" spans="14:14">
      <c r="N752542" s="10"/>
    </row>
    <row r="752543" spans="14:14">
      <c r="N752543" s="10"/>
    </row>
    <row r="752544" spans="14:14">
      <c r="N752544" s="10"/>
    </row>
    <row r="752545" spans="14:14">
      <c r="N752545" s="10"/>
    </row>
    <row r="752546" spans="14:14">
      <c r="N752546" s="10"/>
    </row>
    <row r="752547" spans="14:14">
      <c r="N752547" s="10"/>
    </row>
    <row r="752548" spans="14:14">
      <c r="N752548" s="10"/>
    </row>
    <row r="752549" spans="14:14">
      <c r="N752549" s="10"/>
    </row>
    <row r="752550" spans="14:14">
      <c r="N752550" s="10"/>
    </row>
    <row r="752551" spans="14:14">
      <c r="N752551" s="10"/>
    </row>
    <row r="752552" spans="14:14">
      <c r="N752552" s="10"/>
    </row>
    <row r="752553" spans="14:14">
      <c r="N752553" s="10"/>
    </row>
    <row r="752554" spans="14:14">
      <c r="N752554" s="10"/>
    </row>
    <row r="752555" spans="14:14">
      <c r="N752555" s="10"/>
    </row>
    <row r="752556" spans="14:14">
      <c r="N752556" s="10"/>
    </row>
    <row r="752557" spans="14:14">
      <c r="N752557" s="10"/>
    </row>
    <row r="752558" spans="14:14">
      <c r="N752558" s="10"/>
    </row>
    <row r="752559" spans="14:14">
      <c r="N752559" s="10"/>
    </row>
    <row r="752560" spans="14:14">
      <c r="N752560" s="10"/>
    </row>
    <row r="752561" spans="14:14">
      <c r="N752561" s="10"/>
    </row>
    <row r="752562" spans="14:14">
      <c r="N752562" s="10"/>
    </row>
    <row r="752563" spans="14:14">
      <c r="N752563" s="10"/>
    </row>
    <row r="752564" spans="14:14">
      <c r="N752564" s="10"/>
    </row>
    <row r="752565" spans="14:14">
      <c r="N752565" s="10"/>
    </row>
    <row r="752566" spans="14:14">
      <c r="N752566" s="10"/>
    </row>
    <row r="752567" spans="14:14">
      <c r="N752567" s="10"/>
    </row>
    <row r="752568" spans="14:14">
      <c r="N752568" s="10"/>
    </row>
    <row r="752569" spans="14:14">
      <c r="N752569" s="10"/>
    </row>
    <row r="752570" spans="14:14">
      <c r="N752570" s="10"/>
    </row>
    <row r="752571" spans="14:14">
      <c r="N752571" s="10"/>
    </row>
    <row r="752572" spans="14:14">
      <c r="N752572" s="10"/>
    </row>
    <row r="752573" spans="14:14">
      <c r="N752573" s="10"/>
    </row>
    <row r="752574" spans="14:14">
      <c r="N752574" s="10"/>
    </row>
    <row r="752575" spans="14:14">
      <c r="N752575" s="10"/>
    </row>
    <row r="752576" spans="14:14">
      <c r="N752576" s="10"/>
    </row>
    <row r="752577" spans="14:14">
      <c r="N752577" s="10"/>
    </row>
    <row r="752578" spans="14:14">
      <c r="N752578" s="10"/>
    </row>
    <row r="752579" spans="14:14">
      <c r="N752579" s="10"/>
    </row>
    <row r="752580" spans="14:14">
      <c r="N752580" s="10"/>
    </row>
    <row r="752581" spans="14:14">
      <c r="N752581" s="10"/>
    </row>
    <row r="752582" spans="14:14">
      <c r="N752582" s="10"/>
    </row>
    <row r="752583" spans="14:14">
      <c r="N752583" s="10"/>
    </row>
    <row r="752584" spans="14:14">
      <c r="N752584" s="10"/>
    </row>
    <row r="752585" spans="14:14">
      <c r="N752585" s="10"/>
    </row>
    <row r="752586" spans="14:14">
      <c r="N752586" s="10"/>
    </row>
    <row r="752587" spans="14:14">
      <c r="N752587" s="10"/>
    </row>
    <row r="752588" spans="14:14">
      <c r="N752588" s="10"/>
    </row>
    <row r="752589" spans="14:14">
      <c r="N752589" s="10"/>
    </row>
    <row r="752590" spans="14:14">
      <c r="N752590" s="10"/>
    </row>
    <row r="752591" spans="14:14">
      <c r="N752591" s="10"/>
    </row>
    <row r="752592" spans="14:14">
      <c r="N752592" s="10"/>
    </row>
    <row r="752593" spans="14:14">
      <c r="N752593" s="10"/>
    </row>
    <row r="752594" spans="14:14">
      <c r="N752594" s="10"/>
    </row>
    <row r="752595" spans="14:14">
      <c r="N752595" s="10"/>
    </row>
    <row r="752596" spans="14:14">
      <c r="N752596" s="10"/>
    </row>
    <row r="752597" spans="14:14">
      <c r="N752597" s="10"/>
    </row>
    <row r="752598" spans="14:14">
      <c r="N752598" s="10"/>
    </row>
    <row r="752599" spans="14:14">
      <c r="N752599" s="10"/>
    </row>
    <row r="752600" spans="14:14">
      <c r="N752600" s="10"/>
    </row>
    <row r="752601" spans="14:14">
      <c r="N752601" s="10"/>
    </row>
    <row r="752602" spans="14:14">
      <c r="N752602" s="10"/>
    </row>
    <row r="752603" spans="14:14">
      <c r="N752603" s="10"/>
    </row>
    <row r="752604" spans="14:14">
      <c r="N752604" s="10"/>
    </row>
    <row r="752605" spans="14:14">
      <c r="N752605" s="10"/>
    </row>
    <row r="752606" spans="14:14">
      <c r="N752606" s="10"/>
    </row>
    <row r="752607" spans="14:14">
      <c r="N752607" s="10"/>
    </row>
    <row r="752608" spans="14:14">
      <c r="N752608" s="10"/>
    </row>
    <row r="752609" spans="14:14">
      <c r="N752609" s="10"/>
    </row>
    <row r="752610" spans="14:14">
      <c r="N752610" s="10"/>
    </row>
    <row r="752611" spans="14:14">
      <c r="N752611" s="10"/>
    </row>
    <row r="752612" spans="14:14">
      <c r="N752612" s="10"/>
    </row>
    <row r="752613" spans="14:14">
      <c r="N752613" s="10"/>
    </row>
    <row r="752614" spans="14:14">
      <c r="N752614" s="10"/>
    </row>
    <row r="752615" spans="14:14">
      <c r="N752615" s="10"/>
    </row>
    <row r="752616" spans="14:14">
      <c r="N752616" s="10"/>
    </row>
    <row r="752617" spans="14:14">
      <c r="N752617" s="10"/>
    </row>
    <row r="752618" spans="14:14">
      <c r="N752618" s="10"/>
    </row>
    <row r="752619" spans="14:14">
      <c r="N752619" s="10"/>
    </row>
    <row r="752620" spans="14:14">
      <c r="N752620" s="10"/>
    </row>
    <row r="752621" spans="14:14">
      <c r="N752621" s="10"/>
    </row>
    <row r="752622" spans="14:14">
      <c r="N752622" s="10"/>
    </row>
    <row r="752623" spans="14:14">
      <c r="N752623" s="10"/>
    </row>
    <row r="752624" spans="14:14">
      <c r="N752624" s="10"/>
    </row>
    <row r="752625" spans="14:14">
      <c r="N752625" s="10"/>
    </row>
    <row r="752626" spans="14:14">
      <c r="N752626" s="10"/>
    </row>
    <row r="752627" spans="14:14">
      <c r="N752627" s="10"/>
    </row>
    <row r="752628" spans="14:14">
      <c r="N752628" s="10"/>
    </row>
    <row r="752629" spans="14:14">
      <c r="N752629" s="10"/>
    </row>
    <row r="752630" spans="14:14">
      <c r="N752630" s="10"/>
    </row>
    <row r="752631" spans="14:14">
      <c r="N752631" s="10"/>
    </row>
    <row r="752632" spans="14:14">
      <c r="N752632" s="10"/>
    </row>
    <row r="752633" spans="14:14">
      <c r="N752633" s="10"/>
    </row>
    <row r="752634" spans="14:14">
      <c r="N752634" s="10"/>
    </row>
    <row r="752635" spans="14:14">
      <c r="N752635" s="10"/>
    </row>
    <row r="752636" spans="14:14">
      <c r="N752636" s="10"/>
    </row>
    <row r="752637" spans="14:14">
      <c r="N752637" s="10"/>
    </row>
    <row r="752638" spans="14:14">
      <c r="N752638" s="10"/>
    </row>
    <row r="752639" spans="14:14">
      <c r="N752639" s="10"/>
    </row>
    <row r="752640" spans="14:14">
      <c r="N752640" s="10"/>
    </row>
    <row r="752641" spans="14:14">
      <c r="N752641" s="10"/>
    </row>
    <row r="752642" spans="14:14">
      <c r="N752642" s="10"/>
    </row>
    <row r="752643" spans="14:14">
      <c r="N752643" s="10"/>
    </row>
    <row r="752644" spans="14:14">
      <c r="N752644" s="10"/>
    </row>
    <row r="752645" spans="14:14">
      <c r="N752645" s="10"/>
    </row>
    <row r="752646" spans="14:14">
      <c r="N752646" s="10"/>
    </row>
    <row r="752647" spans="14:14">
      <c r="N752647" s="10"/>
    </row>
    <row r="752648" spans="14:14">
      <c r="N752648" s="10"/>
    </row>
    <row r="752649" spans="14:14">
      <c r="N752649" s="10"/>
    </row>
    <row r="752650" spans="14:14">
      <c r="N752650" s="10"/>
    </row>
    <row r="752651" spans="14:14">
      <c r="N752651" s="10"/>
    </row>
    <row r="752652" spans="14:14">
      <c r="N752652" s="10"/>
    </row>
    <row r="752653" spans="14:14">
      <c r="N752653" s="10"/>
    </row>
    <row r="752654" spans="14:14">
      <c r="N752654" s="10"/>
    </row>
    <row r="752655" spans="14:14">
      <c r="N752655" s="10"/>
    </row>
    <row r="752656" spans="14:14">
      <c r="N752656" s="10"/>
    </row>
    <row r="752657" spans="14:14">
      <c r="N752657" s="10"/>
    </row>
    <row r="752658" spans="14:14">
      <c r="N752658" s="10"/>
    </row>
    <row r="752659" spans="14:14">
      <c r="N752659" s="10"/>
    </row>
    <row r="752660" spans="14:14">
      <c r="N752660" s="10"/>
    </row>
    <row r="752661" spans="14:14">
      <c r="N752661" s="10"/>
    </row>
    <row r="752662" spans="14:14">
      <c r="N752662" s="10"/>
    </row>
    <row r="752663" spans="14:14">
      <c r="N752663" s="10"/>
    </row>
    <row r="752664" spans="14:14">
      <c r="N752664" s="10"/>
    </row>
    <row r="752665" spans="14:14">
      <c r="N752665" s="10"/>
    </row>
    <row r="752666" spans="14:14">
      <c r="N752666" s="10"/>
    </row>
    <row r="752667" spans="14:14">
      <c r="N752667" s="10"/>
    </row>
    <row r="752668" spans="14:14">
      <c r="N752668" s="10"/>
    </row>
    <row r="752669" spans="14:14">
      <c r="N752669" s="10"/>
    </row>
    <row r="752670" spans="14:14">
      <c r="N752670" s="10"/>
    </row>
    <row r="752671" spans="14:14">
      <c r="N752671" s="10"/>
    </row>
    <row r="752672" spans="14:14">
      <c r="N752672" s="10"/>
    </row>
    <row r="752673" spans="14:14">
      <c r="N752673" s="10"/>
    </row>
    <row r="752674" spans="14:14">
      <c r="N752674" s="10"/>
    </row>
    <row r="752675" spans="14:14">
      <c r="N752675" s="10"/>
    </row>
    <row r="752676" spans="14:14">
      <c r="N752676" s="10"/>
    </row>
    <row r="752677" spans="14:14">
      <c r="N752677" s="10"/>
    </row>
    <row r="752678" spans="14:14">
      <c r="N752678" s="10"/>
    </row>
    <row r="752679" spans="14:14">
      <c r="N752679" s="10"/>
    </row>
    <row r="752680" spans="14:14">
      <c r="N752680" s="10"/>
    </row>
    <row r="752681" spans="14:14">
      <c r="N752681" s="10"/>
    </row>
    <row r="752682" spans="14:14">
      <c r="N752682" s="10"/>
    </row>
    <row r="752683" spans="14:14">
      <c r="N752683" s="10"/>
    </row>
    <row r="752684" spans="14:14">
      <c r="N752684" s="10"/>
    </row>
    <row r="752685" spans="14:14">
      <c r="N752685" s="10"/>
    </row>
    <row r="752686" spans="14:14">
      <c r="N752686" s="10"/>
    </row>
    <row r="752687" spans="14:14">
      <c r="N752687" s="10"/>
    </row>
    <row r="752688" spans="14:14">
      <c r="N752688" s="10"/>
    </row>
    <row r="752689" spans="14:14">
      <c r="N752689" s="10"/>
    </row>
    <row r="752690" spans="14:14">
      <c r="N752690" s="10"/>
    </row>
    <row r="752691" spans="14:14">
      <c r="N752691" s="10"/>
    </row>
    <row r="752692" spans="14:14">
      <c r="N752692" s="10"/>
    </row>
    <row r="752693" spans="14:14">
      <c r="N752693" s="10"/>
    </row>
    <row r="752694" spans="14:14">
      <c r="N752694" s="10"/>
    </row>
    <row r="752695" spans="14:14">
      <c r="N752695" s="10"/>
    </row>
    <row r="752696" spans="14:14">
      <c r="N752696" s="10"/>
    </row>
    <row r="752697" spans="14:14">
      <c r="N752697" s="10"/>
    </row>
    <row r="752698" spans="14:14">
      <c r="N752698" s="10"/>
    </row>
    <row r="752699" spans="14:14">
      <c r="N752699" s="10"/>
    </row>
    <row r="752700" spans="14:14">
      <c r="N752700" s="10"/>
    </row>
    <row r="752701" spans="14:14">
      <c r="N752701" s="10"/>
    </row>
    <row r="752702" spans="14:14">
      <c r="N752702" s="10"/>
    </row>
    <row r="752703" spans="14:14">
      <c r="N752703" s="10"/>
    </row>
    <row r="752704" spans="14:14">
      <c r="N752704" s="10"/>
    </row>
    <row r="752705" spans="14:14">
      <c r="N752705" s="10"/>
    </row>
    <row r="752706" spans="14:14">
      <c r="N752706" s="10"/>
    </row>
    <row r="752707" spans="14:14">
      <c r="N752707" s="10"/>
    </row>
    <row r="752708" spans="14:14">
      <c r="N752708" s="10"/>
    </row>
    <row r="752709" spans="14:14">
      <c r="N752709" s="10"/>
    </row>
    <row r="752710" spans="14:14">
      <c r="N752710" s="10"/>
    </row>
    <row r="752711" spans="14:14">
      <c r="N752711" s="10"/>
    </row>
    <row r="752712" spans="14:14">
      <c r="N752712" s="10"/>
    </row>
    <row r="752713" spans="14:14">
      <c r="N752713" s="10"/>
    </row>
    <row r="752714" spans="14:14">
      <c r="N752714" s="10"/>
    </row>
    <row r="752715" spans="14:14">
      <c r="N752715" s="10"/>
    </row>
    <row r="752716" spans="14:14">
      <c r="N752716" s="10"/>
    </row>
    <row r="752717" spans="14:14">
      <c r="N752717" s="10"/>
    </row>
    <row r="752718" spans="14:14">
      <c r="N752718" s="10"/>
    </row>
    <row r="752719" spans="14:14">
      <c r="N752719" s="10"/>
    </row>
    <row r="752720" spans="14:14">
      <c r="N752720" s="10"/>
    </row>
    <row r="752721" spans="14:14">
      <c r="N752721" s="10"/>
    </row>
    <row r="752722" spans="14:14">
      <c r="N752722" s="10"/>
    </row>
    <row r="752723" spans="14:14">
      <c r="N752723" s="10"/>
    </row>
    <row r="752724" spans="14:14">
      <c r="N752724" s="10"/>
    </row>
    <row r="752725" spans="14:14">
      <c r="N752725" s="10"/>
    </row>
    <row r="752726" spans="14:14">
      <c r="N752726" s="10"/>
    </row>
    <row r="752727" spans="14:14">
      <c r="N752727" s="10"/>
    </row>
    <row r="752728" spans="14:14">
      <c r="N752728" s="10"/>
    </row>
    <row r="752729" spans="14:14">
      <c r="N752729" s="10"/>
    </row>
    <row r="752730" spans="14:14">
      <c r="N752730" s="10"/>
    </row>
    <row r="752731" spans="14:14">
      <c r="N752731" s="10"/>
    </row>
    <row r="752732" spans="14:14">
      <c r="N752732" s="10"/>
    </row>
    <row r="752733" spans="14:14">
      <c r="N752733" s="10"/>
    </row>
    <row r="752734" spans="14:14">
      <c r="N752734" s="10"/>
    </row>
    <row r="752735" spans="14:14">
      <c r="N752735" s="10"/>
    </row>
    <row r="752736" spans="14:14">
      <c r="N752736" s="10"/>
    </row>
    <row r="752737" spans="14:14">
      <c r="N752737" s="10"/>
    </row>
    <row r="752738" spans="14:14">
      <c r="N752738" s="10"/>
    </row>
    <row r="752739" spans="14:14">
      <c r="N752739" s="10"/>
    </row>
    <row r="752740" spans="14:14">
      <c r="N752740" s="10"/>
    </row>
    <row r="752741" spans="14:14">
      <c r="N752741" s="10"/>
    </row>
    <row r="752742" spans="14:14">
      <c r="N752742" s="10"/>
    </row>
    <row r="752743" spans="14:14">
      <c r="N752743" s="10"/>
    </row>
    <row r="752744" spans="14:14">
      <c r="N752744" s="10"/>
    </row>
    <row r="752745" spans="14:14">
      <c r="N752745" s="10"/>
    </row>
    <row r="752746" spans="14:14">
      <c r="N752746" s="10"/>
    </row>
    <row r="752747" spans="14:14">
      <c r="N752747" s="10"/>
    </row>
    <row r="752748" spans="14:14">
      <c r="N752748" s="10"/>
    </row>
    <row r="752749" spans="14:14">
      <c r="N752749" s="10"/>
    </row>
    <row r="752750" spans="14:14">
      <c r="N752750" s="10"/>
    </row>
    <row r="752751" spans="14:14">
      <c r="N752751" s="10"/>
    </row>
    <row r="752752" spans="14:14">
      <c r="N752752" s="10"/>
    </row>
    <row r="752753" spans="14:14">
      <c r="N752753" s="10"/>
    </row>
    <row r="752754" spans="14:14">
      <c r="N752754" s="10"/>
    </row>
    <row r="752755" spans="14:14">
      <c r="N752755" s="10"/>
    </row>
    <row r="752756" spans="14:14">
      <c r="N752756" s="10"/>
    </row>
    <row r="752757" spans="14:14">
      <c r="N752757" s="10"/>
    </row>
    <row r="752758" spans="14:14">
      <c r="N752758" s="10"/>
    </row>
    <row r="752759" spans="14:14">
      <c r="N752759" s="10"/>
    </row>
    <row r="752760" spans="14:14">
      <c r="N752760" s="10"/>
    </row>
    <row r="752761" spans="14:14">
      <c r="N752761" s="10"/>
    </row>
    <row r="752762" spans="14:14">
      <c r="N752762" s="10"/>
    </row>
    <row r="752763" spans="14:14">
      <c r="N752763" s="10"/>
    </row>
    <row r="752764" spans="14:14">
      <c r="N752764" s="10"/>
    </row>
    <row r="752765" spans="14:14">
      <c r="N752765" s="10"/>
    </row>
    <row r="752766" spans="14:14">
      <c r="N752766" s="10"/>
    </row>
    <row r="752767" spans="14:14">
      <c r="N752767" s="10"/>
    </row>
    <row r="752768" spans="14:14">
      <c r="N752768" s="10"/>
    </row>
    <row r="752769" spans="14:14">
      <c r="N752769" s="10"/>
    </row>
    <row r="752770" spans="14:14">
      <c r="N752770" s="10"/>
    </row>
    <row r="752771" spans="14:14">
      <c r="N752771" s="10"/>
    </row>
    <row r="752772" spans="14:14">
      <c r="N752772" s="10"/>
    </row>
    <row r="752773" spans="14:14">
      <c r="N752773" s="10"/>
    </row>
    <row r="752774" spans="14:14">
      <c r="N752774" s="10"/>
    </row>
    <row r="752775" spans="14:14">
      <c r="N752775" s="10"/>
    </row>
    <row r="752776" spans="14:14">
      <c r="N752776" s="10"/>
    </row>
    <row r="752777" spans="14:14">
      <c r="N752777" s="10"/>
    </row>
    <row r="752778" spans="14:14">
      <c r="N752778" s="10"/>
    </row>
    <row r="752779" spans="14:14">
      <c r="N752779" s="10"/>
    </row>
    <row r="752780" spans="14:14">
      <c r="N752780" s="10"/>
    </row>
    <row r="752781" spans="14:14">
      <c r="N752781" s="10"/>
    </row>
    <row r="752782" spans="14:14">
      <c r="N752782" s="10"/>
    </row>
    <row r="752783" spans="14:14">
      <c r="N752783" s="10"/>
    </row>
    <row r="752784" spans="14:14">
      <c r="N752784" s="10"/>
    </row>
    <row r="752785" spans="14:14">
      <c r="N752785" s="10"/>
    </row>
    <row r="752786" spans="14:14">
      <c r="N752786" s="10"/>
    </row>
    <row r="752787" spans="14:14">
      <c r="N752787" s="10"/>
    </row>
    <row r="752788" spans="14:14">
      <c r="N752788" s="10"/>
    </row>
    <row r="752789" spans="14:14">
      <c r="N752789" s="10"/>
    </row>
    <row r="752790" spans="14:14">
      <c r="N752790" s="10"/>
    </row>
    <row r="752791" spans="14:14">
      <c r="N752791" s="10"/>
    </row>
    <row r="752792" spans="14:14">
      <c r="N752792" s="10"/>
    </row>
    <row r="752793" spans="14:14">
      <c r="N752793" s="10"/>
    </row>
    <row r="752794" spans="14:14">
      <c r="N752794" s="10"/>
    </row>
    <row r="752795" spans="14:14">
      <c r="N752795" s="10"/>
    </row>
    <row r="752796" spans="14:14">
      <c r="N752796" s="10"/>
    </row>
    <row r="752797" spans="14:14">
      <c r="N752797" s="10"/>
    </row>
    <row r="752798" spans="14:14">
      <c r="N752798" s="10"/>
    </row>
    <row r="752799" spans="14:14">
      <c r="N752799" s="10"/>
    </row>
    <row r="752800" spans="14:14">
      <c r="N752800" s="10"/>
    </row>
    <row r="752801" spans="14:14">
      <c r="N752801" s="10"/>
    </row>
    <row r="752802" spans="14:14">
      <c r="N752802" s="10"/>
    </row>
    <row r="752803" spans="14:14">
      <c r="N752803" s="10"/>
    </row>
    <row r="752804" spans="14:14">
      <c r="N752804" s="10"/>
    </row>
    <row r="752805" spans="14:14">
      <c r="N752805" s="10"/>
    </row>
    <row r="752806" spans="14:14">
      <c r="N752806" s="10"/>
    </row>
    <row r="752807" spans="14:14">
      <c r="N752807" s="10"/>
    </row>
    <row r="752808" spans="14:14">
      <c r="N752808" s="10"/>
    </row>
    <row r="752809" spans="14:14">
      <c r="N752809" s="10"/>
    </row>
    <row r="752810" spans="14:14">
      <c r="N752810" s="10"/>
    </row>
    <row r="752811" spans="14:14">
      <c r="N752811" s="10"/>
    </row>
    <row r="752812" spans="14:14">
      <c r="N752812" s="10"/>
    </row>
    <row r="752813" spans="14:14">
      <c r="N752813" s="10"/>
    </row>
    <row r="752814" spans="14:14">
      <c r="N752814" s="10"/>
    </row>
    <row r="752815" spans="14:14">
      <c r="N752815" s="10"/>
    </row>
    <row r="752816" spans="14:14">
      <c r="N752816" s="10"/>
    </row>
    <row r="752817" spans="14:14">
      <c r="N752817" s="10"/>
    </row>
    <row r="752818" spans="14:14">
      <c r="N752818" s="10"/>
    </row>
    <row r="752819" spans="14:14">
      <c r="N752819" s="10"/>
    </row>
    <row r="752820" spans="14:14">
      <c r="N752820" s="10"/>
    </row>
    <row r="752821" spans="14:14">
      <c r="N752821" s="10"/>
    </row>
    <row r="752822" spans="14:14">
      <c r="N752822" s="10"/>
    </row>
    <row r="752823" spans="14:14">
      <c r="N752823" s="10"/>
    </row>
    <row r="752824" spans="14:14">
      <c r="N752824" s="10"/>
    </row>
    <row r="752825" spans="14:14">
      <c r="N752825" s="10"/>
    </row>
    <row r="752826" spans="14:14">
      <c r="N752826" s="10"/>
    </row>
    <row r="752827" spans="14:14">
      <c r="N752827" s="10"/>
    </row>
    <row r="752828" spans="14:14">
      <c r="N752828" s="10"/>
    </row>
    <row r="752829" spans="14:14">
      <c r="N752829" s="10"/>
    </row>
    <row r="752830" spans="14:14">
      <c r="N752830" s="10"/>
    </row>
    <row r="752831" spans="14:14">
      <c r="N752831" s="10"/>
    </row>
    <row r="752832" spans="14:14">
      <c r="N752832" s="10"/>
    </row>
    <row r="752833" spans="14:14">
      <c r="N752833" s="10"/>
    </row>
    <row r="752834" spans="14:14">
      <c r="N752834" s="10"/>
    </row>
    <row r="752835" spans="14:14">
      <c r="N752835" s="10"/>
    </row>
    <row r="752836" spans="14:14">
      <c r="N752836" s="10"/>
    </row>
    <row r="752837" spans="14:14">
      <c r="N752837" s="10"/>
    </row>
    <row r="752838" spans="14:14">
      <c r="N752838" s="10"/>
    </row>
    <row r="752839" spans="14:14">
      <c r="N752839" s="10"/>
    </row>
    <row r="752840" spans="14:14">
      <c r="N752840" s="10"/>
    </row>
    <row r="752841" spans="14:14">
      <c r="N752841" s="10"/>
    </row>
    <row r="752842" spans="14:14">
      <c r="N752842" s="10"/>
    </row>
    <row r="752843" spans="14:14">
      <c r="N752843" s="10"/>
    </row>
    <row r="752844" spans="14:14">
      <c r="N752844" s="10"/>
    </row>
    <row r="752845" spans="14:14">
      <c r="N752845" s="10"/>
    </row>
    <row r="752846" spans="14:14">
      <c r="N752846" s="10"/>
    </row>
    <row r="752847" spans="14:14">
      <c r="N752847" s="10"/>
    </row>
    <row r="752848" spans="14:14">
      <c r="N752848" s="10"/>
    </row>
    <row r="752849" spans="14:14">
      <c r="N752849" s="10"/>
    </row>
    <row r="752850" spans="14:14">
      <c r="N752850" s="10"/>
    </row>
    <row r="752851" spans="14:14">
      <c r="N752851" s="10"/>
    </row>
    <row r="752852" spans="14:14">
      <c r="N752852" s="10"/>
    </row>
    <row r="752853" spans="14:14">
      <c r="N752853" s="10"/>
    </row>
    <row r="752854" spans="14:14">
      <c r="N752854" s="10"/>
    </row>
    <row r="752855" spans="14:14">
      <c r="N752855" s="10"/>
    </row>
    <row r="752856" spans="14:14">
      <c r="N752856" s="10"/>
    </row>
    <row r="752857" spans="14:14">
      <c r="N752857" s="10"/>
    </row>
    <row r="752858" spans="14:14">
      <c r="N752858" s="10"/>
    </row>
    <row r="752859" spans="14:14">
      <c r="N752859" s="10"/>
    </row>
    <row r="752860" spans="14:14">
      <c r="N752860" s="10"/>
    </row>
    <row r="752861" spans="14:14">
      <c r="N752861" s="10"/>
    </row>
    <row r="752862" spans="14:14">
      <c r="N752862" s="10"/>
    </row>
    <row r="752863" spans="14:14">
      <c r="N752863" s="10"/>
    </row>
    <row r="752864" spans="14:14">
      <c r="N752864" s="10"/>
    </row>
    <row r="752865" spans="14:14">
      <c r="N752865" s="10"/>
    </row>
    <row r="752866" spans="14:14">
      <c r="N752866" s="10"/>
    </row>
    <row r="752867" spans="14:14">
      <c r="N752867" s="10"/>
    </row>
    <row r="752868" spans="14:14">
      <c r="N752868" s="10"/>
    </row>
    <row r="752869" spans="14:14">
      <c r="N752869" s="10"/>
    </row>
    <row r="752870" spans="14:14">
      <c r="N752870" s="10"/>
    </row>
    <row r="752871" spans="14:14">
      <c r="N752871" s="10"/>
    </row>
    <row r="752872" spans="14:14">
      <c r="N752872" s="10"/>
    </row>
    <row r="752873" spans="14:14">
      <c r="N752873" s="10"/>
    </row>
    <row r="752874" spans="14:14">
      <c r="N752874" s="10"/>
    </row>
    <row r="752875" spans="14:14">
      <c r="N752875" s="10"/>
    </row>
    <row r="752876" spans="14:14">
      <c r="N752876" s="10"/>
    </row>
    <row r="752877" spans="14:14">
      <c r="N752877" s="10"/>
    </row>
    <row r="752878" spans="14:14">
      <c r="N752878" s="10"/>
    </row>
    <row r="752879" spans="14:14">
      <c r="N752879" s="10"/>
    </row>
    <row r="752880" spans="14:14">
      <c r="N752880" s="10"/>
    </row>
    <row r="752881" spans="14:14">
      <c r="N752881" s="10"/>
    </row>
    <row r="752882" spans="14:14">
      <c r="N752882" s="10"/>
    </row>
    <row r="752883" spans="14:14">
      <c r="N752883" s="10"/>
    </row>
    <row r="752884" spans="14:14">
      <c r="N752884" s="10"/>
    </row>
    <row r="752885" spans="14:14">
      <c r="N752885" s="10"/>
    </row>
    <row r="752886" spans="14:14">
      <c r="N752886" s="10"/>
    </row>
    <row r="752887" spans="14:14">
      <c r="N752887" s="10"/>
    </row>
    <row r="752888" spans="14:14">
      <c r="N752888" s="10"/>
    </row>
    <row r="752889" spans="14:14">
      <c r="N752889" s="10"/>
    </row>
    <row r="752890" spans="14:14">
      <c r="N752890" s="10"/>
    </row>
    <row r="752891" spans="14:14">
      <c r="N752891" s="10"/>
    </row>
    <row r="752892" spans="14:14">
      <c r="N752892" s="10"/>
    </row>
    <row r="752893" spans="14:14">
      <c r="N752893" s="10"/>
    </row>
    <row r="752894" spans="14:14">
      <c r="N752894" s="10"/>
    </row>
    <row r="752895" spans="14:14">
      <c r="N752895" s="10"/>
    </row>
    <row r="752896" spans="14:14">
      <c r="N752896" s="10"/>
    </row>
    <row r="752897" spans="14:14">
      <c r="N752897" s="10"/>
    </row>
    <row r="752898" spans="14:14">
      <c r="N752898" s="10"/>
    </row>
    <row r="752899" spans="14:14">
      <c r="N752899" s="10"/>
    </row>
    <row r="752900" spans="14:14">
      <c r="N752900" s="10"/>
    </row>
    <row r="752901" spans="14:14">
      <c r="N752901" s="10"/>
    </row>
    <row r="752902" spans="14:14">
      <c r="N752902" s="10"/>
    </row>
    <row r="752903" spans="14:14">
      <c r="N752903" s="10"/>
    </row>
    <row r="752904" spans="14:14">
      <c r="N752904" s="10"/>
    </row>
    <row r="752905" spans="14:14">
      <c r="N752905" s="10"/>
    </row>
    <row r="752906" spans="14:14">
      <c r="N752906" s="10"/>
    </row>
    <row r="752907" spans="14:14">
      <c r="N752907" s="10"/>
    </row>
    <row r="752908" spans="14:14">
      <c r="N752908" s="10"/>
    </row>
    <row r="752909" spans="14:14">
      <c r="N752909" s="10"/>
    </row>
    <row r="752910" spans="14:14">
      <c r="N752910" s="10"/>
    </row>
    <row r="752911" spans="14:14">
      <c r="N752911" s="10"/>
    </row>
    <row r="752912" spans="14:14">
      <c r="N752912" s="10"/>
    </row>
    <row r="752913" spans="14:14">
      <c r="N752913" s="10"/>
    </row>
    <row r="752914" spans="14:14">
      <c r="N752914" s="10"/>
    </row>
    <row r="752915" spans="14:14">
      <c r="N752915" s="10"/>
    </row>
    <row r="752916" spans="14:14">
      <c r="N752916" s="10"/>
    </row>
    <row r="752917" spans="14:14">
      <c r="N752917" s="10"/>
    </row>
    <row r="752918" spans="14:14">
      <c r="N752918" s="10"/>
    </row>
    <row r="752919" spans="14:14">
      <c r="N752919" s="10"/>
    </row>
    <row r="752920" spans="14:14">
      <c r="N752920" s="10"/>
    </row>
    <row r="752921" spans="14:14">
      <c r="N752921" s="10"/>
    </row>
    <row r="752922" spans="14:14">
      <c r="N752922" s="10"/>
    </row>
    <row r="752923" spans="14:14">
      <c r="N752923" s="10"/>
    </row>
    <row r="752924" spans="14:14">
      <c r="N752924" s="10"/>
    </row>
    <row r="752925" spans="14:14">
      <c r="N752925" s="10"/>
    </row>
    <row r="752926" spans="14:14">
      <c r="N752926" s="10"/>
    </row>
    <row r="752927" spans="14:14">
      <c r="N752927" s="10"/>
    </row>
    <row r="752928" spans="14:14">
      <c r="N752928" s="10"/>
    </row>
    <row r="752929" spans="14:14">
      <c r="N752929" s="10"/>
    </row>
    <row r="752930" spans="14:14">
      <c r="N752930" s="10"/>
    </row>
    <row r="752931" spans="14:14">
      <c r="N752931" s="10"/>
    </row>
    <row r="752932" spans="14:14">
      <c r="N752932" s="10"/>
    </row>
    <row r="752933" spans="14:14">
      <c r="N752933" s="10"/>
    </row>
    <row r="752934" spans="14:14">
      <c r="N752934" s="10"/>
    </row>
    <row r="752935" spans="14:14">
      <c r="N752935" s="10"/>
    </row>
    <row r="752936" spans="14:14">
      <c r="N752936" s="10"/>
    </row>
    <row r="752937" spans="14:14">
      <c r="N752937" s="10"/>
    </row>
    <row r="752938" spans="14:14">
      <c r="N752938" s="10"/>
    </row>
    <row r="752939" spans="14:14">
      <c r="N752939" s="10"/>
    </row>
    <row r="752940" spans="14:14">
      <c r="N752940" s="10"/>
    </row>
    <row r="752941" spans="14:14">
      <c r="N752941" s="10"/>
    </row>
    <row r="752942" spans="14:14">
      <c r="N752942" s="10"/>
    </row>
    <row r="752943" spans="14:14">
      <c r="N752943" s="10"/>
    </row>
    <row r="752944" spans="14:14">
      <c r="N752944" s="10"/>
    </row>
    <row r="752945" spans="14:14">
      <c r="N752945" s="10"/>
    </row>
    <row r="752946" spans="14:14">
      <c r="N752946" s="10"/>
    </row>
    <row r="752947" spans="14:14">
      <c r="N752947" s="10"/>
    </row>
    <row r="752948" spans="14:14">
      <c r="N752948" s="10"/>
    </row>
    <row r="752949" spans="14:14">
      <c r="N752949" s="10"/>
    </row>
    <row r="752950" spans="14:14">
      <c r="N752950" s="10"/>
    </row>
    <row r="752951" spans="14:14">
      <c r="N752951" s="10"/>
    </row>
    <row r="752952" spans="14:14">
      <c r="N752952" s="10"/>
    </row>
    <row r="752953" spans="14:14">
      <c r="N752953" s="10"/>
    </row>
    <row r="752954" spans="14:14">
      <c r="N752954" s="10"/>
    </row>
    <row r="752955" spans="14:14">
      <c r="N752955" s="10"/>
    </row>
    <row r="752956" spans="14:14">
      <c r="N752956" s="10"/>
    </row>
    <row r="752957" spans="14:14">
      <c r="N752957" s="10"/>
    </row>
    <row r="752958" spans="14:14">
      <c r="N752958" s="10"/>
    </row>
    <row r="752959" spans="14:14">
      <c r="N752959" s="10"/>
    </row>
    <row r="752960" spans="14:14">
      <c r="N752960" s="10"/>
    </row>
    <row r="752961" spans="14:14">
      <c r="N752961" s="10"/>
    </row>
    <row r="752962" spans="14:14">
      <c r="N752962" s="10"/>
    </row>
    <row r="752963" spans="14:14">
      <c r="N752963" s="10"/>
    </row>
    <row r="752964" spans="14:14">
      <c r="N752964" s="10"/>
    </row>
    <row r="752965" spans="14:14">
      <c r="N752965" s="10"/>
    </row>
    <row r="752966" spans="14:14">
      <c r="N752966" s="10"/>
    </row>
    <row r="752967" spans="14:14">
      <c r="N752967" s="10"/>
    </row>
    <row r="752968" spans="14:14">
      <c r="N752968" s="10"/>
    </row>
    <row r="752969" spans="14:14">
      <c r="N752969" s="10"/>
    </row>
    <row r="752970" spans="14:14">
      <c r="N752970" s="10"/>
    </row>
    <row r="752971" spans="14:14">
      <c r="N752971" s="10"/>
    </row>
    <row r="752972" spans="14:14">
      <c r="N752972" s="10"/>
    </row>
    <row r="752973" spans="14:14">
      <c r="N752973" s="10"/>
    </row>
    <row r="752974" spans="14:14">
      <c r="N752974" s="10"/>
    </row>
    <row r="752975" spans="14:14">
      <c r="N752975" s="10"/>
    </row>
    <row r="752976" spans="14:14">
      <c r="N752976" s="10"/>
    </row>
    <row r="752977" spans="14:14">
      <c r="N752977" s="10"/>
    </row>
    <row r="752978" spans="14:14">
      <c r="N752978" s="10"/>
    </row>
    <row r="752979" spans="14:14">
      <c r="N752979" s="10"/>
    </row>
    <row r="752980" spans="14:14">
      <c r="N752980" s="10"/>
    </row>
    <row r="752981" spans="14:14">
      <c r="N752981" s="10"/>
    </row>
    <row r="752982" spans="14:14">
      <c r="N752982" s="10"/>
    </row>
    <row r="752983" spans="14:14">
      <c r="N752983" s="10"/>
    </row>
    <row r="752984" spans="14:14">
      <c r="N752984" s="10"/>
    </row>
    <row r="752985" spans="14:14">
      <c r="N752985" s="10"/>
    </row>
    <row r="752986" spans="14:14">
      <c r="N752986" s="10"/>
    </row>
    <row r="752987" spans="14:14">
      <c r="N752987" s="10"/>
    </row>
    <row r="752988" spans="14:14">
      <c r="N752988" s="10"/>
    </row>
    <row r="752989" spans="14:14">
      <c r="N752989" s="10"/>
    </row>
    <row r="752990" spans="14:14">
      <c r="N752990" s="10"/>
    </row>
    <row r="752991" spans="14:14">
      <c r="N752991" s="10"/>
    </row>
    <row r="752992" spans="14:14">
      <c r="N752992" s="10"/>
    </row>
    <row r="752993" spans="14:14">
      <c r="N752993" s="10"/>
    </row>
    <row r="752994" spans="14:14">
      <c r="N752994" s="10"/>
    </row>
    <row r="752995" spans="14:14">
      <c r="N752995" s="10"/>
    </row>
    <row r="752996" spans="14:14">
      <c r="N752996" s="10"/>
    </row>
    <row r="752997" spans="14:14">
      <c r="N752997" s="10"/>
    </row>
    <row r="752998" spans="14:14">
      <c r="N752998" s="10"/>
    </row>
    <row r="752999" spans="14:14">
      <c r="N752999" s="10"/>
    </row>
    <row r="753000" spans="14:14">
      <c r="N753000" s="10"/>
    </row>
    <row r="753001" spans="14:14">
      <c r="N753001" s="10"/>
    </row>
    <row r="753002" spans="14:14">
      <c r="N753002" s="10"/>
    </row>
    <row r="753003" spans="14:14">
      <c r="N753003" s="10"/>
    </row>
    <row r="753004" spans="14:14">
      <c r="N753004" s="10"/>
    </row>
    <row r="753005" spans="14:14">
      <c r="N753005" s="10"/>
    </row>
    <row r="753006" spans="14:14">
      <c r="N753006" s="10"/>
    </row>
    <row r="753007" spans="14:14">
      <c r="N753007" s="10"/>
    </row>
    <row r="753008" spans="14:14">
      <c r="N753008" s="10"/>
    </row>
    <row r="753009" spans="14:14">
      <c r="N753009" s="10"/>
    </row>
    <row r="753010" spans="14:14">
      <c r="N753010" s="10"/>
    </row>
    <row r="753011" spans="14:14">
      <c r="N753011" s="10"/>
    </row>
    <row r="753012" spans="14:14">
      <c r="N753012" s="10"/>
    </row>
    <row r="753013" spans="14:14">
      <c r="N753013" s="10"/>
    </row>
    <row r="753014" spans="14:14">
      <c r="N753014" s="10"/>
    </row>
    <row r="753015" spans="14:14">
      <c r="N753015" s="10"/>
    </row>
    <row r="753016" spans="14:14">
      <c r="N753016" s="10"/>
    </row>
    <row r="753017" spans="14:14">
      <c r="N753017" s="10"/>
    </row>
    <row r="753018" spans="14:14">
      <c r="N753018" s="10"/>
    </row>
    <row r="753019" spans="14:14">
      <c r="N753019" s="10"/>
    </row>
    <row r="753020" spans="14:14">
      <c r="N753020" s="10"/>
    </row>
    <row r="753021" spans="14:14">
      <c r="N753021" s="10"/>
    </row>
    <row r="753022" spans="14:14">
      <c r="N753022" s="10"/>
    </row>
    <row r="753023" spans="14:14">
      <c r="N753023" s="10"/>
    </row>
    <row r="753024" spans="14:14">
      <c r="N753024" s="10"/>
    </row>
    <row r="753025" spans="14:14">
      <c r="N753025" s="10"/>
    </row>
    <row r="753026" spans="14:14">
      <c r="N753026" s="10"/>
    </row>
    <row r="753027" spans="14:14">
      <c r="N753027" s="10"/>
    </row>
    <row r="753028" spans="14:14">
      <c r="N753028" s="10"/>
    </row>
    <row r="753029" spans="14:14">
      <c r="N753029" s="10"/>
    </row>
    <row r="753030" spans="14:14">
      <c r="N753030" s="10"/>
    </row>
    <row r="753031" spans="14:14">
      <c r="N753031" s="10"/>
    </row>
    <row r="753032" spans="14:14">
      <c r="N753032" s="10"/>
    </row>
    <row r="753033" spans="14:14">
      <c r="N753033" s="10"/>
    </row>
    <row r="753034" spans="14:14">
      <c r="N753034" s="10"/>
    </row>
    <row r="753035" spans="14:14">
      <c r="N753035" s="10"/>
    </row>
    <row r="753036" spans="14:14">
      <c r="N753036" s="10"/>
    </row>
    <row r="753037" spans="14:14">
      <c r="N753037" s="10"/>
    </row>
    <row r="753038" spans="14:14">
      <c r="N753038" s="10"/>
    </row>
    <row r="753039" spans="14:14">
      <c r="N753039" s="10"/>
    </row>
    <row r="753040" spans="14:14">
      <c r="N753040" s="10"/>
    </row>
    <row r="753041" spans="14:14">
      <c r="N753041" s="10"/>
    </row>
    <row r="753042" spans="14:14">
      <c r="N753042" s="10"/>
    </row>
    <row r="753043" spans="14:14">
      <c r="N753043" s="10"/>
    </row>
    <row r="753044" spans="14:14">
      <c r="N753044" s="10"/>
    </row>
    <row r="753045" spans="14:14">
      <c r="N753045" s="10"/>
    </row>
    <row r="753046" spans="14:14">
      <c r="N753046" s="10"/>
    </row>
    <row r="753047" spans="14:14">
      <c r="N753047" s="10"/>
    </row>
    <row r="753048" spans="14:14">
      <c r="N753048" s="10"/>
    </row>
    <row r="753049" spans="14:14">
      <c r="N753049" s="10"/>
    </row>
    <row r="753050" spans="14:14">
      <c r="N753050" s="10"/>
    </row>
    <row r="753051" spans="14:14">
      <c r="N753051" s="10"/>
    </row>
    <row r="753052" spans="14:14">
      <c r="N753052" s="10"/>
    </row>
    <row r="753053" spans="14:14">
      <c r="N753053" s="10"/>
    </row>
    <row r="753054" spans="14:14">
      <c r="N753054" s="10"/>
    </row>
    <row r="753055" spans="14:14">
      <c r="N753055" s="10"/>
    </row>
    <row r="753056" spans="14:14">
      <c r="N753056" s="10"/>
    </row>
    <row r="753057" spans="14:14">
      <c r="N753057" s="10"/>
    </row>
    <row r="753058" spans="14:14">
      <c r="N753058" s="10"/>
    </row>
    <row r="753059" spans="14:14">
      <c r="N753059" s="10"/>
    </row>
    <row r="753060" spans="14:14">
      <c r="N753060" s="10"/>
    </row>
    <row r="753061" spans="14:14">
      <c r="N753061" s="10"/>
    </row>
    <row r="753062" spans="14:14">
      <c r="N753062" s="10"/>
    </row>
    <row r="753063" spans="14:14">
      <c r="N753063" s="10"/>
    </row>
    <row r="753064" spans="14:14">
      <c r="N753064" s="10"/>
    </row>
    <row r="753065" spans="14:14">
      <c r="N753065" s="10"/>
    </row>
    <row r="753066" spans="14:14">
      <c r="N753066" s="10"/>
    </row>
    <row r="753067" spans="14:14">
      <c r="N753067" s="10"/>
    </row>
    <row r="753068" spans="14:14">
      <c r="N753068" s="10"/>
    </row>
    <row r="753069" spans="14:14">
      <c r="N753069" s="10"/>
    </row>
    <row r="753070" spans="14:14">
      <c r="N753070" s="10"/>
    </row>
    <row r="753071" spans="14:14">
      <c r="N753071" s="10"/>
    </row>
    <row r="753072" spans="14:14">
      <c r="N753072" s="10"/>
    </row>
    <row r="753073" spans="14:14">
      <c r="N753073" s="10"/>
    </row>
    <row r="753074" spans="14:14">
      <c r="N753074" s="10"/>
    </row>
    <row r="753075" spans="14:14">
      <c r="N753075" s="10"/>
    </row>
    <row r="753076" spans="14:14">
      <c r="N753076" s="10"/>
    </row>
    <row r="753077" spans="14:14">
      <c r="N753077" s="10"/>
    </row>
    <row r="753078" spans="14:14">
      <c r="N753078" s="10"/>
    </row>
    <row r="753079" spans="14:14">
      <c r="N753079" s="10"/>
    </row>
    <row r="753080" spans="14:14">
      <c r="N753080" s="10"/>
    </row>
    <row r="753081" spans="14:14">
      <c r="N753081" s="10"/>
    </row>
    <row r="753082" spans="14:14">
      <c r="N753082" s="10"/>
    </row>
    <row r="753083" spans="14:14">
      <c r="N753083" s="10"/>
    </row>
    <row r="753084" spans="14:14">
      <c r="N753084" s="10"/>
    </row>
    <row r="753085" spans="14:14">
      <c r="N753085" s="10"/>
    </row>
    <row r="753086" spans="14:14">
      <c r="N753086" s="10"/>
    </row>
    <row r="753087" spans="14:14">
      <c r="N753087" s="10"/>
    </row>
    <row r="753088" spans="14:14">
      <c r="N753088" s="10"/>
    </row>
    <row r="753089" spans="14:14">
      <c r="N753089" s="10"/>
    </row>
    <row r="753090" spans="14:14">
      <c r="N753090" s="10"/>
    </row>
    <row r="753091" spans="14:14">
      <c r="N753091" s="10"/>
    </row>
    <row r="753092" spans="14:14">
      <c r="N753092" s="10"/>
    </row>
    <row r="753093" spans="14:14">
      <c r="N753093" s="10"/>
    </row>
    <row r="753094" spans="14:14">
      <c r="N753094" s="10"/>
    </row>
    <row r="753095" spans="14:14">
      <c r="N753095" s="10"/>
    </row>
    <row r="753096" spans="14:14">
      <c r="N753096" s="10"/>
    </row>
    <row r="753097" spans="14:14">
      <c r="N753097" s="10"/>
    </row>
    <row r="753098" spans="14:14">
      <c r="N753098" s="10"/>
    </row>
    <row r="753099" spans="14:14">
      <c r="N753099" s="10"/>
    </row>
    <row r="753100" spans="14:14">
      <c r="N753100" s="10"/>
    </row>
    <row r="753101" spans="14:14">
      <c r="N753101" s="10"/>
    </row>
    <row r="753102" spans="14:14">
      <c r="N753102" s="10"/>
    </row>
    <row r="753103" spans="14:14">
      <c r="N753103" s="10"/>
    </row>
    <row r="753104" spans="14:14">
      <c r="N753104" s="10"/>
    </row>
    <row r="753105" spans="14:14">
      <c r="N753105" s="10"/>
    </row>
    <row r="753106" spans="14:14">
      <c r="N753106" s="10"/>
    </row>
    <row r="753107" spans="14:14">
      <c r="N753107" s="10"/>
    </row>
    <row r="753108" spans="14:14">
      <c r="N753108" s="10"/>
    </row>
    <row r="753109" spans="14:14">
      <c r="N753109" s="10"/>
    </row>
    <row r="753110" spans="14:14">
      <c r="N753110" s="10"/>
    </row>
    <row r="753111" spans="14:14">
      <c r="N753111" s="10"/>
    </row>
    <row r="753112" spans="14:14">
      <c r="N753112" s="10"/>
    </row>
    <row r="753113" spans="14:14">
      <c r="N753113" s="10"/>
    </row>
    <row r="753114" spans="14:14">
      <c r="N753114" s="10"/>
    </row>
    <row r="753115" spans="14:14">
      <c r="N753115" s="10"/>
    </row>
    <row r="753116" spans="14:14">
      <c r="N753116" s="10"/>
    </row>
    <row r="753117" spans="14:14">
      <c r="N753117" s="10"/>
    </row>
    <row r="753118" spans="14:14">
      <c r="N753118" s="10"/>
    </row>
    <row r="753119" spans="14:14">
      <c r="N753119" s="10"/>
    </row>
    <row r="753120" spans="14:14">
      <c r="N753120" s="10"/>
    </row>
    <row r="753121" spans="14:14">
      <c r="N753121" s="10"/>
    </row>
    <row r="753122" spans="14:14">
      <c r="N753122" s="10"/>
    </row>
    <row r="753123" spans="14:14">
      <c r="N753123" s="10"/>
    </row>
    <row r="753124" spans="14:14">
      <c r="N753124" s="10"/>
    </row>
    <row r="753125" spans="14:14">
      <c r="N753125" s="10"/>
    </row>
    <row r="753126" spans="14:14">
      <c r="N753126" s="10"/>
    </row>
    <row r="753127" spans="14:14">
      <c r="N753127" s="10"/>
    </row>
    <row r="753128" spans="14:14">
      <c r="N753128" s="10"/>
    </row>
    <row r="753129" spans="14:14">
      <c r="N753129" s="10"/>
    </row>
    <row r="753130" spans="14:14">
      <c r="N753130" s="10"/>
    </row>
    <row r="753131" spans="14:14">
      <c r="N753131" s="10"/>
    </row>
    <row r="753132" spans="14:14">
      <c r="N753132" s="10"/>
    </row>
    <row r="753133" spans="14:14">
      <c r="N753133" s="10"/>
    </row>
    <row r="753134" spans="14:14">
      <c r="N753134" s="10"/>
    </row>
    <row r="753135" spans="14:14">
      <c r="N753135" s="10"/>
    </row>
    <row r="753136" spans="14:14">
      <c r="N753136" s="10"/>
    </row>
    <row r="753137" spans="14:14">
      <c r="N753137" s="10"/>
    </row>
    <row r="753138" spans="14:14">
      <c r="N753138" s="10"/>
    </row>
    <row r="753139" spans="14:14">
      <c r="N753139" s="10"/>
    </row>
    <row r="753140" spans="14:14">
      <c r="N753140" s="10"/>
    </row>
    <row r="753141" spans="14:14">
      <c r="N753141" s="10"/>
    </row>
    <row r="753142" spans="14:14">
      <c r="N753142" s="10"/>
    </row>
    <row r="753143" spans="14:14">
      <c r="N753143" s="10"/>
    </row>
    <row r="753144" spans="14:14">
      <c r="N753144" s="10"/>
    </row>
    <row r="753145" spans="14:14">
      <c r="N753145" s="10"/>
    </row>
    <row r="753146" spans="14:14">
      <c r="N753146" s="10"/>
    </row>
    <row r="753147" spans="14:14">
      <c r="N753147" s="10"/>
    </row>
    <row r="753148" spans="14:14">
      <c r="N753148" s="10"/>
    </row>
    <row r="753149" spans="14:14">
      <c r="N753149" s="10"/>
    </row>
    <row r="753150" spans="14:14">
      <c r="N753150" s="10"/>
    </row>
    <row r="753151" spans="14:14">
      <c r="N753151" s="10"/>
    </row>
    <row r="753152" spans="14:14">
      <c r="N753152" s="10"/>
    </row>
    <row r="753153" spans="14:14">
      <c r="N753153" s="10"/>
    </row>
    <row r="753154" spans="14:14">
      <c r="N753154" s="10"/>
    </row>
    <row r="753155" spans="14:14">
      <c r="N753155" s="10"/>
    </row>
    <row r="753156" spans="14:14">
      <c r="N753156" s="10"/>
    </row>
    <row r="753157" spans="14:14">
      <c r="N753157" s="10"/>
    </row>
    <row r="753158" spans="14:14">
      <c r="N753158" s="10"/>
    </row>
    <row r="753159" spans="14:14">
      <c r="N753159" s="10"/>
    </row>
    <row r="753160" spans="14:14">
      <c r="N753160" s="10"/>
    </row>
    <row r="753161" spans="14:14">
      <c r="N753161" s="10"/>
    </row>
    <row r="753162" spans="14:14">
      <c r="N753162" s="10"/>
    </row>
    <row r="753163" spans="14:14">
      <c r="N753163" s="10"/>
    </row>
    <row r="753164" spans="14:14">
      <c r="N753164" s="10"/>
    </row>
    <row r="753165" spans="14:14">
      <c r="N753165" s="10"/>
    </row>
    <row r="753166" spans="14:14">
      <c r="N753166" s="10"/>
    </row>
    <row r="753167" spans="14:14">
      <c r="N753167" s="10"/>
    </row>
    <row r="753168" spans="14:14">
      <c r="N753168" s="10"/>
    </row>
    <row r="753169" spans="14:14">
      <c r="N753169" s="10"/>
    </row>
    <row r="753170" spans="14:14">
      <c r="N753170" s="10"/>
    </row>
    <row r="753171" spans="14:14">
      <c r="N753171" s="10"/>
    </row>
    <row r="753172" spans="14:14">
      <c r="N753172" s="10"/>
    </row>
    <row r="753173" spans="14:14">
      <c r="N753173" s="10"/>
    </row>
    <row r="753174" spans="14:14">
      <c r="N753174" s="10"/>
    </row>
    <row r="753175" spans="14:14">
      <c r="N753175" s="10"/>
    </row>
    <row r="753176" spans="14:14">
      <c r="N753176" s="10"/>
    </row>
    <row r="753177" spans="14:14">
      <c r="N753177" s="10"/>
    </row>
    <row r="753178" spans="14:14">
      <c r="N753178" s="10"/>
    </row>
    <row r="753179" spans="14:14">
      <c r="N753179" s="10"/>
    </row>
    <row r="753180" spans="14:14">
      <c r="N753180" s="10"/>
    </row>
    <row r="753181" spans="14:14">
      <c r="N753181" s="10"/>
    </row>
    <row r="753182" spans="14:14">
      <c r="N753182" s="10"/>
    </row>
    <row r="753183" spans="14:14">
      <c r="N753183" s="10"/>
    </row>
    <row r="753184" spans="14:14">
      <c r="N753184" s="10"/>
    </row>
    <row r="753185" spans="14:14">
      <c r="N753185" s="10"/>
    </row>
    <row r="753186" spans="14:14">
      <c r="N753186" s="10"/>
    </row>
    <row r="753187" spans="14:14">
      <c r="N753187" s="10"/>
    </row>
    <row r="753188" spans="14:14">
      <c r="N753188" s="10"/>
    </row>
    <row r="753189" spans="14:14">
      <c r="N753189" s="10"/>
    </row>
    <row r="753190" spans="14:14">
      <c r="N753190" s="10"/>
    </row>
    <row r="753191" spans="14:14">
      <c r="N753191" s="10"/>
    </row>
    <row r="753192" spans="14:14">
      <c r="N753192" s="10"/>
    </row>
    <row r="753193" spans="14:14">
      <c r="N753193" s="10"/>
    </row>
    <row r="753194" spans="14:14">
      <c r="N753194" s="10"/>
    </row>
    <row r="753195" spans="14:14">
      <c r="N753195" s="10"/>
    </row>
    <row r="753196" spans="14:14">
      <c r="N753196" s="10"/>
    </row>
    <row r="753197" spans="14:14">
      <c r="N753197" s="10"/>
    </row>
    <row r="753198" spans="14:14">
      <c r="N753198" s="10"/>
    </row>
    <row r="753199" spans="14:14">
      <c r="N753199" s="10"/>
    </row>
    <row r="753200" spans="14:14">
      <c r="N753200" s="10"/>
    </row>
    <row r="753201" spans="14:14">
      <c r="N753201" s="10"/>
    </row>
    <row r="753202" spans="14:14">
      <c r="N753202" s="10"/>
    </row>
    <row r="753203" spans="14:14">
      <c r="N753203" s="10"/>
    </row>
    <row r="753204" spans="14:14">
      <c r="N753204" s="10"/>
    </row>
    <row r="753205" spans="14:14">
      <c r="N753205" s="10"/>
    </row>
    <row r="753206" spans="14:14">
      <c r="N753206" s="10"/>
    </row>
    <row r="753207" spans="14:14">
      <c r="N753207" s="10"/>
    </row>
    <row r="753208" spans="14:14">
      <c r="N753208" s="10"/>
    </row>
    <row r="753209" spans="14:14">
      <c r="N753209" s="10"/>
    </row>
    <row r="753210" spans="14:14">
      <c r="N753210" s="10"/>
    </row>
    <row r="753211" spans="14:14">
      <c r="N753211" s="10"/>
    </row>
    <row r="753212" spans="14:14">
      <c r="N753212" s="10"/>
    </row>
    <row r="753213" spans="14:14">
      <c r="N753213" s="10"/>
    </row>
    <row r="753214" spans="14:14">
      <c r="N753214" s="10"/>
    </row>
    <row r="753215" spans="14:14">
      <c r="N753215" s="10"/>
    </row>
    <row r="753216" spans="14:14">
      <c r="N753216" s="10"/>
    </row>
    <row r="753217" spans="14:14">
      <c r="N753217" s="10"/>
    </row>
    <row r="753218" spans="14:14">
      <c r="N753218" s="10"/>
    </row>
    <row r="753219" spans="14:14">
      <c r="N753219" s="10"/>
    </row>
    <row r="753220" spans="14:14">
      <c r="N753220" s="10"/>
    </row>
    <row r="753221" spans="14:14">
      <c r="N753221" s="10"/>
    </row>
    <row r="753222" spans="14:14">
      <c r="N753222" s="10"/>
    </row>
    <row r="753223" spans="14:14">
      <c r="N753223" s="10"/>
    </row>
    <row r="753224" spans="14:14">
      <c r="N753224" s="10"/>
    </row>
    <row r="753225" spans="14:14">
      <c r="N753225" s="10"/>
    </row>
    <row r="753226" spans="14:14">
      <c r="N753226" s="10"/>
    </row>
    <row r="753227" spans="14:14">
      <c r="N753227" s="10"/>
    </row>
    <row r="753228" spans="14:14">
      <c r="N753228" s="10"/>
    </row>
    <row r="753229" spans="14:14">
      <c r="N753229" s="10"/>
    </row>
    <row r="753230" spans="14:14">
      <c r="N753230" s="10"/>
    </row>
    <row r="753231" spans="14:14">
      <c r="N753231" s="10"/>
    </row>
    <row r="753232" spans="14:14">
      <c r="N753232" s="10"/>
    </row>
    <row r="753233" spans="14:14">
      <c r="N753233" s="10"/>
    </row>
    <row r="753234" spans="14:14">
      <c r="N753234" s="10"/>
    </row>
    <row r="753235" spans="14:14">
      <c r="N753235" s="10"/>
    </row>
    <row r="753236" spans="14:14">
      <c r="N753236" s="10"/>
    </row>
    <row r="753237" spans="14:14">
      <c r="N753237" s="10"/>
    </row>
    <row r="753238" spans="14:14">
      <c r="N753238" s="10"/>
    </row>
    <row r="753239" spans="14:14">
      <c r="N753239" s="10"/>
    </row>
    <row r="753240" spans="14:14">
      <c r="N753240" s="10"/>
    </row>
    <row r="753241" spans="14:14">
      <c r="N753241" s="10"/>
    </row>
    <row r="753242" spans="14:14">
      <c r="N753242" s="10"/>
    </row>
    <row r="753243" spans="14:14">
      <c r="N753243" s="10"/>
    </row>
    <row r="753244" spans="14:14">
      <c r="N753244" s="10"/>
    </row>
    <row r="753245" spans="14:14">
      <c r="N753245" s="10"/>
    </row>
    <row r="753246" spans="14:14">
      <c r="N753246" s="10"/>
    </row>
    <row r="753247" spans="14:14">
      <c r="N753247" s="10"/>
    </row>
    <row r="753248" spans="14:14">
      <c r="N753248" s="10"/>
    </row>
    <row r="753249" spans="14:14">
      <c r="N753249" s="10"/>
    </row>
    <row r="753250" spans="14:14">
      <c r="N753250" s="10"/>
    </row>
    <row r="753251" spans="14:14">
      <c r="N753251" s="10"/>
    </row>
    <row r="753252" spans="14:14">
      <c r="N753252" s="10"/>
    </row>
    <row r="753253" spans="14:14">
      <c r="N753253" s="10"/>
    </row>
    <row r="753254" spans="14:14">
      <c r="N753254" s="10"/>
    </row>
    <row r="753255" spans="14:14">
      <c r="N753255" s="10"/>
    </row>
    <row r="753256" spans="14:14">
      <c r="N753256" s="10"/>
    </row>
    <row r="753257" spans="14:14">
      <c r="N753257" s="10"/>
    </row>
    <row r="753258" spans="14:14">
      <c r="N753258" s="10"/>
    </row>
    <row r="753259" spans="14:14">
      <c r="N753259" s="10"/>
    </row>
    <row r="753260" spans="14:14">
      <c r="N753260" s="10"/>
    </row>
    <row r="753261" spans="14:14">
      <c r="N753261" s="10"/>
    </row>
    <row r="753262" spans="14:14">
      <c r="N753262" s="10"/>
    </row>
    <row r="753263" spans="14:14">
      <c r="N753263" s="10"/>
    </row>
    <row r="753264" spans="14:14">
      <c r="N753264" s="10"/>
    </row>
    <row r="753265" spans="14:14">
      <c r="N753265" s="10"/>
    </row>
    <row r="753266" spans="14:14">
      <c r="N753266" s="10"/>
    </row>
    <row r="753267" spans="14:14">
      <c r="N753267" s="10"/>
    </row>
    <row r="753268" spans="14:14">
      <c r="N753268" s="10"/>
    </row>
    <row r="753269" spans="14:14">
      <c r="N753269" s="10"/>
    </row>
    <row r="753270" spans="14:14">
      <c r="N753270" s="10"/>
    </row>
    <row r="753271" spans="14:14">
      <c r="N753271" s="10"/>
    </row>
    <row r="753272" spans="14:14">
      <c r="N753272" s="10"/>
    </row>
    <row r="753273" spans="14:14">
      <c r="N753273" s="10"/>
    </row>
    <row r="753274" spans="14:14">
      <c r="N753274" s="10"/>
    </row>
    <row r="753275" spans="14:14">
      <c r="N753275" s="10"/>
    </row>
    <row r="753276" spans="14:14">
      <c r="N753276" s="10"/>
    </row>
    <row r="753277" spans="14:14">
      <c r="N753277" s="10"/>
    </row>
    <row r="753278" spans="14:14">
      <c r="N753278" s="10"/>
    </row>
    <row r="753279" spans="14:14">
      <c r="N753279" s="10"/>
    </row>
    <row r="753280" spans="14:14">
      <c r="N753280" s="10"/>
    </row>
    <row r="753281" spans="14:14">
      <c r="N753281" s="10"/>
    </row>
    <row r="753282" spans="14:14">
      <c r="N753282" s="10"/>
    </row>
    <row r="753283" spans="14:14">
      <c r="N753283" s="10"/>
    </row>
    <row r="753284" spans="14:14">
      <c r="N753284" s="10"/>
    </row>
    <row r="753285" spans="14:14">
      <c r="N753285" s="10"/>
    </row>
    <row r="753286" spans="14:14">
      <c r="N753286" s="10"/>
    </row>
    <row r="753287" spans="14:14">
      <c r="N753287" s="10"/>
    </row>
    <row r="753288" spans="14:14">
      <c r="N753288" s="10"/>
    </row>
    <row r="753289" spans="14:14">
      <c r="N753289" s="10"/>
    </row>
    <row r="753290" spans="14:14">
      <c r="N753290" s="10"/>
    </row>
    <row r="753291" spans="14:14">
      <c r="N753291" s="10"/>
    </row>
    <row r="753292" spans="14:14">
      <c r="N753292" s="10"/>
    </row>
    <row r="753293" spans="14:14">
      <c r="N753293" s="10"/>
    </row>
    <row r="753294" spans="14:14">
      <c r="N753294" s="10"/>
    </row>
    <row r="753295" spans="14:14">
      <c r="N753295" s="10"/>
    </row>
    <row r="753296" spans="14:14">
      <c r="N753296" s="10"/>
    </row>
    <row r="753297" spans="14:14">
      <c r="N753297" s="10"/>
    </row>
    <row r="753298" spans="14:14">
      <c r="N753298" s="10"/>
    </row>
    <row r="753299" spans="14:14">
      <c r="N753299" s="10"/>
    </row>
    <row r="753300" spans="14:14">
      <c r="N753300" s="10"/>
    </row>
    <row r="753301" spans="14:14">
      <c r="N753301" s="10"/>
    </row>
    <row r="753302" spans="14:14">
      <c r="N753302" s="10"/>
    </row>
    <row r="753303" spans="14:14">
      <c r="N753303" s="10"/>
    </row>
    <row r="753304" spans="14:14">
      <c r="N753304" s="10"/>
    </row>
    <row r="753305" spans="14:14">
      <c r="N753305" s="10"/>
    </row>
    <row r="753306" spans="14:14">
      <c r="N753306" s="10"/>
    </row>
    <row r="753307" spans="14:14">
      <c r="N753307" s="10"/>
    </row>
    <row r="753308" spans="14:14">
      <c r="N753308" s="10"/>
    </row>
    <row r="753309" spans="14:14">
      <c r="N753309" s="10"/>
    </row>
    <row r="753310" spans="14:14">
      <c r="N753310" s="10"/>
    </row>
    <row r="753311" spans="14:14">
      <c r="N753311" s="10"/>
    </row>
    <row r="753312" spans="14:14">
      <c r="N753312" s="10"/>
    </row>
    <row r="753313" spans="14:14">
      <c r="N753313" s="10"/>
    </row>
    <row r="753314" spans="14:14">
      <c r="N753314" s="10"/>
    </row>
    <row r="753315" spans="14:14">
      <c r="N753315" s="10"/>
    </row>
    <row r="753316" spans="14:14">
      <c r="N753316" s="10"/>
    </row>
    <row r="753317" spans="14:14">
      <c r="N753317" s="10"/>
    </row>
    <row r="753318" spans="14:14">
      <c r="N753318" s="10"/>
    </row>
    <row r="753319" spans="14:14">
      <c r="N753319" s="10"/>
    </row>
    <row r="753320" spans="14:14">
      <c r="N753320" s="10"/>
    </row>
    <row r="753321" spans="14:14">
      <c r="N753321" s="10"/>
    </row>
    <row r="753322" spans="14:14">
      <c r="N753322" s="10"/>
    </row>
    <row r="753323" spans="14:14">
      <c r="N753323" s="10"/>
    </row>
    <row r="753324" spans="14:14">
      <c r="N753324" s="10"/>
    </row>
    <row r="753325" spans="14:14">
      <c r="N753325" s="10"/>
    </row>
    <row r="753326" spans="14:14">
      <c r="N753326" s="10"/>
    </row>
    <row r="753327" spans="14:14">
      <c r="N753327" s="10"/>
    </row>
    <row r="753328" spans="14:14">
      <c r="N753328" s="10"/>
    </row>
    <row r="753329" spans="14:14">
      <c r="N753329" s="10"/>
    </row>
    <row r="753330" spans="14:14">
      <c r="N753330" s="10"/>
    </row>
    <row r="753331" spans="14:14">
      <c r="N753331" s="10"/>
    </row>
    <row r="753332" spans="14:14">
      <c r="N753332" s="10"/>
    </row>
    <row r="753333" spans="14:14">
      <c r="N753333" s="10"/>
    </row>
    <row r="753334" spans="14:14">
      <c r="N753334" s="10"/>
    </row>
    <row r="753335" spans="14:14">
      <c r="N753335" s="10"/>
    </row>
    <row r="753336" spans="14:14">
      <c r="N753336" s="10"/>
    </row>
    <row r="753337" spans="14:14">
      <c r="N753337" s="10"/>
    </row>
    <row r="753338" spans="14:14">
      <c r="N753338" s="10"/>
    </row>
    <row r="753339" spans="14:14">
      <c r="N753339" s="10"/>
    </row>
    <row r="753340" spans="14:14">
      <c r="N753340" s="10"/>
    </row>
    <row r="753341" spans="14:14">
      <c r="N753341" s="10"/>
    </row>
    <row r="753342" spans="14:14">
      <c r="N753342" s="10"/>
    </row>
    <row r="753343" spans="14:14">
      <c r="N753343" s="10"/>
    </row>
    <row r="753344" spans="14:14">
      <c r="N753344" s="10"/>
    </row>
    <row r="753345" spans="14:14">
      <c r="N753345" s="10"/>
    </row>
    <row r="753346" spans="14:14">
      <c r="N753346" s="10"/>
    </row>
    <row r="753347" spans="14:14">
      <c r="N753347" s="10"/>
    </row>
    <row r="753348" spans="14:14">
      <c r="N753348" s="10"/>
    </row>
    <row r="753349" spans="14:14">
      <c r="N753349" s="10"/>
    </row>
    <row r="753350" spans="14:14">
      <c r="N753350" s="10"/>
    </row>
    <row r="753351" spans="14:14">
      <c r="N753351" s="10"/>
    </row>
    <row r="753352" spans="14:14">
      <c r="N753352" s="10"/>
    </row>
    <row r="753353" spans="14:14">
      <c r="N753353" s="10"/>
    </row>
    <row r="753354" spans="14:14">
      <c r="N753354" s="10"/>
    </row>
    <row r="753355" spans="14:14">
      <c r="N753355" s="10"/>
    </row>
    <row r="753356" spans="14:14">
      <c r="N753356" s="10"/>
    </row>
    <row r="753357" spans="14:14">
      <c r="N753357" s="10"/>
    </row>
    <row r="753358" spans="14:14">
      <c r="N753358" s="10"/>
    </row>
    <row r="753359" spans="14:14">
      <c r="N753359" s="10"/>
    </row>
    <row r="753360" spans="14:14">
      <c r="N753360" s="10"/>
    </row>
    <row r="753361" spans="14:14">
      <c r="N753361" s="10"/>
    </row>
    <row r="753362" spans="14:14">
      <c r="N753362" s="10"/>
    </row>
    <row r="753363" spans="14:14">
      <c r="N753363" s="10"/>
    </row>
    <row r="753364" spans="14:14">
      <c r="N753364" s="10"/>
    </row>
    <row r="753365" spans="14:14">
      <c r="N753365" s="10"/>
    </row>
    <row r="753366" spans="14:14">
      <c r="N753366" s="10"/>
    </row>
    <row r="753367" spans="14:14">
      <c r="N753367" s="10"/>
    </row>
    <row r="753368" spans="14:14">
      <c r="N753368" s="10"/>
    </row>
    <row r="753369" spans="14:14">
      <c r="N753369" s="10"/>
    </row>
    <row r="753370" spans="14:14">
      <c r="N753370" s="10"/>
    </row>
    <row r="753371" spans="14:14">
      <c r="N753371" s="10"/>
    </row>
    <row r="753372" spans="14:14">
      <c r="N753372" s="10"/>
    </row>
    <row r="753373" spans="14:14">
      <c r="N753373" s="10"/>
    </row>
    <row r="753374" spans="14:14">
      <c r="N753374" s="10"/>
    </row>
    <row r="753375" spans="14:14">
      <c r="N753375" s="10"/>
    </row>
    <row r="753376" spans="14:14">
      <c r="N753376" s="10"/>
    </row>
    <row r="753377" spans="14:14">
      <c r="N753377" s="10"/>
    </row>
    <row r="753378" spans="14:14">
      <c r="N753378" s="10"/>
    </row>
    <row r="753379" spans="14:14">
      <c r="N753379" s="10"/>
    </row>
    <row r="753380" spans="14:14">
      <c r="N753380" s="10"/>
    </row>
    <row r="753381" spans="14:14">
      <c r="N753381" s="10"/>
    </row>
    <row r="753382" spans="14:14">
      <c r="N753382" s="10"/>
    </row>
    <row r="753383" spans="14:14">
      <c r="N753383" s="10"/>
    </row>
    <row r="753384" spans="14:14">
      <c r="N753384" s="10"/>
    </row>
    <row r="753385" spans="14:14">
      <c r="N753385" s="10"/>
    </row>
    <row r="753386" spans="14:14">
      <c r="N753386" s="10"/>
    </row>
    <row r="753387" spans="14:14">
      <c r="N753387" s="10"/>
    </row>
    <row r="753388" spans="14:14">
      <c r="N753388" s="10"/>
    </row>
    <row r="753389" spans="14:14">
      <c r="N753389" s="10"/>
    </row>
    <row r="753390" spans="14:14">
      <c r="N753390" s="10"/>
    </row>
    <row r="753391" spans="14:14">
      <c r="N753391" s="10"/>
    </row>
    <row r="753392" spans="14:14">
      <c r="N753392" s="10"/>
    </row>
    <row r="753393" spans="14:14">
      <c r="N753393" s="10"/>
    </row>
    <row r="753394" spans="14:14">
      <c r="N753394" s="10"/>
    </row>
    <row r="753395" spans="14:14">
      <c r="N753395" s="10"/>
    </row>
    <row r="753396" spans="14:14">
      <c r="N753396" s="10"/>
    </row>
    <row r="753397" spans="14:14">
      <c r="N753397" s="10"/>
    </row>
    <row r="753398" spans="14:14">
      <c r="N753398" s="10"/>
    </row>
    <row r="753399" spans="14:14">
      <c r="N753399" s="10"/>
    </row>
    <row r="753400" spans="14:14">
      <c r="N753400" s="10"/>
    </row>
    <row r="753401" spans="14:14">
      <c r="N753401" s="10"/>
    </row>
    <row r="753402" spans="14:14">
      <c r="N753402" s="10"/>
    </row>
    <row r="753403" spans="14:14">
      <c r="N753403" s="10"/>
    </row>
    <row r="753404" spans="14:14">
      <c r="N753404" s="10"/>
    </row>
    <row r="753405" spans="14:14">
      <c r="N753405" s="10"/>
    </row>
    <row r="753406" spans="14:14">
      <c r="N753406" s="10"/>
    </row>
    <row r="753407" spans="14:14">
      <c r="N753407" s="10"/>
    </row>
    <row r="753408" spans="14:14">
      <c r="N753408" s="10"/>
    </row>
    <row r="753409" spans="14:14">
      <c r="N753409" s="10"/>
    </row>
    <row r="753410" spans="14:14">
      <c r="N753410" s="10"/>
    </row>
    <row r="753411" spans="14:14">
      <c r="N753411" s="10"/>
    </row>
    <row r="753412" spans="14:14">
      <c r="N753412" s="10"/>
    </row>
    <row r="753413" spans="14:14">
      <c r="N753413" s="10"/>
    </row>
    <row r="753414" spans="14:14">
      <c r="N753414" s="10"/>
    </row>
    <row r="753415" spans="14:14">
      <c r="N753415" s="10"/>
    </row>
    <row r="753416" spans="14:14">
      <c r="N753416" s="10"/>
    </row>
    <row r="753417" spans="14:14">
      <c r="N753417" s="10"/>
    </row>
    <row r="753418" spans="14:14">
      <c r="N753418" s="10"/>
    </row>
    <row r="753419" spans="14:14">
      <c r="N753419" s="10"/>
    </row>
    <row r="753420" spans="14:14">
      <c r="N753420" s="10"/>
    </row>
    <row r="753421" spans="14:14">
      <c r="N753421" s="10"/>
    </row>
    <row r="753422" spans="14:14">
      <c r="N753422" s="10"/>
    </row>
    <row r="753423" spans="14:14">
      <c r="N753423" s="10"/>
    </row>
    <row r="753424" spans="14:14">
      <c r="N753424" s="10"/>
    </row>
    <row r="753425" spans="14:14">
      <c r="N753425" s="10"/>
    </row>
    <row r="753426" spans="14:14">
      <c r="N753426" s="10"/>
    </row>
    <row r="753427" spans="14:14">
      <c r="N753427" s="10"/>
    </row>
    <row r="753428" spans="14:14">
      <c r="N753428" s="10"/>
    </row>
    <row r="753429" spans="14:14">
      <c r="N753429" s="10"/>
    </row>
    <row r="753430" spans="14:14">
      <c r="N753430" s="10"/>
    </row>
    <row r="753431" spans="14:14">
      <c r="N753431" s="10"/>
    </row>
    <row r="753432" spans="14:14">
      <c r="N753432" s="10"/>
    </row>
    <row r="753433" spans="14:14">
      <c r="N753433" s="10"/>
    </row>
    <row r="753434" spans="14:14">
      <c r="N753434" s="10"/>
    </row>
    <row r="753435" spans="14:14">
      <c r="N753435" s="10"/>
    </row>
    <row r="753436" spans="14:14">
      <c r="N753436" s="10"/>
    </row>
    <row r="753437" spans="14:14">
      <c r="N753437" s="10"/>
    </row>
    <row r="753438" spans="14:14">
      <c r="N753438" s="10"/>
    </row>
    <row r="753439" spans="14:14">
      <c r="N753439" s="10"/>
    </row>
    <row r="753440" spans="14:14">
      <c r="N753440" s="10"/>
    </row>
    <row r="753441" spans="14:14">
      <c r="N753441" s="10"/>
    </row>
    <row r="753442" spans="14:14">
      <c r="N753442" s="10"/>
    </row>
    <row r="753443" spans="14:14">
      <c r="N753443" s="10"/>
    </row>
    <row r="753444" spans="14:14">
      <c r="N753444" s="10"/>
    </row>
    <row r="753445" spans="14:14">
      <c r="N753445" s="10"/>
    </row>
    <row r="753446" spans="14:14">
      <c r="N753446" s="10"/>
    </row>
    <row r="753447" spans="14:14">
      <c r="N753447" s="10"/>
    </row>
    <row r="753448" spans="14:14">
      <c r="N753448" s="10"/>
    </row>
    <row r="753449" spans="14:14">
      <c r="N753449" s="10"/>
    </row>
    <row r="753450" spans="14:14">
      <c r="N753450" s="10"/>
    </row>
    <row r="753451" spans="14:14">
      <c r="N753451" s="10"/>
    </row>
    <row r="753452" spans="14:14">
      <c r="N753452" s="10"/>
    </row>
    <row r="753453" spans="14:14">
      <c r="N753453" s="10"/>
    </row>
    <row r="753454" spans="14:14">
      <c r="N753454" s="10"/>
    </row>
    <row r="753455" spans="14:14">
      <c r="N753455" s="10"/>
    </row>
    <row r="753456" spans="14:14">
      <c r="N753456" s="10"/>
    </row>
    <row r="753457" spans="14:14">
      <c r="N753457" s="10"/>
    </row>
    <row r="753458" spans="14:14">
      <c r="N753458" s="10"/>
    </row>
    <row r="753459" spans="14:14">
      <c r="N753459" s="10"/>
    </row>
    <row r="753460" spans="14:14">
      <c r="N753460" s="10"/>
    </row>
    <row r="753461" spans="14:14">
      <c r="N753461" s="10"/>
    </row>
    <row r="753462" spans="14:14">
      <c r="N753462" s="10"/>
    </row>
    <row r="753463" spans="14:14">
      <c r="N753463" s="10"/>
    </row>
    <row r="753464" spans="14:14">
      <c r="N753464" s="10"/>
    </row>
    <row r="753465" spans="14:14">
      <c r="N753465" s="10"/>
    </row>
    <row r="753466" spans="14:14">
      <c r="N753466" s="10"/>
    </row>
    <row r="753467" spans="14:14">
      <c r="N753467" s="10"/>
    </row>
    <row r="753468" spans="14:14">
      <c r="N753468" s="10"/>
    </row>
    <row r="753469" spans="14:14">
      <c r="N753469" s="10"/>
    </row>
    <row r="753470" spans="14:14">
      <c r="N753470" s="10"/>
    </row>
    <row r="753471" spans="14:14">
      <c r="N753471" s="10"/>
    </row>
    <row r="753472" spans="14:14">
      <c r="N753472" s="10"/>
    </row>
    <row r="753473" spans="14:14">
      <c r="N753473" s="10"/>
    </row>
    <row r="753474" spans="14:14">
      <c r="N753474" s="10"/>
    </row>
    <row r="753475" spans="14:14">
      <c r="N753475" s="10"/>
    </row>
    <row r="753476" spans="14:14">
      <c r="N753476" s="10"/>
    </row>
    <row r="753477" spans="14:14">
      <c r="N753477" s="10"/>
    </row>
    <row r="753478" spans="14:14">
      <c r="N753478" s="10"/>
    </row>
    <row r="753479" spans="14:14">
      <c r="N753479" s="10"/>
    </row>
    <row r="753480" spans="14:14">
      <c r="N753480" s="10"/>
    </row>
    <row r="753481" spans="14:14">
      <c r="N753481" s="10"/>
    </row>
    <row r="753482" spans="14:14">
      <c r="N753482" s="10"/>
    </row>
    <row r="753483" spans="14:14">
      <c r="N753483" s="10"/>
    </row>
    <row r="753484" spans="14:14">
      <c r="N753484" s="10"/>
    </row>
    <row r="753485" spans="14:14">
      <c r="N753485" s="10"/>
    </row>
    <row r="753486" spans="14:14">
      <c r="N753486" s="10"/>
    </row>
    <row r="753487" spans="14:14">
      <c r="N753487" s="10"/>
    </row>
    <row r="753488" spans="14:14">
      <c r="N753488" s="10"/>
    </row>
    <row r="753489" spans="14:14">
      <c r="N753489" s="10"/>
    </row>
    <row r="753490" spans="14:14">
      <c r="N753490" s="10"/>
    </row>
    <row r="753491" spans="14:14">
      <c r="N753491" s="10"/>
    </row>
    <row r="753492" spans="14:14">
      <c r="N753492" s="10"/>
    </row>
    <row r="753493" spans="14:14">
      <c r="N753493" s="10"/>
    </row>
    <row r="753494" spans="14:14">
      <c r="N753494" s="10"/>
    </row>
    <row r="753495" spans="14:14">
      <c r="N753495" s="10"/>
    </row>
    <row r="753496" spans="14:14">
      <c r="N753496" s="10"/>
    </row>
    <row r="753497" spans="14:14">
      <c r="N753497" s="10"/>
    </row>
    <row r="753498" spans="14:14">
      <c r="N753498" s="10"/>
    </row>
    <row r="753499" spans="14:14">
      <c r="N753499" s="10"/>
    </row>
    <row r="753500" spans="14:14">
      <c r="N753500" s="10"/>
    </row>
    <row r="753501" spans="14:14">
      <c r="N753501" s="10"/>
    </row>
    <row r="753502" spans="14:14">
      <c r="N753502" s="10"/>
    </row>
    <row r="753503" spans="14:14">
      <c r="N753503" s="10"/>
    </row>
    <row r="753504" spans="14:14">
      <c r="N753504" s="10"/>
    </row>
    <row r="753505" spans="14:14">
      <c r="N753505" s="10"/>
    </row>
    <row r="753506" spans="14:14">
      <c r="N753506" s="10"/>
    </row>
    <row r="753507" spans="14:14">
      <c r="N753507" s="10"/>
    </row>
    <row r="753508" spans="14:14">
      <c r="N753508" s="10"/>
    </row>
    <row r="753509" spans="14:14">
      <c r="N753509" s="10"/>
    </row>
    <row r="753510" spans="14:14">
      <c r="N753510" s="10"/>
    </row>
    <row r="753511" spans="14:14">
      <c r="N753511" s="10"/>
    </row>
    <row r="753512" spans="14:14">
      <c r="N753512" s="10"/>
    </row>
    <row r="753513" spans="14:14">
      <c r="N753513" s="10"/>
    </row>
    <row r="753514" spans="14:14">
      <c r="N753514" s="10"/>
    </row>
    <row r="753515" spans="14:14">
      <c r="N753515" s="10"/>
    </row>
    <row r="753516" spans="14:14">
      <c r="N753516" s="10"/>
    </row>
    <row r="753517" spans="14:14">
      <c r="N753517" s="10"/>
    </row>
    <row r="753518" spans="14:14">
      <c r="N753518" s="10"/>
    </row>
    <row r="753519" spans="14:14">
      <c r="N753519" s="10"/>
    </row>
    <row r="753520" spans="14:14">
      <c r="N753520" s="10"/>
    </row>
    <row r="753521" spans="14:14">
      <c r="N753521" s="10"/>
    </row>
    <row r="753522" spans="14:14">
      <c r="N753522" s="10"/>
    </row>
    <row r="753523" spans="14:14">
      <c r="N753523" s="10"/>
    </row>
    <row r="753524" spans="14:14">
      <c r="N753524" s="10"/>
    </row>
    <row r="753525" spans="14:14">
      <c r="N753525" s="10"/>
    </row>
    <row r="753526" spans="14:14">
      <c r="N753526" s="10"/>
    </row>
    <row r="753527" spans="14:14">
      <c r="N753527" s="10"/>
    </row>
    <row r="753528" spans="14:14">
      <c r="N753528" s="10"/>
    </row>
    <row r="753529" spans="14:14">
      <c r="N753529" s="10"/>
    </row>
    <row r="753530" spans="14:14">
      <c r="N753530" s="10"/>
    </row>
    <row r="753531" spans="14:14">
      <c r="N753531" s="10"/>
    </row>
    <row r="753532" spans="14:14">
      <c r="N753532" s="10"/>
    </row>
    <row r="753533" spans="14:14">
      <c r="N753533" s="10"/>
    </row>
    <row r="753534" spans="14:14">
      <c r="N753534" s="10"/>
    </row>
    <row r="753535" spans="14:14">
      <c r="N753535" s="10"/>
    </row>
    <row r="753536" spans="14:14">
      <c r="N753536" s="10"/>
    </row>
    <row r="753537" spans="14:14">
      <c r="N753537" s="10"/>
    </row>
    <row r="753538" spans="14:14">
      <c r="N753538" s="10"/>
    </row>
    <row r="753539" spans="14:14">
      <c r="N753539" s="10"/>
    </row>
    <row r="753540" spans="14:14">
      <c r="N753540" s="10"/>
    </row>
    <row r="753541" spans="14:14">
      <c r="N753541" s="10"/>
    </row>
    <row r="753542" spans="14:14">
      <c r="N753542" s="10"/>
    </row>
    <row r="753543" spans="14:14">
      <c r="N753543" s="10"/>
    </row>
    <row r="753544" spans="14:14">
      <c r="N753544" s="10"/>
    </row>
    <row r="753545" spans="14:14">
      <c r="N753545" s="10"/>
    </row>
    <row r="753546" spans="14:14">
      <c r="N753546" s="10"/>
    </row>
    <row r="753547" spans="14:14">
      <c r="N753547" s="10"/>
    </row>
    <row r="753548" spans="14:14">
      <c r="N753548" s="10"/>
    </row>
    <row r="753549" spans="14:14">
      <c r="N753549" s="10"/>
    </row>
    <row r="753550" spans="14:14">
      <c r="N753550" s="10"/>
    </row>
    <row r="753551" spans="14:14">
      <c r="N753551" s="10"/>
    </row>
    <row r="753552" spans="14:14">
      <c r="N753552" s="10"/>
    </row>
    <row r="753553" spans="14:14">
      <c r="N753553" s="10"/>
    </row>
    <row r="753554" spans="14:14">
      <c r="N753554" s="10"/>
    </row>
    <row r="753555" spans="14:14">
      <c r="N753555" s="10"/>
    </row>
    <row r="753556" spans="14:14">
      <c r="N753556" s="10"/>
    </row>
    <row r="753557" spans="14:14">
      <c r="N753557" s="10"/>
    </row>
    <row r="753558" spans="14:14">
      <c r="N753558" s="10"/>
    </row>
    <row r="753559" spans="14:14">
      <c r="N753559" s="10"/>
    </row>
    <row r="753560" spans="14:14">
      <c r="N753560" s="10"/>
    </row>
    <row r="753561" spans="14:14">
      <c r="N753561" s="10"/>
    </row>
    <row r="753562" spans="14:14">
      <c r="N753562" s="10"/>
    </row>
    <row r="753563" spans="14:14">
      <c r="N753563" s="10"/>
    </row>
    <row r="753564" spans="14:14">
      <c r="N753564" s="10"/>
    </row>
    <row r="753565" spans="14:14">
      <c r="N753565" s="10"/>
    </row>
    <row r="753566" spans="14:14">
      <c r="N753566" s="10"/>
    </row>
    <row r="753567" spans="14:14">
      <c r="N753567" s="10"/>
    </row>
    <row r="753568" spans="14:14">
      <c r="N753568" s="10"/>
    </row>
    <row r="753569" spans="14:14">
      <c r="N753569" s="10"/>
    </row>
    <row r="753570" spans="14:14">
      <c r="N753570" s="10"/>
    </row>
    <row r="753571" spans="14:14">
      <c r="N753571" s="10"/>
    </row>
    <row r="753572" spans="14:14">
      <c r="N753572" s="10"/>
    </row>
    <row r="753573" spans="14:14">
      <c r="N753573" s="10"/>
    </row>
    <row r="753574" spans="14:14">
      <c r="N753574" s="10"/>
    </row>
    <row r="753575" spans="14:14">
      <c r="N753575" s="10"/>
    </row>
    <row r="753576" spans="14:14">
      <c r="N753576" s="10"/>
    </row>
    <row r="753577" spans="14:14">
      <c r="N753577" s="10"/>
    </row>
    <row r="753578" spans="14:14">
      <c r="N753578" s="10"/>
    </row>
    <row r="753579" spans="14:14">
      <c r="N753579" s="10"/>
    </row>
    <row r="753580" spans="14:14">
      <c r="N753580" s="10"/>
    </row>
    <row r="753581" spans="14:14">
      <c r="N753581" s="10"/>
    </row>
    <row r="753582" spans="14:14">
      <c r="N753582" s="10"/>
    </row>
    <row r="753583" spans="14:14">
      <c r="N753583" s="10"/>
    </row>
    <row r="753584" spans="14:14">
      <c r="N753584" s="10"/>
    </row>
    <row r="753585" spans="14:14">
      <c r="N753585" s="10"/>
    </row>
    <row r="753586" spans="14:14">
      <c r="N753586" s="10"/>
    </row>
    <row r="753587" spans="14:14">
      <c r="N753587" s="10"/>
    </row>
    <row r="753588" spans="14:14">
      <c r="N753588" s="10"/>
    </row>
    <row r="753589" spans="14:14">
      <c r="N753589" s="10"/>
    </row>
    <row r="753590" spans="14:14">
      <c r="N753590" s="10"/>
    </row>
    <row r="753591" spans="14:14">
      <c r="N753591" s="10"/>
    </row>
    <row r="753592" spans="14:14">
      <c r="N753592" s="10"/>
    </row>
    <row r="753593" spans="14:14">
      <c r="N753593" s="10"/>
    </row>
    <row r="753594" spans="14:14">
      <c r="N753594" s="10"/>
    </row>
    <row r="753595" spans="14:14">
      <c r="N753595" s="10"/>
    </row>
    <row r="753596" spans="14:14">
      <c r="N753596" s="10"/>
    </row>
    <row r="753597" spans="14:14">
      <c r="N753597" s="10"/>
    </row>
    <row r="753598" spans="14:14">
      <c r="N753598" s="10"/>
    </row>
    <row r="753599" spans="14:14">
      <c r="N753599" s="10"/>
    </row>
    <row r="753600" spans="14:14">
      <c r="N753600" s="10"/>
    </row>
    <row r="753601" spans="14:14">
      <c r="N753601" s="10"/>
    </row>
    <row r="753602" spans="14:14">
      <c r="N753602" s="10"/>
    </row>
    <row r="753603" spans="14:14">
      <c r="N753603" s="10"/>
    </row>
    <row r="753604" spans="14:14">
      <c r="N753604" s="10"/>
    </row>
    <row r="753605" spans="14:14">
      <c r="N753605" s="10"/>
    </row>
    <row r="753606" spans="14:14">
      <c r="N753606" s="10"/>
    </row>
    <row r="753607" spans="14:14">
      <c r="N753607" s="10"/>
    </row>
    <row r="753608" spans="14:14">
      <c r="N753608" s="10"/>
    </row>
    <row r="753609" spans="14:14">
      <c r="N753609" s="10"/>
    </row>
    <row r="753610" spans="14:14">
      <c r="N753610" s="10"/>
    </row>
    <row r="753611" spans="14:14">
      <c r="N753611" s="10"/>
    </row>
    <row r="753612" spans="14:14">
      <c r="N753612" s="10"/>
    </row>
    <row r="753613" spans="14:14">
      <c r="N753613" s="10"/>
    </row>
    <row r="753614" spans="14:14">
      <c r="N753614" s="10"/>
    </row>
    <row r="753615" spans="14:14">
      <c r="N753615" s="10"/>
    </row>
    <row r="753616" spans="14:14">
      <c r="N753616" s="10"/>
    </row>
    <row r="753617" spans="14:14">
      <c r="N753617" s="10"/>
    </row>
    <row r="753618" spans="14:14">
      <c r="N753618" s="10"/>
    </row>
    <row r="753619" spans="14:14">
      <c r="N753619" s="10"/>
    </row>
    <row r="753620" spans="14:14">
      <c r="N753620" s="10"/>
    </row>
    <row r="753621" spans="14:14">
      <c r="N753621" s="10"/>
    </row>
    <row r="753622" spans="14:14">
      <c r="N753622" s="10"/>
    </row>
    <row r="753623" spans="14:14">
      <c r="N753623" s="10"/>
    </row>
    <row r="753624" spans="14:14">
      <c r="N753624" s="10"/>
    </row>
    <row r="753625" spans="14:14">
      <c r="N753625" s="10"/>
    </row>
    <row r="753626" spans="14:14">
      <c r="N753626" s="10"/>
    </row>
    <row r="753627" spans="14:14">
      <c r="N753627" s="10"/>
    </row>
    <row r="753628" spans="14:14">
      <c r="N753628" s="10"/>
    </row>
    <row r="753629" spans="14:14">
      <c r="N753629" s="10"/>
    </row>
    <row r="753630" spans="14:14">
      <c r="N753630" s="10"/>
    </row>
    <row r="753631" spans="14:14">
      <c r="N753631" s="10"/>
    </row>
    <row r="753632" spans="14:14">
      <c r="N753632" s="10"/>
    </row>
    <row r="753633" spans="14:14">
      <c r="N753633" s="10"/>
    </row>
    <row r="753634" spans="14:14">
      <c r="N753634" s="10"/>
    </row>
    <row r="753635" spans="14:14">
      <c r="N753635" s="10"/>
    </row>
    <row r="753636" spans="14:14">
      <c r="N753636" s="10"/>
    </row>
    <row r="753637" spans="14:14">
      <c r="N753637" s="10"/>
    </row>
    <row r="753638" spans="14:14">
      <c r="N753638" s="10"/>
    </row>
    <row r="753639" spans="14:14">
      <c r="N753639" s="10"/>
    </row>
    <row r="753640" spans="14:14">
      <c r="N753640" s="10"/>
    </row>
    <row r="753641" spans="14:14">
      <c r="N753641" s="10"/>
    </row>
    <row r="753642" spans="14:14">
      <c r="N753642" s="10"/>
    </row>
    <row r="753643" spans="14:14">
      <c r="N753643" s="10"/>
    </row>
    <row r="753644" spans="14:14">
      <c r="N753644" s="10"/>
    </row>
    <row r="753645" spans="14:14">
      <c r="N753645" s="10"/>
    </row>
    <row r="753646" spans="14:14">
      <c r="N753646" s="10"/>
    </row>
    <row r="753647" spans="14:14">
      <c r="N753647" s="10"/>
    </row>
    <row r="753648" spans="14:14">
      <c r="N753648" s="10"/>
    </row>
    <row r="753649" spans="14:14">
      <c r="N753649" s="10"/>
    </row>
    <row r="753650" spans="14:14">
      <c r="N753650" s="10"/>
    </row>
    <row r="753651" spans="14:14">
      <c r="N753651" s="10"/>
    </row>
    <row r="753652" spans="14:14">
      <c r="N753652" s="10"/>
    </row>
    <row r="753653" spans="14:14">
      <c r="N753653" s="10"/>
    </row>
    <row r="753654" spans="14:14">
      <c r="N753654" s="10"/>
    </row>
    <row r="753655" spans="14:14">
      <c r="N753655" s="10"/>
    </row>
    <row r="753656" spans="14:14">
      <c r="N753656" s="10"/>
    </row>
    <row r="753657" spans="14:14">
      <c r="N753657" s="10"/>
    </row>
    <row r="753658" spans="14:14">
      <c r="N753658" s="10"/>
    </row>
    <row r="753659" spans="14:14">
      <c r="N753659" s="10"/>
    </row>
    <row r="753660" spans="14:14">
      <c r="N753660" s="10"/>
    </row>
    <row r="753661" spans="14:14">
      <c r="N753661" s="10"/>
    </row>
    <row r="753662" spans="14:14">
      <c r="N753662" s="10"/>
    </row>
    <row r="753663" spans="14:14">
      <c r="N753663" s="10"/>
    </row>
    <row r="753664" spans="14:14">
      <c r="N753664" s="10"/>
    </row>
    <row r="753665" spans="14:14">
      <c r="N753665" s="10"/>
    </row>
    <row r="753666" spans="14:14">
      <c r="N753666" s="10"/>
    </row>
    <row r="753667" spans="14:14">
      <c r="N753667" s="10"/>
    </row>
    <row r="753668" spans="14:14">
      <c r="N753668" s="10"/>
    </row>
    <row r="753669" spans="14:14">
      <c r="N753669" s="10"/>
    </row>
    <row r="753670" spans="14:14">
      <c r="N753670" s="10"/>
    </row>
    <row r="753671" spans="14:14">
      <c r="N753671" s="10"/>
    </row>
    <row r="753672" spans="14:14">
      <c r="N753672" s="10"/>
    </row>
    <row r="753673" spans="14:14">
      <c r="N753673" s="10"/>
    </row>
    <row r="753674" spans="14:14">
      <c r="N753674" s="10"/>
    </row>
    <row r="753675" spans="14:14">
      <c r="N753675" s="10"/>
    </row>
    <row r="753676" spans="14:14">
      <c r="N753676" s="10"/>
    </row>
    <row r="753677" spans="14:14">
      <c r="N753677" s="10"/>
    </row>
    <row r="753678" spans="14:14">
      <c r="N753678" s="10"/>
    </row>
    <row r="753679" spans="14:14">
      <c r="N753679" s="10"/>
    </row>
    <row r="753680" spans="14:14">
      <c r="N753680" s="10"/>
    </row>
    <row r="753681" spans="14:14">
      <c r="N753681" s="10"/>
    </row>
    <row r="753682" spans="14:14">
      <c r="N753682" s="10"/>
    </row>
    <row r="753683" spans="14:14">
      <c r="N753683" s="10"/>
    </row>
    <row r="753684" spans="14:14">
      <c r="N753684" s="10"/>
    </row>
    <row r="753685" spans="14:14">
      <c r="N753685" s="10"/>
    </row>
    <row r="753686" spans="14:14">
      <c r="N753686" s="10"/>
    </row>
    <row r="753687" spans="14:14">
      <c r="N753687" s="10"/>
    </row>
    <row r="753688" spans="14:14">
      <c r="N753688" s="10"/>
    </row>
    <row r="753689" spans="14:14">
      <c r="N753689" s="10"/>
    </row>
    <row r="753690" spans="14:14">
      <c r="N753690" s="10"/>
    </row>
    <row r="753691" spans="14:14">
      <c r="N753691" s="10"/>
    </row>
    <row r="753692" spans="14:14">
      <c r="N753692" s="10"/>
    </row>
    <row r="753693" spans="14:14">
      <c r="N753693" s="10"/>
    </row>
    <row r="753694" spans="14:14">
      <c r="N753694" s="10"/>
    </row>
    <row r="753695" spans="14:14">
      <c r="N753695" s="10"/>
    </row>
    <row r="753696" spans="14:14">
      <c r="N753696" s="10"/>
    </row>
    <row r="753697" spans="14:14">
      <c r="N753697" s="10"/>
    </row>
    <row r="753698" spans="14:14">
      <c r="N753698" s="10"/>
    </row>
    <row r="753699" spans="14:14">
      <c r="N753699" s="10"/>
    </row>
    <row r="753700" spans="14:14">
      <c r="N753700" s="10"/>
    </row>
    <row r="753701" spans="14:14">
      <c r="N753701" s="10"/>
    </row>
    <row r="753702" spans="14:14">
      <c r="N753702" s="10"/>
    </row>
    <row r="753703" spans="14:14">
      <c r="N753703" s="10"/>
    </row>
    <row r="753704" spans="14:14">
      <c r="N753704" s="10"/>
    </row>
    <row r="753705" spans="14:14">
      <c r="N753705" s="10"/>
    </row>
    <row r="753706" spans="14:14">
      <c r="N753706" s="10"/>
    </row>
    <row r="753707" spans="14:14">
      <c r="N753707" s="10"/>
    </row>
    <row r="753708" spans="14:14">
      <c r="N753708" s="10"/>
    </row>
    <row r="753709" spans="14:14">
      <c r="N753709" s="10"/>
    </row>
    <row r="753710" spans="14:14">
      <c r="N753710" s="10"/>
    </row>
    <row r="753711" spans="14:14">
      <c r="N753711" s="10"/>
    </row>
    <row r="753712" spans="14:14">
      <c r="N753712" s="10"/>
    </row>
    <row r="753713" spans="14:14">
      <c r="N753713" s="10"/>
    </row>
    <row r="753714" spans="14:14">
      <c r="N753714" s="10"/>
    </row>
    <row r="753715" spans="14:14">
      <c r="N753715" s="10"/>
    </row>
    <row r="753716" spans="14:14">
      <c r="N753716" s="10"/>
    </row>
    <row r="753717" spans="14:14">
      <c r="N753717" s="10"/>
    </row>
    <row r="753718" spans="14:14">
      <c r="N753718" s="10"/>
    </row>
    <row r="753719" spans="14:14">
      <c r="N753719" s="10"/>
    </row>
    <row r="753720" spans="14:14">
      <c r="N753720" s="10"/>
    </row>
    <row r="753721" spans="14:14">
      <c r="N753721" s="10"/>
    </row>
    <row r="753722" spans="14:14">
      <c r="N753722" s="10"/>
    </row>
    <row r="753723" spans="14:14">
      <c r="N753723" s="10"/>
    </row>
    <row r="753724" spans="14:14">
      <c r="N753724" s="10"/>
    </row>
    <row r="753725" spans="14:14">
      <c r="N753725" s="10"/>
    </row>
    <row r="753726" spans="14:14">
      <c r="N753726" s="10"/>
    </row>
    <row r="753727" spans="14:14">
      <c r="N753727" s="10"/>
    </row>
    <row r="753728" spans="14:14">
      <c r="N753728" s="10"/>
    </row>
    <row r="753729" spans="14:14">
      <c r="N753729" s="10"/>
    </row>
    <row r="753730" spans="14:14">
      <c r="N753730" s="10"/>
    </row>
    <row r="753731" spans="14:14">
      <c r="N753731" s="10"/>
    </row>
    <row r="753732" spans="14:14">
      <c r="N753732" s="10"/>
    </row>
    <row r="753733" spans="14:14">
      <c r="N753733" s="10"/>
    </row>
    <row r="753734" spans="14:14">
      <c r="N753734" s="10"/>
    </row>
    <row r="753735" spans="14:14">
      <c r="N753735" s="10"/>
    </row>
    <row r="753736" spans="14:14">
      <c r="N753736" s="10"/>
    </row>
    <row r="753737" spans="14:14">
      <c r="N753737" s="10"/>
    </row>
    <row r="753738" spans="14:14">
      <c r="N753738" s="10"/>
    </row>
    <row r="753739" spans="14:14">
      <c r="N753739" s="10"/>
    </row>
    <row r="753740" spans="14:14">
      <c r="N753740" s="10"/>
    </row>
    <row r="753741" spans="14:14">
      <c r="N753741" s="10"/>
    </row>
    <row r="753742" spans="14:14">
      <c r="N753742" s="10"/>
    </row>
    <row r="753743" spans="14:14">
      <c r="N753743" s="10"/>
    </row>
    <row r="753744" spans="14:14">
      <c r="N753744" s="10"/>
    </row>
    <row r="753745" spans="14:14">
      <c r="N753745" s="10"/>
    </row>
    <row r="753746" spans="14:14">
      <c r="N753746" s="10"/>
    </row>
    <row r="753747" spans="14:14">
      <c r="N753747" s="10"/>
    </row>
    <row r="753748" spans="14:14">
      <c r="N753748" s="10"/>
    </row>
    <row r="753749" spans="14:14">
      <c r="N753749" s="10"/>
    </row>
    <row r="753750" spans="14:14">
      <c r="N753750" s="10"/>
    </row>
    <row r="753751" spans="14:14">
      <c r="N753751" s="10"/>
    </row>
    <row r="753752" spans="14:14">
      <c r="N753752" s="10"/>
    </row>
    <row r="753753" spans="14:14">
      <c r="N753753" s="10"/>
    </row>
    <row r="753754" spans="14:14">
      <c r="N753754" s="10"/>
    </row>
    <row r="753755" spans="14:14">
      <c r="N753755" s="10"/>
    </row>
    <row r="753756" spans="14:14">
      <c r="N753756" s="10"/>
    </row>
    <row r="753757" spans="14:14">
      <c r="N753757" s="10"/>
    </row>
    <row r="753758" spans="14:14">
      <c r="N753758" s="10"/>
    </row>
    <row r="753759" spans="14:14">
      <c r="N753759" s="10"/>
    </row>
    <row r="753760" spans="14:14">
      <c r="N753760" s="10"/>
    </row>
    <row r="753761" spans="14:14">
      <c r="N753761" s="10"/>
    </row>
    <row r="753762" spans="14:14">
      <c r="N753762" s="10"/>
    </row>
    <row r="753763" spans="14:14">
      <c r="N753763" s="10"/>
    </row>
    <row r="753764" spans="14:14">
      <c r="N753764" s="10"/>
    </row>
    <row r="753765" spans="14:14">
      <c r="N753765" s="10"/>
    </row>
    <row r="753766" spans="14:14">
      <c r="N753766" s="10"/>
    </row>
    <row r="753767" spans="14:14">
      <c r="N753767" s="10"/>
    </row>
    <row r="753768" spans="14:14">
      <c r="N753768" s="10"/>
    </row>
    <row r="753769" spans="14:14">
      <c r="N753769" s="10"/>
    </row>
    <row r="753770" spans="14:14">
      <c r="N753770" s="10"/>
    </row>
    <row r="753771" spans="14:14">
      <c r="N753771" s="10"/>
    </row>
    <row r="753772" spans="14:14">
      <c r="N753772" s="10"/>
    </row>
    <row r="753773" spans="14:14">
      <c r="N753773" s="10"/>
    </row>
    <row r="753774" spans="14:14">
      <c r="N753774" s="10"/>
    </row>
    <row r="753775" spans="14:14">
      <c r="N753775" s="10"/>
    </row>
    <row r="753776" spans="14:14">
      <c r="N753776" s="10"/>
    </row>
    <row r="753777" spans="14:14">
      <c r="N753777" s="10"/>
    </row>
    <row r="753778" spans="14:14">
      <c r="N753778" s="10"/>
    </row>
    <row r="753779" spans="14:14">
      <c r="N753779" s="10"/>
    </row>
    <row r="753780" spans="14:14">
      <c r="N753780" s="10"/>
    </row>
    <row r="753781" spans="14:14">
      <c r="N753781" s="10"/>
    </row>
    <row r="753782" spans="14:14">
      <c r="N753782" s="10"/>
    </row>
    <row r="753783" spans="14:14">
      <c r="N753783" s="10"/>
    </row>
    <row r="753784" spans="14:14">
      <c r="N753784" s="10"/>
    </row>
    <row r="753785" spans="14:14">
      <c r="N753785" s="10"/>
    </row>
    <row r="753786" spans="14:14">
      <c r="N753786" s="10"/>
    </row>
    <row r="753787" spans="14:14">
      <c r="N753787" s="10"/>
    </row>
    <row r="753788" spans="14:14">
      <c r="N753788" s="10"/>
    </row>
    <row r="753789" spans="14:14">
      <c r="N753789" s="10"/>
    </row>
    <row r="753790" spans="14:14">
      <c r="N753790" s="10"/>
    </row>
    <row r="753791" spans="14:14">
      <c r="N753791" s="10"/>
    </row>
    <row r="753792" spans="14:14">
      <c r="N753792" s="10"/>
    </row>
    <row r="753793" spans="14:14">
      <c r="N753793" s="10"/>
    </row>
    <row r="753794" spans="14:14">
      <c r="N753794" s="10"/>
    </row>
    <row r="753795" spans="14:14">
      <c r="N753795" s="10"/>
    </row>
    <row r="753796" spans="14:14">
      <c r="N753796" s="10"/>
    </row>
    <row r="753797" spans="14:14">
      <c r="N753797" s="10"/>
    </row>
    <row r="753798" spans="14:14">
      <c r="N753798" s="10"/>
    </row>
    <row r="753799" spans="14:14">
      <c r="N753799" s="10"/>
    </row>
    <row r="753800" spans="14:14">
      <c r="N753800" s="10"/>
    </row>
    <row r="753801" spans="14:14">
      <c r="N753801" s="10"/>
    </row>
    <row r="753802" spans="14:14">
      <c r="N753802" s="10"/>
    </row>
    <row r="753803" spans="14:14">
      <c r="N753803" s="10"/>
    </row>
    <row r="753804" spans="14:14">
      <c r="N753804" s="10"/>
    </row>
    <row r="753805" spans="14:14">
      <c r="N753805" s="10"/>
    </row>
    <row r="753806" spans="14:14">
      <c r="N753806" s="10"/>
    </row>
    <row r="753807" spans="14:14">
      <c r="N753807" s="10"/>
    </row>
    <row r="753808" spans="14:14">
      <c r="N753808" s="10"/>
    </row>
    <row r="753809" spans="14:14">
      <c r="N753809" s="10"/>
    </row>
    <row r="753810" spans="14:14">
      <c r="N753810" s="10"/>
    </row>
    <row r="753811" spans="14:14">
      <c r="N753811" s="10"/>
    </row>
    <row r="753812" spans="14:14">
      <c r="N753812" s="10"/>
    </row>
    <row r="753813" spans="14:14">
      <c r="N753813" s="10"/>
    </row>
    <row r="753814" spans="14:14">
      <c r="N753814" s="10"/>
    </row>
    <row r="753815" spans="14:14">
      <c r="N753815" s="10"/>
    </row>
    <row r="753816" spans="14:14">
      <c r="N753816" s="10"/>
    </row>
    <row r="753817" spans="14:14">
      <c r="N753817" s="10"/>
    </row>
    <row r="753818" spans="14:14">
      <c r="N753818" s="10"/>
    </row>
    <row r="753819" spans="14:14">
      <c r="N753819" s="10"/>
    </row>
    <row r="753820" spans="14:14">
      <c r="N753820" s="10"/>
    </row>
    <row r="753821" spans="14:14">
      <c r="N753821" s="10"/>
    </row>
    <row r="753822" spans="14:14">
      <c r="N753822" s="10"/>
    </row>
    <row r="753823" spans="14:14">
      <c r="N753823" s="10"/>
    </row>
    <row r="753824" spans="14:14">
      <c r="N753824" s="10"/>
    </row>
    <row r="753825" spans="14:14">
      <c r="N753825" s="10"/>
    </row>
    <row r="753826" spans="14:14">
      <c r="N753826" s="10"/>
    </row>
    <row r="753827" spans="14:14">
      <c r="N753827" s="10"/>
    </row>
    <row r="753828" spans="14:14">
      <c r="N753828" s="10"/>
    </row>
    <row r="753829" spans="14:14">
      <c r="N753829" s="10"/>
    </row>
    <row r="753830" spans="14:14">
      <c r="N753830" s="10"/>
    </row>
    <row r="753831" spans="14:14">
      <c r="N753831" s="10"/>
    </row>
    <row r="753832" spans="14:14">
      <c r="N753832" s="10"/>
    </row>
    <row r="753833" spans="14:14">
      <c r="N753833" s="10"/>
    </row>
    <row r="753834" spans="14:14">
      <c r="N753834" s="10"/>
    </row>
    <row r="753835" spans="14:14">
      <c r="N753835" s="10"/>
    </row>
    <row r="753836" spans="14:14">
      <c r="N753836" s="10"/>
    </row>
    <row r="753837" spans="14:14">
      <c r="N753837" s="10"/>
    </row>
    <row r="753838" spans="14:14">
      <c r="N753838" s="10"/>
    </row>
    <row r="753839" spans="14:14">
      <c r="N753839" s="10"/>
    </row>
    <row r="753840" spans="14:14">
      <c r="N753840" s="10"/>
    </row>
    <row r="753841" spans="14:14">
      <c r="N753841" s="10"/>
    </row>
    <row r="753842" spans="14:14">
      <c r="N753842" s="10"/>
    </row>
    <row r="753843" spans="14:14">
      <c r="N753843" s="10"/>
    </row>
    <row r="753844" spans="14:14">
      <c r="N753844" s="10"/>
    </row>
    <row r="753845" spans="14:14">
      <c r="N753845" s="10"/>
    </row>
    <row r="753846" spans="14:14">
      <c r="N753846" s="10"/>
    </row>
    <row r="753847" spans="14:14">
      <c r="N753847" s="10"/>
    </row>
    <row r="753848" spans="14:14">
      <c r="N753848" s="10"/>
    </row>
    <row r="753849" spans="14:14">
      <c r="N753849" s="10"/>
    </row>
    <row r="753850" spans="14:14">
      <c r="N753850" s="10"/>
    </row>
    <row r="753851" spans="14:14">
      <c r="N753851" s="10"/>
    </row>
    <row r="753852" spans="14:14">
      <c r="N753852" s="10"/>
    </row>
    <row r="753853" spans="14:14">
      <c r="N753853" s="10"/>
    </row>
    <row r="753854" spans="14:14">
      <c r="N753854" s="10"/>
    </row>
    <row r="753855" spans="14:14">
      <c r="N753855" s="10"/>
    </row>
    <row r="753856" spans="14:14">
      <c r="N753856" s="10"/>
    </row>
    <row r="753857" spans="14:14">
      <c r="N753857" s="10"/>
    </row>
    <row r="753858" spans="14:14">
      <c r="N753858" s="10"/>
    </row>
    <row r="753859" spans="14:14">
      <c r="N753859" s="10"/>
    </row>
    <row r="753860" spans="14:14">
      <c r="N753860" s="10"/>
    </row>
    <row r="753861" spans="14:14">
      <c r="N753861" s="10"/>
    </row>
    <row r="753862" spans="14:14">
      <c r="N753862" s="10"/>
    </row>
    <row r="753863" spans="14:14">
      <c r="N753863" s="10"/>
    </row>
    <row r="753864" spans="14:14">
      <c r="N753864" s="10"/>
    </row>
    <row r="753865" spans="14:14">
      <c r="N753865" s="10"/>
    </row>
    <row r="753866" spans="14:14">
      <c r="N753866" s="10"/>
    </row>
    <row r="753867" spans="14:14">
      <c r="N753867" s="10"/>
    </row>
    <row r="753868" spans="14:14">
      <c r="N753868" s="10"/>
    </row>
    <row r="753869" spans="14:14">
      <c r="N753869" s="10"/>
    </row>
    <row r="753870" spans="14:14">
      <c r="N753870" s="10"/>
    </row>
    <row r="753871" spans="14:14">
      <c r="N753871" s="10"/>
    </row>
    <row r="753872" spans="14:14">
      <c r="N753872" s="10"/>
    </row>
    <row r="753873" spans="14:14">
      <c r="N753873" s="10"/>
    </row>
    <row r="753874" spans="14:14">
      <c r="N753874" s="10"/>
    </row>
    <row r="753875" spans="14:14">
      <c r="N753875" s="10"/>
    </row>
    <row r="753876" spans="14:14">
      <c r="N753876" s="10"/>
    </row>
    <row r="753877" spans="14:14">
      <c r="N753877" s="10"/>
    </row>
    <row r="753878" spans="14:14">
      <c r="N753878" s="10"/>
    </row>
    <row r="753879" spans="14:14">
      <c r="N753879" s="10"/>
    </row>
    <row r="753880" spans="14:14">
      <c r="N753880" s="10"/>
    </row>
    <row r="753881" spans="14:14">
      <c r="N753881" s="10"/>
    </row>
    <row r="753882" spans="14:14">
      <c r="N753882" s="10"/>
    </row>
    <row r="753883" spans="14:14">
      <c r="N753883" s="10"/>
    </row>
    <row r="753884" spans="14:14">
      <c r="N753884" s="10"/>
    </row>
    <row r="753885" spans="14:14">
      <c r="N753885" s="10"/>
    </row>
    <row r="753886" spans="14:14">
      <c r="N753886" s="10"/>
    </row>
    <row r="753887" spans="14:14">
      <c r="N753887" s="10"/>
    </row>
    <row r="753888" spans="14:14">
      <c r="N753888" s="10"/>
    </row>
    <row r="753889" spans="14:14">
      <c r="N753889" s="10"/>
    </row>
    <row r="753890" spans="14:14">
      <c r="N753890" s="10"/>
    </row>
    <row r="753891" spans="14:14">
      <c r="N753891" s="10"/>
    </row>
    <row r="753892" spans="14:14">
      <c r="N753892" s="10"/>
    </row>
    <row r="753893" spans="14:14">
      <c r="N753893" s="10"/>
    </row>
    <row r="753894" spans="14:14">
      <c r="N753894" s="10"/>
    </row>
    <row r="753895" spans="14:14">
      <c r="N753895" s="10"/>
    </row>
    <row r="753896" spans="14:14">
      <c r="N753896" s="10"/>
    </row>
    <row r="753897" spans="14:14">
      <c r="N753897" s="10"/>
    </row>
    <row r="753898" spans="14:14">
      <c r="N753898" s="10"/>
    </row>
    <row r="753899" spans="14:14">
      <c r="N753899" s="10"/>
    </row>
    <row r="753900" spans="14:14">
      <c r="N753900" s="10"/>
    </row>
    <row r="753901" spans="14:14">
      <c r="N753901" s="10"/>
    </row>
    <row r="753902" spans="14:14">
      <c r="N753902" s="10"/>
    </row>
    <row r="753903" spans="14:14">
      <c r="N753903" s="10"/>
    </row>
    <row r="753904" spans="14:14">
      <c r="N753904" s="10"/>
    </row>
    <row r="753905" spans="14:14">
      <c r="N753905" s="10"/>
    </row>
    <row r="753906" spans="14:14">
      <c r="N753906" s="10"/>
    </row>
    <row r="753907" spans="14:14">
      <c r="N753907" s="10"/>
    </row>
    <row r="753908" spans="14:14">
      <c r="N753908" s="10"/>
    </row>
    <row r="753909" spans="14:14">
      <c r="N753909" s="10"/>
    </row>
    <row r="753910" spans="14:14">
      <c r="N753910" s="10"/>
    </row>
    <row r="753911" spans="14:14">
      <c r="N753911" s="10"/>
    </row>
    <row r="753912" spans="14:14">
      <c r="N753912" s="10"/>
    </row>
    <row r="753913" spans="14:14">
      <c r="N753913" s="10"/>
    </row>
    <row r="753914" spans="14:14">
      <c r="N753914" s="10"/>
    </row>
    <row r="753915" spans="14:14">
      <c r="N753915" s="10"/>
    </row>
    <row r="753916" spans="14:14">
      <c r="N753916" s="10"/>
    </row>
    <row r="753917" spans="14:14">
      <c r="N753917" s="10"/>
    </row>
    <row r="753918" spans="14:14">
      <c r="N753918" s="10"/>
    </row>
    <row r="753919" spans="14:14">
      <c r="N753919" s="10"/>
    </row>
    <row r="753920" spans="14:14">
      <c r="N753920" s="10"/>
    </row>
    <row r="753921" spans="14:14">
      <c r="N753921" s="10"/>
    </row>
    <row r="753922" spans="14:14">
      <c r="N753922" s="10"/>
    </row>
    <row r="753923" spans="14:14">
      <c r="N753923" s="10"/>
    </row>
    <row r="753924" spans="14:14">
      <c r="N753924" s="10"/>
    </row>
    <row r="753925" spans="14:14">
      <c r="N753925" s="10"/>
    </row>
    <row r="753926" spans="14:14">
      <c r="N753926" s="10"/>
    </row>
    <row r="753927" spans="14:14">
      <c r="N753927" s="10"/>
    </row>
    <row r="753928" spans="14:14">
      <c r="N753928" s="10"/>
    </row>
    <row r="753929" spans="14:14">
      <c r="N753929" s="10"/>
    </row>
    <row r="753930" spans="14:14">
      <c r="N753930" s="10"/>
    </row>
    <row r="753931" spans="14:14">
      <c r="N753931" s="10"/>
    </row>
    <row r="753932" spans="14:14">
      <c r="N753932" s="10"/>
    </row>
    <row r="753933" spans="14:14">
      <c r="N753933" s="10"/>
    </row>
    <row r="753934" spans="14:14">
      <c r="N753934" s="10"/>
    </row>
    <row r="753935" spans="14:14">
      <c r="N753935" s="10"/>
    </row>
    <row r="753936" spans="14:14">
      <c r="N753936" s="10"/>
    </row>
    <row r="753937" spans="14:14">
      <c r="N753937" s="10"/>
    </row>
    <row r="753938" spans="14:14">
      <c r="N753938" s="10"/>
    </row>
    <row r="753939" spans="14:14">
      <c r="N753939" s="10"/>
    </row>
    <row r="753940" spans="14:14">
      <c r="N753940" s="10"/>
    </row>
    <row r="753941" spans="14:14">
      <c r="N753941" s="10"/>
    </row>
    <row r="753942" spans="14:14">
      <c r="N753942" s="10"/>
    </row>
    <row r="753943" spans="14:14">
      <c r="N753943" s="10"/>
    </row>
    <row r="753944" spans="14:14">
      <c r="N753944" s="10"/>
    </row>
    <row r="753945" spans="14:14">
      <c r="N753945" s="10"/>
    </row>
    <row r="753946" spans="14:14">
      <c r="N753946" s="10"/>
    </row>
    <row r="753947" spans="14:14">
      <c r="N753947" s="10"/>
    </row>
    <row r="753948" spans="14:14">
      <c r="N753948" s="10"/>
    </row>
    <row r="753949" spans="14:14">
      <c r="N753949" s="10"/>
    </row>
    <row r="753950" spans="14:14">
      <c r="N753950" s="10"/>
    </row>
    <row r="753951" spans="14:14">
      <c r="N753951" s="10"/>
    </row>
    <row r="753952" spans="14:14">
      <c r="N753952" s="10"/>
    </row>
    <row r="753953" spans="14:14">
      <c r="N753953" s="10"/>
    </row>
    <row r="753954" spans="14:14">
      <c r="N753954" s="10"/>
    </row>
    <row r="753955" spans="14:14">
      <c r="N753955" s="10"/>
    </row>
    <row r="753956" spans="14:14">
      <c r="N753956" s="10"/>
    </row>
    <row r="753957" spans="14:14">
      <c r="N753957" s="10"/>
    </row>
    <row r="753958" spans="14:14">
      <c r="N753958" s="10"/>
    </row>
    <row r="753959" spans="14:14">
      <c r="N753959" s="10"/>
    </row>
    <row r="753960" spans="14:14">
      <c r="N753960" s="10"/>
    </row>
    <row r="753961" spans="14:14">
      <c r="N753961" s="10"/>
    </row>
    <row r="753962" spans="14:14">
      <c r="N753962" s="10"/>
    </row>
    <row r="753963" spans="14:14">
      <c r="N753963" s="10"/>
    </row>
    <row r="753964" spans="14:14">
      <c r="N753964" s="10"/>
    </row>
    <row r="753965" spans="14:14">
      <c r="N753965" s="10"/>
    </row>
    <row r="753966" spans="14:14">
      <c r="N753966" s="10"/>
    </row>
    <row r="753967" spans="14:14">
      <c r="N753967" s="10"/>
    </row>
    <row r="753968" spans="14:14">
      <c r="N753968" s="10"/>
    </row>
    <row r="753969" spans="14:14">
      <c r="N753969" s="10"/>
    </row>
    <row r="753970" spans="14:14">
      <c r="N753970" s="10"/>
    </row>
    <row r="753971" spans="14:14">
      <c r="N753971" s="10"/>
    </row>
    <row r="753972" spans="14:14">
      <c r="N753972" s="10"/>
    </row>
    <row r="753973" spans="14:14">
      <c r="N753973" s="10"/>
    </row>
    <row r="753974" spans="14:14">
      <c r="N753974" s="10"/>
    </row>
    <row r="753975" spans="14:14">
      <c r="N753975" s="10"/>
    </row>
    <row r="753976" spans="14:14">
      <c r="N753976" s="10"/>
    </row>
    <row r="753977" spans="14:14">
      <c r="N753977" s="10"/>
    </row>
    <row r="753978" spans="14:14">
      <c r="N753978" s="10"/>
    </row>
    <row r="753979" spans="14:14">
      <c r="N753979" s="10"/>
    </row>
    <row r="753980" spans="14:14">
      <c r="N753980" s="10"/>
    </row>
    <row r="753981" spans="14:14">
      <c r="N753981" s="10"/>
    </row>
    <row r="753982" spans="14:14">
      <c r="N753982" s="10"/>
    </row>
    <row r="753983" spans="14:14">
      <c r="N753983" s="10"/>
    </row>
    <row r="753984" spans="14:14">
      <c r="N753984" s="10"/>
    </row>
    <row r="753985" spans="14:14">
      <c r="N753985" s="10"/>
    </row>
    <row r="753986" spans="14:14">
      <c r="N753986" s="10"/>
    </row>
    <row r="753987" spans="14:14">
      <c r="N753987" s="10"/>
    </row>
    <row r="753988" spans="14:14">
      <c r="N753988" s="10"/>
    </row>
    <row r="753989" spans="14:14">
      <c r="N753989" s="10"/>
    </row>
    <row r="753990" spans="14:14">
      <c r="N753990" s="10"/>
    </row>
    <row r="753991" spans="14:14">
      <c r="N753991" s="10"/>
    </row>
    <row r="753992" spans="14:14">
      <c r="N753992" s="10"/>
    </row>
    <row r="753993" spans="14:14">
      <c r="N753993" s="10"/>
    </row>
    <row r="753994" spans="14:14">
      <c r="N753994" s="10"/>
    </row>
    <row r="753995" spans="14:14">
      <c r="N753995" s="10"/>
    </row>
    <row r="753996" spans="14:14">
      <c r="N753996" s="10"/>
    </row>
    <row r="753997" spans="14:14">
      <c r="N753997" s="10"/>
    </row>
    <row r="753998" spans="14:14">
      <c r="N753998" s="10"/>
    </row>
    <row r="753999" spans="14:14">
      <c r="N753999" s="10"/>
    </row>
    <row r="754000" spans="14:14">
      <c r="N754000" s="10"/>
    </row>
    <row r="754001" spans="14:14">
      <c r="N754001" s="10"/>
    </row>
    <row r="754002" spans="14:14">
      <c r="N754002" s="10"/>
    </row>
    <row r="754003" spans="14:14">
      <c r="N754003" s="10"/>
    </row>
    <row r="754004" spans="14:14">
      <c r="N754004" s="10"/>
    </row>
    <row r="754005" spans="14:14">
      <c r="N754005" s="10"/>
    </row>
    <row r="754006" spans="14:14">
      <c r="N754006" s="10"/>
    </row>
    <row r="754007" spans="14:14">
      <c r="N754007" s="10"/>
    </row>
    <row r="754008" spans="14:14">
      <c r="N754008" s="10"/>
    </row>
    <row r="754009" spans="14:14">
      <c r="N754009" s="10"/>
    </row>
    <row r="754010" spans="14:14">
      <c r="N754010" s="10"/>
    </row>
    <row r="754011" spans="14:14">
      <c r="N754011" s="10"/>
    </row>
    <row r="754012" spans="14:14">
      <c r="N754012" s="10"/>
    </row>
    <row r="754013" spans="14:14">
      <c r="N754013" s="10"/>
    </row>
    <row r="754014" spans="14:14">
      <c r="N754014" s="10"/>
    </row>
    <row r="754015" spans="14:14">
      <c r="N754015" s="10"/>
    </row>
    <row r="754016" spans="14:14">
      <c r="N754016" s="10"/>
    </row>
    <row r="754017" spans="14:14">
      <c r="N754017" s="10"/>
    </row>
    <row r="754018" spans="14:14">
      <c r="N754018" s="10"/>
    </row>
    <row r="754019" spans="14:14">
      <c r="N754019" s="10"/>
    </row>
    <row r="754020" spans="14:14">
      <c r="N754020" s="10"/>
    </row>
    <row r="754021" spans="14:14">
      <c r="N754021" s="10"/>
    </row>
    <row r="754022" spans="14:14">
      <c r="N754022" s="10"/>
    </row>
    <row r="754023" spans="14:14">
      <c r="N754023" s="10"/>
    </row>
    <row r="754024" spans="14:14">
      <c r="N754024" s="10"/>
    </row>
    <row r="754025" spans="14:14">
      <c r="N754025" s="10"/>
    </row>
    <row r="754026" spans="14:14">
      <c r="N754026" s="10"/>
    </row>
    <row r="754027" spans="14:14">
      <c r="N754027" s="10"/>
    </row>
    <row r="754028" spans="14:14">
      <c r="N754028" s="10"/>
    </row>
    <row r="754029" spans="14:14">
      <c r="N754029" s="10"/>
    </row>
    <row r="754030" spans="14:14">
      <c r="N754030" s="10"/>
    </row>
    <row r="754031" spans="14:14">
      <c r="N754031" s="10"/>
    </row>
    <row r="754032" spans="14:14">
      <c r="N754032" s="10"/>
    </row>
    <row r="754033" spans="14:14">
      <c r="N754033" s="10"/>
    </row>
    <row r="754034" spans="14:14">
      <c r="N754034" s="10"/>
    </row>
    <row r="754035" spans="14:14">
      <c r="N754035" s="10"/>
    </row>
    <row r="754036" spans="14:14">
      <c r="N754036" s="10"/>
    </row>
    <row r="754037" spans="14:14">
      <c r="N754037" s="10"/>
    </row>
    <row r="754038" spans="14:14">
      <c r="N754038" s="10"/>
    </row>
    <row r="754039" spans="14:14">
      <c r="N754039" s="10"/>
    </row>
    <row r="754040" spans="14:14">
      <c r="N754040" s="10"/>
    </row>
    <row r="754041" spans="14:14">
      <c r="N754041" s="10"/>
    </row>
    <row r="754042" spans="14:14">
      <c r="N754042" s="10"/>
    </row>
    <row r="754043" spans="14:14">
      <c r="N754043" s="10"/>
    </row>
    <row r="754044" spans="14:14">
      <c r="N754044" s="10"/>
    </row>
    <row r="754045" spans="14:14">
      <c r="N754045" s="10"/>
    </row>
    <row r="754046" spans="14:14">
      <c r="N754046" s="10"/>
    </row>
    <row r="754047" spans="14:14">
      <c r="N754047" s="10"/>
    </row>
    <row r="754048" spans="14:14">
      <c r="N754048" s="10"/>
    </row>
    <row r="754049" spans="14:14">
      <c r="N754049" s="10"/>
    </row>
    <row r="754050" spans="14:14">
      <c r="N754050" s="10"/>
    </row>
    <row r="754051" spans="14:14">
      <c r="N754051" s="10"/>
    </row>
    <row r="754052" spans="14:14">
      <c r="N754052" s="10"/>
    </row>
    <row r="754053" spans="14:14">
      <c r="N754053" s="10"/>
    </row>
    <row r="754054" spans="14:14">
      <c r="N754054" s="10"/>
    </row>
    <row r="754055" spans="14:14">
      <c r="N754055" s="10"/>
    </row>
    <row r="754056" spans="14:14">
      <c r="N754056" s="10"/>
    </row>
    <row r="754057" spans="14:14">
      <c r="N754057" s="10"/>
    </row>
    <row r="754058" spans="14:14">
      <c r="N754058" s="10"/>
    </row>
    <row r="754059" spans="14:14">
      <c r="N754059" s="10"/>
    </row>
    <row r="754060" spans="14:14">
      <c r="N754060" s="10"/>
    </row>
    <row r="754061" spans="14:14">
      <c r="N754061" s="10"/>
    </row>
    <row r="754062" spans="14:14">
      <c r="N754062" s="10"/>
    </row>
    <row r="754063" spans="14:14">
      <c r="N754063" s="10"/>
    </row>
    <row r="754064" spans="14:14">
      <c r="N754064" s="10"/>
    </row>
    <row r="754065" spans="14:14">
      <c r="N754065" s="10"/>
    </row>
    <row r="754066" spans="14:14">
      <c r="N754066" s="10"/>
    </row>
    <row r="754067" spans="14:14">
      <c r="N754067" s="10"/>
    </row>
    <row r="754068" spans="14:14">
      <c r="N754068" s="10"/>
    </row>
    <row r="754069" spans="14:14">
      <c r="N754069" s="10"/>
    </row>
    <row r="754070" spans="14:14">
      <c r="N754070" s="10"/>
    </row>
    <row r="754071" spans="14:14">
      <c r="N754071" s="10"/>
    </row>
    <row r="754072" spans="14:14">
      <c r="N754072" s="10"/>
    </row>
    <row r="754073" spans="14:14">
      <c r="N754073" s="10"/>
    </row>
    <row r="754074" spans="14:14">
      <c r="N754074" s="10"/>
    </row>
    <row r="754075" spans="14:14">
      <c r="N754075" s="10"/>
    </row>
    <row r="754076" spans="14:14">
      <c r="N754076" s="10"/>
    </row>
    <row r="754077" spans="14:14">
      <c r="N754077" s="10"/>
    </row>
    <row r="754078" spans="14:14">
      <c r="N754078" s="10"/>
    </row>
    <row r="754079" spans="14:14">
      <c r="N754079" s="10"/>
    </row>
    <row r="754080" spans="14:14">
      <c r="N754080" s="10"/>
    </row>
    <row r="754081" spans="14:14">
      <c r="N754081" s="10"/>
    </row>
    <row r="754082" spans="14:14">
      <c r="N754082" s="10"/>
    </row>
    <row r="754083" spans="14:14">
      <c r="N754083" s="10"/>
    </row>
    <row r="754084" spans="14:14">
      <c r="N754084" s="10"/>
    </row>
    <row r="754085" spans="14:14">
      <c r="N754085" s="10"/>
    </row>
    <row r="754086" spans="14:14">
      <c r="N754086" s="10"/>
    </row>
    <row r="754087" spans="14:14">
      <c r="N754087" s="10"/>
    </row>
    <row r="754088" spans="14:14">
      <c r="N754088" s="10"/>
    </row>
    <row r="754089" spans="14:14">
      <c r="N754089" s="10"/>
    </row>
    <row r="754090" spans="14:14">
      <c r="N754090" s="10"/>
    </row>
    <row r="754091" spans="14:14">
      <c r="N754091" s="10"/>
    </row>
    <row r="754092" spans="14:14">
      <c r="N754092" s="10"/>
    </row>
    <row r="754093" spans="14:14">
      <c r="N754093" s="10"/>
    </row>
    <row r="754094" spans="14:14">
      <c r="N754094" s="10"/>
    </row>
    <row r="754095" spans="14:14">
      <c r="N754095" s="10"/>
    </row>
    <row r="754096" spans="14:14">
      <c r="N754096" s="10"/>
    </row>
    <row r="754097" spans="14:14">
      <c r="N754097" s="10"/>
    </row>
    <row r="754098" spans="14:14">
      <c r="N754098" s="10"/>
    </row>
    <row r="754099" spans="14:14">
      <c r="N754099" s="10"/>
    </row>
    <row r="754100" spans="14:14">
      <c r="N754100" s="10"/>
    </row>
    <row r="754101" spans="14:14">
      <c r="N754101" s="10"/>
    </row>
    <row r="754102" spans="14:14">
      <c r="N754102" s="10"/>
    </row>
    <row r="754103" spans="14:14">
      <c r="N754103" s="10"/>
    </row>
    <row r="754104" spans="14:14">
      <c r="N754104" s="10"/>
    </row>
    <row r="754105" spans="14:14">
      <c r="N754105" s="10"/>
    </row>
    <row r="754106" spans="14:14">
      <c r="N754106" s="10"/>
    </row>
    <row r="754107" spans="14:14">
      <c r="N754107" s="10"/>
    </row>
    <row r="754108" spans="14:14">
      <c r="N754108" s="10"/>
    </row>
    <row r="754109" spans="14:14">
      <c r="N754109" s="10"/>
    </row>
    <row r="754110" spans="14:14">
      <c r="N754110" s="10"/>
    </row>
    <row r="754111" spans="14:14">
      <c r="N754111" s="10"/>
    </row>
    <row r="754112" spans="14:14">
      <c r="N754112" s="10"/>
    </row>
    <row r="754113" spans="14:14">
      <c r="N754113" s="10"/>
    </row>
    <row r="754114" spans="14:14">
      <c r="N754114" s="10"/>
    </row>
    <row r="754115" spans="14:14">
      <c r="N754115" s="10"/>
    </row>
    <row r="754116" spans="14:14">
      <c r="N754116" s="10"/>
    </row>
    <row r="754117" spans="14:14">
      <c r="N754117" s="10"/>
    </row>
    <row r="754118" spans="14:14">
      <c r="N754118" s="10"/>
    </row>
    <row r="754119" spans="14:14">
      <c r="N754119" s="10"/>
    </row>
    <row r="754120" spans="14:14">
      <c r="N754120" s="10"/>
    </row>
    <row r="754121" spans="14:14">
      <c r="N754121" s="10"/>
    </row>
    <row r="754122" spans="14:14">
      <c r="N754122" s="10"/>
    </row>
    <row r="754123" spans="14:14">
      <c r="N754123" s="10"/>
    </row>
    <row r="754124" spans="14:14">
      <c r="N754124" s="10"/>
    </row>
    <row r="754125" spans="14:14">
      <c r="N754125" s="10"/>
    </row>
    <row r="754126" spans="14:14">
      <c r="N754126" s="10"/>
    </row>
    <row r="754127" spans="14:14">
      <c r="N754127" s="10"/>
    </row>
    <row r="754128" spans="14:14">
      <c r="N754128" s="10"/>
    </row>
    <row r="754129" spans="14:14">
      <c r="N754129" s="10"/>
    </row>
    <row r="754130" spans="14:14">
      <c r="N754130" s="10"/>
    </row>
    <row r="754131" spans="14:14">
      <c r="N754131" s="10"/>
    </row>
    <row r="754132" spans="14:14">
      <c r="N754132" s="10"/>
    </row>
    <row r="754133" spans="14:14">
      <c r="N754133" s="10"/>
    </row>
    <row r="754134" spans="14:14">
      <c r="N754134" s="10"/>
    </row>
    <row r="754135" spans="14:14">
      <c r="N754135" s="10"/>
    </row>
    <row r="754136" spans="14:14">
      <c r="N754136" s="10"/>
    </row>
    <row r="754137" spans="14:14">
      <c r="N754137" s="10"/>
    </row>
    <row r="754138" spans="14:14">
      <c r="N754138" s="10"/>
    </row>
    <row r="754139" spans="14:14">
      <c r="N754139" s="10"/>
    </row>
    <row r="754140" spans="14:14">
      <c r="N754140" s="10"/>
    </row>
    <row r="754141" spans="14:14">
      <c r="N754141" s="10"/>
    </row>
    <row r="754142" spans="14:14">
      <c r="N754142" s="10"/>
    </row>
    <row r="754143" spans="14:14">
      <c r="N754143" s="10"/>
    </row>
    <row r="754144" spans="14:14">
      <c r="N754144" s="10"/>
    </row>
    <row r="754145" spans="14:14">
      <c r="N754145" s="10"/>
    </row>
    <row r="754146" spans="14:14">
      <c r="N754146" s="10"/>
    </row>
    <row r="754147" spans="14:14">
      <c r="N754147" s="10"/>
    </row>
    <row r="754148" spans="14:14">
      <c r="N754148" s="10"/>
    </row>
    <row r="754149" spans="14:14">
      <c r="N754149" s="10"/>
    </row>
    <row r="754150" spans="14:14">
      <c r="N754150" s="10"/>
    </row>
    <row r="754151" spans="14:14">
      <c r="N754151" s="10"/>
    </row>
    <row r="754152" spans="14:14">
      <c r="N754152" s="10"/>
    </row>
    <row r="754153" spans="14:14">
      <c r="N754153" s="10"/>
    </row>
    <row r="754154" spans="14:14">
      <c r="N754154" s="10"/>
    </row>
    <row r="754155" spans="14:14">
      <c r="N754155" s="10"/>
    </row>
    <row r="754156" spans="14:14">
      <c r="N754156" s="10"/>
    </row>
    <row r="754157" spans="14:14">
      <c r="N754157" s="10"/>
    </row>
    <row r="754158" spans="14:14">
      <c r="N754158" s="10"/>
    </row>
    <row r="754159" spans="14:14">
      <c r="N754159" s="10"/>
    </row>
    <row r="754160" spans="14:14">
      <c r="N754160" s="10"/>
    </row>
    <row r="754161" spans="14:14">
      <c r="N754161" s="10"/>
    </row>
    <row r="754162" spans="14:14">
      <c r="N754162" s="10"/>
    </row>
    <row r="754163" spans="14:14">
      <c r="N754163" s="10"/>
    </row>
    <row r="754164" spans="14:14">
      <c r="N754164" s="10"/>
    </row>
    <row r="754165" spans="14:14">
      <c r="N754165" s="10"/>
    </row>
    <row r="754166" spans="14:14">
      <c r="N754166" s="10"/>
    </row>
    <row r="754167" spans="14:14">
      <c r="N754167" s="10"/>
    </row>
    <row r="754168" spans="14:14">
      <c r="N754168" s="10"/>
    </row>
    <row r="754169" spans="14:14">
      <c r="N754169" s="10"/>
    </row>
    <row r="754170" spans="14:14">
      <c r="N754170" s="10"/>
    </row>
    <row r="754171" spans="14:14">
      <c r="N754171" s="10"/>
    </row>
    <row r="754172" spans="14:14">
      <c r="N754172" s="10"/>
    </row>
    <row r="754173" spans="14:14">
      <c r="N754173" s="10"/>
    </row>
    <row r="754174" spans="14:14">
      <c r="N754174" s="10"/>
    </row>
    <row r="754175" spans="14:14">
      <c r="N754175" s="10"/>
    </row>
    <row r="754176" spans="14:14">
      <c r="N754176" s="10"/>
    </row>
    <row r="754177" spans="14:14">
      <c r="N754177" s="10"/>
    </row>
    <row r="754178" spans="14:14">
      <c r="N754178" s="10"/>
    </row>
    <row r="754179" spans="14:14">
      <c r="N754179" s="10"/>
    </row>
    <row r="754180" spans="14:14">
      <c r="N754180" s="10"/>
    </row>
    <row r="754181" spans="14:14">
      <c r="N754181" s="10"/>
    </row>
    <row r="754182" spans="14:14">
      <c r="N754182" s="10"/>
    </row>
    <row r="754183" spans="14:14">
      <c r="N754183" s="10"/>
    </row>
    <row r="754184" spans="14:14">
      <c r="N754184" s="10"/>
    </row>
    <row r="754185" spans="14:14">
      <c r="N754185" s="10"/>
    </row>
    <row r="754186" spans="14:14">
      <c r="N754186" s="10"/>
    </row>
    <row r="754187" spans="14:14">
      <c r="N754187" s="10"/>
    </row>
    <row r="754188" spans="14:14">
      <c r="N754188" s="10"/>
    </row>
    <row r="754189" spans="14:14">
      <c r="N754189" s="10"/>
    </row>
    <row r="754190" spans="14:14">
      <c r="N754190" s="10"/>
    </row>
    <row r="754191" spans="14:14">
      <c r="N754191" s="10"/>
    </row>
    <row r="754192" spans="14:14">
      <c r="N754192" s="10"/>
    </row>
    <row r="754193" spans="14:14">
      <c r="N754193" s="10"/>
    </row>
    <row r="754194" spans="14:14">
      <c r="N754194" s="10"/>
    </row>
    <row r="754195" spans="14:14">
      <c r="N754195" s="10"/>
    </row>
    <row r="754196" spans="14:14">
      <c r="N754196" s="10"/>
    </row>
    <row r="754197" spans="14:14">
      <c r="N754197" s="10"/>
    </row>
    <row r="754198" spans="14:14">
      <c r="N754198" s="10"/>
    </row>
    <row r="754199" spans="14:14">
      <c r="N754199" s="10"/>
    </row>
    <row r="754200" spans="14:14">
      <c r="N754200" s="10"/>
    </row>
    <row r="754201" spans="14:14">
      <c r="N754201" s="10"/>
    </row>
    <row r="754202" spans="14:14">
      <c r="N754202" s="10"/>
    </row>
    <row r="754203" spans="14:14">
      <c r="N754203" s="10"/>
    </row>
    <row r="754204" spans="14:14">
      <c r="N754204" s="10"/>
    </row>
    <row r="754205" spans="14:14">
      <c r="N754205" s="10"/>
    </row>
    <row r="754206" spans="14:14">
      <c r="N754206" s="10"/>
    </row>
    <row r="754207" spans="14:14">
      <c r="N754207" s="10"/>
    </row>
    <row r="754208" spans="14:14">
      <c r="N754208" s="10"/>
    </row>
    <row r="754209" spans="14:14">
      <c r="N754209" s="10"/>
    </row>
    <row r="754210" spans="14:14">
      <c r="N754210" s="10"/>
    </row>
    <row r="754211" spans="14:14">
      <c r="N754211" s="10"/>
    </row>
    <row r="754212" spans="14:14">
      <c r="N754212" s="10"/>
    </row>
    <row r="754213" spans="14:14">
      <c r="N754213" s="10"/>
    </row>
    <row r="754214" spans="14:14">
      <c r="N754214" s="10"/>
    </row>
    <row r="754215" spans="14:14">
      <c r="N754215" s="10"/>
    </row>
    <row r="754216" spans="14:14">
      <c r="N754216" s="10"/>
    </row>
    <row r="754217" spans="14:14">
      <c r="N754217" s="10"/>
    </row>
    <row r="754218" spans="14:14">
      <c r="N754218" s="10"/>
    </row>
    <row r="754219" spans="14:14">
      <c r="N754219" s="10"/>
    </row>
    <row r="754220" spans="14:14">
      <c r="N754220" s="10"/>
    </row>
    <row r="754221" spans="14:14">
      <c r="N754221" s="10"/>
    </row>
    <row r="754222" spans="14:14">
      <c r="N754222" s="10"/>
    </row>
    <row r="754223" spans="14:14">
      <c r="N754223" s="10"/>
    </row>
    <row r="754224" spans="14:14">
      <c r="N754224" s="10"/>
    </row>
    <row r="754225" spans="14:14">
      <c r="N754225" s="10"/>
    </row>
    <row r="754226" spans="14:14">
      <c r="N754226" s="10"/>
    </row>
    <row r="754227" spans="14:14">
      <c r="N754227" s="10"/>
    </row>
    <row r="754228" spans="14:14">
      <c r="N754228" s="10"/>
    </row>
    <row r="754229" spans="14:14">
      <c r="N754229" s="10"/>
    </row>
    <row r="754230" spans="14:14">
      <c r="N754230" s="10"/>
    </row>
    <row r="754231" spans="14:14">
      <c r="N754231" s="10"/>
    </row>
    <row r="754232" spans="14:14">
      <c r="N754232" s="10"/>
    </row>
    <row r="754233" spans="14:14">
      <c r="N754233" s="10"/>
    </row>
    <row r="754234" spans="14:14">
      <c r="N754234" s="10"/>
    </row>
    <row r="754235" spans="14:14">
      <c r="N754235" s="10"/>
    </row>
    <row r="754236" spans="14:14">
      <c r="N754236" s="10"/>
    </row>
    <row r="754237" spans="14:14">
      <c r="N754237" s="10"/>
    </row>
    <row r="754238" spans="14:14">
      <c r="N754238" s="10"/>
    </row>
    <row r="754239" spans="14:14">
      <c r="N754239" s="10"/>
    </row>
    <row r="754240" spans="14:14">
      <c r="N754240" s="10"/>
    </row>
    <row r="754241" spans="14:14">
      <c r="N754241" s="10"/>
    </row>
    <row r="754242" spans="14:14">
      <c r="N754242" s="10"/>
    </row>
    <row r="754243" spans="14:14">
      <c r="N754243" s="10"/>
    </row>
    <row r="754244" spans="14:14">
      <c r="N754244" s="10"/>
    </row>
    <row r="754245" spans="14:14">
      <c r="N754245" s="10"/>
    </row>
    <row r="754246" spans="14:14">
      <c r="N754246" s="10"/>
    </row>
    <row r="754247" spans="14:14">
      <c r="N754247" s="10"/>
    </row>
    <row r="754248" spans="14:14">
      <c r="N754248" s="10"/>
    </row>
    <row r="754249" spans="14:14">
      <c r="N754249" s="10"/>
    </row>
    <row r="754250" spans="14:14">
      <c r="N754250" s="10"/>
    </row>
    <row r="754251" spans="14:14">
      <c r="N754251" s="10"/>
    </row>
    <row r="754252" spans="14:14">
      <c r="N754252" s="10"/>
    </row>
    <row r="754253" spans="14:14">
      <c r="N754253" s="10"/>
    </row>
    <row r="754254" spans="14:14">
      <c r="N754254" s="10"/>
    </row>
    <row r="754255" spans="14:14">
      <c r="N754255" s="10"/>
    </row>
    <row r="754256" spans="14:14">
      <c r="N754256" s="10"/>
    </row>
    <row r="754257" spans="14:14">
      <c r="N754257" s="10"/>
    </row>
    <row r="754258" spans="14:14">
      <c r="N754258" s="10"/>
    </row>
    <row r="754259" spans="14:14">
      <c r="N754259" s="10"/>
    </row>
    <row r="754260" spans="14:14">
      <c r="N754260" s="10"/>
    </row>
    <row r="754261" spans="14:14">
      <c r="N754261" s="10"/>
    </row>
    <row r="754262" spans="14:14">
      <c r="N754262" s="10"/>
    </row>
    <row r="754263" spans="14:14">
      <c r="N754263" s="10"/>
    </row>
    <row r="754264" spans="14:14">
      <c r="N754264" s="10"/>
    </row>
    <row r="754265" spans="14:14">
      <c r="N754265" s="10"/>
    </row>
    <row r="754266" spans="14:14">
      <c r="N754266" s="10"/>
    </row>
    <row r="754267" spans="14:14">
      <c r="N754267" s="10"/>
    </row>
    <row r="754268" spans="14:14">
      <c r="N754268" s="10"/>
    </row>
    <row r="754269" spans="14:14">
      <c r="N754269" s="10"/>
    </row>
    <row r="754270" spans="14:14">
      <c r="N754270" s="10"/>
    </row>
    <row r="754271" spans="14:14">
      <c r="N754271" s="10"/>
    </row>
    <row r="754272" spans="14:14">
      <c r="N754272" s="10"/>
    </row>
    <row r="754273" spans="14:14">
      <c r="N754273" s="10"/>
    </row>
    <row r="754274" spans="14:14">
      <c r="N754274" s="10"/>
    </row>
    <row r="754275" spans="14:14">
      <c r="N754275" s="10"/>
    </row>
    <row r="754276" spans="14:14">
      <c r="N754276" s="10"/>
    </row>
    <row r="754277" spans="14:14">
      <c r="N754277" s="10"/>
    </row>
    <row r="754278" spans="14:14">
      <c r="N754278" s="10"/>
    </row>
    <row r="754279" spans="14:14">
      <c r="N754279" s="10"/>
    </row>
    <row r="754280" spans="14:14">
      <c r="N754280" s="10"/>
    </row>
    <row r="754281" spans="14:14">
      <c r="N754281" s="10"/>
    </row>
    <row r="754282" spans="14:14">
      <c r="N754282" s="10"/>
    </row>
    <row r="754283" spans="14:14">
      <c r="N754283" s="10"/>
    </row>
    <row r="754284" spans="14:14">
      <c r="N754284" s="10"/>
    </row>
    <row r="754285" spans="14:14">
      <c r="N754285" s="10"/>
    </row>
    <row r="754286" spans="14:14">
      <c r="N754286" s="10"/>
    </row>
    <row r="754287" spans="14:14">
      <c r="N754287" s="10"/>
    </row>
    <row r="754288" spans="14:14">
      <c r="N754288" s="10"/>
    </row>
    <row r="754289" spans="14:14">
      <c r="N754289" s="10"/>
    </row>
    <row r="754290" spans="14:14">
      <c r="N754290" s="10"/>
    </row>
    <row r="754291" spans="14:14">
      <c r="N754291" s="10"/>
    </row>
    <row r="754292" spans="14:14">
      <c r="N754292" s="10"/>
    </row>
    <row r="754293" spans="14:14">
      <c r="N754293" s="10"/>
    </row>
    <row r="754294" spans="14:14">
      <c r="N754294" s="10"/>
    </row>
    <row r="754295" spans="14:14">
      <c r="N754295" s="10"/>
    </row>
    <row r="754296" spans="14:14">
      <c r="N754296" s="10"/>
    </row>
    <row r="754297" spans="14:14">
      <c r="N754297" s="10"/>
    </row>
    <row r="754298" spans="14:14">
      <c r="N754298" s="10"/>
    </row>
    <row r="754299" spans="14:14">
      <c r="N754299" s="10"/>
    </row>
    <row r="754300" spans="14:14">
      <c r="N754300" s="10"/>
    </row>
    <row r="754301" spans="14:14">
      <c r="N754301" s="10"/>
    </row>
    <row r="754302" spans="14:14">
      <c r="N754302" s="10"/>
    </row>
    <row r="754303" spans="14:14">
      <c r="N754303" s="10"/>
    </row>
    <row r="754304" spans="14:14">
      <c r="N754304" s="10"/>
    </row>
    <row r="754305" spans="14:14">
      <c r="N754305" s="10"/>
    </row>
    <row r="754306" spans="14:14">
      <c r="N754306" s="10"/>
    </row>
    <row r="754307" spans="14:14">
      <c r="N754307" s="10"/>
    </row>
    <row r="754308" spans="14:14">
      <c r="N754308" s="10"/>
    </row>
    <row r="754309" spans="14:14">
      <c r="N754309" s="10"/>
    </row>
    <row r="754310" spans="14:14">
      <c r="N754310" s="10"/>
    </row>
    <row r="754311" spans="14:14">
      <c r="N754311" s="10"/>
    </row>
    <row r="754312" spans="14:14">
      <c r="N754312" s="10"/>
    </row>
    <row r="754313" spans="14:14">
      <c r="N754313" s="10"/>
    </row>
    <row r="754314" spans="14:14">
      <c r="N754314" s="10"/>
    </row>
    <row r="754315" spans="14:14">
      <c r="N754315" s="10"/>
    </row>
    <row r="754316" spans="14:14">
      <c r="N754316" s="10"/>
    </row>
    <row r="754317" spans="14:14">
      <c r="N754317" s="10"/>
    </row>
    <row r="754318" spans="14:14">
      <c r="N754318" s="10"/>
    </row>
    <row r="754319" spans="14:14">
      <c r="N754319" s="10"/>
    </row>
    <row r="754320" spans="14:14">
      <c r="N754320" s="10"/>
    </row>
    <row r="754321" spans="14:14">
      <c r="N754321" s="10"/>
    </row>
    <row r="754322" spans="14:14">
      <c r="N754322" s="10"/>
    </row>
    <row r="754323" spans="14:14">
      <c r="N754323" s="10"/>
    </row>
    <row r="754324" spans="14:14">
      <c r="N754324" s="10"/>
    </row>
    <row r="754325" spans="14:14">
      <c r="N754325" s="10"/>
    </row>
    <row r="754326" spans="14:14">
      <c r="N754326" s="10"/>
    </row>
    <row r="754327" spans="14:14">
      <c r="N754327" s="10"/>
    </row>
    <row r="754328" spans="14:14">
      <c r="N754328" s="10"/>
    </row>
    <row r="754329" spans="14:14">
      <c r="N754329" s="10"/>
    </row>
    <row r="754330" spans="14:14">
      <c r="N754330" s="10"/>
    </row>
    <row r="754331" spans="14:14">
      <c r="N754331" s="10"/>
    </row>
    <row r="754332" spans="14:14">
      <c r="N754332" s="10"/>
    </row>
    <row r="754333" spans="14:14">
      <c r="N754333" s="10"/>
    </row>
    <row r="754334" spans="14:14">
      <c r="N754334" s="10"/>
    </row>
    <row r="754335" spans="14:14">
      <c r="N754335" s="10"/>
    </row>
    <row r="754336" spans="14:14">
      <c r="N754336" s="10"/>
    </row>
    <row r="754337" spans="14:14">
      <c r="N754337" s="10"/>
    </row>
    <row r="754338" spans="14:14">
      <c r="N754338" s="10"/>
    </row>
    <row r="754339" spans="14:14">
      <c r="N754339" s="10"/>
    </row>
    <row r="754340" spans="14:14">
      <c r="N754340" s="10"/>
    </row>
    <row r="754341" spans="14:14">
      <c r="N754341" s="10"/>
    </row>
    <row r="754342" spans="14:14">
      <c r="N754342" s="10"/>
    </row>
    <row r="754343" spans="14:14">
      <c r="N754343" s="10"/>
    </row>
    <row r="754344" spans="14:14">
      <c r="N754344" s="10"/>
    </row>
    <row r="754345" spans="14:14">
      <c r="N754345" s="10"/>
    </row>
    <row r="754346" spans="14:14">
      <c r="N754346" s="10"/>
    </row>
    <row r="754347" spans="14:14">
      <c r="N754347" s="10"/>
    </row>
    <row r="754348" spans="14:14">
      <c r="N754348" s="10"/>
    </row>
    <row r="754349" spans="14:14">
      <c r="N754349" s="10"/>
    </row>
    <row r="754350" spans="14:14">
      <c r="N754350" s="10"/>
    </row>
    <row r="754351" spans="14:14">
      <c r="N754351" s="10"/>
    </row>
    <row r="754352" spans="14:14">
      <c r="N754352" s="10"/>
    </row>
    <row r="754353" spans="14:14">
      <c r="N754353" s="10"/>
    </row>
    <row r="754354" spans="14:14">
      <c r="N754354" s="10"/>
    </row>
    <row r="754355" spans="14:14">
      <c r="N754355" s="10"/>
    </row>
    <row r="754356" spans="14:14">
      <c r="N754356" s="10"/>
    </row>
    <row r="754357" spans="14:14">
      <c r="N754357" s="10"/>
    </row>
    <row r="754358" spans="14:14">
      <c r="N754358" s="10"/>
    </row>
    <row r="754359" spans="14:14">
      <c r="N754359" s="10"/>
    </row>
    <row r="754360" spans="14:14">
      <c r="N754360" s="10"/>
    </row>
    <row r="754361" spans="14:14">
      <c r="N754361" s="10"/>
    </row>
    <row r="754362" spans="14:14">
      <c r="N754362" s="10"/>
    </row>
    <row r="754363" spans="14:14">
      <c r="N754363" s="10"/>
    </row>
    <row r="754364" spans="14:14">
      <c r="N754364" s="10"/>
    </row>
    <row r="754365" spans="14:14">
      <c r="N754365" s="10"/>
    </row>
    <row r="754366" spans="14:14">
      <c r="N754366" s="10"/>
    </row>
    <row r="754367" spans="14:14">
      <c r="N754367" s="10"/>
    </row>
    <row r="754368" spans="14:14">
      <c r="N754368" s="10"/>
    </row>
    <row r="754369" spans="14:14">
      <c r="N754369" s="10"/>
    </row>
    <row r="754370" spans="14:14">
      <c r="N754370" s="10"/>
    </row>
    <row r="754371" spans="14:14">
      <c r="N754371" s="10"/>
    </row>
    <row r="754372" spans="14:14">
      <c r="N754372" s="10"/>
    </row>
    <row r="754373" spans="14:14">
      <c r="N754373" s="10"/>
    </row>
    <row r="754374" spans="14:14">
      <c r="N754374" s="10"/>
    </row>
    <row r="754375" spans="14:14">
      <c r="N754375" s="10"/>
    </row>
    <row r="754376" spans="14:14">
      <c r="N754376" s="10"/>
    </row>
    <row r="754377" spans="14:14">
      <c r="N754377" s="10"/>
    </row>
    <row r="754378" spans="14:14">
      <c r="N754378" s="10"/>
    </row>
    <row r="754379" spans="14:14">
      <c r="N754379" s="10"/>
    </row>
    <row r="754380" spans="14:14">
      <c r="N754380" s="10"/>
    </row>
    <row r="754381" spans="14:14">
      <c r="N754381" s="10"/>
    </row>
    <row r="754382" spans="14:14">
      <c r="N754382" s="10"/>
    </row>
    <row r="754383" spans="14:14">
      <c r="N754383" s="10"/>
    </row>
    <row r="754384" spans="14:14">
      <c r="N754384" s="10"/>
    </row>
    <row r="754385" spans="14:14">
      <c r="N754385" s="10"/>
    </row>
    <row r="754386" spans="14:14">
      <c r="N754386" s="10"/>
    </row>
    <row r="754387" spans="14:14">
      <c r="N754387" s="10"/>
    </row>
    <row r="754388" spans="14:14">
      <c r="N754388" s="10"/>
    </row>
    <row r="754389" spans="14:14">
      <c r="N754389" s="10"/>
    </row>
    <row r="754390" spans="14:14">
      <c r="N754390" s="10"/>
    </row>
    <row r="754391" spans="14:14">
      <c r="N754391" s="10"/>
    </row>
    <row r="754392" spans="14:14">
      <c r="N754392" s="10"/>
    </row>
    <row r="754393" spans="14:14">
      <c r="N754393" s="10"/>
    </row>
    <row r="754394" spans="14:14">
      <c r="N754394" s="10"/>
    </row>
    <row r="754395" spans="14:14">
      <c r="N754395" s="10"/>
    </row>
    <row r="754396" spans="14:14">
      <c r="N754396" s="10"/>
    </row>
    <row r="754397" spans="14:14">
      <c r="N754397" s="10"/>
    </row>
    <row r="754398" spans="14:14">
      <c r="N754398" s="10"/>
    </row>
    <row r="754399" spans="14:14">
      <c r="N754399" s="10"/>
    </row>
    <row r="754400" spans="14:14">
      <c r="N754400" s="10"/>
    </row>
    <row r="754401" spans="14:14">
      <c r="N754401" s="10"/>
    </row>
    <row r="754402" spans="14:14">
      <c r="N754402" s="10"/>
    </row>
    <row r="754403" spans="14:14">
      <c r="N754403" s="10"/>
    </row>
    <row r="754404" spans="14:14">
      <c r="N754404" s="10"/>
    </row>
    <row r="754405" spans="14:14">
      <c r="N754405" s="10"/>
    </row>
    <row r="754406" spans="14:14">
      <c r="N754406" s="10"/>
    </row>
    <row r="754407" spans="14:14">
      <c r="N754407" s="10"/>
    </row>
    <row r="754408" spans="14:14">
      <c r="N754408" s="10"/>
    </row>
    <row r="754409" spans="14:14">
      <c r="N754409" s="10"/>
    </row>
    <row r="754410" spans="14:14">
      <c r="N754410" s="10"/>
    </row>
    <row r="754411" spans="14:14">
      <c r="N754411" s="10"/>
    </row>
    <row r="754412" spans="14:14">
      <c r="N754412" s="10"/>
    </row>
    <row r="754413" spans="14:14">
      <c r="N754413" s="10"/>
    </row>
    <row r="754414" spans="14:14">
      <c r="N754414" s="10"/>
    </row>
    <row r="754415" spans="14:14">
      <c r="N754415" s="10"/>
    </row>
    <row r="754416" spans="14:14">
      <c r="N754416" s="10"/>
    </row>
    <row r="754417" spans="14:14">
      <c r="N754417" s="10"/>
    </row>
    <row r="754418" spans="14:14">
      <c r="N754418" s="10"/>
    </row>
    <row r="754419" spans="14:14">
      <c r="N754419" s="10"/>
    </row>
    <row r="754420" spans="14:14">
      <c r="N754420" s="10"/>
    </row>
    <row r="754421" spans="14:14">
      <c r="N754421" s="10"/>
    </row>
    <row r="754422" spans="14:14">
      <c r="N754422" s="10"/>
    </row>
    <row r="754423" spans="14:14">
      <c r="N754423" s="10"/>
    </row>
    <row r="754424" spans="14:14">
      <c r="N754424" s="10"/>
    </row>
    <row r="754425" spans="14:14">
      <c r="N754425" s="10"/>
    </row>
    <row r="754426" spans="14:14">
      <c r="N754426" s="10"/>
    </row>
    <row r="754427" spans="14:14">
      <c r="N754427" s="10"/>
    </row>
    <row r="754428" spans="14:14">
      <c r="N754428" s="10"/>
    </row>
    <row r="754429" spans="14:14">
      <c r="N754429" s="10"/>
    </row>
    <row r="754430" spans="14:14">
      <c r="N754430" s="10"/>
    </row>
    <row r="754431" spans="14:14">
      <c r="N754431" s="10"/>
    </row>
    <row r="754432" spans="14:14">
      <c r="N754432" s="10"/>
    </row>
    <row r="754433" spans="14:14">
      <c r="N754433" s="10"/>
    </row>
    <row r="754434" spans="14:14">
      <c r="N754434" s="10"/>
    </row>
    <row r="754435" spans="14:14">
      <c r="N754435" s="10"/>
    </row>
    <row r="754436" spans="14:14">
      <c r="N754436" s="10"/>
    </row>
    <row r="754437" spans="14:14">
      <c r="N754437" s="10"/>
    </row>
    <row r="754438" spans="14:14">
      <c r="N754438" s="10"/>
    </row>
    <row r="754439" spans="14:14">
      <c r="N754439" s="10"/>
    </row>
    <row r="754440" spans="14:14">
      <c r="N754440" s="10"/>
    </row>
    <row r="754441" spans="14:14">
      <c r="N754441" s="10"/>
    </row>
    <row r="754442" spans="14:14">
      <c r="N754442" s="10"/>
    </row>
    <row r="754443" spans="14:14">
      <c r="N754443" s="10"/>
    </row>
    <row r="754444" spans="14:14">
      <c r="N754444" s="10"/>
    </row>
    <row r="754445" spans="14:14">
      <c r="N754445" s="10"/>
    </row>
    <row r="754446" spans="14:14">
      <c r="N754446" s="10"/>
    </row>
    <row r="754447" spans="14:14">
      <c r="N754447" s="10"/>
    </row>
    <row r="754448" spans="14:14">
      <c r="N754448" s="10"/>
    </row>
    <row r="754449" spans="14:14">
      <c r="N754449" s="10"/>
    </row>
    <row r="754450" spans="14:14">
      <c r="N754450" s="10"/>
    </row>
    <row r="754451" spans="14:14">
      <c r="N754451" s="10"/>
    </row>
    <row r="754452" spans="14:14">
      <c r="N754452" s="10"/>
    </row>
    <row r="754453" spans="14:14">
      <c r="N754453" s="10"/>
    </row>
    <row r="754454" spans="14:14">
      <c r="N754454" s="10"/>
    </row>
    <row r="754455" spans="14:14">
      <c r="N754455" s="10"/>
    </row>
    <row r="754456" spans="14:14">
      <c r="N754456" s="10"/>
    </row>
    <row r="754457" spans="14:14">
      <c r="N754457" s="10"/>
    </row>
    <row r="754458" spans="14:14">
      <c r="N754458" s="10"/>
    </row>
    <row r="754459" spans="14:14">
      <c r="N754459" s="10"/>
    </row>
    <row r="754460" spans="14:14">
      <c r="N754460" s="10"/>
    </row>
    <row r="754461" spans="14:14">
      <c r="N754461" s="10"/>
    </row>
    <row r="754462" spans="14:14">
      <c r="N754462" s="10"/>
    </row>
    <row r="754463" spans="14:14">
      <c r="N754463" s="10"/>
    </row>
    <row r="754464" spans="14:14">
      <c r="N754464" s="10"/>
    </row>
    <row r="754465" spans="14:14">
      <c r="N754465" s="10"/>
    </row>
    <row r="754466" spans="14:14">
      <c r="N754466" s="10"/>
    </row>
    <row r="754467" spans="14:14">
      <c r="N754467" s="10"/>
    </row>
    <row r="754468" spans="14:14">
      <c r="N754468" s="10"/>
    </row>
    <row r="754469" spans="14:14">
      <c r="N754469" s="10"/>
    </row>
    <row r="754470" spans="14:14">
      <c r="N754470" s="10"/>
    </row>
    <row r="754471" spans="14:14">
      <c r="N754471" s="10"/>
    </row>
    <row r="754472" spans="14:14">
      <c r="N754472" s="10"/>
    </row>
    <row r="754473" spans="14:14">
      <c r="N754473" s="10"/>
    </row>
    <row r="754474" spans="14:14">
      <c r="N754474" s="10"/>
    </row>
    <row r="754475" spans="14:14">
      <c r="N754475" s="10"/>
    </row>
    <row r="754476" spans="14:14">
      <c r="N754476" s="10"/>
    </row>
    <row r="754477" spans="14:14">
      <c r="N754477" s="10"/>
    </row>
    <row r="754478" spans="14:14">
      <c r="N754478" s="10"/>
    </row>
    <row r="754479" spans="14:14">
      <c r="N754479" s="10"/>
    </row>
    <row r="754480" spans="14:14">
      <c r="N754480" s="10"/>
    </row>
    <row r="754481" spans="14:14">
      <c r="N754481" s="10"/>
    </row>
    <row r="754482" spans="14:14">
      <c r="N754482" s="10"/>
    </row>
    <row r="754483" spans="14:14">
      <c r="N754483" s="10"/>
    </row>
    <row r="754484" spans="14:14">
      <c r="N754484" s="10"/>
    </row>
    <row r="754485" spans="14:14">
      <c r="N754485" s="10"/>
    </row>
    <row r="754486" spans="14:14">
      <c r="N754486" s="10"/>
    </row>
    <row r="754487" spans="14:14">
      <c r="N754487" s="10"/>
    </row>
    <row r="754488" spans="14:14">
      <c r="N754488" s="10"/>
    </row>
    <row r="754489" spans="14:14">
      <c r="N754489" s="10"/>
    </row>
    <row r="754490" spans="14:14">
      <c r="N754490" s="10"/>
    </row>
    <row r="754491" spans="14:14">
      <c r="N754491" s="10"/>
    </row>
    <row r="754492" spans="14:14">
      <c r="N754492" s="10"/>
    </row>
    <row r="754493" spans="14:14">
      <c r="N754493" s="10"/>
    </row>
    <row r="754494" spans="14:14">
      <c r="N754494" s="10"/>
    </row>
    <row r="754495" spans="14:14">
      <c r="N754495" s="10"/>
    </row>
    <row r="754496" spans="14:14">
      <c r="N754496" s="10"/>
    </row>
    <row r="754497" spans="14:14">
      <c r="N754497" s="10"/>
    </row>
    <row r="754498" spans="14:14">
      <c r="N754498" s="10"/>
    </row>
    <row r="754499" spans="14:14">
      <c r="N754499" s="10"/>
    </row>
    <row r="754500" spans="14:14">
      <c r="N754500" s="10"/>
    </row>
    <row r="754501" spans="14:14">
      <c r="N754501" s="10"/>
    </row>
    <row r="754502" spans="14:14">
      <c r="N754502" s="10"/>
    </row>
    <row r="754503" spans="14:14">
      <c r="N754503" s="10"/>
    </row>
    <row r="754504" spans="14:14">
      <c r="N754504" s="10"/>
    </row>
    <row r="754505" spans="14:14">
      <c r="N754505" s="10"/>
    </row>
    <row r="754506" spans="14:14">
      <c r="N754506" s="10"/>
    </row>
    <row r="754507" spans="14:14">
      <c r="N754507" s="10"/>
    </row>
    <row r="754508" spans="14:14">
      <c r="N754508" s="10"/>
    </row>
    <row r="754509" spans="14:14">
      <c r="N754509" s="10"/>
    </row>
    <row r="754510" spans="14:14">
      <c r="N754510" s="10"/>
    </row>
    <row r="754511" spans="14:14">
      <c r="N754511" s="10"/>
    </row>
    <row r="754512" spans="14:14">
      <c r="N754512" s="10"/>
    </row>
    <row r="754513" spans="14:14">
      <c r="N754513" s="10"/>
    </row>
    <row r="754514" spans="14:14">
      <c r="N754514" s="10"/>
    </row>
    <row r="754515" spans="14:14">
      <c r="N754515" s="10"/>
    </row>
    <row r="754516" spans="14:14">
      <c r="N754516" s="10"/>
    </row>
    <row r="754517" spans="14:14">
      <c r="N754517" s="10"/>
    </row>
    <row r="754518" spans="14:14">
      <c r="N754518" s="10"/>
    </row>
    <row r="754519" spans="14:14">
      <c r="N754519" s="10"/>
    </row>
    <row r="754520" spans="14:14">
      <c r="N754520" s="10"/>
    </row>
    <row r="754521" spans="14:14">
      <c r="N754521" s="10"/>
    </row>
    <row r="754522" spans="14:14">
      <c r="N754522" s="10"/>
    </row>
    <row r="754523" spans="14:14">
      <c r="N754523" s="10"/>
    </row>
    <row r="754524" spans="14:14">
      <c r="N754524" s="10"/>
    </row>
    <row r="754525" spans="14:14">
      <c r="N754525" s="10"/>
    </row>
    <row r="754526" spans="14:14">
      <c r="N754526" s="10"/>
    </row>
    <row r="754527" spans="14:14">
      <c r="N754527" s="10"/>
    </row>
    <row r="754528" spans="14:14">
      <c r="N754528" s="10"/>
    </row>
    <row r="754529" spans="14:14">
      <c r="N754529" s="10"/>
    </row>
    <row r="754530" spans="14:14">
      <c r="N754530" s="10"/>
    </row>
    <row r="754531" spans="14:14">
      <c r="N754531" s="10"/>
    </row>
    <row r="754532" spans="14:14">
      <c r="N754532" s="10"/>
    </row>
    <row r="754533" spans="14:14">
      <c r="N754533" s="10"/>
    </row>
    <row r="754534" spans="14:14">
      <c r="N754534" s="10"/>
    </row>
    <row r="754535" spans="14:14">
      <c r="N754535" s="10"/>
    </row>
    <row r="754536" spans="14:14">
      <c r="N754536" s="10"/>
    </row>
    <row r="754537" spans="14:14">
      <c r="N754537" s="10"/>
    </row>
    <row r="754538" spans="14:14">
      <c r="N754538" s="10"/>
    </row>
    <row r="754539" spans="14:14">
      <c r="N754539" s="10"/>
    </row>
    <row r="754540" spans="14:14">
      <c r="N754540" s="10"/>
    </row>
    <row r="754541" spans="14:14">
      <c r="N754541" s="10"/>
    </row>
    <row r="754542" spans="14:14">
      <c r="N754542" s="10"/>
    </row>
    <row r="754543" spans="14:14">
      <c r="N754543" s="10"/>
    </row>
    <row r="754544" spans="14:14">
      <c r="N754544" s="10"/>
    </row>
    <row r="754545" spans="14:14">
      <c r="N754545" s="10"/>
    </row>
    <row r="754546" spans="14:14">
      <c r="N754546" s="10"/>
    </row>
    <row r="754547" spans="14:14">
      <c r="N754547" s="10"/>
    </row>
    <row r="754548" spans="14:14">
      <c r="N754548" s="10"/>
    </row>
    <row r="754549" spans="14:14">
      <c r="N754549" s="10"/>
    </row>
    <row r="754550" spans="14:14">
      <c r="N754550" s="10"/>
    </row>
    <row r="754551" spans="14:14">
      <c r="N754551" s="10"/>
    </row>
    <row r="754552" spans="14:14">
      <c r="N754552" s="10"/>
    </row>
    <row r="754553" spans="14:14">
      <c r="N754553" s="10"/>
    </row>
    <row r="754554" spans="14:14">
      <c r="N754554" s="10"/>
    </row>
    <row r="754555" spans="14:14">
      <c r="N754555" s="10"/>
    </row>
    <row r="754556" spans="14:14">
      <c r="N754556" s="10"/>
    </row>
    <row r="754557" spans="14:14">
      <c r="N754557" s="10"/>
    </row>
    <row r="754558" spans="14:14">
      <c r="N754558" s="10"/>
    </row>
    <row r="754559" spans="14:14">
      <c r="N754559" s="10"/>
    </row>
    <row r="754560" spans="14:14">
      <c r="N754560" s="10"/>
    </row>
    <row r="754561" spans="14:14">
      <c r="N754561" s="10"/>
    </row>
    <row r="754562" spans="14:14">
      <c r="N754562" s="10"/>
    </row>
    <row r="754563" spans="14:14">
      <c r="N754563" s="10"/>
    </row>
    <row r="754564" spans="14:14">
      <c r="N754564" s="10"/>
    </row>
    <row r="754565" spans="14:14">
      <c r="N754565" s="10"/>
    </row>
    <row r="754566" spans="14:14">
      <c r="N754566" s="10"/>
    </row>
    <row r="754567" spans="14:14">
      <c r="N754567" s="10"/>
    </row>
    <row r="754568" spans="14:14">
      <c r="N754568" s="10"/>
    </row>
    <row r="754569" spans="14:14">
      <c r="N754569" s="10"/>
    </row>
    <row r="754570" spans="14:14">
      <c r="N754570" s="10"/>
    </row>
    <row r="754571" spans="14:14">
      <c r="N754571" s="10"/>
    </row>
    <row r="754572" spans="14:14">
      <c r="N754572" s="10"/>
    </row>
    <row r="754573" spans="14:14">
      <c r="N754573" s="10"/>
    </row>
    <row r="754574" spans="14:14">
      <c r="N754574" s="10"/>
    </row>
    <row r="754575" spans="14:14">
      <c r="N754575" s="10"/>
    </row>
    <row r="754576" spans="14:14">
      <c r="N754576" s="10"/>
    </row>
    <row r="754577" spans="14:14">
      <c r="N754577" s="10"/>
    </row>
    <row r="754578" spans="14:14">
      <c r="N754578" s="10"/>
    </row>
    <row r="754579" spans="14:14">
      <c r="N754579" s="10"/>
    </row>
    <row r="754580" spans="14:14">
      <c r="N754580" s="10"/>
    </row>
    <row r="754581" spans="14:14">
      <c r="N754581" s="10"/>
    </row>
    <row r="754582" spans="14:14">
      <c r="N754582" s="10"/>
    </row>
    <row r="754583" spans="14:14">
      <c r="N754583" s="10"/>
    </row>
    <row r="754584" spans="14:14">
      <c r="N754584" s="10"/>
    </row>
    <row r="754585" spans="14:14">
      <c r="N754585" s="10"/>
    </row>
    <row r="754586" spans="14:14">
      <c r="N754586" s="10"/>
    </row>
    <row r="754587" spans="14:14">
      <c r="N754587" s="10"/>
    </row>
    <row r="754588" spans="14:14">
      <c r="N754588" s="10"/>
    </row>
    <row r="754589" spans="14:14">
      <c r="N754589" s="10"/>
    </row>
    <row r="754590" spans="14:14">
      <c r="N754590" s="10"/>
    </row>
    <row r="754591" spans="14:14">
      <c r="N754591" s="10"/>
    </row>
    <row r="754592" spans="14:14">
      <c r="N754592" s="10"/>
    </row>
    <row r="754593" spans="14:14">
      <c r="N754593" s="10"/>
    </row>
    <row r="754594" spans="14:14">
      <c r="N754594" s="10"/>
    </row>
    <row r="754595" spans="14:14">
      <c r="N754595" s="10"/>
    </row>
    <row r="754596" spans="14:14">
      <c r="N754596" s="10"/>
    </row>
    <row r="754597" spans="14:14">
      <c r="N754597" s="10"/>
    </row>
    <row r="754598" spans="14:14">
      <c r="N754598" s="10"/>
    </row>
    <row r="754599" spans="14:14">
      <c r="N754599" s="10"/>
    </row>
    <row r="754600" spans="14:14">
      <c r="N754600" s="10"/>
    </row>
    <row r="754601" spans="14:14">
      <c r="N754601" s="10"/>
    </row>
    <row r="754602" spans="14:14">
      <c r="N754602" s="10"/>
    </row>
    <row r="754603" spans="14:14">
      <c r="N754603" s="10"/>
    </row>
    <row r="754604" spans="14:14">
      <c r="N754604" s="10"/>
    </row>
    <row r="754605" spans="14:14">
      <c r="N754605" s="10"/>
    </row>
    <row r="754606" spans="14:14">
      <c r="N754606" s="10"/>
    </row>
    <row r="754607" spans="14:14">
      <c r="N754607" s="10"/>
    </row>
    <row r="754608" spans="14:14">
      <c r="N754608" s="10"/>
    </row>
    <row r="754609" spans="14:14">
      <c r="N754609" s="10"/>
    </row>
    <row r="754610" spans="14:14">
      <c r="N754610" s="10"/>
    </row>
    <row r="754611" spans="14:14">
      <c r="N754611" s="10"/>
    </row>
    <row r="754612" spans="14:14">
      <c r="N754612" s="10"/>
    </row>
    <row r="754613" spans="14:14">
      <c r="N754613" s="10"/>
    </row>
    <row r="754614" spans="14:14">
      <c r="N754614" s="10"/>
    </row>
    <row r="754615" spans="14:14">
      <c r="N754615" s="10"/>
    </row>
    <row r="754616" spans="14:14">
      <c r="N754616" s="10"/>
    </row>
    <row r="754617" spans="14:14">
      <c r="N754617" s="10"/>
    </row>
    <row r="754618" spans="14:14">
      <c r="N754618" s="10"/>
    </row>
    <row r="754619" spans="14:14">
      <c r="N754619" s="10"/>
    </row>
    <row r="754620" spans="14:14">
      <c r="N754620" s="10"/>
    </row>
    <row r="754621" spans="14:14">
      <c r="N754621" s="10"/>
    </row>
    <row r="754622" spans="14:14">
      <c r="N754622" s="10"/>
    </row>
    <row r="754623" spans="14:14">
      <c r="N754623" s="10"/>
    </row>
    <row r="754624" spans="14:14">
      <c r="N754624" s="10"/>
    </row>
    <row r="754625" spans="14:14">
      <c r="N754625" s="10"/>
    </row>
    <row r="754626" spans="14:14">
      <c r="N754626" s="10"/>
    </row>
    <row r="754627" spans="14:14">
      <c r="N754627" s="10"/>
    </row>
    <row r="754628" spans="14:14">
      <c r="N754628" s="10"/>
    </row>
    <row r="754629" spans="14:14">
      <c r="N754629" s="10"/>
    </row>
    <row r="754630" spans="14:14">
      <c r="N754630" s="10"/>
    </row>
    <row r="754631" spans="14:14">
      <c r="N754631" s="10"/>
    </row>
    <row r="754632" spans="14:14">
      <c r="N754632" s="10"/>
    </row>
    <row r="754633" spans="14:14">
      <c r="N754633" s="10"/>
    </row>
    <row r="754634" spans="14:14">
      <c r="N754634" s="10"/>
    </row>
    <row r="754635" spans="14:14">
      <c r="N754635" s="10"/>
    </row>
    <row r="754636" spans="14:14">
      <c r="N754636" s="10"/>
    </row>
    <row r="754637" spans="14:14">
      <c r="N754637" s="10"/>
    </row>
    <row r="754638" spans="14:14">
      <c r="N754638" s="10"/>
    </row>
    <row r="754639" spans="14:14">
      <c r="N754639" s="10"/>
    </row>
    <row r="754640" spans="14:14">
      <c r="N754640" s="10"/>
    </row>
    <row r="754641" spans="14:14">
      <c r="N754641" s="10"/>
    </row>
    <row r="754642" spans="14:14">
      <c r="N754642" s="10"/>
    </row>
    <row r="754643" spans="14:14">
      <c r="N754643" s="10"/>
    </row>
    <row r="754644" spans="14:14">
      <c r="N754644" s="10"/>
    </row>
    <row r="754645" spans="14:14">
      <c r="N754645" s="10"/>
    </row>
    <row r="754646" spans="14:14">
      <c r="N754646" s="10"/>
    </row>
    <row r="754647" spans="14:14">
      <c r="N754647" s="10"/>
    </row>
    <row r="754648" spans="14:14">
      <c r="N754648" s="10"/>
    </row>
    <row r="754649" spans="14:14">
      <c r="N754649" s="10"/>
    </row>
    <row r="754650" spans="14:14">
      <c r="N754650" s="10"/>
    </row>
    <row r="754651" spans="14:14">
      <c r="N754651" s="10"/>
    </row>
    <row r="754652" spans="14:14">
      <c r="N754652" s="10"/>
    </row>
    <row r="754653" spans="14:14">
      <c r="N754653" s="10"/>
    </row>
    <row r="754654" spans="14:14">
      <c r="N754654" s="10"/>
    </row>
    <row r="754655" spans="14:14">
      <c r="N754655" s="10"/>
    </row>
    <row r="754656" spans="14:14">
      <c r="N754656" s="10"/>
    </row>
    <row r="754657" spans="14:14">
      <c r="N754657" s="10"/>
    </row>
    <row r="754658" spans="14:14">
      <c r="N754658" s="10"/>
    </row>
    <row r="754659" spans="14:14">
      <c r="N754659" s="10"/>
    </row>
    <row r="754660" spans="14:14">
      <c r="N754660" s="10"/>
    </row>
    <row r="754661" spans="14:14">
      <c r="N754661" s="10"/>
    </row>
    <row r="754662" spans="14:14">
      <c r="N754662" s="10"/>
    </row>
    <row r="754663" spans="14:14">
      <c r="N754663" s="10"/>
    </row>
    <row r="754664" spans="14:14">
      <c r="N754664" s="10"/>
    </row>
    <row r="754665" spans="14:14">
      <c r="N754665" s="10"/>
    </row>
    <row r="754666" spans="14:14">
      <c r="N754666" s="10"/>
    </row>
    <row r="754667" spans="14:14">
      <c r="N754667" s="10"/>
    </row>
    <row r="754668" spans="14:14">
      <c r="N754668" s="10"/>
    </row>
    <row r="754669" spans="14:14">
      <c r="N754669" s="10"/>
    </row>
    <row r="754670" spans="14:14">
      <c r="N754670" s="10"/>
    </row>
    <row r="754671" spans="14:14">
      <c r="N754671" s="10"/>
    </row>
    <row r="754672" spans="14:14">
      <c r="N754672" s="10"/>
    </row>
    <row r="754673" spans="14:14">
      <c r="N754673" s="10"/>
    </row>
    <row r="754674" spans="14:14">
      <c r="N754674" s="10"/>
    </row>
    <row r="754675" spans="14:14">
      <c r="N754675" s="10"/>
    </row>
    <row r="754676" spans="14:14">
      <c r="N754676" s="10"/>
    </row>
    <row r="754677" spans="14:14">
      <c r="N754677" s="10"/>
    </row>
    <row r="754678" spans="14:14">
      <c r="N754678" s="10"/>
    </row>
    <row r="754679" spans="14:14">
      <c r="N754679" s="10"/>
    </row>
    <row r="754680" spans="14:14">
      <c r="N754680" s="10"/>
    </row>
    <row r="754681" spans="14:14">
      <c r="N754681" s="10"/>
    </row>
    <row r="754682" spans="14:14">
      <c r="N754682" s="10"/>
    </row>
    <row r="754683" spans="14:14">
      <c r="N754683" s="10"/>
    </row>
    <row r="754684" spans="14:14">
      <c r="N754684" s="10"/>
    </row>
    <row r="754685" spans="14:14">
      <c r="N754685" s="10"/>
    </row>
    <row r="754686" spans="14:14">
      <c r="N754686" s="10"/>
    </row>
    <row r="754687" spans="14:14">
      <c r="N754687" s="10"/>
    </row>
    <row r="754688" spans="14:14">
      <c r="N754688" s="10"/>
    </row>
    <row r="754689" spans="14:14">
      <c r="N754689" s="10"/>
    </row>
    <row r="754690" spans="14:14">
      <c r="N754690" s="10"/>
    </row>
    <row r="754691" spans="14:14">
      <c r="N754691" s="10"/>
    </row>
    <row r="754692" spans="14:14">
      <c r="N754692" s="10"/>
    </row>
    <row r="754693" spans="14:14">
      <c r="N754693" s="10"/>
    </row>
    <row r="754694" spans="14:14">
      <c r="N754694" s="10"/>
    </row>
    <row r="754695" spans="14:14">
      <c r="N754695" s="10"/>
    </row>
    <row r="754696" spans="14:14">
      <c r="N754696" s="10"/>
    </row>
    <row r="754697" spans="14:14">
      <c r="N754697" s="10"/>
    </row>
    <row r="754698" spans="14:14">
      <c r="N754698" s="10"/>
    </row>
    <row r="754699" spans="14:14">
      <c r="N754699" s="10"/>
    </row>
    <row r="754700" spans="14:14">
      <c r="N754700" s="10"/>
    </row>
    <row r="754701" spans="14:14">
      <c r="N754701" s="10"/>
    </row>
    <row r="754702" spans="14:14">
      <c r="N754702" s="10"/>
    </row>
    <row r="754703" spans="14:14">
      <c r="N754703" s="10"/>
    </row>
    <row r="754704" spans="14:14">
      <c r="N754704" s="10"/>
    </row>
    <row r="754705" spans="14:14">
      <c r="N754705" s="10"/>
    </row>
    <row r="754706" spans="14:14">
      <c r="N754706" s="10"/>
    </row>
    <row r="754707" spans="14:14">
      <c r="N754707" s="10"/>
    </row>
    <row r="754708" spans="14:14">
      <c r="N754708" s="10"/>
    </row>
    <row r="754709" spans="14:14">
      <c r="N754709" s="10"/>
    </row>
    <row r="754710" spans="14:14">
      <c r="N754710" s="10"/>
    </row>
    <row r="754711" spans="14:14">
      <c r="N754711" s="10"/>
    </row>
    <row r="754712" spans="14:14">
      <c r="N754712" s="10"/>
    </row>
    <row r="754713" spans="14:14">
      <c r="N754713" s="10"/>
    </row>
    <row r="754714" spans="14:14">
      <c r="N754714" s="10"/>
    </row>
    <row r="754715" spans="14:14">
      <c r="N754715" s="10"/>
    </row>
    <row r="754716" spans="14:14">
      <c r="N754716" s="10"/>
    </row>
    <row r="754717" spans="14:14">
      <c r="N754717" s="10"/>
    </row>
    <row r="754718" spans="14:14">
      <c r="N754718" s="10"/>
    </row>
    <row r="754719" spans="14:14">
      <c r="N754719" s="10"/>
    </row>
    <row r="754720" spans="14:14">
      <c r="N754720" s="10"/>
    </row>
    <row r="754721" spans="14:14">
      <c r="N754721" s="10"/>
    </row>
    <row r="754722" spans="14:14">
      <c r="N754722" s="10"/>
    </row>
    <row r="754723" spans="14:14">
      <c r="N754723" s="10"/>
    </row>
    <row r="754724" spans="14:14">
      <c r="N754724" s="10"/>
    </row>
    <row r="754725" spans="14:14">
      <c r="N754725" s="10"/>
    </row>
    <row r="754726" spans="14:14">
      <c r="N754726" s="10"/>
    </row>
    <row r="754727" spans="14:14">
      <c r="N754727" s="10"/>
    </row>
    <row r="754728" spans="14:14">
      <c r="N754728" s="10"/>
    </row>
    <row r="754729" spans="14:14">
      <c r="N754729" s="10"/>
    </row>
    <row r="754730" spans="14:14">
      <c r="N754730" s="10"/>
    </row>
    <row r="754731" spans="14:14">
      <c r="N754731" s="10"/>
    </row>
    <row r="754732" spans="14:14">
      <c r="N754732" s="10"/>
    </row>
    <row r="754733" spans="14:14">
      <c r="N754733" s="10"/>
    </row>
    <row r="754734" spans="14:14">
      <c r="N754734" s="10"/>
    </row>
    <row r="754735" spans="14:14">
      <c r="N754735" s="10"/>
    </row>
    <row r="754736" spans="14:14">
      <c r="N754736" s="10"/>
    </row>
    <row r="754737" spans="14:14">
      <c r="N754737" s="10"/>
    </row>
    <row r="754738" spans="14:14">
      <c r="N754738" s="10"/>
    </row>
    <row r="754739" spans="14:14">
      <c r="N754739" s="10"/>
    </row>
    <row r="754740" spans="14:14">
      <c r="N754740" s="10"/>
    </row>
    <row r="754741" spans="14:14">
      <c r="N754741" s="10"/>
    </row>
    <row r="754742" spans="14:14">
      <c r="N754742" s="10"/>
    </row>
    <row r="754743" spans="14:14">
      <c r="N754743" s="10"/>
    </row>
    <row r="754744" spans="14:14">
      <c r="N754744" s="10"/>
    </row>
    <row r="754745" spans="14:14">
      <c r="N754745" s="10"/>
    </row>
    <row r="754746" spans="14:14">
      <c r="N754746" s="10"/>
    </row>
    <row r="754747" spans="14:14">
      <c r="N754747" s="10"/>
    </row>
    <row r="754748" spans="14:14">
      <c r="N754748" s="10"/>
    </row>
    <row r="754749" spans="14:14">
      <c r="N754749" s="10"/>
    </row>
    <row r="754750" spans="14:14">
      <c r="N754750" s="10"/>
    </row>
    <row r="754751" spans="14:14">
      <c r="N754751" s="10"/>
    </row>
    <row r="754752" spans="14:14">
      <c r="N754752" s="10"/>
    </row>
    <row r="754753" spans="14:14">
      <c r="N754753" s="10"/>
    </row>
    <row r="754754" spans="14:14">
      <c r="N754754" s="10"/>
    </row>
    <row r="754755" spans="14:14">
      <c r="N754755" s="10"/>
    </row>
    <row r="754756" spans="14:14">
      <c r="N754756" s="10"/>
    </row>
    <row r="754757" spans="14:14">
      <c r="N754757" s="10"/>
    </row>
    <row r="754758" spans="14:14">
      <c r="N754758" s="10"/>
    </row>
    <row r="754759" spans="14:14">
      <c r="N754759" s="10"/>
    </row>
    <row r="754760" spans="14:14">
      <c r="N754760" s="10"/>
    </row>
    <row r="754761" spans="14:14">
      <c r="N754761" s="10"/>
    </row>
    <row r="754762" spans="14:14">
      <c r="N754762" s="10"/>
    </row>
    <row r="754763" spans="14:14">
      <c r="N754763" s="10"/>
    </row>
    <row r="754764" spans="14:14">
      <c r="N754764" s="10"/>
    </row>
    <row r="754765" spans="14:14">
      <c r="N754765" s="10"/>
    </row>
    <row r="754766" spans="14:14">
      <c r="N754766" s="10"/>
    </row>
    <row r="754767" spans="14:14">
      <c r="N754767" s="10"/>
    </row>
    <row r="754768" spans="14:14">
      <c r="N754768" s="10"/>
    </row>
    <row r="754769" spans="14:14">
      <c r="N754769" s="10"/>
    </row>
    <row r="754770" spans="14:14">
      <c r="N754770" s="10"/>
    </row>
    <row r="754771" spans="14:14">
      <c r="N754771" s="10"/>
    </row>
    <row r="754772" spans="14:14">
      <c r="N754772" s="10"/>
    </row>
    <row r="754773" spans="14:14">
      <c r="N754773" s="10"/>
    </row>
    <row r="754774" spans="14:14">
      <c r="N754774" s="10"/>
    </row>
    <row r="754775" spans="14:14">
      <c r="N754775" s="10"/>
    </row>
    <row r="754776" spans="14:14">
      <c r="N754776" s="10"/>
    </row>
    <row r="754777" spans="14:14">
      <c r="N754777" s="10"/>
    </row>
    <row r="754778" spans="14:14">
      <c r="N754778" s="10"/>
    </row>
    <row r="754779" spans="14:14">
      <c r="N754779" s="10"/>
    </row>
    <row r="754780" spans="14:14">
      <c r="N754780" s="10"/>
    </row>
    <row r="754781" spans="14:14">
      <c r="N754781" s="10"/>
    </row>
    <row r="754782" spans="14:14">
      <c r="N754782" s="10"/>
    </row>
    <row r="754783" spans="14:14">
      <c r="N754783" s="10"/>
    </row>
    <row r="754784" spans="14:14">
      <c r="N754784" s="10"/>
    </row>
    <row r="754785" spans="14:14">
      <c r="N754785" s="10"/>
    </row>
    <row r="754786" spans="14:14">
      <c r="N754786" s="10"/>
    </row>
    <row r="754787" spans="14:14">
      <c r="N754787" s="10"/>
    </row>
    <row r="754788" spans="14:14">
      <c r="N754788" s="10"/>
    </row>
    <row r="754789" spans="14:14">
      <c r="N754789" s="10"/>
    </row>
    <row r="754790" spans="14:14">
      <c r="N754790" s="10"/>
    </row>
    <row r="754791" spans="14:14">
      <c r="N754791" s="10"/>
    </row>
    <row r="754792" spans="14:14">
      <c r="N754792" s="10"/>
    </row>
    <row r="754793" spans="14:14">
      <c r="N754793" s="10"/>
    </row>
    <row r="754794" spans="14:14">
      <c r="N754794" s="10"/>
    </row>
    <row r="754795" spans="14:14">
      <c r="N754795" s="10"/>
    </row>
    <row r="754796" spans="14:14">
      <c r="N754796" s="10"/>
    </row>
    <row r="754797" spans="14:14">
      <c r="N754797" s="10"/>
    </row>
    <row r="754798" spans="14:14">
      <c r="N754798" s="10"/>
    </row>
    <row r="754799" spans="14:14">
      <c r="N754799" s="10"/>
    </row>
    <row r="754800" spans="14:14">
      <c r="N754800" s="10"/>
    </row>
    <row r="754801" spans="14:14">
      <c r="N754801" s="10"/>
    </row>
    <row r="754802" spans="14:14">
      <c r="N754802" s="10"/>
    </row>
    <row r="754803" spans="14:14">
      <c r="N754803" s="10"/>
    </row>
    <row r="754804" spans="14:14">
      <c r="N754804" s="10"/>
    </row>
    <row r="754805" spans="14:14">
      <c r="N754805" s="10"/>
    </row>
    <row r="754806" spans="14:14">
      <c r="N754806" s="10"/>
    </row>
    <row r="754807" spans="14:14">
      <c r="N754807" s="10"/>
    </row>
    <row r="754808" spans="14:14">
      <c r="N754808" s="10"/>
    </row>
    <row r="754809" spans="14:14">
      <c r="N754809" s="10"/>
    </row>
    <row r="754810" spans="14:14">
      <c r="N754810" s="10"/>
    </row>
    <row r="754811" spans="14:14">
      <c r="N754811" s="10"/>
    </row>
    <row r="754812" spans="14:14">
      <c r="N754812" s="10"/>
    </row>
    <row r="754813" spans="14:14">
      <c r="N754813" s="10"/>
    </row>
    <row r="754814" spans="14:14">
      <c r="N754814" s="10"/>
    </row>
    <row r="754815" spans="14:14">
      <c r="N754815" s="10"/>
    </row>
    <row r="754816" spans="14:14">
      <c r="N754816" s="10"/>
    </row>
    <row r="754817" spans="14:14">
      <c r="N754817" s="10"/>
    </row>
    <row r="754818" spans="14:14">
      <c r="N754818" s="10"/>
    </row>
    <row r="754819" spans="14:14">
      <c r="N754819" s="10"/>
    </row>
    <row r="754820" spans="14:14">
      <c r="N754820" s="10"/>
    </row>
    <row r="754821" spans="14:14">
      <c r="N754821" s="10"/>
    </row>
    <row r="754822" spans="14:14">
      <c r="N754822" s="10"/>
    </row>
    <row r="754823" spans="14:14">
      <c r="N754823" s="10"/>
    </row>
    <row r="754824" spans="14:14">
      <c r="N754824" s="10"/>
    </row>
    <row r="754825" spans="14:14">
      <c r="N754825" s="10"/>
    </row>
    <row r="754826" spans="14:14">
      <c r="N754826" s="10"/>
    </row>
    <row r="754827" spans="14:14">
      <c r="N754827" s="10"/>
    </row>
    <row r="754828" spans="14:14">
      <c r="N754828" s="10"/>
    </row>
    <row r="754829" spans="14:14">
      <c r="N754829" s="10"/>
    </row>
    <row r="754830" spans="14:14">
      <c r="N754830" s="10"/>
    </row>
    <row r="754831" spans="14:14">
      <c r="N754831" s="10"/>
    </row>
    <row r="754832" spans="14:14">
      <c r="N754832" s="10"/>
    </row>
    <row r="754833" spans="14:14">
      <c r="N754833" s="10"/>
    </row>
    <row r="754834" spans="14:14">
      <c r="N754834" s="10"/>
    </row>
    <row r="754835" spans="14:14">
      <c r="N754835" s="10"/>
    </row>
    <row r="754836" spans="14:14">
      <c r="N754836" s="10"/>
    </row>
    <row r="754837" spans="14:14">
      <c r="N754837" s="10"/>
    </row>
    <row r="754838" spans="14:14">
      <c r="N754838" s="10"/>
    </row>
    <row r="754839" spans="14:14">
      <c r="N754839" s="10"/>
    </row>
    <row r="754840" spans="14:14">
      <c r="N754840" s="10"/>
    </row>
    <row r="754841" spans="14:14">
      <c r="N754841" s="10"/>
    </row>
    <row r="754842" spans="14:14">
      <c r="N754842" s="10"/>
    </row>
    <row r="754843" spans="14:14">
      <c r="N754843" s="10"/>
    </row>
    <row r="754844" spans="14:14">
      <c r="N754844" s="10"/>
    </row>
    <row r="754845" spans="14:14">
      <c r="N754845" s="10"/>
    </row>
    <row r="754846" spans="14:14">
      <c r="N754846" s="10"/>
    </row>
    <row r="754847" spans="14:14">
      <c r="N754847" s="10"/>
    </row>
    <row r="754848" spans="14:14">
      <c r="N754848" s="10"/>
    </row>
    <row r="754849" spans="14:14">
      <c r="N754849" s="10"/>
    </row>
    <row r="754850" spans="14:14">
      <c r="N754850" s="10"/>
    </row>
    <row r="754851" spans="14:14">
      <c r="N754851" s="10"/>
    </row>
    <row r="754852" spans="14:14">
      <c r="N754852" s="10"/>
    </row>
    <row r="754853" spans="14:14">
      <c r="N754853" s="10"/>
    </row>
    <row r="754854" spans="14:14">
      <c r="N754854" s="10"/>
    </row>
    <row r="754855" spans="14:14">
      <c r="N754855" s="10"/>
    </row>
    <row r="754856" spans="14:14">
      <c r="N754856" s="10"/>
    </row>
    <row r="754857" spans="14:14">
      <c r="N754857" s="10"/>
    </row>
    <row r="754858" spans="14:14">
      <c r="N754858" s="10"/>
    </row>
    <row r="754859" spans="14:14">
      <c r="N754859" s="10"/>
    </row>
    <row r="754860" spans="14:14">
      <c r="N754860" s="10"/>
    </row>
    <row r="754861" spans="14:14">
      <c r="N754861" s="10"/>
    </row>
    <row r="754862" spans="14:14">
      <c r="N754862" s="10"/>
    </row>
    <row r="754863" spans="14:14">
      <c r="N754863" s="10"/>
    </row>
    <row r="754864" spans="14:14">
      <c r="N754864" s="10"/>
    </row>
    <row r="754865" spans="14:14">
      <c r="N754865" s="10"/>
    </row>
    <row r="754866" spans="14:14">
      <c r="N754866" s="10"/>
    </row>
    <row r="754867" spans="14:14">
      <c r="N754867" s="10"/>
    </row>
    <row r="754868" spans="14:14">
      <c r="N754868" s="10"/>
    </row>
    <row r="754869" spans="14:14">
      <c r="N754869" s="10"/>
    </row>
    <row r="754870" spans="14:14">
      <c r="N754870" s="10"/>
    </row>
    <row r="754871" spans="14:14">
      <c r="N754871" s="10"/>
    </row>
    <row r="754872" spans="14:14">
      <c r="N754872" s="10"/>
    </row>
    <row r="754873" spans="14:14">
      <c r="N754873" s="10"/>
    </row>
    <row r="754874" spans="14:14">
      <c r="N754874" s="10"/>
    </row>
    <row r="754875" spans="14:14">
      <c r="N754875" s="10"/>
    </row>
    <row r="754876" spans="14:14">
      <c r="N754876" s="10"/>
    </row>
    <row r="754877" spans="14:14">
      <c r="N754877" s="10"/>
    </row>
    <row r="754878" spans="14:14">
      <c r="N754878" s="10"/>
    </row>
    <row r="754879" spans="14:14">
      <c r="N754879" s="10"/>
    </row>
    <row r="754880" spans="14:14">
      <c r="N754880" s="10"/>
    </row>
    <row r="754881" spans="14:14">
      <c r="N754881" s="10"/>
    </row>
    <row r="754882" spans="14:14">
      <c r="N754882" s="10"/>
    </row>
    <row r="754883" spans="14:14">
      <c r="N754883" s="10"/>
    </row>
    <row r="754884" spans="14:14">
      <c r="N754884" s="10"/>
    </row>
    <row r="754885" spans="14:14">
      <c r="N754885" s="10"/>
    </row>
    <row r="754886" spans="14:14">
      <c r="N754886" s="10"/>
    </row>
    <row r="754887" spans="14:14">
      <c r="N754887" s="10"/>
    </row>
    <row r="754888" spans="14:14">
      <c r="N754888" s="10"/>
    </row>
    <row r="754889" spans="14:14">
      <c r="N754889" s="10"/>
    </row>
    <row r="754890" spans="14:14">
      <c r="N754890" s="10"/>
    </row>
    <row r="754891" spans="14:14">
      <c r="N754891" s="10"/>
    </row>
    <row r="754892" spans="14:14">
      <c r="N754892" s="10"/>
    </row>
    <row r="754893" spans="14:14">
      <c r="N754893" s="10"/>
    </row>
    <row r="754894" spans="14:14">
      <c r="N754894" s="10"/>
    </row>
    <row r="754895" spans="14:14">
      <c r="N754895" s="10"/>
    </row>
    <row r="754896" spans="14:14">
      <c r="N754896" s="10"/>
    </row>
    <row r="754897" spans="14:14">
      <c r="N754897" s="10"/>
    </row>
    <row r="754898" spans="14:14">
      <c r="N754898" s="10"/>
    </row>
    <row r="754899" spans="14:14">
      <c r="N754899" s="10"/>
    </row>
    <row r="754900" spans="14:14">
      <c r="N754900" s="10"/>
    </row>
    <row r="754901" spans="14:14">
      <c r="N754901" s="10"/>
    </row>
    <row r="754902" spans="14:14">
      <c r="N754902" s="10"/>
    </row>
    <row r="754903" spans="14:14">
      <c r="N754903" s="10"/>
    </row>
    <row r="754904" spans="14:14">
      <c r="N754904" s="10"/>
    </row>
    <row r="754905" spans="14:14">
      <c r="N754905" s="10"/>
    </row>
    <row r="754906" spans="14:14">
      <c r="N754906" s="10"/>
    </row>
    <row r="754907" spans="14:14">
      <c r="N754907" s="10"/>
    </row>
    <row r="754908" spans="14:14">
      <c r="N754908" s="10"/>
    </row>
    <row r="754909" spans="14:14">
      <c r="N754909" s="10"/>
    </row>
    <row r="754910" spans="14:14">
      <c r="N754910" s="10"/>
    </row>
    <row r="754911" spans="14:14">
      <c r="N754911" s="10"/>
    </row>
    <row r="754912" spans="14:14">
      <c r="N754912" s="10"/>
    </row>
    <row r="754913" spans="14:14">
      <c r="N754913" s="10"/>
    </row>
    <row r="754914" spans="14:14">
      <c r="N754914" s="10"/>
    </row>
    <row r="754915" spans="14:14">
      <c r="N754915" s="10"/>
    </row>
    <row r="754916" spans="14:14">
      <c r="N754916" s="10"/>
    </row>
    <row r="754917" spans="14:14">
      <c r="N754917" s="10"/>
    </row>
    <row r="754918" spans="14:14">
      <c r="N754918" s="10"/>
    </row>
    <row r="754919" spans="14:14">
      <c r="N754919" s="10"/>
    </row>
    <row r="754920" spans="14:14">
      <c r="N754920" s="10"/>
    </row>
    <row r="754921" spans="14:14">
      <c r="N754921" s="10"/>
    </row>
    <row r="754922" spans="14:14">
      <c r="N754922" s="10"/>
    </row>
    <row r="754923" spans="14:14">
      <c r="N754923" s="10"/>
    </row>
    <row r="754924" spans="14:14">
      <c r="N754924" s="10"/>
    </row>
    <row r="754925" spans="14:14">
      <c r="N754925" s="10"/>
    </row>
    <row r="754926" spans="14:14">
      <c r="N754926" s="10"/>
    </row>
    <row r="754927" spans="14:14">
      <c r="N754927" s="10"/>
    </row>
    <row r="754928" spans="14:14">
      <c r="N754928" s="10"/>
    </row>
    <row r="754929" spans="14:14">
      <c r="N754929" s="10"/>
    </row>
    <row r="754930" spans="14:14">
      <c r="N754930" s="10"/>
    </row>
    <row r="754931" spans="14:14">
      <c r="N754931" s="10"/>
    </row>
    <row r="754932" spans="14:14">
      <c r="N754932" s="10"/>
    </row>
    <row r="754933" spans="14:14">
      <c r="N754933" s="10"/>
    </row>
    <row r="754934" spans="14:14">
      <c r="N754934" s="10"/>
    </row>
    <row r="754935" spans="14:14">
      <c r="N754935" s="10"/>
    </row>
    <row r="754936" spans="14:14">
      <c r="N754936" s="10"/>
    </row>
    <row r="754937" spans="14:14">
      <c r="N754937" s="10"/>
    </row>
    <row r="754938" spans="14:14">
      <c r="N754938" s="10"/>
    </row>
    <row r="754939" spans="14:14">
      <c r="N754939" s="10"/>
    </row>
    <row r="754940" spans="14:14">
      <c r="N754940" s="10"/>
    </row>
    <row r="754941" spans="14:14">
      <c r="N754941" s="10"/>
    </row>
    <row r="754942" spans="14:14">
      <c r="N754942" s="10"/>
    </row>
    <row r="754943" spans="14:14">
      <c r="N754943" s="10"/>
    </row>
    <row r="754944" spans="14:14">
      <c r="N754944" s="10"/>
    </row>
    <row r="754945" spans="14:14">
      <c r="N754945" s="10"/>
    </row>
    <row r="754946" spans="14:14">
      <c r="N754946" s="10"/>
    </row>
    <row r="754947" spans="14:14">
      <c r="N754947" s="10"/>
    </row>
    <row r="754948" spans="14:14">
      <c r="N754948" s="10"/>
    </row>
    <row r="754949" spans="14:14">
      <c r="N754949" s="10"/>
    </row>
    <row r="754950" spans="14:14">
      <c r="N754950" s="10"/>
    </row>
    <row r="754951" spans="14:14">
      <c r="N754951" s="10"/>
    </row>
    <row r="754952" spans="14:14">
      <c r="N754952" s="10"/>
    </row>
    <row r="754953" spans="14:14">
      <c r="N754953" s="10"/>
    </row>
    <row r="754954" spans="14:14">
      <c r="N754954" s="10"/>
    </row>
    <row r="754955" spans="14:14">
      <c r="N754955" s="10"/>
    </row>
    <row r="754956" spans="14:14">
      <c r="N754956" s="10"/>
    </row>
    <row r="754957" spans="14:14">
      <c r="N754957" s="10"/>
    </row>
    <row r="754958" spans="14:14">
      <c r="N754958" s="10"/>
    </row>
    <row r="754959" spans="14:14">
      <c r="N754959" s="10"/>
    </row>
    <row r="754960" spans="14:14">
      <c r="N754960" s="10"/>
    </row>
    <row r="754961" spans="14:14">
      <c r="N754961" s="10"/>
    </row>
    <row r="754962" spans="14:14">
      <c r="N754962" s="10"/>
    </row>
    <row r="754963" spans="14:14">
      <c r="N754963" s="10"/>
    </row>
    <row r="754964" spans="14:14">
      <c r="N754964" s="10"/>
    </row>
    <row r="754965" spans="14:14">
      <c r="N754965" s="10"/>
    </row>
    <row r="754966" spans="14:14">
      <c r="N754966" s="10"/>
    </row>
    <row r="754967" spans="14:14">
      <c r="N754967" s="10"/>
    </row>
    <row r="754968" spans="14:14">
      <c r="N754968" s="10"/>
    </row>
    <row r="754969" spans="14:14">
      <c r="N754969" s="10"/>
    </row>
    <row r="754970" spans="14:14">
      <c r="N754970" s="10"/>
    </row>
    <row r="754971" spans="14:14">
      <c r="N754971" s="10"/>
    </row>
    <row r="754972" spans="14:14">
      <c r="N754972" s="10"/>
    </row>
    <row r="754973" spans="14:14">
      <c r="N754973" s="10"/>
    </row>
    <row r="754974" spans="14:14">
      <c r="N754974" s="10"/>
    </row>
    <row r="754975" spans="14:14">
      <c r="N754975" s="10"/>
    </row>
    <row r="754976" spans="14:14">
      <c r="N754976" s="10"/>
    </row>
    <row r="754977" spans="14:14">
      <c r="N754977" s="10"/>
    </row>
    <row r="754978" spans="14:14">
      <c r="N754978" s="10"/>
    </row>
    <row r="754979" spans="14:14">
      <c r="N754979" s="10"/>
    </row>
    <row r="754980" spans="14:14">
      <c r="N754980" s="10"/>
    </row>
    <row r="754981" spans="14:14">
      <c r="N754981" s="10"/>
    </row>
    <row r="754982" spans="14:14">
      <c r="N754982" s="10"/>
    </row>
    <row r="754983" spans="14:14">
      <c r="N754983" s="10"/>
    </row>
    <row r="754984" spans="14:14">
      <c r="N754984" s="10"/>
    </row>
    <row r="754985" spans="14:14">
      <c r="N754985" s="10"/>
    </row>
    <row r="754986" spans="14:14">
      <c r="N754986" s="10"/>
    </row>
    <row r="754987" spans="14:14">
      <c r="N754987" s="10"/>
    </row>
    <row r="754988" spans="14:14">
      <c r="N754988" s="10"/>
    </row>
    <row r="754989" spans="14:14">
      <c r="N754989" s="10"/>
    </row>
    <row r="754990" spans="14:14">
      <c r="N754990" s="10"/>
    </row>
    <row r="754991" spans="14:14">
      <c r="N754991" s="10"/>
    </row>
    <row r="754992" spans="14:14">
      <c r="N754992" s="10"/>
    </row>
    <row r="754993" spans="14:14">
      <c r="N754993" s="10"/>
    </row>
    <row r="754994" spans="14:14">
      <c r="N754994" s="10"/>
    </row>
    <row r="754995" spans="14:14">
      <c r="N754995" s="10"/>
    </row>
    <row r="754996" spans="14:14">
      <c r="N754996" s="10"/>
    </row>
    <row r="754997" spans="14:14">
      <c r="N754997" s="10"/>
    </row>
    <row r="754998" spans="14:14">
      <c r="N754998" s="10"/>
    </row>
    <row r="754999" spans="14:14">
      <c r="N754999" s="10"/>
    </row>
    <row r="755000" spans="14:14">
      <c r="N755000" s="10"/>
    </row>
    <row r="755001" spans="14:14">
      <c r="N755001" s="10"/>
    </row>
    <row r="755002" spans="14:14">
      <c r="N755002" s="10"/>
    </row>
    <row r="755003" spans="14:14">
      <c r="N755003" s="10"/>
    </row>
    <row r="755004" spans="14:14">
      <c r="N755004" s="10"/>
    </row>
    <row r="755005" spans="14:14">
      <c r="N755005" s="10"/>
    </row>
    <row r="755006" spans="14:14">
      <c r="N755006" s="10"/>
    </row>
    <row r="755007" spans="14:14">
      <c r="N755007" s="10"/>
    </row>
    <row r="755008" spans="14:14">
      <c r="N755008" s="10"/>
    </row>
    <row r="755009" spans="14:14">
      <c r="N755009" s="10"/>
    </row>
    <row r="755010" spans="14:14">
      <c r="N755010" s="10"/>
    </row>
    <row r="755011" spans="14:14">
      <c r="N755011" s="10"/>
    </row>
    <row r="755012" spans="14:14">
      <c r="N755012" s="10"/>
    </row>
    <row r="755013" spans="14:14">
      <c r="N755013" s="10"/>
    </row>
    <row r="755014" spans="14:14">
      <c r="N755014" s="10"/>
    </row>
    <row r="755015" spans="14:14">
      <c r="N755015" s="10"/>
    </row>
    <row r="755016" spans="14:14">
      <c r="N755016" s="10"/>
    </row>
    <row r="755017" spans="14:14">
      <c r="N755017" s="10"/>
    </row>
    <row r="755018" spans="14:14">
      <c r="N755018" s="10"/>
    </row>
    <row r="755019" spans="14:14">
      <c r="N755019" s="10"/>
    </row>
    <row r="755020" spans="14:14">
      <c r="N755020" s="10"/>
    </row>
    <row r="755021" spans="14:14">
      <c r="N755021" s="10"/>
    </row>
    <row r="755022" spans="14:14">
      <c r="N755022" s="10"/>
    </row>
    <row r="755023" spans="14:14">
      <c r="N755023" s="10"/>
    </row>
    <row r="755024" spans="14:14">
      <c r="N755024" s="10"/>
    </row>
    <row r="755025" spans="14:14">
      <c r="N755025" s="10"/>
    </row>
    <row r="755026" spans="14:14">
      <c r="N755026" s="10"/>
    </row>
    <row r="755027" spans="14:14">
      <c r="N755027" s="10"/>
    </row>
    <row r="755028" spans="14:14">
      <c r="N755028" s="10"/>
    </row>
    <row r="755029" spans="14:14">
      <c r="N755029" s="10"/>
    </row>
    <row r="755030" spans="14:14">
      <c r="N755030" s="10"/>
    </row>
    <row r="755031" spans="14:14">
      <c r="N755031" s="10"/>
    </row>
    <row r="755032" spans="14:14">
      <c r="N755032" s="10"/>
    </row>
    <row r="755033" spans="14:14">
      <c r="N755033" s="10"/>
    </row>
    <row r="755034" spans="14:14">
      <c r="N755034" s="10"/>
    </row>
    <row r="755035" spans="14:14">
      <c r="N755035" s="10"/>
    </row>
    <row r="755036" spans="14:14">
      <c r="N755036" s="10"/>
    </row>
    <row r="755037" spans="14:14">
      <c r="N755037" s="10"/>
    </row>
    <row r="755038" spans="14:14">
      <c r="N755038" s="10"/>
    </row>
    <row r="755039" spans="14:14">
      <c r="N755039" s="10"/>
    </row>
    <row r="755040" spans="14:14">
      <c r="N755040" s="10"/>
    </row>
    <row r="755041" spans="14:14">
      <c r="N755041" s="10"/>
    </row>
    <row r="755042" spans="14:14">
      <c r="N755042" s="10"/>
    </row>
    <row r="755043" spans="14:14">
      <c r="N755043" s="10"/>
    </row>
    <row r="755044" spans="14:14">
      <c r="N755044" s="10"/>
    </row>
    <row r="755045" spans="14:14">
      <c r="N755045" s="10"/>
    </row>
    <row r="755046" spans="14:14">
      <c r="N755046" s="10"/>
    </row>
    <row r="755047" spans="14:14">
      <c r="N755047" s="10"/>
    </row>
    <row r="755048" spans="14:14">
      <c r="N755048" s="10"/>
    </row>
    <row r="755049" spans="14:14">
      <c r="N755049" s="10"/>
    </row>
    <row r="755050" spans="14:14">
      <c r="N755050" s="10"/>
    </row>
    <row r="755051" spans="14:14">
      <c r="N755051" s="10"/>
    </row>
    <row r="755052" spans="14:14">
      <c r="N755052" s="10"/>
    </row>
    <row r="755053" spans="14:14">
      <c r="N755053" s="10"/>
    </row>
    <row r="755054" spans="14:14">
      <c r="N755054" s="10"/>
    </row>
    <row r="755055" spans="14:14">
      <c r="N755055" s="10"/>
    </row>
    <row r="755056" spans="14:14">
      <c r="N755056" s="10"/>
    </row>
    <row r="755057" spans="14:14">
      <c r="N755057" s="10"/>
    </row>
    <row r="755058" spans="14:14">
      <c r="N755058" s="10"/>
    </row>
    <row r="755059" spans="14:14">
      <c r="N755059" s="10"/>
    </row>
    <row r="755060" spans="14:14">
      <c r="N755060" s="10"/>
    </row>
    <row r="755061" spans="14:14">
      <c r="N755061" s="10"/>
    </row>
    <row r="755062" spans="14:14">
      <c r="N755062" s="10"/>
    </row>
    <row r="755063" spans="14:14">
      <c r="N755063" s="10"/>
    </row>
    <row r="755064" spans="14:14">
      <c r="N755064" s="10"/>
    </row>
    <row r="755065" spans="14:14">
      <c r="N755065" s="10"/>
    </row>
    <row r="755066" spans="14:14">
      <c r="N755066" s="10"/>
    </row>
    <row r="755067" spans="14:14">
      <c r="N755067" s="10"/>
    </row>
    <row r="755068" spans="14:14">
      <c r="N755068" s="10"/>
    </row>
    <row r="755069" spans="14:14">
      <c r="N755069" s="10"/>
    </row>
    <row r="755070" spans="14:14">
      <c r="N755070" s="10"/>
    </row>
    <row r="755071" spans="14:14">
      <c r="N755071" s="10"/>
    </row>
    <row r="755072" spans="14:14">
      <c r="N755072" s="10"/>
    </row>
    <row r="755073" spans="14:14">
      <c r="N755073" s="10"/>
    </row>
    <row r="755074" spans="14:14">
      <c r="N755074" s="10"/>
    </row>
    <row r="755075" spans="14:14">
      <c r="N755075" s="10"/>
    </row>
    <row r="755076" spans="14:14">
      <c r="N755076" s="10"/>
    </row>
    <row r="755077" spans="14:14">
      <c r="N755077" s="10"/>
    </row>
    <row r="755078" spans="14:14">
      <c r="N755078" s="10"/>
    </row>
    <row r="755079" spans="14:14">
      <c r="N755079" s="10"/>
    </row>
    <row r="755080" spans="14:14">
      <c r="N755080" s="10"/>
    </row>
    <row r="755081" spans="14:14">
      <c r="N755081" s="10"/>
    </row>
    <row r="755082" spans="14:14">
      <c r="N755082" s="10"/>
    </row>
    <row r="755083" spans="14:14">
      <c r="N755083" s="10"/>
    </row>
    <row r="755084" spans="14:14">
      <c r="N755084" s="10"/>
    </row>
    <row r="755085" spans="14:14">
      <c r="N755085" s="10"/>
    </row>
    <row r="755086" spans="14:14">
      <c r="N755086" s="10"/>
    </row>
    <row r="755087" spans="14:14">
      <c r="N755087" s="10"/>
    </row>
    <row r="755088" spans="14:14">
      <c r="N755088" s="10"/>
    </row>
    <row r="755089" spans="14:14">
      <c r="N755089" s="10"/>
    </row>
    <row r="755090" spans="14:14">
      <c r="N755090" s="10"/>
    </row>
    <row r="755091" spans="14:14">
      <c r="N755091" s="10"/>
    </row>
    <row r="755092" spans="14:14">
      <c r="N755092" s="10"/>
    </row>
    <row r="755093" spans="14:14">
      <c r="N755093" s="10"/>
    </row>
    <row r="755094" spans="14:14">
      <c r="N755094" s="10"/>
    </row>
    <row r="755095" spans="14:14">
      <c r="N755095" s="10"/>
    </row>
    <row r="755096" spans="14:14">
      <c r="N755096" s="10"/>
    </row>
    <row r="755097" spans="14:14">
      <c r="N755097" s="10"/>
    </row>
    <row r="755098" spans="14:14">
      <c r="N755098" s="10"/>
    </row>
    <row r="755099" spans="14:14">
      <c r="N755099" s="10"/>
    </row>
    <row r="755100" spans="14:14">
      <c r="N755100" s="10"/>
    </row>
    <row r="755101" spans="14:14">
      <c r="N755101" s="10"/>
    </row>
    <row r="755102" spans="14:14">
      <c r="N755102" s="10"/>
    </row>
    <row r="755103" spans="14:14">
      <c r="N755103" s="10"/>
    </row>
    <row r="755104" spans="14:14">
      <c r="N755104" s="10"/>
    </row>
    <row r="755105" spans="14:14">
      <c r="N755105" s="10"/>
    </row>
    <row r="755106" spans="14:14">
      <c r="N755106" s="10"/>
    </row>
    <row r="755107" spans="14:14">
      <c r="N755107" s="10"/>
    </row>
    <row r="755108" spans="14:14">
      <c r="N755108" s="10"/>
    </row>
    <row r="755109" spans="14:14">
      <c r="N755109" s="10"/>
    </row>
    <row r="755110" spans="14:14">
      <c r="N755110" s="10"/>
    </row>
    <row r="755111" spans="14:14">
      <c r="N755111" s="10"/>
    </row>
    <row r="755112" spans="14:14">
      <c r="N755112" s="10"/>
    </row>
    <row r="755113" spans="14:14">
      <c r="N755113" s="10"/>
    </row>
    <row r="755114" spans="14:14">
      <c r="N755114" s="10"/>
    </row>
    <row r="755115" spans="14:14">
      <c r="N755115" s="10"/>
    </row>
    <row r="755116" spans="14:14">
      <c r="N755116" s="10"/>
    </row>
    <row r="755117" spans="14:14">
      <c r="N755117" s="10"/>
    </row>
    <row r="755118" spans="14:14">
      <c r="N755118" s="10"/>
    </row>
    <row r="755119" spans="14:14">
      <c r="N755119" s="10"/>
    </row>
    <row r="755120" spans="14:14">
      <c r="N755120" s="10"/>
    </row>
    <row r="755121" spans="14:14">
      <c r="N755121" s="10"/>
    </row>
    <row r="755122" spans="14:14">
      <c r="N755122" s="10"/>
    </row>
    <row r="755123" spans="14:14">
      <c r="N755123" s="10"/>
    </row>
    <row r="755124" spans="14:14">
      <c r="N755124" s="10"/>
    </row>
    <row r="755125" spans="14:14">
      <c r="N755125" s="10"/>
    </row>
    <row r="755126" spans="14:14">
      <c r="N755126" s="10"/>
    </row>
    <row r="755127" spans="14:14">
      <c r="N755127" s="10"/>
    </row>
    <row r="755128" spans="14:14">
      <c r="N755128" s="10"/>
    </row>
    <row r="755129" spans="14:14">
      <c r="N755129" s="10"/>
    </row>
    <row r="755130" spans="14:14">
      <c r="N755130" s="10"/>
    </row>
    <row r="755131" spans="14:14">
      <c r="N755131" s="10"/>
    </row>
    <row r="755132" spans="14:14">
      <c r="N755132" s="10"/>
    </row>
    <row r="755133" spans="14:14">
      <c r="N755133" s="10"/>
    </row>
    <row r="755134" spans="14:14">
      <c r="N755134" s="10"/>
    </row>
    <row r="755135" spans="14:14">
      <c r="N755135" s="10"/>
    </row>
    <row r="755136" spans="14:14">
      <c r="N755136" s="10"/>
    </row>
    <row r="755137" spans="14:14">
      <c r="N755137" s="10"/>
    </row>
    <row r="755138" spans="14:14">
      <c r="N755138" s="10"/>
    </row>
    <row r="755139" spans="14:14">
      <c r="N755139" s="10"/>
    </row>
    <row r="755140" spans="14:14">
      <c r="N755140" s="10"/>
    </row>
    <row r="755141" spans="14:14">
      <c r="N755141" s="10"/>
    </row>
    <row r="755142" spans="14:14">
      <c r="N755142" s="10"/>
    </row>
    <row r="755143" spans="14:14">
      <c r="N755143" s="10"/>
    </row>
    <row r="755144" spans="14:14">
      <c r="N755144" s="10"/>
    </row>
    <row r="755145" spans="14:14">
      <c r="N755145" s="10"/>
    </row>
    <row r="755146" spans="14:14">
      <c r="N755146" s="10"/>
    </row>
    <row r="755147" spans="14:14">
      <c r="N755147" s="10"/>
    </row>
    <row r="755148" spans="14:14">
      <c r="N755148" s="10"/>
    </row>
    <row r="755149" spans="14:14">
      <c r="N755149" s="10"/>
    </row>
    <row r="755150" spans="14:14">
      <c r="N755150" s="10"/>
    </row>
    <row r="755151" spans="14:14">
      <c r="N755151" s="10"/>
    </row>
    <row r="755152" spans="14:14">
      <c r="N755152" s="10"/>
    </row>
    <row r="755153" spans="14:14">
      <c r="N755153" s="10"/>
    </row>
    <row r="755154" spans="14:14">
      <c r="N755154" s="10"/>
    </row>
    <row r="755155" spans="14:14">
      <c r="N755155" s="10"/>
    </row>
    <row r="755156" spans="14:14">
      <c r="N755156" s="10"/>
    </row>
    <row r="755157" spans="14:14">
      <c r="N755157" s="10"/>
    </row>
    <row r="755158" spans="14:14">
      <c r="N755158" s="10"/>
    </row>
    <row r="755159" spans="14:14">
      <c r="N755159" s="10"/>
    </row>
    <row r="755160" spans="14:14">
      <c r="N755160" s="10"/>
    </row>
    <row r="755161" spans="14:14">
      <c r="N755161" s="10"/>
    </row>
    <row r="755162" spans="14:14">
      <c r="N755162" s="10"/>
    </row>
    <row r="755163" spans="14:14">
      <c r="N755163" s="10"/>
    </row>
    <row r="755164" spans="14:14">
      <c r="N755164" s="10"/>
    </row>
    <row r="755165" spans="14:14">
      <c r="N755165" s="10"/>
    </row>
    <row r="755166" spans="14:14">
      <c r="N755166" s="10"/>
    </row>
    <row r="755167" spans="14:14">
      <c r="N755167" s="10"/>
    </row>
    <row r="755168" spans="14:14">
      <c r="N755168" s="10"/>
    </row>
    <row r="755169" spans="14:14">
      <c r="N755169" s="10"/>
    </row>
    <row r="755170" spans="14:14">
      <c r="N755170" s="10"/>
    </row>
    <row r="755171" spans="14:14">
      <c r="N755171" s="10"/>
    </row>
    <row r="755172" spans="14:14">
      <c r="N755172" s="10"/>
    </row>
    <row r="755173" spans="14:14">
      <c r="N755173" s="10"/>
    </row>
    <row r="755174" spans="14:14">
      <c r="N755174" s="10"/>
    </row>
    <row r="755175" spans="14:14">
      <c r="N755175" s="10"/>
    </row>
    <row r="755176" spans="14:14">
      <c r="N755176" s="10"/>
    </row>
    <row r="755177" spans="14:14">
      <c r="N755177" s="10"/>
    </row>
    <row r="755178" spans="14:14">
      <c r="N755178" s="10"/>
    </row>
    <row r="755179" spans="14:14">
      <c r="N755179" s="10"/>
    </row>
    <row r="755180" spans="14:14">
      <c r="N755180" s="10"/>
    </row>
    <row r="755181" spans="14:14">
      <c r="N755181" s="10"/>
    </row>
    <row r="755182" spans="14:14">
      <c r="N755182" s="10"/>
    </row>
    <row r="755183" spans="14:14">
      <c r="N755183" s="10"/>
    </row>
    <row r="755184" spans="14:14">
      <c r="N755184" s="10"/>
    </row>
    <row r="755185" spans="14:14">
      <c r="N755185" s="10"/>
    </row>
    <row r="755186" spans="14:14">
      <c r="N755186" s="10"/>
    </row>
    <row r="755187" spans="14:14">
      <c r="N755187" s="10"/>
    </row>
    <row r="755188" spans="14:14">
      <c r="N755188" s="10"/>
    </row>
    <row r="755189" spans="14:14">
      <c r="N755189" s="10"/>
    </row>
    <row r="755190" spans="14:14">
      <c r="N755190" s="10"/>
    </row>
    <row r="755191" spans="14:14">
      <c r="N755191" s="10"/>
    </row>
    <row r="755192" spans="14:14">
      <c r="N755192" s="10"/>
    </row>
    <row r="755193" spans="14:14">
      <c r="N755193" s="10"/>
    </row>
    <row r="755194" spans="14:14">
      <c r="N755194" s="10"/>
    </row>
    <row r="755195" spans="14:14">
      <c r="N755195" s="10"/>
    </row>
    <row r="755196" spans="14:14">
      <c r="N755196" s="10"/>
    </row>
    <row r="755197" spans="14:14">
      <c r="N755197" s="10"/>
    </row>
    <row r="755198" spans="14:14">
      <c r="N755198" s="10"/>
    </row>
    <row r="755199" spans="14:14">
      <c r="N755199" s="10"/>
    </row>
    <row r="755200" spans="14:14">
      <c r="N755200" s="10"/>
    </row>
    <row r="755201" spans="14:14">
      <c r="N755201" s="10"/>
    </row>
    <row r="755202" spans="14:14">
      <c r="N755202" s="10"/>
    </row>
    <row r="755203" spans="14:14">
      <c r="N755203" s="10"/>
    </row>
    <row r="755204" spans="14:14">
      <c r="N755204" s="10"/>
    </row>
    <row r="755205" spans="14:14">
      <c r="N755205" s="10"/>
    </row>
    <row r="755206" spans="14:14">
      <c r="N755206" s="10"/>
    </row>
    <row r="755207" spans="14:14">
      <c r="N755207" s="10"/>
    </row>
    <row r="755208" spans="14:14">
      <c r="N755208" s="10"/>
    </row>
    <row r="755209" spans="14:14">
      <c r="N755209" s="10"/>
    </row>
    <row r="755210" spans="14:14">
      <c r="N755210" s="10"/>
    </row>
    <row r="755211" spans="14:14">
      <c r="N755211" s="10"/>
    </row>
    <row r="755212" spans="14:14">
      <c r="N755212" s="10"/>
    </row>
    <row r="755213" spans="14:14">
      <c r="N755213" s="10"/>
    </row>
    <row r="755214" spans="14:14">
      <c r="N755214" s="10"/>
    </row>
    <row r="755215" spans="14:14">
      <c r="N755215" s="10"/>
    </row>
    <row r="755216" spans="14:14">
      <c r="N755216" s="10"/>
    </row>
    <row r="755217" spans="14:14">
      <c r="N755217" s="10"/>
    </row>
    <row r="755218" spans="14:14">
      <c r="N755218" s="10"/>
    </row>
    <row r="755219" spans="14:14">
      <c r="N755219" s="10"/>
    </row>
    <row r="755220" spans="14:14">
      <c r="N755220" s="10"/>
    </row>
    <row r="755221" spans="14:14">
      <c r="N755221" s="10"/>
    </row>
    <row r="755222" spans="14:14">
      <c r="N755222" s="10"/>
    </row>
    <row r="755223" spans="14:14">
      <c r="N755223" s="10"/>
    </row>
    <row r="755224" spans="14:14">
      <c r="N755224" s="10"/>
    </row>
    <row r="755225" spans="14:14">
      <c r="N755225" s="10"/>
    </row>
    <row r="755226" spans="14:14">
      <c r="N755226" s="10"/>
    </row>
    <row r="755227" spans="14:14">
      <c r="N755227" s="10"/>
    </row>
    <row r="755228" spans="14:14">
      <c r="N755228" s="10"/>
    </row>
    <row r="755229" spans="14:14">
      <c r="N755229" s="10"/>
    </row>
    <row r="755230" spans="14:14">
      <c r="N755230" s="10"/>
    </row>
    <row r="755231" spans="14:14">
      <c r="N755231" s="10"/>
    </row>
    <row r="755232" spans="14:14">
      <c r="N755232" s="10"/>
    </row>
    <row r="755233" spans="14:14">
      <c r="N755233" s="10"/>
    </row>
    <row r="755234" spans="14:14">
      <c r="N755234" s="10"/>
    </row>
    <row r="755235" spans="14:14">
      <c r="N755235" s="10"/>
    </row>
    <row r="755236" spans="14:14">
      <c r="N755236" s="10"/>
    </row>
    <row r="755237" spans="14:14">
      <c r="N755237" s="10"/>
    </row>
    <row r="755238" spans="14:14">
      <c r="N755238" s="10"/>
    </row>
    <row r="755239" spans="14:14">
      <c r="N755239" s="10"/>
    </row>
    <row r="755240" spans="14:14">
      <c r="N755240" s="10"/>
    </row>
    <row r="755241" spans="14:14">
      <c r="N755241" s="10"/>
    </row>
    <row r="755242" spans="14:14">
      <c r="N755242" s="10"/>
    </row>
    <row r="755243" spans="14:14">
      <c r="N755243" s="10"/>
    </row>
    <row r="755244" spans="14:14">
      <c r="N755244" s="10"/>
    </row>
    <row r="755245" spans="14:14">
      <c r="N755245" s="10"/>
    </row>
    <row r="755246" spans="14:14">
      <c r="N755246" s="10"/>
    </row>
    <row r="755247" spans="14:14">
      <c r="N755247" s="10"/>
    </row>
    <row r="755248" spans="14:14">
      <c r="N755248" s="10"/>
    </row>
    <row r="755249" spans="14:14">
      <c r="N755249" s="10"/>
    </row>
    <row r="755250" spans="14:14">
      <c r="N755250" s="10"/>
    </row>
    <row r="755251" spans="14:14">
      <c r="N755251" s="10"/>
    </row>
    <row r="755252" spans="14:14">
      <c r="N755252" s="10"/>
    </row>
    <row r="755253" spans="14:14">
      <c r="N755253" s="10"/>
    </row>
    <row r="755254" spans="14:14">
      <c r="N755254" s="10"/>
    </row>
    <row r="755255" spans="14:14">
      <c r="N755255" s="10"/>
    </row>
    <row r="755256" spans="14:14">
      <c r="N755256" s="10"/>
    </row>
    <row r="755257" spans="14:14">
      <c r="N755257" s="10"/>
    </row>
    <row r="755258" spans="14:14">
      <c r="N755258" s="10"/>
    </row>
    <row r="755259" spans="14:14">
      <c r="N755259" s="10"/>
    </row>
    <row r="755260" spans="14:14">
      <c r="N755260" s="10"/>
    </row>
    <row r="755261" spans="14:14">
      <c r="N755261" s="10"/>
    </row>
    <row r="755262" spans="14:14">
      <c r="N755262" s="10"/>
    </row>
    <row r="755263" spans="14:14">
      <c r="N755263" s="10"/>
    </row>
    <row r="755264" spans="14:14">
      <c r="N755264" s="10"/>
    </row>
    <row r="755265" spans="14:14">
      <c r="N755265" s="10"/>
    </row>
    <row r="755266" spans="14:14">
      <c r="N755266" s="10"/>
    </row>
    <row r="755267" spans="14:14">
      <c r="N755267" s="10"/>
    </row>
    <row r="755268" spans="14:14">
      <c r="N755268" s="10"/>
    </row>
    <row r="755269" spans="14:14">
      <c r="N755269" s="10"/>
    </row>
    <row r="755270" spans="14:14">
      <c r="N755270" s="10"/>
    </row>
    <row r="755271" spans="14:14">
      <c r="N755271" s="10"/>
    </row>
    <row r="755272" spans="14:14">
      <c r="N755272" s="10"/>
    </row>
    <row r="755273" spans="14:14">
      <c r="N755273" s="10"/>
    </row>
    <row r="755274" spans="14:14">
      <c r="N755274" s="10"/>
    </row>
    <row r="755275" spans="14:14">
      <c r="N755275" s="10"/>
    </row>
    <row r="755276" spans="14:14">
      <c r="N755276" s="10"/>
    </row>
    <row r="755277" spans="14:14">
      <c r="N755277" s="10"/>
    </row>
    <row r="755278" spans="14:14">
      <c r="N755278" s="10"/>
    </row>
    <row r="755279" spans="14:14">
      <c r="N755279" s="10"/>
    </row>
    <row r="755280" spans="14:14">
      <c r="N755280" s="10"/>
    </row>
    <row r="755281" spans="14:14">
      <c r="N755281" s="10"/>
    </row>
    <row r="755282" spans="14:14">
      <c r="N755282" s="10"/>
    </row>
    <row r="755283" spans="14:14">
      <c r="N755283" s="10"/>
    </row>
    <row r="755284" spans="14:14">
      <c r="N755284" s="10"/>
    </row>
    <row r="755285" spans="14:14">
      <c r="N755285" s="10"/>
    </row>
    <row r="755286" spans="14:14">
      <c r="N755286" s="10"/>
    </row>
    <row r="755287" spans="14:14">
      <c r="N755287" s="10"/>
    </row>
    <row r="755288" spans="14:14">
      <c r="N755288" s="10"/>
    </row>
    <row r="755289" spans="14:14">
      <c r="N755289" s="10"/>
    </row>
    <row r="755290" spans="14:14">
      <c r="N755290" s="10"/>
    </row>
    <row r="755291" spans="14:14">
      <c r="N755291" s="10"/>
    </row>
    <row r="755292" spans="14:14">
      <c r="N755292" s="10"/>
    </row>
    <row r="755293" spans="14:14">
      <c r="N755293" s="10"/>
    </row>
    <row r="755294" spans="14:14">
      <c r="N755294" s="10"/>
    </row>
    <row r="755295" spans="14:14">
      <c r="N755295" s="10"/>
    </row>
    <row r="755296" spans="14:14">
      <c r="N755296" s="10"/>
    </row>
    <row r="755297" spans="14:14">
      <c r="N755297" s="10"/>
    </row>
    <row r="755298" spans="14:14">
      <c r="N755298" s="10"/>
    </row>
    <row r="755299" spans="14:14">
      <c r="N755299" s="10"/>
    </row>
    <row r="755300" spans="14:14">
      <c r="N755300" s="10"/>
    </row>
    <row r="755301" spans="14:14">
      <c r="N755301" s="10"/>
    </row>
    <row r="755302" spans="14:14">
      <c r="N755302" s="10"/>
    </row>
    <row r="755303" spans="14:14">
      <c r="N755303" s="10"/>
    </row>
    <row r="755304" spans="14:14">
      <c r="N755304" s="10"/>
    </row>
    <row r="755305" spans="14:14">
      <c r="N755305" s="10"/>
    </row>
    <row r="755306" spans="14:14">
      <c r="N755306" s="10"/>
    </row>
    <row r="755307" spans="14:14">
      <c r="N755307" s="10"/>
    </row>
    <row r="755308" spans="14:14">
      <c r="N755308" s="10"/>
    </row>
    <row r="755309" spans="14:14">
      <c r="N755309" s="10"/>
    </row>
    <row r="755310" spans="14:14">
      <c r="N755310" s="10"/>
    </row>
    <row r="755311" spans="14:14">
      <c r="N755311" s="10"/>
    </row>
    <row r="755312" spans="14:14">
      <c r="N755312" s="10"/>
    </row>
    <row r="755313" spans="14:14">
      <c r="N755313" s="10"/>
    </row>
    <row r="755314" spans="14:14">
      <c r="N755314" s="10"/>
    </row>
    <row r="755315" spans="14:14">
      <c r="N755315" s="10"/>
    </row>
    <row r="755316" spans="14:14">
      <c r="N755316" s="10"/>
    </row>
    <row r="755317" spans="14:14">
      <c r="N755317" s="10"/>
    </row>
    <row r="755318" spans="14:14">
      <c r="N755318" s="10"/>
    </row>
    <row r="755319" spans="14:14">
      <c r="N755319" s="10"/>
    </row>
    <row r="755320" spans="14:14">
      <c r="N755320" s="10"/>
    </row>
    <row r="755321" spans="14:14">
      <c r="N755321" s="10"/>
    </row>
    <row r="755322" spans="14:14">
      <c r="N755322" s="10"/>
    </row>
    <row r="755323" spans="14:14">
      <c r="N755323" s="10"/>
    </row>
    <row r="755324" spans="14:14">
      <c r="N755324" s="10"/>
    </row>
    <row r="755325" spans="14:14">
      <c r="N755325" s="10"/>
    </row>
    <row r="755326" spans="14:14">
      <c r="N755326" s="10"/>
    </row>
    <row r="755327" spans="14:14">
      <c r="N755327" s="10"/>
    </row>
    <row r="755328" spans="14:14">
      <c r="N755328" s="10"/>
    </row>
    <row r="755329" spans="14:14">
      <c r="N755329" s="10"/>
    </row>
    <row r="755330" spans="14:14">
      <c r="N755330" s="10"/>
    </row>
    <row r="755331" spans="14:14">
      <c r="N755331" s="10"/>
    </row>
    <row r="755332" spans="14:14">
      <c r="N755332" s="10"/>
    </row>
    <row r="755333" spans="14:14">
      <c r="N755333" s="10"/>
    </row>
    <row r="755334" spans="14:14">
      <c r="N755334" s="10"/>
    </row>
    <row r="755335" spans="14:14">
      <c r="N755335" s="10"/>
    </row>
    <row r="755336" spans="14:14">
      <c r="N755336" s="10"/>
    </row>
    <row r="755337" spans="14:14">
      <c r="N755337" s="10"/>
    </row>
    <row r="755338" spans="14:14">
      <c r="N755338" s="10"/>
    </row>
    <row r="755339" spans="14:14">
      <c r="N755339" s="10"/>
    </row>
    <row r="755340" spans="14:14">
      <c r="N755340" s="10"/>
    </row>
    <row r="755341" spans="14:14">
      <c r="N755341" s="10"/>
    </row>
    <row r="755342" spans="14:14">
      <c r="N755342" s="10"/>
    </row>
    <row r="755343" spans="14:14">
      <c r="N755343" s="10"/>
    </row>
    <row r="755344" spans="14:14">
      <c r="N755344" s="10"/>
    </row>
    <row r="755345" spans="14:14">
      <c r="N755345" s="10"/>
    </row>
    <row r="755346" spans="14:14">
      <c r="N755346" s="10"/>
    </row>
    <row r="755347" spans="14:14">
      <c r="N755347" s="10"/>
    </row>
    <row r="755348" spans="14:14">
      <c r="N755348" s="10"/>
    </row>
    <row r="755349" spans="14:14">
      <c r="N755349" s="10"/>
    </row>
    <row r="755350" spans="14:14">
      <c r="N755350" s="10"/>
    </row>
    <row r="755351" spans="14:14">
      <c r="N755351" s="10"/>
    </row>
    <row r="755352" spans="14:14">
      <c r="N755352" s="10"/>
    </row>
    <row r="755353" spans="14:14">
      <c r="N755353" s="10"/>
    </row>
    <row r="755354" spans="14:14">
      <c r="N755354" s="10"/>
    </row>
    <row r="755355" spans="14:14">
      <c r="N755355" s="10"/>
    </row>
    <row r="755356" spans="14:14">
      <c r="N755356" s="10"/>
    </row>
    <row r="755357" spans="14:14">
      <c r="N755357" s="10"/>
    </row>
    <row r="755358" spans="14:14">
      <c r="N755358" s="10"/>
    </row>
    <row r="755359" spans="14:14">
      <c r="N755359" s="10"/>
    </row>
    <row r="755360" spans="14:14">
      <c r="N755360" s="10"/>
    </row>
    <row r="755361" spans="14:14">
      <c r="N755361" s="10"/>
    </row>
    <row r="755362" spans="14:14">
      <c r="N755362" s="10"/>
    </row>
    <row r="755363" spans="14:14">
      <c r="N755363" s="10"/>
    </row>
    <row r="755364" spans="14:14">
      <c r="N755364" s="10"/>
    </row>
    <row r="755365" spans="14:14">
      <c r="N755365" s="10"/>
    </row>
    <row r="755366" spans="14:14">
      <c r="N755366" s="10"/>
    </row>
    <row r="755367" spans="14:14">
      <c r="N755367" s="10"/>
    </row>
    <row r="755368" spans="14:14">
      <c r="N755368" s="10"/>
    </row>
    <row r="755369" spans="14:14">
      <c r="N755369" s="10"/>
    </row>
    <row r="755370" spans="14:14">
      <c r="N755370" s="10"/>
    </row>
    <row r="755371" spans="14:14">
      <c r="N755371" s="10"/>
    </row>
    <row r="755372" spans="14:14">
      <c r="N755372" s="10"/>
    </row>
    <row r="755373" spans="14:14">
      <c r="N755373" s="10"/>
    </row>
    <row r="755374" spans="14:14">
      <c r="N755374" s="10"/>
    </row>
    <row r="755375" spans="14:14">
      <c r="N755375" s="10"/>
    </row>
    <row r="755376" spans="14:14">
      <c r="N755376" s="10"/>
    </row>
    <row r="755377" spans="14:14">
      <c r="N755377" s="10"/>
    </row>
    <row r="755378" spans="14:14">
      <c r="N755378" s="10"/>
    </row>
    <row r="755379" spans="14:14">
      <c r="N755379" s="10"/>
    </row>
    <row r="755380" spans="14:14">
      <c r="N755380" s="10"/>
    </row>
    <row r="755381" spans="14:14">
      <c r="N755381" s="10"/>
    </row>
    <row r="755382" spans="14:14">
      <c r="N755382" s="10"/>
    </row>
    <row r="755383" spans="14:14">
      <c r="N755383" s="10"/>
    </row>
    <row r="755384" spans="14:14">
      <c r="N755384" s="10"/>
    </row>
    <row r="755385" spans="14:14">
      <c r="N755385" s="10"/>
    </row>
    <row r="755386" spans="14:14">
      <c r="N755386" s="10"/>
    </row>
    <row r="755387" spans="14:14">
      <c r="N755387" s="10"/>
    </row>
    <row r="755388" spans="14:14">
      <c r="N755388" s="10"/>
    </row>
    <row r="755389" spans="14:14">
      <c r="N755389" s="10"/>
    </row>
    <row r="755390" spans="14:14">
      <c r="N755390" s="10"/>
    </row>
    <row r="755391" spans="14:14">
      <c r="N755391" s="10"/>
    </row>
    <row r="755392" spans="14:14">
      <c r="N755392" s="10"/>
    </row>
    <row r="755393" spans="14:14">
      <c r="N755393" s="10"/>
    </row>
    <row r="755394" spans="14:14">
      <c r="N755394" s="10"/>
    </row>
    <row r="755395" spans="14:14">
      <c r="N755395" s="10"/>
    </row>
    <row r="755396" spans="14:14">
      <c r="N755396" s="10"/>
    </row>
    <row r="755397" spans="14:14">
      <c r="N755397" s="10"/>
    </row>
    <row r="755398" spans="14:14">
      <c r="N755398" s="10"/>
    </row>
    <row r="755399" spans="14:14">
      <c r="N755399" s="10"/>
    </row>
    <row r="755400" spans="14:14">
      <c r="N755400" s="10"/>
    </row>
    <row r="755401" spans="14:14">
      <c r="N755401" s="10"/>
    </row>
    <row r="755402" spans="14:14">
      <c r="N755402" s="10"/>
    </row>
    <row r="755403" spans="14:14">
      <c r="N755403" s="10"/>
    </row>
    <row r="755404" spans="14:14">
      <c r="N755404" s="10"/>
    </row>
    <row r="755405" spans="14:14">
      <c r="N755405" s="10"/>
    </row>
    <row r="755406" spans="14:14">
      <c r="N755406" s="10"/>
    </row>
    <row r="755407" spans="14:14">
      <c r="N755407" s="10"/>
    </row>
    <row r="755408" spans="14:14">
      <c r="N755408" s="10"/>
    </row>
    <row r="755409" spans="14:14">
      <c r="N755409" s="10"/>
    </row>
    <row r="755410" spans="14:14">
      <c r="N755410" s="10"/>
    </row>
    <row r="755411" spans="14:14">
      <c r="N755411" s="10"/>
    </row>
    <row r="755412" spans="14:14">
      <c r="N755412" s="10"/>
    </row>
    <row r="755413" spans="14:14">
      <c r="N755413" s="10"/>
    </row>
    <row r="755414" spans="14:14">
      <c r="N755414" s="10"/>
    </row>
    <row r="755415" spans="14:14">
      <c r="N755415" s="10"/>
    </row>
    <row r="755416" spans="14:14">
      <c r="N755416" s="10"/>
    </row>
    <row r="755417" spans="14:14">
      <c r="N755417" s="10"/>
    </row>
    <row r="755418" spans="14:14">
      <c r="N755418" s="10"/>
    </row>
    <row r="755419" spans="14:14">
      <c r="N755419" s="10"/>
    </row>
    <row r="755420" spans="14:14">
      <c r="N755420" s="10"/>
    </row>
    <row r="755421" spans="14:14">
      <c r="N755421" s="10"/>
    </row>
    <row r="755422" spans="14:14">
      <c r="N755422" s="10"/>
    </row>
    <row r="755423" spans="14:14">
      <c r="N755423" s="10"/>
    </row>
    <row r="755424" spans="14:14">
      <c r="N755424" s="10"/>
    </row>
    <row r="755425" spans="14:14">
      <c r="N755425" s="10"/>
    </row>
    <row r="755426" spans="14:14">
      <c r="N755426" s="10"/>
    </row>
    <row r="755427" spans="14:14">
      <c r="N755427" s="10"/>
    </row>
    <row r="755428" spans="14:14">
      <c r="N755428" s="10"/>
    </row>
    <row r="755429" spans="14:14">
      <c r="N755429" s="10"/>
    </row>
    <row r="755430" spans="14:14">
      <c r="N755430" s="10"/>
    </row>
    <row r="755431" spans="14:14">
      <c r="N755431" s="10"/>
    </row>
    <row r="755432" spans="14:14">
      <c r="N755432" s="10"/>
    </row>
    <row r="755433" spans="14:14">
      <c r="N755433" s="10"/>
    </row>
    <row r="755434" spans="14:14">
      <c r="N755434" s="10"/>
    </row>
    <row r="755435" spans="14:14">
      <c r="N755435" s="10"/>
    </row>
    <row r="755436" spans="14:14">
      <c r="N755436" s="10"/>
    </row>
    <row r="755437" spans="14:14">
      <c r="N755437" s="10"/>
    </row>
    <row r="755438" spans="14:14">
      <c r="N755438" s="10"/>
    </row>
    <row r="755439" spans="14:14">
      <c r="N755439" s="10"/>
    </row>
    <row r="755440" spans="14:14">
      <c r="N755440" s="10"/>
    </row>
    <row r="755441" spans="14:14">
      <c r="N755441" s="10"/>
    </row>
    <row r="755442" spans="14:14">
      <c r="N755442" s="10"/>
    </row>
    <row r="755443" spans="14:14">
      <c r="N755443" s="10"/>
    </row>
    <row r="755444" spans="14:14">
      <c r="N755444" s="10"/>
    </row>
    <row r="755445" spans="14:14">
      <c r="N755445" s="10"/>
    </row>
    <row r="755446" spans="14:14">
      <c r="N755446" s="10"/>
    </row>
    <row r="755447" spans="14:14">
      <c r="N755447" s="10"/>
    </row>
    <row r="755448" spans="14:14">
      <c r="N755448" s="10"/>
    </row>
    <row r="755449" spans="14:14">
      <c r="N755449" s="10"/>
    </row>
    <row r="755450" spans="14:14">
      <c r="N755450" s="10"/>
    </row>
    <row r="755451" spans="14:14">
      <c r="N755451" s="10"/>
    </row>
    <row r="755452" spans="14:14">
      <c r="N755452" s="10"/>
    </row>
    <row r="755453" spans="14:14">
      <c r="N755453" s="10"/>
    </row>
    <row r="755454" spans="14:14">
      <c r="N755454" s="10"/>
    </row>
    <row r="755455" spans="14:14">
      <c r="N755455" s="10"/>
    </row>
    <row r="755456" spans="14:14">
      <c r="N755456" s="10"/>
    </row>
    <row r="755457" spans="14:14">
      <c r="N755457" s="10"/>
    </row>
    <row r="755458" spans="14:14">
      <c r="N755458" s="10"/>
    </row>
    <row r="755459" spans="14:14">
      <c r="N755459" s="10"/>
    </row>
    <row r="755460" spans="14:14">
      <c r="N755460" s="10"/>
    </row>
    <row r="755461" spans="14:14">
      <c r="N755461" s="10"/>
    </row>
    <row r="755462" spans="14:14">
      <c r="N755462" s="10"/>
    </row>
    <row r="755463" spans="14:14">
      <c r="N755463" s="10"/>
    </row>
    <row r="755464" spans="14:14">
      <c r="N755464" s="10"/>
    </row>
    <row r="755465" spans="14:14">
      <c r="N755465" s="10"/>
    </row>
    <row r="755466" spans="14:14">
      <c r="N755466" s="10"/>
    </row>
    <row r="755467" spans="14:14">
      <c r="N755467" s="10"/>
    </row>
    <row r="755468" spans="14:14">
      <c r="N755468" s="10"/>
    </row>
    <row r="755469" spans="14:14">
      <c r="N755469" s="10"/>
    </row>
    <row r="755470" spans="14:14">
      <c r="N755470" s="10"/>
    </row>
    <row r="755471" spans="14:14">
      <c r="N755471" s="10"/>
    </row>
    <row r="755472" spans="14:14">
      <c r="N755472" s="10"/>
    </row>
    <row r="755473" spans="14:14">
      <c r="N755473" s="10"/>
    </row>
    <row r="755474" spans="14:14">
      <c r="N755474" s="10"/>
    </row>
    <row r="755475" spans="14:14">
      <c r="N755475" s="10"/>
    </row>
    <row r="755476" spans="14:14">
      <c r="N755476" s="10"/>
    </row>
    <row r="755477" spans="14:14">
      <c r="N755477" s="10"/>
    </row>
    <row r="755478" spans="14:14">
      <c r="N755478" s="10"/>
    </row>
    <row r="755479" spans="14:14">
      <c r="N755479" s="10"/>
    </row>
    <row r="755480" spans="14:14">
      <c r="N755480" s="10"/>
    </row>
    <row r="755481" spans="14:14">
      <c r="N755481" s="10"/>
    </row>
    <row r="755482" spans="14:14">
      <c r="N755482" s="10"/>
    </row>
    <row r="755483" spans="14:14">
      <c r="N755483" s="10"/>
    </row>
    <row r="755484" spans="14:14">
      <c r="N755484" s="10"/>
    </row>
    <row r="755485" spans="14:14">
      <c r="N755485" s="10"/>
    </row>
    <row r="755486" spans="14:14">
      <c r="N755486" s="10"/>
    </row>
    <row r="755487" spans="14:14">
      <c r="N755487" s="10"/>
    </row>
    <row r="755488" spans="14:14">
      <c r="N755488" s="10"/>
    </row>
    <row r="755489" spans="14:14">
      <c r="N755489" s="10"/>
    </row>
    <row r="755490" spans="14:14">
      <c r="N755490" s="10"/>
    </row>
    <row r="755491" spans="14:14">
      <c r="N755491" s="10"/>
    </row>
    <row r="755492" spans="14:14">
      <c r="N755492" s="10"/>
    </row>
    <row r="755493" spans="14:14">
      <c r="N755493" s="10"/>
    </row>
    <row r="755494" spans="14:14">
      <c r="N755494" s="10"/>
    </row>
    <row r="755495" spans="14:14">
      <c r="N755495" s="10"/>
    </row>
    <row r="755496" spans="14:14">
      <c r="N755496" s="10"/>
    </row>
    <row r="755497" spans="14:14">
      <c r="N755497" s="10"/>
    </row>
    <row r="755498" spans="14:14">
      <c r="N755498" s="10"/>
    </row>
    <row r="755499" spans="14:14">
      <c r="N755499" s="10"/>
    </row>
    <row r="755500" spans="14:14">
      <c r="N755500" s="10"/>
    </row>
    <row r="755501" spans="14:14">
      <c r="N755501" s="10"/>
    </row>
    <row r="755502" spans="14:14">
      <c r="N755502" s="10"/>
    </row>
    <row r="755503" spans="14:14">
      <c r="N755503" s="10"/>
    </row>
    <row r="755504" spans="14:14">
      <c r="N755504" s="10"/>
    </row>
    <row r="755505" spans="14:14">
      <c r="N755505" s="10"/>
    </row>
    <row r="755506" spans="14:14">
      <c r="N755506" s="10"/>
    </row>
    <row r="755507" spans="14:14">
      <c r="N755507" s="10"/>
    </row>
    <row r="755508" spans="14:14">
      <c r="N755508" s="10"/>
    </row>
    <row r="755509" spans="14:14">
      <c r="N755509" s="10"/>
    </row>
    <row r="755510" spans="14:14">
      <c r="N755510" s="10"/>
    </row>
    <row r="755511" spans="14:14">
      <c r="N755511" s="10"/>
    </row>
    <row r="755512" spans="14:14">
      <c r="N755512" s="10"/>
    </row>
    <row r="755513" spans="14:14">
      <c r="N755513" s="10"/>
    </row>
    <row r="755514" spans="14:14">
      <c r="N755514" s="10"/>
    </row>
    <row r="755515" spans="14:14">
      <c r="N755515" s="10"/>
    </row>
    <row r="755516" spans="14:14">
      <c r="N755516" s="10"/>
    </row>
    <row r="755517" spans="14:14">
      <c r="N755517" s="10"/>
    </row>
    <row r="755518" spans="14:14">
      <c r="N755518" s="10"/>
    </row>
    <row r="755519" spans="14:14">
      <c r="N755519" s="10"/>
    </row>
    <row r="755520" spans="14:14">
      <c r="N755520" s="10"/>
    </row>
    <row r="755521" spans="14:14">
      <c r="N755521" s="10"/>
    </row>
    <row r="755522" spans="14:14">
      <c r="N755522" s="10"/>
    </row>
    <row r="755523" spans="14:14">
      <c r="N755523" s="10"/>
    </row>
    <row r="755524" spans="14:14">
      <c r="N755524" s="10"/>
    </row>
    <row r="755525" spans="14:14">
      <c r="N755525" s="10"/>
    </row>
    <row r="755526" spans="14:14">
      <c r="N755526" s="10"/>
    </row>
    <row r="755527" spans="14:14">
      <c r="N755527" s="10"/>
    </row>
    <row r="755528" spans="14:14">
      <c r="N755528" s="10"/>
    </row>
    <row r="755529" spans="14:14">
      <c r="N755529" s="10"/>
    </row>
    <row r="755530" spans="14:14">
      <c r="N755530" s="10"/>
    </row>
    <row r="755531" spans="14:14">
      <c r="N755531" s="10"/>
    </row>
    <row r="755532" spans="14:14">
      <c r="N755532" s="10"/>
    </row>
    <row r="755533" spans="14:14">
      <c r="N755533" s="10"/>
    </row>
    <row r="755534" spans="14:14">
      <c r="N755534" s="10"/>
    </row>
    <row r="755535" spans="14:14">
      <c r="N755535" s="10"/>
    </row>
    <row r="755536" spans="14:14">
      <c r="N755536" s="10"/>
    </row>
    <row r="755537" spans="14:14">
      <c r="N755537" s="10"/>
    </row>
    <row r="755538" spans="14:14">
      <c r="N755538" s="10"/>
    </row>
    <row r="755539" spans="14:14">
      <c r="N755539" s="10"/>
    </row>
    <row r="755540" spans="14:14">
      <c r="N755540" s="10"/>
    </row>
    <row r="755541" spans="14:14">
      <c r="N755541" s="10"/>
    </row>
    <row r="755542" spans="14:14">
      <c r="N755542" s="10"/>
    </row>
    <row r="755543" spans="14:14">
      <c r="N755543" s="10"/>
    </row>
    <row r="755544" spans="14:14">
      <c r="N755544" s="10"/>
    </row>
    <row r="755545" spans="14:14">
      <c r="N755545" s="10"/>
    </row>
    <row r="755546" spans="14:14">
      <c r="N755546" s="10"/>
    </row>
    <row r="755547" spans="14:14">
      <c r="N755547" s="10"/>
    </row>
    <row r="755548" spans="14:14">
      <c r="N755548" s="10"/>
    </row>
    <row r="755549" spans="14:14">
      <c r="N755549" s="10"/>
    </row>
    <row r="755550" spans="14:14">
      <c r="N755550" s="10"/>
    </row>
    <row r="755551" spans="14:14">
      <c r="N755551" s="10"/>
    </row>
    <row r="755552" spans="14:14">
      <c r="N755552" s="10"/>
    </row>
    <row r="755553" spans="14:14">
      <c r="N755553" s="10"/>
    </row>
    <row r="755554" spans="14:14">
      <c r="N755554" s="10"/>
    </row>
    <row r="755555" spans="14:14">
      <c r="N755555" s="10"/>
    </row>
    <row r="755556" spans="14:14">
      <c r="N755556" s="10"/>
    </row>
    <row r="755557" spans="14:14">
      <c r="N755557" s="10"/>
    </row>
    <row r="755558" spans="14:14">
      <c r="N755558" s="10"/>
    </row>
    <row r="755559" spans="14:14">
      <c r="N755559" s="10"/>
    </row>
    <row r="755560" spans="14:14">
      <c r="N755560" s="10"/>
    </row>
    <row r="755561" spans="14:14">
      <c r="N755561" s="10"/>
    </row>
    <row r="755562" spans="14:14">
      <c r="N755562" s="10"/>
    </row>
    <row r="755563" spans="14:14">
      <c r="N755563" s="10"/>
    </row>
    <row r="755564" spans="14:14">
      <c r="N755564" s="10"/>
    </row>
    <row r="755565" spans="14:14">
      <c r="N755565" s="10"/>
    </row>
    <row r="755566" spans="14:14">
      <c r="N755566" s="10"/>
    </row>
    <row r="755567" spans="14:14">
      <c r="N755567" s="10"/>
    </row>
    <row r="755568" spans="14:14">
      <c r="N755568" s="10"/>
    </row>
    <row r="755569" spans="14:14">
      <c r="N755569" s="10"/>
    </row>
    <row r="755570" spans="14:14">
      <c r="N755570" s="10"/>
    </row>
    <row r="755571" spans="14:14">
      <c r="N755571" s="10"/>
    </row>
    <row r="755572" spans="14:14">
      <c r="N755572" s="10"/>
    </row>
    <row r="755573" spans="14:14">
      <c r="N755573" s="10"/>
    </row>
    <row r="755574" spans="14:14">
      <c r="N755574" s="10"/>
    </row>
    <row r="755575" spans="14:14">
      <c r="N755575" s="10"/>
    </row>
    <row r="755576" spans="14:14">
      <c r="N755576" s="10"/>
    </row>
    <row r="755577" spans="14:14">
      <c r="N755577" s="10"/>
    </row>
    <row r="755578" spans="14:14">
      <c r="N755578" s="10"/>
    </row>
    <row r="755579" spans="14:14">
      <c r="N755579" s="10"/>
    </row>
    <row r="755580" spans="14:14">
      <c r="N755580" s="10"/>
    </row>
    <row r="755581" spans="14:14">
      <c r="N755581" s="10"/>
    </row>
    <row r="755582" spans="14:14">
      <c r="N755582" s="10"/>
    </row>
    <row r="755583" spans="14:14">
      <c r="N755583" s="10"/>
    </row>
    <row r="755584" spans="14:14">
      <c r="N755584" s="10"/>
    </row>
    <row r="755585" spans="14:14">
      <c r="N755585" s="10"/>
    </row>
    <row r="755586" spans="14:14">
      <c r="N755586" s="10"/>
    </row>
    <row r="755587" spans="14:14">
      <c r="N755587" s="10"/>
    </row>
    <row r="755588" spans="14:14">
      <c r="N755588" s="10"/>
    </row>
    <row r="755589" spans="14:14">
      <c r="N755589" s="10"/>
    </row>
    <row r="755590" spans="14:14">
      <c r="N755590" s="10"/>
    </row>
    <row r="755591" spans="14:14">
      <c r="N755591" s="10"/>
    </row>
    <row r="755592" spans="14:14">
      <c r="N755592" s="10"/>
    </row>
    <row r="755593" spans="14:14">
      <c r="N755593" s="10"/>
    </row>
    <row r="755594" spans="14:14">
      <c r="N755594" s="10"/>
    </row>
    <row r="755595" spans="14:14">
      <c r="N755595" s="10"/>
    </row>
    <row r="755596" spans="14:14">
      <c r="N755596" s="10"/>
    </row>
    <row r="755597" spans="14:14">
      <c r="N755597" s="10"/>
    </row>
    <row r="755598" spans="14:14">
      <c r="N755598" s="10"/>
    </row>
    <row r="755599" spans="14:14">
      <c r="N755599" s="10"/>
    </row>
    <row r="755600" spans="14:14">
      <c r="N755600" s="10"/>
    </row>
    <row r="755601" spans="14:14">
      <c r="N755601" s="10"/>
    </row>
    <row r="755602" spans="14:14">
      <c r="N755602" s="10"/>
    </row>
    <row r="755603" spans="14:14">
      <c r="N755603" s="10"/>
    </row>
    <row r="755604" spans="14:14">
      <c r="N755604" s="10"/>
    </row>
    <row r="755605" spans="14:14">
      <c r="N755605" s="10"/>
    </row>
    <row r="755606" spans="14:14">
      <c r="N755606" s="10"/>
    </row>
    <row r="755607" spans="14:14">
      <c r="N755607" s="10"/>
    </row>
    <row r="755608" spans="14:14">
      <c r="N755608" s="10"/>
    </row>
    <row r="755609" spans="14:14">
      <c r="N755609" s="10"/>
    </row>
    <row r="755610" spans="14:14">
      <c r="N755610" s="10"/>
    </row>
    <row r="755611" spans="14:14">
      <c r="N755611" s="10"/>
    </row>
    <row r="755612" spans="14:14">
      <c r="N755612" s="10"/>
    </row>
    <row r="755613" spans="14:14">
      <c r="N755613" s="10"/>
    </row>
    <row r="755614" spans="14:14">
      <c r="N755614" s="10"/>
    </row>
    <row r="755615" spans="14:14">
      <c r="N755615" s="10"/>
    </row>
    <row r="755616" spans="14:14">
      <c r="N755616" s="10"/>
    </row>
    <row r="755617" spans="14:14">
      <c r="N755617" s="10"/>
    </row>
    <row r="755618" spans="14:14">
      <c r="N755618" s="10"/>
    </row>
    <row r="755619" spans="14:14">
      <c r="N755619" s="10"/>
    </row>
    <row r="755620" spans="14:14">
      <c r="N755620" s="10"/>
    </row>
    <row r="755621" spans="14:14">
      <c r="N755621" s="10"/>
    </row>
    <row r="755622" spans="14:14">
      <c r="N755622" s="10"/>
    </row>
    <row r="755623" spans="14:14">
      <c r="N755623" s="10"/>
    </row>
    <row r="755624" spans="14:14">
      <c r="N755624" s="10"/>
    </row>
    <row r="755625" spans="14:14">
      <c r="N755625" s="10"/>
    </row>
    <row r="755626" spans="14:14">
      <c r="N755626" s="10"/>
    </row>
    <row r="755627" spans="14:14">
      <c r="N755627" s="10"/>
    </row>
    <row r="755628" spans="14:14">
      <c r="N755628" s="10"/>
    </row>
    <row r="755629" spans="14:14">
      <c r="N755629" s="10"/>
    </row>
    <row r="755630" spans="14:14">
      <c r="N755630" s="10"/>
    </row>
    <row r="755631" spans="14:14">
      <c r="N755631" s="10"/>
    </row>
    <row r="755632" spans="14:14">
      <c r="N755632" s="10"/>
    </row>
    <row r="755633" spans="14:14">
      <c r="N755633" s="10"/>
    </row>
    <row r="755634" spans="14:14">
      <c r="N755634" s="10"/>
    </row>
    <row r="755635" spans="14:14">
      <c r="N755635" s="10"/>
    </row>
    <row r="755636" spans="14:14">
      <c r="N755636" s="10"/>
    </row>
    <row r="755637" spans="14:14">
      <c r="N755637" s="10"/>
    </row>
    <row r="755638" spans="14:14">
      <c r="N755638" s="10"/>
    </row>
    <row r="755639" spans="14:14">
      <c r="N755639" s="10"/>
    </row>
    <row r="755640" spans="14:14">
      <c r="N755640" s="10"/>
    </row>
    <row r="755641" spans="14:14">
      <c r="N755641" s="10"/>
    </row>
    <row r="755642" spans="14:14">
      <c r="N755642" s="10"/>
    </row>
    <row r="755643" spans="14:14">
      <c r="N755643" s="10"/>
    </row>
    <row r="755644" spans="14:14">
      <c r="N755644" s="10"/>
    </row>
    <row r="755645" spans="14:14">
      <c r="N755645" s="10"/>
    </row>
    <row r="755646" spans="14:14">
      <c r="N755646" s="10"/>
    </row>
    <row r="755647" spans="14:14">
      <c r="N755647" s="10"/>
    </row>
    <row r="755648" spans="14:14">
      <c r="N755648" s="10"/>
    </row>
    <row r="755649" spans="14:14">
      <c r="N755649" s="10"/>
    </row>
    <row r="755650" spans="14:14">
      <c r="N755650" s="10"/>
    </row>
    <row r="755651" spans="14:14">
      <c r="N755651" s="10"/>
    </row>
    <row r="755652" spans="14:14">
      <c r="N755652" s="10"/>
    </row>
    <row r="755653" spans="14:14">
      <c r="N755653" s="10"/>
    </row>
    <row r="755654" spans="14:14">
      <c r="N755654" s="10"/>
    </row>
    <row r="755655" spans="14:14">
      <c r="N755655" s="10"/>
    </row>
    <row r="755656" spans="14:14">
      <c r="N755656" s="10"/>
    </row>
    <row r="755657" spans="14:14">
      <c r="N755657" s="10"/>
    </row>
    <row r="755658" spans="14:14">
      <c r="N755658" s="10"/>
    </row>
    <row r="755659" spans="14:14">
      <c r="N755659" s="10"/>
    </row>
    <row r="755660" spans="14:14">
      <c r="N755660" s="10"/>
    </row>
    <row r="755661" spans="14:14">
      <c r="N755661" s="10"/>
    </row>
    <row r="755662" spans="14:14">
      <c r="N755662" s="10"/>
    </row>
    <row r="755663" spans="14:14">
      <c r="N755663" s="10"/>
    </row>
    <row r="755664" spans="14:14">
      <c r="N755664" s="10"/>
    </row>
    <row r="755665" spans="14:14">
      <c r="N755665" s="10"/>
    </row>
    <row r="755666" spans="14:14">
      <c r="N755666" s="10"/>
    </row>
    <row r="755667" spans="14:14">
      <c r="N755667" s="10"/>
    </row>
    <row r="755668" spans="14:14">
      <c r="N755668" s="10"/>
    </row>
    <row r="755669" spans="14:14">
      <c r="N755669" s="10"/>
    </row>
    <row r="755670" spans="14:14">
      <c r="N755670" s="10"/>
    </row>
    <row r="755671" spans="14:14">
      <c r="N755671" s="10"/>
    </row>
    <row r="755672" spans="14:14">
      <c r="N755672" s="10"/>
    </row>
    <row r="755673" spans="14:14">
      <c r="N755673" s="10"/>
    </row>
    <row r="755674" spans="14:14">
      <c r="N755674" s="10"/>
    </row>
    <row r="755675" spans="14:14">
      <c r="N755675" s="10"/>
    </row>
    <row r="755676" spans="14:14">
      <c r="N755676" s="10"/>
    </row>
    <row r="755677" spans="14:14">
      <c r="N755677" s="10"/>
    </row>
    <row r="755678" spans="14:14">
      <c r="N755678" s="10"/>
    </row>
    <row r="755679" spans="14:14">
      <c r="N755679" s="10"/>
    </row>
    <row r="755680" spans="14:14">
      <c r="N755680" s="10"/>
    </row>
    <row r="755681" spans="14:14">
      <c r="N755681" s="10"/>
    </row>
    <row r="755682" spans="14:14">
      <c r="N755682" s="10"/>
    </row>
    <row r="755683" spans="14:14">
      <c r="N755683" s="10"/>
    </row>
    <row r="755684" spans="14:14">
      <c r="N755684" s="10"/>
    </row>
    <row r="755685" spans="14:14">
      <c r="N755685" s="10"/>
    </row>
    <row r="755686" spans="14:14">
      <c r="N755686" s="10"/>
    </row>
    <row r="755687" spans="14:14">
      <c r="N755687" s="10"/>
    </row>
    <row r="755688" spans="14:14">
      <c r="N755688" s="10"/>
    </row>
    <row r="755689" spans="14:14">
      <c r="N755689" s="10"/>
    </row>
    <row r="755690" spans="14:14">
      <c r="N755690" s="10"/>
    </row>
    <row r="755691" spans="14:14">
      <c r="N755691" s="10"/>
    </row>
    <row r="755692" spans="14:14">
      <c r="N755692" s="10"/>
    </row>
    <row r="755693" spans="14:14">
      <c r="N755693" s="10"/>
    </row>
    <row r="755694" spans="14:14">
      <c r="N755694" s="10"/>
    </row>
    <row r="755695" spans="14:14">
      <c r="N755695" s="10"/>
    </row>
    <row r="755696" spans="14:14">
      <c r="N755696" s="10"/>
    </row>
    <row r="755697" spans="14:14">
      <c r="N755697" s="10"/>
    </row>
    <row r="755698" spans="14:14">
      <c r="N755698" s="10"/>
    </row>
    <row r="755699" spans="14:14">
      <c r="N755699" s="10"/>
    </row>
    <row r="755700" spans="14:14">
      <c r="N755700" s="10"/>
    </row>
    <row r="755701" spans="14:14">
      <c r="N755701" s="10"/>
    </row>
    <row r="755702" spans="14:14">
      <c r="N755702" s="10"/>
    </row>
    <row r="755703" spans="14:14">
      <c r="N755703" s="10"/>
    </row>
    <row r="755704" spans="14:14">
      <c r="N755704" s="10"/>
    </row>
    <row r="755705" spans="14:14">
      <c r="N755705" s="10"/>
    </row>
    <row r="755706" spans="14:14">
      <c r="N755706" s="10"/>
    </row>
    <row r="755707" spans="14:14">
      <c r="N755707" s="10"/>
    </row>
    <row r="755708" spans="14:14">
      <c r="N755708" s="10"/>
    </row>
    <row r="755709" spans="14:14">
      <c r="N755709" s="10"/>
    </row>
    <row r="755710" spans="14:14">
      <c r="N755710" s="10"/>
    </row>
    <row r="755711" spans="14:14">
      <c r="N755711" s="10"/>
    </row>
    <row r="755712" spans="14:14">
      <c r="N755712" s="10"/>
    </row>
    <row r="755713" spans="14:14">
      <c r="N755713" s="10"/>
    </row>
    <row r="755714" spans="14:14">
      <c r="N755714" s="10"/>
    </row>
    <row r="755715" spans="14:14">
      <c r="N755715" s="10"/>
    </row>
    <row r="755716" spans="14:14">
      <c r="N755716" s="10"/>
    </row>
    <row r="755717" spans="14:14">
      <c r="N755717" s="10"/>
    </row>
    <row r="755718" spans="14:14">
      <c r="N755718" s="10"/>
    </row>
    <row r="755719" spans="14:14">
      <c r="N755719" s="10"/>
    </row>
    <row r="755720" spans="14:14">
      <c r="N755720" s="10"/>
    </row>
    <row r="755721" spans="14:14">
      <c r="N755721" s="10"/>
    </row>
    <row r="755722" spans="14:14">
      <c r="N755722" s="10"/>
    </row>
    <row r="755723" spans="14:14">
      <c r="N755723" s="10"/>
    </row>
    <row r="755724" spans="14:14">
      <c r="N755724" s="10"/>
    </row>
    <row r="755725" spans="14:14">
      <c r="N755725" s="10"/>
    </row>
    <row r="755726" spans="14:14">
      <c r="N755726" s="10"/>
    </row>
    <row r="755727" spans="14:14">
      <c r="N755727" s="10"/>
    </row>
    <row r="755728" spans="14:14">
      <c r="N755728" s="10"/>
    </row>
    <row r="755729" spans="14:14">
      <c r="N755729" s="10"/>
    </row>
    <row r="755730" spans="14:14">
      <c r="N755730" s="10"/>
    </row>
    <row r="755731" spans="14:14">
      <c r="N755731" s="10"/>
    </row>
    <row r="755732" spans="14:14">
      <c r="N755732" s="10"/>
    </row>
    <row r="755733" spans="14:14">
      <c r="N755733" s="10"/>
    </row>
    <row r="755734" spans="14:14">
      <c r="N755734" s="10"/>
    </row>
    <row r="755735" spans="14:14">
      <c r="N755735" s="10"/>
    </row>
    <row r="755736" spans="14:14">
      <c r="N755736" s="10"/>
    </row>
    <row r="755737" spans="14:14">
      <c r="N755737" s="10"/>
    </row>
    <row r="755738" spans="14:14">
      <c r="N755738" s="10"/>
    </row>
    <row r="755739" spans="14:14">
      <c r="N755739" s="10"/>
    </row>
    <row r="755740" spans="14:14">
      <c r="N755740" s="10"/>
    </row>
    <row r="755741" spans="14:14">
      <c r="N755741" s="10"/>
    </row>
    <row r="755742" spans="14:14">
      <c r="N755742" s="10"/>
    </row>
    <row r="755743" spans="14:14">
      <c r="N755743" s="10"/>
    </row>
    <row r="755744" spans="14:14">
      <c r="N755744" s="10"/>
    </row>
    <row r="755745" spans="14:14">
      <c r="N755745" s="10"/>
    </row>
    <row r="755746" spans="14:14">
      <c r="N755746" s="10"/>
    </row>
    <row r="755747" spans="14:14">
      <c r="N755747" s="10"/>
    </row>
    <row r="755748" spans="14:14">
      <c r="N755748" s="10"/>
    </row>
    <row r="755749" spans="14:14">
      <c r="N755749" s="10"/>
    </row>
    <row r="755750" spans="14:14">
      <c r="N755750" s="10"/>
    </row>
    <row r="755751" spans="14:14">
      <c r="N755751" s="10"/>
    </row>
    <row r="755752" spans="14:14">
      <c r="N755752" s="10"/>
    </row>
    <row r="755753" spans="14:14">
      <c r="N755753" s="10"/>
    </row>
    <row r="755754" spans="14:14">
      <c r="N755754" s="10"/>
    </row>
    <row r="755755" spans="14:14">
      <c r="N755755" s="10"/>
    </row>
    <row r="755756" spans="14:14">
      <c r="N755756" s="10"/>
    </row>
    <row r="755757" spans="14:14">
      <c r="N755757" s="10"/>
    </row>
    <row r="755758" spans="14:14">
      <c r="N755758" s="10"/>
    </row>
    <row r="755759" spans="14:14">
      <c r="N755759" s="10"/>
    </row>
    <row r="755760" spans="14:14">
      <c r="N755760" s="10"/>
    </row>
    <row r="755761" spans="14:14">
      <c r="N755761" s="10"/>
    </row>
    <row r="755762" spans="14:14">
      <c r="N755762" s="10"/>
    </row>
    <row r="755763" spans="14:14">
      <c r="N755763" s="10"/>
    </row>
    <row r="755764" spans="14:14">
      <c r="N755764" s="10"/>
    </row>
    <row r="755765" spans="14:14">
      <c r="N755765" s="10"/>
    </row>
    <row r="755766" spans="14:14">
      <c r="N755766" s="10"/>
    </row>
    <row r="755767" spans="14:14">
      <c r="N755767" s="10"/>
    </row>
    <row r="755768" spans="14:14">
      <c r="N755768" s="10"/>
    </row>
    <row r="755769" spans="14:14">
      <c r="N755769" s="10"/>
    </row>
    <row r="755770" spans="14:14">
      <c r="N755770" s="10"/>
    </row>
    <row r="755771" spans="14:14">
      <c r="N755771" s="10"/>
    </row>
    <row r="755772" spans="14:14">
      <c r="N755772" s="10"/>
    </row>
    <row r="755773" spans="14:14">
      <c r="N755773" s="10"/>
    </row>
    <row r="755774" spans="14:14">
      <c r="N755774" s="10"/>
    </row>
    <row r="755775" spans="14:14">
      <c r="N755775" s="10"/>
    </row>
    <row r="755776" spans="14:14">
      <c r="N755776" s="10"/>
    </row>
    <row r="755777" spans="14:14">
      <c r="N755777" s="10"/>
    </row>
    <row r="755778" spans="14:14">
      <c r="N755778" s="10"/>
    </row>
    <row r="755779" spans="14:14">
      <c r="N755779" s="10"/>
    </row>
    <row r="755780" spans="14:14">
      <c r="N755780" s="10"/>
    </row>
    <row r="755781" spans="14:14">
      <c r="N755781" s="10"/>
    </row>
    <row r="755782" spans="14:14">
      <c r="N755782" s="10"/>
    </row>
    <row r="755783" spans="14:14">
      <c r="N755783" s="10"/>
    </row>
    <row r="755784" spans="14:14">
      <c r="N755784" s="10"/>
    </row>
    <row r="755785" spans="14:14">
      <c r="N755785" s="10"/>
    </row>
    <row r="755786" spans="14:14">
      <c r="N755786" s="10"/>
    </row>
    <row r="755787" spans="14:14">
      <c r="N755787" s="10"/>
    </row>
    <row r="755788" spans="14:14">
      <c r="N755788" s="10"/>
    </row>
    <row r="755789" spans="14:14">
      <c r="N755789" s="10"/>
    </row>
    <row r="755790" spans="14:14">
      <c r="N755790" s="10"/>
    </row>
    <row r="755791" spans="14:14">
      <c r="N755791" s="10"/>
    </row>
    <row r="755792" spans="14:14">
      <c r="N755792" s="10"/>
    </row>
    <row r="755793" spans="14:14">
      <c r="N755793" s="10"/>
    </row>
    <row r="755794" spans="14:14">
      <c r="N755794" s="10"/>
    </row>
    <row r="755795" spans="14:14">
      <c r="N755795" s="10"/>
    </row>
    <row r="755796" spans="14:14">
      <c r="N755796" s="10"/>
    </row>
    <row r="755797" spans="14:14">
      <c r="N755797" s="10"/>
    </row>
    <row r="755798" spans="14:14">
      <c r="N755798" s="10"/>
    </row>
    <row r="755799" spans="14:14">
      <c r="N755799" s="10"/>
    </row>
    <row r="755800" spans="14:14">
      <c r="N755800" s="10"/>
    </row>
    <row r="755801" spans="14:14">
      <c r="N755801" s="10"/>
    </row>
    <row r="755802" spans="14:14">
      <c r="N755802" s="10"/>
    </row>
    <row r="755803" spans="14:14">
      <c r="N755803" s="10"/>
    </row>
    <row r="755804" spans="14:14">
      <c r="N755804" s="10"/>
    </row>
    <row r="755805" spans="14:14">
      <c r="N755805" s="10"/>
    </row>
    <row r="755806" spans="14:14">
      <c r="N755806" s="10"/>
    </row>
    <row r="755807" spans="14:14">
      <c r="N755807" s="10"/>
    </row>
    <row r="755808" spans="14:14">
      <c r="N755808" s="10"/>
    </row>
    <row r="755809" spans="14:14">
      <c r="N755809" s="10"/>
    </row>
    <row r="755810" spans="14:14">
      <c r="N755810" s="10"/>
    </row>
    <row r="755811" spans="14:14">
      <c r="N755811" s="10"/>
    </row>
    <row r="755812" spans="14:14">
      <c r="N755812" s="10"/>
    </row>
    <row r="755813" spans="14:14">
      <c r="N755813" s="10"/>
    </row>
    <row r="755814" spans="14:14">
      <c r="N755814" s="10"/>
    </row>
    <row r="755815" spans="14:14">
      <c r="N755815" s="10"/>
    </row>
    <row r="755816" spans="14:14">
      <c r="N755816" s="10"/>
    </row>
    <row r="755817" spans="14:14">
      <c r="N755817" s="10"/>
    </row>
    <row r="755818" spans="14:14">
      <c r="N755818" s="10"/>
    </row>
    <row r="755819" spans="14:14">
      <c r="N755819" s="10"/>
    </row>
    <row r="755820" spans="14:14">
      <c r="N755820" s="10"/>
    </row>
    <row r="755821" spans="14:14">
      <c r="N755821" s="10"/>
    </row>
    <row r="755822" spans="14:14">
      <c r="N755822" s="10"/>
    </row>
    <row r="755823" spans="14:14">
      <c r="N755823" s="10"/>
    </row>
    <row r="755824" spans="14:14">
      <c r="N755824" s="10"/>
    </row>
    <row r="755825" spans="14:14">
      <c r="N755825" s="10"/>
    </row>
    <row r="755826" spans="14:14">
      <c r="N755826" s="10"/>
    </row>
    <row r="755827" spans="14:14">
      <c r="N755827" s="10"/>
    </row>
    <row r="755828" spans="14:14">
      <c r="N755828" s="10"/>
    </row>
    <row r="755829" spans="14:14">
      <c r="N755829" s="10"/>
    </row>
    <row r="755830" spans="14:14">
      <c r="N755830" s="10"/>
    </row>
    <row r="755831" spans="14:14">
      <c r="N755831" s="10"/>
    </row>
    <row r="755832" spans="14:14">
      <c r="N755832" s="10"/>
    </row>
    <row r="755833" spans="14:14">
      <c r="N755833" s="10"/>
    </row>
    <row r="755834" spans="14:14">
      <c r="N755834" s="10"/>
    </row>
    <row r="755835" spans="14:14">
      <c r="N755835" s="10"/>
    </row>
    <row r="755836" spans="14:14">
      <c r="N755836" s="10"/>
    </row>
    <row r="755837" spans="14:14">
      <c r="N755837" s="10"/>
    </row>
    <row r="755838" spans="14:14">
      <c r="N755838" s="10"/>
    </row>
    <row r="755839" spans="14:14">
      <c r="N755839" s="10"/>
    </row>
    <row r="755840" spans="14:14">
      <c r="N755840" s="10"/>
    </row>
    <row r="755841" spans="14:14">
      <c r="N755841" s="10"/>
    </row>
    <row r="755842" spans="14:14">
      <c r="N755842" s="10"/>
    </row>
    <row r="755843" spans="14:14">
      <c r="N755843" s="10"/>
    </row>
    <row r="755844" spans="14:14">
      <c r="N755844" s="10"/>
    </row>
    <row r="755845" spans="14:14">
      <c r="N755845" s="10"/>
    </row>
    <row r="755846" spans="14:14">
      <c r="N755846" s="10"/>
    </row>
    <row r="755847" spans="14:14">
      <c r="N755847" s="10"/>
    </row>
    <row r="755848" spans="14:14">
      <c r="N755848" s="10"/>
    </row>
    <row r="755849" spans="14:14">
      <c r="N755849" s="10"/>
    </row>
    <row r="755850" spans="14:14">
      <c r="N755850" s="10"/>
    </row>
    <row r="755851" spans="14:14">
      <c r="N755851" s="10"/>
    </row>
    <row r="755852" spans="14:14">
      <c r="N755852" s="10"/>
    </row>
    <row r="755853" spans="14:14">
      <c r="N755853" s="10"/>
    </row>
    <row r="755854" spans="14:14">
      <c r="N755854" s="10"/>
    </row>
    <row r="755855" spans="14:14">
      <c r="N755855" s="10"/>
    </row>
    <row r="755856" spans="14:14">
      <c r="N755856" s="10"/>
    </row>
    <row r="755857" spans="14:14">
      <c r="N755857" s="10"/>
    </row>
    <row r="755858" spans="14:14">
      <c r="N755858" s="10"/>
    </row>
    <row r="755859" spans="14:14">
      <c r="N755859" s="10"/>
    </row>
    <row r="755860" spans="14:14">
      <c r="N755860" s="10"/>
    </row>
    <row r="755861" spans="14:14">
      <c r="N755861" s="10"/>
    </row>
    <row r="755862" spans="14:14">
      <c r="N755862" s="10"/>
    </row>
    <row r="755863" spans="14:14">
      <c r="N755863" s="10"/>
    </row>
    <row r="755864" spans="14:14">
      <c r="N755864" s="10"/>
    </row>
    <row r="755865" spans="14:14">
      <c r="N755865" s="10"/>
    </row>
    <row r="755866" spans="14:14">
      <c r="N755866" s="10"/>
    </row>
    <row r="755867" spans="14:14">
      <c r="N755867" s="10"/>
    </row>
    <row r="755868" spans="14:14">
      <c r="N755868" s="10"/>
    </row>
    <row r="755869" spans="14:14">
      <c r="N755869" s="10"/>
    </row>
    <row r="755870" spans="14:14">
      <c r="N755870" s="10"/>
    </row>
    <row r="755871" spans="14:14">
      <c r="N755871" s="10"/>
    </row>
    <row r="755872" spans="14:14">
      <c r="N755872" s="10"/>
    </row>
    <row r="755873" spans="14:14">
      <c r="N755873" s="10"/>
    </row>
    <row r="755874" spans="14:14">
      <c r="N755874" s="10"/>
    </row>
    <row r="755875" spans="14:14">
      <c r="N755875" s="10"/>
    </row>
    <row r="755876" spans="14:14">
      <c r="N755876" s="10"/>
    </row>
    <row r="755877" spans="14:14">
      <c r="N755877" s="10"/>
    </row>
    <row r="755878" spans="14:14">
      <c r="N755878" s="10"/>
    </row>
    <row r="755879" spans="14:14">
      <c r="N755879" s="10"/>
    </row>
    <row r="755880" spans="14:14">
      <c r="N755880" s="10"/>
    </row>
    <row r="755881" spans="14:14">
      <c r="N755881" s="10"/>
    </row>
    <row r="755882" spans="14:14">
      <c r="N755882" s="10"/>
    </row>
    <row r="755883" spans="14:14">
      <c r="N755883" s="10"/>
    </row>
    <row r="755884" spans="14:14">
      <c r="N755884" s="10"/>
    </row>
    <row r="755885" spans="14:14">
      <c r="N755885" s="10"/>
    </row>
    <row r="755886" spans="14:14">
      <c r="N755886" s="10"/>
    </row>
    <row r="755887" spans="14:14">
      <c r="N755887" s="10"/>
    </row>
    <row r="755888" spans="14:14">
      <c r="N755888" s="10"/>
    </row>
    <row r="755889" spans="14:14">
      <c r="N755889" s="10"/>
    </row>
    <row r="755890" spans="14:14">
      <c r="N755890" s="10"/>
    </row>
    <row r="755891" spans="14:14">
      <c r="N755891" s="10"/>
    </row>
    <row r="755892" spans="14:14">
      <c r="N755892" s="10"/>
    </row>
    <row r="755893" spans="14:14">
      <c r="N755893" s="10"/>
    </row>
    <row r="755894" spans="14:14">
      <c r="N755894" s="10"/>
    </row>
    <row r="755895" spans="14:14">
      <c r="N755895" s="10"/>
    </row>
    <row r="755896" spans="14:14">
      <c r="N755896" s="10"/>
    </row>
    <row r="755897" spans="14:14">
      <c r="N755897" s="10"/>
    </row>
    <row r="755898" spans="14:14">
      <c r="N755898" s="10"/>
    </row>
    <row r="755899" spans="14:14">
      <c r="N755899" s="10"/>
    </row>
    <row r="755900" spans="14:14">
      <c r="N755900" s="10"/>
    </row>
    <row r="755901" spans="14:14">
      <c r="N755901" s="10"/>
    </row>
    <row r="755902" spans="14:14">
      <c r="N755902" s="10"/>
    </row>
    <row r="755903" spans="14:14">
      <c r="N755903" s="10"/>
    </row>
    <row r="755904" spans="14:14">
      <c r="N755904" s="10"/>
    </row>
    <row r="755905" spans="14:14">
      <c r="N755905" s="10"/>
    </row>
    <row r="755906" spans="14:14">
      <c r="N755906" s="10"/>
    </row>
    <row r="755907" spans="14:14">
      <c r="N755907" s="10"/>
    </row>
    <row r="755908" spans="14:14">
      <c r="N755908" s="10"/>
    </row>
    <row r="755909" spans="14:14">
      <c r="N755909" s="10"/>
    </row>
    <row r="755910" spans="14:14">
      <c r="N755910" s="10"/>
    </row>
    <row r="755911" spans="14:14">
      <c r="N755911" s="10"/>
    </row>
    <row r="755912" spans="14:14">
      <c r="N755912" s="10"/>
    </row>
    <row r="755913" spans="14:14">
      <c r="N755913" s="10"/>
    </row>
    <row r="755914" spans="14:14">
      <c r="N755914" s="10"/>
    </row>
    <row r="755915" spans="14:14">
      <c r="N755915" s="10"/>
    </row>
    <row r="755916" spans="14:14">
      <c r="N755916" s="10"/>
    </row>
    <row r="755917" spans="14:14">
      <c r="N755917" s="10"/>
    </row>
    <row r="755918" spans="14:14">
      <c r="N755918" s="10"/>
    </row>
    <row r="755919" spans="14:14">
      <c r="N755919" s="10"/>
    </row>
    <row r="755920" spans="14:14">
      <c r="N755920" s="10"/>
    </row>
    <row r="755921" spans="14:14">
      <c r="N755921" s="10"/>
    </row>
    <row r="755922" spans="14:14">
      <c r="N755922" s="10"/>
    </row>
    <row r="755923" spans="14:14">
      <c r="N755923" s="10"/>
    </row>
    <row r="755924" spans="14:14">
      <c r="N755924" s="10"/>
    </row>
    <row r="755925" spans="14:14">
      <c r="N755925" s="10"/>
    </row>
    <row r="755926" spans="14:14">
      <c r="N755926" s="10"/>
    </row>
    <row r="755927" spans="14:14">
      <c r="N755927" s="10"/>
    </row>
    <row r="755928" spans="14:14">
      <c r="N755928" s="10"/>
    </row>
    <row r="755929" spans="14:14">
      <c r="N755929" s="10"/>
    </row>
    <row r="755930" spans="14:14">
      <c r="N755930" s="10"/>
    </row>
    <row r="755931" spans="14:14">
      <c r="N755931" s="10"/>
    </row>
    <row r="755932" spans="14:14">
      <c r="N755932" s="10"/>
    </row>
    <row r="755933" spans="14:14">
      <c r="N755933" s="10"/>
    </row>
    <row r="755934" spans="14:14">
      <c r="N755934" s="10"/>
    </row>
    <row r="755935" spans="14:14">
      <c r="N755935" s="10"/>
    </row>
    <row r="755936" spans="14:14">
      <c r="N755936" s="10"/>
    </row>
    <row r="755937" spans="14:14">
      <c r="N755937" s="10"/>
    </row>
    <row r="755938" spans="14:14">
      <c r="N755938" s="10"/>
    </row>
    <row r="755939" spans="14:14">
      <c r="N755939" s="10"/>
    </row>
    <row r="755940" spans="14:14">
      <c r="N755940" s="10"/>
    </row>
    <row r="755941" spans="14:14">
      <c r="N755941" s="10"/>
    </row>
    <row r="755942" spans="14:14">
      <c r="N755942" s="10"/>
    </row>
    <row r="755943" spans="14:14">
      <c r="N755943" s="10"/>
    </row>
    <row r="755944" spans="14:14">
      <c r="N755944" s="10"/>
    </row>
    <row r="755945" spans="14:14">
      <c r="N755945" s="10"/>
    </row>
    <row r="755946" spans="14:14">
      <c r="N755946" s="10"/>
    </row>
    <row r="755947" spans="14:14">
      <c r="N755947" s="10"/>
    </row>
    <row r="755948" spans="14:14">
      <c r="N755948" s="10"/>
    </row>
    <row r="755949" spans="14:14">
      <c r="N755949" s="10"/>
    </row>
    <row r="755950" spans="14:14">
      <c r="N755950" s="10"/>
    </row>
    <row r="755951" spans="14:14">
      <c r="N755951" s="10"/>
    </row>
    <row r="755952" spans="14:14">
      <c r="N755952" s="10"/>
    </row>
    <row r="755953" spans="14:14">
      <c r="N755953" s="10"/>
    </row>
    <row r="755954" spans="14:14">
      <c r="N755954" s="10"/>
    </row>
    <row r="755955" spans="14:14">
      <c r="N755955" s="10"/>
    </row>
    <row r="755956" spans="14:14">
      <c r="N755956" s="10"/>
    </row>
    <row r="755957" spans="14:14">
      <c r="N755957" s="10"/>
    </row>
    <row r="755958" spans="14:14">
      <c r="N755958" s="10"/>
    </row>
    <row r="755959" spans="14:14">
      <c r="N755959" s="10"/>
    </row>
    <row r="755960" spans="14:14">
      <c r="N755960" s="10"/>
    </row>
    <row r="755961" spans="14:14">
      <c r="N755961" s="10"/>
    </row>
    <row r="755962" spans="14:14">
      <c r="N755962" s="10"/>
    </row>
    <row r="755963" spans="14:14">
      <c r="N755963" s="10"/>
    </row>
    <row r="755964" spans="14:14">
      <c r="N755964" s="10"/>
    </row>
    <row r="755965" spans="14:14">
      <c r="N755965" s="10"/>
    </row>
    <row r="755966" spans="14:14">
      <c r="N755966" s="10"/>
    </row>
    <row r="755967" spans="14:14">
      <c r="N755967" s="10"/>
    </row>
    <row r="755968" spans="14:14">
      <c r="N755968" s="10"/>
    </row>
    <row r="755969" spans="14:14">
      <c r="N755969" s="10"/>
    </row>
    <row r="755970" spans="14:14">
      <c r="N755970" s="10"/>
    </row>
    <row r="755971" spans="14:14">
      <c r="N755971" s="10"/>
    </row>
    <row r="755972" spans="14:14">
      <c r="N755972" s="10"/>
    </row>
    <row r="755973" spans="14:14">
      <c r="N755973" s="10"/>
    </row>
    <row r="755974" spans="14:14">
      <c r="N755974" s="10"/>
    </row>
    <row r="755975" spans="14:14">
      <c r="N755975" s="10"/>
    </row>
    <row r="755976" spans="14:14">
      <c r="N755976" s="10"/>
    </row>
    <row r="755977" spans="14:14">
      <c r="N755977" s="10"/>
    </row>
    <row r="755978" spans="14:14">
      <c r="N755978" s="10"/>
    </row>
    <row r="755979" spans="14:14">
      <c r="N755979" s="10"/>
    </row>
    <row r="755980" spans="14:14">
      <c r="N755980" s="10"/>
    </row>
    <row r="755981" spans="14:14">
      <c r="N755981" s="10"/>
    </row>
    <row r="755982" spans="14:14">
      <c r="N755982" s="10"/>
    </row>
    <row r="755983" spans="14:14">
      <c r="N755983" s="10"/>
    </row>
    <row r="755984" spans="14:14">
      <c r="N755984" s="10"/>
    </row>
    <row r="755985" spans="14:14">
      <c r="N755985" s="10"/>
    </row>
    <row r="755986" spans="14:14">
      <c r="N755986" s="10"/>
    </row>
    <row r="755987" spans="14:14">
      <c r="N755987" s="10"/>
    </row>
    <row r="755988" spans="14:14">
      <c r="N755988" s="10"/>
    </row>
    <row r="755989" spans="14:14">
      <c r="N755989" s="10"/>
    </row>
    <row r="755990" spans="14:14">
      <c r="N755990" s="10"/>
    </row>
    <row r="755991" spans="14:14">
      <c r="N755991" s="10"/>
    </row>
    <row r="755992" spans="14:14">
      <c r="N755992" s="10"/>
    </row>
    <row r="755993" spans="14:14">
      <c r="N755993" s="10"/>
    </row>
    <row r="755994" spans="14:14">
      <c r="N755994" s="10"/>
    </row>
    <row r="755995" spans="14:14">
      <c r="N755995" s="10"/>
    </row>
    <row r="755996" spans="14:14">
      <c r="N755996" s="10"/>
    </row>
    <row r="755997" spans="14:14">
      <c r="N755997" s="10"/>
    </row>
    <row r="755998" spans="14:14">
      <c r="N755998" s="10"/>
    </row>
    <row r="755999" spans="14:14">
      <c r="N755999" s="10"/>
    </row>
    <row r="756000" spans="14:14">
      <c r="N756000" s="10"/>
    </row>
    <row r="756001" spans="14:14">
      <c r="N756001" s="10"/>
    </row>
    <row r="756002" spans="14:14">
      <c r="N756002" s="10"/>
    </row>
    <row r="756003" spans="14:14">
      <c r="N756003" s="10"/>
    </row>
    <row r="756004" spans="14:14">
      <c r="N756004" s="10"/>
    </row>
    <row r="756005" spans="14:14">
      <c r="N756005" s="10"/>
    </row>
    <row r="756006" spans="14:14">
      <c r="N756006" s="10"/>
    </row>
    <row r="756007" spans="14:14">
      <c r="N756007" s="10"/>
    </row>
    <row r="756008" spans="14:14">
      <c r="N756008" s="10"/>
    </row>
    <row r="756009" spans="14:14">
      <c r="N756009" s="10"/>
    </row>
    <row r="756010" spans="14:14">
      <c r="N756010" s="10"/>
    </row>
    <row r="756011" spans="14:14">
      <c r="N756011" s="10"/>
    </row>
    <row r="756012" spans="14:14">
      <c r="N756012" s="10"/>
    </row>
    <row r="756013" spans="14:14">
      <c r="N756013" s="10"/>
    </row>
    <row r="756014" spans="14:14">
      <c r="N756014" s="10"/>
    </row>
    <row r="756015" spans="14:14">
      <c r="N756015" s="10"/>
    </row>
    <row r="756016" spans="14:14">
      <c r="N756016" s="10"/>
    </row>
    <row r="756017" spans="14:14">
      <c r="N756017" s="10"/>
    </row>
    <row r="756018" spans="14:14">
      <c r="N756018" s="10"/>
    </row>
    <row r="756019" spans="14:14">
      <c r="N756019" s="10"/>
    </row>
    <row r="756020" spans="14:14">
      <c r="N756020" s="10"/>
    </row>
    <row r="756021" spans="14:14">
      <c r="N756021" s="10"/>
    </row>
    <row r="756022" spans="14:14">
      <c r="N756022" s="10"/>
    </row>
    <row r="756023" spans="14:14">
      <c r="N756023" s="10"/>
    </row>
    <row r="756024" spans="14:14">
      <c r="N756024" s="10"/>
    </row>
    <row r="756025" spans="14:14">
      <c r="N756025" s="10"/>
    </row>
    <row r="756026" spans="14:14">
      <c r="N756026" s="10"/>
    </row>
    <row r="756027" spans="14:14">
      <c r="N756027" s="10"/>
    </row>
    <row r="756028" spans="14:14">
      <c r="N756028" s="10"/>
    </row>
    <row r="756029" spans="14:14">
      <c r="N756029" s="10"/>
    </row>
    <row r="756030" spans="14:14">
      <c r="N756030" s="10"/>
    </row>
    <row r="756031" spans="14:14">
      <c r="N756031" s="10"/>
    </row>
    <row r="756032" spans="14:14">
      <c r="N756032" s="10"/>
    </row>
    <row r="756033" spans="14:14">
      <c r="N756033" s="10"/>
    </row>
    <row r="756034" spans="14:14">
      <c r="N756034" s="10"/>
    </row>
    <row r="756035" spans="14:14">
      <c r="N756035" s="10"/>
    </row>
    <row r="756036" spans="14:14">
      <c r="N756036" s="10"/>
    </row>
    <row r="756037" spans="14:14">
      <c r="N756037" s="10"/>
    </row>
    <row r="756038" spans="14:14">
      <c r="N756038" s="10"/>
    </row>
    <row r="756039" spans="14:14">
      <c r="N756039" s="10"/>
    </row>
    <row r="756040" spans="14:14">
      <c r="N756040" s="10"/>
    </row>
    <row r="756041" spans="14:14">
      <c r="N756041" s="10"/>
    </row>
    <row r="756042" spans="14:14">
      <c r="N756042" s="10"/>
    </row>
    <row r="756043" spans="14:14">
      <c r="N756043" s="10"/>
    </row>
    <row r="756044" spans="14:14">
      <c r="N756044" s="10"/>
    </row>
    <row r="756045" spans="14:14">
      <c r="N756045" s="10"/>
    </row>
    <row r="756046" spans="14:14">
      <c r="N756046" s="10"/>
    </row>
    <row r="756047" spans="14:14">
      <c r="N756047" s="10"/>
    </row>
    <row r="756048" spans="14:14">
      <c r="N756048" s="10"/>
    </row>
    <row r="756049" spans="14:14">
      <c r="N756049" s="10"/>
    </row>
    <row r="756050" spans="14:14">
      <c r="N756050" s="10"/>
    </row>
    <row r="756051" spans="14:14">
      <c r="N756051" s="10"/>
    </row>
    <row r="756052" spans="14:14">
      <c r="N756052" s="10"/>
    </row>
    <row r="756053" spans="14:14">
      <c r="N756053" s="10"/>
    </row>
    <row r="756054" spans="14:14">
      <c r="N756054" s="10"/>
    </row>
    <row r="756055" spans="14:14">
      <c r="N756055" s="10"/>
    </row>
    <row r="756056" spans="14:14">
      <c r="N756056" s="10"/>
    </row>
    <row r="756057" spans="14:14">
      <c r="N756057" s="10"/>
    </row>
    <row r="756058" spans="14:14">
      <c r="N756058" s="10"/>
    </row>
    <row r="756059" spans="14:14">
      <c r="N756059" s="10"/>
    </row>
    <row r="756060" spans="14:14">
      <c r="N756060" s="10"/>
    </row>
    <row r="756061" spans="14:14">
      <c r="N756061" s="10"/>
    </row>
    <row r="756062" spans="14:14">
      <c r="N756062" s="10"/>
    </row>
    <row r="756063" spans="14:14">
      <c r="N756063" s="10"/>
    </row>
    <row r="756064" spans="14:14">
      <c r="N756064" s="10"/>
    </row>
    <row r="756065" spans="14:14">
      <c r="N756065" s="10"/>
    </row>
    <row r="756066" spans="14:14">
      <c r="N756066" s="10"/>
    </row>
    <row r="756067" spans="14:14">
      <c r="N756067" s="10"/>
    </row>
    <row r="756068" spans="14:14">
      <c r="N756068" s="10"/>
    </row>
    <row r="756069" spans="14:14">
      <c r="N756069" s="10"/>
    </row>
    <row r="756070" spans="14:14">
      <c r="N756070" s="10"/>
    </row>
    <row r="756071" spans="14:14">
      <c r="N756071" s="10"/>
    </row>
    <row r="756072" spans="14:14">
      <c r="N756072" s="10"/>
    </row>
    <row r="756073" spans="14:14">
      <c r="N756073" s="10"/>
    </row>
    <row r="756074" spans="14:14">
      <c r="N756074" s="10"/>
    </row>
    <row r="756075" spans="14:14">
      <c r="N756075" s="10"/>
    </row>
    <row r="756076" spans="14:14">
      <c r="N756076" s="10"/>
    </row>
    <row r="756077" spans="14:14">
      <c r="N756077" s="10"/>
    </row>
    <row r="756078" spans="14:14">
      <c r="N756078" s="10"/>
    </row>
    <row r="756079" spans="14:14">
      <c r="N756079" s="10"/>
    </row>
    <row r="756080" spans="14:14">
      <c r="N756080" s="10"/>
    </row>
    <row r="756081" spans="14:14">
      <c r="N756081" s="10"/>
    </row>
    <row r="756082" spans="14:14">
      <c r="N756082" s="10"/>
    </row>
    <row r="756083" spans="14:14">
      <c r="N756083" s="10"/>
    </row>
    <row r="756084" spans="14:14">
      <c r="N756084" s="10"/>
    </row>
    <row r="756085" spans="14:14">
      <c r="N756085" s="10"/>
    </row>
    <row r="756086" spans="14:14">
      <c r="N756086" s="10"/>
    </row>
    <row r="756087" spans="14:14">
      <c r="N756087" s="10"/>
    </row>
    <row r="756088" spans="14:14">
      <c r="N756088" s="10"/>
    </row>
    <row r="756089" spans="14:14">
      <c r="N756089" s="10"/>
    </row>
    <row r="756090" spans="14:14">
      <c r="N756090" s="10"/>
    </row>
    <row r="756091" spans="14:14">
      <c r="N756091" s="10"/>
    </row>
    <row r="756092" spans="14:14">
      <c r="N756092" s="10"/>
    </row>
    <row r="756093" spans="14:14">
      <c r="N756093" s="10"/>
    </row>
    <row r="756094" spans="14:14">
      <c r="N756094" s="10"/>
    </row>
    <row r="756095" spans="14:14">
      <c r="N756095" s="10"/>
    </row>
    <row r="756096" spans="14:14">
      <c r="N756096" s="10"/>
    </row>
    <row r="756097" spans="14:14">
      <c r="N756097" s="10"/>
    </row>
    <row r="756098" spans="14:14">
      <c r="N756098" s="10"/>
    </row>
    <row r="756099" spans="14:14">
      <c r="N756099" s="10"/>
    </row>
    <row r="756100" spans="14:14">
      <c r="N756100" s="10"/>
    </row>
    <row r="756101" spans="14:14">
      <c r="N756101" s="10"/>
    </row>
    <row r="756102" spans="14:14">
      <c r="N756102" s="10"/>
    </row>
    <row r="756103" spans="14:14">
      <c r="N756103" s="10"/>
    </row>
    <row r="756104" spans="14:14">
      <c r="N756104" s="10"/>
    </row>
    <row r="756105" spans="14:14">
      <c r="N756105" s="10"/>
    </row>
    <row r="756106" spans="14:14">
      <c r="N756106" s="10"/>
    </row>
    <row r="756107" spans="14:14">
      <c r="N756107" s="10"/>
    </row>
    <row r="756108" spans="14:14">
      <c r="N756108" s="10"/>
    </row>
    <row r="756109" spans="14:14">
      <c r="N756109" s="10"/>
    </row>
    <row r="756110" spans="14:14">
      <c r="N756110" s="10"/>
    </row>
    <row r="756111" spans="14:14">
      <c r="N756111" s="10"/>
    </row>
    <row r="756112" spans="14:14">
      <c r="N756112" s="10"/>
    </row>
    <row r="756113" spans="14:14">
      <c r="N756113" s="10"/>
    </row>
    <row r="756114" spans="14:14">
      <c r="N756114" s="10"/>
    </row>
    <row r="756115" spans="14:14">
      <c r="N756115" s="10"/>
    </row>
    <row r="756116" spans="14:14">
      <c r="N756116" s="10"/>
    </row>
    <row r="756117" spans="14:14">
      <c r="N756117" s="10"/>
    </row>
    <row r="756118" spans="14:14">
      <c r="N756118" s="10"/>
    </row>
    <row r="756119" spans="14:14">
      <c r="N756119" s="10"/>
    </row>
    <row r="756120" spans="14:14">
      <c r="N756120" s="10"/>
    </row>
    <row r="756121" spans="14:14">
      <c r="N756121" s="10"/>
    </row>
    <row r="756122" spans="14:14">
      <c r="N756122" s="10"/>
    </row>
    <row r="756123" spans="14:14">
      <c r="N756123" s="10"/>
    </row>
    <row r="756124" spans="14:14">
      <c r="N756124" s="10"/>
    </row>
    <row r="756125" spans="14:14">
      <c r="N756125" s="10"/>
    </row>
    <row r="756126" spans="14:14">
      <c r="N756126" s="10"/>
    </row>
    <row r="756127" spans="14:14">
      <c r="N756127" s="10"/>
    </row>
    <row r="756128" spans="14:14">
      <c r="N756128" s="10"/>
    </row>
    <row r="756129" spans="14:14">
      <c r="N756129" s="10"/>
    </row>
    <row r="756130" spans="14:14">
      <c r="N756130" s="10"/>
    </row>
    <row r="756131" spans="14:14">
      <c r="N756131" s="10"/>
    </row>
    <row r="756132" spans="14:14">
      <c r="N756132" s="10"/>
    </row>
    <row r="756133" spans="14:14">
      <c r="N756133" s="10"/>
    </row>
    <row r="756134" spans="14:14">
      <c r="N756134" s="10"/>
    </row>
    <row r="756135" spans="14:14">
      <c r="N756135" s="10"/>
    </row>
    <row r="756136" spans="14:14">
      <c r="N756136" s="10"/>
    </row>
    <row r="756137" spans="14:14">
      <c r="N756137" s="10"/>
    </row>
    <row r="756138" spans="14:14">
      <c r="N756138" s="10"/>
    </row>
    <row r="756139" spans="14:14">
      <c r="N756139" s="10"/>
    </row>
    <row r="756140" spans="14:14">
      <c r="N756140" s="10"/>
    </row>
    <row r="756141" spans="14:14">
      <c r="N756141" s="10"/>
    </row>
    <row r="756142" spans="14:14">
      <c r="N756142" s="10"/>
    </row>
    <row r="756143" spans="14:14">
      <c r="N756143" s="10"/>
    </row>
    <row r="756144" spans="14:14">
      <c r="N756144" s="10"/>
    </row>
    <row r="756145" spans="14:14">
      <c r="N756145" s="10"/>
    </row>
    <row r="756146" spans="14:14">
      <c r="N756146" s="10"/>
    </row>
    <row r="756147" spans="14:14">
      <c r="N756147" s="10"/>
    </row>
    <row r="756148" spans="14:14">
      <c r="N756148" s="10"/>
    </row>
    <row r="756149" spans="14:14">
      <c r="N756149" s="10"/>
    </row>
    <row r="756150" spans="14:14">
      <c r="N756150" s="10"/>
    </row>
    <row r="756151" spans="14:14">
      <c r="N756151" s="10"/>
    </row>
    <row r="756152" spans="14:14">
      <c r="N756152" s="10"/>
    </row>
    <row r="756153" spans="14:14">
      <c r="N756153" s="10"/>
    </row>
    <row r="756154" spans="14:14">
      <c r="N756154" s="10"/>
    </row>
    <row r="756155" spans="14:14">
      <c r="N756155" s="10"/>
    </row>
    <row r="756156" spans="14:14">
      <c r="N756156" s="10"/>
    </row>
    <row r="756157" spans="14:14">
      <c r="N756157" s="10"/>
    </row>
    <row r="756158" spans="14:14">
      <c r="N756158" s="10"/>
    </row>
    <row r="756159" spans="14:14">
      <c r="N756159" s="10"/>
    </row>
    <row r="756160" spans="14:14">
      <c r="N756160" s="10"/>
    </row>
    <row r="756161" spans="14:14">
      <c r="N756161" s="10"/>
    </row>
    <row r="756162" spans="14:14">
      <c r="N756162" s="10"/>
    </row>
    <row r="756163" spans="14:14">
      <c r="N756163" s="10"/>
    </row>
    <row r="756164" spans="14:14">
      <c r="N756164" s="10"/>
    </row>
    <row r="756165" spans="14:14">
      <c r="N756165" s="10"/>
    </row>
    <row r="756166" spans="14:14">
      <c r="N756166" s="10"/>
    </row>
    <row r="756167" spans="14:14">
      <c r="N756167" s="10"/>
    </row>
    <row r="756168" spans="14:14">
      <c r="N756168" s="10"/>
    </row>
    <row r="756169" spans="14:14">
      <c r="N756169" s="10"/>
    </row>
    <row r="756170" spans="14:14">
      <c r="N756170" s="10"/>
    </row>
    <row r="756171" spans="14:14">
      <c r="N756171" s="10"/>
    </row>
    <row r="756172" spans="14:14">
      <c r="N756172" s="10"/>
    </row>
    <row r="756173" spans="14:14">
      <c r="N756173" s="10"/>
    </row>
    <row r="756174" spans="14:14">
      <c r="N756174" s="10"/>
    </row>
    <row r="756175" spans="14:14">
      <c r="N756175" s="10"/>
    </row>
    <row r="756176" spans="14:14">
      <c r="N756176" s="10"/>
    </row>
    <row r="756177" spans="14:14">
      <c r="N756177" s="10"/>
    </row>
    <row r="756178" spans="14:14">
      <c r="N756178" s="10"/>
    </row>
    <row r="756179" spans="14:14">
      <c r="N756179" s="10"/>
    </row>
    <row r="756180" spans="14:14">
      <c r="N756180" s="10"/>
    </row>
    <row r="756181" spans="14:14">
      <c r="N756181" s="10"/>
    </row>
    <row r="756182" spans="14:14">
      <c r="N756182" s="10"/>
    </row>
    <row r="756183" spans="14:14">
      <c r="N756183" s="10"/>
    </row>
    <row r="756184" spans="14:14">
      <c r="N756184" s="10"/>
    </row>
    <row r="756185" spans="14:14">
      <c r="N756185" s="10"/>
    </row>
    <row r="756186" spans="14:14">
      <c r="N756186" s="10"/>
    </row>
    <row r="756187" spans="14:14">
      <c r="N756187" s="10"/>
    </row>
    <row r="756188" spans="14:14">
      <c r="N756188" s="10"/>
    </row>
    <row r="756189" spans="14:14">
      <c r="N756189" s="10"/>
    </row>
    <row r="756190" spans="14:14">
      <c r="N756190" s="10"/>
    </row>
    <row r="756191" spans="14:14">
      <c r="N756191" s="10"/>
    </row>
    <row r="756192" spans="14:14">
      <c r="N756192" s="10"/>
    </row>
    <row r="756193" spans="14:14">
      <c r="N756193" s="10"/>
    </row>
    <row r="756194" spans="14:14">
      <c r="N756194" s="10"/>
    </row>
    <row r="756195" spans="14:14">
      <c r="N756195" s="10"/>
    </row>
    <row r="756196" spans="14:14">
      <c r="N756196" s="10"/>
    </row>
    <row r="756197" spans="14:14">
      <c r="N756197" s="10"/>
    </row>
    <row r="756198" spans="14:14">
      <c r="N756198" s="10"/>
    </row>
    <row r="756199" spans="14:14">
      <c r="N756199" s="10"/>
    </row>
    <row r="756200" spans="14:14">
      <c r="N756200" s="10"/>
    </row>
    <row r="756201" spans="14:14">
      <c r="N756201" s="10"/>
    </row>
    <row r="756202" spans="14:14">
      <c r="N756202" s="10"/>
    </row>
    <row r="756203" spans="14:14">
      <c r="N756203" s="10"/>
    </row>
    <row r="756204" spans="14:14">
      <c r="N756204" s="10"/>
    </row>
    <row r="756205" spans="14:14">
      <c r="N756205" s="10"/>
    </row>
    <row r="756206" spans="14:14">
      <c r="N756206" s="10"/>
    </row>
    <row r="756207" spans="14:14">
      <c r="N756207" s="10"/>
    </row>
    <row r="756208" spans="14:14">
      <c r="N756208" s="10"/>
    </row>
    <row r="756209" spans="14:14">
      <c r="N756209" s="10"/>
    </row>
    <row r="756210" spans="14:14">
      <c r="N756210" s="10"/>
    </row>
    <row r="756211" spans="14:14">
      <c r="N756211" s="10"/>
    </row>
    <row r="756212" spans="14:14">
      <c r="N756212" s="10"/>
    </row>
    <row r="756213" spans="14:14">
      <c r="N756213" s="10"/>
    </row>
    <row r="756214" spans="14:14">
      <c r="N756214" s="10"/>
    </row>
    <row r="756215" spans="14:14">
      <c r="N756215" s="10"/>
    </row>
    <row r="756216" spans="14:14">
      <c r="N756216" s="10"/>
    </row>
    <row r="756217" spans="14:14">
      <c r="N756217" s="10"/>
    </row>
    <row r="756218" spans="14:14">
      <c r="N756218" s="10"/>
    </row>
    <row r="756219" spans="14:14">
      <c r="N756219" s="10"/>
    </row>
    <row r="756220" spans="14:14">
      <c r="N756220" s="10"/>
    </row>
    <row r="756221" spans="14:14">
      <c r="N756221" s="10"/>
    </row>
    <row r="756222" spans="14:14">
      <c r="N756222" s="10"/>
    </row>
    <row r="756223" spans="14:14">
      <c r="N756223" s="10"/>
    </row>
    <row r="756224" spans="14:14">
      <c r="N756224" s="10"/>
    </row>
    <row r="756225" spans="14:14">
      <c r="N756225" s="10"/>
    </row>
    <row r="756226" spans="14:14">
      <c r="N756226" s="10"/>
    </row>
    <row r="756227" spans="14:14">
      <c r="N756227" s="10"/>
    </row>
    <row r="756228" spans="14:14">
      <c r="N756228" s="10"/>
    </row>
    <row r="756229" spans="14:14">
      <c r="N756229" s="10"/>
    </row>
    <row r="756230" spans="14:14">
      <c r="N756230" s="10"/>
    </row>
    <row r="756231" spans="14:14">
      <c r="N756231" s="10"/>
    </row>
    <row r="756232" spans="14:14">
      <c r="N756232" s="10"/>
    </row>
    <row r="756233" spans="14:14">
      <c r="N756233" s="10"/>
    </row>
    <row r="756234" spans="14:14">
      <c r="N756234" s="10"/>
    </row>
    <row r="756235" spans="14:14">
      <c r="N756235" s="10"/>
    </row>
    <row r="756236" spans="14:14">
      <c r="N756236" s="10"/>
    </row>
    <row r="756237" spans="14:14">
      <c r="N756237" s="10"/>
    </row>
    <row r="756238" spans="14:14">
      <c r="N756238" s="10"/>
    </row>
    <row r="756239" spans="14:14">
      <c r="N756239" s="10"/>
    </row>
    <row r="756240" spans="14:14">
      <c r="N756240" s="10"/>
    </row>
    <row r="756241" spans="14:14">
      <c r="N756241" s="10"/>
    </row>
    <row r="756242" spans="14:14">
      <c r="N756242" s="10"/>
    </row>
    <row r="756243" spans="14:14">
      <c r="N756243" s="10"/>
    </row>
    <row r="756244" spans="14:14">
      <c r="N756244" s="10"/>
    </row>
    <row r="756245" spans="14:14">
      <c r="N756245" s="10"/>
    </row>
    <row r="756246" spans="14:14">
      <c r="N756246" s="10"/>
    </row>
    <row r="756247" spans="14:14">
      <c r="N756247" s="10"/>
    </row>
    <row r="756248" spans="14:14">
      <c r="N756248" s="10"/>
    </row>
    <row r="756249" spans="14:14">
      <c r="N756249" s="10"/>
    </row>
    <row r="756250" spans="14:14">
      <c r="N756250" s="10"/>
    </row>
    <row r="756251" spans="14:14">
      <c r="N756251" s="10"/>
    </row>
    <row r="756252" spans="14:14">
      <c r="N756252" s="10"/>
    </row>
    <row r="756253" spans="14:14">
      <c r="N756253" s="10"/>
    </row>
    <row r="756254" spans="14:14">
      <c r="N756254" s="10"/>
    </row>
    <row r="756255" spans="14:14">
      <c r="N756255" s="10"/>
    </row>
    <row r="756256" spans="14:14">
      <c r="N756256" s="10"/>
    </row>
    <row r="756257" spans="14:14">
      <c r="N756257" s="10"/>
    </row>
    <row r="756258" spans="14:14">
      <c r="N756258" s="10"/>
    </row>
    <row r="756259" spans="14:14">
      <c r="N756259" s="10"/>
    </row>
    <row r="756260" spans="14:14">
      <c r="N756260" s="10"/>
    </row>
    <row r="756261" spans="14:14">
      <c r="N756261" s="10"/>
    </row>
    <row r="756262" spans="14:14">
      <c r="N756262" s="10"/>
    </row>
    <row r="756263" spans="14:14">
      <c r="N756263" s="10"/>
    </row>
    <row r="756264" spans="14:14">
      <c r="N756264" s="10"/>
    </row>
    <row r="756265" spans="14:14">
      <c r="N756265" s="10"/>
    </row>
    <row r="756266" spans="14:14">
      <c r="N756266" s="10"/>
    </row>
    <row r="756267" spans="14:14">
      <c r="N756267" s="10"/>
    </row>
    <row r="756268" spans="14:14">
      <c r="N756268" s="10"/>
    </row>
    <row r="756269" spans="14:14">
      <c r="N756269" s="10"/>
    </row>
    <row r="756270" spans="14:14">
      <c r="N756270" s="10"/>
    </row>
    <row r="756271" spans="14:14">
      <c r="N756271" s="10"/>
    </row>
    <row r="756272" spans="14:14">
      <c r="N756272" s="10"/>
    </row>
    <row r="756273" spans="14:14">
      <c r="N756273" s="10"/>
    </row>
    <row r="756274" spans="14:14">
      <c r="N756274" s="10"/>
    </row>
    <row r="756275" spans="14:14">
      <c r="N756275" s="10"/>
    </row>
    <row r="756276" spans="14:14">
      <c r="N756276" s="10"/>
    </row>
    <row r="756277" spans="14:14">
      <c r="N756277" s="10"/>
    </row>
    <row r="756278" spans="14:14">
      <c r="N756278" s="10"/>
    </row>
    <row r="756279" spans="14:14">
      <c r="N756279" s="10"/>
    </row>
    <row r="756280" spans="14:14">
      <c r="N756280" s="10"/>
    </row>
    <row r="756281" spans="14:14">
      <c r="N756281" s="10"/>
    </row>
    <row r="756282" spans="14:14">
      <c r="N756282" s="10"/>
    </row>
    <row r="756283" spans="14:14">
      <c r="N756283" s="10"/>
    </row>
    <row r="756284" spans="14:14">
      <c r="N756284" s="10"/>
    </row>
    <row r="756285" spans="14:14">
      <c r="N756285" s="10"/>
    </row>
    <row r="756286" spans="14:14">
      <c r="N756286" s="10"/>
    </row>
    <row r="756287" spans="14:14">
      <c r="N756287" s="10"/>
    </row>
    <row r="756288" spans="14:14">
      <c r="N756288" s="10"/>
    </row>
    <row r="756289" spans="14:14">
      <c r="N756289" s="10"/>
    </row>
    <row r="756290" spans="14:14">
      <c r="N756290" s="10"/>
    </row>
    <row r="756291" spans="14:14">
      <c r="N756291" s="10"/>
    </row>
    <row r="756292" spans="14:14">
      <c r="N756292" s="10"/>
    </row>
    <row r="756293" spans="14:14">
      <c r="N756293" s="10"/>
    </row>
    <row r="756294" spans="14:14">
      <c r="N756294" s="10"/>
    </row>
    <row r="756295" spans="14:14">
      <c r="N756295" s="10"/>
    </row>
    <row r="756296" spans="14:14">
      <c r="N756296" s="10"/>
    </row>
    <row r="756297" spans="14:14">
      <c r="N756297" s="10"/>
    </row>
    <row r="756298" spans="14:14">
      <c r="N756298" s="10"/>
    </row>
    <row r="756299" spans="14:14">
      <c r="N756299" s="10"/>
    </row>
    <row r="756300" spans="14:14">
      <c r="N756300" s="10"/>
    </row>
    <row r="756301" spans="14:14">
      <c r="N756301" s="10"/>
    </row>
    <row r="756302" spans="14:14">
      <c r="N756302" s="10"/>
    </row>
    <row r="756303" spans="14:14">
      <c r="N756303" s="10"/>
    </row>
    <row r="756304" spans="14:14">
      <c r="N756304" s="10"/>
    </row>
    <row r="756305" spans="14:14">
      <c r="N756305" s="10"/>
    </row>
    <row r="756306" spans="14:14">
      <c r="N756306" s="10"/>
    </row>
    <row r="756307" spans="14:14">
      <c r="N756307" s="10"/>
    </row>
    <row r="756308" spans="14:14">
      <c r="N756308" s="10"/>
    </row>
    <row r="756309" spans="14:14">
      <c r="N756309" s="10"/>
    </row>
    <row r="756310" spans="14:14">
      <c r="N756310" s="10"/>
    </row>
    <row r="756311" spans="14:14">
      <c r="N756311" s="10"/>
    </row>
    <row r="756312" spans="14:14">
      <c r="N756312" s="10"/>
    </row>
    <row r="756313" spans="14:14">
      <c r="N756313" s="10"/>
    </row>
    <row r="756314" spans="14:14">
      <c r="N756314" s="10"/>
    </row>
    <row r="756315" spans="14:14">
      <c r="N756315" s="10"/>
    </row>
    <row r="756316" spans="14:14">
      <c r="N756316" s="10"/>
    </row>
    <row r="756317" spans="14:14">
      <c r="N756317" s="10"/>
    </row>
    <row r="756318" spans="14:14">
      <c r="N756318" s="10"/>
    </row>
    <row r="756319" spans="14:14">
      <c r="N756319" s="10"/>
    </row>
    <row r="756320" spans="14:14">
      <c r="N756320" s="10"/>
    </row>
    <row r="756321" spans="14:14">
      <c r="N756321" s="10"/>
    </row>
    <row r="756322" spans="14:14">
      <c r="N756322" s="10"/>
    </row>
    <row r="756323" spans="14:14">
      <c r="N756323" s="10"/>
    </row>
    <row r="756324" spans="14:14">
      <c r="N756324" s="10"/>
    </row>
    <row r="756325" spans="14:14">
      <c r="N756325" s="10"/>
    </row>
    <row r="756326" spans="14:14">
      <c r="N756326" s="10"/>
    </row>
    <row r="756327" spans="14:14">
      <c r="N756327" s="10"/>
    </row>
    <row r="756328" spans="14:14">
      <c r="N756328" s="10"/>
    </row>
    <row r="756329" spans="14:14">
      <c r="N756329" s="10"/>
    </row>
    <row r="756330" spans="14:14">
      <c r="N756330" s="10"/>
    </row>
    <row r="756331" spans="14:14">
      <c r="N756331" s="10"/>
    </row>
    <row r="756332" spans="14:14">
      <c r="N756332" s="10"/>
    </row>
    <row r="756333" spans="14:14">
      <c r="N756333" s="10"/>
    </row>
    <row r="756334" spans="14:14">
      <c r="N756334" s="10"/>
    </row>
    <row r="756335" spans="14:14">
      <c r="N756335" s="10"/>
    </row>
    <row r="756336" spans="14:14">
      <c r="N756336" s="10"/>
    </row>
    <row r="756337" spans="14:14">
      <c r="N756337" s="10"/>
    </row>
    <row r="756338" spans="14:14">
      <c r="N756338" s="10"/>
    </row>
    <row r="756339" spans="14:14">
      <c r="N756339" s="10"/>
    </row>
    <row r="756340" spans="14:14">
      <c r="N756340" s="10"/>
    </row>
    <row r="756341" spans="14:14">
      <c r="N756341" s="10"/>
    </row>
    <row r="756342" spans="14:14">
      <c r="N756342" s="10"/>
    </row>
    <row r="756343" spans="14:14">
      <c r="N756343" s="10"/>
    </row>
    <row r="756344" spans="14:14">
      <c r="N756344" s="10"/>
    </row>
    <row r="756345" spans="14:14">
      <c r="N756345" s="10"/>
    </row>
    <row r="756346" spans="14:14">
      <c r="N756346" s="10"/>
    </row>
    <row r="756347" spans="14:14">
      <c r="N756347" s="10"/>
    </row>
    <row r="756348" spans="14:14">
      <c r="N756348" s="10"/>
    </row>
    <row r="756349" spans="14:14">
      <c r="N756349" s="10"/>
    </row>
    <row r="756350" spans="14:14">
      <c r="N756350" s="10"/>
    </row>
    <row r="756351" spans="14:14">
      <c r="N756351" s="10"/>
    </row>
    <row r="756352" spans="14:14">
      <c r="N756352" s="10"/>
    </row>
    <row r="756353" spans="14:14">
      <c r="N756353" s="10"/>
    </row>
    <row r="756354" spans="14:14">
      <c r="N756354" s="10"/>
    </row>
    <row r="756355" spans="14:14">
      <c r="N756355" s="10"/>
    </row>
    <row r="756356" spans="14:14">
      <c r="N756356" s="10"/>
    </row>
    <row r="756357" spans="14:14">
      <c r="N756357" s="10"/>
    </row>
    <row r="756358" spans="14:14">
      <c r="N756358" s="10"/>
    </row>
    <row r="756359" spans="14:14">
      <c r="N756359" s="10"/>
    </row>
    <row r="756360" spans="14:14">
      <c r="N756360" s="10"/>
    </row>
    <row r="756361" spans="14:14">
      <c r="N756361" s="10"/>
    </row>
    <row r="756362" spans="14:14">
      <c r="N756362" s="10"/>
    </row>
    <row r="756363" spans="14:14">
      <c r="N756363" s="10"/>
    </row>
    <row r="756364" spans="14:14">
      <c r="N756364" s="10"/>
    </row>
    <row r="756365" spans="14:14">
      <c r="N756365" s="10"/>
    </row>
    <row r="756366" spans="14:14">
      <c r="N756366" s="10"/>
    </row>
    <row r="756367" spans="14:14">
      <c r="N756367" s="10"/>
    </row>
    <row r="756368" spans="14:14">
      <c r="N756368" s="10"/>
    </row>
    <row r="756369" spans="14:14">
      <c r="N756369" s="10"/>
    </row>
    <row r="756370" spans="14:14">
      <c r="N756370" s="10"/>
    </row>
    <row r="756371" spans="14:14">
      <c r="N756371" s="10"/>
    </row>
    <row r="756372" spans="14:14">
      <c r="N756372" s="10"/>
    </row>
    <row r="756373" spans="14:14">
      <c r="N756373" s="10"/>
    </row>
    <row r="756374" spans="14:14">
      <c r="N756374" s="10"/>
    </row>
    <row r="756375" spans="14:14">
      <c r="N756375" s="10"/>
    </row>
    <row r="756376" spans="14:14">
      <c r="N756376" s="10"/>
    </row>
    <row r="756377" spans="14:14">
      <c r="N756377" s="10"/>
    </row>
    <row r="756378" spans="14:14">
      <c r="N756378" s="10"/>
    </row>
    <row r="756379" spans="14:14">
      <c r="N756379" s="10"/>
    </row>
    <row r="756380" spans="14:14">
      <c r="N756380" s="10"/>
    </row>
    <row r="756381" spans="14:14">
      <c r="N756381" s="10"/>
    </row>
    <row r="756382" spans="14:14">
      <c r="N756382" s="10"/>
    </row>
    <row r="756383" spans="14:14">
      <c r="N756383" s="10"/>
    </row>
    <row r="756384" spans="14:14">
      <c r="N756384" s="10"/>
    </row>
    <row r="756385" spans="14:14">
      <c r="N756385" s="10"/>
    </row>
    <row r="756386" spans="14:14">
      <c r="N756386" s="10"/>
    </row>
    <row r="756387" spans="14:14">
      <c r="N756387" s="10"/>
    </row>
    <row r="756388" spans="14:14">
      <c r="N756388" s="10"/>
    </row>
    <row r="756389" spans="14:14">
      <c r="N756389" s="10"/>
    </row>
    <row r="756390" spans="14:14">
      <c r="N756390" s="10"/>
    </row>
    <row r="756391" spans="14:14">
      <c r="N756391" s="10"/>
    </row>
    <row r="756392" spans="14:14">
      <c r="N756392" s="10"/>
    </row>
    <row r="756393" spans="14:14">
      <c r="N756393" s="10"/>
    </row>
    <row r="756394" spans="14:14">
      <c r="N756394" s="10"/>
    </row>
    <row r="756395" spans="14:14">
      <c r="N756395" s="10"/>
    </row>
    <row r="756396" spans="14:14">
      <c r="N756396" s="10"/>
    </row>
    <row r="756397" spans="14:14">
      <c r="N756397" s="10"/>
    </row>
    <row r="756398" spans="14:14">
      <c r="N756398" s="10"/>
    </row>
    <row r="756399" spans="14:14">
      <c r="N756399" s="10"/>
    </row>
    <row r="756400" spans="14:14">
      <c r="N756400" s="10"/>
    </row>
    <row r="756401" spans="14:14">
      <c r="N756401" s="10"/>
    </row>
    <row r="756402" spans="14:14">
      <c r="N756402" s="10"/>
    </row>
    <row r="756403" spans="14:14">
      <c r="N756403" s="10"/>
    </row>
    <row r="756404" spans="14:14">
      <c r="N756404" s="10"/>
    </row>
    <row r="756405" spans="14:14">
      <c r="N756405" s="10"/>
    </row>
    <row r="756406" spans="14:14">
      <c r="N756406" s="10"/>
    </row>
    <row r="756407" spans="14:14">
      <c r="N756407" s="10"/>
    </row>
    <row r="756408" spans="14:14">
      <c r="N756408" s="10"/>
    </row>
    <row r="756409" spans="14:14">
      <c r="N756409" s="10"/>
    </row>
    <row r="756410" spans="14:14">
      <c r="N756410" s="10"/>
    </row>
    <row r="756411" spans="14:14">
      <c r="N756411" s="10"/>
    </row>
    <row r="756412" spans="14:14">
      <c r="N756412" s="10"/>
    </row>
    <row r="756413" spans="14:14">
      <c r="N756413" s="10"/>
    </row>
    <row r="756414" spans="14:14">
      <c r="N756414" s="10"/>
    </row>
    <row r="756415" spans="14:14">
      <c r="N756415" s="10"/>
    </row>
    <row r="756416" spans="14:14">
      <c r="N756416" s="10"/>
    </row>
    <row r="756417" spans="14:14">
      <c r="N756417" s="10"/>
    </row>
    <row r="756418" spans="14:14">
      <c r="N756418" s="10"/>
    </row>
    <row r="756419" spans="14:14">
      <c r="N756419" s="10"/>
    </row>
    <row r="756420" spans="14:14">
      <c r="N756420" s="10"/>
    </row>
    <row r="756421" spans="14:14">
      <c r="N756421" s="10"/>
    </row>
    <row r="756422" spans="14:14">
      <c r="N756422" s="10"/>
    </row>
    <row r="756423" spans="14:14">
      <c r="N756423" s="10"/>
    </row>
    <row r="756424" spans="14:14">
      <c r="N756424" s="10"/>
    </row>
    <row r="756425" spans="14:14">
      <c r="N756425" s="10"/>
    </row>
    <row r="756426" spans="14:14">
      <c r="N756426" s="10"/>
    </row>
    <row r="756427" spans="14:14">
      <c r="N756427" s="10"/>
    </row>
    <row r="756428" spans="14:14">
      <c r="N756428" s="10"/>
    </row>
    <row r="756429" spans="14:14">
      <c r="N756429" s="10"/>
    </row>
    <row r="756430" spans="14:14">
      <c r="N756430" s="10"/>
    </row>
    <row r="756431" spans="14:14">
      <c r="N756431" s="10"/>
    </row>
    <row r="756432" spans="14:14">
      <c r="N756432" s="10"/>
    </row>
    <row r="756433" spans="14:14">
      <c r="N756433" s="10"/>
    </row>
    <row r="756434" spans="14:14">
      <c r="N756434" s="10"/>
    </row>
    <row r="756435" spans="14:14">
      <c r="N756435" s="10"/>
    </row>
    <row r="756436" spans="14:14">
      <c r="N756436" s="10"/>
    </row>
    <row r="756437" spans="14:14">
      <c r="N756437" s="10"/>
    </row>
    <row r="756438" spans="14:14">
      <c r="N756438" s="10"/>
    </row>
    <row r="756439" spans="14:14">
      <c r="N756439" s="10"/>
    </row>
    <row r="756440" spans="14:14">
      <c r="N756440" s="10"/>
    </row>
    <row r="756441" spans="14:14">
      <c r="N756441" s="10"/>
    </row>
    <row r="756442" spans="14:14">
      <c r="N756442" s="10"/>
    </row>
    <row r="756443" spans="14:14">
      <c r="N756443" s="10"/>
    </row>
    <row r="756444" spans="14:14">
      <c r="N756444" s="10"/>
    </row>
    <row r="756445" spans="14:14">
      <c r="N756445" s="10"/>
    </row>
    <row r="756446" spans="14:14">
      <c r="N756446" s="10"/>
    </row>
    <row r="756447" spans="14:14">
      <c r="N756447" s="10"/>
    </row>
    <row r="756448" spans="14:14">
      <c r="N756448" s="10"/>
    </row>
    <row r="756449" spans="14:14">
      <c r="N756449" s="10"/>
    </row>
    <row r="756450" spans="14:14">
      <c r="N756450" s="10"/>
    </row>
    <row r="756451" spans="14:14">
      <c r="N756451" s="10"/>
    </row>
    <row r="756452" spans="14:14">
      <c r="N756452" s="10"/>
    </row>
    <row r="756453" spans="14:14">
      <c r="N756453" s="10"/>
    </row>
    <row r="756454" spans="14:14">
      <c r="N756454" s="10"/>
    </row>
    <row r="756455" spans="14:14">
      <c r="N756455" s="10"/>
    </row>
    <row r="756456" spans="14:14">
      <c r="N756456" s="10"/>
    </row>
    <row r="756457" spans="14:14">
      <c r="N756457" s="10"/>
    </row>
    <row r="756458" spans="14:14">
      <c r="N756458" s="10"/>
    </row>
    <row r="756459" spans="14:14">
      <c r="N756459" s="10"/>
    </row>
    <row r="756460" spans="14:14">
      <c r="N756460" s="10"/>
    </row>
    <row r="756461" spans="14:14">
      <c r="N756461" s="10"/>
    </row>
    <row r="756462" spans="14:14">
      <c r="N756462" s="10"/>
    </row>
    <row r="756463" spans="14:14">
      <c r="N756463" s="10"/>
    </row>
    <row r="756464" spans="14:14">
      <c r="N756464" s="10"/>
    </row>
    <row r="756465" spans="14:14">
      <c r="N756465" s="10"/>
    </row>
    <row r="756466" spans="14:14">
      <c r="N756466" s="10"/>
    </row>
    <row r="756467" spans="14:14">
      <c r="N756467" s="10"/>
    </row>
    <row r="756468" spans="14:14">
      <c r="N756468" s="10"/>
    </row>
    <row r="756469" spans="14:14">
      <c r="N756469" s="10"/>
    </row>
    <row r="756470" spans="14:14">
      <c r="N756470" s="10"/>
    </row>
    <row r="756471" spans="14:14">
      <c r="N756471" s="10"/>
    </row>
    <row r="756472" spans="14:14">
      <c r="N756472" s="10"/>
    </row>
    <row r="756473" spans="14:14">
      <c r="N756473" s="10"/>
    </row>
    <row r="756474" spans="14:14">
      <c r="N756474" s="10"/>
    </row>
    <row r="756475" spans="14:14">
      <c r="N756475" s="10"/>
    </row>
    <row r="756476" spans="14:14">
      <c r="N756476" s="10"/>
    </row>
    <row r="756477" spans="14:14">
      <c r="N756477" s="10"/>
    </row>
    <row r="756478" spans="14:14">
      <c r="N756478" s="10"/>
    </row>
    <row r="756479" spans="14:14">
      <c r="N756479" s="10"/>
    </row>
    <row r="756480" spans="14:14">
      <c r="N756480" s="10"/>
    </row>
    <row r="756481" spans="14:14">
      <c r="N756481" s="10"/>
    </row>
    <row r="756482" spans="14:14">
      <c r="N756482" s="10"/>
    </row>
    <row r="756483" spans="14:14">
      <c r="N756483" s="10"/>
    </row>
    <row r="756484" spans="14:14">
      <c r="N756484" s="10"/>
    </row>
    <row r="756485" spans="14:14">
      <c r="N756485" s="10"/>
    </row>
    <row r="756486" spans="14:14">
      <c r="N756486" s="10"/>
    </row>
    <row r="756487" spans="14:14">
      <c r="N756487" s="10"/>
    </row>
    <row r="756488" spans="14:14">
      <c r="N756488" s="10"/>
    </row>
    <row r="756489" spans="14:14">
      <c r="N756489" s="10"/>
    </row>
    <row r="756490" spans="14:14">
      <c r="N756490" s="10"/>
    </row>
    <row r="756491" spans="14:14">
      <c r="N756491" s="10"/>
    </row>
    <row r="756492" spans="14:14">
      <c r="N756492" s="10"/>
    </row>
    <row r="756493" spans="14:14">
      <c r="N756493" s="10"/>
    </row>
    <row r="756494" spans="14:14">
      <c r="N756494" s="10"/>
    </row>
    <row r="756495" spans="14:14">
      <c r="N756495" s="10"/>
    </row>
    <row r="756496" spans="14:14">
      <c r="N756496" s="10"/>
    </row>
    <row r="756497" spans="14:14">
      <c r="N756497" s="10"/>
    </row>
    <row r="756498" spans="14:14">
      <c r="N756498" s="10"/>
    </row>
    <row r="756499" spans="14:14">
      <c r="N756499" s="10"/>
    </row>
    <row r="756500" spans="14:14">
      <c r="N756500" s="10"/>
    </row>
    <row r="756501" spans="14:14">
      <c r="N756501" s="10"/>
    </row>
    <row r="756502" spans="14:14">
      <c r="N756502" s="10"/>
    </row>
    <row r="756503" spans="14:14">
      <c r="N756503" s="10"/>
    </row>
    <row r="756504" spans="14:14">
      <c r="N756504" s="10"/>
    </row>
    <row r="756505" spans="14:14">
      <c r="N756505" s="10"/>
    </row>
    <row r="756506" spans="14:14">
      <c r="N756506" s="10"/>
    </row>
    <row r="756507" spans="14:14">
      <c r="N756507" s="10"/>
    </row>
    <row r="756508" spans="14:14">
      <c r="N756508" s="10"/>
    </row>
    <row r="756509" spans="14:14">
      <c r="N756509" s="10"/>
    </row>
    <row r="756510" spans="14:14">
      <c r="N756510" s="10"/>
    </row>
    <row r="756511" spans="14:14">
      <c r="N756511" s="10"/>
    </row>
    <row r="756512" spans="14:14">
      <c r="N756512" s="10"/>
    </row>
    <row r="756513" spans="14:14">
      <c r="N756513" s="10"/>
    </row>
    <row r="756514" spans="14:14">
      <c r="N756514" s="10"/>
    </row>
    <row r="756515" spans="14:14">
      <c r="N756515" s="10"/>
    </row>
    <row r="756516" spans="14:14">
      <c r="N756516" s="10"/>
    </row>
    <row r="756517" spans="14:14">
      <c r="N756517" s="10"/>
    </row>
    <row r="756518" spans="14:14">
      <c r="N756518" s="10"/>
    </row>
    <row r="756519" spans="14:14">
      <c r="N756519" s="10"/>
    </row>
    <row r="756520" spans="14:14">
      <c r="N756520" s="10"/>
    </row>
    <row r="756521" spans="14:14">
      <c r="N756521" s="10"/>
    </row>
    <row r="756522" spans="14:14">
      <c r="N756522" s="10"/>
    </row>
    <row r="756523" spans="14:14">
      <c r="N756523" s="10"/>
    </row>
    <row r="756524" spans="14:14">
      <c r="N756524" s="10"/>
    </row>
    <row r="756525" spans="14:14">
      <c r="N756525" s="10"/>
    </row>
    <row r="756526" spans="14:14">
      <c r="N756526" s="10"/>
    </row>
    <row r="756527" spans="14:14">
      <c r="N756527" s="10"/>
    </row>
    <row r="756528" spans="14:14">
      <c r="N756528" s="10"/>
    </row>
    <row r="756529" spans="14:14">
      <c r="N756529" s="10"/>
    </row>
    <row r="756530" spans="14:14">
      <c r="N756530" s="10"/>
    </row>
    <row r="756531" spans="14:14">
      <c r="N756531" s="10"/>
    </row>
    <row r="756532" spans="14:14">
      <c r="N756532" s="10"/>
    </row>
    <row r="756533" spans="14:14">
      <c r="N756533" s="10"/>
    </row>
    <row r="756534" spans="14:14">
      <c r="N756534" s="10"/>
    </row>
    <row r="756535" spans="14:14">
      <c r="N756535" s="10"/>
    </row>
    <row r="756536" spans="14:14">
      <c r="N756536" s="10"/>
    </row>
    <row r="756537" spans="14:14">
      <c r="N756537" s="10"/>
    </row>
    <row r="756538" spans="14:14">
      <c r="N756538" s="10"/>
    </row>
    <row r="756539" spans="14:14">
      <c r="N756539" s="10"/>
    </row>
    <row r="756540" spans="14:14">
      <c r="N756540" s="10"/>
    </row>
    <row r="756541" spans="14:14">
      <c r="N756541" s="10"/>
    </row>
    <row r="756542" spans="14:14">
      <c r="N756542" s="10"/>
    </row>
    <row r="756543" spans="14:14">
      <c r="N756543" s="10"/>
    </row>
    <row r="756544" spans="14:14">
      <c r="N756544" s="10"/>
    </row>
    <row r="756545" spans="14:14">
      <c r="N756545" s="10"/>
    </row>
    <row r="756546" spans="14:14">
      <c r="N756546" s="10"/>
    </row>
    <row r="756547" spans="14:14">
      <c r="N756547" s="10"/>
    </row>
    <row r="756548" spans="14:14">
      <c r="N756548" s="10"/>
    </row>
    <row r="756549" spans="14:14">
      <c r="N756549" s="10"/>
    </row>
    <row r="756550" spans="14:14">
      <c r="N756550" s="10"/>
    </row>
    <row r="756551" spans="14:14">
      <c r="N756551" s="10"/>
    </row>
    <row r="756552" spans="14:14">
      <c r="N756552" s="10"/>
    </row>
    <row r="756553" spans="14:14">
      <c r="N756553" s="10"/>
    </row>
    <row r="756554" spans="14:14">
      <c r="N756554" s="10"/>
    </row>
    <row r="756555" spans="14:14">
      <c r="N756555" s="10"/>
    </row>
    <row r="756556" spans="14:14">
      <c r="N756556" s="10"/>
    </row>
    <row r="756557" spans="14:14">
      <c r="N756557" s="10"/>
    </row>
    <row r="756558" spans="14:14">
      <c r="N756558" s="10"/>
    </row>
    <row r="756559" spans="14:14">
      <c r="N756559" s="10"/>
    </row>
    <row r="756560" spans="14:14">
      <c r="N756560" s="10"/>
    </row>
    <row r="756561" spans="14:14">
      <c r="N756561" s="10"/>
    </row>
    <row r="756562" spans="14:14">
      <c r="N756562" s="10"/>
    </row>
    <row r="756563" spans="14:14">
      <c r="N756563" s="10"/>
    </row>
    <row r="756564" spans="14:14">
      <c r="N756564" s="10"/>
    </row>
    <row r="756565" spans="14:14">
      <c r="N756565" s="10"/>
    </row>
    <row r="756566" spans="14:14">
      <c r="N756566" s="10"/>
    </row>
    <row r="756567" spans="14:14">
      <c r="N756567" s="10"/>
    </row>
    <row r="756568" spans="14:14">
      <c r="N756568" s="10"/>
    </row>
    <row r="756569" spans="14:14">
      <c r="N756569" s="10"/>
    </row>
    <row r="756570" spans="14:14">
      <c r="N756570" s="10"/>
    </row>
    <row r="756571" spans="14:14">
      <c r="N756571" s="10"/>
    </row>
    <row r="756572" spans="14:14">
      <c r="N756572" s="10"/>
    </row>
    <row r="756573" spans="14:14">
      <c r="N756573" s="10"/>
    </row>
    <row r="756574" spans="14:14">
      <c r="N756574" s="10"/>
    </row>
    <row r="756575" spans="14:14">
      <c r="N756575" s="10"/>
    </row>
    <row r="756576" spans="14:14">
      <c r="N756576" s="10"/>
    </row>
    <row r="756577" spans="14:14">
      <c r="N756577" s="10"/>
    </row>
    <row r="756578" spans="14:14">
      <c r="N756578" s="10"/>
    </row>
    <row r="756579" spans="14:14">
      <c r="N756579" s="10"/>
    </row>
    <row r="756580" spans="14:14">
      <c r="N756580" s="10"/>
    </row>
    <row r="756581" spans="14:14">
      <c r="N756581" s="10"/>
    </row>
    <row r="756582" spans="14:14">
      <c r="N756582" s="10"/>
    </row>
    <row r="756583" spans="14:14">
      <c r="N756583" s="10"/>
    </row>
    <row r="756584" spans="14:14">
      <c r="N756584" s="10"/>
    </row>
    <row r="756585" spans="14:14">
      <c r="N756585" s="10"/>
    </row>
    <row r="756586" spans="14:14">
      <c r="N756586" s="10"/>
    </row>
    <row r="756587" spans="14:14">
      <c r="N756587" s="10"/>
    </row>
    <row r="756588" spans="14:14">
      <c r="N756588" s="10"/>
    </row>
    <row r="756589" spans="14:14">
      <c r="N756589" s="10"/>
    </row>
    <row r="756590" spans="14:14">
      <c r="N756590" s="10"/>
    </row>
    <row r="756591" spans="14:14">
      <c r="N756591" s="10"/>
    </row>
    <row r="756592" spans="14:14">
      <c r="N756592" s="10"/>
    </row>
    <row r="756593" spans="14:14">
      <c r="N756593" s="10"/>
    </row>
    <row r="756594" spans="14:14">
      <c r="N756594" s="10"/>
    </row>
    <row r="756595" spans="14:14">
      <c r="N756595" s="10"/>
    </row>
    <row r="756596" spans="14:14">
      <c r="N756596" s="10"/>
    </row>
    <row r="756597" spans="14:14">
      <c r="N756597" s="10"/>
    </row>
    <row r="756598" spans="14:14">
      <c r="N756598" s="10"/>
    </row>
    <row r="756599" spans="14:14">
      <c r="N756599" s="10"/>
    </row>
    <row r="756600" spans="14:14">
      <c r="N756600" s="10"/>
    </row>
    <row r="756601" spans="14:14">
      <c r="N756601" s="10"/>
    </row>
    <row r="756602" spans="14:14">
      <c r="N756602" s="10"/>
    </row>
    <row r="756603" spans="14:14">
      <c r="N756603" s="10"/>
    </row>
    <row r="756604" spans="14:14">
      <c r="N756604" s="10"/>
    </row>
    <row r="756605" spans="14:14">
      <c r="N756605" s="10"/>
    </row>
    <row r="756606" spans="14:14">
      <c r="N756606" s="10"/>
    </row>
    <row r="756607" spans="14:14">
      <c r="N756607" s="10"/>
    </row>
    <row r="756608" spans="14:14">
      <c r="N756608" s="10"/>
    </row>
    <row r="756609" spans="14:14">
      <c r="N756609" s="10"/>
    </row>
    <row r="756610" spans="14:14">
      <c r="N756610" s="10"/>
    </row>
    <row r="756611" spans="14:14">
      <c r="N756611" s="10"/>
    </row>
    <row r="756612" spans="14:14">
      <c r="N756612" s="10"/>
    </row>
    <row r="756613" spans="14:14">
      <c r="N756613" s="10"/>
    </row>
    <row r="756614" spans="14:14">
      <c r="N756614" s="10"/>
    </row>
    <row r="756615" spans="14:14">
      <c r="N756615" s="10"/>
    </row>
    <row r="756616" spans="14:14">
      <c r="N756616" s="10"/>
    </row>
    <row r="756617" spans="14:14">
      <c r="N756617" s="10"/>
    </row>
    <row r="756618" spans="14:14">
      <c r="N756618" s="10"/>
    </row>
    <row r="756619" spans="14:14">
      <c r="N756619" s="10"/>
    </row>
    <row r="756620" spans="14:14">
      <c r="N756620" s="10"/>
    </row>
    <row r="756621" spans="14:14">
      <c r="N756621" s="10"/>
    </row>
    <row r="756622" spans="14:14">
      <c r="N756622" s="10"/>
    </row>
    <row r="756623" spans="14:14">
      <c r="N756623" s="10"/>
    </row>
    <row r="756624" spans="14:14">
      <c r="N756624" s="10"/>
    </row>
    <row r="756625" spans="14:14">
      <c r="N756625" s="10"/>
    </row>
    <row r="756626" spans="14:14">
      <c r="N756626" s="10"/>
    </row>
    <row r="756627" spans="14:14">
      <c r="N756627" s="10"/>
    </row>
    <row r="756628" spans="14:14">
      <c r="N756628" s="10"/>
    </row>
    <row r="756629" spans="14:14">
      <c r="N756629" s="10"/>
    </row>
    <row r="756630" spans="14:14">
      <c r="N756630" s="10"/>
    </row>
    <row r="756631" spans="14:14">
      <c r="N756631" s="10"/>
    </row>
    <row r="756632" spans="14:14">
      <c r="N756632" s="10"/>
    </row>
    <row r="756633" spans="14:14">
      <c r="N756633" s="10"/>
    </row>
    <row r="756634" spans="14:14">
      <c r="N756634" s="10"/>
    </row>
    <row r="756635" spans="14:14">
      <c r="N756635" s="10"/>
    </row>
    <row r="756636" spans="14:14">
      <c r="N756636" s="10"/>
    </row>
    <row r="756637" spans="14:14">
      <c r="N756637" s="10"/>
    </row>
    <row r="756638" spans="14:14">
      <c r="N756638" s="10"/>
    </row>
    <row r="756639" spans="14:14">
      <c r="N756639" s="10"/>
    </row>
    <row r="756640" spans="14:14">
      <c r="N756640" s="10"/>
    </row>
    <row r="756641" spans="14:14">
      <c r="N756641" s="10"/>
    </row>
    <row r="756642" spans="14:14">
      <c r="N756642" s="10"/>
    </row>
    <row r="756643" spans="14:14">
      <c r="N756643" s="10"/>
    </row>
    <row r="756644" spans="14:14">
      <c r="N756644" s="10"/>
    </row>
    <row r="756645" spans="14:14">
      <c r="N756645" s="10"/>
    </row>
    <row r="756646" spans="14:14">
      <c r="N756646" s="10"/>
    </row>
    <row r="756647" spans="14:14">
      <c r="N756647" s="10"/>
    </row>
    <row r="756648" spans="14:14">
      <c r="N756648" s="10"/>
    </row>
    <row r="756649" spans="14:14">
      <c r="N756649" s="10"/>
    </row>
    <row r="756650" spans="14:14">
      <c r="N756650" s="10"/>
    </row>
    <row r="756651" spans="14:14">
      <c r="N756651" s="10"/>
    </row>
    <row r="756652" spans="14:14">
      <c r="N756652" s="10"/>
    </row>
    <row r="756653" spans="14:14">
      <c r="N756653" s="10"/>
    </row>
    <row r="756654" spans="14:14">
      <c r="N756654" s="10"/>
    </row>
    <row r="756655" spans="14:14">
      <c r="N756655" s="10"/>
    </row>
    <row r="756656" spans="14:14">
      <c r="N756656" s="10"/>
    </row>
    <row r="756657" spans="14:14">
      <c r="N756657" s="10"/>
    </row>
    <row r="756658" spans="14:14">
      <c r="N756658" s="10"/>
    </row>
    <row r="756659" spans="14:14">
      <c r="N756659" s="10"/>
    </row>
    <row r="756660" spans="14:14">
      <c r="N756660" s="10"/>
    </row>
    <row r="756661" spans="14:14">
      <c r="N756661" s="10"/>
    </row>
    <row r="756662" spans="14:14">
      <c r="N756662" s="10"/>
    </row>
    <row r="756663" spans="14:14">
      <c r="N756663" s="10"/>
    </row>
    <row r="756664" spans="14:14">
      <c r="N756664" s="10"/>
    </row>
    <row r="756665" spans="14:14">
      <c r="N756665" s="10"/>
    </row>
    <row r="756666" spans="14:14">
      <c r="N756666" s="10"/>
    </row>
    <row r="756667" spans="14:14">
      <c r="N756667" s="10"/>
    </row>
    <row r="756668" spans="14:14">
      <c r="N756668" s="10"/>
    </row>
    <row r="756669" spans="14:14">
      <c r="N756669" s="10"/>
    </row>
    <row r="756670" spans="14:14">
      <c r="N756670" s="10"/>
    </row>
    <row r="756671" spans="14:14">
      <c r="N756671" s="10"/>
    </row>
    <row r="756672" spans="14:14">
      <c r="N756672" s="10"/>
    </row>
    <row r="756673" spans="14:14">
      <c r="N756673" s="10"/>
    </row>
    <row r="756674" spans="14:14">
      <c r="N756674" s="10"/>
    </row>
    <row r="756675" spans="14:14">
      <c r="N756675" s="10"/>
    </row>
    <row r="756676" spans="14:14">
      <c r="N756676" s="10"/>
    </row>
    <row r="756677" spans="14:14">
      <c r="N756677" s="10"/>
    </row>
    <row r="756678" spans="14:14">
      <c r="N756678" s="10"/>
    </row>
    <row r="756679" spans="14:14">
      <c r="N756679" s="10"/>
    </row>
    <row r="756680" spans="14:14">
      <c r="N756680" s="10"/>
    </row>
    <row r="756681" spans="14:14">
      <c r="N756681" s="10"/>
    </row>
    <row r="756682" spans="14:14">
      <c r="N756682" s="10"/>
    </row>
    <row r="756683" spans="14:14">
      <c r="N756683" s="10"/>
    </row>
    <row r="756684" spans="14:14">
      <c r="N756684" s="10"/>
    </row>
    <row r="756685" spans="14:14">
      <c r="N756685" s="10"/>
    </row>
    <row r="756686" spans="14:14">
      <c r="N756686" s="10"/>
    </row>
    <row r="756687" spans="14:14">
      <c r="N756687" s="10"/>
    </row>
    <row r="756688" spans="14:14">
      <c r="N756688" s="10"/>
    </row>
    <row r="756689" spans="14:14">
      <c r="N756689" s="10"/>
    </row>
    <row r="756690" spans="14:14">
      <c r="N756690" s="10"/>
    </row>
    <row r="756691" spans="14:14">
      <c r="N756691" s="10"/>
    </row>
    <row r="756692" spans="14:14">
      <c r="N756692" s="10"/>
    </row>
    <row r="756693" spans="14:14">
      <c r="N756693" s="10"/>
    </row>
    <row r="756694" spans="14:14">
      <c r="N756694" s="10"/>
    </row>
    <row r="756695" spans="14:14">
      <c r="N756695" s="10"/>
    </row>
    <row r="756696" spans="14:14">
      <c r="N756696" s="10"/>
    </row>
    <row r="756697" spans="14:14">
      <c r="N756697" s="10"/>
    </row>
    <row r="756698" spans="14:14">
      <c r="N756698" s="10"/>
    </row>
    <row r="756699" spans="14:14">
      <c r="N756699" s="10"/>
    </row>
    <row r="756700" spans="14:14">
      <c r="N756700" s="10"/>
    </row>
    <row r="756701" spans="14:14">
      <c r="N756701" s="10"/>
    </row>
    <row r="756702" spans="14:14">
      <c r="N756702" s="10"/>
    </row>
    <row r="756703" spans="14:14">
      <c r="N756703" s="10"/>
    </row>
    <row r="756704" spans="14:14">
      <c r="N756704" s="10"/>
    </row>
    <row r="756705" spans="14:14">
      <c r="N756705" s="10"/>
    </row>
    <row r="756706" spans="14:14">
      <c r="N756706" s="10"/>
    </row>
    <row r="756707" spans="14:14">
      <c r="N756707" s="10"/>
    </row>
    <row r="756708" spans="14:14">
      <c r="N756708" s="10"/>
    </row>
    <row r="756709" spans="14:14">
      <c r="N756709" s="10"/>
    </row>
    <row r="756710" spans="14:14">
      <c r="N756710" s="10"/>
    </row>
    <row r="756711" spans="14:14">
      <c r="N756711" s="10"/>
    </row>
    <row r="756712" spans="14:14">
      <c r="N756712" s="10"/>
    </row>
    <row r="756713" spans="14:14">
      <c r="N756713" s="10"/>
    </row>
    <row r="756714" spans="14:14">
      <c r="N756714" s="10"/>
    </row>
    <row r="756715" spans="14:14">
      <c r="N756715" s="10"/>
    </row>
    <row r="756716" spans="14:14">
      <c r="N756716" s="10"/>
    </row>
    <row r="756717" spans="14:14">
      <c r="N756717" s="10"/>
    </row>
    <row r="756718" spans="14:14">
      <c r="N756718" s="10"/>
    </row>
    <row r="756719" spans="14:14">
      <c r="N756719" s="10"/>
    </row>
    <row r="756720" spans="14:14">
      <c r="N756720" s="10"/>
    </row>
    <row r="756721" spans="14:14">
      <c r="N756721" s="10"/>
    </row>
    <row r="756722" spans="14:14">
      <c r="N756722" s="10"/>
    </row>
    <row r="756723" spans="14:14">
      <c r="N756723" s="10"/>
    </row>
    <row r="756724" spans="14:14">
      <c r="N756724" s="10"/>
    </row>
    <row r="756725" spans="14:14">
      <c r="N756725" s="10"/>
    </row>
    <row r="756726" spans="14:14">
      <c r="N756726" s="10"/>
    </row>
    <row r="756727" spans="14:14">
      <c r="N756727" s="10"/>
    </row>
    <row r="756728" spans="14:14">
      <c r="N756728" s="10"/>
    </row>
    <row r="756729" spans="14:14">
      <c r="N756729" s="10"/>
    </row>
    <row r="756730" spans="14:14">
      <c r="N756730" s="10"/>
    </row>
    <row r="756731" spans="14:14">
      <c r="N756731" s="10"/>
    </row>
    <row r="756732" spans="14:14">
      <c r="N756732" s="10"/>
    </row>
    <row r="756733" spans="14:14">
      <c r="N756733" s="10"/>
    </row>
    <row r="756734" spans="14:14">
      <c r="N756734" s="10"/>
    </row>
    <row r="756735" spans="14:14">
      <c r="N756735" s="10"/>
    </row>
    <row r="756736" spans="14:14">
      <c r="N756736" s="10"/>
    </row>
    <row r="756737" spans="14:14">
      <c r="N756737" s="10"/>
    </row>
    <row r="756738" spans="14:14">
      <c r="N756738" s="10"/>
    </row>
    <row r="756739" spans="14:14">
      <c r="N756739" s="10"/>
    </row>
    <row r="756740" spans="14:14">
      <c r="N756740" s="10"/>
    </row>
    <row r="756741" spans="14:14">
      <c r="N756741" s="10"/>
    </row>
    <row r="756742" spans="14:14">
      <c r="N756742" s="10"/>
    </row>
    <row r="756743" spans="14:14">
      <c r="N756743" s="10"/>
    </row>
    <row r="756744" spans="14:14">
      <c r="N756744" s="10"/>
    </row>
    <row r="756745" spans="14:14">
      <c r="N756745" s="10"/>
    </row>
    <row r="756746" spans="14:14">
      <c r="N756746" s="10"/>
    </row>
    <row r="756747" spans="14:14">
      <c r="N756747" s="10"/>
    </row>
    <row r="756748" spans="14:14">
      <c r="N756748" s="10"/>
    </row>
    <row r="756749" spans="14:14">
      <c r="N756749" s="10"/>
    </row>
    <row r="756750" spans="14:14">
      <c r="N756750" s="10"/>
    </row>
    <row r="756751" spans="14:14">
      <c r="N756751" s="10"/>
    </row>
    <row r="756752" spans="14:14">
      <c r="N756752" s="10"/>
    </row>
    <row r="756753" spans="14:14">
      <c r="N756753" s="10"/>
    </row>
    <row r="756754" spans="14:14">
      <c r="N756754" s="10"/>
    </row>
    <row r="756755" spans="14:14">
      <c r="N756755" s="10"/>
    </row>
    <row r="756756" spans="14:14">
      <c r="N756756" s="10"/>
    </row>
    <row r="756757" spans="14:14">
      <c r="N756757" s="10"/>
    </row>
    <row r="756758" spans="14:14">
      <c r="N756758" s="10"/>
    </row>
    <row r="756759" spans="14:14">
      <c r="N756759" s="10"/>
    </row>
    <row r="756760" spans="14:14">
      <c r="N756760" s="10"/>
    </row>
    <row r="756761" spans="14:14">
      <c r="N756761" s="10"/>
    </row>
    <row r="756762" spans="14:14">
      <c r="N756762" s="10"/>
    </row>
    <row r="756763" spans="14:14">
      <c r="N756763" s="10"/>
    </row>
    <row r="756764" spans="14:14">
      <c r="N756764" s="10"/>
    </row>
    <row r="756765" spans="14:14">
      <c r="N756765" s="10"/>
    </row>
    <row r="756766" spans="14:14">
      <c r="N756766" s="10"/>
    </row>
    <row r="756767" spans="14:14">
      <c r="N756767" s="10"/>
    </row>
    <row r="756768" spans="14:14">
      <c r="N756768" s="10"/>
    </row>
    <row r="756769" spans="14:14">
      <c r="N756769" s="10"/>
    </row>
    <row r="756770" spans="14:14">
      <c r="N756770" s="10"/>
    </row>
    <row r="756771" spans="14:14">
      <c r="N756771" s="10"/>
    </row>
    <row r="756772" spans="14:14">
      <c r="N756772" s="10"/>
    </row>
    <row r="756773" spans="14:14">
      <c r="N756773" s="10"/>
    </row>
    <row r="756774" spans="14:14">
      <c r="N756774" s="10"/>
    </row>
    <row r="756775" spans="14:14">
      <c r="N756775" s="10"/>
    </row>
    <row r="756776" spans="14:14">
      <c r="N756776" s="10"/>
    </row>
    <row r="756777" spans="14:14">
      <c r="N756777" s="10"/>
    </row>
    <row r="756778" spans="14:14">
      <c r="N756778" s="10"/>
    </row>
    <row r="756779" spans="14:14">
      <c r="N756779" s="10"/>
    </row>
    <row r="756780" spans="14:14">
      <c r="N756780" s="10"/>
    </row>
    <row r="756781" spans="14:14">
      <c r="N756781" s="10"/>
    </row>
    <row r="756782" spans="14:14">
      <c r="N756782" s="10"/>
    </row>
    <row r="756783" spans="14:14">
      <c r="N756783" s="10"/>
    </row>
    <row r="756784" spans="14:14">
      <c r="N756784" s="10"/>
    </row>
    <row r="756785" spans="14:14">
      <c r="N756785" s="10"/>
    </row>
    <row r="756786" spans="14:14">
      <c r="N756786" s="10"/>
    </row>
    <row r="756787" spans="14:14">
      <c r="N756787" s="10"/>
    </row>
    <row r="756788" spans="14:14">
      <c r="N756788" s="10"/>
    </row>
    <row r="756789" spans="14:14">
      <c r="N756789" s="10"/>
    </row>
    <row r="756790" spans="14:14">
      <c r="N756790" s="10"/>
    </row>
    <row r="756791" spans="14:14">
      <c r="N756791" s="10"/>
    </row>
    <row r="756792" spans="14:14">
      <c r="N756792" s="10"/>
    </row>
    <row r="756793" spans="14:14">
      <c r="N756793" s="10"/>
    </row>
    <row r="756794" spans="14:14">
      <c r="N756794" s="10"/>
    </row>
    <row r="756795" spans="14:14">
      <c r="N756795" s="10"/>
    </row>
    <row r="756796" spans="14:14">
      <c r="N756796" s="10"/>
    </row>
    <row r="756797" spans="14:14">
      <c r="N756797" s="10"/>
    </row>
    <row r="756798" spans="14:14">
      <c r="N756798" s="10"/>
    </row>
    <row r="756799" spans="14:14">
      <c r="N756799" s="10"/>
    </row>
    <row r="756800" spans="14:14">
      <c r="N756800" s="10"/>
    </row>
    <row r="756801" spans="14:14">
      <c r="N756801" s="10"/>
    </row>
    <row r="756802" spans="14:14">
      <c r="N756802" s="10"/>
    </row>
    <row r="756803" spans="14:14">
      <c r="N756803" s="10"/>
    </row>
    <row r="756804" spans="14:14">
      <c r="N756804" s="10"/>
    </row>
    <row r="756805" spans="14:14">
      <c r="N756805" s="10"/>
    </row>
    <row r="756806" spans="14:14">
      <c r="N756806" s="10"/>
    </row>
    <row r="756807" spans="14:14">
      <c r="N756807" s="10"/>
    </row>
    <row r="756808" spans="14:14">
      <c r="N756808" s="10"/>
    </row>
    <row r="756809" spans="14:14">
      <c r="N756809" s="10"/>
    </row>
    <row r="756810" spans="14:14">
      <c r="N756810" s="10"/>
    </row>
    <row r="756811" spans="14:14">
      <c r="N756811" s="10"/>
    </row>
    <row r="756812" spans="14:14">
      <c r="N756812" s="10"/>
    </row>
    <row r="756813" spans="14:14">
      <c r="N756813" s="10"/>
    </row>
    <row r="756814" spans="14:14">
      <c r="N756814" s="10"/>
    </row>
    <row r="756815" spans="14:14">
      <c r="N756815" s="10"/>
    </row>
    <row r="756816" spans="14:14">
      <c r="N756816" s="10"/>
    </row>
    <row r="756817" spans="14:14">
      <c r="N756817" s="10"/>
    </row>
    <row r="756818" spans="14:14">
      <c r="N756818" s="10"/>
    </row>
    <row r="756819" spans="14:14">
      <c r="N756819" s="10"/>
    </row>
    <row r="756820" spans="14:14">
      <c r="N756820" s="10"/>
    </row>
    <row r="756821" spans="14:14">
      <c r="N756821" s="10"/>
    </row>
    <row r="756822" spans="14:14">
      <c r="N756822" s="10"/>
    </row>
    <row r="756823" spans="14:14">
      <c r="N756823" s="10"/>
    </row>
    <row r="756824" spans="14:14">
      <c r="N756824" s="10"/>
    </row>
    <row r="756825" spans="14:14">
      <c r="N756825" s="10"/>
    </row>
    <row r="756826" spans="14:14">
      <c r="N756826" s="10"/>
    </row>
    <row r="756827" spans="14:14">
      <c r="N756827" s="10"/>
    </row>
    <row r="756828" spans="14:14">
      <c r="N756828" s="10"/>
    </row>
    <row r="756829" spans="14:14">
      <c r="N756829" s="10"/>
    </row>
    <row r="756830" spans="14:14">
      <c r="N756830" s="10"/>
    </row>
    <row r="756831" spans="14:14">
      <c r="N756831" s="10"/>
    </row>
    <row r="756832" spans="14:14">
      <c r="N756832" s="10"/>
    </row>
    <row r="756833" spans="14:14">
      <c r="N756833" s="10"/>
    </row>
    <row r="756834" spans="14:14">
      <c r="N756834" s="10"/>
    </row>
    <row r="756835" spans="14:14">
      <c r="N756835" s="10"/>
    </row>
    <row r="756836" spans="14:14">
      <c r="N756836" s="10"/>
    </row>
    <row r="756837" spans="14:14">
      <c r="N756837" s="10"/>
    </row>
    <row r="756838" spans="14:14">
      <c r="N756838" s="10"/>
    </row>
    <row r="756839" spans="14:14">
      <c r="N756839" s="10"/>
    </row>
    <row r="756840" spans="14:14">
      <c r="N756840" s="10"/>
    </row>
    <row r="756841" spans="14:14">
      <c r="N756841" s="10"/>
    </row>
    <row r="756842" spans="14:14">
      <c r="N756842" s="10"/>
    </row>
    <row r="756843" spans="14:14">
      <c r="N756843" s="10"/>
    </row>
    <row r="756844" spans="14:14">
      <c r="N756844" s="10"/>
    </row>
    <row r="756845" spans="14:14">
      <c r="N756845" s="10"/>
    </row>
    <row r="756846" spans="14:14">
      <c r="N756846" s="10"/>
    </row>
    <row r="756847" spans="14:14">
      <c r="N756847" s="10"/>
    </row>
    <row r="756848" spans="14:14">
      <c r="N756848" s="10"/>
    </row>
    <row r="756849" spans="14:14">
      <c r="N756849" s="10"/>
    </row>
    <row r="756850" spans="14:14">
      <c r="N756850" s="10"/>
    </row>
    <row r="756851" spans="14:14">
      <c r="N756851" s="10"/>
    </row>
    <row r="756852" spans="14:14">
      <c r="N756852" s="10"/>
    </row>
    <row r="756853" spans="14:14">
      <c r="N756853" s="10"/>
    </row>
    <row r="756854" spans="14:14">
      <c r="N756854" s="10"/>
    </row>
    <row r="756855" spans="14:14">
      <c r="N756855" s="10"/>
    </row>
    <row r="756856" spans="14:14">
      <c r="N756856" s="10"/>
    </row>
    <row r="756857" spans="14:14">
      <c r="N756857" s="10"/>
    </row>
    <row r="756858" spans="14:14">
      <c r="N756858" s="10"/>
    </row>
    <row r="756859" spans="14:14">
      <c r="N756859" s="10"/>
    </row>
    <row r="756860" spans="14:14">
      <c r="N756860" s="10"/>
    </row>
    <row r="756861" spans="14:14">
      <c r="N756861" s="10"/>
    </row>
    <row r="756862" spans="14:14">
      <c r="N756862" s="10"/>
    </row>
    <row r="756863" spans="14:14">
      <c r="N756863" s="10"/>
    </row>
    <row r="756864" spans="14:14">
      <c r="N756864" s="10"/>
    </row>
    <row r="756865" spans="14:14">
      <c r="N756865" s="10"/>
    </row>
    <row r="756866" spans="14:14">
      <c r="N756866" s="10"/>
    </row>
    <row r="756867" spans="14:14">
      <c r="N756867" s="10"/>
    </row>
    <row r="756868" spans="14:14">
      <c r="N756868" s="10"/>
    </row>
    <row r="756869" spans="14:14">
      <c r="N756869" s="10"/>
    </row>
    <row r="756870" spans="14:14">
      <c r="N756870" s="10"/>
    </row>
    <row r="756871" spans="14:14">
      <c r="N756871" s="10"/>
    </row>
    <row r="756872" spans="14:14">
      <c r="N756872" s="10"/>
    </row>
    <row r="756873" spans="14:14">
      <c r="N756873" s="10"/>
    </row>
    <row r="756874" spans="14:14">
      <c r="N756874" s="10"/>
    </row>
    <row r="756875" spans="14:14">
      <c r="N756875" s="10"/>
    </row>
    <row r="756876" spans="14:14">
      <c r="N756876" s="10"/>
    </row>
    <row r="756877" spans="14:14">
      <c r="N756877" s="10"/>
    </row>
    <row r="756878" spans="14:14">
      <c r="N756878" s="10"/>
    </row>
    <row r="756879" spans="14:14">
      <c r="N756879" s="10"/>
    </row>
    <row r="756880" spans="14:14">
      <c r="N756880" s="10"/>
    </row>
    <row r="756881" spans="14:14">
      <c r="N756881" s="10"/>
    </row>
    <row r="756882" spans="14:14">
      <c r="N756882" s="10"/>
    </row>
    <row r="756883" spans="14:14">
      <c r="N756883" s="10"/>
    </row>
    <row r="756884" spans="14:14">
      <c r="N756884" s="10"/>
    </row>
    <row r="756885" spans="14:14">
      <c r="N756885" s="10"/>
    </row>
    <row r="756886" spans="14:14">
      <c r="N756886" s="10"/>
    </row>
    <row r="756887" spans="14:14">
      <c r="N756887" s="10"/>
    </row>
    <row r="756888" spans="14:14">
      <c r="N756888" s="10"/>
    </row>
    <row r="756889" spans="14:14">
      <c r="N756889" s="10"/>
    </row>
    <row r="756890" spans="14:14">
      <c r="N756890" s="10"/>
    </row>
    <row r="756891" spans="14:14">
      <c r="N756891" s="10"/>
    </row>
    <row r="756892" spans="14:14">
      <c r="N756892" s="10"/>
    </row>
    <row r="756893" spans="14:14">
      <c r="N756893" s="10"/>
    </row>
    <row r="756894" spans="14:14">
      <c r="N756894" s="10"/>
    </row>
    <row r="756895" spans="14:14">
      <c r="N756895" s="10"/>
    </row>
    <row r="756896" spans="14:14">
      <c r="N756896" s="10"/>
    </row>
    <row r="756897" spans="14:14">
      <c r="N756897" s="10"/>
    </row>
    <row r="756898" spans="14:14">
      <c r="N756898" s="10"/>
    </row>
    <row r="756899" spans="14:14">
      <c r="N756899" s="10"/>
    </row>
    <row r="756900" spans="14:14">
      <c r="N756900" s="10"/>
    </row>
    <row r="756901" spans="14:14">
      <c r="N756901" s="10"/>
    </row>
    <row r="756902" spans="14:14">
      <c r="N756902" s="10"/>
    </row>
    <row r="756903" spans="14:14">
      <c r="N756903" s="10"/>
    </row>
    <row r="756904" spans="14:14">
      <c r="N756904" s="10"/>
    </row>
    <row r="756905" spans="14:14">
      <c r="N756905" s="10"/>
    </row>
    <row r="756906" spans="14:14">
      <c r="N756906" s="10"/>
    </row>
    <row r="756907" spans="14:14">
      <c r="N756907" s="10"/>
    </row>
    <row r="756908" spans="14:14">
      <c r="N756908" s="10"/>
    </row>
    <row r="756909" spans="14:14">
      <c r="N756909" s="10"/>
    </row>
    <row r="756910" spans="14:14">
      <c r="N756910" s="10"/>
    </row>
    <row r="756911" spans="14:14">
      <c r="N756911" s="10"/>
    </row>
    <row r="756912" spans="14:14">
      <c r="N756912" s="10"/>
    </row>
    <row r="756913" spans="14:14">
      <c r="N756913" s="10"/>
    </row>
    <row r="756914" spans="14:14">
      <c r="N756914" s="10"/>
    </row>
    <row r="756915" spans="14:14">
      <c r="N756915" s="10"/>
    </row>
    <row r="756916" spans="14:14">
      <c r="N756916" s="10"/>
    </row>
    <row r="756917" spans="14:14">
      <c r="N756917" s="10"/>
    </row>
    <row r="756918" spans="14:14">
      <c r="N756918" s="10"/>
    </row>
    <row r="756919" spans="14:14">
      <c r="N756919" s="10"/>
    </row>
    <row r="756920" spans="14:14">
      <c r="N756920" s="10"/>
    </row>
    <row r="756921" spans="14:14">
      <c r="N756921" s="10"/>
    </row>
    <row r="756922" spans="14:14">
      <c r="N756922" s="10"/>
    </row>
    <row r="756923" spans="14:14">
      <c r="N756923" s="10"/>
    </row>
    <row r="756924" spans="14:14">
      <c r="N756924" s="10"/>
    </row>
    <row r="756925" spans="14:14">
      <c r="N756925" s="10"/>
    </row>
    <row r="756926" spans="14:14">
      <c r="N756926" s="10"/>
    </row>
    <row r="756927" spans="14:14">
      <c r="N756927" s="10"/>
    </row>
    <row r="756928" spans="14:14">
      <c r="N756928" s="10"/>
    </row>
    <row r="756929" spans="14:14">
      <c r="N756929" s="10"/>
    </row>
    <row r="756930" spans="14:14">
      <c r="N756930" s="10"/>
    </row>
    <row r="756931" spans="14:14">
      <c r="N756931" s="10"/>
    </row>
    <row r="756932" spans="14:14">
      <c r="N756932" s="10"/>
    </row>
    <row r="756933" spans="14:14">
      <c r="N756933" s="10"/>
    </row>
    <row r="756934" spans="14:14">
      <c r="N756934" s="10"/>
    </row>
    <row r="756935" spans="14:14">
      <c r="N756935" s="10"/>
    </row>
    <row r="756936" spans="14:14">
      <c r="N756936" s="10"/>
    </row>
    <row r="756937" spans="14:14">
      <c r="N756937" s="10"/>
    </row>
    <row r="756938" spans="14:14">
      <c r="N756938" s="10"/>
    </row>
    <row r="756939" spans="14:14">
      <c r="N756939" s="10"/>
    </row>
    <row r="756940" spans="14:14">
      <c r="N756940" s="10"/>
    </row>
    <row r="756941" spans="14:14">
      <c r="N756941" s="10"/>
    </row>
    <row r="756942" spans="14:14">
      <c r="N756942" s="10"/>
    </row>
    <row r="756943" spans="14:14">
      <c r="N756943" s="10"/>
    </row>
    <row r="756944" spans="14:14">
      <c r="N756944" s="10"/>
    </row>
    <row r="756945" spans="14:14">
      <c r="N756945" s="10"/>
    </row>
    <row r="756946" spans="14:14">
      <c r="N756946" s="10"/>
    </row>
    <row r="756947" spans="14:14">
      <c r="N756947" s="10"/>
    </row>
    <row r="756948" spans="14:14">
      <c r="N756948" s="10"/>
    </row>
    <row r="756949" spans="14:14">
      <c r="N756949" s="10"/>
    </row>
    <row r="756950" spans="14:14">
      <c r="N756950" s="10"/>
    </row>
    <row r="756951" spans="14:14">
      <c r="N756951" s="10"/>
    </row>
    <row r="756952" spans="14:14">
      <c r="N756952" s="10"/>
    </row>
    <row r="756953" spans="14:14">
      <c r="N756953" s="10"/>
    </row>
    <row r="756954" spans="14:14">
      <c r="N756954" s="10"/>
    </row>
    <row r="756955" spans="14:14">
      <c r="N756955" s="10"/>
    </row>
    <row r="756956" spans="14:14">
      <c r="N756956" s="10"/>
    </row>
    <row r="756957" spans="14:14">
      <c r="N756957" s="10"/>
    </row>
    <row r="756958" spans="14:14">
      <c r="N756958" s="10"/>
    </row>
    <row r="756959" spans="14:14">
      <c r="N756959" s="10"/>
    </row>
    <row r="756960" spans="14:14">
      <c r="N756960" s="10"/>
    </row>
    <row r="756961" spans="14:14">
      <c r="N756961" s="10"/>
    </row>
    <row r="756962" spans="14:14">
      <c r="N756962" s="10"/>
    </row>
    <row r="756963" spans="14:14">
      <c r="N756963" s="10"/>
    </row>
    <row r="756964" spans="14:14">
      <c r="N756964" s="10"/>
    </row>
    <row r="756965" spans="14:14">
      <c r="N756965" s="10"/>
    </row>
    <row r="756966" spans="14:14">
      <c r="N756966" s="10"/>
    </row>
    <row r="756967" spans="14:14">
      <c r="N756967" s="10"/>
    </row>
    <row r="756968" spans="14:14">
      <c r="N756968" s="10"/>
    </row>
    <row r="756969" spans="14:14">
      <c r="N756969" s="10"/>
    </row>
    <row r="756970" spans="14:14">
      <c r="N756970" s="10"/>
    </row>
    <row r="756971" spans="14:14">
      <c r="N756971" s="10"/>
    </row>
    <row r="756972" spans="14:14">
      <c r="N756972" s="10"/>
    </row>
    <row r="756973" spans="14:14">
      <c r="N756973" s="10"/>
    </row>
    <row r="756974" spans="14:14">
      <c r="N756974" s="10"/>
    </row>
    <row r="756975" spans="14:14">
      <c r="N756975" s="10"/>
    </row>
    <row r="756976" spans="14:14">
      <c r="N756976" s="10"/>
    </row>
    <row r="756977" spans="14:14">
      <c r="N756977" s="10"/>
    </row>
    <row r="756978" spans="14:14">
      <c r="N756978" s="10"/>
    </row>
    <row r="756979" spans="14:14">
      <c r="N756979" s="10"/>
    </row>
    <row r="756980" spans="14:14">
      <c r="N756980" s="10"/>
    </row>
    <row r="756981" spans="14:14">
      <c r="N756981" s="10"/>
    </row>
    <row r="756982" spans="14:14">
      <c r="N756982" s="10"/>
    </row>
    <row r="756983" spans="14:14">
      <c r="N756983" s="10"/>
    </row>
    <row r="756984" spans="14:14">
      <c r="N756984" s="10"/>
    </row>
    <row r="756985" spans="14:14">
      <c r="N756985" s="10"/>
    </row>
    <row r="756986" spans="14:14">
      <c r="N756986" s="10"/>
    </row>
    <row r="756987" spans="14:14">
      <c r="N756987" s="10"/>
    </row>
    <row r="756988" spans="14:14">
      <c r="N756988" s="10"/>
    </row>
    <row r="756989" spans="14:14">
      <c r="N756989" s="10"/>
    </row>
    <row r="756990" spans="14:14">
      <c r="N756990" s="10"/>
    </row>
    <row r="756991" spans="14:14">
      <c r="N756991" s="10"/>
    </row>
    <row r="756992" spans="14:14">
      <c r="N756992" s="10"/>
    </row>
    <row r="756993" spans="14:14">
      <c r="N756993" s="10"/>
    </row>
    <row r="756994" spans="14:14">
      <c r="N756994" s="10"/>
    </row>
    <row r="756995" spans="14:14">
      <c r="N756995" s="10"/>
    </row>
    <row r="756996" spans="14:14">
      <c r="N756996" s="10"/>
    </row>
    <row r="756997" spans="14:14">
      <c r="N756997" s="10"/>
    </row>
    <row r="756998" spans="14:14">
      <c r="N756998" s="10"/>
    </row>
    <row r="756999" spans="14:14">
      <c r="N756999" s="10"/>
    </row>
    <row r="757000" spans="14:14">
      <c r="N757000" s="10"/>
    </row>
    <row r="757001" spans="14:14">
      <c r="N757001" s="10"/>
    </row>
    <row r="757002" spans="14:14">
      <c r="N757002" s="10"/>
    </row>
    <row r="757003" spans="14:14">
      <c r="N757003" s="10"/>
    </row>
    <row r="757004" spans="14:14">
      <c r="N757004" s="10"/>
    </row>
    <row r="757005" spans="14:14">
      <c r="N757005" s="10"/>
    </row>
    <row r="757006" spans="14:14">
      <c r="N757006" s="10"/>
    </row>
    <row r="757007" spans="14:14">
      <c r="N757007" s="10"/>
    </row>
    <row r="757008" spans="14:14">
      <c r="N757008" s="10"/>
    </row>
    <row r="757009" spans="14:14">
      <c r="N757009" s="10"/>
    </row>
    <row r="757010" spans="14:14">
      <c r="N757010" s="10"/>
    </row>
    <row r="757011" spans="14:14">
      <c r="N757011" s="10"/>
    </row>
    <row r="757012" spans="14:14">
      <c r="N757012" s="10"/>
    </row>
    <row r="757013" spans="14:14">
      <c r="N757013" s="10"/>
    </row>
    <row r="757014" spans="14:14">
      <c r="N757014" s="10"/>
    </row>
    <row r="757015" spans="14:14">
      <c r="N757015" s="10"/>
    </row>
    <row r="757016" spans="14:14">
      <c r="N757016" s="10"/>
    </row>
    <row r="757017" spans="14:14">
      <c r="N757017" s="10"/>
    </row>
    <row r="757018" spans="14:14">
      <c r="N757018" s="10"/>
    </row>
    <row r="757019" spans="14:14">
      <c r="N757019" s="10"/>
    </row>
    <row r="757020" spans="14:14">
      <c r="N757020" s="10"/>
    </row>
    <row r="757021" spans="14:14">
      <c r="N757021" s="10"/>
    </row>
    <row r="757022" spans="14:14">
      <c r="N757022" s="10"/>
    </row>
    <row r="757023" spans="14:14">
      <c r="N757023" s="10"/>
    </row>
    <row r="757024" spans="14:14">
      <c r="N757024" s="10"/>
    </row>
    <row r="757025" spans="14:14">
      <c r="N757025" s="10"/>
    </row>
    <row r="757026" spans="14:14">
      <c r="N757026" s="10"/>
    </row>
    <row r="757027" spans="14:14">
      <c r="N757027" s="10"/>
    </row>
    <row r="757028" spans="14:14">
      <c r="N757028" s="10"/>
    </row>
    <row r="757029" spans="14:14">
      <c r="N757029" s="10"/>
    </row>
    <row r="757030" spans="14:14">
      <c r="N757030" s="10"/>
    </row>
    <row r="757031" spans="14:14">
      <c r="N757031" s="10"/>
    </row>
    <row r="757032" spans="14:14">
      <c r="N757032" s="10"/>
    </row>
    <row r="757033" spans="14:14">
      <c r="N757033" s="10"/>
    </row>
    <row r="757034" spans="14:14">
      <c r="N757034" s="10"/>
    </row>
    <row r="757035" spans="14:14">
      <c r="N757035" s="10"/>
    </row>
    <row r="757036" spans="14:14">
      <c r="N757036" s="10"/>
    </row>
    <row r="757037" spans="14:14">
      <c r="N757037" s="10"/>
    </row>
    <row r="757038" spans="14:14">
      <c r="N757038" s="10"/>
    </row>
    <row r="757039" spans="14:14">
      <c r="N757039" s="10"/>
    </row>
    <row r="757040" spans="14:14">
      <c r="N757040" s="10"/>
    </row>
    <row r="757041" spans="14:14">
      <c r="N757041" s="10"/>
    </row>
    <row r="757042" spans="14:14">
      <c r="N757042" s="10"/>
    </row>
    <row r="757043" spans="14:14">
      <c r="N757043" s="10"/>
    </row>
    <row r="757044" spans="14:14">
      <c r="N757044" s="10"/>
    </row>
    <row r="757045" spans="14:14">
      <c r="N757045" s="10"/>
    </row>
    <row r="757046" spans="14:14">
      <c r="N757046" s="10"/>
    </row>
    <row r="757047" spans="14:14">
      <c r="N757047" s="10"/>
    </row>
    <row r="757048" spans="14:14">
      <c r="N757048" s="10"/>
    </row>
    <row r="757049" spans="14:14">
      <c r="N757049" s="10"/>
    </row>
    <row r="757050" spans="14:14">
      <c r="N757050" s="10"/>
    </row>
    <row r="757051" spans="14:14">
      <c r="N757051" s="10"/>
    </row>
    <row r="757052" spans="14:14">
      <c r="N757052" s="10"/>
    </row>
    <row r="757053" spans="14:14">
      <c r="N757053" s="10"/>
    </row>
    <row r="757054" spans="14:14">
      <c r="N757054" s="10"/>
    </row>
    <row r="757055" spans="14:14">
      <c r="N757055" s="10"/>
    </row>
    <row r="757056" spans="14:14">
      <c r="N757056" s="10"/>
    </row>
    <row r="757057" spans="14:14">
      <c r="N757057" s="10"/>
    </row>
    <row r="757058" spans="14:14">
      <c r="N757058" s="10"/>
    </row>
    <row r="757059" spans="14:14">
      <c r="N757059" s="10"/>
    </row>
    <row r="757060" spans="14:14">
      <c r="N757060" s="10"/>
    </row>
    <row r="757061" spans="14:14">
      <c r="N757061" s="10"/>
    </row>
    <row r="757062" spans="14:14">
      <c r="N757062" s="10"/>
    </row>
    <row r="757063" spans="14:14">
      <c r="N757063" s="10"/>
    </row>
    <row r="757064" spans="14:14">
      <c r="N757064" s="10"/>
    </row>
    <row r="757065" spans="14:14">
      <c r="N757065" s="10"/>
    </row>
    <row r="757066" spans="14:14">
      <c r="N757066" s="10"/>
    </row>
    <row r="757067" spans="14:14">
      <c r="N757067" s="10"/>
    </row>
    <row r="757068" spans="14:14">
      <c r="N757068" s="10"/>
    </row>
    <row r="757069" spans="14:14">
      <c r="N757069" s="10"/>
    </row>
    <row r="757070" spans="14:14">
      <c r="N757070" s="10"/>
    </row>
    <row r="757071" spans="14:14">
      <c r="N757071" s="10"/>
    </row>
    <row r="757072" spans="14:14">
      <c r="N757072" s="10"/>
    </row>
    <row r="757073" spans="14:14">
      <c r="N757073" s="10"/>
    </row>
    <row r="757074" spans="14:14">
      <c r="N757074" s="10"/>
    </row>
    <row r="757075" spans="14:14">
      <c r="N757075" s="10"/>
    </row>
    <row r="757076" spans="14:14">
      <c r="N757076" s="10"/>
    </row>
    <row r="757077" spans="14:14">
      <c r="N757077" s="10"/>
    </row>
    <row r="757078" spans="14:14">
      <c r="N757078" s="10"/>
    </row>
    <row r="757079" spans="14:14">
      <c r="N757079" s="10"/>
    </row>
    <row r="757080" spans="14:14">
      <c r="N757080" s="10"/>
    </row>
    <row r="757081" spans="14:14">
      <c r="N757081" s="10"/>
    </row>
    <row r="757082" spans="14:14">
      <c r="N757082" s="10"/>
    </row>
    <row r="757083" spans="14:14">
      <c r="N757083" s="10"/>
    </row>
    <row r="757084" spans="14:14">
      <c r="N757084" s="10"/>
    </row>
    <row r="757085" spans="14:14">
      <c r="N757085" s="10"/>
    </row>
    <row r="757086" spans="14:14">
      <c r="N757086" s="10"/>
    </row>
    <row r="757087" spans="14:14">
      <c r="N757087" s="10"/>
    </row>
    <row r="757088" spans="14:14">
      <c r="N757088" s="10"/>
    </row>
    <row r="757089" spans="14:14">
      <c r="N757089" s="10"/>
    </row>
    <row r="757090" spans="14:14">
      <c r="N757090" s="10"/>
    </row>
    <row r="757091" spans="14:14">
      <c r="N757091" s="10"/>
    </row>
    <row r="757092" spans="14:14">
      <c r="N757092" s="10"/>
    </row>
    <row r="757093" spans="14:14">
      <c r="N757093" s="10"/>
    </row>
    <row r="757094" spans="14:14">
      <c r="N757094" s="10"/>
    </row>
    <row r="757095" spans="14:14">
      <c r="N757095" s="10"/>
    </row>
    <row r="757096" spans="14:14">
      <c r="N757096" s="10"/>
    </row>
    <row r="757097" spans="14:14">
      <c r="N757097" s="10"/>
    </row>
    <row r="757098" spans="14:14">
      <c r="N757098" s="10"/>
    </row>
    <row r="757099" spans="14:14">
      <c r="N757099" s="10"/>
    </row>
    <row r="757100" spans="14:14">
      <c r="N757100" s="10"/>
    </row>
    <row r="757101" spans="14:14">
      <c r="N757101" s="10"/>
    </row>
    <row r="757102" spans="14:14">
      <c r="N757102" s="10"/>
    </row>
    <row r="757103" spans="14:14">
      <c r="N757103" s="10"/>
    </row>
    <row r="757104" spans="14:14">
      <c r="N757104" s="10"/>
    </row>
    <row r="757105" spans="14:14">
      <c r="N757105" s="10"/>
    </row>
    <row r="757106" spans="14:14">
      <c r="N757106" s="10"/>
    </row>
    <row r="757107" spans="14:14">
      <c r="N757107" s="10"/>
    </row>
    <row r="757108" spans="14:14">
      <c r="N757108" s="10"/>
    </row>
    <row r="757109" spans="14:14">
      <c r="N757109" s="10"/>
    </row>
    <row r="757110" spans="14:14">
      <c r="N757110" s="10"/>
    </row>
    <row r="757111" spans="14:14">
      <c r="N757111" s="10"/>
    </row>
    <row r="757112" spans="14:14">
      <c r="N757112" s="10"/>
    </row>
    <row r="757113" spans="14:14">
      <c r="N757113" s="10"/>
    </row>
    <row r="757114" spans="14:14">
      <c r="N757114" s="10"/>
    </row>
    <row r="757115" spans="14:14">
      <c r="N757115" s="10"/>
    </row>
    <row r="757116" spans="14:14">
      <c r="N757116" s="10"/>
    </row>
    <row r="757117" spans="14:14">
      <c r="N757117" s="10"/>
    </row>
    <row r="757118" spans="14:14">
      <c r="N757118" s="10"/>
    </row>
    <row r="757119" spans="14:14">
      <c r="N757119" s="10"/>
    </row>
    <row r="757120" spans="14:14">
      <c r="N757120" s="10"/>
    </row>
    <row r="757121" spans="14:14">
      <c r="N757121" s="10"/>
    </row>
    <row r="757122" spans="14:14">
      <c r="N757122" s="10"/>
    </row>
    <row r="757123" spans="14:14">
      <c r="N757123" s="10"/>
    </row>
    <row r="757124" spans="14:14">
      <c r="N757124" s="10"/>
    </row>
    <row r="757125" spans="14:14">
      <c r="N757125" s="10"/>
    </row>
    <row r="757126" spans="14:14">
      <c r="N757126" s="10"/>
    </row>
    <row r="757127" spans="14:14">
      <c r="N757127" s="10"/>
    </row>
    <row r="757128" spans="14:14">
      <c r="N757128" s="10"/>
    </row>
    <row r="757129" spans="14:14">
      <c r="N757129" s="10"/>
    </row>
    <row r="757130" spans="14:14">
      <c r="N757130" s="10"/>
    </row>
    <row r="757131" spans="14:14">
      <c r="N757131" s="10"/>
    </row>
    <row r="757132" spans="14:14">
      <c r="N757132" s="10"/>
    </row>
    <row r="757133" spans="14:14">
      <c r="N757133" s="10"/>
    </row>
    <row r="757134" spans="14:14">
      <c r="N757134" s="10"/>
    </row>
    <row r="757135" spans="14:14">
      <c r="N757135" s="10"/>
    </row>
    <row r="757136" spans="14:14">
      <c r="N757136" s="10"/>
    </row>
    <row r="757137" spans="14:14">
      <c r="N757137" s="10"/>
    </row>
    <row r="757138" spans="14:14">
      <c r="N757138" s="10"/>
    </row>
    <row r="757139" spans="14:14">
      <c r="N757139" s="10"/>
    </row>
    <row r="757140" spans="14:14">
      <c r="N757140" s="10"/>
    </row>
    <row r="757141" spans="14:14">
      <c r="N757141" s="10"/>
    </row>
    <row r="757142" spans="14:14">
      <c r="N757142" s="10"/>
    </row>
    <row r="757143" spans="14:14">
      <c r="N757143" s="10"/>
    </row>
    <row r="757144" spans="14:14">
      <c r="N757144" s="10"/>
    </row>
    <row r="757145" spans="14:14">
      <c r="N757145" s="10"/>
    </row>
    <row r="757146" spans="14:14">
      <c r="N757146" s="10"/>
    </row>
    <row r="757147" spans="14:14">
      <c r="N757147" s="10"/>
    </row>
    <row r="757148" spans="14:14">
      <c r="N757148" s="10"/>
    </row>
    <row r="757149" spans="14:14">
      <c r="N757149" s="10"/>
    </row>
    <row r="757150" spans="14:14">
      <c r="N757150" s="10"/>
    </row>
    <row r="757151" spans="14:14">
      <c r="N757151" s="10"/>
    </row>
    <row r="757152" spans="14:14">
      <c r="N757152" s="10"/>
    </row>
    <row r="757153" spans="14:14">
      <c r="N757153" s="10"/>
    </row>
    <row r="757154" spans="14:14">
      <c r="N757154" s="10"/>
    </row>
    <row r="757155" spans="14:14">
      <c r="N757155" s="10"/>
    </row>
    <row r="757156" spans="14:14">
      <c r="N757156" s="10"/>
    </row>
    <row r="757157" spans="14:14">
      <c r="N757157" s="10"/>
    </row>
    <row r="757158" spans="14:14">
      <c r="N757158" s="10"/>
    </row>
    <row r="757159" spans="14:14">
      <c r="N757159" s="10"/>
    </row>
    <row r="757160" spans="14:14">
      <c r="N757160" s="10"/>
    </row>
    <row r="757161" spans="14:14">
      <c r="N757161" s="10"/>
    </row>
    <row r="757162" spans="14:14">
      <c r="N757162" s="10"/>
    </row>
    <row r="757163" spans="14:14">
      <c r="N757163" s="10"/>
    </row>
    <row r="757164" spans="14:14">
      <c r="N757164" s="10"/>
    </row>
    <row r="757165" spans="14:14">
      <c r="N757165" s="10"/>
    </row>
    <row r="757166" spans="14:14">
      <c r="N757166" s="10"/>
    </row>
    <row r="757167" spans="14:14">
      <c r="N757167" s="10"/>
    </row>
    <row r="757168" spans="14:14">
      <c r="N757168" s="10"/>
    </row>
    <row r="757169" spans="14:14">
      <c r="N757169" s="10"/>
    </row>
    <row r="757170" spans="14:14">
      <c r="N757170" s="10"/>
    </row>
    <row r="757171" spans="14:14">
      <c r="N757171" s="10"/>
    </row>
    <row r="757172" spans="14:14">
      <c r="N757172" s="10"/>
    </row>
    <row r="757173" spans="14:14">
      <c r="N757173" s="10"/>
    </row>
    <row r="757174" spans="14:14">
      <c r="N757174" s="10"/>
    </row>
    <row r="757175" spans="14:14">
      <c r="N757175" s="10"/>
    </row>
    <row r="757176" spans="14:14">
      <c r="N757176" s="10"/>
    </row>
    <row r="757177" spans="14:14">
      <c r="N757177" s="10"/>
    </row>
    <row r="757178" spans="14:14">
      <c r="N757178" s="10"/>
    </row>
    <row r="757179" spans="14:14">
      <c r="N757179" s="10"/>
    </row>
    <row r="757180" spans="14:14">
      <c r="N757180" s="10"/>
    </row>
    <row r="757181" spans="14:14">
      <c r="N757181" s="10"/>
    </row>
    <row r="757182" spans="14:14">
      <c r="N757182" s="10"/>
    </row>
    <row r="757183" spans="14:14">
      <c r="N757183" s="10"/>
    </row>
    <row r="757184" spans="14:14">
      <c r="N757184" s="10"/>
    </row>
    <row r="757185" spans="14:14">
      <c r="N757185" s="10"/>
    </row>
    <row r="757186" spans="14:14">
      <c r="N757186" s="10"/>
    </row>
    <row r="757187" spans="14:14">
      <c r="N757187" s="10"/>
    </row>
    <row r="757188" spans="14:14">
      <c r="N757188" s="10"/>
    </row>
    <row r="757189" spans="14:14">
      <c r="N757189" s="10"/>
    </row>
    <row r="757190" spans="14:14">
      <c r="N757190" s="10"/>
    </row>
    <row r="757191" spans="14:14">
      <c r="N757191" s="10"/>
    </row>
    <row r="757192" spans="14:14">
      <c r="N757192" s="10"/>
    </row>
    <row r="757193" spans="14:14">
      <c r="N757193" s="10"/>
    </row>
    <row r="757194" spans="14:14">
      <c r="N757194" s="10"/>
    </row>
    <row r="757195" spans="14:14">
      <c r="N757195" s="10"/>
    </row>
    <row r="757196" spans="14:14">
      <c r="N757196" s="10"/>
    </row>
    <row r="757197" spans="14:14">
      <c r="N757197" s="10"/>
    </row>
    <row r="757198" spans="14:14">
      <c r="N757198" s="10"/>
    </row>
    <row r="757199" spans="14:14">
      <c r="N757199" s="10"/>
    </row>
    <row r="757200" spans="14:14">
      <c r="N757200" s="10"/>
    </row>
    <row r="757201" spans="14:14">
      <c r="N757201" s="10"/>
    </row>
    <row r="757202" spans="14:14">
      <c r="N757202" s="10"/>
    </row>
    <row r="757203" spans="14:14">
      <c r="N757203" s="10"/>
    </row>
    <row r="757204" spans="14:14">
      <c r="N757204" s="10"/>
    </row>
    <row r="757205" spans="14:14">
      <c r="N757205" s="10"/>
    </row>
    <row r="757206" spans="14:14">
      <c r="N757206" s="10"/>
    </row>
    <row r="757207" spans="14:14">
      <c r="N757207" s="10"/>
    </row>
    <row r="757208" spans="14:14">
      <c r="N757208" s="10"/>
    </row>
    <row r="757209" spans="14:14">
      <c r="N757209" s="10"/>
    </row>
    <row r="757210" spans="14:14">
      <c r="N757210" s="10"/>
    </row>
    <row r="757211" spans="14:14">
      <c r="N757211" s="10"/>
    </row>
    <row r="757212" spans="14:14">
      <c r="N757212" s="10"/>
    </row>
    <row r="757213" spans="14:14">
      <c r="N757213" s="10"/>
    </row>
    <row r="757214" spans="14:14">
      <c r="N757214" s="10"/>
    </row>
    <row r="757215" spans="14:14">
      <c r="N757215" s="10"/>
    </row>
    <row r="757216" spans="14:14">
      <c r="N757216" s="10"/>
    </row>
    <row r="757217" spans="14:14">
      <c r="N757217" s="10"/>
    </row>
    <row r="757218" spans="14:14">
      <c r="N757218" s="10"/>
    </row>
    <row r="757219" spans="14:14">
      <c r="N757219" s="10"/>
    </row>
    <row r="757220" spans="14:14">
      <c r="N757220" s="10"/>
    </row>
    <row r="757221" spans="14:14">
      <c r="N757221" s="10"/>
    </row>
    <row r="757222" spans="14:14">
      <c r="N757222" s="10"/>
    </row>
    <row r="757223" spans="14:14">
      <c r="N757223" s="10"/>
    </row>
    <row r="757224" spans="14:14">
      <c r="N757224" s="10"/>
    </row>
    <row r="757225" spans="14:14">
      <c r="N757225" s="10"/>
    </row>
    <row r="757226" spans="14:14">
      <c r="N757226" s="10"/>
    </row>
    <row r="757227" spans="14:14">
      <c r="N757227" s="10"/>
    </row>
    <row r="757228" spans="14:14">
      <c r="N757228" s="10"/>
    </row>
    <row r="757229" spans="14:14">
      <c r="N757229" s="10"/>
    </row>
    <row r="757230" spans="14:14">
      <c r="N757230" s="10"/>
    </row>
    <row r="757231" spans="14:14">
      <c r="N757231" s="10"/>
    </row>
    <row r="757232" spans="14:14">
      <c r="N757232" s="10"/>
    </row>
    <row r="757233" spans="14:14">
      <c r="N757233" s="10"/>
    </row>
    <row r="757234" spans="14:14">
      <c r="N757234" s="10"/>
    </row>
    <row r="757235" spans="14:14">
      <c r="N757235" s="10"/>
    </row>
    <row r="757236" spans="14:14">
      <c r="N757236" s="10"/>
    </row>
    <row r="757237" spans="14:14">
      <c r="N757237" s="10"/>
    </row>
    <row r="757238" spans="14:14">
      <c r="N757238" s="10"/>
    </row>
    <row r="757239" spans="14:14">
      <c r="N757239" s="10"/>
    </row>
    <row r="757240" spans="14:14">
      <c r="N757240" s="10"/>
    </row>
    <row r="757241" spans="14:14">
      <c r="N757241" s="10"/>
    </row>
    <row r="757242" spans="14:14">
      <c r="N757242" s="10"/>
    </row>
    <row r="757243" spans="14:14">
      <c r="N757243" s="10"/>
    </row>
    <row r="757244" spans="14:14">
      <c r="N757244" s="10"/>
    </row>
    <row r="757245" spans="14:14">
      <c r="N757245" s="10"/>
    </row>
    <row r="757246" spans="14:14">
      <c r="N757246" s="10"/>
    </row>
    <row r="757247" spans="14:14">
      <c r="N757247" s="10"/>
    </row>
    <row r="757248" spans="14:14">
      <c r="N757248" s="10"/>
    </row>
    <row r="757249" spans="14:14">
      <c r="N757249" s="10"/>
    </row>
    <row r="757250" spans="14:14">
      <c r="N757250" s="10"/>
    </row>
    <row r="757251" spans="14:14">
      <c r="N757251" s="10"/>
    </row>
    <row r="757252" spans="14:14">
      <c r="N757252" s="10"/>
    </row>
    <row r="757253" spans="14:14">
      <c r="N757253" s="10"/>
    </row>
    <row r="757254" spans="14:14">
      <c r="N757254" s="10"/>
    </row>
    <row r="757255" spans="14:14">
      <c r="N757255" s="10"/>
    </row>
    <row r="757256" spans="14:14">
      <c r="N757256" s="10"/>
    </row>
    <row r="757257" spans="14:14">
      <c r="N757257" s="10"/>
    </row>
    <row r="757258" spans="14:14">
      <c r="N757258" s="10"/>
    </row>
    <row r="757259" spans="14:14">
      <c r="N757259" s="10"/>
    </row>
    <row r="757260" spans="14:14">
      <c r="N757260" s="10"/>
    </row>
    <row r="757261" spans="14:14">
      <c r="N757261" s="10"/>
    </row>
    <row r="757262" spans="14:14">
      <c r="N757262" s="10"/>
    </row>
    <row r="757263" spans="14:14">
      <c r="N757263" s="10"/>
    </row>
    <row r="757264" spans="14:14">
      <c r="N757264" s="10"/>
    </row>
    <row r="757265" spans="14:14">
      <c r="N757265" s="10"/>
    </row>
    <row r="757266" spans="14:14">
      <c r="N757266" s="10"/>
    </row>
    <row r="757267" spans="14:14">
      <c r="N757267" s="10"/>
    </row>
    <row r="757268" spans="14:14">
      <c r="N757268" s="10"/>
    </row>
    <row r="757269" spans="14:14">
      <c r="N757269" s="10"/>
    </row>
    <row r="757270" spans="14:14">
      <c r="N757270" s="10"/>
    </row>
    <row r="757271" spans="14:14">
      <c r="N757271" s="10"/>
    </row>
    <row r="757272" spans="14:14">
      <c r="N757272" s="10"/>
    </row>
    <row r="757273" spans="14:14">
      <c r="N757273" s="10"/>
    </row>
    <row r="757274" spans="14:14">
      <c r="N757274" s="10"/>
    </row>
    <row r="757275" spans="14:14">
      <c r="N757275" s="10"/>
    </row>
    <row r="757276" spans="14:14">
      <c r="N757276" s="10"/>
    </row>
    <row r="757277" spans="14:14">
      <c r="N757277" s="10"/>
    </row>
    <row r="757278" spans="14:14">
      <c r="N757278" s="10"/>
    </row>
    <row r="757279" spans="14:14">
      <c r="N757279" s="10"/>
    </row>
    <row r="757280" spans="14:14">
      <c r="N757280" s="10"/>
    </row>
    <row r="757281" spans="14:14">
      <c r="N757281" s="10"/>
    </row>
    <row r="757282" spans="14:14">
      <c r="N757282" s="10"/>
    </row>
    <row r="757283" spans="14:14">
      <c r="N757283" s="10"/>
    </row>
    <row r="757284" spans="14:14">
      <c r="N757284" s="10"/>
    </row>
    <row r="757285" spans="14:14">
      <c r="N757285" s="10"/>
    </row>
    <row r="757286" spans="14:14">
      <c r="N757286" s="10"/>
    </row>
    <row r="757287" spans="14:14">
      <c r="N757287" s="10"/>
    </row>
    <row r="757288" spans="14:14">
      <c r="N757288" s="10"/>
    </row>
    <row r="757289" spans="14:14">
      <c r="N757289" s="10"/>
    </row>
    <row r="757290" spans="14:14">
      <c r="N757290" s="10"/>
    </row>
    <row r="757291" spans="14:14">
      <c r="N757291" s="10"/>
    </row>
    <row r="757292" spans="14:14">
      <c r="N757292" s="10"/>
    </row>
    <row r="757293" spans="14:14">
      <c r="N757293" s="10"/>
    </row>
    <row r="757294" spans="14:14">
      <c r="N757294" s="10"/>
    </row>
    <row r="757295" spans="14:14">
      <c r="N757295" s="10"/>
    </row>
    <row r="757296" spans="14:14">
      <c r="N757296" s="10"/>
    </row>
    <row r="757297" spans="14:14">
      <c r="N757297" s="10"/>
    </row>
    <row r="757298" spans="14:14">
      <c r="N757298" s="10"/>
    </row>
    <row r="757299" spans="14:14">
      <c r="N757299" s="10"/>
    </row>
    <row r="757300" spans="14:14">
      <c r="N757300" s="10"/>
    </row>
    <row r="757301" spans="14:14">
      <c r="N757301" s="10"/>
    </row>
    <row r="757302" spans="14:14">
      <c r="N757302" s="10"/>
    </row>
    <row r="757303" spans="14:14">
      <c r="N757303" s="10"/>
    </row>
    <row r="757304" spans="14:14">
      <c r="N757304" s="10"/>
    </row>
    <row r="757305" spans="14:14">
      <c r="N757305" s="10"/>
    </row>
    <row r="757306" spans="14:14">
      <c r="N757306" s="10"/>
    </row>
    <row r="757307" spans="14:14">
      <c r="N757307" s="10"/>
    </row>
    <row r="757308" spans="14:14">
      <c r="N757308" s="10"/>
    </row>
    <row r="757309" spans="14:14">
      <c r="N757309" s="10"/>
    </row>
    <row r="757310" spans="14:14">
      <c r="N757310" s="10"/>
    </row>
    <row r="757311" spans="14:14">
      <c r="N757311" s="10"/>
    </row>
    <row r="757312" spans="14:14">
      <c r="N757312" s="10"/>
    </row>
    <row r="757313" spans="14:14">
      <c r="N757313" s="10"/>
    </row>
    <row r="757314" spans="14:14">
      <c r="N757314" s="10"/>
    </row>
    <row r="757315" spans="14:14">
      <c r="N757315" s="10"/>
    </row>
    <row r="757316" spans="14:14">
      <c r="N757316" s="10"/>
    </row>
    <row r="757317" spans="14:14">
      <c r="N757317" s="10"/>
    </row>
    <row r="757318" spans="14:14">
      <c r="N757318" s="10"/>
    </row>
    <row r="757319" spans="14:14">
      <c r="N757319" s="10"/>
    </row>
    <row r="757320" spans="14:14">
      <c r="N757320" s="10"/>
    </row>
    <row r="757321" spans="14:14">
      <c r="N757321" s="10"/>
    </row>
    <row r="757322" spans="14:14">
      <c r="N757322" s="10"/>
    </row>
    <row r="757323" spans="14:14">
      <c r="N757323" s="10"/>
    </row>
    <row r="757324" spans="14:14">
      <c r="N757324" s="10"/>
    </row>
    <row r="757325" spans="14:14">
      <c r="N757325" s="10"/>
    </row>
    <row r="757326" spans="14:14">
      <c r="N757326" s="10"/>
    </row>
    <row r="757327" spans="14:14">
      <c r="N757327" s="10"/>
    </row>
    <row r="757328" spans="14:14">
      <c r="N757328" s="10"/>
    </row>
    <row r="757329" spans="14:14">
      <c r="N757329" s="10"/>
    </row>
    <row r="757330" spans="14:14">
      <c r="N757330" s="10"/>
    </row>
    <row r="757331" spans="14:14">
      <c r="N757331" s="10"/>
    </row>
    <row r="757332" spans="14:14">
      <c r="N757332" s="10"/>
    </row>
    <row r="757333" spans="14:14">
      <c r="N757333" s="10"/>
    </row>
    <row r="757334" spans="14:14">
      <c r="N757334" s="10"/>
    </row>
    <row r="757335" spans="14:14">
      <c r="N757335" s="10"/>
    </row>
    <row r="757336" spans="14:14">
      <c r="N757336" s="10"/>
    </row>
    <row r="757337" spans="14:14">
      <c r="N757337" s="10"/>
    </row>
    <row r="757338" spans="14:14">
      <c r="N757338" s="10"/>
    </row>
    <row r="757339" spans="14:14">
      <c r="N757339" s="10"/>
    </row>
    <row r="757340" spans="14:14">
      <c r="N757340" s="10"/>
    </row>
    <row r="757341" spans="14:14">
      <c r="N757341" s="10"/>
    </row>
    <row r="757342" spans="14:14">
      <c r="N757342" s="10"/>
    </row>
    <row r="757343" spans="14:14">
      <c r="N757343" s="10"/>
    </row>
    <row r="757344" spans="14:14">
      <c r="N757344" s="10"/>
    </row>
    <row r="757345" spans="14:14">
      <c r="N757345" s="10"/>
    </row>
    <row r="757346" spans="14:14">
      <c r="N757346" s="10"/>
    </row>
    <row r="757347" spans="14:14">
      <c r="N757347" s="10"/>
    </row>
    <row r="757348" spans="14:14">
      <c r="N757348" s="10"/>
    </row>
    <row r="757349" spans="14:14">
      <c r="N757349" s="10"/>
    </row>
    <row r="757350" spans="14:14">
      <c r="N757350" s="10"/>
    </row>
    <row r="757351" spans="14:14">
      <c r="N757351" s="10"/>
    </row>
    <row r="757352" spans="14:14">
      <c r="N757352" s="10"/>
    </row>
    <row r="757353" spans="14:14">
      <c r="N757353" s="10"/>
    </row>
    <row r="757354" spans="14:14">
      <c r="N757354" s="10"/>
    </row>
    <row r="757355" spans="14:14">
      <c r="N757355" s="10"/>
    </row>
    <row r="757356" spans="14:14">
      <c r="N757356" s="10"/>
    </row>
    <row r="757357" spans="14:14">
      <c r="N757357" s="10"/>
    </row>
    <row r="757358" spans="14:14">
      <c r="N757358" s="10"/>
    </row>
    <row r="757359" spans="14:14">
      <c r="N757359" s="10"/>
    </row>
    <row r="757360" spans="14:14">
      <c r="N757360" s="10"/>
    </row>
    <row r="757361" spans="14:14">
      <c r="N757361" s="10"/>
    </row>
    <row r="757362" spans="14:14">
      <c r="N757362" s="10"/>
    </row>
    <row r="757363" spans="14:14">
      <c r="N757363" s="10"/>
    </row>
    <row r="757364" spans="14:14">
      <c r="N757364" s="10"/>
    </row>
    <row r="757365" spans="14:14">
      <c r="N757365" s="10"/>
    </row>
    <row r="757366" spans="14:14">
      <c r="N757366" s="10"/>
    </row>
    <row r="757367" spans="14:14">
      <c r="N757367" s="10"/>
    </row>
    <row r="757368" spans="14:14">
      <c r="N757368" s="10"/>
    </row>
    <row r="757369" spans="14:14">
      <c r="N757369" s="10"/>
    </row>
    <row r="757370" spans="14:14">
      <c r="N757370" s="10"/>
    </row>
    <row r="757371" spans="14:14">
      <c r="N757371" s="10"/>
    </row>
    <row r="757372" spans="14:14">
      <c r="N757372" s="10"/>
    </row>
    <row r="757373" spans="14:14">
      <c r="N757373" s="10"/>
    </row>
    <row r="757374" spans="14:14">
      <c r="N757374" s="10"/>
    </row>
    <row r="757375" spans="14:14">
      <c r="N757375" s="10"/>
    </row>
    <row r="757376" spans="14:14">
      <c r="N757376" s="10"/>
    </row>
    <row r="757377" spans="14:14">
      <c r="N757377" s="10"/>
    </row>
    <row r="757378" spans="14:14">
      <c r="N757378" s="10"/>
    </row>
    <row r="757379" spans="14:14">
      <c r="N757379" s="10"/>
    </row>
    <row r="757380" spans="14:14">
      <c r="N757380" s="10"/>
    </row>
    <row r="757381" spans="14:14">
      <c r="N757381" s="10"/>
    </row>
    <row r="757382" spans="14:14">
      <c r="N757382" s="10"/>
    </row>
    <row r="757383" spans="14:14">
      <c r="N757383" s="10"/>
    </row>
    <row r="757384" spans="14:14">
      <c r="N757384" s="10"/>
    </row>
    <row r="757385" spans="14:14">
      <c r="N757385" s="10"/>
    </row>
    <row r="757386" spans="14:14">
      <c r="N757386" s="10"/>
    </row>
    <row r="757387" spans="14:14">
      <c r="N757387" s="10"/>
    </row>
    <row r="757388" spans="14:14">
      <c r="N757388" s="10"/>
    </row>
    <row r="757389" spans="14:14">
      <c r="N757389" s="10"/>
    </row>
    <row r="757390" spans="14:14">
      <c r="N757390" s="10"/>
    </row>
    <row r="757391" spans="14:14">
      <c r="N757391" s="10"/>
    </row>
    <row r="757392" spans="14:14">
      <c r="N757392" s="10"/>
    </row>
    <row r="757393" spans="14:14">
      <c r="N757393" s="10"/>
    </row>
    <row r="757394" spans="14:14">
      <c r="N757394" s="10"/>
    </row>
    <row r="757395" spans="14:14">
      <c r="N757395" s="10"/>
    </row>
    <row r="757396" spans="14:14">
      <c r="N757396" s="10"/>
    </row>
    <row r="757397" spans="14:14">
      <c r="N757397" s="10"/>
    </row>
    <row r="757398" spans="14:14">
      <c r="N757398" s="10"/>
    </row>
    <row r="757399" spans="14:14">
      <c r="N757399" s="10"/>
    </row>
    <row r="757400" spans="14:14">
      <c r="N757400" s="10"/>
    </row>
    <row r="757401" spans="14:14">
      <c r="N757401" s="10"/>
    </row>
    <row r="757402" spans="14:14">
      <c r="N757402" s="10"/>
    </row>
    <row r="757403" spans="14:14">
      <c r="N757403" s="10"/>
    </row>
    <row r="757404" spans="14:14">
      <c r="N757404" s="10"/>
    </row>
    <row r="757405" spans="14:14">
      <c r="N757405" s="10"/>
    </row>
    <row r="757406" spans="14:14">
      <c r="N757406" s="10"/>
    </row>
    <row r="757407" spans="14:14">
      <c r="N757407" s="10"/>
    </row>
    <row r="757408" spans="14:14">
      <c r="N757408" s="10"/>
    </row>
    <row r="757409" spans="14:14">
      <c r="N757409" s="10"/>
    </row>
    <row r="757410" spans="14:14">
      <c r="N757410" s="10"/>
    </row>
    <row r="757411" spans="14:14">
      <c r="N757411" s="10"/>
    </row>
    <row r="757412" spans="14:14">
      <c r="N757412" s="10"/>
    </row>
    <row r="757413" spans="14:14">
      <c r="N757413" s="10"/>
    </row>
    <row r="757414" spans="14:14">
      <c r="N757414" s="10"/>
    </row>
    <row r="757415" spans="14:14">
      <c r="N757415" s="10"/>
    </row>
    <row r="757416" spans="14:14">
      <c r="N757416" s="10"/>
    </row>
    <row r="757417" spans="14:14">
      <c r="N757417" s="10"/>
    </row>
    <row r="757418" spans="14:14">
      <c r="N757418" s="10"/>
    </row>
    <row r="757419" spans="14:14">
      <c r="N757419" s="10"/>
    </row>
    <row r="757420" spans="14:14">
      <c r="N757420" s="10"/>
    </row>
    <row r="757421" spans="14:14">
      <c r="N757421" s="10"/>
    </row>
    <row r="757422" spans="14:14">
      <c r="N757422" s="10"/>
    </row>
    <row r="757423" spans="14:14">
      <c r="N757423" s="10"/>
    </row>
    <row r="757424" spans="14:14">
      <c r="N757424" s="10"/>
    </row>
    <row r="757425" spans="14:14">
      <c r="N757425" s="10"/>
    </row>
    <row r="757426" spans="14:14">
      <c r="N757426" s="10"/>
    </row>
    <row r="757427" spans="14:14">
      <c r="N757427" s="10"/>
    </row>
    <row r="757428" spans="14:14">
      <c r="N757428" s="10"/>
    </row>
    <row r="757429" spans="14:14">
      <c r="N757429" s="10"/>
    </row>
    <row r="757430" spans="14:14">
      <c r="N757430" s="10"/>
    </row>
    <row r="757431" spans="14:14">
      <c r="N757431" s="10"/>
    </row>
    <row r="757432" spans="14:14">
      <c r="N757432" s="10"/>
    </row>
    <row r="757433" spans="14:14">
      <c r="N757433" s="10"/>
    </row>
    <row r="757434" spans="14:14">
      <c r="N757434" s="10"/>
    </row>
    <row r="757435" spans="14:14">
      <c r="N757435" s="10"/>
    </row>
    <row r="757436" spans="14:14">
      <c r="N757436" s="10"/>
    </row>
    <row r="757437" spans="14:14">
      <c r="N757437" s="10"/>
    </row>
    <row r="757438" spans="14:14">
      <c r="N757438" s="10"/>
    </row>
    <row r="757439" spans="14:14">
      <c r="N757439" s="10"/>
    </row>
    <row r="757440" spans="14:14">
      <c r="N757440" s="10"/>
    </row>
    <row r="757441" spans="14:14">
      <c r="N757441" s="10"/>
    </row>
    <row r="757442" spans="14:14">
      <c r="N757442" s="10"/>
    </row>
    <row r="757443" spans="14:14">
      <c r="N757443" s="10"/>
    </row>
    <row r="757444" spans="14:14">
      <c r="N757444" s="10"/>
    </row>
    <row r="757445" spans="14:14">
      <c r="N757445" s="10"/>
    </row>
    <row r="757446" spans="14:14">
      <c r="N757446" s="10"/>
    </row>
    <row r="757447" spans="14:14">
      <c r="N757447" s="10"/>
    </row>
    <row r="757448" spans="14:14">
      <c r="N757448" s="10"/>
    </row>
    <row r="757449" spans="14:14">
      <c r="N757449" s="10"/>
    </row>
    <row r="757450" spans="14:14">
      <c r="N757450" s="10"/>
    </row>
    <row r="757451" spans="14:14">
      <c r="N757451" s="10"/>
    </row>
    <row r="757452" spans="14:14">
      <c r="N757452" s="10"/>
    </row>
    <row r="757453" spans="14:14">
      <c r="N757453" s="10"/>
    </row>
    <row r="757454" spans="14:14">
      <c r="N757454" s="10"/>
    </row>
    <row r="757455" spans="14:14">
      <c r="N757455" s="10"/>
    </row>
    <row r="757456" spans="14:14">
      <c r="N757456" s="10"/>
    </row>
    <row r="757457" spans="14:14">
      <c r="N757457" s="10"/>
    </row>
    <row r="757458" spans="14:14">
      <c r="N757458" s="10"/>
    </row>
    <row r="757459" spans="14:14">
      <c r="N757459" s="10"/>
    </row>
    <row r="757460" spans="14:14">
      <c r="N757460" s="10"/>
    </row>
    <row r="757461" spans="14:14">
      <c r="N757461" s="10"/>
    </row>
    <row r="757462" spans="14:14">
      <c r="N757462" s="10"/>
    </row>
    <row r="757463" spans="14:14">
      <c r="N757463" s="10"/>
    </row>
    <row r="757464" spans="14:14">
      <c r="N757464" s="10"/>
    </row>
    <row r="757465" spans="14:14">
      <c r="N757465" s="10"/>
    </row>
    <row r="757466" spans="14:14">
      <c r="N757466" s="10"/>
    </row>
    <row r="757467" spans="14:14">
      <c r="N757467" s="10"/>
    </row>
    <row r="757468" spans="14:14">
      <c r="N757468" s="10"/>
    </row>
    <row r="757469" spans="14:14">
      <c r="N757469" s="10"/>
    </row>
    <row r="757470" spans="14:14">
      <c r="N757470" s="10"/>
    </row>
    <row r="757471" spans="14:14">
      <c r="N757471" s="10"/>
    </row>
    <row r="757472" spans="14:14">
      <c r="N757472" s="10"/>
    </row>
    <row r="757473" spans="14:14">
      <c r="N757473" s="10"/>
    </row>
    <row r="757474" spans="14:14">
      <c r="N757474" s="10"/>
    </row>
    <row r="757475" spans="14:14">
      <c r="N757475" s="10"/>
    </row>
    <row r="757476" spans="14:14">
      <c r="N757476" s="10"/>
    </row>
    <row r="757477" spans="14:14">
      <c r="N757477" s="10"/>
    </row>
    <row r="757478" spans="14:14">
      <c r="N757478" s="10"/>
    </row>
    <row r="757479" spans="14:14">
      <c r="N757479" s="10"/>
    </row>
    <row r="757480" spans="14:14">
      <c r="N757480" s="10"/>
    </row>
    <row r="757481" spans="14:14">
      <c r="N757481" s="10"/>
    </row>
    <row r="757482" spans="14:14">
      <c r="N757482" s="10"/>
    </row>
    <row r="757483" spans="14:14">
      <c r="N757483" s="10"/>
    </row>
    <row r="757484" spans="14:14">
      <c r="N757484" s="10"/>
    </row>
    <row r="757485" spans="14:14">
      <c r="N757485" s="10"/>
    </row>
    <row r="757486" spans="14:14">
      <c r="N757486" s="10"/>
    </row>
    <row r="757487" spans="14:14">
      <c r="N757487" s="10"/>
    </row>
    <row r="757488" spans="14:14">
      <c r="N757488" s="10"/>
    </row>
    <row r="757489" spans="14:14">
      <c r="N757489" s="10"/>
    </row>
    <row r="757490" spans="14:14">
      <c r="N757490" s="10"/>
    </row>
    <row r="757491" spans="14:14">
      <c r="N757491" s="10"/>
    </row>
    <row r="757492" spans="14:14">
      <c r="N757492" s="10"/>
    </row>
    <row r="757493" spans="14:14">
      <c r="N757493" s="10"/>
    </row>
    <row r="757494" spans="14:14">
      <c r="N757494" s="10"/>
    </row>
    <row r="757495" spans="14:14">
      <c r="N757495" s="10"/>
    </row>
    <row r="757496" spans="14:14">
      <c r="N757496" s="10"/>
    </row>
    <row r="757497" spans="14:14">
      <c r="N757497" s="10"/>
    </row>
    <row r="757498" spans="14:14">
      <c r="N757498" s="10"/>
    </row>
    <row r="757499" spans="14:14">
      <c r="N757499" s="10"/>
    </row>
    <row r="757500" spans="14:14">
      <c r="N757500" s="10"/>
    </row>
    <row r="757501" spans="14:14">
      <c r="N757501" s="10"/>
    </row>
    <row r="757502" spans="14:14">
      <c r="N757502" s="10"/>
    </row>
    <row r="757503" spans="14:14">
      <c r="N757503" s="10"/>
    </row>
    <row r="757504" spans="14:14">
      <c r="N757504" s="10"/>
    </row>
    <row r="757505" spans="14:14">
      <c r="N757505" s="10"/>
    </row>
    <row r="757506" spans="14:14">
      <c r="N757506" s="10"/>
    </row>
    <row r="757507" spans="14:14">
      <c r="N757507" s="10"/>
    </row>
    <row r="757508" spans="14:14">
      <c r="N757508" s="10"/>
    </row>
    <row r="757509" spans="14:14">
      <c r="N757509" s="10"/>
    </row>
    <row r="757510" spans="14:14">
      <c r="N757510" s="10"/>
    </row>
    <row r="757511" spans="14:14">
      <c r="N757511" s="10"/>
    </row>
    <row r="757512" spans="14:14">
      <c r="N757512" s="10"/>
    </row>
    <row r="757513" spans="14:14">
      <c r="N757513" s="10"/>
    </row>
    <row r="757514" spans="14:14">
      <c r="N757514" s="10"/>
    </row>
    <row r="757515" spans="14:14">
      <c r="N757515" s="10"/>
    </row>
    <row r="757516" spans="14:14">
      <c r="N757516" s="10"/>
    </row>
    <row r="757517" spans="14:14">
      <c r="N757517" s="10"/>
    </row>
    <row r="757518" spans="14:14">
      <c r="N757518" s="10"/>
    </row>
    <row r="757519" spans="14:14">
      <c r="N757519" s="10"/>
    </row>
    <row r="757520" spans="14:14">
      <c r="N757520" s="10"/>
    </row>
    <row r="757521" spans="14:14">
      <c r="N757521" s="10"/>
    </row>
    <row r="757522" spans="14:14">
      <c r="N757522" s="10"/>
    </row>
    <row r="757523" spans="14:14">
      <c r="N757523" s="10"/>
    </row>
    <row r="757524" spans="14:14">
      <c r="N757524" s="10"/>
    </row>
    <row r="757525" spans="14:14">
      <c r="N757525" s="10"/>
    </row>
    <row r="757526" spans="14:14">
      <c r="N757526" s="10"/>
    </row>
    <row r="757527" spans="14:14">
      <c r="N757527" s="10"/>
    </row>
    <row r="757528" spans="14:14">
      <c r="N757528" s="10"/>
    </row>
    <row r="757529" spans="14:14">
      <c r="N757529" s="10"/>
    </row>
    <row r="757530" spans="14:14">
      <c r="N757530" s="10"/>
    </row>
    <row r="757531" spans="14:14">
      <c r="N757531" s="10"/>
    </row>
    <row r="757532" spans="14:14">
      <c r="N757532" s="10"/>
    </row>
    <row r="757533" spans="14:14">
      <c r="N757533" s="10"/>
    </row>
    <row r="757534" spans="14:14">
      <c r="N757534" s="10"/>
    </row>
    <row r="757535" spans="14:14">
      <c r="N757535" s="10"/>
    </row>
    <row r="757536" spans="14:14">
      <c r="N757536" s="10"/>
    </row>
    <row r="757537" spans="14:14">
      <c r="N757537" s="10"/>
    </row>
    <row r="757538" spans="14:14">
      <c r="N757538" s="10"/>
    </row>
    <row r="757539" spans="14:14">
      <c r="N757539" s="10"/>
    </row>
    <row r="757540" spans="14:14">
      <c r="N757540" s="10"/>
    </row>
    <row r="757541" spans="14:14">
      <c r="N757541" s="10"/>
    </row>
    <row r="757542" spans="14:14">
      <c r="N757542" s="10"/>
    </row>
    <row r="757543" spans="14:14">
      <c r="N757543" s="10"/>
    </row>
    <row r="757544" spans="14:14">
      <c r="N757544" s="10"/>
    </row>
    <row r="757545" spans="14:14">
      <c r="N757545" s="10"/>
    </row>
    <row r="757546" spans="14:14">
      <c r="N757546" s="10"/>
    </row>
    <row r="757547" spans="14:14">
      <c r="N757547" s="10"/>
    </row>
    <row r="757548" spans="14:14">
      <c r="N757548" s="10"/>
    </row>
    <row r="757549" spans="14:14">
      <c r="N757549" s="10"/>
    </row>
    <row r="757550" spans="14:14">
      <c r="N757550" s="10"/>
    </row>
    <row r="757551" spans="14:14">
      <c r="N757551" s="10"/>
    </row>
    <row r="757552" spans="14:14">
      <c r="N757552" s="10"/>
    </row>
    <row r="757553" spans="14:14">
      <c r="N757553" s="10"/>
    </row>
    <row r="757554" spans="14:14">
      <c r="N757554" s="10"/>
    </row>
    <row r="757555" spans="14:14">
      <c r="N757555" s="10"/>
    </row>
    <row r="757556" spans="14:14">
      <c r="N757556" s="10"/>
    </row>
    <row r="757557" spans="14:14">
      <c r="N757557" s="10"/>
    </row>
    <row r="757558" spans="14:14">
      <c r="N757558" s="10"/>
    </row>
    <row r="757559" spans="14:14">
      <c r="N757559" s="10"/>
    </row>
    <row r="757560" spans="14:14">
      <c r="N757560" s="10"/>
    </row>
    <row r="757561" spans="14:14">
      <c r="N757561" s="10"/>
    </row>
    <row r="757562" spans="14:14">
      <c r="N757562" s="10"/>
    </row>
    <row r="757563" spans="14:14">
      <c r="N757563" s="10"/>
    </row>
    <row r="757564" spans="14:14">
      <c r="N757564" s="10"/>
    </row>
    <row r="757565" spans="14:14">
      <c r="N757565" s="10"/>
    </row>
    <row r="757566" spans="14:14">
      <c r="N757566" s="10"/>
    </row>
    <row r="757567" spans="14:14">
      <c r="N757567" s="10"/>
    </row>
    <row r="757568" spans="14:14">
      <c r="N757568" s="10"/>
    </row>
    <row r="757569" spans="14:14">
      <c r="N757569" s="10"/>
    </row>
    <row r="757570" spans="14:14">
      <c r="N757570" s="10"/>
    </row>
    <row r="757571" spans="14:14">
      <c r="N757571" s="10"/>
    </row>
    <row r="757572" spans="14:14">
      <c r="N757572" s="10"/>
    </row>
    <row r="757573" spans="14:14">
      <c r="N757573" s="10"/>
    </row>
    <row r="757574" spans="14:14">
      <c r="N757574" s="10"/>
    </row>
    <row r="757575" spans="14:14">
      <c r="N757575" s="10"/>
    </row>
    <row r="757576" spans="14:14">
      <c r="N757576" s="10"/>
    </row>
    <row r="757577" spans="14:14">
      <c r="N757577" s="10"/>
    </row>
    <row r="757578" spans="14:14">
      <c r="N757578" s="10"/>
    </row>
    <row r="757579" spans="14:14">
      <c r="N757579" s="10"/>
    </row>
    <row r="757580" spans="14:14">
      <c r="N757580" s="10"/>
    </row>
    <row r="757581" spans="14:14">
      <c r="N757581" s="10"/>
    </row>
    <row r="757582" spans="14:14">
      <c r="N757582" s="10"/>
    </row>
    <row r="757583" spans="14:14">
      <c r="N757583" s="10"/>
    </row>
    <row r="757584" spans="14:14">
      <c r="N757584" s="10"/>
    </row>
    <row r="757585" spans="14:14">
      <c r="N757585" s="10"/>
    </row>
    <row r="757586" spans="14:14">
      <c r="N757586" s="10"/>
    </row>
    <row r="757587" spans="14:14">
      <c r="N757587" s="10"/>
    </row>
    <row r="757588" spans="14:14">
      <c r="N757588" s="10"/>
    </row>
    <row r="757589" spans="14:14">
      <c r="N757589" s="10"/>
    </row>
    <row r="757590" spans="14:14">
      <c r="N757590" s="10"/>
    </row>
    <row r="757591" spans="14:14">
      <c r="N757591" s="10"/>
    </row>
    <row r="757592" spans="14:14">
      <c r="N757592" s="10"/>
    </row>
    <row r="757593" spans="14:14">
      <c r="N757593" s="10"/>
    </row>
    <row r="757594" spans="14:14">
      <c r="N757594" s="10"/>
    </row>
    <row r="757595" spans="14:14">
      <c r="N757595" s="10"/>
    </row>
    <row r="757596" spans="14:14">
      <c r="N757596" s="10"/>
    </row>
    <row r="757597" spans="14:14">
      <c r="N757597" s="10"/>
    </row>
    <row r="757598" spans="14:14">
      <c r="N757598" s="10"/>
    </row>
    <row r="757599" spans="14:14">
      <c r="N757599" s="10"/>
    </row>
    <row r="757600" spans="14:14">
      <c r="N757600" s="10"/>
    </row>
    <row r="757601" spans="14:14">
      <c r="N757601" s="10"/>
    </row>
    <row r="757602" spans="14:14">
      <c r="N757602" s="10"/>
    </row>
    <row r="757603" spans="14:14">
      <c r="N757603" s="10"/>
    </row>
    <row r="757604" spans="14:14">
      <c r="N757604" s="10"/>
    </row>
    <row r="757605" spans="14:14">
      <c r="N757605" s="10"/>
    </row>
    <row r="757606" spans="14:14">
      <c r="N757606" s="10"/>
    </row>
    <row r="757607" spans="14:14">
      <c r="N757607" s="10"/>
    </row>
    <row r="757608" spans="14:14">
      <c r="N757608" s="10"/>
    </row>
    <row r="757609" spans="14:14">
      <c r="N757609" s="10"/>
    </row>
    <row r="757610" spans="14:14">
      <c r="N757610" s="10"/>
    </row>
    <row r="757611" spans="14:14">
      <c r="N757611" s="10"/>
    </row>
    <row r="757612" spans="14:14">
      <c r="N757612" s="10"/>
    </row>
    <row r="757613" spans="14:14">
      <c r="N757613" s="10"/>
    </row>
    <row r="757614" spans="14:14">
      <c r="N757614" s="10"/>
    </row>
    <row r="757615" spans="14:14">
      <c r="N757615" s="10"/>
    </row>
    <row r="757616" spans="14:14">
      <c r="N757616" s="10"/>
    </row>
    <row r="757617" spans="14:14">
      <c r="N757617" s="10"/>
    </row>
    <row r="757618" spans="14:14">
      <c r="N757618" s="10"/>
    </row>
    <row r="757619" spans="14:14">
      <c r="N757619" s="10"/>
    </row>
    <row r="757620" spans="14:14">
      <c r="N757620" s="10"/>
    </row>
    <row r="757621" spans="14:14">
      <c r="N757621" s="10"/>
    </row>
    <row r="757622" spans="14:14">
      <c r="N757622" s="10"/>
    </row>
    <row r="757623" spans="14:14">
      <c r="N757623" s="10"/>
    </row>
    <row r="757624" spans="14:14">
      <c r="N757624" s="10"/>
    </row>
    <row r="757625" spans="14:14">
      <c r="N757625" s="10"/>
    </row>
    <row r="757626" spans="14:14">
      <c r="N757626" s="10"/>
    </row>
    <row r="757627" spans="14:14">
      <c r="N757627" s="10"/>
    </row>
    <row r="757628" spans="14:14">
      <c r="N757628" s="10"/>
    </row>
    <row r="757629" spans="14:14">
      <c r="N757629" s="10"/>
    </row>
    <row r="757630" spans="14:14">
      <c r="N757630" s="10"/>
    </row>
    <row r="757631" spans="14:14">
      <c r="N757631" s="10"/>
    </row>
    <row r="757632" spans="14:14">
      <c r="N757632" s="10"/>
    </row>
    <row r="757633" spans="14:14">
      <c r="N757633" s="10"/>
    </row>
    <row r="757634" spans="14:14">
      <c r="N757634" s="10"/>
    </row>
    <row r="757635" spans="14:14">
      <c r="N757635" s="10"/>
    </row>
    <row r="757636" spans="14:14">
      <c r="N757636" s="10"/>
    </row>
    <row r="757637" spans="14:14">
      <c r="N757637" s="10"/>
    </row>
    <row r="757638" spans="14:14">
      <c r="N757638" s="10"/>
    </row>
    <row r="757639" spans="14:14">
      <c r="N757639" s="10"/>
    </row>
    <row r="757640" spans="14:14">
      <c r="N757640" s="10"/>
    </row>
    <row r="757641" spans="14:14">
      <c r="N757641" s="10"/>
    </row>
    <row r="757642" spans="14:14">
      <c r="N757642" s="10"/>
    </row>
    <row r="757643" spans="14:14">
      <c r="N757643" s="10"/>
    </row>
    <row r="757644" spans="14:14">
      <c r="N757644" s="10"/>
    </row>
    <row r="757645" spans="14:14">
      <c r="N757645" s="10"/>
    </row>
    <row r="757646" spans="14:14">
      <c r="N757646" s="10"/>
    </row>
    <row r="757647" spans="14:14">
      <c r="N757647" s="10"/>
    </row>
    <row r="757648" spans="14:14">
      <c r="N757648" s="10"/>
    </row>
    <row r="757649" spans="14:14">
      <c r="N757649" s="10"/>
    </row>
    <row r="757650" spans="14:14">
      <c r="N757650" s="10"/>
    </row>
    <row r="757651" spans="14:14">
      <c r="N757651" s="10"/>
    </row>
    <row r="757652" spans="14:14">
      <c r="N757652" s="10"/>
    </row>
    <row r="757653" spans="14:14">
      <c r="N757653" s="10"/>
    </row>
    <row r="757654" spans="14:14">
      <c r="N757654" s="10"/>
    </row>
    <row r="757655" spans="14:14">
      <c r="N757655" s="10"/>
    </row>
    <row r="757656" spans="14:14">
      <c r="N757656" s="10"/>
    </row>
    <row r="757657" spans="14:14">
      <c r="N757657" s="10"/>
    </row>
    <row r="757658" spans="14:14">
      <c r="N757658" s="10"/>
    </row>
    <row r="757659" spans="14:14">
      <c r="N757659" s="10"/>
    </row>
    <row r="757660" spans="14:14">
      <c r="N757660" s="10"/>
    </row>
    <row r="757661" spans="14:14">
      <c r="N757661" s="10"/>
    </row>
    <row r="757662" spans="14:14">
      <c r="N757662" s="10"/>
    </row>
    <row r="757663" spans="14:14">
      <c r="N757663" s="10"/>
    </row>
    <row r="757664" spans="14:14">
      <c r="N757664" s="10"/>
    </row>
    <row r="757665" spans="14:14">
      <c r="N757665" s="10"/>
    </row>
    <row r="757666" spans="14:14">
      <c r="N757666" s="10"/>
    </row>
    <row r="757667" spans="14:14">
      <c r="N757667" s="10"/>
    </row>
    <row r="757668" spans="14:14">
      <c r="N757668" s="10"/>
    </row>
    <row r="757669" spans="14:14">
      <c r="N757669" s="10"/>
    </row>
    <row r="757670" spans="14:14">
      <c r="N757670" s="10"/>
    </row>
    <row r="757671" spans="14:14">
      <c r="N757671" s="10"/>
    </row>
    <row r="757672" spans="14:14">
      <c r="N757672" s="10"/>
    </row>
    <row r="757673" spans="14:14">
      <c r="N757673" s="10"/>
    </row>
    <row r="757674" spans="14:14">
      <c r="N757674" s="10"/>
    </row>
    <row r="757675" spans="14:14">
      <c r="N757675" s="10"/>
    </row>
    <row r="757676" spans="14:14">
      <c r="N757676" s="10"/>
    </row>
    <row r="757677" spans="14:14">
      <c r="N757677" s="10"/>
    </row>
    <row r="757678" spans="14:14">
      <c r="N757678" s="10"/>
    </row>
    <row r="757679" spans="14:14">
      <c r="N757679" s="10"/>
    </row>
    <row r="757680" spans="14:14">
      <c r="N757680" s="10"/>
    </row>
    <row r="757681" spans="14:14">
      <c r="N757681" s="10"/>
    </row>
    <row r="757682" spans="14:14">
      <c r="N757682" s="10"/>
    </row>
    <row r="757683" spans="14:14">
      <c r="N757683" s="10"/>
    </row>
    <row r="757684" spans="14:14">
      <c r="N757684" s="10"/>
    </row>
    <row r="757685" spans="14:14">
      <c r="N757685" s="10"/>
    </row>
    <row r="757686" spans="14:14">
      <c r="N757686" s="10"/>
    </row>
    <row r="757687" spans="14:14">
      <c r="N757687" s="10"/>
    </row>
    <row r="757688" spans="14:14">
      <c r="N757688" s="10"/>
    </row>
    <row r="757689" spans="14:14">
      <c r="N757689" s="10"/>
    </row>
    <row r="757690" spans="14:14">
      <c r="N757690" s="10"/>
    </row>
    <row r="757691" spans="14:14">
      <c r="N757691" s="10"/>
    </row>
    <row r="757692" spans="14:14">
      <c r="N757692" s="10"/>
    </row>
    <row r="757693" spans="14:14">
      <c r="N757693" s="10"/>
    </row>
    <row r="757694" spans="14:14">
      <c r="N757694" s="10"/>
    </row>
    <row r="757695" spans="14:14">
      <c r="N757695" s="10"/>
    </row>
    <row r="757696" spans="14:14">
      <c r="N757696" s="10"/>
    </row>
    <row r="757697" spans="14:14">
      <c r="N757697" s="10"/>
    </row>
    <row r="757698" spans="14:14">
      <c r="N757698" s="10"/>
    </row>
    <row r="757699" spans="14:14">
      <c r="N757699" s="10"/>
    </row>
    <row r="757700" spans="14:14">
      <c r="N757700" s="10"/>
    </row>
    <row r="757701" spans="14:14">
      <c r="N757701" s="10"/>
    </row>
    <row r="757702" spans="14:14">
      <c r="N757702" s="10"/>
    </row>
    <row r="757703" spans="14:14">
      <c r="N757703" s="10"/>
    </row>
    <row r="757704" spans="14:14">
      <c r="N757704" s="10"/>
    </row>
    <row r="757705" spans="14:14">
      <c r="N757705" s="10"/>
    </row>
    <row r="757706" spans="14:14">
      <c r="N757706" s="10"/>
    </row>
    <row r="757707" spans="14:14">
      <c r="N757707" s="10"/>
    </row>
    <row r="757708" spans="14:14">
      <c r="N757708" s="10"/>
    </row>
    <row r="757709" spans="14:14">
      <c r="N757709" s="10"/>
    </row>
    <row r="757710" spans="14:14">
      <c r="N757710" s="10"/>
    </row>
    <row r="757711" spans="14:14">
      <c r="N757711" s="10"/>
    </row>
    <row r="757712" spans="14:14">
      <c r="N757712" s="10"/>
    </row>
    <row r="757713" spans="14:14">
      <c r="N757713" s="10"/>
    </row>
    <row r="757714" spans="14:14">
      <c r="N757714" s="10"/>
    </row>
    <row r="757715" spans="14:14">
      <c r="N757715" s="10"/>
    </row>
    <row r="757716" spans="14:14">
      <c r="N757716" s="10"/>
    </row>
    <row r="757717" spans="14:14">
      <c r="N757717" s="10"/>
    </row>
    <row r="757718" spans="14:14">
      <c r="N757718" s="10"/>
    </row>
    <row r="757719" spans="14:14">
      <c r="N757719" s="10"/>
    </row>
    <row r="757720" spans="14:14">
      <c r="N757720" s="10"/>
    </row>
    <row r="757721" spans="14:14">
      <c r="N757721" s="10"/>
    </row>
    <row r="757722" spans="14:14">
      <c r="N757722" s="10"/>
    </row>
    <row r="757723" spans="14:14">
      <c r="N757723" s="10"/>
    </row>
    <row r="757724" spans="14:14">
      <c r="N757724" s="10"/>
    </row>
    <row r="757725" spans="14:14">
      <c r="N757725" s="10"/>
    </row>
    <row r="757726" spans="14:14">
      <c r="N757726" s="10"/>
    </row>
    <row r="757727" spans="14:14">
      <c r="N757727" s="10"/>
    </row>
    <row r="757728" spans="14:14">
      <c r="N757728" s="10"/>
    </row>
    <row r="757729" spans="14:14">
      <c r="N757729" s="10"/>
    </row>
    <row r="757730" spans="14:14">
      <c r="N757730" s="10"/>
    </row>
    <row r="757731" spans="14:14">
      <c r="N757731" s="10"/>
    </row>
    <row r="757732" spans="14:14">
      <c r="N757732" s="10"/>
    </row>
    <row r="757733" spans="14:14">
      <c r="N757733" s="10"/>
    </row>
    <row r="757734" spans="14:14">
      <c r="N757734" s="10"/>
    </row>
    <row r="757735" spans="14:14">
      <c r="N757735" s="10"/>
    </row>
    <row r="757736" spans="14:14">
      <c r="N757736" s="10"/>
    </row>
    <row r="757737" spans="14:14">
      <c r="N757737" s="10"/>
    </row>
    <row r="757738" spans="14:14">
      <c r="N757738" s="10"/>
    </row>
    <row r="757739" spans="14:14">
      <c r="N757739" s="10"/>
    </row>
    <row r="757740" spans="14:14">
      <c r="N757740" s="10"/>
    </row>
    <row r="757741" spans="14:14">
      <c r="N757741" s="10"/>
    </row>
    <row r="757742" spans="14:14">
      <c r="N757742" s="10"/>
    </row>
    <row r="757743" spans="14:14">
      <c r="N757743" s="10"/>
    </row>
    <row r="757744" spans="14:14">
      <c r="N757744" s="10"/>
    </row>
    <row r="757745" spans="14:14">
      <c r="N757745" s="10"/>
    </row>
    <row r="757746" spans="14:14">
      <c r="N757746" s="10"/>
    </row>
    <row r="757747" spans="14:14">
      <c r="N757747" s="10"/>
    </row>
    <row r="757748" spans="14:14">
      <c r="N757748" s="10"/>
    </row>
    <row r="757749" spans="14:14">
      <c r="N757749" s="10"/>
    </row>
    <row r="757750" spans="14:14">
      <c r="N757750" s="10"/>
    </row>
    <row r="757751" spans="14:14">
      <c r="N757751" s="10"/>
    </row>
    <row r="757752" spans="14:14">
      <c r="N757752" s="10"/>
    </row>
    <row r="757753" spans="14:14">
      <c r="N757753" s="10"/>
    </row>
    <row r="757754" spans="14:14">
      <c r="N757754" s="10"/>
    </row>
    <row r="757755" spans="14:14">
      <c r="N757755" s="10"/>
    </row>
    <row r="757756" spans="14:14">
      <c r="N757756" s="10"/>
    </row>
    <row r="757757" spans="14:14">
      <c r="N757757" s="10"/>
    </row>
    <row r="757758" spans="14:14">
      <c r="N757758" s="10"/>
    </row>
    <row r="757759" spans="14:14">
      <c r="N757759" s="10"/>
    </row>
    <row r="757760" spans="14:14">
      <c r="N757760" s="10"/>
    </row>
    <row r="757761" spans="14:14">
      <c r="N757761" s="10"/>
    </row>
    <row r="757762" spans="14:14">
      <c r="N757762" s="10"/>
    </row>
    <row r="757763" spans="14:14">
      <c r="N757763" s="10"/>
    </row>
    <row r="757764" spans="14:14">
      <c r="N757764" s="10"/>
    </row>
    <row r="757765" spans="14:14">
      <c r="N757765" s="10"/>
    </row>
    <row r="757766" spans="14:14">
      <c r="N757766" s="10"/>
    </row>
    <row r="757767" spans="14:14">
      <c r="N757767" s="10"/>
    </row>
    <row r="757768" spans="14:14">
      <c r="N757768" s="10"/>
    </row>
    <row r="757769" spans="14:14">
      <c r="N757769" s="10"/>
    </row>
    <row r="757770" spans="14:14">
      <c r="N757770" s="10"/>
    </row>
    <row r="757771" spans="14:14">
      <c r="N757771" s="10"/>
    </row>
    <row r="757772" spans="14:14">
      <c r="N757772" s="10"/>
    </row>
    <row r="757773" spans="14:14">
      <c r="N757773" s="10"/>
    </row>
    <row r="757774" spans="14:14">
      <c r="N757774" s="10"/>
    </row>
    <row r="757775" spans="14:14">
      <c r="N757775" s="10"/>
    </row>
    <row r="757776" spans="14:14">
      <c r="N757776" s="10"/>
    </row>
    <row r="757777" spans="14:14">
      <c r="N757777" s="10"/>
    </row>
    <row r="757778" spans="14:14">
      <c r="N757778" s="10"/>
    </row>
    <row r="757779" spans="14:14">
      <c r="N757779" s="10"/>
    </row>
    <row r="757780" spans="14:14">
      <c r="N757780" s="10"/>
    </row>
    <row r="757781" spans="14:14">
      <c r="N757781" s="10"/>
    </row>
    <row r="757782" spans="14:14">
      <c r="N757782" s="10"/>
    </row>
    <row r="757783" spans="14:14">
      <c r="N757783" s="10"/>
    </row>
    <row r="757784" spans="14:14">
      <c r="N757784" s="10"/>
    </row>
    <row r="757785" spans="14:14">
      <c r="N757785" s="10"/>
    </row>
    <row r="757786" spans="14:14">
      <c r="N757786" s="10"/>
    </row>
    <row r="757787" spans="14:14">
      <c r="N757787" s="10"/>
    </row>
    <row r="757788" spans="14:14">
      <c r="N757788" s="10"/>
    </row>
    <row r="757789" spans="14:14">
      <c r="N757789" s="10"/>
    </row>
    <row r="757790" spans="14:14">
      <c r="N757790" s="10"/>
    </row>
    <row r="757791" spans="14:14">
      <c r="N757791" s="10"/>
    </row>
    <row r="757792" spans="14:14">
      <c r="N757792" s="10"/>
    </row>
    <row r="757793" spans="14:14">
      <c r="N757793" s="10"/>
    </row>
    <row r="757794" spans="14:14">
      <c r="N757794" s="10"/>
    </row>
    <row r="757795" spans="14:14">
      <c r="N757795" s="10"/>
    </row>
    <row r="757796" spans="14:14">
      <c r="N757796" s="10"/>
    </row>
    <row r="757797" spans="14:14">
      <c r="N757797" s="10"/>
    </row>
    <row r="757798" spans="14:14">
      <c r="N757798" s="10"/>
    </row>
    <row r="757799" spans="14:14">
      <c r="N757799" s="10"/>
    </row>
    <row r="757800" spans="14:14">
      <c r="N757800" s="10"/>
    </row>
    <row r="757801" spans="14:14">
      <c r="N757801" s="10"/>
    </row>
    <row r="757802" spans="14:14">
      <c r="N757802" s="10"/>
    </row>
    <row r="757803" spans="14:14">
      <c r="N757803" s="10"/>
    </row>
    <row r="757804" spans="14:14">
      <c r="N757804" s="10"/>
    </row>
    <row r="757805" spans="14:14">
      <c r="N757805" s="10"/>
    </row>
    <row r="757806" spans="14:14">
      <c r="N757806" s="10"/>
    </row>
    <row r="757807" spans="14:14">
      <c r="N757807" s="10"/>
    </row>
    <row r="757808" spans="14:14">
      <c r="N757808" s="10"/>
    </row>
    <row r="757809" spans="14:14">
      <c r="N757809" s="10"/>
    </row>
    <row r="757810" spans="14:14">
      <c r="N757810" s="10"/>
    </row>
    <row r="757811" spans="14:14">
      <c r="N757811" s="10"/>
    </row>
    <row r="757812" spans="14:14">
      <c r="N757812" s="10"/>
    </row>
    <row r="757813" spans="14:14">
      <c r="N757813" s="10"/>
    </row>
    <row r="757814" spans="14:14">
      <c r="N757814" s="10"/>
    </row>
    <row r="757815" spans="14:14">
      <c r="N757815" s="10"/>
    </row>
    <row r="757816" spans="14:14">
      <c r="N757816" s="10"/>
    </row>
    <row r="757817" spans="14:14">
      <c r="N757817" s="10"/>
    </row>
    <row r="757818" spans="14:14">
      <c r="N757818" s="10"/>
    </row>
    <row r="757819" spans="14:14">
      <c r="N757819" s="10"/>
    </row>
    <row r="757820" spans="14:14">
      <c r="N757820" s="10"/>
    </row>
    <row r="757821" spans="14:14">
      <c r="N757821" s="10"/>
    </row>
    <row r="757822" spans="14:14">
      <c r="N757822" s="10"/>
    </row>
    <row r="757823" spans="14:14">
      <c r="N757823" s="10"/>
    </row>
    <row r="757824" spans="14:14">
      <c r="N757824" s="10"/>
    </row>
    <row r="757825" spans="14:14">
      <c r="N757825" s="10"/>
    </row>
    <row r="757826" spans="14:14">
      <c r="N757826" s="10"/>
    </row>
    <row r="757827" spans="14:14">
      <c r="N757827" s="10"/>
    </row>
    <row r="757828" spans="14:14">
      <c r="N757828" s="10"/>
    </row>
    <row r="757829" spans="14:14">
      <c r="N757829" s="10"/>
    </row>
    <row r="757830" spans="14:14">
      <c r="N757830" s="10"/>
    </row>
    <row r="757831" spans="14:14">
      <c r="N757831" s="10"/>
    </row>
    <row r="757832" spans="14:14">
      <c r="N757832" s="10"/>
    </row>
    <row r="757833" spans="14:14">
      <c r="N757833" s="10"/>
    </row>
    <row r="757834" spans="14:14">
      <c r="N757834" s="10"/>
    </row>
    <row r="757835" spans="14:14">
      <c r="N757835" s="10"/>
    </row>
    <row r="757836" spans="14:14">
      <c r="N757836" s="10"/>
    </row>
    <row r="757837" spans="14:14">
      <c r="N757837" s="10"/>
    </row>
    <row r="757838" spans="14:14">
      <c r="N757838" s="10"/>
    </row>
    <row r="757839" spans="14:14">
      <c r="N757839" s="10"/>
    </row>
    <row r="757840" spans="14:14">
      <c r="N757840" s="10"/>
    </row>
    <row r="757841" spans="14:14">
      <c r="N757841" s="10"/>
    </row>
    <row r="757842" spans="14:14">
      <c r="N757842" s="10"/>
    </row>
    <row r="757843" spans="14:14">
      <c r="N757843" s="10"/>
    </row>
    <row r="757844" spans="14:14">
      <c r="N757844" s="10"/>
    </row>
    <row r="757845" spans="14:14">
      <c r="N757845" s="10"/>
    </row>
    <row r="757846" spans="14:14">
      <c r="N757846" s="10"/>
    </row>
    <row r="757847" spans="14:14">
      <c r="N757847" s="10"/>
    </row>
    <row r="757848" spans="14:14">
      <c r="N757848" s="10"/>
    </row>
    <row r="757849" spans="14:14">
      <c r="N757849" s="10"/>
    </row>
    <row r="757850" spans="14:14">
      <c r="N757850" s="10"/>
    </row>
    <row r="757851" spans="14:14">
      <c r="N757851" s="10"/>
    </row>
    <row r="757852" spans="14:14">
      <c r="N757852" s="10"/>
    </row>
    <row r="757853" spans="14:14">
      <c r="N757853" s="10"/>
    </row>
    <row r="757854" spans="14:14">
      <c r="N757854" s="10"/>
    </row>
    <row r="757855" spans="14:14">
      <c r="N757855" s="10"/>
    </row>
    <row r="757856" spans="14:14">
      <c r="N757856" s="10"/>
    </row>
    <row r="757857" spans="14:14">
      <c r="N757857" s="10"/>
    </row>
    <row r="757858" spans="14:14">
      <c r="N757858" s="10"/>
    </row>
    <row r="757859" spans="14:14">
      <c r="N757859" s="10"/>
    </row>
    <row r="757860" spans="14:14">
      <c r="N757860" s="10"/>
    </row>
    <row r="757861" spans="14:14">
      <c r="N757861" s="10"/>
    </row>
    <row r="757862" spans="14:14">
      <c r="N757862" s="10"/>
    </row>
    <row r="757863" spans="14:14">
      <c r="N757863" s="10"/>
    </row>
    <row r="757864" spans="14:14">
      <c r="N757864" s="10"/>
    </row>
    <row r="757865" spans="14:14">
      <c r="N757865" s="10"/>
    </row>
    <row r="757866" spans="14:14">
      <c r="N757866" s="10"/>
    </row>
    <row r="757867" spans="14:14">
      <c r="N757867" s="10"/>
    </row>
    <row r="757868" spans="14:14">
      <c r="N757868" s="10"/>
    </row>
    <row r="757869" spans="14:14">
      <c r="N757869" s="10"/>
    </row>
    <row r="757870" spans="14:14">
      <c r="N757870" s="10"/>
    </row>
    <row r="757871" spans="14:14">
      <c r="N757871" s="10"/>
    </row>
    <row r="757872" spans="14:14">
      <c r="N757872" s="10"/>
    </row>
    <row r="757873" spans="14:14">
      <c r="N757873" s="10"/>
    </row>
    <row r="757874" spans="14:14">
      <c r="N757874" s="10"/>
    </row>
    <row r="757875" spans="14:14">
      <c r="N757875" s="10"/>
    </row>
    <row r="757876" spans="14:14">
      <c r="N757876" s="10"/>
    </row>
    <row r="757877" spans="14:14">
      <c r="N757877" s="10"/>
    </row>
    <row r="757878" spans="14:14">
      <c r="N757878" s="10"/>
    </row>
    <row r="757879" spans="14:14">
      <c r="N757879" s="10"/>
    </row>
    <row r="757880" spans="14:14">
      <c r="N757880" s="10"/>
    </row>
    <row r="757881" spans="14:14">
      <c r="N757881" s="10"/>
    </row>
    <row r="757882" spans="14:14">
      <c r="N757882" s="10"/>
    </row>
    <row r="757883" spans="14:14">
      <c r="N757883" s="10"/>
    </row>
    <row r="757884" spans="14:14">
      <c r="N757884" s="10"/>
    </row>
    <row r="757885" spans="14:14">
      <c r="N757885" s="10"/>
    </row>
    <row r="757886" spans="14:14">
      <c r="N757886" s="10"/>
    </row>
    <row r="757887" spans="14:14">
      <c r="N757887" s="10"/>
    </row>
    <row r="757888" spans="14:14">
      <c r="N757888" s="10"/>
    </row>
    <row r="757889" spans="14:14">
      <c r="N757889" s="10"/>
    </row>
    <row r="757890" spans="14:14">
      <c r="N757890" s="10"/>
    </row>
    <row r="757891" spans="14:14">
      <c r="N757891" s="10"/>
    </row>
    <row r="757892" spans="14:14">
      <c r="N757892" s="10"/>
    </row>
    <row r="757893" spans="14:14">
      <c r="N757893" s="10"/>
    </row>
    <row r="757894" spans="14:14">
      <c r="N757894" s="10"/>
    </row>
    <row r="757895" spans="14:14">
      <c r="N757895" s="10"/>
    </row>
    <row r="757896" spans="14:14">
      <c r="N757896" s="10"/>
    </row>
    <row r="757897" spans="14:14">
      <c r="N757897" s="10"/>
    </row>
    <row r="757898" spans="14:14">
      <c r="N757898" s="10"/>
    </row>
    <row r="757899" spans="14:14">
      <c r="N757899" s="10"/>
    </row>
    <row r="757900" spans="14:14">
      <c r="N757900" s="10"/>
    </row>
    <row r="757901" spans="14:14">
      <c r="N757901" s="10"/>
    </row>
    <row r="757902" spans="14:14">
      <c r="N757902" s="10"/>
    </row>
    <row r="757903" spans="14:14">
      <c r="N757903" s="10"/>
    </row>
    <row r="757904" spans="14:14">
      <c r="N757904" s="10"/>
    </row>
    <row r="757905" spans="14:14">
      <c r="N757905" s="10"/>
    </row>
    <row r="757906" spans="14:14">
      <c r="N757906" s="10"/>
    </row>
    <row r="757907" spans="14:14">
      <c r="N757907" s="10"/>
    </row>
    <row r="757908" spans="14:14">
      <c r="N757908" s="10"/>
    </row>
    <row r="757909" spans="14:14">
      <c r="N757909" s="10"/>
    </row>
    <row r="757910" spans="14:14">
      <c r="N757910" s="10"/>
    </row>
    <row r="757911" spans="14:14">
      <c r="N757911" s="10"/>
    </row>
    <row r="757912" spans="14:14">
      <c r="N757912" s="10"/>
    </row>
    <row r="757913" spans="14:14">
      <c r="N757913" s="10"/>
    </row>
    <row r="757914" spans="14:14">
      <c r="N757914" s="10"/>
    </row>
    <row r="757915" spans="14:14">
      <c r="N757915" s="10"/>
    </row>
    <row r="757916" spans="14:14">
      <c r="N757916" s="10"/>
    </row>
    <row r="757917" spans="14:14">
      <c r="N757917" s="10"/>
    </row>
    <row r="757918" spans="14:14">
      <c r="N757918" s="10"/>
    </row>
    <row r="757919" spans="14:14">
      <c r="N757919" s="10"/>
    </row>
    <row r="757920" spans="14:14">
      <c r="N757920" s="10"/>
    </row>
    <row r="757921" spans="14:14">
      <c r="N757921" s="10"/>
    </row>
    <row r="757922" spans="14:14">
      <c r="N757922" s="10"/>
    </row>
    <row r="757923" spans="14:14">
      <c r="N757923" s="10"/>
    </row>
    <row r="757924" spans="14:14">
      <c r="N757924" s="10"/>
    </row>
    <row r="757925" spans="14:14">
      <c r="N757925" s="10"/>
    </row>
    <row r="757926" spans="14:14">
      <c r="N757926" s="10"/>
    </row>
    <row r="757927" spans="14:14">
      <c r="N757927" s="10"/>
    </row>
    <row r="757928" spans="14:14">
      <c r="N757928" s="10"/>
    </row>
    <row r="757929" spans="14:14">
      <c r="N757929" s="10"/>
    </row>
    <row r="757930" spans="14:14">
      <c r="N757930" s="10"/>
    </row>
    <row r="757931" spans="14:14">
      <c r="N757931" s="10"/>
    </row>
    <row r="757932" spans="14:14">
      <c r="N757932" s="10"/>
    </row>
    <row r="757933" spans="14:14">
      <c r="N757933" s="10"/>
    </row>
    <row r="757934" spans="14:14">
      <c r="N757934" s="10"/>
    </row>
    <row r="757935" spans="14:14">
      <c r="N757935" s="10"/>
    </row>
    <row r="757936" spans="14:14">
      <c r="N757936" s="10"/>
    </row>
    <row r="757937" spans="14:14">
      <c r="N757937" s="10"/>
    </row>
    <row r="757938" spans="14:14">
      <c r="N757938" s="10"/>
    </row>
    <row r="757939" spans="14:14">
      <c r="N757939" s="10"/>
    </row>
    <row r="757940" spans="14:14">
      <c r="N757940" s="10"/>
    </row>
    <row r="757941" spans="14:14">
      <c r="N757941" s="10"/>
    </row>
    <row r="757942" spans="14:14">
      <c r="N757942" s="10"/>
    </row>
    <row r="757943" spans="14:14">
      <c r="N757943" s="10"/>
    </row>
    <row r="757944" spans="14:14">
      <c r="N757944" s="10"/>
    </row>
    <row r="757945" spans="14:14">
      <c r="N757945" s="10"/>
    </row>
    <row r="757946" spans="14:14">
      <c r="N757946" s="10"/>
    </row>
    <row r="757947" spans="14:14">
      <c r="N757947" s="10"/>
    </row>
    <row r="757948" spans="14:14">
      <c r="N757948" s="10"/>
    </row>
    <row r="757949" spans="14:14">
      <c r="N757949" s="10"/>
    </row>
    <row r="757950" spans="14:14">
      <c r="N757950" s="10"/>
    </row>
    <row r="757951" spans="14:14">
      <c r="N757951" s="10"/>
    </row>
    <row r="757952" spans="14:14">
      <c r="N757952" s="10"/>
    </row>
    <row r="757953" spans="14:14">
      <c r="N757953" s="10"/>
    </row>
    <row r="757954" spans="14:14">
      <c r="N757954" s="10"/>
    </row>
    <row r="757955" spans="14:14">
      <c r="N757955" s="10"/>
    </row>
    <row r="757956" spans="14:14">
      <c r="N757956" s="10"/>
    </row>
    <row r="757957" spans="14:14">
      <c r="N757957" s="10"/>
    </row>
    <row r="757958" spans="14:14">
      <c r="N757958" s="10"/>
    </row>
    <row r="757959" spans="14:14">
      <c r="N757959" s="10"/>
    </row>
    <row r="757960" spans="14:14">
      <c r="N757960" s="10"/>
    </row>
    <row r="757961" spans="14:14">
      <c r="N757961" s="10"/>
    </row>
    <row r="757962" spans="14:14">
      <c r="N757962" s="10"/>
    </row>
    <row r="757963" spans="14:14">
      <c r="N757963" s="10"/>
    </row>
    <row r="757964" spans="14:14">
      <c r="N757964" s="10"/>
    </row>
    <row r="757965" spans="14:14">
      <c r="N757965" s="10"/>
    </row>
    <row r="757966" spans="14:14">
      <c r="N757966" s="10"/>
    </row>
    <row r="757967" spans="14:14">
      <c r="N757967" s="10"/>
    </row>
    <row r="757968" spans="14:14">
      <c r="N757968" s="10"/>
    </row>
    <row r="757969" spans="14:14">
      <c r="N757969" s="10"/>
    </row>
    <row r="757970" spans="14:14">
      <c r="N757970" s="10"/>
    </row>
    <row r="757971" spans="14:14">
      <c r="N757971" s="10"/>
    </row>
    <row r="757972" spans="14:14">
      <c r="N757972" s="10"/>
    </row>
    <row r="757973" spans="14:14">
      <c r="N757973" s="10"/>
    </row>
    <row r="757974" spans="14:14">
      <c r="N757974" s="10"/>
    </row>
    <row r="757975" spans="14:14">
      <c r="N757975" s="10"/>
    </row>
    <row r="757976" spans="14:14">
      <c r="N757976" s="10"/>
    </row>
    <row r="757977" spans="14:14">
      <c r="N757977" s="10"/>
    </row>
    <row r="757978" spans="14:14">
      <c r="N757978" s="10"/>
    </row>
    <row r="757979" spans="14:14">
      <c r="N757979" s="10"/>
    </row>
    <row r="757980" spans="14:14">
      <c r="N757980" s="10"/>
    </row>
    <row r="757981" spans="14:14">
      <c r="N757981" s="10"/>
    </row>
    <row r="757982" spans="14:14">
      <c r="N757982" s="10"/>
    </row>
    <row r="757983" spans="14:14">
      <c r="N757983" s="10"/>
    </row>
    <row r="757984" spans="14:14">
      <c r="N757984" s="10"/>
    </row>
    <row r="757985" spans="14:14">
      <c r="N757985" s="10"/>
    </row>
    <row r="757986" spans="14:14">
      <c r="N757986" s="10"/>
    </row>
    <row r="757987" spans="14:14">
      <c r="N757987" s="10"/>
    </row>
    <row r="757988" spans="14:14">
      <c r="N757988" s="10"/>
    </row>
    <row r="757989" spans="14:14">
      <c r="N757989" s="10"/>
    </row>
    <row r="757990" spans="14:14">
      <c r="N757990" s="10"/>
    </row>
    <row r="757991" spans="14:14">
      <c r="N757991" s="10"/>
    </row>
    <row r="757992" spans="14:14">
      <c r="N757992" s="10"/>
    </row>
    <row r="757993" spans="14:14">
      <c r="N757993" s="10"/>
    </row>
    <row r="757994" spans="14:14">
      <c r="N757994" s="10"/>
    </row>
    <row r="757995" spans="14:14">
      <c r="N757995" s="10"/>
    </row>
    <row r="757996" spans="14:14">
      <c r="N757996" s="10"/>
    </row>
    <row r="757997" spans="14:14">
      <c r="N757997" s="10"/>
    </row>
    <row r="757998" spans="14:14">
      <c r="N757998" s="10"/>
    </row>
    <row r="757999" spans="14:14">
      <c r="N757999" s="10"/>
    </row>
    <row r="758000" spans="14:14">
      <c r="N758000" s="10"/>
    </row>
    <row r="758001" spans="14:14">
      <c r="N758001" s="10"/>
    </row>
    <row r="758002" spans="14:14">
      <c r="N758002" s="10"/>
    </row>
    <row r="758003" spans="14:14">
      <c r="N758003" s="10"/>
    </row>
    <row r="758004" spans="14:14">
      <c r="N758004" s="10"/>
    </row>
    <row r="758005" spans="14:14">
      <c r="N758005" s="10"/>
    </row>
    <row r="758006" spans="14:14">
      <c r="N758006" s="10"/>
    </row>
    <row r="758007" spans="14:14">
      <c r="N758007" s="10"/>
    </row>
    <row r="758008" spans="14:14">
      <c r="N758008" s="10"/>
    </row>
    <row r="758009" spans="14:14">
      <c r="N758009" s="10"/>
    </row>
    <row r="758010" spans="14:14">
      <c r="N758010" s="10"/>
    </row>
    <row r="758011" spans="14:14">
      <c r="N758011" s="10"/>
    </row>
    <row r="758012" spans="14:14">
      <c r="N758012" s="10"/>
    </row>
    <row r="758013" spans="14:14">
      <c r="N758013" s="10"/>
    </row>
    <row r="758014" spans="14:14">
      <c r="N758014" s="10"/>
    </row>
    <row r="758015" spans="14:14">
      <c r="N758015" s="10"/>
    </row>
    <row r="758016" spans="14:14">
      <c r="N758016" s="10"/>
    </row>
    <row r="758017" spans="14:14">
      <c r="N758017" s="10"/>
    </row>
    <row r="758018" spans="14:14">
      <c r="N758018" s="10"/>
    </row>
    <row r="758019" spans="14:14">
      <c r="N758019" s="10"/>
    </row>
    <row r="758020" spans="14:14">
      <c r="N758020" s="10"/>
    </row>
    <row r="758021" spans="14:14">
      <c r="N758021" s="10"/>
    </row>
    <row r="758022" spans="14:14">
      <c r="N758022" s="10"/>
    </row>
    <row r="758023" spans="14:14">
      <c r="N758023" s="10"/>
    </row>
    <row r="758024" spans="14:14">
      <c r="N758024" s="10"/>
    </row>
    <row r="758025" spans="14:14">
      <c r="N758025" s="10"/>
    </row>
    <row r="758026" spans="14:14">
      <c r="N758026" s="10"/>
    </row>
    <row r="758027" spans="14:14">
      <c r="N758027" s="10"/>
    </row>
    <row r="758028" spans="14:14">
      <c r="N758028" s="10"/>
    </row>
    <row r="758029" spans="14:14">
      <c r="N758029" s="10"/>
    </row>
    <row r="758030" spans="14:14">
      <c r="N758030" s="10"/>
    </row>
    <row r="758031" spans="14:14">
      <c r="N758031" s="10"/>
    </row>
    <row r="758032" spans="14:14">
      <c r="N758032" s="10"/>
    </row>
    <row r="758033" spans="14:14">
      <c r="N758033" s="10"/>
    </row>
    <row r="758034" spans="14:14">
      <c r="N758034" s="10"/>
    </row>
    <row r="758035" spans="14:14">
      <c r="N758035" s="10"/>
    </row>
    <row r="758036" spans="14:14">
      <c r="N758036" s="10"/>
    </row>
    <row r="758037" spans="14:14">
      <c r="N758037" s="10"/>
    </row>
    <row r="758038" spans="14:14">
      <c r="N758038" s="10"/>
    </row>
    <row r="758039" spans="14:14">
      <c r="N758039" s="10"/>
    </row>
    <row r="758040" spans="14:14">
      <c r="N758040" s="10"/>
    </row>
    <row r="758041" spans="14:14">
      <c r="N758041" s="10"/>
    </row>
    <row r="758042" spans="14:14">
      <c r="N758042" s="10"/>
    </row>
    <row r="758043" spans="14:14">
      <c r="N758043" s="10"/>
    </row>
    <row r="758044" spans="14:14">
      <c r="N758044" s="10"/>
    </row>
    <row r="758045" spans="14:14">
      <c r="N758045" s="10"/>
    </row>
    <row r="758046" spans="14:14">
      <c r="N758046" s="10"/>
    </row>
    <row r="758047" spans="14:14">
      <c r="N758047" s="10"/>
    </row>
    <row r="758048" spans="14:14">
      <c r="N758048" s="10"/>
    </row>
    <row r="758049" spans="14:14">
      <c r="N758049" s="10"/>
    </row>
    <row r="758050" spans="14:14">
      <c r="N758050" s="10"/>
    </row>
    <row r="758051" spans="14:14">
      <c r="N758051" s="10"/>
    </row>
    <row r="758052" spans="14:14">
      <c r="N758052" s="10"/>
    </row>
    <row r="758053" spans="14:14">
      <c r="N758053" s="10"/>
    </row>
    <row r="758054" spans="14:14">
      <c r="N758054" s="10"/>
    </row>
    <row r="758055" spans="14:14">
      <c r="N758055" s="10"/>
    </row>
    <row r="758056" spans="14:14">
      <c r="N758056" s="10"/>
    </row>
    <row r="758057" spans="14:14">
      <c r="N758057" s="10"/>
    </row>
    <row r="758058" spans="14:14">
      <c r="N758058" s="10"/>
    </row>
    <row r="758059" spans="14:14">
      <c r="N758059" s="10"/>
    </row>
    <row r="758060" spans="14:14">
      <c r="N758060" s="10"/>
    </row>
    <row r="758061" spans="14:14">
      <c r="N758061" s="10"/>
    </row>
    <row r="758062" spans="14:14">
      <c r="N758062" s="10"/>
    </row>
    <row r="758063" spans="14:14">
      <c r="N758063" s="10"/>
    </row>
    <row r="758064" spans="14:14">
      <c r="N758064" s="10"/>
    </row>
    <row r="758065" spans="14:14">
      <c r="N758065" s="10"/>
    </row>
    <row r="758066" spans="14:14">
      <c r="N758066" s="10"/>
    </row>
    <row r="758067" spans="14:14">
      <c r="N758067" s="10"/>
    </row>
    <row r="758068" spans="14:14">
      <c r="N758068" s="10"/>
    </row>
    <row r="758069" spans="14:14">
      <c r="N758069" s="10"/>
    </row>
    <row r="758070" spans="14:14">
      <c r="N758070" s="10"/>
    </row>
    <row r="758071" spans="14:14">
      <c r="N758071" s="10"/>
    </row>
    <row r="758072" spans="14:14">
      <c r="N758072" s="10"/>
    </row>
    <row r="758073" spans="14:14">
      <c r="N758073" s="10"/>
    </row>
    <row r="758074" spans="14:14">
      <c r="N758074" s="10"/>
    </row>
    <row r="758075" spans="14:14">
      <c r="N758075" s="10"/>
    </row>
    <row r="758076" spans="14:14">
      <c r="N758076" s="10"/>
    </row>
    <row r="758077" spans="14:14">
      <c r="N758077" s="10"/>
    </row>
    <row r="758078" spans="14:14">
      <c r="N758078" s="10"/>
    </row>
    <row r="758079" spans="14:14">
      <c r="N758079" s="10"/>
    </row>
    <row r="758080" spans="14:14">
      <c r="N758080" s="10"/>
    </row>
    <row r="758081" spans="14:14">
      <c r="N758081" s="10"/>
    </row>
    <row r="758082" spans="14:14">
      <c r="N758082" s="10"/>
    </row>
    <row r="758083" spans="14:14">
      <c r="N758083" s="10"/>
    </row>
    <row r="758084" spans="14:14">
      <c r="N758084" s="10"/>
    </row>
    <row r="758085" spans="14:14">
      <c r="N758085" s="10"/>
    </row>
    <row r="758086" spans="14:14">
      <c r="N758086" s="10"/>
    </row>
    <row r="758087" spans="14:14">
      <c r="N758087" s="10"/>
    </row>
    <row r="758088" spans="14:14">
      <c r="N758088" s="10"/>
    </row>
    <row r="758089" spans="14:14">
      <c r="N758089" s="10"/>
    </row>
    <row r="758090" spans="14:14">
      <c r="N758090" s="10"/>
    </row>
    <row r="758091" spans="14:14">
      <c r="N758091" s="10"/>
    </row>
    <row r="758092" spans="14:14">
      <c r="N758092" s="10"/>
    </row>
    <row r="758093" spans="14:14">
      <c r="N758093" s="10"/>
    </row>
    <row r="758094" spans="14:14">
      <c r="N758094" s="10"/>
    </row>
    <row r="758095" spans="14:14">
      <c r="N758095" s="10"/>
    </row>
    <row r="758096" spans="14:14">
      <c r="N758096" s="10"/>
    </row>
    <row r="758097" spans="14:14">
      <c r="N758097" s="10"/>
    </row>
    <row r="758098" spans="14:14">
      <c r="N758098" s="10"/>
    </row>
    <row r="758099" spans="14:14">
      <c r="N758099" s="10"/>
    </row>
    <row r="758100" spans="14:14">
      <c r="N758100" s="10"/>
    </row>
    <row r="758101" spans="14:14">
      <c r="N758101" s="10"/>
    </row>
    <row r="758102" spans="14:14">
      <c r="N758102" s="10"/>
    </row>
    <row r="758103" spans="14:14">
      <c r="N758103" s="10"/>
    </row>
    <row r="758104" spans="14:14">
      <c r="N758104" s="10"/>
    </row>
    <row r="758105" spans="14:14">
      <c r="N758105" s="10"/>
    </row>
    <row r="758106" spans="14:14">
      <c r="N758106" s="10"/>
    </row>
    <row r="758107" spans="14:14">
      <c r="N758107" s="10"/>
    </row>
    <row r="758108" spans="14:14">
      <c r="N758108" s="10"/>
    </row>
    <row r="758109" spans="14:14">
      <c r="N758109" s="10"/>
    </row>
    <row r="758110" spans="14:14">
      <c r="N758110" s="10"/>
    </row>
    <row r="758111" spans="14:14">
      <c r="N758111" s="10"/>
    </row>
    <row r="758112" spans="14:14">
      <c r="N758112" s="10"/>
    </row>
    <row r="758113" spans="14:14">
      <c r="N758113" s="10"/>
    </row>
    <row r="758114" spans="14:14">
      <c r="N758114" s="10"/>
    </row>
    <row r="758115" spans="14:14">
      <c r="N758115" s="10"/>
    </row>
    <row r="758116" spans="14:14">
      <c r="N758116" s="10"/>
    </row>
    <row r="758117" spans="14:14">
      <c r="N758117" s="10"/>
    </row>
    <row r="758118" spans="14:14">
      <c r="N758118" s="10"/>
    </row>
    <row r="758119" spans="14:14">
      <c r="N758119" s="10"/>
    </row>
    <row r="758120" spans="14:14">
      <c r="N758120" s="10"/>
    </row>
    <row r="758121" spans="14:14">
      <c r="N758121" s="10"/>
    </row>
    <row r="758122" spans="14:14">
      <c r="N758122" s="10"/>
    </row>
    <row r="758123" spans="14:14">
      <c r="N758123" s="10"/>
    </row>
    <row r="758124" spans="14:14">
      <c r="N758124" s="10"/>
    </row>
    <row r="758125" spans="14:14">
      <c r="N758125" s="10"/>
    </row>
    <row r="758126" spans="14:14">
      <c r="N758126" s="10"/>
    </row>
    <row r="758127" spans="14:14">
      <c r="N758127" s="10"/>
    </row>
    <row r="758128" spans="14:14">
      <c r="N758128" s="10"/>
    </row>
    <row r="758129" spans="14:14">
      <c r="N758129" s="10"/>
    </row>
    <row r="758130" spans="14:14">
      <c r="N758130" s="10"/>
    </row>
    <row r="758131" spans="14:14">
      <c r="N758131" s="10"/>
    </row>
    <row r="758132" spans="14:14">
      <c r="N758132" s="10"/>
    </row>
    <row r="758133" spans="14:14">
      <c r="N758133" s="10"/>
    </row>
    <row r="758134" spans="14:14">
      <c r="N758134" s="10"/>
    </row>
    <row r="758135" spans="14:14">
      <c r="N758135" s="10"/>
    </row>
    <row r="758136" spans="14:14">
      <c r="N758136" s="10"/>
    </row>
    <row r="758137" spans="14:14">
      <c r="N758137" s="10"/>
    </row>
    <row r="758138" spans="14:14">
      <c r="N758138" s="10"/>
    </row>
    <row r="758139" spans="14:14">
      <c r="N758139" s="10"/>
    </row>
    <row r="758140" spans="14:14">
      <c r="N758140" s="10"/>
    </row>
    <row r="758141" spans="14:14">
      <c r="N758141" s="10"/>
    </row>
    <row r="758142" spans="14:14">
      <c r="N758142" s="10"/>
    </row>
    <row r="758143" spans="14:14">
      <c r="N758143" s="10"/>
    </row>
    <row r="758144" spans="14:14">
      <c r="N758144" s="10"/>
    </row>
    <row r="758145" spans="14:14">
      <c r="N758145" s="10"/>
    </row>
    <row r="758146" spans="14:14">
      <c r="N758146" s="10"/>
    </row>
    <row r="758147" spans="14:14">
      <c r="N758147" s="10"/>
    </row>
    <row r="758148" spans="14:14">
      <c r="N758148" s="10"/>
    </row>
    <row r="758149" spans="14:14">
      <c r="N758149" s="10"/>
    </row>
    <row r="758150" spans="14:14">
      <c r="N758150" s="10"/>
    </row>
    <row r="758151" spans="14:14">
      <c r="N758151" s="10"/>
    </row>
    <row r="758152" spans="14:14">
      <c r="N758152" s="10"/>
    </row>
    <row r="758153" spans="14:14">
      <c r="N758153" s="10"/>
    </row>
    <row r="758154" spans="14:14">
      <c r="N758154" s="10"/>
    </row>
    <row r="758155" spans="14:14">
      <c r="N758155" s="10"/>
    </row>
    <row r="758156" spans="14:14">
      <c r="N758156" s="10"/>
    </row>
    <row r="758157" spans="14:14">
      <c r="N758157" s="10"/>
    </row>
    <row r="758158" spans="14:14">
      <c r="N758158" s="10"/>
    </row>
    <row r="758159" spans="14:14">
      <c r="N758159" s="10"/>
    </row>
    <row r="758160" spans="14:14">
      <c r="N758160" s="10"/>
    </row>
    <row r="758161" spans="14:14">
      <c r="N758161" s="10"/>
    </row>
    <row r="758162" spans="14:14">
      <c r="N758162" s="10"/>
    </row>
    <row r="758163" spans="14:14">
      <c r="N758163" s="10"/>
    </row>
    <row r="758164" spans="14:14">
      <c r="N758164" s="10"/>
    </row>
    <row r="758165" spans="14:14">
      <c r="N758165" s="10"/>
    </row>
    <row r="758166" spans="14:14">
      <c r="N758166" s="10"/>
    </row>
    <row r="758167" spans="14:14">
      <c r="N758167" s="10"/>
    </row>
    <row r="758168" spans="14:14">
      <c r="N758168" s="10"/>
    </row>
    <row r="758169" spans="14:14">
      <c r="N758169" s="10"/>
    </row>
    <row r="758170" spans="14:14">
      <c r="N758170" s="10"/>
    </row>
    <row r="758171" spans="14:14">
      <c r="N758171" s="10"/>
    </row>
    <row r="758172" spans="14:14">
      <c r="N758172" s="10"/>
    </row>
    <row r="758173" spans="14:14">
      <c r="N758173" s="10"/>
    </row>
    <row r="758174" spans="14:14">
      <c r="N758174" s="10"/>
    </row>
    <row r="758175" spans="14:14">
      <c r="N758175" s="10"/>
    </row>
    <row r="758176" spans="14:14">
      <c r="N758176" s="10"/>
    </row>
    <row r="758177" spans="14:14">
      <c r="N758177" s="10"/>
    </row>
    <row r="758178" spans="14:14">
      <c r="N758178" s="10"/>
    </row>
    <row r="758179" spans="14:14">
      <c r="N758179" s="10"/>
    </row>
    <row r="758180" spans="14:14">
      <c r="N758180" s="10"/>
    </row>
    <row r="758181" spans="14:14">
      <c r="N758181" s="10"/>
    </row>
    <row r="758182" spans="14:14">
      <c r="N758182" s="10"/>
    </row>
    <row r="758183" spans="14:14">
      <c r="N758183" s="10"/>
    </row>
    <row r="758184" spans="14:14">
      <c r="N758184" s="10"/>
    </row>
    <row r="758185" spans="14:14">
      <c r="N758185" s="10"/>
    </row>
    <row r="758186" spans="14:14">
      <c r="N758186" s="10"/>
    </row>
    <row r="758187" spans="14:14">
      <c r="N758187" s="10"/>
    </row>
    <row r="758188" spans="14:14">
      <c r="N758188" s="10"/>
    </row>
    <row r="758189" spans="14:14">
      <c r="N758189" s="10"/>
    </row>
    <row r="758190" spans="14:14">
      <c r="N758190" s="10"/>
    </row>
    <row r="758191" spans="14:14">
      <c r="N758191" s="10"/>
    </row>
    <row r="758192" spans="14:14">
      <c r="N758192" s="10"/>
    </row>
    <row r="758193" spans="14:14">
      <c r="N758193" s="10"/>
    </row>
    <row r="758194" spans="14:14">
      <c r="N758194" s="10"/>
    </row>
    <row r="758195" spans="14:14">
      <c r="N758195" s="10"/>
    </row>
    <row r="758196" spans="14:14">
      <c r="N758196" s="10"/>
    </row>
    <row r="758197" spans="14:14">
      <c r="N758197" s="10"/>
    </row>
    <row r="758198" spans="14:14">
      <c r="N758198" s="10"/>
    </row>
    <row r="758199" spans="14:14">
      <c r="N758199" s="10"/>
    </row>
    <row r="758200" spans="14:14">
      <c r="N758200" s="10"/>
    </row>
    <row r="758201" spans="14:14">
      <c r="N758201" s="10"/>
    </row>
    <row r="758202" spans="14:14">
      <c r="N758202" s="10"/>
    </row>
    <row r="758203" spans="14:14">
      <c r="N758203" s="10"/>
    </row>
    <row r="758204" spans="14:14">
      <c r="N758204" s="10"/>
    </row>
    <row r="758205" spans="14:14">
      <c r="N758205" s="10"/>
    </row>
    <row r="758206" spans="14:14">
      <c r="N758206" s="10"/>
    </row>
    <row r="758207" spans="14:14">
      <c r="N758207" s="10"/>
    </row>
    <row r="758208" spans="14:14">
      <c r="N758208" s="10"/>
    </row>
    <row r="758209" spans="14:14">
      <c r="N758209" s="10"/>
    </row>
    <row r="758210" spans="14:14">
      <c r="N758210" s="10"/>
    </row>
    <row r="758211" spans="14:14">
      <c r="N758211" s="10"/>
    </row>
    <row r="758212" spans="14:14">
      <c r="N758212" s="10"/>
    </row>
    <row r="758213" spans="14:14">
      <c r="N758213" s="10"/>
    </row>
    <row r="758214" spans="14:14">
      <c r="N758214" s="10"/>
    </row>
    <row r="758215" spans="14:14">
      <c r="N758215" s="10"/>
    </row>
    <row r="758216" spans="14:14">
      <c r="N758216" s="10"/>
    </row>
    <row r="758217" spans="14:14">
      <c r="N758217" s="10"/>
    </row>
    <row r="758218" spans="14:14">
      <c r="N758218" s="10"/>
    </row>
    <row r="758219" spans="14:14">
      <c r="N758219" s="10"/>
    </row>
    <row r="758220" spans="14:14">
      <c r="N758220" s="10"/>
    </row>
    <row r="758221" spans="14:14">
      <c r="N758221" s="10"/>
    </row>
    <row r="758222" spans="14:14">
      <c r="N758222" s="10"/>
    </row>
    <row r="758223" spans="14:14">
      <c r="N758223" s="10"/>
    </row>
    <row r="758224" spans="14:14">
      <c r="N758224" s="10"/>
    </row>
    <row r="758225" spans="14:14">
      <c r="N758225" s="10"/>
    </row>
    <row r="758226" spans="14:14">
      <c r="N758226" s="10"/>
    </row>
    <row r="758227" spans="14:14">
      <c r="N758227" s="10"/>
    </row>
    <row r="758228" spans="14:14">
      <c r="N758228" s="10"/>
    </row>
    <row r="758229" spans="14:14">
      <c r="N758229" s="10"/>
    </row>
    <row r="758230" spans="14:14">
      <c r="N758230" s="10"/>
    </row>
    <row r="758231" spans="14:14">
      <c r="N758231" s="10"/>
    </row>
    <row r="758232" spans="14:14">
      <c r="N758232" s="10"/>
    </row>
    <row r="758233" spans="14:14">
      <c r="N758233" s="10"/>
    </row>
    <row r="758234" spans="14:14">
      <c r="N758234" s="10"/>
    </row>
    <row r="758235" spans="14:14">
      <c r="N758235" s="10"/>
    </row>
    <row r="758236" spans="14:14">
      <c r="N758236" s="10"/>
    </row>
    <row r="758237" spans="14:14">
      <c r="N758237" s="10"/>
    </row>
    <row r="758238" spans="14:14">
      <c r="N758238" s="10"/>
    </row>
    <row r="758239" spans="14:14">
      <c r="N758239" s="10"/>
    </row>
    <row r="758240" spans="14:14">
      <c r="N758240" s="10"/>
    </row>
    <row r="758241" spans="14:14">
      <c r="N758241" s="10"/>
    </row>
    <row r="758242" spans="14:14">
      <c r="N758242" s="10"/>
    </row>
    <row r="758243" spans="14:14">
      <c r="N758243" s="10"/>
    </row>
    <row r="758244" spans="14:14">
      <c r="N758244" s="10"/>
    </row>
    <row r="758245" spans="14:14">
      <c r="N758245" s="10"/>
    </row>
    <row r="758246" spans="14:14">
      <c r="N758246" s="10"/>
    </row>
    <row r="758247" spans="14:14">
      <c r="N758247" s="10"/>
    </row>
    <row r="758248" spans="14:14">
      <c r="N758248" s="10"/>
    </row>
    <row r="758249" spans="14:14">
      <c r="N758249" s="10"/>
    </row>
    <row r="758250" spans="14:14">
      <c r="N758250" s="10"/>
    </row>
    <row r="758251" spans="14:14">
      <c r="N758251" s="10"/>
    </row>
    <row r="758252" spans="14:14">
      <c r="N758252" s="10"/>
    </row>
    <row r="758253" spans="14:14">
      <c r="N758253" s="10"/>
    </row>
    <row r="758254" spans="14:14">
      <c r="N758254" s="10"/>
    </row>
    <row r="758255" spans="14:14">
      <c r="N758255" s="10"/>
    </row>
    <row r="758256" spans="14:14">
      <c r="N758256" s="10"/>
    </row>
    <row r="758257" spans="14:14">
      <c r="N758257" s="10"/>
    </row>
    <row r="758258" spans="14:14">
      <c r="N758258" s="10"/>
    </row>
    <row r="758259" spans="14:14">
      <c r="N758259" s="10"/>
    </row>
    <row r="758260" spans="14:14">
      <c r="N758260" s="10"/>
    </row>
    <row r="758261" spans="14:14">
      <c r="N758261" s="10"/>
    </row>
    <row r="758262" spans="14:14">
      <c r="N758262" s="10"/>
    </row>
    <row r="758263" spans="14:14">
      <c r="N758263" s="10"/>
    </row>
    <row r="758264" spans="14:14">
      <c r="N758264" s="10"/>
    </row>
    <row r="758265" spans="14:14">
      <c r="N758265" s="10"/>
    </row>
    <row r="758266" spans="14:14">
      <c r="N758266" s="10"/>
    </row>
    <row r="758267" spans="14:14">
      <c r="N758267" s="10"/>
    </row>
    <row r="758268" spans="14:14">
      <c r="N758268" s="10"/>
    </row>
    <row r="758269" spans="14:14">
      <c r="N758269" s="10"/>
    </row>
    <row r="758270" spans="14:14">
      <c r="N758270" s="10"/>
    </row>
    <row r="758271" spans="14:14">
      <c r="N758271" s="10"/>
    </row>
    <row r="758272" spans="14:14">
      <c r="N758272" s="10"/>
    </row>
    <row r="758273" spans="14:14">
      <c r="N758273" s="10"/>
    </row>
    <row r="758274" spans="14:14">
      <c r="N758274" s="10"/>
    </row>
    <row r="758275" spans="14:14">
      <c r="N758275" s="10"/>
    </row>
    <row r="758276" spans="14:14">
      <c r="N758276" s="10"/>
    </row>
    <row r="758277" spans="14:14">
      <c r="N758277" s="10"/>
    </row>
    <row r="758278" spans="14:14">
      <c r="N758278" s="10"/>
    </row>
    <row r="758279" spans="14:14">
      <c r="N758279" s="10"/>
    </row>
    <row r="758280" spans="14:14">
      <c r="N758280" s="10"/>
    </row>
    <row r="758281" spans="14:14">
      <c r="N758281" s="10"/>
    </row>
    <row r="758282" spans="14:14">
      <c r="N758282" s="10"/>
    </row>
    <row r="758283" spans="14:14">
      <c r="N758283" s="10"/>
    </row>
    <row r="758284" spans="14:14">
      <c r="N758284" s="10"/>
    </row>
    <row r="758285" spans="14:14">
      <c r="N758285" s="10"/>
    </row>
    <row r="758286" spans="14:14">
      <c r="N758286" s="10"/>
    </row>
    <row r="758287" spans="14:14">
      <c r="N758287" s="10"/>
    </row>
    <row r="758288" spans="14:14">
      <c r="N758288" s="10"/>
    </row>
    <row r="758289" spans="14:14">
      <c r="N758289" s="10"/>
    </row>
    <row r="758290" spans="14:14">
      <c r="N758290" s="10"/>
    </row>
    <row r="758291" spans="14:14">
      <c r="N758291" s="10"/>
    </row>
    <row r="758292" spans="14:14">
      <c r="N758292" s="10"/>
    </row>
    <row r="758293" spans="14:14">
      <c r="N758293" s="10"/>
    </row>
    <row r="758294" spans="14:14">
      <c r="N758294" s="10"/>
    </row>
    <row r="758295" spans="14:14">
      <c r="N758295" s="10"/>
    </row>
    <row r="758296" spans="14:14">
      <c r="N758296" s="10"/>
    </row>
    <row r="758297" spans="14:14">
      <c r="N758297" s="10"/>
    </row>
    <row r="758298" spans="14:14">
      <c r="N758298" s="10"/>
    </row>
    <row r="758299" spans="14:14">
      <c r="N758299" s="10"/>
    </row>
    <row r="758300" spans="14:14">
      <c r="N758300" s="10"/>
    </row>
    <row r="758301" spans="14:14">
      <c r="N758301" s="10"/>
    </row>
    <row r="758302" spans="14:14">
      <c r="N758302" s="10"/>
    </row>
    <row r="758303" spans="14:14">
      <c r="N758303" s="10"/>
    </row>
    <row r="758304" spans="14:14">
      <c r="N758304" s="10"/>
    </row>
    <row r="758305" spans="14:14">
      <c r="N758305" s="10"/>
    </row>
    <row r="758306" spans="14:14">
      <c r="N758306" s="10"/>
    </row>
    <row r="758307" spans="14:14">
      <c r="N758307" s="10"/>
    </row>
    <row r="758308" spans="14:14">
      <c r="N758308" s="10"/>
    </row>
    <row r="758309" spans="14:14">
      <c r="N758309" s="10"/>
    </row>
    <row r="758310" spans="14:14">
      <c r="N758310" s="10"/>
    </row>
    <row r="758311" spans="14:14">
      <c r="N758311" s="10"/>
    </row>
    <row r="758312" spans="14:14">
      <c r="N758312" s="10"/>
    </row>
    <row r="758313" spans="14:14">
      <c r="N758313" s="10"/>
    </row>
    <row r="758314" spans="14:14">
      <c r="N758314" s="10"/>
    </row>
    <row r="758315" spans="14:14">
      <c r="N758315" s="10"/>
    </row>
    <row r="758316" spans="14:14">
      <c r="N758316" s="10"/>
    </row>
    <row r="758317" spans="14:14">
      <c r="N758317" s="10"/>
    </row>
    <row r="758318" spans="14:14">
      <c r="N758318" s="10"/>
    </row>
    <row r="758319" spans="14:14">
      <c r="N758319" s="10"/>
    </row>
    <row r="758320" spans="14:14">
      <c r="N758320" s="10"/>
    </row>
    <row r="758321" spans="14:14">
      <c r="N758321" s="10"/>
    </row>
    <row r="758322" spans="14:14">
      <c r="N758322" s="10"/>
    </row>
    <row r="758323" spans="14:14">
      <c r="N758323" s="10"/>
    </row>
    <row r="758324" spans="14:14">
      <c r="N758324" s="10"/>
    </row>
    <row r="758325" spans="14:14">
      <c r="N758325" s="10"/>
    </row>
    <row r="758326" spans="14:14">
      <c r="N758326" s="10"/>
    </row>
    <row r="758327" spans="14:14">
      <c r="N758327" s="10"/>
    </row>
    <row r="758328" spans="14:14">
      <c r="N758328" s="10"/>
    </row>
    <row r="758329" spans="14:14">
      <c r="N758329" s="10"/>
    </row>
    <row r="758330" spans="14:14">
      <c r="N758330" s="10"/>
    </row>
    <row r="758331" spans="14:14">
      <c r="N758331" s="10"/>
    </row>
    <row r="758332" spans="14:14">
      <c r="N758332" s="10"/>
    </row>
    <row r="758333" spans="14:14">
      <c r="N758333" s="10"/>
    </row>
    <row r="758334" spans="14:14">
      <c r="N758334" s="10"/>
    </row>
    <row r="758335" spans="14:14">
      <c r="N758335" s="10"/>
    </row>
    <row r="758336" spans="14:14">
      <c r="N758336" s="10"/>
    </row>
    <row r="758337" spans="14:14">
      <c r="N758337" s="10"/>
    </row>
    <row r="758338" spans="14:14">
      <c r="N758338" s="10"/>
    </row>
    <row r="758339" spans="14:14">
      <c r="N758339" s="10"/>
    </row>
    <row r="758340" spans="14:14">
      <c r="N758340" s="10"/>
    </row>
    <row r="758341" spans="14:14">
      <c r="N758341" s="10"/>
    </row>
    <row r="758342" spans="14:14">
      <c r="N758342" s="10"/>
    </row>
    <row r="758343" spans="14:14">
      <c r="N758343" s="10"/>
    </row>
    <row r="758344" spans="14:14">
      <c r="N758344" s="10"/>
    </row>
    <row r="758345" spans="14:14">
      <c r="N758345" s="10"/>
    </row>
    <row r="758346" spans="14:14">
      <c r="N758346" s="10"/>
    </row>
    <row r="758347" spans="14:14">
      <c r="N758347" s="10"/>
    </row>
    <row r="758348" spans="14:14">
      <c r="N758348" s="10"/>
    </row>
    <row r="758349" spans="14:14">
      <c r="N758349" s="10"/>
    </row>
    <row r="758350" spans="14:14">
      <c r="N758350" s="10"/>
    </row>
    <row r="758351" spans="14:14">
      <c r="N758351" s="10"/>
    </row>
    <row r="758352" spans="14:14">
      <c r="N758352" s="10"/>
    </row>
    <row r="758353" spans="14:14">
      <c r="N758353" s="10"/>
    </row>
    <row r="758354" spans="14:14">
      <c r="N758354" s="10"/>
    </row>
    <row r="758355" spans="14:14">
      <c r="N758355" s="10"/>
    </row>
    <row r="758356" spans="14:14">
      <c r="N758356" s="10"/>
    </row>
    <row r="758357" spans="14:14">
      <c r="N758357" s="10"/>
    </row>
    <row r="758358" spans="14:14">
      <c r="N758358" s="10"/>
    </row>
    <row r="758359" spans="14:14">
      <c r="N758359" s="10"/>
    </row>
    <row r="758360" spans="14:14">
      <c r="N758360" s="10"/>
    </row>
    <row r="758361" spans="14:14">
      <c r="N758361" s="10"/>
    </row>
    <row r="758362" spans="14:14">
      <c r="N758362" s="10"/>
    </row>
    <row r="758363" spans="14:14">
      <c r="N758363" s="10"/>
    </row>
    <row r="758364" spans="14:14">
      <c r="N758364" s="10"/>
    </row>
    <row r="758365" spans="14:14">
      <c r="N758365" s="10"/>
    </row>
    <row r="758366" spans="14:14">
      <c r="N758366" s="10"/>
    </row>
    <row r="758367" spans="14:14">
      <c r="N758367" s="10"/>
    </row>
    <row r="758368" spans="14:14">
      <c r="N758368" s="10"/>
    </row>
    <row r="758369" spans="14:14">
      <c r="N758369" s="10"/>
    </row>
    <row r="758370" spans="14:14">
      <c r="N758370" s="10"/>
    </row>
    <row r="758371" spans="14:14">
      <c r="N758371" s="10"/>
    </row>
    <row r="758372" spans="14:14">
      <c r="N758372" s="10"/>
    </row>
    <row r="758373" spans="14:14">
      <c r="N758373" s="10"/>
    </row>
    <row r="758374" spans="14:14">
      <c r="N758374" s="10"/>
    </row>
    <row r="758375" spans="14:14">
      <c r="N758375" s="10"/>
    </row>
    <row r="758376" spans="14:14">
      <c r="N758376" s="10"/>
    </row>
    <row r="758377" spans="14:14">
      <c r="N758377" s="10"/>
    </row>
    <row r="758378" spans="14:14">
      <c r="N758378" s="10"/>
    </row>
    <row r="758379" spans="14:14">
      <c r="N758379" s="10"/>
    </row>
    <row r="758380" spans="14:14">
      <c r="N758380" s="10"/>
    </row>
    <row r="758381" spans="14:14">
      <c r="N758381" s="10"/>
    </row>
    <row r="758382" spans="14:14">
      <c r="N758382" s="10"/>
    </row>
    <row r="758383" spans="14:14">
      <c r="N758383" s="10"/>
    </row>
    <row r="758384" spans="14:14">
      <c r="N758384" s="10"/>
    </row>
    <row r="758385" spans="14:14">
      <c r="N758385" s="10"/>
    </row>
    <row r="758386" spans="14:14">
      <c r="N758386" s="10"/>
    </row>
    <row r="758387" spans="14:14">
      <c r="N758387" s="10"/>
    </row>
    <row r="758388" spans="14:14">
      <c r="N758388" s="10"/>
    </row>
    <row r="758389" spans="14:14">
      <c r="N758389" s="10"/>
    </row>
    <row r="758390" spans="14:14">
      <c r="N758390" s="10"/>
    </row>
    <row r="758391" spans="14:14">
      <c r="N758391" s="10"/>
    </row>
    <row r="758392" spans="14:14">
      <c r="N758392" s="10"/>
    </row>
    <row r="758393" spans="14:14">
      <c r="N758393" s="10"/>
    </row>
    <row r="758394" spans="14:14">
      <c r="N758394" s="10"/>
    </row>
    <row r="758395" spans="14:14">
      <c r="N758395" s="10"/>
    </row>
    <row r="758396" spans="14:14">
      <c r="N758396" s="10"/>
    </row>
    <row r="758397" spans="14:14">
      <c r="N758397" s="10"/>
    </row>
    <row r="758398" spans="14:14">
      <c r="N758398" s="10"/>
    </row>
    <row r="758399" spans="14:14">
      <c r="N758399" s="10"/>
    </row>
    <row r="758400" spans="14:14">
      <c r="N758400" s="10"/>
    </row>
    <row r="758401" spans="14:14">
      <c r="N758401" s="10"/>
    </row>
    <row r="758402" spans="14:14">
      <c r="N758402" s="10"/>
    </row>
    <row r="758403" spans="14:14">
      <c r="N758403" s="10"/>
    </row>
    <row r="758404" spans="14:14">
      <c r="N758404" s="10"/>
    </row>
    <row r="758405" spans="14:14">
      <c r="N758405" s="10"/>
    </row>
    <row r="758406" spans="14:14">
      <c r="N758406" s="10"/>
    </row>
    <row r="758407" spans="14:14">
      <c r="N758407" s="10"/>
    </row>
    <row r="758408" spans="14:14">
      <c r="N758408" s="10"/>
    </row>
    <row r="758409" spans="14:14">
      <c r="N758409" s="10"/>
    </row>
    <row r="758410" spans="14:14">
      <c r="N758410" s="10"/>
    </row>
    <row r="758411" spans="14:14">
      <c r="N758411" s="10"/>
    </row>
    <row r="758412" spans="14:14">
      <c r="N758412" s="10"/>
    </row>
    <row r="758413" spans="14:14">
      <c r="N758413" s="10"/>
    </row>
    <row r="758414" spans="14:14">
      <c r="N758414" s="10"/>
    </row>
    <row r="758415" spans="14:14">
      <c r="N758415" s="10"/>
    </row>
    <row r="758416" spans="14:14">
      <c r="N758416" s="10"/>
    </row>
    <row r="758417" spans="14:14">
      <c r="N758417" s="10"/>
    </row>
    <row r="758418" spans="14:14">
      <c r="N758418" s="10"/>
    </row>
    <row r="758419" spans="14:14">
      <c r="N758419" s="10"/>
    </row>
    <row r="758420" spans="14:14">
      <c r="N758420" s="10"/>
    </row>
    <row r="758421" spans="14:14">
      <c r="N758421" s="10"/>
    </row>
    <row r="758422" spans="14:14">
      <c r="N758422" s="10"/>
    </row>
    <row r="758423" spans="14:14">
      <c r="N758423" s="10"/>
    </row>
    <row r="758424" spans="14:14">
      <c r="N758424" s="10"/>
    </row>
    <row r="758425" spans="14:14">
      <c r="N758425" s="10"/>
    </row>
    <row r="758426" spans="14:14">
      <c r="N758426" s="10"/>
    </row>
    <row r="758427" spans="14:14">
      <c r="N758427" s="10"/>
    </row>
    <row r="758428" spans="14:14">
      <c r="N758428" s="10"/>
    </row>
    <row r="758429" spans="14:14">
      <c r="N758429" s="10"/>
    </row>
    <row r="758430" spans="14:14">
      <c r="N758430" s="10"/>
    </row>
    <row r="758431" spans="14:14">
      <c r="N758431" s="10"/>
    </row>
    <row r="758432" spans="14:14">
      <c r="N758432" s="10"/>
    </row>
    <row r="758433" spans="14:14">
      <c r="N758433" s="10"/>
    </row>
    <row r="758434" spans="14:14">
      <c r="N758434" s="10"/>
    </row>
    <row r="758435" spans="14:14">
      <c r="N758435" s="10"/>
    </row>
    <row r="758436" spans="14:14">
      <c r="N758436" s="10"/>
    </row>
    <row r="758437" spans="14:14">
      <c r="N758437" s="10"/>
    </row>
    <row r="758438" spans="14:14">
      <c r="N758438" s="10"/>
    </row>
    <row r="758439" spans="14:14">
      <c r="N758439" s="10"/>
    </row>
    <row r="758440" spans="14:14">
      <c r="N758440" s="10"/>
    </row>
    <row r="758441" spans="14:14">
      <c r="N758441" s="10"/>
    </row>
    <row r="758442" spans="14:14">
      <c r="N758442" s="10"/>
    </row>
    <row r="758443" spans="14:14">
      <c r="N758443" s="10"/>
    </row>
    <row r="758444" spans="14:14">
      <c r="N758444" s="10"/>
    </row>
    <row r="758445" spans="14:14">
      <c r="N758445" s="10"/>
    </row>
    <row r="758446" spans="14:14">
      <c r="N758446" s="10"/>
    </row>
    <row r="758447" spans="14:14">
      <c r="N758447" s="10"/>
    </row>
    <row r="758448" spans="14:14">
      <c r="N758448" s="10"/>
    </row>
    <row r="758449" spans="14:14">
      <c r="N758449" s="10"/>
    </row>
    <row r="758450" spans="14:14">
      <c r="N758450" s="10"/>
    </row>
    <row r="758451" spans="14:14">
      <c r="N758451" s="10"/>
    </row>
    <row r="758452" spans="14:14">
      <c r="N758452" s="10"/>
    </row>
    <row r="758453" spans="14:14">
      <c r="N758453" s="10"/>
    </row>
    <row r="758454" spans="14:14">
      <c r="N758454" s="10"/>
    </row>
    <row r="758455" spans="14:14">
      <c r="N758455" s="10"/>
    </row>
    <row r="758456" spans="14:14">
      <c r="N758456" s="10"/>
    </row>
    <row r="758457" spans="14:14">
      <c r="N758457" s="10"/>
    </row>
    <row r="758458" spans="14:14">
      <c r="N758458" s="10"/>
    </row>
    <row r="758459" spans="14:14">
      <c r="N758459" s="10"/>
    </row>
    <row r="758460" spans="14:14">
      <c r="N758460" s="10"/>
    </row>
    <row r="758461" spans="14:14">
      <c r="N758461" s="10"/>
    </row>
    <row r="758462" spans="14:14">
      <c r="N758462" s="10"/>
    </row>
    <row r="758463" spans="14:14">
      <c r="N758463" s="10"/>
    </row>
    <row r="758464" spans="14:14">
      <c r="N758464" s="10"/>
    </row>
    <row r="758465" spans="14:14">
      <c r="N758465" s="10"/>
    </row>
    <row r="758466" spans="14:14">
      <c r="N758466" s="10"/>
    </row>
    <row r="758467" spans="14:14">
      <c r="N758467" s="10"/>
    </row>
    <row r="758468" spans="14:14">
      <c r="N758468" s="10"/>
    </row>
    <row r="758469" spans="14:14">
      <c r="N758469" s="10"/>
    </row>
    <row r="758470" spans="14:14">
      <c r="N758470" s="10"/>
    </row>
    <row r="758471" spans="14:14">
      <c r="N758471" s="10"/>
    </row>
    <row r="758472" spans="14:14">
      <c r="N758472" s="10"/>
    </row>
    <row r="758473" spans="14:14">
      <c r="N758473" s="10"/>
    </row>
    <row r="758474" spans="14:14">
      <c r="N758474" s="10"/>
    </row>
    <row r="758475" spans="14:14">
      <c r="N758475" s="10"/>
    </row>
    <row r="758476" spans="14:14">
      <c r="N758476" s="10"/>
    </row>
    <row r="758477" spans="14:14">
      <c r="N758477" s="10"/>
    </row>
    <row r="758478" spans="14:14">
      <c r="N758478" s="10"/>
    </row>
    <row r="758479" spans="14:14">
      <c r="N758479" s="10"/>
    </row>
    <row r="758480" spans="14:14">
      <c r="N758480" s="10"/>
    </row>
    <row r="758481" spans="14:14">
      <c r="N758481" s="10"/>
    </row>
    <row r="758482" spans="14:14">
      <c r="N758482" s="10"/>
    </row>
    <row r="758483" spans="14:14">
      <c r="N758483" s="10"/>
    </row>
    <row r="758484" spans="14:14">
      <c r="N758484" s="10"/>
    </row>
    <row r="758485" spans="14:14">
      <c r="N758485" s="10"/>
    </row>
    <row r="758486" spans="14:14">
      <c r="N758486" s="10"/>
    </row>
    <row r="758487" spans="14:14">
      <c r="N758487" s="10"/>
    </row>
    <row r="758488" spans="14:14">
      <c r="N758488" s="10"/>
    </row>
    <row r="758489" spans="14:14">
      <c r="N758489" s="10"/>
    </row>
    <row r="758490" spans="14:14">
      <c r="N758490" s="10"/>
    </row>
    <row r="758491" spans="14:14">
      <c r="N758491" s="10"/>
    </row>
    <row r="758492" spans="14:14">
      <c r="N758492" s="10"/>
    </row>
    <row r="758493" spans="14:14">
      <c r="N758493" s="10"/>
    </row>
    <row r="758494" spans="14:14">
      <c r="N758494" s="10"/>
    </row>
    <row r="758495" spans="14:14">
      <c r="N758495" s="10"/>
    </row>
    <row r="758496" spans="14:14">
      <c r="N758496" s="10"/>
    </row>
    <row r="758497" spans="14:14">
      <c r="N758497" s="10"/>
    </row>
    <row r="758498" spans="14:14">
      <c r="N758498" s="10"/>
    </row>
    <row r="758499" spans="14:14">
      <c r="N758499" s="10"/>
    </row>
    <row r="758500" spans="14:14">
      <c r="N758500" s="10"/>
    </row>
    <row r="758501" spans="14:14">
      <c r="N758501" s="10"/>
    </row>
    <row r="758502" spans="14:14">
      <c r="N758502" s="10"/>
    </row>
    <row r="758503" spans="14:14">
      <c r="N758503" s="10"/>
    </row>
    <row r="758504" spans="14:14">
      <c r="N758504" s="10"/>
    </row>
    <row r="758505" spans="14:14">
      <c r="N758505" s="10"/>
    </row>
    <row r="758506" spans="14:14">
      <c r="N758506" s="10"/>
    </row>
    <row r="758507" spans="14:14">
      <c r="N758507" s="10"/>
    </row>
    <row r="758508" spans="14:14">
      <c r="N758508" s="10"/>
    </row>
    <row r="758509" spans="14:14">
      <c r="N758509" s="10"/>
    </row>
    <row r="758510" spans="14:14">
      <c r="N758510" s="10"/>
    </row>
    <row r="758511" spans="14:14">
      <c r="N758511" s="10"/>
    </row>
    <row r="758512" spans="14:14">
      <c r="N758512" s="10"/>
    </row>
    <row r="758513" spans="14:14">
      <c r="N758513" s="10"/>
    </row>
    <row r="758514" spans="14:14">
      <c r="N758514" s="10"/>
    </row>
    <row r="758515" spans="14:14">
      <c r="N758515" s="10"/>
    </row>
    <row r="758516" spans="14:14">
      <c r="N758516" s="10"/>
    </row>
    <row r="758517" spans="14:14">
      <c r="N758517" s="10"/>
    </row>
    <row r="758518" spans="14:14">
      <c r="N758518" s="10"/>
    </row>
    <row r="758519" spans="14:14">
      <c r="N758519" s="10"/>
    </row>
    <row r="758520" spans="14:14">
      <c r="N758520" s="10"/>
    </row>
    <row r="758521" spans="14:14">
      <c r="N758521" s="10"/>
    </row>
    <row r="758522" spans="14:14">
      <c r="N758522" s="10"/>
    </row>
    <row r="758523" spans="14:14">
      <c r="N758523" s="10"/>
    </row>
    <row r="758524" spans="14:14">
      <c r="N758524" s="10"/>
    </row>
    <row r="758525" spans="14:14">
      <c r="N758525" s="10"/>
    </row>
    <row r="758526" spans="14:14">
      <c r="N758526" s="10"/>
    </row>
    <row r="758527" spans="14:14">
      <c r="N758527" s="10"/>
    </row>
    <row r="758528" spans="14:14">
      <c r="N758528" s="10"/>
    </row>
    <row r="758529" spans="14:14">
      <c r="N758529" s="10"/>
    </row>
    <row r="758530" spans="14:14">
      <c r="N758530" s="10"/>
    </row>
    <row r="758531" spans="14:14">
      <c r="N758531" s="10"/>
    </row>
    <row r="758532" spans="14:14">
      <c r="N758532" s="10"/>
    </row>
    <row r="758533" spans="14:14">
      <c r="N758533" s="10"/>
    </row>
    <row r="758534" spans="14:14">
      <c r="N758534" s="10"/>
    </row>
    <row r="758535" spans="14:14">
      <c r="N758535" s="10"/>
    </row>
    <row r="758536" spans="14:14">
      <c r="N758536" s="10"/>
    </row>
    <row r="758537" spans="14:14">
      <c r="N758537" s="10"/>
    </row>
    <row r="758538" spans="14:14">
      <c r="N758538" s="10"/>
    </row>
    <row r="758539" spans="14:14">
      <c r="N758539" s="10"/>
    </row>
    <row r="758540" spans="14:14">
      <c r="N758540" s="10"/>
    </row>
    <row r="758541" spans="14:14">
      <c r="N758541" s="10"/>
    </row>
    <row r="758542" spans="14:14">
      <c r="N758542" s="10"/>
    </row>
    <row r="758543" spans="14:14">
      <c r="N758543" s="10"/>
    </row>
    <row r="758544" spans="14:14">
      <c r="N758544" s="10"/>
    </row>
    <row r="758545" spans="14:14">
      <c r="N758545" s="10"/>
    </row>
    <row r="758546" spans="14:14">
      <c r="N758546" s="10"/>
    </row>
    <row r="758547" spans="14:14">
      <c r="N758547" s="10"/>
    </row>
    <row r="758548" spans="14:14">
      <c r="N758548" s="10"/>
    </row>
    <row r="758549" spans="14:14">
      <c r="N758549" s="10"/>
    </row>
    <row r="758550" spans="14:14">
      <c r="N758550" s="10"/>
    </row>
    <row r="758551" spans="14:14">
      <c r="N758551" s="10"/>
    </row>
    <row r="758552" spans="14:14">
      <c r="N758552" s="10"/>
    </row>
    <row r="758553" spans="14:14">
      <c r="N758553" s="10"/>
    </row>
    <row r="758554" spans="14:14">
      <c r="N758554" s="10"/>
    </row>
    <row r="758555" spans="14:14">
      <c r="N758555" s="10"/>
    </row>
    <row r="758556" spans="14:14">
      <c r="N758556" s="10"/>
    </row>
    <row r="758557" spans="14:14">
      <c r="N758557" s="10"/>
    </row>
    <row r="758558" spans="14:14">
      <c r="N758558" s="10"/>
    </row>
    <row r="758559" spans="14:14">
      <c r="N758559" s="10"/>
    </row>
    <row r="758560" spans="14:14">
      <c r="N758560" s="10"/>
    </row>
    <row r="758561" spans="14:14">
      <c r="N758561" s="10"/>
    </row>
    <row r="758562" spans="14:14">
      <c r="N758562" s="10"/>
    </row>
    <row r="758563" spans="14:14">
      <c r="N758563" s="10"/>
    </row>
    <row r="758564" spans="14:14">
      <c r="N758564" s="10"/>
    </row>
    <row r="758565" spans="14:14">
      <c r="N758565" s="10"/>
    </row>
    <row r="758566" spans="14:14">
      <c r="N758566" s="10"/>
    </row>
    <row r="758567" spans="14:14">
      <c r="N758567" s="10"/>
    </row>
    <row r="758568" spans="14:14">
      <c r="N758568" s="10"/>
    </row>
    <row r="758569" spans="14:14">
      <c r="N758569" s="10"/>
    </row>
    <row r="758570" spans="14:14">
      <c r="N758570" s="10"/>
    </row>
    <row r="758571" spans="14:14">
      <c r="N758571" s="10"/>
    </row>
    <row r="758572" spans="14:14">
      <c r="N758572" s="10"/>
    </row>
    <row r="758573" spans="14:14">
      <c r="N758573" s="10"/>
    </row>
    <row r="758574" spans="14:14">
      <c r="N758574" s="10"/>
    </row>
    <row r="758575" spans="14:14">
      <c r="N758575" s="10"/>
    </row>
    <row r="758576" spans="14:14">
      <c r="N758576" s="10"/>
    </row>
    <row r="758577" spans="14:14">
      <c r="N758577" s="10"/>
    </row>
    <row r="758578" spans="14:14">
      <c r="N758578" s="10"/>
    </row>
    <row r="758579" spans="14:14">
      <c r="N758579" s="10"/>
    </row>
    <row r="758580" spans="14:14">
      <c r="N758580" s="10"/>
    </row>
    <row r="758581" spans="14:14">
      <c r="N758581" s="10"/>
    </row>
    <row r="758582" spans="14:14">
      <c r="N758582" s="10"/>
    </row>
    <row r="758583" spans="14:14">
      <c r="N758583" s="10"/>
    </row>
    <row r="758584" spans="14:14">
      <c r="N758584" s="10"/>
    </row>
    <row r="758585" spans="14:14">
      <c r="N758585" s="10"/>
    </row>
    <row r="758586" spans="14:14">
      <c r="N758586" s="10"/>
    </row>
    <row r="758587" spans="14:14">
      <c r="N758587" s="10"/>
    </row>
    <row r="758588" spans="14:14">
      <c r="N758588" s="10"/>
    </row>
    <row r="758589" spans="14:14">
      <c r="N758589" s="10"/>
    </row>
    <row r="758590" spans="14:14">
      <c r="N758590" s="10"/>
    </row>
    <row r="758591" spans="14:14">
      <c r="N758591" s="10"/>
    </row>
    <row r="758592" spans="14:14">
      <c r="N758592" s="10"/>
    </row>
    <row r="758593" spans="14:14">
      <c r="N758593" s="10"/>
    </row>
    <row r="758594" spans="14:14">
      <c r="N758594" s="10"/>
    </row>
    <row r="758595" spans="14:14">
      <c r="N758595" s="10"/>
    </row>
    <row r="758596" spans="14:14">
      <c r="N758596" s="10"/>
    </row>
    <row r="758597" spans="14:14">
      <c r="N758597" s="10"/>
    </row>
    <row r="758598" spans="14:14">
      <c r="N758598" s="10"/>
    </row>
    <row r="758599" spans="14:14">
      <c r="N758599" s="10"/>
    </row>
    <row r="758600" spans="14:14">
      <c r="N758600" s="10"/>
    </row>
    <row r="758601" spans="14:14">
      <c r="N758601" s="10"/>
    </row>
    <row r="758602" spans="14:14">
      <c r="N758602" s="10"/>
    </row>
    <row r="758603" spans="14:14">
      <c r="N758603" s="10"/>
    </row>
    <row r="758604" spans="14:14">
      <c r="N758604" s="10"/>
    </row>
    <row r="758605" spans="14:14">
      <c r="N758605" s="10"/>
    </row>
    <row r="758606" spans="14:14">
      <c r="N758606" s="10"/>
    </row>
    <row r="758607" spans="14:14">
      <c r="N758607" s="10"/>
    </row>
    <row r="758608" spans="14:14">
      <c r="N758608" s="10"/>
    </row>
    <row r="758609" spans="14:14">
      <c r="N758609" s="10"/>
    </row>
    <row r="758610" spans="14:14">
      <c r="N758610" s="10"/>
    </row>
    <row r="758611" spans="14:14">
      <c r="N758611" s="10"/>
    </row>
    <row r="758612" spans="14:14">
      <c r="N758612" s="10"/>
    </row>
    <row r="758613" spans="14:14">
      <c r="N758613" s="10"/>
    </row>
    <row r="758614" spans="14:14">
      <c r="N758614" s="10"/>
    </row>
    <row r="758615" spans="14:14">
      <c r="N758615" s="10"/>
    </row>
    <row r="758616" spans="14:14">
      <c r="N758616" s="10"/>
    </row>
    <row r="758617" spans="14:14">
      <c r="N758617" s="10"/>
    </row>
    <row r="758618" spans="14:14">
      <c r="N758618" s="10"/>
    </row>
    <row r="758619" spans="14:14">
      <c r="N758619" s="10"/>
    </row>
    <row r="758620" spans="14:14">
      <c r="N758620" s="10"/>
    </row>
    <row r="758621" spans="14:14">
      <c r="N758621" s="10"/>
    </row>
    <row r="758622" spans="14:14">
      <c r="N758622" s="10"/>
    </row>
    <row r="758623" spans="14:14">
      <c r="N758623" s="10"/>
    </row>
    <row r="758624" spans="14:14">
      <c r="N758624" s="10"/>
    </row>
    <row r="758625" spans="14:14">
      <c r="N758625" s="10"/>
    </row>
    <row r="758626" spans="14:14">
      <c r="N758626" s="10"/>
    </row>
    <row r="758627" spans="14:14">
      <c r="N758627" s="10"/>
    </row>
    <row r="758628" spans="14:14">
      <c r="N758628" s="10"/>
    </row>
    <row r="758629" spans="14:14">
      <c r="N758629" s="10"/>
    </row>
    <row r="758630" spans="14:14">
      <c r="N758630" s="10"/>
    </row>
    <row r="758631" spans="14:14">
      <c r="N758631" s="10"/>
    </row>
    <row r="758632" spans="14:14">
      <c r="N758632" s="10"/>
    </row>
    <row r="758633" spans="14:14">
      <c r="N758633" s="10"/>
    </row>
    <row r="758634" spans="14:14">
      <c r="N758634" s="10"/>
    </row>
    <row r="758635" spans="14:14">
      <c r="N758635" s="10"/>
    </row>
    <row r="758636" spans="14:14">
      <c r="N758636" s="10"/>
    </row>
    <row r="758637" spans="14:14">
      <c r="N758637" s="10"/>
    </row>
    <row r="758638" spans="14:14">
      <c r="N758638" s="10"/>
    </row>
    <row r="758639" spans="14:14">
      <c r="N758639" s="10"/>
    </row>
    <row r="758640" spans="14:14">
      <c r="N758640" s="10"/>
    </row>
    <row r="758641" spans="14:14">
      <c r="N758641" s="10"/>
    </row>
    <row r="758642" spans="14:14">
      <c r="N758642" s="10"/>
    </row>
    <row r="758643" spans="14:14">
      <c r="N758643" s="10"/>
    </row>
    <row r="758644" spans="14:14">
      <c r="N758644" s="10"/>
    </row>
    <row r="758645" spans="14:14">
      <c r="N758645" s="10"/>
    </row>
    <row r="758646" spans="14:14">
      <c r="N758646" s="10"/>
    </row>
    <row r="758647" spans="14:14">
      <c r="N758647" s="10"/>
    </row>
    <row r="758648" spans="14:14">
      <c r="N758648" s="10"/>
    </row>
    <row r="758649" spans="14:14">
      <c r="N758649" s="10"/>
    </row>
    <row r="758650" spans="14:14">
      <c r="N758650" s="10"/>
    </row>
    <row r="758651" spans="14:14">
      <c r="N758651" s="10"/>
    </row>
    <row r="758652" spans="14:14">
      <c r="N758652" s="10"/>
    </row>
    <row r="758653" spans="14:14">
      <c r="N758653" s="10"/>
    </row>
    <row r="758654" spans="14:14">
      <c r="N758654" s="10"/>
    </row>
    <row r="758655" spans="14:14">
      <c r="N758655" s="10"/>
    </row>
    <row r="758656" spans="14:14">
      <c r="N758656" s="10"/>
    </row>
    <row r="758657" spans="14:14">
      <c r="N758657" s="10"/>
    </row>
    <row r="758658" spans="14:14">
      <c r="N758658" s="10"/>
    </row>
    <row r="758659" spans="14:14">
      <c r="N758659" s="10"/>
    </row>
    <row r="758660" spans="14:14">
      <c r="N758660" s="10"/>
    </row>
    <row r="758661" spans="14:14">
      <c r="N758661" s="10"/>
    </row>
    <row r="758662" spans="14:14">
      <c r="N758662" s="10"/>
    </row>
    <row r="758663" spans="14:14">
      <c r="N758663" s="10"/>
    </row>
    <row r="758664" spans="14:14">
      <c r="N758664" s="10"/>
    </row>
    <row r="758665" spans="14:14">
      <c r="N758665" s="10"/>
    </row>
    <row r="758666" spans="14:14">
      <c r="N758666" s="10"/>
    </row>
    <row r="758667" spans="14:14">
      <c r="N758667" s="10"/>
    </row>
    <row r="758668" spans="14:14">
      <c r="N758668" s="10"/>
    </row>
    <row r="758669" spans="14:14">
      <c r="N758669" s="10"/>
    </row>
    <row r="758670" spans="14:14">
      <c r="N758670" s="10"/>
    </row>
    <row r="758671" spans="14:14">
      <c r="N758671" s="10"/>
    </row>
    <row r="758672" spans="14:14">
      <c r="N758672" s="10"/>
    </row>
    <row r="758673" spans="14:14">
      <c r="N758673" s="10"/>
    </row>
    <row r="758674" spans="14:14">
      <c r="N758674" s="10"/>
    </row>
    <row r="758675" spans="14:14">
      <c r="N758675" s="10"/>
    </row>
    <row r="758676" spans="14:14">
      <c r="N758676" s="10"/>
    </row>
    <row r="758677" spans="14:14">
      <c r="N758677" s="10"/>
    </row>
    <row r="758678" spans="14:14">
      <c r="N758678" s="10"/>
    </row>
    <row r="758679" spans="14:14">
      <c r="N758679" s="10"/>
    </row>
    <row r="758680" spans="14:14">
      <c r="N758680" s="10"/>
    </row>
    <row r="758681" spans="14:14">
      <c r="N758681" s="10"/>
    </row>
    <row r="758682" spans="14:14">
      <c r="N758682" s="10"/>
    </row>
    <row r="758683" spans="14:14">
      <c r="N758683" s="10"/>
    </row>
    <row r="758684" spans="14:14">
      <c r="N758684" s="10"/>
    </row>
    <row r="758685" spans="14:14">
      <c r="N758685" s="10"/>
    </row>
    <row r="758686" spans="14:14">
      <c r="N758686" s="10"/>
    </row>
    <row r="758687" spans="14:14">
      <c r="N758687" s="10"/>
    </row>
    <row r="758688" spans="14:14">
      <c r="N758688" s="10"/>
    </row>
    <row r="758689" spans="14:14">
      <c r="N758689" s="10"/>
    </row>
    <row r="758690" spans="14:14">
      <c r="N758690" s="10"/>
    </row>
    <row r="758691" spans="14:14">
      <c r="N758691" s="10"/>
    </row>
    <row r="758692" spans="14:14">
      <c r="N758692" s="10"/>
    </row>
    <row r="758693" spans="14:14">
      <c r="N758693" s="10"/>
    </row>
    <row r="758694" spans="14:14">
      <c r="N758694" s="10"/>
    </row>
    <row r="758695" spans="14:14">
      <c r="N758695" s="10"/>
    </row>
    <row r="758696" spans="14:14">
      <c r="N758696" s="10"/>
    </row>
    <row r="758697" spans="14:14">
      <c r="N758697" s="10"/>
    </row>
    <row r="758698" spans="14:14">
      <c r="N758698" s="10"/>
    </row>
    <row r="758699" spans="14:14">
      <c r="N758699" s="10"/>
    </row>
    <row r="758700" spans="14:14">
      <c r="N758700" s="10"/>
    </row>
    <row r="758701" spans="14:14">
      <c r="N758701" s="10"/>
    </row>
    <row r="758702" spans="14:14">
      <c r="N758702" s="10"/>
    </row>
    <row r="758703" spans="14:14">
      <c r="N758703" s="10"/>
    </row>
    <row r="758704" spans="14:14">
      <c r="N758704" s="10"/>
    </row>
    <row r="758705" spans="14:14">
      <c r="N758705" s="10"/>
    </row>
    <row r="758706" spans="14:14">
      <c r="N758706" s="10"/>
    </row>
    <row r="758707" spans="14:14">
      <c r="N758707" s="10"/>
    </row>
    <row r="758708" spans="14:14">
      <c r="N758708" s="10"/>
    </row>
    <row r="758709" spans="14:14">
      <c r="N758709" s="10"/>
    </row>
    <row r="758710" spans="14:14">
      <c r="N758710" s="10"/>
    </row>
    <row r="758711" spans="14:14">
      <c r="N758711" s="10"/>
    </row>
    <row r="758712" spans="14:14">
      <c r="N758712" s="10"/>
    </row>
    <row r="758713" spans="14:14">
      <c r="N758713" s="10"/>
    </row>
    <row r="758714" spans="14:14">
      <c r="N758714" s="10"/>
    </row>
    <row r="758715" spans="14:14">
      <c r="N758715" s="10"/>
    </row>
    <row r="758716" spans="14:14">
      <c r="N758716" s="10"/>
    </row>
    <row r="758717" spans="14:14">
      <c r="N758717" s="10"/>
    </row>
    <row r="758718" spans="14:14">
      <c r="N758718" s="10"/>
    </row>
    <row r="758719" spans="14:14">
      <c r="N758719" s="10"/>
    </row>
    <row r="758720" spans="14:14">
      <c r="N758720" s="10"/>
    </row>
    <row r="758721" spans="14:14">
      <c r="N758721" s="10"/>
    </row>
    <row r="758722" spans="14:14">
      <c r="N758722" s="10"/>
    </row>
    <row r="758723" spans="14:14">
      <c r="N758723" s="10"/>
    </row>
    <row r="758724" spans="14:14">
      <c r="N758724" s="10"/>
    </row>
    <row r="758725" spans="14:14">
      <c r="N758725" s="10"/>
    </row>
    <row r="758726" spans="14:14">
      <c r="N758726" s="10"/>
    </row>
    <row r="758727" spans="14:14">
      <c r="N758727" s="10"/>
    </row>
    <row r="758728" spans="14:14">
      <c r="N758728" s="10"/>
    </row>
    <row r="758729" spans="14:14">
      <c r="N758729" s="10"/>
    </row>
    <row r="758730" spans="14:14">
      <c r="N758730" s="10"/>
    </row>
    <row r="758731" spans="14:14">
      <c r="N758731" s="10"/>
    </row>
    <row r="758732" spans="14:14">
      <c r="N758732" s="10"/>
    </row>
    <row r="758733" spans="14:14">
      <c r="N758733" s="10"/>
    </row>
    <row r="758734" spans="14:14">
      <c r="N758734" s="10"/>
    </row>
    <row r="758735" spans="14:14">
      <c r="N758735" s="10"/>
    </row>
    <row r="758736" spans="14:14">
      <c r="N758736" s="10"/>
    </row>
    <row r="758737" spans="14:14">
      <c r="N758737" s="10"/>
    </row>
    <row r="758738" spans="14:14">
      <c r="N758738" s="10"/>
    </row>
    <row r="758739" spans="14:14">
      <c r="N758739" s="10"/>
    </row>
    <row r="758740" spans="14:14">
      <c r="N758740" s="10"/>
    </row>
    <row r="758741" spans="14:14">
      <c r="N758741" s="10"/>
    </row>
    <row r="758742" spans="14:14">
      <c r="N758742" s="10"/>
    </row>
    <row r="758743" spans="14:14">
      <c r="N758743" s="10"/>
    </row>
    <row r="758744" spans="14:14">
      <c r="N758744" s="10"/>
    </row>
    <row r="758745" spans="14:14">
      <c r="N758745" s="10"/>
    </row>
    <row r="758746" spans="14:14">
      <c r="N758746" s="10"/>
    </row>
    <row r="758747" spans="14:14">
      <c r="N758747" s="10"/>
    </row>
    <row r="758748" spans="14:14">
      <c r="N758748" s="10"/>
    </row>
    <row r="758749" spans="14:14">
      <c r="N758749" s="10"/>
    </row>
    <row r="758750" spans="14:14">
      <c r="N758750" s="10"/>
    </row>
    <row r="758751" spans="14:14">
      <c r="N758751" s="10"/>
    </row>
    <row r="758752" spans="14:14">
      <c r="N758752" s="10"/>
    </row>
    <row r="758753" spans="14:14">
      <c r="N758753" s="10"/>
    </row>
    <row r="758754" spans="14:14">
      <c r="N758754" s="10"/>
    </row>
    <row r="758755" spans="14:14">
      <c r="N758755" s="10"/>
    </row>
    <row r="758756" spans="14:14">
      <c r="N758756" s="10"/>
    </row>
    <row r="758757" spans="14:14">
      <c r="N758757" s="10"/>
    </row>
    <row r="758758" spans="14:14">
      <c r="N758758" s="10"/>
    </row>
    <row r="758759" spans="14:14">
      <c r="N758759" s="10"/>
    </row>
    <row r="758760" spans="14:14">
      <c r="N758760" s="10"/>
    </row>
    <row r="758761" spans="14:14">
      <c r="N758761" s="10"/>
    </row>
    <row r="758762" spans="14:14">
      <c r="N758762" s="10"/>
    </row>
    <row r="758763" spans="14:14">
      <c r="N758763" s="10"/>
    </row>
    <row r="758764" spans="14:14">
      <c r="N758764" s="10"/>
    </row>
    <row r="758765" spans="14:14">
      <c r="N758765" s="10"/>
    </row>
    <row r="758766" spans="14:14">
      <c r="N758766" s="10"/>
    </row>
    <row r="758767" spans="14:14">
      <c r="N758767" s="10"/>
    </row>
    <row r="758768" spans="14:14">
      <c r="N758768" s="10"/>
    </row>
    <row r="758769" spans="14:14">
      <c r="N758769" s="10"/>
    </row>
    <row r="758770" spans="14:14">
      <c r="N758770" s="10"/>
    </row>
    <row r="758771" spans="14:14">
      <c r="N758771" s="10"/>
    </row>
    <row r="758772" spans="14:14">
      <c r="N758772" s="10"/>
    </row>
    <row r="758773" spans="14:14">
      <c r="N758773" s="10"/>
    </row>
    <row r="758774" spans="14:14">
      <c r="N758774" s="10"/>
    </row>
    <row r="758775" spans="14:14">
      <c r="N758775" s="10"/>
    </row>
    <row r="758776" spans="14:14">
      <c r="N758776" s="10"/>
    </row>
    <row r="758777" spans="14:14">
      <c r="N758777" s="10"/>
    </row>
    <row r="758778" spans="14:14">
      <c r="N758778" s="10"/>
    </row>
    <row r="758779" spans="14:14">
      <c r="N758779" s="10"/>
    </row>
    <row r="758780" spans="14:14">
      <c r="N758780" s="10"/>
    </row>
    <row r="758781" spans="14:14">
      <c r="N758781" s="10"/>
    </row>
    <row r="758782" spans="14:14">
      <c r="N758782" s="10"/>
    </row>
    <row r="758783" spans="14:14">
      <c r="N758783" s="10"/>
    </row>
    <row r="758784" spans="14:14">
      <c r="N758784" s="10"/>
    </row>
    <row r="758785" spans="14:14">
      <c r="N758785" s="10"/>
    </row>
    <row r="758786" spans="14:14">
      <c r="N758786" s="10"/>
    </row>
    <row r="758787" spans="14:14">
      <c r="N758787" s="10"/>
    </row>
    <row r="758788" spans="14:14">
      <c r="N758788" s="10"/>
    </row>
    <row r="758789" spans="14:14">
      <c r="N758789" s="10"/>
    </row>
    <row r="758790" spans="14:14">
      <c r="N758790" s="10"/>
    </row>
    <row r="758791" spans="14:14">
      <c r="N758791" s="10"/>
    </row>
    <row r="758792" spans="14:14">
      <c r="N758792" s="10"/>
    </row>
    <row r="758793" spans="14:14">
      <c r="N758793" s="10"/>
    </row>
    <row r="758794" spans="14:14">
      <c r="N758794" s="10"/>
    </row>
    <row r="758795" spans="14:14">
      <c r="N758795" s="10"/>
    </row>
    <row r="758796" spans="14:14">
      <c r="N758796" s="10"/>
    </row>
    <row r="758797" spans="14:14">
      <c r="N758797" s="10"/>
    </row>
    <row r="758798" spans="14:14">
      <c r="N758798" s="10"/>
    </row>
    <row r="758799" spans="14:14">
      <c r="N758799" s="10"/>
    </row>
    <row r="758800" spans="14:14">
      <c r="N758800" s="10"/>
    </row>
    <row r="758801" spans="14:14">
      <c r="N758801" s="10"/>
    </row>
    <row r="758802" spans="14:14">
      <c r="N758802" s="10"/>
    </row>
    <row r="758803" spans="14:14">
      <c r="N758803" s="10"/>
    </row>
    <row r="758804" spans="14:14">
      <c r="N758804" s="10"/>
    </row>
    <row r="758805" spans="14:14">
      <c r="N758805" s="10"/>
    </row>
    <row r="758806" spans="14:14">
      <c r="N758806" s="10"/>
    </row>
    <row r="758807" spans="14:14">
      <c r="N758807" s="10"/>
    </row>
    <row r="758808" spans="14:14">
      <c r="N758808" s="10"/>
    </row>
    <row r="758809" spans="14:14">
      <c r="N758809" s="10"/>
    </row>
    <row r="758810" spans="14:14">
      <c r="N758810" s="10"/>
    </row>
    <row r="758811" spans="14:14">
      <c r="N758811" s="10"/>
    </row>
    <row r="758812" spans="14:14">
      <c r="N758812" s="10"/>
    </row>
    <row r="758813" spans="14:14">
      <c r="N758813" s="10"/>
    </row>
    <row r="758814" spans="14:14">
      <c r="N758814" s="10"/>
    </row>
    <row r="758815" spans="14:14">
      <c r="N758815" s="10"/>
    </row>
    <row r="758816" spans="14:14">
      <c r="N758816" s="10"/>
    </row>
    <row r="758817" spans="14:14">
      <c r="N758817" s="10"/>
    </row>
    <row r="758818" spans="14:14">
      <c r="N758818" s="10"/>
    </row>
    <row r="758819" spans="14:14">
      <c r="N758819" s="10"/>
    </row>
    <row r="758820" spans="14:14">
      <c r="N758820" s="10"/>
    </row>
    <row r="758821" spans="14:14">
      <c r="N758821" s="10"/>
    </row>
    <row r="758822" spans="14:14">
      <c r="N758822" s="10"/>
    </row>
    <row r="758823" spans="14:14">
      <c r="N758823" s="10"/>
    </row>
    <row r="758824" spans="14:14">
      <c r="N758824" s="10"/>
    </row>
    <row r="758825" spans="14:14">
      <c r="N758825" s="10"/>
    </row>
    <row r="758826" spans="14:14">
      <c r="N758826" s="10"/>
    </row>
    <row r="758827" spans="14:14">
      <c r="N758827" s="10"/>
    </row>
    <row r="758828" spans="14:14">
      <c r="N758828" s="10"/>
    </row>
    <row r="758829" spans="14:14">
      <c r="N758829" s="10"/>
    </row>
    <row r="758830" spans="14:14">
      <c r="N758830" s="10"/>
    </row>
    <row r="758831" spans="14:14">
      <c r="N758831" s="10"/>
    </row>
    <row r="758832" spans="14:14">
      <c r="N758832" s="10"/>
    </row>
    <row r="758833" spans="14:14">
      <c r="N758833" s="10"/>
    </row>
    <row r="758834" spans="14:14">
      <c r="N758834" s="10"/>
    </row>
    <row r="758835" spans="14:14">
      <c r="N758835" s="10"/>
    </row>
    <row r="758836" spans="14:14">
      <c r="N758836" s="10"/>
    </row>
    <row r="758837" spans="14:14">
      <c r="N758837" s="10"/>
    </row>
    <row r="758838" spans="14:14">
      <c r="N758838" s="10"/>
    </row>
    <row r="758839" spans="14:14">
      <c r="N758839" s="10"/>
    </row>
    <row r="758840" spans="14:14">
      <c r="N758840" s="10"/>
    </row>
    <row r="758841" spans="14:14">
      <c r="N758841" s="10"/>
    </row>
    <row r="758842" spans="14:14">
      <c r="N758842" s="10"/>
    </row>
    <row r="758843" spans="14:14">
      <c r="N758843" s="10"/>
    </row>
    <row r="758844" spans="14:14">
      <c r="N758844" s="10"/>
    </row>
    <row r="758845" spans="14:14">
      <c r="N758845" s="10"/>
    </row>
    <row r="758846" spans="14:14">
      <c r="N758846" s="10"/>
    </row>
    <row r="758847" spans="14:14">
      <c r="N758847" s="10"/>
    </row>
    <row r="758848" spans="14:14">
      <c r="N758848" s="10"/>
    </row>
    <row r="758849" spans="14:14">
      <c r="N758849" s="10"/>
    </row>
    <row r="758850" spans="14:14">
      <c r="N758850" s="10"/>
    </row>
    <row r="758851" spans="14:14">
      <c r="N758851" s="10"/>
    </row>
    <row r="758852" spans="14:14">
      <c r="N758852" s="10"/>
    </row>
    <row r="758853" spans="14:14">
      <c r="N758853" s="10"/>
    </row>
    <row r="758854" spans="14:14">
      <c r="N758854" s="10"/>
    </row>
    <row r="758855" spans="14:14">
      <c r="N758855" s="10"/>
    </row>
    <row r="758856" spans="14:14">
      <c r="N758856" s="10"/>
    </row>
    <row r="758857" spans="14:14">
      <c r="N758857" s="10"/>
    </row>
    <row r="758858" spans="14:14">
      <c r="N758858" s="10"/>
    </row>
    <row r="758859" spans="14:14">
      <c r="N758859" s="10"/>
    </row>
    <row r="758860" spans="14:14">
      <c r="N758860" s="10"/>
    </row>
    <row r="758861" spans="14:14">
      <c r="N758861" s="10"/>
    </row>
    <row r="758862" spans="14:14">
      <c r="N758862" s="10"/>
    </row>
    <row r="758863" spans="14:14">
      <c r="N758863" s="10"/>
    </row>
    <row r="758864" spans="14:14">
      <c r="N758864" s="10"/>
    </row>
    <row r="758865" spans="14:14">
      <c r="N758865" s="10"/>
    </row>
    <row r="758866" spans="14:14">
      <c r="N758866" s="10"/>
    </row>
    <row r="758867" spans="14:14">
      <c r="N758867" s="10"/>
    </row>
    <row r="758868" spans="14:14">
      <c r="N758868" s="10"/>
    </row>
    <row r="758869" spans="14:14">
      <c r="N758869" s="10"/>
    </row>
    <row r="758870" spans="14:14">
      <c r="N758870" s="10"/>
    </row>
    <row r="758871" spans="14:14">
      <c r="N758871" s="10"/>
    </row>
    <row r="758872" spans="14:14">
      <c r="N758872" s="10"/>
    </row>
    <row r="758873" spans="14:14">
      <c r="N758873" s="10"/>
    </row>
    <row r="758874" spans="14:14">
      <c r="N758874" s="10"/>
    </row>
    <row r="758875" spans="14:14">
      <c r="N758875" s="10"/>
    </row>
    <row r="758876" spans="14:14">
      <c r="N758876" s="10"/>
    </row>
    <row r="758877" spans="14:14">
      <c r="N758877" s="10"/>
    </row>
    <row r="758878" spans="14:14">
      <c r="N758878" s="10"/>
    </row>
    <row r="758879" spans="14:14">
      <c r="N758879" s="10"/>
    </row>
    <row r="758880" spans="14:14">
      <c r="N758880" s="10"/>
    </row>
    <row r="758881" spans="14:14">
      <c r="N758881" s="10"/>
    </row>
    <row r="758882" spans="14:14">
      <c r="N758882" s="10"/>
    </row>
    <row r="758883" spans="14:14">
      <c r="N758883" s="10"/>
    </row>
    <row r="758884" spans="14:14">
      <c r="N758884" s="10"/>
    </row>
    <row r="758885" spans="14:14">
      <c r="N758885" s="10"/>
    </row>
    <row r="758886" spans="14:14">
      <c r="N758886" s="10"/>
    </row>
    <row r="758887" spans="14:14">
      <c r="N758887" s="10"/>
    </row>
    <row r="758888" spans="14:14">
      <c r="N758888" s="10"/>
    </row>
    <row r="758889" spans="14:14">
      <c r="N758889" s="10"/>
    </row>
    <row r="758890" spans="14:14">
      <c r="N758890" s="10"/>
    </row>
    <row r="758891" spans="14:14">
      <c r="N758891" s="10"/>
    </row>
    <row r="758892" spans="14:14">
      <c r="N758892" s="10"/>
    </row>
    <row r="758893" spans="14:14">
      <c r="N758893" s="10"/>
    </row>
    <row r="758894" spans="14:14">
      <c r="N758894" s="10"/>
    </row>
    <row r="758895" spans="14:14">
      <c r="N758895" s="10"/>
    </row>
    <row r="758896" spans="14:14">
      <c r="N758896" s="10"/>
    </row>
    <row r="758897" spans="14:14">
      <c r="N758897" s="10"/>
    </row>
    <row r="758898" spans="14:14">
      <c r="N758898" s="10"/>
    </row>
    <row r="758899" spans="14:14">
      <c r="N758899" s="10"/>
    </row>
    <row r="758900" spans="14:14">
      <c r="N758900" s="10"/>
    </row>
    <row r="758901" spans="14:14">
      <c r="N758901" s="10"/>
    </row>
    <row r="758902" spans="14:14">
      <c r="N758902" s="10"/>
    </row>
    <row r="758903" spans="14:14">
      <c r="N758903" s="10"/>
    </row>
    <row r="758904" spans="14:14">
      <c r="N758904" s="10"/>
    </row>
    <row r="758905" spans="14:14">
      <c r="N758905" s="10"/>
    </row>
    <row r="758906" spans="14:14">
      <c r="N758906" s="10"/>
    </row>
    <row r="758907" spans="14:14">
      <c r="N758907" s="10"/>
    </row>
    <row r="758908" spans="14:14">
      <c r="N758908" s="10"/>
    </row>
    <row r="758909" spans="14:14">
      <c r="N758909" s="10"/>
    </row>
    <row r="758910" spans="14:14">
      <c r="N758910" s="10"/>
    </row>
    <row r="758911" spans="14:14">
      <c r="N758911" s="10"/>
    </row>
    <row r="758912" spans="14:14">
      <c r="N758912" s="10"/>
    </row>
    <row r="758913" spans="14:14">
      <c r="N758913" s="10"/>
    </row>
    <row r="758914" spans="14:14">
      <c r="N758914" s="10"/>
    </row>
    <row r="758915" spans="14:14">
      <c r="N758915" s="10"/>
    </row>
    <row r="758916" spans="14:14">
      <c r="N758916" s="10"/>
    </row>
    <row r="758917" spans="14:14">
      <c r="N758917" s="10"/>
    </row>
    <row r="758918" spans="14:14">
      <c r="N758918" s="10"/>
    </row>
    <row r="758919" spans="14:14">
      <c r="N758919" s="10"/>
    </row>
    <row r="758920" spans="14:14">
      <c r="N758920" s="10"/>
    </row>
    <row r="758921" spans="14:14">
      <c r="N758921" s="10"/>
    </row>
    <row r="758922" spans="14:14">
      <c r="N758922" s="10"/>
    </row>
    <row r="758923" spans="14:14">
      <c r="N758923" s="10"/>
    </row>
    <row r="758924" spans="14:14">
      <c r="N758924" s="10"/>
    </row>
    <row r="758925" spans="14:14">
      <c r="N758925" s="10"/>
    </row>
    <row r="758926" spans="14:14">
      <c r="N758926" s="10"/>
    </row>
    <row r="758927" spans="14:14">
      <c r="N758927" s="10"/>
    </row>
    <row r="758928" spans="14:14">
      <c r="N758928" s="10"/>
    </row>
    <row r="758929" spans="14:14">
      <c r="N758929" s="10"/>
    </row>
    <row r="758930" spans="14:14">
      <c r="N758930" s="10"/>
    </row>
    <row r="758931" spans="14:14">
      <c r="N758931" s="10"/>
    </row>
    <row r="758932" spans="14:14">
      <c r="N758932" s="10"/>
    </row>
    <row r="758933" spans="14:14">
      <c r="N758933" s="10"/>
    </row>
    <row r="758934" spans="14:14">
      <c r="N758934" s="10"/>
    </row>
    <row r="758935" spans="14:14">
      <c r="N758935" s="10"/>
    </row>
    <row r="758936" spans="14:14">
      <c r="N758936" s="10"/>
    </row>
    <row r="758937" spans="14:14">
      <c r="N758937" s="10"/>
    </row>
    <row r="758938" spans="14:14">
      <c r="N758938" s="10"/>
    </row>
    <row r="758939" spans="14:14">
      <c r="N758939" s="10"/>
    </row>
    <row r="758940" spans="14:14">
      <c r="N758940" s="10"/>
    </row>
    <row r="758941" spans="14:14">
      <c r="N758941" s="10"/>
    </row>
    <row r="758942" spans="14:14">
      <c r="N758942" s="10"/>
    </row>
    <row r="758943" spans="14:14">
      <c r="N758943" s="10"/>
    </row>
    <row r="758944" spans="14:14">
      <c r="N758944" s="10"/>
    </row>
    <row r="758945" spans="14:14">
      <c r="N758945" s="10"/>
    </row>
    <row r="758946" spans="14:14">
      <c r="N758946" s="10"/>
    </row>
    <row r="758947" spans="14:14">
      <c r="N758947" s="10"/>
    </row>
    <row r="758948" spans="14:14">
      <c r="N758948" s="10"/>
    </row>
    <row r="758949" spans="14:14">
      <c r="N758949" s="10"/>
    </row>
    <row r="758950" spans="14:14">
      <c r="N758950" s="10"/>
    </row>
    <row r="758951" spans="14:14">
      <c r="N758951" s="10"/>
    </row>
    <row r="758952" spans="14:14">
      <c r="N758952" s="10"/>
    </row>
    <row r="758953" spans="14:14">
      <c r="N758953" s="10"/>
    </row>
    <row r="758954" spans="14:14">
      <c r="N758954" s="10"/>
    </row>
    <row r="758955" spans="14:14">
      <c r="N758955" s="10"/>
    </row>
    <row r="758956" spans="14:14">
      <c r="N758956" s="10"/>
    </row>
    <row r="758957" spans="14:14">
      <c r="N758957" s="10"/>
    </row>
    <row r="758958" spans="14:14">
      <c r="N758958" s="10"/>
    </row>
    <row r="758959" spans="14:14">
      <c r="N758959" s="10"/>
    </row>
    <row r="758960" spans="14:14">
      <c r="N758960" s="10"/>
    </row>
    <row r="758961" spans="14:14">
      <c r="N758961" s="10"/>
    </row>
    <row r="758962" spans="14:14">
      <c r="N758962" s="10"/>
    </row>
    <row r="758963" spans="14:14">
      <c r="N758963" s="10"/>
    </row>
    <row r="758964" spans="14:14">
      <c r="N758964" s="10"/>
    </row>
    <row r="758965" spans="14:14">
      <c r="N758965" s="10"/>
    </row>
    <row r="758966" spans="14:14">
      <c r="N758966" s="10"/>
    </row>
    <row r="758967" spans="14:14">
      <c r="N758967" s="10"/>
    </row>
    <row r="758968" spans="14:14">
      <c r="N758968" s="10"/>
    </row>
    <row r="758969" spans="14:14">
      <c r="N758969" s="10"/>
    </row>
    <row r="758970" spans="14:14">
      <c r="N758970" s="10"/>
    </row>
    <row r="758971" spans="14:14">
      <c r="N758971" s="10"/>
    </row>
    <row r="758972" spans="14:14">
      <c r="N758972" s="10"/>
    </row>
    <row r="758973" spans="14:14">
      <c r="N758973" s="10"/>
    </row>
    <row r="758974" spans="14:14">
      <c r="N758974" s="10"/>
    </row>
    <row r="758975" spans="14:14">
      <c r="N758975" s="10"/>
    </row>
    <row r="758976" spans="14:14">
      <c r="N758976" s="10"/>
    </row>
    <row r="758977" spans="14:14">
      <c r="N758977" s="10"/>
    </row>
    <row r="758978" spans="14:14">
      <c r="N758978" s="10"/>
    </row>
    <row r="758979" spans="14:14">
      <c r="N758979" s="10"/>
    </row>
    <row r="758980" spans="14:14">
      <c r="N758980" s="10"/>
    </row>
    <row r="758981" spans="14:14">
      <c r="N758981" s="10"/>
    </row>
    <row r="758982" spans="14:14">
      <c r="N758982" s="10"/>
    </row>
    <row r="758983" spans="14:14">
      <c r="N758983" s="10"/>
    </row>
    <row r="758984" spans="14:14">
      <c r="N758984" s="10"/>
    </row>
    <row r="758985" spans="14:14">
      <c r="N758985" s="10"/>
    </row>
    <row r="758986" spans="14:14">
      <c r="N758986" s="10"/>
    </row>
    <row r="758987" spans="14:14">
      <c r="N758987" s="10"/>
    </row>
    <row r="758988" spans="14:14">
      <c r="N758988" s="10"/>
    </row>
    <row r="758989" spans="14:14">
      <c r="N758989" s="10"/>
    </row>
    <row r="758990" spans="14:14">
      <c r="N758990" s="10"/>
    </row>
    <row r="758991" spans="14:14">
      <c r="N758991" s="10"/>
    </row>
    <row r="758992" spans="14:14">
      <c r="N758992" s="10"/>
    </row>
    <row r="758993" spans="14:14">
      <c r="N758993" s="10"/>
    </row>
    <row r="758994" spans="14:14">
      <c r="N758994" s="10"/>
    </row>
    <row r="758995" spans="14:14">
      <c r="N758995" s="10"/>
    </row>
    <row r="758996" spans="14:14">
      <c r="N758996" s="10"/>
    </row>
    <row r="758997" spans="14:14">
      <c r="N758997" s="10"/>
    </row>
    <row r="758998" spans="14:14">
      <c r="N758998" s="10"/>
    </row>
    <row r="758999" spans="14:14">
      <c r="N758999" s="10"/>
    </row>
    <row r="759000" spans="14:14">
      <c r="N759000" s="10"/>
    </row>
    <row r="759001" spans="14:14">
      <c r="N759001" s="10"/>
    </row>
    <row r="759002" spans="14:14">
      <c r="N759002" s="10"/>
    </row>
    <row r="759003" spans="14:14">
      <c r="N759003" s="10"/>
    </row>
    <row r="759004" spans="14:14">
      <c r="N759004" s="10"/>
    </row>
    <row r="759005" spans="14:14">
      <c r="N759005" s="10"/>
    </row>
    <row r="759006" spans="14:14">
      <c r="N759006" s="10"/>
    </row>
    <row r="759007" spans="14:14">
      <c r="N759007" s="10"/>
    </row>
    <row r="759008" spans="14:14">
      <c r="N759008" s="10"/>
    </row>
    <row r="759009" spans="14:14">
      <c r="N759009" s="10"/>
    </row>
    <row r="759010" spans="14:14">
      <c r="N759010" s="10"/>
    </row>
    <row r="759011" spans="14:14">
      <c r="N759011" s="10"/>
    </row>
    <row r="759012" spans="14:14">
      <c r="N759012" s="10"/>
    </row>
    <row r="759013" spans="14:14">
      <c r="N759013" s="10"/>
    </row>
    <row r="759014" spans="14:14">
      <c r="N759014" s="10"/>
    </row>
    <row r="759015" spans="14:14">
      <c r="N759015" s="10"/>
    </row>
    <row r="759016" spans="14:14">
      <c r="N759016" s="10"/>
    </row>
    <row r="759017" spans="14:14">
      <c r="N759017" s="10"/>
    </row>
    <row r="759018" spans="14:14">
      <c r="N759018" s="10"/>
    </row>
    <row r="759019" spans="14:14">
      <c r="N759019" s="10"/>
    </row>
    <row r="759020" spans="14:14">
      <c r="N759020" s="10"/>
    </row>
    <row r="759021" spans="14:14">
      <c r="N759021" s="10"/>
    </row>
    <row r="759022" spans="14:14">
      <c r="N759022" s="10"/>
    </row>
    <row r="759023" spans="14:14">
      <c r="N759023" s="10"/>
    </row>
    <row r="759024" spans="14:14">
      <c r="N759024" s="10"/>
    </row>
    <row r="759025" spans="14:14">
      <c r="N759025" s="10"/>
    </row>
    <row r="759026" spans="14:14">
      <c r="N759026" s="10"/>
    </row>
    <row r="759027" spans="14:14">
      <c r="N759027" s="10"/>
    </row>
    <row r="759028" spans="14:14">
      <c r="N759028" s="10"/>
    </row>
    <row r="759029" spans="14:14">
      <c r="N759029" s="10"/>
    </row>
    <row r="759030" spans="14:14">
      <c r="N759030" s="10"/>
    </row>
    <row r="759031" spans="14:14">
      <c r="N759031" s="10"/>
    </row>
    <row r="759032" spans="14:14">
      <c r="N759032" s="10"/>
    </row>
    <row r="759033" spans="14:14">
      <c r="N759033" s="10"/>
    </row>
    <row r="759034" spans="14:14">
      <c r="N759034" s="10"/>
    </row>
    <row r="759035" spans="14:14">
      <c r="N759035" s="10"/>
    </row>
    <row r="759036" spans="14:14">
      <c r="N759036" s="10"/>
    </row>
    <row r="759037" spans="14:14">
      <c r="N759037" s="10"/>
    </row>
    <row r="759038" spans="14:14">
      <c r="N759038" s="10"/>
    </row>
    <row r="759039" spans="14:14">
      <c r="N759039" s="10"/>
    </row>
    <row r="759040" spans="14:14">
      <c r="N759040" s="10"/>
    </row>
    <row r="759041" spans="14:14">
      <c r="N759041" s="10"/>
    </row>
    <row r="759042" spans="14:14">
      <c r="N759042" s="10"/>
    </row>
    <row r="759043" spans="14:14">
      <c r="N759043" s="10"/>
    </row>
    <row r="759044" spans="14:14">
      <c r="N759044" s="10"/>
    </row>
    <row r="759045" spans="14:14">
      <c r="N759045" s="10"/>
    </row>
    <row r="759046" spans="14:14">
      <c r="N759046" s="10"/>
    </row>
    <row r="759047" spans="14:14">
      <c r="N759047" s="10"/>
    </row>
    <row r="759048" spans="14:14">
      <c r="N759048" s="10"/>
    </row>
    <row r="759049" spans="14:14">
      <c r="N759049" s="10"/>
    </row>
    <row r="759050" spans="14:14">
      <c r="N759050" s="10"/>
    </row>
    <row r="759051" spans="14:14">
      <c r="N759051" s="10"/>
    </row>
    <row r="759052" spans="14:14">
      <c r="N759052" s="10"/>
    </row>
    <row r="759053" spans="14:14">
      <c r="N759053" s="10"/>
    </row>
    <row r="759054" spans="14:14">
      <c r="N759054" s="10"/>
    </row>
    <row r="759055" spans="14:14">
      <c r="N759055" s="10"/>
    </row>
    <row r="759056" spans="14:14">
      <c r="N759056" s="10"/>
    </row>
    <row r="759057" spans="14:14">
      <c r="N759057" s="10"/>
    </row>
    <row r="759058" spans="14:14">
      <c r="N759058" s="10"/>
    </row>
    <row r="759059" spans="14:14">
      <c r="N759059" s="10"/>
    </row>
    <row r="759060" spans="14:14">
      <c r="N759060" s="10"/>
    </row>
    <row r="759061" spans="14:14">
      <c r="N759061" s="10"/>
    </row>
    <row r="759062" spans="14:14">
      <c r="N759062" s="10"/>
    </row>
    <row r="759063" spans="14:14">
      <c r="N759063" s="10"/>
    </row>
    <row r="759064" spans="14:14">
      <c r="N759064" s="10"/>
    </row>
    <row r="759065" spans="14:14">
      <c r="N759065" s="10"/>
    </row>
    <row r="759066" spans="14:14">
      <c r="N759066" s="10"/>
    </row>
    <row r="759067" spans="14:14">
      <c r="N759067" s="10"/>
    </row>
    <row r="759068" spans="14:14">
      <c r="N759068" s="10"/>
    </row>
    <row r="759069" spans="14:14">
      <c r="N759069" s="10"/>
    </row>
    <row r="759070" spans="14:14">
      <c r="N759070" s="10"/>
    </row>
    <row r="759071" spans="14:14">
      <c r="N759071" s="10"/>
    </row>
    <row r="759072" spans="14:14">
      <c r="N759072" s="10"/>
    </row>
    <row r="759073" spans="14:14">
      <c r="N759073" s="10"/>
    </row>
    <row r="759074" spans="14:14">
      <c r="N759074" s="10"/>
    </row>
    <row r="759075" spans="14:14">
      <c r="N759075" s="10"/>
    </row>
    <row r="759076" spans="14:14">
      <c r="N759076" s="10"/>
    </row>
    <row r="759077" spans="14:14">
      <c r="N759077" s="10"/>
    </row>
    <row r="759078" spans="14:14">
      <c r="N759078" s="10"/>
    </row>
    <row r="759079" spans="14:14">
      <c r="N759079" s="10"/>
    </row>
    <row r="759080" spans="14:14">
      <c r="N759080" s="10"/>
    </row>
    <row r="759081" spans="14:14">
      <c r="N759081" s="10"/>
    </row>
    <row r="759082" spans="14:14">
      <c r="N759082" s="10"/>
    </row>
    <row r="759083" spans="14:14">
      <c r="N759083" s="10"/>
    </row>
    <row r="759084" spans="14:14">
      <c r="N759084" s="10"/>
    </row>
    <row r="759085" spans="14:14">
      <c r="N759085" s="10"/>
    </row>
    <row r="759086" spans="14:14">
      <c r="N759086" s="10"/>
    </row>
    <row r="759087" spans="14:14">
      <c r="N759087" s="10"/>
    </row>
    <row r="759088" spans="14:14">
      <c r="N759088" s="10"/>
    </row>
    <row r="759089" spans="14:14">
      <c r="N759089" s="10"/>
    </row>
    <row r="759090" spans="14:14">
      <c r="N759090" s="10"/>
    </row>
    <row r="759091" spans="14:14">
      <c r="N759091" s="10"/>
    </row>
    <row r="759092" spans="14:14">
      <c r="N759092" s="10"/>
    </row>
    <row r="759093" spans="14:14">
      <c r="N759093" s="10"/>
    </row>
    <row r="759094" spans="14:14">
      <c r="N759094" s="10"/>
    </row>
    <row r="759095" spans="14:14">
      <c r="N759095" s="10"/>
    </row>
    <row r="759096" spans="14:14">
      <c r="N759096" s="10"/>
    </row>
    <row r="759097" spans="14:14">
      <c r="N759097" s="10"/>
    </row>
    <row r="759098" spans="14:14">
      <c r="N759098" s="10"/>
    </row>
    <row r="759099" spans="14:14">
      <c r="N759099" s="10"/>
    </row>
    <row r="759100" spans="14:14">
      <c r="N759100" s="10"/>
    </row>
    <row r="759101" spans="14:14">
      <c r="N759101" s="10"/>
    </row>
    <row r="759102" spans="14:14">
      <c r="N759102" s="10"/>
    </row>
    <row r="759103" spans="14:14">
      <c r="N759103" s="10"/>
    </row>
    <row r="759104" spans="14:14">
      <c r="N759104" s="10"/>
    </row>
    <row r="759105" spans="14:14">
      <c r="N759105" s="10"/>
    </row>
    <row r="759106" spans="14:14">
      <c r="N759106" s="10"/>
    </row>
    <row r="759107" spans="14:14">
      <c r="N759107" s="10"/>
    </row>
    <row r="759108" spans="14:14">
      <c r="N759108" s="10"/>
    </row>
    <row r="759109" spans="14:14">
      <c r="N759109" s="10"/>
    </row>
    <row r="759110" spans="14:14">
      <c r="N759110" s="10"/>
    </row>
    <row r="759111" spans="14:14">
      <c r="N759111" s="10"/>
    </row>
    <row r="759112" spans="14:14">
      <c r="N759112" s="10"/>
    </row>
    <row r="759113" spans="14:14">
      <c r="N759113" s="10"/>
    </row>
    <row r="759114" spans="14:14">
      <c r="N759114" s="10"/>
    </row>
    <row r="759115" spans="14:14">
      <c r="N759115" s="10"/>
    </row>
    <row r="759116" spans="14:14">
      <c r="N759116" s="10"/>
    </row>
    <row r="759117" spans="14:14">
      <c r="N759117" s="10"/>
    </row>
    <row r="759118" spans="14:14">
      <c r="N759118" s="10"/>
    </row>
    <row r="759119" spans="14:14">
      <c r="N759119" s="10"/>
    </row>
    <row r="759120" spans="14:14">
      <c r="N759120" s="10"/>
    </row>
    <row r="759121" spans="14:14">
      <c r="N759121" s="10"/>
    </row>
    <row r="759122" spans="14:14">
      <c r="N759122" s="10"/>
    </row>
    <row r="759123" spans="14:14">
      <c r="N759123" s="10"/>
    </row>
    <row r="759124" spans="14:14">
      <c r="N759124" s="10"/>
    </row>
    <row r="759125" spans="14:14">
      <c r="N759125" s="10"/>
    </row>
    <row r="759126" spans="14:14">
      <c r="N759126" s="10"/>
    </row>
    <row r="759127" spans="14:14">
      <c r="N759127" s="10"/>
    </row>
    <row r="759128" spans="14:14">
      <c r="N759128" s="10"/>
    </row>
    <row r="759129" spans="14:14">
      <c r="N759129" s="10"/>
    </row>
    <row r="759130" spans="14:14">
      <c r="N759130" s="10"/>
    </row>
    <row r="759131" spans="14:14">
      <c r="N759131" s="10"/>
    </row>
    <row r="759132" spans="14:14">
      <c r="N759132" s="10"/>
    </row>
    <row r="759133" spans="14:14">
      <c r="N759133" s="10"/>
    </row>
    <row r="759134" spans="14:14">
      <c r="N759134" s="10"/>
    </row>
    <row r="759135" spans="14:14">
      <c r="N759135" s="10"/>
    </row>
    <row r="759136" spans="14:14">
      <c r="N759136" s="10"/>
    </row>
    <row r="759137" spans="14:14">
      <c r="N759137" s="10"/>
    </row>
    <row r="759138" spans="14:14">
      <c r="N759138" s="10"/>
    </row>
    <row r="759139" spans="14:14">
      <c r="N759139" s="10"/>
    </row>
    <row r="759140" spans="14:14">
      <c r="N759140" s="10"/>
    </row>
    <row r="759141" spans="14:14">
      <c r="N759141" s="10"/>
    </row>
    <row r="759142" spans="14:14">
      <c r="N759142" s="10"/>
    </row>
    <row r="759143" spans="14:14">
      <c r="N759143" s="10"/>
    </row>
    <row r="759144" spans="14:14">
      <c r="N759144" s="10"/>
    </row>
    <row r="759145" spans="14:14">
      <c r="N759145" s="10"/>
    </row>
    <row r="759146" spans="14:14">
      <c r="N759146" s="10"/>
    </row>
    <row r="759147" spans="14:14">
      <c r="N759147" s="10"/>
    </row>
    <row r="759148" spans="14:14">
      <c r="N759148" s="10"/>
    </row>
    <row r="759149" spans="14:14">
      <c r="N759149" s="10"/>
    </row>
    <row r="759150" spans="14:14">
      <c r="N759150" s="10"/>
    </row>
    <row r="759151" spans="14:14">
      <c r="N759151" s="10"/>
    </row>
    <row r="759152" spans="14:14">
      <c r="N759152" s="10"/>
    </row>
    <row r="759153" spans="14:14">
      <c r="N759153" s="10"/>
    </row>
    <row r="759154" spans="14:14">
      <c r="N759154" s="10"/>
    </row>
    <row r="759155" spans="14:14">
      <c r="N759155" s="10"/>
    </row>
    <row r="759156" spans="14:14">
      <c r="N759156" s="10"/>
    </row>
    <row r="759157" spans="14:14">
      <c r="N759157" s="10"/>
    </row>
    <row r="759158" spans="14:14">
      <c r="N759158" s="10"/>
    </row>
    <row r="759159" spans="14:14">
      <c r="N759159" s="10"/>
    </row>
    <row r="759160" spans="14:14">
      <c r="N759160" s="10"/>
    </row>
    <row r="759161" spans="14:14">
      <c r="N759161" s="10"/>
    </row>
    <row r="759162" spans="14:14">
      <c r="N759162" s="10"/>
    </row>
    <row r="759163" spans="14:14">
      <c r="N759163" s="10"/>
    </row>
    <row r="759164" spans="14:14">
      <c r="N759164" s="10"/>
    </row>
    <row r="759165" spans="14:14">
      <c r="N759165" s="10"/>
    </row>
    <row r="759166" spans="14:14">
      <c r="N759166" s="10"/>
    </row>
    <row r="759167" spans="14:14">
      <c r="N759167" s="10"/>
    </row>
    <row r="759168" spans="14:14">
      <c r="N759168" s="10"/>
    </row>
    <row r="759169" spans="14:14">
      <c r="N759169" s="10"/>
    </row>
    <row r="759170" spans="14:14">
      <c r="N759170" s="10"/>
    </row>
    <row r="759171" spans="14:14">
      <c r="N759171" s="10"/>
    </row>
    <row r="759172" spans="14:14">
      <c r="N759172" s="10"/>
    </row>
    <row r="759173" spans="14:14">
      <c r="N759173" s="10"/>
    </row>
    <row r="759174" spans="14:14">
      <c r="N759174" s="10"/>
    </row>
    <row r="759175" spans="14:14">
      <c r="N759175" s="10"/>
    </row>
    <row r="759176" spans="14:14">
      <c r="N759176" s="10"/>
    </row>
    <row r="759177" spans="14:14">
      <c r="N759177" s="10"/>
    </row>
    <row r="759178" spans="14:14">
      <c r="N759178" s="10"/>
    </row>
    <row r="759179" spans="14:14">
      <c r="N759179" s="10"/>
    </row>
    <row r="759180" spans="14:14">
      <c r="N759180" s="10"/>
    </row>
    <row r="759181" spans="14:14">
      <c r="N759181" s="10"/>
    </row>
    <row r="759182" spans="14:14">
      <c r="N759182" s="10"/>
    </row>
    <row r="759183" spans="14:14">
      <c r="N759183" s="10"/>
    </row>
    <row r="759184" spans="14:14">
      <c r="N759184" s="10"/>
    </row>
    <row r="759185" spans="14:14">
      <c r="N759185" s="10"/>
    </row>
    <row r="759186" spans="14:14">
      <c r="N759186" s="10"/>
    </row>
    <row r="759187" spans="14:14">
      <c r="N759187" s="10"/>
    </row>
    <row r="759188" spans="14:14">
      <c r="N759188" s="10"/>
    </row>
    <row r="759189" spans="14:14">
      <c r="N759189" s="10"/>
    </row>
    <row r="759190" spans="14:14">
      <c r="N759190" s="10"/>
    </row>
    <row r="759191" spans="14:14">
      <c r="N759191" s="10"/>
    </row>
    <row r="759192" spans="14:14">
      <c r="N759192" s="10"/>
    </row>
    <row r="759193" spans="14:14">
      <c r="N759193" s="10"/>
    </row>
    <row r="759194" spans="14:14">
      <c r="N759194" s="10"/>
    </row>
    <row r="759195" spans="14:14">
      <c r="N759195" s="10"/>
    </row>
    <row r="759196" spans="14:14">
      <c r="N759196" s="10"/>
    </row>
    <row r="759197" spans="14:14">
      <c r="N759197" s="10"/>
    </row>
    <row r="759198" spans="14:14">
      <c r="N759198" s="10"/>
    </row>
    <row r="759199" spans="14:14">
      <c r="N759199" s="10"/>
    </row>
    <row r="759200" spans="14:14">
      <c r="N759200" s="10"/>
    </row>
    <row r="759201" spans="14:14">
      <c r="N759201" s="10"/>
    </row>
    <row r="759202" spans="14:14">
      <c r="N759202" s="10"/>
    </row>
    <row r="759203" spans="14:14">
      <c r="N759203" s="10"/>
    </row>
    <row r="759204" spans="14:14">
      <c r="N759204" s="10"/>
    </row>
    <row r="759205" spans="14:14">
      <c r="N759205" s="10"/>
    </row>
    <row r="759206" spans="14:14">
      <c r="N759206" s="10"/>
    </row>
    <row r="759207" spans="14:14">
      <c r="N759207" s="10"/>
    </row>
    <row r="759208" spans="14:14">
      <c r="N759208" s="10"/>
    </row>
    <row r="759209" spans="14:14">
      <c r="N759209" s="10"/>
    </row>
    <row r="759210" spans="14:14">
      <c r="N759210" s="10"/>
    </row>
    <row r="759211" spans="14:14">
      <c r="N759211" s="10"/>
    </row>
    <row r="759212" spans="14:14">
      <c r="N759212" s="10"/>
    </row>
    <row r="759213" spans="14:14">
      <c r="N759213" s="10"/>
    </row>
    <row r="759214" spans="14:14">
      <c r="N759214" s="10"/>
    </row>
    <row r="759215" spans="14:14">
      <c r="N759215" s="10"/>
    </row>
    <row r="759216" spans="14:14">
      <c r="N759216" s="10"/>
    </row>
    <row r="759217" spans="14:14">
      <c r="N759217" s="10"/>
    </row>
    <row r="759218" spans="14:14">
      <c r="N759218" s="10"/>
    </row>
    <row r="759219" spans="14:14">
      <c r="N759219" s="10"/>
    </row>
    <row r="759220" spans="14:14">
      <c r="N759220" s="10"/>
    </row>
    <row r="759221" spans="14:14">
      <c r="N759221" s="10"/>
    </row>
    <row r="759222" spans="14:14">
      <c r="N759222" s="10"/>
    </row>
    <row r="759223" spans="14:14">
      <c r="N759223" s="10"/>
    </row>
    <row r="759224" spans="14:14">
      <c r="N759224" s="10"/>
    </row>
    <row r="759225" spans="14:14">
      <c r="N759225" s="10"/>
    </row>
    <row r="759226" spans="14:14">
      <c r="N759226" s="10"/>
    </row>
    <row r="759227" spans="14:14">
      <c r="N759227" s="10"/>
    </row>
    <row r="759228" spans="14:14">
      <c r="N759228" s="10"/>
    </row>
    <row r="759229" spans="14:14">
      <c r="N759229" s="10"/>
    </row>
    <row r="759230" spans="14:14">
      <c r="N759230" s="10"/>
    </row>
    <row r="759231" spans="14:14">
      <c r="N759231" s="10"/>
    </row>
    <row r="759232" spans="14:14">
      <c r="N759232" s="10"/>
    </row>
    <row r="759233" spans="14:14">
      <c r="N759233" s="10"/>
    </row>
    <row r="759234" spans="14:14">
      <c r="N759234" s="10"/>
    </row>
    <row r="759235" spans="14:14">
      <c r="N759235" s="10"/>
    </row>
    <row r="759236" spans="14:14">
      <c r="N759236" s="10"/>
    </row>
    <row r="759237" spans="14:14">
      <c r="N759237" s="10"/>
    </row>
    <row r="759238" spans="14:14">
      <c r="N759238" s="10"/>
    </row>
    <row r="759239" spans="14:14">
      <c r="N759239" s="10"/>
    </row>
    <row r="759240" spans="14:14">
      <c r="N759240" s="10"/>
    </row>
    <row r="759241" spans="14:14">
      <c r="N759241" s="10"/>
    </row>
    <row r="759242" spans="14:14">
      <c r="N759242" s="10"/>
    </row>
    <row r="759243" spans="14:14">
      <c r="N759243" s="10"/>
    </row>
    <row r="759244" spans="14:14">
      <c r="N759244" s="10"/>
    </row>
    <row r="759245" spans="14:14">
      <c r="N759245" s="10"/>
    </row>
    <row r="759246" spans="14:14">
      <c r="N759246" s="10"/>
    </row>
    <row r="759247" spans="14:14">
      <c r="N759247" s="10"/>
    </row>
    <row r="759248" spans="14:14">
      <c r="N759248" s="10"/>
    </row>
    <row r="759249" spans="14:14">
      <c r="N759249" s="10"/>
    </row>
    <row r="759250" spans="14:14">
      <c r="N759250" s="10"/>
    </row>
    <row r="759251" spans="14:14">
      <c r="N759251" s="10"/>
    </row>
    <row r="759252" spans="14:14">
      <c r="N759252" s="10"/>
    </row>
    <row r="759253" spans="14:14">
      <c r="N759253" s="10"/>
    </row>
    <row r="759254" spans="14:14">
      <c r="N759254" s="10"/>
    </row>
    <row r="759255" spans="14:14">
      <c r="N759255" s="10"/>
    </row>
    <row r="759256" spans="14:14">
      <c r="N759256" s="10"/>
    </row>
    <row r="759257" spans="14:14">
      <c r="N759257" s="10"/>
    </row>
    <row r="759258" spans="14:14">
      <c r="N759258" s="10"/>
    </row>
    <row r="759259" spans="14:14">
      <c r="N759259" s="10"/>
    </row>
    <row r="759260" spans="14:14">
      <c r="N759260" s="10"/>
    </row>
    <row r="759261" spans="14:14">
      <c r="N759261" s="10"/>
    </row>
    <row r="759262" spans="14:14">
      <c r="N759262" s="10"/>
    </row>
    <row r="759263" spans="14:14">
      <c r="N759263" s="10"/>
    </row>
    <row r="759264" spans="14:14">
      <c r="N759264" s="10"/>
    </row>
    <row r="759265" spans="14:14">
      <c r="N759265" s="10"/>
    </row>
    <row r="759266" spans="14:14">
      <c r="N759266" s="10"/>
    </row>
    <row r="759267" spans="14:14">
      <c r="N759267" s="10"/>
    </row>
    <row r="759268" spans="14:14">
      <c r="N759268" s="10"/>
    </row>
    <row r="759269" spans="14:14">
      <c r="N759269" s="10"/>
    </row>
    <row r="759270" spans="14:14">
      <c r="N759270" s="10"/>
    </row>
    <row r="759271" spans="14:14">
      <c r="N759271" s="10"/>
    </row>
    <row r="759272" spans="14:14">
      <c r="N759272" s="10"/>
    </row>
    <row r="759273" spans="14:14">
      <c r="N759273" s="10"/>
    </row>
    <row r="759274" spans="14:14">
      <c r="N759274" s="10"/>
    </row>
    <row r="759275" spans="14:14">
      <c r="N759275" s="10"/>
    </row>
    <row r="759276" spans="14:14">
      <c r="N759276" s="10"/>
    </row>
    <row r="759277" spans="14:14">
      <c r="N759277" s="10"/>
    </row>
    <row r="759278" spans="14:14">
      <c r="N759278" s="10"/>
    </row>
    <row r="759279" spans="14:14">
      <c r="N759279" s="10"/>
    </row>
    <row r="759280" spans="14:14">
      <c r="N759280" s="10"/>
    </row>
    <row r="759281" spans="14:14">
      <c r="N759281" s="10"/>
    </row>
    <row r="759282" spans="14:14">
      <c r="N759282" s="10"/>
    </row>
    <row r="759283" spans="14:14">
      <c r="N759283" s="10"/>
    </row>
    <row r="759284" spans="14:14">
      <c r="N759284" s="10"/>
    </row>
    <row r="759285" spans="14:14">
      <c r="N759285" s="10"/>
    </row>
    <row r="759286" spans="14:14">
      <c r="N759286" s="10"/>
    </row>
    <row r="759287" spans="14:14">
      <c r="N759287" s="10"/>
    </row>
    <row r="759288" spans="14:14">
      <c r="N759288" s="10"/>
    </row>
    <row r="759289" spans="14:14">
      <c r="N759289" s="10"/>
    </row>
    <row r="759290" spans="14:14">
      <c r="N759290" s="10"/>
    </row>
    <row r="759291" spans="14:14">
      <c r="N759291" s="10"/>
    </row>
    <row r="759292" spans="14:14">
      <c r="N759292" s="10"/>
    </row>
    <row r="759293" spans="14:14">
      <c r="N759293" s="10"/>
    </row>
    <row r="759294" spans="14:14">
      <c r="N759294" s="10"/>
    </row>
    <row r="759295" spans="14:14">
      <c r="N759295" s="10"/>
    </row>
    <row r="759296" spans="14:14">
      <c r="N759296" s="10"/>
    </row>
    <row r="759297" spans="14:14">
      <c r="N759297" s="10"/>
    </row>
    <row r="759298" spans="14:14">
      <c r="N759298" s="10"/>
    </row>
    <row r="759299" spans="14:14">
      <c r="N759299" s="10"/>
    </row>
    <row r="759300" spans="14:14">
      <c r="N759300" s="10"/>
    </row>
    <row r="759301" spans="14:14">
      <c r="N759301" s="10"/>
    </row>
    <row r="759302" spans="14:14">
      <c r="N759302" s="10"/>
    </row>
    <row r="759303" spans="14:14">
      <c r="N759303" s="10"/>
    </row>
    <row r="759304" spans="14:14">
      <c r="N759304" s="10"/>
    </row>
    <row r="759305" spans="14:14">
      <c r="N759305" s="10"/>
    </row>
    <row r="759306" spans="14:14">
      <c r="N759306" s="10"/>
    </row>
    <row r="759307" spans="14:14">
      <c r="N759307" s="10"/>
    </row>
    <row r="759308" spans="14:14">
      <c r="N759308" s="10"/>
    </row>
    <row r="759309" spans="14:14">
      <c r="N759309" s="10"/>
    </row>
    <row r="759310" spans="14:14">
      <c r="N759310" s="10"/>
    </row>
    <row r="759311" spans="14:14">
      <c r="N759311" s="10"/>
    </row>
    <row r="759312" spans="14:14">
      <c r="N759312" s="10"/>
    </row>
    <row r="759313" spans="14:14">
      <c r="N759313" s="10"/>
    </row>
    <row r="759314" spans="14:14">
      <c r="N759314" s="10"/>
    </row>
    <row r="759315" spans="14:14">
      <c r="N759315" s="10"/>
    </row>
    <row r="759316" spans="14:14">
      <c r="N759316" s="10"/>
    </row>
    <row r="759317" spans="14:14">
      <c r="N759317" s="10"/>
    </row>
    <row r="759318" spans="14:14">
      <c r="N759318" s="10"/>
    </row>
    <row r="759319" spans="14:14">
      <c r="N759319" s="10"/>
    </row>
    <row r="759320" spans="14:14">
      <c r="N759320" s="10"/>
    </row>
    <row r="759321" spans="14:14">
      <c r="N759321" s="10"/>
    </row>
    <row r="759322" spans="14:14">
      <c r="N759322" s="10"/>
    </row>
    <row r="759323" spans="14:14">
      <c r="N759323" s="10"/>
    </row>
    <row r="759324" spans="14:14">
      <c r="N759324" s="10"/>
    </row>
    <row r="759325" spans="14:14">
      <c r="N759325" s="10"/>
    </row>
    <row r="759326" spans="14:14">
      <c r="N759326" s="10"/>
    </row>
    <row r="759327" spans="14:14">
      <c r="N759327" s="10"/>
    </row>
    <row r="759328" spans="14:14">
      <c r="N759328" s="10"/>
    </row>
    <row r="759329" spans="14:14">
      <c r="N759329" s="10"/>
    </row>
    <row r="759330" spans="14:14">
      <c r="N759330" s="10"/>
    </row>
    <row r="759331" spans="14:14">
      <c r="N759331" s="10"/>
    </row>
    <row r="759332" spans="14:14">
      <c r="N759332" s="10"/>
    </row>
    <row r="759333" spans="14:14">
      <c r="N759333" s="10"/>
    </row>
    <row r="759334" spans="14:14">
      <c r="N759334" s="10"/>
    </row>
    <row r="759335" spans="14:14">
      <c r="N759335" s="10"/>
    </row>
    <row r="759336" spans="14:14">
      <c r="N759336" s="10"/>
    </row>
    <row r="759337" spans="14:14">
      <c r="N759337" s="10"/>
    </row>
    <row r="759338" spans="14:14">
      <c r="N759338" s="10"/>
    </row>
    <row r="759339" spans="14:14">
      <c r="N759339" s="10"/>
    </row>
    <row r="759340" spans="14:14">
      <c r="N759340" s="10"/>
    </row>
    <row r="759341" spans="14:14">
      <c r="N759341" s="10"/>
    </row>
    <row r="759342" spans="14:14">
      <c r="N759342" s="10"/>
    </row>
    <row r="759343" spans="14:14">
      <c r="N759343" s="10"/>
    </row>
    <row r="759344" spans="14:14">
      <c r="N759344" s="10"/>
    </row>
    <row r="759345" spans="14:14">
      <c r="N759345" s="10"/>
    </row>
    <row r="759346" spans="14:14">
      <c r="N759346" s="10"/>
    </row>
    <row r="759347" spans="14:14">
      <c r="N759347" s="10"/>
    </row>
    <row r="759348" spans="14:14">
      <c r="N759348" s="10"/>
    </row>
    <row r="759349" spans="14:14">
      <c r="N759349" s="10"/>
    </row>
    <row r="759350" spans="14:14">
      <c r="N759350" s="10"/>
    </row>
    <row r="759351" spans="14:14">
      <c r="N759351" s="10"/>
    </row>
    <row r="759352" spans="14:14">
      <c r="N759352" s="10"/>
    </row>
    <row r="759353" spans="14:14">
      <c r="N759353" s="10"/>
    </row>
    <row r="759354" spans="14:14">
      <c r="N759354" s="10"/>
    </row>
    <row r="759355" spans="14:14">
      <c r="N759355" s="10"/>
    </row>
    <row r="759356" spans="14:14">
      <c r="N759356" s="10"/>
    </row>
    <row r="759357" spans="14:14">
      <c r="N759357" s="10"/>
    </row>
    <row r="759358" spans="14:14">
      <c r="N759358" s="10"/>
    </row>
    <row r="759359" spans="14:14">
      <c r="N759359" s="10"/>
    </row>
    <row r="759360" spans="14:14">
      <c r="N759360" s="10"/>
    </row>
    <row r="759361" spans="14:14">
      <c r="N759361" s="10"/>
    </row>
    <row r="759362" spans="14:14">
      <c r="N759362" s="10"/>
    </row>
    <row r="759363" spans="14:14">
      <c r="N759363" s="10"/>
    </row>
    <row r="759364" spans="14:14">
      <c r="N759364" s="10"/>
    </row>
    <row r="759365" spans="14:14">
      <c r="N759365" s="10"/>
    </row>
    <row r="759366" spans="14:14">
      <c r="N759366" s="10"/>
    </row>
    <row r="759367" spans="14:14">
      <c r="N759367" s="10"/>
    </row>
    <row r="759368" spans="14:14">
      <c r="N759368" s="10"/>
    </row>
    <row r="759369" spans="14:14">
      <c r="N759369" s="10"/>
    </row>
    <row r="759370" spans="14:14">
      <c r="N759370" s="10"/>
    </row>
    <row r="759371" spans="14:14">
      <c r="N759371" s="10"/>
    </row>
    <row r="759372" spans="14:14">
      <c r="N759372" s="10"/>
    </row>
    <row r="759373" spans="14:14">
      <c r="N759373" s="10"/>
    </row>
    <row r="759374" spans="14:14">
      <c r="N759374" s="10"/>
    </row>
    <row r="759375" spans="14:14">
      <c r="N759375" s="10"/>
    </row>
    <row r="759376" spans="14:14">
      <c r="N759376" s="10"/>
    </row>
    <row r="759377" spans="14:14">
      <c r="N759377" s="10"/>
    </row>
    <row r="759378" spans="14:14">
      <c r="N759378" s="10"/>
    </row>
    <row r="759379" spans="14:14">
      <c r="N759379" s="10"/>
    </row>
    <row r="759380" spans="14:14">
      <c r="N759380" s="10"/>
    </row>
    <row r="759381" spans="14:14">
      <c r="N759381" s="10"/>
    </row>
    <row r="759382" spans="14:14">
      <c r="N759382" s="10"/>
    </row>
    <row r="759383" spans="14:14">
      <c r="N759383" s="10"/>
    </row>
    <row r="759384" spans="14:14">
      <c r="N759384" s="10"/>
    </row>
    <row r="759385" spans="14:14">
      <c r="N759385" s="10"/>
    </row>
    <row r="759386" spans="14:14">
      <c r="N759386" s="10"/>
    </row>
    <row r="759387" spans="14:14">
      <c r="N759387" s="10"/>
    </row>
    <row r="759388" spans="14:14">
      <c r="N759388" s="10"/>
    </row>
    <row r="759389" spans="14:14">
      <c r="N759389" s="10"/>
    </row>
    <row r="759390" spans="14:14">
      <c r="N759390" s="10"/>
    </row>
    <row r="759391" spans="14:14">
      <c r="N759391" s="10"/>
    </row>
    <row r="759392" spans="14:14">
      <c r="N759392" s="10"/>
    </row>
    <row r="759393" spans="14:14">
      <c r="N759393" s="10"/>
    </row>
    <row r="759394" spans="14:14">
      <c r="N759394" s="10"/>
    </row>
    <row r="759395" spans="14:14">
      <c r="N759395" s="10"/>
    </row>
    <row r="759396" spans="14:14">
      <c r="N759396" s="10"/>
    </row>
    <row r="759397" spans="14:14">
      <c r="N759397" s="10"/>
    </row>
    <row r="759398" spans="14:14">
      <c r="N759398" s="10"/>
    </row>
    <row r="759399" spans="14:14">
      <c r="N759399" s="10"/>
    </row>
    <row r="759400" spans="14:14">
      <c r="N759400" s="10"/>
    </row>
    <row r="759401" spans="14:14">
      <c r="N759401" s="10"/>
    </row>
    <row r="759402" spans="14:14">
      <c r="N759402" s="10"/>
    </row>
    <row r="759403" spans="14:14">
      <c r="N759403" s="10"/>
    </row>
    <row r="759404" spans="14:14">
      <c r="N759404" s="10"/>
    </row>
    <row r="759405" spans="14:14">
      <c r="N759405" s="10"/>
    </row>
    <row r="759406" spans="14:14">
      <c r="N759406" s="10"/>
    </row>
    <row r="759407" spans="14:14">
      <c r="N759407" s="10"/>
    </row>
    <row r="759408" spans="14:14">
      <c r="N759408" s="10"/>
    </row>
    <row r="759409" spans="14:14">
      <c r="N759409" s="10"/>
    </row>
    <row r="759410" spans="14:14">
      <c r="N759410" s="10"/>
    </row>
    <row r="759411" spans="14:14">
      <c r="N759411" s="10"/>
    </row>
    <row r="759412" spans="14:14">
      <c r="N759412" s="10"/>
    </row>
    <row r="759413" spans="14:14">
      <c r="N759413" s="10"/>
    </row>
    <row r="759414" spans="14:14">
      <c r="N759414" s="10"/>
    </row>
    <row r="759415" spans="14:14">
      <c r="N759415" s="10"/>
    </row>
    <row r="759416" spans="14:14">
      <c r="N759416" s="10"/>
    </row>
    <row r="759417" spans="14:14">
      <c r="N759417" s="10"/>
    </row>
    <row r="759418" spans="14:14">
      <c r="N759418" s="10"/>
    </row>
    <row r="759419" spans="14:14">
      <c r="N759419" s="10"/>
    </row>
    <row r="759420" spans="14:14">
      <c r="N759420" s="10"/>
    </row>
    <row r="759421" spans="14:14">
      <c r="N759421" s="10"/>
    </row>
    <row r="759422" spans="14:14">
      <c r="N759422" s="10"/>
    </row>
    <row r="759423" spans="14:14">
      <c r="N759423" s="10"/>
    </row>
    <row r="759424" spans="14:14">
      <c r="N759424" s="10"/>
    </row>
    <row r="759425" spans="14:14">
      <c r="N759425" s="10"/>
    </row>
    <row r="759426" spans="14:14">
      <c r="N759426" s="10"/>
    </row>
    <row r="759427" spans="14:14">
      <c r="N759427" s="10"/>
    </row>
    <row r="759428" spans="14:14">
      <c r="N759428" s="10"/>
    </row>
    <row r="759429" spans="14:14">
      <c r="N759429" s="10"/>
    </row>
    <row r="759430" spans="14:14">
      <c r="N759430" s="10"/>
    </row>
    <row r="759431" spans="14:14">
      <c r="N759431" s="10"/>
    </row>
    <row r="759432" spans="14:14">
      <c r="N759432" s="10"/>
    </row>
    <row r="759433" spans="14:14">
      <c r="N759433" s="10"/>
    </row>
    <row r="759434" spans="14:14">
      <c r="N759434" s="10"/>
    </row>
    <row r="759435" spans="14:14">
      <c r="N759435" s="10"/>
    </row>
    <row r="759436" spans="14:14">
      <c r="N759436" s="10"/>
    </row>
    <row r="759437" spans="14:14">
      <c r="N759437" s="10"/>
    </row>
    <row r="759438" spans="14:14">
      <c r="N759438" s="10"/>
    </row>
    <row r="759439" spans="14:14">
      <c r="N759439" s="10"/>
    </row>
    <row r="759440" spans="14:14">
      <c r="N759440" s="10"/>
    </row>
    <row r="759441" spans="14:14">
      <c r="N759441" s="10"/>
    </row>
    <row r="759442" spans="14:14">
      <c r="N759442" s="10"/>
    </row>
    <row r="759443" spans="14:14">
      <c r="N759443" s="10"/>
    </row>
    <row r="759444" spans="14:14">
      <c r="N759444" s="10"/>
    </row>
    <row r="759445" spans="14:14">
      <c r="N759445" s="10"/>
    </row>
    <row r="759446" spans="14:14">
      <c r="N759446" s="10"/>
    </row>
    <row r="759447" spans="14:14">
      <c r="N759447" s="10"/>
    </row>
    <row r="759448" spans="14:14">
      <c r="N759448" s="10"/>
    </row>
    <row r="759449" spans="14:14">
      <c r="N759449" s="10"/>
    </row>
    <row r="759450" spans="14:14">
      <c r="N759450" s="10"/>
    </row>
    <row r="759451" spans="14:14">
      <c r="N759451" s="10"/>
    </row>
    <row r="759452" spans="14:14">
      <c r="N759452" s="10"/>
    </row>
    <row r="759453" spans="14:14">
      <c r="N759453" s="10"/>
    </row>
    <row r="759454" spans="14:14">
      <c r="N759454" s="10"/>
    </row>
    <row r="759455" spans="14:14">
      <c r="N759455" s="10"/>
    </row>
    <row r="759456" spans="14:14">
      <c r="N759456" s="10"/>
    </row>
    <row r="759457" spans="14:14">
      <c r="N759457" s="10"/>
    </row>
    <row r="759458" spans="14:14">
      <c r="N759458" s="10"/>
    </row>
    <row r="759459" spans="14:14">
      <c r="N759459" s="10"/>
    </row>
    <row r="759460" spans="14:14">
      <c r="N759460" s="10"/>
    </row>
    <row r="759461" spans="14:14">
      <c r="N759461" s="10"/>
    </row>
    <row r="759462" spans="14:14">
      <c r="N759462" s="10"/>
    </row>
    <row r="759463" spans="14:14">
      <c r="N759463" s="10"/>
    </row>
    <row r="759464" spans="14:14">
      <c r="N759464" s="10"/>
    </row>
    <row r="759465" spans="14:14">
      <c r="N759465" s="10"/>
    </row>
    <row r="759466" spans="14:14">
      <c r="N759466" s="10"/>
    </row>
    <row r="759467" spans="14:14">
      <c r="N759467" s="10"/>
    </row>
    <row r="759468" spans="14:14">
      <c r="N759468" s="10"/>
    </row>
    <row r="759469" spans="14:14">
      <c r="N759469" s="10"/>
    </row>
    <row r="759470" spans="14:14">
      <c r="N759470" s="10"/>
    </row>
    <row r="759471" spans="14:14">
      <c r="N759471" s="10"/>
    </row>
    <row r="759472" spans="14:14">
      <c r="N759472" s="10"/>
    </row>
    <row r="759473" spans="14:14">
      <c r="N759473" s="10"/>
    </row>
    <row r="759474" spans="14:14">
      <c r="N759474" s="10"/>
    </row>
    <row r="759475" spans="14:14">
      <c r="N759475" s="10"/>
    </row>
    <row r="759476" spans="14:14">
      <c r="N759476" s="10"/>
    </row>
    <row r="759477" spans="14:14">
      <c r="N759477" s="10"/>
    </row>
    <row r="759478" spans="14:14">
      <c r="N759478" s="10"/>
    </row>
    <row r="759479" spans="14:14">
      <c r="N759479" s="10"/>
    </row>
    <row r="759480" spans="14:14">
      <c r="N759480" s="10"/>
    </row>
    <row r="759481" spans="14:14">
      <c r="N759481" s="10"/>
    </row>
    <row r="759482" spans="14:14">
      <c r="N759482" s="10"/>
    </row>
    <row r="759483" spans="14:14">
      <c r="N759483" s="10"/>
    </row>
    <row r="759484" spans="14:14">
      <c r="N759484" s="10"/>
    </row>
    <row r="759485" spans="14:14">
      <c r="N759485" s="10"/>
    </row>
    <row r="759486" spans="14:14">
      <c r="N759486" s="10"/>
    </row>
    <row r="759487" spans="14:14">
      <c r="N759487" s="10"/>
    </row>
    <row r="759488" spans="14:14">
      <c r="N759488" s="10"/>
    </row>
    <row r="759489" spans="14:14">
      <c r="N759489" s="10"/>
    </row>
    <row r="759490" spans="14:14">
      <c r="N759490" s="10"/>
    </row>
    <row r="759491" spans="14:14">
      <c r="N759491" s="10"/>
    </row>
    <row r="759492" spans="14:14">
      <c r="N759492" s="10"/>
    </row>
    <row r="759493" spans="14:14">
      <c r="N759493" s="10"/>
    </row>
    <row r="759494" spans="14:14">
      <c r="N759494" s="10"/>
    </row>
    <row r="759495" spans="14:14">
      <c r="N759495" s="10"/>
    </row>
    <row r="759496" spans="14:14">
      <c r="N759496" s="10"/>
    </row>
    <row r="759497" spans="14:14">
      <c r="N759497" s="10"/>
    </row>
    <row r="759498" spans="14:14">
      <c r="N759498" s="10"/>
    </row>
    <row r="759499" spans="14:14">
      <c r="N759499" s="10"/>
    </row>
    <row r="759500" spans="14:14">
      <c r="N759500" s="10"/>
    </row>
    <row r="759501" spans="14:14">
      <c r="N759501" s="10"/>
    </row>
    <row r="759502" spans="14:14">
      <c r="N759502" s="10"/>
    </row>
    <row r="759503" spans="14:14">
      <c r="N759503" s="10"/>
    </row>
    <row r="759504" spans="14:14">
      <c r="N759504" s="10"/>
    </row>
    <row r="759505" spans="14:14">
      <c r="N759505" s="10"/>
    </row>
    <row r="759506" spans="14:14">
      <c r="N759506" s="10"/>
    </row>
    <row r="759507" spans="14:14">
      <c r="N759507" s="10"/>
    </row>
    <row r="759508" spans="14:14">
      <c r="N759508" s="10"/>
    </row>
    <row r="759509" spans="14:14">
      <c r="N759509" s="10"/>
    </row>
    <row r="759510" spans="14:14">
      <c r="N759510" s="10"/>
    </row>
    <row r="759511" spans="14:14">
      <c r="N759511" s="10"/>
    </row>
    <row r="759512" spans="14:14">
      <c r="N759512" s="10"/>
    </row>
    <row r="759513" spans="14:14">
      <c r="N759513" s="10"/>
    </row>
    <row r="759514" spans="14:14">
      <c r="N759514" s="10"/>
    </row>
    <row r="759515" spans="14:14">
      <c r="N759515" s="10"/>
    </row>
    <row r="759516" spans="14:14">
      <c r="N759516" s="10"/>
    </row>
    <row r="759517" spans="14:14">
      <c r="N759517" s="10"/>
    </row>
    <row r="759518" spans="14:14">
      <c r="N759518" s="10"/>
    </row>
    <row r="759519" spans="14:14">
      <c r="N759519" s="10"/>
    </row>
    <row r="759520" spans="14:14">
      <c r="N759520" s="10"/>
    </row>
    <row r="759521" spans="14:14">
      <c r="N759521" s="10"/>
    </row>
    <row r="759522" spans="14:14">
      <c r="N759522" s="10"/>
    </row>
    <row r="759523" spans="14:14">
      <c r="N759523" s="10"/>
    </row>
    <row r="759524" spans="14:14">
      <c r="N759524" s="10"/>
    </row>
    <row r="759525" spans="14:14">
      <c r="N759525" s="10"/>
    </row>
    <row r="759526" spans="14:14">
      <c r="N759526" s="10"/>
    </row>
    <row r="759527" spans="14:14">
      <c r="N759527" s="10"/>
    </row>
    <row r="759528" spans="14:14">
      <c r="N759528" s="10"/>
    </row>
    <row r="759529" spans="14:14">
      <c r="N759529" s="10"/>
    </row>
    <row r="759530" spans="14:14">
      <c r="N759530" s="10"/>
    </row>
    <row r="759531" spans="14:14">
      <c r="N759531" s="10"/>
    </row>
    <row r="759532" spans="14:14">
      <c r="N759532" s="10"/>
    </row>
    <row r="759533" spans="14:14">
      <c r="N759533" s="10"/>
    </row>
    <row r="759534" spans="14:14">
      <c r="N759534" s="10"/>
    </row>
    <row r="759535" spans="14:14">
      <c r="N759535" s="10"/>
    </row>
    <row r="759536" spans="14:14">
      <c r="N759536" s="10"/>
    </row>
    <row r="759537" spans="14:14">
      <c r="N759537" s="10"/>
    </row>
    <row r="759538" spans="14:14">
      <c r="N759538" s="10"/>
    </row>
    <row r="759539" spans="14:14">
      <c r="N759539" s="10"/>
    </row>
    <row r="759540" spans="14:14">
      <c r="N759540" s="10"/>
    </row>
    <row r="759541" spans="14:14">
      <c r="N759541" s="10"/>
    </row>
    <row r="759542" spans="14:14">
      <c r="N759542" s="10"/>
    </row>
    <row r="759543" spans="14:14">
      <c r="N759543" s="10"/>
    </row>
    <row r="759544" spans="14:14">
      <c r="N759544" s="10"/>
    </row>
    <row r="759545" spans="14:14">
      <c r="N759545" s="10"/>
    </row>
    <row r="759546" spans="14:14">
      <c r="N759546" s="10"/>
    </row>
    <row r="759547" spans="14:14">
      <c r="N759547" s="10"/>
    </row>
    <row r="759548" spans="14:14">
      <c r="N759548" s="10"/>
    </row>
    <row r="759549" spans="14:14">
      <c r="N759549" s="10"/>
    </row>
    <row r="759550" spans="14:14">
      <c r="N759550" s="10"/>
    </row>
    <row r="759551" spans="14:14">
      <c r="N759551" s="10"/>
    </row>
    <row r="759552" spans="14:14">
      <c r="N759552" s="10"/>
    </row>
    <row r="759553" spans="14:14">
      <c r="N759553" s="10"/>
    </row>
    <row r="759554" spans="14:14">
      <c r="N759554" s="10"/>
    </row>
    <row r="759555" spans="14:14">
      <c r="N759555" s="10"/>
    </row>
    <row r="759556" spans="14:14">
      <c r="N759556" s="10"/>
    </row>
    <row r="759557" spans="14:14">
      <c r="N759557" s="10"/>
    </row>
    <row r="759558" spans="14:14">
      <c r="N759558" s="10"/>
    </row>
    <row r="759559" spans="14:14">
      <c r="N759559" s="10"/>
    </row>
    <row r="759560" spans="14:14">
      <c r="N759560" s="10"/>
    </row>
    <row r="759561" spans="14:14">
      <c r="N759561" s="10"/>
    </row>
    <row r="759562" spans="14:14">
      <c r="N759562" s="10"/>
    </row>
    <row r="759563" spans="14:14">
      <c r="N759563" s="10"/>
    </row>
    <row r="759564" spans="14:14">
      <c r="N759564" s="10"/>
    </row>
    <row r="759565" spans="14:14">
      <c r="N759565" s="10"/>
    </row>
    <row r="759566" spans="14:14">
      <c r="N759566" s="10"/>
    </row>
    <row r="759567" spans="14:14">
      <c r="N759567" s="10"/>
    </row>
    <row r="759568" spans="14:14">
      <c r="N759568" s="10"/>
    </row>
    <row r="759569" spans="14:14">
      <c r="N759569" s="10"/>
    </row>
    <row r="759570" spans="14:14">
      <c r="N759570" s="10"/>
    </row>
    <row r="759571" spans="14:14">
      <c r="N759571" s="10"/>
    </row>
    <row r="759572" spans="14:14">
      <c r="N759572" s="10"/>
    </row>
    <row r="759573" spans="14:14">
      <c r="N759573" s="10"/>
    </row>
    <row r="759574" spans="14:14">
      <c r="N759574" s="10"/>
    </row>
    <row r="759575" spans="14:14">
      <c r="N759575" s="10"/>
    </row>
    <row r="759576" spans="14:14">
      <c r="N759576" s="10"/>
    </row>
    <row r="759577" spans="14:14">
      <c r="N759577" s="10"/>
    </row>
    <row r="759578" spans="14:14">
      <c r="N759578" s="10"/>
    </row>
    <row r="759579" spans="14:14">
      <c r="N759579" s="10"/>
    </row>
    <row r="759580" spans="14:14">
      <c r="N759580" s="10"/>
    </row>
    <row r="759581" spans="14:14">
      <c r="N759581" s="10"/>
    </row>
    <row r="759582" spans="14:14">
      <c r="N759582" s="10"/>
    </row>
    <row r="759583" spans="14:14">
      <c r="N759583" s="10"/>
    </row>
    <row r="759584" spans="14:14">
      <c r="N759584" s="10"/>
    </row>
    <row r="759585" spans="14:14">
      <c r="N759585" s="10"/>
    </row>
    <row r="759586" spans="14:14">
      <c r="N759586" s="10"/>
    </row>
    <row r="759587" spans="14:14">
      <c r="N759587" s="10"/>
    </row>
    <row r="759588" spans="14:14">
      <c r="N759588" s="10"/>
    </row>
    <row r="759589" spans="14:14">
      <c r="N759589" s="10"/>
    </row>
    <row r="759590" spans="14:14">
      <c r="N759590" s="10"/>
    </row>
    <row r="759591" spans="14:14">
      <c r="N759591" s="10"/>
    </row>
    <row r="759592" spans="14:14">
      <c r="N759592" s="10"/>
    </row>
    <row r="759593" spans="14:14">
      <c r="N759593" s="10"/>
    </row>
    <row r="759594" spans="14:14">
      <c r="N759594" s="10"/>
    </row>
    <row r="759595" spans="14:14">
      <c r="N759595" s="10"/>
    </row>
    <row r="759596" spans="14:14">
      <c r="N759596" s="10"/>
    </row>
    <row r="759597" spans="14:14">
      <c r="N759597" s="10"/>
    </row>
    <row r="759598" spans="14:14">
      <c r="N759598" s="10"/>
    </row>
    <row r="759599" spans="14:14">
      <c r="N759599" s="10"/>
    </row>
    <row r="759600" spans="14:14">
      <c r="N759600" s="10"/>
    </row>
    <row r="759601" spans="14:14">
      <c r="N759601" s="10"/>
    </row>
    <row r="759602" spans="14:14">
      <c r="N759602" s="10"/>
    </row>
    <row r="759603" spans="14:14">
      <c r="N759603" s="10"/>
    </row>
    <row r="759604" spans="14:14">
      <c r="N759604" s="10"/>
    </row>
    <row r="759605" spans="14:14">
      <c r="N759605" s="10"/>
    </row>
    <row r="759606" spans="14:14">
      <c r="N759606" s="10"/>
    </row>
    <row r="759607" spans="14:14">
      <c r="N759607" s="10"/>
    </row>
    <row r="759608" spans="14:14">
      <c r="N759608" s="10"/>
    </row>
    <row r="759609" spans="14:14">
      <c r="N759609" s="10"/>
    </row>
    <row r="759610" spans="14:14">
      <c r="N759610" s="10"/>
    </row>
    <row r="759611" spans="14:14">
      <c r="N759611" s="10"/>
    </row>
    <row r="759612" spans="14:14">
      <c r="N759612" s="10"/>
    </row>
    <row r="759613" spans="14:14">
      <c r="N759613" s="10"/>
    </row>
    <row r="759614" spans="14:14">
      <c r="N759614" s="10"/>
    </row>
    <row r="759615" spans="14:14">
      <c r="N759615" s="10"/>
    </row>
    <row r="759616" spans="14:14">
      <c r="N759616" s="10"/>
    </row>
    <row r="759617" spans="14:14">
      <c r="N759617" s="10"/>
    </row>
    <row r="759618" spans="14:14">
      <c r="N759618" s="10"/>
    </row>
    <row r="759619" spans="14:14">
      <c r="N759619" s="10"/>
    </row>
    <row r="759620" spans="14:14">
      <c r="N759620" s="10"/>
    </row>
    <row r="759621" spans="14:14">
      <c r="N759621" s="10"/>
    </row>
    <row r="759622" spans="14:14">
      <c r="N759622" s="10"/>
    </row>
    <row r="759623" spans="14:14">
      <c r="N759623" s="10"/>
    </row>
    <row r="759624" spans="14:14">
      <c r="N759624" s="10"/>
    </row>
    <row r="759625" spans="14:14">
      <c r="N759625" s="10"/>
    </row>
    <row r="759626" spans="14:14">
      <c r="N759626" s="10"/>
    </row>
    <row r="759627" spans="14:14">
      <c r="N759627" s="10"/>
    </row>
    <row r="759628" spans="14:14">
      <c r="N759628" s="10"/>
    </row>
    <row r="759629" spans="14:14">
      <c r="N759629" s="10"/>
    </row>
    <row r="759630" spans="14:14">
      <c r="N759630" s="10"/>
    </row>
    <row r="759631" spans="14:14">
      <c r="N759631" s="10"/>
    </row>
    <row r="759632" spans="14:14">
      <c r="N759632" s="10"/>
    </row>
    <row r="759633" spans="14:14">
      <c r="N759633" s="10"/>
    </row>
    <row r="759634" spans="14:14">
      <c r="N759634" s="10"/>
    </row>
    <row r="759635" spans="14:14">
      <c r="N759635" s="10"/>
    </row>
    <row r="759636" spans="14:14">
      <c r="N759636" s="10"/>
    </row>
    <row r="759637" spans="14:14">
      <c r="N759637" s="10"/>
    </row>
    <row r="759638" spans="14:14">
      <c r="N759638" s="10"/>
    </row>
    <row r="759639" spans="14:14">
      <c r="N759639" s="10"/>
    </row>
    <row r="759640" spans="14:14">
      <c r="N759640" s="10"/>
    </row>
    <row r="759641" spans="14:14">
      <c r="N759641" s="10"/>
    </row>
    <row r="759642" spans="14:14">
      <c r="N759642" s="10"/>
    </row>
    <row r="759643" spans="14:14">
      <c r="N759643" s="10"/>
    </row>
    <row r="759644" spans="14:14">
      <c r="N759644" s="10"/>
    </row>
    <row r="759645" spans="14:14">
      <c r="N759645" s="10"/>
    </row>
    <row r="759646" spans="14:14">
      <c r="N759646" s="10"/>
    </row>
    <row r="759647" spans="14:14">
      <c r="N759647" s="10"/>
    </row>
    <row r="759648" spans="14:14">
      <c r="N759648" s="10"/>
    </row>
    <row r="759649" spans="14:14">
      <c r="N759649" s="10"/>
    </row>
    <row r="759650" spans="14:14">
      <c r="N759650" s="10"/>
    </row>
    <row r="759651" spans="14:14">
      <c r="N759651" s="10"/>
    </row>
    <row r="759652" spans="14:14">
      <c r="N759652" s="10"/>
    </row>
    <row r="759653" spans="14:14">
      <c r="N759653" s="10"/>
    </row>
    <row r="759654" spans="14:14">
      <c r="N759654" s="10"/>
    </row>
    <row r="759655" spans="14:14">
      <c r="N759655" s="10"/>
    </row>
    <row r="759656" spans="14:14">
      <c r="N759656" s="10"/>
    </row>
    <row r="759657" spans="14:14">
      <c r="N759657" s="10"/>
    </row>
    <row r="759658" spans="14:14">
      <c r="N759658" s="10"/>
    </row>
    <row r="759659" spans="14:14">
      <c r="N759659" s="10"/>
    </row>
    <row r="759660" spans="14:14">
      <c r="N759660" s="10"/>
    </row>
    <row r="759661" spans="14:14">
      <c r="N759661" s="10"/>
    </row>
    <row r="759662" spans="14:14">
      <c r="N759662" s="10"/>
    </row>
    <row r="759663" spans="14:14">
      <c r="N759663" s="10"/>
    </row>
    <row r="759664" spans="14:14">
      <c r="N759664" s="10"/>
    </row>
    <row r="759665" spans="14:14">
      <c r="N759665" s="10"/>
    </row>
    <row r="759666" spans="14:14">
      <c r="N759666" s="10"/>
    </row>
    <row r="759667" spans="14:14">
      <c r="N759667" s="10"/>
    </row>
    <row r="759668" spans="14:14">
      <c r="N759668" s="10"/>
    </row>
    <row r="759669" spans="14:14">
      <c r="N759669" s="10"/>
    </row>
    <row r="759670" spans="14:14">
      <c r="N759670" s="10"/>
    </row>
    <row r="759671" spans="14:14">
      <c r="N759671" s="10"/>
    </row>
    <row r="759672" spans="14:14">
      <c r="N759672" s="10"/>
    </row>
    <row r="759673" spans="14:14">
      <c r="N759673" s="10"/>
    </row>
    <row r="759674" spans="14:14">
      <c r="N759674" s="10"/>
    </row>
    <row r="759675" spans="14:14">
      <c r="N759675" s="10"/>
    </row>
    <row r="759676" spans="14:14">
      <c r="N759676" s="10"/>
    </row>
    <row r="759677" spans="14:14">
      <c r="N759677" s="10"/>
    </row>
    <row r="759678" spans="14:14">
      <c r="N759678" s="10"/>
    </row>
    <row r="759679" spans="14:14">
      <c r="N759679" s="10"/>
    </row>
    <row r="759680" spans="14:14">
      <c r="N759680" s="10"/>
    </row>
    <row r="759681" spans="14:14">
      <c r="N759681" s="10"/>
    </row>
    <row r="759682" spans="14:14">
      <c r="N759682" s="10"/>
    </row>
    <row r="759683" spans="14:14">
      <c r="N759683" s="10"/>
    </row>
    <row r="759684" spans="14:14">
      <c r="N759684" s="10"/>
    </row>
    <row r="759685" spans="14:14">
      <c r="N759685" s="10"/>
    </row>
    <row r="759686" spans="14:14">
      <c r="N759686" s="10"/>
    </row>
    <row r="759687" spans="14:14">
      <c r="N759687" s="10"/>
    </row>
    <row r="759688" spans="14:14">
      <c r="N759688" s="10"/>
    </row>
    <row r="759689" spans="14:14">
      <c r="N759689" s="10"/>
    </row>
    <row r="759690" spans="14:14">
      <c r="N759690" s="10"/>
    </row>
    <row r="759691" spans="14:14">
      <c r="N759691" s="10"/>
    </row>
    <row r="759692" spans="14:14">
      <c r="N759692" s="10"/>
    </row>
    <row r="759693" spans="14:14">
      <c r="N759693" s="10"/>
    </row>
    <row r="759694" spans="14:14">
      <c r="N759694" s="10"/>
    </row>
    <row r="759695" spans="14:14">
      <c r="N759695" s="10"/>
    </row>
    <row r="759696" spans="14:14">
      <c r="N759696" s="10"/>
    </row>
    <row r="759697" spans="14:14">
      <c r="N759697" s="10"/>
    </row>
    <row r="759698" spans="14:14">
      <c r="N759698" s="10"/>
    </row>
    <row r="759699" spans="14:14">
      <c r="N759699" s="10"/>
    </row>
    <row r="759700" spans="14:14">
      <c r="N759700" s="10"/>
    </row>
    <row r="759701" spans="14:14">
      <c r="N759701" s="10"/>
    </row>
    <row r="759702" spans="14:14">
      <c r="N759702" s="10"/>
    </row>
    <row r="759703" spans="14:14">
      <c r="N759703" s="10"/>
    </row>
    <row r="759704" spans="14:14">
      <c r="N759704" s="10"/>
    </row>
    <row r="759705" spans="14:14">
      <c r="N759705" s="10"/>
    </row>
    <row r="759706" spans="14:14">
      <c r="N759706" s="10"/>
    </row>
    <row r="759707" spans="14:14">
      <c r="N759707" s="10"/>
    </row>
    <row r="759708" spans="14:14">
      <c r="N759708" s="10"/>
    </row>
    <row r="759709" spans="14:14">
      <c r="N759709" s="10"/>
    </row>
    <row r="759710" spans="14:14">
      <c r="N759710" s="10"/>
    </row>
    <row r="759711" spans="14:14">
      <c r="N759711" s="10"/>
    </row>
    <row r="759712" spans="14:14">
      <c r="N759712" s="10"/>
    </row>
    <row r="759713" spans="14:14">
      <c r="N759713" s="10"/>
    </row>
    <row r="759714" spans="14:14">
      <c r="N759714" s="10"/>
    </row>
    <row r="759715" spans="14:14">
      <c r="N759715" s="10"/>
    </row>
    <row r="759716" spans="14:14">
      <c r="N759716" s="10"/>
    </row>
    <row r="759717" spans="14:14">
      <c r="N759717" s="10"/>
    </row>
    <row r="759718" spans="14:14">
      <c r="N759718" s="10"/>
    </row>
    <row r="759719" spans="14:14">
      <c r="N759719" s="10"/>
    </row>
    <row r="759720" spans="14:14">
      <c r="N759720" s="10"/>
    </row>
    <row r="759721" spans="14:14">
      <c r="N759721" s="10"/>
    </row>
    <row r="759722" spans="14:14">
      <c r="N759722" s="10"/>
    </row>
    <row r="759723" spans="14:14">
      <c r="N759723" s="10"/>
    </row>
    <row r="759724" spans="14:14">
      <c r="N759724" s="10"/>
    </row>
    <row r="759725" spans="14:14">
      <c r="N759725" s="10"/>
    </row>
    <row r="759726" spans="14:14">
      <c r="N759726" s="10"/>
    </row>
    <row r="759727" spans="14:14">
      <c r="N759727" s="10"/>
    </row>
    <row r="759728" spans="14:14">
      <c r="N759728" s="10"/>
    </row>
    <row r="759729" spans="14:14">
      <c r="N759729" s="10"/>
    </row>
    <row r="759730" spans="14:14">
      <c r="N759730" s="10"/>
    </row>
    <row r="759731" spans="14:14">
      <c r="N759731" s="10"/>
    </row>
    <row r="759732" spans="14:14">
      <c r="N759732" s="10"/>
    </row>
    <row r="759733" spans="14:14">
      <c r="N759733" s="10"/>
    </row>
    <row r="759734" spans="14:14">
      <c r="N759734" s="10"/>
    </row>
    <row r="759735" spans="14:14">
      <c r="N759735" s="10"/>
    </row>
    <row r="759736" spans="14:14">
      <c r="N759736" s="10"/>
    </row>
    <row r="759737" spans="14:14">
      <c r="N759737" s="10"/>
    </row>
    <row r="759738" spans="14:14">
      <c r="N759738" s="10"/>
    </row>
    <row r="759739" spans="14:14">
      <c r="N759739" s="10"/>
    </row>
    <row r="759740" spans="14:14">
      <c r="N759740" s="10"/>
    </row>
    <row r="759741" spans="14:14">
      <c r="N759741" s="10"/>
    </row>
    <row r="759742" spans="14:14">
      <c r="N759742" s="10"/>
    </row>
    <row r="759743" spans="14:14">
      <c r="N759743" s="10"/>
    </row>
    <row r="759744" spans="14:14">
      <c r="N759744" s="10"/>
    </row>
    <row r="759745" spans="14:14">
      <c r="N759745" s="10"/>
    </row>
    <row r="759746" spans="14:14">
      <c r="N759746" s="10"/>
    </row>
    <row r="759747" spans="14:14">
      <c r="N759747" s="10"/>
    </row>
    <row r="759748" spans="14:14">
      <c r="N759748" s="10"/>
    </row>
    <row r="759749" spans="14:14">
      <c r="N759749" s="10"/>
    </row>
    <row r="759750" spans="14:14">
      <c r="N759750" s="10"/>
    </row>
    <row r="759751" spans="14:14">
      <c r="N759751" s="10"/>
    </row>
    <row r="759752" spans="14:14">
      <c r="N759752" s="10"/>
    </row>
    <row r="759753" spans="14:14">
      <c r="N759753" s="10"/>
    </row>
    <row r="759754" spans="14:14">
      <c r="N759754" s="10"/>
    </row>
    <row r="759755" spans="14:14">
      <c r="N759755" s="10"/>
    </row>
    <row r="759756" spans="14:14">
      <c r="N759756" s="10"/>
    </row>
    <row r="759757" spans="14:14">
      <c r="N759757" s="10"/>
    </row>
    <row r="759758" spans="14:14">
      <c r="N759758" s="10"/>
    </row>
    <row r="759759" spans="14:14">
      <c r="N759759" s="10"/>
    </row>
    <row r="759760" spans="14:14">
      <c r="N759760" s="10"/>
    </row>
    <row r="759761" spans="14:14">
      <c r="N759761" s="10"/>
    </row>
    <row r="759762" spans="14:14">
      <c r="N759762" s="10"/>
    </row>
    <row r="759763" spans="14:14">
      <c r="N759763" s="10"/>
    </row>
    <row r="759764" spans="14:14">
      <c r="N759764" s="10"/>
    </row>
    <row r="759765" spans="14:14">
      <c r="N759765" s="10"/>
    </row>
    <row r="759766" spans="14:14">
      <c r="N759766" s="10"/>
    </row>
    <row r="759767" spans="14:14">
      <c r="N759767" s="10"/>
    </row>
    <row r="759768" spans="14:14">
      <c r="N759768" s="10"/>
    </row>
    <row r="759769" spans="14:14">
      <c r="N759769" s="10"/>
    </row>
    <row r="759770" spans="14:14">
      <c r="N759770" s="10"/>
    </row>
    <row r="759771" spans="14:14">
      <c r="N759771" s="10"/>
    </row>
    <row r="759772" spans="14:14">
      <c r="N759772" s="10"/>
    </row>
    <row r="759773" spans="14:14">
      <c r="N759773" s="10"/>
    </row>
    <row r="759774" spans="14:14">
      <c r="N759774" s="10"/>
    </row>
    <row r="759775" spans="14:14">
      <c r="N759775" s="10"/>
    </row>
    <row r="759776" spans="14:14">
      <c r="N759776" s="10"/>
    </row>
    <row r="759777" spans="14:14">
      <c r="N759777" s="10"/>
    </row>
    <row r="759778" spans="14:14">
      <c r="N759778" s="10"/>
    </row>
    <row r="759779" spans="14:14">
      <c r="N759779" s="10"/>
    </row>
    <row r="759780" spans="14:14">
      <c r="N759780" s="10"/>
    </row>
    <row r="759781" spans="14:14">
      <c r="N759781" s="10"/>
    </row>
    <row r="759782" spans="14:14">
      <c r="N759782" s="10"/>
    </row>
    <row r="759783" spans="14:14">
      <c r="N759783" s="10"/>
    </row>
    <row r="759784" spans="14:14">
      <c r="N759784" s="10"/>
    </row>
    <row r="759785" spans="14:14">
      <c r="N759785" s="10"/>
    </row>
    <row r="759786" spans="14:14">
      <c r="N759786" s="10"/>
    </row>
    <row r="759787" spans="14:14">
      <c r="N759787" s="10"/>
    </row>
    <row r="759788" spans="14:14">
      <c r="N759788" s="10"/>
    </row>
    <row r="759789" spans="14:14">
      <c r="N759789" s="10"/>
    </row>
    <row r="759790" spans="14:14">
      <c r="N759790" s="10"/>
    </row>
    <row r="759791" spans="14:14">
      <c r="N759791" s="10"/>
    </row>
    <row r="759792" spans="14:14">
      <c r="N759792" s="10"/>
    </row>
    <row r="759793" spans="14:14">
      <c r="N759793" s="10"/>
    </row>
    <row r="759794" spans="14:14">
      <c r="N759794" s="10"/>
    </row>
    <row r="759795" spans="14:14">
      <c r="N759795" s="10"/>
    </row>
    <row r="759796" spans="14:14">
      <c r="N759796" s="10"/>
    </row>
    <row r="759797" spans="14:14">
      <c r="N759797" s="10"/>
    </row>
    <row r="759798" spans="14:14">
      <c r="N759798" s="10"/>
    </row>
    <row r="759799" spans="14:14">
      <c r="N759799" s="10"/>
    </row>
    <row r="759800" spans="14:14">
      <c r="N759800" s="10"/>
    </row>
    <row r="759801" spans="14:14">
      <c r="N759801" s="10"/>
    </row>
    <row r="759802" spans="14:14">
      <c r="N759802" s="10"/>
    </row>
    <row r="759803" spans="14:14">
      <c r="N759803" s="10"/>
    </row>
    <row r="759804" spans="14:14">
      <c r="N759804" s="10"/>
    </row>
    <row r="759805" spans="14:14">
      <c r="N759805" s="10"/>
    </row>
    <row r="759806" spans="14:14">
      <c r="N759806" s="10"/>
    </row>
    <row r="759807" spans="14:14">
      <c r="N759807" s="10"/>
    </row>
    <row r="759808" spans="14:14">
      <c r="N759808" s="10"/>
    </row>
    <row r="759809" spans="14:14">
      <c r="N759809" s="10"/>
    </row>
    <row r="759810" spans="14:14">
      <c r="N759810" s="10"/>
    </row>
    <row r="759811" spans="14:14">
      <c r="N759811" s="10"/>
    </row>
    <row r="759812" spans="14:14">
      <c r="N759812" s="10"/>
    </row>
    <row r="759813" spans="14:14">
      <c r="N759813" s="10"/>
    </row>
    <row r="759814" spans="14:14">
      <c r="N759814" s="10"/>
    </row>
    <row r="759815" spans="14:14">
      <c r="N759815" s="10"/>
    </row>
    <row r="759816" spans="14:14">
      <c r="N759816" s="10"/>
    </row>
    <row r="759817" spans="14:14">
      <c r="N759817" s="10"/>
    </row>
    <row r="759818" spans="14:14">
      <c r="N759818" s="10"/>
    </row>
    <row r="759819" spans="14:14">
      <c r="N759819" s="10"/>
    </row>
    <row r="759820" spans="14:14">
      <c r="N759820" s="10"/>
    </row>
    <row r="759821" spans="14:14">
      <c r="N759821" s="10"/>
    </row>
    <row r="759822" spans="14:14">
      <c r="N759822" s="10"/>
    </row>
    <row r="759823" spans="14:14">
      <c r="N759823" s="10"/>
    </row>
    <row r="759824" spans="14:14">
      <c r="N759824" s="10"/>
    </row>
    <row r="759825" spans="14:14">
      <c r="N759825" s="10"/>
    </row>
    <row r="759826" spans="14:14">
      <c r="N759826" s="10"/>
    </row>
    <row r="759827" spans="14:14">
      <c r="N759827" s="10"/>
    </row>
    <row r="759828" spans="14:14">
      <c r="N759828" s="10"/>
    </row>
    <row r="759829" spans="14:14">
      <c r="N759829" s="10"/>
    </row>
    <row r="759830" spans="14:14">
      <c r="N759830" s="10"/>
    </row>
    <row r="759831" spans="14:14">
      <c r="N759831" s="10"/>
    </row>
    <row r="759832" spans="14:14">
      <c r="N759832" s="10"/>
    </row>
    <row r="759833" spans="14:14">
      <c r="N759833" s="10"/>
    </row>
    <row r="759834" spans="14:14">
      <c r="N759834" s="10"/>
    </row>
    <row r="759835" spans="14:14">
      <c r="N759835" s="10"/>
    </row>
    <row r="759836" spans="14:14">
      <c r="N759836" s="10"/>
    </row>
    <row r="759837" spans="14:14">
      <c r="N759837" s="10"/>
    </row>
    <row r="759838" spans="14:14">
      <c r="N759838" s="10"/>
    </row>
    <row r="759839" spans="14:14">
      <c r="N759839" s="10"/>
    </row>
    <row r="759840" spans="14:14">
      <c r="N759840" s="10"/>
    </row>
    <row r="759841" spans="14:14">
      <c r="N759841" s="10"/>
    </row>
    <row r="759842" spans="14:14">
      <c r="N759842" s="10"/>
    </row>
    <row r="759843" spans="14:14">
      <c r="N759843" s="10"/>
    </row>
    <row r="759844" spans="14:14">
      <c r="N759844" s="10"/>
    </row>
    <row r="759845" spans="14:14">
      <c r="N759845" s="10"/>
    </row>
    <row r="759846" spans="14:14">
      <c r="N759846" s="10"/>
    </row>
    <row r="759847" spans="14:14">
      <c r="N759847" s="10"/>
    </row>
    <row r="759848" spans="14:14">
      <c r="N759848" s="10"/>
    </row>
    <row r="759849" spans="14:14">
      <c r="N759849" s="10"/>
    </row>
    <row r="759850" spans="14:14">
      <c r="N759850" s="10"/>
    </row>
    <row r="759851" spans="14:14">
      <c r="N759851" s="10"/>
    </row>
    <row r="759852" spans="14:14">
      <c r="N759852" s="10"/>
    </row>
    <row r="759853" spans="14:14">
      <c r="N759853" s="10"/>
    </row>
    <row r="759854" spans="14:14">
      <c r="N759854" s="10"/>
    </row>
    <row r="759855" spans="14:14">
      <c r="N759855" s="10"/>
    </row>
    <row r="759856" spans="14:14">
      <c r="N759856" s="10"/>
    </row>
    <row r="759857" spans="14:14">
      <c r="N759857" s="10"/>
    </row>
    <row r="759858" spans="14:14">
      <c r="N759858" s="10"/>
    </row>
    <row r="759859" spans="14:14">
      <c r="N759859" s="10"/>
    </row>
    <row r="759860" spans="14:14">
      <c r="N759860" s="10"/>
    </row>
    <row r="759861" spans="14:14">
      <c r="N759861" s="10"/>
    </row>
    <row r="759862" spans="14:14">
      <c r="N759862" s="10"/>
    </row>
    <row r="759863" spans="14:14">
      <c r="N759863" s="10"/>
    </row>
    <row r="759864" spans="14:14">
      <c r="N759864" s="10"/>
    </row>
    <row r="759865" spans="14:14">
      <c r="N759865" s="10"/>
    </row>
    <row r="759866" spans="14:14">
      <c r="N759866" s="10"/>
    </row>
    <row r="759867" spans="14:14">
      <c r="N759867" s="10"/>
    </row>
    <row r="759868" spans="14:14">
      <c r="N759868" s="10"/>
    </row>
    <row r="759869" spans="14:14">
      <c r="N759869" s="10"/>
    </row>
    <row r="759870" spans="14:14">
      <c r="N759870" s="10"/>
    </row>
    <row r="759871" spans="14:14">
      <c r="N759871" s="10"/>
    </row>
    <row r="759872" spans="14:14">
      <c r="N759872" s="10"/>
    </row>
    <row r="759873" spans="14:14">
      <c r="N759873" s="10"/>
    </row>
    <row r="759874" spans="14:14">
      <c r="N759874" s="10"/>
    </row>
    <row r="759875" spans="14:14">
      <c r="N759875" s="10"/>
    </row>
    <row r="759876" spans="14:14">
      <c r="N759876" s="10"/>
    </row>
    <row r="759877" spans="14:14">
      <c r="N759877" s="10"/>
    </row>
    <row r="759878" spans="14:14">
      <c r="N759878" s="10"/>
    </row>
    <row r="759879" spans="14:14">
      <c r="N759879" s="10"/>
    </row>
    <row r="759880" spans="14:14">
      <c r="N759880" s="10"/>
    </row>
    <row r="759881" spans="14:14">
      <c r="N759881" s="10"/>
    </row>
    <row r="759882" spans="14:14">
      <c r="N759882" s="10"/>
    </row>
    <row r="759883" spans="14:14">
      <c r="N759883" s="10"/>
    </row>
    <row r="759884" spans="14:14">
      <c r="N759884" s="10"/>
    </row>
    <row r="759885" spans="14:14">
      <c r="N759885" s="10"/>
    </row>
    <row r="759886" spans="14:14">
      <c r="N759886" s="10"/>
    </row>
    <row r="759887" spans="14:14">
      <c r="N759887" s="10"/>
    </row>
    <row r="759888" spans="14:14">
      <c r="N759888" s="10"/>
    </row>
    <row r="759889" spans="14:14">
      <c r="N759889" s="10"/>
    </row>
    <row r="759890" spans="14:14">
      <c r="N759890" s="10"/>
    </row>
    <row r="759891" spans="14:14">
      <c r="N759891" s="10"/>
    </row>
    <row r="759892" spans="14:14">
      <c r="N759892" s="10"/>
    </row>
    <row r="759893" spans="14:14">
      <c r="N759893" s="10"/>
    </row>
    <row r="759894" spans="14:14">
      <c r="N759894" s="10"/>
    </row>
    <row r="759895" spans="14:14">
      <c r="N759895" s="10"/>
    </row>
    <row r="759896" spans="14:14">
      <c r="N759896" s="10"/>
    </row>
    <row r="759897" spans="14:14">
      <c r="N759897" s="10"/>
    </row>
    <row r="759898" spans="14:14">
      <c r="N759898" s="10"/>
    </row>
    <row r="759899" spans="14:14">
      <c r="N759899" s="10"/>
    </row>
    <row r="759900" spans="14:14">
      <c r="N759900" s="10"/>
    </row>
    <row r="759901" spans="14:14">
      <c r="N759901" s="10"/>
    </row>
    <row r="759902" spans="14:14">
      <c r="N759902" s="10"/>
    </row>
    <row r="759903" spans="14:14">
      <c r="N759903" s="10"/>
    </row>
    <row r="759904" spans="14:14">
      <c r="N759904" s="10"/>
    </row>
    <row r="759905" spans="14:14">
      <c r="N759905" s="10"/>
    </row>
    <row r="759906" spans="14:14">
      <c r="N759906" s="10"/>
    </row>
    <row r="759907" spans="14:14">
      <c r="N759907" s="10"/>
    </row>
    <row r="759908" spans="14:14">
      <c r="N759908" s="10"/>
    </row>
    <row r="759909" spans="14:14">
      <c r="N759909" s="10"/>
    </row>
    <row r="759910" spans="14:14">
      <c r="N759910" s="10"/>
    </row>
    <row r="759911" spans="14:14">
      <c r="N759911" s="10"/>
    </row>
    <row r="759912" spans="14:14">
      <c r="N759912" s="10"/>
    </row>
    <row r="759913" spans="14:14">
      <c r="N759913" s="10"/>
    </row>
    <row r="759914" spans="14:14">
      <c r="N759914" s="10"/>
    </row>
    <row r="759915" spans="14:14">
      <c r="N759915" s="10"/>
    </row>
    <row r="759916" spans="14:14">
      <c r="N759916" s="10"/>
    </row>
    <row r="759917" spans="14:14">
      <c r="N759917" s="10"/>
    </row>
    <row r="759918" spans="14:14">
      <c r="N759918" s="10"/>
    </row>
    <row r="759919" spans="14:14">
      <c r="N759919" s="10"/>
    </row>
    <row r="759920" spans="14:14">
      <c r="N759920" s="10"/>
    </row>
    <row r="759921" spans="14:14">
      <c r="N759921" s="10"/>
    </row>
    <row r="759922" spans="14:14">
      <c r="N759922" s="10"/>
    </row>
    <row r="759923" spans="14:14">
      <c r="N759923" s="10"/>
    </row>
    <row r="759924" spans="14:14">
      <c r="N759924" s="10"/>
    </row>
    <row r="759925" spans="14:14">
      <c r="N759925" s="10"/>
    </row>
    <row r="759926" spans="14:14">
      <c r="N759926" s="10"/>
    </row>
    <row r="759927" spans="14:14">
      <c r="N759927" s="10"/>
    </row>
    <row r="759928" spans="14:14">
      <c r="N759928" s="10"/>
    </row>
    <row r="759929" spans="14:14">
      <c r="N759929" s="10"/>
    </row>
    <row r="759930" spans="14:14">
      <c r="N759930" s="10"/>
    </row>
    <row r="759931" spans="14:14">
      <c r="N759931" s="10"/>
    </row>
    <row r="759932" spans="14:14">
      <c r="N759932" s="10"/>
    </row>
    <row r="759933" spans="14:14">
      <c r="N759933" s="10"/>
    </row>
    <row r="759934" spans="14:14">
      <c r="N759934" s="10"/>
    </row>
    <row r="759935" spans="14:14">
      <c r="N759935" s="10"/>
    </row>
    <row r="759936" spans="14:14">
      <c r="N759936" s="10"/>
    </row>
    <row r="759937" spans="14:14">
      <c r="N759937" s="10"/>
    </row>
    <row r="759938" spans="14:14">
      <c r="N759938" s="10"/>
    </row>
    <row r="759939" spans="14:14">
      <c r="N759939" s="10"/>
    </row>
    <row r="759940" spans="14:14">
      <c r="N759940" s="10"/>
    </row>
    <row r="759941" spans="14:14">
      <c r="N759941" s="10"/>
    </row>
    <row r="759942" spans="14:14">
      <c r="N759942" s="10"/>
    </row>
    <row r="759943" spans="14:14">
      <c r="N759943" s="10"/>
    </row>
    <row r="759944" spans="14:14">
      <c r="N759944" s="10"/>
    </row>
    <row r="759945" spans="14:14">
      <c r="N759945" s="10"/>
    </row>
    <row r="759946" spans="14:14">
      <c r="N759946" s="10"/>
    </row>
    <row r="759947" spans="14:14">
      <c r="N759947" s="10"/>
    </row>
    <row r="759948" spans="14:14">
      <c r="N759948" s="10"/>
    </row>
    <row r="759949" spans="14:14">
      <c r="N759949" s="10"/>
    </row>
    <row r="759950" spans="14:14">
      <c r="N759950" s="10"/>
    </row>
    <row r="759951" spans="14:14">
      <c r="N759951" s="10"/>
    </row>
    <row r="759952" spans="14:14">
      <c r="N759952" s="10"/>
    </row>
    <row r="759953" spans="14:14">
      <c r="N759953" s="10"/>
    </row>
    <row r="759954" spans="14:14">
      <c r="N759954" s="10"/>
    </row>
    <row r="759955" spans="14:14">
      <c r="N759955" s="10"/>
    </row>
    <row r="759956" spans="14:14">
      <c r="N759956" s="10"/>
    </row>
    <row r="759957" spans="14:14">
      <c r="N759957" s="10"/>
    </row>
    <row r="759958" spans="14:14">
      <c r="N759958" s="10"/>
    </row>
    <row r="759959" spans="14:14">
      <c r="N759959" s="10"/>
    </row>
    <row r="759960" spans="14:14">
      <c r="N759960" s="10"/>
    </row>
    <row r="759961" spans="14:14">
      <c r="N759961" s="10"/>
    </row>
    <row r="759962" spans="14:14">
      <c r="N759962" s="10"/>
    </row>
    <row r="759963" spans="14:14">
      <c r="N759963" s="10"/>
    </row>
    <row r="759964" spans="14:14">
      <c r="N759964" s="10"/>
    </row>
    <row r="759965" spans="14:14">
      <c r="N759965" s="10"/>
    </row>
    <row r="759966" spans="14:14">
      <c r="N759966" s="10"/>
    </row>
    <row r="759967" spans="14:14">
      <c r="N759967" s="10"/>
    </row>
    <row r="759968" spans="14:14">
      <c r="N759968" s="10"/>
    </row>
    <row r="759969" spans="14:14">
      <c r="N759969" s="10"/>
    </row>
    <row r="759970" spans="14:14">
      <c r="N759970" s="10"/>
    </row>
    <row r="759971" spans="14:14">
      <c r="N759971" s="10"/>
    </row>
    <row r="759972" spans="14:14">
      <c r="N759972" s="10"/>
    </row>
    <row r="759973" spans="14:14">
      <c r="N759973" s="10"/>
    </row>
    <row r="759974" spans="14:14">
      <c r="N759974" s="10"/>
    </row>
    <row r="759975" spans="14:14">
      <c r="N759975" s="10"/>
    </row>
    <row r="759976" spans="14:14">
      <c r="N759976" s="10"/>
    </row>
    <row r="759977" spans="14:14">
      <c r="N759977" s="10"/>
    </row>
    <row r="759978" spans="14:14">
      <c r="N759978" s="10"/>
    </row>
    <row r="759979" spans="14:14">
      <c r="N759979" s="10"/>
    </row>
    <row r="759980" spans="14:14">
      <c r="N759980" s="10"/>
    </row>
    <row r="759981" spans="14:14">
      <c r="N759981" s="10"/>
    </row>
    <row r="759982" spans="14:14">
      <c r="N759982" s="10"/>
    </row>
    <row r="759983" spans="14:14">
      <c r="N759983" s="10"/>
    </row>
    <row r="759984" spans="14:14">
      <c r="N759984" s="10"/>
    </row>
    <row r="759985" spans="14:14">
      <c r="N759985" s="10"/>
    </row>
    <row r="759986" spans="14:14">
      <c r="N759986" s="10"/>
    </row>
    <row r="759987" spans="14:14">
      <c r="N759987" s="10"/>
    </row>
    <row r="759988" spans="14:14">
      <c r="N759988" s="10"/>
    </row>
    <row r="759989" spans="14:14">
      <c r="N759989" s="10"/>
    </row>
    <row r="759990" spans="14:14">
      <c r="N759990" s="10"/>
    </row>
    <row r="759991" spans="14:14">
      <c r="N759991" s="10"/>
    </row>
    <row r="759992" spans="14:14">
      <c r="N759992" s="10"/>
    </row>
    <row r="759993" spans="14:14">
      <c r="N759993" s="10"/>
    </row>
    <row r="759994" spans="14:14">
      <c r="N759994" s="10"/>
    </row>
    <row r="759995" spans="14:14">
      <c r="N759995" s="10"/>
    </row>
    <row r="759996" spans="14:14">
      <c r="N759996" s="10"/>
    </row>
    <row r="759997" spans="14:14">
      <c r="N759997" s="10"/>
    </row>
    <row r="759998" spans="14:14">
      <c r="N759998" s="10"/>
    </row>
    <row r="759999" spans="14:14">
      <c r="N759999" s="10"/>
    </row>
    <row r="760000" spans="14:14">
      <c r="N760000" s="10"/>
    </row>
    <row r="760001" spans="14:14">
      <c r="N760001" s="10"/>
    </row>
    <row r="760002" spans="14:14">
      <c r="N760002" s="10"/>
    </row>
    <row r="760003" spans="14:14">
      <c r="N760003" s="10"/>
    </row>
    <row r="760004" spans="14:14">
      <c r="N760004" s="10"/>
    </row>
    <row r="760005" spans="14:14">
      <c r="N760005" s="10"/>
    </row>
    <row r="760006" spans="14:14">
      <c r="N760006" s="10"/>
    </row>
    <row r="760007" spans="14:14">
      <c r="N760007" s="10"/>
    </row>
    <row r="760008" spans="14:14">
      <c r="N760008" s="10"/>
    </row>
    <row r="760009" spans="14:14">
      <c r="N760009" s="10"/>
    </row>
    <row r="760010" spans="14:14">
      <c r="N760010" s="10"/>
    </row>
    <row r="760011" spans="14:14">
      <c r="N760011" s="10"/>
    </row>
    <row r="760012" spans="14:14">
      <c r="N760012" s="10"/>
    </row>
    <row r="760013" spans="14:14">
      <c r="N760013" s="10"/>
    </row>
    <row r="760014" spans="14:14">
      <c r="N760014" s="10"/>
    </row>
    <row r="760015" spans="14:14">
      <c r="N760015" s="10"/>
    </row>
    <row r="760016" spans="14:14">
      <c r="N760016" s="10"/>
    </row>
    <row r="760017" spans="14:14">
      <c r="N760017" s="10"/>
    </row>
    <row r="760018" spans="14:14">
      <c r="N760018" s="10"/>
    </row>
    <row r="760019" spans="14:14">
      <c r="N760019" s="10"/>
    </row>
    <row r="760020" spans="14:14">
      <c r="N760020" s="10"/>
    </row>
    <row r="760021" spans="14:14">
      <c r="N760021" s="10"/>
    </row>
    <row r="760022" spans="14:14">
      <c r="N760022" s="10"/>
    </row>
    <row r="760023" spans="14:14">
      <c r="N760023" s="10"/>
    </row>
    <row r="760024" spans="14:14">
      <c r="N760024" s="10"/>
    </row>
    <row r="760025" spans="14:14">
      <c r="N760025" s="10"/>
    </row>
    <row r="760026" spans="14:14">
      <c r="N760026" s="10"/>
    </row>
    <row r="760027" spans="14:14">
      <c r="N760027" s="10"/>
    </row>
    <row r="760028" spans="14:14">
      <c r="N760028" s="10"/>
    </row>
    <row r="760029" spans="14:14">
      <c r="N760029" s="10"/>
    </row>
    <row r="760030" spans="14:14">
      <c r="N760030" s="10"/>
    </row>
    <row r="760031" spans="14:14">
      <c r="N760031" s="10"/>
    </row>
    <row r="760032" spans="14:14">
      <c r="N760032" s="10"/>
    </row>
    <row r="760033" spans="14:14">
      <c r="N760033" s="10"/>
    </row>
    <row r="760034" spans="14:14">
      <c r="N760034" s="10"/>
    </row>
    <row r="760035" spans="14:14">
      <c r="N760035" s="10"/>
    </row>
    <row r="760036" spans="14:14">
      <c r="N760036" s="10"/>
    </row>
    <row r="760037" spans="14:14">
      <c r="N760037" s="10"/>
    </row>
    <row r="760038" spans="14:14">
      <c r="N760038" s="10"/>
    </row>
    <row r="760039" spans="14:14">
      <c r="N760039" s="10"/>
    </row>
    <row r="760040" spans="14:14">
      <c r="N760040" s="10"/>
    </row>
    <row r="760041" spans="14:14">
      <c r="N760041" s="10"/>
    </row>
    <row r="760042" spans="14:14">
      <c r="N760042" s="10"/>
    </row>
    <row r="760043" spans="14:14">
      <c r="N760043" s="10"/>
    </row>
    <row r="760044" spans="14:14">
      <c r="N760044" s="10"/>
    </row>
    <row r="760045" spans="14:14">
      <c r="N760045" s="10"/>
    </row>
    <row r="760046" spans="14:14">
      <c r="N760046" s="10"/>
    </row>
    <row r="760047" spans="14:14">
      <c r="N760047" s="10"/>
    </row>
    <row r="760048" spans="14:14">
      <c r="N760048" s="10"/>
    </row>
    <row r="760049" spans="14:14">
      <c r="N760049" s="10"/>
    </row>
    <row r="760050" spans="14:14">
      <c r="N760050" s="10"/>
    </row>
    <row r="760051" spans="14:14">
      <c r="N760051" s="10"/>
    </row>
    <row r="760052" spans="14:14">
      <c r="N760052" s="10"/>
    </row>
    <row r="760053" spans="14:14">
      <c r="N760053" s="10"/>
    </row>
    <row r="760054" spans="14:14">
      <c r="N760054" s="10"/>
    </row>
    <row r="760055" spans="14:14">
      <c r="N760055" s="10"/>
    </row>
    <row r="760056" spans="14:14">
      <c r="N760056" s="10"/>
    </row>
    <row r="760057" spans="14:14">
      <c r="N760057" s="10"/>
    </row>
    <row r="760058" spans="14:14">
      <c r="N760058" s="10"/>
    </row>
    <row r="760059" spans="14:14">
      <c r="N760059" s="10"/>
    </row>
    <row r="760060" spans="14:14">
      <c r="N760060" s="10"/>
    </row>
    <row r="760061" spans="14:14">
      <c r="N760061" s="10"/>
    </row>
    <row r="760062" spans="14:14">
      <c r="N760062" s="10"/>
    </row>
    <row r="760063" spans="14:14">
      <c r="N760063" s="10"/>
    </row>
    <row r="760064" spans="14:14">
      <c r="N760064" s="10"/>
    </row>
    <row r="760065" spans="14:14">
      <c r="N760065" s="10"/>
    </row>
    <row r="760066" spans="14:14">
      <c r="N760066" s="10"/>
    </row>
    <row r="760067" spans="14:14">
      <c r="N760067" s="10"/>
    </row>
    <row r="760068" spans="14:14">
      <c r="N760068" s="10"/>
    </row>
    <row r="760069" spans="14:14">
      <c r="N760069" s="10"/>
    </row>
    <row r="760070" spans="14:14">
      <c r="N760070" s="10"/>
    </row>
    <row r="760071" spans="14:14">
      <c r="N760071" s="10"/>
    </row>
    <row r="760072" spans="14:14">
      <c r="N760072" s="10"/>
    </row>
    <row r="760073" spans="14:14">
      <c r="N760073" s="10"/>
    </row>
    <row r="760074" spans="14:14">
      <c r="N760074" s="10"/>
    </row>
    <row r="760075" spans="14:14">
      <c r="N760075" s="10"/>
    </row>
    <row r="760076" spans="14:14">
      <c r="N760076" s="10"/>
    </row>
    <row r="760077" spans="14:14">
      <c r="N760077" s="10"/>
    </row>
    <row r="760078" spans="14:14">
      <c r="N760078" s="10"/>
    </row>
    <row r="760079" spans="14:14">
      <c r="N760079" s="10"/>
    </row>
    <row r="760080" spans="14:14">
      <c r="N760080" s="10"/>
    </row>
    <row r="760081" spans="14:14">
      <c r="N760081" s="10"/>
    </row>
    <row r="760082" spans="14:14">
      <c r="N760082" s="10"/>
    </row>
    <row r="760083" spans="14:14">
      <c r="N760083" s="10"/>
    </row>
    <row r="760084" spans="14:14">
      <c r="N760084" s="10"/>
    </row>
    <row r="760085" spans="14:14">
      <c r="N760085" s="10"/>
    </row>
    <row r="760086" spans="14:14">
      <c r="N760086" s="10"/>
    </row>
    <row r="760087" spans="14:14">
      <c r="N760087" s="10"/>
    </row>
    <row r="760088" spans="14:14">
      <c r="N760088" s="10"/>
    </row>
    <row r="760089" spans="14:14">
      <c r="N760089" s="10"/>
    </row>
    <row r="760090" spans="14:14">
      <c r="N760090" s="10"/>
    </row>
    <row r="760091" spans="14:14">
      <c r="N760091" s="10"/>
    </row>
    <row r="760092" spans="14:14">
      <c r="N760092" s="10"/>
    </row>
    <row r="760093" spans="14:14">
      <c r="N760093" s="10"/>
    </row>
    <row r="760094" spans="14:14">
      <c r="N760094" s="10"/>
    </row>
    <row r="760095" spans="14:14">
      <c r="N760095" s="10"/>
    </row>
    <row r="760096" spans="14:14">
      <c r="N760096" s="10"/>
    </row>
    <row r="760097" spans="14:14">
      <c r="N760097" s="10"/>
    </row>
    <row r="760098" spans="14:14">
      <c r="N760098" s="10"/>
    </row>
    <row r="760099" spans="14:14">
      <c r="N760099" s="10"/>
    </row>
    <row r="760100" spans="14:14">
      <c r="N760100" s="10"/>
    </row>
    <row r="760101" spans="14:14">
      <c r="N760101" s="10"/>
    </row>
    <row r="760102" spans="14:14">
      <c r="N760102" s="10"/>
    </row>
    <row r="760103" spans="14:14">
      <c r="N760103" s="10"/>
    </row>
    <row r="760104" spans="14:14">
      <c r="N760104" s="10"/>
    </row>
    <row r="760105" spans="14:14">
      <c r="N760105" s="10"/>
    </row>
    <row r="760106" spans="14:14">
      <c r="N760106" s="10"/>
    </row>
    <row r="760107" spans="14:14">
      <c r="N760107" s="10"/>
    </row>
    <row r="760108" spans="14:14">
      <c r="N760108" s="10"/>
    </row>
    <row r="760109" spans="14:14">
      <c r="N760109" s="10"/>
    </row>
    <row r="760110" spans="14:14">
      <c r="N760110" s="10"/>
    </row>
    <row r="760111" spans="14:14">
      <c r="N760111" s="10"/>
    </row>
    <row r="760112" spans="14:14">
      <c r="N760112" s="10"/>
    </row>
    <row r="760113" spans="14:14">
      <c r="N760113" s="10"/>
    </row>
    <row r="760114" spans="14:14">
      <c r="N760114" s="10"/>
    </row>
    <row r="760115" spans="14:14">
      <c r="N760115" s="10"/>
    </row>
    <row r="760116" spans="14:14">
      <c r="N760116" s="10"/>
    </row>
    <row r="760117" spans="14:14">
      <c r="N760117" s="10"/>
    </row>
    <row r="760118" spans="14:14">
      <c r="N760118" s="10"/>
    </row>
    <row r="760119" spans="14:14">
      <c r="N760119" s="10"/>
    </row>
    <row r="760120" spans="14:14">
      <c r="N760120" s="10"/>
    </row>
    <row r="760121" spans="14:14">
      <c r="N760121" s="10"/>
    </row>
    <row r="760122" spans="14:14">
      <c r="N760122" s="10"/>
    </row>
    <row r="760123" spans="14:14">
      <c r="N760123" s="10"/>
    </row>
    <row r="760124" spans="14:14">
      <c r="N760124" s="10"/>
    </row>
    <row r="760125" spans="14:14">
      <c r="N760125" s="10"/>
    </row>
    <row r="760126" spans="14:14">
      <c r="N760126" s="10"/>
    </row>
    <row r="760127" spans="14:14">
      <c r="N760127" s="10"/>
    </row>
    <row r="760128" spans="14:14">
      <c r="N760128" s="10"/>
    </row>
    <row r="760129" spans="14:14">
      <c r="N760129" s="10"/>
    </row>
    <row r="760130" spans="14:14">
      <c r="N760130" s="10"/>
    </row>
    <row r="760131" spans="14:14">
      <c r="N760131" s="10"/>
    </row>
    <row r="760132" spans="14:14">
      <c r="N760132" s="10"/>
    </row>
    <row r="760133" spans="14:14">
      <c r="N760133" s="10"/>
    </row>
    <row r="760134" spans="14:14">
      <c r="N760134" s="10"/>
    </row>
    <row r="760135" spans="14:14">
      <c r="N760135" s="10"/>
    </row>
    <row r="760136" spans="14:14">
      <c r="N760136" s="10"/>
    </row>
    <row r="760137" spans="14:14">
      <c r="N760137" s="10"/>
    </row>
    <row r="760138" spans="14:14">
      <c r="N760138" s="10"/>
    </row>
    <row r="760139" spans="14:14">
      <c r="N760139" s="10"/>
    </row>
    <row r="760140" spans="14:14">
      <c r="N760140" s="10"/>
    </row>
    <row r="760141" spans="14:14">
      <c r="N760141" s="10"/>
    </row>
    <row r="760142" spans="14:14">
      <c r="N760142" s="10"/>
    </row>
    <row r="760143" spans="14:14">
      <c r="N760143" s="10"/>
    </row>
    <row r="760144" spans="14:14">
      <c r="N760144" s="10"/>
    </row>
    <row r="760145" spans="14:14">
      <c r="N760145" s="10"/>
    </row>
    <row r="760146" spans="14:14">
      <c r="N760146" s="10"/>
    </row>
    <row r="760147" spans="14:14">
      <c r="N760147" s="10"/>
    </row>
    <row r="760148" spans="14:14">
      <c r="N760148" s="10"/>
    </row>
    <row r="760149" spans="14:14">
      <c r="N760149" s="10"/>
    </row>
    <row r="760150" spans="14:14">
      <c r="N760150" s="10"/>
    </row>
    <row r="760151" spans="14:14">
      <c r="N760151" s="10"/>
    </row>
    <row r="760152" spans="14:14">
      <c r="N760152" s="10"/>
    </row>
    <row r="760153" spans="14:14">
      <c r="N760153" s="10"/>
    </row>
    <row r="760154" spans="14:14">
      <c r="N760154" s="10"/>
    </row>
    <row r="760155" spans="14:14">
      <c r="N760155" s="10"/>
    </row>
    <row r="760156" spans="14:14">
      <c r="N760156" s="10"/>
    </row>
    <row r="760157" spans="14:14">
      <c r="N760157" s="10"/>
    </row>
    <row r="760158" spans="14:14">
      <c r="N760158" s="10"/>
    </row>
    <row r="760159" spans="14:14">
      <c r="N760159" s="10"/>
    </row>
    <row r="760160" spans="14:14">
      <c r="N760160" s="10"/>
    </row>
    <row r="760161" spans="14:14">
      <c r="N760161" s="10"/>
    </row>
    <row r="760162" spans="14:14">
      <c r="N760162" s="10"/>
    </row>
    <row r="760163" spans="14:14">
      <c r="N760163" s="10"/>
    </row>
    <row r="760164" spans="14:14">
      <c r="N760164" s="10"/>
    </row>
    <row r="760165" spans="14:14">
      <c r="N760165" s="10"/>
    </row>
    <row r="760166" spans="14:14">
      <c r="N760166" s="10"/>
    </row>
    <row r="760167" spans="14:14">
      <c r="N760167" s="10"/>
    </row>
    <row r="760168" spans="14:14">
      <c r="N760168" s="10"/>
    </row>
    <row r="760169" spans="14:14">
      <c r="N760169" s="10"/>
    </row>
    <row r="760170" spans="14:14">
      <c r="N760170" s="10"/>
    </row>
    <row r="760171" spans="14:14">
      <c r="N760171" s="10"/>
    </row>
    <row r="760172" spans="14:14">
      <c r="N760172" s="10"/>
    </row>
    <row r="760173" spans="14:14">
      <c r="N760173" s="10"/>
    </row>
    <row r="760174" spans="14:14">
      <c r="N760174" s="10"/>
    </row>
    <row r="760175" spans="14:14">
      <c r="N760175" s="10"/>
    </row>
    <row r="760176" spans="14:14">
      <c r="N760176" s="10"/>
    </row>
    <row r="760177" spans="14:14">
      <c r="N760177" s="10"/>
    </row>
    <row r="760178" spans="14:14">
      <c r="N760178" s="10"/>
    </row>
    <row r="760179" spans="14:14">
      <c r="N760179" s="10"/>
    </row>
    <row r="760180" spans="14:14">
      <c r="N760180" s="10"/>
    </row>
    <row r="760181" spans="14:14">
      <c r="N760181" s="10"/>
    </row>
    <row r="760182" spans="14:14">
      <c r="N760182" s="10"/>
    </row>
    <row r="760183" spans="14:14">
      <c r="N760183" s="10"/>
    </row>
    <row r="760184" spans="14:14">
      <c r="N760184" s="10"/>
    </row>
    <row r="760185" spans="14:14">
      <c r="N760185" s="10"/>
    </row>
    <row r="760186" spans="14:14">
      <c r="N760186" s="10"/>
    </row>
    <row r="760187" spans="14:14">
      <c r="N760187" s="10"/>
    </row>
    <row r="760188" spans="14:14">
      <c r="N760188" s="10"/>
    </row>
    <row r="760189" spans="14:14">
      <c r="N760189" s="10"/>
    </row>
    <row r="760190" spans="14:14">
      <c r="N760190" s="10"/>
    </row>
    <row r="760191" spans="14:14">
      <c r="N760191" s="10"/>
    </row>
    <row r="760192" spans="14:14">
      <c r="N760192" s="10"/>
    </row>
    <row r="760193" spans="14:14">
      <c r="N760193" s="10"/>
    </row>
    <row r="760194" spans="14:14">
      <c r="N760194" s="10"/>
    </row>
    <row r="760195" spans="14:14">
      <c r="N760195" s="10"/>
    </row>
    <row r="760196" spans="14:14">
      <c r="N760196" s="10"/>
    </row>
    <row r="760197" spans="14:14">
      <c r="N760197" s="10"/>
    </row>
    <row r="760198" spans="14:14">
      <c r="N760198" s="10"/>
    </row>
    <row r="760199" spans="14:14">
      <c r="N760199" s="10"/>
    </row>
    <row r="760200" spans="14:14">
      <c r="N760200" s="10"/>
    </row>
    <row r="760201" spans="14:14">
      <c r="N760201" s="10"/>
    </row>
    <row r="760202" spans="14:14">
      <c r="N760202" s="10"/>
    </row>
    <row r="760203" spans="14:14">
      <c r="N760203" s="10"/>
    </row>
    <row r="760204" spans="14:14">
      <c r="N760204" s="10"/>
    </row>
    <row r="760205" spans="14:14">
      <c r="N760205" s="10"/>
    </row>
    <row r="760206" spans="14:14">
      <c r="N760206" s="10"/>
    </row>
    <row r="760207" spans="14:14">
      <c r="N760207" s="10"/>
    </row>
    <row r="760208" spans="14:14">
      <c r="N760208" s="10"/>
    </row>
    <row r="760209" spans="14:14">
      <c r="N760209" s="10"/>
    </row>
    <row r="760210" spans="14:14">
      <c r="N760210" s="10"/>
    </row>
    <row r="760211" spans="14:14">
      <c r="N760211" s="10"/>
    </row>
    <row r="760212" spans="14:14">
      <c r="N760212" s="10"/>
    </row>
    <row r="760213" spans="14:14">
      <c r="N760213" s="10"/>
    </row>
    <row r="760214" spans="14:14">
      <c r="N760214" s="10"/>
    </row>
    <row r="760215" spans="14:14">
      <c r="N760215" s="10"/>
    </row>
    <row r="760216" spans="14:14">
      <c r="N760216" s="10"/>
    </row>
    <row r="760217" spans="14:14">
      <c r="N760217" s="10"/>
    </row>
    <row r="760218" spans="14:14">
      <c r="N760218" s="10"/>
    </row>
    <row r="760219" spans="14:14">
      <c r="N760219" s="10"/>
    </row>
    <row r="760220" spans="14:14">
      <c r="N760220" s="10"/>
    </row>
    <row r="760221" spans="14:14">
      <c r="N760221" s="10"/>
    </row>
    <row r="760222" spans="14:14">
      <c r="N760222" s="10"/>
    </row>
    <row r="760223" spans="14:14">
      <c r="N760223" s="10"/>
    </row>
    <row r="760224" spans="14:14">
      <c r="N760224" s="10"/>
    </row>
    <row r="760225" spans="14:14">
      <c r="N760225" s="10"/>
    </row>
    <row r="760226" spans="14:14">
      <c r="N760226" s="10"/>
    </row>
    <row r="760227" spans="14:14">
      <c r="N760227" s="10"/>
    </row>
    <row r="760228" spans="14:14">
      <c r="N760228" s="10"/>
    </row>
    <row r="760229" spans="14:14">
      <c r="N760229" s="10"/>
    </row>
    <row r="760230" spans="14:14">
      <c r="N760230" s="10"/>
    </row>
    <row r="760231" spans="14:14">
      <c r="N760231" s="10"/>
    </row>
    <row r="760232" spans="14:14">
      <c r="N760232" s="10"/>
    </row>
    <row r="760233" spans="14:14">
      <c r="N760233" s="10"/>
    </row>
    <row r="760234" spans="14:14">
      <c r="N760234" s="10"/>
    </row>
    <row r="760235" spans="14:14">
      <c r="N760235" s="10"/>
    </row>
    <row r="760236" spans="14:14">
      <c r="N760236" s="10"/>
    </row>
    <row r="760237" spans="14:14">
      <c r="N760237" s="10"/>
    </row>
    <row r="760238" spans="14:14">
      <c r="N760238" s="10"/>
    </row>
    <row r="760239" spans="14:14">
      <c r="N760239" s="10"/>
    </row>
    <row r="760240" spans="14:14">
      <c r="N760240" s="10"/>
    </row>
    <row r="760241" spans="14:14">
      <c r="N760241" s="10"/>
    </row>
    <row r="760242" spans="14:14">
      <c r="N760242" s="10"/>
    </row>
    <row r="760243" spans="14:14">
      <c r="N760243" s="10"/>
    </row>
    <row r="760244" spans="14:14">
      <c r="N760244" s="10"/>
    </row>
    <row r="760245" spans="14:14">
      <c r="N760245" s="10"/>
    </row>
    <row r="760246" spans="14:14">
      <c r="N760246" s="10"/>
    </row>
    <row r="760247" spans="14:14">
      <c r="N760247" s="10"/>
    </row>
    <row r="760248" spans="14:14">
      <c r="N760248" s="10"/>
    </row>
    <row r="760249" spans="14:14">
      <c r="N760249" s="10"/>
    </row>
    <row r="760250" spans="14:14">
      <c r="N760250" s="10"/>
    </row>
    <row r="760251" spans="14:14">
      <c r="N760251" s="10"/>
    </row>
    <row r="760252" spans="14:14">
      <c r="N760252" s="10"/>
    </row>
    <row r="760253" spans="14:14">
      <c r="N760253" s="10"/>
    </row>
    <row r="760254" spans="14:14">
      <c r="N760254" s="10"/>
    </row>
    <row r="760255" spans="14:14">
      <c r="N760255" s="10"/>
    </row>
    <row r="760256" spans="14:14">
      <c r="N760256" s="10"/>
    </row>
    <row r="760257" spans="14:14">
      <c r="N760257" s="10"/>
    </row>
    <row r="760258" spans="14:14">
      <c r="N760258" s="10"/>
    </row>
    <row r="760259" spans="14:14">
      <c r="N760259" s="10"/>
    </row>
    <row r="760260" spans="14:14">
      <c r="N760260" s="10"/>
    </row>
    <row r="760261" spans="14:14">
      <c r="N760261" s="10"/>
    </row>
    <row r="760262" spans="14:14">
      <c r="N760262" s="10"/>
    </row>
    <row r="760263" spans="14:14">
      <c r="N760263" s="10"/>
    </row>
    <row r="760264" spans="14:14">
      <c r="N760264" s="10"/>
    </row>
    <row r="760265" spans="14:14">
      <c r="N760265" s="10"/>
    </row>
    <row r="760266" spans="14:14">
      <c r="N760266" s="10"/>
    </row>
    <row r="760267" spans="14:14">
      <c r="N760267" s="10"/>
    </row>
    <row r="760268" spans="14:14">
      <c r="N760268" s="10"/>
    </row>
    <row r="760269" spans="14:14">
      <c r="N760269" s="10"/>
    </row>
    <row r="760270" spans="14:14">
      <c r="N760270" s="10"/>
    </row>
    <row r="760271" spans="14:14">
      <c r="N760271" s="10"/>
    </row>
    <row r="760272" spans="14:14">
      <c r="N760272" s="10"/>
    </row>
    <row r="760273" spans="14:14">
      <c r="N760273" s="10"/>
    </row>
    <row r="760274" spans="14:14">
      <c r="N760274" s="10"/>
    </row>
    <row r="760275" spans="14:14">
      <c r="N760275" s="10"/>
    </row>
    <row r="760276" spans="14:14">
      <c r="N760276" s="10"/>
    </row>
    <row r="760277" spans="14:14">
      <c r="N760277" s="10"/>
    </row>
    <row r="760278" spans="14:14">
      <c r="N760278" s="10"/>
    </row>
    <row r="760279" spans="14:14">
      <c r="N760279" s="10"/>
    </row>
    <row r="760280" spans="14:14">
      <c r="N760280" s="10"/>
    </row>
    <row r="760281" spans="14:14">
      <c r="N760281" s="10"/>
    </row>
    <row r="760282" spans="14:14">
      <c r="N760282" s="10"/>
    </row>
    <row r="760283" spans="14:14">
      <c r="N760283" s="10"/>
    </row>
    <row r="760284" spans="14:14">
      <c r="N760284" s="10"/>
    </row>
    <row r="760285" spans="14:14">
      <c r="N760285" s="10"/>
    </row>
    <row r="760286" spans="14:14">
      <c r="N760286" s="10"/>
    </row>
    <row r="760287" spans="14:14">
      <c r="N760287" s="10"/>
    </row>
    <row r="760288" spans="14:14">
      <c r="N760288" s="10"/>
    </row>
    <row r="760289" spans="14:14">
      <c r="N760289" s="10"/>
    </row>
    <row r="760290" spans="14:14">
      <c r="N760290" s="10"/>
    </row>
    <row r="760291" spans="14:14">
      <c r="N760291" s="10"/>
    </row>
    <row r="760292" spans="14:14">
      <c r="N760292" s="10"/>
    </row>
    <row r="760293" spans="14:14">
      <c r="N760293" s="10"/>
    </row>
    <row r="760294" spans="14:14">
      <c r="N760294" s="10"/>
    </row>
    <row r="760295" spans="14:14">
      <c r="N760295" s="10"/>
    </row>
    <row r="760296" spans="14:14">
      <c r="N760296" s="10"/>
    </row>
    <row r="760297" spans="14:14">
      <c r="N760297" s="10"/>
    </row>
    <row r="760298" spans="14:14">
      <c r="N760298" s="10"/>
    </row>
    <row r="760299" spans="14:14">
      <c r="N760299" s="10"/>
    </row>
    <row r="760300" spans="14:14">
      <c r="N760300" s="10"/>
    </row>
    <row r="760301" spans="14:14">
      <c r="N760301" s="10"/>
    </row>
    <row r="760302" spans="14:14">
      <c r="N760302" s="10"/>
    </row>
    <row r="760303" spans="14:14">
      <c r="N760303" s="10"/>
    </row>
    <row r="760304" spans="14:14">
      <c r="N760304" s="10"/>
    </row>
    <row r="760305" spans="14:14">
      <c r="N760305" s="10"/>
    </row>
    <row r="760306" spans="14:14">
      <c r="N760306" s="10"/>
    </row>
    <row r="760307" spans="14:14">
      <c r="N760307" s="10"/>
    </row>
    <row r="760308" spans="14:14">
      <c r="N760308" s="10"/>
    </row>
    <row r="760309" spans="14:14">
      <c r="N760309" s="10"/>
    </row>
    <row r="760310" spans="14:14">
      <c r="N760310" s="10"/>
    </row>
    <row r="760311" spans="14:14">
      <c r="N760311" s="10"/>
    </row>
    <row r="760312" spans="14:14">
      <c r="N760312" s="10"/>
    </row>
    <row r="760313" spans="14:14">
      <c r="N760313" s="10"/>
    </row>
    <row r="760314" spans="14:14">
      <c r="N760314" s="10"/>
    </row>
    <row r="760315" spans="14:14">
      <c r="N760315" s="10"/>
    </row>
    <row r="760316" spans="14:14">
      <c r="N760316" s="10"/>
    </row>
    <row r="760317" spans="14:14">
      <c r="N760317" s="10"/>
    </row>
    <row r="760318" spans="14:14">
      <c r="N760318" s="10"/>
    </row>
    <row r="760319" spans="14:14">
      <c r="N760319" s="10"/>
    </row>
    <row r="760320" spans="14:14">
      <c r="N760320" s="10"/>
    </row>
    <row r="760321" spans="14:14">
      <c r="N760321" s="10"/>
    </row>
    <row r="760322" spans="14:14">
      <c r="N760322" s="10"/>
    </row>
    <row r="760323" spans="14:14">
      <c r="N760323" s="10"/>
    </row>
    <row r="760324" spans="14:14">
      <c r="N760324" s="10"/>
    </row>
    <row r="760325" spans="14:14">
      <c r="N760325" s="10"/>
    </row>
    <row r="760326" spans="14:14">
      <c r="N760326" s="10"/>
    </row>
    <row r="760327" spans="14:14">
      <c r="N760327" s="10"/>
    </row>
    <row r="760328" spans="14:14">
      <c r="N760328" s="10"/>
    </row>
    <row r="760329" spans="14:14">
      <c r="N760329" s="10"/>
    </row>
    <row r="760330" spans="14:14">
      <c r="N760330" s="10"/>
    </row>
    <row r="760331" spans="14:14">
      <c r="N760331" s="10"/>
    </row>
    <row r="760332" spans="14:14">
      <c r="N760332" s="10"/>
    </row>
    <row r="760333" spans="14:14">
      <c r="N760333" s="10"/>
    </row>
    <row r="760334" spans="14:14">
      <c r="N760334" s="10"/>
    </row>
    <row r="760335" spans="14:14">
      <c r="N760335" s="10"/>
    </row>
    <row r="760336" spans="14:14">
      <c r="N760336" s="10"/>
    </row>
    <row r="760337" spans="14:14">
      <c r="N760337" s="10"/>
    </row>
    <row r="760338" spans="14:14">
      <c r="N760338" s="10"/>
    </row>
    <row r="760339" spans="14:14">
      <c r="N760339" s="10"/>
    </row>
    <row r="760340" spans="14:14">
      <c r="N760340" s="10"/>
    </row>
    <row r="760341" spans="14:14">
      <c r="N760341" s="10"/>
    </row>
    <row r="760342" spans="14:14">
      <c r="N760342" s="10"/>
    </row>
    <row r="760343" spans="14:14">
      <c r="N760343" s="10"/>
    </row>
    <row r="760344" spans="14:14">
      <c r="N760344" s="10"/>
    </row>
    <row r="760345" spans="14:14">
      <c r="N760345" s="10"/>
    </row>
    <row r="760346" spans="14:14">
      <c r="N760346" s="10"/>
    </row>
    <row r="760347" spans="14:14">
      <c r="N760347" s="10"/>
    </row>
    <row r="760348" spans="14:14">
      <c r="N760348" s="10"/>
    </row>
    <row r="760349" spans="14:14">
      <c r="N760349" s="10"/>
    </row>
    <row r="760350" spans="14:14">
      <c r="N760350" s="10"/>
    </row>
    <row r="760351" spans="14:14">
      <c r="N760351" s="10"/>
    </row>
    <row r="760352" spans="14:14">
      <c r="N760352" s="10"/>
    </row>
    <row r="760353" spans="14:14">
      <c r="N760353" s="10"/>
    </row>
    <row r="760354" spans="14:14">
      <c r="N760354" s="10"/>
    </row>
    <row r="760355" spans="14:14">
      <c r="N760355" s="10"/>
    </row>
    <row r="760356" spans="14:14">
      <c r="N760356" s="10"/>
    </row>
    <row r="760357" spans="14:14">
      <c r="N760357" s="10"/>
    </row>
    <row r="760358" spans="14:14">
      <c r="N760358" s="10"/>
    </row>
    <row r="760359" spans="14:14">
      <c r="N760359" s="10"/>
    </row>
    <row r="760360" spans="14:14">
      <c r="N760360" s="10"/>
    </row>
    <row r="760361" spans="14:14">
      <c r="N760361" s="10"/>
    </row>
    <row r="760362" spans="14:14">
      <c r="N760362" s="10"/>
    </row>
    <row r="760363" spans="14:14">
      <c r="N760363" s="10"/>
    </row>
    <row r="760364" spans="14:14">
      <c r="N760364" s="10"/>
    </row>
    <row r="760365" spans="14:14">
      <c r="N760365" s="10"/>
    </row>
    <row r="760366" spans="14:14">
      <c r="N760366" s="10"/>
    </row>
    <row r="760367" spans="14:14">
      <c r="N760367" s="10"/>
    </row>
    <row r="760368" spans="14:14">
      <c r="N760368" s="10"/>
    </row>
    <row r="760369" spans="14:14">
      <c r="N760369" s="10"/>
    </row>
    <row r="760370" spans="14:14">
      <c r="N760370" s="10"/>
    </row>
    <row r="760371" spans="14:14">
      <c r="N760371" s="10"/>
    </row>
    <row r="760372" spans="14:14">
      <c r="N760372" s="10"/>
    </row>
    <row r="760373" spans="14:14">
      <c r="N760373" s="10"/>
    </row>
    <row r="760374" spans="14:14">
      <c r="N760374" s="10"/>
    </row>
    <row r="760375" spans="14:14">
      <c r="N760375" s="10"/>
    </row>
    <row r="760376" spans="14:14">
      <c r="N760376" s="10"/>
    </row>
    <row r="760377" spans="14:14">
      <c r="N760377" s="10"/>
    </row>
    <row r="760378" spans="14:14">
      <c r="N760378" s="10"/>
    </row>
    <row r="760379" spans="14:14">
      <c r="N760379" s="10"/>
    </row>
    <row r="760380" spans="14:14">
      <c r="N760380" s="10"/>
    </row>
    <row r="760381" spans="14:14">
      <c r="N760381" s="10"/>
    </row>
    <row r="760382" spans="14:14">
      <c r="N760382" s="10"/>
    </row>
    <row r="760383" spans="14:14">
      <c r="N760383" s="10"/>
    </row>
    <row r="760384" spans="14:14">
      <c r="N760384" s="10"/>
    </row>
    <row r="760385" spans="14:14">
      <c r="N760385" s="10"/>
    </row>
    <row r="760386" spans="14:14">
      <c r="N760386" s="10"/>
    </row>
    <row r="760387" spans="14:14">
      <c r="N760387" s="10"/>
    </row>
    <row r="760388" spans="14:14">
      <c r="N760388" s="10"/>
    </row>
    <row r="760389" spans="14:14">
      <c r="N760389" s="10"/>
    </row>
    <row r="760390" spans="14:14">
      <c r="N760390" s="10"/>
    </row>
    <row r="760391" spans="14:14">
      <c r="N760391" s="10"/>
    </row>
    <row r="760392" spans="14:14">
      <c r="N760392" s="10"/>
    </row>
    <row r="760393" spans="14:14">
      <c r="N760393" s="10"/>
    </row>
    <row r="760394" spans="14:14">
      <c r="N760394" s="10"/>
    </row>
    <row r="760395" spans="14:14">
      <c r="N760395" s="10"/>
    </row>
    <row r="760396" spans="14:14">
      <c r="N760396" s="10"/>
    </row>
    <row r="760397" spans="14:14">
      <c r="N760397" s="10"/>
    </row>
    <row r="760398" spans="14:14">
      <c r="N760398" s="10"/>
    </row>
    <row r="760399" spans="14:14">
      <c r="N760399" s="10"/>
    </row>
    <row r="760400" spans="14:14">
      <c r="N760400" s="10"/>
    </row>
    <row r="760401" spans="14:14">
      <c r="N760401" s="10"/>
    </row>
    <row r="760402" spans="14:14">
      <c r="N760402" s="10"/>
    </row>
    <row r="760403" spans="14:14">
      <c r="N760403" s="10"/>
    </row>
    <row r="760404" spans="14:14">
      <c r="N760404" s="10"/>
    </row>
    <row r="760405" spans="14:14">
      <c r="N760405" s="10"/>
    </row>
    <row r="760406" spans="14:14">
      <c r="N760406" s="10"/>
    </row>
    <row r="760407" spans="14:14">
      <c r="N760407" s="10"/>
    </row>
    <row r="760408" spans="14:14">
      <c r="N760408" s="10"/>
    </row>
    <row r="760409" spans="14:14">
      <c r="N760409" s="10"/>
    </row>
    <row r="760410" spans="14:14">
      <c r="N760410" s="10"/>
    </row>
    <row r="760411" spans="14:14">
      <c r="N760411" s="10"/>
    </row>
    <row r="760412" spans="14:14">
      <c r="N760412" s="10"/>
    </row>
    <row r="760413" spans="14:14">
      <c r="N760413" s="10"/>
    </row>
    <row r="760414" spans="14:14">
      <c r="N760414" s="10"/>
    </row>
    <row r="760415" spans="14:14">
      <c r="N760415" s="10"/>
    </row>
    <row r="760416" spans="14:14">
      <c r="N760416" s="10"/>
    </row>
    <row r="760417" spans="14:14">
      <c r="N760417" s="10"/>
    </row>
    <row r="760418" spans="14:14">
      <c r="N760418" s="10"/>
    </row>
    <row r="760419" spans="14:14">
      <c r="N760419" s="10"/>
    </row>
    <row r="760420" spans="14:14">
      <c r="N760420" s="10"/>
    </row>
    <row r="760421" spans="14:14">
      <c r="N760421" s="10"/>
    </row>
    <row r="760422" spans="14:14">
      <c r="N760422" s="10"/>
    </row>
    <row r="760423" spans="14:14">
      <c r="N760423" s="10"/>
    </row>
    <row r="760424" spans="14:14">
      <c r="N760424" s="10"/>
    </row>
    <row r="760425" spans="14:14">
      <c r="N760425" s="10"/>
    </row>
    <row r="760426" spans="14:14">
      <c r="N760426" s="10"/>
    </row>
    <row r="760427" spans="14:14">
      <c r="N760427" s="10"/>
    </row>
    <row r="760428" spans="14:14">
      <c r="N760428" s="10"/>
    </row>
    <row r="760429" spans="14:14">
      <c r="N760429" s="10"/>
    </row>
    <row r="760430" spans="14:14">
      <c r="N760430" s="10"/>
    </row>
    <row r="760431" spans="14:14">
      <c r="N760431" s="10"/>
    </row>
    <row r="760432" spans="14:14">
      <c r="N760432" s="10"/>
    </row>
    <row r="760433" spans="14:14">
      <c r="N760433" s="10"/>
    </row>
    <row r="760434" spans="14:14">
      <c r="N760434" s="10"/>
    </row>
    <row r="760435" spans="14:14">
      <c r="N760435" s="10"/>
    </row>
    <row r="760436" spans="14:14">
      <c r="N760436" s="10"/>
    </row>
    <row r="760437" spans="14:14">
      <c r="N760437" s="10"/>
    </row>
    <row r="760438" spans="14:14">
      <c r="N760438" s="10"/>
    </row>
    <row r="760439" spans="14:14">
      <c r="N760439" s="10"/>
    </row>
    <row r="760440" spans="14:14">
      <c r="N760440" s="10"/>
    </row>
    <row r="760441" spans="14:14">
      <c r="N760441" s="10"/>
    </row>
    <row r="760442" spans="14:14">
      <c r="N760442" s="10"/>
    </row>
    <row r="760443" spans="14:14">
      <c r="N760443" s="10"/>
    </row>
    <row r="760444" spans="14:14">
      <c r="N760444" s="10"/>
    </row>
    <row r="760445" spans="14:14">
      <c r="N760445" s="10"/>
    </row>
    <row r="760446" spans="14:14">
      <c r="N760446" s="10"/>
    </row>
    <row r="760447" spans="14:14">
      <c r="N760447" s="10"/>
    </row>
    <row r="760448" spans="14:14">
      <c r="N760448" s="10"/>
    </row>
    <row r="760449" spans="14:14">
      <c r="N760449" s="10"/>
    </row>
    <row r="760450" spans="14:14">
      <c r="N760450" s="10"/>
    </row>
    <row r="760451" spans="14:14">
      <c r="N760451" s="10"/>
    </row>
    <row r="760452" spans="14:14">
      <c r="N760452" s="10"/>
    </row>
    <row r="760453" spans="14:14">
      <c r="N760453" s="10"/>
    </row>
    <row r="760454" spans="14:14">
      <c r="N760454" s="10"/>
    </row>
    <row r="760455" spans="14:14">
      <c r="N760455" s="10"/>
    </row>
    <row r="760456" spans="14:14">
      <c r="N760456" s="10"/>
    </row>
    <row r="760457" spans="14:14">
      <c r="N760457" s="10"/>
    </row>
    <row r="760458" spans="14:14">
      <c r="N760458" s="10"/>
    </row>
    <row r="760459" spans="14:14">
      <c r="N760459" s="10"/>
    </row>
    <row r="760460" spans="14:14">
      <c r="N760460" s="10"/>
    </row>
    <row r="760461" spans="14:14">
      <c r="N760461" s="10"/>
    </row>
    <row r="760462" spans="14:14">
      <c r="N760462" s="10"/>
    </row>
    <row r="760463" spans="14:14">
      <c r="N760463" s="10"/>
    </row>
    <row r="760464" spans="14:14">
      <c r="N760464" s="10"/>
    </row>
    <row r="760465" spans="14:14">
      <c r="N760465" s="10"/>
    </row>
    <row r="760466" spans="14:14">
      <c r="N760466" s="10"/>
    </row>
    <row r="760467" spans="14:14">
      <c r="N760467" s="10"/>
    </row>
    <row r="760468" spans="14:14">
      <c r="N760468" s="10"/>
    </row>
    <row r="760469" spans="14:14">
      <c r="N760469" s="10"/>
    </row>
    <row r="760470" spans="14:14">
      <c r="N760470" s="10"/>
    </row>
    <row r="760471" spans="14:14">
      <c r="N760471" s="10"/>
    </row>
    <row r="760472" spans="14:14">
      <c r="N760472" s="10"/>
    </row>
    <row r="760473" spans="14:14">
      <c r="N760473" s="10"/>
    </row>
    <row r="760474" spans="14:14">
      <c r="N760474" s="10"/>
    </row>
    <row r="760475" spans="14:14">
      <c r="N760475" s="10"/>
    </row>
    <row r="760476" spans="14:14">
      <c r="N760476" s="10"/>
    </row>
    <row r="760477" spans="14:14">
      <c r="N760477" s="10"/>
    </row>
    <row r="760478" spans="14:14">
      <c r="N760478" s="10"/>
    </row>
    <row r="760479" spans="14:14">
      <c r="N760479" s="10"/>
    </row>
    <row r="760480" spans="14:14">
      <c r="N760480" s="10"/>
    </row>
    <row r="760481" spans="14:14">
      <c r="N760481" s="10"/>
    </row>
    <row r="760482" spans="14:14">
      <c r="N760482" s="10"/>
    </row>
    <row r="760483" spans="14:14">
      <c r="N760483" s="10"/>
    </row>
    <row r="760484" spans="14:14">
      <c r="N760484" s="10"/>
    </row>
    <row r="760485" spans="14:14">
      <c r="N760485" s="10"/>
    </row>
    <row r="760486" spans="14:14">
      <c r="N760486" s="10"/>
    </row>
    <row r="760487" spans="14:14">
      <c r="N760487" s="10"/>
    </row>
    <row r="760488" spans="14:14">
      <c r="N760488" s="10"/>
    </row>
    <row r="760489" spans="14:14">
      <c r="N760489" s="10"/>
    </row>
    <row r="760490" spans="14:14">
      <c r="N760490" s="10"/>
    </row>
    <row r="760491" spans="14:14">
      <c r="N760491" s="10"/>
    </row>
    <row r="760492" spans="14:14">
      <c r="N760492" s="10"/>
    </row>
    <row r="760493" spans="14:14">
      <c r="N760493" s="10"/>
    </row>
    <row r="760494" spans="14:14">
      <c r="N760494" s="10"/>
    </row>
    <row r="760495" spans="14:14">
      <c r="N760495" s="10"/>
    </row>
    <row r="760496" spans="14:14">
      <c r="N760496" s="10"/>
    </row>
    <row r="760497" spans="14:14">
      <c r="N760497" s="10"/>
    </row>
    <row r="760498" spans="14:14">
      <c r="N760498" s="10"/>
    </row>
    <row r="760499" spans="14:14">
      <c r="N760499" s="10"/>
    </row>
    <row r="760500" spans="14:14">
      <c r="N760500" s="10"/>
    </row>
    <row r="760501" spans="14:14">
      <c r="N760501" s="10"/>
    </row>
    <row r="760502" spans="14:14">
      <c r="N760502" s="10"/>
    </row>
    <row r="760503" spans="14:14">
      <c r="N760503" s="10"/>
    </row>
    <row r="760504" spans="14:14">
      <c r="N760504" s="10"/>
    </row>
    <row r="760505" spans="14:14">
      <c r="N760505" s="10"/>
    </row>
    <row r="760506" spans="14:14">
      <c r="N760506" s="10"/>
    </row>
    <row r="760507" spans="14:14">
      <c r="N760507" s="10"/>
    </row>
    <row r="760508" spans="14:14">
      <c r="N760508" s="10"/>
    </row>
    <row r="760509" spans="14:14">
      <c r="N760509" s="10"/>
    </row>
    <row r="760510" spans="14:14">
      <c r="N760510" s="10"/>
    </row>
    <row r="760511" spans="14:14">
      <c r="N760511" s="10"/>
    </row>
    <row r="760512" spans="14:14">
      <c r="N760512" s="10"/>
    </row>
    <row r="760513" spans="14:14">
      <c r="N760513" s="10"/>
    </row>
    <row r="760514" spans="14:14">
      <c r="N760514" s="10"/>
    </row>
    <row r="760515" spans="14:14">
      <c r="N760515" s="10"/>
    </row>
    <row r="760516" spans="14:14">
      <c r="N760516" s="10"/>
    </row>
    <row r="760517" spans="14:14">
      <c r="N760517" s="10"/>
    </row>
    <row r="760518" spans="14:14">
      <c r="N760518" s="10"/>
    </row>
    <row r="760519" spans="14:14">
      <c r="N760519" s="10"/>
    </row>
    <row r="760520" spans="14:14">
      <c r="N760520" s="10"/>
    </row>
    <row r="760521" spans="14:14">
      <c r="N760521" s="10"/>
    </row>
    <row r="760522" spans="14:14">
      <c r="N760522" s="10"/>
    </row>
    <row r="760523" spans="14:14">
      <c r="N760523" s="10"/>
    </row>
    <row r="760524" spans="14:14">
      <c r="N760524" s="10"/>
    </row>
    <row r="760525" spans="14:14">
      <c r="N760525" s="10"/>
    </row>
    <row r="760526" spans="14:14">
      <c r="N760526" s="10"/>
    </row>
    <row r="760527" spans="14:14">
      <c r="N760527" s="10"/>
    </row>
    <row r="760528" spans="14:14">
      <c r="N760528" s="10"/>
    </row>
    <row r="760529" spans="14:14">
      <c r="N760529" s="10"/>
    </row>
    <row r="760530" spans="14:14">
      <c r="N760530" s="10"/>
    </row>
    <row r="760531" spans="14:14">
      <c r="N760531" s="10"/>
    </row>
    <row r="760532" spans="14:14">
      <c r="N760532" s="10"/>
    </row>
    <row r="760533" spans="14:14">
      <c r="N760533" s="10"/>
    </row>
    <row r="760534" spans="14:14">
      <c r="N760534" s="10"/>
    </row>
    <row r="760535" spans="14:14">
      <c r="N760535" s="10"/>
    </row>
    <row r="760536" spans="14:14">
      <c r="N760536" s="10"/>
    </row>
    <row r="760537" spans="14:14">
      <c r="N760537" s="10"/>
    </row>
    <row r="760538" spans="14:14">
      <c r="N760538" s="10"/>
    </row>
    <row r="760539" spans="14:14">
      <c r="N760539" s="10"/>
    </row>
    <row r="760540" spans="14:14">
      <c r="N760540" s="10"/>
    </row>
    <row r="760541" spans="14:14">
      <c r="N760541" s="10"/>
    </row>
    <row r="760542" spans="14:14">
      <c r="N760542" s="10"/>
    </row>
    <row r="760543" spans="14:14">
      <c r="N760543" s="10"/>
    </row>
    <row r="760544" spans="14:14">
      <c r="N760544" s="10"/>
    </row>
    <row r="760545" spans="14:14">
      <c r="N760545" s="10"/>
    </row>
    <row r="760546" spans="14:14">
      <c r="N760546" s="10"/>
    </row>
    <row r="760547" spans="14:14">
      <c r="N760547" s="10"/>
    </row>
    <row r="760548" spans="14:14">
      <c r="N760548" s="10"/>
    </row>
    <row r="760549" spans="14:14">
      <c r="N760549" s="10"/>
    </row>
    <row r="760550" spans="14:14">
      <c r="N760550" s="10"/>
    </row>
    <row r="760551" spans="14:14">
      <c r="N760551" s="10"/>
    </row>
    <row r="760552" spans="14:14">
      <c r="N760552" s="10"/>
    </row>
    <row r="760553" spans="14:14">
      <c r="N760553" s="10"/>
    </row>
    <row r="760554" spans="14:14">
      <c r="N760554" s="10"/>
    </row>
    <row r="760555" spans="14:14">
      <c r="N760555" s="10"/>
    </row>
    <row r="760556" spans="14:14">
      <c r="N760556" s="10"/>
    </row>
    <row r="760557" spans="14:14">
      <c r="N760557" s="10"/>
    </row>
    <row r="760558" spans="14:14">
      <c r="N760558" s="10"/>
    </row>
    <row r="760559" spans="14:14">
      <c r="N760559" s="10"/>
    </row>
    <row r="760560" spans="14:14">
      <c r="N760560" s="10"/>
    </row>
    <row r="760561" spans="14:14">
      <c r="N760561" s="10"/>
    </row>
    <row r="760562" spans="14:14">
      <c r="N760562" s="10"/>
    </row>
    <row r="760563" spans="14:14">
      <c r="N760563" s="10"/>
    </row>
    <row r="760564" spans="14:14">
      <c r="N760564" s="10"/>
    </row>
    <row r="760565" spans="14:14">
      <c r="N760565" s="10"/>
    </row>
    <row r="760566" spans="14:14">
      <c r="N760566" s="10"/>
    </row>
    <row r="760567" spans="14:14">
      <c r="N760567" s="10"/>
    </row>
    <row r="760568" spans="14:14">
      <c r="N760568" s="10"/>
    </row>
    <row r="760569" spans="14:14">
      <c r="N760569" s="10"/>
    </row>
    <row r="760570" spans="14:14">
      <c r="N760570" s="10"/>
    </row>
    <row r="760571" spans="14:14">
      <c r="N760571" s="10"/>
    </row>
    <row r="760572" spans="14:14">
      <c r="N760572" s="10"/>
    </row>
    <row r="760573" spans="14:14">
      <c r="N760573" s="10"/>
    </row>
    <row r="760574" spans="14:14">
      <c r="N760574" s="10"/>
    </row>
    <row r="760575" spans="14:14">
      <c r="N760575" s="10"/>
    </row>
    <row r="760576" spans="14:14">
      <c r="N760576" s="10"/>
    </row>
    <row r="760577" spans="14:14">
      <c r="N760577" s="10"/>
    </row>
    <row r="760578" spans="14:14">
      <c r="N760578" s="10"/>
    </row>
    <row r="760579" spans="14:14">
      <c r="N760579" s="10"/>
    </row>
    <row r="760580" spans="14:14">
      <c r="N760580" s="10"/>
    </row>
    <row r="760581" spans="14:14">
      <c r="N760581" s="10"/>
    </row>
    <row r="760582" spans="14:14">
      <c r="N760582" s="10"/>
    </row>
    <row r="760583" spans="14:14">
      <c r="N760583" s="10"/>
    </row>
    <row r="760584" spans="14:14">
      <c r="N760584" s="10"/>
    </row>
    <row r="760585" spans="14:14">
      <c r="N760585" s="10"/>
    </row>
    <row r="760586" spans="14:14">
      <c r="N760586" s="10"/>
    </row>
    <row r="760587" spans="14:14">
      <c r="N760587" s="10"/>
    </row>
    <row r="760588" spans="14:14">
      <c r="N760588" s="10"/>
    </row>
    <row r="760589" spans="14:14">
      <c r="N760589" s="10"/>
    </row>
    <row r="760590" spans="14:14">
      <c r="N760590" s="10"/>
    </row>
    <row r="760591" spans="14:14">
      <c r="N760591" s="10"/>
    </row>
    <row r="760592" spans="14:14">
      <c r="N760592" s="10"/>
    </row>
    <row r="760593" spans="14:14">
      <c r="N760593" s="10"/>
    </row>
    <row r="760594" spans="14:14">
      <c r="N760594" s="10"/>
    </row>
    <row r="760595" spans="14:14">
      <c r="N760595" s="10"/>
    </row>
    <row r="760596" spans="14:14">
      <c r="N760596" s="10"/>
    </row>
    <row r="760597" spans="14:14">
      <c r="N760597" s="10"/>
    </row>
    <row r="760598" spans="14:14">
      <c r="N760598" s="10"/>
    </row>
    <row r="760599" spans="14:14">
      <c r="N760599" s="10"/>
    </row>
    <row r="760600" spans="14:14">
      <c r="N760600" s="10"/>
    </row>
    <row r="760601" spans="14:14">
      <c r="N760601" s="10"/>
    </row>
    <row r="760602" spans="14:14">
      <c r="N760602" s="10"/>
    </row>
    <row r="760603" spans="14:14">
      <c r="N760603" s="10"/>
    </row>
    <row r="760604" spans="14:14">
      <c r="N760604" s="10"/>
    </row>
    <row r="760605" spans="14:14">
      <c r="N760605" s="10"/>
    </row>
    <row r="760606" spans="14:14">
      <c r="N760606" s="10"/>
    </row>
    <row r="760607" spans="14:14">
      <c r="N760607" s="10"/>
    </row>
    <row r="760608" spans="14:14">
      <c r="N760608" s="10"/>
    </row>
    <row r="760609" spans="14:14">
      <c r="N760609" s="10"/>
    </row>
    <row r="760610" spans="14:14">
      <c r="N760610" s="10"/>
    </row>
    <row r="760611" spans="14:14">
      <c r="N760611" s="10"/>
    </row>
    <row r="760612" spans="14:14">
      <c r="N760612" s="10"/>
    </row>
    <row r="760613" spans="14:14">
      <c r="N760613" s="10"/>
    </row>
    <row r="760614" spans="14:14">
      <c r="N760614" s="10"/>
    </row>
    <row r="760615" spans="14:14">
      <c r="N760615" s="10"/>
    </row>
    <row r="760616" spans="14:14">
      <c r="N760616" s="10"/>
    </row>
    <row r="760617" spans="14:14">
      <c r="N760617" s="10"/>
    </row>
    <row r="760618" spans="14:14">
      <c r="N760618" s="10"/>
    </row>
    <row r="760619" spans="14:14">
      <c r="N760619" s="10"/>
    </row>
    <row r="760620" spans="14:14">
      <c r="N760620" s="10"/>
    </row>
    <row r="760621" spans="14:14">
      <c r="N760621" s="10"/>
    </row>
    <row r="760622" spans="14:14">
      <c r="N760622" s="10"/>
    </row>
    <row r="760623" spans="14:14">
      <c r="N760623" s="10"/>
    </row>
    <row r="760624" spans="14:14">
      <c r="N760624" s="10"/>
    </row>
    <row r="760625" spans="14:14">
      <c r="N760625" s="10"/>
    </row>
    <row r="760626" spans="14:14">
      <c r="N760626" s="10"/>
    </row>
    <row r="760627" spans="14:14">
      <c r="N760627" s="10"/>
    </row>
    <row r="760628" spans="14:14">
      <c r="N760628" s="10"/>
    </row>
    <row r="760629" spans="14:14">
      <c r="N760629" s="10"/>
    </row>
    <row r="760630" spans="14:14">
      <c r="N760630" s="10"/>
    </row>
    <row r="760631" spans="14:14">
      <c r="N760631" s="10"/>
    </row>
    <row r="760632" spans="14:14">
      <c r="N760632" s="10"/>
    </row>
    <row r="760633" spans="14:14">
      <c r="N760633" s="10"/>
    </row>
    <row r="760634" spans="14:14">
      <c r="N760634" s="10"/>
    </row>
    <row r="760635" spans="14:14">
      <c r="N760635" s="10"/>
    </row>
    <row r="760636" spans="14:14">
      <c r="N760636" s="10"/>
    </row>
    <row r="760637" spans="14:14">
      <c r="N760637" s="10"/>
    </row>
    <row r="760638" spans="14:14">
      <c r="N760638" s="10"/>
    </row>
    <row r="760639" spans="14:14">
      <c r="N760639" s="10"/>
    </row>
    <row r="760640" spans="14:14">
      <c r="N760640" s="10"/>
    </row>
    <row r="760641" spans="14:14">
      <c r="N760641" s="10"/>
    </row>
    <row r="760642" spans="14:14">
      <c r="N760642" s="10"/>
    </row>
    <row r="760643" spans="14:14">
      <c r="N760643" s="10"/>
    </row>
    <row r="760644" spans="14:14">
      <c r="N760644" s="10"/>
    </row>
    <row r="760645" spans="14:14">
      <c r="N760645" s="10"/>
    </row>
    <row r="760646" spans="14:14">
      <c r="N760646" s="10"/>
    </row>
    <row r="760647" spans="14:14">
      <c r="N760647" s="10"/>
    </row>
    <row r="760648" spans="14:14">
      <c r="N760648" s="10"/>
    </row>
    <row r="760649" spans="14:14">
      <c r="N760649" s="10"/>
    </row>
    <row r="760650" spans="14:14">
      <c r="N760650" s="10"/>
    </row>
    <row r="760651" spans="14:14">
      <c r="N760651" s="10"/>
    </row>
    <row r="760652" spans="14:14">
      <c r="N760652" s="10"/>
    </row>
    <row r="760653" spans="14:14">
      <c r="N760653" s="10"/>
    </row>
    <row r="760654" spans="14:14">
      <c r="N760654" s="10"/>
    </row>
    <row r="760655" spans="14:14">
      <c r="N760655" s="10"/>
    </row>
    <row r="760656" spans="14:14">
      <c r="N760656" s="10"/>
    </row>
    <row r="760657" spans="14:14">
      <c r="N760657" s="10"/>
    </row>
    <row r="760658" spans="14:14">
      <c r="N760658" s="10"/>
    </row>
    <row r="760659" spans="14:14">
      <c r="N760659" s="10"/>
    </row>
    <row r="760660" spans="14:14">
      <c r="N760660" s="10"/>
    </row>
    <row r="760661" spans="14:14">
      <c r="N760661" s="10"/>
    </row>
    <row r="760662" spans="14:14">
      <c r="N760662" s="10"/>
    </row>
    <row r="760663" spans="14:14">
      <c r="N760663" s="10"/>
    </row>
    <row r="760664" spans="14:14">
      <c r="N760664" s="10"/>
    </row>
    <row r="760665" spans="14:14">
      <c r="N760665" s="10"/>
    </row>
    <row r="760666" spans="14:14">
      <c r="N760666" s="10"/>
    </row>
    <row r="760667" spans="14:14">
      <c r="N760667" s="10"/>
    </row>
    <row r="760668" spans="14:14">
      <c r="N760668" s="10"/>
    </row>
    <row r="760669" spans="14:14">
      <c r="N760669" s="10"/>
    </row>
    <row r="760670" spans="14:14">
      <c r="N760670" s="10"/>
    </row>
    <row r="760671" spans="14:14">
      <c r="N760671" s="10"/>
    </row>
    <row r="760672" spans="14:14">
      <c r="N760672" s="10"/>
    </row>
    <row r="760673" spans="14:14">
      <c r="N760673" s="10"/>
    </row>
    <row r="760674" spans="14:14">
      <c r="N760674" s="10"/>
    </row>
    <row r="760675" spans="14:14">
      <c r="N760675" s="10"/>
    </row>
    <row r="760676" spans="14:14">
      <c r="N760676" s="10"/>
    </row>
    <row r="760677" spans="14:14">
      <c r="N760677" s="10"/>
    </row>
    <row r="760678" spans="14:14">
      <c r="N760678" s="10"/>
    </row>
    <row r="760679" spans="14:14">
      <c r="N760679" s="10"/>
    </row>
    <row r="760680" spans="14:14">
      <c r="N760680" s="10"/>
    </row>
    <row r="760681" spans="14:14">
      <c r="N760681" s="10"/>
    </row>
    <row r="760682" spans="14:14">
      <c r="N760682" s="10"/>
    </row>
    <row r="760683" spans="14:14">
      <c r="N760683" s="10"/>
    </row>
    <row r="760684" spans="14:14">
      <c r="N760684" s="10"/>
    </row>
    <row r="760685" spans="14:14">
      <c r="N760685" s="10"/>
    </row>
    <row r="760686" spans="14:14">
      <c r="N760686" s="10"/>
    </row>
    <row r="760687" spans="14:14">
      <c r="N760687" s="10"/>
    </row>
    <row r="760688" spans="14:14">
      <c r="N760688" s="10"/>
    </row>
    <row r="760689" spans="14:14">
      <c r="N760689" s="10"/>
    </row>
    <row r="760690" spans="14:14">
      <c r="N760690" s="10"/>
    </row>
    <row r="760691" spans="14:14">
      <c r="N760691" s="10"/>
    </row>
    <row r="760692" spans="14:14">
      <c r="N760692" s="10"/>
    </row>
    <row r="760693" spans="14:14">
      <c r="N760693" s="10"/>
    </row>
    <row r="760694" spans="14:14">
      <c r="N760694" s="10"/>
    </row>
    <row r="760695" spans="14:14">
      <c r="N760695" s="10"/>
    </row>
    <row r="760696" spans="14:14">
      <c r="N760696" s="10"/>
    </row>
    <row r="760697" spans="14:14">
      <c r="N760697" s="10"/>
    </row>
    <row r="760698" spans="14:14">
      <c r="N760698" s="10"/>
    </row>
    <row r="760699" spans="14:14">
      <c r="N760699" s="10"/>
    </row>
    <row r="760700" spans="14:14">
      <c r="N760700" s="10"/>
    </row>
    <row r="760701" spans="14:14">
      <c r="N760701" s="10"/>
    </row>
    <row r="760702" spans="14:14">
      <c r="N760702" s="10"/>
    </row>
    <row r="760703" spans="14:14">
      <c r="N760703" s="10"/>
    </row>
    <row r="760704" spans="14:14">
      <c r="N760704" s="10"/>
    </row>
    <row r="760705" spans="14:14">
      <c r="N760705" s="10"/>
    </row>
    <row r="760706" spans="14:14">
      <c r="N760706" s="10"/>
    </row>
    <row r="760707" spans="14:14">
      <c r="N760707" s="10"/>
    </row>
    <row r="760708" spans="14:14">
      <c r="N760708" s="10"/>
    </row>
    <row r="760709" spans="14:14">
      <c r="N760709" s="10"/>
    </row>
    <row r="760710" spans="14:14">
      <c r="N760710" s="10"/>
    </row>
    <row r="760711" spans="14:14">
      <c r="N760711" s="10"/>
    </row>
    <row r="760712" spans="14:14">
      <c r="N760712" s="10"/>
    </row>
    <row r="760713" spans="14:14">
      <c r="N760713" s="10"/>
    </row>
    <row r="760714" spans="14:14">
      <c r="N760714" s="10"/>
    </row>
    <row r="760715" spans="14:14">
      <c r="N760715" s="10"/>
    </row>
    <row r="760716" spans="14:14">
      <c r="N760716" s="10"/>
    </row>
    <row r="760717" spans="14:14">
      <c r="N760717" s="10"/>
    </row>
    <row r="760718" spans="14:14">
      <c r="N760718" s="10"/>
    </row>
    <row r="760719" spans="14:14">
      <c r="N760719" s="10"/>
    </row>
    <row r="760720" spans="14:14">
      <c r="N760720" s="10"/>
    </row>
    <row r="760721" spans="14:14">
      <c r="N760721" s="10"/>
    </row>
    <row r="760722" spans="14:14">
      <c r="N760722" s="10"/>
    </row>
    <row r="760723" spans="14:14">
      <c r="N760723" s="10"/>
    </row>
    <row r="760724" spans="14:14">
      <c r="N760724" s="10"/>
    </row>
    <row r="760725" spans="14:14">
      <c r="N760725" s="10"/>
    </row>
    <row r="760726" spans="14:14">
      <c r="N760726" s="10"/>
    </row>
    <row r="760727" spans="14:14">
      <c r="N760727" s="10"/>
    </row>
    <row r="760728" spans="14:14">
      <c r="N760728" s="10"/>
    </row>
    <row r="760729" spans="14:14">
      <c r="N760729" s="10"/>
    </row>
    <row r="760730" spans="14:14">
      <c r="N760730" s="10"/>
    </row>
    <row r="760731" spans="14:14">
      <c r="N760731" s="10"/>
    </row>
    <row r="760732" spans="14:14">
      <c r="N760732" s="10"/>
    </row>
    <row r="760733" spans="14:14">
      <c r="N760733" s="10"/>
    </row>
    <row r="760734" spans="14:14">
      <c r="N760734" s="10"/>
    </row>
    <row r="760735" spans="14:14">
      <c r="N760735" s="10"/>
    </row>
    <row r="760736" spans="14:14">
      <c r="N760736" s="10"/>
    </row>
    <row r="760737" spans="14:14">
      <c r="N760737" s="10"/>
    </row>
    <row r="760738" spans="14:14">
      <c r="N760738" s="10"/>
    </row>
    <row r="760739" spans="14:14">
      <c r="N760739" s="10"/>
    </row>
    <row r="760740" spans="14:14">
      <c r="N760740" s="10"/>
    </row>
    <row r="760741" spans="14:14">
      <c r="N760741" s="10"/>
    </row>
    <row r="760742" spans="14:14">
      <c r="N760742" s="10"/>
    </row>
    <row r="760743" spans="14:14">
      <c r="N760743" s="10"/>
    </row>
    <row r="760744" spans="14:14">
      <c r="N760744" s="10"/>
    </row>
    <row r="760745" spans="14:14">
      <c r="N760745" s="10"/>
    </row>
    <row r="760746" spans="14:14">
      <c r="N760746" s="10"/>
    </row>
    <row r="760747" spans="14:14">
      <c r="N760747" s="10"/>
    </row>
    <row r="760748" spans="14:14">
      <c r="N760748" s="10"/>
    </row>
    <row r="760749" spans="14:14">
      <c r="N760749" s="10"/>
    </row>
    <row r="760750" spans="14:14">
      <c r="N760750" s="10"/>
    </row>
    <row r="760751" spans="14:14">
      <c r="N760751" s="10"/>
    </row>
    <row r="760752" spans="14:14">
      <c r="N760752" s="10"/>
    </row>
    <row r="760753" spans="14:14">
      <c r="N760753" s="10"/>
    </row>
    <row r="760754" spans="14:14">
      <c r="N760754" s="10"/>
    </row>
    <row r="760755" spans="14:14">
      <c r="N760755" s="10"/>
    </row>
    <row r="760756" spans="14:14">
      <c r="N760756" s="10"/>
    </row>
    <row r="760757" spans="14:14">
      <c r="N760757" s="10"/>
    </row>
    <row r="760758" spans="14:14">
      <c r="N760758" s="10"/>
    </row>
    <row r="760759" spans="14:14">
      <c r="N760759" s="10"/>
    </row>
    <row r="760760" spans="14:14">
      <c r="N760760" s="10"/>
    </row>
    <row r="760761" spans="14:14">
      <c r="N760761" s="10"/>
    </row>
    <row r="760762" spans="14:14">
      <c r="N760762" s="10"/>
    </row>
    <row r="760763" spans="14:14">
      <c r="N760763" s="10"/>
    </row>
    <row r="760764" spans="14:14">
      <c r="N760764" s="10"/>
    </row>
    <row r="760765" spans="14:14">
      <c r="N760765" s="10"/>
    </row>
    <row r="760766" spans="14:14">
      <c r="N760766" s="10"/>
    </row>
    <row r="760767" spans="14:14">
      <c r="N760767" s="10"/>
    </row>
    <row r="760768" spans="14:14">
      <c r="N760768" s="10"/>
    </row>
    <row r="760769" spans="14:14">
      <c r="N760769" s="10"/>
    </row>
    <row r="760770" spans="14:14">
      <c r="N760770" s="10"/>
    </row>
    <row r="760771" spans="14:14">
      <c r="N760771" s="10"/>
    </row>
    <row r="760772" spans="14:14">
      <c r="N760772" s="10"/>
    </row>
    <row r="760773" spans="14:14">
      <c r="N760773" s="10"/>
    </row>
    <row r="760774" spans="14:14">
      <c r="N760774" s="10"/>
    </row>
    <row r="760775" spans="14:14">
      <c r="N760775" s="10"/>
    </row>
    <row r="760776" spans="14:14">
      <c r="N760776" s="10"/>
    </row>
    <row r="760777" spans="14:14">
      <c r="N760777" s="10"/>
    </row>
    <row r="760778" spans="14:14">
      <c r="N760778" s="10"/>
    </row>
    <row r="760779" spans="14:14">
      <c r="N760779" s="10"/>
    </row>
    <row r="760780" spans="14:14">
      <c r="N760780" s="10"/>
    </row>
    <row r="760781" spans="14:14">
      <c r="N760781" s="10"/>
    </row>
    <row r="760782" spans="14:14">
      <c r="N760782" s="10"/>
    </row>
    <row r="760783" spans="14:14">
      <c r="N760783" s="10"/>
    </row>
    <row r="760784" spans="14:14">
      <c r="N760784" s="10"/>
    </row>
    <row r="760785" spans="14:14">
      <c r="N760785" s="10"/>
    </row>
    <row r="760786" spans="14:14">
      <c r="N760786" s="10"/>
    </row>
    <row r="760787" spans="14:14">
      <c r="N760787" s="10"/>
    </row>
    <row r="760788" spans="14:14">
      <c r="N760788" s="10"/>
    </row>
    <row r="760789" spans="14:14">
      <c r="N760789" s="10"/>
    </row>
    <row r="760790" spans="14:14">
      <c r="N760790" s="10"/>
    </row>
    <row r="760791" spans="14:14">
      <c r="N760791" s="10"/>
    </row>
    <row r="760792" spans="14:14">
      <c r="N760792" s="10"/>
    </row>
    <row r="760793" spans="14:14">
      <c r="N760793" s="10"/>
    </row>
    <row r="760794" spans="14:14">
      <c r="N760794" s="10"/>
    </row>
    <row r="760795" spans="14:14">
      <c r="N760795" s="10"/>
    </row>
    <row r="760796" spans="14:14">
      <c r="N760796" s="10"/>
    </row>
    <row r="760797" spans="14:14">
      <c r="N760797" s="10"/>
    </row>
    <row r="760798" spans="14:14">
      <c r="N760798" s="10"/>
    </row>
    <row r="760799" spans="14:14">
      <c r="N760799" s="10"/>
    </row>
    <row r="760800" spans="14:14">
      <c r="N760800" s="10"/>
    </row>
    <row r="760801" spans="14:14">
      <c r="N760801" s="10"/>
    </row>
    <row r="760802" spans="14:14">
      <c r="N760802" s="10"/>
    </row>
    <row r="760803" spans="14:14">
      <c r="N760803" s="10"/>
    </row>
    <row r="760804" spans="14:14">
      <c r="N760804" s="10"/>
    </row>
    <row r="760805" spans="14:14">
      <c r="N760805" s="10"/>
    </row>
    <row r="760806" spans="14:14">
      <c r="N760806" s="10"/>
    </row>
    <row r="760807" spans="14:14">
      <c r="N760807" s="10"/>
    </row>
    <row r="760808" spans="14:14">
      <c r="N760808" s="10"/>
    </row>
    <row r="760809" spans="14:14">
      <c r="N760809" s="10"/>
    </row>
    <row r="760810" spans="14:14">
      <c r="N760810" s="10"/>
    </row>
    <row r="760811" spans="14:14">
      <c r="N760811" s="10"/>
    </row>
    <row r="760812" spans="14:14">
      <c r="N760812" s="10"/>
    </row>
    <row r="760813" spans="14:14">
      <c r="N760813" s="10"/>
    </row>
    <row r="760814" spans="14:14">
      <c r="N760814" s="10"/>
    </row>
    <row r="760815" spans="14:14">
      <c r="N760815" s="10"/>
    </row>
    <row r="760816" spans="14:14">
      <c r="N760816" s="10"/>
    </row>
    <row r="760817" spans="14:14">
      <c r="N760817" s="10"/>
    </row>
    <row r="760818" spans="14:14">
      <c r="N760818" s="10"/>
    </row>
    <row r="760819" spans="14:14">
      <c r="N760819" s="10"/>
    </row>
    <row r="760820" spans="14:14">
      <c r="N760820" s="10"/>
    </row>
    <row r="760821" spans="14:14">
      <c r="N760821" s="10"/>
    </row>
    <row r="760822" spans="14:14">
      <c r="N760822" s="10"/>
    </row>
    <row r="760823" spans="14:14">
      <c r="N760823" s="10"/>
    </row>
    <row r="760824" spans="14:14">
      <c r="N760824" s="10"/>
    </row>
    <row r="760825" spans="14:14">
      <c r="N760825" s="10"/>
    </row>
    <row r="760826" spans="14:14">
      <c r="N760826" s="10"/>
    </row>
    <row r="760827" spans="14:14">
      <c r="N760827" s="10"/>
    </row>
    <row r="760828" spans="14:14">
      <c r="N760828" s="10"/>
    </row>
    <row r="760829" spans="14:14">
      <c r="N760829" s="10"/>
    </row>
    <row r="760830" spans="14:14">
      <c r="N760830" s="10"/>
    </row>
    <row r="760831" spans="14:14">
      <c r="N760831" s="10"/>
    </row>
    <row r="760832" spans="14:14">
      <c r="N760832" s="10"/>
    </row>
    <row r="760833" spans="14:14">
      <c r="N760833" s="10"/>
    </row>
    <row r="760834" spans="14:14">
      <c r="N760834" s="10"/>
    </row>
    <row r="760835" spans="14:14">
      <c r="N760835" s="10"/>
    </row>
    <row r="760836" spans="14:14">
      <c r="N760836" s="10"/>
    </row>
    <row r="760837" spans="14:14">
      <c r="N760837" s="10"/>
    </row>
    <row r="760838" spans="14:14">
      <c r="N760838" s="10"/>
    </row>
    <row r="760839" spans="14:14">
      <c r="N760839" s="10"/>
    </row>
    <row r="760840" spans="14:14">
      <c r="N760840" s="10"/>
    </row>
    <row r="760841" spans="14:14">
      <c r="N760841" s="10"/>
    </row>
    <row r="760842" spans="14:14">
      <c r="N760842" s="10"/>
    </row>
    <row r="760843" spans="14:14">
      <c r="N760843" s="10"/>
    </row>
    <row r="760844" spans="14:14">
      <c r="N760844" s="10"/>
    </row>
    <row r="760845" spans="14:14">
      <c r="N760845" s="10"/>
    </row>
    <row r="760846" spans="14:14">
      <c r="N760846" s="10"/>
    </row>
    <row r="760847" spans="14:14">
      <c r="N760847" s="10"/>
    </row>
    <row r="760848" spans="14:14">
      <c r="N760848" s="10"/>
    </row>
    <row r="760849" spans="14:14">
      <c r="N760849" s="10"/>
    </row>
    <row r="760850" spans="14:14">
      <c r="N760850" s="10"/>
    </row>
    <row r="760851" spans="14:14">
      <c r="N760851" s="10"/>
    </row>
    <row r="760852" spans="14:14">
      <c r="N760852" s="10"/>
    </row>
    <row r="760853" spans="14:14">
      <c r="N760853" s="10"/>
    </row>
    <row r="760854" spans="14:14">
      <c r="N760854" s="10"/>
    </row>
    <row r="760855" spans="14:14">
      <c r="N760855" s="10"/>
    </row>
    <row r="760856" spans="14:14">
      <c r="N760856" s="10"/>
    </row>
    <row r="760857" spans="14:14">
      <c r="N760857" s="10"/>
    </row>
    <row r="760858" spans="14:14">
      <c r="N760858" s="10"/>
    </row>
    <row r="760859" spans="14:14">
      <c r="N760859" s="10"/>
    </row>
    <row r="760860" spans="14:14">
      <c r="N760860" s="10"/>
    </row>
    <row r="760861" spans="14:14">
      <c r="N760861" s="10"/>
    </row>
    <row r="760862" spans="14:14">
      <c r="N760862" s="10"/>
    </row>
    <row r="760863" spans="14:14">
      <c r="N760863" s="10"/>
    </row>
    <row r="760864" spans="14:14">
      <c r="N760864" s="10"/>
    </row>
    <row r="760865" spans="14:14">
      <c r="N760865" s="10"/>
    </row>
    <row r="760866" spans="14:14">
      <c r="N760866" s="10"/>
    </row>
    <row r="760867" spans="14:14">
      <c r="N760867" s="10"/>
    </row>
    <row r="760868" spans="14:14">
      <c r="N760868" s="10"/>
    </row>
    <row r="760869" spans="14:14">
      <c r="N760869" s="10"/>
    </row>
    <row r="760870" spans="14:14">
      <c r="N760870" s="10"/>
    </row>
    <row r="760871" spans="14:14">
      <c r="N760871" s="10"/>
    </row>
    <row r="760872" spans="14:14">
      <c r="N760872" s="10"/>
    </row>
    <row r="760873" spans="14:14">
      <c r="N760873" s="10"/>
    </row>
    <row r="760874" spans="14:14">
      <c r="N760874" s="10"/>
    </row>
    <row r="760875" spans="14:14">
      <c r="N760875" s="10"/>
    </row>
    <row r="760876" spans="14:14">
      <c r="N760876" s="10"/>
    </row>
    <row r="760877" spans="14:14">
      <c r="N760877" s="10"/>
    </row>
    <row r="760878" spans="14:14">
      <c r="N760878" s="10"/>
    </row>
    <row r="760879" spans="14:14">
      <c r="N760879" s="10"/>
    </row>
    <row r="760880" spans="14:14">
      <c r="N760880" s="10"/>
    </row>
    <row r="760881" spans="14:14">
      <c r="N760881" s="10"/>
    </row>
    <row r="760882" spans="14:14">
      <c r="N760882" s="10"/>
    </row>
    <row r="760883" spans="14:14">
      <c r="N760883" s="10"/>
    </row>
    <row r="760884" spans="14:14">
      <c r="N760884" s="10"/>
    </row>
    <row r="760885" spans="14:14">
      <c r="N760885" s="10"/>
    </row>
    <row r="760886" spans="14:14">
      <c r="N760886" s="10"/>
    </row>
    <row r="760887" spans="14:14">
      <c r="N760887" s="10"/>
    </row>
    <row r="760888" spans="14:14">
      <c r="N760888" s="10"/>
    </row>
    <row r="760889" spans="14:14">
      <c r="N760889" s="10"/>
    </row>
    <row r="760890" spans="14:14">
      <c r="N760890" s="10"/>
    </row>
    <row r="760891" spans="14:14">
      <c r="N760891" s="10"/>
    </row>
    <row r="760892" spans="14:14">
      <c r="N760892" s="10"/>
    </row>
    <row r="760893" spans="14:14">
      <c r="N760893" s="10"/>
    </row>
    <row r="760894" spans="14:14">
      <c r="N760894" s="10"/>
    </row>
    <row r="760895" spans="14:14">
      <c r="N760895" s="10"/>
    </row>
    <row r="760896" spans="14:14">
      <c r="N760896" s="10"/>
    </row>
    <row r="760897" spans="14:14">
      <c r="N760897" s="10"/>
    </row>
    <row r="760898" spans="14:14">
      <c r="N760898" s="10"/>
    </row>
    <row r="760899" spans="14:14">
      <c r="N760899" s="10"/>
    </row>
    <row r="760900" spans="14:14">
      <c r="N760900" s="10"/>
    </row>
    <row r="760901" spans="14:14">
      <c r="N760901" s="10"/>
    </row>
    <row r="760902" spans="14:14">
      <c r="N760902" s="10"/>
    </row>
    <row r="760903" spans="14:14">
      <c r="N760903" s="10"/>
    </row>
    <row r="760904" spans="14:14">
      <c r="N760904" s="10"/>
    </row>
    <row r="760905" spans="14:14">
      <c r="N760905" s="10"/>
    </row>
    <row r="760906" spans="14:14">
      <c r="N760906" s="10"/>
    </row>
    <row r="760907" spans="14:14">
      <c r="N760907" s="10"/>
    </row>
    <row r="760908" spans="14:14">
      <c r="N760908" s="10"/>
    </row>
    <row r="760909" spans="14:14">
      <c r="N760909" s="10"/>
    </row>
    <row r="760910" spans="14:14">
      <c r="N760910" s="10"/>
    </row>
    <row r="760911" spans="14:14">
      <c r="N760911" s="10"/>
    </row>
    <row r="760912" spans="14:14">
      <c r="N760912" s="10"/>
    </row>
    <row r="760913" spans="14:14">
      <c r="N760913" s="10"/>
    </row>
    <row r="760914" spans="14:14">
      <c r="N760914" s="10"/>
    </row>
    <row r="760915" spans="14:14">
      <c r="N760915" s="10"/>
    </row>
    <row r="760916" spans="14:14">
      <c r="N760916" s="10"/>
    </row>
    <row r="760917" spans="14:14">
      <c r="N760917" s="10"/>
    </row>
    <row r="760918" spans="14:14">
      <c r="N760918" s="10"/>
    </row>
    <row r="760919" spans="14:14">
      <c r="N760919" s="10"/>
    </row>
    <row r="760920" spans="14:14">
      <c r="N760920" s="10"/>
    </row>
    <row r="760921" spans="14:14">
      <c r="N760921" s="10"/>
    </row>
    <row r="760922" spans="14:14">
      <c r="N760922" s="10"/>
    </row>
    <row r="760923" spans="14:14">
      <c r="N760923" s="10"/>
    </row>
    <row r="760924" spans="14:14">
      <c r="N760924" s="10"/>
    </row>
    <row r="760925" spans="14:14">
      <c r="N760925" s="10"/>
    </row>
    <row r="760926" spans="14:14">
      <c r="N760926" s="10"/>
    </row>
    <row r="760927" spans="14:14">
      <c r="N760927" s="10"/>
    </row>
    <row r="760928" spans="14:14">
      <c r="N760928" s="10"/>
    </row>
    <row r="760929" spans="14:14">
      <c r="N760929" s="10"/>
    </row>
    <row r="760930" spans="14:14">
      <c r="N760930" s="10"/>
    </row>
    <row r="760931" spans="14:14">
      <c r="N760931" s="10"/>
    </row>
    <row r="760932" spans="14:14">
      <c r="N760932" s="10"/>
    </row>
    <row r="760933" spans="14:14">
      <c r="N760933" s="10"/>
    </row>
    <row r="760934" spans="14:14">
      <c r="N760934" s="10"/>
    </row>
    <row r="760935" spans="14:14">
      <c r="N760935" s="10"/>
    </row>
    <row r="760936" spans="14:14">
      <c r="N760936" s="10"/>
    </row>
    <row r="760937" spans="14:14">
      <c r="N760937" s="10"/>
    </row>
    <row r="760938" spans="14:14">
      <c r="N760938" s="10"/>
    </row>
    <row r="760939" spans="14:14">
      <c r="N760939" s="10"/>
    </row>
    <row r="760940" spans="14:14">
      <c r="N760940" s="10"/>
    </row>
    <row r="760941" spans="14:14">
      <c r="N760941" s="10"/>
    </row>
    <row r="760942" spans="14:14">
      <c r="N760942" s="10"/>
    </row>
    <row r="760943" spans="14:14">
      <c r="N760943" s="10"/>
    </row>
    <row r="760944" spans="14:14">
      <c r="N760944" s="10"/>
    </row>
    <row r="760945" spans="14:14">
      <c r="N760945" s="10"/>
    </row>
    <row r="760946" spans="14:14">
      <c r="N760946" s="10"/>
    </row>
    <row r="760947" spans="14:14">
      <c r="N760947" s="10"/>
    </row>
    <row r="760948" spans="14:14">
      <c r="N760948" s="10"/>
    </row>
    <row r="760949" spans="14:14">
      <c r="N760949" s="10"/>
    </row>
    <row r="760950" spans="14:14">
      <c r="N760950" s="10"/>
    </row>
    <row r="760951" spans="14:14">
      <c r="N760951" s="10"/>
    </row>
    <row r="760952" spans="14:14">
      <c r="N760952" s="10"/>
    </row>
    <row r="760953" spans="14:14">
      <c r="N760953" s="10"/>
    </row>
    <row r="760954" spans="14:14">
      <c r="N760954" s="10"/>
    </row>
    <row r="760955" spans="14:14">
      <c r="N760955" s="10"/>
    </row>
    <row r="760956" spans="14:14">
      <c r="N760956" s="10"/>
    </row>
    <row r="760957" spans="14:14">
      <c r="N760957" s="10"/>
    </row>
    <row r="760958" spans="14:14">
      <c r="N760958" s="10"/>
    </row>
    <row r="760959" spans="14:14">
      <c r="N760959" s="10"/>
    </row>
    <row r="760960" spans="14:14">
      <c r="N760960" s="10"/>
    </row>
    <row r="760961" spans="14:14">
      <c r="N760961" s="10"/>
    </row>
    <row r="760962" spans="14:14">
      <c r="N760962" s="10"/>
    </row>
    <row r="760963" spans="14:14">
      <c r="N760963" s="10"/>
    </row>
    <row r="760964" spans="14:14">
      <c r="N760964" s="10"/>
    </row>
    <row r="760965" spans="14:14">
      <c r="N760965" s="10"/>
    </row>
    <row r="760966" spans="14:14">
      <c r="N760966" s="10"/>
    </row>
    <row r="760967" spans="14:14">
      <c r="N760967" s="10"/>
    </row>
    <row r="760968" spans="14:14">
      <c r="N760968" s="10"/>
    </row>
    <row r="760969" spans="14:14">
      <c r="N760969" s="10"/>
    </row>
    <row r="760970" spans="14:14">
      <c r="N760970" s="10"/>
    </row>
    <row r="760971" spans="14:14">
      <c r="N760971" s="10"/>
    </row>
    <row r="760972" spans="14:14">
      <c r="N760972" s="10"/>
    </row>
    <row r="760973" spans="14:14">
      <c r="N760973" s="10"/>
    </row>
    <row r="760974" spans="14:14">
      <c r="N760974" s="10"/>
    </row>
    <row r="760975" spans="14:14">
      <c r="N760975" s="10"/>
    </row>
    <row r="760976" spans="14:14">
      <c r="N760976" s="10"/>
    </row>
    <row r="760977" spans="14:14">
      <c r="N760977" s="10"/>
    </row>
    <row r="760978" spans="14:14">
      <c r="N760978" s="10"/>
    </row>
    <row r="760979" spans="14:14">
      <c r="N760979" s="10"/>
    </row>
    <row r="760980" spans="14:14">
      <c r="N760980" s="10"/>
    </row>
    <row r="760981" spans="14:14">
      <c r="N760981" s="10"/>
    </row>
    <row r="760982" spans="14:14">
      <c r="N760982" s="10"/>
    </row>
    <row r="760983" spans="14:14">
      <c r="N760983" s="10"/>
    </row>
    <row r="760984" spans="14:14">
      <c r="N760984" s="10"/>
    </row>
    <row r="760985" spans="14:14">
      <c r="N760985" s="10"/>
    </row>
    <row r="760986" spans="14:14">
      <c r="N760986" s="10"/>
    </row>
    <row r="760987" spans="14:14">
      <c r="N760987" s="10"/>
    </row>
    <row r="760988" spans="14:14">
      <c r="N760988" s="10"/>
    </row>
    <row r="760989" spans="14:14">
      <c r="N760989" s="10"/>
    </row>
    <row r="760990" spans="14:14">
      <c r="N760990" s="10"/>
    </row>
    <row r="760991" spans="14:14">
      <c r="N760991" s="10"/>
    </row>
    <row r="760992" spans="14:14">
      <c r="N760992" s="10"/>
    </row>
    <row r="760993" spans="14:14">
      <c r="N760993" s="10"/>
    </row>
    <row r="760994" spans="14:14">
      <c r="N760994" s="10"/>
    </row>
    <row r="760995" spans="14:14">
      <c r="N760995" s="10"/>
    </row>
    <row r="760996" spans="14:14">
      <c r="N760996" s="10"/>
    </row>
    <row r="760997" spans="14:14">
      <c r="N760997" s="10"/>
    </row>
    <row r="760998" spans="14:14">
      <c r="N760998" s="10"/>
    </row>
    <row r="760999" spans="14:14">
      <c r="N760999" s="10"/>
    </row>
    <row r="761000" spans="14:14">
      <c r="N761000" s="10"/>
    </row>
    <row r="761001" spans="14:14">
      <c r="N761001" s="10"/>
    </row>
    <row r="761002" spans="14:14">
      <c r="N761002" s="10"/>
    </row>
    <row r="761003" spans="14:14">
      <c r="N761003" s="10"/>
    </row>
    <row r="761004" spans="14:14">
      <c r="N761004" s="10"/>
    </row>
    <row r="761005" spans="14:14">
      <c r="N761005" s="10"/>
    </row>
    <row r="761006" spans="14:14">
      <c r="N761006" s="10"/>
    </row>
    <row r="761007" spans="14:14">
      <c r="N761007" s="10"/>
    </row>
    <row r="761008" spans="14:14">
      <c r="N761008" s="10"/>
    </row>
    <row r="761009" spans="14:14">
      <c r="N761009" s="10"/>
    </row>
    <row r="761010" spans="14:14">
      <c r="N761010" s="10"/>
    </row>
    <row r="761011" spans="14:14">
      <c r="N761011" s="10"/>
    </row>
    <row r="761012" spans="14:14">
      <c r="N761012" s="10"/>
    </row>
    <row r="761013" spans="14:14">
      <c r="N761013" s="10"/>
    </row>
    <row r="761014" spans="14:14">
      <c r="N761014" s="10"/>
    </row>
    <row r="761015" spans="14:14">
      <c r="N761015" s="10"/>
    </row>
    <row r="761016" spans="14:14">
      <c r="N761016" s="10"/>
    </row>
    <row r="761017" spans="14:14">
      <c r="N761017" s="10"/>
    </row>
    <row r="761018" spans="14:14">
      <c r="N761018" s="10"/>
    </row>
    <row r="761019" spans="14:14">
      <c r="N761019" s="10"/>
    </row>
    <row r="761020" spans="14:14">
      <c r="N761020" s="10"/>
    </row>
    <row r="761021" spans="14:14">
      <c r="N761021" s="10"/>
    </row>
    <row r="761022" spans="14:14">
      <c r="N761022" s="10"/>
    </row>
    <row r="761023" spans="14:14">
      <c r="N761023" s="10"/>
    </row>
    <row r="761024" spans="14:14">
      <c r="N761024" s="10"/>
    </row>
    <row r="761025" spans="14:14">
      <c r="N761025" s="10"/>
    </row>
    <row r="761026" spans="14:14">
      <c r="N761026" s="10"/>
    </row>
    <row r="761027" spans="14:14">
      <c r="N761027" s="10"/>
    </row>
    <row r="761028" spans="14:14">
      <c r="N761028" s="10"/>
    </row>
    <row r="761029" spans="14:14">
      <c r="N761029" s="10"/>
    </row>
    <row r="761030" spans="14:14">
      <c r="N761030" s="10"/>
    </row>
    <row r="761031" spans="14:14">
      <c r="N761031" s="10"/>
    </row>
    <row r="761032" spans="14:14">
      <c r="N761032" s="10"/>
    </row>
    <row r="761033" spans="14:14">
      <c r="N761033" s="10"/>
    </row>
    <row r="761034" spans="14:14">
      <c r="N761034" s="10"/>
    </row>
    <row r="761035" spans="14:14">
      <c r="N761035" s="10"/>
    </row>
    <row r="761036" spans="14:14">
      <c r="N761036" s="10"/>
    </row>
    <row r="761037" spans="14:14">
      <c r="N761037" s="10"/>
    </row>
    <row r="761038" spans="14:14">
      <c r="N761038" s="10"/>
    </row>
    <row r="761039" spans="14:14">
      <c r="N761039" s="10"/>
    </row>
    <row r="761040" spans="14:14">
      <c r="N761040" s="10"/>
    </row>
    <row r="761041" spans="14:14">
      <c r="N761041" s="10"/>
    </row>
    <row r="761042" spans="14:14">
      <c r="N761042" s="10"/>
    </row>
    <row r="761043" spans="14:14">
      <c r="N761043" s="10"/>
    </row>
    <row r="761044" spans="14:14">
      <c r="N761044" s="10"/>
    </row>
    <row r="761045" spans="14:14">
      <c r="N761045" s="10"/>
    </row>
    <row r="761046" spans="14:14">
      <c r="N761046" s="10"/>
    </row>
    <row r="761047" spans="14:14">
      <c r="N761047" s="10"/>
    </row>
    <row r="761048" spans="14:14">
      <c r="N761048" s="10"/>
    </row>
    <row r="761049" spans="14:14">
      <c r="N761049" s="10"/>
    </row>
    <row r="761050" spans="14:14">
      <c r="N761050" s="10"/>
    </row>
    <row r="761051" spans="14:14">
      <c r="N761051" s="10"/>
    </row>
    <row r="761052" spans="14:14">
      <c r="N761052" s="10"/>
    </row>
    <row r="761053" spans="14:14">
      <c r="N761053" s="10"/>
    </row>
    <row r="761054" spans="14:14">
      <c r="N761054" s="10"/>
    </row>
    <row r="761055" spans="14:14">
      <c r="N761055" s="10"/>
    </row>
    <row r="761056" spans="14:14">
      <c r="N761056" s="10"/>
    </row>
    <row r="761057" spans="14:14">
      <c r="N761057" s="10"/>
    </row>
    <row r="761058" spans="14:14">
      <c r="N761058" s="10"/>
    </row>
    <row r="761059" spans="14:14">
      <c r="N761059" s="10"/>
    </row>
    <row r="761060" spans="14:14">
      <c r="N761060" s="10"/>
    </row>
    <row r="761061" spans="14:14">
      <c r="N761061" s="10"/>
    </row>
    <row r="761062" spans="14:14">
      <c r="N761062" s="10"/>
    </row>
    <row r="761063" spans="14:14">
      <c r="N761063" s="10"/>
    </row>
    <row r="761064" spans="14:14">
      <c r="N761064" s="10"/>
    </row>
    <row r="761065" spans="14:14">
      <c r="N761065" s="10"/>
    </row>
    <row r="761066" spans="14:14">
      <c r="N761066" s="10"/>
    </row>
    <row r="761067" spans="14:14">
      <c r="N761067" s="10"/>
    </row>
    <row r="761068" spans="14:14">
      <c r="N761068" s="10"/>
    </row>
    <row r="761069" spans="14:14">
      <c r="N761069" s="10"/>
    </row>
    <row r="761070" spans="14:14">
      <c r="N761070" s="10"/>
    </row>
    <row r="761071" spans="14:14">
      <c r="N761071" s="10"/>
    </row>
    <row r="761072" spans="14:14">
      <c r="N761072" s="10"/>
    </row>
    <row r="761073" spans="14:14">
      <c r="N761073" s="10"/>
    </row>
    <row r="761074" spans="14:14">
      <c r="N761074" s="10"/>
    </row>
    <row r="761075" spans="14:14">
      <c r="N761075" s="10"/>
    </row>
    <row r="761076" spans="14:14">
      <c r="N761076" s="10"/>
    </row>
    <row r="761077" spans="14:14">
      <c r="N761077" s="10"/>
    </row>
    <row r="761078" spans="14:14">
      <c r="N761078" s="10"/>
    </row>
    <row r="761079" spans="14:14">
      <c r="N761079" s="10"/>
    </row>
    <row r="761080" spans="14:14">
      <c r="N761080" s="10"/>
    </row>
    <row r="761081" spans="14:14">
      <c r="N761081" s="10"/>
    </row>
    <row r="761082" spans="14:14">
      <c r="N761082" s="10"/>
    </row>
    <row r="761083" spans="14:14">
      <c r="N761083" s="10"/>
    </row>
    <row r="761084" spans="14:14">
      <c r="N761084" s="10"/>
    </row>
    <row r="761085" spans="14:14">
      <c r="N761085" s="10"/>
    </row>
    <row r="761086" spans="14:14">
      <c r="N761086" s="10"/>
    </row>
    <row r="761087" spans="14:14">
      <c r="N761087" s="10"/>
    </row>
    <row r="761088" spans="14:14">
      <c r="N761088" s="10"/>
    </row>
    <row r="761089" spans="14:14">
      <c r="N761089" s="10"/>
    </row>
    <row r="761090" spans="14:14">
      <c r="N761090" s="10"/>
    </row>
    <row r="761091" spans="14:14">
      <c r="N761091" s="10"/>
    </row>
    <row r="761092" spans="14:14">
      <c r="N761092" s="10"/>
    </row>
    <row r="761093" spans="14:14">
      <c r="N761093" s="10"/>
    </row>
    <row r="761094" spans="14:14">
      <c r="N761094" s="10"/>
    </row>
    <row r="761095" spans="14:14">
      <c r="N761095" s="10"/>
    </row>
    <row r="761096" spans="14:14">
      <c r="N761096" s="10"/>
    </row>
    <row r="761097" spans="14:14">
      <c r="N761097" s="10"/>
    </row>
    <row r="761098" spans="14:14">
      <c r="N761098" s="10"/>
    </row>
    <row r="761099" spans="14:14">
      <c r="N761099" s="10"/>
    </row>
    <row r="761100" spans="14:14">
      <c r="N761100" s="10"/>
    </row>
    <row r="761101" spans="14:14">
      <c r="N761101" s="10"/>
    </row>
    <row r="761102" spans="14:14">
      <c r="N761102" s="10"/>
    </row>
    <row r="761103" spans="14:14">
      <c r="N761103" s="10"/>
    </row>
    <row r="761104" spans="14:14">
      <c r="N761104" s="10"/>
    </row>
    <row r="761105" spans="14:14">
      <c r="N761105" s="10"/>
    </row>
    <row r="761106" spans="14:14">
      <c r="N761106" s="10"/>
    </row>
    <row r="761107" spans="14:14">
      <c r="N761107" s="10"/>
    </row>
    <row r="761108" spans="14:14">
      <c r="N761108" s="10"/>
    </row>
    <row r="761109" spans="14:14">
      <c r="N761109" s="10"/>
    </row>
    <row r="761110" spans="14:14">
      <c r="N761110" s="10"/>
    </row>
    <row r="761111" spans="14:14">
      <c r="N761111" s="10"/>
    </row>
    <row r="761112" spans="14:14">
      <c r="N761112" s="10"/>
    </row>
    <row r="761113" spans="14:14">
      <c r="N761113" s="10"/>
    </row>
    <row r="761114" spans="14:14">
      <c r="N761114" s="10"/>
    </row>
    <row r="761115" spans="14:14">
      <c r="N761115" s="10"/>
    </row>
    <row r="761116" spans="14:14">
      <c r="N761116" s="10"/>
    </row>
    <row r="761117" spans="14:14">
      <c r="N761117" s="10"/>
    </row>
    <row r="761118" spans="14:14">
      <c r="N761118" s="10"/>
    </row>
    <row r="761119" spans="14:14">
      <c r="N761119" s="10"/>
    </row>
    <row r="761120" spans="14:14">
      <c r="N761120" s="10"/>
    </row>
    <row r="761121" spans="14:14">
      <c r="N761121" s="10"/>
    </row>
    <row r="761122" spans="14:14">
      <c r="N761122" s="10"/>
    </row>
    <row r="761123" spans="14:14">
      <c r="N761123" s="10"/>
    </row>
    <row r="761124" spans="14:14">
      <c r="N761124" s="10"/>
    </row>
    <row r="761125" spans="14:14">
      <c r="N761125" s="10"/>
    </row>
    <row r="761126" spans="14:14">
      <c r="N761126" s="10"/>
    </row>
    <row r="761127" spans="14:14">
      <c r="N761127" s="10"/>
    </row>
    <row r="761128" spans="14:14">
      <c r="N761128" s="10"/>
    </row>
    <row r="761129" spans="14:14">
      <c r="N761129" s="10"/>
    </row>
    <row r="761130" spans="14:14">
      <c r="N761130" s="10"/>
    </row>
    <row r="761131" spans="14:14">
      <c r="N761131" s="10"/>
    </row>
    <row r="761132" spans="14:14">
      <c r="N761132" s="10"/>
    </row>
    <row r="761133" spans="14:14">
      <c r="N761133" s="10"/>
    </row>
    <row r="761134" spans="14:14">
      <c r="N761134" s="10"/>
    </row>
    <row r="761135" spans="14:14">
      <c r="N761135" s="10"/>
    </row>
    <row r="761136" spans="14:14">
      <c r="N761136" s="10"/>
    </row>
    <row r="761137" spans="14:14">
      <c r="N761137" s="10"/>
    </row>
    <row r="761138" spans="14:14">
      <c r="N761138" s="10"/>
    </row>
    <row r="761139" spans="14:14">
      <c r="N761139" s="10"/>
    </row>
    <row r="761140" spans="14:14">
      <c r="N761140" s="10"/>
    </row>
    <row r="761141" spans="14:14">
      <c r="N761141" s="10"/>
    </row>
    <row r="761142" spans="14:14">
      <c r="N761142" s="10"/>
    </row>
    <row r="761143" spans="14:14">
      <c r="N761143" s="10"/>
    </row>
    <row r="761144" spans="14:14">
      <c r="N761144" s="10"/>
    </row>
    <row r="761145" spans="14:14">
      <c r="N761145" s="10"/>
    </row>
    <row r="761146" spans="14:14">
      <c r="N761146" s="10"/>
    </row>
    <row r="761147" spans="14:14">
      <c r="N761147" s="10"/>
    </row>
    <row r="761148" spans="14:14">
      <c r="N761148" s="10"/>
    </row>
    <row r="761149" spans="14:14">
      <c r="N761149" s="10"/>
    </row>
    <row r="761150" spans="14:14">
      <c r="N761150" s="10"/>
    </row>
    <row r="761151" spans="14:14">
      <c r="N761151" s="10"/>
    </row>
    <row r="761152" spans="14:14">
      <c r="N761152" s="10"/>
    </row>
    <row r="761153" spans="14:14">
      <c r="N761153" s="10"/>
    </row>
    <row r="761154" spans="14:14">
      <c r="N761154" s="10"/>
    </row>
    <row r="761155" spans="14:14">
      <c r="N761155" s="10"/>
    </row>
    <row r="761156" spans="14:14">
      <c r="N761156" s="10"/>
    </row>
    <row r="761157" spans="14:14">
      <c r="N761157" s="10"/>
    </row>
    <row r="761158" spans="14:14">
      <c r="N761158" s="10"/>
    </row>
    <row r="761159" spans="14:14">
      <c r="N761159" s="10"/>
    </row>
    <row r="761160" spans="14:14">
      <c r="N761160" s="10"/>
    </row>
    <row r="761161" spans="14:14">
      <c r="N761161" s="10"/>
    </row>
    <row r="761162" spans="14:14">
      <c r="N761162" s="10"/>
    </row>
    <row r="761163" spans="14:14">
      <c r="N761163" s="10"/>
    </row>
    <row r="761164" spans="14:14">
      <c r="N761164" s="10"/>
    </row>
    <row r="761165" spans="14:14">
      <c r="N761165" s="10"/>
    </row>
    <row r="761166" spans="14:14">
      <c r="N761166" s="10"/>
    </row>
    <row r="761167" spans="14:14">
      <c r="N761167" s="10"/>
    </row>
    <row r="761168" spans="14:14">
      <c r="N761168" s="10"/>
    </row>
    <row r="761169" spans="14:14">
      <c r="N761169" s="10"/>
    </row>
    <row r="761170" spans="14:14">
      <c r="N761170" s="10"/>
    </row>
    <row r="761171" spans="14:14">
      <c r="N761171" s="10"/>
    </row>
    <row r="761172" spans="14:14">
      <c r="N761172" s="10"/>
    </row>
    <row r="761173" spans="14:14">
      <c r="N761173" s="10"/>
    </row>
    <row r="761174" spans="14:14">
      <c r="N761174" s="10"/>
    </row>
    <row r="761175" spans="14:14">
      <c r="N761175" s="10"/>
    </row>
    <row r="761176" spans="14:14">
      <c r="N761176" s="10"/>
    </row>
    <row r="761177" spans="14:14">
      <c r="N761177" s="10"/>
    </row>
    <row r="761178" spans="14:14">
      <c r="N761178" s="10"/>
    </row>
    <row r="761179" spans="14:14">
      <c r="N761179" s="10"/>
    </row>
    <row r="761180" spans="14:14">
      <c r="N761180" s="10"/>
    </row>
    <row r="761181" spans="14:14">
      <c r="N761181" s="10"/>
    </row>
    <row r="761182" spans="14:14">
      <c r="N761182" s="10"/>
    </row>
    <row r="761183" spans="14:14">
      <c r="N761183" s="10"/>
    </row>
    <row r="761184" spans="14:14">
      <c r="N761184" s="10"/>
    </row>
    <row r="761185" spans="14:14">
      <c r="N761185" s="10"/>
    </row>
    <row r="761186" spans="14:14">
      <c r="N761186" s="10"/>
    </row>
    <row r="761187" spans="14:14">
      <c r="N761187" s="10"/>
    </row>
    <row r="761188" spans="14:14">
      <c r="N761188" s="10"/>
    </row>
    <row r="761189" spans="14:14">
      <c r="N761189" s="10"/>
    </row>
    <row r="761190" spans="14:14">
      <c r="N761190" s="10"/>
    </row>
    <row r="761191" spans="14:14">
      <c r="N761191" s="10"/>
    </row>
    <row r="761192" spans="14:14">
      <c r="N761192" s="10"/>
    </row>
    <row r="761193" spans="14:14">
      <c r="N761193" s="10"/>
    </row>
    <row r="761194" spans="14:14">
      <c r="N761194" s="10"/>
    </row>
    <row r="761195" spans="14:14">
      <c r="N761195" s="10"/>
    </row>
    <row r="761196" spans="14:14">
      <c r="N761196" s="10"/>
    </row>
    <row r="761197" spans="14:14">
      <c r="N761197" s="10"/>
    </row>
    <row r="761198" spans="14:14">
      <c r="N761198" s="10"/>
    </row>
    <row r="761199" spans="14:14">
      <c r="N761199" s="10"/>
    </row>
    <row r="761200" spans="14:14">
      <c r="N761200" s="10"/>
    </row>
    <row r="761201" spans="14:14">
      <c r="N761201" s="10"/>
    </row>
    <row r="761202" spans="14:14">
      <c r="N761202" s="10"/>
    </row>
    <row r="761203" spans="14:14">
      <c r="N761203" s="10"/>
    </row>
    <row r="761204" spans="14:14">
      <c r="N761204" s="10"/>
    </row>
    <row r="761205" spans="14:14">
      <c r="N761205" s="10"/>
    </row>
    <row r="761206" spans="14:14">
      <c r="N761206" s="10"/>
    </row>
    <row r="761207" spans="14:14">
      <c r="N761207" s="10"/>
    </row>
    <row r="761208" spans="14:14">
      <c r="N761208" s="10"/>
    </row>
    <row r="761209" spans="14:14">
      <c r="N761209" s="10"/>
    </row>
    <row r="761210" spans="14:14">
      <c r="N761210" s="10"/>
    </row>
    <row r="761211" spans="14:14">
      <c r="N761211" s="10"/>
    </row>
    <row r="761212" spans="14:14">
      <c r="N761212" s="10"/>
    </row>
    <row r="761213" spans="14:14">
      <c r="N761213" s="10"/>
    </row>
    <row r="761214" spans="14:14">
      <c r="N761214" s="10"/>
    </row>
    <row r="761215" spans="14:14">
      <c r="N761215" s="10"/>
    </row>
    <row r="761216" spans="14:14">
      <c r="N761216" s="10"/>
    </row>
    <row r="761217" spans="14:14">
      <c r="N761217" s="10"/>
    </row>
    <row r="761218" spans="14:14">
      <c r="N761218" s="10"/>
    </row>
    <row r="761219" spans="14:14">
      <c r="N761219" s="10"/>
    </row>
    <row r="761220" spans="14:14">
      <c r="N761220" s="10"/>
    </row>
    <row r="761221" spans="14:14">
      <c r="N761221" s="10"/>
    </row>
    <row r="761222" spans="14:14">
      <c r="N761222" s="10"/>
    </row>
    <row r="761223" spans="14:14">
      <c r="N761223" s="10"/>
    </row>
    <row r="761224" spans="14:14">
      <c r="N761224" s="10"/>
    </row>
    <row r="761225" spans="14:14">
      <c r="N761225" s="10"/>
    </row>
    <row r="761226" spans="14:14">
      <c r="N761226" s="10"/>
    </row>
    <row r="761227" spans="14:14">
      <c r="N761227" s="10"/>
    </row>
    <row r="761228" spans="14:14">
      <c r="N761228" s="10"/>
    </row>
    <row r="761229" spans="14:14">
      <c r="N761229" s="10"/>
    </row>
    <row r="761230" spans="14:14">
      <c r="N761230" s="10"/>
    </row>
    <row r="761231" spans="14:14">
      <c r="N761231" s="10"/>
    </row>
    <row r="761232" spans="14:14">
      <c r="N761232" s="10"/>
    </row>
    <row r="761233" spans="14:14">
      <c r="N761233" s="10"/>
    </row>
    <row r="761234" spans="14:14">
      <c r="N761234" s="10"/>
    </row>
    <row r="761235" spans="14:14">
      <c r="N761235" s="10"/>
    </row>
    <row r="761236" spans="14:14">
      <c r="N761236" s="10"/>
    </row>
    <row r="761237" spans="14:14">
      <c r="N761237" s="10"/>
    </row>
    <row r="761238" spans="14:14">
      <c r="N761238" s="10"/>
    </row>
    <row r="761239" spans="14:14">
      <c r="N761239" s="10"/>
    </row>
    <row r="761240" spans="14:14">
      <c r="N761240" s="10"/>
    </row>
    <row r="761241" spans="14:14">
      <c r="N761241" s="10"/>
    </row>
    <row r="761242" spans="14:14">
      <c r="N761242" s="10"/>
    </row>
    <row r="761243" spans="14:14">
      <c r="N761243" s="10"/>
    </row>
    <row r="761244" spans="14:14">
      <c r="N761244" s="10"/>
    </row>
    <row r="761245" spans="14:14">
      <c r="N761245" s="10"/>
    </row>
    <row r="761246" spans="14:14">
      <c r="N761246" s="10"/>
    </row>
    <row r="761247" spans="14:14">
      <c r="N761247" s="10"/>
    </row>
    <row r="761248" spans="14:14">
      <c r="N761248" s="10"/>
    </row>
    <row r="761249" spans="14:14">
      <c r="N761249" s="10"/>
    </row>
    <row r="761250" spans="14:14">
      <c r="N761250" s="10"/>
    </row>
    <row r="761251" spans="14:14">
      <c r="N761251" s="10"/>
    </row>
    <row r="761252" spans="14:14">
      <c r="N761252" s="10"/>
    </row>
    <row r="761253" spans="14:14">
      <c r="N761253" s="10"/>
    </row>
    <row r="761254" spans="14:14">
      <c r="N761254" s="10"/>
    </row>
    <row r="761255" spans="14:14">
      <c r="N761255" s="10"/>
    </row>
    <row r="761256" spans="14:14">
      <c r="N761256" s="10"/>
    </row>
    <row r="761257" spans="14:14">
      <c r="N761257" s="10"/>
    </row>
    <row r="761258" spans="14:14">
      <c r="N761258" s="10"/>
    </row>
    <row r="761259" spans="14:14">
      <c r="N761259" s="10"/>
    </row>
    <row r="761260" spans="14:14">
      <c r="N761260" s="10"/>
    </row>
    <row r="761261" spans="14:14">
      <c r="N761261" s="10"/>
    </row>
    <row r="761262" spans="14:14">
      <c r="N761262" s="10"/>
    </row>
    <row r="761263" spans="14:14">
      <c r="N761263" s="10"/>
    </row>
    <row r="761264" spans="14:14">
      <c r="N761264" s="10"/>
    </row>
    <row r="761265" spans="14:14">
      <c r="N761265" s="10"/>
    </row>
    <row r="761266" spans="14:14">
      <c r="N761266" s="10"/>
    </row>
    <row r="761267" spans="14:14">
      <c r="N761267" s="10"/>
    </row>
    <row r="761268" spans="14:14">
      <c r="N761268" s="10"/>
    </row>
    <row r="761269" spans="14:14">
      <c r="N761269" s="10"/>
    </row>
    <row r="761270" spans="14:14">
      <c r="N761270" s="10"/>
    </row>
    <row r="761271" spans="14:14">
      <c r="N761271" s="10"/>
    </row>
    <row r="761272" spans="14:14">
      <c r="N761272" s="10"/>
    </row>
    <row r="761273" spans="14:14">
      <c r="N761273" s="10"/>
    </row>
    <row r="761274" spans="14:14">
      <c r="N761274" s="10"/>
    </row>
    <row r="761275" spans="14:14">
      <c r="N761275" s="10"/>
    </row>
    <row r="761276" spans="14:14">
      <c r="N761276" s="10"/>
    </row>
    <row r="761277" spans="14:14">
      <c r="N761277" s="10"/>
    </row>
    <row r="761278" spans="14:14">
      <c r="N761278" s="10"/>
    </row>
    <row r="761279" spans="14:14">
      <c r="N761279" s="10"/>
    </row>
    <row r="761280" spans="14:14">
      <c r="N761280" s="10"/>
    </row>
    <row r="761281" spans="14:14">
      <c r="N761281" s="10"/>
    </row>
    <row r="761282" spans="14:14">
      <c r="N761282" s="10"/>
    </row>
    <row r="761283" spans="14:14">
      <c r="N761283" s="10"/>
    </row>
    <row r="761284" spans="14:14">
      <c r="N761284" s="10"/>
    </row>
    <row r="761285" spans="14:14">
      <c r="N761285" s="10"/>
    </row>
    <row r="761286" spans="14:14">
      <c r="N761286" s="10"/>
    </row>
    <row r="761287" spans="14:14">
      <c r="N761287" s="10"/>
    </row>
    <row r="761288" spans="14:14">
      <c r="N761288" s="10"/>
    </row>
    <row r="761289" spans="14:14">
      <c r="N761289" s="10"/>
    </row>
    <row r="761290" spans="14:14">
      <c r="N761290" s="10"/>
    </row>
    <row r="761291" spans="14:14">
      <c r="N761291" s="10"/>
    </row>
    <row r="761292" spans="14:14">
      <c r="N761292" s="10"/>
    </row>
    <row r="761293" spans="14:14">
      <c r="N761293" s="10"/>
    </row>
    <row r="761294" spans="14:14">
      <c r="N761294" s="10"/>
    </row>
    <row r="761295" spans="14:14">
      <c r="N761295" s="10"/>
    </row>
    <row r="761296" spans="14:14">
      <c r="N761296" s="10"/>
    </row>
    <row r="761297" spans="14:14">
      <c r="N761297" s="10"/>
    </row>
    <row r="761298" spans="14:14">
      <c r="N761298" s="10"/>
    </row>
    <row r="761299" spans="14:14">
      <c r="N761299" s="10"/>
    </row>
    <row r="761300" spans="14:14">
      <c r="N761300" s="10"/>
    </row>
    <row r="761301" spans="14:14">
      <c r="N761301" s="10"/>
    </row>
    <row r="761302" spans="14:14">
      <c r="N761302" s="10"/>
    </row>
    <row r="761303" spans="14:14">
      <c r="N761303" s="10"/>
    </row>
    <row r="761304" spans="14:14">
      <c r="N761304" s="10"/>
    </row>
    <row r="761305" spans="14:14">
      <c r="N761305" s="10"/>
    </row>
    <row r="761306" spans="14:14">
      <c r="N761306" s="10"/>
    </row>
    <row r="761307" spans="14:14">
      <c r="N761307" s="10"/>
    </row>
    <row r="761308" spans="14:14">
      <c r="N761308" s="10"/>
    </row>
    <row r="761309" spans="14:14">
      <c r="N761309" s="10"/>
    </row>
    <row r="761310" spans="14:14">
      <c r="N761310" s="10"/>
    </row>
    <row r="761311" spans="14:14">
      <c r="N761311" s="10"/>
    </row>
    <row r="761312" spans="14:14">
      <c r="N761312" s="10"/>
    </row>
    <row r="761313" spans="14:14">
      <c r="N761313" s="10"/>
    </row>
    <row r="761314" spans="14:14">
      <c r="N761314" s="10"/>
    </row>
    <row r="761315" spans="14:14">
      <c r="N761315" s="10"/>
    </row>
    <row r="761316" spans="14:14">
      <c r="N761316" s="10"/>
    </row>
    <row r="761317" spans="14:14">
      <c r="N761317" s="10"/>
    </row>
    <row r="761318" spans="14:14">
      <c r="N761318" s="10"/>
    </row>
    <row r="761319" spans="14:14">
      <c r="N761319" s="10"/>
    </row>
    <row r="761320" spans="14:14">
      <c r="N761320" s="10"/>
    </row>
    <row r="761321" spans="14:14">
      <c r="N761321" s="10"/>
    </row>
    <row r="761322" spans="14:14">
      <c r="N761322" s="10"/>
    </row>
    <row r="761323" spans="14:14">
      <c r="N761323" s="10"/>
    </row>
    <row r="761324" spans="14:14">
      <c r="N761324" s="10"/>
    </row>
    <row r="761325" spans="14:14">
      <c r="N761325" s="10"/>
    </row>
    <row r="761326" spans="14:14">
      <c r="N761326" s="10"/>
    </row>
    <row r="761327" spans="14:14">
      <c r="N761327" s="10"/>
    </row>
    <row r="761328" spans="14:14">
      <c r="N761328" s="10"/>
    </row>
    <row r="761329" spans="14:14">
      <c r="N761329" s="10"/>
    </row>
    <row r="761330" spans="14:14">
      <c r="N761330" s="10"/>
    </row>
    <row r="761331" spans="14:14">
      <c r="N761331" s="10"/>
    </row>
    <row r="761332" spans="14:14">
      <c r="N761332" s="10"/>
    </row>
    <row r="761333" spans="14:14">
      <c r="N761333" s="10"/>
    </row>
    <row r="761334" spans="14:14">
      <c r="N761334" s="10"/>
    </row>
    <row r="761335" spans="14:14">
      <c r="N761335" s="10"/>
    </row>
    <row r="761336" spans="14:14">
      <c r="N761336" s="10"/>
    </row>
    <row r="761337" spans="14:14">
      <c r="N761337" s="10"/>
    </row>
    <row r="761338" spans="14:14">
      <c r="N761338" s="10"/>
    </row>
    <row r="761339" spans="14:14">
      <c r="N761339" s="10"/>
    </row>
    <row r="761340" spans="14:14">
      <c r="N761340" s="10"/>
    </row>
    <row r="761341" spans="14:14">
      <c r="N761341" s="10"/>
    </row>
    <row r="761342" spans="14:14">
      <c r="N761342" s="10"/>
    </row>
    <row r="761343" spans="14:14">
      <c r="N761343" s="10"/>
    </row>
    <row r="761344" spans="14:14">
      <c r="N761344" s="10"/>
    </row>
    <row r="761345" spans="14:14">
      <c r="N761345" s="10"/>
    </row>
    <row r="761346" spans="14:14">
      <c r="N761346" s="10"/>
    </row>
    <row r="761347" spans="14:14">
      <c r="N761347" s="10"/>
    </row>
    <row r="761348" spans="14:14">
      <c r="N761348" s="10"/>
    </row>
    <row r="761349" spans="14:14">
      <c r="N761349" s="10"/>
    </row>
    <row r="761350" spans="14:14">
      <c r="N761350" s="10"/>
    </row>
    <row r="761351" spans="14:14">
      <c r="N761351" s="10"/>
    </row>
    <row r="761352" spans="14:14">
      <c r="N761352" s="10"/>
    </row>
    <row r="761353" spans="14:14">
      <c r="N761353" s="10"/>
    </row>
    <row r="761354" spans="14:14">
      <c r="N761354" s="10"/>
    </row>
    <row r="761355" spans="14:14">
      <c r="N761355" s="10"/>
    </row>
    <row r="761356" spans="14:14">
      <c r="N761356" s="10"/>
    </row>
    <row r="761357" spans="14:14">
      <c r="N761357" s="10"/>
    </row>
    <row r="761358" spans="14:14">
      <c r="N761358" s="10"/>
    </row>
    <row r="761359" spans="14:14">
      <c r="N761359" s="10"/>
    </row>
    <row r="761360" spans="14:14">
      <c r="N761360" s="10"/>
    </row>
    <row r="761361" spans="14:14">
      <c r="N761361" s="10"/>
    </row>
    <row r="761362" spans="14:14">
      <c r="N761362" s="10"/>
    </row>
    <row r="761363" spans="14:14">
      <c r="N761363" s="10"/>
    </row>
    <row r="761364" spans="14:14">
      <c r="N761364" s="10"/>
    </row>
    <row r="761365" spans="14:14">
      <c r="N761365" s="10"/>
    </row>
    <row r="761366" spans="14:14">
      <c r="N761366" s="10"/>
    </row>
    <row r="761367" spans="14:14">
      <c r="N761367" s="10"/>
    </row>
    <row r="761368" spans="14:14">
      <c r="N761368" s="10"/>
    </row>
    <row r="761369" spans="14:14">
      <c r="N761369" s="10"/>
    </row>
    <row r="761370" spans="14:14">
      <c r="N761370" s="10"/>
    </row>
    <row r="761371" spans="14:14">
      <c r="N761371" s="10"/>
    </row>
    <row r="761372" spans="14:14">
      <c r="N761372" s="10"/>
    </row>
    <row r="761373" spans="14:14">
      <c r="N761373" s="10"/>
    </row>
    <row r="761374" spans="14:14">
      <c r="N761374" s="10"/>
    </row>
    <row r="761375" spans="14:14">
      <c r="N761375" s="10"/>
    </row>
    <row r="761376" spans="14:14">
      <c r="N761376" s="10"/>
    </row>
    <row r="761377" spans="14:14">
      <c r="N761377" s="10"/>
    </row>
    <row r="761378" spans="14:14">
      <c r="N761378" s="10"/>
    </row>
    <row r="761379" spans="14:14">
      <c r="N761379" s="10"/>
    </row>
    <row r="761380" spans="14:14">
      <c r="N761380" s="10"/>
    </row>
    <row r="761381" spans="14:14">
      <c r="N761381" s="10"/>
    </row>
    <row r="761382" spans="14:14">
      <c r="N761382" s="10"/>
    </row>
    <row r="761383" spans="14:14">
      <c r="N761383" s="10"/>
    </row>
    <row r="761384" spans="14:14">
      <c r="N761384" s="10"/>
    </row>
    <row r="761385" spans="14:14">
      <c r="N761385" s="10"/>
    </row>
    <row r="761386" spans="14:14">
      <c r="N761386" s="10"/>
    </row>
    <row r="761387" spans="14:14">
      <c r="N761387" s="10"/>
    </row>
    <row r="761388" spans="14:14">
      <c r="N761388" s="10"/>
    </row>
    <row r="761389" spans="14:14">
      <c r="N761389" s="10"/>
    </row>
    <row r="761390" spans="14:14">
      <c r="N761390" s="10"/>
    </row>
    <row r="761391" spans="14:14">
      <c r="N761391" s="10"/>
    </row>
    <row r="761392" spans="14:14">
      <c r="N761392" s="10"/>
    </row>
    <row r="761393" spans="14:14">
      <c r="N761393" s="10"/>
    </row>
    <row r="761394" spans="14:14">
      <c r="N761394" s="10"/>
    </row>
    <row r="761395" spans="14:14">
      <c r="N761395" s="10"/>
    </row>
    <row r="761396" spans="14:14">
      <c r="N761396" s="10"/>
    </row>
    <row r="761397" spans="14:14">
      <c r="N761397" s="10"/>
    </row>
    <row r="761398" spans="14:14">
      <c r="N761398" s="10"/>
    </row>
    <row r="761399" spans="14:14">
      <c r="N761399" s="10"/>
    </row>
    <row r="761400" spans="14:14">
      <c r="N761400" s="10"/>
    </row>
    <row r="761401" spans="14:14">
      <c r="N761401" s="10"/>
    </row>
    <row r="761402" spans="14:14">
      <c r="N761402" s="10"/>
    </row>
    <row r="761403" spans="14:14">
      <c r="N761403" s="10"/>
    </row>
    <row r="761404" spans="14:14">
      <c r="N761404" s="10"/>
    </row>
    <row r="761405" spans="14:14">
      <c r="N761405" s="10"/>
    </row>
    <row r="761406" spans="14:14">
      <c r="N761406" s="10"/>
    </row>
    <row r="761407" spans="14:14">
      <c r="N761407" s="10"/>
    </row>
    <row r="761408" spans="14:14">
      <c r="N761408" s="10"/>
    </row>
    <row r="761409" spans="14:14">
      <c r="N761409" s="10"/>
    </row>
    <row r="761410" spans="14:14">
      <c r="N761410" s="10"/>
    </row>
    <row r="761411" spans="14:14">
      <c r="N761411" s="10"/>
    </row>
    <row r="761412" spans="14:14">
      <c r="N761412" s="10"/>
    </row>
    <row r="761413" spans="14:14">
      <c r="N761413" s="10"/>
    </row>
    <row r="761414" spans="14:14">
      <c r="N761414" s="10"/>
    </row>
    <row r="761415" spans="14:14">
      <c r="N761415" s="10"/>
    </row>
    <row r="761416" spans="14:14">
      <c r="N761416" s="10"/>
    </row>
    <row r="761417" spans="14:14">
      <c r="N761417" s="10"/>
    </row>
    <row r="761418" spans="14:14">
      <c r="N761418" s="10"/>
    </row>
    <row r="761419" spans="14:14">
      <c r="N761419" s="10"/>
    </row>
    <row r="761420" spans="14:14">
      <c r="N761420" s="10"/>
    </row>
    <row r="761421" spans="14:14">
      <c r="N761421" s="10"/>
    </row>
    <row r="761422" spans="14:14">
      <c r="N761422" s="10"/>
    </row>
    <row r="761423" spans="14:14">
      <c r="N761423" s="10"/>
    </row>
    <row r="761424" spans="14:14">
      <c r="N761424" s="10"/>
    </row>
    <row r="761425" spans="14:14">
      <c r="N761425" s="10"/>
    </row>
    <row r="761426" spans="14:14">
      <c r="N761426" s="10"/>
    </row>
    <row r="761427" spans="14:14">
      <c r="N761427" s="10"/>
    </row>
    <row r="761428" spans="14:14">
      <c r="N761428" s="10"/>
    </row>
    <row r="761429" spans="14:14">
      <c r="N761429" s="10"/>
    </row>
    <row r="761430" spans="14:14">
      <c r="N761430" s="10"/>
    </row>
    <row r="761431" spans="14:14">
      <c r="N761431" s="10"/>
    </row>
    <row r="761432" spans="14:14">
      <c r="N761432" s="10"/>
    </row>
    <row r="761433" spans="14:14">
      <c r="N761433" s="10"/>
    </row>
    <row r="761434" spans="14:14">
      <c r="N761434" s="10"/>
    </row>
    <row r="761435" spans="14:14">
      <c r="N761435" s="10"/>
    </row>
    <row r="761436" spans="14:14">
      <c r="N761436" s="10"/>
    </row>
    <row r="761437" spans="14:14">
      <c r="N761437" s="10"/>
    </row>
    <row r="761438" spans="14:14">
      <c r="N761438" s="10"/>
    </row>
    <row r="761439" spans="14:14">
      <c r="N761439" s="10"/>
    </row>
    <row r="761440" spans="14:14">
      <c r="N761440" s="10"/>
    </row>
    <row r="761441" spans="14:14">
      <c r="N761441" s="10"/>
    </row>
    <row r="761442" spans="14:14">
      <c r="N761442" s="10"/>
    </row>
    <row r="761443" spans="14:14">
      <c r="N761443" s="10"/>
    </row>
    <row r="761444" spans="14:14">
      <c r="N761444" s="10"/>
    </row>
    <row r="761445" spans="14:14">
      <c r="N761445" s="10"/>
    </row>
    <row r="761446" spans="14:14">
      <c r="N761446" s="10"/>
    </row>
    <row r="761447" spans="14:14">
      <c r="N761447" s="10"/>
    </row>
    <row r="761448" spans="14:14">
      <c r="N761448" s="10"/>
    </row>
    <row r="761449" spans="14:14">
      <c r="N761449" s="10"/>
    </row>
    <row r="761450" spans="14:14">
      <c r="N761450" s="10"/>
    </row>
    <row r="761451" spans="14:14">
      <c r="N761451" s="10"/>
    </row>
    <row r="761452" spans="14:14">
      <c r="N761452" s="10"/>
    </row>
    <row r="761453" spans="14:14">
      <c r="N761453" s="10"/>
    </row>
    <row r="761454" spans="14:14">
      <c r="N761454" s="10"/>
    </row>
    <row r="761455" spans="14:14">
      <c r="N761455" s="10"/>
    </row>
    <row r="761456" spans="14:14">
      <c r="N761456" s="10"/>
    </row>
    <row r="761457" spans="14:14">
      <c r="N761457" s="10"/>
    </row>
    <row r="761458" spans="14:14">
      <c r="N761458" s="10"/>
    </row>
    <row r="761459" spans="14:14">
      <c r="N761459" s="10"/>
    </row>
    <row r="761460" spans="14:14">
      <c r="N761460" s="10"/>
    </row>
    <row r="761461" spans="14:14">
      <c r="N761461" s="10"/>
    </row>
    <row r="761462" spans="14:14">
      <c r="N761462" s="10"/>
    </row>
    <row r="761463" spans="14:14">
      <c r="N761463" s="10"/>
    </row>
    <row r="761464" spans="14:14">
      <c r="N761464" s="10"/>
    </row>
    <row r="761465" spans="14:14">
      <c r="N761465" s="10"/>
    </row>
    <row r="761466" spans="14:14">
      <c r="N761466" s="10"/>
    </row>
    <row r="761467" spans="14:14">
      <c r="N761467" s="10"/>
    </row>
    <row r="761468" spans="14:14">
      <c r="N761468" s="10"/>
    </row>
    <row r="761469" spans="14:14">
      <c r="N761469" s="10"/>
    </row>
    <row r="761470" spans="14:14">
      <c r="N761470" s="10"/>
    </row>
    <row r="761471" spans="14:14">
      <c r="N761471" s="10"/>
    </row>
    <row r="761472" spans="14:14">
      <c r="N761472" s="10"/>
    </row>
    <row r="761473" spans="14:14">
      <c r="N761473" s="10"/>
    </row>
    <row r="761474" spans="14:14">
      <c r="N761474" s="10"/>
    </row>
    <row r="761475" spans="14:14">
      <c r="N761475" s="10"/>
    </row>
    <row r="761476" spans="14:14">
      <c r="N761476" s="10"/>
    </row>
    <row r="761477" spans="14:14">
      <c r="N761477" s="10"/>
    </row>
    <row r="761478" spans="14:14">
      <c r="N761478" s="10"/>
    </row>
    <row r="761479" spans="14:14">
      <c r="N761479" s="10"/>
    </row>
    <row r="761480" spans="14:14">
      <c r="N761480" s="10"/>
    </row>
    <row r="761481" spans="14:14">
      <c r="N761481" s="10"/>
    </row>
    <row r="761482" spans="14:14">
      <c r="N761482" s="10"/>
    </row>
    <row r="761483" spans="14:14">
      <c r="N761483" s="10"/>
    </row>
    <row r="761484" spans="14:14">
      <c r="N761484" s="10"/>
    </row>
    <row r="761485" spans="14:14">
      <c r="N761485" s="10"/>
    </row>
    <row r="761486" spans="14:14">
      <c r="N761486" s="10"/>
    </row>
    <row r="761487" spans="14:14">
      <c r="N761487" s="10"/>
    </row>
    <row r="761488" spans="14:14">
      <c r="N761488" s="10"/>
    </row>
    <row r="761489" spans="14:14">
      <c r="N761489" s="10"/>
    </row>
    <row r="761490" spans="14:14">
      <c r="N761490" s="10"/>
    </row>
    <row r="761491" spans="14:14">
      <c r="N761491" s="10"/>
    </row>
    <row r="761492" spans="14:14">
      <c r="N761492" s="10"/>
    </row>
    <row r="761493" spans="14:14">
      <c r="N761493" s="10"/>
    </row>
    <row r="761494" spans="14:14">
      <c r="N761494" s="10"/>
    </row>
    <row r="761495" spans="14:14">
      <c r="N761495" s="10"/>
    </row>
    <row r="761496" spans="14:14">
      <c r="N761496" s="10"/>
    </row>
    <row r="761497" spans="14:14">
      <c r="N761497" s="10"/>
    </row>
    <row r="761498" spans="14:14">
      <c r="N761498" s="10"/>
    </row>
    <row r="761499" spans="14:14">
      <c r="N761499" s="10"/>
    </row>
    <row r="761500" spans="14:14">
      <c r="N761500" s="10"/>
    </row>
    <row r="761501" spans="14:14">
      <c r="N761501" s="10"/>
    </row>
    <row r="761502" spans="14:14">
      <c r="N761502" s="10"/>
    </row>
    <row r="761503" spans="14:14">
      <c r="N761503" s="10"/>
    </row>
    <row r="761504" spans="14:14">
      <c r="N761504" s="10"/>
    </row>
    <row r="761505" spans="14:14">
      <c r="N761505" s="10"/>
    </row>
    <row r="761506" spans="14:14">
      <c r="N761506" s="10"/>
    </row>
    <row r="761507" spans="14:14">
      <c r="N761507" s="10"/>
    </row>
    <row r="761508" spans="14:14">
      <c r="N761508" s="10"/>
    </row>
    <row r="761509" spans="14:14">
      <c r="N761509" s="10"/>
    </row>
    <row r="761510" spans="14:14">
      <c r="N761510" s="10"/>
    </row>
    <row r="761511" spans="14:14">
      <c r="N761511" s="10"/>
    </row>
    <row r="761512" spans="14:14">
      <c r="N761512" s="10"/>
    </row>
    <row r="761513" spans="14:14">
      <c r="N761513" s="10"/>
    </row>
    <row r="761514" spans="14:14">
      <c r="N761514" s="10"/>
    </row>
    <row r="761515" spans="14:14">
      <c r="N761515" s="10"/>
    </row>
    <row r="761516" spans="14:14">
      <c r="N761516" s="10"/>
    </row>
    <row r="761517" spans="14:14">
      <c r="N761517" s="10"/>
    </row>
    <row r="761518" spans="14:14">
      <c r="N761518" s="10"/>
    </row>
    <row r="761519" spans="14:14">
      <c r="N761519" s="10"/>
    </row>
    <row r="761520" spans="14:14">
      <c r="N761520" s="10"/>
    </row>
    <row r="761521" spans="14:14">
      <c r="N761521" s="10"/>
    </row>
    <row r="761522" spans="14:14">
      <c r="N761522" s="10"/>
    </row>
    <row r="761523" spans="14:14">
      <c r="N761523" s="10"/>
    </row>
    <row r="761524" spans="14:14">
      <c r="N761524" s="10"/>
    </row>
    <row r="761525" spans="14:14">
      <c r="N761525" s="10"/>
    </row>
    <row r="761526" spans="14:14">
      <c r="N761526" s="10"/>
    </row>
    <row r="761527" spans="14:14">
      <c r="N761527" s="10"/>
    </row>
    <row r="761528" spans="14:14">
      <c r="N761528" s="10"/>
    </row>
    <row r="761529" spans="14:14">
      <c r="N761529" s="10"/>
    </row>
    <row r="761530" spans="14:14">
      <c r="N761530" s="10"/>
    </row>
    <row r="761531" spans="14:14">
      <c r="N761531" s="10"/>
    </row>
    <row r="761532" spans="14:14">
      <c r="N761532" s="10"/>
    </row>
    <row r="761533" spans="14:14">
      <c r="N761533" s="10"/>
    </row>
    <row r="761534" spans="14:14">
      <c r="N761534" s="10"/>
    </row>
    <row r="761535" spans="14:14">
      <c r="N761535" s="10"/>
    </row>
    <row r="761536" spans="14:14">
      <c r="N761536" s="10"/>
    </row>
    <row r="761537" spans="14:14">
      <c r="N761537" s="10"/>
    </row>
    <row r="761538" spans="14:14">
      <c r="N761538" s="10"/>
    </row>
    <row r="761539" spans="14:14">
      <c r="N761539" s="10"/>
    </row>
    <row r="761540" spans="14:14">
      <c r="N761540" s="10"/>
    </row>
    <row r="761541" spans="14:14">
      <c r="N761541" s="10"/>
    </row>
    <row r="761542" spans="14:14">
      <c r="N761542" s="10"/>
    </row>
    <row r="761543" spans="14:14">
      <c r="N761543" s="10"/>
    </row>
    <row r="761544" spans="14:14">
      <c r="N761544" s="10"/>
    </row>
    <row r="761545" spans="14:14">
      <c r="N761545" s="10"/>
    </row>
    <row r="761546" spans="14:14">
      <c r="N761546" s="10"/>
    </row>
    <row r="761547" spans="14:14">
      <c r="N761547" s="10"/>
    </row>
    <row r="761548" spans="14:14">
      <c r="N761548" s="10"/>
    </row>
    <row r="761549" spans="14:14">
      <c r="N761549" s="10"/>
    </row>
    <row r="761550" spans="14:14">
      <c r="N761550" s="10"/>
    </row>
    <row r="761551" spans="14:14">
      <c r="N761551" s="10"/>
    </row>
    <row r="761552" spans="14:14">
      <c r="N761552" s="10"/>
    </row>
    <row r="761553" spans="14:14">
      <c r="N761553" s="10"/>
    </row>
    <row r="761554" spans="14:14">
      <c r="N761554" s="10"/>
    </row>
    <row r="761555" spans="14:14">
      <c r="N761555" s="10"/>
    </row>
    <row r="761556" spans="14:14">
      <c r="N761556" s="10"/>
    </row>
    <row r="761557" spans="14:14">
      <c r="N761557" s="10"/>
    </row>
    <row r="761558" spans="14:14">
      <c r="N761558" s="10"/>
    </row>
    <row r="761559" spans="14:14">
      <c r="N761559" s="10"/>
    </row>
    <row r="761560" spans="14:14">
      <c r="N761560" s="10"/>
    </row>
    <row r="761561" spans="14:14">
      <c r="N761561" s="10"/>
    </row>
    <row r="761562" spans="14:14">
      <c r="N761562" s="10"/>
    </row>
    <row r="761563" spans="14:14">
      <c r="N761563" s="10"/>
    </row>
    <row r="761564" spans="14:14">
      <c r="N761564" s="10"/>
    </row>
    <row r="761565" spans="14:14">
      <c r="N761565" s="10"/>
    </row>
    <row r="761566" spans="14:14">
      <c r="N761566" s="10"/>
    </row>
    <row r="761567" spans="14:14">
      <c r="N761567" s="10"/>
    </row>
    <row r="761568" spans="14:14">
      <c r="N761568" s="10"/>
    </row>
    <row r="761569" spans="14:14">
      <c r="N761569" s="10"/>
    </row>
    <row r="761570" spans="14:14">
      <c r="N761570" s="10"/>
    </row>
    <row r="761571" spans="14:14">
      <c r="N761571" s="10"/>
    </row>
    <row r="761572" spans="14:14">
      <c r="N761572" s="10"/>
    </row>
    <row r="761573" spans="14:14">
      <c r="N761573" s="10"/>
    </row>
    <row r="761574" spans="14:14">
      <c r="N761574" s="10"/>
    </row>
    <row r="761575" spans="14:14">
      <c r="N761575" s="10"/>
    </row>
    <row r="761576" spans="14:14">
      <c r="N761576" s="10"/>
    </row>
    <row r="761577" spans="14:14">
      <c r="N761577" s="10"/>
    </row>
    <row r="761578" spans="14:14">
      <c r="N761578" s="10"/>
    </row>
    <row r="761579" spans="14:14">
      <c r="N761579" s="10"/>
    </row>
    <row r="761580" spans="14:14">
      <c r="N761580" s="10"/>
    </row>
    <row r="761581" spans="14:14">
      <c r="N761581" s="10"/>
    </row>
    <row r="761582" spans="14:14">
      <c r="N761582" s="10"/>
    </row>
    <row r="761583" spans="14:14">
      <c r="N761583" s="10"/>
    </row>
    <row r="761584" spans="14:14">
      <c r="N761584" s="10"/>
    </row>
    <row r="761585" spans="14:14">
      <c r="N761585" s="10"/>
    </row>
    <row r="761586" spans="14:14">
      <c r="N761586" s="10"/>
    </row>
    <row r="761587" spans="14:14">
      <c r="N761587" s="10"/>
    </row>
    <row r="761588" spans="14:14">
      <c r="N761588" s="10"/>
    </row>
    <row r="761589" spans="14:14">
      <c r="N761589" s="10"/>
    </row>
    <row r="761590" spans="14:14">
      <c r="N761590" s="10"/>
    </row>
    <row r="761591" spans="14:14">
      <c r="N761591" s="10"/>
    </row>
    <row r="761592" spans="14:14">
      <c r="N761592" s="10"/>
    </row>
    <row r="761593" spans="14:14">
      <c r="N761593" s="10"/>
    </row>
    <row r="761594" spans="14:14">
      <c r="N761594" s="10"/>
    </row>
    <row r="761595" spans="14:14">
      <c r="N761595" s="10"/>
    </row>
    <row r="761596" spans="14:14">
      <c r="N761596" s="10"/>
    </row>
    <row r="761597" spans="14:14">
      <c r="N761597" s="10"/>
    </row>
    <row r="761598" spans="14:14">
      <c r="N761598" s="10"/>
    </row>
    <row r="761599" spans="14:14">
      <c r="N761599" s="10"/>
    </row>
    <row r="761600" spans="14:14">
      <c r="N761600" s="10"/>
    </row>
    <row r="761601" spans="14:14">
      <c r="N761601" s="10"/>
    </row>
    <row r="761602" spans="14:14">
      <c r="N761602" s="10"/>
    </row>
    <row r="761603" spans="14:14">
      <c r="N761603" s="10"/>
    </row>
    <row r="761604" spans="14:14">
      <c r="N761604" s="10"/>
    </row>
    <row r="761605" spans="14:14">
      <c r="N761605" s="10"/>
    </row>
    <row r="761606" spans="14:14">
      <c r="N761606" s="10"/>
    </row>
    <row r="761607" spans="14:14">
      <c r="N761607" s="10"/>
    </row>
    <row r="761608" spans="14:14">
      <c r="N761608" s="10"/>
    </row>
    <row r="761609" spans="14:14">
      <c r="N761609" s="10"/>
    </row>
    <row r="761610" spans="14:14">
      <c r="N761610" s="10"/>
    </row>
    <row r="761611" spans="14:14">
      <c r="N761611" s="10"/>
    </row>
    <row r="761612" spans="14:14">
      <c r="N761612" s="10"/>
    </row>
    <row r="761613" spans="14:14">
      <c r="N761613" s="10"/>
    </row>
    <row r="761614" spans="14:14">
      <c r="N761614" s="10"/>
    </row>
    <row r="761615" spans="14:14">
      <c r="N761615" s="10"/>
    </row>
    <row r="761616" spans="14:14">
      <c r="N761616" s="10"/>
    </row>
    <row r="761617" spans="14:14">
      <c r="N761617" s="10"/>
    </row>
    <row r="761618" spans="14:14">
      <c r="N761618" s="10"/>
    </row>
    <row r="761619" spans="14:14">
      <c r="N761619" s="10"/>
    </row>
    <row r="761620" spans="14:14">
      <c r="N761620" s="10"/>
    </row>
    <row r="761621" spans="14:14">
      <c r="N761621" s="10"/>
    </row>
    <row r="761622" spans="14:14">
      <c r="N761622" s="10"/>
    </row>
    <row r="761623" spans="14:14">
      <c r="N761623" s="10"/>
    </row>
    <row r="761624" spans="14:14">
      <c r="N761624" s="10"/>
    </row>
    <row r="761625" spans="14:14">
      <c r="N761625" s="10"/>
    </row>
    <row r="761626" spans="14:14">
      <c r="N761626" s="10"/>
    </row>
    <row r="761627" spans="14:14">
      <c r="N761627" s="10"/>
    </row>
    <row r="761628" spans="14:14">
      <c r="N761628" s="10"/>
    </row>
    <row r="761629" spans="14:14">
      <c r="N761629" s="10"/>
    </row>
    <row r="761630" spans="14:14">
      <c r="N761630" s="10"/>
    </row>
    <row r="761631" spans="14:14">
      <c r="N761631" s="10"/>
    </row>
    <row r="761632" spans="14:14">
      <c r="N761632" s="10"/>
    </row>
    <row r="761633" spans="14:14">
      <c r="N761633" s="10"/>
    </row>
    <row r="761634" spans="14:14">
      <c r="N761634" s="10"/>
    </row>
    <row r="761635" spans="14:14">
      <c r="N761635" s="10"/>
    </row>
    <row r="761636" spans="14:14">
      <c r="N761636" s="10"/>
    </row>
    <row r="761637" spans="14:14">
      <c r="N761637" s="10"/>
    </row>
    <row r="761638" spans="14:14">
      <c r="N761638" s="10"/>
    </row>
    <row r="761639" spans="14:14">
      <c r="N761639" s="10"/>
    </row>
    <row r="761640" spans="14:14">
      <c r="N761640" s="10"/>
    </row>
    <row r="761641" spans="14:14">
      <c r="N761641" s="10"/>
    </row>
    <row r="761642" spans="14:14">
      <c r="N761642" s="10"/>
    </row>
    <row r="761643" spans="14:14">
      <c r="N761643" s="10"/>
    </row>
    <row r="761644" spans="14:14">
      <c r="N761644" s="10"/>
    </row>
    <row r="761645" spans="14:14">
      <c r="N761645" s="10"/>
    </row>
    <row r="761646" spans="14:14">
      <c r="N761646" s="10"/>
    </row>
    <row r="761647" spans="14:14">
      <c r="N761647" s="10"/>
    </row>
    <row r="761648" spans="14:14">
      <c r="N761648" s="10"/>
    </row>
    <row r="761649" spans="14:14">
      <c r="N761649" s="10"/>
    </row>
    <row r="761650" spans="14:14">
      <c r="N761650" s="10"/>
    </row>
    <row r="761651" spans="14:14">
      <c r="N761651" s="10"/>
    </row>
    <row r="761652" spans="14:14">
      <c r="N761652" s="10"/>
    </row>
    <row r="761653" spans="14:14">
      <c r="N761653" s="10"/>
    </row>
    <row r="761654" spans="14:14">
      <c r="N761654" s="10"/>
    </row>
    <row r="761655" spans="14:14">
      <c r="N761655" s="10"/>
    </row>
    <row r="761656" spans="14:14">
      <c r="N761656" s="10"/>
    </row>
    <row r="761657" spans="14:14">
      <c r="N761657" s="10"/>
    </row>
    <row r="761658" spans="14:14">
      <c r="N761658" s="10"/>
    </row>
    <row r="761659" spans="14:14">
      <c r="N761659" s="10"/>
    </row>
    <row r="761660" spans="14:14">
      <c r="N761660" s="10"/>
    </row>
    <row r="761661" spans="14:14">
      <c r="N761661" s="10"/>
    </row>
    <row r="761662" spans="14:14">
      <c r="N761662" s="10"/>
    </row>
    <row r="761663" spans="14:14">
      <c r="N761663" s="10"/>
    </row>
    <row r="761664" spans="14:14">
      <c r="N761664" s="10"/>
    </row>
    <row r="761665" spans="14:14">
      <c r="N761665" s="10"/>
    </row>
    <row r="761666" spans="14:14">
      <c r="N761666" s="10"/>
    </row>
    <row r="761667" spans="14:14">
      <c r="N761667" s="10"/>
    </row>
    <row r="761668" spans="14:14">
      <c r="N761668" s="10"/>
    </row>
    <row r="761669" spans="14:14">
      <c r="N761669" s="10"/>
    </row>
    <row r="761670" spans="14:14">
      <c r="N761670" s="10"/>
    </row>
    <row r="761671" spans="14:14">
      <c r="N761671" s="10"/>
    </row>
    <row r="761672" spans="14:14">
      <c r="N761672" s="10"/>
    </row>
    <row r="761673" spans="14:14">
      <c r="N761673" s="10"/>
    </row>
    <row r="761674" spans="14:14">
      <c r="N761674" s="10"/>
    </row>
    <row r="761675" spans="14:14">
      <c r="N761675" s="10"/>
    </row>
    <row r="761676" spans="14:14">
      <c r="N761676" s="10"/>
    </row>
    <row r="761677" spans="14:14">
      <c r="N761677" s="10"/>
    </row>
    <row r="761678" spans="14:14">
      <c r="N761678" s="10"/>
    </row>
    <row r="761679" spans="14:14">
      <c r="N761679" s="10"/>
    </row>
    <row r="761680" spans="14:14">
      <c r="N761680" s="10"/>
    </row>
    <row r="761681" spans="14:14">
      <c r="N761681" s="10"/>
    </row>
    <row r="761682" spans="14:14">
      <c r="N761682" s="10"/>
    </row>
    <row r="761683" spans="14:14">
      <c r="N761683" s="10"/>
    </row>
    <row r="761684" spans="14:14">
      <c r="N761684" s="10"/>
    </row>
    <row r="761685" spans="14:14">
      <c r="N761685" s="10"/>
    </row>
    <row r="761686" spans="14:14">
      <c r="N761686" s="10"/>
    </row>
    <row r="761687" spans="14:14">
      <c r="N761687" s="10"/>
    </row>
    <row r="761688" spans="14:14">
      <c r="N761688" s="10"/>
    </row>
    <row r="761689" spans="14:14">
      <c r="N761689" s="10"/>
    </row>
    <row r="761690" spans="14:14">
      <c r="N761690" s="10"/>
    </row>
    <row r="761691" spans="14:14">
      <c r="N761691" s="10"/>
    </row>
    <row r="761692" spans="14:14">
      <c r="N761692" s="10"/>
    </row>
    <row r="761693" spans="14:14">
      <c r="N761693" s="10"/>
    </row>
    <row r="761694" spans="14:14">
      <c r="N761694" s="10"/>
    </row>
    <row r="761695" spans="14:14">
      <c r="N761695" s="10"/>
    </row>
    <row r="761696" spans="14:14">
      <c r="N761696" s="10"/>
    </row>
    <row r="761697" spans="14:14">
      <c r="N761697" s="10"/>
    </row>
    <row r="761698" spans="14:14">
      <c r="N761698" s="10"/>
    </row>
    <row r="761699" spans="14:14">
      <c r="N761699" s="10"/>
    </row>
    <row r="761700" spans="14:14">
      <c r="N761700" s="10"/>
    </row>
    <row r="761701" spans="14:14">
      <c r="N761701" s="10"/>
    </row>
    <row r="761702" spans="14:14">
      <c r="N761702" s="10"/>
    </row>
    <row r="761703" spans="14:14">
      <c r="N761703" s="10"/>
    </row>
    <row r="761704" spans="14:14">
      <c r="N761704" s="10"/>
    </row>
    <row r="761705" spans="14:14">
      <c r="N761705" s="10"/>
    </row>
    <row r="761706" spans="14:14">
      <c r="N761706" s="10"/>
    </row>
    <row r="761707" spans="14:14">
      <c r="N761707" s="10"/>
    </row>
    <row r="761708" spans="14:14">
      <c r="N761708" s="10"/>
    </row>
    <row r="761709" spans="14:14">
      <c r="N761709" s="10"/>
    </row>
    <row r="761710" spans="14:14">
      <c r="N761710" s="10"/>
    </row>
    <row r="761711" spans="14:14">
      <c r="N761711" s="10"/>
    </row>
    <row r="761712" spans="14:14">
      <c r="N761712" s="10"/>
    </row>
    <row r="761713" spans="14:14">
      <c r="N761713" s="10"/>
    </row>
    <row r="761714" spans="14:14">
      <c r="N761714" s="10"/>
    </row>
    <row r="761715" spans="14:14">
      <c r="N761715" s="10"/>
    </row>
    <row r="761716" spans="14:14">
      <c r="N761716" s="10"/>
    </row>
    <row r="761717" spans="14:14">
      <c r="N761717" s="10"/>
    </row>
    <row r="761718" spans="14:14">
      <c r="N761718" s="10"/>
    </row>
    <row r="761719" spans="14:14">
      <c r="N761719" s="10"/>
    </row>
    <row r="761720" spans="14:14">
      <c r="N761720" s="10"/>
    </row>
    <row r="761721" spans="14:14">
      <c r="N761721" s="10"/>
    </row>
    <row r="761722" spans="14:14">
      <c r="N761722" s="10"/>
    </row>
    <row r="761723" spans="14:14">
      <c r="N761723" s="10"/>
    </row>
    <row r="761724" spans="14:14">
      <c r="N761724" s="10"/>
    </row>
    <row r="761725" spans="14:14">
      <c r="N761725" s="10"/>
    </row>
    <row r="761726" spans="14:14">
      <c r="N761726" s="10"/>
    </row>
    <row r="761727" spans="14:14">
      <c r="N761727" s="10"/>
    </row>
    <row r="761728" spans="14:14">
      <c r="N761728" s="10"/>
    </row>
    <row r="761729" spans="14:14">
      <c r="N761729" s="10"/>
    </row>
    <row r="761730" spans="14:14">
      <c r="N761730" s="10"/>
    </row>
    <row r="761731" spans="14:14">
      <c r="N761731" s="10"/>
    </row>
    <row r="761732" spans="14:14">
      <c r="N761732" s="10"/>
    </row>
    <row r="761733" spans="14:14">
      <c r="N761733" s="10"/>
    </row>
    <row r="761734" spans="14:14">
      <c r="N761734" s="10"/>
    </row>
    <row r="761735" spans="14:14">
      <c r="N761735" s="10"/>
    </row>
    <row r="761736" spans="14:14">
      <c r="N761736" s="10"/>
    </row>
    <row r="761737" spans="14:14">
      <c r="N761737" s="10"/>
    </row>
    <row r="761738" spans="14:14">
      <c r="N761738" s="10"/>
    </row>
    <row r="761739" spans="14:14">
      <c r="N761739" s="10"/>
    </row>
    <row r="761740" spans="14:14">
      <c r="N761740" s="10"/>
    </row>
    <row r="761741" spans="14:14">
      <c r="N761741" s="10"/>
    </row>
    <row r="761742" spans="14:14">
      <c r="N761742" s="10"/>
    </row>
    <row r="761743" spans="14:14">
      <c r="N761743" s="10"/>
    </row>
    <row r="761744" spans="14:14">
      <c r="N761744" s="10"/>
    </row>
    <row r="761745" spans="14:14">
      <c r="N761745" s="10"/>
    </row>
    <row r="761746" spans="14:14">
      <c r="N761746" s="10"/>
    </row>
    <row r="761747" spans="14:14">
      <c r="N761747" s="10"/>
    </row>
    <row r="761748" spans="14:14">
      <c r="N761748" s="10"/>
    </row>
    <row r="761749" spans="14:14">
      <c r="N761749" s="10"/>
    </row>
    <row r="761750" spans="14:14">
      <c r="N761750" s="10"/>
    </row>
    <row r="761751" spans="14:14">
      <c r="N761751" s="10"/>
    </row>
    <row r="761752" spans="14:14">
      <c r="N761752" s="10"/>
    </row>
    <row r="761753" spans="14:14">
      <c r="N761753" s="10"/>
    </row>
    <row r="761754" spans="14:14">
      <c r="N761754" s="10"/>
    </row>
    <row r="761755" spans="14:14">
      <c r="N761755" s="10"/>
    </row>
    <row r="761756" spans="14:14">
      <c r="N761756" s="10"/>
    </row>
    <row r="761757" spans="14:14">
      <c r="N761757" s="10"/>
    </row>
    <row r="761758" spans="14:14">
      <c r="N761758" s="10"/>
    </row>
    <row r="761759" spans="14:14">
      <c r="N761759" s="10"/>
    </row>
    <row r="761760" spans="14:14">
      <c r="N761760" s="10"/>
    </row>
    <row r="761761" spans="14:14">
      <c r="N761761" s="10"/>
    </row>
    <row r="761762" spans="14:14">
      <c r="N761762" s="10"/>
    </row>
    <row r="761763" spans="14:14">
      <c r="N761763" s="10"/>
    </row>
    <row r="761764" spans="14:14">
      <c r="N761764" s="10"/>
    </row>
    <row r="761765" spans="14:14">
      <c r="N761765" s="10"/>
    </row>
    <row r="761766" spans="14:14">
      <c r="N761766" s="10"/>
    </row>
    <row r="761767" spans="14:14">
      <c r="N761767" s="10"/>
    </row>
    <row r="761768" spans="14:14">
      <c r="N761768" s="10"/>
    </row>
    <row r="761769" spans="14:14">
      <c r="N761769" s="10"/>
    </row>
    <row r="761770" spans="14:14">
      <c r="N761770" s="10"/>
    </row>
    <row r="761771" spans="14:14">
      <c r="N761771" s="10"/>
    </row>
    <row r="761772" spans="14:14">
      <c r="N761772" s="10"/>
    </row>
    <row r="761773" spans="14:14">
      <c r="N761773" s="10"/>
    </row>
    <row r="761774" spans="14:14">
      <c r="N761774" s="10"/>
    </row>
    <row r="761775" spans="14:14">
      <c r="N761775" s="10"/>
    </row>
    <row r="761776" spans="14:14">
      <c r="N761776" s="10"/>
    </row>
    <row r="761777" spans="14:14">
      <c r="N761777" s="10"/>
    </row>
    <row r="761778" spans="14:14">
      <c r="N761778" s="10"/>
    </row>
    <row r="761779" spans="14:14">
      <c r="N761779" s="10"/>
    </row>
    <row r="761780" spans="14:14">
      <c r="N761780" s="10"/>
    </row>
    <row r="761781" spans="14:14">
      <c r="N761781" s="10"/>
    </row>
    <row r="761782" spans="14:14">
      <c r="N761782" s="10"/>
    </row>
    <row r="761783" spans="14:14">
      <c r="N761783" s="10"/>
    </row>
    <row r="761784" spans="14:14">
      <c r="N761784" s="10"/>
    </row>
    <row r="761785" spans="14:14">
      <c r="N761785" s="10"/>
    </row>
    <row r="761786" spans="14:14">
      <c r="N761786" s="10"/>
    </row>
    <row r="761787" spans="14:14">
      <c r="N761787" s="10"/>
    </row>
    <row r="761788" spans="14:14">
      <c r="N761788" s="10"/>
    </row>
    <row r="761789" spans="14:14">
      <c r="N761789" s="10"/>
    </row>
    <row r="761790" spans="14:14">
      <c r="N761790" s="10"/>
    </row>
    <row r="761791" spans="14:14">
      <c r="N761791" s="10"/>
    </row>
    <row r="761792" spans="14:14">
      <c r="N761792" s="10"/>
    </row>
    <row r="761793" spans="14:14">
      <c r="N761793" s="10"/>
    </row>
    <row r="761794" spans="14:14">
      <c r="N761794" s="10"/>
    </row>
    <row r="761795" spans="14:14">
      <c r="N761795" s="10"/>
    </row>
    <row r="761796" spans="14:14">
      <c r="N761796" s="10"/>
    </row>
    <row r="761797" spans="14:14">
      <c r="N761797" s="10"/>
    </row>
    <row r="761798" spans="14:14">
      <c r="N761798" s="10"/>
    </row>
    <row r="761799" spans="14:14">
      <c r="N761799" s="10"/>
    </row>
    <row r="761800" spans="14:14">
      <c r="N761800" s="10"/>
    </row>
    <row r="761801" spans="14:14">
      <c r="N761801" s="10"/>
    </row>
    <row r="761802" spans="14:14">
      <c r="N761802" s="10"/>
    </row>
    <row r="761803" spans="14:14">
      <c r="N761803" s="10"/>
    </row>
    <row r="761804" spans="14:14">
      <c r="N761804" s="10"/>
    </row>
    <row r="761805" spans="14:14">
      <c r="N761805" s="10"/>
    </row>
    <row r="761806" spans="14:14">
      <c r="N761806" s="10"/>
    </row>
    <row r="761807" spans="14:14">
      <c r="N761807" s="10"/>
    </row>
    <row r="761808" spans="14:14">
      <c r="N761808" s="10"/>
    </row>
    <row r="761809" spans="14:14">
      <c r="N761809" s="10"/>
    </row>
    <row r="761810" spans="14:14">
      <c r="N761810" s="10"/>
    </row>
    <row r="761811" spans="14:14">
      <c r="N761811" s="10"/>
    </row>
    <row r="761812" spans="14:14">
      <c r="N761812" s="10"/>
    </row>
    <row r="761813" spans="14:14">
      <c r="N761813" s="10"/>
    </row>
    <row r="761814" spans="14:14">
      <c r="N761814" s="10"/>
    </row>
    <row r="761815" spans="14:14">
      <c r="N761815" s="10"/>
    </row>
    <row r="761816" spans="14:14">
      <c r="N761816" s="10"/>
    </row>
    <row r="761817" spans="14:14">
      <c r="N761817" s="10"/>
    </row>
    <row r="761818" spans="14:14">
      <c r="N761818" s="10"/>
    </row>
    <row r="761819" spans="14:14">
      <c r="N761819" s="10"/>
    </row>
    <row r="761820" spans="14:14">
      <c r="N761820" s="10"/>
    </row>
    <row r="761821" spans="14:14">
      <c r="N761821" s="10"/>
    </row>
    <row r="761822" spans="14:14">
      <c r="N761822" s="10"/>
    </row>
    <row r="761823" spans="14:14">
      <c r="N761823" s="10"/>
    </row>
    <row r="761824" spans="14:14">
      <c r="N761824" s="10"/>
    </row>
    <row r="761825" spans="14:14">
      <c r="N761825" s="10"/>
    </row>
    <row r="761826" spans="14:14">
      <c r="N761826" s="10"/>
    </row>
    <row r="761827" spans="14:14">
      <c r="N761827" s="10"/>
    </row>
    <row r="761828" spans="14:14">
      <c r="N761828" s="10"/>
    </row>
    <row r="761829" spans="14:14">
      <c r="N761829" s="10"/>
    </row>
    <row r="761830" spans="14:14">
      <c r="N761830" s="10"/>
    </row>
    <row r="761831" spans="14:14">
      <c r="N761831" s="10"/>
    </row>
    <row r="761832" spans="14:14">
      <c r="N761832" s="10"/>
    </row>
    <row r="761833" spans="14:14">
      <c r="N761833" s="10"/>
    </row>
    <row r="761834" spans="14:14">
      <c r="N761834" s="10"/>
    </row>
    <row r="761835" spans="14:14">
      <c r="N761835" s="10"/>
    </row>
    <row r="761836" spans="14:14">
      <c r="N761836" s="10"/>
    </row>
    <row r="761837" spans="14:14">
      <c r="N761837" s="10"/>
    </row>
    <row r="761838" spans="14:14">
      <c r="N761838" s="10"/>
    </row>
    <row r="761839" spans="14:14">
      <c r="N761839" s="10"/>
    </row>
    <row r="761840" spans="14:14">
      <c r="N761840" s="10"/>
    </row>
    <row r="761841" spans="14:14">
      <c r="N761841" s="10"/>
    </row>
    <row r="761842" spans="14:14">
      <c r="N761842" s="10"/>
    </row>
    <row r="761843" spans="14:14">
      <c r="N761843" s="10"/>
    </row>
    <row r="761844" spans="14:14">
      <c r="N761844" s="10"/>
    </row>
    <row r="761845" spans="14:14">
      <c r="N761845" s="10"/>
    </row>
    <row r="761846" spans="14:14">
      <c r="N761846" s="10"/>
    </row>
    <row r="761847" spans="14:14">
      <c r="N761847" s="10"/>
    </row>
    <row r="761848" spans="14:14">
      <c r="N761848" s="10"/>
    </row>
    <row r="761849" spans="14:14">
      <c r="N761849" s="10"/>
    </row>
    <row r="761850" spans="14:14">
      <c r="N761850" s="10"/>
    </row>
    <row r="761851" spans="14:14">
      <c r="N761851" s="10"/>
    </row>
    <row r="761852" spans="14:14">
      <c r="N761852" s="10"/>
    </row>
    <row r="761853" spans="14:14">
      <c r="N761853" s="10"/>
    </row>
    <row r="761854" spans="14:14">
      <c r="N761854" s="10"/>
    </row>
    <row r="761855" spans="14:14">
      <c r="N761855" s="10"/>
    </row>
    <row r="761856" spans="14:14">
      <c r="N761856" s="10"/>
    </row>
    <row r="761857" spans="14:14">
      <c r="N761857" s="10"/>
    </row>
    <row r="761858" spans="14:14">
      <c r="N761858" s="10"/>
    </row>
    <row r="761859" spans="14:14">
      <c r="N761859" s="10"/>
    </row>
    <row r="761860" spans="14:14">
      <c r="N761860" s="10"/>
    </row>
    <row r="761861" spans="14:14">
      <c r="N761861" s="10"/>
    </row>
    <row r="761862" spans="14:14">
      <c r="N761862" s="10"/>
    </row>
    <row r="761863" spans="14:14">
      <c r="N761863" s="10"/>
    </row>
    <row r="761864" spans="14:14">
      <c r="N761864" s="10"/>
    </row>
    <row r="761865" spans="14:14">
      <c r="N761865" s="10"/>
    </row>
    <row r="761866" spans="14:14">
      <c r="N761866" s="10"/>
    </row>
    <row r="761867" spans="14:14">
      <c r="N761867" s="10"/>
    </row>
    <row r="761868" spans="14:14">
      <c r="N761868" s="10"/>
    </row>
    <row r="761869" spans="14:14">
      <c r="N761869" s="10"/>
    </row>
    <row r="761870" spans="14:14">
      <c r="N761870" s="10"/>
    </row>
    <row r="761871" spans="14:14">
      <c r="N761871" s="10"/>
    </row>
    <row r="761872" spans="14:14">
      <c r="N761872" s="10"/>
    </row>
    <row r="761873" spans="14:14">
      <c r="N761873" s="10"/>
    </row>
    <row r="761874" spans="14:14">
      <c r="N761874" s="10"/>
    </row>
    <row r="761875" spans="14:14">
      <c r="N761875" s="10"/>
    </row>
    <row r="761876" spans="14:14">
      <c r="N761876" s="10"/>
    </row>
    <row r="761877" spans="14:14">
      <c r="N761877" s="10"/>
    </row>
    <row r="761878" spans="14:14">
      <c r="N761878" s="10"/>
    </row>
    <row r="761879" spans="14:14">
      <c r="N761879" s="10"/>
    </row>
    <row r="761880" spans="14:14">
      <c r="N761880" s="10"/>
    </row>
    <row r="761881" spans="14:14">
      <c r="N761881" s="10"/>
    </row>
    <row r="761882" spans="14:14">
      <c r="N761882" s="10"/>
    </row>
    <row r="761883" spans="14:14">
      <c r="N761883" s="10"/>
    </row>
    <row r="761884" spans="14:14">
      <c r="N761884" s="10"/>
    </row>
    <row r="761885" spans="14:14">
      <c r="N761885" s="10"/>
    </row>
    <row r="761886" spans="14:14">
      <c r="N761886" s="10"/>
    </row>
    <row r="761887" spans="14:14">
      <c r="N761887" s="10"/>
    </row>
    <row r="761888" spans="14:14">
      <c r="N761888" s="10"/>
    </row>
    <row r="761889" spans="14:14">
      <c r="N761889" s="10"/>
    </row>
    <row r="761890" spans="14:14">
      <c r="N761890" s="10"/>
    </row>
    <row r="761891" spans="14:14">
      <c r="N761891" s="10"/>
    </row>
    <row r="761892" spans="14:14">
      <c r="N761892" s="10"/>
    </row>
    <row r="761893" spans="14:14">
      <c r="N761893" s="10"/>
    </row>
    <row r="761894" spans="14:14">
      <c r="N761894" s="10"/>
    </row>
    <row r="761895" spans="14:14">
      <c r="N761895" s="10"/>
    </row>
    <row r="761896" spans="14:14">
      <c r="N761896" s="10"/>
    </row>
    <row r="761897" spans="14:14">
      <c r="N761897" s="10"/>
    </row>
    <row r="761898" spans="14:14">
      <c r="N761898" s="10"/>
    </row>
    <row r="761899" spans="14:14">
      <c r="N761899" s="10"/>
    </row>
    <row r="761900" spans="14:14">
      <c r="N761900" s="10"/>
    </row>
    <row r="761901" spans="14:14">
      <c r="N761901" s="10"/>
    </row>
    <row r="761902" spans="14:14">
      <c r="N761902" s="10"/>
    </row>
    <row r="761903" spans="14:14">
      <c r="N761903" s="10"/>
    </row>
    <row r="761904" spans="14:14">
      <c r="N761904" s="10"/>
    </row>
    <row r="761905" spans="14:14">
      <c r="N761905" s="10"/>
    </row>
    <row r="761906" spans="14:14">
      <c r="N761906" s="10"/>
    </row>
    <row r="761907" spans="14:14">
      <c r="N761907" s="10"/>
    </row>
    <row r="761908" spans="14:14">
      <c r="N761908" s="10"/>
    </row>
    <row r="761909" spans="14:14">
      <c r="N761909" s="10"/>
    </row>
    <row r="761910" spans="14:14">
      <c r="N761910" s="10"/>
    </row>
    <row r="761911" spans="14:14">
      <c r="N761911" s="10"/>
    </row>
    <row r="761912" spans="14:14">
      <c r="N761912" s="10"/>
    </row>
    <row r="761913" spans="14:14">
      <c r="N761913" s="10"/>
    </row>
    <row r="761914" spans="14:14">
      <c r="N761914" s="10"/>
    </row>
    <row r="761915" spans="14:14">
      <c r="N761915" s="10"/>
    </row>
    <row r="761916" spans="14:14">
      <c r="N761916" s="10"/>
    </row>
    <row r="761917" spans="14:14">
      <c r="N761917" s="10"/>
    </row>
    <row r="761918" spans="14:14">
      <c r="N761918" s="10"/>
    </row>
    <row r="761919" spans="14:14">
      <c r="N761919" s="10"/>
    </row>
    <row r="761920" spans="14:14">
      <c r="N761920" s="10"/>
    </row>
    <row r="761921" spans="14:14">
      <c r="N761921" s="10"/>
    </row>
    <row r="761922" spans="14:14">
      <c r="N761922" s="10"/>
    </row>
    <row r="761923" spans="14:14">
      <c r="N761923" s="10"/>
    </row>
    <row r="761924" spans="14:14">
      <c r="N761924" s="10"/>
    </row>
    <row r="761925" spans="14:14">
      <c r="N761925" s="10"/>
    </row>
    <row r="761926" spans="14:14">
      <c r="N761926" s="10"/>
    </row>
    <row r="761927" spans="14:14">
      <c r="N761927" s="10"/>
    </row>
    <row r="761928" spans="14:14">
      <c r="N761928" s="10"/>
    </row>
    <row r="761929" spans="14:14">
      <c r="N761929" s="10"/>
    </row>
    <row r="761930" spans="14:14">
      <c r="N761930" s="10"/>
    </row>
    <row r="761931" spans="14:14">
      <c r="N761931" s="10"/>
    </row>
    <row r="761932" spans="14:14">
      <c r="N761932" s="10"/>
    </row>
    <row r="761933" spans="14:14">
      <c r="N761933" s="10"/>
    </row>
    <row r="761934" spans="14:14">
      <c r="N761934" s="10"/>
    </row>
    <row r="761935" spans="14:14">
      <c r="N761935" s="10"/>
    </row>
    <row r="761936" spans="14:14">
      <c r="N761936" s="10"/>
    </row>
    <row r="761937" spans="14:14">
      <c r="N761937" s="10"/>
    </row>
    <row r="761938" spans="14:14">
      <c r="N761938" s="10"/>
    </row>
    <row r="761939" spans="14:14">
      <c r="N761939" s="10"/>
    </row>
    <row r="761940" spans="14:14">
      <c r="N761940" s="10"/>
    </row>
    <row r="761941" spans="14:14">
      <c r="N761941" s="10"/>
    </row>
    <row r="761942" spans="14:14">
      <c r="N761942" s="10"/>
    </row>
    <row r="761943" spans="14:14">
      <c r="N761943" s="10"/>
    </row>
    <row r="761944" spans="14:14">
      <c r="N761944" s="10"/>
    </row>
    <row r="761945" spans="14:14">
      <c r="N761945" s="10"/>
    </row>
    <row r="761946" spans="14:14">
      <c r="N761946" s="10"/>
    </row>
    <row r="761947" spans="14:14">
      <c r="N761947" s="10"/>
    </row>
    <row r="761948" spans="14:14">
      <c r="N761948" s="10"/>
    </row>
    <row r="761949" spans="14:14">
      <c r="N761949" s="10"/>
    </row>
    <row r="761950" spans="14:14">
      <c r="N761950" s="10"/>
    </row>
    <row r="761951" spans="14:14">
      <c r="N761951" s="10"/>
    </row>
    <row r="761952" spans="14:14">
      <c r="N761952" s="10"/>
    </row>
    <row r="761953" spans="14:14">
      <c r="N761953" s="10"/>
    </row>
    <row r="761954" spans="14:14">
      <c r="N761954" s="10"/>
    </row>
    <row r="761955" spans="14:14">
      <c r="N761955" s="10"/>
    </row>
    <row r="761956" spans="14:14">
      <c r="N761956" s="10"/>
    </row>
    <row r="761957" spans="14:14">
      <c r="N761957" s="10"/>
    </row>
    <row r="761958" spans="14:14">
      <c r="N761958" s="10"/>
    </row>
    <row r="761959" spans="14:14">
      <c r="N761959" s="10"/>
    </row>
    <row r="761960" spans="14:14">
      <c r="N761960" s="10"/>
    </row>
    <row r="761961" spans="14:14">
      <c r="N761961" s="10"/>
    </row>
    <row r="761962" spans="14:14">
      <c r="N761962" s="10"/>
    </row>
    <row r="761963" spans="14:14">
      <c r="N761963" s="10"/>
    </row>
    <row r="761964" spans="14:14">
      <c r="N761964" s="10"/>
    </row>
    <row r="761965" spans="14:14">
      <c r="N761965" s="10"/>
    </row>
    <row r="761966" spans="14:14">
      <c r="N761966" s="10"/>
    </row>
    <row r="761967" spans="14:14">
      <c r="N761967" s="10"/>
    </row>
    <row r="761968" spans="14:14">
      <c r="N761968" s="10"/>
    </row>
    <row r="761969" spans="14:14">
      <c r="N761969" s="10"/>
    </row>
    <row r="761970" spans="14:14">
      <c r="N761970" s="10"/>
    </row>
    <row r="761971" spans="14:14">
      <c r="N761971" s="10"/>
    </row>
    <row r="761972" spans="14:14">
      <c r="N761972" s="10"/>
    </row>
    <row r="761973" spans="14:14">
      <c r="N761973" s="10"/>
    </row>
    <row r="761974" spans="14:14">
      <c r="N761974" s="10"/>
    </row>
    <row r="761975" spans="14:14">
      <c r="N761975" s="10"/>
    </row>
    <row r="761976" spans="14:14">
      <c r="N761976" s="10"/>
    </row>
    <row r="761977" spans="14:14">
      <c r="N761977" s="10"/>
    </row>
    <row r="761978" spans="14:14">
      <c r="N761978" s="10"/>
    </row>
    <row r="761979" spans="14:14">
      <c r="N761979" s="10"/>
    </row>
    <row r="761980" spans="14:14">
      <c r="N761980" s="10"/>
    </row>
    <row r="761981" spans="14:14">
      <c r="N761981" s="10"/>
    </row>
    <row r="761982" spans="14:14">
      <c r="N761982" s="10"/>
    </row>
    <row r="761983" spans="14:14">
      <c r="N761983" s="10"/>
    </row>
    <row r="761984" spans="14:14">
      <c r="N761984" s="10"/>
    </row>
    <row r="761985" spans="14:14">
      <c r="N761985" s="10"/>
    </row>
    <row r="761986" spans="14:14">
      <c r="N761986" s="10"/>
    </row>
    <row r="761987" spans="14:14">
      <c r="N761987" s="10"/>
    </row>
    <row r="761988" spans="14:14">
      <c r="N761988" s="10"/>
    </row>
    <row r="761989" spans="14:14">
      <c r="N761989" s="10"/>
    </row>
    <row r="761990" spans="14:14">
      <c r="N761990" s="10"/>
    </row>
    <row r="761991" spans="14:14">
      <c r="N761991" s="10"/>
    </row>
    <row r="761992" spans="14:14">
      <c r="N761992" s="10"/>
    </row>
    <row r="761993" spans="14:14">
      <c r="N761993" s="10"/>
    </row>
    <row r="761994" spans="14:14">
      <c r="N761994" s="10"/>
    </row>
    <row r="761995" spans="14:14">
      <c r="N761995" s="10"/>
    </row>
    <row r="761996" spans="14:14">
      <c r="N761996" s="10"/>
    </row>
    <row r="761997" spans="14:14">
      <c r="N761997" s="10"/>
    </row>
    <row r="761998" spans="14:14">
      <c r="N761998" s="10"/>
    </row>
    <row r="761999" spans="14:14">
      <c r="N761999" s="10"/>
    </row>
    <row r="762000" spans="14:14">
      <c r="N762000" s="10"/>
    </row>
    <row r="762001" spans="14:14">
      <c r="N762001" s="10"/>
    </row>
    <row r="762002" spans="14:14">
      <c r="N762002" s="10"/>
    </row>
    <row r="762003" spans="14:14">
      <c r="N762003" s="10"/>
    </row>
    <row r="762004" spans="14:14">
      <c r="N762004" s="10"/>
    </row>
    <row r="762005" spans="14:14">
      <c r="N762005" s="10"/>
    </row>
    <row r="762006" spans="14:14">
      <c r="N762006" s="10"/>
    </row>
    <row r="762007" spans="14:14">
      <c r="N762007" s="10"/>
    </row>
    <row r="762008" spans="14:14">
      <c r="N762008" s="10"/>
    </row>
    <row r="762009" spans="14:14">
      <c r="N762009" s="10"/>
    </row>
    <row r="762010" spans="14:14">
      <c r="N762010" s="10"/>
    </row>
    <row r="762011" spans="14:14">
      <c r="N762011" s="10"/>
    </row>
    <row r="762012" spans="14:14">
      <c r="N762012" s="10"/>
    </row>
    <row r="762013" spans="14:14">
      <c r="N762013" s="10"/>
    </row>
    <row r="762014" spans="14:14">
      <c r="N762014" s="10"/>
    </row>
    <row r="762015" spans="14:14">
      <c r="N762015" s="10"/>
    </row>
    <row r="762016" spans="14:14">
      <c r="N762016" s="10"/>
    </row>
    <row r="762017" spans="14:14">
      <c r="N762017" s="10"/>
    </row>
    <row r="762018" spans="14:14">
      <c r="N762018" s="10"/>
    </row>
    <row r="762019" spans="14:14">
      <c r="N762019" s="10"/>
    </row>
    <row r="762020" spans="14:14">
      <c r="N762020" s="10"/>
    </row>
    <row r="762021" spans="14:14">
      <c r="N762021" s="10"/>
    </row>
    <row r="762022" spans="14:14">
      <c r="N762022" s="10"/>
    </row>
    <row r="762023" spans="14:14">
      <c r="N762023" s="10"/>
    </row>
    <row r="762024" spans="14:14">
      <c r="N762024" s="10"/>
    </row>
    <row r="762025" spans="14:14">
      <c r="N762025" s="10"/>
    </row>
    <row r="762026" spans="14:14">
      <c r="N762026" s="10"/>
    </row>
    <row r="762027" spans="14:14">
      <c r="N762027" s="10"/>
    </row>
    <row r="762028" spans="14:14">
      <c r="N762028" s="10"/>
    </row>
    <row r="762029" spans="14:14">
      <c r="N762029" s="10"/>
    </row>
    <row r="762030" spans="14:14">
      <c r="N762030" s="10"/>
    </row>
    <row r="762031" spans="14:14">
      <c r="N762031" s="10"/>
    </row>
    <row r="762032" spans="14:14">
      <c r="N762032" s="10"/>
    </row>
    <row r="762033" spans="14:14">
      <c r="N762033" s="10"/>
    </row>
    <row r="762034" spans="14:14">
      <c r="N762034" s="10"/>
    </row>
    <row r="762035" spans="14:14">
      <c r="N762035" s="10"/>
    </row>
    <row r="762036" spans="14:14">
      <c r="N762036" s="10"/>
    </row>
    <row r="762037" spans="14:14">
      <c r="N762037" s="10"/>
    </row>
    <row r="762038" spans="14:14">
      <c r="N762038" s="10"/>
    </row>
    <row r="762039" spans="14:14">
      <c r="N762039" s="10"/>
    </row>
    <row r="762040" spans="14:14">
      <c r="N762040" s="10"/>
    </row>
    <row r="762041" spans="14:14">
      <c r="N762041" s="10"/>
    </row>
    <row r="762042" spans="14:14">
      <c r="N762042" s="10"/>
    </row>
    <row r="762043" spans="14:14">
      <c r="N762043" s="10"/>
    </row>
    <row r="762044" spans="14:14">
      <c r="N762044" s="10"/>
    </row>
    <row r="762045" spans="14:14">
      <c r="N762045" s="10"/>
    </row>
    <row r="762046" spans="14:14">
      <c r="N762046" s="10"/>
    </row>
    <row r="762047" spans="14:14">
      <c r="N762047" s="10"/>
    </row>
    <row r="762048" spans="14:14">
      <c r="N762048" s="10"/>
    </row>
    <row r="762049" spans="14:14">
      <c r="N762049" s="10"/>
    </row>
    <row r="762050" spans="14:14">
      <c r="N762050" s="10"/>
    </row>
    <row r="762051" spans="14:14">
      <c r="N762051" s="10"/>
    </row>
    <row r="762052" spans="14:14">
      <c r="N762052" s="10"/>
    </row>
    <row r="762053" spans="14:14">
      <c r="N762053" s="10"/>
    </row>
    <row r="762054" spans="14:14">
      <c r="N762054" s="10"/>
    </row>
    <row r="762055" spans="14:14">
      <c r="N762055" s="10"/>
    </row>
    <row r="762056" spans="14:14">
      <c r="N762056" s="10"/>
    </row>
    <row r="762057" spans="14:14">
      <c r="N762057" s="10"/>
    </row>
    <row r="762058" spans="14:14">
      <c r="N762058" s="10"/>
    </row>
    <row r="762059" spans="14:14">
      <c r="N762059" s="10"/>
    </row>
    <row r="762060" spans="14:14">
      <c r="N762060" s="10"/>
    </row>
    <row r="762061" spans="14:14">
      <c r="N762061" s="10"/>
    </row>
    <row r="762062" spans="14:14">
      <c r="N762062" s="10"/>
    </row>
    <row r="762063" spans="14:14">
      <c r="N762063" s="10"/>
    </row>
    <row r="762064" spans="14:14">
      <c r="N762064" s="10"/>
    </row>
    <row r="762065" spans="14:14">
      <c r="N762065" s="10"/>
    </row>
    <row r="762066" spans="14:14">
      <c r="N762066" s="10"/>
    </row>
    <row r="762067" spans="14:14">
      <c r="N762067" s="10"/>
    </row>
    <row r="762068" spans="14:14">
      <c r="N762068" s="10"/>
    </row>
    <row r="762069" spans="14:14">
      <c r="N762069" s="10"/>
    </row>
    <row r="762070" spans="14:14">
      <c r="N762070" s="10"/>
    </row>
    <row r="762071" spans="14:14">
      <c r="N762071" s="10"/>
    </row>
    <row r="762072" spans="14:14">
      <c r="N762072" s="10"/>
    </row>
    <row r="762073" spans="14:14">
      <c r="N762073" s="10"/>
    </row>
    <row r="762074" spans="14:14">
      <c r="N762074" s="10"/>
    </row>
    <row r="762075" spans="14:14">
      <c r="N762075" s="10"/>
    </row>
    <row r="762076" spans="14:14">
      <c r="N762076" s="10"/>
    </row>
    <row r="762077" spans="14:14">
      <c r="N762077" s="10"/>
    </row>
    <row r="762078" spans="14:14">
      <c r="N762078" s="10"/>
    </row>
    <row r="762079" spans="14:14">
      <c r="N762079" s="10"/>
    </row>
    <row r="762080" spans="14:14">
      <c r="N762080" s="10"/>
    </row>
    <row r="762081" spans="14:14">
      <c r="N762081" s="10"/>
    </row>
    <row r="762082" spans="14:14">
      <c r="N762082" s="10"/>
    </row>
    <row r="762083" spans="14:14">
      <c r="N762083" s="10"/>
    </row>
    <row r="762084" spans="14:14">
      <c r="N762084" s="10"/>
    </row>
    <row r="762085" spans="14:14">
      <c r="N762085" s="10"/>
    </row>
    <row r="762086" spans="14:14">
      <c r="N762086" s="10"/>
    </row>
    <row r="762087" spans="14:14">
      <c r="N762087" s="10"/>
    </row>
    <row r="762088" spans="14:14">
      <c r="N762088" s="10"/>
    </row>
    <row r="762089" spans="14:14">
      <c r="N762089" s="10"/>
    </row>
    <row r="762090" spans="14:14">
      <c r="N762090" s="10"/>
    </row>
    <row r="762091" spans="14:14">
      <c r="N762091" s="10"/>
    </row>
    <row r="762092" spans="14:14">
      <c r="N762092" s="10"/>
    </row>
    <row r="762093" spans="14:14">
      <c r="N762093" s="10"/>
    </row>
    <row r="762094" spans="14:14">
      <c r="N762094" s="10"/>
    </row>
    <row r="762095" spans="14:14">
      <c r="N762095" s="10"/>
    </row>
    <row r="762096" spans="14:14">
      <c r="N762096" s="10"/>
    </row>
    <row r="762097" spans="14:14">
      <c r="N762097" s="10"/>
    </row>
    <row r="762098" spans="14:14">
      <c r="N762098" s="10"/>
    </row>
    <row r="762099" spans="14:14">
      <c r="N762099" s="10"/>
    </row>
    <row r="762100" spans="14:14">
      <c r="N762100" s="10"/>
    </row>
    <row r="762101" spans="14:14">
      <c r="N762101" s="10"/>
    </row>
    <row r="762102" spans="14:14">
      <c r="N762102" s="10"/>
    </row>
    <row r="762103" spans="14:14">
      <c r="N762103" s="10"/>
    </row>
    <row r="762104" spans="14:14">
      <c r="N762104" s="10"/>
    </row>
    <row r="762105" spans="14:14">
      <c r="N762105" s="10"/>
    </row>
    <row r="762106" spans="14:14">
      <c r="N762106" s="10"/>
    </row>
    <row r="762107" spans="14:14">
      <c r="N762107" s="10"/>
    </row>
    <row r="762108" spans="14:14">
      <c r="N762108" s="10"/>
    </row>
    <row r="762109" spans="14:14">
      <c r="N762109" s="10"/>
    </row>
    <row r="762110" spans="14:14">
      <c r="N762110" s="10"/>
    </row>
    <row r="762111" spans="14:14">
      <c r="N762111" s="10"/>
    </row>
    <row r="762112" spans="14:14">
      <c r="N762112" s="10"/>
    </row>
    <row r="762113" spans="14:14">
      <c r="N762113" s="10"/>
    </row>
    <row r="762114" spans="14:14">
      <c r="N762114" s="10"/>
    </row>
    <row r="762115" spans="14:14">
      <c r="N762115" s="10"/>
    </row>
    <row r="762116" spans="14:14">
      <c r="N762116" s="10"/>
    </row>
    <row r="762117" spans="14:14">
      <c r="N762117" s="10"/>
    </row>
    <row r="762118" spans="14:14">
      <c r="N762118" s="10"/>
    </row>
    <row r="762119" spans="14:14">
      <c r="N762119" s="10"/>
    </row>
    <row r="762120" spans="14:14">
      <c r="N762120" s="10"/>
    </row>
    <row r="762121" spans="14:14">
      <c r="N762121" s="10"/>
    </row>
    <row r="762122" spans="14:14">
      <c r="N762122" s="10"/>
    </row>
    <row r="762123" spans="14:14">
      <c r="N762123" s="10"/>
    </row>
    <row r="762124" spans="14:14">
      <c r="N762124" s="10"/>
    </row>
    <row r="762125" spans="14:14">
      <c r="N762125" s="10"/>
    </row>
    <row r="762126" spans="14:14">
      <c r="N762126" s="10"/>
    </row>
    <row r="762127" spans="14:14">
      <c r="N762127" s="10"/>
    </row>
    <row r="762128" spans="14:14">
      <c r="N762128" s="10"/>
    </row>
    <row r="762129" spans="14:14">
      <c r="N762129" s="10"/>
    </row>
    <row r="762130" spans="14:14">
      <c r="N762130" s="10"/>
    </row>
    <row r="762131" spans="14:14">
      <c r="N762131" s="10"/>
    </row>
    <row r="762132" spans="14:14">
      <c r="N762132" s="10"/>
    </row>
    <row r="762133" spans="14:14">
      <c r="N762133" s="10"/>
    </row>
    <row r="762134" spans="14:14">
      <c r="N762134" s="10"/>
    </row>
    <row r="762135" spans="14:14">
      <c r="N762135" s="10"/>
    </row>
    <row r="762136" spans="14:14">
      <c r="N762136" s="10"/>
    </row>
    <row r="762137" spans="14:14">
      <c r="N762137" s="10"/>
    </row>
    <row r="762138" spans="14:14">
      <c r="N762138" s="10"/>
    </row>
    <row r="762139" spans="14:14">
      <c r="N762139" s="10"/>
    </row>
    <row r="762140" spans="14:14">
      <c r="N762140" s="10"/>
    </row>
    <row r="762141" spans="14:14">
      <c r="N762141" s="10"/>
    </row>
    <row r="762142" spans="14:14">
      <c r="N762142" s="10"/>
    </row>
    <row r="762143" spans="14:14">
      <c r="N762143" s="10"/>
    </row>
    <row r="762144" spans="14:14">
      <c r="N762144" s="10"/>
    </row>
    <row r="762145" spans="14:14">
      <c r="N762145" s="10"/>
    </row>
    <row r="762146" spans="14:14">
      <c r="N762146" s="10"/>
    </row>
    <row r="762147" spans="14:14">
      <c r="N762147" s="10"/>
    </row>
    <row r="762148" spans="14:14">
      <c r="N762148" s="10"/>
    </row>
    <row r="762149" spans="14:14">
      <c r="N762149" s="10"/>
    </row>
    <row r="762150" spans="14:14">
      <c r="N762150" s="10"/>
    </row>
    <row r="762151" spans="14:14">
      <c r="N762151" s="10"/>
    </row>
    <row r="762152" spans="14:14">
      <c r="N762152" s="10"/>
    </row>
    <row r="762153" spans="14:14">
      <c r="N762153" s="10"/>
    </row>
    <row r="762154" spans="14:14">
      <c r="N762154" s="10"/>
    </row>
    <row r="762155" spans="14:14">
      <c r="N762155" s="10"/>
    </row>
    <row r="762156" spans="14:14">
      <c r="N762156" s="10"/>
    </row>
    <row r="762157" spans="14:14">
      <c r="N762157" s="10"/>
    </row>
    <row r="762158" spans="14:14">
      <c r="N762158" s="10"/>
    </row>
    <row r="762159" spans="14:14">
      <c r="N762159" s="10"/>
    </row>
    <row r="762160" spans="14:14">
      <c r="N762160" s="10"/>
    </row>
    <row r="762161" spans="14:14">
      <c r="N762161" s="10"/>
    </row>
    <row r="762162" spans="14:14">
      <c r="N762162" s="10"/>
    </row>
    <row r="762163" spans="14:14">
      <c r="N762163" s="10"/>
    </row>
    <row r="762164" spans="14:14">
      <c r="N762164" s="10"/>
    </row>
    <row r="762165" spans="14:14">
      <c r="N762165" s="10"/>
    </row>
    <row r="762166" spans="14:14">
      <c r="N762166" s="10"/>
    </row>
    <row r="762167" spans="14:14">
      <c r="N762167" s="10"/>
    </row>
    <row r="762168" spans="14:14">
      <c r="N762168" s="10"/>
    </row>
    <row r="762169" spans="14:14">
      <c r="N762169" s="10"/>
    </row>
    <row r="762170" spans="14:14">
      <c r="N762170" s="10"/>
    </row>
    <row r="762171" spans="14:14">
      <c r="N762171" s="10"/>
    </row>
    <row r="762172" spans="14:14">
      <c r="N762172" s="10"/>
    </row>
    <row r="762173" spans="14:14">
      <c r="N762173" s="10"/>
    </row>
    <row r="762174" spans="14:14">
      <c r="N762174" s="10"/>
    </row>
    <row r="762175" spans="14:14">
      <c r="N762175" s="10"/>
    </row>
    <row r="762176" spans="14:14">
      <c r="N762176" s="10"/>
    </row>
    <row r="762177" spans="14:14">
      <c r="N762177" s="10"/>
    </row>
    <row r="762178" spans="14:14">
      <c r="N762178" s="10"/>
    </row>
    <row r="762179" spans="14:14">
      <c r="N762179" s="10"/>
    </row>
    <row r="762180" spans="14:14">
      <c r="N762180" s="10"/>
    </row>
    <row r="762181" spans="14:14">
      <c r="N762181" s="10"/>
    </row>
    <row r="762182" spans="14:14">
      <c r="N762182" s="10"/>
    </row>
    <row r="762183" spans="14:14">
      <c r="N762183" s="10"/>
    </row>
    <row r="762184" spans="14:14">
      <c r="N762184" s="10"/>
    </row>
    <row r="762185" spans="14:14">
      <c r="N762185" s="10"/>
    </row>
    <row r="762186" spans="14:14">
      <c r="N762186" s="10"/>
    </row>
    <row r="762187" spans="14:14">
      <c r="N762187" s="10"/>
    </row>
    <row r="762188" spans="14:14">
      <c r="N762188" s="10"/>
    </row>
    <row r="762189" spans="14:14">
      <c r="N762189" s="10"/>
    </row>
    <row r="762190" spans="14:14">
      <c r="N762190" s="10"/>
    </row>
    <row r="762191" spans="14:14">
      <c r="N762191" s="10"/>
    </row>
    <row r="762192" spans="14:14">
      <c r="N762192" s="10"/>
    </row>
    <row r="762193" spans="14:14">
      <c r="N762193" s="10"/>
    </row>
    <row r="762194" spans="14:14">
      <c r="N762194" s="10"/>
    </row>
    <row r="762195" spans="14:14">
      <c r="N762195" s="10"/>
    </row>
    <row r="762196" spans="14:14">
      <c r="N762196" s="10"/>
    </row>
    <row r="762197" spans="14:14">
      <c r="N762197" s="10"/>
    </row>
    <row r="762198" spans="14:14">
      <c r="N762198" s="10"/>
    </row>
    <row r="762199" spans="14:14">
      <c r="N762199" s="10"/>
    </row>
    <row r="762200" spans="14:14">
      <c r="N762200" s="10"/>
    </row>
    <row r="762201" spans="14:14">
      <c r="N762201" s="10"/>
    </row>
    <row r="762202" spans="14:14">
      <c r="N762202" s="10"/>
    </row>
    <row r="762203" spans="14:14">
      <c r="N762203" s="10"/>
    </row>
    <row r="762204" spans="14:14">
      <c r="N762204" s="10"/>
    </row>
    <row r="762205" spans="14:14">
      <c r="N762205" s="10"/>
    </row>
    <row r="762206" spans="14:14">
      <c r="N762206" s="10"/>
    </row>
    <row r="762207" spans="14:14">
      <c r="N762207" s="10"/>
    </row>
    <row r="762208" spans="14:14">
      <c r="N762208" s="10"/>
    </row>
    <row r="762209" spans="14:14">
      <c r="N762209" s="10"/>
    </row>
    <row r="762210" spans="14:14">
      <c r="N762210" s="10"/>
    </row>
    <row r="762211" spans="14:14">
      <c r="N762211" s="10"/>
    </row>
    <row r="762212" spans="14:14">
      <c r="N762212" s="10"/>
    </row>
    <row r="762213" spans="14:14">
      <c r="N762213" s="10"/>
    </row>
    <row r="762214" spans="14:14">
      <c r="N762214" s="10"/>
    </row>
    <row r="762215" spans="14:14">
      <c r="N762215" s="10"/>
    </row>
    <row r="762216" spans="14:14">
      <c r="N762216" s="10"/>
    </row>
    <row r="762217" spans="14:14">
      <c r="N762217" s="10"/>
    </row>
    <row r="762218" spans="14:14">
      <c r="N762218" s="10"/>
    </row>
    <row r="762219" spans="14:14">
      <c r="N762219" s="10"/>
    </row>
    <row r="762220" spans="14:14">
      <c r="N762220" s="10"/>
    </row>
    <row r="762221" spans="14:14">
      <c r="N762221" s="10"/>
    </row>
    <row r="762222" spans="14:14">
      <c r="N762222" s="10"/>
    </row>
    <row r="762223" spans="14:14">
      <c r="N762223" s="10"/>
    </row>
    <row r="762224" spans="14:14">
      <c r="N762224" s="10"/>
    </row>
    <row r="762225" spans="14:14">
      <c r="N762225" s="10"/>
    </row>
    <row r="762226" spans="14:14">
      <c r="N762226" s="10"/>
    </row>
    <row r="762227" spans="14:14">
      <c r="N762227" s="10"/>
    </row>
    <row r="762228" spans="14:14">
      <c r="N762228" s="10"/>
    </row>
    <row r="762229" spans="14:14">
      <c r="N762229" s="10"/>
    </row>
    <row r="762230" spans="14:14">
      <c r="N762230" s="10"/>
    </row>
    <row r="762231" spans="14:14">
      <c r="N762231" s="10"/>
    </row>
    <row r="762232" spans="14:14">
      <c r="N762232" s="10"/>
    </row>
    <row r="762233" spans="14:14">
      <c r="N762233" s="10"/>
    </row>
    <row r="762234" spans="14:14">
      <c r="N762234" s="10"/>
    </row>
    <row r="762235" spans="14:14">
      <c r="N762235" s="10"/>
    </row>
    <row r="762236" spans="14:14">
      <c r="N762236" s="10"/>
    </row>
    <row r="762237" spans="14:14">
      <c r="N762237" s="10"/>
    </row>
    <row r="762238" spans="14:14">
      <c r="N762238" s="10"/>
    </row>
    <row r="762239" spans="14:14">
      <c r="N762239" s="10"/>
    </row>
    <row r="762240" spans="14:14">
      <c r="N762240" s="10"/>
    </row>
    <row r="762241" spans="14:14">
      <c r="N762241" s="10"/>
    </row>
    <row r="762242" spans="14:14">
      <c r="N762242" s="10"/>
    </row>
    <row r="762243" spans="14:14">
      <c r="N762243" s="10"/>
    </row>
    <row r="762244" spans="14:14">
      <c r="N762244" s="10"/>
    </row>
    <row r="762245" spans="14:14">
      <c r="N762245" s="10"/>
    </row>
    <row r="762246" spans="14:14">
      <c r="N762246" s="10"/>
    </row>
    <row r="762247" spans="14:14">
      <c r="N762247" s="10"/>
    </row>
    <row r="762248" spans="14:14">
      <c r="N762248" s="10"/>
    </row>
    <row r="762249" spans="14:14">
      <c r="N762249" s="10"/>
    </row>
    <row r="762250" spans="14:14">
      <c r="N762250" s="10"/>
    </row>
    <row r="762251" spans="14:14">
      <c r="N762251" s="10"/>
    </row>
    <row r="762252" spans="14:14">
      <c r="N762252" s="10"/>
    </row>
    <row r="762253" spans="14:14">
      <c r="N762253" s="10"/>
    </row>
    <row r="762254" spans="14:14">
      <c r="N762254" s="10"/>
    </row>
    <row r="762255" spans="14:14">
      <c r="N762255" s="10"/>
    </row>
    <row r="762256" spans="14:14">
      <c r="N762256" s="10"/>
    </row>
    <row r="762257" spans="14:14">
      <c r="N762257" s="10"/>
    </row>
    <row r="762258" spans="14:14">
      <c r="N762258" s="10"/>
    </row>
    <row r="762259" spans="14:14">
      <c r="N762259" s="10"/>
    </row>
    <row r="762260" spans="14:14">
      <c r="N762260" s="10"/>
    </row>
    <row r="762261" spans="14:14">
      <c r="N762261" s="10"/>
    </row>
    <row r="762262" spans="14:14">
      <c r="N762262" s="10"/>
    </row>
    <row r="762263" spans="14:14">
      <c r="N762263" s="10"/>
    </row>
    <row r="762264" spans="14:14">
      <c r="N762264" s="10"/>
    </row>
    <row r="762265" spans="14:14">
      <c r="N762265" s="10"/>
    </row>
    <row r="762266" spans="14:14">
      <c r="N762266" s="10"/>
    </row>
    <row r="762267" spans="14:14">
      <c r="N762267" s="10"/>
    </row>
    <row r="762268" spans="14:14">
      <c r="N762268" s="10"/>
    </row>
    <row r="762269" spans="14:14">
      <c r="N762269" s="10"/>
    </row>
    <row r="762270" spans="14:14">
      <c r="N762270" s="10"/>
    </row>
    <row r="762271" spans="14:14">
      <c r="N762271" s="10"/>
    </row>
    <row r="762272" spans="14:14">
      <c r="N762272" s="10"/>
    </row>
    <row r="762273" spans="14:14">
      <c r="N762273" s="10"/>
    </row>
    <row r="762274" spans="14:14">
      <c r="N762274" s="10"/>
    </row>
    <row r="762275" spans="14:14">
      <c r="N762275" s="10"/>
    </row>
    <row r="762276" spans="14:14">
      <c r="N762276" s="10"/>
    </row>
    <row r="762277" spans="14:14">
      <c r="N762277" s="10"/>
    </row>
    <row r="762278" spans="14:14">
      <c r="N762278" s="10"/>
    </row>
    <row r="762279" spans="14:14">
      <c r="N762279" s="10"/>
    </row>
    <row r="762280" spans="14:14">
      <c r="N762280" s="10"/>
    </row>
    <row r="762281" spans="14:14">
      <c r="N762281" s="10"/>
    </row>
    <row r="762282" spans="14:14">
      <c r="N762282" s="10"/>
    </row>
    <row r="762283" spans="14:14">
      <c r="N762283" s="10"/>
    </row>
    <row r="762284" spans="14:14">
      <c r="N762284" s="10"/>
    </row>
    <row r="762285" spans="14:14">
      <c r="N762285" s="10"/>
    </row>
    <row r="762286" spans="14:14">
      <c r="N762286" s="10"/>
    </row>
    <row r="762287" spans="14:14">
      <c r="N762287" s="10"/>
    </row>
    <row r="762288" spans="14:14">
      <c r="N762288" s="10"/>
    </row>
    <row r="762289" spans="14:14">
      <c r="N762289" s="10"/>
    </row>
    <row r="762290" spans="14:14">
      <c r="N762290" s="10"/>
    </row>
    <row r="762291" spans="14:14">
      <c r="N762291" s="10"/>
    </row>
    <row r="762292" spans="14:14">
      <c r="N762292" s="10"/>
    </row>
    <row r="762293" spans="14:14">
      <c r="N762293" s="10"/>
    </row>
    <row r="762294" spans="14:14">
      <c r="N762294" s="10"/>
    </row>
    <row r="762295" spans="14:14">
      <c r="N762295" s="10"/>
    </row>
    <row r="762296" spans="14:14">
      <c r="N762296" s="10"/>
    </row>
    <row r="762297" spans="14:14">
      <c r="N762297" s="10"/>
    </row>
    <row r="762298" spans="14:14">
      <c r="N762298" s="10"/>
    </row>
    <row r="762299" spans="14:14">
      <c r="N762299" s="10"/>
    </row>
    <row r="762300" spans="14:14">
      <c r="N762300" s="10"/>
    </row>
    <row r="762301" spans="14:14">
      <c r="N762301" s="10"/>
    </row>
    <row r="762302" spans="14:14">
      <c r="N762302" s="10"/>
    </row>
    <row r="762303" spans="14:14">
      <c r="N762303" s="10"/>
    </row>
    <row r="762304" spans="14:14">
      <c r="N762304" s="10"/>
    </row>
    <row r="762305" spans="14:14">
      <c r="N762305" s="10"/>
    </row>
    <row r="762306" spans="14:14">
      <c r="N762306" s="10"/>
    </row>
    <row r="762307" spans="14:14">
      <c r="N762307" s="10"/>
    </row>
    <row r="762308" spans="14:14">
      <c r="N762308" s="10"/>
    </row>
    <row r="762309" spans="14:14">
      <c r="N762309" s="10"/>
    </row>
    <row r="762310" spans="14:14">
      <c r="N762310" s="10"/>
    </row>
    <row r="762311" spans="14:14">
      <c r="N762311" s="10"/>
    </row>
    <row r="762312" spans="14:14">
      <c r="N762312" s="10"/>
    </row>
    <row r="762313" spans="14:14">
      <c r="N762313" s="10"/>
    </row>
    <row r="762314" spans="14:14">
      <c r="N762314" s="10"/>
    </row>
    <row r="762315" spans="14:14">
      <c r="N762315" s="10"/>
    </row>
    <row r="762316" spans="14:14">
      <c r="N762316" s="10"/>
    </row>
    <row r="762317" spans="14:14">
      <c r="N762317" s="10"/>
    </row>
    <row r="762318" spans="14:14">
      <c r="N762318" s="10"/>
    </row>
    <row r="762319" spans="14:14">
      <c r="N762319" s="10"/>
    </row>
    <row r="762320" spans="14:14">
      <c r="N762320" s="10"/>
    </row>
    <row r="762321" spans="14:14">
      <c r="N762321" s="10"/>
    </row>
    <row r="762322" spans="14:14">
      <c r="N762322" s="10"/>
    </row>
    <row r="762323" spans="14:14">
      <c r="N762323" s="10"/>
    </row>
    <row r="762324" spans="14:14">
      <c r="N762324" s="10"/>
    </row>
    <row r="762325" spans="14:14">
      <c r="N762325" s="10"/>
    </row>
    <row r="762326" spans="14:14">
      <c r="N762326" s="10"/>
    </row>
    <row r="762327" spans="14:14">
      <c r="N762327" s="10"/>
    </row>
    <row r="762328" spans="14:14">
      <c r="N762328" s="10"/>
    </row>
    <row r="762329" spans="14:14">
      <c r="N762329" s="10"/>
    </row>
    <row r="762330" spans="14:14">
      <c r="N762330" s="10"/>
    </row>
    <row r="762331" spans="14:14">
      <c r="N762331" s="10"/>
    </row>
    <row r="762332" spans="14:14">
      <c r="N762332" s="10"/>
    </row>
    <row r="762333" spans="14:14">
      <c r="N762333" s="10"/>
    </row>
    <row r="762334" spans="14:14">
      <c r="N762334" s="10"/>
    </row>
    <row r="762335" spans="14:14">
      <c r="N762335" s="10"/>
    </row>
    <row r="762336" spans="14:14">
      <c r="N762336" s="10"/>
    </row>
    <row r="762337" spans="14:14">
      <c r="N762337" s="10"/>
    </row>
    <row r="762338" spans="14:14">
      <c r="N762338" s="10"/>
    </row>
    <row r="762339" spans="14:14">
      <c r="N762339" s="10"/>
    </row>
    <row r="762340" spans="14:14">
      <c r="N762340" s="10"/>
    </row>
    <row r="762341" spans="14:14">
      <c r="N762341" s="10"/>
    </row>
    <row r="762342" spans="14:14">
      <c r="N762342" s="10"/>
    </row>
    <row r="762343" spans="14:14">
      <c r="N762343" s="10"/>
    </row>
    <row r="762344" spans="14:14">
      <c r="N762344" s="10"/>
    </row>
    <row r="762345" spans="14:14">
      <c r="N762345" s="10"/>
    </row>
    <row r="762346" spans="14:14">
      <c r="N762346" s="10"/>
    </row>
    <row r="762347" spans="14:14">
      <c r="N762347" s="10"/>
    </row>
    <row r="762348" spans="14:14">
      <c r="N762348" s="10"/>
    </row>
    <row r="762349" spans="14:14">
      <c r="N762349" s="10"/>
    </row>
    <row r="762350" spans="14:14">
      <c r="N762350" s="10"/>
    </row>
    <row r="762351" spans="14:14">
      <c r="N762351" s="10"/>
    </row>
    <row r="762352" spans="14:14">
      <c r="N762352" s="10"/>
    </row>
    <row r="762353" spans="14:14">
      <c r="N762353" s="10"/>
    </row>
    <row r="762354" spans="14:14">
      <c r="N762354" s="10"/>
    </row>
    <row r="762355" spans="14:14">
      <c r="N762355" s="10"/>
    </row>
    <row r="762356" spans="14:14">
      <c r="N762356" s="10"/>
    </row>
    <row r="762357" spans="14:14">
      <c r="N762357" s="10"/>
    </row>
    <row r="762358" spans="14:14">
      <c r="N762358" s="10"/>
    </row>
    <row r="762359" spans="14:14">
      <c r="N762359" s="10"/>
    </row>
    <row r="762360" spans="14:14">
      <c r="N762360" s="10"/>
    </row>
    <row r="762361" spans="14:14">
      <c r="N762361" s="10"/>
    </row>
    <row r="762362" spans="14:14">
      <c r="N762362" s="10"/>
    </row>
    <row r="762363" spans="14:14">
      <c r="N762363" s="10"/>
    </row>
    <row r="762364" spans="14:14">
      <c r="N762364" s="10"/>
    </row>
    <row r="762365" spans="14:14">
      <c r="N762365" s="10"/>
    </row>
    <row r="762366" spans="14:14">
      <c r="N762366" s="10"/>
    </row>
    <row r="762367" spans="14:14">
      <c r="N762367" s="10"/>
    </row>
    <row r="762368" spans="14:14">
      <c r="N762368" s="10"/>
    </row>
    <row r="762369" spans="14:14">
      <c r="N762369" s="10"/>
    </row>
    <row r="762370" spans="14:14">
      <c r="N762370" s="10"/>
    </row>
    <row r="762371" spans="14:14">
      <c r="N762371" s="10"/>
    </row>
    <row r="762372" spans="14:14">
      <c r="N762372" s="10"/>
    </row>
    <row r="762373" spans="14:14">
      <c r="N762373" s="10"/>
    </row>
    <row r="762374" spans="14:14">
      <c r="N762374" s="10"/>
    </row>
    <row r="762375" spans="14:14">
      <c r="N762375" s="10"/>
    </row>
    <row r="762376" spans="14:14">
      <c r="N762376" s="10"/>
    </row>
    <row r="762377" spans="14:14">
      <c r="N762377" s="10"/>
    </row>
    <row r="762378" spans="14:14">
      <c r="N762378" s="10"/>
    </row>
    <row r="762379" spans="14:14">
      <c r="N762379" s="10"/>
    </row>
    <row r="762380" spans="14:14">
      <c r="N762380" s="10"/>
    </row>
    <row r="762381" spans="14:14">
      <c r="N762381" s="10"/>
    </row>
    <row r="762382" spans="14:14">
      <c r="N762382" s="10"/>
    </row>
    <row r="762383" spans="14:14">
      <c r="N762383" s="10"/>
    </row>
    <row r="762384" spans="14:14">
      <c r="N762384" s="10"/>
    </row>
    <row r="762385" spans="14:14">
      <c r="N762385" s="10"/>
    </row>
    <row r="762386" spans="14:14">
      <c r="N762386" s="10"/>
    </row>
    <row r="762387" spans="14:14">
      <c r="N762387" s="10"/>
    </row>
    <row r="762388" spans="14:14">
      <c r="N762388" s="10"/>
    </row>
    <row r="762389" spans="14:14">
      <c r="N762389" s="10"/>
    </row>
    <row r="762390" spans="14:14">
      <c r="N762390" s="10"/>
    </row>
    <row r="762391" spans="14:14">
      <c r="N762391" s="10"/>
    </row>
    <row r="762392" spans="14:14">
      <c r="N762392" s="10"/>
    </row>
    <row r="762393" spans="14:14">
      <c r="N762393" s="10"/>
    </row>
    <row r="762394" spans="14:14">
      <c r="N762394" s="10"/>
    </row>
    <row r="762395" spans="14:14">
      <c r="N762395" s="10"/>
    </row>
    <row r="762396" spans="14:14">
      <c r="N762396" s="10"/>
    </row>
    <row r="762397" spans="14:14">
      <c r="N762397" s="10"/>
    </row>
    <row r="762398" spans="14:14">
      <c r="N762398" s="10"/>
    </row>
    <row r="762399" spans="14:14">
      <c r="N762399" s="10"/>
    </row>
    <row r="762400" spans="14:14">
      <c r="N762400" s="10"/>
    </row>
    <row r="762401" spans="14:14">
      <c r="N762401" s="10"/>
    </row>
    <row r="762402" spans="14:14">
      <c r="N762402" s="10"/>
    </row>
    <row r="762403" spans="14:14">
      <c r="N762403" s="10"/>
    </row>
    <row r="762404" spans="14:14">
      <c r="N762404" s="10"/>
    </row>
    <row r="762405" spans="14:14">
      <c r="N762405" s="10"/>
    </row>
    <row r="762406" spans="14:14">
      <c r="N762406" s="10"/>
    </row>
    <row r="762407" spans="14:14">
      <c r="N762407" s="10"/>
    </row>
    <row r="762408" spans="14:14">
      <c r="N762408" s="10"/>
    </row>
    <row r="762409" spans="14:14">
      <c r="N762409" s="10"/>
    </row>
    <row r="762410" spans="14:14">
      <c r="N762410" s="10"/>
    </row>
    <row r="762411" spans="14:14">
      <c r="N762411" s="10"/>
    </row>
    <row r="762412" spans="14:14">
      <c r="N762412" s="10"/>
    </row>
    <row r="762413" spans="14:14">
      <c r="N762413" s="10"/>
    </row>
    <row r="762414" spans="14:14">
      <c r="N762414" s="10"/>
    </row>
    <row r="762415" spans="14:14">
      <c r="N762415" s="10"/>
    </row>
    <row r="762416" spans="14:14">
      <c r="N762416" s="10"/>
    </row>
    <row r="762417" spans="14:14">
      <c r="N762417" s="10"/>
    </row>
    <row r="762418" spans="14:14">
      <c r="N762418" s="10"/>
    </row>
    <row r="762419" spans="14:14">
      <c r="N762419" s="10"/>
    </row>
    <row r="762420" spans="14:14">
      <c r="N762420" s="10"/>
    </row>
    <row r="762421" spans="14:14">
      <c r="N762421" s="10"/>
    </row>
    <row r="762422" spans="14:14">
      <c r="N762422" s="10"/>
    </row>
    <row r="762423" spans="14:14">
      <c r="N762423" s="10"/>
    </row>
    <row r="762424" spans="14:14">
      <c r="N762424" s="10"/>
    </row>
    <row r="762425" spans="14:14">
      <c r="N762425" s="10"/>
    </row>
    <row r="762426" spans="14:14">
      <c r="N762426" s="10"/>
    </row>
    <row r="762427" spans="14:14">
      <c r="N762427" s="10"/>
    </row>
    <row r="762428" spans="14:14">
      <c r="N762428" s="10"/>
    </row>
    <row r="762429" spans="14:14">
      <c r="N762429" s="10"/>
    </row>
    <row r="762430" spans="14:14">
      <c r="N762430" s="10"/>
    </row>
    <row r="762431" spans="14:14">
      <c r="N762431" s="10"/>
    </row>
    <row r="762432" spans="14:14">
      <c r="N762432" s="10"/>
    </row>
    <row r="762433" spans="14:14">
      <c r="N762433" s="10"/>
    </row>
    <row r="762434" spans="14:14">
      <c r="N762434" s="10"/>
    </row>
    <row r="762435" spans="14:14">
      <c r="N762435" s="10"/>
    </row>
    <row r="762436" spans="14:14">
      <c r="N762436" s="10"/>
    </row>
    <row r="762437" spans="14:14">
      <c r="N762437" s="10"/>
    </row>
    <row r="762438" spans="14:14">
      <c r="N762438" s="10"/>
    </row>
    <row r="762439" spans="14:14">
      <c r="N762439" s="10"/>
    </row>
    <row r="762440" spans="14:14">
      <c r="N762440" s="10"/>
    </row>
    <row r="762441" spans="14:14">
      <c r="N762441" s="10"/>
    </row>
    <row r="762442" spans="14:14">
      <c r="N762442" s="10"/>
    </row>
    <row r="762443" spans="14:14">
      <c r="N762443" s="10"/>
    </row>
    <row r="762444" spans="14:14">
      <c r="N762444" s="10"/>
    </row>
    <row r="762445" spans="14:14">
      <c r="N762445" s="10"/>
    </row>
    <row r="762446" spans="14:14">
      <c r="N762446" s="10"/>
    </row>
    <row r="762447" spans="14:14">
      <c r="N762447" s="10"/>
    </row>
    <row r="762448" spans="14:14">
      <c r="N762448" s="10"/>
    </row>
    <row r="762449" spans="14:14">
      <c r="N762449" s="10"/>
    </row>
    <row r="762450" spans="14:14">
      <c r="N762450" s="10"/>
    </row>
    <row r="762451" spans="14:14">
      <c r="N762451" s="10"/>
    </row>
    <row r="762452" spans="14:14">
      <c r="N762452" s="10"/>
    </row>
    <row r="762453" spans="14:14">
      <c r="N762453" s="10"/>
    </row>
    <row r="762454" spans="14:14">
      <c r="N762454" s="10"/>
    </row>
    <row r="762455" spans="14:14">
      <c r="N762455" s="10"/>
    </row>
    <row r="762456" spans="14:14">
      <c r="N762456" s="10"/>
    </row>
    <row r="762457" spans="14:14">
      <c r="N762457" s="10"/>
    </row>
    <row r="762458" spans="14:14">
      <c r="N762458" s="10"/>
    </row>
    <row r="762459" spans="14:14">
      <c r="N762459" s="10"/>
    </row>
    <row r="762460" spans="14:14">
      <c r="N762460" s="10"/>
    </row>
    <row r="762461" spans="14:14">
      <c r="N762461" s="10"/>
    </row>
    <row r="762462" spans="14:14">
      <c r="N762462" s="10"/>
    </row>
    <row r="762463" spans="14:14">
      <c r="N762463" s="10"/>
    </row>
    <row r="762464" spans="14:14">
      <c r="N762464" s="10"/>
    </row>
    <row r="762465" spans="14:14">
      <c r="N762465" s="10"/>
    </row>
    <row r="762466" spans="14:14">
      <c r="N762466" s="10"/>
    </row>
    <row r="762467" spans="14:14">
      <c r="N762467" s="10"/>
    </row>
    <row r="762468" spans="14:14">
      <c r="N762468" s="10"/>
    </row>
    <row r="762469" spans="14:14">
      <c r="N762469" s="10"/>
    </row>
    <row r="762470" spans="14:14">
      <c r="N762470" s="10"/>
    </row>
    <row r="762471" spans="14:14">
      <c r="N762471" s="10"/>
    </row>
    <row r="762472" spans="14:14">
      <c r="N762472" s="10"/>
    </row>
    <row r="762473" spans="14:14">
      <c r="N762473" s="10"/>
    </row>
    <row r="762474" spans="14:14">
      <c r="N762474" s="10"/>
    </row>
    <row r="762475" spans="14:14">
      <c r="N762475" s="10"/>
    </row>
    <row r="762476" spans="14:14">
      <c r="N762476" s="10"/>
    </row>
    <row r="762477" spans="14:14">
      <c r="N762477" s="10"/>
    </row>
    <row r="762478" spans="14:14">
      <c r="N762478" s="10"/>
    </row>
    <row r="762479" spans="14:14">
      <c r="N762479" s="10"/>
    </row>
    <row r="762480" spans="14:14">
      <c r="N762480" s="10"/>
    </row>
    <row r="762481" spans="14:14">
      <c r="N762481" s="10"/>
    </row>
    <row r="762482" spans="14:14">
      <c r="N762482" s="10"/>
    </row>
    <row r="762483" spans="14:14">
      <c r="N762483" s="10"/>
    </row>
    <row r="762484" spans="14:14">
      <c r="N762484" s="10"/>
    </row>
    <row r="762485" spans="14:14">
      <c r="N762485" s="10"/>
    </row>
    <row r="762486" spans="14:14">
      <c r="N762486" s="10"/>
    </row>
    <row r="762487" spans="14:14">
      <c r="N762487" s="10"/>
    </row>
    <row r="762488" spans="14:14">
      <c r="N762488" s="10"/>
    </row>
    <row r="762489" spans="14:14">
      <c r="N762489" s="10"/>
    </row>
    <row r="762490" spans="14:14">
      <c r="N762490" s="10"/>
    </row>
    <row r="762491" spans="14:14">
      <c r="N762491" s="10"/>
    </row>
    <row r="762492" spans="14:14">
      <c r="N762492" s="10"/>
    </row>
    <row r="762493" spans="14:14">
      <c r="N762493" s="10"/>
    </row>
    <row r="762494" spans="14:14">
      <c r="N762494" s="10"/>
    </row>
    <row r="762495" spans="14:14">
      <c r="N762495" s="10"/>
    </row>
    <row r="762496" spans="14:14">
      <c r="N762496" s="10"/>
    </row>
    <row r="762497" spans="14:14">
      <c r="N762497" s="10"/>
    </row>
    <row r="762498" spans="14:14">
      <c r="N762498" s="10"/>
    </row>
    <row r="762499" spans="14:14">
      <c r="N762499" s="10"/>
    </row>
    <row r="762500" spans="14:14">
      <c r="N762500" s="10"/>
    </row>
    <row r="762501" spans="14:14">
      <c r="N762501" s="10"/>
    </row>
    <row r="762502" spans="14:14">
      <c r="N762502" s="10"/>
    </row>
    <row r="762503" spans="14:14">
      <c r="N762503" s="10"/>
    </row>
    <row r="762504" spans="14:14">
      <c r="N762504" s="10"/>
    </row>
    <row r="762505" spans="14:14">
      <c r="N762505" s="10"/>
    </row>
    <row r="762506" spans="14:14">
      <c r="N762506" s="10"/>
    </row>
    <row r="762507" spans="14:14">
      <c r="N762507" s="10"/>
    </row>
    <row r="762508" spans="14:14">
      <c r="N762508" s="10"/>
    </row>
    <row r="762509" spans="14:14">
      <c r="N762509" s="10"/>
    </row>
    <row r="762510" spans="14:14">
      <c r="N762510" s="10"/>
    </row>
    <row r="762511" spans="14:14">
      <c r="N762511" s="10"/>
    </row>
    <row r="762512" spans="14:14">
      <c r="N762512" s="10"/>
    </row>
    <row r="762513" spans="14:14">
      <c r="N762513" s="10"/>
    </row>
    <row r="762514" spans="14:14">
      <c r="N762514" s="10"/>
    </row>
    <row r="762515" spans="14:14">
      <c r="N762515" s="10"/>
    </row>
    <row r="762516" spans="14:14">
      <c r="N762516" s="10"/>
    </row>
    <row r="762517" spans="14:14">
      <c r="N762517" s="10"/>
    </row>
    <row r="762518" spans="14:14">
      <c r="N762518" s="10"/>
    </row>
    <row r="762519" spans="14:14">
      <c r="N762519" s="10"/>
    </row>
    <row r="762520" spans="14:14">
      <c r="N762520" s="10"/>
    </row>
    <row r="762521" spans="14:14">
      <c r="N762521" s="10"/>
    </row>
    <row r="762522" spans="14:14">
      <c r="N762522" s="10"/>
    </row>
    <row r="762523" spans="14:14">
      <c r="N762523" s="10"/>
    </row>
    <row r="762524" spans="14:14">
      <c r="N762524" s="10"/>
    </row>
    <row r="762525" spans="14:14">
      <c r="N762525" s="10"/>
    </row>
    <row r="762526" spans="14:14">
      <c r="N762526" s="10"/>
    </row>
    <row r="762527" spans="14:14">
      <c r="N762527" s="10"/>
    </row>
    <row r="762528" spans="14:14">
      <c r="N762528" s="10"/>
    </row>
    <row r="762529" spans="14:14">
      <c r="N762529" s="10"/>
    </row>
    <row r="762530" spans="14:14">
      <c r="N762530" s="10"/>
    </row>
    <row r="762531" spans="14:14">
      <c r="N762531" s="10"/>
    </row>
    <row r="762532" spans="14:14">
      <c r="N762532" s="10"/>
    </row>
    <row r="762533" spans="14:14">
      <c r="N762533" s="10"/>
    </row>
    <row r="762534" spans="14:14">
      <c r="N762534" s="10"/>
    </row>
    <row r="762535" spans="14:14">
      <c r="N762535" s="10"/>
    </row>
    <row r="762536" spans="14:14">
      <c r="N762536" s="10"/>
    </row>
    <row r="762537" spans="14:14">
      <c r="N762537" s="10"/>
    </row>
    <row r="762538" spans="14:14">
      <c r="N762538" s="10"/>
    </row>
    <row r="762539" spans="14:14">
      <c r="N762539" s="10"/>
    </row>
    <row r="762540" spans="14:14">
      <c r="N762540" s="10"/>
    </row>
    <row r="762541" spans="14:14">
      <c r="N762541" s="10"/>
    </row>
    <row r="762542" spans="14:14">
      <c r="N762542" s="10"/>
    </row>
    <row r="762543" spans="14:14">
      <c r="N762543" s="10"/>
    </row>
    <row r="762544" spans="14:14">
      <c r="N762544" s="10"/>
    </row>
    <row r="762545" spans="14:14">
      <c r="N762545" s="10"/>
    </row>
    <row r="762546" spans="14:14">
      <c r="N762546" s="10"/>
    </row>
    <row r="762547" spans="14:14">
      <c r="N762547" s="10"/>
    </row>
    <row r="762548" spans="14:14">
      <c r="N762548" s="10"/>
    </row>
    <row r="762549" spans="14:14">
      <c r="N762549" s="10"/>
    </row>
    <row r="762550" spans="14:14">
      <c r="N762550" s="10"/>
    </row>
    <row r="762551" spans="14:14">
      <c r="N762551" s="10"/>
    </row>
    <row r="762552" spans="14:14">
      <c r="N762552" s="10"/>
    </row>
    <row r="762553" spans="14:14">
      <c r="N762553" s="10"/>
    </row>
    <row r="762554" spans="14:14">
      <c r="N762554" s="10"/>
    </row>
    <row r="762555" spans="14:14">
      <c r="N762555" s="10"/>
    </row>
    <row r="762556" spans="14:14">
      <c r="N762556" s="10"/>
    </row>
    <row r="762557" spans="14:14">
      <c r="N762557" s="10"/>
    </row>
    <row r="762558" spans="14:14">
      <c r="N762558" s="10"/>
    </row>
    <row r="762559" spans="14:14">
      <c r="N762559" s="10"/>
    </row>
    <row r="762560" spans="14:14">
      <c r="N762560" s="10"/>
    </row>
    <row r="762561" spans="14:14">
      <c r="N762561" s="10"/>
    </row>
    <row r="762562" spans="14:14">
      <c r="N762562" s="10"/>
    </row>
    <row r="762563" spans="14:14">
      <c r="N762563" s="10"/>
    </row>
    <row r="762564" spans="14:14">
      <c r="N762564" s="10"/>
    </row>
    <row r="762565" spans="14:14">
      <c r="N762565" s="10"/>
    </row>
    <row r="762566" spans="14:14">
      <c r="N762566" s="10"/>
    </row>
    <row r="762567" spans="14:14">
      <c r="N762567" s="10"/>
    </row>
    <row r="762568" spans="14:14">
      <c r="N762568" s="10"/>
    </row>
    <row r="762569" spans="14:14">
      <c r="N762569" s="10"/>
    </row>
    <row r="762570" spans="14:14">
      <c r="N762570" s="10"/>
    </row>
    <row r="762571" spans="14:14">
      <c r="N762571" s="10"/>
    </row>
    <row r="762572" spans="14:14">
      <c r="N762572" s="10"/>
    </row>
    <row r="762573" spans="14:14">
      <c r="N762573" s="10"/>
    </row>
    <row r="762574" spans="14:14">
      <c r="N762574" s="10"/>
    </row>
    <row r="762575" spans="14:14">
      <c r="N762575" s="10"/>
    </row>
    <row r="762576" spans="14:14">
      <c r="N762576" s="10"/>
    </row>
    <row r="762577" spans="14:14">
      <c r="N762577" s="10"/>
    </row>
    <row r="762578" spans="14:14">
      <c r="N762578" s="10"/>
    </row>
    <row r="762579" spans="14:14">
      <c r="N762579" s="10"/>
    </row>
    <row r="762580" spans="14:14">
      <c r="N762580" s="10"/>
    </row>
    <row r="762581" spans="14:14">
      <c r="N762581" s="10"/>
    </row>
    <row r="762582" spans="14:14">
      <c r="N762582" s="10"/>
    </row>
    <row r="762583" spans="14:14">
      <c r="N762583" s="10"/>
    </row>
    <row r="762584" spans="14:14">
      <c r="N762584" s="10"/>
    </row>
    <row r="762585" spans="14:14">
      <c r="N762585" s="10"/>
    </row>
    <row r="762586" spans="14:14">
      <c r="N762586" s="10"/>
    </row>
    <row r="762587" spans="14:14">
      <c r="N762587" s="10"/>
    </row>
    <row r="762588" spans="14:14">
      <c r="N762588" s="10"/>
    </row>
    <row r="762589" spans="14:14">
      <c r="N762589" s="10"/>
    </row>
    <row r="762590" spans="14:14">
      <c r="N762590" s="10"/>
    </row>
    <row r="762591" spans="14:14">
      <c r="N762591" s="10"/>
    </row>
    <row r="762592" spans="14:14">
      <c r="N762592" s="10"/>
    </row>
    <row r="762593" spans="14:14">
      <c r="N762593" s="10"/>
    </row>
    <row r="762594" spans="14:14">
      <c r="N762594" s="10"/>
    </row>
    <row r="762595" spans="14:14">
      <c r="N762595" s="10"/>
    </row>
    <row r="762596" spans="14:14">
      <c r="N762596" s="10"/>
    </row>
    <row r="762597" spans="14:14">
      <c r="N762597" s="10"/>
    </row>
    <row r="762598" spans="14:14">
      <c r="N762598" s="10"/>
    </row>
    <row r="762599" spans="14:14">
      <c r="N762599" s="10"/>
    </row>
    <row r="762600" spans="14:14">
      <c r="N762600" s="10"/>
    </row>
    <row r="762601" spans="14:14">
      <c r="N762601" s="10"/>
    </row>
    <row r="762602" spans="14:14">
      <c r="N762602" s="10"/>
    </row>
    <row r="762603" spans="14:14">
      <c r="N762603" s="10"/>
    </row>
    <row r="762604" spans="14:14">
      <c r="N762604" s="10"/>
    </row>
    <row r="762605" spans="14:14">
      <c r="N762605" s="10"/>
    </row>
    <row r="762606" spans="14:14">
      <c r="N762606" s="10"/>
    </row>
    <row r="762607" spans="14:14">
      <c r="N762607" s="10"/>
    </row>
    <row r="762608" spans="14:14">
      <c r="N762608" s="10"/>
    </row>
    <row r="762609" spans="14:14">
      <c r="N762609" s="10"/>
    </row>
    <row r="762610" spans="14:14">
      <c r="N762610" s="10"/>
    </row>
    <row r="762611" spans="14:14">
      <c r="N762611" s="10"/>
    </row>
    <row r="762612" spans="14:14">
      <c r="N762612" s="10"/>
    </row>
    <row r="762613" spans="14:14">
      <c r="N762613" s="10"/>
    </row>
    <row r="762614" spans="14:14">
      <c r="N762614" s="10"/>
    </row>
    <row r="762615" spans="14:14">
      <c r="N762615" s="10"/>
    </row>
    <row r="762616" spans="14:14">
      <c r="N762616" s="10"/>
    </row>
    <row r="762617" spans="14:14">
      <c r="N762617" s="10"/>
    </row>
    <row r="762618" spans="14:14">
      <c r="N762618" s="10"/>
    </row>
    <row r="762619" spans="14:14">
      <c r="N762619" s="10"/>
    </row>
    <row r="762620" spans="14:14">
      <c r="N762620" s="10"/>
    </row>
    <row r="762621" spans="14:14">
      <c r="N762621" s="10"/>
    </row>
    <row r="762622" spans="14:14">
      <c r="N762622" s="10"/>
    </row>
    <row r="762623" spans="14:14">
      <c r="N762623" s="10"/>
    </row>
    <row r="762624" spans="14:14">
      <c r="N762624" s="10"/>
    </row>
    <row r="762625" spans="14:14">
      <c r="N762625" s="10"/>
    </row>
    <row r="762626" spans="14:14">
      <c r="N762626" s="10"/>
    </row>
    <row r="762627" spans="14:14">
      <c r="N762627" s="10"/>
    </row>
    <row r="762628" spans="14:14">
      <c r="N762628" s="10"/>
    </row>
    <row r="762629" spans="14:14">
      <c r="N762629" s="10"/>
    </row>
    <row r="762630" spans="14:14">
      <c r="N762630" s="10"/>
    </row>
    <row r="762631" spans="14:14">
      <c r="N762631" s="10"/>
    </row>
    <row r="762632" spans="14:14">
      <c r="N762632" s="10"/>
    </row>
    <row r="762633" spans="14:14">
      <c r="N762633" s="10"/>
    </row>
    <row r="762634" spans="14:14">
      <c r="N762634" s="10"/>
    </row>
    <row r="762635" spans="14:14">
      <c r="N762635" s="10"/>
    </row>
    <row r="762636" spans="14:14">
      <c r="N762636" s="10"/>
    </row>
    <row r="762637" spans="14:14">
      <c r="N762637" s="10"/>
    </row>
    <row r="762638" spans="14:14">
      <c r="N762638" s="10"/>
    </row>
    <row r="762639" spans="14:14">
      <c r="N762639" s="10"/>
    </row>
    <row r="762640" spans="14:14">
      <c r="N762640" s="10"/>
    </row>
    <row r="762641" spans="14:14">
      <c r="N762641" s="10"/>
    </row>
    <row r="762642" spans="14:14">
      <c r="N762642" s="10"/>
    </row>
    <row r="762643" spans="14:14">
      <c r="N762643" s="10"/>
    </row>
    <row r="762644" spans="14:14">
      <c r="N762644" s="10"/>
    </row>
    <row r="762645" spans="14:14">
      <c r="N762645" s="10"/>
    </row>
    <row r="762646" spans="14:14">
      <c r="N762646" s="10"/>
    </row>
    <row r="762647" spans="14:14">
      <c r="N762647" s="10"/>
    </row>
    <row r="762648" spans="14:14">
      <c r="N762648" s="10"/>
    </row>
    <row r="762649" spans="14:14">
      <c r="N762649" s="10"/>
    </row>
    <row r="762650" spans="14:14">
      <c r="N762650" s="10"/>
    </row>
    <row r="762651" spans="14:14">
      <c r="N762651" s="10"/>
    </row>
    <row r="762652" spans="14:14">
      <c r="N762652" s="10"/>
    </row>
    <row r="762653" spans="14:14">
      <c r="N762653" s="10"/>
    </row>
    <row r="762654" spans="14:14">
      <c r="N762654" s="10"/>
    </row>
    <row r="762655" spans="14:14">
      <c r="N762655" s="10"/>
    </row>
    <row r="762656" spans="14:14">
      <c r="N762656" s="10"/>
    </row>
    <row r="762657" spans="14:14">
      <c r="N762657" s="10"/>
    </row>
    <row r="762658" spans="14:14">
      <c r="N762658" s="10"/>
    </row>
    <row r="762659" spans="14:14">
      <c r="N762659" s="10"/>
    </row>
    <row r="762660" spans="14:14">
      <c r="N762660" s="10"/>
    </row>
    <row r="762661" spans="14:14">
      <c r="N762661" s="10"/>
    </row>
    <row r="762662" spans="14:14">
      <c r="N762662" s="10"/>
    </row>
    <row r="762663" spans="14:14">
      <c r="N762663" s="10"/>
    </row>
    <row r="762664" spans="14:14">
      <c r="N762664" s="10"/>
    </row>
    <row r="762665" spans="14:14">
      <c r="N762665" s="10"/>
    </row>
    <row r="762666" spans="14:14">
      <c r="N762666" s="10"/>
    </row>
    <row r="762667" spans="14:14">
      <c r="N762667" s="10"/>
    </row>
    <row r="762668" spans="14:14">
      <c r="N762668" s="10"/>
    </row>
    <row r="762669" spans="14:14">
      <c r="N762669" s="10"/>
    </row>
    <row r="762670" spans="14:14">
      <c r="N762670" s="10"/>
    </row>
    <row r="762671" spans="14:14">
      <c r="N762671" s="10"/>
    </row>
    <row r="762672" spans="14:14">
      <c r="N762672" s="10"/>
    </row>
    <row r="762673" spans="14:14">
      <c r="N762673" s="10"/>
    </row>
    <row r="762674" spans="14:14">
      <c r="N762674" s="10"/>
    </row>
    <row r="762675" spans="14:14">
      <c r="N762675" s="10"/>
    </row>
    <row r="762676" spans="14:14">
      <c r="N762676" s="10"/>
    </row>
    <row r="762677" spans="14:14">
      <c r="N762677" s="10"/>
    </row>
    <row r="762678" spans="14:14">
      <c r="N762678" s="10"/>
    </row>
    <row r="762679" spans="14:14">
      <c r="N762679" s="10"/>
    </row>
    <row r="762680" spans="14:14">
      <c r="N762680" s="10"/>
    </row>
    <row r="762681" spans="14:14">
      <c r="N762681" s="10"/>
    </row>
    <row r="762682" spans="14:14">
      <c r="N762682" s="10"/>
    </row>
    <row r="762683" spans="14:14">
      <c r="N762683" s="10"/>
    </row>
    <row r="762684" spans="14:14">
      <c r="N762684" s="10"/>
    </row>
    <row r="762685" spans="14:14">
      <c r="N762685" s="10"/>
    </row>
    <row r="762686" spans="14:14">
      <c r="N762686" s="10"/>
    </row>
    <row r="762687" spans="14:14">
      <c r="N762687" s="10"/>
    </row>
    <row r="762688" spans="14:14">
      <c r="N762688" s="10"/>
    </row>
    <row r="762689" spans="14:14">
      <c r="N762689" s="10"/>
    </row>
    <row r="762690" spans="14:14">
      <c r="N762690" s="10"/>
    </row>
    <row r="762691" spans="14:14">
      <c r="N762691" s="10"/>
    </row>
    <row r="762692" spans="14:14">
      <c r="N762692" s="10"/>
    </row>
    <row r="762693" spans="14:14">
      <c r="N762693" s="10"/>
    </row>
    <row r="762694" spans="14:14">
      <c r="N762694" s="10"/>
    </row>
    <row r="762695" spans="14:14">
      <c r="N762695" s="10"/>
    </row>
    <row r="762696" spans="14:14">
      <c r="N762696" s="10"/>
    </row>
    <row r="762697" spans="14:14">
      <c r="N762697" s="10"/>
    </row>
    <row r="762698" spans="14:14">
      <c r="N762698" s="10"/>
    </row>
    <row r="762699" spans="14:14">
      <c r="N762699" s="10"/>
    </row>
    <row r="762700" spans="14:14">
      <c r="N762700" s="10"/>
    </row>
    <row r="762701" spans="14:14">
      <c r="N762701" s="10"/>
    </row>
    <row r="762702" spans="14:14">
      <c r="N762702" s="10"/>
    </row>
    <row r="762703" spans="14:14">
      <c r="N762703" s="10"/>
    </row>
    <row r="762704" spans="14:14">
      <c r="N762704" s="10"/>
    </row>
    <row r="762705" spans="14:14">
      <c r="N762705" s="10"/>
    </row>
    <row r="762706" spans="14:14">
      <c r="N762706" s="10"/>
    </row>
    <row r="762707" spans="14:14">
      <c r="N762707" s="10"/>
    </row>
    <row r="762708" spans="14:14">
      <c r="N762708" s="10"/>
    </row>
    <row r="762709" spans="14:14">
      <c r="N762709" s="10"/>
    </row>
    <row r="762710" spans="14:14">
      <c r="N762710" s="10"/>
    </row>
    <row r="762711" spans="14:14">
      <c r="N762711" s="10"/>
    </row>
    <row r="762712" spans="14:14">
      <c r="N762712" s="10"/>
    </row>
    <row r="762713" spans="14:14">
      <c r="N762713" s="10"/>
    </row>
    <row r="762714" spans="14:14">
      <c r="N762714" s="10"/>
    </row>
    <row r="762715" spans="14:14">
      <c r="N762715" s="10"/>
    </row>
    <row r="762716" spans="14:14">
      <c r="N762716" s="10"/>
    </row>
    <row r="762717" spans="14:14">
      <c r="N762717" s="10"/>
    </row>
    <row r="762718" spans="14:14">
      <c r="N762718" s="10"/>
    </row>
    <row r="762719" spans="14:14">
      <c r="N762719" s="10"/>
    </row>
    <row r="762720" spans="14:14">
      <c r="N762720" s="10"/>
    </row>
    <row r="762721" spans="14:14">
      <c r="N762721" s="10"/>
    </row>
    <row r="762722" spans="14:14">
      <c r="N762722" s="10"/>
    </row>
    <row r="762723" spans="14:14">
      <c r="N762723" s="10"/>
    </row>
    <row r="762724" spans="14:14">
      <c r="N762724" s="10"/>
    </row>
    <row r="762725" spans="14:14">
      <c r="N762725" s="10"/>
    </row>
    <row r="762726" spans="14:14">
      <c r="N762726" s="10"/>
    </row>
    <row r="762727" spans="14:14">
      <c r="N762727" s="10"/>
    </row>
    <row r="762728" spans="14:14">
      <c r="N762728" s="10"/>
    </row>
    <row r="762729" spans="14:14">
      <c r="N762729" s="10"/>
    </row>
    <row r="762730" spans="14:14">
      <c r="N762730" s="10"/>
    </row>
    <row r="762731" spans="14:14">
      <c r="N762731" s="10"/>
    </row>
    <row r="762732" spans="14:14">
      <c r="N762732" s="10"/>
    </row>
    <row r="762733" spans="14:14">
      <c r="N762733" s="10"/>
    </row>
    <row r="762734" spans="14:14">
      <c r="N762734" s="10"/>
    </row>
    <row r="762735" spans="14:14">
      <c r="N762735" s="10"/>
    </row>
    <row r="762736" spans="14:14">
      <c r="N762736" s="10"/>
    </row>
    <row r="762737" spans="14:14">
      <c r="N762737" s="10"/>
    </row>
    <row r="762738" spans="14:14">
      <c r="N762738" s="10"/>
    </row>
    <row r="762739" spans="14:14">
      <c r="N762739" s="10"/>
    </row>
    <row r="762740" spans="14:14">
      <c r="N762740" s="10"/>
    </row>
    <row r="762741" spans="14:14">
      <c r="N762741" s="10"/>
    </row>
    <row r="762742" spans="14:14">
      <c r="N762742" s="10"/>
    </row>
    <row r="762743" spans="14:14">
      <c r="N762743" s="10"/>
    </row>
    <row r="762744" spans="14:14">
      <c r="N762744" s="10"/>
    </row>
    <row r="762745" spans="14:14">
      <c r="N762745" s="10"/>
    </row>
    <row r="762746" spans="14:14">
      <c r="N762746" s="10"/>
    </row>
    <row r="762747" spans="14:14">
      <c r="N762747" s="10"/>
    </row>
    <row r="762748" spans="14:14">
      <c r="N762748" s="10"/>
    </row>
    <row r="762749" spans="14:14">
      <c r="N762749" s="10"/>
    </row>
    <row r="762750" spans="14:14">
      <c r="N762750" s="10"/>
    </row>
    <row r="762751" spans="14:14">
      <c r="N762751" s="10"/>
    </row>
    <row r="762752" spans="14:14">
      <c r="N762752" s="10"/>
    </row>
    <row r="762753" spans="14:14">
      <c r="N762753" s="10"/>
    </row>
    <row r="762754" spans="14:14">
      <c r="N762754" s="10"/>
    </row>
    <row r="762755" spans="14:14">
      <c r="N762755" s="10"/>
    </row>
    <row r="762756" spans="14:14">
      <c r="N762756" s="10"/>
    </row>
    <row r="762757" spans="14:14">
      <c r="N762757" s="10"/>
    </row>
    <row r="762758" spans="14:14">
      <c r="N762758" s="10"/>
    </row>
    <row r="762759" spans="14:14">
      <c r="N762759" s="10"/>
    </row>
    <row r="762760" spans="14:14">
      <c r="N762760" s="10"/>
    </row>
    <row r="762761" spans="14:14">
      <c r="N762761" s="10"/>
    </row>
    <row r="762762" spans="14:14">
      <c r="N762762" s="10"/>
    </row>
    <row r="762763" spans="14:14">
      <c r="N762763" s="10"/>
    </row>
    <row r="762764" spans="14:14">
      <c r="N762764" s="10"/>
    </row>
    <row r="762765" spans="14:14">
      <c r="N762765" s="10"/>
    </row>
    <row r="762766" spans="14:14">
      <c r="N762766" s="10"/>
    </row>
    <row r="762767" spans="14:14">
      <c r="N762767" s="10"/>
    </row>
    <row r="762768" spans="14:14">
      <c r="N762768" s="10"/>
    </row>
    <row r="762769" spans="14:14">
      <c r="N762769" s="10"/>
    </row>
    <row r="762770" spans="14:14">
      <c r="N762770" s="10"/>
    </row>
    <row r="762771" spans="14:14">
      <c r="N762771" s="10"/>
    </row>
    <row r="762772" spans="14:14">
      <c r="N762772" s="10"/>
    </row>
    <row r="762773" spans="14:14">
      <c r="N762773" s="10"/>
    </row>
    <row r="762774" spans="14:14">
      <c r="N762774" s="10"/>
    </row>
    <row r="762775" spans="14:14">
      <c r="N762775" s="10"/>
    </row>
    <row r="762776" spans="14:14">
      <c r="N762776" s="10"/>
    </row>
    <row r="762777" spans="14:14">
      <c r="N762777" s="10"/>
    </row>
    <row r="762778" spans="14:14">
      <c r="N762778" s="10"/>
    </row>
    <row r="762779" spans="14:14">
      <c r="N762779" s="10"/>
    </row>
    <row r="762780" spans="14:14">
      <c r="N762780" s="10"/>
    </row>
    <row r="762781" spans="14:14">
      <c r="N762781" s="10"/>
    </row>
    <row r="762782" spans="14:14">
      <c r="N762782" s="10"/>
    </row>
    <row r="762783" spans="14:14">
      <c r="N762783" s="10"/>
    </row>
    <row r="762784" spans="14:14">
      <c r="N762784" s="10"/>
    </row>
    <row r="762785" spans="14:14">
      <c r="N762785" s="10"/>
    </row>
    <row r="762786" spans="14:14">
      <c r="N762786" s="10"/>
    </row>
    <row r="762787" spans="14:14">
      <c r="N762787" s="10"/>
    </row>
    <row r="762788" spans="14:14">
      <c r="N762788" s="10"/>
    </row>
    <row r="762789" spans="14:14">
      <c r="N762789" s="10"/>
    </row>
    <row r="762790" spans="14:14">
      <c r="N762790" s="10"/>
    </row>
    <row r="762791" spans="14:14">
      <c r="N762791" s="10"/>
    </row>
    <row r="762792" spans="14:14">
      <c r="N762792" s="10"/>
    </row>
    <row r="762793" spans="14:14">
      <c r="N762793" s="10"/>
    </row>
    <row r="762794" spans="14:14">
      <c r="N762794" s="10"/>
    </row>
    <row r="762795" spans="14:14">
      <c r="N762795" s="10"/>
    </row>
    <row r="762796" spans="14:14">
      <c r="N762796" s="10"/>
    </row>
    <row r="762797" spans="14:14">
      <c r="N762797" s="10"/>
    </row>
    <row r="762798" spans="14:14">
      <c r="N762798" s="10"/>
    </row>
    <row r="762799" spans="14:14">
      <c r="N762799" s="10"/>
    </row>
    <row r="762800" spans="14:14">
      <c r="N762800" s="10"/>
    </row>
    <row r="762801" spans="14:14">
      <c r="N762801" s="10"/>
    </row>
    <row r="762802" spans="14:14">
      <c r="N762802" s="10"/>
    </row>
    <row r="762803" spans="14:14">
      <c r="N762803" s="10"/>
    </row>
    <row r="762804" spans="14:14">
      <c r="N762804" s="10"/>
    </row>
    <row r="762805" spans="14:14">
      <c r="N762805" s="10"/>
    </row>
    <row r="762806" spans="14:14">
      <c r="N762806" s="10"/>
    </row>
    <row r="762807" spans="14:14">
      <c r="N762807" s="10"/>
    </row>
    <row r="762808" spans="14:14">
      <c r="N762808" s="10"/>
    </row>
    <row r="762809" spans="14:14">
      <c r="N762809" s="10"/>
    </row>
    <row r="762810" spans="14:14">
      <c r="N762810" s="10"/>
    </row>
    <row r="762811" spans="14:14">
      <c r="N762811" s="10"/>
    </row>
    <row r="762812" spans="14:14">
      <c r="N762812" s="10"/>
    </row>
    <row r="762813" spans="14:14">
      <c r="N762813" s="10"/>
    </row>
    <row r="762814" spans="14:14">
      <c r="N762814" s="10"/>
    </row>
    <row r="762815" spans="14:14">
      <c r="N762815" s="10"/>
    </row>
    <row r="762816" spans="14:14">
      <c r="N762816" s="10"/>
    </row>
    <row r="762817" spans="14:14">
      <c r="N762817" s="10"/>
    </row>
    <row r="762818" spans="14:14">
      <c r="N762818" s="10"/>
    </row>
    <row r="762819" spans="14:14">
      <c r="N762819" s="10"/>
    </row>
    <row r="762820" spans="14:14">
      <c r="N762820" s="10"/>
    </row>
    <row r="762821" spans="14:14">
      <c r="N762821" s="10"/>
    </row>
    <row r="762822" spans="14:14">
      <c r="N762822" s="10"/>
    </row>
    <row r="762823" spans="14:14">
      <c r="N762823" s="10"/>
    </row>
    <row r="762824" spans="14:14">
      <c r="N762824" s="10"/>
    </row>
    <row r="762825" spans="14:14">
      <c r="N762825" s="10"/>
    </row>
    <row r="762826" spans="14:14">
      <c r="N762826" s="10"/>
    </row>
    <row r="762827" spans="14:14">
      <c r="N762827" s="10"/>
    </row>
    <row r="762828" spans="14:14">
      <c r="N762828" s="10"/>
    </row>
    <row r="762829" spans="14:14">
      <c r="N762829" s="10"/>
    </row>
    <row r="762830" spans="14:14">
      <c r="N762830" s="10"/>
    </row>
    <row r="762831" spans="14:14">
      <c r="N762831" s="10"/>
    </row>
    <row r="762832" spans="14:14">
      <c r="N762832" s="10"/>
    </row>
    <row r="762833" spans="14:14">
      <c r="N762833" s="10"/>
    </row>
    <row r="762834" spans="14:14">
      <c r="N762834" s="10"/>
    </row>
    <row r="762835" spans="14:14">
      <c r="N762835" s="10"/>
    </row>
    <row r="762836" spans="14:14">
      <c r="N762836" s="10"/>
    </row>
    <row r="762837" spans="14:14">
      <c r="N762837" s="10"/>
    </row>
    <row r="762838" spans="14:14">
      <c r="N762838" s="10"/>
    </row>
    <row r="762839" spans="14:14">
      <c r="N762839" s="10"/>
    </row>
    <row r="762840" spans="14:14">
      <c r="N762840" s="10"/>
    </row>
    <row r="762841" spans="14:14">
      <c r="N762841" s="10"/>
    </row>
    <row r="762842" spans="14:14">
      <c r="N762842" s="10"/>
    </row>
    <row r="762843" spans="14:14">
      <c r="N762843" s="10"/>
    </row>
    <row r="762844" spans="14:14">
      <c r="N762844" s="10"/>
    </row>
    <row r="762845" spans="14:14">
      <c r="N762845" s="10"/>
    </row>
    <row r="762846" spans="14:14">
      <c r="N762846" s="10"/>
    </row>
    <row r="762847" spans="14:14">
      <c r="N762847" s="10"/>
    </row>
    <row r="762848" spans="14:14">
      <c r="N762848" s="10"/>
    </row>
    <row r="762849" spans="14:14">
      <c r="N762849" s="10"/>
    </row>
    <row r="762850" spans="14:14">
      <c r="N762850" s="10"/>
    </row>
    <row r="762851" spans="14:14">
      <c r="N762851" s="10"/>
    </row>
    <row r="762852" spans="14:14">
      <c r="N762852" s="10"/>
    </row>
    <row r="762853" spans="14:14">
      <c r="N762853" s="10"/>
    </row>
    <row r="762854" spans="14:14">
      <c r="N762854" s="10"/>
    </row>
    <row r="762855" spans="14:14">
      <c r="N762855" s="10"/>
    </row>
    <row r="762856" spans="14:14">
      <c r="N762856" s="10"/>
    </row>
    <row r="762857" spans="14:14">
      <c r="N762857" s="10"/>
    </row>
    <row r="762858" spans="14:14">
      <c r="N762858" s="10"/>
    </row>
    <row r="762859" spans="14:14">
      <c r="N762859" s="10"/>
    </row>
    <row r="762860" spans="14:14">
      <c r="N762860" s="10"/>
    </row>
    <row r="762861" spans="14:14">
      <c r="N762861" s="10"/>
    </row>
    <row r="762862" spans="14:14">
      <c r="N762862" s="10"/>
    </row>
    <row r="762863" spans="14:14">
      <c r="N762863" s="10"/>
    </row>
    <row r="762864" spans="14:14">
      <c r="N762864" s="10"/>
    </row>
    <row r="762865" spans="14:14">
      <c r="N762865" s="10"/>
    </row>
    <row r="762866" spans="14:14">
      <c r="N762866" s="10"/>
    </row>
    <row r="762867" spans="14:14">
      <c r="N762867" s="10"/>
    </row>
    <row r="762868" spans="14:14">
      <c r="N762868" s="10"/>
    </row>
    <row r="762869" spans="14:14">
      <c r="N762869" s="10"/>
    </row>
    <row r="762870" spans="14:14">
      <c r="N762870" s="10"/>
    </row>
    <row r="762871" spans="14:14">
      <c r="N762871" s="10"/>
    </row>
    <row r="762872" spans="14:14">
      <c r="N762872" s="10"/>
    </row>
    <row r="762873" spans="14:14">
      <c r="N762873" s="10"/>
    </row>
    <row r="762874" spans="14:14">
      <c r="N762874" s="10"/>
    </row>
    <row r="762875" spans="14:14">
      <c r="N762875" s="10"/>
    </row>
    <row r="762876" spans="14:14">
      <c r="N762876" s="10"/>
    </row>
    <row r="762877" spans="14:14">
      <c r="N762877" s="10"/>
    </row>
    <row r="762878" spans="14:14">
      <c r="N762878" s="10"/>
    </row>
    <row r="762879" spans="14:14">
      <c r="N762879" s="10"/>
    </row>
    <row r="762880" spans="14:14">
      <c r="N762880" s="10"/>
    </row>
    <row r="762881" spans="14:14">
      <c r="N762881" s="10"/>
    </row>
    <row r="762882" spans="14:14">
      <c r="N762882" s="10"/>
    </row>
    <row r="762883" spans="14:14">
      <c r="N762883" s="10"/>
    </row>
    <row r="762884" spans="14:14">
      <c r="N762884" s="10"/>
    </row>
    <row r="762885" spans="14:14">
      <c r="N762885" s="10"/>
    </row>
    <row r="762886" spans="14:14">
      <c r="N762886" s="10"/>
    </row>
    <row r="762887" spans="14:14">
      <c r="N762887" s="10"/>
    </row>
    <row r="762888" spans="14:14">
      <c r="N762888" s="10"/>
    </row>
    <row r="762889" spans="14:14">
      <c r="N762889" s="10"/>
    </row>
    <row r="762890" spans="14:14">
      <c r="N762890" s="10"/>
    </row>
    <row r="762891" spans="14:14">
      <c r="N762891" s="10"/>
    </row>
    <row r="762892" spans="14:14">
      <c r="N762892" s="10"/>
    </row>
    <row r="762893" spans="14:14">
      <c r="N762893" s="10"/>
    </row>
    <row r="762894" spans="14:14">
      <c r="N762894" s="10"/>
    </row>
    <row r="762895" spans="14:14">
      <c r="N762895" s="10"/>
    </row>
    <row r="762896" spans="14:14">
      <c r="N762896" s="10"/>
    </row>
    <row r="762897" spans="14:14">
      <c r="N762897" s="10"/>
    </row>
    <row r="762898" spans="14:14">
      <c r="N762898" s="10"/>
    </row>
    <row r="762899" spans="14:14">
      <c r="N762899" s="10"/>
    </row>
    <row r="762900" spans="14:14">
      <c r="N762900" s="10"/>
    </row>
    <row r="762901" spans="14:14">
      <c r="N762901" s="10"/>
    </row>
    <row r="762902" spans="14:14">
      <c r="N762902" s="10"/>
    </row>
    <row r="762903" spans="14:14">
      <c r="N762903" s="10"/>
    </row>
    <row r="762904" spans="14:14">
      <c r="N762904" s="10"/>
    </row>
    <row r="762905" spans="14:14">
      <c r="N762905" s="10"/>
    </row>
    <row r="762906" spans="14:14">
      <c r="N762906" s="10"/>
    </row>
    <row r="762907" spans="14:14">
      <c r="N762907" s="10"/>
    </row>
    <row r="762908" spans="14:14">
      <c r="N762908" s="10"/>
    </row>
    <row r="762909" spans="14:14">
      <c r="N762909" s="10"/>
    </row>
    <row r="762910" spans="14:14">
      <c r="N762910" s="10"/>
    </row>
    <row r="762911" spans="14:14">
      <c r="N762911" s="10"/>
    </row>
    <row r="762912" spans="14:14">
      <c r="N762912" s="10"/>
    </row>
    <row r="762913" spans="14:14">
      <c r="N762913" s="10"/>
    </row>
    <row r="762914" spans="14:14">
      <c r="N762914" s="10"/>
    </row>
    <row r="762915" spans="14:14">
      <c r="N762915" s="10"/>
    </row>
    <row r="762916" spans="14:14">
      <c r="N762916" s="10"/>
    </row>
    <row r="762917" spans="14:14">
      <c r="N762917" s="10"/>
    </row>
    <row r="762918" spans="14:14">
      <c r="N762918" s="10"/>
    </row>
    <row r="762919" spans="14:14">
      <c r="N762919" s="10"/>
    </row>
    <row r="762920" spans="14:14">
      <c r="N762920" s="10"/>
    </row>
    <row r="762921" spans="14:14">
      <c r="N762921" s="10"/>
    </row>
    <row r="762922" spans="14:14">
      <c r="N762922" s="10"/>
    </row>
    <row r="762923" spans="14:14">
      <c r="N762923" s="10"/>
    </row>
    <row r="762924" spans="14:14">
      <c r="N762924" s="10"/>
    </row>
    <row r="762925" spans="14:14">
      <c r="N762925" s="10"/>
    </row>
    <row r="762926" spans="14:14">
      <c r="N762926" s="10"/>
    </row>
    <row r="762927" spans="14:14">
      <c r="N762927" s="10"/>
    </row>
    <row r="762928" spans="14:14">
      <c r="N762928" s="10"/>
    </row>
    <row r="762929" spans="14:14">
      <c r="N762929" s="10"/>
    </row>
    <row r="762930" spans="14:14">
      <c r="N762930" s="10"/>
    </row>
    <row r="762931" spans="14:14">
      <c r="N762931" s="10"/>
    </row>
    <row r="762932" spans="14:14">
      <c r="N762932" s="10"/>
    </row>
    <row r="762933" spans="14:14">
      <c r="N762933" s="10"/>
    </row>
    <row r="762934" spans="14:14">
      <c r="N762934" s="10"/>
    </row>
    <row r="762935" spans="14:14">
      <c r="N762935" s="10"/>
    </row>
    <row r="762936" spans="14:14">
      <c r="N762936" s="10"/>
    </row>
    <row r="762937" spans="14:14">
      <c r="N762937" s="10"/>
    </row>
    <row r="762938" spans="14:14">
      <c r="N762938" s="10"/>
    </row>
    <row r="762939" spans="14:14">
      <c r="N762939" s="10"/>
    </row>
    <row r="762940" spans="14:14">
      <c r="N762940" s="10"/>
    </row>
    <row r="762941" spans="14:14">
      <c r="N762941" s="10"/>
    </row>
    <row r="762942" spans="14:14">
      <c r="N762942" s="10"/>
    </row>
    <row r="762943" spans="14:14">
      <c r="N762943" s="10"/>
    </row>
    <row r="762944" spans="14:14">
      <c r="N762944" s="10"/>
    </row>
    <row r="762945" spans="14:14">
      <c r="N762945" s="10"/>
    </row>
    <row r="762946" spans="14:14">
      <c r="N762946" s="10"/>
    </row>
    <row r="762947" spans="14:14">
      <c r="N762947" s="10"/>
    </row>
    <row r="762948" spans="14:14">
      <c r="N762948" s="10"/>
    </row>
    <row r="762949" spans="14:14">
      <c r="N762949" s="10"/>
    </row>
    <row r="762950" spans="14:14">
      <c r="N762950" s="10"/>
    </row>
    <row r="762951" spans="14:14">
      <c r="N762951" s="10"/>
    </row>
    <row r="762952" spans="14:14">
      <c r="N762952" s="10"/>
    </row>
    <row r="762953" spans="14:14">
      <c r="N762953" s="10"/>
    </row>
    <row r="762954" spans="14:14">
      <c r="N762954" s="10"/>
    </row>
    <row r="762955" spans="14:14">
      <c r="N762955" s="10"/>
    </row>
    <row r="762956" spans="14:14">
      <c r="N762956" s="10"/>
    </row>
    <row r="762957" spans="14:14">
      <c r="N762957" s="10"/>
    </row>
    <row r="762958" spans="14:14">
      <c r="N762958" s="10"/>
    </row>
    <row r="762959" spans="14:14">
      <c r="N762959" s="10"/>
    </row>
    <row r="762960" spans="14:14">
      <c r="N762960" s="10"/>
    </row>
    <row r="762961" spans="14:14">
      <c r="N762961" s="10"/>
    </row>
    <row r="762962" spans="14:14">
      <c r="N762962" s="10"/>
    </row>
    <row r="762963" spans="14:14">
      <c r="N762963" s="10"/>
    </row>
    <row r="762964" spans="14:14">
      <c r="N762964" s="10"/>
    </row>
    <row r="762965" spans="14:14">
      <c r="N762965" s="10"/>
    </row>
    <row r="762966" spans="14:14">
      <c r="N762966" s="10"/>
    </row>
    <row r="762967" spans="14:14">
      <c r="N762967" s="10"/>
    </row>
    <row r="762968" spans="14:14">
      <c r="N762968" s="10"/>
    </row>
    <row r="762969" spans="14:14">
      <c r="N762969" s="10"/>
    </row>
    <row r="762970" spans="14:14">
      <c r="N762970" s="10"/>
    </row>
    <row r="762971" spans="14:14">
      <c r="N762971" s="10"/>
    </row>
    <row r="762972" spans="14:14">
      <c r="N762972" s="10"/>
    </row>
    <row r="762973" spans="14:14">
      <c r="N762973" s="10"/>
    </row>
    <row r="762974" spans="14:14">
      <c r="N762974" s="10"/>
    </row>
    <row r="762975" spans="14:14">
      <c r="N762975" s="10"/>
    </row>
    <row r="762976" spans="14:14">
      <c r="N762976" s="10"/>
    </row>
    <row r="762977" spans="14:14">
      <c r="N762977" s="10"/>
    </row>
    <row r="762978" spans="14:14">
      <c r="N762978" s="10"/>
    </row>
    <row r="762979" spans="14:14">
      <c r="N762979" s="10"/>
    </row>
    <row r="762980" spans="14:14">
      <c r="N762980" s="10"/>
    </row>
    <row r="762981" spans="14:14">
      <c r="N762981" s="10"/>
    </row>
    <row r="762982" spans="14:14">
      <c r="N762982" s="10"/>
    </row>
    <row r="762983" spans="14:14">
      <c r="N762983" s="10"/>
    </row>
    <row r="762984" spans="14:14">
      <c r="N762984" s="10"/>
    </row>
    <row r="762985" spans="14:14">
      <c r="N762985" s="10"/>
    </row>
    <row r="762986" spans="14:14">
      <c r="N762986" s="10"/>
    </row>
    <row r="762987" spans="14:14">
      <c r="N762987" s="10"/>
    </row>
    <row r="762988" spans="14:14">
      <c r="N762988" s="10"/>
    </row>
    <row r="762989" spans="14:14">
      <c r="N762989" s="10"/>
    </row>
    <row r="762990" spans="14:14">
      <c r="N762990" s="10"/>
    </row>
    <row r="762991" spans="14:14">
      <c r="N762991" s="10"/>
    </row>
    <row r="762992" spans="14:14">
      <c r="N762992" s="10"/>
    </row>
    <row r="762993" spans="14:14">
      <c r="N762993" s="10"/>
    </row>
    <row r="762994" spans="14:14">
      <c r="N762994" s="10"/>
    </row>
    <row r="762995" spans="14:14">
      <c r="N762995" s="10"/>
    </row>
    <row r="762996" spans="14:14">
      <c r="N762996" s="10"/>
    </row>
    <row r="762997" spans="14:14">
      <c r="N762997" s="10"/>
    </row>
    <row r="762998" spans="14:14">
      <c r="N762998" s="10"/>
    </row>
    <row r="762999" spans="14:14">
      <c r="N762999" s="10"/>
    </row>
    <row r="763000" spans="14:14">
      <c r="N763000" s="10"/>
    </row>
    <row r="763001" spans="14:14">
      <c r="N763001" s="10"/>
    </row>
    <row r="763002" spans="14:14">
      <c r="N763002" s="10"/>
    </row>
    <row r="763003" spans="14:14">
      <c r="N763003" s="10"/>
    </row>
    <row r="763004" spans="14:14">
      <c r="N763004" s="10"/>
    </row>
    <row r="763005" spans="14:14">
      <c r="N763005" s="10"/>
    </row>
    <row r="763006" spans="14:14">
      <c r="N763006" s="10"/>
    </row>
    <row r="763007" spans="14:14">
      <c r="N763007" s="10"/>
    </row>
    <row r="763008" spans="14:14">
      <c r="N763008" s="10"/>
    </row>
    <row r="763009" spans="14:14">
      <c r="N763009" s="10"/>
    </row>
    <row r="763010" spans="14:14">
      <c r="N763010" s="10"/>
    </row>
    <row r="763011" spans="14:14">
      <c r="N763011" s="10"/>
    </row>
    <row r="763012" spans="14:14">
      <c r="N763012" s="10"/>
    </row>
    <row r="763013" spans="14:14">
      <c r="N763013" s="10"/>
    </row>
    <row r="763014" spans="14:14">
      <c r="N763014" s="10"/>
    </row>
    <row r="763015" spans="14:14">
      <c r="N763015" s="10"/>
    </row>
    <row r="763016" spans="14:14">
      <c r="N763016" s="10"/>
    </row>
    <row r="763017" spans="14:14">
      <c r="N763017" s="10"/>
    </row>
    <row r="763018" spans="14:14">
      <c r="N763018" s="10"/>
    </row>
    <row r="763019" spans="14:14">
      <c r="N763019" s="10"/>
    </row>
    <row r="763020" spans="14:14">
      <c r="N763020" s="10"/>
    </row>
    <row r="763021" spans="14:14">
      <c r="N763021" s="10"/>
    </row>
    <row r="763022" spans="14:14">
      <c r="N763022" s="10"/>
    </row>
    <row r="763023" spans="14:14">
      <c r="N763023" s="10"/>
    </row>
    <row r="763024" spans="14:14">
      <c r="N763024" s="10"/>
    </row>
    <row r="763025" spans="14:14">
      <c r="N763025" s="10"/>
    </row>
    <row r="763026" spans="14:14">
      <c r="N763026" s="10"/>
    </row>
    <row r="763027" spans="14:14">
      <c r="N763027" s="10"/>
    </row>
    <row r="763028" spans="14:14">
      <c r="N763028" s="10"/>
    </row>
    <row r="763029" spans="14:14">
      <c r="N763029" s="10"/>
    </row>
    <row r="763030" spans="14:14">
      <c r="N763030" s="10"/>
    </row>
    <row r="763031" spans="14:14">
      <c r="N763031" s="10"/>
    </row>
    <row r="763032" spans="14:14">
      <c r="N763032" s="10"/>
    </row>
    <row r="763033" spans="14:14">
      <c r="N763033" s="10"/>
    </row>
    <row r="763034" spans="14:14">
      <c r="N763034" s="10"/>
    </row>
    <row r="763035" spans="14:14">
      <c r="N763035" s="10"/>
    </row>
    <row r="763036" spans="14:14">
      <c r="N763036" s="10"/>
    </row>
    <row r="763037" spans="14:14">
      <c r="N763037" s="10"/>
    </row>
    <row r="763038" spans="14:14">
      <c r="N763038" s="10"/>
    </row>
    <row r="763039" spans="14:14">
      <c r="N763039" s="10"/>
    </row>
    <row r="763040" spans="14:14">
      <c r="N763040" s="10"/>
    </row>
    <row r="763041" spans="14:14">
      <c r="N763041" s="10"/>
    </row>
    <row r="763042" spans="14:14">
      <c r="N763042" s="10"/>
    </row>
    <row r="763043" spans="14:14">
      <c r="N763043" s="10"/>
    </row>
    <row r="763044" spans="14:14">
      <c r="N763044" s="10"/>
    </row>
    <row r="763045" spans="14:14">
      <c r="N763045" s="10"/>
    </row>
    <row r="763046" spans="14:14">
      <c r="N763046" s="10"/>
    </row>
    <row r="763047" spans="14:14">
      <c r="N763047" s="10"/>
    </row>
    <row r="763048" spans="14:14">
      <c r="N763048" s="10"/>
    </row>
    <row r="763049" spans="14:14">
      <c r="N763049" s="10"/>
    </row>
    <row r="763050" spans="14:14">
      <c r="N763050" s="10"/>
    </row>
    <row r="763051" spans="14:14">
      <c r="N763051" s="10"/>
    </row>
    <row r="763052" spans="14:14">
      <c r="N763052" s="10"/>
    </row>
    <row r="763053" spans="14:14">
      <c r="N763053" s="10"/>
    </row>
    <row r="763054" spans="14:14">
      <c r="N763054" s="10"/>
    </row>
    <row r="763055" spans="14:14">
      <c r="N763055" s="10"/>
    </row>
    <row r="763056" spans="14:14">
      <c r="N763056" s="10"/>
    </row>
    <row r="763057" spans="14:14">
      <c r="N763057" s="10"/>
    </row>
    <row r="763058" spans="14:14">
      <c r="N763058" s="10"/>
    </row>
    <row r="763059" spans="14:14">
      <c r="N763059" s="10"/>
    </row>
    <row r="763060" spans="14:14">
      <c r="N763060" s="10"/>
    </row>
    <row r="763061" spans="14:14">
      <c r="N763061" s="10"/>
    </row>
    <row r="763062" spans="14:14">
      <c r="N763062" s="10"/>
    </row>
    <row r="763063" spans="14:14">
      <c r="N763063" s="10"/>
    </row>
    <row r="763064" spans="14:14">
      <c r="N763064" s="10"/>
    </row>
    <row r="763065" spans="14:14">
      <c r="N763065" s="10"/>
    </row>
    <row r="763066" spans="14:14">
      <c r="N763066" s="10"/>
    </row>
    <row r="763067" spans="14:14">
      <c r="N763067" s="10"/>
    </row>
    <row r="763068" spans="14:14">
      <c r="N763068" s="10"/>
    </row>
    <row r="763069" spans="14:14">
      <c r="N763069" s="10"/>
    </row>
    <row r="763070" spans="14:14">
      <c r="N763070" s="10"/>
    </row>
    <row r="763071" spans="14:14">
      <c r="N763071" s="10"/>
    </row>
    <row r="763072" spans="14:14">
      <c r="N763072" s="10"/>
    </row>
    <row r="763073" spans="14:14">
      <c r="N763073" s="10"/>
    </row>
    <row r="763074" spans="14:14">
      <c r="N763074" s="10"/>
    </row>
    <row r="763075" spans="14:14">
      <c r="N763075" s="10"/>
    </row>
    <row r="763076" spans="14:14">
      <c r="N763076" s="10"/>
    </row>
    <row r="763077" spans="14:14">
      <c r="N763077" s="10"/>
    </row>
    <row r="763078" spans="14:14">
      <c r="N763078" s="10"/>
    </row>
    <row r="763079" spans="14:14">
      <c r="N763079" s="10"/>
    </row>
    <row r="763080" spans="14:14">
      <c r="N763080" s="10"/>
    </row>
    <row r="763081" spans="14:14">
      <c r="N763081" s="10"/>
    </row>
    <row r="763082" spans="14:14">
      <c r="N763082" s="10"/>
    </row>
    <row r="763083" spans="14:14">
      <c r="N763083" s="10"/>
    </row>
    <row r="763084" spans="14:14">
      <c r="N763084" s="10"/>
    </row>
    <row r="763085" spans="14:14">
      <c r="N763085" s="10"/>
    </row>
    <row r="763086" spans="14:14">
      <c r="N763086" s="10"/>
    </row>
    <row r="763087" spans="14:14">
      <c r="N763087" s="10"/>
    </row>
    <row r="763088" spans="14:14">
      <c r="N763088" s="10"/>
    </row>
    <row r="763089" spans="14:14">
      <c r="N763089" s="10"/>
    </row>
    <row r="763090" spans="14:14">
      <c r="N763090" s="10"/>
    </row>
    <row r="763091" spans="14:14">
      <c r="N763091" s="10"/>
    </row>
    <row r="763092" spans="14:14">
      <c r="N763092" s="10"/>
    </row>
    <row r="763093" spans="14:14">
      <c r="N763093" s="10"/>
    </row>
    <row r="763094" spans="14:14">
      <c r="N763094" s="10"/>
    </row>
    <row r="763095" spans="14:14">
      <c r="N763095" s="10"/>
    </row>
    <row r="763096" spans="14:14">
      <c r="N763096" s="10"/>
    </row>
    <row r="763097" spans="14:14">
      <c r="N763097" s="10"/>
    </row>
    <row r="763098" spans="14:14">
      <c r="N763098" s="10"/>
    </row>
    <row r="763099" spans="14:14">
      <c r="N763099" s="10"/>
    </row>
    <row r="763100" spans="14:14">
      <c r="N763100" s="10"/>
    </row>
    <row r="763101" spans="14:14">
      <c r="N763101" s="10"/>
    </row>
    <row r="763102" spans="14:14">
      <c r="N763102" s="10"/>
    </row>
    <row r="763103" spans="14:14">
      <c r="N763103" s="10"/>
    </row>
    <row r="763104" spans="14:14">
      <c r="N763104" s="10"/>
    </row>
    <row r="763105" spans="14:14">
      <c r="N763105" s="10"/>
    </row>
    <row r="763106" spans="14:14">
      <c r="N763106" s="10"/>
    </row>
    <row r="763107" spans="14:14">
      <c r="N763107" s="10"/>
    </row>
    <row r="763108" spans="14:14">
      <c r="N763108" s="10"/>
    </row>
    <row r="763109" spans="14:14">
      <c r="N763109" s="10"/>
    </row>
    <row r="763110" spans="14:14">
      <c r="N763110" s="10"/>
    </row>
    <row r="763111" spans="14:14">
      <c r="N763111" s="10"/>
    </row>
    <row r="763112" spans="14:14">
      <c r="N763112" s="10"/>
    </row>
    <row r="763113" spans="14:14">
      <c r="N763113" s="10"/>
    </row>
    <row r="763114" spans="14:14">
      <c r="N763114" s="10"/>
    </row>
    <row r="763115" spans="14:14">
      <c r="N763115" s="10"/>
    </row>
    <row r="763116" spans="14:14">
      <c r="N763116" s="10"/>
    </row>
    <row r="763117" spans="14:14">
      <c r="N763117" s="10"/>
    </row>
    <row r="763118" spans="14:14">
      <c r="N763118" s="10"/>
    </row>
    <row r="763119" spans="14:14">
      <c r="N763119" s="10"/>
    </row>
    <row r="763120" spans="14:14">
      <c r="N763120" s="10"/>
    </row>
    <row r="763121" spans="14:14">
      <c r="N763121" s="10"/>
    </row>
    <row r="763122" spans="14:14">
      <c r="N763122" s="10"/>
    </row>
    <row r="763123" spans="14:14">
      <c r="N763123" s="10"/>
    </row>
    <row r="763124" spans="14:14">
      <c r="N763124" s="10"/>
    </row>
    <row r="763125" spans="14:14">
      <c r="N763125" s="10"/>
    </row>
    <row r="763126" spans="14:14">
      <c r="N763126" s="10"/>
    </row>
    <row r="763127" spans="14:14">
      <c r="N763127" s="10"/>
    </row>
    <row r="763128" spans="14:14">
      <c r="N763128" s="10"/>
    </row>
    <row r="763129" spans="14:14">
      <c r="N763129" s="10"/>
    </row>
    <row r="763130" spans="14:14">
      <c r="N763130" s="10"/>
    </row>
    <row r="763131" spans="14:14">
      <c r="N763131" s="10"/>
    </row>
    <row r="763132" spans="14:14">
      <c r="N763132" s="10"/>
    </row>
    <row r="763133" spans="14:14">
      <c r="N763133" s="10"/>
    </row>
    <row r="763134" spans="14:14">
      <c r="N763134" s="10"/>
    </row>
    <row r="763135" spans="14:14">
      <c r="N763135" s="10"/>
    </row>
    <row r="763136" spans="14:14">
      <c r="N763136" s="10"/>
    </row>
    <row r="763137" spans="14:14">
      <c r="N763137" s="10"/>
    </row>
    <row r="763138" spans="14:14">
      <c r="N763138" s="10"/>
    </row>
    <row r="763139" spans="14:14">
      <c r="N763139" s="10"/>
    </row>
    <row r="763140" spans="14:14">
      <c r="N763140" s="10"/>
    </row>
    <row r="763141" spans="14:14">
      <c r="N763141" s="10"/>
    </row>
    <row r="763142" spans="14:14">
      <c r="N763142" s="10"/>
    </row>
    <row r="763143" spans="14:14">
      <c r="N763143" s="10"/>
    </row>
    <row r="763144" spans="14:14">
      <c r="N763144" s="10"/>
    </row>
    <row r="763145" spans="14:14">
      <c r="N763145" s="10"/>
    </row>
    <row r="763146" spans="14:14">
      <c r="N763146" s="10"/>
    </row>
    <row r="763147" spans="14:14">
      <c r="N763147" s="10"/>
    </row>
    <row r="763148" spans="14:14">
      <c r="N763148" s="10"/>
    </row>
    <row r="763149" spans="14:14">
      <c r="N763149" s="10"/>
    </row>
    <row r="763150" spans="14:14">
      <c r="N763150" s="10"/>
    </row>
    <row r="763151" spans="14:14">
      <c r="N763151" s="10"/>
    </row>
    <row r="763152" spans="14:14">
      <c r="N763152" s="10"/>
    </row>
    <row r="763153" spans="14:14">
      <c r="N763153" s="10"/>
    </row>
    <row r="763154" spans="14:14">
      <c r="N763154" s="10"/>
    </row>
    <row r="763155" spans="14:14">
      <c r="N763155" s="10"/>
    </row>
    <row r="763156" spans="14:14">
      <c r="N763156" s="10"/>
    </row>
    <row r="763157" spans="14:14">
      <c r="N763157" s="10"/>
    </row>
    <row r="763158" spans="14:14">
      <c r="N763158" s="10"/>
    </row>
    <row r="763159" spans="14:14">
      <c r="N763159" s="10"/>
    </row>
    <row r="763160" spans="14:14">
      <c r="N763160" s="10"/>
    </row>
    <row r="763161" spans="14:14">
      <c r="N763161" s="10"/>
    </row>
    <row r="763162" spans="14:14">
      <c r="N763162" s="10"/>
    </row>
    <row r="763163" spans="14:14">
      <c r="N763163" s="10"/>
    </row>
    <row r="763164" spans="14:14">
      <c r="N763164" s="10"/>
    </row>
    <row r="763165" spans="14:14">
      <c r="N763165" s="10"/>
    </row>
    <row r="763166" spans="14:14">
      <c r="N763166" s="10"/>
    </row>
    <row r="763167" spans="14:14">
      <c r="N763167" s="10"/>
    </row>
    <row r="763168" spans="14:14">
      <c r="N763168" s="10"/>
    </row>
    <row r="763169" spans="14:14">
      <c r="N763169" s="10"/>
    </row>
    <row r="763170" spans="14:14">
      <c r="N763170" s="10"/>
    </row>
    <row r="763171" spans="14:14">
      <c r="N763171" s="10"/>
    </row>
    <row r="763172" spans="14:14">
      <c r="N763172" s="10"/>
    </row>
    <row r="763173" spans="14:14">
      <c r="N763173" s="10"/>
    </row>
    <row r="763174" spans="14:14">
      <c r="N763174" s="10"/>
    </row>
    <row r="763175" spans="14:14">
      <c r="N763175" s="10"/>
    </row>
    <row r="763176" spans="14:14">
      <c r="N763176" s="10"/>
    </row>
    <row r="763177" spans="14:14">
      <c r="N763177" s="10"/>
    </row>
    <row r="763178" spans="14:14">
      <c r="N763178" s="10"/>
    </row>
    <row r="763179" spans="14:14">
      <c r="N763179" s="10"/>
    </row>
    <row r="763180" spans="14:14">
      <c r="N763180" s="10"/>
    </row>
    <row r="763181" spans="14:14">
      <c r="N763181" s="10"/>
    </row>
    <row r="763182" spans="14:14">
      <c r="N763182" s="10"/>
    </row>
    <row r="763183" spans="14:14">
      <c r="N763183" s="10"/>
    </row>
    <row r="763184" spans="14:14">
      <c r="N763184" s="10"/>
    </row>
    <row r="763185" spans="14:14">
      <c r="N763185" s="10"/>
    </row>
    <row r="763186" spans="14:14">
      <c r="N763186" s="10"/>
    </row>
    <row r="763187" spans="14:14">
      <c r="N763187" s="10"/>
    </row>
    <row r="763188" spans="14:14">
      <c r="N763188" s="10"/>
    </row>
    <row r="763189" spans="14:14">
      <c r="N763189" s="10"/>
    </row>
    <row r="763190" spans="14:14">
      <c r="N763190" s="10"/>
    </row>
    <row r="763191" spans="14:14">
      <c r="N763191" s="10"/>
    </row>
    <row r="763192" spans="14:14">
      <c r="N763192" s="10"/>
    </row>
    <row r="763193" spans="14:14">
      <c r="N763193" s="10"/>
    </row>
    <row r="763194" spans="14:14">
      <c r="N763194" s="10"/>
    </row>
    <row r="763195" spans="14:14">
      <c r="N763195" s="10"/>
    </row>
    <row r="763196" spans="14:14">
      <c r="N763196" s="10"/>
    </row>
    <row r="763197" spans="14:14">
      <c r="N763197" s="10"/>
    </row>
    <row r="763198" spans="14:14">
      <c r="N763198" s="10"/>
    </row>
    <row r="763199" spans="14:14">
      <c r="N763199" s="10"/>
    </row>
    <row r="763200" spans="14:14">
      <c r="N763200" s="10"/>
    </row>
    <row r="763201" spans="14:14">
      <c r="N763201" s="10"/>
    </row>
    <row r="763202" spans="14:14">
      <c r="N763202" s="10"/>
    </row>
    <row r="763203" spans="14:14">
      <c r="N763203" s="10"/>
    </row>
    <row r="763204" spans="14:14">
      <c r="N763204" s="10"/>
    </row>
    <row r="763205" spans="14:14">
      <c r="N763205" s="10"/>
    </row>
    <row r="763206" spans="14:14">
      <c r="N763206" s="10"/>
    </row>
    <row r="763207" spans="14:14">
      <c r="N763207" s="10"/>
    </row>
    <row r="763208" spans="14:14">
      <c r="N763208" s="10"/>
    </row>
    <row r="763209" spans="14:14">
      <c r="N763209" s="10"/>
    </row>
    <row r="763210" spans="14:14">
      <c r="N763210" s="10"/>
    </row>
    <row r="763211" spans="14:14">
      <c r="N763211" s="10"/>
    </row>
    <row r="763212" spans="14:14">
      <c r="N763212" s="10"/>
    </row>
    <row r="763213" spans="14:14">
      <c r="N763213" s="10"/>
    </row>
    <row r="763214" spans="14:14">
      <c r="N763214" s="10"/>
    </row>
    <row r="763215" spans="14:14">
      <c r="N763215" s="10"/>
    </row>
    <row r="763216" spans="14:14">
      <c r="N763216" s="10"/>
    </row>
    <row r="763217" spans="14:14">
      <c r="N763217" s="10"/>
    </row>
    <row r="763218" spans="14:14">
      <c r="N763218" s="10"/>
    </row>
    <row r="763219" spans="14:14">
      <c r="N763219" s="10"/>
    </row>
    <row r="763220" spans="14:14">
      <c r="N763220" s="10"/>
    </row>
    <row r="763221" spans="14:14">
      <c r="N763221" s="10"/>
    </row>
    <row r="763222" spans="14:14">
      <c r="N763222" s="10"/>
    </row>
    <row r="763223" spans="14:14">
      <c r="N763223" s="10"/>
    </row>
    <row r="763224" spans="14:14">
      <c r="N763224" s="10"/>
    </row>
    <row r="763225" spans="14:14">
      <c r="N763225" s="10"/>
    </row>
    <row r="763226" spans="14:14">
      <c r="N763226" s="10"/>
    </row>
    <row r="763227" spans="14:14">
      <c r="N763227" s="10"/>
    </row>
    <row r="763228" spans="14:14">
      <c r="N763228" s="10"/>
    </row>
    <row r="763229" spans="14:14">
      <c r="N763229" s="10"/>
    </row>
    <row r="763230" spans="14:14">
      <c r="N763230" s="10"/>
    </row>
    <row r="763231" spans="14:14">
      <c r="N763231" s="10"/>
    </row>
    <row r="763232" spans="14:14">
      <c r="N763232" s="10"/>
    </row>
    <row r="763233" spans="14:14">
      <c r="N763233" s="10"/>
    </row>
    <row r="763234" spans="14:14">
      <c r="N763234" s="10"/>
    </row>
    <row r="763235" spans="14:14">
      <c r="N763235" s="10"/>
    </row>
    <row r="763236" spans="14:14">
      <c r="N763236" s="10"/>
    </row>
    <row r="763237" spans="14:14">
      <c r="N763237" s="10"/>
    </row>
    <row r="763238" spans="14:14">
      <c r="N763238" s="10"/>
    </row>
    <row r="763239" spans="14:14">
      <c r="N763239" s="10"/>
    </row>
    <row r="763240" spans="14:14">
      <c r="N763240" s="10"/>
    </row>
    <row r="763241" spans="14:14">
      <c r="N763241" s="10"/>
    </row>
    <row r="763242" spans="14:14">
      <c r="N763242" s="10"/>
    </row>
    <row r="763243" spans="14:14">
      <c r="N763243" s="10"/>
    </row>
    <row r="763244" spans="14:14">
      <c r="N763244" s="10"/>
    </row>
    <row r="763245" spans="14:14">
      <c r="N763245" s="10"/>
    </row>
    <row r="763246" spans="14:14">
      <c r="N763246" s="10"/>
    </row>
    <row r="763247" spans="14:14">
      <c r="N763247" s="10"/>
    </row>
    <row r="763248" spans="14:14">
      <c r="N763248" s="10"/>
    </row>
    <row r="763249" spans="14:14">
      <c r="N763249" s="10"/>
    </row>
    <row r="763250" spans="14:14">
      <c r="N763250" s="10"/>
    </row>
    <row r="763251" spans="14:14">
      <c r="N763251" s="10"/>
    </row>
    <row r="763252" spans="14:14">
      <c r="N763252" s="10"/>
    </row>
    <row r="763253" spans="14:14">
      <c r="N763253" s="10"/>
    </row>
    <row r="763254" spans="14:14">
      <c r="N763254" s="10"/>
    </row>
    <row r="763255" spans="14:14">
      <c r="N763255" s="10"/>
    </row>
    <row r="763256" spans="14:14">
      <c r="N763256" s="10"/>
    </row>
    <row r="763257" spans="14:14">
      <c r="N763257" s="10"/>
    </row>
    <row r="763258" spans="14:14">
      <c r="N763258" s="10"/>
    </row>
    <row r="763259" spans="14:14">
      <c r="N763259" s="10"/>
    </row>
    <row r="763260" spans="14:14">
      <c r="N763260" s="10"/>
    </row>
    <row r="763261" spans="14:14">
      <c r="N763261" s="10"/>
    </row>
    <row r="763262" spans="14:14">
      <c r="N763262" s="10"/>
    </row>
    <row r="763263" spans="14:14">
      <c r="N763263" s="10"/>
    </row>
    <row r="763264" spans="14:14">
      <c r="N763264" s="10"/>
    </row>
    <row r="763265" spans="14:14">
      <c r="N763265" s="10"/>
    </row>
    <row r="763266" spans="14:14">
      <c r="N763266" s="10"/>
    </row>
    <row r="763267" spans="14:14">
      <c r="N763267" s="10"/>
    </row>
    <row r="763268" spans="14:14">
      <c r="N763268" s="10"/>
    </row>
    <row r="763269" spans="14:14">
      <c r="N763269" s="10"/>
    </row>
    <row r="763270" spans="14:14">
      <c r="N763270" s="10"/>
    </row>
    <row r="763271" spans="14:14">
      <c r="N763271" s="10"/>
    </row>
    <row r="763272" spans="14:14">
      <c r="N763272" s="10"/>
    </row>
    <row r="763273" spans="14:14">
      <c r="N763273" s="10"/>
    </row>
    <row r="763274" spans="14:14">
      <c r="N763274" s="10"/>
    </row>
    <row r="763275" spans="14:14">
      <c r="N763275" s="10"/>
    </row>
    <row r="763276" spans="14:14">
      <c r="N763276" s="10"/>
    </row>
    <row r="763277" spans="14:14">
      <c r="N763277" s="10"/>
    </row>
    <row r="763278" spans="14:14">
      <c r="N763278" s="10"/>
    </row>
    <row r="763279" spans="14:14">
      <c r="N763279" s="10"/>
    </row>
    <row r="763280" spans="14:14">
      <c r="N763280" s="10"/>
    </row>
    <row r="763281" spans="14:14">
      <c r="N763281" s="10"/>
    </row>
    <row r="763282" spans="14:14">
      <c r="N763282" s="10"/>
    </row>
    <row r="763283" spans="14:14">
      <c r="N763283" s="10"/>
    </row>
    <row r="763284" spans="14:14">
      <c r="N763284" s="10"/>
    </row>
    <row r="763285" spans="14:14">
      <c r="N763285" s="10"/>
    </row>
    <row r="763286" spans="14:14">
      <c r="N763286" s="10"/>
    </row>
    <row r="763287" spans="14:14">
      <c r="N763287" s="10"/>
    </row>
    <row r="763288" spans="14:14">
      <c r="N763288" s="10"/>
    </row>
    <row r="763289" spans="14:14">
      <c r="N763289" s="10"/>
    </row>
    <row r="763290" spans="14:14">
      <c r="N763290" s="10"/>
    </row>
    <row r="763291" spans="14:14">
      <c r="N763291" s="10"/>
    </row>
    <row r="763292" spans="14:14">
      <c r="N763292" s="10"/>
    </row>
    <row r="763293" spans="14:14">
      <c r="N763293" s="10"/>
    </row>
    <row r="763294" spans="14:14">
      <c r="N763294" s="10"/>
    </row>
    <row r="763295" spans="14:14">
      <c r="N763295" s="10"/>
    </row>
    <row r="763296" spans="14:14">
      <c r="N763296" s="10"/>
    </row>
    <row r="763297" spans="14:14">
      <c r="N763297" s="10"/>
    </row>
    <row r="763298" spans="14:14">
      <c r="N763298" s="10"/>
    </row>
    <row r="763299" spans="14:14">
      <c r="N763299" s="10"/>
    </row>
    <row r="763300" spans="14:14">
      <c r="N763300" s="10"/>
    </row>
    <row r="763301" spans="14:14">
      <c r="N763301" s="10"/>
    </row>
    <row r="763302" spans="14:14">
      <c r="N763302" s="10"/>
    </row>
    <row r="763303" spans="14:14">
      <c r="N763303" s="10"/>
    </row>
    <row r="763304" spans="14:14">
      <c r="N763304" s="10"/>
    </row>
    <row r="763305" spans="14:14">
      <c r="N763305" s="10"/>
    </row>
    <row r="763306" spans="14:14">
      <c r="N763306" s="10"/>
    </row>
    <row r="763307" spans="14:14">
      <c r="N763307" s="10"/>
    </row>
    <row r="763308" spans="14:14">
      <c r="N763308" s="10"/>
    </row>
    <row r="763309" spans="14:14">
      <c r="N763309" s="10"/>
    </row>
    <row r="763310" spans="14:14">
      <c r="N763310" s="10"/>
    </row>
    <row r="763311" spans="14:14">
      <c r="N763311" s="10"/>
    </row>
    <row r="763312" spans="14:14">
      <c r="N763312" s="10"/>
    </row>
    <row r="763313" spans="14:14">
      <c r="N763313" s="10"/>
    </row>
    <row r="763314" spans="14:14">
      <c r="N763314" s="10"/>
    </row>
    <row r="763315" spans="14:14">
      <c r="N763315" s="10"/>
    </row>
    <row r="763316" spans="14:14">
      <c r="N763316" s="10"/>
    </row>
    <row r="763317" spans="14:14">
      <c r="N763317" s="10"/>
    </row>
    <row r="763318" spans="14:14">
      <c r="N763318" s="10"/>
    </row>
    <row r="763319" spans="14:14">
      <c r="N763319" s="10"/>
    </row>
    <row r="763320" spans="14:14">
      <c r="N763320" s="10"/>
    </row>
    <row r="763321" spans="14:14">
      <c r="N763321" s="10"/>
    </row>
    <row r="763322" spans="14:14">
      <c r="N763322" s="10"/>
    </row>
    <row r="763323" spans="14:14">
      <c r="N763323" s="10"/>
    </row>
    <row r="763324" spans="14:14">
      <c r="N763324" s="10"/>
    </row>
    <row r="763325" spans="14:14">
      <c r="N763325" s="10"/>
    </row>
    <row r="763326" spans="14:14">
      <c r="N763326" s="10"/>
    </row>
    <row r="763327" spans="14:14">
      <c r="N763327" s="10"/>
    </row>
    <row r="763328" spans="14:14">
      <c r="N763328" s="10"/>
    </row>
    <row r="763329" spans="14:14">
      <c r="N763329" s="10"/>
    </row>
    <row r="763330" spans="14:14">
      <c r="N763330" s="10"/>
    </row>
    <row r="763331" spans="14:14">
      <c r="N763331" s="10"/>
    </row>
    <row r="763332" spans="14:14">
      <c r="N763332" s="10"/>
    </row>
    <row r="763333" spans="14:14">
      <c r="N763333" s="10"/>
    </row>
    <row r="763334" spans="14:14">
      <c r="N763334" s="10"/>
    </row>
    <row r="763335" spans="14:14">
      <c r="N763335" s="10"/>
    </row>
    <row r="763336" spans="14:14">
      <c r="N763336" s="10"/>
    </row>
    <row r="763337" spans="14:14">
      <c r="N763337" s="10"/>
    </row>
    <row r="763338" spans="14:14">
      <c r="N763338" s="10"/>
    </row>
    <row r="763339" spans="14:14">
      <c r="N763339" s="10"/>
    </row>
    <row r="763340" spans="14:14">
      <c r="N763340" s="10"/>
    </row>
    <row r="763341" spans="14:14">
      <c r="N763341" s="10"/>
    </row>
    <row r="763342" spans="14:14">
      <c r="N763342" s="10"/>
    </row>
    <row r="763343" spans="14:14">
      <c r="N763343" s="10"/>
    </row>
    <row r="763344" spans="14:14">
      <c r="N763344" s="10"/>
    </row>
    <row r="763345" spans="14:14">
      <c r="N763345" s="10"/>
    </row>
    <row r="763346" spans="14:14">
      <c r="N763346" s="10"/>
    </row>
    <row r="763347" spans="14:14">
      <c r="N763347" s="10"/>
    </row>
    <row r="763348" spans="14:14">
      <c r="N763348" s="10"/>
    </row>
    <row r="763349" spans="14:14">
      <c r="N763349" s="10"/>
    </row>
    <row r="763350" spans="14:14">
      <c r="N763350" s="10"/>
    </row>
    <row r="763351" spans="14:14">
      <c r="N763351" s="10"/>
    </row>
    <row r="763352" spans="14:14">
      <c r="N763352" s="10"/>
    </row>
    <row r="763353" spans="14:14">
      <c r="N763353" s="10"/>
    </row>
    <row r="763354" spans="14:14">
      <c r="N763354" s="10"/>
    </row>
    <row r="763355" spans="14:14">
      <c r="N763355" s="10"/>
    </row>
    <row r="763356" spans="14:14">
      <c r="N763356" s="10"/>
    </row>
    <row r="763357" spans="14:14">
      <c r="N763357" s="10"/>
    </row>
    <row r="763358" spans="14:14">
      <c r="N763358" s="10"/>
    </row>
    <row r="763359" spans="14:14">
      <c r="N763359" s="10"/>
    </row>
    <row r="763360" spans="14:14">
      <c r="N763360" s="10"/>
    </row>
    <row r="763361" spans="14:14">
      <c r="N763361" s="10"/>
    </row>
    <row r="763362" spans="14:14">
      <c r="N763362" s="10"/>
    </row>
    <row r="763363" spans="14:14">
      <c r="N763363" s="10"/>
    </row>
    <row r="763364" spans="14:14">
      <c r="N763364" s="10"/>
    </row>
    <row r="763365" spans="14:14">
      <c r="N763365" s="10"/>
    </row>
    <row r="763366" spans="14:14">
      <c r="N763366" s="10"/>
    </row>
    <row r="763367" spans="14:14">
      <c r="N763367" s="10"/>
    </row>
    <row r="763368" spans="14:14">
      <c r="N763368" s="10"/>
    </row>
    <row r="763369" spans="14:14">
      <c r="N763369" s="10"/>
    </row>
    <row r="763370" spans="14:14">
      <c r="N763370" s="10"/>
    </row>
    <row r="763371" spans="14:14">
      <c r="N763371" s="10"/>
    </row>
    <row r="763372" spans="14:14">
      <c r="N763372" s="10"/>
    </row>
    <row r="763373" spans="14:14">
      <c r="N763373" s="10"/>
    </row>
    <row r="763374" spans="14:14">
      <c r="N763374" s="10"/>
    </row>
    <row r="763375" spans="14:14">
      <c r="N763375" s="10"/>
    </row>
    <row r="763376" spans="14:14">
      <c r="N763376" s="10"/>
    </row>
    <row r="763377" spans="14:14">
      <c r="N763377" s="10"/>
    </row>
    <row r="763378" spans="14:14">
      <c r="N763378" s="10"/>
    </row>
    <row r="763379" spans="14:14">
      <c r="N763379" s="10"/>
    </row>
    <row r="763380" spans="14:14">
      <c r="N763380" s="10"/>
    </row>
    <row r="763381" spans="14:14">
      <c r="N763381" s="10"/>
    </row>
    <row r="763382" spans="14:14">
      <c r="N763382" s="10"/>
    </row>
    <row r="763383" spans="14:14">
      <c r="N763383" s="10"/>
    </row>
    <row r="763384" spans="14:14">
      <c r="N763384" s="10"/>
    </row>
    <row r="763385" spans="14:14">
      <c r="N763385" s="10"/>
    </row>
    <row r="763386" spans="14:14">
      <c r="N763386" s="10"/>
    </row>
    <row r="763387" spans="14:14">
      <c r="N763387" s="10"/>
    </row>
    <row r="763388" spans="14:14">
      <c r="N763388" s="10"/>
    </row>
    <row r="763389" spans="14:14">
      <c r="N763389" s="10"/>
    </row>
    <row r="763390" spans="14:14">
      <c r="N763390" s="10"/>
    </row>
    <row r="763391" spans="14:14">
      <c r="N763391" s="10"/>
    </row>
    <row r="763392" spans="14:14">
      <c r="N763392" s="10"/>
    </row>
    <row r="763393" spans="14:14">
      <c r="N763393" s="10"/>
    </row>
    <row r="763394" spans="14:14">
      <c r="N763394" s="10"/>
    </row>
    <row r="763395" spans="14:14">
      <c r="N763395" s="10"/>
    </row>
    <row r="763396" spans="14:14">
      <c r="N763396" s="10"/>
    </row>
    <row r="763397" spans="14:14">
      <c r="N763397" s="10"/>
    </row>
    <row r="763398" spans="14:14">
      <c r="N763398" s="10"/>
    </row>
    <row r="763399" spans="14:14">
      <c r="N763399" s="10"/>
    </row>
    <row r="763400" spans="14:14">
      <c r="N763400" s="10"/>
    </row>
    <row r="763401" spans="14:14">
      <c r="N763401" s="10"/>
    </row>
    <row r="763402" spans="14:14">
      <c r="N763402" s="10"/>
    </row>
    <row r="763403" spans="14:14">
      <c r="N763403" s="10"/>
    </row>
    <row r="763404" spans="14:14">
      <c r="N763404" s="10"/>
    </row>
    <row r="763405" spans="14:14">
      <c r="N763405" s="10"/>
    </row>
    <row r="763406" spans="14:14">
      <c r="N763406" s="10"/>
    </row>
    <row r="763407" spans="14:14">
      <c r="N763407" s="10"/>
    </row>
    <row r="763408" spans="14:14">
      <c r="N763408" s="10"/>
    </row>
    <row r="763409" spans="14:14">
      <c r="N763409" s="10"/>
    </row>
    <row r="763410" spans="14:14">
      <c r="N763410" s="10"/>
    </row>
    <row r="763411" spans="14:14">
      <c r="N763411" s="10"/>
    </row>
    <row r="763412" spans="14:14">
      <c r="N763412" s="10"/>
    </row>
    <row r="763413" spans="14:14">
      <c r="N763413" s="10"/>
    </row>
    <row r="763414" spans="14:14">
      <c r="N763414" s="10"/>
    </row>
    <row r="763415" spans="14:14">
      <c r="N763415" s="10"/>
    </row>
    <row r="763416" spans="14:14">
      <c r="N763416" s="10"/>
    </row>
    <row r="763417" spans="14:14">
      <c r="N763417" s="10"/>
    </row>
    <row r="763418" spans="14:14">
      <c r="N763418" s="10"/>
    </row>
    <row r="763419" spans="14:14">
      <c r="N763419" s="10"/>
    </row>
    <row r="763420" spans="14:14">
      <c r="N763420" s="10"/>
    </row>
    <row r="763421" spans="14:14">
      <c r="N763421" s="10"/>
    </row>
    <row r="763422" spans="14:14">
      <c r="N763422" s="10"/>
    </row>
    <row r="763423" spans="14:14">
      <c r="N763423" s="10"/>
    </row>
    <row r="763424" spans="14:14">
      <c r="N763424" s="10"/>
    </row>
    <row r="763425" spans="14:14">
      <c r="N763425" s="10"/>
    </row>
    <row r="763426" spans="14:14">
      <c r="N763426" s="10"/>
    </row>
    <row r="763427" spans="14:14">
      <c r="N763427" s="10"/>
    </row>
    <row r="763428" spans="14:14">
      <c r="N763428" s="10"/>
    </row>
    <row r="763429" spans="14:14">
      <c r="N763429" s="10"/>
    </row>
    <row r="763430" spans="14:14">
      <c r="N763430" s="10"/>
    </row>
    <row r="763431" spans="14:14">
      <c r="N763431" s="10"/>
    </row>
    <row r="763432" spans="14:14">
      <c r="N763432" s="10"/>
    </row>
    <row r="763433" spans="14:14">
      <c r="N763433" s="10"/>
    </row>
    <row r="763434" spans="14:14">
      <c r="N763434" s="10"/>
    </row>
    <row r="763435" spans="14:14">
      <c r="N763435" s="10"/>
    </row>
    <row r="763436" spans="14:14">
      <c r="N763436" s="10"/>
    </row>
    <row r="763437" spans="14:14">
      <c r="N763437" s="10"/>
    </row>
    <row r="763438" spans="14:14">
      <c r="N763438" s="10"/>
    </row>
    <row r="763439" spans="14:14">
      <c r="N763439" s="10"/>
    </row>
    <row r="763440" spans="14:14">
      <c r="N763440" s="10"/>
    </row>
    <row r="763441" spans="14:14">
      <c r="N763441" s="10"/>
    </row>
    <row r="763442" spans="14:14">
      <c r="N763442" s="10"/>
    </row>
    <row r="763443" spans="14:14">
      <c r="N763443" s="10"/>
    </row>
    <row r="763444" spans="14:14">
      <c r="N763444" s="10"/>
    </row>
    <row r="763445" spans="14:14">
      <c r="N763445" s="10"/>
    </row>
    <row r="763446" spans="14:14">
      <c r="N763446" s="10"/>
    </row>
    <row r="763447" spans="14:14">
      <c r="N763447" s="10"/>
    </row>
    <row r="763448" spans="14:14">
      <c r="N763448" s="10"/>
    </row>
    <row r="763449" spans="14:14">
      <c r="N763449" s="10"/>
    </row>
    <row r="763450" spans="14:14">
      <c r="N763450" s="10"/>
    </row>
    <row r="763451" spans="14:14">
      <c r="N763451" s="10"/>
    </row>
    <row r="763452" spans="14:14">
      <c r="N763452" s="10"/>
    </row>
    <row r="763453" spans="14:14">
      <c r="N763453" s="10"/>
    </row>
    <row r="763454" spans="14:14">
      <c r="N763454" s="10"/>
    </row>
    <row r="763455" spans="14:14">
      <c r="N763455" s="10"/>
    </row>
    <row r="763456" spans="14:14">
      <c r="N763456" s="10"/>
    </row>
    <row r="763457" spans="14:14">
      <c r="N763457" s="10"/>
    </row>
    <row r="763458" spans="14:14">
      <c r="N763458" s="10"/>
    </row>
    <row r="763459" spans="14:14">
      <c r="N763459" s="10"/>
    </row>
    <row r="763460" spans="14:14">
      <c r="N763460" s="10"/>
    </row>
    <row r="763461" spans="14:14">
      <c r="N763461" s="10"/>
    </row>
    <row r="763462" spans="14:14">
      <c r="N763462" s="10"/>
    </row>
    <row r="763463" spans="14:14">
      <c r="N763463" s="10"/>
    </row>
    <row r="763464" spans="14:14">
      <c r="N763464" s="10"/>
    </row>
    <row r="763465" spans="14:14">
      <c r="N763465" s="10"/>
    </row>
    <row r="763466" spans="14:14">
      <c r="N763466" s="10"/>
    </row>
    <row r="763467" spans="14:14">
      <c r="N763467" s="10"/>
    </row>
    <row r="763468" spans="14:14">
      <c r="N763468" s="10"/>
    </row>
    <row r="763469" spans="14:14">
      <c r="N763469" s="10"/>
    </row>
    <row r="763470" spans="14:14">
      <c r="N763470" s="10"/>
    </row>
    <row r="763471" spans="14:14">
      <c r="N763471" s="10"/>
    </row>
    <row r="763472" spans="14:14">
      <c r="N763472" s="10"/>
    </row>
    <row r="763473" spans="14:14">
      <c r="N763473" s="10"/>
    </row>
    <row r="763474" spans="14:14">
      <c r="N763474" s="10"/>
    </row>
    <row r="763475" spans="14:14">
      <c r="N763475" s="10"/>
    </row>
    <row r="763476" spans="14:14">
      <c r="N763476" s="10"/>
    </row>
    <row r="763477" spans="14:14">
      <c r="N763477" s="10"/>
    </row>
    <row r="763478" spans="14:14">
      <c r="N763478" s="10"/>
    </row>
    <row r="763479" spans="14:14">
      <c r="N763479" s="10"/>
    </row>
    <row r="763480" spans="14:14">
      <c r="N763480" s="10"/>
    </row>
    <row r="763481" spans="14:14">
      <c r="N763481" s="10"/>
    </row>
    <row r="763482" spans="14:14">
      <c r="N763482" s="10"/>
    </row>
    <row r="763483" spans="14:14">
      <c r="N763483" s="10"/>
    </row>
    <row r="763484" spans="14:14">
      <c r="N763484" s="10"/>
    </row>
    <row r="763485" spans="14:14">
      <c r="N763485" s="10"/>
    </row>
    <row r="763486" spans="14:14">
      <c r="N763486" s="10"/>
    </row>
    <row r="763487" spans="14:14">
      <c r="N763487" s="10"/>
    </row>
    <row r="763488" spans="14:14">
      <c r="N763488" s="10"/>
    </row>
    <row r="763489" spans="14:14">
      <c r="N763489" s="10"/>
    </row>
    <row r="763490" spans="14:14">
      <c r="N763490" s="10"/>
    </row>
    <row r="763491" spans="14:14">
      <c r="N763491" s="10"/>
    </row>
    <row r="763492" spans="14:14">
      <c r="N763492" s="10"/>
    </row>
    <row r="763493" spans="14:14">
      <c r="N763493" s="10"/>
    </row>
    <row r="763494" spans="14:14">
      <c r="N763494" s="10"/>
    </row>
    <row r="763495" spans="14:14">
      <c r="N763495" s="10"/>
    </row>
    <row r="763496" spans="14:14">
      <c r="N763496" s="10"/>
    </row>
    <row r="763497" spans="14:14">
      <c r="N763497" s="10"/>
    </row>
    <row r="763498" spans="14:14">
      <c r="N763498" s="10"/>
    </row>
    <row r="763499" spans="14:14">
      <c r="N763499" s="10"/>
    </row>
    <row r="763500" spans="14:14">
      <c r="N763500" s="10"/>
    </row>
    <row r="763501" spans="14:14">
      <c r="N763501" s="10"/>
    </row>
    <row r="763502" spans="14:14">
      <c r="N763502" s="10"/>
    </row>
    <row r="763503" spans="14:14">
      <c r="N763503" s="10"/>
    </row>
    <row r="763504" spans="14:14">
      <c r="N763504" s="10"/>
    </row>
    <row r="763505" spans="14:14">
      <c r="N763505" s="10"/>
    </row>
    <row r="763506" spans="14:14">
      <c r="N763506" s="10"/>
    </row>
    <row r="763507" spans="14:14">
      <c r="N763507" s="10"/>
    </row>
    <row r="763508" spans="14:14">
      <c r="N763508" s="10"/>
    </row>
    <row r="763509" spans="14:14">
      <c r="N763509" s="10"/>
    </row>
    <row r="763510" spans="14:14">
      <c r="N763510" s="10"/>
    </row>
    <row r="763511" spans="14:14">
      <c r="N763511" s="10"/>
    </row>
    <row r="763512" spans="14:14">
      <c r="N763512" s="10"/>
    </row>
    <row r="763513" spans="14:14">
      <c r="N763513" s="10"/>
    </row>
    <row r="763514" spans="14:14">
      <c r="N763514" s="10"/>
    </row>
    <row r="763515" spans="14:14">
      <c r="N763515" s="10"/>
    </row>
    <row r="763516" spans="14:14">
      <c r="N763516" s="10"/>
    </row>
    <row r="763517" spans="14:14">
      <c r="N763517" s="10"/>
    </row>
    <row r="763518" spans="14:14">
      <c r="N763518" s="10"/>
    </row>
    <row r="763519" spans="14:14">
      <c r="N763519" s="10"/>
    </row>
    <row r="763520" spans="14:14">
      <c r="N763520" s="10"/>
    </row>
    <row r="763521" spans="14:14">
      <c r="N763521" s="10"/>
    </row>
    <row r="763522" spans="14:14">
      <c r="N763522" s="10"/>
    </row>
    <row r="763523" spans="14:14">
      <c r="N763523" s="10"/>
    </row>
    <row r="763524" spans="14:14">
      <c r="N763524" s="10"/>
    </row>
    <row r="763525" spans="14:14">
      <c r="N763525" s="10"/>
    </row>
    <row r="763526" spans="14:14">
      <c r="N763526" s="10"/>
    </row>
    <row r="763527" spans="14:14">
      <c r="N763527" s="10"/>
    </row>
    <row r="763528" spans="14:14">
      <c r="N763528" s="10"/>
    </row>
    <row r="763529" spans="14:14">
      <c r="N763529" s="10"/>
    </row>
    <row r="763530" spans="14:14">
      <c r="N763530" s="10"/>
    </row>
    <row r="763531" spans="14:14">
      <c r="N763531" s="10"/>
    </row>
    <row r="763532" spans="14:14">
      <c r="N763532" s="10"/>
    </row>
    <row r="763533" spans="14:14">
      <c r="N763533" s="10"/>
    </row>
    <row r="763534" spans="14:14">
      <c r="N763534" s="10"/>
    </row>
    <row r="763535" spans="14:14">
      <c r="N763535" s="10"/>
    </row>
    <row r="763536" spans="14:14">
      <c r="N763536" s="10"/>
    </row>
    <row r="763537" spans="14:14">
      <c r="N763537" s="10"/>
    </row>
    <row r="763538" spans="14:14">
      <c r="N763538" s="10"/>
    </row>
    <row r="763539" spans="14:14">
      <c r="N763539" s="10"/>
    </row>
    <row r="763540" spans="14:14">
      <c r="N763540" s="10"/>
    </row>
    <row r="763541" spans="14:14">
      <c r="N763541" s="10"/>
    </row>
    <row r="763542" spans="14:14">
      <c r="N763542" s="10"/>
    </row>
    <row r="763543" spans="14:14">
      <c r="N763543" s="10"/>
    </row>
    <row r="763544" spans="14:14">
      <c r="N763544" s="10"/>
    </row>
    <row r="763545" spans="14:14">
      <c r="N763545" s="10"/>
    </row>
    <row r="763546" spans="14:14">
      <c r="N763546" s="10"/>
    </row>
    <row r="763547" spans="14:14">
      <c r="N763547" s="10"/>
    </row>
    <row r="763548" spans="14:14">
      <c r="N763548" s="10"/>
    </row>
    <row r="763549" spans="14:14">
      <c r="N763549" s="10"/>
    </row>
    <row r="763550" spans="14:14">
      <c r="N763550" s="10"/>
    </row>
    <row r="763551" spans="14:14">
      <c r="N763551" s="10"/>
    </row>
    <row r="763552" spans="14:14">
      <c r="N763552" s="10"/>
    </row>
    <row r="763553" spans="14:14">
      <c r="N763553" s="10"/>
    </row>
    <row r="763554" spans="14:14">
      <c r="N763554" s="10"/>
    </row>
    <row r="763555" spans="14:14">
      <c r="N763555" s="10"/>
    </row>
    <row r="763556" spans="14:14">
      <c r="N763556" s="10"/>
    </row>
    <row r="763557" spans="14:14">
      <c r="N763557" s="10"/>
    </row>
    <row r="763558" spans="14:14">
      <c r="N763558" s="10"/>
    </row>
    <row r="763559" spans="14:14">
      <c r="N763559" s="10"/>
    </row>
    <row r="763560" spans="14:14">
      <c r="N763560" s="10"/>
    </row>
    <row r="763561" spans="14:14">
      <c r="N763561" s="10"/>
    </row>
    <row r="763562" spans="14:14">
      <c r="N763562" s="10"/>
    </row>
    <row r="763563" spans="14:14">
      <c r="N763563" s="10"/>
    </row>
    <row r="763564" spans="14:14">
      <c r="N763564" s="10"/>
    </row>
    <row r="763565" spans="14:14">
      <c r="N763565" s="10"/>
    </row>
    <row r="763566" spans="14:14">
      <c r="N763566" s="10"/>
    </row>
    <row r="763567" spans="14:14">
      <c r="N763567" s="10"/>
    </row>
    <row r="763568" spans="14:14">
      <c r="N763568" s="10"/>
    </row>
    <row r="763569" spans="14:14">
      <c r="N763569" s="10"/>
    </row>
    <row r="763570" spans="14:14">
      <c r="N763570" s="10"/>
    </row>
    <row r="763571" spans="14:14">
      <c r="N763571" s="10"/>
    </row>
    <row r="763572" spans="14:14">
      <c r="N763572" s="10"/>
    </row>
    <row r="763573" spans="14:14">
      <c r="N763573" s="10"/>
    </row>
    <row r="763574" spans="14:14">
      <c r="N763574" s="10"/>
    </row>
    <row r="763575" spans="14:14">
      <c r="N763575" s="10"/>
    </row>
    <row r="763576" spans="14:14">
      <c r="N763576" s="10"/>
    </row>
    <row r="763577" spans="14:14">
      <c r="N763577" s="10"/>
    </row>
    <row r="763578" spans="14:14">
      <c r="N763578" s="10"/>
    </row>
    <row r="763579" spans="14:14">
      <c r="N763579" s="10"/>
    </row>
    <row r="763580" spans="14:14">
      <c r="N763580" s="10"/>
    </row>
    <row r="763581" spans="14:14">
      <c r="N763581" s="10"/>
    </row>
    <row r="763582" spans="14:14">
      <c r="N763582" s="10"/>
    </row>
    <row r="763583" spans="14:14">
      <c r="N763583" s="10"/>
    </row>
    <row r="763584" spans="14:14">
      <c r="N763584" s="10"/>
    </row>
    <row r="763585" spans="14:14">
      <c r="N763585" s="10"/>
    </row>
    <row r="763586" spans="14:14">
      <c r="N763586" s="10"/>
    </row>
    <row r="763587" spans="14:14">
      <c r="N763587" s="10"/>
    </row>
    <row r="763588" spans="14:14">
      <c r="N763588" s="10"/>
    </row>
    <row r="763589" spans="14:14">
      <c r="N763589" s="10"/>
    </row>
    <row r="763590" spans="14:14">
      <c r="N763590" s="10"/>
    </row>
    <row r="763591" spans="14:14">
      <c r="N763591" s="10"/>
    </row>
    <row r="763592" spans="14:14">
      <c r="N763592" s="10"/>
    </row>
    <row r="763593" spans="14:14">
      <c r="N763593" s="10"/>
    </row>
    <row r="763594" spans="14:14">
      <c r="N763594" s="10"/>
    </row>
    <row r="763595" spans="14:14">
      <c r="N763595" s="10"/>
    </row>
    <row r="763596" spans="14:14">
      <c r="N763596" s="10"/>
    </row>
    <row r="763597" spans="14:14">
      <c r="N763597" s="10"/>
    </row>
    <row r="763598" spans="14:14">
      <c r="N763598" s="10"/>
    </row>
    <row r="763599" spans="14:14">
      <c r="N763599" s="10"/>
    </row>
    <row r="763600" spans="14:14">
      <c r="N763600" s="10"/>
    </row>
    <row r="763601" spans="14:14">
      <c r="N763601" s="10"/>
    </row>
    <row r="763602" spans="14:14">
      <c r="N763602" s="10"/>
    </row>
    <row r="763603" spans="14:14">
      <c r="N763603" s="10"/>
    </row>
    <row r="763604" spans="14:14">
      <c r="N763604" s="10"/>
    </row>
    <row r="763605" spans="14:14">
      <c r="N763605" s="10"/>
    </row>
    <row r="763606" spans="14:14">
      <c r="N763606" s="10"/>
    </row>
    <row r="763607" spans="14:14">
      <c r="N763607" s="10"/>
    </row>
    <row r="763608" spans="14:14">
      <c r="N763608" s="10"/>
    </row>
    <row r="763609" spans="14:14">
      <c r="N763609" s="10"/>
    </row>
    <row r="763610" spans="14:14">
      <c r="N763610" s="10"/>
    </row>
    <row r="763611" spans="14:14">
      <c r="N763611" s="10"/>
    </row>
    <row r="763612" spans="14:14">
      <c r="N763612" s="10"/>
    </row>
    <row r="763613" spans="14:14">
      <c r="N763613" s="10"/>
    </row>
    <row r="763614" spans="14:14">
      <c r="N763614" s="10"/>
    </row>
    <row r="763615" spans="14:14">
      <c r="N763615" s="10"/>
    </row>
    <row r="763616" spans="14:14">
      <c r="N763616" s="10"/>
    </row>
    <row r="763617" spans="14:14">
      <c r="N763617" s="10"/>
    </row>
    <row r="763618" spans="14:14">
      <c r="N763618" s="10"/>
    </row>
    <row r="763619" spans="14:14">
      <c r="N763619" s="10"/>
    </row>
    <row r="763620" spans="14:14">
      <c r="N763620" s="10"/>
    </row>
    <row r="763621" spans="14:14">
      <c r="N763621" s="10"/>
    </row>
    <row r="763622" spans="14:14">
      <c r="N763622" s="10"/>
    </row>
    <row r="763623" spans="14:14">
      <c r="N763623" s="10"/>
    </row>
    <row r="763624" spans="14:14">
      <c r="N763624" s="10"/>
    </row>
    <row r="763625" spans="14:14">
      <c r="N763625" s="10"/>
    </row>
    <row r="763626" spans="14:14">
      <c r="N763626" s="10"/>
    </row>
    <row r="763627" spans="14:14">
      <c r="N763627" s="10"/>
    </row>
    <row r="763628" spans="14:14">
      <c r="N763628" s="10"/>
    </row>
    <row r="763629" spans="14:14">
      <c r="N763629" s="10"/>
    </row>
    <row r="763630" spans="14:14">
      <c r="N763630" s="10"/>
    </row>
    <row r="763631" spans="14:14">
      <c r="N763631" s="10"/>
    </row>
    <row r="763632" spans="14:14">
      <c r="N763632" s="10"/>
    </row>
    <row r="763633" spans="14:14">
      <c r="N763633" s="10"/>
    </row>
    <row r="763634" spans="14:14">
      <c r="N763634" s="10"/>
    </row>
    <row r="763635" spans="14:14">
      <c r="N763635" s="10"/>
    </row>
    <row r="763636" spans="14:14">
      <c r="N763636" s="10"/>
    </row>
    <row r="763637" spans="14:14">
      <c r="N763637" s="10"/>
    </row>
    <row r="763638" spans="14:14">
      <c r="N763638" s="10"/>
    </row>
    <row r="763639" spans="14:14">
      <c r="N763639" s="10"/>
    </row>
    <row r="763640" spans="14:14">
      <c r="N763640" s="10"/>
    </row>
    <row r="763641" spans="14:14">
      <c r="N763641" s="10"/>
    </row>
    <row r="763642" spans="14:14">
      <c r="N763642" s="10"/>
    </row>
    <row r="763643" spans="14:14">
      <c r="N763643" s="10"/>
    </row>
    <row r="763644" spans="14:14">
      <c r="N763644" s="10"/>
    </row>
    <row r="763645" spans="14:14">
      <c r="N763645" s="10"/>
    </row>
    <row r="763646" spans="14:14">
      <c r="N763646" s="10"/>
    </row>
    <row r="763647" spans="14:14">
      <c r="N763647" s="10"/>
    </row>
    <row r="763648" spans="14:14">
      <c r="N763648" s="10"/>
    </row>
    <row r="763649" spans="14:14">
      <c r="N763649" s="10"/>
    </row>
    <row r="763650" spans="14:14">
      <c r="N763650" s="10"/>
    </row>
    <row r="763651" spans="14:14">
      <c r="N763651" s="10"/>
    </row>
    <row r="763652" spans="14:14">
      <c r="N763652" s="10"/>
    </row>
    <row r="763653" spans="14:14">
      <c r="N763653" s="10"/>
    </row>
    <row r="763654" spans="14:14">
      <c r="N763654" s="10"/>
    </row>
    <row r="763655" spans="14:14">
      <c r="N763655" s="10"/>
    </row>
    <row r="763656" spans="14:14">
      <c r="N763656" s="10"/>
    </row>
    <row r="763657" spans="14:14">
      <c r="N763657" s="10"/>
    </row>
    <row r="763658" spans="14:14">
      <c r="N763658" s="10"/>
    </row>
    <row r="763659" spans="14:14">
      <c r="N763659" s="10"/>
    </row>
    <row r="763660" spans="14:14">
      <c r="N763660" s="10"/>
    </row>
    <row r="763661" spans="14:14">
      <c r="N763661" s="10"/>
    </row>
    <row r="763662" spans="14:14">
      <c r="N763662" s="10"/>
    </row>
    <row r="763663" spans="14:14">
      <c r="N763663" s="10"/>
    </row>
    <row r="763664" spans="14:14">
      <c r="N763664" s="10"/>
    </row>
    <row r="763665" spans="14:14">
      <c r="N763665" s="10"/>
    </row>
    <row r="763666" spans="14:14">
      <c r="N763666" s="10"/>
    </row>
    <row r="763667" spans="14:14">
      <c r="N763667" s="10"/>
    </row>
    <row r="763668" spans="14:14">
      <c r="N763668" s="10"/>
    </row>
    <row r="763669" spans="14:14">
      <c r="N763669" s="10"/>
    </row>
    <row r="763670" spans="14:14">
      <c r="N763670" s="10"/>
    </row>
    <row r="763671" spans="14:14">
      <c r="N763671" s="10"/>
    </row>
    <row r="763672" spans="14:14">
      <c r="N763672" s="10"/>
    </row>
    <row r="763673" spans="14:14">
      <c r="N763673" s="10"/>
    </row>
    <row r="763674" spans="14:14">
      <c r="N763674" s="10"/>
    </row>
    <row r="763675" spans="14:14">
      <c r="N763675" s="10"/>
    </row>
    <row r="763676" spans="14:14">
      <c r="N763676" s="10"/>
    </row>
    <row r="763677" spans="14:14">
      <c r="N763677" s="10"/>
    </row>
    <row r="763678" spans="14:14">
      <c r="N763678" s="10"/>
    </row>
    <row r="763679" spans="14:14">
      <c r="N763679" s="10"/>
    </row>
    <row r="763680" spans="14:14">
      <c r="N763680" s="10"/>
    </row>
    <row r="763681" spans="14:14">
      <c r="N763681" s="10"/>
    </row>
    <row r="763682" spans="14:14">
      <c r="N763682" s="10"/>
    </row>
    <row r="763683" spans="14:14">
      <c r="N763683" s="10"/>
    </row>
    <row r="763684" spans="14:14">
      <c r="N763684" s="10"/>
    </row>
    <row r="763685" spans="14:14">
      <c r="N763685" s="10"/>
    </row>
    <row r="763686" spans="14:14">
      <c r="N763686" s="10"/>
    </row>
    <row r="763687" spans="14:14">
      <c r="N763687" s="10"/>
    </row>
    <row r="763688" spans="14:14">
      <c r="N763688" s="10"/>
    </row>
    <row r="763689" spans="14:14">
      <c r="N763689" s="10"/>
    </row>
    <row r="763690" spans="14:14">
      <c r="N763690" s="10"/>
    </row>
    <row r="763691" spans="14:14">
      <c r="N763691" s="10"/>
    </row>
    <row r="763692" spans="14:14">
      <c r="N763692" s="10"/>
    </row>
    <row r="763693" spans="14:14">
      <c r="N763693" s="10"/>
    </row>
    <row r="763694" spans="14:14">
      <c r="N763694" s="10"/>
    </row>
    <row r="763695" spans="14:14">
      <c r="N763695" s="10"/>
    </row>
    <row r="763696" spans="14:14">
      <c r="N763696" s="10"/>
    </row>
    <row r="763697" spans="14:14">
      <c r="N763697" s="10"/>
    </row>
    <row r="763698" spans="14:14">
      <c r="N763698" s="10"/>
    </row>
    <row r="763699" spans="14:14">
      <c r="N763699" s="10"/>
    </row>
    <row r="763700" spans="14:14">
      <c r="N763700" s="10"/>
    </row>
    <row r="763701" spans="14:14">
      <c r="N763701" s="10"/>
    </row>
    <row r="763702" spans="14:14">
      <c r="N763702" s="10"/>
    </row>
    <row r="763703" spans="14:14">
      <c r="N763703" s="10"/>
    </row>
    <row r="763704" spans="14:14">
      <c r="N763704" s="10"/>
    </row>
    <row r="763705" spans="14:14">
      <c r="N763705" s="10"/>
    </row>
    <row r="763706" spans="14:14">
      <c r="N763706" s="10"/>
    </row>
    <row r="763707" spans="14:14">
      <c r="N763707" s="10"/>
    </row>
    <row r="763708" spans="14:14">
      <c r="N763708" s="10"/>
    </row>
    <row r="763709" spans="14:14">
      <c r="N763709" s="10"/>
    </row>
    <row r="763710" spans="14:14">
      <c r="N763710" s="10"/>
    </row>
    <row r="763711" spans="14:14">
      <c r="N763711" s="10"/>
    </row>
    <row r="763712" spans="14:14">
      <c r="N763712" s="10"/>
    </row>
    <row r="763713" spans="14:14">
      <c r="N763713" s="10"/>
    </row>
    <row r="763714" spans="14:14">
      <c r="N763714" s="10"/>
    </row>
    <row r="763715" spans="14:14">
      <c r="N763715" s="10"/>
    </row>
    <row r="763716" spans="14:14">
      <c r="N763716" s="10"/>
    </row>
    <row r="763717" spans="14:14">
      <c r="N763717" s="10"/>
    </row>
    <row r="763718" spans="14:14">
      <c r="N763718" s="10"/>
    </row>
    <row r="763719" spans="14:14">
      <c r="N763719" s="10"/>
    </row>
    <row r="763720" spans="14:14">
      <c r="N763720" s="10"/>
    </row>
    <row r="763721" spans="14:14">
      <c r="N763721" s="10"/>
    </row>
    <row r="763722" spans="14:14">
      <c r="N763722" s="10"/>
    </row>
    <row r="763723" spans="14:14">
      <c r="N763723" s="10"/>
    </row>
    <row r="763724" spans="14:14">
      <c r="N763724" s="10"/>
    </row>
    <row r="763725" spans="14:14">
      <c r="N763725" s="10"/>
    </row>
    <row r="763726" spans="14:14">
      <c r="N763726" s="10"/>
    </row>
    <row r="763727" spans="14:14">
      <c r="N763727" s="10"/>
    </row>
    <row r="763728" spans="14:14">
      <c r="N763728" s="10"/>
    </row>
    <row r="763729" spans="14:14">
      <c r="N763729" s="10"/>
    </row>
    <row r="763730" spans="14:14">
      <c r="N763730" s="10"/>
    </row>
    <row r="763731" spans="14:14">
      <c r="N763731" s="10"/>
    </row>
    <row r="763732" spans="14:14">
      <c r="N763732" s="10"/>
    </row>
    <row r="763733" spans="14:14">
      <c r="N763733" s="10"/>
    </row>
    <row r="763734" spans="14:14">
      <c r="N763734" s="10"/>
    </row>
    <row r="763735" spans="14:14">
      <c r="N763735" s="10"/>
    </row>
    <row r="763736" spans="14:14">
      <c r="N763736" s="10"/>
    </row>
    <row r="763737" spans="14:14">
      <c r="N763737" s="10"/>
    </row>
    <row r="763738" spans="14:14">
      <c r="N763738" s="10"/>
    </row>
    <row r="763739" spans="14:14">
      <c r="N763739" s="10"/>
    </row>
    <row r="763740" spans="14:14">
      <c r="N763740" s="10"/>
    </row>
    <row r="763741" spans="14:14">
      <c r="N763741" s="10"/>
    </row>
    <row r="763742" spans="14:14">
      <c r="N763742" s="10"/>
    </row>
    <row r="763743" spans="14:14">
      <c r="N763743" s="10"/>
    </row>
    <row r="763744" spans="14:14">
      <c r="N763744" s="10"/>
    </row>
    <row r="763745" spans="14:14">
      <c r="N763745" s="10"/>
    </row>
    <row r="763746" spans="14:14">
      <c r="N763746" s="10"/>
    </row>
    <row r="763747" spans="14:14">
      <c r="N763747" s="10"/>
    </row>
    <row r="763748" spans="14:14">
      <c r="N763748" s="10"/>
    </row>
    <row r="763749" spans="14:14">
      <c r="N763749" s="10"/>
    </row>
    <row r="763750" spans="14:14">
      <c r="N763750" s="10"/>
    </row>
    <row r="763751" spans="14:14">
      <c r="N763751" s="10"/>
    </row>
    <row r="763752" spans="14:14">
      <c r="N763752" s="10"/>
    </row>
    <row r="763753" spans="14:14">
      <c r="N763753" s="10"/>
    </row>
    <row r="763754" spans="14:14">
      <c r="N763754" s="10"/>
    </row>
    <row r="763755" spans="14:14">
      <c r="N763755" s="10"/>
    </row>
    <row r="763756" spans="14:14">
      <c r="N763756" s="10"/>
    </row>
    <row r="763757" spans="14:14">
      <c r="N763757" s="10"/>
    </row>
    <row r="763758" spans="14:14">
      <c r="N763758" s="10"/>
    </row>
    <row r="763759" spans="14:14">
      <c r="N763759" s="10"/>
    </row>
    <row r="763760" spans="14:14">
      <c r="N763760" s="10"/>
    </row>
    <row r="763761" spans="14:14">
      <c r="N763761" s="10"/>
    </row>
    <row r="763762" spans="14:14">
      <c r="N763762" s="10"/>
    </row>
    <row r="763763" spans="14:14">
      <c r="N763763" s="10"/>
    </row>
    <row r="763764" spans="14:14">
      <c r="N763764" s="10"/>
    </row>
    <row r="763765" spans="14:14">
      <c r="N763765" s="10"/>
    </row>
    <row r="763766" spans="14:14">
      <c r="N763766" s="10"/>
    </row>
    <row r="763767" spans="14:14">
      <c r="N763767" s="10"/>
    </row>
    <row r="763768" spans="14:14">
      <c r="N763768" s="10"/>
    </row>
    <row r="763769" spans="14:14">
      <c r="N763769" s="10"/>
    </row>
    <row r="763770" spans="14:14">
      <c r="N763770" s="10"/>
    </row>
    <row r="763771" spans="14:14">
      <c r="N763771" s="10"/>
    </row>
    <row r="763772" spans="14:14">
      <c r="N763772" s="10"/>
    </row>
    <row r="763773" spans="14:14">
      <c r="N763773" s="10"/>
    </row>
    <row r="763774" spans="14:14">
      <c r="N763774" s="10"/>
    </row>
    <row r="763775" spans="14:14">
      <c r="N763775" s="10"/>
    </row>
    <row r="763776" spans="14:14">
      <c r="N763776" s="10"/>
    </row>
    <row r="763777" spans="14:14">
      <c r="N763777" s="10"/>
    </row>
    <row r="763778" spans="14:14">
      <c r="N763778" s="10"/>
    </row>
    <row r="763779" spans="14:14">
      <c r="N763779" s="10"/>
    </row>
    <row r="763780" spans="14:14">
      <c r="N763780" s="10"/>
    </row>
    <row r="763781" spans="14:14">
      <c r="N763781" s="10"/>
    </row>
    <row r="763782" spans="14:14">
      <c r="N763782" s="10"/>
    </row>
    <row r="763783" spans="14:14">
      <c r="N763783" s="10"/>
    </row>
    <row r="763784" spans="14:14">
      <c r="N763784" s="10"/>
    </row>
    <row r="763785" spans="14:14">
      <c r="N763785" s="10"/>
    </row>
    <row r="763786" spans="14:14">
      <c r="N763786" s="10"/>
    </row>
    <row r="763787" spans="14:14">
      <c r="N763787" s="10"/>
    </row>
    <row r="763788" spans="14:14">
      <c r="N763788" s="10"/>
    </row>
    <row r="763789" spans="14:14">
      <c r="N763789" s="10"/>
    </row>
    <row r="763790" spans="14:14">
      <c r="N763790" s="10"/>
    </row>
    <row r="763791" spans="14:14">
      <c r="N763791" s="10"/>
    </row>
    <row r="763792" spans="14:14">
      <c r="N763792" s="10"/>
    </row>
    <row r="763793" spans="14:14">
      <c r="N763793" s="10"/>
    </row>
    <row r="763794" spans="14:14">
      <c r="N763794" s="10"/>
    </row>
    <row r="763795" spans="14:14">
      <c r="N763795" s="10"/>
    </row>
    <row r="763796" spans="14:14">
      <c r="N763796" s="10"/>
    </row>
    <row r="763797" spans="14:14">
      <c r="N763797" s="10"/>
    </row>
    <row r="763798" spans="14:14">
      <c r="N763798" s="10"/>
    </row>
    <row r="763799" spans="14:14">
      <c r="N763799" s="10"/>
    </row>
    <row r="763800" spans="14:14">
      <c r="N763800" s="10"/>
    </row>
    <row r="763801" spans="14:14">
      <c r="N763801" s="10"/>
    </row>
    <row r="763802" spans="14:14">
      <c r="N763802" s="10"/>
    </row>
    <row r="763803" spans="14:14">
      <c r="N763803" s="10"/>
    </row>
    <row r="763804" spans="14:14">
      <c r="N763804" s="10"/>
    </row>
    <row r="763805" spans="14:14">
      <c r="N763805" s="10"/>
    </row>
    <row r="763806" spans="14:14">
      <c r="N763806" s="10"/>
    </row>
    <row r="763807" spans="14:14">
      <c r="N763807" s="10"/>
    </row>
    <row r="763808" spans="14:14">
      <c r="N763808" s="10"/>
    </row>
    <row r="763809" spans="14:14">
      <c r="N763809" s="10"/>
    </row>
    <row r="763810" spans="14:14">
      <c r="N763810" s="10"/>
    </row>
    <row r="763811" spans="14:14">
      <c r="N763811" s="10"/>
    </row>
    <row r="763812" spans="14:14">
      <c r="N763812" s="10"/>
    </row>
    <row r="763813" spans="14:14">
      <c r="N763813" s="10"/>
    </row>
    <row r="763814" spans="14:14">
      <c r="N763814" s="10"/>
    </row>
    <row r="763815" spans="14:14">
      <c r="N763815" s="10"/>
    </row>
    <row r="763816" spans="14:14">
      <c r="N763816" s="10"/>
    </row>
    <row r="763817" spans="14:14">
      <c r="N763817" s="10"/>
    </row>
    <row r="763818" spans="14:14">
      <c r="N763818" s="10"/>
    </row>
    <row r="763819" spans="14:14">
      <c r="N763819" s="10"/>
    </row>
    <row r="763820" spans="14:14">
      <c r="N763820" s="10"/>
    </row>
    <row r="763821" spans="14:14">
      <c r="N763821" s="10"/>
    </row>
    <row r="763822" spans="14:14">
      <c r="N763822" s="10"/>
    </row>
    <row r="763823" spans="14:14">
      <c r="N763823" s="10"/>
    </row>
    <row r="763824" spans="14:14">
      <c r="N763824" s="10"/>
    </row>
    <row r="763825" spans="14:14">
      <c r="N763825" s="10"/>
    </row>
    <row r="763826" spans="14:14">
      <c r="N763826" s="10"/>
    </row>
    <row r="763827" spans="14:14">
      <c r="N763827" s="10"/>
    </row>
    <row r="763828" spans="14:14">
      <c r="N763828" s="10"/>
    </row>
    <row r="763829" spans="14:14">
      <c r="N763829" s="10"/>
    </row>
    <row r="763830" spans="14:14">
      <c r="N763830" s="10"/>
    </row>
    <row r="763831" spans="14:14">
      <c r="N763831" s="10"/>
    </row>
    <row r="763832" spans="14:14">
      <c r="N763832" s="10"/>
    </row>
    <row r="763833" spans="14:14">
      <c r="N763833" s="10"/>
    </row>
    <row r="763834" spans="14:14">
      <c r="N763834" s="10"/>
    </row>
    <row r="763835" spans="14:14">
      <c r="N763835" s="10"/>
    </row>
    <row r="763836" spans="14:14">
      <c r="N763836" s="10"/>
    </row>
    <row r="763837" spans="14:14">
      <c r="N763837" s="10"/>
    </row>
    <row r="763838" spans="14:14">
      <c r="N763838" s="10"/>
    </row>
    <row r="763839" spans="14:14">
      <c r="N763839" s="10"/>
    </row>
    <row r="763840" spans="14:14">
      <c r="N763840" s="10"/>
    </row>
    <row r="763841" spans="14:14">
      <c r="N763841" s="10"/>
    </row>
    <row r="763842" spans="14:14">
      <c r="N763842" s="10"/>
    </row>
    <row r="763843" spans="14:14">
      <c r="N763843" s="10"/>
    </row>
    <row r="763844" spans="14:14">
      <c r="N763844" s="10"/>
    </row>
    <row r="763845" spans="14:14">
      <c r="N763845" s="10"/>
    </row>
    <row r="763846" spans="14:14">
      <c r="N763846" s="10"/>
    </row>
    <row r="763847" spans="14:14">
      <c r="N763847" s="10"/>
    </row>
    <row r="763848" spans="14:14">
      <c r="N763848" s="10"/>
    </row>
    <row r="763849" spans="14:14">
      <c r="N763849" s="10"/>
    </row>
    <row r="763850" spans="14:14">
      <c r="N763850" s="10"/>
    </row>
    <row r="763851" spans="14:14">
      <c r="N763851" s="10"/>
    </row>
    <row r="763852" spans="14:14">
      <c r="N763852" s="10"/>
    </row>
    <row r="763853" spans="14:14">
      <c r="N763853" s="10"/>
    </row>
    <row r="763854" spans="14:14">
      <c r="N763854" s="10"/>
    </row>
    <row r="763855" spans="14:14">
      <c r="N763855" s="10"/>
    </row>
    <row r="763856" spans="14:14">
      <c r="N763856" s="10"/>
    </row>
    <row r="763857" spans="14:14">
      <c r="N763857" s="10"/>
    </row>
    <row r="763858" spans="14:14">
      <c r="N763858" s="10"/>
    </row>
    <row r="763859" spans="14:14">
      <c r="N763859" s="10"/>
    </row>
    <row r="763860" spans="14:14">
      <c r="N763860" s="10"/>
    </row>
    <row r="763861" spans="14:14">
      <c r="N763861" s="10"/>
    </row>
    <row r="763862" spans="14:14">
      <c r="N763862" s="10"/>
    </row>
    <row r="763863" spans="14:14">
      <c r="N763863" s="10"/>
    </row>
    <row r="763864" spans="14:14">
      <c r="N763864" s="10"/>
    </row>
    <row r="763865" spans="14:14">
      <c r="N763865" s="10"/>
    </row>
    <row r="763866" spans="14:14">
      <c r="N763866" s="10"/>
    </row>
    <row r="763867" spans="14:14">
      <c r="N763867" s="10"/>
    </row>
    <row r="763868" spans="14:14">
      <c r="N763868" s="10"/>
    </row>
    <row r="763869" spans="14:14">
      <c r="N763869" s="10"/>
    </row>
    <row r="763870" spans="14:14">
      <c r="N763870" s="10"/>
    </row>
    <row r="763871" spans="14:14">
      <c r="N763871" s="10"/>
    </row>
    <row r="763872" spans="14:14">
      <c r="N763872" s="10"/>
    </row>
    <row r="763873" spans="14:14">
      <c r="N763873" s="10"/>
    </row>
    <row r="763874" spans="14:14">
      <c r="N763874" s="10"/>
    </row>
    <row r="763875" spans="14:14">
      <c r="N763875" s="10"/>
    </row>
    <row r="763876" spans="14:14">
      <c r="N763876" s="10"/>
    </row>
    <row r="763877" spans="14:14">
      <c r="N763877" s="10"/>
    </row>
    <row r="763878" spans="14:14">
      <c r="N763878" s="10"/>
    </row>
    <row r="763879" spans="14:14">
      <c r="N763879" s="10"/>
    </row>
    <row r="763880" spans="14:14">
      <c r="N763880" s="10"/>
    </row>
    <row r="763881" spans="14:14">
      <c r="N763881" s="10"/>
    </row>
    <row r="763882" spans="14:14">
      <c r="N763882" s="10"/>
    </row>
    <row r="763883" spans="14:14">
      <c r="N763883" s="10"/>
    </row>
    <row r="763884" spans="14:14">
      <c r="N763884" s="10"/>
    </row>
    <row r="763885" spans="14:14">
      <c r="N763885" s="10"/>
    </row>
    <row r="763886" spans="14:14">
      <c r="N763886" s="10"/>
    </row>
    <row r="763887" spans="14:14">
      <c r="N763887" s="10"/>
    </row>
    <row r="763888" spans="14:14">
      <c r="N763888" s="10"/>
    </row>
    <row r="763889" spans="14:14">
      <c r="N763889" s="10"/>
    </row>
    <row r="763890" spans="14:14">
      <c r="N763890" s="10"/>
    </row>
    <row r="763891" spans="14:14">
      <c r="N763891" s="10"/>
    </row>
    <row r="763892" spans="14:14">
      <c r="N763892" s="10"/>
    </row>
    <row r="763893" spans="14:14">
      <c r="N763893" s="10"/>
    </row>
    <row r="763894" spans="14:14">
      <c r="N763894" s="10"/>
    </row>
    <row r="763895" spans="14:14">
      <c r="N763895" s="10"/>
    </row>
    <row r="763896" spans="14:14">
      <c r="N763896" s="10"/>
    </row>
    <row r="763897" spans="14:14">
      <c r="N763897" s="10"/>
    </row>
    <row r="763898" spans="14:14">
      <c r="N763898" s="10"/>
    </row>
    <row r="763899" spans="14:14">
      <c r="N763899" s="10"/>
    </row>
    <row r="763900" spans="14:14">
      <c r="N763900" s="10"/>
    </row>
    <row r="763901" spans="14:14">
      <c r="N763901" s="10"/>
    </row>
    <row r="763902" spans="14:14">
      <c r="N763902" s="10"/>
    </row>
    <row r="763903" spans="14:14">
      <c r="N763903" s="10"/>
    </row>
    <row r="763904" spans="14:14">
      <c r="N763904" s="10"/>
    </row>
    <row r="763905" spans="14:14">
      <c r="N763905" s="10"/>
    </row>
    <row r="763906" spans="14:14">
      <c r="N763906" s="10"/>
    </row>
    <row r="763907" spans="14:14">
      <c r="N763907" s="10"/>
    </row>
    <row r="763908" spans="14:14">
      <c r="N763908" s="10"/>
    </row>
    <row r="763909" spans="14:14">
      <c r="N763909" s="10"/>
    </row>
    <row r="763910" spans="14:14">
      <c r="N763910" s="10"/>
    </row>
    <row r="763911" spans="14:14">
      <c r="N763911" s="10"/>
    </row>
    <row r="763912" spans="14:14">
      <c r="N763912" s="10"/>
    </row>
    <row r="763913" spans="14:14">
      <c r="N763913" s="10"/>
    </row>
    <row r="763914" spans="14:14">
      <c r="N763914" s="10"/>
    </row>
    <row r="763915" spans="14:14">
      <c r="N763915" s="10"/>
    </row>
    <row r="763916" spans="14:14">
      <c r="N763916" s="10"/>
    </row>
    <row r="763917" spans="14:14">
      <c r="N763917" s="10"/>
    </row>
    <row r="763918" spans="14:14">
      <c r="N763918" s="10"/>
    </row>
    <row r="763919" spans="14:14">
      <c r="N763919" s="10"/>
    </row>
    <row r="763920" spans="14:14">
      <c r="N763920" s="10"/>
    </row>
    <row r="763921" spans="14:14">
      <c r="N763921" s="10"/>
    </row>
    <row r="763922" spans="14:14">
      <c r="N763922" s="10"/>
    </row>
    <row r="763923" spans="14:14">
      <c r="N763923" s="10"/>
    </row>
    <row r="763924" spans="14:14">
      <c r="N763924" s="10"/>
    </row>
    <row r="763925" spans="14:14">
      <c r="N763925" s="10"/>
    </row>
    <row r="763926" spans="14:14">
      <c r="N763926" s="10"/>
    </row>
    <row r="763927" spans="14:14">
      <c r="N763927" s="10"/>
    </row>
    <row r="763928" spans="14:14">
      <c r="N763928" s="10"/>
    </row>
    <row r="763929" spans="14:14">
      <c r="N763929" s="10"/>
    </row>
    <row r="763930" spans="14:14">
      <c r="N763930" s="10"/>
    </row>
    <row r="763931" spans="14:14">
      <c r="N763931" s="10"/>
    </row>
    <row r="763932" spans="14:14">
      <c r="N763932" s="10"/>
    </row>
    <row r="763933" spans="14:14">
      <c r="N763933" s="10"/>
    </row>
    <row r="763934" spans="14:14">
      <c r="N763934" s="10"/>
    </row>
    <row r="763935" spans="14:14">
      <c r="N763935" s="10"/>
    </row>
    <row r="763936" spans="14:14">
      <c r="N763936" s="10"/>
    </row>
    <row r="763937" spans="14:14">
      <c r="N763937" s="10"/>
    </row>
    <row r="763938" spans="14:14">
      <c r="N763938" s="10"/>
    </row>
    <row r="763939" spans="14:14">
      <c r="N763939" s="10"/>
    </row>
    <row r="763940" spans="14:14">
      <c r="N763940" s="10"/>
    </row>
    <row r="763941" spans="14:14">
      <c r="N763941" s="10"/>
    </row>
    <row r="763942" spans="14:14">
      <c r="N763942" s="10"/>
    </row>
    <row r="763943" spans="14:14">
      <c r="N763943" s="10"/>
    </row>
    <row r="763944" spans="14:14">
      <c r="N763944" s="10"/>
    </row>
    <row r="763945" spans="14:14">
      <c r="N763945" s="10"/>
    </row>
    <row r="763946" spans="14:14">
      <c r="N763946" s="10"/>
    </row>
    <row r="763947" spans="14:14">
      <c r="N763947" s="10"/>
    </row>
    <row r="763948" spans="14:14">
      <c r="N763948" s="10"/>
    </row>
    <row r="763949" spans="14:14">
      <c r="N763949" s="10"/>
    </row>
    <row r="763950" spans="14:14">
      <c r="N763950" s="10"/>
    </row>
    <row r="763951" spans="14:14">
      <c r="N763951" s="10"/>
    </row>
    <row r="763952" spans="14:14">
      <c r="N763952" s="10"/>
    </row>
    <row r="763953" spans="14:14">
      <c r="N763953" s="10"/>
    </row>
    <row r="763954" spans="14:14">
      <c r="N763954" s="10"/>
    </row>
    <row r="763955" spans="14:14">
      <c r="N763955" s="10"/>
    </row>
    <row r="763956" spans="14:14">
      <c r="N763956" s="10"/>
    </row>
    <row r="763957" spans="14:14">
      <c r="N763957" s="10"/>
    </row>
    <row r="763958" spans="14:14">
      <c r="N763958" s="10"/>
    </row>
    <row r="763959" spans="14:14">
      <c r="N763959" s="10"/>
    </row>
    <row r="763960" spans="14:14">
      <c r="N763960" s="10"/>
    </row>
    <row r="763961" spans="14:14">
      <c r="N763961" s="10"/>
    </row>
    <row r="763962" spans="14:14">
      <c r="N763962" s="10"/>
    </row>
    <row r="763963" spans="14:14">
      <c r="N763963" s="10"/>
    </row>
    <row r="763964" spans="14:14">
      <c r="N763964" s="10"/>
    </row>
    <row r="763965" spans="14:14">
      <c r="N763965" s="10"/>
    </row>
    <row r="763966" spans="14:14">
      <c r="N763966" s="10"/>
    </row>
    <row r="763967" spans="14:14">
      <c r="N763967" s="10"/>
    </row>
    <row r="763968" spans="14:14">
      <c r="N763968" s="10"/>
    </row>
    <row r="763969" spans="14:14">
      <c r="N763969" s="10"/>
    </row>
    <row r="763970" spans="14:14">
      <c r="N763970" s="10"/>
    </row>
    <row r="763971" spans="14:14">
      <c r="N763971" s="10"/>
    </row>
    <row r="763972" spans="14:14">
      <c r="N763972" s="10"/>
    </row>
    <row r="763973" spans="14:14">
      <c r="N763973" s="10"/>
    </row>
    <row r="763974" spans="14:14">
      <c r="N763974" s="10"/>
    </row>
    <row r="763975" spans="14:14">
      <c r="N763975" s="10"/>
    </row>
    <row r="763976" spans="14:14">
      <c r="N763976" s="10"/>
    </row>
    <row r="763977" spans="14:14">
      <c r="N763977" s="10"/>
    </row>
    <row r="763978" spans="14:14">
      <c r="N763978" s="10"/>
    </row>
    <row r="763979" spans="14:14">
      <c r="N763979" s="10"/>
    </row>
    <row r="763980" spans="14:14">
      <c r="N763980" s="10"/>
    </row>
    <row r="763981" spans="14:14">
      <c r="N763981" s="10"/>
    </row>
    <row r="763982" spans="14:14">
      <c r="N763982" s="10"/>
    </row>
    <row r="763983" spans="14:14">
      <c r="N763983" s="10"/>
    </row>
    <row r="763984" spans="14:14">
      <c r="N763984" s="10"/>
    </row>
    <row r="763985" spans="14:14">
      <c r="N763985" s="10"/>
    </row>
    <row r="763986" spans="14:14">
      <c r="N763986" s="10"/>
    </row>
    <row r="763987" spans="14:14">
      <c r="N763987" s="10"/>
    </row>
    <row r="763988" spans="14:14">
      <c r="N763988" s="10"/>
    </row>
    <row r="763989" spans="14:14">
      <c r="N763989" s="10"/>
    </row>
    <row r="763990" spans="14:14">
      <c r="N763990" s="10"/>
    </row>
    <row r="763991" spans="14:14">
      <c r="N763991" s="10"/>
    </row>
    <row r="763992" spans="14:14">
      <c r="N763992" s="10"/>
    </row>
    <row r="763993" spans="14:14">
      <c r="N763993" s="10"/>
    </row>
    <row r="763994" spans="14:14">
      <c r="N763994" s="10"/>
    </row>
    <row r="763995" spans="14:14">
      <c r="N763995" s="10"/>
    </row>
    <row r="763996" spans="14:14">
      <c r="N763996" s="10"/>
    </row>
    <row r="763997" spans="14:14">
      <c r="N763997" s="10"/>
    </row>
    <row r="763998" spans="14:14">
      <c r="N763998" s="10"/>
    </row>
    <row r="763999" spans="14:14">
      <c r="N763999" s="10"/>
    </row>
    <row r="764000" spans="14:14">
      <c r="N764000" s="10"/>
    </row>
    <row r="764001" spans="14:14">
      <c r="N764001" s="10"/>
    </row>
    <row r="764002" spans="14:14">
      <c r="N764002" s="10"/>
    </row>
    <row r="764003" spans="14:14">
      <c r="N764003" s="10"/>
    </row>
    <row r="764004" spans="14:14">
      <c r="N764004" s="10"/>
    </row>
    <row r="764005" spans="14:14">
      <c r="N764005" s="10"/>
    </row>
    <row r="764006" spans="14:14">
      <c r="N764006" s="10"/>
    </row>
    <row r="764007" spans="14:14">
      <c r="N764007" s="10"/>
    </row>
    <row r="764008" spans="14:14">
      <c r="N764008" s="10"/>
    </row>
    <row r="764009" spans="14:14">
      <c r="N764009" s="10"/>
    </row>
    <row r="764010" spans="14:14">
      <c r="N764010" s="10"/>
    </row>
    <row r="764011" spans="14:14">
      <c r="N764011" s="10"/>
    </row>
    <row r="764012" spans="14:14">
      <c r="N764012" s="10"/>
    </row>
    <row r="764013" spans="14:14">
      <c r="N764013" s="10"/>
    </row>
    <row r="764014" spans="14:14">
      <c r="N764014" s="10"/>
    </row>
    <row r="764015" spans="14:14">
      <c r="N764015" s="10"/>
    </row>
    <row r="764016" spans="14:14">
      <c r="N764016" s="10"/>
    </row>
    <row r="764017" spans="14:14">
      <c r="N764017" s="10"/>
    </row>
    <row r="764018" spans="14:14">
      <c r="N764018" s="10"/>
    </row>
    <row r="764019" spans="14:14">
      <c r="N764019" s="10"/>
    </row>
    <row r="764020" spans="14:14">
      <c r="N764020" s="10"/>
    </row>
    <row r="764021" spans="14:14">
      <c r="N764021" s="10"/>
    </row>
    <row r="764022" spans="14:14">
      <c r="N764022" s="10"/>
    </row>
    <row r="764023" spans="14:14">
      <c r="N764023" s="10"/>
    </row>
    <row r="764024" spans="14:14">
      <c r="N764024" s="10"/>
    </row>
    <row r="764025" spans="14:14">
      <c r="N764025" s="10"/>
    </row>
    <row r="764026" spans="14:14">
      <c r="N764026" s="10"/>
    </row>
    <row r="764027" spans="14:14">
      <c r="N764027" s="10"/>
    </row>
    <row r="764028" spans="14:14">
      <c r="N764028" s="10"/>
    </row>
    <row r="764029" spans="14:14">
      <c r="N764029" s="10"/>
    </row>
    <row r="764030" spans="14:14">
      <c r="N764030" s="10"/>
    </row>
    <row r="764031" spans="14:14">
      <c r="N764031" s="10"/>
    </row>
    <row r="764032" spans="14:14">
      <c r="N764032" s="10"/>
    </row>
    <row r="764033" spans="14:14">
      <c r="N764033" s="10"/>
    </row>
    <row r="764034" spans="14:14">
      <c r="N764034" s="10"/>
    </row>
    <row r="764035" spans="14:14">
      <c r="N764035" s="10"/>
    </row>
    <row r="764036" spans="14:14">
      <c r="N764036" s="10"/>
    </row>
    <row r="764037" spans="14:14">
      <c r="N764037" s="10"/>
    </row>
    <row r="764038" spans="14:14">
      <c r="N764038" s="10"/>
    </row>
    <row r="764039" spans="14:14">
      <c r="N764039" s="10"/>
    </row>
    <row r="764040" spans="14:14">
      <c r="N764040" s="10"/>
    </row>
    <row r="764041" spans="14:14">
      <c r="N764041" s="10"/>
    </row>
    <row r="764042" spans="14:14">
      <c r="N764042" s="10"/>
    </row>
    <row r="764043" spans="14:14">
      <c r="N764043" s="10"/>
    </row>
    <row r="764044" spans="14:14">
      <c r="N764044" s="10"/>
    </row>
    <row r="764045" spans="14:14">
      <c r="N764045" s="10"/>
    </row>
    <row r="764046" spans="14:14">
      <c r="N764046" s="10"/>
    </row>
    <row r="764047" spans="14:14">
      <c r="N764047" s="10"/>
    </row>
    <row r="764048" spans="14:14">
      <c r="N764048" s="10"/>
    </row>
    <row r="764049" spans="14:14">
      <c r="N764049" s="10"/>
    </row>
    <row r="764050" spans="14:14">
      <c r="N764050" s="10"/>
    </row>
    <row r="764051" spans="14:14">
      <c r="N764051" s="10"/>
    </row>
    <row r="764052" spans="14:14">
      <c r="N764052" s="10"/>
    </row>
    <row r="764053" spans="14:14">
      <c r="N764053" s="10"/>
    </row>
    <row r="764054" spans="14:14">
      <c r="N764054" s="10"/>
    </row>
    <row r="764055" spans="14:14">
      <c r="N764055" s="10"/>
    </row>
    <row r="764056" spans="14:14">
      <c r="N764056" s="10"/>
    </row>
    <row r="764057" spans="14:14">
      <c r="N764057" s="10"/>
    </row>
    <row r="764058" spans="14:14">
      <c r="N764058" s="10"/>
    </row>
    <row r="764059" spans="14:14">
      <c r="N764059" s="10"/>
    </row>
    <row r="764060" spans="14:14">
      <c r="N764060" s="10"/>
    </row>
    <row r="764061" spans="14:14">
      <c r="N764061" s="10"/>
    </row>
    <row r="764062" spans="14:14">
      <c r="N764062" s="10"/>
    </row>
    <row r="764063" spans="14:14">
      <c r="N764063" s="10"/>
    </row>
    <row r="764064" spans="14:14">
      <c r="N764064" s="10"/>
    </row>
    <row r="764065" spans="14:14">
      <c r="N764065" s="10"/>
    </row>
    <row r="764066" spans="14:14">
      <c r="N764066" s="10"/>
    </row>
    <row r="764067" spans="14:14">
      <c r="N764067" s="10"/>
    </row>
    <row r="764068" spans="14:14">
      <c r="N764068" s="10"/>
    </row>
    <row r="764069" spans="14:14">
      <c r="N764069" s="10"/>
    </row>
    <row r="764070" spans="14:14">
      <c r="N764070" s="10"/>
    </row>
    <row r="764071" spans="14:14">
      <c r="N764071" s="10"/>
    </row>
    <row r="764072" spans="14:14">
      <c r="N764072" s="10"/>
    </row>
    <row r="764073" spans="14:14">
      <c r="N764073" s="10"/>
    </row>
    <row r="764074" spans="14:14">
      <c r="N764074" s="10"/>
    </row>
    <row r="764075" spans="14:14">
      <c r="N764075" s="10"/>
    </row>
    <row r="764076" spans="14:14">
      <c r="N764076" s="10"/>
    </row>
    <row r="764077" spans="14:14">
      <c r="N764077" s="10"/>
    </row>
    <row r="764078" spans="14:14">
      <c r="N764078" s="10"/>
    </row>
    <row r="764079" spans="14:14">
      <c r="N764079" s="10"/>
    </row>
    <row r="764080" spans="14:14">
      <c r="N764080" s="10"/>
    </row>
    <row r="764081" spans="14:14">
      <c r="N764081" s="10"/>
    </row>
    <row r="764082" spans="14:14">
      <c r="N764082" s="10"/>
    </row>
    <row r="764083" spans="14:14">
      <c r="N764083" s="10"/>
    </row>
    <row r="764084" spans="14:14">
      <c r="N764084" s="10"/>
    </row>
    <row r="764085" spans="14:14">
      <c r="N764085" s="10"/>
    </row>
    <row r="764086" spans="14:14">
      <c r="N764086" s="10"/>
    </row>
    <row r="764087" spans="14:14">
      <c r="N764087" s="10"/>
    </row>
    <row r="764088" spans="14:14">
      <c r="N764088" s="10"/>
    </row>
    <row r="764089" spans="14:14">
      <c r="N764089" s="10"/>
    </row>
    <row r="764090" spans="14:14">
      <c r="N764090" s="10"/>
    </row>
    <row r="764091" spans="14:14">
      <c r="N764091" s="10"/>
    </row>
    <row r="764092" spans="14:14">
      <c r="N764092" s="10"/>
    </row>
    <row r="764093" spans="14:14">
      <c r="N764093" s="10"/>
    </row>
    <row r="764094" spans="14:14">
      <c r="N764094" s="10"/>
    </row>
    <row r="764095" spans="14:14">
      <c r="N764095" s="10"/>
    </row>
    <row r="764096" spans="14:14">
      <c r="N764096" s="10"/>
    </row>
    <row r="764097" spans="14:14">
      <c r="N764097" s="10"/>
    </row>
    <row r="764098" spans="14:14">
      <c r="N764098" s="10"/>
    </row>
    <row r="764099" spans="14:14">
      <c r="N764099" s="10"/>
    </row>
    <row r="764100" spans="14:14">
      <c r="N764100" s="10"/>
    </row>
    <row r="764101" spans="14:14">
      <c r="N764101" s="10"/>
    </row>
    <row r="764102" spans="14:14">
      <c r="N764102" s="10"/>
    </row>
    <row r="764103" spans="14:14">
      <c r="N764103" s="10"/>
    </row>
    <row r="764104" spans="14:14">
      <c r="N764104" s="10"/>
    </row>
    <row r="764105" spans="14:14">
      <c r="N764105" s="10"/>
    </row>
    <row r="764106" spans="14:14">
      <c r="N764106" s="10"/>
    </row>
    <row r="764107" spans="14:14">
      <c r="N764107" s="10"/>
    </row>
    <row r="764108" spans="14:14">
      <c r="N764108" s="10"/>
    </row>
    <row r="764109" spans="14:14">
      <c r="N764109" s="10"/>
    </row>
    <row r="764110" spans="14:14">
      <c r="N764110" s="10"/>
    </row>
    <row r="764111" spans="14:14">
      <c r="N764111" s="10"/>
    </row>
    <row r="764112" spans="14:14">
      <c r="N764112" s="10"/>
    </row>
    <row r="764113" spans="14:14">
      <c r="N764113" s="10"/>
    </row>
    <row r="764114" spans="14:14">
      <c r="N764114" s="10"/>
    </row>
    <row r="764115" spans="14:14">
      <c r="N764115" s="10"/>
    </row>
    <row r="764116" spans="14:14">
      <c r="N764116" s="10"/>
    </row>
    <row r="764117" spans="14:14">
      <c r="N764117" s="10"/>
    </row>
    <row r="764118" spans="14:14">
      <c r="N764118" s="10"/>
    </row>
    <row r="764119" spans="14:14">
      <c r="N764119" s="10"/>
    </row>
    <row r="764120" spans="14:14">
      <c r="N764120" s="10"/>
    </row>
    <row r="764121" spans="14:14">
      <c r="N764121" s="10"/>
    </row>
    <row r="764122" spans="14:14">
      <c r="N764122" s="10"/>
    </row>
    <row r="764123" spans="14:14">
      <c r="N764123" s="10"/>
    </row>
    <row r="764124" spans="14:14">
      <c r="N764124" s="10"/>
    </row>
    <row r="764125" spans="14:14">
      <c r="N764125" s="10"/>
    </row>
    <row r="764126" spans="14:14">
      <c r="N764126" s="10"/>
    </row>
    <row r="764127" spans="14:14">
      <c r="N764127" s="10"/>
    </row>
    <row r="764128" spans="14:14">
      <c r="N764128" s="10"/>
    </row>
    <row r="764129" spans="14:14">
      <c r="N764129" s="10"/>
    </row>
    <row r="764130" spans="14:14">
      <c r="N764130" s="10"/>
    </row>
    <row r="764131" spans="14:14">
      <c r="N764131" s="10"/>
    </row>
    <row r="764132" spans="14:14">
      <c r="N764132" s="10"/>
    </row>
    <row r="764133" spans="14:14">
      <c r="N764133" s="10"/>
    </row>
    <row r="764134" spans="14:14">
      <c r="N764134" s="10"/>
    </row>
    <row r="764135" spans="14:14">
      <c r="N764135" s="10"/>
    </row>
    <row r="764136" spans="14:14">
      <c r="N764136" s="10"/>
    </row>
    <row r="764137" spans="14:14">
      <c r="N764137" s="10"/>
    </row>
    <row r="764138" spans="14:14">
      <c r="N764138" s="10"/>
    </row>
    <row r="764139" spans="14:14">
      <c r="N764139" s="10"/>
    </row>
    <row r="764140" spans="14:14">
      <c r="N764140" s="10"/>
    </row>
    <row r="764141" spans="14:14">
      <c r="N764141" s="10"/>
    </row>
    <row r="764142" spans="14:14">
      <c r="N764142" s="10"/>
    </row>
    <row r="764143" spans="14:14">
      <c r="N764143" s="10"/>
    </row>
    <row r="764144" spans="14:14">
      <c r="N764144" s="10"/>
    </row>
    <row r="764145" spans="14:14">
      <c r="N764145" s="10"/>
    </row>
    <row r="764146" spans="14:14">
      <c r="N764146" s="10"/>
    </row>
    <row r="764147" spans="14:14">
      <c r="N764147" s="10"/>
    </row>
    <row r="764148" spans="14:14">
      <c r="N764148" s="10"/>
    </row>
    <row r="764149" spans="14:14">
      <c r="N764149" s="10"/>
    </row>
    <row r="764150" spans="14:14">
      <c r="N764150" s="10"/>
    </row>
    <row r="764151" spans="14:14">
      <c r="N764151" s="10"/>
    </row>
    <row r="764152" spans="14:14">
      <c r="N764152" s="10"/>
    </row>
    <row r="764153" spans="14:14">
      <c r="N764153" s="10"/>
    </row>
    <row r="764154" spans="14:14">
      <c r="N764154" s="10"/>
    </row>
    <row r="764155" spans="14:14">
      <c r="N764155" s="10"/>
    </row>
    <row r="764156" spans="14:14">
      <c r="N764156" s="10"/>
    </row>
    <row r="764157" spans="14:14">
      <c r="N764157" s="10"/>
    </row>
    <row r="764158" spans="14:14">
      <c r="N764158" s="10"/>
    </row>
    <row r="764159" spans="14:14">
      <c r="N764159" s="10"/>
    </row>
    <row r="764160" spans="14:14">
      <c r="N764160" s="10"/>
    </row>
    <row r="764161" spans="14:14">
      <c r="N764161" s="10"/>
    </row>
    <row r="764162" spans="14:14">
      <c r="N764162" s="10"/>
    </row>
    <row r="764163" spans="14:14">
      <c r="N764163" s="10"/>
    </row>
    <row r="764164" spans="14:14">
      <c r="N764164" s="10"/>
    </row>
    <row r="764165" spans="14:14">
      <c r="N764165" s="10"/>
    </row>
    <row r="764166" spans="14:14">
      <c r="N764166" s="10"/>
    </row>
    <row r="764167" spans="14:14">
      <c r="N764167" s="10"/>
    </row>
    <row r="764168" spans="14:14">
      <c r="N764168" s="10"/>
    </row>
    <row r="764169" spans="14:14">
      <c r="N764169" s="10"/>
    </row>
    <row r="764170" spans="14:14">
      <c r="N764170" s="10"/>
    </row>
    <row r="764171" spans="14:14">
      <c r="N764171" s="10"/>
    </row>
    <row r="764172" spans="14:14">
      <c r="N764172" s="10"/>
    </row>
    <row r="764173" spans="14:14">
      <c r="N764173" s="10"/>
    </row>
    <row r="764174" spans="14:14">
      <c r="N764174" s="10"/>
    </row>
    <row r="764175" spans="14:14">
      <c r="N764175" s="10"/>
    </row>
    <row r="764176" spans="14:14">
      <c r="N764176" s="10"/>
    </row>
    <row r="764177" spans="14:14">
      <c r="N764177" s="10"/>
    </row>
    <row r="764178" spans="14:14">
      <c r="N764178" s="10"/>
    </row>
    <row r="764179" spans="14:14">
      <c r="N764179" s="10"/>
    </row>
    <row r="764180" spans="14:14">
      <c r="N764180" s="10"/>
    </row>
    <row r="764181" spans="14:14">
      <c r="N764181" s="10"/>
    </row>
    <row r="764182" spans="14:14">
      <c r="N764182" s="10"/>
    </row>
    <row r="764183" spans="14:14">
      <c r="N764183" s="10"/>
    </row>
    <row r="764184" spans="14:14">
      <c r="N764184" s="10"/>
    </row>
    <row r="764185" spans="14:14">
      <c r="N764185" s="10"/>
    </row>
    <row r="764186" spans="14:14">
      <c r="N764186" s="10"/>
    </row>
    <row r="764187" spans="14:14">
      <c r="N764187" s="10"/>
    </row>
    <row r="764188" spans="14:14">
      <c r="N764188" s="10"/>
    </row>
    <row r="764189" spans="14:14">
      <c r="N764189" s="10"/>
    </row>
    <row r="764190" spans="14:14">
      <c r="N764190" s="10"/>
    </row>
    <row r="764191" spans="14:14">
      <c r="N764191" s="10"/>
    </row>
    <row r="764192" spans="14:14">
      <c r="N764192" s="10"/>
    </row>
    <row r="764193" spans="14:14">
      <c r="N764193" s="10"/>
    </row>
    <row r="764194" spans="14:14">
      <c r="N764194" s="10"/>
    </row>
    <row r="764195" spans="14:14">
      <c r="N764195" s="10"/>
    </row>
    <row r="764196" spans="14:14">
      <c r="N764196" s="10"/>
    </row>
    <row r="764197" spans="14:14">
      <c r="N764197" s="10"/>
    </row>
    <row r="764198" spans="14:14">
      <c r="N764198" s="10"/>
    </row>
    <row r="764199" spans="14:14">
      <c r="N764199" s="10"/>
    </row>
    <row r="764200" spans="14:14">
      <c r="N764200" s="10"/>
    </row>
    <row r="764201" spans="14:14">
      <c r="N764201" s="10"/>
    </row>
    <row r="764202" spans="14:14">
      <c r="N764202" s="10"/>
    </row>
    <row r="764203" spans="14:14">
      <c r="N764203" s="10"/>
    </row>
    <row r="764204" spans="14:14">
      <c r="N764204" s="10"/>
    </row>
    <row r="764205" spans="14:14">
      <c r="N764205" s="10"/>
    </row>
    <row r="764206" spans="14:14">
      <c r="N764206" s="10"/>
    </row>
    <row r="764207" spans="14:14">
      <c r="N764207" s="10"/>
    </row>
    <row r="764208" spans="14:14">
      <c r="N764208" s="10"/>
    </row>
    <row r="764209" spans="14:14">
      <c r="N764209" s="10"/>
    </row>
    <row r="764210" spans="14:14">
      <c r="N764210" s="10"/>
    </row>
    <row r="764211" spans="14:14">
      <c r="N764211" s="10"/>
    </row>
    <row r="764212" spans="14:14">
      <c r="N764212" s="10"/>
    </row>
    <row r="764213" spans="14:14">
      <c r="N764213" s="10"/>
    </row>
    <row r="764214" spans="14:14">
      <c r="N764214" s="10"/>
    </row>
    <row r="764215" spans="14:14">
      <c r="N764215" s="10"/>
    </row>
    <row r="764216" spans="14:14">
      <c r="N764216" s="10"/>
    </row>
    <row r="764217" spans="14:14">
      <c r="N764217" s="10"/>
    </row>
    <row r="764218" spans="14:14">
      <c r="N764218" s="10"/>
    </row>
    <row r="764219" spans="14:14">
      <c r="N764219" s="10"/>
    </row>
    <row r="764220" spans="14:14">
      <c r="N764220" s="10"/>
    </row>
    <row r="764221" spans="14:14">
      <c r="N764221" s="10"/>
    </row>
    <row r="764222" spans="14:14">
      <c r="N764222" s="10"/>
    </row>
    <row r="764223" spans="14:14">
      <c r="N764223" s="10"/>
    </row>
    <row r="764224" spans="14:14">
      <c r="N764224" s="10"/>
    </row>
    <row r="764225" spans="14:14">
      <c r="N764225" s="10"/>
    </row>
    <row r="764226" spans="14:14">
      <c r="N764226" s="10"/>
    </row>
    <row r="764227" spans="14:14">
      <c r="N764227" s="10"/>
    </row>
    <row r="764228" spans="14:14">
      <c r="N764228" s="10"/>
    </row>
    <row r="764229" spans="14:14">
      <c r="N764229" s="10"/>
    </row>
    <row r="764230" spans="14:14">
      <c r="N764230" s="10"/>
    </row>
    <row r="764231" spans="14:14">
      <c r="N764231" s="10"/>
    </row>
    <row r="764232" spans="14:14">
      <c r="N764232" s="10"/>
    </row>
    <row r="764233" spans="14:14">
      <c r="N764233" s="10"/>
    </row>
    <row r="764234" spans="14:14">
      <c r="N764234" s="10"/>
    </row>
    <row r="764235" spans="14:14">
      <c r="N764235" s="10"/>
    </row>
    <row r="764236" spans="14:14">
      <c r="N764236" s="10"/>
    </row>
    <row r="764237" spans="14:14">
      <c r="N764237" s="10"/>
    </row>
    <row r="764238" spans="14:14">
      <c r="N764238" s="10"/>
    </row>
    <row r="764239" spans="14:14">
      <c r="N764239" s="10"/>
    </row>
    <row r="764240" spans="14:14">
      <c r="N764240" s="10"/>
    </row>
    <row r="764241" spans="14:14">
      <c r="N764241" s="10"/>
    </row>
    <row r="764242" spans="14:14">
      <c r="N764242" s="10"/>
    </row>
    <row r="764243" spans="14:14">
      <c r="N764243" s="10"/>
    </row>
    <row r="764244" spans="14:14">
      <c r="N764244" s="10"/>
    </row>
    <row r="764245" spans="14:14">
      <c r="N764245" s="10"/>
    </row>
    <row r="764246" spans="14:14">
      <c r="N764246" s="10"/>
    </row>
    <row r="764247" spans="14:14">
      <c r="N764247" s="10"/>
    </row>
    <row r="764248" spans="14:14">
      <c r="N764248" s="10"/>
    </row>
    <row r="764249" spans="14:14">
      <c r="N764249" s="10"/>
    </row>
    <row r="764250" spans="14:14">
      <c r="N764250" s="10"/>
    </row>
    <row r="764251" spans="14:14">
      <c r="N764251" s="10"/>
    </row>
    <row r="764252" spans="14:14">
      <c r="N764252" s="10"/>
    </row>
    <row r="764253" spans="14:14">
      <c r="N764253" s="10"/>
    </row>
    <row r="764254" spans="14:14">
      <c r="N764254" s="10"/>
    </row>
    <row r="764255" spans="14:14">
      <c r="N764255" s="10"/>
    </row>
    <row r="764256" spans="14:14">
      <c r="N764256" s="10"/>
    </row>
    <row r="764257" spans="14:14">
      <c r="N764257" s="10"/>
    </row>
    <row r="764258" spans="14:14">
      <c r="N764258" s="10"/>
    </row>
    <row r="764259" spans="14:14">
      <c r="N764259" s="10"/>
    </row>
    <row r="764260" spans="14:14">
      <c r="N764260" s="10"/>
    </row>
    <row r="764261" spans="14:14">
      <c r="N764261" s="10"/>
    </row>
    <row r="764262" spans="14:14">
      <c r="N764262" s="10"/>
    </row>
    <row r="764263" spans="14:14">
      <c r="N764263" s="10"/>
    </row>
    <row r="764264" spans="14:14">
      <c r="N764264" s="10"/>
    </row>
    <row r="764265" spans="14:14">
      <c r="N764265" s="10"/>
    </row>
    <row r="764266" spans="14:14">
      <c r="N764266" s="10"/>
    </row>
    <row r="764267" spans="14:14">
      <c r="N764267" s="10"/>
    </row>
    <row r="764268" spans="14:14">
      <c r="N764268" s="10"/>
    </row>
    <row r="764269" spans="14:14">
      <c r="N764269" s="10"/>
    </row>
    <row r="764270" spans="14:14">
      <c r="N764270" s="10"/>
    </row>
    <row r="764271" spans="14:14">
      <c r="N764271" s="10"/>
    </row>
    <row r="764272" spans="14:14">
      <c r="N764272" s="10"/>
    </row>
    <row r="764273" spans="14:14">
      <c r="N764273" s="10"/>
    </row>
    <row r="764274" spans="14:14">
      <c r="N764274" s="10"/>
    </row>
    <row r="764275" spans="14:14">
      <c r="N764275" s="10"/>
    </row>
    <row r="764276" spans="14:14">
      <c r="N764276" s="10"/>
    </row>
    <row r="764277" spans="14:14">
      <c r="N764277" s="10"/>
    </row>
    <row r="764278" spans="14:14">
      <c r="N764278" s="10"/>
    </row>
    <row r="764279" spans="14:14">
      <c r="N764279" s="10"/>
    </row>
    <row r="764280" spans="14:14">
      <c r="N764280" s="10"/>
    </row>
    <row r="764281" spans="14:14">
      <c r="N764281" s="10"/>
    </row>
    <row r="764282" spans="14:14">
      <c r="N764282" s="10"/>
    </row>
    <row r="764283" spans="14:14">
      <c r="N764283" s="10"/>
    </row>
    <row r="764284" spans="14:14">
      <c r="N764284" s="10"/>
    </row>
    <row r="764285" spans="14:14">
      <c r="N764285" s="10"/>
    </row>
    <row r="764286" spans="14:14">
      <c r="N764286" s="10"/>
    </row>
    <row r="764287" spans="14:14">
      <c r="N764287" s="10"/>
    </row>
    <row r="764288" spans="14:14">
      <c r="N764288" s="10"/>
    </row>
    <row r="764289" spans="14:14">
      <c r="N764289" s="10"/>
    </row>
    <row r="764290" spans="14:14">
      <c r="N764290" s="10"/>
    </row>
    <row r="764291" spans="14:14">
      <c r="N764291" s="10"/>
    </row>
    <row r="764292" spans="14:14">
      <c r="N764292" s="10"/>
    </row>
    <row r="764293" spans="14:14">
      <c r="N764293" s="10"/>
    </row>
    <row r="764294" spans="14:14">
      <c r="N764294" s="10"/>
    </row>
    <row r="764295" spans="14:14">
      <c r="N764295" s="10"/>
    </row>
    <row r="764296" spans="14:14">
      <c r="N764296" s="10"/>
    </row>
    <row r="764297" spans="14:14">
      <c r="N764297" s="10"/>
    </row>
    <row r="764298" spans="14:14">
      <c r="N764298" s="10"/>
    </row>
    <row r="764299" spans="14:14">
      <c r="N764299" s="10"/>
    </row>
    <row r="764300" spans="14:14">
      <c r="N764300" s="10"/>
    </row>
    <row r="764301" spans="14:14">
      <c r="N764301" s="10"/>
    </row>
    <row r="764302" spans="14:14">
      <c r="N764302" s="10"/>
    </row>
    <row r="764303" spans="14:14">
      <c r="N764303" s="10"/>
    </row>
    <row r="764304" spans="14:14">
      <c r="N764304" s="10"/>
    </row>
    <row r="764305" spans="14:14">
      <c r="N764305" s="10"/>
    </row>
    <row r="764306" spans="14:14">
      <c r="N764306" s="10"/>
    </row>
    <row r="764307" spans="14:14">
      <c r="N764307" s="10"/>
    </row>
    <row r="764308" spans="14:14">
      <c r="N764308" s="10"/>
    </row>
    <row r="764309" spans="14:14">
      <c r="N764309" s="10"/>
    </row>
    <row r="764310" spans="14:14">
      <c r="N764310" s="10"/>
    </row>
    <row r="764311" spans="14:14">
      <c r="N764311" s="10"/>
    </row>
    <row r="764312" spans="14:14">
      <c r="N764312" s="10"/>
    </row>
    <row r="764313" spans="14:14">
      <c r="N764313" s="10"/>
    </row>
    <row r="764314" spans="14:14">
      <c r="N764314" s="10"/>
    </row>
    <row r="764315" spans="14:14">
      <c r="N764315" s="10"/>
    </row>
    <row r="764316" spans="14:14">
      <c r="N764316" s="10"/>
    </row>
    <row r="764317" spans="14:14">
      <c r="N764317" s="10"/>
    </row>
    <row r="764318" spans="14:14">
      <c r="N764318" s="10"/>
    </row>
    <row r="764319" spans="14:14">
      <c r="N764319" s="10"/>
    </row>
    <row r="764320" spans="14:14">
      <c r="N764320" s="10"/>
    </row>
    <row r="764321" spans="14:14">
      <c r="N764321" s="10"/>
    </row>
    <row r="764322" spans="14:14">
      <c r="N764322" s="10"/>
    </row>
    <row r="764323" spans="14:14">
      <c r="N764323" s="10"/>
    </row>
    <row r="764324" spans="14:14">
      <c r="N764324" s="10"/>
    </row>
    <row r="764325" spans="14:14">
      <c r="N764325" s="10"/>
    </row>
    <row r="764326" spans="14:14">
      <c r="N764326" s="10"/>
    </row>
    <row r="764327" spans="14:14">
      <c r="N764327" s="10"/>
    </row>
    <row r="764328" spans="14:14">
      <c r="N764328" s="10"/>
    </row>
    <row r="764329" spans="14:14">
      <c r="N764329" s="10"/>
    </row>
    <row r="764330" spans="14:14">
      <c r="N764330" s="10"/>
    </row>
    <row r="764331" spans="14:14">
      <c r="N764331" s="10"/>
    </row>
    <row r="764332" spans="14:14">
      <c r="N764332" s="10"/>
    </row>
    <row r="764333" spans="14:14">
      <c r="N764333" s="10"/>
    </row>
    <row r="764334" spans="14:14">
      <c r="N764334" s="10"/>
    </row>
    <row r="764335" spans="14:14">
      <c r="N764335" s="10"/>
    </row>
    <row r="764336" spans="14:14">
      <c r="N764336" s="10"/>
    </row>
    <row r="764337" spans="14:14">
      <c r="N764337" s="10"/>
    </row>
    <row r="764338" spans="14:14">
      <c r="N764338" s="10"/>
    </row>
    <row r="764339" spans="14:14">
      <c r="N764339" s="10"/>
    </row>
    <row r="764340" spans="14:14">
      <c r="N764340" s="10"/>
    </row>
    <row r="764341" spans="14:14">
      <c r="N764341" s="10"/>
    </row>
    <row r="764342" spans="14:14">
      <c r="N764342" s="10"/>
    </row>
    <row r="764343" spans="14:14">
      <c r="N764343" s="10"/>
    </row>
    <row r="764344" spans="14:14">
      <c r="N764344" s="10"/>
    </row>
    <row r="764345" spans="14:14">
      <c r="N764345" s="10"/>
    </row>
    <row r="764346" spans="14:14">
      <c r="N764346" s="10"/>
    </row>
    <row r="764347" spans="14:14">
      <c r="N764347" s="10"/>
    </row>
    <row r="764348" spans="14:14">
      <c r="N764348" s="10"/>
    </row>
    <row r="764349" spans="14:14">
      <c r="N764349" s="10"/>
    </row>
    <row r="764350" spans="14:14">
      <c r="N764350" s="10"/>
    </row>
    <row r="764351" spans="14:14">
      <c r="N764351" s="10"/>
    </row>
    <row r="764352" spans="14:14">
      <c r="N764352" s="10"/>
    </row>
    <row r="764353" spans="14:14">
      <c r="N764353" s="10"/>
    </row>
    <row r="764354" spans="14:14">
      <c r="N764354" s="10"/>
    </row>
    <row r="764355" spans="14:14">
      <c r="N764355" s="10"/>
    </row>
    <row r="764356" spans="14:14">
      <c r="N764356" s="10"/>
    </row>
    <row r="764357" spans="14:14">
      <c r="N764357" s="10"/>
    </row>
    <row r="764358" spans="14:14">
      <c r="N764358" s="10"/>
    </row>
    <row r="764359" spans="14:14">
      <c r="N764359" s="10"/>
    </row>
    <row r="764360" spans="14:14">
      <c r="N764360" s="10"/>
    </row>
    <row r="764361" spans="14:14">
      <c r="N764361" s="10"/>
    </row>
    <row r="764362" spans="14:14">
      <c r="N764362" s="10"/>
    </row>
    <row r="764363" spans="14:14">
      <c r="N764363" s="10"/>
    </row>
    <row r="764364" spans="14:14">
      <c r="N764364" s="10"/>
    </row>
    <row r="764365" spans="14:14">
      <c r="N764365" s="10"/>
    </row>
    <row r="764366" spans="14:14">
      <c r="N764366" s="10"/>
    </row>
    <row r="764367" spans="14:14">
      <c r="N764367" s="10"/>
    </row>
    <row r="764368" spans="14:14">
      <c r="N764368" s="10"/>
    </row>
    <row r="764369" spans="14:14">
      <c r="N764369" s="10"/>
    </row>
    <row r="764370" spans="14:14">
      <c r="N764370" s="10"/>
    </row>
    <row r="764371" spans="14:14">
      <c r="N764371" s="10"/>
    </row>
    <row r="764372" spans="14:14">
      <c r="N764372" s="10"/>
    </row>
    <row r="764373" spans="14:14">
      <c r="N764373" s="10"/>
    </row>
    <row r="764374" spans="14:14">
      <c r="N764374" s="10"/>
    </row>
    <row r="764375" spans="14:14">
      <c r="N764375" s="10"/>
    </row>
    <row r="764376" spans="14:14">
      <c r="N764376" s="10"/>
    </row>
    <row r="764377" spans="14:14">
      <c r="N764377" s="10"/>
    </row>
    <row r="764378" spans="14:14">
      <c r="N764378" s="10"/>
    </row>
    <row r="764379" spans="14:14">
      <c r="N764379" s="10"/>
    </row>
    <row r="764380" spans="14:14">
      <c r="N764380" s="10"/>
    </row>
    <row r="764381" spans="14:14">
      <c r="N764381" s="10"/>
    </row>
    <row r="764382" spans="14:14">
      <c r="N764382" s="10"/>
    </row>
    <row r="764383" spans="14:14">
      <c r="N764383" s="10"/>
    </row>
    <row r="764384" spans="14:14">
      <c r="N764384" s="10"/>
    </row>
    <row r="764385" spans="14:14">
      <c r="N764385" s="10"/>
    </row>
    <row r="764386" spans="14:14">
      <c r="N764386" s="10"/>
    </row>
    <row r="764387" spans="14:14">
      <c r="N764387" s="10"/>
    </row>
    <row r="764388" spans="14:14">
      <c r="N764388" s="10"/>
    </row>
    <row r="764389" spans="14:14">
      <c r="N764389" s="10"/>
    </row>
    <row r="764390" spans="14:14">
      <c r="N764390" s="10"/>
    </row>
    <row r="764391" spans="14:14">
      <c r="N764391" s="10"/>
    </row>
    <row r="764392" spans="14:14">
      <c r="N764392" s="10"/>
    </row>
    <row r="764393" spans="14:14">
      <c r="N764393" s="10"/>
    </row>
    <row r="764394" spans="14:14">
      <c r="N764394" s="10"/>
    </row>
    <row r="764395" spans="14:14">
      <c r="N764395" s="10"/>
    </row>
    <row r="764396" spans="14:14">
      <c r="N764396" s="10"/>
    </row>
    <row r="764397" spans="14:14">
      <c r="N764397" s="10"/>
    </row>
    <row r="764398" spans="14:14">
      <c r="N764398" s="10"/>
    </row>
    <row r="764399" spans="14:14">
      <c r="N764399" s="10"/>
    </row>
    <row r="764400" spans="14:14">
      <c r="N764400" s="10"/>
    </row>
    <row r="764401" spans="14:14">
      <c r="N764401" s="10"/>
    </row>
    <row r="764402" spans="14:14">
      <c r="N764402" s="10"/>
    </row>
    <row r="764403" spans="14:14">
      <c r="N764403" s="10"/>
    </row>
    <row r="764404" spans="14:14">
      <c r="N764404" s="10"/>
    </row>
    <row r="764405" spans="14:14">
      <c r="N764405" s="10"/>
    </row>
    <row r="764406" spans="14:14">
      <c r="N764406" s="10"/>
    </row>
    <row r="764407" spans="14:14">
      <c r="N764407" s="10"/>
    </row>
    <row r="764408" spans="14:14">
      <c r="N764408" s="10"/>
    </row>
    <row r="764409" spans="14:14">
      <c r="N764409" s="10"/>
    </row>
    <row r="764410" spans="14:14">
      <c r="N764410" s="10"/>
    </row>
    <row r="764411" spans="14:14">
      <c r="N764411" s="10"/>
    </row>
    <row r="764412" spans="14:14">
      <c r="N764412" s="10"/>
    </row>
    <row r="764413" spans="14:14">
      <c r="N764413" s="10"/>
    </row>
    <row r="764414" spans="14:14">
      <c r="N764414" s="10"/>
    </row>
    <row r="764415" spans="14:14">
      <c r="N764415" s="10"/>
    </row>
    <row r="764416" spans="14:14">
      <c r="N764416" s="10"/>
    </row>
    <row r="764417" spans="14:14">
      <c r="N764417" s="10"/>
    </row>
    <row r="764418" spans="14:14">
      <c r="N764418" s="10"/>
    </row>
    <row r="764419" spans="14:14">
      <c r="N764419" s="10"/>
    </row>
    <row r="764420" spans="14:14">
      <c r="N764420" s="10"/>
    </row>
    <row r="764421" spans="14:14">
      <c r="N764421" s="10"/>
    </row>
    <row r="764422" spans="14:14">
      <c r="N764422" s="10"/>
    </row>
    <row r="764423" spans="14:14">
      <c r="N764423" s="10"/>
    </row>
    <row r="764424" spans="14:14">
      <c r="N764424" s="10"/>
    </row>
    <row r="764425" spans="14:14">
      <c r="N764425" s="10"/>
    </row>
    <row r="764426" spans="14:14">
      <c r="N764426" s="10"/>
    </row>
    <row r="764427" spans="14:14">
      <c r="N764427" s="10"/>
    </row>
    <row r="764428" spans="14:14">
      <c r="N764428" s="10"/>
    </row>
    <row r="764429" spans="14:14">
      <c r="N764429" s="10"/>
    </row>
    <row r="764430" spans="14:14">
      <c r="N764430" s="10"/>
    </row>
    <row r="764431" spans="14:14">
      <c r="N764431" s="10"/>
    </row>
    <row r="764432" spans="14:14">
      <c r="N764432" s="10"/>
    </row>
    <row r="764433" spans="14:14">
      <c r="N764433" s="10"/>
    </row>
    <row r="764434" spans="14:14">
      <c r="N764434" s="10"/>
    </row>
    <row r="764435" spans="14:14">
      <c r="N764435" s="10"/>
    </row>
    <row r="764436" spans="14:14">
      <c r="N764436" s="10"/>
    </row>
    <row r="764437" spans="14:14">
      <c r="N764437" s="10"/>
    </row>
    <row r="764438" spans="14:14">
      <c r="N764438" s="10"/>
    </row>
    <row r="764439" spans="14:14">
      <c r="N764439" s="10"/>
    </row>
    <row r="764440" spans="14:14">
      <c r="N764440" s="10"/>
    </row>
    <row r="764441" spans="14:14">
      <c r="N764441" s="10"/>
    </row>
    <row r="764442" spans="14:14">
      <c r="N764442" s="10"/>
    </row>
    <row r="764443" spans="14:14">
      <c r="N764443" s="10"/>
    </row>
    <row r="764444" spans="14:14">
      <c r="N764444" s="10"/>
    </row>
    <row r="764445" spans="14:14">
      <c r="N764445" s="10"/>
    </row>
    <row r="764446" spans="14:14">
      <c r="N764446" s="10"/>
    </row>
    <row r="764447" spans="14:14">
      <c r="N764447" s="10"/>
    </row>
    <row r="764448" spans="14:14">
      <c r="N764448" s="10"/>
    </row>
    <row r="764449" spans="14:14">
      <c r="N764449" s="10"/>
    </row>
    <row r="764450" spans="14:14">
      <c r="N764450" s="10"/>
    </row>
    <row r="764451" spans="14:14">
      <c r="N764451" s="10"/>
    </row>
    <row r="764452" spans="14:14">
      <c r="N764452" s="10"/>
    </row>
    <row r="764453" spans="14:14">
      <c r="N764453" s="10"/>
    </row>
    <row r="764454" spans="14:14">
      <c r="N764454" s="10"/>
    </row>
    <row r="764455" spans="14:14">
      <c r="N764455" s="10"/>
    </row>
    <row r="764456" spans="14:14">
      <c r="N764456" s="10"/>
    </row>
    <row r="764457" spans="14:14">
      <c r="N764457" s="10"/>
    </row>
    <row r="764458" spans="14:14">
      <c r="N764458" s="10"/>
    </row>
    <row r="764459" spans="14:14">
      <c r="N764459" s="10"/>
    </row>
    <row r="764460" spans="14:14">
      <c r="N764460" s="10"/>
    </row>
    <row r="764461" spans="14:14">
      <c r="N764461" s="10"/>
    </row>
    <row r="764462" spans="14:14">
      <c r="N764462" s="10"/>
    </row>
    <row r="764463" spans="14:14">
      <c r="N764463" s="10"/>
    </row>
    <row r="764464" spans="14:14">
      <c r="N764464" s="10"/>
    </row>
    <row r="764465" spans="14:14">
      <c r="N764465" s="10"/>
    </row>
    <row r="764466" spans="14:14">
      <c r="N764466" s="10"/>
    </row>
    <row r="764467" spans="14:14">
      <c r="N764467" s="10"/>
    </row>
    <row r="764468" spans="14:14">
      <c r="N764468" s="10"/>
    </row>
    <row r="764469" spans="14:14">
      <c r="N764469" s="10"/>
    </row>
    <row r="764470" spans="14:14">
      <c r="N764470" s="10"/>
    </row>
    <row r="764471" spans="14:14">
      <c r="N764471" s="10"/>
    </row>
    <row r="764472" spans="14:14">
      <c r="N764472" s="10"/>
    </row>
    <row r="764473" spans="14:14">
      <c r="N764473" s="10"/>
    </row>
    <row r="764474" spans="14:14">
      <c r="N764474" s="10"/>
    </row>
    <row r="764475" spans="14:14">
      <c r="N764475" s="10"/>
    </row>
    <row r="764476" spans="14:14">
      <c r="N764476" s="10"/>
    </row>
    <row r="764477" spans="14:14">
      <c r="N764477" s="10"/>
    </row>
    <row r="764478" spans="14:14">
      <c r="N764478" s="10"/>
    </row>
    <row r="764479" spans="14:14">
      <c r="N764479" s="10"/>
    </row>
    <row r="764480" spans="14:14">
      <c r="N764480" s="10"/>
    </row>
    <row r="764481" spans="14:14">
      <c r="N764481" s="10"/>
    </row>
    <row r="764482" spans="14:14">
      <c r="N764482" s="10"/>
    </row>
    <row r="764483" spans="14:14">
      <c r="N764483" s="10"/>
    </row>
    <row r="764484" spans="14:14">
      <c r="N764484" s="10"/>
    </row>
    <row r="764485" spans="14:14">
      <c r="N764485" s="10"/>
    </row>
    <row r="764486" spans="14:14">
      <c r="N764486" s="10"/>
    </row>
    <row r="764487" spans="14:14">
      <c r="N764487" s="10"/>
    </row>
    <row r="764488" spans="14:14">
      <c r="N764488" s="10"/>
    </row>
    <row r="764489" spans="14:14">
      <c r="N764489" s="10"/>
    </row>
    <row r="764490" spans="14:14">
      <c r="N764490" s="10"/>
    </row>
    <row r="764491" spans="14:14">
      <c r="N764491" s="10"/>
    </row>
    <row r="764492" spans="14:14">
      <c r="N764492" s="10"/>
    </row>
    <row r="764493" spans="14:14">
      <c r="N764493" s="10"/>
    </row>
    <row r="764494" spans="14:14">
      <c r="N764494" s="10"/>
    </row>
    <row r="764495" spans="14:14">
      <c r="N764495" s="10"/>
    </row>
    <row r="764496" spans="14:14">
      <c r="N764496" s="10"/>
    </row>
    <row r="764497" spans="14:14">
      <c r="N764497" s="10"/>
    </row>
    <row r="764498" spans="14:14">
      <c r="N764498" s="10"/>
    </row>
    <row r="764499" spans="14:14">
      <c r="N764499" s="10"/>
    </row>
    <row r="764500" spans="14:14">
      <c r="N764500" s="10"/>
    </row>
    <row r="764501" spans="14:14">
      <c r="N764501" s="10"/>
    </row>
    <row r="764502" spans="14:14">
      <c r="N764502" s="10"/>
    </row>
    <row r="764503" spans="14:14">
      <c r="N764503" s="10"/>
    </row>
    <row r="764504" spans="14:14">
      <c r="N764504" s="10"/>
    </row>
    <row r="764505" spans="14:14">
      <c r="N764505" s="10"/>
    </row>
    <row r="764506" spans="14:14">
      <c r="N764506" s="10"/>
    </row>
    <row r="764507" spans="14:14">
      <c r="N764507" s="10"/>
    </row>
    <row r="764508" spans="14:14">
      <c r="N764508" s="10"/>
    </row>
    <row r="764509" spans="14:14">
      <c r="N764509" s="10"/>
    </row>
    <row r="764510" spans="14:14">
      <c r="N764510" s="10"/>
    </row>
    <row r="764511" spans="14:14">
      <c r="N764511" s="10"/>
    </row>
    <row r="764512" spans="14:14">
      <c r="N764512" s="10"/>
    </row>
    <row r="764513" spans="14:14">
      <c r="N764513" s="10"/>
    </row>
    <row r="764514" spans="14:14">
      <c r="N764514" s="10"/>
    </row>
    <row r="764515" spans="14:14">
      <c r="N764515" s="10"/>
    </row>
    <row r="764516" spans="14:14">
      <c r="N764516" s="10"/>
    </row>
    <row r="764517" spans="14:14">
      <c r="N764517" s="10"/>
    </row>
    <row r="764518" spans="14:14">
      <c r="N764518" s="10"/>
    </row>
    <row r="764519" spans="14:14">
      <c r="N764519" s="10"/>
    </row>
    <row r="764520" spans="14:14">
      <c r="N764520" s="10"/>
    </row>
    <row r="764521" spans="14:14">
      <c r="N764521" s="10"/>
    </row>
    <row r="764522" spans="14:14">
      <c r="N764522" s="10"/>
    </row>
    <row r="764523" spans="14:14">
      <c r="N764523" s="10"/>
    </row>
    <row r="764524" spans="14:14">
      <c r="N764524" s="10"/>
    </row>
    <row r="764525" spans="14:14">
      <c r="N764525" s="10"/>
    </row>
    <row r="764526" spans="14:14">
      <c r="N764526" s="10"/>
    </row>
    <row r="764527" spans="14:14">
      <c r="N764527" s="10"/>
    </row>
    <row r="764528" spans="14:14">
      <c r="N764528" s="10"/>
    </row>
    <row r="764529" spans="14:14">
      <c r="N764529" s="10"/>
    </row>
    <row r="764530" spans="14:14">
      <c r="N764530" s="10"/>
    </row>
    <row r="764531" spans="14:14">
      <c r="N764531" s="10"/>
    </row>
    <row r="764532" spans="14:14">
      <c r="N764532" s="10"/>
    </row>
    <row r="764533" spans="14:14">
      <c r="N764533" s="10"/>
    </row>
    <row r="764534" spans="14:14">
      <c r="N764534" s="10"/>
    </row>
    <row r="764535" spans="14:14">
      <c r="N764535" s="10"/>
    </row>
    <row r="764536" spans="14:14">
      <c r="N764536" s="10"/>
    </row>
    <row r="764537" spans="14:14">
      <c r="N764537" s="10"/>
    </row>
    <row r="764538" spans="14:14">
      <c r="N764538" s="10"/>
    </row>
    <row r="764539" spans="14:14">
      <c r="N764539" s="10"/>
    </row>
    <row r="764540" spans="14:14">
      <c r="N764540" s="10"/>
    </row>
    <row r="764541" spans="14:14">
      <c r="N764541" s="10"/>
    </row>
    <row r="764542" spans="14:14">
      <c r="N764542" s="10"/>
    </row>
    <row r="764543" spans="14:14">
      <c r="N764543" s="10"/>
    </row>
    <row r="764544" spans="14:14">
      <c r="N764544" s="10"/>
    </row>
    <row r="764545" spans="14:14">
      <c r="N764545" s="10"/>
    </row>
    <row r="764546" spans="14:14">
      <c r="N764546" s="10"/>
    </row>
    <row r="764547" spans="14:14">
      <c r="N764547" s="10"/>
    </row>
    <row r="764548" spans="14:14">
      <c r="N764548" s="10"/>
    </row>
    <row r="764549" spans="14:14">
      <c r="N764549" s="10"/>
    </row>
    <row r="764550" spans="14:14">
      <c r="N764550" s="10"/>
    </row>
    <row r="764551" spans="14:14">
      <c r="N764551" s="10"/>
    </row>
    <row r="764552" spans="14:14">
      <c r="N764552" s="10"/>
    </row>
    <row r="764553" spans="14:14">
      <c r="N764553" s="10"/>
    </row>
    <row r="764554" spans="14:14">
      <c r="N764554" s="10"/>
    </row>
    <row r="764555" spans="14:14">
      <c r="N764555" s="10"/>
    </row>
    <row r="764556" spans="14:14">
      <c r="N764556" s="10"/>
    </row>
    <row r="764557" spans="14:14">
      <c r="N764557" s="10"/>
    </row>
    <row r="764558" spans="14:14">
      <c r="N764558" s="10"/>
    </row>
    <row r="764559" spans="14:14">
      <c r="N764559" s="10"/>
    </row>
    <row r="764560" spans="14:14">
      <c r="N764560" s="10"/>
    </row>
    <row r="764561" spans="14:14">
      <c r="N764561" s="10"/>
    </row>
    <row r="764562" spans="14:14">
      <c r="N764562" s="10"/>
    </row>
    <row r="764563" spans="14:14">
      <c r="N764563" s="10"/>
    </row>
    <row r="764564" spans="14:14">
      <c r="N764564" s="10"/>
    </row>
    <row r="764565" spans="14:14">
      <c r="N764565" s="10"/>
    </row>
    <row r="764566" spans="14:14">
      <c r="N764566" s="10"/>
    </row>
    <row r="764567" spans="14:14">
      <c r="N764567" s="10"/>
    </row>
    <row r="764568" spans="14:14">
      <c r="N764568" s="10"/>
    </row>
    <row r="764569" spans="14:14">
      <c r="N764569" s="10"/>
    </row>
    <row r="764570" spans="14:14">
      <c r="N764570" s="10"/>
    </row>
    <row r="764571" spans="14:14">
      <c r="N764571" s="10"/>
    </row>
    <row r="764572" spans="14:14">
      <c r="N764572" s="10"/>
    </row>
    <row r="764573" spans="14:14">
      <c r="N764573" s="10"/>
    </row>
    <row r="764574" spans="14:14">
      <c r="N764574" s="10"/>
    </row>
    <row r="764575" spans="14:14">
      <c r="N764575" s="10"/>
    </row>
    <row r="764576" spans="14:14">
      <c r="N764576" s="10"/>
    </row>
    <row r="764577" spans="14:14">
      <c r="N764577" s="10"/>
    </row>
    <row r="764578" spans="14:14">
      <c r="N764578" s="10"/>
    </row>
    <row r="764579" spans="14:14">
      <c r="N764579" s="10"/>
    </row>
    <row r="764580" spans="14:14">
      <c r="N764580" s="10"/>
    </row>
    <row r="764581" spans="14:14">
      <c r="N764581" s="10"/>
    </row>
    <row r="764582" spans="14:14">
      <c r="N764582" s="10"/>
    </row>
    <row r="764583" spans="14:14">
      <c r="N764583" s="10"/>
    </row>
    <row r="764584" spans="14:14">
      <c r="N764584" s="10"/>
    </row>
    <row r="764585" spans="14:14">
      <c r="N764585" s="10"/>
    </row>
    <row r="764586" spans="14:14">
      <c r="N764586" s="10"/>
    </row>
    <row r="764587" spans="14:14">
      <c r="N764587" s="10"/>
    </row>
    <row r="764588" spans="14:14">
      <c r="N764588" s="10"/>
    </row>
    <row r="764589" spans="14:14">
      <c r="N764589" s="10"/>
    </row>
    <row r="764590" spans="14:14">
      <c r="N764590" s="10"/>
    </row>
    <row r="764591" spans="14:14">
      <c r="N764591" s="10"/>
    </row>
    <row r="764592" spans="14:14">
      <c r="N764592" s="10"/>
    </row>
    <row r="764593" spans="14:14">
      <c r="N764593" s="10"/>
    </row>
    <row r="764594" spans="14:14">
      <c r="N764594" s="10"/>
    </row>
    <row r="764595" spans="14:14">
      <c r="N764595" s="10"/>
    </row>
    <row r="764596" spans="14:14">
      <c r="N764596" s="10"/>
    </row>
    <row r="764597" spans="14:14">
      <c r="N764597" s="10"/>
    </row>
    <row r="764598" spans="14:14">
      <c r="N764598" s="10"/>
    </row>
    <row r="764599" spans="14:14">
      <c r="N764599" s="10"/>
    </row>
    <row r="764600" spans="14:14">
      <c r="N764600" s="10"/>
    </row>
    <row r="764601" spans="14:14">
      <c r="N764601" s="10"/>
    </row>
    <row r="764602" spans="14:14">
      <c r="N764602" s="10"/>
    </row>
    <row r="764603" spans="14:14">
      <c r="N764603" s="10"/>
    </row>
    <row r="764604" spans="14:14">
      <c r="N764604" s="10"/>
    </row>
    <row r="764605" spans="14:14">
      <c r="N764605" s="10"/>
    </row>
    <row r="764606" spans="14:14">
      <c r="N764606" s="10"/>
    </row>
    <row r="764607" spans="14:14">
      <c r="N764607" s="10"/>
    </row>
    <row r="764608" spans="14:14">
      <c r="N764608" s="10"/>
    </row>
    <row r="764609" spans="14:14">
      <c r="N764609" s="10"/>
    </row>
    <row r="764610" spans="14:14">
      <c r="N764610" s="10"/>
    </row>
    <row r="764611" spans="14:14">
      <c r="N764611" s="10"/>
    </row>
    <row r="764612" spans="14:14">
      <c r="N764612" s="10"/>
    </row>
    <row r="764613" spans="14:14">
      <c r="N764613" s="10"/>
    </row>
    <row r="764614" spans="14:14">
      <c r="N764614" s="10"/>
    </row>
    <row r="764615" spans="14:14">
      <c r="N764615" s="10"/>
    </row>
    <row r="764616" spans="14:14">
      <c r="N764616" s="10"/>
    </row>
    <row r="764617" spans="14:14">
      <c r="N764617" s="10"/>
    </row>
    <row r="764618" spans="14:14">
      <c r="N764618" s="10"/>
    </row>
    <row r="764619" spans="14:14">
      <c r="N764619" s="10"/>
    </row>
    <row r="764620" spans="14:14">
      <c r="N764620" s="10"/>
    </row>
    <row r="764621" spans="14:14">
      <c r="N764621" s="10"/>
    </row>
    <row r="764622" spans="14:14">
      <c r="N764622" s="10"/>
    </row>
    <row r="764623" spans="14:14">
      <c r="N764623" s="10"/>
    </row>
    <row r="764624" spans="14:14">
      <c r="N764624" s="10"/>
    </row>
    <row r="764625" spans="14:14">
      <c r="N764625" s="10"/>
    </row>
    <row r="764626" spans="14:14">
      <c r="N764626" s="10"/>
    </row>
    <row r="764627" spans="14:14">
      <c r="N764627" s="10"/>
    </row>
    <row r="764628" spans="14:14">
      <c r="N764628" s="10"/>
    </row>
    <row r="764629" spans="14:14">
      <c r="N764629" s="10"/>
    </row>
    <row r="764630" spans="14:14">
      <c r="N764630" s="10"/>
    </row>
    <row r="764631" spans="14:14">
      <c r="N764631" s="10"/>
    </row>
    <row r="764632" spans="14:14">
      <c r="N764632" s="10"/>
    </row>
    <row r="764633" spans="14:14">
      <c r="N764633" s="10"/>
    </row>
    <row r="764634" spans="14:14">
      <c r="N764634" s="10"/>
    </row>
    <row r="764635" spans="14:14">
      <c r="N764635" s="10"/>
    </row>
    <row r="764636" spans="14:14">
      <c r="N764636" s="10"/>
    </row>
    <row r="764637" spans="14:14">
      <c r="N764637" s="10"/>
    </row>
    <row r="764638" spans="14:14">
      <c r="N764638" s="10"/>
    </row>
    <row r="764639" spans="14:14">
      <c r="N764639" s="10"/>
    </row>
    <row r="764640" spans="14:14">
      <c r="N764640" s="10"/>
    </row>
    <row r="764641" spans="14:14">
      <c r="N764641" s="10"/>
    </row>
    <row r="764642" spans="14:14">
      <c r="N764642" s="10"/>
    </row>
    <row r="764643" spans="14:14">
      <c r="N764643" s="10"/>
    </row>
    <row r="764644" spans="14:14">
      <c r="N764644" s="10"/>
    </row>
    <row r="764645" spans="14:14">
      <c r="N764645" s="10"/>
    </row>
    <row r="764646" spans="14:14">
      <c r="N764646" s="10"/>
    </row>
    <row r="764647" spans="14:14">
      <c r="N764647" s="10"/>
    </row>
    <row r="764648" spans="14:14">
      <c r="N764648" s="10"/>
    </row>
    <row r="764649" spans="14:14">
      <c r="N764649" s="10"/>
    </row>
    <row r="764650" spans="14:14">
      <c r="N764650" s="10"/>
    </row>
    <row r="764651" spans="14:14">
      <c r="N764651" s="10"/>
    </row>
    <row r="764652" spans="14:14">
      <c r="N764652" s="10"/>
    </row>
    <row r="764653" spans="14:14">
      <c r="N764653" s="10"/>
    </row>
    <row r="764654" spans="14:14">
      <c r="N764654" s="10"/>
    </row>
    <row r="764655" spans="14:14">
      <c r="N764655" s="10"/>
    </row>
    <row r="764656" spans="14:14">
      <c r="N764656" s="10"/>
    </row>
    <row r="764657" spans="14:14">
      <c r="N764657" s="10"/>
    </row>
    <row r="764658" spans="14:14">
      <c r="N764658" s="10"/>
    </row>
    <row r="764659" spans="14:14">
      <c r="N764659" s="10"/>
    </row>
    <row r="764660" spans="14:14">
      <c r="N764660" s="10"/>
    </row>
    <row r="764661" spans="14:14">
      <c r="N764661" s="10"/>
    </row>
    <row r="764662" spans="14:14">
      <c r="N764662" s="10"/>
    </row>
    <row r="764663" spans="14:14">
      <c r="N764663" s="10"/>
    </row>
    <row r="764664" spans="14:14">
      <c r="N764664" s="10"/>
    </row>
    <row r="764665" spans="14:14">
      <c r="N764665" s="10"/>
    </row>
    <row r="764666" spans="14:14">
      <c r="N764666" s="10"/>
    </row>
    <row r="764667" spans="14:14">
      <c r="N764667" s="10"/>
    </row>
    <row r="764668" spans="14:14">
      <c r="N764668" s="10"/>
    </row>
    <row r="764669" spans="14:14">
      <c r="N764669" s="10"/>
    </row>
    <row r="764670" spans="14:14">
      <c r="N764670" s="10"/>
    </row>
    <row r="764671" spans="14:14">
      <c r="N764671" s="10"/>
    </row>
    <row r="764672" spans="14:14">
      <c r="N764672" s="10"/>
    </row>
    <row r="764673" spans="14:14">
      <c r="N764673" s="10"/>
    </row>
    <row r="764674" spans="14:14">
      <c r="N764674" s="10"/>
    </row>
    <row r="764675" spans="14:14">
      <c r="N764675" s="10"/>
    </row>
    <row r="764676" spans="14:14">
      <c r="N764676" s="10"/>
    </row>
    <row r="764677" spans="14:14">
      <c r="N764677" s="10"/>
    </row>
    <row r="764678" spans="14:14">
      <c r="N764678" s="10"/>
    </row>
    <row r="764679" spans="14:14">
      <c r="N764679" s="10"/>
    </row>
    <row r="764680" spans="14:14">
      <c r="N764680" s="10"/>
    </row>
    <row r="764681" spans="14:14">
      <c r="N764681" s="10"/>
    </row>
    <row r="764682" spans="14:14">
      <c r="N764682" s="10"/>
    </row>
    <row r="764683" spans="14:14">
      <c r="N764683" s="10"/>
    </row>
    <row r="764684" spans="14:14">
      <c r="N764684" s="10"/>
    </row>
    <row r="764685" spans="14:14">
      <c r="N764685" s="10"/>
    </row>
    <row r="764686" spans="14:14">
      <c r="N764686" s="10"/>
    </row>
    <row r="764687" spans="14:14">
      <c r="N764687" s="10"/>
    </row>
    <row r="764688" spans="14:14">
      <c r="N764688" s="10"/>
    </row>
    <row r="764689" spans="14:14">
      <c r="N764689" s="10"/>
    </row>
    <row r="764690" spans="14:14">
      <c r="N764690" s="10"/>
    </row>
    <row r="764691" spans="14:14">
      <c r="N764691" s="10"/>
    </row>
    <row r="764692" spans="14:14">
      <c r="N764692" s="10"/>
    </row>
    <row r="764693" spans="14:14">
      <c r="N764693" s="10"/>
    </row>
    <row r="764694" spans="14:14">
      <c r="N764694" s="10"/>
    </row>
    <row r="764695" spans="14:14">
      <c r="N764695" s="10"/>
    </row>
    <row r="764696" spans="14:14">
      <c r="N764696" s="10"/>
    </row>
    <row r="764697" spans="14:14">
      <c r="N764697" s="10"/>
    </row>
    <row r="764698" spans="14:14">
      <c r="N764698" s="10"/>
    </row>
    <row r="764699" spans="14:14">
      <c r="N764699" s="10"/>
    </row>
    <row r="764700" spans="14:14">
      <c r="N764700" s="10"/>
    </row>
    <row r="764701" spans="14:14">
      <c r="N764701" s="10"/>
    </row>
    <row r="764702" spans="14:14">
      <c r="N764702" s="10"/>
    </row>
    <row r="764703" spans="14:14">
      <c r="N764703" s="10"/>
    </row>
    <row r="764704" spans="14:14">
      <c r="N764704" s="10"/>
    </row>
    <row r="764705" spans="14:14">
      <c r="N764705" s="10"/>
    </row>
    <row r="764706" spans="14:14">
      <c r="N764706" s="10"/>
    </row>
    <row r="764707" spans="14:14">
      <c r="N764707" s="10"/>
    </row>
    <row r="764708" spans="14:14">
      <c r="N764708" s="10"/>
    </row>
    <row r="764709" spans="14:14">
      <c r="N764709" s="10"/>
    </row>
    <row r="764710" spans="14:14">
      <c r="N764710" s="10"/>
    </row>
    <row r="764711" spans="14:14">
      <c r="N764711" s="10"/>
    </row>
    <row r="764712" spans="14:14">
      <c r="N764712" s="10"/>
    </row>
    <row r="764713" spans="14:14">
      <c r="N764713" s="10"/>
    </row>
    <row r="764714" spans="14:14">
      <c r="N764714" s="10"/>
    </row>
    <row r="764715" spans="14:14">
      <c r="N764715" s="10"/>
    </row>
    <row r="764716" spans="14:14">
      <c r="N764716" s="10"/>
    </row>
    <row r="764717" spans="14:14">
      <c r="N764717" s="10"/>
    </row>
    <row r="764718" spans="14:14">
      <c r="N764718" s="10"/>
    </row>
    <row r="764719" spans="14:14">
      <c r="N764719" s="10"/>
    </row>
    <row r="764720" spans="14:14">
      <c r="N764720" s="10"/>
    </row>
    <row r="764721" spans="14:14">
      <c r="N764721" s="10"/>
    </row>
    <row r="764722" spans="14:14">
      <c r="N764722" s="10"/>
    </row>
    <row r="764723" spans="14:14">
      <c r="N764723" s="10"/>
    </row>
    <row r="764724" spans="14:14">
      <c r="N764724" s="10"/>
    </row>
    <row r="764725" spans="14:14">
      <c r="N764725" s="10"/>
    </row>
    <row r="764726" spans="14:14">
      <c r="N764726" s="10"/>
    </row>
    <row r="764727" spans="14:14">
      <c r="N764727" s="10"/>
    </row>
    <row r="764728" spans="14:14">
      <c r="N764728" s="10"/>
    </row>
    <row r="764729" spans="14:14">
      <c r="N764729" s="10"/>
    </row>
    <row r="764730" spans="14:14">
      <c r="N764730" s="10"/>
    </row>
    <row r="764731" spans="14:14">
      <c r="N764731" s="10"/>
    </row>
    <row r="764732" spans="14:14">
      <c r="N764732" s="10"/>
    </row>
    <row r="764733" spans="14:14">
      <c r="N764733" s="10"/>
    </row>
    <row r="764734" spans="14:14">
      <c r="N764734" s="10"/>
    </row>
    <row r="764735" spans="14:14">
      <c r="N764735" s="10"/>
    </row>
    <row r="764736" spans="14:14">
      <c r="N764736" s="10"/>
    </row>
    <row r="764737" spans="14:14">
      <c r="N764737" s="10"/>
    </row>
    <row r="764738" spans="14:14">
      <c r="N764738" s="10"/>
    </row>
    <row r="764739" spans="14:14">
      <c r="N764739" s="10"/>
    </row>
    <row r="764740" spans="14:14">
      <c r="N764740" s="10"/>
    </row>
    <row r="764741" spans="14:14">
      <c r="N764741" s="10"/>
    </row>
    <row r="764742" spans="14:14">
      <c r="N764742" s="10"/>
    </row>
    <row r="764743" spans="14:14">
      <c r="N764743" s="10"/>
    </row>
    <row r="764744" spans="14:14">
      <c r="N764744" s="10"/>
    </row>
    <row r="764745" spans="14:14">
      <c r="N764745" s="10"/>
    </row>
    <row r="764746" spans="14:14">
      <c r="N764746" s="10"/>
    </row>
    <row r="764747" spans="14:14">
      <c r="N764747" s="10"/>
    </row>
    <row r="764748" spans="14:14">
      <c r="N764748" s="10"/>
    </row>
    <row r="764749" spans="14:14">
      <c r="N764749" s="10"/>
    </row>
    <row r="764750" spans="14:14">
      <c r="N764750" s="10"/>
    </row>
    <row r="764751" spans="14:14">
      <c r="N764751" s="10"/>
    </row>
    <row r="764752" spans="14:14">
      <c r="N764752" s="10"/>
    </row>
    <row r="764753" spans="14:14">
      <c r="N764753" s="10"/>
    </row>
    <row r="764754" spans="14:14">
      <c r="N764754" s="10"/>
    </row>
    <row r="764755" spans="14:14">
      <c r="N764755" s="10"/>
    </row>
    <row r="764756" spans="14:14">
      <c r="N764756" s="10"/>
    </row>
    <row r="764757" spans="14:14">
      <c r="N764757" s="10"/>
    </row>
    <row r="764758" spans="14:14">
      <c r="N764758" s="10"/>
    </row>
    <row r="764759" spans="14:14">
      <c r="N764759" s="10"/>
    </row>
    <row r="764760" spans="14:14">
      <c r="N764760" s="10"/>
    </row>
    <row r="764761" spans="14:14">
      <c r="N764761" s="10"/>
    </row>
    <row r="764762" spans="14:14">
      <c r="N764762" s="10"/>
    </row>
    <row r="764763" spans="14:14">
      <c r="N764763" s="10"/>
    </row>
    <row r="764764" spans="14:14">
      <c r="N764764" s="10"/>
    </row>
    <row r="764765" spans="14:14">
      <c r="N764765" s="10"/>
    </row>
    <row r="764766" spans="14:14">
      <c r="N764766" s="10"/>
    </row>
    <row r="764767" spans="14:14">
      <c r="N764767" s="10"/>
    </row>
    <row r="764768" spans="14:14">
      <c r="N764768" s="10"/>
    </row>
    <row r="764769" spans="14:14">
      <c r="N764769" s="10"/>
    </row>
    <row r="764770" spans="14:14">
      <c r="N764770" s="10"/>
    </row>
    <row r="764771" spans="14:14">
      <c r="N764771" s="10"/>
    </row>
    <row r="764772" spans="14:14">
      <c r="N764772" s="10"/>
    </row>
    <row r="764773" spans="14:14">
      <c r="N764773" s="10"/>
    </row>
    <row r="764774" spans="14:14">
      <c r="N764774" s="10"/>
    </row>
    <row r="764775" spans="14:14">
      <c r="N764775" s="10"/>
    </row>
    <row r="764776" spans="14:14">
      <c r="N764776" s="10"/>
    </row>
    <row r="764777" spans="14:14">
      <c r="N764777" s="10"/>
    </row>
    <row r="764778" spans="14:14">
      <c r="N764778" s="10"/>
    </row>
    <row r="764779" spans="14:14">
      <c r="N764779" s="10"/>
    </row>
    <row r="764780" spans="14:14">
      <c r="N764780" s="10"/>
    </row>
    <row r="764781" spans="14:14">
      <c r="N764781" s="10"/>
    </row>
    <row r="764782" spans="14:14">
      <c r="N764782" s="10"/>
    </row>
    <row r="764783" spans="14:14">
      <c r="N764783" s="10"/>
    </row>
    <row r="764784" spans="14:14">
      <c r="N764784" s="10"/>
    </row>
    <row r="764785" spans="14:14">
      <c r="N764785" s="10"/>
    </row>
    <row r="764786" spans="14:14">
      <c r="N764786" s="10"/>
    </row>
    <row r="764787" spans="14:14">
      <c r="N764787" s="10"/>
    </row>
    <row r="764788" spans="14:14">
      <c r="N764788" s="10"/>
    </row>
    <row r="764789" spans="14:14">
      <c r="N764789" s="10"/>
    </row>
    <row r="764790" spans="14:14">
      <c r="N764790" s="10"/>
    </row>
    <row r="764791" spans="14:14">
      <c r="N764791" s="10"/>
    </row>
    <row r="764792" spans="14:14">
      <c r="N764792" s="10"/>
    </row>
    <row r="764793" spans="14:14">
      <c r="N764793" s="10"/>
    </row>
    <row r="764794" spans="14:14">
      <c r="N764794" s="10"/>
    </row>
    <row r="764795" spans="14:14">
      <c r="N764795" s="10"/>
    </row>
    <row r="764796" spans="14:14">
      <c r="N764796" s="10"/>
    </row>
    <row r="764797" spans="14:14">
      <c r="N764797" s="10"/>
    </row>
    <row r="764798" spans="14:14">
      <c r="N764798" s="10"/>
    </row>
    <row r="764799" spans="14:14">
      <c r="N764799" s="10"/>
    </row>
    <row r="764800" spans="14:14">
      <c r="N764800" s="10"/>
    </row>
    <row r="764801" spans="14:14">
      <c r="N764801" s="10"/>
    </row>
    <row r="764802" spans="14:14">
      <c r="N764802" s="10"/>
    </row>
    <row r="764803" spans="14:14">
      <c r="N764803" s="10"/>
    </row>
    <row r="764804" spans="14:14">
      <c r="N764804" s="10"/>
    </row>
    <row r="764805" spans="14:14">
      <c r="N764805" s="10"/>
    </row>
    <row r="764806" spans="14:14">
      <c r="N764806" s="10"/>
    </row>
    <row r="764807" spans="14:14">
      <c r="N764807" s="10"/>
    </row>
    <row r="764808" spans="14:14">
      <c r="N764808" s="10"/>
    </row>
    <row r="764809" spans="14:14">
      <c r="N764809" s="10"/>
    </row>
    <row r="764810" spans="14:14">
      <c r="N764810" s="10"/>
    </row>
    <row r="764811" spans="14:14">
      <c r="N764811" s="10"/>
    </row>
    <row r="764812" spans="14:14">
      <c r="N764812" s="10"/>
    </row>
    <row r="764813" spans="14:14">
      <c r="N764813" s="10"/>
    </row>
    <row r="764814" spans="14:14">
      <c r="N764814" s="10"/>
    </row>
    <row r="764815" spans="14:14">
      <c r="N764815" s="10"/>
    </row>
    <row r="764816" spans="14:14">
      <c r="N764816" s="10"/>
    </row>
    <row r="764817" spans="14:14">
      <c r="N764817" s="10"/>
    </row>
    <row r="764818" spans="14:14">
      <c r="N764818" s="10"/>
    </row>
    <row r="764819" spans="14:14">
      <c r="N764819" s="10"/>
    </row>
    <row r="764820" spans="14:14">
      <c r="N764820" s="10"/>
    </row>
    <row r="764821" spans="14:14">
      <c r="N764821" s="10"/>
    </row>
    <row r="764822" spans="14:14">
      <c r="N764822" s="10"/>
    </row>
    <row r="764823" spans="14:14">
      <c r="N764823" s="10"/>
    </row>
    <row r="764824" spans="14:14">
      <c r="N764824" s="10"/>
    </row>
    <row r="764825" spans="14:14">
      <c r="N764825" s="10"/>
    </row>
    <row r="764826" spans="14:14">
      <c r="N764826" s="10"/>
    </row>
    <row r="764827" spans="14:14">
      <c r="N764827" s="10"/>
    </row>
    <row r="764828" spans="14:14">
      <c r="N764828" s="10"/>
    </row>
    <row r="764829" spans="14:14">
      <c r="N764829" s="10"/>
    </row>
    <row r="764830" spans="14:14">
      <c r="N764830" s="10"/>
    </row>
    <row r="764831" spans="14:14">
      <c r="N764831" s="10"/>
    </row>
    <row r="764832" spans="14:14">
      <c r="N764832" s="10"/>
    </row>
    <row r="764833" spans="14:14">
      <c r="N764833" s="10"/>
    </row>
    <row r="764834" spans="14:14">
      <c r="N764834" s="10"/>
    </row>
    <row r="764835" spans="14:14">
      <c r="N764835" s="10"/>
    </row>
    <row r="764836" spans="14:14">
      <c r="N764836" s="10"/>
    </row>
    <row r="764837" spans="14:14">
      <c r="N764837" s="10"/>
    </row>
    <row r="764838" spans="14:14">
      <c r="N764838" s="10"/>
    </row>
    <row r="764839" spans="14:14">
      <c r="N764839" s="10"/>
    </row>
    <row r="764840" spans="14:14">
      <c r="N764840" s="10"/>
    </row>
    <row r="764841" spans="14:14">
      <c r="N764841" s="10"/>
    </row>
    <row r="764842" spans="14:14">
      <c r="N764842" s="10"/>
    </row>
    <row r="764843" spans="14:14">
      <c r="N764843" s="10"/>
    </row>
    <row r="764844" spans="14:14">
      <c r="N764844" s="10"/>
    </row>
    <row r="764845" spans="14:14">
      <c r="N764845" s="10"/>
    </row>
    <row r="764846" spans="14:14">
      <c r="N764846" s="10"/>
    </row>
    <row r="764847" spans="14:14">
      <c r="N764847" s="10"/>
    </row>
    <row r="764848" spans="14:14">
      <c r="N764848" s="10"/>
    </row>
    <row r="764849" spans="14:14">
      <c r="N764849" s="10"/>
    </row>
    <row r="764850" spans="14:14">
      <c r="N764850" s="10"/>
    </row>
    <row r="764851" spans="14:14">
      <c r="N764851" s="10"/>
    </row>
    <row r="764852" spans="14:14">
      <c r="N764852" s="10"/>
    </row>
    <row r="764853" spans="14:14">
      <c r="N764853" s="10"/>
    </row>
    <row r="764854" spans="14:14">
      <c r="N764854" s="10"/>
    </row>
    <row r="764855" spans="14:14">
      <c r="N764855" s="10"/>
    </row>
    <row r="764856" spans="14:14">
      <c r="N764856" s="10"/>
    </row>
    <row r="764857" spans="14:14">
      <c r="N764857" s="10"/>
    </row>
    <row r="764858" spans="14:14">
      <c r="N764858" s="10"/>
    </row>
    <row r="764859" spans="14:14">
      <c r="N764859" s="10"/>
    </row>
    <row r="764860" spans="14:14">
      <c r="N764860" s="10"/>
    </row>
    <row r="764861" spans="14:14">
      <c r="N764861" s="10"/>
    </row>
    <row r="764862" spans="14:14">
      <c r="N764862" s="10"/>
    </row>
    <row r="764863" spans="14:14">
      <c r="N764863" s="10"/>
    </row>
    <row r="764864" spans="14:14">
      <c r="N764864" s="10"/>
    </row>
    <row r="764865" spans="14:14">
      <c r="N764865" s="10"/>
    </row>
    <row r="764866" spans="14:14">
      <c r="N764866" s="10"/>
    </row>
    <row r="764867" spans="14:14">
      <c r="N764867" s="10"/>
    </row>
    <row r="764868" spans="14:14">
      <c r="N764868" s="10"/>
    </row>
    <row r="764869" spans="14:14">
      <c r="N764869" s="10"/>
    </row>
    <row r="764870" spans="14:14">
      <c r="N764870" s="10"/>
    </row>
    <row r="764871" spans="14:14">
      <c r="N764871" s="10"/>
    </row>
    <row r="764872" spans="14:14">
      <c r="N764872" s="10"/>
    </row>
    <row r="764873" spans="14:14">
      <c r="N764873" s="10"/>
    </row>
    <row r="764874" spans="14:14">
      <c r="N764874" s="10"/>
    </row>
    <row r="764875" spans="14:14">
      <c r="N764875" s="10"/>
    </row>
    <row r="764876" spans="14:14">
      <c r="N764876" s="10"/>
    </row>
    <row r="764877" spans="14:14">
      <c r="N764877" s="10"/>
    </row>
    <row r="764878" spans="14:14">
      <c r="N764878" s="10"/>
    </row>
    <row r="764879" spans="14:14">
      <c r="N764879" s="10"/>
    </row>
    <row r="764880" spans="14:14">
      <c r="N764880" s="10"/>
    </row>
    <row r="764881" spans="14:14">
      <c r="N764881" s="10"/>
    </row>
    <row r="764882" spans="14:14">
      <c r="N764882" s="10"/>
    </row>
    <row r="764883" spans="14:14">
      <c r="N764883" s="10"/>
    </row>
    <row r="764884" spans="14:14">
      <c r="N764884" s="10"/>
    </row>
    <row r="764885" spans="14:14">
      <c r="N764885" s="10"/>
    </row>
    <row r="764886" spans="14:14">
      <c r="N764886" s="10"/>
    </row>
    <row r="764887" spans="14:14">
      <c r="N764887" s="10"/>
    </row>
    <row r="764888" spans="14:14">
      <c r="N764888" s="10"/>
    </row>
    <row r="764889" spans="14:14">
      <c r="N764889" s="10"/>
    </row>
    <row r="764890" spans="14:14">
      <c r="N764890" s="10"/>
    </row>
    <row r="764891" spans="14:14">
      <c r="N764891" s="10"/>
    </row>
    <row r="764892" spans="14:14">
      <c r="N764892" s="10"/>
    </row>
    <row r="764893" spans="14:14">
      <c r="N764893" s="10"/>
    </row>
    <row r="764894" spans="14:14">
      <c r="N764894" s="10"/>
    </row>
    <row r="764895" spans="14:14">
      <c r="N764895" s="10"/>
    </row>
    <row r="764896" spans="14:14">
      <c r="N764896" s="10"/>
    </row>
    <row r="764897" spans="14:14">
      <c r="N764897" s="10"/>
    </row>
    <row r="764898" spans="14:14">
      <c r="N764898" s="10"/>
    </row>
    <row r="764899" spans="14:14">
      <c r="N764899" s="10"/>
    </row>
    <row r="764900" spans="14:14">
      <c r="N764900" s="10"/>
    </row>
    <row r="764901" spans="14:14">
      <c r="N764901" s="10"/>
    </row>
    <row r="764902" spans="14:14">
      <c r="N764902" s="10"/>
    </row>
    <row r="764903" spans="14:14">
      <c r="N764903" s="10"/>
    </row>
    <row r="764904" spans="14:14">
      <c r="N764904" s="10"/>
    </row>
    <row r="764905" spans="14:14">
      <c r="N764905" s="10"/>
    </row>
    <row r="764906" spans="14:14">
      <c r="N764906" s="10"/>
    </row>
    <row r="764907" spans="14:14">
      <c r="N764907" s="10"/>
    </row>
    <row r="764908" spans="14:14">
      <c r="N764908" s="10"/>
    </row>
    <row r="764909" spans="14:14">
      <c r="N764909" s="10"/>
    </row>
    <row r="764910" spans="14:14">
      <c r="N764910" s="10"/>
    </row>
    <row r="764911" spans="14:14">
      <c r="N764911" s="10"/>
    </row>
    <row r="764912" spans="14:14">
      <c r="N764912" s="10"/>
    </row>
    <row r="764913" spans="14:14">
      <c r="N764913" s="10"/>
    </row>
    <row r="764914" spans="14:14">
      <c r="N764914" s="10"/>
    </row>
    <row r="764915" spans="14:14">
      <c r="N764915" s="10"/>
    </row>
    <row r="764916" spans="14:14">
      <c r="N764916" s="10"/>
    </row>
    <row r="764917" spans="14:14">
      <c r="N764917" s="10"/>
    </row>
    <row r="764918" spans="14:14">
      <c r="N764918" s="10"/>
    </row>
    <row r="764919" spans="14:14">
      <c r="N764919" s="10"/>
    </row>
    <row r="764920" spans="14:14">
      <c r="N764920" s="10"/>
    </row>
    <row r="764921" spans="14:14">
      <c r="N764921" s="10"/>
    </row>
    <row r="764922" spans="14:14">
      <c r="N764922" s="10"/>
    </row>
    <row r="764923" spans="14:14">
      <c r="N764923" s="10"/>
    </row>
    <row r="764924" spans="14:14">
      <c r="N764924" s="10"/>
    </row>
    <row r="764925" spans="14:14">
      <c r="N764925" s="10"/>
    </row>
    <row r="764926" spans="14:14">
      <c r="N764926" s="10"/>
    </row>
    <row r="764927" spans="14:14">
      <c r="N764927" s="10"/>
    </row>
    <row r="764928" spans="14:14">
      <c r="N764928" s="10"/>
    </row>
    <row r="764929" spans="14:14">
      <c r="N764929" s="10"/>
    </row>
    <row r="764930" spans="14:14">
      <c r="N764930" s="10"/>
    </row>
    <row r="764931" spans="14:14">
      <c r="N764931" s="10"/>
    </row>
    <row r="764932" spans="14:14">
      <c r="N764932" s="10"/>
    </row>
    <row r="764933" spans="14:14">
      <c r="N764933" s="10"/>
    </row>
    <row r="764934" spans="14:14">
      <c r="N764934" s="10"/>
    </row>
    <row r="764935" spans="14:14">
      <c r="N764935" s="10"/>
    </row>
    <row r="764936" spans="14:14">
      <c r="N764936" s="10"/>
    </row>
    <row r="764937" spans="14:14">
      <c r="N764937" s="10"/>
    </row>
    <row r="764938" spans="14:14">
      <c r="N764938" s="10"/>
    </row>
    <row r="764939" spans="14:14">
      <c r="N764939" s="10"/>
    </row>
    <row r="764940" spans="14:14">
      <c r="N764940" s="10"/>
    </row>
    <row r="764941" spans="14:14">
      <c r="N764941" s="10"/>
    </row>
    <row r="764942" spans="14:14">
      <c r="N764942" s="10"/>
    </row>
    <row r="764943" spans="14:14">
      <c r="N764943" s="10"/>
    </row>
    <row r="764944" spans="14:14">
      <c r="N764944" s="10"/>
    </row>
    <row r="764945" spans="14:14">
      <c r="N764945" s="10"/>
    </row>
    <row r="764946" spans="14:14">
      <c r="N764946" s="10"/>
    </row>
    <row r="764947" spans="14:14">
      <c r="N764947" s="10"/>
    </row>
    <row r="764948" spans="14:14">
      <c r="N764948" s="10"/>
    </row>
    <row r="764949" spans="14:14">
      <c r="N764949" s="10"/>
    </row>
    <row r="764950" spans="14:14">
      <c r="N764950" s="10"/>
    </row>
    <row r="764951" spans="14:14">
      <c r="N764951" s="10"/>
    </row>
    <row r="764952" spans="14:14">
      <c r="N764952" s="10"/>
    </row>
    <row r="764953" spans="14:14">
      <c r="N764953" s="10"/>
    </row>
    <row r="764954" spans="14:14">
      <c r="N764954" s="10"/>
    </row>
    <row r="764955" spans="14:14">
      <c r="N764955" s="10"/>
    </row>
    <row r="764956" spans="14:14">
      <c r="N764956" s="10"/>
    </row>
    <row r="764957" spans="14:14">
      <c r="N764957" s="10"/>
    </row>
    <row r="764958" spans="14:14">
      <c r="N764958" s="10"/>
    </row>
    <row r="764959" spans="14:14">
      <c r="N764959" s="10"/>
    </row>
    <row r="764960" spans="14:14">
      <c r="N764960" s="10"/>
    </row>
    <row r="764961" spans="14:14">
      <c r="N764961" s="10"/>
    </row>
    <row r="764962" spans="14:14">
      <c r="N764962" s="10"/>
    </row>
    <row r="764963" spans="14:14">
      <c r="N764963" s="10"/>
    </row>
    <row r="764964" spans="14:14">
      <c r="N764964" s="10"/>
    </row>
    <row r="764965" spans="14:14">
      <c r="N764965" s="10"/>
    </row>
    <row r="764966" spans="14:14">
      <c r="N764966" s="10"/>
    </row>
    <row r="764967" spans="14:14">
      <c r="N764967" s="10"/>
    </row>
    <row r="764968" spans="14:14">
      <c r="N764968" s="10"/>
    </row>
    <row r="764969" spans="14:14">
      <c r="N764969" s="10"/>
    </row>
    <row r="764970" spans="14:14">
      <c r="N764970" s="10"/>
    </row>
    <row r="764971" spans="14:14">
      <c r="N764971" s="10"/>
    </row>
    <row r="764972" spans="14:14">
      <c r="N764972" s="10"/>
    </row>
    <row r="764973" spans="14:14">
      <c r="N764973" s="10"/>
    </row>
    <row r="764974" spans="14:14">
      <c r="N764974" s="10"/>
    </row>
    <row r="764975" spans="14:14">
      <c r="N764975" s="10"/>
    </row>
    <row r="764976" spans="14:14">
      <c r="N764976" s="10"/>
    </row>
    <row r="764977" spans="14:14">
      <c r="N764977" s="10"/>
    </row>
    <row r="764978" spans="14:14">
      <c r="N764978" s="10"/>
    </row>
    <row r="764979" spans="14:14">
      <c r="N764979" s="10"/>
    </row>
    <row r="764980" spans="14:14">
      <c r="N764980" s="10"/>
    </row>
    <row r="764981" spans="14:14">
      <c r="N764981" s="10"/>
    </row>
    <row r="764982" spans="14:14">
      <c r="N764982" s="10"/>
    </row>
    <row r="764983" spans="14:14">
      <c r="N764983" s="10"/>
    </row>
    <row r="764984" spans="14:14">
      <c r="N764984" s="10"/>
    </row>
    <row r="764985" spans="14:14">
      <c r="N764985" s="10"/>
    </row>
    <row r="764986" spans="14:14">
      <c r="N764986" s="10"/>
    </row>
    <row r="764987" spans="14:14">
      <c r="N764987" s="10"/>
    </row>
    <row r="764988" spans="14:14">
      <c r="N764988" s="10"/>
    </row>
    <row r="764989" spans="14:14">
      <c r="N764989" s="10"/>
    </row>
    <row r="764990" spans="14:14">
      <c r="N764990" s="10"/>
    </row>
    <row r="764991" spans="14:14">
      <c r="N764991" s="10"/>
    </row>
    <row r="764992" spans="14:14">
      <c r="N764992" s="10"/>
    </row>
    <row r="764993" spans="14:14">
      <c r="N764993" s="10"/>
    </row>
    <row r="764994" spans="14:14">
      <c r="N764994" s="10"/>
    </row>
    <row r="764995" spans="14:14">
      <c r="N764995" s="10"/>
    </row>
    <row r="764996" spans="14:14">
      <c r="N764996" s="10"/>
    </row>
    <row r="764997" spans="14:14">
      <c r="N764997" s="10"/>
    </row>
    <row r="764998" spans="14:14">
      <c r="N764998" s="10"/>
    </row>
    <row r="764999" spans="14:14">
      <c r="N764999" s="10"/>
    </row>
    <row r="765000" spans="14:14">
      <c r="N765000" s="10"/>
    </row>
    <row r="765001" spans="14:14">
      <c r="N765001" s="10"/>
    </row>
    <row r="765002" spans="14:14">
      <c r="N765002" s="10"/>
    </row>
    <row r="765003" spans="14:14">
      <c r="N765003" s="10"/>
    </row>
    <row r="765004" spans="14:14">
      <c r="N765004" s="10"/>
    </row>
    <row r="765005" spans="14:14">
      <c r="N765005" s="10"/>
    </row>
    <row r="765006" spans="14:14">
      <c r="N765006" s="10"/>
    </row>
    <row r="765007" spans="14:14">
      <c r="N765007" s="10"/>
    </row>
    <row r="765008" spans="14:14">
      <c r="N765008" s="10"/>
    </row>
    <row r="765009" spans="14:14">
      <c r="N765009" s="10"/>
    </row>
    <row r="765010" spans="14:14">
      <c r="N765010" s="10"/>
    </row>
    <row r="765011" spans="14:14">
      <c r="N765011" s="10"/>
    </row>
    <row r="765012" spans="14:14">
      <c r="N765012" s="10"/>
    </row>
    <row r="765013" spans="14:14">
      <c r="N765013" s="10"/>
    </row>
    <row r="765014" spans="14:14">
      <c r="N765014" s="10"/>
    </row>
    <row r="765015" spans="14:14">
      <c r="N765015" s="10"/>
    </row>
    <row r="765016" spans="14:14">
      <c r="N765016" s="10"/>
    </row>
    <row r="765017" spans="14:14">
      <c r="N765017" s="10"/>
    </row>
    <row r="765018" spans="14:14">
      <c r="N765018" s="10"/>
    </row>
    <row r="765019" spans="14:14">
      <c r="N765019" s="10"/>
    </row>
    <row r="765020" spans="14:14">
      <c r="N765020" s="10"/>
    </row>
    <row r="765021" spans="14:14">
      <c r="N765021" s="10"/>
    </row>
    <row r="765022" spans="14:14">
      <c r="N765022" s="10"/>
    </row>
    <row r="765023" spans="14:14">
      <c r="N765023" s="10"/>
    </row>
    <row r="765024" spans="14:14">
      <c r="N765024" s="10"/>
    </row>
    <row r="765025" spans="14:14">
      <c r="N765025" s="10"/>
    </row>
    <row r="765026" spans="14:14">
      <c r="N765026" s="10"/>
    </row>
    <row r="765027" spans="14:14">
      <c r="N765027" s="10"/>
    </row>
    <row r="765028" spans="14:14">
      <c r="N765028" s="10"/>
    </row>
    <row r="765029" spans="14:14">
      <c r="N765029" s="10"/>
    </row>
    <row r="765030" spans="14:14">
      <c r="N765030" s="10"/>
    </row>
    <row r="765031" spans="14:14">
      <c r="N765031" s="10"/>
    </row>
    <row r="765032" spans="14:14">
      <c r="N765032" s="10"/>
    </row>
    <row r="765033" spans="14:14">
      <c r="N765033" s="10"/>
    </row>
    <row r="765034" spans="14:14">
      <c r="N765034" s="10"/>
    </row>
    <row r="765035" spans="14:14">
      <c r="N765035" s="10"/>
    </row>
    <row r="765036" spans="14:14">
      <c r="N765036" s="10"/>
    </row>
    <row r="765037" spans="14:14">
      <c r="N765037" s="10"/>
    </row>
    <row r="765038" spans="14:14">
      <c r="N765038" s="10"/>
    </row>
    <row r="765039" spans="14:14">
      <c r="N765039" s="10"/>
    </row>
    <row r="765040" spans="14:14">
      <c r="N765040" s="10"/>
    </row>
    <row r="765041" spans="14:14">
      <c r="N765041" s="10"/>
    </row>
    <row r="765042" spans="14:14">
      <c r="N765042" s="10"/>
    </row>
    <row r="765043" spans="14:14">
      <c r="N765043" s="10"/>
    </row>
    <row r="765044" spans="14:14">
      <c r="N765044" s="10"/>
    </row>
    <row r="765045" spans="14:14">
      <c r="N765045" s="10"/>
    </row>
    <row r="765046" spans="14:14">
      <c r="N765046" s="10"/>
    </row>
    <row r="765047" spans="14:14">
      <c r="N765047" s="10"/>
    </row>
    <row r="765048" spans="14:14">
      <c r="N765048" s="10"/>
    </row>
    <row r="765049" spans="14:14">
      <c r="N765049" s="10"/>
    </row>
    <row r="765050" spans="14:14">
      <c r="N765050" s="10"/>
    </row>
    <row r="765051" spans="14:14">
      <c r="N765051" s="10"/>
    </row>
    <row r="765052" spans="14:14">
      <c r="N765052" s="10"/>
    </row>
    <row r="765053" spans="14:14">
      <c r="N765053" s="10"/>
    </row>
    <row r="765054" spans="14:14">
      <c r="N765054" s="10"/>
    </row>
    <row r="765055" spans="14:14">
      <c r="N765055" s="10"/>
    </row>
    <row r="765056" spans="14:14">
      <c r="N765056" s="10"/>
    </row>
    <row r="765057" spans="14:14">
      <c r="N765057" s="10"/>
    </row>
    <row r="765058" spans="14:14">
      <c r="N765058" s="10"/>
    </row>
    <row r="765059" spans="14:14">
      <c r="N765059" s="10"/>
    </row>
    <row r="765060" spans="14:14">
      <c r="N765060" s="10"/>
    </row>
    <row r="765061" spans="14:14">
      <c r="N765061" s="10"/>
    </row>
    <row r="765062" spans="14:14">
      <c r="N765062" s="10"/>
    </row>
    <row r="765063" spans="14:14">
      <c r="N765063" s="10"/>
    </row>
    <row r="765064" spans="14:14">
      <c r="N765064" s="10"/>
    </row>
    <row r="765065" spans="14:14">
      <c r="N765065" s="10"/>
    </row>
    <row r="765066" spans="14:14">
      <c r="N765066" s="10"/>
    </row>
    <row r="765067" spans="14:14">
      <c r="N765067" s="10"/>
    </row>
    <row r="765068" spans="14:14">
      <c r="N765068" s="10"/>
    </row>
    <row r="765069" spans="14:14">
      <c r="N765069" s="10"/>
    </row>
    <row r="765070" spans="14:14">
      <c r="N765070" s="10"/>
    </row>
    <row r="765071" spans="14:14">
      <c r="N765071" s="10"/>
    </row>
    <row r="765072" spans="14:14">
      <c r="N765072" s="10"/>
    </row>
    <row r="765073" spans="14:14">
      <c r="N765073" s="10"/>
    </row>
    <row r="765074" spans="14:14">
      <c r="N765074" s="10"/>
    </row>
    <row r="765075" spans="14:14">
      <c r="N765075" s="10"/>
    </row>
    <row r="765076" spans="14:14">
      <c r="N765076" s="10"/>
    </row>
    <row r="765077" spans="14:14">
      <c r="N765077" s="10"/>
    </row>
    <row r="765078" spans="14:14">
      <c r="N765078" s="10"/>
    </row>
    <row r="765079" spans="14:14">
      <c r="N765079" s="10"/>
    </row>
    <row r="765080" spans="14:14">
      <c r="N765080" s="10"/>
    </row>
    <row r="765081" spans="14:14">
      <c r="N765081" s="10"/>
    </row>
    <row r="765082" spans="14:14">
      <c r="N765082" s="10"/>
    </row>
    <row r="765083" spans="14:14">
      <c r="N765083" s="10"/>
    </row>
    <row r="765084" spans="14:14">
      <c r="N765084" s="10"/>
    </row>
    <row r="765085" spans="14:14">
      <c r="N765085" s="10"/>
    </row>
    <row r="765086" spans="14:14">
      <c r="N765086" s="10"/>
    </row>
    <row r="765087" spans="14:14">
      <c r="N765087" s="10"/>
    </row>
    <row r="765088" spans="14:14">
      <c r="N765088" s="10"/>
    </row>
    <row r="765089" spans="14:14">
      <c r="N765089" s="10"/>
    </row>
    <row r="765090" spans="14:14">
      <c r="N765090" s="10"/>
    </row>
    <row r="765091" spans="14:14">
      <c r="N765091" s="10"/>
    </row>
    <row r="765092" spans="14:14">
      <c r="N765092" s="10"/>
    </row>
    <row r="765093" spans="14:14">
      <c r="N765093" s="10"/>
    </row>
    <row r="765094" spans="14:14">
      <c r="N765094" s="10"/>
    </row>
    <row r="765095" spans="14:14">
      <c r="N765095" s="10"/>
    </row>
    <row r="765096" spans="14:14">
      <c r="N765096" s="10"/>
    </row>
    <row r="765097" spans="14:14">
      <c r="N765097" s="10"/>
    </row>
    <row r="765098" spans="14:14">
      <c r="N765098" s="10"/>
    </row>
    <row r="765099" spans="14:14">
      <c r="N765099" s="10"/>
    </row>
    <row r="765100" spans="14:14">
      <c r="N765100" s="10"/>
    </row>
    <row r="765101" spans="14:14">
      <c r="N765101" s="10"/>
    </row>
    <row r="765102" spans="14:14">
      <c r="N765102" s="10"/>
    </row>
    <row r="765103" spans="14:14">
      <c r="N765103" s="10"/>
    </row>
    <row r="765104" spans="14:14">
      <c r="N765104" s="10"/>
    </row>
    <row r="765105" spans="14:14">
      <c r="N765105" s="10"/>
    </row>
    <row r="765106" spans="14:14">
      <c r="N765106" s="10"/>
    </row>
    <row r="765107" spans="14:14">
      <c r="N765107" s="10"/>
    </row>
    <row r="765108" spans="14:14">
      <c r="N765108" s="10"/>
    </row>
    <row r="765109" spans="14:14">
      <c r="N765109" s="10"/>
    </row>
    <row r="765110" spans="14:14">
      <c r="N765110" s="10"/>
    </row>
    <row r="765111" spans="14:14">
      <c r="N765111" s="10"/>
    </row>
    <row r="765112" spans="14:14">
      <c r="N765112" s="10"/>
    </row>
    <row r="765113" spans="14:14">
      <c r="N765113" s="10"/>
    </row>
    <row r="765114" spans="14:14">
      <c r="N765114" s="10"/>
    </row>
    <row r="765115" spans="14:14">
      <c r="N765115" s="10"/>
    </row>
    <row r="765116" spans="14:14">
      <c r="N765116" s="10"/>
    </row>
    <row r="765117" spans="14:14">
      <c r="N765117" s="10"/>
    </row>
    <row r="765118" spans="14:14">
      <c r="N765118" s="10"/>
    </row>
    <row r="765119" spans="14:14">
      <c r="N765119" s="10"/>
    </row>
    <row r="765120" spans="14:14">
      <c r="N765120" s="10"/>
    </row>
    <row r="765121" spans="14:14">
      <c r="N765121" s="10"/>
    </row>
    <row r="765122" spans="14:14">
      <c r="N765122" s="10"/>
    </row>
    <row r="765123" spans="14:14">
      <c r="N765123" s="10"/>
    </row>
    <row r="765124" spans="14:14">
      <c r="N765124" s="10"/>
    </row>
    <row r="765125" spans="14:14">
      <c r="N765125" s="10"/>
    </row>
    <row r="765126" spans="14:14">
      <c r="N765126" s="10"/>
    </row>
    <row r="765127" spans="14:14">
      <c r="N765127" s="10"/>
    </row>
    <row r="765128" spans="14:14">
      <c r="N765128" s="10"/>
    </row>
    <row r="765129" spans="14:14">
      <c r="N765129" s="10"/>
    </row>
    <row r="765130" spans="14:14">
      <c r="N765130" s="10"/>
    </row>
    <row r="765131" spans="14:14">
      <c r="N765131" s="10"/>
    </row>
    <row r="765132" spans="14:14">
      <c r="N765132" s="10"/>
    </row>
    <row r="765133" spans="14:14">
      <c r="N765133" s="10"/>
    </row>
    <row r="765134" spans="14:14">
      <c r="N765134" s="10"/>
    </row>
    <row r="765135" spans="14:14">
      <c r="N765135" s="10"/>
    </row>
    <row r="765136" spans="14:14">
      <c r="N765136" s="10"/>
    </row>
    <row r="765137" spans="14:14">
      <c r="N765137" s="10"/>
    </row>
    <row r="765138" spans="14:14">
      <c r="N765138" s="10"/>
    </row>
    <row r="765139" spans="14:14">
      <c r="N765139" s="10"/>
    </row>
    <row r="765140" spans="14:14">
      <c r="N765140" s="10"/>
    </row>
    <row r="765141" spans="14:14">
      <c r="N765141" s="10"/>
    </row>
    <row r="765142" spans="14:14">
      <c r="N765142" s="10"/>
    </row>
    <row r="765143" spans="14:14">
      <c r="N765143" s="10"/>
    </row>
    <row r="765144" spans="14:14">
      <c r="N765144" s="10"/>
    </row>
    <row r="765145" spans="14:14">
      <c r="N765145" s="10"/>
    </row>
    <row r="765146" spans="14:14">
      <c r="N765146" s="10"/>
    </row>
    <row r="765147" spans="14:14">
      <c r="N765147" s="10"/>
    </row>
    <row r="765148" spans="14:14">
      <c r="N765148" s="10"/>
    </row>
    <row r="765149" spans="14:14">
      <c r="N765149" s="10"/>
    </row>
    <row r="765150" spans="14:14">
      <c r="N765150" s="10"/>
    </row>
    <row r="765151" spans="14:14">
      <c r="N765151" s="10"/>
    </row>
    <row r="765152" spans="14:14">
      <c r="N765152" s="10"/>
    </row>
    <row r="765153" spans="14:14">
      <c r="N765153" s="10"/>
    </row>
    <row r="765154" spans="14:14">
      <c r="N765154" s="10"/>
    </row>
    <row r="765155" spans="14:14">
      <c r="N765155" s="10"/>
    </row>
    <row r="765156" spans="14:14">
      <c r="N765156" s="10"/>
    </row>
    <row r="765157" spans="14:14">
      <c r="N765157" s="10"/>
    </row>
    <row r="765158" spans="14:14">
      <c r="N765158" s="10"/>
    </row>
    <row r="765159" spans="14:14">
      <c r="N765159" s="10"/>
    </row>
    <row r="765160" spans="14:14">
      <c r="N765160" s="10"/>
    </row>
    <row r="765161" spans="14:14">
      <c r="N765161" s="10"/>
    </row>
    <row r="765162" spans="14:14">
      <c r="N765162" s="10"/>
    </row>
    <row r="765163" spans="14:14">
      <c r="N765163" s="10"/>
    </row>
    <row r="765164" spans="14:14">
      <c r="N765164" s="10"/>
    </row>
    <row r="765165" spans="14:14">
      <c r="N765165" s="10"/>
    </row>
    <row r="765166" spans="14:14">
      <c r="N765166" s="10"/>
    </row>
    <row r="765167" spans="14:14">
      <c r="N765167" s="10"/>
    </row>
    <row r="765168" spans="14:14">
      <c r="N765168" s="10"/>
    </row>
    <row r="765169" spans="14:14">
      <c r="N765169" s="10"/>
    </row>
    <row r="765170" spans="14:14">
      <c r="N765170" s="10"/>
    </row>
    <row r="765171" spans="14:14">
      <c r="N765171" s="10"/>
    </row>
    <row r="765172" spans="14:14">
      <c r="N765172" s="10"/>
    </row>
    <row r="765173" spans="14:14">
      <c r="N765173" s="10"/>
    </row>
    <row r="765174" spans="14:14">
      <c r="N765174" s="10"/>
    </row>
    <row r="765175" spans="14:14">
      <c r="N765175" s="10"/>
    </row>
    <row r="765176" spans="14:14">
      <c r="N765176" s="10"/>
    </row>
    <row r="765177" spans="14:14">
      <c r="N765177" s="10"/>
    </row>
    <row r="765178" spans="14:14">
      <c r="N765178" s="10"/>
    </row>
    <row r="765179" spans="14:14">
      <c r="N765179" s="10"/>
    </row>
    <row r="765180" spans="14:14">
      <c r="N765180" s="10"/>
    </row>
    <row r="765181" spans="14:14">
      <c r="N765181" s="10"/>
    </row>
    <row r="765182" spans="14:14">
      <c r="N765182" s="10"/>
    </row>
    <row r="765183" spans="14:14">
      <c r="N765183" s="10"/>
    </row>
    <row r="765184" spans="14:14">
      <c r="N765184" s="10"/>
    </row>
    <row r="765185" spans="14:14">
      <c r="N765185" s="10"/>
    </row>
    <row r="765186" spans="14:14">
      <c r="N765186" s="10"/>
    </row>
    <row r="765187" spans="14:14">
      <c r="N765187" s="10"/>
    </row>
    <row r="765188" spans="14:14">
      <c r="N765188" s="10"/>
    </row>
    <row r="765189" spans="14:14">
      <c r="N765189" s="10"/>
    </row>
    <row r="765190" spans="14:14">
      <c r="N765190" s="10"/>
    </row>
    <row r="765191" spans="14:14">
      <c r="N765191" s="10"/>
    </row>
    <row r="765192" spans="14:14">
      <c r="N765192" s="10"/>
    </row>
    <row r="765193" spans="14:14">
      <c r="N765193" s="10"/>
    </row>
    <row r="765194" spans="14:14">
      <c r="N765194" s="10"/>
    </row>
    <row r="765195" spans="14:14">
      <c r="N765195" s="10"/>
    </row>
    <row r="765196" spans="14:14">
      <c r="N765196" s="10"/>
    </row>
    <row r="765197" spans="14:14">
      <c r="N765197" s="10"/>
    </row>
    <row r="765198" spans="14:14">
      <c r="N765198" s="10"/>
    </row>
    <row r="765199" spans="14:14">
      <c r="N765199" s="10"/>
    </row>
    <row r="765200" spans="14:14">
      <c r="N765200" s="10"/>
    </row>
    <row r="765201" spans="14:14">
      <c r="N765201" s="10"/>
    </row>
    <row r="765202" spans="14:14">
      <c r="N765202" s="10"/>
    </row>
    <row r="765203" spans="14:14">
      <c r="N765203" s="10"/>
    </row>
    <row r="765204" spans="14:14">
      <c r="N765204" s="10"/>
    </row>
    <row r="765205" spans="14:14">
      <c r="N765205" s="10"/>
    </row>
    <row r="765206" spans="14:14">
      <c r="N765206" s="10"/>
    </row>
    <row r="765207" spans="14:14">
      <c r="N765207" s="10"/>
    </row>
    <row r="765208" spans="14:14">
      <c r="N765208" s="10"/>
    </row>
    <row r="765209" spans="14:14">
      <c r="N765209" s="10"/>
    </row>
    <row r="765210" spans="14:14">
      <c r="N765210" s="10"/>
    </row>
    <row r="765211" spans="14:14">
      <c r="N765211" s="10"/>
    </row>
    <row r="765212" spans="14:14">
      <c r="N765212" s="10"/>
    </row>
    <row r="765213" spans="14:14">
      <c r="N765213" s="10"/>
    </row>
    <row r="765214" spans="14:14">
      <c r="N765214" s="10"/>
    </row>
    <row r="765215" spans="14:14">
      <c r="N765215" s="10"/>
    </row>
    <row r="765216" spans="14:14">
      <c r="N765216" s="10"/>
    </row>
    <row r="765217" spans="14:14">
      <c r="N765217" s="10"/>
    </row>
    <row r="765218" spans="14:14">
      <c r="N765218" s="10"/>
    </row>
    <row r="765219" spans="14:14">
      <c r="N765219" s="10"/>
    </row>
    <row r="765220" spans="14:14">
      <c r="N765220" s="10"/>
    </row>
    <row r="765221" spans="14:14">
      <c r="N765221" s="10"/>
    </row>
    <row r="765222" spans="14:14">
      <c r="N765222" s="10"/>
    </row>
    <row r="765223" spans="14:14">
      <c r="N765223" s="10"/>
    </row>
    <row r="765224" spans="14:14">
      <c r="N765224" s="10"/>
    </row>
    <row r="765225" spans="14:14">
      <c r="N765225" s="10"/>
    </row>
    <row r="765226" spans="14:14">
      <c r="N765226" s="10"/>
    </row>
    <row r="765227" spans="14:14">
      <c r="N765227" s="10"/>
    </row>
    <row r="765228" spans="14:14">
      <c r="N765228" s="10"/>
    </row>
    <row r="765229" spans="14:14">
      <c r="N765229" s="10"/>
    </row>
    <row r="765230" spans="14:14">
      <c r="N765230" s="10"/>
    </row>
    <row r="765231" spans="14:14">
      <c r="N765231" s="10"/>
    </row>
    <row r="765232" spans="14:14">
      <c r="N765232" s="10"/>
    </row>
    <row r="765233" spans="14:14">
      <c r="N765233" s="10"/>
    </row>
    <row r="765234" spans="14:14">
      <c r="N765234" s="10"/>
    </row>
    <row r="765235" spans="14:14">
      <c r="N765235" s="10"/>
    </row>
    <row r="765236" spans="14:14">
      <c r="N765236" s="10"/>
    </row>
    <row r="765237" spans="14:14">
      <c r="N765237" s="10"/>
    </row>
    <row r="765238" spans="14:14">
      <c r="N765238" s="10"/>
    </row>
    <row r="765239" spans="14:14">
      <c r="N765239" s="10"/>
    </row>
    <row r="765240" spans="14:14">
      <c r="N765240" s="10"/>
    </row>
    <row r="765241" spans="14:14">
      <c r="N765241" s="10"/>
    </row>
    <row r="765242" spans="14:14">
      <c r="N765242" s="10"/>
    </row>
    <row r="765243" spans="14:14">
      <c r="N765243" s="10"/>
    </row>
    <row r="765244" spans="14:14">
      <c r="N765244" s="10"/>
    </row>
    <row r="765245" spans="14:14">
      <c r="N765245" s="10"/>
    </row>
    <row r="765246" spans="14:14">
      <c r="N765246" s="10"/>
    </row>
    <row r="765247" spans="14:14">
      <c r="N765247" s="10"/>
    </row>
    <row r="765248" spans="14:14">
      <c r="N765248" s="10"/>
    </row>
    <row r="765249" spans="14:14">
      <c r="N765249" s="10"/>
    </row>
    <row r="765250" spans="14:14">
      <c r="N765250" s="10"/>
    </row>
    <row r="765251" spans="14:14">
      <c r="N765251" s="10"/>
    </row>
    <row r="765252" spans="14:14">
      <c r="N765252" s="10"/>
    </row>
    <row r="765253" spans="14:14">
      <c r="N765253" s="10"/>
    </row>
    <row r="765254" spans="14:14">
      <c r="N765254" s="10"/>
    </row>
    <row r="765255" spans="14:14">
      <c r="N765255" s="10"/>
    </row>
    <row r="765256" spans="14:14">
      <c r="N765256" s="10"/>
    </row>
    <row r="765257" spans="14:14">
      <c r="N765257" s="10"/>
    </row>
    <row r="765258" spans="14:14">
      <c r="N765258" s="10"/>
    </row>
    <row r="765259" spans="14:14">
      <c r="N765259" s="10"/>
    </row>
    <row r="765260" spans="14:14">
      <c r="N765260" s="10"/>
    </row>
    <row r="765261" spans="14:14">
      <c r="N765261" s="10"/>
    </row>
    <row r="765262" spans="14:14">
      <c r="N765262" s="10"/>
    </row>
    <row r="765263" spans="14:14">
      <c r="N765263" s="10"/>
    </row>
    <row r="765264" spans="14:14">
      <c r="N765264" s="10"/>
    </row>
    <row r="765265" spans="14:14">
      <c r="N765265" s="10"/>
    </row>
    <row r="765266" spans="14:14">
      <c r="N765266" s="10"/>
    </row>
    <row r="765267" spans="14:14">
      <c r="N765267" s="10"/>
    </row>
    <row r="765268" spans="14:14">
      <c r="N765268" s="10"/>
    </row>
    <row r="765269" spans="14:14">
      <c r="N765269" s="10"/>
    </row>
    <row r="765270" spans="14:14">
      <c r="N765270" s="10"/>
    </row>
    <row r="765271" spans="14:14">
      <c r="N765271" s="10"/>
    </row>
    <row r="765272" spans="14:14">
      <c r="N765272" s="10"/>
    </row>
    <row r="765273" spans="14:14">
      <c r="N765273" s="10"/>
    </row>
    <row r="765274" spans="14:14">
      <c r="N765274" s="10"/>
    </row>
    <row r="765275" spans="14:14">
      <c r="N765275" s="10"/>
    </row>
    <row r="765276" spans="14:14">
      <c r="N765276" s="10"/>
    </row>
    <row r="765277" spans="14:14">
      <c r="N765277" s="10"/>
    </row>
    <row r="765278" spans="14:14">
      <c r="N765278" s="10"/>
    </row>
    <row r="765279" spans="14:14">
      <c r="N765279" s="10"/>
    </row>
    <row r="765280" spans="14:14">
      <c r="N765280" s="10"/>
    </row>
    <row r="765281" spans="14:14">
      <c r="N765281" s="10"/>
    </row>
    <row r="765282" spans="14:14">
      <c r="N765282" s="10"/>
    </row>
    <row r="765283" spans="14:14">
      <c r="N765283" s="10"/>
    </row>
    <row r="765284" spans="14:14">
      <c r="N765284" s="10"/>
    </row>
    <row r="765285" spans="14:14">
      <c r="N765285" s="10"/>
    </row>
    <row r="765286" spans="14:14">
      <c r="N765286" s="10"/>
    </row>
    <row r="765287" spans="14:14">
      <c r="N765287" s="10"/>
    </row>
    <row r="765288" spans="14:14">
      <c r="N765288" s="10"/>
    </row>
    <row r="765289" spans="14:14">
      <c r="N765289" s="10"/>
    </row>
    <row r="765290" spans="14:14">
      <c r="N765290" s="10"/>
    </row>
    <row r="765291" spans="14:14">
      <c r="N765291" s="10"/>
    </row>
    <row r="765292" spans="14:14">
      <c r="N765292" s="10"/>
    </row>
    <row r="765293" spans="14:14">
      <c r="N765293" s="10"/>
    </row>
    <row r="765294" spans="14:14">
      <c r="N765294" s="10"/>
    </row>
    <row r="765295" spans="14:14">
      <c r="N765295" s="10"/>
    </row>
    <row r="765296" spans="14:14">
      <c r="N765296" s="10"/>
    </row>
    <row r="765297" spans="14:14">
      <c r="N765297" s="10"/>
    </row>
    <row r="765298" spans="14:14">
      <c r="N765298" s="10"/>
    </row>
    <row r="765299" spans="14:14">
      <c r="N765299" s="10"/>
    </row>
    <row r="765300" spans="14:14">
      <c r="N765300" s="10"/>
    </row>
    <row r="765301" spans="14:14">
      <c r="N765301" s="10"/>
    </row>
    <row r="765302" spans="14:14">
      <c r="N765302" s="10"/>
    </row>
    <row r="765303" spans="14:14">
      <c r="N765303" s="10"/>
    </row>
    <row r="765304" spans="14:14">
      <c r="N765304" s="10"/>
    </row>
    <row r="765305" spans="14:14">
      <c r="N765305" s="10"/>
    </row>
    <row r="765306" spans="14:14">
      <c r="N765306" s="10"/>
    </row>
    <row r="765307" spans="14:14">
      <c r="N765307" s="10"/>
    </row>
    <row r="765308" spans="14:14">
      <c r="N765308" s="10"/>
    </row>
    <row r="765309" spans="14:14">
      <c r="N765309" s="10"/>
    </row>
    <row r="765310" spans="14:14">
      <c r="N765310" s="10"/>
    </row>
    <row r="765311" spans="14:14">
      <c r="N765311" s="10"/>
    </row>
    <row r="765312" spans="14:14">
      <c r="N765312" s="10"/>
    </row>
    <row r="765313" spans="14:14">
      <c r="N765313" s="10"/>
    </row>
    <row r="765314" spans="14:14">
      <c r="N765314" s="10"/>
    </row>
    <row r="765315" spans="14:14">
      <c r="N765315" s="10"/>
    </row>
    <row r="765316" spans="14:14">
      <c r="N765316" s="10"/>
    </row>
    <row r="765317" spans="14:14">
      <c r="N765317" s="10"/>
    </row>
    <row r="765318" spans="14:14">
      <c r="N765318" s="10"/>
    </row>
    <row r="765319" spans="14:14">
      <c r="N765319" s="10"/>
    </row>
    <row r="765320" spans="14:14">
      <c r="N765320" s="10"/>
    </row>
    <row r="765321" spans="14:14">
      <c r="N765321" s="10"/>
    </row>
    <row r="765322" spans="14:14">
      <c r="N765322" s="10"/>
    </row>
    <row r="765323" spans="14:14">
      <c r="N765323" s="10"/>
    </row>
    <row r="765324" spans="14:14">
      <c r="N765324" s="10"/>
    </row>
    <row r="765325" spans="14:14">
      <c r="N765325" s="10"/>
    </row>
    <row r="765326" spans="14:14">
      <c r="N765326" s="10"/>
    </row>
    <row r="765327" spans="14:14">
      <c r="N765327" s="10"/>
    </row>
    <row r="765328" spans="14:14">
      <c r="N765328" s="10"/>
    </row>
    <row r="765329" spans="14:14">
      <c r="N765329" s="10"/>
    </row>
    <row r="765330" spans="14:14">
      <c r="N765330" s="10"/>
    </row>
    <row r="765331" spans="14:14">
      <c r="N765331" s="10"/>
    </row>
    <row r="765332" spans="14:14">
      <c r="N765332" s="10"/>
    </row>
    <row r="765333" spans="14:14">
      <c r="N765333" s="10"/>
    </row>
    <row r="765334" spans="14:14">
      <c r="N765334" s="10"/>
    </row>
    <row r="765335" spans="14:14">
      <c r="N765335" s="10"/>
    </row>
    <row r="765336" spans="14:14">
      <c r="N765336" s="10"/>
    </row>
    <row r="765337" spans="14:14">
      <c r="N765337" s="10"/>
    </row>
    <row r="765338" spans="14:14">
      <c r="N765338" s="10"/>
    </row>
    <row r="765339" spans="14:14">
      <c r="N765339" s="10"/>
    </row>
    <row r="765340" spans="14:14">
      <c r="N765340" s="10"/>
    </row>
    <row r="765341" spans="14:14">
      <c r="N765341" s="10"/>
    </row>
    <row r="765342" spans="14:14">
      <c r="N765342" s="10"/>
    </row>
    <row r="765343" spans="14:14">
      <c r="N765343" s="10"/>
    </row>
    <row r="765344" spans="14:14">
      <c r="N765344" s="10"/>
    </row>
    <row r="765345" spans="14:14">
      <c r="N765345" s="10"/>
    </row>
    <row r="765346" spans="14:14">
      <c r="N765346" s="10"/>
    </row>
    <row r="765347" spans="14:14">
      <c r="N765347" s="10"/>
    </row>
    <row r="765348" spans="14:14">
      <c r="N765348" s="10"/>
    </row>
    <row r="765349" spans="14:14">
      <c r="N765349" s="10"/>
    </row>
    <row r="765350" spans="14:14">
      <c r="N765350" s="10"/>
    </row>
    <row r="765351" spans="14:14">
      <c r="N765351" s="10"/>
    </row>
    <row r="765352" spans="14:14">
      <c r="N765352" s="10"/>
    </row>
    <row r="765353" spans="14:14">
      <c r="N765353" s="10"/>
    </row>
    <row r="765354" spans="14:14">
      <c r="N765354" s="10"/>
    </row>
    <row r="765355" spans="14:14">
      <c r="N765355" s="10"/>
    </row>
    <row r="765356" spans="14:14">
      <c r="N765356" s="10"/>
    </row>
    <row r="765357" spans="14:14">
      <c r="N765357" s="10"/>
    </row>
    <row r="765358" spans="14:14">
      <c r="N765358" s="10"/>
    </row>
    <row r="765359" spans="14:14">
      <c r="N765359" s="10"/>
    </row>
    <row r="765360" spans="14:14">
      <c r="N765360" s="10"/>
    </row>
    <row r="765361" spans="14:14">
      <c r="N765361" s="10"/>
    </row>
    <row r="765362" spans="14:14">
      <c r="N765362" s="10"/>
    </row>
    <row r="765363" spans="14:14">
      <c r="N765363" s="10"/>
    </row>
    <row r="765364" spans="14:14">
      <c r="N765364" s="10"/>
    </row>
    <row r="765365" spans="14:14">
      <c r="N765365" s="10"/>
    </row>
    <row r="765366" spans="14:14">
      <c r="N765366" s="10"/>
    </row>
    <row r="765367" spans="14:14">
      <c r="N765367" s="10"/>
    </row>
    <row r="765368" spans="14:14">
      <c r="N765368" s="10"/>
    </row>
    <row r="765369" spans="14:14">
      <c r="N765369" s="10"/>
    </row>
    <row r="765370" spans="14:14">
      <c r="N765370" s="10"/>
    </row>
    <row r="765371" spans="14:14">
      <c r="N765371" s="10"/>
    </row>
    <row r="765372" spans="14:14">
      <c r="N765372" s="10"/>
    </row>
    <row r="765373" spans="14:14">
      <c r="N765373" s="10"/>
    </row>
    <row r="765374" spans="14:14">
      <c r="N765374" s="10"/>
    </row>
    <row r="765375" spans="14:14">
      <c r="N765375" s="10"/>
    </row>
    <row r="765376" spans="14:14">
      <c r="N765376" s="10"/>
    </row>
    <row r="765377" spans="14:14">
      <c r="N765377" s="10"/>
    </row>
    <row r="765378" spans="14:14">
      <c r="N765378" s="10"/>
    </row>
    <row r="765379" spans="14:14">
      <c r="N765379" s="10"/>
    </row>
    <row r="765380" spans="14:14">
      <c r="N765380" s="10"/>
    </row>
    <row r="765381" spans="14:14">
      <c r="N765381" s="10"/>
    </row>
    <row r="765382" spans="14:14">
      <c r="N765382" s="10"/>
    </row>
    <row r="765383" spans="14:14">
      <c r="N765383" s="10"/>
    </row>
    <row r="765384" spans="14:14">
      <c r="N765384" s="10"/>
    </row>
    <row r="765385" spans="14:14">
      <c r="N765385" s="10"/>
    </row>
    <row r="765386" spans="14:14">
      <c r="N765386" s="10"/>
    </row>
    <row r="765387" spans="14:14">
      <c r="N765387" s="10"/>
    </row>
    <row r="765388" spans="14:14">
      <c r="N765388" s="10"/>
    </row>
    <row r="765389" spans="14:14">
      <c r="N765389" s="10"/>
    </row>
    <row r="765390" spans="14:14">
      <c r="N765390" s="10"/>
    </row>
    <row r="765391" spans="14:14">
      <c r="N765391" s="10"/>
    </row>
    <row r="765392" spans="14:14">
      <c r="N765392" s="10"/>
    </row>
    <row r="765393" spans="14:14">
      <c r="N765393" s="10"/>
    </row>
    <row r="765394" spans="14:14">
      <c r="N765394" s="10"/>
    </row>
    <row r="765395" spans="14:14">
      <c r="N765395" s="10"/>
    </row>
    <row r="765396" spans="14:14">
      <c r="N765396" s="10"/>
    </row>
    <row r="765397" spans="14:14">
      <c r="N765397" s="10"/>
    </row>
    <row r="765398" spans="14:14">
      <c r="N765398" s="10"/>
    </row>
    <row r="765399" spans="14:14">
      <c r="N765399" s="10"/>
    </row>
    <row r="765400" spans="14:14">
      <c r="N765400" s="10"/>
    </row>
    <row r="765401" spans="14:14">
      <c r="N765401" s="10"/>
    </row>
    <row r="765402" spans="14:14">
      <c r="N765402" s="10"/>
    </row>
    <row r="765403" spans="14:14">
      <c r="N765403" s="10"/>
    </row>
    <row r="765404" spans="14:14">
      <c r="N765404" s="10"/>
    </row>
    <row r="765405" spans="14:14">
      <c r="N765405" s="10"/>
    </row>
    <row r="765406" spans="14:14">
      <c r="N765406" s="10"/>
    </row>
    <row r="765407" spans="14:14">
      <c r="N765407" s="10"/>
    </row>
    <row r="765408" spans="14:14">
      <c r="N765408" s="10"/>
    </row>
    <row r="765409" spans="14:14">
      <c r="N765409" s="10"/>
    </row>
    <row r="765410" spans="14:14">
      <c r="N765410" s="10"/>
    </row>
    <row r="765411" spans="14:14">
      <c r="N765411" s="10"/>
    </row>
    <row r="765412" spans="14:14">
      <c r="N765412" s="10"/>
    </row>
    <row r="765413" spans="14:14">
      <c r="N765413" s="10"/>
    </row>
    <row r="765414" spans="14:14">
      <c r="N765414" s="10"/>
    </row>
    <row r="765415" spans="14:14">
      <c r="N765415" s="10"/>
    </row>
    <row r="765416" spans="14:14">
      <c r="N765416" s="10"/>
    </row>
    <row r="765417" spans="14:14">
      <c r="N765417" s="10"/>
    </row>
    <row r="765418" spans="14:14">
      <c r="N765418" s="10"/>
    </row>
    <row r="765419" spans="14:14">
      <c r="N765419" s="10"/>
    </row>
    <row r="765420" spans="14:14">
      <c r="N765420" s="10"/>
    </row>
    <row r="765421" spans="14:14">
      <c r="N765421" s="10"/>
    </row>
    <row r="765422" spans="14:14">
      <c r="N765422" s="10"/>
    </row>
    <row r="765423" spans="14:14">
      <c r="N765423" s="10"/>
    </row>
    <row r="765424" spans="14:14">
      <c r="N765424" s="10"/>
    </row>
    <row r="765425" spans="14:14">
      <c r="N765425" s="10"/>
    </row>
    <row r="765426" spans="14:14">
      <c r="N765426" s="10"/>
    </row>
    <row r="765427" spans="14:14">
      <c r="N765427" s="10"/>
    </row>
    <row r="765428" spans="14:14">
      <c r="N765428" s="10"/>
    </row>
    <row r="765429" spans="14:14">
      <c r="N765429" s="10"/>
    </row>
    <row r="765430" spans="14:14">
      <c r="N765430" s="10"/>
    </row>
    <row r="765431" spans="14:14">
      <c r="N765431" s="10"/>
    </row>
    <row r="765432" spans="14:14">
      <c r="N765432" s="10"/>
    </row>
    <row r="765433" spans="14:14">
      <c r="N765433" s="10"/>
    </row>
    <row r="765434" spans="14:14">
      <c r="N765434" s="10"/>
    </row>
    <row r="765435" spans="14:14">
      <c r="N765435" s="10"/>
    </row>
    <row r="765436" spans="14:14">
      <c r="N765436" s="10"/>
    </row>
    <row r="765437" spans="14:14">
      <c r="N765437" s="10"/>
    </row>
    <row r="765438" spans="14:14">
      <c r="N765438" s="10"/>
    </row>
    <row r="765439" spans="14:14">
      <c r="N765439" s="10"/>
    </row>
    <row r="765440" spans="14:14">
      <c r="N765440" s="10"/>
    </row>
    <row r="765441" spans="14:14">
      <c r="N765441" s="10"/>
    </row>
    <row r="765442" spans="14:14">
      <c r="N765442" s="10"/>
    </row>
    <row r="765443" spans="14:14">
      <c r="N765443" s="10"/>
    </row>
    <row r="765444" spans="14:14">
      <c r="N765444" s="10"/>
    </row>
    <row r="765445" spans="14:14">
      <c r="N765445" s="10"/>
    </row>
    <row r="765446" spans="14:14">
      <c r="N765446" s="10"/>
    </row>
    <row r="765447" spans="14:14">
      <c r="N765447" s="10"/>
    </row>
    <row r="765448" spans="14:14">
      <c r="N765448" s="10"/>
    </row>
    <row r="765449" spans="14:14">
      <c r="N765449" s="10"/>
    </row>
    <row r="765450" spans="14:14">
      <c r="N765450" s="10"/>
    </row>
    <row r="765451" spans="14:14">
      <c r="N765451" s="10"/>
    </row>
    <row r="765452" spans="14:14">
      <c r="N765452" s="10"/>
    </row>
    <row r="765453" spans="14:14">
      <c r="N765453" s="10"/>
    </row>
    <row r="765454" spans="14:14">
      <c r="N765454" s="10"/>
    </row>
    <row r="765455" spans="14:14">
      <c r="N765455" s="10"/>
    </row>
    <row r="765456" spans="14:14">
      <c r="N765456" s="10"/>
    </row>
    <row r="765457" spans="14:14">
      <c r="N765457" s="10"/>
    </row>
    <row r="765458" spans="14:14">
      <c r="N765458" s="10"/>
    </row>
    <row r="765459" spans="14:14">
      <c r="N765459" s="10"/>
    </row>
    <row r="765460" spans="14:14">
      <c r="N765460" s="10"/>
    </row>
    <row r="765461" spans="14:14">
      <c r="N765461" s="10"/>
    </row>
    <row r="765462" spans="14:14">
      <c r="N765462" s="10"/>
    </row>
    <row r="765463" spans="14:14">
      <c r="N765463" s="10"/>
    </row>
    <row r="765464" spans="14:14">
      <c r="N765464" s="10"/>
    </row>
    <row r="765465" spans="14:14">
      <c r="N765465" s="10"/>
    </row>
    <row r="765466" spans="14:14">
      <c r="N765466" s="10"/>
    </row>
    <row r="765467" spans="14:14">
      <c r="N765467" s="10"/>
    </row>
    <row r="765468" spans="14:14">
      <c r="N765468" s="10"/>
    </row>
    <row r="765469" spans="14:14">
      <c r="N765469" s="10"/>
    </row>
    <row r="765470" spans="14:14">
      <c r="N765470" s="10"/>
    </row>
    <row r="765471" spans="14:14">
      <c r="N765471" s="10"/>
    </row>
    <row r="765472" spans="14:14">
      <c r="N765472" s="10"/>
    </row>
    <row r="765473" spans="14:14">
      <c r="N765473" s="10"/>
    </row>
    <row r="765474" spans="14:14">
      <c r="N765474" s="10"/>
    </row>
    <row r="765475" spans="14:14">
      <c r="N765475" s="10"/>
    </row>
    <row r="765476" spans="14:14">
      <c r="N765476" s="10"/>
    </row>
    <row r="765477" spans="14:14">
      <c r="N765477" s="10"/>
    </row>
    <row r="765478" spans="14:14">
      <c r="N765478" s="10"/>
    </row>
    <row r="765479" spans="14:14">
      <c r="N765479" s="10"/>
    </row>
    <row r="765480" spans="14:14">
      <c r="N765480" s="10"/>
    </row>
    <row r="765481" spans="14:14">
      <c r="N765481" s="10"/>
    </row>
    <row r="765482" spans="14:14">
      <c r="N765482" s="10"/>
    </row>
    <row r="765483" spans="14:14">
      <c r="N765483" s="10"/>
    </row>
    <row r="765484" spans="14:14">
      <c r="N765484" s="10"/>
    </row>
    <row r="765485" spans="14:14">
      <c r="N765485" s="10"/>
    </row>
    <row r="765486" spans="14:14">
      <c r="N765486" s="10"/>
    </row>
    <row r="765487" spans="14:14">
      <c r="N765487" s="10"/>
    </row>
    <row r="765488" spans="14:14">
      <c r="N765488" s="10"/>
    </row>
    <row r="765489" spans="14:14">
      <c r="N765489" s="10"/>
    </row>
    <row r="765490" spans="14:14">
      <c r="N765490" s="10"/>
    </row>
    <row r="765491" spans="14:14">
      <c r="N765491" s="10"/>
    </row>
    <row r="765492" spans="14:14">
      <c r="N765492" s="10"/>
    </row>
    <row r="765493" spans="14:14">
      <c r="N765493" s="10"/>
    </row>
    <row r="765494" spans="14:14">
      <c r="N765494" s="10"/>
    </row>
    <row r="765495" spans="14:14">
      <c r="N765495" s="10"/>
    </row>
    <row r="765496" spans="14:14">
      <c r="N765496" s="10"/>
    </row>
    <row r="765497" spans="14:14">
      <c r="N765497" s="10"/>
    </row>
    <row r="765498" spans="14:14">
      <c r="N765498" s="10"/>
    </row>
    <row r="765499" spans="14:14">
      <c r="N765499" s="10"/>
    </row>
    <row r="765500" spans="14:14">
      <c r="N765500" s="10"/>
    </row>
    <row r="765501" spans="14:14">
      <c r="N765501" s="10"/>
    </row>
    <row r="765502" spans="14:14">
      <c r="N765502" s="10"/>
    </row>
    <row r="765503" spans="14:14">
      <c r="N765503" s="10"/>
    </row>
    <row r="765504" spans="14:14">
      <c r="N765504" s="10"/>
    </row>
    <row r="765505" spans="14:14">
      <c r="N765505" s="10"/>
    </row>
    <row r="765506" spans="14:14">
      <c r="N765506" s="10"/>
    </row>
    <row r="765507" spans="14:14">
      <c r="N765507" s="10"/>
    </row>
    <row r="765508" spans="14:14">
      <c r="N765508" s="10"/>
    </row>
    <row r="765509" spans="14:14">
      <c r="N765509" s="10"/>
    </row>
    <row r="765510" spans="14:14">
      <c r="N765510" s="10"/>
    </row>
    <row r="765511" spans="14:14">
      <c r="N765511" s="10"/>
    </row>
    <row r="765512" spans="14:14">
      <c r="N765512" s="10"/>
    </row>
    <row r="765513" spans="14:14">
      <c r="N765513" s="10"/>
    </row>
    <row r="765514" spans="14:14">
      <c r="N765514" s="10"/>
    </row>
    <row r="765515" spans="14:14">
      <c r="N765515" s="10"/>
    </row>
    <row r="765516" spans="14:14">
      <c r="N765516" s="10"/>
    </row>
    <row r="765517" spans="14:14">
      <c r="N765517" s="10"/>
    </row>
    <row r="765518" spans="14:14">
      <c r="N765518" s="10"/>
    </row>
    <row r="765519" spans="14:14">
      <c r="N765519" s="10"/>
    </row>
    <row r="765520" spans="14:14">
      <c r="N765520" s="10"/>
    </row>
    <row r="765521" spans="14:14">
      <c r="N765521" s="10"/>
    </row>
    <row r="765522" spans="14:14">
      <c r="N765522" s="10"/>
    </row>
    <row r="765523" spans="14:14">
      <c r="N765523" s="10"/>
    </row>
    <row r="765524" spans="14:14">
      <c r="N765524" s="10"/>
    </row>
    <row r="765525" spans="14:14">
      <c r="N765525" s="10"/>
    </row>
    <row r="765526" spans="14:14">
      <c r="N765526" s="10"/>
    </row>
    <row r="765527" spans="14:14">
      <c r="N765527" s="10"/>
    </row>
    <row r="765528" spans="14:14">
      <c r="N765528" s="10"/>
    </row>
    <row r="765529" spans="14:14">
      <c r="N765529" s="10"/>
    </row>
    <row r="765530" spans="14:14">
      <c r="N765530" s="10"/>
    </row>
    <row r="765531" spans="14:14">
      <c r="N765531" s="10"/>
    </row>
    <row r="765532" spans="14:14">
      <c r="N765532" s="10"/>
    </row>
    <row r="765533" spans="14:14">
      <c r="N765533" s="10"/>
    </row>
    <row r="765534" spans="14:14">
      <c r="N765534" s="10"/>
    </row>
    <row r="765535" spans="14:14">
      <c r="N765535" s="10"/>
    </row>
    <row r="765536" spans="14:14">
      <c r="N765536" s="10"/>
    </row>
    <row r="765537" spans="14:14">
      <c r="N765537" s="10"/>
    </row>
    <row r="765538" spans="14:14">
      <c r="N765538" s="10"/>
    </row>
    <row r="765539" spans="14:14">
      <c r="N765539" s="10"/>
    </row>
    <row r="765540" spans="14:14">
      <c r="N765540" s="10"/>
    </row>
    <row r="765541" spans="14:14">
      <c r="N765541" s="10"/>
    </row>
    <row r="765542" spans="14:14">
      <c r="N765542" s="10"/>
    </row>
    <row r="765543" spans="14:14">
      <c r="N765543" s="10"/>
    </row>
    <row r="765544" spans="14:14">
      <c r="N765544" s="10"/>
    </row>
    <row r="765545" spans="14:14">
      <c r="N765545" s="10"/>
    </row>
    <row r="765546" spans="14:14">
      <c r="N765546" s="10"/>
    </row>
    <row r="765547" spans="14:14">
      <c r="N765547" s="10"/>
    </row>
    <row r="765548" spans="14:14">
      <c r="N765548" s="10"/>
    </row>
    <row r="765549" spans="14:14">
      <c r="N765549" s="10"/>
    </row>
    <row r="765550" spans="14:14">
      <c r="N765550" s="10"/>
    </row>
    <row r="765551" spans="14:14">
      <c r="N765551" s="10"/>
    </row>
    <row r="765552" spans="14:14">
      <c r="N765552" s="10"/>
    </row>
    <row r="765553" spans="14:14">
      <c r="N765553" s="10"/>
    </row>
    <row r="765554" spans="14:14">
      <c r="N765554" s="10"/>
    </row>
    <row r="765555" spans="14:14">
      <c r="N765555" s="10"/>
    </row>
    <row r="765556" spans="14:14">
      <c r="N765556" s="10"/>
    </row>
    <row r="765557" spans="14:14">
      <c r="N765557" s="10"/>
    </row>
    <row r="765558" spans="14:14">
      <c r="N765558" s="10"/>
    </row>
    <row r="765559" spans="14:14">
      <c r="N765559" s="10"/>
    </row>
    <row r="765560" spans="14:14">
      <c r="N765560" s="10"/>
    </row>
    <row r="765561" spans="14:14">
      <c r="N765561" s="10"/>
    </row>
    <row r="765562" spans="14:14">
      <c r="N765562" s="10"/>
    </row>
    <row r="765563" spans="14:14">
      <c r="N765563" s="10"/>
    </row>
    <row r="765564" spans="14:14">
      <c r="N765564" s="10"/>
    </row>
    <row r="765565" spans="14:14">
      <c r="N765565" s="10"/>
    </row>
    <row r="765566" spans="14:14">
      <c r="N765566" s="10"/>
    </row>
    <row r="765567" spans="14:14">
      <c r="N765567" s="10"/>
    </row>
    <row r="765568" spans="14:14">
      <c r="N765568" s="10"/>
    </row>
    <row r="765569" spans="14:14">
      <c r="N765569" s="10"/>
    </row>
    <row r="765570" spans="14:14">
      <c r="N765570" s="10"/>
    </row>
    <row r="765571" spans="14:14">
      <c r="N765571" s="10"/>
    </row>
    <row r="765572" spans="14:14">
      <c r="N765572" s="10"/>
    </row>
    <row r="765573" spans="14:14">
      <c r="N765573" s="10"/>
    </row>
    <row r="765574" spans="14:14">
      <c r="N765574" s="10"/>
    </row>
    <row r="765575" spans="14:14">
      <c r="N765575" s="10"/>
    </row>
    <row r="765576" spans="14:14">
      <c r="N765576" s="10"/>
    </row>
    <row r="765577" spans="14:14">
      <c r="N765577" s="10"/>
    </row>
    <row r="765578" spans="14:14">
      <c r="N765578" s="10"/>
    </row>
    <row r="765579" spans="14:14">
      <c r="N765579" s="10"/>
    </row>
    <row r="765580" spans="14:14">
      <c r="N765580" s="10"/>
    </row>
    <row r="765581" spans="14:14">
      <c r="N765581" s="10"/>
    </row>
    <row r="765582" spans="14:14">
      <c r="N765582" s="10"/>
    </row>
    <row r="765583" spans="14:14">
      <c r="N765583" s="10"/>
    </row>
    <row r="765584" spans="14:14">
      <c r="N765584" s="10"/>
    </row>
    <row r="765585" spans="14:14">
      <c r="N765585" s="10"/>
    </row>
    <row r="765586" spans="14:14">
      <c r="N765586" s="10"/>
    </row>
    <row r="765587" spans="14:14">
      <c r="N765587" s="10"/>
    </row>
    <row r="765588" spans="14:14">
      <c r="N765588" s="10"/>
    </row>
    <row r="765589" spans="14:14">
      <c r="N765589" s="10"/>
    </row>
    <row r="765590" spans="14:14">
      <c r="N765590" s="10"/>
    </row>
    <row r="765591" spans="14:14">
      <c r="N765591" s="10"/>
    </row>
    <row r="765592" spans="14:14">
      <c r="N765592" s="10"/>
    </row>
    <row r="765593" spans="14:14">
      <c r="N765593" s="10"/>
    </row>
    <row r="765594" spans="14:14">
      <c r="N765594" s="10"/>
    </row>
    <row r="765595" spans="14:14">
      <c r="N765595" s="10"/>
    </row>
    <row r="765596" spans="14:14">
      <c r="N765596" s="10"/>
    </row>
    <row r="765597" spans="14:14">
      <c r="N765597" s="10"/>
    </row>
    <row r="765598" spans="14:14">
      <c r="N765598" s="10"/>
    </row>
    <row r="765599" spans="14:14">
      <c r="N765599" s="10"/>
    </row>
    <row r="765600" spans="14:14">
      <c r="N765600" s="10"/>
    </row>
    <row r="765601" spans="14:14">
      <c r="N765601" s="10"/>
    </row>
    <row r="765602" spans="14:14">
      <c r="N765602" s="10"/>
    </row>
    <row r="765603" spans="14:14">
      <c r="N765603" s="10"/>
    </row>
    <row r="765604" spans="14:14">
      <c r="N765604" s="10"/>
    </row>
    <row r="765605" spans="14:14">
      <c r="N765605" s="10"/>
    </row>
    <row r="765606" spans="14:14">
      <c r="N765606" s="10"/>
    </row>
    <row r="765607" spans="14:14">
      <c r="N765607" s="10"/>
    </row>
    <row r="765608" spans="14:14">
      <c r="N765608" s="10"/>
    </row>
    <row r="765609" spans="14:14">
      <c r="N765609" s="10"/>
    </row>
    <row r="765610" spans="14:14">
      <c r="N765610" s="10"/>
    </row>
    <row r="765611" spans="14:14">
      <c r="N765611" s="10"/>
    </row>
    <row r="765612" spans="14:14">
      <c r="N765612" s="10"/>
    </row>
    <row r="765613" spans="14:14">
      <c r="N765613" s="10"/>
    </row>
    <row r="765614" spans="14:14">
      <c r="N765614" s="10"/>
    </row>
    <row r="765615" spans="14:14">
      <c r="N765615" s="10"/>
    </row>
    <row r="765616" spans="14:14">
      <c r="N765616" s="10"/>
    </row>
    <row r="765617" spans="14:14">
      <c r="N765617" s="10"/>
    </row>
    <row r="765618" spans="14:14">
      <c r="N765618" s="10"/>
    </row>
    <row r="765619" spans="14:14">
      <c r="N765619" s="10"/>
    </row>
    <row r="765620" spans="14:14">
      <c r="N765620" s="10"/>
    </row>
    <row r="765621" spans="14:14">
      <c r="N765621" s="10"/>
    </row>
    <row r="765622" spans="14:14">
      <c r="N765622" s="10"/>
    </row>
    <row r="765623" spans="14:14">
      <c r="N765623" s="10"/>
    </row>
    <row r="765624" spans="14:14">
      <c r="N765624" s="10"/>
    </row>
    <row r="765625" spans="14:14">
      <c r="N765625" s="10"/>
    </row>
    <row r="765626" spans="14:14">
      <c r="N765626" s="10"/>
    </row>
    <row r="765627" spans="14:14">
      <c r="N765627" s="10"/>
    </row>
    <row r="765628" spans="14:14">
      <c r="N765628" s="10"/>
    </row>
    <row r="765629" spans="14:14">
      <c r="N765629" s="10"/>
    </row>
    <row r="765630" spans="14:14">
      <c r="N765630" s="10"/>
    </row>
    <row r="765631" spans="14:14">
      <c r="N765631" s="10"/>
    </row>
    <row r="765632" spans="14:14">
      <c r="N765632" s="10"/>
    </row>
    <row r="765633" spans="14:14">
      <c r="N765633" s="10"/>
    </row>
    <row r="765634" spans="14:14">
      <c r="N765634" s="10"/>
    </row>
    <row r="765635" spans="14:14">
      <c r="N765635" s="10"/>
    </row>
    <row r="765636" spans="14:14">
      <c r="N765636" s="10"/>
    </row>
    <row r="765637" spans="14:14">
      <c r="N765637" s="10"/>
    </row>
    <row r="765638" spans="14:14">
      <c r="N765638" s="10"/>
    </row>
    <row r="765639" spans="14:14">
      <c r="N765639" s="10"/>
    </row>
    <row r="765640" spans="14:14">
      <c r="N765640" s="10"/>
    </row>
    <row r="765641" spans="14:14">
      <c r="N765641" s="10"/>
    </row>
    <row r="765642" spans="14:14">
      <c r="N765642" s="10"/>
    </row>
    <row r="765643" spans="14:14">
      <c r="N765643" s="10"/>
    </row>
    <row r="765644" spans="14:14">
      <c r="N765644" s="10"/>
    </row>
    <row r="765645" spans="14:14">
      <c r="N765645" s="10"/>
    </row>
    <row r="765646" spans="14:14">
      <c r="N765646" s="10"/>
    </row>
    <row r="765647" spans="14:14">
      <c r="N765647" s="10"/>
    </row>
    <row r="765648" spans="14:14">
      <c r="N765648" s="10"/>
    </row>
    <row r="765649" spans="14:14">
      <c r="N765649" s="10"/>
    </row>
    <row r="765650" spans="14:14">
      <c r="N765650" s="10"/>
    </row>
    <row r="765651" spans="14:14">
      <c r="N765651" s="10"/>
    </row>
    <row r="765652" spans="14:14">
      <c r="N765652" s="10"/>
    </row>
    <row r="765653" spans="14:14">
      <c r="N765653" s="10"/>
    </row>
    <row r="765654" spans="14:14">
      <c r="N765654" s="10"/>
    </row>
    <row r="765655" spans="14:14">
      <c r="N765655" s="10"/>
    </row>
    <row r="765656" spans="14:14">
      <c r="N765656" s="10"/>
    </row>
    <row r="765657" spans="14:14">
      <c r="N765657" s="10"/>
    </row>
    <row r="765658" spans="14:14">
      <c r="N765658" s="10"/>
    </row>
    <row r="765659" spans="14:14">
      <c r="N765659" s="10"/>
    </row>
    <row r="765660" spans="14:14">
      <c r="N765660" s="10"/>
    </row>
    <row r="765661" spans="14:14">
      <c r="N765661" s="10"/>
    </row>
    <row r="765662" spans="14:14">
      <c r="N765662" s="10"/>
    </row>
    <row r="765663" spans="14:14">
      <c r="N765663" s="10"/>
    </row>
    <row r="765664" spans="14:14">
      <c r="N765664" s="10"/>
    </row>
    <row r="765665" spans="14:14">
      <c r="N765665" s="10"/>
    </row>
    <row r="765666" spans="14:14">
      <c r="N765666" s="10"/>
    </row>
    <row r="765667" spans="14:14">
      <c r="N765667" s="10"/>
    </row>
    <row r="765668" spans="14:14">
      <c r="N765668" s="10"/>
    </row>
    <row r="765669" spans="14:14">
      <c r="N765669" s="10"/>
    </row>
    <row r="765670" spans="14:14">
      <c r="N765670" s="10"/>
    </row>
    <row r="765671" spans="14:14">
      <c r="N765671" s="10"/>
    </row>
    <row r="765672" spans="14:14">
      <c r="N765672" s="10"/>
    </row>
    <row r="765673" spans="14:14">
      <c r="N765673" s="10"/>
    </row>
    <row r="765674" spans="14:14">
      <c r="N765674" s="10"/>
    </row>
    <row r="765675" spans="14:14">
      <c r="N765675" s="10"/>
    </row>
    <row r="765676" spans="14:14">
      <c r="N765676" s="10"/>
    </row>
    <row r="765677" spans="14:14">
      <c r="N765677" s="10"/>
    </row>
    <row r="765678" spans="14:14">
      <c r="N765678" s="10"/>
    </row>
    <row r="765679" spans="14:14">
      <c r="N765679" s="10"/>
    </row>
    <row r="765680" spans="14:14">
      <c r="N765680" s="10"/>
    </row>
    <row r="765681" spans="14:14">
      <c r="N765681" s="10"/>
    </row>
    <row r="765682" spans="14:14">
      <c r="N765682" s="10"/>
    </row>
    <row r="765683" spans="14:14">
      <c r="N765683" s="10"/>
    </row>
    <row r="765684" spans="14:14">
      <c r="N765684" s="10"/>
    </row>
    <row r="765685" spans="14:14">
      <c r="N765685" s="10"/>
    </row>
    <row r="765686" spans="14:14">
      <c r="N765686" s="10"/>
    </row>
    <row r="765687" spans="14:14">
      <c r="N765687" s="10"/>
    </row>
    <row r="765688" spans="14:14">
      <c r="N765688" s="10"/>
    </row>
    <row r="765689" spans="14:14">
      <c r="N765689" s="10"/>
    </row>
    <row r="765690" spans="14:14">
      <c r="N765690" s="10"/>
    </row>
    <row r="765691" spans="14:14">
      <c r="N765691" s="10"/>
    </row>
    <row r="765692" spans="14:14">
      <c r="N765692" s="10"/>
    </row>
    <row r="765693" spans="14:14">
      <c r="N765693" s="10"/>
    </row>
    <row r="765694" spans="14:14">
      <c r="N765694" s="10"/>
    </row>
    <row r="765695" spans="14:14">
      <c r="N765695" s="10"/>
    </row>
    <row r="765696" spans="14:14">
      <c r="N765696" s="10"/>
    </row>
    <row r="765697" spans="14:14">
      <c r="N765697" s="10"/>
    </row>
    <row r="765698" spans="14:14">
      <c r="N765698" s="10"/>
    </row>
    <row r="765699" spans="14:14">
      <c r="N765699" s="10"/>
    </row>
    <row r="765700" spans="14:14">
      <c r="N765700" s="10"/>
    </row>
    <row r="765701" spans="14:14">
      <c r="N765701" s="10"/>
    </row>
    <row r="765702" spans="14:14">
      <c r="N765702" s="10"/>
    </row>
    <row r="765703" spans="14:14">
      <c r="N765703" s="10"/>
    </row>
    <row r="765704" spans="14:14">
      <c r="N765704" s="10"/>
    </row>
    <row r="765705" spans="14:14">
      <c r="N765705" s="10"/>
    </row>
    <row r="765706" spans="14:14">
      <c r="N765706" s="10"/>
    </row>
    <row r="765707" spans="14:14">
      <c r="N765707" s="10"/>
    </row>
    <row r="765708" spans="14:14">
      <c r="N765708" s="10"/>
    </row>
    <row r="765709" spans="14:14">
      <c r="N765709" s="10"/>
    </row>
    <row r="765710" spans="14:14">
      <c r="N765710" s="10"/>
    </row>
    <row r="765711" spans="14:14">
      <c r="N765711" s="10"/>
    </row>
    <row r="765712" spans="14:14">
      <c r="N765712" s="10"/>
    </row>
    <row r="765713" spans="14:14">
      <c r="N765713" s="10"/>
    </row>
    <row r="765714" spans="14:14">
      <c r="N765714" s="10"/>
    </row>
    <row r="765715" spans="14:14">
      <c r="N765715" s="10"/>
    </row>
    <row r="765716" spans="14:14">
      <c r="N765716" s="10"/>
    </row>
    <row r="765717" spans="14:14">
      <c r="N765717" s="10"/>
    </row>
    <row r="765718" spans="14:14">
      <c r="N765718" s="10"/>
    </row>
    <row r="765719" spans="14:14">
      <c r="N765719" s="10"/>
    </row>
    <row r="765720" spans="14:14">
      <c r="N765720" s="10"/>
    </row>
    <row r="765721" spans="14:14">
      <c r="N765721" s="10"/>
    </row>
    <row r="765722" spans="14:14">
      <c r="N765722" s="10"/>
    </row>
    <row r="765723" spans="14:14">
      <c r="N765723" s="10"/>
    </row>
    <row r="765724" spans="14:14">
      <c r="N765724" s="10"/>
    </row>
    <row r="765725" spans="14:14">
      <c r="N765725" s="10"/>
    </row>
    <row r="765726" spans="14:14">
      <c r="N765726" s="10"/>
    </row>
    <row r="765727" spans="14:14">
      <c r="N765727" s="10"/>
    </row>
    <row r="765728" spans="14:14">
      <c r="N765728" s="10"/>
    </row>
    <row r="765729" spans="14:14">
      <c r="N765729" s="10"/>
    </row>
    <row r="765730" spans="14:14">
      <c r="N765730" s="10"/>
    </row>
    <row r="765731" spans="14:14">
      <c r="N765731" s="10"/>
    </row>
    <row r="765732" spans="14:14">
      <c r="N765732" s="10"/>
    </row>
    <row r="765733" spans="14:14">
      <c r="N765733" s="10"/>
    </row>
    <row r="765734" spans="14:14">
      <c r="N765734" s="10"/>
    </row>
    <row r="765735" spans="14:14">
      <c r="N765735" s="10"/>
    </row>
    <row r="765736" spans="14:14">
      <c r="N765736" s="10"/>
    </row>
    <row r="765737" spans="14:14">
      <c r="N765737" s="10"/>
    </row>
    <row r="765738" spans="14:14">
      <c r="N765738" s="10"/>
    </row>
    <row r="765739" spans="14:14">
      <c r="N765739" s="10"/>
    </row>
    <row r="765740" spans="14:14">
      <c r="N765740" s="10"/>
    </row>
    <row r="765741" spans="14:14">
      <c r="N765741" s="10"/>
    </row>
    <row r="765742" spans="14:14">
      <c r="N765742" s="10"/>
    </row>
    <row r="765743" spans="14:14">
      <c r="N765743" s="10"/>
    </row>
    <row r="765744" spans="14:14">
      <c r="N765744" s="10"/>
    </row>
    <row r="765745" spans="14:14">
      <c r="N765745" s="10"/>
    </row>
    <row r="765746" spans="14:14">
      <c r="N765746" s="10"/>
    </row>
    <row r="765747" spans="14:14">
      <c r="N765747" s="10"/>
    </row>
    <row r="765748" spans="14:14">
      <c r="N765748" s="10"/>
    </row>
    <row r="765749" spans="14:14">
      <c r="N765749" s="10"/>
    </row>
    <row r="765750" spans="14:14">
      <c r="N765750" s="10"/>
    </row>
    <row r="765751" spans="14:14">
      <c r="N765751" s="10"/>
    </row>
    <row r="765752" spans="14:14">
      <c r="N765752" s="10"/>
    </row>
    <row r="765753" spans="14:14">
      <c r="N765753" s="10"/>
    </row>
    <row r="765754" spans="14:14">
      <c r="N765754" s="10"/>
    </row>
    <row r="765755" spans="14:14">
      <c r="N765755" s="10"/>
    </row>
    <row r="765756" spans="14:14">
      <c r="N765756" s="10"/>
    </row>
    <row r="765757" spans="14:14">
      <c r="N765757" s="10"/>
    </row>
    <row r="765758" spans="14:14">
      <c r="N765758" s="10"/>
    </row>
    <row r="765759" spans="14:14">
      <c r="N765759" s="10"/>
    </row>
    <row r="765760" spans="14:14">
      <c r="N765760" s="10"/>
    </row>
    <row r="765761" spans="14:14">
      <c r="N765761" s="10"/>
    </row>
    <row r="765762" spans="14:14">
      <c r="N765762" s="10"/>
    </row>
    <row r="765763" spans="14:14">
      <c r="N765763" s="10"/>
    </row>
    <row r="765764" spans="14:14">
      <c r="N765764" s="10"/>
    </row>
    <row r="765765" spans="14:14">
      <c r="N765765" s="10"/>
    </row>
    <row r="765766" spans="14:14">
      <c r="N765766" s="10"/>
    </row>
    <row r="765767" spans="14:14">
      <c r="N765767" s="10"/>
    </row>
    <row r="765768" spans="14:14">
      <c r="N765768" s="10"/>
    </row>
    <row r="765769" spans="14:14">
      <c r="N765769" s="10"/>
    </row>
    <row r="765770" spans="14:14">
      <c r="N765770" s="10"/>
    </row>
    <row r="765771" spans="14:14">
      <c r="N765771" s="10"/>
    </row>
    <row r="765772" spans="14:14">
      <c r="N765772" s="10"/>
    </row>
    <row r="765773" spans="14:14">
      <c r="N765773" s="10"/>
    </row>
    <row r="765774" spans="14:14">
      <c r="N765774" s="10"/>
    </row>
    <row r="765775" spans="14:14">
      <c r="N765775" s="10"/>
    </row>
    <row r="765776" spans="14:14">
      <c r="N765776" s="10"/>
    </row>
    <row r="765777" spans="14:14">
      <c r="N765777" s="10"/>
    </row>
    <row r="765778" spans="14:14">
      <c r="N765778" s="10"/>
    </row>
    <row r="765779" spans="14:14">
      <c r="N765779" s="10"/>
    </row>
    <row r="765780" spans="14:14">
      <c r="N765780" s="10"/>
    </row>
    <row r="765781" spans="14:14">
      <c r="N765781" s="10"/>
    </row>
    <row r="765782" spans="14:14">
      <c r="N765782" s="10"/>
    </row>
    <row r="765783" spans="14:14">
      <c r="N765783" s="10"/>
    </row>
    <row r="765784" spans="14:14">
      <c r="N765784" s="10"/>
    </row>
    <row r="765785" spans="14:14">
      <c r="N765785" s="10"/>
    </row>
    <row r="765786" spans="14:14">
      <c r="N765786" s="10"/>
    </row>
    <row r="765787" spans="14:14">
      <c r="N765787" s="10"/>
    </row>
    <row r="765788" spans="14:14">
      <c r="N765788" s="10"/>
    </row>
    <row r="765789" spans="14:14">
      <c r="N765789" s="10"/>
    </row>
    <row r="765790" spans="14:14">
      <c r="N765790" s="10"/>
    </row>
    <row r="765791" spans="14:14">
      <c r="N765791" s="10"/>
    </row>
    <row r="765792" spans="14:14">
      <c r="N765792" s="10"/>
    </row>
    <row r="765793" spans="14:14">
      <c r="N765793" s="10"/>
    </row>
    <row r="765794" spans="14:14">
      <c r="N765794" s="10"/>
    </row>
    <row r="765795" spans="14:14">
      <c r="N765795" s="10"/>
    </row>
    <row r="765796" spans="14:14">
      <c r="N765796" s="10"/>
    </row>
    <row r="765797" spans="14:14">
      <c r="N765797" s="10"/>
    </row>
    <row r="765798" spans="14:14">
      <c r="N765798" s="10"/>
    </row>
    <row r="765799" spans="14:14">
      <c r="N765799" s="10"/>
    </row>
    <row r="765800" spans="14:14">
      <c r="N765800" s="10"/>
    </row>
    <row r="765801" spans="14:14">
      <c r="N765801" s="10"/>
    </row>
    <row r="765802" spans="14:14">
      <c r="N765802" s="10"/>
    </row>
    <row r="765803" spans="14:14">
      <c r="N765803" s="10"/>
    </row>
    <row r="765804" spans="14:14">
      <c r="N765804" s="10"/>
    </row>
    <row r="765805" spans="14:14">
      <c r="N765805" s="10"/>
    </row>
    <row r="765806" spans="14:14">
      <c r="N765806" s="10"/>
    </row>
    <row r="765807" spans="14:14">
      <c r="N765807" s="10"/>
    </row>
    <row r="765808" spans="14:14">
      <c r="N765808" s="10"/>
    </row>
    <row r="765809" spans="14:14">
      <c r="N765809" s="10"/>
    </row>
    <row r="765810" spans="14:14">
      <c r="N765810" s="10"/>
    </row>
    <row r="765811" spans="14:14">
      <c r="N765811" s="10"/>
    </row>
    <row r="765812" spans="14:14">
      <c r="N765812" s="10"/>
    </row>
    <row r="765813" spans="14:14">
      <c r="N765813" s="10"/>
    </row>
    <row r="765814" spans="14:14">
      <c r="N765814" s="10"/>
    </row>
    <row r="765815" spans="14:14">
      <c r="N765815" s="10"/>
    </row>
    <row r="765816" spans="14:14">
      <c r="N765816" s="10"/>
    </row>
    <row r="765817" spans="14:14">
      <c r="N765817" s="10"/>
    </row>
    <row r="765818" spans="14:14">
      <c r="N765818" s="10"/>
    </row>
    <row r="765819" spans="14:14">
      <c r="N765819" s="10"/>
    </row>
    <row r="765820" spans="14:14">
      <c r="N765820" s="10"/>
    </row>
    <row r="765821" spans="14:14">
      <c r="N765821" s="10"/>
    </row>
    <row r="765822" spans="14:14">
      <c r="N765822" s="10"/>
    </row>
    <row r="765823" spans="14:14">
      <c r="N765823" s="10"/>
    </row>
    <row r="765824" spans="14:14">
      <c r="N765824" s="10"/>
    </row>
    <row r="765825" spans="14:14">
      <c r="N765825" s="10"/>
    </row>
    <row r="765826" spans="14:14">
      <c r="N765826" s="10"/>
    </row>
    <row r="765827" spans="14:14">
      <c r="N765827" s="10"/>
    </row>
    <row r="765828" spans="14:14">
      <c r="N765828" s="10"/>
    </row>
    <row r="765829" spans="14:14">
      <c r="N765829" s="10"/>
    </row>
    <row r="765830" spans="14:14">
      <c r="N765830" s="10"/>
    </row>
    <row r="765831" spans="14:14">
      <c r="N765831" s="10"/>
    </row>
    <row r="765832" spans="14:14">
      <c r="N765832" s="10"/>
    </row>
    <row r="765833" spans="14:14">
      <c r="N765833" s="10"/>
    </row>
    <row r="765834" spans="14:14">
      <c r="N765834" s="10"/>
    </row>
    <row r="765835" spans="14:14">
      <c r="N765835" s="10"/>
    </row>
    <row r="765836" spans="14:14">
      <c r="N765836" s="10"/>
    </row>
    <row r="765837" spans="14:14">
      <c r="N765837" s="10"/>
    </row>
    <row r="765838" spans="14:14">
      <c r="N765838" s="10"/>
    </row>
    <row r="765839" spans="14:14">
      <c r="N765839" s="10"/>
    </row>
    <row r="765840" spans="14:14">
      <c r="N765840" s="10"/>
    </row>
    <row r="765841" spans="14:14">
      <c r="N765841" s="10"/>
    </row>
    <row r="765842" spans="14:14">
      <c r="N765842" s="10"/>
    </row>
    <row r="765843" spans="14:14">
      <c r="N765843" s="10"/>
    </row>
    <row r="765844" spans="14:14">
      <c r="N765844" s="10"/>
    </row>
    <row r="765845" spans="14:14">
      <c r="N765845" s="10"/>
    </row>
    <row r="765846" spans="14:14">
      <c r="N765846" s="10"/>
    </row>
    <row r="765847" spans="14:14">
      <c r="N765847" s="10"/>
    </row>
    <row r="765848" spans="14:14">
      <c r="N765848" s="10"/>
    </row>
    <row r="765849" spans="14:14">
      <c r="N765849" s="10"/>
    </row>
    <row r="765850" spans="14:14">
      <c r="N765850" s="10"/>
    </row>
    <row r="765851" spans="14:14">
      <c r="N765851" s="10"/>
    </row>
    <row r="765852" spans="14:14">
      <c r="N765852" s="10"/>
    </row>
    <row r="765853" spans="14:14">
      <c r="N765853" s="10"/>
    </row>
    <row r="765854" spans="14:14">
      <c r="N765854" s="10"/>
    </row>
    <row r="765855" spans="14:14">
      <c r="N765855" s="10"/>
    </row>
    <row r="765856" spans="14:14">
      <c r="N765856" s="10"/>
    </row>
    <row r="765857" spans="14:14">
      <c r="N765857" s="10"/>
    </row>
    <row r="765858" spans="14:14">
      <c r="N765858" s="10"/>
    </row>
    <row r="765859" spans="14:14">
      <c r="N765859" s="10"/>
    </row>
    <row r="765860" spans="14:14">
      <c r="N765860" s="10"/>
    </row>
    <row r="765861" spans="14:14">
      <c r="N765861" s="10"/>
    </row>
    <row r="765862" spans="14:14">
      <c r="N765862" s="10"/>
    </row>
    <row r="765863" spans="14:14">
      <c r="N765863" s="10"/>
    </row>
    <row r="765864" spans="14:14">
      <c r="N765864" s="10"/>
    </row>
    <row r="765865" spans="14:14">
      <c r="N765865" s="10"/>
    </row>
    <row r="765866" spans="14:14">
      <c r="N765866" s="10"/>
    </row>
    <row r="765867" spans="14:14">
      <c r="N765867" s="10"/>
    </row>
    <row r="765868" spans="14:14">
      <c r="N765868" s="10"/>
    </row>
    <row r="765869" spans="14:14">
      <c r="N765869" s="10"/>
    </row>
    <row r="765870" spans="14:14">
      <c r="N765870" s="10"/>
    </row>
    <row r="765871" spans="14:14">
      <c r="N765871" s="10"/>
    </row>
    <row r="765872" spans="14:14">
      <c r="N765872" s="10"/>
    </row>
    <row r="765873" spans="14:14">
      <c r="N765873" s="10"/>
    </row>
    <row r="765874" spans="14:14">
      <c r="N765874" s="10"/>
    </row>
    <row r="765875" spans="14:14">
      <c r="N765875" s="10"/>
    </row>
    <row r="765876" spans="14:14">
      <c r="N765876" s="10"/>
    </row>
    <row r="765877" spans="14:14">
      <c r="N765877" s="10"/>
    </row>
    <row r="765878" spans="14:14">
      <c r="N765878" s="10"/>
    </row>
    <row r="765879" spans="14:14">
      <c r="N765879" s="10"/>
    </row>
    <row r="765880" spans="14:14">
      <c r="N765880" s="10"/>
    </row>
    <row r="765881" spans="14:14">
      <c r="N765881" s="10"/>
    </row>
    <row r="765882" spans="14:14">
      <c r="N765882" s="10"/>
    </row>
    <row r="765883" spans="14:14">
      <c r="N765883" s="10"/>
    </row>
    <row r="765884" spans="14:14">
      <c r="N765884" s="10"/>
    </row>
    <row r="765885" spans="14:14">
      <c r="N765885" s="10"/>
    </row>
    <row r="765886" spans="14:14">
      <c r="N765886" s="10"/>
    </row>
    <row r="765887" spans="14:14">
      <c r="N765887" s="10"/>
    </row>
    <row r="765888" spans="14:14">
      <c r="N765888" s="10"/>
    </row>
    <row r="765889" spans="14:14">
      <c r="N765889" s="10"/>
    </row>
    <row r="765890" spans="14:14">
      <c r="N765890" s="10"/>
    </row>
    <row r="765891" spans="14:14">
      <c r="N765891" s="10"/>
    </row>
    <row r="765892" spans="14:14">
      <c r="N765892" s="10"/>
    </row>
    <row r="765893" spans="14:14">
      <c r="N765893" s="10"/>
    </row>
    <row r="765894" spans="14:14">
      <c r="N765894" s="10"/>
    </row>
    <row r="765895" spans="14:14">
      <c r="N765895" s="10"/>
    </row>
    <row r="765896" spans="14:14">
      <c r="N765896" s="10"/>
    </row>
    <row r="765897" spans="14:14">
      <c r="N765897" s="10"/>
    </row>
    <row r="765898" spans="14:14">
      <c r="N765898" s="10"/>
    </row>
    <row r="765899" spans="14:14">
      <c r="N765899" s="10"/>
    </row>
    <row r="765900" spans="14:14">
      <c r="N765900" s="10"/>
    </row>
    <row r="765901" spans="14:14">
      <c r="N765901" s="10"/>
    </row>
    <row r="765902" spans="14:14">
      <c r="N765902" s="10"/>
    </row>
    <row r="765903" spans="14:14">
      <c r="N765903" s="10"/>
    </row>
    <row r="765904" spans="14:14">
      <c r="N765904" s="10"/>
    </row>
    <row r="765905" spans="14:14">
      <c r="N765905" s="10"/>
    </row>
    <row r="765906" spans="14:14">
      <c r="N765906" s="10"/>
    </row>
    <row r="765907" spans="14:14">
      <c r="N765907" s="10"/>
    </row>
    <row r="765908" spans="14:14">
      <c r="N765908" s="10"/>
    </row>
    <row r="765909" spans="14:14">
      <c r="N765909" s="10"/>
    </row>
    <row r="765910" spans="14:14">
      <c r="N765910" s="10"/>
    </row>
    <row r="765911" spans="14:14">
      <c r="N765911" s="10"/>
    </row>
    <row r="765912" spans="14:14">
      <c r="N765912" s="10"/>
    </row>
    <row r="765913" spans="14:14">
      <c r="N765913" s="10"/>
    </row>
    <row r="765914" spans="14:14">
      <c r="N765914" s="10"/>
    </row>
    <row r="765915" spans="14:14">
      <c r="N765915" s="10"/>
    </row>
    <row r="765916" spans="14:14">
      <c r="N765916" s="10"/>
    </row>
    <row r="765917" spans="14:14">
      <c r="N765917" s="10"/>
    </row>
    <row r="765918" spans="14:14">
      <c r="N765918" s="10"/>
    </row>
    <row r="765919" spans="14:14">
      <c r="N765919" s="10"/>
    </row>
    <row r="765920" spans="14:14">
      <c r="N765920" s="10"/>
    </row>
    <row r="765921" spans="14:14">
      <c r="N765921" s="10"/>
    </row>
    <row r="765922" spans="14:14">
      <c r="N765922" s="10"/>
    </row>
    <row r="765923" spans="14:14">
      <c r="N765923" s="10"/>
    </row>
    <row r="765924" spans="14:14">
      <c r="N765924" s="10"/>
    </row>
    <row r="765925" spans="14:14">
      <c r="N765925" s="10"/>
    </row>
    <row r="765926" spans="14:14">
      <c r="N765926" s="10"/>
    </row>
    <row r="765927" spans="14:14">
      <c r="N765927" s="10"/>
    </row>
    <row r="765928" spans="14:14">
      <c r="N765928" s="10"/>
    </row>
    <row r="765929" spans="14:14">
      <c r="N765929" s="10"/>
    </row>
    <row r="765930" spans="14:14">
      <c r="N765930" s="10"/>
    </row>
    <row r="765931" spans="14:14">
      <c r="N765931" s="10"/>
    </row>
    <row r="765932" spans="14:14">
      <c r="N765932" s="10"/>
    </row>
    <row r="765933" spans="14:14">
      <c r="N765933" s="10"/>
    </row>
    <row r="765934" spans="14:14">
      <c r="N765934" s="10"/>
    </row>
    <row r="765935" spans="14:14">
      <c r="N765935" s="10"/>
    </row>
    <row r="765936" spans="14:14">
      <c r="N765936" s="10"/>
    </row>
    <row r="765937" spans="14:14">
      <c r="N765937" s="10"/>
    </row>
    <row r="765938" spans="14:14">
      <c r="N765938" s="10"/>
    </row>
    <row r="765939" spans="14:14">
      <c r="N765939" s="10"/>
    </row>
    <row r="765940" spans="14:14">
      <c r="N765940" s="10"/>
    </row>
    <row r="765941" spans="14:14">
      <c r="N765941" s="10"/>
    </row>
    <row r="765942" spans="14:14">
      <c r="N765942" s="10"/>
    </row>
    <row r="765943" spans="14:14">
      <c r="N765943" s="10"/>
    </row>
    <row r="765944" spans="14:14">
      <c r="N765944" s="10"/>
    </row>
    <row r="765945" spans="14:14">
      <c r="N765945" s="10"/>
    </row>
    <row r="765946" spans="14:14">
      <c r="N765946" s="10"/>
    </row>
    <row r="765947" spans="14:14">
      <c r="N765947" s="10"/>
    </row>
    <row r="765948" spans="14:14">
      <c r="N765948" s="10"/>
    </row>
    <row r="765949" spans="14:14">
      <c r="N765949" s="10"/>
    </row>
    <row r="765950" spans="14:14">
      <c r="N765950" s="10"/>
    </row>
    <row r="765951" spans="14:14">
      <c r="N765951" s="10"/>
    </row>
    <row r="765952" spans="14:14">
      <c r="N765952" s="10"/>
    </row>
    <row r="765953" spans="14:14">
      <c r="N765953" s="10"/>
    </row>
    <row r="765954" spans="14:14">
      <c r="N765954" s="10"/>
    </row>
    <row r="765955" spans="14:14">
      <c r="N765955" s="10"/>
    </row>
    <row r="765956" spans="14:14">
      <c r="N765956" s="10"/>
    </row>
    <row r="765957" spans="14:14">
      <c r="N765957" s="10"/>
    </row>
    <row r="765958" spans="14:14">
      <c r="N765958" s="10"/>
    </row>
    <row r="765959" spans="14:14">
      <c r="N765959" s="10"/>
    </row>
    <row r="765960" spans="14:14">
      <c r="N765960" s="10"/>
    </row>
    <row r="765961" spans="14:14">
      <c r="N765961" s="10"/>
    </row>
    <row r="765962" spans="14:14">
      <c r="N765962" s="10"/>
    </row>
    <row r="765963" spans="14:14">
      <c r="N765963" s="10"/>
    </row>
    <row r="765964" spans="14:14">
      <c r="N765964" s="10"/>
    </row>
    <row r="765965" spans="14:14">
      <c r="N765965" s="10"/>
    </row>
    <row r="765966" spans="14:14">
      <c r="N765966" s="10"/>
    </row>
    <row r="765967" spans="14:14">
      <c r="N765967" s="10"/>
    </row>
    <row r="765968" spans="14:14">
      <c r="N765968" s="10"/>
    </row>
    <row r="765969" spans="14:14">
      <c r="N765969" s="10"/>
    </row>
    <row r="765970" spans="14:14">
      <c r="N765970" s="10"/>
    </row>
    <row r="765971" spans="14:14">
      <c r="N765971" s="10"/>
    </row>
    <row r="765972" spans="14:14">
      <c r="N765972" s="10"/>
    </row>
    <row r="765973" spans="14:14">
      <c r="N765973" s="10"/>
    </row>
    <row r="765974" spans="14:14">
      <c r="N765974" s="10"/>
    </row>
    <row r="765975" spans="14:14">
      <c r="N765975" s="10"/>
    </row>
    <row r="765976" spans="14:14">
      <c r="N765976" s="10"/>
    </row>
    <row r="765977" spans="14:14">
      <c r="N765977" s="10"/>
    </row>
    <row r="765978" spans="14:14">
      <c r="N765978" s="10"/>
    </row>
    <row r="765979" spans="14:14">
      <c r="N765979" s="10"/>
    </row>
    <row r="765980" spans="14:14">
      <c r="N765980" s="10"/>
    </row>
    <row r="765981" spans="14:14">
      <c r="N765981" s="10"/>
    </row>
    <row r="765982" spans="14:14">
      <c r="N765982" s="10"/>
    </row>
    <row r="765983" spans="14:14">
      <c r="N765983" s="10"/>
    </row>
    <row r="765984" spans="14:14">
      <c r="N765984" s="10"/>
    </row>
    <row r="765985" spans="14:14">
      <c r="N765985" s="10"/>
    </row>
    <row r="765986" spans="14:14">
      <c r="N765986" s="10"/>
    </row>
    <row r="765987" spans="14:14">
      <c r="N765987" s="10"/>
    </row>
    <row r="765988" spans="14:14">
      <c r="N765988" s="10"/>
    </row>
    <row r="765989" spans="14:14">
      <c r="N765989" s="10"/>
    </row>
    <row r="765990" spans="14:14">
      <c r="N765990" s="10"/>
    </row>
    <row r="765991" spans="14:14">
      <c r="N765991" s="10"/>
    </row>
    <row r="765992" spans="14:14">
      <c r="N765992" s="10"/>
    </row>
    <row r="765993" spans="14:14">
      <c r="N765993" s="10"/>
    </row>
    <row r="765994" spans="14:14">
      <c r="N765994" s="10"/>
    </row>
    <row r="765995" spans="14:14">
      <c r="N765995" s="10"/>
    </row>
    <row r="765996" spans="14:14">
      <c r="N765996" s="10"/>
    </row>
    <row r="765997" spans="14:14">
      <c r="N765997" s="10"/>
    </row>
    <row r="765998" spans="14:14">
      <c r="N765998" s="10"/>
    </row>
    <row r="765999" spans="14:14">
      <c r="N765999" s="10"/>
    </row>
    <row r="766000" spans="14:14">
      <c r="N766000" s="10"/>
    </row>
    <row r="766001" spans="14:14">
      <c r="N766001" s="10"/>
    </row>
    <row r="766002" spans="14:14">
      <c r="N766002" s="10"/>
    </row>
    <row r="766003" spans="14:14">
      <c r="N766003" s="10"/>
    </row>
    <row r="766004" spans="14:14">
      <c r="N766004" s="10"/>
    </row>
    <row r="766005" spans="14:14">
      <c r="N766005" s="10"/>
    </row>
    <row r="766006" spans="14:14">
      <c r="N766006" s="10"/>
    </row>
    <row r="766007" spans="14:14">
      <c r="N766007" s="10"/>
    </row>
    <row r="766008" spans="14:14">
      <c r="N766008" s="10"/>
    </row>
    <row r="766009" spans="14:14">
      <c r="N766009" s="10"/>
    </row>
    <row r="766010" spans="14:14">
      <c r="N766010" s="10"/>
    </row>
    <row r="766011" spans="14:14">
      <c r="N766011" s="10"/>
    </row>
    <row r="766012" spans="14:14">
      <c r="N766012" s="10"/>
    </row>
    <row r="766013" spans="14:14">
      <c r="N766013" s="10"/>
    </row>
    <row r="766014" spans="14:14">
      <c r="N766014" s="10"/>
    </row>
    <row r="766015" spans="14:14">
      <c r="N766015" s="10"/>
    </row>
    <row r="766016" spans="14:14">
      <c r="N766016" s="10"/>
    </row>
    <row r="766017" spans="14:14">
      <c r="N766017" s="10"/>
    </row>
    <row r="766018" spans="14:14">
      <c r="N766018" s="10"/>
    </row>
    <row r="766019" spans="14:14">
      <c r="N766019" s="10"/>
    </row>
    <row r="766020" spans="14:14">
      <c r="N766020" s="10"/>
    </row>
    <row r="766021" spans="14:14">
      <c r="N766021" s="10"/>
    </row>
    <row r="766022" spans="14:14">
      <c r="N766022" s="10"/>
    </row>
    <row r="766023" spans="14:14">
      <c r="N766023" s="10"/>
    </row>
    <row r="766024" spans="14:14">
      <c r="N766024" s="10"/>
    </row>
    <row r="766025" spans="14:14">
      <c r="N766025" s="10"/>
    </row>
    <row r="766026" spans="14:14">
      <c r="N766026" s="10"/>
    </row>
    <row r="766027" spans="14:14">
      <c r="N766027" s="10"/>
    </row>
    <row r="766028" spans="14:14">
      <c r="N766028" s="10"/>
    </row>
    <row r="766029" spans="14:14">
      <c r="N766029" s="10"/>
    </row>
    <row r="766030" spans="14:14">
      <c r="N766030" s="10"/>
    </row>
    <row r="766031" spans="14:14">
      <c r="N766031" s="10"/>
    </row>
    <row r="766032" spans="14:14">
      <c r="N766032" s="10"/>
    </row>
    <row r="766033" spans="14:14">
      <c r="N766033" s="10"/>
    </row>
    <row r="766034" spans="14:14">
      <c r="N766034" s="10"/>
    </row>
    <row r="766035" spans="14:14">
      <c r="N766035" s="10"/>
    </row>
    <row r="766036" spans="14:14">
      <c r="N766036" s="10"/>
    </row>
    <row r="766037" spans="14:14">
      <c r="N766037" s="10"/>
    </row>
    <row r="766038" spans="14:14">
      <c r="N766038" s="10"/>
    </row>
    <row r="766039" spans="14:14">
      <c r="N766039" s="10"/>
    </row>
    <row r="766040" spans="14:14">
      <c r="N766040" s="10"/>
    </row>
    <row r="766041" spans="14:14">
      <c r="N766041" s="10"/>
    </row>
    <row r="766042" spans="14:14">
      <c r="N766042" s="10"/>
    </row>
    <row r="766043" spans="14:14">
      <c r="N766043" s="10"/>
    </row>
    <row r="766044" spans="14:14">
      <c r="N766044" s="10"/>
    </row>
    <row r="766045" spans="14:14">
      <c r="N766045" s="10"/>
    </row>
    <row r="766046" spans="14:14">
      <c r="N766046" s="10"/>
    </row>
    <row r="766047" spans="14:14">
      <c r="N766047" s="10"/>
    </row>
    <row r="766048" spans="14:14">
      <c r="N766048" s="10"/>
    </row>
    <row r="766049" spans="14:14">
      <c r="N766049" s="10"/>
    </row>
    <row r="766050" spans="14:14">
      <c r="N766050" s="10"/>
    </row>
    <row r="766051" spans="14:14">
      <c r="N766051" s="10"/>
    </row>
    <row r="766052" spans="14:14">
      <c r="N766052" s="10"/>
    </row>
    <row r="766053" spans="14:14">
      <c r="N766053" s="10"/>
    </row>
    <row r="766054" spans="14:14">
      <c r="N766054" s="10"/>
    </row>
    <row r="766055" spans="14:14">
      <c r="N766055" s="10"/>
    </row>
    <row r="766056" spans="14:14">
      <c r="N766056" s="10"/>
    </row>
    <row r="766057" spans="14:14">
      <c r="N766057" s="10"/>
    </row>
    <row r="766058" spans="14:14">
      <c r="N766058" s="10"/>
    </row>
    <row r="766059" spans="14:14">
      <c r="N766059" s="10"/>
    </row>
    <row r="766060" spans="14:14">
      <c r="N766060" s="10"/>
    </row>
    <row r="766061" spans="14:14">
      <c r="N766061" s="10"/>
    </row>
    <row r="766062" spans="14:14">
      <c r="N766062" s="10"/>
    </row>
    <row r="766063" spans="14:14">
      <c r="N766063" s="10"/>
    </row>
    <row r="766064" spans="14:14">
      <c r="N766064" s="10"/>
    </row>
    <row r="766065" spans="14:14">
      <c r="N766065" s="10"/>
    </row>
    <row r="766066" spans="14:14">
      <c r="N766066" s="10"/>
    </row>
    <row r="766067" spans="14:14">
      <c r="N766067" s="10"/>
    </row>
    <row r="766068" spans="14:14">
      <c r="N766068" s="10"/>
    </row>
    <row r="766069" spans="14:14">
      <c r="N766069" s="10"/>
    </row>
    <row r="766070" spans="14:14">
      <c r="N766070" s="10"/>
    </row>
    <row r="766071" spans="14:14">
      <c r="N766071" s="10"/>
    </row>
    <row r="766072" spans="14:14">
      <c r="N766072" s="10"/>
    </row>
    <row r="766073" spans="14:14">
      <c r="N766073" s="10"/>
    </row>
    <row r="766074" spans="14:14">
      <c r="N766074" s="10"/>
    </row>
    <row r="766075" spans="14:14">
      <c r="N766075" s="10"/>
    </row>
    <row r="766076" spans="14:14">
      <c r="N766076" s="10"/>
    </row>
    <row r="766077" spans="14:14">
      <c r="N766077" s="10"/>
    </row>
    <row r="766078" spans="14:14">
      <c r="N766078" s="10"/>
    </row>
    <row r="766079" spans="14:14">
      <c r="N766079" s="10"/>
    </row>
    <row r="766080" spans="14:14">
      <c r="N766080" s="10"/>
    </row>
    <row r="766081" spans="14:14">
      <c r="N766081" s="10"/>
    </row>
    <row r="766082" spans="14:14">
      <c r="N766082" s="10"/>
    </row>
    <row r="766083" spans="14:14">
      <c r="N766083" s="10"/>
    </row>
    <row r="766084" spans="14:14">
      <c r="N766084" s="10"/>
    </row>
    <row r="766085" spans="14:14">
      <c r="N766085" s="10"/>
    </row>
    <row r="766086" spans="14:14">
      <c r="N766086" s="10"/>
    </row>
    <row r="766087" spans="14:14">
      <c r="N766087" s="10"/>
    </row>
    <row r="766088" spans="14:14">
      <c r="N766088" s="10"/>
    </row>
    <row r="766089" spans="14:14">
      <c r="N766089" s="10"/>
    </row>
    <row r="766090" spans="14:14">
      <c r="N766090" s="10"/>
    </row>
    <row r="766091" spans="14:14">
      <c r="N766091" s="10"/>
    </row>
    <row r="766092" spans="14:14">
      <c r="N766092" s="10"/>
    </row>
    <row r="766093" spans="14:14">
      <c r="N766093" s="10"/>
    </row>
    <row r="766094" spans="14:14">
      <c r="N766094" s="10"/>
    </row>
    <row r="766095" spans="14:14">
      <c r="N766095" s="10"/>
    </row>
    <row r="766096" spans="14:14">
      <c r="N766096" s="10"/>
    </row>
    <row r="766097" spans="14:14">
      <c r="N766097" s="10"/>
    </row>
    <row r="766098" spans="14:14">
      <c r="N766098" s="10"/>
    </row>
    <row r="766099" spans="14:14">
      <c r="N766099" s="10"/>
    </row>
    <row r="766100" spans="14:14">
      <c r="N766100" s="10"/>
    </row>
    <row r="766101" spans="14:14">
      <c r="N766101" s="10"/>
    </row>
    <row r="766102" spans="14:14">
      <c r="N766102" s="10"/>
    </row>
    <row r="766103" spans="14:14">
      <c r="N766103" s="10"/>
    </row>
    <row r="766104" spans="14:14">
      <c r="N766104" s="10"/>
    </row>
    <row r="766105" spans="14:14">
      <c r="N766105" s="10"/>
    </row>
    <row r="766106" spans="14:14">
      <c r="N766106" s="10"/>
    </row>
    <row r="766107" spans="14:14">
      <c r="N766107" s="10"/>
    </row>
    <row r="766108" spans="14:14">
      <c r="N766108" s="10"/>
    </row>
    <row r="766109" spans="14:14">
      <c r="N766109" s="10"/>
    </row>
    <row r="766110" spans="14:14">
      <c r="N766110" s="10"/>
    </row>
    <row r="766111" spans="14:14">
      <c r="N766111" s="10"/>
    </row>
    <row r="766112" spans="14:14">
      <c r="N766112" s="10"/>
    </row>
    <row r="766113" spans="14:14">
      <c r="N766113" s="10"/>
    </row>
    <row r="766114" spans="14:14">
      <c r="N766114" s="10"/>
    </row>
    <row r="766115" spans="14:14">
      <c r="N766115" s="10"/>
    </row>
    <row r="766116" spans="14:14">
      <c r="N766116" s="10"/>
    </row>
    <row r="766117" spans="14:14">
      <c r="N766117" s="10"/>
    </row>
    <row r="766118" spans="14:14">
      <c r="N766118" s="10"/>
    </row>
    <row r="766119" spans="14:14">
      <c r="N766119" s="10"/>
    </row>
    <row r="766120" spans="14:14">
      <c r="N766120" s="10"/>
    </row>
    <row r="766121" spans="14:14">
      <c r="N766121" s="10"/>
    </row>
    <row r="766122" spans="14:14">
      <c r="N766122" s="10"/>
    </row>
    <row r="766123" spans="14:14">
      <c r="N766123" s="10"/>
    </row>
    <row r="766124" spans="14:14">
      <c r="N766124" s="10"/>
    </row>
    <row r="766125" spans="14:14">
      <c r="N766125" s="10"/>
    </row>
    <row r="766126" spans="14:14">
      <c r="N766126" s="10"/>
    </row>
    <row r="766127" spans="14:14">
      <c r="N766127" s="10"/>
    </row>
    <row r="766128" spans="14:14">
      <c r="N766128" s="10"/>
    </row>
    <row r="766129" spans="14:14">
      <c r="N766129" s="10"/>
    </row>
    <row r="766130" spans="14:14">
      <c r="N766130" s="10"/>
    </row>
    <row r="766131" spans="14:14">
      <c r="N766131" s="10"/>
    </row>
    <row r="766132" spans="14:14">
      <c r="N766132" s="10"/>
    </row>
    <row r="766133" spans="14:14">
      <c r="N766133" s="10"/>
    </row>
    <row r="766134" spans="14:14">
      <c r="N766134" s="10"/>
    </row>
    <row r="766135" spans="14:14">
      <c r="N766135" s="10"/>
    </row>
    <row r="766136" spans="14:14">
      <c r="N766136" s="10"/>
    </row>
    <row r="766137" spans="14:14">
      <c r="N766137" s="10"/>
    </row>
    <row r="766138" spans="14:14">
      <c r="N766138" s="10"/>
    </row>
    <row r="766139" spans="14:14">
      <c r="N766139" s="10"/>
    </row>
    <row r="766140" spans="14:14">
      <c r="N766140" s="10"/>
    </row>
    <row r="766141" spans="14:14">
      <c r="N766141" s="10"/>
    </row>
    <row r="766142" spans="14:14">
      <c r="N766142" s="10"/>
    </row>
    <row r="766143" spans="14:14">
      <c r="N766143" s="10"/>
    </row>
    <row r="766144" spans="14:14">
      <c r="N766144" s="10"/>
    </row>
    <row r="766145" spans="14:14">
      <c r="N766145" s="10"/>
    </row>
    <row r="766146" spans="14:14">
      <c r="N766146" s="10"/>
    </row>
    <row r="766147" spans="14:14">
      <c r="N766147" s="10"/>
    </row>
    <row r="766148" spans="14:14">
      <c r="N766148" s="10"/>
    </row>
    <row r="766149" spans="14:14">
      <c r="N766149" s="10"/>
    </row>
    <row r="766150" spans="14:14">
      <c r="N766150" s="10"/>
    </row>
    <row r="766151" spans="14:14">
      <c r="N766151" s="10"/>
    </row>
    <row r="766152" spans="14:14">
      <c r="N766152" s="10"/>
    </row>
    <row r="766153" spans="14:14">
      <c r="N766153" s="10"/>
    </row>
    <row r="766154" spans="14:14">
      <c r="N766154" s="10"/>
    </row>
    <row r="766155" spans="14:14">
      <c r="N766155" s="10"/>
    </row>
    <row r="766156" spans="14:14">
      <c r="N766156" s="10"/>
    </row>
    <row r="766157" spans="14:14">
      <c r="N766157" s="10"/>
    </row>
    <row r="766158" spans="14:14">
      <c r="N766158" s="10"/>
    </row>
    <row r="766159" spans="14:14">
      <c r="N766159" s="10"/>
    </row>
    <row r="766160" spans="14:14">
      <c r="N766160" s="10"/>
    </row>
    <row r="766161" spans="14:14">
      <c r="N766161" s="10"/>
    </row>
    <row r="766162" spans="14:14">
      <c r="N766162" s="10"/>
    </row>
    <row r="766163" spans="14:14">
      <c r="N766163" s="10"/>
    </row>
    <row r="766164" spans="14:14">
      <c r="N766164" s="10"/>
    </row>
    <row r="766165" spans="14:14">
      <c r="N766165" s="10"/>
    </row>
    <row r="766166" spans="14:14">
      <c r="N766166" s="10"/>
    </row>
    <row r="766167" spans="14:14">
      <c r="N766167" s="10"/>
    </row>
    <row r="766168" spans="14:14">
      <c r="N766168" s="10"/>
    </row>
    <row r="766169" spans="14:14">
      <c r="N766169" s="10"/>
    </row>
    <row r="766170" spans="14:14">
      <c r="N766170" s="10"/>
    </row>
    <row r="766171" spans="14:14">
      <c r="N766171" s="10"/>
    </row>
    <row r="766172" spans="14:14">
      <c r="N766172" s="10"/>
    </row>
    <row r="766173" spans="14:14">
      <c r="N766173" s="10"/>
    </row>
    <row r="766174" spans="14:14">
      <c r="N766174" s="10"/>
    </row>
    <row r="766175" spans="14:14">
      <c r="N766175" s="10"/>
    </row>
    <row r="766176" spans="14:14">
      <c r="N766176" s="10"/>
    </row>
    <row r="766177" spans="14:14">
      <c r="N766177" s="10"/>
    </row>
    <row r="766178" spans="14:14">
      <c r="N766178" s="10"/>
    </row>
    <row r="766179" spans="14:14">
      <c r="N766179" s="10"/>
    </row>
    <row r="766180" spans="14:14">
      <c r="N766180" s="10"/>
    </row>
    <row r="766181" spans="14:14">
      <c r="N766181" s="10"/>
    </row>
    <row r="766182" spans="14:14">
      <c r="N766182" s="10"/>
    </row>
    <row r="766183" spans="14:14">
      <c r="N766183" s="10"/>
    </row>
    <row r="766184" spans="14:14">
      <c r="N766184" s="10"/>
    </row>
    <row r="766185" spans="14:14">
      <c r="N766185" s="10"/>
    </row>
    <row r="766186" spans="14:14">
      <c r="N766186" s="10"/>
    </row>
    <row r="766187" spans="14:14">
      <c r="N766187" s="10"/>
    </row>
    <row r="766188" spans="14:14">
      <c r="N766188" s="10"/>
    </row>
    <row r="766189" spans="14:14">
      <c r="N766189" s="10"/>
    </row>
    <row r="766190" spans="14:14">
      <c r="N766190" s="10"/>
    </row>
    <row r="766191" spans="14:14">
      <c r="N766191" s="10"/>
    </row>
    <row r="766192" spans="14:14">
      <c r="N766192" s="10"/>
    </row>
    <row r="766193" spans="14:14">
      <c r="N766193" s="10"/>
    </row>
    <row r="766194" spans="14:14">
      <c r="N766194" s="10"/>
    </row>
    <row r="766195" spans="14:14">
      <c r="N766195" s="10"/>
    </row>
    <row r="766196" spans="14:14">
      <c r="N766196" s="10"/>
    </row>
    <row r="766197" spans="14:14">
      <c r="N766197" s="10"/>
    </row>
    <row r="766198" spans="14:14">
      <c r="N766198" s="10"/>
    </row>
    <row r="766199" spans="14:14">
      <c r="N766199" s="10"/>
    </row>
    <row r="766200" spans="14:14">
      <c r="N766200" s="10"/>
    </row>
    <row r="766201" spans="14:14">
      <c r="N766201" s="10"/>
    </row>
    <row r="766202" spans="14:14">
      <c r="N766202" s="10"/>
    </row>
    <row r="766203" spans="14:14">
      <c r="N766203" s="10"/>
    </row>
    <row r="766204" spans="14:14">
      <c r="N766204" s="10"/>
    </row>
    <row r="766205" spans="14:14">
      <c r="N766205" s="10"/>
    </row>
    <row r="766206" spans="14:14">
      <c r="N766206" s="10"/>
    </row>
    <row r="766207" spans="14:14">
      <c r="N766207" s="10"/>
    </row>
    <row r="766208" spans="14:14">
      <c r="N766208" s="10"/>
    </row>
    <row r="766209" spans="14:14">
      <c r="N766209" s="10"/>
    </row>
    <row r="766210" spans="14:14">
      <c r="N766210" s="10"/>
    </row>
    <row r="766211" spans="14:14">
      <c r="N766211" s="10"/>
    </row>
    <row r="766212" spans="14:14">
      <c r="N766212" s="10"/>
    </row>
    <row r="766213" spans="14:14">
      <c r="N766213" s="10"/>
    </row>
    <row r="766214" spans="14:14">
      <c r="N766214" s="10"/>
    </row>
    <row r="766215" spans="14:14">
      <c r="N766215" s="10"/>
    </row>
    <row r="766216" spans="14:14">
      <c r="N766216" s="10"/>
    </row>
    <row r="766217" spans="14:14">
      <c r="N766217" s="10"/>
    </row>
    <row r="766218" spans="14:14">
      <c r="N766218" s="10"/>
    </row>
    <row r="766219" spans="14:14">
      <c r="N766219" s="10"/>
    </row>
    <row r="766220" spans="14:14">
      <c r="N766220" s="10"/>
    </row>
    <row r="766221" spans="14:14">
      <c r="N766221" s="10"/>
    </row>
    <row r="766222" spans="14:14">
      <c r="N766222" s="10"/>
    </row>
    <row r="766223" spans="14:14">
      <c r="N766223" s="10"/>
    </row>
    <row r="766224" spans="14:14">
      <c r="N766224" s="10"/>
    </row>
    <row r="766225" spans="14:14">
      <c r="N766225" s="10"/>
    </row>
    <row r="766226" spans="14:14">
      <c r="N766226" s="10"/>
    </row>
    <row r="766227" spans="14:14">
      <c r="N766227" s="10"/>
    </row>
    <row r="766228" spans="14:14">
      <c r="N766228" s="10"/>
    </row>
    <row r="766229" spans="14:14">
      <c r="N766229" s="10"/>
    </row>
    <row r="766230" spans="14:14">
      <c r="N766230" s="10"/>
    </row>
    <row r="766231" spans="14:14">
      <c r="N766231" s="10"/>
    </row>
    <row r="766232" spans="14:14">
      <c r="N766232" s="10"/>
    </row>
    <row r="766233" spans="14:14">
      <c r="N766233" s="10"/>
    </row>
    <row r="766234" spans="14:14">
      <c r="N766234" s="10"/>
    </row>
    <row r="766235" spans="14:14">
      <c r="N766235" s="10"/>
    </row>
    <row r="766236" spans="14:14">
      <c r="N766236" s="10"/>
    </row>
    <row r="766237" spans="14:14">
      <c r="N766237" s="10"/>
    </row>
    <row r="766238" spans="14:14">
      <c r="N766238" s="10"/>
    </row>
    <row r="766239" spans="14:14">
      <c r="N766239" s="10"/>
    </row>
    <row r="766240" spans="14:14">
      <c r="N766240" s="10"/>
    </row>
    <row r="766241" spans="14:14">
      <c r="N766241" s="10"/>
    </row>
    <row r="766242" spans="14:14">
      <c r="N766242" s="10"/>
    </row>
    <row r="766243" spans="14:14">
      <c r="N766243" s="10"/>
    </row>
    <row r="766244" spans="14:14">
      <c r="N766244" s="10"/>
    </row>
    <row r="766245" spans="14:14">
      <c r="N766245" s="10"/>
    </row>
    <row r="766246" spans="14:14">
      <c r="N766246" s="10"/>
    </row>
    <row r="766247" spans="14:14">
      <c r="N766247" s="10"/>
    </row>
    <row r="766248" spans="14:14">
      <c r="N766248" s="10"/>
    </row>
    <row r="766249" spans="14:14">
      <c r="N766249" s="10"/>
    </row>
    <row r="766250" spans="14:14">
      <c r="N766250" s="10"/>
    </row>
    <row r="766251" spans="14:14">
      <c r="N766251" s="10"/>
    </row>
    <row r="766252" spans="14:14">
      <c r="N766252" s="10"/>
    </row>
    <row r="766253" spans="14:14">
      <c r="N766253" s="10"/>
    </row>
    <row r="766254" spans="14:14">
      <c r="N766254" s="10"/>
    </row>
    <row r="766255" spans="14:14">
      <c r="N766255" s="10"/>
    </row>
    <row r="766256" spans="14:14">
      <c r="N766256" s="10"/>
    </row>
    <row r="766257" spans="14:14">
      <c r="N766257" s="10"/>
    </row>
    <row r="766258" spans="14:14">
      <c r="N766258" s="10"/>
    </row>
    <row r="766259" spans="14:14">
      <c r="N766259" s="10"/>
    </row>
    <row r="766260" spans="14:14">
      <c r="N766260" s="10"/>
    </row>
    <row r="766261" spans="14:14">
      <c r="N766261" s="10"/>
    </row>
    <row r="766262" spans="14:14">
      <c r="N766262" s="10"/>
    </row>
    <row r="766263" spans="14:14">
      <c r="N766263" s="10"/>
    </row>
    <row r="766264" spans="14:14">
      <c r="N766264" s="10"/>
    </row>
    <row r="766265" spans="14:14">
      <c r="N766265" s="10"/>
    </row>
    <row r="766266" spans="14:14">
      <c r="N766266" s="10"/>
    </row>
    <row r="766267" spans="14:14">
      <c r="N766267" s="10"/>
    </row>
    <row r="766268" spans="14:14">
      <c r="N766268" s="10"/>
    </row>
    <row r="766269" spans="14:14">
      <c r="N766269" s="10"/>
    </row>
    <row r="766270" spans="14:14">
      <c r="N766270" s="10"/>
    </row>
    <row r="766271" spans="14:14">
      <c r="N766271" s="10"/>
    </row>
    <row r="766272" spans="14:14">
      <c r="N766272" s="10"/>
    </row>
    <row r="766273" spans="14:14">
      <c r="N766273" s="10"/>
    </row>
    <row r="766274" spans="14:14">
      <c r="N766274" s="10"/>
    </row>
    <row r="766275" spans="14:14">
      <c r="N766275" s="10"/>
    </row>
    <row r="766276" spans="14:14">
      <c r="N766276" s="10"/>
    </row>
    <row r="766277" spans="14:14">
      <c r="N766277" s="10"/>
    </row>
    <row r="766278" spans="14:14">
      <c r="N766278" s="10"/>
    </row>
    <row r="766279" spans="14:14">
      <c r="N766279" s="10"/>
    </row>
    <row r="766280" spans="14:14">
      <c r="N766280" s="10"/>
    </row>
    <row r="766281" spans="14:14">
      <c r="N766281" s="10"/>
    </row>
    <row r="766282" spans="14:14">
      <c r="N766282" s="10"/>
    </row>
    <row r="766283" spans="14:14">
      <c r="N766283" s="10"/>
    </row>
    <row r="766284" spans="14:14">
      <c r="N766284" s="10"/>
    </row>
    <row r="766285" spans="14:14">
      <c r="N766285" s="10"/>
    </row>
    <row r="766286" spans="14:14">
      <c r="N766286" s="10"/>
    </row>
    <row r="766287" spans="14:14">
      <c r="N766287" s="10"/>
    </row>
    <row r="766288" spans="14:14">
      <c r="N766288" s="10"/>
    </row>
    <row r="766289" spans="14:14">
      <c r="N766289" s="10"/>
    </row>
    <row r="766290" spans="14:14">
      <c r="N766290" s="10"/>
    </row>
    <row r="766291" spans="14:14">
      <c r="N766291" s="10"/>
    </row>
    <row r="766292" spans="14:14">
      <c r="N766292" s="10"/>
    </row>
    <row r="766293" spans="14:14">
      <c r="N766293" s="10"/>
    </row>
    <row r="766294" spans="14:14">
      <c r="N766294" s="10"/>
    </row>
    <row r="766295" spans="14:14">
      <c r="N766295" s="10"/>
    </row>
    <row r="766296" spans="14:14">
      <c r="N766296" s="10"/>
    </row>
    <row r="766297" spans="14:14">
      <c r="N766297" s="10"/>
    </row>
    <row r="766298" spans="14:14">
      <c r="N766298" s="10"/>
    </row>
    <row r="766299" spans="14:14">
      <c r="N766299" s="10"/>
    </row>
    <row r="766300" spans="14:14">
      <c r="N766300" s="10"/>
    </row>
    <row r="766301" spans="14:14">
      <c r="N766301" s="10"/>
    </row>
    <row r="766302" spans="14:14">
      <c r="N766302" s="10"/>
    </row>
    <row r="766303" spans="14:14">
      <c r="N766303" s="10"/>
    </row>
    <row r="766304" spans="14:14">
      <c r="N766304" s="10"/>
    </row>
    <row r="766305" spans="14:14">
      <c r="N766305" s="10"/>
    </row>
    <row r="766306" spans="14:14">
      <c r="N766306" s="10"/>
    </row>
    <row r="766307" spans="14:14">
      <c r="N766307" s="10"/>
    </row>
    <row r="766308" spans="14:14">
      <c r="N766308" s="10"/>
    </row>
    <row r="766309" spans="14:14">
      <c r="N766309" s="10"/>
    </row>
    <row r="766310" spans="14:14">
      <c r="N766310" s="10"/>
    </row>
    <row r="766311" spans="14:14">
      <c r="N766311" s="10"/>
    </row>
    <row r="766312" spans="14:14">
      <c r="N766312" s="10"/>
    </row>
    <row r="766313" spans="14:14">
      <c r="N766313" s="10"/>
    </row>
    <row r="766314" spans="14:14">
      <c r="N766314" s="10"/>
    </row>
    <row r="766315" spans="14:14">
      <c r="N766315" s="10"/>
    </row>
    <row r="766316" spans="14:14">
      <c r="N766316" s="10"/>
    </row>
    <row r="766317" spans="14:14">
      <c r="N766317" s="10"/>
    </row>
    <row r="766318" spans="14:14">
      <c r="N766318" s="10"/>
    </row>
    <row r="766319" spans="14:14">
      <c r="N766319" s="10"/>
    </row>
    <row r="766320" spans="14:14">
      <c r="N766320" s="10"/>
    </row>
    <row r="766321" spans="14:14">
      <c r="N766321" s="10"/>
    </row>
    <row r="766322" spans="14:14">
      <c r="N766322" s="10"/>
    </row>
    <row r="766323" spans="14:14">
      <c r="N766323" s="10"/>
    </row>
    <row r="766324" spans="14:14">
      <c r="N766324" s="10"/>
    </row>
    <row r="766325" spans="14:14">
      <c r="N766325" s="10"/>
    </row>
    <row r="766326" spans="14:14">
      <c r="N766326" s="10"/>
    </row>
    <row r="766327" spans="14:14">
      <c r="N766327" s="10"/>
    </row>
    <row r="766328" spans="14:14">
      <c r="N766328" s="10"/>
    </row>
    <row r="766329" spans="14:14">
      <c r="N766329" s="10"/>
    </row>
    <row r="766330" spans="14:14">
      <c r="N766330" s="10"/>
    </row>
    <row r="766331" spans="14:14">
      <c r="N766331" s="10"/>
    </row>
    <row r="766332" spans="14:14">
      <c r="N766332" s="10"/>
    </row>
    <row r="766333" spans="14:14">
      <c r="N766333" s="10"/>
    </row>
    <row r="766334" spans="14:14">
      <c r="N766334" s="10"/>
    </row>
    <row r="766335" spans="14:14">
      <c r="N766335" s="10"/>
    </row>
    <row r="766336" spans="14:14">
      <c r="N766336" s="10"/>
    </row>
    <row r="766337" spans="14:14">
      <c r="N766337" s="10"/>
    </row>
    <row r="766338" spans="14:14">
      <c r="N766338" s="10"/>
    </row>
    <row r="766339" spans="14:14">
      <c r="N766339" s="10"/>
    </row>
    <row r="766340" spans="14:14">
      <c r="N766340" s="10"/>
    </row>
    <row r="766341" spans="14:14">
      <c r="N766341" s="10"/>
    </row>
    <row r="766342" spans="14:14">
      <c r="N766342" s="10"/>
    </row>
    <row r="766343" spans="14:14">
      <c r="N766343" s="10"/>
    </row>
    <row r="766344" spans="14:14">
      <c r="N766344" s="10"/>
    </row>
    <row r="766345" spans="14:14">
      <c r="N766345" s="10"/>
    </row>
    <row r="766346" spans="14:14">
      <c r="N766346" s="10"/>
    </row>
    <row r="766347" spans="14:14">
      <c r="N766347" s="10"/>
    </row>
    <row r="766348" spans="14:14">
      <c r="N766348" s="10"/>
    </row>
    <row r="766349" spans="14:14">
      <c r="N766349" s="10"/>
    </row>
    <row r="766350" spans="14:14">
      <c r="N766350" s="10"/>
    </row>
    <row r="766351" spans="14:14">
      <c r="N766351" s="10"/>
    </row>
    <row r="766352" spans="14:14">
      <c r="N766352" s="10"/>
    </row>
    <row r="766353" spans="14:14">
      <c r="N766353" s="10"/>
    </row>
    <row r="766354" spans="14:14">
      <c r="N766354" s="10"/>
    </row>
    <row r="766355" spans="14:14">
      <c r="N766355" s="10"/>
    </row>
    <row r="766356" spans="14:14">
      <c r="N766356" s="10"/>
    </row>
    <row r="766357" spans="14:14">
      <c r="N766357" s="10"/>
    </row>
    <row r="766358" spans="14:14">
      <c r="N766358" s="10"/>
    </row>
    <row r="766359" spans="14:14">
      <c r="N766359" s="10"/>
    </row>
    <row r="766360" spans="14:14">
      <c r="N766360" s="10"/>
    </row>
    <row r="766361" spans="14:14">
      <c r="N766361" s="10"/>
    </row>
    <row r="766362" spans="14:14">
      <c r="N766362" s="10"/>
    </row>
    <row r="766363" spans="14:14">
      <c r="N766363" s="10"/>
    </row>
    <row r="766364" spans="14:14">
      <c r="N766364" s="10"/>
    </row>
    <row r="766365" spans="14:14">
      <c r="N766365" s="10"/>
    </row>
    <row r="766366" spans="14:14">
      <c r="N766366" s="10"/>
    </row>
    <row r="766367" spans="14:14">
      <c r="N766367" s="10"/>
    </row>
    <row r="766368" spans="14:14">
      <c r="N766368" s="10"/>
    </row>
    <row r="766369" spans="14:14">
      <c r="N766369" s="10"/>
    </row>
    <row r="766370" spans="14:14">
      <c r="N766370" s="10"/>
    </row>
    <row r="766371" spans="14:14">
      <c r="N766371" s="10"/>
    </row>
    <row r="766372" spans="14:14">
      <c r="N766372" s="10"/>
    </row>
    <row r="766373" spans="14:14">
      <c r="N766373" s="10"/>
    </row>
    <row r="766374" spans="14:14">
      <c r="N766374" s="10"/>
    </row>
    <row r="766375" spans="14:14">
      <c r="N766375" s="10"/>
    </row>
    <row r="766376" spans="14:14">
      <c r="N766376" s="10"/>
    </row>
    <row r="766377" spans="14:14">
      <c r="N766377" s="10"/>
    </row>
    <row r="766378" spans="14:14">
      <c r="N766378" s="10"/>
    </row>
    <row r="766379" spans="14:14">
      <c r="N766379" s="10"/>
    </row>
    <row r="766380" spans="14:14">
      <c r="N766380" s="10"/>
    </row>
    <row r="766381" spans="14:14">
      <c r="N766381" s="10"/>
    </row>
    <row r="766382" spans="14:14">
      <c r="N766382" s="10"/>
    </row>
    <row r="766383" spans="14:14">
      <c r="N766383" s="10"/>
    </row>
    <row r="766384" spans="14:14">
      <c r="N766384" s="10"/>
    </row>
    <row r="766385" spans="14:14">
      <c r="N766385" s="10"/>
    </row>
    <row r="766386" spans="14:14">
      <c r="N766386" s="10"/>
    </row>
    <row r="766387" spans="14:14">
      <c r="N766387" s="10"/>
    </row>
    <row r="766388" spans="14:14">
      <c r="N766388" s="10"/>
    </row>
    <row r="766389" spans="14:14">
      <c r="N766389" s="10"/>
    </row>
    <row r="766390" spans="14:14">
      <c r="N766390" s="10"/>
    </row>
    <row r="766391" spans="14:14">
      <c r="N766391" s="10"/>
    </row>
    <row r="766392" spans="14:14">
      <c r="N766392" s="10"/>
    </row>
    <row r="766393" spans="14:14">
      <c r="N766393" s="10"/>
    </row>
    <row r="766394" spans="14:14">
      <c r="N766394" s="10"/>
    </row>
    <row r="766395" spans="14:14">
      <c r="N766395" s="10"/>
    </row>
    <row r="766396" spans="14:14">
      <c r="N766396" s="10"/>
    </row>
    <row r="766397" spans="14:14">
      <c r="N766397" s="10"/>
    </row>
    <row r="766398" spans="14:14">
      <c r="N766398" s="10"/>
    </row>
    <row r="766399" spans="14:14">
      <c r="N766399" s="10"/>
    </row>
    <row r="766400" spans="14:14">
      <c r="N766400" s="10"/>
    </row>
    <row r="766401" spans="14:14">
      <c r="N766401" s="10"/>
    </row>
    <row r="766402" spans="14:14">
      <c r="N766402" s="10"/>
    </row>
    <row r="766403" spans="14:14">
      <c r="N766403" s="10"/>
    </row>
    <row r="766404" spans="14:14">
      <c r="N766404" s="10"/>
    </row>
    <row r="766405" spans="14:14">
      <c r="N766405" s="10"/>
    </row>
    <row r="766406" spans="14:14">
      <c r="N766406" s="10"/>
    </row>
    <row r="766407" spans="14:14">
      <c r="N766407" s="10"/>
    </row>
    <row r="766408" spans="14:14">
      <c r="N766408" s="10"/>
    </row>
    <row r="766409" spans="14:14">
      <c r="N766409" s="10"/>
    </row>
    <row r="766410" spans="14:14">
      <c r="N766410" s="10"/>
    </row>
    <row r="766411" spans="14:14">
      <c r="N766411" s="10"/>
    </row>
    <row r="766412" spans="14:14">
      <c r="N766412" s="10"/>
    </row>
    <row r="766413" spans="14:14">
      <c r="N766413" s="10"/>
    </row>
    <row r="766414" spans="14:14">
      <c r="N766414" s="10"/>
    </row>
    <row r="766415" spans="14:14">
      <c r="N766415" s="10"/>
    </row>
    <row r="766416" spans="14:14">
      <c r="N766416" s="10"/>
    </row>
    <row r="766417" spans="14:14">
      <c r="N766417" s="10"/>
    </row>
    <row r="766418" spans="14:14">
      <c r="N766418" s="10"/>
    </row>
    <row r="766419" spans="14:14">
      <c r="N766419" s="10"/>
    </row>
    <row r="766420" spans="14:14">
      <c r="N766420" s="10"/>
    </row>
    <row r="766421" spans="14:14">
      <c r="N766421" s="10"/>
    </row>
    <row r="766422" spans="14:14">
      <c r="N766422" s="10"/>
    </row>
    <row r="766423" spans="14:14">
      <c r="N766423" s="10"/>
    </row>
    <row r="766424" spans="14:14">
      <c r="N766424" s="10"/>
    </row>
    <row r="766425" spans="14:14">
      <c r="N766425" s="10"/>
    </row>
    <row r="766426" spans="14:14">
      <c r="N766426" s="10"/>
    </row>
    <row r="766427" spans="14:14">
      <c r="N766427" s="10"/>
    </row>
    <row r="766428" spans="14:14">
      <c r="N766428" s="10"/>
    </row>
    <row r="766429" spans="14:14">
      <c r="N766429" s="10"/>
    </row>
    <row r="766430" spans="14:14">
      <c r="N766430" s="10"/>
    </row>
    <row r="766431" spans="14:14">
      <c r="N766431" s="10"/>
    </row>
    <row r="766432" spans="14:14">
      <c r="N766432" s="10"/>
    </row>
    <row r="766433" spans="14:14">
      <c r="N766433" s="10"/>
    </row>
    <row r="766434" spans="14:14">
      <c r="N766434" s="10"/>
    </row>
    <row r="766435" spans="14:14">
      <c r="N766435" s="10"/>
    </row>
    <row r="766436" spans="14:14">
      <c r="N766436" s="10"/>
    </row>
    <row r="766437" spans="14:14">
      <c r="N766437" s="10"/>
    </row>
    <row r="766438" spans="14:14">
      <c r="N766438" s="10"/>
    </row>
    <row r="766439" spans="14:14">
      <c r="N766439" s="10"/>
    </row>
    <row r="766440" spans="14:14">
      <c r="N766440" s="10"/>
    </row>
    <row r="766441" spans="14:14">
      <c r="N766441" s="10"/>
    </row>
    <row r="766442" spans="14:14">
      <c r="N766442" s="10"/>
    </row>
    <row r="766443" spans="14:14">
      <c r="N766443" s="10"/>
    </row>
    <row r="766444" spans="14:14">
      <c r="N766444" s="10"/>
    </row>
    <row r="766445" spans="14:14">
      <c r="N766445" s="10"/>
    </row>
    <row r="766446" spans="14:14">
      <c r="N766446" s="10"/>
    </row>
    <row r="766447" spans="14:14">
      <c r="N766447" s="10"/>
    </row>
    <row r="766448" spans="14:14">
      <c r="N766448" s="10"/>
    </row>
    <row r="766449" spans="14:14">
      <c r="N766449" s="10"/>
    </row>
    <row r="766450" spans="14:14">
      <c r="N766450" s="10"/>
    </row>
    <row r="766451" spans="14:14">
      <c r="N766451" s="10"/>
    </row>
    <row r="766452" spans="14:14">
      <c r="N766452" s="10"/>
    </row>
    <row r="766453" spans="14:14">
      <c r="N766453" s="10"/>
    </row>
    <row r="766454" spans="14:14">
      <c r="N766454" s="10"/>
    </row>
    <row r="766455" spans="14:14">
      <c r="N766455" s="10"/>
    </row>
    <row r="766456" spans="14:14">
      <c r="N766456" s="10"/>
    </row>
    <row r="766457" spans="14:14">
      <c r="N766457" s="10"/>
    </row>
    <row r="766458" spans="14:14">
      <c r="N766458" s="10"/>
    </row>
    <row r="766459" spans="14:14">
      <c r="N766459" s="10"/>
    </row>
    <row r="766460" spans="14:14">
      <c r="N766460" s="10"/>
    </row>
    <row r="766461" spans="14:14">
      <c r="N766461" s="10"/>
    </row>
    <row r="766462" spans="14:14">
      <c r="N766462" s="10"/>
    </row>
    <row r="766463" spans="14:14">
      <c r="N766463" s="10"/>
    </row>
    <row r="766464" spans="14:14">
      <c r="N766464" s="10"/>
    </row>
    <row r="766465" spans="14:14">
      <c r="N766465" s="10"/>
    </row>
    <row r="766466" spans="14:14">
      <c r="N766466" s="10"/>
    </row>
    <row r="766467" spans="14:14">
      <c r="N766467" s="10"/>
    </row>
    <row r="766468" spans="14:14">
      <c r="N766468" s="10"/>
    </row>
    <row r="766469" spans="14:14">
      <c r="N766469" s="10"/>
    </row>
    <row r="766470" spans="14:14">
      <c r="N766470" s="10"/>
    </row>
    <row r="766471" spans="14:14">
      <c r="N766471" s="10"/>
    </row>
    <row r="766472" spans="14:14">
      <c r="N766472" s="10"/>
    </row>
    <row r="766473" spans="14:14">
      <c r="N766473" s="10"/>
    </row>
    <row r="766474" spans="14:14">
      <c r="N766474" s="10"/>
    </row>
    <row r="766475" spans="14:14">
      <c r="N766475" s="10"/>
    </row>
    <row r="766476" spans="14:14">
      <c r="N766476" s="10"/>
    </row>
    <row r="766477" spans="14:14">
      <c r="N766477" s="10"/>
    </row>
    <row r="766478" spans="14:14">
      <c r="N766478" s="10"/>
    </row>
    <row r="766479" spans="14:14">
      <c r="N766479" s="10"/>
    </row>
    <row r="766480" spans="14:14">
      <c r="N766480" s="10"/>
    </row>
    <row r="766481" spans="14:14">
      <c r="N766481" s="10"/>
    </row>
    <row r="766482" spans="14:14">
      <c r="N766482" s="10"/>
    </row>
    <row r="766483" spans="14:14">
      <c r="N766483" s="10"/>
    </row>
    <row r="766484" spans="14:14">
      <c r="N766484" s="10"/>
    </row>
    <row r="766485" spans="14:14">
      <c r="N766485" s="10"/>
    </row>
    <row r="766486" spans="14:14">
      <c r="N766486" s="10"/>
    </row>
    <row r="766487" spans="14:14">
      <c r="N766487" s="10"/>
    </row>
    <row r="766488" spans="14:14">
      <c r="N766488" s="10"/>
    </row>
    <row r="766489" spans="14:14">
      <c r="N766489" s="10"/>
    </row>
    <row r="766490" spans="14:14">
      <c r="N766490" s="10"/>
    </row>
    <row r="766491" spans="14:14">
      <c r="N766491" s="10"/>
    </row>
    <row r="766492" spans="14:14">
      <c r="N766492" s="10"/>
    </row>
    <row r="766493" spans="14:14">
      <c r="N766493" s="10"/>
    </row>
    <row r="766494" spans="14:14">
      <c r="N766494" s="10"/>
    </row>
    <row r="766495" spans="14:14">
      <c r="N766495" s="10"/>
    </row>
    <row r="766496" spans="14:14">
      <c r="N766496" s="10"/>
    </row>
    <row r="766497" spans="14:14">
      <c r="N766497" s="10"/>
    </row>
    <row r="766498" spans="14:14">
      <c r="N766498" s="10"/>
    </row>
    <row r="766499" spans="14:14">
      <c r="N766499" s="10"/>
    </row>
    <row r="766500" spans="14:14">
      <c r="N766500" s="10"/>
    </row>
    <row r="766501" spans="14:14">
      <c r="N766501" s="10"/>
    </row>
    <row r="766502" spans="14:14">
      <c r="N766502" s="10"/>
    </row>
    <row r="766503" spans="14:14">
      <c r="N766503" s="10"/>
    </row>
    <row r="766504" spans="14:14">
      <c r="N766504" s="10"/>
    </row>
    <row r="766505" spans="14:14">
      <c r="N766505" s="10"/>
    </row>
    <row r="766506" spans="14:14">
      <c r="N766506" s="10"/>
    </row>
    <row r="766507" spans="14:14">
      <c r="N766507" s="10"/>
    </row>
    <row r="766508" spans="14:14">
      <c r="N766508" s="10"/>
    </row>
    <row r="766509" spans="14:14">
      <c r="N766509" s="10"/>
    </row>
    <row r="766510" spans="14:14">
      <c r="N766510" s="10"/>
    </row>
    <row r="766511" spans="14:14">
      <c r="N766511" s="10"/>
    </row>
    <row r="766512" spans="14:14">
      <c r="N766512" s="10"/>
    </row>
    <row r="766513" spans="14:14">
      <c r="N766513" s="10"/>
    </row>
    <row r="766514" spans="14:14">
      <c r="N766514" s="10"/>
    </row>
    <row r="766515" spans="14:14">
      <c r="N766515" s="10"/>
    </row>
    <row r="766516" spans="14:14">
      <c r="N766516" s="10"/>
    </row>
    <row r="766517" spans="14:14">
      <c r="N766517" s="10"/>
    </row>
    <row r="766518" spans="14:14">
      <c r="N766518" s="10"/>
    </row>
    <row r="766519" spans="14:14">
      <c r="N766519" s="10"/>
    </row>
    <row r="766520" spans="14:14">
      <c r="N766520" s="10"/>
    </row>
    <row r="766521" spans="14:14">
      <c r="N766521" s="10"/>
    </row>
    <row r="766522" spans="14:14">
      <c r="N766522" s="10"/>
    </row>
    <row r="766523" spans="14:14">
      <c r="N766523" s="10"/>
    </row>
    <row r="766524" spans="14:14">
      <c r="N766524" s="10"/>
    </row>
    <row r="766525" spans="14:14">
      <c r="N766525" s="10"/>
    </row>
    <row r="766526" spans="14:14">
      <c r="N766526" s="10"/>
    </row>
    <row r="766527" spans="14:14">
      <c r="N766527" s="10"/>
    </row>
    <row r="766528" spans="14:14">
      <c r="N766528" s="10"/>
    </row>
    <row r="766529" spans="14:14">
      <c r="N766529" s="10"/>
    </row>
    <row r="766530" spans="14:14">
      <c r="N766530" s="10"/>
    </row>
    <row r="766531" spans="14:14">
      <c r="N766531" s="10"/>
    </row>
    <row r="766532" spans="14:14">
      <c r="N766532" s="10"/>
    </row>
    <row r="766533" spans="14:14">
      <c r="N766533" s="10"/>
    </row>
    <row r="766534" spans="14:14">
      <c r="N766534" s="10"/>
    </row>
    <row r="766535" spans="14:14">
      <c r="N766535" s="10"/>
    </row>
    <row r="766536" spans="14:14">
      <c r="N766536" s="10"/>
    </row>
    <row r="766537" spans="14:14">
      <c r="N766537" s="10"/>
    </row>
    <row r="766538" spans="14:14">
      <c r="N766538" s="10"/>
    </row>
    <row r="766539" spans="14:14">
      <c r="N766539" s="10"/>
    </row>
    <row r="766540" spans="14:14">
      <c r="N766540" s="10"/>
    </row>
    <row r="766541" spans="14:14">
      <c r="N766541" s="10"/>
    </row>
    <row r="766542" spans="14:14">
      <c r="N766542" s="10"/>
    </row>
    <row r="766543" spans="14:14">
      <c r="N766543" s="10"/>
    </row>
    <row r="766544" spans="14:14">
      <c r="N766544" s="10"/>
    </row>
    <row r="766545" spans="14:14">
      <c r="N766545" s="10"/>
    </row>
    <row r="766546" spans="14:14">
      <c r="N766546" s="10"/>
    </row>
    <row r="766547" spans="14:14">
      <c r="N766547" s="10"/>
    </row>
    <row r="766548" spans="14:14">
      <c r="N766548" s="10"/>
    </row>
    <row r="766549" spans="14:14">
      <c r="N766549" s="10"/>
    </row>
    <row r="766550" spans="14:14">
      <c r="N766550" s="10"/>
    </row>
    <row r="766551" spans="14:14">
      <c r="N766551" s="10"/>
    </row>
    <row r="766552" spans="14:14">
      <c r="N766552" s="10"/>
    </row>
    <row r="766553" spans="14:14">
      <c r="N766553" s="10"/>
    </row>
    <row r="766554" spans="14:14">
      <c r="N766554" s="10"/>
    </row>
    <row r="766555" spans="14:14">
      <c r="N766555" s="10"/>
    </row>
    <row r="766556" spans="14:14">
      <c r="N766556" s="10"/>
    </row>
    <row r="766557" spans="14:14">
      <c r="N766557" s="10"/>
    </row>
    <row r="766558" spans="14:14">
      <c r="N766558" s="10"/>
    </row>
    <row r="766559" spans="14:14">
      <c r="N766559" s="10"/>
    </row>
    <row r="766560" spans="14:14">
      <c r="N766560" s="10"/>
    </row>
    <row r="766561" spans="14:14">
      <c r="N766561" s="10"/>
    </row>
    <row r="766562" spans="14:14">
      <c r="N766562" s="10"/>
    </row>
    <row r="766563" spans="14:14">
      <c r="N766563" s="10"/>
    </row>
    <row r="766564" spans="14:14">
      <c r="N766564" s="10"/>
    </row>
    <row r="766565" spans="14:14">
      <c r="N766565" s="10"/>
    </row>
    <row r="766566" spans="14:14">
      <c r="N766566" s="10"/>
    </row>
    <row r="766567" spans="14:14">
      <c r="N766567" s="10"/>
    </row>
    <row r="766568" spans="14:14">
      <c r="N766568" s="10"/>
    </row>
    <row r="766569" spans="14:14">
      <c r="N766569" s="10"/>
    </row>
    <row r="766570" spans="14:14">
      <c r="N766570" s="10"/>
    </row>
    <row r="766571" spans="14:14">
      <c r="N766571" s="10"/>
    </row>
    <row r="766572" spans="14:14">
      <c r="N766572" s="10"/>
    </row>
    <row r="766573" spans="14:14">
      <c r="N766573" s="10"/>
    </row>
    <row r="766574" spans="14:14">
      <c r="N766574" s="10"/>
    </row>
    <row r="766575" spans="14:14">
      <c r="N766575" s="10"/>
    </row>
    <row r="766576" spans="14:14">
      <c r="N766576" s="10"/>
    </row>
    <row r="766577" spans="14:14">
      <c r="N766577" s="10"/>
    </row>
    <row r="766578" spans="14:14">
      <c r="N766578" s="10"/>
    </row>
    <row r="766579" spans="14:14">
      <c r="N766579" s="10"/>
    </row>
    <row r="766580" spans="14:14">
      <c r="N766580" s="10"/>
    </row>
    <row r="766581" spans="14:14">
      <c r="N766581" s="10"/>
    </row>
    <row r="766582" spans="14:14">
      <c r="N766582" s="10"/>
    </row>
    <row r="766583" spans="14:14">
      <c r="N766583" s="10"/>
    </row>
    <row r="766584" spans="14:14">
      <c r="N766584" s="10"/>
    </row>
    <row r="766585" spans="14:14">
      <c r="N766585" s="10"/>
    </row>
    <row r="766586" spans="14:14">
      <c r="N766586" s="10"/>
    </row>
    <row r="766587" spans="14:14">
      <c r="N766587" s="10"/>
    </row>
    <row r="766588" spans="14:14">
      <c r="N766588" s="10"/>
    </row>
    <row r="766589" spans="14:14">
      <c r="N766589" s="10"/>
    </row>
    <row r="766590" spans="14:14">
      <c r="N766590" s="10"/>
    </row>
    <row r="766591" spans="14:14">
      <c r="N766591" s="10"/>
    </row>
    <row r="766592" spans="14:14">
      <c r="N766592" s="10"/>
    </row>
    <row r="766593" spans="14:14">
      <c r="N766593" s="10"/>
    </row>
    <row r="766594" spans="14:14">
      <c r="N766594" s="10"/>
    </row>
    <row r="766595" spans="14:14">
      <c r="N766595" s="10"/>
    </row>
    <row r="766596" spans="14:14">
      <c r="N766596" s="10"/>
    </row>
    <row r="766597" spans="14:14">
      <c r="N766597" s="10"/>
    </row>
    <row r="766598" spans="14:14">
      <c r="N766598" s="10"/>
    </row>
    <row r="766599" spans="14:14">
      <c r="N766599" s="10"/>
    </row>
    <row r="766600" spans="14:14">
      <c r="N766600" s="10"/>
    </row>
    <row r="766601" spans="14:14">
      <c r="N766601" s="10"/>
    </row>
    <row r="766602" spans="14:14">
      <c r="N766602" s="10"/>
    </row>
    <row r="766603" spans="14:14">
      <c r="N766603" s="10"/>
    </row>
    <row r="766604" spans="14:14">
      <c r="N766604" s="10"/>
    </row>
    <row r="766605" spans="14:14">
      <c r="N766605" s="10"/>
    </row>
    <row r="766606" spans="14:14">
      <c r="N766606" s="10"/>
    </row>
    <row r="766607" spans="14:14">
      <c r="N766607" s="10"/>
    </row>
    <row r="766608" spans="14:14">
      <c r="N766608" s="10"/>
    </row>
    <row r="766609" spans="14:14">
      <c r="N766609" s="10"/>
    </row>
    <row r="766610" spans="14:14">
      <c r="N766610" s="10"/>
    </row>
    <row r="766611" spans="14:14">
      <c r="N766611" s="10"/>
    </row>
    <row r="766612" spans="14:14">
      <c r="N766612" s="10"/>
    </row>
    <row r="766613" spans="14:14">
      <c r="N766613" s="10"/>
    </row>
    <row r="766614" spans="14:14">
      <c r="N766614" s="10"/>
    </row>
    <row r="766615" spans="14:14">
      <c r="N766615" s="10"/>
    </row>
    <row r="766616" spans="14:14">
      <c r="N766616" s="10"/>
    </row>
    <row r="766617" spans="14:14">
      <c r="N766617" s="10"/>
    </row>
    <row r="766618" spans="14:14">
      <c r="N766618" s="10"/>
    </row>
    <row r="766619" spans="14:14">
      <c r="N766619" s="10"/>
    </row>
    <row r="766620" spans="14:14">
      <c r="N766620" s="10"/>
    </row>
    <row r="766621" spans="14:14">
      <c r="N766621" s="10"/>
    </row>
    <row r="766622" spans="14:14">
      <c r="N766622" s="10"/>
    </row>
    <row r="766623" spans="14:14">
      <c r="N766623" s="10"/>
    </row>
    <row r="766624" spans="14:14">
      <c r="N766624" s="10"/>
    </row>
    <row r="766625" spans="14:14">
      <c r="N766625" s="10"/>
    </row>
    <row r="766626" spans="14:14">
      <c r="N766626" s="10"/>
    </row>
    <row r="766627" spans="14:14">
      <c r="N766627" s="10"/>
    </row>
    <row r="766628" spans="14:14">
      <c r="N766628" s="10"/>
    </row>
    <row r="766629" spans="14:14">
      <c r="N766629" s="10"/>
    </row>
    <row r="766630" spans="14:14">
      <c r="N766630" s="10"/>
    </row>
    <row r="766631" spans="14:14">
      <c r="N766631" s="10"/>
    </row>
    <row r="766632" spans="14:14">
      <c r="N766632" s="10"/>
    </row>
    <row r="766633" spans="14:14">
      <c r="N766633" s="10"/>
    </row>
    <row r="766634" spans="14:14">
      <c r="N766634" s="10"/>
    </row>
    <row r="766635" spans="14:14">
      <c r="N766635" s="10"/>
    </row>
    <row r="766636" spans="14:14">
      <c r="N766636" s="10"/>
    </row>
    <row r="766637" spans="14:14">
      <c r="N766637" s="10"/>
    </row>
    <row r="766638" spans="14:14">
      <c r="N766638" s="10"/>
    </row>
    <row r="766639" spans="14:14">
      <c r="N766639" s="10"/>
    </row>
    <row r="766640" spans="14:14">
      <c r="N766640" s="10"/>
    </row>
    <row r="766641" spans="14:14">
      <c r="N766641" s="10"/>
    </row>
    <row r="766642" spans="14:14">
      <c r="N766642" s="10"/>
    </row>
    <row r="766643" spans="14:14">
      <c r="N766643" s="10"/>
    </row>
    <row r="766644" spans="14:14">
      <c r="N766644" s="10"/>
    </row>
    <row r="766645" spans="14:14">
      <c r="N766645" s="10"/>
    </row>
    <row r="766646" spans="14:14">
      <c r="N766646" s="10"/>
    </row>
    <row r="766647" spans="14:14">
      <c r="N766647" s="10"/>
    </row>
    <row r="766648" spans="14:14">
      <c r="N766648" s="10"/>
    </row>
    <row r="766649" spans="14:14">
      <c r="N766649" s="10"/>
    </row>
    <row r="766650" spans="14:14">
      <c r="N766650" s="10"/>
    </row>
    <row r="766651" spans="14:14">
      <c r="N766651" s="10"/>
    </row>
    <row r="766652" spans="14:14">
      <c r="N766652" s="10"/>
    </row>
    <row r="766653" spans="14:14">
      <c r="N766653" s="10"/>
    </row>
    <row r="766654" spans="14:14">
      <c r="N766654" s="10"/>
    </row>
    <row r="766655" spans="14:14">
      <c r="N766655" s="10"/>
    </row>
    <row r="766656" spans="14:14">
      <c r="N766656" s="10"/>
    </row>
    <row r="766657" spans="14:14">
      <c r="N766657" s="10"/>
    </row>
    <row r="766658" spans="14:14">
      <c r="N766658" s="10"/>
    </row>
    <row r="766659" spans="14:14">
      <c r="N766659" s="10"/>
    </row>
    <row r="766660" spans="14:14">
      <c r="N766660" s="10"/>
    </row>
    <row r="766661" spans="14:14">
      <c r="N766661" s="10"/>
    </row>
    <row r="766662" spans="14:14">
      <c r="N766662" s="10"/>
    </row>
    <row r="766663" spans="14:14">
      <c r="N766663" s="10"/>
    </row>
    <row r="766664" spans="14:14">
      <c r="N766664" s="10"/>
    </row>
    <row r="766665" spans="14:14">
      <c r="N766665" s="10"/>
    </row>
    <row r="766666" spans="14:14">
      <c r="N766666" s="10"/>
    </row>
    <row r="766667" spans="14:14">
      <c r="N766667" s="10"/>
    </row>
    <row r="766668" spans="14:14">
      <c r="N766668" s="10"/>
    </row>
    <row r="766669" spans="14:14">
      <c r="N766669" s="10"/>
    </row>
    <row r="766670" spans="14:14">
      <c r="N766670" s="10"/>
    </row>
    <row r="766671" spans="14:14">
      <c r="N766671" s="10"/>
    </row>
    <row r="766672" spans="14:14">
      <c r="N766672" s="10"/>
    </row>
    <row r="766673" spans="14:14">
      <c r="N766673" s="10"/>
    </row>
    <row r="766674" spans="14:14">
      <c r="N766674" s="10"/>
    </row>
    <row r="766675" spans="14:14">
      <c r="N766675" s="10"/>
    </row>
    <row r="766676" spans="14:14">
      <c r="N766676" s="10"/>
    </row>
    <row r="766677" spans="14:14">
      <c r="N766677" s="10"/>
    </row>
    <row r="766678" spans="14:14">
      <c r="N766678" s="10"/>
    </row>
    <row r="766679" spans="14:14">
      <c r="N766679" s="10"/>
    </row>
    <row r="766680" spans="14:14">
      <c r="N766680" s="10"/>
    </row>
    <row r="766681" spans="14:14">
      <c r="N766681" s="10"/>
    </row>
    <row r="766682" spans="14:14">
      <c r="N766682" s="10"/>
    </row>
    <row r="766683" spans="14:14">
      <c r="N766683" s="10"/>
    </row>
    <row r="766684" spans="14:14">
      <c r="N766684" s="10"/>
    </row>
    <row r="766685" spans="14:14">
      <c r="N766685" s="10"/>
    </row>
    <row r="766686" spans="14:14">
      <c r="N766686" s="10"/>
    </row>
    <row r="766687" spans="14:14">
      <c r="N766687" s="10"/>
    </row>
    <row r="766688" spans="14:14">
      <c r="N766688" s="10"/>
    </row>
    <row r="766689" spans="14:14">
      <c r="N766689" s="10"/>
    </row>
    <row r="766690" spans="14:14">
      <c r="N766690" s="10"/>
    </row>
    <row r="766691" spans="14:14">
      <c r="N766691" s="10"/>
    </row>
    <row r="766692" spans="14:14">
      <c r="N766692" s="10"/>
    </row>
    <row r="766693" spans="14:14">
      <c r="N766693" s="10"/>
    </row>
    <row r="766694" spans="14:14">
      <c r="N766694" s="10"/>
    </row>
    <row r="766695" spans="14:14">
      <c r="N766695" s="10"/>
    </row>
    <row r="766696" spans="14:14">
      <c r="N766696" s="10"/>
    </row>
    <row r="766697" spans="14:14">
      <c r="N766697" s="10"/>
    </row>
    <row r="766698" spans="14:14">
      <c r="N766698" s="10"/>
    </row>
    <row r="766699" spans="14:14">
      <c r="N766699" s="10"/>
    </row>
    <row r="766700" spans="14:14">
      <c r="N766700" s="10"/>
    </row>
    <row r="766701" spans="14:14">
      <c r="N766701" s="10"/>
    </row>
    <row r="766702" spans="14:14">
      <c r="N766702" s="10"/>
    </row>
    <row r="766703" spans="14:14">
      <c r="N766703" s="10"/>
    </row>
    <row r="766704" spans="14:14">
      <c r="N766704" s="10"/>
    </row>
    <row r="766705" spans="14:14">
      <c r="N766705" s="10"/>
    </row>
    <row r="766706" spans="14:14">
      <c r="N766706" s="10"/>
    </row>
    <row r="766707" spans="14:14">
      <c r="N766707" s="10"/>
    </row>
    <row r="766708" spans="14:14">
      <c r="N766708" s="10"/>
    </row>
    <row r="766709" spans="14:14">
      <c r="N766709" s="10"/>
    </row>
    <row r="766710" spans="14:14">
      <c r="N766710" s="10"/>
    </row>
    <row r="766711" spans="14:14">
      <c r="N766711" s="10"/>
    </row>
    <row r="766712" spans="14:14">
      <c r="N766712" s="10"/>
    </row>
    <row r="766713" spans="14:14">
      <c r="N766713" s="10"/>
    </row>
    <row r="766714" spans="14:14">
      <c r="N766714" s="10"/>
    </row>
    <row r="766715" spans="14:14">
      <c r="N766715" s="10"/>
    </row>
    <row r="766716" spans="14:14">
      <c r="N766716" s="10"/>
    </row>
    <row r="766717" spans="14:14">
      <c r="N766717" s="10"/>
    </row>
    <row r="766718" spans="14:14">
      <c r="N766718" s="10"/>
    </row>
    <row r="766719" spans="14:14">
      <c r="N766719" s="10"/>
    </row>
    <row r="766720" spans="14:14">
      <c r="N766720" s="10"/>
    </row>
    <row r="766721" spans="14:14">
      <c r="N766721" s="10"/>
    </row>
    <row r="766722" spans="14:14">
      <c r="N766722" s="10"/>
    </row>
    <row r="766723" spans="14:14">
      <c r="N766723" s="10"/>
    </row>
    <row r="766724" spans="14:14">
      <c r="N766724" s="10"/>
    </row>
    <row r="766725" spans="14:14">
      <c r="N766725" s="10"/>
    </row>
    <row r="766726" spans="14:14">
      <c r="N766726" s="10"/>
    </row>
    <row r="766727" spans="14:14">
      <c r="N766727" s="10"/>
    </row>
    <row r="766728" spans="14:14">
      <c r="N766728" s="10"/>
    </row>
    <row r="766729" spans="14:14">
      <c r="N766729" s="10"/>
    </row>
    <row r="766730" spans="14:14">
      <c r="N766730" s="10"/>
    </row>
    <row r="766731" spans="14:14">
      <c r="N766731" s="10"/>
    </row>
    <row r="766732" spans="14:14">
      <c r="N766732" s="10"/>
    </row>
    <row r="766733" spans="14:14">
      <c r="N766733" s="10"/>
    </row>
    <row r="766734" spans="14:14">
      <c r="N766734" s="10"/>
    </row>
    <row r="766735" spans="14:14">
      <c r="N766735" s="10"/>
    </row>
    <row r="766736" spans="14:14">
      <c r="N766736" s="10"/>
    </row>
    <row r="766737" spans="14:14">
      <c r="N766737" s="10"/>
    </row>
    <row r="766738" spans="14:14">
      <c r="N766738" s="10"/>
    </row>
    <row r="766739" spans="14:14">
      <c r="N766739" s="10"/>
    </row>
    <row r="766740" spans="14:14">
      <c r="N766740" s="10"/>
    </row>
    <row r="766741" spans="14:14">
      <c r="N766741" s="10"/>
    </row>
    <row r="766742" spans="14:14">
      <c r="N766742" s="10"/>
    </row>
    <row r="766743" spans="14:14">
      <c r="N766743" s="10"/>
    </row>
    <row r="766744" spans="14:14">
      <c r="N766744" s="10"/>
    </row>
    <row r="766745" spans="14:14">
      <c r="N766745" s="10"/>
    </row>
    <row r="766746" spans="14:14">
      <c r="N766746" s="10"/>
    </row>
    <row r="766747" spans="14:14">
      <c r="N766747" s="10"/>
    </row>
    <row r="766748" spans="14:14">
      <c r="N766748" s="10"/>
    </row>
    <row r="766749" spans="14:14">
      <c r="N766749" s="10"/>
    </row>
    <row r="766750" spans="14:14">
      <c r="N766750" s="10"/>
    </row>
    <row r="766751" spans="14:14">
      <c r="N766751" s="10"/>
    </row>
    <row r="766752" spans="14:14">
      <c r="N766752" s="10"/>
    </row>
    <row r="766753" spans="14:14">
      <c r="N766753" s="10"/>
    </row>
    <row r="766754" spans="14:14">
      <c r="N766754" s="10"/>
    </row>
    <row r="766755" spans="14:14">
      <c r="N766755" s="10"/>
    </row>
    <row r="766756" spans="14:14">
      <c r="N766756" s="10"/>
    </row>
    <row r="766757" spans="14:14">
      <c r="N766757" s="10"/>
    </row>
    <row r="766758" spans="14:14">
      <c r="N766758" s="10"/>
    </row>
    <row r="766759" spans="14:14">
      <c r="N766759" s="10"/>
    </row>
    <row r="766760" spans="14:14">
      <c r="N766760" s="10"/>
    </row>
    <row r="766761" spans="14:14">
      <c r="N766761" s="10"/>
    </row>
    <row r="766762" spans="14:14">
      <c r="N766762" s="10"/>
    </row>
    <row r="766763" spans="14:14">
      <c r="N766763" s="10"/>
    </row>
    <row r="766764" spans="14:14">
      <c r="N766764" s="10"/>
    </row>
    <row r="766765" spans="14:14">
      <c r="N766765" s="10"/>
    </row>
    <row r="766766" spans="14:14">
      <c r="N766766" s="10"/>
    </row>
    <row r="766767" spans="14:14">
      <c r="N766767" s="10"/>
    </row>
    <row r="766768" spans="14:14">
      <c r="N766768" s="10"/>
    </row>
    <row r="766769" spans="14:14">
      <c r="N766769" s="10"/>
    </row>
    <row r="766770" spans="14:14">
      <c r="N766770" s="10"/>
    </row>
    <row r="766771" spans="14:14">
      <c r="N766771" s="10"/>
    </row>
    <row r="766772" spans="14:14">
      <c r="N766772" s="10"/>
    </row>
    <row r="766773" spans="14:14">
      <c r="N766773" s="10"/>
    </row>
    <row r="766774" spans="14:14">
      <c r="N766774" s="10"/>
    </row>
    <row r="766775" spans="14:14">
      <c r="N766775" s="10"/>
    </row>
    <row r="766776" spans="14:14">
      <c r="N766776" s="10"/>
    </row>
    <row r="766777" spans="14:14">
      <c r="N766777" s="10"/>
    </row>
    <row r="766778" spans="14:14">
      <c r="N766778" s="10"/>
    </row>
    <row r="766779" spans="14:14">
      <c r="N766779" s="10"/>
    </row>
    <row r="766780" spans="14:14">
      <c r="N766780" s="10"/>
    </row>
    <row r="766781" spans="14:14">
      <c r="N766781" s="10"/>
    </row>
    <row r="766782" spans="14:14">
      <c r="N766782" s="10"/>
    </row>
    <row r="766783" spans="14:14">
      <c r="N766783" s="10"/>
    </row>
    <row r="766784" spans="14:14">
      <c r="N766784" s="10"/>
    </row>
    <row r="766785" spans="14:14">
      <c r="N766785" s="10"/>
    </row>
    <row r="766786" spans="14:14">
      <c r="N766786" s="10"/>
    </row>
    <row r="766787" spans="14:14">
      <c r="N766787" s="10"/>
    </row>
    <row r="766788" spans="14:14">
      <c r="N766788" s="10"/>
    </row>
    <row r="766789" spans="14:14">
      <c r="N766789" s="10"/>
    </row>
    <row r="766790" spans="14:14">
      <c r="N766790" s="10"/>
    </row>
    <row r="766791" spans="14:14">
      <c r="N766791" s="10"/>
    </row>
    <row r="766792" spans="14:14">
      <c r="N766792" s="10"/>
    </row>
    <row r="766793" spans="14:14">
      <c r="N766793" s="10"/>
    </row>
    <row r="766794" spans="14:14">
      <c r="N766794" s="10"/>
    </row>
    <row r="766795" spans="14:14">
      <c r="N766795" s="10"/>
    </row>
    <row r="766796" spans="14:14">
      <c r="N766796" s="10"/>
    </row>
    <row r="766797" spans="14:14">
      <c r="N766797" s="10"/>
    </row>
    <row r="766798" spans="14:14">
      <c r="N766798" s="10"/>
    </row>
    <row r="766799" spans="14:14">
      <c r="N766799" s="10"/>
    </row>
    <row r="766800" spans="14:14">
      <c r="N766800" s="10"/>
    </row>
    <row r="766801" spans="14:14">
      <c r="N766801" s="10"/>
    </row>
    <row r="766802" spans="14:14">
      <c r="N766802" s="10"/>
    </row>
    <row r="766803" spans="14:14">
      <c r="N766803" s="10"/>
    </row>
    <row r="766804" spans="14:14">
      <c r="N766804" s="10"/>
    </row>
    <row r="766805" spans="14:14">
      <c r="N766805" s="10"/>
    </row>
    <row r="766806" spans="14:14">
      <c r="N766806" s="10"/>
    </row>
    <row r="766807" spans="14:14">
      <c r="N766807" s="10"/>
    </row>
    <row r="766808" spans="14:14">
      <c r="N766808" s="10"/>
    </row>
    <row r="766809" spans="14:14">
      <c r="N766809" s="10"/>
    </row>
    <row r="766810" spans="14:14">
      <c r="N766810" s="10"/>
    </row>
    <row r="766811" spans="14:14">
      <c r="N766811" s="10"/>
    </row>
    <row r="766812" spans="14:14">
      <c r="N766812" s="10"/>
    </row>
    <row r="766813" spans="14:14">
      <c r="N766813" s="10"/>
    </row>
    <row r="766814" spans="14:14">
      <c r="N766814" s="10"/>
    </row>
    <row r="766815" spans="14:14">
      <c r="N766815" s="10"/>
    </row>
    <row r="766816" spans="14:14">
      <c r="N766816" s="10"/>
    </row>
    <row r="766817" spans="14:14">
      <c r="N766817" s="10"/>
    </row>
    <row r="766818" spans="14:14">
      <c r="N766818" s="10"/>
    </row>
    <row r="766819" spans="14:14">
      <c r="N766819" s="10"/>
    </row>
    <row r="766820" spans="14:14">
      <c r="N766820" s="10"/>
    </row>
    <row r="766821" spans="14:14">
      <c r="N766821" s="10"/>
    </row>
    <row r="766822" spans="14:14">
      <c r="N766822" s="10"/>
    </row>
    <row r="766823" spans="14:14">
      <c r="N766823" s="10"/>
    </row>
    <row r="766824" spans="14:14">
      <c r="N766824" s="10"/>
    </row>
    <row r="766825" spans="14:14">
      <c r="N766825" s="10"/>
    </row>
    <row r="766826" spans="14:14">
      <c r="N766826" s="10"/>
    </row>
    <row r="766827" spans="14:14">
      <c r="N766827" s="10"/>
    </row>
    <row r="766828" spans="14:14">
      <c r="N766828" s="10"/>
    </row>
    <row r="766829" spans="14:14">
      <c r="N766829" s="10"/>
    </row>
    <row r="766830" spans="14:14">
      <c r="N766830" s="10"/>
    </row>
    <row r="766831" spans="14:14">
      <c r="N766831" s="10"/>
    </row>
    <row r="766832" spans="14:14">
      <c r="N766832" s="10"/>
    </row>
    <row r="766833" spans="14:14">
      <c r="N766833" s="10"/>
    </row>
    <row r="766834" spans="14:14">
      <c r="N766834" s="10"/>
    </row>
    <row r="766835" spans="14:14">
      <c r="N766835" s="10"/>
    </row>
    <row r="766836" spans="14:14">
      <c r="N766836" s="10"/>
    </row>
    <row r="766837" spans="14:14">
      <c r="N766837" s="10"/>
    </row>
    <row r="766838" spans="14:14">
      <c r="N766838" s="10"/>
    </row>
    <row r="766839" spans="14:14">
      <c r="N766839" s="10"/>
    </row>
    <row r="766840" spans="14:14">
      <c r="N766840" s="10"/>
    </row>
    <row r="766841" spans="14:14">
      <c r="N766841" s="10"/>
    </row>
    <row r="766842" spans="14:14">
      <c r="N766842" s="10"/>
    </row>
    <row r="766843" spans="14:14">
      <c r="N766843" s="10"/>
    </row>
    <row r="766844" spans="14:14">
      <c r="N766844" s="10"/>
    </row>
    <row r="766845" spans="14:14">
      <c r="N766845" s="10"/>
    </row>
    <row r="766846" spans="14:14">
      <c r="N766846" s="10"/>
    </row>
    <row r="766847" spans="14:14">
      <c r="N766847" s="10"/>
    </row>
    <row r="766848" spans="14:14">
      <c r="N766848" s="10"/>
    </row>
    <row r="766849" spans="14:14">
      <c r="N766849" s="10"/>
    </row>
    <row r="766850" spans="14:14">
      <c r="N766850" s="10"/>
    </row>
    <row r="766851" spans="14:14">
      <c r="N766851" s="10"/>
    </row>
    <row r="766852" spans="14:14">
      <c r="N766852" s="10"/>
    </row>
    <row r="766853" spans="14:14">
      <c r="N766853" s="10"/>
    </row>
    <row r="766854" spans="14:14">
      <c r="N766854" s="10"/>
    </row>
    <row r="766855" spans="14:14">
      <c r="N766855" s="10"/>
    </row>
    <row r="766856" spans="14:14">
      <c r="N766856" s="10"/>
    </row>
    <row r="766857" spans="14:14">
      <c r="N766857" s="10"/>
    </row>
    <row r="766858" spans="14:14">
      <c r="N766858" s="10"/>
    </row>
    <row r="766859" spans="14:14">
      <c r="N766859" s="10"/>
    </row>
    <row r="766860" spans="14:14">
      <c r="N766860" s="10"/>
    </row>
    <row r="766861" spans="14:14">
      <c r="N766861" s="10"/>
    </row>
    <row r="766862" spans="14:14">
      <c r="N766862" s="10"/>
    </row>
    <row r="766863" spans="14:14">
      <c r="N766863" s="10"/>
    </row>
    <row r="766864" spans="14:14">
      <c r="N766864" s="10"/>
    </row>
    <row r="766865" spans="14:14">
      <c r="N766865" s="10"/>
    </row>
    <row r="766866" spans="14:14">
      <c r="N766866" s="10"/>
    </row>
    <row r="766867" spans="14:14">
      <c r="N766867" s="10"/>
    </row>
    <row r="766868" spans="14:14">
      <c r="N766868" s="10"/>
    </row>
    <row r="766869" spans="14:14">
      <c r="N766869" s="10"/>
    </row>
    <row r="766870" spans="14:14">
      <c r="N766870" s="10"/>
    </row>
    <row r="766871" spans="14:14">
      <c r="N766871" s="10"/>
    </row>
    <row r="766872" spans="14:14">
      <c r="N766872" s="10"/>
    </row>
    <row r="766873" spans="14:14">
      <c r="N766873" s="10"/>
    </row>
    <row r="766874" spans="14:14">
      <c r="N766874" s="10"/>
    </row>
    <row r="766875" spans="14:14">
      <c r="N766875" s="10"/>
    </row>
    <row r="766876" spans="14:14">
      <c r="N766876" s="10"/>
    </row>
    <row r="766877" spans="14:14">
      <c r="N766877" s="10"/>
    </row>
    <row r="766878" spans="14:14">
      <c r="N766878" s="10"/>
    </row>
    <row r="766879" spans="14:14">
      <c r="N766879" s="10"/>
    </row>
    <row r="766880" spans="14:14">
      <c r="N766880" s="10"/>
    </row>
    <row r="766881" spans="14:14">
      <c r="N766881" s="10"/>
    </row>
    <row r="766882" spans="14:14">
      <c r="N766882" s="10"/>
    </row>
    <row r="766883" spans="14:14">
      <c r="N766883" s="10"/>
    </row>
    <row r="766884" spans="14:14">
      <c r="N766884" s="10"/>
    </row>
    <row r="766885" spans="14:14">
      <c r="N766885" s="10"/>
    </row>
    <row r="766886" spans="14:14">
      <c r="N766886" s="10"/>
    </row>
    <row r="766887" spans="14:14">
      <c r="N766887" s="10"/>
    </row>
    <row r="766888" spans="14:14">
      <c r="N766888" s="10"/>
    </row>
    <row r="766889" spans="14:14">
      <c r="N766889" s="10"/>
    </row>
    <row r="766890" spans="14:14">
      <c r="N766890" s="10"/>
    </row>
    <row r="766891" spans="14:14">
      <c r="N766891" s="10"/>
    </row>
    <row r="766892" spans="14:14">
      <c r="N766892" s="10"/>
    </row>
    <row r="766893" spans="14:14">
      <c r="N766893" s="10"/>
    </row>
    <row r="766894" spans="14:14">
      <c r="N766894" s="10"/>
    </row>
    <row r="766895" spans="14:14">
      <c r="N766895" s="10"/>
    </row>
    <row r="766896" spans="14:14">
      <c r="N766896" s="10"/>
    </row>
    <row r="766897" spans="14:14">
      <c r="N766897" s="10"/>
    </row>
    <row r="766898" spans="14:14">
      <c r="N766898" s="10"/>
    </row>
    <row r="766899" spans="14:14">
      <c r="N766899" s="10"/>
    </row>
    <row r="766900" spans="14:14">
      <c r="N766900" s="10"/>
    </row>
    <row r="766901" spans="14:14">
      <c r="N766901" s="10"/>
    </row>
    <row r="766902" spans="14:14">
      <c r="N766902" s="10"/>
    </row>
    <row r="766903" spans="14:14">
      <c r="N766903" s="10"/>
    </row>
    <row r="766904" spans="14:14">
      <c r="N766904" s="10"/>
    </row>
    <row r="766905" spans="14:14">
      <c r="N766905" s="10"/>
    </row>
    <row r="766906" spans="14:14">
      <c r="N766906" s="10"/>
    </row>
    <row r="766907" spans="14:14">
      <c r="N766907" s="10"/>
    </row>
    <row r="766908" spans="14:14">
      <c r="N766908" s="10"/>
    </row>
    <row r="766909" spans="14:14">
      <c r="N766909" s="10"/>
    </row>
    <row r="766910" spans="14:14">
      <c r="N766910" s="10"/>
    </row>
    <row r="766911" spans="14:14">
      <c r="N766911" s="10"/>
    </row>
    <row r="766912" spans="14:14">
      <c r="N766912" s="10"/>
    </row>
    <row r="766913" spans="14:14">
      <c r="N766913" s="10"/>
    </row>
    <row r="766914" spans="14:14">
      <c r="N766914" s="10"/>
    </row>
    <row r="766915" spans="14:14">
      <c r="N766915" s="10"/>
    </row>
    <row r="766916" spans="14:14">
      <c r="N766916" s="10"/>
    </row>
    <row r="766917" spans="14:14">
      <c r="N766917" s="10"/>
    </row>
    <row r="766918" spans="14:14">
      <c r="N766918" s="10"/>
    </row>
    <row r="766919" spans="14:14">
      <c r="N766919" s="10"/>
    </row>
    <row r="766920" spans="14:14">
      <c r="N766920" s="10"/>
    </row>
    <row r="766921" spans="14:14">
      <c r="N766921" s="10"/>
    </row>
    <row r="766922" spans="14:14">
      <c r="N766922" s="10"/>
    </row>
    <row r="766923" spans="14:14">
      <c r="N766923" s="10"/>
    </row>
    <row r="766924" spans="14:14">
      <c r="N766924" s="10"/>
    </row>
    <row r="766925" spans="14:14">
      <c r="N766925" s="10"/>
    </row>
    <row r="766926" spans="14:14">
      <c r="N766926" s="10"/>
    </row>
    <row r="766927" spans="14:14">
      <c r="N766927" s="10"/>
    </row>
    <row r="766928" spans="14:14">
      <c r="N766928" s="10"/>
    </row>
    <row r="766929" spans="14:14">
      <c r="N766929" s="10"/>
    </row>
    <row r="766930" spans="14:14">
      <c r="N766930" s="10"/>
    </row>
    <row r="766931" spans="14:14">
      <c r="N766931" s="10"/>
    </row>
    <row r="766932" spans="14:14">
      <c r="N766932" s="10"/>
    </row>
    <row r="766933" spans="14:14">
      <c r="N766933" s="10"/>
    </row>
    <row r="766934" spans="14:14">
      <c r="N766934" s="10"/>
    </row>
    <row r="766935" spans="14:14">
      <c r="N766935" s="10"/>
    </row>
    <row r="766936" spans="14:14">
      <c r="N766936" s="10"/>
    </row>
    <row r="766937" spans="14:14">
      <c r="N766937" s="10"/>
    </row>
    <row r="766938" spans="14:14">
      <c r="N766938" s="10"/>
    </row>
    <row r="766939" spans="14:14">
      <c r="N766939" s="10"/>
    </row>
    <row r="766940" spans="14:14">
      <c r="N766940" s="10"/>
    </row>
    <row r="766941" spans="14:14">
      <c r="N766941" s="10"/>
    </row>
    <row r="766942" spans="14:14">
      <c r="N766942" s="10"/>
    </row>
    <row r="766943" spans="14:14">
      <c r="N766943" s="10"/>
    </row>
    <row r="766944" spans="14:14">
      <c r="N766944" s="10"/>
    </row>
    <row r="766945" spans="14:14">
      <c r="N766945" s="10"/>
    </row>
    <row r="766946" spans="14:14">
      <c r="N766946" s="10"/>
    </row>
    <row r="766947" spans="14:14">
      <c r="N766947" s="10"/>
    </row>
    <row r="766948" spans="14:14">
      <c r="N766948" s="10"/>
    </row>
    <row r="766949" spans="14:14">
      <c r="N766949" s="10"/>
    </row>
    <row r="766950" spans="14:14">
      <c r="N766950" s="10"/>
    </row>
    <row r="766951" spans="14:14">
      <c r="N766951" s="10"/>
    </row>
    <row r="766952" spans="14:14">
      <c r="N766952" s="10"/>
    </row>
    <row r="766953" spans="14:14">
      <c r="N766953" s="10"/>
    </row>
    <row r="766954" spans="14:14">
      <c r="N766954" s="10"/>
    </row>
    <row r="766955" spans="14:14">
      <c r="N766955" s="10"/>
    </row>
    <row r="766956" spans="14:14">
      <c r="N766956" s="10"/>
    </row>
    <row r="766957" spans="14:14">
      <c r="N766957" s="10"/>
    </row>
    <row r="766958" spans="14:14">
      <c r="N766958" s="10"/>
    </row>
    <row r="766959" spans="14:14">
      <c r="N766959" s="10"/>
    </row>
    <row r="766960" spans="14:14">
      <c r="N766960" s="10"/>
    </row>
    <row r="766961" spans="14:14">
      <c r="N766961" s="10"/>
    </row>
    <row r="766962" spans="14:14">
      <c r="N766962" s="10"/>
    </row>
    <row r="766963" spans="14:14">
      <c r="N766963" s="10"/>
    </row>
    <row r="766964" spans="14:14">
      <c r="N766964" s="10"/>
    </row>
    <row r="766965" spans="14:14">
      <c r="N766965" s="10"/>
    </row>
    <row r="766966" spans="14:14">
      <c r="N766966" s="10"/>
    </row>
    <row r="766967" spans="14:14">
      <c r="N766967" s="10"/>
    </row>
    <row r="766968" spans="14:14">
      <c r="N766968" s="10"/>
    </row>
    <row r="766969" spans="14:14">
      <c r="N766969" s="10"/>
    </row>
    <row r="766970" spans="14:14">
      <c r="N766970" s="10"/>
    </row>
    <row r="766971" spans="14:14">
      <c r="N766971" s="10"/>
    </row>
    <row r="766972" spans="14:14">
      <c r="N766972" s="10"/>
    </row>
    <row r="766973" spans="14:14">
      <c r="N766973" s="10"/>
    </row>
    <row r="766974" spans="14:14">
      <c r="N766974" s="10"/>
    </row>
    <row r="766975" spans="14:14">
      <c r="N766975" s="10"/>
    </row>
    <row r="766976" spans="14:14">
      <c r="N766976" s="10"/>
    </row>
    <row r="766977" spans="14:14">
      <c r="N766977" s="10"/>
    </row>
    <row r="766978" spans="14:14">
      <c r="N766978" s="10"/>
    </row>
    <row r="766979" spans="14:14">
      <c r="N766979" s="10"/>
    </row>
    <row r="766980" spans="14:14">
      <c r="N766980" s="10"/>
    </row>
    <row r="766981" spans="14:14">
      <c r="N766981" s="10"/>
    </row>
    <row r="766982" spans="14:14">
      <c r="N766982" s="10"/>
    </row>
    <row r="766983" spans="14:14">
      <c r="N766983" s="10"/>
    </row>
    <row r="766984" spans="14:14">
      <c r="N766984" s="10"/>
    </row>
    <row r="766985" spans="14:14">
      <c r="N766985" s="10"/>
    </row>
    <row r="766986" spans="14:14">
      <c r="N766986" s="10"/>
    </row>
    <row r="766987" spans="14:14">
      <c r="N766987" s="10"/>
    </row>
    <row r="766988" spans="14:14">
      <c r="N766988" s="10"/>
    </row>
    <row r="766989" spans="14:14">
      <c r="N766989" s="10"/>
    </row>
    <row r="766990" spans="14:14">
      <c r="N766990" s="10"/>
    </row>
    <row r="766991" spans="14:14">
      <c r="N766991" s="10"/>
    </row>
    <row r="766992" spans="14:14">
      <c r="N766992" s="10"/>
    </row>
    <row r="766993" spans="14:14">
      <c r="N766993" s="10"/>
    </row>
    <row r="766994" spans="14:14">
      <c r="N766994" s="10"/>
    </row>
    <row r="766995" spans="14:14">
      <c r="N766995" s="10"/>
    </row>
    <row r="766996" spans="14:14">
      <c r="N766996" s="10"/>
    </row>
    <row r="766997" spans="14:14">
      <c r="N766997" s="10"/>
    </row>
    <row r="766998" spans="14:14">
      <c r="N766998" s="10"/>
    </row>
    <row r="766999" spans="14:14">
      <c r="N766999" s="10"/>
    </row>
    <row r="767000" spans="14:14">
      <c r="N767000" s="10"/>
    </row>
    <row r="767001" spans="14:14">
      <c r="N767001" s="10"/>
    </row>
    <row r="767002" spans="14:14">
      <c r="N767002" s="10"/>
    </row>
    <row r="767003" spans="14:14">
      <c r="N767003" s="10"/>
    </row>
    <row r="767004" spans="14:14">
      <c r="N767004" s="10"/>
    </row>
    <row r="767005" spans="14:14">
      <c r="N767005" s="10"/>
    </row>
    <row r="767006" spans="14:14">
      <c r="N767006" s="10"/>
    </row>
    <row r="767007" spans="14:14">
      <c r="N767007" s="10"/>
    </row>
    <row r="767008" spans="14:14">
      <c r="N767008" s="10"/>
    </row>
    <row r="767009" spans="14:14">
      <c r="N767009" s="10"/>
    </row>
    <row r="767010" spans="14:14">
      <c r="N767010" s="10"/>
    </row>
    <row r="767011" spans="14:14">
      <c r="N767011" s="10"/>
    </row>
    <row r="767012" spans="14:14">
      <c r="N767012" s="10"/>
    </row>
    <row r="767013" spans="14:14">
      <c r="N767013" s="10"/>
    </row>
    <row r="767014" spans="14:14">
      <c r="N767014" s="10"/>
    </row>
    <row r="767015" spans="14:14">
      <c r="N767015" s="10"/>
    </row>
    <row r="767016" spans="14:14">
      <c r="N767016" s="10"/>
    </row>
    <row r="767017" spans="14:14">
      <c r="N767017" s="10"/>
    </row>
    <row r="767018" spans="14:14">
      <c r="N767018" s="10"/>
    </row>
    <row r="767019" spans="14:14">
      <c r="N767019" s="10"/>
    </row>
    <row r="767020" spans="14:14">
      <c r="N767020" s="10"/>
    </row>
    <row r="767021" spans="14:14">
      <c r="N767021" s="10"/>
    </row>
    <row r="767022" spans="14:14">
      <c r="N767022" s="10"/>
    </row>
    <row r="767023" spans="14:14">
      <c r="N767023" s="10"/>
    </row>
    <row r="767024" spans="14:14">
      <c r="N767024" s="10"/>
    </row>
    <row r="767025" spans="14:14">
      <c r="N767025" s="10"/>
    </row>
    <row r="767026" spans="14:14">
      <c r="N767026" s="10"/>
    </row>
    <row r="767027" spans="14:14">
      <c r="N767027" s="10"/>
    </row>
    <row r="767028" spans="14:14">
      <c r="N767028" s="10"/>
    </row>
    <row r="767029" spans="14:14">
      <c r="N767029" s="10"/>
    </row>
    <row r="767030" spans="14:14">
      <c r="N767030" s="10"/>
    </row>
    <row r="767031" spans="14:14">
      <c r="N767031" s="10"/>
    </row>
    <row r="767032" spans="14:14">
      <c r="N767032" s="10"/>
    </row>
    <row r="767033" spans="14:14">
      <c r="N767033" s="10"/>
    </row>
    <row r="767034" spans="14:14">
      <c r="N767034" s="10"/>
    </row>
    <row r="767035" spans="14:14">
      <c r="N767035" s="10"/>
    </row>
    <row r="767036" spans="14:14">
      <c r="N767036" s="10"/>
    </row>
    <row r="767037" spans="14:14">
      <c r="N767037" s="10"/>
    </row>
    <row r="767038" spans="14:14">
      <c r="N767038" s="10"/>
    </row>
    <row r="767039" spans="14:14">
      <c r="N767039" s="10"/>
    </row>
    <row r="767040" spans="14:14">
      <c r="N767040" s="10"/>
    </row>
    <row r="767041" spans="14:14">
      <c r="N767041" s="10"/>
    </row>
    <row r="767042" spans="14:14">
      <c r="N767042" s="10"/>
    </row>
    <row r="767043" spans="14:14">
      <c r="N767043" s="10"/>
    </row>
    <row r="767044" spans="14:14">
      <c r="N767044" s="10"/>
    </row>
    <row r="767045" spans="14:14">
      <c r="N767045" s="10"/>
    </row>
    <row r="767046" spans="14:14">
      <c r="N767046" s="10"/>
    </row>
    <row r="767047" spans="14:14">
      <c r="N767047" s="10"/>
    </row>
    <row r="767048" spans="14:14">
      <c r="N767048" s="10"/>
    </row>
    <row r="767049" spans="14:14">
      <c r="N767049" s="10"/>
    </row>
    <row r="767050" spans="14:14">
      <c r="N767050" s="10"/>
    </row>
    <row r="767051" spans="14:14">
      <c r="N767051" s="10"/>
    </row>
    <row r="767052" spans="14:14">
      <c r="N767052" s="10"/>
    </row>
    <row r="767053" spans="14:14">
      <c r="N767053" s="10"/>
    </row>
    <row r="767054" spans="14:14">
      <c r="N767054" s="10"/>
    </row>
    <row r="767055" spans="14:14">
      <c r="N767055" s="10"/>
    </row>
    <row r="767056" spans="14:14">
      <c r="N767056" s="10"/>
    </row>
    <row r="767057" spans="14:14">
      <c r="N767057" s="10"/>
    </row>
    <row r="767058" spans="14:14">
      <c r="N767058" s="10"/>
    </row>
    <row r="767059" spans="14:14">
      <c r="N767059" s="10"/>
    </row>
    <row r="767060" spans="14:14">
      <c r="N767060" s="10"/>
    </row>
    <row r="767061" spans="14:14">
      <c r="N767061" s="10"/>
    </row>
    <row r="767062" spans="14:14">
      <c r="N767062" s="10"/>
    </row>
    <row r="767063" spans="14:14">
      <c r="N767063" s="10"/>
    </row>
    <row r="767064" spans="14:14">
      <c r="N767064" s="10"/>
    </row>
    <row r="767065" spans="14:14">
      <c r="N767065" s="10"/>
    </row>
    <row r="767066" spans="14:14">
      <c r="N767066" s="10"/>
    </row>
    <row r="767067" spans="14:14">
      <c r="N767067" s="10"/>
    </row>
    <row r="767068" spans="14:14">
      <c r="N767068" s="10"/>
    </row>
    <row r="767069" spans="14:14">
      <c r="N767069" s="10"/>
    </row>
    <row r="767070" spans="14:14">
      <c r="N767070" s="10"/>
    </row>
    <row r="767071" spans="14:14">
      <c r="N767071" s="10"/>
    </row>
    <row r="767072" spans="14:14">
      <c r="N767072" s="10"/>
    </row>
    <row r="767073" spans="14:14">
      <c r="N767073" s="10"/>
    </row>
    <row r="767074" spans="14:14">
      <c r="N767074" s="10"/>
    </row>
    <row r="767075" spans="14:14">
      <c r="N767075" s="10"/>
    </row>
    <row r="767076" spans="14:14">
      <c r="N767076" s="10"/>
    </row>
    <row r="767077" spans="14:14">
      <c r="N767077" s="10"/>
    </row>
    <row r="767078" spans="14:14">
      <c r="N767078" s="10"/>
    </row>
    <row r="767079" spans="14:14">
      <c r="N767079" s="10"/>
    </row>
    <row r="767080" spans="14:14">
      <c r="N767080" s="10"/>
    </row>
    <row r="767081" spans="14:14">
      <c r="N767081" s="10"/>
    </row>
    <row r="767082" spans="14:14">
      <c r="N767082" s="10"/>
    </row>
    <row r="767083" spans="14:14">
      <c r="N767083" s="10"/>
    </row>
    <row r="767084" spans="14:14">
      <c r="N767084" s="10"/>
    </row>
    <row r="767085" spans="14:14">
      <c r="N767085" s="10"/>
    </row>
    <row r="767086" spans="14:14">
      <c r="N767086" s="10"/>
    </row>
    <row r="767087" spans="14:14">
      <c r="N767087" s="10"/>
    </row>
    <row r="767088" spans="14:14">
      <c r="N767088" s="10"/>
    </row>
    <row r="767089" spans="14:14">
      <c r="N767089" s="10"/>
    </row>
    <row r="767090" spans="14:14">
      <c r="N767090" s="10"/>
    </row>
    <row r="767091" spans="14:14">
      <c r="N767091" s="10"/>
    </row>
    <row r="767092" spans="14:14">
      <c r="N767092" s="10"/>
    </row>
    <row r="767093" spans="14:14">
      <c r="N767093" s="10"/>
    </row>
    <row r="767094" spans="14:14">
      <c r="N767094" s="10"/>
    </row>
    <row r="767095" spans="14:14">
      <c r="N767095" s="10"/>
    </row>
    <row r="767096" spans="14:14">
      <c r="N767096" s="10"/>
    </row>
    <row r="767097" spans="14:14">
      <c r="N767097" s="10"/>
    </row>
    <row r="767098" spans="14:14">
      <c r="N767098" s="10"/>
    </row>
    <row r="767099" spans="14:14">
      <c r="N767099" s="10"/>
    </row>
    <row r="767100" spans="14:14">
      <c r="N767100" s="10"/>
    </row>
    <row r="767101" spans="14:14">
      <c r="N767101" s="10"/>
    </row>
    <row r="767102" spans="14:14">
      <c r="N767102" s="10"/>
    </row>
    <row r="767103" spans="14:14">
      <c r="N767103" s="10"/>
    </row>
    <row r="767104" spans="14:14">
      <c r="N767104" s="10"/>
    </row>
    <row r="767105" spans="14:14">
      <c r="N767105" s="10"/>
    </row>
    <row r="767106" spans="14:14">
      <c r="N767106" s="10"/>
    </row>
    <row r="767107" spans="14:14">
      <c r="N767107" s="10"/>
    </row>
    <row r="767108" spans="14:14">
      <c r="N767108" s="10"/>
    </row>
    <row r="767109" spans="14:14">
      <c r="N767109" s="10"/>
    </row>
    <row r="767110" spans="14:14">
      <c r="N767110" s="10"/>
    </row>
    <row r="767111" spans="14:14">
      <c r="N767111" s="10"/>
    </row>
    <row r="767112" spans="14:14">
      <c r="N767112" s="10"/>
    </row>
    <row r="767113" spans="14:14">
      <c r="N767113" s="10"/>
    </row>
    <row r="767114" spans="14:14">
      <c r="N767114" s="10"/>
    </row>
    <row r="767115" spans="14:14">
      <c r="N767115" s="10"/>
    </row>
    <row r="767116" spans="14:14">
      <c r="N767116" s="10"/>
    </row>
    <row r="767117" spans="14:14">
      <c r="N767117" s="10"/>
    </row>
    <row r="767118" spans="14:14">
      <c r="N767118" s="10"/>
    </row>
    <row r="767119" spans="14:14">
      <c r="N767119" s="10"/>
    </row>
    <row r="767120" spans="14:14">
      <c r="N767120" s="10"/>
    </row>
    <row r="767121" spans="14:14">
      <c r="N767121" s="10"/>
    </row>
    <row r="767122" spans="14:14">
      <c r="N767122" s="10"/>
    </row>
    <row r="767123" spans="14:14">
      <c r="N767123" s="10"/>
    </row>
    <row r="767124" spans="14:14">
      <c r="N767124" s="10"/>
    </row>
    <row r="767125" spans="14:14">
      <c r="N767125" s="10"/>
    </row>
    <row r="767126" spans="14:14">
      <c r="N767126" s="10"/>
    </row>
    <row r="767127" spans="14:14">
      <c r="N767127" s="10"/>
    </row>
    <row r="767128" spans="14:14">
      <c r="N767128" s="10"/>
    </row>
    <row r="767129" spans="14:14">
      <c r="N767129" s="10"/>
    </row>
    <row r="767130" spans="14:14">
      <c r="N767130" s="10"/>
    </row>
    <row r="767131" spans="14:14">
      <c r="N767131" s="10"/>
    </row>
    <row r="767132" spans="14:14">
      <c r="N767132" s="10"/>
    </row>
    <row r="767133" spans="14:14">
      <c r="N767133" s="10"/>
    </row>
    <row r="767134" spans="14:14">
      <c r="N767134" s="10"/>
    </row>
    <row r="767135" spans="14:14">
      <c r="N767135" s="10"/>
    </row>
    <row r="767136" spans="14:14">
      <c r="N767136" s="10"/>
    </row>
    <row r="767137" spans="14:14">
      <c r="N767137" s="10"/>
    </row>
    <row r="767138" spans="14:14">
      <c r="N767138" s="10"/>
    </row>
    <row r="767139" spans="14:14">
      <c r="N767139" s="10"/>
    </row>
    <row r="767140" spans="14:14">
      <c r="N767140" s="10"/>
    </row>
    <row r="767141" spans="14:14">
      <c r="N767141" s="10"/>
    </row>
    <row r="767142" spans="14:14">
      <c r="N767142" s="10"/>
    </row>
    <row r="767143" spans="14:14">
      <c r="N767143" s="10"/>
    </row>
    <row r="767144" spans="14:14">
      <c r="N767144" s="10"/>
    </row>
    <row r="767145" spans="14:14">
      <c r="N767145" s="10"/>
    </row>
    <row r="767146" spans="14:14">
      <c r="N767146" s="10"/>
    </row>
    <row r="767147" spans="14:14">
      <c r="N767147" s="10"/>
    </row>
    <row r="767148" spans="14:14">
      <c r="N767148" s="10"/>
    </row>
    <row r="767149" spans="14:14">
      <c r="N767149" s="10"/>
    </row>
    <row r="767150" spans="14:14">
      <c r="N767150" s="10"/>
    </row>
    <row r="767151" spans="14:14">
      <c r="N767151" s="10"/>
    </row>
    <row r="767152" spans="14:14">
      <c r="N767152" s="10"/>
    </row>
    <row r="767153" spans="14:14">
      <c r="N767153" s="10"/>
    </row>
    <row r="767154" spans="14:14">
      <c r="N767154" s="10"/>
    </row>
    <row r="767155" spans="14:14">
      <c r="N767155" s="10"/>
    </row>
    <row r="767156" spans="14:14">
      <c r="N767156" s="10"/>
    </row>
    <row r="767157" spans="14:14">
      <c r="N767157" s="10"/>
    </row>
    <row r="767158" spans="14:14">
      <c r="N767158" s="10"/>
    </row>
    <row r="767159" spans="14:14">
      <c r="N767159" s="10"/>
    </row>
    <row r="767160" spans="14:14">
      <c r="N767160" s="10"/>
    </row>
    <row r="767161" spans="14:14">
      <c r="N767161" s="10"/>
    </row>
    <row r="767162" spans="14:14">
      <c r="N767162" s="10"/>
    </row>
    <row r="767163" spans="14:14">
      <c r="N767163" s="10"/>
    </row>
    <row r="767164" spans="14:14">
      <c r="N767164" s="10"/>
    </row>
    <row r="767165" spans="14:14">
      <c r="N767165" s="10"/>
    </row>
    <row r="767166" spans="14:14">
      <c r="N767166" s="10"/>
    </row>
    <row r="767167" spans="14:14">
      <c r="N767167" s="10"/>
    </row>
    <row r="767168" spans="14:14">
      <c r="N767168" s="10"/>
    </row>
    <row r="767169" spans="14:14">
      <c r="N767169" s="10"/>
    </row>
    <row r="767170" spans="14:14">
      <c r="N767170" s="10"/>
    </row>
    <row r="767171" spans="14:14">
      <c r="N767171" s="10"/>
    </row>
    <row r="767172" spans="14:14">
      <c r="N767172" s="10"/>
    </row>
    <row r="767173" spans="14:14">
      <c r="N767173" s="10"/>
    </row>
    <row r="767174" spans="14:14">
      <c r="N767174" s="10"/>
    </row>
    <row r="767175" spans="14:14">
      <c r="N767175" s="10"/>
    </row>
    <row r="767176" spans="14:14">
      <c r="N767176" s="10"/>
    </row>
    <row r="767177" spans="14:14">
      <c r="N767177" s="10"/>
    </row>
    <row r="767178" spans="14:14">
      <c r="N767178" s="10"/>
    </row>
    <row r="767179" spans="14:14">
      <c r="N767179" s="10"/>
    </row>
    <row r="767180" spans="14:14">
      <c r="N767180" s="10"/>
    </row>
    <row r="767181" spans="14:14">
      <c r="N767181" s="10"/>
    </row>
    <row r="767182" spans="14:14">
      <c r="N767182" s="10"/>
    </row>
    <row r="767183" spans="14:14">
      <c r="N767183" s="10"/>
    </row>
    <row r="767184" spans="14:14">
      <c r="N767184" s="10"/>
    </row>
    <row r="767185" spans="14:14">
      <c r="N767185" s="10"/>
    </row>
    <row r="767186" spans="14:14">
      <c r="N767186" s="10"/>
    </row>
    <row r="767187" spans="14:14">
      <c r="N767187" s="10"/>
    </row>
    <row r="767188" spans="14:14">
      <c r="N767188" s="10"/>
    </row>
    <row r="767189" spans="14:14">
      <c r="N767189" s="10"/>
    </row>
    <row r="767190" spans="14:14">
      <c r="N767190" s="10"/>
    </row>
    <row r="767191" spans="14:14">
      <c r="N767191" s="10"/>
    </row>
    <row r="767192" spans="14:14">
      <c r="N767192" s="10"/>
    </row>
    <row r="767193" spans="14:14">
      <c r="N767193" s="10"/>
    </row>
    <row r="767194" spans="14:14">
      <c r="N767194" s="10"/>
    </row>
    <row r="767195" spans="14:14">
      <c r="N767195" s="10"/>
    </row>
    <row r="767196" spans="14:14">
      <c r="N767196" s="10"/>
    </row>
    <row r="767197" spans="14:14">
      <c r="N767197" s="10"/>
    </row>
    <row r="767198" spans="14:14">
      <c r="N767198" s="10"/>
    </row>
    <row r="767199" spans="14:14">
      <c r="N767199" s="10"/>
    </row>
    <row r="767200" spans="14:14">
      <c r="N767200" s="10"/>
    </row>
    <row r="767201" spans="14:14">
      <c r="N767201" s="10"/>
    </row>
    <row r="767202" spans="14:14">
      <c r="N767202" s="10"/>
    </row>
    <row r="767203" spans="14:14">
      <c r="N767203" s="10"/>
    </row>
    <row r="767204" spans="14:14">
      <c r="N767204" s="10"/>
    </row>
    <row r="767205" spans="14:14">
      <c r="N767205" s="10"/>
    </row>
    <row r="767206" spans="14:14">
      <c r="N767206" s="10"/>
    </row>
    <row r="767207" spans="14:14">
      <c r="N767207" s="10"/>
    </row>
    <row r="767208" spans="14:14">
      <c r="N767208" s="10"/>
    </row>
    <row r="767209" spans="14:14">
      <c r="N767209" s="10"/>
    </row>
    <row r="767210" spans="14:14">
      <c r="N767210" s="10"/>
    </row>
    <row r="767211" spans="14:14">
      <c r="N767211" s="10"/>
    </row>
    <row r="767212" spans="14:14">
      <c r="N767212" s="10"/>
    </row>
    <row r="767213" spans="14:14">
      <c r="N767213" s="10"/>
    </row>
    <row r="767214" spans="14:14">
      <c r="N767214" s="10"/>
    </row>
    <row r="767215" spans="14:14">
      <c r="N767215" s="10"/>
    </row>
    <row r="767216" spans="14:14">
      <c r="N767216" s="10"/>
    </row>
    <row r="767217" spans="14:14">
      <c r="N767217" s="10"/>
    </row>
    <row r="767218" spans="14:14">
      <c r="N767218" s="10"/>
    </row>
    <row r="767219" spans="14:14">
      <c r="N767219" s="10"/>
    </row>
    <row r="767220" spans="14:14">
      <c r="N767220" s="10"/>
    </row>
    <row r="767221" spans="14:14">
      <c r="N767221" s="10"/>
    </row>
    <row r="767222" spans="14:14">
      <c r="N767222" s="10"/>
    </row>
    <row r="767223" spans="14:14">
      <c r="N767223" s="10"/>
    </row>
    <row r="767224" spans="14:14">
      <c r="N767224" s="10"/>
    </row>
    <row r="767225" spans="14:14">
      <c r="N767225" s="10"/>
    </row>
    <row r="767226" spans="14:14">
      <c r="N767226" s="10"/>
    </row>
    <row r="767227" spans="14:14">
      <c r="N767227" s="10"/>
    </row>
    <row r="767228" spans="14:14">
      <c r="N767228" s="10"/>
    </row>
    <row r="767229" spans="14:14">
      <c r="N767229" s="10"/>
    </row>
    <row r="767230" spans="14:14">
      <c r="N767230" s="10"/>
    </row>
    <row r="767231" spans="14:14">
      <c r="N767231" s="10"/>
    </row>
    <row r="767232" spans="14:14">
      <c r="N767232" s="10"/>
    </row>
    <row r="767233" spans="14:14">
      <c r="N767233" s="10"/>
    </row>
    <row r="767234" spans="14:14">
      <c r="N767234" s="10"/>
    </row>
    <row r="767235" spans="14:14">
      <c r="N767235" s="10"/>
    </row>
    <row r="767236" spans="14:14">
      <c r="N767236" s="10"/>
    </row>
    <row r="767237" spans="14:14">
      <c r="N767237" s="10"/>
    </row>
    <row r="767238" spans="14:14">
      <c r="N767238" s="10"/>
    </row>
    <row r="767239" spans="14:14">
      <c r="N767239" s="10"/>
    </row>
    <row r="767240" spans="14:14">
      <c r="N767240" s="10"/>
    </row>
    <row r="767241" spans="14:14">
      <c r="N767241" s="10"/>
    </row>
    <row r="767242" spans="14:14">
      <c r="N767242" s="10"/>
    </row>
    <row r="767243" spans="14:14">
      <c r="N767243" s="10"/>
    </row>
    <row r="767244" spans="14:14">
      <c r="N767244" s="10"/>
    </row>
    <row r="767245" spans="14:14">
      <c r="N767245" s="10"/>
    </row>
    <row r="767246" spans="14:14">
      <c r="N767246" s="10"/>
    </row>
    <row r="767247" spans="14:14">
      <c r="N767247" s="10"/>
    </row>
    <row r="767248" spans="14:14">
      <c r="N767248" s="10"/>
    </row>
    <row r="767249" spans="14:14">
      <c r="N767249" s="10"/>
    </row>
    <row r="767250" spans="14:14">
      <c r="N767250" s="10"/>
    </row>
    <row r="767251" spans="14:14">
      <c r="N767251" s="10"/>
    </row>
    <row r="767252" spans="14:14">
      <c r="N767252" s="10"/>
    </row>
    <row r="767253" spans="14:14">
      <c r="N767253" s="10"/>
    </row>
    <row r="767254" spans="14:14">
      <c r="N767254" s="10"/>
    </row>
    <row r="767255" spans="14:14">
      <c r="N767255" s="10"/>
    </row>
    <row r="767256" spans="14:14">
      <c r="N767256" s="10"/>
    </row>
    <row r="767257" spans="14:14">
      <c r="N767257" s="10"/>
    </row>
    <row r="767258" spans="14:14">
      <c r="N767258" s="10"/>
    </row>
    <row r="767259" spans="14:14">
      <c r="N767259" s="10"/>
    </row>
    <row r="767260" spans="14:14">
      <c r="N767260" s="10"/>
    </row>
    <row r="767261" spans="14:14">
      <c r="N767261" s="10"/>
    </row>
    <row r="767262" spans="14:14">
      <c r="N767262" s="10"/>
    </row>
    <row r="767263" spans="14:14">
      <c r="N767263" s="10"/>
    </row>
    <row r="767264" spans="14:14">
      <c r="N767264" s="10"/>
    </row>
    <row r="767265" spans="14:14">
      <c r="N767265" s="10"/>
    </row>
    <row r="767266" spans="14:14">
      <c r="N767266" s="10"/>
    </row>
    <row r="767267" spans="14:14">
      <c r="N767267" s="10"/>
    </row>
    <row r="767268" spans="14:14">
      <c r="N767268" s="10"/>
    </row>
    <row r="767269" spans="14:14">
      <c r="N767269" s="10"/>
    </row>
    <row r="767270" spans="14:14">
      <c r="N767270" s="10"/>
    </row>
    <row r="767271" spans="14:14">
      <c r="N767271" s="10"/>
    </row>
    <row r="767272" spans="14:14">
      <c r="N767272" s="10"/>
    </row>
    <row r="767273" spans="14:14">
      <c r="N767273" s="10"/>
    </row>
    <row r="767274" spans="14:14">
      <c r="N767274" s="10"/>
    </row>
    <row r="767275" spans="14:14">
      <c r="N767275" s="10"/>
    </row>
    <row r="767276" spans="14:14">
      <c r="N767276" s="10"/>
    </row>
    <row r="767277" spans="14:14">
      <c r="N767277" s="10"/>
    </row>
    <row r="767278" spans="14:14">
      <c r="N767278" s="10"/>
    </row>
    <row r="767279" spans="14:14">
      <c r="N767279" s="10"/>
    </row>
    <row r="767280" spans="14:14">
      <c r="N767280" s="10"/>
    </row>
    <row r="767281" spans="14:14">
      <c r="N767281" s="10"/>
    </row>
    <row r="767282" spans="14:14">
      <c r="N767282" s="10"/>
    </row>
    <row r="767283" spans="14:14">
      <c r="N767283" s="10"/>
    </row>
    <row r="767284" spans="14:14">
      <c r="N767284" s="10"/>
    </row>
    <row r="767285" spans="14:14">
      <c r="N767285" s="10"/>
    </row>
    <row r="767286" spans="14:14">
      <c r="N767286" s="10"/>
    </row>
    <row r="767287" spans="14:14">
      <c r="N767287" s="10"/>
    </row>
    <row r="767288" spans="14:14">
      <c r="N767288" s="10"/>
    </row>
    <row r="767289" spans="14:14">
      <c r="N767289" s="10"/>
    </row>
    <row r="767290" spans="14:14">
      <c r="N767290" s="10"/>
    </row>
    <row r="767291" spans="14:14">
      <c r="N767291" s="10"/>
    </row>
    <row r="767292" spans="14:14">
      <c r="N767292" s="10"/>
    </row>
    <row r="767293" spans="14:14">
      <c r="N767293" s="10"/>
    </row>
    <row r="767294" spans="14:14">
      <c r="N767294" s="10"/>
    </row>
    <row r="767295" spans="14:14">
      <c r="N767295" s="10"/>
    </row>
    <row r="767296" spans="14:14">
      <c r="N767296" s="10"/>
    </row>
    <row r="767297" spans="14:14">
      <c r="N767297" s="10"/>
    </row>
    <row r="767298" spans="14:14">
      <c r="N767298" s="10"/>
    </row>
    <row r="767299" spans="14:14">
      <c r="N767299" s="10"/>
    </row>
    <row r="767300" spans="14:14">
      <c r="N767300" s="10"/>
    </row>
    <row r="767301" spans="14:14">
      <c r="N767301" s="10"/>
    </row>
    <row r="767302" spans="14:14">
      <c r="N767302" s="10"/>
    </row>
    <row r="767303" spans="14:14">
      <c r="N767303" s="10"/>
    </row>
    <row r="767304" spans="14:14">
      <c r="N767304" s="10"/>
    </row>
    <row r="767305" spans="14:14">
      <c r="N767305" s="10"/>
    </row>
    <row r="767306" spans="14:14">
      <c r="N767306" s="10"/>
    </row>
    <row r="767307" spans="14:14">
      <c r="N767307" s="10"/>
    </row>
    <row r="767308" spans="14:14">
      <c r="N767308" s="10"/>
    </row>
    <row r="767309" spans="14:14">
      <c r="N767309" s="10"/>
    </row>
    <row r="767310" spans="14:14">
      <c r="N767310" s="10"/>
    </row>
    <row r="767311" spans="14:14">
      <c r="N767311" s="10"/>
    </row>
    <row r="767312" spans="14:14">
      <c r="N767312" s="10"/>
    </row>
    <row r="767313" spans="14:14">
      <c r="N767313" s="10"/>
    </row>
    <row r="767314" spans="14:14">
      <c r="N767314" s="10"/>
    </row>
    <row r="767315" spans="14:14">
      <c r="N767315" s="10"/>
    </row>
    <row r="767316" spans="14:14">
      <c r="N767316" s="10"/>
    </row>
    <row r="767317" spans="14:14">
      <c r="N767317" s="10"/>
    </row>
    <row r="767318" spans="14:14">
      <c r="N767318" s="10"/>
    </row>
    <row r="767319" spans="14:14">
      <c r="N767319" s="10"/>
    </row>
    <row r="767320" spans="14:14">
      <c r="N767320" s="10"/>
    </row>
    <row r="767321" spans="14:14">
      <c r="N767321" s="10"/>
    </row>
    <row r="767322" spans="14:14">
      <c r="N767322" s="10"/>
    </row>
    <row r="767323" spans="14:14">
      <c r="N767323" s="10"/>
    </row>
    <row r="767324" spans="14:14">
      <c r="N767324" s="10"/>
    </row>
    <row r="767325" spans="14:14">
      <c r="N767325" s="10"/>
    </row>
    <row r="767326" spans="14:14">
      <c r="N767326" s="10"/>
    </row>
    <row r="767327" spans="14:14">
      <c r="N767327" s="10"/>
    </row>
    <row r="767328" spans="14:14">
      <c r="N767328" s="10"/>
    </row>
    <row r="767329" spans="14:14">
      <c r="N767329" s="10"/>
    </row>
    <row r="767330" spans="14:14">
      <c r="N767330" s="10"/>
    </row>
    <row r="767331" spans="14:14">
      <c r="N767331" s="10"/>
    </row>
    <row r="767332" spans="14:14">
      <c r="N767332" s="10"/>
    </row>
    <row r="767333" spans="14:14">
      <c r="N767333" s="10"/>
    </row>
    <row r="767334" spans="14:14">
      <c r="N767334" s="10"/>
    </row>
    <row r="767335" spans="14:14">
      <c r="N767335" s="10"/>
    </row>
    <row r="767336" spans="14:14">
      <c r="N767336" s="10"/>
    </row>
    <row r="767337" spans="14:14">
      <c r="N767337" s="10"/>
    </row>
    <row r="767338" spans="14:14">
      <c r="N767338" s="10"/>
    </row>
    <row r="767339" spans="14:14">
      <c r="N767339" s="10"/>
    </row>
    <row r="767340" spans="14:14">
      <c r="N767340" s="10"/>
    </row>
    <row r="767341" spans="14:14">
      <c r="N767341" s="10"/>
    </row>
    <row r="767342" spans="14:14">
      <c r="N767342" s="10"/>
    </row>
    <row r="767343" spans="14:14">
      <c r="N767343" s="10"/>
    </row>
    <row r="767344" spans="14:14">
      <c r="N767344" s="10"/>
    </row>
    <row r="767345" spans="14:14">
      <c r="N767345" s="10"/>
    </row>
    <row r="767346" spans="14:14">
      <c r="N767346" s="10"/>
    </row>
    <row r="767347" spans="14:14">
      <c r="N767347" s="10"/>
    </row>
    <row r="767348" spans="14:14">
      <c r="N767348" s="10"/>
    </row>
    <row r="767349" spans="14:14">
      <c r="N767349" s="10"/>
    </row>
    <row r="767350" spans="14:14">
      <c r="N767350" s="10"/>
    </row>
    <row r="767351" spans="14:14">
      <c r="N767351" s="10"/>
    </row>
    <row r="767352" spans="14:14">
      <c r="N767352" s="10"/>
    </row>
    <row r="767353" spans="14:14">
      <c r="N767353" s="10"/>
    </row>
    <row r="767354" spans="14:14">
      <c r="N767354" s="10"/>
    </row>
    <row r="767355" spans="14:14">
      <c r="N767355" s="10"/>
    </row>
    <row r="767356" spans="14:14">
      <c r="N767356" s="10"/>
    </row>
    <row r="767357" spans="14:14">
      <c r="N767357" s="10"/>
    </row>
    <row r="767358" spans="14:14">
      <c r="N767358" s="10"/>
    </row>
    <row r="767359" spans="14:14">
      <c r="N767359" s="10"/>
    </row>
    <row r="767360" spans="14:14">
      <c r="N767360" s="10"/>
    </row>
    <row r="767361" spans="14:14">
      <c r="N767361" s="10"/>
    </row>
    <row r="767362" spans="14:14">
      <c r="N767362" s="10"/>
    </row>
    <row r="767363" spans="14:14">
      <c r="N767363" s="10"/>
    </row>
    <row r="767364" spans="14:14">
      <c r="N767364" s="10"/>
    </row>
    <row r="767365" spans="14:14">
      <c r="N767365" s="10"/>
    </row>
    <row r="767366" spans="14:14">
      <c r="N767366" s="10"/>
    </row>
    <row r="767367" spans="14:14">
      <c r="N767367" s="10"/>
    </row>
    <row r="767368" spans="14:14">
      <c r="N767368" s="10"/>
    </row>
    <row r="767369" spans="14:14">
      <c r="N767369" s="10"/>
    </row>
    <row r="767370" spans="14:14">
      <c r="N767370" s="10"/>
    </row>
    <row r="767371" spans="14:14">
      <c r="N767371" s="10"/>
    </row>
    <row r="767372" spans="14:14">
      <c r="N767372" s="10"/>
    </row>
    <row r="767373" spans="14:14">
      <c r="N767373" s="10"/>
    </row>
    <row r="767374" spans="14:14">
      <c r="N767374" s="10"/>
    </row>
    <row r="767375" spans="14:14">
      <c r="N767375" s="10"/>
    </row>
    <row r="767376" spans="14:14">
      <c r="N767376" s="10"/>
    </row>
    <row r="767377" spans="14:14">
      <c r="N767377" s="10"/>
    </row>
    <row r="767378" spans="14:14">
      <c r="N767378" s="10"/>
    </row>
    <row r="767379" spans="14:14">
      <c r="N767379" s="10"/>
    </row>
    <row r="767380" spans="14:14">
      <c r="N767380" s="10"/>
    </row>
    <row r="767381" spans="14:14">
      <c r="N767381" s="10"/>
    </row>
    <row r="767382" spans="14:14">
      <c r="N767382" s="10"/>
    </row>
    <row r="767383" spans="14:14">
      <c r="N767383" s="10"/>
    </row>
    <row r="767384" spans="14:14">
      <c r="N767384" s="10"/>
    </row>
    <row r="767385" spans="14:14">
      <c r="N767385" s="10"/>
    </row>
    <row r="767386" spans="14:14">
      <c r="N767386" s="10"/>
    </row>
    <row r="767387" spans="14:14">
      <c r="N767387" s="10"/>
    </row>
    <row r="767388" spans="14:14">
      <c r="N767388" s="10"/>
    </row>
    <row r="767389" spans="14:14">
      <c r="N767389" s="10"/>
    </row>
    <row r="767390" spans="14:14">
      <c r="N767390" s="10"/>
    </row>
    <row r="767391" spans="14:14">
      <c r="N767391" s="10"/>
    </row>
    <row r="767392" spans="14:14">
      <c r="N767392" s="10"/>
    </row>
    <row r="767393" spans="14:14">
      <c r="N767393" s="10"/>
    </row>
    <row r="767394" spans="14:14">
      <c r="N767394" s="10"/>
    </row>
    <row r="767395" spans="14:14">
      <c r="N767395" s="10"/>
    </row>
    <row r="767396" spans="14:14">
      <c r="N767396" s="10"/>
    </row>
    <row r="767397" spans="14:14">
      <c r="N767397" s="10"/>
    </row>
    <row r="767398" spans="14:14">
      <c r="N767398" s="10"/>
    </row>
    <row r="767399" spans="14:14">
      <c r="N767399" s="10"/>
    </row>
    <row r="767400" spans="14:14">
      <c r="N767400" s="10"/>
    </row>
    <row r="767401" spans="14:14">
      <c r="N767401" s="10"/>
    </row>
    <row r="767402" spans="14:14">
      <c r="N767402" s="10"/>
    </row>
    <row r="767403" spans="14:14">
      <c r="N767403" s="10"/>
    </row>
    <row r="767404" spans="14:14">
      <c r="N767404" s="10"/>
    </row>
    <row r="767405" spans="14:14">
      <c r="N767405" s="10"/>
    </row>
    <row r="767406" spans="14:14">
      <c r="N767406" s="10"/>
    </row>
    <row r="767407" spans="14:14">
      <c r="N767407" s="10"/>
    </row>
    <row r="767408" spans="14:14">
      <c r="N767408" s="10"/>
    </row>
    <row r="767409" spans="14:14">
      <c r="N767409" s="10"/>
    </row>
    <row r="767410" spans="14:14">
      <c r="N767410" s="10"/>
    </row>
    <row r="767411" spans="14:14">
      <c r="N767411" s="10"/>
    </row>
    <row r="767412" spans="14:14">
      <c r="N767412" s="10"/>
    </row>
    <row r="767413" spans="14:14">
      <c r="N767413" s="10"/>
    </row>
    <row r="767414" spans="14:14">
      <c r="N767414" s="10"/>
    </row>
    <row r="767415" spans="14:14">
      <c r="N767415" s="10"/>
    </row>
    <row r="767416" spans="14:14">
      <c r="N767416" s="10"/>
    </row>
    <row r="767417" spans="14:14">
      <c r="N767417" s="10"/>
    </row>
    <row r="767418" spans="14:14">
      <c r="N767418" s="10"/>
    </row>
    <row r="767419" spans="14:14">
      <c r="N767419" s="10"/>
    </row>
    <row r="767420" spans="14:14">
      <c r="N767420" s="10"/>
    </row>
    <row r="767421" spans="14:14">
      <c r="N767421" s="10"/>
    </row>
    <row r="767422" spans="14:14">
      <c r="N767422" s="10"/>
    </row>
    <row r="767423" spans="14:14">
      <c r="N767423" s="10"/>
    </row>
    <row r="767424" spans="14:14">
      <c r="N767424" s="10"/>
    </row>
    <row r="767425" spans="14:14">
      <c r="N767425" s="10"/>
    </row>
    <row r="767426" spans="14:14">
      <c r="N767426" s="10"/>
    </row>
    <row r="767427" spans="14:14">
      <c r="N767427" s="10"/>
    </row>
    <row r="767428" spans="14:14">
      <c r="N767428" s="10"/>
    </row>
    <row r="767429" spans="14:14">
      <c r="N767429" s="10"/>
    </row>
    <row r="767430" spans="14:14">
      <c r="N767430" s="10"/>
    </row>
    <row r="767431" spans="14:14">
      <c r="N767431" s="10"/>
    </row>
    <row r="767432" spans="14:14">
      <c r="N767432" s="10"/>
    </row>
    <row r="767433" spans="14:14">
      <c r="N767433" s="10"/>
    </row>
    <row r="767434" spans="14:14">
      <c r="N767434" s="10"/>
    </row>
    <row r="767435" spans="14:14">
      <c r="N767435" s="10"/>
    </row>
    <row r="767436" spans="14:14">
      <c r="N767436" s="10"/>
    </row>
    <row r="767437" spans="14:14">
      <c r="N767437" s="10"/>
    </row>
    <row r="767438" spans="14:14">
      <c r="N767438" s="10"/>
    </row>
    <row r="767439" spans="14:14">
      <c r="N767439" s="10"/>
    </row>
    <row r="767440" spans="14:14">
      <c r="N767440" s="10"/>
    </row>
    <row r="767441" spans="14:14">
      <c r="N767441" s="10"/>
    </row>
    <row r="767442" spans="14:14">
      <c r="N767442" s="10"/>
    </row>
    <row r="767443" spans="14:14">
      <c r="N767443" s="10"/>
    </row>
    <row r="767444" spans="14:14">
      <c r="N767444" s="10"/>
    </row>
    <row r="767445" spans="14:14">
      <c r="N767445" s="10"/>
    </row>
    <row r="767446" spans="14:14">
      <c r="N767446" s="10"/>
    </row>
    <row r="767447" spans="14:14">
      <c r="N767447" s="10"/>
    </row>
    <row r="767448" spans="14:14">
      <c r="N767448" s="10"/>
    </row>
    <row r="767449" spans="14:14">
      <c r="N767449" s="10"/>
    </row>
    <row r="767450" spans="14:14">
      <c r="N767450" s="10"/>
    </row>
    <row r="767451" spans="14:14">
      <c r="N767451" s="10"/>
    </row>
    <row r="767452" spans="14:14">
      <c r="N767452" s="10"/>
    </row>
    <row r="767453" spans="14:14">
      <c r="N767453" s="10"/>
    </row>
    <row r="767454" spans="14:14">
      <c r="N767454" s="10"/>
    </row>
    <row r="767455" spans="14:14">
      <c r="N767455" s="10"/>
    </row>
    <row r="767456" spans="14:14">
      <c r="N767456" s="10"/>
    </row>
    <row r="767457" spans="14:14">
      <c r="N767457" s="10"/>
    </row>
    <row r="767458" spans="14:14">
      <c r="N767458" s="10"/>
    </row>
    <row r="767459" spans="14:14">
      <c r="N767459" s="10"/>
    </row>
    <row r="767460" spans="14:14">
      <c r="N767460" s="10"/>
    </row>
    <row r="767461" spans="14:14">
      <c r="N767461" s="10"/>
    </row>
    <row r="767462" spans="14:14">
      <c r="N767462" s="10"/>
    </row>
    <row r="767463" spans="14:14">
      <c r="N767463" s="10"/>
    </row>
    <row r="767464" spans="14:14">
      <c r="N767464" s="10"/>
    </row>
    <row r="767465" spans="14:14">
      <c r="N767465" s="10"/>
    </row>
    <row r="767466" spans="14:14">
      <c r="N767466" s="10"/>
    </row>
    <row r="767467" spans="14:14">
      <c r="N767467" s="10"/>
    </row>
    <row r="767468" spans="14:14">
      <c r="N767468" s="10"/>
    </row>
    <row r="767469" spans="14:14">
      <c r="N767469" s="10"/>
    </row>
    <row r="767470" spans="14:14">
      <c r="N767470" s="10"/>
    </row>
    <row r="767471" spans="14:14">
      <c r="N767471" s="10"/>
    </row>
    <row r="767472" spans="14:14">
      <c r="N767472" s="10"/>
    </row>
    <row r="767473" spans="14:14">
      <c r="N767473" s="10"/>
    </row>
    <row r="767474" spans="14:14">
      <c r="N767474" s="10"/>
    </row>
    <row r="767475" spans="14:14">
      <c r="N767475" s="10"/>
    </row>
    <row r="767476" spans="14:14">
      <c r="N767476" s="10"/>
    </row>
    <row r="767477" spans="14:14">
      <c r="N767477" s="10"/>
    </row>
    <row r="767478" spans="14:14">
      <c r="N767478" s="10"/>
    </row>
    <row r="767479" spans="14:14">
      <c r="N767479" s="10"/>
    </row>
    <row r="767480" spans="14:14">
      <c r="N767480" s="10"/>
    </row>
    <row r="767481" spans="14:14">
      <c r="N767481" s="10"/>
    </row>
    <row r="767482" spans="14:14">
      <c r="N767482" s="10"/>
    </row>
    <row r="767483" spans="14:14">
      <c r="N767483" s="10"/>
    </row>
    <row r="767484" spans="14:14">
      <c r="N767484" s="10"/>
    </row>
    <row r="767485" spans="14:14">
      <c r="N767485" s="10"/>
    </row>
    <row r="767486" spans="14:14">
      <c r="N767486" s="10"/>
    </row>
    <row r="767487" spans="14:14">
      <c r="N767487" s="10"/>
    </row>
    <row r="767488" spans="14:14">
      <c r="N767488" s="10"/>
    </row>
    <row r="767489" spans="14:14">
      <c r="N767489" s="10"/>
    </row>
    <row r="767490" spans="14:14">
      <c r="N767490" s="10"/>
    </row>
    <row r="767491" spans="14:14">
      <c r="N767491" s="10"/>
    </row>
    <row r="767492" spans="14:14">
      <c r="N767492" s="10"/>
    </row>
    <row r="767493" spans="14:14">
      <c r="N767493" s="10"/>
    </row>
    <row r="767494" spans="14:14">
      <c r="N767494" s="10"/>
    </row>
    <row r="767495" spans="14:14">
      <c r="N767495" s="10"/>
    </row>
    <row r="767496" spans="14:14">
      <c r="N767496" s="10"/>
    </row>
    <row r="767497" spans="14:14">
      <c r="N767497" s="10"/>
    </row>
    <row r="767498" spans="14:14">
      <c r="N767498" s="10"/>
    </row>
    <row r="767499" spans="14:14">
      <c r="N767499" s="10"/>
    </row>
    <row r="767500" spans="14:14">
      <c r="N767500" s="10"/>
    </row>
    <row r="767501" spans="14:14">
      <c r="N767501" s="10"/>
    </row>
    <row r="767502" spans="14:14">
      <c r="N767502" s="10"/>
    </row>
    <row r="767503" spans="14:14">
      <c r="N767503" s="10"/>
    </row>
    <row r="767504" spans="14:14">
      <c r="N767504" s="10"/>
    </row>
    <row r="767505" spans="14:14">
      <c r="N767505" s="10"/>
    </row>
    <row r="767506" spans="14:14">
      <c r="N767506" s="10"/>
    </row>
    <row r="767507" spans="14:14">
      <c r="N767507" s="10"/>
    </row>
    <row r="767508" spans="14:14">
      <c r="N767508" s="10"/>
    </row>
    <row r="767509" spans="14:14">
      <c r="N767509" s="10"/>
    </row>
    <row r="767510" spans="14:14">
      <c r="N767510" s="10"/>
    </row>
    <row r="767511" spans="14:14">
      <c r="N767511" s="10"/>
    </row>
    <row r="767512" spans="14:14">
      <c r="N767512" s="10"/>
    </row>
    <row r="767513" spans="14:14">
      <c r="N767513" s="10"/>
    </row>
    <row r="767514" spans="14:14">
      <c r="N767514" s="10"/>
    </row>
    <row r="767515" spans="14:14">
      <c r="N767515" s="10"/>
    </row>
    <row r="767516" spans="14:14">
      <c r="N767516" s="10"/>
    </row>
    <row r="767517" spans="14:14">
      <c r="N767517" s="10"/>
    </row>
    <row r="767518" spans="14:14">
      <c r="N767518" s="10"/>
    </row>
    <row r="767519" spans="14:14">
      <c r="N767519" s="10"/>
    </row>
    <row r="767520" spans="14:14">
      <c r="N767520" s="10"/>
    </row>
    <row r="767521" spans="14:14">
      <c r="N767521" s="10"/>
    </row>
    <row r="767522" spans="14:14">
      <c r="N767522" s="10"/>
    </row>
    <row r="767523" spans="14:14">
      <c r="N767523" s="10"/>
    </row>
    <row r="767524" spans="14:14">
      <c r="N767524" s="10"/>
    </row>
    <row r="767525" spans="14:14">
      <c r="N767525" s="10"/>
    </row>
    <row r="767526" spans="14:14">
      <c r="N767526" s="10"/>
    </row>
    <row r="767527" spans="14:14">
      <c r="N767527" s="10"/>
    </row>
    <row r="767528" spans="14:14">
      <c r="N767528" s="10"/>
    </row>
    <row r="767529" spans="14:14">
      <c r="N767529" s="10"/>
    </row>
    <row r="767530" spans="14:14">
      <c r="N767530" s="10"/>
    </row>
    <row r="767531" spans="14:14">
      <c r="N767531" s="10"/>
    </row>
    <row r="767532" spans="14:14">
      <c r="N767532" s="10"/>
    </row>
    <row r="767533" spans="14:14">
      <c r="N767533" s="10"/>
    </row>
    <row r="767534" spans="14:14">
      <c r="N767534" s="10"/>
    </row>
    <row r="767535" spans="14:14">
      <c r="N767535" s="10"/>
    </row>
    <row r="767536" spans="14:14">
      <c r="N767536" s="10"/>
    </row>
    <row r="767537" spans="14:14">
      <c r="N767537" s="10"/>
    </row>
    <row r="767538" spans="14:14">
      <c r="N767538" s="10"/>
    </row>
    <row r="767539" spans="14:14">
      <c r="N767539" s="10"/>
    </row>
    <row r="767540" spans="14:14">
      <c r="N767540" s="10"/>
    </row>
    <row r="767541" spans="14:14">
      <c r="N767541" s="10"/>
    </row>
    <row r="767542" spans="14:14">
      <c r="N767542" s="10"/>
    </row>
    <row r="767543" spans="14:14">
      <c r="N767543" s="10"/>
    </row>
    <row r="767544" spans="14:14">
      <c r="N767544" s="10"/>
    </row>
    <row r="767545" spans="14:14">
      <c r="N767545" s="10"/>
    </row>
    <row r="767546" spans="14:14">
      <c r="N767546" s="10"/>
    </row>
    <row r="767547" spans="14:14">
      <c r="N767547" s="10"/>
    </row>
    <row r="767548" spans="14:14">
      <c r="N767548" s="10"/>
    </row>
    <row r="767549" spans="14:14">
      <c r="N767549" s="10"/>
    </row>
    <row r="767550" spans="14:14">
      <c r="N767550" s="10"/>
    </row>
    <row r="767551" spans="14:14">
      <c r="N767551" s="10"/>
    </row>
    <row r="767552" spans="14:14">
      <c r="N767552" s="10"/>
    </row>
    <row r="767553" spans="14:14">
      <c r="N767553" s="10"/>
    </row>
    <row r="767554" spans="14:14">
      <c r="N767554" s="10"/>
    </row>
    <row r="767555" spans="14:14">
      <c r="N767555" s="10"/>
    </row>
    <row r="767556" spans="14:14">
      <c r="N767556" s="10"/>
    </row>
    <row r="767557" spans="14:14">
      <c r="N767557" s="10"/>
    </row>
    <row r="767558" spans="14:14">
      <c r="N767558" s="10"/>
    </row>
    <row r="767559" spans="14:14">
      <c r="N767559" s="10"/>
    </row>
    <row r="767560" spans="14:14">
      <c r="N767560" s="10"/>
    </row>
    <row r="767561" spans="14:14">
      <c r="N767561" s="10"/>
    </row>
    <row r="767562" spans="14:14">
      <c r="N767562" s="10"/>
    </row>
    <row r="767563" spans="14:14">
      <c r="N767563" s="10"/>
    </row>
    <row r="767564" spans="14:14">
      <c r="N767564" s="10"/>
    </row>
    <row r="767565" spans="14:14">
      <c r="N767565" s="10"/>
    </row>
    <row r="767566" spans="14:14">
      <c r="N767566" s="10"/>
    </row>
    <row r="767567" spans="14:14">
      <c r="N767567" s="10"/>
    </row>
    <row r="767568" spans="14:14">
      <c r="N767568" s="10"/>
    </row>
    <row r="767569" spans="14:14">
      <c r="N767569" s="10"/>
    </row>
    <row r="767570" spans="14:14">
      <c r="N767570" s="10"/>
    </row>
    <row r="767571" spans="14:14">
      <c r="N767571" s="10"/>
    </row>
    <row r="767572" spans="14:14">
      <c r="N767572" s="10"/>
    </row>
    <row r="767573" spans="14:14">
      <c r="N767573" s="10"/>
    </row>
    <row r="767574" spans="14:14">
      <c r="N767574" s="10"/>
    </row>
    <row r="767575" spans="14:14">
      <c r="N767575" s="10"/>
    </row>
    <row r="767576" spans="14:14">
      <c r="N767576" s="10"/>
    </row>
    <row r="767577" spans="14:14">
      <c r="N767577" s="10"/>
    </row>
    <row r="767578" spans="14:14">
      <c r="N767578" s="10"/>
    </row>
    <row r="767579" spans="14:14">
      <c r="N767579" s="10"/>
    </row>
    <row r="767580" spans="14:14">
      <c r="N767580" s="10"/>
    </row>
    <row r="767581" spans="14:14">
      <c r="N767581" s="10"/>
    </row>
    <row r="767582" spans="14:14">
      <c r="N767582" s="10"/>
    </row>
    <row r="767583" spans="14:14">
      <c r="N767583" s="10"/>
    </row>
    <row r="767584" spans="14:14">
      <c r="N767584" s="10"/>
    </row>
    <row r="767585" spans="14:14">
      <c r="N767585" s="10"/>
    </row>
    <row r="767586" spans="14:14">
      <c r="N767586" s="10"/>
    </row>
    <row r="767587" spans="14:14">
      <c r="N767587" s="10"/>
    </row>
    <row r="767588" spans="14:14">
      <c r="N767588" s="10"/>
    </row>
    <row r="767589" spans="14:14">
      <c r="N767589" s="10"/>
    </row>
    <row r="767590" spans="14:14">
      <c r="N767590" s="10"/>
    </row>
    <row r="767591" spans="14:14">
      <c r="N767591" s="10"/>
    </row>
    <row r="767592" spans="14:14">
      <c r="N767592" s="10"/>
    </row>
    <row r="767593" spans="14:14">
      <c r="N767593" s="10"/>
    </row>
    <row r="767594" spans="14:14">
      <c r="N767594" s="10"/>
    </row>
    <row r="767595" spans="14:14">
      <c r="N767595" s="10"/>
    </row>
    <row r="767596" spans="14:14">
      <c r="N767596" s="10"/>
    </row>
    <row r="767597" spans="14:14">
      <c r="N767597" s="10"/>
    </row>
    <row r="767598" spans="14:14">
      <c r="N767598" s="10"/>
    </row>
    <row r="767599" spans="14:14">
      <c r="N767599" s="10"/>
    </row>
    <row r="767600" spans="14:14">
      <c r="N767600" s="10"/>
    </row>
    <row r="767601" spans="14:14">
      <c r="N767601" s="10"/>
    </row>
    <row r="767602" spans="14:14">
      <c r="N767602" s="10"/>
    </row>
    <row r="767603" spans="14:14">
      <c r="N767603" s="10"/>
    </row>
    <row r="767604" spans="14:14">
      <c r="N767604" s="10"/>
    </row>
    <row r="767605" spans="14:14">
      <c r="N767605" s="10"/>
    </row>
    <row r="767606" spans="14:14">
      <c r="N767606" s="10"/>
    </row>
    <row r="767607" spans="14:14">
      <c r="N767607" s="10"/>
    </row>
    <row r="767608" spans="14:14">
      <c r="N767608" s="10"/>
    </row>
    <row r="767609" spans="14:14">
      <c r="N767609" s="10"/>
    </row>
    <row r="767610" spans="14:14">
      <c r="N767610" s="10"/>
    </row>
    <row r="767611" spans="14:14">
      <c r="N767611" s="10"/>
    </row>
    <row r="767612" spans="14:14">
      <c r="N767612" s="10"/>
    </row>
    <row r="767613" spans="14:14">
      <c r="N767613" s="10"/>
    </row>
    <row r="767614" spans="14:14">
      <c r="N767614" s="10"/>
    </row>
    <row r="767615" spans="14:14">
      <c r="N767615" s="10"/>
    </row>
    <row r="767616" spans="14:14">
      <c r="N767616" s="10"/>
    </row>
    <row r="767617" spans="14:14">
      <c r="N767617" s="10"/>
    </row>
    <row r="767618" spans="14:14">
      <c r="N767618" s="10"/>
    </row>
    <row r="767619" spans="14:14">
      <c r="N767619" s="10"/>
    </row>
    <row r="767620" spans="14:14">
      <c r="N767620" s="10"/>
    </row>
    <row r="767621" spans="14:14">
      <c r="N767621" s="10"/>
    </row>
    <row r="767622" spans="14:14">
      <c r="N767622" s="10"/>
    </row>
    <row r="767623" spans="14:14">
      <c r="N767623" s="10"/>
    </row>
    <row r="767624" spans="14:14">
      <c r="N767624" s="10"/>
    </row>
    <row r="767625" spans="14:14">
      <c r="N767625" s="10"/>
    </row>
    <row r="767626" spans="14:14">
      <c r="N767626" s="10"/>
    </row>
    <row r="767627" spans="14:14">
      <c r="N767627" s="10"/>
    </row>
    <row r="767628" spans="14:14">
      <c r="N767628" s="10"/>
    </row>
    <row r="767629" spans="14:14">
      <c r="N767629" s="10"/>
    </row>
    <row r="767630" spans="14:14">
      <c r="N767630" s="10"/>
    </row>
    <row r="767631" spans="14:14">
      <c r="N767631" s="10"/>
    </row>
    <row r="767632" spans="14:14">
      <c r="N767632" s="10"/>
    </row>
    <row r="767633" spans="14:14">
      <c r="N767633" s="10"/>
    </row>
    <row r="767634" spans="14:14">
      <c r="N767634" s="10"/>
    </row>
    <row r="767635" spans="14:14">
      <c r="N767635" s="10"/>
    </row>
    <row r="767636" spans="14:14">
      <c r="N767636" s="10"/>
    </row>
    <row r="767637" spans="14:14">
      <c r="N767637" s="10"/>
    </row>
    <row r="767638" spans="14:14">
      <c r="N767638" s="10"/>
    </row>
    <row r="767639" spans="14:14">
      <c r="N767639" s="10"/>
    </row>
    <row r="767640" spans="14:14">
      <c r="N767640" s="10"/>
    </row>
    <row r="767641" spans="14:14">
      <c r="N767641" s="10"/>
    </row>
    <row r="767642" spans="14:14">
      <c r="N767642" s="10"/>
    </row>
    <row r="767643" spans="14:14">
      <c r="N767643" s="10"/>
    </row>
    <row r="767644" spans="14:14">
      <c r="N767644" s="10"/>
    </row>
    <row r="767645" spans="14:14">
      <c r="N767645" s="10"/>
    </row>
    <row r="767646" spans="14:14">
      <c r="N767646" s="10"/>
    </row>
    <row r="767647" spans="14:14">
      <c r="N767647" s="10"/>
    </row>
    <row r="767648" spans="14:14">
      <c r="N767648" s="10"/>
    </row>
    <row r="767649" spans="14:14">
      <c r="N767649" s="10"/>
    </row>
    <row r="767650" spans="14:14">
      <c r="N767650" s="10"/>
    </row>
    <row r="767651" spans="14:14">
      <c r="N767651" s="10"/>
    </row>
    <row r="767652" spans="14:14">
      <c r="N767652" s="10"/>
    </row>
    <row r="767653" spans="14:14">
      <c r="N767653" s="10"/>
    </row>
    <row r="767654" spans="14:14">
      <c r="N767654" s="10"/>
    </row>
    <row r="767655" spans="14:14">
      <c r="N767655" s="10"/>
    </row>
    <row r="767656" spans="14:14">
      <c r="N767656" s="10"/>
    </row>
    <row r="767657" spans="14:14">
      <c r="N767657" s="10"/>
    </row>
    <row r="767658" spans="14:14">
      <c r="N767658" s="10"/>
    </row>
    <row r="767659" spans="14:14">
      <c r="N767659" s="10"/>
    </row>
    <row r="767660" spans="14:14">
      <c r="N767660" s="10"/>
    </row>
    <row r="767661" spans="14:14">
      <c r="N767661" s="10"/>
    </row>
    <row r="767662" spans="14:14">
      <c r="N767662" s="10"/>
    </row>
    <row r="767663" spans="14:14">
      <c r="N767663" s="10"/>
    </row>
    <row r="767664" spans="14:14">
      <c r="N767664" s="10"/>
    </row>
    <row r="767665" spans="14:14">
      <c r="N767665" s="10"/>
    </row>
    <row r="767666" spans="14:14">
      <c r="N767666" s="10"/>
    </row>
    <row r="767667" spans="14:14">
      <c r="N767667" s="10"/>
    </row>
    <row r="767668" spans="14:14">
      <c r="N767668" s="10"/>
    </row>
    <row r="767669" spans="14:14">
      <c r="N767669" s="10"/>
    </row>
    <row r="767670" spans="14:14">
      <c r="N767670" s="10"/>
    </row>
    <row r="767671" spans="14:14">
      <c r="N767671" s="10"/>
    </row>
    <row r="767672" spans="14:14">
      <c r="N767672" s="10"/>
    </row>
    <row r="767673" spans="14:14">
      <c r="N767673" s="10"/>
    </row>
    <row r="767674" spans="14:14">
      <c r="N767674" s="10"/>
    </row>
    <row r="767675" spans="14:14">
      <c r="N767675" s="10"/>
    </row>
    <row r="767676" spans="14:14">
      <c r="N767676" s="10"/>
    </row>
    <row r="767677" spans="14:14">
      <c r="N767677" s="10"/>
    </row>
    <row r="767678" spans="14:14">
      <c r="N767678" s="10"/>
    </row>
    <row r="767679" spans="14:14">
      <c r="N767679" s="10"/>
    </row>
    <row r="767680" spans="14:14">
      <c r="N767680" s="10"/>
    </row>
    <row r="767681" spans="14:14">
      <c r="N767681" s="10"/>
    </row>
    <row r="767682" spans="14:14">
      <c r="N767682" s="10"/>
    </row>
    <row r="767683" spans="14:14">
      <c r="N767683" s="10"/>
    </row>
    <row r="767684" spans="14:14">
      <c r="N767684" s="10"/>
    </row>
    <row r="767685" spans="14:14">
      <c r="N767685" s="10"/>
    </row>
    <row r="767686" spans="14:14">
      <c r="N767686" s="10"/>
    </row>
    <row r="767687" spans="14:14">
      <c r="N767687" s="10"/>
    </row>
    <row r="767688" spans="14:14">
      <c r="N767688" s="10"/>
    </row>
    <row r="767689" spans="14:14">
      <c r="N767689" s="10"/>
    </row>
    <row r="767690" spans="14:14">
      <c r="N767690" s="10"/>
    </row>
    <row r="767691" spans="14:14">
      <c r="N767691" s="10"/>
    </row>
    <row r="767692" spans="14:14">
      <c r="N767692" s="10"/>
    </row>
    <row r="767693" spans="14:14">
      <c r="N767693" s="10"/>
    </row>
    <row r="767694" spans="14:14">
      <c r="N767694" s="10"/>
    </row>
    <row r="767695" spans="14:14">
      <c r="N767695" s="10"/>
    </row>
    <row r="767696" spans="14:14">
      <c r="N767696" s="10"/>
    </row>
    <row r="767697" spans="14:14">
      <c r="N767697" s="10"/>
    </row>
    <row r="767698" spans="14:14">
      <c r="N767698" s="10"/>
    </row>
    <row r="767699" spans="14:14">
      <c r="N767699" s="10"/>
    </row>
    <row r="767700" spans="14:14">
      <c r="N767700" s="10"/>
    </row>
    <row r="767701" spans="14:14">
      <c r="N767701" s="10"/>
    </row>
    <row r="767702" spans="14:14">
      <c r="N767702" s="10"/>
    </row>
    <row r="767703" spans="14:14">
      <c r="N767703" s="10"/>
    </row>
    <row r="767704" spans="14:14">
      <c r="N767704" s="10"/>
    </row>
    <row r="767705" spans="14:14">
      <c r="N767705" s="10"/>
    </row>
    <row r="767706" spans="14:14">
      <c r="N767706" s="10"/>
    </row>
    <row r="767707" spans="14:14">
      <c r="N767707" s="10"/>
    </row>
    <row r="767708" spans="14:14">
      <c r="N767708" s="10"/>
    </row>
    <row r="767709" spans="14:14">
      <c r="N767709" s="10"/>
    </row>
    <row r="767710" spans="14:14">
      <c r="N767710" s="10"/>
    </row>
    <row r="767711" spans="14:14">
      <c r="N767711" s="10"/>
    </row>
    <row r="767712" spans="14:14">
      <c r="N767712" s="10"/>
    </row>
    <row r="767713" spans="14:14">
      <c r="N767713" s="10"/>
    </row>
    <row r="767714" spans="14:14">
      <c r="N767714" s="10"/>
    </row>
    <row r="767715" spans="14:14">
      <c r="N767715" s="10"/>
    </row>
    <row r="767716" spans="14:14">
      <c r="N767716" s="10"/>
    </row>
    <row r="767717" spans="14:14">
      <c r="N767717" s="10"/>
    </row>
    <row r="767718" spans="14:14">
      <c r="N767718" s="10"/>
    </row>
    <row r="767719" spans="14:14">
      <c r="N767719" s="10"/>
    </row>
    <row r="767720" spans="14:14">
      <c r="N767720" s="10"/>
    </row>
    <row r="767721" spans="14:14">
      <c r="N767721" s="10"/>
    </row>
    <row r="767722" spans="14:14">
      <c r="N767722" s="10"/>
    </row>
    <row r="767723" spans="14:14">
      <c r="N767723" s="10"/>
    </row>
    <row r="767724" spans="14:14">
      <c r="N767724" s="10"/>
    </row>
    <row r="767725" spans="14:14">
      <c r="N767725" s="10"/>
    </row>
    <row r="767726" spans="14:14">
      <c r="N767726" s="10"/>
    </row>
    <row r="767727" spans="14:14">
      <c r="N767727" s="10"/>
    </row>
    <row r="767728" spans="14:14">
      <c r="N767728" s="10"/>
    </row>
    <row r="767729" spans="14:14">
      <c r="N767729" s="10"/>
    </row>
    <row r="767730" spans="14:14">
      <c r="N767730" s="10"/>
    </row>
    <row r="767731" spans="14:14">
      <c r="N767731" s="10"/>
    </row>
    <row r="767732" spans="14:14">
      <c r="N767732" s="10"/>
    </row>
    <row r="767733" spans="14:14">
      <c r="N767733" s="10"/>
    </row>
    <row r="767734" spans="14:14">
      <c r="N767734" s="10"/>
    </row>
    <row r="767735" spans="14:14">
      <c r="N767735" s="10"/>
    </row>
    <row r="767736" spans="14:14">
      <c r="N767736" s="10"/>
    </row>
    <row r="767737" spans="14:14">
      <c r="N767737" s="10"/>
    </row>
    <row r="767738" spans="14:14">
      <c r="N767738" s="10"/>
    </row>
    <row r="767739" spans="14:14">
      <c r="N767739" s="10"/>
    </row>
    <row r="767740" spans="14:14">
      <c r="N767740" s="10"/>
    </row>
    <row r="767741" spans="14:14">
      <c r="N767741" s="10"/>
    </row>
    <row r="767742" spans="14:14">
      <c r="N767742" s="10"/>
    </row>
    <row r="767743" spans="14:14">
      <c r="N767743" s="10"/>
    </row>
    <row r="767744" spans="14:14">
      <c r="N767744" s="10"/>
    </row>
    <row r="767745" spans="14:14">
      <c r="N767745" s="10"/>
    </row>
    <row r="767746" spans="14:14">
      <c r="N767746" s="10"/>
    </row>
    <row r="767747" spans="14:14">
      <c r="N767747" s="10"/>
    </row>
    <row r="767748" spans="14:14">
      <c r="N767748" s="10"/>
    </row>
    <row r="767749" spans="14:14">
      <c r="N767749" s="10"/>
    </row>
    <row r="767750" spans="14:14">
      <c r="N767750" s="10"/>
    </row>
    <row r="767751" spans="14:14">
      <c r="N767751" s="10"/>
    </row>
    <row r="767752" spans="14:14">
      <c r="N767752" s="10"/>
    </row>
    <row r="767753" spans="14:14">
      <c r="N767753" s="10"/>
    </row>
    <row r="767754" spans="14:14">
      <c r="N767754" s="10"/>
    </row>
    <row r="767755" spans="14:14">
      <c r="N767755" s="10"/>
    </row>
    <row r="767756" spans="14:14">
      <c r="N767756" s="10"/>
    </row>
    <row r="767757" spans="14:14">
      <c r="N767757" s="10"/>
    </row>
    <row r="767758" spans="14:14">
      <c r="N767758" s="10"/>
    </row>
    <row r="767759" spans="14:14">
      <c r="N767759" s="10"/>
    </row>
    <row r="767760" spans="14:14">
      <c r="N767760" s="10"/>
    </row>
    <row r="767761" spans="14:14">
      <c r="N767761" s="10"/>
    </row>
    <row r="767762" spans="14:14">
      <c r="N767762" s="10"/>
    </row>
    <row r="767763" spans="14:14">
      <c r="N767763" s="10"/>
    </row>
    <row r="767764" spans="14:14">
      <c r="N767764" s="10"/>
    </row>
    <row r="767765" spans="14:14">
      <c r="N767765" s="10"/>
    </row>
    <row r="767766" spans="14:14">
      <c r="N767766" s="10"/>
    </row>
    <row r="767767" spans="14:14">
      <c r="N767767" s="10"/>
    </row>
    <row r="767768" spans="14:14">
      <c r="N767768" s="10"/>
    </row>
    <row r="767769" spans="14:14">
      <c r="N767769" s="10"/>
    </row>
    <row r="767770" spans="14:14">
      <c r="N767770" s="10"/>
    </row>
    <row r="767771" spans="14:14">
      <c r="N767771" s="10"/>
    </row>
    <row r="767772" spans="14:14">
      <c r="N767772" s="10"/>
    </row>
    <row r="767773" spans="14:14">
      <c r="N767773" s="10"/>
    </row>
    <row r="767774" spans="14:14">
      <c r="N767774" s="10"/>
    </row>
    <row r="767775" spans="14:14">
      <c r="N767775" s="10"/>
    </row>
    <row r="767776" spans="14:14">
      <c r="N767776" s="10"/>
    </row>
    <row r="767777" spans="14:14">
      <c r="N767777" s="10"/>
    </row>
    <row r="767778" spans="14:14">
      <c r="N767778" s="10"/>
    </row>
    <row r="767779" spans="14:14">
      <c r="N767779" s="10"/>
    </row>
    <row r="767780" spans="14:14">
      <c r="N767780" s="10"/>
    </row>
    <row r="767781" spans="14:14">
      <c r="N767781" s="10"/>
    </row>
    <row r="767782" spans="14:14">
      <c r="N767782" s="10"/>
    </row>
    <row r="767783" spans="14:14">
      <c r="N767783" s="10"/>
    </row>
    <row r="767784" spans="14:14">
      <c r="N767784" s="10"/>
    </row>
    <row r="767785" spans="14:14">
      <c r="N767785" s="10"/>
    </row>
    <row r="767786" spans="14:14">
      <c r="N767786" s="10"/>
    </row>
    <row r="767787" spans="14:14">
      <c r="N767787" s="10"/>
    </row>
    <row r="767788" spans="14:14">
      <c r="N767788" s="10"/>
    </row>
    <row r="767789" spans="14:14">
      <c r="N767789" s="10"/>
    </row>
    <row r="767790" spans="14:14">
      <c r="N767790" s="10"/>
    </row>
    <row r="767791" spans="14:14">
      <c r="N767791" s="10"/>
    </row>
    <row r="767792" spans="14:14">
      <c r="N767792" s="10"/>
    </row>
    <row r="767793" spans="14:14">
      <c r="N767793" s="10"/>
    </row>
    <row r="767794" spans="14:14">
      <c r="N767794" s="10"/>
    </row>
    <row r="767795" spans="14:14">
      <c r="N767795" s="10"/>
    </row>
    <row r="767796" spans="14:14">
      <c r="N767796" s="10"/>
    </row>
    <row r="767797" spans="14:14">
      <c r="N767797" s="10"/>
    </row>
    <row r="767798" spans="14:14">
      <c r="N767798" s="10"/>
    </row>
    <row r="767799" spans="14:14">
      <c r="N767799" s="10"/>
    </row>
    <row r="767800" spans="14:14">
      <c r="N767800" s="10"/>
    </row>
    <row r="767801" spans="14:14">
      <c r="N767801" s="10"/>
    </row>
    <row r="767802" spans="14:14">
      <c r="N767802" s="10"/>
    </row>
    <row r="767803" spans="14:14">
      <c r="N767803" s="10"/>
    </row>
    <row r="767804" spans="14:14">
      <c r="N767804" s="10"/>
    </row>
    <row r="767805" spans="14:14">
      <c r="N767805" s="10"/>
    </row>
    <row r="767806" spans="14:14">
      <c r="N767806" s="10"/>
    </row>
    <row r="767807" spans="14:14">
      <c r="N767807" s="10"/>
    </row>
    <row r="767808" spans="14:14">
      <c r="N767808" s="10"/>
    </row>
    <row r="767809" spans="14:14">
      <c r="N767809" s="10"/>
    </row>
    <row r="767810" spans="14:14">
      <c r="N767810" s="10"/>
    </row>
    <row r="767811" spans="14:14">
      <c r="N767811" s="10"/>
    </row>
    <row r="767812" spans="14:14">
      <c r="N767812" s="10"/>
    </row>
    <row r="767813" spans="14:14">
      <c r="N767813" s="10"/>
    </row>
    <row r="767814" spans="14:14">
      <c r="N767814" s="10"/>
    </row>
    <row r="767815" spans="14:14">
      <c r="N767815" s="10"/>
    </row>
    <row r="767816" spans="14:14">
      <c r="N767816" s="10"/>
    </row>
    <row r="767817" spans="14:14">
      <c r="N767817" s="10"/>
    </row>
    <row r="767818" spans="14:14">
      <c r="N767818" s="10"/>
    </row>
    <row r="767819" spans="14:14">
      <c r="N767819" s="10"/>
    </row>
    <row r="767820" spans="14:14">
      <c r="N767820" s="10"/>
    </row>
    <row r="767821" spans="14:14">
      <c r="N767821" s="10"/>
    </row>
    <row r="767822" spans="14:14">
      <c r="N767822" s="10"/>
    </row>
    <row r="767823" spans="14:14">
      <c r="N767823" s="10"/>
    </row>
    <row r="767824" spans="14:14">
      <c r="N767824" s="10"/>
    </row>
    <row r="767825" spans="14:14">
      <c r="N767825" s="10"/>
    </row>
    <row r="767826" spans="14:14">
      <c r="N767826" s="10"/>
    </row>
    <row r="767827" spans="14:14">
      <c r="N767827" s="10"/>
    </row>
    <row r="767828" spans="14:14">
      <c r="N767828" s="10"/>
    </row>
    <row r="767829" spans="14:14">
      <c r="N767829" s="10"/>
    </row>
    <row r="767830" spans="14:14">
      <c r="N767830" s="10"/>
    </row>
    <row r="767831" spans="14:14">
      <c r="N767831" s="10"/>
    </row>
    <row r="767832" spans="14:14">
      <c r="N767832" s="10"/>
    </row>
    <row r="767833" spans="14:14">
      <c r="N767833" s="10"/>
    </row>
    <row r="767834" spans="14:14">
      <c r="N767834" s="10"/>
    </row>
    <row r="767835" spans="14:14">
      <c r="N767835" s="10"/>
    </row>
    <row r="767836" spans="14:14">
      <c r="N767836" s="10"/>
    </row>
    <row r="767837" spans="14:14">
      <c r="N767837" s="10"/>
    </row>
    <row r="767838" spans="14:14">
      <c r="N767838" s="10"/>
    </row>
    <row r="767839" spans="14:14">
      <c r="N767839" s="10"/>
    </row>
    <row r="767840" spans="14:14">
      <c r="N767840" s="10"/>
    </row>
    <row r="767841" spans="14:14">
      <c r="N767841" s="10"/>
    </row>
    <row r="767842" spans="14:14">
      <c r="N767842" s="10"/>
    </row>
    <row r="767843" spans="14:14">
      <c r="N767843" s="10"/>
    </row>
    <row r="767844" spans="14:14">
      <c r="N767844" s="10"/>
    </row>
    <row r="767845" spans="14:14">
      <c r="N767845" s="10"/>
    </row>
    <row r="767846" spans="14:14">
      <c r="N767846" s="10"/>
    </row>
    <row r="767847" spans="14:14">
      <c r="N767847" s="10"/>
    </row>
    <row r="767848" spans="14:14">
      <c r="N767848" s="10"/>
    </row>
    <row r="767849" spans="14:14">
      <c r="N767849" s="10"/>
    </row>
    <row r="767850" spans="14:14">
      <c r="N767850" s="10"/>
    </row>
    <row r="767851" spans="14:14">
      <c r="N767851" s="10"/>
    </row>
    <row r="767852" spans="14:14">
      <c r="N767852" s="10"/>
    </row>
    <row r="767853" spans="14:14">
      <c r="N767853" s="10"/>
    </row>
    <row r="767854" spans="14:14">
      <c r="N767854" s="10"/>
    </row>
    <row r="767855" spans="14:14">
      <c r="N767855" s="10"/>
    </row>
    <row r="767856" spans="14:14">
      <c r="N767856" s="10"/>
    </row>
    <row r="767857" spans="14:14">
      <c r="N767857" s="10"/>
    </row>
    <row r="767858" spans="14:14">
      <c r="N767858" s="10"/>
    </row>
    <row r="767859" spans="14:14">
      <c r="N767859" s="10"/>
    </row>
    <row r="767860" spans="14:14">
      <c r="N767860" s="10"/>
    </row>
    <row r="767861" spans="14:14">
      <c r="N767861" s="10"/>
    </row>
    <row r="767862" spans="14:14">
      <c r="N767862" s="10"/>
    </row>
    <row r="767863" spans="14:14">
      <c r="N767863" s="10"/>
    </row>
    <row r="767864" spans="14:14">
      <c r="N767864" s="10"/>
    </row>
    <row r="767865" spans="14:14">
      <c r="N767865" s="10"/>
    </row>
    <row r="767866" spans="14:14">
      <c r="N767866" s="10"/>
    </row>
    <row r="767867" spans="14:14">
      <c r="N767867" s="10"/>
    </row>
    <row r="767868" spans="14:14">
      <c r="N767868" s="10"/>
    </row>
    <row r="767869" spans="14:14">
      <c r="N767869" s="10"/>
    </row>
    <row r="767870" spans="14:14">
      <c r="N767870" s="10"/>
    </row>
    <row r="767871" spans="14:14">
      <c r="N767871" s="10"/>
    </row>
    <row r="767872" spans="14:14">
      <c r="N767872" s="10"/>
    </row>
    <row r="767873" spans="14:14">
      <c r="N767873" s="10"/>
    </row>
    <row r="767874" spans="14:14">
      <c r="N767874" s="10"/>
    </row>
    <row r="767875" spans="14:14">
      <c r="N767875" s="10"/>
    </row>
    <row r="767876" spans="14:14">
      <c r="N767876" s="10"/>
    </row>
    <row r="767877" spans="14:14">
      <c r="N767877" s="10"/>
    </row>
    <row r="767878" spans="14:14">
      <c r="N767878" s="10"/>
    </row>
    <row r="767879" spans="14:14">
      <c r="N767879" s="10"/>
    </row>
    <row r="767880" spans="14:14">
      <c r="N767880" s="10"/>
    </row>
    <row r="767881" spans="14:14">
      <c r="N767881" s="10"/>
    </row>
    <row r="767882" spans="14:14">
      <c r="N767882" s="10"/>
    </row>
    <row r="767883" spans="14:14">
      <c r="N767883" s="10"/>
    </row>
    <row r="767884" spans="14:14">
      <c r="N767884" s="10"/>
    </row>
    <row r="767885" spans="14:14">
      <c r="N767885" s="10"/>
    </row>
    <row r="767886" spans="14:14">
      <c r="N767886" s="10"/>
    </row>
    <row r="767887" spans="14:14">
      <c r="N767887" s="10"/>
    </row>
    <row r="767888" spans="14:14">
      <c r="N767888" s="10"/>
    </row>
    <row r="767889" spans="14:14">
      <c r="N767889" s="10"/>
    </row>
    <row r="767890" spans="14:14">
      <c r="N767890" s="10"/>
    </row>
    <row r="767891" spans="14:14">
      <c r="N767891" s="10"/>
    </row>
    <row r="767892" spans="14:14">
      <c r="N767892" s="10"/>
    </row>
    <row r="767893" spans="14:14">
      <c r="N767893" s="10"/>
    </row>
    <row r="767894" spans="14:14">
      <c r="N767894" s="10"/>
    </row>
    <row r="767895" spans="14:14">
      <c r="N767895" s="10"/>
    </row>
    <row r="767896" spans="14:14">
      <c r="N767896" s="10"/>
    </row>
    <row r="767897" spans="14:14">
      <c r="N767897" s="10"/>
    </row>
    <row r="767898" spans="14:14">
      <c r="N767898" s="10"/>
    </row>
    <row r="767899" spans="14:14">
      <c r="N767899" s="10"/>
    </row>
    <row r="767900" spans="14:14">
      <c r="N767900" s="10"/>
    </row>
    <row r="767901" spans="14:14">
      <c r="N767901" s="10"/>
    </row>
    <row r="767902" spans="14:14">
      <c r="N767902" s="10"/>
    </row>
    <row r="767903" spans="14:14">
      <c r="N767903" s="10"/>
    </row>
    <row r="767904" spans="14:14">
      <c r="N767904" s="10"/>
    </row>
    <row r="767905" spans="14:14">
      <c r="N767905" s="10"/>
    </row>
    <row r="767906" spans="14:14">
      <c r="N767906" s="10"/>
    </row>
    <row r="767907" spans="14:14">
      <c r="N767907" s="10"/>
    </row>
    <row r="767908" spans="14:14">
      <c r="N767908" s="10"/>
    </row>
    <row r="767909" spans="14:14">
      <c r="N767909" s="10"/>
    </row>
    <row r="767910" spans="14:14">
      <c r="N767910" s="10"/>
    </row>
    <row r="767911" spans="14:14">
      <c r="N767911" s="10"/>
    </row>
    <row r="767912" spans="14:14">
      <c r="N767912" s="10"/>
    </row>
    <row r="767913" spans="14:14">
      <c r="N767913" s="10"/>
    </row>
    <row r="767914" spans="14:14">
      <c r="N767914" s="10"/>
    </row>
    <row r="767915" spans="14:14">
      <c r="N767915" s="10"/>
    </row>
    <row r="767916" spans="14:14">
      <c r="N767916" s="10"/>
    </row>
    <row r="767917" spans="14:14">
      <c r="N767917" s="10"/>
    </row>
    <row r="767918" spans="14:14">
      <c r="N767918" s="10"/>
    </row>
    <row r="767919" spans="14:14">
      <c r="N767919" s="10"/>
    </row>
    <row r="767920" spans="14:14">
      <c r="N767920" s="10"/>
    </row>
    <row r="767921" spans="14:14">
      <c r="N767921" s="10"/>
    </row>
    <row r="767922" spans="14:14">
      <c r="N767922" s="10"/>
    </row>
    <row r="767923" spans="14:14">
      <c r="N767923" s="10"/>
    </row>
    <row r="767924" spans="14:14">
      <c r="N767924" s="10"/>
    </row>
    <row r="767925" spans="14:14">
      <c r="N767925" s="10"/>
    </row>
    <row r="767926" spans="14:14">
      <c r="N767926" s="10"/>
    </row>
    <row r="767927" spans="14:14">
      <c r="N767927" s="10"/>
    </row>
    <row r="767928" spans="14:14">
      <c r="N767928" s="10"/>
    </row>
    <row r="767929" spans="14:14">
      <c r="N767929" s="10"/>
    </row>
    <row r="767930" spans="14:14">
      <c r="N767930" s="10"/>
    </row>
    <row r="767931" spans="14:14">
      <c r="N767931" s="10"/>
    </row>
    <row r="767932" spans="14:14">
      <c r="N767932" s="10"/>
    </row>
    <row r="767933" spans="14:14">
      <c r="N767933" s="10"/>
    </row>
    <row r="767934" spans="14:14">
      <c r="N767934" s="10"/>
    </row>
    <row r="767935" spans="14:14">
      <c r="N767935" s="10"/>
    </row>
    <row r="767936" spans="14:14">
      <c r="N767936" s="10"/>
    </row>
    <row r="767937" spans="14:14">
      <c r="N767937" s="10"/>
    </row>
    <row r="767938" spans="14:14">
      <c r="N767938" s="10"/>
    </row>
    <row r="767939" spans="14:14">
      <c r="N767939" s="10"/>
    </row>
    <row r="767940" spans="14:14">
      <c r="N767940" s="10"/>
    </row>
    <row r="767941" spans="14:14">
      <c r="N767941" s="10"/>
    </row>
    <row r="767942" spans="14:14">
      <c r="N767942" s="10"/>
    </row>
    <row r="767943" spans="14:14">
      <c r="N767943" s="10"/>
    </row>
    <row r="767944" spans="14:14">
      <c r="N767944" s="10"/>
    </row>
    <row r="767945" spans="14:14">
      <c r="N767945" s="10"/>
    </row>
    <row r="767946" spans="14:14">
      <c r="N767946" s="10"/>
    </row>
    <row r="767947" spans="14:14">
      <c r="N767947" s="10"/>
    </row>
    <row r="767948" spans="14:14">
      <c r="N767948" s="10"/>
    </row>
    <row r="767949" spans="14:14">
      <c r="N767949" s="10"/>
    </row>
    <row r="767950" spans="14:14">
      <c r="N767950" s="10"/>
    </row>
    <row r="767951" spans="14:14">
      <c r="N767951" s="10"/>
    </row>
    <row r="767952" spans="14:14">
      <c r="N767952" s="10"/>
    </row>
    <row r="767953" spans="14:14">
      <c r="N767953" s="10"/>
    </row>
    <row r="767954" spans="14:14">
      <c r="N767954" s="10"/>
    </row>
    <row r="767955" spans="14:14">
      <c r="N767955" s="10"/>
    </row>
    <row r="767956" spans="14:14">
      <c r="N767956" s="10"/>
    </row>
    <row r="767957" spans="14:14">
      <c r="N767957" s="10"/>
    </row>
    <row r="767958" spans="14:14">
      <c r="N767958" s="10"/>
    </row>
    <row r="767959" spans="14:14">
      <c r="N767959" s="10"/>
    </row>
    <row r="767960" spans="14:14">
      <c r="N767960" s="10"/>
    </row>
    <row r="767961" spans="14:14">
      <c r="N767961" s="10"/>
    </row>
    <row r="767962" spans="14:14">
      <c r="N767962" s="10"/>
    </row>
    <row r="767963" spans="14:14">
      <c r="N767963" s="10"/>
    </row>
    <row r="767964" spans="14:14">
      <c r="N767964" s="10"/>
    </row>
    <row r="767965" spans="14:14">
      <c r="N767965" s="10"/>
    </row>
    <row r="767966" spans="14:14">
      <c r="N767966" s="10"/>
    </row>
    <row r="767967" spans="14:14">
      <c r="N767967" s="10"/>
    </row>
    <row r="767968" spans="14:14">
      <c r="N767968" s="10"/>
    </row>
    <row r="767969" spans="14:14">
      <c r="N767969" s="10"/>
    </row>
    <row r="767970" spans="14:14">
      <c r="N767970" s="10"/>
    </row>
    <row r="767971" spans="14:14">
      <c r="N767971" s="10"/>
    </row>
    <row r="767972" spans="14:14">
      <c r="N767972" s="10"/>
    </row>
    <row r="767973" spans="14:14">
      <c r="N767973" s="10"/>
    </row>
    <row r="767974" spans="14:14">
      <c r="N767974" s="10"/>
    </row>
    <row r="767975" spans="14:14">
      <c r="N767975" s="10"/>
    </row>
    <row r="767976" spans="14:14">
      <c r="N767976" s="10"/>
    </row>
    <row r="767977" spans="14:14">
      <c r="N767977" s="10"/>
    </row>
    <row r="767978" spans="14:14">
      <c r="N767978" s="10"/>
    </row>
    <row r="767979" spans="14:14">
      <c r="N767979" s="10"/>
    </row>
    <row r="767980" spans="14:14">
      <c r="N767980" s="10"/>
    </row>
    <row r="767981" spans="14:14">
      <c r="N767981" s="10"/>
    </row>
    <row r="767982" spans="14:14">
      <c r="N767982" s="10"/>
    </row>
    <row r="767983" spans="14:14">
      <c r="N767983" s="10"/>
    </row>
    <row r="767984" spans="14:14">
      <c r="N767984" s="10"/>
    </row>
    <row r="767985" spans="14:14">
      <c r="N767985" s="10"/>
    </row>
    <row r="767986" spans="14:14">
      <c r="N767986" s="10"/>
    </row>
    <row r="767987" spans="14:14">
      <c r="N767987" s="10"/>
    </row>
    <row r="767988" spans="14:14">
      <c r="N767988" s="10"/>
    </row>
    <row r="767989" spans="14:14">
      <c r="N767989" s="10"/>
    </row>
    <row r="767990" spans="14:14">
      <c r="N767990" s="10"/>
    </row>
    <row r="767991" spans="14:14">
      <c r="N767991" s="10"/>
    </row>
    <row r="767992" spans="14:14">
      <c r="N767992" s="10"/>
    </row>
    <row r="767993" spans="14:14">
      <c r="N767993" s="10"/>
    </row>
    <row r="767994" spans="14:14">
      <c r="N767994" s="10"/>
    </row>
    <row r="767995" spans="14:14">
      <c r="N767995" s="10"/>
    </row>
    <row r="767996" spans="14:14">
      <c r="N767996" s="10"/>
    </row>
    <row r="767997" spans="14:14">
      <c r="N767997" s="10"/>
    </row>
    <row r="767998" spans="14:14">
      <c r="N767998" s="10"/>
    </row>
    <row r="767999" spans="14:14">
      <c r="N767999" s="10"/>
    </row>
    <row r="768000" spans="14:14">
      <c r="N768000" s="10"/>
    </row>
    <row r="768001" spans="14:14">
      <c r="N768001" s="10"/>
    </row>
    <row r="768002" spans="14:14">
      <c r="N768002" s="10"/>
    </row>
    <row r="768003" spans="14:14">
      <c r="N768003" s="10"/>
    </row>
    <row r="768004" spans="14:14">
      <c r="N768004" s="10"/>
    </row>
    <row r="768005" spans="14:14">
      <c r="N768005" s="10"/>
    </row>
    <row r="768006" spans="14:14">
      <c r="N768006" s="10"/>
    </row>
    <row r="768007" spans="14:14">
      <c r="N768007" s="10"/>
    </row>
    <row r="768008" spans="14:14">
      <c r="N768008" s="10"/>
    </row>
    <row r="768009" spans="14:14">
      <c r="N768009" s="10"/>
    </row>
    <row r="768010" spans="14:14">
      <c r="N768010" s="10"/>
    </row>
    <row r="768011" spans="14:14">
      <c r="N768011" s="10"/>
    </row>
    <row r="768012" spans="14:14">
      <c r="N768012" s="10"/>
    </row>
    <row r="768013" spans="14:14">
      <c r="N768013" s="10"/>
    </row>
    <row r="768014" spans="14:14">
      <c r="N768014" s="10"/>
    </row>
    <row r="768015" spans="14:14">
      <c r="N768015" s="10"/>
    </row>
    <row r="768016" spans="14:14">
      <c r="N768016" s="10"/>
    </row>
    <row r="768017" spans="14:14">
      <c r="N768017" s="10"/>
    </row>
    <row r="768018" spans="14:14">
      <c r="N768018" s="10"/>
    </row>
    <row r="768019" spans="14:14">
      <c r="N768019" s="10"/>
    </row>
    <row r="768020" spans="14:14">
      <c r="N768020" s="10"/>
    </row>
    <row r="768021" spans="14:14">
      <c r="N768021" s="10"/>
    </row>
    <row r="768022" spans="14:14">
      <c r="N768022" s="10"/>
    </row>
    <row r="768023" spans="14:14">
      <c r="N768023" s="10"/>
    </row>
    <row r="768024" spans="14:14">
      <c r="N768024" s="10"/>
    </row>
    <row r="768025" spans="14:14">
      <c r="N768025" s="10"/>
    </row>
    <row r="768026" spans="14:14">
      <c r="N768026" s="10"/>
    </row>
    <row r="768027" spans="14:14">
      <c r="N768027" s="10"/>
    </row>
    <row r="768028" spans="14:14">
      <c r="N768028" s="10"/>
    </row>
    <row r="768029" spans="14:14">
      <c r="N768029" s="10"/>
    </row>
    <row r="768030" spans="14:14">
      <c r="N768030" s="10"/>
    </row>
    <row r="768031" spans="14:14">
      <c r="N768031" s="10"/>
    </row>
    <row r="768032" spans="14:14">
      <c r="N768032" s="10"/>
    </row>
    <row r="768033" spans="14:14">
      <c r="N768033" s="10"/>
    </row>
    <row r="768034" spans="14:14">
      <c r="N768034" s="10"/>
    </row>
    <row r="768035" spans="14:14">
      <c r="N768035" s="10"/>
    </row>
    <row r="768036" spans="14:14">
      <c r="N768036" s="10"/>
    </row>
    <row r="768037" spans="14:14">
      <c r="N768037" s="10"/>
    </row>
    <row r="768038" spans="14:14">
      <c r="N768038" s="10"/>
    </row>
    <row r="768039" spans="14:14">
      <c r="N768039" s="10"/>
    </row>
    <row r="768040" spans="14:14">
      <c r="N768040" s="10"/>
    </row>
    <row r="768041" spans="14:14">
      <c r="N768041" s="10"/>
    </row>
    <row r="768042" spans="14:14">
      <c r="N768042" s="10"/>
    </row>
    <row r="768043" spans="14:14">
      <c r="N768043" s="10"/>
    </row>
    <row r="768044" spans="14:14">
      <c r="N768044" s="10"/>
    </row>
    <row r="768045" spans="14:14">
      <c r="N768045" s="10"/>
    </row>
    <row r="768046" spans="14:14">
      <c r="N768046" s="10"/>
    </row>
    <row r="768047" spans="14:14">
      <c r="N768047" s="10"/>
    </row>
    <row r="768048" spans="14:14">
      <c r="N768048" s="10"/>
    </row>
    <row r="768049" spans="14:14">
      <c r="N768049" s="10"/>
    </row>
    <row r="768050" spans="14:14">
      <c r="N768050" s="10"/>
    </row>
    <row r="768051" spans="14:14">
      <c r="N768051" s="10"/>
    </row>
    <row r="768052" spans="14:14">
      <c r="N768052" s="10"/>
    </row>
    <row r="768053" spans="14:14">
      <c r="N768053" s="10"/>
    </row>
    <row r="768054" spans="14:14">
      <c r="N768054" s="10"/>
    </row>
    <row r="768055" spans="14:14">
      <c r="N768055" s="10"/>
    </row>
    <row r="768056" spans="14:14">
      <c r="N768056" s="10"/>
    </row>
    <row r="768057" spans="14:14">
      <c r="N768057" s="10"/>
    </row>
    <row r="768058" spans="14:14">
      <c r="N768058" s="10"/>
    </row>
    <row r="768059" spans="14:14">
      <c r="N768059" s="10"/>
    </row>
    <row r="768060" spans="14:14">
      <c r="N768060" s="10"/>
    </row>
    <row r="768061" spans="14:14">
      <c r="N768061" s="10"/>
    </row>
    <row r="768062" spans="14:14">
      <c r="N768062" s="10"/>
    </row>
    <row r="768063" spans="14:14">
      <c r="N768063" s="10"/>
    </row>
    <row r="768064" spans="14:14">
      <c r="N768064" s="10"/>
    </row>
    <row r="768065" spans="14:14">
      <c r="N768065" s="10"/>
    </row>
    <row r="768066" spans="14:14">
      <c r="N768066" s="10"/>
    </row>
    <row r="768067" spans="14:14">
      <c r="N768067" s="10"/>
    </row>
    <row r="768068" spans="14:14">
      <c r="N768068" s="10"/>
    </row>
    <row r="768069" spans="14:14">
      <c r="N768069" s="10"/>
    </row>
    <row r="768070" spans="14:14">
      <c r="N768070" s="10"/>
    </row>
    <row r="768071" spans="14:14">
      <c r="N768071" s="10"/>
    </row>
    <row r="768072" spans="14:14">
      <c r="N768072" s="10"/>
    </row>
    <row r="768073" spans="14:14">
      <c r="N768073" s="10"/>
    </row>
    <row r="768074" spans="14:14">
      <c r="N768074" s="10"/>
    </row>
    <row r="768075" spans="14:14">
      <c r="N768075" s="10"/>
    </row>
    <row r="768076" spans="14:14">
      <c r="N768076" s="10"/>
    </row>
    <row r="768077" spans="14:14">
      <c r="N768077" s="10"/>
    </row>
    <row r="768078" spans="14:14">
      <c r="N768078" s="10"/>
    </row>
    <row r="768079" spans="14:14">
      <c r="N768079" s="10"/>
    </row>
    <row r="768080" spans="14:14">
      <c r="N768080" s="10"/>
    </row>
    <row r="768081" spans="14:14">
      <c r="N768081" s="10"/>
    </row>
    <row r="768082" spans="14:14">
      <c r="N768082" s="10"/>
    </row>
    <row r="768083" spans="14:14">
      <c r="N768083" s="10"/>
    </row>
    <row r="768084" spans="14:14">
      <c r="N768084" s="10"/>
    </row>
    <row r="768085" spans="14:14">
      <c r="N768085" s="10"/>
    </row>
    <row r="768086" spans="14:14">
      <c r="N768086" s="10"/>
    </row>
    <row r="768087" spans="14:14">
      <c r="N768087" s="10"/>
    </row>
    <row r="768088" spans="14:14">
      <c r="N768088" s="10"/>
    </row>
    <row r="768089" spans="14:14">
      <c r="N768089" s="10"/>
    </row>
    <row r="768090" spans="14:14">
      <c r="N768090" s="10"/>
    </row>
    <row r="768091" spans="14:14">
      <c r="N768091" s="10"/>
    </row>
    <row r="768092" spans="14:14">
      <c r="N768092" s="10"/>
    </row>
    <row r="768093" spans="14:14">
      <c r="N768093" s="10"/>
    </row>
    <row r="768094" spans="14:14">
      <c r="N768094" s="10"/>
    </row>
    <row r="768095" spans="14:14">
      <c r="N768095" s="10"/>
    </row>
    <row r="768096" spans="14:14">
      <c r="N768096" s="10"/>
    </row>
    <row r="768097" spans="14:14">
      <c r="N768097" s="10"/>
    </row>
    <row r="768098" spans="14:14">
      <c r="N768098" s="10"/>
    </row>
    <row r="768099" spans="14:14">
      <c r="N768099" s="10"/>
    </row>
    <row r="768100" spans="14:14">
      <c r="N768100" s="10"/>
    </row>
    <row r="768101" spans="14:14">
      <c r="N768101" s="10"/>
    </row>
    <row r="768102" spans="14:14">
      <c r="N768102" s="10"/>
    </row>
    <row r="768103" spans="14:14">
      <c r="N768103" s="10"/>
    </row>
    <row r="768104" spans="14:14">
      <c r="N768104" s="10"/>
    </row>
    <row r="768105" spans="14:14">
      <c r="N768105" s="10"/>
    </row>
    <row r="768106" spans="14:14">
      <c r="N768106" s="10"/>
    </row>
    <row r="768107" spans="14:14">
      <c r="N768107" s="10"/>
    </row>
    <row r="768108" spans="14:14">
      <c r="N768108" s="10"/>
    </row>
    <row r="768109" spans="14:14">
      <c r="N768109" s="10"/>
    </row>
    <row r="768110" spans="14:14">
      <c r="N768110" s="10"/>
    </row>
    <row r="768111" spans="14:14">
      <c r="N768111" s="10"/>
    </row>
    <row r="768112" spans="14:14">
      <c r="N768112" s="10"/>
    </row>
    <row r="768113" spans="14:14">
      <c r="N768113" s="10"/>
    </row>
    <row r="768114" spans="14:14">
      <c r="N768114" s="10"/>
    </row>
    <row r="768115" spans="14:14">
      <c r="N768115" s="10"/>
    </row>
    <row r="768116" spans="14:14">
      <c r="N768116" s="10"/>
    </row>
    <row r="768117" spans="14:14">
      <c r="N768117" s="10"/>
    </row>
    <row r="768118" spans="14:14">
      <c r="N768118" s="10"/>
    </row>
    <row r="768119" spans="14:14">
      <c r="N768119" s="10"/>
    </row>
    <row r="768120" spans="14:14">
      <c r="N768120" s="10"/>
    </row>
    <row r="768121" spans="14:14">
      <c r="N768121" s="10"/>
    </row>
    <row r="768122" spans="14:14">
      <c r="N768122" s="10"/>
    </row>
    <row r="768123" spans="14:14">
      <c r="N768123" s="10"/>
    </row>
    <row r="768124" spans="14:14">
      <c r="N768124" s="10"/>
    </row>
    <row r="768125" spans="14:14">
      <c r="N768125" s="10"/>
    </row>
    <row r="768126" spans="14:14">
      <c r="N768126" s="10"/>
    </row>
    <row r="768127" spans="14:14">
      <c r="N768127" s="10"/>
    </row>
    <row r="768128" spans="14:14">
      <c r="N768128" s="10"/>
    </row>
    <row r="768129" spans="14:14">
      <c r="N768129" s="10"/>
    </row>
    <row r="768130" spans="14:14">
      <c r="N768130" s="10"/>
    </row>
    <row r="768131" spans="14:14">
      <c r="N768131" s="10"/>
    </row>
    <row r="768132" spans="14:14">
      <c r="N768132" s="10"/>
    </row>
    <row r="768133" spans="14:14">
      <c r="N768133" s="10"/>
    </row>
    <row r="768134" spans="14:14">
      <c r="N768134" s="10"/>
    </row>
    <row r="768135" spans="14:14">
      <c r="N768135" s="10"/>
    </row>
    <row r="768136" spans="14:14">
      <c r="N768136" s="10"/>
    </row>
    <row r="768137" spans="14:14">
      <c r="N768137" s="10"/>
    </row>
    <row r="768138" spans="14:14">
      <c r="N768138" s="10"/>
    </row>
    <row r="768139" spans="14:14">
      <c r="N768139" s="10"/>
    </row>
    <row r="768140" spans="14:14">
      <c r="N768140" s="10"/>
    </row>
    <row r="768141" spans="14:14">
      <c r="N768141" s="10"/>
    </row>
    <row r="768142" spans="14:14">
      <c r="N768142" s="10"/>
    </row>
    <row r="768143" spans="14:14">
      <c r="N768143" s="10"/>
    </row>
    <row r="768144" spans="14:14">
      <c r="N768144" s="10"/>
    </row>
    <row r="768145" spans="14:14">
      <c r="N768145" s="10"/>
    </row>
    <row r="768146" spans="14:14">
      <c r="N768146" s="10"/>
    </row>
    <row r="768147" spans="14:14">
      <c r="N768147" s="10"/>
    </row>
    <row r="768148" spans="14:14">
      <c r="N768148" s="10"/>
    </row>
    <row r="768149" spans="14:14">
      <c r="N768149" s="10"/>
    </row>
    <row r="768150" spans="14:14">
      <c r="N768150" s="10"/>
    </row>
    <row r="768151" spans="14:14">
      <c r="N768151" s="10"/>
    </row>
    <row r="768152" spans="14:14">
      <c r="N768152" s="10"/>
    </row>
    <row r="768153" spans="14:14">
      <c r="N768153" s="10"/>
    </row>
    <row r="768154" spans="14:14">
      <c r="N768154" s="10"/>
    </row>
    <row r="768155" spans="14:14">
      <c r="N768155" s="10"/>
    </row>
    <row r="768156" spans="14:14">
      <c r="N768156" s="10"/>
    </row>
    <row r="768157" spans="14:14">
      <c r="N768157" s="10"/>
    </row>
    <row r="768158" spans="14:14">
      <c r="N768158" s="10"/>
    </row>
    <row r="768159" spans="14:14">
      <c r="N768159" s="10"/>
    </row>
    <row r="768160" spans="14:14">
      <c r="N768160" s="10"/>
    </row>
    <row r="768161" spans="14:14">
      <c r="N768161" s="10"/>
    </row>
    <row r="768162" spans="14:14">
      <c r="N768162" s="10"/>
    </row>
    <row r="768163" spans="14:14">
      <c r="N768163" s="10"/>
    </row>
    <row r="768164" spans="14:14">
      <c r="N768164" s="10"/>
    </row>
    <row r="768165" spans="14:14">
      <c r="N768165" s="10"/>
    </row>
    <row r="768166" spans="14:14">
      <c r="N768166" s="10"/>
    </row>
    <row r="768167" spans="14:14">
      <c r="N768167" s="10"/>
    </row>
    <row r="768168" spans="14:14">
      <c r="N768168" s="10"/>
    </row>
    <row r="768169" spans="14:14">
      <c r="N768169" s="10"/>
    </row>
    <row r="768170" spans="14:14">
      <c r="N768170" s="10"/>
    </row>
    <row r="768171" spans="14:14">
      <c r="N768171" s="10"/>
    </row>
    <row r="768172" spans="14:14">
      <c r="N768172" s="10"/>
    </row>
    <row r="768173" spans="14:14">
      <c r="N768173" s="10"/>
    </row>
    <row r="768174" spans="14:14">
      <c r="N768174" s="10"/>
    </row>
    <row r="768175" spans="14:14">
      <c r="N768175" s="10"/>
    </row>
    <row r="768176" spans="14:14">
      <c r="N768176" s="10"/>
    </row>
    <row r="768177" spans="14:14">
      <c r="N768177" s="10"/>
    </row>
    <row r="768178" spans="14:14">
      <c r="N768178" s="10"/>
    </row>
    <row r="768179" spans="14:14">
      <c r="N768179" s="10"/>
    </row>
    <row r="768180" spans="14:14">
      <c r="N768180" s="10"/>
    </row>
    <row r="768181" spans="14:14">
      <c r="N768181" s="10"/>
    </row>
    <row r="768182" spans="14:14">
      <c r="N768182" s="10"/>
    </row>
    <row r="768183" spans="14:14">
      <c r="N768183" s="10"/>
    </row>
    <row r="768184" spans="14:14">
      <c r="N768184" s="10"/>
    </row>
    <row r="768185" spans="14:14">
      <c r="N768185" s="10"/>
    </row>
    <row r="768186" spans="14:14">
      <c r="N768186" s="10"/>
    </row>
    <row r="768187" spans="14:14">
      <c r="N768187" s="10"/>
    </row>
    <row r="768188" spans="14:14">
      <c r="N768188" s="10"/>
    </row>
    <row r="768189" spans="14:14">
      <c r="N768189" s="10"/>
    </row>
    <row r="768190" spans="14:14">
      <c r="N768190" s="10"/>
    </row>
    <row r="768191" spans="14:14">
      <c r="N768191" s="10"/>
    </row>
    <row r="768192" spans="14:14">
      <c r="N768192" s="10"/>
    </row>
    <row r="768193" spans="14:14">
      <c r="N768193" s="10"/>
    </row>
    <row r="768194" spans="14:14">
      <c r="N768194" s="10"/>
    </row>
    <row r="768195" spans="14:14">
      <c r="N768195" s="10"/>
    </row>
    <row r="768196" spans="14:14">
      <c r="N768196" s="10"/>
    </row>
    <row r="768197" spans="14:14">
      <c r="N768197" s="10"/>
    </row>
    <row r="768198" spans="14:14">
      <c r="N768198" s="10"/>
    </row>
    <row r="768199" spans="14:14">
      <c r="N768199" s="10"/>
    </row>
    <row r="768200" spans="14:14">
      <c r="N768200" s="10"/>
    </row>
    <row r="768201" spans="14:14">
      <c r="N768201" s="10"/>
    </row>
    <row r="768202" spans="14:14">
      <c r="N768202" s="10"/>
    </row>
    <row r="768203" spans="14:14">
      <c r="N768203" s="10"/>
    </row>
    <row r="768204" spans="14:14">
      <c r="N768204" s="10"/>
    </row>
    <row r="768205" spans="14:14">
      <c r="N768205" s="10"/>
    </row>
    <row r="768206" spans="14:14">
      <c r="N768206" s="10"/>
    </row>
    <row r="768207" spans="14:14">
      <c r="N768207" s="10"/>
    </row>
    <row r="768208" spans="14:14">
      <c r="N768208" s="10"/>
    </row>
    <row r="768209" spans="14:14">
      <c r="N768209" s="10"/>
    </row>
    <row r="768210" spans="14:14">
      <c r="N768210" s="10"/>
    </row>
    <row r="768211" spans="14:14">
      <c r="N768211" s="10"/>
    </row>
    <row r="768212" spans="14:14">
      <c r="N768212" s="10"/>
    </row>
    <row r="768213" spans="14:14">
      <c r="N768213" s="10"/>
    </row>
    <row r="768214" spans="14:14">
      <c r="N768214" s="10"/>
    </row>
    <row r="768215" spans="14:14">
      <c r="N768215" s="10"/>
    </row>
    <row r="768216" spans="14:14">
      <c r="N768216" s="10"/>
    </row>
    <row r="768217" spans="14:14">
      <c r="N768217" s="10"/>
    </row>
    <row r="768218" spans="14:14">
      <c r="N768218" s="10"/>
    </row>
    <row r="768219" spans="14:14">
      <c r="N768219" s="10"/>
    </row>
    <row r="768220" spans="14:14">
      <c r="N768220" s="10"/>
    </row>
    <row r="768221" spans="14:14">
      <c r="N768221" s="10"/>
    </row>
    <row r="768222" spans="14:14">
      <c r="N768222" s="10"/>
    </row>
    <row r="768223" spans="14:14">
      <c r="N768223" s="10"/>
    </row>
    <row r="768224" spans="14:14">
      <c r="N768224" s="10"/>
    </row>
    <row r="768225" spans="14:14">
      <c r="N768225" s="10"/>
    </row>
    <row r="768226" spans="14:14">
      <c r="N768226" s="10"/>
    </row>
    <row r="768227" spans="14:14">
      <c r="N768227" s="10"/>
    </row>
    <row r="768228" spans="14:14">
      <c r="N768228" s="10"/>
    </row>
    <row r="768229" spans="14:14">
      <c r="N768229" s="10"/>
    </row>
    <row r="768230" spans="14:14">
      <c r="N768230" s="10"/>
    </row>
    <row r="768231" spans="14:14">
      <c r="N768231" s="10"/>
    </row>
    <row r="768232" spans="14:14">
      <c r="N768232" s="10"/>
    </row>
    <row r="768233" spans="14:14">
      <c r="N768233" s="10"/>
    </row>
    <row r="768234" spans="14:14">
      <c r="N768234" s="10"/>
    </row>
    <row r="768235" spans="14:14">
      <c r="N768235" s="10"/>
    </row>
    <row r="768236" spans="14:14">
      <c r="N768236" s="10"/>
    </row>
    <row r="768237" spans="14:14">
      <c r="N768237" s="10"/>
    </row>
    <row r="768238" spans="14:14">
      <c r="N768238" s="10"/>
    </row>
    <row r="768239" spans="14:14">
      <c r="N768239" s="10"/>
    </row>
    <row r="768240" spans="14:14">
      <c r="N768240" s="10"/>
    </row>
    <row r="768241" spans="14:14">
      <c r="N768241" s="10"/>
    </row>
    <row r="768242" spans="14:14">
      <c r="N768242" s="10"/>
    </row>
    <row r="768243" spans="14:14">
      <c r="N768243" s="10"/>
    </row>
    <row r="768244" spans="14:14">
      <c r="N768244" s="10"/>
    </row>
    <row r="768245" spans="14:14">
      <c r="N768245" s="10"/>
    </row>
    <row r="768246" spans="14:14">
      <c r="N768246" s="10"/>
    </row>
    <row r="768247" spans="14:14">
      <c r="N768247" s="10"/>
    </row>
    <row r="768248" spans="14:14">
      <c r="N768248" s="10"/>
    </row>
    <row r="768249" spans="14:14">
      <c r="N768249" s="10"/>
    </row>
    <row r="768250" spans="14:14">
      <c r="N768250" s="10"/>
    </row>
    <row r="768251" spans="14:14">
      <c r="N768251" s="10"/>
    </row>
    <row r="768252" spans="14:14">
      <c r="N768252" s="10"/>
    </row>
    <row r="768253" spans="14:14">
      <c r="N768253" s="10"/>
    </row>
    <row r="768254" spans="14:14">
      <c r="N768254" s="10"/>
    </row>
    <row r="768255" spans="14:14">
      <c r="N768255" s="10"/>
    </row>
    <row r="768256" spans="14:14">
      <c r="N768256" s="10"/>
    </row>
    <row r="768257" spans="14:14">
      <c r="N768257" s="10"/>
    </row>
    <row r="768258" spans="14:14">
      <c r="N768258" s="10"/>
    </row>
    <row r="768259" spans="14:14">
      <c r="N768259" s="10"/>
    </row>
    <row r="768260" spans="14:14">
      <c r="N768260" s="10"/>
    </row>
    <row r="768261" spans="14:14">
      <c r="N768261" s="10"/>
    </row>
    <row r="768262" spans="14:14">
      <c r="N768262" s="10"/>
    </row>
    <row r="768263" spans="14:14">
      <c r="N768263" s="10"/>
    </row>
    <row r="768264" spans="14:14">
      <c r="N768264" s="10"/>
    </row>
    <row r="768265" spans="14:14">
      <c r="N768265" s="10"/>
    </row>
    <row r="768266" spans="14:14">
      <c r="N768266" s="10"/>
    </row>
    <row r="768267" spans="14:14">
      <c r="N768267" s="10"/>
    </row>
    <row r="768268" spans="14:14">
      <c r="N768268" s="10"/>
    </row>
    <row r="768269" spans="14:14">
      <c r="N768269" s="10"/>
    </row>
    <row r="768270" spans="14:14">
      <c r="N768270" s="10"/>
    </row>
    <row r="768271" spans="14:14">
      <c r="N768271" s="10"/>
    </row>
    <row r="768272" spans="14:14">
      <c r="N768272" s="10"/>
    </row>
    <row r="768273" spans="14:14">
      <c r="N768273" s="10"/>
    </row>
    <row r="768274" spans="14:14">
      <c r="N768274" s="10"/>
    </row>
    <row r="768275" spans="14:14">
      <c r="N768275" s="10"/>
    </row>
    <row r="768276" spans="14:14">
      <c r="N768276" s="10"/>
    </row>
    <row r="768277" spans="14:14">
      <c r="N768277" s="10"/>
    </row>
    <row r="768278" spans="14:14">
      <c r="N768278" s="10"/>
    </row>
    <row r="768279" spans="14:14">
      <c r="N768279" s="10"/>
    </row>
    <row r="768280" spans="14:14">
      <c r="N768280" s="10"/>
    </row>
    <row r="768281" spans="14:14">
      <c r="N768281" s="10"/>
    </row>
    <row r="768282" spans="14:14">
      <c r="N768282" s="10"/>
    </row>
    <row r="768283" spans="14:14">
      <c r="N768283" s="10"/>
    </row>
    <row r="768284" spans="14:14">
      <c r="N768284" s="10"/>
    </row>
    <row r="768285" spans="14:14">
      <c r="N768285" s="10"/>
    </row>
    <row r="768286" spans="14:14">
      <c r="N768286" s="10"/>
    </row>
    <row r="768287" spans="14:14">
      <c r="N768287" s="10"/>
    </row>
    <row r="768288" spans="14:14">
      <c r="N768288" s="10"/>
    </row>
    <row r="768289" spans="14:14">
      <c r="N768289" s="10"/>
    </row>
    <row r="768290" spans="14:14">
      <c r="N768290" s="10"/>
    </row>
    <row r="768291" spans="14:14">
      <c r="N768291" s="10"/>
    </row>
    <row r="768292" spans="14:14">
      <c r="N768292" s="10"/>
    </row>
    <row r="768293" spans="14:14">
      <c r="N768293" s="10"/>
    </row>
    <row r="768294" spans="14:14">
      <c r="N768294" s="10"/>
    </row>
    <row r="768295" spans="14:14">
      <c r="N768295" s="10"/>
    </row>
    <row r="768296" spans="14:14">
      <c r="N768296" s="10"/>
    </row>
    <row r="768297" spans="14:14">
      <c r="N768297" s="10"/>
    </row>
    <row r="768298" spans="14:14">
      <c r="N768298" s="10"/>
    </row>
    <row r="768299" spans="14:14">
      <c r="N768299" s="10"/>
    </row>
    <row r="768300" spans="14:14">
      <c r="N768300" s="10"/>
    </row>
    <row r="768301" spans="14:14">
      <c r="N768301" s="10"/>
    </row>
    <row r="768302" spans="14:14">
      <c r="N768302" s="10"/>
    </row>
    <row r="768303" spans="14:14">
      <c r="N768303" s="10"/>
    </row>
    <row r="768304" spans="14:14">
      <c r="N768304" s="10"/>
    </row>
    <row r="768305" spans="14:14">
      <c r="N768305" s="10"/>
    </row>
    <row r="768306" spans="14:14">
      <c r="N768306" s="10"/>
    </row>
    <row r="768307" spans="14:14">
      <c r="N768307" s="10"/>
    </row>
    <row r="768308" spans="14:14">
      <c r="N768308" s="10"/>
    </row>
    <row r="768309" spans="14:14">
      <c r="N768309" s="10"/>
    </row>
    <row r="768310" spans="14:14">
      <c r="N768310" s="10"/>
    </row>
    <row r="768311" spans="14:14">
      <c r="N768311" s="10"/>
    </row>
    <row r="768312" spans="14:14">
      <c r="N768312" s="10"/>
    </row>
    <row r="768313" spans="14:14">
      <c r="N768313" s="10"/>
    </row>
    <row r="768314" spans="14:14">
      <c r="N768314" s="10"/>
    </row>
    <row r="768315" spans="14:14">
      <c r="N768315" s="10"/>
    </row>
    <row r="768316" spans="14:14">
      <c r="N768316" s="10"/>
    </row>
    <row r="768317" spans="14:14">
      <c r="N768317" s="10"/>
    </row>
    <row r="768318" spans="14:14">
      <c r="N768318" s="10"/>
    </row>
    <row r="768319" spans="14:14">
      <c r="N768319" s="10"/>
    </row>
    <row r="768320" spans="14:14">
      <c r="N768320" s="10"/>
    </row>
    <row r="768321" spans="14:14">
      <c r="N768321" s="10"/>
    </row>
    <row r="768322" spans="14:14">
      <c r="N768322" s="10"/>
    </row>
    <row r="768323" spans="14:14">
      <c r="N768323" s="10"/>
    </row>
    <row r="768324" spans="14:14">
      <c r="N768324" s="10"/>
    </row>
    <row r="768325" spans="14:14">
      <c r="N768325" s="10"/>
    </row>
    <row r="768326" spans="14:14">
      <c r="N768326" s="10"/>
    </row>
    <row r="768327" spans="14:14">
      <c r="N768327" s="10"/>
    </row>
    <row r="768328" spans="14:14">
      <c r="N768328" s="10"/>
    </row>
    <row r="768329" spans="14:14">
      <c r="N768329" s="10"/>
    </row>
    <row r="768330" spans="14:14">
      <c r="N768330" s="10"/>
    </row>
    <row r="768331" spans="14:14">
      <c r="N768331" s="10"/>
    </row>
    <row r="768332" spans="14:14">
      <c r="N768332" s="10"/>
    </row>
    <row r="768333" spans="14:14">
      <c r="N768333" s="10"/>
    </row>
    <row r="768334" spans="14:14">
      <c r="N768334" s="10"/>
    </row>
    <row r="768335" spans="14:14">
      <c r="N768335" s="10"/>
    </row>
    <row r="768336" spans="14:14">
      <c r="N768336" s="10"/>
    </row>
    <row r="768337" spans="14:14">
      <c r="N768337" s="10"/>
    </row>
    <row r="768338" spans="14:14">
      <c r="N768338" s="10"/>
    </row>
    <row r="768339" spans="14:14">
      <c r="N768339" s="10"/>
    </row>
    <row r="768340" spans="14:14">
      <c r="N768340" s="10"/>
    </row>
    <row r="768341" spans="14:14">
      <c r="N768341" s="10"/>
    </row>
    <row r="768342" spans="14:14">
      <c r="N768342" s="10"/>
    </row>
    <row r="768343" spans="14:14">
      <c r="N768343" s="10"/>
    </row>
    <row r="768344" spans="14:14">
      <c r="N768344" s="10"/>
    </row>
    <row r="768345" spans="14:14">
      <c r="N768345" s="10"/>
    </row>
    <row r="768346" spans="14:14">
      <c r="N768346" s="10"/>
    </row>
    <row r="768347" spans="14:14">
      <c r="N768347" s="10"/>
    </row>
    <row r="768348" spans="14:14">
      <c r="N768348" s="10"/>
    </row>
    <row r="768349" spans="14:14">
      <c r="N768349" s="10"/>
    </row>
    <row r="768350" spans="14:14">
      <c r="N768350" s="10"/>
    </row>
    <row r="768351" spans="14:14">
      <c r="N768351" s="10"/>
    </row>
    <row r="768352" spans="14:14">
      <c r="N768352" s="10"/>
    </row>
    <row r="768353" spans="14:14">
      <c r="N768353" s="10"/>
    </row>
    <row r="768354" spans="14:14">
      <c r="N768354" s="10"/>
    </row>
    <row r="768355" spans="14:14">
      <c r="N768355" s="10"/>
    </row>
    <row r="768356" spans="14:14">
      <c r="N768356" s="10"/>
    </row>
    <row r="768357" spans="14:14">
      <c r="N768357" s="10"/>
    </row>
    <row r="768358" spans="14:14">
      <c r="N768358" s="10"/>
    </row>
    <row r="768359" spans="14:14">
      <c r="N768359" s="10"/>
    </row>
    <row r="768360" spans="14:14">
      <c r="N768360" s="10"/>
    </row>
    <row r="768361" spans="14:14">
      <c r="N768361" s="10"/>
    </row>
    <row r="768362" spans="14:14">
      <c r="N768362" s="10"/>
    </row>
    <row r="768363" spans="14:14">
      <c r="N768363" s="10"/>
    </row>
    <row r="768364" spans="14:14">
      <c r="N768364" s="10"/>
    </row>
    <row r="768365" spans="14:14">
      <c r="N768365" s="10"/>
    </row>
    <row r="768366" spans="14:14">
      <c r="N768366" s="10"/>
    </row>
    <row r="768367" spans="14:14">
      <c r="N768367" s="10"/>
    </row>
    <row r="768368" spans="14:14">
      <c r="N768368" s="10"/>
    </row>
    <row r="768369" spans="14:14">
      <c r="N768369" s="10"/>
    </row>
    <row r="768370" spans="14:14">
      <c r="N768370" s="10"/>
    </row>
    <row r="768371" spans="14:14">
      <c r="N768371" s="10"/>
    </row>
    <row r="768372" spans="14:14">
      <c r="N768372" s="10"/>
    </row>
    <row r="768373" spans="14:14">
      <c r="N768373" s="10"/>
    </row>
    <row r="768374" spans="14:14">
      <c r="N768374" s="10"/>
    </row>
    <row r="768375" spans="14:14">
      <c r="N768375" s="10"/>
    </row>
    <row r="768376" spans="14:14">
      <c r="N768376" s="10"/>
    </row>
    <row r="768377" spans="14:14">
      <c r="N768377" s="10"/>
    </row>
    <row r="768378" spans="14:14">
      <c r="N768378" s="10"/>
    </row>
    <row r="768379" spans="14:14">
      <c r="N768379" s="10"/>
    </row>
    <row r="768380" spans="14:14">
      <c r="N768380" s="10"/>
    </row>
    <row r="768381" spans="14:14">
      <c r="N768381" s="10"/>
    </row>
    <row r="768382" spans="14:14">
      <c r="N768382" s="10"/>
    </row>
    <row r="768383" spans="14:14">
      <c r="N768383" s="10"/>
    </row>
    <row r="768384" spans="14:14">
      <c r="N768384" s="10"/>
    </row>
    <row r="768385" spans="14:14">
      <c r="N768385" s="10"/>
    </row>
    <row r="768386" spans="14:14">
      <c r="N768386" s="10"/>
    </row>
    <row r="768387" spans="14:14">
      <c r="N768387" s="10"/>
    </row>
    <row r="768388" spans="14:14">
      <c r="N768388" s="10"/>
    </row>
    <row r="768389" spans="14:14">
      <c r="N768389" s="10"/>
    </row>
    <row r="768390" spans="14:14">
      <c r="N768390" s="10"/>
    </row>
    <row r="768391" spans="14:14">
      <c r="N768391" s="10"/>
    </row>
    <row r="768392" spans="14:14">
      <c r="N768392" s="10"/>
    </row>
    <row r="768393" spans="14:14">
      <c r="N768393" s="10"/>
    </row>
    <row r="768394" spans="14:14">
      <c r="N768394" s="10"/>
    </row>
    <row r="768395" spans="14:14">
      <c r="N768395" s="10"/>
    </row>
    <row r="768396" spans="14:14">
      <c r="N768396" s="10"/>
    </row>
    <row r="768397" spans="14:14">
      <c r="N768397" s="10"/>
    </row>
    <row r="768398" spans="14:14">
      <c r="N768398" s="10"/>
    </row>
    <row r="768399" spans="14:14">
      <c r="N768399" s="10"/>
    </row>
    <row r="768400" spans="14:14">
      <c r="N768400" s="10"/>
    </row>
    <row r="768401" spans="14:14">
      <c r="N768401" s="10"/>
    </row>
    <row r="768402" spans="14:14">
      <c r="N768402" s="10"/>
    </row>
    <row r="768403" spans="14:14">
      <c r="N768403" s="10"/>
    </row>
    <row r="768404" spans="14:14">
      <c r="N768404" s="10"/>
    </row>
    <row r="768405" spans="14:14">
      <c r="N768405" s="10"/>
    </row>
    <row r="768406" spans="14:14">
      <c r="N768406" s="10"/>
    </row>
    <row r="768407" spans="14:14">
      <c r="N768407" s="10"/>
    </row>
    <row r="768408" spans="14:14">
      <c r="N768408" s="10"/>
    </row>
    <row r="768409" spans="14:14">
      <c r="N768409" s="10"/>
    </row>
    <row r="768410" spans="14:14">
      <c r="N768410" s="10"/>
    </row>
    <row r="768411" spans="14:14">
      <c r="N768411" s="10"/>
    </row>
    <row r="768412" spans="14:14">
      <c r="N768412" s="10"/>
    </row>
    <row r="768413" spans="14:14">
      <c r="N768413" s="10"/>
    </row>
    <row r="768414" spans="14:14">
      <c r="N768414" s="10"/>
    </row>
    <row r="768415" spans="14:14">
      <c r="N768415" s="10"/>
    </row>
    <row r="768416" spans="14:14">
      <c r="N768416" s="10"/>
    </row>
    <row r="768417" spans="14:14">
      <c r="N768417" s="10"/>
    </row>
    <row r="768418" spans="14:14">
      <c r="N768418" s="10"/>
    </row>
    <row r="768419" spans="14:14">
      <c r="N768419" s="10"/>
    </row>
    <row r="768420" spans="14:14">
      <c r="N768420" s="10"/>
    </row>
    <row r="768421" spans="14:14">
      <c r="N768421" s="10"/>
    </row>
    <row r="768422" spans="14:14">
      <c r="N768422" s="10"/>
    </row>
    <row r="768423" spans="14:14">
      <c r="N768423" s="10"/>
    </row>
    <row r="768424" spans="14:14">
      <c r="N768424" s="10"/>
    </row>
    <row r="768425" spans="14:14">
      <c r="N768425" s="10"/>
    </row>
    <row r="768426" spans="14:14">
      <c r="N768426" s="10"/>
    </row>
    <row r="768427" spans="14:14">
      <c r="N768427" s="10"/>
    </row>
    <row r="768428" spans="14:14">
      <c r="N768428" s="10"/>
    </row>
    <row r="768429" spans="14:14">
      <c r="N768429" s="10"/>
    </row>
    <row r="768430" spans="14:14">
      <c r="N768430" s="10"/>
    </row>
    <row r="768431" spans="14:14">
      <c r="N768431" s="10"/>
    </row>
    <row r="768432" spans="14:14">
      <c r="N768432" s="10"/>
    </row>
    <row r="768433" spans="14:14">
      <c r="N768433" s="10"/>
    </row>
    <row r="768434" spans="14:14">
      <c r="N768434" s="10"/>
    </row>
    <row r="768435" spans="14:14">
      <c r="N768435" s="10"/>
    </row>
    <row r="768436" spans="14:14">
      <c r="N768436" s="10"/>
    </row>
    <row r="768437" spans="14:14">
      <c r="N768437" s="10"/>
    </row>
    <row r="768438" spans="14:14">
      <c r="N768438" s="10"/>
    </row>
    <row r="768439" spans="14:14">
      <c r="N768439" s="10"/>
    </row>
    <row r="768440" spans="14:14">
      <c r="N768440" s="10"/>
    </row>
    <row r="768441" spans="14:14">
      <c r="N768441" s="10"/>
    </row>
    <row r="768442" spans="14:14">
      <c r="N768442" s="10"/>
    </row>
    <row r="768443" spans="14:14">
      <c r="N768443" s="10"/>
    </row>
    <row r="768444" spans="14:14">
      <c r="N768444" s="10"/>
    </row>
    <row r="768445" spans="14:14">
      <c r="N768445" s="10"/>
    </row>
    <row r="768446" spans="14:14">
      <c r="N768446" s="10"/>
    </row>
    <row r="768447" spans="14:14">
      <c r="N768447" s="10"/>
    </row>
    <row r="768448" spans="14:14">
      <c r="N768448" s="10"/>
    </row>
    <row r="768449" spans="14:14">
      <c r="N768449" s="10"/>
    </row>
    <row r="768450" spans="14:14">
      <c r="N768450" s="10"/>
    </row>
    <row r="768451" spans="14:14">
      <c r="N768451" s="10"/>
    </row>
    <row r="768452" spans="14:14">
      <c r="N768452" s="10"/>
    </row>
    <row r="768453" spans="14:14">
      <c r="N768453" s="10"/>
    </row>
    <row r="768454" spans="14:14">
      <c r="N768454" s="10"/>
    </row>
    <row r="768455" spans="14:14">
      <c r="N768455" s="10"/>
    </row>
    <row r="768456" spans="14:14">
      <c r="N768456" s="10"/>
    </row>
    <row r="768457" spans="14:14">
      <c r="N768457" s="10"/>
    </row>
    <row r="768458" spans="14:14">
      <c r="N768458" s="10"/>
    </row>
    <row r="768459" spans="14:14">
      <c r="N768459" s="10"/>
    </row>
    <row r="768460" spans="14:14">
      <c r="N768460" s="10"/>
    </row>
    <row r="768461" spans="14:14">
      <c r="N768461" s="10"/>
    </row>
    <row r="768462" spans="14:14">
      <c r="N768462" s="10"/>
    </row>
    <row r="768463" spans="14:14">
      <c r="N768463" s="10"/>
    </row>
    <row r="768464" spans="14:14">
      <c r="N768464" s="10"/>
    </row>
    <row r="768465" spans="14:14">
      <c r="N768465" s="10"/>
    </row>
    <row r="768466" spans="14:14">
      <c r="N768466" s="10"/>
    </row>
    <row r="768467" spans="14:14">
      <c r="N768467" s="10"/>
    </row>
    <row r="768468" spans="14:14">
      <c r="N768468" s="10"/>
    </row>
    <row r="768469" spans="14:14">
      <c r="N768469" s="10"/>
    </row>
    <row r="768470" spans="14:14">
      <c r="N768470" s="10"/>
    </row>
    <row r="768471" spans="14:14">
      <c r="N768471" s="10"/>
    </row>
    <row r="768472" spans="14:14">
      <c r="N768472" s="10"/>
    </row>
    <row r="768473" spans="14:14">
      <c r="N768473" s="10"/>
    </row>
    <row r="768474" spans="14:14">
      <c r="N768474" s="10"/>
    </row>
    <row r="768475" spans="14:14">
      <c r="N768475" s="10"/>
    </row>
    <row r="768476" spans="14:14">
      <c r="N768476" s="10"/>
    </row>
    <row r="768477" spans="14:14">
      <c r="N768477" s="10"/>
    </row>
    <row r="768478" spans="14:14">
      <c r="N768478" s="10"/>
    </row>
    <row r="768479" spans="14:14">
      <c r="N768479" s="10"/>
    </row>
    <row r="768480" spans="14:14">
      <c r="N768480" s="10"/>
    </row>
    <row r="768481" spans="14:14">
      <c r="N768481" s="10"/>
    </row>
    <row r="768482" spans="14:14">
      <c r="N768482" s="10"/>
    </row>
    <row r="768483" spans="14:14">
      <c r="N768483" s="10"/>
    </row>
    <row r="768484" spans="14:14">
      <c r="N768484" s="10"/>
    </row>
    <row r="768485" spans="14:14">
      <c r="N768485" s="10"/>
    </row>
    <row r="768486" spans="14:14">
      <c r="N768486" s="10"/>
    </row>
    <row r="768487" spans="14:14">
      <c r="N768487" s="10"/>
    </row>
    <row r="768488" spans="14:14">
      <c r="N768488" s="10"/>
    </row>
    <row r="768489" spans="14:14">
      <c r="N768489" s="10"/>
    </row>
    <row r="768490" spans="14:14">
      <c r="N768490" s="10"/>
    </row>
    <row r="768491" spans="14:14">
      <c r="N768491" s="10"/>
    </row>
    <row r="768492" spans="14:14">
      <c r="N768492" s="10"/>
    </row>
    <row r="768493" spans="14:14">
      <c r="N768493" s="10"/>
    </row>
    <row r="768494" spans="14:14">
      <c r="N768494" s="10"/>
    </row>
    <row r="768495" spans="14:14">
      <c r="N768495" s="10"/>
    </row>
    <row r="768496" spans="14:14">
      <c r="N768496" s="10"/>
    </row>
    <row r="768497" spans="14:14">
      <c r="N768497" s="10"/>
    </row>
    <row r="768498" spans="14:14">
      <c r="N768498" s="10"/>
    </row>
    <row r="768499" spans="14:14">
      <c r="N768499" s="10"/>
    </row>
    <row r="768500" spans="14:14">
      <c r="N768500" s="10"/>
    </row>
    <row r="768501" spans="14:14">
      <c r="N768501" s="10"/>
    </row>
    <row r="768502" spans="14:14">
      <c r="N768502" s="10"/>
    </row>
    <row r="768503" spans="14:14">
      <c r="N768503" s="10"/>
    </row>
    <row r="768504" spans="14:14">
      <c r="N768504" s="10"/>
    </row>
    <row r="768505" spans="14:14">
      <c r="N768505" s="10"/>
    </row>
    <row r="768506" spans="14:14">
      <c r="N768506" s="10"/>
    </row>
    <row r="768507" spans="14:14">
      <c r="N768507" s="10"/>
    </row>
    <row r="768508" spans="14:14">
      <c r="N768508" s="10"/>
    </row>
    <row r="768509" spans="14:14">
      <c r="N768509" s="10"/>
    </row>
    <row r="768510" spans="14:14">
      <c r="N768510" s="10"/>
    </row>
    <row r="768511" spans="14:14">
      <c r="N768511" s="10"/>
    </row>
    <row r="768512" spans="14:14">
      <c r="N768512" s="10"/>
    </row>
    <row r="768513" spans="14:14">
      <c r="N768513" s="10"/>
    </row>
    <row r="768514" spans="14:14">
      <c r="N768514" s="10"/>
    </row>
    <row r="768515" spans="14:14">
      <c r="N768515" s="10"/>
    </row>
    <row r="768516" spans="14:14">
      <c r="N768516" s="10"/>
    </row>
    <row r="768517" spans="14:14">
      <c r="N768517" s="10"/>
    </row>
    <row r="768518" spans="14:14">
      <c r="N768518" s="10"/>
    </row>
    <row r="768519" spans="14:14">
      <c r="N768519" s="10"/>
    </row>
    <row r="768520" spans="14:14">
      <c r="N768520" s="10"/>
    </row>
    <row r="768521" spans="14:14">
      <c r="N768521" s="10"/>
    </row>
    <row r="768522" spans="14:14">
      <c r="N768522" s="10"/>
    </row>
    <row r="768523" spans="14:14">
      <c r="N768523" s="10"/>
    </row>
    <row r="768524" spans="14:14">
      <c r="N768524" s="10"/>
    </row>
    <row r="768525" spans="14:14">
      <c r="N768525" s="10"/>
    </row>
    <row r="768526" spans="14:14">
      <c r="N768526" s="10"/>
    </row>
    <row r="768527" spans="14:14">
      <c r="N768527" s="10"/>
    </row>
    <row r="768528" spans="14:14">
      <c r="N768528" s="10"/>
    </row>
    <row r="768529" spans="14:14">
      <c r="N768529" s="10"/>
    </row>
    <row r="768530" spans="14:14">
      <c r="N768530" s="10"/>
    </row>
    <row r="768531" spans="14:14">
      <c r="N768531" s="10"/>
    </row>
    <row r="768532" spans="14:14">
      <c r="N768532" s="10"/>
    </row>
    <row r="768533" spans="14:14">
      <c r="N768533" s="10"/>
    </row>
    <row r="768534" spans="14:14">
      <c r="N768534" s="10"/>
    </row>
    <row r="768535" spans="14:14">
      <c r="N768535" s="10"/>
    </row>
    <row r="768536" spans="14:14">
      <c r="N768536" s="10"/>
    </row>
    <row r="768537" spans="14:14">
      <c r="N768537" s="10"/>
    </row>
    <row r="768538" spans="14:14">
      <c r="N768538" s="10"/>
    </row>
    <row r="768539" spans="14:14">
      <c r="N768539" s="10"/>
    </row>
    <row r="768540" spans="14:14">
      <c r="N768540" s="10"/>
    </row>
    <row r="768541" spans="14:14">
      <c r="N768541" s="10"/>
    </row>
    <row r="768542" spans="14:14">
      <c r="N768542" s="10"/>
    </row>
    <row r="768543" spans="14:14">
      <c r="N768543" s="10"/>
    </row>
    <row r="768544" spans="14:14">
      <c r="N768544" s="10"/>
    </row>
    <row r="768545" spans="14:14">
      <c r="N768545" s="10"/>
    </row>
    <row r="768546" spans="14:14">
      <c r="N768546" s="10"/>
    </row>
    <row r="768547" spans="14:14">
      <c r="N768547" s="10"/>
    </row>
    <row r="768548" spans="14:14">
      <c r="N768548" s="10"/>
    </row>
    <row r="768549" spans="14:14">
      <c r="N768549" s="10"/>
    </row>
    <row r="768550" spans="14:14">
      <c r="N768550" s="10"/>
    </row>
    <row r="768551" spans="14:14">
      <c r="N768551" s="10"/>
    </row>
    <row r="768552" spans="14:14">
      <c r="N768552" s="10"/>
    </row>
    <row r="768553" spans="14:14">
      <c r="N768553" s="10"/>
    </row>
    <row r="768554" spans="14:14">
      <c r="N768554" s="10"/>
    </row>
    <row r="768555" spans="14:14">
      <c r="N768555" s="10"/>
    </row>
    <row r="768556" spans="14:14">
      <c r="N768556" s="10"/>
    </row>
    <row r="768557" spans="14:14">
      <c r="N768557" s="10"/>
    </row>
    <row r="768558" spans="14:14">
      <c r="N768558" s="10"/>
    </row>
    <row r="768559" spans="14:14">
      <c r="N768559" s="10"/>
    </row>
    <row r="768560" spans="14:14">
      <c r="N768560" s="10"/>
    </row>
    <row r="768561" spans="14:14">
      <c r="N768561" s="10"/>
    </row>
    <row r="768562" spans="14:14">
      <c r="N768562" s="10"/>
    </row>
    <row r="768563" spans="14:14">
      <c r="N768563" s="10"/>
    </row>
    <row r="768564" spans="14:14">
      <c r="N768564" s="10"/>
    </row>
    <row r="768565" spans="14:14">
      <c r="N768565" s="10"/>
    </row>
    <row r="768566" spans="14:14">
      <c r="N768566" s="10"/>
    </row>
    <row r="768567" spans="14:14">
      <c r="N768567" s="10"/>
    </row>
    <row r="768568" spans="14:14">
      <c r="N768568" s="10"/>
    </row>
    <row r="768569" spans="14:14">
      <c r="N768569" s="10"/>
    </row>
    <row r="768570" spans="14:14">
      <c r="N768570" s="10"/>
    </row>
    <row r="768571" spans="14:14">
      <c r="N768571" s="10"/>
    </row>
    <row r="768572" spans="14:14">
      <c r="N768572" s="10"/>
    </row>
    <row r="768573" spans="14:14">
      <c r="N768573" s="10"/>
    </row>
    <row r="768574" spans="14:14">
      <c r="N768574" s="10"/>
    </row>
    <row r="768575" spans="14:14">
      <c r="N768575" s="10"/>
    </row>
    <row r="768576" spans="14:14">
      <c r="N768576" s="10"/>
    </row>
    <row r="768577" spans="14:14">
      <c r="N768577" s="10"/>
    </row>
    <row r="768578" spans="14:14">
      <c r="N768578" s="10"/>
    </row>
    <row r="768579" spans="14:14">
      <c r="N768579" s="10"/>
    </row>
    <row r="768580" spans="14:14">
      <c r="N768580" s="10"/>
    </row>
    <row r="768581" spans="14:14">
      <c r="N768581" s="10"/>
    </row>
    <row r="768582" spans="14:14">
      <c r="N768582" s="10"/>
    </row>
    <row r="768583" spans="14:14">
      <c r="N768583" s="10"/>
    </row>
    <row r="768584" spans="14:14">
      <c r="N768584" s="10"/>
    </row>
    <row r="768585" spans="14:14">
      <c r="N768585" s="10"/>
    </row>
    <row r="768586" spans="14:14">
      <c r="N768586" s="10"/>
    </row>
    <row r="768587" spans="14:14">
      <c r="N768587" s="10"/>
    </row>
    <row r="768588" spans="14:14">
      <c r="N768588" s="10"/>
    </row>
    <row r="768589" spans="14:14">
      <c r="N768589" s="10"/>
    </row>
    <row r="768590" spans="14:14">
      <c r="N768590" s="10"/>
    </row>
    <row r="768591" spans="14:14">
      <c r="N768591" s="10"/>
    </row>
    <row r="768592" spans="14:14">
      <c r="N768592" s="10"/>
    </row>
    <row r="768593" spans="14:14">
      <c r="N768593" s="10"/>
    </row>
    <row r="768594" spans="14:14">
      <c r="N768594" s="10"/>
    </row>
    <row r="768595" spans="14:14">
      <c r="N768595" s="10"/>
    </row>
    <row r="768596" spans="14:14">
      <c r="N768596" s="10"/>
    </row>
    <row r="768597" spans="14:14">
      <c r="N768597" s="10"/>
    </row>
    <row r="768598" spans="14:14">
      <c r="N768598" s="10"/>
    </row>
    <row r="768599" spans="14:14">
      <c r="N768599" s="10"/>
    </row>
    <row r="768600" spans="14:14">
      <c r="N768600" s="10"/>
    </row>
    <row r="768601" spans="14:14">
      <c r="N768601" s="10"/>
    </row>
    <row r="768602" spans="14:14">
      <c r="N768602" s="10"/>
    </row>
    <row r="768603" spans="14:14">
      <c r="N768603" s="10"/>
    </row>
    <row r="768604" spans="14:14">
      <c r="N768604" s="10"/>
    </row>
    <row r="768605" spans="14:14">
      <c r="N768605" s="10"/>
    </row>
    <row r="768606" spans="14:14">
      <c r="N768606" s="10"/>
    </row>
    <row r="768607" spans="14:14">
      <c r="N768607" s="10"/>
    </row>
    <row r="768608" spans="14:14">
      <c r="N768608" s="10"/>
    </row>
    <row r="768609" spans="14:14">
      <c r="N768609" s="10"/>
    </row>
    <row r="768610" spans="14:14">
      <c r="N768610" s="10"/>
    </row>
    <row r="768611" spans="14:14">
      <c r="N768611" s="10"/>
    </row>
    <row r="768612" spans="14:14">
      <c r="N768612" s="10"/>
    </row>
    <row r="768613" spans="14:14">
      <c r="N768613" s="10"/>
    </row>
    <row r="768614" spans="14:14">
      <c r="N768614" s="10"/>
    </row>
    <row r="768615" spans="14:14">
      <c r="N768615" s="10"/>
    </row>
    <row r="768616" spans="14:14">
      <c r="N768616" s="10"/>
    </row>
    <row r="768617" spans="14:14">
      <c r="N768617" s="10"/>
    </row>
    <row r="768618" spans="14:14">
      <c r="N768618" s="10"/>
    </row>
    <row r="768619" spans="14:14">
      <c r="N768619" s="10"/>
    </row>
    <row r="768620" spans="14:14">
      <c r="N768620" s="10"/>
    </row>
    <row r="768621" spans="14:14">
      <c r="N768621" s="10"/>
    </row>
    <row r="768622" spans="14:14">
      <c r="N768622" s="10"/>
    </row>
    <row r="768623" spans="14:14">
      <c r="N768623" s="10"/>
    </row>
    <row r="768624" spans="14:14">
      <c r="N768624" s="10"/>
    </row>
    <row r="768625" spans="14:14">
      <c r="N768625" s="10"/>
    </row>
    <row r="768626" spans="14:14">
      <c r="N768626" s="10"/>
    </row>
    <row r="768627" spans="14:14">
      <c r="N768627" s="10"/>
    </row>
    <row r="768628" spans="14:14">
      <c r="N768628" s="10"/>
    </row>
    <row r="768629" spans="14:14">
      <c r="N768629" s="10"/>
    </row>
    <row r="768630" spans="14:14">
      <c r="N768630" s="10"/>
    </row>
    <row r="768631" spans="14:14">
      <c r="N768631" s="10"/>
    </row>
    <row r="768632" spans="14:14">
      <c r="N768632" s="10"/>
    </row>
    <row r="768633" spans="14:14">
      <c r="N768633" s="10"/>
    </row>
    <row r="768634" spans="14:14">
      <c r="N768634" s="10"/>
    </row>
    <row r="768635" spans="14:14">
      <c r="N768635" s="10"/>
    </row>
    <row r="768636" spans="14:14">
      <c r="N768636" s="10"/>
    </row>
    <row r="768637" spans="14:14">
      <c r="N768637" s="10"/>
    </row>
    <row r="768638" spans="14:14">
      <c r="N768638" s="10"/>
    </row>
    <row r="768639" spans="14:14">
      <c r="N768639" s="10"/>
    </row>
    <row r="768640" spans="14:14">
      <c r="N768640" s="10"/>
    </row>
    <row r="768641" spans="14:14">
      <c r="N768641" s="10"/>
    </row>
    <row r="768642" spans="14:14">
      <c r="N768642" s="10"/>
    </row>
    <row r="768643" spans="14:14">
      <c r="N768643" s="10"/>
    </row>
    <row r="768644" spans="14:14">
      <c r="N768644" s="10"/>
    </row>
    <row r="768645" spans="14:14">
      <c r="N768645" s="10"/>
    </row>
    <row r="768646" spans="14:14">
      <c r="N768646" s="10"/>
    </row>
    <row r="768647" spans="14:14">
      <c r="N768647" s="10"/>
    </row>
    <row r="768648" spans="14:14">
      <c r="N768648" s="10"/>
    </row>
    <row r="768649" spans="14:14">
      <c r="N768649" s="10"/>
    </row>
    <row r="768650" spans="14:14">
      <c r="N768650" s="10"/>
    </row>
    <row r="768651" spans="14:14">
      <c r="N768651" s="10"/>
    </row>
    <row r="768652" spans="14:14">
      <c r="N768652" s="10"/>
    </row>
    <row r="768653" spans="14:14">
      <c r="N768653" s="10"/>
    </row>
    <row r="768654" spans="14:14">
      <c r="N768654" s="10"/>
    </row>
    <row r="768655" spans="14:14">
      <c r="N768655" s="10"/>
    </row>
    <row r="768656" spans="14:14">
      <c r="N768656" s="10"/>
    </row>
    <row r="768657" spans="14:14">
      <c r="N768657" s="10"/>
    </row>
    <row r="768658" spans="14:14">
      <c r="N768658" s="10"/>
    </row>
    <row r="768659" spans="14:14">
      <c r="N768659" s="10"/>
    </row>
    <row r="768660" spans="14:14">
      <c r="N768660" s="10"/>
    </row>
    <row r="768661" spans="14:14">
      <c r="N768661" s="10"/>
    </row>
    <row r="768662" spans="14:14">
      <c r="N768662" s="10"/>
    </row>
    <row r="768663" spans="14:14">
      <c r="N768663" s="10"/>
    </row>
    <row r="768664" spans="14:14">
      <c r="N768664" s="10"/>
    </row>
    <row r="768665" spans="14:14">
      <c r="N768665" s="10"/>
    </row>
    <row r="768666" spans="14:14">
      <c r="N768666" s="10"/>
    </row>
    <row r="768667" spans="14:14">
      <c r="N768667" s="10"/>
    </row>
    <row r="768668" spans="14:14">
      <c r="N768668" s="10"/>
    </row>
    <row r="768669" spans="14:14">
      <c r="N768669" s="10"/>
    </row>
    <row r="768670" spans="14:14">
      <c r="N768670" s="10"/>
    </row>
    <row r="768671" spans="14:14">
      <c r="N768671" s="10"/>
    </row>
    <row r="768672" spans="14:14">
      <c r="N768672" s="10"/>
    </row>
    <row r="768673" spans="14:14">
      <c r="N768673" s="10"/>
    </row>
    <row r="768674" spans="14:14">
      <c r="N768674" s="10"/>
    </row>
    <row r="768675" spans="14:14">
      <c r="N768675" s="10"/>
    </row>
    <row r="768676" spans="14:14">
      <c r="N768676" s="10"/>
    </row>
    <row r="768677" spans="14:14">
      <c r="N768677" s="10"/>
    </row>
    <row r="768678" spans="14:14">
      <c r="N768678" s="10"/>
    </row>
    <row r="768679" spans="14:14">
      <c r="N768679" s="10"/>
    </row>
    <row r="768680" spans="14:14">
      <c r="N768680" s="10"/>
    </row>
    <row r="768681" spans="14:14">
      <c r="N768681" s="10"/>
    </row>
    <row r="768682" spans="14:14">
      <c r="N768682" s="10"/>
    </row>
    <row r="768683" spans="14:14">
      <c r="N768683" s="10"/>
    </row>
    <row r="768684" spans="14:14">
      <c r="N768684" s="10"/>
    </row>
    <row r="768685" spans="14:14">
      <c r="N768685" s="10"/>
    </row>
    <row r="768686" spans="14:14">
      <c r="N768686" s="10"/>
    </row>
    <row r="768687" spans="14:14">
      <c r="N768687" s="10"/>
    </row>
    <row r="768688" spans="14:14">
      <c r="N768688" s="10"/>
    </row>
    <row r="768689" spans="14:14">
      <c r="N768689" s="10"/>
    </row>
    <row r="768690" spans="14:14">
      <c r="N768690" s="10"/>
    </row>
    <row r="768691" spans="14:14">
      <c r="N768691" s="10"/>
    </row>
    <row r="768692" spans="14:14">
      <c r="N768692" s="10"/>
    </row>
    <row r="768693" spans="14:14">
      <c r="N768693" s="10"/>
    </row>
    <row r="768694" spans="14:14">
      <c r="N768694" s="10"/>
    </row>
    <row r="768695" spans="14:14">
      <c r="N768695" s="10"/>
    </row>
    <row r="768696" spans="14:14">
      <c r="N768696" s="10"/>
    </row>
    <row r="768697" spans="14:14">
      <c r="N768697" s="10"/>
    </row>
    <row r="768698" spans="14:14">
      <c r="N768698" s="10"/>
    </row>
    <row r="768699" spans="14:14">
      <c r="N768699" s="10"/>
    </row>
    <row r="768700" spans="14:14">
      <c r="N768700" s="10"/>
    </row>
    <row r="768701" spans="14:14">
      <c r="N768701" s="10"/>
    </row>
    <row r="768702" spans="14:14">
      <c r="N768702" s="10"/>
    </row>
    <row r="768703" spans="14:14">
      <c r="N768703" s="10"/>
    </row>
    <row r="768704" spans="14:14">
      <c r="N768704" s="10"/>
    </row>
    <row r="768705" spans="14:14">
      <c r="N768705" s="10"/>
    </row>
    <row r="768706" spans="14:14">
      <c r="N768706" s="10"/>
    </row>
    <row r="768707" spans="14:14">
      <c r="N768707" s="10"/>
    </row>
    <row r="768708" spans="14:14">
      <c r="N768708" s="10"/>
    </row>
    <row r="768709" spans="14:14">
      <c r="N768709" s="10"/>
    </row>
    <row r="768710" spans="14:14">
      <c r="N768710" s="10"/>
    </row>
    <row r="768711" spans="14:14">
      <c r="N768711" s="10"/>
    </row>
    <row r="768712" spans="14:14">
      <c r="N768712" s="10"/>
    </row>
    <row r="768713" spans="14:14">
      <c r="N768713" s="10"/>
    </row>
    <row r="768714" spans="14:14">
      <c r="N768714" s="10"/>
    </row>
    <row r="768715" spans="14:14">
      <c r="N768715" s="10"/>
    </row>
    <row r="768716" spans="14:14">
      <c r="N768716" s="10"/>
    </row>
    <row r="768717" spans="14:14">
      <c r="N768717" s="10"/>
    </row>
    <row r="768718" spans="14:14">
      <c r="N768718" s="10"/>
    </row>
    <row r="768719" spans="14:14">
      <c r="N768719" s="10"/>
    </row>
    <row r="768720" spans="14:14">
      <c r="N768720" s="10"/>
    </row>
    <row r="768721" spans="14:14">
      <c r="N768721" s="10"/>
    </row>
    <row r="768722" spans="14:14">
      <c r="N768722" s="10"/>
    </row>
    <row r="768723" spans="14:14">
      <c r="N768723" s="10"/>
    </row>
    <row r="768724" spans="14:14">
      <c r="N768724" s="10"/>
    </row>
    <row r="768725" spans="14:14">
      <c r="N768725" s="10"/>
    </row>
    <row r="768726" spans="14:14">
      <c r="N768726" s="10"/>
    </row>
    <row r="768727" spans="14:14">
      <c r="N768727" s="10"/>
    </row>
    <row r="768728" spans="14:14">
      <c r="N768728" s="10"/>
    </row>
    <row r="768729" spans="14:14">
      <c r="N768729" s="10"/>
    </row>
    <row r="768730" spans="14:14">
      <c r="N768730" s="10"/>
    </row>
    <row r="768731" spans="14:14">
      <c r="N768731" s="10"/>
    </row>
    <row r="768732" spans="14:14">
      <c r="N768732" s="10"/>
    </row>
    <row r="768733" spans="14:14">
      <c r="N768733" s="10"/>
    </row>
    <row r="768734" spans="14:14">
      <c r="N768734" s="10"/>
    </row>
    <row r="768735" spans="14:14">
      <c r="N768735" s="10"/>
    </row>
    <row r="768736" spans="14:14">
      <c r="N768736" s="10"/>
    </row>
    <row r="768737" spans="14:14">
      <c r="N768737" s="10"/>
    </row>
    <row r="768738" spans="14:14">
      <c r="N768738" s="10"/>
    </row>
    <row r="768739" spans="14:14">
      <c r="N768739" s="10"/>
    </row>
    <row r="768740" spans="14:14">
      <c r="N768740" s="10"/>
    </row>
    <row r="768741" spans="14:14">
      <c r="N768741" s="10"/>
    </row>
    <row r="768742" spans="14:14">
      <c r="N768742" s="10"/>
    </row>
    <row r="768743" spans="14:14">
      <c r="N768743" s="10"/>
    </row>
    <row r="768744" spans="14:14">
      <c r="N768744" s="10"/>
    </row>
    <row r="768745" spans="14:14">
      <c r="N768745" s="10"/>
    </row>
    <row r="768746" spans="14:14">
      <c r="N768746" s="10"/>
    </row>
    <row r="768747" spans="14:14">
      <c r="N768747" s="10"/>
    </row>
    <row r="768748" spans="14:14">
      <c r="N768748" s="10"/>
    </row>
    <row r="768749" spans="14:14">
      <c r="N768749" s="10"/>
    </row>
    <row r="768750" spans="14:14">
      <c r="N768750" s="10"/>
    </row>
    <row r="768751" spans="14:14">
      <c r="N768751" s="10"/>
    </row>
    <row r="768752" spans="14:14">
      <c r="N768752" s="10"/>
    </row>
    <row r="768753" spans="14:14">
      <c r="N768753" s="10"/>
    </row>
    <row r="768754" spans="14:14">
      <c r="N768754" s="10"/>
    </row>
    <row r="768755" spans="14:14">
      <c r="N768755" s="10"/>
    </row>
    <row r="768756" spans="14:14">
      <c r="N768756" s="10"/>
    </row>
    <row r="768757" spans="14:14">
      <c r="N768757" s="10"/>
    </row>
    <row r="768758" spans="14:14">
      <c r="N768758" s="10"/>
    </row>
    <row r="768759" spans="14:14">
      <c r="N768759" s="10"/>
    </row>
    <row r="768760" spans="14:14">
      <c r="N768760" s="10"/>
    </row>
    <row r="768761" spans="14:14">
      <c r="N768761" s="10"/>
    </row>
    <row r="768762" spans="14:14">
      <c r="N768762" s="10"/>
    </row>
    <row r="768763" spans="14:14">
      <c r="N768763" s="10"/>
    </row>
    <row r="768764" spans="14:14">
      <c r="N768764" s="10"/>
    </row>
    <row r="768765" spans="14:14">
      <c r="N768765" s="10"/>
    </row>
    <row r="768766" spans="14:14">
      <c r="N768766" s="10"/>
    </row>
    <row r="768767" spans="14:14">
      <c r="N768767" s="10"/>
    </row>
    <row r="768768" spans="14:14">
      <c r="N768768" s="10"/>
    </row>
    <row r="768769" spans="14:14">
      <c r="N768769" s="10"/>
    </row>
    <row r="768770" spans="14:14">
      <c r="N768770" s="10"/>
    </row>
    <row r="768771" spans="14:14">
      <c r="N768771" s="10"/>
    </row>
    <row r="768772" spans="14:14">
      <c r="N768772" s="10"/>
    </row>
    <row r="768773" spans="14:14">
      <c r="N768773" s="10"/>
    </row>
    <row r="768774" spans="14:14">
      <c r="N768774" s="10"/>
    </row>
    <row r="768775" spans="14:14">
      <c r="N768775" s="10"/>
    </row>
    <row r="768776" spans="14:14">
      <c r="N768776" s="10"/>
    </row>
    <row r="768777" spans="14:14">
      <c r="N768777" s="10"/>
    </row>
    <row r="768778" spans="14:14">
      <c r="N768778" s="10"/>
    </row>
    <row r="768779" spans="14:14">
      <c r="N768779" s="10"/>
    </row>
    <row r="768780" spans="14:14">
      <c r="N768780" s="10"/>
    </row>
    <row r="768781" spans="14:14">
      <c r="N768781" s="10"/>
    </row>
    <row r="768782" spans="14:14">
      <c r="N768782" s="10"/>
    </row>
    <row r="768783" spans="14:14">
      <c r="N768783" s="10"/>
    </row>
    <row r="768784" spans="14:14">
      <c r="N768784" s="10"/>
    </row>
    <row r="768785" spans="14:14">
      <c r="N768785" s="10"/>
    </row>
    <row r="768786" spans="14:14">
      <c r="N768786" s="10"/>
    </row>
    <row r="768787" spans="14:14">
      <c r="N768787" s="10"/>
    </row>
    <row r="768788" spans="14:14">
      <c r="N768788" s="10"/>
    </row>
    <row r="768789" spans="14:14">
      <c r="N768789" s="10"/>
    </row>
    <row r="768790" spans="14:14">
      <c r="N768790" s="10"/>
    </row>
    <row r="768791" spans="14:14">
      <c r="N768791" s="10"/>
    </row>
    <row r="768792" spans="14:14">
      <c r="N768792" s="10"/>
    </row>
    <row r="768793" spans="14:14">
      <c r="N768793" s="10"/>
    </row>
    <row r="768794" spans="14:14">
      <c r="N768794" s="10"/>
    </row>
    <row r="768795" spans="14:14">
      <c r="N768795" s="10"/>
    </row>
    <row r="768796" spans="14:14">
      <c r="N768796" s="10"/>
    </row>
    <row r="768797" spans="14:14">
      <c r="N768797" s="10"/>
    </row>
    <row r="768798" spans="14:14">
      <c r="N768798" s="10"/>
    </row>
    <row r="768799" spans="14:14">
      <c r="N768799" s="10"/>
    </row>
    <row r="768800" spans="14:14">
      <c r="N768800" s="10"/>
    </row>
    <row r="768801" spans="14:14">
      <c r="N768801" s="10"/>
    </row>
    <row r="768802" spans="14:14">
      <c r="N768802" s="10"/>
    </row>
    <row r="768803" spans="14:14">
      <c r="N768803" s="10"/>
    </row>
    <row r="768804" spans="14:14">
      <c r="N768804" s="10"/>
    </row>
    <row r="768805" spans="14:14">
      <c r="N768805" s="10"/>
    </row>
    <row r="768806" spans="14:14">
      <c r="N768806" s="10"/>
    </row>
    <row r="768807" spans="14:14">
      <c r="N768807" s="10"/>
    </row>
    <row r="768808" spans="14:14">
      <c r="N768808" s="10"/>
    </row>
    <row r="768809" spans="14:14">
      <c r="N768809" s="10"/>
    </row>
    <row r="768810" spans="14:14">
      <c r="N768810" s="10"/>
    </row>
    <row r="768811" spans="14:14">
      <c r="N768811" s="10"/>
    </row>
    <row r="768812" spans="14:14">
      <c r="N768812" s="10"/>
    </row>
    <row r="768813" spans="14:14">
      <c r="N768813" s="10"/>
    </row>
    <row r="768814" spans="14:14">
      <c r="N768814" s="10"/>
    </row>
    <row r="768815" spans="14:14">
      <c r="N768815" s="10"/>
    </row>
    <row r="768816" spans="14:14">
      <c r="N768816" s="10"/>
    </row>
    <row r="768817" spans="14:14">
      <c r="N768817" s="10"/>
    </row>
    <row r="768818" spans="14:14">
      <c r="N768818" s="10"/>
    </row>
    <row r="768819" spans="14:14">
      <c r="N768819" s="10"/>
    </row>
    <row r="768820" spans="14:14">
      <c r="N768820" s="10"/>
    </row>
    <row r="768821" spans="14:14">
      <c r="N768821" s="10"/>
    </row>
    <row r="768822" spans="14:14">
      <c r="N768822" s="10"/>
    </row>
    <row r="768823" spans="14:14">
      <c r="N768823" s="10"/>
    </row>
    <row r="768824" spans="14:14">
      <c r="N768824" s="10"/>
    </row>
    <row r="768825" spans="14:14">
      <c r="N768825" s="10"/>
    </row>
    <row r="768826" spans="14:14">
      <c r="N768826" s="10"/>
    </row>
    <row r="768827" spans="14:14">
      <c r="N768827" s="10"/>
    </row>
    <row r="768828" spans="14:14">
      <c r="N768828" s="10"/>
    </row>
    <row r="768829" spans="14:14">
      <c r="N768829" s="10"/>
    </row>
    <row r="768830" spans="14:14">
      <c r="N768830" s="10"/>
    </row>
    <row r="768831" spans="14:14">
      <c r="N768831" s="10"/>
    </row>
    <row r="768832" spans="14:14">
      <c r="N768832" s="10"/>
    </row>
    <row r="768833" spans="14:14">
      <c r="N768833" s="10"/>
    </row>
    <row r="768834" spans="14:14">
      <c r="N768834" s="10"/>
    </row>
    <row r="768835" spans="14:14">
      <c r="N768835" s="10"/>
    </row>
    <row r="768836" spans="14:14">
      <c r="N768836" s="10"/>
    </row>
    <row r="768837" spans="14:14">
      <c r="N768837" s="10"/>
    </row>
    <row r="768838" spans="14:14">
      <c r="N768838" s="10"/>
    </row>
    <row r="768839" spans="14:14">
      <c r="N768839" s="10"/>
    </row>
    <row r="768840" spans="14:14">
      <c r="N768840" s="10"/>
    </row>
    <row r="768841" spans="14:14">
      <c r="N768841" s="10"/>
    </row>
    <row r="768842" spans="14:14">
      <c r="N768842" s="10"/>
    </row>
    <row r="768843" spans="14:14">
      <c r="N768843" s="10"/>
    </row>
    <row r="768844" spans="14:14">
      <c r="N768844" s="10"/>
    </row>
    <row r="768845" spans="14:14">
      <c r="N768845" s="10"/>
    </row>
    <row r="768846" spans="14:14">
      <c r="N768846" s="10"/>
    </row>
    <row r="768847" spans="14:14">
      <c r="N768847" s="10"/>
    </row>
    <row r="768848" spans="14:14">
      <c r="N768848" s="10"/>
    </row>
    <row r="768849" spans="14:14">
      <c r="N768849" s="10"/>
    </row>
    <row r="768850" spans="14:14">
      <c r="N768850" s="10"/>
    </row>
    <row r="768851" spans="14:14">
      <c r="N768851" s="10"/>
    </row>
    <row r="768852" spans="14:14">
      <c r="N768852" s="10"/>
    </row>
    <row r="768853" spans="14:14">
      <c r="N768853" s="10"/>
    </row>
    <row r="768854" spans="14:14">
      <c r="N768854" s="10"/>
    </row>
    <row r="768855" spans="14:14">
      <c r="N768855" s="10"/>
    </row>
    <row r="768856" spans="14:14">
      <c r="N768856" s="10"/>
    </row>
    <row r="768857" spans="14:14">
      <c r="N768857" s="10"/>
    </row>
    <row r="768858" spans="14:14">
      <c r="N768858" s="10"/>
    </row>
    <row r="768859" spans="14:14">
      <c r="N768859" s="10"/>
    </row>
    <row r="768860" spans="14:14">
      <c r="N768860" s="10"/>
    </row>
    <row r="768861" spans="14:14">
      <c r="N768861" s="10"/>
    </row>
    <row r="768862" spans="14:14">
      <c r="N768862" s="10"/>
    </row>
    <row r="768863" spans="14:14">
      <c r="N768863" s="10"/>
    </row>
    <row r="768864" spans="14:14">
      <c r="N768864" s="10"/>
    </row>
    <row r="768865" spans="14:14">
      <c r="N768865" s="10"/>
    </row>
    <row r="768866" spans="14:14">
      <c r="N768866" s="10"/>
    </row>
    <row r="768867" spans="14:14">
      <c r="N768867" s="10"/>
    </row>
    <row r="768868" spans="14:14">
      <c r="N768868" s="10"/>
    </row>
    <row r="768869" spans="14:14">
      <c r="N768869" s="10"/>
    </row>
    <row r="768870" spans="14:14">
      <c r="N768870" s="10"/>
    </row>
    <row r="768871" spans="14:14">
      <c r="N768871" s="10"/>
    </row>
    <row r="768872" spans="14:14">
      <c r="N768872" s="10"/>
    </row>
    <row r="768873" spans="14:14">
      <c r="N768873" s="10"/>
    </row>
    <row r="768874" spans="14:14">
      <c r="N768874" s="10"/>
    </row>
    <row r="768875" spans="14:14">
      <c r="N768875" s="10"/>
    </row>
    <row r="768876" spans="14:14">
      <c r="N768876" s="10"/>
    </row>
    <row r="768877" spans="14:14">
      <c r="N768877" s="10"/>
    </row>
    <row r="768878" spans="14:14">
      <c r="N768878" s="10"/>
    </row>
    <row r="768879" spans="14:14">
      <c r="N768879" s="10"/>
    </row>
    <row r="768880" spans="14:14">
      <c r="N768880" s="10"/>
    </row>
    <row r="768881" spans="14:14">
      <c r="N768881" s="10"/>
    </row>
    <row r="768882" spans="14:14">
      <c r="N768882" s="10"/>
    </row>
    <row r="768883" spans="14:14">
      <c r="N768883" s="10"/>
    </row>
    <row r="768884" spans="14:14">
      <c r="N768884" s="10"/>
    </row>
    <row r="768885" spans="14:14">
      <c r="N768885" s="10"/>
    </row>
    <row r="768886" spans="14:14">
      <c r="N768886" s="10"/>
    </row>
    <row r="768887" spans="14:14">
      <c r="N768887" s="10"/>
    </row>
    <row r="768888" spans="14:14">
      <c r="N768888" s="10"/>
    </row>
    <row r="768889" spans="14:14">
      <c r="N768889" s="10"/>
    </row>
    <row r="768890" spans="14:14">
      <c r="N768890" s="10"/>
    </row>
    <row r="768891" spans="14:14">
      <c r="N768891" s="10"/>
    </row>
    <row r="768892" spans="14:14">
      <c r="N768892" s="10"/>
    </row>
    <row r="768893" spans="14:14">
      <c r="N768893" s="10"/>
    </row>
    <row r="768894" spans="14:14">
      <c r="N768894" s="10"/>
    </row>
    <row r="768895" spans="14:14">
      <c r="N768895" s="10"/>
    </row>
    <row r="768896" spans="14:14">
      <c r="N768896" s="10"/>
    </row>
    <row r="768897" spans="14:14">
      <c r="N768897" s="10"/>
    </row>
    <row r="768898" spans="14:14">
      <c r="N768898" s="10"/>
    </row>
    <row r="768899" spans="14:14">
      <c r="N768899" s="10"/>
    </row>
    <row r="768900" spans="14:14">
      <c r="N768900" s="10"/>
    </row>
    <row r="768901" spans="14:14">
      <c r="N768901" s="10"/>
    </row>
    <row r="768902" spans="14:14">
      <c r="N768902" s="10"/>
    </row>
    <row r="768903" spans="14:14">
      <c r="N768903" s="10"/>
    </row>
    <row r="768904" spans="14:14">
      <c r="N768904" s="10"/>
    </row>
    <row r="768905" spans="14:14">
      <c r="N768905" s="10"/>
    </row>
    <row r="768906" spans="14:14">
      <c r="N768906" s="10"/>
    </row>
    <row r="768907" spans="14:14">
      <c r="N768907" s="10"/>
    </row>
    <row r="768908" spans="14:14">
      <c r="N768908" s="10"/>
    </row>
    <row r="768909" spans="14:14">
      <c r="N768909" s="10"/>
    </row>
    <row r="768910" spans="14:14">
      <c r="N768910" s="10"/>
    </row>
    <row r="768911" spans="14:14">
      <c r="N768911" s="10"/>
    </row>
    <row r="768912" spans="14:14">
      <c r="N768912" s="10"/>
    </row>
    <row r="768913" spans="14:14">
      <c r="N768913" s="10"/>
    </row>
    <row r="768914" spans="14:14">
      <c r="N768914" s="10"/>
    </row>
    <row r="768915" spans="14:14">
      <c r="N768915" s="10"/>
    </row>
    <row r="768916" spans="14:14">
      <c r="N768916" s="10"/>
    </row>
    <row r="768917" spans="14:14">
      <c r="N768917" s="10"/>
    </row>
    <row r="768918" spans="14:14">
      <c r="N768918" s="10"/>
    </row>
    <row r="768919" spans="14:14">
      <c r="N768919" s="10"/>
    </row>
    <row r="768920" spans="14:14">
      <c r="N768920" s="10"/>
    </row>
    <row r="768921" spans="14:14">
      <c r="N768921" s="10"/>
    </row>
    <row r="768922" spans="14:14">
      <c r="N768922" s="10"/>
    </row>
    <row r="768923" spans="14:14">
      <c r="N768923" s="10"/>
    </row>
    <row r="768924" spans="14:14">
      <c r="N768924" s="10"/>
    </row>
    <row r="768925" spans="14:14">
      <c r="N768925" s="10"/>
    </row>
    <row r="768926" spans="14:14">
      <c r="N768926" s="10"/>
    </row>
    <row r="768927" spans="14:14">
      <c r="N768927" s="10"/>
    </row>
    <row r="768928" spans="14:14">
      <c r="N768928" s="10"/>
    </row>
    <row r="768929" spans="14:14">
      <c r="N768929" s="10"/>
    </row>
    <row r="768930" spans="14:14">
      <c r="N768930" s="10"/>
    </row>
    <row r="768931" spans="14:14">
      <c r="N768931" s="10"/>
    </row>
    <row r="768932" spans="14:14">
      <c r="N768932" s="10"/>
    </row>
    <row r="768933" spans="14:14">
      <c r="N768933" s="10"/>
    </row>
    <row r="768934" spans="14:14">
      <c r="N768934" s="10"/>
    </row>
    <row r="768935" spans="14:14">
      <c r="N768935" s="10"/>
    </row>
    <row r="768936" spans="14:14">
      <c r="N768936" s="10"/>
    </row>
    <row r="768937" spans="14:14">
      <c r="N768937" s="10"/>
    </row>
    <row r="768938" spans="14:14">
      <c r="N768938" s="10"/>
    </row>
    <row r="768939" spans="14:14">
      <c r="N768939" s="10"/>
    </row>
    <row r="768940" spans="14:14">
      <c r="N768940" s="10"/>
    </row>
    <row r="768941" spans="14:14">
      <c r="N768941" s="10"/>
    </row>
    <row r="768942" spans="14:14">
      <c r="N768942" s="10"/>
    </row>
    <row r="768943" spans="14:14">
      <c r="N768943" s="10"/>
    </row>
    <row r="768944" spans="14:14">
      <c r="N768944" s="10"/>
    </row>
    <row r="768945" spans="14:14">
      <c r="N768945" s="10"/>
    </row>
    <row r="768946" spans="14:14">
      <c r="N768946" s="10"/>
    </row>
    <row r="768947" spans="14:14">
      <c r="N768947" s="10"/>
    </row>
    <row r="768948" spans="14:14">
      <c r="N768948" s="10"/>
    </row>
    <row r="768949" spans="14:14">
      <c r="N768949" s="10"/>
    </row>
    <row r="768950" spans="14:14">
      <c r="N768950" s="10"/>
    </row>
    <row r="768951" spans="14:14">
      <c r="N768951" s="10"/>
    </row>
    <row r="768952" spans="14:14">
      <c r="N768952" s="10"/>
    </row>
    <row r="768953" spans="14:14">
      <c r="N768953" s="10"/>
    </row>
    <row r="768954" spans="14:14">
      <c r="N768954" s="10"/>
    </row>
    <row r="768955" spans="14:14">
      <c r="N768955" s="10"/>
    </row>
    <row r="768956" spans="14:14">
      <c r="N768956" s="10"/>
    </row>
    <row r="768957" spans="14:14">
      <c r="N768957" s="10"/>
    </row>
    <row r="768958" spans="14:14">
      <c r="N768958" s="10"/>
    </row>
    <row r="768959" spans="14:14">
      <c r="N768959" s="10"/>
    </row>
    <row r="768960" spans="14:14">
      <c r="N768960" s="10"/>
    </row>
    <row r="768961" spans="14:14">
      <c r="N768961" s="10"/>
    </row>
    <row r="768962" spans="14:14">
      <c r="N768962" s="10"/>
    </row>
    <row r="768963" spans="14:14">
      <c r="N768963" s="10"/>
    </row>
    <row r="768964" spans="14:14">
      <c r="N768964" s="10"/>
    </row>
    <row r="768965" spans="14:14">
      <c r="N768965" s="10"/>
    </row>
    <row r="768966" spans="14:14">
      <c r="N768966" s="10"/>
    </row>
    <row r="768967" spans="14:14">
      <c r="N768967" s="10"/>
    </row>
    <row r="768968" spans="14:14">
      <c r="N768968" s="10"/>
    </row>
    <row r="768969" spans="14:14">
      <c r="N768969" s="10"/>
    </row>
    <row r="768970" spans="14:14">
      <c r="N768970" s="10"/>
    </row>
    <row r="768971" spans="14:14">
      <c r="N768971" s="10"/>
    </row>
    <row r="768972" spans="14:14">
      <c r="N768972" s="10"/>
    </row>
    <row r="768973" spans="14:14">
      <c r="N768973" s="10"/>
    </row>
    <row r="768974" spans="14:14">
      <c r="N768974" s="10"/>
    </row>
    <row r="768975" spans="14:14">
      <c r="N768975" s="10"/>
    </row>
    <row r="768976" spans="14:14">
      <c r="N768976" s="10"/>
    </row>
    <row r="768977" spans="14:14">
      <c r="N768977" s="10"/>
    </row>
    <row r="768978" spans="14:14">
      <c r="N768978" s="10"/>
    </row>
    <row r="768979" spans="14:14">
      <c r="N768979" s="10"/>
    </row>
    <row r="768980" spans="14:14">
      <c r="N768980" s="10"/>
    </row>
    <row r="768981" spans="14:14">
      <c r="N768981" s="10"/>
    </row>
    <row r="768982" spans="14:14">
      <c r="N768982" s="10"/>
    </row>
    <row r="768983" spans="14:14">
      <c r="N768983" s="10"/>
    </row>
    <row r="768984" spans="14:14">
      <c r="N768984" s="10"/>
    </row>
    <row r="768985" spans="14:14">
      <c r="N768985" s="10"/>
    </row>
    <row r="768986" spans="14:14">
      <c r="N768986" s="10"/>
    </row>
    <row r="768987" spans="14:14">
      <c r="N768987" s="10"/>
    </row>
    <row r="768988" spans="14:14">
      <c r="N768988" s="10"/>
    </row>
    <row r="768989" spans="14:14">
      <c r="N768989" s="10"/>
    </row>
    <row r="768990" spans="14:14">
      <c r="N768990" s="10"/>
    </row>
    <row r="768991" spans="14:14">
      <c r="N768991" s="10"/>
    </row>
    <row r="768992" spans="14:14">
      <c r="N768992" s="10"/>
    </row>
    <row r="768993" spans="14:14">
      <c r="N768993" s="10"/>
    </row>
    <row r="768994" spans="14:14">
      <c r="N768994" s="10"/>
    </row>
    <row r="768995" spans="14:14">
      <c r="N768995" s="10"/>
    </row>
    <row r="768996" spans="14:14">
      <c r="N768996" s="10"/>
    </row>
    <row r="768997" spans="14:14">
      <c r="N768997" s="10"/>
    </row>
    <row r="768998" spans="14:14">
      <c r="N768998" s="10"/>
    </row>
    <row r="768999" spans="14:14">
      <c r="N768999" s="10"/>
    </row>
    <row r="769000" spans="14:14">
      <c r="N769000" s="10"/>
    </row>
    <row r="769001" spans="14:14">
      <c r="N769001" s="10"/>
    </row>
    <row r="769002" spans="14:14">
      <c r="N769002" s="10"/>
    </row>
    <row r="769003" spans="14:14">
      <c r="N769003" s="10"/>
    </row>
    <row r="769004" spans="14:14">
      <c r="N769004" s="10"/>
    </row>
    <row r="769005" spans="14:14">
      <c r="N769005" s="10"/>
    </row>
    <row r="769006" spans="14:14">
      <c r="N769006" s="10"/>
    </row>
    <row r="769007" spans="14:14">
      <c r="N769007" s="10"/>
    </row>
    <row r="769008" spans="14:14">
      <c r="N769008" s="10"/>
    </row>
    <row r="769009" spans="14:14">
      <c r="N769009" s="10"/>
    </row>
    <row r="769010" spans="14:14">
      <c r="N769010" s="10"/>
    </row>
    <row r="769011" spans="14:14">
      <c r="N769011" s="10"/>
    </row>
    <row r="769012" spans="14:14">
      <c r="N769012" s="10"/>
    </row>
    <row r="769013" spans="14:14">
      <c r="N769013" s="10"/>
    </row>
    <row r="769014" spans="14:14">
      <c r="N769014" s="10"/>
    </row>
    <row r="769015" spans="14:14">
      <c r="N769015" s="10"/>
    </row>
    <row r="769016" spans="14:14">
      <c r="N769016" s="10"/>
    </row>
    <row r="769017" spans="14:14">
      <c r="N769017" s="10"/>
    </row>
    <row r="769018" spans="14:14">
      <c r="N769018" s="10"/>
    </row>
    <row r="769019" spans="14:14">
      <c r="N769019" s="10"/>
    </row>
    <row r="769020" spans="14:14">
      <c r="N769020" s="10"/>
    </row>
    <row r="769021" spans="14:14">
      <c r="N769021" s="10"/>
    </row>
    <row r="769022" spans="14:14">
      <c r="N769022" s="10"/>
    </row>
    <row r="769023" spans="14:14">
      <c r="N769023" s="10"/>
    </row>
    <row r="769024" spans="14:14">
      <c r="N769024" s="10"/>
    </row>
    <row r="769025" spans="14:14">
      <c r="N769025" s="10"/>
    </row>
    <row r="769026" spans="14:14">
      <c r="N769026" s="10"/>
    </row>
    <row r="769027" spans="14:14">
      <c r="N769027" s="10"/>
    </row>
    <row r="769028" spans="14:14">
      <c r="N769028" s="10"/>
    </row>
    <row r="769029" spans="14:14">
      <c r="N769029" s="10"/>
    </row>
    <row r="769030" spans="14:14">
      <c r="N769030" s="10"/>
    </row>
    <row r="769031" spans="14:14">
      <c r="N769031" s="10"/>
    </row>
    <row r="769032" spans="14:14">
      <c r="N769032" s="10"/>
    </row>
    <row r="769033" spans="14:14">
      <c r="N769033" s="10"/>
    </row>
    <row r="769034" spans="14:14">
      <c r="N769034" s="10"/>
    </row>
    <row r="769035" spans="14:14">
      <c r="N769035" s="10"/>
    </row>
    <row r="769036" spans="14:14">
      <c r="N769036" s="10"/>
    </row>
    <row r="769037" spans="14:14">
      <c r="N769037" s="10"/>
    </row>
    <row r="769038" spans="14:14">
      <c r="N769038" s="10"/>
    </row>
    <row r="769039" spans="14:14">
      <c r="N769039" s="10"/>
    </row>
    <row r="769040" spans="14:14">
      <c r="N769040" s="10"/>
    </row>
    <row r="769041" spans="14:14">
      <c r="N769041" s="10"/>
    </row>
    <row r="769042" spans="14:14">
      <c r="N769042" s="10"/>
    </row>
    <row r="769043" spans="14:14">
      <c r="N769043" s="10"/>
    </row>
    <row r="769044" spans="14:14">
      <c r="N769044" s="10"/>
    </row>
    <row r="769045" spans="14:14">
      <c r="N769045" s="10"/>
    </row>
    <row r="769046" spans="14:14">
      <c r="N769046" s="10"/>
    </row>
    <row r="769047" spans="14:14">
      <c r="N769047" s="10"/>
    </row>
    <row r="769048" spans="14:14">
      <c r="N769048" s="10"/>
    </row>
    <row r="769049" spans="14:14">
      <c r="N769049" s="10"/>
    </row>
    <row r="769050" spans="14:14">
      <c r="N769050" s="10"/>
    </row>
    <row r="769051" spans="14:14">
      <c r="N769051" s="10"/>
    </row>
    <row r="769052" spans="14:14">
      <c r="N769052" s="10"/>
    </row>
    <row r="769053" spans="14:14">
      <c r="N769053" s="10"/>
    </row>
    <row r="769054" spans="14:14">
      <c r="N769054" s="10"/>
    </row>
    <row r="769055" spans="14:14">
      <c r="N769055" s="10"/>
    </row>
    <row r="769056" spans="14:14">
      <c r="N769056" s="10"/>
    </row>
    <row r="769057" spans="14:14">
      <c r="N769057" s="10"/>
    </row>
    <row r="769058" spans="14:14">
      <c r="N769058" s="10"/>
    </row>
    <row r="769059" spans="14:14">
      <c r="N769059" s="10"/>
    </row>
    <row r="769060" spans="14:14">
      <c r="N769060" s="10"/>
    </row>
    <row r="769061" spans="14:14">
      <c r="N769061" s="10"/>
    </row>
    <row r="769062" spans="14:14">
      <c r="N769062" s="10"/>
    </row>
    <row r="769063" spans="14:14">
      <c r="N769063" s="10"/>
    </row>
    <row r="769064" spans="14:14">
      <c r="N769064" s="10"/>
    </row>
    <row r="769065" spans="14:14">
      <c r="N769065" s="10"/>
    </row>
    <row r="769066" spans="14:14">
      <c r="N769066" s="10"/>
    </row>
    <row r="769067" spans="14:14">
      <c r="N769067" s="10"/>
    </row>
    <row r="769068" spans="14:14">
      <c r="N769068" s="10"/>
    </row>
    <row r="769069" spans="14:14">
      <c r="N769069" s="10"/>
    </row>
    <row r="769070" spans="14:14">
      <c r="N769070" s="10"/>
    </row>
    <row r="769071" spans="14:14">
      <c r="N769071" s="10"/>
    </row>
    <row r="769072" spans="14:14">
      <c r="N769072" s="10"/>
    </row>
    <row r="769073" spans="14:14">
      <c r="N769073" s="10"/>
    </row>
    <row r="769074" spans="14:14">
      <c r="N769074" s="10"/>
    </row>
    <row r="769075" spans="14:14">
      <c r="N769075" s="10"/>
    </row>
    <row r="769076" spans="14:14">
      <c r="N769076" s="10"/>
    </row>
    <row r="769077" spans="14:14">
      <c r="N769077" s="10"/>
    </row>
    <row r="769078" spans="14:14">
      <c r="N769078" s="10"/>
    </row>
    <row r="769079" spans="14:14">
      <c r="N769079" s="10"/>
    </row>
    <row r="769080" spans="14:14">
      <c r="N769080" s="10"/>
    </row>
    <row r="769081" spans="14:14">
      <c r="N769081" s="10"/>
    </row>
    <row r="769082" spans="14:14">
      <c r="N769082" s="10"/>
    </row>
    <row r="769083" spans="14:14">
      <c r="N769083" s="10"/>
    </row>
    <row r="769084" spans="14:14">
      <c r="N769084" s="10"/>
    </row>
    <row r="769085" spans="14:14">
      <c r="N769085" s="10"/>
    </row>
    <row r="769086" spans="14:14">
      <c r="N769086" s="10"/>
    </row>
    <row r="769087" spans="14:14">
      <c r="N769087" s="10"/>
    </row>
    <row r="769088" spans="14:14">
      <c r="N769088" s="10"/>
    </row>
    <row r="769089" spans="14:14">
      <c r="N769089" s="10"/>
    </row>
    <row r="769090" spans="14:14">
      <c r="N769090" s="10"/>
    </row>
    <row r="769091" spans="14:14">
      <c r="N769091" s="10"/>
    </row>
    <row r="769092" spans="14:14">
      <c r="N769092" s="10"/>
    </row>
    <row r="769093" spans="14:14">
      <c r="N769093" s="10"/>
    </row>
    <row r="769094" spans="14:14">
      <c r="N769094" s="10"/>
    </row>
    <row r="769095" spans="14:14">
      <c r="N769095" s="10"/>
    </row>
    <row r="769096" spans="14:14">
      <c r="N769096" s="10"/>
    </row>
    <row r="769097" spans="14:14">
      <c r="N769097" s="10"/>
    </row>
    <row r="769098" spans="14:14">
      <c r="N769098" s="10"/>
    </row>
    <row r="769099" spans="14:14">
      <c r="N769099" s="10"/>
    </row>
    <row r="769100" spans="14:14">
      <c r="N769100" s="10"/>
    </row>
    <row r="769101" spans="14:14">
      <c r="N769101" s="10"/>
    </row>
    <row r="769102" spans="14:14">
      <c r="N769102" s="10"/>
    </row>
    <row r="769103" spans="14:14">
      <c r="N769103" s="10"/>
    </row>
    <row r="769104" spans="14:14">
      <c r="N769104" s="10"/>
    </row>
    <row r="769105" spans="14:14">
      <c r="N769105" s="10"/>
    </row>
    <row r="769106" spans="14:14">
      <c r="N769106" s="10"/>
    </row>
    <row r="769107" spans="14:14">
      <c r="N769107" s="10"/>
    </row>
    <row r="769108" spans="14:14">
      <c r="N769108" s="10"/>
    </row>
    <row r="769109" spans="14:14">
      <c r="N769109" s="10"/>
    </row>
    <row r="769110" spans="14:14">
      <c r="N769110" s="10"/>
    </row>
    <row r="769111" spans="14:14">
      <c r="N769111" s="10"/>
    </row>
    <row r="769112" spans="14:14">
      <c r="N769112" s="10"/>
    </row>
    <row r="769113" spans="14:14">
      <c r="N769113" s="10"/>
    </row>
    <row r="769114" spans="14:14">
      <c r="N769114" s="10"/>
    </row>
    <row r="769115" spans="14:14">
      <c r="N769115" s="10"/>
    </row>
    <row r="769116" spans="14:14">
      <c r="N769116" s="10"/>
    </row>
    <row r="769117" spans="14:14">
      <c r="N769117" s="10"/>
    </row>
    <row r="769118" spans="14:14">
      <c r="N769118" s="10"/>
    </row>
    <row r="769119" spans="14:14">
      <c r="N769119" s="10"/>
    </row>
    <row r="769120" spans="14:14">
      <c r="N769120" s="10"/>
    </row>
    <row r="769121" spans="14:14">
      <c r="N769121" s="10"/>
    </row>
    <row r="769122" spans="14:14">
      <c r="N769122" s="10"/>
    </row>
    <row r="769123" spans="14:14">
      <c r="N769123" s="10"/>
    </row>
    <row r="769124" spans="14:14">
      <c r="N769124" s="10"/>
    </row>
    <row r="769125" spans="14:14">
      <c r="N769125" s="10"/>
    </row>
    <row r="769126" spans="14:14">
      <c r="N769126" s="10"/>
    </row>
    <row r="769127" spans="14:14">
      <c r="N769127" s="10"/>
    </row>
    <row r="769128" spans="14:14">
      <c r="N769128" s="10"/>
    </row>
    <row r="769129" spans="14:14">
      <c r="N769129" s="10"/>
    </row>
    <row r="769130" spans="14:14">
      <c r="N769130" s="10"/>
    </row>
    <row r="769131" spans="14:14">
      <c r="N769131" s="10"/>
    </row>
    <row r="769132" spans="14:14">
      <c r="N769132" s="10"/>
    </row>
    <row r="769133" spans="14:14">
      <c r="N769133" s="10"/>
    </row>
    <row r="769134" spans="14:14">
      <c r="N769134" s="10"/>
    </row>
    <row r="769135" spans="14:14">
      <c r="N769135" s="10"/>
    </row>
    <row r="769136" spans="14:14">
      <c r="N769136" s="10"/>
    </row>
    <row r="769137" spans="14:14">
      <c r="N769137" s="10"/>
    </row>
    <row r="769138" spans="14:14">
      <c r="N769138" s="10"/>
    </row>
    <row r="769139" spans="14:14">
      <c r="N769139" s="10"/>
    </row>
    <row r="769140" spans="14:14">
      <c r="N769140" s="10"/>
    </row>
    <row r="769141" spans="14:14">
      <c r="N769141" s="10"/>
    </row>
    <row r="769142" spans="14:14">
      <c r="N769142" s="10"/>
    </row>
    <row r="769143" spans="14:14">
      <c r="N769143" s="10"/>
    </row>
    <row r="769144" spans="14:14">
      <c r="N769144" s="10"/>
    </row>
    <row r="769145" spans="14:14">
      <c r="N769145" s="10"/>
    </row>
    <row r="769146" spans="14:14">
      <c r="N769146" s="10"/>
    </row>
    <row r="769147" spans="14:14">
      <c r="N769147" s="10"/>
    </row>
    <row r="769148" spans="14:14">
      <c r="N769148" s="10"/>
    </row>
    <row r="769149" spans="14:14">
      <c r="N769149" s="10"/>
    </row>
    <row r="769150" spans="14:14">
      <c r="N769150" s="10"/>
    </row>
    <row r="769151" spans="14:14">
      <c r="N769151" s="10"/>
    </row>
    <row r="769152" spans="14:14">
      <c r="N769152" s="10"/>
    </row>
    <row r="769153" spans="14:14">
      <c r="N769153" s="10"/>
    </row>
    <row r="769154" spans="14:14">
      <c r="N769154" s="10"/>
    </row>
    <row r="769155" spans="14:14">
      <c r="N769155" s="10"/>
    </row>
    <row r="769156" spans="14:14">
      <c r="N769156" s="10"/>
    </row>
    <row r="769157" spans="14:14">
      <c r="N769157" s="10"/>
    </row>
    <row r="769158" spans="14:14">
      <c r="N769158" s="10"/>
    </row>
    <row r="769159" spans="14:14">
      <c r="N769159" s="10"/>
    </row>
    <row r="769160" spans="14:14">
      <c r="N769160" s="10"/>
    </row>
    <row r="769161" spans="14:14">
      <c r="N769161" s="10"/>
    </row>
    <row r="769162" spans="14:14">
      <c r="N769162" s="10"/>
    </row>
    <row r="769163" spans="14:14">
      <c r="N769163" s="10"/>
    </row>
    <row r="769164" spans="14:14">
      <c r="N769164" s="10"/>
    </row>
    <row r="769165" spans="14:14">
      <c r="N769165" s="10"/>
    </row>
    <row r="769166" spans="14:14">
      <c r="N769166" s="10"/>
    </row>
    <row r="769167" spans="14:14">
      <c r="N769167" s="10"/>
    </row>
    <row r="769168" spans="14:14">
      <c r="N769168" s="10"/>
    </row>
    <row r="769169" spans="14:14">
      <c r="N769169" s="10"/>
    </row>
    <row r="769170" spans="14:14">
      <c r="N769170" s="10"/>
    </row>
    <row r="769171" spans="14:14">
      <c r="N769171" s="10"/>
    </row>
    <row r="769172" spans="14:14">
      <c r="N769172" s="10"/>
    </row>
    <row r="769173" spans="14:14">
      <c r="N769173" s="10"/>
    </row>
    <row r="769174" spans="14:14">
      <c r="N769174" s="10"/>
    </row>
    <row r="769175" spans="14:14">
      <c r="N769175" s="10"/>
    </row>
    <row r="769176" spans="14:14">
      <c r="N769176" s="10"/>
    </row>
    <row r="769177" spans="14:14">
      <c r="N769177" s="10"/>
    </row>
    <row r="769178" spans="14:14">
      <c r="N769178" s="10"/>
    </row>
    <row r="769179" spans="14:14">
      <c r="N769179" s="10"/>
    </row>
    <row r="769180" spans="14:14">
      <c r="N769180" s="10"/>
    </row>
    <row r="769181" spans="14:14">
      <c r="N769181" s="10"/>
    </row>
    <row r="769182" spans="14:14">
      <c r="N769182" s="10"/>
    </row>
    <row r="769183" spans="14:14">
      <c r="N769183" s="10"/>
    </row>
    <row r="769184" spans="14:14">
      <c r="N769184" s="10"/>
    </row>
    <row r="769185" spans="14:14">
      <c r="N769185" s="10"/>
    </row>
    <row r="769186" spans="14:14">
      <c r="N769186" s="10"/>
    </row>
    <row r="769187" spans="14:14">
      <c r="N769187" s="10"/>
    </row>
    <row r="769188" spans="14:14">
      <c r="N769188" s="10"/>
    </row>
    <row r="769189" spans="14:14">
      <c r="N769189" s="10"/>
    </row>
    <row r="769190" spans="14:14">
      <c r="N769190" s="10"/>
    </row>
    <row r="769191" spans="14:14">
      <c r="N769191" s="10"/>
    </row>
    <row r="769192" spans="14:14">
      <c r="N769192" s="10"/>
    </row>
    <row r="769193" spans="14:14">
      <c r="N769193" s="10"/>
    </row>
    <row r="769194" spans="14:14">
      <c r="N769194" s="10"/>
    </row>
    <row r="769195" spans="14:14">
      <c r="N769195" s="10"/>
    </row>
    <row r="769196" spans="14:14">
      <c r="N769196" s="10"/>
    </row>
    <row r="769197" spans="14:14">
      <c r="N769197" s="10"/>
    </row>
    <row r="769198" spans="14:14">
      <c r="N769198" s="10"/>
    </row>
    <row r="769199" spans="14:14">
      <c r="N769199" s="10"/>
    </row>
    <row r="769200" spans="14:14">
      <c r="N769200" s="10"/>
    </row>
    <row r="769201" spans="14:14">
      <c r="N769201" s="10"/>
    </row>
    <row r="769202" spans="14:14">
      <c r="N769202" s="10"/>
    </row>
    <row r="769203" spans="14:14">
      <c r="N769203" s="10"/>
    </row>
    <row r="769204" spans="14:14">
      <c r="N769204" s="10"/>
    </row>
    <row r="769205" spans="14:14">
      <c r="N769205" s="10"/>
    </row>
    <row r="769206" spans="14:14">
      <c r="N769206" s="10"/>
    </row>
    <row r="769207" spans="14:14">
      <c r="N769207" s="10"/>
    </row>
    <row r="769208" spans="14:14">
      <c r="N769208" s="10"/>
    </row>
    <row r="769209" spans="14:14">
      <c r="N769209" s="10"/>
    </row>
    <row r="769210" spans="14:14">
      <c r="N769210" s="10"/>
    </row>
    <row r="769211" spans="14:14">
      <c r="N769211" s="10"/>
    </row>
    <row r="769212" spans="14:14">
      <c r="N769212" s="10"/>
    </row>
    <row r="769213" spans="14:14">
      <c r="N769213" s="10"/>
    </row>
    <row r="769214" spans="14:14">
      <c r="N769214" s="10"/>
    </row>
    <row r="769215" spans="14:14">
      <c r="N769215" s="10"/>
    </row>
    <row r="769216" spans="14:14">
      <c r="N769216" s="10"/>
    </row>
    <row r="769217" spans="14:14">
      <c r="N769217" s="10"/>
    </row>
    <row r="769218" spans="14:14">
      <c r="N769218" s="10"/>
    </row>
    <row r="769219" spans="14:14">
      <c r="N769219" s="10"/>
    </row>
    <row r="769220" spans="14:14">
      <c r="N769220" s="10"/>
    </row>
    <row r="769221" spans="14:14">
      <c r="N769221" s="10"/>
    </row>
    <row r="769222" spans="14:14">
      <c r="N769222" s="10"/>
    </row>
    <row r="769223" spans="14:14">
      <c r="N769223" s="10"/>
    </row>
    <row r="769224" spans="14:14">
      <c r="N769224" s="10"/>
    </row>
    <row r="769225" spans="14:14">
      <c r="N769225" s="10"/>
    </row>
    <row r="769226" spans="14:14">
      <c r="N769226" s="10"/>
    </row>
    <row r="769227" spans="14:14">
      <c r="N769227" s="10"/>
    </row>
    <row r="769228" spans="14:14">
      <c r="N769228" s="10"/>
    </row>
    <row r="769229" spans="14:14">
      <c r="N769229" s="10"/>
    </row>
    <row r="769230" spans="14:14">
      <c r="N769230" s="10"/>
    </row>
    <row r="769231" spans="14:14">
      <c r="N769231" s="10"/>
    </row>
    <row r="769232" spans="14:14">
      <c r="N769232" s="10"/>
    </row>
    <row r="769233" spans="14:14">
      <c r="N769233" s="10"/>
    </row>
    <row r="769234" spans="14:14">
      <c r="N769234" s="10"/>
    </row>
    <row r="769235" spans="14:14">
      <c r="N769235" s="10"/>
    </row>
    <row r="769236" spans="14:14">
      <c r="N769236" s="10"/>
    </row>
    <row r="769237" spans="14:14">
      <c r="N769237" s="10"/>
    </row>
    <row r="769238" spans="14:14">
      <c r="N769238" s="10"/>
    </row>
    <row r="769239" spans="14:14">
      <c r="N769239" s="10"/>
    </row>
    <row r="769240" spans="14:14">
      <c r="N769240" s="10"/>
    </row>
    <row r="769241" spans="14:14">
      <c r="N769241" s="10"/>
    </row>
    <row r="769242" spans="14:14">
      <c r="N769242" s="10"/>
    </row>
    <row r="769243" spans="14:14">
      <c r="N769243" s="10"/>
    </row>
    <row r="769244" spans="14:14">
      <c r="N769244" s="10"/>
    </row>
    <row r="769245" spans="14:14">
      <c r="N769245" s="10"/>
    </row>
    <row r="769246" spans="14:14">
      <c r="N769246" s="10"/>
    </row>
    <row r="769247" spans="14:14">
      <c r="N769247" s="10"/>
    </row>
    <row r="769248" spans="14:14">
      <c r="N769248" s="10"/>
    </row>
    <row r="769249" spans="14:14">
      <c r="N769249" s="10"/>
    </row>
    <row r="769250" spans="14:14">
      <c r="N769250" s="10"/>
    </row>
    <row r="769251" spans="14:14">
      <c r="N769251" s="10"/>
    </row>
    <row r="769252" spans="14:14">
      <c r="N769252" s="10"/>
    </row>
    <row r="769253" spans="14:14">
      <c r="N769253" s="10"/>
    </row>
    <row r="769254" spans="14:14">
      <c r="N769254" s="10"/>
    </row>
    <row r="769255" spans="14:14">
      <c r="N769255" s="10"/>
    </row>
    <row r="769256" spans="14:14">
      <c r="N769256" s="10"/>
    </row>
    <row r="769257" spans="14:14">
      <c r="N769257" s="10"/>
    </row>
    <row r="769258" spans="14:14">
      <c r="N769258" s="10"/>
    </row>
    <row r="769259" spans="14:14">
      <c r="N769259" s="10"/>
    </row>
    <row r="769260" spans="14:14">
      <c r="N769260" s="10"/>
    </row>
    <row r="769261" spans="14:14">
      <c r="N769261" s="10"/>
    </row>
    <row r="769262" spans="14:14">
      <c r="N769262" s="10"/>
    </row>
    <row r="769263" spans="14:14">
      <c r="N769263" s="10"/>
    </row>
    <row r="769264" spans="14:14">
      <c r="N769264" s="10"/>
    </row>
    <row r="769265" spans="14:14">
      <c r="N769265" s="10"/>
    </row>
    <row r="769266" spans="14:14">
      <c r="N769266" s="10"/>
    </row>
    <row r="769267" spans="14:14">
      <c r="N769267" s="10"/>
    </row>
    <row r="769268" spans="14:14">
      <c r="N769268" s="10"/>
    </row>
    <row r="769269" spans="14:14">
      <c r="N769269" s="10"/>
    </row>
    <row r="769270" spans="14:14">
      <c r="N769270" s="10"/>
    </row>
    <row r="769271" spans="14:14">
      <c r="N769271" s="10"/>
    </row>
    <row r="769272" spans="14:14">
      <c r="N769272" s="10"/>
    </row>
    <row r="769273" spans="14:14">
      <c r="N769273" s="10"/>
    </row>
    <row r="769274" spans="14:14">
      <c r="N769274" s="10"/>
    </row>
    <row r="769275" spans="14:14">
      <c r="N769275" s="10"/>
    </row>
    <row r="769276" spans="14:14">
      <c r="N769276" s="10"/>
    </row>
    <row r="769277" spans="14:14">
      <c r="N769277" s="10"/>
    </row>
    <row r="769278" spans="14:14">
      <c r="N769278" s="10"/>
    </row>
    <row r="769279" spans="14:14">
      <c r="N769279" s="10"/>
    </row>
    <row r="769280" spans="14:14">
      <c r="N769280" s="10"/>
    </row>
    <row r="769281" spans="14:14">
      <c r="N769281" s="10"/>
    </row>
    <row r="769282" spans="14:14">
      <c r="N769282" s="10"/>
    </row>
    <row r="769283" spans="14:14">
      <c r="N769283" s="10"/>
    </row>
    <row r="769284" spans="14:14">
      <c r="N769284" s="10"/>
    </row>
    <row r="769285" spans="14:14">
      <c r="N769285" s="10"/>
    </row>
    <row r="769286" spans="14:14">
      <c r="N769286" s="10"/>
    </row>
    <row r="769287" spans="14:14">
      <c r="N769287" s="10"/>
    </row>
    <row r="769288" spans="14:14">
      <c r="N769288" s="10"/>
    </row>
    <row r="769289" spans="14:14">
      <c r="N769289" s="10"/>
    </row>
    <row r="769290" spans="14:14">
      <c r="N769290" s="10"/>
    </row>
    <row r="769291" spans="14:14">
      <c r="N769291" s="10"/>
    </row>
    <row r="769292" spans="14:14">
      <c r="N769292" s="10"/>
    </row>
    <row r="769293" spans="14:14">
      <c r="N769293" s="10"/>
    </row>
    <row r="769294" spans="14:14">
      <c r="N769294" s="10"/>
    </row>
    <row r="769295" spans="14:14">
      <c r="N769295" s="10"/>
    </row>
    <row r="769296" spans="14:14">
      <c r="N769296" s="10"/>
    </row>
    <row r="769297" spans="14:14">
      <c r="N769297" s="10"/>
    </row>
    <row r="769298" spans="14:14">
      <c r="N769298" s="10"/>
    </row>
    <row r="769299" spans="14:14">
      <c r="N769299" s="10"/>
    </row>
    <row r="769300" spans="14:14">
      <c r="N769300" s="10"/>
    </row>
    <row r="769301" spans="14:14">
      <c r="N769301" s="10"/>
    </row>
    <row r="769302" spans="14:14">
      <c r="N769302" s="10"/>
    </row>
    <row r="769303" spans="14:14">
      <c r="N769303" s="10"/>
    </row>
    <row r="769304" spans="14:14">
      <c r="N769304" s="10"/>
    </row>
    <row r="769305" spans="14:14">
      <c r="N769305" s="10"/>
    </row>
    <row r="769306" spans="14:14">
      <c r="N769306" s="10"/>
    </row>
    <row r="769307" spans="14:14">
      <c r="N769307" s="10"/>
    </row>
    <row r="769308" spans="14:14">
      <c r="N769308" s="10"/>
    </row>
    <row r="769309" spans="14:14">
      <c r="N769309" s="10"/>
    </row>
    <row r="769310" spans="14:14">
      <c r="N769310" s="10"/>
    </row>
    <row r="769311" spans="14:14">
      <c r="N769311" s="10"/>
    </row>
    <row r="769312" spans="14:14">
      <c r="N769312" s="10"/>
    </row>
    <row r="769313" spans="14:14">
      <c r="N769313" s="10"/>
    </row>
    <row r="769314" spans="14:14">
      <c r="N769314" s="10"/>
    </row>
    <row r="769315" spans="14:14">
      <c r="N769315" s="10"/>
    </row>
    <row r="769316" spans="14:14">
      <c r="N769316" s="10"/>
    </row>
    <row r="769317" spans="14:14">
      <c r="N769317" s="10"/>
    </row>
    <row r="769318" spans="14:14">
      <c r="N769318" s="10"/>
    </row>
    <row r="769319" spans="14:14">
      <c r="N769319" s="10"/>
    </row>
    <row r="769320" spans="14:14">
      <c r="N769320" s="10"/>
    </row>
    <row r="769321" spans="14:14">
      <c r="N769321" s="10"/>
    </row>
    <row r="769322" spans="14:14">
      <c r="N769322" s="10"/>
    </row>
    <row r="769323" spans="14:14">
      <c r="N769323" s="10"/>
    </row>
    <row r="769324" spans="14:14">
      <c r="N769324" s="10"/>
    </row>
    <row r="769325" spans="14:14">
      <c r="N769325" s="10"/>
    </row>
    <row r="769326" spans="14:14">
      <c r="N769326" s="10"/>
    </row>
    <row r="769327" spans="14:14">
      <c r="N769327" s="10"/>
    </row>
    <row r="769328" spans="14:14">
      <c r="N769328" s="10"/>
    </row>
    <row r="769329" spans="14:14">
      <c r="N769329" s="10"/>
    </row>
    <row r="769330" spans="14:14">
      <c r="N769330" s="10"/>
    </row>
    <row r="769331" spans="14:14">
      <c r="N769331" s="10"/>
    </row>
    <row r="769332" spans="14:14">
      <c r="N769332" s="10"/>
    </row>
    <row r="769333" spans="14:14">
      <c r="N769333" s="10"/>
    </row>
    <row r="769334" spans="14:14">
      <c r="N769334" s="10"/>
    </row>
    <row r="769335" spans="14:14">
      <c r="N769335" s="10"/>
    </row>
    <row r="769336" spans="14:14">
      <c r="N769336" s="10"/>
    </row>
    <row r="769337" spans="14:14">
      <c r="N769337" s="10"/>
    </row>
    <row r="769338" spans="14:14">
      <c r="N769338" s="10"/>
    </row>
    <row r="769339" spans="14:14">
      <c r="N769339" s="10"/>
    </row>
    <row r="769340" spans="14:14">
      <c r="N769340" s="10"/>
    </row>
    <row r="769341" spans="14:14">
      <c r="N769341" s="10"/>
    </row>
    <row r="769342" spans="14:14">
      <c r="N769342" s="10"/>
    </row>
    <row r="769343" spans="14:14">
      <c r="N769343" s="10"/>
    </row>
    <row r="769344" spans="14:14">
      <c r="N769344" s="10"/>
    </row>
    <row r="769345" spans="14:14">
      <c r="N769345" s="10"/>
    </row>
    <row r="769346" spans="14:14">
      <c r="N769346" s="10"/>
    </row>
    <row r="769347" spans="14:14">
      <c r="N769347" s="10"/>
    </row>
    <row r="769348" spans="14:14">
      <c r="N769348" s="10"/>
    </row>
    <row r="769349" spans="14:14">
      <c r="N769349" s="10"/>
    </row>
    <row r="769350" spans="14:14">
      <c r="N769350" s="10"/>
    </row>
    <row r="769351" spans="14:14">
      <c r="N769351" s="10"/>
    </row>
    <row r="769352" spans="14:14">
      <c r="N769352" s="10"/>
    </row>
    <row r="769353" spans="14:14">
      <c r="N769353" s="10"/>
    </row>
    <row r="769354" spans="14:14">
      <c r="N769354" s="10"/>
    </row>
    <row r="769355" spans="14:14">
      <c r="N769355" s="10"/>
    </row>
    <row r="769356" spans="14:14">
      <c r="N769356" s="10"/>
    </row>
    <row r="769357" spans="14:14">
      <c r="N769357" s="10"/>
    </row>
    <row r="769358" spans="14:14">
      <c r="N769358" s="10"/>
    </row>
    <row r="769359" spans="14:14">
      <c r="N769359" s="10"/>
    </row>
    <row r="769360" spans="14:14">
      <c r="N769360" s="10"/>
    </row>
    <row r="769361" spans="14:14">
      <c r="N769361" s="10"/>
    </row>
    <row r="769362" spans="14:14">
      <c r="N769362" s="10"/>
    </row>
    <row r="769363" spans="14:14">
      <c r="N769363" s="10"/>
    </row>
    <row r="769364" spans="14:14">
      <c r="N769364" s="10"/>
    </row>
    <row r="769365" spans="14:14">
      <c r="N769365" s="10"/>
    </row>
    <row r="769366" spans="14:14">
      <c r="N769366" s="10"/>
    </row>
    <row r="769367" spans="14:14">
      <c r="N769367" s="10"/>
    </row>
    <row r="769368" spans="14:14">
      <c r="N769368" s="10"/>
    </row>
    <row r="769369" spans="14:14">
      <c r="N769369" s="10"/>
    </row>
    <row r="769370" spans="14:14">
      <c r="N769370" s="10"/>
    </row>
    <row r="769371" spans="14:14">
      <c r="N769371" s="10"/>
    </row>
    <row r="769372" spans="14:14">
      <c r="N769372" s="10"/>
    </row>
    <row r="769373" spans="14:14">
      <c r="N769373" s="10"/>
    </row>
    <row r="769374" spans="14:14">
      <c r="N769374" s="10"/>
    </row>
    <row r="769375" spans="14:14">
      <c r="N769375" s="10"/>
    </row>
    <row r="769376" spans="14:14">
      <c r="N769376" s="10"/>
    </row>
    <row r="769377" spans="14:14">
      <c r="N769377" s="10"/>
    </row>
    <row r="769378" spans="14:14">
      <c r="N769378" s="10"/>
    </row>
    <row r="769379" spans="14:14">
      <c r="N769379" s="10"/>
    </row>
    <row r="769380" spans="14:14">
      <c r="N769380" s="10"/>
    </row>
    <row r="769381" spans="14:14">
      <c r="N769381" s="10"/>
    </row>
    <row r="769382" spans="14:14">
      <c r="N769382" s="10"/>
    </row>
    <row r="769383" spans="14:14">
      <c r="N769383" s="10"/>
    </row>
    <row r="769384" spans="14:14">
      <c r="N769384" s="10"/>
    </row>
    <row r="769385" spans="14:14">
      <c r="N769385" s="10"/>
    </row>
    <row r="769386" spans="14:14">
      <c r="N769386" s="10"/>
    </row>
    <row r="769387" spans="14:14">
      <c r="N769387" s="10"/>
    </row>
    <row r="769388" spans="14:14">
      <c r="N769388" s="10"/>
    </row>
    <row r="769389" spans="14:14">
      <c r="N769389" s="10"/>
    </row>
    <row r="769390" spans="14:14">
      <c r="N769390" s="10"/>
    </row>
    <row r="769391" spans="14:14">
      <c r="N769391" s="10"/>
    </row>
    <row r="769392" spans="14:14">
      <c r="N769392" s="10"/>
    </row>
    <row r="769393" spans="14:14">
      <c r="N769393" s="10"/>
    </row>
    <row r="769394" spans="14:14">
      <c r="N769394" s="10"/>
    </row>
    <row r="769395" spans="14:14">
      <c r="N769395" s="10"/>
    </row>
    <row r="769396" spans="14:14">
      <c r="N769396" s="10"/>
    </row>
    <row r="769397" spans="14:14">
      <c r="N769397" s="10"/>
    </row>
    <row r="769398" spans="14:14">
      <c r="N769398" s="10"/>
    </row>
    <row r="769399" spans="14:14">
      <c r="N769399" s="10"/>
    </row>
    <row r="769400" spans="14:14">
      <c r="N769400" s="10"/>
    </row>
    <row r="769401" spans="14:14">
      <c r="N769401" s="10"/>
    </row>
    <row r="769402" spans="14:14">
      <c r="N769402" s="10"/>
    </row>
    <row r="769403" spans="14:14">
      <c r="N769403" s="10"/>
    </row>
    <row r="769404" spans="14:14">
      <c r="N769404" s="10"/>
    </row>
    <row r="769405" spans="14:14">
      <c r="N769405" s="10"/>
    </row>
    <row r="769406" spans="14:14">
      <c r="N769406" s="10"/>
    </row>
    <row r="769407" spans="14:14">
      <c r="N769407" s="10"/>
    </row>
    <row r="769408" spans="14:14">
      <c r="N769408" s="10"/>
    </row>
    <row r="769409" spans="14:14">
      <c r="N769409" s="10"/>
    </row>
    <row r="769410" spans="14:14">
      <c r="N769410" s="10"/>
    </row>
    <row r="769411" spans="14:14">
      <c r="N769411" s="10"/>
    </row>
    <row r="769412" spans="14:14">
      <c r="N769412" s="10"/>
    </row>
    <row r="769413" spans="14:14">
      <c r="N769413" s="10"/>
    </row>
    <row r="769414" spans="14:14">
      <c r="N769414" s="10"/>
    </row>
    <row r="769415" spans="14:14">
      <c r="N769415" s="10"/>
    </row>
    <row r="769416" spans="14:14">
      <c r="N769416" s="10"/>
    </row>
    <row r="769417" spans="14:14">
      <c r="N769417" s="10"/>
    </row>
    <row r="769418" spans="14:14">
      <c r="N769418" s="10"/>
    </row>
    <row r="769419" spans="14:14">
      <c r="N769419" s="10"/>
    </row>
    <row r="769420" spans="14:14">
      <c r="N769420" s="10"/>
    </row>
    <row r="769421" spans="14:14">
      <c r="N769421" s="10"/>
    </row>
    <row r="769422" spans="14:14">
      <c r="N769422" s="10"/>
    </row>
    <row r="769423" spans="14:14">
      <c r="N769423" s="10"/>
    </row>
    <row r="769424" spans="14:14">
      <c r="N769424" s="10"/>
    </row>
    <row r="769425" spans="14:14">
      <c r="N769425" s="10"/>
    </row>
    <row r="769426" spans="14:14">
      <c r="N769426" s="10"/>
    </row>
    <row r="769427" spans="14:14">
      <c r="N769427" s="10"/>
    </row>
    <row r="769428" spans="14:14">
      <c r="N769428" s="10"/>
    </row>
    <row r="769429" spans="14:14">
      <c r="N769429" s="10"/>
    </row>
    <row r="769430" spans="14:14">
      <c r="N769430" s="10"/>
    </row>
    <row r="769431" spans="14:14">
      <c r="N769431" s="10"/>
    </row>
    <row r="769432" spans="14:14">
      <c r="N769432" s="10"/>
    </row>
    <row r="769433" spans="14:14">
      <c r="N769433" s="10"/>
    </row>
    <row r="769434" spans="14:14">
      <c r="N769434" s="10"/>
    </row>
    <row r="769435" spans="14:14">
      <c r="N769435" s="10"/>
    </row>
    <row r="769436" spans="14:14">
      <c r="N769436" s="10"/>
    </row>
    <row r="769437" spans="14:14">
      <c r="N769437" s="10"/>
    </row>
    <row r="769438" spans="14:14">
      <c r="N769438" s="10"/>
    </row>
    <row r="769439" spans="14:14">
      <c r="N769439" s="10"/>
    </row>
    <row r="769440" spans="14:14">
      <c r="N769440" s="10"/>
    </row>
    <row r="769441" spans="14:14">
      <c r="N769441" s="10"/>
    </row>
    <row r="769442" spans="14:14">
      <c r="N769442" s="10"/>
    </row>
    <row r="769443" spans="14:14">
      <c r="N769443" s="10"/>
    </row>
    <row r="769444" spans="14:14">
      <c r="N769444" s="10"/>
    </row>
    <row r="769445" spans="14:14">
      <c r="N769445" s="10"/>
    </row>
    <row r="769446" spans="14:14">
      <c r="N769446" s="10"/>
    </row>
    <row r="769447" spans="14:14">
      <c r="N769447" s="10"/>
    </row>
    <row r="769448" spans="14:14">
      <c r="N769448" s="10"/>
    </row>
    <row r="769449" spans="14:14">
      <c r="N769449" s="10"/>
    </row>
    <row r="769450" spans="14:14">
      <c r="N769450" s="10"/>
    </row>
    <row r="769451" spans="14:14">
      <c r="N769451" s="10"/>
    </row>
    <row r="769452" spans="14:14">
      <c r="N769452" s="10"/>
    </row>
    <row r="769453" spans="14:14">
      <c r="N769453" s="10"/>
    </row>
    <row r="769454" spans="14:14">
      <c r="N769454" s="10"/>
    </row>
    <row r="769455" spans="14:14">
      <c r="N769455" s="10"/>
    </row>
    <row r="769456" spans="14:14">
      <c r="N769456" s="10"/>
    </row>
    <row r="769457" spans="14:14">
      <c r="N769457" s="10"/>
    </row>
    <row r="769458" spans="14:14">
      <c r="N769458" s="10"/>
    </row>
    <row r="769459" spans="14:14">
      <c r="N769459" s="10"/>
    </row>
    <row r="769460" spans="14:14">
      <c r="N769460" s="10"/>
    </row>
    <row r="769461" spans="14:14">
      <c r="N769461" s="10"/>
    </row>
    <row r="769462" spans="14:14">
      <c r="N769462" s="10"/>
    </row>
    <row r="769463" spans="14:14">
      <c r="N769463" s="10"/>
    </row>
    <row r="769464" spans="14:14">
      <c r="N769464" s="10"/>
    </row>
    <row r="769465" spans="14:14">
      <c r="N769465" s="10"/>
    </row>
    <row r="769466" spans="14:14">
      <c r="N769466" s="10"/>
    </row>
    <row r="769467" spans="14:14">
      <c r="N769467" s="10"/>
    </row>
    <row r="769468" spans="14:14">
      <c r="N769468" s="10"/>
    </row>
    <row r="769469" spans="14:14">
      <c r="N769469" s="10"/>
    </row>
    <row r="769470" spans="14:14">
      <c r="N769470" s="10"/>
    </row>
    <row r="769471" spans="14:14">
      <c r="N769471" s="10"/>
    </row>
    <row r="769472" spans="14:14">
      <c r="N769472" s="10"/>
    </row>
    <row r="769473" spans="14:14">
      <c r="N769473" s="10"/>
    </row>
    <row r="769474" spans="14:14">
      <c r="N769474" s="10"/>
    </row>
    <row r="769475" spans="14:14">
      <c r="N769475" s="10"/>
    </row>
    <row r="769476" spans="14:14">
      <c r="N769476" s="10"/>
    </row>
    <row r="769477" spans="14:14">
      <c r="N769477" s="10"/>
    </row>
    <row r="769478" spans="14:14">
      <c r="N769478" s="10"/>
    </row>
    <row r="769479" spans="14:14">
      <c r="N769479" s="10"/>
    </row>
    <row r="769480" spans="14:14">
      <c r="N769480" s="10"/>
    </row>
    <row r="769481" spans="14:14">
      <c r="N769481" s="10"/>
    </row>
    <row r="769482" spans="14:14">
      <c r="N769482" s="10"/>
    </row>
    <row r="769483" spans="14:14">
      <c r="N769483" s="10"/>
    </row>
    <row r="769484" spans="14:14">
      <c r="N769484" s="10"/>
    </row>
    <row r="769485" spans="14:14">
      <c r="N769485" s="10"/>
    </row>
    <row r="769486" spans="14:14">
      <c r="N769486" s="10"/>
    </row>
    <row r="769487" spans="14:14">
      <c r="N769487" s="10"/>
    </row>
    <row r="769488" spans="14:14">
      <c r="N769488" s="10"/>
    </row>
    <row r="769489" spans="14:14">
      <c r="N769489" s="10"/>
    </row>
    <row r="769490" spans="14:14">
      <c r="N769490" s="10"/>
    </row>
    <row r="769491" spans="14:14">
      <c r="N769491" s="10"/>
    </row>
    <row r="769492" spans="14:14">
      <c r="N769492" s="10"/>
    </row>
    <row r="769493" spans="14:14">
      <c r="N769493" s="10"/>
    </row>
    <row r="769494" spans="14:14">
      <c r="N769494" s="10"/>
    </row>
    <row r="769495" spans="14:14">
      <c r="N769495" s="10"/>
    </row>
    <row r="769496" spans="14:14">
      <c r="N769496" s="10"/>
    </row>
    <row r="769497" spans="14:14">
      <c r="N769497" s="10"/>
    </row>
    <row r="769498" spans="14:14">
      <c r="N769498" s="10"/>
    </row>
    <row r="769499" spans="14:14">
      <c r="N769499" s="10"/>
    </row>
    <row r="769500" spans="14:14">
      <c r="N769500" s="10"/>
    </row>
    <row r="769501" spans="14:14">
      <c r="N769501" s="10"/>
    </row>
    <row r="769502" spans="14:14">
      <c r="N769502" s="10"/>
    </row>
    <row r="769503" spans="14:14">
      <c r="N769503" s="10"/>
    </row>
    <row r="769504" spans="14:14">
      <c r="N769504" s="10"/>
    </row>
    <row r="769505" spans="14:14">
      <c r="N769505" s="10"/>
    </row>
    <row r="769506" spans="14:14">
      <c r="N769506" s="10"/>
    </row>
    <row r="769507" spans="14:14">
      <c r="N769507" s="10"/>
    </row>
    <row r="769508" spans="14:14">
      <c r="N769508" s="10"/>
    </row>
    <row r="769509" spans="14:14">
      <c r="N769509" s="10"/>
    </row>
    <row r="769510" spans="14:14">
      <c r="N769510" s="10"/>
    </row>
    <row r="769511" spans="14:14">
      <c r="N769511" s="10"/>
    </row>
    <row r="769512" spans="14:14">
      <c r="N769512" s="10"/>
    </row>
    <row r="769513" spans="14:14">
      <c r="N769513" s="10"/>
    </row>
    <row r="769514" spans="14:14">
      <c r="N769514" s="10"/>
    </row>
    <row r="769515" spans="14:14">
      <c r="N769515" s="10"/>
    </row>
    <row r="769516" spans="14:14">
      <c r="N769516" s="10"/>
    </row>
    <row r="769517" spans="14:14">
      <c r="N769517" s="10"/>
    </row>
    <row r="769518" spans="14:14">
      <c r="N769518" s="10"/>
    </row>
    <row r="769519" spans="14:14">
      <c r="N769519" s="10"/>
    </row>
    <row r="769520" spans="14:14">
      <c r="N769520" s="10"/>
    </row>
    <row r="769521" spans="14:14">
      <c r="N769521" s="10"/>
    </row>
    <row r="769522" spans="14:14">
      <c r="N769522" s="10"/>
    </row>
    <row r="769523" spans="14:14">
      <c r="N769523" s="10"/>
    </row>
    <row r="769524" spans="14:14">
      <c r="N769524" s="10"/>
    </row>
    <row r="769525" spans="14:14">
      <c r="N769525" s="10"/>
    </row>
    <row r="769526" spans="14:14">
      <c r="N769526" s="10"/>
    </row>
    <row r="769527" spans="14:14">
      <c r="N769527" s="10"/>
    </row>
    <row r="769528" spans="14:14">
      <c r="N769528" s="10"/>
    </row>
    <row r="769529" spans="14:14">
      <c r="N769529" s="10"/>
    </row>
    <row r="769530" spans="14:14">
      <c r="N769530" s="10"/>
    </row>
    <row r="769531" spans="14:14">
      <c r="N769531" s="10"/>
    </row>
    <row r="769532" spans="14:14">
      <c r="N769532" s="10"/>
    </row>
    <row r="769533" spans="14:14">
      <c r="N769533" s="10"/>
    </row>
    <row r="769534" spans="14:14">
      <c r="N769534" s="10"/>
    </row>
    <row r="769535" spans="14:14">
      <c r="N769535" s="10"/>
    </row>
    <row r="769536" spans="14:14">
      <c r="N769536" s="10"/>
    </row>
    <row r="769537" spans="14:14">
      <c r="N769537" s="10"/>
    </row>
    <row r="769538" spans="14:14">
      <c r="N769538" s="10"/>
    </row>
    <row r="769539" spans="14:14">
      <c r="N769539" s="10"/>
    </row>
    <row r="769540" spans="14:14">
      <c r="N769540" s="10"/>
    </row>
    <row r="769541" spans="14:14">
      <c r="N769541" s="10"/>
    </row>
    <row r="769542" spans="14:14">
      <c r="N769542" s="10"/>
    </row>
    <row r="769543" spans="14:14">
      <c r="N769543" s="10"/>
    </row>
    <row r="769544" spans="14:14">
      <c r="N769544" s="10"/>
    </row>
    <row r="769545" spans="14:14">
      <c r="N769545" s="10"/>
    </row>
    <row r="769546" spans="14:14">
      <c r="N769546" s="10"/>
    </row>
    <row r="769547" spans="14:14">
      <c r="N769547" s="10"/>
    </row>
    <row r="769548" spans="14:14">
      <c r="N769548" s="10"/>
    </row>
    <row r="769549" spans="14:14">
      <c r="N769549" s="10"/>
    </row>
    <row r="769550" spans="14:14">
      <c r="N769550" s="10"/>
    </row>
    <row r="769551" spans="14:14">
      <c r="N769551" s="10"/>
    </row>
    <row r="769552" spans="14:14">
      <c r="N769552" s="10"/>
    </row>
    <row r="769553" spans="14:14">
      <c r="N769553" s="10"/>
    </row>
    <row r="769554" spans="14:14">
      <c r="N769554" s="10"/>
    </row>
    <row r="769555" spans="14:14">
      <c r="N769555" s="10"/>
    </row>
    <row r="769556" spans="14:14">
      <c r="N769556" s="10"/>
    </row>
    <row r="769557" spans="14:14">
      <c r="N769557" s="10"/>
    </row>
    <row r="769558" spans="14:14">
      <c r="N769558" s="10"/>
    </row>
    <row r="769559" spans="14:14">
      <c r="N769559" s="10"/>
    </row>
    <row r="769560" spans="14:14">
      <c r="N769560" s="10"/>
    </row>
    <row r="769561" spans="14:14">
      <c r="N769561" s="10"/>
    </row>
    <row r="769562" spans="14:14">
      <c r="N769562" s="10"/>
    </row>
    <row r="769563" spans="14:14">
      <c r="N769563" s="10"/>
    </row>
    <row r="769564" spans="14:14">
      <c r="N769564" s="10"/>
    </row>
    <row r="769565" spans="14:14">
      <c r="N769565" s="10"/>
    </row>
    <row r="769566" spans="14:14">
      <c r="N769566" s="10"/>
    </row>
    <row r="769567" spans="14:14">
      <c r="N769567" s="10"/>
    </row>
    <row r="769568" spans="14:14">
      <c r="N769568" s="10"/>
    </row>
    <row r="769569" spans="14:14">
      <c r="N769569" s="10"/>
    </row>
    <row r="769570" spans="14:14">
      <c r="N769570" s="10"/>
    </row>
    <row r="769571" spans="14:14">
      <c r="N769571" s="10"/>
    </row>
    <row r="769572" spans="14:14">
      <c r="N769572" s="10"/>
    </row>
    <row r="769573" spans="14:14">
      <c r="N769573" s="10"/>
    </row>
    <row r="769574" spans="14:14">
      <c r="N769574" s="10"/>
    </row>
    <row r="769575" spans="14:14">
      <c r="N769575" s="10"/>
    </row>
    <row r="769576" spans="14:14">
      <c r="N769576" s="10"/>
    </row>
    <row r="769577" spans="14:14">
      <c r="N769577" s="10"/>
    </row>
    <row r="769578" spans="14:14">
      <c r="N769578" s="10"/>
    </row>
    <row r="769579" spans="14:14">
      <c r="N769579" s="10"/>
    </row>
    <row r="769580" spans="14:14">
      <c r="N769580" s="10"/>
    </row>
    <row r="769581" spans="14:14">
      <c r="N769581" s="10"/>
    </row>
    <row r="769582" spans="14:14">
      <c r="N769582" s="10"/>
    </row>
    <row r="769583" spans="14:14">
      <c r="N769583" s="10"/>
    </row>
    <row r="769584" spans="14:14">
      <c r="N769584" s="10"/>
    </row>
    <row r="769585" spans="14:14">
      <c r="N769585" s="10"/>
    </row>
    <row r="769586" spans="14:14">
      <c r="N769586" s="10"/>
    </row>
    <row r="769587" spans="14:14">
      <c r="N769587" s="10"/>
    </row>
    <row r="769588" spans="14:14">
      <c r="N769588" s="10"/>
    </row>
    <row r="769589" spans="14:14">
      <c r="N769589" s="10"/>
    </row>
    <row r="769590" spans="14:14">
      <c r="N769590" s="10"/>
    </row>
    <row r="769591" spans="14:14">
      <c r="N769591" s="10"/>
    </row>
    <row r="769592" spans="14:14">
      <c r="N769592" s="10"/>
    </row>
    <row r="769593" spans="14:14">
      <c r="N769593" s="10"/>
    </row>
    <row r="769594" spans="14:14">
      <c r="N769594" s="10"/>
    </row>
    <row r="769595" spans="14:14">
      <c r="N769595" s="10"/>
    </row>
    <row r="769596" spans="14:14">
      <c r="N769596" s="10"/>
    </row>
    <row r="769597" spans="14:14">
      <c r="N769597" s="10"/>
    </row>
    <row r="769598" spans="14:14">
      <c r="N769598" s="10"/>
    </row>
    <row r="769599" spans="14:14">
      <c r="N769599" s="10"/>
    </row>
    <row r="769600" spans="14:14">
      <c r="N769600" s="10"/>
    </row>
    <row r="769601" spans="14:14">
      <c r="N769601" s="10"/>
    </row>
    <row r="769602" spans="14:14">
      <c r="N769602" s="10"/>
    </row>
    <row r="769603" spans="14:14">
      <c r="N769603" s="10"/>
    </row>
    <row r="769604" spans="14:14">
      <c r="N769604" s="10"/>
    </row>
    <row r="769605" spans="14:14">
      <c r="N769605" s="10"/>
    </row>
    <row r="769606" spans="14:14">
      <c r="N769606" s="10"/>
    </row>
    <row r="769607" spans="14:14">
      <c r="N769607" s="10"/>
    </row>
    <row r="769608" spans="14:14">
      <c r="N769608" s="10"/>
    </row>
    <row r="769609" spans="14:14">
      <c r="N769609" s="10"/>
    </row>
    <row r="769610" spans="14:14">
      <c r="N769610" s="10"/>
    </row>
    <row r="769611" spans="14:14">
      <c r="N769611" s="10"/>
    </row>
    <row r="769612" spans="14:14">
      <c r="N769612" s="10"/>
    </row>
    <row r="769613" spans="14:14">
      <c r="N769613" s="10"/>
    </row>
    <row r="769614" spans="14:14">
      <c r="N769614" s="10"/>
    </row>
    <row r="769615" spans="14:14">
      <c r="N769615" s="10"/>
    </row>
    <row r="769616" spans="14:14">
      <c r="N769616" s="10"/>
    </row>
    <row r="769617" spans="14:14">
      <c r="N769617" s="10"/>
    </row>
    <row r="769618" spans="14:14">
      <c r="N769618" s="10"/>
    </row>
    <row r="769619" spans="14:14">
      <c r="N769619" s="10"/>
    </row>
    <row r="769620" spans="14:14">
      <c r="N769620" s="10"/>
    </row>
    <row r="769621" spans="14:14">
      <c r="N769621" s="10"/>
    </row>
    <row r="769622" spans="14:14">
      <c r="N769622" s="10"/>
    </row>
    <row r="769623" spans="14:14">
      <c r="N769623" s="10"/>
    </row>
    <row r="769624" spans="14:14">
      <c r="N769624" s="10"/>
    </row>
    <row r="769625" spans="14:14">
      <c r="N769625" s="10"/>
    </row>
    <row r="769626" spans="14:14">
      <c r="N769626" s="10"/>
    </row>
    <row r="769627" spans="14:14">
      <c r="N769627" s="10"/>
    </row>
    <row r="769628" spans="14:14">
      <c r="N769628" s="10"/>
    </row>
    <row r="769629" spans="14:14">
      <c r="N769629" s="10"/>
    </row>
    <row r="769630" spans="14:14">
      <c r="N769630" s="10"/>
    </row>
    <row r="769631" spans="14:14">
      <c r="N769631" s="10"/>
    </row>
    <row r="769632" spans="14:14">
      <c r="N769632" s="10"/>
    </row>
    <row r="769633" spans="14:14">
      <c r="N769633" s="10"/>
    </row>
    <row r="769634" spans="14:14">
      <c r="N769634" s="10"/>
    </row>
    <row r="769635" spans="14:14">
      <c r="N769635" s="10"/>
    </row>
    <row r="769636" spans="14:14">
      <c r="N769636" s="10"/>
    </row>
    <row r="769637" spans="14:14">
      <c r="N769637" s="10"/>
    </row>
    <row r="769638" spans="14:14">
      <c r="N769638" s="10"/>
    </row>
    <row r="769639" spans="14:14">
      <c r="N769639" s="10"/>
    </row>
    <row r="769640" spans="14:14">
      <c r="N769640" s="10"/>
    </row>
    <row r="769641" spans="14:14">
      <c r="N769641" s="10"/>
    </row>
    <row r="769642" spans="14:14">
      <c r="N769642" s="10"/>
    </row>
    <row r="769643" spans="14:14">
      <c r="N769643" s="10"/>
    </row>
    <row r="769644" spans="14:14">
      <c r="N769644" s="10"/>
    </row>
    <row r="769645" spans="14:14">
      <c r="N769645" s="10"/>
    </row>
    <row r="769646" spans="14:14">
      <c r="N769646" s="10"/>
    </row>
    <row r="769647" spans="14:14">
      <c r="N769647" s="10"/>
    </row>
    <row r="769648" spans="14:14">
      <c r="N769648" s="10"/>
    </row>
    <row r="769649" spans="14:14">
      <c r="N769649" s="10"/>
    </row>
    <row r="769650" spans="14:14">
      <c r="N769650" s="10"/>
    </row>
    <row r="769651" spans="14:14">
      <c r="N769651" s="10"/>
    </row>
    <row r="769652" spans="14:14">
      <c r="N769652" s="10"/>
    </row>
    <row r="769653" spans="14:14">
      <c r="N769653" s="10"/>
    </row>
    <row r="769654" spans="14:14">
      <c r="N769654" s="10"/>
    </row>
    <row r="769655" spans="14:14">
      <c r="N769655" s="10"/>
    </row>
    <row r="769656" spans="14:14">
      <c r="N769656" s="10"/>
    </row>
    <row r="769657" spans="14:14">
      <c r="N769657" s="10"/>
    </row>
    <row r="769658" spans="14:14">
      <c r="N769658" s="10"/>
    </row>
    <row r="769659" spans="14:14">
      <c r="N769659" s="10"/>
    </row>
    <row r="769660" spans="14:14">
      <c r="N769660" s="10"/>
    </row>
    <row r="769661" spans="14:14">
      <c r="N769661" s="10"/>
    </row>
    <row r="769662" spans="14:14">
      <c r="N769662" s="10"/>
    </row>
    <row r="769663" spans="14:14">
      <c r="N769663" s="10"/>
    </row>
    <row r="769664" spans="14:14">
      <c r="N769664" s="10"/>
    </row>
    <row r="769665" spans="14:14">
      <c r="N769665" s="10"/>
    </row>
    <row r="769666" spans="14:14">
      <c r="N769666" s="10"/>
    </row>
    <row r="769667" spans="14:14">
      <c r="N769667" s="10"/>
    </row>
    <row r="769668" spans="14:14">
      <c r="N769668" s="10"/>
    </row>
    <row r="769669" spans="14:14">
      <c r="N769669" s="10"/>
    </row>
    <row r="769670" spans="14:14">
      <c r="N769670" s="10"/>
    </row>
    <row r="769671" spans="14:14">
      <c r="N769671" s="10"/>
    </row>
    <row r="769672" spans="14:14">
      <c r="N769672" s="10"/>
    </row>
    <row r="769673" spans="14:14">
      <c r="N769673" s="10"/>
    </row>
    <row r="769674" spans="14:14">
      <c r="N769674" s="10"/>
    </row>
    <row r="769675" spans="14:14">
      <c r="N769675" s="10"/>
    </row>
    <row r="769676" spans="14:14">
      <c r="N769676" s="10"/>
    </row>
    <row r="769677" spans="14:14">
      <c r="N769677" s="10"/>
    </row>
    <row r="769678" spans="14:14">
      <c r="N769678" s="10"/>
    </row>
    <row r="769679" spans="14:14">
      <c r="N769679" s="10"/>
    </row>
    <row r="769680" spans="14:14">
      <c r="N769680" s="10"/>
    </row>
    <row r="769681" spans="14:14">
      <c r="N769681" s="10"/>
    </row>
    <row r="769682" spans="14:14">
      <c r="N769682" s="10"/>
    </row>
    <row r="769683" spans="14:14">
      <c r="N769683" s="10"/>
    </row>
    <row r="769684" spans="14:14">
      <c r="N769684" s="10"/>
    </row>
    <row r="769685" spans="14:14">
      <c r="N769685" s="10"/>
    </row>
    <row r="769686" spans="14:14">
      <c r="N769686" s="10"/>
    </row>
    <row r="769687" spans="14:14">
      <c r="N769687" s="10"/>
    </row>
    <row r="769688" spans="14:14">
      <c r="N769688" s="10"/>
    </row>
    <row r="769689" spans="14:14">
      <c r="N769689" s="10"/>
    </row>
    <row r="769690" spans="14:14">
      <c r="N769690" s="10"/>
    </row>
    <row r="769691" spans="14:14">
      <c r="N769691" s="10"/>
    </row>
    <row r="769692" spans="14:14">
      <c r="N769692" s="10"/>
    </row>
    <row r="769693" spans="14:14">
      <c r="N769693" s="10"/>
    </row>
    <row r="769694" spans="14:14">
      <c r="N769694" s="10"/>
    </row>
    <row r="769695" spans="14:14">
      <c r="N769695" s="10"/>
    </row>
    <row r="769696" spans="14:14">
      <c r="N769696" s="10"/>
    </row>
    <row r="769697" spans="14:14">
      <c r="N769697" s="10"/>
    </row>
    <row r="769698" spans="14:14">
      <c r="N769698" s="10"/>
    </row>
    <row r="769699" spans="14:14">
      <c r="N769699" s="10"/>
    </row>
    <row r="769700" spans="14:14">
      <c r="N769700" s="10"/>
    </row>
    <row r="769701" spans="14:14">
      <c r="N769701" s="10"/>
    </row>
    <row r="769702" spans="14:14">
      <c r="N769702" s="10"/>
    </row>
    <row r="769703" spans="14:14">
      <c r="N769703" s="10"/>
    </row>
    <row r="769704" spans="14:14">
      <c r="N769704" s="10"/>
    </row>
    <row r="769705" spans="14:14">
      <c r="N769705" s="10"/>
    </row>
    <row r="769706" spans="14:14">
      <c r="N769706" s="10"/>
    </row>
    <row r="769707" spans="14:14">
      <c r="N769707" s="10"/>
    </row>
    <row r="769708" spans="14:14">
      <c r="N769708" s="10"/>
    </row>
    <row r="769709" spans="14:14">
      <c r="N769709" s="10"/>
    </row>
    <row r="769710" spans="14:14">
      <c r="N769710" s="10"/>
    </row>
    <row r="769711" spans="14:14">
      <c r="N769711" s="10"/>
    </row>
    <row r="769712" spans="14:14">
      <c r="N769712" s="10"/>
    </row>
    <row r="769713" spans="14:14">
      <c r="N769713" s="10"/>
    </row>
    <row r="769714" spans="14:14">
      <c r="N769714" s="10"/>
    </row>
    <row r="769715" spans="14:14">
      <c r="N769715" s="10"/>
    </row>
    <row r="769716" spans="14:14">
      <c r="N769716" s="10"/>
    </row>
    <row r="769717" spans="14:14">
      <c r="N769717" s="10"/>
    </row>
    <row r="769718" spans="14:14">
      <c r="N769718" s="10"/>
    </row>
    <row r="769719" spans="14:14">
      <c r="N769719" s="10"/>
    </row>
    <row r="769720" spans="14:14">
      <c r="N769720" s="10"/>
    </row>
    <row r="769721" spans="14:14">
      <c r="N769721" s="10"/>
    </row>
    <row r="769722" spans="14:14">
      <c r="N769722" s="10"/>
    </row>
    <row r="769723" spans="14:14">
      <c r="N769723" s="10"/>
    </row>
    <row r="769724" spans="14:14">
      <c r="N769724" s="10"/>
    </row>
    <row r="769725" spans="14:14">
      <c r="N769725" s="10"/>
    </row>
    <row r="769726" spans="14:14">
      <c r="N769726" s="10"/>
    </row>
    <row r="769727" spans="14:14">
      <c r="N769727" s="10"/>
    </row>
    <row r="769728" spans="14:14">
      <c r="N769728" s="10"/>
    </row>
    <row r="769729" spans="14:14">
      <c r="N769729" s="10"/>
    </row>
    <row r="769730" spans="14:14">
      <c r="N769730" s="10"/>
    </row>
    <row r="769731" spans="14:14">
      <c r="N769731" s="10"/>
    </row>
    <row r="769732" spans="14:14">
      <c r="N769732" s="10"/>
    </row>
    <row r="769733" spans="14:14">
      <c r="N769733" s="10"/>
    </row>
    <row r="769734" spans="14:14">
      <c r="N769734" s="10"/>
    </row>
    <row r="769735" spans="14:14">
      <c r="N769735" s="10"/>
    </row>
    <row r="769736" spans="14:14">
      <c r="N769736" s="10"/>
    </row>
    <row r="769737" spans="14:14">
      <c r="N769737" s="10"/>
    </row>
    <row r="769738" spans="14:14">
      <c r="N769738" s="10"/>
    </row>
    <row r="769739" spans="14:14">
      <c r="N769739" s="10"/>
    </row>
    <row r="769740" spans="14:14">
      <c r="N769740" s="10"/>
    </row>
    <row r="769741" spans="14:14">
      <c r="N769741" s="10"/>
    </row>
    <row r="769742" spans="14:14">
      <c r="N769742" s="10"/>
    </row>
    <row r="769743" spans="14:14">
      <c r="N769743" s="10"/>
    </row>
    <row r="769744" spans="14:14">
      <c r="N769744" s="10"/>
    </row>
    <row r="769745" spans="14:14">
      <c r="N769745" s="10"/>
    </row>
    <row r="769746" spans="14:14">
      <c r="N769746" s="10"/>
    </row>
    <row r="769747" spans="14:14">
      <c r="N769747" s="10"/>
    </row>
    <row r="769748" spans="14:14">
      <c r="N769748" s="10"/>
    </row>
    <row r="769749" spans="14:14">
      <c r="N769749" s="10"/>
    </row>
    <row r="769750" spans="14:14">
      <c r="N769750" s="10"/>
    </row>
    <row r="769751" spans="14:14">
      <c r="N769751" s="10"/>
    </row>
    <row r="769752" spans="14:14">
      <c r="N769752" s="10"/>
    </row>
    <row r="769753" spans="14:14">
      <c r="N769753" s="10"/>
    </row>
    <row r="769754" spans="14:14">
      <c r="N769754" s="10"/>
    </row>
    <row r="769755" spans="14:14">
      <c r="N769755" s="10"/>
    </row>
    <row r="769756" spans="14:14">
      <c r="N769756" s="10"/>
    </row>
    <row r="769757" spans="14:14">
      <c r="N769757" s="10"/>
    </row>
    <row r="769758" spans="14:14">
      <c r="N769758" s="10"/>
    </row>
    <row r="769759" spans="14:14">
      <c r="N769759" s="10"/>
    </row>
    <row r="769760" spans="14:14">
      <c r="N769760" s="10"/>
    </row>
    <row r="769761" spans="14:14">
      <c r="N769761" s="10"/>
    </row>
    <row r="769762" spans="14:14">
      <c r="N769762" s="10"/>
    </row>
    <row r="769763" spans="14:14">
      <c r="N769763" s="10"/>
    </row>
    <row r="769764" spans="14:14">
      <c r="N769764" s="10"/>
    </row>
    <row r="769765" spans="14:14">
      <c r="N769765" s="10"/>
    </row>
    <row r="769766" spans="14:14">
      <c r="N769766" s="10"/>
    </row>
    <row r="769767" spans="14:14">
      <c r="N769767" s="10"/>
    </row>
    <row r="769768" spans="14:14">
      <c r="N769768" s="10"/>
    </row>
    <row r="769769" spans="14:14">
      <c r="N769769" s="10"/>
    </row>
    <row r="769770" spans="14:14">
      <c r="N769770" s="10"/>
    </row>
    <row r="769771" spans="14:14">
      <c r="N769771" s="10"/>
    </row>
    <row r="769772" spans="14:14">
      <c r="N769772" s="10"/>
    </row>
    <row r="769773" spans="14:14">
      <c r="N769773" s="10"/>
    </row>
    <row r="769774" spans="14:14">
      <c r="N769774" s="10"/>
    </row>
    <row r="769775" spans="14:14">
      <c r="N769775" s="10"/>
    </row>
    <row r="769776" spans="14:14">
      <c r="N769776" s="10"/>
    </row>
    <row r="769777" spans="14:14">
      <c r="N769777" s="10"/>
    </row>
    <row r="769778" spans="14:14">
      <c r="N769778" s="10"/>
    </row>
    <row r="769779" spans="14:14">
      <c r="N769779" s="10"/>
    </row>
    <row r="769780" spans="14:14">
      <c r="N769780" s="10"/>
    </row>
    <row r="769781" spans="14:14">
      <c r="N769781" s="10"/>
    </row>
    <row r="769782" spans="14:14">
      <c r="N769782" s="10"/>
    </row>
    <row r="769783" spans="14:14">
      <c r="N769783" s="10"/>
    </row>
    <row r="769784" spans="14:14">
      <c r="N769784" s="10"/>
    </row>
    <row r="769785" spans="14:14">
      <c r="N769785" s="10"/>
    </row>
    <row r="769786" spans="14:14">
      <c r="N769786" s="10"/>
    </row>
    <row r="769787" spans="14:14">
      <c r="N769787" s="10"/>
    </row>
    <row r="769788" spans="14:14">
      <c r="N769788" s="10"/>
    </row>
    <row r="769789" spans="14:14">
      <c r="N769789" s="10"/>
    </row>
    <row r="769790" spans="14:14">
      <c r="N769790" s="10"/>
    </row>
    <row r="769791" spans="14:14">
      <c r="N769791" s="10"/>
    </row>
    <row r="769792" spans="14:14">
      <c r="N769792" s="10"/>
    </row>
    <row r="769793" spans="14:14">
      <c r="N769793" s="10"/>
    </row>
    <row r="769794" spans="14:14">
      <c r="N769794" s="10"/>
    </row>
    <row r="769795" spans="14:14">
      <c r="N769795" s="10"/>
    </row>
    <row r="769796" spans="14:14">
      <c r="N769796" s="10"/>
    </row>
    <row r="769797" spans="14:14">
      <c r="N769797" s="10"/>
    </row>
    <row r="769798" spans="14:14">
      <c r="N769798" s="10"/>
    </row>
    <row r="769799" spans="14:14">
      <c r="N769799" s="10"/>
    </row>
    <row r="769800" spans="14:14">
      <c r="N769800" s="10"/>
    </row>
    <row r="769801" spans="14:14">
      <c r="N769801" s="10"/>
    </row>
    <row r="769802" spans="14:14">
      <c r="N769802" s="10"/>
    </row>
    <row r="769803" spans="14:14">
      <c r="N769803" s="10"/>
    </row>
    <row r="769804" spans="14:14">
      <c r="N769804" s="10"/>
    </row>
    <row r="769805" spans="14:14">
      <c r="N769805" s="10"/>
    </row>
    <row r="769806" spans="14:14">
      <c r="N769806" s="10"/>
    </row>
    <row r="769807" spans="14:14">
      <c r="N769807" s="10"/>
    </row>
    <row r="769808" spans="14:14">
      <c r="N769808" s="10"/>
    </row>
    <row r="769809" spans="14:14">
      <c r="N769809" s="10"/>
    </row>
    <row r="769810" spans="14:14">
      <c r="N769810" s="10"/>
    </row>
    <row r="769811" spans="14:14">
      <c r="N769811" s="10"/>
    </row>
    <row r="769812" spans="14:14">
      <c r="N769812" s="10"/>
    </row>
    <row r="769813" spans="14:14">
      <c r="N769813" s="10"/>
    </row>
    <row r="769814" spans="14:14">
      <c r="N769814" s="10"/>
    </row>
    <row r="769815" spans="14:14">
      <c r="N769815" s="10"/>
    </row>
    <row r="769816" spans="14:14">
      <c r="N769816" s="10"/>
    </row>
    <row r="769817" spans="14:14">
      <c r="N769817" s="10"/>
    </row>
    <row r="769818" spans="14:14">
      <c r="N769818" s="10"/>
    </row>
    <row r="769819" spans="14:14">
      <c r="N769819" s="10"/>
    </row>
    <row r="769820" spans="14:14">
      <c r="N769820" s="10"/>
    </row>
    <row r="769821" spans="14:14">
      <c r="N769821" s="10"/>
    </row>
    <row r="769822" spans="14:14">
      <c r="N769822" s="10"/>
    </row>
    <row r="769823" spans="14:14">
      <c r="N769823" s="10"/>
    </row>
    <row r="769824" spans="14:14">
      <c r="N769824" s="10"/>
    </row>
    <row r="769825" spans="14:14">
      <c r="N769825" s="10"/>
    </row>
    <row r="769826" spans="14:14">
      <c r="N769826" s="10"/>
    </row>
    <row r="769827" spans="14:14">
      <c r="N769827" s="10"/>
    </row>
    <row r="769828" spans="14:14">
      <c r="N769828" s="10"/>
    </row>
    <row r="769829" spans="14:14">
      <c r="N769829" s="10"/>
    </row>
    <row r="769830" spans="14:14">
      <c r="N769830" s="10"/>
    </row>
    <row r="769831" spans="14:14">
      <c r="N769831" s="10"/>
    </row>
    <row r="769832" spans="14:14">
      <c r="N769832" s="10"/>
    </row>
    <row r="769833" spans="14:14">
      <c r="N769833" s="10"/>
    </row>
    <row r="769834" spans="14:14">
      <c r="N769834" s="10"/>
    </row>
    <row r="769835" spans="14:14">
      <c r="N769835" s="10"/>
    </row>
    <row r="769836" spans="14:14">
      <c r="N769836" s="10"/>
    </row>
    <row r="769837" spans="14:14">
      <c r="N769837" s="10"/>
    </row>
    <row r="769838" spans="14:14">
      <c r="N769838" s="10"/>
    </row>
    <row r="769839" spans="14:14">
      <c r="N769839" s="10"/>
    </row>
    <row r="769840" spans="14:14">
      <c r="N769840" s="10"/>
    </row>
    <row r="769841" spans="14:14">
      <c r="N769841" s="10"/>
    </row>
    <row r="769842" spans="14:14">
      <c r="N769842" s="10"/>
    </row>
    <row r="769843" spans="14:14">
      <c r="N769843" s="10"/>
    </row>
    <row r="769844" spans="14:14">
      <c r="N769844" s="10"/>
    </row>
    <row r="769845" spans="14:14">
      <c r="N769845" s="10"/>
    </row>
    <row r="769846" spans="14:14">
      <c r="N769846" s="10"/>
    </row>
    <row r="769847" spans="14:14">
      <c r="N769847" s="10"/>
    </row>
    <row r="769848" spans="14:14">
      <c r="N769848" s="10"/>
    </row>
    <row r="769849" spans="14:14">
      <c r="N769849" s="10"/>
    </row>
    <row r="769850" spans="14:14">
      <c r="N769850" s="10"/>
    </row>
    <row r="769851" spans="14:14">
      <c r="N769851" s="10"/>
    </row>
    <row r="769852" spans="14:14">
      <c r="N769852" s="10"/>
    </row>
    <row r="769853" spans="14:14">
      <c r="N769853" s="10"/>
    </row>
    <row r="769854" spans="14:14">
      <c r="N769854" s="10"/>
    </row>
    <row r="769855" spans="14:14">
      <c r="N769855" s="10"/>
    </row>
    <row r="769856" spans="14:14">
      <c r="N769856" s="10"/>
    </row>
    <row r="769857" spans="14:14">
      <c r="N769857" s="10"/>
    </row>
    <row r="769858" spans="14:14">
      <c r="N769858" s="10"/>
    </row>
    <row r="769859" spans="14:14">
      <c r="N769859" s="10"/>
    </row>
    <row r="769860" spans="14:14">
      <c r="N769860" s="10"/>
    </row>
    <row r="769861" spans="14:14">
      <c r="N769861" s="10"/>
    </row>
    <row r="769862" spans="14:14">
      <c r="N769862" s="10"/>
    </row>
    <row r="769863" spans="14:14">
      <c r="N769863" s="10"/>
    </row>
    <row r="769864" spans="14:14">
      <c r="N769864" s="10"/>
    </row>
    <row r="769865" spans="14:14">
      <c r="N769865" s="10"/>
    </row>
    <row r="769866" spans="14:14">
      <c r="N769866" s="10"/>
    </row>
    <row r="769867" spans="14:14">
      <c r="N769867" s="10"/>
    </row>
    <row r="769868" spans="14:14">
      <c r="N769868" s="10"/>
    </row>
    <row r="769869" spans="14:14">
      <c r="N769869" s="10"/>
    </row>
    <row r="769870" spans="14:14">
      <c r="N769870" s="10"/>
    </row>
    <row r="769871" spans="14:14">
      <c r="N769871" s="10"/>
    </row>
    <row r="769872" spans="14:14">
      <c r="N769872" s="10"/>
    </row>
    <row r="769873" spans="14:14">
      <c r="N769873" s="10"/>
    </row>
    <row r="769874" spans="14:14">
      <c r="N769874" s="10"/>
    </row>
    <row r="769875" spans="14:14">
      <c r="N769875" s="10"/>
    </row>
    <row r="769876" spans="14:14">
      <c r="N769876" s="10"/>
    </row>
    <row r="769877" spans="14:14">
      <c r="N769877" s="10"/>
    </row>
    <row r="769878" spans="14:14">
      <c r="N769878" s="10"/>
    </row>
    <row r="769879" spans="14:14">
      <c r="N769879" s="10"/>
    </row>
    <row r="769880" spans="14:14">
      <c r="N769880" s="10"/>
    </row>
    <row r="769881" spans="14:14">
      <c r="N769881" s="10"/>
    </row>
    <row r="769882" spans="14:14">
      <c r="N769882" s="10"/>
    </row>
    <row r="769883" spans="14:14">
      <c r="N769883" s="10"/>
    </row>
    <row r="769884" spans="14:14">
      <c r="N769884" s="10"/>
    </row>
    <row r="769885" spans="14:14">
      <c r="N769885" s="10"/>
    </row>
    <row r="769886" spans="14:14">
      <c r="N769886" s="10"/>
    </row>
    <row r="769887" spans="14:14">
      <c r="N769887" s="10"/>
    </row>
    <row r="769888" spans="14:14">
      <c r="N769888" s="10"/>
    </row>
    <row r="769889" spans="14:14">
      <c r="N769889" s="10"/>
    </row>
    <row r="769890" spans="14:14">
      <c r="N769890" s="10"/>
    </row>
    <row r="769891" spans="14:14">
      <c r="N769891" s="10"/>
    </row>
    <row r="769892" spans="14:14">
      <c r="N769892" s="10"/>
    </row>
    <row r="769893" spans="14:14">
      <c r="N769893" s="10"/>
    </row>
    <row r="769894" spans="14:14">
      <c r="N769894" s="10"/>
    </row>
    <row r="769895" spans="14:14">
      <c r="N769895" s="10"/>
    </row>
    <row r="769896" spans="14:14">
      <c r="N769896" s="10"/>
    </row>
    <row r="769897" spans="14:14">
      <c r="N769897" s="10"/>
    </row>
    <row r="769898" spans="14:14">
      <c r="N769898" s="10"/>
    </row>
    <row r="769899" spans="14:14">
      <c r="N769899" s="10"/>
    </row>
    <row r="769900" spans="14:14">
      <c r="N769900" s="10"/>
    </row>
    <row r="769901" spans="14:14">
      <c r="N769901" s="10"/>
    </row>
    <row r="769902" spans="14:14">
      <c r="N769902" s="10"/>
    </row>
    <row r="769903" spans="14:14">
      <c r="N769903" s="10"/>
    </row>
    <row r="769904" spans="14:14">
      <c r="N769904" s="10"/>
    </row>
    <row r="769905" spans="14:14">
      <c r="N769905" s="10"/>
    </row>
    <row r="769906" spans="14:14">
      <c r="N769906" s="10"/>
    </row>
    <row r="769907" spans="14:14">
      <c r="N769907" s="10"/>
    </row>
    <row r="769908" spans="14:14">
      <c r="N769908" s="10"/>
    </row>
    <row r="769909" spans="14:14">
      <c r="N769909" s="10"/>
    </row>
    <row r="769910" spans="14:14">
      <c r="N769910" s="10"/>
    </row>
    <row r="769911" spans="14:14">
      <c r="N769911" s="10"/>
    </row>
    <row r="769912" spans="14:14">
      <c r="N769912" s="10"/>
    </row>
    <row r="769913" spans="14:14">
      <c r="N769913" s="10"/>
    </row>
    <row r="769914" spans="14:14">
      <c r="N769914" s="10"/>
    </row>
    <row r="769915" spans="14:14">
      <c r="N769915" s="10"/>
    </row>
    <row r="769916" spans="14:14">
      <c r="N769916" s="10"/>
    </row>
    <row r="769917" spans="14:14">
      <c r="N769917" s="10"/>
    </row>
    <row r="769918" spans="14:14">
      <c r="N769918" s="10"/>
    </row>
    <row r="769919" spans="14:14">
      <c r="N769919" s="10"/>
    </row>
    <row r="769920" spans="14:14">
      <c r="N769920" s="10"/>
    </row>
    <row r="769921" spans="14:14">
      <c r="N769921" s="10"/>
    </row>
    <row r="769922" spans="14:14">
      <c r="N769922" s="10"/>
    </row>
    <row r="769923" spans="14:14">
      <c r="N769923" s="10"/>
    </row>
    <row r="769924" spans="14:14">
      <c r="N769924" s="10"/>
    </row>
    <row r="769925" spans="14:14">
      <c r="N769925" s="10"/>
    </row>
    <row r="769926" spans="14:14">
      <c r="N769926" s="10"/>
    </row>
    <row r="769927" spans="14:14">
      <c r="N769927" s="10"/>
    </row>
    <row r="769928" spans="14:14">
      <c r="N769928" s="10"/>
    </row>
    <row r="769929" spans="14:14">
      <c r="N769929" s="10"/>
    </row>
    <row r="769930" spans="14:14">
      <c r="N769930" s="10"/>
    </row>
    <row r="769931" spans="14:14">
      <c r="N769931" s="10"/>
    </row>
    <row r="769932" spans="14:14">
      <c r="N769932" s="10"/>
    </row>
    <row r="769933" spans="14:14">
      <c r="N769933" s="10"/>
    </row>
    <row r="769934" spans="14:14">
      <c r="N769934" s="10"/>
    </row>
    <row r="769935" spans="14:14">
      <c r="N769935" s="10"/>
    </row>
    <row r="769936" spans="14:14">
      <c r="N769936" s="10"/>
    </row>
    <row r="769937" spans="14:14">
      <c r="N769937" s="10"/>
    </row>
    <row r="769938" spans="14:14">
      <c r="N769938" s="10"/>
    </row>
    <row r="769939" spans="14:14">
      <c r="N769939" s="10"/>
    </row>
    <row r="769940" spans="14:14">
      <c r="N769940" s="10"/>
    </row>
    <row r="769941" spans="14:14">
      <c r="N769941" s="10"/>
    </row>
    <row r="769942" spans="14:14">
      <c r="N769942" s="10"/>
    </row>
    <row r="769943" spans="14:14">
      <c r="N769943" s="10"/>
    </row>
    <row r="769944" spans="14:14">
      <c r="N769944" s="10"/>
    </row>
    <row r="769945" spans="14:14">
      <c r="N769945" s="10"/>
    </row>
    <row r="769946" spans="14:14">
      <c r="N769946" s="10"/>
    </row>
    <row r="769947" spans="14:14">
      <c r="N769947" s="10"/>
    </row>
    <row r="769948" spans="14:14">
      <c r="N769948" s="10"/>
    </row>
    <row r="769949" spans="14:14">
      <c r="N769949" s="10"/>
    </row>
    <row r="769950" spans="14:14">
      <c r="N769950" s="10"/>
    </row>
    <row r="769951" spans="14:14">
      <c r="N769951" s="10"/>
    </row>
    <row r="769952" spans="14:14">
      <c r="N769952" s="10"/>
    </row>
    <row r="769953" spans="14:14">
      <c r="N769953" s="10"/>
    </row>
    <row r="769954" spans="14:14">
      <c r="N769954" s="10"/>
    </row>
    <row r="769955" spans="14:14">
      <c r="N769955" s="10"/>
    </row>
    <row r="769956" spans="14:14">
      <c r="N769956" s="10"/>
    </row>
    <row r="769957" spans="14:14">
      <c r="N769957" s="10"/>
    </row>
    <row r="769958" spans="14:14">
      <c r="N769958" s="10"/>
    </row>
    <row r="769959" spans="14:14">
      <c r="N769959" s="10"/>
    </row>
    <row r="769960" spans="14:14">
      <c r="N769960" s="10"/>
    </row>
    <row r="769961" spans="14:14">
      <c r="N769961" s="10"/>
    </row>
    <row r="769962" spans="14:14">
      <c r="N769962" s="10"/>
    </row>
    <row r="769963" spans="14:14">
      <c r="N769963" s="10"/>
    </row>
    <row r="769964" spans="14:14">
      <c r="N769964" s="10"/>
    </row>
    <row r="769965" spans="14:14">
      <c r="N769965" s="10"/>
    </row>
    <row r="769966" spans="14:14">
      <c r="N769966" s="10"/>
    </row>
    <row r="769967" spans="14:14">
      <c r="N769967" s="10"/>
    </row>
    <row r="769968" spans="14:14">
      <c r="N769968" s="10"/>
    </row>
    <row r="769969" spans="14:14">
      <c r="N769969" s="10"/>
    </row>
    <row r="769970" spans="14:14">
      <c r="N769970" s="10"/>
    </row>
    <row r="769971" spans="14:14">
      <c r="N769971" s="10"/>
    </row>
    <row r="769972" spans="14:14">
      <c r="N769972" s="10"/>
    </row>
    <row r="769973" spans="14:14">
      <c r="N769973" s="10"/>
    </row>
    <row r="769974" spans="14:14">
      <c r="N769974" s="10"/>
    </row>
    <row r="769975" spans="14:14">
      <c r="N769975" s="10"/>
    </row>
    <row r="769976" spans="14:14">
      <c r="N769976" s="10"/>
    </row>
    <row r="769977" spans="14:14">
      <c r="N769977" s="10"/>
    </row>
    <row r="769978" spans="14:14">
      <c r="N769978" s="10"/>
    </row>
    <row r="769979" spans="14:14">
      <c r="N769979" s="10"/>
    </row>
    <row r="769980" spans="14:14">
      <c r="N769980" s="10"/>
    </row>
    <row r="769981" spans="14:14">
      <c r="N769981" s="10"/>
    </row>
    <row r="769982" spans="14:14">
      <c r="N769982" s="10"/>
    </row>
    <row r="769983" spans="14:14">
      <c r="N769983" s="10"/>
    </row>
    <row r="769984" spans="14:14">
      <c r="N769984" s="10"/>
    </row>
    <row r="769985" spans="14:14">
      <c r="N769985" s="10"/>
    </row>
    <row r="769986" spans="14:14">
      <c r="N769986" s="10"/>
    </row>
    <row r="769987" spans="14:14">
      <c r="N769987" s="10"/>
    </row>
    <row r="769988" spans="14:14">
      <c r="N769988" s="10"/>
    </row>
    <row r="769989" spans="14:14">
      <c r="N769989" s="10"/>
    </row>
    <row r="769990" spans="14:14">
      <c r="N769990" s="10"/>
    </row>
    <row r="769991" spans="14:14">
      <c r="N769991" s="10"/>
    </row>
    <row r="769992" spans="14:14">
      <c r="N769992" s="10"/>
    </row>
    <row r="769993" spans="14:14">
      <c r="N769993" s="10"/>
    </row>
    <row r="769994" spans="14:14">
      <c r="N769994" s="10"/>
    </row>
    <row r="769995" spans="14:14">
      <c r="N769995" s="10"/>
    </row>
    <row r="769996" spans="14:14">
      <c r="N769996" s="10"/>
    </row>
    <row r="769997" spans="14:14">
      <c r="N769997" s="10"/>
    </row>
    <row r="769998" spans="14:14">
      <c r="N769998" s="10"/>
    </row>
    <row r="769999" spans="14:14">
      <c r="N769999" s="10"/>
    </row>
    <row r="770000" spans="14:14">
      <c r="N770000" s="10"/>
    </row>
    <row r="770001" spans="14:14">
      <c r="N770001" s="10"/>
    </row>
    <row r="770002" spans="14:14">
      <c r="N770002" s="10"/>
    </row>
    <row r="770003" spans="14:14">
      <c r="N770003" s="10"/>
    </row>
    <row r="770004" spans="14:14">
      <c r="N770004" s="10"/>
    </row>
    <row r="770005" spans="14:14">
      <c r="N770005" s="10"/>
    </row>
    <row r="770006" spans="14:14">
      <c r="N770006" s="10"/>
    </row>
    <row r="770007" spans="14:14">
      <c r="N770007" s="10"/>
    </row>
    <row r="770008" spans="14:14">
      <c r="N770008" s="10"/>
    </row>
    <row r="770009" spans="14:14">
      <c r="N770009" s="10"/>
    </row>
    <row r="770010" spans="14:14">
      <c r="N770010" s="10"/>
    </row>
    <row r="770011" spans="14:14">
      <c r="N770011" s="10"/>
    </row>
    <row r="770012" spans="14:14">
      <c r="N770012" s="10"/>
    </row>
    <row r="770013" spans="14:14">
      <c r="N770013" s="10"/>
    </row>
    <row r="770014" spans="14:14">
      <c r="N770014" s="10"/>
    </row>
    <row r="770015" spans="14:14">
      <c r="N770015" s="10"/>
    </row>
    <row r="770016" spans="14:14">
      <c r="N770016" s="10"/>
    </row>
    <row r="770017" spans="14:14">
      <c r="N770017" s="10"/>
    </row>
    <row r="770018" spans="14:14">
      <c r="N770018" s="10"/>
    </row>
    <row r="770019" spans="14:14">
      <c r="N770019" s="10"/>
    </row>
    <row r="770020" spans="14:14">
      <c r="N770020" s="10"/>
    </row>
    <row r="770021" spans="14:14">
      <c r="N770021" s="10"/>
    </row>
    <row r="770022" spans="14:14">
      <c r="N770022" s="10"/>
    </row>
    <row r="770023" spans="14:14">
      <c r="N770023" s="10"/>
    </row>
    <row r="770024" spans="14:14">
      <c r="N770024" s="10"/>
    </row>
    <row r="770025" spans="14:14">
      <c r="N770025" s="10"/>
    </row>
    <row r="770026" spans="14:14">
      <c r="N770026" s="10"/>
    </row>
    <row r="770027" spans="14:14">
      <c r="N770027" s="10"/>
    </row>
    <row r="770028" spans="14:14">
      <c r="N770028" s="10"/>
    </row>
    <row r="770029" spans="14:14">
      <c r="N770029" s="10"/>
    </row>
    <row r="770030" spans="14:14">
      <c r="N770030" s="10"/>
    </row>
    <row r="770031" spans="14:14">
      <c r="N770031" s="10"/>
    </row>
    <row r="770032" spans="14:14">
      <c r="N770032" s="10"/>
    </row>
    <row r="770033" spans="14:14">
      <c r="N770033" s="10"/>
    </row>
    <row r="770034" spans="14:14">
      <c r="N770034" s="10"/>
    </row>
    <row r="770035" spans="14:14">
      <c r="N770035" s="10"/>
    </row>
    <row r="770036" spans="14:14">
      <c r="N770036" s="10"/>
    </row>
    <row r="770037" spans="14:14">
      <c r="N770037" s="10"/>
    </row>
    <row r="770038" spans="14:14">
      <c r="N770038" s="10"/>
    </row>
    <row r="770039" spans="14:14">
      <c r="N770039" s="10"/>
    </row>
    <row r="770040" spans="14:14">
      <c r="N770040" s="10"/>
    </row>
    <row r="770041" spans="14:14">
      <c r="N770041" s="10"/>
    </row>
    <row r="770042" spans="14:14">
      <c r="N770042" s="10"/>
    </row>
    <row r="770043" spans="14:14">
      <c r="N770043" s="10"/>
    </row>
    <row r="770044" spans="14:14">
      <c r="N770044" s="10"/>
    </row>
    <row r="770045" spans="14:14">
      <c r="N770045" s="10"/>
    </row>
    <row r="770046" spans="14:14">
      <c r="N770046" s="10"/>
    </row>
    <row r="770047" spans="14:14">
      <c r="N770047" s="10"/>
    </row>
    <row r="770048" spans="14:14">
      <c r="N770048" s="10"/>
    </row>
    <row r="770049" spans="14:14">
      <c r="N770049" s="10"/>
    </row>
    <row r="770050" spans="14:14">
      <c r="N770050" s="10"/>
    </row>
    <row r="770051" spans="14:14">
      <c r="N770051" s="10"/>
    </row>
    <row r="770052" spans="14:14">
      <c r="N770052" s="10"/>
    </row>
    <row r="770053" spans="14:14">
      <c r="N770053" s="10"/>
    </row>
    <row r="770054" spans="14:14">
      <c r="N770054" s="10"/>
    </row>
    <row r="770055" spans="14:14">
      <c r="N770055" s="10"/>
    </row>
    <row r="770056" spans="14:14">
      <c r="N770056" s="10"/>
    </row>
    <row r="770057" spans="14:14">
      <c r="N770057" s="10"/>
    </row>
    <row r="770058" spans="14:14">
      <c r="N770058" s="10"/>
    </row>
    <row r="770059" spans="14:14">
      <c r="N770059" s="10"/>
    </row>
    <row r="770060" spans="14:14">
      <c r="N770060" s="10"/>
    </row>
    <row r="770061" spans="14:14">
      <c r="N770061" s="10"/>
    </row>
    <row r="770062" spans="14:14">
      <c r="N770062" s="10"/>
    </row>
    <row r="770063" spans="14:14">
      <c r="N770063" s="10"/>
    </row>
    <row r="770064" spans="14:14">
      <c r="N770064" s="10"/>
    </row>
    <row r="770065" spans="14:14">
      <c r="N770065" s="10"/>
    </row>
    <row r="770066" spans="14:14">
      <c r="N770066" s="10"/>
    </row>
    <row r="770067" spans="14:14">
      <c r="N770067" s="10"/>
    </row>
    <row r="770068" spans="14:14">
      <c r="N770068" s="10"/>
    </row>
    <row r="770069" spans="14:14">
      <c r="N770069" s="10"/>
    </row>
    <row r="770070" spans="14:14">
      <c r="N770070" s="10"/>
    </row>
    <row r="770071" spans="14:14">
      <c r="N770071" s="10"/>
    </row>
    <row r="770072" spans="14:14">
      <c r="N770072" s="10"/>
    </row>
    <row r="770073" spans="14:14">
      <c r="N770073" s="10"/>
    </row>
    <row r="770074" spans="14:14">
      <c r="N770074" s="10"/>
    </row>
    <row r="770075" spans="14:14">
      <c r="N770075" s="10"/>
    </row>
    <row r="770076" spans="14:14">
      <c r="N770076" s="10"/>
    </row>
    <row r="770077" spans="14:14">
      <c r="N770077" s="10"/>
    </row>
    <row r="770078" spans="14:14">
      <c r="N770078" s="10"/>
    </row>
    <row r="770079" spans="14:14">
      <c r="N770079" s="10"/>
    </row>
    <row r="770080" spans="14:14">
      <c r="N770080" s="10"/>
    </row>
    <row r="770081" spans="14:14">
      <c r="N770081" s="10"/>
    </row>
    <row r="770082" spans="14:14">
      <c r="N770082" s="10"/>
    </row>
    <row r="770083" spans="14:14">
      <c r="N770083" s="10"/>
    </row>
    <row r="770084" spans="14:14">
      <c r="N770084" s="10"/>
    </row>
    <row r="770085" spans="14:14">
      <c r="N770085" s="10"/>
    </row>
    <row r="770086" spans="14:14">
      <c r="N770086" s="10"/>
    </row>
    <row r="770087" spans="14:14">
      <c r="N770087" s="10"/>
    </row>
    <row r="770088" spans="14:14">
      <c r="N770088" s="10"/>
    </row>
    <row r="770089" spans="14:14">
      <c r="N770089" s="10"/>
    </row>
    <row r="770090" spans="14:14">
      <c r="N770090" s="10"/>
    </row>
    <row r="770091" spans="14:14">
      <c r="N770091" s="10"/>
    </row>
    <row r="770092" spans="14:14">
      <c r="N770092" s="10"/>
    </row>
    <row r="770093" spans="14:14">
      <c r="N770093" s="10"/>
    </row>
    <row r="770094" spans="14:14">
      <c r="N770094" s="10"/>
    </row>
    <row r="770095" spans="14:14">
      <c r="N770095" s="10"/>
    </row>
    <row r="770096" spans="14:14">
      <c r="N770096" s="10"/>
    </row>
    <row r="770097" spans="14:14">
      <c r="N770097" s="10"/>
    </row>
    <row r="770098" spans="14:14">
      <c r="N770098" s="10"/>
    </row>
    <row r="770099" spans="14:14">
      <c r="N770099" s="10"/>
    </row>
    <row r="770100" spans="14:14">
      <c r="N770100" s="10"/>
    </row>
    <row r="770101" spans="14:14">
      <c r="N770101" s="10"/>
    </row>
    <row r="770102" spans="14:14">
      <c r="N770102" s="10"/>
    </row>
    <row r="770103" spans="14:14">
      <c r="N770103" s="10"/>
    </row>
    <row r="770104" spans="14:14">
      <c r="N770104" s="10"/>
    </row>
    <row r="770105" spans="14:14">
      <c r="N770105" s="10"/>
    </row>
    <row r="770106" spans="14:14">
      <c r="N770106" s="10"/>
    </row>
    <row r="770107" spans="14:14">
      <c r="N770107" s="10"/>
    </row>
    <row r="770108" spans="14:14">
      <c r="N770108" s="10"/>
    </row>
    <row r="770109" spans="14:14">
      <c r="N770109" s="10"/>
    </row>
    <row r="770110" spans="14:14">
      <c r="N770110" s="10"/>
    </row>
    <row r="770111" spans="14:14">
      <c r="N770111" s="10"/>
    </row>
    <row r="770112" spans="14:14">
      <c r="N770112" s="10"/>
    </row>
    <row r="770113" spans="14:14">
      <c r="N770113" s="10"/>
    </row>
    <row r="770114" spans="14:14">
      <c r="N770114" s="10"/>
    </row>
    <row r="770115" spans="14:14">
      <c r="N770115" s="10"/>
    </row>
    <row r="770116" spans="14:14">
      <c r="N770116" s="10"/>
    </row>
    <row r="770117" spans="14:14">
      <c r="N770117" s="10"/>
    </row>
    <row r="770118" spans="14:14">
      <c r="N770118" s="10"/>
    </row>
    <row r="770119" spans="14:14">
      <c r="N770119" s="10"/>
    </row>
    <row r="770120" spans="14:14">
      <c r="N770120" s="10"/>
    </row>
    <row r="770121" spans="14:14">
      <c r="N770121" s="10"/>
    </row>
    <row r="770122" spans="14:14">
      <c r="N770122" s="10"/>
    </row>
    <row r="770123" spans="14:14">
      <c r="N770123" s="10"/>
    </row>
    <row r="770124" spans="14:14">
      <c r="N770124" s="10"/>
    </row>
    <row r="770125" spans="14:14">
      <c r="N770125" s="10"/>
    </row>
    <row r="770126" spans="14:14">
      <c r="N770126" s="10"/>
    </row>
    <row r="770127" spans="14:14">
      <c r="N770127" s="10"/>
    </row>
    <row r="770128" spans="14:14">
      <c r="N770128" s="10"/>
    </row>
    <row r="770129" spans="14:14">
      <c r="N770129" s="10"/>
    </row>
    <row r="770130" spans="14:14">
      <c r="N770130" s="10"/>
    </row>
    <row r="770131" spans="14:14">
      <c r="N770131" s="10"/>
    </row>
    <row r="770132" spans="14:14">
      <c r="N770132" s="10"/>
    </row>
    <row r="770133" spans="14:14">
      <c r="N770133" s="10"/>
    </row>
    <row r="770134" spans="14:14">
      <c r="N770134" s="10"/>
    </row>
    <row r="770135" spans="14:14">
      <c r="N770135" s="10"/>
    </row>
    <row r="770136" spans="14:14">
      <c r="N770136" s="10"/>
    </row>
    <row r="770137" spans="14:14">
      <c r="N770137" s="10"/>
    </row>
    <row r="770138" spans="14:14">
      <c r="N770138" s="10"/>
    </row>
    <row r="770139" spans="14:14">
      <c r="N770139" s="10"/>
    </row>
    <row r="770140" spans="14:14">
      <c r="N770140" s="10"/>
    </row>
    <row r="770141" spans="14:14">
      <c r="N770141" s="10"/>
    </row>
    <row r="770142" spans="14:14">
      <c r="N770142" s="10"/>
    </row>
    <row r="770143" spans="14:14">
      <c r="N770143" s="10"/>
    </row>
    <row r="770144" spans="14:14">
      <c r="N770144" s="10"/>
    </row>
    <row r="770145" spans="14:14">
      <c r="N770145" s="10"/>
    </row>
    <row r="770146" spans="14:14">
      <c r="N770146" s="10"/>
    </row>
    <row r="770147" spans="14:14">
      <c r="N770147" s="10"/>
    </row>
    <row r="770148" spans="14:14">
      <c r="N770148" s="10"/>
    </row>
    <row r="770149" spans="14:14">
      <c r="N770149" s="10"/>
    </row>
    <row r="770150" spans="14:14">
      <c r="N770150" s="10"/>
    </row>
    <row r="770151" spans="14:14">
      <c r="N770151" s="10"/>
    </row>
    <row r="770152" spans="14:14">
      <c r="N770152" s="10"/>
    </row>
    <row r="770153" spans="14:14">
      <c r="N770153" s="10"/>
    </row>
    <row r="770154" spans="14:14">
      <c r="N770154" s="10"/>
    </row>
    <row r="770155" spans="14:14">
      <c r="N770155" s="10"/>
    </row>
    <row r="770156" spans="14:14">
      <c r="N770156" s="10"/>
    </row>
    <row r="770157" spans="14:14">
      <c r="N770157" s="10"/>
    </row>
    <row r="770158" spans="14:14">
      <c r="N770158" s="10"/>
    </row>
    <row r="770159" spans="14:14">
      <c r="N770159" s="10"/>
    </row>
    <row r="770160" spans="14:14">
      <c r="N770160" s="10"/>
    </row>
    <row r="770161" spans="14:14">
      <c r="N770161" s="10"/>
    </row>
    <row r="770162" spans="14:14">
      <c r="N770162" s="10"/>
    </row>
    <row r="770163" spans="14:14">
      <c r="N770163" s="10"/>
    </row>
    <row r="770164" spans="14:14">
      <c r="N770164" s="10"/>
    </row>
    <row r="770165" spans="14:14">
      <c r="N770165" s="10"/>
    </row>
    <row r="770166" spans="14:14">
      <c r="N770166" s="10"/>
    </row>
    <row r="770167" spans="14:14">
      <c r="N770167" s="10"/>
    </row>
    <row r="770168" spans="14:14">
      <c r="N770168" s="10"/>
    </row>
    <row r="770169" spans="14:14">
      <c r="N770169" s="10"/>
    </row>
    <row r="770170" spans="14:14">
      <c r="N770170" s="10"/>
    </row>
    <row r="770171" spans="14:14">
      <c r="N770171" s="10"/>
    </row>
    <row r="770172" spans="14:14">
      <c r="N770172" s="10"/>
    </row>
    <row r="770173" spans="14:14">
      <c r="N770173" s="10"/>
    </row>
    <row r="770174" spans="14:14">
      <c r="N770174" s="10"/>
    </row>
    <row r="770175" spans="14:14">
      <c r="N770175" s="10"/>
    </row>
    <row r="770176" spans="14:14">
      <c r="N770176" s="10"/>
    </row>
    <row r="770177" spans="14:14">
      <c r="N770177" s="10"/>
    </row>
    <row r="770178" spans="14:14">
      <c r="N770178" s="10"/>
    </row>
    <row r="770179" spans="14:14">
      <c r="N770179" s="10"/>
    </row>
    <row r="770180" spans="14:14">
      <c r="N770180" s="10"/>
    </row>
    <row r="770181" spans="14:14">
      <c r="N770181" s="10"/>
    </row>
    <row r="770182" spans="14:14">
      <c r="N770182" s="10"/>
    </row>
    <row r="770183" spans="14:14">
      <c r="N770183" s="10"/>
    </row>
    <row r="770184" spans="14:14">
      <c r="N770184" s="10"/>
    </row>
    <row r="770185" spans="14:14">
      <c r="N770185" s="10"/>
    </row>
    <row r="770186" spans="14:14">
      <c r="N770186" s="10"/>
    </row>
    <row r="770187" spans="14:14">
      <c r="N770187" s="10"/>
    </row>
    <row r="770188" spans="14:14">
      <c r="N770188" s="10"/>
    </row>
    <row r="770189" spans="14:14">
      <c r="N770189" s="10"/>
    </row>
    <row r="770190" spans="14:14">
      <c r="N770190" s="10"/>
    </row>
    <row r="770191" spans="14:14">
      <c r="N770191" s="10"/>
    </row>
    <row r="770192" spans="14:14">
      <c r="N770192" s="10"/>
    </row>
    <row r="770193" spans="14:14">
      <c r="N770193" s="10"/>
    </row>
    <row r="770194" spans="14:14">
      <c r="N770194" s="10"/>
    </row>
    <row r="770195" spans="14:14">
      <c r="N770195" s="10"/>
    </row>
    <row r="770196" spans="14:14">
      <c r="N770196" s="10"/>
    </row>
    <row r="770197" spans="14:14">
      <c r="N770197" s="10"/>
    </row>
    <row r="770198" spans="14:14">
      <c r="N770198" s="10"/>
    </row>
    <row r="770199" spans="14:14">
      <c r="N770199" s="10"/>
    </row>
    <row r="770200" spans="14:14">
      <c r="N770200" s="10"/>
    </row>
    <row r="770201" spans="14:14">
      <c r="N770201" s="10"/>
    </row>
    <row r="770202" spans="14:14">
      <c r="N770202" s="10"/>
    </row>
    <row r="770203" spans="14:14">
      <c r="N770203" s="10"/>
    </row>
    <row r="770204" spans="14:14">
      <c r="N770204" s="10"/>
    </row>
    <row r="770205" spans="14:14">
      <c r="N770205" s="10"/>
    </row>
    <row r="770206" spans="14:14">
      <c r="N770206" s="10"/>
    </row>
    <row r="770207" spans="14:14">
      <c r="N770207" s="10"/>
    </row>
    <row r="770208" spans="14:14">
      <c r="N770208" s="10"/>
    </row>
    <row r="770209" spans="14:14">
      <c r="N770209" s="10"/>
    </row>
    <row r="770210" spans="14:14">
      <c r="N770210" s="10"/>
    </row>
    <row r="770211" spans="14:14">
      <c r="N770211" s="10"/>
    </row>
    <row r="770212" spans="14:14">
      <c r="N770212" s="10"/>
    </row>
    <row r="770213" spans="14:14">
      <c r="N770213" s="10"/>
    </row>
    <row r="770214" spans="14:14">
      <c r="N770214" s="10"/>
    </row>
    <row r="770215" spans="14:14">
      <c r="N770215" s="10"/>
    </row>
    <row r="770216" spans="14:14">
      <c r="N770216" s="10"/>
    </row>
    <row r="770217" spans="14:14">
      <c r="N770217" s="10"/>
    </row>
    <row r="770218" spans="14:14">
      <c r="N770218" s="10"/>
    </row>
    <row r="770219" spans="14:14">
      <c r="N770219" s="10"/>
    </row>
    <row r="770220" spans="14:14">
      <c r="N770220" s="10"/>
    </row>
    <row r="770221" spans="14:14">
      <c r="N770221" s="10"/>
    </row>
    <row r="770222" spans="14:14">
      <c r="N770222" s="10"/>
    </row>
    <row r="770223" spans="14:14">
      <c r="N770223" s="10"/>
    </row>
    <row r="770224" spans="14:14">
      <c r="N770224" s="10"/>
    </row>
    <row r="770225" spans="14:14">
      <c r="N770225" s="10"/>
    </row>
    <row r="770226" spans="14:14">
      <c r="N770226" s="10"/>
    </row>
    <row r="770227" spans="14:14">
      <c r="N770227" s="10"/>
    </row>
    <row r="770228" spans="14:14">
      <c r="N770228" s="10"/>
    </row>
    <row r="770229" spans="14:14">
      <c r="N770229" s="10"/>
    </row>
    <row r="770230" spans="14:14">
      <c r="N770230" s="10"/>
    </row>
    <row r="770231" spans="14:14">
      <c r="N770231" s="10"/>
    </row>
    <row r="770232" spans="14:14">
      <c r="N770232" s="10"/>
    </row>
    <row r="770233" spans="14:14">
      <c r="N770233" s="10"/>
    </row>
    <row r="770234" spans="14:14">
      <c r="N770234" s="10"/>
    </row>
    <row r="770235" spans="14:14">
      <c r="N770235" s="10"/>
    </row>
    <row r="770236" spans="14:14">
      <c r="N770236" s="10"/>
    </row>
    <row r="770237" spans="14:14">
      <c r="N770237" s="10"/>
    </row>
    <row r="770238" spans="14:14">
      <c r="N770238" s="10"/>
    </row>
    <row r="770239" spans="14:14">
      <c r="N770239" s="10"/>
    </row>
    <row r="770240" spans="14:14">
      <c r="N770240" s="10"/>
    </row>
    <row r="770241" spans="14:14">
      <c r="N770241" s="10"/>
    </row>
    <row r="770242" spans="14:14">
      <c r="N770242" s="10"/>
    </row>
    <row r="770243" spans="14:14">
      <c r="N770243" s="10"/>
    </row>
    <row r="770244" spans="14:14">
      <c r="N770244" s="10"/>
    </row>
    <row r="770245" spans="14:14">
      <c r="N770245" s="10"/>
    </row>
    <row r="770246" spans="14:14">
      <c r="N770246" s="10"/>
    </row>
    <row r="770247" spans="14:14">
      <c r="N770247" s="10"/>
    </row>
    <row r="770248" spans="14:14">
      <c r="N770248" s="10"/>
    </row>
    <row r="770249" spans="14:14">
      <c r="N770249" s="10"/>
    </row>
    <row r="770250" spans="14:14">
      <c r="N770250" s="10"/>
    </row>
    <row r="770251" spans="14:14">
      <c r="N770251" s="10"/>
    </row>
    <row r="770252" spans="14:14">
      <c r="N770252" s="10"/>
    </row>
    <row r="770253" spans="14:14">
      <c r="N770253" s="10"/>
    </row>
    <row r="770254" spans="14:14">
      <c r="N770254" s="10"/>
    </row>
    <row r="770255" spans="14:14">
      <c r="N770255" s="10"/>
    </row>
    <row r="770256" spans="14:14">
      <c r="N770256" s="10"/>
    </row>
    <row r="770257" spans="14:14">
      <c r="N770257" s="10"/>
    </row>
    <row r="770258" spans="14:14">
      <c r="N770258" s="10"/>
    </row>
    <row r="770259" spans="14:14">
      <c r="N770259" s="10"/>
    </row>
    <row r="770260" spans="14:14">
      <c r="N770260" s="10"/>
    </row>
    <row r="770261" spans="14:14">
      <c r="N770261" s="10"/>
    </row>
    <row r="770262" spans="14:14">
      <c r="N770262" s="10"/>
    </row>
    <row r="770263" spans="14:14">
      <c r="N770263" s="10"/>
    </row>
    <row r="770264" spans="14:14">
      <c r="N770264" s="10"/>
    </row>
    <row r="770265" spans="14:14">
      <c r="N770265" s="10"/>
    </row>
    <row r="770266" spans="14:14">
      <c r="N770266" s="10"/>
    </row>
    <row r="770267" spans="14:14">
      <c r="N770267" s="10"/>
    </row>
    <row r="770268" spans="14:14">
      <c r="N770268" s="10"/>
    </row>
    <row r="770269" spans="14:14">
      <c r="N770269" s="10"/>
    </row>
    <row r="770270" spans="14:14">
      <c r="N770270" s="10"/>
    </row>
    <row r="770271" spans="14:14">
      <c r="N770271" s="10"/>
    </row>
    <row r="770272" spans="14:14">
      <c r="N770272" s="10"/>
    </row>
    <row r="770273" spans="14:14">
      <c r="N770273" s="10"/>
    </row>
    <row r="770274" spans="14:14">
      <c r="N770274" s="10"/>
    </row>
    <row r="770275" spans="14:14">
      <c r="N770275" s="10"/>
    </row>
    <row r="770276" spans="14:14">
      <c r="N770276" s="10"/>
    </row>
    <row r="770277" spans="14:14">
      <c r="N770277" s="10"/>
    </row>
    <row r="770278" spans="14:14">
      <c r="N770278" s="10"/>
    </row>
    <row r="770279" spans="14:14">
      <c r="N770279" s="10"/>
    </row>
    <row r="770280" spans="14:14">
      <c r="N770280" s="10"/>
    </row>
    <row r="770281" spans="14:14">
      <c r="N770281" s="10"/>
    </row>
    <row r="770282" spans="14:14">
      <c r="N770282" s="10"/>
    </row>
    <row r="770283" spans="14:14">
      <c r="N770283" s="10"/>
    </row>
    <row r="770284" spans="14:14">
      <c r="N770284" s="10"/>
    </row>
    <row r="770285" spans="14:14">
      <c r="N770285" s="10"/>
    </row>
    <row r="770286" spans="14:14">
      <c r="N770286" s="10"/>
    </row>
    <row r="770287" spans="14:14">
      <c r="N770287" s="10"/>
    </row>
    <row r="770288" spans="14:14">
      <c r="N770288" s="10"/>
    </row>
    <row r="770289" spans="14:14">
      <c r="N770289" s="10"/>
    </row>
    <row r="770290" spans="14:14">
      <c r="N770290" s="10"/>
    </row>
    <row r="770291" spans="14:14">
      <c r="N770291" s="10"/>
    </row>
    <row r="770292" spans="14:14">
      <c r="N770292" s="10"/>
    </row>
    <row r="770293" spans="14:14">
      <c r="N770293" s="10"/>
    </row>
    <row r="770294" spans="14:14">
      <c r="N770294" s="10"/>
    </row>
    <row r="770295" spans="14:14">
      <c r="N770295" s="10"/>
    </row>
    <row r="770296" spans="14:14">
      <c r="N770296" s="10"/>
    </row>
    <row r="770297" spans="14:14">
      <c r="N770297" s="10"/>
    </row>
    <row r="770298" spans="14:14">
      <c r="N770298" s="10"/>
    </row>
    <row r="770299" spans="14:14">
      <c r="N770299" s="10"/>
    </row>
    <row r="770300" spans="14:14">
      <c r="N770300" s="10"/>
    </row>
    <row r="770301" spans="14:14">
      <c r="N770301" s="10"/>
    </row>
    <row r="770302" spans="14:14">
      <c r="N770302" s="10"/>
    </row>
    <row r="770303" spans="14:14">
      <c r="N770303" s="10"/>
    </row>
    <row r="770304" spans="14:14">
      <c r="N770304" s="10"/>
    </row>
    <row r="770305" spans="14:14">
      <c r="N770305" s="10"/>
    </row>
    <row r="770306" spans="14:14">
      <c r="N770306" s="10"/>
    </row>
    <row r="770307" spans="14:14">
      <c r="N770307" s="10"/>
    </row>
    <row r="770308" spans="14:14">
      <c r="N770308" s="10"/>
    </row>
    <row r="770309" spans="14:14">
      <c r="N770309" s="10"/>
    </row>
    <row r="770310" spans="14:14">
      <c r="N770310" s="10"/>
    </row>
    <row r="770311" spans="14:14">
      <c r="N770311" s="10"/>
    </row>
    <row r="770312" spans="14:14">
      <c r="N770312" s="10"/>
    </row>
    <row r="770313" spans="14:14">
      <c r="N770313" s="10"/>
    </row>
    <row r="770314" spans="14:14">
      <c r="N770314" s="10"/>
    </row>
    <row r="770315" spans="14:14">
      <c r="N770315" s="10"/>
    </row>
    <row r="770316" spans="14:14">
      <c r="N770316" s="10"/>
    </row>
    <row r="770317" spans="14:14">
      <c r="N770317" s="10"/>
    </row>
    <row r="770318" spans="14:14">
      <c r="N770318" s="10"/>
    </row>
    <row r="770319" spans="14:14">
      <c r="N770319" s="10"/>
    </row>
    <row r="770320" spans="14:14">
      <c r="N770320" s="10"/>
    </row>
    <row r="770321" spans="14:14">
      <c r="N770321" s="10"/>
    </row>
    <row r="770322" spans="14:14">
      <c r="N770322" s="10"/>
    </row>
    <row r="770323" spans="14:14">
      <c r="N770323" s="10"/>
    </row>
    <row r="770324" spans="14:14">
      <c r="N770324" s="10"/>
    </row>
    <row r="770325" spans="14:14">
      <c r="N770325" s="10"/>
    </row>
    <row r="770326" spans="14:14">
      <c r="N770326" s="10"/>
    </row>
    <row r="770327" spans="14:14">
      <c r="N770327" s="10"/>
    </row>
    <row r="770328" spans="14:14">
      <c r="N770328" s="10"/>
    </row>
    <row r="770329" spans="14:14">
      <c r="N770329" s="10"/>
    </row>
    <row r="770330" spans="14:14">
      <c r="N770330" s="10"/>
    </row>
    <row r="770331" spans="14:14">
      <c r="N770331" s="10"/>
    </row>
    <row r="770332" spans="14:14">
      <c r="N770332" s="10"/>
    </row>
    <row r="770333" spans="14:14">
      <c r="N770333" s="10"/>
    </row>
    <row r="770334" spans="14:14">
      <c r="N770334" s="10"/>
    </row>
    <row r="770335" spans="14:14">
      <c r="N770335" s="10"/>
    </row>
    <row r="770336" spans="14:14">
      <c r="N770336" s="10"/>
    </row>
    <row r="770337" spans="14:14">
      <c r="N770337" s="10"/>
    </row>
    <row r="770338" spans="14:14">
      <c r="N770338" s="10"/>
    </row>
    <row r="770339" spans="14:14">
      <c r="N770339" s="10"/>
    </row>
    <row r="770340" spans="14:14">
      <c r="N770340" s="10"/>
    </row>
    <row r="770341" spans="14:14">
      <c r="N770341" s="10"/>
    </row>
    <row r="770342" spans="14:14">
      <c r="N770342" s="10"/>
    </row>
    <row r="770343" spans="14:14">
      <c r="N770343" s="10"/>
    </row>
    <row r="770344" spans="14:14">
      <c r="N770344" s="10"/>
    </row>
    <row r="770345" spans="14:14">
      <c r="N770345" s="10"/>
    </row>
    <row r="770346" spans="14:14">
      <c r="N770346" s="10"/>
    </row>
    <row r="770347" spans="14:14">
      <c r="N770347" s="10"/>
    </row>
    <row r="770348" spans="14:14">
      <c r="N770348" s="10"/>
    </row>
    <row r="770349" spans="14:14">
      <c r="N770349" s="10"/>
    </row>
    <row r="770350" spans="14:14">
      <c r="N770350" s="10"/>
    </row>
    <row r="770351" spans="14:14">
      <c r="N770351" s="10"/>
    </row>
    <row r="770352" spans="14:14">
      <c r="N770352" s="10"/>
    </row>
    <row r="770353" spans="14:14">
      <c r="N770353" s="10"/>
    </row>
    <row r="770354" spans="14:14">
      <c r="N770354" s="10"/>
    </row>
    <row r="770355" spans="14:14">
      <c r="N770355" s="10"/>
    </row>
    <row r="770356" spans="14:14">
      <c r="N770356" s="10"/>
    </row>
    <row r="770357" spans="14:14">
      <c r="N770357" s="10"/>
    </row>
    <row r="770358" spans="14:14">
      <c r="N770358" s="10"/>
    </row>
    <row r="770359" spans="14:14">
      <c r="N770359" s="10"/>
    </row>
    <row r="770360" spans="14:14">
      <c r="N770360" s="10"/>
    </row>
    <row r="770361" spans="14:14">
      <c r="N770361" s="10"/>
    </row>
    <row r="770362" spans="14:14">
      <c r="N770362" s="10"/>
    </row>
    <row r="770363" spans="14:14">
      <c r="N770363" s="10"/>
    </row>
    <row r="770364" spans="14:14">
      <c r="N770364" s="10"/>
    </row>
    <row r="770365" spans="14:14">
      <c r="N770365" s="10"/>
    </row>
    <row r="770366" spans="14:14">
      <c r="N770366" s="10"/>
    </row>
    <row r="770367" spans="14:14">
      <c r="N770367" s="10"/>
    </row>
    <row r="770368" spans="14:14">
      <c r="N770368" s="10"/>
    </row>
    <row r="770369" spans="14:14">
      <c r="N770369" s="10"/>
    </row>
    <row r="770370" spans="14:14">
      <c r="N770370" s="10"/>
    </row>
    <row r="770371" spans="14:14">
      <c r="N770371" s="10"/>
    </row>
    <row r="770372" spans="14:14">
      <c r="N770372" s="10"/>
    </row>
    <row r="770373" spans="14:14">
      <c r="N770373" s="10"/>
    </row>
    <row r="770374" spans="14:14">
      <c r="N770374" s="10"/>
    </row>
    <row r="770375" spans="14:14">
      <c r="N770375" s="10"/>
    </row>
    <row r="770376" spans="14:14">
      <c r="N770376" s="10"/>
    </row>
    <row r="770377" spans="14:14">
      <c r="N770377" s="10"/>
    </row>
    <row r="770378" spans="14:14">
      <c r="N770378" s="10"/>
    </row>
    <row r="770379" spans="14:14">
      <c r="N770379" s="10"/>
    </row>
    <row r="770380" spans="14:14">
      <c r="N770380" s="10"/>
    </row>
    <row r="770381" spans="14:14">
      <c r="N770381" s="10"/>
    </row>
    <row r="770382" spans="14:14">
      <c r="N770382" s="10"/>
    </row>
    <row r="770383" spans="14:14">
      <c r="N770383" s="10"/>
    </row>
    <row r="770384" spans="14:14">
      <c r="N770384" s="10"/>
    </row>
    <row r="770385" spans="14:14">
      <c r="N770385" s="10"/>
    </row>
    <row r="770386" spans="14:14">
      <c r="N770386" s="10"/>
    </row>
    <row r="770387" spans="14:14">
      <c r="N770387" s="10"/>
    </row>
    <row r="770388" spans="14:14">
      <c r="N770388" s="10"/>
    </row>
    <row r="770389" spans="14:14">
      <c r="N770389" s="10"/>
    </row>
    <row r="770390" spans="14:14">
      <c r="N770390" s="10"/>
    </row>
    <row r="770391" spans="14:14">
      <c r="N770391" s="10"/>
    </row>
    <row r="770392" spans="14:14">
      <c r="N770392" s="10"/>
    </row>
    <row r="770393" spans="14:14">
      <c r="N770393" s="10"/>
    </row>
    <row r="770394" spans="14:14">
      <c r="N770394" s="10"/>
    </row>
    <row r="770395" spans="14:14">
      <c r="N770395" s="10"/>
    </row>
    <row r="770396" spans="14:14">
      <c r="N770396" s="10"/>
    </row>
    <row r="770397" spans="14:14">
      <c r="N770397" s="10"/>
    </row>
    <row r="770398" spans="14:14">
      <c r="N770398" s="10"/>
    </row>
    <row r="770399" spans="14:14">
      <c r="N770399" s="10"/>
    </row>
    <row r="770400" spans="14:14">
      <c r="N770400" s="10"/>
    </row>
    <row r="770401" spans="14:14">
      <c r="N770401" s="10"/>
    </row>
    <row r="770402" spans="14:14">
      <c r="N770402" s="10"/>
    </row>
    <row r="770403" spans="14:14">
      <c r="N770403" s="10"/>
    </row>
    <row r="770404" spans="14:14">
      <c r="N770404" s="10"/>
    </row>
    <row r="770405" spans="14:14">
      <c r="N770405" s="10"/>
    </row>
    <row r="770406" spans="14:14">
      <c r="N770406" s="10"/>
    </row>
    <row r="770407" spans="14:14">
      <c r="N770407" s="10"/>
    </row>
    <row r="770408" spans="14:14">
      <c r="N770408" s="10"/>
    </row>
    <row r="770409" spans="14:14">
      <c r="N770409" s="10"/>
    </row>
    <row r="770410" spans="14:14">
      <c r="N770410" s="10"/>
    </row>
    <row r="770411" spans="14:14">
      <c r="N770411" s="10"/>
    </row>
    <row r="770412" spans="14:14">
      <c r="N770412" s="10"/>
    </row>
    <row r="770413" spans="14:14">
      <c r="N770413" s="10"/>
    </row>
    <row r="770414" spans="14:14">
      <c r="N770414" s="10"/>
    </row>
    <row r="770415" spans="14:14">
      <c r="N770415" s="10"/>
    </row>
    <row r="770416" spans="14:14">
      <c r="N770416" s="10"/>
    </row>
    <row r="770417" spans="14:14">
      <c r="N770417" s="10"/>
    </row>
    <row r="770418" spans="14:14">
      <c r="N770418" s="10"/>
    </row>
    <row r="770419" spans="14:14">
      <c r="N770419" s="10"/>
    </row>
    <row r="770420" spans="14:14">
      <c r="N770420" s="10"/>
    </row>
    <row r="770421" spans="14:14">
      <c r="N770421" s="10"/>
    </row>
    <row r="770422" spans="14:14">
      <c r="N770422" s="10"/>
    </row>
    <row r="770423" spans="14:14">
      <c r="N770423" s="10"/>
    </row>
    <row r="770424" spans="14:14">
      <c r="N770424" s="10"/>
    </row>
    <row r="770425" spans="14:14">
      <c r="N770425" s="10"/>
    </row>
    <row r="770426" spans="14:14">
      <c r="N770426" s="10"/>
    </row>
    <row r="770427" spans="14:14">
      <c r="N770427" s="10"/>
    </row>
    <row r="770428" spans="14:14">
      <c r="N770428" s="10"/>
    </row>
    <row r="770429" spans="14:14">
      <c r="N770429" s="10"/>
    </row>
    <row r="770430" spans="14:14">
      <c r="N770430" s="10"/>
    </row>
    <row r="770431" spans="14:14">
      <c r="N770431" s="10"/>
    </row>
    <row r="770432" spans="14:14">
      <c r="N770432" s="10"/>
    </row>
    <row r="770433" spans="14:14">
      <c r="N770433" s="10"/>
    </row>
    <row r="770434" spans="14:14">
      <c r="N770434" s="10"/>
    </row>
    <row r="770435" spans="14:14">
      <c r="N770435" s="10"/>
    </row>
    <row r="770436" spans="14:14">
      <c r="N770436" s="10"/>
    </row>
    <row r="770437" spans="14:14">
      <c r="N770437" s="10"/>
    </row>
    <row r="770438" spans="14:14">
      <c r="N770438" s="10"/>
    </row>
    <row r="770439" spans="14:14">
      <c r="N770439" s="10"/>
    </row>
    <row r="770440" spans="14:14">
      <c r="N770440" s="10"/>
    </row>
    <row r="770441" spans="14:14">
      <c r="N770441" s="10"/>
    </row>
    <row r="770442" spans="14:14">
      <c r="N770442" s="10"/>
    </row>
    <row r="770443" spans="14:14">
      <c r="N770443" s="10"/>
    </row>
    <row r="770444" spans="14:14">
      <c r="N770444" s="10"/>
    </row>
    <row r="770445" spans="14:14">
      <c r="N770445" s="10"/>
    </row>
    <row r="770446" spans="14:14">
      <c r="N770446" s="10"/>
    </row>
    <row r="770447" spans="14:14">
      <c r="N770447" s="10"/>
    </row>
    <row r="770448" spans="14:14">
      <c r="N770448" s="10"/>
    </row>
    <row r="770449" spans="14:14">
      <c r="N770449" s="10"/>
    </row>
    <row r="770450" spans="14:14">
      <c r="N770450" s="10"/>
    </row>
    <row r="770451" spans="14:14">
      <c r="N770451" s="10"/>
    </row>
    <row r="770452" spans="14:14">
      <c r="N770452" s="10"/>
    </row>
    <row r="770453" spans="14:14">
      <c r="N770453" s="10"/>
    </row>
    <row r="770454" spans="14:14">
      <c r="N770454" s="10"/>
    </row>
    <row r="770455" spans="14:14">
      <c r="N770455" s="10"/>
    </row>
    <row r="770456" spans="14:14">
      <c r="N770456" s="10"/>
    </row>
    <row r="770457" spans="14:14">
      <c r="N770457" s="10"/>
    </row>
    <row r="770458" spans="14:14">
      <c r="N770458" s="10"/>
    </row>
    <row r="770459" spans="14:14">
      <c r="N770459" s="10"/>
    </row>
    <row r="770460" spans="14:14">
      <c r="N770460" s="10"/>
    </row>
    <row r="770461" spans="14:14">
      <c r="N770461" s="10"/>
    </row>
    <row r="770462" spans="14:14">
      <c r="N770462" s="10"/>
    </row>
    <row r="770463" spans="14:14">
      <c r="N770463" s="10"/>
    </row>
    <row r="770464" spans="14:14">
      <c r="N770464" s="10"/>
    </row>
    <row r="770465" spans="14:14">
      <c r="N770465" s="10"/>
    </row>
    <row r="770466" spans="14:14">
      <c r="N770466" s="10"/>
    </row>
    <row r="770467" spans="14:14">
      <c r="N770467" s="10"/>
    </row>
    <row r="770468" spans="14:14">
      <c r="N770468" s="10"/>
    </row>
    <row r="770469" spans="14:14">
      <c r="N770469" s="10"/>
    </row>
    <row r="770470" spans="14:14">
      <c r="N770470" s="10"/>
    </row>
    <row r="770471" spans="14:14">
      <c r="N770471" s="10"/>
    </row>
    <row r="770472" spans="14:14">
      <c r="N770472" s="10"/>
    </row>
    <row r="770473" spans="14:14">
      <c r="N770473" s="10"/>
    </row>
    <row r="770474" spans="14:14">
      <c r="N770474" s="10"/>
    </row>
    <row r="770475" spans="14:14">
      <c r="N770475" s="10"/>
    </row>
    <row r="770476" spans="14:14">
      <c r="N770476" s="10"/>
    </row>
    <row r="770477" spans="14:14">
      <c r="N770477" s="10"/>
    </row>
    <row r="770478" spans="14:14">
      <c r="N770478" s="10"/>
    </row>
    <row r="770479" spans="14:14">
      <c r="N770479" s="10"/>
    </row>
    <row r="770480" spans="14:14">
      <c r="N770480" s="10"/>
    </row>
    <row r="770481" spans="14:14">
      <c r="N770481" s="10"/>
    </row>
    <row r="770482" spans="14:14">
      <c r="N770482" s="10"/>
    </row>
    <row r="770483" spans="14:14">
      <c r="N770483" s="10"/>
    </row>
    <row r="770484" spans="14:14">
      <c r="N770484" s="10"/>
    </row>
    <row r="770485" spans="14:14">
      <c r="N770485" s="10"/>
    </row>
    <row r="770486" spans="14:14">
      <c r="N770486" s="10"/>
    </row>
    <row r="770487" spans="14:14">
      <c r="N770487" s="10"/>
    </row>
    <row r="770488" spans="14:14">
      <c r="N770488" s="10"/>
    </row>
    <row r="770489" spans="14:14">
      <c r="N770489" s="10"/>
    </row>
    <row r="770490" spans="14:14">
      <c r="N770490" s="10"/>
    </row>
    <row r="770491" spans="14:14">
      <c r="N770491" s="10"/>
    </row>
    <row r="770492" spans="14:14">
      <c r="N770492" s="10"/>
    </row>
    <row r="770493" spans="14:14">
      <c r="N770493" s="10"/>
    </row>
    <row r="770494" spans="14:14">
      <c r="N770494" s="10"/>
    </row>
    <row r="770495" spans="14:14">
      <c r="N770495" s="10"/>
    </row>
    <row r="770496" spans="14:14">
      <c r="N770496" s="10"/>
    </row>
    <row r="770497" spans="14:14">
      <c r="N770497" s="10"/>
    </row>
    <row r="770498" spans="14:14">
      <c r="N770498" s="10"/>
    </row>
    <row r="770499" spans="14:14">
      <c r="N770499" s="10"/>
    </row>
    <row r="770500" spans="14:14">
      <c r="N770500" s="10"/>
    </row>
    <row r="770501" spans="14:14">
      <c r="N770501" s="10"/>
    </row>
    <row r="770502" spans="14:14">
      <c r="N770502" s="10"/>
    </row>
    <row r="770503" spans="14:14">
      <c r="N770503" s="10"/>
    </row>
    <row r="770504" spans="14:14">
      <c r="N770504" s="10"/>
    </row>
    <row r="770505" spans="14:14">
      <c r="N770505" s="10"/>
    </row>
    <row r="770506" spans="14:14">
      <c r="N770506" s="10"/>
    </row>
    <row r="770507" spans="14:14">
      <c r="N770507" s="10"/>
    </row>
    <row r="770508" spans="14:14">
      <c r="N770508" s="10"/>
    </row>
    <row r="770509" spans="14:14">
      <c r="N770509" s="10"/>
    </row>
    <row r="770510" spans="14:14">
      <c r="N770510" s="10"/>
    </row>
    <row r="770511" spans="14:14">
      <c r="N770511" s="10"/>
    </row>
    <row r="770512" spans="14:14">
      <c r="N770512" s="10"/>
    </row>
    <row r="770513" spans="14:14">
      <c r="N770513" s="10"/>
    </row>
    <row r="770514" spans="14:14">
      <c r="N770514" s="10"/>
    </row>
    <row r="770515" spans="14:14">
      <c r="N770515" s="10"/>
    </row>
    <row r="770516" spans="14:14">
      <c r="N770516" s="10"/>
    </row>
    <row r="770517" spans="14:14">
      <c r="N770517" s="10"/>
    </row>
    <row r="770518" spans="14:14">
      <c r="N770518" s="10"/>
    </row>
    <row r="770519" spans="14:14">
      <c r="N770519" s="10"/>
    </row>
    <row r="770520" spans="14:14">
      <c r="N770520" s="10"/>
    </row>
    <row r="770521" spans="14:14">
      <c r="N770521" s="10"/>
    </row>
    <row r="770522" spans="14:14">
      <c r="N770522" s="10"/>
    </row>
    <row r="770523" spans="14:14">
      <c r="N770523" s="10"/>
    </row>
    <row r="770524" spans="14:14">
      <c r="N770524" s="10"/>
    </row>
    <row r="770525" spans="14:14">
      <c r="N770525" s="10"/>
    </row>
    <row r="770526" spans="14:14">
      <c r="N770526" s="10"/>
    </row>
    <row r="770527" spans="14:14">
      <c r="N770527" s="10"/>
    </row>
    <row r="770528" spans="14:14">
      <c r="N770528" s="10"/>
    </row>
    <row r="770529" spans="14:14">
      <c r="N770529" s="10"/>
    </row>
    <row r="770530" spans="14:14">
      <c r="N770530" s="10"/>
    </row>
    <row r="770531" spans="14:14">
      <c r="N770531" s="10"/>
    </row>
    <row r="770532" spans="14:14">
      <c r="N770532" s="10"/>
    </row>
    <row r="770533" spans="14:14">
      <c r="N770533" s="10"/>
    </row>
    <row r="770534" spans="14:14">
      <c r="N770534" s="10"/>
    </row>
    <row r="770535" spans="14:14">
      <c r="N770535" s="10"/>
    </row>
    <row r="770536" spans="14:14">
      <c r="N770536" s="10"/>
    </row>
    <row r="770537" spans="14:14">
      <c r="N770537" s="10"/>
    </row>
    <row r="770538" spans="14:14">
      <c r="N770538" s="10"/>
    </row>
    <row r="770539" spans="14:14">
      <c r="N770539" s="10"/>
    </row>
    <row r="770540" spans="14:14">
      <c r="N770540" s="10"/>
    </row>
    <row r="770541" spans="14:14">
      <c r="N770541" s="10"/>
    </row>
    <row r="770542" spans="14:14">
      <c r="N770542" s="10"/>
    </row>
    <row r="770543" spans="14:14">
      <c r="N770543" s="10"/>
    </row>
    <row r="770544" spans="14:14">
      <c r="N770544" s="10"/>
    </row>
    <row r="770545" spans="14:14">
      <c r="N770545" s="10"/>
    </row>
    <row r="770546" spans="14:14">
      <c r="N770546" s="10"/>
    </row>
    <row r="770547" spans="14:14">
      <c r="N770547" s="10"/>
    </row>
    <row r="770548" spans="14:14">
      <c r="N770548" s="10"/>
    </row>
    <row r="770549" spans="14:14">
      <c r="N770549" s="10"/>
    </row>
    <row r="770550" spans="14:14">
      <c r="N770550" s="10"/>
    </row>
    <row r="770551" spans="14:14">
      <c r="N770551" s="10"/>
    </row>
    <row r="770552" spans="14:14">
      <c r="N770552" s="10"/>
    </row>
    <row r="770553" spans="14:14">
      <c r="N770553" s="10"/>
    </row>
    <row r="770554" spans="14:14">
      <c r="N770554" s="10"/>
    </row>
    <row r="770555" spans="14:14">
      <c r="N770555" s="10"/>
    </row>
    <row r="770556" spans="14:14">
      <c r="N770556" s="10"/>
    </row>
    <row r="770557" spans="14:14">
      <c r="N770557" s="10"/>
    </row>
    <row r="770558" spans="14:14">
      <c r="N770558" s="10"/>
    </row>
    <row r="770559" spans="14:14">
      <c r="N770559" s="10"/>
    </row>
    <row r="770560" spans="14:14">
      <c r="N770560" s="10"/>
    </row>
    <row r="770561" spans="14:14">
      <c r="N770561" s="10"/>
    </row>
    <row r="770562" spans="14:14">
      <c r="N770562" s="10"/>
    </row>
    <row r="770563" spans="14:14">
      <c r="N770563" s="10"/>
    </row>
    <row r="770564" spans="14:14">
      <c r="N770564" s="10"/>
    </row>
    <row r="770565" spans="14:14">
      <c r="N770565" s="10"/>
    </row>
    <row r="770566" spans="14:14">
      <c r="N770566" s="10"/>
    </row>
    <row r="770567" spans="14:14">
      <c r="N770567" s="10"/>
    </row>
    <row r="770568" spans="14:14">
      <c r="N770568" s="10"/>
    </row>
    <row r="770569" spans="14:14">
      <c r="N770569" s="10"/>
    </row>
    <row r="770570" spans="14:14">
      <c r="N770570" s="10"/>
    </row>
    <row r="770571" spans="14:14">
      <c r="N770571" s="10"/>
    </row>
    <row r="770572" spans="14:14">
      <c r="N770572" s="10"/>
    </row>
    <row r="770573" spans="14:14">
      <c r="N770573" s="10"/>
    </row>
    <row r="770574" spans="14:14">
      <c r="N770574" s="10"/>
    </row>
    <row r="770575" spans="14:14">
      <c r="N770575" s="10"/>
    </row>
    <row r="770576" spans="14:14">
      <c r="N770576" s="10"/>
    </row>
    <row r="770577" spans="14:14">
      <c r="N770577" s="10"/>
    </row>
    <row r="770578" spans="14:14">
      <c r="N770578" s="10"/>
    </row>
    <row r="770579" spans="14:14">
      <c r="N770579" s="10"/>
    </row>
    <row r="770580" spans="14:14">
      <c r="N770580" s="10"/>
    </row>
    <row r="770581" spans="14:14">
      <c r="N770581" s="10"/>
    </row>
    <row r="770582" spans="14:14">
      <c r="N770582" s="10"/>
    </row>
    <row r="770583" spans="14:14">
      <c r="N770583" s="10"/>
    </row>
    <row r="770584" spans="14:14">
      <c r="N770584" s="10"/>
    </row>
    <row r="770585" spans="14:14">
      <c r="N770585" s="10"/>
    </row>
    <row r="770586" spans="14:14">
      <c r="N770586" s="10"/>
    </row>
    <row r="770587" spans="14:14">
      <c r="N770587" s="10"/>
    </row>
    <row r="770588" spans="14:14">
      <c r="N770588" s="10"/>
    </row>
    <row r="770589" spans="14:14">
      <c r="N770589" s="10"/>
    </row>
    <row r="770590" spans="14:14">
      <c r="N770590" s="10"/>
    </row>
    <row r="770591" spans="14:14">
      <c r="N770591" s="10"/>
    </row>
    <row r="770592" spans="14:14">
      <c r="N770592" s="10"/>
    </row>
    <row r="770593" spans="14:14">
      <c r="N770593" s="10"/>
    </row>
    <row r="770594" spans="14:14">
      <c r="N770594" s="10"/>
    </row>
    <row r="770595" spans="14:14">
      <c r="N770595" s="10"/>
    </row>
    <row r="770596" spans="14:14">
      <c r="N770596" s="10"/>
    </row>
    <row r="770597" spans="14:14">
      <c r="N770597" s="10"/>
    </row>
    <row r="770598" spans="14:14">
      <c r="N770598" s="10"/>
    </row>
    <row r="770599" spans="14:14">
      <c r="N770599" s="10"/>
    </row>
    <row r="770600" spans="14:14">
      <c r="N770600" s="10"/>
    </row>
    <row r="770601" spans="14:14">
      <c r="N770601" s="10"/>
    </row>
    <row r="770602" spans="14:14">
      <c r="N770602" s="10"/>
    </row>
    <row r="770603" spans="14:14">
      <c r="N770603" s="10"/>
    </row>
    <row r="770604" spans="14:14">
      <c r="N770604" s="10"/>
    </row>
    <row r="770605" spans="14:14">
      <c r="N770605" s="10"/>
    </row>
    <row r="770606" spans="14:14">
      <c r="N770606" s="10"/>
    </row>
    <row r="770607" spans="14:14">
      <c r="N770607" s="10"/>
    </row>
    <row r="770608" spans="14:14">
      <c r="N770608" s="10"/>
    </row>
    <row r="770609" spans="14:14">
      <c r="N770609" s="10"/>
    </row>
    <row r="770610" spans="14:14">
      <c r="N770610" s="10"/>
    </row>
    <row r="770611" spans="14:14">
      <c r="N770611" s="10"/>
    </row>
    <row r="770612" spans="14:14">
      <c r="N770612" s="10"/>
    </row>
    <row r="770613" spans="14:14">
      <c r="N770613" s="10"/>
    </row>
    <row r="770614" spans="14:14">
      <c r="N770614" s="10"/>
    </row>
    <row r="770615" spans="14:14">
      <c r="N770615" s="10"/>
    </row>
    <row r="770616" spans="14:14">
      <c r="N770616" s="10"/>
    </row>
    <row r="770617" spans="14:14">
      <c r="N770617" s="10"/>
    </row>
    <row r="770618" spans="14:14">
      <c r="N770618" s="10"/>
    </row>
    <row r="770619" spans="14:14">
      <c r="N770619" s="10"/>
    </row>
    <row r="770620" spans="14:14">
      <c r="N770620" s="10"/>
    </row>
    <row r="770621" spans="14:14">
      <c r="N770621" s="10"/>
    </row>
    <row r="770622" spans="14:14">
      <c r="N770622" s="10"/>
    </row>
    <row r="770623" spans="14:14">
      <c r="N770623" s="10"/>
    </row>
    <row r="770624" spans="14:14">
      <c r="N770624" s="10"/>
    </row>
    <row r="770625" spans="14:14">
      <c r="N770625" s="10"/>
    </row>
    <row r="770626" spans="14:14">
      <c r="N770626" s="10"/>
    </row>
    <row r="770627" spans="14:14">
      <c r="N770627" s="10"/>
    </row>
    <row r="770628" spans="14:14">
      <c r="N770628" s="10"/>
    </row>
    <row r="770629" spans="14:14">
      <c r="N770629" s="10"/>
    </row>
    <row r="770630" spans="14:14">
      <c r="N770630" s="10"/>
    </row>
    <row r="770631" spans="14:14">
      <c r="N770631" s="10"/>
    </row>
    <row r="770632" spans="14:14">
      <c r="N770632" s="10"/>
    </row>
    <row r="770633" spans="14:14">
      <c r="N770633" s="10"/>
    </row>
    <row r="770634" spans="14:14">
      <c r="N770634" s="10"/>
    </row>
    <row r="770635" spans="14:14">
      <c r="N770635" s="10"/>
    </row>
    <row r="770636" spans="14:14">
      <c r="N770636" s="10"/>
    </row>
    <row r="770637" spans="14:14">
      <c r="N770637" s="10"/>
    </row>
    <row r="770638" spans="14:14">
      <c r="N770638" s="10"/>
    </row>
    <row r="770639" spans="14:14">
      <c r="N770639" s="10"/>
    </row>
    <row r="770640" spans="14:14">
      <c r="N770640" s="10"/>
    </row>
    <row r="770641" spans="14:14">
      <c r="N770641" s="10"/>
    </row>
    <row r="770642" spans="14:14">
      <c r="N770642" s="10"/>
    </row>
    <row r="770643" spans="14:14">
      <c r="N770643" s="10"/>
    </row>
    <row r="770644" spans="14:14">
      <c r="N770644" s="10"/>
    </row>
    <row r="770645" spans="14:14">
      <c r="N770645" s="10"/>
    </row>
    <row r="770646" spans="14:14">
      <c r="N770646" s="10"/>
    </row>
    <row r="770647" spans="14:14">
      <c r="N770647" s="10"/>
    </row>
    <row r="770648" spans="14:14">
      <c r="N770648" s="10"/>
    </row>
    <row r="770649" spans="14:14">
      <c r="N770649" s="10"/>
    </row>
    <row r="770650" spans="14:14">
      <c r="N770650" s="10"/>
    </row>
    <row r="770651" spans="14:14">
      <c r="N770651" s="10"/>
    </row>
    <row r="770652" spans="14:14">
      <c r="N770652" s="10"/>
    </row>
    <row r="770653" spans="14:14">
      <c r="N770653" s="10"/>
    </row>
    <row r="770654" spans="14:14">
      <c r="N770654" s="10"/>
    </row>
    <row r="770655" spans="14:14">
      <c r="N770655" s="10"/>
    </row>
    <row r="770656" spans="14:14">
      <c r="N770656" s="10"/>
    </row>
    <row r="770657" spans="14:14">
      <c r="N770657" s="10"/>
    </row>
    <row r="770658" spans="14:14">
      <c r="N770658" s="10"/>
    </row>
    <row r="770659" spans="14:14">
      <c r="N770659" s="10"/>
    </row>
    <row r="770660" spans="14:14">
      <c r="N770660" s="10"/>
    </row>
    <row r="770661" spans="14:14">
      <c r="N770661" s="10"/>
    </row>
    <row r="770662" spans="14:14">
      <c r="N770662" s="10"/>
    </row>
    <row r="770663" spans="14:14">
      <c r="N770663" s="10"/>
    </row>
    <row r="770664" spans="14:14">
      <c r="N770664" s="10"/>
    </row>
    <row r="770665" spans="14:14">
      <c r="N770665" s="10"/>
    </row>
    <row r="770666" spans="14:14">
      <c r="N770666" s="10"/>
    </row>
    <row r="770667" spans="14:14">
      <c r="N770667" s="10"/>
    </row>
    <row r="770668" spans="14:14">
      <c r="N770668" s="10"/>
    </row>
    <row r="770669" spans="14:14">
      <c r="N770669" s="10"/>
    </row>
    <row r="770670" spans="14:14">
      <c r="N770670" s="10"/>
    </row>
    <row r="770671" spans="14:14">
      <c r="N770671" s="10"/>
    </row>
    <row r="770672" spans="14:14">
      <c r="N770672" s="10"/>
    </row>
    <row r="770673" spans="14:14">
      <c r="N770673" s="10"/>
    </row>
    <row r="770674" spans="14:14">
      <c r="N770674" s="10"/>
    </row>
    <row r="770675" spans="14:14">
      <c r="N770675" s="10"/>
    </row>
    <row r="770676" spans="14:14">
      <c r="N770676" s="10"/>
    </row>
    <row r="770677" spans="14:14">
      <c r="N770677" s="10"/>
    </row>
    <row r="770678" spans="14:14">
      <c r="N770678" s="10"/>
    </row>
    <row r="770679" spans="14:14">
      <c r="N770679" s="10"/>
    </row>
    <row r="770680" spans="14:14">
      <c r="N770680" s="10"/>
    </row>
    <row r="770681" spans="14:14">
      <c r="N770681" s="10"/>
    </row>
    <row r="770682" spans="14:14">
      <c r="N770682" s="10"/>
    </row>
    <row r="770683" spans="14:14">
      <c r="N770683" s="10"/>
    </row>
    <row r="770684" spans="14:14">
      <c r="N770684" s="10"/>
    </row>
    <row r="770685" spans="14:14">
      <c r="N770685" s="10"/>
    </row>
    <row r="770686" spans="14:14">
      <c r="N770686" s="10"/>
    </row>
    <row r="770687" spans="14:14">
      <c r="N770687" s="10"/>
    </row>
    <row r="770688" spans="14:14">
      <c r="N770688" s="10"/>
    </row>
    <row r="770689" spans="14:14">
      <c r="N770689" s="10"/>
    </row>
    <row r="770690" spans="14:14">
      <c r="N770690" s="10"/>
    </row>
    <row r="770691" spans="14:14">
      <c r="N770691" s="10"/>
    </row>
    <row r="770692" spans="14:14">
      <c r="N770692" s="10"/>
    </row>
    <row r="770693" spans="14:14">
      <c r="N770693" s="10"/>
    </row>
    <row r="770694" spans="14:14">
      <c r="N770694" s="10"/>
    </row>
    <row r="770695" spans="14:14">
      <c r="N770695" s="10"/>
    </row>
    <row r="770696" spans="14:14">
      <c r="N770696" s="10"/>
    </row>
    <row r="770697" spans="14:14">
      <c r="N770697" s="10"/>
    </row>
    <row r="770698" spans="14:14">
      <c r="N770698" s="10"/>
    </row>
    <row r="770699" spans="14:14">
      <c r="N770699" s="10"/>
    </row>
    <row r="770700" spans="14:14">
      <c r="N770700" s="10"/>
    </row>
    <row r="770701" spans="14:14">
      <c r="N770701" s="10"/>
    </row>
    <row r="770702" spans="14:14">
      <c r="N770702" s="10"/>
    </row>
    <row r="770703" spans="14:14">
      <c r="N770703" s="10"/>
    </row>
    <row r="770704" spans="14:14">
      <c r="N770704" s="10"/>
    </row>
    <row r="770705" spans="14:14">
      <c r="N770705" s="10"/>
    </row>
    <row r="770706" spans="14:14">
      <c r="N770706" s="10"/>
    </row>
    <row r="770707" spans="14:14">
      <c r="N770707" s="10"/>
    </row>
    <row r="770708" spans="14:14">
      <c r="N770708" s="10"/>
    </row>
    <row r="770709" spans="14:14">
      <c r="N770709" s="10"/>
    </row>
    <row r="770710" spans="14:14">
      <c r="N770710" s="10"/>
    </row>
    <row r="770711" spans="14:14">
      <c r="N770711" s="10"/>
    </row>
    <row r="770712" spans="14:14">
      <c r="N770712" s="10"/>
    </row>
    <row r="770713" spans="14:14">
      <c r="N770713" s="10"/>
    </row>
    <row r="770714" spans="14:14">
      <c r="N770714" s="10"/>
    </row>
    <row r="770715" spans="14:14">
      <c r="N770715" s="10"/>
    </row>
    <row r="770716" spans="14:14">
      <c r="N770716" s="10"/>
    </row>
    <row r="770717" spans="14:14">
      <c r="N770717" s="10"/>
    </row>
    <row r="770718" spans="14:14">
      <c r="N770718" s="10"/>
    </row>
    <row r="770719" spans="14:14">
      <c r="N770719" s="10"/>
    </row>
    <row r="770720" spans="14:14">
      <c r="N770720" s="10"/>
    </row>
    <row r="770721" spans="14:14">
      <c r="N770721" s="10"/>
    </row>
    <row r="770722" spans="14:14">
      <c r="N770722" s="10"/>
    </row>
    <row r="770723" spans="14:14">
      <c r="N770723" s="10"/>
    </row>
    <row r="770724" spans="14:14">
      <c r="N770724" s="10"/>
    </row>
    <row r="770725" spans="14:14">
      <c r="N770725" s="10"/>
    </row>
    <row r="770726" spans="14:14">
      <c r="N770726" s="10"/>
    </row>
    <row r="770727" spans="14:14">
      <c r="N770727" s="10"/>
    </row>
    <row r="770728" spans="14:14">
      <c r="N770728" s="10"/>
    </row>
    <row r="770729" spans="14:14">
      <c r="N770729" s="10"/>
    </row>
    <row r="770730" spans="14:14">
      <c r="N770730" s="10"/>
    </row>
    <row r="770731" spans="14:14">
      <c r="N770731" s="10"/>
    </row>
    <row r="770732" spans="14:14">
      <c r="N770732" s="10"/>
    </row>
    <row r="770733" spans="14:14">
      <c r="N770733" s="10"/>
    </row>
    <row r="770734" spans="14:14">
      <c r="N770734" s="10"/>
    </row>
    <row r="770735" spans="14:14">
      <c r="N770735" s="10"/>
    </row>
    <row r="770736" spans="14:14">
      <c r="N770736" s="10"/>
    </row>
    <row r="770737" spans="14:14">
      <c r="N770737" s="10"/>
    </row>
    <row r="770738" spans="14:14">
      <c r="N770738" s="10"/>
    </row>
    <row r="770739" spans="14:14">
      <c r="N770739" s="10"/>
    </row>
    <row r="770740" spans="14:14">
      <c r="N770740" s="10"/>
    </row>
    <row r="770741" spans="14:14">
      <c r="N770741" s="10"/>
    </row>
    <row r="770742" spans="14:14">
      <c r="N770742" s="10"/>
    </row>
    <row r="770743" spans="14:14">
      <c r="N770743" s="10"/>
    </row>
    <row r="770744" spans="14:14">
      <c r="N770744" s="10"/>
    </row>
    <row r="770745" spans="14:14">
      <c r="N770745" s="10"/>
    </row>
    <row r="770746" spans="14:14">
      <c r="N770746" s="10"/>
    </row>
    <row r="770747" spans="14:14">
      <c r="N770747" s="10"/>
    </row>
    <row r="770748" spans="14:14">
      <c r="N770748" s="10"/>
    </row>
    <row r="770749" spans="14:14">
      <c r="N770749" s="10"/>
    </row>
    <row r="770750" spans="14:14">
      <c r="N770750" s="10"/>
    </row>
    <row r="770751" spans="14:14">
      <c r="N770751" s="10"/>
    </row>
    <row r="770752" spans="14:14">
      <c r="N770752" s="10"/>
    </row>
    <row r="770753" spans="14:14">
      <c r="N770753" s="10"/>
    </row>
    <row r="770754" spans="14:14">
      <c r="N770754" s="10"/>
    </row>
    <row r="770755" spans="14:14">
      <c r="N770755" s="10"/>
    </row>
    <row r="770756" spans="14:14">
      <c r="N770756" s="10"/>
    </row>
    <row r="770757" spans="14:14">
      <c r="N770757" s="10"/>
    </row>
    <row r="770758" spans="14:14">
      <c r="N770758" s="10"/>
    </row>
    <row r="770759" spans="14:14">
      <c r="N770759" s="10"/>
    </row>
    <row r="770760" spans="14:14">
      <c r="N770760" s="10"/>
    </row>
    <row r="770761" spans="14:14">
      <c r="N770761" s="10"/>
    </row>
    <row r="770762" spans="14:14">
      <c r="N770762" s="10"/>
    </row>
    <row r="770763" spans="14:14">
      <c r="N770763" s="10"/>
    </row>
    <row r="770764" spans="14:14">
      <c r="N770764" s="10"/>
    </row>
    <row r="770765" spans="14:14">
      <c r="N770765" s="10"/>
    </row>
    <row r="770766" spans="14:14">
      <c r="N770766" s="10"/>
    </row>
    <row r="770767" spans="14:14">
      <c r="N770767" s="10"/>
    </row>
    <row r="770768" spans="14:14">
      <c r="N770768" s="10"/>
    </row>
    <row r="770769" spans="14:14">
      <c r="N770769" s="10"/>
    </row>
    <row r="770770" spans="14:14">
      <c r="N770770" s="10"/>
    </row>
    <row r="770771" spans="14:14">
      <c r="N770771" s="10"/>
    </row>
    <row r="770772" spans="14:14">
      <c r="N770772" s="10"/>
    </row>
    <row r="770773" spans="14:14">
      <c r="N770773" s="10"/>
    </row>
    <row r="770774" spans="14:14">
      <c r="N770774" s="10"/>
    </row>
    <row r="770775" spans="14:14">
      <c r="N770775" s="10"/>
    </row>
    <row r="770776" spans="14:14">
      <c r="N770776" s="10"/>
    </row>
    <row r="770777" spans="14:14">
      <c r="N770777" s="10"/>
    </row>
    <row r="770778" spans="14:14">
      <c r="N770778" s="10"/>
    </row>
    <row r="770779" spans="14:14">
      <c r="N770779" s="10"/>
    </row>
    <row r="770780" spans="14:14">
      <c r="N770780" s="10"/>
    </row>
    <row r="770781" spans="14:14">
      <c r="N770781" s="10"/>
    </row>
    <row r="770782" spans="14:14">
      <c r="N770782" s="10"/>
    </row>
    <row r="770783" spans="14:14">
      <c r="N770783" s="10"/>
    </row>
    <row r="770784" spans="14:14">
      <c r="N770784" s="10"/>
    </row>
    <row r="770785" spans="14:14">
      <c r="N770785" s="10"/>
    </row>
    <row r="770786" spans="14:14">
      <c r="N770786" s="10"/>
    </row>
    <row r="770787" spans="14:14">
      <c r="N770787" s="10"/>
    </row>
    <row r="770788" spans="14:14">
      <c r="N770788" s="10"/>
    </row>
    <row r="770789" spans="14:14">
      <c r="N770789" s="10"/>
    </row>
    <row r="770790" spans="14:14">
      <c r="N770790" s="10"/>
    </row>
    <row r="770791" spans="14:14">
      <c r="N770791" s="10"/>
    </row>
    <row r="770792" spans="14:14">
      <c r="N770792" s="10"/>
    </row>
    <row r="770793" spans="14:14">
      <c r="N770793" s="10"/>
    </row>
    <row r="770794" spans="14:14">
      <c r="N770794" s="10"/>
    </row>
    <row r="770795" spans="14:14">
      <c r="N770795" s="10"/>
    </row>
    <row r="770796" spans="14:14">
      <c r="N770796" s="10"/>
    </row>
    <row r="770797" spans="14:14">
      <c r="N770797" s="10"/>
    </row>
    <row r="770798" spans="14:14">
      <c r="N770798" s="10"/>
    </row>
    <row r="770799" spans="14:14">
      <c r="N770799" s="10"/>
    </row>
    <row r="770800" spans="14:14">
      <c r="N770800" s="10"/>
    </row>
    <row r="770801" spans="14:14">
      <c r="N770801" s="10"/>
    </row>
    <row r="770802" spans="14:14">
      <c r="N770802" s="10"/>
    </row>
    <row r="770803" spans="14:14">
      <c r="N770803" s="10"/>
    </row>
    <row r="770804" spans="14:14">
      <c r="N770804" s="10"/>
    </row>
    <row r="770805" spans="14:14">
      <c r="N770805" s="10"/>
    </row>
    <row r="770806" spans="14:14">
      <c r="N770806" s="10"/>
    </row>
    <row r="770807" spans="14:14">
      <c r="N770807" s="10"/>
    </row>
    <row r="770808" spans="14:14">
      <c r="N770808" s="10"/>
    </row>
    <row r="770809" spans="14:14">
      <c r="N770809" s="10"/>
    </row>
    <row r="770810" spans="14:14">
      <c r="N770810" s="10"/>
    </row>
    <row r="770811" spans="14:14">
      <c r="N770811" s="10"/>
    </row>
    <row r="770812" spans="14:14">
      <c r="N770812" s="10"/>
    </row>
    <row r="770813" spans="14:14">
      <c r="N770813" s="10"/>
    </row>
    <row r="770814" spans="14:14">
      <c r="N770814" s="10"/>
    </row>
    <row r="770815" spans="14:14">
      <c r="N770815" s="10"/>
    </row>
    <row r="770816" spans="14:14">
      <c r="N770816" s="10"/>
    </row>
    <row r="770817" spans="14:14">
      <c r="N770817" s="10"/>
    </row>
    <row r="770818" spans="14:14">
      <c r="N770818" s="10"/>
    </row>
    <row r="770819" spans="14:14">
      <c r="N770819" s="10"/>
    </row>
    <row r="770820" spans="14:14">
      <c r="N770820" s="10"/>
    </row>
    <row r="770821" spans="14:14">
      <c r="N770821" s="10"/>
    </row>
    <row r="770822" spans="14:14">
      <c r="N770822" s="10"/>
    </row>
    <row r="770823" spans="14:14">
      <c r="N770823" s="10"/>
    </row>
    <row r="770824" spans="14:14">
      <c r="N770824" s="10"/>
    </row>
    <row r="770825" spans="14:14">
      <c r="N770825" s="10"/>
    </row>
    <row r="770826" spans="14:14">
      <c r="N770826" s="10"/>
    </row>
    <row r="770827" spans="14:14">
      <c r="N770827" s="10"/>
    </row>
    <row r="770828" spans="14:14">
      <c r="N770828" s="10"/>
    </row>
    <row r="770829" spans="14:14">
      <c r="N770829" s="10"/>
    </row>
    <row r="770830" spans="14:14">
      <c r="N770830" s="10"/>
    </row>
    <row r="770831" spans="14:14">
      <c r="N770831" s="10"/>
    </row>
    <row r="770832" spans="14:14">
      <c r="N770832" s="10"/>
    </row>
    <row r="770833" spans="14:14">
      <c r="N770833" s="10"/>
    </row>
    <row r="770834" spans="14:14">
      <c r="N770834" s="10"/>
    </row>
    <row r="770835" spans="14:14">
      <c r="N770835" s="10"/>
    </row>
    <row r="770836" spans="14:14">
      <c r="N770836" s="10"/>
    </row>
    <row r="770837" spans="14:14">
      <c r="N770837" s="10"/>
    </row>
    <row r="770838" spans="14:14">
      <c r="N770838" s="10"/>
    </row>
    <row r="770839" spans="14:14">
      <c r="N770839" s="10"/>
    </row>
    <row r="770840" spans="14:14">
      <c r="N770840" s="10"/>
    </row>
    <row r="770841" spans="14:14">
      <c r="N770841" s="10"/>
    </row>
    <row r="770842" spans="14:14">
      <c r="N770842" s="10"/>
    </row>
    <row r="770843" spans="14:14">
      <c r="N770843" s="10"/>
    </row>
    <row r="770844" spans="14:14">
      <c r="N770844" s="10"/>
    </row>
    <row r="770845" spans="14:14">
      <c r="N770845" s="10"/>
    </row>
    <row r="770846" spans="14:14">
      <c r="N770846" s="10"/>
    </row>
    <row r="770847" spans="14:14">
      <c r="N770847" s="10"/>
    </row>
    <row r="770848" spans="14:14">
      <c r="N770848" s="10"/>
    </row>
    <row r="770849" spans="14:14">
      <c r="N770849" s="10"/>
    </row>
    <row r="770850" spans="14:14">
      <c r="N770850" s="10"/>
    </row>
    <row r="770851" spans="14:14">
      <c r="N770851" s="10"/>
    </row>
    <row r="770852" spans="14:14">
      <c r="N770852" s="10"/>
    </row>
    <row r="770853" spans="14:14">
      <c r="N770853" s="10"/>
    </row>
    <row r="770854" spans="14:14">
      <c r="N770854" s="10"/>
    </row>
    <row r="770855" spans="14:14">
      <c r="N770855" s="10"/>
    </row>
    <row r="770856" spans="14:14">
      <c r="N770856" s="10"/>
    </row>
    <row r="770857" spans="14:14">
      <c r="N770857" s="10"/>
    </row>
    <row r="770858" spans="14:14">
      <c r="N770858" s="10"/>
    </row>
    <row r="770859" spans="14:14">
      <c r="N770859" s="10"/>
    </row>
    <row r="770860" spans="14:14">
      <c r="N770860" s="10"/>
    </row>
    <row r="770861" spans="14:14">
      <c r="N770861" s="10"/>
    </row>
    <row r="770862" spans="14:14">
      <c r="N770862" s="10"/>
    </row>
    <row r="770863" spans="14:14">
      <c r="N770863" s="10"/>
    </row>
    <row r="770864" spans="14:14">
      <c r="N770864" s="10"/>
    </row>
    <row r="770865" spans="14:14">
      <c r="N770865" s="10"/>
    </row>
    <row r="770866" spans="14:14">
      <c r="N770866" s="10"/>
    </row>
    <row r="770867" spans="14:14">
      <c r="N770867" s="10"/>
    </row>
    <row r="770868" spans="14:14">
      <c r="N770868" s="10"/>
    </row>
    <row r="770869" spans="14:14">
      <c r="N770869" s="10"/>
    </row>
    <row r="770870" spans="14:14">
      <c r="N770870" s="10"/>
    </row>
    <row r="770871" spans="14:14">
      <c r="N770871" s="10"/>
    </row>
    <row r="770872" spans="14:14">
      <c r="N770872" s="10"/>
    </row>
    <row r="770873" spans="14:14">
      <c r="N770873" s="10"/>
    </row>
    <row r="770874" spans="14:14">
      <c r="N770874" s="10"/>
    </row>
    <row r="770875" spans="14:14">
      <c r="N770875" s="10"/>
    </row>
    <row r="770876" spans="14:14">
      <c r="N770876" s="10"/>
    </row>
    <row r="770877" spans="14:14">
      <c r="N770877" s="10"/>
    </row>
    <row r="770878" spans="14:14">
      <c r="N770878" s="10"/>
    </row>
    <row r="770879" spans="14:14">
      <c r="N770879" s="10"/>
    </row>
    <row r="770880" spans="14:14">
      <c r="N770880" s="10"/>
    </row>
    <row r="770881" spans="14:14">
      <c r="N770881" s="10"/>
    </row>
    <row r="770882" spans="14:14">
      <c r="N770882" s="10"/>
    </row>
    <row r="770883" spans="14:14">
      <c r="N770883" s="10"/>
    </row>
    <row r="770884" spans="14:14">
      <c r="N770884" s="10"/>
    </row>
    <row r="770885" spans="14:14">
      <c r="N770885" s="10"/>
    </row>
    <row r="770886" spans="14:14">
      <c r="N770886" s="10"/>
    </row>
    <row r="770887" spans="14:14">
      <c r="N770887" s="10"/>
    </row>
    <row r="770888" spans="14:14">
      <c r="N770888" s="10"/>
    </row>
    <row r="770889" spans="14:14">
      <c r="N770889" s="10"/>
    </row>
    <row r="770890" spans="14:14">
      <c r="N770890" s="10"/>
    </row>
    <row r="770891" spans="14:14">
      <c r="N770891" s="10"/>
    </row>
    <row r="770892" spans="14:14">
      <c r="N770892" s="10"/>
    </row>
    <row r="770893" spans="14:14">
      <c r="N770893" s="10"/>
    </row>
    <row r="770894" spans="14:14">
      <c r="N770894" s="10"/>
    </row>
    <row r="770895" spans="14:14">
      <c r="N770895" s="10"/>
    </row>
    <row r="770896" spans="14:14">
      <c r="N770896" s="10"/>
    </row>
    <row r="770897" spans="14:14">
      <c r="N770897" s="10"/>
    </row>
    <row r="770898" spans="14:14">
      <c r="N770898" s="10"/>
    </row>
    <row r="770899" spans="14:14">
      <c r="N770899" s="10"/>
    </row>
    <row r="770900" spans="14:14">
      <c r="N770900" s="10"/>
    </row>
    <row r="770901" spans="14:14">
      <c r="N770901" s="10"/>
    </row>
    <row r="770902" spans="14:14">
      <c r="N770902" s="10"/>
    </row>
    <row r="770903" spans="14:14">
      <c r="N770903" s="10"/>
    </row>
    <row r="770904" spans="14:14">
      <c r="N770904" s="10"/>
    </row>
    <row r="770905" spans="14:14">
      <c r="N770905" s="10"/>
    </row>
    <row r="770906" spans="14:14">
      <c r="N770906" s="10"/>
    </row>
    <row r="770907" spans="14:14">
      <c r="N770907" s="10"/>
    </row>
    <row r="770908" spans="14:14">
      <c r="N770908" s="10"/>
    </row>
    <row r="770909" spans="14:14">
      <c r="N770909" s="10"/>
    </row>
    <row r="770910" spans="14:14">
      <c r="N770910" s="10"/>
    </row>
    <row r="770911" spans="14:14">
      <c r="N770911" s="10"/>
    </row>
    <row r="770912" spans="14:14">
      <c r="N770912" s="10"/>
    </row>
    <row r="770913" spans="14:14">
      <c r="N770913" s="10"/>
    </row>
    <row r="770914" spans="14:14">
      <c r="N770914" s="10"/>
    </row>
    <row r="770915" spans="14:14">
      <c r="N770915" s="10"/>
    </row>
    <row r="770916" spans="14:14">
      <c r="N770916" s="10"/>
    </row>
    <row r="770917" spans="14:14">
      <c r="N770917" s="10"/>
    </row>
    <row r="770918" spans="14:14">
      <c r="N770918" s="10"/>
    </row>
    <row r="770919" spans="14:14">
      <c r="N770919" s="10"/>
    </row>
    <row r="770920" spans="14:14">
      <c r="N770920" s="10"/>
    </row>
    <row r="770921" spans="14:14">
      <c r="N770921" s="10"/>
    </row>
    <row r="770922" spans="14:14">
      <c r="N770922" s="10"/>
    </row>
    <row r="770923" spans="14:14">
      <c r="N770923" s="10"/>
    </row>
    <row r="770924" spans="14:14">
      <c r="N770924" s="10"/>
    </row>
    <row r="770925" spans="14:14">
      <c r="N770925" s="10"/>
    </row>
    <row r="770926" spans="14:14">
      <c r="N770926" s="10"/>
    </row>
    <row r="770927" spans="14:14">
      <c r="N770927" s="10"/>
    </row>
    <row r="770928" spans="14:14">
      <c r="N770928" s="10"/>
    </row>
    <row r="770929" spans="14:14">
      <c r="N770929" s="10"/>
    </row>
    <row r="770930" spans="14:14">
      <c r="N770930" s="10"/>
    </row>
    <row r="770931" spans="14:14">
      <c r="N770931" s="10"/>
    </row>
    <row r="770932" spans="14:14">
      <c r="N770932" s="10"/>
    </row>
    <row r="770933" spans="14:14">
      <c r="N770933" s="10"/>
    </row>
    <row r="770934" spans="14:14">
      <c r="N770934" s="10"/>
    </row>
    <row r="770935" spans="14:14">
      <c r="N770935" s="10"/>
    </row>
    <row r="770936" spans="14:14">
      <c r="N770936" s="10"/>
    </row>
    <row r="770937" spans="14:14">
      <c r="N770937" s="10"/>
    </row>
    <row r="770938" spans="14:14">
      <c r="N770938" s="10"/>
    </row>
    <row r="770939" spans="14:14">
      <c r="N770939" s="10"/>
    </row>
    <row r="770940" spans="14:14">
      <c r="N770940" s="10"/>
    </row>
    <row r="770941" spans="14:14">
      <c r="N770941" s="10"/>
    </row>
    <row r="770942" spans="14:14">
      <c r="N770942" s="10"/>
    </row>
    <row r="770943" spans="14:14">
      <c r="N770943" s="10"/>
    </row>
    <row r="770944" spans="14:14">
      <c r="N770944" s="10"/>
    </row>
    <row r="770945" spans="14:14">
      <c r="N770945" s="10"/>
    </row>
    <row r="770946" spans="14:14">
      <c r="N770946" s="10"/>
    </row>
    <row r="770947" spans="14:14">
      <c r="N770947" s="10"/>
    </row>
    <row r="770948" spans="14:14">
      <c r="N770948" s="10"/>
    </row>
    <row r="770949" spans="14:14">
      <c r="N770949" s="10"/>
    </row>
    <row r="770950" spans="14:14">
      <c r="N770950" s="10"/>
    </row>
    <row r="770951" spans="14:14">
      <c r="N770951" s="10"/>
    </row>
    <row r="770952" spans="14:14">
      <c r="N770952" s="10"/>
    </row>
    <row r="770953" spans="14:14">
      <c r="N770953" s="10"/>
    </row>
    <row r="770954" spans="14:14">
      <c r="N770954" s="10"/>
    </row>
    <row r="770955" spans="14:14">
      <c r="N770955" s="10"/>
    </row>
    <row r="770956" spans="14:14">
      <c r="N770956" s="10"/>
    </row>
    <row r="770957" spans="14:14">
      <c r="N770957" s="10"/>
    </row>
    <row r="770958" spans="14:14">
      <c r="N770958" s="10"/>
    </row>
    <row r="770959" spans="14:14">
      <c r="N770959" s="10"/>
    </row>
    <row r="770960" spans="14:14">
      <c r="N770960" s="10"/>
    </row>
    <row r="770961" spans="14:14">
      <c r="N770961" s="10"/>
    </row>
    <row r="770962" spans="14:14">
      <c r="N770962" s="10"/>
    </row>
    <row r="770963" spans="14:14">
      <c r="N770963" s="10"/>
    </row>
    <row r="770964" spans="14:14">
      <c r="N770964" s="10"/>
    </row>
    <row r="770965" spans="14:14">
      <c r="N770965" s="10"/>
    </row>
    <row r="770966" spans="14:14">
      <c r="N770966" s="10"/>
    </row>
    <row r="770967" spans="14:14">
      <c r="N770967" s="10"/>
    </row>
    <row r="770968" spans="14:14">
      <c r="N770968" s="10"/>
    </row>
    <row r="770969" spans="14:14">
      <c r="N770969" s="10"/>
    </row>
    <row r="770970" spans="14:14">
      <c r="N770970" s="10"/>
    </row>
    <row r="770971" spans="14:14">
      <c r="N770971" s="10"/>
    </row>
    <row r="770972" spans="14:14">
      <c r="N770972" s="10"/>
    </row>
    <row r="770973" spans="14:14">
      <c r="N770973" s="10"/>
    </row>
    <row r="770974" spans="14:14">
      <c r="N770974" s="10"/>
    </row>
    <row r="770975" spans="14:14">
      <c r="N770975" s="10"/>
    </row>
    <row r="770976" spans="14:14">
      <c r="N770976" s="10"/>
    </row>
    <row r="770977" spans="14:14">
      <c r="N770977" s="10"/>
    </row>
    <row r="770978" spans="14:14">
      <c r="N770978" s="10"/>
    </row>
    <row r="770979" spans="14:14">
      <c r="N770979" s="10"/>
    </row>
    <row r="770980" spans="14:14">
      <c r="N770980" s="10"/>
    </row>
    <row r="770981" spans="14:14">
      <c r="N770981" s="10"/>
    </row>
    <row r="770982" spans="14:14">
      <c r="N770982" s="10"/>
    </row>
    <row r="770983" spans="14:14">
      <c r="N770983" s="10"/>
    </row>
    <row r="770984" spans="14:14">
      <c r="N770984" s="10"/>
    </row>
    <row r="770985" spans="14:14">
      <c r="N770985" s="10"/>
    </row>
    <row r="770986" spans="14:14">
      <c r="N770986" s="10"/>
    </row>
    <row r="770987" spans="14:14">
      <c r="N770987" s="10"/>
    </row>
    <row r="770988" spans="14:14">
      <c r="N770988" s="10"/>
    </row>
    <row r="770989" spans="14:14">
      <c r="N770989" s="10"/>
    </row>
    <row r="770990" spans="14:14">
      <c r="N770990" s="10"/>
    </row>
    <row r="770991" spans="14:14">
      <c r="N770991" s="10"/>
    </row>
    <row r="770992" spans="14:14">
      <c r="N770992" s="10"/>
    </row>
    <row r="770993" spans="14:14">
      <c r="N770993" s="10"/>
    </row>
    <row r="770994" spans="14:14">
      <c r="N770994" s="10"/>
    </row>
    <row r="770995" spans="14:14">
      <c r="N770995" s="10"/>
    </row>
    <row r="770996" spans="14:14">
      <c r="N770996" s="10"/>
    </row>
    <row r="770997" spans="14:14">
      <c r="N770997" s="10"/>
    </row>
    <row r="770998" spans="14:14">
      <c r="N770998" s="10"/>
    </row>
    <row r="770999" spans="14:14">
      <c r="N770999" s="10"/>
    </row>
    <row r="771000" spans="14:14">
      <c r="N771000" s="10"/>
    </row>
    <row r="771001" spans="14:14">
      <c r="N771001" s="10"/>
    </row>
    <row r="771002" spans="14:14">
      <c r="N771002" s="10"/>
    </row>
    <row r="771003" spans="14:14">
      <c r="N771003" s="10"/>
    </row>
    <row r="771004" spans="14:14">
      <c r="N771004" s="10"/>
    </row>
    <row r="771005" spans="14:14">
      <c r="N771005" s="10"/>
    </row>
    <row r="771006" spans="14:14">
      <c r="N771006" s="10"/>
    </row>
    <row r="771007" spans="14:14">
      <c r="N771007" s="10"/>
    </row>
    <row r="771008" spans="14:14">
      <c r="N771008" s="10"/>
    </row>
    <row r="771009" spans="14:14">
      <c r="N771009" s="10"/>
    </row>
    <row r="771010" spans="14:14">
      <c r="N771010" s="10"/>
    </row>
    <row r="771011" spans="14:14">
      <c r="N771011" s="10"/>
    </row>
    <row r="771012" spans="14:14">
      <c r="N771012" s="10"/>
    </row>
    <row r="771013" spans="14:14">
      <c r="N771013" s="10"/>
    </row>
    <row r="771014" spans="14:14">
      <c r="N771014" s="10"/>
    </row>
    <row r="771015" spans="14:14">
      <c r="N771015" s="10"/>
    </row>
    <row r="771016" spans="14:14">
      <c r="N771016" s="10"/>
    </row>
    <row r="771017" spans="14:14">
      <c r="N771017" s="10"/>
    </row>
    <row r="771018" spans="14:14">
      <c r="N771018" s="10"/>
    </row>
    <row r="771019" spans="14:14">
      <c r="N771019" s="10"/>
    </row>
    <row r="771020" spans="14:14">
      <c r="N771020" s="10"/>
    </row>
    <row r="771021" spans="14:14">
      <c r="N771021" s="10"/>
    </row>
    <row r="771022" spans="14:14">
      <c r="N771022" s="10"/>
    </row>
    <row r="771023" spans="14:14">
      <c r="N771023" s="10"/>
    </row>
    <row r="771024" spans="14:14">
      <c r="N771024" s="10"/>
    </row>
    <row r="771025" spans="14:14">
      <c r="N771025" s="10"/>
    </row>
    <row r="771026" spans="14:14">
      <c r="N771026" s="10"/>
    </row>
    <row r="771027" spans="14:14">
      <c r="N771027" s="10"/>
    </row>
    <row r="771028" spans="14:14">
      <c r="N771028" s="10"/>
    </row>
    <row r="771029" spans="14:14">
      <c r="N771029" s="10"/>
    </row>
    <row r="771030" spans="14:14">
      <c r="N771030" s="10"/>
    </row>
    <row r="771031" spans="14:14">
      <c r="N771031" s="10"/>
    </row>
    <row r="771032" spans="14:14">
      <c r="N771032" s="10"/>
    </row>
    <row r="771033" spans="14:14">
      <c r="N771033" s="10"/>
    </row>
    <row r="771034" spans="14:14">
      <c r="N771034" s="10"/>
    </row>
    <row r="771035" spans="14:14">
      <c r="N771035" s="10"/>
    </row>
    <row r="771036" spans="14:14">
      <c r="N771036" s="10"/>
    </row>
    <row r="771037" spans="14:14">
      <c r="N771037" s="10"/>
    </row>
    <row r="771038" spans="14:14">
      <c r="N771038" s="10"/>
    </row>
    <row r="771039" spans="14:14">
      <c r="N771039" s="10"/>
    </row>
    <row r="771040" spans="14:14">
      <c r="N771040" s="10"/>
    </row>
    <row r="771041" spans="14:14">
      <c r="N771041" s="10"/>
    </row>
    <row r="771042" spans="14:14">
      <c r="N771042" s="10"/>
    </row>
    <row r="771043" spans="14:14">
      <c r="N771043" s="10"/>
    </row>
    <row r="771044" spans="14:14">
      <c r="N771044" s="10"/>
    </row>
    <row r="771045" spans="14:14">
      <c r="N771045" s="10"/>
    </row>
    <row r="771046" spans="14:14">
      <c r="N771046" s="10"/>
    </row>
    <row r="771047" spans="14:14">
      <c r="N771047" s="10"/>
    </row>
    <row r="771048" spans="14:14">
      <c r="N771048" s="10"/>
    </row>
    <row r="771049" spans="14:14">
      <c r="N771049" s="10"/>
    </row>
    <row r="771050" spans="14:14">
      <c r="N771050" s="10"/>
    </row>
    <row r="771051" spans="14:14">
      <c r="N771051" s="10"/>
    </row>
    <row r="771052" spans="14:14">
      <c r="N771052" s="10"/>
    </row>
    <row r="771053" spans="14:14">
      <c r="N771053" s="10"/>
    </row>
    <row r="771054" spans="14:14">
      <c r="N771054" s="10"/>
    </row>
    <row r="771055" spans="14:14">
      <c r="N771055" s="10"/>
    </row>
    <row r="771056" spans="14:14">
      <c r="N771056" s="10"/>
    </row>
    <row r="771057" spans="14:14">
      <c r="N771057" s="10"/>
    </row>
    <row r="771058" spans="14:14">
      <c r="N771058" s="10"/>
    </row>
    <row r="771059" spans="14:14">
      <c r="N771059" s="10"/>
    </row>
    <row r="771060" spans="14:14">
      <c r="N771060" s="10"/>
    </row>
    <row r="771061" spans="14:14">
      <c r="N771061" s="10"/>
    </row>
    <row r="771062" spans="14:14">
      <c r="N771062" s="10"/>
    </row>
    <row r="771063" spans="14:14">
      <c r="N771063" s="10"/>
    </row>
    <row r="771064" spans="14:14">
      <c r="N771064" s="10"/>
    </row>
    <row r="771065" spans="14:14">
      <c r="N771065" s="10"/>
    </row>
    <row r="771066" spans="14:14">
      <c r="N771066" s="10"/>
    </row>
    <row r="771067" spans="14:14">
      <c r="N771067" s="10"/>
    </row>
    <row r="771068" spans="14:14">
      <c r="N771068" s="10"/>
    </row>
    <row r="771069" spans="14:14">
      <c r="N771069" s="10"/>
    </row>
    <row r="771070" spans="14:14">
      <c r="N771070" s="10"/>
    </row>
    <row r="771071" spans="14:14">
      <c r="N771071" s="10"/>
    </row>
    <row r="771072" spans="14:14">
      <c r="N771072" s="10"/>
    </row>
    <row r="771073" spans="14:14">
      <c r="N771073" s="10"/>
    </row>
    <row r="771074" spans="14:14">
      <c r="N771074" s="10"/>
    </row>
    <row r="771075" spans="14:14">
      <c r="N771075" s="10"/>
    </row>
    <row r="771076" spans="14:14">
      <c r="N771076" s="10"/>
    </row>
    <row r="771077" spans="14:14">
      <c r="N771077" s="10"/>
    </row>
    <row r="771078" spans="14:14">
      <c r="N771078" s="10"/>
    </row>
    <row r="771079" spans="14:14">
      <c r="N771079" s="10"/>
    </row>
    <row r="771080" spans="14:14">
      <c r="N771080" s="10"/>
    </row>
    <row r="771081" spans="14:14">
      <c r="N771081" s="10"/>
    </row>
    <row r="771082" spans="14:14">
      <c r="N771082" s="10"/>
    </row>
    <row r="771083" spans="14:14">
      <c r="N771083" s="10"/>
    </row>
    <row r="771084" spans="14:14">
      <c r="N771084" s="10"/>
    </row>
    <row r="771085" spans="14:14">
      <c r="N771085" s="10"/>
    </row>
    <row r="771086" spans="14:14">
      <c r="N771086" s="10"/>
    </row>
    <row r="771087" spans="14:14">
      <c r="N771087" s="10"/>
    </row>
    <row r="771088" spans="14:14">
      <c r="N771088" s="10"/>
    </row>
    <row r="771089" spans="14:14">
      <c r="N771089" s="10"/>
    </row>
    <row r="771090" spans="14:14">
      <c r="N771090" s="10"/>
    </row>
    <row r="771091" spans="14:14">
      <c r="N771091" s="10"/>
    </row>
    <row r="771092" spans="14:14">
      <c r="N771092" s="10"/>
    </row>
    <row r="771093" spans="14:14">
      <c r="N771093" s="10"/>
    </row>
    <row r="771094" spans="14:14">
      <c r="N771094" s="10"/>
    </row>
    <row r="771095" spans="14:14">
      <c r="N771095" s="10"/>
    </row>
    <row r="771096" spans="14:14">
      <c r="N771096" s="10"/>
    </row>
    <row r="771097" spans="14:14">
      <c r="N771097" s="10"/>
    </row>
    <row r="771098" spans="14:14">
      <c r="N771098" s="10"/>
    </row>
    <row r="771099" spans="14:14">
      <c r="N771099" s="10"/>
    </row>
    <row r="771100" spans="14:14">
      <c r="N771100" s="10"/>
    </row>
    <row r="771101" spans="14:14">
      <c r="N771101" s="10"/>
    </row>
    <row r="771102" spans="14:14">
      <c r="N771102" s="10"/>
    </row>
    <row r="771103" spans="14:14">
      <c r="N771103" s="10"/>
    </row>
    <row r="771104" spans="14:14">
      <c r="N771104" s="10"/>
    </row>
    <row r="771105" spans="14:14">
      <c r="N771105" s="10"/>
    </row>
    <row r="771106" spans="14:14">
      <c r="N771106" s="10"/>
    </row>
    <row r="771107" spans="14:14">
      <c r="N771107" s="10"/>
    </row>
    <row r="771108" spans="14:14">
      <c r="N771108" s="10"/>
    </row>
    <row r="771109" spans="14:14">
      <c r="N771109" s="10"/>
    </row>
    <row r="771110" spans="14:14">
      <c r="N771110" s="10"/>
    </row>
    <row r="771111" spans="14:14">
      <c r="N771111" s="10"/>
    </row>
    <row r="771112" spans="14:14">
      <c r="N771112" s="10"/>
    </row>
    <row r="771113" spans="14:14">
      <c r="N771113" s="10"/>
    </row>
    <row r="771114" spans="14:14">
      <c r="N771114" s="10"/>
    </row>
    <row r="771115" spans="14:14">
      <c r="N771115" s="10"/>
    </row>
    <row r="771116" spans="14:14">
      <c r="N771116" s="10"/>
    </row>
    <row r="771117" spans="14:14">
      <c r="N771117" s="10"/>
    </row>
    <row r="771118" spans="14:14">
      <c r="N771118" s="10"/>
    </row>
    <row r="771119" spans="14:14">
      <c r="N771119" s="10"/>
    </row>
    <row r="771120" spans="14:14">
      <c r="N771120" s="10"/>
    </row>
    <row r="771121" spans="14:14">
      <c r="N771121" s="10"/>
    </row>
    <row r="771122" spans="14:14">
      <c r="N771122" s="10"/>
    </row>
    <row r="771123" spans="14:14">
      <c r="N771123" s="10"/>
    </row>
    <row r="771124" spans="14:14">
      <c r="N771124" s="10"/>
    </row>
    <row r="771125" spans="14:14">
      <c r="N771125" s="10"/>
    </row>
    <row r="771126" spans="14:14">
      <c r="N771126" s="10"/>
    </row>
    <row r="771127" spans="14:14">
      <c r="N771127" s="10"/>
    </row>
    <row r="771128" spans="14:14">
      <c r="N771128" s="10"/>
    </row>
    <row r="771129" spans="14:14">
      <c r="N771129" s="10"/>
    </row>
    <row r="771130" spans="14:14">
      <c r="N771130" s="10"/>
    </row>
    <row r="771131" spans="14:14">
      <c r="N771131" s="10"/>
    </row>
    <row r="771132" spans="14:14">
      <c r="N771132" s="10"/>
    </row>
    <row r="771133" spans="14:14">
      <c r="N771133" s="10"/>
    </row>
    <row r="771134" spans="14:14">
      <c r="N771134" s="10"/>
    </row>
    <row r="771135" spans="14:14">
      <c r="N771135" s="10"/>
    </row>
    <row r="771136" spans="14:14">
      <c r="N771136" s="10"/>
    </row>
    <row r="771137" spans="14:14">
      <c r="N771137" s="10"/>
    </row>
    <row r="771138" spans="14:14">
      <c r="N771138" s="10"/>
    </row>
    <row r="771139" spans="14:14">
      <c r="N771139" s="10"/>
    </row>
    <row r="771140" spans="14:14">
      <c r="N771140" s="10"/>
    </row>
    <row r="771141" spans="14:14">
      <c r="N771141" s="10"/>
    </row>
    <row r="771142" spans="14:14">
      <c r="N771142" s="10"/>
    </row>
    <row r="771143" spans="14:14">
      <c r="N771143" s="10"/>
    </row>
    <row r="771144" spans="14:14">
      <c r="N771144" s="10"/>
    </row>
    <row r="771145" spans="14:14">
      <c r="N771145" s="10"/>
    </row>
    <row r="771146" spans="14:14">
      <c r="N771146" s="10"/>
    </row>
    <row r="771147" spans="14:14">
      <c r="N771147" s="10"/>
    </row>
    <row r="771148" spans="14:14">
      <c r="N771148" s="10"/>
    </row>
    <row r="771149" spans="14:14">
      <c r="N771149" s="10"/>
    </row>
    <row r="771150" spans="14:14">
      <c r="N771150" s="10"/>
    </row>
    <row r="771151" spans="14:14">
      <c r="N771151" s="10"/>
    </row>
    <row r="771152" spans="14:14">
      <c r="N771152" s="10"/>
    </row>
    <row r="771153" spans="14:14">
      <c r="N771153" s="10"/>
    </row>
    <row r="771154" spans="14:14">
      <c r="N771154" s="10"/>
    </row>
    <row r="771155" spans="14:14">
      <c r="N771155" s="10"/>
    </row>
    <row r="771156" spans="14:14">
      <c r="N771156" s="10"/>
    </row>
    <row r="771157" spans="14:14">
      <c r="N771157" s="10"/>
    </row>
    <row r="771158" spans="14:14">
      <c r="N771158" s="10"/>
    </row>
    <row r="771159" spans="14:14">
      <c r="N771159" s="10"/>
    </row>
    <row r="771160" spans="14:14">
      <c r="N771160" s="10"/>
    </row>
    <row r="771161" spans="14:14">
      <c r="N771161" s="10"/>
    </row>
    <row r="771162" spans="14:14">
      <c r="N771162" s="10"/>
    </row>
    <row r="771163" spans="14:14">
      <c r="N771163" s="10"/>
    </row>
    <row r="771164" spans="14:14">
      <c r="N771164" s="10"/>
    </row>
    <row r="771165" spans="14:14">
      <c r="N771165" s="10"/>
    </row>
    <row r="771166" spans="14:14">
      <c r="N771166" s="10"/>
    </row>
    <row r="771167" spans="14:14">
      <c r="N771167" s="10"/>
    </row>
    <row r="771168" spans="14:14">
      <c r="N771168" s="10"/>
    </row>
    <row r="771169" spans="14:14">
      <c r="N771169" s="10"/>
    </row>
    <row r="771170" spans="14:14">
      <c r="N771170" s="10"/>
    </row>
    <row r="771171" spans="14:14">
      <c r="N771171" s="10"/>
    </row>
    <row r="771172" spans="14:14">
      <c r="N771172" s="10"/>
    </row>
    <row r="771173" spans="14:14">
      <c r="N771173" s="10"/>
    </row>
    <row r="771174" spans="14:14">
      <c r="N771174" s="10"/>
    </row>
    <row r="771175" spans="14:14">
      <c r="N771175" s="10"/>
    </row>
    <row r="771176" spans="14:14">
      <c r="N771176" s="10"/>
    </row>
    <row r="771177" spans="14:14">
      <c r="N771177" s="10"/>
    </row>
    <row r="771178" spans="14:14">
      <c r="N771178" s="10"/>
    </row>
    <row r="771179" spans="14:14">
      <c r="N771179" s="10"/>
    </row>
    <row r="771180" spans="14:14">
      <c r="N771180" s="10"/>
    </row>
    <row r="771181" spans="14:14">
      <c r="N771181" s="10"/>
    </row>
    <row r="771182" spans="14:14">
      <c r="N771182" s="10"/>
    </row>
    <row r="771183" spans="14:14">
      <c r="N771183" s="10"/>
    </row>
    <row r="771184" spans="14:14">
      <c r="N771184" s="10"/>
    </row>
    <row r="771185" spans="14:14">
      <c r="N771185" s="10"/>
    </row>
    <row r="771186" spans="14:14">
      <c r="N771186" s="10"/>
    </row>
    <row r="771187" spans="14:14">
      <c r="N771187" s="10"/>
    </row>
    <row r="771188" spans="14:14">
      <c r="N771188" s="10"/>
    </row>
    <row r="771189" spans="14:14">
      <c r="N771189" s="10"/>
    </row>
    <row r="771190" spans="14:14">
      <c r="N771190" s="10"/>
    </row>
    <row r="771191" spans="14:14">
      <c r="N771191" s="10"/>
    </row>
    <row r="771192" spans="14:14">
      <c r="N771192" s="10"/>
    </row>
    <row r="771193" spans="14:14">
      <c r="N771193" s="10"/>
    </row>
    <row r="771194" spans="14:14">
      <c r="N771194" s="10"/>
    </row>
    <row r="771195" spans="14:14">
      <c r="N771195" s="10"/>
    </row>
    <row r="771196" spans="14:14">
      <c r="N771196" s="10"/>
    </row>
    <row r="771197" spans="14:14">
      <c r="N771197" s="10"/>
    </row>
    <row r="771198" spans="14:14">
      <c r="N771198" s="10"/>
    </row>
    <row r="771199" spans="14:14">
      <c r="N771199" s="10"/>
    </row>
    <row r="771200" spans="14:14">
      <c r="N771200" s="10"/>
    </row>
    <row r="771201" spans="14:14">
      <c r="N771201" s="10"/>
    </row>
    <row r="771202" spans="14:14">
      <c r="N771202" s="10"/>
    </row>
    <row r="771203" spans="14:14">
      <c r="N771203" s="10"/>
    </row>
    <row r="771204" spans="14:14">
      <c r="N771204" s="10"/>
    </row>
    <row r="771205" spans="14:14">
      <c r="N771205" s="10"/>
    </row>
    <row r="771206" spans="14:14">
      <c r="N771206" s="10"/>
    </row>
    <row r="771207" spans="14:14">
      <c r="N771207" s="10"/>
    </row>
    <row r="771208" spans="14:14">
      <c r="N771208" s="10"/>
    </row>
    <row r="771209" spans="14:14">
      <c r="N771209" s="10"/>
    </row>
    <row r="771210" spans="14:14">
      <c r="N771210" s="10"/>
    </row>
    <row r="771211" spans="14:14">
      <c r="N771211" s="10"/>
    </row>
    <row r="771212" spans="14:14">
      <c r="N771212" s="10"/>
    </row>
    <row r="771213" spans="14:14">
      <c r="N771213" s="10"/>
    </row>
    <row r="771214" spans="14:14">
      <c r="N771214" s="10"/>
    </row>
    <row r="771215" spans="14:14">
      <c r="N771215" s="10"/>
    </row>
    <row r="771216" spans="14:14">
      <c r="N771216" s="10"/>
    </row>
    <row r="771217" spans="14:14">
      <c r="N771217" s="10"/>
    </row>
    <row r="771218" spans="14:14">
      <c r="N771218" s="10"/>
    </row>
    <row r="771219" spans="14:14">
      <c r="N771219" s="10"/>
    </row>
    <row r="771220" spans="14:14">
      <c r="N771220" s="10"/>
    </row>
    <row r="771221" spans="14:14">
      <c r="N771221" s="10"/>
    </row>
    <row r="771222" spans="14:14">
      <c r="N771222" s="10"/>
    </row>
    <row r="771223" spans="14:14">
      <c r="N771223" s="10"/>
    </row>
    <row r="771224" spans="14:14">
      <c r="N771224" s="10"/>
    </row>
    <row r="771225" spans="14:14">
      <c r="N771225" s="10"/>
    </row>
    <row r="771226" spans="14:14">
      <c r="N771226" s="10"/>
    </row>
    <row r="771227" spans="14:14">
      <c r="N771227" s="10"/>
    </row>
    <row r="771228" spans="14:14">
      <c r="N771228" s="10"/>
    </row>
    <row r="771229" spans="14:14">
      <c r="N771229" s="10"/>
    </row>
    <row r="771230" spans="14:14">
      <c r="N771230" s="10"/>
    </row>
    <row r="771231" spans="14:14">
      <c r="N771231" s="10"/>
    </row>
    <row r="771232" spans="14:14">
      <c r="N771232" s="10"/>
    </row>
    <row r="771233" spans="14:14">
      <c r="N771233" s="10"/>
    </row>
    <row r="771234" spans="14:14">
      <c r="N771234" s="10"/>
    </row>
    <row r="771235" spans="14:14">
      <c r="N771235" s="10"/>
    </row>
    <row r="771236" spans="14:14">
      <c r="N771236" s="10"/>
    </row>
    <row r="771237" spans="14:14">
      <c r="N771237" s="10"/>
    </row>
    <row r="771238" spans="14:14">
      <c r="N771238" s="10"/>
    </row>
    <row r="771239" spans="14:14">
      <c r="N771239" s="10"/>
    </row>
    <row r="771240" spans="14:14">
      <c r="N771240" s="10"/>
    </row>
    <row r="771241" spans="14:14">
      <c r="N771241" s="10"/>
    </row>
    <row r="771242" spans="14:14">
      <c r="N771242" s="10"/>
    </row>
    <row r="771243" spans="14:14">
      <c r="N771243" s="10"/>
    </row>
    <row r="771244" spans="14:14">
      <c r="N771244" s="10"/>
    </row>
    <row r="771245" spans="14:14">
      <c r="N771245" s="10"/>
    </row>
    <row r="771246" spans="14:14">
      <c r="N771246" s="10"/>
    </row>
    <row r="771247" spans="14:14">
      <c r="N771247" s="10"/>
    </row>
    <row r="771248" spans="14:14">
      <c r="N771248" s="10"/>
    </row>
    <row r="771249" spans="14:14">
      <c r="N771249" s="10"/>
    </row>
    <row r="771250" spans="14:14">
      <c r="N771250" s="10"/>
    </row>
    <row r="771251" spans="14:14">
      <c r="N771251" s="10"/>
    </row>
    <row r="771252" spans="14:14">
      <c r="N771252" s="10"/>
    </row>
    <row r="771253" spans="14:14">
      <c r="N771253" s="10"/>
    </row>
    <row r="771254" spans="14:14">
      <c r="N771254" s="10"/>
    </row>
    <row r="771255" spans="14:14">
      <c r="N771255" s="10"/>
    </row>
    <row r="771256" spans="14:14">
      <c r="N771256" s="10"/>
    </row>
    <row r="771257" spans="14:14">
      <c r="N771257" s="10"/>
    </row>
    <row r="771258" spans="14:14">
      <c r="N771258" s="10"/>
    </row>
    <row r="771259" spans="14:14">
      <c r="N771259" s="10"/>
    </row>
    <row r="771260" spans="14:14">
      <c r="N771260" s="10"/>
    </row>
    <row r="771261" spans="14:14">
      <c r="N771261" s="10"/>
    </row>
    <row r="771262" spans="14:14">
      <c r="N771262" s="10"/>
    </row>
    <row r="771263" spans="14:14">
      <c r="N771263" s="10"/>
    </row>
    <row r="771264" spans="14:14">
      <c r="N771264" s="10"/>
    </row>
    <row r="771265" spans="14:14">
      <c r="N771265" s="10"/>
    </row>
    <row r="771266" spans="14:14">
      <c r="N771266" s="10"/>
    </row>
    <row r="771267" spans="14:14">
      <c r="N771267" s="10"/>
    </row>
    <row r="771268" spans="14:14">
      <c r="N771268" s="10"/>
    </row>
    <row r="771269" spans="14:14">
      <c r="N771269" s="10"/>
    </row>
    <row r="771270" spans="14:14">
      <c r="N771270" s="10"/>
    </row>
    <row r="771271" spans="14:14">
      <c r="N771271" s="10"/>
    </row>
    <row r="771272" spans="14:14">
      <c r="N771272" s="10"/>
    </row>
    <row r="771273" spans="14:14">
      <c r="N771273" s="10"/>
    </row>
    <row r="771274" spans="14:14">
      <c r="N771274" s="10"/>
    </row>
    <row r="771275" spans="14:14">
      <c r="N771275" s="10"/>
    </row>
    <row r="771276" spans="14:14">
      <c r="N771276" s="10"/>
    </row>
    <row r="771277" spans="14:14">
      <c r="N771277" s="10"/>
    </row>
    <row r="771278" spans="14:14">
      <c r="N771278" s="10"/>
    </row>
    <row r="771279" spans="14:14">
      <c r="N771279" s="10"/>
    </row>
    <row r="771280" spans="14:14">
      <c r="N771280" s="10"/>
    </row>
    <row r="771281" spans="14:14">
      <c r="N771281" s="10"/>
    </row>
    <row r="771282" spans="14:14">
      <c r="N771282" s="10"/>
    </row>
    <row r="771283" spans="14:14">
      <c r="N771283" s="10"/>
    </row>
    <row r="771284" spans="14:14">
      <c r="N771284" s="10"/>
    </row>
    <row r="771285" spans="14:14">
      <c r="N771285" s="10"/>
    </row>
    <row r="771286" spans="14:14">
      <c r="N771286" s="10"/>
    </row>
    <row r="771287" spans="14:14">
      <c r="N771287" s="10"/>
    </row>
    <row r="771288" spans="14:14">
      <c r="N771288" s="10"/>
    </row>
    <row r="771289" spans="14:14">
      <c r="N771289" s="10"/>
    </row>
    <row r="771290" spans="14:14">
      <c r="N771290" s="10"/>
    </row>
    <row r="771291" spans="14:14">
      <c r="N771291" s="10"/>
    </row>
    <row r="771292" spans="14:14">
      <c r="N771292" s="10"/>
    </row>
    <row r="771293" spans="14:14">
      <c r="N771293" s="10"/>
    </row>
    <row r="771294" spans="14:14">
      <c r="N771294" s="10"/>
    </row>
    <row r="771295" spans="14:14">
      <c r="N771295" s="10"/>
    </row>
    <row r="771296" spans="14:14">
      <c r="N771296" s="10"/>
    </row>
    <row r="771297" spans="14:14">
      <c r="N771297" s="10"/>
    </row>
    <row r="771298" spans="14:14">
      <c r="N771298" s="10"/>
    </row>
    <row r="771299" spans="14:14">
      <c r="N771299" s="10"/>
    </row>
    <row r="771300" spans="14:14">
      <c r="N771300" s="10"/>
    </row>
    <row r="771301" spans="14:14">
      <c r="N771301" s="10"/>
    </row>
    <row r="771302" spans="14:14">
      <c r="N771302" s="10"/>
    </row>
    <row r="771303" spans="14:14">
      <c r="N771303" s="10"/>
    </row>
    <row r="771304" spans="14:14">
      <c r="N771304" s="10"/>
    </row>
    <row r="771305" spans="14:14">
      <c r="N771305" s="10"/>
    </row>
    <row r="771306" spans="14:14">
      <c r="N771306" s="10"/>
    </row>
    <row r="771307" spans="14:14">
      <c r="N771307" s="10"/>
    </row>
    <row r="771308" spans="14:14">
      <c r="N771308" s="10"/>
    </row>
    <row r="771309" spans="14:14">
      <c r="N771309" s="10"/>
    </row>
    <row r="771310" spans="14:14">
      <c r="N771310" s="10"/>
    </row>
    <row r="771311" spans="14:14">
      <c r="N771311" s="10"/>
    </row>
    <row r="771312" spans="14:14">
      <c r="N771312" s="10"/>
    </row>
    <row r="771313" spans="14:14">
      <c r="N771313" s="10"/>
    </row>
    <row r="771314" spans="14:14">
      <c r="N771314" s="10"/>
    </row>
    <row r="771315" spans="14:14">
      <c r="N771315" s="10"/>
    </row>
    <row r="771316" spans="14:14">
      <c r="N771316" s="10"/>
    </row>
    <row r="771317" spans="14:14">
      <c r="N771317" s="10"/>
    </row>
    <row r="771318" spans="14:14">
      <c r="N771318" s="10"/>
    </row>
    <row r="771319" spans="14:14">
      <c r="N771319" s="10"/>
    </row>
    <row r="771320" spans="14:14">
      <c r="N771320" s="10"/>
    </row>
    <row r="771321" spans="14:14">
      <c r="N771321" s="10"/>
    </row>
    <row r="771322" spans="14:14">
      <c r="N771322" s="10"/>
    </row>
    <row r="771323" spans="14:14">
      <c r="N771323" s="10"/>
    </row>
    <row r="771324" spans="14:14">
      <c r="N771324" s="10"/>
    </row>
    <row r="771325" spans="14:14">
      <c r="N771325" s="10"/>
    </row>
    <row r="771326" spans="14:14">
      <c r="N771326" s="10"/>
    </row>
    <row r="771327" spans="14:14">
      <c r="N771327" s="10"/>
    </row>
    <row r="771328" spans="14:14">
      <c r="N771328" s="10"/>
    </row>
    <row r="771329" spans="14:14">
      <c r="N771329" s="10"/>
    </row>
    <row r="771330" spans="14:14">
      <c r="N771330" s="10"/>
    </row>
    <row r="771331" spans="14:14">
      <c r="N771331" s="10"/>
    </row>
    <row r="771332" spans="14:14">
      <c r="N771332" s="10"/>
    </row>
    <row r="771333" spans="14:14">
      <c r="N771333" s="10"/>
    </row>
    <row r="771334" spans="14:14">
      <c r="N771334" s="10"/>
    </row>
    <row r="771335" spans="14:14">
      <c r="N771335" s="10"/>
    </row>
    <row r="771336" spans="14:14">
      <c r="N771336" s="10"/>
    </row>
    <row r="771337" spans="14:14">
      <c r="N771337" s="10"/>
    </row>
    <row r="771338" spans="14:14">
      <c r="N771338" s="10"/>
    </row>
    <row r="771339" spans="14:14">
      <c r="N771339" s="10"/>
    </row>
    <row r="771340" spans="14:14">
      <c r="N771340" s="10"/>
    </row>
    <row r="771341" spans="14:14">
      <c r="N771341" s="10"/>
    </row>
    <row r="771342" spans="14:14">
      <c r="N771342" s="10"/>
    </row>
    <row r="771343" spans="14:14">
      <c r="N771343" s="10"/>
    </row>
    <row r="771344" spans="14:14">
      <c r="N771344" s="10"/>
    </row>
    <row r="771345" spans="14:14">
      <c r="N771345" s="10"/>
    </row>
    <row r="771346" spans="14:14">
      <c r="N771346" s="10"/>
    </row>
    <row r="771347" spans="14:14">
      <c r="N771347" s="10"/>
    </row>
    <row r="771348" spans="14:14">
      <c r="N771348" s="10"/>
    </row>
    <row r="771349" spans="14:14">
      <c r="N771349" s="10"/>
    </row>
    <row r="771350" spans="14:14">
      <c r="N771350" s="10"/>
    </row>
    <row r="771351" spans="14:14">
      <c r="N771351" s="10"/>
    </row>
    <row r="771352" spans="14:14">
      <c r="N771352" s="10"/>
    </row>
    <row r="771353" spans="14:14">
      <c r="N771353" s="10"/>
    </row>
    <row r="771354" spans="14:14">
      <c r="N771354" s="10"/>
    </row>
    <row r="771355" spans="14:14">
      <c r="N771355" s="10"/>
    </row>
    <row r="771356" spans="14:14">
      <c r="N771356" s="10"/>
    </row>
    <row r="771357" spans="14:14">
      <c r="N771357" s="10"/>
    </row>
    <row r="771358" spans="14:14">
      <c r="N771358" s="10"/>
    </row>
    <row r="771359" spans="14:14">
      <c r="N771359" s="10"/>
    </row>
    <row r="771360" spans="14:14">
      <c r="N771360" s="10"/>
    </row>
    <row r="771361" spans="14:14">
      <c r="N771361" s="10"/>
    </row>
    <row r="771362" spans="14:14">
      <c r="N771362" s="10"/>
    </row>
    <row r="771363" spans="14:14">
      <c r="N771363" s="10"/>
    </row>
    <row r="771364" spans="14:14">
      <c r="N771364" s="10"/>
    </row>
    <row r="771365" spans="14:14">
      <c r="N771365" s="10"/>
    </row>
    <row r="771366" spans="14:14">
      <c r="N771366" s="10"/>
    </row>
    <row r="771367" spans="14:14">
      <c r="N771367" s="10"/>
    </row>
    <row r="771368" spans="14:14">
      <c r="N771368" s="10"/>
    </row>
    <row r="771369" spans="14:14">
      <c r="N771369" s="10"/>
    </row>
    <row r="771370" spans="14:14">
      <c r="N771370" s="10"/>
    </row>
    <row r="771371" spans="14:14">
      <c r="N771371" s="10"/>
    </row>
    <row r="771372" spans="14:14">
      <c r="N771372" s="10"/>
    </row>
    <row r="771373" spans="14:14">
      <c r="N771373" s="10"/>
    </row>
    <row r="771374" spans="14:14">
      <c r="N771374" s="10"/>
    </row>
    <row r="771375" spans="14:14">
      <c r="N771375" s="10"/>
    </row>
    <row r="771376" spans="14:14">
      <c r="N771376" s="10"/>
    </row>
    <row r="771377" spans="14:14">
      <c r="N771377" s="10"/>
    </row>
    <row r="771378" spans="14:14">
      <c r="N771378" s="10"/>
    </row>
    <row r="771379" spans="14:14">
      <c r="N771379" s="10"/>
    </row>
    <row r="771380" spans="14:14">
      <c r="N771380" s="10"/>
    </row>
    <row r="771381" spans="14:14">
      <c r="N771381" s="10"/>
    </row>
    <row r="771382" spans="14:14">
      <c r="N771382" s="10"/>
    </row>
    <row r="771383" spans="14:14">
      <c r="N771383" s="10"/>
    </row>
    <row r="771384" spans="14:14">
      <c r="N771384" s="10"/>
    </row>
    <row r="771385" spans="14:14">
      <c r="N771385" s="10"/>
    </row>
    <row r="771386" spans="14:14">
      <c r="N771386" s="10"/>
    </row>
    <row r="771387" spans="14:14">
      <c r="N771387" s="10"/>
    </row>
    <row r="771388" spans="14:14">
      <c r="N771388" s="10"/>
    </row>
    <row r="771389" spans="14:14">
      <c r="N771389" s="10"/>
    </row>
    <row r="771390" spans="14:14">
      <c r="N771390" s="10"/>
    </row>
    <row r="771391" spans="14:14">
      <c r="N771391" s="10"/>
    </row>
    <row r="771392" spans="14:14">
      <c r="N771392" s="10"/>
    </row>
    <row r="771393" spans="14:14">
      <c r="N771393" s="10"/>
    </row>
    <row r="771394" spans="14:14">
      <c r="N771394" s="10"/>
    </row>
    <row r="771395" spans="14:14">
      <c r="N771395" s="10"/>
    </row>
    <row r="771396" spans="14:14">
      <c r="N771396" s="10"/>
    </row>
    <row r="771397" spans="14:14">
      <c r="N771397" s="10"/>
    </row>
    <row r="771398" spans="14:14">
      <c r="N771398" s="10"/>
    </row>
    <row r="771399" spans="14:14">
      <c r="N771399" s="10"/>
    </row>
    <row r="771400" spans="14:14">
      <c r="N771400" s="10"/>
    </row>
    <row r="771401" spans="14:14">
      <c r="N771401" s="10"/>
    </row>
    <row r="771402" spans="14:14">
      <c r="N771402" s="10"/>
    </row>
    <row r="771403" spans="14:14">
      <c r="N771403" s="10"/>
    </row>
    <row r="771404" spans="14:14">
      <c r="N771404" s="10"/>
    </row>
    <row r="771405" spans="14:14">
      <c r="N771405" s="10"/>
    </row>
    <row r="771406" spans="14:14">
      <c r="N771406" s="10"/>
    </row>
    <row r="771407" spans="14:14">
      <c r="N771407" s="10"/>
    </row>
    <row r="771408" spans="14:14">
      <c r="N771408" s="10"/>
    </row>
    <row r="771409" spans="14:14">
      <c r="N771409" s="10"/>
    </row>
    <row r="771410" spans="14:14">
      <c r="N771410" s="10"/>
    </row>
    <row r="771411" spans="14:14">
      <c r="N771411" s="10"/>
    </row>
    <row r="771412" spans="14:14">
      <c r="N771412" s="10"/>
    </row>
    <row r="771413" spans="14:14">
      <c r="N771413" s="10"/>
    </row>
    <row r="771414" spans="14:14">
      <c r="N771414" s="10"/>
    </row>
    <row r="771415" spans="14:14">
      <c r="N771415" s="10"/>
    </row>
    <row r="771416" spans="14:14">
      <c r="N771416" s="10"/>
    </row>
    <row r="771417" spans="14:14">
      <c r="N771417" s="10"/>
    </row>
    <row r="771418" spans="14:14">
      <c r="N771418" s="10"/>
    </row>
    <row r="771419" spans="14:14">
      <c r="N771419" s="10"/>
    </row>
    <row r="771420" spans="14:14">
      <c r="N771420" s="10"/>
    </row>
    <row r="771421" spans="14:14">
      <c r="N771421" s="10"/>
    </row>
    <row r="771422" spans="14:14">
      <c r="N771422" s="10"/>
    </row>
    <row r="771423" spans="14:14">
      <c r="N771423" s="10"/>
    </row>
    <row r="771424" spans="14:14">
      <c r="N771424" s="10"/>
    </row>
    <row r="771425" spans="14:14">
      <c r="N771425" s="10"/>
    </row>
    <row r="771426" spans="14:14">
      <c r="N771426" s="10"/>
    </row>
    <row r="771427" spans="14:14">
      <c r="N771427" s="10"/>
    </row>
    <row r="771428" spans="14:14">
      <c r="N771428" s="10"/>
    </row>
    <row r="771429" spans="14:14">
      <c r="N771429" s="10"/>
    </row>
    <row r="771430" spans="14:14">
      <c r="N771430" s="10"/>
    </row>
    <row r="771431" spans="14:14">
      <c r="N771431" s="10"/>
    </row>
    <row r="771432" spans="14:14">
      <c r="N771432" s="10"/>
    </row>
    <row r="771433" spans="14:14">
      <c r="N771433" s="10"/>
    </row>
    <row r="771434" spans="14:14">
      <c r="N771434" s="10"/>
    </row>
    <row r="771435" spans="14:14">
      <c r="N771435" s="10"/>
    </row>
    <row r="771436" spans="14:14">
      <c r="N771436" s="10"/>
    </row>
    <row r="771437" spans="14:14">
      <c r="N771437" s="10"/>
    </row>
    <row r="771438" spans="14:14">
      <c r="N771438" s="10"/>
    </row>
    <row r="771439" spans="14:14">
      <c r="N771439" s="10"/>
    </row>
    <row r="771440" spans="14:14">
      <c r="N771440" s="10"/>
    </row>
    <row r="771441" spans="14:14">
      <c r="N771441" s="10"/>
    </row>
    <row r="771442" spans="14:14">
      <c r="N771442" s="10"/>
    </row>
    <row r="771443" spans="14:14">
      <c r="N771443" s="10"/>
    </row>
    <row r="771444" spans="14:14">
      <c r="N771444" s="10"/>
    </row>
    <row r="771445" spans="14:14">
      <c r="N771445" s="10"/>
    </row>
    <row r="771446" spans="14:14">
      <c r="N771446" s="10"/>
    </row>
    <row r="771447" spans="14:14">
      <c r="N771447" s="10"/>
    </row>
    <row r="771448" spans="14:14">
      <c r="N771448" s="10"/>
    </row>
    <row r="771449" spans="14:14">
      <c r="N771449" s="10"/>
    </row>
    <row r="771450" spans="14:14">
      <c r="N771450" s="10"/>
    </row>
    <row r="771451" spans="14:14">
      <c r="N771451" s="10"/>
    </row>
    <row r="771452" spans="14:14">
      <c r="N771452" s="10"/>
    </row>
    <row r="771453" spans="14:14">
      <c r="N771453" s="10"/>
    </row>
    <row r="771454" spans="14:14">
      <c r="N771454" s="10"/>
    </row>
    <row r="771455" spans="14:14">
      <c r="N771455" s="10"/>
    </row>
    <row r="771456" spans="14:14">
      <c r="N771456" s="10"/>
    </row>
    <row r="771457" spans="14:14">
      <c r="N771457" s="10"/>
    </row>
    <row r="771458" spans="14:14">
      <c r="N771458" s="10"/>
    </row>
    <row r="771459" spans="14:14">
      <c r="N771459" s="10"/>
    </row>
    <row r="771460" spans="14:14">
      <c r="N771460" s="10"/>
    </row>
    <row r="771461" spans="14:14">
      <c r="N771461" s="10"/>
    </row>
    <row r="771462" spans="14:14">
      <c r="N771462" s="10"/>
    </row>
    <row r="771463" spans="14:14">
      <c r="N771463" s="10"/>
    </row>
    <row r="771464" spans="14:14">
      <c r="N771464" s="10"/>
    </row>
    <row r="771465" spans="14:14">
      <c r="N771465" s="10"/>
    </row>
    <row r="771466" spans="14:14">
      <c r="N771466" s="10"/>
    </row>
    <row r="771467" spans="14:14">
      <c r="N771467" s="10"/>
    </row>
    <row r="771468" spans="14:14">
      <c r="N771468" s="10"/>
    </row>
    <row r="771469" spans="14:14">
      <c r="N771469" s="10"/>
    </row>
    <row r="771470" spans="14:14">
      <c r="N771470" s="10"/>
    </row>
    <row r="771471" spans="14:14">
      <c r="N771471" s="10"/>
    </row>
    <row r="771472" spans="14:14">
      <c r="N771472" s="10"/>
    </row>
    <row r="771473" spans="14:14">
      <c r="N771473" s="10"/>
    </row>
    <row r="771474" spans="14:14">
      <c r="N771474" s="10"/>
    </row>
    <row r="771475" spans="14:14">
      <c r="N771475" s="10"/>
    </row>
    <row r="771476" spans="14:14">
      <c r="N771476" s="10"/>
    </row>
    <row r="771477" spans="14:14">
      <c r="N771477" s="10"/>
    </row>
    <row r="771478" spans="14:14">
      <c r="N771478" s="10"/>
    </row>
    <row r="771479" spans="14:14">
      <c r="N771479" s="10"/>
    </row>
    <row r="771480" spans="14:14">
      <c r="N771480" s="10"/>
    </row>
    <row r="771481" spans="14:14">
      <c r="N771481" s="10"/>
    </row>
    <row r="771482" spans="14:14">
      <c r="N771482" s="10"/>
    </row>
    <row r="771483" spans="14:14">
      <c r="N771483" s="10"/>
    </row>
    <row r="771484" spans="14:14">
      <c r="N771484" s="10"/>
    </row>
    <row r="771485" spans="14:14">
      <c r="N771485" s="10"/>
    </row>
    <row r="771486" spans="14:14">
      <c r="N771486" s="10"/>
    </row>
    <row r="771487" spans="14:14">
      <c r="N771487" s="10"/>
    </row>
    <row r="771488" spans="14:14">
      <c r="N771488" s="10"/>
    </row>
    <row r="771489" spans="14:14">
      <c r="N771489" s="10"/>
    </row>
    <row r="771490" spans="14:14">
      <c r="N771490" s="10"/>
    </row>
    <row r="771491" spans="14:14">
      <c r="N771491" s="10"/>
    </row>
    <row r="771492" spans="14:14">
      <c r="N771492" s="10"/>
    </row>
    <row r="771493" spans="14:14">
      <c r="N771493" s="10"/>
    </row>
    <row r="771494" spans="14:14">
      <c r="N771494" s="10"/>
    </row>
    <row r="771495" spans="14:14">
      <c r="N771495" s="10"/>
    </row>
    <row r="771496" spans="14:14">
      <c r="N771496" s="10"/>
    </row>
    <row r="771497" spans="14:14">
      <c r="N771497" s="10"/>
    </row>
    <row r="771498" spans="14:14">
      <c r="N771498" s="10"/>
    </row>
    <row r="771499" spans="14:14">
      <c r="N771499" s="10"/>
    </row>
    <row r="771500" spans="14:14">
      <c r="N771500" s="10"/>
    </row>
    <row r="771501" spans="14:14">
      <c r="N771501" s="10"/>
    </row>
    <row r="771502" spans="14:14">
      <c r="N771502" s="10"/>
    </row>
    <row r="771503" spans="14:14">
      <c r="N771503" s="10"/>
    </row>
    <row r="771504" spans="14:14">
      <c r="N771504" s="10"/>
    </row>
    <row r="771505" spans="14:14">
      <c r="N771505" s="10"/>
    </row>
    <row r="771506" spans="14:14">
      <c r="N771506" s="10"/>
    </row>
    <row r="771507" spans="14:14">
      <c r="N771507" s="10"/>
    </row>
    <row r="771508" spans="14:14">
      <c r="N771508" s="10"/>
    </row>
    <row r="771509" spans="14:14">
      <c r="N771509" s="10"/>
    </row>
    <row r="771510" spans="14:14">
      <c r="N771510" s="10"/>
    </row>
    <row r="771511" spans="14:14">
      <c r="N771511" s="10"/>
    </row>
    <row r="771512" spans="14:14">
      <c r="N771512" s="10"/>
    </row>
    <row r="771513" spans="14:14">
      <c r="N771513" s="10"/>
    </row>
    <row r="771514" spans="14:14">
      <c r="N771514" s="10"/>
    </row>
    <row r="771515" spans="14:14">
      <c r="N771515" s="10"/>
    </row>
    <row r="771516" spans="14:14">
      <c r="N771516" s="10"/>
    </row>
    <row r="771517" spans="14:14">
      <c r="N771517" s="10"/>
    </row>
    <row r="771518" spans="14:14">
      <c r="N771518" s="10"/>
    </row>
    <row r="771519" spans="14:14">
      <c r="N771519" s="10"/>
    </row>
    <row r="771520" spans="14:14">
      <c r="N771520" s="10"/>
    </row>
    <row r="771521" spans="14:14">
      <c r="N771521" s="10"/>
    </row>
    <row r="771522" spans="14:14">
      <c r="N771522" s="10"/>
    </row>
    <row r="771523" spans="14:14">
      <c r="N771523" s="10"/>
    </row>
    <row r="771524" spans="14:14">
      <c r="N771524" s="10"/>
    </row>
    <row r="771525" spans="14:14">
      <c r="N771525" s="10"/>
    </row>
    <row r="771526" spans="14:14">
      <c r="N771526" s="10"/>
    </row>
    <row r="771527" spans="14:14">
      <c r="N771527" s="10"/>
    </row>
    <row r="771528" spans="14:14">
      <c r="N771528" s="10"/>
    </row>
    <row r="771529" spans="14:14">
      <c r="N771529" s="10"/>
    </row>
    <row r="771530" spans="14:14">
      <c r="N771530" s="10"/>
    </row>
    <row r="771531" spans="14:14">
      <c r="N771531" s="10"/>
    </row>
    <row r="771532" spans="14:14">
      <c r="N771532" s="10"/>
    </row>
    <row r="771533" spans="14:14">
      <c r="N771533" s="10"/>
    </row>
    <row r="771534" spans="14:14">
      <c r="N771534" s="10"/>
    </row>
    <row r="771535" spans="14:14">
      <c r="N771535" s="10"/>
    </row>
    <row r="771536" spans="14:14">
      <c r="N771536" s="10"/>
    </row>
    <row r="771537" spans="14:14">
      <c r="N771537" s="10"/>
    </row>
    <row r="771538" spans="14:14">
      <c r="N771538" s="10"/>
    </row>
    <row r="771539" spans="14:14">
      <c r="N771539" s="10"/>
    </row>
    <row r="771540" spans="14:14">
      <c r="N771540" s="10"/>
    </row>
    <row r="771541" spans="14:14">
      <c r="N771541" s="10"/>
    </row>
    <row r="771542" spans="14:14">
      <c r="N771542" s="10"/>
    </row>
    <row r="771543" spans="14:14">
      <c r="N771543" s="10"/>
    </row>
    <row r="771544" spans="14:14">
      <c r="N771544" s="10"/>
    </row>
    <row r="771545" spans="14:14">
      <c r="N771545" s="10"/>
    </row>
    <row r="771546" spans="14:14">
      <c r="N771546" s="10"/>
    </row>
    <row r="771547" spans="14:14">
      <c r="N771547" s="10"/>
    </row>
    <row r="771548" spans="14:14">
      <c r="N771548" s="10"/>
    </row>
    <row r="771549" spans="14:14">
      <c r="N771549" s="10"/>
    </row>
    <row r="771550" spans="14:14">
      <c r="N771550" s="10"/>
    </row>
    <row r="771551" spans="14:14">
      <c r="N771551" s="10"/>
    </row>
    <row r="771552" spans="14:14">
      <c r="N771552" s="10"/>
    </row>
    <row r="771553" spans="14:14">
      <c r="N771553" s="10"/>
    </row>
    <row r="771554" spans="14:14">
      <c r="N771554" s="10"/>
    </row>
    <row r="771555" spans="14:14">
      <c r="N771555" s="10"/>
    </row>
    <row r="771556" spans="14:14">
      <c r="N771556" s="10"/>
    </row>
    <row r="771557" spans="14:14">
      <c r="N771557" s="10"/>
    </row>
    <row r="771558" spans="14:14">
      <c r="N771558" s="10"/>
    </row>
    <row r="771559" spans="14:14">
      <c r="N771559" s="10"/>
    </row>
    <row r="771560" spans="14:14">
      <c r="N771560" s="10"/>
    </row>
    <row r="771561" spans="14:14">
      <c r="N771561" s="10"/>
    </row>
    <row r="771562" spans="14:14">
      <c r="N771562" s="10"/>
    </row>
    <row r="771563" spans="14:14">
      <c r="N771563" s="10"/>
    </row>
    <row r="771564" spans="14:14">
      <c r="N771564" s="10"/>
    </row>
    <row r="771565" spans="14:14">
      <c r="N771565" s="10"/>
    </row>
    <row r="771566" spans="14:14">
      <c r="N771566" s="10"/>
    </row>
    <row r="771567" spans="14:14">
      <c r="N771567" s="10"/>
    </row>
    <row r="771568" spans="14:14">
      <c r="N771568" s="10"/>
    </row>
    <row r="771569" spans="14:14">
      <c r="N771569" s="10"/>
    </row>
    <row r="771570" spans="14:14">
      <c r="N771570" s="10"/>
    </row>
    <row r="771571" spans="14:14">
      <c r="N771571" s="10"/>
    </row>
    <row r="771572" spans="14:14">
      <c r="N771572" s="10"/>
    </row>
    <row r="771573" spans="14:14">
      <c r="N771573" s="10"/>
    </row>
    <row r="771574" spans="14:14">
      <c r="N771574" s="10"/>
    </row>
    <row r="771575" spans="14:14">
      <c r="N771575" s="10"/>
    </row>
    <row r="771576" spans="14:14">
      <c r="N771576" s="10"/>
    </row>
    <row r="771577" spans="14:14">
      <c r="N771577" s="10"/>
    </row>
    <row r="771578" spans="14:14">
      <c r="N771578" s="10"/>
    </row>
    <row r="771579" spans="14:14">
      <c r="N771579" s="10"/>
    </row>
    <row r="771580" spans="14:14">
      <c r="N771580" s="10"/>
    </row>
    <row r="771581" spans="14:14">
      <c r="N771581" s="10"/>
    </row>
    <row r="771582" spans="14:14">
      <c r="N771582" s="10"/>
    </row>
    <row r="771583" spans="14:14">
      <c r="N771583" s="10"/>
    </row>
    <row r="771584" spans="14:14">
      <c r="N771584" s="10"/>
    </row>
    <row r="771585" spans="14:14">
      <c r="N771585" s="10"/>
    </row>
    <row r="771586" spans="14:14">
      <c r="N771586" s="10"/>
    </row>
    <row r="771587" spans="14:14">
      <c r="N771587" s="10"/>
    </row>
    <row r="771588" spans="14:14">
      <c r="N771588" s="10"/>
    </row>
    <row r="771589" spans="14:14">
      <c r="N771589" s="10"/>
    </row>
    <row r="771590" spans="14:14">
      <c r="N771590" s="10"/>
    </row>
    <row r="771591" spans="14:14">
      <c r="N771591" s="10"/>
    </row>
    <row r="771592" spans="14:14">
      <c r="N771592" s="10"/>
    </row>
    <row r="771593" spans="14:14">
      <c r="N771593" s="10"/>
    </row>
    <row r="771594" spans="14:14">
      <c r="N771594" s="10"/>
    </row>
    <row r="771595" spans="14:14">
      <c r="N771595" s="10"/>
    </row>
    <row r="771596" spans="14:14">
      <c r="N771596" s="10"/>
    </row>
    <row r="771597" spans="14:14">
      <c r="N771597" s="10"/>
    </row>
    <row r="771598" spans="14:14">
      <c r="N771598" s="10"/>
    </row>
    <row r="771599" spans="14:14">
      <c r="N771599" s="10"/>
    </row>
    <row r="771600" spans="14:14">
      <c r="N771600" s="10"/>
    </row>
    <row r="771601" spans="14:14">
      <c r="N771601" s="10"/>
    </row>
    <row r="771602" spans="14:14">
      <c r="N771602" s="10"/>
    </row>
    <row r="771603" spans="14:14">
      <c r="N771603" s="10"/>
    </row>
    <row r="771604" spans="14:14">
      <c r="N771604" s="10"/>
    </row>
    <row r="771605" spans="14:14">
      <c r="N771605" s="10"/>
    </row>
    <row r="771606" spans="14:14">
      <c r="N771606" s="10"/>
    </row>
    <row r="771607" spans="14:14">
      <c r="N771607" s="10"/>
    </row>
    <row r="771608" spans="14:14">
      <c r="N771608" s="10"/>
    </row>
    <row r="771609" spans="14:14">
      <c r="N771609" s="10"/>
    </row>
    <row r="771610" spans="14:14">
      <c r="N771610" s="10"/>
    </row>
    <row r="771611" spans="14:14">
      <c r="N771611" s="10"/>
    </row>
    <row r="771612" spans="14:14">
      <c r="N771612" s="10"/>
    </row>
    <row r="771613" spans="14:14">
      <c r="N771613" s="10"/>
    </row>
    <row r="771614" spans="14:14">
      <c r="N771614" s="10"/>
    </row>
    <row r="771615" spans="14:14">
      <c r="N771615" s="10"/>
    </row>
    <row r="771616" spans="14:14">
      <c r="N771616" s="10"/>
    </row>
    <row r="771617" spans="14:14">
      <c r="N771617" s="10"/>
    </row>
    <row r="771618" spans="14:14">
      <c r="N771618" s="10"/>
    </row>
    <row r="771619" spans="14:14">
      <c r="N771619" s="10"/>
    </row>
    <row r="771620" spans="14:14">
      <c r="N771620" s="10"/>
    </row>
    <row r="771621" spans="14:14">
      <c r="N771621" s="10"/>
    </row>
    <row r="771622" spans="14:14">
      <c r="N771622" s="10"/>
    </row>
    <row r="771623" spans="14:14">
      <c r="N771623" s="10"/>
    </row>
    <row r="771624" spans="14:14">
      <c r="N771624" s="10"/>
    </row>
    <row r="771625" spans="14:14">
      <c r="N771625" s="10"/>
    </row>
    <row r="771626" spans="14:14">
      <c r="N771626" s="10"/>
    </row>
    <row r="771627" spans="14:14">
      <c r="N771627" s="10"/>
    </row>
    <row r="771628" spans="14:14">
      <c r="N771628" s="10"/>
    </row>
    <row r="771629" spans="14:14">
      <c r="N771629" s="10"/>
    </row>
    <row r="771630" spans="14:14">
      <c r="N771630" s="10"/>
    </row>
    <row r="771631" spans="14:14">
      <c r="N771631" s="10"/>
    </row>
    <row r="771632" spans="14:14">
      <c r="N771632" s="10"/>
    </row>
    <row r="771633" spans="14:14">
      <c r="N771633" s="10"/>
    </row>
    <row r="771634" spans="14:14">
      <c r="N771634" s="10"/>
    </row>
    <row r="771635" spans="14:14">
      <c r="N771635" s="10"/>
    </row>
    <row r="771636" spans="14:14">
      <c r="N771636" s="10"/>
    </row>
    <row r="771637" spans="14:14">
      <c r="N771637" s="10"/>
    </row>
    <row r="771638" spans="14:14">
      <c r="N771638" s="10"/>
    </row>
    <row r="771639" spans="14:14">
      <c r="N771639" s="10"/>
    </row>
    <row r="771640" spans="14:14">
      <c r="N771640" s="10"/>
    </row>
    <row r="771641" spans="14:14">
      <c r="N771641" s="10"/>
    </row>
    <row r="771642" spans="14:14">
      <c r="N771642" s="10"/>
    </row>
    <row r="771643" spans="14:14">
      <c r="N771643" s="10"/>
    </row>
    <row r="771644" spans="14:14">
      <c r="N771644" s="10"/>
    </row>
    <row r="771645" spans="14:14">
      <c r="N771645" s="10"/>
    </row>
    <row r="771646" spans="14:14">
      <c r="N771646" s="10"/>
    </row>
    <row r="771647" spans="14:14">
      <c r="N771647" s="10"/>
    </row>
    <row r="771648" spans="14:14">
      <c r="N771648" s="10"/>
    </row>
    <row r="771649" spans="14:14">
      <c r="N771649" s="10"/>
    </row>
    <row r="771650" spans="14:14">
      <c r="N771650" s="10"/>
    </row>
    <row r="771651" spans="14:14">
      <c r="N771651" s="10"/>
    </row>
    <row r="771652" spans="14:14">
      <c r="N771652" s="10"/>
    </row>
    <row r="771653" spans="14:14">
      <c r="N771653" s="10"/>
    </row>
    <row r="771654" spans="14:14">
      <c r="N771654" s="10"/>
    </row>
    <row r="771655" spans="14:14">
      <c r="N771655" s="10"/>
    </row>
    <row r="771656" spans="14:14">
      <c r="N771656" s="10"/>
    </row>
    <row r="771657" spans="14:14">
      <c r="N771657" s="10"/>
    </row>
    <row r="771658" spans="14:14">
      <c r="N771658" s="10"/>
    </row>
    <row r="771659" spans="14:14">
      <c r="N771659" s="10"/>
    </row>
    <row r="771660" spans="14:14">
      <c r="N771660" s="10"/>
    </row>
    <row r="771661" spans="14:14">
      <c r="N771661" s="10"/>
    </row>
    <row r="771662" spans="14:14">
      <c r="N771662" s="10"/>
    </row>
    <row r="771663" spans="14:14">
      <c r="N771663" s="10"/>
    </row>
    <row r="771664" spans="14:14">
      <c r="N771664" s="10"/>
    </row>
    <row r="771665" spans="14:14">
      <c r="N771665" s="10"/>
    </row>
    <row r="771666" spans="14:14">
      <c r="N771666" s="10"/>
    </row>
    <row r="771667" spans="14:14">
      <c r="N771667" s="10"/>
    </row>
    <row r="771668" spans="14:14">
      <c r="N771668" s="10"/>
    </row>
    <row r="771669" spans="14:14">
      <c r="N771669" s="10"/>
    </row>
    <row r="771670" spans="14:14">
      <c r="N771670" s="10"/>
    </row>
    <row r="771671" spans="14:14">
      <c r="N771671" s="10"/>
    </row>
    <row r="771672" spans="14:14">
      <c r="N771672" s="10"/>
    </row>
    <row r="771673" spans="14:14">
      <c r="N771673" s="10"/>
    </row>
    <row r="771674" spans="14:14">
      <c r="N771674" s="10"/>
    </row>
    <row r="771675" spans="14:14">
      <c r="N771675" s="10"/>
    </row>
    <row r="771676" spans="14:14">
      <c r="N771676" s="10"/>
    </row>
    <row r="771677" spans="14:14">
      <c r="N771677" s="10"/>
    </row>
    <row r="771678" spans="14:14">
      <c r="N771678" s="10"/>
    </row>
    <row r="771679" spans="14:14">
      <c r="N771679" s="10"/>
    </row>
    <row r="771680" spans="14:14">
      <c r="N771680" s="10"/>
    </row>
    <row r="771681" spans="14:14">
      <c r="N771681" s="10"/>
    </row>
    <row r="771682" spans="14:14">
      <c r="N771682" s="10"/>
    </row>
    <row r="771683" spans="14:14">
      <c r="N771683" s="10"/>
    </row>
    <row r="771684" spans="14:14">
      <c r="N771684" s="10"/>
    </row>
    <row r="771685" spans="14:14">
      <c r="N771685" s="10"/>
    </row>
    <row r="771686" spans="14:14">
      <c r="N771686" s="10"/>
    </row>
    <row r="771687" spans="14:14">
      <c r="N771687" s="10"/>
    </row>
    <row r="771688" spans="14:14">
      <c r="N771688" s="10"/>
    </row>
    <row r="771689" spans="14:14">
      <c r="N771689" s="10"/>
    </row>
    <row r="771690" spans="14:14">
      <c r="N771690" s="10"/>
    </row>
    <row r="771691" spans="14:14">
      <c r="N771691" s="10"/>
    </row>
    <row r="771692" spans="14:14">
      <c r="N771692" s="10"/>
    </row>
    <row r="771693" spans="14:14">
      <c r="N771693" s="10"/>
    </row>
    <row r="771694" spans="14:14">
      <c r="N771694" s="10"/>
    </row>
    <row r="771695" spans="14:14">
      <c r="N771695" s="10"/>
    </row>
    <row r="771696" spans="14:14">
      <c r="N771696" s="10"/>
    </row>
    <row r="771697" spans="14:14">
      <c r="N771697" s="10"/>
    </row>
    <row r="771698" spans="14:14">
      <c r="N771698" s="10"/>
    </row>
    <row r="771699" spans="14:14">
      <c r="N771699" s="10"/>
    </row>
    <row r="771700" spans="14:14">
      <c r="N771700" s="10"/>
    </row>
    <row r="771701" spans="14:14">
      <c r="N771701" s="10"/>
    </row>
    <row r="771702" spans="14:14">
      <c r="N771702" s="10"/>
    </row>
    <row r="771703" spans="14:14">
      <c r="N771703" s="10"/>
    </row>
    <row r="771704" spans="14:14">
      <c r="N771704" s="10"/>
    </row>
    <row r="771705" spans="14:14">
      <c r="N771705" s="10"/>
    </row>
    <row r="771706" spans="14:14">
      <c r="N771706" s="10"/>
    </row>
    <row r="771707" spans="14:14">
      <c r="N771707" s="10"/>
    </row>
    <row r="771708" spans="14:14">
      <c r="N771708" s="10"/>
    </row>
    <row r="771709" spans="14:14">
      <c r="N771709" s="10"/>
    </row>
    <row r="771710" spans="14:14">
      <c r="N771710" s="10"/>
    </row>
    <row r="771711" spans="14:14">
      <c r="N771711" s="10"/>
    </row>
    <row r="771712" spans="14:14">
      <c r="N771712" s="10"/>
    </row>
    <row r="771713" spans="14:14">
      <c r="N771713" s="10"/>
    </row>
    <row r="771714" spans="14:14">
      <c r="N771714" s="10"/>
    </row>
    <row r="771715" spans="14:14">
      <c r="N771715" s="10"/>
    </row>
    <row r="771716" spans="14:14">
      <c r="N771716" s="10"/>
    </row>
    <row r="771717" spans="14:14">
      <c r="N771717" s="10"/>
    </row>
    <row r="771718" spans="14:14">
      <c r="N771718" s="10"/>
    </row>
    <row r="771719" spans="14:14">
      <c r="N771719" s="10"/>
    </row>
    <row r="771720" spans="14:14">
      <c r="N771720" s="10"/>
    </row>
    <row r="771721" spans="14:14">
      <c r="N771721" s="10"/>
    </row>
    <row r="771722" spans="14:14">
      <c r="N771722" s="10"/>
    </row>
    <row r="771723" spans="14:14">
      <c r="N771723" s="10"/>
    </row>
    <row r="771724" spans="14:14">
      <c r="N771724" s="10"/>
    </row>
    <row r="771725" spans="14:14">
      <c r="N771725" s="10"/>
    </row>
    <row r="771726" spans="14:14">
      <c r="N771726" s="10"/>
    </row>
    <row r="771727" spans="14:14">
      <c r="N771727" s="10"/>
    </row>
    <row r="771728" spans="14:14">
      <c r="N771728" s="10"/>
    </row>
    <row r="771729" spans="14:14">
      <c r="N771729" s="10"/>
    </row>
    <row r="771730" spans="14:14">
      <c r="N771730" s="10"/>
    </row>
    <row r="771731" spans="14:14">
      <c r="N771731" s="10"/>
    </row>
    <row r="771732" spans="14:14">
      <c r="N771732" s="10"/>
    </row>
    <row r="771733" spans="14:14">
      <c r="N771733" s="10"/>
    </row>
    <row r="771734" spans="14:14">
      <c r="N771734" s="10"/>
    </row>
    <row r="771735" spans="14:14">
      <c r="N771735" s="10"/>
    </row>
    <row r="771736" spans="14:14">
      <c r="N771736" s="10"/>
    </row>
    <row r="771737" spans="14:14">
      <c r="N771737" s="10"/>
    </row>
    <row r="771738" spans="14:14">
      <c r="N771738" s="10"/>
    </row>
    <row r="771739" spans="14:14">
      <c r="N771739" s="10"/>
    </row>
    <row r="771740" spans="14:14">
      <c r="N771740" s="10"/>
    </row>
    <row r="771741" spans="14:14">
      <c r="N771741" s="10"/>
    </row>
    <row r="771742" spans="14:14">
      <c r="N771742" s="10"/>
    </row>
    <row r="771743" spans="14:14">
      <c r="N771743" s="10"/>
    </row>
    <row r="771744" spans="14:14">
      <c r="N771744" s="10"/>
    </row>
    <row r="771745" spans="14:14">
      <c r="N771745" s="10"/>
    </row>
    <row r="771746" spans="14:14">
      <c r="N771746" s="10"/>
    </row>
    <row r="771747" spans="14:14">
      <c r="N771747" s="10"/>
    </row>
    <row r="771748" spans="14:14">
      <c r="N771748" s="10"/>
    </row>
    <row r="771749" spans="14:14">
      <c r="N771749" s="10"/>
    </row>
    <row r="771750" spans="14:14">
      <c r="N771750" s="10"/>
    </row>
    <row r="771751" spans="14:14">
      <c r="N771751" s="10"/>
    </row>
    <row r="771752" spans="14:14">
      <c r="N771752" s="10"/>
    </row>
    <row r="771753" spans="14:14">
      <c r="N771753" s="10"/>
    </row>
    <row r="771754" spans="14:14">
      <c r="N771754" s="10"/>
    </row>
    <row r="771755" spans="14:14">
      <c r="N771755" s="10"/>
    </row>
    <row r="771756" spans="14:14">
      <c r="N771756" s="10"/>
    </row>
    <row r="771757" spans="14:14">
      <c r="N771757" s="10"/>
    </row>
    <row r="771758" spans="14:14">
      <c r="N771758" s="10"/>
    </row>
    <row r="771759" spans="14:14">
      <c r="N771759" s="10"/>
    </row>
    <row r="771760" spans="14:14">
      <c r="N771760" s="10"/>
    </row>
    <row r="771761" spans="14:14">
      <c r="N771761" s="10"/>
    </row>
    <row r="771762" spans="14:14">
      <c r="N771762" s="10"/>
    </row>
    <row r="771763" spans="14:14">
      <c r="N771763" s="10"/>
    </row>
    <row r="771764" spans="14:14">
      <c r="N771764" s="10"/>
    </row>
    <row r="771765" spans="14:14">
      <c r="N771765" s="10"/>
    </row>
    <row r="771766" spans="14:14">
      <c r="N771766" s="10"/>
    </row>
    <row r="771767" spans="14:14">
      <c r="N771767" s="10"/>
    </row>
    <row r="771768" spans="14:14">
      <c r="N771768" s="10"/>
    </row>
    <row r="771769" spans="14:14">
      <c r="N771769" s="10"/>
    </row>
    <row r="771770" spans="14:14">
      <c r="N771770" s="10"/>
    </row>
    <row r="771771" spans="14:14">
      <c r="N771771" s="10"/>
    </row>
    <row r="771772" spans="14:14">
      <c r="N771772" s="10"/>
    </row>
    <row r="771773" spans="14:14">
      <c r="N771773" s="10"/>
    </row>
    <row r="771774" spans="14:14">
      <c r="N771774" s="10"/>
    </row>
    <row r="771775" spans="14:14">
      <c r="N771775" s="10"/>
    </row>
    <row r="771776" spans="14:14">
      <c r="N771776" s="10"/>
    </row>
    <row r="771777" spans="14:14">
      <c r="N771777" s="10"/>
    </row>
    <row r="771778" spans="14:14">
      <c r="N771778" s="10"/>
    </row>
    <row r="771779" spans="14:14">
      <c r="N771779" s="10"/>
    </row>
    <row r="771780" spans="14:14">
      <c r="N771780" s="10"/>
    </row>
    <row r="771781" spans="14:14">
      <c r="N771781" s="10"/>
    </row>
    <row r="771782" spans="14:14">
      <c r="N771782" s="10"/>
    </row>
    <row r="771783" spans="14:14">
      <c r="N771783" s="10"/>
    </row>
    <row r="771784" spans="14:14">
      <c r="N771784" s="10"/>
    </row>
    <row r="771785" spans="14:14">
      <c r="N771785" s="10"/>
    </row>
    <row r="771786" spans="14:14">
      <c r="N771786" s="10"/>
    </row>
    <row r="771787" spans="14:14">
      <c r="N771787" s="10"/>
    </row>
    <row r="771788" spans="14:14">
      <c r="N771788" s="10"/>
    </row>
    <row r="771789" spans="14:14">
      <c r="N771789" s="10"/>
    </row>
    <row r="771790" spans="14:14">
      <c r="N771790" s="10"/>
    </row>
    <row r="771791" spans="14:14">
      <c r="N771791" s="10"/>
    </row>
    <row r="771792" spans="14:14">
      <c r="N771792" s="10"/>
    </row>
    <row r="771793" spans="14:14">
      <c r="N771793" s="10"/>
    </row>
    <row r="771794" spans="14:14">
      <c r="N771794" s="10"/>
    </row>
    <row r="771795" spans="14:14">
      <c r="N771795" s="10"/>
    </row>
    <row r="771796" spans="14:14">
      <c r="N771796" s="10"/>
    </row>
    <row r="771797" spans="14:14">
      <c r="N771797" s="10"/>
    </row>
    <row r="771798" spans="14:14">
      <c r="N771798" s="10"/>
    </row>
    <row r="771799" spans="14:14">
      <c r="N771799" s="10"/>
    </row>
    <row r="771800" spans="14:14">
      <c r="N771800" s="10"/>
    </row>
    <row r="771801" spans="14:14">
      <c r="N771801" s="10"/>
    </row>
    <row r="771802" spans="14:14">
      <c r="N771802" s="10"/>
    </row>
    <row r="771803" spans="14:14">
      <c r="N771803" s="10"/>
    </row>
    <row r="771804" spans="14:14">
      <c r="N771804" s="10"/>
    </row>
    <row r="771805" spans="14:14">
      <c r="N771805" s="10"/>
    </row>
    <row r="771806" spans="14:14">
      <c r="N771806" s="10"/>
    </row>
    <row r="771807" spans="14:14">
      <c r="N771807" s="10"/>
    </row>
    <row r="771808" spans="14:14">
      <c r="N771808" s="10"/>
    </row>
    <row r="771809" spans="14:14">
      <c r="N771809" s="10"/>
    </row>
    <row r="771810" spans="14:14">
      <c r="N771810" s="10"/>
    </row>
    <row r="771811" spans="14:14">
      <c r="N771811" s="10"/>
    </row>
    <row r="771812" spans="14:14">
      <c r="N771812" s="10"/>
    </row>
    <row r="771813" spans="14:14">
      <c r="N771813" s="10"/>
    </row>
    <row r="771814" spans="14:14">
      <c r="N771814" s="10"/>
    </row>
    <row r="771815" spans="14:14">
      <c r="N771815" s="10"/>
    </row>
    <row r="771816" spans="14:14">
      <c r="N771816" s="10"/>
    </row>
    <row r="771817" spans="14:14">
      <c r="N771817" s="10"/>
    </row>
    <row r="771818" spans="14:14">
      <c r="N771818" s="10"/>
    </row>
    <row r="771819" spans="14:14">
      <c r="N771819" s="10"/>
    </row>
    <row r="771820" spans="14:14">
      <c r="N771820" s="10"/>
    </row>
    <row r="771821" spans="14:14">
      <c r="N771821" s="10"/>
    </row>
    <row r="771822" spans="14:14">
      <c r="N771822" s="10"/>
    </row>
    <row r="771823" spans="14:14">
      <c r="N771823" s="10"/>
    </row>
    <row r="771824" spans="14:14">
      <c r="N771824" s="10"/>
    </row>
    <row r="771825" spans="14:14">
      <c r="N771825" s="10"/>
    </row>
    <row r="771826" spans="14:14">
      <c r="N771826" s="10"/>
    </row>
    <row r="771827" spans="14:14">
      <c r="N771827" s="10"/>
    </row>
    <row r="771828" spans="14:14">
      <c r="N771828" s="10"/>
    </row>
    <row r="771829" spans="14:14">
      <c r="N771829" s="10"/>
    </row>
    <row r="771830" spans="14:14">
      <c r="N771830" s="10"/>
    </row>
    <row r="771831" spans="14:14">
      <c r="N771831" s="10"/>
    </row>
    <row r="771832" spans="14:14">
      <c r="N771832" s="10"/>
    </row>
    <row r="771833" spans="14:14">
      <c r="N771833" s="10"/>
    </row>
    <row r="771834" spans="14:14">
      <c r="N771834" s="10"/>
    </row>
    <row r="771835" spans="14:14">
      <c r="N771835" s="10"/>
    </row>
    <row r="771836" spans="14:14">
      <c r="N771836" s="10"/>
    </row>
    <row r="771837" spans="14:14">
      <c r="N771837" s="10"/>
    </row>
    <row r="771838" spans="14:14">
      <c r="N771838" s="10"/>
    </row>
    <row r="771839" spans="14:14">
      <c r="N771839" s="10"/>
    </row>
    <row r="771840" spans="14:14">
      <c r="N771840" s="10"/>
    </row>
    <row r="771841" spans="14:14">
      <c r="N771841" s="10"/>
    </row>
    <row r="771842" spans="14:14">
      <c r="N771842" s="10"/>
    </row>
    <row r="771843" spans="14:14">
      <c r="N771843" s="10"/>
    </row>
    <row r="771844" spans="14:14">
      <c r="N771844" s="10"/>
    </row>
    <row r="771845" spans="14:14">
      <c r="N771845" s="10"/>
    </row>
    <row r="771846" spans="14:14">
      <c r="N771846" s="10"/>
    </row>
    <row r="771847" spans="14:14">
      <c r="N771847" s="10"/>
    </row>
    <row r="771848" spans="14:14">
      <c r="N771848" s="10"/>
    </row>
    <row r="771849" spans="14:14">
      <c r="N771849" s="10"/>
    </row>
    <row r="771850" spans="14:14">
      <c r="N771850" s="10"/>
    </row>
    <row r="771851" spans="14:14">
      <c r="N771851" s="10"/>
    </row>
    <row r="771852" spans="14:14">
      <c r="N771852" s="10"/>
    </row>
    <row r="771853" spans="14:14">
      <c r="N771853" s="10"/>
    </row>
    <row r="771854" spans="14:14">
      <c r="N771854" s="10"/>
    </row>
    <row r="771855" spans="14:14">
      <c r="N771855" s="10"/>
    </row>
    <row r="771856" spans="14:14">
      <c r="N771856" s="10"/>
    </row>
    <row r="771857" spans="14:14">
      <c r="N771857" s="10"/>
    </row>
    <row r="771858" spans="14:14">
      <c r="N771858" s="10"/>
    </row>
    <row r="771859" spans="14:14">
      <c r="N771859" s="10"/>
    </row>
    <row r="771860" spans="14:14">
      <c r="N771860" s="10"/>
    </row>
    <row r="771861" spans="14:14">
      <c r="N771861" s="10"/>
    </row>
    <row r="771862" spans="14:14">
      <c r="N771862" s="10"/>
    </row>
    <row r="771863" spans="14:14">
      <c r="N771863" s="10"/>
    </row>
    <row r="771864" spans="14:14">
      <c r="N771864" s="10"/>
    </row>
    <row r="771865" spans="14:14">
      <c r="N771865" s="10"/>
    </row>
    <row r="771866" spans="14:14">
      <c r="N771866" s="10"/>
    </row>
    <row r="771867" spans="14:14">
      <c r="N771867" s="10"/>
    </row>
    <row r="771868" spans="14:14">
      <c r="N771868" s="10"/>
    </row>
    <row r="771869" spans="14:14">
      <c r="N771869" s="10"/>
    </row>
    <row r="771870" spans="14:14">
      <c r="N771870" s="10"/>
    </row>
    <row r="771871" spans="14:14">
      <c r="N771871" s="10"/>
    </row>
    <row r="771872" spans="14:14">
      <c r="N771872" s="10"/>
    </row>
    <row r="771873" spans="14:14">
      <c r="N771873" s="10"/>
    </row>
    <row r="771874" spans="14:14">
      <c r="N771874" s="10"/>
    </row>
    <row r="771875" spans="14:14">
      <c r="N771875" s="10"/>
    </row>
    <row r="771876" spans="14:14">
      <c r="N771876" s="10"/>
    </row>
    <row r="771877" spans="14:14">
      <c r="N771877" s="10"/>
    </row>
    <row r="771878" spans="14:14">
      <c r="N771878" s="10"/>
    </row>
    <row r="771879" spans="14:14">
      <c r="N771879" s="10"/>
    </row>
    <row r="771880" spans="14:14">
      <c r="N771880" s="10"/>
    </row>
    <row r="771881" spans="14:14">
      <c r="N771881" s="10"/>
    </row>
    <row r="771882" spans="14:14">
      <c r="N771882" s="10"/>
    </row>
    <row r="771883" spans="14:14">
      <c r="N771883" s="10"/>
    </row>
    <row r="771884" spans="14:14">
      <c r="N771884" s="10"/>
    </row>
    <row r="771885" spans="14:14">
      <c r="N771885" s="10"/>
    </row>
    <row r="771886" spans="14:14">
      <c r="N771886" s="10"/>
    </row>
    <row r="771887" spans="14:14">
      <c r="N771887" s="10"/>
    </row>
    <row r="771888" spans="14:14">
      <c r="N771888" s="10"/>
    </row>
    <row r="771889" spans="14:14">
      <c r="N771889" s="10"/>
    </row>
    <row r="771890" spans="14:14">
      <c r="N771890" s="10"/>
    </row>
    <row r="771891" spans="14:14">
      <c r="N771891" s="10"/>
    </row>
    <row r="771892" spans="14:14">
      <c r="N771892" s="10"/>
    </row>
    <row r="771893" spans="14:14">
      <c r="N771893" s="10"/>
    </row>
    <row r="771894" spans="14:14">
      <c r="N771894" s="10"/>
    </row>
    <row r="771895" spans="14:14">
      <c r="N771895" s="10"/>
    </row>
    <row r="771896" spans="14:14">
      <c r="N771896" s="10"/>
    </row>
    <row r="771897" spans="14:14">
      <c r="N771897" s="10"/>
    </row>
    <row r="771898" spans="14:14">
      <c r="N771898" s="10"/>
    </row>
    <row r="771899" spans="14:14">
      <c r="N771899" s="10"/>
    </row>
    <row r="771900" spans="14:14">
      <c r="N771900" s="10"/>
    </row>
    <row r="771901" spans="14:14">
      <c r="N771901" s="10"/>
    </row>
    <row r="771902" spans="14:14">
      <c r="N771902" s="10"/>
    </row>
    <row r="771903" spans="14:14">
      <c r="N771903" s="10"/>
    </row>
    <row r="771904" spans="14:14">
      <c r="N771904" s="10"/>
    </row>
    <row r="771905" spans="14:14">
      <c r="N771905" s="10"/>
    </row>
    <row r="771906" spans="14:14">
      <c r="N771906" s="10"/>
    </row>
    <row r="771907" spans="14:14">
      <c r="N771907" s="10"/>
    </row>
    <row r="771908" spans="14:14">
      <c r="N771908" s="10"/>
    </row>
    <row r="771909" spans="14:14">
      <c r="N771909" s="10"/>
    </row>
    <row r="771910" spans="14:14">
      <c r="N771910" s="10"/>
    </row>
    <row r="771911" spans="14:14">
      <c r="N771911" s="10"/>
    </row>
    <row r="771912" spans="14:14">
      <c r="N771912" s="10"/>
    </row>
    <row r="771913" spans="14:14">
      <c r="N771913" s="10"/>
    </row>
    <row r="771914" spans="14:14">
      <c r="N771914" s="10"/>
    </row>
    <row r="771915" spans="14:14">
      <c r="N771915" s="10"/>
    </row>
    <row r="771916" spans="14:14">
      <c r="N771916" s="10"/>
    </row>
    <row r="771917" spans="14:14">
      <c r="N771917" s="10"/>
    </row>
    <row r="771918" spans="14:14">
      <c r="N771918" s="10"/>
    </row>
    <row r="771919" spans="14:14">
      <c r="N771919" s="10"/>
    </row>
    <row r="771920" spans="14:14">
      <c r="N771920" s="10"/>
    </row>
    <row r="771921" spans="14:14">
      <c r="N771921" s="10"/>
    </row>
    <row r="771922" spans="14:14">
      <c r="N771922" s="10"/>
    </row>
    <row r="771923" spans="14:14">
      <c r="N771923" s="10"/>
    </row>
    <row r="771924" spans="14:14">
      <c r="N771924" s="10"/>
    </row>
    <row r="771925" spans="14:14">
      <c r="N771925" s="10"/>
    </row>
    <row r="771926" spans="14:14">
      <c r="N771926" s="10"/>
    </row>
    <row r="771927" spans="14:14">
      <c r="N771927" s="10"/>
    </row>
    <row r="771928" spans="14:14">
      <c r="N771928" s="10"/>
    </row>
    <row r="771929" spans="14:14">
      <c r="N771929" s="10"/>
    </row>
    <row r="771930" spans="14:14">
      <c r="N771930" s="10"/>
    </row>
    <row r="771931" spans="14:14">
      <c r="N771931" s="10"/>
    </row>
    <row r="771932" spans="14:14">
      <c r="N771932" s="10"/>
    </row>
    <row r="771933" spans="14:14">
      <c r="N771933" s="10"/>
    </row>
    <row r="771934" spans="14:14">
      <c r="N771934" s="10"/>
    </row>
    <row r="771935" spans="14:14">
      <c r="N771935" s="10"/>
    </row>
    <row r="771936" spans="14:14">
      <c r="N771936" s="10"/>
    </row>
    <row r="771937" spans="14:14">
      <c r="N771937" s="10"/>
    </row>
    <row r="771938" spans="14:14">
      <c r="N771938" s="10"/>
    </row>
    <row r="771939" spans="14:14">
      <c r="N771939" s="10"/>
    </row>
    <row r="771940" spans="14:14">
      <c r="N771940" s="10"/>
    </row>
    <row r="771941" spans="14:14">
      <c r="N771941" s="10"/>
    </row>
    <row r="771942" spans="14:14">
      <c r="N771942" s="10"/>
    </row>
    <row r="771943" spans="14:14">
      <c r="N771943" s="10"/>
    </row>
    <row r="771944" spans="14:14">
      <c r="N771944" s="10"/>
    </row>
    <row r="771945" spans="14:14">
      <c r="N771945" s="10"/>
    </row>
    <row r="771946" spans="14:14">
      <c r="N771946" s="10"/>
    </row>
    <row r="771947" spans="14:14">
      <c r="N771947" s="10"/>
    </row>
    <row r="771948" spans="14:14">
      <c r="N771948" s="10"/>
    </row>
    <row r="771949" spans="14:14">
      <c r="N771949" s="10"/>
    </row>
    <row r="771950" spans="14:14">
      <c r="N771950" s="10"/>
    </row>
    <row r="771951" spans="14:14">
      <c r="N771951" s="10"/>
    </row>
    <row r="771952" spans="14:14">
      <c r="N771952" s="10"/>
    </row>
    <row r="771953" spans="14:14">
      <c r="N771953" s="10"/>
    </row>
    <row r="771954" spans="14:14">
      <c r="N771954" s="10"/>
    </row>
    <row r="771955" spans="14:14">
      <c r="N771955" s="10"/>
    </row>
    <row r="771956" spans="14:14">
      <c r="N771956" s="10"/>
    </row>
    <row r="771957" spans="14:14">
      <c r="N771957" s="10"/>
    </row>
    <row r="771958" spans="14:14">
      <c r="N771958" s="10"/>
    </row>
    <row r="771959" spans="14:14">
      <c r="N771959" s="10"/>
    </row>
    <row r="771960" spans="14:14">
      <c r="N771960" s="10"/>
    </row>
    <row r="771961" spans="14:14">
      <c r="N771961" s="10"/>
    </row>
    <row r="771962" spans="14:14">
      <c r="N771962" s="10"/>
    </row>
    <row r="771963" spans="14:14">
      <c r="N771963" s="10"/>
    </row>
    <row r="771964" spans="14:14">
      <c r="N771964" s="10"/>
    </row>
    <row r="771965" spans="14:14">
      <c r="N771965" s="10"/>
    </row>
    <row r="771966" spans="14:14">
      <c r="N771966" s="10"/>
    </row>
    <row r="771967" spans="14:14">
      <c r="N771967" s="10"/>
    </row>
    <row r="771968" spans="14:14">
      <c r="N771968" s="10"/>
    </row>
    <row r="771969" spans="14:14">
      <c r="N771969" s="10"/>
    </row>
    <row r="771970" spans="14:14">
      <c r="N771970" s="10"/>
    </row>
    <row r="771971" spans="14:14">
      <c r="N771971" s="10"/>
    </row>
    <row r="771972" spans="14:14">
      <c r="N771972" s="10"/>
    </row>
    <row r="771973" spans="14:14">
      <c r="N771973" s="10"/>
    </row>
    <row r="771974" spans="14:14">
      <c r="N771974" s="10"/>
    </row>
    <row r="771975" spans="14:14">
      <c r="N771975" s="10"/>
    </row>
    <row r="771976" spans="14:14">
      <c r="N771976" s="10"/>
    </row>
    <row r="771977" spans="14:14">
      <c r="N771977" s="10"/>
    </row>
    <row r="771978" spans="14:14">
      <c r="N771978" s="10"/>
    </row>
    <row r="771979" spans="14:14">
      <c r="N771979" s="10"/>
    </row>
    <row r="771980" spans="14:14">
      <c r="N771980" s="10"/>
    </row>
    <row r="771981" spans="14:14">
      <c r="N771981" s="10"/>
    </row>
    <row r="771982" spans="14:14">
      <c r="N771982" s="10"/>
    </row>
    <row r="771983" spans="14:14">
      <c r="N771983" s="10"/>
    </row>
    <row r="771984" spans="14:14">
      <c r="N771984" s="10"/>
    </row>
    <row r="771985" spans="14:14">
      <c r="N771985" s="10"/>
    </row>
    <row r="771986" spans="14:14">
      <c r="N771986" s="10"/>
    </row>
    <row r="771987" spans="14:14">
      <c r="N771987" s="10"/>
    </row>
    <row r="771988" spans="14:14">
      <c r="N771988" s="10"/>
    </row>
    <row r="771989" spans="14:14">
      <c r="N771989" s="10"/>
    </row>
    <row r="771990" spans="14:14">
      <c r="N771990" s="10"/>
    </row>
    <row r="771991" spans="14:14">
      <c r="N771991" s="10"/>
    </row>
    <row r="771992" spans="14:14">
      <c r="N771992" s="10"/>
    </row>
    <row r="771993" spans="14:14">
      <c r="N771993" s="10"/>
    </row>
    <row r="771994" spans="14:14">
      <c r="N771994" s="10"/>
    </row>
    <row r="771995" spans="14:14">
      <c r="N771995" s="10"/>
    </row>
    <row r="771996" spans="14:14">
      <c r="N771996" s="10"/>
    </row>
    <row r="771997" spans="14:14">
      <c r="N771997" s="10"/>
    </row>
    <row r="771998" spans="14:14">
      <c r="N771998" s="10"/>
    </row>
    <row r="771999" spans="14:14">
      <c r="N771999" s="10"/>
    </row>
    <row r="772000" spans="14:14">
      <c r="N772000" s="10"/>
    </row>
    <row r="772001" spans="14:14">
      <c r="N772001" s="10"/>
    </row>
    <row r="772002" spans="14:14">
      <c r="N772002" s="10"/>
    </row>
    <row r="772003" spans="14:14">
      <c r="N772003" s="10"/>
    </row>
    <row r="772004" spans="14:14">
      <c r="N772004" s="10"/>
    </row>
    <row r="772005" spans="14:14">
      <c r="N772005" s="10"/>
    </row>
    <row r="772006" spans="14:14">
      <c r="N772006" s="10"/>
    </row>
    <row r="772007" spans="14:14">
      <c r="N772007" s="10"/>
    </row>
    <row r="772008" spans="14:14">
      <c r="N772008" s="10"/>
    </row>
    <row r="772009" spans="14:14">
      <c r="N772009" s="10"/>
    </row>
    <row r="772010" spans="14:14">
      <c r="N772010" s="10"/>
    </row>
    <row r="772011" spans="14:14">
      <c r="N772011" s="10"/>
    </row>
    <row r="772012" spans="14:14">
      <c r="N772012" s="10"/>
    </row>
    <row r="772013" spans="14:14">
      <c r="N772013" s="10"/>
    </row>
    <row r="772014" spans="14:14">
      <c r="N772014" s="10"/>
    </row>
    <row r="772015" spans="14:14">
      <c r="N772015" s="10"/>
    </row>
    <row r="772016" spans="14:14">
      <c r="N772016" s="10"/>
    </row>
    <row r="772017" spans="14:14">
      <c r="N772017" s="10"/>
    </row>
    <row r="772018" spans="14:14">
      <c r="N772018" s="10"/>
    </row>
    <row r="772019" spans="14:14">
      <c r="N772019" s="10"/>
    </row>
    <row r="772020" spans="14:14">
      <c r="N772020" s="10"/>
    </row>
    <row r="772021" spans="14:14">
      <c r="N772021" s="10"/>
    </row>
    <row r="772022" spans="14:14">
      <c r="N772022" s="10"/>
    </row>
    <row r="772023" spans="14:14">
      <c r="N772023" s="10"/>
    </row>
    <row r="772024" spans="14:14">
      <c r="N772024" s="10"/>
    </row>
    <row r="772025" spans="14:14">
      <c r="N772025" s="10"/>
    </row>
    <row r="772026" spans="14:14">
      <c r="N772026" s="10"/>
    </row>
    <row r="772027" spans="14:14">
      <c r="N772027" s="10"/>
    </row>
    <row r="772028" spans="14:14">
      <c r="N772028" s="10"/>
    </row>
    <row r="772029" spans="14:14">
      <c r="N772029" s="10"/>
    </row>
    <row r="772030" spans="14:14">
      <c r="N772030" s="10"/>
    </row>
    <row r="772031" spans="14:14">
      <c r="N772031" s="10"/>
    </row>
    <row r="772032" spans="14:14">
      <c r="N772032" s="10"/>
    </row>
    <row r="772033" spans="14:14">
      <c r="N772033" s="10"/>
    </row>
    <row r="772034" spans="14:14">
      <c r="N772034" s="10"/>
    </row>
    <row r="772035" spans="14:14">
      <c r="N772035" s="10"/>
    </row>
    <row r="772036" spans="14:14">
      <c r="N772036" s="10"/>
    </row>
    <row r="772037" spans="14:14">
      <c r="N772037" s="10"/>
    </row>
    <row r="772038" spans="14:14">
      <c r="N772038" s="10"/>
    </row>
    <row r="772039" spans="14:14">
      <c r="N772039" s="10"/>
    </row>
    <row r="772040" spans="14:14">
      <c r="N772040" s="10"/>
    </row>
    <row r="772041" spans="14:14">
      <c r="N772041" s="10"/>
    </row>
    <row r="772042" spans="14:14">
      <c r="N772042" s="10"/>
    </row>
    <row r="772043" spans="14:14">
      <c r="N772043" s="10"/>
    </row>
    <row r="772044" spans="14:14">
      <c r="N772044" s="10"/>
    </row>
    <row r="772045" spans="14:14">
      <c r="N772045" s="10"/>
    </row>
    <row r="772046" spans="14:14">
      <c r="N772046" s="10"/>
    </row>
    <row r="772047" spans="14:14">
      <c r="N772047" s="10"/>
    </row>
    <row r="772048" spans="14:14">
      <c r="N772048" s="10"/>
    </row>
    <row r="772049" spans="14:14">
      <c r="N772049" s="10"/>
    </row>
    <row r="772050" spans="14:14">
      <c r="N772050" s="10"/>
    </row>
    <row r="772051" spans="14:14">
      <c r="N772051" s="10"/>
    </row>
    <row r="772052" spans="14:14">
      <c r="N772052" s="10"/>
    </row>
    <row r="772053" spans="14:14">
      <c r="N772053" s="10"/>
    </row>
    <row r="772054" spans="14:14">
      <c r="N772054" s="10"/>
    </row>
    <row r="772055" spans="14:14">
      <c r="N772055" s="10"/>
    </row>
    <row r="772056" spans="14:14">
      <c r="N772056" s="10"/>
    </row>
    <row r="772057" spans="14:14">
      <c r="N772057" s="10"/>
    </row>
    <row r="772058" spans="14:14">
      <c r="N772058" s="10"/>
    </row>
    <row r="772059" spans="14:14">
      <c r="N772059" s="10"/>
    </row>
    <row r="772060" spans="14:14">
      <c r="N772060" s="10"/>
    </row>
    <row r="772061" spans="14:14">
      <c r="N772061" s="10"/>
    </row>
    <row r="772062" spans="14:14">
      <c r="N772062" s="10"/>
    </row>
    <row r="772063" spans="14:14">
      <c r="N772063" s="10"/>
    </row>
    <row r="772064" spans="14:14">
      <c r="N772064" s="10"/>
    </row>
    <row r="772065" spans="14:14">
      <c r="N772065" s="10"/>
    </row>
    <row r="772066" spans="14:14">
      <c r="N772066" s="10"/>
    </row>
    <row r="772067" spans="14:14">
      <c r="N772067" s="10"/>
    </row>
    <row r="772068" spans="14:14">
      <c r="N772068" s="10"/>
    </row>
    <row r="772069" spans="14:14">
      <c r="N772069" s="10"/>
    </row>
    <row r="772070" spans="14:14">
      <c r="N772070" s="10"/>
    </row>
    <row r="772071" spans="14:14">
      <c r="N772071" s="10"/>
    </row>
    <row r="772072" spans="14:14">
      <c r="N772072" s="10"/>
    </row>
    <row r="772073" spans="14:14">
      <c r="N772073" s="10"/>
    </row>
    <row r="772074" spans="14:14">
      <c r="N772074" s="10"/>
    </row>
    <row r="772075" spans="14:14">
      <c r="N772075" s="10"/>
    </row>
    <row r="772076" spans="14:14">
      <c r="N772076" s="10"/>
    </row>
    <row r="772077" spans="14:14">
      <c r="N772077" s="10"/>
    </row>
    <row r="772078" spans="14:14">
      <c r="N772078" s="10"/>
    </row>
    <row r="772079" spans="14:14">
      <c r="N772079" s="10"/>
    </row>
    <row r="772080" spans="14:14">
      <c r="N772080" s="10"/>
    </row>
    <row r="772081" spans="14:14">
      <c r="N772081" s="10"/>
    </row>
    <row r="772082" spans="14:14">
      <c r="N772082" s="10"/>
    </row>
    <row r="772083" spans="14:14">
      <c r="N772083" s="10"/>
    </row>
    <row r="772084" spans="14:14">
      <c r="N772084" s="10"/>
    </row>
    <row r="772085" spans="14:14">
      <c r="N772085" s="10"/>
    </row>
    <row r="772086" spans="14:14">
      <c r="N772086" s="10"/>
    </row>
    <row r="772087" spans="14:14">
      <c r="N772087" s="10"/>
    </row>
    <row r="772088" spans="14:14">
      <c r="N772088" s="10"/>
    </row>
    <row r="772089" spans="14:14">
      <c r="N772089" s="10"/>
    </row>
    <row r="772090" spans="14:14">
      <c r="N772090" s="10"/>
    </row>
    <row r="772091" spans="14:14">
      <c r="N772091" s="10"/>
    </row>
    <row r="772092" spans="14:14">
      <c r="N772092" s="10"/>
    </row>
    <row r="772093" spans="14:14">
      <c r="N772093" s="10"/>
    </row>
    <row r="772094" spans="14:14">
      <c r="N772094" s="10"/>
    </row>
    <row r="772095" spans="14:14">
      <c r="N772095" s="10"/>
    </row>
    <row r="772096" spans="14:14">
      <c r="N772096" s="10"/>
    </row>
    <row r="772097" spans="14:14">
      <c r="N772097" s="10"/>
    </row>
    <row r="772098" spans="14:14">
      <c r="N772098" s="10"/>
    </row>
    <row r="772099" spans="14:14">
      <c r="N772099" s="10"/>
    </row>
    <row r="772100" spans="14:14">
      <c r="N772100" s="10"/>
    </row>
    <row r="772101" spans="14:14">
      <c r="N772101" s="10"/>
    </row>
    <row r="772102" spans="14:14">
      <c r="N772102" s="10"/>
    </row>
    <row r="772103" spans="14:14">
      <c r="N772103" s="10"/>
    </row>
    <row r="772104" spans="14:14">
      <c r="N772104" s="10"/>
    </row>
    <row r="772105" spans="14:14">
      <c r="N772105" s="10"/>
    </row>
    <row r="772106" spans="14:14">
      <c r="N772106" s="10"/>
    </row>
    <row r="772107" spans="14:14">
      <c r="N772107" s="10"/>
    </row>
    <row r="772108" spans="14:14">
      <c r="N772108" s="10"/>
    </row>
    <row r="772109" spans="14:14">
      <c r="N772109" s="10"/>
    </row>
    <row r="772110" spans="14:14">
      <c r="N772110" s="10"/>
    </row>
    <row r="772111" spans="14:14">
      <c r="N772111" s="10"/>
    </row>
    <row r="772112" spans="14:14">
      <c r="N772112" s="10"/>
    </row>
    <row r="772113" spans="14:14">
      <c r="N772113" s="10"/>
    </row>
    <row r="772114" spans="14:14">
      <c r="N772114" s="10"/>
    </row>
    <row r="772115" spans="14:14">
      <c r="N772115" s="10"/>
    </row>
    <row r="772116" spans="14:14">
      <c r="N772116" s="10"/>
    </row>
    <row r="772117" spans="14:14">
      <c r="N772117" s="10"/>
    </row>
    <row r="772118" spans="14:14">
      <c r="N772118" s="10"/>
    </row>
    <row r="772119" spans="14:14">
      <c r="N772119" s="10"/>
    </row>
    <row r="772120" spans="14:14">
      <c r="N772120" s="10"/>
    </row>
    <row r="772121" spans="14:14">
      <c r="N772121" s="10"/>
    </row>
    <row r="772122" spans="14:14">
      <c r="N772122" s="10"/>
    </row>
    <row r="772123" spans="14:14">
      <c r="N772123" s="10"/>
    </row>
    <row r="772124" spans="14:14">
      <c r="N772124" s="10"/>
    </row>
    <row r="772125" spans="14:14">
      <c r="N772125" s="10"/>
    </row>
    <row r="772126" spans="14:14">
      <c r="N772126" s="10"/>
    </row>
    <row r="772127" spans="14:14">
      <c r="N772127" s="10"/>
    </row>
    <row r="772128" spans="14:14">
      <c r="N772128" s="10"/>
    </row>
    <row r="772129" spans="14:14">
      <c r="N772129" s="10"/>
    </row>
    <row r="772130" spans="14:14">
      <c r="N772130" s="10"/>
    </row>
    <row r="772131" spans="14:14">
      <c r="N772131" s="10"/>
    </row>
    <row r="772132" spans="14:14">
      <c r="N772132" s="10"/>
    </row>
    <row r="772133" spans="14:14">
      <c r="N772133" s="10"/>
    </row>
    <row r="772134" spans="14:14">
      <c r="N772134" s="10"/>
    </row>
    <row r="772135" spans="14:14">
      <c r="N772135" s="10"/>
    </row>
    <row r="772136" spans="14:14">
      <c r="N772136" s="10"/>
    </row>
    <row r="772137" spans="14:14">
      <c r="N772137" s="10"/>
    </row>
    <row r="772138" spans="14:14">
      <c r="N772138" s="10"/>
    </row>
    <row r="772139" spans="14:14">
      <c r="N772139" s="10"/>
    </row>
    <row r="772140" spans="14:14">
      <c r="N772140" s="10"/>
    </row>
    <row r="772141" spans="14:14">
      <c r="N772141" s="10"/>
    </row>
    <row r="772142" spans="14:14">
      <c r="N772142" s="10"/>
    </row>
    <row r="772143" spans="14:14">
      <c r="N772143" s="10"/>
    </row>
    <row r="772144" spans="14:14">
      <c r="N772144" s="10"/>
    </row>
    <row r="772145" spans="14:14">
      <c r="N772145" s="10"/>
    </row>
    <row r="772146" spans="14:14">
      <c r="N772146" s="10"/>
    </row>
    <row r="772147" spans="14:14">
      <c r="N772147" s="10"/>
    </row>
    <row r="772148" spans="14:14">
      <c r="N772148" s="10"/>
    </row>
    <row r="772149" spans="14:14">
      <c r="N772149" s="10"/>
    </row>
    <row r="772150" spans="14:14">
      <c r="N772150" s="10"/>
    </row>
    <row r="772151" spans="14:14">
      <c r="N772151" s="10"/>
    </row>
    <row r="772152" spans="14:14">
      <c r="N772152" s="10"/>
    </row>
    <row r="772153" spans="14:14">
      <c r="N772153" s="10"/>
    </row>
    <row r="772154" spans="14:14">
      <c r="N772154" s="10"/>
    </row>
    <row r="772155" spans="14:14">
      <c r="N772155" s="10"/>
    </row>
    <row r="772156" spans="14:14">
      <c r="N772156" s="10"/>
    </row>
    <row r="772157" spans="14:14">
      <c r="N772157" s="10"/>
    </row>
    <row r="772158" spans="14:14">
      <c r="N772158" s="10"/>
    </row>
    <row r="772159" spans="14:14">
      <c r="N772159" s="10"/>
    </row>
    <row r="772160" spans="14:14">
      <c r="N772160" s="10"/>
    </row>
    <row r="772161" spans="14:14">
      <c r="N772161" s="10"/>
    </row>
    <row r="772162" spans="14:14">
      <c r="N772162" s="10"/>
    </row>
    <row r="772163" spans="14:14">
      <c r="N772163" s="10"/>
    </row>
    <row r="772164" spans="14:14">
      <c r="N772164" s="10"/>
    </row>
    <row r="772165" spans="14:14">
      <c r="N772165" s="10"/>
    </row>
    <row r="772166" spans="14:14">
      <c r="N772166" s="10"/>
    </row>
    <row r="772167" spans="14:14">
      <c r="N772167" s="10"/>
    </row>
    <row r="772168" spans="14:14">
      <c r="N772168" s="10"/>
    </row>
    <row r="772169" spans="14:14">
      <c r="N772169" s="10"/>
    </row>
    <row r="772170" spans="14:14">
      <c r="N772170" s="10"/>
    </row>
    <row r="772171" spans="14:14">
      <c r="N772171" s="10"/>
    </row>
    <row r="772172" spans="14:14">
      <c r="N772172" s="10"/>
    </row>
    <row r="772173" spans="14:14">
      <c r="N772173" s="10"/>
    </row>
    <row r="772174" spans="14:14">
      <c r="N772174" s="10"/>
    </row>
    <row r="772175" spans="14:14">
      <c r="N772175" s="10"/>
    </row>
    <row r="772176" spans="14:14">
      <c r="N772176" s="10"/>
    </row>
    <row r="772177" spans="14:14">
      <c r="N772177" s="10"/>
    </row>
    <row r="772178" spans="14:14">
      <c r="N772178" s="10"/>
    </row>
    <row r="772179" spans="14:14">
      <c r="N772179" s="10"/>
    </row>
    <row r="772180" spans="14:14">
      <c r="N772180" s="10"/>
    </row>
    <row r="772181" spans="14:14">
      <c r="N772181" s="10"/>
    </row>
    <row r="772182" spans="14:14">
      <c r="N772182" s="10"/>
    </row>
    <row r="772183" spans="14:14">
      <c r="N772183" s="10"/>
    </row>
    <row r="772184" spans="14:14">
      <c r="N772184" s="10"/>
    </row>
    <row r="772185" spans="14:14">
      <c r="N772185" s="10"/>
    </row>
    <row r="772186" spans="14:14">
      <c r="N772186" s="10"/>
    </row>
    <row r="772187" spans="14:14">
      <c r="N772187" s="10"/>
    </row>
    <row r="772188" spans="14:14">
      <c r="N772188" s="10"/>
    </row>
    <row r="772189" spans="14:14">
      <c r="N772189" s="10"/>
    </row>
    <row r="772190" spans="14:14">
      <c r="N772190" s="10"/>
    </row>
    <row r="772191" spans="14:14">
      <c r="N772191" s="10"/>
    </row>
    <row r="772192" spans="14:14">
      <c r="N772192" s="10"/>
    </row>
    <row r="772193" spans="14:14">
      <c r="N772193" s="10"/>
    </row>
    <row r="772194" spans="14:14">
      <c r="N772194" s="10"/>
    </row>
    <row r="772195" spans="14:14">
      <c r="N772195" s="10"/>
    </row>
    <row r="772196" spans="14:14">
      <c r="N772196" s="10"/>
    </row>
    <row r="772197" spans="14:14">
      <c r="N772197" s="10"/>
    </row>
    <row r="772198" spans="14:14">
      <c r="N772198" s="10"/>
    </row>
    <row r="772199" spans="14:14">
      <c r="N772199" s="10"/>
    </row>
    <row r="772200" spans="14:14">
      <c r="N772200" s="10"/>
    </row>
    <row r="772201" spans="14:14">
      <c r="N772201" s="10"/>
    </row>
    <row r="772202" spans="14:14">
      <c r="N772202" s="10"/>
    </row>
    <row r="772203" spans="14:14">
      <c r="N772203" s="10"/>
    </row>
    <row r="772204" spans="14:14">
      <c r="N772204" s="10"/>
    </row>
    <row r="772205" spans="14:14">
      <c r="N772205" s="10"/>
    </row>
    <row r="772206" spans="14:14">
      <c r="N772206" s="10"/>
    </row>
    <row r="772207" spans="14:14">
      <c r="N772207" s="10"/>
    </row>
    <row r="772208" spans="14:14">
      <c r="N772208" s="10"/>
    </row>
    <row r="772209" spans="14:14">
      <c r="N772209" s="10"/>
    </row>
    <row r="772210" spans="14:14">
      <c r="N772210" s="10"/>
    </row>
    <row r="772211" spans="14:14">
      <c r="N772211" s="10"/>
    </row>
    <row r="772212" spans="14:14">
      <c r="N772212" s="10"/>
    </row>
    <row r="772213" spans="14:14">
      <c r="N772213" s="10"/>
    </row>
    <row r="772214" spans="14:14">
      <c r="N772214" s="10"/>
    </row>
    <row r="772215" spans="14:14">
      <c r="N772215" s="10"/>
    </row>
    <row r="772216" spans="14:14">
      <c r="N772216" s="10"/>
    </row>
    <row r="772217" spans="14:14">
      <c r="N772217" s="10"/>
    </row>
    <row r="772218" spans="14:14">
      <c r="N772218" s="10"/>
    </row>
    <row r="772219" spans="14:14">
      <c r="N772219" s="10"/>
    </row>
    <row r="772220" spans="14:14">
      <c r="N772220" s="10"/>
    </row>
    <row r="772221" spans="14:14">
      <c r="N772221" s="10"/>
    </row>
    <row r="772222" spans="14:14">
      <c r="N772222" s="10"/>
    </row>
    <row r="772223" spans="14:14">
      <c r="N772223" s="10"/>
    </row>
    <row r="772224" spans="14:14">
      <c r="N772224" s="10"/>
    </row>
    <row r="772225" spans="14:14">
      <c r="N772225" s="10"/>
    </row>
    <row r="772226" spans="14:14">
      <c r="N772226" s="10"/>
    </row>
    <row r="772227" spans="14:14">
      <c r="N772227" s="10"/>
    </row>
    <row r="772228" spans="14:14">
      <c r="N772228" s="10"/>
    </row>
    <row r="772229" spans="14:14">
      <c r="N772229" s="10"/>
    </row>
    <row r="772230" spans="14:14">
      <c r="N772230" s="10"/>
    </row>
    <row r="772231" spans="14:14">
      <c r="N772231" s="10"/>
    </row>
    <row r="772232" spans="14:14">
      <c r="N772232" s="10"/>
    </row>
    <row r="772233" spans="14:14">
      <c r="N772233" s="10"/>
    </row>
    <row r="772234" spans="14:14">
      <c r="N772234" s="10"/>
    </row>
    <row r="772235" spans="14:14">
      <c r="N772235" s="10"/>
    </row>
    <row r="772236" spans="14:14">
      <c r="N772236" s="10"/>
    </row>
    <row r="772237" spans="14:14">
      <c r="N772237" s="10"/>
    </row>
    <row r="772238" spans="14:14">
      <c r="N772238" s="10"/>
    </row>
    <row r="772239" spans="14:14">
      <c r="N772239" s="10"/>
    </row>
    <row r="772240" spans="14:14">
      <c r="N772240" s="10"/>
    </row>
    <row r="772241" spans="14:14">
      <c r="N772241" s="10"/>
    </row>
    <row r="772242" spans="14:14">
      <c r="N772242" s="10"/>
    </row>
    <row r="772243" spans="14:14">
      <c r="N772243" s="10"/>
    </row>
    <row r="772244" spans="14:14">
      <c r="N772244" s="10"/>
    </row>
    <row r="772245" spans="14:14">
      <c r="N772245" s="10"/>
    </row>
    <row r="772246" spans="14:14">
      <c r="N772246" s="10"/>
    </row>
    <row r="772247" spans="14:14">
      <c r="N772247" s="10"/>
    </row>
    <row r="772248" spans="14:14">
      <c r="N772248" s="10"/>
    </row>
    <row r="772249" spans="14:14">
      <c r="N772249" s="10"/>
    </row>
    <row r="772250" spans="14:14">
      <c r="N772250" s="10"/>
    </row>
    <row r="772251" spans="14:14">
      <c r="N772251" s="10"/>
    </row>
    <row r="772252" spans="14:14">
      <c r="N772252" s="10"/>
    </row>
    <row r="772253" spans="14:14">
      <c r="N772253" s="10"/>
    </row>
    <row r="772254" spans="14:14">
      <c r="N772254" s="10"/>
    </row>
    <row r="772255" spans="14:14">
      <c r="N772255" s="10"/>
    </row>
    <row r="772256" spans="14:14">
      <c r="N772256" s="10"/>
    </row>
    <row r="772257" spans="14:14">
      <c r="N772257" s="10"/>
    </row>
    <row r="772258" spans="14:14">
      <c r="N772258" s="10"/>
    </row>
    <row r="772259" spans="14:14">
      <c r="N772259" s="10"/>
    </row>
    <row r="772260" spans="14:14">
      <c r="N772260" s="10"/>
    </row>
    <row r="772261" spans="14:14">
      <c r="N772261" s="10"/>
    </row>
    <row r="772262" spans="14:14">
      <c r="N772262" s="10"/>
    </row>
    <row r="772263" spans="14:14">
      <c r="N772263" s="10"/>
    </row>
    <row r="772264" spans="14:14">
      <c r="N772264" s="10"/>
    </row>
    <row r="772265" spans="14:14">
      <c r="N772265" s="10"/>
    </row>
    <row r="772266" spans="14:14">
      <c r="N772266" s="10"/>
    </row>
    <row r="772267" spans="14:14">
      <c r="N772267" s="10"/>
    </row>
    <row r="772268" spans="14:14">
      <c r="N772268" s="10"/>
    </row>
    <row r="772269" spans="14:14">
      <c r="N772269" s="10"/>
    </row>
    <row r="772270" spans="14:14">
      <c r="N772270" s="10"/>
    </row>
    <row r="772271" spans="14:14">
      <c r="N772271" s="10"/>
    </row>
    <row r="772272" spans="14:14">
      <c r="N772272" s="10"/>
    </row>
    <row r="772273" spans="14:14">
      <c r="N772273" s="10"/>
    </row>
    <row r="772274" spans="14:14">
      <c r="N772274" s="10"/>
    </row>
    <row r="772275" spans="14:14">
      <c r="N772275" s="10"/>
    </row>
    <row r="772276" spans="14:14">
      <c r="N772276" s="10"/>
    </row>
    <row r="772277" spans="14:14">
      <c r="N772277" s="10"/>
    </row>
    <row r="772278" spans="14:14">
      <c r="N772278" s="10"/>
    </row>
    <row r="772279" spans="14:14">
      <c r="N772279" s="10"/>
    </row>
    <row r="772280" spans="14:14">
      <c r="N772280" s="10"/>
    </row>
    <row r="772281" spans="14:14">
      <c r="N772281" s="10"/>
    </row>
    <row r="772282" spans="14:14">
      <c r="N772282" s="10"/>
    </row>
    <row r="772283" spans="14:14">
      <c r="N772283" s="10"/>
    </row>
    <row r="772284" spans="14:14">
      <c r="N772284" s="10"/>
    </row>
    <row r="772285" spans="14:14">
      <c r="N772285" s="10"/>
    </row>
    <row r="772286" spans="14:14">
      <c r="N772286" s="10"/>
    </row>
    <row r="772287" spans="14:14">
      <c r="N772287" s="10"/>
    </row>
    <row r="772288" spans="14:14">
      <c r="N772288" s="10"/>
    </row>
    <row r="772289" spans="14:14">
      <c r="N772289" s="10"/>
    </row>
    <row r="772290" spans="14:14">
      <c r="N772290" s="10"/>
    </row>
    <row r="772291" spans="14:14">
      <c r="N772291" s="10"/>
    </row>
    <row r="772292" spans="14:14">
      <c r="N772292" s="10"/>
    </row>
    <row r="772293" spans="14:14">
      <c r="N772293" s="10"/>
    </row>
    <row r="772294" spans="14:14">
      <c r="N772294" s="10"/>
    </row>
    <row r="772295" spans="14:14">
      <c r="N772295" s="10"/>
    </row>
    <row r="772296" spans="14:14">
      <c r="N772296" s="10"/>
    </row>
    <row r="772297" spans="14:14">
      <c r="N772297" s="10"/>
    </row>
    <row r="772298" spans="14:14">
      <c r="N772298" s="10"/>
    </row>
    <row r="772299" spans="14:14">
      <c r="N772299" s="10"/>
    </row>
    <row r="772300" spans="14:14">
      <c r="N772300" s="10"/>
    </row>
    <row r="772301" spans="14:14">
      <c r="N772301" s="10"/>
    </row>
    <row r="772302" spans="14:14">
      <c r="N772302" s="10"/>
    </row>
    <row r="772303" spans="14:14">
      <c r="N772303" s="10"/>
    </row>
    <row r="772304" spans="14:14">
      <c r="N772304" s="10"/>
    </row>
    <row r="772305" spans="14:14">
      <c r="N772305" s="10"/>
    </row>
    <row r="772306" spans="14:14">
      <c r="N772306" s="10"/>
    </row>
    <row r="772307" spans="14:14">
      <c r="N772307" s="10"/>
    </row>
    <row r="772308" spans="14:14">
      <c r="N772308" s="10"/>
    </row>
    <row r="772309" spans="14:14">
      <c r="N772309" s="10"/>
    </row>
    <row r="772310" spans="14:14">
      <c r="N772310" s="10"/>
    </row>
    <row r="772311" spans="14:14">
      <c r="N772311" s="10"/>
    </row>
    <row r="772312" spans="14:14">
      <c r="N772312" s="10"/>
    </row>
    <row r="772313" spans="14:14">
      <c r="N772313" s="10"/>
    </row>
    <row r="772314" spans="14:14">
      <c r="N772314" s="10"/>
    </row>
    <row r="772315" spans="14:14">
      <c r="N772315" s="10"/>
    </row>
    <row r="772316" spans="14:14">
      <c r="N772316" s="10"/>
    </row>
    <row r="772317" spans="14:14">
      <c r="N772317" s="10"/>
    </row>
    <row r="772318" spans="14:14">
      <c r="N772318" s="10"/>
    </row>
    <row r="772319" spans="14:14">
      <c r="N772319" s="10"/>
    </row>
    <row r="772320" spans="14:14">
      <c r="N772320" s="10"/>
    </row>
    <row r="772321" spans="14:14">
      <c r="N772321" s="10"/>
    </row>
    <row r="772322" spans="14:14">
      <c r="N772322" s="10"/>
    </row>
    <row r="772323" spans="14:14">
      <c r="N772323" s="10"/>
    </row>
    <row r="772324" spans="14:14">
      <c r="N772324" s="10"/>
    </row>
    <row r="772325" spans="14:14">
      <c r="N772325" s="10"/>
    </row>
    <row r="772326" spans="14:14">
      <c r="N772326" s="10"/>
    </row>
    <row r="772327" spans="14:14">
      <c r="N772327" s="10"/>
    </row>
    <row r="772328" spans="14:14">
      <c r="N772328" s="10"/>
    </row>
    <row r="772329" spans="14:14">
      <c r="N772329" s="10"/>
    </row>
    <row r="772330" spans="14:14">
      <c r="N772330" s="10"/>
    </row>
    <row r="772331" spans="14:14">
      <c r="N772331" s="10"/>
    </row>
    <row r="772332" spans="14:14">
      <c r="N772332" s="10"/>
    </row>
    <row r="772333" spans="14:14">
      <c r="N772333" s="10"/>
    </row>
    <row r="772334" spans="14:14">
      <c r="N772334" s="10"/>
    </row>
    <row r="772335" spans="14:14">
      <c r="N772335" s="10"/>
    </row>
    <row r="772336" spans="14:14">
      <c r="N772336" s="10"/>
    </row>
    <row r="772337" spans="14:14">
      <c r="N772337" s="10"/>
    </row>
    <row r="772338" spans="14:14">
      <c r="N772338" s="10"/>
    </row>
    <row r="772339" spans="14:14">
      <c r="N772339" s="10"/>
    </row>
    <row r="772340" spans="14:14">
      <c r="N772340" s="10"/>
    </row>
    <row r="772341" spans="14:14">
      <c r="N772341" s="10"/>
    </row>
    <row r="772342" spans="14:14">
      <c r="N772342" s="10"/>
    </row>
    <row r="772343" spans="14:14">
      <c r="N772343" s="10"/>
    </row>
    <row r="772344" spans="14:14">
      <c r="N772344" s="10"/>
    </row>
    <row r="772345" spans="14:14">
      <c r="N772345" s="10"/>
    </row>
    <row r="772346" spans="14:14">
      <c r="N772346" s="10"/>
    </row>
    <row r="772347" spans="14:14">
      <c r="N772347" s="10"/>
    </row>
    <row r="772348" spans="14:14">
      <c r="N772348" s="10"/>
    </row>
    <row r="772349" spans="14:14">
      <c r="N772349" s="10"/>
    </row>
    <row r="772350" spans="14:14">
      <c r="N772350" s="10"/>
    </row>
    <row r="772351" spans="14:14">
      <c r="N772351" s="10"/>
    </row>
    <row r="772352" spans="14:14">
      <c r="N772352" s="10"/>
    </row>
    <row r="772353" spans="14:14">
      <c r="N772353" s="10"/>
    </row>
    <row r="772354" spans="14:14">
      <c r="N772354" s="10"/>
    </row>
    <row r="772355" spans="14:14">
      <c r="N772355" s="10"/>
    </row>
    <row r="772356" spans="14:14">
      <c r="N772356" s="10"/>
    </row>
    <row r="772357" spans="14:14">
      <c r="N772357" s="10"/>
    </row>
    <row r="772358" spans="14:14">
      <c r="N772358" s="10"/>
    </row>
    <row r="772359" spans="14:14">
      <c r="N772359" s="10"/>
    </row>
    <row r="772360" spans="14:14">
      <c r="N772360" s="10"/>
    </row>
    <row r="772361" spans="14:14">
      <c r="N772361" s="10"/>
    </row>
    <row r="772362" spans="14:14">
      <c r="N772362" s="10"/>
    </row>
    <row r="772363" spans="14:14">
      <c r="N772363" s="10"/>
    </row>
    <row r="772364" spans="14:14">
      <c r="N772364" s="10"/>
    </row>
    <row r="772365" spans="14:14">
      <c r="N772365" s="10"/>
    </row>
    <row r="772366" spans="14:14">
      <c r="N772366" s="10"/>
    </row>
    <row r="772367" spans="14:14">
      <c r="N772367" s="10"/>
    </row>
    <row r="772368" spans="14:14">
      <c r="N772368" s="10"/>
    </row>
    <row r="772369" spans="14:14">
      <c r="N772369" s="10"/>
    </row>
    <row r="772370" spans="14:14">
      <c r="N772370" s="10"/>
    </row>
    <row r="772371" spans="14:14">
      <c r="N772371" s="10"/>
    </row>
    <row r="772372" spans="14:14">
      <c r="N772372" s="10"/>
    </row>
    <row r="772373" spans="14:14">
      <c r="N772373" s="10"/>
    </row>
    <row r="772374" spans="14:14">
      <c r="N772374" s="10"/>
    </row>
    <row r="772375" spans="14:14">
      <c r="N772375" s="10"/>
    </row>
    <row r="772376" spans="14:14">
      <c r="N772376" s="10"/>
    </row>
    <row r="772377" spans="14:14">
      <c r="N772377" s="10"/>
    </row>
    <row r="772378" spans="14:14">
      <c r="N772378" s="10"/>
    </row>
    <row r="772379" spans="14:14">
      <c r="N772379" s="10"/>
    </row>
    <row r="772380" spans="14:14">
      <c r="N772380" s="10"/>
    </row>
    <row r="772381" spans="14:14">
      <c r="N772381" s="10"/>
    </row>
    <row r="772382" spans="14:14">
      <c r="N772382" s="10"/>
    </row>
    <row r="772383" spans="14:14">
      <c r="N772383" s="10"/>
    </row>
    <row r="772384" spans="14:14">
      <c r="N772384" s="10"/>
    </row>
    <row r="772385" spans="14:14">
      <c r="N772385" s="10"/>
    </row>
    <row r="772386" spans="14:14">
      <c r="N772386" s="10"/>
    </row>
    <row r="772387" spans="14:14">
      <c r="N772387" s="10"/>
    </row>
    <row r="772388" spans="14:14">
      <c r="N772388" s="10"/>
    </row>
    <row r="772389" spans="14:14">
      <c r="N772389" s="10"/>
    </row>
    <row r="772390" spans="14:14">
      <c r="N772390" s="10"/>
    </row>
    <row r="772391" spans="14:14">
      <c r="N772391" s="10"/>
    </row>
    <row r="772392" spans="14:14">
      <c r="N772392" s="10"/>
    </row>
    <row r="772393" spans="14:14">
      <c r="N772393" s="10"/>
    </row>
    <row r="772394" spans="14:14">
      <c r="N772394" s="10"/>
    </row>
    <row r="772395" spans="14:14">
      <c r="N772395" s="10"/>
    </row>
    <row r="772396" spans="14:14">
      <c r="N772396" s="10"/>
    </row>
    <row r="772397" spans="14:14">
      <c r="N772397" s="10"/>
    </row>
    <row r="772398" spans="14:14">
      <c r="N772398" s="10"/>
    </row>
    <row r="772399" spans="14:14">
      <c r="N772399" s="10"/>
    </row>
    <row r="772400" spans="14:14">
      <c r="N772400" s="10"/>
    </row>
    <row r="772401" spans="14:14">
      <c r="N772401" s="10"/>
    </row>
    <row r="772402" spans="14:14">
      <c r="N772402" s="10"/>
    </row>
    <row r="772403" spans="14:14">
      <c r="N772403" s="10"/>
    </row>
    <row r="772404" spans="14:14">
      <c r="N772404" s="10"/>
    </row>
    <row r="772405" spans="14:14">
      <c r="N772405" s="10"/>
    </row>
    <row r="772406" spans="14:14">
      <c r="N772406" s="10"/>
    </row>
    <row r="772407" spans="14:14">
      <c r="N772407" s="10"/>
    </row>
    <row r="772408" spans="14:14">
      <c r="N772408" s="10"/>
    </row>
    <row r="772409" spans="14:14">
      <c r="N772409" s="10"/>
    </row>
    <row r="772410" spans="14:14">
      <c r="N772410" s="10"/>
    </row>
    <row r="772411" spans="14:14">
      <c r="N772411" s="10"/>
    </row>
    <row r="772412" spans="14:14">
      <c r="N772412" s="10"/>
    </row>
    <row r="772413" spans="14:14">
      <c r="N772413" s="10"/>
    </row>
    <row r="772414" spans="14:14">
      <c r="N772414" s="10"/>
    </row>
    <row r="772415" spans="14:14">
      <c r="N772415" s="10"/>
    </row>
    <row r="772416" spans="14:14">
      <c r="N772416" s="10"/>
    </row>
    <row r="772417" spans="14:14">
      <c r="N772417" s="10"/>
    </row>
    <row r="772418" spans="14:14">
      <c r="N772418" s="10"/>
    </row>
    <row r="772419" spans="14:14">
      <c r="N772419" s="10"/>
    </row>
    <row r="772420" spans="14:14">
      <c r="N772420" s="10"/>
    </row>
    <row r="772421" spans="14:14">
      <c r="N772421" s="10"/>
    </row>
    <row r="772422" spans="14:14">
      <c r="N772422" s="10"/>
    </row>
    <row r="772423" spans="14:14">
      <c r="N772423" s="10"/>
    </row>
    <row r="772424" spans="14:14">
      <c r="N772424" s="10"/>
    </row>
    <row r="772425" spans="14:14">
      <c r="N772425" s="10"/>
    </row>
    <row r="772426" spans="14:14">
      <c r="N772426" s="10"/>
    </row>
    <row r="772427" spans="14:14">
      <c r="N772427" s="10"/>
    </row>
    <row r="772428" spans="14:14">
      <c r="N772428" s="10"/>
    </row>
    <row r="772429" spans="14:14">
      <c r="N772429" s="10"/>
    </row>
    <row r="772430" spans="14:14">
      <c r="N772430" s="10"/>
    </row>
    <row r="772431" spans="14:14">
      <c r="N772431" s="10"/>
    </row>
    <row r="772432" spans="14:14">
      <c r="N772432" s="10"/>
    </row>
    <row r="772433" spans="14:14">
      <c r="N772433" s="10"/>
    </row>
    <row r="772434" spans="14:14">
      <c r="N772434" s="10"/>
    </row>
    <row r="772435" spans="14:14">
      <c r="N772435" s="10"/>
    </row>
    <row r="772436" spans="14:14">
      <c r="N772436" s="10"/>
    </row>
    <row r="772437" spans="14:14">
      <c r="N772437" s="10"/>
    </row>
    <row r="772438" spans="14:14">
      <c r="N772438" s="10"/>
    </row>
    <row r="772439" spans="14:14">
      <c r="N772439" s="10"/>
    </row>
    <row r="772440" spans="14:14">
      <c r="N772440" s="10"/>
    </row>
    <row r="772441" spans="14:14">
      <c r="N772441" s="10"/>
    </row>
    <row r="772442" spans="14:14">
      <c r="N772442" s="10"/>
    </row>
    <row r="772443" spans="14:14">
      <c r="N772443" s="10"/>
    </row>
    <row r="772444" spans="14:14">
      <c r="N772444" s="10"/>
    </row>
    <row r="772445" spans="14:14">
      <c r="N772445" s="10"/>
    </row>
    <row r="772446" spans="14:14">
      <c r="N772446" s="10"/>
    </row>
    <row r="772447" spans="14:14">
      <c r="N772447" s="10"/>
    </row>
    <row r="772448" spans="14:14">
      <c r="N772448" s="10"/>
    </row>
    <row r="772449" spans="14:14">
      <c r="N772449" s="10"/>
    </row>
    <row r="772450" spans="14:14">
      <c r="N772450" s="10"/>
    </row>
    <row r="772451" spans="14:14">
      <c r="N772451" s="10"/>
    </row>
    <row r="772452" spans="14:14">
      <c r="N772452" s="10"/>
    </row>
    <row r="772453" spans="14:14">
      <c r="N772453" s="10"/>
    </row>
    <row r="772454" spans="14:14">
      <c r="N772454" s="10"/>
    </row>
    <row r="772455" spans="14:14">
      <c r="N772455" s="10"/>
    </row>
    <row r="772456" spans="14:14">
      <c r="N772456" s="10"/>
    </row>
    <row r="772457" spans="14:14">
      <c r="N772457" s="10"/>
    </row>
    <row r="772458" spans="14:14">
      <c r="N772458" s="10"/>
    </row>
    <row r="772459" spans="14:14">
      <c r="N772459" s="10"/>
    </row>
    <row r="772460" spans="14:14">
      <c r="N772460" s="10"/>
    </row>
    <row r="772461" spans="14:14">
      <c r="N772461" s="10"/>
    </row>
    <row r="772462" spans="14:14">
      <c r="N772462" s="10"/>
    </row>
    <row r="772463" spans="14:14">
      <c r="N772463" s="10"/>
    </row>
    <row r="772464" spans="14:14">
      <c r="N772464" s="10"/>
    </row>
    <row r="772465" spans="14:14">
      <c r="N772465" s="10"/>
    </row>
    <row r="772466" spans="14:14">
      <c r="N772466" s="10"/>
    </row>
    <row r="772467" spans="14:14">
      <c r="N772467" s="10"/>
    </row>
    <row r="772468" spans="14:14">
      <c r="N772468" s="10"/>
    </row>
    <row r="772469" spans="14:14">
      <c r="N772469" s="10"/>
    </row>
    <row r="772470" spans="14:14">
      <c r="N772470" s="10"/>
    </row>
    <row r="772471" spans="14:14">
      <c r="N772471" s="10"/>
    </row>
    <row r="772472" spans="14:14">
      <c r="N772472" s="10"/>
    </row>
    <row r="772473" spans="14:14">
      <c r="N772473" s="10"/>
    </row>
    <row r="772474" spans="14:14">
      <c r="N772474" s="10"/>
    </row>
    <row r="772475" spans="14:14">
      <c r="N772475" s="10"/>
    </row>
    <row r="772476" spans="14:14">
      <c r="N772476" s="10"/>
    </row>
    <row r="772477" spans="14:14">
      <c r="N772477" s="10"/>
    </row>
    <row r="772478" spans="14:14">
      <c r="N772478" s="10"/>
    </row>
    <row r="772479" spans="14:14">
      <c r="N772479" s="10"/>
    </row>
    <row r="772480" spans="14:14">
      <c r="N772480" s="10"/>
    </row>
    <row r="772481" spans="14:14">
      <c r="N772481" s="10"/>
    </row>
    <row r="772482" spans="14:14">
      <c r="N772482" s="10"/>
    </row>
    <row r="772483" spans="14:14">
      <c r="N772483" s="10"/>
    </row>
    <row r="772484" spans="14:14">
      <c r="N772484" s="10"/>
    </row>
    <row r="772485" spans="14:14">
      <c r="N772485" s="10"/>
    </row>
    <row r="772486" spans="14:14">
      <c r="N772486" s="10"/>
    </row>
    <row r="772487" spans="14:14">
      <c r="N772487" s="10"/>
    </row>
    <row r="772488" spans="14:14">
      <c r="N772488" s="10"/>
    </row>
    <row r="772489" spans="14:14">
      <c r="N772489" s="10"/>
    </row>
    <row r="772490" spans="14:14">
      <c r="N772490" s="10"/>
    </row>
    <row r="772491" spans="14:14">
      <c r="N772491" s="10"/>
    </row>
    <row r="772492" spans="14:14">
      <c r="N772492" s="10"/>
    </row>
    <row r="772493" spans="14:14">
      <c r="N772493" s="10"/>
    </row>
    <row r="772494" spans="14:14">
      <c r="N772494" s="10"/>
    </row>
    <row r="772495" spans="14:14">
      <c r="N772495" s="10"/>
    </row>
    <row r="772496" spans="14:14">
      <c r="N772496" s="10"/>
    </row>
    <row r="772497" spans="14:14">
      <c r="N772497" s="10"/>
    </row>
    <row r="772498" spans="14:14">
      <c r="N772498" s="10"/>
    </row>
    <row r="772499" spans="14:14">
      <c r="N772499" s="10"/>
    </row>
    <row r="772500" spans="14:14">
      <c r="N772500" s="10"/>
    </row>
    <row r="772501" spans="14:14">
      <c r="N772501" s="10"/>
    </row>
    <row r="772502" spans="14:14">
      <c r="N772502" s="10"/>
    </row>
    <row r="772503" spans="14:14">
      <c r="N772503" s="10"/>
    </row>
    <row r="772504" spans="14:14">
      <c r="N772504" s="10"/>
    </row>
    <row r="772505" spans="14:14">
      <c r="N772505" s="10"/>
    </row>
    <row r="772506" spans="14:14">
      <c r="N772506" s="10"/>
    </row>
    <row r="772507" spans="14:14">
      <c r="N772507" s="10"/>
    </row>
    <row r="772508" spans="14:14">
      <c r="N772508" s="10"/>
    </row>
    <row r="772509" spans="14:14">
      <c r="N772509" s="10"/>
    </row>
    <row r="772510" spans="14:14">
      <c r="N772510" s="10"/>
    </row>
    <row r="772511" spans="14:14">
      <c r="N772511" s="10"/>
    </row>
    <row r="772512" spans="14:14">
      <c r="N772512" s="10"/>
    </row>
    <row r="772513" spans="14:14">
      <c r="N772513" s="10"/>
    </row>
    <row r="772514" spans="14:14">
      <c r="N772514" s="10"/>
    </row>
    <row r="772515" spans="14:14">
      <c r="N772515" s="10"/>
    </row>
    <row r="772516" spans="14:14">
      <c r="N772516" s="10"/>
    </row>
    <row r="772517" spans="14:14">
      <c r="N772517" s="10"/>
    </row>
    <row r="772518" spans="14:14">
      <c r="N772518" s="10"/>
    </row>
    <row r="772519" spans="14:14">
      <c r="N772519" s="10"/>
    </row>
    <row r="772520" spans="14:14">
      <c r="N772520" s="10"/>
    </row>
    <row r="772521" spans="14:14">
      <c r="N772521" s="10"/>
    </row>
    <row r="772522" spans="14:14">
      <c r="N772522" s="10"/>
    </row>
    <row r="772523" spans="14:14">
      <c r="N772523" s="10"/>
    </row>
    <row r="772524" spans="14:14">
      <c r="N772524" s="10"/>
    </row>
    <row r="772525" spans="14:14">
      <c r="N772525" s="10"/>
    </row>
    <row r="772526" spans="14:14">
      <c r="N772526" s="10"/>
    </row>
    <row r="772527" spans="14:14">
      <c r="N772527" s="10"/>
    </row>
    <row r="772528" spans="14:14">
      <c r="N772528" s="10"/>
    </row>
    <row r="772529" spans="14:14">
      <c r="N772529" s="10"/>
    </row>
    <row r="772530" spans="14:14">
      <c r="N772530" s="10"/>
    </row>
    <row r="772531" spans="14:14">
      <c r="N772531" s="10"/>
    </row>
    <row r="772532" spans="14:14">
      <c r="N772532" s="10"/>
    </row>
    <row r="772533" spans="14:14">
      <c r="N772533" s="10"/>
    </row>
    <row r="772534" spans="14:14">
      <c r="N772534" s="10"/>
    </row>
    <row r="772535" spans="14:14">
      <c r="N772535" s="10"/>
    </row>
    <row r="772536" spans="14:14">
      <c r="N772536" s="10"/>
    </row>
    <row r="772537" spans="14:14">
      <c r="N772537" s="10"/>
    </row>
    <row r="772538" spans="14:14">
      <c r="N772538" s="10"/>
    </row>
    <row r="772539" spans="14:14">
      <c r="N772539" s="10"/>
    </row>
    <row r="772540" spans="14:14">
      <c r="N772540" s="10"/>
    </row>
    <row r="772541" spans="14:14">
      <c r="N772541" s="10"/>
    </row>
    <row r="772542" spans="14:14">
      <c r="N772542" s="10"/>
    </row>
    <row r="772543" spans="14:14">
      <c r="N772543" s="10"/>
    </row>
    <row r="772544" spans="14:14">
      <c r="N772544" s="10"/>
    </row>
    <row r="772545" spans="14:14">
      <c r="N772545" s="10"/>
    </row>
    <row r="772546" spans="14:14">
      <c r="N772546" s="10"/>
    </row>
    <row r="772547" spans="14:14">
      <c r="N772547" s="10"/>
    </row>
    <row r="772548" spans="14:14">
      <c r="N772548" s="10"/>
    </row>
    <row r="772549" spans="14:14">
      <c r="N772549" s="10"/>
    </row>
    <row r="772550" spans="14:14">
      <c r="N772550" s="10"/>
    </row>
    <row r="772551" spans="14:14">
      <c r="N772551" s="10"/>
    </row>
    <row r="772552" spans="14:14">
      <c r="N772552" s="10"/>
    </row>
    <row r="772553" spans="14:14">
      <c r="N772553" s="10"/>
    </row>
    <row r="772554" spans="14:14">
      <c r="N772554" s="10"/>
    </row>
    <row r="772555" spans="14:14">
      <c r="N772555" s="10"/>
    </row>
    <row r="772556" spans="14:14">
      <c r="N772556" s="10"/>
    </row>
    <row r="772557" spans="14:14">
      <c r="N772557" s="10"/>
    </row>
    <row r="772558" spans="14:14">
      <c r="N772558" s="10"/>
    </row>
    <row r="772559" spans="14:14">
      <c r="N772559" s="10"/>
    </row>
    <row r="772560" spans="14:14">
      <c r="N772560" s="10"/>
    </row>
    <row r="772561" spans="14:14">
      <c r="N772561" s="10"/>
    </row>
    <row r="772562" spans="14:14">
      <c r="N772562" s="10"/>
    </row>
    <row r="772563" spans="14:14">
      <c r="N772563" s="10"/>
    </row>
    <row r="772564" spans="14:14">
      <c r="N772564" s="10"/>
    </row>
    <row r="772565" spans="14:14">
      <c r="N772565" s="10"/>
    </row>
    <row r="772566" spans="14:14">
      <c r="N772566" s="10"/>
    </row>
    <row r="772567" spans="14:14">
      <c r="N772567" s="10"/>
    </row>
    <row r="772568" spans="14:14">
      <c r="N772568" s="10"/>
    </row>
    <row r="772569" spans="14:14">
      <c r="N772569" s="10"/>
    </row>
    <row r="772570" spans="14:14">
      <c r="N772570" s="10"/>
    </row>
    <row r="772571" spans="14:14">
      <c r="N772571" s="10"/>
    </row>
    <row r="772572" spans="14:14">
      <c r="N772572" s="10"/>
    </row>
    <row r="772573" spans="14:14">
      <c r="N772573" s="10"/>
    </row>
    <row r="772574" spans="14:14">
      <c r="N772574" s="10"/>
    </row>
    <row r="772575" spans="14:14">
      <c r="N772575" s="10"/>
    </row>
    <row r="772576" spans="14:14">
      <c r="N772576" s="10"/>
    </row>
    <row r="772577" spans="14:14">
      <c r="N772577" s="10"/>
    </row>
    <row r="772578" spans="14:14">
      <c r="N772578" s="10"/>
    </row>
    <row r="772579" spans="14:14">
      <c r="N772579" s="10"/>
    </row>
    <row r="772580" spans="14:14">
      <c r="N772580" s="10"/>
    </row>
    <row r="772581" spans="14:14">
      <c r="N772581" s="10"/>
    </row>
    <row r="772582" spans="14:14">
      <c r="N772582" s="10"/>
    </row>
    <row r="772583" spans="14:14">
      <c r="N772583" s="10"/>
    </row>
    <row r="772584" spans="14:14">
      <c r="N772584" s="10"/>
    </row>
    <row r="772585" spans="14:14">
      <c r="N772585" s="10"/>
    </row>
    <row r="772586" spans="14:14">
      <c r="N772586" s="10"/>
    </row>
    <row r="772587" spans="14:14">
      <c r="N772587" s="10"/>
    </row>
    <row r="772588" spans="14:14">
      <c r="N772588" s="10"/>
    </row>
    <row r="772589" spans="14:14">
      <c r="N772589" s="10"/>
    </row>
    <row r="772590" spans="14:14">
      <c r="N772590" s="10"/>
    </row>
    <row r="772591" spans="14:14">
      <c r="N772591" s="10"/>
    </row>
    <row r="772592" spans="14:14">
      <c r="N772592" s="10"/>
    </row>
    <row r="772593" spans="14:14">
      <c r="N772593" s="10"/>
    </row>
    <row r="772594" spans="14:14">
      <c r="N772594" s="10"/>
    </row>
    <row r="772595" spans="14:14">
      <c r="N772595" s="10"/>
    </row>
    <row r="772596" spans="14:14">
      <c r="N772596" s="10"/>
    </row>
    <row r="772597" spans="14:14">
      <c r="N772597" s="10"/>
    </row>
    <row r="772598" spans="14:14">
      <c r="N772598" s="10"/>
    </row>
    <row r="772599" spans="14:14">
      <c r="N772599" s="10"/>
    </row>
    <row r="772600" spans="14:14">
      <c r="N772600" s="10"/>
    </row>
    <row r="772601" spans="14:14">
      <c r="N772601" s="10"/>
    </row>
    <row r="772602" spans="14:14">
      <c r="N772602" s="10"/>
    </row>
    <row r="772603" spans="14:14">
      <c r="N772603" s="10"/>
    </row>
    <row r="772604" spans="14:14">
      <c r="N772604" s="10"/>
    </row>
    <row r="772605" spans="14:14">
      <c r="N772605" s="10"/>
    </row>
    <row r="772606" spans="14:14">
      <c r="N772606" s="10"/>
    </row>
    <row r="772607" spans="14:14">
      <c r="N772607" s="10"/>
    </row>
    <row r="772608" spans="14:14">
      <c r="N772608" s="10"/>
    </row>
    <row r="772609" spans="14:14">
      <c r="N772609" s="10"/>
    </row>
    <row r="772610" spans="14:14">
      <c r="N772610" s="10"/>
    </row>
    <row r="772611" spans="14:14">
      <c r="N772611" s="10"/>
    </row>
    <row r="772612" spans="14:14">
      <c r="N772612" s="10"/>
    </row>
    <row r="772613" spans="14:14">
      <c r="N772613" s="10"/>
    </row>
    <row r="772614" spans="14:14">
      <c r="N772614" s="10"/>
    </row>
    <row r="772615" spans="14:14">
      <c r="N772615" s="10"/>
    </row>
    <row r="772616" spans="14:14">
      <c r="N772616" s="10"/>
    </row>
    <row r="772617" spans="14:14">
      <c r="N772617" s="10"/>
    </row>
    <row r="772618" spans="14:14">
      <c r="N772618" s="10"/>
    </row>
    <row r="772619" spans="14:14">
      <c r="N772619" s="10"/>
    </row>
    <row r="772620" spans="14:14">
      <c r="N772620" s="10"/>
    </row>
    <row r="772621" spans="14:14">
      <c r="N772621" s="10"/>
    </row>
    <row r="772622" spans="14:14">
      <c r="N772622" s="10"/>
    </row>
    <row r="772623" spans="14:14">
      <c r="N772623" s="10"/>
    </row>
    <row r="772624" spans="14:14">
      <c r="N772624" s="10"/>
    </row>
    <row r="772625" spans="14:14">
      <c r="N772625" s="10"/>
    </row>
    <row r="772626" spans="14:14">
      <c r="N772626" s="10"/>
    </row>
    <row r="772627" spans="14:14">
      <c r="N772627" s="10"/>
    </row>
    <row r="772628" spans="14:14">
      <c r="N772628" s="10"/>
    </row>
    <row r="772629" spans="14:14">
      <c r="N772629" s="10"/>
    </row>
    <row r="772630" spans="14:14">
      <c r="N772630" s="10"/>
    </row>
    <row r="772631" spans="14:14">
      <c r="N772631" s="10"/>
    </row>
    <row r="772632" spans="14:14">
      <c r="N772632" s="10"/>
    </row>
    <row r="772633" spans="14:14">
      <c r="N772633" s="10"/>
    </row>
    <row r="772634" spans="14:14">
      <c r="N772634" s="10"/>
    </row>
    <row r="772635" spans="14:14">
      <c r="N772635" s="10"/>
    </row>
    <row r="772636" spans="14:14">
      <c r="N772636" s="10"/>
    </row>
    <row r="772637" spans="14:14">
      <c r="N772637" s="10"/>
    </row>
    <row r="772638" spans="14:14">
      <c r="N772638" s="10"/>
    </row>
    <row r="772639" spans="14:14">
      <c r="N772639" s="10"/>
    </row>
    <row r="772640" spans="14:14">
      <c r="N772640" s="10"/>
    </row>
    <row r="772641" spans="14:14">
      <c r="N772641" s="10"/>
    </row>
    <row r="772642" spans="14:14">
      <c r="N772642" s="10"/>
    </row>
    <row r="772643" spans="14:14">
      <c r="N772643" s="10"/>
    </row>
    <row r="772644" spans="14:14">
      <c r="N772644" s="10"/>
    </row>
    <row r="772645" spans="14:14">
      <c r="N772645" s="10"/>
    </row>
    <row r="772646" spans="14:14">
      <c r="N772646" s="10"/>
    </row>
    <row r="772647" spans="14:14">
      <c r="N772647" s="10"/>
    </row>
    <row r="772648" spans="14:14">
      <c r="N772648" s="10"/>
    </row>
    <row r="772649" spans="14:14">
      <c r="N772649" s="10"/>
    </row>
    <row r="772650" spans="14:14">
      <c r="N772650" s="10"/>
    </row>
    <row r="772651" spans="14:14">
      <c r="N772651" s="10"/>
    </row>
    <row r="772652" spans="14:14">
      <c r="N772652" s="10"/>
    </row>
    <row r="772653" spans="14:14">
      <c r="N772653" s="10"/>
    </row>
    <row r="772654" spans="14:14">
      <c r="N772654" s="10"/>
    </row>
    <row r="772655" spans="14:14">
      <c r="N772655" s="10"/>
    </row>
    <row r="772656" spans="14:14">
      <c r="N772656" s="10"/>
    </row>
    <row r="772657" spans="14:14">
      <c r="N772657" s="10"/>
    </row>
    <row r="772658" spans="14:14">
      <c r="N772658" s="10"/>
    </row>
    <row r="772659" spans="14:14">
      <c r="N772659" s="10"/>
    </row>
    <row r="772660" spans="14:14">
      <c r="N772660" s="10"/>
    </row>
    <row r="772661" spans="14:14">
      <c r="N772661" s="10"/>
    </row>
    <row r="772662" spans="14:14">
      <c r="N772662" s="10"/>
    </row>
    <row r="772663" spans="14:14">
      <c r="N772663" s="10"/>
    </row>
    <row r="772664" spans="14:14">
      <c r="N772664" s="10"/>
    </row>
    <row r="772665" spans="14:14">
      <c r="N772665" s="10"/>
    </row>
    <row r="772666" spans="14:14">
      <c r="N772666" s="10"/>
    </row>
    <row r="772667" spans="14:14">
      <c r="N772667" s="10"/>
    </row>
    <row r="772668" spans="14:14">
      <c r="N772668" s="10"/>
    </row>
    <row r="772669" spans="14:14">
      <c r="N772669" s="10"/>
    </row>
    <row r="772670" spans="14:14">
      <c r="N772670" s="10"/>
    </row>
    <row r="772671" spans="14:14">
      <c r="N772671" s="10"/>
    </row>
    <row r="772672" spans="14:14">
      <c r="N772672" s="10"/>
    </row>
    <row r="772673" spans="14:14">
      <c r="N772673" s="10"/>
    </row>
    <row r="772674" spans="14:14">
      <c r="N772674" s="10"/>
    </row>
    <row r="772675" spans="14:14">
      <c r="N772675" s="10"/>
    </row>
    <row r="772676" spans="14:14">
      <c r="N772676" s="10"/>
    </row>
    <row r="772677" spans="14:14">
      <c r="N772677" s="10"/>
    </row>
    <row r="772678" spans="14:14">
      <c r="N772678" s="10"/>
    </row>
    <row r="772679" spans="14:14">
      <c r="N772679" s="10"/>
    </row>
    <row r="772680" spans="14:14">
      <c r="N772680" s="10"/>
    </row>
    <row r="772681" spans="14:14">
      <c r="N772681" s="10"/>
    </row>
    <row r="772682" spans="14:14">
      <c r="N772682" s="10"/>
    </row>
    <row r="772683" spans="14:14">
      <c r="N772683" s="10"/>
    </row>
    <row r="772684" spans="14:14">
      <c r="N772684" s="10"/>
    </row>
    <row r="772685" spans="14:14">
      <c r="N772685" s="10"/>
    </row>
    <row r="772686" spans="14:14">
      <c r="N772686" s="10"/>
    </row>
    <row r="772687" spans="14:14">
      <c r="N772687" s="10"/>
    </row>
    <row r="772688" spans="14:14">
      <c r="N772688" s="10"/>
    </row>
    <row r="772689" spans="14:14">
      <c r="N772689" s="10"/>
    </row>
    <row r="772690" spans="14:14">
      <c r="N772690" s="10"/>
    </row>
    <row r="772691" spans="14:14">
      <c r="N772691" s="10"/>
    </row>
    <row r="772692" spans="14:14">
      <c r="N772692" s="10"/>
    </row>
    <row r="772693" spans="14:14">
      <c r="N772693" s="10"/>
    </row>
    <row r="772694" spans="14:14">
      <c r="N772694" s="10"/>
    </row>
    <row r="772695" spans="14:14">
      <c r="N772695" s="10"/>
    </row>
    <row r="772696" spans="14:14">
      <c r="N772696" s="10"/>
    </row>
    <row r="772697" spans="14:14">
      <c r="N772697" s="10"/>
    </row>
    <row r="772698" spans="14:14">
      <c r="N772698" s="10"/>
    </row>
    <row r="772699" spans="14:14">
      <c r="N772699" s="10"/>
    </row>
    <row r="772700" spans="14:14">
      <c r="N772700" s="10"/>
    </row>
    <row r="772701" spans="14:14">
      <c r="N772701" s="10"/>
    </row>
    <row r="772702" spans="14:14">
      <c r="N772702" s="10"/>
    </row>
    <row r="772703" spans="14:14">
      <c r="N772703" s="10"/>
    </row>
    <row r="772704" spans="14:14">
      <c r="N772704" s="10"/>
    </row>
    <row r="772705" spans="14:14">
      <c r="N772705" s="10"/>
    </row>
    <row r="772706" spans="14:14">
      <c r="N772706" s="10"/>
    </row>
    <row r="772707" spans="14:14">
      <c r="N772707" s="10"/>
    </row>
    <row r="772708" spans="14:14">
      <c r="N772708" s="10"/>
    </row>
    <row r="772709" spans="14:14">
      <c r="N772709" s="10"/>
    </row>
    <row r="772710" spans="14:14">
      <c r="N772710" s="10"/>
    </row>
    <row r="772711" spans="14:14">
      <c r="N772711" s="10"/>
    </row>
    <row r="772712" spans="14:14">
      <c r="N772712" s="10"/>
    </row>
    <row r="772713" spans="14:14">
      <c r="N772713" s="10"/>
    </row>
    <row r="772714" spans="14:14">
      <c r="N772714" s="10"/>
    </row>
    <row r="772715" spans="14:14">
      <c r="N772715" s="10"/>
    </row>
    <row r="772716" spans="14:14">
      <c r="N772716" s="10"/>
    </row>
    <row r="772717" spans="14:14">
      <c r="N772717" s="10"/>
    </row>
    <row r="772718" spans="14:14">
      <c r="N772718" s="10"/>
    </row>
    <row r="772719" spans="14:14">
      <c r="N772719" s="10"/>
    </row>
    <row r="772720" spans="14:14">
      <c r="N772720" s="10"/>
    </row>
    <row r="772721" spans="14:14">
      <c r="N772721" s="10"/>
    </row>
    <row r="772722" spans="14:14">
      <c r="N772722" s="10"/>
    </row>
    <row r="772723" spans="14:14">
      <c r="N772723" s="10"/>
    </row>
    <row r="772724" spans="14:14">
      <c r="N772724" s="10"/>
    </row>
    <row r="772725" spans="14:14">
      <c r="N772725" s="10"/>
    </row>
    <row r="772726" spans="14:14">
      <c r="N772726" s="10"/>
    </row>
    <row r="772727" spans="14:14">
      <c r="N772727" s="10"/>
    </row>
    <row r="772728" spans="14:14">
      <c r="N772728" s="10"/>
    </row>
    <row r="772729" spans="14:14">
      <c r="N772729" s="10"/>
    </row>
    <row r="772730" spans="14:14">
      <c r="N772730" s="10"/>
    </row>
    <row r="772731" spans="14:14">
      <c r="N772731" s="10"/>
    </row>
    <row r="772732" spans="14:14">
      <c r="N772732" s="10"/>
    </row>
    <row r="772733" spans="14:14">
      <c r="N772733" s="10"/>
    </row>
    <row r="772734" spans="14:14">
      <c r="N772734" s="10"/>
    </row>
    <row r="772735" spans="14:14">
      <c r="N772735" s="10"/>
    </row>
    <row r="772736" spans="14:14">
      <c r="N772736" s="10"/>
    </row>
    <row r="772737" spans="14:14">
      <c r="N772737" s="10"/>
    </row>
    <row r="772738" spans="14:14">
      <c r="N772738" s="10"/>
    </row>
    <row r="772739" spans="14:14">
      <c r="N772739" s="10"/>
    </row>
    <row r="772740" spans="14:14">
      <c r="N772740" s="10"/>
    </row>
    <row r="772741" spans="14:14">
      <c r="N772741" s="10"/>
    </row>
    <row r="772742" spans="14:14">
      <c r="N772742" s="10"/>
    </row>
    <row r="772743" spans="14:14">
      <c r="N772743" s="10"/>
    </row>
    <row r="772744" spans="14:14">
      <c r="N772744" s="10"/>
    </row>
    <row r="772745" spans="14:14">
      <c r="N772745" s="10"/>
    </row>
    <row r="772746" spans="14:14">
      <c r="N772746" s="10"/>
    </row>
    <row r="772747" spans="14:14">
      <c r="N772747" s="10"/>
    </row>
    <row r="772748" spans="14:14">
      <c r="N772748" s="10"/>
    </row>
    <row r="772749" spans="14:14">
      <c r="N772749" s="10"/>
    </row>
    <row r="772750" spans="14:14">
      <c r="N772750" s="10"/>
    </row>
    <row r="772751" spans="14:14">
      <c r="N772751" s="10"/>
    </row>
    <row r="772752" spans="14:14">
      <c r="N772752" s="10"/>
    </row>
    <row r="772753" spans="14:14">
      <c r="N772753" s="10"/>
    </row>
    <row r="772754" spans="14:14">
      <c r="N772754" s="10"/>
    </row>
    <row r="772755" spans="14:14">
      <c r="N772755" s="10"/>
    </row>
    <row r="772756" spans="14:14">
      <c r="N772756" s="10"/>
    </row>
    <row r="772757" spans="14:14">
      <c r="N772757" s="10"/>
    </row>
    <row r="772758" spans="14:14">
      <c r="N772758" s="10"/>
    </row>
    <row r="772759" spans="14:14">
      <c r="N772759" s="10"/>
    </row>
    <row r="772760" spans="14:14">
      <c r="N772760" s="10"/>
    </row>
    <row r="772761" spans="14:14">
      <c r="N772761" s="10"/>
    </row>
    <row r="772762" spans="14:14">
      <c r="N772762" s="10"/>
    </row>
    <row r="772763" spans="14:14">
      <c r="N772763" s="10"/>
    </row>
    <row r="772764" spans="14:14">
      <c r="N772764" s="10"/>
    </row>
    <row r="772765" spans="14:14">
      <c r="N772765" s="10"/>
    </row>
    <row r="772766" spans="14:14">
      <c r="N772766" s="10"/>
    </row>
    <row r="772767" spans="14:14">
      <c r="N772767" s="10"/>
    </row>
    <row r="772768" spans="14:14">
      <c r="N772768" s="10"/>
    </row>
    <row r="772769" spans="14:14">
      <c r="N772769" s="10"/>
    </row>
    <row r="772770" spans="14:14">
      <c r="N772770" s="10"/>
    </row>
    <row r="772771" spans="14:14">
      <c r="N772771" s="10"/>
    </row>
    <row r="772772" spans="14:14">
      <c r="N772772" s="10"/>
    </row>
    <row r="772773" spans="14:14">
      <c r="N772773" s="10"/>
    </row>
    <row r="772774" spans="14:14">
      <c r="N772774" s="10"/>
    </row>
    <row r="772775" spans="14:14">
      <c r="N772775" s="10"/>
    </row>
    <row r="772776" spans="14:14">
      <c r="N772776" s="10"/>
    </row>
    <row r="772777" spans="14:14">
      <c r="N772777" s="10"/>
    </row>
    <row r="772778" spans="14:14">
      <c r="N772778" s="10"/>
    </row>
    <row r="772779" spans="14:14">
      <c r="N772779" s="10"/>
    </row>
    <row r="772780" spans="14:14">
      <c r="N772780" s="10"/>
    </row>
    <row r="772781" spans="14:14">
      <c r="N772781" s="10"/>
    </row>
    <row r="772782" spans="14:14">
      <c r="N772782" s="10"/>
    </row>
    <row r="772783" spans="14:14">
      <c r="N772783" s="10"/>
    </row>
    <row r="772784" spans="14:14">
      <c r="N772784" s="10"/>
    </row>
    <row r="772785" spans="14:14">
      <c r="N772785" s="10"/>
    </row>
    <row r="772786" spans="14:14">
      <c r="N772786" s="10"/>
    </row>
    <row r="772787" spans="14:14">
      <c r="N772787" s="10"/>
    </row>
    <row r="772788" spans="14:14">
      <c r="N772788" s="10"/>
    </row>
    <row r="772789" spans="14:14">
      <c r="N772789" s="10"/>
    </row>
    <row r="772790" spans="14:14">
      <c r="N772790" s="10"/>
    </row>
    <row r="772791" spans="14:14">
      <c r="N772791" s="10"/>
    </row>
    <row r="772792" spans="14:14">
      <c r="N772792" s="10"/>
    </row>
    <row r="772793" spans="14:14">
      <c r="N772793" s="10"/>
    </row>
    <row r="772794" spans="14:14">
      <c r="N772794" s="10"/>
    </row>
    <row r="772795" spans="14:14">
      <c r="N772795" s="10"/>
    </row>
    <row r="772796" spans="14:14">
      <c r="N772796" s="10"/>
    </row>
    <row r="772797" spans="14:14">
      <c r="N772797" s="10"/>
    </row>
    <row r="772798" spans="14:14">
      <c r="N772798" s="10"/>
    </row>
    <row r="772799" spans="14:14">
      <c r="N772799" s="10"/>
    </row>
    <row r="772800" spans="14:14">
      <c r="N772800" s="10"/>
    </row>
    <row r="772801" spans="14:14">
      <c r="N772801" s="10"/>
    </row>
    <row r="772802" spans="14:14">
      <c r="N772802" s="10"/>
    </row>
    <row r="772803" spans="14:14">
      <c r="N772803" s="10"/>
    </row>
    <row r="772804" spans="14:14">
      <c r="N772804" s="10"/>
    </row>
    <row r="772805" spans="14:14">
      <c r="N772805" s="10"/>
    </row>
    <row r="772806" spans="14:14">
      <c r="N772806" s="10"/>
    </row>
    <row r="772807" spans="14:14">
      <c r="N772807" s="10"/>
    </row>
    <row r="772808" spans="14:14">
      <c r="N772808" s="10"/>
    </row>
    <row r="772809" spans="14:14">
      <c r="N772809" s="10"/>
    </row>
    <row r="772810" spans="14:14">
      <c r="N772810" s="10"/>
    </row>
    <row r="772811" spans="14:14">
      <c r="N772811" s="10"/>
    </row>
    <row r="772812" spans="14:14">
      <c r="N772812" s="10"/>
    </row>
    <row r="772813" spans="14:14">
      <c r="N772813" s="10"/>
    </row>
    <row r="772814" spans="14:14">
      <c r="N772814" s="10"/>
    </row>
    <row r="772815" spans="14:14">
      <c r="N772815" s="10"/>
    </row>
    <row r="772816" spans="14:14">
      <c r="N772816" s="10"/>
    </row>
    <row r="772817" spans="14:14">
      <c r="N772817" s="10"/>
    </row>
    <row r="772818" spans="14:14">
      <c r="N772818" s="10"/>
    </row>
    <row r="772819" spans="14:14">
      <c r="N772819" s="10"/>
    </row>
    <row r="772820" spans="14:14">
      <c r="N772820" s="10"/>
    </row>
    <row r="772821" spans="14:14">
      <c r="N772821" s="10"/>
    </row>
    <row r="772822" spans="14:14">
      <c r="N772822" s="10"/>
    </row>
    <row r="772823" spans="14:14">
      <c r="N772823" s="10"/>
    </row>
    <row r="772824" spans="14:14">
      <c r="N772824" s="10"/>
    </row>
    <row r="772825" spans="14:14">
      <c r="N772825" s="10"/>
    </row>
    <row r="772826" spans="14:14">
      <c r="N772826" s="10"/>
    </row>
    <row r="772827" spans="14:14">
      <c r="N772827" s="10"/>
    </row>
    <row r="772828" spans="14:14">
      <c r="N772828" s="10"/>
    </row>
    <row r="772829" spans="14:14">
      <c r="N772829" s="10"/>
    </row>
    <row r="772830" spans="14:14">
      <c r="N772830" s="10"/>
    </row>
    <row r="772831" spans="14:14">
      <c r="N772831" s="10"/>
    </row>
    <row r="772832" spans="14:14">
      <c r="N772832" s="10"/>
    </row>
    <row r="772833" spans="14:14">
      <c r="N772833" s="10"/>
    </row>
    <row r="772834" spans="14:14">
      <c r="N772834" s="10"/>
    </row>
    <row r="772835" spans="14:14">
      <c r="N772835" s="10"/>
    </row>
    <row r="772836" spans="14:14">
      <c r="N772836" s="10"/>
    </row>
    <row r="772837" spans="14:14">
      <c r="N772837" s="10"/>
    </row>
    <row r="772838" spans="14:14">
      <c r="N772838" s="10"/>
    </row>
    <row r="772839" spans="14:14">
      <c r="N772839" s="10"/>
    </row>
    <row r="772840" spans="14:14">
      <c r="N772840" s="10"/>
    </row>
    <row r="772841" spans="14:14">
      <c r="N772841" s="10"/>
    </row>
    <row r="772842" spans="14:14">
      <c r="N772842" s="10"/>
    </row>
    <row r="772843" spans="14:14">
      <c r="N772843" s="10"/>
    </row>
    <row r="772844" spans="14:14">
      <c r="N772844" s="10"/>
    </row>
    <row r="772845" spans="14:14">
      <c r="N772845" s="10"/>
    </row>
    <row r="772846" spans="14:14">
      <c r="N772846" s="10"/>
    </row>
    <row r="772847" spans="14:14">
      <c r="N772847" s="10"/>
    </row>
    <row r="772848" spans="14:14">
      <c r="N772848" s="10"/>
    </row>
    <row r="772849" spans="14:14">
      <c r="N772849" s="10"/>
    </row>
    <row r="772850" spans="14:14">
      <c r="N772850" s="10"/>
    </row>
    <row r="772851" spans="14:14">
      <c r="N772851" s="10"/>
    </row>
    <row r="772852" spans="14:14">
      <c r="N772852" s="10"/>
    </row>
    <row r="772853" spans="14:14">
      <c r="N772853" s="10"/>
    </row>
    <row r="772854" spans="14:14">
      <c r="N772854" s="10"/>
    </row>
    <row r="772855" spans="14:14">
      <c r="N772855" s="10"/>
    </row>
    <row r="772856" spans="14:14">
      <c r="N772856" s="10"/>
    </row>
    <row r="772857" spans="14:14">
      <c r="N772857" s="10"/>
    </row>
    <row r="772858" spans="14:14">
      <c r="N772858" s="10"/>
    </row>
    <row r="772859" spans="14:14">
      <c r="N772859" s="10"/>
    </row>
    <row r="772860" spans="14:14">
      <c r="N772860" s="10"/>
    </row>
    <row r="772861" spans="14:14">
      <c r="N772861" s="10"/>
    </row>
    <row r="772862" spans="14:14">
      <c r="N772862" s="10"/>
    </row>
    <row r="772863" spans="14:14">
      <c r="N772863" s="10"/>
    </row>
    <row r="772864" spans="14:14">
      <c r="N772864" s="10"/>
    </row>
    <row r="772865" spans="14:14">
      <c r="N772865" s="10"/>
    </row>
    <row r="772866" spans="14:14">
      <c r="N772866" s="10"/>
    </row>
    <row r="772867" spans="14:14">
      <c r="N772867" s="10"/>
    </row>
    <row r="772868" spans="14:14">
      <c r="N772868" s="10"/>
    </row>
    <row r="772869" spans="14:14">
      <c r="N772869" s="10"/>
    </row>
    <row r="772870" spans="14:14">
      <c r="N772870" s="10"/>
    </row>
    <row r="772871" spans="14:14">
      <c r="N772871" s="10"/>
    </row>
    <row r="772872" spans="14:14">
      <c r="N772872" s="10"/>
    </row>
    <row r="772873" spans="14:14">
      <c r="N772873" s="10"/>
    </row>
    <row r="772874" spans="14:14">
      <c r="N772874" s="10"/>
    </row>
    <row r="772875" spans="14:14">
      <c r="N772875" s="10"/>
    </row>
    <row r="772876" spans="14:14">
      <c r="N772876" s="10"/>
    </row>
    <row r="772877" spans="14:14">
      <c r="N772877" s="10"/>
    </row>
    <row r="772878" spans="14:14">
      <c r="N772878" s="10"/>
    </row>
    <row r="772879" spans="14:14">
      <c r="N772879" s="10"/>
    </row>
    <row r="772880" spans="14:14">
      <c r="N772880" s="10"/>
    </row>
    <row r="772881" spans="14:14">
      <c r="N772881" s="10"/>
    </row>
    <row r="772882" spans="14:14">
      <c r="N772882" s="10"/>
    </row>
    <row r="772883" spans="14:14">
      <c r="N772883" s="10"/>
    </row>
    <row r="772884" spans="14:14">
      <c r="N772884" s="10"/>
    </row>
    <row r="772885" spans="14:14">
      <c r="N772885" s="10"/>
    </row>
    <row r="772886" spans="14:14">
      <c r="N772886" s="10"/>
    </row>
    <row r="772887" spans="14:14">
      <c r="N772887" s="10"/>
    </row>
    <row r="772888" spans="14:14">
      <c r="N772888" s="10"/>
    </row>
    <row r="772889" spans="14:14">
      <c r="N772889" s="10"/>
    </row>
    <row r="772890" spans="14:14">
      <c r="N772890" s="10"/>
    </row>
    <row r="772891" spans="14:14">
      <c r="N772891" s="10"/>
    </row>
    <row r="772892" spans="14:14">
      <c r="N772892" s="10"/>
    </row>
    <row r="772893" spans="14:14">
      <c r="N772893" s="10"/>
    </row>
    <row r="772894" spans="14:14">
      <c r="N772894" s="10"/>
    </row>
    <row r="772895" spans="14:14">
      <c r="N772895" s="10"/>
    </row>
    <row r="772896" spans="14:14">
      <c r="N772896" s="10"/>
    </row>
    <row r="772897" spans="14:14">
      <c r="N772897" s="10"/>
    </row>
    <row r="772898" spans="14:14">
      <c r="N772898" s="10"/>
    </row>
    <row r="772899" spans="14:14">
      <c r="N772899" s="10"/>
    </row>
    <row r="772900" spans="14:14">
      <c r="N772900" s="10"/>
    </row>
    <row r="772901" spans="14:14">
      <c r="N772901" s="10"/>
    </row>
    <row r="772902" spans="14:14">
      <c r="N772902" s="10"/>
    </row>
    <row r="772903" spans="14:14">
      <c r="N772903" s="10"/>
    </row>
    <row r="772904" spans="14:14">
      <c r="N772904" s="10"/>
    </row>
    <row r="772905" spans="14:14">
      <c r="N772905" s="10"/>
    </row>
    <row r="772906" spans="14:14">
      <c r="N772906" s="10"/>
    </row>
    <row r="772907" spans="14:14">
      <c r="N772907" s="10"/>
    </row>
    <row r="772908" spans="14:14">
      <c r="N772908" s="10"/>
    </row>
    <row r="772909" spans="14:14">
      <c r="N772909" s="10"/>
    </row>
    <row r="772910" spans="14:14">
      <c r="N772910" s="10"/>
    </row>
    <row r="772911" spans="14:14">
      <c r="N772911" s="10"/>
    </row>
    <row r="772912" spans="14:14">
      <c r="N772912" s="10"/>
    </row>
    <row r="772913" spans="14:14">
      <c r="N772913" s="10"/>
    </row>
    <row r="772914" spans="14:14">
      <c r="N772914" s="10"/>
    </row>
    <row r="772915" spans="14:14">
      <c r="N772915" s="10"/>
    </row>
    <row r="772916" spans="14:14">
      <c r="N772916" s="10"/>
    </row>
    <row r="772917" spans="14:14">
      <c r="N772917" s="10"/>
    </row>
    <row r="772918" spans="14:14">
      <c r="N772918" s="10"/>
    </row>
    <row r="772919" spans="14:14">
      <c r="N772919" s="10"/>
    </row>
    <row r="772920" spans="14:14">
      <c r="N772920" s="10"/>
    </row>
    <row r="772921" spans="14:14">
      <c r="N772921" s="10"/>
    </row>
    <row r="772922" spans="14:14">
      <c r="N772922" s="10"/>
    </row>
    <row r="772923" spans="14:14">
      <c r="N772923" s="10"/>
    </row>
    <row r="772924" spans="14:14">
      <c r="N772924" s="10"/>
    </row>
    <row r="772925" spans="14:14">
      <c r="N772925" s="10"/>
    </row>
    <row r="772926" spans="14:14">
      <c r="N772926" s="10"/>
    </row>
    <row r="772927" spans="14:14">
      <c r="N772927" s="10"/>
    </row>
    <row r="772928" spans="14:14">
      <c r="N772928" s="10"/>
    </row>
    <row r="772929" spans="14:14">
      <c r="N772929" s="10"/>
    </row>
    <row r="772930" spans="14:14">
      <c r="N772930" s="10"/>
    </row>
    <row r="772931" spans="14:14">
      <c r="N772931" s="10"/>
    </row>
    <row r="772932" spans="14:14">
      <c r="N772932" s="10"/>
    </row>
    <row r="772933" spans="14:14">
      <c r="N772933" s="10"/>
    </row>
    <row r="772934" spans="14:14">
      <c r="N772934" s="10"/>
    </row>
    <row r="772935" spans="14:14">
      <c r="N772935" s="10"/>
    </row>
    <row r="772936" spans="14:14">
      <c r="N772936" s="10"/>
    </row>
    <row r="772937" spans="14:14">
      <c r="N772937" s="10"/>
    </row>
    <row r="772938" spans="14:14">
      <c r="N772938" s="10"/>
    </row>
    <row r="772939" spans="14:14">
      <c r="N772939" s="10"/>
    </row>
    <row r="772940" spans="14:14">
      <c r="N772940" s="10"/>
    </row>
    <row r="772941" spans="14:14">
      <c r="N772941" s="10"/>
    </row>
    <row r="772942" spans="14:14">
      <c r="N772942" s="10"/>
    </row>
    <row r="772943" spans="14:14">
      <c r="N772943" s="10"/>
    </row>
    <row r="772944" spans="14:14">
      <c r="N772944" s="10"/>
    </row>
    <row r="772945" spans="14:14">
      <c r="N772945" s="10"/>
    </row>
    <row r="772946" spans="14:14">
      <c r="N772946" s="10"/>
    </row>
    <row r="772947" spans="14:14">
      <c r="N772947" s="10"/>
    </row>
    <row r="772948" spans="14:14">
      <c r="N772948" s="10"/>
    </row>
    <row r="772949" spans="14:14">
      <c r="N772949" s="10"/>
    </row>
    <row r="772950" spans="14:14">
      <c r="N772950" s="10"/>
    </row>
    <row r="772951" spans="14:14">
      <c r="N772951" s="10"/>
    </row>
    <row r="772952" spans="14:14">
      <c r="N772952" s="10"/>
    </row>
    <row r="772953" spans="14:14">
      <c r="N772953" s="10"/>
    </row>
    <row r="772954" spans="14:14">
      <c r="N772954" s="10"/>
    </row>
    <row r="772955" spans="14:14">
      <c r="N772955" s="10"/>
    </row>
    <row r="772956" spans="14:14">
      <c r="N772956" s="10"/>
    </row>
    <row r="772957" spans="14:14">
      <c r="N772957" s="10"/>
    </row>
    <row r="772958" spans="14:14">
      <c r="N772958" s="10"/>
    </row>
    <row r="772959" spans="14:14">
      <c r="N772959" s="10"/>
    </row>
    <row r="772960" spans="14:14">
      <c r="N772960" s="10"/>
    </row>
    <row r="772961" spans="14:14">
      <c r="N772961" s="10"/>
    </row>
    <row r="772962" spans="14:14">
      <c r="N772962" s="10"/>
    </row>
    <row r="772963" spans="14:14">
      <c r="N772963" s="10"/>
    </row>
    <row r="772964" spans="14:14">
      <c r="N772964" s="10"/>
    </row>
    <row r="772965" spans="14:14">
      <c r="N772965" s="10"/>
    </row>
    <row r="772966" spans="14:14">
      <c r="N772966" s="10"/>
    </row>
    <row r="772967" spans="14:14">
      <c r="N772967" s="10"/>
    </row>
    <row r="772968" spans="14:14">
      <c r="N772968" s="10"/>
    </row>
    <row r="772969" spans="14:14">
      <c r="N772969" s="10"/>
    </row>
    <row r="772970" spans="14:14">
      <c r="N772970" s="10"/>
    </row>
    <row r="772971" spans="14:14">
      <c r="N772971" s="10"/>
    </row>
    <row r="772972" spans="14:14">
      <c r="N772972" s="10"/>
    </row>
    <row r="772973" spans="14:14">
      <c r="N772973" s="10"/>
    </row>
    <row r="772974" spans="14:14">
      <c r="N772974" s="10"/>
    </row>
    <row r="772975" spans="14:14">
      <c r="N772975" s="10"/>
    </row>
    <row r="772976" spans="14:14">
      <c r="N772976" s="10"/>
    </row>
    <row r="772977" spans="14:14">
      <c r="N772977" s="10"/>
    </row>
    <row r="772978" spans="14:14">
      <c r="N772978" s="10"/>
    </row>
    <row r="772979" spans="14:14">
      <c r="N772979" s="10"/>
    </row>
    <row r="772980" spans="14:14">
      <c r="N772980" s="10"/>
    </row>
    <row r="772981" spans="14:14">
      <c r="N772981" s="10"/>
    </row>
    <row r="772982" spans="14:14">
      <c r="N772982" s="10"/>
    </row>
    <row r="772983" spans="14:14">
      <c r="N772983" s="10"/>
    </row>
    <row r="772984" spans="14:14">
      <c r="N772984" s="10"/>
    </row>
    <row r="772985" spans="14:14">
      <c r="N772985" s="10"/>
    </row>
    <row r="772986" spans="14:14">
      <c r="N772986" s="10"/>
    </row>
    <row r="772987" spans="14:14">
      <c r="N772987" s="10"/>
    </row>
    <row r="772988" spans="14:14">
      <c r="N772988" s="10"/>
    </row>
    <row r="772989" spans="14:14">
      <c r="N772989" s="10"/>
    </row>
    <row r="772990" spans="14:14">
      <c r="N772990" s="10"/>
    </row>
    <row r="772991" spans="14:14">
      <c r="N772991" s="10"/>
    </row>
    <row r="772992" spans="14:14">
      <c r="N772992" s="10"/>
    </row>
    <row r="772993" spans="14:14">
      <c r="N772993" s="10"/>
    </row>
    <row r="772994" spans="14:14">
      <c r="N772994" s="10"/>
    </row>
    <row r="772995" spans="14:14">
      <c r="N772995" s="10"/>
    </row>
    <row r="772996" spans="14:14">
      <c r="N772996" s="10"/>
    </row>
    <row r="772997" spans="14:14">
      <c r="N772997" s="10"/>
    </row>
    <row r="772998" spans="14:14">
      <c r="N772998" s="10"/>
    </row>
    <row r="772999" spans="14:14">
      <c r="N772999" s="10"/>
    </row>
    <row r="773000" spans="14:14">
      <c r="N773000" s="10"/>
    </row>
    <row r="773001" spans="14:14">
      <c r="N773001" s="10"/>
    </row>
    <row r="773002" spans="14:14">
      <c r="N773002" s="10"/>
    </row>
    <row r="773003" spans="14:14">
      <c r="N773003" s="10"/>
    </row>
    <row r="773004" spans="14:14">
      <c r="N773004" s="10"/>
    </row>
    <row r="773005" spans="14:14">
      <c r="N773005" s="10"/>
    </row>
    <row r="773006" spans="14:14">
      <c r="N773006" s="10"/>
    </row>
    <row r="773007" spans="14:14">
      <c r="N773007" s="10"/>
    </row>
    <row r="773008" spans="14:14">
      <c r="N773008" s="10"/>
    </row>
    <row r="773009" spans="14:14">
      <c r="N773009" s="10"/>
    </row>
    <row r="773010" spans="14:14">
      <c r="N773010" s="10"/>
    </row>
    <row r="773011" spans="14:14">
      <c r="N773011" s="10"/>
    </row>
    <row r="773012" spans="14:14">
      <c r="N773012" s="10"/>
    </row>
    <row r="773013" spans="14:14">
      <c r="N773013" s="10"/>
    </row>
    <row r="773014" spans="14:14">
      <c r="N773014" s="10"/>
    </row>
    <row r="773015" spans="14:14">
      <c r="N773015" s="10"/>
    </row>
    <row r="773016" spans="14:14">
      <c r="N773016" s="10"/>
    </row>
    <row r="773017" spans="14:14">
      <c r="N773017" s="10"/>
    </row>
    <row r="773018" spans="14:14">
      <c r="N773018" s="10"/>
    </row>
    <row r="773019" spans="14:14">
      <c r="N773019" s="10"/>
    </row>
    <row r="773020" spans="14:14">
      <c r="N773020" s="10"/>
    </row>
    <row r="773021" spans="14:14">
      <c r="N773021" s="10"/>
    </row>
    <row r="773022" spans="14:14">
      <c r="N773022" s="10"/>
    </row>
    <row r="773023" spans="14:14">
      <c r="N773023" s="10"/>
    </row>
    <row r="773024" spans="14:14">
      <c r="N773024" s="10"/>
    </row>
    <row r="773025" spans="14:14">
      <c r="N773025" s="10"/>
    </row>
    <row r="773026" spans="14:14">
      <c r="N773026" s="10"/>
    </row>
    <row r="773027" spans="14:14">
      <c r="N773027" s="10"/>
    </row>
    <row r="773028" spans="14:14">
      <c r="N773028" s="10"/>
    </row>
    <row r="773029" spans="14:14">
      <c r="N773029" s="10"/>
    </row>
    <row r="773030" spans="14:14">
      <c r="N773030" s="10"/>
    </row>
    <row r="773031" spans="14:14">
      <c r="N773031" s="10"/>
    </row>
    <row r="773032" spans="14:14">
      <c r="N773032" s="10"/>
    </row>
    <row r="773033" spans="14:14">
      <c r="N773033" s="10"/>
    </row>
    <row r="773034" spans="14:14">
      <c r="N773034" s="10"/>
    </row>
    <row r="773035" spans="14:14">
      <c r="N773035" s="10"/>
    </row>
    <row r="773036" spans="14:14">
      <c r="N773036" s="10"/>
    </row>
    <row r="773037" spans="14:14">
      <c r="N773037" s="10"/>
    </row>
    <row r="773038" spans="14:14">
      <c r="N773038" s="10"/>
    </row>
    <row r="773039" spans="14:14">
      <c r="N773039" s="10"/>
    </row>
    <row r="773040" spans="14:14">
      <c r="N773040" s="10"/>
    </row>
    <row r="773041" spans="14:14">
      <c r="N773041" s="10"/>
    </row>
    <row r="773042" spans="14:14">
      <c r="N773042" s="10"/>
    </row>
    <row r="773043" spans="14:14">
      <c r="N773043" s="10"/>
    </row>
    <row r="773044" spans="14:14">
      <c r="N773044" s="10"/>
    </row>
    <row r="773045" spans="14:14">
      <c r="N773045" s="10"/>
    </row>
    <row r="773046" spans="14:14">
      <c r="N773046" s="10"/>
    </row>
    <row r="773047" spans="14:14">
      <c r="N773047" s="10"/>
    </row>
    <row r="773048" spans="14:14">
      <c r="N773048" s="10"/>
    </row>
    <row r="773049" spans="14:14">
      <c r="N773049" s="10"/>
    </row>
    <row r="773050" spans="14:14">
      <c r="N773050" s="10"/>
    </row>
    <row r="773051" spans="14:14">
      <c r="N773051" s="10"/>
    </row>
    <row r="773052" spans="14:14">
      <c r="N773052" s="10"/>
    </row>
    <row r="773053" spans="14:14">
      <c r="N773053" s="10"/>
    </row>
    <row r="773054" spans="14:14">
      <c r="N773054" s="10"/>
    </row>
    <row r="773055" spans="14:14">
      <c r="N773055" s="10"/>
    </row>
    <row r="773056" spans="14:14">
      <c r="N773056" s="10"/>
    </row>
    <row r="773057" spans="14:14">
      <c r="N773057" s="10"/>
    </row>
    <row r="773058" spans="14:14">
      <c r="N773058" s="10"/>
    </row>
    <row r="773059" spans="14:14">
      <c r="N773059" s="10"/>
    </row>
    <row r="773060" spans="14:14">
      <c r="N773060" s="10"/>
    </row>
    <row r="773061" spans="14:14">
      <c r="N773061" s="10"/>
    </row>
    <row r="773062" spans="14:14">
      <c r="N773062" s="10"/>
    </row>
    <row r="773063" spans="14:14">
      <c r="N773063" s="10"/>
    </row>
    <row r="773064" spans="14:14">
      <c r="N773064" s="10"/>
    </row>
    <row r="773065" spans="14:14">
      <c r="N773065" s="10"/>
    </row>
    <row r="773066" spans="14:14">
      <c r="N773066" s="10"/>
    </row>
    <row r="773067" spans="14:14">
      <c r="N773067" s="10"/>
    </row>
    <row r="773068" spans="14:14">
      <c r="N773068" s="10"/>
    </row>
    <row r="773069" spans="14:14">
      <c r="N773069" s="10"/>
    </row>
    <row r="773070" spans="14:14">
      <c r="N773070" s="10"/>
    </row>
    <row r="773071" spans="14:14">
      <c r="N773071" s="10"/>
    </row>
    <row r="773072" spans="14:14">
      <c r="N773072" s="10"/>
    </row>
    <row r="773073" spans="14:14">
      <c r="N773073" s="10"/>
    </row>
    <row r="773074" spans="14:14">
      <c r="N773074" s="10"/>
    </row>
    <row r="773075" spans="14:14">
      <c r="N773075" s="10"/>
    </row>
    <row r="773076" spans="14:14">
      <c r="N773076" s="10"/>
    </row>
    <row r="773077" spans="14:14">
      <c r="N773077" s="10"/>
    </row>
    <row r="773078" spans="14:14">
      <c r="N773078" s="10"/>
    </row>
    <row r="773079" spans="14:14">
      <c r="N773079" s="10"/>
    </row>
    <row r="773080" spans="14:14">
      <c r="N773080" s="10"/>
    </row>
    <row r="773081" spans="14:14">
      <c r="N773081" s="10"/>
    </row>
    <row r="773082" spans="14:14">
      <c r="N773082" s="10"/>
    </row>
    <row r="773083" spans="14:14">
      <c r="N773083" s="10"/>
    </row>
    <row r="773084" spans="14:14">
      <c r="N773084" s="10"/>
    </row>
    <row r="773085" spans="14:14">
      <c r="N773085" s="10"/>
    </row>
    <row r="773086" spans="14:14">
      <c r="N773086" s="10"/>
    </row>
    <row r="773087" spans="14:14">
      <c r="N773087" s="10"/>
    </row>
    <row r="773088" spans="14:14">
      <c r="N773088" s="10"/>
    </row>
    <row r="773089" spans="14:14">
      <c r="N773089" s="10"/>
    </row>
    <row r="773090" spans="14:14">
      <c r="N773090" s="10"/>
    </row>
    <row r="773091" spans="14:14">
      <c r="N773091" s="10"/>
    </row>
    <row r="773092" spans="14:14">
      <c r="N773092" s="10"/>
    </row>
    <row r="773093" spans="14:14">
      <c r="N773093" s="10"/>
    </row>
    <row r="773094" spans="14:14">
      <c r="N773094" s="10"/>
    </row>
    <row r="773095" spans="14:14">
      <c r="N773095" s="10"/>
    </row>
    <row r="773096" spans="14:14">
      <c r="N773096" s="10"/>
    </row>
    <row r="773097" spans="14:14">
      <c r="N773097" s="10"/>
    </row>
    <row r="773098" spans="14:14">
      <c r="N773098" s="10"/>
    </row>
    <row r="773099" spans="14:14">
      <c r="N773099" s="10"/>
    </row>
    <row r="773100" spans="14:14">
      <c r="N773100" s="10"/>
    </row>
    <row r="773101" spans="14:14">
      <c r="N773101" s="10"/>
    </row>
    <row r="773102" spans="14:14">
      <c r="N773102" s="10"/>
    </row>
    <row r="773103" spans="14:14">
      <c r="N773103" s="10"/>
    </row>
    <row r="773104" spans="14:14">
      <c r="N773104" s="10"/>
    </row>
    <row r="773105" spans="14:14">
      <c r="N773105" s="10"/>
    </row>
    <row r="773106" spans="14:14">
      <c r="N773106" s="10"/>
    </row>
    <row r="773107" spans="14:14">
      <c r="N773107" s="10"/>
    </row>
    <row r="773108" spans="14:14">
      <c r="N773108" s="10"/>
    </row>
    <row r="773109" spans="14:14">
      <c r="N773109" s="10"/>
    </row>
    <row r="773110" spans="14:14">
      <c r="N773110" s="10"/>
    </row>
    <row r="773111" spans="14:14">
      <c r="N773111" s="10"/>
    </row>
    <row r="773112" spans="14:14">
      <c r="N773112" s="10"/>
    </row>
    <row r="773113" spans="14:14">
      <c r="N773113" s="10"/>
    </row>
    <row r="773114" spans="14:14">
      <c r="N773114" s="10"/>
    </row>
    <row r="773115" spans="14:14">
      <c r="N773115" s="10"/>
    </row>
    <row r="773116" spans="14:14">
      <c r="N773116" s="10"/>
    </row>
    <row r="773117" spans="14:14">
      <c r="N773117" s="10"/>
    </row>
    <row r="773118" spans="14:14">
      <c r="N773118" s="10"/>
    </row>
    <row r="773119" spans="14:14">
      <c r="N773119" s="10"/>
    </row>
    <row r="773120" spans="14:14">
      <c r="N773120" s="10"/>
    </row>
    <row r="773121" spans="14:14">
      <c r="N773121" s="10"/>
    </row>
    <row r="773122" spans="14:14">
      <c r="N773122" s="10"/>
    </row>
    <row r="773123" spans="14:14">
      <c r="N773123" s="10"/>
    </row>
    <row r="773124" spans="14:14">
      <c r="N773124" s="10"/>
    </row>
    <row r="773125" spans="14:14">
      <c r="N773125" s="10"/>
    </row>
    <row r="773126" spans="14:14">
      <c r="N773126" s="10"/>
    </row>
    <row r="773127" spans="14:14">
      <c r="N773127" s="10"/>
    </row>
    <row r="773128" spans="14:14">
      <c r="N773128" s="10"/>
    </row>
    <row r="773129" spans="14:14">
      <c r="N773129" s="10"/>
    </row>
    <row r="773130" spans="14:14">
      <c r="N773130" s="10"/>
    </row>
    <row r="773131" spans="14:14">
      <c r="N773131" s="10"/>
    </row>
    <row r="773132" spans="14:14">
      <c r="N773132" s="10"/>
    </row>
    <row r="773133" spans="14:14">
      <c r="N773133" s="10"/>
    </row>
    <row r="773134" spans="14:14">
      <c r="N773134" s="10"/>
    </row>
    <row r="773135" spans="14:14">
      <c r="N773135" s="10"/>
    </row>
    <row r="773136" spans="14:14">
      <c r="N773136" s="10"/>
    </row>
    <row r="773137" spans="14:14">
      <c r="N773137" s="10"/>
    </row>
    <row r="773138" spans="14:14">
      <c r="N773138" s="10"/>
    </row>
    <row r="773139" spans="14:14">
      <c r="N773139" s="10"/>
    </row>
    <row r="773140" spans="14:14">
      <c r="N773140" s="10"/>
    </row>
    <row r="773141" spans="14:14">
      <c r="N773141" s="10"/>
    </row>
    <row r="773142" spans="14:14">
      <c r="N773142" s="10"/>
    </row>
    <row r="773143" spans="14:14">
      <c r="N773143" s="10"/>
    </row>
    <row r="773144" spans="14:14">
      <c r="N773144" s="10"/>
    </row>
    <row r="773145" spans="14:14">
      <c r="N773145" s="10"/>
    </row>
    <row r="773146" spans="14:14">
      <c r="N773146" s="10"/>
    </row>
    <row r="773147" spans="14:14">
      <c r="N773147" s="10"/>
    </row>
    <row r="773148" spans="14:14">
      <c r="N773148" s="10"/>
    </row>
    <row r="773149" spans="14:14">
      <c r="N773149" s="10"/>
    </row>
    <row r="773150" spans="14:14">
      <c r="N773150" s="10"/>
    </row>
    <row r="773151" spans="14:14">
      <c r="N773151" s="10"/>
    </row>
    <row r="773152" spans="14:14">
      <c r="N773152" s="10"/>
    </row>
    <row r="773153" spans="14:14">
      <c r="N773153" s="10"/>
    </row>
    <row r="773154" spans="14:14">
      <c r="N773154" s="10"/>
    </row>
    <row r="773155" spans="14:14">
      <c r="N773155" s="10"/>
    </row>
    <row r="773156" spans="14:14">
      <c r="N773156" s="10"/>
    </row>
    <row r="773157" spans="14:14">
      <c r="N773157" s="10"/>
    </row>
    <row r="773158" spans="14:14">
      <c r="N773158" s="10"/>
    </row>
    <row r="773159" spans="14:14">
      <c r="N773159" s="10"/>
    </row>
    <row r="773160" spans="14:14">
      <c r="N773160" s="10"/>
    </row>
    <row r="773161" spans="14:14">
      <c r="N773161" s="10"/>
    </row>
    <row r="773162" spans="14:14">
      <c r="N773162" s="10"/>
    </row>
    <row r="773163" spans="14:14">
      <c r="N773163" s="10"/>
    </row>
    <row r="773164" spans="14:14">
      <c r="N773164" s="10"/>
    </row>
    <row r="773165" spans="14:14">
      <c r="N773165" s="10"/>
    </row>
    <row r="773166" spans="14:14">
      <c r="N773166" s="10"/>
    </row>
    <row r="773167" spans="14:14">
      <c r="N773167" s="10"/>
    </row>
    <row r="773168" spans="14:14">
      <c r="N773168" s="10"/>
    </row>
    <row r="773169" spans="14:14">
      <c r="N773169" s="10"/>
    </row>
    <row r="773170" spans="14:14">
      <c r="N773170" s="10"/>
    </row>
    <row r="773171" spans="14:14">
      <c r="N773171" s="10"/>
    </row>
    <row r="773172" spans="14:14">
      <c r="N773172" s="10"/>
    </row>
    <row r="773173" spans="14:14">
      <c r="N773173" s="10"/>
    </row>
    <row r="773174" spans="14:14">
      <c r="N773174" s="10"/>
    </row>
    <row r="773175" spans="14:14">
      <c r="N773175" s="10"/>
    </row>
    <row r="773176" spans="14:14">
      <c r="N773176" s="10"/>
    </row>
    <row r="773177" spans="14:14">
      <c r="N773177" s="10"/>
    </row>
    <row r="773178" spans="14:14">
      <c r="N773178" s="10"/>
    </row>
    <row r="773179" spans="14:14">
      <c r="N773179" s="10"/>
    </row>
    <row r="773180" spans="14:14">
      <c r="N773180" s="10"/>
    </row>
    <row r="773181" spans="14:14">
      <c r="N773181" s="10"/>
    </row>
    <row r="773182" spans="14:14">
      <c r="N773182" s="10"/>
    </row>
    <row r="773183" spans="14:14">
      <c r="N773183" s="10"/>
    </row>
    <row r="773184" spans="14:14">
      <c r="N773184" s="10"/>
    </row>
    <row r="773185" spans="14:14">
      <c r="N773185" s="10"/>
    </row>
    <row r="773186" spans="14:14">
      <c r="N773186" s="10"/>
    </row>
    <row r="773187" spans="14:14">
      <c r="N773187" s="10"/>
    </row>
    <row r="773188" spans="14:14">
      <c r="N773188" s="10"/>
    </row>
    <row r="773189" spans="14:14">
      <c r="N773189" s="10"/>
    </row>
    <row r="773190" spans="14:14">
      <c r="N773190" s="10"/>
    </row>
    <row r="773191" spans="14:14">
      <c r="N773191" s="10"/>
    </row>
    <row r="773192" spans="14:14">
      <c r="N773192" s="10"/>
    </row>
    <row r="773193" spans="14:14">
      <c r="N773193" s="10"/>
    </row>
    <row r="773194" spans="14:14">
      <c r="N773194" s="10"/>
    </row>
    <row r="773195" spans="14:14">
      <c r="N773195" s="10"/>
    </row>
    <row r="773196" spans="14:14">
      <c r="N773196" s="10"/>
    </row>
    <row r="773197" spans="14:14">
      <c r="N773197" s="10"/>
    </row>
    <row r="773198" spans="14:14">
      <c r="N773198" s="10"/>
    </row>
    <row r="773199" spans="14:14">
      <c r="N773199" s="10"/>
    </row>
    <row r="773200" spans="14:14">
      <c r="N773200" s="10"/>
    </row>
    <row r="773201" spans="14:14">
      <c r="N773201" s="10"/>
    </row>
    <row r="773202" spans="14:14">
      <c r="N773202" s="10"/>
    </row>
    <row r="773203" spans="14:14">
      <c r="N773203" s="10"/>
    </row>
    <row r="773204" spans="14:14">
      <c r="N773204" s="10"/>
    </row>
    <row r="773205" spans="14:14">
      <c r="N773205" s="10"/>
    </row>
    <row r="773206" spans="14:14">
      <c r="N773206" s="10"/>
    </row>
    <row r="773207" spans="14:14">
      <c r="N773207" s="10"/>
    </row>
    <row r="773208" spans="14:14">
      <c r="N773208" s="10"/>
    </row>
    <row r="773209" spans="14:14">
      <c r="N773209" s="10"/>
    </row>
    <row r="773210" spans="14:14">
      <c r="N773210" s="10"/>
    </row>
    <row r="773211" spans="14:14">
      <c r="N773211" s="10"/>
    </row>
    <row r="773212" spans="14:14">
      <c r="N773212" s="10"/>
    </row>
    <row r="773213" spans="14:14">
      <c r="N773213" s="10"/>
    </row>
    <row r="773214" spans="14:14">
      <c r="N773214" s="10"/>
    </row>
    <row r="773215" spans="14:14">
      <c r="N773215" s="10"/>
    </row>
    <row r="773216" spans="14:14">
      <c r="N773216" s="10"/>
    </row>
    <row r="773217" spans="14:14">
      <c r="N773217" s="10"/>
    </row>
    <row r="773218" spans="14:14">
      <c r="N773218" s="10"/>
    </row>
    <row r="773219" spans="14:14">
      <c r="N773219" s="10"/>
    </row>
    <row r="773220" spans="14:14">
      <c r="N773220" s="10"/>
    </row>
    <row r="773221" spans="14:14">
      <c r="N773221" s="10"/>
    </row>
    <row r="773222" spans="14:14">
      <c r="N773222" s="10"/>
    </row>
    <row r="773223" spans="14:14">
      <c r="N773223" s="10"/>
    </row>
    <row r="773224" spans="14:14">
      <c r="N773224" s="10"/>
    </row>
    <row r="773225" spans="14:14">
      <c r="N773225" s="10"/>
    </row>
    <row r="773226" spans="14:14">
      <c r="N773226" s="10"/>
    </row>
    <row r="773227" spans="14:14">
      <c r="N773227" s="10"/>
    </row>
    <row r="773228" spans="14:14">
      <c r="N773228" s="10"/>
    </row>
    <row r="773229" spans="14:14">
      <c r="N773229" s="10"/>
    </row>
    <row r="773230" spans="14:14">
      <c r="N773230" s="10"/>
    </row>
    <row r="773231" spans="14:14">
      <c r="N773231" s="10"/>
    </row>
    <row r="773232" spans="14:14">
      <c r="N773232" s="10"/>
    </row>
    <row r="773233" spans="14:14">
      <c r="N773233" s="10"/>
    </row>
    <row r="773234" spans="14:14">
      <c r="N773234" s="10"/>
    </row>
    <row r="773235" spans="14:14">
      <c r="N773235" s="10"/>
    </row>
    <row r="773236" spans="14:14">
      <c r="N773236" s="10"/>
    </row>
    <row r="773237" spans="14:14">
      <c r="N773237" s="10"/>
    </row>
    <row r="773238" spans="14:14">
      <c r="N773238" s="10"/>
    </row>
    <row r="773239" spans="14:14">
      <c r="N773239" s="10"/>
    </row>
    <row r="773240" spans="14:14">
      <c r="N773240" s="10"/>
    </row>
    <row r="773241" spans="14:14">
      <c r="N773241" s="10"/>
    </row>
    <row r="773242" spans="14:14">
      <c r="N773242" s="10"/>
    </row>
    <row r="773243" spans="14:14">
      <c r="N773243" s="10"/>
    </row>
    <row r="773244" spans="14:14">
      <c r="N773244" s="10"/>
    </row>
    <row r="773245" spans="14:14">
      <c r="N773245" s="10"/>
    </row>
    <row r="773246" spans="14:14">
      <c r="N773246" s="10"/>
    </row>
    <row r="773247" spans="14:14">
      <c r="N773247" s="10"/>
    </row>
    <row r="773248" spans="14:14">
      <c r="N773248" s="10"/>
    </row>
    <row r="773249" spans="14:14">
      <c r="N773249" s="10"/>
    </row>
    <row r="773250" spans="14:14">
      <c r="N773250" s="10"/>
    </row>
    <row r="773251" spans="14:14">
      <c r="N773251" s="10"/>
    </row>
    <row r="773252" spans="14:14">
      <c r="N773252" s="10"/>
    </row>
    <row r="773253" spans="14:14">
      <c r="N773253" s="10"/>
    </row>
    <row r="773254" spans="14:14">
      <c r="N773254" s="10"/>
    </row>
    <row r="773255" spans="14:14">
      <c r="N773255" s="10"/>
    </row>
    <row r="773256" spans="14:14">
      <c r="N773256" s="10"/>
    </row>
    <row r="773257" spans="14:14">
      <c r="N773257" s="10"/>
    </row>
    <row r="773258" spans="14:14">
      <c r="N773258" s="10"/>
    </row>
    <row r="773259" spans="14:14">
      <c r="N773259" s="10"/>
    </row>
    <row r="773260" spans="14:14">
      <c r="N773260" s="10"/>
    </row>
    <row r="773261" spans="14:14">
      <c r="N773261" s="10"/>
    </row>
    <row r="773262" spans="14:14">
      <c r="N773262" s="10"/>
    </row>
    <row r="773263" spans="14:14">
      <c r="N773263" s="10"/>
    </row>
    <row r="773264" spans="14:14">
      <c r="N773264" s="10"/>
    </row>
    <row r="773265" spans="14:14">
      <c r="N773265" s="10"/>
    </row>
    <row r="773266" spans="14:14">
      <c r="N773266" s="10"/>
    </row>
    <row r="773267" spans="14:14">
      <c r="N773267" s="10"/>
    </row>
    <row r="773268" spans="14:14">
      <c r="N773268" s="10"/>
    </row>
    <row r="773269" spans="14:14">
      <c r="N773269" s="10"/>
    </row>
    <row r="773270" spans="14:14">
      <c r="N773270" s="10"/>
    </row>
    <row r="773271" spans="14:14">
      <c r="N773271" s="10"/>
    </row>
    <row r="773272" spans="14:14">
      <c r="N773272" s="10"/>
    </row>
    <row r="773273" spans="14:14">
      <c r="N773273" s="10"/>
    </row>
    <row r="773274" spans="14:14">
      <c r="N773274" s="10"/>
    </row>
    <row r="773275" spans="14:14">
      <c r="N773275" s="10"/>
    </row>
    <row r="773276" spans="14:14">
      <c r="N773276" s="10"/>
    </row>
    <row r="773277" spans="14:14">
      <c r="N773277" s="10"/>
    </row>
    <row r="773278" spans="14:14">
      <c r="N773278" s="10"/>
    </row>
    <row r="773279" spans="14:14">
      <c r="N773279" s="10"/>
    </row>
    <row r="773280" spans="14:14">
      <c r="N773280" s="10"/>
    </row>
    <row r="773281" spans="14:14">
      <c r="N773281" s="10"/>
    </row>
    <row r="773282" spans="14:14">
      <c r="N773282" s="10"/>
    </row>
    <row r="773283" spans="14:14">
      <c r="N773283" s="10"/>
    </row>
    <row r="773284" spans="14:14">
      <c r="N773284" s="10"/>
    </row>
    <row r="773285" spans="14:14">
      <c r="N773285" s="10"/>
    </row>
    <row r="773286" spans="14:14">
      <c r="N773286" s="10"/>
    </row>
    <row r="773287" spans="14:14">
      <c r="N773287" s="10"/>
    </row>
    <row r="773288" spans="14:14">
      <c r="N773288" s="10"/>
    </row>
    <row r="773289" spans="14:14">
      <c r="N773289" s="10"/>
    </row>
    <row r="773290" spans="14:14">
      <c r="N773290" s="10"/>
    </row>
    <row r="773291" spans="14:14">
      <c r="N773291" s="10"/>
    </row>
    <row r="773292" spans="14:14">
      <c r="N773292" s="10"/>
    </row>
    <row r="773293" spans="14:14">
      <c r="N773293" s="10"/>
    </row>
    <row r="773294" spans="14:14">
      <c r="N773294" s="10"/>
    </row>
    <row r="773295" spans="14:14">
      <c r="N773295" s="10"/>
    </row>
    <row r="773296" spans="14:14">
      <c r="N773296" s="10"/>
    </row>
    <row r="773297" spans="14:14">
      <c r="N773297" s="10"/>
    </row>
    <row r="773298" spans="14:14">
      <c r="N773298" s="10"/>
    </row>
    <row r="773299" spans="14:14">
      <c r="N773299" s="10"/>
    </row>
    <row r="773300" spans="14:14">
      <c r="N773300" s="10"/>
    </row>
    <row r="773301" spans="14:14">
      <c r="N773301" s="10"/>
    </row>
    <row r="773302" spans="14:14">
      <c r="N773302" s="10"/>
    </row>
    <row r="773303" spans="14:14">
      <c r="N773303" s="10"/>
    </row>
    <row r="773304" spans="14:14">
      <c r="N773304" s="10"/>
    </row>
    <row r="773305" spans="14:14">
      <c r="N773305" s="10"/>
    </row>
    <row r="773306" spans="14:14">
      <c r="N773306" s="10"/>
    </row>
    <row r="773307" spans="14:14">
      <c r="N773307" s="10"/>
    </row>
    <row r="773308" spans="14:14">
      <c r="N773308" s="10"/>
    </row>
    <row r="773309" spans="14:14">
      <c r="N773309" s="10"/>
    </row>
    <row r="773310" spans="14:14">
      <c r="N773310" s="10"/>
    </row>
    <row r="773311" spans="14:14">
      <c r="N773311" s="10"/>
    </row>
    <row r="773312" spans="14:14">
      <c r="N773312" s="10"/>
    </row>
    <row r="773313" spans="14:14">
      <c r="N773313" s="10"/>
    </row>
    <row r="773314" spans="14:14">
      <c r="N773314" s="10"/>
    </row>
    <row r="773315" spans="14:14">
      <c r="N773315" s="10"/>
    </row>
    <row r="773316" spans="14:14">
      <c r="N773316" s="10"/>
    </row>
    <row r="773317" spans="14:14">
      <c r="N773317" s="10"/>
    </row>
    <row r="773318" spans="14:14">
      <c r="N773318" s="10"/>
    </row>
    <row r="773319" spans="14:14">
      <c r="N773319" s="10"/>
    </row>
    <row r="773320" spans="14:14">
      <c r="N773320" s="10"/>
    </row>
    <row r="773321" spans="14:14">
      <c r="N773321" s="10"/>
    </row>
    <row r="773322" spans="14:14">
      <c r="N773322" s="10"/>
    </row>
    <row r="773323" spans="14:14">
      <c r="N773323" s="10"/>
    </row>
    <row r="773324" spans="14:14">
      <c r="N773324" s="10"/>
    </row>
    <row r="773325" spans="14:14">
      <c r="N773325" s="10"/>
    </row>
    <row r="773326" spans="14:14">
      <c r="N773326" s="10"/>
    </row>
    <row r="773327" spans="14:14">
      <c r="N773327" s="10"/>
    </row>
    <row r="773328" spans="14:14">
      <c r="N773328" s="10"/>
    </row>
    <row r="773329" spans="14:14">
      <c r="N773329" s="10"/>
    </row>
    <row r="773330" spans="14:14">
      <c r="N773330" s="10"/>
    </row>
    <row r="773331" spans="14:14">
      <c r="N773331" s="10"/>
    </row>
    <row r="773332" spans="14:14">
      <c r="N773332" s="10"/>
    </row>
    <row r="773333" spans="14:14">
      <c r="N773333" s="10"/>
    </row>
    <row r="773334" spans="14:14">
      <c r="N773334" s="10"/>
    </row>
    <row r="773335" spans="14:14">
      <c r="N773335" s="10"/>
    </row>
    <row r="773336" spans="14:14">
      <c r="N773336" s="10"/>
    </row>
    <row r="773337" spans="14:14">
      <c r="N773337" s="10"/>
    </row>
    <row r="773338" spans="14:14">
      <c r="N773338" s="10"/>
    </row>
    <row r="773339" spans="14:14">
      <c r="N773339" s="10"/>
    </row>
    <row r="773340" spans="14:14">
      <c r="N773340" s="10"/>
    </row>
    <row r="773341" spans="14:14">
      <c r="N773341" s="10"/>
    </row>
    <row r="773342" spans="14:14">
      <c r="N773342" s="10"/>
    </row>
    <row r="773343" spans="14:14">
      <c r="N773343" s="10"/>
    </row>
    <row r="773344" spans="14:14">
      <c r="N773344" s="10"/>
    </row>
    <row r="773345" spans="14:14">
      <c r="N773345" s="10"/>
    </row>
    <row r="773346" spans="14:14">
      <c r="N773346" s="10"/>
    </row>
    <row r="773347" spans="14:14">
      <c r="N773347" s="10"/>
    </row>
    <row r="773348" spans="14:14">
      <c r="N773348" s="10"/>
    </row>
    <row r="773349" spans="14:14">
      <c r="N773349" s="10"/>
    </row>
    <row r="773350" spans="14:14">
      <c r="N773350" s="10"/>
    </row>
    <row r="773351" spans="14:14">
      <c r="N773351" s="10"/>
    </row>
    <row r="773352" spans="14:14">
      <c r="N773352" s="10"/>
    </row>
    <row r="773353" spans="14:14">
      <c r="N773353" s="10"/>
    </row>
    <row r="773354" spans="14:14">
      <c r="N773354" s="10"/>
    </row>
    <row r="773355" spans="14:14">
      <c r="N773355" s="10"/>
    </row>
    <row r="773356" spans="14:14">
      <c r="N773356" s="10"/>
    </row>
    <row r="773357" spans="14:14">
      <c r="N773357" s="10"/>
    </row>
    <row r="773358" spans="14:14">
      <c r="N773358" s="10"/>
    </row>
    <row r="773359" spans="14:14">
      <c r="N773359" s="10"/>
    </row>
    <row r="773360" spans="14:14">
      <c r="N773360" s="10"/>
    </row>
    <row r="773361" spans="14:14">
      <c r="N773361" s="10"/>
    </row>
    <row r="773362" spans="14:14">
      <c r="N773362" s="10"/>
    </row>
    <row r="773363" spans="14:14">
      <c r="N773363" s="10"/>
    </row>
    <row r="773364" spans="14:14">
      <c r="N773364" s="10"/>
    </row>
    <row r="773365" spans="14:14">
      <c r="N773365" s="10"/>
    </row>
    <row r="773366" spans="14:14">
      <c r="N773366" s="10"/>
    </row>
    <row r="773367" spans="14:14">
      <c r="N773367" s="10"/>
    </row>
    <row r="773368" spans="14:14">
      <c r="N773368" s="10"/>
    </row>
    <row r="773369" spans="14:14">
      <c r="N773369" s="10"/>
    </row>
    <row r="773370" spans="14:14">
      <c r="N773370" s="10"/>
    </row>
    <row r="773371" spans="14:14">
      <c r="N773371" s="10"/>
    </row>
    <row r="773372" spans="14:14">
      <c r="N773372" s="10"/>
    </row>
    <row r="773373" spans="14:14">
      <c r="N773373" s="10"/>
    </row>
    <row r="773374" spans="14:14">
      <c r="N773374" s="10"/>
    </row>
    <row r="773375" spans="14:14">
      <c r="N773375" s="10"/>
    </row>
    <row r="773376" spans="14:14">
      <c r="N773376" s="10"/>
    </row>
    <row r="773377" spans="14:14">
      <c r="N773377" s="10"/>
    </row>
    <row r="773378" spans="14:14">
      <c r="N773378" s="10"/>
    </row>
    <row r="773379" spans="14:14">
      <c r="N773379" s="10"/>
    </row>
    <row r="773380" spans="14:14">
      <c r="N773380" s="10"/>
    </row>
    <row r="773381" spans="14:14">
      <c r="N773381" s="10"/>
    </row>
    <row r="773382" spans="14:14">
      <c r="N773382" s="10"/>
    </row>
    <row r="773383" spans="14:14">
      <c r="N773383" s="10"/>
    </row>
    <row r="773384" spans="14:14">
      <c r="N773384" s="10"/>
    </row>
    <row r="773385" spans="14:14">
      <c r="N773385" s="10"/>
    </row>
    <row r="773386" spans="14:14">
      <c r="N773386" s="10"/>
    </row>
    <row r="773387" spans="14:14">
      <c r="N773387" s="10"/>
    </row>
    <row r="773388" spans="14:14">
      <c r="N773388" s="10"/>
    </row>
    <row r="773389" spans="14:14">
      <c r="N773389" s="10"/>
    </row>
    <row r="773390" spans="14:14">
      <c r="N773390" s="10"/>
    </row>
    <row r="773391" spans="14:14">
      <c r="N773391" s="10"/>
    </row>
    <row r="773392" spans="14:14">
      <c r="N773392" s="10"/>
    </row>
    <row r="773393" spans="14:14">
      <c r="N773393" s="10"/>
    </row>
    <row r="773394" spans="14:14">
      <c r="N773394" s="10"/>
    </row>
    <row r="773395" spans="14:14">
      <c r="N773395" s="10"/>
    </row>
    <row r="773396" spans="14:14">
      <c r="N773396" s="10"/>
    </row>
    <row r="773397" spans="14:14">
      <c r="N773397" s="10"/>
    </row>
    <row r="773398" spans="14:14">
      <c r="N773398" s="10"/>
    </row>
    <row r="773399" spans="14:14">
      <c r="N773399" s="10"/>
    </row>
    <row r="773400" spans="14:14">
      <c r="N773400" s="10"/>
    </row>
    <row r="773401" spans="14:14">
      <c r="N773401" s="10"/>
    </row>
    <row r="773402" spans="14:14">
      <c r="N773402" s="10"/>
    </row>
    <row r="773403" spans="14:14">
      <c r="N773403" s="10"/>
    </row>
    <row r="773404" spans="14:14">
      <c r="N773404" s="10"/>
    </row>
    <row r="773405" spans="14:14">
      <c r="N773405" s="10"/>
    </row>
    <row r="773406" spans="14:14">
      <c r="N773406" s="10"/>
    </row>
    <row r="773407" spans="14:14">
      <c r="N773407" s="10"/>
    </row>
    <row r="773408" spans="14:14">
      <c r="N773408" s="10"/>
    </row>
    <row r="773409" spans="14:14">
      <c r="N773409" s="10"/>
    </row>
    <row r="773410" spans="14:14">
      <c r="N773410" s="10"/>
    </row>
    <row r="773411" spans="14:14">
      <c r="N773411" s="10"/>
    </row>
    <row r="773412" spans="14:14">
      <c r="N773412" s="10"/>
    </row>
    <row r="773413" spans="14:14">
      <c r="N773413" s="10"/>
    </row>
    <row r="773414" spans="14:14">
      <c r="N773414" s="10"/>
    </row>
    <row r="773415" spans="14:14">
      <c r="N773415" s="10"/>
    </row>
    <row r="773416" spans="14:14">
      <c r="N773416" s="10"/>
    </row>
    <row r="773417" spans="14:14">
      <c r="N773417" s="10"/>
    </row>
    <row r="773418" spans="14:14">
      <c r="N773418" s="10"/>
    </row>
    <row r="773419" spans="14:14">
      <c r="N773419" s="10"/>
    </row>
    <row r="773420" spans="14:14">
      <c r="N773420" s="10"/>
    </row>
    <row r="773421" spans="14:14">
      <c r="N773421" s="10"/>
    </row>
    <row r="773422" spans="14:14">
      <c r="N773422" s="10"/>
    </row>
    <row r="773423" spans="14:14">
      <c r="N773423" s="10"/>
    </row>
    <row r="773424" spans="14:14">
      <c r="N773424" s="10"/>
    </row>
    <row r="773425" spans="14:14">
      <c r="N773425" s="10"/>
    </row>
    <row r="773426" spans="14:14">
      <c r="N773426" s="10"/>
    </row>
    <row r="773427" spans="14:14">
      <c r="N773427" s="10"/>
    </row>
    <row r="773428" spans="14:14">
      <c r="N773428" s="10"/>
    </row>
    <row r="773429" spans="14:14">
      <c r="N773429" s="10"/>
    </row>
    <row r="773430" spans="14:14">
      <c r="N773430" s="10"/>
    </row>
    <row r="773431" spans="14:14">
      <c r="N773431" s="10"/>
    </row>
    <row r="773432" spans="14:14">
      <c r="N773432" s="10"/>
    </row>
    <row r="773433" spans="14:14">
      <c r="N773433" s="10"/>
    </row>
    <row r="773434" spans="14:14">
      <c r="N773434" s="10"/>
    </row>
    <row r="773435" spans="14:14">
      <c r="N773435" s="10"/>
    </row>
    <row r="773436" spans="14:14">
      <c r="N773436" s="10"/>
    </row>
    <row r="773437" spans="14:14">
      <c r="N773437" s="10"/>
    </row>
    <row r="773438" spans="14:14">
      <c r="N773438" s="10"/>
    </row>
    <row r="773439" spans="14:14">
      <c r="N773439" s="10"/>
    </row>
    <row r="773440" spans="14:14">
      <c r="N773440" s="10"/>
    </row>
    <row r="773441" spans="14:14">
      <c r="N773441" s="10"/>
    </row>
    <row r="773442" spans="14:14">
      <c r="N773442" s="10"/>
    </row>
    <row r="773443" spans="14:14">
      <c r="N773443" s="10"/>
    </row>
    <row r="773444" spans="14:14">
      <c r="N773444" s="10"/>
    </row>
    <row r="773445" spans="14:14">
      <c r="N773445" s="10"/>
    </row>
    <row r="773446" spans="14:14">
      <c r="N773446" s="10"/>
    </row>
    <row r="773447" spans="14:14">
      <c r="N773447" s="10"/>
    </row>
    <row r="773448" spans="14:14">
      <c r="N773448" s="10"/>
    </row>
    <row r="773449" spans="14:14">
      <c r="N773449" s="10"/>
    </row>
    <row r="773450" spans="14:14">
      <c r="N773450" s="10"/>
    </row>
    <row r="773451" spans="14:14">
      <c r="N773451" s="10"/>
    </row>
    <row r="773452" spans="14:14">
      <c r="N773452" s="10"/>
    </row>
    <row r="773453" spans="14:14">
      <c r="N773453" s="10"/>
    </row>
    <row r="773454" spans="14:14">
      <c r="N773454" s="10"/>
    </row>
    <row r="773455" spans="14:14">
      <c r="N773455" s="10"/>
    </row>
    <row r="773456" spans="14:14">
      <c r="N773456" s="10"/>
    </row>
    <row r="773457" spans="14:14">
      <c r="N773457" s="10"/>
    </row>
    <row r="773458" spans="14:14">
      <c r="N773458" s="10"/>
    </row>
    <row r="773459" spans="14:14">
      <c r="N773459" s="10"/>
    </row>
    <row r="773460" spans="14:14">
      <c r="N773460" s="10"/>
    </row>
    <row r="773461" spans="14:14">
      <c r="N773461" s="10"/>
    </row>
    <row r="773462" spans="14:14">
      <c r="N773462" s="10"/>
    </row>
    <row r="773463" spans="14:14">
      <c r="N773463" s="10"/>
    </row>
    <row r="773464" spans="14:14">
      <c r="N773464" s="10"/>
    </row>
    <row r="773465" spans="14:14">
      <c r="N773465" s="10"/>
    </row>
    <row r="773466" spans="14:14">
      <c r="N773466" s="10"/>
    </row>
    <row r="773467" spans="14:14">
      <c r="N773467" s="10"/>
    </row>
    <row r="773468" spans="14:14">
      <c r="N773468" s="10"/>
    </row>
    <row r="773469" spans="14:14">
      <c r="N773469" s="10"/>
    </row>
    <row r="773470" spans="14:14">
      <c r="N773470" s="10"/>
    </row>
    <row r="773471" spans="14:14">
      <c r="N773471" s="10"/>
    </row>
    <row r="773472" spans="14:14">
      <c r="N773472" s="10"/>
    </row>
    <row r="773473" spans="14:14">
      <c r="N773473" s="10"/>
    </row>
    <row r="773474" spans="14:14">
      <c r="N773474" s="10"/>
    </row>
    <row r="773475" spans="14:14">
      <c r="N773475" s="10"/>
    </row>
    <row r="773476" spans="14:14">
      <c r="N773476" s="10"/>
    </row>
    <row r="773477" spans="14:14">
      <c r="N773477" s="10"/>
    </row>
    <row r="773478" spans="14:14">
      <c r="N773478" s="10"/>
    </row>
    <row r="773479" spans="14:14">
      <c r="N773479" s="10"/>
    </row>
    <row r="773480" spans="14:14">
      <c r="N773480" s="10"/>
    </row>
    <row r="773481" spans="14:14">
      <c r="N773481" s="10"/>
    </row>
    <row r="773482" spans="14:14">
      <c r="N773482" s="10"/>
    </row>
    <row r="773483" spans="14:14">
      <c r="N773483" s="10"/>
    </row>
    <row r="773484" spans="14:14">
      <c r="N773484" s="10"/>
    </row>
    <row r="773485" spans="14:14">
      <c r="N773485" s="10"/>
    </row>
    <row r="773486" spans="14:14">
      <c r="N773486" s="10"/>
    </row>
    <row r="773487" spans="14:14">
      <c r="N773487" s="10"/>
    </row>
    <row r="773488" spans="14:14">
      <c r="N773488" s="10"/>
    </row>
    <row r="773489" spans="14:14">
      <c r="N773489" s="10"/>
    </row>
    <row r="773490" spans="14:14">
      <c r="N773490" s="10"/>
    </row>
    <row r="773491" spans="14:14">
      <c r="N773491" s="10"/>
    </row>
    <row r="773492" spans="14:14">
      <c r="N773492" s="10"/>
    </row>
    <row r="773493" spans="14:14">
      <c r="N773493" s="10"/>
    </row>
    <row r="773494" spans="14:14">
      <c r="N773494" s="10"/>
    </row>
    <row r="773495" spans="14:14">
      <c r="N773495" s="10"/>
    </row>
    <row r="773496" spans="14:14">
      <c r="N773496" s="10"/>
    </row>
    <row r="773497" spans="14:14">
      <c r="N773497" s="10"/>
    </row>
    <row r="773498" spans="14:14">
      <c r="N773498" s="10"/>
    </row>
    <row r="773499" spans="14:14">
      <c r="N773499" s="10"/>
    </row>
    <row r="773500" spans="14:14">
      <c r="N773500" s="10"/>
    </row>
    <row r="773501" spans="14:14">
      <c r="N773501" s="10"/>
    </row>
    <row r="773502" spans="14:14">
      <c r="N773502" s="10"/>
    </row>
    <row r="773503" spans="14:14">
      <c r="N773503" s="10"/>
    </row>
    <row r="773504" spans="14:14">
      <c r="N773504" s="10"/>
    </row>
    <row r="773505" spans="14:14">
      <c r="N773505" s="10"/>
    </row>
    <row r="773506" spans="14:14">
      <c r="N773506" s="10"/>
    </row>
    <row r="773507" spans="14:14">
      <c r="N773507" s="10"/>
    </row>
    <row r="773508" spans="14:14">
      <c r="N773508" s="10"/>
    </row>
    <row r="773509" spans="14:14">
      <c r="N773509" s="10"/>
    </row>
    <row r="773510" spans="14:14">
      <c r="N773510" s="10"/>
    </row>
    <row r="773511" spans="14:14">
      <c r="N773511" s="10"/>
    </row>
    <row r="773512" spans="14:14">
      <c r="N773512" s="10"/>
    </row>
    <row r="773513" spans="14:14">
      <c r="N773513" s="10"/>
    </row>
    <row r="773514" spans="14:14">
      <c r="N773514" s="10"/>
    </row>
    <row r="773515" spans="14:14">
      <c r="N773515" s="10"/>
    </row>
    <row r="773516" spans="14:14">
      <c r="N773516" s="10"/>
    </row>
    <row r="773517" spans="14:14">
      <c r="N773517" s="10"/>
    </row>
    <row r="773518" spans="14:14">
      <c r="N773518" s="10"/>
    </row>
    <row r="773519" spans="14:14">
      <c r="N773519" s="10"/>
    </row>
    <row r="773520" spans="14:14">
      <c r="N773520" s="10"/>
    </row>
    <row r="773521" spans="14:14">
      <c r="N773521" s="10"/>
    </row>
    <row r="773522" spans="14:14">
      <c r="N773522" s="10"/>
    </row>
    <row r="773523" spans="14:14">
      <c r="N773523" s="10"/>
    </row>
    <row r="773524" spans="14:14">
      <c r="N773524" s="10"/>
    </row>
    <row r="773525" spans="14:14">
      <c r="N773525" s="10"/>
    </row>
    <row r="773526" spans="14:14">
      <c r="N773526" s="10"/>
    </row>
    <row r="773527" spans="14:14">
      <c r="N773527" s="10"/>
    </row>
    <row r="773528" spans="14:14">
      <c r="N773528" s="10"/>
    </row>
    <row r="773529" spans="14:14">
      <c r="N773529" s="10"/>
    </row>
    <row r="773530" spans="14:14">
      <c r="N773530" s="10"/>
    </row>
    <row r="773531" spans="14:14">
      <c r="N773531" s="10"/>
    </row>
    <row r="773532" spans="14:14">
      <c r="N773532" s="10"/>
    </row>
    <row r="773533" spans="14:14">
      <c r="N773533" s="10"/>
    </row>
    <row r="773534" spans="14:14">
      <c r="N773534" s="10"/>
    </row>
    <row r="773535" spans="14:14">
      <c r="N773535" s="10"/>
    </row>
    <row r="773536" spans="14:14">
      <c r="N773536" s="10"/>
    </row>
    <row r="773537" spans="14:14">
      <c r="N773537" s="10"/>
    </row>
    <row r="773538" spans="14:14">
      <c r="N773538" s="10"/>
    </row>
    <row r="773539" spans="14:14">
      <c r="N773539" s="10"/>
    </row>
    <row r="773540" spans="14:14">
      <c r="N773540" s="10"/>
    </row>
    <row r="773541" spans="14:14">
      <c r="N773541" s="10"/>
    </row>
    <row r="773542" spans="14:14">
      <c r="N773542" s="10"/>
    </row>
    <row r="773543" spans="14:14">
      <c r="N773543" s="10"/>
    </row>
    <row r="773544" spans="14:14">
      <c r="N773544" s="10"/>
    </row>
    <row r="773545" spans="14:14">
      <c r="N773545" s="10"/>
    </row>
    <row r="773546" spans="14:14">
      <c r="N773546" s="10"/>
    </row>
    <row r="773547" spans="14:14">
      <c r="N773547" s="10"/>
    </row>
    <row r="773548" spans="14:14">
      <c r="N773548" s="10"/>
    </row>
    <row r="773549" spans="14:14">
      <c r="N773549" s="10"/>
    </row>
    <row r="773550" spans="14:14">
      <c r="N773550" s="10"/>
    </row>
    <row r="773551" spans="14:14">
      <c r="N773551" s="10"/>
    </row>
    <row r="773552" spans="14:14">
      <c r="N773552" s="10"/>
    </row>
    <row r="773553" spans="14:14">
      <c r="N773553" s="10"/>
    </row>
    <row r="773554" spans="14:14">
      <c r="N773554" s="10"/>
    </row>
    <row r="773555" spans="14:14">
      <c r="N773555" s="10"/>
    </row>
    <row r="773556" spans="14:14">
      <c r="N773556" s="10"/>
    </row>
    <row r="773557" spans="14:14">
      <c r="N773557" s="10"/>
    </row>
    <row r="773558" spans="14:14">
      <c r="N773558" s="10"/>
    </row>
    <row r="773559" spans="14:14">
      <c r="N773559" s="10"/>
    </row>
    <row r="773560" spans="14:14">
      <c r="N773560" s="10"/>
    </row>
    <row r="773561" spans="14:14">
      <c r="N773561" s="10"/>
    </row>
    <row r="773562" spans="14:14">
      <c r="N773562" s="10"/>
    </row>
    <row r="773563" spans="14:14">
      <c r="N773563" s="10"/>
    </row>
    <row r="773564" spans="14:14">
      <c r="N773564" s="10"/>
    </row>
    <row r="773565" spans="14:14">
      <c r="N773565" s="10"/>
    </row>
    <row r="773566" spans="14:14">
      <c r="N773566" s="10"/>
    </row>
    <row r="773567" spans="14:14">
      <c r="N773567" s="10"/>
    </row>
    <row r="773568" spans="14:14">
      <c r="N773568" s="10"/>
    </row>
    <row r="773569" spans="14:14">
      <c r="N773569" s="10"/>
    </row>
    <row r="773570" spans="14:14">
      <c r="N773570" s="10"/>
    </row>
    <row r="773571" spans="14:14">
      <c r="N773571" s="10"/>
    </row>
    <row r="773572" spans="14:14">
      <c r="N773572" s="10"/>
    </row>
    <row r="773573" spans="14:14">
      <c r="N773573" s="10"/>
    </row>
    <row r="773574" spans="14:14">
      <c r="N773574" s="10"/>
    </row>
    <row r="773575" spans="14:14">
      <c r="N773575" s="10"/>
    </row>
    <row r="773576" spans="14:14">
      <c r="N773576" s="10"/>
    </row>
    <row r="773577" spans="14:14">
      <c r="N773577" s="10"/>
    </row>
    <row r="773578" spans="14:14">
      <c r="N773578" s="10"/>
    </row>
    <row r="773579" spans="14:14">
      <c r="N773579" s="10"/>
    </row>
    <row r="773580" spans="14:14">
      <c r="N773580" s="10"/>
    </row>
    <row r="773581" spans="14:14">
      <c r="N773581" s="10"/>
    </row>
    <row r="773582" spans="14:14">
      <c r="N773582" s="10"/>
    </row>
    <row r="773583" spans="14:14">
      <c r="N773583" s="10"/>
    </row>
    <row r="773584" spans="14:14">
      <c r="N773584" s="10"/>
    </row>
    <row r="773585" spans="14:14">
      <c r="N773585" s="10"/>
    </row>
    <row r="773586" spans="14:14">
      <c r="N773586" s="10"/>
    </row>
    <row r="773587" spans="14:14">
      <c r="N773587" s="10"/>
    </row>
    <row r="773588" spans="14:14">
      <c r="N773588" s="10"/>
    </row>
    <row r="773589" spans="14:14">
      <c r="N773589" s="10"/>
    </row>
    <row r="773590" spans="14:14">
      <c r="N773590" s="10"/>
    </row>
    <row r="773591" spans="14:14">
      <c r="N773591" s="10"/>
    </row>
    <row r="773592" spans="14:14">
      <c r="N773592" s="10"/>
    </row>
    <row r="773593" spans="14:14">
      <c r="N773593" s="10"/>
    </row>
    <row r="773594" spans="14:14">
      <c r="N773594" s="10"/>
    </row>
    <row r="773595" spans="14:14">
      <c r="N773595" s="10"/>
    </row>
    <row r="773596" spans="14:14">
      <c r="N773596" s="10"/>
    </row>
    <row r="773597" spans="14:14">
      <c r="N773597" s="10"/>
    </row>
    <row r="773598" spans="14:14">
      <c r="N773598" s="10"/>
    </row>
    <row r="773599" spans="14:14">
      <c r="N773599" s="10"/>
    </row>
    <row r="773600" spans="14:14">
      <c r="N773600" s="10"/>
    </row>
    <row r="773601" spans="14:14">
      <c r="N773601" s="10"/>
    </row>
    <row r="773602" spans="14:14">
      <c r="N773602" s="10"/>
    </row>
    <row r="773603" spans="14:14">
      <c r="N773603" s="10"/>
    </row>
    <row r="773604" spans="14:14">
      <c r="N773604" s="10"/>
    </row>
    <row r="773605" spans="14:14">
      <c r="N773605" s="10"/>
    </row>
    <row r="773606" spans="14:14">
      <c r="N773606" s="10"/>
    </row>
    <row r="773607" spans="14:14">
      <c r="N773607" s="10"/>
    </row>
    <row r="773608" spans="14:14">
      <c r="N773608" s="10"/>
    </row>
    <row r="773609" spans="14:14">
      <c r="N773609" s="10"/>
    </row>
    <row r="773610" spans="14:14">
      <c r="N773610" s="10"/>
    </row>
    <row r="773611" spans="14:14">
      <c r="N773611" s="10"/>
    </row>
    <row r="773612" spans="14:14">
      <c r="N773612" s="10"/>
    </row>
    <row r="773613" spans="14:14">
      <c r="N773613" s="10"/>
    </row>
    <row r="773614" spans="14:14">
      <c r="N773614" s="10"/>
    </row>
    <row r="773615" spans="14:14">
      <c r="N773615" s="10"/>
    </row>
    <row r="773616" spans="14:14">
      <c r="N773616" s="10"/>
    </row>
    <row r="773617" spans="14:14">
      <c r="N773617" s="10"/>
    </row>
    <row r="773618" spans="14:14">
      <c r="N773618" s="10"/>
    </row>
    <row r="773619" spans="14:14">
      <c r="N773619" s="10"/>
    </row>
    <row r="773620" spans="14:14">
      <c r="N773620" s="10"/>
    </row>
    <row r="773621" spans="14:14">
      <c r="N773621" s="10"/>
    </row>
    <row r="773622" spans="14:14">
      <c r="N773622" s="10"/>
    </row>
    <row r="773623" spans="14:14">
      <c r="N773623" s="10"/>
    </row>
    <row r="773624" spans="14:14">
      <c r="N773624" s="10"/>
    </row>
    <row r="773625" spans="14:14">
      <c r="N773625" s="10"/>
    </row>
    <row r="773626" spans="14:14">
      <c r="N773626" s="10"/>
    </row>
    <row r="773627" spans="14:14">
      <c r="N773627" s="10"/>
    </row>
    <row r="773628" spans="14:14">
      <c r="N773628" s="10"/>
    </row>
    <row r="773629" spans="14:14">
      <c r="N773629" s="10"/>
    </row>
    <row r="773630" spans="14:14">
      <c r="N773630" s="10"/>
    </row>
    <row r="773631" spans="14:14">
      <c r="N773631" s="10"/>
    </row>
    <row r="773632" spans="14:14">
      <c r="N773632" s="10"/>
    </row>
    <row r="773633" spans="14:14">
      <c r="N773633" s="10"/>
    </row>
    <row r="773634" spans="14:14">
      <c r="N773634" s="10"/>
    </row>
    <row r="773635" spans="14:14">
      <c r="N773635" s="10"/>
    </row>
    <row r="773636" spans="14:14">
      <c r="N773636" s="10"/>
    </row>
    <row r="773637" spans="14:14">
      <c r="N773637" s="10"/>
    </row>
    <row r="773638" spans="14:14">
      <c r="N773638" s="10"/>
    </row>
    <row r="773639" spans="14:14">
      <c r="N773639" s="10"/>
    </row>
    <row r="773640" spans="14:14">
      <c r="N773640" s="10"/>
    </row>
    <row r="773641" spans="14:14">
      <c r="N773641" s="10"/>
    </row>
    <row r="773642" spans="14:14">
      <c r="N773642" s="10"/>
    </row>
    <row r="773643" spans="14:14">
      <c r="N773643" s="10"/>
    </row>
    <row r="773644" spans="14:14">
      <c r="N773644" s="10"/>
    </row>
    <row r="773645" spans="14:14">
      <c r="N773645" s="10"/>
    </row>
    <row r="773646" spans="14:14">
      <c r="N773646" s="10"/>
    </row>
    <row r="773647" spans="14:14">
      <c r="N773647" s="10"/>
    </row>
    <row r="773648" spans="14:14">
      <c r="N773648" s="10"/>
    </row>
    <row r="773649" spans="14:14">
      <c r="N773649" s="10"/>
    </row>
    <row r="773650" spans="14:14">
      <c r="N773650" s="10"/>
    </row>
    <row r="773651" spans="14:14">
      <c r="N773651" s="10"/>
    </row>
    <row r="773652" spans="14:14">
      <c r="N773652" s="10"/>
    </row>
    <row r="773653" spans="14:14">
      <c r="N773653" s="10"/>
    </row>
    <row r="773654" spans="14:14">
      <c r="N773654" s="10"/>
    </row>
    <row r="773655" spans="14:14">
      <c r="N773655" s="10"/>
    </row>
    <row r="773656" spans="14:14">
      <c r="N773656" s="10"/>
    </row>
    <row r="773657" spans="14:14">
      <c r="N773657" s="10"/>
    </row>
    <row r="773658" spans="14:14">
      <c r="N773658" s="10"/>
    </row>
    <row r="773659" spans="14:14">
      <c r="N773659" s="10"/>
    </row>
    <row r="773660" spans="14:14">
      <c r="N773660" s="10"/>
    </row>
    <row r="773661" spans="14:14">
      <c r="N773661" s="10"/>
    </row>
    <row r="773662" spans="14:14">
      <c r="N773662" s="10"/>
    </row>
    <row r="773663" spans="14:14">
      <c r="N773663" s="10"/>
    </row>
    <row r="773664" spans="14:14">
      <c r="N773664" s="10"/>
    </row>
    <row r="773665" spans="14:14">
      <c r="N773665" s="10"/>
    </row>
    <row r="773666" spans="14:14">
      <c r="N773666" s="10"/>
    </row>
    <row r="773667" spans="14:14">
      <c r="N773667" s="10"/>
    </row>
    <row r="773668" spans="14:14">
      <c r="N773668" s="10"/>
    </row>
    <row r="773669" spans="14:14">
      <c r="N773669" s="10"/>
    </row>
    <row r="773670" spans="14:14">
      <c r="N773670" s="10"/>
    </row>
    <row r="773671" spans="14:14">
      <c r="N773671" s="10"/>
    </row>
    <row r="773672" spans="14:14">
      <c r="N773672" s="10"/>
    </row>
    <row r="773673" spans="14:14">
      <c r="N773673" s="10"/>
    </row>
    <row r="773674" spans="14:14">
      <c r="N773674" s="10"/>
    </row>
    <row r="773675" spans="14:14">
      <c r="N773675" s="10"/>
    </row>
    <row r="773676" spans="14:14">
      <c r="N773676" s="10"/>
    </row>
    <row r="773677" spans="14:14">
      <c r="N773677" s="10"/>
    </row>
    <row r="773678" spans="14:14">
      <c r="N773678" s="10"/>
    </row>
    <row r="773679" spans="14:14">
      <c r="N773679" s="10"/>
    </row>
    <row r="773680" spans="14:14">
      <c r="N773680" s="10"/>
    </row>
    <row r="773681" spans="14:14">
      <c r="N773681" s="10"/>
    </row>
    <row r="773682" spans="14:14">
      <c r="N773682" s="10"/>
    </row>
    <row r="773683" spans="14:14">
      <c r="N773683" s="10"/>
    </row>
    <row r="773684" spans="14:14">
      <c r="N773684" s="10"/>
    </row>
    <row r="773685" spans="14:14">
      <c r="N773685" s="10"/>
    </row>
    <row r="773686" spans="14:14">
      <c r="N773686" s="10"/>
    </row>
    <row r="773687" spans="14:14">
      <c r="N773687" s="10"/>
    </row>
    <row r="773688" spans="14:14">
      <c r="N773688" s="10"/>
    </row>
    <row r="773689" spans="14:14">
      <c r="N773689" s="10"/>
    </row>
    <row r="773690" spans="14:14">
      <c r="N773690" s="10"/>
    </row>
    <row r="773691" spans="14:14">
      <c r="N773691" s="10"/>
    </row>
    <row r="773692" spans="14:14">
      <c r="N773692" s="10"/>
    </row>
    <row r="773693" spans="14:14">
      <c r="N773693" s="10"/>
    </row>
    <row r="773694" spans="14:14">
      <c r="N773694" s="10"/>
    </row>
    <row r="773695" spans="14:14">
      <c r="N773695" s="10"/>
    </row>
    <row r="773696" spans="14:14">
      <c r="N773696" s="10"/>
    </row>
    <row r="773697" spans="14:14">
      <c r="N773697" s="10"/>
    </row>
    <row r="773698" spans="14:14">
      <c r="N773698" s="10"/>
    </row>
    <row r="773699" spans="14:14">
      <c r="N773699" s="10"/>
    </row>
    <row r="773700" spans="14:14">
      <c r="N773700" s="10"/>
    </row>
    <row r="773701" spans="14:14">
      <c r="N773701" s="10"/>
    </row>
    <row r="773702" spans="14:14">
      <c r="N773702" s="10"/>
    </row>
    <row r="773703" spans="14:14">
      <c r="N773703" s="10"/>
    </row>
    <row r="773704" spans="14:14">
      <c r="N773704" s="10"/>
    </row>
    <row r="773705" spans="14:14">
      <c r="N773705" s="10"/>
    </row>
    <row r="773706" spans="14:14">
      <c r="N773706" s="10"/>
    </row>
    <row r="773707" spans="14:14">
      <c r="N773707" s="10"/>
    </row>
    <row r="773708" spans="14:14">
      <c r="N773708" s="10"/>
    </row>
    <row r="773709" spans="14:14">
      <c r="N773709" s="10"/>
    </row>
    <row r="773710" spans="14:14">
      <c r="N773710" s="10"/>
    </row>
    <row r="773711" spans="14:14">
      <c r="N773711" s="10"/>
    </row>
    <row r="773712" spans="14:14">
      <c r="N773712" s="10"/>
    </row>
    <row r="773713" spans="14:14">
      <c r="N773713" s="10"/>
    </row>
    <row r="773714" spans="14:14">
      <c r="N773714" s="10"/>
    </row>
    <row r="773715" spans="14:14">
      <c r="N773715" s="10"/>
    </row>
    <row r="773716" spans="14:14">
      <c r="N773716" s="10"/>
    </row>
    <row r="773717" spans="14:14">
      <c r="N773717" s="10"/>
    </row>
    <row r="773718" spans="14:14">
      <c r="N773718" s="10"/>
    </row>
    <row r="773719" spans="14:14">
      <c r="N773719" s="10"/>
    </row>
    <row r="773720" spans="14:14">
      <c r="N773720" s="10"/>
    </row>
    <row r="773721" spans="14:14">
      <c r="N773721" s="10"/>
    </row>
    <row r="773722" spans="14:14">
      <c r="N773722" s="10"/>
    </row>
    <row r="773723" spans="14:14">
      <c r="N773723" s="10"/>
    </row>
    <row r="773724" spans="14:14">
      <c r="N773724" s="10"/>
    </row>
    <row r="773725" spans="14:14">
      <c r="N773725" s="10"/>
    </row>
    <row r="773726" spans="14:14">
      <c r="N773726" s="10"/>
    </row>
    <row r="773727" spans="14:14">
      <c r="N773727" s="10"/>
    </row>
    <row r="773728" spans="14:14">
      <c r="N773728" s="10"/>
    </row>
    <row r="773729" spans="14:14">
      <c r="N773729" s="10"/>
    </row>
    <row r="773730" spans="14:14">
      <c r="N773730" s="10"/>
    </row>
    <row r="773731" spans="14:14">
      <c r="N773731" s="10"/>
    </row>
    <row r="773732" spans="14:14">
      <c r="N773732" s="10"/>
    </row>
    <row r="773733" spans="14:14">
      <c r="N773733" s="10"/>
    </row>
    <row r="773734" spans="14:14">
      <c r="N773734" s="10"/>
    </row>
    <row r="773735" spans="14:14">
      <c r="N773735" s="10"/>
    </row>
    <row r="773736" spans="14:14">
      <c r="N773736" s="10"/>
    </row>
    <row r="773737" spans="14:14">
      <c r="N773737" s="10"/>
    </row>
    <row r="773738" spans="14:14">
      <c r="N773738" s="10"/>
    </row>
    <row r="773739" spans="14:14">
      <c r="N773739" s="10"/>
    </row>
    <row r="773740" spans="14:14">
      <c r="N773740" s="10"/>
    </row>
    <row r="773741" spans="14:14">
      <c r="N773741" s="10"/>
    </row>
    <row r="773742" spans="14:14">
      <c r="N773742" s="10"/>
    </row>
    <row r="773743" spans="14:14">
      <c r="N773743" s="10"/>
    </row>
    <row r="773744" spans="14:14">
      <c r="N773744" s="10"/>
    </row>
    <row r="773745" spans="14:14">
      <c r="N773745" s="10"/>
    </row>
    <row r="773746" spans="14:14">
      <c r="N773746" s="10"/>
    </row>
    <row r="773747" spans="14:14">
      <c r="N773747" s="10"/>
    </row>
    <row r="773748" spans="14:14">
      <c r="N773748" s="10"/>
    </row>
    <row r="773749" spans="14:14">
      <c r="N773749" s="10"/>
    </row>
    <row r="773750" spans="14:14">
      <c r="N773750" s="10"/>
    </row>
    <row r="773751" spans="14:14">
      <c r="N773751" s="10"/>
    </row>
    <row r="773752" spans="14:14">
      <c r="N773752" s="10"/>
    </row>
    <row r="773753" spans="14:14">
      <c r="N773753" s="10"/>
    </row>
    <row r="773754" spans="14:14">
      <c r="N773754" s="10"/>
    </row>
    <row r="773755" spans="14:14">
      <c r="N773755" s="10"/>
    </row>
    <row r="773756" spans="14:14">
      <c r="N773756" s="10"/>
    </row>
    <row r="773757" spans="14:14">
      <c r="N773757" s="10"/>
    </row>
    <row r="773758" spans="14:14">
      <c r="N773758" s="10"/>
    </row>
    <row r="773759" spans="14:14">
      <c r="N773759" s="10"/>
    </row>
    <row r="773760" spans="14:14">
      <c r="N773760" s="10"/>
    </row>
    <row r="773761" spans="14:14">
      <c r="N773761" s="10"/>
    </row>
    <row r="773762" spans="14:14">
      <c r="N773762" s="10"/>
    </row>
    <row r="773763" spans="14:14">
      <c r="N773763" s="10"/>
    </row>
    <row r="773764" spans="14:14">
      <c r="N773764" s="10"/>
    </row>
    <row r="773765" spans="14:14">
      <c r="N773765" s="10"/>
    </row>
    <row r="773766" spans="14:14">
      <c r="N773766" s="10"/>
    </row>
    <row r="773767" spans="14:14">
      <c r="N773767" s="10"/>
    </row>
    <row r="773768" spans="14:14">
      <c r="N773768" s="10"/>
    </row>
    <row r="773769" spans="14:14">
      <c r="N773769" s="10"/>
    </row>
    <row r="773770" spans="14:14">
      <c r="N773770" s="10"/>
    </row>
    <row r="773771" spans="14:14">
      <c r="N773771" s="10"/>
    </row>
    <row r="773772" spans="14:14">
      <c r="N773772" s="10"/>
    </row>
    <row r="773773" spans="14:14">
      <c r="N773773" s="10"/>
    </row>
    <row r="773774" spans="14:14">
      <c r="N773774" s="10"/>
    </row>
    <row r="773775" spans="14:14">
      <c r="N773775" s="10"/>
    </row>
    <row r="773776" spans="14:14">
      <c r="N773776" s="10"/>
    </row>
    <row r="773777" spans="14:14">
      <c r="N773777" s="10"/>
    </row>
    <row r="773778" spans="14:14">
      <c r="N773778" s="10"/>
    </row>
    <row r="773779" spans="14:14">
      <c r="N773779" s="10"/>
    </row>
    <row r="773780" spans="14:14">
      <c r="N773780" s="10"/>
    </row>
    <row r="773781" spans="14:14">
      <c r="N773781" s="10"/>
    </row>
    <row r="773782" spans="14:14">
      <c r="N773782" s="10"/>
    </row>
    <row r="773783" spans="14:14">
      <c r="N773783" s="10"/>
    </row>
    <row r="773784" spans="14:14">
      <c r="N773784" s="10"/>
    </row>
    <row r="773785" spans="14:14">
      <c r="N773785" s="10"/>
    </row>
    <row r="773786" spans="14:14">
      <c r="N773786" s="10"/>
    </row>
    <row r="773787" spans="14:14">
      <c r="N773787" s="10"/>
    </row>
    <row r="773788" spans="14:14">
      <c r="N773788" s="10"/>
    </row>
    <row r="773789" spans="14:14">
      <c r="N773789" s="10"/>
    </row>
    <row r="773790" spans="14:14">
      <c r="N773790" s="10"/>
    </row>
    <row r="773791" spans="14:14">
      <c r="N773791" s="10"/>
    </row>
    <row r="773792" spans="14:14">
      <c r="N773792" s="10"/>
    </row>
    <row r="773793" spans="14:14">
      <c r="N773793" s="10"/>
    </row>
    <row r="773794" spans="14:14">
      <c r="N773794" s="10"/>
    </row>
    <row r="773795" spans="14:14">
      <c r="N773795" s="10"/>
    </row>
    <row r="773796" spans="14:14">
      <c r="N773796" s="10"/>
    </row>
    <row r="773797" spans="14:14">
      <c r="N773797" s="10"/>
    </row>
    <row r="773798" spans="14:14">
      <c r="N773798" s="10"/>
    </row>
    <row r="773799" spans="14:14">
      <c r="N773799" s="10"/>
    </row>
    <row r="773800" spans="14:14">
      <c r="N773800" s="10"/>
    </row>
    <row r="773801" spans="14:14">
      <c r="N773801" s="10"/>
    </row>
    <row r="773802" spans="14:14">
      <c r="N773802" s="10"/>
    </row>
    <row r="773803" spans="14:14">
      <c r="N773803" s="10"/>
    </row>
    <row r="773804" spans="14:14">
      <c r="N773804" s="10"/>
    </row>
    <row r="773805" spans="14:14">
      <c r="N773805" s="10"/>
    </row>
    <row r="773806" spans="14:14">
      <c r="N773806" s="10"/>
    </row>
    <row r="773807" spans="14:14">
      <c r="N773807" s="10"/>
    </row>
    <row r="773808" spans="14:14">
      <c r="N773808" s="10"/>
    </row>
    <row r="773809" spans="14:14">
      <c r="N773809" s="10"/>
    </row>
    <row r="773810" spans="14:14">
      <c r="N773810" s="10"/>
    </row>
    <row r="773811" spans="14:14">
      <c r="N773811" s="10"/>
    </row>
    <row r="773812" spans="14:14">
      <c r="N773812" s="10"/>
    </row>
    <row r="773813" spans="14:14">
      <c r="N773813" s="10"/>
    </row>
    <row r="773814" spans="14:14">
      <c r="N773814" s="10"/>
    </row>
    <row r="773815" spans="14:14">
      <c r="N773815" s="10"/>
    </row>
    <row r="773816" spans="14:14">
      <c r="N773816" s="10"/>
    </row>
    <row r="773817" spans="14:14">
      <c r="N773817" s="10"/>
    </row>
    <row r="773818" spans="14:14">
      <c r="N773818" s="10"/>
    </row>
    <row r="773819" spans="14:14">
      <c r="N773819" s="10"/>
    </row>
    <row r="773820" spans="14:14">
      <c r="N773820" s="10"/>
    </row>
    <row r="773821" spans="14:14">
      <c r="N773821" s="10"/>
    </row>
    <row r="773822" spans="14:14">
      <c r="N773822" s="10"/>
    </row>
    <row r="773823" spans="14:14">
      <c r="N773823" s="10"/>
    </row>
    <row r="773824" spans="14:14">
      <c r="N773824" s="10"/>
    </row>
    <row r="773825" spans="14:14">
      <c r="N773825" s="10"/>
    </row>
    <row r="773826" spans="14:14">
      <c r="N773826" s="10"/>
    </row>
    <row r="773827" spans="14:14">
      <c r="N773827" s="10"/>
    </row>
    <row r="773828" spans="14:14">
      <c r="N773828" s="10"/>
    </row>
    <row r="773829" spans="14:14">
      <c r="N773829" s="10"/>
    </row>
    <row r="773830" spans="14:14">
      <c r="N773830" s="10"/>
    </row>
    <row r="773831" spans="14:14">
      <c r="N773831" s="10"/>
    </row>
    <row r="773832" spans="14:14">
      <c r="N773832" s="10"/>
    </row>
    <row r="773833" spans="14:14">
      <c r="N773833" s="10"/>
    </row>
    <row r="773834" spans="14:14">
      <c r="N773834" s="10"/>
    </row>
    <row r="773835" spans="14:14">
      <c r="N773835" s="10"/>
    </row>
    <row r="773836" spans="14:14">
      <c r="N773836" s="10"/>
    </row>
    <row r="773837" spans="14:14">
      <c r="N773837" s="10"/>
    </row>
    <row r="773838" spans="14:14">
      <c r="N773838" s="10"/>
    </row>
    <row r="773839" spans="14:14">
      <c r="N773839" s="10"/>
    </row>
    <row r="773840" spans="14:14">
      <c r="N773840" s="10"/>
    </row>
    <row r="773841" spans="14:14">
      <c r="N773841" s="10"/>
    </row>
    <row r="773842" spans="14:14">
      <c r="N773842" s="10"/>
    </row>
    <row r="773843" spans="14:14">
      <c r="N773843" s="10"/>
    </row>
    <row r="773844" spans="14:14">
      <c r="N773844" s="10"/>
    </row>
    <row r="773845" spans="14:14">
      <c r="N773845" s="10"/>
    </row>
    <row r="773846" spans="14:14">
      <c r="N773846" s="10"/>
    </row>
    <row r="773847" spans="14:14">
      <c r="N773847" s="10"/>
    </row>
    <row r="773848" spans="14:14">
      <c r="N773848" s="10"/>
    </row>
    <row r="773849" spans="14:14">
      <c r="N773849" s="10"/>
    </row>
    <row r="773850" spans="14:14">
      <c r="N773850" s="10"/>
    </row>
    <row r="773851" spans="14:14">
      <c r="N773851" s="10"/>
    </row>
    <row r="773852" spans="14:14">
      <c r="N773852" s="10"/>
    </row>
    <row r="773853" spans="14:14">
      <c r="N773853" s="10"/>
    </row>
    <row r="773854" spans="14:14">
      <c r="N773854" s="10"/>
    </row>
    <row r="773855" spans="14:14">
      <c r="N773855" s="10"/>
    </row>
    <row r="773856" spans="14:14">
      <c r="N773856" s="10"/>
    </row>
    <row r="773857" spans="14:14">
      <c r="N773857" s="10"/>
    </row>
    <row r="773858" spans="14:14">
      <c r="N773858" s="10"/>
    </row>
    <row r="773859" spans="14:14">
      <c r="N773859" s="10"/>
    </row>
    <row r="773860" spans="14:14">
      <c r="N773860" s="10"/>
    </row>
    <row r="773861" spans="14:14">
      <c r="N773861" s="10"/>
    </row>
    <row r="773862" spans="14:14">
      <c r="N773862" s="10"/>
    </row>
    <row r="773863" spans="14:14">
      <c r="N773863" s="10"/>
    </row>
    <row r="773864" spans="14:14">
      <c r="N773864" s="10"/>
    </row>
    <row r="773865" spans="14:14">
      <c r="N773865" s="10"/>
    </row>
    <row r="773866" spans="14:14">
      <c r="N773866" s="10"/>
    </row>
    <row r="773867" spans="14:14">
      <c r="N773867" s="10"/>
    </row>
    <row r="773868" spans="14:14">
      <c r="N773868" s="10"/>
    </row>
    <row r="773869" spans="14:14">
      <c r="N773869" s="10"/>
    </row>
    <row r="773870" spans="14:14">
      <c r="N773870" s="10"/>
    </row>
    <row r="773871" spans="14:14">
      <c r="N773871" s="10"/>
    </row>
    <row r="773872" spans="14:14">
      <c r="N773872" s="10"/>
    </row>
    <row r="773873" spans="14:14">
      <c r="N773873" s="10"/>
    </row>
    <row r="773874" spans="14:14">
      <c r="N773874" s="10"/>
    </row>
    <row r="773875" spans="14:14">
      <c r="N773875" s="10"/>
    </row>
    <row r="773876" spans="14:14">
      <c r="N773876" s="10"/>
    </row>
    <row r="773877" spans="14:14">
      <c r="N773877" s="10"/>
    </row>
    <row r="773878" spans="14:14">
      <c r="N773878" s="10"/>
    </row>
    <row r="773879" spans="14:14">
      <c r="N773879" s="10"/>
    </row>
    <row r="773880" spans="14:14">
      <c r="N773880" s="10"/>
    </row>
    <row r="773881" spans="14:14">
      <c r="N773881" s="10"/>
    </row>
    <row r="773882" spans="14:14">
      <c r="N773882" s="10"/>
    </row>
    <row r="773883" spans="14:14">
      <c r="N773883" s="10"/>
    </row>
    <row r="773884" spans="14:14">
      <c r="N773884" s="10"/>
    </row>
    <row r="773885" spans="14:14">
      <c r="N773885" s="10"/>
    </row>
    <row r="773886" spans="14:14">
      <c r="N773886" s="10"/>
    </row>
    <row r="773887" spans="14:14">
      <c r="N773887" s="10"/>
    </row>
    <row r="773888" spans="14:14">
      <c r="N773888" s="10"/>
    </row>
    <row r="773889" spans="14:14">
      <c r="N773889" s="10"/>
    </row>
    <row r="773890" spans="14:14">
      <c r="N773890" s="10"/>
    </row>
    <row r="773891" spans="14:14">
      <c r="N773891" s="10"/>
    </row>
    <row r="773892" spans="14:14">
      <c r="N773892" s="10"/>
    </row>
    <row r="773893" spans="14:14">
      <c r="N773893" s="10"/>
    </row>
    <row r="773894" spans="14:14">
      <c r="N773894" s="10"/>
    </row>
    <row r="773895" spans="14:14">
      <c r="N773895" s="10"/>
    </row>
    <row r="773896" spans="14:14">
      <c r="N773896" s="10"/>
    </row>
    <row r="773897" spans="14:14">
      <c r="N773897" s="10"/>
    </row>
    <row r="773898" spans="14:14">
      <c r="N773898" s="10"/>
    </row>
    <row r="773899" spans="14:14">
      <c r="N773899" s="10"/>
    </row>
    <row r="773900" spans="14:14">
      <c r="N773900" s="10"/>
    </row>
    <row r="773901" spans="14:14">
      <c r="N773901" s="10"/>
    </row>
    <row r="773902" spans="14:14">
      <c r="N773902" s="10"/>
    </row>
    <row r="773903" spans="14:14">
      <c r="N773903" s="10"/>
    </row>
    <row r="773904" spans="14:14">
      <c r="N773904" s="10"/>
    </row>
    <row r="773905" spans="14:14">
      <c r="N773905" s="10"/>
    </row>
    <row r="773906" spans="14:14">
      <c r="N773906" s="10"/>
    </row>
    <row r="773907" spans="14:14">
      <c r="N773907" s="10"/>
    </row>
    <row r="773908" spans="14:14">
      <c r="N773908" s="10"/>
    </row>
    <row r="773909" spans="14:14">
      <c r="N773909" s="10"/>
    </row>
    <row r="773910" spans="14:14">
      <c r="N773910" s="10"/>
    </row>
    <row r="773911" spans="14:14">
      <c r="N773911" s="10"/>
    </row>
    <row r="773912" spans="14:14">
      <c r="N773912" s="10"/>
    </row>
    <row r="773913" spans="14:14">
      <c r="N773913" s="10"/>
    </row>
    <row r="773914" spans="14:14">
      <c r="N773914" s="10"/>
    </row>
    <row r="773915" spans="14:14">
      <c r="N773915" s="10"/>
    </row>
    <row r="773916" spans="14:14">
      <c r="N773916" s="10"/>
    </row>
    <row r="773917" spans="14:14">
      <c r="N773917" s="10"/>
    </row>
    <row r="773918" spans="14:14">
      <c r="N773918" s="10"/>
    </row>
    <row r="773919" spans="14:14">
      <c r="N773919" s="10"/>
    </row>
    <row r="773920" spans="14:14">
      <c r="N773920" s="10"/>
    </row>
    <row r="773921" spans="14:14">
      <c r="N773921" s="10"/>
    </row>
    <row r="773922" spans="14:14">
      <c r="N773922" s="10"/>
    </row>
    <row r="773923" spans="14:14">
      <c r="N773923" s="10"/>
    </row>
    <row r="773924" spans="14:14">
      <c r="N773924" s="10"/>
    </row>
    <row r="773925" spans="14:14">
      <c r="N773925" s="10"/>
    </row>
    <row r="773926" spans="14:14">
      <c r="N773926" s="10"/>
    </row>
    <row r="773927" spans="14:14">
      <c r="N773927" s="10"/>
    </row>
    <row r="773928" spans="14:14">
      <c r="N773928" s="10"/>
    </row>
    <row r="773929" spans="14:14">
      <c r="N773929" s="10"/>
    </row>
    <row r="773930" spans="14:14">
      <c r="N773930" s="10"/>
    </row>
    <row r="773931" spans="14:14">
      <c r="N773931" s="10"/>
    </row>
    <row r="773932" spans="14:14">
      <c r="N773932" s="10"/>
    </row>
    <row r="773933" spans="14:14">
      <c r="N773933" s="10"/>
    </row>
    <row r="773934" spans="14:14">
      <c r="N773934" s="10"/>
    </row>
    <row r="773935" spans="14:14">
      <c r="N773935" s="10"/>
    </row>
    <row r="773936" spans="14:14">
      <c r="N773936" s="10"/>
    </row>
    <row r="773937" spans="14:14">
      <c r="N773937" s="10"/>
    </row>
    <row r="773938" spans="14:14">
      <c r="N773938" s="10"/>
    </row>
    <row r="773939" spans="14:14">
      <c r="N773939" s="10"/>
    </row>
    <row r="773940" spans="14:14">
      <c r="N773940" s="10"/>
    </row>
    <row r="773941" spans="14:14">
      <c r="N773941" s="10"/>
    </row>
    <row r="773942" spans="14:14">
      <c r="N773942" s="10"/>
    </row>
    <row r="773943" spans="14:14">
      <c r="N773943" s="10"/>
    </row>
    <row r="773944" spans="14:14">
      <c r="N773944" s="10"/>
    </row>
    <row r="773945" spans="14:14">
      <c r="N773945" s="10"/>
    </row>
    <row r="773946" spans="14:14">
      <c r="N773946" s="10"/>
    </row>
    <row r="773947" spans="14:14">
      <c r="N773947" s="10"/>
    </row>
    <row r="773948" spans="14:14">
      <c r="N773948" s="10"/>
    </row>
    <row r="773949" spans="14:14">
      <c r="N773949" s="10"/>
    </row>
    <row r="773950" spans="14:14">
      <c r="N773950" s="10"/>
    </row>
    <row r="773951" spans="14:14">
      <c r="N773951" s="10"/>
    </row>
    <row r="773952" spans="14:14">
      <c r="N773952" s="10"/>
    </row>
    <row r="773953" spans="14:14">
      <c r="N773953" s="10"/>
    </row>
    <row r="773954" spans="14:14">
      <c r="N773954" s="10"/>
    </row>
    <row r="773955" spans="14:14">
      <c r="N773955" s="10"/>
    </row>
    <row r="773956" spans="14:14">
      <c r="N773956" s="10"/>
    </row>
    <row r="773957" spans="14:14">
      <c r="N773957" s="10"/>
    </row>
    <row r="773958" spans="14:14">
      <c r="N773958" s="10"/>
    </row>
    <row r="773959" spans="14:14">
      <c r="N773959" s="10"/>
    </row>
    <row r="773960" spans="14:14">
      <c r="N773960" s="10"/>
    </row>
    <row r="773961" spans="14:14">
      <c r="N773961" s="10"/>
    </row>
    <row r="773962" spans="14:14">
      <c r="N773962" s="10"/>
    </row>
    <row r="773963" spans="14:14">
      <c r="N773963" s="10"/>
    </row>
    <row r="773964" spans="14:14">
      <c r="N773964" s="10"/>
    </row>
    <row r="773965" spans="14:14">
      <c r="N773965" s="10"/>
    </row>
    <row r="773966" spans="14:14">
      <c r="N773966" s="10"/>
    </row>
    <row r="773967" spans="14:14">
      <c r="N773967" s="10"/>
    </row>
    <row r="773968" spans="14:14">
      <c r="N773968" s="10"/>
    </row>
    <row r="773969" spans="14:14">
      <c r="N773969" s="10"/>
    </row>
    <row r="773970" spans="14:14">
      <c r="N773970" s="10"/>
    </row>
    <row r="773971" spans="14:14">
      <c r="N773971" s="10"/>
    </row>
    <row r="773972" spans="14:14">
      <c r="N773972" s="10"/>
    </row>
    <row r="773973" spans="14:14">
      <c r="N773973" s="10"/>
    </row>
    <row r="773974" spans="14:14">
      <c r="N773974" s="10"/>
    </row>
    <row r="773975" spans="14:14">
      <c r="N773975" s="10"/>
    </row>
    <row r="773976" spans="14:14">
      <c r="N773976" s="10"/>
    </row>
    <row r="773977" spans="14:14">
      <c r="N773977" s="10"/>
    </row>
    <row r="773978" spans="14:14">
      <c r="N773978" s="10"/>
    </row>
    <row r="773979" spans="14:14">
      <c r="N773979" s="10"/>
    </row>
    <row r="773980" spans="14:14">
      <c r="N773980" s="10"/>
    </row>
    <row r="773981" spans="14:14">
      <c r="N773981" s="10"/>
    </row>
    <row r="773982" spans="14:14">
      <c r="N773982" s="10"/>
    </row>
    <row r="773983" spans="14:14">
      <c r="N773983" s="10"/>
    </row>
    <row r="773984" spans="14:14">
      <c r="N773984" s="10"/>
    </row>
    <row r="773985" spans="14:14">
      <c r="N773985" s="10"/>
    </row>
    <row r="773986" spans="14:14">
      <c r="N773986" s="10"/>
    </row>
    <row r="773987" spans="14:14">
      <c r="N773987" s="10"/>
    </row>
    <row r="773988" spans="14:14">
      <c r="N773988" s="10"/>
    </row>
    <row r="773989" spans="14:14">
      <c r="N773989" s="10"/>
    </row>
    <row r="773990" spans="14:14">
      <c r="N773990" s="10"/>
    </row>
    <row r="773991" spans="14:14">
      <c r="N773991" s="10"/>
    </row>
    <row r="773992" spans="14:14">
      <c r="N773992" s="10"/>
    </row>
    <row r="773993" spans="14:14">
      <c r="N773993" s="10"/>
    </row>
    <row r="773994" spans="14:14">
      <c r="N773994" s="10"/>
    </row>
    <row r="773995" spans="14:14">
      <c r="N773995" s="10"/>
    </row>
    <row r="773996" spans="14:14">
      <c r="N773996" s="10"/>
    </row>
    <row r="773997" spans="14:14">
      <c r="N773997" s="10"/>
    </row>
    <row r="773998" spans="14:14">
      <c r="N773998" s="10"/>
    </row>
    <row r="773999" spans="14:14">
      <c r="N773999" s="10"/>
    </row>
    <row r="774000" spans="14:14">
      <c r="N774000" s="10"/>
    </row>
    <row r="774001" spans="14:14">
      <c r="N774001" s="10"/>
    </row>
    <row r="774002" spans="14:14">
      <c r="N774002" s="10"/>
    </row>
    <row r="774003" spans="14:14">
      <c r="N774003" s="10"/>
    </row>
    <row r="774004" spans="14:14">
      <c r="N774004" s="10"/>
    </row>
    <row r="774005" spans="14:14">
      <c r="N774005" s="10"/>
    </row>
    <row r="774006" spans="14:14">
      <c r="N774006" s="10"/>
    </row>
    <row r="774007" spans="14:14">
      <c r="N774007" s="10"/>
    </row>
    <row r="774008" spans="14:14">
      <c r="N774008" s="10"/>
    </row>
    <row r="774009" spans="14:14">
      <c r="N774009" s="10"/>
    </row>
    <row r="774010" spans="14:14">
      <c r="N774010" s="10"/>
    </row>
    <row r="774011" spans="14:14">
      <c r="N774011" s="10"/>
    </row>
    <row r="774012" spans="14:14">
      <c r="N774012" s="10"/>
    </row>
    <row r="774013" spans="14:14">
      <c r="N774013" s="10"/>
    </row>
    <row r="774014" spans="14:14">
      <c r="N774014" s="10"/>
    </row>
    <row r="774015" spans="14:14">
      <c r="N774015" s="10"/>
    </row>
    <row r="774016" spans="14:14">
      <c r="N774016" s="10"/>
    </row>
    <row r="774017" spans="14:14">
      <c r="N774017" s="10"/>
    </row>
    <row r="774018" spans="14:14">
      <c r="N774018" s="10"/>
    </row>
    <row r="774019" spans="14:14">
      <c r="N774019" s="10"/>
    </row>
    <row r="774020" spans="14:14">
      <c r="N774020" s="10"/>
    </row>
    <row r="774021" spans="14:14">
      <c r="N774021" s="10"/>
    </row>
    <row r="774022" spans="14:14">
      <c r="N774022" s="10"/>
    </row>
    <row r="774023" spans="14:14">
      <c r="N774023" s="10"/>
    </row>
    <row r="774024" spans="14:14">
      <c r="N774024" s="10"/>
    </row>
    <row r="774025" spans="14:14">
      <c r="N774025" s="10"/>
    </row>
    <row r="774026" spans="14:14">
      <c r="N774026" s="10"/>
    </row>
    <row r="774027" spans="14:14">
      <c r="N774027" s="10"/>
    </row>
    <row r="774028" spans="14:14">
      <c r="N774028" s="10"/>
    </row>
    <row r="774029" spans="14:14">
      <c r="N774029" s="10"/>
    </row>
    <row r="774030" spans="14:14">
      <c r="N774030" s="10"/>
    </row>
    <row r="774031" spans="14:14">
      <c r="N774031" s="10"/>
    </row>
    <row r="774032" spans="14:14">
      <c r="N774032" s="10"/>
    </row>
    <row r="774033" spans="14:14">
      <c r="N774033" s="10"/>
    </row>
    <row r="774034" spans="14:14">
      <c r="N774034" s="10"/>
    </row>
    <row r="774035" spans="14:14">
      <c r="N774035" s="10"/>
    </row>
    <row r="774036" spans="14:14">
      <c r="N774036" s="10"/>
    </row>
    <row r="774037" spans="14:14">
      <c r="N774037" s="10"/>
    </row>
    <row r="774038" spans="14:14">
      <c r="N774038" s="10"/>
    </row>
    <row r="774039" spans="14:14">
      <c r="N774039" s="10"/>
    </row>
    <row r="774040" spans="14:14">
      <c r="N774040" s="10"/>
    </row>
    <row r="774041" spans="14:14">
      <c r="N774041" s="10"/>
    </row>
    <row r="774042" spans="14:14">
      <c r="N774042" s="10"/>
    </row>
    <row r="774043" spans="14:14">
      <c r="N774043" s="10"/>
    </row>
    <row r="774044" spans="14:14">
      <c r="N774044" s="10"/>
    </row>
    <row r="774045" spans="14:14">
      <c r="N774045" s="10"/>
    </row>
    <row r="774046" spans="14:14">
      <c r="N774046" s="10"/>
    </row>
    <row r="774047" spans="14:14">
      <c r="N774047" s="10"/>
    </row>
    <row r="774048" spans="14:14">
      <c r="N774048" s="10"/>
    </row>
    <row r="774049" spans="14:14">
      <c r="N774049" s="10"/>
    </row>
    <row r="774050" spans="14:14">
      <c r="N774050" s="10"/>
    </row>
    <row r="774051" spans="14:14">
      <c r="N774051" s="10"/>
    </row>
    <row r="774052" spans="14:14">
      <c r="N774052" s="10"/>
    </row>
    <row r="774053" spans="14:14">
      <c r="N774053" s="10"/>
    </row>
    <row r="774054" spans="14:14">
      <c r="N774054" s="10"/>
    </row>
    <row r="774055" spans="14:14">
      <c r="N774055" s="10"/>
    </row>
    <row r="774056" spans="14:14">
      <c r="N774056" s="10"/>
    </row>
    <row r="774057" spans="14:14">
      <c r="N774057" s="10"/>
    </row>
    <row r="774058" spans="14:14">
      <c r="N774058" s="10"/>
    </row>
    <row r="774059" spans="14:14">
      <c r="N774059" s="10"/>
    </row>
    <row r="774060" spans="14:14">
      <c r="N774060" s="10"/>
    </row>
    <row r="774061" spans="14:14">
      <c r="N774061" s="10"/>
    </row>
    <row r="774062" spans="14:14">
      <c r="N774062" s="10"/>
    </row>
    <row r="774063" spans="14:14">
      <c r="N774063" s="10"/>
    </row>
    <row r="774064" spans="14:14">
      <c r="N774064" s="10"/>
    </row>
    <row r="774065" spans="14:14">
      <c r="N774065" s="10"/>
    </row>
    <row r="774066" spans="14:14">
      <c r="N774066" s="10"/>
    </row>
    <row r="774067" spans="14:14">
      <c r="N774067" s="10"/>
    </row>
    <row r="774068" spans="14:14">
      <c r="N774068" s="10"/>
    </row>
    <row r="774069" spans="14:14">
      <c r="N774069" s="10"/>
    </row>
    <row r="774070" spans="14:14">
      <c r="N774070" s="10"/>
    </row>
    <row r="774071" spans="14:14">
      <c r="N774071" s="10"/>
    </row>
    <row r="774072" spans="14:14">
      <c r="N774072" s="10"/>
    </row>
    <row r="774073" spans="14:14">
      <c r="N774073" s="10"/>
    </row>
    <row r="774074" spans="14:14">
      <c r="N774074" s="10"/>
    </row>
    <row r="774075" spans="14:14">
      <c r="N774075" s="10"/>
    </row>
    <row r="774076" spans="14:14">
      <c r="N774076" s="10"/>
    </row>
    <row r="774077" spans="14:14">
      <c r="N774077" s="10"/>
    </row>
    <row r="774078" spans="14:14">
      <c r="N774078" s="10"/>
    </row>
    <row r="774079" spans="14:14">
      <c r="N774079" s="10"/>
    </row>
    <row r="774080" spans="14:14">
      <c r="N774080" s="10"/>
    </row>
    <row r="774081" spans="14:14">
      <c r="N774081" s="10"/>
    </row>
    <row r="774082" spans="14:14">
      <c r="N774082" s="10"/>
    </row>
    <row r="774083" spans="14:14">
      <c r="N774083" s="10"/>
    </row>
    <row r="774084" spans="14:14">
      <c r="N774084" s="10"/>
    </row>
    <row r="774085" spans="14:14">
      <c r="N774085" s="10"/>
    </row>
    <row r="774086" spans="14:14">
      <c r="N774086" s="10"/>
    </row>
    <row r="774087" spans="14:14">
      <c r="N774087" s="10"/>
    </row>
    <row r="774088" spans="14:14">
      <c r="N774088" s="10"/>
    </row>
    <row r="774089" spans="14:14">
      <c r="N774089" s="10"/>
    </row>
    <row r="774090" spans="14:14">
      <c r="N774090" s="10"/>
    </row>
    <row r="774091" spans="14:14">
      <c r="N774091" s="10"/>
    </row>
    <row r="774092" spans="14:14">
      <c r="N774092" s="10"/>
    </row>
    <row r="774093" spans="14:14">
      <c r="N774093" s="10"/>
    </row>
    <row r="774094" spans="14:14">
      <c r="N774094" s="10"/>
    </row>
    <row r="774095" spans="14:14">
      <c r="N774095" s="10"/>
    </row>
    <row r="774096" spans="14:14">
      <c r="N774096" s="10"/>
    </row>
    <row r="774097" spans="14:14">
      <c r="N774097" s="10"/>
    </row>
    <row r="774098" spans="14:14">
      <c r="N774098" s="10"/>
    </row>
    <row r="774099" spans="14:14">
      <c r="N774099" s="10"/>
    </row>
    <row r="774100" spans="14:14">
      <c r="N774100" s="10"/>
    </row>
    <row r="774101" spans="14:14">
      <c r="N774101" s="10"/>
    </row>
    <row r="774102" spans="14:14">
      <c r="N774102" s="10"/>
    </row>
    <row r="774103" spans="14:14">
      <c r="N774103" s="10"/>
    </row>
    <row r="774104" spans="14:14">
      <c r="N774104" s="10"/>
    </row>
    <row r="774105" spans="14:14">
      <c r="N774105" s="10"/>
    </row>
    <row r="774106" spans="14:14">
      <c r="N774106" s="10"/>
    </row>
    <row r="774107" spans="14:14">
      <c r="N774107" s="10"/>
    </row>
    <row r="774108" spans="14:14">
      <c r="N774108" s="10"/>
    </row>
    <row r="774109" spans="14:14">
      <c r="N774109" s="10"/>
    </row>
    <row r="774110" spans="14:14">
      <c r="N774110" s="10"/>
    </row>
    <row r="774111" spans="14:14">
      <c r="N774111" s="10"/>
    </row>
    <row r="774112" spans="14:14">
      <c r="N774112" s="10"/>
    </row>
    <row r="774113" spans="14:14">
      <c r="N774113" s="10"/>
    </row>
    <row r="774114" spans="14:14">
      <c r="N774114" s="10"/>
    </row>
    <row r="774115" spans="14:14">
      <c r="N774115" s="10"/>
    </row>
    <row r="774116" spans="14:14">
      <c r="N774116" s="10"/>
    </row>
    <row r="774117" spans="14:14">
      <c r="N774117" s="10"/>
    </row>
    <row r="774118" spans="14:14">
      <c r="N774118" s="10"/>
    </row>
    <row r="774119" spans="14:14">
      <c r="N774119" s="10"/>
    </row>
    <row r="774120" spans="14:14">
      <c r="N774120" s="10"/>
    </row>
    <row r="774121" spans="14:14">
      <c r="N774121" s="10"/>
    </row>
    <row r="774122" spans="14:14">
      <c r="N774122" s="10"/>
    </row>
    <row r="774123" spans="14:14">
      <c r="N774123" s="10"/>
    </row>
    <row r="774124" spans="14:14">
      <c r="N774124" s="10"/>
    </row>
    <row r="774125" spans="14:14">
      <c r="N774125" s="10"/>
    </row>
    <row r="774126" spans="14:14">
      <c r="N774126" s="10"/>
    </row>
    <row r="774127" spans="14:14">
      <c r="N774127" s="10"/>
    </row>
    <row r="774128" spans="14:14">
      <c r="N774128" s="10"/>
    </row>
    <row r="774129" spans="14:14">
      <c r="N774129" s="10"/>
    </row>
    <row r="774130" spans="14:14">
      <c r="N774130" s="10"/>
    </row>
    <row r="774131" spans="14:14">
      <c r="N774131" s="10"/>
    </row>
    <row r="774132" spans="14:14">
      <c r="N774132" s="10"/>
    </row>
    <row r="774133" spans="14:14">
      <c r="N774133" s="10"/>
    </row>
    <row r="774134" spans="14:14">
      <c r="N774134" s="10"/>
    </row>
    <row r="774135" spans="14:14">
      <c r="N774135" s="10"/>
    </row>
    <row r="774136" spans="14:14">
      <c r="N774136" s="10"/>
    </row>
    <row r="774137" spans="14:14">
      <c r="N774137" s="10"/>
    </row>
    <row r="774138" spans="14:14">
      <c r="N774138" s="10"/>
    </row>
    <row r="774139" spans="14:14">
      <c r="N774139" s="10"/>
    </row>
    <row r="774140" spans="14:14">
      <c r="N774140" s="10"/>
    </row>
    <row r="774141" spans="14:14">
      <c r="N774141" s="10"/>
    </row>
    <row r="774142" spans="14:14">
      <c r="N774142" s="10"/>
    </row>
    <row r="774143" spans="14:14">
      <c r="N774143" s="10"/>
    </row>
    <row r="774144" spans="14:14">
      <c r="N774144" s="10"/>
    </row>
    <row r="774145" spans="14:14">
      <c r="N774145" s="10"/>
    </row>
    <row r="774146" spans="14:14">
      <c r="N774146" s="10"/>
    </row>
    <row r="774147" spans="14:14">
      <c r="N774147" s="10"/>
    </row>
    <row r="774148" spans="14:14">
      <c r="N774148" s="10"/>
    </row>
    <row r="774149" spans="14:14">
      <c r="N774149" s="10"/>
    </row>
    <row r="774150" spans="14:14">
      <c r="N774150" s="10"/>
    </row>
    <row r="774151" spans="14:14">
      <c r="N774151" s="10"/>
    </row>
    <row r="774152" spans="14:14">
      <c r="N774152" s="10"/>
    </row>
    <row r="774153" spans="14:14">
      <c r="N774153" s="10"/>
    </row>
    <row r="774154" spans="14:14">
      <c r="N774154" s="10"/>
    </row>
    <row r="774155" spans="14:14">
      <c r="N774155" s="10"/>
    </row>
    <row r="774156" spans="14:14">
      <c r="N774156" s="10"/>
    </row>
    <row r="774157" spans="14:14">
      <c r="N774157" s="10"/>
    </row>
    <row r="774158" spans="14:14">
      <c r="N774158" s="10"/>
    </row>
    <row r="774159" spans="14:14">
      <c r="N774159" s="10"/>
    </row>
    <row r="774160" spans="14:14">
      <c r="N774160" s="10"/>
    </row>
    <row r="774161" spans="14:14">
      <c r="N774161" s="10"/>
    </row>
    <row r="774162" spans="14:14">
      <c r="N774162" s="10"/>
    </row>
    <row r="774163" spans="14:14">
      <c r="N774163" s="10"/>
    </row>
    <row r="774164" spans="14:14">
      <c r="N774164" s="10"/>
    </row>
    <row r="774165" spans="14:14">
      <c r="N774165" s="10"/>
    </row>
    <row r="774166" spans="14:14">
      <c r="N774166" s="10"/>
    </row>
    <row r="774167" spans="14:14">
      <c r="N774167" s="10"/>
    </row>
    <row r="774168" spans="14:14">
      <c r="N774168" s="10"/>
    </row>
    <row r="774169" spans="14:14">
      <c r="N774169" s="10"/>
    </row>
    <row r="774170" spans="14:14">
      <c r="N774170" s="10"/>
    </row>
    <row r="774171" spans="14:14">
      <c r="N774171" s="10"/>
    </row>
    <row r="774172" spans="14:14">
      <c r="N774172" s="10"/>
    </row>
    <row r="774173" spans="14:14">
      <c r="N774173" s="10"/>
    </row>
    <row r="774174" spans="14:14">
      <c r="N774174" s="10"/>
    </row>
    <row r="774175" spans="14:14">
      <c r="N774175" s="10"/>
    </row>
    <row r="774176" spans="14:14">
      <c r="N774176" s="10"/>
    </row>
    <row r="774177" spans="14:14">
      <c r="N774177" s="10"/>
    </row>
    <row r="774178" spans="14:14">
      <c r="N774178" s="10"/>
    </row>
    <row r="774179" spans="14:14">
      <c r="N774179" s="10"/>
    </row>
    <row r="774180" spans="14:14">
      <c r="N774180" s="10"/>
    </row>
    <row r="774181" spans="14:14">
      <c r="N774181" s="10"/>
    </row>
    <row r="774182" spans="14:14">
      <c r="N774182" s="10"/>
    </row>
    <row r="774183" spans="14:14">
      <c r="N774183" s="10"/>
    </row>
    <row r="774184" spans="14:14">
      <c r="N774184" s="10"/>
    </row>
    <row r="774185" spans="14:14">
      <c r="N774185" s="10"/>
    </row>
    <row r="774186" spans="14:14">
      <c r="N774186" s="10"/>
    </row>
    <row r="774187" spans="14:14">
      <c r="N774187" s="10"/>
    </row>
    <row r="774188" spans="14:14">
      <c r="N774188" s="10"/>
    </row>
    <row r="774189" spans="14:14">
      <c r="N774189" s="10"/>
    </row>
    <row r="774190" spans="14:14">
      <c r="N774190" s="10"/>
    </row>
    <row r="774191" spans="14:14">
      <c r="N774191" s="10"/>
    </row>
    <row r="774192" spans="14:14">
      <c r="N774192" s="10"/>
    </row>
    <row r="774193" spans="14:14">
      <c r="N774193" s="10"/>
    </row>
    <row r="774194" spans="14:14">
      <c r="N774194" s="10"/>
    </row>
    <row r="774195" spans="14:14">
      <c r="N774195" s="10"/>
    </row>
    <row r="774196" spans="14:14">
      <c r="N774196" s="10"/>
    </row>
    <row r="774197" spans="14:14">
      <c r="N774197" s="10"/>
    </row>
    <row r="774198" spans="14:14">
      <c r="N774198" s="10"/>
    </row>
    <row r="774199" spans="14:14">
      <c r="N774199" s="10"/>
    </row>
    <row r="774200" spans="14:14">
      <c r="N774200" s="10"/>
    </row>
    <row r="774201" spans="14:14">
      <c r="N774201" s="10"/>
    </row>
    <row r="774202" spans="14:14">
      <c r="N774202" s="10"/>
    </row>
    <row r="774203" spans="14:14">
      <c r="N774203" s="10"/>
    </row>
    <row r="774204" spans="14:14">
      <c r="N774204" s="10"/>
    </row>
    <row r="774205" spans="14:14">
      <c r="N774205" s="10"/>
    </row>
    <row r="774206" spans="14:14">
      <c r="N774206" s="10"/>
    </row>
    <row r="774207" spans="14:14">
      <c r="N774207" s="10"/>
    </row>
    <row r="774208" spans="14:14">
      <c r="N774208" s="10"/>
    </row>
    <row r="774209" spans="14:14">
      <c r="N774209" s="10"/>
    </row>
    <row r="774210" spans="14:14">
      <c r="N774210" s="10"/>
    </row>
    <row r="774211" spans="14:14">
      <c r="N774211" s="10"/>
    </row>
    <row r="774212" spans="14:14">
      <c r="N774212" s="10"/>
    </row>
    <row r="774213" spans="14:14">
      <c r="N774213" s="10"/>
    </row>
    <row r="774214" spans="14:14">
      <c r="N774214" s="10"/>
    </row>
    <row r="774215" spans="14:14">
      <c r="N774215" s="10"/>
    </row>
    <row r="774216" spans="14:14">
      <c r="N774216" s="10"/>
    </row>
    <row r="774217" spans="14:14">
      <c r="N774217" s="10"/>
    </row>
    <row r="774218" spans="14:14">
      <c r="N774218" s="10"/>
    </row>
    <row r="774219" spans="14:14">
      <c r="N774219" s="10"/>
    </row>
    <row r="774220" spans="14:14">
      <c r="N774220" s="10"/>
    </row>
    <row r="774221" spans="14:14">
      <c r="N774221" s="10"/>
    </row>
    <row r="774222" spans="14:14">
      <c r="N774222" s="10"/>
    </row>
    <row r="774223" spans="14:14">
      <c r="N774223" s="10"/>
    </row>
    <row r="774224" spans="14:14">
      <c r="N774224" s="10"/>
    </row>
    <row r="774225" spans="14:14">
      <c r="N774225" s="10"/>
    </row>
    <row r="774226" spans="14:14">
      <c r="N774226" s="10"/>
    </row>
    <row r="774227" spans="14:14">
      <c r="N774227" s="10"/>
    </row>
    <row r="774228" spans="14:14">
      <c r="N774228" s="10"/>
    </row>
    <row r="774229" spans="14:14">
      <c r="N774229" s="10"/>
    </row>
    <row r="774230" spans="14:14">
      <c r="N774230" s="10"/>
    </row>
    <row r="774231" spans="14:14">
      <c r="N774231" s="10"/>
    </row>
    <row r="774232" spans="14:14">
      <c r="N774232" s="10"/>
    </row>
    <row r="774233" spans="14:14">
      <c r="N774233" s="10"/>
    </row>
    <row r="774234" spans="14:14">
      <c r="N774234" s="10"/>
    </row>
    <row r="774235" spans="14:14">
      <c r="N774235" s="10"/>
    </row>
    <row r="774236" spans="14:14">
      <c r="N774236" s="10"/>
    </row>
    <row r="774237" spans="14:14">
      <c r="N774237" s="10"/>
    </row>
    <row r="774238" spans="14:14">
      <c r="N774238" s="10"/>
    </row>
    <row r="774239" spans="14:14">
      <c r="N774239" s="10"/>
    </row>
    <row r="774240" spans="14:14">
      <c r="N774240" s="10"/>
    </row>
    <row r="774241" spans="14:14">
      <c r="N774241" s="10"/>
    </row>
    <row r="774242" spans="14:14">
      <c r="N774242" s="10"/>
    </row>
    <row r="774243" spans="14:14">
      <c r="N774243" s="10"/>
    </row>
    <row r="774244" spans="14:14">
      <c r="N774244" s="10"/>
    </row>
    <row r="774245" spans="14:14">
      <c r="N774245" s="10"/>
    </row>
    <row r="774246" spans="14:14">
      <c r="N774246" s="10"/>
    </row>
    <row r="774247" spans="14:14">
      <c r="N774247" s="10"/>
    </row>
    <row r="774248" spans="14:14">
      <c r="N774248" s="10"/>
    </row>
    <row r="774249" spans="14:14">
      <c r="N774249" s="10"/>
    </row>
    <row r="774250" spans="14:14">
      <c r="N774250" s="10"/>
    </row>
    <row r="774251" spans="14:14">
      <c r="N774251" s="10"/>
    </row>
    <row r="774252" spans="14:14">
      <c r="N774252" s="10"/>
    </row>
    <row r="774253" spans="14:14">
      <c r="N774253" s="10"/>
    </row>
    <row r="774254" spans="14:14">
      <c r="N774254" s="10"/>
    </row>
    <row r="774255" spans="14:14">
      <c r="N774255" s="10"/>
    </row>
    <row r="774256" spans="14:14">
      <c r="N774256" s="10"/>
    </row>
    <row r="774257" spans="14:14">
      <c r="N774257" s="10"/>
    </row>
    <row r="774258" spans="14:14">
      <c r="N774258" s="10"/>
    </row>
    <row r="774259" spans="14:14">
      <c r="N774259" s="10"/>
    </row>
    <row r="774260" spans="14:14">
      <c r="N774260" s="10"/>
    </row>
    <row r="774261" spans="14:14">
      <c r="N774261" s="10"/>
    </row>
    <row r="774262" spans="14:14">
      <c r="N774262" s="10"/>
    </row>
    <row r="774263" spans="14:14">
      <c r="N774263" s="10"/>
    </row>
    <row r="774264" spans="14:14">
      <c r="N774264" s="10"/>
    </row>
    <row r="774265" spans="14:14">
      <c r="N774265" s="10"/>
    </row>
    <row r="774266" spans="14:14">
      <c r="N774266" s="10"/>
    </row>
    <row r="774267" spans="14:14">
      <c r="N774267" s="10"/>
    </row>
    <row r="774268" spans="14:14">
      <c r="N774268" s="10"/>
    </row>
    <row r="774269" spans="14:14">
      <c r="N774269" s="10"/>
    </row>
    <row r="774270" spans="14:14">
      <c r="N774270" s="10"/>
    </row>
    <row r="774271" spans="14:14">
      <c r="N774271" s="10"/>
    </row>
    <row r="774272" spans="14:14">
      <c r="N774272" s="10"/>
    </row>
    <row r="774273" spans="14:14">
      <c r="N774273" s="10"/>
    </row>
    <row r="774274" spans="14:14">
      <c r="N774274" s="10"/>
    </row>
    <row r="774275" spans="14:14">
      <c r="N774275" s="10"/>
    </row>
    <row r="774276" spans="14:14">
      <c r="N774276" s="10"/>
    </row>
    <row r="774277" spans="14:14">
      <c r="N774277" s="10"/>
    </row>
    <row r="774278" spans="14:14">
      <c r="N774278" s="10"/>
    </row>
    <row r="774279" spans="14:14">
      <c r="N774279" s="10"/>
    </row>
    <row r="774280" spans="14:14">
      <c r="N774280" s="10"/>
    </row>
    <row r="774281" spans="14:14">
      <c r="N774281" s="10"/>
    </row>
    <row r="774282" spans="14:14">
      <c r="N774282" s="10"/>
    </row>
    <row r="774283" spans="14:14">
      <c r="N774283" s="10"/>
    </row>
    <row r="774284" spans="14:14">
      <c r="N774284" s="10"/>
    </row>
    <row r="774285" spans="14:14">
      <c r="N774285" s="10"/>
    </row>
    <row r="774286" spans="14:14">
      <c r="N774286" s="10"/>
    </row>
    <row r="774287" spans="14:14">
      <c r="N774287" s="10"/>
    </row>
    <row r="774288" spans="14:14">
      <c r="N774288" s="10"/>
    </row>
    <row r="774289" spans="14:14">
      <c r="N774289" s="10"/>
    </row>
    <row r="774290" spans="14:14">
      <c r="N774290" s="10"/>
    </row>
    <row r="774291" spans="14:14">
      <c r="N774291" s="10"/>
    </row>
    <row r="774292" spans="14:14">
      <c r="N774292" s="10"/>
    </row>
    <row r="774293" spans="14:14">
      <c r="N774293" s="10"/>
    </row>
    <row r="774294" spans="14:14">
      <c r="N774294" s="10"/>
    </row>
    <row r="774295" spans="14:14">
      <c r="N774295" s="10"/>
    </row>
    <row r="774296" spans="14:14">
      <c r="N774296" s="10"/>
    </row>
    <row r="774297" spans="14:14">
      <c r="N774297" s="10"/>
    </row>
    <row r="774298" spans="14:14">
      <c r="N774298" s="10"/>
    </row>
    <row r="774299" spans="14:14">
      <c r="N774299" s="10"/>
    </row>
    <row r="774300" spans="14:14">
      <c r="N774300" s="10"/>
    </row>
    <row r="774301" spans="14:14">
      <c r="N774301" s="10"/>
    </row>
    <row r="774302" spans="14:14">
      <c r="N774302" s="10"/>
    </row>
    <row r="774303" spans="14:14">
      <c r="N774303" s="10"/>
    </row>
    <row r="774304" spans="14:14">
      <c r="N774304" s="10"/>
    </row>
    <row r="774305" spans="14:14">
      <c r="N774305" s="10"/>
    </row>
    <row r="774306" spans="14:14">
      <c r="N774306" s="10"/>
    </row>
    <row r="774307" spans="14:14">
      <c r="N774307" s="10"/>
    </row>
    <row r="774308" spans="14:14">
      <c r="N774308" s="10"/>
    </row>
    <row r="774309" spans="14:14">
      <c r="N774309" s="10"/>
    </row>
    <row r="774310" spans="14:14">
      <c r="N774310" s="10"/>
    </row>
    <row r="774311" spans="14:14">
      <c r="N774311" s="10"/>
    </row>
    <row r="774312" spans="14:14">
      <c r="N774312" s="10"/>
    </row>
    <row r="774313" spans="14:14">
      <c r="N774313" s="10"/>
    </row>
    <row r="774314" spans="14:14">
      <c r="N774314" s="10"/>
    </row>
    <row r="774315" spans="14:14">
      <c r="N774315" s="10"/>
    </row>
    <row r="774316" spans="14:14">
      <c r="N774316" s="10"/>
    </row>
    <row r="774317" spans="14:14">
      <c r="N774317" s="10"/>
    </row>
    <row r="774318" spans="14:14">
      <c r="N774318" s="10"/>
    </row>
    <row r="774319" spans="14:14">
      <c r="N774319" s="10"/>
    </row>
    <row r="774320" spans="14:14">
      <c r="N774320" s="10"/>
    </row>
    <row r="774321" spans="14:14">
      <c r="N774321" s="10"/>
    </row>
    <row r="774322" spans="14:14">
      <c r="N774322" s="10"/>
    </row>
    <row r="774323" spans="14:14">
      <c r="N774323" s="10"/>
    </row>
    <row r="774324" spans="14:14">
      <c r="N774324" s="10"/>
    </row>
    <row r="774325" spans="14:14">
      <c r="N774325" s="10"/>
    </row>
    <row r="774326" spans="14:14">
      <c r="N774326" s="10"/>
    </row>
    <row r="774327" spans="14:14">
      <c r="N774327" s="10"/>
    </row>
    <row r="774328" spans="14:14">
      <c r="N774328" s="10"/>
    </row>
    <row r="774329" spans="14:14">
      <c r="N774329" s="10"/>
    </row>
    <row r="774330" spans="14:14">
      <c r="N774330" s="10"/>
    </row>
    <row r="774331" spans="14:14">
      <c r="N774331" s="10"/>
    </row>
    <row r="774332" spans="14:14">
      <c r="N774332" s="10"/>
    </row>
    <row r="774333" spans="14:14">
      <c r="N774333" s="10"/>
    </row>
    <row r="774334" spans="14:14">
      <c r="N774334" s="10"/>
    </row>
    <row r="774335" spans="14:14">
      <c r="N774335" s="10"/>
    </row>
    <row r="774336" spans="14:14">
      <c r="N774336" s="10"/>
    </row>
    <row r="774337" spans="14:14">
      <c r="N774337" s="10"/>
    </row>
    <row r="774338" spans="14:14">
      <c r="N774338" s="10"/>
    </row>
    <row r="774339" spans="14:14">
      <c r="N774339" s="10"/>
    </row>
    <row r="774340" spans="14:14">
      <c r="N774340" s="10"/>
    </row>
    <row r="774341" spans="14:14">
      <c r="N774341" s="10"/>
    </row>
    <row r="774342" spans="14:14">
      <c r="N774342" s="10"/>
    </row>
    <row r="774343" spans="14:14">
      <c r="N774343" s="10"/>
    </row>
    <row r="774344" spans="14:14">
      <c r="N774344" s="10"/>
    </row>
    <row r="774345" spans="14:14">
      <c r="N774345" s="10"/>
    </row>
    <row r="774346" spans="14:14">
      <c r="N774346" s="10"/>
    </row>
    <row r="774347" spans="14:14">
      <c r="N774347" s="10"/>
    </row>
    <row r="774348" spans="14:14">
      <c r="N774348" s="10"/>
    </row>
    <row r="774349" spans="14:14">
      <c r="N774349" s="10"/>
    </row>
    <row r="774350" spans="14:14">
      <c r="N774350" s="10"/>
    </row>
    <row r="774351" spans="14:14">
      <c r="N774351" s="10"/>
    </row>
    <row r="774352" spans="14:14">
      <c r="N774352" s="10"/>
    </row>
    <row r="774353" spans="14:14">
      <c r="N774353" s="10"/>
    </row>
    <row r="774354" spans="14:14">
      <c r="N774354" s="10"/>
    </row>
    <row r="774355" spans="14:14">
      <c r="N774355" s="10"/>
    </row>
    <row r="774356" spans="14:14">
      <c r="N774356" s="10"/>
    </row>
    <row r="774357" spans="14:14">
      <c r="N774357" s="10"/>
    </row>
    <row r="774358" spans="14:14">
      <c r="N774358" s="10"/>
    </row>
    <row r="774359" spans="14:14">
      <c r="N774359" s="10"/>
    </row>
    <row r="774360" spans="14:14">
      <c r="N774360" s="10"/>
    </row>
    <row r="774361" spans="14:14">
      <c r="N774361" s="10"/>
    </row>
    <row r="774362" spans="14:14">
      <c r="N774362" s="10"/>
    </row>
    <row r="774363" spans="14:14">
      <c r="N774363" s="10"/>
    </row>
    <row r="774364" spans="14:14">
      <c r="N774364" s="10"/>
    </row>
    <row r="774365" spans="14:14">
      <c r="N774365" s="10"/>
    </row>
    <row r="774366" spans="14:14">
      <c r="N774366" s="10"/>
    </row>
    <row r="774367" spans="14:14">
      <c r="N774367" s="10"/>
    </row>
    <row r="774368" spans="14:14">
      <c r="N774368" s="10"/>
    </row>
    <row r="774369" spans="14:14">
      <c r="N774369" s="10"/>
    </row>
    <row r="774370" spans="14:14">
      <c r="N774370" s="10"/>
    </row>
    <row r="774371" spans="14:14">
      <c r="N774371" s="10"/>
    </row>
    <row r="774372" spans="14:14">
      <c r="N774372" s="10"/>
    </row>
    <row r="774373" spans="14:14">
      <c r="N774373" s="10"/>
    </row>
    <row r="774374" spans="14:14">
      <c r="N774374" s="10"/>
    </row>
    <row r="774375" spans="14:14">
      <c r="N774375" s="10"/>
    </row>
    <row r="774376" spans="14:14">
      <c r="N774376" s="10"/>
    </row>
    <row r="774377" spans="14:14">
      <c r="N774377" s="10"/>
    </row>
    <row r="774378" spans="14:14">
      <c r="N774378" s="10"/>
    </row>
    <row r="774379" spans="14:14">
      <c r="N774379" s="10"/>
    </row>
    <row r="774380" spans="14:14">
      <c r="N774380" s="10"/>
    </row>
    <row r="774381" spans="14:14">
      <c r="N774381" s="10"/>
    </row>
    <row r="774382" spans="14:14">
      <c r="N774382" s="10"/>
    </row>
    <row r="774383" spans="14:14">
      <c r="N774383" s="10"/>
    </row>
    <row r="774384" spans="14:14">
      <c r="N774384" s="10"/>
    </row>
    <row r="774385" spans="14:14">
      <c r="N774385" s="10"/>
    </row>
    <row r="774386" spans="14:14">
      <c r="N774386" s="10"/>
    </row>
    <row r="774387" spans="14:14">
      <c r="N774387" s="10"/>
    </row>
    <row r="774388" spans="14:14">
      <c r="N774388" s="10"/>
    </row>
    <row r="774389" spans="14:14">
      <c r="N774389" s="10"/>
    </row>
    <row r="774390" spans="14:14">
      <c r="N774390" s="10"/>
    </row>
    <row r="774391" spans="14:14">
      <c r="N774391" s="10"/>
    </row>
    <row r="774392" spans="14:14">
      <c r="N774392" s="10"/>
    </row>
    <row r="774393" spans="14:14">
      <c r="N774393" s="10"/>
    </row>
    <row r="774394" spans="14:14">
      <c r="N774394" s="10"/>
    </row>
    <row r="774395" spans="14:14">
      <c r="N774395" s="10"/>
    </row>
    <row r="774396" spans="14:14">
      <c r="N774396" s="10"/>
    </row>
    <row r="774397" spans="14:14">
      <c r="N774397" s="10"/>
    </row>
    <row r="774398" spans="14:14">
      <c r="N774398" s="10"/>
    </row>
    <row r="774399" spans="14:14">
      <c r="N774399" s="10"/>
    </row>
    <row r="774400" spans="14:14">
      <c r="N774400" s="10"/>
    </row>
    <row r="774401" spans="14:14">
      <c r="N774401" s="10"/>
    </row>
    <row r="774402" spans="14:14">
      <c r="N774402" s="10"/>
    </row>
    <row r="774403" spans="14:14">
      <c r="N774403" s="10"/>
    </row>
    <row r="774404" spans="14:14">
      <c r="N774404" s="10"/>
    </row>
    <row r="774405" spans="14:14">
      <c r="N774405" s="10"/>
    </row>
    <row r="774406" spans="14:14">
      <c r="N774406" s="10"/>
    </row>
    <row r="774407" spans="14:14">
      <c r="N774407" s="10"/>
    </row>
    <row r="774408" spans="14:14">
      <c r="N774408" s="10"/>
    </row>
    <row r="774409" spans="14:14">
      <c r="N774409" s="10"/>
    </row>
    <row r="774410" spans="14:14">
      <c r="N774410" s="10"/>
    </row>
    <row r="774411" spans="14:14">
      <c r="N774411" s="10"/>
    </row>
    <row r="774412" spans="14:14">
      <c r="N774412" s="10"/>
    </row>
    <row r="774413" spans="14:14">
      <c r="N774413" s="10"/>
    </row>
    <row r="774414" spans="14:14">
      <c r="N774414" s="10"/>
    </row>
    <row r="774415" spans="14:14">
      <c r="N774415" s="10"/>
    </row>
    <row r="774416" spans="14:14">
      <c r="N774416" s="10"/>
    </row>
    <row r="774417" spans="14:14">
      <c r="N774417" s="10"/>
    </row>
    <row r="774418" spans="14:14">
      <c r="N774418" s="10"/>
    </row>
    <row r="774419" spans="14:14">
      <c r="N774419" s="10"/>
    </row>
    <row r="774420" spans="14:14">
      <c r="N774420" s="10"/>
    </row>
    <row r="774421" spans="14:14">
      <c r="N774421" s="10"/>
    </row>
    <row r="774422" spans="14:14">
      <c r="N774422" s="10"/>
    </row>
    <row r="774423" spans="14:14">
      <c r="N774423" s="10"/>
    </row>
    <row r="774424" spans="14:14">
      <c r="N774424" s="10"/>
    </row>
    <row r="774425" spans="14:14">
      <c r="N774425" s="10"/>
    </row>
    <row r="774426" spans="14:14">
      <c r="N774426" s="10"/>
    </row>
    <row r="774427" spans="14:14">
      <c r="N774427" s="10"/>
    </row>
    <row r="774428" spans="14:14">
      <c r="N774428" s="10"/>
    </row>
    <row r="774429" spans="14:14">
      <c r="N774429" s="10"/>
    </row>
    <row r="774430" spans="14:14">
      <c r="N774430" s="10"/>
    </row>
    <row r="774431" spans="14:14">
      <c r="N774431" s="10"/>
    </row>
    <row r="774432" spans="14:14">
      <c r="N774432" s="10"/>
    </row>
    <row r="774433" spans="14:14">
      <c r="N774433" s="10"/>
    </row>
    <row r="774434" spans="14:14">
      <c r="N774434" s="10"/>
    </row>
    <row r="774435" spans="14:14">
      <c r="N774435" s="10"/>
    </row>
    <row r="774436" spans="14:14">
      <c r="N774436" s="10"/>
    </row>
    <row r="774437" spans="14:14">
      <c r="N774437" s="10"/>
    </row>
    <row r="774438" spans="14:14">
      <c r="N774438" s="10"/>
    </row>
    <row r="774439" spans="14:14">
      <c r="N774439" s="10"/>
    </row>
    <row r="774440" spans="14:14">
      <c r="N774440" s="10"/>
    </row>
    <row r="774441" spans="14:14">
      <c r="N774441" s="10"/>
    </row>
    <row r="774442" spans="14:14">
      <c r="N774442" s="10"/>
    </row>
    <row r="774443" spans="14:14">
      <c r="N774443" s="10"/>
    </row>
    <row r="774444" spans="14:14">
      <c r="N774444" s="10"/>
    </row>
    <row r="774445" spans="14:14">
      <c r="N774445" s="10"/>
    </row>
    <row r="774446" spans="14:14">
      <c r="N774446" s="10"/>
    </row>
    <row r="774447" spans="14:14">
      <c r="N774447" s="10"/>
    </row>
    <row r="774448" spans="14:14">
      <c r="N774448" s="10"/>
    </row>
    <row r="774449" spans="14:14">
      <c r="N774449" s="10"/>
    </row>
    <row r="774450" spans="14:14">
      <c r="N774450" s="10"/>
    </row>
    <row r="774451" spans="14:14">
      <c r="N774451" s="10"/>
    </row>
    <row r="774452" spans="14:14">
      <c r="N774452" s="10"/>
    </row>
    <row r="774453" spans="14:14">
      <c r="N774453" s="10"/>
    </row>
    <row r="774454" spans="14:14">
      <c r="N774454" s="10"/>
    </row>
    <row r="774455" spans="14:14">
      <c r="N774455" s="10"/>
    </row>
    <row r="774456" spans="14:14">
      <c r="N774456" s="10"/>
    </row>
    <row r="774457" spans="14:14">
      <c r="N774457" s="10"/>
    </row>
    <row r="774458" spans="14:14">
      <c r="N774458" s="10"/>
    </row>
    <row r="774459" spans="14:14">
      <c r="N774459" s="10"/>
    </row>
    <row r="774460" spans="14:14">
      <c r="N774460" s="10"/>
    </row>
    <row r="774461" spans="14:14">
      <c r="N774461" s="10"/>
    </row>
    <row r="774462" spans="14:14">
      <c r="N774462" s="10"/>
    </row>
    <row r="774463" spans="14:14">
      <c r="N774463" s="10"/>
    </row>
    <row r="774464" spans="14:14">
      <c r="N774464" s="10"/>
    </row>
    <row r="774465" spans="14:14">
      <c r="N774465" s="10"/>
    </row>
    <row r="774466" spans="14:14">
      <c r="N774466" s="10"/>
    </row>
    <row r="774467" spans="14:14">
      <c r="N774467" s="10"/>
    </row>
    <row r="774468" spans="14:14">
      <c r="N774468" s="10"/>
    </row>
    <row r="774469" spans="14:14">
      <c r="N774469" s="10"/>
    </row>
    <row r="774470" spans="14:14">
      <c r="N774470" s="10"/>
    </row>
    <row r="774471" spans="14:14">
      <c r="N774471" s="10"/>
    </row>
    <row r="774472" spans="14:14">
      <c r="N774472" s="10"/>
    </row>
    <row r="774473" spans="14:14">
      <c r="N774473" s="10"/>
    </row>
    <row r="774474" spans="14:14">
      <c r="N774474" s="10"/>
    </row>
    <row r="774475" spans="14:14">
      <c r="N774475" s="10"/>
    </row>
    <row r="774476" spans="14:14">
      <c r="N774476" s="10"/>
    </row>
    <row r="774477" spans="14:14">
      <c r="N774477" s="10"/>
    </row>
    <row r="774478" spans="14:14">
      <c r="N774478" s="10"/>
    </row>
    <row r="774479" spans="14:14">
      <c r="N774479" s="10"/>
    </row>
    <row r="774480" spans="14:14">
      <c r="N774480" s="10"/>
    </row>
    <row r="774481" spans="14:14">
      <c r="N774481" s="10"/>
    </row>
    <row r="774482" spans="14:14">
      <c r="N774482" s="10"/>
    </row>
    <row r="774483" spans="14:14">
      <c r="N774483" s="10"/>
    </row>
    <row r="774484" spans="14:14">
      <c r="N774484" s="10"/>
    </row>
    <row r="774485" spans="14:14">
      <c r="N774485" s="10"/>
    </row>
    <row r="774486" spans="14:14">
      <c r="N774486" s="10"/>
    </row>
    <row r="774487" spans="14:14">
      <c r="N774487" s="10"/>
    </row>
    <row r="774488" spans="14:14">
      <c r="N774488" s="10"/>
    </row>
    <row r="774489" spans="14:14">
      <c r="N774489" s="10"/>
    </row>
    <row r="774490" spans="14:14">
      <c r="N774490" s="10"/>
    </row>
    <row r="774491" spans="14:14">
      <c r="N774491" s="10"/>
    </row>
    <row r="774492" spans="14:14">
      <c r="N774492" s="10"/>
    </row>
    <row r="774493" spans="14:14">
      <c r="N774493" s="10"/>
    </row>
    <row r="774494" spans="14:14">
      <c r="N774494" s="10"/>
    </row>
    <row r="774495" spans="14:14">
      <c r="N774495" s="10"/>
    </row>
    <row r="774496" spans="14:14">
      <c r="N774496" s="10"/>
    </row>
    <row r="774497" spans="14:14">
      <c r="N774497" s="10"/>
    </row>
    <row r="774498" spans="14:14">
      <c r="N774498" s="10"/>
    </row>
    <row r="774499" spans="14:14">
      <c r="N774499" s="10"/>
    </row>
    <row r="774500" spans="14:14">
      <c r="N774500" s="10"/>
    </row>
    <row r="774501" spans="14:14">
      <c r="N774501" s="10"/>
    </row>
    <row r="774502" spans="14:14">
      <c r="N774502" s="10"/>
    </row>
    <row r="774503" spans="14:14">
      <c r="N774503" s="10"/>
    </row>
    <row r="774504" spans="14:14">
      <c r="N774504" s="10"/>
    </row>
    <row r="774505" spans="14:14">
      <c r="N774505" s="10"/>
    </row>
    <row r="774506" spans="14:14">
      <c r="N774506" s="10"/>
    </row>
    <row r="774507" spans="14:14">
      <c r="N774507" s="10"/>
    </row>
    <row r="774508" spans="14:14">
      <c r="N774508" s="10"/>
    </row>
    <row r="774509" spans="14:14">
      <c r="N774509" s="10"/>
    </row>
    <row r="774510" spans="14:14">
      <c r="N774510" s="10"/>
    </row>
    <row r="774511" spans="14:14">
      <c r="N774511" s="10"/>
    </row>
    <row r="774512" spans="14:14">
      <c r="N774512" s="10"/>
    </row>
    <row r="774513" spans="14:14">
      <c r="N774513" s="10"/>
    </row>
    <row r="774514" spans="14:14">
      <c r="N774514" s="10"/>
    </row>
    <row r="774515" spans="14:14">
      <c r="N774515" s="10"/>
    </row>
    <row r="774516" spans="14:14">
      <c r="N774516" s="10"/>
    </row>
    <row r="774517" spans="14:14">
      <c r="N774517" s="10"/>
    </row>
    <row r="774518" spans="14:14">
      <c r="N774518" s="10"/>
    </row>
    <row r="774519" spans="14:14">
      <c r="N774519" s="10"/>
    </row>
    <row r="774520" spans="14:14">
      <c r="N774520" s="10"/>
    </row>
    <row r="774521" spans="14:14">
      <c r="N774521" s="10"/>
    </row>
    <row r="774522" spans="14:14">
      <c r="N774522" s="10"/>
    </row>
    <row r="774523" spans="14:14">
      <c r="N774523" s="10"/>
    </row>
    <row r="774524" spans="14:14">
      <c r="N774524" s="10"/>
    </row>
    <row r="774525" spans="14:14">
      <c r="N774525" s="10"/>
    </row>
    <row r="774526" spans="14:14">
      <c r="N774526" s="10"/>
    </row>
    <row r="774527" spans="14:14">
      <c r="N774527" s="10"/>
    </row>
    <row r="774528" spans="14:14">
      <c r="N774528" s="10"/>
    </row>
    <row r="774529" spans="14:14">
      <c r="N774529" s="10"/>
    </row>
    <row r="774530" spans="14:14">
      <c r="N774530" s="10"/>
    </row>
    <row r="774531" spans="14:14">
      <c r="N774531" s="10"/>
    </row>
    <row r="774532" spans="14:14">
      <c r="N774532" s="10"/>
    </row>
    <row r="774533" spans="14:14">
      <c r="N774533" s="10"/>
    </row>
    <row r="774534" spans="14:14">
      <c r="N774534" s="10"/>
    </row>
    <row r="774535" spans="14:14">
      <c r="N774535" s="10"/>
    </row>
    <row r="774536" spans="14:14">
      <c r="N774536" s="10"/>
    </row>
    <row r="774537" spans="14:14">
      <c r="N774537" s="10"/>
    </row>
    <row r="774538" spans="14:14">
      <c r="N774538" s="10"/>
    </row>
    <row r="774539" spans="14:14">
      <c r="N774539" s="10"/>
    </row>
    <row r="774540" spans="14:14">
      <c r="N774540" s="10"/>
    </row>
    <row r="774541" spans="14:14">
      <c r="N774541" s="10"/>
    </row>
    <row r="774542" spans="14:14">
      <c r="N774542" s="10"/>
    </row>
    <row r="774543" spans="14:14">
      <c r="N774543" s="10"/>
    </row>
    <row r="774544" spans="14:14">
      <c r="N774544" s="10"/>
    </row>
    <row r="774545" spans="14:14">
      <c r="N774545" s="10"/>
    </row>
    <row r="774546" spans="14:14">
      <c r="N774546" s="10"/>
    </row>
    <row r="774547" spans="14:14">
      <c r="N774547" s="10"/>
    </row>
    <row r="774548" spans="14:14">
      <c r="N774548" s="10"/>
    </row>
    <row r="774549" spans="14:14">
      <c r="N774549" s="10"/>
    </row>
    <row r="774550" spans="14:14">
      <c r="N774550" s="10"/>
    </row>
    <row r="774551" spans="14:14">
      <c r="N774551" s="10"/>
    </row>
    <row r="774552" spans="14:14">
      <c r="N774552" s="10"/>
    </row>
    <row r="774553" spans="14:14">
      <c r="N774553" s="10"/>
    </row>
    <row r="774554" spans="14:14">
      <c r="N774554" s="10"/>
    </row>
    <row r="774555" spans="14:14">
      <c r="N774555" s="10"/>
    </row>
    <row r="774556" spans="14:14">
      <c r="N774556" s="10"/>
    </row>
    <row r="774557" spans="14:14">
      <c r="N774557" s="10"/>
    </row>
    <row r="774558" spans="14:14">
      <c r="N774558" s="10"/>
    </row>
    <row r="774559" spans="14:14">
      <c r="N774559" s="10"/>
    </row>
    <row r="774560" spans="14:14">
      <c r="N774560" s="10"/>
    </row>
    <row r="774561" spans="14:14">
      <c r="N774561" s="10"/>
    </row>
    <row r="774562" spans="14:14">
      <c r="N774562" s="10"/>
    </row>
    <row r="774563" spans="14:14">
      <c r="N774563" s="10"/>
    </row>
    <row r="774564" spans="14:14">
      <c r="N774564" s="10"/>
    </row>
    <row r="774565" spans="14:14">
      <c r="N774565" s="10"/>
    </row>
    <row r="774566" spans="14:14">
      <c r="N774566" s="10"/>
    </row>
    <row r="774567" spans="14:14">
      <c r="N774567" s="10"/>
    </row>
    <row r="774568" spans="14:14">
      <c r="N774568" s="10"/>
    </row>
    <row r="774569" spans="14:14">
      <c r="N774569" s="10"/>
    </row>
    <row r="774570" spans="14:14">
      <c r="N774570" s="10"/>
    </row>
    <row r="774571" spans="14:14">
      <c r="N774571" s="10"/>
    </row>
    <row r="774572" spans="14:14">
      <c r="N774572" s="10"/>
    </row>
    <row r="774573" spans="14:14">
      <c r="N774573" s="10"/>
    </row>
    <row r="774574" spans="14:14">
      <c r="N774574" s="10"/>
    </row>
    <row r="774575" spans="14:14">
      <c r="N774575" s="10"/>
    </row>
    <row r="774576" spans="14:14">
      <c r="N774576" s="10"/>
    </row>
    <row r="774577" spans="14:14">
      <c r="N774577" s="10"/>
    </row>
    <row r="774578" spans="14:14">
      <c r="N774578" s="10"/>
    </row>
    <row r="774579" spans="14:14">
      <c r="N774579" s="10"/>
    </row>
    <row r="774580" spans="14:14">
      <c r="N774580" s="10"/>
    </row>
    <row r="774581" spans="14:14">
      <c r="N774581" s="10"/>
    </row>
    <row r="774582" spans="14:14">
      <c r="N774582" s="10"/>
    </row>
    <row r="774583" spans="14:14">
      <c r="N774583" s="10"/>
    </row>
    <row r="774584" spans="14:14">
      <c r="N774584" s="10"/>
    </row>
    <row r="774585" spans="14:14">
      <c r="N774585" s="10"/>
    </row>
    <row r="774586" spans="14:14">
      <c r="N774586" s="10"/>
    </row>
    <row r="774587" spans="14:14">
      <c r="N774587" s="10"/>
    </row>
    <row r="774588" spans="14:14">
      <c r="N774588" s="10"/>
    </row>
    <row r="774589" spans="14:14">
      <c r="N774589" s="10"/>
    </row>
    <row r="774590" spans="14:14">
      <c r="N774590" s="10"/>
    </row>
    <row r="774591" spans="14:14">
      <c r="N774591" s="10"/>
    </row>
    <row r="774592" spans="14:14">
      <c r="N774592" s="10"/>
    </row>
    <row r="774593" spans="14:14">
      <c r="N774593" s="10"/>
    </row>
    <row r="774594" spans="14:14">
      <c r="N774594" s="10"/>
    </row>
    <row r="774595" spans="14:14">
      <c r="N774595" s="10"/>
    </row>
    <row r="774596" spans="14:14">
      <c r="N774596" s="10"/>
    </row>
    <row r="774597" spans="14:14">
      <c r="N774597" s="10"/>
    </row>
    <row r="774598" spans="14:14">
      <c r="N774598" s="10"/>
    </row>
    <row r="774599" spans="14:14">
      <c r="N774599" s="10"/>
    </row>
    <row r="774600" spans="14:14">
      <c r="N774600" s="10"/>
    </row>
    <row r="774601" spans="14:14">
      <c r="N774601" s="10"/>
    </row>
    <row r="774602" spans="14:14">
      <c r="N774602" s="10"/>
    </row>
    <row r="774603" spans="14:14">
      <c r="N774603" s="10"/>
    </row>
    <row r="774604" spans="14:14">
      <c r="N774604" s="10"/>
    </row>
    <row r="774605" spans="14:14">
      <c r="N774605" s="10"/>
    </row>
    <row r="774606" spans="14:14">
      <c r="N774606" s="10"/>
    </row>
    <row r="774607" spans="14:14">
      <c r="N774607" s="10"/>
    </row>
    <row r="774608" spans="14:14">
      <c r="N774608" s="10"/>
    </row>
    <row r="774609" spans="14:14">
      <c r="N774609" s="10"/>
    </row>
    <row r="774610" spans="14:14">
      <c r="N774610" s="10"/>
    </row>
    <row r="774611" spans="14:14">
      <c r="N774611" s="10"/>
    </row>
    <row r="774612" spans="14:14">
      <c r="N774612" s="10"/>
    </row>
    <row r="774613" spans="14:14">
      <c r="N774613" s="10"/>
    </row>
    <row r="774614" spans="14:14">
      <c r="N774614" s="10"/>
    </row>
    <row r="774615" spans="14:14">
      <c r="N774615" s="10"/>
    </row>
    <row r="774616" spans="14:14">
      <c r="N774616" s="10"/>
    </row>
    <row r="774617" spans="14:14">
      <c r="N774617" s="10"/>
    </row>
    <row r="774618" spans="14:14">
      <c r="N774618" s="10"/>
    </row>
    <row r="774619" spans="14:14">
      <c r="N774619" s="10"/>
    </row>
    <row r="774620" spans="14:14">
      <c r="N774620" s="10"/>
    </row>
    <row r="774621" spans="14:14">
      <c r="N774621" s="10"/>
    </row>
    <row r="774622" spans="14:14">
      <c r="N774622" s="10"/>
    </row>
    <row r="774623" spans="14:14">
      <c r="N774623" s="10"/>
    </row>
    <row r="774624" spans="14:14">
      <c r="N774624" s="10"/>
    </row>
    <row r="774625" spans="14:14">
      <c r="N774625" s="10"/>
    </row>
    <row r="774626" spans="14:14">
      <c r="N774626" s="10"/>
    </row>
    <row r="774627" spans="14:14">
      <c r="N774627" s="10"/>
    </row>
    <row r="774628" spans="14:14">
      <c r="N774628" s="10"/>
    </row>
    <row r="774629" spans="14:14">
      <c r="N774629" s="10"/>
    </row>
    <row r="774630" spans="14:14">
      <c r="N774630" s="10"/>
    </row>
    <row r="774631" spans="14:14">
      <c r="N774631" s="10"/>
    </row>
    <row r="774632" spans="14:14">
      <c r="N774632" s="10"/>
    </row>
    <row r="774633" spans="14:14">
      <c r="N774633" s="10"/>
    </row>
    <row r="774634" spans="14:14">
      <c r="N774634" s="10"/>
    </row>
    <row r="774635" spans="14:14">
      <c r="N774635" s="10"/>
    </row>
    <row r="774636" spans="14:14">
      <c r="N774636" s="10"/>
    </row>
    <row r="774637" spans="14:14">
      <c r="N774637" s="10"/>
    </row>
    <row r="774638" spans="14:14">
      <c r="N774638" s="10"/>
    </row>
    <row r="774639" spans="14:14">
      <c r="N774639" s="10"/>
    </row>
    <row r="774640" spans="14:14">
      <c r="N774640" s="10"/>
    </row>
    <row r="774641" spans="14:14">
      <c r="N774641" s="10"/>
    </row>
    <row r="774642" spans="14:14">
      <c r="N774642" s="10"/>
    </row>
    <row r="774643" spans="14:14">
      <c r="N774643" s="10"/>
    </row>
    <row r="774644" spans="14:14">
      <c r="N774644" s="10"/>
    </row>
    <row r="774645" spans="14:14">
      <c r="N774645" s="10"/>
    </row>
    <row r="774646" spans="14:14">
      <c r="N774646" s="10"/>
    </row>
    <row r="774647" spans="14:14">
      <c r="N774647" s="10"/>
    </row>
    <row r="774648" spans="14:14">
      <c r="N774648" s="10"/>
    </row>
    <row r="774649" spans="14:14">
      <c r="N774649" s="10"/>
    </row>
    <row r="774650" spans="14:14">
      <c r="N774650" s="10"/>
    </row>
    <row r="774651" spans="14:14">
      <c r="N774651" s="10"/>
    </row>
    <row r="774652" spans="14:14">
      <c r="N774652" s="10"/>
    </row>
    <row r="774653" spans="14:14">
      <c r="N774653" s="10"/>
    </row>
    <row r="774654" spans="14:14">
      <c r="N774654" s="10"/>
    </row>
    <row r="774655" spans="14:14">
      <c r="N774655" s="10"/>
    </row>
    <row r="774656" spans="14:14">
      <c r="N774656" s="10"/>
    </row>
    <row r="774657" spans="14:14">
      <c r="N774657" s="10"/>
    </row>
    <row r="774658" spans="14:14">
      <c r="N774658" s="10"/>
    </row>
    <row r="774659" spans="14:14">
      <c r="N774659" s="10"/>
    </row>
    <row r="774660" spans="14:14">
      <c r="N774660" s="10"/>
    </row>
    <row r="774661" spans="14:14">
      <c r="N774661" s="10"/>
    </row>
    <row r="774662" spans="14:14">
      <c r="N774662" s="10"/>
    </row>
    <row r="774663" spans="14:14">
      <c r="N774663" s="10"/>
    </row>
    <row r="774664" spans="14:14">
      <c r="N774664" s="10"/>
    </row>
    <row r="774665" spans="14:14">
      <c r="N774665" s="10"/>
    </row>
    <row r="774666" spans="14:14">
      <c r="N774666" s="10"/>
    </row>
    <row r="774667" spans="14:14">
      <c r="N774667" s="10"/>
    </row>
    <row r="774668" spans="14:14">
      <c r="N774668" s="10"/>
    </row>
    <row r="774669" spans="14:14">
      <c r="N774669" s="10"/>
    </row>
    <row r="774670" spans="14:14">
      <c r="N774670" s="10"/>
    </row>
    <row r="774671" spans="14:14">
      <c r="N774671" s="10"/>
    </row>
    <row r="774672" spans="14:14">
      <c r="N774672" s="10"/>
    </row>
    <row r="774673" spans="14:14">
      <c r="N774673" s="10"/>
    </row>
    <row r="774674" spans="14:14">
      <c r="N774674" s="10"/>
    </row>
    <row r="774675" spans="14:14">
      <c r="N774675" s="10"/>
    </row>
    <row r="774676" spans="14:14">
      <c r="N774676" s="10"/>
    </row>
    <row r="774677" spans="14:14">
      <c r="N774677" s="10"/>
    </row>
    <row r="774678" spans="14:14">
      <c r="N774678" s="10"/>
    </row>
    <row r="774679" spans="14:14">
      <c r="N774679" s="10"/>
    </row>
    <row r="774680" spans="14:14">
      <c r="N774680" s="10"/>
    </row>
    <row r="774681" spans="14:14">
      <c r="N774681" s="10"/>
    </row>
    <row r="774682" spans="14:14">
      <c r="N774682" s="10"/>
    </row>
    <row r="774683" spans="14:14">
      <c r="N774683" s="10"/>
    </row>
    <row r="774684" spans="14:14">
      <c r="N774684" s="10"/>
    </row>
    <row r="774685" spans="14:14">
      <c r="N774685" s="10"/>
    </row>
    <row r="774686" spans="14:14">
      <c r="N774686" s="10"/>
    </row>
    <row r="774687" spans="14:14">
      <c r="N774687" s="10"/>
    </row>
    <row r="774688" spans="14:14">
      <c r="N774688" s="10"/>
    </row>
    <row r="774689" spans="14:14">
      <c r="N774689" s="10"/>
    </row>
    <row r="774690" spans="14:14">
      <c r="N774690" s="10"/>
    </row>
    <row r="774691" spans="14:14">
      <c r="N774691" s="10"/>
    </row>
    <row r="774692" spans="14:14">
      <c r="N774692" s="10"/>
    </row>
    <row r="774693" spans="14:14">
      <c r="N774693" s="10"/>
    </row>
    <row r="774694" spans="14:14">
      <c r="N774694" s="10"/>
    </row>
    <row r="774695" spans="14:14">
      <c r="N774695" s="10"/>
    </row>
    <row r="774696" spans="14:14">
      <c r="N774696" s="10"/>
    </row>
    <row r="774697" spans="14:14">
      <c r="N774697" s="10"/>
    </row>
    <row r="774698" spans="14:14">
      <c r="N774698" s="10"/>
    </row>
    <row r="774699" spans="14:14">
      <c r="N774699" s="10"/>
    </row>
    <row r="774700" spans="14:14">
      <c r="N774700" s="10"/>
    </row>
    <row r="774701" spans="14:14">
      <c r="N774701" s="10"/>
    </row>
    <row r="774702" spans="14:14">
      <c r="N774702" s="10"/>
    </row>
    <row r="774703" spans="14:14">
      <c r="N774703" s="10"/>
    </row>
    <row r="774704" spans="14:14">
      <c r="N774704" s="10"/>
    </row>
    <row r="774705" spans="14:14">
      <c r="N774705" s="10"/>
    </row>
    <row r="774706" spans="14:14">
      <c r="N774706" s="10"/>
    </row>
    <row r="774707" spans="14:14">
      <c r="N774707" s="10"/>
    </row>
    <row r="774708" spans="14:14">
      <c r="N774708" s="10"/>
    </row>
    <row r="774709" spans="14:14">
      <c r="N774709" s="10"/>
    </row>
    <row r="774710" spans="14:14">
      <c r="N774710" s="10"/>
    </row>
    <row r="774711" spans="14:14">
      <c r="N774711" s="10"/>
    </row>
    <row r="774712" spans="14:14">
      <c r="N774712" s="10"/>
    </row>
    <row r="774713" spans="14:14">
      <c r="N774713" s="10"/>
    </row>
    <row r="774714" spans="14:14">
      <c r="N774714" s="10"/>
    </row>
    <row r="774715" spans="14:14">
      <c r="N774715" s="10"/>
    </row>
    <row r="774716" spans="14:14">
      <c r="N774716" s="10"/>
    </row>
    <row r="774717" spans="14:14">
      <c r="N774717" s="10"/>
    </row>
    <row r="774718" spans="14:14">
      <c r="N774718" s="10"/>
    </row>
    <row r="774719" spans="14:14">
      <c r="N774719" s="10"/>
    </row>
    <row r="774720" spans="14:14">
      <c r="N774720" s="10"/>
    </row>
    <row r="774721" spans="14:14">
      <c r="N774721" s="10"/>
    </row>
    <row r="774722" spans="14:14">
      <c r="N774722" s="10"/>
    </row>
    <row r="774723" spans="14:14">
      <c r="N774723" s="10"/>
    </row>
    <row r="774724" spans="14:14">
      <c r="N774724" s="10"/>
    </row>
    <row r="774725" spans="14:14">
      <c r="N774725" s="10"/>
    </row>
    <row r="774726" spans="14:14">
      <c r="N774726" s="10"/>
    </row>
    <row r="774727" spans="14:14">
      <c r="N774727" s="10"/>
    </row>
    <row r="774728" spans="14:14">
      <c r="N774728" s="10"/>
    </row>
    <row r="774729" spans="14:14">
      <c r="N774729" s="10"/>
    </row>
    <row r="774730" spans="14:14">
      <c r="N774730" s="10"/>
    </row>
    <row r="774731" spans="14:14">
      <c r="N774731" s="10"/>
    </row>
    <row r="774732" spans="14:14">
      <c r="N774732" s="10"/>
    </row>
    <row r="774733" spans="14:14">
      <c r="N774733" s="10"/>
    </row>
    <row r="774734" spans="14:14">
      <c r="N774734" s="10"/>
    </row>
    <row r="774735" spans="14:14">
      <c r="N774735" s="10"/>
    </row>
    <row r="774736" spans="14:14">
      <c r="N774736" s="10"/>
    </row>
    <row r="774737" spans="14:14">
      <c r="N774737" s="10"/>
    </row>
    <row r="774738" spans="14:14">
      <c r="N774738" s="10"/>
    </row>
    <row r="774739" spans="14:14">
      <c r="N774739" s="10"/>
    </row>
    <row r="774740" spans="14:14">
      <c r="N774740" s="10"/>
    </row>
    <row r="774741" spans="14:14">
      <c r="N774741" s="10"/>
    </row>
    <row r="774742" spans="14:14">
      <c r="N774742" s="10"/>
    </row>
    <row r="774743" spans="14:14">
      <c r="N774743" s="10"/>
    </row>
    <row r="774744" spans="14:14">
      <c r="N774744" s="10"/>
    </row>
    <row r="774745" spans="14:14">
      <c r="N774745" s="10"/>
    </row>
    <row r="774746" spans="14:14">
      <c r="N774746" s="10"/>
    </row>
    <row r="774747" spans="14:14">
      <c r="N774747" s="10"/>
    </row>
    <row r="774748" spans="14:14">
      <c r="N774748" s="10"/>
    </row>
    <row r="774749" spans="14:14">
      <c r="N774749" s="10"/>
    </row>
    <row r="774750" spans="14:14">
      <c r="N774750" s="10"/>
    </row>
    <row r="774751" spans="14:14">
      <c r="N774751" s="10"/>
    </row>
    <row r="774752" spans="14:14">
      <c r="N774752" s="10"/>
    </row>
    <row r="774753" spans="14:14">
      <c r="N774753" s="10"/>
    </row>
    <row r="774754" spans="14:14">
      <c r="N774754" s="10"/>
    </row>
    <row r="774755" spans="14:14">
      <c r="N774755" s="10"/>
    </row>
    <row r="774756" spans="14:14">
      <c r="N774756" s="10"/>
    </row>
    <row r="774757" spans="14:14">
      <c r="N774757" s="10"/>
    </row>
    <row r="774758" spans="14:14">
      <c r="N774758" s="10"/>
    </row>
    <row r="774759" spans="14:14">
      <c r="N774759" s="10"/>
    </row>
    <row r="774760" spans="14:14">
      <c r="N774760" s="10"/>
    </row>
    <row r="774761" spans="14:14">
      <c r="N774761" s="10"/>
    </row>
    <row r="774762" spans="14:14">
      <c r="N774762" s="10"/>
    </row>
    <row r="774763" spans="14:14">
      <c r="N774763" s="10"/>
    </row>
    <row r="774764" spans="14:14">
      <c r="N774764" s="10"/>
    </row>
    <row r="774765" spans="14:14">
      <c r="N774765" s="10"/>
    </row>
    <row r="774766" spans="14:14">
      <c r="N774766" s="10"/>
    </row>
    <row r="774767" spans="14:14">
      <c r="N774767" s="10"/>
    </row>
    <row r="774768" spans="14:14">
      <c r="N774768" s="10"/>
    </row>
    <row r="774769" spans="14:14">
      <c r="N774769" s="10"/>
    </row>
    <row r="774770" spans="14:14">
      <c r="N774770" s="10"/>
    </row>
    <row r="774771" spans="14:14">
      <c r="N774771" s="10"/>
    </row>
    <row r="774772" spans="14:14">
      <c r="N774772" s="10"/>
    </row>
    <row r="774773" spans="14:14">
      <c r="N774773" s="10"/>
    </row>
    <row r="774774" spans="14:14">
      <c r="N774774" s="10"/>
    </row>
    <row r="774775" spans="14:14">
      <c r="N774775" s="10"/>
    </row>
    <row r="774776" spans="14:14">
      <c r="N774776" s="10"/>
    </row>
    <row r="774777" spans="14:14">
      <c r="N774777" s="10"/>
    </row>
    <row r="774778" spans="14:14">
      <c r="N774778" s="10"/>
    </row>
    <row r="774779" spans="14:14">
      <c r="N774779" s="10"/>
    </row>
    <row r="774780" spans="14:14">
      <c r="N774780" s="10"/>
    </row>
    <row r="774781" spans="14:14">
      <c r="N774781" s="10"/>
    </row>
    <row r="774782" spans="14:14">
      <c r="N774782" s="10"/>
    </row>
    <row r="774783" spans="14:14">
      <c r="N774783" s="10"/>
    </row>
    <row r="774784" spans="14:14">
      <c r="N774784" s="10"/>
    </row>
    <row r="774785" spans="14:14">
      <c r="N774785" s="10"/>
    </row>
    <row r="774786" spans="14:14">
      <c r="N774786" s="10"/>
    </row>
    <row r="774787" spans="14:14">
      <c r="N774787" s="10"/>
    </row>
    <row r="774788" spans="14:14">
      <c r="N774788" s="10"/>
    </row>
    <row r="774789" spans="14:14">
      <c r="N774789" s="10"/>
    </row>
    <row r="774790" spans="14:14">
      <c r="N774790" s="10"/>
    </row>
    <row r="774791" spans="14:14">
      <c r="N774791" s="10"/>
    </row>
    <row r="774792" spans="14:14">
      <c r="N774792" s="10"/>
    </row>
    <row r="774793" spans="14:14">
      <c r="N774793" s="10"/>
    </row>
    <row r="774794" spans="14:14">
      <c r="N774794" s="10"/>
    </row>
    <row r="774795" spans="14:14">
      <c r="N774795" s="10"/>
    </row>
    <row r="774796" spans="14:14">
      <c r="N774796" s="10"/>
    </row>
    <row r="774797" spans="14:14">
      <c r="N774797" s="10"/>
    </row>
    <row r="774798" spans="14:14">
      <c r="N774798" s="10"/>
    </row>
    <row r="774799" spans="14:14">
      <c r="N774799" s="10"/>
    </row>
    <row r="774800" spans="14:14">
      <c r="N774800" s="10"/>
    </row>
    <row r="774801" spans="14:14">
      <c r="N774801" s="10"/>
    </row>
    <row r="774802" spans="14:14">
      <c r="N774802" s="10"/>
    </row>
    <row r="774803" spans="14:14">
      <c r="N774803" s="10"/>
    </row>
    <row r="774804" spans="14:14">
      <c r="N774804" s="10"/>
    </row>
    <row r="774805" spans="14:14">
      <c r="N774805" s="10"/>
    </row>
    <row r="774806" spans="14:14">
      <c r="N774806" s="10"/>
    </row>
    <row r="774807" spans="14:14">
      <c r="N774807" s="10"/>
    </row>
    <row r="774808" spans="14:14">
      <c r="N774808" s="10"/>
    </row>
    <row r="774809" spans="14:14">
      <c r="N774809" s="10"/>
    </row>
    <row r="774810" spans="14:14">
      <c r="N774810" s="10"/>
    </row>
    <row r="774811" spans="14:14">
      <c r="N774811" s="10"/>
    </row>
    <row r="774812" spans="14:14">
      <c r="N774812" s="10"/>
    </row>
    <row r="774813" spans="14:14">
      <c r="N774813" s="10"/>
    </row>
    <row r="774814" spans="14:14">
      <c r="N774814" s="10"/>
    </row>
    <row r="774815" spans="14:14">
      <c r="N774815" s="10"/>
    </row>
    <row r="774816" spans="14:14">
      <c r="N774816" s="10"/>
    </row>
    <row r="774817" spans="14:14">
      <c r="N774817" s="10"/>
    </row>
    <row r="774818" spans="14:14">
      <c r="N774818" s="10"/>
    </row>
    <row r="774819" spans="14:14">
      <c r="N774819" s="10"/>
    </row>
    <row r="774820" spans="14:14">
      <c r="N774820" s="10"/>
    </row>
    <row r="774821" spans="14:14">
      <c r="N774821" s="10"/>
    </row>
    <row r="774822" spans="14:14">
      <c r="N774822" s="10"/>
    </row>
    <row r="774823" spans="14:14">
      <c r="N774823" s="10"/>
    </row>
    <row r="774824" spans="14:14">
      <c r="N774824" s="10"/>
    </row>
    <row r="774825" spans="14:14">
      <c r="N774825" s="10"/>
    </row>
    <row r="774826" spans="14:14">
      <c r="N774826" s="10"/>
    </row>
    <row r="774827" spans="14:14">
      <c r="N774827" s="10"/>
    </row>
    <row r="774828" spans="14:14">
      <c r="N774828" s="10"/>
    </row>
    <row r="774829" spans="14:14">
      <c r="N774829" s="10"/>
    </row>
    <row r="774830" spans="14:14">
      <c r="N774830" s="10"/>
    </row>
    <row r="774831" spans="14:14">
      <c r="N774831" s="10"/>
    </row>
    <row r="774832" spans="14:14">
      <c r="N774832" s="10"/>
    </row>
    <row r="774833" spans="14:14">
      <c r="N774833" s="10"/>
    </row>
    <row r="774834" spans="14:14">
      <c r="N774834" s="10"/>
    </row>
    <row r="774835" spans="14:14">
      <c r="N774835" s="10"/>
    </row>
    <row r="774836" spans="14:14">
      <c r="N774836" s="10"/>
    </row>
    <row r="774837" spans="14:14">
      <c r="N774837" s="10"/>
    </row>
    <row r="774838" spans="14:14">
      <c r="N774838" s="10"/>
    </row>
    <row r="774839" spans="14:14">
      <c r="N774839" s="10"/>
    </row>
    <row r="774840" spans="14:14">
      <c r="N774840" s="10"/>
    </row>
    <row r="774841" spans="14:14">
      <c r="N774841" s="10"/>
    </row>
    <row r="774842" spans="14:14">
      <c r="N774842" s="10"/>
    </row>
    <row r="774843" spans="14:14">
      <c r="N774843" s="10"/>
    </row>
    <row r="774844" spans="14:14">
      <c r="N774844" s="10"/>
    </row>
    <row r="774845" spans="14:14">
      <c r="N774845" s="10"/>
    </row>
    <row r="774846" spans="14:14">
      <c r="N774846" s="10"/>
    </row>
    <row r="774847" spans="14:14">
      <c r="N774847" s="10"/>
    </row>
    <row r="774848" spans="14:14">
      <c r="N774848" s="10"/>
    </row>
    <row r="774849" spans="14:14">
      <c r="N774849" s="10"/>
    </row>
    <row r="774850" spans="14:14">
      <c r="N774850" s="10"/>
    </row>
    <row r="774851" spans="14:14">
      <c r="N774851" s="10"/>
    </row>
    <row r="774852" spans="14:14">
      <c r="N774852" s="10"/>
    </row>
    <row r="774853" spans="14:14">
      <c r="N774853" s="10"/>
    </row>
    <row r="774854" spans="14:14">
      <c r="N774854" s="10"/>
    </row>
    <row r="774855" spans="14:14">
      <c r="N774855" s="10"/>
    </row>
    <row r="774856" spans="14:14">
      <c r="N774856" s="10"/>
    </row>
    <row r="774857" spans="14:14">
      <c r="N774857" s="10"/>
    </row>
    <row r="774858" spans="14:14">
      <c r="N774858" s="10"/>
    </row>
    <row r="774859" spans="14:14">
      <c r="N774859" s="10"/>
    </row>
    <row r="774860" spans="14:14">
      <c r="N774860" s="10"/>
    </row>
    <row r="774861" spans="14:14">
      <c r="N774861" s="10"/>
    </row>
    <row r="774862" spans="14:14">
      <c r="N774862" s="10"/>
    </row>
    <row r="774863" spans="14:14">
      <c r="N774863" s="10"/>
    </row>
    <row r="774864" spans="14:14">
      <c r="N774864" s="10"/>
    </row>
    <row r="774865" spans="14:14">
      <c r="N774865" s="10"/>
    </row>
    <row r="774866" spans="14:14">
      <c r="N774866" s="10"/>
    </row>
    <row r="774867" spans="14:14">
      <c r="N774867" s="10"/>
    </row>
    <row r="774868" spans="14:14">
      <c r="N774868" s="10"/>
    </row>
    <row r="774869" spans="14:14">
      <c r="N774869" s="10"/>
    </row>
    <row r="774870" spans="14:14">
      <c r="N774870" s="10"/>
    </row>
    <row r="774871" spans="14:14">
      <c r="N774871" s="10"/>
    </row>
    <row r="774872" spans="14:14">
      <c r="N774872" s="10"/>
    </row>
    <row r="774873" spans="14:14">
      <c r="N774873" s="10"/>
    </row>
    <row r="774874" spans="14:14">
      <c r="N774874" s="10"/>
    </row>
    <row r="774875" spans="14:14">
      <c r="N774875" s="10"/>
    </row>
    <row r="774876" spans="14:14">
      <c r="N774876" s="10"/>
    </row>
    <row r="774877" spans="14:14">
      <c r="N774877" s="10"/>
    </row>
    <row r="774878" spans="14:14">
      <c r="N774878" s="10"/>
    </row>
    <row r="774879" spans="14:14">
      <c r="N774879" s="10"/>
    </row>
    <row r="774880" spans="14:14">
      <c r="N774880" s="10"/>
    </row>
    <row r="774881" spans="14:14">
      <c r="N774881" s="10"/>
    </row>
    <row r="774882" spans="14:14">
      <c r="N774882" s="10"/>
    </row>
    <row r="774883" spans="14:14">
      <c r="N774883" s="10"/>
    </row>
    <row r="774884" spans="14:14">
      <c r="N774884" s="10"/>
    </row>
    <row r="774885" spans="14:14">
      <c r="N774885" s="10"/>
    </row>
    <row r="774886" spans="14:14">
      <c r="N774886" s="10"/>
    </row>
    <row r="774887" spans="14:14">
      <c r="N774887" s="10"/>
    </row>
    <row r="774888" spans="14:14">
      <c r="N774888" s="10"/>
    </row>
    <row r="774889" spans="14:14">
      <c r="N774889" s="10"/>
    </row>
    <row r="774890" spans="14:14">
      <c r="N774890" s="10"/>
    </row>
    <row r="774891" spans="14:14">
      <c r="N774891" s="10"/>
    </row>
    <row r="774892" spans="14:14">
      <c r="N774892" s="10"/>
    </row>
    <row r="774893" spans="14:14">
      <c r="N774893" s="10"/>
    </row>
    <row r="774894" spans="14:14">
      <c r="N774894" s="10"/>
    </row>
    <row r="774895" spans="14:14">
      <c r="N774895" s="10"/>
    </row>
    <row r="774896" spans="14:14">
      <c r="N774896" s="10"/>
    </row>
    <row r="774897" spans="14:14">
      <c r="N774897" s="10"/>
    </row>
    <row r="774898" spans="14:14">
      <c r="N774898" s="10"/>
    </row>
    <row r="774899" spans="14:14">
      <c r="N774899" s="10"/>
    </row>
    <row r="774900" spans="14:14">
      <c r="N774900" s="10"/>
    </row>
    <row r="774901" spans="14:14">
      <c r="N774901" s="10"/>
    </row>
    <row r="774902" spans="14:14">
      <c r="N774902" s="10"/>
    </row>
    <row r="774903" spans="14:14">
      <c r="N774903" s="10"/>
    </row>
    <row r="774904" spans="14:14">
      <c r="N774904" s="10"/>
    </row>
    <row r="774905" spans="14:14">
      <c r="N774905" s="10"/>
    </row>
    <row r="774906" spans="14:14">
      <c r="N774906" s="10"/>
    </row>
    <row r="774907" spans="14:14">
      <c r="N774907" s="10"/>
    </row>
    <row r="774908" spans="14:14">
      <c r="N774908" s="10"/>
    </row>
    <row r="774909" spans="14:14">
      <c r="N774909" s="10"/>
    </row>
    <row r="774910" spans="14:14">
      <c r="N774910" s="10"/>
    </row>
    <row r="774911" spans="14:14">
      <c r="N774911" s="10"/>
    </row>
    <row r="774912" spans="14:14">
      <c r="N774912" s="10"/>
    </row>
    <row r="774913" spans="14:14">
      <c r="N774913" s="10"/>
    </row>
    <row r="774914" spans="14:14">
      <c r="N774914" s="10"/>
    </row>
    <row r="774915" spans="14:14">
      <c r="N774915" s="10"/>
    </row>
    <row r="774916" spans="14:14">
      <c r="N774916" s="10"/>
    </row>
    <row r="774917" spans="14:14">
      <c r="N774917" s="10"/>
    </row>
    <row r="774918" spans="14:14">
      <c r="N774918" s="10"/>
    </row>
    <row r="774919" spans="14:14">
      <c r="N774919" s="10"/>
    </row>
    <row r="774920" spans="14:14">
      <c r="N774920" s="10"/>
    </row>
    <row r="774921" spans="14:14">
      <c r="N774921" s="10"/>
    </row>
    <row r="774922" spans="14:14">
      <c r="N774922" s="10"/>
    </row>
    <row r="774923" spans="14:14">
      <c r="N774923" s="10"/>
    </row>
    <row r="774924" spans="14:14">
      <c r="N774924" s="10"/>
    </row>
    <row r="774925" spans="14:14">
      <c r="N774925" s="10"/>
    </row>
    <row r="774926" spans="14:14">
      <c r="N774926" s="10"/>
    </row>
    <row r="774927" spans="14:14">
      <c r="N774927" s="10"/>
    </row>
    <row r="774928" spans="14:14">
      <c r="N774928" s="10"/>
    </row>
    <row r="774929" spans="14:14">
      <c r="N774929" s="10"/>
    </row>
    <row r="774930" spans="14:14">
      <c r="N774930" s="10"/>
    </row>
    <row r="774931" spans="14:14">
      <c r="N774931" s="10"/>
    </row>
    <row r="774932" spans="14:14">
      <c r="N774932" s="10"/>
    </row>
    <row r="774933" spans="14:14">
      <c r="N774933" s="10"/>
    </row>
    <row r="774934" spans="14:14">
      <c r="N774934" s="10"/>
    </row>
    <row r="774935" spans="14:14">
      <c r="N774935" s="10"/>
    </row>
    <row r="774936" spans="14:14">
      <c r="N774936" s="10"/>
    </row>
    <row r="774937" spans="14:14">
      <c r="N774937" s="10"/>
    </row>
    <row r="774938" spans="14:14">
      <c r="N774938" s="10"/>
    </row>
    <row r="774939" spans="14:14">
      <c r="N774939" s="10"/>
    </row>
    <row r="774940" spans="14:14">
      <c r="N774940" s="10"/>
    </row>
    <row r="774941" spans="14:14">
      <c r="N774941" s="10"/>
    </row>
    <row r="774942" spans="14:14">
      <c r="N774942" s="10"/>
    </row>
    <row r="774943" spans="14:14">
      <c r="N774943" s="10"/>
    </row>
    <row r="774944" spans="14:14">
      <c r="N774944" s="10"/>
    </row>
    <row r="774945" spans="14:14">
      <c r="N774945" s="10"/>
    </row>
    <row r="774946" spans="14:14">
      <c r="N774946" s="10"/>
    </row>
    <row r="774947" spans="14:14">
      <c r="N774947" s="10"/>
    </row>
    <row r="774948" spans="14:14">
      <c r="N774948" s="10"/>
    </row>
    <row r="774949" spans="14:14">
      <c r="N774949" s="10"/>
    </row>
    <row r="774950" spans="14:14">
      <c r="N774950" s="10"/>
    </row>
    <row r="774951" spans="14:14">
      <c r="N774951" s="10"/>
    </row>
    <row r="774952" spans="14:14">
      <c r="N774952" s="10"/>
    </row>
    <row r="774953" spans="14:14">
      <c r="N774953" s="10"/>
    </row>
    <row r="774954" spans="14:14">
      <c r="N774954" s="10"/>
    </row>
    <row r="774955" spans="14:14">
      <c r="N774955" s="10"/>
    </row>
    <row r="774956" spans="14:14">
      <c r="N774956" s="10"/>
    </row>
    <row r="774957" spans="14:14">
      <c r="N774957" s="10"/>
    </row>
    <row r="774958" spans="14:14">
      <c r="N774958" s="10"/>
    </row>
    <row r="774959" spans="14:14">
      <c r="N774959" s="10"/>
    </row>
    <row r="774960" spans="14:14">
      <c r="N774960" s="10"/>
    </row>
    <row r="774961" spans="14:14">
      <c r="N774961" s="10"/>
    </row>
    <row r="774962" spans="14:14">
      <c r="N774962" s="10"/>
    </row>
    <row r="774963" spans="14:14">
      <c r="N774963" s="10"/>
    </row>
    <row r="774964" spans="14:14">
      <c r="N774964" s="10"/>
    </row>
    <row r="774965" spans="14:14">
      <c r="N774965" s="10"/>
    </row>
    <row r="774966" spans="14:14">
      <c r="N774966" s="10"/>
    </row>
    <row r="774967" spans="14:14">
      <c r="N774967" s="10"/>
    </row>
    <row r="774968" spans="14:14">
      <c r="N774968" s="10"/>
    </row>
    <row r="774969" spans="14:14">
      <c r="N774969" s="10"/>
    </row>
    <row r="774970" spans="14:14">
      <c r="N774970" s="10"/>
    </row>
    <row r="774971" spans="14:14">
      <c r="N774971" s="10"/>
    </row>
    <row r="774972" spans="14:14">
      <c r="N774972" s="10"/>
    </row>
    <row r="774973" spans="14:14">
      <c r="N774973" s="10"/>
    </row>
    <row r="774974" spans="14:14">
      <c r="N774974" s="10"/>
    </row>
    <row r="774975" spans="14:14">
      <c r="N774975" s="10"/>
    </row>
    <row r="774976" spans="14:14">
      <c r="N774976" s="10"/>
    </row>
    <row r="774977" spans="14:14">
      <c r="N774977" s="10"/>
    </row>
    <row r="774978" spans="14:14">
      <c r="N774978" s="10"/>
    </row>
    <row r="774979" spans="14:14">
      <c r="N774979" s="10"/>
    </row>
    <row r="774980" spans="14:14">
      <c r="N774980" s="10"/>
    </row>
    <row r="774981" spans="14:14">
      <c r="N774981" s="10"/>
    </row>
    <row r="774982" spans="14:14">
      <c r="N774982" s="10"/>
    </row>
    <row r="774983" spans="14:14">
      <c r="N774983" s="10"/>
    </row>
    <row r="774984" spans="14:14">
      <c r="N774984" s="10"/>
    </row>
    <row r="774985" spans="14:14">
      <c r="N774985" s="10"/>
    </row>
    <row r="774986" spans="14:14">
      <c r="N774986" s="10"/>
    </row>
    <row r="774987" spans="14:14">
      <c r="N774987" s="10"/>
    </row>
    <row r="774988" spans="14:14">
      <c r="N774988" s="10"/>
    </row>
    <row r="774989" spans="14:14">
      <c r="N774989" s="10"/>
    </row>
    <row r="774990" spans="14:14">
      <c r="N774990" s="10"/>
    </row>
    <row r="774991" spans="14:14">
      <c r="N774991" s="10"/>
    </row>
    <row r="774992" spans="14:14">
      <c r="N774992" s="10"/>
    </row>
    <row r="774993" spans="14:14">
      <c r="N774993" s="10"/>
    </row>
    <row r="774994" spans="14:14">
      <c r="N774994" s="10"/>
    </row>
    <row r="774995" spans="14:14">
      <c r="N774995" s="10"/>
    </row>
    <row r="774996" spans="14:14">
      <c r="N774996" s="10"/>
    </row>
    <row r="774997" spans="14:14">
      <c r="N774997" s="10"/>
    </row>
    <row r="774998" spans="14:14">
      <c r="N774998" s="10"/>
    </row>
    <row r="774999" spans="14:14">
      <c r="N774999" s="10"/>
    </row>
    <row r="775000" spans="14:14">
      <c r="N775000" s="10"/>
    </row>
    <row r="775001" spans="14:14">
      <c r="N775001" s="10"/>
    </row>
    <row r="775002" spans="14:14">
      <c r="N775002" s="10"/>
    </row>
    <row r="775003" spans="14:14">
      <c r="N775003" s="10"/>
    </row>
    <row r="775004" spans="14:14">
      <c r="N775004" s="10"/>
    </row>
    <row r="775005" spans="14:14">
      <c r="N775005" s="10"/>
    </row>
    <row r="775006" spans="14:14">
      <c r="N775006" s="10"/>
    </row>
    <row r="775007" spans="14:14">
      <c r="N775007" s="10"/>
    </row>
    <row r="775008" spans="14:14">
      <c r="N775008" s="10"/>
    </row>
    <row r="775009" spans="14:14">
      <c r="N775009" s="10"/>
    </row>
    <row r="775010" spans="14:14">
      <c r="N775010" s="10"/>
    </row>
    <row r="775011" spans="14:14">
      <c r="N775011" s="10"/>
    </row>
    <row r="775012" spans="14:14">
      <c r="N775012" s="10"/>
    </row>
    <row r="775013" spans="14:14">
      <c r="N775013" s="10"/>
    </row>
    <row r="775014" spans="14:14">
      <c r="N775014" s="10"/>
    </row>
    <row r="775015" spans="14:14">
      <c r="N775015" s="10"/>
    </row>
    <row r="775016" spans="14:14">
      <c r="N775016" s="10"/>
    </row>
    <row r="775017" spans="14:14">
      <c r="N775017" s="10"/>
    </row>
    <row r="775018" spans="14:14">
      <c r="N775018" s="10"/>
    </row>
    <row r="775019" spans="14:14">
      <c r="N775019" s="10"/>
    </row>
    <row r="775020" spans="14:14">
      <c r="N775020" s="10"/>
    </row>
    <row r="775021" spans="14:14">
      <c r="N775021" s="10"/>
    </row>
    <row r="775022" spans="14:14">
      <c r="N775022" s="10"/>
    </row>
    <row r="775023" spans="14:14">
      <c r="N775023" s="10"/>
    </row>
    <row r="775024" spans="14:14">
      <c r="N775024" s="10"/>
    </row>
    <row r="775025" spans="14:14">
      <c r="N775025" s="10"/>
    </row>
    <row r="775026" spans="14:14">
      <c r="N775026" s="10"/>
    </row>
    <row r="775027" spans="14:14">
      <c r="N775027" s="10"/>
    </row>
    <row r="775028" spans="14:14">
      <c r="N775028" s="10"/>
    </row>
    <row r="775029" spans="14:14">
      <c r="N775029" s="10"/>
    </row>
    <row r="775030" spans="14:14">
      <c r="N775030" s="10"/>
    </row>
    <row r="775031" spans="14:14">
      <c r="N775031" s="10"/>
    </row>
    <row r="775032" spans="14:14">
      <c r="N775032" s="10"/>
    </row>
    <row r="775033" spans="14:14">
      <c r="N775033" s="10"/>
    </row>
    <row r="775034" spans="14:14">
      <c r="N775034" s="10"/>
    </row>
    <row r="775035" spans="14:14">
      <c r="N775035" s="10"/>
    </row>
    <row r="775036" spans="14:14">
      <c r="N775036" s="10"/>
    </row>
    <row r="775037" spans="14:14">
      <c r="N775037" s="10"/>
    </row>
    <row r="775038" spans="14:14">
      <c r="N775038" s="10"/>
    </row>
    <row r="775039" spans="14:14">
      <c r="N775039" s="10"/>
    </row>
    <row r="775040" spans="14:14">
      <c r="N775040" s="10"/>
    </row>
    <row r="775041" spans="14:14">
      <c r="N775041" s="10"/>
    </row>
    <row r="775042" spans="14:14">
      <c r="N775042" s="10"/>
    </row>
    <row r="775043" spans="14:14">
      <c r="N775043" s="10"/>
    </row>
    <row r="775044" spans="14:14">
      <c r="N775044" s="10"/>
    </row>
    <row r="775045" spans="14:14">
      <c r="N775045" s="10"/>
    </row>
    <row r="775046" spans="14:14">
      <c r="N775046" s="10"/>
    </row>
    <row r="775047" spans="14:14">
      <c r="N775047" s="10"/>
    </row>
    <row r="775048" spans="14:14">
      <c r="N775048" s="10"/>
    </row>
    <row r="775049" spans="14:14">
      <c r="N775049" s="10"/>
    </row>
    <row r="775050" spans="14:14">
      <c r="N775050" s="10"/>
    </row>
    <row r="775051" spans="14:14">
      <c r="N775051" s="10"/>
    </row>
    <row r="775052" spans="14:14">
      <c r="N775052" s="10"/>
    </row>
    <row r="775053" spans="14:14">
      <c r="N775053" s="10"/>
    </row>
    <row r="775054" spans="14:14">
      <c r="N775054" s="10"/>
    </row>
    <row r="775055" spans="14:14">
      <c r="N775055" s="10"/>
    </row>
    <row r="775056" spans="14:14">
      <c r="N775056" s="10"/>
    </row>
    <row r="775057" spans="14:14">
      <c r="N775057" s="10"/>
    </row>
    <row r="775058" spans="14:14">
      <c r="N775058" s="10"/>
    </row>
    <row r="775059" spans="14:14">
      <c r="N775059" s="10"/>
    </row>
    <row r="775060" spans="14:14">
      <c r="N775060" s="10"/>
    </row>
    <row r="775061" spans="14:14">
      <c r="N775061" s="10"/>
    </row>
    <row r="775062" spans="14:14">
      <c r="N775062" s="10"/>
    </row>
    <row r="775063" spans="14:14">
      <c r="N775063" s="10"/>
    </row>
    <row r="775064" spans="14:14">
      <c r="N775064" s="10"/>
    </row>
    <row r="775065" spans="14:14">
      <c r="N775065" s="10"/>
    </row>
    <row r="775066" spans="14:14">
      <c r="N775066" s="10"/>
    </row>
    <row r="775067" spans="14:14">
      <c r="N775067" s="10"/>
    </row>
    <row r="775068" spans="14:14">
      <c r="N775068" s="10"/>
    </row>
    <row r="775069" spans="14:14">
      <c r="N775069" s="10"/>
    </row>
    <row r="775070" spans="14:14">
      <c r="N775070" s="10"/>
    </row>
    <row r="775071" spans="14:14">
      <c r="N775071" s="10"/>
    </row>
    <row r="775072" spans="14:14">
      <c r="N775072" s="10"/>
    </row>
    <row r="775073" spans="14:14">
      <c r="N775073" s="10"/>
    </row>
    <row r="775074" spans="14:14">
      <c r="N775074" s="10"/>
    </row>
    <row r="775075" spans="14:14">
      <c r="N775075" s="10"/>
    </row>
    <row r="775076" spans="14:14">
      <c r="N775076" s="10"/>
    </row>
    <row r="775077" spans="14:14">
      <c r="N775077" s="10"/>
    </row>
    <row r="775078" spans="14:14">
      <c r="N775078" s="10"/>
    </row>
    <row r="775079" spans="14:14">
      <c r="N775079" s="10"/>
    </row>
    <row r="775080" spans="14:14">
      <c r="N775080" s="10"/>
    </row>
    <row r="775081" spans="14:14">
      <c r="N775081" s="10"/>
    </row>
    <row r="775082" spans="14:14">
      <c r="N775082" s="10"/>
    </row>
    <row r="775083" spans="14:14">
      <c r="N775083" s="10"/>
    </row>
    <row r="775084" spans="14:14">
      <c r="N775084" s="10"/>
    </row>
    <row r="775085" spans="14:14">
      <c r="N775085" s="10"/>
    </row>
    <row r="775086" spans="14:14">
      <c r="N775086" s="10"/>
    </row>
    <row r="775087" spans="14:14">
      <c r="N775087" s="10"/>
    </row>
    <row r="775088" spans="14:14">
      <c r="N775088" s="10"/>
    </row>
    <row r="775089" spans="14:14">
      <c r="N775089" s="10"/>
    </row>
    <row r="775090" spans="14:14">
      <c r="N775090" s="10"/>
    </row>
    <row r="775091" spans="14:14">
      <c r="N775091" s="10"/>
    </row>
    <row r="775092" spans="14:14">
      <c r="N775092" s="10"/>
    </row>
    <row r="775093" spans="14:14">
      <c r="N775093" s="10"/>
    </row>
    <row r="775094" spans="14:14">
      <c r="N775094" s="10"/>
    </row>
    <row r="775095" spans="14:14">
      <c r="N775095" s="10"/>
    </row>
    <row r="775096" spans="14:14">
      <c r="N775096" s="10"/>
    </row>
    <row r="775097" spans="14:14">
      <c r="N775097" s="10"/>
    </row>
    <row r="775098" spans="14:14">
      <c r="N775098" s="10"/>
    </row>
    <row r="775099" spans="14:14">
      <c r="N775099" s="10"/>
    </row>
    <row r="775100" spans="14:14">
      <c r="N775100" s="10"/>
    </row>
    <row r="775101" spans="14:14">
      <c r="N775101" s="10"/>
    </row>
    <row r="775102" spans="14:14">
      <c r="N775102" s="10"/>
    </row>
    <row r="775103" spans="14:14">
      <c r="N775103" s="10"/>
    </row>
    <row r="775104" spans="14:14">
      <c r="N775104" s="10"/>
    </row>
    <row r="775105" spans="14:14">
      <c r="N775105" s="10"/>
    </row>
    <row r="775106" spans="14:14">
      <c r="N775106" s="10"/>
    </row>
    <row r="775107" spans="14:14">
      <c r="N775107" s="10"/>
    </row>
    <row r="775108" spans="14:14">
      <c r="N775108" s="10"/>
    </row>
    <row r="775109" spans="14:14">
      <c r="N775109" s="10"/>
    </row>
    <row r="775110" spans="14:14">
      <c r="N775110" s="10"/>
    </row>
    <row r="775111" spans="14:14">
      <c r="N775111" s="10"/>
    </row>
    <row r="775112" spans="14:14">
      <c r="N775112" s="10"/>
    </row>
    <row r="775113" spans="14:14">
      <c r="N775113" s="10"/>
    </row>
    <row r="775114" spans="14:14">
      <c r="N775114" s="10"/>
    </row>
    <row r="775115" spans="14:14">
      <c r="N775115" s="10"/>
    </row>
    <row r="775116" spans="14:14">
      <c r="N775116" s="10"/>
    </row>
    <row r="775117" spans="14:14">
      <c r="N775117" s="10"/>
    </row>
    <row r="775118" spans="14:14">
      <c r="N775118" s="10"/>
    </row>
    <row r="775119" spans="14:14">
      <c r="N775119" s="10"/>
    </row>
    <row r="775120" spans="14:14">
      <c r="N775120" s="10"/>
    </row>
    <row r="775121" spans="14:14">
      <c r="N775121" s="10"/>
    </row>
    <row r="775122" spans="14:14">
      <c r="N775122" s="10"/>
    </row>
    <row r="775123" spans="14:14">
      <c r="N775123" s="10"/>
    </row>
    <row r="775124" spans="14:14">
      <c r="N775124" s="10"/>
    </row>
    <row r="775125" spans="14:14">
      <c r="N775125" s="10"/>
    </row>
    <row r="775126" spans="14:14">
      <c r="N775126" s="10"/>
    </row>
    <row r="775127" spans="14:14">
      <c r="N775127" s="10"/>
    </row>
    <row r="775128" spans="14:14">
      <c r="N775128" s="10"/>
    </row>
    <row r="775129" spans="14:14">
      <c r="N775129" s="10"/>
    </row>
    <row r="775130" spans="14:14">
      <c r="N775130" s="10"/>
    </row>
    <row r="775131" spans="14:14">
      <c r="N775131" s="10"/>
    </row>
    <row r="775132" spans="14:14">
      <c r="N775132" s="10"/>
    </row>
    <row r="775133" spans="14:14">
      <c r="N775133" s="10"/>
    </row>
    <row r="775134" spans="14:14">
      <c r="N775134" s="10"/>
    </row>
    <row r="775135" spans="14:14">
      <c r="N775135" s="10"/>
    </row>
    <row r="775136" spans="14:14">
      <c r="N775136" s="10"/>
    </row>
    <row r="775137" spans="14:14">
      <c r="N775137" s="10"/>
    </row>
    <row r="775138" spans="14:14">
      <c r="N775138" s="10"/>
    </row>
    <row r="775139" spans="14:14">
      <c r="N775139" s="10"/>
    </row>
    <row r="775140" spans="14:14">
      <c r="N775140" s="10"/>
    </row>
    <row r="775141" spans="14:14">
      <c r="N775141" s="10"/>
    </row>
    <row r="775142" spans="14:14">
      <c r="N775142" s="10"/>
    </row>
    <row r="775143" spans="14:14">
      <c r="N775143" s="10"/>
    </row>
    <row r="775144" spans="14:14">
      <c r="N775144" s="10"/>
    </row>
    <row r="775145" spans="14:14">
      <c r="N775145" s="10"/>
    </row>
    <row r="775146" spans="14:14">
      <c r="N775146" s="10"/>
    </row>
    <row r="775147" spans="14:14">
      <c r="N775147" s="10"/>
    </row>
    <row r="775148" spans="14:14">
      <c r="N775148" s="10"/>
    </row>
    <row r="775149" spans="14:14">
      <c r="N775149" s="10"/>
    </row>
    <row r="775150" spans="14:14">
      <c r="N775150" s="10"/>
    </row>
    <row r="775151" spans="14:14">
      <c r="N775151" s="10"/>
    </row>
    <row r="775152" spans="14:14">
      <c r="N775152" s="10"/>
    </row>
    <row r="775153" spans="14:14">
      <c r="N775153" s="10"/>
    </row>
    <row r="775154" spans="14:14">
      <c r="N775154" s="10"/>
    </row>
    <row r="775155" spans="14:14">
      <c r="N775155" s="10"/>
    </row>
    <row r="775156" spans="14:14">
      <c r="N775156" s="10"/>
    </row>
    <row r="775157" spans="14:14">
      <c r="N775157" s="10"/>
    </row>
    <row r="775158" spans="14:14">
      <c r="N775158" s="10"/>
    </row>
    <row r="775159" spans="14:14">
      <c r="N775159" s="10"/>
    </row>
    <row r="775160" spans="14:14">
      <c r="N775160" s="10"/>
    </row>
    <row r="775161" spans="14:14">
      <c r="N775161" s="10"/>
    </row>
    <row r="775162" spans="14:14">
      <c r="N775162" s="10"/>
    </row>
    <row r="775163" spans="14:14">
      <c r="N775163" s="10"/>
    </row>
    <row r="775164" spans="14:14">
      <c r="N775164" s="10"/>
    </row>
    <row r="775165" spans="14:14">
      <c r="N775165" s="10"/>
    </row>
    <row r="775166" spans="14:14">
      <c r="N775166" s="10"/>
    </row>
    <row r="775167" spans="14:14">
      <c r="N775167" s="10"/>
    </row>
    <row r="775168" spans="14:14">
      <c r="N775168" s="10"/>
    </row>
    <row r="775169" spans="14:14">
      <c r="N775169" s="10"/>
    </row>
    <row r="775170" spans="14:14">
      <c r="N775170" s="10"/>
    </row>
    <row r="775171" spans="14:14">
      <c r="N775171" s="10"/>
    </row>
    <row r="775172" spans="14:14">
      <c r="N775172" s="10"/>
    </row>
    <row r="775173" spans="14:14">
      <c r="N775173" s="10"/>
    </row>
    <row r="775174" spans="14:14">
      <c r="N775174" s="10"/>
    </row>
    <row r="775175" spans="14:14">
      <c r="N775175" s="10"/>
    </row>
    <row r="775176" spans="14:14">
      <c r="N775176" s="10"/>
    </row>
    <row r="775177" spans="14:14">
      <c r="N775177" s="10"/>
    </row>
    <row r="775178" spans="14:14">
      <c r="N775178" s="10"/>
    </row>
    <row r="775179" spans="14:14">
      <c r="N775179" s="10"/>
    </row>
    <row r="775180" spans="14:14">
      <c r="N775180" s="10"/>
    </row>
    <row r="775181" spans="14:14">
      <c r="N775181" s="10"/>
    </row>
    <row r="775182" spans="14:14">
      <c r="N775182" s="10"/>
    </row>
    <row r="775183" spans="14:14">
      <c r="N775183" s="10"/>
    </row>
    <row r="775184" spans="14:14">
      <c r="N775184" s="10"/>
    </row>
    <row r="775185" spans="14:14">
      <c r="N775185" s="10"/>
    </row>
    <row r="775186" spans="14:14">
      <c r="N775186" s="10"/>
    </row>
    <row r="775187" spans="14:14">
      <c r="N775187" s="10"/>
    </row>
    <row r="775188" spans="14:14">
      <c r="N775188" s="10"/>
    </row>
    <row r="775189" spans="14:14">
      <c r="N775189" s="10"/>
    </row>
    <row r="775190" spans="14:14">
      <c r="N775190" s="10"/>
    </row>
    <row r="775191" spans="14:14">
      <c r="N775191" s="10"/>
    </row>
    <row r="775192" spans="14:14">
      <c r="N775192" s="10"/>
    </row>
    <row r="775193" spans="14:14">
      <c r="N775193" s="10"/>
    </row>
    <row r="775194" spans="14:14">
      <c r="N775194" s="10"/>
    </row>
    <row r="775195" spans="14:14">
      <c r="N775195" s="10"/>
    </row>
    <row r="775196" spans="14:14">
      <c r="N775196" s="10"/>
    </row>
    <row r="775197" spans="14:14">
      <c r="N775197" s="10"/>
    </row>
    <row r="775198" spans="14:14">
      <c r="N775198" s="10"/>
    </row>
    <row r="775199" spans="14:14">
      <c r="N775199" s="10"/>
    </row>
    <row r="775200" spans="14:14">
      <c r="N775200" s="10"/>
    </row>
    <row r="775201" spans="14:14">
      <c r="N775201" s="10"/>
    </row>
    <row r="775202" spans="14:14">
      <c r="N775202" s="10"/>
    </row>
    <row r="775203" spans="14:14">
      <c r="N775203" s="10"/>
    </row>
    <row r="775204" spans="14:14">
      <c r="N775204" s="10"/>
    </row>
    <row r="775205" spans="14:14">
      <c r="N775205" s="10"/>
    </row>
    <row r="775206" spans="14:14">
      <c r="N775206" s="10"/>
    </row>
    <row r="775207" spans="14:14">
      <c r="N775207" s="10"/>
    </row>
    <row r="775208" spans="14:14">
      <c r="N775208" s="10"/>
    </row>
    <row r="775209" spans="14:14">
      <c r="N775209" s="10"/>
    </row>
    <row r="775210" spans="14:14">
      <c r="N775210" s="10"/>
    </row>
    <row r="775211" spans="14:14">
      <c r="N775211" s="10"/>
    </row>
    <row r="775212" spans="14:14">
      <c r="N775212" s="10"/>
    </row>
    <row r="775213" spans="14:14">
      <c r="N775213" s="10"/>
    </row>
    <row r="775214" spans="14:14">
      <c r="N775214" s="10"/>
    </row>
    <row r="775215" spans="14:14">
      <c r="N775215" s="10"/>
    </row>
    <row r="775216" spans="14:14">
      <c r="N775216" s="10"/>
    </row>
    <row r="775217" spans="14:14">
      <c r="N775217" s="10"/>
    </row>
    <row r="775218" spans="14:14">
      <c r="N775218" s="10"/>
    </row>
    <row r="775219" spans="14:14">
      <c r="N775219" s="10"/>
    </row>
    <row r="775220" spans="14:14">
      <c r="N775220" s="10"/>
    </row>
    <row r="775221" spans="14:14">
      <c r="N775221" s="10"/>
    </row>
    <row r="775222" spans="14:14">
      <c r="N775222" s="10"/>
    </row>
    <row r="775223" spans="14:14">
      <c r="N775223" s="10"/>
    </row>
    <row r="775224" spans="14:14">
      <c r="N775224" s="10"/>
    </row>
    <row r="775225" spans="14:14">
      <c r="N775225" s="10"/>
    </row>
    <row r="775226" spans="14:14">
      <c r="N775226" s="10"/>
    </row>
    <row r="775227" spans="14:14">
      <c r="N775227" s="10"/>
    </row>
    <row r="775228" spans="14:14">
      <c r="N775228" s="10"/>
    </row>
    <row r="775229" spans="14:14">
      <c r="N775229" s="10"/>
    </row>
    <row r="775230" spans="14:14">
      <c r="N775230" s="10"/>
    </row>
    <row r="775231" spans="14:14">
      <c r="N775231" s="10"/>
    </row>
    <row r="775232" spans="14:14">
      <c r="N775232" s="10"/>
    </row>
    <row r="775233" spans="14:14">
      <c r="N775233" s="10"/>
    </row>
    <row r="775234" spans="14:14">
      <c r="N775234" s="10"/>
    </row>
    <row r="775235" spans="14:14">
      <c r="N775235" s="10"/>
    </row>
    <row r="775236" spans="14:14">
      <c r="N775236" s="10"/>
    </row>
    <row r="775237" spans="14:14">
      <c r="N775237" s="10"/>
    </row>
    <row r="775238" spans="14:14">
      <c r="N775238" s="10"/>
    </row>
    <row r="775239" spans="14:14">
      <c r="N775239" s="10"/>
    </row>
    <row r="775240" spans="14:14">
      <c r="N775240" s="10"/>
    </row>
    <row r="775241" spans="14:14">
      <c r="N775241" s="10"/>
    </row>
    <row r="775242" spans="14:14">
      <c r="N775242" s="10"/>
    </row>
    <row r="775243" spans="14:14">
      <c r="N775243" s="10"/>
    </row>
    <row r="775244" spans="14:14">
      <c r="N775244" s="10"/>
    </row>
    <row r="775245" spans="14:14">
      <c r="N775245" s="10"/>
    </row>
    <row r="775246" spans="14:14">
      <c r="N775246" s="10"/>
    </row>
    <row r="775247" spans="14:14">
      <c r="N775247" s="10"/>
    </row>
    <row r="775248" spans="14:14">
      <c r="N775248" s="10"/>
    </row>
    <row r="775249" spans="14:14">
      <c r="N775249" s="10"/>
    </row>
    <row r="775250" spans="14:14">
      <c r="N775250" s="10"/>
    </row>
    <row r="775251" spans="14:14">
      <c r="N775251" s="10"/>
    </row>
    <row r="775252" spans="14:14">
      <c r="N775252" s="10"/>
    </row>
    <row r="775253" spans="14:14">
      <c r="N775253" s="10"/>
    </row>
    <row r="775254" spans="14:14">
      <c r="N775254" s="10"/>
    </row>
    <row r="775255" spans="14:14">
      <c r="N775255" s="10"/>
    </row>
    <row r="775256" spans="14:14">
      <c r="N775256" s="10"/>
    </row>
    <row r="775257" spans="14:14">
      <c r="N775257" s="10"/>
    </row>
    <row r="775258" spans="14:14">
      <c r="N775258" s="10"/>
    </row>
    <row r="775259" spans="14:14">
      <c r="N775259" s="10"/>
    </row>
    <row r="775260" spans="14:14">
      <c r="N775260" s="10"/>
    </row>
    <row r="775261" spans="14:14">
      <c r="N775261" s="10"/>
    </row>
    <row r="775262" spans="14:14">
      <c r="N775262" s="10"/>
    </row>
    <row r="775263" spans="14:14">
      <c r="N775263" s="10"/>
    </row>
    <row r="775264" spans="14:14">
      <c r="N775264" s="10"/>
    </row>
    <row r="775265" spans="14:14">
      <c r="N775265" s="10"/>
    </row>
    <row r="775266" spans="14:14">
      <c r="N775266" s="10"/>
    </row>
    <row r="775267" spans="14:14">
      <c r="N775267" s="10"/>
    </row>
    <row r="775268" spans="14:14">
      <c r="N775268" s="10"/>
    </row>
    <row r="775269" spans="14:14">
      <c r="N775269" s="10"/>
    </row>
    <row r="775270" spans="14:14">
      <c r="N775270" s="10"/>
    </row>
    <row r="775271" spans="14:14">
      <c r="N775271" s="10"/>
    </row>
    <row r="775272" spans="14:14">
      <c r="N775272" s="10"/>
    </row>
    <row r="775273" spans="14:14">
      <c r="N775273" s="10"/>
    </row>
    <row r="775274" spans="14:14">
      <c r="N775274" s="10"/>
    </row>
    <row r="775275" spans="14:14">
      <c r="N775275" s="10"/>
    </row>
    <row r="775276" spans="14:14">
      <c r="N775276" s="10"/>
    </row>
    <row r="775277" spans="14:14">
      <c r="N775277" s="10"/>
    </row>
    <row r="775278" spans="14:14">
      <c r="N775278" s="10"/>
    </row>
    <row r="775279" spans="14:14">
      <c r="N775279" s="10"/>
    </row>
    <row r="775280" spans="14:14">
      <c r="N775280" s="10"/>
    </row>
    <row r="775281" spans="14:14">
      <c r="N775281" s="10"/>
    </row>
    <row r="775282" spans="14:14">
      <c r="N775282" s="10"/>
    </row>
    <row r="775283" spans="14:14">
      <c r="N775283" s="10"/>
    </row>
    <row r="775284" spans="14:14">
      <c r="N775284" s="10"/>
    </row>
    <row r="775285" spans="14:14">
      <c r="N775285" s="10"/>
    </row>
    <row r="775286" spans="14:14">
      <c r="N775286" s="10"/>
    </row>
    <row r="775287" spans="14:14">
      <c r="N775287" s="10"/>
    </row>
    <row r="775288" spans="14:14">
      <c r="N775288" s="10"/>
    </row>
    <row r="775289" spans="14:14">
      <c r="N775289" s="10"/>
    </row>
    <row r="775290" spans="14:14">
      <c r="N775290" s="10"/>
    </row>
    <row r="775291" spans="14:14">
      <c r="N775291" s="10"/>
    </row>
    <row r="775292" spans="14:14">
      <c r="N775292" s="10"/>
    </row>
    <row r="775293" spans="14:14">
      <c r="N775293" s="10"/>
    </row>
    <row r="775294" spans="14:14">
      <c r="N775294" s="10"/>
    </row>
    <row r="775295" spans="14:14">
      <c r="N775295" s="10"/>
    </row>
    <row r="775296" spans="14:14">
      <c r="N775296" s="10"/>
    </row>
    <row r="775297" spans="14:14">
      <c r="N775297" s="10"/>
    </row>
    <row r="775298" spans="14:14">
      <c r="N775298" s="10"/>
    </row>
    <row r="775299" spans="14:14">
      <c r="N775299" s="10"/>
    </row>
    <row r="775300" spans="14:14">
      <c r="N775300" s="10"/>
    </row>
    <row r="775301" spans="14:14">
      <c r="N775301" s="10"/>
    </row>
    <row r="775302" spans="14:14">
      <c r="N775302" s="10"/>
    </row>
    <row r="775303" spans="14:14">
      <c r="N775303" s="10"/>
    </row>
    <row r="775304" spans="14:14">
      <c r="N775304" s="10"/>
    </row>
    <row r="775305" spans="14:14">
      <c r="N775305" s="10"/>
    </row>
    <row r="775306" spans="14:14">
      <c r="N775306" s="10"/>
    </row>
    <row r="775307" spans="14:14">
      <c r="N775307" s="10"/>
    </row>
    <row r="775308" spans="14:14">
      <c r="N775308" s="10"/>
    </row>
    <row r="775309" spans="14:14">
      <c r="N775309" s="10"/>
    </row>
    <row r="775310" spans="14:14">
      <c r="N775310" s="10"/>
    </row>
    <row r="775311" spans="14:14">
      <c r="N775311" s="10"/>
    </row>
    <row r="775312" spans="14:14">
      <c r="N775312" s="10"/>
    </row>
    <row r="775313" spans="14:14">
      <c r="N775313" s="10"/>
    </row>
    <row r="775314" spans="14:14">
      <c r="N775314" s="10"/>
    </row>
    <row r="775315" spans="14:14">
      <c r="N775315" s="10"/>
    </row>
    <row r="775316" spans="14:14">
      <c r="N775316" s="10"/>
    </row>
    <row r="775317" spans="14:14">
      <c r="N775317" s="10"/>
    </row>
    <row r="775318" spans="14:14">
      <c r="N775318" s="10"/>
    </row>
    <row r="775319" spans="14:14">
      <c r="N775319" s="10"/>
    </row>
    <row r="775320" spans="14:14">
      <c r="N775320" s="10"/>
    </row>
    <row r="775321" spans="14:14">
      <c r="N775321" s="10"/>
    </row>
    <row r="775322" spans="14:14">
      <c r="N775322" s="10"/>
    </row>
    <row r="775323" spans="14:14">
      <c r="N775323" s="10"/>
    </row>
    <row r="775324" spans="14:14">
      <c r="N775324" s="10"/>
    </row>
    <row r="775325" spans="14:14">
      <c r="N775325" s="10"/>
    </row>
    <row r="775326" spans="14:14">
      <c r="N775326" s="10"/>
    </row>
    <row r="775327" spans="14:14">
      <c r="N775327" s="10"/>
    </row>
    <row r="775328" spans="14:14">
      <c r="N775328" s="10"/>
    </row>
    <row r="775329" spans="14:14">
      <c r="N775329" s="10"/>
    </row>
    <row r="775330" spans="14:14">
      <c r="N775330" s="10"/>
    </row>
    <row r="775331" spans="14:14">
      <c r="N775331" s="10"/>
    </row>
    <row r="775332" spans="14:14">
      <c r="N775332" s="10"/>
    </row>
    <row r="775333" spans="14:14">
      <c r="N775333" s="10"/>
    </row>
    <row r="775334" spans="14:14">
      <c r="N775334" s="10"/>
    </row>
    <row r="775335" spans="14:14">
      <c r="N775335" s="10"/>
    </row>
    <row r="775336" spans="14:14">
      <c r="N775336" s="10"/>
    </row>
    <row r="775337" spans="14:14">
      <c r="N775337" s="10"/>
    </row>
    <row r="775338" spans="14:14">
      <c r="N775338" s="10"/>
    </row>
    <row r="775339" spans="14:14">
      <c r="N775339" s="10"/>
    </row>
    <row r="775340" spans="14:14">
      <c r="N775340" s="10"/>
    </row>
    <row r="775341" spans="14:14">
      <c r="N775341" s="10"/>
    </row>
    <row r="775342" spans="14:14">
      <c r="N775342" s="10"/>
    </row>
    <row r="775343" spans="14:14">
      <c r="N775343" s="10"/>
    </row>
    <row r="775344" spans="14:14">
      <c r="N775344" s="10"/>
    </row>
    <row r="775345" spans="14:14">
      <c r="N775345" s="10"/>
    </row>
    <row r="775346" spans="14:14">
      <c r="N775346" s="10"/>
    </row>
    <row r="775347" spans="14:14">
      <c r="N775347" s="10"/>
    </row>
    <row r="775348" spans="14:14">
      <c r="N775348" s="10"/>
    </row>
    <row r="775349" spans="14:14">
      <c r="N775349" s="10"/>
    </row>
    <row r="775350" spans="14:14">
      <c r="N775350" s="10"/>
    </row>
    <row r="775351" spans="14:14">
      <c r="N775351" s="10"/>
    </row>
    <row r="775352" spans="14:14">
      <c r="N775352" s="10"/>
    </row>
    <row r="775353" spans="14:14">
      <c r="N775353" s="10"/>
    </row>
    <row r="775354" spans="14:14">
      <c r="N775354" s="10"/>
    </row>
    <row r="775355" spans="14:14">
      <c r="N775355" s="10"/>
    </row>
    <row r="775356" spans="14:14">
      <c r="N775356" s="10"/>
    </row>
    <row r="775357" spans="14:14">
      <c r="N775357" s="10"/>
    </row>
    <row r="775358" spans="14:14">
      <c r="N775358" s="10"/>
    </row>
    <row r="775359" spans="14:14">
      <c r="N775359" s="10"/>
    </row>
    <row r="775360" spans="14:14">
      <c r="N775360" s="10"/>
    </row>
    <row r="775361" spans="14:14">
      <c r="N775361" s="10"/>
    </row>
    <row r="775362" spans="14:14">
      <c r="N775362" s="10"/>
    </row>
    <row r="775363" spans="14:14">
      <c r="N775363" s="10"/>
    </row>
    <row r="775364" spans="14:14">
      <c r="N775364" s="10"/>
    </row>
    <row r="775365" spans="14:14">
      <c r="N775365" s="10"/>
    </row>
    <row r="775366" spans="14:14">
      <c r="N775366" s="10"/>
    </row>
    <row r="775367" spans="14:14">
      <c r="N775367" s="10"/>
    </row>
    <row r="775368" spans="14:14">
      <c r="N775368" s="10"/>
    </row>
    <row r="775369" spans="14:14">
      <c r="N775369" s="10"/>
    </row>
    <row r="775370" spans="14:14">
      <c r="N775370" s="10"/>
    </row>
    <row r="775371" spans="14:14">
      <c r="N775371" s="10"/>
    </row>
    <row r="775372" spans="14:14">
      <c r="N775372" s="10"/>
    </row>
    <row r="775373" spans="14:14">
      <c r="N775373" s="10"/>
    </row>
    <row r="775374" spans="14:14">
      <c r="N775374" s="10"/>
    </row>
    <row r="775375" spans="14:14">
      <c r="N775375" s="10"/>
    </row>
    <row r="775376" spans="14:14">
      <c r="N775376" s="10"/>
    </row>
    <row r="775377" spans="14:14">
      <c r="N775377" s="10"/>
    </row>
    <row r="775378" spans="14:14">
      <c r="N775378" s="10"/>
    </row>
    <row r="775379" spans="14:14">
      <c r="N775379" s="10"/>
    </row>
    <row r="775380" spans="14:14">
      <c r="N775380" s="10"/>
    </row>
    <row r="775381" spans="14:14">
      <c r="N775381" s="10"/>
    </row>
    <row r="775382" spans="14:14">
      <c r="N775382" s="10"/>
    </row>
    <row r="775383" spans="14:14">
      <c r="N775383" s="10"/>
    </row>
    <row r="775384" spans="14:14">
      <c r="N775384" s="10"/>
    </row>
    <row r="775385" spans="14:14">
      <c r="N775385" s="10"/>
    </row>
    <row r="775386" spans="14:14">
      <c r="N775386" s="10"/>
    </row>
    <row r="775387" spans="14:14">
      <c r="N775387" s="10"/>
    </row>
    <row r="775388" spans="14:14">
      <c r="N775388" s="10"/>
    </row>
    <row r="775389" spans="14:14">
      <c r="N775389" s="10"/>
    </row>
    <row r="775390" spans="14:14">
      <c r="N775390" s="10"/>
    </row>
    <row r="775391" spans="14:14">
      <c r="N775391" s="10"/>
    </row>
    <row r="775392" spans="14:14">
      <c r="N775392" s="10"/>
    </row>
    <row r="775393" spans="14:14">
      <c r="N775393" s="10"/>
    </row>
    <row r="775394" spans="14:14">
      <c r="N775394" s="10"/>
    </row>
    <row r="775395" spans="14:14">
      <c r="N775395" s="10"/>
    </row>
    <row r="775396" spans="14:14">
      <c r="N775396" s="10"/>
    </row>
    <row r="775397" spans="14:14">
      <c r="N775397" s="10"/>
    </row>
    <row r="775398" spans="14:14">
      <c r="N775398" s="10"/>
    </row>
    <row r="775399" spans="14:14">
      <c r="N775399" s="10"/>
    </row>
    <row r="775400" spans="14:14">
      <c r="N775400" s="10"/>
    </row>
    <row r="775401" spans="14:14">
      <c r="N775401" s="10"/>
    </row>
    <row r="775402" spans="14:14">
      <c r="N775402" s="10"/>
    </row>
    <row r="775403" spans="14:14">
      <c r="N775403" s="10"/>
    </row>
    <row r="775404" spans="14:14">
      <c r="N775404" s="10"/>
    </row>
    <row r="775405" spans="14:14">
      <c r="N775405" s="10"/>
    </row>
    <row r="775406" spans="14:14">
      <c r="N775406" s="10"/>
    </row>
    <row r="775407" spans="14:14">
      <c r="N775407" s="10"/>
    </row>
    <row r="775408" spans="14:14">
      <c r="N775408" s="10"/>
    </row>
    <row r="775409" spans="14:14">
      <c r="N775409" s="10"/>
    </row>
    <row r="775410" spans="14:14">
      <c r="N775410" s="10"/>
    </row>
    <row r="775411" spans="14:14">
      <c r="N775411" s="10"/>
    </row>
    <row r="775412" spans="14:14">
      <c r="N775412" s="10"/>
    </row>
    <row r="775413" spans="14:14">
      <c r="N775413" s="10"/>
    </row>
    <row r="775414" spans="14:14">
      <c r="N775414" s="10"/>
    </row>
    <row r="775415" spans="14:14">
      <c r="N775415" s="10"/>
    </row>
    <row r="775416" spans="14:14">
      <c r="N775416" s="10"/>
    </row>
    <row r="775417" spans="14:14">
      <c r="N775417" s="10"/>
    </row>
    <row r="775418" spans="14:14">
      <c r="N775418" s="10"/>
    </row>
    <row r="775419" spans="14:14">
      <c r="N775419" s="10"/>
    </row>
    <row r="775420" spans="14:14">
      <c r="N775420" s="10"/>
    </row>
    <row r="775421" spans="14:14">
      <c r="N775421" s="10"/>
    </row>
    <row r="775422" spans="14:14">
      <c r="N775422" s="10"/>
    </row>
    <row r="775423" spans="14:14">
      <c r="N775423" s="10"/>
    </row>
    <row r="775424" spans="14:14">
      <c r="N775424" s="10"/>
    </row>
    <row r="775425" spans="14:14">
      <c r="N775425" s="10"/>
    </row>
    <row r="775426" spans="14:14">
      <c r="N775426" s="10"/>
    </row>
    <row r="775427" spans="14:14">
      <c r="N775427" s="10"/>
    </row>
    <row r="775428" spans="14:14">
      <c r="N775428" s="10"/>
    </row>
    <row r="775429" spans="14:14">
      <c r="N775429" s="10"/>
    </row>
    <row r="775430" spans="14:14">
      <c r="N775430" s="10"/>
    </row>
    <row r="775431" spans="14:14">
      <c r="N775431" s="10"/>
    </row>
    <row r="775432" spans="14:14">
      <c r="N775432" s="10"/>
    </row>
    <row r="775433" spans="14:14">
      <c r="N775433" s="10"/>
    </row>
    <row r="775434" spans="14:14">
      <c r="N775434" s="10"/>
    </row>
    <row r="775435" spans="14:14">
      <c r="N775435" s="10"/>
    </row>
    <row r="775436" spans="14:14">
      <c r="N775436" s="10"/>
    </row>
    <row r="775437" spans="14:14">
      <c r="N775437" s="10"/>
    </row>
    <row r="775438" spans="14:14">
      <c r="N775438" s="10"/>
    </row>
    <row r="775439" spans="14:14">
      <c r="N775439" s="10"/>
    </row>
    <row r="775440" spans="14:14">
      <c r="N775440" s="10"/>
    </row>
    <row r="775441" spans="14:14">
      <c r="N775441" s="10"/>
    </row>
    <row r="775442" spans="14:14">
      <c r="N775442" s="10"/>
    </row>
    <row r="775443" spans="14:14">
      <c r="N775443" s="10"/>
    </row>
    <row r="775444" spans="14:14">
      <c r="N775444" s="10"/>
    </row>
    <row r="775445" spans="14:14">
      <c r="N775445" s="10"/>
    </row>
    <row r="775446" spans="14:14">
      <c r="N775446" s="10"/>
    </row>
    <row r="775447" spans="14:14">
      <c r="N775447" s="10"/>
    </row>
    <row r="775448" spans="14:14">
      <c r="N775448" s="10"/>
    </row>
    <row r="775449" spans="14:14">
      <c r="N775449" s="10"/>
    </row>
    <row r="775450" spans="14:14">
      <c r="N775450" s="10"/>
    </row>
    <row r="775451" spans="14:14">
      <c r="N775451" s="10"/>
    </row>
    <row r="775452" spans="14:14">
      <c r="N775452" s="10"/>
    </row>
    <row r="775453" spans="14:14">
      <c r="N775453" s="10"/>
    </row>
    <row r="775454" spans="14:14">
      <c r="N775454" s="10"/>
    </row>
    <row r="775455" spans="14:14">
      <c r="N775455" s="10"/>
    </row>
    <row r="775456" spans="14:14">
      <c r="N775456" s="10"/>
    </row>
    <row r="775457" spans="14:14">
      <c r="N775457" s="10"/>
    </row>
    <row r="775458" spans="14:14">
      <c r="N775458" s="10"/>
    </row>
    <row r="775459" spans="14:14">
      <c r="N775459" s="10"/>
    </row>
    <row r="775460" spans="14:14">
      <c r="N775460" s="10"/>
    </row>
    <row r="775461" spans="14:14">
      <c r="N775461" s="10"/>
    </row>
    <row r="775462" spans="14:14">
      <c r="N775462" s="10"/>
    </row>
    <row r="775463" spans="14:14">
      <c r="N775463" s="10"/>
    </row>
    <row r="775464" spans="14:14">
      <c r="N775464" s="10"/>
    </row>
    <row r="775465" spans="14:14">
      <c r="N775465" s="10"/>
    </row>
    <row r="775466" spans="14:14">
      <c r="N775466" s="10"/>
    </row>
    <row r="775467" spans="14:14">
      <c r="N775467" s="10"/>
    </row>
    <row r="775468" spans="14:14">
      <c r="N775468" s="10"/>
    </row>
    <row r="775469" spans="14:14">
      <c r="N775469" s="10"/>
    </row>
    <row r="775470" spans="14:14">
      <c r="N775470" s="10"/>
    </row>
    <row r="775471" spans="14:14">
      <c r="N775471" s="10"/>
    </row>
    <row r="775472" spans="14:14">
      <c r="N775472" s="10"/>
    </row>
    <row r="775473" spans="14:14">
      <c r="N775473" s="10"/>
    </row>
    <row r="775474" spans="14:14">
      <c r="N775474" s="10"/>
    </row>
    <row r="775475" spans="14:14">
      <c r="N775475" s="10"/>
    </row>
    <row r="775476" spans="14:14">
      <c r="N775476" s="10"/>
    </row>
    <row r="775477" spans="14:14">
      <c r="N775477" s="10"/>
    </row>
    <row r="775478" spans="14:14">
      <c r="N775478" s="10"/>
    </row>
    <row r="775479" spans="14:14">
      <c r="N775479" s="10"/>
    </row>
    <row r="775480" spans="14:14">
      <c r="N775480" s="10"/>
    </row>
    <row r="775481" spans="14:14">
      <c r="N775481" s="10"/>
    </row>
    <row r="775482" spans="14:14">
      <c r="N775482" s="10"/>
    </row>
    <row r="775483" spans="14:14">
      <c r="N775483" s="10"/>
    </row>
    <row r="775484" spans="14:14">
      <c r="N775484" s="10"/>
    </row>
    <row r="775485" spans="14:14">
      <c r="N775485" s="10"/>
    </row>
    <row r="775486" spans="14:14">
      <c r="N775486" s="10"/>
    </row>
    <row r="775487" spans="14:14">
      <c r="N775487" s="10"/>
    </row>
    <row r="775488" spans="14:14">
      <c r="N775488" s="10"/>
    </row>
    <row r="775489" spans="14:14">
      <c r="N775489" s="10"/>
    </row>
    <row r="775490" spans="14:14">
      <c r="N775490" s="10"/>
    </row>
    <row r="775491" spans="14:14">
      <c r="N775491" s="10"/>
    </row>
    <row r="775492" spans="14:14">
      <c r="N775492" s="10"/>
    </row>
    <row r="775493" spans="14:14">
      <c r="N775493" s="10"/>
    </row>
    <row r="775494" spans="14:14">
      <c r="N775494" s="10"/>
    </row>
    <row r="775495" spans="14:14">
      <c r="N775495" s="10"/>
    </row>
    <row r="775496" spans="14:14">
      <c r="N775496" s="10"/>
    </row>
    <row r="775497" spans="14:14">
      <c r="N775497" s="10"/>
    </row>
    <row r="775498" spans="14:14">
      <c r="N775498" s="10"/>
    </row>
    <row r="775499" spans="14:14">
      <c r="N775499" s="10"/>
    </row>
    <row r="775500" spans="14:14">
      <c r="N775500" s="10"/>
    </row>
    <row r="775501" spans="14:14">
      <c r="N775501" s="10"/>
    </row>
    <row r="775502" spans="14:14">
      <c r="N775502" s="10"/>
    </row>
    <row r="775503" spans="14:14">
      <c r="N775503" s="10"/>
    </row>
    <row r="775504" spans="14:14">
      <c r="N775504" s="10"/>
    </row>
    <row r="775505" spans="14:14">
      <c r="N775505" s="10"/>
    </row>
    <row r="775506" spans="14:14">
      <c r="N775506" s="10"/>
    </row>
    <row r="775507" spans="14:14">
      <c r="N775507" s="10"/>
    </row>
    <row r="775508" spans="14:14">
      <c r="N775508" s="10"/>
    </row>
    <row r="775509" spans="14:14">
      <c r="N775509" s="10"/>
    </row>
    <row r="775510" spans="14:14">
      <c r="N775510" s="10"/>
    </row>
    <row r="775511" spans="14:14">
      <c r="N775511" s="10"/>
    </row>
    <row r="775512" spans="14:14">
      <c r="N775512" s="10"/>
    </row>
    <row r="775513" spans="14:14">
      <c r="N775513" s="10"/>
    </row>
    <row r="775514" spans="14:14">
      <c r="N775514" s="10"/>
    </row>
    <row r="775515" spans="14:14">
      <c r="N775515" s="10"/>
    </row>
    <row r="775516" spans="14:14">
      <c r="N775516" s="10"/>
    </row>
    <row r="775517" spans="14:14">
      <c r="N775517" s="10"/>
    </row>
    <row r="775518" spans="14:14">
      <c r="N775518" s="10"/>
    </row>
    <row r="775519" spans="14:14">
      <c r="N775519" s="10"/>
    </row>
    <row r="775520" spans="14:14">
      <c r="N775520" s="10"/>
    </row>
    <row r="775521" spans="14:14">
      <c r="N775521" s="10"/>
    </row>
    <row r="775522" spans="14:14">
      <c r="N775522" s="10"/>
    </row>
    <row r="775523" spans="14:14">
      <c r="N775523" s="10"/>
    </row>
    <row r="775524" spans="14:14">
      <c r="N775524" s="10"/>
    </row>
    <row r="775525" spans="14:14">
      <c r="N775525" s="10"/>
    </row>
    <row r="775526" spans="14:14">
      <c r="N775526" s="10"/>
    </row>
    <row r="775527" spans="14:14">
      <c r="N775527" s="10"/>
    </row>
    <row r="775528" spans="14:14">
      <c r="N775528" s="10"/>
    </row>
    <row r="775529" spans="14:14">
      <c r="N775529" s="10"/>
    </row>
    <row r="775530" spans="14:14">
      <c r="N775530" s="10"/>
    </row>
    <row r="775531" spans="14:14">
      <c r="N775531" s="10"/>
    </row>
    <row r="775532" spans="14:14">
      <c r="N775532" s="10"/>
    </row>
    <row r="775533" spans="14:14">
      <c r="N775533" s="10"/>
    </row>
    <row r="775534" spans="14:14">
      <c r="N775534" s="10"/>
    </row>
    <row r="775535" spans="14:14">
      <c r="N775535" s="10"/>
    </row>
    <row r="775536" spans="14:14">
      <c r="N775536" s="10"/>
    </row>
    <row r="775537" spans="14:14">
      <c r="N775537" s="10"/>
    </row>
    <row r="775538" spans="14:14">
      <c r="N775538" s="10"/>
    </row>
    <row r="775539" spans="14:14">
      <c r="N775539" s="10"/>
    </row>
    <row r="775540" spans="14:14">
      <c r="N775540" s="10"/>
    </row>
    <row r="775541" spans="14:14">
      <c r="N775541" s="10"/>
    </row>
    <row r="775542" spans="14:14">
      <c r="N775542" s="10"/>
    </row>
    <row r="775543" spans="14:14">
      <c r="N775543" s="10"/>
    </row>
    <row r="775544" spans="14:14">
      <c r="N775544" s="10"/>
    </row>
    <row r="775545" spans="14:14">
      <c r="N775545" s="10"/>
    </row>
    <row r="775546" spans="14:14">
      <c r="N775546" s="10"/>
    </row>
    <row r="775547" spans="14:14">
      <c r="N775547" s="10"/>
    </row>
    <row r="775548" spans="14:14">
      <c r="N775548" s="10"/>
    </row>
    <row r="775549" spans="14:14">
      <c r="N775549" s="10"/>
    </row>
    <row r="775550" spans="14:14">
      <c r="N775550" s="10"/>
    </row>
    <row r="775551" spans="14:14">
      <c r="N775551" s="10"/>
    </row>
    <row r="775552" spans="14:14">
      <c r="N775552" s="10"/>
    </row>
    <row r="775553" spans="14:14">
      <c r="N775553" s="10"/>
    </row>
    <row r="775554" spans="14:14">
      <c r="N775554" s="10"/>
    </row>
    <row r="775555" spans="14:14">
      <c r="N775555" s="10"/>
    </row>
    <row r="775556" spans="14:14">
      <c r="N775556" s="10"/>
    </row>
    <row r="775557" spans="14:14">
      <c r="N775557" s="10"/>
    </row>
    <row r="775558" spans="14:14">
      <c r="N775558" s="10"/>
    </row>
    <row r="775559" spans="14:14">
      <c r="N775559" s="10"/>
    </row>
    <row r="775560" spans="14:14">
      <c r="N775560" s="10"/>
    </row>
    <row r="775561" spans="14:14">
      <c r="N775561" s="10"/>
    </row>
    <row r="775562" spans="14:14">
      <c r="N775562" s="10"/>
    </row>
    <row r="775563" spans="14:14">
      <c r="N775563" s="10"/>
    </row>
    <row r="775564" spans="14:14">
      <c r="N775564" s="10"/>
    </row>
    <row r="775565" spans="14:14">
      <c r="N775565" s="10"/>
    </row>
    <row r="775566" spans="14:14">
      <c r="N775566" s="10"/>
    </row>
    <row r="775567" spans="14:14">
      <c r="N775567" s="10"/>
    </row>
    <row r="775568" spans="14:14">
      <c r="N775568" s="10"/>
    </row>
    <row r="775569" spans="14:14">
      <c r="N775569" s="10"/>
    </row>
    <row r="775570" spans="14:14">
      <c r="N775570" s="10"/>
    </row>
    <row r="775571" spans="14:14">
      <c r="N775571" s="10"/>
    </row>
    <row r="775572" spans="14:14">
      <c r="N775572" s="10"/>
    </row>
    <row r="775573" spans="14:14">
      <c r="N775573" s="10"/>
    </row>
    <row r="775574" spans="14:14">
      <c r="N775574" s="10"/>
    </row>
    <row r="775575" spans="14:14">
      <c r="N775575" s="10"/>
    </row>
    <row r="775576" spans="14:14">
      <c r="N775576" s="10"/>
    </row>
    <row r="775577" spans="14:14">
      <c r="N775577" s="10"/>
    </row>
    <row r="775578" spans="14:14">
      <c r="N775578" s="10"/>
    </row>
    <row r="775579" spans="14:14">
      <c r="N775579" s="10"/>
    </row>
    <row r="775580" spans="14:14">
      <c r="N775580" s="10"/>
    </row>
    <row r="775581" spans="14:14">
      <c r="N775581" s="10"/>
    </row>
    <row r="775582" spans="14:14">
      <c r="N775582" s="10"/>
    </row>
    <row r="775583" spans="14:14">
      <c r="N775583" s="10"/>
    </row>
    <row r="775584" spans="14:14">
      <c r="N775584" s="10"/>
    </row>
    <row r="775585" spans="14:14">
      <c r="N775585" s="10"/>
    </row>
    <row r="775586" spans="14:14">
      <c r="N775586" s="10"/>
    </row>
    <row r="775587" spans="14:14">
      <c r="N775587" s="10"/>
    </row>
    <row r="775588" spans="14:14">
      <c r="N775588" s="10"/>
    </row>
    <row r="775589" spans="14:14">
      <c r="N775589" s="10"/>
    </row>
    <row r="775590" spans="14:14">
      <c r="N775590" s="10"/>
    </row>
    <row r="775591" spans="14:14">
      <c r="N775591" s="10"/>
    </row>
    <row r="775592" spans="14:14">
      <c r="N775592" s="10"/>
    </row>
    <row r="775593" spans="14:14">
      <c r="N775593" s="10"/>
    </row>
    <row r="775594" spans="14:14">
      <c r="N775594" s="10"/>
    </row>
    <row r="775595" spans="14:14">
      <c r="N775595" s="10"/>
    </row>
    <row r="775596" spans="14:14">
      <c r="N775596" s="10"/>
    </row>
    <row r="775597" spans="14:14">
      <c r="N775597" s="10"/>
    </row>
    <row r="775598" spans="14:14">
      <c r="N775598" s="10"/>
    </row>
    <row r="775599" spans="14:14">
      <c r="N775599" s="10"/>
    </row>
    <row r="775600" spans="14:14">
      <c r="N775600" s="10"/>
    </row>
    <row r="775601" spans="14:14">
      <c r="N775601" s="10"/>
    </row>
    <row r="775602" spans="14:14">
      <c r="N775602" s="10"/>
    </row>
    <row r="775603" spans="14:14">
      <c r="N775603" s="10"/>
    </row>
    <row r="775604" spans="14:14">
      <c r="N775604" s="10"/>
    </row>
    <row r="775605" spans="14:14">
      <c r="N775605" s="10"/>
    </row>
    <row r="775606" spans="14:14">
      <c r="N775606" s="10"/>
    </row>
    <row r="775607" spans="14:14">
      <c r="N775607" s="10"/>
    </row>
    <row r="775608" spans="14:14">
      <c r="N775608" s="10"/>
    </row>
    <row r="775609" spans="14:14">
      <c r="N775609" s="10"/>
    </row>
    <row r="775610" spans="14:14">
      <c r="N775610" s="10"/>
    </row>
    <row r="775611" spans="14:14">
      <c r="N775611" s="10"/>
    </row>
    <row r="775612" spans="14:14">
      <c r="N775612" s="10"/>
    </row>
    <row r="775613" spans="14:14">
      <c r="N775613" s="10"/>
    </row>
    <row r="775614" spans="14:14">
      <c r="N775614" s="10"/>
    </row>
    <row r="775615" spans="14:14">
      <c r="N775615" s="10"/>
    </row>
    <row r="775616" spans="14:14">
      <c r="N775616" s="10"/>
    </row>
    <row r="775617" spans="14:14">
      <c r="N775617" s="10"/>
    </row>
    <row r="775618" spans="14:14">
      <c r="N775618" s="10"/>
    </row>
    <row r="775619" spans="14:14">
      <c r="N775619" s="10"/>
    </row>
    <row r="775620" spans="14:14">
      <c r="N775620" s="10"/>
    </row>
    <row r="775621" spans="14:14">
      <c r="N775621" s="10"/>
    </row>
    <row r="775622" spans="14:14">
      <c r="N775622" s="10"/>
    </row>
    <row r="775623" spans="14:14">
      <c r="N775623" s="10"/>
    </row>
    <row r="775624" spans="14:14">
      <c r="N775624" s="10"/>
    </row>
    <row r="775625" spans="14:14">
      <c r="N775625" s="10"/>
    </row>
    <row r="775626" spans="14:14">
      <c r="N775626" s="10"/>
    </row>
    <row r="775627" spans="14:14">
      <c r="N775627" s="10"/>
    </row>
    <row r="775628" spans="14:14">
      <c r="N775628" s="10"/>
    </row>
    <row r="775629" spans="14:14">
      <c r="N775629" s="10"/>
    </row>
    <row r="775630" spans="14:14">
      <c r="N775630" s="10"/>
    </row>
    <row r="775631" spans="14:14">
      <c r="N775631" s="10"/>
    </row>
    <row r="775632" spans="14:14">
      <c r="N775632" s="10"/>
    </row>
    <row r="775633" spans="14:14">
      <c r="N775633" s="10"/>
    </row>
    <row r="775634" spans="14:14">
      <c r="N775634" s="10"/>
    </row>
    <row r="775635" spans="14:14">
      <c r="N775635" s="10"/>
    </row>
    <row r="775636" spans="14:14">
      <c r="N775636" s="10"/>
    </row>
    <row r="775637" spans="14:14">
      <c r="N775637" s="10"/>
    </row>
    <row r="775638" spans="14:14">
      <c r="N775638" s="10"/>
    </row>
    <row r="775639" spans="14:14">
      <c r="N775639" s="10"/>
    </row>
    <row r="775640" spans="14:14">
      <c r="N775640" s="10"/>
    </row>
    <row r="775641" spans="14:14">
      <c r="N775641" s="10"/>
    </row>
    <row r="775642" spans="14:14">
      <c r="N775642" s="10"/>
    </row>
    <row r="775643" spans="14:14">
      <c r="N775643" s="10"/>
    </row>
    <row r="775644" spans="14:14">
      <c r="N775644" s="10"/>
    </row>
    <row r="775645" spans="14:14">
      <c r="N775645" s="10"/>
    </row>
    <row r="775646" spans="14:14">
      <c r="N775646" s="10"/>
    </row>
    <row r="775647" spans="14:14">
      <c r="N775647" s="10"/>
    </row>
    <row r="775648" spans="14:14">
      <c r="N775648" s="10"/>
    </row>
    <row r="775649" spans="14:14">
      <c r="N775649" s="10"/>
    </row>
    <row r="775650" spans="14:14">
      <c r="N775650" s="10"/>
    </row>
    <row r="775651" spans="14:14">
      <c r="N775651" s="10"/>
    </row>
    <row r="775652" spans="14:14">
      <c r="N775652" s="10"/>
    </row>
    <row r="775653" spans="14:14">
      <c r="N775653" s="10"/>
    </row>
    <row r="775654" spans="14:14">
      <c r="N775654" s="10"/>
    </row>
    <row r="775655" spans="14:14">
      <c r="N775655" s="10"/>
    </row>
    <row r="775656" spans="14:14">
      <c r="N775656" s="10"/>
    </row>
    <row r="775657" spans="14:14">
      <c r="N775657" s="10"/>
    </row>
    <row r="775658" spans="14:14">
      <c r="N775658" s="10"/>
    </row>
    <row r="775659" spans="14:14">
      <c r="N775659" s="10"/>
    </row>
    <row r="775660" spans="14:14">
      <c r="N775660" s="10"/>
    </row>
    <row r="775661" spans="14:14">
      <c r="N775661" s="10"/>
    </row>
    <row r="775662" spans="14:14">
      <c r="N775662" s="10"/>
    </row>
    <row r="775663" spans="14:14">
      <c r="N775663" s="10"/>
    </row>
    <row r="775664" spans="14:14">
      <c r="N775664" s="10"/>
    </row>
    <row r="775665" spans="14:14">
      <c r="N775665" s="10"/>
    </row>
    <row r="775666" spans="14:14">
      <c r="N775666" s="10"/>
    </row>
    <row r="775667" spans="14:14">
      <c r="N775667" s="10"/>
    </row>
    <row r="775668" spans="14:14">
      <c r="N775668" s="10"/>
    </row>
    <row r="775669" spans="14:14">
      <c r="N775669" s="10"/>
    </row>
    <row r="775670" spans="14:14">
      <c r="N775670" s="10"/>
    </row>
    <row r="775671" spans="14:14">
      <c r="N775671" s="10"/>
    </row>
    <row r="775672" spans="14:14">
      <c r="N775672" s="10"/>
    </row>
    <row r="775673" spans="14:14">
      <c r="N775673" s="10"/>
    </row>
    <row r="775674" spans="14:14">
      <c r="N775674" s="10"/>
    </row>
    <row r="775675" spans="14:14">
      <c r="N775675" s="10"/>
    </row>
    <row r="775676" spans="14:14">
      <c r="N775676" s="10"/>
    </row>
    <row r="775677" spans="14:14">
      <c r="N775677" s="10"/>
    </row>
    <row r="775678" spans="14:14">
      <c r="N775678" s="10"/>
    </row>
    <row r="775679" spans="14:14">
      <c r="N775679" s="10"/>
    </row>
    <row r="775680" spans="14:14">
      <c r="N775680" s="10"/>
    </row>
    <row r="775681" spans="14:14">
      <c r="N775681" s="10"/>
    </row>
    <row r="775682" spans="14:14">
      <c r="N775682" s="10"/>
    </row>
    <row r="775683" spans="14:14">
      <c r="N775683" s="10"/>
    </row>
    <row r="775684" spans="14:14">
      <c r="N775684" s="10"/>
    </row>
    <row r="775685" spans="14:14">
      <c r="N775685" s="10"/>
    </row>
    <row r="775686" spans="14:14">
      <c r="N775686" s="10"/>
    </row>
    <row r="775687" spans="14:14">
      <c r="N775687" s="10"/>
    </row>
    <row r="775688" spans="14:14">
      <c r="N775688" s="10"/>
    </row>
    <row r="775689" spans="14:14">
      <c r="N775689" s="10"/>
    </row>
    <row r="775690" spans="14:14">
      <c r="N775690" s="10"/>
    </row>
    <row r="775691" spans="14:14">
      <c r="N775691" s="10"/>
    </row>
    <row r="775692" spans="14:14">
      <c r="N775692" s="10"/>
    </row>
    <row r="775693" spans="14:14">
      <c r="N775693" s="10"/>
    </row>
    <row r="775694" spans="14:14">
      <c r="N775694" s="10"/>
    </row>
    <row r="775695" spans="14:14">
      <c r="N775695" s="10"/>
    </row>
    <row r="775696" spans="14:14">
      <c r="N775696" s="10"/>
    </row>
    <row r="775697" spans="14:14">
      <c r="N775697" s="10"/>
    </row>
    <row r="775698" spans="14:14">
      <c r="N775698" s="10"/>
    </row>
    <row r="775699" spans="14:14">
      <c r="N775699" s="10"/>
    </row>
    <row r="775700" spans="14:14">
      <c r="N775700" s="10"/>
    </row>
    <row r="775701" spans="14:14">
      <c r="N775701" s="10"/>
    </row>
    <row r="775702" spans="14:14">
      <c r="N775702" s="10"/>
    </row>
    <row r="775703" spans="14:14">
      <c r="N775703" s="10"/>
    </row>
    <row r="775704" spans="14:14">
      <c r="N775704" s="10"/>
    </row>
    <row r="775705" spans="14:14">
      <c r="N775705" s="10"/>
    </row>
    <row r="775706" spans="14:14">
      <c r="N775706" s="10"/>
    </row>
    <row r="775707" spans="14:14">
      <c r="N775707" s="10"/>
    </row>
    <row r="775708" spans="14:14">
      <c r="N775708" s="10"/>
    </row>
    <row r="775709" spans="14:14">
      <c r="N775709" s="10"/>
    </row>
    <row r="775710" spans="14:14">
      <c r="N775710" s="10"/>
    </row>
    <row r="775711" spans="14:14">
      <c r="N775711" s="10"/>
    </row>
    <row r="775712" spans="14:14">
      <c r="N775712" s="10"/>
    </row>
    <row r="775713" spans="14:14">
      <c r="N775713" s="10"/>
    </row>
    <row r="775714" spans="14:14">
      <c r="N775714" s="10"/>
    </row>
    <row r="775715" spans="14:14">
      <c r="N775715" s="10"/>
    </row>
    <row r="775716" spans="14:14">
      <c r="N775716" s="10"/>
    </row>
    <row r="775717" spans="14:14">
      <c r="N775717" s="10"/>
    </row>
    <row r="775718" spans="14:14">
      <c r="N775718" s="10"/>
    </row>
    <row r="775719" spans="14:14">
      <c r="N775719" s="10"/>
    </row>
    <row r="775720" spans="14:14">
      <c r="N775720" s="10"/>
    </row>
    <row r="775721" spans="14:14">
      <c r="N775721" s="10"/>
    </row>
    <row r="775722" spans="14:14">
      <c r="N775722" s="10"/>
    </row>
    <row r="775723" spans="14:14">
      <c r="N775723" s="10"/>
    </row>
    <row r="775724" spans="14:14">
      <c r="N775724" s="10"/>
    </row>
    <row r="775725" spans="14:14">
      <c r="N775725" s="10"/>
    </row>
    <row r="775726" spans="14:14">
      <c r="N775726" s="10"/>
    </row>
    <row r="775727" spans="14:14">
      <c r="N775727" s="10"/>
    </row>
    <row r="775728" spans="14:14">
      <c r="N775728" s="10"/>
    </row>
    <row r="775729" spans="14:14">
      <c r="N775729" s="10"/>
    </row>
    <row r="775730" spans="14:14">
      <c r="N775730" s="10"/>
    </row>
    <row r="775731" spans="14:14">
      <c r="N775731" s="10"/>
    </row>
    <row r="775732" spans="14:14">
      <c r="N775732" s="10"/>
    </row>
    <row r="775733" spans="14:14">
      <c r="N775733" s="10"/>
    </row>
    <row r="775734" spans="14:14">
      <c r="N775734" s="10"/>
    </row>
    <row r="775735" spans="14:14">
      <c r="N775735" s="10"/>
    </row>
    <row r="775736" spans="14:14">
      <c r="N775736" s="10"/>
    </row>
    <row r="775737" spans="14:14">
      <c r="N775737" s="10"/>
    </row>
    <row r="775738" spans="14:14">
      <c r="N775738" s="10"/>
    </row>
    <row r="775739" spans="14:14">
      <c r="N775739" s="10"/>
    </row>
    <row r="775740" spans="14:14">
      <c r="N775740" s="10"/>
    </row>
    <row r="775741" spans="14:14">
      <c r="N775741" s="10"/>
    </row>
    <row r="775742" spans="14:14">
      <c r="N775742" s="10"/>
    </row>
    <row r="775743" spans="14:14">
      <c r="N775743" s="10"/>
    </row>
    <row r="775744" spans="14:14">
      <c r="N775744" s="10"/>
    </row>
    <row r="775745" spans="14:14">
      <c r="N775745" s="10"/>
    </row>
    <row r="775746" spans="14:14">
      <c r="N775746" s="10"/>
    </row>
    <row r="775747" spans="14:14">
      <c r="N775747" s="10"/>
    </row>
    <row r="775748" spans="14:14">
      <c r="N775748" s="10"/>
    </row>
    <row r="775749" spans="14:14">
      <c r="N775749" s="10"/>
    </row>
    <row r="775750" spans="14:14">
      <c r="N775750" s="10"/>
    </row>
    <row r="775751" spans="14:14">
      <c r="N775751" s="10"/>
    </row>
    <row r="775752" spans="14:14">
      <c r="N775752" s="10"/>
    </row>
    <row r="775753" spans="14:14">
      <c r="N775753" s="10"/>
    </row>
    <row r="775754" spans="14:14">
      <c r="N775754" s="10"/>
    </row>
    <row r="775755" spans="14:14">
      <c r="N775755" s="10"/>
    </row>
    <row r="775756" spans="14:14">
      <c r="N775756" s="10"/>
    </row>
    <row r="775757" spans="14:14">
      <c r="N775757" s="10"/>
    </row>
    <row r="775758" spans="14:14">
      <c r="N775758" s="10"/>
    </row>
    <row r="775759" spans="14:14">
      <c r="N775759" s="10"/>
    </row>
    <row r="775760" spans="14:14">
      <c r="N775760" s="10"/>
    </row>
    <row r="775761" spans="14:14">
      <c r="N775761" s="10"/>
    </row>
    <row r="775762" spans="14:14">
      <c r="N775762" s="10"/>
    </row>
    <row r="775763" spans="14:14">
      <c r="N775763" s="10"/>
    </row>
    <row r="775764" spans="14:14">
      <c r="N775764" s="10"/>
    </row>
    <row r="775765" spans="14:14">
      <c r="N775765" s="10"/>
    </row>
    <row r="775766" spans="14:14">
      <c r="N775766" s="10"/>
    </row>
    <row r="775767" spans="14:14">
      <c r="N775767" s="10"/>
    </row>
    <row r="775768" spans="14:14">
      <c r="N775768" s="10"/>
    </row>
    <row r="775769" spans="14:14">
      <c r="N775769" s="10"/>
    </row>
    <row r="775770" spans="14:14">
      <c r="N775770" s="10"/>
    </row>
    <row r="775771" spans="14:14">
      <c r="N775771" s="10"/>
    </row>
    <row r="775772" spans="14:14">
      <c r="N775772" s="10"/>
    </row>
    <row r="775773" spans="14:14">
      <c r="N775773" s="10"/>
    </row>
    <row r="775774" spans="14:14">
      <c r="N775774" s="10"/>
    </row>
    <row r="775775" spans="14:14">
      <c r="N775775" s="10"/>
    </row>
    <row r="775776" spans="14:14">
      <c r="N775776" s="10"/>
    </row>
    <row r="775777" spans="14:14">
      <c r="N775777" s="10"/>
    </row>
    <row r="775778" spans="14:14">
      <c r="N775778" s="10"/>
    </row>
    <row r="775779" spans="14:14">
      <c r="N775779" s="10"/>
    </row>
    <row r="775780" spans="14:14">
      <c r="N775780" s="10"/>
    </row>
    <row r="775781" spans="14:14">
      <c r="N775781" s="10"/>
    </row>
    <row r="775782" spans="14:14">
      <c r="N775782" s="10"/>
    </row>
    <row r="775783" spans="14:14">
      <c r="N775783" s="10"/>
    </row>
    <row r="775784" spans="14:14">
      <c r="N775784" s="10"/>
    </row>
    <row r="775785" spans="14:14">
      <c r="N775785" s="10"/>
    </row>
    <row r="775786" spans="14:14">
      <c r="N775786" s="10"/>
    </row>
    <row r="775787" spans="14:14">
      <c r="N775787" s="10"/>
    </row>
    <row r="775788" spans="14:14">
      <c r="N775788" s="10"/>
    </row>
    <row r="775789" spans="14:14">
      <c r="N775789" s="10"/>
    </row>
    <row r="775790" spans="14:14">
      <c r="N775790" s="10"/>
    </row>
    <row r="775791" spans="14:14">
      <c r="N775791" s="10"/>
    </row>
    <row r="775792" spans="14:14">
      <c r="N775792" s="10"/>
    </row>
    <row r="775793" spans="14:14">
      <c r="N775793" s="10"/>
    </row>
    <row r="775794" spans="14:14">
      <c r="N775794" s="10"/>
    </row>
    <row r="775795" spans="14:14">
      <c r="N775795" s="10"/>
    </row>
    <row r="775796" spans="14:14">
      <c r="N775796" s="10"/>
    </row>
    <row r="775797" spans="14:14">
      <c r="N775797" s="10"/>
    </row>
    <row r="775798" spans="14:14">
      <c r="N775798" s="10"/>
    </row>
    <row r="775799" spans="14:14">
      <c r="N775799" s="10"/>
    </row>
    <row r="775800" spans="14:14">
      <c r="N775800" s="10"/>
    </row>
    <row r="775801" spans="14:14">
      <c r="N775801" s="10"/>
    </row>
    <row r="775802" spans="14:14">
      <c r="N775802" s="10"/>
    </row>
    <row r="775803" spans="14:14">
      <c r="N775803" s="10"/>
    </row>
    <row r="775804" spans="14:14">
      <c r="N775804" s="10"/>
    </row>
    <row r="775805" spans="14:14">
      <c r="N775805" s="10"/>
    </row>
    <row r="775806" spans="14:14">
      <c r="N775806" s="10"/>
    </row>
    <row r="775807" spans="14:14">
      <c r="N775807" s="10"/>
    </row>
    <row r="775808" spans="14:14">
      <c r="N775808" s="10"/>
    </row>
    <row r="775809" spans="14:14">
      <c r="N775809" s="10"/>
    </row>
    <row r="775810" spans="14:14">
      <c r="N775810" s="10"/>
    </row>
    <row r="775811" spans="14:14">
      <c r="N775811" s="10"/>
    </row>
    <row r="775812" spans="14:14">
      <c r="N775812" s="10"/>
    </row>
    <row r="775813" spans="14:14">
      <c r="N775813" s="10"/>
    </row>
    <row r="775814" spans="14:14">
      <c r="N775814" s="10"/>
    </row>
    <row r="775815" spans="14:14">
      <c r="N775815" s="10"/>
    </row>
    <row r="775816" spans="14:14">
      <c r="N775816" s="10"/>
    </row>
    <row r="775817" spans="14:14">
      <c r="N775817" s="10"/>
    </row>
    <row r="775818" spans="14:14">
      <c r="N775818" s="10"/>
    </row>
    <row r="775819" spans="14:14">
      <c r="N775819" s="10"/>
    </row>
    <row r="775820" spans="14:14">
      <c r="N775820" s="10"/>
    </row>
    <row r="775821" spans="14:14">
      <c r="N775821" s="10"/>
    </row>
    <row r="775822" spans="14:14">
      <c r="N775822" s="10"/>
    </row>
    <row r="775823" spans="14:14">
      <c r="N775823" s="10"/>
    </row>
    <row r="775824" spans="14:14">
      <c r="N775824" s="10"/>
    </row>
    <row r="775825" spans="14:14">
      <c r="N775825" s="10"/>
    </row>
    <row r="775826" spans="14:14">
      <c r="N775826" s="10"/>
    </row>
    <row r="775827" spans="14:14">
      <c r="N775827" s="10"/>
    </row>
    <row r="775828" spans="14:14">
      <c r="N775828" s="10"/>
    </row>
    <row r="775829" spans="14:14">
      <c r="N775829" s="10"/>
    </row>
    <row r="775830" spans="14:14">
      <c r="N775830" s="10"/>
    </row>
    <row r="775831" spans="14:14">
      <c r="N775831" s="10"/>
    </row>
    <row r="775832" spans="14:14">
      <c r="N775832" s="10"/>
    </row>
    <row r="775833" spans="14:14">
      <c r="N775833" s="10"/>
    </row>
    <row r="775834" spans="14:14">
      <c r="N775834" s="10"/>
    </row>
    <row r="775835" spans="14:14">
      <c r="N775835" s="10"/>
    </row>
    <row r="775836" spans="14:14">
      <c r="N775836" s="10"/>
    </row>
    <row r="775837" spans="14:14">
      <c r="N775837" s="10"/>
    </row>
    <row r="775838" spans="14:14">
      <c r="N775838" s="10"/>
    </row>
    <row r="775839" spans="14:14">
      <c r="N775839" s="10"/>
    </row>
    <row r="775840" spans="14:14">
      <c r="N775840" s="10"/>
    </row>
    <row r="775841" spans="14:14">
      <c r="N775841" s="10"/>
    </row>
    <row r="775842" spans="14:14">
      <c r="N775842" s="10"/>
    </row>
    <row r="775843" spans="14:14">
      <c r="N775843" s="10"/>
    </row>
    <row r="775844" spans="14:14">
      <c r="N775844" s="10"/>
    </row>
    <row r="775845" spans="14:14">
      <c r="N775845" s="10"/>
    </row>
    <row r="775846" spans="14:14">
      <c r="N775846" s="10"/>
    </row>
    <row r="775847" spans="14:14">
      <c r="N775847" s="10"/>
    </row>
    <row r="775848" spans="14:14">
      <c r="N775848" s="10"/>
    </row>
    <row r="775849" spans="14:14">
      <c r="N775849" s="10"/>
    </row>
    <row r="775850" spans="14:14">
      <c r="N775850" s="10"/>
    </row>
    <row r="775851" spans="14:14">
      <c r="N775851" s="10"/>
    </row>
    <row r="775852" spans="14:14">
      <c r="N775852" s="10"/>
    </row>
    <row r="775853" spans="14:14">
      <c r="N775853" s="10"/>
    </row>
    <row r="775854" spans="14:14">
      <c r="N775854" s="10"/>
    </row>
    <row r="775855" spans="14:14">
      <c r="N775855" s="10"/>
    </row>
    <row r="775856" spans="14:14">
      <c r="N775856" s="10"/>
    </row>
    <row r="775857" spans="14:14">
      <c r="N775857" s="10"/>
    </row>
    <row r="775858" spans="14:14">
      <c r="N775858" s="10"/>
    </row>
    <row r="775859" spans="14:14">
      <c r="N775859" s="10"/>
    </row>
    <row r="775860" spans="14:14">
      <c r="N775860" s="10"/>
    </row>
    <row r="775861" spans="14:14">
      <c r="N775861" s="10"/>
    </row>
    <row r="775862" spans="14:14">
      <c r="N775862" s="10"/>
    </row>
    <row r="775863" spans="14:14">
      <c r="N775863" s="10"/>
    </row>
    <row r="775864" spans="14:14">
      <c r="N775864" s="10"/>
    </row>
    <row r="775865" spans="14:14">
      <c r="N775865" s="10"/>
    </row>
    <row r="775866" spans="14:14">
      <c r="N775866" s="10"/>
    </row>
    <row r="775867" spans="14:14">
      <c r="N775867" s="10"/>
    </row>
    <row r="775868" spans="14:14">
      <c r="N775868" s="10"/>
    </row>
    <row r="775869" spans="14:14">
      <c r="N775869" s="10"/>
    </row>
    <row r="775870" spans="14:14">
      <c r="N775870" s="10"/>
    </row>
    <row r="775871" spans="14:14">
      <c r="N775871" s="10"/>
    </row>
    <row r="775872" spans="14:14">
      <c r="N775872" s="10"/>
    </row>
    <row r="775873" spans="14:14">
      <c r="N775873" s="10"/>
    </row>
    <row r="775874" spans="14:14">
      <c r="N775874" s="10"/>
    </row>
    <row r="775875" spans="14:14">
      <c r="N775875" s="10"/>
    </row>
    <row r="775876" spans="14:14">
      <c r="N775876" s="10"/>
    </row>
    <row r="775877" spans="14:14">
      <c r="N775877" s="10"/>
    </row>
    <row r="775878" spans="14:14">
      <c r="N775878" s="10"/>
    </row>
    <row r="775879" spans="14:14">
      <c r="N775879" s="10"/>
    </row>
    <row r="775880" spans="14:14">
      <c r="N775880" s="10"/>
    </row>
    <row r="775881" spans="14:14">
      <c r="N775881" s="10"/>
    </row>
    <row r="775882" spans="14:14">
      <c r="N775882" s="10"/>
    </row>
    <row r="775883" spans="14:14">
      <c r="N775883" s="10"/>
    </row>
    <row r="775884" spans="14:14">
      <c r="N775884" s="10"/>
    </row>
    <row r="775885" spans="14:14">
      <c r="N775885" s="10"/>
    </row>
    <row r="775886" spans="14:14">
      <c r="N775886" s="10"/>
    </row>
    <row r="775887" spans="14:14">
      <c r="N775887" s="10"/>
    </row>
    <row r="775888" spans="14:14">
      <c r="N775888" s="10"/>
    </row>
    <row r="775889" spans="14:14">
      <c r="N775889" s="10"/>
    </row>
    <row r="775890" spans="14:14">
      <c r="N775890" s="10"/>
    </row>
    <row r="775891" spans="14:14">
      <c r="N775891" s="10"/>
    </row>
    <row r="775892" spans="14:14">
      <c r="N775892" s="10"/>
    </row>
    <row r="775893" spans="14:14">
      <c r="N775893" s="10"/>
    </row>
    <row r="775894" spans="14:14">
      <c r="N775894" s="10"/>
    </row>
    <row r="775895" spans="14:14">
      <c r="N775895" s="10"/>
    </row>
    <row r="775896" spans="14:14">
      <c r="N775896" s="10"/>
    </row>
    <row r="775897" spans="14:14">
      <c r="N775897" s="10"/>
    </row>
    <row r="775898" spans="14:14">
      <c r="N775898" s="10"/>
    </row>
    <row r="775899" spans="14:14">
      <c r="N775899" s="10"/>
    </row>
    <row r="775900" spans="14:14">
      <c r="N775900" s="10"/>
    </row>
    <row r="775901" spans="14:14">
      <c r="N775901" s="10"/>
    </row>
    <row r="775902" spans="14:14">
      <c r="N775902" s="10"/>
    </row>
    <row r="775903" spans="14:14">
      <c r="N775903" s="10"/>
    </row>
    <row r="775904" spans="14:14">
      <c r="N775904" s="10"/>
    </row>
    <row r="775905" spans="14:14">
      <c r="N775905" s="10"/>
    </row>
    <row r="775906" spans="14:14">
      <c r="N775906" s="10"/>
    </row>
    <row r="775907" spans="14:14">
      <c r="N775907" s="10"/>
    </row>
    <row r="775908" spans="14:14">
      <c r="N775908" s="10"/>
    </row>
    <row r="775909" spans="14:14">
      <c r="N775909" s="10"/>
    </row>
    <row r="775910" spans="14:14">
      <c r="N775910" s="10"/>
    </row>
    <row r="775911" spans="14:14">
      <c r="N775911" s="10"/>
    </row>
    <row r="775912" spans="14:14">
      <c r="N775912" s="10"/>
    </row>
    <row r="775913" spans="14:14">
      <c r="N775913" s="10"/>
    </row>
    <row r="775914" spans="14:14">
      <c r="N775914" s="10"/>
    </row>
    <row r="775915" spans="14:14">
      <c r="N775915" s="10"/>
    </row>
    <row r="775916" spans="14:14">
      <c r="N775916" s="10"/>
    </row>
    <row r="775917" spans="14:14">
      <c r="N775917" s="10"/>
    </row>
    <row r="775918" spans="14:14">
      <c r="N775918" s="10"/>
    </row>
    <row r="775919" spans="14:14">
      <c r="N775919" s="10"/>
    </row>
    <row r="775920" spans="14:14">
      <c r="N775920" s="10"/>
    </row>
    <row r="775921" spans="14:14">
      <c r="N775921" s="10"/>
    </row>
    <row r="775922" spans="14:14">
      <c r="N775922" s="10"/>
    </row>
    <row r="775923" spans="14:14">
      <c r="N775923" s="10"/>
    </row>
    <row r="775924" spans="14:14">
      <c r="N775924" s="10"/>
    </row>
    <row r="775925" spans="14:14">
      <c r="N775925" s="10"/>
    </row>
    <row r="775926" spans="14:14">
      <c r="N775926" s="10"/>
    </row>
    <row r="775927" spans="14:14">
      <c r="N775927" s="10"/>
    </row>
    <row r="775928" spans="14:14">
      <c r="N775928" s="10"/>
    </row>
    <row r="775929" spans="14:14">
      <c r="N775929" s="10"/>
    </row>
    <row r="775930" spans="14:14">
      <c r="N775930" s="10"/>
    </row>
    <row r="775931" spans="14:14">
      <c r="N775931" s="10"/>
    </row>
    <row r="775932" spans="14:14">
      <c r="N775932" s="10"/>
    </row>
    <row r="775933" spans="14:14">
      <c r="N775933" s="10"/>
    </row>
    <row r="775934" spans="14:14">
      <c r="N775934" s="10"/>
    </row>
    <row r="775935" spans="14:14">
      <c r="N775935" s="10"/>
    </row>
    <row r="775936" spans="14:14">
      <c r="N775936" s="10"/>
    </row>
    <row r="775937" spans="14:14">
      <c r="N775937" s="10"/>
    </row>
    <row r="775938" spans="14:14">
      <c r="N775938" s="10"/>
    </row>
    <row r="775939" spans="14:14">
      <c r="N775939" s="10"/>
    </row>
    <row r="775940" spans="14:14">
      <c r="N775940" s="10"/>
    </row>
    <row r="775941" spans="14:14">
      <c r="N775941" s="10"/>
    </row>
    <row r="775942" spans="14:14">
      <c r="N775942" s="10"/>
    </row>
    <row r="775943" spans="14:14">
      <c r="N775943" s="10"/>
    </row>
    <row r="775944" spans="14:14">
      <c r="N775944" s="10"/>
    </row>
    <row r="775945" spans="14:14">
      <c r="N775945" s="10"/>
    </row>
    <row r="775946" spans="14:14">
      <c r="N775946" s="10"/>
    </row>
    <row r="775947" spans="14:14">
      <c r="N775947" s="10"/>
    </row>
    <row r="775948" spans="14:14">
      <c r="N775948" s="10"/>
    </row>
    <row r="775949" spans="14:14">
      <c r="N775949" s="10"/>
    </row>
    <row r="775950" spans="14:14">
      <c r="N775950" s="10"/>
    </row>
    <row r="775951" spans="14:14">
      <c r="N775951" s="10"/>
    </row>
    <row r="775952" spans="14:14">
      <c r="N775952" s="10"/>
    </row>
    <row r="775953" spans="14:14">
      <c r="N775953" s="10"/>
    </row>
    <row r="775954" spans="14:14">
      <c r="N775954" s="10"/>
    </row>
    <row r="775955" spans="14:14">
      <c r="N775955" s="10"/>
    </row>
    <row r="775956" spans="14:14">
      <c r="N775956" s="10"/>
    </row>
    <row r="775957" spans="14:14">
      <c r="N775957" s="10"/>
    </row>
    <row r="775958" spans="14:14">
      <c r="N775958" s="10"/>
    </row>
    <row r="775959" spans="14:14">
      <c r="N775959" s="10"/>
    </row>
    <row r="775960" spans="14:14">
      <c r="N775960" s="10"/>
    </row>
    <row r="775961" spans="14:14">
      <c r="N775961" s="10"/>
    </row>
    <row r="775962" spans="14:14">
      <c r="N775962" s="10"/>
    </row>
    <row r="775963" spans="14:14">
      <c r="N775963" s="10"/>
    </row>
    <row r="775964" spans="14:14">
      <c r="N775964" s="10"/>
    </row>
    <row r="775965" spans="14:14">
      <c r="N775965" s="10"/>
    </row>
    <row r="775966" spans="14:14">
      <c r="N775966" s="10"/>
    </row>
    <row r="775967" spans="14:14">
      <c r="N775967" s="10"/>
    </row>
    <row r="775968" spans="14:14">
      <c r="N775968" s="10"/>
    </row>
    <row r="775969" spans="14:14">
      <c r="N775969" s="10"/>
    </row>
    <row r="775970" spans="14:14">
      <c r="N775970" s="10"/>
    </row>
    <row r="775971" spans="14:14">
      <c r="N775971" s="10"/>
    </row>
    <row r="775972" spans="14:14">
      <c r="N775972" s="10"/>
    </row>
    <row r="775973" spans="14:14">
      <c r="N775973" s="10"/>
    </row>
    <row r="775974" spans="14:14">
      <c r="N775974" s="10"/>
    </row>
    <row r="775975" spans="14:14">
      <c r="N775975" s="10"/>
    </row>
    <row r="775976" spans="14:14">
      <c r="N775976" s="10"/>
    </row>
    <row r="775977" spans="14:14">
      <c r="N775977" s="10"/>
    </row>
    <row r="775978" spans="14:14">
      <c r="N775978" s="10"/>
    </row>
    <row r="775979" spans="14:14">
      <c r="N775979" s="10"/>
    </row>
    <row r="775980" spans="14:14">
      <c r="N775980" s="10"/>
    </row>
    <row r="775981" spans="14:14">
      <c r="N775981" s="10"/>
    </row>
    <row r="775982" spans="14:14">
      <c r="N775982" s="10"/>
    </row>
    <row r="775983" spans="14:14">
      <c r="N775983" s="10"/>
    </row>
    <row r="775984" spans="14:14">
      <c r="N775984" s="10"/>
    </row>
    <row r="775985" spans="14:14">
      <c r="N775985" s="10"/>
    </row>
    <row r="775986" spans="14:14">
      <c r="N775986" s="10"/>
    </row>
    <row r="775987" spans="14:14">
      <c r="N775987" s="10"/>
    </row>
    <row r="775988" spans="14:14">
      <c r="N775988" s="10"/>
    </row>
    <row r="775989" spans="14:14">
      <c r="N775989" s="10"/>
    </row>
    <row r="775990" spans="14:14">
      <c r="N775990" s="10"/>
    </row>
    <row r="775991" spans="14:14">
      <c r="N775991" s="10"/>
    </row>
    <row r="775992" spans="14:14">
      <c r="N775992" s="10"/>
    </row>
    <row r="775993" spans="14:14">
      <c r="N775993" s="10"/>
    </row>
    <row r="775994" spans="14:14">
      <c r="N775994" s="10"/>
    </row>
    <row r="775995" spans="14:14">
      <c r="N775995" s="10"/>
    </row>
    <row r="775996" spans="14:14">
      <c r="N775996" s="10"/>
    </row>
    <row r="775997" spans="14:14">
      <c r="N775997" s="10"/>
    </row>
    <row r="775998" spans="14:14">
      <c r="N775998" s="10"/>
    </row>
    <row r="775999" spans="14:14">
      <c r="N775999" s="10"/>
    </row>
    <row r="776000" spans="14:14">
      <c r="N776000" s="10"/>
    </row>
    <row r="776001" spans="14:14">
      <c r="N776001" s="10"/>
    </row>
    <row r="776002" spans="14:14">
      <c r="N776002" s="10"/>
    </row>
    <row r="776003" spans="14:14">
      <c r="N776003" s="10"/>
    </row>
    <row r="776004" spans="14:14">
      <c r="N776004" s="10"/>
    </row>
    <row r="776005" spans="14:14">
      <c r="N776005" s="10"/>
    </row>
    <row r="776006" spans="14:14">
      <c r="N776006" s="10"/>
    </row>
    <row r="776007" spans="14:14">
      <c r="N776007" s="10"/>
    </row>
    <row r="776008" spans="14:14">
      <c r="N776008" s="10"/>
    </row>
    <row r="776009" spans="14:14">
      <c r="N776009" s="10"/>
    </row>
    <row r="776010" spans="14:14">
      <c r="N776010" s="10"/>
    </row>
    <row r="776011" spans="14:14">
      <c r="N776011" s="10"/>
    </row>
    <row r="776012" spans="14:14">
      <c r="N776012" s="10"/>
    </row>
    <row r="776013" spans="14:14">
      <c r="N776013" s="10"/>
    </row>
    <row r="776014" spans="14:14">
      <c r="N776014" s="10"/>
    </row>
    <row r="776015" spans="14:14">
      <c r="N776015" s="10"/>
    </row>
    <row r="776016" spans="14:14">
      <c r="N776016" s="10"/>
    </row>
    <row r="776017" spans="14:14">
      <c r="N776017" s="10"/>
    </row>
    <row r="776018" spans="14:14">
      <c r="N776018" s="10"/>
    </row>
    <row r="776019" spans="14:14">
      <c r="N776019" s="10"/>
    </row>
    <row r="776020" spans="14:14">
      <c r="N776020" s="10"/>
    </row>
    <row r="776021" spans="14:14">
      <c r="N776021" s="10"/>
    </row>
    <row r="776022" spans="14:14">
      <c r="N776022" s="10"/>
    </row>
    <row r="776023" spans="14:14">
      <c r="N776023" s="10"/>
    </row>
    <row r="776024" spans="14:14">
      <c r="N776024" s="10"/>
    </row>
    <row r="776025" spans="14:14">
      <c r="N776025" s="10"/>
    </row>
    <row r="776026" spans="14:14">
      <c r="N776026" s="10"/>
    </row>
    <row r="776027" spans="14:14">
      <c r="N776027" s="10"/>
    </row>
    <row r="776028" spans="14:14">
      <c r="N776028" s="10"/>
    </row>
    <row r="776029" spans="14:14">
      <c r="N776029" s="10"/>
    </row>
    <row r="776030" spans="14:14">
      <c r="N776030" s="10"/>
    </row>
    <row r="776031" spans="14:14">
      <c r="N776031" s="10"/>
    </row>
    <row r="776032" spans="14:14">
      <c r="N776032" s="10"/>
    </row>
    <row r="776033" spans="14:14">
      <c r="N776033" s="10"/>
    </row>
    <row r="776034" spans="14:14">
      <c r="N776034" s="10"/>
    </row>
    <row r="776035" spans="14:14">
      <c r="N776035" s="10"/>
    </row>
    <row r="776036" spans="14:14">
      <c r="N776036" s="10"/>
    </row>
    <row r="776037" spans="14:14">
      <c r="N776037" s="10"/>
    </row>
    <row r="776038" spans="14:14">
      <c r="N776038" s="10"/>
    </row>
    <row r="776039" spans="14:14">
      <c r="N776039" s="10"/>
    </row>
    <row r="776040" spans="14:14">
      <c r="N776040" s="10"/>
    </row>
    <row r="776041" spans="14:14">
      <c r="N776041" s="10"/>
    </row>
    <row r="776042" spans="14:14">
      <c r="N776042" s="10"/>
    </row>
    <row r="776043" spans="14:14">
      <c r="N776043" s="10"/>
    </row>
    <row r="776044" spans="14:14">
      <c r="N776044" s="10"/>
    </row>
    <row r="776045" spans="14:14">
      <c r="N776045" s="10"/>
    </row>
    <row r="776046" spans="14:14">
      <c r="N776046" s="10"/>
    </row>
    <row r="776047" spans="14:14">
      <c r="N776047" s="10"/>
    </row>
    <row r="776048" spans="14:14">
      <c r="N776048" s="10"/>
    </row>
    <row r="776049" spans="14:14">
      <c r="N776049" s="10"/>
    </row>
    <row r="776050" spans="14:14">
      <c r="N776050" s="10"/>
    </row>
    <row r="776051" spans="14:14">
      <c r="N776051" s="10"/>
    </row>
    <row r="776052" spans="14:14">
      <c r="N776052" s="10"/>
    </row>
    <row r="776053" spans="14:14">
      <c r="N776053" s="10"/>
    </row>
    <row r="776054" spans="14:14">
      <c r="N776054" s="10"/>
    </row>
    <row r="776055" spans="14:14">
      <c r="N776055" s="10"/>
    </row>
    <row r="776056" spans="14:14">
      <c r="N776056" s="10"/>
    </row>
    <row r="776057" spans="14:14">
      <c r="N776057" s="10"/>
    </row>
    <row r="776058" spans="14:14">
      <c r="N776058" s="10"/>
    </row>
    <row r="776059" spans="14:14">
      <c r="N776059" s="10"/>
    </row>
    <row r="776060" spans="14:14">
      <c r="N776060" s="10"/>
    </row>
    <row r="776061" spans="14:14">
      <c r="N776061" s="10"/>
    </row>
    <row r="776062" spans="14:14">
      <c r="N776062" s="10"/>
    </row>
    <row r="776063" spans="14:14">
      <c r="N776063" s="10"/>
    </row>
    <row r="776064" spans="14:14">
      <c r="N776064" s="10"/>
    </row>
    <row r="776065" spans="14:14">
      <c r="N776065" s="10"/>
    </row>
    <row r="776066" spans="14:14">
      <c r="N776066" s="10"/>
    </row>
    <row r="776067" spans="14:14">
      <c r="N776067" s="10"/>
    </row>
    <row r="776068" spans="14:14">
      <c r="N776068" s="10"/>
    </row>
    <row r="776069" spans="14:14">
      <c r="N776069" s="10"/>
    </row>
    <row r="776070" spans="14:14">
      <c r="N776070" s="10"/>
    </row>
    <row r="776071" spans="14:14">
      <c r="N776071" s="10"/>
    </row>
    <row r="776072" spans="14:14">
      <c r="N776072" s="10"/>
    </row>
    <row r="776073" spans="14:14">
      <c r="N776073" s="10"/>
    </row>
    <row r="776074" spans="14:14">
      <c r="N776074" s="10"/>
    </row>
    <row r="776075" spans="14:14">
      <c r="N776075" s="10"/>
    </row>
    <row r="776076" spans="14:14">
      <c r="N776076" s="10"/>
    </row>
    <row r="776077" spans="14:14">
      <c r="N776077" s="10"/>
    </row>
    <row r="776078" spans="14:14">
      <c r="N776078" s="10"/>
    </row>
    <row r="776079" spans="14:14">
      <c r="N776079" s="10"/>
    </row>
    <row r="776080" spans="14:14">
      <c r="N776080" s="10"/>
    </row>
    <row r="776081" spans="14:14">
      <c r="N776081" s="10"/>
    </row>
    <row r="776082" spans="14:14">
      <c r="N776082" s="10"/>
    </row>
    <row r="776083" spans="14:14">
      <c r="N776083" s="10"/>
    </row>
    <row r="776084" spans="14:14">
      <c r="N776084" s="10"/>
    </row>
    <row r="776085" spans="14:14">
      <c r="N776085" s="10"/>
    </row>
    <row r="776086" spans="14:14">
      <c r="N776086" s="10"/>
    </row>
    <row r="776087" spans="14:14">
      <c r="N776087" s="10"/>
    </row>
    <row r="776088" spans="14:14">
      <c r="N776088" s="10"/>
    </row>
    <row r="776089" spans="14:14">
      <c r="N776089" s="10"/>
    </row>
    <row r="776090" spans="14:14">
      <c r="N776090" s="10"/>
    </row>
    <row r="776091" spans="14:14">
      <c r="N776091" s="10"/>
    </row>
    <row r="776092" spans="14:14">
      <c r="N776092" s="10"/>
    </row>
    <row r="776093" spans="14:14">
      <c r="N776093" s="10"/>
    </row>
    <row r="776094" spans="14:14">
      <c r="N776094" s="10"/>
    </row>
    <row r="776095" spans="14:14">
      <c r="N776095" s="10"/>
    </row>
    <row r="776096" spans="14:14">
      <c r="N776096" s="10"/>
    </row>
    <row r="776097" spans="14:14">
      <c r="N776097" s="10"/>
    </row>
    <row r="776098" spans="14:14">
      <c r="N776098" s="10"/>
    </row>
    <row r="776099" spans="14:14">
      <c r="N776099" s="10"/>
    </row>
    <row r="776100" spans="14:14">
      <c r="N776100" s="10"/>
    </row>
    <row r="776101" spans="14:14">
      <c r="N776101" s="10"/>
    </row>
    <row r="776102" spans="14:14">
      <c r="N776102" s="10"/>
    </row>
    <row r="776103" spans="14:14">
      <c r="N776103" s="10"/>
    </row>
    <row r="776104" spans="14:14">
      <c r="N776104" s="10"/>
    </row>
    <row r="776105" spans="14:14">
      <c r="N776105" s="10"/>
    </row>
    <row r="776106" spans="14:14">
      <c r="N776106" s="10"/>
    </row>
    <row r="776107" spans="14:14">
      <c r="N776107" s="10"/>
    </row>
    <row r="776108" spans="14:14">
      <c r="N776108" s="10"/>
    </row>
    <row r="776109" spans="14:14">
      <c r="N776109" s="10"/>
    </row>
    <row r="776110" spans="14:14">
      <c r="N776110" s="10"/>
    </row>
    <row r="776111" spans="14:14">
      <c r="N776111" s="10"/>
    </row>
    <row r="776112" spans="14:14">
      <c r="N776112" s="10"/>
    </row>
    <row r="776113" spans="14:14">
      <c r="N776113" s="10"/>
    </row>
    <row r="776114" spans="14:14">
      <c r="N776114" s="10"/>
    </row>
    <row r="776115" spans="14:14">
      <c r="N776115" s="10"/>
    </row>
    <row r="776116" spans="14:14">
      <c r="N776116" s="10"/>
    </row>
    <row r="776117" spans="14:14">
      <c r="N776117" s="10"/>
    </row>
    <row r="776118" spans="14:14">
      <c r="N776118" s="10"/>
    </row>
    <row r="776119" spans="14:14">
      <c r="N776119" s="10"/>
    </row>
    <row r="776120" spans="14:14">
      <c r="N776120" s="10"/>
    </row>
    <row r="776121" spans="14:14">
      <c r="N776121" s="10"/>
    </row>
    <row r="776122" spans="14:14">
      <c r="N776122" s="10"/>
    </row>
    <row r="776123" spans="14:14">
      <c r="N776123" s="10"/>
    </row>
    <row r="776124" spans="14:14">
      <c r="N776124" s="10"/>
    </row>
    <row r="776125" spans="14:14">
      <c r="N776125" s="10"/>
    </row>
    <row r="776126" spans="14:14">
      <c r="N776126" s="10"/>
    </row>
    <row r="776127" spans="14:14">
      <c r="N776127" s="10"/>
    </row>
    <row r="776128" spans="14:14">
      <c r="N776128" s="10"/>
    </row>
    <row r="776129" spans="14:14">
      <c r="N776129" s="10"/>
    </row>
    <row r="776130" spans="14:14">
      <c r="N776130" s="10"/>
    </row>
    <row r="776131" spans="14:14">
      <c r="N776131" s="10"/>
    </row>
    <row r="776132" spans="14:14">
      <c r="N776132" s="10"/>
    </row>
    <row r="776133" spans="14:14">
      <c r="N776133" s="10"/>
    </row>
    <row r="776134" spans="14:14">
      <c r="N776134" s="10"/>
    </row>
    <row r="776135" spans="14:14">
      <c r="N776135" s="10"/>
    </row>
    <row r="776136" spans="14:14">
      <c r="N776136" s="10"/>
    </row>
    <row r="776137" spans="14:14">
      <c r="N776137" s="10"/>
    </row>
    <row r="776138" spans="14:14">
      <c r="N776138" s="10"/>
    </row>
    <row r="776139" spans="14:14">
      <c r="N776139" s="10"/>
    </row>
    <row r="776140" spans="14:14">
      <c r="N776140" s="10"/>
    </row>
    <row r="776141" spans="14:14">
      <c r="N776141" s="10"/>
    </row>
    <row r="776142" spans="14:14">
      <c r="N776142" s="10"/>
    </row>
    <row r="776143" spans="14:14">
      <c r="N776143" s="10"/>
    </row>
    <row r="776144" spans="14:14">
      <c r="N776144" s="10"/>
    </row>
    <row r="776145" spans="14:14">
      <c r="N776145" s="10"/>
    </row>
    <row r="776146" spans="14:14">
      <c r="N776146" s="10"/>
    </row>
    <row r="776147" spans="14:14">
      <c r="N776147" s="10"/>
    </row>
    <row r="776148" spans="14:14">
      <c r="N776148" s="10"/>
    </row>
    <row r="776149" spans="14:14">
      <c r="N776149" s="10"/>
    </row>
    <row r="776150" spans="14:14">
      <c r="N776150" s="10"/>
    </row>
    <row r="776151" spans="14:14">
      <c r="N776151" s="10"/>
    </row>
    <row r="776152" spans="14:14">
      <c r="N776152" s="10"/>
    </row>
    <row r="776153" spans="14:14">
      <c r="N776153" s="10"/>
    </row>
    <row r="776154" spans="14:14">
      <c r="N776154" s="10"/>
    </row>
    <row r="776155" spans="14:14">
      <c r="N776155" s="10"/>
    </row>
    <row r="776156" spans="14:14">
      <c r="N776156" s="10"/>
    </row>
    <row r="776157" spans="14:14">
      <c r="N776157" s="10"/>
    </row>
    <row r="776158" spans="14:14">
      <c r="N776158" s="10"/>
    </row>
    <row r="776159" spans="14:14">
      <c r="N776159" s="10"/>
    </row>
    <row r="776160" spans="14:14">
      <c r="N776160" s="10"/>
    </row>
    <row r="776161" spans="14:14">
      <c r="N776161" s="10"/>
    </row>
    <row r="776162" spans="14:14">
      <c r="N776162" s="10"/>
    </row>
    <row r="776163" spans="14:14">
      <c r="N776163" s="10"/>
    </row>
    <row r="776164" spans="14:14">
      <c r="N776164" s="10"/>
    </row>
    <row r="776165" spans="14:14">
      <c r="N776165" s="10"/>
    </row>
    <row r="776166" spans="14:14">
      <c r="N776166" s="10"/>
    </row>
    <row r="776167" spans="14:14">
      <c r="N776167" s="10"/>
    </row>
    <row r="776168" spans="14:14">
      <c r="N776168" s="10"/>
    </row>
    <row r="776169" spans="14:14">
      <c r="N776169" s="10"/>
    </row>
    <row r="776170" spans="14:14">
      <c r="N776170" s="10"/>
    </row>
    <row r="776171" spans="14:14">
      <c r="N776171" s="10"/>
    </row>
    <row r="776172" spans="14:14">
      <c r="N776172" s="10"/>
    </row>
    <row r="776173" spans="14:14">
      <c r="N776173" s="10"/>
    </row>
    <row r="776174" spans="14:14">
      <c r="N776174" s="10"/>
    </row>
    <row r="776175" spans="14:14">
      <c r="N776175" s="10"/>
    </row>
    <row r="776176" spans="14:14">
      <c r="N776176" s="10"/>
    </row>
    <row r="776177" spans="14:14">
      <c r="N776177" s="10"/>
    </row>
    <row r="776178" spans="14:14">
      <c r="N776178" s="10"/>
    </row>
    <row r="776179" spans="14:14">
      <c r="N776179" s="10"/>
    </row>
    <row r="776180" spans="14:14">
      <c r="N776180" s="10"/>
    </row>
    <row r="776181" spans="14:14">
      <c r="N776181" s="10"/>
    </row>
    <row r="776182" spans="14:14">
      <c r="N776182" s="10"/>
    </row>
    <row r="776183" spans="14:14">
      <c r="N776183" s="10"/>
    </row>
    <row r="776184" spans="14:14">
      <c r="N776184" s="10"/>
    </row>
    <row r="776185" spans="14:14">
      <c r="N776185" s="10"/>
    </row>
    <row r="776186" spans="14:14">
      <c r="N776186" s="10"/>
    </row>
    <row r="776187" spans="14:14">
      <c r="N776187" s="10"/>
    </row>
    <row r="776188" spans="14:14">
      <c r="N776188" s="10"/>
    </row>
    <row r="776189" spans="14:14">
      <c r="N776189" s="10"/>
    </row>
    <row r="776190" spans="14:14">
      <c r="N776190" s="10"/>
    </row>
    <row r="776191" spans="14:14">
      <c r="N776191" s="10"/>
    </row>
    <row r="776192" spans="14:14">
      <c r="N776192" s="10"/>
    </row>
    <row r="776193" spans="14:14">
      <c r="N776193" s="10"/>
    </row>
    <row r="776194" spans="14:14">
      <c r="N776194" s="10"/>
    </row>
    <row r="776195" spans="14:14">
      <c r="N776195" s="10"/>
    </row>
    <row r="776196" spans="14:14">
      <c r="N776196" s="10"/>
    </row>
    <row r="776197" spans="14:14">
      <c r="N776197" s="10"/>
    </row>
    <row r="776198" spans="14:14">
      <c r="N776198" s="10"/>
    </row>
    <row r="776199" spans="14:14">
      <c r="N776199" s="10"/>
    </row>
    <row r="776200" spans="14:14">
      <c r="N776200" s="10"/>
    </row>
    <row r="776201" spans="14:14">
      <c r="N776201" s="10"/>
    </row>
    <row r="776202" spans="14:14">
      <c r="N776202" s="10"/>
    </row>
    <row r="776203" spans="14:14">
      <c r="N776203" s="10"/>
    </row>
    <row r="776204" spans="14:14">
      <c r="N776204" s="10"/>
    </row>
    <row r="776205" spans="14:14">
      <c r="N776205" s="10"/>
    </row>
    <row r="776206" spans="14:14">
      <c r="N776206" s="10"/>
    </row>
    <row r="776207" spans="14:14">
      <c r="N776207" s="10"/>
    </row>
    <row r="776208" spans="14:14">
      <c r="N776208" s="10"/>
    </row>
    <row r="776209" spans="14:14">
      <c r="N776209" s="10"/>
    </row>
    <row r="776210" spans="14:14">
      <c r="N776210" s="10"/>
    </row>
    <row r="776211" spans="14:14">
      <c r="N776211" s="10"/>
    </row>
    <row r="776212" spans="14:14">
      <c r="N776212" s="10"/>
    </row>
    <row r="776213" spans="14:14">
      <c r="N776213" s="10"/>
    </row>
    <row r="776214" spans="14:14">
      <c r="N776214" s="10"/>
    </row>
    <row r="776215" spans="14:14">
      <c r="N776215" s="10"/>
    </row>
    <row r="776216" spans="14:14">
      <c r="N776216" s="10"/>
    </row>
    <row r="776217" spans="14:14">
      <c r="N776217" s="10"/>
    </row>
    <row r="776218" spans="14:14">
      <c r="N776218" s="10"/>
    </row>
    <row r="776219" spans="14:14">
      <c r="N776219" s="10"/>
    </row>
    <row r="776220" spans="14:14">
      <c r="N776220" s="10"/>
    </row>
    <row r="776221" spans="14:14">
      <c r="N776221" s="10"/>
    </row>
    <row r="776222" spans="14:14">
      <c r="N776222" s="10"/>
    </row>
    <row r="776223" spans="14:14">
      <c r="N776223" s="10"/>
    </row>
    <row r="776224" spans="14:14">
      <c r="N776224" s="10"/>
    </row>
    <row r="776225" spans="14:14">
      <c r="N776225" s="10"/>
    </row>
    <row r="776226" spans="14:14">
      <c r="N776226" s="10"/>
    </row>
    <row r="776227" spans="14:14">
      <c r="N776227" s="10"/>
    </row>
    <row r="776228" spans="14:14">
      <c r="N776228" s="10"/>
    </row>
    <row r="776229" spans="14:14">
      <c r="N776229" s="10"/>
    </row>
    <row r="776230" spans="14:14">
      <c r="N776230" s="10"/>
    </row>
    <row r="776231" spans="14:14">
      <c r="N776231" s="10"/>
    </row>
    <row r="776232" spans="14:14">
      <c r="N776232" s="10"/>
    </row>
    <row r="776233" spans="14:14">
      <c r="N776233" s="10"/>
    </row>
    <row r="776234" spans="14:14">
      <c r="N776234" s="10"/>
    </row>
    <row r="776235" spans="14:14">
      <c r="N776235" s="10"/>
    </row>
    <row r="776236" spans="14:14">
      <c r="N776236" s="10"/>
    </row>
    <row r="776237" spans="14:14">
      <c r="N776237" s="10"/>
    </row>
    <row r="776238" spans="14:14">
      <c r="N776238" s="10"/>
    </row>
    <row r="776239" spans="14:14">
      <c r="N776239" s="10"/>
    </row>
    <row r="776240" spans="14:14">
      <c r="N776240" s="10"/>
    </row>
    <row r="776241" spans="14:14">
      <c r="N776241" s="10"/>
    </row>
    <row r="776242" spans="14:14">
      <c r="N776242" s="10"/>
    </row>
    <row r="776243" spans="14:14">
      <c r="N776243" s="10"/>
    </row>
    <row r="776244" spans="14:14">
      <c r="N776244" s="10"/>
    </row>
    <row r="776245" spans="14:14">
      <c r="N776245" s="10"/>
    </row>
    <row r="776246" spans="14:14">
      <c r="N776246" s="10"/>
    </row>
    <row r="776247" spans="14:14">
      <c r="N776247" s="10"/>
    </row>
    <row r="776248" spans="14:14">
      <c r="N776248" s="10"/>
    </row>
    <row r="776249" spans="14:14">
      <c r="N776249" s="10"/>
    </row>
    <row r="776250" spans="14:14">
      <c r="N776250" s="10"/>
    </row>
    <row r="776251" spans="14:14">
      <c r="N776251" s="10"/>
    </row>
    <row r="776252" spans="14:14">
      <c r="N776252" s="10"/>
    </row>
    <row r="776253" spans="14:14">
      <c r="N776253" s="10"/>
    </row>
    <row r="776254" spans="14:14">
      <c r="N776254" s="10"/>
    </row>
    <row r="776255" spans="14:14">
      <c r="N776255" s="10"/>
    </row>
    <row r="776256" spans="14:14">
      <c r="N776256" s="10"/>
    </row>
    <row r="776257" spans="14:14">
      <c r="N776257" s="10"/>
    </row>
    <row r="776258" spans="14:14">
      <c r="N776258" s="10"/>
    </row>
    <row r="776259" spans="14:14">
      <c r="N776259" s="10"/>
    </row>
    <row r="776260" spans="14:14">
      <c r="N776260" s="10"/>
    </row>
    <row r="776261" spans="14:14">
      <c r="N776261" s="10"/>
    </row>
    <row r="776262" spans="14:14">
      <c r="N776262" s="10"/>
    </row>
    <row r="776263" spans="14:14">
      <c r="N776263" s="10"/>
    </row>
    <row r="776264" spans="14:14">
      <c r="N776264" s="10"/>
    </row>
    <row r="776265" spans="14:14">
      <c r="N776265" s="10"/>
    </row>
    <row r="776266" spans="14:14">
      <c r="N776266" s="10"/>
    </row>
    <row r="776267" spans="14:14">
      <c r="N776267" s="10"/>
    </row>
    <row r="776268" spans="14:14">
      <c r="N776268" s="10"/>
    </row>
    <row r="776269" spans="14:14">
      <c r="N776269" s="10"/>
    </row>
    <row r="776270" spans="14:14">
      <c r="N776270" s="10"/>
    </row>
    <row r="776271" spans="14:14">
      <c r="N776271" s="10"/>
    </row>
    <row r="776272" spans="14:14">
      <c r="N776272" s="10"/>
    </row>
    <row r="776273" spans="14:14">
      <c r="N776273" s="10"/>
    </row>
    <row r="776274" spans="14:14">
      <c r="N776274" s="10"/>
    </row>
    <row r="776275" spans="14:14">
      <c r="N776275" s="10"/>
    </row>
    <row r="776276" spans="14:14">
      <c r="N776276" s="10"/>
    </row>
    <row r="776277" spans="14:14">
      <c r="N776277" s="10"/>
    </row>
    <row r="776278" spans="14:14">
      <c r="N776278" s="10"/>
    </row>
    <row r="776279" spans="14:14">
      <c r="N776279" s="10"/>
    </row>
    <row r="776280" spans="14:14">
      <c r="N776280" s="10"/>
    </row>
    <row r="776281" spans="14:14">
      <c r="N776281" s="10"/>
    </row>
    <row r="776282" spans="14:14">
      <c r="N776282" s="10"/>
    </row>
    <row r="776283" spans="14:14">
      <c r="N776283" s="10"/>
    </row>
    <row r="776284" spans="14:14">
      <c r="N776284" s="10"/>
    </row>
    <row r="776285" spans="14:14">
      <c r="N776285" s="10"/>
    </row>
    <row r="776286" spans="14:14">
      <c r="N776286" s="10"/>
    </row>
    <row r="776287" spans="14:14">
      <c r="N776287" s="10"/>
    </row>
    <row r="776288" spans="14:14">
      <c r="N776288" s="10"/>
    </row>
    <row r="776289" spans="14:14">
      <c r="N776289" s="10"/>
    </row>
    <row r="776290" spans="14:14">
      <c r="N776290" s="10"/>
    </row>
    <row r="776291" spans="14:14">
      <c r="N776291" s="10"/>
    </row>
    <row r="776292" spans="14:14">
      <c r="N776292" s="10"/>
    </row>
    <row r="776293" spans="14:14">
      <c r="N776293" s="10"/>
    </row>
    <row r="776294" spans="14:14">
      <c r="N776294" s="10"/>
    </row>
    <row r="776295" spans="14:14">
      <c r="N776295" s="10"/>
    </row>
    <row r="776296" spans="14:14">
      <c r="N776296" s="10"/>
    </row>
    <row r="776297" spans="14:14">
      <c r="N776297" s="10"/>
    </row>
    <row r="776298" spans="14:14">
      <c r="N776298" s="10"/>
    </row>
    <row r="776299" spans="14:14">
      <c r="N776299" s="10"/>
    </row>
    <row r="776300" spans="14:14">
      <c r="N776300" s="10"/>
    </row>
    <row r="776301" spans="14:14">
      <c r="N776301" s="10"/>
    </row>
    <row r="776302" spans="14:14">
      <c r="N776302" s="10"/>
    </row>
    <row r="776303" spans="14:14">
      <c r="N776303" s="10"/>
    </row>
    <row r="776304" spans="14:14">
      <c r="N776304" s="10"/>
    </row>
    <row r="776305" spans="14:14">
      <c r="N776305" s="10"/>
    </row>
    <row r="776306" spans="14:14">
      <c r="N776306" s="10"/>
    </row>
    <row r="776307" spans="14:14">
      <c r="N776307" s="10"/>
    </row>
    <row r="776308" spans="14:14">
      <c r="N776308" s="10"/>
    </row>
    <row r="776309" spans="14:14">
      <c r="N776309" s="10"/>
    </row>
    <row r="776310" spans="14:14">
      <c r="N776310" s="10"/>
    </row>
    <row r="776311" spans="14:14">
      <c r="N776311" s="10"/>
    </row>
    <row r="776312" spans="14:14">
      <c r="N776312" s="10"/>
    </row>
    <row r="776313" spans="14:14">
      <c r="N776313" s="10"/>
    </row>
    <row r="776314" spans="14:14">
      <c r="N776314" s="10"/>
    </row>
    <row r="776315" spans="14:14">
      <c r="N776315" s="10"/>
    </row>
    <row r="776316" spans="14:14">
      <c r="N776316" s="10"/>
    </row>
    <row r="776317" spans="14:14">
      <c r="N776317" s="10"/>
    </row>
    <row r="776318" spans="14:14">
      <c r="N776318" s="10"/>
    </row>
    <row r="776319" spans="14:14">
      <c r="N776319" s="10"/>
    </row>
    <row r="776320" spans="14:14">
      <c r="N776320" s="10"/>
    </row>
    <row r="776321" spans="14:14">
      <c r="N776321" s="10"/>
    </row>
    <row r="776322" spans="14:14">
      <c r="N776322" s="10"/>
    </row>
    <row r="776323" spans="14:14">
      <c r="N776323" s="10"/>
    </row>
    <row r="776324" spans="14:14">
      <c r="N776324" s="10"/>
    </row>
    <row r="776325" spans="14:14">
      <c r="N776325" s="10"/>
    </row>
    <row r="776326" spans="14:14">
      <c r="N776326" s="10"/>
    </row>
    <row r="776327" spans="14:14">
      <c r="N776327" s="10"/>
    </row>
    <row r="776328" spans="14:14">
      <c r="N776328" s="10"/>
    </row>
    <row r="776329" spans="14:14">
      <c r="N776329" s="10"/>
    </row>
    <row r="776330" spans="14:14">
      <c r="N776330" s="10"/>
    </row>
    <row r="776331" spans="14:14">
      <c r="N776331" s="10"/>
    </row>
    <row r="776332" spans="14:14">
      <c r="N776332" s="10"/>
    </row>
    <row r="776333" spans="14:14">
      <c r="N776333" s="10"/>
    </row>
    <row r="776334" spans="14:14">
      <c r="N776334" s="10"/>
    </row>
    <row r="776335" spans="14:14">
      <c r="N776335" s="10"/>
    </row>
    <row r="776336" spans="14:14">
      <c r="N776336" s="10"/>
    </row>
    <row r="776337" spans="14:14">
      <c r="N776337" s="10"/>
    </row>
    <row r="776338" spans="14:14">
      <c r="N776338" s="10"/>
    </row>
    <row r="776339" spans="14:14">
      <c r="N776339" s="10"/>
    </row>
    <row r="776340" spans="14:14">
      <c r="N776340" s="10"/>
    </row>
    <row r="776341" spans="14:14">
      <c r="N776341" s="10"/>
    </row>
    <row r="776342" spans="14:14">
      <c r="N776342" s="10"/>
    </row>
    <row r="776343" spans="14:14">
      <c r="N776343" s="10"/>
    </row>
    <row r="776344" spans="14:14">
      <c r="N776344" s="10"/>
    </row>
    <row r="776345" spans="14:14">
      <c r="N776345" s="10"/>
    </row>
    <row r="776346" spans="14:14">
      <c r="N776346" s="10"/>
    </row>
    <row r="776347" spans="14:14">
      <c r="N776347" s="10"/>
    </row>
    <row r="776348" spans="14:14">
      <c r="N776348" s="10"/>
    </row>
    <row r="776349" spans="14:14">
      <c r="N776349" s="10"/>
    </row>
    <row r="776350" spans="14:14">
      <c r="N776350" s="10"/>
    </row>
    <row r="776351" spans="14:14">
      <c r="N776351" s="10"/>
    </row>
    <row r="776352" spans="14:14">
      <c r="N776352" s="10"/>
    </row>
    <row r="776353" spans="14:14">
      <c r="N776353" s="10"/>
    </row>
    <row r="776354" spans="14:14">
      <c r="N776354" s="10"/>
    </row>
    <row r="776355" spans="14:14">
      <c r="N776355" s="10"/>
    </row>
    <row r="776356" spans="14:14">
      <c r="N776356" s="10"/>
    </row>
    <row r="776357" spans="14:14">
      <c r="N776357" s="10"/>
    </row>
    <row r="776358" spans="14:14">
      <c r="N776358" s="10"/>
    </row>
    <row r="776359" spans="14:14">
      <c r="N776359" s="10"/>
    </row>
    <row r="776360" spans="14:14">
      <c r="N776360" s="10"/>
    </row>
    <row r="776361" spans="14:14">
      <c r="N776361" s="10"/>
    </row>
    <row r="776362" spans="14:14">
      <c r="N776362" s="10"/>
    </row>
    <row r="776363" spans="14:14">
      <c r="N776363" s="10"/>
    </row>
    <row r="776364" spans="14:14">
      <c r="N776364" s="10"/>
    </row>
    <row r="776365" spans="14:14">
      <c r="N776365" s="10"/>
    </row>
    <row r="776366" spans="14:14">
      <c r="N776366" s="10"/>
    </row>
    <row r="776367" spans="14:14">
      <c r="N776367" s="10"/>
    </row>
    <row r="776368" spans="14:14">
      <c r="N776368" s="10"/>
    </row>
    <row r="776369" spans="14:14">
      <c r="N776369" s="10"/>
    </row>
    <row r="776370" spans="14:14">
      <c r="N776370" s="10"/>
    </row>
    <row r="776371" spans="14:14">
      <c r="N776371" s="10"/>
    </row>
    <row r="776372" spans="14:14">
      <c r="N776372" s="10"/>
    </row>
    <row r="776373" spans="14:14">
      <c r="N776373" s="10"/>
    </row>
    <row r="776374" spans="14:14">
      <c r="N776374" s="10"/>
    </row>
    <row r="776375" spans="14:14">
      <c r="N776375" s="10"/>
    </row>
    <row r="776376" spans="14:14">
      <c r="N776376" s="10"/>
    </row>
    <row r="776377" spans="14:14">
      <c r="N776377" s="10"/>
    </row>
    <row r="776378" spans="14:14">
      <c r="N776378" s="10"/>
    </row>
    <row r="776379" spans="14:14">
      <c r="N776379" s="10"/>
    </row>
    <row r="776380" spans="14:14">
      <c r="N776380" s="10"/>
    </row>
    <row r="776381" spans="14:14">
      <c r="N776381" s="10"/>
    </row>
    <row r="776382" spans="14:14">
      <c r="N776382" s="10"/>
    </row>
    <row r="776383" spans="14:14">
      <c r="N776383" s="10"/>
    </row>
    <row r="776384" spans="14:14">
      <c r="N776384" s="10"/>
    </row>
    <row r="776385" spans="14:14">
      <c r="N776385" s="10"/>
    </row>
    <row r="776386" spans="14:14">
      <c r="N776386" s="10"/>
    </row>
    <row r="776387" spans="14:14">
      <c r="N776387" s="10"/>
    </row>
    <row r="776388" spans="14:14">
      <c r="N776388" s="10"/>
    </row>
    <row r="776389" spans="14:14">
      <c r="N776389" s="10"/>
    </row>
    <row r="776390" spans="14:14">
      <c r="N776390" s="10"/>
    </row>
    <row r="776391" spans="14:14">
      <c r="N776391" s="10"/>
    </row>
    <row r="776392" spans="14:14">
      <c r="N776392" s="10"/>
    </row>
    <row r="776393" spans="14:14">
      <c r="N776393" s="10"/>
    </row>
    <row r="776394" spans="14:14">
      <c r="N776394" s="10"/>
    </row>
    <row r="776395" spans="14:14">
      <c r="N776395" s="10"/>
    </row>
    <row r="776396" spans="14:14">
      <c r="N776396" s="10"/>
    </row>
    <row r="776397" spans="14:14">
      <c r="N776397" s="10"/>
    </row>
    <row r="776398" spans="14:14">
      <c r="N776398" s="10"/>
    </row>
    <row r="776399" spans="14:14">
      <c r="N776399" s="10"/>
    </row>
    <row r="776400" spans="14:14">
      <c r="N776400" s="10"/>
    </row>
    <row r="776401" spans="14:14">
      <c r="N776401" s="10"/>
    </row>
    <row r="776402" spans="14:14">
      <c r="N776402" s="10"/>
    </row>
    <row r="776403" spans="14:14">
      <c r="N776403" s="10"/>
    </row>
    <row r="776404" spans="14:14">
      <c r="N776404" s="10"/>
    </row>
    <row r="776405" spans="14:14">
      <c r="N776405" s="10"/>
    </row>
    <row r="776406" spans="14:14">
      <c r="N776406" s="10"/>
    </row>
    <row r="776407" spans="14:14">
      <c r="N776407" s="10"/>
    </row>
    <row r="776408" spans="14:14">
      <c r="N776408" s="10"/>
    </row>
    <row r="776409" spans="14:14">
      <c r="N776409" s="10"/>
    </row>
    <row r="776410" spans="14:14">
      <c r="N776410" s="10"/>
    </row>
    <row r="776411" spans="14:14">
      <c r="N776411" s="10"/>
    </row>
    <row r="776412" spans="14:14">
      <c r="N776412" s="10"/>
    </row>
    <row r="776413" spans="14:14">
      <c r="N776413" s="10"/>
    </row>
    <row r="776414" spans="14:14">
      <c r="N776414" s="10"/>
    </row>
    <row r="776415" spans="14:14">
      <c r="N776415" s="10"/>
    </row>
    <row r="776416" spans="14:14">
      <c r="N776416" s="10"/>
    </row>
    <row r="776417" spans="14:14">
      <c r="N776417" s="10"/>
    </row>
    <row r="776418" spans="14:14">
      <c r="N776418" s="10"/>
    </row>
    <row r="776419" spans="14:14">
      <c r="N776419" s="10"/>
    </row>
    <row r="776420" spans="14:14">
      <c r="N776420" s="10"/>
    </row>
    <row r="776421" spans="14:14">
      <c r="N776421" s="10"/>
    </row>
    <row r="776422" spans="14:14">
      <c r="N776422" s="10"/>
    </row>
    <row r="776423" spans="14:14">
      <c r="N776423" s="10"/>
    </row>
    <row r="776424" spans="14:14">
      <c r="N776424" s="10"/>
    </row>
    <row r="776425" spans="14:14">
      <c r="N776425" s="10"/>
    </row>
    <row r="776426" spans="14:14">
      <c r="N776426" s="10"/>
    </row>
    <row r="776427" spans="14:14">
      <c r="N776427" s="10"/>
    </row>
    <row r="776428" spans="14:14">
      <c r="N776428" s="10"/>
    </row>
    <row r="776429" spans="14:14">
      <c r="N776429" s="10"/>
    </row>
    <row r="776430" spans="14:14">
      <c r="N776430" s="10"/>
    </row>
    <row r="776431" spans="14:14">
      <c r="N776431" s="10"/>
    </row>
    <row r="776432" spans="14:14">
      <c r="N776432" s="10"/>
    </row>
    <row r="776433" spans="14:14">
      <c r="N776433" s="10"/>
    </row>
    <row r="776434" spans="14:14">
      <c r="N776434" s="10"/>
    </row>
    <row r="776435" spans="14:14">
      <c r="N776435" s="10"/>
    </row>
    <row r="776436" spans="14:14">
      <c r="N776436" s="10"/>
    </row>
    <row r="776437" spans="14:14">
      <c r="N776437" s="10"/>
    </row>
    <row r="776438" spans="14:14">
      <c r="N776438" s="10"/>
    </row>
    <row r="776439" spans="14:14">
      <c r="N776439" s="10"/>
    </row>
    <row r="776440" spans="14:14">
      <c r="N776440" s="10"/>
    </row>
    <row r="776441" spans="14:14">
      <c r="N776441" s="10"/>
    </row>
    <row r="776442" spans="14:14">
      <c r="N776442" s="10"/>
    </row>
    <row r="776443" spans="14:14">
      <c r="N776443" s="10"/>
    </row>
    <row r="776444" spans="14:14">
      <c r="N776444" s="10"/>
    </row>
    <row r="776445" spans="14:14">
      <c r="N776445" s="10"/>
    </row>
    <row r="776446" spans="14:14">
      <c r="N776446" s="10"/>
    </row>
    <row r="776447" spans="14:14">
      <c r="N776447" s="10"/>
    </row>
    <row r="776448" spans="14:14">
      <c r="N776448" s="10"/>
    </row>
    <row r="776449" spans="14:14">
      <c r="N776449" s="10"/>
    </row>
    <row r="776450" spans="14:14">
      <c r="N776450" s="10"/>
    </row>
    <row r="776451" spans="14:14">
      <c r="N776451" s="10"/>
    </row>
    <row r="776452" spans="14:14">
      <c r="N776452" s="10"/>
    </row>
    <row r="776453" spans="14:14">
      <c r="N776453" s="10"/>
    </row>
    <row r="776454" spans="14:14">
      <c r="N776454" s="10"/>
    </row>
    <row r="776455" spans="14:14">
      <c r="N776455" s="10"/>
    </row>
    <row r="776456" spans="14:14">
      <c r="N776456" s="10"/>
    </row>
    <row r="776457" spans="14:14">
      <c r="N776457" s="10"/>
    </row>
    <row r="776458" spans="14:14">
      <c r="N776458" s="10"/>
    </row>
    <row r="776459" spans="14:14">
      <c r="N776459" s="10"/>
    </row>
    <row r="776460" spans="14:14">
      <c r="N776460" s="10"/>
    </row>
    <row r="776461" spans="14:14">
      <c r="N776461" s="10"/>
    </row>
    <row r="776462" spans="14:14">
      <c r="N776462" s="10"/>
    </row>
    <row r="776463" spans="14:14">
      <c r="N776463" s="10"/>
    </row>
    <row r="776464" spans="14:14">
      <c r="N776464" s="10"/>
    </row>
    <row r="776465" spans="14:14">
      <c r="N776465" s="10"/>
    </row>
    <row r="776466" spans="14:14">
      <c r="N776466" s="10"/>
    </row>
    <row r="776467" spans="14:14">
      <c r="N776467" s="10"/>
    </row>
    <row r="776468" spans="14:14">
      <c r="N776468" s="10"/>
    </row>
    <row r="776469" spans="14:14">
      <c r="N776469" s="10"/>
    </row>
    <row r="776470" spans="14:14">
      <c r="N776470" s="10"/>
    </row>
    <row r="776471" spans="14:14">
      <c r="N776471" s="10"/>
    </row>
    <row r="776472" spans="14:14">
      <c r="N776472" s="10"/>
    </row>
    <row r="776473" spans="14:14">
      <c r="N776473" s="10"/>
    </row>
    <row r="776474" spans="14:14">
      <c r="N776474" s="10"/>
    </row>
    <row r="776475" spans="14:14">
      <c r="N776475" s="10"/>
    </row>
    <row r="776476" spans="14:14">
      <c r="N776476" s="10"/>
    </row>
    <row r="776477" spans="14:14">
      <c r="N776477" s="10"/>
    </row>
    <row r="776478" spans="14:14">
      <c r="N776478" s="10"/>
    </row>
    <row r="776479" spans="14:14">
      <c r="N776479" s="10"/>
    </row>
    <row r="776480" spans="14:14">
      <c r="N776480" s="10"/>
    </row>
    <row r="776481" spans="14:14">
      <c r="N776481" s="10"/>
    </row>
    <row r="776482" spans="14:14">
      <c r="N776482" s="10"/>
    </row>
    <row r="776483" spans="14:14">
      <c r="N776483" s="10"/>
    </row>
    <row r="776484" spans="14:14">
      <c r="N776484" s="10"/>
    </row>
    <row r="776485" spans="14:14">
      <c r="N776485" s="10"/>
    </row>
    <row r="776486" spans="14:14">
      <c r="N776486" s="10"/>
    </row>
    <row r="776487" spans="14:14">
      <c r="N776487" s="10"/>
    </row>
    <row r="776488" spans="14:14">
      <c r="N776488" s="10"/>
    </row>
    <row r="776489" spans="14:14">
      <c r="N776489" s="10"/>
    </row>
    <row r="776490" spans="14:14">
      <c r="N776490" s="10"/>
    </row>
    <row r="776491" spans="14:14">
      <c r="N776491" s="10"/>
    </row>
    <row r="776492" spans="14:14">
      <c r="N776492" s="10"/>
    </row>
    <row r="776493" spans="14:14">
      <c r="N776493" s="10"/>
    </row>
    <row r="776494" spans="14:14">
      <c r="N776494" s="10"/>
    </row>
    <row r="776495" spans="14:14">
      <c r="N776495" s="10"/>
    </row>
    <row r="776496" spans="14:14">
      <c r="N776496" s="10"/>
    </row>
    <row r="776497" spans="14:14">
      <c r="N776497" s="10"/>
    </row>
    <row r="776498" spans="14:14">
      <c r="N776498" s="10"/>
    </row>
    <row r="776499" spans="14:14">
      <c r="N776499" s="10"/>
    </row>
    <row r="776500" spans="14:14">
      <c r="N776500" s="10"/>
    </row>
    <row r="776501" spans="14:14">
      <c r="N776501" s="10"/>
    </row>
    <row r="776502" spans="14:14">
      <c r="N776502" s="10"/>
    </row>
    <row r="776503" spans="14:14">
      <c r="N776503" s="10"/>
    </row>
    <row r="776504" spans="14:14">
      <c r="N776504" s="10"/>
    </row>
    <row r="776505" spans="14:14">
      <c r="N776505" s="10"/>
    </row>
    <row r="776506" spans="14:14">
      <c r="N776506" s="10"/>
    </row>
    <row r="776507" spans="14:14">
      <c r="N776507" s="10"/>
    </row>
    <row r="776508" spans="14:14">
      <c r="N776508" s="10"/>
    </row>
    <row r="776509" spans="14:14">
      <c r="N776509" s="10"/>
    </row>
    <row r="776510" spans="14:14">
      <c r="N776510" s="10"/>
    </row>
    <row r="776511" spans="14:14">
      <c r="N776511" s="10"/>
    </row>
    <row r="776512" spans="14:14">
      <c r="N776512" s="10"/>
    </row>
    <row r="776513" spans="14:14">
      <c r="N776513" s="10"/>
    </row>
    <row r="776514" spans="14:14">
      <c r="N776514" s="10"/>
    </row>
    <row r="776515" spans="14:14">
      <c r="N776515" s="10"/>
    </row>
    <row r="776516" spans="14:14">
      <c r="N776516" s="10"/>
    </row>
    <row r="776517" spans="14:14">
      <c r="N776517" s="10"/>
    </row>
    <row r="776518" spans="14:14">
      <c r="N776518" s="10"/>
    </row>
    <row r="776519" spans="14:14">
      <c r="N776519" s="10"/>
    </row>
    <row r="776520" spans="14:14">
      <c r="N776520" s="10"/>
    </row>
    <row r="776521" spans="14:14">
      <c r="N776521" s="10"/>
    </row>
    <row r="776522" spans="14:14">
      <c r="N776522" s="10"/>
    </row>
    <row r="776523" spans="14:14">
      <c r="N776523" s="10"/>
    </row>
    <row r="776524" spans="14:14">
      <c r="N776524" s="10"/>
    </row>
    <row r="776525" spans="14:14">
      <c r="N776525" s="10"/>
    </row>
    <row r="776526" spans="14:14">
      <c r="N776526" s="10"/>
    </row>
    <row r="776527" spans="14:14">
      <c r="N776527" s="10"/>
    </row>
    <row r="776528" spans="14:14">
      <c r="N776528" s="10"/>
    </row>
    <row r="776529" spans="14:14">
      <c r="N776529" s="10"/>
    </row>
    <row r="776530" spans="14:14">
      <c r="N776530" s="10"/>
    </row>
    <row r="776531" spans="14:14">
      <c r="N776531" s="10"/>
    </row>
    <row r="776532" spans="14:14">
      <c r="N776532" s="10"/>
    </row>
    <row r="776533" spans="14:14">
      <c r="N776533" s="10"/>
    </row>
    <row r="776534" spans="14:14">
      <c r="N776534" s="10"/>
    </row>
    <row r="776535" spans="14:14">
      <c r="N776535" s="10"/>
    </row>
    <row r="776536" spans="14:14">
      <c r="N776536" s="10"/>
    </row>
    <row r="776537" spans="14:14">
      <c r="N776537" s="10"/>
    </row>
    <row r="776538" spans="14:14">
      <c r="N776538" s="10"/>
    </row>
    <row r="776539" spans="14:14">
      <c r="N776539" s="10"/>
    </row>
    <row r="776540" spans="14:14">
      <c r="N776540" s="10"/>
    </row>
    <row r="776541" spans="14:14">
      <c r="N776541" s="10"/>
    </row>
    <row r="776542" spans="14:14">
      <c r="N776542" s="10"/>
    </row>
    <row r="776543" spans="14:14">
      <c r="N776543" s="10"/>
    </row>
    <row r="776544" spans="14:14">
      <c r="N776544" s="10"/>
    </row>
    <row r="776545" spans="14:14">
      <c r="N776545" s="10"/>
    </row>
    <row r="776546" spans="14:14">
      <c r="N776546" s="10"/>
    </row>
    <row r="776547" spans="14:14">
      <c r="N776547" s="10"/>
    </row>
    <row r="776548" spans="14:14">
      <c r="N776548" s="10"/>
    </row>
    <row r="776549" spans="14:14">
      <c r="N776549" s="10"/>
    </row>
    <row r="776550" spans="14:14">
      <c r="N776550" s="10"/>
    </row>
    <row r="776551" spans="14:14">
      <c r="N776551" s="10"/>
    </row>
    <row r="776552" spans="14:14">
      <c r="N776552" s="10"/>
    </row>
    <row r="776553" spans="14:14">
      <c r="N776553" s="10"/>
    </row>
    <row r="776554" spans="14:14">
      <c r="N776554" s="10"/>
    </row>
    <row r="776555" spans="14:14">
      <c r="N776555" s="10"/>
    </row>
    <row r="776556" spans="14:14">
      <c r="N776556" s="10"/>
    </row>
    <row r="776557" spans="14:14">
      <c r="N776557" s="10"/>
    </row>
    <row r="776558" spans="14:14">
      <c r="N776558" s="10"/>
    </row>
    <row r="776559" spans="14:14">
      <c r="N776559" s="10"/>
    </row>
    <row r="776560" spans="14:14">
      <c r="N776560" s="10"/>
    </row>
    <row r="776561" spans="14:14">
      <c r="N776561" s="10"/>
    </row>
    <row r="776562" spans="14:14">
      <c r="N776562" s="10"/>
    </row>
    <row r="776563" spans="14:14">
      <c r="N776563" s="10"/>
    </row>
    <row r="776564" spans="14:14">
      <c r="N776564" s="10"/>
    </row>
    <row r="776565" spans="14:14">
      <c r="N776565" s="10"/>
    </row>
    <row r="776566" spans="14:14">
      <c r="N776566" s="10"/>
    </row>
    <row r="776567" spans="14:14">
      <c r="N776567" s="10"/>
    </row>
    <row r="776568" spans="14:14">
      <c r="N776568" s="10"/>
    </row>
    <row r="776569" spans="14:14">
      <c r="N776569" s="10"/>
    </row>
    <row r="776570" spans="14:14">
      <c r="N776570" s="10"/>
    </row>
    <row r="776571" spans="14:14">
      <c r="N776571" s="10"/>
    </row>
    <row r="776572" spans="14:14">
      <c r="N776572" s="10"/>
    </row>
    <row r="776573" spans="14:14">
      <c r="N776573" s="10"/>
    </row>
    <row r="776574" spans="14:14">
      <c r="N776574" s="10"/>
    </row>
    <row r="776575" spans="14:14">
      <c r="N776575" s="10"/>
    </row>
    <row r="776576" spans="14:14">
      <c r="N776576" s="10"/>
    </row>
    <row r="776577" spans="14:14">
      <c r="N776577" s="10"/>
    </row>
    <row r="776578" spans="14:14">
      <c r="N776578" s="10"/>
    </row>
    <row r="776579" spans="14:14">
      <c r="N776579" s="10"/>
    </row>
    <row r="776580" spans="14:14">
      <c r="N776580" s="10"/>
    </row>
    <row r="776581" spans="14:14">
      <c r="N776581" s="10"/>
    </row>
    <row r="776582" spans="14:14">
      <c r="N776582" s="10"/>
    </row>
    <row r="776583" spans="14:14">
      <c r="N776583" s="10"/>
    </row>
    <row r="776584" spans="14:14">
      <c r="N776584" s="10"/>
    </row>
    <row r="776585" spans="14:14">
      <c r="N776585" s="10"/>
    </row>
    <row r="776586" spans="14:14">
      <c r="N776586" s="10"/>
    </row>
    <row r="776587" spans="14:14">
      <c r="N776587" s="10"/>
    </row>
    <row r="776588" spans="14:14">
      <c r="N776588" s="10"/>
    </row>
    <row r="776589" spans="14:14">
      <c r="N776589" s="10"/>
    </row>
    <row r="776590" spans="14:14">
      <c r="N776590" s="10"/>
    </row>
    <row r="776591" spans="14:14">
      <c r="N776591" s="10"/>
    </row>
    <row r="776592" spans="14:14">
      <c r="N776592" s="10"/>
    </row>
    <row r="776593" spans="14:14">
      <c r="N776593" s="10"/>
    </row>
    <row r="776594" spans="14:14">
      <c r="N776594" s="10"/>
    </row>
    <row r="776595" spans="14:14">
      <c r="N776595" s="10"/>
    </row>
    <row r="776596" spans="14:14">
      <c r="N776596" s="10"/>
    </row>
    <row r="776597" spans="14:14">
      <c r="N776597" s="10"/>
    </row>
    <row r="776598" spans="14:14">
      <c r="N776598" s="10"/>
    </row>
    <row r="776599" spans="14:14">
      <c r="N776599" s="10"/>
    </row>
    <row r="776600" spans="14:14">
      <c r="N776600" s="10"/>
    </row>
    <row r="776601" spans="14:14">
      <c r="N776601" s="10"/>
    </row>
    <row r="776602" spans="14:14">
      <c r="N776602" s="10"/>
    </row>
    <row r="776603" spans="14:14">
      <c r="N776603" s="10"/>
    </row>
    <row r="776604" spans="14:14">
      <c r="N776604" s="10"/>
    </row>
    <row r="776605" spans="14:14">
      <c r="N776605" s="10"/>
    </row>
    <row r="776606" spans="14:14">
      <c r="N776606" s="10"/>
    </row>
    <row r="776607" spans="14:14">
      <c r="N776607" s="10"/>
    </row>
    <row r="776608" spans="14:14">
      <c r="N776608" s="10"/>
    </row>
    <row r="776609" spans="14:14">
      <c r="N776609" s="10"/>
    </row>
    <row r="776610" spans="14:14">
      <c r="N776610" s="10"/>
    </row>
    <row r="776611" spans="14:14">
      <c r="N776611" s="10"/>
    </row>
    <row r="776612" spans="14:14">
      <c r="N776612" s="10"/>
    </row>
    <row r="776613" spans="14:14">
      <c r="N776613" s="10"/>
    </row>
    <row r="776614" spans="14:14">
      <c r="N776614" s="10"/>
    </row>
    <row r="776615" spans="14:14">
      <c r="N776615" s="10"/>
    </row>
    <row r="776616" spans="14:14">
      <c r="N776616" s="10"/>
    </row>
    <row r="776617" spans="14:14">
      <c r="N776617" s="10"/>
    </row>
    <row r="776618" spans="14:14">
      <c r="N776618" s="10"/>
    </row>
    <row r="776619" spans="14:14">
      <c r="N776619" s="10"/>
    </row>
    <row r="776620" spans="14:14">
      <c r="N776620" s="10"/>
    </row>
    <row r="776621" spans="14:14">
      <c r="N776621" s="10"/>
    </row>
    <row r="776622" spans="14:14">
      <c r="N776622" s="10"/>
    </row>
    <row r="776623" spans="14:14">
      <c r="N776623" s="10"/>
    </row>
    <row r="776624" spans="14:14">
      <c r="N776624" s="10"/>
    </row>
    <row r="776625" spans="14:14">
      <c r="N776625" s="10"/>
    </row>
    <row r="776626" spans="14:14">
      <c r="N776626" s="10"/>
    </row>
    <row r="776627" spans="14:14">
      <c r="N776627" s="10"/>
    </row>
    <row r="776628" spans="14:14">
      <c r="N776628" s="10"/>
    </row>
    <row r="776629" spans="14:14">
      <c r="N776629" s="10"/>
    </row>
    <row r="776630" spans="14:14">
      <c r="N776630" s="10"/>
    </row>
    <row r="776631" spans="14:14">
      <c r="N776631" s="10"/>
    </row>
    <row r="776632" spans="14:14">
      <c r="N776632" s="10"/>
    </row>
    <row r="776633" spans="14:14">
      <c r="N776633" s="10"/>
    </row>
    <row r="776634" spans="14:14">
      <c r="N776634" s="10"/>
    </row>
    <row r="776635" spans="14:14">
      <c r="N776635" s="10"/>
    </row>
    <row r="776636" spans="14:14">
      <c r="N776636" s="10"/>
    </row>
    <row r="776637" spans="14:14">
      <c r="N776637" s="10"/>
    </row>
    <row r="776638" spans="14:14">
      <c r="N776638" s="10"/>
    </row>
    <row r="776639" spans="14:14">
      <c r="N776639" s="10"/>
    </row>
    <row r="776640" spans="14:14">
      <c r="N776640" s="10"/>
    </row>
    <row r="776641" spans="14:14">
      <c r="N776641" s="10"/>
    </row>
    <row r="776642" spans="14:14">
      <c r="N776642" s="10"/>
    </row>
    <row r="776643" spans="14:14">
      <c r="N776643" s="10"/>
    </row>
    <row r="776644" spans="14:14">
      <c r="N776644" s="10"/>
    </row>
    <row r="776645" spans="14:14">
      <c r="N776645" s="10"/>
    </row>
    <row r="776646" spans="14:14">
      <c r="N776646" s="10"/>
    </row>
    <row r="776647" spans="14:14">
      <c r="N776647" s="10"/>
    </row>
    <row r="776648" spans="14:14">
      <c r="N776648" s="10"/>
    </row>
    <row r="776649" spans="14:14">
      <c r="N776649" s="10"/>
    </row>
    <row r="776650" spans="14:14">
      <c r="N776650" s="10"/>
    </row>
    <row r="776651" spans="14:14">
      <c r="N776651" s="10"/>
    </row>
    <row r="776652" spans="14:14">
      <c r="N776652" s="10"/>
    </row>
    <row r="776653" spans="14:14">
      <c r="N776653" s="10"/>
    </row>
    <row r="776654" spans="14:14">
      <c r="N776654" s="10"/>
    </row>
    <row r="776655" spans="14:14">
      <c r="N776655" s="10"/>
    </row>
    <row r="776656" spans="14:14">
      <c r="N776656" s="10"/>
    </row>
    <row r="776657" spans="14:14">
      <c r="N776657" s="10"/>
    </row>
    <row r="776658" spans="14:14">
      <c r="N776658" s="10"/>
    </row>
    <row r="776659" spans="14:14">
      <c r="N776659" s="10"/>
    </row>
    <row r="776660" spans="14:14">
      <c r="N776660" s="10"/>
    </row>
    <row r="776661" spans="14:14">
      <c r="N776661" s="10"/>
    </row>
    <row r="776662" spans="14:14">
      <c r="N776662" s="10"/>
    </row>
    <row r="776663" spans="14:14">
      <c r="N776663" s="10"/>
    </row>
    <row r="776664" spans="14:14">
      <c r="N776664" s="10"/>
    </row>
    <row r="776665" spans="14:14">
      <c r="N776665" s="10"/>
    </row>
    <row r="776666" spans="14:14">
      <c r="N776666" s="10"/>
    </row>
    <row r="776667" spans="14:14">
      <c r="N776667" s="10"/>
    </row>
    <row r="776668" spans="14:14">
      <c r="N776668" s="10"/>
    </row>
    <row r="776669" spans="14:14">
      <c r="N776669" s="10"/>
    </row>
    <row r="776670" spans="14:14">
      <c r="N776670" s="10"/>
    </row>
    <row r="776671" spans="14:14">
      <c r="N776671" s="10"/>
    </row>
    <row r="776672" spans="14:14">
      <c r="N776672" s="10"/>
    </row>
    <row r="776673" spans="14:14">
      <c r="N776673" s="10"/>
    </row>
    <row r="776674" spans="14:14">
      <c r="N776674" s="10"/>
    </row>
    <row r="776675" spans="14:14">
      <c r="N776675" s="10"/>
    </row>
    <row r="776676" spans="14:14">
      <c r="N776676" s="10"/>
    </row>
    <row r="776677" spans="14:14">
      <c r="N776677" s="10"/>
    </row>
    <row r="776678" spans="14:14">
      <c r="N776678" s="10"/>
    </row>
    <row r="776679" spans="14:14">
      <c r="N776679" s="10"/>
    </row>
    <row r="776680" spans="14:14">
      <c r="N776680" s="10"/>
    </row>
    <row r="776681" spans="14:14">
      <c r="N776681" s="10"/>
    </row>
    <row r="776682" spans="14:14">
      <c r="N776682" s="10"/>
    </row>
    <row r="776683" spans="14:14">
      <c r="N776683" s="10"/>
    </row>
    <row r="776684" spans="14:14">
      <c r="N776684" s="10"/>
    </row>
    <row r="776685" spans="14:14">
      <c r="N776685" s="10"/>
    </row>
    <row r="776686" spans="14:14">
      <c r="N776686" s="10"/>
    </row>
    <row r="776687" spans="14:14">
      <c r="N776687" s="10"/>
    </row>
    <row r="776688" spans="14:14">
      <c r="N776688" s="10"/>
    </row>
    <row r="776689" spans="14:14">
      <c r="N776689" s="10"/>
    </row>
    <row r="776690" spans="14:14">
      <c r="N776690" s="10"/>
    </row>
    <row r="776691" spans="14:14">
      <c r="N776691" s="10"/>
    </row>
    <row r="776692" spans="14:14">
      <c r="N776692" s="10"/>
    </row>
    <row r="776693" spans="14:14">
      <c r="N776693" s="10"/>
    </row>
    <row r="776694" spans="14:14">
      <c r="N776694" s="10"/>
    </row>
    <row r="776695" spans="14:14">
      <c r="N776695" s="10"/>
    </row>
    <row r="776696" spans="14:14">
      <c r="N776696" s="10"/>
    </row>
    <row r="776697" spans="14:14">
      <c r="N776697" s="10"/>
    </row>
    <row r="776698" spans="14:14">
      <c r="N776698" s="10"/>
    </row>
    <row r="776699" spans="14:14">
      <c r="N776699" s="10"/>
    </row>
    <row r="776700" spans="14:14">
      <c r="N776700" s="10"/>
    </row>
    <row r="776701" spans="14:14">
      <c r="N776701" s="10"/>
    </row>
    <row r="776702" spans="14:14">
      <c r="N776702" s="10"/>
    </row>
    <row r="776703" spans="14:14">
      <c r="N776703" s="10"/>
    </row>
    <row r="776704" spans="14:14">
      <c r="N776704" s="10"/>
    </row>
    <row r="776705" spans="14:14">
      <c r="N776705" s="10"/>
    </row>
    <row r="776706" spans="14:14">
      <c r="N776706" s="10"/>
    </row>
    <row r="776707" spans="14:14">
      <c r="N776707" s="10"/>
    </row>
    <row r="776708" spans="14:14">
      <c r="N776708" s="10"/>
    </row>
    <row r="776709" spans="14:14">
      <c r="N776709" s="10"/>
    </row>
    <row r="776710" spans="14:14">
      <c r="N776710" s="10"/>
    </row>
    <row r="776711" spans="14:14">
      <c r="N776711" s="10"/>
    </row>
    <row r="776712" spans="14:14">
      <c r="N776712" s="10"/>
    </row>
    <row r="776713" spans="14:14">
      <c r="N776713" s="10"/>
    </row>
    <row r="776714" spans="14:14">
      <c r="N776714" s="10"/>
    </row>
    <row r="776715" spans="14:14">
      <c r="N776715" s="10"/>
    </row>
    <row r="776716" spans="14:14">
      <c r="N776716" s="10"/>
    </row>
    <row r="776717" spans="14:14">
      <c r="N776717" s="10"/>
    </row>
    <row r="776718" spans="14:14">
      <c r="N776718" s="10"/>
    </row>
    <row r="776719" spans="14:14">
      <c r="N776719" s="10"/>
    </row>
    <row r="776720" spans="14:14">
      <c r="N776720" s="10"/>
    </row>
    <row r="776721" spans="14:14">
      <c r="N776721" s="10"/>
    </row>
    <row r="776722" spans="14:14">
      <c r="N776722" s="10"/>
    </row>
    <row r="776723" spans="14:14">
      <c r="N776723" s="10"/>
    </row>
    <row r="776724" spans="14:14">
      <c r="N776724" s="10"/>
    </row>
    <row r="776725" spans="14:14">
      <c r="N776725" s="10"/>
    </row>
    <row r="776726" spans="14:14">
      <c r="N776726" s="10"/>
    </row>
    <row r="776727" spans="14:14">
      <c r="N776727" s="10"/>
    </row>
    <row r="776728" spans="14:14">
      <c r="N776728" s="10"/>
    </row>
    <row r="776729" spans="14:14">
      <c r="N776729" s="10"/>
    </row>
    <row r="776730" spans="14:14">
      <c r="N776730" s="10"/>
    </row>
    <row r="776731" spans="14:14">
      <c r="N776731" s="10"/>
    </row>
    <row r="776732" spans="14:14">
      <c r="N776732" s="10"/>
    </row>
    <row r="776733" spans="14:14">
      <c r="N776733" s="10"/>
    </row>
    <row r="776734" spans="14:14">
      <c r="N776734" s="10"/>
    </row>
    <row r="776735" spans="14:14">
      <c r="N776735" s="10"/>
    </row>
    <row r="776736" spans="14:14">
      <c r="N776736" s="10"/>
    </row>
    <row r="776737" spans="14:14">
      <c r="N776737" s="10"/>
    </row>
    <row r="776738" spans="14:14">
      <c r="N776738" s="10"/>
    </row>
    <row r="776739" spans="14:14">
      <c r="N776739" s="10"/>
    </row>
    <row r="776740" spans="14:14">
      <c r="N776740" s="10"/>
    </row>
    <row r="776741" spans="14:14">
      <c r="N776741" s="10"/>
    </row>
    <row r="776742" spans="14:14">
      <c r="N776742" s="10"/>
    </row>
    <row r="776743" spans="14:14">
      <c r="N776743" s="10"/>
    </row>
    <row r="776744" spans="14:14">
      <c r="N776744" s="10"/>
    </row>
    <row r="776745" spans="14:14">
      <c r="N776745" s="10"/>
    </row>
    <row r="776746" spans="14:14">
      <c r="N776746" s="10"/>
    </row>
    <row r="776747" spans="14:14">
      <c r="N776747" s="10"/>
    </row>
    <row r="776748" spans="14:14">
      <c r="N776748" s="10"/>
    </row>
    <row r="776749" spans="14:14">
      <c r="N776749" s="10"/>
    </row>
    <row r="776750" spans="14:14">
      <c r="N776750" s="10"/>
    </row>
    <row r="776751" spans="14:14">
      <c r="N776751" s="10"/>
    </row>
    <row r="776752" spans="14:14">
      <c r="N776752" s="10"/>
    </row>
    <row r="776753" spans="14:14">
      <c r="N776753" s="10"/>
    </row>
    <row r="776754" spans="14:14">
      <c r="N776754" s="10"/>
    </row>
    <row r="776755" spans="14:14">
      <c r="N776755" s="10"/>
    </row>
    <row r="776756" spans="14:14">
      <c r="N776756" s="10"/>
    </row>
    <row r="776757" spans="14:14">
      <c r="N776757" s="10"/>
    </row>
    <row r="776758" spans="14:14">
      <c r="N776758" s="10"/>
    </row>
    <row r="776759" spans="14:14">
      <c r="N776759" s="10"/>
    </row>
    <row r="776760" spans="14:14">
      <c r="N776760" s="10"/>
    </row>
    <row r="776761" spans="14:14">
      <c r="N776761" s="10"/>
    </row>
    <row r="776762" spans="14:14">
      <c r="N776762" s="10"/>
    </row>
    <row r="776763" spans="14:14">
      <c r="N776763" s="10"/>
    </row>
    <row r="776764" spans="14:14">
      <c r="N776764" s="10"/>
    </row>
    <row r="776765" spans="14:14">
      <c r="N776765" s="10"/>
    </row>
    <row r="776766" spans="14:14">
      <c r="N776766" s="10"/>
    </row>
    <row r="776767" spans="14:14">
      <c r="N776767" s="10"/>
    </row>
    <row r="776768" spans="14:14">
      <c r="N776768" s="10"/>
    </row>
    <row r="776769" spans="14:14">
      <c r="N776769" s="10"/>
    </row>
    <row r="776770" spans="14:14">
      <c r="N776770" s="10"/>
    </row>
    <row r="776771" spans="14:14">
      <c r="N776771" s="10"/>
    </row>
    <row r="776772" spans="14:14">
      <c r="N776772" s="10"/>
    </row>
    <row r="776773" spans="14:14">
      <c r="N776773" s="10"/>
    </row>
    <row r="776774" spans="14:14">
      <c r="N776774" s="10"/>
    </row>
    <row r="776775" spans="14:14">
      <c r="N776775" s="10"/>
    </row>
    <row r="776776" spans="14:14">
      <c r="N776776" s="10"/>
    </row>
    <row r="776777" spans="14:14">
      <c r="N776777" s="10"/>
    </row>
    <row r="776778" spans="14:14">
      <c r="N776778" s="10"/>
    </row>
    <row r="776779" spans="14:14">
      <c r="N776779" s="10"/>
    </row>
    <row r="776780" spans="14:14">
      <c r="N776780" s="10"/>
    </row>
    <row r="776781" spans="14:14">
      <c r="N776781" s="10"/>
    </row>
    <row r="776782" spans="14:14">
      <c r="N776782" s="10"/>
    </row>
    <row r="776783" spans="14:14">
      <c r="N776783" s="10"/>
    </row>
    <row r="776784" spans="14:14">
      <c r="N776784" s="10"/>
    </row>
    <row r="776785" spans="14:14">
      <c r="N776785" s="10"/>
    </row>
    <row r="776786" spans="14:14">
      <c r="N776786" s="10"/>
    </row>
    <row r="776787" spans="14:14">
      <c r="N776787" s="10"/>
    </row>
    <row r="776788" spans="14:14">
      <c r="N776788" s="10"/>
    </row>
    <row r="776789" spans="14:14">
      <c r="N776789" s="10"/>
    </row>
    <row r="776790" spans="14:14">
      <c r="N776790" s="10"/>
    </row>
    <row r="776791" spans="14:14">
      <c r="N776791" s="10"/>
    </row>
    <row r="776792" spans="14:14">
      <c r="N776792" s="10"/>
    </row>
    <row r="776793" spans="14:14">
      <c r="N776793" s="10"/>
    </row>
    <row r="776794" spans="14:14">
      <c r="N776794" s="10"/>
    </row>
    <row r="776795" spans="14:14">
      <c r="N776795" s="10"/>
    </row>
    <row r="776796" spans="14:14">
      <c r="N776796" s="10"/>
    </row>
    <row r="776797" spans="14:14">
      <c r="N776797" s="10"/>
    </row>
    <row r="776798" spans="14:14">
      <c r="N776798" s="10"/>
    </row>
    <row r="776799" spans="14:14">
      <c r="N776799" s="10"/>
    </row>
    <row r="776800" spans="14:14">
      <c r="N776800" s="10"/>
    </row>
    <row r="776801" spans="14:14">
      <c r="N776801" s="10"/>
    </row>
    <row r="776802" spans="14:14">
      <c r="N776802" s="10"/>
    </row>
    <row r="776803" spans="14:14">
      <c r="N776803" s="10"/>
    </row>
    <row r="776804" spans="14:14">
      <c r="N776804" s="10"/>
    </row>
    <row r="776805" spans="14:14">
      <c r="N776805" s="10"/>
    </row>
    <row r="776806" spans="14:14">
      <c r="N776806" s="10"/>
    </row>
    <row r="776807" spans="14:14">
      <c r="N776807" s="10"/>
    </row>
    <row r="776808" spans="14:14">
      <c r="N776808" s="10"/>
    </row>
    <row r="776809" spans="14:14">
      <c r="N776809" s="10"/>
    </row>
    <row r="776810" spans="14:14">
      <c r="N776810" s="10"/>
    </row>
    <row r="776811" spans="14:14">
      <c r="N776811" s="10"/>
    </row>
    <row r="776812" spans="14:14">
      <c r="N776812" s="10"/>
    </row>
    <row r="776813" spans="14:14">
      <c r="N776813" s="10"/>
    </row>
    <row r="776814" spans="14:14">
      <c r="N776814" s="10"/>
    </row>
    <row r="776815" spans="14:14">
      <c r="N776815" s="10"/>
    </row>
    <row r="776816" spans="14:14">
      <c r="N776816" s="10"/>
    </row>
    <row r="776817" spans="14:14">
      <c r="N776817" s="10"/>
    </row>
    <row r="776818" spans="14:14">
      <c r="N776818" s="10"/>
    </row>
    <row r="776819" spans="14:14">
      <c r="N776819" s="10"/>
    </row>
    <row r="776820" spans="14:14">
      <c r="N776820" s="10"/>
    </row>
    <row r="776821" spans="14:14">
      <c r="N776821" s="10"/>
    </row>
    <row r="776822" spans="14:14">
      <c r="N776822" s="10"/>
    </row>
    <row r="776823" spans="14:14">
      <c r="N776823" s="10"/>
    </row>
    <row r="776824" spans="14:14">
      <c r="N776824" s="10"/>
    </row>
    <row r="776825" spans="14:14">
      <c r="N776825" s="10"/>
    </row>
    <row r="776826" spans="14:14">
      <c r="N776826" s="10"/>
    </row>
    <row r="776827" spans="14:14">
      <c r="N776827" s="10"/>
    </row>
    <row r="776828" spans="14:14">
      <c r="N776828" s="10"/>
    </row>
    <row r="776829" spans="14:14">
      <c r="N776829" s="10"/>
    </row>
    <row r="776830" spans="14:14">
      <c r="N776830" s="10"/>
    </row>
    <row r="776831" spans="14:14">
      <c r="N776831" s="10"/>
    </row>
    <row r="776832" spans="14:14">
      <c r="N776832" s="10"/>
    </row>
    <row r="776833" spans="14:14">
      <c r="N776833" s="10"/>
    </row>
    <row r="776834" spans="14:14">
      <c r="N776834" s="10"/>
    </row>
    <row r="776835" spans="14:14">
      <c r="N776835" s="10"/>
    </row>
    <row r="776836" spans="14:14">
      <c r="N776836" s="10"/>
    </row>
    <row r="776837" spans="14:14">
      <c r="N776837" s="10"/>
    </row>
    <row r="776838" spans="14:14">
      <c r="N776838" s="10"/>
    </row>
    <row r="776839" spans="14:14">
      <c r="N776839" s="10"/>
    </row>
    <row r="776840" spans="14:14">
      <c r="N776840" s="10"/>
    </row>
    <row r="776841" spans="14:14">
      <c r="N776841" s="10"/>
    </row>
    <row r="776842" spans="14:14">
      <c r="N776842" s="10"/>
    </row>
    <row r="776843" spans="14:14">
      <c r="N776843" s="10"/>
    </row>
    <row r="776844" spans="14:14">
      <c r="N776844" s="10"/>
    </row>
    <row r="776845" spans="14:14">
      <c r="N776845" s="10"/>
    </row>
    <row r="776846" spans="14:14">
      <c r="N776846" s="10"/>
    </row>
    <row r="776847" spans="14:14">
      <c r="N776847" s="10"/>
    </row>
    <row r="776848" spans="14:14">
      <c r="N776848" s="10"/>
    </row>
    <row r="776849" spans="14:14">
      <c r="N776849" s="10"/>
    </row>
    <row r="776850" spans="14:14">
      <c r="N776850" s="10"/>
    </row>
    <row r="776851" spans="14:14">
      <c r="N776851" s="10"/>
    </row>
    <row r="776852" spans="14:14">
      <c r="N776852" s="10"/>
    </row>
    <row r="776853" spans="14:14">
      <c r="N776853" s="10"/>
    </row>
    <row r="776854" spans="14:14">
      <c r="N776854" s="10"/>
    </row>
    <row r="776855" spans="14:14">
      <c r="N776855" s="10"/>
    </row>
    <row r="776856" spans="14:14">
      <c r="N776856" s="10"/>
    </row>
    <row r="776857" spans="14:14">
      <c r="N776857" s="10"/>
    </row>
    <row r="776858" spans="14:14">
      <c r="N776858" s="10"/>
    </row>
    <row r="776859" spans="14:14">
      <c r="N776859" s="10"/>
    </row>
    <row r="776860" spans="14:14">
      <c r="N776860" s="10"/>
    </row>
    <row r="776861" spans="14:14">
      <c r="N776861" s="10"/>
    </row>
    <row r="776862" spans="14:14">
      <c r="N776862" s="10"/>
    </row>
    <row r="776863" spans="14:14">
      <c r="N776863" s="10"/>
    </row>
    <row r="776864" spans="14:14">
      <c r="N776864" s="10"/>
    </row>
    <row r="776865" spans="14:14">
      <c r="N776865" s="10"/>
    </row>
    <row r="776866" spans="14:14">
      <c r="N776866" s="10"/>
    </row>
    <row r="776867" spans="14:14">
      <c r="N776867" s="10"/>
    </row>
    <row r="776868" spans="14:14">
      <c r="N776868" s="10"/>
    </row>
    <row r="776869" spans="14:14">
      <c r="N776869" s="10"/>
    </row>
    <row r="776870" spans="14:14">
      <c r="N776870" s="10"/>
    </row>
    <row r="776871" spans="14:14">
      <c r="N776871" s="10"/>
    </row>
    <row r="776872" spans="14:14">
      <c r="N776872" s="10"/>
    </row>
    <row r="776873" spans="14:14">
      <c r="N776873" s="10"/>
    </row>
    <row r="776874" spans="14:14">
      <c r="N776874" s="10"/>
    </row>
    <row r="776875" spans="14:14">
      <c r="N776875" s="10"/>
    </row>
    <row r="776876" spans="14:14">
      <c r="N776876" s="10"/>
    </row>
    <row r="776877" spans="14:14">
      <c r="N776877" s="10"/>
    </row>
    <row r="776878" spans="14:14">
      <c r="N776878" s="10"/>
    </row>
    <row r="776879" spans="14:14">
      <c r="N776879" s="10"/>
    </row>
    <row r="776880" spans="14:14">
      <c r="N776880" s="10"/>
    </row>
    <row r="776881" spans="14:14">
      <c r="N776881" s="10"/>
    </row>
    <row r="776882" spans="14:14">
      <c r="N776882" s="10"/>
    </row>
    <row r="776883" spans="14:14">
      <c r="N776883" s="10"/>
    </row>
    <row r="776884" spans="14:14">
      <c r="N776884" s="10"/>
    </row>
    <row r="776885" spans="14:14">
      <c r="N776885" s="10"/>
    </row>
    <row r="776886" spans="14:14">
      <c r="N776886" s="10"/>
    </row>
    <row r="776887" spans="14:14">
      <c r="N776887" s="10"/>
    </row>
    <row r="776888" spans="14:14">
      <c r="N776888" s="10"/>
    </row>
    <row r="776889" spans="14:14">
      <c r="N776889" s="10"/>
    </row>
    <row r="776890" spans="14:14">
      <c r="N776890" s="10"/>
    </row>
    <row r="776891" spans="14:14">
      <c r="N776891" s="10"/>
    </row>
    <row r="776892" spans="14:14">
      <c r="N776892" s="10"/>
    </row>
    <row r="776893" spans="14:14">
      <c r="N776893" s="10"/>
    </row>
    <row r="776894" spans="14:14">
      <c r="N776894" s="10"/>
    </row>
    <row r="776895" spans="14:14">
      <c r="N776895" s="10"/>
    </row>
    <row r="776896" spans="14:14">
      <c r="N776896" s="10"/>
    </row>
    <row r="776897" spans="14:14">
      <c r="N776897" s="10"/>
    </row>
    <row r="776898" spans="14:14">
      <c r="N776898" s="10"/>
    </row>
    <row r="776899" spans="14:14">
      <c r="N776899" s="10"/>
    </row>
    <row r="776900" spans="14:14">
      <c r="N776900" s="10"/>
    </row>
    <row r="776901" spans="14:14">
      <c r="N776901" s="10"/>
    </row>
    <row r="776902" spans="14:14">
      <c r="N776902" s="10"/>
    </row>
    <row r="776903" spans="14:14">
      <c r="N776903" s="10"/>
    </row>
    <row r="776904" spans="14:14">
      <c r="N776904" s="10"/>
    </row>
    <row r="776905" spans="14:14">
      <c r="N776905" s="10"/>
    </row>
    <row r="776906" spans="14:14">
      <c r="N776906" s="10"/>
    </row>
    <row r="776907" spans="14:14">
      <c r="N776907" s="10"/>
    </row>
    <row r="776908" spans="14:14">
      <c r="N776908" s="10"/>
    </row>
    <row r="776909" spans="14:14">
      <c r="N776909" s="10"/>
    </row>
    <row r="776910" spans="14:14">
      <c r="N776910" s="10"/>
    </row>
    <row r="776911" spans="14:14">
      <c r="N776911" s="10"/>
    </row>
    <row r="776912" spans="14:14">
      <c r="N776912" s="10"/>
    </row>
    <row r="776913" spans="14:14">
      <c r="N776913" s="10"/>
    </row>
    <row r="776914" spans="14:14">
      <c r="N776914" s="10"/>
    </row>
    <row r="776915" spans="14:14">
      <c r="N776915" s="10"/>
    </row>
    <row r="776916" spans="14:14">
      <c r="N776916" s="10"/>
    </row>
    <row r="776917" spans="14:14">
      <c r="N776917" s="10"/>
    </row>
    <row r="776918" spans="14:14">
      <c r="N776918" s="10"/>
    </row>
    <row r="776919" spans="14:14">
      <c r="N776919" s="10"/>
    </row>
    <row r="776920" spans="14:14">
      <c r="N776920" s="10"/>
    </row>
    <row r="776921" spans="14:14">
      <c r="N776921" s="10"/>
    </row>
    <row r="776922" spans="14:14">
      <c r="N776922" s="10"/>
    </row>
    <row r="776923" spans="14:14">
      <c r="N776923" s="10"/>
    </row>
    <row r="776924" spans="14:14">
      <c r="N776924" s="10"/>
    </row>
    <row r="776925" spans="14:14">
      <c r="N776925" s="10"/>
    </row>
    <row r="776926" spans="14:14">
      <c r="N776926" s="10"/>
    </row>
    <row r="776927" spans="14:14">
      <c r="N776927" s="10"/>
    </row>
    <row r="776928" spans="14:14">
      <c r="N776928" s="10"/>
    </row>
    <row r="776929" spans="14:14">
      <c r="N776929" s="10"/>
    </row>
    <row r="776930" spans="14:14">
      <c r="N776930" s="10"/>
    </row>
    <row r="776931" spans="14:14">
      <c r="N776931" s="10"/>
    </row>
    <row r="776932" spans="14:14">
      <c r="N776932" s="10"/>
    </row>
    <row r="776933" spans="14:14">
      <c r="N776933" s="10"/>
    </row>
    <row r="776934" spans="14:14">
      <c r="N776934" s="10"/>
    </row>
    <row r="776935" spans="14:14">
      <c r="N776935" s="10"/>
    </row>
    <row r="776936" spans="14:14">
      <c r="N776936" s="10"/>
    </row>
    <row r="776937" spans="14:14">
      <c r="N776937" s="10"/>
    </row>
    <row r="776938" spans="14:14">
      <c r="N776938" s="10"/>
    </row>
    <row r="776939" spans="14:14">
      <c r="N776939" s="10"/>
    </row>
    <row r="776940" spans="14:14">
      <c r="N776940" s="10"/>
    </row>
    <row r="776941" spans="14:14">
      <c r="N776941" s="10"/>
    </row>
    <row r="776942" spans="14:14">
      <c r="N776942" s="10"/>
    </row>
    <row r="776943" spans="14:14">
      <c r="N776943" s="10"/>
    </row>
    <row r="776944" spans="14:14">
      <c r="N776944" s="10"/>
    </row>
    <row r="776945" spans="14:14">
      <c r="N776945" s="10"/>
    </row>
    <row r="776946" spans="14:14">
      <c r="N776946" s="10"/>
    </row>
    <row r="776947" spans="14:14">
      <c r="N776947" s="10"/>
    </row>
    <row r="776948" spans="14:14">
      <c r="N776948" s="10"/>
    </row>
    <row r="776949" spans="14:14">
      <c r="N776949" s="10"/>
    </row>
    <row r="776950" spans="14:14">
      <c r="N776950" s="10"/>
    </row>
    <row r="776951" spans="14:14">
      <c r="N776951" s="10"/>
    </row>
    <row r="776952" spans="14:14">
      <c r="N776952" s="10"/>
    </row>
    <row r="776953" spans="14:14">
      <c r="N776953" s="10"/>
    </row>
    <row r="776954" spans="14:14">
      <c r="N776954" s="10"/>
    </row>
    <row r="776955" spans="14:14">
      <c r="N776955" s="10"/>
    </row>
    <row r="776956" spans="14:14">
      <c r="N776956" s="10"/>
    </row>
    <row r="776957" spans="14:14">
      <c r="N776957" s="10"/>
    </row>
    <row r="776958" spans="14:14">
      <c r="N776958" s="10"/>
    </row>
    <row r="776959" spans="14:14">
      <c r="N776959" s="10"/>
    </row>
    <row r="776960" spans="14:14">
      <c r="N776960" s="10"/>
    </row>
    <row r="776961" spans="14:14">
      <c r="N776961" s="10"/>
    </row>
    <row r="776962" spans="14:14">
      <c r="N776962" s="10"/>
    </row>
    <row r="776963" spans="14:14">
      <c r="N776963" s="10"/>
    </row>
    <row r="776964" spans="14:14">
      <c r="N776964" s="10"/>
    </row>
    <row r="776965" spans="14:14">
      <c r="N776965" s="10"/>
    </row>
    <row r="776966" spans="14:14">
      <c r="N776966" s="10"/>
    </row>
    <row r="776967" spans="14:14">
      <c r="N776967" s="10"/>
    </row>
    <row r="776968" spans="14:14">
      <c r="N776968" s="10"/>
    </row>
    <row r="776969" spans="14:14">
      <c r="N776969" s="10"/>
    </row>
    <row r="776970" spans="14:14">
      <c r="N776970" s="10"/>
    </row>
    <row r="776971" spans="14:14">
      <c r="N776971" s="10"/>
    </row>
    <row r="776972" spans="14:14">
      <c r="N776972" s="10"/>
    </row>
    <row r="776973" spans="14:14">
      <c r="N776973" s="10"/>
    </row>
    <row r="776974" spans="14:14">
      <c r="N776974" s="10"/>
    </row>
    <row r="776975" spans="14:14">
      <c r="N776975" s="10"/>
    </row>
    <row r="776976" spans="14:14">
      <c r="N776976" s="10"/>
    </row>
    <row r="776977" spans="14:14">
      <c r="N776977" s="10"/>
    </row>
    <row r="776978" spans="14:14">
      <c r="N776978" s="10"/>
    </row>
    <row r="776979" spans="14:14">
      <c r="N776979" s="10"/>
    </row>
    <row r="776980" spans="14:14">
      <c r="N776980" s="10"/>
    </row>
    <row r="776981" spans="14:14">
      <c r="N776981" s="10"/>
    </row>
    <row r="776982" spans="14:14">
      <c r="N776982" s="10"/>
    </row>
    <row r="776983" spans="14:14">
      <c r="N776983" s="10"/>
    </row>
    <row r="776984" spans="14:14">
      <c r="N776984" s="10"/>
    </row>
    <row r="776985" spans="14:14">
      <c r="N776985" s="10"/>
    </row>
    <row r="776986" spans="14:14">
      <c r="N776986" s="10"/>
    </row>
    <row r="776987" spans="14:14">
      <c r="N776987" s="10"/>
    </row>
    <row r="776988" spans="14:14">
      <c r="N776988" s="10"/>
    </row>
    <row r="776989" spans="14:14">
      <c r="N776989" s="10"/>
    </row>
    <row r="776990" spans="14:14">
      <c r="N776990" s="10"/>
    </row>
    <row r="776991" spans="14:14">
      <c r="N776991" s="10"/>
    </row>
    <row r="776992" spans="14:14">
      <c r="N776992" s="10"/>
    </row>
    <row r="776993" spans="14:14">
      <c r="N776993" s="10"/>
    </row>
    <row r="776994" spans="14:14">
      <c r="N776994" s="10"/>
    </row>
    <row r="776995" spans="14:14">
      <c r="N776995" s="10"/>
    </row>
    <row r="776996" spans="14:14">
      <c r="N776996" s="10"/>
    </row>
    <row r="776997" spans="14:14">
      <c r="N776997" s="10"/>
    </row>
    <row r="776998" spans="14:14">
      <c r="N776998" s="10"/>
    </row>
    <row r="776999" spans="14:14">
      <c r="N776999" s="10"/>
    </row>
    <row r="777000" spans="14:14">
      <c r="N777000" s="10"/>
    </row>
    <row r="777001" spans="14:14">
      <c r="N777001" s="10"/>
    </row>
    <row r="777002" spans="14:14">
      <c r="N777002" s="10"/>
    </row>
    <row r="777003" spans="14:14">
      <c r="N777003" s="10"/>
    </row>
    <row r="777004" spans="14:14">
      <c r="N777004" s="10"/>
    </row>
    <row r="777005" spans="14:14">
      <c r="N777005" s="10"/>
    </row>
    <row r="777006" spans="14:14">
      <c r="N777006" s="10"/>
    </row>
    <row r="777007" spans="14:14">
      <c r="N777007" s="10"/>
    </row>
    <row r="777008" spans="14:14">
      <c r="N777008" s="10"/>
    </row>
    <row r="777009" spans="14:14">
      <c r="N777009" s="10"/>
    </row>
    <row r="777010" spans="14:14">
      <c r="N777010" s="10"/>
    </row>
    <row r="777011" spans="14:14">
      <c r="N777011" s="10"/>
    </row>
    <row r="777012" spans="14:14">
      <c r="N777012" s="10"/>
    </row>
    <row r="777013" spans="14:14">
      <c r="N777013" s="10"/>
    </row>
    <row r="777014" spans="14:14">
      <c r="N777014" s="10"/>
    </row>
    <row r="777015" spans="14:14">
      <c r="N777015" s="10"/>
    </row>
    <row r="777016" spans="14:14">
      <c r="N777016" s="10"/>
    </row>
    <row r="777017" spans="14:14">
      <c r="N777017" s="10"/>
    </row>
    <row r="777018" spans="14:14">
      <c r="N777018" s="10"/>
    </row>
    <row r="777019" spans="14:14">
      <c r="N777019" s="10"/>
    </row>
    <row r="777020" spans="14:14">
      <c r="N777020" s="10"/>
    </row>
    <row r="777021" spans="14:14">
      <c r="N777021" s="10"/>
    </row>
    <row r="777022" spans="14:14">
      <c r="N777022" s="10"/>
    </row>
    <row r="777023" spans="14:14">
      <c r="N777023" s="10"/>
    </row>
    <row r="777024" spans="14:14">
      <c r="N777024" s="10"/>
    </row>
    <row r="777025" spans="14:14">
      <c r="N777025" s="10"/>
    </row>
    <row r="777026" spans="14:14">
      <c r="N777026" s="10"/>
    </row>
    <row r="777027" spans="14:14">
      <c r="N777027" s="10"/>
    </row>
    <row r="777028" spans="14:14">
      <c r="N777028" s="10"/>
    </row>
    <row r="777029" spans="14:14">
      <c r="N777029" s="10"/>
    </row>
    <row r="777030" spans="14:14">
      <c r="N777030" s="10"/>
    </row>
    <row r="777031" spans="14:14">
      <c r="N777031" s="10"/>
    </row>
    <row r="777032" spans="14:14">
      <c r="N777032" s="10"/>
    </row>
    <row r="777033" spans="14:14">
      <c r="N777033" s="10"/>
    </row>
    <row r="777034" spans="14:14">
      <c r="N777034" s="10"/>
    </row>
    <row r="777035" spans="14:14">
      <c r="N777035" s="10"/>
    </row>
    <row r="777036" spans="14:14">
      <c r="N777036" s="10"/>
    </row>
    <row r="777037" spans="14:14">
      <c r="N777037" s="10"/>
    </row>
    <row r="777038" spans="14:14">
      <c r="N777038" s="10"/>
    </row>
    <row r="777039" spans="14:14">
      <c r="N777039" s="10"/>
    </row>
    <row r="777040" spans="14:14">
      <c r="N777040" s="10"/>
    </row>
    <row r="777041" spans="14:14">
      <c r="N777041" s="10"/>
    </row>
    <row r="777042" spans="14:14">
      <c r="N777042" s="10"/>
    </row>
    <row r="777043" spans="14:14">
      <c r="N777043" s="10"/>
    </row>
    <row r="777044" spans="14:14">
      <c r="N777044" s="10"/>
    </row>
    <row r="777045" spans="14:14">
      <c r="N777045" s="10"/>
    </row>
    <row r="777046" spans="14:14">
      <c r="N777046" s="10"/>
    </row>
    <row r="777047" spans="14:14">
      <c r="N777047" s="10"/>
    </row>
    <row r="777048" spans="14:14">
      <c r="N777048" s="10"/>
    </row>
    <row r="777049" spans="14:14">
      <c r="N777049" s="10"/>
    </row>
    <row r="777050" spans="14:14">
      <c r="N777050" s="10"/>
    </row>
    <row r="777051" spans="14:14">
      <c r="N777051" s="10"/>
    </row>
    <row r="777052" spans="14:14">
      <c r="N777052" s="10"/>
    </row>
    <row r="777053" spans="14:14">
      <c r="N777053" s="10"/>
    </row>
    <row r="777054" spans="14:14">
      <c r="N777054" s="10"/>
    </row>
    <row r="777055" spans="14:14">
      <c r="N777055" s="10"/>
    </row>
    <row r="777056" spans="14:14">
      <c r="N777056" s="10"/>
    </row>
    <row r="777057" spans="14:14">
      <c r="N777057" s="10"/>
    </row>
    <row r="777058" spans="14:14">
      <c r="N777058" s="10"/>
    </row>
    <row r="777059" spans="14:14">
      <c r="N777059" s="10"/>
    </row>
    <row r="777060" spans="14:14">
      <c r="N777060" s="10"/>
    </row>
    <row r="777061" spans="14:14">
      <c r="N777061" s="10"/>
    </row>
    <row r="777062" spans="14:14">
      <c r="N777062" s="10"/>
    </row>
    <row r="777063" spans="14:14">
      <c r="N777063" s="10"/>
    </row>
    <row r="777064" spans="14:14">
      <c r="N777064" s="10"/>
    </row>
    <row r="777065" spans="14:14">
      <c r="N777065" s="10"/>
    </row>
    <row r="777066" spans="14:14">
      <c r="N777066" s="10"/>
    </row>
    <row r="777067" spans="14:14">
      <c r="N777067" s="10"/>
    </row>
    <row r="777068" spans="14:14">
      <c r="N777068" s="10"/>
    </row>
    <row r="777069" spans="14:14">
      <c r="N777069" s="10"/>
    </row>
    <row r="777070" spans="14:14">
      <c r="N777070" s="10"/>
    </row>
    <row r="777071" spans="14:14">
      <c r="N777071" s="10"/>
    </row>
    <row r="777072" spans="14:14">
      <c r="N777072" s="10"/>
    </row>
    <row r="777073" spans="14:14">
      <c r="N777073" s="10"/>
    </row>
    <row r="777074" spans="14:14">
      <c r="N777074" s="10"/>
    </row>
    <row r="777075" spans="14:14">
      <c r="N777075" s="10"/>
    </row>
    <row r="777076" spans="14:14">
      <c r="N777076" s="10"/>
    </row>
    <row r="777077" spans="14:14">
      <c r="N777077" s="10"/>
    </row>
    <row r="777078" spans="14:14">
      <c r="N777078" s="10"/>
    </row>
    <row r="777079" spans="14:14">
      <c r="N777079" s="10"/>
    </row>
    <row r="777080" spans="14:14">
      <c r="N777080" s="10"/>
    </row>
    <row r="777081" spans="14:14">
      <c r="N777081" s="10"/>
    </row>
    <row r="777082" spans="14:14">
      <c r="N777082" s="10"/>
    </row>
    <row r="777083" spans="14:14">
      <c r="N777083" s="10"/>
    </row>
    <row r="777084" spans="14:14">
      <c r="N777084" s="10"/>
    </row>
    <row r="777085" spans="14:14">
      <c r="N777085" s="10"/>
    </row>
    <row r="777086" spans="14:14">
      <c r="N777086" s="10"/>
    </row>
    <row r="777087" spans="14:14">
      <c r="N777087" s="10"/>
    </row>
    <row r="777088" spans="14:14">
      <c r="N777088" s="10"/>
    </row>
    <row r="777089" spans="14:14">
      <c r="N777089" s="10"/>
    </row>
    <row r="777090" spans="14:14">
      <c r="N777090" s="10"/>
    </row>
    <row r="777091" spans="14:14">
      <c r="N777091" s="10"/>
    </row>
    <row r="777092" spans="14:14">
      <c r="N777092" s="10"/>
    </row>
    <row r="777093" spans="14:14">
      <c r="N777093" s="10"/>
    </row>
    <row r="777094" spans="14:14">
      <c r="N777094" s="10"/>
    </row>
    <row r="777095" spans="14:14">
      <c r="N777095" s="10"/>
    </row>
    <row r="777096" spans="14:14">
      <c r="N777096" s="10"/>
    </row>
    <row r="777097" spans="14:14">
      <c r="N777097" s="10"/>
    </row>
    <row r="777098" spans="14:14">
      <c r="N777098" s="10"/>
    </row>
    <row r="777099" spans="14:14">
      <c r="N777099" s="10"/>
    </row>
    <row r="777100" spans="14:14">
      <c r="N777100" s="10"/>
    </row>
    <row r="777101" spans="14:14">
      <c r="N777101" s="10"/>
    </row>
    <row r="777102" spans="14:14">
      <c r="N777102" s="10"/>
    </row>
    <row r="777103" spans="14:14">
      <c r="N777103" s="10"/>
    </row>
    <row r="777104" spans="14:14">
      <c r="N777104" s="10"/>
    </row>
    <row r="777105" spans="14:14">
      <c r="N777105" s="10"/>
    </row>
    <row r="777106" spans="14:14">
      <c r="N777106" s="10"/>
    </row>
    <row r="777107" spans="14:14">
      <c r="N777107" s="10"/>
    </row>
    <row r="777108" spans="14:14">
      <c r="N777108" s="10"/>
    </row>
    <row r="777109" spans="14:14">
      <c r="N777109" s="10"/>
    </row>
    <row r="777110" spans="14:14">
      <c r="N777110" s="10"/>
    </row>
    <row r="777111" spans="14:14">
      <c r="N777111" s="10"/>
    </row>
    <row r="777112" spans="14:14">
      <c r="N777112" s="10"/>
    </row>
    <row r="777113" spans="14:14">
      <c r="N777113" s="10"/>
    </row>
    <row r="777114" spans="14:14">
      <c r="N777114" s="10"/>
    </row>
    <row r="777115" spans="14:14">
      <c r="N777115" s="10"/>
    </row>
    <row r="777116" spans="14:14">
      <c r="N777116" s="10"/>
    </row>
    <row r="777117" spans="14:14">
      <c r="N777117" s="10"/>
    </row>
    <row r="777118" spans="14:14">
      <c r="N777118" s="10"/>
    </row>
    <row r="777119" spans="14:14">
      <c r="N777119" s="10"/>
    </row>
    <row r="777120" spans="14:14">
      <c r="N777120" s="10"/>
    </row>
    <row r="777121" spans="14:14">
      <c r="N777121" s="10"/>
    </row>
    <row r="777122" spans="14:14">
      <c r="N777122" s="10"/>
    </row>
    <row r="777123" spans="14:14">
      <c r="N777123" s="10"/>
    </row>
    <row r="777124" spans="14:14">
      <c r="N777124" s="10"/>
    </row>
    <row r="777125" spans="14:14">
      <c r="N777125" s="10"/>
    </row>
    <row r="777126" spans="14:14">
      <c r="N777126" s="10"/>
    </row>
    <row r="777127" spans="14:14">
      <c r="N777127" s="10"/>
    </row>
    <row r="777128" spans="14:14">
      <c r="N777128" s="10"/>
    </row>
    <row r="777129" spans="14:14">
      <c r="N777129" s="10"/>
    </row>
    <row r="777130" spans="14:14">
      <c r="N777130" s="10"/>
    </row>
    <row r="777131" spans="14:14">
      <c r="N777131" s="10"/>
    </row>
    <row r="777132" spans="14:14">
      <c r="N777132" s="10"/>
    </row>
    <row r="777133" spans="14:14">
      <c r="N777133" s="10"/>
    </row>
    <row r="777134" spans="14:14">
      <c r="N777134" s="10"/>
    </row>
    <row r="777135" spans="14:14">
      <c r="N777135" s="10"/>
    </row>
    <row r="777136" spans="14:14">
      <c r="N777136" s="10"/>
    </row>
    <row r="777137" spans="14:14">
      <c r="N777137" s="10"/>
    </row>
    <row r="777138" spans="14:14">
      <c r="N777138" s="10"/>
    </row>
    <row r="777139" spans="14:14">
      <c r="N777139" s="10"/>
    </row>
    <row r="777140" spans="14:14">
      <c r="N777140" s="10"/>
    </row>
    <row r="777141" spans="14:14">
      <c r="N777141" s="10"/>
    </row>
    <row r="777142" spans="14:14">
      <c r="N777142" s="10"/>
    </row>
    <row r="777143" spans="14:14">
      <c r="N777143" s="10"/>
    </row>
    <row r="777144" spans="14:14">
      <c r="N777144" s="10"/>
    </row>
    <row r="777145" spans="14:14">
      <c r="N777145" s="10"/>
    </row>
    <row r="777146" spans="14:14">
      <c r="N777146" s="10"/>
    </row>
    <row r="777147" spans="14:14">
      <c r="N777147" s="10"/>
    </row>
    <row r="777148" spans="14:14">
      <c r="N777148" s="10"/>
    </row>
    <row r="777149" spans="14:14">
      <c r="N777149" s="10"/>
    </row>
    <row r="777150" spans="14:14">
      <c r="N777150" s="10"/>
    </row>
    <row r="777151" spans="14:14">
      <c r="N777151" s="10"/>
    </row>
    <row r="777152" spans="14:14">
      <c r="N777152" s="10"/>
    </row>
    <row r="777153" spans="14:14">
      <c r="N777153" s="10"/>
    </row>
    <row r="777154" spans="14:14">
      <c r="N777154" s="10"/>
    </row>
    <row r="777155" spans="14:14">
      <c r="N777155" s="10"/>
    </row>
    <row r="777156" spans="14:14">
      <c r="N777156" s="10"/>
    </row>
    <row r="777157" spans="14:14">
      <c r="N777157" s="10"/>
    </row>
    <row r="777158" spans="14:14">
      <c r="N777158" s="10"/>
    </row>
    <row r="777159" spans="14:14">
      <c r="N777159" s="10"/>
    </row>
    <row r="777160" spans="14:14">
      <c r="N777160" s="10"/>
    </row>
    <row r="777161" spans="14:14">
      <c r="N777161" s="10"/>
    </row>
    <row r="777162" spans="14:14">
      <c r="N777162" s="10"/>
    </row>
    <row r="777163" spans="14:14">
      <c r="N777163" s="10"/>
    </row>
    <row r="777164" spans="14:14">
      <c r="N777164" s="10"/>
    </row>
    <row r="777165" spans="14:14">
      <c r="N777165" s="10"/>
    </row>
    <row r="777166" spans="14:14">
      <c r="N777166" s="10"/>
    </row>
    <row r="777167" spans="14:14">
      <c r="N777167" s="10"/>
    </row>
    <row r="777168" spans="14:14">
      <c r="N777168" s="10"/>
    </row>
    <row r="777169" spans="14:14">
      <c r="N777169" s="10"/>
    </row>
    <row r="777170" spans="14:14">
      <c r="N777170" s="10"/>
    </row>
    <row r="777171" spans="14:14">
      <c r="N777171" s="10"/>
    </row>
    <row r="777172" spans="14:14">
      <c r="N777172" s="10"/>
    </row>
    <row r="777173" spans="14:14">
      <c r="N777173" s="10"/>
    </row>
    <row r="777174" spans="14:14">
      <c r="N777174" s="10"/>
    </row>
    <row r="777175" spans="14:14">
      <c r="N777175" s="10"/>
    </row>
    <row r="777176" spans="14:14">
      <c r="N777176" s="10"/>
    </row>
    <row r="777177" spans="14:14">
      <c r="N777177" s="10"/>
    </row>
    <row r="777178" spans="14:14">
      <c r="N777178" s="10"/>
    </row>
    <row r="777179" spans="14:14">
      <c r="N777179" s="10"/>
    </row>
    <row r="777180" spans="14:14">
      <c r="N777180" s="10"/>
    </row>
    <row r="777181" spans="14:14">
      <c r="N777181" s="10"/>
    </row>
    <row r="777182" spans="14:14">
      <c r="N777182" s="10"/>
    </row>
    <row r="777183" spans="14:14">
      <c r="N777183" s="10"/>
    </row>
    <row r="777184" spans="14:14">
      <c r="N777184" s="10"/>
    </row>
    <row r="777185" spans="14:14">
      <c r="N777185" s="10"/>
    </row>
    <row r="777186" spans="14:14">
      <c r="N777186" s="10"/>
    </row>
    <row r="777187" spans="14:14">
      <c r="N777187" s="10"/>
    </row>
    <row r="777188" spans="14:14">
      <c r="N777188" s="10"/>
    </row>
    <row r="777189" spans="14:14">
      <c r="N777189" s="10"/>
    </row>
    <row r="777190" spans="14:14">
      <c r="N777190" s="10"/>
    </row>
    <row r="777191" spans="14:14">
      <c r="N777191" s="10"/>
    </row>
    <row r="777192" spans="14:14">
      <c r="N777192" s="10"/>
    </row>
    <row r="777193" spans="14:14">
      <c r="N777193" s="10"/>
    </row>
    <row r="777194" spans="14:14">
      <c r="N777194" s="10"/>
    </row>
    <row r="777195" spans="14:14">
      <c r="N777195" s="10"/>
    </row>
    <row r="777196" spans="14:14">
      <c r="N777196" s="10"/>
    </row>
    <row r="777197" spans="14:14">
      <c r="N777197" s="10"/>
    </row>
    <row r="777198" spans="14:14">
      <c r="N777198" s="10"/>
    </row>
    <row r="777199" spans="14:14">
      <c r="N777199" s="10"/>
    </row>
    <row r="777200" spans="14:14">
      <c r="N777200" s="10"/>
    </row>
    <row r="777201" spans="14:14">
      <c r="N777201" s="10"/>
    </row>
    <row r="777202" spans="14:14">
      <c r="N777202" s="10"/>
    </row>
    <row r="777203" spans="14:14">
      <c r="N777203" s="10"/>
    </row>
    <row r="777204" spans="14:14">
      <c r="N777204" s="10"/>
    </row>
    <row r="777205" spans="14:14">
      <c r="N777205" s="10"/>
    </row>
    <row r="777206" spans="14:14">
      <c r="N777206" s="10"/>
    </row>
    <row r="777207" spans="14:14">
      <c r="N777207" s="10"/>
    </row>
    <row r="777208" spans="14:14">
      <c r="N777208" s="10"/>
    </row>
    <row r="777209" spans="14:14">
      <c r="N777209" s="10"/>
    </row>
    <row r="777210" spans="14:14">
      <c r="N777210" s="10"/>
    </row>
    <row r="777211" spans="14:14">
      <c r="N777211" s="10"/>
    </row>
    <row r="777212" spans="14:14">
      <c r="N777212" s="10"/>
    </row>
    <row r="777213" spans="14:14">
      <c r="N777213" s="10"/>
    </row>
    <row r="777214" spans="14:14">
      <c r="N777214" s="10"/>
    </row>
    <row r="777215" spans="14:14">
      <c r="N777215" s="10"/>
    </row>
    <row r="777216" spans="14:14">
      <c r="N777216" s="10"/>
    </row>
    <row r="777217" spans="14:14">
      <c r="N777217" s="10"/>
    </row>
    <row r="777218" spans="14:14">
      <c r="N777218" s="10"/>
    </row>
    <row r="777219" spans="14:14">
      <c r="N777219" s="10"/>
    </row>
    <row r="777220" spans="14:14">
      <c r="N777220" s="10"/>
    </row>
    <row r="777221" spans="14:14">
      <c r="N777221" s="10"/>
    </row>
    <row r="777222" spans="14:14">
      <c r="N777222" s="10"/>
    </row>
    <row r="777223" spans="14:14">
      <c r="N777223" s="10"/>
    </row>
    <row r="777224" spans="14:14">
      <c r="N777224" s="10"/>
    </row>
    <row r="777225" spans="14:14">
      <c r="N777225" s="10"/>
    </row>
    <row r="777226" spans="14:14">
      <c r="N777226" s="10"/>
    </row>
    <row r="777227" spans="14:14">
      <c r="N777227" s="10"/>
    </row>
    <row r="777228" spans="14:14">
      <c r="N777228" s="10"/>
    </row>
    <row r="777229" spans="14:14">
      <c r="N777229" s="10"/>
    </row>
    <row r="777230" spans="14:14">
      <c r="N777230" s="10"/>
    </row>
    <row r="777231" spans="14:14">
      <c r="N777231" s="10"/>
    </row>
    <row r="777232" spans="14:14">
      <c r="N777232" s="10"/>
    </row>
    <row r="777233" spans="14:14">
      <c r="N777233" s="10"/>
    </row>
    <row r="777234" spans="14:14">
      <c r="N777234" s="10"/>
    </row>
    <row r="777235" spans="14:14">
      <c r="N777235" s="10"/>
    </row>
    <row r="777236" spans="14:14">
      <c r="N777236" s="10"/>
    </row>
    <row r="777237" spans="14:14">
      <c r="N777237" s="10"/>
    </row>
    <row r="777238" spans="14:14">
      <c r="N777238" s="10"/>
    </row>
    <row r="777239" spans="14:14">
      <c r="N777239" s="10"/>
    </row>
    <row r="777240" spans="14:14">
      <c r="N777240" s="10"/>
    </row>
    <row r="777241" spans="14:14">
      <c r="N777241" s="10"/>
    </row>
    <row r="777242" spans="14:14">
      <c r="N777242" s="10"/>
    </row>
    <row r="777243" spans="14:14">
      <c r="N777243" s="10"/>
    </row>
    <row r="777244" spans="14:14">
      <c r="N777244" s="10"/>
    </row>
    <row r="777245" spans="14:14">
      <c r="N777245" s="10"/>
    </row>
    <row r="777246" spans="14:14">
      <c r="N777246" s="10"/>
    </row>
    <row r="777247" spans="14:14">
      <c r="N777247" s="10"/>
    </row>
    <row r="777248" spans="14:14">
      <c r="N777248" s="10"/>
    </row>
    <row r="777249" spans="14:14">
      <c r="N777249" s="10"/>
    </row>
    <row r="777250" spans="14:14">
      <c r="N777250" s="10"/>
    </row>
    <row r="777251" spans="14:14">
      <c r="N777251" s="10"/>
    </row>
    <row r="777252" spans="14:14">
      <c r="N777252" s="10"/>
    </row>
    <row r="777253" spans="14:14">
      <c r="N777253" s="10"/>
    </row>
    <row r="777254" spans="14:14">
      <c r="N777254" s="10"/>
    </row>
    <row r="777255" spans="14:14">
      <c r="N777255" s="10"/>
    </row>
    <row r="777256" spans="14:14">
      <c r="N777256" s="10"/>
    </row>
    <row r="777257" spans="14:14">
      <c r="N777257" s="10"/>
    </row>
    <row r="777258" spans="14:14">
      <c r="N777258" s="10"/>
    </row>
    <row r="777259" spans="14:14">
      <c r="N777259" s="10"/>
    </row>
    <row r="777260" spans="14:14">
      <c r="N777260" s="10"/>
    </row>
    <row r="777261" spans="14:14">
      <c r="N777261" s="10"/>
    </row>
    <row r="777262" spans="14:14">
      <c r="N777262" s="10"/>
    </row>
    <row r="777263" spans="14:14">
      <c r="N777263" s="10"/>
    </row>
    <row r="777264" spans="14:14">
      <c r="N777264" s="10"/>
    </row>
    <row r="777265" spans="14:14">
      <c r="N777265" s="10"/>
    </row>
    <row r="777266" spans="14:14">
      <c r="N777266" s="10"/>
    </row>
    <row r="777267" spans="14:14">
      <c r="N777267" s="10"/>
    </row>
    <row r="777268" spans="14:14">
      <c r="N777268" s="10"/>
    </row>
    <row r="777269" spans="14:14">
      <c r="N777269" s="10"/>
    </row>
    <row r="777270" spans="14:14">
      <c r="N777270" s="10"/>
    </row>
    <row r="777271" spans="14:14">
      <c r="N777271" s="10"/>
    </row>
    <row r="777272" spans="14:14">
      <c r="N777272" s="10"/>
    </row>
    <row r="777273" spans="14:14">
      <c r="N777273" s="10"/>
    </row>
    <row r="777274" spans="14:14">
      <c r="N777274" s="10"/>
    </row>
    <row r="777275" spans="14:14">
      <c r="N777275" s="10"/>
    </row>
    <row r="777276" spans="14:14">
      <c r="N777276" s="10"/>
    </row>
    <row r="777277" spans="14:14">
      <c r="N777277" s="10"/>
    </row>
    <row r="777278" spans="14:14">
      <c r="N777278" s="10"/>
    </row>
    <row r="777279" spans="14:14">
      <c r="N777279" s="10"/>
    </row>
    <row r="777280" spans="14:14">
      <c r="N777280" s="10"/>
    </row>
    <row r="777281" spans="14:14">
      <c r="N777281" s="10"/>
    </row>
    <row r="777282" spans="14:14">
      <c r="N777282" s="10"/>
    </row>
    <row r="777283" spans="14:14">
      <c r="N777283" s="10"/>
    </row>
    <row r="777284" spans="14:14">
      <c r="N777284" s="10"/>
    </row>
    <row r="777285" spans="14:14">
      <c r="N777285" s="10"/>
    </row>
    <row r="777286" spans="14:14">
      <c r="N777286" s="10"/>
    </row>
    <row r="777287" spans="14:14">
      <c r="N777287" s="10"/>
    </row>
    <row r="777288" spans="14:14">
      <c r="N777288" s="10"/>
    </row>
    <row r="777289" spans="14:14">
      <c r="N777289" s="10"/>
    </row>
    <row r="777290" spans="14:14">
      <c r="N777290" s="10"/>
    </row>
    <row r="777291" spans="14:14">
      <c r="N777291" s="10"/>
    </row>
    <row r="777292" spans="14:14">
      <c r="N777292" s="10"/>
    </row>
    <row r="777293" spans="14:14">
      <c r="N777293" s="10"/>
    </row>
    <row r="777294" spans="14:14">
      <c r="N777294" s="10"/>
    </row>
    <row r="777295" spans="14:14">
      <c r="N777295" s="10"/>
    </row>
    <row r="777296" spans="14:14">
      <c r="N777296" s="10"/>
    </row>
    <row r="777297" spans="14:14">
      <c r="N777297" s="10"/>
    </row>
    <row r="777298" spans="14:14">
      <c r="N777298" s="10"/>
    </row>
    <row r="777299" spans="14:14">
      <c r="N777299" s="10"/>
    </row>
    <row r="777300" spans="14:14">
      <c r="N777300" s="10"/>
    </row>
    <row r="777301" spans="14:14">
      <c r="N777301" s="10"/>
    </row>
    <row r="777302" spans="14:14">
      <c r="N777302" s="10"/>
    </row>
    <row r="777303" spans="14:14">
      <c r="N777303" s="10"/>
    </row>
    <row r="777304" spans="14:14">
      <c r="N777304" s="10"/>
    </row>
    <row r="777305" spans="14:14">
      <c r="N777305" s="10"/>
    </row>
    <row r="777306" spans="14:14">
      <c r="N777306" s="10"/>
    </row>
    <row r="777307" spans="14:14">
      <c r="N777307" s="10"/>
    </row>
    <row r="777308" spans="14:14">
      <c r="N777308" s="10"/>
    </row>
    <row r="777309" spans="14:14">
      <c r="N777309" s="10"/>
    </row>
    <row r="777310" spans="14:14">
      <c r="N777310" s="10"/>
    </row>
    <row r="777311" spans="14:14">
      <c r="N777311" s="10"/>
    </row>
    <row r="777312" spans="14:14">
      <c r="N777312" s="10"/>
    </row>
    <row r="777313" spans="14:14">
      <c r="N777313" s="10"/>
    </row>
    <row r="777314" spans="14:14">
      <c r="N777314" s="10"/>
    </row>
    <row r="777315" spans="14:14">
      <c r="N777315" s="10"/>
    </row>
    <row r="777316" spans="14:14">
      <c r="N777316" s="10"/>
    </row>
    <row r="777317" spans="14:14">
      <c r="N777317" s="10"/>
    </row>
    <row r="777318" spans="14:14">
      <c r="N777318" s="10"/>
    </row>
    <row r="777319" spans="14:14">
      <c r="N777319" s="10"/>
    </row>
    <row r="777320" spans="14:14">
      <c r="N777320" s="10"/>
    </row>
    <row r="777321" spans="14:14">
      <c r="N777321" s="10"/>
    </row>
    <row r="777322" spans="14:14">
      <c r="N777322" s="10"/>
    </row>
    <row r="777323" spans="14:14">
      <c r="N777323" s="10"/>
    </row>
    <row r="777324" spans="14:14">
      <c r="N777324" s="10"/>
    </row>
    <row r="777325" spans="14:14">
      <c r="N777325" s="10"/>
    </row>
    <row r="777326" spans="14:14">
      <c r="N777326" s="10"/>
    </row>
    <row r="777327" spans="14:14">
      <c r="N777327" s="10"/>
    </row>
    <row r="777328" spans="14:14">
      <c r="N777328" s="10"/>
    </row>
    <row r="777329" spans="14:14">
      <c r="N777329" s="10"/>
    </row>
    <row r="777330" spans="14:14">
      <c r="N777330" s="10"/>
    </row>
    <row r="777331" spans="14:14">
      <c r="N777331" s="10"/>
    </row>
    <row r="777332" spans="14:14">
      <c r="N777332" s="10"/>
    </row>
    <row r="777333" spans="14:14">
      <c r="N777333" s="10"/>
    </row>
    <row r="777334" spans="14:14">
      <c r="N777334" s="10"/>
    </row>
    <row r="777335" spans="14:14">
      <c r="N777335" s="10"/>
    </row>
    <row r="777336" spans="14:14">
      <c r="N777336" s="10"/>
    </row>
    <row r="777337" spans="14:14">
      <c r="N777337" s="10"/>
    </row>
    <row r="777338" spans="14:14">
      <c r="N777338" s="10"/>
    </row>
    <row r="777339" spans="14:14">
      <c r="N777339" s="10"/>
    </row>
    <row r="777340" spans="14:14">
      <c r="N777340" s="10"/>
    </row>
    <row r="777341" spans="14:14">
      <c r="N777341" s="10"/>
    </row>
    <row r="777342" spans="14:14">
      <c r="N777342" s="10"/>
    </row>
    <row r="777343" spans="14:14">
      <c r="N777343" s="10"/>
    </row>
    <row r="777344" spans="14:14">
      <c r="N777344" s="10"/>
    </row>
    <row r="777345" spans="14:14">
      <c r="N777345" s="10"/>
    </row>
    <row r="777346" spans="14:14">
      <c r="N777346" s="10"/>
    </row>
    <row r="777347" spans="14:14">
      <c r="N777347" s="10"/>
    </row>
    <row r="777348" spans="14:14">
      <c r="N777348" s="10"/>
    </row>
    <row r="777349" spans="14:14">
      <c r="N777349" s="10"/>
    </row>
    <row r="777350" spans="14:14">
      <c r="N777350" s="10"/>
    </row>
    <row r="777351" spans="14:14">
      <c r="N777351" s="10"/>
    </row>
    <row r="777352" spans="14:14">
      <c r="N777352" s="10"/>
    </row>
    <row r="777353" spans="14:14">
      <c r="N777353" s="10"/>
    </row>
    <row r="777354" spans="14:14">
      <c r="N777354" s="10"/>
    </row>
    <row r="777355" spans="14:14">
      <c r="N777355" s="10"/>
    </row>
    <row r="777356" spans="14:14">
      <c r="N777356" s="10"/>
    </row>
    <row r="777357" spans="14:14">
      <c r="N777357" s="10"/>
    </row>
    <row r="777358" spans="14:14">
      <c r="N777358" s="10"/>
    </row>
    <row r="777359" spans="14:14">
      <c r="N777359" s="10"/>
    </row>
    <row r="777360" spans="14:14">
      <c r="N777360" s="10"/>
    </row>
    <row r="777361" spans="14:14">
      <c r="N777361" s="10"/>
    </row>
    <row r="777362" spans="14:14">
      <c r="N777362" s="10"/>
    </row>
    <row r="777363" spans="14:14">
      <c r="N777363" s="10"/>
    </row>
    <row r="777364" spans="14:14">
      <c r="N777364" s="10"/>
    </row>
    <row r="777365" spans="14:14">
      <c r="N777365" s="10"/>
    </row>
    <row r="777366" spans="14:14">
      <c r="N777366" s="10"/>
    </row>
    <row r="777367" spans="14:14">
      <c r="N777367" s="10"/>
    </row>
    <row r="777368" spans="14:14">
      <c r="N777368" s="10"/>
    </row>
    <row r="777369" spans="14:14">
      <c r="N777369" s="10"/>
    </row>
    <row r="777370" spans="14:14">
      <c r="N777370" s="10"/>
    </row>
    <row r="777371" spans="14:14">
      <c r="N777371" s="10"/>
    </row>
    <row r="777372" spans="14:14">
      <c r="N777372" s="10"/>
    </row>
    <row r="777373" spans="14:14">
      <c r="N777373" s="10"/>
    </row>
    <row r="777374" spans="14:14">
      <c r="N777374" s="10"/>
    </row>
    <row r="777375" spans="14:14">
      <c r="N777375" s="10"/>
    </row>
    <row r="777376" spans="14:14">
      <c r="N777376" s="10"/>
    </row>
    <row r="777377" spans="14:14">
      <c r="N777377" s="10"/>
    </row>
    <row r="777378" spans="14:14">
      <c r="N777378" s="10"/>
    </row>
    <row r="777379" spans="14:14">
      <c r="N777379" s="10"/>
    </row>
    <row r="777380" spans="14:14">
      <c r="N777380" s="10"/>
    </row>
    <row r="777381" spans="14:14">
      <c r="N777381" s="10"/>
    </row>
    <row r="777382" spans="14:14">
      <c r="N777382" s="10"/>
    </row>
    <row r="777383" spans="14:14">
      <c r="N777383" s="10"/>
    </row>
    <row r="777384" spans="14:14">
      <c r="N777384" s="10"/>
    </row>
    <row r="777385" spans="14:14">
      <c r="N777385" s="10"/>
    </row>
    <row r="777386" spans="14:14">
      <c r="N777386" s="10"/>
    </row>
    <row r="777387" spans="14:14">
      <c r="N777387" s="10"/>
    </row>
    <row r="777388" spans="14:14">
      <c r="N777388" s="10"/>
    </row>
    <row r="777389" spans="14:14">
      <c r="N777389" s="10"/>
    </row>
    <row r="777390" spans="14:14">
      <c r="N777390" s="10"/>
    </row>
    <row r="777391" spans="14:14">
      <c r="N777391" s="10"/>
    </row>
    <row r="777392" spans="14:14">
      <c r="N777392" s="10"/>
    </row>
    <row r="777393" spans="14:14">
      <c r="N777393" s="10"/>
    </row>
    <row r="777394" spans="14:14">
      <c r="N777394" s="10"/>
    </row>
    <row r="777395" spans="14:14">
      <c r="N777395" s="10"/>
    </row>
    <row r="777396" spans="14:14">
      <c r="N777396" s="10"/>
    </row>
    <row r="777397" spans="14:14">
      <c r="N777397" s="10"/>
    </row>
    <row r="777398" spans="14:14">
      <c r="N777398" s="10"/>
    </row>
    <row r="777399" spans="14:14">
      <c r="N777399" s="10"/>
    </row>
    <row r="777400" spans="14:14">
      <c r="N777400" s="10"/>
    </row>
    <row r="777401" spans="14:14">
      <c r="N777401" s="10"/>
    </row>
    <row r="777402" spans="14:14">
      <c r="N777402" s="10"/>
    </row>
    <row r="777403" spans="14:14">
      <c r="N777403" s="10"/>
    </row>
    <row r="777404" spans="14:14">
      <c r="N777404" s="10"/>
    </row>
    <row r="777405" spans="14:14">
      <c r="N777405" s="10"/>
    </row>
    <row r="777406" spans="14:14">
      <c r="N777406" s="10"/>
    </row>
    <row r="777407" spans="14:14">
      <c r="N777407" s="10"/>
    </row>
    <row r="777408" spans="14:14">
      <c r="N777408" s="10"/>
    </row>
    <row r="777409" spans="14:14">
      <c r="N777409" s="10"/>
    </row>
    <row r="777410" spans="14:14">
      <c r="N777410" s="10"/>
    </row>
    <row r="777411" spans="14:14">
      <c r="N777411" s="10"/>
    </row>
    <row r="777412" spans="14:14">
      <c r="N777412" s="10"/>
    </row>
    <row r="777413" spans="14:14">
      <c r="N777413" s="10"/>
    </row>
    <row r="777414" spans="14:14">
      <c r="N777414" s="10"/>
    </row>
    <row r="777415" spans="14:14">
      <c r="N777415" s="10"/>
    </row>
    <row r="777416" spans="14:14">
      <c r="N777416" s="10"/>
    </row>
    <row r="777417" spans="14:14">
      <c r="N777417" s="10"/>
    </row>
    <row r="777418" spans="14:14">
      <c r="N777418" s="10"/>
    </row>
    <row r="777419" spans="14:14">
      <c r="N777419" s="10"/>
    </row>
    <row r="777420" spans="14:14">
      <c r="N777420" s="10"/>
    </row>
    <row r="777421" spans="14:14">
      <c r="N777421" s="10"/>
    </row>
    <row r="777422" spans="14:14">
      <c r="N777422" s="10"/>
    </row>
    <row r="777423" spans="14:14">
      <c r="N777423" s="10"/>
    </row>
    <row r="777424" spans="14:14">
      <c r="N777424" s="10"/>
    </row>
    <row r="777425" spans="14:14">
      <c r="N777425" s="10"/>
    </row>
    <row r="777426" spans="14:14">
      <c r="N777426" s="10"/>
    </row>
    <row r="777427" spans="14:14">
      <c r="N777427" s="10"/>
    </row>
    <row r="777428" spans="14:14">
      <c r="N777428" s="10"/>
    </row>
    <row r="777429" spans="14:14">
      <c r="N777429" s="10"/>
    </row>
    <row r="777430" spans="14:14">
      <c r="N777430" s="10"/>
    </row>
    <row r="777431" spans="14:14">
      <c r="N777431" s="10"/>
    </row>
    <row r="777432" spans="14:14">
      <c r="N777432" s="10"/>
    </row>
    <row r="777433" spans="14:14">
      <c r="N777433" s="10"/>
    </row>
    <row r="777434" spans="14:14">
      <c r="N777434" s="10"/>
    </row>
    <row r="777435" spans="14:14">
      <c r="N777435" s="10"/>
    </row>
    <row r="777436" spans="14:14">
      <c r="N777436" s="10"/>
    </row>
    <row r="777437" spans="14:14">
      <c r="N777437" s="10"/>
    </row>
    <row r="777438" spans="14:14">
      <c r="N777438" s="10"/>
    </row>
    <row r="777439" spans="14:14">
      <c r="N777439" s="10"/>
    </row>
    <row r="777440" spans="14:14">
      <c r="N777440" s="10"/>
    </row>
    <row r="777441" spans="14:14">
      <c r="N777441" s="10"/>
    </row>
    <row r="777442" spans="14:14">
      <c r="N777442" s="10"/>
    </row>
    <row r="777443" spans="14:14">
      <c r="N777443" s="10"/>
    </row>
    <row r="777444" spans="14:14">
      <c r="N777444" s="10"/>
    </row>
    <row r="777445" spans="14:14">
      <c r="N777445" s="10"/>
    </row>
    <row r="777446" spans="14:14">
      <c r="N777446" s="10"/>
    </row>
    <row r="777447" spans="14:14">
      <c r="N777447" s="10"/>
    </row>
    <row r="777448" spans="14:14">
      <c r="N777448" s="10"/>
    </row>
    <row r="777449" spans="14:14">
      <c r="N777449" s="10"/>
    </row>
    <row r="777450" spans="14:14">
      <c r="N777450" s="10"/>
    </row>
    <row r="777451" spans="14:14">
      <c r="N777451" s="10"/>
    </row>
    <row r="777452" spans="14:14">
      <c r="N777452" s="10"/>
    </row>
    <row r="777453" spans="14:14">
      <c r="N777453" s="10"/>
    </row>
    <row r="777454" spans="14:14">
      <c r="N777454" s="10"/>
    </row>
    <row r="777455" spans="14:14">
      <c r="N777455" s="10"/>
    </row>
    <row r="777456" spans="14:14">
      <c r="N777456" s="10"/>
    </row>
    <row r="777457" spans="14:14">
      <c r="N777457" s="10"/>
    </row>
    <row r="777458" spans="14:14">
      <c r="N777458" s="10"/>
    </row>
    <row r="777459" spans="14:14">
      <c r="N777459" s="10"/>
    </row>
    <row r="777460" spans="14:14">
      <c r="N777460" s="10"/>
    </row>
    <row r="777461" spans="14:14">
      <c r="N777461" s="10"/>
    </row>
    <row r="777462" spans="14:14">
      <c r="N777462" s="10"/>
    </row>
    <row r="777463" spans="14:14">
      <c r="N777463" s="10"/>
    </row>
    <row r="777464" spans="14:14">
      <c r="N777464" s="10"/>
    </row>
    <row r="777465" spans="14:14">
      <c r="N777465" s="10"/>
    </row>
    <row r="777466" spans="14:14">
      <c r="N777466" s="10"/>
    </row>
    <row r="777467" spans="14:14">
      <c r="N777467" s="10"/>
    </row>
    <row r="777468" spans="14:14">
      <c r="N777468" s="10"/>
    </row>
    <row r="777469" spans="14:14">
      <c r="N777469" s="10"/>
    </row>
    <row r="777470" spans="14:14">
      <c r="N777470" s="10"/>
    </row>
    <row r="777471" spans="14:14">
      <c r="N777471" s="10"/>
    </row>
    <row r="777472" spans="14:14">
      <c r="N777472" s="10"/>
    </row>
    <row r="777473" spans="14:14">
      <c r="N777473" s="10"/>
    </row>
    <row r="777474" spans="14:14">
      <c r="N777474" s="10"/>
    </row>
    <row r="777475" spans="14:14">
      <c r="N777475" s="10"/>
    </row>
    <row r="777476" spans="14:14">
      <c r="N777476" s="10"/>
    </row>
    <row r="777477" spans="14:14">
      <c r="N777477" s="10"/>
    </row>
    <row r="777478" spans="14:14">
      <c r="N777478" s="10"/>
    </row>
    <row r="777479" spans="14:14">
      <c r="N777479" s="10"/>
    </row>
    <row r="777480" spans="14:14">
      <c r="N777480" s="10"/>
    </row>
    <row r="777481" spans="14:14">
      <c r="N777481" s="10"/>
    </row>
    <row r="777482" spans="14:14">
      <c r="N777482" s="10"/>
    </row>
    <row r="777483" spans="14:14">
      <c r="N777483" s="10"/>
    </row>
    <row r="777484" spans="14:14">
      <c r="N777484" s="10"/>
    </row>
    <row r="777485" spans="14:14">
      <c r="N777485" s="10"/>
    </row>
    <row r="777486" spans="14:14">
      <c r="N777486" s="10"/>
    </row>
    <row r="777487" spans="14:14">
      <c r="N777487" s="10"/>
    </row>
    <row r="777488" spans="14:14">
      <c r="N777488" s="10"/>
    </row>
    <row r="777489" spans="14:14">
      <c r="N777489" s="10"/>
    </row>
    <row r="777490" spans="14:14">
      <c r="N777490" s="10"/>
    </row>
    <row r="777491" spans="14:14">
      <c r="N777491" s="10"/>
    </row>
    <row r="777492" spans="14:14">
      <c r="N777492" s="10"/>
    </row>
    <row r="777493" spans="14:14">
      <c r="N777493" s="10"/>
    </row>
    <row r="777494" spans="14:14">
      <c r="N777494" s="10"/>
    </row>
    <row r="777495" spans="14:14">
      <c r="N777495" s="10"/>
    </row>
    <row r="777496" spans="14:14">
      <c r="N777496" s="10"/>
    </row>
    <row r="777497" spans="14:14">
      <c r="N777497" s="10"/>
    </row>
    <row r="777498" spans="14:14">
      <c r="N777498" s="10"/>
    </row>
    <row r="777499" spans="14:14">
      <c r="N777499" s="10"/>
    </row>
    <row r="777500" spans="14:14">
      <c r="N777500" s="10"/>
    </row>
    <row r="777501" spans="14:14">
      <c r="N777501" s="10"/>
    </row>
    <row r="777502" spans="14:14">
      <c r="N777502" s="10"/>
    </row>
    <row r="777503" spans="14:14">
      <c r="N777503" s="10"/>
    </row>
    <row r="777504" spans="14:14">
      <c r="N777504" s="10"/>
    </row>
    <row r="777505" spans="14:14">
      <c r="N777505" s="10"/>
    </row>
    <row r="777506" spans="14:14">
      <c r="N777506" s="10"/>
    </row>
    <row r="777507" spans="14:14">
      <c r="N777507" s="10"/>
    </row>
    <row r="777508" spans="14:14">
      <c r="N777508" s="10"/>
    </row>
    <row r="777509" spans="14:14">
      <c r="N777509" s="10"/>
    </row>
    <row r="777510" spans="14:14">
      <c r="N777510" s="10"/>
    </row>
    <row r="777511" spans="14:14">
      <c r="N777511" s="10"/>
    </row>
    <row r="777512" spans="14:14">
      <c r="N777512" s="10"/>
    </row>
    <row r="777513" spans="14:14">
      <c r="N777513" s="10"/>
    </row>
    <row r="777514" spans="14:14">
      <c r="N777514" s="10"/>
    </row>
    <row r="777515" spans="14:14">
      <c r="N777515" s="10"/>
    </row>
    <row r="777516" spans="14:14">
      <c r="N777516" s="10"/>
    </row>
    <row r="777517" spans="14:14">
      <c r="N777517" s="10"/>
    </row>
    <row r="777518" spans="14:14">
      <c r="N777518" s="10"/>
    </row>
    <row r="777519" spans="14:14">
      <c r="N777519" s="10"/>
    </row>
    <row r="777520" spans="14:14">
      <c r="N777520" s="10"/>
    </row>
    <row r="777521" spans="14:14">
      <c r="N777521" s="10"/>
    </row>
    <row r="777522" spans="14:14">
      <c r="N777522" s="10"/>
    </row>
    <row r="777523" spans="14:14">
      <c r="N777523" s="10"/>
    </row>
    <row r="777524" spans="14:14">
      <c r="N777524" s="10"/>
    </row>
    <row r="777525" spans="14:14">
      <c r="N777525" s="10"/>
    </row>
    <row r="777526" spans="14:14">
      <c r="N777526" s="10"/>
    </row>
    <row r="777527" spans="14:14">
      <c r="N777527" s="10"/>
    </row>
    <row r="777528" spans="14:14">
      <c r="N777528" s="10"/>
    </row>
    <row r="777529" spans="14:14">
      <c r="N777529" s="10"/>
    </row>
    <row r="777530" spans="14:14">
      <c r="N777530" s="10"/>
    </row>
    <row r="777531" spans="14:14">
      <c r="N777531" s="10"/>
    </row>
    <row r="777532" spans="14:14">
      <c r="N777532" s="10"/>
    </row>
    <row r="777533" spans="14:14">
      <c r="N777533" s="10"/>
    </row>
    <row r="777534" spans="14:14">
      <c r="N777534" s="10"/>
    </row>
    <row r="777535" spans="14:14">
      <c r="N777535" s="10"/>
    </row>
    <row r="777536" spans="14:14">
      <c r="N777536" s="10"/>
    </row>
    <row r="777537" spans="14:14">
      <c r="N777537" s="10"/>
    </row>
    <row r="777538" spans="14:14">
      <c r="N777538" s="10"/>
    </row>
    <row r="777539" spans="14:14">
      <c r="N777539" s="10"/>
    </row>
    <row r="777540" spans="14:14">
      <c r="N777540" s="10"/>
    </row>
    <row r="777541" spans="14:14">
      <c r="N777541" s="10"/>
    </row>
    <row r="777542" spans="14:14">
      <c r="N777542" s="10"/>
    </row>
    <row r="777543" spans="14:14">
      <c r="N777543" s="10"/>
    </row>
    <row r="777544" spans="14:14">
      <c r="N777544" s="10"/>
    </row>
    <row r="777545" spans="14:14">
      <c r="N777545" s="10"/>
    </row>
    <row r="777546" spans="14:14">
      <c r="N777546" s="10"/>
    </row>
    <row r="777547" spans="14:14">
      <c r="N777547" s="10"/>
    </row>
    <row r="777548" spans="14:14">
      <c r="N777548" s="10"/>
    </row>
    <row r="777549" spans="14:14">
      <c r="N777549" s="10"/>
    </row>
    <row r="777550" spans="14:14">
      <c r="N777550" s="10"/>
    </row>
    <row r="777551" spans="14:14">
      <c r="N777551" s="10"/>
    </row>
    <row r="777552" spans="14:14">
      <c r="N777552" s="10"/>
    </row>
    <row r="777553" spans="14:14">
      <c r="N777553" s="10"/>
    </row>
    <row r="777554" spans="14:14">
      <c r="N777554" s="10"/>
    </row>
    <row r="777555" spans="14:14">
      <c r="N777555" s="10"/>
    </row>
    <row r="777556" spans="14:14">
      <c r="N777556" s="10"/>
    </row>
    <row r="777557" spans="14:14">
      <c r="N777557" s="10"/>
    </row>
    <row r="777558" spans="14:14">
      <c r="N777558" s="10"/>
    </row>
    <row r="777559" spans="14:14">
      <c r="N777559" s="10"/>
    </row>
    <row r="777560" spans="14:14">
      <c r="N777560" s="10"/>
    </row>
    <row r="777561" spans="14:14">
      <c r="N777561" s="10"/>
    </row>
    <row r="777562" spans="14:14">
      <c r="N777562" s="10"/>
    </row>
    <row r="777563" spans="14:14">
      <c r="N777563" s="10"/>
    </row>
    <row r="777564" spans="14:14">
      <c r="N777564" s="10"/>
    </row>
    <row r="777565" spans="14:14">
      <c r="N777565" s="10"/>
    </row>
    <row r="777566" spans="14:14">
      <c r="N777566" s="10"/>
    </row>
    <row r="777567" spans="14:14">
      <c r="N777567" s="10"/>
    </row>
    <row r="777568" spans="14:14">
      <c r="N777568" s="10"/>
    </row>
    <row r="777569" spans="14:14">
      <c r="N777569" s="10"/>
    </row>
    <row r="777570" spans="14:14">
      <c r="N777570" s="10"/>
    </row>
    <row r="777571" spans="14:14">
      <c r="N777571" s="10"/>
    </row>
    <row r="777572" spans="14:14">
      <c r="N777572" s="10"/>
    </row>
    <row r="777573" spans="14:14">
      <c r="N777573" s="10"/>
    </row>
    <row r="777574" spans="14:14">
      <c r="N777574" s="10"/>
    </row>
    <row r="777575" spans="14:14">
      <c r="N777575" s="10"/>
    </row>
    <row r="777576" spans="14:14">
      <c r="N777576" s="10"/>
    </row>
    <row r="777577" spans="14:14">
      <c r="N777577" s="10"/>
    </row>
    <row r="777578" spans="14:14">
      <c r="N777578" s="10"/>
    </row>
    <row r="777579" spans="14:14">
      <c r="N777579" s="10"/>
    </row>
    <row r="777580" spans="14:14">
      <c r="N777580" s="10"/>
    </row>
    <row r="777581" spans="14:14">
      <c r="N777581" s="10"/>
    </row>
    <row r="777582" spans="14:14">
      <c r="N777582" s="10"/>
    </row>
    <row r="777583" spans="14:14">
      <c r="N777583" s="10"/>
    </row>
    <row r="777584" spans="14:14">
      <c r="N777584" s="10"/>
    </row>
    <row r="777585" spans="14:14">
      <c r="N777585" s="10"/>
    </row>
    <row r="777586" spans="14:14">
      <c r="N777586" s="10"/>
    </row>
    <row r="777587" spans="14:14">
      <c r="N777587" s="10"/>
    </row>
    <row r="777588" spans="14:14">
      <c r="N777588" s="10"/>
    </row>
    <row r="777589" spans="14:14">
      <c r="N777589" s="10"/>
    </row>
    <row r="777590" spans="14:14">
      <c r="N777590" s="10"/>
    </row>
    <row r="777591" spans="14:14">
      <c r="N777591" s="10"/>
    </row>
    <row r="777592" spans="14:14">
      <c r="N777592" s="10"/>
    </row>
    <row r="777593" spans="14:14">
      <c r="N777593" s="10"/>
    </row>
    <row r="777594" spans="14:14">
      <c r="N777594" s="10"/>
    </row>
    <row r="777595" spans="14:14">
      <c r="N777595" s="10"/>
    </row>
    <row r="777596" spans="14:14">
      <c r="N777596" s="10"/>
    </row>
    <row r="777597" spans="14:14">
      <c r="N777597" s="10"/>
    </row>
    <row r="777598" spans="14:14">
      <c r="N777598" s="10"/>
    </row>
    <row r="777599" spans="14:14">
      <c r="N777599" s="10"/>
    </row>
    <row r="777600" spans="14:14">
      <c r="N777600" s="10"/>
    </row>
    <row r="777601" spans="14:14">
      <c r="N777601" s="10"/>
    </row>
    <row r="777602" spans="14:14">
      <c r="N777602" s="10"/>
    </row>
    <row r="777603" spans="14:14">
      <c r="N777603" s="10"/>
    </row>
    <row r="777604" spans="14:14">
      <c r="N777604" s="10"/>
    </row>
    <row r="777605" spans="14:14">
      <c r="N777605" s="10"/>
    </row>
    <row r="777606" spans="14:14">
      <c r="N777606" s="10"/>
    </row>
    <row r="777607" spans="14:14">
      <c r="N777607" s="10"/>
    </row>
    <row r="777608" spans="14:14">
      <c r="N777608" s="10"/>
    </row>
    <row r="777609" spans="14:14">
      <c r="N777609" s="10"/>
    </row>
    <row r="777610" spans="14:14">
      <c r="N777610" s="10"/>
    </row>
    <row r="777611" spans="14:14">
      <c r="N777611" s="10"/>
    </row>
    <row r="777612" spans="14:14">
      <c r="N777612" s="10"/>
    </row>
    <row r="777613" spans="14:14">
      <c r="N777613" s="10"/>
    </row>
    <row r="777614" spans="14:14">
      <c r="N777614" s="10"/>
    </row>
    <row r="777615" spans="14:14">
      <c r="N777615" s="10"/>
    </row>
    <row r="777616" spans="14:14">
      <c r="N777616" s="10"/>
    </row>
    <row r="777617" spans="14:14">
      <c r="N777617" s="10"/>
    </row>
    <row r="777618" spans="14:14">
      <c r="N777618" s="10"/>
    </row>
    <row r="777619" spans="14:14">
      <c r="N777619" s="10"/>
    </row>
    <row r="777620" spans="14:14">
      <c r="N777620" s="10"/>
    </row>
    <row r="777621" spans="14:14">
      <c r="N777621" s="10"/>
    </row>
    <row r="777622" spans="14:14">
      <c r="N777622" s="10"/>
    </row>
    <row r="777623" spans="14:14">
      <c r="N777623" s="10"/>
    </row>
    <row r="777624" spans="14:14">
      <c r="N777624" s="10"/>
    </row>
    <row r="777625" spans="14:14">
      <c r="N777625" s="10"/>
    </row>
    <row r="777626" spans="14:14">
      <c r="N777626" s="10"/>
    </row>
    <row r="777627" spans="14:14">
      <c r="N777627" s="10"/>
    </row>
    <row r="777628" spans="14:14">
      <c r="N777628" s="10"/>
    </row>
    <row r="777629" spans="14:14">
      <c r="N777629" s="10"/>
    </row>
    <row r="777630" spans="14:14">
      <c r="N777630" s="10"/>
    </row>
    <row r="777631" spans="14:14">
      <c r="N777631" s="10"/>
    </row>
    <row r="777632" spans="14:14">
      <c r="N777632" s="10"/>
    </row>
    <row r="777633" spans="14:14">
      <c r="N777633" s="10"/>
    </row>
    <row r="777634" spans="14:14">
      <c r="N777634" s="10"/>
    </row>
    <row r="777635" spans="14:14">
      <c r="N777635" s="10"/>
    </row>
    <row r="777636" spans="14:14">
      <c r="N777636" s="10"/>
    </row>
    <row r="777637" spans="14:14">
      <c r="N777637" s="10"/>
    </row>
    <row r="777638" spans="14:14">
      <c r="N777638" s="10"/>
    </row>
    <row r="777639" spans="14:14">
      <c r="N777639" s="10"/>
    </row>
    <row r="777640" spans="14:14">
      <c r="N777640" s="10"/>
    </row>
    <row r="777641" spans="14:14">
      <c r="N777641" s="10"/>
    </row>
    <row r="777642" spans="14:14">
      <c r="N777642" s="10"/>
    </row>
    <row r="777643" spans="14:14">
      <c r="N777643" s="10"/>
    </row>
    <row r="777644" spans="14:14">
      <c r="N777644" s="10"/>
    </row>
    <row r="777645" spans="14:14">
      <c r="N777645" s="10"/>
    </row>
    <row r="777646" spans="14:14">
      <c r="N777646" s="10"/>
    </row>
    <row r="777647" spans="14:14">
      <c r="N777647" s="10"/>
    </row>
    <row r="777648" spans="14:14">
      <c r="N777648" s="10"/>
    </row>
    <row r="777649" spans="14:14">
      <c r="N777649" s="10"/>
    </row>
    <row r="777650" spans="14:14">
      <c r="N777650" s="10"/>
    </row>
    <row r="777651" spans="14:14">
      <c r="N777651" s="10"/>
    </row>
    <row r="777652" spans="14:14">
      <c r="N777652" s="10"/>
    </row>
    <row r="777653" spans="14:14">
      <c r="N777653" s="10"/>
    </row>
    <row r="777654" spans="14:14">
      <c r="N777654" s="10"/>
    </row>
    <row r="777655" spans="14:14">
      <c r="N777655" s="10"/>
    </row>
    <row r="777656" spans="14:14">
      <c r="N777656" s="10"/>
    </row>
    <row r="777657" spans="14:14">
      <c r="N777657" s="10"/>
    </row>
    <row r="777658" spans="14:14">
      <c r="N777658" s="10"/>
    </row>
    <row r="777659" spans="14:14">
      <c r="N777659" s="10"/>
    </row>
    <row r="777660" spans="14:14">
      <c r="N777660" s="10"/>
    </row>
    <row r="777661" spans="14:14">
      <c r="N777661" s="10"/>
    </row>
    <row r="777662" spans="14:14">
      <c r="N777662" s="10"/>
    </row>
    <row r="777663" spans="14:14">
      <c r="N777663" s="10"/>
    </row>
    <row r="777664" spans="14:14">
      <c r="N777664" s="10"/>
    </row>
    <row r="777665" spans="14:14">
      <c r="N777665" s="10"/>
    </row>
    <row r="777666" spans="14:14">
      <c r="N777666" s="10"/>
    </row>
    <row r="777667" spans="14:14">
      <c r="N777667" s="10"/>
    </row>
    <row r="777668" spans="14:14">
      <c r="N777668" s="10"/>
    </row>
    <row r="777669" spans="14:14">
      <c r="N777669" s="10"/>
    </row>
    <row r="777670" spans="14:14">
      <c r="N777670" s="10"/>
    </row>
    <row r="777671" spans="14:14">
      <c r="N777671" s="10"/>
    </row>
    <row r="777672" spans="14:14">
      <c r="N777672" s="10"/>
    </row>
    <row r="777673" spans="14:14">
      <c r="N777673" s="10"/>
    </row>
    <row r="777674" spans="14:14">
      <c r="N777674" s="10"/>
    </row>
    <row r="777675" spans="14:14">
      <c r="N777675" s="10"/>
    </row>
    <row r="777676" spans="14:14">
      <c r="N777676" s="10"/>
    </row>
    <row r="777677" spans="14:14">
      <c r="N777677" s="10"/>
    </row>
    <row r="777678" spans="14:14">
      <c r="N777678" s="10"/>
    </row>
    <row r="777679" spans="14:14">
      <c r="N777679" s="10"/>
    </row>
    <row r="777680" spans="14:14">
      <c r="N777680" s="10"/>
    </row>
    <row r="777681" spans="14:14">
      <c r="N777681" s="10"/>
    </row>
    <row r="777682" spans="14:14">
      <c r="N777682" s="10"/>
    </row>
    <row r="777683" spans="14:14">
      <c r="N777683" s="10"/>
    </row>
    <row r="777684" spans="14:14">
      <c r="N777684" s="10"/>
    </row>
    <row r="777685" spans="14:14">
      <c r="N777685" s="10"/>
    </row>
    <row r="777686" spans="14:14">
      <c r="N777686" s="10"/>
    </row>
    <row r="777687" spans="14:14">
      <c r="N777687" s="10"/>
    </row>
    <row r="777688" spans="14:14">
      <c r="N777688" s="10"/>
    </row>
    <row r="777689" spans="14:14">
      <c r="N777689" s="10"/>
    </row>
    <row r="777690" spans="14:14">
      <c r="N777690" s="10"/>
    </row>
    <row r="777691" spans="14:14">
      <c r="N777691" s="10"/>
    </row>
    <row r="777692" spans="14:14">
      <c r="N777692" s="10"/>
    </row>
    <row r="777693" spans="14:14">
      <c r="N777693" s="10"/>
    </row>
    <row r="777694" spans="14:14">
      <c r="N777694" s="10"/>
    </row>
    <row r="777695" spans="14:14">
      <c r="N777695" s="10"/>
    </row>
    <row r="777696" spans="14:14">
      <c r="N777696" s="10"/>
    </row>
    <row r="777697" spans="14:14">
      <c r="N777697" s="10"/>
    </row>
    <row r="777698" spans="14:14">
      <c r="N777698" s="10"/>
    </row>
    <row r="777699" spans="14:14">
      <c r="N777699" s="10"/>
    </row>
    <row r="777700" spans="14:14">
      <c r="N777700" s="10"/>
    </row>
    <row r="777701" spans="14:14">
      <c r="N777701" s="10"/>
    </row>
    <row r="777702" spans="14:14">
      <c r="N777702" s="10"/>
    </row>
    <row r="777703" spans="14:14">
      <c r="N777703" s="10"/>
    </row>
    <row r="777704" spans="14:14">
      <c r="N777704" s="10"/>
    </row>
    <row r="777705" spans="14:14">
      <c r="N777705" s="10"/>
    </row>
    <row r="777706" spans="14:14">
      <c r="N777706" s="10"/>
    </row>
    <row r="777707" spans="14:14">
      <c r="N777707" s="10"/>
    </row>
    <row r="777708" spans="14:14">
      <c r="N777708" s="10"/>
    </row>
    <row r="777709" spans="14:14">
      <c r="N777709" s="10"/>
    </row>
    <row r="777710" spans="14:14">
      <c r="N777710" s="10"/>
    </row>
    <row r="777711" spans="14:14">
      <c r="N777711" s="10"/>
    </row>
    <row r="777712" spans="14:14">
      <c r="N777712" s="10"/>
    </row>
    <row r="777713" spans="14:14">
      <c r="N777713" s="10"/>
    </row>
    <row r="777714" spans="14:14">
      <c r="N777714" s="10"/>
    </row>
    <row r="777715" spans="14:14">
      <c r="N777715" s="10"/>
    </row>
    <row r="777716" spans="14:14">
      <c r="N777716" s="10"/>
    </row>
    <row r="777717" spans="14:14">
      <c r="N777717" s="10"/>
    </row>
    <row r="777718" spans="14:14">
      <c r="N777718" s="10"/>
    </row>
    <row r="777719" spans="14:14">
      <c r="N777719" s="10"/>
    </row>
    <row r="777720" spans="14:14">
      <c r="N777720" s="10"/>
    </row>
    <row r="777721" spans="14:14">
      <c r="N777721" s="10"/>
    </row>
    <row r="777722" spans="14:14">
      <c r="N777722" s="10"/>
    </row>
    <row r="777723" spans="14:14">
      <c r="N777723" s="10"/>
    </row>
    <row r="777724" spans="14:14">
      <c r="N777724" s="10"/>
    </row>
    <row r="777725" spans="14:14">
      <c r="N777725" s="10"/>
    </row>
    <row r="777726" spans="14:14">
      <c r="N777726" s="10"/>
    </row>
    <row r="777727" spans="14:14">
      <c r="N777727" s="10"/>
    </row>
    <row r="777728" spans="14:14">
      <c r="N777728" s="10"/>
    </row>
    <row r="777729" spans="14:14">
      <c r="N777729" s="10"/>
    </row>
    <row r="777730" spans="14:14">
      <c r="N777730" s="10"/>
    </row>
    <row r="777731" spans="14:14">
      <c r="N777731" s="10"/>
    </row>
    <row r="777732" spans="14:14">
      <c r="N777732" s="10"/>
    </row>
    <row r="777733" spans="14:14">
      <c r="N777733" s="10"/>
    </row>
    <row r="777734" spans="14:14">
      <c r="N777734" s="10"/>
    </row>
    <row r="777735" spans="14:14">
      <c r="N777735" s="10"/>
    </row>
    <row r="777736" spans="14:14">
      <c r="N777736" s="10"/>
    </row>
    <row r="777737" spans="14:14">
      <c r="N777737" s="10"/>
    </row>
    <row r="777738" spans="14:14">
      <c r="N777738" s="10"/>
    </row>
    <row r="777739" spans="14:14">
      <c r="N777739" s="10"/>
    </row>
    <row r="777740" spans="14:14">
      <c r="N777740" s="10"/>
    </row>
    <row r="777741" spans="14:14">
      <c r="N777741" s="10"/>
    </row>
    <row r="777742" spans="14:14">
      <c r="N777742" s="10"/>
    </row>
    <row r="777743" spans="14:14">
      <c r="N777743" s="10"/>
    </row>
    <row r="777744" spans="14:14">
      <c r="N777744" s="10"/>
    </row>
    <row r="777745" spans="14:14">
      <c r="N777745" s="10"/>
    </row>
    <row r="777746" spans="14:14">
      <c r="N777746" s="10"/>
    </row>
    <row r="777747" spans="14:14">
      <c r="N777747" s="10"/>
    </row>
    <row r="777748" spans="14:14">
      <c r="N777748" s="10"/>
    </row>
    <row r="777749" spans="14:14">
      <c r="N777749" s="10"/>
    </row>
    <row r="777750" spans="14:14">
      <c r="N777750" s="10"/>
    </row>
    <row r="777751" spans="14:14">
      <c r="N777751" s="10"/>
    </row>
    <row r="777752" spans="14:14">
      <c r="N777752" s="10"/>
    </row>
    <row r="777753" spans="14:14">
      <c r="N777753" s="10"/>
    </row>
    <row r="777754" spans="14:14">
      <c r="N777754" s="10"/>
    </row>
    <row r="777755" spans="14:14">
      <c r="N777755" s="10"/>
    </row>
    <row r="777756" spans="14:14">
      <c r="N777756" s="10"/>
    </row>
    <row r="777757" spans="14:14">
      <c r="N777757" s="10"/>
    </row>
    <row r="777758" spans="14:14">
      <c r="N777758" s="10"/>
    </row>
    <row r="777759" spans="14:14">
      <c r="N777759" s="10"/>
    </row>
    <row r="777760" spans="14:14">
      <c r="N777760" s="10"/>
    </row>
    <row r="777761" spans="14:14">
      <c r="N777761" s="10"/>
    </row>
    <row r="777762" spans="14:14">
      <c r="N777762" s="10"/>
    </row>
    <row r="777763" spans="14:14">
      <c r="N777763" s="10"/>
    </row>
    <row r="777764" spans="14:14">
      <c r="N777764" s="10"/>
    </row>
    <row r="777765" spans="14:14">
      <c r="N777765" s="10"/>
    </row>
    <row r="777766" spans="14:14">
      <c r="N777766" s="10"/>
    </row>
    <row r="777767" spans="14:14">
      <c r="N777767" s="10"/>
    </row>
    <row r="777768" spans="14:14">
      <c r="N777768" s="10"/>
    </row>
    <row r="777769" spans="14:14">
      <c r="N777769" s="10"/>
    </row>
    <row r="777770" spans="14:14">
      <c r="N777770" s="10"/>
    </row>
    <row r="777771" spans="14:14">
      <c r="N777771" s="10"/>
    </row>
    <row r="777772" spans="14:14">
      <c r="N777772" s="10"/>
    </row>
    <row r="777773" spans="14:14">
      <c r="N777773" s="10"/>
    </row>
    <row r="777774" spans="14:14">
      <c r="N777774" s="10"/>
    </row>
    <row r="777775" spans="14:14">
      <c r="N777775" s="10"/>
    </row>
    <row r="777776" spans="14:14">
      <c r="N777776" s="10"/>
    </row>
    <row r="777777" spans="14:14">
      <c r="N777777" s="10"/>
    </row>
    <row r="777778" spans="14:14">
      <c r="N777778" s="10"/>
    </row>
    <row r="777779" spans="14:14">
      <c r="N777779" s="10"/>
    </row>
    <row r="777780" spans="14:14">
      <c r="N777780" s="10"/>
    </row>
    <row r="777781" spans="14:14">
      <c r="N777781" s="10"/>
    </row>
    <row r="777782" spans="14:14">
      <c r="N777782" s="10"/>
    </row>
    <row r="777783" spans="14:14">
      <c r="N777783" s="10"/>
    </row>
    <row r="777784" spans="14:14">
      <c r="N777784" s="10"/>
    </row>
    <row r="777785" spans="14:14">
      <c r="N777785" s="10"/>
    </row>
    <row r="777786" spans="14:14">
      <c r="N777786" s="10"/>
    </row>
    <row r="777787" spans="14:14">
      <c r="N777787" s="10"/>
    </row>
    <row r="777788" spans="14:14">
      <c r="N777788" s="10"/>
    </row>
    <row r="777789" spans="14:14">
      <c r="N777789" s="10"/>
    </row>
    <row r="777790" spans="14:14">
      <c r="N777790" s="10"/>
    </row>
    <row r="777791" spans="14:14">
      <c r="N777791" s="10"/>
    </row>
    <row r="777792" spans="14:14">
      <c r="N777792" s="10"/>
    </row>
    <row r="777793" spans="14:14">
      <c r="N777793" s="10"/>
    </row>
    <row r="777794" spans="14:14">
      <c r="N777794" s="10"/>
    </row>
    <row r="777795" spans="14:14">
      <c r="N777795" s="10"/>
    </row>
    <row r="777796" spans="14:14">
      <c r="N777796" s="10"/>
    </row>
    <row r="777797" spans="14:14">
      <c r="N777797" s="10"/>
    </row>
    <row r="777798" spans="14:14">
      <c r="N777798" s="10"/>
    </row>
    <row r="777799" spans="14:14">
      <c r="N777799" s="10"/>
    </row>
    <row r="777800" spans="14:14">
      <c r="N777800" s="10"/>
    </row>
    <row r="777801" spans="14:14">
      <c r="N777801" s="10"/>
    </row>
    <row r="777802" spans="14:14">
      <c r="N777802" s="10"/>
    </row>
    <row r="777803" spans="14:14">
      <c r="N777803" s="10"/>
    </row>
    <row r="777804" spans="14:14">
      <c r="N777804" s="10"/>
    </row>
    <row r="777805" spans="14:14">
      <c r="N777805" s="10"/>
    </row>
    <row r="777806" spans="14:14">
      <c r="N777806" s="10"/>
    </row>
    <row r="777807" spans="14:14">
      <c r="N777807" s="10"/>
    </row>
    <row r="777808" spans="14:14">
      <c r="N777808" s="10"/>
    </row>
    <row r="777809" spans="14:14">
      <c r="N777809" s="10"/>
    </row>
    <row r="777810" spans="14:14">
      <c r="N777810" s="10"/>
    </row>
    <row r="777811" spans="14:14">
      <c r="N777811" s="10"/>
    </row>
    <row r="777812" spans="14:14">
      <c r="N777812" s="10"/>
    </row>
    <row r="777813" spans="14:14">
      <c r="N777813" s="10"/>
    </row>
    <row r="777814" spans="14:14">
      <c r="N777814" s="10"/>
    </row>
    <row r="777815" spans="14:14">
      <c r="N777815" s="10"/>
    </row>
    <row r="777816" spans="14:14">
      <c r="N777816" s="10"/>
    </row>
    <row r="777817" spans="14:14">
      <c r="N777817" s="10"/>
    </row>
    <row r="777818" spans="14:14">
      <c r="N777818" s="10"/>
    </row>
    <row r="777819" spans="14:14">
      <c r="N777819" s="10"/>
    </row>
    <row r="777820" spans="14:14">
      <c r="N777820" s="10"/>
    </row>
    <row r="777821" spans="14:14">
      <c r="N777821" s="10"/>
    </row>
    <row r="777822" spans="14:14">
      <c r="N777822" s="10"/>
    </row>
    <row r="777823" spans="14:14">
      <c r="N777823" s="10"/>
    </row>
    <row r="777824" spans="14:14">
      <c r="N777824" s="10"/>
    </row>
    <row r="777825" spans="14:14">
      <c r="N777825" s="10"/>
    </row>
    <row r="777826" spans="14:14">
      <c r="N777826" s="10"/>
    </row>
    <row r="777827" spans="14:14">
      <c r="N777827" s="10"/>
    </row>
    <row r="777828" spans="14:14">
      <c r="N777828" s="10"/>
    </row>
    <row r="777829" spans="14:14">
      <c r="N777829" s="10"/>
    </row>
    <row r="777830" spans="14:14">
      <c r="N777830" s="10"/>
    </row>
    <row r="777831" spans="14:14">
      <c r="N777831" s="10"/>
    </row>
    <row r="777832" spans="14:14">
      <c r="N777832" s="10"/>
    </row>
    <row r="777833" spans="14:14">
      <c r="N777833" s="10"/>
    </row>
    <row r="777834" spans="14:14">
      <c r="N777834" s="10"/>
    </row>
    <row r="777835" spans="14:14">
      <c r="N777835" s="10"/>
    </row>
    <row r="777836" spans="14:14">
      <c r="N777836" s="10"/>
    </row>
    <row r="777837" spans="14:14">
      <c r="N777837" s="10"/>
    </row>
    <row r="777838" spans="14:14">
      <c r="N777838" s="10"/>
    </row>
    <row r="777839" spans="14:14">
      <c r="N777839" s="10"/>
    </row>
    <row r="777840" spans="14:14">
      <c r="N777840" s="10"/>
    </row>
    <row r="777841" spans="14:14">
      <c r="N777841" s="10"/>
    </row>
    <row r="777842" spans="14:14">
      <c r="N777842" s="10"/>
    </row>
    <row r="777843" spans="14:14">
      <c r="N777843" s="10"/>
    </row>
    <row r="777844" spans="14:14">
      <c r="N777844" s="10"/>
    </row>
    <row r="777845" spans="14:14">
      <c r="N777845" s="10"/>
    </row>
    <row r="777846" spans="14:14">
      <c r="N777846" s="10"/>
    </row>
    <row r="777847" spans="14:14">
      <c r="N777847" s="10"/>
    </row>
    <row r="777848" spans="14:14">
      <c r="N777848" s="10"/>
    </row>
    <row r="777849" spans="14:14">
      <c r="N777849" s="10"/>
    </row>
    <row r="777850" spans="14:14">
      <c r="N777850" s="10"/>
    </row>
    <row r="777851" spans="14:14">
      <c r="N777851" s="10"/>
    </row>
    <row r="777852" spans="14:14">
      <c r="N777852" s="10"/>
    </row>
    <row r="777853" spans="14:14">
      <c r="N777853" s="10"/>
    </row>
    <row r="777854" spans="14:14">
      <c r="N777854" s="10"/>
    </row>
    <row r="777855" spans="14:14">
      <c r="N777855" s="10"/>
    </row>
    <row r="777856" spans="14:14">
      <c r="N777856" s="10"/>
    </row>
    <row r="777857" spans="14:14">
      <c r="N777857" s="10"/>
    </row>
    <row r="777858" spans="14:14">
      <c r="N777858" s="10"/>
    </row>
    <row r="777859" spans="14:14">
      <c r="N777859" s="10"/>
    </row>
    <row r="777860" spans="14:14">
      <c r="N777860" s="10"/>
    </row>
    <row r="777861" spans="14:14">
      <c r="N777861" s="10"/>
    </row>
    <row r="777862" spans="14:14">
      <c r="N777862" s="10"/>
    </row>
    <row r="777863" spans="14:14">
      <c r="N777863" s="10"/>
    </row>
    <row r="777864" spans="14:14">
      <c r="N777864" s="10"/>
    </row>
    <row r="777865" spans="14:14">
      <c r="N777865" s="10"/>
    </row>
    <row r="777866" spans="14:14">
      <c r="N777866" s="10"/>
    </row>
    <row r="777867" spans="14:14">
      <c r="N777867" s="10"/>
    </row>
    <row r="777868" spans="14:14">
      <c r="N777868" s="10"/>
    </row>
    <row r="777869" spans="14:14">
      <c r="N777869" s="10"/>
    </row>
    <row r="777870" spans="14:14">
      <c r="N777870" s="10"/>
    </row>
    <row r="777871" spans="14:14">
      <c r="N777871" s="10"/>
    </row>
    <row r="777872" spans="14:14">
      <c r="N777872" s="10"/>
    </row>
    <row r="777873" spans="14:14">
      <c r="N777873" s="10"/>
    </row>
    <row r="777874" spans="14:14">
      <c r="N777874" s="10"/>
    </row>
    <row r="777875" spans="14:14">
      <c r="N777875" s="10"/>
    </row>
    <row r="777876" spans="14:14">
      <c r="N777876" s="10"/>
    </row>
    <row r="777877" spans="14:14">
      <c r="N777877" s="10"/>
    </row>
    <row r="777878" spans="14:14">
      <c r="N777878" s="10"/>
    </row>
    <row r="777879" spans="14:14">
      <c r="N777879" s="10"/>
    </row>
    <row r="777880" spans="14:14">
      <c r="N777880" s="10"/>
    </row>
    <row r="777881" spans="14:14">
      <c r="N777881" s="10"/>
    </row>
    <row r="777882" spans="14:14">
      <c r="N777882" s="10"/>
    </row>
    <row r="777883" spans="14:14">
      <c r="N777883" s="10"/>
    </row>
    <row r="777884" spans="14:14">
      <c r="N777884" s="10"/>
    </row>
    <row r="777885" spans="14:14">
      <c r="N777885" s="10"/>
    </row>
    <row r="777886" spans="14:14">
      <c r="N777886" s="10"/>
    </row>
    <row r="777887" spans="14:14">
      <c r="N777887" s="10"/>
    </row>
    <row r="777888" spans="14:14">
      <c r="N777888" s="10"/>
    </row>
    <row r="777889" spans="14:14">
      <c r="N777889" s="10"/>
    </row>
    <row r="777890" spans="14:14">
      <c r="N777890" s="10"/>
    </row>
    <row r="777891" spans="14:14">
      <c r="N777891" s="10"/>
    </row>
    <row r="777892" spans="14:14">
      <c r="N777892" s="10"/>
    </row>
    <row r="777893" spans="14:14">
      <c r="N777893" s="10"/>
    </row>
    <row r="777894" spans="14:14">
      <c r="N777894" s="10"/>
    </row>
    <row r="777895" spans="14:14">
      <c r="N777895" s="10"/>
    </row>
    <row r="777896" spans="14:14">
      <c r="N777896" s="10"/>
    </row>
    <row r="777897" spans="14:14">
      <c r="N777897" s="10"/>
    </row>
    <row r="777898" spans="14:14">
      <c r="N777898" s="10"/>
    </row>
    <row r="777899" spans="14:14">
      <c r="N777899" s="10"/>
    </row>
    <row r="777900" spans="14:14">
      <c r="N777900" s="10"/>
    </row>
    <row r="777901" spans="14:14">
      <c r="N777901" s="10"/>
    </row>
    <row r="777902" spans="14:14">
      <c r="N777902" s="10"/>
    </row>
    <row r="777903" spans="14:14">
      <c r="N777903" s="10"/>
    </row>
    <row r="777904" spans="14:14">
      <c r="N777904" s="10"/>
    </row>
    <row r="777905" spans="14:14">
      <c r="N777905" s="10"/>
    </row>
    <row r="777906" spans="14:14">
      <c r="N777906" s="10"/>
    </row>
    <row r="777907" spans="14:14">
      <c r="N777907" s="10"/>
    </row>
    <row r="777908" spans="14:14">
      <c r="N777908" s="10"/>
    </row>
    <row r="777909" spans="14:14">
      <c r="N777909" s="10"/>
    </row>
    <row r="777910" spans="14:14">
      <c r="N777910" s="10"/>
    </row>
    <row r="777911" spans="14:14">
      <c r="N777911" s="10"/>
    </row>
    <row r="777912" spans="14:14">
      <c r="N777912" s="10"/>
    </row>
    <row r="777913" spans="14:14">
      <c r="N777913" s="10"/>
    </row>
    <row r="777914" spans="14:14">
      <c r="N777914" s="10"/>
    </row>
    <row r="777915" spans="14:14">
      <c r="N777915" s="10"/>
    </row>
    <row r="777916" spans="14:14">
      <c r="N777916" s="10"/>
    </row>
    <row r="777917" spans="14:14">
      <c r="N777917" s="10"/>
    </row>
    <row r="777918" spans="14:14">
      <c r="N777918" s="10"/>
    </row>
    <row r="777919" spans="14:14">
      <c r="N777919" s="10"/>
    </row>
    <row r="777920" spans="14:14">
      <c r="N777920" s="10"/>
    </row>
    <row r="777921" spans="14:14">
      <c r="N777921" s="10"/>
    </row>
    <row r="777922" spans="14:14">
      <c r="N777922" s="10"/>
    </row>
    <row r="777923" spans="14:14">
      <c r="N777923" s="10"/>
    </row>
    <row r="777924" spans="14:14">
      <c r="N777924" s="10"/>
    </row>
    <row r="777925" spans="14:14">
      <c r="N777925" s="10"/>
    </row>
    <row r="777926" spans="14:14">
      <c r="N777926" s="10"/>
    </row>
    <row r="777927" spans="14:14">
      <c r="N777927" s="10"/>
    </row>
    <row r="777928" spans="14:14">
      <c r="N777928" s="10"/>
    </row>
    <row r="777929" spans="14:14">
      <c r="N777929" s="10"/>
    </row>
    <row r="777930" spans="14:14">
      <c r="N777930" s="10"/>
    </row>
    <row r="777931" spans="14:14">
      <c r="N777931" s="10"/>
    </row>
    <row r="777932" spans="14:14">
      <c r="N777932" s="10"/>
    </row>
    <row r="777933" spans="14:14">
      <c r="N777933" s="10"/>
    </row>
    <row r="777934" spans="14:14">
      <c r="N777934" s="10"/>
    </row>
    <row r="777935" spans="14:14">
      <c r="N777935" s="10"/>
    </row>
    <row r="777936" spans="14:14">
      <c r="N777936" s="10"/>
    </row>
    <row r="777937" spans="14:14">
      <c r="N777937" s="10"/>
    </row>
    <row r="777938" spans="14:14">
      <c r="N777938" s="10"/>
    </row>
    <row r="777939" spans="14:14">
      <c r="N777939" s="10"/>
    </row>
    <row r="777940" spans="14:14">
      <c r="N777940" s="10"/>
    </row>
    <row r="777941" spans="14:14">
      <c r="N777941" s="10"/>
    </row>
    <row r="777942" spans="14:14">
      <c r="N777942" s="10"/>
    </row>
    <row r="777943" spans="14:14">
      <c r="N777943" s="10"/>
    </row>
    <row r="777944" spans="14:14">
      <c r="N777944" s="10"/>
    </row>
    <row r="777945" spans="14:14">
      <c r="N777945" s="10"/>
    </row>
    <row r="777946" spans="14:14">
      <c r="N777946" s="10"/>
    </row>
    <row r="777947" spans="14:14">
      <c r="N777947" s="10"/>
    </row>
    <row r="777948" spans="14:14">
      <c r="N777948" s="10"/>
    </row>
    <row r="777949" spans="14:14">
      <c r="N777949" s="10"/>
    </row>
    <row r="777950" spans="14:14">
      <c r="N777950" s="10"/>
    </row>
    <row r="777951" spans="14:14">
      <c r="N777951" s="10"/>
    </row>
    <row r="777952" spans="14:14">
      <c r="N777952" s="10"/>
    </row>
    <row r="777953" spans="14:14">
      <c r="N777953" s="10"/>
    </row>
    <row r="777954" spans="14:14">
      <c r="N777954" s="10"/>
    </row>
    <row r="777955" spans="14:14">
      <c r="N777955" s="10"/>
    </row>
    <row r="777956" spans="14:14">
      <c r="N777956" s="10"/>
    </row>
    <row r="777957" spans="14:14">
      <c r="N777957" s="10"/>
    </row>
    <row r="777958" spans="14:14">
      <c r="N777958" s="10"/>
    </row>
    <row r="777959" spans="14:14">
      <c r="N777959" s="10"/>
    </row>
    <row r="777960" spans="14:14">
      <c r="N777960" s="10"/>
    </row>
    <row r="777961" spans="14:14">
      <c r="N777961" s="10"/>
    </row>
    <row r="777962" spans="14:14">
      <c r="N777962" s="10"/>
    </row>
    <row r="777963" spans="14:14">
      <c r="N777963" s="10"/>
    </row>
    <row r="777964" spans="14:14">
      <c r="N777964" s="10"/>
    </row>
    <row r="777965" spans="14:14">
      <c r="N777965" s="10"/>
    </row>
    <row r="777966" spans="14:14">
      <c r="N777966" s="10"/>
    </row>
    <row r="777967" spans="14:14">
      <c r="N777967" s="10"/>
    </row>
    <row r="777968" spans="14:14">
      <c r="N777968" s="10"/>
    </row>
    <row r="777969" spans="14:14">
      <c r="N777969" s="10"/>
    </row>
    <row r="777970" spans="14:14">
      <c r="N777970" s="10"/>
    </row>
    <row r="777971" spans="14:14">
      <c r="N777971" s="10"/>
    </row>
    <row r="777972" spans="14:14">
      <c r="N777972" s="10"/>
    </row>
    <row r="777973" spans="14:14">
      <c r="N777973" s="10"/>
    </row>
    <row r="777974" spans="14:14">
      <c r="N777974" s="10"/>
    </row>
    <row r="777975" spans="14:14">
      <c r="N777975" s="10"/>
    </row>
    <row r="777976" spans="14:14">
      <c r="N777976" s="10"/>
    </row>
    <row r="777977" spans="14:14">
      <c r="N777977" s="10"/>
    </row>
    <row r="777978" spans="14:14">
      <c r="N777978" s="10"/>
    </row>
    <row r="777979" spans="14:14">
      <c r="N777979" s="10"/>
    </row>
    <row r="777980" spans="14:14">
      <c r="N777980" s="10"/>
    </row>
    <row r="777981" spans="14:14">
      <c r="N777981" s="10"/>
    </row>
    <row r="777982" spans="14:14">
      <c r="N777982" s="10"/>
    </row>
    <row r="777983" spans="14:14">
      <c r="N777983" s="10"/>
    </row>
    <row r="777984" spans="14:14">
      <c r="N777984" s="10"/>
    </row>
    <row r="777985" spans="14:14">
      <c r="N777985" s="10"/>
    </row>
    <row r="777986" spans="14:14">
      <c r="N777986" s="10"/>
    </row>
    <row r="777987" spans="14:14">
      <c r="N777987" s="10"/>
    </row>
    <row r="777988" spans="14:14">
      <c r="N777988" s="10"/>
    </row>
    <row r="777989" spans="14:14">
      <c r="N777989" s="10"/>
    </row>
    <row r="777990" spans="14:14">
      <c r="N777990" s="10"/>
    </row>
    <row r="777991" spans="14:14">
      <c r="N777991" s="10"/>
    </row>
    <row r="777992" spans="14:14">
      <c r="N777992" s="10"/>
    </row>
    <row r="777993" spans="14:14">
      <c r="N777993" s="10"/>
    </row>
    <row r="777994" spans="14:14">
      <c r="N777994" s="10"/>
    </row>
    <row r="777995" spans="14:14">
      <c r="N777995" s="10"/>
    </row>
    <row r="777996" spans="14:14">
      <c r="N777996" s="10"/>
    </row>
    <row r="777997" spans="14:14">
      <c r="N777997" s="10"/>
    </row>
    <row r="777998" spans="14:14">
      <c r="N777998" s="10"/>
    </row>
    <row r="777999" spans="14:14">
      <c r="N777999" s="10"/>
    </row>
    <row r="778000" spans="14:14">
      <c r="N778000" s="10"/>
    </row>
    <row r="778001" spans="14:14">
      <c r="N778001" s="10"/>
    </row>
    <row r="778002" spans="14:14">
      <c r="N778002" s="10"/>
    </row>
    <row r="778003" spans="14:14">
      <c r="N778003" s="10"/>
    </row>
    <row r="778004" spans="14:14">
      <c r="N778004" s="10"/>
    </row>
    <row r="778005" spans="14:14">
      <c r="N778005" s="10"/>
    </row>
    <row r="778006" spans="14:14">
      <c r="N778006" s="10"/>
    </row>
    <row r="778007" spans="14:14">
      <c r="N778007" s="10"/>
    </row>
    <row r="778008" spans="14:14">
      <c r="N778008" s="10"/>
    </row>
    <row r="778009" spans="14:14">
      <c r="N778009" s="10"/>
    </row>
    <row r="778010" spans="14:14">
      <c r="N778010" s="10"/>
    </row>
    <row r="778011" spans="14:14">
      <c r="N778011" s="10"/>
    </row>
    <row r="778012" spans="14:14">
      <c r="N778012" s="10"/>
    </row>
    <row r="778013" spans="14:14">
      <c r="N778013" s="10"/>
    </row>
    <row r="778014" spans="14:14">
      <c r="N778014" s="10"/>
    </row>
    <row r="778015" spans="14:14">
      <c r="N778015" s="10"/>
    </row>
    <row r="778016" spans="14:14">
      <c r="N778016" s="10"/>
    </row>
    <row r="778017" spans="14:14">
      <c r="N778017" s="10"/>
    </row>
    <row r="778018" spans="14:14">
      <c r="N778018" s="10"/>
    </row>
    <row r="778019" spans="14:14">
      <c r="N778019" s="10"/>
    </row>
    <row r="778020" spans="14:14">
      <c r="N778020" s="10"/>
    </row>
    <row r="778021" spans="14:14">
      <c r="N778021" s="10"/>
    </row>
    <row r="778022" spans="14:14">
      <c r="N778022" s="10"/>
    </row>
    <row r="778023" spans="14:14">
      <c r="N778023" s="10"/>
    </row>
    <row r="778024" spans="14:14">
      <c r="N778024" s="10"/>
    </row>
    <row r="778025" spans="14:14">
      <c r="N778025" s="10"/>
    </row>
    <row r="778026" spans="14:14">
      <c r="N778026" s="10"/>
    </row>
    <row r="778027" spans="14:14">
      <c r="N778027" s="10"/>
    </row>
    <row r="778028" spans="14:14">
      <c r="N778028" s="10"/>
    </row>
    <row r="778029" spans="14:14">
      <c r="N778029" s="10"/>
    </row>
    <row r="778030" spans="14:14">
      <c r="N778030" s="10"/>
    </row>
    <row r="778031" spans="14:14">
      <c r="N778031" s="10"/>
    </row>
    <row r="778032" spans="14:14">
      <c r="N778032" s="10"/>
    </row>
    <row r="778033" spans="14:14">
      <c r="N778033" s="10"/>
    </row>
    <row r="778034" spans="14:14">
      <c r="N778034" s="10"/>
    </row>
    <row r="778035" spans="14:14">
      <c r="N778035" s="10"/>
    </row>
    <row r="778036" spans="14:14">
      <c r="N778036" s="10"/>
    </row>
    <row r="778037" spans="14:14">
      <c r="N778037" s="10"/>
    </row>
    <row r="778038" spans="14:14">
      <c r="N778038" s="10"/>
    </row>
    <row r="778039" spans="14:14">
      <c r="N778039" s="10"/>
    </row>
    <row r="778040" spans="14:14">
      <c r="N778040" s="10"/>
    </row>
    <row r="778041" spans="14:14">
      <c r="N778041" s="10"/>
    </row>
    <row r="778042" spans="14:14">
      <c r="N778042" s="10"/>
    </row>
    <row r="778043" spans="14:14">
      <c r="N778043" s="10"/>
    </row>
    <row r="778044" spans="14:14">
      <c r="N778044" s="10"/>
    </row>
    <row r="778045" spans="14:14">
      <c r="N778045" s="10"/>
    </row>
    <row r="778046" spans="14:14">
      <c r="N778046" s="10"/>
    </row>
    <row r="778047" spans="14:14">
      <c r="N778047" s="10"/>
    </row>
    <row r="778048" spans="14:14">
      <c r="N778048" s="10"/>
    </row>
    <row r="778049" spans="14:14">
      <c r="N778049" s="10"/>
    </row>
    <row r="778050" spans="14:14">
      <c r="N778050" s="10"/>
    </row>
    <row r="778051" spans="14:14">
      <c r="N778051" s="10"/>
    </row>
    <row r="778052" spans="14:14">
      <c r="N778052" s="10"/>
    </row>
    <row r="778053" spans="14:14">
      <c r="N778053" s="10"/>
    </row>
    <row r="778054" spans="14:14">
      <c r="N778054" s="10"/>
    </row>
    <row r="778055" spans="14:14">
      <c r="N778055" s="10"/>
    </row>
    <row r="778056" spans="14:14">
      <c r="N778056" s="10"/>
    </row>
    <row r="778057" spans="14:14">
      <c r="N778057" s="10"/>
    </row>
    <row r="778058" spans="14:14">
      <c r="N778058" s="10"/>
    </row>
    <row r="778059" spans="14:14">
      <c r="N778059" s="10"/>
    </row>
    <row r="778060" spans="14:14">
      <c r="N778060" s="10"/>
    </row>
    <row r="778061" spans="14:14">
      <c r="N778061" s="10"/>
    </row>
    <row r="778062" spans="14:14">
      <c r="N778062" s="10"/>
    </row>
    <row r="778063" spans="14:14">
      <c r="N778063" s="10"/>
    </row>
    <row r="778064" spans="14:14">
      <c r="N778064" s="10"/>
    </row>
    <row r="778065" spans="14:14">
      <c r="N778065" s="10"/>
    </row>
    <row r="778066" spans="14:14">
      <c r="N778066" s="10"/>
    </row>
    <row r="778067" spans="14:14">
      <c r="N778067" s="10"/>
    </row>
    <row r="778068" spans="14:14">
      <c r="N778068" s="10"/>
    </row>
    <row r="778069" spans="14:14">
      <c r="N778069" s="10"/>
    </row>
    <row r="778070" spans="14:14">
      <c r="N778070" s="10"/>
    </row>
    <row r="778071" spans="14:14">
      <c r="N778071" s="10"/>
    </row>
    <row r="778072" spans="14:14">
      <c r="N778072" s="10"/>
    </row>
    <row r="778073" spans="14:14">
      <c r="N778073" s="10"/>
    </row>
    <row r="778074" spans="14:14">
      <c r="N778074" s="10"/>
    </row>
    <row r="778075" spans="14:14">
      <c r="N778075" s="10"/>
    </row>
    <row r="778076" spans="14:14">
      <c r="N778076" s="10"/>
    </row>
    <row r="778077" spans="14:14">
      <c r="N778077" s="10"/>
    </row>
    <row r="778078" spans="14:14">
      <c r="N778078" s="10"/>
    </row>
    <row r="778079" spans="14:14">
      <c r="N778079" s="10"/>
    </row>
    <row r="778080" spans="14:14">
      <c r="N778080" s="10"/>
    </row>
    <row r="778081" spans="14:14">
      <c r="N778081" s="10"/>
    </row>
    <row r="778082" spans="14:14">
      <c r="N778082" s="10"/>
    </row>
    <row r="778083" spans="14:14">
      <c r="N778083" s="10"/>
    </row>
    <row r="778084" spans="14:14">
      <c r="N778084" s="10"/>
    </row>
    <row r="778085" spans="14:14">
      <c r="N778085" s="10"/>
    </row>
    <row r="778086" spans="14:14">
      <c r="N778086" s="10"/>
    </row>
    <row r="778087" spans="14:14">
      <c r="N778087" s="10"/>
    </row>
    <row r="778088" spans="14:14">
      <c r="N778088" s="10"/>
    </row>
    <row r="778089" spans="14:14">
      <c r="N778089" s="10"/>
    </row>
    <row r="778090" spans="14:14">
      <c r="N778090" s="10"/>
    </row>
    <row r="778091" spans="14:14">
      <c r="N778091" s="10"/>
    </row>
    <row r="778092" spans="14:14">
      <c r="N778092" s="10"/>
    </row>
    <row r="778093" spans="14:14">
      <c r="N778093" s="10"/>
    </row>
    <row r="778094" spans="14:14">
      <c r="N778094" s="10"/>
    </row>
    <row r="778095" spans="14:14">
      <c r="N778095" s="10"/>
    </row>
    <row r="778096" spans="14:14">
      <c r="N778096" s="10"/>
    </row>
    <row r="778097" spans="14:14">
      <c r="N778097" s="10"/>
    </row>
    <row r="778098" spans="14:14">
      <c r="N778098" s="10"/>
    </row>
    <row r="778099" spans="14:14">
      <c r="N778099" s="10"/>
    </row>
    <row r="778100" spans="14:14">
      <c r="N778100" s="10"/>
    </row>
    <row r="778101" spans="14:14">
      <c r="N778101" s="10"/>
    </row>
    <row r="778102" spans="14:14">
      <c r="N778102" s="10"/>
    </row>
    <row r="778103" spans="14:14">
      <c r="N778103" s="10"/>
    </row>
    <row r="778104" spans="14:14">
      <c r="N778104" s="10"/>
    </row>
    <row r="778105" spans="14:14">
      <c r="N778105" s="10"/>
    </row>
    <row r="778106" spans="14:14">
      <c r="N778106" s="10"/>
    </row>
    <row r="778107" spans="14:14">
      <c r="N778107" s="10"/>
    </row>
    <row r="778108" spans="14:14">
      <c r="N778108" s="10"/>
    </row>
    <row r="778109" spans="14:14">
      <c r="N778109" s="10"/>
    </row>
    <row r="778110" spans="14:14">
      <c r="N778110" s="10"/>
    </row>
    <row r="778111" spans="14:14">
      <c r="N778111" s="10"/>
    </row>
    <row r="778112" spans="14:14">
      <c r="N778112" s="10"/>
    </row>
    <row r="778113" spans="14:14">
      <c r="N778113" s="10"/>
    </row>
    <row r="778114" spans="14:14">
      <c r="N778114" s="10"/>
    </row>
    <row r="778115" spans="14:14">
      <c r="N778115" s="10"/>
    </row>
    <row r="778116" spans="14:14">
      <c r="N778116" s="10"/>
    </row>
    <row r="778117" spans="14:14">
      <c r="N778117" s="10"/>
    </row>
    <row r="778118" spans="14:14">
      <c r="N778118" s="10"/>
    </row>
    <row r="778119" spans="14:14">
      <c r="N778119" s="10"/>
    </row>
    <row r="778120" spans="14:14">
      <c r="N778120" s="10"/>
    </row>
    <row r="778121" spans="14:14">
      <c r="N778121" s="10"/>
    </row>
    <row r="778122" spans="14:14">
      <c r="N778122" s="10"/>
    </row>
    <row r="778123" spans="14:14">
      <c r="N778123" s="10"/>
    </row>
    <row r="778124" spans="14:14">
      <c r="N778124" s="10"/>
    </row>
    <row r="778125" spans="14:14">
      <c r="N778125" s="10"/>
    </row>
    <row r="778126" spans="14:14">
      <c r="N778126" s="10"/>
    </row>
    <row r="778127" spans="14:14">
      <c r="N778127" s="10"/>
    </row>
    <row r="778128" spans="14:14">
      <c r="N778128" s="10"/>
    </row>
    <row r="778129" spans="14:14">
      <c r="N778129" s="10"/>
    </row>
    <row r="778130" spans="14:14">
      <c r="N778130" s="10"/>
    </row>
    <row r="778131" spans="14:14">
      <c r="N778131" s="10"/>
    </row>
    <row r="778132" spans="14:14">
      <c r="N778132" s="10"/>
    </row>
    <row r="778133" spans="14:14">
      <c r="N778133" s="10"/>
    </row>
    <row r="778134" spans="14:14">
      <c r="N778134" s="10"/>
    </row>
    <row r="778135" spans="14:14">
      <c r="N778135" s="10"/>
    </row>
    <row r="778136" spans="14:14">
      <c r="N778136" s="10"/>
    </row>
    <row r="778137" spans="14:14">
      <c r="N778137" s="10"/>
    </row>
    <row r="778138" spans="14:14">
      <c r="N778138" s="10"/>
    </row>
    <row r="778139" spans="14:14">
      <c r="N778139" s="10"/>
    </row>
    <row r="778140" spans="14:14">
      <c r="N778140" s="10"/>
    </row>
    <row r="778141" spans="14:14">
      <c r="N778141" s="10"/>
    </row>
    <row r="778142" spans="14:14">
      <c r="N778142" s="10"/>
    </row>
    <row r="778143" spans="14:14">
      <c r="N778143" s="10"/>
    </row>
    <row r="778144" spans="14:14">
      <c r="N778144" s="10"/>
    </row>
    <row r="778145" spans="14:14">
      <c r="N778145" s="10"/>
    </row>
    <row r="778146" spans="14:14">
      <c r="N778146" s="10"/>
    </row>
    <row r="778147" spans="14:14">
      <c r="N778147" s="10"/>
    </row>
    <row r="778148" spans="14:14">
      <c r="N778148" s="10"/>
    </row>
    <row r="778149" spans="14:14">
      <c r="N778149" s="10"/>
    </row>
    <row r="778150" spans="14:14">
      <c r="N778150" s="10"/>
    </row>
    <row r="778151" spans="14:14">
      <c r="N778151" s="10"/>
    </row>
    <row r="778152" spans="14:14">
      <c r="N778152" s="10"/>
    </row>
    <row r="778153" spans="14:14">
      <c r="N778153" s="10"/>
    </row>
    <row r="778154" spans="14:14">
      <c r="N778154" s="10"/>
    </row>
    <row r="778155" spans="14:14">
      <c r="N778155" s="10"/>
    </row>
    <row r="778156" spans="14:14">
      <c r="N778156" s="10"/>
    </row>
    <row r="778157" spans="14:14">
      <c r="N778157" s="10"/>
    </row>
    <row r="778158" spans="14:14">
      <c r="N778158" s="10"/>
    </row>
    <row r="778159" spans="14:14">
      <c r="N778159" s="10"/>
    </row>
    <row r="778160" spans="14:14">
      <c r="N778160" s="10"/>
    </row>
    <row r="778161" spans="14:14">
      <c r="N778161" s="10"/>
    </row>
    <row r="778162" spans="14:14">
      <c r="N778162" s="10"/>
    </row>
    <row r="778163" spans="14:14">
      <c r="N778163" s="10"/>
    </row>
    <row r="778164" spans="14:14">
      <c r="N778164" s="10"/>
    </row>
    <row r="778165" spans="14:14">
      <c r="N778165" s="10"/>
    </row>
    <row r="778166" spans="14:14">
      <c r="N778166" s="10"/>
    </row>
    <row r="778167" spans="14:14">
      <c r="N778167" s="10"/>
    </row>
    <row r="778168" spans="14:14">
      <c r="N778168" s="10"/>
    </row>
    <row r="778169" spans="14:14">
      <c r="N778169" s="10"/>
    </row>
    <row r="778170" spans="14:14">
      <c r="N778170" s="10"/>
    </row>
    <row r="778171" spans="14:14">
      <c r="N778171" s="10"/>
    </row>
    <row r="778172" spans="14:14">
      <c r="N778172" s="10"/>
    </row>
    <row r="778173" spans="14:14">
      <c r="N778173" s="10"/>
    </row>
    <row r="778174" spans="14:14">
      <c r="N778174" s="10"/>
    </row>
    <row r="778175" spans="14:14">
      <c r="N778175" s="10"/>
    </row>
    <row r="778176" spans="14:14">
      <c r="N778176" s="10"/>
    </row>
    <row r="778177" spans="14:14">
      <c r="N778177" s="10"/>
    </row>
    <row r="778178" spans="14:14">
      <c r="N778178" s="10"/>
    </row>
    <row r="778179" spans="14:14">
      <c r="N778179" s="10"/>
    </row>
    <row r="778180" spans="14:14">
      <c r="N778180" s="10"/>
    </row>
    <row r="778181" spans="14:14">
      <c r="N778181" s="10"/>
    </row>
    <row r="778182" spans="14:14">
      <c r="N778182" s="10"/>
    </row>
    <row r="778183" spans="14:14">
      <c r="N778183" s="10"/>
    </row>
    <row r="778184" spans="14:14">
      <c r="N778184" s="10"/>
    </row>
    <row r="778185" spans="14:14">
      <c r="N778185" s="10"/>
    </row>
    <row r="778186" spans="14:14">
      <c r="N778186" s="10"/>
    </row>
    <row r="778187" spans="14:14">
      <c r="N778187" s="10"/>
    </row>
    <row r="778188" spans="14:14">
      <c r="N778188" s="10"/>
    </row>
    <row r="778189" spans="14:14">
      <c r="N778189" s="10"/>
    </row>
    <row r="778190" spans="14:14">
      <c r="N778190" s="10"/>
    </row>
    <row r="778191" spans="14:14">
      <c r="N778191" s="10"/>
    </row>
    <row r="778192" spans="14:14">
      <c r="N778192" s="10"/>
    </row>
    <row r="778193" spans="14:14">
      <c r="N778193" s="10"/>
    </row>
    <row r="778194" spans="14:14">
      <c r="N778194" s="10"/>
    </row>
    <row r="778195" spans="14:14">
      <c r="N778195" s="10"/>
    </row>
    <row r="778196" spans="14:14">
      <c r="N778196" s="10"/>
    </row>
    <row r="778197" spans="14:14">
      <c r="N778197" s="10"/>
    </row>
    <row r="778198" spans="14:14">
      <c r="N778198" s="10"/>
    </row>
    <row r="778199" spans="14:14">
      <c r="N778199" s="10"/>
    </row>
    <row r="778200" spans="14:14">
      <c r="N778200" s="10"/>
    </row>
    <row r="778201" spans="14:14">
      <c r="N778201" s="10"/>
    </row>
    <row r="778202" spans="14:14">
      <c r="N778202" s="10"/>
    </row>
    <row r="778203" spans="14:14">
      <c r="N778203" s="10"/>
    </row>
    <row r="778204" spans="14:14">
      <c r="N778204" s="10"/>
    </row>
    <row r="778205" spans="14:14">
      <c r="N778205" s="10"/>
    </row>
    <row r="778206" spans="14:14">
      <c r="N778206" s="10"/>
    </row>
    <row r="778207" spans="14:14">
      <c r="N778207" s="10"/>
    </row>
    <row r="778208" spans="14:14">
      <c r="N778208" s="10"/>
    </row>
    <row r="778209" spans="14:14">
      <c r="N778209" s="10"/>
    </row>
    <row r="778210" spans="14:14">
      <c r="N778210" s="10"/>
    </row>
    <row r="778211" spans="14:14">
      <c r="N778211" s="10"/>
    </row>
    <row r="778212" spans="14:14">
      <c r="N778212" s="10"/>
    </row>
    <row r="778213" spans="14:14">
      <c r="N778213" s="10"/>
    </row>
    <row r="778214" spans="14:14">
      <c r="N778214" s="10"/>
    </row>
    <row r="778215" spans="14:14">
      <c r="N778215" s="10"/>
    </row>
    <row r="778216" spans="14:14">
      <c r="N778216" s="10"/>
    </row>
    <row r="778217" spans="14:14">
      <c r="N778217" s="10"/>
    </row>
    <row r="778218" spans="14:14">
      <c r="N778218" s="10"/>
    </row>
    <row r="778219" spans="14:14">
      <c r="N778219" s="10"/>
    </row>
    <row r="778220" spans="14:14">
      <c r="N778220" s="10"/>
    </row>
    <row r="778221" spans="14:14">
      <c r="N778221" s="10"/>
    </row>
    <row r="778222" spans="14:14">
      <c r="N778222" s="10"/>
    </row>
    <row r="778223" spans="14:14">
      <c r="N778223" s="10"/>
    </row>
    <row r="778224" spans="14:14">
      <c r="N778224" s="10"/>
    </row>
    <row r="778225" spans="14:14">
      <c r="N778225" s="10"/>
    </row>
    <row r="778226" spans="14:14">
      <c r="N778226" s="10"/>
    </row>
    <row r="778227" spans="14:14">
      <c r="N778227" s="10"/>
    </row>
    <row r="778228" spans="14:14">
      <c r="N778228" s="10"/>
    </row>
    <row r="778229" spans="14:14">
      <c r="N778229" s="10"/>
    </row>
    <row r="778230" spans="14:14">
      <c r="N778230" s="10"/>
    </row>
    <row r="778231" spans="14:14">
      <c r="N778231" s="10"/>
    </row>
    <row r="778232" spans="14:14">
      <c r="N778232" s="10"/>
    </row>
    <row r="778233" spans="14:14">
      <c r="N778233" s="10"/>
    </row>
    <row r="778234" spans="14:14">
      <c r="N778234" s="10"/>
    </row>
    <row r="778235" spans="14:14">
      <c r="N778235" s="10"/>
    </row>
    <row r="778236" spans="14:14">
      <c r="N778236" s="10"/>
    </row>
    <row r="778237" spans="14:14">
      <c r="N778237" s="10"/>
    </row>
    <row r="778238" spans="14:14">
      <c r="N778238" s="10"/>
    </row>
    <row r="778239" spans="14:14">
      <c r="N778239" s="10"/>
    </row>
    <row r="778240" spans="14:14">
      <c r="N778240" s="10"/>
    </row>
    <row r="778241" spans="14:14">
      <c r="N778241" s="10"/>
    </row>
    <row r="778242" spans="14:14">
      <c r="N778242" s="10"/>
    </row>
    <row r="778243" spans="14:14">
      <c r="N778243" s="10"/>
    </row>
    <row r="778244" spans="14:14">
      <c r="N778244" s="10"/>
    </row>
    <row r="778245" spans="14:14">
      <c r="N778245" s="10"/>
    </row>
    <row r="778246" spans="14:14">
      <c r="N778246" s="10"/>
    </row>
    <row r="778247" spans="14:14">
      <c r="N778247" s="10"/>
    </row>
    <row r="778248" spans="14:14">
      <c r="N778248" s="10"/>
    </row>
    <row r="778249" spans="14:14">
      <c r="N778249" s="10"/>
    </row>
    <row r="778250" spans="14:14">
      <c r="N778250" s="10"/>
    </row>
    <row r="778251" spans="14:14">
      <c r="N778251" s="10"/>
    </row>
    <row r="778252" spans="14:14">
      <c r="N778252" s="10"/>
    </row>
    <row r="778253" spans="14:14">
      <c r="N778253" s="10"/>
    </row>
    <row r="778254" spans="14:14">
      <c r="N778254" s="10"/>
    </row>
    <row r="778255" spans="14:14">
      <c r="N778255" s="10"/>
    </row>
    <row r="778256" spans="14:14">
      <c r="N778256" s="10"/>
    </row>
    <row r="778257" spans="14:14">
      <c r="N778257" s="10"/>
    </row>
    <row r="778258" spans="14:14">
      <c r="N778258" s="10"/>
    </row>
    <row r="778259" spans="14:14">
      <c r="N778259" s="10"/>
    </row>
    <row r="778260" spans="14:14">
      <c r="N778260" s="10"/>
    </row>
    <row r="778261" spans="14:14">
      <c r="N778261" s="10"/>
    </row>
    <row r="778262" spans="14:14">
      <c r="N778262" s="10"/>
    </row>
    <row r="778263" spans="14:14">
      <c r="N778263" s="10"/>
    </row>
    <row r="778264" spans="14:14">
      <c r="N778264" s="10"/>
    </row>
    <row r="778265" spans="14:14">
      <c r="N778265" s="10"/>
    </row>
    <row r="778266" spans="14:14">
      <c r="N778266" s="10"/>
    </row>
    <row r="778267" spans="14:14">
      <c r="N778267" s="10"/>
    </row>
    <row r="778268" spans="14:14">
      <c r="N778268" s="10"/>
    </row>
    <row r="778269" spans="14:14">
      <c r="N778269" s="10"/>
    </row>
    <row r="778270" spans="14:14">
      <c r="N778270" s="10"/>
    </row>
    <row r="778271" spans="14:14">
      <c r="N778271" s="10"/>
    </row>
    <row r="778272" spans="14:14">
      <c r="N778272" s="10"/>
    </row>
    <row r="778273" spans="14:14">
      <c r="N778273" s="10"/>
    </row>
    <row r="778274" spans="14:14">
      <c r="N778274" s="10"/>
    </row>
    <row r="778275" spans="14:14">
      <c r="N778275" s="10"/>
    </row>
    <row r="778276" spans="14:14">
      <c r="N778276" s="10"/>
    </row>
    <row r="778277" spans="14:14">
      <c r="N778277" s="10"/>
    </row>
    <row r="778278" spans="14:14">
      <c r="N778278" s="10"/>
    </row>
    <row r="778279" spans="14:14">
      <c r="N778279" s="10"/>
    </row>
    <row r="778280" spans="14:14">
      <c r="N778280" s="10"/>
    </row>
    <row r="778281" spans="14:14">
      <c r="N778281" s="10"/>
    </row>
    <row r="778282" spans="14:14">
      <c r="N778282" s="10"/>
    </row>
    <row r="778283" spans="14:14">
      <c r="N778283" s="10"/>
    </row>
    <row r="778284" spans="14:14">
      <c r="N778284" s="10"/>
    </row>
    <row r="778285" spans="14:14">
      <c r="N778285" s="10"/>
    </row>
    <row r="778286" spans="14:14">
      <c r="N778286" s="10"/>
    </row>
    <row r="778287" spans="14:14">
      <c r="N778287" s="10"/>
    </row>
    <row r="778288" spans="14:14">
      <c r="N778288" s="10"/>
    </row>
    <row r="778289" spans="14:14">
      <c r="N778289" s="10"/>
    </row>
    <row r="778290" spans="14:14">
      <c r="N778290" s="10"/>
    </row>
    <row r="778291" spans="14:14">
      <c r="N778291" s="10"/>
    </row>
    <row r="778292" spans="14:14">
      <c r="N778292" s="10"/>
    </row>
    <row r="778293" spans="14:14">
      <c r="N778293" s="10"/>
    </row>
    <row r="778294" spans="14:14">
      <c r="N778294" s="10"/>
    </row>
    <row r="778295" spans="14:14">
      <c r="N778295" s="10"/>
    </row>
    <row r="778296" spans="14:14">
      <c r="N778296" s="10"/>
    </row>
    <row r="778297" spans="14:14">
      <c r="N778297" s="10"/>
    </row>
    <row r="778298" spans="14:14">
      <c r="N778298" s="10"/>
    </row>
    <row r="778299" spans="14:14">
      <c r="N778299" s="10"/>
    </row>
    <row r="778300" spans="14:14">
      <c r="N778300" s="10"/>
    </row>
    <row r="778301" spans="14:14">
      <c r="N778301" s="10"/>
    </row>
    <row r="778302" spans="14:14">
      <c r="N778302" s="10"/>
    </row>
    <row r="778303" spans="14:14">
      <c r="N778303" s="10"/>
    </row>
    <row r="778304" spans="14:14">
      <c r="N778304" s="10"/>
    </row>
    <row r="778305" spans="14:14">
      <c r="N778305" s="10"/>
    </row>
    <row r="778306" spans="14:14">
      <c r="N778306" s="10"/>
    </row>
    <row r="778307" spans="14:14">
      <c r="N778307" s="10"/>
    </row>
    <row r="778308" spans="14:14">
      <c r="N778308" s="10"/>
    </row>
    <row r="778309" spans="14:14">
      <c r="N778309" s="10"/>
    </row>
    <row r="778310" spans="14:14">
      <c r="N778310" s="10"/>
    </row>
    <row r="778311" spans="14:14">
      <c r="N778311" s="10"/>
    </row>
    <row r="778312" spans="14:14">
      <c r="N778312" s="10"/>
    </row>
    <row r="778313" spans="14:14">
      <c r="N778313" s="10"/>
    </row>
    <row r="778314" spans="14:14">
      <c r="N778314" s="10"/>
    </row>
    <row r="778315" spans="14:14">
      <c r="N778315" s="10"/>
    </row>
    <row r="778316" spans="14:14">
      <c r="N778316" s="10"/>
    </row>
    <row r="778317" spans="14:14">
      <c r="N778317" s="10"/>
    </row>
    <row r="778318" spans="14:14">
      <c r="N778318" s="10"/>
    </row>
    <row r="778319" spans="14:14">
      <c r="N778319" s="10"/>
    </row>
    <row r="778320" spans="14:14">
      <c r="N778320" s="10"/>
    </row>
    <row r="778321" spans="14:14">
      <c r="N778321" s="10"/>
    </row>
    <row r="778322" spans="14:14">
      <c r="N778322" s="10"/>
    </row>
    <row r="778323" spans="14:14">
      <c r="N778323" s="10"/>
    </row>
    <row r="778324" spans="14:14">
      <c r="N778324" s="10"/>
    </row>
    <row r="778325" spans="14:14">
      <c r="N778325" s="10"/>
    </row>
    <row r="778326" spans="14:14">
      <c r="N778326" s="10"/>
    </row>
    <row r="778327" spans="14:14">
      <c r="N778327" s="10"/>
    </row>
    <row r="778328" spans="14:14">
      <c r="N778328" s="10"/>
    </row>
    <row r="778329" spans="14:14">
      <c r="N778329" s="10"/>
    </row>
    <row r="778330" spans="14:14">
      <c r="N778330" s="10"/>
    </row>
    <row r="778331" spans="14:14">
      <c r="N778331" s="10"/>
    </row>
    <row r="778332" spans="14:14">
      <c r="N778332" s="10"/>
    </row>
    <row r="778333" spans="14:14">
      <c r="N778333" s="10"/>
    </row>
    <row r="778334" spans="14:14">
      <c r="N778334" s="10"/>
    </row>
    <row r="778335" spans="14:14">
      <c r="N778335" s="10"/>
    </row>
    <row r="778336" spans="14:14">
      <c r="N778336" s="10"/>
    </row>
    <row r="778337" spans="14:14">
      <c r="N778337" s="10"/>
    </row>
    <row r="778338" spans="14:14">
      <c r="N778338" s="10"/>
    </row>
    <row r="778339" spans="14:14">
      <c r="N778339" s="10"/>
    </row>
    <row r="778340" spans="14:14">
      <c r="N778340" s="10"/>
    </row>
    <row r="778341" spans="14:14">
      <c r="N778341" s="10"/>
    </row>
    <row r="778342" spans="14:14">
      <c r="N778342" s="10"/>
    </row>
    <row r="778343" spans="14:14">
      <c r="N778343" s="10"/>
    </row>
    <row r="778344" spans="14:14">
      <c r="N778344" s="10"/>
    </row>
    <row r="778345" spans="14:14">
      <c r="N778345" s="10"/>
    </row>
    <row r="778346" spans="14:14">
      <c r="N778346" s="10"/>
    </row>
    <row r="778347" spans="14:14">
      <c r="N778347" s="10"/>
    </row>
    <row r="778348" spans="14:14">
      <c r="N778348" s="10"/>
    </row>
    <row r="778349" spans="14:14">
      <c r="N778349" s="10"/>
    </row>
    <row r="778350" spans="14:14">
      <c r="N778350" s="10"/>
    </row>
    <row r="778351" spans="14:14">
      <c r="N778351" s="10"/>
    </row>
    <row r="778352" spans="14:14">
      <c r="N778352" s="10"/>
    </row>
    <row r="778353" spans="14:14">
      <c r="N778353" s="10"/>
    </row>
    <row r="778354" spans="14:14">
      <c r="N778354" s="10"/>
    </row>
    <row r="778355" spans="14:14">
      <c r="N778355" s="10"/>
    </row>
    <row r="778356" spans="14:14">
      <c r="N778356" s="10"/>
    </row>
    <row r="778357" spans="14:14">
      <c r="N778357" s="10"/>
    </row>
    <row r="778358" spans="14:14">
      <c r="N778358" s="10"/>
    </row>
    <row r="778359" spans="14:14">
      <c r="N778359" s="10"/>
    </row>
    <row r="778360" spans="14:14">
      <c r="N778360" s="10"/>
    </row>
    <row r="778361" spans="14:14">
      <c r="N778361" s="10"/>
    </row>
    <row r="778362" spans="14:14">
      <c r="N778362" s="10"/>
    </row>
    <row r="778363" spans="14:14">
      <c r="N778363" s="10"/>
    </row>
    <row r="778364" spans="14:14">
      <c r="N778364" s="10"/>
    </row>
    <row r="778365" spans="14:14">
      <c r="N778365" s="10"/>
    </row>
    <row r="778366" spans="14:14">
      <c r="N778366" s="10"/>
    </row>
    <row r="778367" spans="14:14">
      <c r="N778367" s="10"/>
    </row>
    <row r="778368" spans="14:14">
      <c r="N778368" s="10"/>
    </row>
    <row r="778369" spans="14:14">
      <c r="N778369" s="10"/>
    </row>
    <row r="778370" spans="14:14">
      <c r="N778370" s="10"/>
    </row>
    <row r="778371" spans="14:14">
      <c r="N778371" s="10"/>
    </row>
    <row r="778372" spans="14:14">
      <c r="N778372" s="10"/>
    </row>
    <row r="778373" spans="14:14">
      <c r="N778373" s="10"/>
    </row>
    <row r="778374" spans="14:14">
      <c r="N778374" s="10"/>
    </row>
    <row r="778375" spans="14:14">
      <c r="N778375" s="10"/>
    </row>
    <row r="778376" spans="14:14">
      <c r="N778376" s="10"/>
    </row>
    <row r="778377" spans="14:14">
      <c r="N778377" s="10"/>
    </row>
    <row r="778378" spans="14:14">
      <c r="N778378" s="10"/>
    </row>
    <row r="778379" spans="14:14">
      <c r="N778379" s="10"/>
    </row>
    <row r="778380" spans="14:14">
      <c r="N778380" s="10"/>
    </row>
    <row r="778381" spans="14:14">
      <c r="N778381" s="10"/>
    </row>
    <row r="778382" spans="14:14">
      <c r="N778382" s="10"/>
    </row>
    <row r="778383" spans="14:14">
      <c r="N778383" s="10"/>
    </row>
    <row r="778384" spans="14:14">
      <c r="N778384" s="10"/>
    </row>
    <row r="778385" spans="14:14">
      <c r="N778385" s="10"/>
    </row>
    <row r="778386" spans="14:14">
      <c r="N778386" s="10"/>
    </row>
    <row r="778387" spans="14:14">
      <c r="N778387" s="10"/>
    </row>
    <row r="778388" spans="14:14">
      <c r="N778388" s="10"/>
    </row>
    <row r="778389" spans="14:14">
      <c r="N778389" s="10"/>
    </row>
    <row r="778390" spans="14:14">
      <c r="N778390" s="10"/>
    </row>
    <row r="778391" spans="14:14">
      <c r="N778391" s="10"/>
    </row>
    <row r="778392" spans="14:14">
      <c r="N778392" s="10"/>
    </row>
    <row r="778393" spans="14:14">
      <c r="N778393" s="10"/>
    </row>
    <row r="778394" spans="14:14">
      <c r="N778394" s="10"/>
    </row>
    <row r="778395" spans="14:14">
      <c r="N778395" s="10"/>
    </row>
    <row r="778396" spans="14:14">
      <c r="N778396" s="10"/>
    </row>
    <row r="778397" spans="14:14">
      <c r="N778397" s="10"/>
    </row>
    <row r="778398" spans="14:14">
      <c r="N778398" s="10"/>
    </row>
    <row r="778399" spans="14:14">
      <c r="N778399" s="10"/>
    </row>
    <row r="778400" spans="14:14">
      <c r="N778400" s="10"/>
    </row>
    <row r="778401" spans="14:14">
      <c r="N778401" s="10"/>
    </row>
    <row r="778402" spans="14:14">
      <c r="N778402" s="10"/>
    </row>
    <row r="778403" spans="14:14">
      <c r="N778403" s="10"/>
    </row>
    <row r="778404" spans="14:14">
      <c r="N778404" s="10"/>
    </row>
    <row r="778405" spans="14:14">
      <c r="N778405" s="10"/>
    </row>
    <row r="778406" spans="14:14">
      <c r="N778406" s="10"/>
    </row>
    <row r="778407" spans="14:14">
      <c r="N778407" s="10"/>
    </row>
    <row r="778408" spans="14:14">
      <c r="N778408" s="10"/>
    </row>
    <row r="778409" spans="14:14">
      <c r="N778409" s="10"/>
    </row>
    <row r="778410" spans="14:14">
      <c r="N778410" s="10"/>
    </row>
    <row r="778411" spans="14:14">
      <c r="N778411" s="10"/>
    </row>
    <row r="778412" spans="14:14">
      <c r="N778412" s="10"/>
    </row>
    <row r="778413" spans="14:14">
      <c r="N778413" s="10"/>
    </row>
    <row r="778414" spans="14:14">
      <c r="N778414" s="10"/>
    </row>
    <row r="778415" spans="14:14">
      <c r="N778415" s="10"/>
    </row>
    <row r="778416" spans="14:14">
      <c r="N778416" s="10"/>
    </row>
    <row r="778417" spans="14:14">
      <c r="N778417" s="10"/>
    </row>
    <row r="778418" spans="14:14">
      <c r="N778418" s="10"/>
    </row>
    <row r="778419" spans="14:14">
      <c r="N778419" s="10"/>
    </row>
    <row r="778420" spans="14:14">
      <c r="N778420" s="10"/>
    </row>
    <row r="778421" spans="14:14">
      <c r="N778421" s="10"/>
    </row>
    <row r="778422" spans="14:14">
      <c r="N778422" s="10"/>
    </row>
    <row r="778423" spans="14:14">
      <c r="N778423" s="10"/>
    </row>
    <row r="778424" spans="14:14">
      <c r="N778424" s="10"/>
    </row>
    <row r="778425" spans="14:14">
      <c r="N778425" s="10"/>
    </row>
    <row r="778426" spans="14:14">
      <c r="N778426" s="10"/>
    </row>
    <row r="778427" spans="14:14">
      <c r="N778427" s="10"/>
    </row>
    <row r="778428" spans="14:14">
      <c r="N778428" s="10"/>
    </row>
    <row r="778429" spans="14:14">
      <c r="N778429" s="10"/>
    </row>
    <row r="778430" spans="14:14">
      <c r="N778430" s="10"/>
    </row>
    <row r="778431" spans="14:14">
      <c r="N778431" s="10"/>
    </row>
    <row r="778432" spans="14:14">
      <c r="N778432" s="10"/>
    </row>
    <row r="778433" spans="14:14">
      <c r="N778433" s="10"/>
    </row>
    <row r="778434" spans="14:14">
      <c r="N778434" s="10"/>
    </row>
    <row r="778435" spans="14:14">
      <c r="N778435" s="10"/>
    </row>
    <row r="778436" spans="14:14">
      <c r="N778436" s="10"/>
    </row>
    <row r="778437" spans="14:14">
      <c r="N778437" s="10"/>
    </row>
    <row r="778438" spans="14:14">
      <c r="N778438" s="10"/>
    </row>
    <row r="778439" spans="14:14">
      <c r="N778439" s="10"/>
    </row>
    <row r="778440" spans="14:14">
      <c r="N778440" s="10"/>
    </row>
    <row r="778441" spans="14:14">
      <c r="N778441" s="10"/>
    </row>
    <row r="778442" spans="14:14">
      <c r="N778442" s="10"/>
    </row>
    <row r="778443" spans="14:14">
      <c r="N778443" s="10"/>
    </row>
    <row r="778444" spans="14:14">
      <c r="N778444" s="10"/>
    </row>
    <row r="778445" spans="14:14">
      <c r="N778445" s="10"/>
    </row>
    <row r="778446" spans="14:14">
      <c r="N778446" s="10"/>
    </row>
    <row r="778447" spans="14:14">
      <c r="N778447" s="10"/>
    </row>
    <row r="778448" spans="14:14">
      <c r="N778448" s="10"/>
    </row>
    <row r="778449" spans="14:14">
      <c r="N778449" s="10"/>
    </row>
    <row r="778450" spans="14:14">
      <c r="N778450" s="10"/>
    </row>
    <row r="778451" spans="14:14">
      <c r="N778451" s="10"/>
    </row>
    <row r="778452" spans="14:14">
      <c r="N778452" s="10"/>
    </row>
    <row r="778453" spans="14:14">
      <c r="N778453" s="10"/>
    </row>
    <row r="778454" spans="14:14">
      <c r="N778454" s="10"/>
    </row>
    <row r="778455" spans="14:14">
      <c r="N778455" s="10"/>
    </row>
    <row r="778456" spans="14:14">
      <c r="N778456" s="10"/>
    </row>
    <row r="778457" spans="14:14">
      <c r="N778457" s="10"/>
    </row>
    <row r="778458" spans="14:14">
      <c r="N778458" s="10"/>
    </row>
    <row r="778459" spans="14:14">
      <c r="N778459" s="10"/>
    </row>
    <row r="778460" spans="14:14">
      <c r="N778460" s="10"/>
    </row>
    <row r="778461" spans="14:14">
      <c r="N778461" s="10"/>
    </row>
    <row r="778462" spans="14:14">
      <c r="N778462" s="10"/>
    </row>
    <row r="778463" spans="14:14">
      <c r="N778463" s="10"/>
    </row>
    <row r="778464" spans="14:14">
      <c r="N778464" s="10"/>
    </row>
    <row r="778465" spans="14:14">
      <c r="N778465" s="10"/>
    </row>
    <row r="778466" spans="14:14">
      <c r="N778466" s="10"/>
    </row>
    <row r="778467" spans="14:14">
      <c r="N778467" s="10"/>
    </row>
    <row r="778468" spans="14:14">
      <c r="N778468" s="10"/>
    </row>
    <row r="778469" spans="14:14">
      <c r="N778469" s="10"/>
    </row>
    <row r="778470" spans="14:14">
      <c r="N778470" s="10"/>
    </row>
    <row r="778471" spans="14:14">
      <c r="N778471" s="10"/>
    </row>
    <row r="778472" spans="14:14">
      <c r="N778472" s="10"/>
    </row>
    <row r="778473" spans="14:14">
      <c r="N778473" s="10"/>
    </row>
    <row r="778474" spans="14:14">
      <c r="N778474" s="10"/>
    </row>
    <row r="778475" spans="14:14">
      <c r="N778475" s="10"/>
    </row>
    <row r="778476" spans="14:14">
      <c r="N778476" s="10"/>
    </row>
    <row r="778477" spans="14:14">
      <c r="N778477" s="10"/>
    </row>
    <row r="778478" spans="14:14">
      <c r="N778478" s="10"/>
    </row>
    <row r="778479" spans="14:14">
      <c r="N778479" s="10"/>
    </row>
    <row r="778480" spans="14:14">
      <c r="N778480" s="10"/>
    </row>
    <row r="778481" spans="14:14">
      <c r="N778481" s="10"/>
    </row>
    <row r="778482" spans="14:14">
      <c r="N778482" s="10"/>
    </row>
    <row r="778483" spans="14:14">
      <c r="N778483" s="10"/>
    </row>
    <row r="778484" spans="14:14">
      <c r="N778484" s="10"/>
    </row>
    <row r="778485" spans="14:14">
      <c r="N778485" s="10"/>
    </row>
    <row r="778486" spans="14:14">
      <c r="N778486" s="10"/>
    </row>
    <row r="778487" spans="14:14">
      <c r="N778487" s="10"/>
    </row>
    <row r="778488" spans="14:14">
      <c r="N778488" s="10"/>
    </row>
    <row r="778489" spans="14:14">
      <c r="N778489" s="10"/>
    </row>
    <row r="778490" spans="14:14">
      <c r="N778490" s="10"/>
    </row>
    <row r="778491" spans="14:14">
      <c r="N778491" s="10"/>
    </row>
    <row r="778492" spans="14:14">
      <c r="N778492" s="10"/>
    </row>
    <row r="778493" spans="14:14">
      <c r="N778493" s="10"/>
    </row>
    <row r="778494" spans="14:14">
      <c r="N778494" s="10"/>
    </row>
    <row r="778495" spans="14:14">
      <c r="N778495" s="10"/>
    </row>
    <row r="778496" spans="14:14">
      <c r="N778496" s="10"/>
    </row>
    <row r="778497" spans="14:14">
      <c r="N778497" s="10"/>
    </row>
    <row r="778498" spans="14:14">
      <c r="N778498" s="10"/>
    </row>
    <row r="778499" spans="14:14">
      <c r="N778499" s="10"/>
    </row>
    <row r="778500" spans="14:14">
      <c r="N778500" s="10"/>
    </row>
    <row r="778501" spans="14:14">
      <c r="N778501" s="10"/>
    </row>
    <row r="778502" spans="14:14">
      <c r="N778502" s="10"/>
    </row>
    <row r="778503" spans="14:14">
      <c r="N778503" s="10"/>
    </row>
    <row r="778504" spans="14:14">
      <c r="N778504" s="10"/>
    </row>
    <row r="778505" spans="14:14">
      <c r="N778505" s="10"/>
    </row>
    <row r="778506" spans="14:14">
      <c r="N778506" s="10"/>
    </row>
    <row r="778507" spans="14:14">
      <c r="N778507" s="10"/>
    </row>
    <row r="778508" spans="14:14">
      <c r="N778508" s="10"/>
    </row>
    <row r="778509" spans="14:14">
      <c r="N778509" s="10"/>
    </row>
    <row r="778510" spans="14:14">
      <c r="N778510" s="10"/>
    </row>
    <row r="778511" spans="14:14">
      <c r="N778511" s="10"/>
    </row>
    <row r="778512" spans="14:14">
      <c r="N778512" s="10"/>
    </row>
    <row r="778513" spans="14:14">
      <c r="N778513" s="10"/>
    </row>
    <row r="778514" spans="14:14">
      <c r="N778514" s="10"/>
    </row>
    <row r="778515" spans="14:14">
      <c r="N778515" s="10"/>
    </row>
    <row r="778516" spans="14:14">
      <c r="N778516" s="10"/>
    </row>
    <row r="778517" spans="14:14">
      <c r="N778517" s="10"/>
    </row>
    <row r="778518" spans="14:14">
      <c r="N778518" s="10"/>
    </row>
    <row r="778519" spans="14:14">
      <c r="N778519" s="10"/>
    </row>
    <row r="778520" spans="14:14">
      <c r="N778520" s="10"/>
    </row>
    <row r="778521" spans="14:14">
      <c r="N778521" s="10"/>
    </row>
    <row r="778522" spans="14:14">
      <c r="N778522" s="10"/>
    </row>
    <row r="778523" spans="14:14">
      <c r="N778523" s="10"/>
    </row>
    <row r="778524" spans="14:14">
      <c r="N778524" s="10"/>
    </row>
    <row r="778525" spans="14:14">
      <c r="N778525" s="10"/>
    </row>
    <row r="778526" spans="14:14">
      <c r="N778526" s="10"/>
    </row>
    <row r="778527" spans="14:14">
      <c r="N778527" s="10"/>
    </row>
    <row r="778528" spans="14:14">
      <c r="N778528" s="10"/>
    </row>
    <row r="778529" spans="14:14">
      <c r="N778529" s="10"/>
    </row>
    <row r="778530" spans="14:14">
      <c r="N778530" s="10"/>
    </row>
    <row r="778531" spans="14:14">
      <c r="N778531" s="10"/>
    </row>
    <row r="778532" spans="14:14">
      <c r="N778532" s="10"/>
    </row>
    <row r="778533" spans="14:14">
      <c r="N778533" s="10"/>
    </row>
    <row r="778534" spans="14:14">
      <c r="N778534" s="10"/>
    </row>
    <row r="778535" spans="14:14">
      <c r="N778535" s="10"/>
    </row>
    <row r="778536" spans="14:14">
      <c r="N778536" s="10"/>
    </row>
    <row r="778537" spans="14:14">
      <c r="N778537" s="10"/>
    </row>
    <row r="778538" spans="14:14">
      <c r="N778538" s="10"/>
    </row>
    <row r="778539" spans="14:14">
      <c r="N778539" s="10"/>
    </row>
    <row r="778540" spans="14:14">
      <c r="N778540" s="10"/>
    </row>
    <row r="778541" spans="14:14">
      <c r="N778541" s="10"/>
    </row>
    <row r="778542" spans="14:14">
      <c r="N778542" s="10"/>
    </row>
    <row r="778543" spans="14:14">
      <c r="N778543" s="10"/>
    </row>
    <row r="778544" spans="14:14">
      <c r="N778544" s="10"/>
    </row>
    <row r="778545" spans="14:14">
      <c r="N778545" s="10"/>
    </row>
    <row r="778546" spans="14:14">
      <c r="N778546" s="10"/>
    </row>
    <row r="778547" spans="14:14">
      <c r="N778547" s="10"/>
    </row>
    <row r="778548" spans="14:14">
      <c r="N778548" s="10"/>
    </row>
    <row r="778549" spans="14:14">
      <c r="N778549" s="10"/>
    </row>
    <row r="778550" spans="14:14">
      <c r="N778550" s="10"/>
    </row>
    <row r="778551" spans="14:14">
      <c r="N778551" s="10"/>
    </row>
    <row r="778552" spans="14:14">
      <c r="N778552" s="10"/>
    </row>
    <row r="778553" spans="14:14">
      <c r="N778553" s="10"/>
    </row>
    <row r="778554" spans="14:14">
      <c r="N778554" s="10"/>
    </row>
    <row r="778555" spans="14:14">
      <c r="N778555" s="10"/>
    </row>
    <row r="778556" spans="14:14">
      <c r="N778556" s="10"/>
    </row>
    <row r="778557" spans="14:14">
      <c r="N778557" s="10"/>
    </row>
    <row r="778558" spans="14:14">
      <c r="N778558" s="10"/>
    </row>
    <row r="778559" spans="14:14">
      <c r="N778559" s="10"/>
    </row>
    <row r="778560" spans="14:14">
      <c r="N778560" s="10"/>
    </row>
    <row r="778561" spans="14:14">
      <c r="N778561" s="10"/>
    </row>
    <row r="778562" spans="14:14">
      <c r="N778562" s="10"/>
    </row>
    <row r="778563" spans="14:14">
      <c r="N778563" s="10"/>
    </row>
    <row r="778564" spans="14:14">
      <c r="N778564" s="10"/>
    </row>
    <row r="778565" spans="14:14">
      <c r="N778565" s="10"/>
    </row>
    <row r="778566" spans="14:14">
      <c r="N778566" s="10"/>
    </row>
    <row r="778567" spans="14:14">
      <c r="N778567" s="10"/>
    </row>
    <row r="778568" spans="14:14">
      <c r="N778568" s="10"/>
    </row>
    <row r="778569" spans="14:14">
      <c r="N778569" s="10"/>
    </row>
    <row r="778570" spans="14:14">
      <c r="N778570" s="10"/>
    </row>
    <row r="778571" spans="14:14">
      <c r="N778571" s="10"/>
    </row>
    <row r="778572" spans="14:14">
      <c r="N778572" s="10"/>
    </row>
    <row r="778573" spans="14:14">
      <c r="N778573" s="10"/>
    </row>
    <row r="778574" spans="14:14">
      <c r="N778574" s="10"/>
    </row>
    <row r="778575" spans="14:14">
      <c r="N778575" s="10"/>
    </row>
    <row r="778576" spans="14:14">
      <c r="N778576" s="10"/>
    </row>
    <row r="778577" spans="14:14">
      <c r="N778577" s="10"/>
    </row>
    <row r="778578" spans="14:14">
      <c r="N778578" s="10"/>
    </row>
    <row r="778579" spans="14:14">
      <c r="N778579" s="10"/>
    </row>
    <row r="778580" spans="14:14">
      <c r="N778580" s="10"/>
    </row>
    <row r="778581" spans="14:14">
      <c r="N778581" s="10"/>
    </row>
    <row r="778582" spans="14:14">
      <c r="N778582" s="10"/>
    </row>
    <row r="778583" spans="14:14">
      <c r="N778583" s="10"/>
    </row>
    <row r="778584" spans="14:14">
      <c r="N778584" s="10"/>
    </row>
    <row r="778585" spans="14:14">
      <c r="N778585" s="10"/>
    </row>
    <row r="778586" spans="14:14">
      <c r="N778586" s="10"/>
    </row>
    <row r="778587" spans="14:14">
      <c r="N778587" s="10"/>
    </row>
    <row r="778588" spans="14:14">
      <c r="N778588" s="10"/>
    </row>
    <row r="778589" spans="14:14">
      <c r="N778589" s="10"/>
    </row>
    <row r="778590" spans="14:14">
      <c r="N778590" s="10"/>
    </row>
    <row r="778591" spans="14:14">
      <c r="N778591" s="10"/>
    </row>
    <row r="778592" spans="14:14">
      <c r="N778592" s="10"/>
    </row>
    <row r="778593" spans="14:14">
      <c r="N778593" s="10"/>
    </row>
    <row r="778594" spans="14:14">
      <c r="N778594" s="10"/>
    </row>
    <row r="778595" spans="14:14">
      <c r="N778595" s="10"/>
    </row>
    <row r="778596" spans="14:14">
      <c r="N778596" s="10"/>
    </row>
    <row r="778597" spans="14:14">
      <c r="N778597" s="10"/>
    </row>
    <row r="778598" spans="14:14">
      <c r="N778598" s="10"/>
    </row>
    <row r="778599" spans="14:14">
      <c r="N778599" s="10"/>
    </row>
    <row r="778600" spans="14:14">
      <c r="N778600" s="10"/>
    </row>
    <row r="778601" spans="14:14">
      <c r="N778601" s="10"/>
    </row>
    <row r="778602" spans="14:14">
      <c r="N778602" s="10"/>
    </row>
    <row r="778603" spans="14:14">
      <c r="N778603" s="10"/>
    </row>
    <row r="778604" spans="14:14">
      <c r="N778604" s="10"/>
    </row>
    <row r="778605" spans="14:14">
      <c r="N778605" s="10"/>
    </row>
    <row r="778606" spans="14:14">
      <c r="N778606" s="10"/>
    </row>
    <row r="778607" spans="14:14">
      <c r="N778607" s="10"/>
    </row>
    <row r="778608" spans="14:14">
      <c r="N778608" s="10"/>
    </row>
    <row r="778609" spans="14:14">
      <c r="N778609" s="10"/>
    </row>
    <row r="778610" spans="14:14">
      <c r="N778610" s="10"/>
    </row>
    <row r="778611" spans="14:14">
      <c r="N778611" s="10"/>
    </row>
    <row r="778612" spans="14:14">
      <c r="N778612" s="10"/>
    </row>
    <row r="778613" spans="14:14">
      <c r="N778613" s="10"/>
    </row>
    <row r="778614" spans="14:14">
      <c r="N778614" s="10"/>
    </row>
    <row r="778615" spans="14:14">
      <c r="N778615" s="10"/>
    </row>
    <row r="778616" spans="14:14">
      <c r="N778616" s="10"/>
    </row>
    <row r="778617" spans="14:14">
      <c r="N778617" s="10"/>
    </row>
    <row r="778618" spans="14:14">
      <c r="N778618" s="10"/>
    </row>
    <row r="778619" spans="14:14">
      <c r="N778619" s="10"/>
    </row>
    <row r="778620" spans="14:14">
      <c r="N778620" s="10"/>
    </row>
    <row r="778621" spans="14:14">
      <c r="N778621" s="10"/>
    </row>
    <row r="778622" spans="14:14">
      <c r="N778622" s="10"/>
    </row>
    <row r="778623" spans="14:14">
      <c r="N778623" s="10"/>
    </row>
    <row r="778624" spans="14:14">
      <c r="N778624" s="10"/>
    </row>
    <row r="778625" spans="14:14">
      <c r="N778625" s="10"/>
    </row>
    <row r="778626" spans="14:14">
      <c r="N778626" s="10"/>
    </row>
    <row r="778627" spans="14:14">
      <c r="N778627" s="10"/>
    </row>
    <row r="778628" spans="14:14">
      <c r="N778628" s="10"/>
    </row>
    <row r="778629" spans="14:14">
      <c r="N778629" s="10"/>
    </row>
    <row r="778630" spans="14:14">
      <c r="N778630" s="10"/>
    </row>
    <row r="778631" spans="14:14">
      <c r="N778631" s="10"/>
    </row>
    <row r="778632" spans="14:14">
      <c r="N778632" s="10"/>
    </row>
    <row r="778633" spans="14:14">
      <c r="N778633" s="10"/>
    </row>
    <row r="778634" spans="14:14">
      <c r="N778634" s="10"/>
    </row>
    <row r="778635" spans="14:14">
      <c r="N778635" s="10"/>
    </row>
    <row r="778636" spans="14:14">
      <c r="N778636" s="10"/>
    </row>
    <row r="778637" spans="14:14">
      <c r="N778637" s="10"/>
    </row>
    <row r="778638" spans="14:14">
      <c r="N778638" s="10"/>
    </row>
    <row r="778639" spans="14:14">
      <c r="N778639" s="10"/>
    </row>
    <row r="778640" spans="14:14">
      <c r="N778640" s="10"/>
    </row>
    <row r="778641" spans="14:14">
      <c r="N778641" s="10"/>
    </row>
    <row r="778642" spans="14:14">
      <c r="N778642" s="10"/>
    </row>
    <row r="778643" spans="14:14">
      <c r="N778643" s="10"/>
    </row>
    <row r="778644" spans="14:14">
      <c r="N778644" s="10"/>
    </row>
    <row r="778645" spans="14:14">
      <c r="N778645" s="10"/>
    </row>
    <row r="778646" spans="14:14">
      <c r="N778646" s="10"/>
    </row>
    <row r="778647" spans="14:14">
      <c r="N778647" s="10"/>
    </row>
    <row r="778648" spans="14:14">
      <c r="N778648" s="10"/>
    </row>
    <row r="778649" spans="14:14">
      <c r="N778649" s="10"/>
    </row>
    <row r="778650" spans="14:14">
      <c r="N778650" s="10"/>
    </row>
    <row r="778651" spans="14:14">
      <c r="N778651" s="10"/>
    </row>
    <row r="778652" spans="14:14">
      <c r="N778652" s="10"/>
    </row>
    <row r="778653" spans="14:14">
      <c r="N778653" s="10"/>
    </row>
    <row r="778654" spans="14:14">
      <c r="N778654" s="10"/>
    </row>
    <row r="778655" spans="14:14">
      <c r="N778655" s="10"/>
    </row>
    <row r="778656" spans="14:14">
      <c r="N778656" s="10"/>
    </row>
    <row r="778657" spans="14:14">
      <c r="N778657" s="10"/>
    </row>
    <row r="778658" spans="14:14">
      <c r="N778658" s="10"/>
    </row>
    <row r="778659" spans="14:14">
      <c r="N778659" s="10"/>
    </row>
    <row r="778660" spans="14:14">
      <c r="N778660" s="10"/>
    </row>
    <row r="778661" spans="14:14">
      <c r="N778661" s="10"/>
    </row>
    <row r="778662" spans="14:14">
      <c r="N778662" s="10"/>
    </row>
    <row r="778663" spans="14:14">
      <c r="N778663" s="10"/>
    </row>
    <row r="778664" spans="14:14">
      <c r="N778664" s="10"/>
    </row>
    <row r="778665" spans="14:14">
      <c r="N778665" s="10"/>
    </row>
    <row r="778666" spans="14:14">
      <c r="N778666" s="10"/>
    </row>
    <row r="778667" spans="14:14">
      <c r="N778667" s="10"/>
    </row>
    <row r="778668" spans="14:14">
      <c r="N778668" s="10"/>
    </row>
    <row r="778669" spans="14:14">
      <c r="N778669" s="10"/>
    </row>
    <row r="778670" spans="14:14">
      <c r="N778670" s="10"/>
    </row>
    <row r="778671" spans="14:14">
      <c r="N778671" s="10"/>
    </row>
    <row r="778672" spans="14:14">
      <c r="N778672" s="10"/>
    </row>
    <row r="778673" spans="14:14">
      <c r="N778673" s="10"/>
    </row>
    <row r="778674" spans="14:14">
      <c r="N778674" s="10"/>
    </row>
    <row r="778675" spans="14:14">
      <c r="N778675" s="10"/>
    </row>
    <row r="778676" spans="14:14">
      <c r="N778676" s="10"/>
    </row>
    <row r="778677" spans="14:14">
      <c r="N778677" s="10"/>
    </row>
    <row r="778678" spans="14:14">
      <c r="N778678" s="10"/>
    </row>
    <row r="778679" spans="14:14">
      <c r="N778679" s="10"/>
    </row>
    <row r="778680" spans="14:14">
      <c r="N778680" s="10"/>
    </row>
    <row r="778681" spans="14:14">
      <c r="N778681" s="10"/>
    </row>
    <row r="778682" spans="14:14">
      <c r="N778682" s="10"/>
    </row>
    <row r="778683" spans="14:14">
      <c r="N778683" s="10"/>
    </row>
    <row r="778684" spans="14:14">
      <c r="N778684" s="10"/>
    </row>
    <row r="778685" spans="14:14">
      <c r="N778685" s="10"/>
    </row>
    <row r="778686" spans="14:14">
      <c r="N778686" s="10"/>
    </row>
    <row r="778687" spans="14:14">
      <c r="N778687" s="10"/>
    </row>
    <row r="778688" spans="14:14">
      <c r="N778688" s="10"/>
    </row>
    <row r="778689" spans="14:14">
      <c r="N778689" s="10"/>
    </row>
    <row r="778690" spans="14:14">
      <c r="N778690" s="10"/>
    </row>
    <row r="778691" spans="14:14">
      <c r="N778691" s="10"/>
    </row>
    <row r="778692" spans="14:14">
      <c r="N778692" s="10"/>
    </row>
    <row r="778693" spans="14:14">
      <c r="N778693" s="10"/>
    </row>
    <row r="778694" spans="14:14">
      <c r="N778694" s="10"/>
    </row>
    <row r="778695" spans="14:14">
      <c r="N778695" s="10"/>
    </row>
    <row r="778696" spans="14:14">
      <c r="N778696" s="10"/>
    </row>
    <row r="778697" spans="14:14">
      <c r="N778697" s="10"/>
    </row>
    <row r="778698" spans="14:14">
      <c r="N778698" s="10"/>
    </row>
    <row r="778699" spans="14:14">
      <c r="N778699" s="10"/>
    </row>
    <row r="778700" spans="14:14">
      <c r="N778700" s="10"/>
    </row>
    <row r="778701" spans="14:14">
      <c r="N778701" s="10"/>
    </row>
    <row r="778702" spans="14:14">
      <c r="N778702" s="10"/>
    </row>
    <row r="778703" spans="14:14">
      <c r="N778703" s="10"/>
    </row>
    <row r="778704" spans="14:14">
      <c r="N778704" s="10"/>
    </row>
    <row r="778705" spans="14:14">
      <c r="N778705" s="10"/>
    </row>
    <row r="778706" spans="14:14">
      <c r="N778706" s="10"/>
    </row>
    <row r="778707" spans="14:14">
      <c r="N778707" s="10"/>
    </row>
    <row r="778708" spans="14:14">
      <c r="N778708" s="10"/>
    </row>
    <row r="778709" spans="14:14">
      <c r="N778709" s="10"/>
    </row>
    <row r="778710" spans="14:14">
      <c r="N778710" s="10"/>
    </row>
    <row r="778711" spans="14:14">
      <c r="N778711" s="10"/>
    </row>
    <row r="778712" spans="14:14">
      <c r="N778712" s="10"/>
    </row>
    <row r="778713" spans="14:14">
      <c r="N778713" s="10"/>
    </row>
    <row r="778714" spans="14:14">
      <c r="N778714" s="10"/>
    </row>
    <row r="778715" spans="14:14">
      <c r="N778715" s="10"/>
    </row>
    <row r="778716" spans="14:14">
      <c r="N778716" s="10"/>
    </row>
    <row r="778717" spans="14:14">
      <c r="N778717" s="10"/>
    </row>
    <row r="778718" spans="14:14">
      <c r="N778718" s="10"/>
    </row>
    <row r="778719" spans="14:14">
      <c r="N778719" s="10"/>
    </row>
    <row r="778720" spans="14:14">
      <c r="N778720" s="10"/>
    </row>
    <row r="778721" spans="14:14">
      <c r="N778721" s="10"/>
    </row>
    <row r="778722" spans="14:14">
      <c r="N778722" s="10"/>
    </row>
    <row r="778723" spans="14:14">
      <c r="N778723" s="10"/>
    </row>
    <row r="778724" spans="14:14">
      <c r="N778724" s="10"/>
    </row>
    <row r="778725" spans="14:14">
      <c r="N778725" s="10"/>
    </row>
    <row r="778726" spans="14:14">
      <c r="N778726" s="10"/>
    </row>
    <row r="778727" spans="14:14">
      <c r="N778727" s="10"/>
    </row>
    <row r="778728" spans="14:14">
      <c r="N778728" s="10"/>
    </row>
    <row r="778729" spans="14:14">
      <c r="N778729" s="10"/>
    </row>
    <row r="778730" spans="14:14">
      <c r="N778730" s="10"/>
    </row>
    <row r="778731" spans="14:14">
      <c r="N778731" s="10"/>
    </row>
    <row r="778732" spans="14:14">
      <c r="N778732" s="10"/>
    </row>
    <row r="778733" spans="14:14">
      <c r="N778733" s="10"/>
    </row>
    <row r="778734" spans="14:14">
      <c r="N778734" s="10"/>
    </row>
    <row r="778735" spans="14:14">
      <c r="N778735" s="10"/>
    </row>
    <row r="778736" spans="14:14">
      <c r="N778736" s="10"/>
    </row>
    <row r="778737" spans="14:14">
      <c r="N778737" s="10"/>
    </row>
    <row r="778738" spans="14:14">
      <c r="N778738" s="10"/>
    </row>
    <row r="778739" spans="14:14">
      <c r="N778739" s="10"/>
    </row>
    <row r="778740" spans="14:14">
      <c r="N778740" s="10"/>
    </row>
    <row r="778741" spans="14:14">
      <c r="N778741" s="10"/>
    </row>
    <row r="778742" spans="14:14">
      <c r="N778742" s="10"/>
    </row>
    <row r="778743" spans="14:14">
      <c r="N778743" s="10"/>
    </row>
    <row r="778744" spans="14:14">
      <c r="N778744" s="10"/>
    </row>
    <row r="778745" spans="14:14">
      <c r="N778745" s="10"/>
    </row>
    <row r="778746" spans="14:14">
      <c r="N778746" s="10"/>
    </row>
    <row r="778747" spans="14:14">
      <c r="N778747" s="10"/>
    </row>
    <row r="778748" spans="14:14">
      <c r="N778748" s="10"/>
    </row>
    <row r="778749" spans="14:14">
      <c r="N778749" s="10"/>
    </row>
    <row r="778750" spans="14:14">
      <c r="N778750" s="10"/>
    </row>
    <row r="778751" spans="14:14">
      <c r="N778751" s="10"/>
    </row>
    <row r="778752" spans="14:14">
      <c r="N778752" s="10"/>
    </row>
    <row r="778753" spans="14:14">
      <c r="N778753" s="10"/>
    </row>
    <row r="778754" spans="14:14">
      <c r="N778754" s="10"/>
    </row>
    <row r="778755" spans="14:14">
      <c r="N778755" s="10"/>
    </row>
    <row r="778756" spans="14:14">
      <c r="N778756" s="10"/>
    </row>
    <row r="778757" spans="14:14">
      <c r="N778757" s="10"/>
    </row>
    <row r="778758" spans="14:14">
      <c r="N778758" s="10"/>
    </row>
    <row r="778759" spans="14:14">
      <c r="N778759" s="10"/>
    </row>
    <row r="778760" spans="14:14">
      <c r="N778760" s="10"/>
    </row>
    <row r="778761" spans="14:14">
      <c r="N778761" s="10"/>
    </row>
    <row r="778762" spans="14:14">
      <c r="N778762" s="10"/>
    </row>
    <row r="778763" spans="14:14">
      <c r="N778763" s="10"/>
    </row>
    <row r="778764" spans="14:14">
      <c r="N778764" s="10"/>
    </row>
    <row r="778765" spans="14:14">
      <c r="N778765" s="10"/>
    </row>
    <row r="778766" spans="14:14">
      <c r="N778766" s="10"/>
    </row>
    <row r="778767" spans="14:14">
      <c r="N778767" s="10"/>
    </row>
    <row r="778768" spans="14:14">
      <c r="N778768" s="10"/>
    </row>
    <row r="778769" spans="14:14">
      <c r="N778769" s="10"/>
    </row>
    <row r="778770" spans="14:14">
      <c r="N778770" s="10"/>
    </row>
    <row r="778771" spans="14:14">
      <c r="N778771" s="10"/>
    </row>
    <row r="778772" spans="14:14">
      <c r="N778772" s="10"/>
    </row>
    <row r="778773" spans="14:14">
      <c r="N778773" s="10"/>
    </row>
    <row r="778774" spans="14:14">
      <c r="N778774" s="10"/>
    </row>
    <row r="778775" spans="14:14">
      <c r="N778775" s="10"/>
    </row>
    <row r="778776" spans="14:14">
      <c r="N778776" s="10"/>
    </row>
    <row r="778777" spans="14:14">
      <c r="N778777" s="10"/>
    </row>
    <row r="778778" spans="14:14">
      <c r="N778778" s="10"/>
    </row>
    <row r="778779" spans="14:14">
      <c r="N778779" s="10"/>
    </row>
    <row r="778780" spans="14:14">
      <c r="N778780" s="10"/>
    </row>
    <row r="778781" spans="14:14">
      <c r="N778781" s="10"/>
    </row>
    <row r="778782" spans="14:14">
      <c r="N778782" s="10"/>
    </row>
    <row r="778783" spans="14:14">
      <c r="N778783" s="10"/>
    </row>
    <row r="778784" spans="14:14">
      <c r="N778784" s="10"/>
    </row>
    <row r="778785" spans="14:14">
      <c r="N778785" s="10"/>
    </row>
    <row r="778786" spans="14:14">
      <c r="N778786" s="10"/>
    </row>
    <row r="778787" spans="14:14">
      <c r="N778787" s="10"/>
    </row>
    <row r="778788" spans="14:14">
      <c r="N778788" s="10"/>
    </row>
    <row r="778789" spans="14:14">
      <c r="N778789" s="10"/>
    </row>
    <row r="778790" spans="14:14">
      <c r="N778790" s="10"/>
    </row>
    <row r="778791" spans="14:14">
      <c r="N778791" s="10"/>
    </row>
    <row r="778792" spans="14:14">
      <c r="N778792" s="10"/>
    </row>
    <row r="778793" spans="14:14">
      <c r="N778793" s="10"/>
    </row>
    <row r="778794" spans="14:14">
      <c r="N778794" s="10"/>
    </row>
    <row r="778795" spans="14:14">
      <c r="N778795" s="10"/>
    </row>
    <row r="778796" spans="14:14">
      <c r="N778796" s="10"/>
    </row>
    <row r="778797" spans="14:14">
      <c r="N778797" s="10"/>
    </row>
    <row r="778798" spans="14:14">
      <c r="N778798" s="10"/>
    </row>
    <row r="778799" spans="14:14">
      <c r="N778799" s="10"/>
    </row>
    <row r="778800" spans="14:14">
      <c r="N778800" s="10"/>
    </row>
    <row r="778801" spans="14:14">
      <c r="N778801" s="10"/>
    </row>
    <row r="778802" spans="14:14">
      <c r="N778802" s="10"/>
    </row>
    <row r="778803" spans="14:14">
      <c r="N778803" s="10"/>
    </row>
    <row r="778804" spans="14:14">
      <c r="N778804" s="10"/>
    </row>
    <row r="778805" spans="14:14">
      <c r="N778805" s="10"/>
    </row>
    <row r="778806" spans="14:14">
      <c r="N778806" s="10"/>
    </row>
    <row r="778807" spans="14:14">
      <c r="N778807" s="10"/>
    </row>
    <row r="778808" spans="14:14">
      <c r="N778808" s="10"/>
    </row>
    <row r="778809" spans="14:14">
      <c r="N778809" s="10"/>
    </row>
    <row r="778810" spans="14:14">
      <c r="N778810" s="10"/>
    </row>
    <row r="778811" spans="14:14">
      <c r="N778811" s="10"/>
    </row>
    <row r="778812" spans="14:14">
      <c r="N778812" s="10"/>
    </row>
    <row r="778813" spans="14:14">
      <c r="N778813" s="10"/>
    </row>
    <row r="778814" spans="14:14">
      <c r="N778814" s="10"/>
    </row>
    <row r="778815" spans="14:14">
      <c r="N778815" s="10"/>
    </row>
    <row r="778816" spans="14:14">
      <c r="N778816" s="10"/>
    </row>
    <row r="778817" spans="14:14">
      <c r="N778817" s="10"/>
    </row>
    <row r="778818" spans="14:14">
      <c r="N778818" s="10"/>
    </row>
    <row r="778819" spans="14:14">
      <c r="N778819" s="10"/>
    </row>
    <row r="778820" spans="14:14">
      <c r="N778820" s="10"/>
    </row>
    <row r="778821" spans="14:14">
      <c r="N778821" s="10"/>
    </row>
    <row r="778822" spans="14:14">
      <c r="N778822" s="10"/>
    </row>
    <row r="778823" spans="14:14">
      <c r="N778823" s="10"/>
    </row>
    <row r="778824" spans="14:14">
      <c r="N778824" s="10"/>
    </row>
    <row r="778825" spans="14:14">
      <c r="N778825" s="10"/>
    </row>
    <row r="778826" spans="14:14">
      <c r="N778826" s="10"/>
    </row>
    <row r="778827" spans="14:14">
      <c r="N778827" s="10"/>
    </row>
    <row r="778828" spans="14:14">
      <c r="N778828" s="10"/>
    </row>
    <row r="778829" spans="14:14">
      <c r="N778829" s="10"/>
    </row>
    <row r="778830" spans="14:14">
      <c r="N778830" s="10"/>
    </row>
    <row r="778831" spans="14:14">
      <c r="N778831" s="10"/>
    </row>
    <row r="778832" spans="14:14">
      <c r="N778832" s="10"/>
    </row>
    <row r="778833" spans="14:14">
      <c r="N778833" s="10"/>
    </row>
    <row r="778834" spans="14:14">
      <c r="N778834" s="10"/>
    </row>
    <row r="778835" spans="14:14">
      <c r="N778835" s="10"/>
    </row>
    <row r="778836" spans="14:14">
      <c r="N778836" s="10"/>
    </row>
    <row r="778837" spans="14:14">
      <c r="N778837" s="10"/>
    </row>
    <row r="778838" spans="14:14">
      <c r="N778838" s="10"/>
    </row>
    <row r="778839" spans="14:14">
      <c r="N778839" s="10"/>
    </row>
    <row r="778840" spans="14:14">
      <c r="N778840" s="10"/>
    </row>
    <row r="778841" spans="14:14">
      <c r="N778841" s="10"/>
    </row>
    <row r="778842" spans="14:14">
      <c r="N778842" s="10"/>
    </row>
    <row r="778843" spans="14:14">
      <c r="N778843" s="10"/>
    </row>
    <row r="778844" spans="14:14">
      <c r="N778844" s="10"/>
    </row>
    <row r="778845" spans="14:14">
      <c r="N778845" s="10"/>
    </row>
    <row r="778846" spans="14:14">
      <c r="N778846" s="10"/>
    </row>
    <row r="778847" spans="14:14">
      <c r="N778847" s="10"/>
    </row>
    <row r="778848" spans="14:14">
      <c r="N778848" s="10"/>
    </row>
    <row r="778849" spans="14:14">
      <c r="N778849" s="10"/>
    </row>
    <row r="778850" spans="14:14">
      <c r="N778850" s="10"/>
    </row>
    <row r="778851" spans="14:14">
      <c r="N778851" s="10"/>
    </row>
    <row r="778852" spans="14:14">
      <c r="N778852" s="10"/>
    </row>
    <row r="778853" spans="14:14">
      <c r="N778853" s="10"/>
    </row>
    <row r="778854" spans="14:14">
      <c r="N778854" s="10"/>
    </row>
    <row r="778855" spans="14:14">
      <c r="N778855" s="10"/>
    </row>
    <row r="778856" spans="14:14">
      <c r="N778856" s="10"/>
    </row>
    <row r="778857" spans="14:14">
      <c r="N778857" s="10"/>
    </row>
    <row r="778858" spans="14:14">
      <c r="N778858" s="10"/>
    </row>
    <row r="778859" spans="14:14">
      <c r="N778859" s="10"/>
    </row>
    <row r="778860" spans="14:14">
      <c r="N778860" s="10"/>
    </row>
    <row r="778861" spans="14:14">
      <c r="N778861" s="10"/>
    </row>
    <row r="778862" spans="14:14">
      <c r="N778862" s="10"/>
    </row>
    <row r="778863" spans="14:14">
      <c r="N778863" s="10"/>
    </row>
    <row r="778864" spans="14:14">
      <c r="N778864" s="10"/>
    </row>
    <row r="778865" spans="14:14">
      <c r="N778865" s="10"/>
    </row>
    <row r="778866" spans="14:14">
      <c r="N778866" s="10"/>
    </row>
    <row r="778867" spans="14:14">
      <c r="N778867" s="10"/>
    </row>
    <row r="778868" spans="14:14">
      <c r="N778868" s="10"/>
    </row>
    <row r="778869" spans="14:14">
      <c r="N778869" s="10"/>
    </row>
    <row r="778870" spans="14:14">
      <c r="N778870" s="10"/>
    </row>
    <row r="778871" spans="14:14">
      <c r="N778871" s="10"/>
    </row>
    <row r="778872" spans="14:14">
      <c r="N778872" s="10"/>
    </row>
    <row r="778873" spans="14:14">
      <c r="N778873" s="10"/>
    </row>
    <row r="778874" spans="14:14">
      <c r="N778874" s="10"/>
    </row>
    <row r="778875" spans="14:14">
      <c r="N778875" s="10"/>
    </row>
    <row r="778876" spans="14:14">
      <c r="N778876" s="10"/>
    </row>
    <row r="778877" spans="14:14">
      <c r="N778877" s="10"/>
    </row>
    <row r="778878" spans="14:14">
      <c r="N778878" s="10"/>
    </row>
    <row r="778879" spans="14:14">
      <c r="N778879" s="10"/>
    </row>
    <row r="778880" spans="14:14">
      <c r="N778880" s="10"/>
    </row>
    <row r="778881" spans="14:14">
      <c r="N778881" s="10"/>
    </row>
    <row r="778882" spans="14:14">
      <c r="N778882" s="10"/>
    </row>
    <row r="778883" spans="14:14">
      <c r="N778883" s="10"/>
    </row>
    <row r="778884" spans="14:14">
      <c r="N778884" s="10"/>
    </row>
    <row r="778885" spans="14:14">
      <c r="N778885" s="10"/>
    </row>
    <row r="778886" spans="14:14">
      <c r="N778886" s="10"/>
    </row>
    <row r="778887" spans="14:14">
      <c r="N778887" s="10"/>
    </row>
    <row r="778888" spans="14:14">
      <c r="N778888" s="10"/>
    </row>
    <row r="778889" spans="14:14">
      <c r="N778889" s="10"/>
    </row>
    <row r="778890" spans="14:14">
      <c r="N778890" s="10"/>
    </row>
    <row r="778891" spans="14:14">
      <c r="N778891" s="10"/>
    </row>
    <row r="778892" spans="14:14">
      <c r="N778892" s="10"/>
    </row>
    <row r="778893" spans="14:14">
      <c r="N778893" s="10"/>
    </row>
    <row r="778894" spans="14:14">
      <c r="N778894" s="10"/>
    </row>
    <row r="778895" spans="14:14">
      <c r="N778895" s="10"/>
    </row>
    <row r="778896" spans="14:14">
      <c r="N778896" s="10"/>
    </row>
    <row r="778897" spans="14:14">
      <c r="N778897" s="10"/>
    </row>
    <row r="778898" spans="14:14">
      <c r="N778898" s="10"/>
    </row>
    <row r="778899" spans="14:14">
      <c r="N778899" s="10"/>
    </row>
    <row r="778900" spans="14:14">
      <c r="N778900" s="10"/>
    </row>
    <row r="778901" spans="14:14">
      <c r="N778901" s="10"/>
    </row>
    <row r="778902" spans="14:14">
      <c r="N778902" s="10"/>
    </row>
    <row r="778903" spans="14:14">
      <c r="N778903" s="10"/>
    </row>
    <row r="778904" spans="14:14">
      <c r="N778904" s="10"/>
    </row>
    <row r="778905" spans="14:14">
      <c r="N778905" s="10"/>
    </row>
    <row r="778906" spans="14:14">
      <c r="N778906" s="10"/>
    </row>
    <row r="778907" spans="14:14">
      <c r="N778907" s="10"/>
    </row>
    <row r="778908" spans="14:14">
      <c r="N778908" s="10"/>
    </row>
    <row r="778909" spans="14:14">
      <c r="N778909" s="10"/>
    </row>
    <row r="778910" spans="14:14">
      <c r="N778910" s="10"/>
    </row>
    <row r="778911" spans="14:14">
      <c r="N778911" s="10"/>
    </row>
    <row r="778912" spans="14:14">
      <c r="N778912" s="10"/>
    </row>
    <row r="778913" spans="14:14">
      <c r="N778913" s="10"/>
    </row>
    <row r="778914" spans="14:14">
      <c r="N778914" s="10"/>
    </row>
    <row r="778915" spans="14:14">
      <c r="N778915" s="10"/>
    </row>
    <row r="778916" spans="14:14">
      <c r="N778916" s="10"/>
    </row>
    <row r="778917" spans="14:14">
      <c r="N778917" s="10"/>
    </row>
    <row r="778918" spans="14:14">
      <c r="N778918" s="10"/>
    </row>
    <row r="778919" spans="14:14">
      <c r="N778919" s="10"/>
    </row>
    <row r="778920" spans="14:14">
      <c r="N778920" s="10"/>
    </row>
    <row r="778921" spans="14:14">
      <c r="N778921" s="10"/>
    </row>
    <row r="778922" spans="14:14">
      <c r="N778922" s="10"/>
    </row>
    <row r="778923" spans="14:14">
      <c r="N778923" s="10"/>
    </row>
    <row r="778924" spans="14:14">
      <c r="N778924" s="10"/>
    </row>
    <row r="778925" spans="14:14">
      <c r="N778925" s="10"/>
    </row>
    <row r="778926" spans="14:14">
      <c r="N778926" s="10"/>
    </row>
    <row r="778927" spans="14:14">
      <c r="N778927" s="10"/>
    </row>
    <row r="778928" spans="14:14">
      <c r="N778928" s="10"/>
    </row>
    <row r="778929" spans="14:14">
      <c r="N778929" s="10"/>
    </row>
    <row r="778930" spans="14:14">
      <c r="N778930" s="10"/>
    </row>
    <row r="778931" spans="14:14">
      <c r="N778931" s="10"/>
    </row>
    <row r="778932" spans="14:14">
      <c r="N778932" s="10"/>
    </row>
    <row r="778933" spans="14:14">
      <c r="N778933" s="10"/>
    </row>
    <row r="778934" spans="14:14">
      <c r="N778934" s="10"/>
    </row>
    <row r="778935" spans="14:14">
      <c r="N778935" s="10"/>
    </row>
    <row r="778936" spans="14:14">
      <c r="N778936" s="10"/>
    </row>
    <row r="778937" spans="14:14">
      <c r="N778937" s="10"/>
    </row>
    <row r="778938" spans="14:14">
      <c r="N778938" s="10"/>
    </row>
    <row r="778939" spans="14:14">
      <c r="N778939" s="10"/>
    </row>
    <row r="778940" spans="14:14">
      <c r="N778940" s="10"/>
    </row>
    <row r="778941" spans="14:14">
      <c r="N778941" s="10"/>
    </row>
    <row r="778942" spans="14:14">
      <c r="N778942" s="10"/>
    </row>
    <row r="778943" spans="14:14">
      <c r="N778943" s="10"/>
    </row>
    <row r="778944" spans="14:14">
      <c r="N778944" s="10"/>
    </row>
    <row r="778945" spans="14:14">
      <c r="N778945" s="10"/>
    </row>
    <row r="778946" spans="14:14">
      <c r="N778946" s="10"/>
    </row>
    <row r="778947" spans="14:14">
      <c r="N778947" s="10"/>
    </row>
    <row r="778948" spans="14:14">
      <c r="N778948" s="10"/>
    </row>
    <row r="778949" spans="14:14">
      <c r="N778949" s="10"/>
    </row>
    <row r="778950" spans="14:14">
      <c r="N778950" s="10"/>
    </row>
    <row r="778951" spans="14:14">
      <c r="N778951" s="10"/>
    </row>
    <row r="778952" spans="14:14">
      <c r="N778952" s="10"/>
    </row>
    <row r="778953" spans="14:14">
      <c r="N778953" s="10"/>
    </row>
    <row r="778954" spans="14:14">
      <c r="N778954" s="10"/>
    </row>
    <row r="778955" spans="14:14">
      <c r="N778955" s="10"/>
    </row>
    <row r="778956" spans="14:14">
      <c r="N778956" s="10"/>
    </row>
    <row r="778957" spans="14:14">
      <c r="N778957" s="10"/>
    </row>
    <row r="778958" spans="14:14">
      <c r="N778958" s="10"/>
    </row>
    <row r="778959" spans="14:14">
      <c r="N778959" s="10"/>
    </row>
    <row r="778960" spans="14:14">
      <c r="N778960" s="10"/>
    </row>
    <row r="778961" spans="14:14">
      <c r="N778961" s="10"/>
    </row>
    <row r="778962" spans="14:14">
      <c r="N778962" s="10"/>
    </row>
    <row r="778963" spans="14:14">
      <c r="N778963" s="10"/>
    </row>
    <row r="778964" spans="14:14">
      <c r="N778964" s="10"/>
    </row>
    <row r="778965" spans="14:14">
      <c r="N778965" s="10"/>
    </row>
    <row r="778966" spans="14:14">
      <c r="N778966" s="10"/>
    </row>
    <row r="778967" spans="14:14">
      <c r="N778967" s="10"/>
    </row>
    <row r="778968" spans="14:14">
      <c r="N778968" s="10"/>
    </row>
    <row r="778969" spans="14:14">
      <c r="N778969" s="10"/>
    </row>
    <row r="778970" spans="14:14">
      <c r="N778970" s="10"/>
    </row>
    <row r="778971" spans="14:14">
      <c r="N778971" s="10"/>
    </row>
    <row r="778972" spans="14:14">
      <c r="N778972" s="10"/>
    </row>
    <row r="778973" spans="14:14">
      <c r="N778973" s="10"/>
    </row>
    <row r="778974" spans="14:14">
      <c r="N778974" s="10"/>
    </row>
    <row r="778975" spans="14:14">
      <c r="N778975" s="10"/>
    </row>
    <row r="778976" spans="14:14">
      <c r="N778976" s="10"/>
    </row>
    <row r="778977" spans="14:14">
      <c r="N778977" s="10"/>
    </row>
    <row r="778978" spans="14:14">
      <c r="N778978" s="10"/>
    </row>
    <row r="778979" spans="14:14">
      <c r="N778979" s="10"/>
    </row>
    <row r="778980" spans="14:14">
      <c r="N778980" s="10"/>
    </row>
    <row r="778981" spans="14:14">
      <c r="N778981" s="10"/>
    </row>
    <row r="778982" spans="14:14">
      <c r="N778982" s="10"/>
    </row>
    <row r="778983" spans="14:14">
      <c r="N778983" s="10"/>
    </row>
    <row r="778984" spans="14:14">
      <c r="N778984" s="10"/>
    </row>
    <row r="778985" spans="14:14">
      <c r="N778985" s="10"/>
    </row>
    <row r="778986" spans="14:14">
      <c r="N778986" s="10"/>
    </row>
    <row r="778987" spans="14:14">
      <c r="N778987" s="10"/>
    </row>
    <row r="778988" spans="14:14">
      <c r="N778988" s="10"/>
    </row>
    <row r="778989" spans="14:14">
      <c r="N778989" s="10"/>
    </row>
    <row r="778990" spans="14:14">
      <c r="N778990" s="10"/>
    </row>
    <row r="778991" spans="14:14">
      <c r="N778991" s="10"/>
    </row>
    <row r="778992" spans="14:14">
      <c r="N778992" s="10"/>
    </row>
    <row r="778993" spans="14:14">
      <c r="N778993" s="10"/>
    </row>
    <row r="778994" spans="14:14">
      <c r="N778994" s="10"/>
    </row>
    <row r="778995" spans="14:14">
      <c r="N778995" s="10"/>
    </row>
    <row r="778996" spans="14:14">
      <c r="N778996" s="10"/>
    </row>
    <row r="778997" spans="14:14">
      <c r="N778997" s="10"/>
    </row>
    <row r="778998" spans="14:14">
      <c r="N778998" s="10"/>
    </row>
    <row r="778999" spans="14:14">
      <c r="N778999" s="10"/>
    </row>
    <row r="779000" spans="14:14">
      <c r="N779000" s="10"/>
    </row>
    <row r="779001" spans="14:14">
      <c r="N779001" s="10"/>
    </row>
    <row r="779002" spans="14:14">
      <c r="N779002" s="10"/>
    </row>
    <row r="779003" spans="14:14">
      <c r="N779003" s="10"/>
    </row>
    <row r="779004" spans="14:14">
      <c r="N779004" s="10"/>
    </row>
    <row r="779005" spans="14:14">
      <c r="N779005" s="10"/>
    </row>
    <row r="779006" spans="14:14">
      <c r="N779006" s="10"/>
    </row>
    <row r="779007" spans="14:14">
      <c r="N779007" s="10"/>
    </row>
    <row r="779008" spans="14:14">
      <c r="N779008" s="10"/>
    </row>
    <row r="779009" spans="14:14">
      <c r="N779009" s="10"/>
    </row>
    <row r="779010" spans="14:14">
      <c r="N779010" s="10"/>
    </row>
    <row r="779011" spans="14:14">
      <c r="N779011" s="10"/>
    </row>
    <row r="779012" spans="14:14">
      <c r="N779012" s="10"/>
    </row>
    <row r="779013" spans="14:14">
      <c r="N779013" s="10"/>
    </row>
    <row r="779014" spans="14:14">
      <c r="N779014" s="10"/>
    </row>
    <row r="779015" spans="14:14">
      <c r="N779015" s="10"/>
    </row>
    <row r="779016" spans="14:14">
      <c r="N779016" s="10"/>
    </row>
    <row r="779017" spans="14:14">
      <c r="N779017" s="10"/>
    </row>
    <row r="779018" spans="14:14">
      <c r="N779018" s="10"/>
    </row>
    <row r="779019" spans="14:14">
      <c r="N779019" s="10"/>
    </row>
    <row r="779020" spans="14:14">
      <c r="N779020" s="10"/>
    </row>
    <row r="779021" spans="14:14">
      <c r="N779021" s="10"/>
    </row>
    <row r="779022" spans="14:14">
      <c r="N779022" s="10"/>
    </row>
    <row r="779023" spans="14:14">
      <c r="N779023" s="10"/>
    </row>
    <row r="779024" spans="14:14">
      <c r="N779024" s="10"/>
    </row>
    <row r="779025" spans="14:14">
      <c r="N779025" s="10"/>
    </row>
    <row r="779026" spans="14:14">
      <c r="N779026" s="10"/>
    </row>
    <row r="779027" spans="14:14">
      <c r="N779027" s="10"/>
    </row>
    <row r="779028" spans="14:14">
      <c r="N779028" s="10"/>
    </row>
    <row r="779029" spans="14:14">
      <c r="N779029" s="10"/>
    </row>
    <row r="779030" spans="14:14">
      <c r="N779030" s="10"/>
    </row>
    <row r="779031" spans="14:14">
      <c r="N779031" s="10"/>
    </row>
    <row r="779032" spans="14:14">
      <c r="N779032" s="10"/>
    </row>
    <row r="779033" spans="14:14">
      <c r="N779033" s="10"/>
    </row>
    <row r="779034" spans="14:14">
      <c r="N779034" s="10"/>
    </row>
    <row r="779035" spans="14:14">
      <c r="N779035" s="10"/>
    </row>
    <row r="779036" spans="14:14">
      <c r="N779036" s="10"/>
    </row>
    <row r="779037" spans="14:14">
      <c r="N779037" s="10"/>
    </row>
    <row r="779038" spans="14:14">
      <c r="N779038" s="10"/>
    </row>
    <row r="779039" spans="14:14">
      <c r="N779039" s="10"/>
    </row>
    <row r="779040" spans="14:14">
      <c r="N779040" s="10"/>
    </row>
    <row r="779041" spans="14:14">
      <c r="N779041" s="10"/>
    </row>
    <row r="779042" spans="14:14">
      <c r="N779042" s="10"/>
    </row>
    <row r="779043" spans="14:14">
      <c r="N779043" s="10"/>
    </row>
    <row r="779044" spans="14:14">
      <c r="N779044" s="10"/>
    </row>
    <row r="779045" spans="14:14">
      <c r="N779045" s="10"/>
    </row>
    <row r="779046" spans="14:14">
      <c r="N779046" s="10"/>
    </row>
    <row r="779047" spans="14:14">
      <c r="N779047" s="10"/>
    </row>
    <row r="779048" spans="14:14">
      <c r="N779048" s="10"/>
    </row>
    <row r="779049" spans="14:14">
      <c r="N779049" s="10"/>
    </row>
    <row r="779050" spans="14:14">
      <c r="N779050" s="10"/>
    </row>
    <row r="779051" spans="14:14">
      <c r="N779051" s="10"/>
    </row>
    <row r="779052" spans="14:14">
      <c r="N779052" s="10"/>
    </row>
    <row r="779053" spans="14:14">
      <c r="N779053" s="10"/>
    </row>
    <row r="779054" spans="14:14">
      <c r="N779054" s="10"/>
    </row>
    <row r="779055" spans="14:14">
      <c r="N779055" s="10"/>
    </row>
    <row r="779056" spans="14:14">
      <c r="N779056" s="10"/>
    </row>
    <row r="779057" spans="14:14">
      <c r="N779057" s="10"/>
    </row>
    <row r="779058" spans="14:14">
      <c r="N779058" s="10"/>
    </row>
    <row r="779059" spans="14:14">
      <c r="N779059" s="10"/>
    </row>
    <row r="779060" spans="14:14">
      <c r="N779060" s="10"/>
    </row>
    <row r="779061" spans="14:14">
      <c r="N779061" s="10"/>
    </row>
    <row r="779062" spans="14:14">
      <c r="N779062" s="10"/>
    </row>
    <row r="779063" spans="14:14">
      <c r="N779063" s="10"/>
    </row>
    <row r="779064" spans="14:14">
      <c r="N779064" s="10"/>
    </row>
    <row r="779065" spans="14:14">
      <c r="N779065" s="10"/>
    </row>
    <row r="779066" spans="14:14">
      <c r="N779066" s="10"/>
    </row>
    <row r="779067" spans="14:14">
      <c r="N779067" s="10"/>
    </row>
    <row r="779068" spans="14:14">
      <c r="N779068" s="10"/>
    </row>
    <row r="779069" spans="14:14">
      <c r="N779069" s="10"/>
    </row>
    <row r="779070" spans="14:14">
      <c r="N779070" s="10"/>
    </row>
    <row r="779071" spans="14:14">
      <c r="N779071" s="10"/>
    </row>
    <row r="779072" spans="14:14">
      <c r="N779072" s="10"/>
    </row>
    <row r="779073" spans="14:14">
      <c r="N779073" s="10"/>
    </row>
    <row r="779074" spans="14:14">
      <c r="N779074" s="10"/>
    </row>
    <row r="779075" spans="14:14">
      <c r="N779075" s="10"/>
    </row>
    <row r="779076" spans="14:14">
      <c r="N779076" s="10"/>
    </row>
    <row r="779077" spans="14:14">
      <c r="N779077" s="10"/>
    </row>
    <row r="779078" spans="14:14">
      <c r="N779078" s="10"/>
    </row>
    <row r="779079" spans="14:14">
      <c r="N779079" s="10"/>
    </row>
    <row r="779080" spans="14:14">
      <c r="N779080" s="10"/>
    </row>
    <row r="779081" spans="14:14">
      <c r="N779081" s="10"/>
    </row>
    <row r="779082" spans="14:14">
      <c r="N779082" s="10"/>
    </row>
    <row r="779083" spans="14:14">
      <c r="N779083" s="10"/>
    </row>
    <row r="779084" spans="14:14">
      <c r="N779084" s="10"/>
    </row>
    <row r="779085" spans="14:14">
      <c r="N779085" s="10"/>
    </row>
    <row r="779086" spans="14:14">
      <c r="N779086" s="10"/>
    </row>
    <row r="779087" spans="14:14">
      <c r="N779087" s="10"/>
    </row>
    <row r="779088" spans="14:14">
      <c r="N779088" s="10"/>
    </row>
    <row r="779089" spans="14:14">
      <c r="N779089" s="10"/>
    </row>
    <row r="779090" spans="14:14">
      <c r="N779090" s="10"/>
    </row>
    <row r="779091" spans="14:14">
      <c r="N779091" s="10"/>
    </row>
    <row r="779092" spans="14:14">
      <c r="N779092" s="10"/>
    </row>
    <row r="779093" spans="14:14">
      <c r="N779093" s="10"/>
    </row>
    <row r="779094" spans="14:14">
      <c r="N779094" s="10"/>
    </row>
    <row r="779095" spans="14:14">
      <c r="N779095" s="10"/>
    </row>
    <row r="779096" spans="14:14">
      <c r="N779096" s="10"/>
    </row>
    <row r="779097" spans="14:14">
      <c r="N779097" s="10"/>
    </row>
    <row r="779098" spans="14:14">
      <c r="N779098" s="10"/>
    </row>
    <row r="779099" spans="14:14">
      <c r="N779099" s="10"/>
    </row>
    <row r="779100" spans="14:14">
      <c r="N779100" s="10"/>
    </row>
    <row r="779101" spans="14:14">
      <c r="N779101" s="10"/>
    </row>
    <row r="779102" spans="14:14">
      <c r="N779102" s="10"/>
    </row>
    <row r="779103" spans="14:14">
      <c r="N779103" s="10"/>
    </row>
    <row r="779104" spans="14:14">
      <c r="N779104" s="10"/>
    </row>
    <row r="779105" spans="14:14">
      <c r="N779105" s="10"/>
    </row>
    <row r="779106" spans="14:14">
      <c r="N779106" s="10"/>
    </row>
    <row r="779107" spans="14:14">
      <c r="N779107" s="10"/>
    </row>
    <row r="779108" spans="14:14">
      <c r="N779108" s="10"/>
    </row>
    <row r="779109" spans="14:14">
      <c r="N779109" s="10"/>
    </row>
    <row r="779110" spans="14:14">
      <c r="N779110" s="10"/>
    </row>
    <row r="779111" spans="14:14">
      <c r="N779111" s="10"/>
    </row>
    <row r="779112" spans="14:14">
      <c r="N779112" s="10"/>
    </row>
    <row r="779113" spans="14:14">
      <c r="N779113" s="10"/>
    </row>
    <row r="779114" spans="14:14">
      <c r="N779114" s="10"/>
    </row>
    <row r="779115" spans="14:14">
      <c r="N779115" s="10"/>
    </row>
    <row r="779116" spans="14:14">
      <c r="N779116" s="10"/>
    </row>
    <row r="779117" spans="14:14">
      <c r="N779117" s="10"/>
    </row>
    <row r="779118" spans="14:14">
      <c r="N779118" s="10"/>
    </row>
    <row r="779119" spans="14:14">
      <c r="N779119" s="10"/>
    </row>
    <row r="779120" spans="14:14">
      <c r="N779120" s="10"/>
    </row>
    <row r="779121" spans="14:14">
      <c r="N779121" s="10"/>
    </row>
    <row r="779122" spans="14:14">
      <c r="N779122" s="10"/>
    </row>
    <row r="779123" spans="14:14">
      <c r="N779123" s="10"/>
    </row>
    <row r="779124" spans="14:14">
      <c r="N779124" s="10"/>
    </row>
    <row r="779125" spans="14:14">
      <c r="N779125" s="10"/>
    </row>
    <row r="779126" spans="14:14">
      <c r="N779126" s="10"/>
    </row>
    <row r="779127" spans="14:14">
      <c r="N779127" s="10"/>
    </row>
    <row r="779128" spans="14:14">
      <c r="N779128" s="10"/>
    </row>
    <row r="779129" spans="14:14">
      <c r="N779129" s="10"/>
    </row>
    <row r="779130" spans="14:14">
      <c r="N779130" s="10"/>
    </row>
    <row r="779131" spans="14:14">
      <c r="N779131" s="10"/>
    </row>
    <row r="779132" spans="14:14">
      <c r="N779132" s="10"/>
    </row>
    <row r="779133" spans="14:14">
      <c r="N779133" s="10"/>
    </row>
    <row r="779134" spans="14:14">
      <c r="N779134" s="10"/>
    </row>
    <row r="779135" spans="14:14">
      <c r="N779135" s="10"/>
    </row>
    <row r="779136" spans="14:14">
      <c r="N779136" s="10"/>
    </row>
    <row r="779137" spans="14:14">
      <c r="N779137" s="10"/>
    </row>
    <row r="779138" spans="14:14">
      <c r="N779138" s="10"/>
    </row>
    <row r="779139" spans="14:14">
      <c r="N779139" s="10"/>
    </row>
    <row r="779140" spans="14:14">
      <c r="N779140" s="10"/>
    </row>
    <row r="779141" spans="14:14">
      <c r="N779141" s="10"/>
    </row>
    <row r="779142" spans="14:14">
      <c r="N779142" s="10"/>
    </row>
    <row r="779143" spans="14:14">
      <c r="N779143" s="10"/>
    </row>
    <row r="779144" spans="14:14">
      <c r="N779144" s="10"/>
    </row>
    <row r="779145" spans="14:14">
      <c r="N779145" s="10"/>
    </row>
    <row r="779146" spans="14:14">
      <c r="N779146" s="10"/>
    </row>
    <row r="779147" spans="14:14">
      <c r="N779147" s="10"/>
    </row>
    <row r="779148" spans="14:14">
      <c r="N779148" s="10"/>
    </row>
    <row r="779149" spans="14:14">
      <c r="N779149" s="10"/>
    </row>
    <row r="779150" spans="14:14">
      <c r="N779150" s="10"/>
    </row>
    <row r="779151" spans="14:14">
      <c r="N779151" s="10"/>
    </row>
    <row r="779152" spans="14:14">
      <c r="N779152" s="10"/>
    </row>
    <row r="779153" spans="14:14">
      <c r="N779153" s="10"/>
    </row>
    <row r="779154" spans="14:14">
      <c r="N779154" s="10"/>
    </row>
    <row r="779155" spans="14:14">
      <c r="N779155" s="10"/>
    </row>
    <row r="779156" spans="14:14">
      <c r="N779156" s="10"/>
    </row>
    <row r="779157" spans="14:14">
      <c r="N779157" s="10"/>
    </row>
    <row r="779158" spans="14:14">
      <c r="N779158" s="10"/>
    </row>
    <row r="779159" spans="14:14">
      <c r="N779159" s="10"/>
    </row>
    <row r="779160" spans="14:14">
      <c r="N779160" s="10"/>
    </row>
    <row r="779161" spans="14:14">
      <c r="N779161" s="10"/>
    </row>
    <row r="779162" spans="14:14">
      <c r="N779162" s="10"/>
    </row>
    <row r="779163" spans="14:14">
      <c r="N779163" s="10"/>
    </row>
    <row r="779164" spans="14:14">
      <c r="N779164" s="10"/>
    </row>
    <row r="779165" spans="14:14">
      <c r="N779165" s="10"/>
    </row>
    <row r="779166" spans="14:14">
      <c r="N779166" s="10"/>
    </row>
    <row r="779167" spans="14:14">
      <c r="N779167" s="10"/>
    </row>
    <row r="779168" spans="14:14">
      <c r="N779168" s="10"/>
    </row>
    <row r="779169" spans="14:14">
      <c r="N779169" s="10"/>
    </row>
    <row r="779170" spans="14:14">
      <c r="N779170" s="10"/>
    </row>
    <row r="779171" spans="14:14">
      <c r="N779171" s="10"/>
    </row>
    <row r="779172" spans="14:14">
      <c r="N779172" s="10"/>
    </row>
    <row r="779173" spans="14:14">
      <c r="N779173" s="10"/>
    </row>
    <row r="779174" spans="14:14">
      <c r="N779174" s="10"/>
    </row>
    <row r="779175" spans="14:14">
      <c r="N779175" s="10"/>
    </row>
    <row r="779176" spans="14:14">
      <c r="N779176" s="10"/>
    </row>
    <row r="779177" spans="14:14">
      <c r="N779177" s="10"/>
    </row>
    <row r="779178" spans="14:14">
      <c r="N779178" s="10"/>
    </row>
    <row r="779179" spans="14:14">
      <c r="N779179" s="10"/>
    </row>
    <row r="779180" spans="14:14">
      <c r="N779180" s="10"/>
    </row>
    <row r="779181" spans="14:14">
      <c r="N779181" s="10"/>
    </row>
    <row r="779182" spans="14:14">
      <c r="N779182" s="10"/>
    </row>
    <row r="779183" spans="14:14">
      <c r="N779183" s="10"/>
    </row>
    <row r="779184" spans="14:14">
      <c r="N779184" s="10"/>
    </row>
    <row r="779185" spans="14:14">
      <c r="N779185" s="10"/>
    </row>
    <row r="779186" spans="14:14">
      <c r="N779186" s="10"/>
    </row>
    <row r="779187" spans="14:14">
      <c r="N779187" s="10"/>
    </row>
    <row r="779188" spans="14:14">
      <c r="N779188" s="10"/>
    </row>
    <row r="779189" spans="14:14">
      <c r="N779189" s="10"/>
    </row>
    <row r="779190" spans="14:14">
      <c r="N779190" s="10"/>
    </row>
    <row r="779191" spans="14:14">
      <c r="N779191" s="10"/>
    </row>
    <row r="779192" spans="14:14">
      <c r="N779192" s="10"/>
    </row>
    <row r="779193" spans="14:14">
      <c r="N779193" s="10"/>
    </row>
    <row r="779194" spans="14:14">
      <c r="N779194" s="10"/>
    </row>
    <row r="779195" spans="14:14">
      <c r="N779195" s="10"/>
    </row>
    <row r="779196" spans="14:14">
      <c r="N779196" s="10"/>
    </row>
    <row r="779197" spans="14:14">
      <c r="N779197" s="10"/>
    </row>
    <row r="779198" spans="14:14">
      <c r="N779198" s="10"/>
    </row>
    <row r="779199" spans="14:14">
      <c r="N779199" s="10"/>
    </row>
    <row r="779200" spans="14:14">
      <c r="N779200" s="10"/>
    </row>
    <row r="779201" spans="14:14">
      <c r="N779201" s="10"/>
    </row>
    <row r="779202" spans="14:14">
      <c r="N779202" s="10"/>
    </row>
    <row r="779203" spans="14:14">
      <c r="N779203" s="10"/>
    </row>
    <row r="779204" spans="14:14">
      <c r="N779204" s="10"/>
    </row>
    <row r="779205" spans="14:14">
      <c r="N779205" s="10"/>
    </row>
    <row r="779206" spans="14:14">
      <c r="N779206" s="10"/>
    </row>
    <row r="779207" spans="14:14">
      <c r="N779207" s="10"/>
    </row>
    <row r="779208" spans="14:14">
      <c r="N779208" s="10"/>
    </row>
    <row r="779209" spans="14:14">
      <c r="N779209" s="10"/>
    </row>
    <row r="779210" spans="14:14">
      <c r="N779210" s="10"/>
    </row>
    <row r="779211" spans="14:14">
      <c r="N779211" s="10"/>
    </row>
    <row r="779212" spans="14:14">
      <c r="N779212" s="10"/>
    </row>
    <row r="779213" spans="14:14">
      <c r="N779213" s="10"/>
    </row>
    <row r="779214" spans="14:14">
      <c r="N779214" s="10"/>
    </row>
    <row r="779215" spans="14:14">
      <c r="N779215" s="10"/>
    </row>
    <row r="779216" spans="14:14">
      <c r="N779216" s="10"/>
    </row>
    <row r="779217" spans="14:14">
      <c r="N779217" s="10"/>
    </row>
    <row r="779218" spans="14:14">
      <c r="N779218" s="10"/>
    </row>
    <row r="779219" spans="14:14">
      <c r="N779219" s="10"/>
    </row>
    <row r="779220" spans="14:14">
      <c r="N779220" s="10"/>
    </row>
    <row r="779221" spans="14:14">
      <c r="N779221" s="10"/>
    </row>
    <row r="779222" spans="14:14">
      <c r="N779222" s="10"/>
    </row>
    <row r="779223" spans="14:14">
      <c r="N779223" s="10"/>
    </row>
    <row r="779224" spans="14:14">
      <c r="N779224" s="10"/>
    </row>
    <row r="779225" spans="14:14">
      <c r="N779225" s="10"/>
    </row>
    <row r="779226" spans="14:14">
      <c r="N779226" s="10"/>
    </row>
    <row r="779227" spans="14:14">
      <c r="N779227" s="10"/>
    </row>
    <row r="779228" spans="14:14">
      <c r="N779228" s="10"/>
    </row>
    <row r="779229" spans="14:14">
      <c r="N779229" s="10"/>
    </row>
    <row r="779230" spans="14:14">
      <c r="N779230" s="10"/>
    </row>
    <row r="779231" spans="14:14">
      <c r="N779231" s="10"/>
    </row>
    <row r="779232" spans="14:14">
      <c r="N779232" s="10"/>
    </row>
    <row r="779233" spans="14:14">
      <c r="N779233" s="10"/>
    </row>
    <row r="779234" spans="14:14">
      <c r="N779234" s="10"/>
    </row>
    <row r="779235" spans="14:14">
      <c r="N779235" s="10"/>
    </row>
    <row r="779236" spans="14:14">
      <c r="N779236" s="10"/>
    </row>
    <row r="779237" spans="14:14">
      <c r="N779237" s="10"/>
    </row>
    <row r="779238" spans="14:14">
      <c r="N779238" s="10"/>
    </row>
    <row r="779239" spans="14:14">
      <c r="N779239" s="10"/>
    </row>
    <row r="779240" spans="14:14">
      <c r="N779240" s="10"/>
    </row>
    <row r="779241" spans="14:14">
      <c r="N779241" s="10"/>
    </row>
    <row r="779242" spans="14:14">
      <c r="N779242" s="10"/>
    </row>
    <row r="779243" spans="14:14">
      <c r="N779243" s="10"/>
    </row>
    <row r="779244" spans="14:14">
      <c r="N779244" s="10"/>
    </row>
    <row r="779245" spans="14:14">
      <c r="N779245" s="10"/>
    </row>
    <row r="779246" spans="14:14">
      <c r="N779246" s="10"/>
    </row>
    <row r="779247" spans="14:14">
      <c r="N779247" s="10"/>
    </row>
    <row r="779248" spans="14:14">
      <c r="N779248" s="10"/>
    </row>
    <row r="779249" spans="14:14">
      <c r="N779249" s="10"/>
    </row>
    <row r="779250" spans="14:14">
      <c r="N779250" s="10"/>
    </row>
    <row r="779251" spans="14:14">
      <c r="N779251" s="10"/>
    </row>
    <row r="779252" spans="14:14">
      <c r="N779252" s="10"/>
    </row>
    <row r="779253" spans="14:14">
      <c r="N779253" s="10"/>
    </row>
    <row r="779254" spans="14:14">
      <c r="N779254" s="10"/>
    </row>
    <row r="779255" spans="14:14">
      <c r="N779255" s="10"/>
    </row>
    <row r="779256" spans="14:14">
      <c r="N779256" s="10"/>
    </row>
    <row r="779257" spans="14:14">
      <c r="N779257" s="10"/>
    </row>
    <row r="779258" spans="14:14">
      <c r="N779258" s="10"/>
    </row>
    <row r="779259" spans="14:14">
      <c r="N779259" s="10"/>
    </row>
    <row r="779260" spans="14:14">
      <c r="N779260" s="10"/>
    </row>
    <row r="779261" spans="14:14">
      <c r="N779261" s="10"/>
    </row>
    <row r="779262" spans="14:14">
      <c r="N779262" s="10"/>
    </row>
    <row r="779263" spans="14:14">
      <c r="N779263" s="10"/>
    </row>
    <row r="779264" spans="14:14">
      <c r="N779264" s="10"/>
    </row>
    <row r="779265" spans="14:14">
      <c r="N779265" s="10"/>
    </row>
    <row r="779266" spans="14:14">
      <c r="N779266" s="10"/>
    </row>
    <row r="779267" spans="14:14">
      <c r="N779267" s="10"/>
    </row>
    <row r="779268" spans="14:14">
      <c r="N779268" s="10"/>
    </row>
    <row r="779269" spans="14:14">
      <c r="N779269" s="10"/>
    </row>
    <row r="779270" spans="14:14">
      <c r="N779270" s="10"/>
    </row>
    <row r="779271" spans="14:14">
      <c r="N779271" s="10"/>
    </row>
    <row r="779272" spans="14:14">
      <c r="N779272" s="10"/>
    </row>
    <row r="779273" spans="14:14">
      <c r="N779273" s="10"/>
    </row>
    <row r="779274" spans="14:14">
      <c r="N779274" s="10"/>
    </row>
    <row r="779275" spans="14:14">
      <c r="N779275" s="10"/>
    </row>
    <row r="779276" spans="14:14">
      <c r="N779276" s="10"/>
    </row>
    <row r="779277" spans="14:14">
      <c r="N779277" s="10"/>
    </row>
    <row r="779278" spans="14:14">
      <c r="N779278" s="10"/>
    </row>
    <row r="779279" spans="14:14">
      <c r="N779279" s="10"/>
    </row>
    <row r="779280" spans="14:14">
      <c r="N779280" s="10"/>
    </row>
    <row r="779281" spans="14:14">
      <c r="N779281" s="10"/>
    </row>
    <row r="779282" spans="14:14">
      <c r="N779282" s="10"/>
    </row>
    <row r="779283" spans="14:14">
      <c r="N779283" s="10"/>
    </row>
    <row r="779284" spans="14:14">
      <c r="N779284" s="10"/>
    </row>
    <row r="779285" spans="14:14">
      <c r="N779285" s="10"/>
    </row>
    <row r="779286" spans="14:14">
      <c r="N779286" s="10"/>
    </row>
    <row r="779287" spans="14:14">
      <c r="N779287" s="10"/>
    </row>
    <row r="779288" spans="14:14">
      <c r="N779288" s="10"/>
    </row>
    <row r="779289" spans="14:14">
      <c r="N779289" s="10"/>
    </row>
    <row r="779290" spans="14:14">
      <c r="N779290" s="10"/>
    </row>
    <row r="779291" spans="14:14">
      <c r="N779291" s="10"/>
    </row>
    <row r="779292" spans="14:14">
      <c r="N779292" s="10"/>
    </row>
    <row r="779293" spans="14:14">
      <c r="N779293" s="10"/>
    </row>
    <row r="779294" spans="14:14">
      <c r="N779294" s="10"/>
    </row>
    <row r="779295" spans="14:14">
      <c r="N779295" s="10"/>
    </row>
    <row r="779296" spans="14:14">
      <c r="N779296" s="10"/>
    </row>
    <row r="779297" spans="14:14">
      <c r="N779297" s="10"/>
    </row>
    <row r="779298" spans="14:14">
      <c r="N779298" s="10"/>
    </row>
    <row r="779299" spans="14:14">
      <c r="N779299" s="10"/>
    </row>
    <row r="779300" spans="14:14">
      <c r="N779300" s="10"/>
    </row>
    <row r="779301" spans="14:14">
      <c r="N779301" s="10"/>
    </row>
    <row r="779302" spans="14:14">
      <c r="N779302" s="10"/>
    </row>
    <row r="779303" spans="14:14">
      <c r="N779303" s="10"/>
    </row>
    <row r="779304" spans="14:14">
      <c r="N779304" s="10"/>
    </row>
    <row r="779305" spans="14:14">
      <c r="N779305" s="10"/>
    </row>
    <row r="779306" spans="14:14">
      <c r="N779306" s="10"/>
    </row>
    <row r="779307" spans="14:14">
      <c r="N779307" s="10"/>
    </row>
    <row r="779308" spans="14:14">
      <c r="N779308" s="10"/>
    </row>
    <row r="779309" spans="14:14">
      <c r="N779309" s="10"/>
    </row>
    <row r="779310" spans="14:14">
      <c r="N779310" s="10"/>
    </row>
    <row r="779311" spans="14:14">
      <c r="N779311" s="10"/>
    </row>
    <row r="779312" spans="14:14">
      <c r="N779312" s="10"/>
    </row>
    <row r="779313" spans="14:14">
      <c r="N779313" s="10"/>
    </row>
    <row r="779314" spans="14:14">
      <c r="N779314" s="10"/>
    </row>
    <row r="779315" spans="14:14">
      <c r="N779315" s="10"/>
    </row>
    <row r="779316" spans="14:14">
      <c r="N779316" s="10"/>
    </row>
    <row r="779317" spans="14:14">
      <c r="N779317" s="10"/>
    </row>
    <row r="779318" spans="14:14">
      <c r="N779318" s="10"/>
    </row>
    <row r="779319" spans="14:14">
      <c r="N779319" s="10"/>
    </row>
    <row r="779320" spans="14:14">
      <c r="N779320" s="10"/>
    </row>
    <row r="779321" spans="14:14">
      <c r="N779321" s="10"/>
    </row>
    <row r="779322" spans="14:14">
      <c r="N779322" s="10"/>
    </row>
    <row r="779323" spans="14:14">
      <c r="N779323" s="10"/>
    </row>
    <row r="779324" spans="14:14">
      <c r="N779324" s="10"/>
    </row>
    <row r="779325" spans="14:14">
      <c r="N779325" s="10"/>
    </row>
    <row r="779326" spans="14:14">
      <c r="N779326" s="10"/>
    </row>
    <row r="779327" spans="14:14">
      <c r="N779327" s="10"/>
    </row>
    <row r="779328" spans="14:14">
      <c r="N779328" s="10"/>
    </row>
    <row r="779329" spans="14:14">
      <c r="N779329" s="10"/>
    </row>
    <row r="779330" spans="14:14">
      <c r="N779330" s="10"/>
    </row>
    <row r="779331" spans="14:14">
      <c r="N779331" s="10"/>
    </row>
    <row r="779332" spans="14:14">
      <c r="N779332" s="10"/>
    </row>
    <row r="779333" spans="14:14">
      <c r="N779333" s="10"/>
    </row>
    <row r="779334" spans="14:14">
      <c r="N779334" s="10"/>
    </row>
    <row r="779335" spans="14:14">
      <c r="N779335" s="10"/>
    </row>
    <row r="779336" spans="14:14">
      <c r="N779336" s="10"/>
    </row>
    <row r="779337" spans="14:14">
      <c r="N779337" s="10"/>
    </row>
    <row r="779338" spans="14:14">
      <c r="N779338" s="10"/>
    </row>
    <row r="779339" spans="14:14">
      <c r="N779339" s="10"/>
    </row>
    <row r="779340" spans="14:14">
      <c r="N779340" s="10"/>
    </row>
    <row r="779341" spans="14:14">
      <c r="N779341" s="10"/>
    </row>
    <row r="779342" spans="14:14">
      <c r="N779342" s="10"/>
    </row>
    <row r="779343" spans="14:14">
      <c r="N779343" s="10"/>
    </row>
    <row r="779344" spans="14:14">
      <c r="N779344" s="10"/>
    </row>
    <row r="779345" spans="14:14">
      <c r="N779345" s="10"/>
    </row>
    <row r="779346" spans="14:14">
      <c r="N779346" s="10"/>
    </row>
    <row r="779347" spans="14:14">
      <c r="N779347" s="10"/>
    </row>
    <row r="779348" spans="14:14">
      <c r="N779348" s="10"/>
    </row>
    <row r="779349" spans="14:14">
      <c r="N779349" s="10"/>
    </row>
    <row r="779350" spans="14:14">
      <c r="N779350" s="10"/>
    </row>
    <row r="779351" spans="14:14">
      <c r="N779351" s="10"/>
    </row>
    <row r="779352" spans="14:14">
      <c r="N779352" s="10"/>
    </row>
    <row r="779353" spans="14:14">
      <c r="N779353" s="10"/>
    </row>
    <row r="779354" spans="14:14">
      <c r="N779354" s="10"/>
    </row>
    <row r="779355" spans="14:14">
      <c r="N779355" s="10"/>
    </row>
    <row r="779356" spans="14:14">
      <c r="N779356" s="10"/>
    </row>
    <row r="779357" spans="14:14">
      <c r="N779357" s="10"/>
    </row>
    <row r="779358" spans="14:14">
      <c r="N779358" s="10"/>
    </row>
    <row r="779359" spans="14:14">
      <c r="N779359" s="10"/>
    </row>
    <row r="779360" spans="14:14">
      <c r="N779360" s="10"/>
    </row>
    <row r="779361" spans="14:14">
      <c r="N779361" s="10"/>
    </row>
    <row r="779362" spans="14:14">
      <c r="N779362" s="10"/>
    </row>
    <row r="779363" spans="14:14">
      <c r="N779363" s="10"/>
    </row>
    <row r="779364" spans="14:14">
      <c r="N779364" s="10"/>
    </row>
    <row r="779365" spans="14:14">
      <c r="N779365" s="10"/>
    </row>
    <row r="779366" spans="14:14">
      <c r="N779366" s="10"/>
    </row>
    <row r="779367" spans="14:14">
      <c r="N779367" s="10"/>
    </row>
    <row r="779368" spans="14:14">
      <c r="N779368" s="10"/>
    </row>
    <row r="779369" spans="14:14">
      <c r="N779369" s="10"/>
    </row>
    <row r="779370" spans="14:14">
      <c r="N779370" s="10"/>
    </row>
    <row r="779371" spans="14:14">
      <c r="N779371" s="10"/>
    </row>
    <row r="779372" spans="14:14">
      <c r="N779372" s="10"/>
    </row>
    <row r="779373" spans="14:14">
      <c r="N779373" s="10"/>
    </row>
    <row r="779374" spans="14:14">
      <c r="N779374" s="10"/>
    </row>
    <row r="779375" spans="14:14">
      <c r="N779375" s="10"/>
    </row>
    <row r="779376" spans="14:14">
      <c r="N779376" s="10"/>
    </row>
    <row r="779377" spans="14:14">
      <c r="N779377" s="10"/>
    </row>
    <row r="779378" spans="14:14">
      <c r="N779378" s="10"/>
    </row>
    <row r="779379" spans="14:14">
      <c r="N779379" s="10"/>
    </row>
    <row r="779380" spans="14:14">
      <c r="N779380" s="10"/>
    </row>
    <row r="779381" spans="14:14">
      <c r="N779381" s="10"/>
    </row>
    <row r="779382" spans="14:14">
      <c r="N779382" s="10"/>
    </row>
    <row r="779383" spans="14:14">
      <c r="N779383" s="10"/>
    </row>
    <row r="779384" spans="14:14">
      <c r="N779384" s="10"/>
    </row>
    <row r="779385" spans="14:14">
      <c r="N779385" s="10"/>
    </row>
    <row r="779386" spans="14:14">
      <c r="N779386" s="10"/>
    </row>
    <row r="779387" spans="14:14">
      <c r="N779387" s="10"/>
    </row>
    <row r="779388" spans="14:14">
      <c r="N779388" s="10"/>
    </row>
    <row r="779389" spans="14:14">
      <c r="N779389" s="10"/>
    </row>
    <row r="779390" spans="14:14">
      <c r="N779390" s="10"/>
    </row>
    <row r="779391" spans="14:14">
      <c r="N779391" s="10"/>
    </row>
    <row r="779392" spans="14:14">
      <c r="N779392" s="10"/>
    </row>
    <row r="779393" spans="14:14">
      <c r="N779393" s="10"/>
    </row>
    <row r="779394" spans="14:14">
      <c r="N779394" s="10"/>
    </row>
    <row r="779395" spans="14:14">
      <c r="N779395" s="10"/>
    </row>
    <row r="779396" spans="14:14">
      <c r="N779396" s="10"/>
    </row>
    <row r="779397" spans="14:14">
      <c r="N779397" s="10"/>
    </row>
    <row r="779398" spans="14:14">
      <c r="N779398" s="10"/>
    </row>
    <row r="779399" spans="14:14">
      <c r="N779399" s="10"/>
    </row>
    <row r="779400" spans="14:14">
      <c r="N779400" s="10"/>
    </row>
    <row r="779401" spans="14:14">
      <c r="N779401" s="10"/>
    </row>
    <row r="779402" spans="14:14">
      <c r="N779402" s="10"/>
    </row>
    <row r="779403" spans="14:14">
      <c r="N779403" s="10"/>
    </row>
    <row r="779404" spans="14:14">
      <c r="N779404" s="10"/>
    </row>
    <row r="779405" spans="14:14">
      <c r="N779405" s="10"/>
    </row>
    <row r="779406" spans="14:14">
      <c r="N779406" s="10"/>
    </row>
    <row r="779407" spans="14:14">
      <c r="N779407" s="10"/>
    </row>
    <row r="779408" spans="14:14">
      <c r="N779408" s="10"/>
    </row>
    <row r="779409" spans="14:14">
      <c r="N779409" s="10"/>
    </row>
    <row r="779410" spans="14:14">
      <c r="N779410" s="10"/>
    </row>
    <row r="779411" spans="14:14">
      <c r="N779411" s="10"/>
    </row>
    <row r="779412" spans="14:14">
      <c r="N779412" s="10"/>
    </row>
    <row r="779413" spans="14:14">
      <c r="N779413" s="10"/>
    </row>
    <row r="779414" spans="14:14">
      <c r="N779414" s="10"/>
    </row>
    <row r="779415" spans="14:14">
      <c r="N779415" s="10"/>
    </row>
    <row r="779416" spans="14:14">
      <c r="N779416" s="10"/>
    </row>
    <row r="779417" spans="14:14">
      <c r="N779417" s="10"/>
    </row>
    <row r="779418" spans="14:14">
      <c r="N779418" s="10"/>
    </row>
    <row r="779419" spans="14:14">
      <c r="N779419" s="10"/>
    </row>
    <row r="779420" spans="14:14">
      <c r="N779420" s="10"/>
    </row>
    <row r="779421" spans="14:14">
      <c r="N779421" s="10"/>
    </row>
    <row r="779422" spans="14:14">
      <c r="N779422" s="10"/>
    </row>
    <row r="779423" spans="14:14">
      <c r="N779423" s="10"/>
    </row>
    <row r="779424" spans="14:14">
      <c r="N779424" s="10"/>
    </row>
    <row r="779425" spans="14:14">
      <c r="N779425" s="10"/>
    </row>
    <row r="779426" spans="14:14">
      <c r="N779426" s="10"/>
    </row>
    <row r="779427" spans="14:14">
      <c r="N779427" s="10"/>
    </row>
    <row r="779428" spans="14:14">
      <c r="N779428" s="10"/>
    </row>
    <row r="779429" spans="14:14">
      <c r="N779429" s="10"/>
    </row>
    <row r="779430" spans="14:14">
      <c r="N779430" s="10"/>
    </row>
    <row r="779431" spans="14:14">
      <c r="N779431" s="10"/>
    </row>
    <row r="779432" spans="14:14">
      <c r="N779432" s="10"/>
    </row>
    <row r="779433" spans="14:14">
      <c r="N779433" s="10"/>
    </row>
    <row r="779434" spans="14:14">
      <c r="N779434" s="10"/>
    </row>
    <row r="779435" spans="14:14">
      <c r="N779435" s="10"/>
    </row>
    <row r="779436" spans="14:14">
      <c r="N779436" s="10"/>
    </row>
    <row r="779437" spans="14:14">
      <c r="N779437" s="10"/>
    </row>
    <row r="779438" spans="14:14">
      <c r="N779438" s="10"/>
    </row>
    <row r="779439" spans="14:14">
      <c r="N779439" s="10"/>
    </row>
    <row r="779440" spans="14:14">
      <c r="N779440" s="10"/>
    </row>
    <row r="779441" spans="14:14">
      <c r="N779441" s="10"/>
    </row>
    <row r="779442" spans="14:14">
      <c r="N779442" s="10"/>
    </row>
    <row r="779443" spans="14:14">
      <c r="N779443" s="10"/>
    </row>
    <row r="779444" spans="14:14">
      <c r="N779444" s="10"/>
    </row>
    <row r="779445" spans="14:14">
      <c r="N779445" s="10"/>
    </row>
    <row r="779446" spans="14:14">
      <c r="N779446" s="10"/>
    </row>
    <row r="779447" spans="14:14">
      <c r="N779447" s="10"/>
    </row>
    <row r="779448" spans="14:14">
      <c r="N779448" s="10"/>
    </row>
    <row r="779449" spans="14:14">
      <c r="N779449" s="10"/>
    </row>
    <row r="779450" spans="14:14">
      <c r="N779450" s="10"/>
    </row>
    <row r="779451" spans="14:14">
      <c r="N779451" s="10"/>
    </row>
    <row r="779452" spans="14:14">
      <c r="N779452" s="10"/>
    </row>
    <row r="779453" spans="14:14">
      <c r="N779453" s="10"/>
    </row>
    <row r="779454" spans="14:14">
      <c r="N779454" s="10"/>
    </row>
    <row r="779455" spans="14:14">
      <c r="N779455" s="10"/>
    </row>
    <row r="779456" spans="14:14">
      <c r="N779456" s="10"/>
    </row>
    <row r="779457" spans="14:14">
      <c r="N779457" s="10"/>
    </row>
    <row r="779458" spans="14:14">
      <c r="N779458" s="10"/>
    </row>
    <row r="779459" spans="14:14">
      <c r="N779459" s="10"/>
    </row>
    <row r="779460" spans="14:14">
      <c r="N779460" s="10"/>
    </row>
    <row r="779461" spans="14:14">
      <c r="N779461" s="10"/>
    </row>
    <row r="779462" spans="14:14">
      <c r="N779462" s="10"/>
    </row>
    <row r="779463" spans="14:14">
      <c r="N779463" s="10"/>
    </row>
    <row r="779464" spans="14:14">
      <c r="N779464" s="10"/>
    </row>
    <row r="779465" spans="14:14">
      <c r="N779465" s="10"/>
    </row>
    <row r="779466" spans="14:14">
      <c r="N779466" s="10"/>
    </row>
    <row r="779467" spans="14:14">
      <c r="N779467" s="10"/>
    </row>
    <row r="779468" spans="14:14">
      <c r="N779468" s="10"/>
    </row>
    <row r="779469" spans="14:14">
      <c r="N779469" s="10"/>
    </row>
    <row r="779470" spans="14:14">
      <c r="N779470" s="10"/>
    </row>
    <row r="779471" spans="14:14">
      <c r="N779471" s="10"/>
    </row>
    <row r="779472" spans="14:14">
      <c r="N779472" s="10"/>
    </row>
    <row r="779473" spans="14:14">
      <c r="N779473" s="10"/>
    </row>
    <row r="779474" spans="14:14">
      <c r="N779474" s="10"/>
    </row>
    <row r="779475" spans="14:14">
      <c r="N779475" s="10"/>
    </row>
    <row r="779476" spans="14:14">
      <c r="N779476" s="10"/>
    </row>
    <row r="779477" spans="14:14">
      <c r="N779477" s="10"/>
    </row>
    <row r="779478" spans="14:14">
      <c r="N779478" s="10"/>
    </row>
    <row r="779479" spans="14:14">
      <c r="N779479" s="10"/>
    </row>
    <row r="779480" spans="14:14">
      <c r="N779480" s="10"/>
    </row>
    <row r="779481" spans="14:14">
      <c r="N779481" s="10"/>
    </row>
    <row r="779482" spans="14:14">
      <c r="N779482" s="10"/>
    </row>
    <row r="779483" spans="14:14">
      <c r="N779483" s="10"/>
    </row>
    <row r="779484" spans="14:14">
      <c r="N779484" s="10"/>
    </row>
    <row r="779485" spans="14:14">
      <c r="N779485" s="10"/>
    </row>
    <row r="779486" spans="14:14">
      <c r="N779486" s="10"/>
    </row>
    <row r="779487" spans="14:14">
      <c r="N779487" s="10"/>
    </row>
    <row r="779488" spans="14:14">
      <c r="N779488" s="10"/>
    </row>
    <row r="779489" spans="14:14">
      <c r="N779489" s="10"/>
    </row>
    <row r="779490" spans="14:14">
      <c r="N779490" s="10"/>
    </row>
    <row r="779491" spans="14:14">
      <c r="N779491" s="10"/>
    </row>
    <row r="779492" spans="14:14">
      <c r="N779492" s="10"/>
    </row>
    <row r="779493" spans="14:14">
      <c r="N779493" s="10"/>
    </row>
    <row r="779494" spans="14:14">
      <c r="N779494" s="10"/>
    </row>
    <row r="779495" spans="14:14">
      <c r="N779495" s="10"/>
    </row>
    <row r="779496" spans="14:14">
      <c r="N779496" s="10"/>
    </row>
    <row r="779497" spans="14:14">
      <c r="N779497" s="10"/>
    </row>
    <row r="779498" spans="14:14">
      <c r="N779498" s="10"/>
    </row>
    <row r="779499" spans="14:14">
      <c r="N779499" s="10"/>
    </row>
    <row r="779500" spans="14:14">
      <c r="N779500" s="10"/>
    </row>
    <row r="779501" spans="14:14">
      <c r="N779501" s="10"/>
    </row>
    <row r="779502" spans="14:14">
      <c r="N779502" s="10"/>
    </row>
    <row r="779503" spans="14:14">
      <c r="N779503" s="10"/>
    </row>
    <row r="779504" spans="14:14">
      <c r="N779504" s="10"/>
    </row>
    <row r="779505" spans="14:14">
      <c r="N779505" s="10"/>
    </row>
    <row r="779506" spans="14:14">
      <c r="N779506" s="10"/>
    </row>
    <row r="779507" spans="14:14">
      <c r="N779507" s="10"/>
    </row>
    <row r="779508" spans="14:14">
      <c r="N779508" s="10"/>
    </row>
    <row r="779509" spans="14:14">
      <c r="N779509" s="10"/>
    </row>
    <row r="779510" spans="14:14">
      <c r="N779510" s="10"/>
    </row>
    <row r="779511" spans="14:14">
      <c r="N779511" s="10"/>
    </row>
    <row r="779512" spans="14:14">
      <c r="N779512" s="10"/>
    </row>
    <row r="779513" spans="14:14">
      <c r="N779513" s="10"/>
    </row>
    <row r="779514" spans="14:14">
      <c r="N779514" s="10"/>
    </row>
    <row r="779515" spans="14:14">
      <c r="N779515" s="10"/>
    </row>
    <row r="779516" spans="14:14">
      <c r="N779516" s="10"/>
    </row>
    <row r="779517" spans="14:14">
      <c r="N779517" s="10"/>
    </row>
    <row r="779518" spans="14:14">
      <c r="N779518" s="10"/>
    </row>
    <row r="779519" spans="14:14">
      <c r="N779519" s="10"/>
    </row>
    <row r="779520" spans="14:14">
      <c r="N779520" s="10"/>
    </row>
    <row r="779521" spans="14:14">
      <c r="N779521" s="10"/>
    </row>
    <row r="779522" spans="14:14">
      <c r="N779522" s="10"/>
    </row>
    <row r="779523" spans="14:14">
      <c r="N779523" s="10"/>
    </row>
    <row r="779524" spans="14:14">
      <c r="N779524" s="10"/>
    </row>
    <row r="779525" spans="14:14">
      <c r="N779525" s="10"/>
    </row>
    <row r="779526" spans="14:14">
      <c r="N779526" s="10"/>
    </row>
    <row r="779527" spans="14:14">
      <c r="N779527" s="10"/>
    </row>
    <row r="779528" spans="14:14">
      <c r="N779528" s="10"/>
    </row>
    <row r="779529" spans="14:14">
      <c r="N779529" s="10"/>
    </row>
    <row r="779530" spans="14:14">
      <c r="N779530" s="10"/>
    </row>
    <row r="779531" spans="14:14">
      <c r="N779531" s="10"/>
    </row>
    <row r="779532" spans="14:14">
      <c r="N779532" s="10"/>
    </row>
    <row r="779533" spans="14:14">
      <c r="N779533" s="10"/>
    </row>
    <row r="779534" spans="14:14">
      <c r="N779534" s="10"/>
    </row>
    <row r="779535" spans="14:14">
      <c r="N779535" s="10"/>
    </row>
    <row r="779536" spans="14:14">
      <c r="N779536" s="10"/>
    </row>
    <row r="779537" spans="14:14">
      <c r="N779537" s="10"/>
    </row>
    <row r="779538" spans="14:14">
      <c r="N779538" s="10"/>
    </row>
    <row r="779539" spans="14:14">
      <c r="N779539" s="10"/>
    </row>
    <row r="779540" spans="14:14">
      <c r="N779540" s="10"/>
    </row>
    <row r="779541" spans="14:14">
      <c r="N779541" s="10"/>
    </row>
    <row r="779542" spans="14:14">
      <c r="N779542" s="10"/>
    </row>
    <row r="779543" spans="14:14">
      <c r="N779543" s="10"/>
    </row>
    <row r="779544" spans="14:14">
      <c r="N779544" s="10"/>
    </row>
    <row r="779545" spans="14:14">
      <c r="N779545" s="10"/>
    </row>
    <row r="779546" spans="14:14">
      <c r="N779546" s="10"/>
    </row>
    <row r="779547" spans="14:14">
      <c r="N779547" s="10"/>
    </row>
    <row r="779548" spans="14:14">
      <c r="N779548" s="10"/>
    </row>
    <row r="779549" spans="14:14">
      <c r="N779549" s="10"/>
    </row>
    <row r="779550" spans="14:14">
      <c r="N779550" s="10"/>
    </row>
    <row r="779551" spans="14:14">
      <c r="N779551" s="10"/>
    </row>
    <row r="779552" spans="14:14">
      <c r="N779552" s="10"/>
    </row>
    <row r="779553" spans="14:14">
      <c r="N779553" s="10"/>
    </row>
    <row r="779554" spans="14:14">
      <c r="N779554" s="10"/>
    </row>
    <row r="779555" spans="14:14">
      <c r="N779555" s="10"/>
    </row>
    <row r="779556" spans="14:14">
      <c r="N779556" s="10"/>
    </row>
    <row r="779557" spans="14:14">
      <c r="N779557" s="10"/>
    </row>
    <row r="779558" spans="14:14">
      <c r="N779558" s="10"/>
    </row>
    <row r="779559" spans="14:14">
      <c r="N779559" s="10"/>
    </row>
    <row r="779560" spans="14:14">
      <c r="N779560" s="10"/>
    </row>
    <row r="779561" spans="14:14">
      <c r="N779561" s="10"/>
    </row>
    <row r="779562" spans="14:14">
      <c r="N779562" s="10"/>
    </row>
    <row r="779563" spans="14:14">
      <c r="N779563" s="10"/>
    </row>
    <row r="779564" spans="14:14">
      <c r="N779564" s="10"/>
    </row>
    <row r="779565" spans="14:14">
      <c r="N779565" s="10"/>
    </row>
    <row r="779566" spans="14:14">
      <c r="N779566" s="10"/>
    </row>
    <row r="779567" spans="14:14">
      <c r="N779567" s="10"/>
    </row>
    <row r="779568" spans="14:14">
      <c r="N779568" s="10"/>
    </row>
    <row r="779569" spans="14:14">
      <c r="N779569" s="10"/>
    </row>
    <row r="779570" spans="14:14">
      <c r="N779570" s="10"/>
    </row>
    <row r="779571" spans="14:14">
      <c r="N779571" s="10"/>
    </row>
    <row r="779572" spans="14:14">
      <c r="N779572" s="10"/>
    </row>
    <row r="779573" spans="14:14">
      <c r="N779573" s="10"/>
    </row>
    <row r="779574" spans="14:14">
      <c r="N779574" s="10"/>
    </row>
    <row r="779575" spans="14:14">
      <c r="N779575" s="10"/>
    </row>
    <row r="779576" spans="14:14">
      <c r="N779576" s="10"/>
    </row>
    <row r="779577" spans="14:14">
      <c r="N779577" s="10"/>
    </row>
    <row r="779578" spans="14:14">
      <c r="N779578" s="10"/>
    </row>
    <row r="779579" spans="14:14">
      <c r="N779579" s="10"/>
    </row>
    <row r="779580" spans="14:14">
      <c r="N779580" s="10"/>
    </row>
    <row r="779581" spans="14:14">
      <c r="N779581" s="10"/>
    </row>
    <row r="779582" spans="14:14">
      <c r="N779582" s="10"/>
    </row>
    <row r="779583" spans="14:14">
      <c r="N779583" s="10"/>
    </row>
    <row r="779584" spans="14:14">
      <c r="N779584" s="10"/>
    </row>
    <row r="779585" spans="14:14">
      <c r="N779585" s="10"/>
    </row>
    <row r="779586" spans="14:14">
      <c r="N779586" s="10"/>
    </row>
    <row r="779587" spans="14:14">
      <c r="N779587" s="10"/>
    </row>
    <row r="779588" spans="14:14">
      <c r="N779588" s="10"/>
    </row>
    <row r="779589" spans="14:14">
      <c r="N779589" s="10"/>
    </row>
    <row r="779590" spans="14:14">
      <c r="N779590" s="10"/>
    </row>
    <row r="779591" spans="14:14">
      <c r="N779591" s="10"/>
    </row>
    <row r="779592" spans="14:14">
      <c r="N779592" s="10"/>
    </row>
    <row r="779593" spans="14:14">
      <c r="N779593" s="10"/>
    </row>
    <row r="779594" spans="14:14">
      <c r="N779594" s="10"/>
    </row>
    <row r="779595" spans="14:14">
      <c r="N779595" s="10"/>
    </row>
    <row r="779596" spans="14:14">
      <c r="N779596" s="10"/>
    </row>
    <row r="779597" spans="14:14">
      <c r="N779597" s="10"/>
    </row>
    <row r="779598" spans="14:14">
      <c r="N779598" s="10"/>
    </row>
    <row r="779599" spans="14:14">
      <c r="N779599" s="10"/>
    </row>
    <row r="779600" spans="14:14">
      <c r="N779600" s="10"/>
    </row>
    <row r="779601" spans="14:14">
      <c r="N779601" s="10"/>
    </row>
    <row r="779602" spans="14:14">
      <c r="N779602" s="10"/>
    </row>
    <row r="779603" spans="14:14">
      <c r="N779603" s="10"/>
    </row>
    <row r="779604" spans="14:14">
      <c r="N779604" s="10"/>
    </row>
    <row r="779605" spans="14:14">
      <c r="N779605" s="10"/>
    </row>
    <row r="779606" spans="14:14">
      <c r="N779606" s="10"/>
    </row>
    <row r="779607" spans="14:14">
      <c r="N779607" s="10"/>
    </row>
    <row r="779608" spans="14:14">
      <c r="N779608" s="10"/>
    </row>
    <row r="779609" spans="14:14">
      <c r="N779609" s="10"/>
    </row>
    <row r="779610" spans="14:14">
      <c r="N779610" s="10"/>
    </row>
    <row r="779611" spans="14:14">
      <c r="N779611" s="10"/>
    </row>
    <row r="779612" spans="14:14">
      <c r="N779612" s="10"/>
    </row>
    <row r="779613" spans="14:14">
      <c r="N779613" s="10"/>
    </row>
    <row r="779614" spans="14:14">
      <c r="N779614" s="10"/>
    </row>
    <row r="779615" spans="14:14">
      <c r="N779615" s="10"/>
    </row>
    <row r="779616" spans="14:14">
      <c r="N779616" s="10"/>
    </row>
    <row r="779617" spans="14:14">
      <c r="N779617" s="10"/>
    </row>
    <row r="779618" spans="14:14">
      <c r="N779618" s="10"/>
    </row>
    <row r="779619" spans="14:14">
      <c r="N779619" s="10"/>
    </row>
    <row r="779620" spans="14:14">
      <c r="N779620" s="10"/>
    </row>
    <row r="779621" spans="14:14">
      <c r="N779621" s="10"/>
    </row>
    <row r="779622" spans="14:14">
      <c r="N779622" s="10"/>
    </row>
    <row r="779623" spans="14:14">
      <c r="N779623" s="10"/>
    </row>
    <row r="779624" spans="14:14">
      <c r="N779624" s="10"/>
    </row>
    <row r="779625" spans="14:14">
      <c r="N779625" s="10"/>
    </row>
    <row r="779626" spans="14:14">
      <c r="N779626" s="10"/>
    </row>
    <row r="779627" spans="14:14">
      <c r="N779627" s="10"/>
    </row>
    <row r="779628" spans="14:14">
      <c r="N779628" s="10"/>
    </row>
    <row r="779629" spans="14:14">
      <c r="N779629" s="10"/>
    </row>
    <row r="779630" spans="14:14">
      <c r="N779630" s="10"/>
    </row>
    <row r="779631" spans="14:14">
      <c r="N779631" s="10"/>
    </row>
    <row r="779632" spans="14:14">
      <c r="N779632" s="10"/>
    </row>
    <row r="779633" spans="14:14">
      <c r="N779633" s="10"/>
    </row>
    <row r="779634" spans="14:14">
      <c r="N779634" s="10"/>
    </row>
    <row r="779635" spans="14:14">
      <c r="N779635" s="10"/>
    </row>
    <row r="779636" spans="14:14">
      <c r="N779636" s="10"/>
    </row>
    <row r="779637" spans="14:14">
      <c r="N779637" s="10"/>
    </row>
    <row r="779638" spans="14:14">
      <c r="N779638" s="10"/>
    </row>
    <row r="779639" spans="14:14">
      <c r="N779639" s="10"/>
    </row>
    <row r="779640" spans="14:14">
      <c r="N779640" s="10"/>
    </row>
    <row r="779641" spans="14:14">
      <c r="N779641" s="10"/>
    </row>
    <row r="779642" spans="14:14">
      <c r="N779642" s="10"/>
    </row>
    <row r="779643" spans="14:14">
      <c r="N779643" s="10"/>
    </row>
    <row r="779644" spans="14:14">
      <c r="N779644" s="10"/>
    </row>
    <row r="779645" spans="14:14">
      <c r="N779645" s="10"/>
    </row>
    <row r="779646" spans="14:14">
      <c r="N779646" s="10"/>
    </row>
    <row r="779647" spans="14:14">
      <c r="N779647" s="10"/>
    </row>
    <row r="779648" spans="14:14">
      <c r="N779648" s="10"/>
    </row>
    <row r="779649" spans="14:14">
      <c r="N779649" s="10"/>
    </row>
    <row r="779650" spans="14:14">
      <c r="N779650" s="10"/>
    </row>
    <row r="779651" spans="14:14">
      <c r="N779651" s="10"/>
    </row>
    <row r="779652" spans="14:14">
      <c r="N779652" s="10"/>
    </row>
    <row r="779653" spans="14:14">
      <c r="N779653" s="10"/>
    </row>
    <row r="779654" spans="14:14">
      <c r="N779654" s="10"/>
    </row>
    <row r="779655" spans="14:14">
      <c r="N779655" s="10"/>
    </row>
    <row r="779656" spans="14:14">
      <c r="N779656" s="10"/>
    </row>
    <row r="779657" spans="14:14">
      <c r="N779657" s="10"/>
    </row>
    <row r="779658" spans="14:14">
      <c r="N779658" s="10"/>
    </row>
    <row r="779659" spans="14:14">
      <c r="N779659" s="10"/>
    </row>
    <row r="779660" spans="14:14">
      <c r="N779660" s="10"/>
    </row>
    <row r="779661" spans="14:14">
      <c r="N779661" s="10"/>
    </row>
    <row r="779662" spans="14:14">
      <c r="N779662" s="10"/>
    </row>
    <row r="779663" spans="14:14">
      <c r="N779663" s="10"/>
    </row>
    <row r="779664" spans="14:14">
      <c r="N779664" s="10"/>
    </row>
    <row r="779665" spans="14:14">
      <c r="N779665" s="10"/>
    </row>
    <row r="779666" spans="14:14">
      <c r="N779666" s="10"/>
    </row>
    <row r="779667" spans="14:14">
      <c r="N779667" s="10"/>
    </row>
    <row r="779668" spans="14:14">
      <c r="N779668" s="10"/>
    </row>
    <row r="779669" spans="14:14">
      <c r="N779669" s="10"/>
    </row>
    <row r="779670" spans="14:14">
      <c r="N779670" s="10"/>
    </row>
    <row r="779671" spans="14:14">
      <c r="N779671" s="10"/>
    </row>
    <row r="779672" spans="14:14">
      <c r="N779672" s="10"/>
    </row>
    <row r="779673" spans="14:14">
      <c r="N779673" s="10"/>
    </row>
    <row r="779674" spans="14:14">
      <c r="N779674" s="10"/>
    </row>
    <row r="779675" spans="14:14">
      <c r="N779675" s="10"/>
    </row>
    <row r="779676" spans="14:14">
      <c r="N779676" s="10"/>
    </row>
    <row r="779677" spans="14:14">
      <c r="N779677" s="10"/>
    </row>
    <row r="779678" spans="14:14">
      <c r="N779678" s="10"/>
    </row>
    <row r="779679" spans="14:14">
      <c r="N779679" s="10"/>
    </row>
    <row r="779680" spans="14:14">
      <c r="N779680" s="10"/>
    </row>
    <row r="779681" spans="14:14">
      <c r="N779681" s="10"/>
    </row>
    <row r="779682" spans="14:14">
      <c r="N779682" s="10"/>
    </row>
    <row r="779683" spans="14:14">
      <c r="N779683" s="10"/>
    </row>
    <row r="779684" spans="14:14">
      <c r="N779684" s="10"/>
    </row>
    <row r="779685" spans="14:14">
      <c r="N779685" s="10"/>
    </row>
    <row r="779686" spans="14:14">
      <c r="N779686" s="10"/>
    </row>
    <row r="779687" spans="14:14">
      <c r="N779687" s="10"/>
    </row>
    <row r="779688" spans="14:14">
      <c r="N779688" s="10"/>
    </row>
    <row r="779689" spans="14:14">
      <c r="N779689" s="10"/>
    </row>
    <row r="779690" spans="14:14">
      <c r="N779690" s="10"/>
    </row>
    <row r="779691" spans="14:14">
      <c r="N779691" s="10"/>
    </row>
    <row r="779692" spans="14:14">
      <c r="N779692" s="10"/>
    </row>
    <row r="779693" spans="14:14">
      <c r="N779693" s="10"/>
    </row>
    <row r="779694" spans="14:14">
      <c r="N779694" s="10"/>
    </row>
    <row r="779695" spans="14:14">
      <c r="N779695" s="10"/>
    </row>
    <row r="779696" spans="14:14">
      <c r="N779696" s="10"/>
    </row>
    <row r="779697" spans="14:14">
      <c r="N779697" s="10"/>
    </row>
    <row r="779698" spans="14:14">
      <c r="N779698" s="10"/>
    </row>
    <row r="779699" spans="14:14">
      <c r="N779699" s="10"/>
    </row>
    <row r="779700" spans="14:14">
      <c r="N779700" s="10"/>
    </row>
    <row r="779701" spans="14:14">
      <c r="N779701" s="10"/>
    </row>
    <row r="779702" spans="14:14">
      <c r="N779702" s="10"/>
    </row>
    <row r="779703" spans="14:14">
      <c r="N779703" s="10"/>
    </row>
    <row r="779704" spans="14:14">
      <c r="N779704" s="10"/>
    </row>
    <row r="779705" spans="14:14">
      <c r="N779705" s="10"/>
    </row>
    <row r="779706" spans="14:14">
      <c r="N779706" s="10"/>
    </row>
    <row r="779707" spans="14:14">
      <c r="N779707" s="10"/>
    </row>
    <row r="779708" spans="14:14">
      <c r="N779708" s="10"/>
    </row>
    <row r="779709" spans="14:14">
      <c r="N779709" s="10"/>
    </row>
    <row r="779710" spans="14:14">
      <c r="N779710" s="10"/>
    </row>
    <row r="779711" spans="14:14">
      <c r="N779711" s="10"/>
    </row>
    <row r="779712" spans="14:14">
      <c r="N779712" s="10"/>
    </row>
    <row r="779713" spans="14:14">
      <c r="N779713" s="10"/>
    </row>
    <row r="779714" spans="14:14">
      <c r="N779714" s="10"/>
    </row>
    <row r="779715" spans="14:14">
      <c r="N779715" s="10"/>
    </row>
    <row r="779716" spans="14:14">
      <c r="N779716" s="10"/>
    </row>
    <row r="779717" spans="14:14">
      <c r="N779717" s="10"/>
    </row>
    <row r="779718" spans="14:14">
      <c r="N779718" s="10"/>
    </row>
    <row r="779719" spans="14:14">
      <c r="N779719" s="10"/>
    </row>
    <row r="779720" spans="14:14">
      <c r="N779720" s="10"/>
    </row>
    <row r="779721" spans="14:14">
      <c r="N779721" s="10"/>
    </row>
    <row r="779722" spans="14:14">
      <c r="N779722" s="10"/>
    </row>
    <row r="779723" spans="14:14">
      <c r="N779723" s="10"/>
    </row>
    <row r="779724" spans="14:14">
      <c r="N779724" s="10"/>
    </row>
    <row r="779725" spans="14:14">
      <c r="N779725" s="10"/>
    </row>
    <row r="779726" spans="14:14">
      <c r="N779726" s="10"/>
    </row>
    <row r="779727" spans="14:14">
      <c r="N779727" s="10"/>
    </row>
    <row r="779728" spans="14:14">
      <c r="N779728" s="10"/>
    </row>
    <row r="779729" spans="14:14">
      <c r="N779729" s="10"/>
    </row>
    <row r="779730" spans="14:14">
      <c r="N779730" s="10"/>
    </row>
    <row r="779731" spans="14:14">
      <c r="N779731" s="10"/>
    </row>
    <row r="779732" spans="14:14">
      <c r="N779732" s="10"/>
    </row>
    <row r="779733" spans="14:14">
      <c r="N779733" s="10"/>
    </row>
    <row r="779734" spans="14:14">
      <c r="N779734" s="10"/>
    </row>
    <row r="779735" spans="14:14">
      <c r="N779735" s="10"/>
    </row>
    <row r="779736" spans="14:14">
      <c r="N779736" s="10"/>
    </row>
    <row r="779737" spans="14:14">
      <c r="N779737" s="10"/>
    </row>
    <row r="779738" spans="14:14">
      <c r="N779738" s="10"/>
    </row>
    <row r="779739" spans="14:14">
      <c r="N779739" s="10"/>
    </row>
    <row r="779740" spans="14:14">
      <c r="N779740" s="10"/>
    </row>
    <row r="779741" spans="14:14">
      <c r="N779741" s="10"/>
    </row>
    <row r="779742" spans="14:14">
      <c r="N779742" s="10"/>
    </row>
    <row r="779743" spans="14:14">
      <c r="N779743" s="10"/>
    </row>
    <row r="779744" spans="14:14">
      <c r="N779744" s="10"/>
    </row>
    <row r="779745" spans="14:14">
      <c r="N779745" s="10"/>
    </row>
    <row r="779746" spans="14:14">
      <c r="N779746" s="10"/>
    </row>
    <row r="779747" spans="14:14">
      <c r="N779747" s="10"/>
    </row>
    <row r="779748" spans="14:14">
      <c r="N779748" s="10"/>
    </row>
    <row r="779749" spans="14:14">
      <c r="N779749" s="10"/>
    </row>
    <row r="779750" spans="14:14">
      <c r="N779750" s="10"/>
    </row>
    <row r="779751" spans="14:14">
      <c r="N779751" s="10"/>
    </row>
    <row r="779752" spans="14:14">
      <c r="N779752" s="10"/>
    </row>
    <row r="779753" spans="14:14">
      <c r="N779753" s="10"/>
    </row>
    <row r="779754" spans="14:14">
      <c r="N779754" s="10"/>
    </row>
    <row r="779755" spans="14:14">
      <c r="N779755" s="10"/>
    </row>
    <row r="779756" spans="14:14">
      <c r="N779756" s="10"/>
    </row>
    <row r="779757" spans="14:14">
      <c r="N779757" s="10"/>
    </row>
    <row r="779758" spans="14:14">
      <c r="N779758" s="10"/>
    </row>
    <row r="779759" spans="14:14">
      <c r="N779759" s="10"/>
    </row>
    <row r="779760" spans="14:14">
      <c r="N779760" s="10"/>
    </row>
    <row r="779761" spans="14:14">
      <c r="N779761" s="10"/>
    </row>
    <row r="779762" spans="14:14">
      <c r="N779762" s="10"/>
    </row>
    <row r="779763" spans="14:14">
      <c r="N779763" s="10"/>
    </row>
    <row r="779764" spans="14:14">
      <c r="N779764" s="10"/>
    </row>
    <row r="779765" spans="14:14">
      <c r="N779765" s="10"/>
    </row>
    <row r="779766" spans="14:14">
      <c r="N779766" s="10"/>
    </row>
    <row r="779767" spans="14:14">
      <c r="N779767" s="10"/>
    </row>
    <row r="779768" spans="14:14">
      <c r="N779768" s="10"/>
    </row>
    <row r="779769" spans="14:14">
      <c r="N779769" s="10"/>
    </row>
    <row r="779770" spans="14:14">
      <c r="N779770" s="10"/>
    </row>
    <row r="779771" spans="14:14">
      <c r="N779771" s="10"/>
    </row>
    <row r="779772" spans="14:14">
      <c r="N779772" s="10"/>
    </row>
    <row r="779773" spans="14:14">
      <c r="N779773" s="10"/>
    </row>
    <row r="779774" spans="14:14">
      <c r="N779774" s="10"/>
    </row>
    <row r="779775" spans="14:14">
      <c r="N779775" s="10"/>
    </row>
    <row r="779776" spans="14:14">
      <c r="N779776" s="10"/>
    </row>
    <row r="779777" spans="14:14">
      <c r="N779777" s="10"/>
    </row>
    <row r="779778" spans="14:14">
      <c r="N779778" s="10"/>
    </row>
    <row r="779779" spans="14:14">
      <c r="N779779" s="10"/>
    </row>
    <row r="779780" spans="14:14">
      <c r="N779780" s="10"/>
    </row>
    <row r="779781" spans="14:14">
      <c r="N779781" s="10"/>
    </row>
    <row r="779782" spans="14:14">
      <c r="N779782" s="10"/>
    </row>
    <row r="779783" spans="14:14">
      <c r="N779783" s="10"/>
    </row>
    <row r="779784" spans="14:14">
      <c r="N779784" s="10"/>
    </row>
    <row r="779785" spans="14:14">
      <c r="N779785" s="10"/>
    </row>
    <row r="779786" spans="14:14">
      <c r="N779786" s="10"/>
    </row>
    <row r="779787" spans="14:14">
      <c r="N779787" s="10"/>
    </row>
    <row r="779788" spans="14:14">
      <c r="N779788" s="10"/>
    </row>
    <row r="779789" spans="14:14">
      <c r="N779789" s="10"/>
    </row>
    <row r="779790" spans="14:14">
      <c r="N779790" s="10"/>
    </row>
    <row r="779791" spans="14:14">
      <c r="N779791" s="10"/>
    </row>
    <row r="779792" spans="14:14">
      <c r="N779792" s="10"/>
    </row>
    <row r="779793" spans="14:14">
      <c r="N779793" s="10"/>
    </row>
    <row r="779794" spans="14:14">
      <c r="N779794" s="10"/>
    </row>
    <row r="779795" spans="14:14">
      <c r="N779795" s="10"/>
    </row>
    <row r="779796" spans="14:14">
      <c r="N779796" s="10"/>
    </row>
    <row r="779797" spans="14:14">
      <c r="N779797" s="10"/>
    </row>
    <row r="779798" spans="14:14">
      <c r="N779798" s="10"/>
    </row>
    <row r="779799" spans="14:14">
      <c r="N779799" s="10"/>
    </row>
    <row r="779800" spans="14:14">
      <c r="N779800" s="10"/>
    </row>
    <row r="779801" spans="14:14">
      <c r="N779801" s="10"/>
    </row>
    <row r="779802" spans="14:14">
      <c r="N779802" s="10"/>
    </row>
    <row r="779803" spans="14:14">
      <c r="N779803" s="10"/>
    </row>
    <row r="779804" spans="14:14">
      <c r="N779804" s="10"/>
    </row>
    <row r="779805" spans="14:14">
      <c r="N779805" s="10"/>
    </row>
    <row r="779806" spans="14:14">
      <c r="N779806" s="10"/>
    </row>
    <row r="779807" spans="14:14">
      <c r="N779807" s="10"/>
    </row>
    <row r="779808" spans="14:14">
      <c r="N779808" s="10"/>
    </row>
    <row r="779809" spans="14:14">
      <c r="N779809" s="10"/>
    </row>
    <row r="779810" spans="14:14">
      <c r="N779810" s="10"/>
    </row>
    <row r="779811" spans="14:14">
      <c r="N779811" s="10"/>
    </row>
    <row r="779812" spans="14:14">
      <c r="N779812" s="10"/>
    </row>
    <row r="779813" spans="14:14">
      <c r="N779813" s="10"/>
    </row>
    <row r="779814" spans="14:14">
      <c r="N779814" s="10"/>
    </row>
    <row r="779815" spans="14:14">
      <c r="N779815" s="10"/>
    </row>
    <row r="779816" spans="14:14">
      <c r="N779816" s="10"/>
    </row>
    <row r="779817" spans="14:14">
      <c r="N779817" s="10"/>
    </row>
    <row r="779818" spans="14:14">
      <c r="N779818" s="10"/>
    </row>
    <row r="779819" spans="14:14">
      <c r="N779819" s="10"/>
    </row>
    <row r="779820" spans="14:14">
      <c r="N779820" s="10"/>
    </row>
    <row r="779821" spans="14:14">
      <c r="N779821" s="10"/>
    </row>
    <row r="779822" spans="14:14">
      <c r="N779822" s="10"/>
    </row>
    <row r="779823" spans="14:14">
      <c r="N779823" s="10"/>
    </row>
    <row r="779824" spans="14:14">
      <c r="N779824" s="10"/>
    </row>
    <row r="779825" spans="14:14">
      <c r="N779825" s="10"/>
    </row>
    <row r="779826" spans="14:14">
      <c r="N779826" s="10"/>
    </row>
    <row r="779827" spans="14:14">
      <c r="N779827" s="10"/>
    </row>
    <row r="779828" spans="14:14">
      <c r="N779828" s="10"/>
    </row>
    <row r="779829" spans="14:14">
      <c r="N779829" s="10"/>
    </row>
    <row r="779830" spans="14:14">
      <c r="N779830" s="10"/>
    </row>
    <row r="779831" spans="14:14">
      <c r="N779831" s="10"/>
    </row>
    <row r="779832" spans="14:14">
      <c r="N779832" s="10"/>
    </row>
    <row r="779833" spans="14:14">
      <c r="N779833" s="10"/>
    </row>
    <row r="779834" spans="14:14">
      <c r="N779834" s="10"/>
    </row>
    <row r="779835" spans="14:14">
      <c r="N779835" s="10"/>
    </row>
    <row r="779836" spans="14:14">
      <c r="N779836" s="10"/>
    </row>
    <row r="779837" spans="14:14">
      <c r="N779837" s="10"/>
    </row>
    <row r="779838" spans="14:14">
      <c r="N779838" s="10"/>
    </row>
    <row r="779839" spans="14:14">
      <c r="N779839" s="10"/>
    </row>
    <row r="779840" spans="14:14">
      <c r="N779840" s="10"/>
    </row>
    <row r="779841" spans="14:14">
      <c r="N779841" s="10"/>
    </row>
    <row r="779842" spans="14:14">
      <c r="N779842" s="10"/>
    </row>
    <row r="779843" spans="14:14">
      <c r="N779843" s="10"/>
    </row>
    <row r="779844" spans="14:14">
      <c r="N779844" s="10"/>
    </row>
    <row r="779845" spans="14:14">
      <c r="N779845" s="10"/>
    </row>
    <row r="779846" spans="14:14">
      <c r="N779846" s="10"/>
    </row>
    <row r="779847" spans="14:14">
      <c r="N779847" s="10"/>
    </row>
    <row r="779848" spans="14:14">
      <c r="N779848" s="10"/>
    </row>
    <row r="779849" spans="14:14">
      <c r="N779849" s="10"/>
    </row>
    <row r="779850" spans="14:14">
      <c r="N779850" s="10"/>
    </row>
    <row r="779851" spans="14:14">
      <c r="N779851" s="10"/>
    </row>
    <row r="779852" spans="14:14">
      <c r="N779852" s="10"/>
    </row>
    <row r="779853" spans="14:14">
      <c r="N779853" s="10"/>
    </row>
    <row r="779854" spans="14:14">
      <c r="N779854" s="10"/>
    </row>
    <row r="779855" spans="14:14">
      <c r="N779855" s="10"/>
    </row>
    <row r="779856" spans="14:14">
      <c r="N779856" s="10"/>
    </row>
    <row r="779857" spans="14:14">
      <c r="N779857" s="10"/>
    </row>
    <row r="779858" spans="14:14">
      <c r="N779858" s="10"/>
    </row>
    <row r="779859" spans="14:14">
      <c r="N779859" s="10"/>
    </row>
    <row r="779860" spans="14:14">
      <c r="N779860" s="10"/>
    </row>
    <row r="779861" spans="14:14">
      <c r="N779861" s="10"/>
    </row>
    <row r="779862" spans="14:14">
      <c r="N779862" s="10"/>
    </row>
    <row r="779863" spans="14:14">
      <c r="N779863" s="10"/>
    </row>
    <row r="779864" spans="14:14">
      <c r="N779864" s="10"/>
    </row>
    <row r="779865" spans="14:14">
      <c r="N779865" s="10"/>
    </row>
    <row r="779866" spans="14:14">
      <c r="N779866" s="10"/>
    </row>
    <row r="779867" spans="14:14">
      <c r="N779867" s="10"/>
    </row>
    <row r="779868" spans="14:14">
      <c r="N779868" s="10"/>
    </row>
    <row r="779869" spans="14:14">
      <c r="N779869" s="10"/>
    </row>
    <row r="779870" spans="14:14">
      <c r="N779870" s="10"/>
    </row>
    <row r="779871" spans="14:14">
      <c r="N779871" s="10"/>
    </row>
    <row r="779872" spans="14:14">
      <c r="N779872" s="10"/>
    </row>
    <row r="779873" spans="14:14">
      <c r="N779873" s="10"/>
    </row>
    <row r="779874" spans="14:14">
      <c r="N779874" s="10"/>
    </row>
    <row r="779875" spans="14:14">
      <c r="N779875" s="10"/>
    </row>
    <row r="779876" spans="14:14">
      <c r="N779876" s="10"/>
    </row>
    <row r="779877" spans="14:14">
      <c r="N779877" s="10"/>
    </row>
    <row r="779878" spans="14:14">
      <c r="N779878" s="10"/>
    </row>
    <row r="779879" spans="14:14">
      <c r="N779879" s="10"/>
    </row>
    <row r="779880" spans="14:14">
      <c r="N779880" s="10"/>
    </row>
    <row r="779881" spans="14:14">
      <c r="N779881" s="10"/>
    </row>
    <row r="779882" spans="14:14">
      <c r="N779882" s="10"/>
    </row>
    <row r="779883" spans="14:14">
      <c r="N779883" s="10"/>
    </row>
    <row r="779884" spans="14:14">
      <c r="N779884" s="10"/>
    </row>
    <row r="779885" spans="14:14">
      <c r="N779885" s="10"/>
    </row>
    <row r="779886" spans="14:14">
      <c r="N779886" s="10"/>
    </row>
    <row r="779887" spans="14:14">
      <c r="N779887" s="10"/>
    </row>
    <row r="779888" spans="14:14">
      <c r="N779888" s="10"/>
    </row>
    <row r="779889" spans="14:14">
      <c r="N779889" s="10"/>
    </row>
    <row r="779890" spans="14:14">
      <c r="N779890" s="10"/>
    </row>
    <row r="779891" spans="14:14">
      <c r="N779891" s="10"/>
    </row>
    <row r="779892" spans="14:14">
      <c r="N779892" s="10"/>
    </row>
    <row r="779893" spans="14:14">
      <c r="N779893" s="10"/>
    </row>
    <row r="779894" spans="14:14">
      <c r="N779894" s="10"/>
    </row>
    <row r="779895" spans="14:14">
      <c r="N779895" s="10"/>
    </row>
    <row r="779896" spans="14:14">
      <c r="N779896" s="10"/>
    </row>
    <row r="779897" spans="14:14">
      <c r="N779897" s="10"/>
    </row>
    <row r="779898" spans="14:14">
      <c r="N779898" s="10"/>
    </row>
    <row r="779899" spans="14:14">
      <c r="N779899" s="10"/>
    </row>
    <row r="779900" spans="14:14">
      <c r="N779900" s="10"/>
    </row>
    <row r="779901" spans="14:14">
      <c r="N779901" s="10"/>
    </row>
    <row r="779902" spans="14:14">
      <c r="N779902" s="10"/>
    </row>
    <row r="779903" spans="14:14">
      <c r="N779903" s="10"/>
    </row>
    <row r="779904" spans="14:14">
      <c r="N779904" s="10"/>
    </row>
    <row r="779905" spans="14:14">
      <c r="N779905" s="10"/>
    </row>
    <row r="779906" spans="14:14">
      <c r="N779906" s="10"/>
    </row>
    <row r="779907" spans="14:14">
      <c r="N779907" s="10"/>
    </row>
    <row r="779908" spans="14:14">
      <c r="N779908" s="10"/>
    </row>
    <row r="779909" spans="14:14">
      <c r="N779909" s="10"/>
    </row>
    <row r="779910" spans="14:14">
      <c r="N779910" s="10"/>
    </row>
    <row r="779911" spans="14:14">
      <c r="N779911" s="10"/>
    </row>
    <row r="779912" spans="14:14">
      <c r="N779912" s="10"/>
    </row>
    <row r="779913" spans="14:14">
      <c r="N779913" s="10"/>
    </row>
    <row r="779914" spans="14:14">
      <c r="N779914" s="10"/>
    </row>
    <row r="779915" spans="14:14">
      <c r="N779915" s="10"/>
    </row>
    <row r="779916" spans="14:14">
      <c r="N779916" s="10"/>
    </row>
    <row r="779917" spans="14:14">
      <c r="N779917" s="10"/>
    </row>
    <row r="779918" spans="14:14">
      <c r="N779918" s="10"/>
    </row>
    <row r="779919" spans="14:14">
      <c r="N779919" s="10"/>
    </row>
    <row r="779920" spans="14:14">
      <c r="N779920" s="10"/>
    </row>
    <row r="779921" spans="14:14">
      <c r="N779921" s="10"/>
    </row>
    <row r="779922" spans="14:14">
      <c r="N779922" s="10"/>
    </row>
    <row r="779923" spans="14:14">
      <c r="N779923" s="10"/>
    </row>
    <row r="779924" spans="14:14">
      <c r="N779924" s="10"/>
    </row>
    <row r="779925" spans="14:14">
      <c r="N779925" s="10"/>
    </row>
    <row r="779926" spans="14:14">
      <c r="N779926" s="10"/>
    </row>
    <row r="779927" spans="14:14">
      <c r="N779927" s="10"/>
    </row>
    <row r="779928" spans="14:14">
      <c r="N779928" s="10"/>
    </row>
    <row r="779929" spans="14:14">
      <c r="N779929" s="10"/>
    </row>
    <row r="779930" spans="14:14">
      <c r="N779930" s="10"/>
    </row>
    <row r="779931" spans="14:14">
      <c r="N779931" s="10"/>
    </row>
    <row r="779932" spans="14:14">
      <c r="N779932" s="10"/>
    </row>
    <row r="779933" spans="14:14">
      <c r="N779933" s="10"/>
    </row>
    <row r="779934" spans="14:14">
      <c r="N779934" s="10"/>
    </row>
    <row r="779935" spans="14:14">
      <c r="N779935" s="10"/>
    </row>
    <row r="779936" spans="14:14">
      <c r="N779936" s="10"/>
    </row>
    <row r="779937" spans="14:14">
      <c r="N779937" s="10"/>
    </row>
    <row r="779938" spans="14:14">
      <c r="N779938" s="10"/>
    </row>
    <row r="779939" spans="14:14">
      <c r="N779939" s="10"/>
    </row>
    <row r="779940" spans="14:14">
      <c r="N779940" s="10"/>
    </row>
    <row r="779941" spans="14:14">
      <c r="N779941" s="10"/>
    </row>
    <row r="779942" spans="14:14">
      <c r="N779942" s="10"/>
    </row>
    <row r="779943" spans="14:14">
      <c r="N779943" s="10"/>
    </row>
    <row r="779944" spans="14:14">
      <c r="N779944" s="10"/>
    </row>
    <row r="779945" spans="14:14">
      <c r="N779945" s="10"/>
    </row>
    <row r="779946" spans="14:14">
      <c r="N779946" s="10"/>
    </row>
    <row r="779947" spans="14:14">
      <c r="N779947" s="10"/>
    </row>
    <row r="779948" spans="14:14">
      <c r="N779948" s="10"/>
    </row>
    <row r="779949" spans="14:14">
      <c r="N779949" s="10"/>
    </row>
    <row r="779950" spans="14:14">
      <c r="N779950" s="10"/>
    </row>
    <row r="779951" spans="14:14">
      <c r="N779951" s="10"/>
    </row>
    <row r="779952" spans="14:14">
      <c r="N779952" s="10"/>
    </row>
    <row r="779953" spans="14:14">
      <c r="N779953" s="10"/>
    </row>
    <row r="779954" spans="14:14">
      <c r="N779954" s="10"/>
    </row>
    <row r="779955" spans="14:14">
      <c r="N779955" s="10"/>
    </row>
    <row r="779956" spans="14:14">
      <c r="N779956" s="10"/>
    </row>
    <row r="779957" spans="14:14">
      <c r="N779957" s="10"/>
    </row>
    <row r="779958" spans="14:14">
      <c r="N779958" s="10"/>
    </row>
    <row r="779959" spans="14:14">
      <c r="N779959" s="10"/>
    </row>
    <row r="779960" spans="14:14">
      <c r="N779960" s="10"/>
    </row>
    <row r="779961" spans="14:14">
      <c r="N779961" s="10"/>
    </row>
    <row r="779962" spans="14:14">
      <c r="N779962" s="10"/>
    </row>
    <row r="779963" spans="14:14">
      <c r="N779963" s="10"/>
    </row>
    <row r="779964" spans="14:14">
      <c r="N779964" s="10"/>
    </row>
    <row r="779965" spans="14:14">
      <c r="N779965" s="10"/>
    </row>
    <row r="779966" spans="14:14">
      <c r="N779966" s="10"/>
    </row>
    <row r="779967" spans="14:14">
      <c r="N779967" s="10"/>
    </row>
    <row r="779968" spans="14:14">
      <c r="N779968" s="10"/>
    </row>
    <row r="779969" spans="14:14">
      <c r="N779969" s="10"/>
    </row>
    <row r="779970" spans="14:14">
      <c r="N779970" s="10"/>
    </row>
    <row r="779971" spans="14:14">
      <c r="N779971" s="10"/>
    </row>
    <row r="779972" spans="14:14">
      <c r="N779972" s="10"/>
    </row>
    <row r="779973" spans="14:14">
      <c r="N779973" s="10"/>
    </row>
    <row r="779974" spans="14:14">
      <c r="N779974" s="10"/>
    </row>
    <row r="779975" spans="14:14">
      <c r="N779975" s="10"/>
    </row>
    <row r="779976" spans="14:14">
      <c r="N779976" s="10"/>
    </row>
    <row r="779977" spans="14:14">
      <c r="N779977" s="10"/>
    </row>
    <row r="779978" spans="14:14">
      <c r="N779978" s="10"/>
    </row>
    <row r="779979" spans="14:14">
      <c r="N779979" s="10"/>
    </row>
    <row r="779980" spans="14:14">
      <c r="N779980" s="10"/>
    </row>
    <row r="779981" spans="14:14">
      <c r="N779981" s="10"/>
    </row>
    <row r="779982" spans="14:14">
      <c r="N779982" s="10"/>
    </row>
    <row r="779983" spans="14:14">
      <c r="N779983" s="10"/>
    </row>
    <row r="779984" spans="14:14">
      <c r="N779984" s="10"/>
    </row>
    <row r="779985" spans="14:14">
      <c r="N779985" s="10"/>
    </row>
    <row r="779986" spans="14:14">
      <c r="N779986" s="10"/>
    </row>
    <row r="779987" spans="14:14">
      <c r="N779987" s="10"/>
    </row>
    <row r="779988" spans="14:14">
      <c r="N779988" s="10"/>
    </row>
    <row r="779989" spans="14:14">
      <c r="N779989" s="10"/>
    </row>
    <row r="779990" spans="14:14">
      <c r="N779990" s="10"/>
    </row>
    <row r="779991" spans="14:14">
      <c r="N779991" s="10"/>
    </row>
    <row r="779992" spans="14:14">
      <c r="N779992" s="10"/>
    </row>
    <row r="779993" spans="14:14">
      <c r="N779993" s="10"/>
    </row>
    <row r="779994" spans="14:14">
      <c r="N779994" s="10"/>
    </row>
    <row r="779995" spans="14:14">
      <c r="N779995" s="10"/>
    </row>
    <row r="779996" spans="14:14">
      <c r="N779996" s="10"/>
    </row>
    <row r="779997" spans="14:14">
      <c r="N779997" s="10"/>
    </row>
    <row r="779998" spans="14:14">
      <c r="N779998" s="10"/>
    </row>
    <row r="779999" spans="14:14">
      <c r="N779999" s="10"/>
    </row>
    <row r="780000" spans="14:14">
      <c r="N780000" s="10"/>
    </row>
    <row r="780001" spans="14:14">
      <c r="N780001" s="10"/>
    </row>
    <row r="780002" spans="14:14">
      <c r="N780002" s="10"/>
    </row>
    <row r="780003" spans="14:14">
      <c r="N780003" s="10"/>
    </row>
    <row r="780004" spans="14:14">
      <c r="N780004" s="10"/>
    </row>
    <row r="780005" spans="14:14">
      <c r="N780005" s="10"/>
    </row>
    <row r="780006" spans="14:14">
      <c r="N780006" s="10"/>
    </row>
    <row r="780007" spans="14:14">
      <c r="N780007" s="10"/>
    </row>
    <row r="780008" spans="14:14">
      <c r="N780008" s="10"/>
    </row>
    <row r="780009" spans="14:14">
      <c r="N780009" s="10"/>
    </row>
    <row r="780010" spans="14:14">
      <c r="N780010" s="10"/>
    </row>
    <row r="780011" spans="14:14">
      <c r="N780011" s="10"/>
    </row>
    <row r="780012" spans="14:14">
      <c r="N780012" s="10"/>
    </row>
    <row r="780013" spans="14:14">
      <c r="N780013" s="10"/>
    </row>
    <row r="780014" spans="14:14">
      <c r="N780014" s="10"/>
    </row>
    <row r="780015" spans="14:14">
      <c r="N780015" s="10"/>
    </row>
    <row r="780016" spans="14:14">
      <c r="N780016" s="10"/>
    </row>
    <row r="780017" spans="14:14">
      <c r="N780017" s="10"/>
    </row>
    <row r="780018" spans="14:14">
      <c r="N780018" s="10"/>
    </row>
    <row r="780019" spans="14:14">
      <c r="N780019" s="10"/>
    </row>
    <row r="780020" spans="14:14">
      <c r="N780020" s="10"/>
    </row>
    <row r="780021" spans="14:14">
      <c r="N780021" s="10"/>
    </row>
    <row r="780022" spans="14:14">
      <c r="N780022" s="10"/>
    </row>
    <row r="780023" spans="14:14">
      <c r="N780023" s="10"/>
    </row>
    <row r="780024" spans="14:14">
      <c r="N780024" s="10"/>
    </row>
    <row r="780025" spans="14:14">
      <c r="N780025" s="10"/>
    </row>
    <row r="780026" spans="14:14">
      <c r="N780026" s="10"/>
    </row>
    <row r="780027" spans="14:14">
      <c r="N780027" s="10"/>
    </row>
    <row r="780028" spans="14:14">
      <c r="N780028" s="10"/>
    </row>
    <row r="780029" spans="14:14">
      <c r="N780029" s="10"/>
    </row>
    <row r="780030" spans="14:14">
      <c r="N780030" s="10"/>
    </row>
    <row r="780031" spans="14:14">
      <c r="N780031" s="10"/>
    </row>
    <row r="780032" spans="14:14">
      <c r="N780032" s="10"/>
    </row>
    <row r="780033" spans="14:14">
      <c r="N780033" s="10"/>
    </row>
    <row r="780034" spans="14:14">
      <c r="N780034" s="10"/>
    </row>
    <row r="780035" spans="14:14">
      <c r="N780035" s="10"/>
    </row>
    <row r="780036" spans="14:14">
      <c r="N780036" s="10"/>
    </row>
    <row r="780037" spans="14:14">
      <c r="N780037" s="10"/>
    </row>
    <row r="780038" spans="14:14">
      <c r="N780038" s="10"/>
    </row>
    <row r="780039" spans="14:14">
      <c r="N780039" s="10"/>
    </row>
    <row r="780040" spans="14:14">
      <c r="N780040" s="10"/>
    </row>
    <row r="780041" spans="14:14">
      <c r="N780041" s="10"/>
    </row>
    <row r="780042" spans="14:14">
      <c r="N780042" s="10"/>
    </row>
    <row r="780043" spans="14:14">
      <c r="N780043" s="10"/>
    </row>
    <row r="780044" spans="14:14">
      <c r="N780044" s="10"/>
    </row>
    <row r="780045" spans="14:14">
      <c r="N780045" s="10"/>
    </row>
    <row r="780046" spans="14:14">
      <c r="N780046" s="10"/>
    </row>
    <row r="780047" spans="14:14">
      <c r="N780047" s="10"/>
    </row>
    <row r="780048" spans="14:14">
      <c r="N780048" s="10"/>
    </row>
    <row r="780049" spans="14:14">
      <c r="N780049" s="10"/>
    </row>
    <row r="780050" spans="14:14">
      <c r="N780050" s="10"/>
    </row>
    <row r="780051" spans="14:14">
      <c r="N780051" s="10"/>
    </row>
    <row r="780052" spans="14:14">
      <c r="N780052" s="10"/>
    </row>
    <row r="780053" spans="14:14">
      <c r="N780053" s="10"/>
    </row>
    <row r="780054" spans="14:14">
      <c r="N780054" s="10"/>
    </row>
    <row r="780055" spans="14:14">
      <c r="N780055" s="10"/>
    </row>
    <row r="780056" spans="14:14">
      <c r="N780056" s="10"/>
    </row>
    <row r="780057" spans="14:14">
      <c r="N780057" s="10"/>
    </row>
    <row r="780058" spans="14:14">
      <c r="N780058" s="10"/>
    </row>
    <row r="780059" spans="14:14">
      <c r="N780059" s="10"/>
    </row>
    <row r="780060" spans="14:14">
      <c r="N780060" s="10"/>
    </row>
    <row r="780061" spans="14:14">
      <c r="N780061" s="10"/>
    </row>
    <row r="780062" spans="14:14">
      <c r="N780062" s="10"/>
    </row>
    <row r="780063" spans="14:14">
      <c r="N780063" s="10"/>
    </row>
    <row r="780064" spans="14:14">
      <c r="N780064" s="10"/>
    </row>
    <row r="780065" spans="14:14">
      <c r="N780065" s="10"/>
    </row>
    <row r="780066" spans="14:14">
      <c r="N780066" s="10"/>
    </row>
    <row r="780067" spans="14:14">
      <c r="N780067" s="10"/>
    </row>
    <row r="780068" spans="14:14">
      <c r="N780068" s="10"/>
    </row>
    <row r="780069" spans="14:14">
      <c r="N780069" s="10"/>
    </row>
    <row r="780070" spans="14:14">
      <c r="N780070" s="10"/>
    </row>
    <row r="780071" spans="14:14">
      <c r="N780071" s="10"/>
    </row>
    <row r="780072" spans="14:14">
      <c r="N780072" s="10"/>
    </row>
    <row r="780073" spans="14:14">
      <c r="N780073" s="10"/>
    </row>
    <row r="780074" spans="14:14">
      <c r="N780074" s="10"/>
    </row>
    <row r="780075" spans="14:14">
      <c r="N780075" s="10"/>
    </row>
    <row r="780076" spans="14:14">
      <c r="N780076" s="10"/>
    </row>
    <row r="780077" spans="14:14">
      <c r="N780077" s="10"/>
    </row>
    <row r="780078" spans="14:14">
      <c r="N780078" s="10"/>
    </row>
    <row r="780079" spans="14:14">
      <c r="N780079" s="10"/>
    </row>
    <row r="780080" spans="14:14">
      <c r="N780080" s="10"/>
    </row>
    <row r="780081" spans="14:14">
      <c r="N780081" s="10"/>
    </row>
    <row r="780082" spans="14:14">
      <c r="N780082" s="10"/>
    </row>
    <row r="780083" spans="14:14">
      <c r="N780083" s="10"/>
    </row>
    <row r="780084" spans="14:14">
      <c r="N780084" s="10"/>
    </row>
    <row r="780085" spans="14:14">
      <c r="N780085" s="10"/>
    </row>
    <row r="780086" spans="14:14">
      <c r="N780086" s="10"/>
    </row>
    <row r="780087" spans="14:14">
      <c r="N780087" s="10"/>
    </row>
    <row r="780088" spans="14:14">
      <c r="N780088" s="10"/>
    </row>
    <row r="780089" spans="14:14">
      <c r="N780089" s="10"/>
    </row>
    <row r="780090" spans="14:14">
      <c r="N780090" s="10"/>
    </row>
    <row r="780091" spans="14:14">
      <c r="N780091" s="10"/>
    </row>
    <row r="780092" spans="14:14">
      <c r="N780092" s="10"/>
    </row>
    <row r="780093" spans="14:14">
      <c r="N780093" s="10"/>
    </row>
    <row r="780094" spans="14:14">
      <c r="N780094" s="10"/>
    </row>
    <row r="780095" spans="14:14">
      <c r="N780095" s="10"/>
    </row>
    <row r="780096" spans="14:14">
      <c r="N780096" s="10"/>
    </row>
    <row r="780097" spans="14:14">
      <c r="N780097" s="10"/>
    </row>
    <row r="780098" spans="14:14">
      <c r="N780098" s="10"/>
    </row>
    <row r="780099" spans="14:14">
      <c r="N780099" s="10"/>
    </row>
    <row r="780100" spans="14:14">
      <c r="N780100" s="10"/>
    </row>
    <row r="780101" spans="14:14">
      <c r="N780101" s="10"/>
    </row>
    <row r="780102" spans="14:14">
      <c r="N780102" s="10"/>
    </row>
    <row r="780103" spans="14:14">
      <c r="N780103" s="10"/>
    </row>
    <row r="780104" spans="14:14">
      <c r="N780104" s="10"/>
    </row>
    <row r="780105" spans="14:14">
      <c r="N780105" s="10"/>
    </row>
    <row r="780106" spans="14:14">
      <c r="N780106" s="10"/>
    </row>
    <row r="780107" spans="14:14">
      <c r="N780107" s="10"/>
    </row>
    <row r="780108" spans="14:14">
      <c r="N780108" s="10"/>
    </row>
    <row r="780109" spans="14:14">
      <c r="N780109" s="10"/>
    </row>
    <row r="780110" spans="14:14">
      <c r="N780110" s="10"/>
    </row>
    <row r="780111" spans="14:14">
      <c r="N780111" s="10"/>
    </row>
    <row r="780112" spans="14:14">
      <c r="N780112" s="10"/>
    </row>
    <row r="780113" spans="14:14">
      <c r="N780113" s="10"/>
    </row>
    <row r="780114" spans="14:14">
      <c r="N780114" s="10"/>
    </row>
    <row r="780115" spans="14:14">
      <c r="N780115" s="10"/>
    </row>
    <row r="780116" spans="14:14">
      <c r="N780116" s="10"/>
    </row>
    <row r="780117" spans="14:14">
      <c r="N780117" s="10"/>
    </row>
    <row r="780118" spans="14:14">
      <c r="N780118" s="10"/>
    </row>
    <row r="780119" spans="14:14">
      <c r="N780119" s="10"/>
    </row>
    <row r="780120" spans="14:14">
      <c r="N780120" s="10"/>
    </row>
    <row r="780121" spans="14:14">
      <c r="N780121" s="10"/>
    </row>
    <row r="780122" spans="14:14">
      <c r="N780122" s="10"/>
    </row>
    <row r="780123" spans="14:14">
      <c r="N780123" s="10"/>
    </row>
    <row r="780124" spans="14:14">
      <c r="N780124" s="10"/>
    </row>
    <row r="780125" spans="14:14">
      <c r="N780125" s="10"/>
    </row>
    <row r="780126" spans="14:14">
      <c r="N780126" s="10"/>
    </row>
    <row r="780127" spans="14:14">
      <c r="N780127" s="10"/>
    </row>
    <row r="780128" spans="14:14">
      <c r="N780128" s="10"/>
    </row>
    <row r="780129" spans="14:14">
      <c r="N780129" s="10"/>
    </row>
    <row r="780130" spans="14:14">
      <c r="N780130" s="10"/>
    </row>
    <row r="780131" spans="14:14">
      <c r="N780131" s="10"/>
    </row>
    <row r="780132" spans="14:14">
      <c r="N780132" s="10"/>
    </row>
    <row r="780133" spans="14:14">
      <c r="N780133" s="10"/>
    </row>
    <row r="780134" spans="14:14">
      <c r="N780134" s="10"/>
    </row>
    <row r="780135" spans="14:14">
      <c r="N780135" s="10"/>
    </row>
    <row r="780136" spans="14:14">
      <c r="N780136" s="10"/>
    </row>
    <row r="780137" spans="14:14">
      <c r="N780137" s="10"/>
    </row>
    <row r="780138" spans="14:14">
      <c r="N780138" s="10"/>
    </row>
    <row r="780139" spans="14:14">
      <c r="N780139" s="10"/>
    </row>
    <row r="780140" spans="14:14">
      <c r="N780140" s="10"/>
    </row>
    <row r="780141" spans="14:14">
      <c r="N780141" s="10"/>
    </row>
    <row r="780142" spans="14:14">
      <c r="N780142" s="10"/>
    </row>
    <row r="780143" spans="14:14">
      <c r="N780143" s="10"/>
    </row>
    <row r="780144" spans="14:14">
      <c r="N780144" s="10"/>
    </row>
    <row r="780145" spans="14:14">
      <c r="N780145" s="10"/>
    </row>
    <row r="780146" spans="14:14">
      <c r="N780146" s="10"/>
    </row>
    <row r="780147" spans="14:14">
      <c r="N780147" s="10"/>
    </row>
    <row r="780148" spans="14:14">
      <c r="N780148" s="10"/>
    </row>
    <row r="780149" spans="14:14">
      <c r="N780149" s="10"/>
    </row>
    <row r="780150" spans="14:14">
      <c r="N780150" s="10"/>
    </row>
    <row r="780151" spans="14:14">
      <c r="N780151" s="10"/>
    </row>
    <row r="780152" spans="14:14">
      <c r="N780152" s="10"/>
    </row>
    <row r="780153" spans="14:14">
      <c r="N780153" s="10"/>
    </row>
    <row r="780154" spans="14:14">
      <c r="N780154" s="10"/>
    </row>
    <row r="780155" spans="14:14">
      <c r="N780155" s="10"/>
    </row>
    <row r="780156" spans="14:14">
      <c r="N780156" s="10"/>
    </row>
    <row r="780157" spans="14:14">
      <c r="N780157" s="10"/>
    </row>
    <row r="780158" spans="14:14">
      <c r="N780158" s="10"/>
    </row>
    <row r="780159" spans="14:14">
      <c r="N780159" s="10"/>
    </row>
    <row r="780160" spans="14:14">
      <c r="N780160" s="10"/>
    </row>
    <row r="780161" spans="14:14">
      <c r="N780161" s="10"/>
    </row>
    <row r="780162" spans="14:14">
      <c r="N780162" s="10"/>
    </row>
    <row r="780163" spans="14:14">
      <c r="N780163" s="10"/>
    </row>
    <row r="780164" spans="14:14">
      <c r="N780164" s="10"/>
    </row>
    <row r="780165" spans="14:14">
      <c r="N780165" s="10"/>
    </row>
    <row r="780166" spans="14:14">
      <c r="N780166" s="10"/>
    </row>
    <row r="780167" spans="14:14">
      <c r="N780167" s="10"/>
    </row>
    <row r="780168" spans="14:14">
      <c r="N780168" s="10"/>
    </row>
    <row r="780169" spans="14:14">
      <c r="N780169" s="10"/>
    </row>
    <row r="780170" spans="14:14">
      <c r="N780170" s="10"/>
    </row>
    <row r="780171" spans="14:14">
      <c r="N780171" s="10"/>
    </row>
    <row r="780172" spans="14:14">
      <c r="N780172" s="10"/>
    </row>
    <row r="780173" spans="14:14">
      <c r="N780173" s="10"/>
    </row>
    <row r="780174" spans="14:14">
      <c r="N780174" s="10"/>
    </row>
    <row r="780175" spans="14:14">
      <c r="N780175" s="10"/>
    </row>
    <row r="780176" spans="14:14">
      <c r="N780176" s="10"/>
    </row>
    <row r="780177" spans="14:14">
      <c r="N780177" s="10"/>
    </row>
    <row r="780178" spans="14:14">
      <c r="N780178" s="10"/>
    </row>
    <row r="780179" spans="14:14">
      <c r="N780179" s="10"/>
    </row>
    <row r="780180" spans="14:14">
      <c r="N780180" s="10"/>
    </row>
    <row r="780181" spans="14:14">
      <c r="N780181" s="10"/>
    </row>
    <row r="780182" spans="14:14">
      <c r="N780182" s="10"/>
    </row>
    <row r="780183" spans="14:14">
      <c r="N780183" s="10"/>
    </row>
    <row r="780184" spans="14:14">
      <c r="N780184" s="10"/>
    </row>
    <row r="780185" spans="14:14">
      <c r="N780185" s="10"/>
    </row>
    <row r="780186" spans="14:14">
      <c r="N780186" s="10"/>
    </row>
    <row r="780187" spans="14:14">
      <c r="N780187" s="10"/>
    </row>
    <row r="780188" spans="14:14">
      <c r="N780188" s="10"/>
    </row>
    <row r="780189" spans="14:14">
      <c r="N780189" s="10"/>
    </row>
    <row r="780190" spans="14:14">
      <c r="N780190" s="10"/>
    </row>
    <row r="780191" spans="14:14">
      <c r="N780191" s="10"/>
    </row>
    <row r="780192" spans="14:14">
      <c r="N780192" s="10"/>
    </row>
    <row r="780193" spans="14:14">
      <c r="N780193" s="10"/>
    </row>
    <row r="780194" spans="14:14">
      <c r="N780194" s="10"/>
    </row>
    <row r="780195" spans="14:14">
      <c r="N780195" s="10"/>
    </row>
    <row r="780196" spans="14:14">
      <c r="N780196" s="10"/>
    </row>
    <row r="780197" spans="14:14">
      <c r="N780197" s="10"/>
    </row>
    <row r="780198" spans="14:14">
      <c r="N780198" s="10"/>
    </row>
    <row r="780199" spans="14:14">
      <c r="N780199" s="10"/>
    </row>
    <row r="780200" spans="14:14">
      <c r="N780200" s="10"/>
    </row>
    <row r="780201" spans="14:14">
      <c r="N780201" s="10"/>
    </row>
    <row r="780202" spans="14:14">
      <c r="N780202" s="10"/>
    </row>
    <row r="780203" spans="14:14">
      <c r="N780203" s="10"/>
    </row>
    <row r="780204" spans="14:14">
      <c r="N780204" s="10"/>
    </row>
    <row r="780205" spans="14:14">
      <c r="N780205" s="10"/>
    </row>
    <row r="780206" spans="14:14">
      <c r="N780206" s="10"/>
    </row>
    <row r="780207" spans="14:14">
      <c r="N780207" s="10"/>
    </row>
    <row r="780208" spans="14:14">
      <c r="N780208" s="10"/>
    </row>
    <row r="780209" spans="14:14">
      <c r="N780209" s="10"/>
    </row>
    <row r="780210" spans="14:14">
      <c r="N780210" s="10"/>
    </row>
    <row r="780211" spans="14:14">
      <c r="N780211" s="10"/>
    </row>
    <row r="780212" spans="14:14">
      <c r="N780212" s="10"/>
    </row>
    <row r="780213" spans="14:14">
      <c r="N780213" s="10"/>
    </row>
    <row r="780214" spans="14:14">
      <c r="N780214" s="10"/>
    </row>
    <row r="780215" spans="14:14">
      <c r="N780215" s="10"/>
    </row>
    <row r="780216" spans="14:14">
      <c r="N780216" s="10"/>
    </row>
    <row r="780217" spans="14:14">
      <c r="N780217" s="10"/>
    </row>
    <row r="780218" spans="14:14">
      <c r="N780218" s="10"/>
    </row>
    <row r="780219" spans="14:14">
      <c r="N780219" s="10"/>
    </row>
    <row r="780220" spans="14:14">
      <c r="N780220" s="10"/>
    </row>
    <row r="780221" spans="14:14">
      <c r="N780221" s="10"/>
    </row>
    <row r="780222" spans="14:14">
      <c r="N780222" s="10"/>
    </row>
    <row r="780223" spans="14:14">
      <c r="N780223" s="10"/>
    </row>
    <row r="780224" spans="14:14">
      <c r="N780224" s="10"/>
    </row>
    <row r="780225" spans="14:14">
      <c r="N780225" s="10"/>
    </row>
    <row r="780226" spans="14:14">
      <c r="N780226" s="10"/>
    </row>
    <row r="780227" spans="14:14">
      <c r="N780227" s="10"/>
    </row>
    <row r="780228" spans="14:14">
      <c r="N780228" s="10"/>
    </row>
    <row r="780229" spans="14:14">
      <c r="N780229" s="10"/>
    </row>
    <row r="780230" spans="14:14">
      <c r="N780230" s="10"/>
    </row>
    <row r="780231" spans="14:14">
      <c r="N780231" s="10"/>
    </row>
    <row r="780232" spans="14:14">
      <c r="N780232" s="10"/>
    </row>
    <row r="780233" spans="14:14">
      <c r="N780233" s="10"/>
    </row>
    <row r="780234" spans="14:14">
      <c r="N780234" s="10"/>
    </row>
    <row r="780235" spans="14:14">
      <c r="N780235" s="10"/>
    </row>
    <row r="780236" spans="14:14">
      <c r="N780236" s="10"/>
    </row>
    <row r="780237" spans="14:14">
      <c r="N780237" s="10"/>
    </row>
    <row r="780238" spans="14:14">
      <c r="N780238" s="10"/>
    </row>
    <row r="780239" spans="14:14">
      <c r="N780239" s="10"/>
    </row>
    <row r="780240" spans="14:14">
      <c r="N780240" s="10"/>
    </row>
    <row r="780241" spans="14:14">
      <c r="N780241" s="10"/>
    </row>
    <row r="780242" spans="14:14">
      <c r="N780242" s="10"/>
    </row>
    <row r="780243" spans="14:14">
      <c r="N780243" s="10"/>
    </row>
    <row r="780244" spans="14:14">
      <c r="N780244" s="10"/>
    </row>
    <row r="780245" spans="14:14">
      <c r="N780245" s="10"/>
    </row>
    <row r="780246" spans="14:14">
      <c r="N780246" s="10"/>
    </row>
    <row r="780247" spans="14:14">
      <c r="N780247" s="10"/>
    </row>
    <row r="780248" spans="14:14">
      <c r="N780248" s="10"/>
    </row>
    <row r="780249" spans="14:14">
      <c r="N780249" s="10"/>
    </row>
    <row r="780250" spans="14:14">
      <c r="N780250" s="10"/>
    </row>
    <row r="780251" spans="14:14">
      <c r="N780251" s="10"/>
    </row>
    <row r="780252" spans="14:14">
      <c r="N780252" s="10"/>
    </row>
    <row r="780253" spans="14:14">
      <c r="N780253" s="10"/>
    </row>
    <row r="780254" spans="14:14">
      <c r="N780254" s="10"/>
    </row>
    <row r="780255" spans="14:14">
      <c r="N780255" s="10"/>
    </row>
    <row r="780256" spans="14:14">
      <c r="N780256" s="10"/>
    </row>
    <row r="780257" spans="14:14">
      <c r="N780257" s="10"/>
    </row>
    <row r="780258" spans="14:14">
      <c r="N780258" s="10"/>
    </row>
    <row r="780259" spans="14:14">
      <c r="N780259" s="10"/>
    </row>
    <row r="780260" spans="14:14">
      <c r="N780260" s="10"/>
    </row>
    <row r="780261" spans="14:14">
      <c r="N780261" s="10"/>
    </row>
    <row r="780262" spans="14:14">
      <c r="N780262" s="10"/>
    </row>
    <row r="780263" spans="14:14">
      <c r="N780263" s="10"/>
    </row>
    <row r="780264" spans="14:14">
      <c r="N780264" s="10"/>
    </row>
    <row r="780265" spans="14:14">
      <c r="N780265" s="10"/>
    </row>
    <row r="780266" spans="14:14">
      <c r="N780266" s="10"/>
    </row>
    <row r="780267" spans="14:14">
      <c r="N780267" s="10"/>
    </row>
    <row r="780268" spans="14:14">
      <c r="N780268" s="10"/>
    </row>
    <row r="780269" spans="14:14">
      <c r="N780269" s="10"/>
    </row>
    <row r="780270" spans="14:14">
      <c r="N780270" s="10"/>
    </row>
    <row r="780271" spans="14:14">
      <c r="N780271" s="10"/>
    </row>
    <row r="780272" spans="14:14">
      <c r="N780272" s="10"/>
    </row>
    <row r="780273" spans="14:14">
      <c r="N780273" s="10"/>
    </row>
    <row r="780274" spans="14:14">
      <c r="N780274" s="10"/>
    </row>
    <row r="780275" spans="14:14">
      <c r="N780275" s="10"/>
    </row>
    <row r="780276" spans="14:14">
      <c r="N780276" s="10"/>
    </row>
    <row r="780277" spans="14:14">
      <c r="N780277" s="10"/>
    </row>
    <row r="780278" spans="14:14">
      <c r="N780278" s="10"/>
    </row>
    <row r="780279" spans="14:14">
      <c r="N780279" s="10"/>
    </row>
    <row r="780280" spans="14:14">
      <c r="N780280" s="10"/>
    </row>
    <row r="780281" spans="14:14">
      <c r="N780281" s="10"/>
    </row>
    <row r="780282" spans="14:14">
      <c r="N780282" s="10"/>
    </row>
    <row r="780283" spans="14:14">
      <c r="N780283" s="10"/>
    </row>
    <row r="780284" spans="14:14">
      <c r="N780284" s="10"/>
    </row>
    <row r="780285" spans="14:14">
      <c r="N780285" s="10"/>
    </row>
    <row r="780286" spans="14:14">
      <c r="N780286" s="10"/>
    </row>
    <row r="780287" spans="14:14">
      <c r="N780287" s="10"/>
    </row>
    <row r="780288" spans="14:14">
      <c r="N780288" s="10"/>
    </row>
    <row r="780289" spans="14:14">
      <c r="N780289" s="10"/>
    </row>
    <row r="780290" spans="14:14">
      <c r="N780290" s="10"/>
    </row>
    <row r="780291" spans="14:14">
      <c r="N780291" s="10"/>
    </row>
    <row r="780292" spans="14:14">
      <c r="N780292" s="10"/>
    </row>
    <row r="780293" spans="14:14">
      <c r="N780293" s="10"/>
    </row>
    <row r="780294" spans="14:14">
      <c r="N780294" s="10"/>
    </row>
    <row r="780295" spans="14:14">
      <c r="N780295" s="10"/>
    </row>
    <row r="780296" spans="14:14">
      <c r="N780296" s="10"/>
    </row>
    <row r="780297" spans="14:14">
      <c r="N780297" s="10"/>
    </row>
    <row r="780298" spans="14:14">
      <c r="N780298" s="10"/>
    </row>
    <row r="780299" spans="14:14">
      <c r="N780299" s="10"/>
    </row>
    <row r="780300" spans="14:14">
      <c r="N780300" s="10"/>
    </row>
    <row r="780301" spans="14:14">
      <c r="N780301" s="10"/>
    </row>
    <row r="780302" spans="14:14">
      <c r="N780302" s="10"/>
    </row>
    <row r="780303" spans="14:14">
      <c r="N780303" s="10"/>
    </row>
    <row r="780304" spans="14:14">
      <c r="N780304" s="10"/>
    </row>
    <row r="780305" spans="14:14">
      <c r="N780305" s="10"/>
    </row>
    <row r="780306" spans="14:14">
      <c r="N780306" s="10"/>
    </row>
    <row r="780307" spans="14:14">
      <c r="N780307" s="10"/>
    </row>
    <row r="780308" spans="14:14">
      <c r="N780308" s="10"/>
    </row>
    <row r="780309" spans="14:14">
      <c r="N780309" s="10"/>
    </row>
    <row r="780310" spans="14:14">
      <c r="N780310" s="10"/>
    </row>
    <row r="780311" spans="14:14">
      <c r="N780311" s="10"/>
    </row>
    <row r="780312" spans="14:14">
      <c r="N780312" s="10"/>
    </row>
    <row r="780313" spans="14:14">
      <c r="N780313" s="10"/>
    </row>
    <row r="780314" spans="14:14">
      <c r="N780314" s="10"/>
    </row>
    <row r="780315" spans="14:14">
      <c r="N780315" s="10"/>
    </row>
    <row r="780316" spans="14:14">
      <c r="N780316" s="10"/>
    </row>
    <row r="780317" spans="14:14">
      <c r="N780317" s="10"/>
    </row>
    <row r="780318" spans="14:14">
      <c r="N780318" s="10"/>
    </row>
    <row r="780319" spans="14:14">
      <c r="N780319" s="10"/>
    </row>
    <row r="780320" spans="14:14">
      <c r="N780320" s="10"/>
    </row>
    <row r="780321" spans="14:14">
      <c r="N780321" s="10"/>
    </row>
    <row r="780322" spans="14:14">
      <c r="N780322" s="10"/>
    </row>
    <row r="780323" spans="14:14">
      <c r="N780323" s="10"/>
    </row>
    <row r="780324" spans="14:14">
      <c r="N780324" s="10"/>
    </row>
    <row r="780325" spans="14:14">
      <c r="N780325" s="10"/>
    </row>
    <row r="780326" spans="14:14">
      <c r="N780326" s="10"/>
    </row>
    <row r="780327" spans="14:14">
      <c r="N780327" s="10"/>
    </row>
    <row r="780328" spans="14:14">
      <c r="N780328" s="10"/>
    </row>
    <row r="780329" spans="14:14">
      <c r="N780329" s="10"/>
    </row>
    <row r="780330" spans="14:14">
      <c r="N780330" s="10"/>
    </row>
    <row r="780331" spans="14:14">
      <c r="N780331" s="10"/>
    </row>
    <row r="780332" spans="14:14">
      <c r="N780332" s="10"/>
    </row>
    <row r="780333" spans="14:14">
      <c r="N780333" s="10"/>
    </row>
    <row r="780334" spans="14:14">
      <c r="N780334" s="10"/>
    </row>
    <row r="780335" spans="14:14">
      <c r="N780335" s="10"/>
    </row>
    <row r="780336" spans="14:14">
      <c r="N780336" s="10"/>
    </row>
    <row r="780337" spans="14:14">
      <c r="N780337" s="10"/>
    </row>
    <row r="780338" spans="14:14">
      <c r="N780338" s="10"/>
    </row>
    <row r="780339" spans="14:14">
      <c r="N780339" s="10"/>
    </row>
    <row r="780340" spans="14:14">
      <c r="N780340" s="10"/>
    </row>
    <row r="780341" spans="14:14">
      <c r="N780341" s="10"/>
    </row>
    <row r="780342" spans="14:14">
      <c r="N780342" s="10"/>
    </row>
    <row r="780343" spans="14:14">
      <c r="N780343" s="10"/>
    </row>
    <row r="780344" spans="14:14">
      <c r="N780344" s="10"/>
    </row>
    <row r="780345" spans="14:14">
      <c r="N780345" s="10"/>
    </row>
    <row r="780346" spans="14:14">
      <c r="N780346" s="10"/>
    </row>
    <row r="780347" spans="14:14">
      <c r="N780347" s="10"/>
    </row>
    <row r="780348" spans="14:14">
      <c r="N780348" s="10"/>
    </row>
    <row r="780349" spans="14:14">
      <c r="N780349" s="10"/>
    </row>
    <row r="780350" spans="14:14">
      <c r="N780350" s="10"/>
    </row>
    <row r="780351" spans="14:14">
      <c r="N780351" s="10"/>
    </row>
    <row r="780352" spans="14:14">
      <c r="N780352" s="10"/>
    </row>
    <row r="780353" spans="14:14">
      <c r="N780353" s="10"/>
    </row>
    <row r="780354" spans="14:14">
      <c r="N780354" s="10"/>
    </row>
    <row r="780355" spans="14:14">
      <c r="N780355" s="10"/>
    </row>
    <row r="780356" spans="14:14">
      <c r="N780356" s="10"/>
    </row>
    <row r="780357" spans="14:14">
      <c r="N780357" s="10"/>
    </row>
    <row r="780358" spans="14:14">
      <c r="N780358" s="10"/>
    </row>
    <row r="780359" spans="14:14">
      <c r="N780359" s="10"/>
    </row>
    <row r="780360" spans="14:14">
      <c r="N780360" s="10"/>
    </row>
    <row r="780361" spans="14:14">
      <c r="N780361" s="10"/>
    </row>
    <row r="780362" spans="14:14">
      <c r="N780362" s="10"/>
    </row>
    <row r="780363" spans="14:14">
      <c r="N780363" s="10"/>
    </row>
    <row r="780364" spans="14:14">
      <c r="N780364" s="10"/>
    </row>
    <row r="780365" spans="14:14">
      <c r="N780365" s="10"/>
    </row>
    <row r="780366" spans="14:14">
      <c r="N780366" s="10"/>
    </row>
    <row r="780367" spans="14:14">
      <c r="N780367" s="10"/>
    </row>
    <row r="780368" spans="14:14">
      <c r="N780368" s="10"/>
    </row>
    <row r="780369" spans="14:14">
      <c r="N780369" s="10"/>
    </row>
    <row r="780370" spans="14:14">
      <c r="N780370" s="10"/>
    </row>
    <row r="780371" spans="14:14">
      <c r="N780371" s="10"/>
    </row>
    <row r="780372" spans="14:14">
      <c r="N780372" s="10"/>
    </row>
    <row r="780373" spans="14:14">
      <c r="N780373" s="10"/>
    </row>
    <row r="780374" spans="14:14">
      <c r="N780374" s="10"/>
    </row>
    <row r="780375" spans="14:14">
      <c r="N780375" s="10"/>
    </row>
    <row r="780376" spans="14:14">
      <c r="N780376" s="10"/>
    </row>
    <row r="780377" spans="14:14">
      <c r="N780377" s="10"/>
    </row>
    <row r="780378" spans="14:14">
      <c r="N780378" s="10"/>
    </row>
    <row r="780379" spans="14:14">
      <c r="N780379" s="10"/>
    </row>
    <row r="780380" spans="14:14">
      <c r="N780380" s="10"/>
    </row>
    <row r="780381" spans="14:14">
      <c r="N780381" s="10"/>
    </row>
    <row r="780382" spans="14:14">
      <c r="N780382" s="10"/>
    </row>
    <row r="780383" spans="14:14">
      <c r="N780383" s="10"/>
    </row>
    <row r="780384" spans="14:14">
      <c r="N780384" s="10"/>
    </row>
    <row r="780385" spans="14:14">
      <c r="N780385" s="10"/>
    </row>
    <row r="780386" spans="14:14">
      <c r="N780386" s="10"/>
    </row>
    <row r="780387" spans="14:14">
      <c r="N780387" s="10"/>
    </row>
    <row r="780388" spans="14:14">
      <c r="N780388" s="10"/>
    </row>
    <row r="780389" spans="14:14">
      <c r="N780389" s="10"/>
    </row>
    <row r="780390" spans="14:14">
      <c r="N780390" s="10"/>
    </row>
    <row r="780391" spans="14:14">
      <c r="N780391" s="10"/>
    </row>
    <row r="780392" spans="14:14">
      <c r="N780392" s="10"/>
    </row>
    <row r="780393" spans="14:14">
      <c r="N780393" s="10"/>
    </row>
    <row r="780394" spans="14:14">
      <c r="N780394" s="10"/>
    </row>
    <row r="780395" spans="14:14">
      <c r="N780395" s="10"/>
    </row>
    <row r="780396" spans="14:14">
      <c r="N780396" s="10"/>
    </row>
    <row r="780397" spans="14:14">
      <c r="N780397" s="10"/>
    </row>
    <row r="780398" spans="14:14">
      <c r="N780398" s="10"/>
    </row>
    <row r="780399" spans="14:14">
      <c r="N780399" s="10"/>
    </row>
    <row r="780400" spans="14:14">
      <c r="N780400" s="10"/>
    </row>
    <row r="780401" spans="14:14">
      <c r="N780401" s="10"/>
    </row>
    <row r="780402" spans="14:14">
      <c r="N780402" s="10"/>
    </row>
    <row r="780403" spans="14:14">
      <c r="N780403" s="10"/>
    </row>
    <row r="780404" spans="14:14">
      <c r="N780404" s="10"/>
    </row>
    <row r="780405" spans="14:14">
      <c r="N780405" s="10"/>
    </row>
    <row r="780406" spans="14:14">
      <c r="N780406" s="10"/>
    </row>
    <row r="780407" spans="14:14">
      <c r="N780407" s="10"/>
    </row>
    <row r="780408" spans="14:14">
      <c r="N780408" s="10"/>
    </row>
    <row r="780409" spans="14:14">
      <c r="N780409" s="10"/>
    </row>
    <row r="780410" spans="14:14">
      <c r="N780410" s="10"/>
    </row>
    <row r="780411" spans="14:14">
      <c r="N780411" s="10"/>
    </row>
    <row r="780412" spans="14:14">
      <c r="N780412" s="10"/>
    </row>
    <row r="780413" spans="14:14">
      <c r="N780413" s="10"/>
    </row>
    <row r="780414" spans="14:14">
      <c r="N780414" s="10"/>
    </row>
    <row r="780415" spans="14:14">
      <c r="N780415" s="10"/>
    </row>
    <row r="780416" spans="14:14">
      <c r="N780416" s="10"/>
    </row>
    <row r="780417" spans="14:14">
      <c r="N780417" s="10"/>
    </row>
    <row r="780418" spans="14:14">
      <c r="N780418" s="10"/>
    </row>
    <row r="780419" spans="14:14">
      <c r="N780419" s="10"/>
    </row>
    <row r="780420" spans="14:14">
      <c r="N780420" s="10"/>
    </row>
    <row r="780421" spans="14:14">
      <c r="N780421" s="10"/>
    </row>
    <row r="780422" spans="14:14">
      <c r="N780422" s="10"/>
    </row>
    <row r="780423" spans="14:14">
      <c r="N780423" s="10"/>
    </row>
    <row r="780424" spans="14:14">
      <c r="N780424" s="10"/>
    </row>
    <row r="780425" spans="14:14">
      <c r="N780425" s="10"/>
    </row>
    <row r="780426" spans="14:14">
      <c r="N780426" s="10"/>
    </row>
    <row r="780427" spans="14:14">
      <c r="N780427" s="10"/>
    </row>
    <row r="780428" spans="14:14">
      <c r="N780428" s="10"/>
    </row>
    <row r="780429" spans="14:14">
      <c r="N780429" s="10"/>
    </row>
    <row r="780430" spans="14:14">
      <c r="N780430" s="10"/>
    </row>
    <row r="780431" spans="14:14">
      <c r="N780431" s="10"/>
    </row>
    <row r="780432" spans="14:14">
      <c r="N780432" s="10"/>
    </row>
    <row r="780433" spans="14:14">
      <c r="N780433" s="10"/>
    </row>
    <row r="780434" spans="14:14">
      <c r="N780434" s="10"/>
    </row>
    <row r="780435" spans="14:14">
      <c r="N780435" s="10"/>
    </row>
    <row r="780436" spans="14:14">
      <c r="N780436" s="10"/>
    </row>
    <row r="780437" spans="14:14">
      <c r="N780437" s="10"/>
    </row>
    <row r="780438" spans="14:14">
      <c r="N780438" s="10"/>
    </row>
    <row r="780439" spans="14:14">
      <c r="N780439" s="10"/>
    </row>
    <row r="780440" spans="14:14">
      <c r="N780440" s="10"/>
    </row>
    <row r="780441" spans="14:14">
      <c r="N780441" s="10"/>
    </row>
    <row r="780442" spans="14:14">
      <c r="N780442" s="10"/>
    </row>
    <row r="780443" spans="14:14">
      <c r="N780443" s="10"/>
    </row>
    <row r="780444" spans="14:14">
      <c r="N780444" s="10"/>
    </row>
    <row r="780445" spans="14:14">
      <c r="N780445" s="10"/>
    </row>
    <row r="780446" spans="14:14">
      <c r="N780446" s="10"/>
    </row>
    <row r="780447" spans="14:14">
      <c r="N780447" s="10"/>
    </row>
    <row r="780448" spans="14:14">
      <c r="N780448" s="10"/>
    </row>
    <row r="780449" spans="14:14">
      <c r="N780449" s="10"/>
    </row>
    <row r="780450" spans="14:14">
      <c r="N780450" s="10"/>
    </row>
    <row r="780451" spans="14:14">
      <c r="N780451" s="10"/>
    </row>
    <row r="780452" spans="14:14">
      <c r="N780452" s="10"/>
    </row>
    <row r="780453" spans="14:14">
      <c r="N780453" s="10"/>
    </row>
    <row r="780454" spans="14:14">
      <c r="N780454" s="10"/>
    </row>
    <row r="780455" spans="14:14">
      <c r="N780455" s="10"/>
    </row>
    <row r="780456" spans="14:14">
      <c r="N780456" s="10"/>
    </row>
    <row r="780457" spans="14:14">
      <c r="N780457" s="10"/>
    </row>
    <row r="780458" spans="14:14">
      <c r="N780458" s="10"/>
    </row>
    <row r="780459" spans="14:14">
      <c r="N780459" s="10"/>
    </row>
    <row r="780460" spans="14:14">
      <c r="N780460" s="10"/>
    </row>
    <row r="780461" spans="14:14">
      <c r="N780461" s="10"/>
    </row>
    <row r="780462" spans="14:14">
      <c r="N780462" s="10"/>
    </row>
    <row r="780463" spans="14:14">
      <c r="N780463" s="10"/>
    </row>
    <row r="780464" spans="14:14">
      <c r="N780464" s="10"/>
    </row>
    <row r="780465" spans="14:14">
      <c r="N780465" s="10"/>
    </row>
    <row r="780466" spans="14:14">
      <c r="N780466" s="10"/>
    </row>
    <row r="780467" spans="14:14">
      <c r="N780467" s="10"/>
    </row>
    <row r="780468" spans="14:14">
      <c r="N780468" s="10"/>
    </row>
    <row r="780469" spans="14:14">
      <c r="N780469" s="10"/>
    </row>
    <row r="780470" spans="14:14">
      <c r="N780470" s="10"/>
    </row>
    <row r="780471" spans="14:14">
      <c r="N780471" s="10"/>
    </row>
    <row r="780472" spans="14:14">
      <c r="N780472" s="10"/>
    </row>
    <row r="780473" spans="14:14">
      <c r="N780473" s="10"/>
    </row>
    <row r="780474" spans="14:14">
      <c r="N780474" s="10"/>
    </row>
    <row r="780475" spans="14:14">
      <c r="N780475" s="10"/>
    </row>
    <row r="780476" spans="14:14">
      <c r="N780476" s="10"/>
    </row>
    <row r="780477" spans="14:14">
      <c r="N780477" s="10"/>
    </row>
    <row r="780478" spans="14:14">
      <c r="N780478" s="10"/>
    </row>
    <row r="780479" spans="14:14">
      <c r="N780479" s="10"/>
    </row>
    <row r="780480" spans="14:14">
      <c r="N780480" s="10"/>
    </row>
    <row r="780481" spans="14:14">
      <c r="N780481" s="10"/>
    </row>
    <row r="780482" spans="14:14">
      <c r="N780482" s="10"/>
    </row>
    <row r="780483" spans="14:14">
      <c r="N780483" s="10"/>
    </row>
    <row r="780484" spans="14:14">
      <c r="N780484" s="10"/>
    </row>
    <row r="780485" spans="14:14">
      <c r="N780485" s="10"/>
    </row>
    <row r="780486" spans="14:14">
      <c r="N780486" s="10"/>
    </row>
    <row r="780487" spans="14:14">
      <c r="N780487" s="10"/>
    </row>
    <row r="780488" spans="14:14">
      <c r="N780488" s="10"/>
    </row>
    <row r="780489" spans="14:14">
      <c r="N780489" s="10"/>
    </row>
    <row r="780490" spans="14:14">
      <c r="N780490" s="10"/>
    </row>
    <row r="780491" spans="14:14">
      <c r="N780491" s="10"/>
    </row>
    <row r="780492" spans="14:14">
      <c r="N780492" s="10"/>
    </row>
    <row r="780493" spans="14:14">
      <c r="N780493" s="10"/>
    </row>
    <row r="780494" spans="14:14">
      <c r="N780494" s="10"/>
    </row>
    <row r="780495" spans="14:14">
      <c r="N780495" s="10"/>
    </row>
    <row r="780496" spans="14:14">
      <c r="N780496" s="10"/>
    </row>
    <row r="780497" spans="14:14">
      <c r="N780497" s="10"/>
    </row>
    <row r="780498" spans="14:14">
      <c r="N780498" s="10"/>
    </row>
    <row r="780499" spans="14:14">
      <c r="N780499" s="10"/>
    </row>
    <row r="780500" spans="14:14">
      <c r="N780500" s="10"/>
    </row>
    <row r="780501" spans="14:14">
      <c r="N780501" s="10"/>
    </row>
    <row r="780502" spans="14:14">
      <c r="N780502" s="10"/>
    </row>
    <row r="780503" spans="14:14">
      <c r="N780503" s="10"/>
    </row>
    <row r="780504" spans="14:14">
      <c r="N780504" s="10"/>
    </row>
    <row r="780505" spans="14:14">
      <c r="N780505" s="10"/>
    </row>
    <row r="780506" spans="14:14">
      <c r="N780506" s="10"/>
    </row>
    <row r="780507" spans="14:14">
      <c r="N780507" s="10"/>
    </row>
    <row r="780508" spans="14:14">
      <c r="N780508" s="10"/>
    </row>
    <row r="780509" spans="14:14">
      <c r="N780509" s="10"/>
    </row>
    <row r="780510" spans="14:14">
      <c r="N780510" s="10"/>
    </row>
    <row r="780511" spans="14:14">
      <c r="N780511" s="10"/>
    </row>
    <row r="780512" spans="14:14">
      <c r="N780512" s="10"/>
    </row>
    <row r="780513" spans="14:14">
      <c r="N780513" s="10"/>
    </row>
    <row r="780514" spans="14:14">
      <c r="N780514" s="10"/>
    </row>
    <row r="780515" spans="14:14">
      <c r="N780515" s="10"/>
    </row>
    <row r="780516" spans="14:14">
      <c r="N780516" s="10"/>
    </row>
    <row r="780517" spans="14:14">
      <c r="N780517" s="10"/>
    </row>
    <row r="780518" spans="14:14">
      <c r="N780518" s="10"/>
    </row>
    <row r="780519" spans="14:14">
      <c r="N780519" s="10"/>
    </row>
    <row r="780520" spans="14:14">
      <c r="N780520" s="10"/>
    </row>
    <row r="780521" spans="14:14">
      <c r="N780521" s="10"/>
    </row>
    <row r="780522" spans="14:14">
      <c r="N780522" s="10"/>
    </row>
    <row r="780523" spans="14:14">
      <c r="N780523" s="10"/>
    </row>
    <row r="780524" spans="14:14">
      <c r="N780524" s="10"/>
    </row>
    <row r="780525" spans="14:14">
      <c r="N780525" s="10"/>
    </row>
    <row r="780526" spans="14:14">
      <c r="N780526" s="10"/>
    </row>
    <row r="780527" spans="14:14">
      <c r="N780527" s="10"/>
    </row>
    <row r="780528" spans="14:14">
      <c r="N780528" s="10"/>
    </row>
    <row r="780529" spans="14:14">
      <c r="N780529" s="10"/>
    </row>
    <row r="780530" spans="14:14">
      <c r="N780530" s="10"/>
    </row>
    <row r="780531" spans="14:14">
      <c r="N780531" s="10"/>
    </row>
    <row r="780532" spans="14:14">
      <c r="N780532" s="10"/>
    </row>
    <row r="780533" spans="14:14">
      <c r="N780533" s="10"/>
    </row>
    <row r="780534" spans="14:14">
      <c r="N780534" s="10"/>
    </row>
    <row r="780535" spans="14:14">
      <c r="N780535" s="10"/>
    </row>
    <row r="780536" spans="14:14">
      <c r="N780536" s="10"/>
    </row>
    <row r="780537" spans="14:14">
      <c r="N780537" s="10"/>
    </row>
    <row r="780538" spans="14:14">
      <c r="N780538" s="10"/>
    </row>
    <row r="780539" spans="14:14">
      <c r="N780539" s="10"/>
    </row>
    <row r="780540" spans="14:14">
      <c r="N780540" s="10"/>
    </row>
    <row r="780541" spans="14:14">
      <c r="N780541" s="10"/>
    </row>
    <row r="780542" spans="14:14">
      <c r="N780542" s="10"/>
    </row>
    <row r="780543" spans="14:14">
      <c r="N780543" s="10"/>
    </row>
    <row r="780544" spans="14:14">
      <c r="N780544" s="10"/>
    </row>
    <row r="780545" spans="14:14">
      <c r="N780545" s="10"/>
    </row>
    <row r="780546" spans="14:14">
      <c r="N780546" s="10"/>
    </row>
    <row r="780547" spans="14:14">
      <c r="N780547" s="10"/>
    </row>
    <row r="780548" spans="14:14">
      <c r="N780548" s="10"/>
    </row>
    <row r="780549" spans="14:14">
      <c r="N780549" s="10"/>
    </row>
    <row r="780550" spans="14:14">
      <c r="N780550" s="10"/>
    </row>
    <row r="780551" spans="14:14">
      <c r="N780551" s="10"/>
    </row>
    <row r="780552" spans="14:14">
      <c r="N780552" s="10"/>
    </row>
    <row r="780553" spans="14:14">
      <c r="N780553" s="10"/>
    </row>
    <row r="780554" spans="14:14">
      <c r="N780554" s="10"/>
    </row>
    <row r="780555" spans="14:14">
      <c r="N780555" s="10"/>
    </row>
    <row r="780556" spans="14:14">
      <c r="N780556" s="10"/>
    </row>
    <row r="780557" spans="14:14">
      <c r="N780557" s="10"/>
    </row>
    <row r="780558" spans="14:14">
      <c r="N780558" s="10"/>
    </row>
    <row r="780559" spans="14:14">
      <c r="N780559" s="10"/>
    </row>
    <row r="780560" spans="14:14">
      <c r="N780560" s="10"/>
    </row>
    <row r="780561" spans="14:14">
      <c r="N780561" s="10"/>
    </row>
    <row r="780562" spans="14:14">
      <c r="N780562" s="10"/>
    </row>
    <row r="780563" spans="14:14">
      <c r="N780563" s="10"/>
    </row>
    <row r="780564" spans="14:14">
      <c r="N780564" s="10"/>
    </row>
    <row r="780565" spans="14:14">
      <c r="N780565" s="10"/>
    </row>
    <row r="780566" spans="14:14">
      <c r="N780566" s="10"/>
    </row>
    <row r="780567" spans="14:14">
      <c r="N780567" s="10"/>
    </row>
    <row r="780568" spans="14:14">
      <c r="N780568" s="10"/>
    </row>
    <row r="780569" spans="14:14">
      <c r="N780569" s="10"/>
    </row>
    <row r="780570" spans="14:14">
      <c r="N780570" s="10"/>
    </row>
    <row r="780571" spans="14:14">
      <c r="N780571" s="10"/>
    </row>
    <row r="780572" spans="14:14">
      <c r="N780572" s="10"/>
    </row>
    <row r="780573" spans="14:14">
      <c r="N780573" s="10"/>
    </row>
    <row r="780574" spans="14:14">
      <c r="N780574" s="10"/>
    </row>
    <row r="780575" spans="14:14">
      <c r="N780575" s="10"/>
    </row>
    <row r="780576" spans="14:14">
      <c r="N780576" s="10"/>
    </row>
    <row r="780577" spans="14:14">
      <c r="N780577" s="10"/>
    </row>
    <row r="780578" spans="14:14">
      <c r="N780578" s="10"/>
    </row>
    <row r="780579" spans="14:14">
      <c r="N780579" s="10"/>
    </row>
    <row r="780580" spans="14:14">
      <c r="N780580" s="10"/>
    </row>
    <row r="780581" spans="14:14">
      <c r="N780581" s="10"/>
    </row>
    <row r="780582" spans="14:14">
      <c r="N780582" s="10"/>
    </row>
    <row r="780583" spans="14:14">
      <c r="N780583" s="10"/>
    </row>
    <row r="780584" spans="14:14">
      <c r="N780584" s="10"/>
    </row>
    <row r="780585" spans="14:14">
      <c r="N780585" s="10"/>
    </row>
    <row r="780586" spans="14:14">
      <c r="N780586" s="10"/>
    </row>
    <row r="780587" spans="14:14">
      <c r="N780587" s="10"/>
    </row>
    <row r="780588" spans="14:14">
      <c r="N780588" s="10"/>
    </row>
    <row r="780589" spans="14:14">
      <c r="N780589" s="10"/>
    </row>
    <row r="780590" spans="14:14">
      <c r="N780590" s="10"/>
    </row>
    <row r="780591" spans="14:14">
      <c r="N780591" s="10"/>
    </row>
    <row r="780592" spans="14:14">
      <c r="N780592" s="10"/>
    </row>
    <row r="780593" spans="14:14">
      <c r="N780593" s="10"/>
    </row>
    <row r="780594" spans="14:14">
      <c r="N780594" s="10"/>
    </row>
    <row r="780595" spans="14:14">
      <c r="N780595" s="10"/>
    </row>
    <row r="780596" spans="14:14">
      <c r="N780596" s="10"/>
    </row>
    <row r="780597" spans="14:14">
      <c r="N780597" s="10"/>
    </row>
    <row r="780598" spans="14:14">
      <c r="N780598" s="10"/>
    </row>
    <row r="780599" spans="14:14">
      <c r="N780599" s="10"/>
    </row>
    <row r="780600" spans="14:14">
      <c r="N780600" s="10"/>
    </row>
    <row r="780601" spans="14:14">
      <c r="N780601" s="10"/>
    </row>
    <row r="780602" spans="14:14">
      <c r="N780602" s="10"/>
    </row>
    <row r="780603" spans="14:14">
      <c r="N780603" s="10"/>
    </row>
    <row r="780604" spans="14:14">
      <c r="N780604" s="10"/>
    </row>
    <row r="780605" spans="14:14">
      <c r="N780605" s="10"/>
    </row>
    <row r="780606" spans="14:14">
      <c r="N780606" s="10"/>
    </row>
    <row r="780607" spans="14:14">
      <c r="N780607" s="10"/>
    </row>
    <row r="780608" spans="14:14">
      <c r="N780608" s="10"/>
    </row>
    <row r="780609" spans="14:14">
      <c r="N780609" s="10"/>
    </row>
    <row r="780610" spans="14:14">
      <c r="N780610" s="10"/>
    </row>
    <row r="780611" spans="14:14">
      <c r="N780611" s="10"/>
    </row>
    <row r="780612" spans="14:14">
      <c r="N780612" s="10"/>
    </row>
    <row r="780613" spans="14:14">
      <c r="N780613" s="10"/>
    </row>
    <row r="780614" spans="14:14">
      <c r="N780614" s="10"/>
    </row>
    <row r="780615" spans="14:14">
      <c r="N780615" s="10"/>
    </row>
    <row r="780616" spans="14:14">
      <c r="N780616" s="10"/>
    </row>
    <row r="780617" spans="14:14">
      <c r="N780617" s="10"/>
    </row>
    <row r="780618" spans="14:14">
      <c r="N780618" s="10"/>
    </row>
    <row r="780619" spans="14:14">
      <c r="N780619" s="10"/>
    </row>
    <row r="780620" spans="14:14">
      <c r="N780620" s="10"/>
    </row>
    <row r="780621" spans="14:14">
      <c r="N780621" s="10"/>
    </row>
    <row r="780622" spans="14:14">
      <c r="N780622" s="10"/>
    </row>
    <row r="780623" spans="14:14">
      <c r="N780623" s="10"/>
    </row>
    <row r="780624" spans="14:14">
      <c r="N780624" s="10"/>
    </row>
    <row r="780625" spans="14:14">
      <c r="N780625" s="10"/>
    </row>
    <row r="780626" spans="14:14">
      <c r="N780626" s="10"/>
    </row>
    <row r="780627" spans="14:14">
      <c r="N780627" s="10"/>
    </row>
    <row r="780628" spans="14:14">
      <c r="N780628" s="10"/>
    </row>
    <row r="780629" spans="14:14">
      <c r="N780629" s="10"/>
    </row>
    <row r="780630" spans="14:14">
      <c r="N780630" s="10"/>
    </row>
    <row r="780631" spans="14:14">
      <c r="N780631" s="10"/>
    </row>
    <row r="780632" spans="14:14">
      <c r="N780632" s="10"/>
    </row>
    <row r="780633" spans="14:14">
      <c r="N780633" s="10"/>
    </row>
    <row r="780634" spans="14:14">
      <c r="N780634" s="10"/>
    </row>
    <row r="780635" spans="14:14">
      <c r="N780635" s="10"/>
    </row>
    <row r="780636" spans="14:14">
      <c r="N780636" s="10"/>
    </row>
    <row r="780637" spans="14:14">
      <c r="N780637" s="10"/>
    </row>
    <row r="780638" spans="14:14">
      <c r="N780638" s="10"/>
    </row>
    <row r="780639" spans="14:14">
      <c r="N780639" s="10"/>
    </row>
    <row r="780640" spans="14:14">
      <c r="N780640" s="10"/>
    </row>
    <row r="780641" spans="14:14">
      <c r="N780641" s="10"/>
    </row>
    <row r="780642" spans="14:14">
      <c r="N780642" s="10"/>
    </row>
    <row r="780643" spans="14:14">
      <c r="N780643" s="10"/>
    </row>
    <row r="780644" spans="14:14">
      <c r="N780644" s="10"/>
    </row>
    <row r="780645" spans="14:14">
      <c r="N780645" s="10"/>
    </row>
    <row r="780646" spans="14:14">
      <c r="N780646" s="10"/>
    </row>
    <row r="780647" spans="14:14">
      <c r="N780647" s="10"/>
    </row>
    <row r="780648" spans="14:14">
      <c r="N780648" s="10"/>
    </row>
    <row r="780649" spans="14:14">
      <c r="N780649" s="10"/>
    </row>
    <row r="780650" spans="14:14">
      <c r="N780650" s="10"/>
    </row>
    <row r="780651" spans="14:14">
      <c r="N780651" s="10"/>
    </row>
    <row r="780652" spans="14:14">
      <c r="N780652" s="10"/>
    </row>
    <row r="780653" spans="14:14">
      <c r="N780653" s="10"/>
    </row>
    <row r="780654" spans="14:14">
      <c r="N780654" s="10"/>
    </row>
    <row r="780655" spans="14:14">
      <c r="N780655" s="10"/>
    </row>
    <row r="780656" spans="14:14">
      <c r="N780656" s="10"/>
    </row>
    <row r="780657" spans="14:14">
      <c r="N780657" s="10"/>
    </row>
    <row r="780658" spans="14:14">
      <c r="N780658" s="10"/>
    </row>
    <row r="780659" spans="14:14">
      <c r="N780659" s="10"/>
    </row>
    <row r="780660" spans="14:14">
      <c r="N780660" s="10"/>
    </row>
    <row r="780661" spans="14:14">
      <c r="N780661" s="10"/>
    </row>
    <row r="780662" spans="14:14">
      <c r="N780662" s="10"/>
    </row>
    <row r="780663" spans="14:14">
      <c r="N780663" s="10"/>
    </row>
    <row r="780664" spans="14:14">
      <c r="N780664" s="10"/>
    </row>
    <row r="780665" spans="14:14">
      <c r="N780665" s="10"/>
    </row>
    <row r="780666" spans="14:14">
      <c r="N780666" s="10"/>
    </row>
    <row r="780667" spans="14:14">
      <c r="N780667" s="10"/>
    </row>
    <row r="780668" spans="14:14">
      <c r="N780668" s="10"/>
    </row>
    <row r="780669" spans="14:14">
      <c r="N780669" s="10"/>
    </row>
    <row r="780670" spans="14:14">
      <c r="N780670" s="10"/>
    </row>
    <row r="780671" spans="14:14">
      <c r="N780671" s="10"/>
    </row>
    <row r="780672" spans="14:14">
      <c r="N780672" s="10"/>
    </row>
    <row r="780673" spans="14:14">
      <c r="N780673" s="10"/>
    </row>
    <row r="780674" spans="14:14">
      <c r="N780674" s="10"/>
    </row>
    <row r="780675" spans="14:14">
      <c r="N780675" s="10"/>
    </row>
    <row r="780676" spans="14:14">
      <c r="N780676" s="10"/>
    </row>
    <row r="780677" spans="14:14">
      <c r="N780677" s="10"/>
    </row>
    <row r="780678" spans="14:14">
      <c r="N780678" s="10"/>
    </row>
    <row r="780679" spans="14:14">
      <c r="N780679" s="10"/>
    </row>
    <row r="780680" spans="14:14">
      <c r="N780680" s="10"/>
    </row>
    <row r="780681" spans="14:14">
      <c r="N780681" s="10"/>
    </row>
    <row r="780682" spans="14:14">
      <c r="N780682" s="10"/>
    </row>
    <row r="780683" spans="14:14">
      <c r="N780683" s="10"/>
    </row>
    <row r="780684" spans="14:14">
      <c r="N780684" s="10"/>
    </row>
    <row r="780685" spans="14:14">
      <c r="N780685" s="10"/>
    </row>
    <row r="780686" spans="14:14">
      <c r="N780686" s="10"/>
    </row>
    <row r="780687" spans="14:14">
      <c r="N780687" s="10"/>
    </row>
    <row r="780688" spans="14:14">
      <c r="N780688" s="10"/>
    </row>
    <row r="780689" spans="14:14">
      <c r="N780689" s="10"/>
    </row>
    <row r="780690" spans="14:14">
      <c r="N780690" s="10"/>
    </row>
    <row r="780691" spans="14:14">
      <c r="N780691" s="10"/>
    </row>
    <row r="780692" spans="14:14">
      <c r="N780692" s="10"/>
    </row>
    <row r="780693" spans="14:14">
      <c r="N780693" s="10"/>
    </row>
    <row r="780694" spans="14:14">
      <c r="N780694" s="10"/>
    </row>
    <row r="780695" spans="14:14">
      <c r="N780695" s="10"/>
    </row>
    <row r="780696" spans="14:14">
      <c r="N780696" s="10"/>
    </row>
    <row r="780697" spans="14:14">
      <c r="N780697" s="10"/>
    </row>
    <row r="780698" spans="14:14">
      <c r="N780698" s="10"/>
    </row>
    <row r="780699" spans="14:14">
      <c r="N780699" s="10"/>
    </row>
    <row r="780700" spans="14:14">
      <c r="N780700" s="10"/>
    </row>
    <row r="780701" spans="14:14">
      <c r="N780701" s="10"/>
    </row>
    <row r="780702" spans="14:14">
      <c r="N780702" s="10"/>
    </row>
    <row r="780703" spans="14:14">
      <c r="N780703" s="10"/>
    </row>
    <row r="780704" spans="14:14">
      <c r="N780704" s="10"/>
    </row>
    <row r="780705" spans="14:14">
      <c r="N780705" s="10"/>
    </row>
    <row r="780706" spans="14:14">
      <c r="N780706" s="10"/>
    </row>
    <row r="780707" spans="14:14">
      <c r="N780707" s="10"/>
    </row>
    <row r="780708" spans="14:14">
      <c r="N780708" s="10"/>
    </row>
    <row r="780709" spans="14:14">
      <c r="N780709" s="10"/>
    </row>
    <row r="780710" spans="14:14">
      <c r="N780710" s="10"/>
    </row>
    <row r="780711" spans="14:14">
      <c r="N780711" s="10"/>
    </row>
    <row r="780712" spans="14:14">
      <c r="N780712" s="10"/>
    </row>
    <row r="780713" spans="14:14">
      <c r="N780713" s="10"/>
    </row>
    <row r="780714" spans="14:14">
      <c r="N780714" s="10"/>
    </row>
    <row r="780715" spans="14:14">
      <c r="N780715" s="10"/>
    </row>
    <row r="780716" spans="14:14">
      <c r="N780716" s="10"/>
    </row>
    <row r="780717" spans="14:14">
      <c r="N780717" s="10"/>
    </row>
    <row r="780718" spans="14:14">
      <c r="N780718" s="10"/>
    </row>
    <row r="780719" spans="14:14">
      <c r="N780719" s="10"/>
    </row>
    <row r="780720" spans="14:14">
      <c r="N780720" s="10"/>
    </row>
    <row r="780721" spans="14:14">
      <c r="N780721" s="10"/>
    </row>
    <row r="780722" spans="14:14">
      <c r="N780722" s="10"/>
    </row>
    <row r="780723" spans="14:14">
      <c r="N780723" s="10"/>
    </row>
    <row r="780724" spans="14:14">
      <c r="N780724" s="10"/>
    </row>
    <row r="780725" spans="14:14">
      <c r="N780725" s="10"/>
    </row>
    <row r="780726" spans="14:14">
      <c r="N780726" s="10"/>
    </row>
    <row r="780727" spans="14:14">
      <c r="N780727" s="10"/>
    </row>
    <row r="780728" spans="14:14">
      <c r="N780728" s="10"/>
    </row>
    <row r="780729" spans="14:14">
      <c r="N780729" s="10"/>
    </row>
    <row r="780730" spans="14:14">
      <c r="N780730" s="10"/>
    </row>
    <row r="780731" spans="14:14">
      <c r="N780731" s="10"/>
    </row>
    <row r="780732" spans="14:14">
      <c r="N780732" s="10"/>
    </row>
    <row r="780733" spans="14:14">
      <c r="N780733" s="10"/>
    </row>
    <row r="780734" spans="14:14">
      <c r="N780734" s="10"/>
    </row>
    <row r="780735" spans="14:14">
      <c r="N780735" s="10"/>
    </row>
    <row r="780736" spans="14:14">
      <c r="N780736" s="10"/>
    </row>
    <row r="780737" spans="14:14">
      <c r="N780737" s="10"/>
    </row>
    <row r="780738" spans="14:14">
      <c r="N780738" s="10"/>
    </row>
    <row r="780739" spans="14:14">
      <c r="N780739" s="10"/>
    </row>
    <row r="780740" spans="14:14">
      <c r="N780740" s="10"/>
    </row>
    <row r="780741" spans="14:14">
      <c r="N780741" s="10"/>
    </row>
    <row r="780742" spans="14:14">
      <c r="N780742" s="10"/>
    </row>
    <row r="780743" spans="14:14">
      <c r="N780743" s="10"/>
    </row>
    <row r="780744" spans="14:14">
      <c r="N780744" s="10"/>
    </row>
    <row r="780745" spans="14:14">
      <c r="N780745" s="10"/>
    </row>
    <row r="780746" spans="14:14">
      <c r="N780746" s="10"/>
    </row>
    <row r="780747" spans="14:14">
      <c r="N780747" s="10"/>
    </row>
    <row r="780748" spans="14:14">
      <c r="N780748" s="10"/>
    </row>
    <row r="780749" spans="14:14">
      <c r="N780749" s="10"/>
    </row>
    <row r="780750" spans="14:14">
      <c r="N780750" s="10"/>
    </row>
    <row r="780751" spans="14:14">
      <c r="N780751" s="10"/>
    </row>
    <row r="780752" spans="14:14">
      <c r="N780752" s="10"/>
    </row>
    <row r="780753" spans="14:14">
      <c r="N780753" s="10"/>
    </row>
    <row r="780754" spans="14:14">
      <c r="N780754" s="10"/>
    </row>
    <row r="780755" spans="14:14">
      <c r="N780755" s="10"/>
    </row>
    <row r="780756" spans="14:14">
      <c r="N780756" s="10"/>
    </row>
    <row r="780757" spans="14:14">
      <c r="N780757" s="10"/>
    </row>
    <row r="780758" spans="14:14">
      <c r="N780758" s="10"/>
    </row>
    <row r="780759" spans="14:14">
      <c r="N780759" s="10"/>
    </row>
    <row r="780760" spans="14:14">
      <c r="N780760" s="10"/>
    </row>
    <row r="780761" spans="14:14">
      <c r="N780761" s="10"/>
    </row>
    <row r="780762" spans="14:14">
      <c r="N780762" s="10"/>
    </row>
    <row r="780763" spans="14:14">
      <c r="N780763" s="10"/>
    </row>
    <row r="780764" spans="14:14">
      <c r="N780764" s="10"/>
    </row>
    <row r="780765" spans="14:14">
      <c r="N780765" s="10"/>
    </row>
    <row r="780766" spans="14:14">
      <c r="N780766" s="10"/>
    </row>
    <row r="780767" spans="14:14">
      <c r="N780767" s="10"/>
    </row>
    <row r="780768" spans="14:14">
      <c r="N780768" s="10"/>
    </row>
    <row r="780769" spans="14:14">
      <c r="N780769" s="10"/>
    </row>
    <row r="780770" spans="14:14">
      <c r="N780770" s="10"/>
    </row>
    <row r="780771" spans="14:14">
      <c r="N780771" s="10"/>
    </row>
    <row r="780772" spans="14:14">
      <c r="N780772" s="10"/>
    </row>
    <row r="780773" spans="14:14">
      <c r="N780773" s="10"/>
    </row>
    <row r="780774" spans="14:14">
      <c r="N780774" s="10"/>
    </row>
    <row r="780775" spans="14:14">
      <c r="N780775" s="10"/>
    </row>
    <row r="780776" spans="14:14">
      <c r="N780776" s="10"/>
    </row>
    <row r="780777" spans="14:14">
      <c r="N780777" s="10"/>
    </row>
    <row r="780778" spans="14:14">
      <c r="N780778" s="10"/>
    </row>
    <row r="780779" spans="14:14">
      <c r="N780779" s="10"/>
    </row>
    <row r="780780" spans="14:14">
      <c r="N780780" s="10"/>
    </row>
    <row r="780781" spans="14:14">
      <c r="N780781" s="10"/>
    </row>
    <row r="780782" spans="14:14">
      <c r="N780782" s="10"/>
    </row>
    <row r="780783" spans="14:14">
      <c r="N780783" s="10"/>
    </row>
    <row r="780784" spans="14:14">
      <c r="N780784" s="10"/>
    </row>
    <row r="780785" spans="14:14">
      <c r="N780785" s="10"/>
    </row>
    <row r="780786" spans="14:14">
      <c r="N780786" s="10"/>
    </row>
    <row r="780787" spans="14:14">
      <c r="N780787" s="10"/>
    </row>
    <row r="780788" spans="14:14">
      <c r="N780788" s="10"/>
    </row>
    <row r="780789" spans="14:14">
      <c r="N780789" s="10"/>
    </row>
    <row r="780790" spans="14:14">
      <c r="N780790" s="10"/>
    </row>
    <row r="780791" spans="14:14">
      <c r="N780791" s="10"/>
    </row>
    <row r="780792" spans="14:14">
      <c r="N780792" s="10"/>
    </row>
    <row r="780793" spans="14:14">
      <c r="N780793" s="10"/>
    </row>
    <row r="780794" spans="14:14">
      <c r="N780794" s="10"/>
    </row>
    <row r="780795" spans="14:14">
      <c r="N780795" s="10"/>
    </row>
    <row r="780796" spans="14:14">
      <c r="N780796" s="10"/>
    </row>
    <row r="780797" spans="14:14">
      <c r="N780797" s="10"/>
    </row>
    <row r="780798" spans="14:14">
      <c r="N780798" s="10"/>
    </row>
    <row r="780799" spans="14:14">
      <c r="N780799" s="10"/>
    </row>
    <row r="780800" spans="14:14">
      <c r="N780800" s="10"/>
    </row>
    <row r="780801" spans="14:14">
      <c r="N780801" s="10"/>
    </row>
    <row r="780802" spans="14:14">
      <c r="N780802" s="10"/>
    </row>
    <row r="780803" spans="14:14">
      <c r="N780803" s="10"/>
    </row>
    <row r="780804" spans="14:14">
      <c r="N780804" s="10"/>
    </row>
    <row r="780805" spans="14:14">
      <c r="N780805" s="10"/>
    </row>
    <row r="780806" spans="14:14">
      <c r="N780806" s="10"/>
    </row>
    <row r="780807" spans="14:14">
      <c r="N780807" s="10"/>
    </row>
    <row r="780808" spans="14:14">
      <c r="N780808" s="10"/>
    </row>
    <row r="780809" spans="14:14">
      <c r="N780809" s="10"/>
    </row>
    <row r="780810" spans="14:14">
      <c r="N780810" s="10"/>
    </row>
    <row r="780811" spans="14:14">
      <c r="N780811" s="10"/>
    </row>
    <row r="780812" spans="14:14">
      <c r="N780812" s="10"/>
    </row>
    <row r="780813" spans="14:14">
      <c r="N780813" s="10"/>
    </row>
    <row r="780814" spans="14:14">
      <c r="N780814" s="10"/>
    </row>
    <row r="780815" spans="14:14">
      <c r="N780815" s="10"/>
    </row>
    <row r="780816" spans="14:14">
      <c r="N780816" s="10"/>
    </row>
    <row r="780817" spans="14:14">
      <c r="N780817" s="10"/>
    </row>
    <row r="780818" spans="14:14">
      <c r="N780818" s="10"/>
    </row>
    <row r="780819" spans="14:14">
      <c r="N780819" s="10"/>
    </row>
    <row r="780820" spans="14:14">
      <c r="N780820" s="10"/>
    </row>
    <row r="780821" spans="14:14">
      <c r="N780821" s="10"/>
    </row>
    <row r="780822" spans="14:14">
      <c r="N780822" s="10"/>
    </row>
    <row r="780823" spans="14:14">
      <c r="N780823" s="10"/>
    </row>
    <row r="780824" spans="14:14">
      <c r="N780824" s="10"/>
    </row>
    <row r="780825" spans="14:14">
      <c r="N780825" s="10"/>
    </row>
    <row r="780826" spans="14:14">
      <c r="N780826" s="10"/>
    </row>
    <row r="780827" spans="14:14">
      <c r="N780827" s="10"/>
    </row>
    <row r="780828" spans="14:14">
      <c r="N780828" s="10"/>
    </row>
    <row r="780829" spans="14:14">
      <c r="N780829" s="10"/>
    </row>
    <row r="780830" spans="14:14">
      <c r="N780830" s="10"/>
    </row>
    <row r="780831" spans="14:14">
      <c r="N780831" s="10"/>
    </row>
    <row r="780832" spans="14:14">
      <c r="N780832" s="10"/>
    </row>
    <row r="780833" spans="14:14">
      <c r="N780833" s="10"/>
    </row>
    <row r="780834" spans="14:14">
      <c r="N780834" s="10"/>
    </row>
    <row r="780835" spans="14:14">
      <c r="N780835" s="10"/>
    </row>
    <row r="780836" spans="14:14">
      <c r="N780836" s="10"/>
    </row>
    <row r="780837" spans="14:14">
      <c r="N780837" s="10"/>
    </row>
    <row r="780838" spans="14:14">
      <c r="N780838" s="10"/>
    </row>
    <row r="780839" spans="14:14">
      <c r="N780839" s="10"/>
    </row>
    <row r="780840" spans="14:14">
      <c r="N780840" s="10"/>
    </row>
    <row r="780841" spans="14:14">
      <c r="N780841" s="10"/>
    </row>
    <row r="780842" spans="14:14">
      <c r="N780842" s="10"/>
    </row>
    <row r="780843" spans="14:14">
      <c r="N780843" s="10"/>
    </row>
    <row r="780844" spans="14:14">
      <c r="N780844" s="10"/>
    </row>
    <row r="780845" spans="14:14">
      <c r="N780845" s="10"/>
    </row>
    <row r="780846" spans="14:14">
      <c r="N780846" s="10"/>
    </row>
    <row r="780847" spans="14:14">
      <c r="N780847" s="10"/>
    </row>
    <row r="780848" spans="14:14">
      <c r="N780848" s="10"/>
    </row>
    <row r="780849" spans="14:14">
      <c r="N780849" s="10"/>
    </row>
    <row r="780850" spans="14:14">
      <c r="N780850" s="10"/>
    </row>
    <row r="780851" spans="14:14">
      <c r="N780851" s="10"/>
    </row>
    <row r="780852" spans="14:14">
      <c r="N780852" s="10"/>
    </row>
    <row r="780853" spans="14:14">
      <c r="N780853" s="10"/>
    </row>
    <row r="780854" spans="14:14">
      <c r="N780854" s="10"/>
    </row>
    <row r="780855" spans="14:14">
      <c r="N780855" s="10"/>
    </row>
    <row r="780856" spans="14:14">
      <c r="N780856" s="10"/>
    </row>
    <row r="780857" spans="14:14">
      <c r="N780857" s="10"/>
    </row>
    <row r="780858" spans="14:14">
      <c r="N780858" s="10"/>
    </row>
    <row r="780859" spans="14:14">
      <c r="N780859" s="10"/>
    </row>
    <row r="780860" spans="14:14">
      <c r="N780860" s="10"/>
    </row>
    <row r="780861" spans="14:14">
      <c r="N780861" s="10"/>
    </row>
    <row r="780862" spans="14:14">
      <c r="N780862" s="10"/>
    </row>
    <row r="780863" spans="14:14">
      <c r="N780863" s="10"/>
    </row>
    <row r="780864" spans="14:14">
      <c r="N780864" s="10"/>
    </row>
    <row r="780865" spans="14:14">
      <c r="N780865" s="10"/>
    </row>
    <row r="780866" spans="14:14">
      <c r="N780866" s="10"/>
    </row>
    <row r="780867" spans="14:14">
      <c r="N780867" s="10"/>
    </row>
    <row r="780868" spans="14:14">
      <c r="N780868" s="10"/>
    </row>
    <row r="780869" spans="14:14">
      <c r="N780869" s="10"/>
    </row>
    <row r="780870" spans="14:14">
      <c r="N780870" s="10"/>
    </row>
    <row r="780871" spans="14:14">
      <c r="N780871" s="10"/>
    </row>
    <row r="780872" spans="14:14">
      <c r="N780872" s="10"/>
    </row>
    <row r="780873" spans="14:14">
      <c r="N780873" s="10"/>
    </row>
    <row r="780874" spans="14:14">
      <c r="N780874" s="10"/>
    </row>
    <row r="780875" spans="14:14">
      <c r="N780875" s="10"/>
    </row>
    <row r="780876" spans="14:14">
      <c r="N780876" s="10"/>
    </row>
    <row r="780877" spans="14:14">
      <c r="N780877" s="10"/>
    </row>
    <row r="780878" spans="14:14">
      <c r="N780878" s="10"/>
    </row>
    <row r="780879" spans="14:14">
      <c r="N780879" s="10"/>
    </row>
    <row r="780880" spans="14:14">
      <c r="N780880" s="10"/>
    </row>
    <row r="780881" spans="14:14">
      <c r="N780881" s="10"/>
    </row>
    <row r="780882" spans="14:14">
      <c r="N780882" s="10"/>
    </row>
    <row r="780883" spans="14:14">
      <c r="N780883" s="10"/>
    </row>
    <row r="780884" spans="14:14">
      <c r="N780884" s="10"/>
    </row>
    <row r="780885" spans="14:14">
      <c r="N780885" s="10"/>
    </row>
    <row r="780886" spans="14:14">
      <c r="N780886" s="10"/>
    </row>
    <row r="780887" spans="14:14">
      <c r="N780887" s="10"/>
    </row>
    <row r="780888" spans="14:14">
      <c r="N780888" s="10"/>
    </row>
    <row r="780889" spans="14:14">
      <c r="N780889" s="10"/>
    </row>
    <row r="780890" spans="14:14">
      <c r="N780890" s="10"/>
    </row>
    <row r="780891" spans="14:14">
      <c r="N780891" s="10"/>
    </row>
    <row r="780892" spans="14:14">
      <c r="N780892" s="10"/>
    </row>
    <row r="780893" spans="14:14">
      <c r="N780893" s="10"/>
    </row>
    <row r="780894" spans="14:14">
      <c r="N780894" s="10"/>
    </row>
    <row r="780895" spans="14:14">
      <c r="N780895" s="10"/>
    </row>
    <row r="780896" spans="14:14">
      <c r="N780896" s="10"/>
    </row>
    <row r="780897" spans="14:14">
      <c r="N780897" s="10"/>
    </row>
    <row r="780898" spans="14:14">
      <c r="N780898" s="10"/>
    </row>
    <row r="780899" spans="14:14">
      <c r="N780899" s="10"/>
    </row>
    <row r="780900" spans="14:14">
      <c r="N780900" s="10"/>
    </row>
    <row r="780901" spans="14:14">
      <c r="N780901" s="10"/>
    </row>
    <row r="780902" spans="14:14">
      <c r="N780902" s="10"/>
    </row>
    <row r="780903" spans="14:14">
      <c r="N780903" s="10"/>
    </row>
    <row r="780904" spans="14:14">
      <c r="N780904" s="10"/>
    </row>
    <row r="780905" spans="14:14">
      <c r="N780905" s="10"/>
    </row>
    <row r="780906" spans="14:14">
      <c r="N780906" s="10"/>
    </row>
    <row r="780907" spans="14:14">
      <c r="N780907" s="10"/>
    </row>
    <row r="780908" spans="14:14">
      <c r="N780908" s="10"/>
    </row>
    <row r="780909" spans="14:14">
      <c r="N780909" s="10"/>
    </row>
    <row r="780910" spans="14:14">
      <c r="N780910" s="10"/>
    </row>
    <row r="780911" spans="14:14">
      <c r="N780911" s="10"/>
    </row>
    <row r="780912" spans="14:14">
      <c r="N780912" s="10"/>
    </row>
    <row r="780913" spans="14:14">
      <c r="N780913" s="10"/>
    </row>
    <row r="780914" spans="14:14">
      <c r="N780914" s="10"/>
    </row>
    <row r="780915" spans="14:14">
      <c r="N780915" s="10"/>
    </row>
    <row r="780916" spans="14:14">
      <c r="N780916" s="10"/>
    </row>
    <row r="780917" spans="14:14">
      <c r="N780917" s="10"/>
    </row>
    <row r="780918" spans="14:14">
      <c r="N780918" s="10"/>
    </row>
    <row r="780919" spans="14:14">
      <c r="N780919" s="10"/>
    </row>
    <row r="780920" spans="14:14">
      <c r="N780920" s="10"/>
    </row>
    <row r="780921" spans="14:14">
      <c r="N780921" s="10"/>
    </row>
    <row r="780922" spans="14:14">
      <c r="N780922" s="10"/>
    </row>
    <row r="780923" spans="14:14">
      <c r="N780923" s="10"/>
    </row>
    <row r="780924" spans="14:14">
      <c r="N780924" s="10"/>
    </row>
    <row r="780925" spans="14:14">
      <c r="N780925" s="10"/>
    </row>
    <row r="780926" spans="14:14">
      <c r="N780926" s="10"/>
    </row>
    <row r="780927" spans="14:14">
      <c r="N780927" s="10"/>
    </row>
    <row r="780928" spans="14:14">
      <c r="N780928" s="10"/>
    </row>
    <row r="780929" spans="14:14">
      <c r="N780929" s="10"/>
    </row>
    <row r="780930" spans="14:14">
      <c r="N780930" s="10"/>
    </row>
    <row r="780931" spans="14:14">
      <c r="N780931" s="10"/>
    </row>
    <row r="780932" spans="14:14">
      <c r="N780932" s="10"/>
    </row>
    <row r="780933" spans="14:14">
      <c r="N780933" s="10"/>
    </row>
    <row r="780934" spans="14:14">
      <c r="N780934" s="10"/>
    </row>
    <row r="780935" spans="14:14">
      <c r="N780935" s="10"/>
    </row>
    <row r="780936" spans="14:14">
      <c r="N780936" s="10"/>
    </row>
    <row r="780937" spans="14:14">
      <c r="N780937" s="10"/>
    </row>
    <row r="780938" spans="14:14">
      <c r="N780938" s="10"/>
    </row>
    <row r="780939" spans="14:14">
      <c r="N780939" s="10"/>
    </row>
    <row r="780940" spans="14:14">
      <c r="N780940" s="10"/>
    </row>
    <row r="780941" spans="14:14">
      <c r="N780941" s="10"/>
    </row>
    <row r="780942" spans="14:14">
      <c r="N780942" s="10"/>
    </row>
    <row r="780943" spans="14:14">
      <c r="N780943" s="10"/>
    </row>
    <row r="780944" spans="14:14">
      <c r="N780944" s="10"/>
    </row>
    <row r="780945" spans="14:14">
      <c r="N780945" s="10"/>
    </row>
    <row r="780946" spans="14:14">
      <c r="N780946" s="10"/>
    </row>
    <row r="780947" spans="14:14">
      <c r="N780947" s="10"/>
    </row>
    <row r="780948" spans="14:14">
      <c r="N780948" s="10"/>
    </row>
    <row r="780949" spans="14:14">
      <c r="N780949" s="10"/>
    </row>
    <row r="780950" spans="14:14">
      <c r="N780950" s="10"/>
    </row>
    <row r="780951" spans="14:14">
      <c r="N780951" s="10"/>
    </row>
    <row r="780952" spans="14:14">
      <c r="N780952" s="10"/>
    </row>
    <row r="780953" spans="14:14">
      <c r="N780953" s="10"/>
    </row>
    <row r="780954" spans="14:14">
      <c r="N780954" s="10"/>
    </row>
    <row r="780955" spans="14:14">
      <c r="N780955" s="10"/>
    </row>
    <row r="780956" spans="14:14">
      <c r="N780956" s="10"/>
    </row>
    <row r="780957" spans="14:14">
      <c r="N780957" s="10"/>
    </row>
    <row r="780958" spans="14:14">
      <c r="N780958" s="10"/>
    </row>
    <row r="780959" spans="14:14">
      <c r="N780959" s="10"/>
    </row>
    <row r="780960" spans="14:14">
      <c r="N780960" s="10"/>
    </row>
    <row r="780961" spans="14:14">
      <c r="N780961" s="10"/>
    </row>
    <row r="780962" spans="14:14">
      <c r="N780962" s="10"/>
    </row>
    <row r="780963" spans="14:14">
      <c r="N780963" s="10"/>
    </row>
    <row r="780964" spans="14:14">
      <c r="N780964" s="10"/>
    </row>
    <row r="780965" spans="14:14">
      <c r="N780965" s="10"/>
    </row>
    <row r="780966" spans="14:14">
      <c r="N780966" s="10"/>
    </row>
    <row r="780967" spans="14:14">
      <c r="N780967" s="10"/>
    </row>
    <row r="780968" spans="14:14">
      <c r="N780968" s="10"/>
    </row>
    <row r="780969" spans="14:14">
      <c r="N780969" s="10"/>
    </row>
    <row r="780970" spans="14:14">
      <c r="N780970" s="10"/>
    </row>
    <row r="780971" spans="14:14">
      <c r="N780971" s="10"/>
    </row>
    <row r="780972" spans="14:14">
      <c r="N780972" s="10"/>
    </row>
    <row r="780973" spans="14:14">
      <c r="N780973" s="10"/>
    </row>
    <row r="780974" spans="14:14">
      <c r="N780974" s="10"/>
    </row>
    <row r="780975" spans="14:14">
      <c r="N780975" s="10"/>
    </row>
    <row r="780976" spans="14:14">
      <c r="N780976" s="10"/>
    </row>
    <row r="780977" spans="14:14">
      <c r="N780977" s="10"/>
    </row>
    <row r="780978" spans="14:14">
      <c r="N780978" s="10"/>
    </row>
    <row r="780979" spans="14:14">
      <c r="N780979" s="10"/>
    </row>
    <row r="780980" spans="14:14">
      <c r="N780980" s="10"/>
    </row>
    <row r="780981" spans="14:14">
      <c r="N780981" s="10"/>
    </row>
    <row r="780982" spans="14:14">
      <c r="N780982" s="10"/>
    </row>
    <row r="780983" spans="14:14">
      <c r="N780983" s="10"/>
    </row>
    <row r="780984" spans="14:14">
      <c r="N780984" s="10"/>
    </row>
    <row r="780985" spans="14:14">
      <c r="N780985" s="10"/>
    </row>
    <row r="780986" spans="14:14">
      <c r="N780986" s="10"/>
    </row>
    <row r="780987" spans="14:14">
      <c r="N780987" s="10"/>
    </row>
    <row r="780988" spans="14:14">
      <c r="N780988" s="10"/>
    </row>
    <row r="780989" spans="14:14">
      <c r="N780989" s="10"/>
    </row>
    <row r="780990" spans="14:14">
      <c r="N780990" s="10"/>
    </row>
    <row r="780991" spans="14:14">
      <c r="N780991" s="10"/>
    </row>
    <row r="780992" spans="14:14">
      <c r="N780992" s="10"/>
    </row>
    <row r="780993" spans="14:14">
      <c r="N780993" s="10"/>
    </row>
    <row r="780994" spans="14:14">
      <c r="N780994" s="10"/>
    </row>
    <row r="780995" spans="14:14">
      <c r="N780995" s="10"/>
    </row>
    <row r="780996" spans="14:14">
      <c r="N780996" s="10"/>
    </row>
    <row r="780997" spans="14:14">
      <c r="N780997" s="10"/>
    </row>
    <row r="780998" spans="14:14">
      <c r="N780998" s="10"/>
    </row>
    <row r="780999" spans="14:14">
      <c r="N780999" s="10"/>
    </row>
    <row r="781000" spans="14:14">
      <c r="N781000" s="10"/>
    </row>
    <row r="781001" spans="14:14">
      <c r="N781001" s="10"/>
    </row>
    <row r="781002" spans="14:14">
      <c r="N781002" s="10"/>
    </row>
    <row r="781003" spans="14:14">
      <c r="N781003" s="10"/>
    </row>
    <row r="781004" spans="14:14">
      <c r="N781004" s="10"/>
    </row>
    <row r="781005" spans="14:14">
      <c r="N781005" s="10"/>
    </row>
    <row r="781006" spans="14:14">
      <c r="N781006" s="10"/>
    </row>
    <row r="781007" spans="14:14">
      <c r="N781007" s="10"/>
    </row>
    <row r="781008" spans="14:14">
      <c r="N781008" s="10"/>
    </row>
    <row r="781009" spans="14:14">
      <c r="N781009" s="10"/>
    </row>
    <row r="781010" spans="14:14">
      <c r="N781010" s="10"/>
    </row>
    <row r="781011" spans="14:14">
      <c r="N781011" s="10"/>
    </row>
    <row r="781012" spans="14:14">
      <c r="N781012" s="10"/>
    </row>
    <row r="781013" spans="14:14">
      <c r="N781013" s="10"/>
    </row>
    <row r="781014" spans="14:14">
      <c r="N781014" s="10"/>
    </row>
    <row r="781015" spans="14:14">
      <c r="N781015" s="10"/>
    </row>
    <row r="781016" spans="14:14">
      <c r="N781016" s="10"/>
    </row>
    <row r="781017" spans="14:14">
      <c r="N781017" s="10"/>
    </row>
    <row r="781018" spans="14:14">
      <c r="N781018" s="10"/>
    </row>
    <row r="781019" spans="14:14">
      <c r="N781019" s="10"/>
    </row>
    <row r="781020" spans="14:14">
      <c r="N781020" s="10"/>
    </row>
    <row r="781021" spans="14:14">
      <c r="N781021" s="10"/>
    </row>
    <row r="781022" spans="14:14">
      <c r="N781022" s="10"/>
    </row>
    <row r="781023" spans="14:14">
      <c r="N781023" s="10"/>
    </row>
    <row r="781024" spans="14:14">
      <c r="N781024" s="10"/>
    </row>
    <row r="781025" spans="14:14">
      <c r="N781025" s="10"/>
    </row>
    <row r="781026" spans="14:14">
      <c r="N781026" s="10"/>
    </row>
    <row r="781027" spans="14:14">
      <c r="N781027" s="10"/>
    </row>
    <row r="781028" spans="14:14">
      <c r="N781028" s="10"/>
    </row>
    <row r="781029" spans="14:14">
      <c r="N781029" s="10"/>
    </row>
    <row r="781030" spans="14:14">
      <c r="N781030" s="10"/>
    </row>
    <row r="781031" spans="14:14">
      <c r="N781031" s="10"/>
    </row>
    <row r="781032" spans="14:14">
      <c r="N781032" s="10"/>
    </row>
    <row r="781033" spans="14:14">
      <c r="N781033" s="10"/>
    </row>
    <row r="781034" spans="14:14">
      <c r="N781034" s="10"/>
    </row>
    <row r="781035" spans="14:14">
      <c r="N781035" s="10"/>
    </row>
    <row r="781036" spans="14:14">
      <c r="N781036" s="10"/>
    </row>
    <row r="781037" spans="14:14">
      <c r="N781037" s="10"/>
    </row>
    <row r="781038" spans="14:14">
      <c r="N781038" s="10"/>
    </row>
    <row r="781039" spans="14:14">
      <c r="N781039" s="10"/>
    </row>
    <row r="781040" spans="14:14">
      <c r="N781040" s="10"/>
    </row>
    <row r="781041" spans="14:14">
      <c r="N781041" s="10"/>
    </row>
    <row r="781042" spans="14:14">
      <c r="N781042" s="10"/>
    </row>
    <row r="781043" spans="14:14">
      <c r="N781043" s="10"/>
    </row>
    <row r="781044" spans="14:14">
      <c r="N781044" s="10"/>
    </row>
    <row r="781045" spans="14:14">
      <c r="N781045" s="10"/>
    </row>
    <row r="781046" spans="14:14">
      <c r="N781046" s="10"/>
    </row>
    <row r="781047" spans="14:14">
      <c r="N781047" s="10"/>
    </row>
    <row r="781048" spans="14:14">
      <c r="N781048" s="10"/>
    </row>
    <row r="781049" spans="14:14">
      <c r="N781049" s="10"/>
    </row>
    <row r="781050" spans="14:14">
      <c r="N781050" s="10"/>
    </row>
    <row r="781051" spans="14:14">
      <c r="N781051" s="10"/>
    </row>
    <row r="781052" spans="14:14">
      <c r="N781052" s="10"/>
    </row>
    <row r="781053" spans="14:14">
      <c r="N781053" s="10"/>
    </row>
    <row r="781054" spans="14:14">
      <c r="N781054" s="10"/>
    </row>
    <row r="781055" spans="14:14">
      <c r="N781055" s="10"/>
    </row>
    <row r="781056" spans="14:14">
      <c r="N781056" s="10"/>
    </row>
    <row r="781057" spans="14:14">
      <c r="N781057" s="10"/>
    </row>
    <row r="781058" spans="14:14">
      <c r="N781058" s="10"/>
    </row>
    <row r="781059" spans="14:14">
      <c r="N781059" s="10"/>
    </row>
    <row r="781060" spans="14:14">
      <c r="N781060" s="10"/>
    </row>
    <row r="781061" spans="14:14">
      <c r="N781061" s="10"/>
    </row>
    <row r="781062" spans="14:14">
      <c r="N781062" s="10"/>
    </row>
    <row r="781063" spans="14:14">
      <c r="N781063" s="10"/>
    </row>
    <row r="781064" spans="14:14">
      <c r="N781064" s="10"/>
    </row>
    <row r="781065" spans="14:14">
      <c r="N781065" s="10"/>
    </row>
    <row r="781066" spans="14:14">
      <c r="N781066" s="10"/>
    </row>
    <row r="781067" spans="14:14">
      <c r="N781067" s="10"/>
    </row>
    <row r="781068" spans="14:14">
      <c r="N781068" s="10"/>
    </row>
    <row r="781069" spans="14:14">
      <c r="N781069" s="10"/>
    </row>
    <row r="781070" spans="14:14">
      <c r="N781070" s="10"/>
    </row>
    <row r="781071" spans="14:14">
      <c r="N781071" s="10"/>
    </row>
    <row r="781072" spans="14:14">
      <c r="N781072" s="10"/>
    </row>
    <row r="781073" spans="14:14">
      <c r="N781073" s="10"/>
    </row>
    <row r="781074" spans="14:14">
      <c r="N781074" s="10"/>
    </row>
    <row r="781075" spans="14:14">
      <c r="N781075" s="10"/>
    </row>
    <row r="781076" spans="14:14">
      <c r="N781076" s="10"/>
    </row>
    <row r="781077" spans="14:14">
      <c r="N781077" s="10"/>
    </row>
    <row r="781078" spans="14:14">
      <c r="N781078" s="10"/>
    </row>
    <row r="781079" spans="14:14">
      <c r="N781079" s="10"/>
    </row>
    <row r="781080" spans="14:14">
      <c r="N781080" s="10"/>
    </row>
    <row r="781081" spans="14:14">
      <c r="N781081" s="10"/>
    </row>
    <row r="781082" spans="14:14">
      <c r="N781082" s="10"/>
    </row>
    <row r="781083" spans="14:14">
      <c r="N781083" s="10"/>
    </row>
    <row r="781084" spans="14:14">
      <c r="N781084" s="10"/>
    </row>
    <row r="781085" spans="14:14">
      <c r="N781085" s="10"/>
    </row>
    <row r="781086" spans="14:14">
      <c r="N781086" s="10"/>
    </row>
    <row r="781087" spans="14:14">
      <c r="N781087" s="10"/>
    </row>
    <row r="781088" spans="14:14">
      <c r="N781088" s="10"/>
    </row>
    <row r="781089" spans="14:14">
      <c r="N781089" s="10"/>
    </row>
    <row r="781090" spans="14:14">
      <c r="N781090" s="10"/>
    </row>
    <row r="781091" spans="14:14">
      <c r="N781091" s="10"/>
    </row>
    <row r="781092" spans="14:14">
      <c r="N781092" s="10"/>
    </row>
    <row r="781093" spans="14:14">
      <c r="N781093" s="10"/>
    </row>
    <row r="781094" spans="14:14">
      <c r="N781094" s="10"/>
    </row>
    <row r="781095" spans="14:14">
      <c r="N781095" s="10"/>
    </row>
    <row r="781096" spans="14:14">
      <c r="N781096" s="10"/>
    </row>
    <row r="781097" spans="14:14">
      <c r="N781097" s="10"/>
    </row>
    <row r="781098" spans="14:14">
      <c r="N781098" s="10"/>
    </row>
    <row r="781099" spans="14:14">
      <c r="N781099" s="10"/>
    </row>
    <row r="781100" spans="14:14">
      <c r="N781100" s="10"/>
    </row>
    <row r="781101" spans="14:14">
      <c r="N781101" s="10"/>
    </row>
    <row r="781102" spans="14:14">
      <c r="N781102" s="10"/>
    </row>
    <row r="781103" spans="14:14">
      <c r="N781103" s="10"/>
    </row>
    <row r="781104" spans="14:14">
      <c r="N781104" s="10"/>
    </row>
    <row r="781105" spans="14:14">
      <c r="N781105" s="10"/>
    </row>
    <row r="781106" spans="14:14">
      <c r="N781106" s="10"/>
    </row>
    <row r="781107" spans="14:14">
      <c r="N781107" s="10"/>
    </row>
    <row r="781108" spans="14:14">
      <c r="N781108" s="10"/>
    </row>
    <row r="781109" spans="14:14">
      <c r="N781109" s="10"/>
    </row>
    <row r="781110" spans="14:14">
      <c r="N781110" s="10"/>
    </row>
    <row r="781111" spans="14:14">
      <c r="N781111" s="10"/>
    </row>
    <row r="781112" spans="14:14">
      <c r="N781112" s="10"/>
    </row>
    <row r="781113" spans="14:14">
      <c r="N781113" s="10"/>
    </row>
    <row r="781114" spans="14:14">
      <c r="N781114" s="10"/>
    </row>
    <row r="781115" spans="14:14">
      <c r="N781115" s="10"/>
    </row>
    <row r="781116" spans="14:14">
      <c r="N781116" s="10"/>
    </row>
    <row r="781117" spans="14:14">
      <c r="N781117" s="10"/>
    </row>
    <row r="781118" spans="14:14">
      <c r="N781118" s="10"/>
    </row>
    <row r="781119" spans="14:14">
      <c r="N781119" s="10"/>
    </row>
    <row r="781120" spans="14:14">
      <c r="N781120" s="10"/>
    </row>
    <row r="781121" spans="14:14">
      <c r="N781121" s="10"/>
    </row>
    <row r="781122" spans="14:14">
      <c r="N781122" s="10"/>
    </row>
    <row r="781123" spans="14:14">
      <c r="N781123" s="10"/>
    </row>
    <row r="781124" spans="14:14">
      <c r="N781124" s="10"/>
    </row>
    <row r="781125" spans="14:14">
      <c r="N781125" s="10"/>
    </row>
    <row r="781126" spans="14:14">
      <c r="N781126" s="10"/>
    </row>
    <row r="781127" spans="14:14">
      <c r="N781127" s="10"/>
    </row>
    <row r="781128" spans="14:14">
      <c r="N781128" s="10"/>
    </row>
    <row r="781129" spans="14:14">
      <c r="N781129" s="10"/>
    </row>
    <row r="781130" spans="14:14">
      <c r="N781130" s="10"/>
    </row>
    <row r="781131" spans="14:14">
      <c r="N781131" s="10"/>
    </row>
    <row r="781132" spans="14:14">
      <c r="N781132" s="10"/>
    </row>
    <row r="781133" spans="14:14">
      <c r="N781133" s="10"/>
    </row>
    <row r="781134" spans="14:14">
      <c r="N781134" s="10"/>
    </row>
    <row r="781135" spans="14:14">
      <c r="N781135" s="10"/>
    </row>
    <row r="781136" spans="14:14">
      <c r="N781136" s="10"/>
    </row>
    <row r="781137" spans="14:14">
      <c r="N781137" s="10"/>
    </row>
    <row r="781138" spans="14:14">
      <c r="N781138" s="10"/>
    </row>
    <row r="781139" spans="14:14">
      <c r="N781139" s="10"/>
    </row>
    <row r="781140" spans="14:14">
      <c r="N781140" s="10"/>
    </row>
    <row r="781141" spans="14:14">
      <c r="N781141" s="10"/>
    </row>
    <row r="781142" spans="14:14">
      <c r="N781142" s="10"/>
    </row>
    <row r="781143" spans="14:14">
      <c r="N781143" s="10"/>
    </row>
    <row r="781144" spans="14:14">
      <c r="N781144" s="10"/>
    </row>
    <row r="781145" spans="14:14">
      <c r="N781145" s="10"/>
    </row>
    <row r="781146" spans="14:14">
      <c r="N781146" s="10"/>
    </row>
    <row r="781147" spans="14:14">
      <c r="N781147" s="10"/>
    </row>
    <row r="781148" spans="14:14">
      <c r="N781148" s="10"/>
    </row>
    <row r="781149" spans="14:14">
      <c r="N781149" s="10"/>
    </row>
    <row r="781150" spans="14:14">
      <c r="N781150" s="10"/>
    </row>
    <row r="781151" spans="14:14">
      <c r="N781151" s="10"/>
    </row>
    <row r="781152" spans="14:14">
      <c r="N781152" s="10"/>
    </row>
    <row r="781153" spans="14:14">
      <c r="N781153" s="10"/>
    </row>
    <row r="781154" spans="14:14">
      <c r="N781154" s="10"/>
    </row>
    <row r="781155" spans="14:14">
      <c r="N781155" s="10"/>
    </row>
    <row r="781156" spans="14:14">
      <c r="N781156" s="10"/>
    </row>
    <row r="781157" spans="14:14">
      <c r="N781157" s="10"/>
    </row>
    <row r="781158" spans="14:14">
      <c r="N781158" s="10"/>
    </row>
    <row r="781159" spans="14:14">
      <c r="N781159" s="10"/>
    </row>
    <row r="781160" spans="14:14">
      <c r="N781160" s="10"/>
    </row>
    <row r="781161" spans="14:14">
      <c r="N781161" s="10"/>
    </row>
    <row r="781162" spans="14:14">
      <c r="N781162" s="10"/>
    </row>
    <row r="781163" spans="14:14">
      <c r="N781163" s="10"/>
    </row>
    <row r="781164" spans="14:14">
      <c r="N781164" s="10"/>
    </row>
    <row r="781165" spans="14:14">
      <c r="N781165" s="10"/>
    </row>
    <row r="781166" spans="14:14">
      <c r="N781166" s="10"/>
    </row>
    <row r="781167" spans="14:14">
      <c r="N781167" s="10"/>
    </row>
    <row r="781168" spans="14:14">
      <c r="N781168" s="10"/>
    </row>
    <row r="781169" spans="14:14">
      <c r="N781169" s="10"/>
    </row>
    <row r="781170" spans="14:14">
      <c r="N781170" s="10"/>
    </row>
    <row r="781171" spans="14:14">
      <c r="N781171" s="10"/>
    </row>
    <row r="781172" spans="14:14">
      <c r="N781172" s="10"/>
    </row>
    <row r="781173" spans="14:14">
      <c r="N781173" s="10"/>
    </row>
    <row r="781174" spans="14:14">
      <c r="N781174" s="10"/>
    </row>
    <row r="781175" spans="14:14">
      <c r="N781175" s="10"/>
    </row>
    <row r="781176" spans="14:14">
      <c r="N781176" s="10"/>
    </row>
    <row r="781177" spans="14:14">
      <c r="N781177" s="10"/>
    </row>
    <row r="781178" spans="14:14">
      <c r="N781178" s="10"/>
    </row>
    <row r="781179" spans="14:14">
      <c r="N781179" s="10"/>
    </row>
    <row r="781180" spans="14:14">
      <c r="N781180" s="10"/>
    </row>
    <row r="781181" spans="14:14">
      <c r="N781181" s="10"/>
    </row>
    <row r="781182" spans="14:14">
      <c r="N781182" s="10"/>
    </row>
    <row r="781183" spans="14:14">
      <c r="N781183" s="10"/>
    </row>
    <row r="781184" spans="14:14">
      <c r="N781184" s="10"/>
    </row>
    <row r="781185" spans="14:14">
      <c r="N781185" s="10"/>
    </row>
    <row r="781186" spans="14:14">
      <c r="N781186" s="10"/>
    </row>
    <row r="781187" spans="14:14">
      <c r="N781187" s="10"/>
    </row>
    <row r="781188" spans="14:14">
      <c r="N781188" s="10"/>
    </row>
    <row r="781189" spans="14:14">
      <c r="N781189" s="10"/>
    </row>
    <row r="781190" spans="14:14">
      <c r="N781190" s="10"/>
    </row>
    <row r="781191" spans="14:14">
      <c r="N781191" s="10"/>
    </row>
    <row r="781192" spans="14:14">
      <c r="N781192" s="10"/>
    </row>
    <row r="781193" spans="14:14">
      <c r="N781193" s="10"/>
    </row>
    <row r="781194" spans="14:14">
      <c r="N781194" s="10"/>
    </row>
    <row r="781195" spans="14:14">
      <c r="N781195" s="10"/>
    </row>
    <row r="781196" spans="14:14">
      <c r="N781196" s="10"/>
    </row>
    <row r="781197" spans="14:14">
      <c r="N781197" s="10"/>
    </row>
    <row r="781198" spans="14:14">
      <c r="N781198" s="10"/>
    </row>
    <row r="781199" spans="14:14">
      <c r="N781199" s="10"/>
    </row>
    <row r="781200" spans="14:14">
      <c r="N781200" s="10"/>
    </row>
    <row r="781201" spans="14:14">
      <c r="N781201" s="10"/>
    </row>
    <row r="781202" spans="14:14">
      <c r="N781202" s="10"/>
    </row>
    <row r="781203" spans="14:14">
      <c r="N781203" s="10"/>
    </row>
    <row r="781204" spans="14:14">
      <c r="N781204" s="10"/>
    </row>
    <row r="781205" spans="14:14">
      <c r="N781205" s="10"/>
    </row>
    <row r="781206" spans="14:14">
      <c r="N781206" s="10"/>
    </row>
    <row r="781207" spans="14:14">
      <c r="N781207" s="10"/>
    </row>
    <row r="781208" spans="14:14">
      <c r="N781208" s="10"/>
    </row>
    <row r="781209" spans="14:14">
      <c r="N781209" s="10"/>
    </row>
    <row r="781210" spans="14:14">
      <c r="N781210" s="10"/>
    </row>
    <row r="781211" spans="14:14">
      <c r="N781211" s="10"/>
    </row>
    <row r="781212" spans="14:14">
      <c r="N781212" s="10"/>
    </row>
    <row r="781213" spans="14:14">
      <c r="N781213" s="10"/>
    </row>
    <row r="781214" spans="14:14">
      <c r="N781214" s="10"/>
    </row>
    <row r="781215" spans="14:14">
      <c r="N781215" s="10"/>
    </row>
    <row r="781216" spans="14:14">
      <c r="N781216" s="10"/>
    </row>
    <row r="781217" spans="14:14">
      <c r="N781217" s="10"/>
    </row>
    <row r="781218" spans="14:14">
      <c r="N781218" s="10"/>
    </row>
    <row r="781219" spans="14:14">
      <c r="N781219" s="10"/>
    </row>
    <row r="781220" spans="14:14">
      <c r="N781220" s="10"/>
    </row>
    <row r="781221" spans="14:14">
      <c r="N781221" s="10"/>
    </row>
    <row r="781222" spans="14:14">
      <c r="N781222" s="10"/>
    </row>
    <row r="781223" spans="14:14">
      <c r="N781223" s="10"/>
    </row>
    <row r="781224" spans="14:14">
      <c r="N781224" s="10"/>
    </row>
    <row r="781225" spans="14:14">
      <c r="N781225" s="10"/>
    </row>
    <row r="781226" spans="14:14">
      <c r="N781226" s="10"/>
    </row>
    <row r="781227" spans="14:14">
      <c r="N781227" s="10"/>
    </row>
    <row r="781228" spans="14:14">
      <c r="N781228" s="10"/>
    </row>
    <row r="781229" spans="14:14">
      <c r="N781229" s="10"/>
    </row>
    <row r="781230" spans="14:14">
      <c r="N781230" s="10"/>
    </row>
    <row r="781231" spans="14:14">
      <c r="N781231" s="10"/>
    </row>
    <row r="781232" spans="14:14">
      <c r="N781232" s="10"/>
    </row>
    <row r="781233" spans="14:14">
      <c r="N781233" s="10"/>
    </row>
    <row r="781234" spans="14:14">
      <c r="N781234" s="10"/>
    </row>
    <row r="781235" spans="14:14">
      <c r="N781235" s="10"/>
    </row>
    <row r="781236" spans="14:14">
      <c r="N781236" s="10"/>
    </row>
    <row r="781237" spans="14:14">
      <c r="N781237" s="10"/>
    </row>
    <row r="781238" spans="14:14">
      <c r="N781238" s="10"/>
    </row>
    <row r="781239" spans="14:14">
      <c r="N781239" s="10"/>
    </row>
    <row r="781240" spans="14:14">
      <c r="N781240" s="10"/>
    </row>
    <row r="781241" spans="14:14">
      <c r="N781241" s="10"/>
    </row>
    <row r="781242" spans="14:14">
      <c r="N781242" s="10"/>
    </row>
    <row r="781243" spans="14:14">
      <c r="N781243" s="10"/>
    </row>
    <row r="781244" spans="14:14">
      <c r="N781244" s="10"/>
    </row>
    <row r="781245" spans="14:14">
      <c r="N781245" s="10"/>
    </row>
    <row r="781246" spans="14:14">
      <c r="N781246" s="10"/>
    </row>
    <row r="781247" spans="14:14">
      <c r="N781247" s="10"/>
    </row>
    <row r="781248" spans="14:14">
      <c r="N781248" s="10"/>
    </row>
    <row r="781249" spans="14:14">
      <c r="N781249" s="10"/>
    </row>
    <row r="781250" spans="14:14">
      <c r="N781250" s="10"/>
    </row>
    <row r="781251" spans="14:14">
      <c r="N781251" s="10"/>
    </row>
    <row r="781252" spans="14:14">
      <c r="N781252" s="10"/>
    </row>
    <row r="781253" spans="14:14">
      <c r="N781253" s="10"/>
    </row>
    <row r="781254" spans="14:14">
      <c r="N781254" s="10"/>
    </row>
    <row r="781255" spans="14:14">
      <c r="N781255" s="10"/>
    </row>
    <row r="781256" spans="14:14">
      <c r="N781256" s="10"/>
    </row>
    <row r="781257" spans="14:14">
      <c r="N781257" s="10"/>
    </row>
    <row r="781258" spans="14:14">
      <c r="N781258" s="10"/>
    </row>
    <row r="781259" spans="14:14">
      <c r="N781259" s="10"/>
    </row>
    <row r="781260" spans="14:14">
      <c r="N781260" s="10"/>
    </row>
    <row r="781261" spans="14:14">
      <c r="N781261" s="10"/>
    </row>
    <row r="781262" spans="14:14">
      <c r="N781262" s="10"/>
    </row>
    <row r="781263" spans="14:14">
      <c r="N781263" s="10"/>
    </row>
    <row r="781264" spans="14:14">
      <c r="N781264" s="10"/>
    </row>
    <row r="781265" spans="14:14">
      <c r="N781265" s="10"/>
    </row>
    <row r="781266" spans="14:14">
      <c r="N781266" s="10"/>
    </row>
    <row r="781267" spans="14:14">
      <c r="N781267" s="10"/>
    </row>
    <row r="781268" spans="14:14">
      <c r="N781268" s="10"/>
    </row>
    <row r="781269" spans="14:14">
      <c r="N781269" s="10"/>
    </row>
    <row r="781270" spans="14:14">
      <c r="N781270" s="10"/>
    </row>
    <row r="781271" spans="14:14">
      <c r="N781271" s="10"/>
    </row>
    <row r="781272" spans="14:14">
      <c r="N781272" s="10"/>
    </row>
    <row r="781273" spans="14:14">
      <c r="N781273" s="10"/>
    </row>
    <row r="781274" spans="14:14">
      <c r="N781274" s="10"/>
    </row>
    <row r="781275" spans="14:14">
      <c r="N781275" s="10"/>
    </row>
    <row r="781276" spans="14:14">
      <c r="N781276" s="10"/>
    </row>
    <row r="781277" spans="14:14">
      <c r="N781277" s="10"/>
    </row>
    <row r="781278" spans="14:14">
      <c r="N781278" s="10"/>
    </row>
    <row r="781279" spans="14:14">
      <c r="N781279" s="10"/>
    </row>
    <row r="781280" spans="14:14">
      <c r="N781280" s="10"/>
    </row>
    <row r="781281" spans="14:14">
      <c r="N781281" s="10"/>
    </row>
    <row r="781282" spans="14:14">
      <c r="N781282" s="10"/>
    </row>
    <row r="781283" spans="14:14">
      <c r="N781283" s="10"/>
    </row>
    <row r="781284" spans="14:14">
      <c r="N781284" s="10"/>
    </row>
    <row r="781285" spans="14:14">
      <c r="N781285" s="10"/>
    </row>
    <row r="781286" spans="14:14">
      <c r="N781286" s="10"/>
    </row>
    <row r="781287" spans="14:14">
      <c r="N781287" s="10"/>
    </row>
    <row r="781288" spans="14:14">
      <c r="N781288" s="10"/>
    </row>
    <row r="781289" spans="14:14">
      <c r="N781289" s="10"/>
    </row>
    <row r="781290" spans="14:14">
      <c r="N781290" s="10"/>
    </row>
    <row r="781291" spans="14:14">
      <c r="N781291" s="10"/>
    </row>
    <row r="781292" spans="14:14">
      <c r="N781292" s="10"/>
    </row>
    <row r="781293" spans="14:14">
      <c r="N781293" s="10"/>
    </row>
    <row r="781294" spans="14:14">
      <c r="N781294" s="10"/>
    </row>
    <row r="781295" spans="14:14">
      <c r="N781295" s="10"/>
    </row>
    <row r="781296" spans="14:14">
      <c r="N781296" s="10"/>
    </row>
    <row r="781297" spans="14:14">
      <c r="N781297" s="10"/>
    </row>
    <row r="781298" spans="14:14">
      <c r="N781298" s="10"/>
    </row>
    <row r="781299" spans="14:14">
      <c r="N781299" s="10"/>
    </row>
    <row r="781300" spans="14:14">
      <c r="N781300" s="10"/>
    </row>
    <row r="781301" spans="14:14">
      <c r="N781301" s="10"/>
    </row>
    <row r="781302" spans="14:14">
      <c r="N781302" s="10"/>
    </row>
    <row r="781303" spans="14:14">
      <c r="N781303" s="10"/>
    </row>
    <row r="781304" spans="14:14">
      <c r="N781304" s="10"/>
    </row>
    <row r="781305" spans="14:14">
      <c r="N781305" s="10"/>
    </row>
    <row r="781306" spans="14:14">
      <c r="N781306" s="10"/>
    </row>
    <row r="781307" spans="14:14">
      <c r="N781307" s="10"/>
    </row>
    <row r="781308" spans="14:14">
      <c r="N781308" s="10"/>
    </row>
    <row r="781309" spans="14:14">
      <c r="N781309" s="10"/>
    </row>
    <row r="781310" spans="14:14">
      <c r="N781310" s="10"/>
    </row>
    <row r="781311" spans="14:14">
      <c r="N781311" s="10"/>
    </row>
    <row r="781312" spans="14:14">
      <c r="N781312" s="10"/>
    </row>
    <row r="781313" spans="14:14">
      <c r="N781313" s="10"/>
    </row>
    <row r="781314" spans="14:14">
      <c r="N781314" s="10"/>
    </row>
    <row r="781315" spans="14:14">
      <c r="N781315" s="10"/>
    </row>
    <row r="781316" spans="14:14">
      <c r="N781316" s="10"/>
    </row>
    <row r="781317" spans="14:14">
      <c r="N781317" s="10"/>
    </row>
    <row r="781318" spans="14:14">
      <c r="N781318" s="10"/>
    </row>
    <row r="781319" spans="14:14">
      <c r="N781319" s="10"/>
    </row>
    <row r="781320" spans="14:14">
      <c r="N781320" s="10"/>
    </row>
    <row r="781321" spans="14:14">
      <c r="N781321" s="10"/>
    </row>
    <row r="781322" spans="14:14">
      <c r="N781322" s="10"/>
    </row>
    <row r="781323" spans="14:14">
      <c r="N781323" s="10"/>
    </row>
    <row r="781324" spans="14:14">
      <c r="N781324" s="10"/>
    </row>
    <row r="781325" spans="14:14">
      <c r="N781325" s="10"/>
    </row>
    <row r="781326" spans="14:14">
      <c r="N781326" s="10"/>
    </row>
    <row r="781327" spans="14:14">
      <c r="N781327" s="10"/>
    </row>
    <row r="781328" spans="14:14">
      <c r="N781328" s="10"/>
    </row>
    <row r="781329" spans="14:14">
      <c r="N781329" s="10"/>
    </row>
    <row r="781330" spans="14:14">
      <c r="N781330" s="10"/>
    </row>
    <row r="781331" spans="14:14">
      <c r="N781331" s="10"/>
    </row>
    <row r="781332" spans="14:14">
      <c r="N781332" s="10"/>
    </row>
    <row r="781333" spans="14:14">
      <c r="N781333" s="10"/>
    </row>
    <row r="781334" spans="14:14">
      <c r="N781334" s="10"/>
    </row>
    <row r="781335" spans="14:14">
      <c r="N781335" s="10"/>
    </row>
    <row r="781336" spans="14:14">
      <c r="N781336" s="10"/>
    </row>
    <row r="781337" spans="14:14">
      <c r="N781337" s="10"/>
    </row>
    <row r="781338" spans="14:14">
      <c r="N781338" s="10"/>
    </row>
    <row r="781339" spans="14:14">
      <c r="N781339" s="10"/>
    </row>
    <row r="781340" spans="14:14">
      <c r="N781340" s="10"/>
    </row>
    <row r="781341" spans="14:14">
      <c r="N781341" s="10"/>
    </row>
    <row r="781342" spans="14:14">
      <c r="N781342" s="10"/>
    </row>
    <row r="781343" spans="14:14">
      <c r="N781343" s="10"/>
    </row>
    <row r="781344" spans="14:14">
      <c r="N781344" s="10"/>
    </row>
    <row r="781345" spans="14:14">
      <c r="N781345" s="10"/>
    </row>
    <row r="781346" spans="14:14">
      <c r="N781346" s="10"/>
    </row>
    <row r="781347" spans="14:14">
      <c r="N781347" s="10"/>
    </row>
    <row r="781348" spans="14:14">
      <c r="N781348" s="10"/>
    </row>
    <row r="781349" spans="14:14">
      <c r="N781349" s="10"/>
    </row>
    <row r="781350" spans="14:14">
      <c r="N781350" s="10"/>
    </row>
    <row r="781351" spans="14:14">
      <c r="N781351" s="10"/>
    </row>
    <row r="781352" spans="14:14">
      <c r="N781352" s="10"/>
    </row>
    <row r="781353" spans="14:14">
      <c r="N781353" s="10"/>
    </row>
    <row r="781354" spans="14:14">
      <c r="N781354" s="10"/>
    </row>
    <row r="781355" spans="14:14">
      <c r="N781355" s="10"/>
    </row>
    <row r="781356" spans="14:14">
      <c r="N781356" s="10"/>
    </row>
    <row r="781357" spans="14:14">
      <c r="N781357" s="10"/>
    </row>
    <row r="781358" spans="14:14">
      <c r="N781358" s="10"/>
    </row>
    <row r="781359" spans="14:14">
      <c r="N781359" s="10"/>
    </row>
    <row r="781360" spans="14:14">
      <c r="N781360" s="10"/>
    </row>
    <row r="781361" spans="14:14">
      <c r="N781361" s="10"/>
    </row>
    <row r="781362" spans="14:14">
      <c r="N781362" s="10"/>
    </row>
    <row r="781363" spans="14:14">
      <c r="N781363" s="10"/>
    </row>
    <row r="781364" spans="14:14">
      <c r="N781364" s="10"/>
    </row>
    <row r="781365" spans="14:14">
      <c r="N781365" s="10"/>
    </row>
    <row r="781366" spans="14:14">
      <c r="N781366" s="10"/>
    </row>
    <row r="781367" spans="14:14">
      <c r="N781367" s="10"/>
    </row>
    <row r="781368" spans="14:14">
      <c r="N781368" s="10"/>
    </row>
    <row r="781369" spans="14:14">
      <c r="N781369" s="10"/>
    </row>
    <row r="781370" spans="14:14">
      <c r="N781370" s="10"/>
    </row>
    <row r="781371" spans="14:14">
      <c r="N781371" s="10"/>
    </row>
    <row r="781372" spans="14:14">
      <c r="N781372" s="10"/>
    </row>
    <row r="781373" spans="14:14">
      <c r="N781373" s="10"/>
    </row>
    <row r="781374" spans="14:14">
      <c r="N781374" s="10"/>
    </row>
    <row r="781375" spans="14:14">
      <c r="N781375" s="10"/>
    </row>
    <row r="781376" spans="14:14">
      <c r="N781376" s="10"/>
    </row>
    <row r="781377" spans="14:14">
      <c r="N781377" s="10"/>
    </row>
    <row r="781378" spans="14:14">
      <c r="N781378" s="10"/>
    </row>
    <row r="781379" spans="14:14">
      <c r="N781379" s="10"/>
    </row>
    <row r="781380" spans="14:14">
      <c r="N781380" s="10"/>
    </row>
    <row r="781381" spans="14:14">
      <c r="N781381" s="10"/>
    </row>
    <row r="781382" spans="14:14">
      <c r="N781382" s="10"/>
    </row>
    <row r="781383" spans="14:14">
      <c r="N781383" s="10"/>
    </row>
    <row r="781384" spans="14:14">
      <c r="N781384" s="10"/>
    </row>
    <row r="781385" spans="14:14">
      <c r="N781385" s="10"/>
    </row>
    <row r="781386" spans="14:14">
      <c r="N781386" s="10"/>
    </row>
    <row r="781387" spans="14:14">
      <c r="N781387" s="10"/>
    </row>
    <row r="781388" spans="14:14">
      <c r="N781388" s="10"/>
    </row>
    <row r="781389" spans="14:14">
      <c r="N781389" s="10"/>
    </row>
    <row r="781390" spans="14:14">
      <c r="N781390" s="10"/>
    </row>
    <row r="781391" spans="14:14">
      <c r="N781391" s="10"/>
    </row>
    <row r="781392" spans="14:14">
      <c r="N781392" s="10"/>
    </row>
    <row r="781393" spans="14:14">
      <c r="N781393" s="10"/>
    </row>
    <row r="781394" spans="14:14">
      <c r="N781394" s="10"/>
    </row>
    <row r="781395" spans="14:14">
      <c r="N781395" s="10"/>
    </row>
    <row r="781396" spans="14:14">
      <c r="N781396" s="10"/>
    </row>
    <row r="781397" spans="14:14">
      <c r="N781397" s="10"/>
    </row>
    <row r="781398" spans="14:14">
      <c r="N781398" s="10"/>
    </row>
    <row r="781399" spans="14:14">
      <c r="N781399" s="10"/>
    </row>
    <row r="781400" spans="14:14">
      <c r="N781400" s="10"/>
    </row>
    <row r="781401" spans="14:14">
      <c r="N781401" s="10"/>
    </row>
    <row r="781402" spans="14:14">
      <c r="N781402" s="10"/>
    </row>
    <row r="781403" spans="14:14">
      <c r="N781403" s="10"/>
    </row>
    <row r="781404" spans="14:14">
      <c r="N781404" s="10"/>
    </row>
    <row r="781405" spans="14:14">
      <c r="N781405" s="10"/>
    </row>
    <row r="781406" spans="14:14">
      <c r="N781406" s="10"/>
    </row>
    <row r="781407" spans="14:14">
      <c r="N781407" s="10"/>
    </row>
    <row r="781408" spans="14:14">
      <c r="N781408" s="10"/>
    </row>
    <row r="781409" spans="14:14">
      <c r="N781409" s="10"/>
    </row>
    <row r="781410" spans="14:14">
      <c r="N781410" s="10"/>
    </row>
    <row r="781411" spans="14:14">
      <c r="N781411" s="10"/>
    </row>
    <row r="781412" spans="14:14">
      <c r="N781412" s="10"/>
    </row>
    <row r="781413" spans="14:14">
      <c r="N781413" s="10"/>
    </row>
    <row r="781414" spans="14:14">
      <c r="N781414" s="10"/>
    </row>
    <row r="781415" spans="14:14">
      <c r="N781415" s="10"/>
    </row>
    <row r="781416" spans="14:14">
      <c r="N781416" s="10"/>
    </row>
    <row r="781417" spans="14:14">
      <c r="N781417" s="10"/>
    </row>
    <row r="781418" spans="14:14">
      <c r="N781418" s="10"/>
    </row>
    <row r="781419" spans="14:14">
      <c r="N781419" s="10"/>
    </row>
    <row r="781420" spans="14:14">
      <c r="N781420" s="10"/>
    </row>
    <row r="781421" spans="14:14">
      <c r="N781421" s="10"/>
    </row>
    <row r="781422" spans="14:14">
      <c r="N781422" s="10"/>
    </row>
    <row r="781423" spans="14:14">
      <c r="N781423" s="10"/>
    </row>
    <row r="781424" spans="14:14">
      <c r="N781424" s="10"/>
    </row>
    <row r="781425" spans="14:14">
      <c r="N781425" s="10"/>
    </row>
    <row r="781426" spans="14:14">
      <c r="N781426" s="10"/>
    </row>
    <row r="781427" spans="14:14">
      <c r="N781427" s="10"/>
    </row>
    <row r="781428" spans="14:14">
      <c r="N781428" s="10"/>
    </row>
    <row r="781429" spans="14:14">
      <c r="N781429" s="10"/>
    </row>
    <row r="781430" spans="14:14">
      <c r="N781430" s="10"/>
    </row>
    <row r="781431" spans="14:14">
      <c r="N781431" s="10"/>
    </row>
    <row r="781432" spans="14:14">
      <c r="N781432" s="10"/>
    </row>
    <row r="781433" spans="14:14">
      <c r="N781433" s="10"/>
    </row>
    <row r="781434" spans="14:14">
      <c r="N781434" s="10"/>
    </row>
    <row r="781435" spans="14:14">
      <c r="N781435" s="10"/>
    </row>
    <row r="781436" spans="14:14">
      <c r="N781436" s="10"/>
    </row>
    <row r="781437" spans="14:14">
      <c r="N781437" s="10"/>
    </row>
    <row r="781438" spans="14:14">
      <c r="N781438" s="10"/>
    </row>
    <row r="781439" spans="14:14">
      <c r="N781439" s="10"/>
    </row>
    <row r="781440" spans="14:14">
      <c r="N781440" s="10"/>
    </row>
    <row r="781441" spans="14:14">
      <c r="N781441" s="10"/>
    </row>
    <row r="781442" spans="14:14">
      <c r="N781442" s="10"/>
    </row>
    <row r="781443" spans="14:14">
      <c r="N781443" s="10"/>
    </row>
    <row r="781444" spans="14:14">
      <c r="N781444" s="10"/>
    </row>
    <row r="781445" spans="14:14">
      <c r="N781445" s="10"/>
    </row>
    <row r="781446" spans="14:14">
      <c r="N781446" s="10"/>
    </row>
    <row r="781447" spans="14:14">
      <c r="N781447" s="10"/>
    </row>
    <row r="781448" spans="14:14">
      <c r="N781448" s="10"/>
    </row>
    <row r="781449" spans="14:14">
      <c r="N781449" s="10"/>
    </row>
    <row r="781450" spans="14:14">
      <c r="N781450" s="10"/>
    </row>
    <row r="781451" spans="14:14">
      <c r="N781451" s="10"/>
    </row>
    <row r="781452" spans="14:14">
      <c r="N781452" s="10"/>
    </row>
    <row r="781453" spans="14:14">
      <c r="N781453" s="10"/>
    </row>
    <row r="781454" spans="14:14">
      <c r="N781454" s="10"/>
    </row>
    <row r="781455" spans="14:14">
      <c r="N781455" s="10"/>
    </row>
    <row r="781456" spans="14:14">
      <c r="N781456" s="10"/>
    </row>
    <row r="781457" spans="14:14">
      <c r="N781457" s="10"/>
    </row>
    <row r="781458" spans="14:14">
      <c r="N781458" s="10"/>
    </row>
    <row r="781459" spans="14:14">
      <c r="N781459" s="10"/>
    </row>
    <row r="781460" spans="14:14">
      <c r="N781460" s="10"/>
    </row>
    <row r="781461" spans="14:14">
      <c r="N781461" s="10"/>
    </row>
    <row r="781462" spans="14:14">
      <c r="N781462" s="10"/>
    </row>
    <row r="781463" spans="14:14">
      <c r="N781463" s="10"/>
    </row>
    <row r="781464" spans="14:14">
      <c r="N781464" s="10"/>
    </row>
    <row r="781465" spans="14:14">
      <c r="N781465" s="10"/>
    </row>
    <row r="781466" spans="14:14">
      <c r="N781466" s="10"/>
    </row>
    <row r="781467" spans="14:14">
      <c r="N781467" s="10"/>
    </row>
    <row r="781468" spans="14:14">
      <c r="N781468" s="10"/>
    </row>
    <row r="781469" spans="14:14">
      <c r="N781469" s="10"/>
    </row>
    <row r="781470" spans="14:14">
      <c r="N781470" s="10"/>
    </row>
    <row r="781471" spans="14:14">
      <c r="N781471" s="10"/>
    </row>
    <row r="781472" spans="14:14">
      <c r="N781472" s="10"/>
    </row>
    <row r="781473" spans="14:14">
      <c r="N781473" s="10"/>
    </row>
    <row r="781474" spans="14:14">
      <c r="N781474" s="10"/>
    </row>
    <row r="781475" spans="14:14">
      <c r="N781475" s="10"/>
    </row>
    <row r="781476" spans="14:14">
      <c r="N781476" s="10"/>
    </row>
    <row r="781477" spans="14:14">
      <c r="N781477" s="10"/>
    </row>
    <row r="781478" spans="14:14">
      <c r="N781478" s="10"/>
    </row>
    <row r="781479" spans="14:14">
      <c r="N781479" s="10"/>
    </row>
    <row r="781480" spans="14:14">
      <c r="N781480" s="10"/>
    </row>
    <row r="781481" spans="14:14">
      <c r="N781481" s="10"/>
    </row>
    <row r="781482" spans="14:14">
      <c r="N781482" s="10"/>
    </row>
    <row r="781483" spans="14:14">
      <c r="N781483" s="10"/>
    </row>
    <row r="781484" spans="14:14">
      <c r="N781484" s="10"/>
    </row>
    <row r="781485" spans="14:14">
      <c r="N781485" s="10"/>
    </row>
    <row r="781486" spans="14:14">
      <c r="N781486" s="10"/>
    </row>
    <row r="781487" spans="14:14">
      <c r="N781487" s="10"/>
    </row>
    <row r="781488" spans="14:14">
      <c r="N781488" s="10"/>
    </row>
    <row r="781489" spans="14:14">
      <c r="N781489" s="10"/>
    </row>
    <row r="781490" spans="14:14">
      <c r="N781490" s="10"/>
    </row>
    <row r="781491" spans="14:14">
      <c r="N781491" s="10"/>
    </row>
    <row r="781492" spans="14:14">
      <c r="N781492" s="10"/>
    </row>
    <row r="781493" spans="14:14">
      <c r="N781493" s="10"/>
    </row>
    <row r="781494" spans="14:14">
      <c r="N781494" s="10"/>
    </row>
    <row r="781495" spans="14:14">
      <c r="N781495" s="10"/>
    </row>
    <row r="781496" spans="14:14">
      <c r="N781496" s="10"/>
    </row>
    <row r="781497" spans="14:14">
      <c r="N781497" s="10"/>
    </row>
    <row r="781498" spans="14:14">
      <c r="N781498" s="10"/>
    </row>
    <row r="781499" spans="14:14">
      <c r="N781499" s="10"/>
    </row>
    <row r="781500" spans="14:14">
      <c r="N781500" s="10"/>
    </row>
    <row r="781501" spans="14:14">
      <c r="N781501" s="10"/>
    </row>
    <row r="781502" spans="14:14">
      <c r="N781502" s="10"/>
    </row>
    <row r="781503" spans="14:14">
      <c r="N781503" s="10"/>
    </row>
    <row r="781504" spans="14:14">
      <c r="N781504" s="10"/>
    </row>
    <row r="781505" spans="14:14">
      <c r="N781505" s="10"/>
    </row>
    <row r="781506" spans="14:14">
      <c r="N781506" s="10"/>
    </row>
    <row r="781507" spans="14:14">
      <c r="N781507" s="10"/>
    </row>
    <row r="781508" spans="14:14">
      <c r="N781508" s="10"/>
    </row>
    <row r="781509" spans="14:14">
      <c r="N781509" s="10"/>
    </row>
    <row r="781510" spans="14:14">
      <c r="N781510" s="10"/>
    </row>
    <row r="781511" spans="14:14">
      <c r="N781511" s="10"/>
    </row>
    <row r="781512" spans="14:14">
      <c r="N781512" s="10"/>
    </row>
    <row r="781513" spans="14:14">
      <c r="N781513" s="10"/>
    </row>
    <row r="781514" spans="14:14">
      <c r="N781514" s="10"/>
    </row>
    <row r="781515" spans="14:14">
      <c r="N781515" s="10"/>
    </row>
    <row r="781516" spans="14:14">
      <c r="N781516" s="10"/>
    </row>
    <row r="781517" spans="14:14">
      <c r="N781517" s="10"/>
    </row>
    <row r="781518" spans="14:14">
      <c r="N781518" s="10"/>
    </row>
    <row r="781519" spans="14:14">
      <c r="N781519" s="10"/>
    </row>
    <row r="781520" spans="14:14">
      <c r="N781520" s="10"/>
    </row>
    <row r="781521" spans="14:14">
      <c r="N781521" s="10"/>
    </row>
    <row r="781522" spans="14:14">
      <c r="N781522" s="10"/>
    </row>
    <row r="781523" spans="14:14">
      <c r="N781523" s="10"/>
    </row>
    <row r="781524" spans="14:14">
      <c r="N781524" s="10"/>
    </row>
    <row r="781525" spans="14:14">
      <c r="N781525" s="10"/>
    </row>
    <row r="781526" spans="14:14">
      <c r="N781526" s="10"/>
    </row>
    <row r="781527" spans="14:14">
      <c r="N781527" s="10"/>
    </row>
    <row r="781528" spans="14:14">
      <c r="N781528" s="10"/>
    </row>
    <row r="781529" spans="14:14">
      <c r="N781529" s="10"/>
    </row>
    <row r="781530" spans="14:14">
      <c r="N781530" s="10"/>
    </row>
    <row r="781531" spans="14:14">
      <c r="N781531" s="10"/>
    </row>
    <row r="781532" spans="14:14">
      <c r="N781532" s="10"/>
    </row>
    <row r="781533" spans="14:14">
      <c r="N781533" s="10"/>
    </row>
    <row r="781534" spans="14:14">
      <c r="N781534" s="10"/>
    </row>
    <row r="781535" spans="14:14">
      <c r="N781535" s="10"/>
    </row>
    <row r="781536" spans="14:14">
      <c r="N781536" s="10"/>
    </row>
    <row r="781537" spans="14:14">
      <c r="N781537" s="10"/>
    </row>
    <row r="781538" spans="14:14">
      <c r="N781538" s="10"/>
    </row>
    <row r="781539" spans="14:14">
      <c r="N781539" s="10"/>
    </row>
    <row r="781540" spans="14:14">
      <c r="N781540" s="10"/>
    </row>
    <row r="781541" spans="14:14">
      <c r="N781541" s="10"/>
    </row>
    <row r="781542" spans="14:14">
      <c r="N781542" s="10"/>
    </row>
    <row r="781543" spans="14:14">
      <c r="N781543" s="10"/>
    </row>
    <row r="781544" spans="14:14">
      <c r="N781544" s="10"/>
    </row>
    <row r="781545" spans="14:14">
      <c r="N781545" s="10"/>
    </row>
    <row r="781546" spans="14:14">
      <c r="N781546" s="10"/>
    </row>
    <row r="781547" spans="14:14">
      <c r="N781547" s="10"/>
    </row>
    <row r="781548" spans="14:14">
      <c r="N781548" s="10"/>
    </row>
    <row r="781549" spans="14:14">
      <c r="N781549" s="10"/>
    </row>
    <row r="781550" spans="14:14">
      <c r="N781550" s="10"/>
    </row>
    <row r="781551" spans="14:14">
      <c r="N781551" s="10"/>
    </row>
    <row r="781552" spans="14:14">
      <c r="N781552" s="10"/>
    </row>
    <row r="781553" spans="14:14">
      <c r="N781553" s="10"/>
    </row>
    <row r="781554" spans="14:14">
      <c r="N781554" s="10"/>
    </row>
    <row r="781555" spans="14:14">
      <c r="N781555" s="10"/>
    </row>
    <row r="781556" spans="14:14">
      <c r="N781556" s="10"/>
    </row>
    <row r="781557" spans="14:14">
      <c r="N781557" s="10"/>
    </row>
    <row r="781558" spans="14:14">
      <c r="N781558" s="10"/>
    </row>
    <row r="781559" spans="14:14">
      <c r="N781559" s="10"/>
    </row>
    <row r="781560" spans="14:14">
      <c r="N781560" s="10"/>
    </row>
    <row r="781561" spans="14:14">
      <c r="N781561" s="10"/>
    </row>
    <row r="781562" spans="14:14">
      <c r="N781562" s="10"/>
    </row>
    <row r="781563" spans="14:14">
      <c r="N781563" s="10"/>
    </row>
    <row r="781564" spans="14:14">
      <c r="N781564" s="10"/>
    </row>
    <row r="781565" spans="14:14">
      <c r="N781565" s="10"/>
    </row>
    <row r="781566" spans="14:14">
      <c r="N781566" s="10"/>
    </row>
    <row r="781567" spans="14:14">
      <c r="N781567" s="10"/>
    </row>
    <row r="781568" spans="14:14">
      <c r="N781568" s="10"/>
    </row>
    <row r="781569" spans="14:14">
      <c r="N781569" s="10"/>
    </row>
    <row r="781570" spans="14:14">
      <c r="N781570" s="10"/>
    </row>
    <row r="781571" spans="14:14">
      <c r="N781571" s="10"/>
    </row>
    <row r="781572" spans="14:14">
      <c r="N781572" s="10"/>
    </row>
    <row r="781573" spans="14:14">
      <c r="N781573" s="10"/>
    </row>
    <row r="781574" spans="14:14">
      <c r="N781574" s="10"/>
    </row>
    <row r="781575" spans="14:14">
      <c r="N781575" s="10"/>
    </row>
    <row r="781576" spans="14:14">
      <c r="N781576" s="10"/>
    </row>
    <row r="781577" spans="14:14">
      <c r="N781577" s="10"/>
    </row>
    <row r="781578" spans="14:14">
      <c r="N781578" s="10"/>
    </row>
    <row r="781579" spans="14:14">
      <c r="N781579" s="10"/>
    </row>
    <row r="781580" spans="14:14">
      <c r="N781580" s="10"/>
    </row>
    <row r="781581" spans="14:14">
      <c r="N781581" s="10"/>
    </row>
    <row r="781582" spans="14:14">
      <c r="N781582" s="10"/>
    </row>
    <row r="781583" spans="14:14">
      <c r="N781583" s="10"/>
    </row>
    <row r="781584" spans="14:14">
      <c r="N781584" s="10"/>
    </row>
    <row r="781585" spans="14:14">
      <c r="N781585" s="10"/>
    </row>
    <row r="781586" spans="14:14">
      <c r="N781586" s="10"/>
    </row>
    <row r="781587" spans="14:14">
      <c r="N781587" s="10"/>
    </row>
    <row r="781588" spans="14:14">
      <c r="N781588" s="10"/>
    </row>
    <row r="781589" spans="14:14">
      <c r="N781589" s="10"/>
    </row>
    <row r="781590" spans="14:14">
      <c r="N781590" s="10"/>
    </row>
    <row r="781591" spans="14:14">
      <c r="N781591" s="10"/>
    </row>
    <row r="781592" spans="14:14">
      <c r="N781592" s="10"/>
    </row>
    <row r="781593" spans="14:14">
      <c r="N781593" s="10"/>
    </row>
    <row r="781594" spans="14:14">
      <c r="N781594" s="10"/>
    </row>
    <row r="781595" spans="14:14">
      <c r="N781595" s="10"/>
    </row>
    <row r="781596" spans="14:14">
      <c r="N781596" s="10"/>
    </row>
    <row r="781597" spans="14:14">
      <c r="N781597" s="10"/>
    </row>
    <row r="781598" spans="14:14">
      <c r="N781598" s="10"/>
    </row>
    <row r="781599" spans="14:14">
      <c r="N781599" s="10"/>
    </row>
    <row r="781600" spans="14:14">
      <c r="N781600" s="10"/>
    </row>
    <row r="781601" spans="14:14">
      <c r="N781601" s="10"/>
    </row>
    <row r="781602" spans="14:14">
      <c r="N781602" s="10"/>
    </row>
    <row r="781603" spans="14:14">
      <c r="N781603" s="10"/>
    </row>
    <row r="781604" spans="14:14">
      <c r="N781604" s="10"/>
    </row>
    <row r="781605" spans="14:14">
      <c r="N781605" s="10"/>
    </row>
    <row r="781606" spans="14:14">
      <c r="N781606" s="10"/>
    </row>
    <row r="781607" spans="14:14">
      <c r="N781607" s="10"/>
    </row>
    <row r="781608" spans="14:14">
      <c r="N781608" s="10"/>
    </row>
    <row r="781609" spans="14:14">
      <c r="N781609" s="10"/>
    </row>
    <row r="781610" spans="14:14">
      <c r="N781610" s="10"/>
    </row>
    <row r="781611" spans="14:14">
      <c r="N781611" s="10"/>
    </row>
    <row r="781612" spans="14:14">
      <c r="N781612" s="10"/>
    </row>
    <row r="781613" spans="14:14">
      <c r="N781613" s="10"/>
    </row>
    <row r="781614" spans="14:14">
      <c r="N781614" s="10"/>
    </row>
    <row r="781615" spans="14:14">
      <c r="N781615" s="10"/>
    </row>
    <row r="781616" spans="14:14">
      <c r="N781616" s="10"/>
    </row>
    <row r="781617" spans="14:14">
      <c r="N781617" s="10"/>
    </row>
    <row r="781618" spans="14:14">
      <c r="N781618" s="10"/>
    </row>
    <row r="781619" spans="14:14">
      <c r="N781619" s="10"/>
    </row>
    <row r="781620" spans="14:14">
      <c r="N781620" s="10"/>
    </row>
    <row r="781621" spans="14:14">
      <c r="N781621" s="10"/>
    </row>
    <row r="781622" spans="14:14">
      <c r="N781622" s="10"/>
    </row>
    <row r="781623" spans="14:14">
      <c r="N781623" s="10"/>
    </row>
    <row r="781624" spans="14:14">
      <c r="N781624" s="10"/>
    </row>
    <row r="781625" spans="14:14">
      <c r="N781625" s="10"/>
    </row>
    <row r="781626" spans="14:14">
      <c r="N781626" s="10"/>
    </row>
    <row r="781627" spans="14:14">
      <c r="N781627" s="10"/>
    </row>
    <row r="781628" spans="14:14">
      <c r="N781628" s="10"/>
    </row>
    <row r="781629" spans="14:14">
      <c r="N781629" s="10"/>
    </row>
    <row r="781630" spans="14:14">
      <c r="N781630" s="10"/>
    </row>
    <row r="781631" spans="14:14">
      <c r="N781631" s="10"/>
    </row>
    <row r="781632" spans="14:14">
      <c r="N781632" s="10"/>
    </row>
    <row r="781633" spans="14:14">
      <c r="N781633" s="10"/>
    </row>
    <row r="781634" spans="14:14">
      <c r="N781634" s="10"/>
    </row>
    <row r="781635" spans="14:14">
      <c r="N781635" s="10"/>
    </row>
    <row r="781636" spans="14:14">
      <c r="N781636" s="10"/>
    </row>
    <row r="781637" spans="14:14">
      <c r="N781637" s="10"/>
    </row>
    <row r="781638" spans="14:14">
      <c r="N781638" s="10"/>
    </row>
    <row r="781639" spans="14:14">
      <c r="N781639" s="10"/>
    </row>
    <row r="781640" spans="14:14">
      <c r="N781640" s="10"/>
    </row>
    <row r="781641" spans="14:14">
      <c r="N781641" s="10"/>
    </row>
    <row r="781642" spans="14:14">
      <c r="N781642" s="10"/>
    </row>
    <row r="781643" spans="14:14">
      <c r="N781643" s="10"/>
    </row>
    <row r="781644" spans="14:14">
      <c r="N781644" s="10"/>
    </row>
    <row r="781645" spans="14:14">
      <c r="N781645" s="10"/>
    </row>
    <row r="781646" spans="14:14">
      <c r="N781646" s="10"/>
    </row>
    <row r="781647" spans="14:14">
      <c r="N781647" s="10"/>
    </row>
    <row r="781648" spans="14:14">
      <c r="N781648" s="10"/>
    </row>
    <row r="781649" spans="14:14">
      <c r="N781649" s="10"/>
    </row>
    <row r="781650" spans="14:14">
      <c r="N781650" s="10"/>
    </row>
    <row r="781651" spans="14:14">
      <c r="N781651" s="10"/>
    </row>
    <row r="781652" spans="14:14">
      <c r="N781652" s="10"/>
    </row>
    <row r="781653" spans="14:14">
      <c r="N781653" s="10"/>
    </row>
    <row r="781654" spans="14:14">
      <c r="N781654" s="10"/>
    </row>
    <row r="781655" spans="14:14">
      <c r="N781655" s="10"/>
    </row>
    <row r="781656" spans="14:14">
      <c r="N781656" s="10"/>
    </row>
    <row r="781657" spans="14:14">
      <c r="N781657" s="10"/>
    </row>
    <row r="781658" spans="14:14">
      <c r="N781658" s="10"/>
    </row>
    <row r="781659" spans="14:14">
      <c r="N781659" s="10"/>
    </row>
    <row r="781660" spans="14:14">
      <c r="N781660" s="10"/>
    </row>
    <row r="781661" spans="14:14">
      <c r="N781661" s="10"/>
    </row>
    <row r="781662" spans="14:14">
      <c r="N781662" s="10"/>
    </row>
    <row r="781663" spans="14:14">
      <c r="N781663" s="10"/>
    </row>
    <row r="781664" spans="14:14">
      <c r="N781664" s="10"/>
    </row>
    <row r="781665" spans="14:14">
      <c r="N781665" s="10"/>
    </row>
    <row r="781666" spans="14:14">
      <c r="N781666" s="10"/>
    </row>
    <row r="781667" spans="14:14">
      <c r="N781667" s="10"/>
    </row>
    <row r="781668" spans="14:14">
      <c r="N781668" s="10"/>
    </row>
    <row r="781669" spans="14:14">
      <c r="N781669" s="10"/>
    </row>
    <row r="781670" spans="14:14">
      <c r="N781670" s="10"/>
    </row>
    <row r="781671" spans="14:14">
      <c r="N781671" s="10"/>
    </row>
    <row r="781672" spans="14:14">
      <c r="N781672" s="10"/>
    </row>
    <row r="781673" spans="14:14">
      <c r="N781673" s="10"/>
    </row>
    <row r="781674" spans="14:14">
      <c r="N781674" s="10"/>
    </row>
    <row r="781675" spans="14:14">
      <c r="N781675" s="10"/>
    </row>
    <row r="781676" spans="14:14">
      <c r="N781676" s="10"/>
    </row>
    <row r="781677" spans="14:14">
      <c r="N781677" s="10"/>
    </row>
    <row r="781678" spans="14:14">
      <c r="N781678" s="10"/>
    </row>
    <row r="781679" spans="14:14">
      <c r="N781679" s="10"/>
    </row>
    <row r="781680" spans="14:14">
      <c r="N781680" s="10"/>
    </row>
    <row r="781681" spans="14:14">
      <c r="N781681" s="10"/>
    </row>
    <row r="781682" spans="14:14">
      <c r="N781682" s="10"/>
    </row>
    <row r="781683" spans="14:14">
      <c r="N781683" s="10"/>
    </row>
    <row r="781684" spans="14:14">
      <c r="N781684" s="10"/>
    </row>
    <row r="781685" spans="14:14">
      <c r="N781685" s="10"/>
    </row>
    <row r="781686" spans="14:14">
      <c r="N781686" s="10"/>
    </row>
    <row r="781687" spans="14:14">
      <c r="N781687" s="10"/>
    </row>
    <row r="781688" spans="14:14">
      <c r="N781688" s="10"/>
    </row>
    <row r="781689" spans="14:14">
      <c r="N781689" s="10"/>
    </row>
    <row r="781690" spans="14:14">
      <c r="N781690" s="10"/>
    </row>
    <row r="781691" spans="14:14">
      <c r="N781691" s="10"/>
    </row>
    <row r="781692" spans="14:14">
      <c r="N781692" s="10"/>
    </row>
    <row r="781693" spans="14:14">
      <c r="N781693" s="10"/>
    </row>
    <row r="781694" spans="14:14">
      <c r="N781694" s="10"/>
    </row>
    <row r="781695" spans="14:14">
      <c r="N781695" s="10"/>
    </row>
    <row r="781696" spans="14:14">
      <c r="N781696" s="10"/>
    </row>
    <row r="781697" spans="14:14">
      <c r="N781697" s="10"/>
    </row>
    <row r="781698" spans="14:14">
      <c r="N781698" s="10"/>
    </row>
    <row r="781699" spans="14:14">
      <c r="N781699" s="10"/>
    </row>
    <row r="781700" spans="14:14">
      <c r="N781700" s="10"/>
    </row>
    <row r="781701" spans="14:14">
      <c r="N781701" s="10"/>
    </row>
    <row r="781702" spans="14:14">
      <c r="N781702" s="10"/>
    </row>
    <row r="781703" spans="14:14">
      <c r="N781703" s="10"/>
    </row>
    <row r="781704" spans="14:14">
      <c r="N781704" s="10"/>
    </row>
    <row r="781705" spans="14:14">
      <c r="N781705" s="10"/>
    </row>
    <row r="781706" spans="14:14">
      <c r="N781706" s="10"/>
    </row>
    <row r="781707" spans="14:14">
      <c r="N781707" s="10"/>
    </row>
    <row r="781708" spans="14:14">
      <c r="N781708" s="10"/>
    </row>
    <row r="781709" spans="14:14">
      <c r="N781709" s="10"/>
    </row>
    <row r="781710" spans="14:14">
      <c r="N781710" s="10"/>
    </row>
    <row r="781711" spans="14:14">
      <c r="N781711" s="10"/>
    </row>
    <row r="781712" spans="14:14">
      <c r="N781712" s="10"/>
    </row>
    <row r="781713" spans="14:14">
      <c r="N781713" s="10"/>
    </row>
    <row r="781714" spans="14:14">
      <c r="N781714" s="10"/>
    </row>
    <row r="781715" spans="14:14">
      <c r="N781715" s="10"/>
    </row>
    <row r="781716" spans="14:14">
      <c r="N781716" s="10"/>
    </row>
    <row r="781717" spans="14:14">
      <c r="N781717" s="10"/>
    </row>
    <row r="781718" spans="14:14">
      <c r="N781718" s="10"/>
    </row>
    <row r="781719" spans="14:14">
      <c r="N781719" s="10"/>
    </row>
    <row r="781720" spans="14:14">
      <c r="N781720" s="10"/>
    </row>
    <row r="781721" spans="14:14">
      <c r="N781721" s="10"/>
    </row>
    <row r="781722" spans="14:14">
      <c r="N781722" s="10"/>
    </row>
    <row r="781723" spans="14:14">
      <c r="N781723" s="10"/>
    </row>
    <row r="781724" spans="14:14">
      <c r="N781724" s="10"/>
    </row>
    <row r="781725" spans="14:14">
      <c r="N781725" s="10"/>
    </row>
    <row r="781726" spans="14:14">
      <c r="N781726" s="10"/>
    </row>
    <row r="781727" spans="14:14">
      <c r="N781727" s="10"/>
    </row>
    <row r="781728" spans="14:14">
      <c r="N781728" s="10"/>
    </row>
    <row r="781729" spans="14:14">
      <c r="N781729" s="10"/>
    </row>
    <row r="781730" spans="14:14">
      <c r="N781730" s="10"/>
    </row>
    <row r="781731" spans="14:14">
      <c r="N781731" s="10"/>
    </row>
    <row r="781732" spans="14:14">
      <c r="N781732" s="10"/>
    </row>
    <row r="781733" spans="14:14">
      <c r="N781733" s="10"/>
    </row>
    <row r="781734" spans="14:14">
      <c r="N781734" s="10"/>
    </row>
    <row r="781735" spans="14:14">
      <c r="N781735" s="10"/>
    </row>
    <row r="781736" spans="14:14">
      <c r="N781736" s="10"/>
    </row>
    <row r="781737" spans="14:14">
      <c r="N781737" s="10"/>
    </row>
    <row r="781738" spans="14:14">
      <c r="N781738" s="10"/>
    </row>
    <row r="781739" spans="14:14">
      <c r="N781739" s="10"/>
    </row>
    <row r="781740" spans="14:14">
      <c r="N781740" s="10"/>
    </row>
    <row r="781741" spans="14:14">
      <c r="N781741" s="10"/>
    </row>
    <row r="781742" spans="14:14">
      <c r="N781742" s="10"/>
    </row>
    <row r="781743" spans="14:14">
      <c r="N781743" s="10"/>
    </row>
    <row r="781744" spans="14:14">
      <c r="N781744" s="10"/>
    </row>
    <row r="781745" spans="14:14">
      <c r="N781745" s="10"/>
    </row>
    <row r="781746" spans="14:14">
      <c r="N781746" s="10"/>
    </row>
    <row r="781747" spans="14:14">
      <c r="N781747" s="10"/>
    </row>
    <row r="781748" spans="14:14">
      <c r="N781748" s="10"/>
    </row>
    <row r="781749" spans="14:14">
      <c r="N781749" s="10"/>
    </row>
    <row r="781750" spans="14:14">
      <c r="N781750" s="10"/>
    </row>
    <row r="781751" spans="14:14">
      <c r="N781751" s="10"/>
    </row>
    <row r="781752" spans="14:14">
      <c r="N781752" s="10"/>
    </row>
    <row r="781753" spans="14:14">
      <c r="N781753" s="10"/>
    </row>
    <row r="781754" spans="14:14">
      <c r="N781754" s="10"/>
    </row>
    <row r="781755" spans="14:14">
      <c r="N781755" s="10"/>
    </row>
    <row r="781756" spans="14:14">
      <c r="N781756" s="10"/>
    </row>
    <row r="781757" spans="14:14">
      <c r="N781757" s="10"/>
    </row>
    <row r="781758" spans="14:14">
      <c r="N781758" s="10"/>
    </row>
    <row r="781759" spans="14:14">
      <c r="N781759" s="10"/>
    </row>
    <row r="781760" spans="14:14">
      <c r="N781760" s="10"/>
    </row>
    <row r="781761" spans="14:14">
      <c r="N781761" s="10"/>
    </row>
    <row r="781762" spans="14:14">
      <c r="N781762" s="10"/>
    </row>
    <row r="781763" spans="14:14">
      <c r="N781763" s="10"/>
    </row>
    <row r="781764" spans="14:14">
      <c r="N781764" s="10"/>
    </row>
    <row r="781765" spans="14:14">
      <c r="N781765" s="10"/>
    </row>
    <row r="781766" spans="14:14">
      <c r="N781766" s="10"/>
    </row>
    <row r="781767" spans="14:14">
      <c r="N781767" s="10"/>
    </row>
    <row r="781768" spans="14:14">
      <c r="N781768" s="10"/>
    </row>
    <row r="781769" spans="14:14">
      <c r="N781769" s="10"/>
    </row>
    <row r="781770" spans="14:14">
      <c r="N781770" s="10"/>
    </row>
    <row r="781771" spans="14:14">
      <c r="N781771" s="10"/>
    </row>
    <row r="781772" spans="14:14">
      <c r="N781772" s="10"/>
    </row>
    <row r="781773" spans="14:14">
      <c r="N781773" s="10"/>
    </row>
    <row r="781774" spans="14:14">
      <c r="N781774" s="10"/>
    </row>
    <row r="781775" spans="14:14">
      <c r="N781775" s="10"/>
    </row>
    <row r="781776" spans="14:14">
      <c r="N781776" s="10"/>
    </row>
    <row r="781777" spans="14:14">
      <c r="N781777" s="10"/>
    </row>
    <row r="781778" spans="14:14">
      <c r="N781778" s="10"/>
    </row>
    <row r="781779" spans="14:14">
      <c r="N781779" s="10"/>
    </row>
    <row r="781780" spans="14:14">
      <c r="N781780" s="10"/>
    </row>
    <row r="781781" spans="14:14">
      <c r="N781781" s="10"/>
    </row>
    <row r="781782" spans="14:14">
      <c r="N781782" s="10"/>
    </row>
    <row r="781783" spans="14:14">
      <c r="N781783" s="10"/>
    </row>
    <row r="781784" spans="14:14">
      <c r="N781784" s="10"/>
    </row>
    <row r="781785" spans="14:14">
      <c r="N781785" s="10"/>
    </row>
    <row r="781786" spans="14:14">
      <c r="N781786" s="10"/>
    </row>
    <row r="781787" spans="14:14">
      <c r="N781787" s="10"/>
    </row>
    <row r="781788" spans="14:14">
      <c r="N781788" s="10"/>
    </row>
    <row r="781789" spans="14:14">
      <c r="N781789" s="10"/>
    </row>
    <row r="781790" spans="14:14">
      <c r="N781790" s="10"/>
    </row>
    <row r="781791" spans="14:14">
      <c r="N781791" s="10"/>
    </row>
    <row r="781792" spans="14:14">
      <c r="N781792" s="10"/>
    </row>
    <row r="781793" spans="14:14">
      <c r="N781793" s="10"/>
    </row>
    <row r="781794" spans="14:14">
      <c r="N781794" s="10"/>
    </row>
    <row r="781795" spans="14:14">
      <c r="N781795" s="10"/>
    </row>
    <row r="781796" spans="14:14">
      <c r="N781796" s="10"/>
    </row>
    <row r="781797" spans="14:14">
      <c r="N781797" s="10"/>
    </row>
    <row r="781798" spans="14:14">
      <c r="N781798" s="10"/>
    </row>
    <row r="781799" spans="14:14">
      <c r="N781799" s="10"/>
    </row>
    <row r="781800" spans="14:14">
      <c r="N781800" s="10"/>
    </row>
    <row r="781801" spans="14:14">
      <c r="N781801" s="10"/>
    </row>
    <row r="781802" spans="14:14">
      <c r="N781802" s="10"/>
    </row>
    <row r="781803" spans="14:14">
      <c r="N781803" s="10"/>
    </row>
    <row r="781804" spans="14:14">
      <c r="N781804" s="10"/>
    </row>
    <row r="781805" spans="14:14">
      <c r="N781805" s="10"/>
    </row>
    <row r="781806" spans="14:14">
      <c r="N781806" s="10"/>
    </row>
    <row r="781807" spans="14:14">
      <c r="N781807" s="10"/>
    </row>
    <row r="781808" spans="14:14">
      <c r="N781808" s="10"/>
    </row>
    <row r="781809" spans="14:14">
      <c r="N781809" s="10"/>
    </row>
    <row r="781810" spans="14:14">
      <c r="N781810" s="10"/>
    </row>
    <row r="781811" spans="14:14">
      <c r="N781811" s="10"/>
    </row>
    <row r="781812" spans="14:14">
      <c r="N781812" s="10"/>
    </row>
    <row r="781813" spans="14:14">
      <c r="N781813" s="10"/>
    </row>
    <row r="781814" spans="14:14">
      <c r="N781814" s="10"/>
    </row>
    <row r="781815" spans="14:14">
      <c r="N781815" s="10"/>
    </row>
    <row r="781816" spans="14:14">
      <c r="N781816" s="10"/>
    </row>
    <row r="781817" spans="14:14">
      <c r="N781817" s="10"/>
    </row>
    <row r="781818" spans="14:14">
      <c r="N781818" s="10"/>
    </row>
    <row r="781819" spans="14:14">
      <c r="N781819" s="10"/>
    </row>
    <row r="781820" spans="14:14">
      <c r="N781820" s="10"/>
    </row>
    <row r="781821" spans="14:14">
      <c r="N781821" s="10"/>
    </row>
    <row r="781822" spans="14:14">
      <c r="N781822" s="10"/>
    </row>
    <row r="781823" spans="14:14">
      <c r="N781823" s="10"/>
    </row>
    <row r="781824" spans="14:14">
      <c r="N781824" s="10"/>
    </row>
    <row r="781825" spans="14:14">
      <c r="N781825" s="10"/>
    </row>
    <row r="781826" spans="14:14">
      <c r="N781826" s="10"/>
    </row>
    <row r="781827" spans="14:14">
      <c r="N781827" s="10"/>
    </row>
    <row r="781828" spans="14:14">
      <c r="N781828" s="10"/>
    </row>
    <row r="781829" spans="14:14">
      <c r="N781829" s="10"/>
    </row>
    <row r="781830" spans="14:14">
      <c r="N781830" s="10"/>
    </row>
    <row r="781831" spans="14:14">
      <c r="N781831" s="10"/>
    </row>
    <row r="781832" spans="14:14">
      <c r="N781832" s="10"/>
    </row>
    <row r="781833" spans="14:14">
      <c r="N781833" s="10"/>
    </row>
    <row r="781834" spans="14:14">
      <c r="N781834" s="10"/>
    </row>
    <row r="781835" spans="14:14">
      <c r="N781835" s="10"/>
    </row>
    <row r="781836" spans="14:14">
      <c r="N781836" s="10"/>
    </row>
    <row r="781837" spans="14:14">
      <c r="N781837" s="10"/>
    </row>
    <row r="781838" spans="14:14">
      <c r="N781838" s="10"/>
    </row>
    <row r="781839" spans="14:14">
      <c r="N781839" s="10"/>
    </row>
    <row r="781840" spans="14:14">
      <c r="N781840" s="10"/>
    </row>
    <row r="781841" spans="14:14">
      <c r="N781841" s="10"/>
    </row>
    <row r="781842" spans="14:14">
      <c r="N781842" s="10"/>
    </row>
    <row r="781843" spans="14:14">
      <c r="N781843" s="10"/>
    </row>
    <row r="781844" spans="14:14">
      <c r="N781844" s="10"/>
    </row>
    <row r="781845" spans="14:14">
      <c r="N781845" s="10"/>
    </row>
    <row r="781846" spans="14:14">
      <c r="N781846" s="10"/>
    </row>
    <row r="781847" spans="14:14">
      <c r="N781847" s="10"/>
    </row>
    <row r="781848" spans="14:14">
      <c r="N781848" s="10"/>
    </row>
    <row r="781849" spans="14:14">
      <c r="N781849" s="10"/>
    </row>
    <row r="781850" spans="14:14">
      <c r="N781850" s="10"/>
    </row>
    <row r="781851" spans="14:14">
      <c r="N781851" s="10"/>
    </row>
    <row r="781852" spans="14:14">
      <c r="N781852" s="10"/>
    </row>
    <row r="781853" spans="14:14">
      <c r="N781853" s="10"/>
    </row>
    <row r="781854" spans="14:14">
      <c r="N781854" s="10"/>
    </row>
    <row r="781855" spans="14:14">
      <c r="N781855" s="10"/>
    </row>
    <row r="781856" spans="14:14">
      <c r="N781856" s="10"/>
    </row>
    <row r="781857" spans="14:14">
      <c r="N781857" s="10"/>
    </row>
    <row r="781858" spans="14:14">
      <c r="N781858" s="10"/>
    </row>
    <row r="781859" spans="14:14">
      <c r="N781859" s="10"/>
    </row>
    <row r="781860" spans="14:14">
      <c r="N781860" s="10"/>
    </row>
    <row r="781861" spans="14:14">
      <c r="N781861" s="10"/>
    </row>
    <row r="781862" spans="14:14">
      <c r="N781862" s="10"/>
    </row>
    <row r="781863" spans="14:14">
      <c r="N781863" s="10"/>
    </row>
    <row r="781864" spans="14:14">
      <c r="N781864" s="10"/>
    </row>
    <row r="781865" spans="14:14">
      <c r="N781865" s="10"/>
    </row>
    <row r="781866" spans="14:14">
      <c r="N781866" s="10"/>
    </row>
    <row r="781867" spans="14:14">
      <c r="N781867" s="10"/>
    </row>
    <row r="781868" spans="14:14">
      <c r="N781868" s="10"/>
    </row>
    <row r="781869" spans="14:14">
      <c r="N781869" s="10"/>
    </row>
    <row r="781870" spans="14:14">
      <c r="N781870" s="10"/>
    </row>
    <row r="781871" spans="14:14">
      <c r="N781871" s="10"/>
    </row>
    <row r="781872" spans="14:14">
      <c r="N781872" s="10"/>
    </row>
    <row r="781873" spans="14:14">
      <c r="N781873" s="10"/>
    </row>
    <row r="781874" spans="14:14">
      <c r="N781874" s="10"/>
    </row>
    <row r="781875" spans="14:14">
      <c r="N781875" s="10"/>
    </row>
    <row r="781876" spans="14:14">
      <c r="N781876" s="10"/>
    </row>
    <row r="781877" spans="14:14">
      <c r="N781877" s="10"/>
    </row>
    <row r="781878" spans="14:14">
      <c r="N781878" s="10"/>
    </row>
    <row r="781879" spans="14:14">
      <c r="N781879" s="10"/>
    </row>
    <row r="781880" spans="14:14">
      <c r="N781880" s="10"/>
    </row>
    <row r="781881" spans="14:14">
      <c r="N781881" s="10"/>
    </row>
    <row r="781882" spans="14:14">
      <c r="N781882" s="10"/>
    </row>
    <row r="781883" spans="14:14">
      <c r="N781883" s="10"/>
    </row>
    <row r="781884" spans="14:14">
      <c r="N781884" s="10"/>
    </row>
    <row r="781885" spans="14:14">
      <c r="N781885" s="10"/>
    </row>
    <row r="781886" spans="14:14">
      <c r="N781886" s="10"/>
    </row>
    <row r="781887" spans="14:14">
      <c r="N781887" s="10"/>
    </row>
    <row r="781888" spans="14:14">
      <c r="N781888" s="10"/>
    </row>
    <row r="781889" spans="14:14">
      <c r="N781889" s="10"/>
    </row>
    <row r="781890" spans="14:14">
      <c r="N781890" s="10"/>
    </row>
    <row r="781891" spans="14:14">
      <c r="N781891" s="10"/>
    </row>
    <row r="781892" spans="14:14">
      <c r="N781892" s="10"/>
    </row>
    <row r="781893" spans="14:14">
      <c r="N781893" s="10"/>
    </row>
    <row r="781894" spans="14:14">
      <c r="N781894" s="10"/>
    </row>
    <row r="781895" spans="14:14">
      <c r="N781895" s="10"/>
    </row>
    <row r="781896" spans="14:14">
      <c r="N781896" s="10"/>
    </row>
    <row r="781897" spans="14:14">
      <c r="N781897" s="10"/>
    </row>
    <row r="781898" spans="14:14">
      <c r="N781898" s="10"/>
    </row>
    <row r="781899" spans="14:14">
      <c r="N781899" s="10"/>
    </row>
    <row r="781900" spans="14:14">
      <c r="N781900" s="10"/>
    </row>
    <row r="781901" spans="14:14">
      <c r="N781901" s="10"/>
    </row>
    <row r="781902" spans="14:14">
      <c r="N781902" s="10"/>
    </row>
    <row r="781903" spans="14:14">
      <c r="N781903" s="10"/>
    </row>
    <row r="781904" spans="14:14">
      <c r="N781904" s="10"/>
    </row>
    <row r="781905" spans="14:14">
      <c r="N781905" s="10"/>
    </row>
    <row r="781906" spans="14:14">
      <c r="N781906" s="10"/>
    </row>
    <row r="781907" spans="14:14">
      <c r="N781907" s="10"/>
    </row>
    <row r="781908" spans="14:14">
      <c r="N781908" s="10"/>
    </row>
    <row r="781909" spans="14:14">
      <c r="N781909" s="10"/>
    </row>
    <row r="781910" spans="14:14">
      <c r="N781910" s="10"/>
    </row>
    <row r="781911" spans="14:14">
      <c r="N781911" s="10"/>
    </row>
    <row r="781912" spans="14:14">
      <c r="N781912" s="10"/>
    </row>
    <row r="781913" spans="14:14">
      <c r="N781913" s="10"/>
    </row>
    <row r="781914" spans="14:14">
      <c r="N781914" s="10"/>
    </row>
    <row r="781915" spans="14:14">
      <c r="N781915" s="10"/>
    </row>
    <row r="781916" spans="14:14">
      <c r="N781916" s="10"/>
    </row>
    <row r="781917" spans="14:14">
      <c r="N781917" s="10"/>
    </row>
    <row r="781918" spans="14:14">
      <c r="N781918" s="10"/>
    </row>
    <row r="781919" spans="14:14">
      <c r="N781919" s="10"/>
    </row>
    <row r="781920" spans="14:14">
      <c r="N781920" s="10"/>
    </row>
    <row r="781921" spans="14:14">
      <c r="N781921" s="10"/>
    </row>
    <row r="781922" spans="14:14">
      <c r="N781922" s="10"/>
    </row>
    <row r="781923" spans="14:14">
      <c r="N781923" s="10"/>
    </row>
    <row r="781924" spans="14:14">
      <c r="N781924" s="10"/>
    </row>
    <row r="781925" spans="14:14">
      <c r="N781925" s="10"/>
    </row>
    <row r="781926" spans="14:14">
      <c r="N781926" s="10"/>
    </row>
    <row r="781927" spans="14:14">
      <c r="N781927" s="10"/>
    </row>
    <row r="781928" spans="14:14">
      <c r="N781928" s="10"/>
    </row>
    <row r="781929" spans="14:14">
      <c r="N781929" s="10"/>
    </row>
    <row r="781930" spans="14:14">
      <c r="N781930" s="10"/>
    </row>
    <row r="781931" spans="14:14">
      <c r="N781931" s="10"/>
    </row>
    <row r="781932" spans="14:14">
      <c r="N781932" s="10"/>
    </row>
    <row r="781933" spans="14:14">
      <c r="N781933" s="10"/>
    </row>
    <row r="781934" spans="14:14">
      <c r="N781934" s="10"/>
    </row>
    <row r="781935" spans="14:14">
      <c r="N781935" s="10"/>
    </row>
    <row r="781936" spans="14:14">
      <c r="N781936" s="10"/>
    </row>
    <row r="781937" spans="14:14">
      <c r="N781937" s="10"/>
    </row>
    <row r="781938" spans="14:14">
      <c r="N781938" s="10"/>
    </row>
    <row r="781939" spans="14:14">
      <c r="N781939" s="10"/>
    </row>
    <row r="781940" spans="14:14">
      <c r="N781940" s="10"/>
    </row>
    <row r="781941" spans="14:14">
      <c r="N781941" s="10"/>
    </row>
    <row r="781942" spans="14:14">
      <c r="N781942" s="10"/>
    </row>
    <row r="781943" spans="14:14">
      <c r="N781943" s="10"/>
    </row>
    <row r="781944" spans="14:14">
      <c r="N781944" s="10"/>
    </row>
    <row r="781945" spans="14:14">
      <c r="N781945" s="10"/>
    </row>
    <row r="781946" spans="14:14">
      <c r="N781946" s="10"/>
    </row>
    <row r="781947" spans="14:14">
      <c r="N781947" s="10"/>
    </row>
    <row r="781948" spans="14:14">
      <c r="N781948" s="10"/>
    </row>
    <row r="781949" spans="14:14">
      <c r="N781949" s="10"/>
    </row>
    <row r="781950" spans="14:14">
      <c r="N781950" s="10"/>
    </row>
    <row r="781951" spans="14:14">
      <c r="N781951" s="10"/>
    </row>
    <row r="781952" spans="14:14">
      <c r="N781952" s="10"/>
    </row>
    <row r="781953" spans="14:14">
      <c r="N781953" s="10"/>
    </row>
    <row r="781954" spans="14:14">
      <c r="N781954" s="10"/>
    </row>
    <row r="781955" spans="14:14">
      <c r="N781955" s="10"/>
    </row>
    <row r="781956" spans="14:14">
      <c r="N781956" s="10"/>
    </row>
    <row r="781957" spans="14:14">
      <c r="N781957" s="10"/>
    </row>
    <row r="781958" spans="14:14">
      <c r="N781958" s="10"/>
    </row>
    <row r="781959" spans="14:14">
      <c r="N781959" s="10"/>
    </row>
    <row r="781960" spans="14:14">
      <c r="N781960" s="10"/>
    </row>
    <row r="781961" spans="14:14">
      <c r="N781961" s="10"/>
    </row>
    <row r="781962" spans="14:14">
      <c r="N781962" s="10"/>
    </row>
    <row r="781963" spans="14:14">
      <c r="N781963" s="10"/>
    </row>
    <row r="781964" spans="14:14">
      <c r="N781964" s="10"/>
    </row>
    <row r="781965" spans="14:14">
      <c r="N781965" s="10"/>
    </row>
    <row r="781966" spans="14:14">
      <c r="N781966" s="10"/>
    </row>
    <row r="781967" spans="14:14">
      <c r="N781967" s="10"/>
    </row>
    <row r="781968" spans="14:14">
      <c r="N781968" s="10"/>
    </row>
    <row r="781969" spans="14:14">
      <c r="N781969" s="10"/>
    </row>
    <row r="781970" spans="14:14">
      <c r="N781970" s="10"/>
    </row>
    <row r="781971" spans="14:14">
      <c r="N781971" s="10"/>
    </row>
    <row r="781972" spans="14:14">
      <c r="N781972" s="10"/>
    </row>
    <row r="781973" spans="14:14">
      <c r="N781973" s="10"/>
    </row>
    <row r="781974" spans="14:14">
      <c r="N781974" s="10"/>
    </row>
    <row r="781975" spans="14:14">
      <c r="N781975" s="10"/>
    </row>
    <row r="781976" spans="14:14">
      <c r="N781976" s="10"/>
    </row>
    <row r="781977" spans="14:14">
      <c r="N781977" s="10"/>
    </row>
    <row r="781978" spans="14:14">
      <c r="N781978" s="10"/>
    </row>
    <row r="781979" spans="14:14">
      <c r="N781979" s="10"/>
    </row>
    <row r="781980" spans="14:14">
      <c r="N781980" s="10"/>
    </row>
    <row r="781981" spans="14:14">
      <c r="N781981" s="10"/>
    </row>
    <row r="781982" spans="14:14">
      <c r="N781982" s="10"/>
    </row>
    <row r="781983" spans="14:14">
      <c r="N781983" s="10"/>
    </row>
    <row r="781984" spans="14:14">
      <c r="N781984" s="10"/>
    </row>
    <row r="781985" spans="14:14">
      <c r="N781985" s="10"/>
    </row>
    <row r="781986" spans="14:14">
      <c r="N781986" s="10"/>
    </row>
    <row r="781987" spans="14:14">
      <c r="N781987" s="10"/>
    </row>
    <row r="781988" spans="14:14">
      <c r="N781988" s="10"/>
    </row>
    <row r="781989" spans="14:14">
      <c r="N781989" s="10"/>
    </row>
    <row r="781990" spans="14:14">
      <c r="N781990" s="10"/>
    </row>
    <row r="781991" spans="14:14">
      <c r="N781991" s="10"/>
    </row>
    <row r="781992" spans="14:14">
      <c r="N781992" s="10"/>
    </row>
    <row r="781993" spans="14:14">
      <c r="N781993" s="10"/>
    </row>
    <row r="781994" spans="14:14">
      <c r="N781994" s="10"/>
    </row>
    <row r="781995" spans="14:14">
      <c r="N781995" s="10"/>
    </row>
    <row r="781996" spans="14:14">
      <c r="N781996" s="10"/>
    </row>
    <row r="781997" spans="14:14">
      <c r="N781997" s="10"/>
    </row>
    <row r="781998" spans="14:14">
      <c r="N781998" s="10"/>
    </row>
    <row r="781999" spans="14:14">
      <c r="N781999" s="10"/>
    </row>
    <row r="782000" spans="14:14">
      <c r="N782000" s="10"/>
    </row>
    <row r="782001" spans="14:14">
      <c r="N782001" s="10"/>
    </row>
    <row r="782002" spans="14:14">
      <c r="N782002" s="10"/>
    </row>
    <row r="782003" spans="14:14">
      <c r="N782003" s="10"/>
    </row>
    <row r="782004" spans="14:14">
      <c r="N782004" s="10"/>
    </row>
    <row r="782005" spans="14:14">
      <c r="N782005" s="10"/>
    </row>
    <row r="782006" spans="14:14">
      <c r="N782006" s="10"/>
    </row>
    <row r="782007" spans="14:14">
      <c r="N782007" s="10"/>
    </row>
    <row r="782008" spans="14:14">
      <c r="N782008" s="10"/>
    </row>
    <row r="782009" spans="14:14">
      <c r="N782009" s="10"/>
    </row>
    <row r="782010" spans="14:14">
      <c r="N782010" s="10"/>
    </row>
    <row r="782011" spans="14:14">
      <c r="N782011" s="10"/>
    </row>
    <row r="782012" spans="14:14">
      <c r="N782012" s="10"/>
    </row>
    <row r="782013" spans="14:14">
      <c r="N782013" s="10"/>
    </row>
    <row r="782014" spans="14:14">
      <c r="N782014" s="10"/>
    </row>
    <row r="782015" spans="14:14">
      <c r="N782015" s="10"/>
    </row>
    <row r="782016" spans="14:14">
      <c r="N782016" s="10"/>
    </row>
    <row r="782017" spans="14:14">
      <c r="N782017" s="10"/>
    </row>
    <row r="782018" spans="14:14">
      <c r="N782018" s="10"/>
    </row>
    <row r="782019" spans="14:14">
      <c r="N782019" s="10"/>
    </row>
    <row r="782020" spans="14:14">
      <c r="N782020" s="10"/>
    </row>
    <row r="782021" spans="14:14">
      <c r="N782021" s="10"/>
    </row>
    <row r="782022" spans="14:14">
      <c r="N782022" s="10"/>
    </row>
    <row r="782023" spans="14:14">
      <c r="N782023" s="10"/>
    </row>
    <row r="782024" spans="14:14">
      <c r="N782024" s="10"/>
    </row>
    <row r="782025" spans="14:14">
      <c r="N782025" s="10"/>
    </row>
    <row r="782026" spans="14:14">
      <c r="N782026" s="10"/>
    </row>
    <row r="782027" spans="14:14">
      <c r="N782027" s="10"/>
    </row>
    <row r="782028" spans="14:14">
      <c r="N782028" s="10"/>
    </row>
    <row r="782029" spans="14:14">
      <c r="N782029" s="10"/>
    </row>
    <row r="782030" spans="14:14">
      <c r="N782030" s="10"/>
    </row>
    <row r="782031" spans="14:14">
      <c r="N782031" s="10"/>
    </row>
    <row r="782032" spans="14:14">
      <c r="N782032" s="10"/>
    </row>
    <row r="782033" spans="14:14">
      <c r="N782033" s="10"/>
    </row>
    <row r="782034" spans="14:14">
      <c r="N782034" s="10"/>
    </row>
    <row r="782035" spans="14:14">
      <c r="N782035" s="10"/>
    </row>
    <row r="782036" spans="14:14">
      <c r="N782036" s="10"/>
    </row>
    <row r="782037" spans="14:14">
      <c r="N782037" s="10"/>
    </row>
    <row r="782038" spans="14:14">
      <c r="N782038" s="10"/>
    </row>
    <row r="782039" spans="14:14">
      <c r="N782039" s="10"/>
    </row>
    <row r="782040" spans="14:14">
      <c r="N782040" s="10"/>
    </row>
    <row r="782041" spans="14:14">
      <c r="N782041" s="10"/>
    </row>
    <row r="782042" spans="14:14">
      <c r="N782042" s="10"/>
    </row>
    <row r="782043" spans="14:14">
      <c r="N782043" s="10"/>
    </row>
    <row r="782044" spans="14:14">
      <c r="N782044" s="10"/>
    </row>
    <row r="782045" spans="14:14">
      <c r="N782045" s="10"/>
    </row>
    <row r="782046" spans="14:14">
      <c r="N782046" s="10"/>
    </row>
    <row r="782047" spans="14:14">
      <c r="N782047" s="10"/>
    </row>
    <row r="782048" spans="14:14">
      <c r="N782048" s="10"/>
    </row>
    <row r="782049" spans="14:14">
      <c r="N782049" s="10"/>
    </row>
    <row r="782050" spans="14:14">
      <c r="N782050" s="10"/>
    </row>
    <row r="782051" spans="14:14">
      <c r="N782051" s="10"/>
    </row>
    <row r="782052" spans="14:14">
      <c r="N782052" s="10"/>
    </row>
    <row r="782053" spans="14:14">
      <c r="N782053" s="10"/>
    </row>
    <row r="782054" spans="14:14">
      <c r="N782054" s="10"/>
    </row>
    <row r="782055" spans="14:14">
      <c r="N782055" s="10"/>
    </row>
    <row r="782056" spans="14:14">
      <c r="N782056" s="10"/>
    </row>
    <row r="782057" spans="14:14">
      <c r="N782057" s="10"/>
    </row>
    <row r="782058" spans="14:14">
      <c r="N782058" s="10"/>
    </row>
    <row r="782059" spans="14:14">
      <c r="N782059" s="10"/>
    </row>
    <row r="782060" spans="14:14">
      <c r="N782060" s="10"/>
    </row>
    <row r="782061" spans="14:14">
      <c r="N782061" s="10"/>
    </row>
    <row r="782062" spans="14:14">
      <c r="N782062" s="10"/>
    </row>
    <row r="782063" spans="14:14">
      <c r="N782063" s="10"/>
    </row>
    <row r="782064" spans="14:14">
      <c r="N782064" s="10"/>
    </row>
    <row r="782065" spans="14:14">
      <c r="N782065" s="10"/>
    </row>
    <row r="782066" spans="14:14">
      <c r="N782066" s="10"/>
    </row>
    <row r="782067" spans="14:14">
      <c r="N782067" s="10"/>
    </row>
    <row r="782068" spans="14:14">
      <c r="N782068" s="10"/>
    </row>
    <row r="782069" spans="14:14">
      <c r="N782069" s="10"/>
    </row>
    <row r="782070" spans="14:14">
      <c r="N782070" s="10"/>
    </row>
    <row r="782071" spans="14:14">
      <c r="N782071" s="10"/>
    </row>
    <row r="782072" spans="14:14">
      <c r="N782072" s="10"/>
    </row>
    <row r="782073" spans="14:14">
      <c r="N782073" s="10"/>
    </row>
    <row r="782074" spans="14:14">
      <c r="N782074" s="10"/>
    </row>
    <row r="782075" spans="14:14">
      <c r="N782075" s="10"/>
    </row>
    <row r="782076" spans="14:14">
      <c r="N782076" s="10"/>
    </row>
    <row r="782077" spans="14:14">
      <c r="N782077" s="10"/>
    </row>
    <row r="782078" spans="14:14">
      <c r="N782078" s="10"/>
    </row>
    <row r="782079" spans="14:14">
      <c r="N782079" s="10"/>
    </row>
    <row r="782080" spans="14:14">
      <c r="N782080" s="10"/>
    </row>
    <row r="782081" spans="14:14">
      <c r="N782081" s="10"/>
    </row>
    <row r="782082" spans="14:14">
      <c r="N782082" s="10"/>
    </row>
    <row r="782083" spans="14:14">
      <c r="N782083" s="10"/>
    </row>
    <row r="782084" spans="14:14">
      <c r="N782084" s="10"/>
    </row>
    <row r="782085" spans="14:14">
      <c r="N782085" s="10"/>
    </row>
    <row r="782086" spans="14:14">
      <c r="N782086" s="10"/>
    </row>
    <row r="782087" spans="14:14">
      <c r="N782087" s="10"/>
    </row>
    <row r="782088" spans="14:14">
      <c r="N782088" s="10"/>
    </row>
    <row r="782089" spans="14:14">
      <c r="N782089" s="10"/>
    </row>
    <row r="782090" spans="14:14">
      <c r="N782090" s="10"/>
    </row>
    <row r="782091" spans="14:14">
      <c r="N782091" s="10"/>
    </row>
    <row r="782092" spans="14:14">
      <c r="N782092" s="10"/>
    </row>
    <row r="782093" spans="14:14">
      <c r="N782093" s="10"/>
    </row>
    <row r="782094" spans="14:14">
      <c r="N782094" s="10"/>
    </row>
    <row r="782095" spans="14:14">
      <c r="N782095" s="10"/>
    </row>
    <row r="782096" spans="14:14">
      <c r="N782096" s="10"/>
    </row>
    <row r="782097" spans="14:14">
      <c r="N782097" s="10"/>
    </row>
    <row r="782098" spans="14:14">
      <c r="N782098" s="10"/>
    </row>
    <row r="782099" spans="14:14">
      <c r="N782099" s="10"/>
    </row>
    <row r="782100" spans="14:14">
      <c r="N782100" s="10"/>
    </row>
    <row r="782101" spans="14:14">
      <c r="N782101" s="10"/>
    </row>
    <row r="782102" spans="14:14">
      <c r="N782102" s="10"/>
    </row>
    <row r="782103" spans="14:14">
      <c r="N782103" s="10"/>
    </row>
    <row r="782104" spans="14:14">
      <c r="N782104" s="10"/>
    </row>
    <row r="782105" spans="14:14">
      <c r="N782105" s="10"/>
    </row>
    <row r="782106" spans="14:14">
      <c r="N782106" s="10"/>
    </row>
    <row r="782107" spans="14:14">
      <c r="N782107" s="10"/>
    </row>
    <row r="782108" spans="14:14">
      <c r="N782108" s="10"/>
    </row>
    <row r="782109" spans="14:14">
      <c r="N782109" s="10"/>
    </row>
    <row r="782110" spans="14:14">
      <c r="N782110" s="10"/>
    </row>
    <row r="782111" spans="14:14">
      <c r="N782111" s="10"/>
    </row>
    <row r="782112" spans="14:14">
      <c r="N782112" s="10"/>
    </row>
    <row r="782113" spans="14:14">
      <c r="N782113" s="10"/>
    </row>
    <row r="782114" spans="14:14">
      <c r="N782114" s="10"/>
    </row>
    <row r="782115" spans="14:14">
      <c r="N782115" s="10"/>
    </row>
    <row r="782116" spans="14:14">
      <c r="N782116" s="10"/>
    </row>
    <row r="782117" spans="14:14">
      <c r="N782117" s="10"/>
    </row>
    <row r="782118" spans="14:14">
      <c r="N782118" s="10"/>
    </row>
    <row r="782119" spans="14:14">
      <c r="N782119" s="10"/>
    </row>
    <row r="782120" spans="14:14">
      <c r="N782120" s="10"/>
    </row>
    <row r="782121" spans="14:14">
      <c r="N782121" s="10"/>
    </row>
    <row r="782122" spans="14:14">
      <c r="N782122" s="10"/>
    </row>
    <row r="782123" spans="14:14">
      <c r="N782123" s="10"/>
    </row>
    <row r="782124" spans="14:14">
      <c r="N782124" s="10"/>
    </row>
    <row r="782125" spans="14:14">
      <c r="N782125" s="10"/>
    </row>
    <row r="782126" spans="14:14">
      <c r="N782126" s="10"/>
    </row>
    <row r="782127" spans="14:14">
      <c r="N782127" s="10"/>
    </row>
    <row r="782128" spans="14:14">
      <c r="N782128" s="10"/>
    </row>
    <row r="782129" spans="14:14">
      <c r="N782129" s="10"/>
    </row>
    <row r="782130" spans="14:14">
      <c r="N782130" s="10"/>
    </row>
    <row r="782131" spans="14:14">
      <c r="N782131" s="10"/>
    </row>
    <row r="782132" spans="14:14">
      <c r="N782132" s="10"/>
    </row>
    <row r="782133" spans="14:14">
      <c r="N782133" s="10"/>
    </row>
    <row r="782134" spans="14:14">
      <c r="N782134" s="10"/>
    </row>
    <row r="782135" spans="14:14">
      <c r="N782135" s="10"/>
    </row>
    <row r="782136" spans="14:14">
      <c r="N782136" s="10"/>
    </row>
    <row r="782137" spans="14:14">
      <c r="N782137" s="10"/>
    </row>
    <row r="782138" spans="14:14">
      <c r="N782138" s="10"/>
    </row>
    <row r="782139" spans="14:14">
      <c r="N782139" s="10"/>
    </row>
    <row r="782140" spans="14:14">
      <c r="N782140" s="10"/>
    </row>
    <row r="782141" spans="14:14">
      <c r="N782141" s="10"/>
    </row>
    <row r="782142" spans="14:14">
      <c r="N782142" s="10"/>
    </row>
    <row r="782143" spans="14:14">
      <c r="N782143" s="10"/>
    </row>
    <row r="782144" spans="14:14">
      <c r="N782144" s="10"/>
    </row>
    <row r="782145" spans="14:14">
      <c r="N782145" s="10"/>
    </row>
    <row r="782146" spans="14:14">
      <c r="N782146" s="10"/>
    </row>
    <row r="782147" spans="14:14">
      <c r="N782147" s="10"/>
    </row>
    <row r="782148" spans="14:14">
      <c r="N782148" s="10"/>
    </row>
    <row r="782149" spans="14:14">
      <c r="N782149" s="10"/>
    </row>
    <row r="782150" spans="14:14">
      <c r="N782150" s="10"/>
    </row>
    <row r="782151" spans="14:14">
      <c r="N782151" s="10"/>
    </row>
    <row r="782152" spans="14:14">
      <c r="N782152" s="10"/>
    </row>
    <row r="782153" spans="14:14">
      <c r="N782153" s="10"/>
    </row>
    <row r="782154" spans="14:14">
      <c r="N782154" s="10"/>
    </row>
    <row r="782155" spans="14:14">
      <c r="N782155" s="10"/>
    </row>
    <row r="782156" spans="14:14">
      <c r="N782156" s="10"/>
    </row>
    <row r="782157" spans="14:14">
      <c r="N782157" s="10"/>
    </row>
    <row r="782158" spans="14:14">
      <c r="N782158" s="10"/>
    </row>
    <row r="782159" spans="14:14">
      <c r="N782159" s="10"/>
    </row>
    <row r="782160" spans="14:14">
      <c r="N782160" s="10"/>
    </row>
    <row r="782161" spans="14:14">
      <c r="N782161" s="10"/>
    </row>
    <row r="782162" spans="14:14">
      <c r="N782162" s="10"/>
    </row>
    <row r="782163" spans="14:14">
      <c r="N782163" s="10"/>
    </row>
    <row r="782164" spans="14:14">
      <c r="N782164" s="10"/>
    </row>
    <row r="782165" spans="14:14">
      <c r="N782165" s="10"/>
    </row>
    <row r="782166" spans="14:14">
      <c r="N782166" s="10"/>
    </row>
    <row r="782167" spans="14:14">
      <c r="N782167" s="10"/>
    </row>
    <row r="782168" spans="14:14">
      <c r="N782168" s="10"/>
    </row>
    <row r="782169" spans="14:14">
      <c r="N782169" s="10"/>
    </row>
    <row r="782170" spans="14:14">
      <c r="N782170" s="10"/>
    </row>
    <row r="782171" spans="14:14">
      <c r="N782171" s="10"/>
    </row>
    <row r="782172" spans="14:14">
      <c r="N782172" s="10"/>
    </row>
    <row r="782173" spans="14:14">
      <c r="N782173" s="10"/>
    </row>
    <row r="782174" spans="14:14">
      <c r="N782174" s="10"/>
    </row>
    <row r="782175" spans="14:14">
      <c r="N782175" s="10"/>
    </row>
    <row r="782176" spans="14:14">
      <c r="N782176" s="10"/>
    </row>
    <row r="782177" spans="14:14">
      <c r="N782177" s="10"/>
    </row>
    <row r="782178" spans="14:14">
      <c r="N782178" s="10"/>
    </row>
    <row r="782179" spans="14:14">
      <c r="N782179" s="10"/>
    </row>
    <row r="782180" spans="14:14">
      <c r="N782180" s="10"/>
    </row>
    <row r="782181" spans="14:14">
      <c r="N782181" s="10"/>
    </row>
    <row r="782182" spans="14:14">
      <c r="N782182" s="10"/>
    </row>
    <row r="782183" spans="14:14">
      <c r="N782183" s="10"/>
    </row>
    <row r="782184" spans="14:14">
      <c r="N782184" s="10"/>
    </row>
    <row r="782185" spans="14:14">
      <c r="N782185" s="10"/>
    </row>
    <row r="782186" spans="14:14">
      <c r="N782186" s="10"/>
    </row>
    <row r="782187" spans="14:14">
      <c r="N782187" s="10"/>
    </row>
    <row r="782188" spans="14:14">
      <c r="N782188" s="10"/>
    </row>
    <row r="782189" spans="14:14">
      <c r="N782189" s="10"/>
    </row>
    <row r="782190" spans="14:14">
      <c r="N782190" s="10"/>
    </row>
    <row r="782191" spans="14:14">
      <c r="N782191" s="10"/>
    </row>
    <row r="782192" spans="14:14">
      <c r="N782192" s="10"/>
    </row>
    <row r="782193" spans="14:14">
      <c r="N782193" s="10"/>
    </row>
    <row r="782194" spans="14:14">
      <c r="N782194" s="10"/>
    </row>
    <row r="782195" spans="14:14">
      <c r="N782195" s="10"/>
    </row>
    <row r="782196" spans="14:14">
      <c r="N782196" s="10"/>
    </row>
    <row r="782197" spans="14:14">
      <c r="N782197" s="10"/>
    </row>
    <row r="782198" spans="14:14">
      <c r="N782198" s="10"/>
    </row>
    <row r="782199" spans="14:14">
      <c r="N782199" s="10"/>
    </row>
    <row r="782200" spans="14:14">
      <c r="N782200" s="10"/>
    </row>
    <row r="782201" spans="14:14">
      <c r="N782201" s="10"/>
    </row>
    <row r="782202" spans="14:14">
      <c r="N782202" s="10"/>
    </row>
    <row r="782203" spans="14:14">
      <c r="N782203" s="10"/>
    </row>
    <row r="782204" spans="14:14">
      <c r="N782204" s="10"/>
    </row>
    <row r="782205" spans="14:14">
      <c r="N782205" s="10"/>
    </row>
    <row r="782206" spans="14:14">
      <c r="N782206" s="10"/>
    </row>
    <row r="782207" spans="14:14">
      <c r="N782207" s="10"/>
    </row>
    <row r="782208" spans="14:14">
      <c r="N782208" s="10"/>
    </row>
    <row r="782209" spans="14:14">
      <c r="N782209" s="10"/>
    </row>
    <row r="782210" spans="14:14">
      <c r="N782210" s="10"/>
    </row>
    <row r="782211" spans="14:14">
      <c r="N782211" s="10"/>
    </row>
    <row r="782212" spans="14:14">
      <c r="N782212" s="10"/>
    </row>
    <row r="782213" spans="14:14">
      <c r="N782213" s="10"/>
    </row>
    <row r="782214" spans="14:14">
      <c r="N782214" s="10"/>
    </row>
    <row r="782215" spans="14:14">
      <c r="N782215" s="10"/>
    </row>
    <row r="782216" spans="14:14">
      <c r="N782216" s="10"/>
    </row>
    <row r="782217" spans="14:14">
      <c r="N782217" s="10"/>
    </row>
    <row r="782218" spans="14:14">
      <c r="N782218" s="10"/>
    </row>
    <row r="782219" spans="14:14">
      <c r="N782219" s="10"/>
    </row>
    <row r="782220" spans="14:14">
      <c r="N782220" s="10"/>
    </row>
    <row r="782221" spans="14:14">
      <c r="N782221" s="10"/>
    </row>
    <row r="782222" spans="14:14">
      <c r="N782222" s="10"/>
    </row>
    <row r="782223" spans="14:14">
      <c r="N782223" s="10"/>
    </row>
    <row r="782224" spans="14:14">
      <c r="N782224" s="10"/>
    </row>
    <row r="782225" spans="14:14">
      <c r="N782225" s="10"/>
    </row>
    <row r="782226" spans="14:14">
      <c r="N782226" s="10"/>
    </row>
    <row r="782227" spans="14:14">
      <c r="N782227" s="10"/>
    </row>
    <row r="782228" spans="14:14">
      <c r="N782228" s="10"/>
    </row>
    <row r="782229" spans="14:14">
      <c r="N782229" s="10"/>
    </row>
    <row r="782230" spans="14:14">
      <c r="N782230" s="10"/>
    </row>
    <row r="782231" spans="14:14">
      <c r="N782231" s="10"/>
    </row>
    <row r="782232" spans="14:14">
      <c r="N782232" s="10"/>
    </row>
    <row r="782233" spans="14:14">
      <c r="N782233" s="10"/>
    </row>
    <row r="782234" spans="14:14">
      <c r="N782234" s="10"/>
    </row>
    <row r="782235" spans="14:14">
      <c r="N782235" s="10"/>
    </row>
    <row r="782236" spans="14:14">
      <c r="N782236" s="10"/>
    </row>
    <row r="782237" spans="14:14">
      <c r="N782237" s="10"/>
    </row>
    <row r="782238" spans="14:14">
      <c r="N782238" s="10"/>
    </row>
    <row r="782239" spans="14:14">
      <c r="N782239" s="10"/>
    </row>
    <row r="782240" spans="14:14">
      <c r="N782240" s="10"/>
    </row>
    <row r="782241" spans="14:14">
      <c r="N782241" s="10"/>
    </row>
    <row r="782242" spans="14:14">
      <c r="N782242" s="10"/>
    </row>
    <row r="782243" spans="14:14">
      <c r="N782243" s="10"/>
    </row>
    <row r="782244" spans="14:14">
      <c r="N782244" s="10"/>
    </row>
    <row r="782245" spans="14:14">
      <c r="N782245" s="10"/>
    </row>
    <row r="782246" spans="14:14">
      <c r="N782246" s="10"/>
    </row>
    <row r="782247" spans="14:14">
      <c r="N782247" s="10"/>
    </row>
    <row r="782248" spans="14:14">
      <c r="N782248" s="10"/>
    </row>
    <row r="782249" spans="14:14">
      <c r="N782249" s="10"/>
    </row>
    <row r="782250" spans="14:14">
      <c r="N782250" s="10"/>
    </row>
    <row r="782251" spans="14:14">
      <c r="N782251" s="10"/>
    </row>
    <row r="782252" spans="14:14">
      <c r="N782252" s="10"/>
    </row>
    <row r="782253" spans="14:14">
      <c r="N782253" s="10"/>
    </row>
    <row r="782254" spans="14:14">
      <c r="N782254" s="10"/>
    </row>
    <row r="782255" spans="14:14">
      <c r="N782255" s="10"/>
    </row>
    <row r="782256" spans="14:14">
      <c r="N782256" s="10"/>
    </row>
    <row r="782257" spans="14:14">
      <c r="N782257" s="10"/>
    </row>
    <row r="782258" spans="14:14">
      <c r="N782258" s="10"/>
    </row>
    <row r="782259" spans="14:14">
      <c r="N782259" s="10"/>
    </row>
    <row r="782260" spans="14:14">
      <c r="N782260" s="10"/>
    </row>
    <row r="782261" spans="14:14">
      <c r="N782261" s="10"/>
    </row>
    <row r="782262" spans="14:14">
      <c r="N782262" s="10"/>
    </row>
    <row r="782263" spans="14:14">
      <c r="N782263" s="10"/>
    </row>
    <row r="782264" spans="14:14">
      <c r="N782264" s="10"/>
    </row>
    <row r="782265" spans="14:14">
      <c r="N782265" s="10"/>
    </row>
    <row r="782266" spans="14:14">
      <c r="N782266" s="10"/>
    </row>
    <row r="782267" spans="14:14">
      <c r="N782267" s="10"/>
    </row>
    <row r="782268" spans="14:14">
      <c r="N782268" s="10"/>
    </row>
    <row r="782269" spans="14:14">
      <c r="N782269" s="10"/>
    </row>
    <row r="782270" spans="14:14">
      <c r="N782270" s="10"/>
    </row>
    <row r="782271" spans="14:14">
      <c r="N782271" s="10"/>
    </row>
    <row r="782272" spans="14:14">
      <c r="N782272" s="10"/>
    </row>
    <row r="782273" spans="14:14">
      <c r="N782273" s="10"/>
    </row>
    <row r="782274" spans="14:14">
      <c r="N782274" s="10"/>
    </row>
    <row r="782275" spans="14:14">
      <c r="N782275" s="10"/>
    </row>
    <row r="782276" spans="14:14">
      <c r="N782276" s="10"/>
    </row>
    <row r="782277" spans="14:14">
      <c r="N782277" s="10"/>
    </row>
    <row r="782278" spans="14:14">
      <c r="N782278" s="10"/>
    </row>
    <row r="782279" spans="14:14">
      <c r="N782279" s="10"/>
    </row>
    <row r="782280" spans="14:14">
      <c r="N782280" s="10"/>
    </row>
    <row r="782281" spans="14:14">
      <c r="N782281" s="10"/>
    </row>
    <row r="782282" spans="14:14">
      <c r="N782282" s="10"/>
    </row>
    <row r="782283" spans="14:14">
      <c r="N782283" s="10"/>
    </row>
    <row r="782284" spans="14:14">
      <c r="N782284" s="10"/>
    </row>
    <row r="782285" spans="14:14">
      <c r="N782285" s="10"/>
    </row>
    <row r="782286" spans="14:14">
      <c r="N782286" s="10"/>
    </row>
    <row r="782287" spans="14:14">
      <c r="N782287" s="10"/>
    </row>
    <row r="782288" spans="14:14">
      <c r="N782288" s="10"/>
    </row>
    <row r="782289" spans="14:14">
      <c r="N782289" s="10"/>
    </row>
    <row r="782290" spans="14:14">
      <c r="N782290" s="10"/>
    </row>
    <row r="782291" spans="14:14">
      <c r="N782291" s="10"/>
    </row>
    <row r="782292" spans="14:14">
      <c r="N782292" s="10"/>
    </row>
    <row r="782293" spans="14:14">
      <c r="N782293" s="10"/>
    </row>
    <row r="782294" spans="14:14">
      <c r="N782294" s="10"/>
    </row>
    <row r="782295" spans="14:14">
      <c r="N782295" s="10"/>
    </row>
    <row r="782296" spans="14:14">
      <c r="N782296" s="10"/>
    </row>
    <row r="782297" spans="14:14">
      <c r="N782297" s="10"/>
    </row>
    <row r="782298" spans="14:14">
      <c r="N782298" s="10"/>
    </row>
    <row r="782299" spans="14:14">
      <c r="N782299" s="10"/>
    </row>
    <row r="782300" spans="14:14">
      <c r="N782300" s="10"/>
    </row>
    <row r="782301" spans="14:14">
      <c r="N782301" s="10"/>
    </row>
    <row r="782302" spans="14:14">
      <c r="N782302" s="10"/>
    </row>
    <row r="782303" spans="14:14">
      <c r="N782303" s="10"/>
    </row>
    <row r="782304" spans="14:14">
      <c r="N782304" s="10"/>
    </row>
    <row r="782305" spans="14:14">
      <c r="N782305" s="10"/>
    </row>
    <row r="782306" spans="14:14">
      <c r="N782306" s="10"/>
    </row>
    <row r="782307" spans="14:14">
      <c r="N782307" s="10"/>
    </row>
    <row r="782308" spans="14:14">
      <c r="N782308" s="10"/>
    </row>
    <row r="782309" spans="14:14">
      <c r="N782309" s="10"/>
    </row>
    <row r="782310" spans="14:14">
      <c r="N782310" s="10"/>
    </row>
    <row r="782311" spans="14:14">
      <c r="N782311" s="10"/>
    </row>
    <row r="782312" spans="14:14">
      <c r="N782312" s="10"/>
    </row>
    <row r="782313" spans="14:14">
      <c r="N782313" s="10"/>
    </row>
    <row r="782314" spans="14:14">
      <c r="N782314" s="10"/>
    </row>
    <row r="782315" spans="14:14">
      <c r="N782315" s="10"/>
    </row>
    <row r="782316" spans="14:14">
      <c r="N782316" s="10"/>
    </row>
    <row r="782317" spans="14:14">
      <c r="N782317" s="10"/>
    </row>
    <row r="782318" spans="14:14">
      <c r="N782318" s="10"/>
    </row>
    <row r="782319" spans="14:14">
      <c r="N782319" s="10"/>
    </row>
    <row r="782320" spans="14:14">
      <c r="N782320" s="10"/>
    </row>
    <row r="782321" spans="14:14">
      <c r="N782321" s="10"/>
    </row>
    <row r="782322" spans="14:14">
      <c r="N782322" s="10"/>
    </row>
    <row r="782323" spans="14:14">
      <c r="N782323" s="10"/>
    </row>
    <row r="782324" spans="14:14">
      <c r="N782324" s="10"/>
    </row>
    <row r="782325" spans="14:14">
      <c r="N782325" s="10"/>
    </row>
    <row r="782326" spans="14:14">
      <c r="N782326" s="10"/>
    </row>
    <row r="782327" spans="14:14">
      <c r="N782327" s="10"/>
    </row>
    <row r="782328" spans="14:14">
      <c r="N782328" s="10"/>
    </row>
    <row r="782329" spans="14:14">
      <c r="N782329" s="10"/>
    </row>
    <row r="782330" spans="14:14">
      <c r="N782330" s="10"/>
    </row>
    <row r="782331" spans="14:14">
      <c r="N782331" s="10"/>
    </row>
    <row r="782332" spans="14:14">
      <c r="N782332" s="10"/>
    </row>
    <row r="782333" spans="14:14">
      <c r="N782333" s="10"/>
    </row>
    <row r="782334" spans="14:14">
      <c r="N782334" s="10"/>
    </row>
    <row r="782335" spans="14:14">
      <c r="N782335" s="10"/>
    </row>
    <row r="782336" spans="14:14">
      <c r="N782336" s="10"/>
    </row>
    <row r="782337" spans="14:14">
      <c r="N782337" s="10"/>
    </row>
    <row r="782338" spans="14:14">
      <c r="N782338" s="10"/>
    </row>
    <row r="782339" spans="14:14">
      <c r="N782339" s="10"/>
    </row>
    <row r="782340" spans="14:14">
      <c r="N782340" s="10"/>
    </row>
    <row r="782341" spans="14:14">
      <c r="N782341" s="10"/>
    </row>
    <row r="782342" spans="14:14">
      <c r="N782342" s="10"/>
    </row>
    <row r="782343" spans="14:14">
      <c r="N782343" s="10"/>
    </row>
    <row r="782344" spans="14:14">
      <c r="N782344" s="10"/>
    </row>
    <row r="782345" spans="14:14">
      <c r="N782345" s="10"/>
    </row>
    <row r="782346" spans="14:14">
      <c r="N782346" s="10"/>
    </row>
    <row r="782347" spans="14:14">
      <c r="N782347" s="10"/>
    </row>
    <row r="782348" spans="14:14">
      <c r="N782348" s="10"/>
    </row>
    <row r="782349" spans="14:14">
      <c r="N782349" s="10"/>
    </row>
    <row r="782350" spans="14:14">
      <c r="N782350" s="10"/>
    </row>
    <row r="782351" spans="14:14">
      <c r="N782351" s="10"/>
    </row>
    <row r="782352" spans="14:14">
      <c r="N782352" s="10"/>
    </row>
    <row r="782353" spans="14:14">
      <c r="N782353" s="10"/>
    </row>
    <row r="782354" spans="14:14">
      <c r="N782354" s="10"/>
    </row>
    <row r="782355" spans="14:14">
      <c r="N782355" s="10"/>
    </row>
    <row r="782356" spans="14:14">
      <c r="N782356" s="10"/>
    </row>
    <row r="782357" spans="14:14">
      <c r="N782357" s="10"/>
    </row>
    <row r="782358" spans="14:14">
      <c r="N782358" s="10"/>
    </row>
    <row r="782359" spans="14:14">
      <c r="N782359" s="10"/>
    </row>
    <row r="782360" spans="14:14">
      <c r="N782360" s="10"/>
    </row>
    <row r="782361" spans="14:14">
      <c r="N782361" s="10"/>
    </row>
    <row r="782362" spans="14:14">
      <c r="N782362" s="10"/>
    </row>
    <row r="782363" spans="14:14">
      <c r="N782363" s="10"/>
    </row>
    <row r="782364" spans="14:14">
      <c r="N782364" s="10"/>
    </row>
    <row r="782365" spans="14:14">
      <c r="N782365" s="10"/>
    </row>
    <row r="782366" spans="14:14">
      <c r="N782366" s="10"/>
    </row>
    <row r="782367" spans="14:14">
      <c r="N782367" s="10"/>
    </row>
    <row r="782368" spans="14:14">
      <c r="N782368" s="10"/>
    </row>
    <row r="782369" spans="14:14">
      <c r="N782369" s="10"/>
    </row>
    <row r="782370" spans="14:14">
      <c r="N782370" s="10"/>
    </row>
    <row r="782371" spans="14:14">
      <c r="N782371" s="10"/>
    </row>
    <row r="782372" spans="14:14">
      <c r="N782372" s="10"/>
    </row>
    <row r="782373" spans="14:14">
      <c r="N782373" s="10"/>
    </row>
    <row r="782374" spans="14:14">
      <c r="N782374" s="10"/>
    </row>
    <row r="782375" spans="14:14">
      <c r="N782375" s="10"/>
    </row>
    <row r="782376" spans="14:14">
      <c r="N782376" s="10"/>
    </row>
    <row r="782377" spans="14:14">
      <c r="N782377" s="10"/>
    </row>
    <row r="782378" spans="14:14">
      <c r="N782378" s="10"/>
    </row>
    <row r="782379" spans="14:14">
      <c r="N782379" s="10"/>
    </row>
    <row r="782380" spans="14:14">
      <c r="N782380" s="10"/>
    </row>
    <row r="782381" spans="14:14">
      <c r="N782381" s="10"/>
    </row>
    <row r="782382" spans="14:14">
      <c r="N782382" s="10"/>
    </row>
    <row r="782383" spans="14:14">
      <c r="N782383" s="10"/>
    </row>
    <row r="782384" spans="14:14">
      <c r="N782384" s="10"/>
    </row>
    <row r="782385" spans="14:14">
      <c r="N782385" s="10"/>
    </row>
    <row r="782386" spans="14:14">
      <c r="N782386" s="10"/>
    </row>
    <row r="782387" spans="14:14">
      <c r="N782387" s="10"/>
    </row>
    <row r="782388" spans="14:14">
      <c r="N782388" s="10"/>
    </row>
    <row r="782389" spans="14:14">
      <c r="N782389" s="10"/>
    </row>
    <row r="782390" spans="14:14">
      <c r="N782390" s="10"/>
    </row>
    <row r="782391" spans="14:14">
      <c r="N782391" s="10"/>
    </row>
    <row r="782392" spans="14:14">
      <c r="N782392" s="10"/>
    </row>
    <row r="782393" spans="14:14">
      <c r="N782393" s="10"/>
    </row>
    <row r="782394" spans="14:14">
      <c r="N782394" s="10"/>
    </row>
    <row r="782395" spans="14:14">
      <c r="N782395" s="10"/>
    </row>
    <row r="782396" spans="14:14">
      <c r="N782396" s="10"/>
    </row>
    <row r="782397" spans="14:14">
      <c r="N782397" s="10"/>
    </row>
    <row r="782398" spans="14:14">
      <c r="N782398" s="10"/>
    </row>
    <row r="782399" spans="14:14">
      <c r="N782399" s="10"/>
    </row>
    <row r="782400" spans="14:14">
      <c r="N782400" s="10"/>
    </row>
    <row r="782401" spans="14:14">
      <c r="N782401" s="10"/>
    </row>
    <row r="782402" spans="14:14">
      <c r="N782402" s="10"/>
    </row>
    <row r="782403" spans="14:14">
      <c r="N782403" s="10"/>
    </row>
    <row r="782404" spans="14:14">
      <c r="N782404" s="10"/>
    </row>
    <row r="782405" spans="14:14">
      <c r="N782405" s="10"/>
    </row>
    <row r="782406" spans="14:14">
      <c r="N782406" s="10"/>
    </row>
    <row r="782407" spans="14:14">
      <c r="N782407" s="10"/>
    </row>
    <row r="782408" spans="14:14">
      <c r="N782408" s="10"/>
    </row>
    <row r="782409" spans="14:14">
      <c r="N782409" s="10"/>
    </row>
    <row r="782410" spans="14:14">
      <c r="N782410" s="10"/>
    </row>
    <row r="782411" spans="14:14">
      <c r="N782411" s="10"/>
    </row>
    <row r="782412" spans="14:14">
      <c r="N782412" s="10"/>
    </row>
    <row r="782413" spans="14:14">
      <c r="N782413" s="10"/>
    </row>
    <row r="782414" spans="14:14">
      <c r="N782414" s="10"/>
    </row>
    <row r="782415" spans="14:14">
      <c r="N782415" s="10"/>
    </row>
    <row r="782416" spans="14:14">
      <c r="N782416" s="10"/>
    </row>
    <row r="782417" spans="14:14">
      <c r="N782417" s="10"/>
    </row>
    <row r="782418" spans="14:14">
      <c r="N782418" s="10"/>
    </row>
    <row r="782419" spans="14:14">
      <c r="N782419" s="10"/>
    </row>
    <row r="782420" spans="14:14">
      <c r="N782420" s="10"/>
    </row>
    <row r="782421" spans="14:14">
      <c r="N782421" s="10"/>
    </row>
    <row r="782422" spans="14:14">
      <c r="N782422" s="10"/>
    </row>
    <row r="782423" spans="14:14">
      <c r="N782423" s="10"/>
    </row>
    <row r="782424" spans="14:14">
      <c r="N782424" s="10"/>
    </row>
    <row r="782425" spans="14:14">
      <c r="N782425" s="10"/>
    </row>
    <row r="782426" spans="14:14">
      <c r="N782426" s="10"/>
    </row>
    <row r="782427" spans="14:14">
      <c r="N782427" s="10"/>
    </row>
    <row r="782428" spans="14:14">
      <c r="N782428" s="10"/>
    </row>
    <row r="782429" spans="14:14">
      <c r="N782429" s="10"/>
    </row>
    <row r="782430" spans="14:14">
      <c r="N782430" s="10"/>
    </row>
    <row r="782431" spans="14:14">
      <c r="N782431" s="10"/>
    </row>
    <row r="782432" spans="14:14">
      <c r="N782432" s="10"/>
    </row>
    <row r="782433" spans="14:14">
      <c r="N782433" s="10"/>
    </row>
    <row r="782434" spans="14:14">
      <c r="N782434" s="10"/>
    </row>
    <row r="782435" spans="14:14">
      <c r="N782435" s="10"/>
    </row>
    <row r="782436" spans="14:14">
      <c r="N782436" s="10"/>
    </row>
    <row r="782437" spans="14:14">
      <c r="N782437" s="10"/>
    </row>
    <row r="782438" spans="14:14">
      <c r="N782438" s="10"/>
    </row>
    <row r="782439" spans="14:14">
      <c r="N782439" s="10"/>
    </row>
    <row r="782440" spans="14:14">
      <c r="N782440" s="10"/>
    </row>
    <row r="782441" spans="14:14">
      <c r="N782441" s="10"/>
    </row>
    <row r="782442" spans="14:14">
      <c r="N782442" s="10"/>
    </row>
    <row r="782443" spans="14:14">
      <c r="N782443" s="10"/>
    </row>
    <row r="782444" spans="14:14">
      <c r="N782444" s="10"/>
    </row>
    <row r="782445" spans="14:14">
      <c r="N782445" s="10"/>
    </row>
    <row r="782446" spans="14:14">
      <c r="N782446" s="10"/>
    </row>
    <row r="782447" spans="14:14">
      <c r="N782447" s="10"/>
    </row>
    <row r="782448" spans="14:14">
      <c r="N782448" s="10"/>
    </row>
    <row r="782449" spans="14:14">
      <c r="N782449" s="10"/>
    </row>
    <row r="782450" spans="14:14">
      <c r="N782450" s="10"/>
    </row>
    <row r="782451" spans="14:14">
      <c r="N782451" s="10"/>
    </row>
    <row r="782452" spans="14:14">
      <c r="N782452" s="10"/>
    </row>
    <row r="782453" spans="14:14">
      <c r="N782453" s="10"/>
    </row>
    <row r="782454" spans="14:14">
      <c r="N782454" s="10"/>
    </row>
    <row r="782455" spans="14:14">
      <c r="N782455" s="10"/>
    </row>
    <row r="782456" spans="14:14">
      <c r="N782456" s="10"/>
    </row>
    <row r="782457" spans="14:14">
      <c r="N782457" s="10"/>
    </row>
    <row r="782458" spans="14:14">
      <c r="N782458" s="10"/>
    </row>
    <row r="782459" spans="14:14">
      <c r="N782459" s="10"/>
    </row>
    <row r="782460" spans="14:14">
      <c r="N782460" s="10"/>
    </row>
    <row r="782461" spans="14:14">
      <c r="N782461" s="10"/>
    </row>
    <row r="782462" spans="14:14">
      <c r="N782462" s="10"/>
    </row>
    <row r="782463" spans="14:14">
      <c r="N782463" s="10"/>
    </row>
    <row r="782464" spans="14:14">
      <c r="N782464" s="10"/>
    </row>
    <row r="782465" spans="14:14">
      <c r="N782465" s="10"/>
    </row>
    <row r="782466" spans="14:14">
      <c r="N782466" s="10"/>
    </row>
    <row r="782467" spans="14:14">
      <c r="N782467" s="10"/>
    </row>
    <row r="782468" spans="14:14">
      <c r="N782468" s="10"/>
    </row>
    <row r="782469" spans="14:14">
      <c r="N782469" s="10"/>
    </row>
    <row r="782470" spans="14:14">
      <c r="N782470" s="10"/>
    </row>
    <row r="782471" spans="14:14">
      <c r="N782471" s="10"/>
    </row>
    <row r="782472" spans="14:14">
      <c r="N782472" s="10"/>
    </row>
    <row r="782473" spans="14:14">
      <c r="N782473" s="10"/>
    </row>
    <row r="782474" spans="14:14">
      <c r="N782474" s="10"/>
    </row>
    <row r="782475" spans="14:14">
      <c r="N782475" s="10"/>
    </row>
    <row r="782476" spans="14:14">
      <c r="N782476" s="10"/>
    </row>
    <row r="782477" spans="14:14">
      <c r="N782477" s="10"/>
    </row>
    <row r="782478" spans="14:14">
      <c r="N782478" s="10"/>
    </row>
    <row r="782479" spans="14:14">
      <c r="N782479" s="10"/>
    </row>
    <row r="782480" spans="14:14">
      <c r="N782480" s="10"/>
    </row>
    <row r="782481" spans="14:14">
      <c r="N782481" s="10"/>
    </row>
    <row r="782482" spans="14:14">
      <c r="N782482" s="10"/>
    </row>
    <row r="782483" spans="14:14">
      <c r="N782483" s="10"/>
    </row>
    <row r="782484" spans="14:14">
      <c r="N782484" s="10"/>
    </row>
    <row r="782485" spans="14:14">
      <c r="N782485" s="10"/>
    </row>
    <row r="782486" spans="14:14">
      <c r="N782486" s="10"/>
    </row>
    <row r="782487" spans="14:14">
      <c r="N782487" s="10"/>
    </row>
    <row r="782488" spans="14:14">
      <c r="N782488" s="10"/>
    </row>
    <row r="782489" spans="14:14">
      <c r="N782489" s="10"/>
    </row>
    <row r="782490" spans="14:14">
      <c r="N782490" s="10"/>
    </row>
    <row r="782491" spans="14:14">
      <c r="N782491" s="10"/>
    </row>
    <row r="782492" spans="14:14">
      <c r="N782492" s="10"/>
    </row>
    <row r="782493" spans="14:14">
      <c r="N782493" s="10"/>
    </row>
    <row r="782494" spans="14:14">
      <c r="N782494" s="10"/>
    </row>
    <row r="782495" spans="14:14">
      <c r="N782495" s="10"/>
    </row>
    <row r="782496" spans="14:14">
      <c r="N782496" s="10"/>
    </row>
    <row r="782497" spans="14:14">
      <c r="N782497" s="10"/>
    </row>
    <row r="782498" spans="14:14">
      <c r="N782498" s="10"/>
    </row>
    <row r="782499" spans="14:14">
      <c r="N782499" s="10"/>
    </row>
    <row r="782500" spans="14:14">
      <c r="N782500" s="10"/>
    </row>
    <row r="782501" spans="14:14">
      <c r="N782501" s="10"/>
    </row>
    <row r="782502" spans="14:14">
      <c r="N782502" s="10"/>
    </row>
    <row r="782503" spans="14:14">
      <c r="N782503" s="10"/>
    </row>
    <row r="782504" spans="14:14">
      <c r="N782504" s="10"/>
    </row>
    <row r="782505" spans="14:14">
      <c r="N782505" s="10"/>
    </row>
    <row r="782506" spans="14:14">
      <c r="N782506" s="10"/>
    </row>
    <row r="782507" spans="14:14">
      <c r="N782507" s="10"/>
    </row>
    <row r="782508" spans="14:14">
      <c r="N782508" s="10"/>
    </row>
    <row r="782509" spans="14:14">
      <c r="N782509" s="10"/>
    </row>
    <row r="782510" spans="14:14">
      <c r="N782510" s="10"/>
    </row>
    <row r="782511" spans="14:14">
      <c r="N782511" s="10"/>
    </row>
    <row r="782512" spans="14:14">
      <c r="N782512" s="10"/>
    </row>
    <row r="782513" spans="14:14">
      <c r="N782513" s="10"/>
    </row>
    <row r="782514" spans="14:14">
      <c r="N782514" s="10"/>
    </row>
    <row r="782515" spans="14:14">
      <c r="N782515" s="10"/>
    </row>
    <row r="782516" spans="14:14">
      <c r="N782516" s="10"/>
    </row>
    <row r="782517" spans="14:14">
      <c r="N782517" s="10"/>
    </row>
    <row r="782518" spans="14:14">
      <c r="N782518" s="10"/>
    </row>
    <row r="782519" spans="14:14">
      <c r="N782519" s="10"/>
    </row>
    <row r="782520" spans="14:14">
      <c r="N782520" s="10"/>
    </row>
    <row r="782521" spans="14:14">
      <c r="N782521" s="10"/>
    </row>
    <row r="782522" spans="14:14">
      <c r="N782522" s="10"/>
    </row>
    <row r="782523" spans="14:14">
      <c r="N782523" s="10"/>
    </row>
    <row r="782524" spans="14:14">
      <c r="N782524" s="10"/>
    </row>
    <row r="782525" spans="14:14">
      <c r="N782525" s="10"/>
    </row>
    <row r="782526" spans="14:14">
      <c r="N782526" s="10"/>
    </row>
    <row r="782527" spans="14:14">
      <c r="N782527" s="10"/>
    </row>
    <row r="782528" spans="14:14">
      <c r="N782528" s="10"/>
    </row>
    <row r="782529" spans="14:14">
      <c r="N782529" s="10"/>
    </row>
    <row r="782530" spans="14:14">
      <c r="N782530" s="10"/>
    </row>
    <row r="782531" spans="14:14">
      <c r="N782531" s="10"/>
    </row>
    <row r="782532" spans="14:14">
      <c r="N782532" s="10"/>
    </row>
    <row r="782533" spans="14:14">
      <c r="N782533" s="10"/>
    </row>
    <row r="782534" spans="14:14">
      <c r="N782534" s="10"/>
    </row>
    <row r="782535" spans="14:14">
      <c r="N782535" s="10"/>
    </row>
    <row r="782536" spans="14:14">
      <c r="N782536" s="10"/>
    </row>
    <row r="782537" spans="14:14">
      <c r="N782537" s="10"/>
    </row>
    <row r="782538" spans="14:14">
      <c r="N782538" s="10"/>
    </row>
    <row r="782539" spans="14:14">
      <c r="N782539" s="10"/>
    </row>
    <row r="782540" spans="14:14">
      <c r="N782540" s="10"/>
    </row>
    <row r="782541" spans="14:14">
      <c r="N782541" s="10"/>
    </row>
    <row r="782542" spans="14:14">
      <c r="N782542" s="10"/>
    </row>
    <row r="782543" spans="14:14">
      <c r="N782543" s="10"/>
    </row>
    <row r="782544" spans="14:14">
      <c r="N782544" s="10"/>
    </row>
    <row r="782545" spans="14:14">
      <c r="N782545" s="10"/>
    </row>
    <row r="782546" spans="14:14">
      <c r="N782546" s="10"/>
    </row>
    <row r="782547" spans="14:14">
      <c r="N782547" s="10"/>
    </row>
    <row r="782548" spans="14:14">
      <c r="N782548" s="10"/>
    </row>
    <row r="782549" spans="14:14">
      <c r="N782549" s="10"/>
    </row>
    <row r="782550" spans="14:14">
      <c r="N782550" s="10"/>
    </row>
    <row r="782551" spans="14:14">
      <c r="N782551" s="10"/>
    </row>
    <row r="782552" spans="14:14">
      <c r="N782552" s="10"/>
    </row>
    <row r="782553" spans="14:14">
      <c r="N782553" s="10"/>
    </row>
    <row r="782554" spans="14:14">
      <c r="N782554" s="10"/>
    </row>
    <row r="782555" spans="14:14">
      <c r="N782555" s="10"/>
    </row>
    <row r="782556" spans="14:14">
      <c r="N782556" s="10"/>
    </row>
    <row r="782557" spans="14:14">
      <c r="N782557" s="10"/>
    </row>
    <row r="782558" spans="14:14">
      <c r="N782558" s="10"/>
    </row>
    <row r="782559" spans="14:14">
      <c r="N782559" s="10"/>
    </row>
    <row r="782560" spans="14:14">
      <c r="N782560" s="10"/>
    </row>
    <row r="782561" spans="14:14">
      <c r="N782561" s="10"/>
    </row>
    <row r="782562" spans="14:14">
      <c r="N782562" s="10"/>
    </row>
    <row r="782563" spans="14:14">
      <c r="N782563" s="10"/>
    </row>
    <row r="782564" spans="14:14">
      <c r="N782564" s="10"/>
    </row>
    <row r="782565" spans="14:14">
      <c r="N782565" s="10"/>
    </row>
    <row r="782566" spans="14:14">
      <c r="N782566" s="10"/>
    </row>
    <row r="782567" spans="14:14">
      <c r="N782567" s="10"/>
    </row>
    <row r="782568" spans="14:14">
      <c r="N782568" s="10"/>
    </row>
    <row r="782569" spans="14:14">
      <c r="N782569" s="10"/>
    </row>
    <row r="782570" spans="14:14">
      <c r="N782570" s="10"/>
    </row>
    <row r="782571" spans="14:14">
      <c r="N782571" s="10"/>
    </row>
    <row r="782572" spans="14:14">
      <c r="N782572" s="10"/>
    </row>
    <row r="782573" spans="14:14">
      <c r="N782573" s="10"/>
    </row>
    <row r="782574" spans="14:14">
      <c r="N782574" s="10"/>
    </row>
    <row r="782575" spans="14:14">
      <c r="N782575" s="10"/>
    </row>
    <row r="782576" spans="14:14">
      <c r="N782576" s="10"/>
    </row>
    <row r="782577" spans="14:14">
      <c r="N782577" s="10"/>
    </row>
    <row r="782578" spans="14:14">
      <c r="N782578" s="10"/>
    </row>
    <row r="782579" spans="14:14">
      <c r="N782579" s="10"/>
    </row>
    <row r="782580" spans="14:14">
      <c r="N782580" s="10"/>
    </row>
    <row r="782581" spans="14:14">
      <c r="N782581" s="10"/>
    </row>
    <row r="782582" spans="14:14">
      <c r="N782582" s="10"/>
    </row>
    <row r="782583" spans="14:14">
      <c r="N782583" s="10"/>
    </row>
    <row r="782584" spans="14:14">
      <c r="N782584" s="10"/>
    </row>
    <row r="782585" spans="14:14">
      <c r="N782585" s="10"/>
    </row>
    <row r="782586" spans="14:14">
      <c r="N782586" s="10"/>
    </row>
    <row r="782587" spans="14:14">
      <c r="N782587" s="10"/>
    </row>
    <row r="782588" spans="14:14">
      <c r="N782588" s="10"/>
    </row>
    <row r="782589" spans="14:14">
      <c r="N782589" s="10"/>
    </row>
    <row r="782590" spans="14:14">
      <c r="N782590" s="10"/>
    </row>
    <row r="782591" spans="14:14">
      <c r="N782591" s="10"/>
    </row>
    <row r="782592" spans="14:14">
      <c r="N782592" s="10"/>
    </row>
    <row r="782593" spans="14:14">
      <c r="N782593" s="10"/>
    </row>
    <row r="782594" spans="14:14">
      <c r="N782594" s="10"/>
    </row>
    <row r="782595" spans="14:14">
      <c r="N782595" s="10"/>
    </row>
    <row r="782596" spans="14:14">
      <c r="N782596" s="10"/>
    </row>
    <row r="782597" spans="14:14">
      <c r="N782597" s="10"/>
    </row>
    <row r="782598" spans="14:14">
      <c r="N782598" s="10"/>
    </row>
    <row r="782599" spans="14:14">
      <c r="N782599" s="10"/>
    </row>
    <row r="782600" spans="14:14">
      <c r="N782600" s="10"/>
    </row>
    <row r="782601" spans="14:14">
      <c r="N782601" s="10"/>
    </row>
    <row r="782602" spans="14:14">
      <c r="N782602" s="10"/>
    </row>
    <row r="782603" spans="14:14">
      <c r="N782603" s="10"/>
    </row>
    <row r="782604" spans="14:14">
      <c r="N782604" s="10"/>
    </row>
    <row r="782605" spans="14:14">
      <c r="N782605" s="10"/>
    </row>
    <row r="782606" spans="14:14">
      <c r="N782606" s="10"/>
    </row>
    <row r="782607" spans="14:14">
      <c r="N782607" s="10"/>
    </row>
    <row r="782608" spans="14:14">
      <c r="N782608" s="10"/>
    </row>
    <row r="782609" spans="14:14">
      <c r="N782609" s="10"/>
    </row>
    <row r="782610" spans="14:14">
      <c r="N782610" s="10"/>
    </row>
    <row r="782611" spans="14:14">
      <c r="N782611" s="10"/>
    </row>
    <row r="782612" spans="14:14">
      <c r="N782612" s="10"/>
    </row>
    <row r="782613" spans="14:14">
      <c r="N782613" s="10"/>
    </row>
    <row r="782614" spans="14:14">
      <c r="N782614" s="10"/>
    </row>
    <row r="782615" spans="14:14">
      <c r="N782615" s="10"/>
    </row>
    <row r="782616" spans="14:14">
      <c r="N782616" s="10"/>
    </row>
    <row r="782617" spans="14:14">
      <c r="N782617" s="10"/>
    </row>
    <row r="782618" spans="14:14">
      <c r="N782618" s="10"/>
    </row>
    <row r="782619" spans="14:14">
      <c r="N782619" s="10"/>
    </row>
    <row r="782620" spans="14:14">
      <c r="N782620" s="10"/>
    </row>
    <row r="782621" spans="14:14">
      <c r="N782621" s="10"/>
    </row>
    <row r="782622" spans="14:14">
      <c r="N782622" s="10"/>
    </row>
    <row r="782623" spans="14:14">
      <c r="N782623" s="10"/>
    </row>
    <row r="782624" spans="14:14">
      <c r="N782624" s="10"/>
    </row>
    <row r="782625" spans="14:14">
      <c r="N782625" s="10"/>
    </row>
    <row r="782626" spans="14:14">
      <c r="N782626" s="10"/>
    </row>
    <row r="782627" spans="14:14">
      <c r="N782627" s="10"/>
    </row>
    <row r="782628" spans="14:14">
      <c r="N782628" s="10"/>
    </row>
    <row r="782629" spans="14:14">
      <c r="N782629" s="10"/>
    </row>
    <row r="782630" spans="14:14">
      <c r="N782630" s="10"/>
    </row>
    <row r="782631" spans="14:14">
      <c r="N782631" s="10"/>
    </row>
    <row r="782632" spans="14:14">
      <c r="N782632" s="10"/>
    </row>
    <row r="782633" spans="14:14">
      <c r="N782633" s="10"/>
    </row>
    <row r="782634" spans="14:14">
      <c r="N782634" s="10"/>
    </row>
    <row r="782635" spans="14:14">
      <c r="N782635" s="10"/>
    </row>
    <row r="782636" spans="14:14">
      <c r="N782636" s="10"/>
    </row>
    <row r="782637" spans="14:14">
      <c r="N782637" s="10"/>
    </row>
    <row r="782638" spans="14:14">
      <c r="N782638" s="10"/>
    </row>
    <row r="782639" spans="14:14">
      <c r="N782639" s="10"/>
    </row>
    <row r="782640" spans="14:14">
      <c r="N782640" s="10"/>
    </row>
    <row r="782641" spans="14:14">
      <c r="N782641" s="10"/>
    </row>
    <row r="782642" spans="14:14">
      <c r="N782642" s="10"/>
    </row>
    <row r="782643" spans="14:14">
      <c r="N782643" s="10"/>
    </row>
    <row r="782644" spans="14:14">
      <c r="N782644" s="10"/>
    </row>
    <row r="782645" spans="14:14">
      <c r="N782645" s="10"/>
    </row>
    <row r="782646" spans="14:14">
      <c r="N782646" s="10"/>
    </row>
    <row r="782647" spans="14:14">
      <c r="N782647" s="10"/>
    </row>
    <row r="782648" spans="14:14">
      <c r="N782648" s="10"/>
    </row>
    <row r="782649" spans="14:14">
      <c r="N782649" s="10"/>
    </row>
    <row r="782650" spans="14:14">
      <c r="N782650" s="10"/>
    </row>
    <row r="782651" spans="14:14">
      <c r="N782651" s="10"/>
    </row>
    <row r="782652" spans="14:14">
      <c r="N782652" s="10"/>
    </row>
    <row r="782653" spans="14:14">
      <c r="N782653" s="10"/>
    </row>
    <row r="782654" spans="14:14">
      <c r="N782654" s="10"/>
    </row>
    <row r="782655" spans="14:14">
      <c r="N782655" s="10"/>
    </row>
    <row r="782656" spans="14:14">
      <c r="N782656" s="10"/>
    </row>
    <row r="782657" spans="14:14">
      <c r="N782657" s="10"/>
    </row>
    <row r="782658" spans="14:14">
      <c r="N782658" s="10"/>
    </row>
    <row r="782659" spans="14:14">
      <c r="N782659" s="10"/>
    </row>
    <row r="782660" spans="14:14">
      <c r="N782660" s="10"/>
    </row>
    <row r="782661" spans="14:14">
      <c r="N782661" s="10"/>
    </row>
    <row r="782662" spans="14:14">
      <c r="N782662" s="10"/>
    </row>
    <row r="782663" spans="14:14">
      <c r="N782663" s="10"/>
    </row>
    <row r="782664" spans="14:14">
      <c r="N782664" s="10"/>
    </row>
    <row r="782665" spans="14:14">
      <c r="N782665" s="10"/>
    </row>
    <row r="782666" spans="14:14">
      <c r="N782666" s="10"/>
    </row>
    <row r="782667" spans="14:14">
      <c r="N782667" s="10"/>
    </row>
    <row r="782668" spans="14:14">
      <c r="N782668" s="10"/>
    </row>
    <row r="782669" spans="14:14">
      <c r="N782669" s="10"/>
    </row>
    <row r="782670" spans="14:14">
      <c r="N782670" s="10"/>
    </row>
    <row r="782671" spans="14:14">
      <c r="N782671" s="10"/>
    </row>
    <row r="782672" spans="14:14">
      <c r="N782672" s="10"/>
    </row>
    <row r="782673" spans="14:14">
      <c r="N782673" s="10"/>
    </row>
    <row r="782674" spans="14:14">
      <c r="N782674" s="10"/>
    </row>
    <row r="782675" spans="14:14">
      <c r="N782675" s="10"/>
    </row>
    <row r="782676" spans="14:14">
      <c r="N782676" s="10"/>
    </row>
    <row r="782677" spans="14:14">
      <c r="N782677" s="10"/>
    </row>
    <row r="782678" spans="14:14">
      <c r="N782678" s="10"/>
    </row>
    <row r="782679" spans="14:14">
      <c r="N782679" s="10"/>
    </row>
    <row r="782680" spans="14:14">
      <c r="N782680" s="10"/>
    </row>
    <row r="782681" spans="14:14">
      <c r="N782681" s="10"/>
    </row>
    <row r="782682" spans="14:14">
      <c r="N782682" s="10"/>
    </row>
    <row r="782683" spans="14:14">
      <c r="N782683" s="10"/>
    </row>
    <row r="782684" spans="14:14">
      <c r="N782684" s="10"/>
    </row>
    <row r="782685" spans="14:14">
      <c r="N782685" s="10"/>
    </row>
    <row r="782686" spans="14:14">
      <c r="N782686" s="10"/>
    </row>
    <row r="782687" spans="14:14">
      <c r="N782687" s="10"/>
    </row>
    <row r="782688" spans="14:14">
      <c r="N782688" s="10"/>
    </row>
    <row r="782689" spans="14:14">
      <c r="N782689" s="10"/>
    </row>
    <row r="782690" spans="14:14">
      <c r="N782690" s="10"/>
    </row>
    <row r="782691" spans="14:14">
      <c r="N782691" s="10"/>
    </row>
    <row r="782692" spans="14:14">
      <c r="N782692" s="10"/>
    </row>
    <row r="782693" spans="14:14">
      <c r="N782693" s="10"/>
    </row>
    <row r="782694" spans="14:14">
      <c r="N782694" s="10"/>
    </row>
    <row r="782695" spans="14:14">
      <c r="N782695" s="10"/>
    </row>
    <row r="782696" spans="14:14">
      <c r="N782696" s="10"/>
    </row>
    <row r="782697" spans="14:14">
      <c r="N782697" s="10"/>
    </row>
    <row r="782698" spans="14:14">
      <c r="N782698" s="10"/>
    </row>
    <row r="782699" spans="14:14">
      <c r="N782699" s="10"/>
    </row>
    <row r="782700" spans="14:14">
      <c r="N782700" s="10"/>
    </row>
    <row r="782701" spans="14:14">
      <c r="N782701" s="10"/>
    </row>
    <row r="782702" spans="14:14">
      <c r="N782702" s="10"/>
    </row>
    <row r="782703" spans="14:14">
      <c r="N782703" s="10"/>
    </row>
    <row r="782704" spans="14:14">
      <c r="N782704" s="10"/>
    </row>
    <row r="782705" spans="14:14">
      <c r="N782705" s="10"/>
    </row>
    <row r="782706" spans="14:14">
      <c r="N782706" s="10"/>
    </row>
    <row r="782707" spans="14:14">
      <c r="N782707" s="10"/>
    </row>
    <row r="782708" spans="14:14">
      <c r="N782708" s="10"/>
    </row>
    <row r="782709" spans="14:14">
      <c r="N782709" s="10"/>
    </row>
    <row r="782710" spans="14:14">
      <c r="N782710" s="10"/>
    </row>
    <row r="782711" spans="14:14">
      <c r="N782711" s="10"/>
    </row>
    <row r="782712" spans="14:14">
      <c r="N782712" s="10"/>
    </row>
    <row r="782713" spans="14:14">
      <c r="N782713" s="10"/>
    </row>
    <row r="782714" spans="14:14">
      <c r="N782714" s="10"/>
    </row>
    <row r="782715" spans="14:14">
      <c r="N782715" s="10"/>
    </row>
    <row r="782716" spans="14:14">
      <c r="N782716" s="10"/>
    </row>
    <row r="782717" spans="14:14">
      <c r="N782717" s="10"/>
    </row>
    <row r="782718" spans="14:14">
      <c r="N782718" s="10"/>
    </row>
    <row r="782719" spans="14:14">
      <c r="N782719" s="10"/>
    </row>
    <row r="782720" spans="14:14">
      <c r="N782720" s="10"/>
    </row>
    <row r="782721" spans="14:14">
      <c r="N782721" s="10"/>
    </row>
    <row r="782722" spans="14:14">
      <c r="N782722" s="10"/>
    </row>
    <row r="782723" spans="14:14">
      <c r="N782723" s="10"/>
    </row>
    <row r="782724" spans="14:14">
      <c r="N782724" s="10"/>
    </row>
    <row r="782725" spans="14:14">
      <c r="N782725" s="10"/>
    </row>
    <row r="782726" spans="14:14">
      <c r="N782726" s="10"/>
    </row>
    <row r="782727" spans="14:14">
      <c r="N782727" s="10"/>
    </row>
    <row r="782728" spans="14:14">
      <c r="N782728" s="10"/>
    </row>
    <row r="782729" spans="14:14">
      <c r="N782729" s="10"/>
    </row>
    <row r="782730" spans="14:14">
      <c r="N782730" s="10"/>
    </row>
    <row r="782731" spans="14:14">
      <c r="N782731" s="10"/>
    </row>
    <row r="782732" spans="14:14">
      <c r="N782732" s="10"/>
    </row>
    <row r="782733" spans="14:14">
      <c r="N782733" s="10"/>
    </row>
    <row r="782734" spans="14:14">
      <c r="N782734" s="10"/>
    </row>
    <row r="782735" spans="14:14">
      <c r="N782735" s="10"/>
    </row>
    <row r="782736" spans="14:14">
      <c r="N782736" s="10"/>
    </row>
    <row r="782737" spans="14:14">
      <c r="N782737" s="10"/>
    </row>
    <row r="782738" spans="14:14">
      <c r="N782738" s="10"/>
    </row>
    <row r="782739" spans="14:14">
      <c r="N782739" s="10"/>
    </row>
    <row r="782740" spans="14:14">
      <c r="N782740" s="10"/>
    </row>
    <row r="782741" spans="14:14">
      <c r="N782741" s="10"/>
    </row>
    <row r="782742" spans="14:14">
      <c r="N782742" s="10"/>
    </row>
    <row r="782743" spans="14:14">
      <c r="N782743" s="10"/>
    </row>
    <row r="782744" spans="14:14">
      <c r="N782744" s="10"/>
    </row>
    <row r="782745" spans="14:14">
      <c r="N782745" s="10"/>
    </row>
    <row r="782746" spans="14:14">
      <c r="N782746" s="10"/>
    </row>
    <row r="782747" spans="14:14">
      <c r="N782747" s="10"/>
    </row>
    <row r="782748" spans="14:14">
      <c r="N782748" s="10"/>
    </row>
    <row r="782749" spans="14:14">
      <c r="N782749" s="10"/>
    </row>
    <row r="782750" spans="14:14">
      <c r="N782750" s="10"/>
    </row>
    <row r="782751" spans="14:14">
      <c r="N782751" s="10"/>
    </row>
    <row r="782752" spans="14:14">
      <c r="N782752" s="10"/>
    </row>
    <row r="782753" spans="14:14">
      <c r="N782753" s="10"/>
    </row>
    <row r="782754" spans="14:14">
      <c r="N782754" s="10"/>
    </row>
    <row r="782755" spans="14:14">
      <c r="N782755" s="10"/>
    </row>
    <row r="782756" spans="14:14">
      <c r="N782756" s="10"/>
    </row>
    <row r="782757" spans="14:14">
      <c r="N782757" s="10"/>
    </row>
    <row r="782758" spans="14:14">
      <c r="N782758" s="10"/>
    </row>
    <row r="782759" spans="14:14">
      <c r="N782759" s="10"/>
    </row>
    <row r="782760" spans="14:14">
      <c r="N782760" s="10"/>
    </row>
    <row r="782761" spans="14:14">
      <c r="N782761" s="10"/>
    </row>
    <row r="782762" spans="14:14">
      <c r="N782762" s="10"/>
    </row>
    <row r="782763" spans="14:14">
      <c r="N782763" s="10"/>
    </row>
    <row r="782764" spans="14:14">
      <c r="N782764" s="10"/>
    </row>
    <row r="782765" spans="14:14">
      <c r="N782765" s="10"/>
    </row>
    <row r="782766" spans="14:14">
      <c r="N782766" s="10"/>
    </row>
    <row r="782767" spans="14:14">
      <c r="N782767" s="10"/>
    </row>
    <row r="782768" spans="14:14">
      <c r="N782768" s="10"/>
    </row>
    <row r="782769" spans="14:14">
      <c r="N782769" s="10"/>
    </row>
    <row r="782770" spans="14:14">
      <c r="N782770" s="10"/>
    </row>
    <row r="782771" spans="14:14">
      <c r="N782771" s="10"/>
    </row>
    <row r="782772" spans="14:14">
      <c r="N782772" s="10"/>
    </row>
    <row r="782773" spans="14:14">
      <c r="N782773" s="10"/>
    </row>
    <row r="782774" spans="14:14">
      <c r="N782774" s="10"/>
    </row>
    <row r="782775" spans="14:14">
      <c r="N782775" s="10"/>
    </row>
    <row r="782776" spans="14:14">
      <c r="N782776" s="10"/>
    </row>
    <row r="782777" spans="14:14">
      <c r="N782777" s="10"/>
    </row>
    <row r="782778" spans="14:14">
      <c r="N782778" s="10"/>
    </row>
    <row r="782779" spans="14:14">
      <c r="N782779" s="10"/>
    </row>
    <row r="782780" spans="14:14">
      <c r="N782780" s="10"/>
    </row>
    <row r="782781" spans="14:14">
      <c r="N782781" s="10"/>
    </row>
    <row r="782782" spans="14:14">
      <c r="N782782" s="10"/>
    </row>
    <row r="782783" spans="14:14">
      <c r="N782783" s="10"/>
    </row>
    <row r="782784" spans="14:14">
      <c r="N782784" s="10"/>
    </row>
    <row r="782785" spans="14:14">
      <c r="N782785" s="10"/>
    </row>
    <row r="782786" spans="14:14">
      <c r="N782786" s="10"/>
    </row>
    <row r="782787" spans="14:14">
      <c r="N782787" s="10"/>
    </row>
    <row r="782788" spans="14:14">
      <c r="N782788" s="10"/>
    </row>
    <row r="782789" spans="14:14">
      <c r="N782789" s="10"/>
    </row>
    <row r="782790" spans="14:14">
      <c r="N782790" s="10"/>
    </row>
    <row r="782791" spans="14:14">
      <c r="N782791" s="10"/>
    </row>
    <row r="782792" spans="14:14">
      <c r="N782792" s="10"/>
    </row>
    <row r="782793" spans="14:14">
      <c r="N782793" s="10"/>
    </row>
    <row r="782794" spans="14:14">
      <c r="N782794" s="10"/>
    </row>
    <row r="782795" spans="14:14">
      <c r="N782795" s="10"/>
    </row>
    <row r="782796" spans="14:14">
      <c r="N782796" s="10"/>
    </row>
    <row r="782797" spans="14:14">
      <c r="N782797" s="10"/>
    </row>
    <row r="782798" spans="14:14">
      <c r="N782798" s="10"/>
    </row>
    <row r="782799" spans="14:14">
      <c r="N782799" s="10"/>
    </row>
    <row r="782800" spans="14:14">
      <c r="N782800" s="10"/>
    </row>
    <row r="782801" spans="14:14">
      <c r="N782801" s="10"/>
    </row>
    <row r="782802" spans="14:14">
      <c r="N782802" s="10"/>
    </row>
    <row r="782803" spans="14:14">
      <c r="N782803" s="10"/>
    </row>
    <row r="782804" spans="14:14">
      <c r="N782804" s="10"/>
    </row>
    <row r="782805" spans="14:14">
      <c r="N782805" s="10"/>
    </row>
    <row r="782806" spans="14:14">
      <c r="N782806" s="10"/>
    </row>
    <row r="782807" spans="14:14">
      <c r="N782807" s="10"/>
    </row>
    <row r="782808" spans="14:14">
      <c r="N782808" s="10"/>
    </row>
    <row r="782809" spans="14:14">
      <c r="N782809" s="10"/>
    </row>
    <row r="782810" spans="14:14">
      <c r="N782810" s="10"/>
    </row>
    <row r="782811" spans="14:14">
      <c r="N782811" s="10"/>
    </row>
    <row r="782812" spans="14:14">
      <c r="N782812" s="10"/>
    </row>
    <row r="782813" spans="14:14">
      <c r="N782813" s="10"/>
    </row>
    <row r="782814" spans="14:14">
      <c r="N782814" s="10"/>
    </row>
    <row r="782815" spans="14:14">
      <c r="N782815" s="10"/>
    </row>
    <row r="782816" spans="14:14">
      <c r="N782816" s="10"/>
    </row>
    <row r="782817" spans="14:14">
      <c r="N782817" s="10"/>
    </row>
    <row r="782818" spans="14:14">
      <c r="N782818" s="10"/>
    </row>
    <row r="782819" spans="14:14">
      <c r="N782819" s="10"/>
    </row>
    <row r="782820" spans="14:14">
      <c r="N782820" s="10"/>
    </row>
    <row r="782821" spans="14:14">
      <c r="N782821" s="10"/>
    </row>
    <row r="782822" spans="14:14">
      <c r="N782822" s="10"/>
    </row>
    <row r="782823" spans="14:14">
      <c r="N782823" s="10"/>
    </row>
    <row r="782824" spans="14:14">
      <c r="N782824" s="10"/>
    </row>
    <row r="782825" spans="14:14">
      <c r="N782825" s="10"/>
    </row>
    <row r="782826" spans="14:14">
      <c r="N782826" s="10"/>
    </row>
    <row r="782827" spans="14:14">
      <c r="N782827" s="10"/>
    </row>
    <row r="782828" spans="14:14">
      <c r="N782828" s="10"/>
    </row>
    <row r="782829" spans="14:14">
      <c r="N782829" s="10"/>
    </row>
    <row r="782830" spans="14:14">
      <c r="N782830" s="10"/>
    </row>
    <row r="782831" spans="14:14">
      <c r="N782831" s="10"/>
    </row>
    <row r="782832" spans="14:14">
      <c r="N782832" s="10"/>
    </row>
    <row r="782833" spans="14:14">
      <c r="N782833" s="10"/>
    </row>
    <row r="782834" spans="14:14">
      <c r="N782834" s="10"/>
    </row>
    <row r="782835" spans="14:14">
      <c r="N782835" s="10"/>
    </row>
    <row r="782836" spans="14:14">
      <c r="N782836" s="10"/>
    </row>
    <row r="782837" spans="14:14">
      <c r="N782837" s="10"/>
    </row>
    <row r="782838" spans="14:14">
      <c r="N782838" s="10"/>
    </row>
    <row r="782839" spans="14:14">
      <c r="N782839" s="10"/>
    </row>
    <row r="782840" spans="14:14">
      <c r="N782840" s="10"/>
    </row>
    <row r="782841" spans="14:14">
      <c r="N782841" s="10"/>
    </row>
    <row r="782842" spans="14:14">
      <c r="N782842" s="10"/>
    </row>
    <row r="782843" spans="14:14">
      <c r="N782843" s="10"/>
    </row>
    <row r="782844" spans="14:14">
      <c r="N782844" s="10"/>
    </row>
    <row r="782845" spans="14:14">
      <c r="N782845" s="10"/>
    </row>
    <row r="782846" spans="14:14">
      <c r="N782846" s="10"/>
    </row>
    <row r="782847" spans="14:14">
      <c r="N782847" s="10"/>
    </row>
    <row r="782848" spans="14:14">
      <c r="N782848" s="10"/>
    </row>
    <row r="782849" spans="14:14">
      <c r="N782849" s="10"/>
    </row>
    <row r="782850" spans="14:14">
      <c r="N782850" s="10"/>
    </row>
    <row r="782851" spans="14:14">
      <c r="N782851" s="10"/>
    </row>
    <row r="782852" spans="14:14">
      <c r="N782852" s="10"/>
    </row>
    <row r="782853" spans="14:14">
      <c r="N782853" s="10"/>
    </row>
    <row r="782854" spans="14:14">
      <c r="N782854" s="10"/>
    </row>
    <row r="782855" spans="14:14">
      <c r="N782855" s="10"/>
    </row>
    <row r="782856" spans="14:14">
      <c r="N782856" s="10"/>
    </row>
    <row r="782857" spans="14:14">
      <c r="N782857" s="10"/>
    </row>
    <row r="782858" spans="14:14">
      <c r="N782858" s="10"/>
    </row>
    <row r="782859" spans="14:14">
      <c r="N782859" s="10"/>
    </row>
    <row r="782860" spans="14:14">
      <c r="N782860" s="10"/>
    </row>
    <row r="782861" spans="14:14">
      <c r="N782861" s="10"/>
    </row>
    <row r="782862" spans="14:14">
      <c r="N782862" s="10"/>
    </row>
    <row r="782863" spans="14:14">
      <c r="N782863" s="10"/>
    </row>
    <row r="782864" spans="14:14">
      <c r="N782864" s="10"/>
    </row>
    <row r="782865" spans="14:14">
      <c r="N782865" s="10"/>
    </row>
    <row r="782866" spans="14:14">
      <c r="N782866" s="10"/>
    </row>
    <row r="782867" spans="14:14">
      <c r="N782867" s="10"/>
    </row>
    <row r="782868" spans="14:14">
      <c r="N782868" s="10"/>
    </row>
    <row r="782869" spans="14:14">
      <c r="N782869" s="10"/>
    </row>
    <row r="782870" spans="14:14">
      <c r="N782870" s="10"/>
    </row>
    <row r="782871" spans="14:14">
      <c r="N782871" s="10"/>
    </row>
    <row r="782872" spans="14:14">
      <c r="N782872" s="10"/>
    </row>
    <row r="782873" spans="14:14">
      <c r="N782873" s="10"/>
    </row>
    <row r="782874" spans="14:14">
      <c r="N782874" s="10"/>
    </row>
    <row r="782875" spans="14:14">
      <c r="N782875" s="10"/>
    </row>
    <row r="782876" spans="14:14">
      <c r="N782876" s="10"/>
    </row>
    <row r="782877" spans="14:14">
      <c r="N782877" s="10"/>
    </row>
    <row r="782878" spans="14:14">
      <c r="N782878" s="10"/>
    </row>
    <row r="782879" spans="14:14">
      <c r="N782879" s="10"/>
    </row>
    <row r="782880" spans="14:14">
      <c r="N782880" s="10"/>
    </row>
    <row r="782881" spans="14:14">
      <c r="N782881" s="10"/>
    </row>
    <row r="782882" spans="14:14">
      <c r="N782882" s="10"/>
    </row>
    <row r="782883" spans="14:14">
      <c r="N782883" s="10"/>
    </row>
    <row r="782884" spans="14:14">
      <c r="N782884" s="10"/>
    </row>
    <row r="782885" spans="14:14">
      <c r="N782885" s="10"/>
    </row>
    <row r="782886" spans="14:14">
      <c r="N782886" s="10"/>
    </row>
    <row r="782887" spans="14:14">
      <c r="N782887" s="10"/>
    </row>
    <row r="782888" spans="14:14">
      <c r="N782888" s="10"/>
    </row>
    <row r="782889" spans="14:14">
      <c r="N782889" s="10"/>
    </row>
    <row r="782890" spans="14:14">
      <c r="N782890" s="10"/>
    </row>
    <row r="782891" spans="14:14">
      <c r="N782891" s="10"/>
    </row>
    <row r="782892" spans="14:14">
      <c r="N782892" s="10"/>
    </row>
    <row r="782893" spans="14:14">
      <c r="N782893" s="10"/>
    </row>
    <row r="782894" spans="14:14">
      <c r="N782894" s="10"/>
    </row>
    <row r="782895" spans="14:14">
      <c r="N782895" s="10"/>
    </row>
    <row r="782896" spans="14:14">
      <c r="N782896" s="10"/>
    </row>
    <row r="782897" spans="14:14">
      <c r="N782897" s="10"/>
    </row>
    <row r="782898" spans="14:14">
      <c r="N782898" s="10"/>
    </row>
    <row r="782899" spans="14:14">
      <c r="N782899" s="10"/>
    </row>
    <row r="782900" spans="14:14">
      <c r="N782900" s="10"/>
    </row>
    <row r="782901" spans="14:14">
      <c r="N782901" s="10"/>
    </row>
    <row r="782902" spans="14:14">
      <c r="N782902" s="10"/>
    </row>
    <row r="782903" spans="14:14">
      <c r="N782903" s="10"/>
    </row>
    <row r="782904" spans="14:14">
      <c r="N782904" s="10"/>
    </row>
    <row r="782905" spans="14:14">
      <c r="N782905" s="10"/>
    </row>
    <row r="782906" spans="14:14">
      <c r="N782906" s="10"/>
    </row>
    <row r="782907" spans="14:14">
      <c r="N782907" s="10"/>
    </row>
    <row r="782908" spans="14:14">
      <c r="N782908" s="10"/>
    </row>
    <row r="782909" spans="14:14">
      <c r="N782909" s="10"/>
    </row>
    <row r="782910" spans="14:14">
      <c r="N782910" s="10"/>
    </row>
    <row r="782911" spans="14:14">
      <c r="N782911" s="10"/>
    </row>
    <row r="782912" spans="14:14">
      <c r="N782912" s="10"/>
    </row>
    <row r="782913" spans="14:14">
      <c r="N782913" s="10"/>
    </row>
    <row r="782914" spans="14:14">
      <c r="N782914" s="10"/>
    </row>
    <row r="782915" spans="14:14">
      <c r="N782915" s="10"/>
    </row>
    <row r="782916" spans="14:14">
      <c r="N782916" s="10"/>
    </row>
    <row r="782917" spans="14:14">
      <c r="N782917" s="10"/>
    </row>
    <row r="782918" spans="14:14">
      <c r="N782918" s="10"/>
    </row>
    <row r="782919" spans="14:14">
      <c r="N782919" s="10"/>
    </row>
    <row r="782920" spans="14:14">
      <c r="N782920" s="10"/>
    </row>
    <row r="782921" spans="14:14">
      <c r="N782921" s="10"/>
    </row>
    <row r="782922" spans="14:14">
      <c r="N782922" s="10"/>
    </row>
    <row r="782923" spans="14:14">
      <c r="N782923" s="10"/>
    </row>
    <row r="782924" spans="14:14">
      <c r="N782924" s="10"/>
    </row>
    <row r="782925" spans="14:14">
      <c r="N782925" s="10"/>
    </row>
    <row r="782926" spans="14:14">
      <c r="N782926" s="10"/>
    </row>
    <row r="782927" spans="14:14">
      <c r="N782927" s="10"/>
    </row>
    <row r="782928" spans="14:14">
      <c r="N782928" s="10"/>
    </row>
    <row r="782929" spans="14:14">
      <c r="N782929" s="10"/>
    </row>
    <row r="782930" spans="14:14">
      <c r="N782930" s="10"/>
    </row>
    <row r="782931" spans="14:14">
      <c r="N782931" s="10"/>
    </row>
    <row r="782932" spans="14:14">
      <c r="N782932" s="10"/>
    </row>
    <row r="782933" spans="14:14">
      <c r="N782933" s="10"/>
    </row>
    <row r="782934" spans="14:14">
      <c r="N782934" s="10"/>
    </row>
    <row r="782935" spans="14:14">
      <c r="N782935" s="10"/>
    </row>
    <row r="782936" spans="14:14">
      <c r="N782936" s="10"/>
    </row>
    <row r="782937" spans="14:14">
      <c r="N782937" s="10"/>
    </row>
    <row r="782938" spans="14:14">
      <c r="N782938" s="10"/>
    </row>
    <row r="782939" spans="14:14">
      <c r="N782939" s="10"/>
    </row>
    <row r="782940" spans="14:14">
      <c r="N782940" s="10"/>
    </row>
    <row r="782941" spans="14:14">
      <c r="N782941" s="10"/>
    </row>
    <row r="782942" spans="14:14">
      <c r="N782942" s="10"/>
    </row>
    <row r="782943" spans="14:14">
      <c r="N782943" s="10"/>
    </row>
    <row r="782944" spans="14:14">
      <c r="N782944" s="10"/>
    </row>
    <row r="782945" spans="14:14">
      <c r="N782945" s="10"/>
    </row>
    <row r="782946" spans="14:14">
      <c r="N782946" s="10"/>
    </row>
    <row r="782947" spans="14:14">
      <c r="N782947" s="10"/>
    </row>
    <row r="782948" spans="14:14">
      <c r="N782948" s="10"/>
    </row>
    <row r="782949" spans="14:14">
      <c r="N782949" s="10"/>
    </row>
    <row r="782950" spans="14:14">
      <c r="N782950" s="10"/>
    </row>
    <row r="782951" spans="14:14">
      <c r="N782951" s="10"/>
    </row>
    <row r="782952" spans="14:14">
      <c r="N782952" s="10"/>
    </row>
    <row r="782953" spans="14:14">
      <c r="N782953" s="10"/>
    </row>
    <row r="782954" spans="14:14">
      <c r="N782954" s="10"/>
    </row>
    <row r="782955" spans="14:14">
      <c r="N782955" s="10"/>
    </row>
    <row r="782956" spans="14:14">
      <c r="N782956" s="10"/>
    </row>
    <row r="782957" spans="14:14">
      <c r="N782957" s="10"/>
    </row>
    <row r="782958" spans="14:14">
      <c r="N782958" s="10"/>
    </row>
    <row r="782959" spans="14:14">
      <c r="N782959" s="10"/>
    </row>
    <row r="782960" spans="14:14">
      <c r="N782960" s="10"/>
    </row>
    <row r="782961" spans="14:14">
      <c r="N782961" s="10"/>
    </row>
    <row r="782962" spans="14:14">
      <c r="N782962" s="10"/>
    </row>
    <row r="782963" spans="14:14">
      <c r="N782963" s="10"/>
    </row>
    <row r="782964" spans="14:14">
      <c r="N782964" s="10"/>
    </row>
    <row r="782965" spans="14:14">
      <c r="N782965" s="10"/>
    </row>
    <row r="782966" spans="14:14">
      <c r="N782966" s="10"/>
    </row>
    <row r="782967" spans="14:14">
      <c r="N782967" s="10"/>
    </row>
    <row r="782968" spans="14:14">
      <c r="N782968" s="10"/>
    </row>
    <row r="782969" spans="14:14">
      <c r="N782969" s="10"/>
    </row>
    <row r="782970" spans="14:14">
      <c r="N782970" s="10"/>
    </row>
    <row r="782971" spans="14:14">
      <c r="N782971" s="10"/>
    </row>
    <row r="782972" spans="14:14">
      <c r="N782972" s="10"/>
    </row>
    <row r="782973" spans="14:14">
      <c r="N782973" s="10"/>
    </row>
    <row r="782974" spans="14:14">
      <c r="N782974" s="10"/>
    </row>
    <row r="782975" spans="14:14">
      <c r="N782975" s="10"/>
    </row>
    <row r="782976" spans="14:14">
      <c r="N782976" s="10"/>
    </row>
    <row r="782977" spans="14:14">
      <c r="N782977" s="10"/>
    </row>
    <row r="782978" spans="14:14">
      <c r="N782978" s="10"/>
    </row>
    <row r="782979" spans="14:14">
      <c r="N782979" s="10"/>
    </row>
    <row r="782980" spans="14:14">
      <c r="N782980" s="10"/>
    </row>
    <row r="782981" spans="14:14">
      <c r="N782981" s="10"/>
    </row>
    <row r="782982" spans="14:14">
      <c r="N782982" s="10"/>
    </row>
    <row r="782983" spans="14:14">
      <c r="N782983" s="10"/>
    </row>
    <row r="782984" spans="14:14">
      <c r="N782984" s="10"/>
    </row>
    <row r="782985" spans="14:14">
      <c r="N782985" s="10"/>
    </row>
    <row r="782986" spans="14:14">
      <c r="N782986" s="10"/>
    </row>
    <row r="782987" spans="14:14">
      <c r="N782987" s="10"/>
    </row>
    <row r="782988" spans="14:14">
      <c r="N782988" s="10"/>
    </row>
    <row r="782989" spans="14:14">
      <c r="N782989" s="10"/>
    </row>
    <row r="782990" spans="14:14">
      <c r="N782990" s="10"/>
    </row>
    <row r="782991" spans="14:14">
      <c r="N782991" s="10"/>
    </row>
    <row r="782992" spans="14:14">
      <c r="N782992" s="10"/>
    </row>
    <row r="782993" spans="14:14">
      <c r="N782993" s="10"/>
    </row>
    <row r="782994" spans="14:14">
      <c r="N782994" s="10"/>
    </row>
    <row r="782995" spans="14:14">
      <c r="N782995" s="10"/>
    </row>
    <row r="782996" spans="14:14">
      <c r="N782996" s="10"/>
    </row>
    <row r="782997" spans="14:14">
      <c r="N782997" s="10"/>
    </row>
    <row r="782998" spans="14:14">
      <c r="N782998" s="10"/>
    </row>
    <row r="782999" spans="14:14">
      <c r="N782999" s="10"/>
    </row>
    <row r="783000" spans="14:14">
      <c r="N783000" s="10"/>
    </row>
    <row r="783001" spans="14:14">
      <c r="N783001" s="10"/>
    </row>
    <row r="783002" spans="14:14">
      <c r="N783002" s="10"/>
    </row>
    <row r="783003" spans="14:14">
      <c r="N783003" s="10"/>
    </row>
    <row r="783004" spans="14:14">
      <c r="N783004" s="10"/>
    </row>
    <row r="783005" spans="14:14">
      <c r="N783005" s="10"/>
    </row>
    <row r="783006" spans="14:14">
      <c r="N783006" s="10"/>
    </row>
    <row r="783007" spans="14:14">
      <c r="N783007" s="10"/>
    </row>
    <row r="783008" spans="14:14">
      <c r="N783008" s="10"/>
    </row>
    <row r="783009" spans="14:14">
      <c r="N783009" s="10"/>
    </row>
    <row r="783010" spans="14:14">
      <c r="N783010" s="10"/>
    </row>
    <row r="783011" spans="14:14">
      <c r="N783011" s="10"/>
    </row>
    <row r="783012" spans="14:14">
      <c r="N783012" s="10"/>
    </row>
    <row r="783013" spans="14:14">
      <c r="N783013" s="10"/>
    </row>
    <row r="783014" spans="14:14">
      <c r="N783014" s="10"/>
    </row>
    <row r="783015" spans="14:14">
      <c r="N783015" s="10"/>
    </row>
    <row r="783016" spans="14:14">
      <c r="N783016" s="10"/>
    </row>
    <row r="783017" spans="14:14">
      <c r="N783017" s="10"/>
    </row>
    <row r="783018" spans="14:14">
      <c r="N783018" s="10"/>
    </row>
    <row r="783019" spans="14:14">
      <c r="N783019" s="10"/>
    </row>
    <row r="783020" spans="14:14">
      <c r="N783020" s="10"/>
    </row>
    <row r="783021" spans="14:14">
      <c r="N783021" s="10"/>
    </row>
    <row r="783022" spans="14:14">
      <c r="N783022" s="10"/>
    </row>
    <row r="783023" spans="14:14">
      <c r="N783023" s="10"/>
    </row>
    <row r="783024" spans="14:14">
      <c r="N783024" s="10"/>
    </row>
    <row r="783025" spans="14:14">
      <c r="N783025" s="10"/>
    </row>
    <row r="783026" spans="14:14">
      <c r="N783026" s="10"/>
    </row>
    <row r="783027" spans="14:14">
      <c r="N783027" s="10"/>
    </row>
    <row r="783028" spans="14:14">
      <c r="N783028" s="10"/>
    </row>
    <row r="783029" spans="14:14">
      <c r="N783029" s="10"/>
    </row>
    <row r="783030" spans="14:14">
      <c r="N783030" s="10"/>
    </row>
    <row r="783031" spans="14:14">
      <c r="N783031" s="10"/>
    </row>
    <row r="783032" spans="14:14">
      <c r="N783032" s="10"/>
    </row>
    <row r="783033" spans="14:14">
      <c r="N783033" s="10"/>
    </row>
    <row r="783034" spans="14:14">
      <c r="N783034" s="10"/>
    </row>
    <row r="783035" spans="14:14">
      <c r="N783035" s="10"/>
    </row>
    <row r="783036" spans="14:14">
      <c r="N783036" s="10"/>
    </row>
    <row r="783037" spans="14:14">
      <c r="N783037" s="10"/>
    </row>
    <row r="783038" spans="14:14">
      <c r="N783038" s="10"/>
    </row>
    <row r="783039" spans="14:14">
      <c r="N783039" s="10"/>
    </row>
    <row r="783040" spans="14:14">
      <c r="N783040" s="10"/>
    </row>
    <row r="783041" spans="14:14">
      <c r="N783041" s="10"/>
    </row>
    <row r="783042" spans="14:14">
      <c r="N783042" s="10"/>
    </row>
    <row r="783043" spans="14:14">
      <c r="N783043" s="10"/>
    </row>
    <row r="783044" spans="14:14">
      <c r="N783044" s="10"/>
    </row>
    <row r="783045" spans="14:14">
      <c r="N783045" s="10"/>
    </row>
    <row r="783046" spans="14:14">
      <c r="N783046" s="10"/>
    </row>
    <row r="783047" spans="14:14">
      <c r="N783047" s="10"/>
    </row>
    <row r="783048" spans="14:14">
      <c r="N783048" s="10"/>
    </row>
    <row r="783049" spans="14:14">
      <c r="N783049" s="10"/>
    </row>
    <row r="783050" spans="14:14">
      <c r="N783050" s="10"/>
    </row>
    <row r="783051" spans="14:14">
      <c r="N783051" s="10"/>
    </row>
    <row r="783052" spans="14:14">
      <c r="N783052" s="10"/>
    </row>
    <row r="783053" spans="14:14">
      <c r="N783053" s="10"/>
    </row>
    <row r="783054" spans="14:14">
      <c r="N783054" s="10"/>
    </row>
    <row r="783055" spans="14:14">
      <c r="N783055" s="10"/>
    </row>
    <row r="783056" spans="14:14">
      <c r="N783056" s="10"/>
    </row>
    <row r="783057" spans="14:14">
      <c r="N783057" s="10"/>
    </row>
    <row r="783058" spans="14:14">
      <c r="N783058" s="10"/>
    </row>
    <row r="783059" spans="14:14">
      <c r="N783059" s="10"/>
    </row>
    <row r="783060" spans="14:14">
      <c r="N783060" s="10"/>
    </row>
    <row r="783061" spans="14:14">
      <c r="N783061" s="10"/>
    </row>
    <row r="783062" spans="14:14">
      <c r="N783062" s="10"/>
    </row>
    <row r="783063" spans="14:14">
      <c r="N783063" s="10"/>
    </row>
    <row r="783064" spans="14:14">
      <c r="N783064" s="10"/>
    </row>
    <row r="783065" spans="14:14">
      <c r="N783065" s="10"/>
    </row>
    <row r="783066" spans="14:14">
      <c r="N783066" s="10"/>
    </row>
    <row r="783067" spans="14:14">
      <c r="N783067" s="10"/>
    </row>
    <row r="783068" spans="14:14">
      <c r="N783068" s="10"/>
    </row>
    <row r="783069" spans="14:14">
      <c r="N783069" s="10"/>
    </row>
    <row r="783070" spans="14:14">
      <c r="N783070" s="10"/>
    </row>
    <row r="783071" spans="14:14">
      <c r="N783071" s="10"/>
    </row>
    <row r="783072" spans="14:14">
      <c r="N783072" s="10"/>
    </row>
    <row r="783073" spans="14:14">
      <c r="N783073" s="10"/>
    </row>
    <row r="783074" spans="14:14">
      <c r="N783074" s="10"/>
    </row>
    <row r="783075" spans="14:14">
      <c r="N783075" s="10"/>
    </row>
    <row r="783076" spans="14:14">
      <c r="N783076" s="10"/>
    </row>
    <row r="783077" spans="14:14">
      <c r="N783077" s="10"/>
    </row>
    <row r="783078" spans="14:14">
      <c r="N783078" s="10"/>
    </row>
    <row r="783079" spans="14:14">
      <c r="N783079" s="10"/>
    </row>
    <row r="783080" spans="14:14">
      <c r="N783080" s="10"/>
    </row>
    <row r="783081" spans="14:14">
      <c r="N783081" s="10"/>
    </row>
    <row r="783082" spans="14:14">
      <c r="N783082" s="10"/>
    </row>
    <row r="783083" spans="14:14">
      <c r="N783083" s="10"/>
    </row>
    <row r="783084" spans="14:14">
      <c r="N783084" s="10"/>
    </row>
    <row r="783085" spans="14:14">
      <c r="N783085" s="10"/>
    </row>
    <row r="783086" spans="14:14">
      <c r="N783086" s="10"/>
    </row>
    <row r="783087" spans="14:14">
      <c r="N783087" s="10"/>
    </row>
    <row r="783088" spans="14:14">
      <c r="N783088" s="10"/>
    </row>
    <row r="783089" spans="14:14">
      <c r="N783089" s="10"/>
    </row>
    <row r="783090" spans="14:14">
      <c r="N783090" s="10"/>
    </row>
    <row r="783091" spans="14:14">
      <c r="N783091" s="10"/>
    </row>
    <row r="783092" spans="14:14">
      <c r="N783092" s="10"/>
    </row>
    <row r="783093" spans="14:14">
      <c r="N783093" s="10"/>
    </row>
    <row r="783094" spans="14:14">
      <c r="N783094" s="10"/>
    </row>
    <row r="783095" spans="14:14">
      <c r="N783095" s="10"/>
    </row>
    <row r="783096" spans="14:14">
      <c r="N783096" s="10"/>
    </row>
    <row r="783097" spans="14:14">
      <c r="N783097" s="10"/>
    </row>
    <row r="783098" spans="14:14">
      <c r="N783098" s="10"/>
    </row>
    <row r="783099" spans="14:14">
      <c r="N783099" s="10"/>
    </row>
    <row r="783100" spans="14:14">
      <c r="N783100" s="10"/>
    </row>
    <row r="783101" spans="14:14">
      <c r="N783101" s="10"/>
    </row>
    <row r="783102" spans="14:14">
      <c r="N783102" s="10"/>
    </row>
    <row r="783103" spans="14:14">
      <c r="N783103" s="10"/>
    </row>
    <row r="783104" spans="14:14">
      <c r="N783104" s="10"/>
    </row>
    <row r="783105" spans="14:14">
      <c r="N783105" s="10"/>
    </row>
    <row r="783106" spans="14:14">
      <c r="N783106" s="10"/>
    </row>
    <row r="783107" spans="14:14">
      <c r="N783107" s="10"/>
    </row>
    <row r="783108" spans="14:14">
      <c r="N783108" s="10"/>
    </row>
    <row r="783109" spans="14:14">
      <c r="N783109" s="10"/>
    </row>
    <row r="783110" spans="14:14">
      <c r="N783110" s="10"/>
    </row>
    <row r="783111" spans="14:14">
      <c r="N783111" s="10"/>
    </row>
    <row r="783112" spans="14:14">
      <c r="N783112" s="10"/>
    </row>
    <row r="783113" spans="14:14">
      <c r="N783113" s="10"/>
    </row>
    <row r="783114" spans="14:14">
      <c r="N783114" s="10"/>
    </row>
    <row r="783115" spans="14:14">
      <c r="N783115" s="10"/>
    </row>
    <row r="783116" spans="14:14">
      <c r="N783116" s="10"/>
    </row>
    <row r="783117" spans="14:14">
      <c r="N783117" s="10"/>
    </row>
    <row r="783118" spans="14:14">
      <c r="N783118" s="10"/>
    </row>
    <row r="783119" spans="14:14">
      <c r="N783119" s="10"/>
    </row>
    <row r="783120" spans="14:14">
      <c r="N783120" s="10"/>
    </row>
    <row r="783121" spans="14:14">
      <c r="N783121" s="10"/>
    </row>
    <row r="783122" spans="14:14">
      <c r="N783122" s="10"/>
    </row>
    <row r="783123" spans="14:14">
      <c r="N783123" s="10"/>
    </row>
    <row r="783124" spans="14:14">
      <c r="N783124" s="10"/>
    </row>
    <row r="783125" spans="14:14">
      <c r="N783125" s="10"/>
    </row>
    <row r="783126" spans="14:14">
      <c r="N783126" s="10"/>
    </row>
    <row r="783127" spans="14:14">
      <c r="N783127" s="10"/>
    </row>
    <row r="783128" spans="14:14">
      <c r="N783128" s="10"/>
    </row>
    <row r="783129" spans="14:14">
      <c r="N783129" s="10"/>
    </row>
    <row r="783130" spans="14:14">
      <c r="N783130" s="10"/>
    </row>
    <row r="783131" spans="14:14">
      <c r="N783131" s="10"/>
    </row>
    <row r="783132" spans="14:14">
      <c r="N783132" s="10"/>
    </row>
    <row r="783133" spans="14:14">
      <c r="N783133" s="10"/>
    </row>
    <row r="783134" spans="14:14">
      <c r="N783134" s="10"/>
    </row>
    <row r="783135" spans="14:14">
      <c r="N783135" s="10"/>
    </row>
    <row r="783136" spans="14:14">
      <c r="N783136" s="10"/>
    </row>
    <row r="783137" spans="14:14">
      <c r="N783137" s="10"/>
    </row>
    <row r="783138" spans="14:14">
      <c r="N783138" s="10"/>
    </row>
    <row r="783139" spans="14:14">
      <c r="N783139" s="10"/>
    </row>
    <row r="783140" spans="14:14">
      <c r="N783140" s="10"/>
    </row>
    <row r="783141" spans="14:14">
      <c r="N783141" s="10"/>
    </row>
    <row r="783142" spans="14:14">
      <c r="N783142" s="10"/>
    </row>
    <row r="783143" spans="14:14">
      <c r="N783143" s="10"/>
    </row>
    <row r="783144" spans="14:14">
      <c r="N783144" s="10"/>
    </row>
    <row r="783145" spans="14:14">
      <c r="N783145" s="10"/>
    </row>
    <row r="783146" spans="14:14">
      <c r="N783146" s="10"/>
    </row>
    <row r="783147" spans="14:14">
      <c r="N783147" s="10"/>
    </row>
    <row r="783148" spans="14:14">
      <c r="N783148" s="10"/>
    </row>
    <row r="783149" spans="14:14">
      <c r="N783149" s="10"/>
    </row>
    <row r="783150" spans="14:14">
      <c r="N783150" s="10"/>
    </row>
    <row r="783151" spans="14:14">
      <c r="N783151" s="10"/>
    </row>
    <row r="783152" spans="14:14">
      <c r="N783152" s="10"/>
    </row>
    <row r="783153" spans="14:14">
      <c r="N783153" s="10"/>
    </row>
    <row r="783154" spans="14:14">
      <c r="N783154" s="10"/>
    </row>
    <row r="783155" spans="14:14">
      <c r="N783155" s="10"/>
    </row>
    <row r="783156" spans="14:14">
      <c r="N783156" s="10"/>
    </row>
    <row r="783157" spans="14:14">
      <c r="N783157" s="10"/>
    </row>
    <row r="783158" spans="14:14">
      <c r="N783158" s="10"/>
    </row>
    <row r="783159" spans="14:14">
      <c r="N783159" s="10"/>
    </row>
    <row r="783160" spans="14:14">
      <c r="N783160" s="10"/>
    </row>
    <row r="783161" spans="14:14">
      <c r="N783161" s="10"/>
    </row>
    <row r="783162" spans="14:14">
      <c r="N783162" s="10"/>
    </row>
    <row r="783163" spans="14:14">
      <c r="N783163" s="10"/>
    </row>
    <row r="783164" spans="14:14">
      <c r="N783164" s="10"/>
    </row>
    <row r="783165" spans="14:14">
      <c r="N783165" s="10"/>
    </row>
    <row r="783166" spans="14:14">
      <c r="N783166" s="10"/>
    </row>
    <row r="783167" spans="14:14">
      <c r="N783167" s="10"/>
    </row>
    <row r="783168" spans="14:14">
      <c r="N783168" s="10"/>
    </row>
    <row r="783169" spans="14:14">
      <c r="N783169" s="10"/>
    </row>
    <row r="783170" spans="14:14">
      <c r="N783170" s="10"/>
    </row>
    <row r="783171" spans="14:14">
      <c r="N783171" s="10"/>
    </row>
    <row r="783172" spans="14:14">
      <c r="N783172" s="10"/>
    </row>
    <row r="783173" spans="14:14">
      <c r="N783173" s="10"/>
    </row>
    <row r="783174" spans="14:14">
      <c r="N783174" s="10"/>
    </row>
    <row r="783175" spans="14:14">
      <c r="N783175" s="10"/>
    </row>
    <row r="783176" spans="14:14">
      <c r="N783176" s="10"/>
    </row>
    <row r="783177" spans="14:14">
      <c r="N783177" s="10"/>
    </row>
    <row r="783178" spans="14:14">
      <c r="N783178" s="10"/>
    </row>
    <row r="783179" spans="14:14">
      <c r="N783179" s="10"/>
    </row>
    <row r="783180" spans="14:14">
      <c r="N783180" s="10"/>
    </row>
    <row r="783181" spans="14:14">
      <c r="N783181" s="10"/>
    </row>
    <row r="783182" spans="14:14">
      <c r="N783182" s="10"/>
    </row>
    <row r="783183" spans="14:14">
      <c r="N783183" s="10"/>
    </row>
    <row r="783184" spans="14:14">
      <c r="N783184" s="10"/>
    </row>
    <row r="783185" spans="14:14">
      <c r="N783185" s="10"/>
    </row>
    <row r="783186" spans="14:14">
      <c r="N783186" s="10"/>
    </row>
    <row r="783187" spans="14:14">
      <c r="N783187" s="10"/>
    </row>
    <row r="783188" spans="14:14">
      <c r="N783188" s="10"/>
    </row>
    <row r="783189" spans="14:14">
      <c r="N783189" s="10"/>
    </row>
    <row r="783190" spans="14:14">
      <c r="N783190" s="10"/>
    </row>
    <row r="783191" spans="14:14">
      <c r="N783191" s="10"/>
    </row>
    <row r="783192" spans="14:14">
      <c r="N783192" s="10"/>
    </row>
    <row r="783193" spans="14:14">
      <c r="N783193" s="10"/>
    </row>
    <row r="783194" spans="14:14">
      <c r="N783194" s="10"/>
    </row>
    <row r="783195" spans="14:14">
      <c r="N783195" s="10"/>
    </row>
    <row r="783196" spans="14:14">
      <c r="N783196" s="10"/>
    </row>
    <row r="783197" spans="14:14">
      <c r="N783197" s="10"/>
    </row>
    <row r="783198" spans="14:14">
      <c r="N783198" s="10"/>
    </row>
    <row r="783199" spans="14:14">
      <c r="N783199" s="10"/>
    </row>
    <row r="783200" spans="14:14">
      <c r="N783200" s="10"/>
    </row>
    <row r="783201" spans="14:14">
      <c r="N783201" s="10"/>
    </row>
    <row r="783202" spans="14:14">
      <c r="N783202" s="10"/>
    </row>
    <row r="783203" spans="14:14">
      <c r="N783203" s="10"/>
    </row>
    <row r="783204" spans="14:14">
      <c r="N783204" s="10"/>
    </row>
    <row r="783205" spans="14:14">
      <c r="N783205" s="10"/>
    </row>
    <row r="783206" spans="14:14">
      <c r="N783206" s="10"/>
    </row>
    <row r="783207" spans="14:14">
      <c r="N783207" s="10"/>
    </row>
    <row r="783208" spans="14:14">
      <c r="N783208" s="10"/>
    </row>
    <row r="783209" spans="14:14">
      <c r="N783209" s="10"/>
    </row>
    <row r="783210" spans="14:14">
      <c r="N783210" s="10"/>
    </row>
    <row r="783211" spans="14:14">
      <c r="N783211" s="10"/>
    </row>
    <row r="783212" spans="14:14">
      <c r="N783212" s="10"/>
    </row>
    <row r="783213" spans="14:14">
      <c r="N783213" s="10"/>
    </row>
    <row r="783214" spans="14:14">
      <c r="N783214" s="10"/>
    </row>
    <row r="783215" spans="14:14">
      <c r="N783215" s="10"/>
    </row>
    <row r="783216" spans="14:14">
      <c r="N783216" s="10"/>
    </row>
    <row r="783217" spans="14:14">
      <c r="N783217" s="10"/>
    </row>
    <row r="783218" spans="14:14">
      <c r="N783218" s="10"/>
    </row>
    <row r="783219" spans="14:14">
      <c r="N783219" s="10"/>
    </row>
    <row r="783220" spans="14:14">
      <c r="N783220" s="10"/>
    </row>
    <row r="783221" spans="14:14">
      <c r="N783221" s="10"/>
    </row>
    <row r="783222" spans="14:14">
      <c r="N783222" s="10"/>
    </row>
    <row r="783223" spans="14:14">
      <c r="N783223" s="10"/>
    </row>
    <row r="783224" spans="14:14">
      <c r="N783224" s="10"/>
    </row>
    <row r="783225" spans="14:14">
      <c r="N783225" s="10"/>
    </row>
    <row r="783226" spans="14:14">
      <c r="N783226" s="10"/>
    </row>
    <row r="783227" spans="14:14">
      <c r="N783227" s="10"/>
    </row>
    <row r="783228" spans="14:14">
      <c r="N783228" s="10"/>
    </row>
    <row r="783229" spans="14:14">
      <c r="N783229" s="10"/>
    </row>
    <row r="783230" spans="14:14">
      <c r="N783230" s="10"/>
    </row>
    <row r="783231" spans="14:14">
      <c r="N783231" s="10"/>
    </row>
    <row r="783232" spans="14:14">
      <c r="N783232" s="10"/>
    </row>
    <row r="783233" spans="14:14">
      <c r="N783233" s="10"/>
    </row>
    <row r="783234" spans="14:14">
      <c r="N783234" s="10"/>
    </row>
    <row r="783235" spans="14:14">
      <c r="N783235" s="10"/>
    </row>
    <row r="783236" spans="14:14">
      <c r="N783236" s="10"/>
    </row>
    <row r="783237" spans="14:14">
      <c r="N783237" s="10"/>
    </row>
    <row r="783238" spans="14:14">
      <c r="N783238" s="10"/>
    </row>
    <row r="783239" spans="14:14">
      <c r="N783239" s="10"/>
    </row>
    <row r="783240" spans="14:14">
      <c r="N783240" s="10"/>
    </row>
    <row r="783241" spans="14:14">
      <c r="N783241" s="10"/>
    </row>
    <row r="783242" spans="14:14">
      <c r="N783242" s="10"/>
    </row>
    <row r="783243" spans="14:14">
      <c r="N783243" s="10"/>
    </row>
    <row r="783244" spans="14:14">
      <c r="N783244" s="10"/>
    </row>
    <row r="783245" spans="14:14">
      <c r="N783245" s="10"/>
    </row>
    <row r="783246" spans="14:14">
      <c r="N783246" s="10"/>
    </row>
    <row r="783247" spans="14:14">
      <c r="N783247" s="10"/>
    </row>
    <row r="783248" spans="14:14">
      <c r="N783248" s="10"/>
    </row>
    <row r="783249" spans="14:14">
      <c r="N783249" s="10"/>
    </row>
    <row r="783250" spans="14:14">
      <c r="N783250" s="10"/>
    </row>
    <row r="783251" spans="14:14">
      <c r="N783251" s="10"/>
    </row>
    <row r="783252" spans="14:14">
      <c r="N783252" s="10"/>
    </row>
    <row r="783253" spans="14:14">
      <c r="N783253" s="10"/>
    </row>
    <row r="783254" spans="14:14">
      <c r="N783254" s="10"/>
    </row>
    <row r="783255" spans="14:14">
      <c r="N783255" s="10"/>
    </row>
    <row r="783256" spans="14:14">
      <c r="N783256" s="10"/>
    </row>
    <row r="783257" spans="14:14">
      <c r="N783257" s="10"/>
    </row>
    <row r="783258" spans="14:14">
      <c r="N783258" s="10"/>
    </row>
    <row r="783259" spans="14:14">
      <c r="N783259" s="10"/>
    </row>
    <row r="783260" spans="14:14">
      <c r="N783260" s="10"/>
    </row>
    <row r="783261" spans="14:14">
      <c r="N783261" s="10"/>
    </row>
    <row r="783262" spans="14:14">
      <c r="N783262" s="10"/>
    </row>
    <row r="783263" spans="14:14">
      <c r="N783263" s="10"/>
    </row>
    <row r="783264" spans="14:14">
      <c r="N783264" s="10"/>
    </row>
    <row r="783265" spans="14:14">
      <c r="N783265" s="10"/>
    </row>
    <row r="783266" spans="14:14">
      <c r="N783266" s="10"/>
    </row>
    <row r="783267" spans="14:14">
      <c r="N783267" s="10"/>
    </row>
    <row r="783268" spans="14:14">
      <c r="N783268" s="10"/>
    </row>
    <row r="783269" spans="14:14">
      <c r="N783269" s="10"/>
    </row>
    <row r="783270" spans="14:14">
      <c r="N783270" s="10"/>
    </row>
    <row r="783271" spans="14:14">
      <c r="N783271" s="10"/>
    </row>
    <row r="783272" spans="14:14">
      <c r="N783272" s="10"/>
    </row>
    <row r="783273" spans="14:14">
      <c r="N783273" s="10"/>
    </row>
    <row r="783274" spans="14:14">
      <c r="N783274" s="10"/>
    </row>
    <row r="783275" spans="14:14">
      <c r="N783275" s="10"/>
    </row>
    <row r="783276" spans="14:14">
      <c r="N783276" s="10"/>
    </row>
    <row r="783277" spans="14:14">
      <c r="N783277" s="10"/>
    </row>
    <row r="783278" spans="14:14">
      <c r="N783278" s="10"/>
    </row>
    <row r="783279" spans="14:14">
      <c r="N783279" s="10"/>
    </row>
    <row r="783280" spans="14:14">
      <c r="N783280" s="10"/>
    </row>
    <row r="783281" spans="14:14">
      <c r="N783281" s="10"/>
    </row>
    <row r="783282" spans="14:14">
      <c r="N783282" s="10"/>
    </row>
    <row r="783283" spans="14:14">
      <c r="N783283" s="10"/>
    </row>
    <row r="783284" spans="14:14">
      <c r="N783284" s="10"/>
    </row>
    <row r="783285" spans="14:14">
      <c r="N783285" s="10"/>
    </row>
    <row r="783286" spans="14:14">
      <c r="N783286" s="10"/>
    </row>
    <row r="783287" spans="14:14">
      <c r="N783287" s="10"/>
    </row>
    <row r="783288" spans="14:14">
      <c r="N783288" s="10"/>
    </row>
    <row r="783289" spans="14:14">
      <c r="N783289" s="10"/>
    </row>
    <row r="783290" spans="14:14">
      <c r="N783290" s="10"/>
    </row>
    <row r="783291" spans="14:14">
      <c r="N783291" s="10"/>
    </row>
    <row r="783292" spans="14:14">
      <c r="N783292" s="10"/>
    </row>
    <row r="783293" spans="14:14">
      <c r="N783293" s="10"/>
    </row>
    <row r="783294" spans="14:14">
      <c r="N783294" s="10"/>
    </row>
    <row r="783295" spans="14:14">
      <c r="N783295" s="10"/>
    </row>
    <row r="783296" spans="14:14">
      <c r="N783296" s="10"/>
    </row>
    <row r="783297" spans="14:14">
      <c r="N783297" s="10"/>
    </row>
    <row r="783298" spans="14:14">
      <c r="N783298" s="10"/>
    </row>
    <row r="783299" spans="14:14">
      <c r="N783299" s="10"/>
    </row>
    <row r="783300" spans="14:14">
      <c r="N783300" s="10"/>
    </row>
    <row r="783301" spans="14:14">
      <c r="N783301" s="10"/>
    </row>
    <row r="783302" spans="14:14">
      <c r="N783302" s="10"/>
    </row>
    <row r="783303" spans="14:14">
      <c r="N783303" s="10"/>
    </row>
    <row r="783304" spans="14:14">
      <c r="N783304" s="10"/>
    </row>
    <row r="783305" spans="14:14">
      <c r="N783305" s="10"/>
    </row>
    <row r="783306" spans="14:14">
      <c r="N783306" s="10"/>
    </row>
    <row r="783307" spans="14:14">
      <c r="N783307" s="10"/>
    </row>
    <row r="783308" spans="14:14">
      <c r="N783308" s="10"/>
    </row>
    <row r="783309" spans="14:14">
      <c r="N783309" s="10"/>
    </row>
    <row r="783310" spans="14:14">
      <c r="N783310" s="10"/>
    </row>
    <row r="783311" spans="14:14">
      <c r="N783311" s="10"/>
    </row>
    <row r="783312" spans="14:14">
      <c r="N783312" s="10"/>
    </row>
    <row r="783313" spans="14:14">
      <c r="N783313" s="10"/>
    </row>
    <row r="783314" spans="14:14">
      <c r="N783314" s="10"/>
    </row>
    <row r="783315" spans="14:14">
      <c r="N783315" s="10"/>
    </row>
    <row r="783316" spans="14:14">
      <c r="N783316" s="10"/>
    </row>
    <row r="783317" spans="14:14">
      <c r="N783317" s="10"/>
    </row>
    <row r="783318" spans="14:14">
      <c r="N783318" s="10"/>
    </row>
    <row r="783319" spans="14:14">
      <c r="N783319" s="10"/>
    </row>
    <row r="783320" spans="14:14">
      <c r="N783320" s="10"/>
    </row>
    <row r="783321" spans="14:14">
      <c r="N783321" s="10"/>
    </row>
    <row r="783322" spans="14:14">
      <c r="N783322" s="10"/>
    </row>
    <row r="783323" spans="14:14">
      <c r="N783323" s="10"/>
    </row>
    <row r="783324" spans="14:14">
      <c r="N783324" s="10"/>
    </row>
    <row r="783325" spans="14:14">
      <c r="N783325" s="10"/>
    </row>
    <row r="783326" spans="14:14">
      <c r="N783326" s="10"/>
    </row>
    <row r="783327" spans="14:14">
      <c r="N783327" s="10"/>
    </row>
    <row r="783328" spans="14:14">
      <c r="N783328" s="10"/>
    </row>
    <row r="783329" spans="14:14">
      <c r="N783329" s="10"/>
    </row>
    <row r="783330" spans="14:14">
      <c r="N783330" s="10"/>
    </row>
    <row r="783331" spans="14:14">
      <c r="N783331" s="10"/>
    </row>
    <row r="783332" spans="14:14">
      <c r="N783332" s="10"/>
    </row>
    <row r="783333" spans="14:14">
      <c r="N783333" s="10"/>
    </row>
    <row r="783334" spans="14:14">
      <c r="N783334" s="10"/>
    </row>
    <row r="783335" spans="14:14">
      <c r="N783335" s="10"/>
    </row>
    <row r="783336" spans="14:14">
      <c r="N783336" s="10"/>
    </row>
    <row r="783337" spans="14:14">
      <c r="N783337" s="10"/>
    </row>
    <row r="783338" spans="14:14">
      <c r="N783338" s="10"/>
    </row>
    <row r="783339" spans="14:14">
      <c r="N783339" s="10"/>
    </row>
    <row r="783340" spans="14:14">
      <c r="N783340" s="10"/>
    </row>
    <row r="783341" spans="14:14">
      <c r="N783341" s="10"/>
    </row>
    <row r="783342" spans="14:14">
      <c r="N783342" s="10"/>
    </row>
    <row r="783343" spans="14:14">
      <c r="N783343" s="10"/>
    </row>
    <row r="783344" spans="14:14">
      <c r="N783344" s="10"/>
    </row>
    <row r="783345" spans="14:14">
      <c r="N783345" s="10"/>
    </row>
    <row r="783346" spans="14:14">
      <c r="N783346" s="10"/>
    </row>
    <row r="783347" spans="14:14">
      <c r="N783347" s="10"/>
    </row>
    <row r="783348" spans="14:14">
      <c r="N783348" s="10"/>
    </row>
    <row r="783349" spans="14:14">
      <c r="N783349" s="10"/>
    </row>
    <row r="783350" spans="14:14">
      <c r="N783350" s="10"/>
    </row>
    <row r="783351" spans="14:14">
      <c r="N783351" s="10"/>
    </row>
    <row r="783352" spans="14:14">
      <c r="N783352" s="10"/>
    </row>
    <row r="783353" spans="14:14">
      <c r="N783353" s="10"/>
    </row>
    <row r="783354" spans="14:14">
      <c r="N783354" s="10"/>
    </row>
    <row r="783355" spans="14:14">
      <c r="N783355" s="10"/>
    </row>
    <row r="783356" spans="14:14">
      <c r="N783356" s="10"/>
    </row>
    <row r="783357" spans="14:14">
      <c r="N783357" s="10"/>
    </row>
    <row r="783358" spans="14:14">
      <c r="N783358" s="10"/>
    </row>
    <row r="783359" spans="14:14">
      <c r="N783359" s="10"/>
    </row>
    <row r="783360" spans="14:14">
      <c r="N783360" s="10"/>
    </row>
    <row r="783361" spans="14:14">
      <c r="N783361" s="10"/>
    </row>
    <row r="783362" spans="14:14">
      <c r="N783362" s="10"/>
    </row>
    <row r="783363" spans="14:14">
      <c r="N783363" s="10"/>
    </row>
    <row r="783364" spans="14:14">
      <c r="N783364" s="10"/>
    </row>
    <row r="783365" spans="14:14">
      <c r="N783365" s="10"/>
    </row>
    <row r="783366" spans="14:14">
      <c r="N783366" s="10"/>
    </row>
    <row r="783367" spans="14:14">
      <c r="N783367" s="10"/>
    </row>
    <row r="783368" spans="14:14">
      <c r="N783368" s="10"/>
    </row>
    <row r="783369" spans="14:14">
      <c r="N783369" s="10"/>
    </row>
    <row r="783370" spans="14:14">
      <c r="N783370" s="10"/>
    </row>
    <row r="783371" spans="14:14">
      <c r="N783371" s="10"/>
    </row>
    <row r="783372" spans="14:14">
      <c r="N783372" s="10"/>
    </row>
    <row r="783373" spans="14:14">
      <c r="N783373" s="10"/>
    </row>
    <row r="783374" spans="14:14">
      <c r="N783374" s="10"/>
    </row>
    <row r="783375" spans="14:14">
      <c r="N783375" s="10"/>
    </row>
    <row r="783376" spans="14:14">
      <c r="N783376" s="10"/>
    </row>
    <row r="783377" spans="14:14">
      <c r="N783377" s="10"/>
    </row>
    <row r="783378" spans="14:14">
      <c r="N783378" s="10"/>
    </row>
    <row r="783379" spans="14:14">
      <c r="N783379" s="10"/>
    </row>
    <row r="783380" spans="14:14">
      <c r="N783380" s="10"/>
    </row>
    <row r="783381" spans="14:14">
      <c r="N783381" s="10"/>
    </row>
    <row r="783382" spans="14:14">
      <c r="N783382" s="10"/>
    </row>
    <row r="783383" spans="14:14">
      <c r="N783383" s="10"/>
    </row>
    <row r="783384" spans="14:14">
      <c r="N783384" s="10"/>
    </row>
    <row r="783385" spans="14:14">
      <c r="N783385" s="10"/>
    </row>
    <row r="783386" spans="14:14">
      <c r="N783386" s="10"/>
    </row>
    <row r="783387" spans="14:14">
      <c r="N783387" s="10"/>
    </row>
    <row r="783388" spans="14:14">
      <c r="N783388" s="10"/>
    </row>
    <row r="783389" spans="14:14">
      <c r="N783389" s="10"/>
    </row>
    <row r="783390" spans="14:14">
      <c r="N783390" s="10"/>
    </row>
    <row r="783391" spans="14:14">
      <c r="N783391" s="10"/>
    </row>
    <row r="783392" spans="14:14">
      <c r="N783392" s="10"/>
    </row>
    <row r="783393" spans="14:14">
      <c r="N783393" s="10"/>
    </row>
    <row r="783394" spans="14:14">
      <c r="N783394" s="10"/>
    </row>
    <row r="783395" spans="14:14">
      <c r="N783395" s="10"/>
    </row>
    <row r="783396" spans="14:14">
      <c r="N783396" s="10"/>
    </row>
    <row r="783397" spans="14:14">
      <c r="N783397" s="10"/>
    </row>
    <row r="783398" spans="14:14">
      <c r="N783398" s="10"/>
    </row>
    <row r="783399" spans="14:14">
      <c r="N783399" s="10"/>
    </row>
    <row r="783400" spans="14:14">
      <c r="N783400" s="10"/>
    </row>
    <row r="783401" spans="14:14">
      <c r="N783401" s="10"/>
    </row>
    <row r="783402" spans="14:14">
      <c r="N783402" s="10"/>
    </row>
    <row r="783403" spans="14:14">
      <c r="N783403" s="10"/>
    </row>
    <row r="783404" spans="14:14">
      <c r="N783404" s="10"/>
    </row>
    <row r="783405" spans="14:14">
      <c r="N783405" s="10"/>
    </row>
    <row r="783406" spans="14:14">
      <c r="N783406" s="10"/>
    </row>
    <row r="783407" spans="14:14">
      <c r="N783407" s="10"/>
    </row>
    <row r="783408" spans="14:14">
      <c r="N783408" s="10"/>
    </row>
    <row r="783409" spans="14:14">
      <c r="N783409" s="10"/>
    </row>
    <row r="783410" spans="14:14">
      <c r="N783410" s="10"/>
    </row>
    <row r="783411" spans="14:14">
      <c r="N783411" s="10"/>
    </row>
    <row r="783412" spans="14:14">
      <c r="N783412" s="10"/>
    </row>
    <row r="783413" spans="14:14">
      <c r="N783413" s="10"/>
    </row>
    <row r="783414" spans="14:14">
      <c r="N783414" s="10"/>
    </row>
    <row r="783415" spans="14:14">
      <c r="N783415" s="10"/>
    </row>
    <row r="783416" spans="14:14">
      <c r="N783416" s="10"/>
    </row>
    <row r="783417" spans="14:14">
      <c r="N783417" s="10"/>
    </row>
    <row r="783418" spans="14:14">
      <c r="N783418" s="10"/>
    </row>
    <row r="783419" spans="14:14">
      <c r="N783419" s="10"/>
    </row>
    <row r="783420" spans="14:14">
      <c r="N783420" s="10"/>
    </row>
    <row r="783421" spans="14:14">
      <c r="N783421" s="10"/>
    </row>
    <row r="783422" spans="14:14">
      <c r="N783422" s="10"/>
    </row>
    <row r="783423" spans="14:14">
      <c r="N783423" s="10"/>
    </row>
    <row r="783424" spans="14:14">
      <c r="N783424" s="10"/>
    </row>
    <row r="783425" spans="14:14">
      <c r="N783425" s="10"/>
    </row>
    <row r="783426" spans="14:14">
      <c r="N783426" s="10"/>
    </row>
    <row r="783427" spans="14:14">
      <c r="N783427" s="10"/>
    </row>
    <row r="783428" spans="14:14">
      <c r="N783428" s="10"/>
    </row>
    <row r="783429" spans="14:14">
      <c r="N783429" s="10"/>
    </row>
    <row r="783430" spans="14:14">
      <c r="N783430" s="10"/>
    </row>
    <row r="783431" spans="14:14">
      <c r="N783431" s="10"/>
    </row>
    <row r="783432" spans="14:14">
      <c r="N783432" s="10"/>
    </row>
    <row r="783433" spans="14:14">
      <c r="N783433" s="10"/>
    </row>
    <row r="783434" spans="14:14">
      <c r="N783434" s="10"/>
    </row>
    <row r="783435" spans="14:14">
      <c r="N783435" s="10"/>
    </row>
    <row r="783436" spans="14:14">
      <c r="N783436" s="10"/>
    </row>
    <row r="783437" spans="14:14">
      <c r="N783437" s="10"/>
    </row>
    <row r="783438" spans="14:14">
      <c r="N783438" s="10"/>
    </row>
    <row r="783439" spans="14:14">
      <c r="N783439" s="10"/>
    </row>
    <row r="783440" spans="14:14">
      <c r="N783440" s="10"/>
    </row>
    <row r="783441" spans="14:14">
      <c r="N783441" s="10"/>
    </row>
    <row r="783442" spans="14:14">
      <c r="N783442" s="10"/>
    </row>
    <row r="783443" spans="14:14">
      <c r="N783443" s="10"/>
    </row>
    <row r="783444" spans="14:14">
      <c r="N783444" s="10"/>
    </row>
    <row r="783445" spans="14:14">
      <c r="N783445" s="10"/>
    </row>
    <row r="783446" spans="14:14">
      <c r="N783446" s="10"/>
    </row>
    <row r="783447" spans="14:14">
      <c r="N783447" s="10"/>
    </row>
    <row r="783448" spans="14:14">
      <c r="N783448" s="10"/>
    </row>
    <row r="783449" spans="14:14">
      <c r="N783449" s="10"/>
    </row>
    <row r="783450" spans="14:14">
      <c r="N783450" s="10"/>
    </row>
    <row r="783451" spans="14:14">
      <c r="N783451" s="10"/>
    </row>
    <row r="783452" spans="14:14">
      <c r="N783452" s="10"/>
    </row>
    <row r="783453" spans="14:14">
      <c r="N783453" s="10"/>
    </row>
    <row r="783454" spans="14:14">
      <c r="N783454" s="10"/>
    </row>
    <row r="783455" spans="14:14">
      <c r="N783455" s="10"/>
    </row>
    <row r="783456" spans="14:14">
      <c r="N783456" s="10"/>
    </row>
    <row r="783457" spans="14:14">
      <c r="N783457" s="10"/>
    </row>
    <row r="783458" spans="14:14">
      <c r="N783458" s="10"/>
    </row>
    <row r="783459" spans="14:14">
      <c r="N783459" s="10"/>
    </row>
    <row r="783460" spans="14:14">
      <c r="N783460" s="10"/>
    </row>
    <row r="783461" spans="14:14">
      <c r="N783461" s="10"/>
    </row>
    <row r="783462" spans="14:14">
      <c r="N783462" s="10"/>
    </row>
    <row r="783463" spans="14:14">
      <c r="N783463" s="10"/>
    </row>
    <row r="783464" spans="14:14">
      <c r="N783464" s="10"/>
    </row>
    <row r="783465" spans="14:14">
      <c r="N783465" s="10"/>
    </row>
    <row r="783466" spans="14:14">
      <c r="N783466" s="10"/>
    </row>
    <row r="783467" spans="14:14">
      <c r="N783467" s="10"/>
    </row>
    <row r="783468" spans="14:14">
      <c r="N783468" s="10"/>
    </row>
    <row r="783469" spans="14:14">
      <c r="N783469" s="10"/>
    </row>
    <row r="783470" spans="14:14">
      <c r="N783470" s="10"/>
    </row>
    <row r="783471" spans="14:14">
      <c r="N783471" s="10"/>
    </row>
    <row r="783472" spans="14:14">
      <c r="N783472" s="10"/>
    </row>
    <row r="783473" spans="14:14">
      <c r="N783473" s="10"/>
    </row>
    <row r="783474" spans="14:14">
      <c r="N783474" s="10"/>
    </row>
    <row r="783475" spans="14:14">
      <c r="N783475" s="10"/>
    </row>
    <row r="783476" spans="14:14">
      <c r="N783476" s="10"/>
    </row>
    <row r="783477" spans="14:14">
      <c r="N783477" s="10"/>
    </row>
    <row r="783478" spans="14:14">
      <c r="N783478" s="10"/>
    </row>
    <row r="783479" spans="14:14">
      <c r="N783479" s="10"/>
    </row>
    <row r="783480" spans="14:14">
      <c r="N783480" s="10"/>
    </row>
    <row r="783481" spans="14:14">
      <c r="N783481" s="10"/>
    </row>
    <row r="783482" spans="14:14">
      <c r="N783482" s="10"/>
    </row>
    <row r="783483" spans="14:14">
      <c r="N783483" s="10"/>
    </row>
    <row r="783484" spans="14:14">
      <c r="N783484" s="10"/>
    </row>
    <row r="783485" spans="14:14">
      <c r="N783485" s="10"/>
    </row>
    <row r="783486" spans="14:14">
      <c r="N783486" s="10"/>
    </row>
    <row r="783487" spans="14:14">
      <c r="N783487" s="10"/>
    </row>
    <row r="783488" spans="14:14">
      <c r="N783488" s="10"/>
    </row>
    <row r="783489" spans="14:14">
      <c r="N783489" s="10"/>
    </row>
    <row r="783490" spans="14:14">
      <c r="N783490" s="10"/>
    </row>
    <row r="783491" spans="14:14">
      <c r="N783491" s="10"/>
    </row>
    <row r="783492" spans="14:14">
      <c r="N783492" s="10"/>
    </row>
    <row r="783493" spans="14:14">
      <c r="N783493" s="10"/>
    </row>
    <row r="783494" spans="14:14">
      <c r="N783494" s="10"/>
    </row>
    <row r="783495" spans="14:14">
      <c r="N783495" s="10"/>
    </row>
    <row r="783496" spans="14:14">
      <c r="N783496" s="10"/>
    </row>
    <row r="783497" spans="14:14">
      <c r="N783497" s="10"/>
    </row>
    <row r="783498" spans="14:14">
      <c r="N783498" s="10"/>
    </row>
    <row r="783499" spans="14:14">
      <c r="N783499" s="10"/>
    </row>
    <row r="783500" spans="14:14">
      <c r="N783500" s="10"/>
    </row>
    <row r="783501" spans="14:14">
      <c r="N783501" s="10"/>
    </row>
    <row r="783502" spans="14:14">
      <c r="N783502" s="10"/>
    </row>
    <row r="783503" spans="14:14">
      <c r="N783503" s="10"/>
    </row>
    <row r="783504" spans="14:14">
      <c r="N783504" s="10"/>
    </row>
    <row r="783505" spans="14:14">
      <c r="N783505" s="10"/>
    </row>
    <row r="783506" spans="14:14">
      <c r="N783506" s="10"/>
    </row>
    <row r="783507" spans="14:14">
      <c r="N783507" s="10"/>
    </row>
    <row r="783508" spans="14:14">
      <c r="N783508" s="10"/>
    </row>
    <row r="783509" spans="14:14">
      <c r="N783509" s="10"/>
    </row>
    <row r="783510" spans="14:14">
      <c r="N783510" s="10"/>
    </row>
    <row r="783511" spans="14:14">
      <c r="N783511" s="10"/>
    </row>
    <row r="783512" spans="14:14">
      <c r="N783512" s="10"/>
    </row>
    <row r="783513" spans="14:14">
      <c r="N783513" s="10"/>
    </row>
    <row r="783514" spans="14:14">
      <c r="N783514" s="10"/>
    </row>
    <row r="783515" spans="14:14">
      <c r="N783515" s="10"/>
    </row>
    <row r="783516" spans="14:14">
      <c r="N783516" s="10"/>
    </row>
    <row r="783517" spans="14:14">
      <c r="N783517" s="10"/>
    </row>
    <row r="783518" spans="14:14">
      <c r="N783518" s="10"/>
    </row>
    <row r="783519" spans="14:14">
      <c r="N783519" s="10"/>
    </row>
    <row r="783520" spans="14:14">
      <c r="N783520" s="10"/>
    </row>
    <row r="783521" spans="14:14">
      <c r="N783521" s="10"/>
    </row>
    <row r="783522" spans="14:14">
      <c r="N783522" s="10"/>
    </row>
    <row r="783523" spans="14:14">
      <c r="N783523" s="10"/>
    </row>
    <row r="783524" spans="14:14">
      <c r="N783524" s="10"/>
    </row>
    <row r="783525" spans="14:14">
      <c r="N783525" s="10"/>
    </row>
    <row r="783526" spans="14:14">
      <c r="N783526" s="10"/>
    </row>
    <row r="783527" spans="14:14">
      <c r="N783527" s="10"/>
    </row>
    <row r="783528" spans="14:14">
      <c r="N783528" s="10"/>
    </row>
    <row r="783529" spans="14:14">
      <c r="N783529" s="10"/>
    </row>
    <row r="783530" spans="14:14">
      <c r="N783530" s="10"/>
    </row>
    <row r="783531" spans="14:14">
      <c r="N783531" s="10"/>
    </row>
    <row r="783532" spans="14:14">
      <c r="N783532" s="10"/>
    </row>
    <row r="783533" spans="14:14">
      <c r="N783533" s="10"/>
    </row>
    <row r="783534" spans="14:14">
      <c r="N783534" s="10"/>
    </row>
    <row r="783535" spans="14:14">
      <c r="N783535" s="10"/>
    </row>
    <row r="783536" spans="14:14">
      <c r="N783536" s="10"/>
    </row>
    <row r="783537" spans="14:14">
      <c r="N783537" s="10"/>
    </row>
    <row r="783538" spans="14:14">
      <c r="N783538" s="10"/>
    </row>
    <row r="783539" spans="14:14">
      <c r="N783539" s="10"/>
    </row>
    <row r="783540" spans="14:14">
      <c r="N783540" s="10"/>
    </row>
    <row r="783541" spans="14:14">
      <c r="N783541" s="10"/>
    </row>
    <row r="783542" spans="14:14">
      <c r="N783542" s="10"/>
    </row>
    <row r="783543" spans="14:14">
      <c r="N783543" s="10"/>
    </row>
    <row r="783544" spans="14:14">
      <c r="N783544" s="10"/>
    </row>
    <row r="783545" spans="14:14">
      <c r="N783545" s="10"/>
    </row>
    <row r="783546" spans="14:14">
      <c r="N783546" s="10"/>
    </row>
    <row r="783547" spans="14:14">
      <c r="N783547" s="10"/>
    </row>
    <row r="783548" spans="14:14">
      <c r="N783548" s="10"/>
    </row>
    <row r="783549" spans="14:14">
      <c r="N783549" s="10"/>
    </row>
    <row r="783550" spans="14:14">
      <c r="N783550" s="10"/>
    </row>
    <row r="783551" spans="14:14">
      <c r="N783551" s="10"/>
    </row>
    <row r="783552" spans="14:14">
      <c r="N783552" s="10"/>
    </row>
    <row r="783553" spans="14:14">
      <c r="N783553" s="10"/>
    </row>
    <row r="783554" spans="14:14">
      <c r="N783554" s="10"/>
    </row>
    <row r="783555" spans="14:14">
      <c r="N783555" s="10"/>
    </row>
    <row r="783556" spans="14:14">
      <c r="N783556" s="10"/>
    </row>
    <row r="783557" spans="14:14">
      <c r="N783557" s="10"/>
    </row>
    <row r="783558" spans="14:14">
      <c r="N783558" s="10"/>
    </row>
    <row r="783559" spans="14:14">
      <c r="N783559" s="10"/>
    </row>
    <row r="783560" spans="14:14">
      <c r="N783560" s="10"/>
    </row>
    <row r="783561" spans="14:14">
      <c r="N783561" s="10"/>
    </row>
    <row r="783562" spans="14:14">
      <c r="N783562" s="10"/>
    </row>
    <row r="783563" spans="14:14">
      <c r="N783563" s="10"/>
    </row>
    <row r="783564" spans="14:14">
      <c r="N783564" s="10"/>
    </row>
    <row r="783565" spans="14:14">
      <c r="N783565" s="10"/>
    </row>
    <row r="783566" spans="14:14">
      <c r="N783566" s="10"/>
    </row>
    <row r="783567" spans="14:14">
      <c r="N783567" s="10"/>
    </row>
    <row r="783568" spans="14:14">
      <c r="N783568" s="10"/>
    </row>
    <row r="783569" spans="14:14">
      <c r="N783569" s="10"/>
    </row>
    <row r="783570" spans="14:14">
      <c r="N783570" s="10"/>
    </row>
    <row r="783571" spans="14:14">
      <c r="N783571" s="10"/>
    </row>
    <row r="783572" spans="14:14">
      <c r="N783572" s="10"/>
    </row>
    <row r="783573" spans="14:14">
      <c r="N783573" s="10"/>
    </row>
    <row r="783574" spans="14:14">
      <c r="N783574" s="10"/>
    </row>
    <row r="783575" spans="14:14">
      <c r="N783575" s="10"/>
    </row>
    <row r="783576" spans="14:14">
      <c r="N783576" s="10"/>
    </row>
    <row r="783577" spans="14:14">
      <c r="N783577" s="10"/>
    </row>
    <row r="783578" spans="14:14">
      <c r="N783578" s="10"/>
    </row>
    <row r="783579" spans="14:14">
      <c r="N783579" s="10"/>
    </row>
    <row r="783580" spans="14:14">
      <c r="N783580" s="10"/>
    </row>
    <row r="783581" spans="14:14">
      <c r="N783581" s="10"/>
    </row>
    <row r="783582" spans="14:14">
      <c r="N783582" s="10"/>
    </row>
    <row r="783583" spans="14:14">
      <c r="N783583" s="10"/>
    </row>
    <row r="783584" spans="14:14">
      <c r="N783584" s="10"/>
    </row>
    <row r="783585" spans="14:14">
      <c r="N783585" s="10"/>
    </row>
    <row r="783586" spans="14:14">
      <c r="N783586" s="10"/>
    </row>
    <row r="783587" spans="14:14">
      <c r="N783587" s="10"/>
    </row>
    <row r="783588" spans="14:14">
      <c r="N783588" s="10"/>
    </row>
    <row r="783589" spans="14:14">
      <c r="N783589" s="10"/>
    </row>
    <row r="783590" spans="14:14">
      <c r="N783590" s="10"/>
    </row>
    <row r="783591" spans="14:14">
      <c r="N783591" s="10"/>
    </row>
    <row r="783592" spans="14:14">
      <c r="N783592" s="10"/>
    </row>
    <row r="783593" spans="14:14">
      <c r="N783593" s="10"/>
    </row>
    <row r="783594" spans="14:14">
      <c r="N783594" s="10"/>
    </row>
    <row r="783595" spans="14:14">
      <c r="N783595" s="10"/>
    </row>
    <row r="783596" spans="14:14">
      <c r="N783596" s="10"/>
    </row>
    <row r="783597" spans="14:14">
      <c r="N783597" s="10"/>
    </row>
    <row r="783598" spans="14:14">
      <c r="N783598" s="10"/>
    </row>
    <row r="783599" spans="14:14">
      <c r="N783599" s="10"/>
    </row>
    <row r="783600" spans="14:14">
      <c r="N783600" s="10"/>
    </row>
    <row r="783601" spans="14:14">
      <c r="N783601" s="10"/>
    </row>
    <row r="783602" spans="14:14">
      <c r="N783602" s="10"/>
    </row>
    <row r="783603" spans="14:14">
      <c r="N783603" s="10"/>
    </row>
    <row r="783604" spans="14:14">
      <c r="N783604" s="10"/>
    </row>
    <row r="783605" spans="14:14">
      <c r="N783605" s="10"/>
    </row>
    <row r="783606" spans="14:14">
      <c r="N783606" s="10"/>
    </row>
    <row r="783607" spans="14:14">
      <c r="N783607" s="10"/>
    </row>
    <row r="783608" spans="14:14">
      <c r="N783608" s="10"/>
    </row>
    <row r="783609" spans="14:14">
      <c r="N783609" s="10"/>
    </row>
    <row r="783610" spans="14:14">
      <c r="N783610" s="10"/>
    </row>
    <row r="783611" spans="14:14">
      <c r="N783611" s="10"/>
    </row>
    <row r="783612" spans="14:14">
      <c r="N783612" s="10"/>
    </row>
    <row r="783613" spans="14:14">
      <c r="N783613" s="10"/>
    </row>
    <row r="783614" spans="14:14">
      <c r="N783614" s="10"/>
    </row>
    <row r="783615" spans="14:14">
      <c r="N783615" s="10"/>
    </row>
    <row r="783616" spans="14:14">
      <c r="N783616" s="10"/>
    </row>
    <row r="783617" spans="14:14">
      <c r="N783617" s="10"/>
    </row>
    <row r="783618" spans="14:14">
      <c r="N783618" s="10"/>
    </row>
    <row r="783619" spans="14:14">
      <c r="N783619" s="10"/>
    </row>
    <row r="783620" spans="14:14">
      <c r="N783620" s="10"/>
    </row>
    <row r="783621" spans="14:14">
      <c r="N783621" s="10"/>
    </row>
    <row r="783622" spans="14:14">
      <c r="N783622" s="10"/>
    </row>
    <row r="783623" spans="14:14">
      <c r="N783623" s="10"/>
    </row>
    <row r="783624" spans="14:14">
      <c r="N783624" s="10"/>
    </row>
    <row r="783625" spans="14:14">
      <c r="N783625" s="10"/>
    </row>
    <row r="783626" spans="14:14">
      <c r="N783626" s="10"/>
    </row>
    <row r="783627" spans="14:14">
      <c r="N783627" s="10"/>
    </row>
    <row r="783628" spans="14:14">
      <c r="N783628" s="10"/>
    </row>
    <row r="783629" spans="14:14">
      <c r="N783629" s="10"/>
    </row>
    <row r="783630" spans="14:14">
      <c r="N783630" s="10"/>
    </row>
    <row r="783631" spans="14:14">
      <c r="N783631" s="10"/>
    </row>
    <row r="783632" spans="14:14">
      <c r="N783632" s="10"/>
    </row>
    <row r="783633" spans="14:14">
      <c r="N783633" s="10"/>
    </row>
    <row r="783634" spans="14:14">
      <c r="N783634" s="10"/>
    </row>
    <row r="783635" spans="14:14">
      <c r="N783635" s="10"/>
    </row>
    <row r="783636" spans="14:14">
      <c r="N783636" s="10"/>
    </row>
    <row r="783637" spans="14:14">
      <c r="N783637" s="10"/>
    </row>
    <row r="783638" spans="14:14">
      <c r="N783638" s="10"/>
    </row>
    <row r="783639" spans="14:14">
      <c r="N783639" s="10"/>
    </row>
    <row r="783640" spans="14:14">
      <c r="N783640" s="10"/>
    </row>
    <row r="783641" spans="14:14">
      <c r="N783641" s="10"/>
    </row>
    <row r="783642" spans="14:14">
      <c r="N783642" s="10"/>
    </row>
    <row r="783643" spans="14:14">
      <c r="N783643" s="10"/>
    </row>
    <row r="783644" spans="14:14">
      <c r="N783644" s="10"/>
    </row>
    <row r="783645" spans="14:14">
      <c r="N783645" s="10"/>
    </row>
    <row r="783646" spans="14:14">
      <c r="N783646" s="10"/>
    </row>
    <row r="783647" spans="14:14">
      <c r="N783647" s="10"/>
    </row>
    <row r="783648" spans="14:14">
      <c r="N783648" s="10"/>
    </row>
    <row r="783649" spans="14:14">
      <c r="N783649" s="10"/>
    </row>
    <row r="783650" spans="14:14">
      <c r="N783650" s="10"/>
    </row>
    <row r="783651" spans="14:14">
      <c r="N783651" s="10"/>
    </row>
    <row r="783652" spans="14:14">
      <c r="N783652" s="10"/>
    </row>
    <row r="783653" spans="14:14">
      <c r="N783653" s="10"/>
    </row>
    <row r="783654" spans="14:14">
      <c r="N783654" s="10"/>
    </row>
    <row r="783655" spans="14:14">
      <c r="N783655" s="10"/>
    </row>
    <row r="783656" spans="14:14">
      <c r="N783656" s="10"/>
    </row>
    <row r="783657" spans="14:14">
      <c r="N783657" s="10"/>
    </row>
    <row r="783658" spans="14:14">
      <c r="N783658" s="10"/>
    </row>
    <row r="783659" spans="14:14">
      <c r="N783659" s="10"/>
    </row>
    <row r="783660" spans="14:14">
      <c r="N783660" s="10"/>
    </row>
    <row r="783661" spans="14:14">
      <c r="N783661" s="10"/>
    </row>
    <row r="783662" spans="14:14">
      <c r="N783662" s="10"/>
    </row>
    <row r="783663" spans="14:14">
      <c r="N783663" s="10"/>
    </row>
    <row r="783664" spans="14:14">
      <c r="N783664" s="10"/>
    </row>
    <row r="783665" spans="14:14">
      <c r="N783665" s="10"/>
    </row>
    <row r="783666" spans="14:14">
      <c r="N783666" s="10"/>
    </row>
    <row r="783667" spans="14:14">
      <c r="N783667" s="10"/>
    </row>
    <row r="783668" spans="14:14">
      <c r="N783668" s="10"/>
    </row>
    <row r="783669" spans="14:14">
      <c r="N783669" s="10"/>
    </row>
    <row r="783670" spans="14:14">
      <c r="N783670" s="10"/>
    </row>
    <row r="783671" spans="14:14">
      <c r="N783671" s="10"/>
    </row>
    <row r="783672" spans="14:14">
      <c r="N783672" s="10"/>
    </row>
    <row r="783673" spans="14:14">
      <c r="N783673" s="10"/>
    </row>
    <row r="783674" spans="14:14">
      <c r="N783674" s="10"/>
    </row>
    <row r="783675" spans="14:14">
      <c r="N783675" s="10"/>
    </row>
    <row r="783676" spans="14:14">
      <c r="N783676" s="10"/>
    </row>
    <row r="783677" spans="14:14">
      <c r="N783677" s="10"/>
    </row>
    <row r="783678" spans="14:14">
      <c r="N783678" s="10"/>
    </row>
    <row r="783679" spans="14:14">
      <c r="N783679" s="10"/>
    </row>
    <row r="783680" spans="14:14">
      <c r="N783680" s="10"/>
    </row>
    <row r="783681" spans="14:14">
      <c r="N783681" s="10"/>
    </row>
    <row r="783682" spans="14:14">
      <c r="N783682" s="10"/>
    </row>
    <row r="783683" spans="14:14">
      <c r="N783683" s="10"/>
    </row>
    <row r="783684" spans="14:14">
      <c r="N783684" s="10"/>
    </row>
    <row r="783685" spans="14:14">
      <c r="N783685" s="10"/>
    </row>
    <row r="783686" spans="14:14">
      <c r="N783686" s="10"/>
    </row>
    <row r="783687" spans="14:14">
      <c r="N783687" s="10"/>
    </row>
    <row r="783688" spans="14:14">
      <c r="N783688" s="10"/>
    </row>
    <row r="783689" spans="14:14">
      <c r="N783689" s="10"/>
    </row>
    <row r="783690" spans="14:14">
      <c r="N783690" s="10"/>
    </row>
    <row r="783691" spans="14:14">
      <c r="N783691" s="10"/>
    </row>
    <row r="783692" spans="14:14">
      <c r="N783692" s="10"/>
    </row>
    <row r="783693" spans="14:14">
      <c r="N783693" s="10"/>
    </row>
    <row r="783694" spans="14:14">
      <c r="N783694" s="10"/>
    </row>
    <row r="783695" spans="14:14">
      <c r="N783695" s="10"/>
    </row>
    <row r="783696" spans="14:14">
      <c r="N783696" s="10"/>
    </row>
    <row r="783697" spans="14:14">
      <c r="N783697" s="10"/>
    </row>
    <row r="783698" spans="14:14">
      <c r="N783698" s="10"/>
    </row>
    <row r="783699" spans="14:14">
      <c r="N783699" s="10"/>
    </row>
    <row r="783700" spans="14:14">
      <c r="N783700" s="10"/>
    </row>
    <row r="783701" spans="14:14">
      <c r="N783701" s="10"/>
    </row>
    <row r="783702" spans="14:14">
      <c r="N783702" s="10"/>
    </row>
    <row r="783703" spans="14:14">
      <c r="N783703" s="10"/>
    </row>
    <row r="783704" spans="14:14">
      <c r="N783704" s="10"/>
    </row>
    <row r="783705" spans="14:14">
      <c r="N783705" s="10"/>
    </row>
    <row r="783706" spans="14:14">
      <c r="N783706" s="10"/>
    </row>
    <row r="783707" spans="14:14">
      <c r="N783707" s="10"/>
    </row>
    <row r="783708" spans="14:14">
      <c r="N783708" s="10"/>
    </row>
    <row r="783709" spans="14:14">
      <c r="N783709" s="10"/>
    </row>
    <row r="783710" spans="14:14">
      <c r="N783710" s="10"/>
    </row>
    <row r="783711" spans="14:14">
      <c r="N783711" s="10"/>
    </row>
    <row r="783712" spans="14:14">
      <c r="N783712" s="10"/>
    </row>
    <row r="783713" spans="14:14">
      <c r="N783713" s="10"/>
    </row>
    <row r="783714" spans="14:14">
      <c r="N783714" s="10"/>
    </row>
    <row r="783715" spans="14:14">
      <c r="N783715" s="10"/>
    </row>
    <row r="783716" spans="14:14">
      <c r="N783716" s="10"/>
    </row>
    <row r="783717" spans="14:14">
      <c r="N783717" s="10"/>
    </row>
    <row r="783718" spans="14:14">
      <c r="N783718" s="10"/>
    </row>
    <row r="783719" spans="14:14">
      <c r="N783719" s="10"/>
    </row>
    <row r="783720" spans="14:14">
      <c r="N783720" s="10"/>
    </row>
    <row r="783721" spans="14:14">
      <c r="N783721" s="10"/>
    </row>
    <row r="783722" spans="14:14">
      <c r="N783722" s="10"/>
    </row>
    <row r="783723" spans="14:14">
      <c r="N783723" s="10"/>
    </row>
    <row r="783724" spans="14:14">
      <c r="N783724" s="10"/>
    </row>
    <row r="783725" spans="14:14">
      <c r="N783725" s="10"/>
    </row>
    <row r="783726" spans="14:14">
      <c r="N783726" s="10"/>
    </row>
    <row r="783727" spans="14:14">
      <c r="N783727" s="10"/>
    </row>
    <row r="783728" spans="14:14">
      <c r="N783728" s="10"/>
    </row>
    <row r="783729" spans="14:14">
      <c r="N783729" s="10"/>
    </row>
    <row r="783730" spans="14:14">
      <c r="N783730" s="10"/>
    </row>
    <row r="783731" spans="14:14">
      <c r="N783731" s="10"/>
    </row>
    <row r="783732" spans="14:14">
      <c r="N783732" s="10"/>
    </row>
    <row r="783733" spans="14:14">
      <c r="N783733" s="10"/>
    </row>
    <row r="783734" spans="14:14">
      <c r="N783734" s="10"/>
    </row>
    <row r="783735" spans="14:14">
      <c r="N783735" s="10"/>
    </row>
    <row r="783736" spans="14:14">
      <c r="N783736" s="10"/>
    </row>
    <row r="783737" spans="14:14">
      <c r="N783737" s="10"/>
    </row>
    <row r="783738" spans="14:14">
      <c r="N783738" s="10"/>
    </row>
    <row r="783739" spans="14:14">
      <c r="N783739" s="10"/>
    </row>
    <row r="783740" spans="14:14">
      <c r="N783740" s="10"/>
    </row>
    <row r="783741" spans="14:14">
      <c r="N783741" s="10"/>
    </row>
    <row r="783742" spans="14:14">
      <c r="N783742" s="10"/>
    </row>
    <row r="783743" spans="14:14">
      <c r="N783743" s="10"/>
    </row>
    <row r="783744" spans="14:14">
      <c r="N783744" s="10"/>
    </row>
    <row r="783745" spans="14:14">
      <c r="N783745" s="10"/>
    </row>
    <row r="783746" spans="14:14">
      <c r="N783746" s="10"/>
    </row>
    <row r="783747" spans="14:14">
      <c r="N783747" s="10"/>
    </row>
    <row r="783748" spans="14:14">
      <c r="N783748" s="10"/>
    </row>
    <row r="783749" spans="14:14">
      <c r="N783749" s="10"/>
    </row>
    <row r="783750" spans="14:14">
      <c r="N783750" s="10"/>
    </row>
    <row r="783751" spans="14:14">
      <c r="N783751" s="10"/>
    </row>
    <row r="783752" spans="14:14">
      <c r="N783752" s="10"/>
    </row>
    <row r="783753" spans="14:14">
      <c r="N783753" s="10"/>
    </row>
    <row r="783754" spans="14:14">
      <c r="N783754" s="10"/>
    </row>
    <row r="783755" spans="14:14">
      <c r="N783755" s="10"/>
    </row>
    <row r="783756" spans="14:14">
      <c r="N783756" s="10"/>
    </row>
    <row r="783757" spans="14:14">
      <c r="N783757" s="10"/>
    </row>
    <row r="783758" spans="14:14">
      <c r="N783758" s="10"/>
    </row>
    <row r="783759" spans="14:14">
      <c r="N783759" s="10"/>
    </row>
    <row r="783760" spans="14:14">
      <c r="N783760" s="10"/>
    </row>
    <row r="783761" spans="14:14">
      <c r="N783761" s="10"/>
    </row>
    <row r="783762" spans="14:14">
      <c r="N783762" s="10"/>
    </row>
    <row r="783763" spans="14:14">
      <c r="N783763" s="10"/>
    </row>
    <row r="783764" spans="14:14">
      <c r="N783764" s="10"/>
    </row>
    <row r="783765" spans="14:14">
      <c r="N783765" s="10"/>
    </row>
    <row r="783766" spans="14:14">
      <c r="N783766" s="10"/>
    </row>
    <row r="783767" spans="14:14">
      <c r="N783767" s="10"/>
    </row>
    <row r="783768" spans="14:14">
      <c r="N783768" s="10"/>
    </row>
    <row r="783769" spans="14:14">
      <c r="N783769" s="10"/>
    </row>
    <row r="783770" spans="14:14">
      <c r="N783770" s="10"/>
    </row>
    <row r="783771" spans="14:14">
      <c r="N783771" s="10"/>
    </row>
    <row r="783772" spans="14:14">
      <c r="N783772" s="10"/>
    </row>
    <row r="783773" spans="14:14">
      <c r="N783773" s="10"/>
    </row>
    <row r="783774" spans="14:14">
      <c r="N783774" s="10"/>
    </row>
    <row r="783775" spans="14:14">
      <c r="N783775" s="10"/>
    </row>
    <row r="783776" spans="14:14">
      <c r="N783776" s="10"/>
    </row>
    <row r="783777" spans="14:14">
      <c r="N783777" s="10"/>
    </row>
    <row r="783778" spans="14:14">
      <c r="N783778" s="10"/>
    </row>
    <row r="783779" spans="14:14">
      <c r="N783779" s="10"/>
    </row>
    <row r="783780" spans="14:14">
      <c r="N783780" s="10"/>
    </row>
    <row r="783781" spans="14:14">
      <c r="N783781" s="10"/>
    </row>
    <row r="783782" spans="14:14">
      <c r="N783782" s="10"/>
    </row>
    <row r="783783" spans="14:14">
      <c r="N783783" s="10"/>
    </row>
    <row r="783784" spans="14:14">
      <c r="N783784" s="10"/>
    </row>
    <row r="783785" spans="14:14">
      <c r="N783785" s="10"/>
    </row>
    <row r="783786" spans="14:14">
      <c r="N783786" s="10"/>
    </row>
    <row r="783787" spans="14:14">
      <c r="N783787" s="10"/>
    </row>
    <row r="783788" spans="14:14">
      <c r="N783788" s="10"/>
    </row>
    <row r="783789" spans="14:14">
      <c r="N783789" s="10"/>
    </row>
    <row r="783790" spans="14:14">
      <c r="N783790" s="10"/>
    </row>
    <row r="783791" spans="14:14">
      <c r="N783791" s="10"/>
    </row>
    <row r="783792" spans="14:14">
      <c r="N783792" s="10"/>
    </row>
    <row r="783793" spans="14:14">
      <c r="N783793" s="10"/>
    </row>
    <row r="783794" spans="14:14">
      <c r="N783794" s="10"/>
    </row>
    <row r="783795" spans="14:14">
      <c r="N783795" s="10"/>
    </row>
    <row r="783796" spans="14:14">
      <c r="N783796" s="10"/>
    </row>
    <row r="783797" spans="14:14">
      <c r="N783797" s="10"/>
    </row>
    <row r="783798" spans="14:14">
      <c r="N783798" s="10"/>
    </row>
    <row r="783799" spans="14:14">
      <c r="N783799" s="10"/>
    </row>
    <row r="783800" spans="14:14">
      <c r="N783800" s="10"/>
    </row>
    <row r="783801" spans="14:14">
      <c r="N783801" s="10"/>
    </row>
    <row r="783802" spans="14:14">
      <c r="N783802" s="10"/>
    </row>
    <row r="783803" spans="14:14">
      <c r="N783803" s="10"/>
    </row>
    <row r="783804" spans="14:14">
      <c r="N783804" s="10"/>
    </row>
    <row r="783805" spans="14:14">
      <c r="N783805" s="10"/>
    </row>
    <row r="783806" spans="14:14">
      <c r="N783806" s="10"/>
    </row>
    <row r="783807" spans="14:14">
      <c r="N783807" s="10"/>
    </row>
    <row r="783808" spans="14:14">
      <c r="N783808" s="10"/>
    </row>
    <row r="783809" spans="14:14">
      <c r="N783809" s="10"/>
    </row>
    <row r="783810" spans="14:14">
      <c r="N783810" s="10"/>
    </row>
    <row r="783811" spans="14:14">
      <c r="N783811" s="10"/>
    </row>
    <row r="783812" spans="14:14">
      <c r="N783812" s="10"/>
    </row>
    <row r="783813" spans="14:14">
      <c r="N783813" s="10"/>
    </row>
    <row r="783814" spans="14:14">
      <c r="N783814" s="10"/>
    </row>
    <row r="783815" spans="14:14">
      <c r="N783815" s="10"/>
    </row>
    <row r="783816" spans="14:14">
      <c r="N783816" s="10"/>
    </row>
    <row r="783817" spans="14:14">
      <c r="N783817" s="10"/>
    </row>
    <row r="783818" spans="14:14">
      <c r="N783818" s="10"/>
    </row>
    <row r="783819" spans="14:14">
      <c r="N783819" s="10"/>
    </row>
    <row r="783820" spans="14:14">
      <c r="N783820" s="10"/>
    </row>
    <row r="783821" spans="14:14">
      <c r="N783821" s="10"/>
    </row>
    <row r="783822" spans="14:14">
      <c r="N783822" s="10"/>
    </row>
    <row r="783823" spans="14:14">
      <c r="N783823" s="10"/>
    </row>
    <row r="783824" spans="14:14">
      <c r="N783824" s="10"/>
    </row>
    <row r="783825" spans="14:14">
      <c r="N783825" s="10"/>
    </row>
    <row r="783826" spans="14:14">
      <c r="N783826" s="10"/>
    </row>
    <row r="783827" spans="14:14">
      <c r="N783827" s="10"/>
    </row>
    <row r="783828" spans="14:14">
      <c r="N783828" s="10"/>
    </row>
    <row r="783829" spans="14:14">
      <c r="N783829" s="10"/>
    </row>
    <row r="783830" spans="14:14">
      <c r="N783830" s="10"/>
    </row>
    <row r="783831" spans="14:14">
      <c r="N783831" s="10"/>
    </row>
    <row r="783832" spans="14:14">
      <c r="N783832" s="10"/>
    </row>
    <row r="783833" spans="14:14">
      <c r="N783833" s="10"/>
    </row>
    <row r="783834" spans="14:14">
      <c r="N783834" s="10"/>
    </row>
    <row r="783835" spans="14:14">
      <c r="N783835" s="10"/>
    </row>
    <row r="783836" spans="14:14">
      <c r="N783836" s="10"/>
    </row>
    <row r="783837" spans="14:14">
      <c r="N783837" s="10"/>
    </row>
    <row r="783838" spans="14:14">
      <c r="N783838" s="10"/>
    </row>
    <row r="783839" spans="14:14">
      <c r="N783839" s="10"/>
    </row>
    <row r="783840" spans="14:14">
      <c r="N783840" s="10"/>
    </row>
    <row r="783841" spans="14:14">
      <c r="N783841" s="10"/>
    </row>
    <row r="783842" spans="14:14">
      <c r="N783842" s="10"/>
    </row>
    <row r="783843" spans="14:14">
      <c r="N783843" s="10"/>
    </row>
    <row r="783844" spans="14:14">
      <c r="N783844" s="10"/>
    </row>
    <row r="783845" spans="14:14">
      <c r="N783845" s="10"/>
    </row>
    <row r="783846" spans="14:14">
      <c r="N783846" s="10"/>
    </row>
    <row r="783847" spans="14:14">
      <c r="N783847" s="10"/>
    </row>
    <row r="783848" spans="14:14">
      <c r="N783848" s="10"/>
    </row>
    <row r="783849" spans="14:14">
      <c r="N783849" s="10"/>
    </row>
    <row r="783850" spans="14:14">
      <c r="N783850" s="10"/>
    </row>
    <row r="783851" spans="14:14">
      <c r="N783851" s="10"/>
    </row>
    <row r="783852" spans="14:14">
      <c r="N783852" s="10"/>
    </row>
    <row r="783853" spans="14:14">
      <c r="N783853" s="10"/>
    </row>
    <row r="783854" spans="14:14">
      <c r="N783854" s="10"/>
    </row>
    <row r="783855" spans="14:14">
      <c r="N783855" s="10"/>
    </row>
    <row r="783856" spans="14:14">
      <c r="N783856" s="10"/>
    </row>
    <row r="783857" spans="14:14">
      <c r="N783857" s="10"/>
    </row>
    <row r="783858" spans="14:14">
      <c r="N783858" s="10"/>
    </row>
    <row r="783859" spans="14:14">
      <c r="N783859" s="10"/>
    </row>
    <row r="783860" spans="14:14">
      <c r="N783860" s="10"/>
    </row>
    <row r="783861" spans="14:14">
      <c r="N783861" s="10"/>
    </row>
    <row r="783862" spans="14:14">
      <c r="N783862" s="10"/>
    </row>
    <row r="783863" spans="14:14">
      <c r="N783863" s="10"/>
    </row>
    <row r="783864" spans="14:14">
      <c r="N783864" s="10"/>
    </row>
    <row r="783865" spans="14:14">
      <c r="N783865" s="10"/>
    </row>
    <row r="783866" spans="14:14">
      <c r="N783866" s="10"/>
    </row>
    <row r="783867" spans="14:14">
      <c r="N783867" s="10"/>
    </row>
    <row r="783868" spans="14:14">
      <c r="N783868" s="10"/>
    </row>
    <row r="783869" spans="14:14">
      <c r="N783869" s="10"/>
    </row>
    <row r="783870" spans="14:14">
      <c r="N783870" s="10"/>
    </row>
    <row r="783871" spans="14:14">
      <c r="N783871" s="10"/>
    </row>
    <row r="783872" spans="14:14">
      <c r="N783872" s="10"/>
    </row>
    <row r="783873" spans="14:14">
      <c r="N783873" s="10"/>
    </row>
    <row r="783874" spans="14:14">
      <c r="N783874" s="10"/>
    </row>
    <row r="783875" spans="14:14">
      <c r="N783875" s="10"/>
    </row>
    <row r="783876" spans="14:14">
      <c r="N783876" s="10"/>
    </row>
    <row r="783877" spans="14:14">
      <c r="N783877" s="10"/>
    </row>
    <row r="783878" spans="14:14">
      <c r="N783878" s="10"/>
    </row>
    <row r="783879" spans="14:14">
      <c r="N783879" s="10"/>
    </row>
    <row r="783880" spans="14:14">
      <c r="N783880" s="10"/>
    </row>
    <row r="783881" spans="14:14">
      <c r="N783881" s="10"/>
    </row>
    <row r="783882" spans="14:14">
      <c r="N783882" s="10"/>
    </row>
    <row r="783883" spans="14:14">
      <c r="N783883" s="10"/>
    </row>
    <row r="783884" spans="14:14">
      <c r="N783884" s="10"/>
    </row>
    <row r="783885" spans="14:14">
      <c r="N783885" s="10"/>
    </row>
    <row r="783886" spans="14:14">
      <c r="N783886" s="10"/>
    </row>
    <row r="783887" spans="14:14">
      <c r="N783887" s="10"/>
    </row>
    <row r="783888" spans="14:14">
      <c r="N783888" s="10"/>
    </row>
    <row r="783889" spans="14:14">
      <c r="N783889" s="10"/>
    </row>
    <row r="783890" spans="14:14">
      <c r="N783890" s="10"/>
    </row>
    <row r="783891" spans="14:14">
      <c r="N783891" s="10"/>
    </row>
    <row r="783892" spans="14:14">
      <c r="N783892" s="10"/>
    </row>
    <row r="783893" spans="14:14">
      <c r="N783893" s="10"/>
    </row>
    <row r="783894" spans="14:14">
      <c r="N783894" s="10"/>
    </row>
    <row r="783895" spans="14:14">
      <c r="N783895" s="10"/>
    </row>
    <row r="783896" spans="14:14">
      <c r="N783896" s="10"/>
    </row>
    <row r="783897" spans="14:14">
      <c r="N783897" s="10"/>
    </row>
    <row r="783898" spans="14:14">
      <c r="N783898" s="10"/>
    </row>
    <row r="783899" spans="14:14">
      <c r="N783899" s="10"/>
    </row>
    <row r="783900" spans="14:14">
      <c r="N783900" s="10"/>
    </row>
    <row r="783901" spans="14:14">
      <c r="N783901" s="10"/>
    </row>
    <row r="783902" spans="14:14">
      <c r="N783902" s="10"/>
    </row>
    <row r="783903" spans="14:14">
      <c r="N783903" s="10"/>
    </row>
    <row r="783904" spans="14:14">
      <c r="N783904" s="10"/>
    </row>
    <row r="783905" spans="14:14">
      <c r="N783905" s="10"/>
    </row>
    <row r="783906" spans="14:14">
      <c r="N783906" s="10"/>
    </row>
    <row r="783907" spans="14:14">
      <c r="N783907" s="10"/>
    </row>
    <row r="783908" spans="14:14">
      <c r="N783908" s="10"/>
    </row>
    <row r="783909" spans="14:14">
      <c r="N783909" s="10"/>
    </row>
    <row r="783910" spans="14:14">
      <c r="N783910" s="10"/>
    </row>
    <row r="783911" spans="14:14">
      <c r="N783911" s="10"/>
    </row>
    <row r="783912" spans="14:14">
      <c r="N783912" s="10"/>
    </row>
    <row r="783913" spans="14:14">
      <c r="N783913" s="10"/>
    </row>
    <row r="783914" spans="14:14">
      <c r="N783914" s="10"/>
    </row>
    <row r="783915" spans="14:14">
      <c r="N783915" s="10"/>
    </row>
    <row r="783916" spans="14:14">
      <c r="N783916" s="10"/>
    </row>
    <row r="783917" spans="14:14">
      <c r="N783917" s="10"/>
    </row>
    <row r="783918" spans="14:14">
      <c r="N783918" s="10"/>
    </row>
    <row r="783919" spans="14:14">
      <c r="N783919" s="10"/>
    </row>
    <row r="783920" spans="14:14">
      <c r="N783920" s="10"/>
    </row>
    <row r="783921" spans="14:14">
      <c r="N783921" s="10"/>
    </row>
    <row r="783922" spans="14:14">
      <c r="N783922" s="10"/>
    </row>
    <row r="783923" spans="14:14">
      <c r="N783923" s="10"/>
    </row>
    <row r="783924" spans="14:14">
      <c r="N783924" s="10"/>
    </row>
    <row r="783925" spans="14:14">
      <c r="N783925" s="10"/>
    </row>
    <row r="783926" spans="14:14">
      <c r="N783926" s="10"/>
    </row>
    <row r="783927" spans="14:14">
      <c r="N783927" s="10"/>
    </row>
    <row r="783928" spans="14:14">
      <c r="N783928" s="10"/>
    </row>
    <row r="783929" spans="14:14">
      <c r="N783929" s="10"/>
    </row>
    <row r="783930" spans="14:14">
      <c r="N783930" s="10"/>
    </row>
    <row r="783931" spans="14:14">
      <c r="N783931" s="10"/>
    </row>
    <row r="783932" spans="14:14">
      <c r="N783932" s="10"/>
    </row>
    <row r="783933" spans="14:14">
      <c r="N783933" s="10"/>
    </row>
    <row r="783934" spans="14:14">
      <c r="N783934" s="10"/>
    </row>
    <row r="783935" spans="14:14">
      <c r="N783935" s="10"/>
    </row>
    <row r="783936" spans="14:14">
      <c r="N783936" s="10"/>
    </row>
    <row r="783937" spans="14:14">
      <c r="N783937" s="10"/>
    </row>
    <row r="783938" spans="14:14">
      <c r="N783938" s="10"/>
    </row>
    <row r="783939" spans="14:14">
      <c r="N783939" s="10"/>
    </row>
    <row r="783940" spans="14:14">
      <c r="N783940" s="10"/>
    </row>
    <row r="783941" spans="14:14">
      <c r="N783941" s="10"/>
    </row>
    <row r="783942" spans="14:14">
      <c r="N783942" s="10"/>
    </row>
    <row r="783943" spans="14:14">
      <c r="N783943" s="10"/>
    </row>
    <row r="783944" spans="14:14">
      <c r="N783944" s="10"/>
    </row>
    <row r="783945" spans="14:14">
      <c r="N783945" s="10"/>
    </row>
    <row r="783946" spans="14:14">
      <c r="N783946" s="10"/>
    </row>
    <row r="783947" spans="14:14">
      <c r="N783947" s="10"/>
    </row>
    <row r="783948" spans="14:14">
      <c r="N783948" s="10"/>
    </row>
    <row r="783949" spans="14:14">
      <c r="N783949" s="10"/>
    </row>
    <row r="783950" spans="14:14">
      <c r="N783950" s="10"/>
    </row>
    <row r="783951" spans="14:14">
      <c r="N783951" s="10"/>
    </row>
    <row r="783952" spans="14:14">
      <c r="N783952" s="10"/>
    </row>
    <row r="783953" spans="14:14">
      <c r="N783953" s="10"/>
    </row>
    <row r="783954" spans="14:14">
      <c r="N783954" s="10"/>
    </row>
    <row r="783955" spans="14:14">
      <c r="N783955" s="10"/>
    </row>
    <row r="783956" spans="14:14">
      <c r="N783956" s="10"/>
    </row>
    <row r="783957" spans="14:14">
      <c r="N783957" s="10"/>
    </row>
    <row r="783958" spans="14:14">
      <c r="N783958" s="10"/>
    </row>
    <row r="783959" spans="14:14">
      <c r="N783959" s="10"/>
    </row>
    <row r="783960" spans="14:14">
      <c r="N783960" s="10"/>
    </row>
    <row r="783961" spans="14:14">
      <c r="N783961" s="10"/>
    </row>
    <row r="783962" spans="14:14">
      <c r="N783962" s="10"/>
    </row>
    <row r="783963" spans="14:14">
      <c r="N783963" s="10"/>
    </row>
    <row r="783964" spans="14:14">
      <c r="N783964" s="10"/>
    </row>
    <row r="783965" spans="14:14">
      <c r="N783965" s="10"/>
    </row>
    <row r="783966" spans="14:14">
      <c r="N783966" s="10"/>
    </row>
    <row r="783967" spans="14:14">
      <c r="N783967" s="10"/>
    </row>
    <row r="783968" spans="14:14">
      <c r="N783968" s="10"/>
    </row>
    <row r="783969" spans="14:14">
      <c r="N783969" s="10"/>
    </row>
    <row r="783970" spans="14:14">
      <c r="N783970" s="10"/>
    </row>
    <row r="783971" spans="14:14">
      <c r="N783971" s="10"/>
    </row>
    <row r="783972" spans="14:14">
      <c r="N783972" s="10"/>
    </row>
    <row r="783973" spans="14:14">
      <c r="N783973" s="10"/>
    </row>
    <row r="783974" spans="14:14">
      <c r="N783974" s="10"/>
    </row>
    <row r="783975" spans="14:14">
      <c r="N783975" s="10"/>
    </row>
    <row r="783976" spans="14:14">
      <c r="N783976" s="10"/>
    </row>
    <row r="783977" spans="14:14">
      <c r="N783977" s="10"/>
    </row>
    <row r="783978" spans="14:14">
      <c r="N783978" s="10"/>
    </row>
    <row r="783979" spans="14:14">
      <c r="N783979" s="10"/>
    </row>
    <row r="783980" spans="14:14">
      <c r="N783980" s="10"/>
    </row>
    <row r="783981" spans="14:14">
      <c r="N783981" s="10"/>
    </row>
    <row r="783982" spans="14:14">
      <c r="N783982" s="10"/>
    </row>
    <row r="783983" spans="14:14">
      <c r="N783983" s="10"/>
    </row>
    <row r="783984" spans="14:14">
      <c r="N783984" s="10"/>
    </row>
    <row r="783985" spans="14:14">
      <c r="N783985" s="10"/>
    </row>
    <row r="783986" spans="14:14">
      <c r="N783986" s="10"/>
    </row>
    <row r="783987" spans="14:14">
      <c r="N783987" s="10"/>
    </row>
    <row r="783988" spans="14:14">
      <c r="N783988" s="10"/>
    </row>
    <row r="783989" spans="14:14">
      <c r="N783989" s="10"/>
    </row>
    <row r="783990" spans="14:14">
      <c r="N783990" s="10"/>
    </row>
    <row r="783991" spans="14:14">
      <c r="N783991" s="10"/>
    </row>
    <row r="783992" spans="14:14">
      <c r="N783992" s="10"/>
    </row>
    <row r="783993" spans="14:14">
      <c r="N783993" s="10"/>
    </row>
    <row r="783994" spans="14:14">
      <c r="N783994" s="10"/>
    </row>
    <row r="783995" spans="14:14">
      <c r="N783995" s="10"/>
    </row>
    <row r="783996" spans="14:14">
      <c r="N783996" s="10"/>
    </row>
    <row r="783997" spans="14:14">
      <c r="N783997" s="10"/>
    </row>
    <row r="783998" spans="14:14">
      <c r="N783998" s="10"/>
    </row>
    <row r="783999" spans="14:14">
      <c r="N783999" s="10"/>
    </row>
    <row r="784000" spans="14:14">
      <c r="N784000" s="10"/>
    </row>
    <row r="784001" spans="14:14">
      <c r="N784001" s="10"/>
    </row>
    <row r="784002" spans="14:14">
      <c r="N784002" s="10"/>
    </row>
    <row r="784003" spans="14:14">
      <c r="N784003" s="10"/>
    </row>
    <row r="784004" spans="14:14">
      <c r="N784004" s="10"/>
    </row>
    <row r="784005" spans="14:14">
      <c r="N784005" s="10"/>
    </row>
    <row r="784006" spans="14:14">
      <c r="N784006" s="10"/>
    </row>
    <row r="784007" spans="14:14">
      <c r="N784007" s="10"/>
    </row>
    <row r="784008" spans="14:14">
      <c r="N784008" s="10"/>
    </row>
    <row r="784009" spans="14:14">
      <c r="N784009" s="10"/>
    </row>
    <row r="784010" spans="14:14">
      <c r="N784010" s="10"/>
    </row>
    <row r="784011" spans="14:14">
      <c r="N784011" s="10"/>
    </row>
    <row r="784012" spans="14:14">
      <c r="N784012" s="10"/>
    </row>
    <row r="784013" spans="14:14">
      <c r="N784013" s="10"/>
    </row>
    <row r="784014" spans="14:14">
      <c r="N784014" s="10"/>
    </row>
    <row r="784015" spans="14:14">
      <c r="N784015" s="10"/>
    </row>
    <row r="784016" spans="14:14">
      <c r="N784016" s="10"/>
    </row>
    <row r="784017" spans="14:14">
      <c r="N784017" s="10"/>
    </row>
    <row r="784018" spans="14:14">
      <c r="N784018" s="10"/>
    </row>
    <row r="784019" spans="14:14">
      <c r="N784019" s="10"/>
    </row>
    <row r="784020" spans="14:14">
      <c r="N784020" s="10"/>
    </row>
    <row r="784021" spans="14:14">
      <c r="N784021" s="10"/>
    </row>
    <row r="784022" spans="14:14">
      <c r="N784022" s="10"/>
    </row>
    <row r="784023" spans="14:14">
      <c r="N784023" s="10"/>
    </row>
    <row r="784024" spans="14:14">
      <c r="N784024" s="10"/>
    </row>
    <row r="784025" spans="14:14">
      <c r="N784025" s="10"/>
    </row>
    <row r="784026" spans="14:14">
      <c r="N784026" s="10"/>
    </row>
    <row r="784027" spans="14:14">
      <c r="N784027" s="10"/>
    </row>
    <row r="784028" spans="14:14">
      <c r="N784028" s="10"/>
    </row>
    <row r="784029" spans="14:14">
      <c r="N784029" s="10"/>
    </row>
    <row r="784030" spans="14:14">
      <c r="N784030" s="10"/>
    </row>
    <row r="784031" spans="14:14">
      <c r="N784031" s="10"/>
    </row>
    <row r="784032" spans="14:14">
      <c r="N784032" s="10"/>
    </row>
    <row r="784033" spans="14:14">
      <c r="N784033" s="10"/>
    </row>
    <row r="784034" spans="14:14">
      <c r="N784034" s="10"/>
    </row>
    <row r="784035" spans="14:14">
      <c r="N784035" s="10"/>
    </row>
    <row r="784036" spans="14:14">
      <c r="N784036" s="10"/>
    </row>
    <row r="784037" spans="14:14">
      <c r="N784037" s="10"/>
    </row>
    <row r="784038" spans="14:14">
      <c r="N784038" s="10"/>
    </row>
    <row r="784039" spans="14:14">
      <c r="N784039" s="10"/>
    </row>
    <row r="784040" spans="14:14">
      <c r="N784040" s="10"/>
    </row>
    <row r="784041" spans="14:14">
      <c r="N784041" s="10"/>
    </row>
    <row r="784042" spans="14:14">
      <c r="N784042" s="10"/>
    </row>
    <row r="784043" spans="14:14">
      <c r="N784043" s="10"/>
    </row>
    <row r="784044" spans="14:14">
      <c r="N784044" s="10"/>
    </row>
    <row r="784045" spans="14:14">
      <c r="N784045" s="10"/>
    </row>
    <row r="784046" spans="14:14">
      <c r="N784046" s="10"/>
    </row>
    <row r="784047" spans="14:14">
      <c r="N784047" s="10"/>
    </row>
    <row r="784048" spans="14:14">
      <c r="N784048" s="10"/>
    </row>
    <row r="784049" spans="14:14">
      <c r="N784049" s="10"/>
    </row>
    <row r="784050" spans="14:14">
      <c r="N784050" s="10"/>
    </row>
    <row r="784051" spans="14:14">
      <c r="N784051" s="10"/>
    </row>
    <row r="784052" spans="14:14">
      <c r="N784052" s="10"/>
    </row>
    <row r="784053" spans="14:14">
      <c r="N784053" s="10"/>
    </row>
    <row r="784054" spans="14:14">
      <c r="N784054" s="10"/>
    </row>
    <row r="784055" spans="14:14">
      <c r="N784055" s="10"/>
    </row>
    <row r="784056" spans="14:14">
      <c r="N784056" s="10"/>
    </row>
    <row r="784057" spans="14:14">
      <c r="N784057" s="10"/>
    </row>
    <row r="784058" spans="14:14">
      <c r="N784058" s="10"/>
    </row>
    <row r="784059" spans="14:14">
      <c r="N784059" s="10"/>
    </row>
    <row r="784060" spans="14:14">
      <c r="N784060" s="10"/>
    </row>
    <row r="784061" spans="14:14">
      <c r="N784061" s="10"/>
    </row>
    <row r="784062" spans="14:14">
      <c r="N784062" s="10"/>
    </row>
    <row r="784063" spans="14:14">
      <c r="N784063" s="10"/>
    </row>
    <row r="784064" spans="14:14">
      <c r="N784064" s="10"/>
    </row>
    <row r="784065" spans="14:14">
      <c r="N784065" s="10"/>
    </row>
    <row r="784066" spans="14:14">
      <c r="N784066" s="10"/>
    </row>
    <row r="784067" spans="14:14">
      <c r="N784067" s="10"/>
    </row>
    <row r="784068" spans="14:14">
      <c r="N784068" s="10"/>
    </row>
    <row r="784069" spans="14:14">
      <c r="N784069" s="10"/>
    </row>
    <row r="784070" spans="14:14">
      <c r="N784070" s="10"/>
    </row>
    <row r="784071" spans="14:14">
      <c r="N784071" s="10"/>
    </row>
    <row r="784072" spans="14:14">
      <c r="N784072" s="10"/>
    </row>
    <row r="784073" spans="14:14">
      <c r="N784073" s="10"/>
    </row>
    <row r="784074" spans="14:14">
      <c r="N784074" s="10"/>
    </row>
    <row r="784075" spans="14:14">
      <c r="N784075" s="10"/>
    </row>
    <row r="784076" spans="14:14">
      <c r="N784076" s="10"/>
    </row>
    <row r="784077" spans="14:14">
      <c r="N784077" s="10"/>
    </row>
    <row r="784078" spans="14:14">
      <c r="N784078" s="10"/>
    </row>
    <row r="784079" spans="14:14">
      <c r="N784079" s="10"/>
    </row>
    <row r="784080" spans="14:14">
      <c r="N784080" s="10"/>
    </row>
    <row r="784081" spans="14:14">
      <c r="N784081" s="10"/>
    </row>
    <row r="784082" spans="14:14">
      <c r="N784082" s="10"/>
    </row>
    <row r="784083" spans="14:14">
      <c r="N784083" s="10"/>
    </row>
    <row r="784084" spans="14:14">
      <c r="N784084" s="10"/>
    </row>
    <row r="784085" spans="14:14">
      <c r="N784085" s="10"/>
    </row>
    <row r="784086" spans="14:14">
      <c r="N784086" s="10"/>
    </row>
    <row r="784087" spans="14:14">
      <c r="N784087" s="10"/>
    </row>
    <row r="784088" spans="14:14">
      <c r="N784088" s="10"/>
    </row>
    <row r="784089" spans="14:14">
      <c r="N784089" s="10"/>
    </row>
    <row r="784090" spans="14:14">
      <c r="N784090" s="10"/>
    </row>
    <row r="784091" spans="14:14">
      <c r="N784091" s="10"/>
    </row>
    <row r="784092" spans="14:14">
      <c r="N784092" s="10"/>
    </row>
    <row r="784093" spans="14:14">
      <c r="N784093" s="10"/>
    </row>
    <row r="784094" spans="14:14">
      <c r="N784094" s="10"/>
    </row>
    <row r="784095" spans="14:14">
      <c r="N784095" s="10"/>
    </row>
    <row r="784096" spans="14:14">
      <c r="N784096" s="10"/>
    </row>
    <row r="784097" spans="14:14">
      <c r="N784097" s="10"/>
    </row>
    <row r="784098" spans="14:14">
      <c r="N784098" s="10"/>
    </row>
    <row r="784099" spans="14:14">
      <c r="N784099" s="10"/>
    </row>
    <row r="784100" spans="14:14">
      <c r="N784100" s="10"/>
    </row>
    <row r="784101" spans="14:14">
      <c r="N784101" s="10"/>
    </row>
    <row r="784102" spans="14:14">
      <c r="N784102" s="10"/>
    </row>
    <row r="784103" spans="14:14">
      <c r="N784103" s="10"/>
    </row>
    <row r="784104" spans="14:14">
      <c r="N784104" s="10"/>
    </row>
    <row r="784105" spans="14:14">
      <c r="N784105" s="10"/>
    </row>
    <row r="784106" spans="14:14">
      <c r="N784106" s="10"/>
    </row>
    <row r="784107" spans="14:14">
      <c r="N784107" s="10"/>
    </row>
    <row r="784108" spans="14:14">
      <c r="N784108" s="10"/>
    </row>
    <row r="784109" spans="14:14">
      <c r="N784109" s="10"/>
    </row>
    <row r="784110" spans="14:14">
      <c r="N784110" s="10"/>
    </row>
    <row r="784111" spans="14:14">
      <c r="N784111" s="10"/>
    </row>
    <row r="784112" spans="14:14">
      <c r="N784112" s="10"/>
    </row>
    <row r="784113" spans="14:14">
      <c r="N784113" s="10"/>
    </row>
    <row r="784114" spans="14:14">
      <c r="N784114" s="10"/>
    </row>
    <row r="784115" spans="14:14">
      <c r="N784115" s="10"/>
    </row>
    <row r="784116" spans="14:14">
      <c r="N784116" s="10"/>
    </row>
    <row r="784117" spans="14:14">
      <c r="N784117" s="10"/>
    </row>
    <row r="784118" spans="14:14">
      <c r="N784118" s="10"/>
    </row>
    <row r="784119" spans="14:14">
      <c r="N784119" s="10"/>
    </row>
    <row r="784120" spans="14:14">
      <c r="N784120" s="10"/>
    </row>
    <row r="784121" spans="14:14">
      <c r="N784121" s="10"/>
    </row>
    <row r="784122" spans="14:14">
      <c r="N784122" s="10"/>
    </row>
    <row r="784123" spans="14:14">
      <c r="N784123" s="10"/>
    </row>
    <row r="784124" spans="14:14">
      <c r="N784124" s="10"/>
    </row>
    <row r="784125" spans="14:14">
      <c r="N784125" s="10"/>
    </row>
    <row r="784126" spans="14:14">
      <c r="N784126" s="10"/>
    </row>
    <row r="784127" spans="14:14">
      <c r="N784127" s="10"/>
    </row>
    <row r="784128" spans="14:14">
      <c r="N784128" s="10"/>
    </row>
    <row r="784129" spans="14:14">
      <c r="N784129" s="10"/>
    </row>
    <row r="784130" spans="14:14">
      <c r="N784130" s="10"/>
    </row>
    <row r="784131" spans="14:14">
      <c r="N784131" s="10"/>
    </row>
    <row r="784132" spans="14:14">
      <c r="N784132" s="10"/>
    </row>
    <row r="784133" spans="14:14">
      <c r="N784133" s="10"/>
    </row>
    <row r="784134" spans="14:14">
      <c r="N784134" s="10"/>
    </row>
    <row r="784135" spans="14:14">
      <c r="N784135" s="10"/>
    </row>
    <row r="784136" spans="14:14">
      <c r="N784136" s="10"/>
    </row>
    <row r="784137" spans="14:14">
      <c r="N784137" s="10"/>
    </row>
    <row r="784138" spans="14:14">
      <c r="N784138" s="10"/>
    </row>
    <row r="784139" spans="14:14">
      <c r="N784139" s="10"/>
    </row>
    <row r="784140" spans="14:14">
      <c r="N784140" s="10"/>
    </row>
    <row r="784141" spans="14:14">
      <c r="N784141" s="10"/>
    </row>
    <row r="784142" spans="14:14">
      <c r="N784142" s="10"/>
    </row>
    <row r="784143" spans="14:14">
      <c r="N784143" s="10"/>
    </row>
    <row r="784144" spans="14:14">
      <c r="N784144" s="10"/>
    </row>
    <row r="784145" spans="14:14">
      <c r="N784145" s="10"/>
    </row>
    <row r="784146" spans="14:14">
      <c r="N784146" s="10"/>
    </row>
    <row r="784147" spans="14:14">
      <c r="N784147" s="10"/>
    </row>
    <row r="784148" spans="14:14">
      <c r="N784148" s="10"/>
    </row>
    <row r="784149" spans="14:14">
      <c r="N784149" s="10"/>
    </row>
    <row r="784150" spans="14:14">
      <c r="N784150" s="10"/>
    </row>
    <row r="784151" spans="14:14">
      <c r="N784151" s="10"/>
    </row>
    <row r="784152" spans="14:14">
      <c r="N784152" s="10"/>
    </row>
    <row r="784153" spans="14:14">
      <c r="N784153" s="10"/>
    </row>
    <row r="784154" spans="14:14">
      <c r="N784154" s="10"/>
    </row>
    <row r="784155" spans="14:14">
      <c r="N784155" s="10"/>
    </row>
    <row r="784156" spans="14:14">
      <c r="N784156" s="10"/>
    </row>
    <row r="784157" spans="14:14">
      <c r="N784157" s="10"/>
    </row>
    <row r="784158" spans="14:14">
      <c r="N784158" s="10"/>
    </row>
    <row r="784159" spans="14:14">
      <c r="N784159" s="10"/>
    </row>
    <row r="784160" spans="14:14">
      <c r="N784160" s="10"/>
    </row>
    <row r="784161" spans="14:14">
      <c r="N784161" s="10"/>
    </row>
    <row r="784162" spans="14:14">
      <c r="N784162" s="10"/>
    </row>
    <row r="784163" spans="14:14">
      <c r="N784163" s="10"/>
    </row>
    <row r="784164" spans="14:14">
      <c r="N784164" s="10"/>
    </row>
    <row r="784165" spans="14:14">
      <c r="N784165" s="10"/>
    </row>
    <row r="784166" spans="14:14">
      <c r="N784166" s="10"/>
    </row>
    <row r="784167" spans="14:14">
      <c r="N784167" s="10"/>
    </row>
    <row r="784168" spans="14:14">
      <c r="N784168" s="10"/>
    </row>
    <row r="784169" spans="14:14">
      <c r="N784169" s="10"/>
    </row>
    <row r="784170" spans="14:14">
      <c r="N784170" s="10"/>
    </row>
    <row r="784171" spans="14:14">
      <c r="N784171" s="10"/>
    </row>
    <row r="784172" spans="14:14">
      <c r="N784172" s="10"/>
    </row>
    <row r="784173" spans="14:14">
      <c r="N784173" s="10"/>
    </row>
    <row r="784174" spans="14:14">
      <c r="N784174" s="10"/>
    </row>
    <row r="784175" spans="14:14">
      <c r="N784175" s="10"/>
    </row>
    <row r="784176" spans="14:14">
      <c r="N784176" s="10"/>
    </row>
    <row r="784177" spans="14:14">
      <c r="N784177" s="10"/>
    </row>
    <row r="784178" spans="14:14">
      <c r="N784178" s="10"/>
    </row>
    <row r="784179" spans="14:14">
      <c r="N784179" s="10"/>
    </row>
    <row r="784180" spans="14:14">
      <c r="N784180" s="10"/>
    </row>
    <row r="784181" spans="14:14">
      <c r="N784181" s="10"/>
    </row>
    <row r="784182" spans="14:14">
      <c r="N784182" s="10"/>
    </row>
    <row r="784183" spans="14:14">
      <c r="N784183" s="10"/>
    </row>
    <row r="784184" spans="14:14">
      <c r="N784184" s="10"/>
    </row>
    <row r="784185" spans="14:14">
      <c r="N784185" s="10"/>
    </row>
    <row r="784186" spans="14:14">
      <c r="N784186" s="10"/>
    </row>
    <row r="784187" spans="14:14">
      <c r="N784187" s="10"/>
    </row>
    <row r="784188" spans="14:14">
      <c r="N784188" s="10"/>
    </row>
    <row r="784189" spans="14:14">
      <c r="N784189" s="10"/>
    </row>
    <row r="784190" spans="14:14">
      <c r="N784190" s="10"/>
    </row>
    <row r="784191" spans="14:14">
      <c r="N784191" s="10"/>
    </row>
    <row r="784192" spans="14:14">
      <c r="N784192" s="10"/>
    </row>
    <row r="784193" spans="14:14">
      <c r="N784193" s="10"/>
    </row>
    <row r="784194" spans="14:14">
      <c r="N784194" s="10"/>
    </row>
    <row r="784195" spans="14:14">
      <c r="N784195" s="10"/>
    </row>
    <row r="784196" spans="14:14">
      <c r="N784196" s="10"/>
    </row>
    <row r="784197" spans="14:14">
      <c r="N784197" s="10"/>
    </row>
    <row r="784198" spans="14:14">
      <c r="N784198" s="10"/>
    </row>
    <row r="784199" spans="14:14">
      <c r="N784199" s="10"/>
    </row>
    <row r="784200" spans="14:14">
      <c r="N784200" s="10"/>
    </row>
    <row r="784201" spans="14:14">
      <c r="N784201" s="10"/>
    </row>
    <row r="784202" spans="14:14">
      <c r="N784202" s="10"/>
    </row>
    <row r="784203" spans="14:14">
      <c r="N784203" s="10"/>
    </row>
    <row r="784204" spans="14:14">
      <c r="N784204" s="10"/>
    </row>
    <row r="784205" spans="14:14">
      <c r="N784205" s="10"/>
    </row>
    <row r="784206" spans="14:14">
      <c r="N784206" s="10"/>
    </row>
    <row r="784207" spans="14:14">
      <c r="N784207" s="10"/>
    </row>
    <row r="784208" spans="14:14">
      <c r="N784208" s="10"/>
    </row>
    <row r="784209" spans="14:14">
      <c r="N784209" s="10"/>
    </row>
    <row r="784210" spans="14:14">
      <c r="N784210" s="10"/>
    </row>
    <row r="784211" spans="14:14">
      <c r="N784211" s="10"/>
    </row>
    <row r="784212" spans="14:14">
      <c r="N784212" s="10"/>
    </row>
    <row r="784213" spans="14:14">
      <c r="N784213" s="10"/>
    </row>
    <row r="784214" spans="14:14">
      <c r="N784214" s="10"/>
    </row>
    <row r="784215" spans="14:14">
      <c r="N784215" s="10"/>
    </row>
    <row r="784216" spans="14:14">
      <c r="N784216" s="10"/>
    </row>
    <row r="784217" spans="14:14">
      <c r="N784217" s="10"/>
    </row>
    <row r="784218" spans="14:14">
      <c r="N784218" s="10"/>
    </row>
    <row r="784219" spans="14:14">
      <c r="N784219" s="10"/>
    </row>
    <row r="784220" spans="14:14">
      <c r="N784220" s="10"/>
    </row>
    <row r="784221" spans="14:14">
      <c r="N784221" s="10"/>
    </row>
    <row r="784222" spans="14:14">
      <c r="N784222" s="10"/>
    </row>
    <row r="784223" spans="14:14">
      <c r="N784223" s="10"/>
    </row>
    <row r="784224" spans="14:14">
      <c r="N784224" s="10"/>
    </row>
    <row r="784225" spans="14:14">
      <c r="N784225" s="10"/>
    </row>
    <row r="784226" spans="14:14">
      <c r="N784226" s="10"/>
    </row>
    <row r="784227" spans="14:14">
      <c r="N784227" s="10"/>
    </row>
    <row r="784228" spans="14:14">
      <c r="N784228" s="10"/>
    </row>
    <row r="784229" spans="14:14">
      <c r="N784229" s="10"/>
    </row>
    <row r="784230" spans="14:14">
      <c r="N784230" s="10"/>
    </row>
    <row r="784231" spans="14:14">
      <c r="N784231" s="10"/>
    </row>
    <row r="784232" spans="14:14">
      <c r="N784232" s="10"/>
    </row>
    <row r="784233" spans="14:14">
      <c r="N784233" s="10"/>
    </row>
    <row r="784234" spans="14:14">
      <c r="N784234" s="10"/>
    </row>
    <row r="784235" spans="14:14">
      <c r="N784235" s="10"/>
    </row>
    <row r="784236" spans="14:14">
      <c r="N784236" s="10"/>
    </row>
    <row r="784237" spans="14:14">
      <c r="N784237" s="10"/>
    </row>
    <row r="784238" spans="14:14">
      <c r="N784238" s="10"/>
    </row>
    <row r="784239" spans="14:14">
      <c r="N784239" s="10"/>
    </row>
    <row r="784240" spans="14:14">
      <c r="N784240" s="10"/>
    </row>
    <row r="784241" spans="14:14">
      <c r="N784241" s="10"/>
    </row>
    <row r="784242" spans="14:14">
      <c r="N784242" s="10"/>
    </row>
    <row r="784243" spans="14:14">
      <c r="N784243" s="10"/>
    </row>
    <row r="784244" spans="14:14">
      <c r="N784244" s="10"/>
    </row>
    <row r="784245" spans="14:14">
      <c r="N784245" s="10"/>
    </row>
    <row r="784246" spans="14:14">
      <c r="N784246" s="10"/>
    </row>
    <row r="784247" spans="14:14">
      <c r="N784247" s="10"/>
    </row>
    <row r="784248" spans="14:14">
      <c r="N784248" s="10"/>
    </row>
    <row r="784249" spans="14:14">
      <c r="N784249" s="10"/>
    </row>
    <row r="784250" spans="14:14">
      <c r="N784250" s="10"/>
    </row>
    <row r="784251" spans="14:14">
      <c r="N784251" s="10"/>
    </row>
    <row r="784252" spans="14:14">
      <c r="N784252" s="10"/>
    </row>
    <row r="784253" spans="14:14">
      <c r="N784253" s="10"/>
    </row>
    <row r="784254" spans="14:14">
      <c r="N784254" s="10"/>
    </row>
    <row r="784255" spans="14:14">
      <c r="N784255" s="10"/>
    </row>
    <row r="784256" spans="14:14">
      <c r="N784256" s="10"/>
    </row>
    <row r="784257" spans="14:14">
      <c r="N784257" s="10"/>
    </row>
    <row r="784258" spans="14:14">
      <c r="N784258" s="10"/>
    </row>
    <row r="784259" spans="14:14">
      <c r="N784259" s="10"/>
    </row>
    <row r="784260" spans="14:14">
      <c r="N784260" s="10"/>
    </row>
    <row r="784261" spans="14:14">
      <c r="N784261" s="10"/>
    </row>
    <row r="784262" spans="14:14">
      <c r="N784262" s="10"/>
    </row>
    <row r="784263" spans="14:14">
      <c r="N784263" s="10"/>
    </row>
    <row r="784264" spans="14:14">
      <c r="N784264" s="10"/>
    </row>
    <row r="784265" spans="14:14">
      <c r="N784265" s="10"/>
    </row>
    <row r="784266" spans="14:14">
      <c r="N784266" s="10"/>
    </row>
    <row r="784267" spans="14:14">
      <c r="N784267" s="10"/>
    </row>
    <row r="784268" spans="14:14">
      <c r="N784268" s="10"/>
    </row>
    <row r="784269" spans="14:14">
      <c r="N784269" s="10"/>
    </row>
    <row r="784270" spans="14:14">
      <c r="N784270" s="10"/>
    </row>
    <row r="784271" spans="14:14">
      <c r="N784271" s="10"/>
    </row>
    <row r="784272" spans="14:14">
      <c r="N784272" s="10"/>
    </row>
    <row r="784273" spans="14:14">
      <c r="N784273" s="10"/>
    </row>
    <row r="784274" spans="14:14">
      <c r="N784274" s="10"/>
    </row>
    <row r="784275" spans="14:14">
      <c r="N784275" s="10"/>
    </row>
    <row r="784276" spans="14:14">
      <c r="N784276" s="10"/>
    </row>
    <row r="784277" spans="14:14">
      <c r="N784277" s="10"/>
    </row>
    <row r="784278" spans="14:14">
      <c r="N784278" s="10"/>
    </row>
    <row r="784279" spans="14:14">
      <c r="N784279" s="10"/>
    </row>
    <row r="784280" spans="14:14">
      <c r="N784280" s="10"/>
    </row>
    <row r="784281" spans="14:14">
      <c r="N784281" s="10"/>
    </row>
    <row r="784282" spans="14:14">
      <c r="N784282" s="10"/>
    </row>
    <row r="784283" spans="14:14">
      <c r="N784283" s="10"/>
    </row>
    <row r="784284" spans="14:14">
      <c r="N784284" s="10"/>
    </row>
    <row r="784285" spans="14:14">
      <c r="N784285" s="10"/>
    </row>
    <row r="784286" spans="14:14">
      <c r="N784286" s="10"/>
    </row>
    <row r="784287" spans="14:14">
      <c r="N784287" s="10"/>
    </row>
    <row r="784288" spans="14:14">
      <c r="N784288" s="10"/>
    </row>
    <row r="784289" spans="14:14">
      <c r="N784289" s="10"/>
    </row>
    <row r="784290" spans="14:14">
      <c r="N784290" s="10"/>
    </row>
    <row r="784291" spans="14:14">
      <c r="N784291" s="10"/>
    </row>
    <row r="784292" spans="14:14">
      <c r="N784292" s="10"/>
    </row>
    <row r="784293" spans="14:14">
      <c r="N784293" s="10"/>
    </row>
    <row r="784294" spans="14:14">
      <c r="N784294" s="10"/>
    </row>
    <row r="784295" spans="14:14">
      <c r="N784295" s="10"/>
    </row>
    <row r="784296" spans="14:14">
      <c r="N784296" s="10"/>
    </row>
    <row r="784297" spans="14:14">
      <c r="N784297" s="10"/>
    </row>
    <row r="784298" spans="14:14">
      <c r="N784298" s="10"/>
    </row>
    <row r="784299" spans="14:14">
      <c r="N784299" s="10"/>
    </row>
    <row r="784300" spans="14:14">
      <c r="N784300" s="10"/>
    </row>
    <row r="784301" spans="14:14">
      <c r="N784301" s="10"/>
    </row>
    <row r="784302" spans="14:14">
      <c r="N784302" s="10"/>
    </row>
    <row r="784303" spans="14:14">
      <c r="N784303" s="10"/>
    </row>
    <row r="784304" spans="14:14">
      <c r="N784304" s="10"/>
    </row>
    <row r="784305" spans="14:14">
      <c r="N784305" s="10"/>
    </row>
    <row r="784306" spans="14:14">
      <c r="N784306" s="10"/>
    </row>
    <row r="784307" spans="14:14">
      <c r="N784307" s="10"/>
    </row>
    <row r="784308" spans="14:14">
      <c r="N784308" s="10"/>
    </row>
    <row r="784309" spans="14:14">
      <c r="N784309" s="10"/>
    </row>
    <row r="784310" spans="14:14">
      <c r="N784310" s="10"/>
    </row>
    <row r="784311" spans="14:14">
      <c r="N784311" s="10"/>
    </row>
    <row r="784312" spans="14:14">
      <c r="N784312" s="10"/>
    </row>
    <row r="784313" spans="14:14">
      <c r="N784313" s="10"/>
    </row>
    <row r="784314" spans="14:14">
      <c r="N784314" s="10"/>
    </row>
    <row r="784315" spans="14:14">
      <c r="N784315" s="10"/>
    </row>
    <row r="784316" spans="14:14">
      <c r="N784316" s="10"/>
    </row>
    <row r="784317" spans="14:14">
      <c r="N784317" s="10"/>
    </row>
    <row r="784318" spans="14:14">
      <c r="N784318" s="10"/>
    </row>
    <row r="784319" spans="14:14">
      <c r="N784319" s="10"/>
    </row>
    <row r="784320" spans="14:14">
      <c r="N784320" s="10"/>
    </row>
    <row r="784321" spans="14:14">
      <c r="N784321" s="10"/>
    </row>
    <row r="784322" spans="14:14">
      <c r="N784322" s="10"/>
    </row>
    <row r="784323" spans="14:14">
      <c r="N784323" s="10"/>
    </row>
    <row r="784324" spans="14:14">
      <c r="N784324" s="10"/>
    </row>
    <row r="784325" spans="14:14">
      <c r="N784325" s="10"/>
    </row>
    <row r="784326" spans="14:14">
      <c r="N784326" s="10"/>
    </row>
    <row r="784327" spans="14:14">
      <c r="N784327" s="10"/>
    </row>
    <row r="784328" spans="14:14">
      <c r="N784328" s="10"/>
    </row>
    <row r="784329" spans="14:14">
      <c r="N784329" s="10"/>
    </row>
    <row r="784330" spans="14:14">
      <c r="N784330" s="10"/>
    </row>
    <row r="784331" spans="14:14">
      <c r="N784331" s="10"/>
    </row>
    <row r="784332" spans="14:14">
      <c r="N784332" s="10"/>
    </row>
    <row r="784333" spans="14:14">
      <c r="N784333" s="10"/>
    </row>
    <row r="784334" spans="14:14">
      <c r="N784334" s="10"/>
    </row>
    <row r="784335" spans="14:14">
      <c r="N784335" s="10"/>
    </row>
    <row r="784336" spans="14:14">
      <c r="N784336" s="10"/>
    </row>
    <row r="784337" spans="14:14">
      <c r="N784337" s="10"/>
    </row>
    <row r="784338" spans="14:14">
      <c r="N784338" s="10"/>
    </row>
    <row r="784339" spans="14:14">
      <c r="N784339" s="10"/>
    </row>
    <row r="784340" spans="14:14">
      <c r="N784340" s="10"/>
    </row>
    <row r="784341" spans="14:14">
      <c r="N784341" s="10"/>
    </row>
    <row r="784342" spans="14:14">
      <c r="N784342" s="10"/>
    </row>
    <row r="784343" spans="14:14">
      <c r="N784343" s="10"/>
    </row>
    <row r="784344" spans="14:14">
      <c r="N784344" s="10"/>
    </row>
    <row r="784345" spans="14:14">
      <c r="N784345" s="10"/>
    </row>
    <row r="784346" spans="14:14">
      <c r="N784346" s="10"/>
    </row>
    <row r="784347" spans="14:14">
      <c r="N784347" s="10"/>
    </row>
    <row r="784348" spans="14:14">
      <c r="N784348" s="10"/>
    </row>
    <row r="784349" spans="14:14">
      <c r="N784349" s="10"/>
    </row>
    <row r="784350" spans="14:14">
      <c r="N784350" s="10"/>
    </row>
    <row r="784351" spans="14:14">
      <c r="N784351" s="10"/>
    </row>
    <row r="784352" spans="14:14">
      <c r="N784352" s="10"/>
    </row>
    <row r="784353" spans="14:14">
      <c r="N784353" s="10"/>
    </row>
    <row r="784354" spans="14:14">
      <c r="N784354" s="10"/>
    </row>
    <row r="784355" spans="14:14">
      <c r="N784355" s="10"/>
    </row>
    <row r="784356" spans="14:14">
      <c r="N784356" s="10"/>
    </row>
    <row r="784357" spans="14:14">
      <c r="N784357" s="10"/>
    </row>
    <row r="784358" spans="14:14">
      <c r="N784358" s="10"/>
    </row>
    <row r="784359" spans="14:14">
      <c r="N784359" s="10"/>
    </row>
    <row r="784360" spans="14:14">
      <c r="N784360" s="10"/>
    </row>
    <row r="784361" spans="14:14">
      <c r="N784361" s="10"/>
    </row>
    <row r="784362" spans="14:14">
      <c r="N784362" s="10"/>
    </row>
    <row r="784363" spans="14:14">
      <c r="N784363" s="10"/>
    </row>
    <row r="784364" spans="14:14">
      <c r="N784364" s="10"/>
    </row>
    <row r="784365" spans="14:14">
      <c r="N784365" s="10"/>
    </row>
    <row r="784366" spans="14:14">
      <c r="N784366" s="10"/>
    </row>
    <row r="784367" spans="14:14">
      <c r="N784367" s="10"/>
    </row>
    <row r="784368" spans="14:14">
      <c r="N784368" s="10"/>
    </row>
    <row r="784369" spans="14:14">
      <c r="N784369" s="10"/>
    </row>
    <row r="784370" spans="14:14">
      <c r="N784370" s="10"/>
    </row>
    <row r="784371" spans="14:14">
      <c r="N784371" s="10"/>
    </row>
    <row r="784372" spans="14:14">
      <c r="N784372" s="10"/>
    </row>
    <row r="784373" spans="14:14">
      <c r="N784373" s="10"/>
    </row>
    <row r="784374" spans="14:14">
      <c r="N784374" s="10"/>
    </row>
    <row r="784375" spans="14:14">
      <c r="N784375" s="10"/>
    </row>
    <row r="784376" spans="14:14">
      <c r="N784376" s="10"/>
    </row>
    <row r="784377" spans="14:14">
      <c r="N784377" s="10"/>
    </row>
    <row r="784378" spans="14:14">
      <c r="N784378" s="10"/>
    </row>
    <row r="784379" spans="14:14">
      <c r="N784379" s="10"/>
    </row>
    <row r="784380" spans="14:14">
      <c r="N784380" s="10"/>
    </row>
    <row r="784381" spans="14:14">
      <c r="N784381" s="10"/>
    </row>
    <row r="784382" spans="14:14">
      <c r="N784382" s="10"/>
    </row>
    <row r="784383" spans="14:14">
      <c r="N784383" s="10"/>
    </row>
    <row r="784384" spans="14:14">
      <c r="N784384" s="10"/>
    </row>
    <row r="784385" spans="14:14">
      <c r="N784385" s="10"/>
    </row>
    <row r="784386" spans="14:14">
      <c r="N784386" s="10"/>
    </row>
    <row r="784387" spans="14:14">
      <c r="N784387" s="10"/>
    </row>
    <row r="784388" spans="14:14">
      <c r="N784388" s="10"/>
    </row>
    <row r="784389" spans="14:14">
      <c r="N784389" s="10"/>
    </row>
    <row r="784390" spans="14:14">
      <c r="N784390" s="10"/>
    </row>
    <row r="784391" spans="14:14">
      <c r="N784391" s="10"/>
    </row>
    <row r="784392" spans="14:14">
      <c r="N784392" s="10"/>
    </row>
    <row r="784393" spans="14:14">
      <c r="N784393" s="10"/>
    </row>
    <row r="784394" spans="14:14">
      <c r="N784394" s="10"/>
    </row>
    <row r="784395" spans="14:14">
      <c r="N784395" s="10"/>
    </row>
    <row r="784396" spans="14:14">
      <c r="N784396" s="10"/>
    </row>
    <row r="784397" spans="14:14">
      <c r="N784397" s="10"/>
    </row>
    <row r="784398" spans="14:14">
      <c r="N784398" s="10"/>
    </row>
    <row r="784399" spans="14:14">
      <c r="N784399" s="10"/>
    </row>
    <row r="784400" spans="14:14">
      <c r="N784400" s="10"/>
    </row>
    <row r="784401" spans="14:14">
      <c r="N784401" s="10"/>
    </row>
    <row r="784402" spans="14:14">
      <c r="N784402" s="10"/>
    </row>
    <row r="784403" spans="14:14">
      <c r="N784403" s="10"/>
    </row>
    <row r="784404" spans="14:14">
      <c r="N784404" s="10"/>
    </row>
    <row r="784405" spans="14:14">
      <c r="N784405" s="10"/>
    </row>
    <row r="784406" spans="14:14">
      <c r="N784406" s="10"/>
    </row>
    <row r="784407" spans="14:14">
      <c r="N784407" s="10"/>
    </row>
    <row r="784408" spans="14:14">
      <c r="N784408" s="10"/>
    </row>
    <row r="784409" spans="14:14">
      <c r="N784409" s="10"/>
    </row>
    <row r="784410" spans="14:14">
      <c r="N784410" s="10"/>
    </row>
    <row r="784411" spans="14:14">
      <c r="N784411" s="10"/>
    </row>
    <row r="784412" spans="14:14">
      <c r="N784412" s="10"/>
    </row>
    <row r="784413" spans="14:14">
      <c r="N784413" s="10"/>
    </row>
    <row r="784414" spans="14:14">
      <c r="N784414" s="10"/>
    </row>
    <row r="784415" spans="14:14">
      <c r="N784415" s="10"/>
    </row>
    <row r="784416" spans="14:14">
      <c r="N784416" s="10"/>
    </row>
    <row r="784417" spans="14:14">
      <c r="N784417" s="10"/>
    </row>
    <row r="784418" spans="14:14">
      <c r="N784418" s="10"/>
    </row>
    <row r="784419" spans="14:14">
      <c r="N784419" s="10"/>
    </row>
    <row r="784420" spans="14:14">
      <c r="N784420" s="10"/>
    </row>
    <row r="784421" spans="14:14">
      <c r="N784421" s="10"/>
    </row>
    <row r="784422" spans="14:14">
      <c r="N784422" s="10"/>
    </row>
    <row r="784423" spans="14:14">
      <c r="N784423" s="10"/>
    </row>
    <row r="784424" spans="14:14">
      <c r="N784424" s="10"/>
    </row>
    <row r="784425" spans="14:14">
      <c r="N784425" s="10"/>
    </row>
    <row r="784426" spans="14:14">
      <c r="N784426" s="10"/>
    </row>
    <row r="784427" spans="14:14">
      <c r="N784427" s="10"/>
    </row>
    <row r="784428" spans="14:14">
      <c r="N784428" s="10"/>
    </row>
    <row r="784429" spans="14:14">
      <c r="N784429" s="10"/>
    </row>
    <row r="784430" spans="14:14">
      <c r="N784430" s="10"/>
    </row>
    <row r="784431" spans="14:14">
      <c r="N784431" s="10"/>
    </row>
    <row r="784432" spans="14:14">
      <c r="N784432" s="10"/>
    </row>
    <row r="784433" spans="14:14">
      <c r="N784433" s="10"/>
    </row>
    <row r="784434" spans="14:14">
      <c r="N784434" s="10"/>
    </row>
    <row r="784435" spans="14:14">
      <c r="N784435" s="10"/>
    </row>
    <row r="784436" spans="14:14">
      <c r="N784436" s="10"/>
    </row>
    <row r="784437" spans="14:14">
      <c r="N784437" s="10"/>
    </row>
    <row r="784438" spans="14:14">
      <c r="N784438" s="10"/>
    </row>
    <row r="784439" spans="14:14">
      <c r="N784439" s="10"/>
    </row>
    <row r="784440" spans="14:14">
      <c r="N784440" s="10"/>
    </row>
    <row r="784441" spans="14:14">
      <c r="N784441" s="10"/>
    </row>
    <row r="784442" spans="14:14">
      <c r="N784442" s="10"/>
    </row>
    <row r="784443" spans="14:14">
      <c r="N784443" s="10"/>
    </row>
    <row r="784444" spans="14:14">
      <c r="N784444" s="10"/>
    </row>
    <row r="784445" spans="14:14">
      <c r="N784445" s="10"/>
    </row>
    <row r="784446" spans="14:14">
      <c r="N784446" s="10"/>
    </row>
    <row r="784447" spans="14:14">
      <c r="N784447" s="10"/>
    </row>
    <row r="784448" spans="14:14">
      <c r="N784448" s="10"/>
    </row>
    <row r="784449" spans="14:14">
      <c r="N784449" s="10"/>
    </row>
    <row r="784450" spans="14:14">
      <c r="N784450" s="10"/>
    </row>
    <row r="784451" spans="14:14">
      <c r="N784451" s="10"/>
    </row>
    <row r="784452" spans="14:14">
      <c r="N784452" s="10"/>
    </row>
    <row r="784453" spans="14:14">
      <c r="N784453" s="10"/>
    </row>
    <row r="784454" spans="14:14">
      <c r="N784454" s="10"/>
    </row>
    <row r="784455" spans="14:14">
      <c r="N784455" s="10"/>
    </row>
    <row r="784456" spans="14:14">
      <c r="N784456" s="10"/>
    </row>
    <row r="784457" spans="14:14">
      <c r="N784457" s="10"/>
    </row>
    <row r="784458" spans="14:14">
      <c r="N784458" s="10"/>
    </row>
    <row r="784459" spans="14:14">
      <c r="N784459" s="10"/>
    </row>
    <row r="784460" spans="14:14">
      <c r="N784460" s="10"/>
    </row>
    <row r="784461" spans="14:14">
      <c r="N784461" s="10"/>
    </row>
    <row r="784462" spans="14:14">
      <c r="N784462" s="10"/>
    </row>
    <row r="784463" spans="14:14">
      <c r="N784463" s="10"/>
    </row>
    <row r="784464" spans="14:14">
      <c r="N784464" s="10"/>
    </row>
    <row r="784465" spans="14:14">
      <c r="N784465" s="10"/>
    </row>
    <row r="784466" spans="14:14">
      <c r="N784466" s="10"/>
    </row>
    <row r="784467" spans="14:14">
      <c r="N784467" s="10"/>
    </row>
    <row r="784468" spans="14:14">
      <c r="N784468" s="10"/>
    </row>
    <row r="784469" spans="14:14">
      <c r="N784469" s="10"/>
    </row>
    <row r="784470" spans="14:14">
      <c r="N784470" s="10"/>
    </row>
    <row r="784471" spans="14:14">
      <c r="N784471" s="10"/>
    </row>
    <row r="784472" spans="14:14">
      <c r="N784472" s="10"/>
    </row>
    <row r="784473" spans="14:14">
      <c r="N784473" s="10"/>
    </row>
    <row r="784474" spans="14:14">
      <c r="N784474" s="10"/>
    </row>
    <row r="784475" spans="14:14">
      <c r="N784475" s="10"/>
    </row>
    <row r="784476" spans="14:14">
      <c r="N784476" s="10"/>
    </row>
    <row r="784477" spans="14:14">
      <c r="N784477" s="10"/>
    </row>
    <row r="784478" spans="14:14">
      <c r="N784478" s="10"/>
    </row>
    <row r="784479" spans="14:14">
      <c r="N784479" s="10"/>
    </row>
    <row r="784480" spans="14:14">
      <c r="N784480" s="10"/>
    </row>
    <row r="784481" spans="14:14">
      <c r="N784481" s="10"/>
    </row>
    <row r="784482" spans="14:14">
      <c r="N784482" s="10"/>
    </row>
    <row r="784483" spans="14:14">
      <c r="N784483" s="10"/>
    </row>
    <row r="784484" spans="14:14">
      <c r="N784484" s="10"/>
    </row>
    <row r="784485" spans="14:14">
      <c r="N784485" s="10"/>
    </row>
    <row r="784486" spans="14:14">
      <c r="N784486" s="10"/>
    </row>
    <row r="784487" spans="14:14">
      <c r="N784487" s="10"/>
    </row>
    <row r="784488" spans="14:14">
      <c r="N784488" s="10"/>
    </row>
    <row r="784489" spans="14:14">
      <c r="N784489" s="10"/>
    </row>
    <row r="784490" spans="14:14">
      <c r="N784490" s="10"/>
    </row>
    <row r="784491" spans="14:14">
      <c r="N784491" s="10"/>
    </row>
    <row r="784492" spans="14:14">
      <c r="N784492" s="10"/>
    </row>
    <row r="784493" spans="14:14">
      <c r="N784493" s="10"/>
    </row>
    <row r="784494" spans="14:14">
      <c r="N784494" s="10"/>
    </row>
    <row r="784495" spans="14:14">
      <c r="N784495" s="10"/>
    </row>
    <row r="784496" spans="14:14">
      <c r="N784496" s="10"/>
    </row>
    <row r="784497" spans="14:14">
      <c r="N784497" s="10"/>
    </row>
    <row r="784498" spans="14:14">
      <c r="N784498" s="10"/>
    </row>
    <row r="784499" spans="14:14">
      <c r="N784499" s="10"/>
    </row>
    <row r="784500" spans="14:14">
      <c r="N784500" s="10"/>
    </row>
    <row r="784501" spans="14:14">
      <c r="N784501" s="10"/>
    </row>
    <row r="784502" spans="14:14">
      <c r="N784502" s="10"/>
    </row>
    <row r="784503" spans="14:14">
      <c r="N784503" s="10"/>
    </row>
    <row r="784504" spans="14:14">
      <c r="N784504" s="10"/>
    </row>
    <row r="784505" spans="14:14">
      <c r="N784505" s="10"/>
    </row>
    <row r="784506" spans="14:14">
      <c r="N784506" s="10"/>
    </row>
    <row r="784507" spans="14:14">
      <c r="N784507" s="10"/>
    </row>
    <row r="784508" spans="14:14">
      <c r="N784508" s="10"/>
    </row>
    <row r="784509" spans="14:14">
      <c r="N784509" s="10"/>
    </row>
    <row r="784510" spans="14:14">
      <c r="N784510" s="10"/>
    </row>
    <row r="784511" spans="14:14">
      <c r="N784511" s="10"/>
    </row>
    <row r="784512" spans="14:14">
      <c r="N784512" s="10"/>
    </row>
    <row r="784513" spans="14:14">
      <c r="N784513" s="10"/>
    </row>
    <row r="784514" spans="14:14">
      <c r="N784514" s="10"/>
    </row>
    <row r="784515" spans="14:14">
      <c r="N784515" s="10"/>
    </row>
    <row r="784516" spans="14:14">
      <c r="N784516" s="10"/>
    </row>
    <row r="784517" spans="14:14">
      <c r="N784517" s="10"/>
    </row>
    <row r="784518" spans="14:14">
      <c r="N784518" s="10"/>
    </row>
    <row r="784519" spans="14:14">
      <c r="N784519" s="10"/>
    </row>
    <row r="784520" spans="14:14">
      <c r="N784520" s="10"/>
    </row>
    <row r="784521" spans="14:14">
      <c r="N784521" s="10"/>
    </row>
    <row r="784522" spans="14:14">
      <c r="N784522" s="10"/>
    </row>
    <row r="784523" spans="14:14">
      <c r="N784523" s="10"/>
    </row>
    <row r="784524" spans="14:14">
      <c r="N784524" s="10"/>
    </row>
    <row r="784525" spans="14:14">
      <c r="N784525" s="10"/>
    </row>
    <row r="784526" spans="14:14">
      <c r="N784526" s="10"/>
    </row>
    <row r="784527" spans="14:14">
      <c r="N784527" s="10"/>
    </row>
    <row r="784528" spans="14:14">
      <c r="N784528" s="10"/>
    </row>
    <row r="784529" spans="14:14">
      <c r="N784529" s="10"/>
    </row>
    <row r="784530" spans="14:14">
      <c r="N784530" s="10"/>
    </row>
    <row r="784531" spans="14:14">
      <c r="N784531" s="10"/>
    </row>
    <row r="784532" spans="14:14">
      <c r="N784532" s="10"/>
    </row>
    <row r="784533" spans="14:14">
      <c r="N784533" s="10"/>
    </row>
    <row r="784534" spans="14:14">
      <c r="N784534" s="10"/>
    </row>
    <row r="784535" spans="14:14">
      <c r="N784535" s="10"/>
    </row>
    <row r="784536" spans="14:14">
      <c r="N784536" s="10"/>
    </row>
    <row r="784537" spans="14:14">
      <c r="N784537" s="10"/>
    </row>
    <row r="784538" spans="14:14">
      <c r="N784538" s="10"/>
    </row>
    <row r="784539" spans="14:14">
      <c r="N784539" s="10"/>
    </row>
    <row r="784540" spans="14:14">
      <c r="N784540" s="10"/>
    </row>
    <row r="784541" spans="14:14">
      <c r="N784541" s="10"/>
    </row>
    <row r="784542" spans="14:14">
      <c r="N784542" s="10"/>
    </row>
    <row r="784543" spans="14:14">
      <c r="N784543" s="10"/>
    </row>
    <row r="784544" spans="14:14">
      <c r="N784544" s="10"/>
    </row>
    <row r="784545" spans="14:14">
      <c r="N784545" s="10"/>
    </row>
    <row r="784546" spans="14:14">
      <c r="N784546" s="10"/>
    </row>
    <row r="784547" spans="14:14">
      <c r="N784547" s="10"/>
    </row>
    <row r="784548" spans="14:14">
      <c r="N784548" s="10"/>
    </row>
    <row r="784549" spans="14:14">
      <c r="N784549" s="10"/>
    </row>
    <row r="784550" spans="14:14">
      <c r="N784550" s="10"/>
    </row>
    <row r="784551" spans="14:14">
      <c r="N784551" s="10"/>
    </row>
    <row r="784552" spans="14:14">
      <c r="N784552" s="10"/>
    </row>
    <row r="784553" spans="14:14">
      <c r="N784553" s="10"/>
    </row>
    <row r="784554" spans="14:14">
      <c r="N784554" s="10"/>
    </row>
    <row r="784555" spans="14:14">
      <c r="N784555" s="10"/>
    </row>
    <row r="784556" spans="14:14">
      <c r="N784556" s="10"/>
    </row>
    <row r="784557" spans="14:14">
      <c r="N784557" s="10"/>
    </row>
    <row r="784558" spans="14:14">
      <c r="N784558" s="10"/>
    </row>
    <row r="784559" spans="14:14">
      <c r="N784559" s="10"/>
    </row>
    <row r="784560" spans="14:14">
      <c r="N784560" s="10"/>
    </row>
    <row r="784561" spans="14:14">
      <c r="N784561" s="10"/>
    </row>
    <row r="784562" spans="14:14">
      <c r="N784562" s="10"/>
    </row>
    <row r="784563" spans="14:14">
      <c r="N784563" s="10"/>
    </row>
    <row r="784564" spans="14:14">
      <c r="N784564" s="10"/>
    </row>
    <row r="784565" spans="14:14">
      <c r="N784565" s="10"/>
    </row>
    <row r="784566" spans="14:14">
      <c r="N784566" s="10"/>
    </row>
    <row r="784567" spans="14:14">
      <c r="N784567" s="10"/>
    </row>
    <row r="784568" spans="14:14">
      <c r="N784568" s="10"/>
    </row>
    <row r="784569" spans="14:14">
      <c r="N784569" s="10"/>
    </row>
    <row r="784570" spans="14:14">
      <c r="N784570" s="10"/>
    </row>
    <row r="784571" spans="14:14">
      <c r="N784571" s="10"/>
    </row>
    <row r="784572" spans="14:14">
      <c r="N784572" s="10"/>
    </row>
    <row r="784573" spans="14:14">
      <c r="N784573" s="10"/>
    </row>
    <row r="784574" spans="14:14">
      <c r="N784574" s="10"/>
    </row>
    <row r="784575" spans="14:14">
      <c r="N784575" s="10"/>
    </row>
    <row r="784576" spans="14:14">
      <c r="N784576" s="10"/>
    </row>
    <row r="784577" spans="14:14">
      <c r="N784577" s="10"/>
    </row>
    <row r="784578" spans="14:14">
      <c r="N784578" s="10"/>
    </row>
    <row r="784579" spans="14:14">
      <c r="N784579" s="10"/>
    </row>
    <row r="784580" spans="14:14">
      <c r="N784580" s="10"/>
    </row>
    <row r="784581" spans="14:14">
      <c r="N784581" s="10"/>
    </row>
    <row r="784582" spans="14:14">
      <c r="N784582" s="10"/>
    </row>
    <row r="784583" spans="14:14">
      <c r="N784583" s="10"/>
    </row>
    <row r="784584" spans="14:14">
      <c r="N784584" s="10"/>
    </row>
    <row r="784585" spans="14:14">
      <c r="N784585" s="10"/>
    </row>
    <row r="784586" spans="14:14">
      <c r="N784586" s="10"/>
    </row>
    <row r="784587" spans="14:14">
      <c r="N784587" s="10"/>
    </row>
    <row r="784588" spans="14:14">
      <c r="N784588" s="10"/>
    </row>
    <row r="784589" spans="14:14">
      <c r="N784589" s="10"/>
    </row>
    <row r="784590" spans="14:14">
      <c r="N784590" s="10"/>
    </row>
    <row r="784591" spans="14:14">
      <c r="N784591" s="10"/>
    </row>
    <row r="784592" spans="14:14">
      <c r="N784592" s="10"/>
    </row>
    <row r="784593" spans="14:14">
      <c r="N784593" s="10"/>
    </row>
    <row r="784594" spans="14:14">
      <c r="N784594" s="10"/>
    </row>
    <row r="784595" spans="14:14">
      <c r="N784595" s="10"/>
    </row>
    <row r="784596" spans="14:14">
      <c r="N784596" s="10"/>
    </row>
    <row r="784597" spans="14:14">
      <c r="N784597" s="10"/>
    </row>
    <row r="784598" spans="14:14">
      <c r="N784598" s="10"/>
    </row>
    <row r="784599" spans="14:14">
      <c r="N784599" s="10"/>
    </row>
    <row r="784600" spans="14:14">
      <c r="N784600" s="10"/>
    </row>
    <row r="784601" spans="14:14">
      <c r="N784601" s="10"/>
    </row>
    <row r="784602" spans="14:14">
      <c r="N784602" s="10"/>
    </row>
    <row r="784603" spans="14:14">
      <c r="N784603" s="10"/>
    </row>
    <row r="784604" spans="14:14">
      <c r="N784604" s="10"/>
    </row>
    <row r="784605" spans="14:14">
      <c r="N784605" s="10"/>
    </row>
    <row r="784606" spans="14:14">
      <c r="N784606" s="10"/>
    </row>
    <row r="784607" spans="14:14">
      <c r="N784607" s="10"/>
    </row>
    <row r="784608" spans="14:14">
      <c r="N784608" s="10"/>
    </row>
    <row r="784609" spans="14:14">
      <c r="N784609" s="10"/>
    </row>
    <row r="784610" spans="14:14">
      <c r="N784610" s="10"/>
    </row>
    <row r="784611" spans="14:14">
      <c r="N784611" s="10"/>
    </row>
    <row r="784612" spans="14:14">
      <c r="N784612" s="10"/>
    </row>
    <row r="784613" spans="14:14">
      <c r="N784613" s="10"/>
    </row>
    <row r="784614" spans="14:14">
      <c r="N784614" s="10"/>
    </row>
    <row r="784615" spans="14:14">
      <c r="N784615" s="10"/>
    </row>
    <row r="784616" spans="14:14">
      <c r="N784616" s="10"/>
    </row>
    <row r="784617" spans="14:14">
      <c r="N784617" s="10"/>
    </row>
    <row r="784618" spans="14:14">
      <c r="N784618" s="10"/>
    </row>
    <row r="784619" spans="14:14">
      <c r="N784619" s="10"/>
    </row>
    <row r="784620" spans="14:14">
      <c r="N784620" s="10"/>
    </row>
    <row r="784621" spans="14:14">
      <c r="N784621" s="10"/>
    </row>
    <row r="784622" spans="14:14">
      <c r="N784622" s="10"/>
    </row>
    <row r="784623" spans="14:14">
      <c r="N784623" s="10"/>
    </row>
    <row r="784624" spans="14:14">
      <c r="N784624" s="10"/>
    </row>
    <row r="784625" spans="14:14">
      <c r="N784625" s="10"/>
    </row>
    <row r="784626" spans="14:14">
      <c r="N784626" s="10"/>
    </row>
    <row r="784627" spans="14:14">
      <c r="N784627" s="10"/>
    </row>
    <row r="784628" spans="14:14">
      <c r="N784628" s="10"/>
    </row>
    <row r="784629" spans="14:14">
      <c r="N784629" s="10"/>
    </row>
    <row r="784630" spans="14:14">
      <c r="N784630" s="10"/>
    </row>
    <row r="784631" spans="14:14">
      <c r="N784631" s="10"/>
    </row>
    <row r="784632" spans="14:14">
      <c r="N784632" s="10"/>
    </row>
    <row r="784633" spans="14:14">
      <c r="N784633" s="10"/>
    </row>
    <row r="784634" spans="14:14">
      <c r="N784634" s="10"/>
    </row>
    <row r="784635" spans="14:14">
      <c r="N784635" s="10"/>
    </row>
    <row r="784636" spans="14:14">
      <c r="N784636" s="10"/>
    </row>
    <row r="784637" spans="14:14">
      <c r="N784637" s="10"/>
    </row>
    <row r="784638" spans="14:14">
      <c r="N784638" s="10"/>
    </row>
    <row r="784639" spans="14:14">
      <c r="N784639" s="10"/>
    </row>
    <row r="784640" spans="14:14">
      <c r="N784640" s="10"/>
    </row>
    <row r="784641" spans="14:14">
      <c r="N784641" s="10"/>
    </row>
    <row r="784642" spans="14:14">
      <c r="N784642" s="10"/>
    </row>
    <row r="784643" spans="14:14">
      <c r="N784643" s="10"/>
    </row>
    <row r="784644" spans="14:14">
      <c r="N784644" s="10"/>
    </row>
    <row r="784645" spans="14:14">
      <c r="N784645" s="10"/>
    </row>
    <row r="784646" spans="14:14">
      <c r="N784646" s="10"/>
    </row>
    <row r="784647" spans="14:14">
      <c r="N784647" s="10"/>
    </row>
    <row r="784648" spans="14:14">
      <c r="N784648" s="10"/>
    </row>
    <row r="784649" spans="14:14">
      <c r="N784649" s="10"/>
    </row>
    <row r="784650" spans="14:14">
      <c r="N784650" s="10"/>
    </row>
    <row r="784651" spans="14:14">
      <c r="N784651" s="10"/>
    </row>
    <row r="784652" spans="14:14">
      <c r="N784652" s="10"/>
    </row>
    <row r="784653" spans="14:14">
      <c r="N784653" s="10"/>
    </row>
    <row r="784654" spans="14:14">
      <c r="N784654" s="10"/>
    </row>
    <row r="784655" spans="14:14">
      <c r="N784655" s="10"/>
    </row>
    <row r="784656" spans="14:14">
      <c r="N784656" s="10"/>
    </row>
    <row r="784657" spans="14:14">
      <c r="N784657" s="10"/>
    </row>
    <row r="784658" spans="14:14">
      <c r="N784658" s="10"/>
    </row>
    <row r="784659" spans="14:14">
      <c r="N784659" s="10"/>
    </row>
    <row r="784660" spans="14:14">
      <c r="N784660" s="10"/>
    </row>
    <row r="784661" spans="14:14">
      <c r="N784661" s="10"/>
    </row>
    <row r="784662" spans="14:14">
      <c r="N784662" s="10"/>
    </row>
    <row r="784663" spans="14:14">
      <c r="N784663" s="10"/>
    </row>
    <row r="784664" spans="14:14">
      <c r="N784664" s="10"/>
    </row>
    <row r="784665" spans="14:14">
      <c r="N784665" s="10"/>
    </row>
    <row r="784666" spans="14:14">
      <c r="N784666" s="10"/>
    </row>
    <row r="784667" spans="14:14">
      <c r="N784667" s="10"/>
    </row>
    <row r="784668" spans="14:14">
      <c r="N784668" s="10"/>
    </row>
    <row r="784669" spans="14:14">
      <c r="N784669" s="10"/>
    </row>
    <row r="784670" spans="14:14">
      <c r="N784670" s="10"/>
    </row>
    <row r="784671" spans="14:14">
      <c r="N784671" s="10"/>
    </row>
    <row r="784672" spans="14:14">
      <c r="N784672" s="10"/>
    </row>
    <row r="784673" spans="14:14">
      <c r="N784673" s="10"/>
    </row>
    <row r="784674" spans="14:14">
      <c r="N784674" s="10"/>
    </row>
    <row r="784675" spans="14:14">
      <c r="N784675" s="10"/>
    </row>
    <row r="784676" spans="14:14">
      <c r="N784676" s="10"/>
    </row>
    <row r="784677" spans="14:14">
      <c r="N784677" s="10"/>
    </row>
    <row r="784678" spans="14:14">
      <c r="N784678" s="10"/>
    </row>
    <row r="784679" spans="14:14">
      <c r="N784679" s="10"/>
    </row>
    <row r="784680" spans="14:14">
      <c r="N784680" s="10"/>
    </row>
    <row r="784681" spans="14:14">
      <c r="N784681" s="10"/>
    </row>
    <row r="784682" spans="14:14">
      <c r="N784682" s="10"/>
    </row>
    <row r="784683" spans="14:14">
      <c r="N784683" s="10"/>
    </row>
    <row r="784684" spans="14:14">
      <c r="N784684" s="10"/>
    </row>
    <row r="784685" spans="14:14">
      <c r="N784685" s="10"/>
    </row>
    <row r="784686" spans="14:14">
      <c r="N784686" s="10"/>
    </row>
    <row r="784687" spans="14:14">
      <c r="N784687" s="10"/>
    </row>
    <row r="784688" spans="14:14">
      <c r="N784688" s="10"/>
    </row>
    <row r="784689" spans="14:14">
      <c r="N784689" s="10"/>
    </row>
    <row r="784690" spans="14:14">
      <c r="N784690" s="10"/>
    </row>
    <row r="784691" spans="14:14">
      <c r="N784691" s="10"/>
    </row>
    <row r="784692" spans="14:14">
      <c r="N784692" s="10"/>
    </row>
    <row r="784693" spans="14:14">
      <c r="N784693" s="10"/>
    </row>
    <row r="784694" spans="14:14">
      <c r="N784694" s="10"/>
    </row>
    <row r="784695" spans="14:14">
      <c r="N784695" s="10"/>
    </row>
    <row r="784696" spans="14:14">
      <c r="N784696" s="10"/>
    </row>
    <row r="784697" spans="14:14">
      <c r="N784697" s="10"/>
    </row>
    <row r="784698" spans="14:14">
      <c r="N784698" s="10"/>
    </row>
    <row r="784699" spans="14:14">
      <c r="N784699" s="10"/>
    </row>
    <row r="784700" spans="14:14">
      <c r="N784700" s="10"/>
    </row>
    <row r="784701" spans="14:14">
      <c r="N784701" s="10"/>
    </row>
    <row r="784702" spans="14:14">
      <c r="N784702" s="10"/>
    </row>
    <row r="784703" spans="14:14">
      <c r="N784703" s="10"/>
    </row>
    <row r="784704" spans="14:14">
      <c r="N784704" s="10"/>
    </row>
    <row r="784705" spans="14:14">
      <c r="N784705" s="10"/>
    </row>
    <row r="784706" spans="14:14">
      <c r="N784706" s="10"/>
    </row>
    <row r="784707" spans="14:14">
      <c r="N784707" s="10"/>
    </row>
    <row r="784708" spans="14:14">
      <c r="N784708" s="10"/>
    </row>
    <row r="784709" spans="14:14">
      <c r="N784709" s="10"/>
    </row>
    <row r="784710" spans="14:14">
      <c r="N784710" s="10"/>
    </row>
    <row r="784711" spans="14:14">
      <c r="N784711" s="10"/>
    </row>
    <row r="784712" spans="14:14">
      <c r="N784712" s="10"/>
    </row>
    <row r="784713" spans="14:14">
      <c r="N784713" s="10"/>
    </row>
    <row r="784714" spans="14:14">
      <c r="N784714" s="10"/>
    </row>
    <row r="784715" spans="14:14">
      <c r="N784715" s="10"/>
    </row>
    <row r="784716" spans="14:14">
      <c r="N784716" s="10"/>
    </row>
    <row r="784717" spans="14:14">
      <c r="N784717" s="10"/>
    </row>
    <row r="784718" spans="14:14">
      <c r="N784718" s="10"/>
    </row>
    <row r="784719" spans="14:14">
      <c r="N784719" s="10"/>
    </row>
    <row r="784720" spans="14:14">
      <c r="N784720" s="10"/>
    </row>
    <row r="784721" spans="14:14">
      <c r="N784721" s="10"/>
    </row>
    <row r="784722" spans="14:14">
      <c r="N784722" s="10"/>
    </row>
    <row r="784723" spans="14:14">
      <c r="N784723" s="10"/>
    </row>
    <row r="784724" spans="14:14">
      <c r="N784724" s="10"/>
    </row>
    <row r="784725" spans="14:14">
      <c r="N784725" s="10"/>
    </row>
    <row r="784726" spans="14:14">
      <c r="N784726" s="10"/>
    </row>
    <row r="784727" spans="14:14">
      <c r="N784727" s="10"/>
    </row>
    <row r="784728" spans="14:14">
      <c r="N784728" s="10"/>
    </row>
    <row r="784729" spans="14:14">
      <c r="N784729" s="10"/>
    </row>
    <row r="784730" spans="14:14">
      <c r="N784730" s="10"/>
    </row>
    <row r="784731" spans="14:14">
      <c r="N784731" s="10"/>
    </row>
    <row r="784732" spans="14:14">
      <c r="N784732" s="10"/>
    </row>
    <row r="784733" spans="14:14">
      <c r="N784733" s="10"/>
    </row>
    <row r="784734" spans="14:14">
      <c r="N784734" s="10"/>
    </row>
    <row r="784735" spans="14:14">
      <c r="N784735" s="10"/>
    </row>
    <row r="784736" spans="14:14">
      <c r="N784736" s="10"/>
    </row>
    <row r="784737" spans="14:14">
      <c r="N784737" s="10"/>
    </row>
    <row r="784738" spans="14:14">
      <c r="N784738" s="10"/>
    </row>
    <row r="784739" spans="14:14">
      <c r="N784739" s="10"/>
    </row>
    <row r="784740" spans="14:14">
      <c r="N784740" s="10"/>
    </row>
    <row r="784741" spans="14:14">
      <c r="N784741" s="10"/>
    </row>
    <row r="784742" spans="14:14">
      <c r="N784742" s="10"/>
    </row>
    <row r="784743" spans="14:14">
      <c r="N784743" s="10"/>
    </row>
    <row r="784744" spans="14:14">
      <c r="N784744" s="10"/>
    </row>
    <row r="784745" spans="14:14">
      <c r="N784745" s="10"/>
    </row>
    <row r="784746" spans="14:14">
      <c r="N784746" s="10"/>
    </row>
    <row r="784747" spans="14:14">
      <c r="N784747" s="10"/>
    </row>
    <row r="784748" spans="14:14">
      <c r="N784748" s="10"/>
    </row>
    <row r="784749" spans="14:14">
      <c r="N784749" s="10"/>
    </row>
    <row r="784750" spans="14:14">
      <c r="N784750" s="10"/>
    </row>
    <row r="784751" spans="14:14">
      <c r="N784751" s="10"/>
    </row>
    <row r="784752" spans="14:14">
      <c r="N784752" s="10"/>
    </row>
    <row r="784753" spans="14:14">
      <c r="N784753" s="10"/>
    </row>
    <row r="784754" spans="14:14">
      <c r="N784754" s="10"/>
    </row>
    <row r="784755" spans="14:14">
      <c r="N784755" s="10"/>
    </row>
    <row r="784756" spans="14:14">
      <c r="N784756" s="10"/>
    </row>
    <row r="784757" spans="14:14">
      <c r="N784757" s="10"/>
    </row>
    <row r="784758" spans="14:14">
      <c r="N784758" s="10"/>
    </row>
    <row r="784759" spans="14:14">
      <c r="N784759" s="10"/>
    </row>
    <row r="784760" spans="14:14">
      <c r="N784760" s="10"/>
    </row>
    <row r="784761" spans="14:14">
      <c r="N784761" s="10"/>
    </row>
    <row r="784762" spans="14:14">
      <c r="N784762" s="10"/>
    </row>
    <row r="784763" spans="14:14">
      <c r="N784763" s="10"/>
    </row>
    <row r="784764" spans="14:14">
      <c r="N784764" s="10"/>
    </row>
    <row r="784765" spans="14:14">
      <c r="N784765" s="10"/>
    </row>
    <row r="784766" spans="14:14">
      <c r="N784766" s="10"/>
    </row>
    <row r="784767" spans="14:14">
      <c r="N784767" s="10"/>
    </row>
    <row r="784768" spans="14:14">
      <c r="N784768" s="10"/>
    </row>
    <row r="784769" spans="14:14">
      <c r="N784769" s="10"/>
    </row>
    <row r="784770" spans="14:14">
      <c r="N784770" s="10"/>
    </row>
    <row r="784771" spans="14:14">
      <c r="N784771" s="10"/>
    </row>
    <row r="784772" spans="14:14">
      <c r="N784772" s="10"/>
    </row>
    <row r="784773" spans="14:14">
      <c r="N784773" s="10"/>
    </row>
    <row r="784774" spans="14:14">
      <c r="N784774" s="10"/>
    </row>
    <row r="784775" spans="14:14">
      <c r="N784775" s="10"/>
    </row>
    <row r="784776" spans="14:14">
      <c r="N784776" s="10"/>
    </row>
    <row r="784777" spans="14:14">
      <c r="N784777" s="10"/>
    </row>
    <row r="784778" spans="14:14">
      <c r="N784778" s="10"/>
    </row>
    <row r="784779" spans="14:14">
      <c r="N784779" s="10"/>
    </row>
    <row r="784780" spans="14:14">
      <c r="N784780" s="10"/>
    </row>
    <row r="784781" spans="14:14">
      <c r="N784781" s="10"/>
    </row>
    <row r="784782" spans="14:14">
      <c r="N784782" s="10"/>
    </row>
    <row r="784783" spans="14:14">
      <c r="N784783" s="10"/>
    </row>
    <row r="784784" spans="14:14">
      <c r="N784784" s="10"/>
    </row>
    <row r="784785" spans="14:14">
      <c r="N784785" s="10"/>
    </row>
    <row r="784786" spans="14:14">
      <c r="N784786" s="10"/>
    </row>
    <row r="784787" spans="14:14">
      <c r="N784787" s="10"/>
    </row>
    <row r="784788" spans="14:14">
      <c r="N784788" s="10"/>
    </row>
    <row r="784789" spans="14:14">
      <c r="N784789" s="10"/>
    </row>
    <row r="784790" spans="14:14">
      <c r="N784790" s="10"/>
    </row>
    <row r="784791" spans="14:14">
      <c r="N784791" s="10"/>
    </row>
    <row r="784792" spans="14:14">
      <c r="N784792" s="10"/>
    </row>
    <row r="784793" spans="14:14">
      <c r="N784793" s="10"/>
    </row>
    <row r="784794" spans="14:14">
      <c r="N784794" s="10"/>
    </row>
    <row r="784795" spans="14:14">
      <c r="N784795" s="10"/>
    </row>
    <row r="784796" spans="14:14">
      <c r="N784796" s="10"/>
    </row>
    <row r="784797" spans="14:14">
      <c r="N784797" s="10"/>
    </row>
    <row r="784798" spans="14:14">
      <c r="N784798" s="10"/>
    </row>
    <row r="784799" spans="14:14">
      <c r="N784799" s="10"/>
    </row>
    <row r="784800" spans="14:14">
      <c r="N784800" s="10"/>
    </row>
    <row r="784801" spans="14:14">
      <c r="N784801" s="10"/>
    </row>
    <row r="784802" spans="14:14">
      <c r="N784802" s="10"/>
    </row>
    <row r="784803" spans="14:14">
      <c r="N784803" s="10"/>
    </row>
    <row r="784804" spans="14:14">
      <c r="N784804" s="10"/>
    </row>
    <row r="784805" spans="14:14">
      <c r="N784805" s="10"/>
    </row>
    <row r="784806" spans="14:14">
      <c r="N784806" s="10"/>
    </row>
    <row r="784807" spans="14:14">
      <c r="N784807" s="10"/>
    </row>
    <row r="784808" spans="14:14">
      <c r="N784808" s="10"/>
    </row>
    <row r="784809" spans="14:14">
      <c r="N784809" s="10"/>
    </row>
    <row r="784810" spans="14:14">
      <c r="N784810" s="10"/>
    </row>
    <row r="784811" spans="14:14">
      <c r="N784811" s="10"/>
    </row>
    <row r="784812" spans="14:14">
      <c r="N784812" s="10"/>
    </row>
    <row r="784813" spans="14:14">
      <c r="N784813" s="10"/>
    </row>
    <row r="784814" spans="14:14">
      <c r="N784814" s="10"/>
    </row>
    <row r="784815" spans="14:14">
      <c r="N784815" s="10"/>
    </row>
    <row r="784816" spans="14:14">
      <c r="N784816" s="10"/>
    </row>
    <row r="784817" spans="14:14">
      <c r="N784817" s="10"/>
    </row>
    <row r="784818" spans="14:14">
      <c r="N784818" s="10"/>
    </row>
    <row r="784819" spans="14:14">
      <c r="N784819" s="10"/>
    </row>
    <row r="784820" spans="14:14">
      <c r="N784820" s="10"/>
    </row>
    <row r="784821" spans="14:14">
      <c r="N784821" s="10"/>
    </row>
    <row r="784822" spans="14:14">
      <c r="N784822" s="10"/>
    </row>
    <row r="784823" spans="14:14">
      <c r="N784823" s="10"/>
    </row>
    <row r="784824" spans="14:14">
      <c r="N784824" s="10"/>
    </row>
    <row r="784825" spans="14:14">
      <c r="N784825" s="10"/>
    </row>
    <row r="784826" spans="14:14">
      <c r="N784826" s="10"/>
    </row>
    <row r="784827" spans="14:14">
      <c r="N784827" s="10"/>
    </row>
    <row r="784828" spans="14:14">
      <c r="N784828" s="10"/>
    </row>
    <row r="784829" spans="14:14">
      <c r="N784829" s="10"/>
    </row>
    <row r="784830" spans="14:14">
      <c r="N784830" s="10"/>
    </row>
    <row r="784831" spans="14:14">
      <c r="N784831" s="10"/>
    </row>
    <row r="784832" spans="14:14">
      <c r="N784832" s="10"/>
    </row>
    <row r="784833" spans="14:14">
      <c r="N784833" s="10"/>
    </row>
    <row r="784834" spans="14:14">
      <c r="N784834" s="10"/>
    </row>
    <row r="784835" spans="14:14">
      <c r="N784835" s="10"/>
    </row>
    <row r="784836" spans="14:14">
      <c r="N784836" s="10"/>
    </row>
    <row r="784837" spans="14:14">
      <c r="N784837" s="10"/>
    </row>
    <row r="784838" spans="14:14">
      <c r="N784838" s="10"/>
    </row>
    <row r="784839" spans="14:14">
      <c r="N784839" s="10"/>
    </row>
    <row r="784840" spans="14:14">
      <c r="N784840" s="10"/>
    </row>
    <row r="784841" spans="14:14">
      <c r="N784841" s="10"/>
    </row>
    <row r="784842" spans="14:14">
      <c r="N784842" s="10"/>
    </row>
    <row r="784843" spans="14:14">
      <c r="N784843" s="10"/>
    </row>
    <row r="784844" spans="14:14">
      <c r="N784844" s="10"/>
    </row>
    <row r="784845" spans="14:14">
      <c r="N784845" s="10"/>
    </row>
    <row r="784846" spans="14:14">
      <c r="N784846" s="10"/>
    </row>
    <row r="784847" spans="14:14">
      <c r="N784847" s="10"/>
    </row>
    <row r="784848" spans="14:14">
      <c r="N784848" s="10"/>
    </row>
    <row r="784849" spans="14:14">
      <c r="N784849" s="10"/>
    </row>
    <row r="784850" spans="14:14">
      <c r="N784850" s="10"/>
    </row>
    <row r="784851" spans="14:14">
      <c r="N784851" s="10"/>
    </row>
    <row r="784852" spans="14:14">
      <c r="N784852" s="10"/>
    </row>
    <row r="784853" spans="14:14">
      <c r="N784853" s="10"/>
    </row>
    <row r="784854" spans="14:14">
      <c r="N784854" s="10"/>
    </row>
    <row r="784855" spans="14:14">
      <c r="N784855" s="10"/>
    </row>
    <row r="784856" spans="14:14">
      <c r="N784856" s="10"/>
    </row>
    <row r="784857" spans="14:14">
      <c r="N784857" s="10"/>
    </row>
    <row r="784858" spans="14:14">
      <c r="N784858" s="10"/>
    </row>
    <row r="784859" spans="14:14">
      <c r="N784859" s="10"/>
    </row>
    <row r="784860" spans="14:14">
      <c r="N784860" s="10"/>
    </row>
    <row r="784861" spans="14:14">
      <c r="N784861" s="10"/>
    </row>
    <row r="784862" spans="14:14">
      <c r="N784862" s="10"/>
    </row>
    <row r="784863" spans="14:14">
      <c r="N784863" s="10"/>
    </row>
    <row r="784864" spans="14:14">
      <c r="N784864" s="10"/>
    </row>
    <row r="784865" spans="14:14">
      <c r="N784865" s="10"/>
    </row>
    <row r="784866" spans="14:14">
      <c r="N784866" s="10"/>
    </row>
    <row r="784867" spans="14:14">
      <c r="N784867" s="10"/>
    </row>
    <row r="784868" spans="14:14">
      <c r="N784868" s="10"/>
    </row>
    <row r="784869" spans="14:14">
      <c r="N784869" s="10"/>
    </row>
    <row r="784870" spans="14:14">
      <c r="N784870" s="10"/>
    </row>
    <row r="784871" spans="14:14">
      <c r="N784871" s="10"/>
    </row>
    <row r="784872" spans="14:14">
      <c r="N784872" s="10"/>
    </row>
    <row r="784873" spans="14:14">
      <c r="N784873" s="10"/>
    </row>
    <row r="784874" spans="14:14">
      <c r="N784874" s="10"/>
    </row>
    <row r="784875" spans="14:14">
      <c r="N784875" s="10"/>
    </row>
    <row r="784876" spans="14:14">
      <c r="N784876" s="10"/>
    </row>
    <row r="784877" spans="14:14">
      <c r="N784877" s="10"/>
    </row>
    <row r="784878" spans="14:14">
      <c r="N784878" s="10"/>
    </row>
    <row r="784879" spans="14:14">
      <c r="N784879" s="10"/>
    </row>
    <row r="784880" spans="14:14">
      <c r="N784880" s="10"/>
    </row>
    <row r="784881" spans="14:14">
      <c r="N784881" s="10"/>
    </row>
    <row r="784882" spans="14:14">
      <c r="N784882" s="10"/>
    </row>
    <row r="784883" spans="14:14">
      <c r="N784883" s="10"/>
    </row>
    <row r="784884" spans="14:14">
      <c r="N784884" s="10"/>
    </row>
    <row r="784885" spans="14:14">
      <c r="N784885" s="10"/>
    </row>
    <row r="784886" spans="14:14">
      <c r="N784886" s="10"/>
    </row>
    <row r="784887" spans="14:14">
      <c r="N784887" s="10"/>
    </row>
    <row r="784888" spans="14:14">
      <c r="N784888" s="10"/>
    </row>
    <row r="784889" spans="14:14">
      <c r="N784889" s="10"/>
    </row>
    <row r="784890" spans="14:14">
      <c r="N784890" s="10"/>
    </row>
    <row r="784891" spans="14:14">
      <c r="N784891" s="10"/>
    </row>
    <row r="784892" spans="14:14">
      <c r="N784892" s="10"/>
    </row>
    <row r="784893" spans="14:14">
      <c r="N784893" s="10"/>
    </row>
    <row r="784894" spans="14:14">
      <c r="N784894" s="10"/>
    </row>
    <row r="784895" spans="14:14">
      <c r="N784895" s="10"/>
    </row>
    <row r="784896" spans="14:14">
      <c r="N784896" s="10"/>
    </row>
    <row r="784897" spans="14:14">
      <c r="N784897" s="10"/>
    </row>
    <row r="784898" spans="14:14">
      <c r="N784898" s="10"/>
    </row>
    <row r="784899" spans="14:14">
      <c r="N784899" s="10"/>
    </row>
    <row r="784900" spans="14:14">
      <c r="N784900" s="10"/>
    </row>
    <row r="784901" spans="14:14">
      <c r="N784901" s="10"/>
    </row>
    <row r="784902" spans="14:14">
      <c r="N784902" s="10"/>
    </row>
    <row r="784903" spans="14:14">
      <c r="N784903" s="10"/>
    </row>
    <row r="784904" spans="14:14">
      <c r="N784904" s="10"/>
    </row>
    <row r="784905" spans="14:14">
      <c r="N784905" s="10"/>
    </row>
    <row r="784906" spans="14:14">
      <c r="N784906" s="10"/>
    </row>
    <row r="784907" spans="14:14">
      <c r="N784907" s="10"/>
    </row>
    <row r="784908" spans="14:14">
      <c r="N784908" s="10"/>
    </row>
    <row r="784909" spans="14:14">
      <c r="N784909" s="10"/>
    </row>
    <row r="784910" spans="14:14">
      <c r="N784910" s="10"/>
    </row>
    <row r="784911" spans="14:14">
      <c r="N784911" s="10"/>
    </row>
    <row r="784912" spans="14:14">
      <c r="N784912" s="10"/>
    </row>
    <row r="784913" spans="14:14">
      <c r="N784913" s="10"/>
    </row>
    <row r="784914" spans="14:14">
      <c r="N784914" s="10"/>
    </row>
    <row r="784915" spans="14:14">
      <c r="N784915" s="10"/>
    </row>
    <row r="784916" spans="14:14">
      <c r="N784916" s="10"/>
    </row>
    <row r="784917" spans="14:14">
      <c r="N784917" s="10"/>
    </row>
    <row r="784918" spans="14:14">
      <c r="N784918" s="10"/>
    </row>
    <row r="784919" spans="14:14">
      <c r="N784919" s="10"/>
    </row>
    <row r="784920" spans="14:14">
      <c r="N784920" s="10"/>
    </row>
    <row r="784921" spans="14:14">
      <c r="N784921" s="10"/>
    </row>
    <row r="784922" spans="14:14">
      <c r="N784922" s="10"/>
    </row>
    <row r="784923" spans="14:14">
      <c r="N784923" s="10"/>
    </row>
    <row r="784924" spans="14:14">
      <c r="N784924" s="10"/>
    </row>
    <row r="784925" spans="14:14">
      <c r="N784925" s="10"/>
    </row>
    <row r="784926" spans="14:14">
      <c r="N784926" s="10"/>
    </row>
    <row r="784927" spans="14:14">
      <c r="N784927" s="10"/>
    </row>
    <row r="784928" spans="14:14">
      <c r="N784928" s="10"/>
    </row>
    <row r="784929" spans="14:14">
      <c r="N784929" s="10"/>
    </row>
    <row r="784930" spans="14:14">
      <c r="N784930" s="10"/>
    </row>
    <row r="784931" spans="14:14">
      <c r="N784931" s="10"/>
    </row>
    <row r="784932" spans="14:14">
      <c r="N784932" s="10"/>
    </row>
    <row r="784933" spans="14:14">
      <c r="N784933" s="10"/>
    </row>
    <row r="784934" spans="14:14">
      <c r="N784934" s="10"/>
    </row>
    <row r="784935" spans="14:14">
      <c r="N784935" s="10"/>
    </row>
    <row r="784936" spans="14:14">
      <c r="N784936" s="10"/>
    </row>
    <row r="784937" spans="14:14">
      <c r="N784937" s="10"/>
    </row>
    <row r="784938" spans="14:14">
      <c r="N784938" s="10"/>
    </row>
    <row r="784939" spans="14:14">
      <c r="N784939" s="10"/>
    </row>
    <row r="784940" spans="14:14">
      <c r="N784940" s="10"/>
    </row>
    <row r="784941" spans="14:14">
      <c r="N784941" s="10"/>
    </row>
    <row r="784942" spans="14:14">
      <c r="N784942" s="10"/>
    </row>
    <row r="784943" spans="14:14">
      <c r="N784943" s="10"/>
    </row>
    <row r="784944" spans="14:14">
      <c r="N784944" s="10"/>
    </row>
    <row r="784945" spans="14:14">
      <c r="N784945" s="10"/>
    </row>
    <row r="784946" spans="14:14">
      <c r="N784946" s="10"/>
    </row>
    <row r="784947" spans="14:14">
      <c r="N784947" s="10"/>
    </row>
    <row r="784948" spans="14:14">
      <c r="N784948" s="10"/>
    </row>
    <row r="784949" spans="14:14">
      <c r="N784949" s="10"/>
    </row>
    <row r="784950" spans="14:14">
      <c r="N784950" s="10"/>
    </row>
    <row r="784951" spans="14:14">
      <c r="N784951" s="10"/>
    </row>
    <row r="784952" spans="14:14">
      <c r="N784952" s="10"/>
    </row>
    <row r="784953" spans="14:14">
      <c r="N784953" s="10"/>
    </row>
    <row r="784954" spans="14:14">
      <c r="N784954" s="10"/>
    </row>
    <row r="784955" spans="14:14">
      <c r="N784955" s="10"/>
    </row>
    <row r="784956" spans="14:14">
      <c r="N784956" s="10"/>
    </row>
    <row r="784957" spans="14:14">
      <c r="N784957" s="10"/>
    </row>
    <row r="784958" spans="14:14">
      <c r="N784958" s="10"/>
    </row>
    <row r="784959" spans="14:14">
      <c r="N784959" s="10"/>
    </row>
    <row r="784960" spans="14:14">
      <c r="N784960" s="10"/>
    </row>
    <row r="784961" spans="14:14">
      <c r="N784961" s="10"/>
    </row>
    <row r="784962" spans="14:14">
      <c r="N784962" s="10"/>
    </row>
    <row r="784963" spans="14:14">
      <c r="N784963" s="10"/>
    </row>
    <row r="784964" spans="14:14">
      <c r="N784964" s="10"/>
    </row>
    <row r="784965" spans="14:14">
      <c r="N784965" s="10"/>
    </row>
    <row r="784966" spans="14:14">
      <c r="N784966" s="10"/>
    </row>
    <row r="784967" spans="14:14">
      <c r="N784967" s="10"/>
    </row>
    <row r="784968" spans="14:14">
      <c r="N784968" s="10"/>
    </row>
    <row r="784969" spans="14:14">
      <c r="N784969" s="10"/>
    </row>
    <row r="784970" spans="14:14">
      <c r="N784970" s="10"/>
    </row>
    <row r="784971" spans="14:14">
      <c r="N784971" s="10"/>
    </row>
    <row r="784972" spans="14:14">
      <c r="N784972" s="10"/>
    </row>
    <row r="784973" spans="14:14">
      <c r="N784973" s="10"/>
    </row>
    <row r="784974" spans="14:14">
      <c r="N784974" s="10"/>
    </row>
    <row r="784975" spans="14:14">
      <c r="N784975" s="10"/>
    </row>
    <row r="784976" spans="14:14">
      <c r="N784976" s="10"/>
    </row>
    <row r="784977" spans="14:14">
      <c r="N784977" s="10"/>
    </row>
    <row r="784978" spans="14:14">
      <c r="N784978" s="10"/>
    </row>
    <row r="784979" spans="14:14">
      <c r="N784979" s="10"/>
    </row>
    <row r="784980" spans="14:14">
      <c r="N784980" s="10"/>
    </row>
    <row r="784981" spans="14:14">
      <c r="N784981" s="10"/>
    </row>
    <row r="784982" spans="14:14">
      <c r="N784982" s="10"/>
    </row>
    <row r="784983" spans="14:14">
      <c r="N784983" s="10"/>
    </row>
    <row r="784984" spans="14:14">
      <c r="N784984" s="10"/>
    </row>
    <row r="784985" spans="14:14">
      <c r="N784985" s="10"/>
    </row>
    <row r="784986" spans="14:14">
      <c r="N784986" s="10"/>
    </row>
    <row r="784987" spans="14:14">
      <c r="N784987" s="10"/>
    </row>
    <row r="784988" spans="14:14">
      <c r="N784988" s="10"/>
    </row>
    <row r="784989" spans="14:14">
      <c r="N784989" s="10"/>
    </row>
    <row r="784990" spans="14:14">
      <c r="N784990" s="10"/>
    </row>
    <row r="784991" spans="14:14">
      <c r="N784991" s="10"/>
    </row>
    <row r="784992" spans="14:14">
      <c r="N784992" s="10"/>
    </row>
    <row r="784993" spans="14:14">
      <c r="N784993" s="10"/>
    </row>
    <row r="784994" spans="14:14">
      <c r="N784994" s="10"/>
    </row>
    <row r="784995" spans="14:14">
      <c r="N784995" s="10"/>
    </row>
    <row r="784996" spans="14:14">
      <c r="N784996" s="10"/>
    </row>
    <row r="784997" spans="14:14">
      <c r="N784997" s="10"/>
    </row>
    <row r="784998" spans="14:14">
      <c r="N784998" s="10"/>
    </row>
    <row r="784999" spans="14:14">
      <c r="N784999" s="10"/>
    </row>
    <row r="785000" spans="14:14">
      <c r="N785000" s="10"/>
    </row>
    <row r="785001" spans="14:14">
      <c r="N785001" s="10"/>
    </row>
    <row r="785002" spans="14:14">
      <c r="N785002" s="10"/>
    </row>
    <row r="785003" spans="14:14">
      <c r="N785003" s="10"/>
    </row>
    <row r="785004" spans="14:14">
      <c r="N785004" s="10"/>
    </row>
    <row r="785005" spans="14:14">
      <c r="N785005" s="10"/>
    </row>
    <row r="785006" spans="14:14">
      <c r="N785006" s="10"/>
    </row>
    <row r="785007" spans="14:14">
      <c r="N785007" s="10"/>
    </row>
    <row r="785008" spans="14:14">
      <c r="N785008" s="10"/>
    </row>
    <row r="785009" spans="14:14">
      <c r="N785009" s="10"/>
    </row>
    <row r="785010" spans="14:14">
      <c r="N785010" s="10"/>
    </row>
    <row r="785011" spans="14:14">
      <c r="N785011" s="10"/>
    </row>
    <row r="785012" spans="14:14">
      <c r="N785012" s="10"/>
    </row>
    <row r="785013" spans="14:14">
      <c r="N785013" s="10"/>
    </row>
    <row r="785014" spans="14:14">
      <c r="N785014" s="10"/>
    </row>
    <row r="785015" spans="14:14">
      <c r="N785015" s="10"/>
    </row>
    <row r="785016" spans="14:14">
      <c r="N785016" s="10"/>
    </row>
    <row r="785017" spans="14:14">
      <c r="N785017" s="10"/>
    </row>
    <row r="785018" spans="14:14">
      <c r="N785018" s="10"/>
    </row>
    <row r="785019" spans="14:14">
      <c r="N785019" s="10"/>
    </row>
    <row r="785020" spans="14:14">
      <c r="N785020" s="10"/>
    </row>
    <row r="785021" spans="14:14">
      <c r="N785021" s="10"/>
    </row>
    <row r="785022" spans="14:14">
      <c r="N785022" s="10"/>
    </row>
    <row r="785023" spans="14:14">
      <c r="N785023" s="10"/>
    </row>
    <row r="785024" spans="14:14">
      <c r="N785024" s="10"/>
    </row>
    <row r="785025" spans="14:14">
      <c r="N785025" s="10"/>
    </row>
    <row r="785026" spans="14:14">
      <c r="N785026" s="10"/>
    </row>
    <row r="785027" spans="14:14">
      <c r="N785027" s="10"/>
    </row>
    <row r="785028" spans="14:14">
      <c r="N785028" s="10"/>
    </row>
    <row r="785029" spans="14:14">
      <c r="N785029" s="10"/>
    </row>
    <row r="785030" spans="14:14">
      <c r="N785030" s="10"/>
    </row>
    <row r="785031" spans="14:14">
      <c r="N785031" s="10"/>
    </row>
    <row r="785032" spans="14:14">
      <c r="N785032" s="10"/>
    </row>
    <row r="785033" spans="14:14">
      <c r="N785033" s="10"/>
    </row>
    <row r="785034" spans="14:14">
      <c r="N785034" s="10"/>
    </row>
    <row r="785035" spans="14:14">
      <c r="N785035" s="10"/>
    </row>
    <row r="785036" spans="14:14">
      <c r="N785036" s="10"/>
    </row>
    <row r="785037" spans="14:14">
      <c r="N785037" s="10"/>
    </row>
    <row r="785038" spans="14:14">
      <c r="N785038" s="10"/>
    </row>
    <row r="785039" spans="14:14">
      <c r="N785039" s="10"/>
    </row>
    <row r="785040" spans="14:14">
      <c r="N785040" s="10"/>
    </row>
    <row r="785041" spans="14:14">
      <c r="N785041" s="10"/>
    </row>
    <row r="785042" spans="14:14">
      <c r="N785042" s="10"/>
    </row>
    <row r="785043" spans="14:14">
      <c r="N785043" s="10"/>
    </row>
    <row r="785044" spans="14:14">
      <c r="N785044" s="10"/>
    </row>
    <row r="785045" spans="14:14">
      <c r="N785045" s="10"/>
    </row>
    <row r="785046" spans="14:14">
      <c r="N785046" s="10"/>
    </row>
    <row r="785047" spans="14:14">
      <c r="N785047" s="10"/>
    </row>
    <row r="785048" spans="14:14">
      <c r="N785048" s="10"/>
    </row>
    <row r="785049" spans="14:14">
      <c r="N785049" s="10"/>
    </row>
    <row r="785050" spans="14:14">
      <c r="N785050" s="10"/>
    </row>
    <row r="785051" spans="14:14">
      <c r="N785051" s="10"/>
    </row>
    <row r="785052" spans="14:14">
      <c r="N785052" s="10"/>
    </row>
    <row r="785053" spans="14:14">
      <c r="N785053" s="10"/>
    </row>
    <row r="785054" spans="14:14">
      <c r="N785054" s="10"/>
    </row>
    <row r="785055" spans="14:14">
      <c r="N785055" s="10"/>
    </row>
    <row r="785056" spans="14:14">
      <c r="N785056" s="10"/>
    </row>
    <row r="785057" spans="14:14">
      <c r="N785057" s="10"/>
    </row>
    <row r="785058" spans="14:14">
      <c r="N785058" s="10"/>
    </row>
    <row r="785059" spans="14:14">
      <c r="N785059" s="10"/>
    </row>
    <row r="785060" spans="14:14">
      <c r="N785060" s="10"/>
    </row>
    <row r="785061" spans="14:14">
      <c r="N785061" s="10"/>
    </row>
    <row r="785062" spans="14:14">
      <c r="N785062" s="10"/>
    </row>
    <row r="785063" spans="14:14">
      <c r="N785063" s="10"/>
    </row>
    <row r="785064" spans="14:14">
      <c r="N785064" s="10"/>
    </row>
    <row r="785065" spans="14:14">
      <c r="N785065" s="10"/>
    </row>
    <row r="785066" spans="14:14">
      <c r="N785066" s="10"/>
    </row>
    <row r="785067" spans="14:14">
      <c r="N785067" s="10"/>
    </row>
    <row r="785068" spans="14:14">
      <c r="N785068" s="10"/>
    </row>
    <row r="785069" spans="14:14">
      <c r="N785069" s="10"/>
    </row>
    <row r="785070" spans="14:14">
      <c r="N785070" s="10"/>
    </row>
    <row r="785071" spans="14:14">
      <c r="N785071" s="10"/>
    </row>
    <row r="785072" spans="14:14">
      <c r="N785072" s="10"/>
    </row>
    <row r="785073" spans="14:14">
      <c r="N785073" s="10"/>
    </row>
    <row r="785074" spans="14:14">
      <c r="N785074" s="10"/>
    </row>
    <row r="785075" spans="14:14">
      <c r="N785075" s="10"/>
    </row>
    <row r="785076" spans="14:14">
      <c r="N785076" s="10"/>
    </row>
    <row r="785077" spans="14:14">
      <c r="N785077" s="10"/>
    </row>
    <row r="785078" spans="14:14">
      <c r="N785078" s="10"/>
    </row>
    <row r="785079" spans="14:14">
      <c r="N785079" s="10"/>
    </row>
    <row r="785080" spans="14:14">
      <c r="N785080" s="10"/>
    </row>
    <row r="785081" spans="14:14">
      <c r="N785081" s="10"/>
    </row>
    <row r="785082" spans="14:14">
      <c r="N785082" s="10"/>
    </row>
    <row r="785083" spans="14:14">
      <c r="N785083" s="10"/>
    </row>
    <row r="785084" spans="14:14">
      <c r="N785084" s="10"/>
    </row>
    <row r="785085" spans="14:14">
      <c r="N785085" s="10"/>
    </row>
    <row r="785086" spans="14:14">
      <c r="N785086" s="10"/>
    </row>
    <row r="785087" spans="14:14">
      <c r="N785087" s="10"/>
    </row>
    <row r="785088" spans="14:14">
      <c r="N785088" s="10"/>
    </row>
    <row r="785089" spans="14:14">
      <c r="N785089" s="10"/>
    </row>
    <row r="785090" spans="14:14">
      <c r="N785090" s="10"/>
    </row>
    <row r="785091" spans="14:14">
      <c r="N785091" s="10"/>
    </row>
    <row r="785092" spans="14:14">
      <c r="N785092" s="10"/>
    </row>
    <row r="785093" spans="14:14">
      <c r="N785093" s="10"/>
    </row>
    <row r="785094" spans="14:14">
      <c r="N785094" s="10"/>
    </row>
    <row r="785095" spans="14:14">
      <c r="N785095" s="10"/>
    </row>
    <row r="785096" spans="14:14">
      <c r="N785096" s="10"/>
    </row>
    <row r="785097" spans="14:14">
      <c r="N785097" s="10"/>
    </row>
    <row r="785098" spans="14:14">
      <c r="N785098" s="10"/>
    </row>
    <row r="785099" spans="14:14">
      <c r="N785099" s="10"/>
    </row>
    <row r="785100" spans="14:14">
      <c r="N785100" s="10"/>
    </row>
    <row r="785101" spans="14:14">
      <c r="N785101" s="10"/>
    </row>
    <row r="785102" spans="14:14">
      <c r="N785102" s="10"/>
    </row>
    <row r="785103" spans="14:14">
      <c r="N785103" s="10"/>
    </row>
    <row r="785104" spans="14:14">
      <c r="N785104" s="10"/>
    </row>
    <row r="785105" spans="14:14">
      <c r="N785105" s="10"/>
    </row>
    <row r="785106" spans="14:14">
      <c r="N785106" s="10"/>
    </row>
    <row r="785107" spans="14:14">
      <c r="N785107" s="10"/>
    </row>
    <row r="785108" spans="14:14">
      <c r="N785108" s="10"/>
    </row>
    <row r="785109" spans="14:14">
      <c r="N785109" s="10"/>
    </row>
    <row r="785110" spans="14:14">
      <c r="N785110" s="10"/>
    </row>
    <row r="785111" spans="14:14">
      <c r="N785111" s="10"/>
    </row>
    <row r="785112" spans="14:14">
      <c r="N785112" s="10"/>
    </row>
    <row r="785113" spans="14:14">
      <c r="N785113" s="10"/>
    </row>
    <row r="785114" spans="14:14">
      <c r="N785114" s="10"/>
    </row>
    <row r="785115" spans="14:14">
      <c r="N785115" s="10"/>
    </row>
    <row r="785116" spans="14:14">
      <c r="N785116" s="10"/>
    </row>
    <row r="785117" spans="14:14">
      <c r="N785117" s="10"/>
    </row>
    <row r="785118" spans="14:14">
      <c r="N785118" s="10"/>
    </row>
    <row r="785119" spans="14:14">
      <c r="N785119" s="10"/>
    </row>
    <row r="785120" spans="14:14">
      <c r="N785120" s="10"/>
    </row>
    <row r="785121" spans="14:14">
      <c r="N785121" s="10"/>
    </row>
    <row r="785122" spans="14:14">
      <c r="N785122" s="10"/>
    </row>
    <row r="785123" spans="14:14">
      <c r="N785123" s="10"/>
    </row>
    <row r="785124" spans="14:14">
      <c r="N785124" s="10"/>
    </row>
    <row r="785125" spans="14:14">
      <c r="N785125" s="10"/>
    </row>
    <row r="785126" spans="14:14">
      <c r="N785126" s="10"/>
    </row>
    <row r="785127" spans="14:14">
      <c r="N785127" s="10"/>
    </row>
    <row r="785128" spans="14:14">
      <c r="N785128" s="10"/>
    </row>
    <row r="785129" spans="14:14">
      <c r="N785129" s="10"/>
    </row>
    <row r="785130" spans="14:14">
      <c r="N785130" s="10"/>
    </row>
    <row r="785131" spans="14:14">
      <c r="N785131" s="10"/>
    </row>
    <row r="785132" spans="14:14">
      <c r="N785132" s="10"/>
    </row>
    <row r="785133" spans="14:14">
      <c r="N785133" s="10"/>
    </row>
    <row r="785134" spans="14:14">
      <c r="N785134" s="10"/>
    </row>
    <row r="785135" spans="14:14">
      <c r="N785135" s="10"/>
    </row>
    <row r="785136" spans="14:14">
      <c r="N785136" s="10"/>
    </row>
    <row r="785137" spans="14:14">
      <c r="N785137" s="10"/>
    </row>
    <row r="785138" spans="14:14">
      <c r="N785138" s="10"/>
    </row>
    <row r="785139" spans="14:14">
      <c r="N785139" s="10"/>
    </row>
    <row r="785140" spans="14:14">
      <c r="N785140" s="10"/>
    </row>
    <row r="785141" spans="14:14">
      <c r="N785141" s="10"/>
    </row>
    <row r="785142" spans="14:14">
      <c r="N785142" s="10"/>
    </row>
    <row r="785143" spans="14:14">
      <c r="N785143" s="10"/>
    </row>
    <row r="785144" spans="14:14">
      <c r="N785144" s="10"/>
    </row>
    <row r="785145" spans="14:14">
      <c r="N785145" s="10"/>
    </row>
    <row r="785146" spans="14:14">
      <c r="N785146" s="10"/>
    </row>
    <row r="785147" spans="14:14">
      <c r="N785147" s="10"/>
    </row>
    <row r="785148" spans="14:14">
      <c r="N785148" s="10"/>
    </row>
    <row r="785149" spans="14:14">
      <c r="N785149" s="10"/>
    </row>
    <row r="785150" spans="14:14">
      <c r="N785150" s="10"/>
    </row>
    <row r="785151" spans="14:14">
      <c r="N785151" s="10"/>
    </row>
    <row r="785152" spans="14:14">
      <c r="N785152" s="10"/>
    </row>
    <row r="785153" spans="14:14">
      <c r="N785153" s="10"/>
    </row>
    <row r="785154" spans="14:14">
      <c r="N785154" s="10"/>
    </row>
    <row r="785155" spans="14:14">
      <c r="N785155" s="10"/>
    </row>
    <row r="785156" spans="14:14">
      <c r="N785156" s="10"/>
    </row>
    <row r="785157" spans="14:14">
      <c r="N785157" s="10"/>
    </row>
    <row r="785158" spans="14:14">
      <c r="N785158" s="10"/>
    </row>
    <row r="785159" spans="14:14">
      <c r="N785159" s="10"/>
    </row>
    <row r="785160" spans="14:14">
      <c r="N785160" s="10"/>
    </row>
    <row r="785161" spans="14:14">
      <c r="N785161" s="10"/>
    </row>
    <row r="785162" spans="14:14">
      <c r="N785162" s="10"/>
    </row>
    <row r="785163" spans="14:14">
      <c r="N785163" s="10"/>
    </row>
    <row r="785164" spans="14:14">
      <c r="N785164" s="10"/>
    </row>
    <row r="785165" spans="14:14">
      <c r="N785165" s="10"/>
    </row>
    <row r="785166" spans="14:14">
      <c r="N785166" s="10"/>
    </row>
    <row r="785167" spans="14:14">
      <c r="N785167" s="10"/>
    </row>
    <row r="785168" spans="14:14">
      <c r="N785168" s="10"/>
    </row>
    <row r="785169" spans="14:14">
      <c r="N785169" s="10"/>
    </row>
    <row r="785170" spans="14:14">
      <c r="N785170" s="10"/>
    </row>
    <row r="785171" spans="14:14">
      <c r="N785171" s="10"/>
    </row>
    <row r="785172" spans="14:14">
      <c r="N785172" s="10"/>
    </row>
    <row r="785173" spans="14:14">
      <c r="N785173" s="10"/>
    </row>
    <row r="785174" spans="14:14">
      <c r="N785174" s="10"/>
    </row>
    <row r="785175" spans="14:14">
      <c r="N785175" s="10"/>
    </row>
    <row r="785176" spans="14:14">
      <c r="N785176" s="10"/>
    </row>
    <row r="785177" spans="14:14">
      <c r="N785177" s="10"/>
    </row>
    <row r="785178" spans="14:14">
      <c r="N785178" s="10"/>
    </row>
    <row r="785179" spans="14:14">
      <c r="N785179" s="10"/>
    </row>
    <row r="785180" spans="14:14">
      <c r="N785180" s="10"/>
    </row>
    <row r="785181" spans="14:14">
      <c r="N785181" s="10"/>
    </row>
    <row r="785182" spans="14:14">
      <c r="N785182" s="10"/>
    </row>
    <row r="785183" spans="14:14">
      <c r="N785183" s="10"/>
    </row>
    <row r="785184" spans="14:14">
      <c r="N785184" s="10"/>
    </row>
    <row r="785185" spans="14:14">
      <c r="N785185" s="10"/>
    </row>
    <row r="785186" spans="14:14">
      <c r="N785186" s="10"/>
    </row>
    <row r="785187" spans="14:14">
      <c r="N785187" s="10"/>
    </row>
    <row r="785188" spans="14:14">
      <c r="N785188" s="10"/>
    </row>
    <row r="785189" spans="14:14">
      <c r="N785189" s="10"/>
    </row>
    <row r="785190" spans="14:14">
      <c r="N785190" s="10"/>
    </row>
    <row r="785191" spans="14:14">
      <c r="N785191" s="10"/>
    </row>
    <row r="785192" spans="14:14">
      <c r="N785192" s="10"/>
    </row>
    <row r="785193" spans="14:14">
      <c r="N785193" s="10"/>
    </row>
    <row r="785194" spans="14:14">
      <c r="N785194" s="10"/>
    </row>
    <row r="785195" spans="14:14">
      <c r="N785195" s="10"/>
    </row>
    <row r="785196" spans="14:14">
      <c r="N785196" s="10"/>
    </row>
    <row r="785197" spans="14:14">
      <c r="N785197" s="10"/>
    </row>
    <row r="785198" spans="14:14">
      <c r="N785198" s="10"/>
    </row>
    <row r="785199" spans="14:14">
      <c r="N785199" s="10"/>
    </row>
    <row r="785200" spans="14:14">
      <c r="N785200" s="10"/>
    </row>
    <row r="785201" spans="14:14">
      <c r="N785201" s="10"/>
    </row>
    <row r="785202" spans="14:14">
      <c r="N785202" s="10"/>
    </row>
    <row r="785203" spans="14:14">
      <c r="N785203" s="10"/>
    </row>
    <row r="785204" spans="14:14">
      <c r="N785204" s="10"/>
    </row>
    <row r="785205" spans="14:14">
      <c r="N785205" s="10"/>
    </row>
    <row r="785206" spans="14:14">
      <c r="N785206" s="10"/>
    </row>
    <row r="785207" spans="14:14">
      <c r="N785207" s="10"/>
    </row>
    <row r="785208" spans="14:14">
      <c r="N785208" s="10"/>
    </row>
    <row r="785209" spans="14:14">
      <c r="N785209" s="10"/>
    </row>
    <row r="785210" spans="14:14">
      <c r="N785210" s="10"/>
    </row>
    <row r="785211" spans="14:14">
      <c r="N785211" s="10"/>
    </row>
    <row r="785212" spans="14:14">
      <c r="N785212" s="10"/>
    </row>
    <row r="785213" spans="14:14">
      <c r="N785213" s="10"/>
    </row>
    <row r="785214" spans="14:14">
      <c r="N785214" s="10"/>
    </row>
    <row r="785215" spans="14:14">
      <c r="N785215" s="10"/>
    </row>
    <row r="785216" spans="14:14">
      <c r="N785216" s="10"/>
    </row>
    <row r="785217" spans="14:14">
      <c r="N785217" s="10"/>
    </row>
    <row r="785218" spans="14:14">
      <c r="N785218" s="10"/>
    </row>
    <row r="785219" spans="14:14">
      <c r="N785219" s="10"/>
    </row>
    <row r="785220" spans="14:14">
      <c r="N785220" s="10"/>
    </row>
    <row r="785221" spans="14:14">
      <c r="N785221" s="10"/>
    </row>
    <row r="785222" spans="14:14">
      <c r="N785222" s="10"/>
    </row>
    <row r="785223" spans="14:14">
      <c r="N785223" s="10"/>
    </row>
    <row r="785224" spans="14:14">
      <c r="N785224" s="10"/>
    </row>
    <row r="785225" spans="14:14">
      <c r="N785225" s="10"/>
    </row>
    <row r="785226" spans="14:14">
      <c r="N785226" s="10"/>
    </row>
    <row r="785227" spans="14:14">
      <c r="N785227" s="10"/>
    </row>
    <row r="785228" spans="14:14">
      <c r="N785228" s="10"/>
    </row>
    <row r="785229" spans="14:14">
      <c r="N785229" s="10"/>
    </row>
    <row r="785230" spans="14:14">
      <c r="N785230" s="10"/>
    </row>
    <row r="785231" spans="14:14">
      <c r="N785231" s="10"/>
    </row>
    <row r="785232" spans="14:14">
      <c r="N785232" s="10"/>
    </row>
    <row r="785233" spans="14:14">
      <c r="N785233" s="10"/>
    </row>
    <row r="785234" spans="14:14">
      <c r="N785234" s="10"/>
    </row>
    <row r="785235" spans="14:14">
      <c r="N785235" s="10"/>
    </row>
    <row r="785236" spans="14:14">
      <c r="N785236" s="10"/>
    </row>
    <row r="785237" spans="14:14">
      <c r="N785237" s="10"/>
    </row>
    <row r="785238" spans="14:14">
      <c r="N785238" s="10"/>
    </row>
    <row r="785239" spans="14:14">
      <c r="N785239" s="10"/>
    </row>
    <row r="785240" spans="14:14">
      <c r="N785240" s="10"/>
    </row>
    <row r="785241" spans="14:14">
      <c r="N785241" s="10"/>
    </row>
    <row r="785242" spans="14:14">
      <c r="N785242" s="10"/>
    </row>
    <row r="785243" spans="14:14">
      <c r="N785243" s="10"/>
    </row>
    <row r="785244" spans="14:14">
      <c r="N785244" s="10"/>
    </row>
    <row r="785245" spans="14:14">
      <c r="N785245" s="10"/>
    </row>
    <row r="785246" spans="14:14">
      <c r="N785246" s="10"/>
    </row>
    <row r="785247" spans="14:14">
      <c r="N785247" s="10"/>
    </row>
    <row r="785248" spans="14:14">
      <c r="N785248" s="10"/>
    </row>
    <row r="785249" spans="14:14">
      <c r="N785249" s="10"/>
    </row>
    <row r="785250" spans="14:14">
      <c r="N785250" s="10"/>
    </row>
    <row r="785251" spans="14:14">
      <c r="N785251" s="10"/>
    </row>
    <row r="785252" spans="14:14">
      <c r="N785252" s="10"/>
    </row>
    <row r="785253" spans="14:14">
      <c r="N785253" s="10"/>
    </row>
    <row r="785254" spans="14:14">
      <c r="N785254" s="10"/>
    </row>
    <row r="785255" spans="14:14">
      <c r="N785255" s="10"/>
    </row>
    <row r="785256" spans="14:14">
      <c r="N785256" s="10"/>
    </row>
    <row r="785257" spans="14:14">
      <c r="N785257" s="10"/>
    </row>
    <row r="785258" spans="14:14">
      <c r="N785258" s="10"/>
    </row>
    <row r="785259" spans="14:14">
      <c r="N785259" s="10"/>
    </row>
    <row r="785260" spans="14:14">
      <c r="N785260" s="10"/>
    </row>
    <row r="785261" spans="14:14">
      <c r="N785261" s="10"/>
    </row>
    <row r="785262" spans="14:14">
      <c r="N785262" s="10"/>
    </row>
    <row r="785263" spans="14:14">
      <c r="N785263" s="10"/>
    </row>
    <row r="785264" spans="14:14">
      <c r="N785264" s="10"/>
    </row>
    <row r="785265" spans="14:14">
      <c r="N785265" s="10"/>
    </row>
    <row r="785266" spans="14:14">
      <c r="N785266" s="10"/>
    </row>
    <row r="785267" spans="14:14">
      <c r="N785267" s="10"/>
    </row>
    <row r="785268" spans="14:14">
      <c r="N785268" s="10"/>
    </row>
    <row r="785269" spans="14:14">
      <c r="N785269" s="10"/>
    </row>
    <row r="785270" spans="14:14">
      <c r="N785270" s="10"/>
    </row>
    <row r="785271" spans="14:14">
      <c r="N785271" s="10"/>
    </row>
    <row r="785272" spans="14:14">
      <c r="N785272" s="10"/>
    </row>
    <row r="785273" spans="14:14">
      <c r="N785273" s="10"/>
    </row>
    <row r="785274" spans="14:14">
      <c r="N785274" s="10"/>
    </row>
    <row r="785275" spans="14:14">
      <c r="N785275" s="10"/>
    </row>
    <row r="785276" spans="14:14">
      <c r="N785276" s="10"/>
    </row>
    <row r="785277" spans="14:14">
      <c r="N785277" s="10"/>
    </row>
    <row r="785278" spans="14:14">
      <c r="N785278" s="10"/>
    </row>
    <row r="785279" spans="14:14">
      <c r="N785279" s="10"/>
    </row>
    <row r="785280" spans="14:14">
      <c r="N785280" s="10"/>
    </row>
    <row r="785281" spans="14:14">
      <c r="N785281" s="10"/>
    </row>
    <row r="785282" spans="14:14">
      <c r="N785282" s="10"/>
    </row>
    <row r="785283" spans="14:14">
      <c r="N785283" s="10"/>
    </row>
    <row r="785284" spans="14:14">
      <c r="N785284" s="10"/>
    </row>
    <row r="785285" spans="14:14">
      <c r="N785285" s="10"/>
    </row>
    <row r="785286" spans="14:14">
      <c r="N785286" s="10"/>
    </row>
    <row r="785287" spans="14:14">
      <c r="N785287" s="10"/>
    </row>
    <row r="785288" spans="14:14">
      <c r="N785288" s="10"/>
    </row>
    <row r="785289" spans="14:14">
      <c r="N785289" s="10"/>
    </row>
    <row r="785290" spans="14:14">
      <c r="N785290" s="10"/>
    </row>
    <row r="785291" spans="14:14">
      <c r="N785291" s="10"/>
    </row>
    <row r="785292" spans="14:14">
      <c r="N785292" s="10"/>
    </row>
    <row r="785293" spans="14:14">
      <c r="N785293" s="10"/>
    </row>
    <row r="785294" spans="14:14">
      <c r="N785294" s="10"/>
    </row>
    <row r="785295" spans="14:14">
      <c r="N785295" s="10"/>
    </row>
    <row r="785296" spans="14:14">
      <c r="N785296" s="10"/>
    </row>
    <row r="785297" spans="14:14">
      <c r="N785297" s="10"/>
    </row>
    <row r="785298" spans="14:14">
      <c r="N785298" s="10"/>
    </row>
    <row r="785299" spans="14:14">
      <c r="N785299" s="10"/>
    </row>
    <row r="785300" spans="14:14">
      <c r="N785300" s="10"/>
    </row>
    <row r="785301" spans="14:14">
      <c r="N785301" s="10"/>
    </row>
    <row r="785302" spans="14:14">
      <c r="N785302" s="10"/>
    </row>
    <row r="785303" spans="14:14">
      <c r="N785303" s="10"/>
    </row>
    <row r="785304" spans="14:14">
      <c r="N785304" s="10"/>
    </row>
    <row r="785305" spans="14:14">
      <c r="N785305" s="10"/>
    </row>
    <row r="785306" spans="14:14">
      <c r="N785306" s="10"/>
    </row>
    <row r="785307" spans="14:14">
      <c r="N785307" s="10"/>
    </row>
    <row r="785308" spans="14:14">
      <c r="N785308" s="10"/>
    </row>
    <row r="785309" spans="14:14">
      <c r="N785309" s="10"/>
    </row>
    <row r="785310" spans="14:14">
      <c r="N785310" s="10"/>
    </row>
    <row r="785311" spans="14:14">
      <c r="N785311" s="10"/>
    </row>
    <row r="785312" spans="14:14">
      <c r="N785312" s="10"/>
    </row>
    <row r="785313" spans="14:14">
      <c r="N785313" s="10"/>
    </row>
    <row r="785314" spans="14:14">
      <c r="N785314" s="10"/>
    </row>
    <row r="785315" spans="14:14">
      <c r="N785315" s="10"/>
    </row>
    <row r="785316" spans="14:14">
      <c r="N785316" s="10"/>
    </row>
    <row r="785317" spans="14:14">
      <c r="N785317" s="10"/>
    </row>
    <row r="785318" spans="14:14">
      <c r="N785318" s="10"/>
    </row>
    <row r="785319" spans="14:14">
      <c r="N785319" s="10"/>
    </row>
    <row r="785320" spans="14:14">
      <c r="N785320" s="10"/>
    </row>
    <row r="785321" spans="14:14">
      <c r="N785321" s="10"/>
    </row>
    <row r="785322" spans="14:14">
      <c r="N785322" s="10"/>
    </row>
    <row r="785323" spans="14:14">
      <c r="N785323" s="10"/>
    </row>
    <row r="785324" spans="14:14">
      <c r="N785324" s="10"/>
    </row>
    <row r="785325" spans="14:14">
      <c r="N785325" s="10"/>
    </row>
    <row r="785326" spans="14:14">
      <c r="N785326" s="10"/>
    </row>
    <row r="785327" spans="14:14">
      <c r="N785327" s="10"/>
    </row>
    <row r="785328" spans="14:14">
      <c r="N785328" s="10"/>
    </row>
    <row r="785329" spans="14:14">
      <c r="N785329" s="10"/>
    </row>
    <row r="785330" spans="14:14">
      <c r="N785330" s="10"/>
    </row>
    <row r="785331" spans="14:14">
      <c r="N785331" s="10"/>
    </row>
    <row r="785332" spans="14:14">
      <c r="N785332" s="10"/>
    </row>
    <row r="785333" spans="14:14">
      <c r="N785333" s="10"/>
    </row>
    <row r="785334" spans="14:14">
      <c r="N785334" s="10"/>
    </row>
    <row r="785335" spans="14:14">
      <c r="N785335" s="10"/>
    </row>
    <row r="785336" spans="14:14">
      <c r="N785336" s="10"/>
    </row>
    <row r="785337" spans="14:14">
      <c r="N785337" s="10"/>
    </row>
    <row r="785338" spans="14:14">
      <c r="N785338" s="10"/>
    </row>
    <row r="785339" spans="14:14">
      <c r="N785339" s="10"/>
    </row>
    <row r="785340" spans="14:14">
      <c r="N785340" s="10"/>
    </row>
    <row r="785341" spans="14:14">
      <c r="N785341" s="10"/>
    </row>
    <row r="785342" spans="14:14">
      <c r="N785342" s="10"/>
    </row>
    <row r="785343" spans="14:14">
      <c r="N785343" s="10"/>
    </row>
    <row r="785344" spans="14:14">
      <c r="N785344" s="10"/>
    </row>
    <row r="785345" spans="14:14">
      <c r="N785345" s="10"/>
    </row>
    <row r="785346" spans="14:14">
      <c r="N785346" s="10"/>
    </row>
    <row r="785347" spans="14:14">
      <c r="N785347" s="10"/>
    </row>
    <row r="785348" spans="14:14">
      <c r="N785348" s="10"/>
    </row>
    <row r="785349" spans="14:14">
      <c r="N785349" s="10"/>
    </row>
    <row r="785350" spans="14:14">
      <c r="N785350" s="10"/>
    </row>
    <row r="785351" spans="14:14">
      <c r="N785351" s="10"/>
    </row>
    <row r="785352" spans="14:14">
      <c r="N785352" s="10"/>
    </row>
    <row r="785353" spans="14:14">
      <c r="N785353" s="10"/>
    </row>
    <row r="785354" spans="14:14">
      <c r="N785354" s="10"/>
    </row>
    <row r="785355" spans="14:14">
      <c r="N785355" s="10"/>
    </row>
    <row r="785356" spans="14:14">
      <c r="N785356" s="10"/>
    </row>
    <row r="785357" spans="14:14">
      <c r="N785357" s="10"/>
    </row>
    <row r="785358" spans="14:14">
      <c r="N785358" s="10"/>
    </row>
    <row r="785359" spans="14:14">
      <c r="N785359" s="10"/>
    </row>
    <row r="785360" spans="14:14">
      <c r="N785360" s="10"/>
    </row>
    <row r="785361" spans="14:14">
      <c r="N785361" s="10"/>
    </row>
    <row r="785362" spans="14:14">
      <c r="N785362" s="10"/>
    </row>
    <row r="785363" spans="14:14">
      <c r="N785363" s="10"/>
    </row>
    <row r="785364" spans="14:14">
      <c r="N785364" s="10"/>
    </row>
    <row r="785365" spans="14:14">
      <c r="N785365" s="10"/>
    </row>
    <row r="785366" spans="14:14">
      <c r="N785366" s="10"/>
    </row>
    <row r="785367" spans="14:14">
      <c r="N785367" s="10"/>
    </row>
    <row r="785368" spans="14:14">
      <c r="N785368" s="10"/>
    </row>
    <row r="785369" spans="14:14">
      <c r="N785369" s="10"/>
    </row>
    <row r="785370" spans="14:14">
      <c r="N785370" s="10"/>
    </row>
    <row r="785371" spans="14:14">
      <c r="N785371" s="10"/>
    </row>
    <row r="785372" spans="14:14">
      <c r="N785372" s="10"/>
    </row>
    <row r="785373" spans="14:14">
      <c r="N785373" s="10"/>
    </row>
    <row r="785374" spans="14:14">
      <c r="N785374" s="10"/>
    </row>
    <row r="785375" spans="14:14">
      <c r="N785375" s="10"/>
    </row>
    <row r="785376" spans="14:14">
      <c r="N785376" s="10"/>
    </row>
    <row r="785377" spans="14:14">
      <c r="N785377" s="10"/>
    </row>
    <row r="785378" spans="14:14">
      <c r="N785378" s="10"/>
    </row>
    <row r="785379" spans="14:14">
      <c r="N785379" s="10"/>
    </row>
    <row r="785380" spans="14:14">
      <c r="N785380" s="10"/>
    </row>
    <row r="785381" spans="14:14">
      <c r="N785381" s="10"/>
    </row>
    <row r="785382" spans="14:14">
      <c r="N785382" s="10"/>
    </row>
    <row r="785383" spans="14:14">
      <c r="N785383" s="10"/>
    </row>
    <row r="785384" spans="14:14">
      <c r="N785384" s="10"/>
    </row>
    <row r="785385" spans="14:14">
      <c r="N785385" s="10"/>
    </row>
    <row r="785386" spans="14:14">
      <c r="N785386" s="10"/>
    </row>
    <row r="785387" spans="14:14">
      <c r="N785387" s="10"/>
    </row>
    <row r="785388" spans="14:14">
      <c r="N785388" s="10"/>
    </row>
    <row r="785389" spans="14:14">
      <c r="N785389" s="10"/>
    </row>
    <row r="785390" spans="14:14">
      <c r="N785390" s="10"/>
    </row>
    <row r="785391" spans="14:14">
      <c r="N785391" s="10"/>
    </row>
    <row r="785392" spans="14:14">
      <c r="N785392" s="10"/>
    </row>
    <row r="785393" spans="14:14">
      <c r="N785393" s="10"/>
    </row>
    <row r="785394" spans="14:14">
      <c r="N785394" s="10"/>
    </row>
    <row r="785395" spans="14:14">
      <c r="N785395" s="10"/>
    </row>
    <row r="785396" spans="14:14">
      <c r="N785396" s="10"/>
    </row>
    <row r="785397" spans="14:14">
      <c r="N785397" s="10"/>
    </row>
    <row r="785398" spans="14:14">
      <c r="N785398" s="10"/>
    </row>
    <row r="785399" spans="14:14">
      <c r="N785399" s="10"/>
    </row>
    <row r="785400" spans="14:14">
      <c r="N785400" s="10"/>
    </row>
    <row r="785401" spans="14:14">
      <c r="N785401" s="10"/>
    </row>
    <row r="785402" spans="14:14">
      <c r="N785402" s="10"/>
    </row>
    <row r="785403" spans="14:14">
      <c r="N785403" s="10"/>
    </row>
    <row r="785404" spans="14:14">
      <c r="N785404" s="10"/>
    </row>
    <row r="785405" spans="14:14">
      <c r="N785405" s="10"/>
    </row>
    <row r="785406" spans="14:14">
      <c r="N785406" s="10"/>
    </row>
    <row r="785407" spans="14:14">
      <c r="N785407" s="10"/>
    </row>
    <row r="785408" spans="14:14">
      <c r="N785408" s="10"/>
    </row>
    <row r="785409" spans="14:14">
      <c r="N785409" s="10"/>
    </row>
    <row r="785410" spans="14:14">
      <c r="N785410" s="10"/>
    </row>
    <row r="785411" spans="14:14">
      <c r="N785411" s="10"/>
    </row>
    <row r="785412" spans="14:14">
      <c r="N785412" s="10"/>
    </row>
    <row r="785413" spans="14:14">
      <c r="N785413" s="10"/>
    </row>
    <row r="785414" spans="14:14">
      <c r="N785414" s="10"/>
    </row>
    <row r="785415" spans="14:14">
      <c r="N785415" s="10"/>
    </row>
    <row r="785416" spans="14:14">
      <c r="N785416" s="10"/>
    </row>
    <row r="785417" spans="14:14">
      <c r="N785417" s="10"/>
    </row>
    <row r="785418" spans="14:14">
      <c r="N785418" s="10"/>
    </row>
    <row r="785419" spans="14:14">
      <c r="N785419" s="10"/>
    </row>
    <row r="785420" spans="14:14">
      <c r="N785420" s="10"/>
    </row>
    <row r="785421" spans="14:14">
      <c r="N785421" s="10"/>
    </row>
    <row r="785422" spans="14:14">
      <c r="N785422" s="10"/>
    </row>
    <row r="785423" spans="14:14">
      <c r="N785423" s="10"/>
    </row>
    <row r="785424" spans="14:14">
      <c r="N785424" s="10"/>
    </row>
    <row r="785425" spans="14:14">
      <c r="N785425" s="10"/>
    </row>
    <row r="785426" spans="14:14">
      <c r="N785426" s="10"/>
    </row>
    <row r="785427" spans="14:14">
      <c r="N785427" s="10"/>
    </row>
    <row r="785428" spans="14:14">
      <c r="N785428" s="10"/>
    </row>
    <row r="785429" spans="14:14">
      <c r="N785429" s="10"/>
    </row>
    <row r="785430" spans="14:14">
      <c r="N785430" s="10"/>
    </row>
    <row r="785431" spans="14:14">
      <c r="N785431" s="10"/>
    </row>
    <row r="785432" spans="14:14">
      <c r="N785432" s="10"/>
    </row>
    <row r="785433" spans="14:14">
      <c r="N785433" s="10"/>
    </row>
    <row r="785434" spans="14:14">
      <c r="N785434" s="10"/>
    </row>
    <row r="785435" spans="14:14">
      <c r="N785435" s="10"/>
    </row>
    <row r="785436" spans="14:14">
      <c r="N785436" s="10"/>
    </row>
    <row r="785437" spans="14:14">
      <c r="N785437" s="10"/>
    </row>
    <row r="785438" spans="14:14">
      <c r="N785438" s="10"/>
    </row>
    <row r="785439" spans="14:14">
      <c r="N785439" s="10"/>
    </row>
    <row r="785440" spans="14:14">
      <c r="N785440" s="10"/>
    </row>
    <row r="785441" spans="14:14">
      <c r="N785441" s="10"/>
    </row>
    <row r="785442" spans="14:14">
      <c r="N785442" s="10"/>
    </row>
    <row r="785443" spans="14:14">
      <c r="N785443" s="10"/>
    </row>
    <row r="785444" spans="14:14">
      <c r="N785444" s="10"/>
    </row>
    <row r="785445" spans="14:14">
      <c r="N785445" s="10"/>
    </row>
    <row r="785446" spans="14:14">
      <c r="N785446" s="10"/>
    </row>
    <row r="785447" spans="14:14">
      <c r="N785447" s="10"/>
    </row>
    <row r="785448" spans="14:14">
      <c r="N785448" s="10"/>
    </row>
    <row r="785449" spans="14:14">
      <c r="N785449" s="10"/>
    </row>
    <row r="785450" spans="14:14">
      <c r="N785450" s="10"/>
    </row>
    <row r="785451" spans="14:14">
      <c r="N785451" s="10"/>
    </row>
    <row r="785452" spans="14:14">
      <c r="N785452" s="10"/>
    </row>
    <row r="785453" spans="14:14">
      <c r="N785453" s="10"/>
    </row>
    <row r="785454" spans="14:14">
      <c r="N785454" s="10"/>
    </row>
    <row r="785455" spans="14:14">
      <c r="N785455" s="10"/>
    </row>
    <row r="785456" spans="14:14">
      <c r="N785456" s="10"/>
    </row>
    <row r="785457" spans="14:14">
      <c r="N785457" s="10"/>
    </row>
    <row r="785458" spans="14:14">
      <c r="N785458" s="10"/>
    </row>
    <row r="785459" spans="14:14">
      <c r="N785459" s="10"/>
    </row>
    <row r="785460" spans="14:14">
      <c r="N785460" s="10"/>
    </row>
    <row r="785461" spans="14:14">
      <c r="N785461" s="10"/>
    </row>
    <row r="785462" spans="14:14">
      <c r="N785462" s="10"/>
    </row>
    <row r="785463" spans="14:14">
      <c r="N785463" s="10"/>
    </row>
    <row r="785464" spans="14:14">
      <c r="N785464" s="10"/>
    </row>
    <row r="785465" spans="14:14">
      <c r="N785465" s="10"/>
    </row>
    <row r="785466" spans="14:14">
      <c r="N785466" s="10"/>
    </row>
    <row r="785467" spans="14:14">
      <c r="N785467" s="10"/>
    </row>
    <row r="785468" spans="14:14">
      <c r="N785468" s="10"/>
    </row>
    <row r="785469" spans="14:14">
      <c r="N785469" s="10"/>
    </row>
    <row r="785470" spans="14:14">
      <c r="N785470" s="10"/>
    </row>
    <row r="785471" spans="14:14">
      <c r="N785471" s="10"/>
    </row>
    <row r="785472" spans="14:14">
      <c r="N785472" s="10"/>
    </row>
    <row r="785473" spans="14:14">
      <c r="N785473" s="10"/>
    </row>
    <row r="785474" spans="14:14">
      <c r="N785474" s="10"/>
    </row>
    <row r="785475" spans="14:14">
      <c r="N785475" s="10"/>
    </row>
    <row r="785476" spans="14:14">
      <c r="N785476" s="10"/>
    </row>
    <row r="785477" spans="14:14">
      <c r="N785477" s="10"/>
    </row>
    <row r="785478" spans="14:14">
      <c r="N785478" s="10"/>
    </row>
    <row r="785479" spans="14:14">
      <c r="N785479" s="10"/>
    </row>
    <row r="785480" spans="14:14">
      <c r="N785480" s="10"/>
    </row>
    <row r="785481" spans="14:14">
      <c r="N785481" s="10"/>
    </row>
    <row r="785482" spans="14:14">
      <c r="N785482" s="10"/>
    </row>
    <row r="785483" spans="14:14">
      <c r="N785483" s="10"/>
    </row>
    <row r="785484" spans="14:14">
      <c r="N785484" s="10"/>
    </row>
    <row r="785485" spans="14:14">
      <c r="N785485" s="10"/>
    </row>
    <row r="785486" spans="14:14">
      <c r="N785486" s="10"/>
    </row>
    <row r="785487" spans="14:14">
      <c r="N785487" s="10"/>
    </row>
    <row r="785488" spans="14:14">
      <c r="N785488" s="10"/>
    </row>
    <row r="785489" spans="14:14">
      <c r="N785489" s="10"/>
    </row>
    <row r="785490" spans="14:14">
      <c r="N785490" s="10"/>
    </row>
    <row r="785491" spans="14:14">
      <c r="N785491" s="10"/>
    </row>
    <row r="785492" spans="14:14">
      <c r="N785492" s="10"/>
    </row>
    <row r="785493" spans="14:14">
      <c r="N785493" s="10"/>
    </row>
    <row r="785494" spans="14:14">
      <c r="N785494" s="10"/>
    </row>
    <row r="785495" spans="14:14">
      <c r="N785495" s="10"/>
    </row>
    <row r="785496" spans="14:14">
      <c r="N785496" s="10"/>
    </row>
    <row r="785497" spans="14:14">
      <c r="N785497" s="10"/>
    </row>
    <row r="785498" spans="14:14">
      <c r="N785498" s="10"/>
    </row>
    <row r="785499" spans="14:14">
      <c r="N785499" s="10"/>
    </row>
    <row r="785500" spans="14:14">
      <c r="N785500" s="10"/>
    </row>
    <row r="785501" spans="14:14">
      <c r="N785501" s="10"/>
    </row>
    <row r="785502" spans="14:14">
      <c r="N785502" s="10"/>
    </row>
    <row r="785503" spans="14:14">
      <c r="N785503" s="10"/>
    </row>
    <row r="785504" spans="14:14">
      <c r="N785504" s="10"/>
    </row>
    <row r="785505" spans="14:14">
      <c r="N785505" s="10"/>
    </row>
    <row r="785506" spans="14:14">
      <c r="N785506" s="10"/>
    </row>
    <row r="785507" spans="14:14">
      <c r="N785507" s="10"/>
    </row>
    <row r="785508" spans="14:14">
      <c r="N785508" s="10"/>
    </row>
    <row r="785509" spans="14:14">
      <c r="N785509" s="10"/>
    </row>
    <row r="785510" spans="14:14">
      <c r="N785510" s="10"/>
    </row>
    <row r="785511" spans="14:14">
      <c r="N785511" s="10"/>
    </row>
    <row r="785512" spans="14:14">
      <c r="N785512" s="10"/>
    </row>
    <row r="785513" spans="14:14">
      <c r="N785513" s="10"/>
    </row>
    <row r="785514" spans="14:14">
      <c r="N785514" s="10"/>
    </row>
    <row r="785515" spans="14:14">
      <c r="N785515" s="10"/>
    </row>
    <row r="785516" spans="14:14">
      <c r="N785516" s="10"/>
    </row>
    <row r="785517" spans="14:14">
      <c r="N785517" s="10"/>
    </row>
    <row r="785518" spans="14:14">
      <c r="N785518" s="10"/>
    </row>
    <row r="785519" spans="14:14">
      <c r="N785519" s="10"/>
    </row>
    <row r="785520" spans="14:14">
      <c r="N785520" s="10"/>
    </row>
    <row r="785521" spans="14:14">
      <c r="N785521" s="10"/>
    </row>
    <row r="785522" spans="14:14">
      <c r="N785522" s="10"/>
    </row>
    <row r="785523" spans="14:14">
      <c r="N785523" s="10"/>
    </row>
    <row r="785524" spans="14:14">
      <c r="N785524" s="10"/>
    </row>
    <row r="785525" spans="14:14">
      <c r="N785525" s="10"/>
    </row>
    <row r="785526" spans="14:14">
      <c r="N785526" s="10"/>
    </row>
    <row r="785527" spans="14:14">
      <c r="N785527" s="10"/>
    </row>
    <row r="785528" spans="14:14">
      <c r="N785528" s="10"/>
    </row>
    <row r="785529" spans="14:14">
      <c r="N785529" s="10"/>
    </row>
    <row r="785530" spans="14:14">
      <c r="N785530" s="10"/>
    </row>
    <row r="785531" spans="14:14">
      <c r="N785531" s="10"/>
    </row>
    <row r="785532" spans="14:14">
      <c r="N785532" s="10"/>
    </row>
    <row r="785533" spans="14:14">
      <c r="N785533" s="10"/>
    </row>
    <row r="785534" spans="14:14">
      <c r="N785534" s="10"/>
    </row>
    <row r="785535" spans="14:14">
      <c r="N785535" s="10"/>
    </row>
    <row r="785536" spans="14:14">
      <c r="N785536" s="10"/>
    </row>
    <row r="785537" spans="14:14">
      <c r="N785537" s="10"/>
    </row>
    <row r="785538" spans="14:14">
      <c r="N785538" s="10"/>
    </row>
    <row r="785539" spans="14:14">
      <c r="N785539" s="10"/>
    </row>
    <row r="785540" spans="14:14">
      <c r="N785540" s="10"/>
    </row>
    <row r="785541" spans="14:14">
      <c r="N785541" s="10"/>
    </row>
    <row r="785542" spans="14:14">
      <c r="N785542" s="10"/>
    </row>
    <row r="785543" spans="14:14">
      <c r="N785543" s="10"/>
    </row>
    <row r="785544" spans="14:14">
      <c r="N785544" s="10"/>
    </row>
    <row r="785545" spans="14:14">
      <c r="N785545" s="10"/>
    </row>
    <row r="785546" spans="14:14">
      <c r="N785546" s="10"/>
    </row>
    <row r="785547" spans="14:14">
      <c r="N785547" s="10"/>
    </row>
    <row r="785548" spans="14:14">
      <c r="N785548" s="10"/>
    </row>
    <row r="785549" spans="14:14">
      <c r="N785549" s="10"/>
    </row>
    <row r="785550" spans="14:14">
      <c r="N785550" s="10"/>
    </row>
    <row r="785551" spans="14:14">
      <c r="N785551" s="10"/>
    </row>
    <row r="785552" spans="14:14">
      <c r="N785552" s="10"/>
    </row>
    <row r="785553" spans="14:14">
      <c r="N785553" s="10"/>
    </row>
    <row r="785554" spans="14:14">
      <c r="N785554" s="10"/>
    </row>
    <row r="785555" spans="14:14">
      <c r="N785555" s="10"/>
    </row>
    <row r="785556" spans="14:14">
      <c r="N785556" s="10"/>
    </row>
    <row r="785557" spans="14:14">
      <c r="N785557" s="10"/>
    </row>
    <row r="785558" spans="14:14">
      <c r="N785558" s="10"/>
    </row>
    <row r="785559" spans="14:14">
      <c r="N785559" s="10"/>
    </row>
    <row r="785560" spans="14:14">
      <c r="N785560" s="10"/>
    </row>
    <row r="785561" spans="14:14">
      <c r="N785561" s="10"/>
    </row>
    <row r="785562" spans="14:14">
      <c r="N785562" s="10"/>
    </row>
    <row r="785563" spans="14:14">
      <c r="N785563" s="10"/>
    </row>
    <row r="785564" spans="14:14">
      <c r="N785564" s="10"/>
    </row>
    <row r="785565" spans="14:14">
      <c r="N785565" s="10"/>
    </row>
    <row r="785566" spans="14:14">
      <c r="N785566" s="10"/>
    </row>
    <row r="785567" spans="14:14">
      <c r="N785567" s="10"/>
    </row>
    <row r="785568" spans="14:14">
      <c r="N785568" s="10"/>
    </row>
    <row r="785569" spans="14:14">
      <c r="N785569" s="10"/>
    </row>
    <row r="785570" spans="14:14">
      <c r="N785570" s="10"/>
    </row>
    <row r="785571" spans="14:14">
      <c r="N785571" s="10"/>
    </row>
    <row r="785572" spans="14:14">
      <c r="N785572" s="10"/>
    </row>
    <row r="785573" spans="14:14">
      <c r="N785573" s="10"/>
    </row>
    <row r="785574" spans="14:14">
      <c r="N785574" s="10"/>
    </row>
    <row r="785575" spans="14:14">
      <c r="N785575" s="10"/>
    </row>
    <row r="785576" spans="14:14">
      <c r="N785576" s="10"/>
    </row>
    <row r="785577" spans="14:14">
      <c r="N785577" s="10"/>
    </row>
    <row r="785578" spans="14:14">
      <c r="N785578" s="10"/>
    </row>
    <row r="785579" spans="14:14">
      <c r="N785579" s="10"/>
    </row>
    <row r="785580" spans="14:14">
      <c r="N785580" s="10"/>
    </row>
    <row r="785581" spans="14:14">
      <c r="N785581" s="10"/>
    </row>
    <row r="785582" spans="14:14">
      <c r="N785582" s="10"/>
    </row>
    <row r="785583" spans="14:14">
      <c r="N785583" s="10"/>
    </row>
    <row r="785584" spans="14:14">
      <c r="N785584" s="10"/>
    </row>
    <row r="785585" spans="14:14">
      <c r="N785585" s="10"/>
    </row>
    <row r="785586" spans="14:14">
      <c r="N785586" s="10"/>
    </row>
    <row r="785587" spans="14:14">
      <c r="N785587" s="10"/>
    </row>
    <row r="785588" spans="14:14">
      <c r="N785588" s="10"/>
    </row>
    <row r="785589" spans="14:14">
      <c r="N785589" s="10"/>
    </row>
    <row r="785590" spans="14:14">
      <c r="N785590" s="10"/>
    </row>
    <row r="785591" spans="14:14">
      <c r="N785591" s="10"/>
    </row>
    <row r="785592" spans="14:14">
      <c r="N785592" s="10"/>
    </row>
    <row r="785593" spans="14:14">
      <c r="N785593" s="10"/>
    </row>
    <row r="785594" spans="14:14">
      <c r="N785594" s="10"/>
    </row>
    <row r="785595" spans="14:14">
      <c r="N785595" s="10"/>
    </row>
    <row r="785596" spans="14:14">
      <c r="N785596" s="10"/>
    </row>
    <row r="785597" spans="14:14">
      <c r="N785597" s="10"/>
    </row>
    <row r="785598" spans="14:14">
      <c r="N785598" s="10"/>
    </row>
    <row r="785599" spans="14:14">
      <c r="N785599" s="10"/>
    </row>
    <row r="785600" spans="14:14">
      <c r="N785600" s="10"/>
    </row>
    <row r="785601" spans="14:14">
      <c r="N785601" s="10"/>
    </row>
    <row r="785602" spans="14:14">
      <c r="N785602" s="10"/>
    </row>
    <row r="785603" spans="14:14">
      <c r="N785603" s="10"/>
    </row>
    <row r="785604" spans="14:14">
      <c r="N785604" s="10"/>
    </row>
    <row r="785605" spans="14:14">
      <c r="N785605" s="10"/>
    </row>
    <row r="785606" spans="14:14">
      <c r="N785606" s="10"/>
    </row>
    <row r="785607" spans="14:14">
      <c r="N785607" s="10"/>
    </row>
    <row r="785608" spans="14:14">
      <c r="N785608" s="10"/>
    </row>
    <row r="785609" spans="14:14">
      <c r="N785609" s="10"/>
    </row>
    <row r="785610" spans="14:14">
      <c r="N785610" s="10"/>
    </row>
    <row r="785611" spans="14:14">
      <c r="N785611" s="10"/>
    </row>
    <row r="785612" spans="14:14">
      <c r="N785612" s="10"/>
    </row>
    <row r="785613" spans="14:14">
      <c r="N785613" s="10"/>
    </row>
    <row r="785614" spans="14:14">
      <c r="N785614" s="10"/>
    </row>
    <row r="785615" spans="14:14">
      <c r="N785615" s="10"/>
    </row>
    <row r="785616" spans="14:14">
      <c r="N785616" s="10"/>
    </row>
    <row r="785617" spans="14:14">
      <c r="N785617" s="10"/>
    </row>
    <row r="785618" spans="14:14">
      <c r="N785618" s="10"/>
    </row>
    <row r="785619" spans="14:14">
      <c r="N785619" s="10"/>
    </row>
    <row r="785620" spans="14:14">
      <c r="N785620" s="10"/>
    </row>
    <row r="785621" spans="14:14">
      <c r="N785621" s="10"/>
    </row>
    <row r="785622" spans="14:14">
      <c r="N785622" s="10"/>
    </row>
    <row r="785623" spans="14:14">
      <c r="N785623" s="10"/>
    </row>
    <row r="785624" spans="14:14">
      <c r="N785624" s="10"/>
    </row>
    <row r="785625" spans="14:14">
      <c r="N785625" s="10"/>
    </row>
    <row r="785626" spans="14:14">
      <c r="N785626" s="10"/>
    </row>
    <row r="785627" spans="14:14">
      <c r="N785627" s="10"/>
    </row>
    <row r="785628" spans="14:14">
      <c r="N785628" s="10"/>
    </row>
    <row r="785629" spans="14:14">
      <c r="N785629" s="10"/>
    </row>
    <row r="785630" spans="14:14">
      <c r="N785630" s="10"/>
    </row>
    <row r="785631" spans="14:14">
      <c r="N785631" s="10"/>
    </row>
    <row r="785632" spans="14:14">
      <c r="N785632" s="10"/>
    </row>
    <row r="785633" spans="14:14">
      <c r="N785633" s="10"/>
    </row>
    <row r="785634" spans="14:14">
      <c r="N785634" s="10"/>
    </row>
    <row r="785635" spans="14:14">
      <c r="N785635" s="10"/>
    </row>
    <row r="785636" spans="14:14">
      <c r="N785636" s="10"/>
    </row>
    <row r="785637" spans="14:14">
      <c r="N785637" s="10"/>
    </row>
    <row r="785638" spans="14:14">
      <c r="N785638" s="10"/>
    </row>
    <row r="785639" spans="14:14">
      <c r="N785639" s="10"/>
    </row>
    <row r="785640" spans="14:14">
      <c r="N785640" s="10"/>
    </row>
    <row r="785641" spans="14:14">
      <c r="N785641" s="10"/>
    </row>
    <row r="785642" spans="14:14">
      <c r="N785642" s="10"/>
    </row>
    <row r="785643" spans="14:14">
      <c r="N785643" s="10"/>
    </row>
    <row r="785644" spans="14:14">
      <c r="N785644" s="10"/>
    </row>
    <row r="785645" spans="14:14">
      <c r="N785645" s="10"/>
    </row>
    <row r="785646" spans="14:14">
      <c r="N785646" s="10"/>
    </row>
    <row r="785647" spans="14:14">
      <c r="N785647" s="10"/>
    </row>
    <row r="785648" spans="14:14">
      <c r="N785648" s="10"/>
    </row>
    <row r="785649" spans="14:14">
      <c r="N785649" s="10"/>
    </row>
    <row r="785650" spans="14:14">
      <c r="N785650" s="10"/>
    </row>
    <row r="785651" spans="14:14">
      <c r="N785651" s="10"/>
    </row>
    <row r="785652" spans="14:14">
      <c r="N785652" s="10"/>
    </row>
    <row r="785653" spans="14:14">
      <c r="N785653" s="10"/>
    </row>
    <row r="785654" spans="14:14">
      <c r="N785654" s="10"/>
    </row>
    <row r="785655" spans="14:14">
      <c r="N785655" s="10"/>
    </row>
    <row r="785656" spans="14:14">
      <c r="N785656" s="10"/>
    </row>
    <row r="785657" spans="14:14">
      <c r="N785657" s="10"/>
    </row>
    <row r="785658" spans="14:14">
      <c r="N785658" s="10"/>
    </row>
    <row r="785659" spans="14:14">
      <c r="N785659" s="10"/>
    </row>
    <row r="785660" spans="14:14">
      <c r="N785660" s="10"/>
    </row>
    <row r="785661" spans="14:14">
      <c r="N785661" s="10"/>
    </row>
    <row r="785662" spans="14:14">
      <c r="N785662" s="10"/>
    </row>
    <row r="785663" spans="14:14">
      <c r="N785663" s="10"/>
    </row>
    <row r="785664" spans="14:14">
      <c r="N785664" s="10"/>
    </row>
    <row r="785665" spans="14:14">
      <c r="N785665" s="10"/>
    </row>
    <row r="785666" spans="14:14">
      <c r="N785666" s="10"/>
    </row>
    <row r="785667" spans="14:14">
      <c r="N785667" s="10"/>
    </row>
    <row r="785668" spans="14:14">
      <c r="N785668" s="10"/>
    </row>
    <row r="785669" spans="14:14">
      <c r="N785669" s="10"/>
    </row>
    <row r="785670" spans="14:14">
      <c r="N785670" s="10"/>
    </row>
    <row r="785671" spans="14:14">
      <c r="N785671" s="10"/>
    </row>
    <row r="785672" spans="14:14">
      <c r="N785672" s="10"/>
    </row>
    <row r="785673" spans="14:14">
      <c r="N785673" s="10"/>
    </row>
    <row r="785674" spans="14:14">
      <c r="N785674" s="10"/>
    </row>
    <row r="785675" spans="14:14">
      <c r="N785675" s="10"/>
    </row>
    <row r="785676" spans="14:14">
      <c r="N785676" s="10"/>
    </row>
    <row r="785677" spans="14:14">
      <c r="N785677" s="10"/>
    </row>
    <row r="785678" spans="14:14">
      <c r="N785678" s="10"/>
    </row>
    <row r="785679" spans="14:14">
      <c r="N785679" s="10"/>
    </row>
    <row r="785680" spans="14:14">
      <c r="N785680" s="10"/>
    </row>
    <row r="785681" spans="14:14">
      <c r="N785681" s="10"/>
    </row>
    <row r="785682" spans="14:14">
      <c r="N785682" s="10"/>
    </row>
    <row r="785683" spans="14:14">
      <c r="N785683" s="10"/>
    </row>
    <row r="785684" spans="14:14">
      <c r="N785684" s="10"/>
    </row>
    <row r="785685" spans="14:14">
      <c r="N785685" s="10"/>
    </row>
    <row r="785686" spans="14:14">
      <c r="N785686" s="10"/>
    </row>
    <row r="785687" spans="14:14">
      <c r="N785687" s="10"/>
    </row>
    <row r="785688" spans="14:14">
      <c r="N785688" s="10"/>
    </row>
    <row r="785689" spans="14:14">
      <c r="N785689" s="10"/>
    </row>
    <row r="785690" spans="14:14">
      <c r="N785690" s="10"/>
    </row>
    <row r="785691" spans="14:14">
      <c r="N785691" s="10"/>
    </row>
    <row r="785692" spans="14:14">
      <c r="N785692" s="10"/>
    </row>
    <row r="785693" spans="14:14">
      <c r="N785693" s="10"/>
    </row>
    <row r="785694" spans="14:14">
      <c r="N785694" s="10"/>
    </row>
    <row r="785695" spans="14:14">
      <c r="N785695" s="10"/>
    </row>
    <row r="785696" spans="14:14">
      <c r="N785696" s="10"/>
    </row>
    <row r="785697" spans="14:14">
      <c r="N785697" s="10"/>
    </row>
    <row r="785698" spans="14:14">
      <c r="N785698" s="10"/>
    </row>
    <row r="785699" spans="14:14">
      <c r="N785699" s="10"/>
    </row>
    <row r="785700" spans="14:14">
      <c r="N785700" s="10"/>
    </row>
    <row r="785701" spans="14:14">
      <c r="N785701" s="10"/>
    </row>
    <row r="785702" spans="14:14">
      <c r="N785702" s="10"/>
    </row>
    <row r="785703" spans="14:14">
      <c r="N785703" s="10"/>
    </row>
    <row r="785704" spans="14:14">
      <c r="N785704" s="10"/>
    </row>
    <row r="785705" spans="14:14">
      <c r="N785705" s="10"/>
    </row>
    <row r="785706" spans="14:14">
      <c r="N785706" s="10"/>
    </row>
    <row r="785707" spans="14:14">
      <c r="N785707" s="10"/>
    </row>
    <row r="785708" spans="14:14">
      <c r="N785708" s="10"/>
    </row>
    <row r="785709" spans="14:14">
      <c r="N785709" s="10"/>
    </row>
    <row r="785710" spans="14:14">
      <c r="N785710" s="10"/>
    </row>
    <row r="785711" spans="14:14">
      <c r="N785711" s="10"/>
    </row>
    <row r="785712" spans="14:14">
      <c r="N785712" s="10"/>
    </row>
    <row r="785713" spans="14:14">
      <c r="N785713" s="10"/>
    </row>
    <row r="785714" spans="14:14">
      <c r="N785714" s="10"/>
    </row>
    <row r="785715" spans="14:14">
      <c r="N785715" s="10"/>
    </row>
    <row r="785716" spans="14:14">
      <c r="N785716" s="10"/>
    </row>
    <row r="785717" spans="14:14">
      <c r="N785717" s="10"/>
    </row>
    <row r="785718" spans="14:14">
      <c r="N785718" s="10"/>
    </row>
    <row r="785719" spans="14:14">
      <c r="N785719" s="10"/>
    </row>
    <row r="785720" spans="14:14">
      <c r="N785720" s="10"/>
    </row>
    <row r="785721" spans="14:14">
      <c r="N785721" s="10"/>
    </row>
    <row r="785722" spans="14:14">
      <c r="N785722" s="10"/>
    </row>
    <row r="785723" spans="14:14">
      <c r="N785723" s="10"/>
    </row>
    <row r="785724" spans="14:14">
      <c r="N785724" s="10"/>
    </row>
    <row r="785725" spans="14:14">
      <c r="N785725" s="10"/>
    </row>
    <row r="785726" spans="14:14">
      <c r="N785726" s="10"/>
    </row>
    <row r="785727" spans="14:14">
      <c r="N785727" s="10"/>
    </row>
    <row r="785728" spans="14:14">
      <c r="N785728" s="10"/>
    </row>
    <row r="785729" spans="14:14">
      <c r="N785729" s="10"/>
    </row>
    <row r="785730" spans="14:14">
      <c r="N785730" s="10"/>
    </row>
    <row r="785731" spans="14:14">
      <c r="N785731" s="10"/>
    </row>
    <row r="785732" spans="14:14">
      <c r="N785732" s="10"/>
    </row>
    <row r="785733" spans="14:14">
      <c r="N785733" s="10"/>
    </row>
    <row r="785734" spans="14:14">
      <c r="N785734" s="10"/>
    </row>
    <row r="785735" spans="14:14">
      <c r="N785735" s="10"/>
    </row>
    <row r="785736" spans="14:14">
      <c r="N785736" s="10"/>
    </row>
    <row r="785737" spans="14:14">
      <c r="N785737" s="10"/>
    </row>
    <row r="785738" spans="14:14">
      <c r="N785738" s="10"/>
    </row>
    <row r="785739" spans="14:14">
      <c r="N785739" s="10"/>
    </row>
    <row r="785740" spans="14:14">
      <c r="N785740" s="10"/>
    </row>
    <row r="785741" spans="14:14">
      <c r="N785741" s="10"/>
    </row>
    <row r="785742" spans="14:14">
      <c r="N785742" s="10"/>
    </row>
    <row r="785743" spans="14:14">
      <c r="N785743" s="10"/>
    </row>
    <row r="785744" spans="14:14">
      <c r="N785744" s="10"/>
    </row>
    <row r="785745" spans="14:14">
      <c r="N785745" s="10"/>
    </row>
    <row r="785746" spans="14:14">
      <c r="N785746" s="10"/>
    </row>
    <row r="785747" spans="14:14">
      <c r="N785747" s="10"/>
    </row>
    <row r="785748" spans="14:14">
      <c r="N785748" s="10"/>
    </row>
    <row r="785749" spans="14:14">
      <c r="N785749" s="10"/>
    </row>
    <row r="785750" spans="14:14">
      <c r="N785750" s="10"/>
    </row>
    <row r="785751" spans="14:14">
      <c r="N785751" s="10"/>
    </row>
    <row r="785752" spans="14:14">
      <c r="N785752" s="10"/>
    </row>
    <row r="785753" spans="14:14">
      <c r="N785753" s="10"/>
    </row>
    <row r="785754" spans="14:14">
      <c r="N785754" s="10"/>
    </row>
    <row r="785755" spans="14:14">
      <c r="N785755" s="10"/>
    </row>
    <row r="785756" spans="14:14">
      <c r="N785756" s="10"/>
    </row>
    <row r="785757" spans="14:14">
      <c r="N785757" s="10"/>
    </row>
    <row r="785758" spans="14:14">
      <c r="N785758" s="10"/>
    </row>
    <row r="785759" spans="14:14">
      <c r="N785759" s="10"/>
    </row>
    <row r="785760" spans="14:14">
      <c r="N785760" s="10"/>
    </row>
    <row r="785761" spans="14:14">
      <c r="N785761" s="10"/>
    </row>
    <row r="785762" spans="14:14">
      <c r="N785762" s="10"/>
    </row>
    <row r="785763" spans="14:14">
      <c r="N785763" s="10"/>
    </row>
    <row r="785764" spans="14:14">
      <c r="N785764" s="10"/>
    </row>
    <row r="785765" spans="14:14">
      <c r="N785765" s="10"/>
    </row>
    <row r="785766" spans="14:14">
      <c r="N785766" s="10"/>
    </row>
    <row r="785767" spans="14:14">
      <c r="N785767" s="10"/>
    </row>
    <row r="785768" spans="14:14">
      <c r="N785768" s="10"/>
    </row>
    <row r="785769" spans="14:14">
      <c r="N785769" s="10"/>
    </row>
    <row r="785770" spans="14:14">
      <c r="N785770" s="10"/>
    </row>
    <row r="785771" spans="14:14">
      <c r="N785771" s="10"/>
    </row>
    <row r="785772" spans="14:14">
      <c r="N785772" s="10"/>
    </row>
    <row r="785773" spans="14:14">
      <c r="N785773" s="10"/>
    </row>
    <row r="785774" spans="14:14">
      <c r="N785774" s="10"/>
    </row>
    <row r="785775" spans="14:14">
      <c r="N785775" s="10"/>
    </row>
    <row r="785776" spans="14:14">
      <c r="N785776" s="10"/>
    </row>
    <row r="785777" spans="14:14">
      <c r="N785777" s="10"/>
    </row>
    <row r="785778" spans="14:14">
      <c r="N785778" s="10"/>
    </row>
    <row r="785779" spans="14:14">
      <c r="N785779" s="10"/>
    </row>
    <row r="785780" spans="14:14">
      <c r="N785780" s="10"/>
    </row>
    <row r="785781" spans="14:14">
      <c r="N785781" s="10"/>
    </row>
    <row r="785782" spans="14:14">
      <c r="N785782" s="10"/>
    </row>
    <row r="785783" spans="14:14">
      <c r="N785783" s="10"/>
    </row>
    <row r="785784" spans="14:14">
      <c r="N785784" s="10"/>
    </row>
    <row r="785785" spans="14:14">
      <c r="N785785" s="10"/>
    </row>
    <row r="785786" spans="14:14">
      <c r="N785786" s="10"/>
    </row>
    <row r="785787" spans="14:14">
      <c r="N785787" s="10"/>
    </row>
    <row r="785788" spans="14:14">
      <c r="N785788" s="10"/>
    </row>
    <row r="785789" spans="14:14">
      <c r="N785789" s="10"/>
    </row>
    <row r="785790" spans="14:14">
      <c r="N785790" s="10"/>
    </row>
    <row r="785791" spans="14:14">
      <c r="N785791" s="10"/>
    </row>
    <row r="785792" spans="14:14">
      <c r="N785792" s="10"/>
    </row>
    <row r="785793" spans="14:14">
      <c r="N785793" s="10"/>
    </row>
    <row r="785794" spans="14:14">
      <c r="N785794" s="10"/>
    </row>
    <row r="785795" spans="14:14">
      <c r="N785795" s="10"/>
    </row>
    <row r="785796" spans="14:14">
      <c r="N785796" s="10"/>
    </row>
    <row r="785797" spans="14:14">
      <c r="N785797" s="10"/>
    </row>
    <row r="785798" spans="14:14">
      <c r="N785798" s="10"/>
    </row>
    <row r="785799" spans="14:14">
      <c r="N785799" s="10"/>
    </row>
    <row r="785800" spans="14:14">
      <c r="N785800" s="10"/>
    </row>
    <row r="785801" spans="14:14">
      <c r="N785801" s="10"/>
    </row>
    <row r="785802" spans="14:14">
      <c r="N785802" s="10"/>
    </row>
    <row r="785803" spans="14:14">
      <c r="N785803" s="10"/>
    </row>
    <row r="785804" spans="14:14">
      <c r="N785804" s="10"/>
    </row>
    <row r="785805" spans="14:14">
      <c r="N785805" s="10"/>
    </row>
    <row r="785806" spans="14:14">
      <c r="N785806" s="10"/>
    </row>
    <row r="785807" spans="14:14">
      <c r="N785807" s="10"/>
    </row>
    <row r="785808" spans="14:14">
      <c r="N785808" s="10"/>
    </row>
    <row r="785809" spans="14:14">
      <c r="N785809" s="10"/>
    </row>
    <row r="785810" spans="14:14">
      <c r="N785810" s="10"/>
    </row>
    <row r="785811" spans="14:14">
      <c r="N785811" s="10"/>
    </row>
    <row r="785812" spans="14:14">
      <c r="N785812" s="10"/>
    </row>
    <row r="785813" spans="14:14">
      <c r="N785813" s="10"/>
    </row>
    <row r="785814" spans="14:14">
      <c r="N785814" s="10"/>
    </row>
    <row r="785815" spans="14:14">
      <c r="N785815" s="10"/>
    </row>
    <row r="785816" spans="14:14">
      <c r="N785816" s="10"/>
    </row>
    <row r="785817" spans="14:14">
      <c r="N785817" s="10"/>
    </row>
    <row r="785818" spans="14:14">
      <c r="N785818" s="10"/>
    </row>
    <row r="785819" spans="14:14">
      <c r="N785819" s="10"/>
    </row>
    <row r="785820" spans="14:14">
      <c r="N785820" s="10"/>
    </row>
    <row r="785821" spans="14:14">
      <c r="N785821" s="10"/>
    </row>
    <row r="785822" spans="14:14">
      <c r="N785822" s="10"/>
    </row>
    <row r="785823" spans="14:14">
      <c r="N785823" s="10"/>
    </row>
    <row r="785824" spans="14:14">
      <c r="N785824" s="10"/>
    </row>
    <row r="785825" spans="14:14">
      <c r="N785825" s="10"/>
    </row>
    <row r="785826" spans="14:14">
      <c r="N785826" s="10"/>
    </row>
    <row r="785827" spans="14:14">
      <c r="N785827" s="10"/>
    </row>
    <row r="785828" spans="14:14">
      <c r="N785828" s="10"/>
    </row>
    <row r="785829" spans="14:14">
      <c r="N785829" s="10"/>
    </row>
    <row r="785830" spans="14:14">
      <c r="N785830" s="10"/>
    </row>
    <row r="785831" spans="14:14">
      <c r="N785831" s="10"/>
    </row>
    <row r="785832" spans="14:14">
      <c r="N785832" s="10"/>
    </row>
    <row r="785833" spans="14:14">
      <c r="N785833" s="10"/>
    </row>
    <row r="785834" spans="14:14">
      <c r="N785834" s="10"/>
    </row>
    <row r="785835" spans="14:14">
      <c r="N785835" s="10"/>
    </row>
    <row r="785836" spans="14:14">
      <c r="N785836" s="10"/>
    </row>
    <row r="785837" spans="14:14">
      <c r="N785837" s="10"/>
    </row>
    <row r="785838" spans="14:14">
      <c r="N785838" s="10"/>
    </row>
    <row r="785839" spans="14:14">
      <c r="N785839" s="10"/>
    </row>
    <row r="785840" spans="14:14">
      <c r="N785840" s="10"/>
    </row>
    <row r="785841" spans="14:14">
      <c r="N785841" s="10"/>
    </row>
    <row r="785842" spans="14:14">
      <c r="N785842" s="10"/>
    </row>
    <row r="785843" spans="14:14">
      <c r="N785843" s="10"/>
    </row>
    <row r="785844" spans="14:14">
      <c r="N785844" s="10"/>
    </row>
    <row r="785845" spans="14:14">
      <c r="N785845" s="10"/>
    </row>
    <row r="785846" spans="14:14">
      <c r="N785846" s="10"/>
    </row>
    <row r="785847" spans="14:14">
      <c r="N785847" s="10"/>
    </row>
    <row r="785848" spans="14:14">
      <c r="N785848" s="10"/>
    </row>
    <row r="785849" spans="14:14">
      <c r="N785849" s="10"/>
    </row>
    <row r="785850" spans="14:14">
      <c r="N785850" s="10"/>
    </row>
    <row r="785851" spans="14:14">
      <c r="N785851" s="10"/>
    </row>
    <row r="785852" spans="14:14">
      <c r="N785852" s="10"/>
    </row>
    <row r="785853" spans="14:14">
      <c r="N785853" s="10"/>
    </row>
    <row r="785854" spans="14:14">
      <c r="N785854" s="10"/>
    </row>
    <row r="785855" spans="14:14">
      <c r="N785855" s="10"/>
    </row>
    <row r="785856" spans="14:14">
      <c r="N785856" s="10"/>
    </row>
    <row r="785857" spans="14:14">
      <c r="N785857" s="10"/>
    </row>
    <row r="785858" spans="14:14">
      <c r="N785858" s="10"/>
    </row>
    <row r="785859" spans="14:14">
      <c r="N785859" s="10"/>
    </row>
    <row r="785860" spans="14:14">
      <c r="N785860" s="10"/>
    </row>
    <row r="785861" spans="14:14">
      <c r="N785861" s="10"/>
    </row>
    <row r="785862" spans="14:14">
      <c r="N785862" s="10"/>
    </row>
    <row r="785863" spans="14:14">
      <c r="N785863" s="10"/>
    </row>
    <row r="785864" spans="14:14">
      <c r="N785864" s="10"/>
    </row>
    <row r="785865" spans="14:14">
      <c r="N785865" s="10"/>
    </row>
    <row r="785866" spans="14:14">
      <c r="N785866" s="10"/>
    </row>
    <row r="785867" spans="14:14">
      <c r="N785867" s="10"/>
    </row>
    <row r="785868" spans="14:14">
      <c r="N785868" s="10"/>
    </row>
    <row r="785869" spans="14:14">
      <c r="N785869" s="10"/>
    </row>
    <row r="785870" spans="14:14">
      <c r="N785870" s="10"/>
    </row>
    <row r="785871" spans="14:14">
      <c r="N785871" s="10"/>
    </row>
    <row r="785872" spans="14:14">
      <c r="N785872" s="10"/>
    </row>
    <row r="785873" spans="14:14">
      <c r="N785873" s="10"/>
    </row>
    <row r="785874" spans="14:14">
      <c r="N785874" s="10"/>
    </row>
    <row r="785875" spans="14:14">
      <c r="N785875" s="10"/>
    </row>
    <row r="785876" spans="14:14">
      <c r="N785876" s="10"/>
    </row>
    <row r="785877" spans="14:14">
      <c r="N785877" s="10"/>
    </row>
    <row r="785878" spans="14:14">
      <c r="N785878" s="10"/>
    </row>
    <row r="785879" spans="14:14">
      <c r="N785879" s="10"/>
    </row>
    <row r="785880" spans="14:14">
      <c r="N785880" s="10"/>
    </row>
    <row r="785881" spans="14:14">
      <c r="N785881" s="10"/>
    </row>
    <row r="785882" spans="14:14">
      <c r="N785882" s="10"/>
    </row>
    <row r="785883" spans="14:14">
      <c r="N785883" s="10"/>
    </row>
    <row r="785884" spans="14:14">
      <c r="N785884" s="10"/>
    </row>
    <row r="785885" spans="14:14">
      <c r="N785885" s="10"/>
    </row>
    <row r="785886" spans="14:14">
      <c r="N785886" s="10"/>
    </row>
    <row r="785887" spans="14:14">
      <c r="N785887" s="10"/>
    </row>
    <row r="785888" spans="14:14">
      <c r="N785888" s="10"/>
    </row>
    <row r="785889" spans="14:14">
      <c r="N785889" s="10"/>
    </row>
    <row r="785890" spans="14:14">
      <c r="N785890" s="10"/>
    </row>
    <row r="785891" spans="14:14">
      <c r="N785891" s="10"/>
    </row>
    <row r="785892" spans="14:14">
      <c r="N785892" s="10"/>
    </row>
    <row r="785893" spans="14:14">
      <c r="N785893" s="10"/>
    </row>
    <row r="785894" spans="14:14">
      <c r="N785894" s="10"/>
    </row>
    <row r="785895" spans="14:14">
      <c r="N785895" s="10"/>
    </row>
    <row r="785896" spans="14:14">
      <c r="N785896" s="10"/>
    </row>
    <row r="785897" spans="14:14">
      <c r="N785897" s="10"/>
    </row>
    <row r="785898" spans="14:14">
      <c r="N785898" s="10"/>
    </row>
    <row r="785899" spans="14:14">
      <c r="N785899" s="10"/>
    </row>
    <row r="785900" spans="14:14">
      <c r="N785900" s="10"/>
    </row>
    <row r="785901" spans="14:14">
      <c r="N785901" s="10"/>
    </row>
    <row r="785902" spans="14:14">
      <c r="N785902" s="10"/>
    </row>
    <row r="785903" spans="14:14">
      <c r="N785903" s="10"/>
    </row>
    <row r="785904" spans="14:14">
      <c r="N785904" s="10"/>
    </row>
    <row r="785905" spans="14:14">
      <c r="N785905" s="10"/>
    </row>
    <row r="785906" spans="14:14">
      <c r="N785906" s="10"/>
    </row>
    <row r="785907" spans="14:14">
      <c r="N785907" s="10"/>
    </row>
    <row r="785908" spans="14:14">
      <c r="N785908" s="10"/>
    </row>
    <row r="785909" spans="14:14">
      <c r="N785909" s="10"/>
    </row>
    <row r="785910" spans="14:14">
      <c r="N785910" s="10"/>
    </row>
    <row r="785911" spans="14:14">
      <c r="N785911" s="10"/>
    </row>
    <row r="785912" spans="14:14">
      <c r="N785912" s="10"/>
    </row>
    <row r="785913" spans="14:14">
      <c r="N785913" s="10"/>
    </row>
    <row r="785914" spans="14:14">
      <c r="N785914" s="10"/>
    </row>
    <row r="785915" spans="14:14">
      <c r="N785915" s="10"/>
    </row>
    <row r="785916" spans="14:14">
      <c r="N785916" s="10"/>
    </row>
    <row r="785917" spans="14:14">
      <c r="N785917" s="10"/>
    </row>
    <row r="785918" spans="14:14">
      <c r="N785918" s="10"/>
    </row>
    <row r="785919" spans="14:14">
      <c r="N785919" s="10"/>
    </row>
    <row r="785920" spans="14:14">
      <c r="N785920" s="10"/>
    </row>
    <row r="785921" spans="14:14">
      <c r="N785921" s="10"/>
    </row>
    <row r="785922" spans="14:14">
      <c r="N785922" s="10"/>
    </row>
    <row r="785923" spans="14:14">
      <c r="N785923" s="10"/>
    </row>
    <row r="785924" spans="14:14">
      <c r="N785924" s="10"/>
    </row>
    <row r="785925" spans="14:14">
      <c r="N785925" s="10"/>
    </row>
    <row r="785926" spans="14:14">
      <c r="N785926" s="10"/>
    </row>
    <row r="785927" spans="14:14">
      <c r="N785927" s="10"/>
    </row>
    <row r="785928" spans="14:14">
      <c r="N785928" s="10"/>
    </row>
    <row r="785929" spans="14:14">
      <c r="N785929" s="10"/>
    </row>
    <row r="785930" spans="14:14">
      <c r="N785930" s="10"/>
    </row>
    <row r="785931" spans="14:14">
      <c r="N785931" s="10"/>
    </row>
    <row r="785932" spans="14:14">
      <c r="N785932" s="10"/>
    </row>
    <row r="785933" spans="14:14">
      <c r="N785933" s="10"/>
    </row>
    <row r="785934" spans="14:14">
      <c r="N785934" s="10"/>
    </row>
    <row r="785935" spans="14:14">
      <c r="N785935" s="10"/>
    </row>
    <row r="785936" spans="14:14">
      <c r="N785936" s="10"/>
    </row>
    <row r="785937" spans="14:14">
      <c r="N785937" s="10"/>
    </row>
    <row r="785938" spans="14:14">
      <c r="N785938" s="10"/>
    </row>
    <row r="785939" spans="14:14">
      <c r="N785939" s="10"/>
    </row>
    <row r="785940" spans="14:14">
      <c r="N785940" s="10"/>
    </row>
    <row r="785941" spans="14:14">
      <c r="N785941" s="10"/>
    </row>
    <row r="785942" spans="14:14">
      <c r="N785942" s="10"/>
    </row>
    <row r="785943" spans="14:14">
      <c r="N785943" s="10"/>
    </row>
    <row r="785944" spans="14:14">
      <c r="N785944" s="10"/>
    </row>
    <row r="785945" spans="14:14">
      <c r="N785945" s="10"/>
    </row>
    <row r="785946" spans="14:14">
      <c r="N785946" s="10"/>
    </row>
    <row r="785947" spans="14:14">
      <c r="N785947" s="10"/>
    </row>
    <row r="785948" spans="14:14">
      <c r="N785948" s="10"/>
    </row>
    <row r="785949" spans="14:14">
      <c r="N785949" s="10"/>
    </row>
    <row r="785950" spans="14:14">
      <c r="N785950" s="10"/>
    </row>
    <row r="785951" spans="14:14">
      <c r="N785951" s="10"/>
    </row>
    <row r="785952" spans="14:14">
      <c r="N785952" s="10"/>
    </row>
    <row r="785953" spans="14:14">
      <c r="N785953" s="10"/>
    </row>
    <row r="785954" spans="14:14">
      <c r="N785954" s="10"/>
    </row>
    <row r="785955" spans="14:14">
      <c r="N785955" s="10"/>
    </row>
    <row r="785956" spans="14:14">
      <c r="N785956" s="10"/>
    </row>
    <row r="785957" spans="14:14">
      <c r="N785957" s="10"/>
    </row>
    <row r="785958" spans="14:14">
      <c r="N785958" s="10"/>
    </row>
    <row r="785959" spans="14:14">
      <c r="N785959" s="10"/>
    </row>
    <row r="785960" spans="14:14">
      <c r="N785960" s="10"/>
    </row>
    <row r="785961" spans="14:14">
      <c r="N785961" s="10"/>
    </row>
    <row r="785962" spans="14:14">
      <c r="N785962" s="10"/>
    </row>
    <row r="785963" spans="14:14">
      <c r="N785963" s="10"/>
    </row>
    <row r="785964" spans="14:14">
      <c r="N785964" s="10"/>
    </row>
    <row r="785965" spans="14:14">
      <c r="N785965" s="10"/>
    </row>
    <row r="785966" spans="14:14">
      <c r="N785966" s="10"/>
    </row>
    <row r="785967" spans="14:14">
      <c r="N785967" s="10"/>
    </row>
    <row r="785968" spans="14:14">
      <c r="N785968" s="10"/>
    </row>
    <row r="785969" spans="14:14">
      <c r="N785969" s="10"/>
    </row>
    <row r="785970" spans="14:14">
      <c r="N785970" s="10"/>
    </row>
    <row r="785971" spans="14:14">
      <c r="N785971" s="10"/>
    </row>
    <row r="785972" spans="14:14">
      <c r="N785972" s="10"/>
    </row>
    <row r="785973" spans="14:14">
      <c r="N785973" s="10"/>
    </row>
    <row r="785974" spans="14:14">
      <c r="N785974" s="10"/>
    </row>
    <row r="785975" spans="14:14">
      <c r="N785975" s="10"/>
    </row>
    <row r="785976" spans="14:14">
      <c r="N785976" s="10"/>
    </row>
    <row r="785977" spans="14:14">
      <c r="N785977" s="10"/>
    </row>
    <row r="785978" spans="14:14">
      <c r="N785978" s="10"/>
    </row>
    <row r="785979" spans="14:14">
      <c r="N785979" s="10"/>
    </row>
    <row r="785980" spans="14:14">
      <c r="N785980" s="10"/>
    </row>
    <row r="785981" spans="14:14">
      <c r="N785981" s="10"/>
    </row>
    <row r="785982" spans="14:14">
      <c r="N785982" s="10"/>
    </row>
    <row r="785983" spans="14:14">
      <c r="N785983" s="10"/>
    </row>
    <row r="785984" spans="14:14">
      <c r="N785984" s="10"/>
    </row>
    <row r="785985" spans="14:14">
      <c r="N785985" s="10"/>
    </row>
    <row r="785986" spans="14:14">
      <c r="N785986" s="10"/>
    </row>
    <row r="785987" spans="14:14">
      <c r="N785987" s="10"/>
    </row>
    <row r="785988" spans="14:14">
      <c r="N785988" s="10"/>
    </row>
    <row r="785989" spans="14:14">
      <c r="N785989" s="10"/>
    </row>
    <row r="785990" spans="14:14">
      <c r="N785990" s="10"/>
    </row>
    <row r="785991" spans="14:14">
      <c r="N785991" s="10"/>
    </row>
    <row r="785992" spans="14:14">
      <c r="N785992" s="10"/>
    </row>
    <row r="785993" spans="14:14">
      <c r="N785993" s="10"/>
    </row>
    <row r="785994" spans="14:14">
      <c r="N785994" s="10"/>
    </row>
    <row r="785995" spans="14:14">
      <c r="N785995" s="10"/>
    </row>
    <row r="785996" spans="14:14">
      <c r="N785996" s="10"/>
    </row>
    <row r="785997" spans="14:14">
      <c r="N785997" s="10"/>
    </row>
    <row r="785998" spans="14:14">
      <c r="N785998" s="10"/>
    </row>
    <row r="785999" spans="14:14">
      <c r="N785999" s="10"/>
    </row>
    <row r="786000" spans="14:14">
      <c r="N786000" s="10"/>
    </row>
    <row r="786001" spans="14:14">
      <c r="N786001" s="10"/>
    </row>
    <row r="786002" spans="14:14">
      <c r="N786002" s="10"/>
    </row>
    <row r="786003" spans="14:14">
      <c r="N786003" s="10"/>
    </row>
    <row r="786004" spans="14:14">
      <c r="N786004" s="10"/>
    </row>
    <row r="786005" spans="14:14">
      <c r="N786005" s="10"/>
    </row>
    <row r="786006" spans="14:14">
      <c r="N786006" s="10"/>
    </row>
    <row r="786007" spans="14:14">
      <c r="N786007" s="10"/>
    </row>
    <row r="786008" spans="14:14">
      <c r="N786008" s="10"/>
    </row>
    <row r="786009" spans="14:14">
      <c r="N786009" s="10"/>
    </row>
    <row r="786010" spans="14:14">
      <c r="N786010" s="10"/>
    </row>
    <row r="786011" spans="14:14">
      <c r="N786011" s="10"/>
    </row>
    <row r="786012" spans="14:14">
      <c r="N786012" s="10"/>
    </row>
    <row r="786013" spans="14:14">
      <c r="N786013" s="10"/>
    </row>
    <row r="786014" spans="14:14">
      <c r="N786014" s="10"/>
    </row>
    <row r="786015" spans="14:14">
      <c r="N786015" s="10"/>
    </row>
    <row r="786016" spans="14:14">
      <c r="N786016" s="10"/>
    </row>
    <row r="786017" spans="14:14">
      <c r="N786017" s="10"/>
    </row>
    <row r="786018" spans="14:14">
      <c r="N786018" s="10"/>
    </row>
    <row r="786019" spans="14:14">
      <c r="N786019" s="10"/>
    </row>
    <row r="786020" spans="14:14">
      <c r="N786020" s="10"/>
    </row>
    <row r="786021" spans="14:14">
      <c r="N786021" s="10"/>
    </row>
    <row r="786022" spans="14:14">
      <c r="N786022" s="10"/>
    </row>
    <row r="786023" spans="14:14">
      <c r="N786023" s="10"/>
    </row>
    <row r="786024" spans="14:14">
      <c r="N786024" s="10"/>
    </row>
    <row r="786025" spans="14:14">
      <c r="N786025" s="10"/>
    </row>
    <row r="786026" spans="14:14">
      <c r="N786026" s="10"/>
    </row>
    <row r="786027" spans="14:14">
      <c r="N786027" s="10"/>
    </row>
    <row r="786028" spans="14:14">
      <c r="N786028" s="10"/>
    </row>
    <row r="786029" spans="14:14">
      <c r="N786029" s="10"/>
    </row>
    <row r="786030" spans="14:14">
      <c r="N786030" s="10"/>
    </row>
    <row r="786031" spans="14:14">
      <c r="N786031" s="10"/>
    </row>
    <row r="786032" spans="14:14">
      <c r="N786032" s="10"/>
    </row>
    <row r="786033" spans="14:14">
      <c r="N786033" s="10"/>
    </row>
    <row r="786034" spans="14:14">
      <c r="N786034" s="10"/>
    </row>
    <row r="786035" spans="14:14">
      <c r="N786035" s="10"/>
    </row>
    <row r="786036" spans="14:14">
      <c r="N786036" s="10"/>
    </row>
    <row r="786037" spans="14:14">
      <c r="N786037" s="10"/>
    </row>
    <row r="786038" spans="14:14">
      <c r="N786038" s="10"/>
    </row>
    <row r="786039" spans="14:14">
      <c r="N786039" s="10"/>
    </row>
    <row r="786040" spans="14:14">
      <c r="N786040" s="10"/>
    </row>
    <row r="786041" spans="14:14">
      <c r="N786041" s="10"/>
    </row>
    <row r="786042" spans="14:14">
      <c r="N786042" s="10"/>
    </row>
    <row r="786043" spans="14:14">
      <c r="N786043" s="10"/>
    </row>
    <row r="786044" spans="14:14">
      <c r="N786044" s="10"/>
    </row>
    <row r="786045" spans="14:14">
      <c r="N786045" s="10"/>
    </row>
    <row r="786046" spans="14:14">
      <c r="N786046" s="10"/>
    </row>
    <row r="786047" spans="14:14">
      <c r="N786047" s="10"/>
    </row>
    <row r="786048" spans="14:14">
      <c r="N786048" s="10"/>
    </row>
    <row r="786049" spans="14:14">
      <c r="N786049" s="10"/>
    </row>
    <row r="786050" spans="14:14">
      <c r="N786050" s="10"/>
    </row>
    <row r="786051" spans="14:14">
      <c r="N786051" s="10"/>
    </row>
    <row r="786052" spans="14:14">
      <c r="N786052" s="10"/>
    </row>
    <row r="786053" spans="14:14">
      <c r="N786053" s="10"/>
    </row>
    <row r="786054" spans="14:14">
      <c r="N786054" s="10"/>
    </row>
    <row r="786055" spans="14:14">
      <c r="N786055" s="10"/>
    </row>
    <row r="786056" spans="14:14">
      <c r="N786056" s="10"/>
    </row>
    <row r="786057" spans="14:14">
      <c r="N786057" s="10"/>
    </row>
    <row r="786058" spans="14:14">
      <c r="N786058" s="10"/>
    </row>
    <row r="786059" spans="14:14">
      <c r="N786059" s="10"/>
    </row>
    <row r="786060" spans="14:14">
      <c r="N786060" s="10"/>
    </row>
    <row r="786061" spans="14:14">
      <c r="N786061" s="10"/>
    </row>
    <row r="786062" spans="14:14">
      <c r="N786062" s="10"/>
    </row>
    <row r="786063" spans="14:14">
      <c r="N786063" s="10"/>
    </row>
    <row r="786064" spans="14:14">
      <c r="N786064" s="10"/>
    </row>
    <row r="786065" spans="14:14">
      <c r="N786065" s="10"/>
    </row>
    <row r="786066" spans="14:14">
      <c r="N786066" s="10"/>
    </row>
    <row r="786067" spans="14:14">
      <c r="N786067" s="10"/>
    </row>
    <row r="786068" spans="14:14">
      <c r="N786068" s="10"/>
    </row>
    <row r="786069" spans="14:14">
      <c r="N786069" s="10"/>
    </row>
    <row r="786070" spans="14:14">
      <c r="N786070" s="10"/>
    </row>
    <row r="786071" spans="14:14">
      <c r="N786071" s="10"/>
    </row>
    <row r="786072" spans="14:14">
      <c r="N786072" s="10"/>
    </row>
    <row r="786073" spans="14:14">
      <c r="N786073" s="10"/>
    </row>
    <row r="786074" spans="14:14">
      <c r="N786074" s="10"/>
    </row>
    <row r="786075" spans="14:14">
      <c r="N786075" s="10"/>
    </row>
    <row r="786076" spans="14:14">
      <c r="N786076" s="10"/>
    </row>
    <row r="786077" spans="14:14">
      <c r="N786077" s="10"/>
    </row>
    <row r="786078" spans="14:14">
      <c r="N786078" s="10"/>
    </row>
    <row r="786079" spans="14:14">
      <c r="N786079" s="10"/>
    </row>
    <row r="786080" spans="14:14">
      <c r="N786080" s="10"/>
    </row>
    <row r="786081" spans="14:14">
      <c r="N786081" s="10"/>
    </row>
    <row r="786082" spans="14:14">
      <c r="N786082" s="10"/>
    </row>
    <row r="786083" spans="14:14">
      <c r="N786083" s="10"/>
    </row>
    <row r="786084" spans="14:14">
      <c r="N786084" s="10"/>
    </row>
    <row r="786085" spans="14:14">
      <c r="N786085" s="10"/>
    </row>
    <row r="786086" spans="14:14">
      <c r="N786086" s="10"/>
    </row>
    <row r="786087" spans="14:14">
      <c r="N786087" s="10"/>
    </row>
    <row r="786088" spans="14:14">
      <c r="N786088" s="10"/>
    </row>
    <row r="786089" spans="14:14">
      <c r="N786089" s="10"/>
    </row>
    <row r="786090" spans="14:14">
      <c r="N786090" s="10"/>
    </row>
    <row r="786091" spans="14:14">
      <c r="N786091" s="10"/>
    </row>
    <row r="786092" spans="14:14">
      <c r="N786092" s="10"/>
    </row>
    <row r="786093" spans="14:14">
      <c r="N786093" s="10"/>
    </row>
    <row r="786094" spans="14:14">
      <c r="N786094" s="10"/>
    </row>
    <row r="786095" spans="14:14">
      <c r="N786095" s="10"/>
    </row>
    <row r="786096" spans="14:14">
      <c r="N786096" s="10"/>
    </row>
    <row r="786097" spans="14:14">
      <c r="N786097" s="10"/>
    </row>
    <row r="786098" spans="14:14">
      <c r="N786098" s="10"/>
    </row>
    <row r="786099" spans="14:14">
      <c r="N786099" s="10"/>
    </row>
    <row r="786100" spans="14:14">
      <c r="N786100" s="10"/>
    </row>
    <row r="786101" spans="14:14">
      <c r="N786101" s="10"/>
    </row>
    <row r="786102" spans="14:14">
      <c r="N786102" s="10"/>
    </row>
    <row r="786103" spans="14:14">
      <c r="N786103" s="10"/>
    </row>
    <row r="786104" spans="14:14">
      <c r="N786104" s="10"/>
    </row>
    <row r="786105" spans="14:14">
      <c r="N786105" s="10"/>
    </row>
    <row r="786106" spans="14:14">
      <c r="N786106" s="10"/>
    </row>
    <row r="786107" spans="14:14">
      <c r="N786107" s="10"/>
    </row>
    <row r="786108" spans="14:14">
      <c r="N786108" s="10"/>
    </row>
    <row r="786109" spans="14:14">
      <c r="N786109" s="10"/>
    </row>
    <row r="786110" spans="14:14">
      <c r="N786110" s="10"/>
    </row>
    <row r="786111" spans="14:14">
      <c r="N786111" s="10"/>
    </row>
    <row r="786112" spans="14:14">
      <c r="N786112" s="10"/>
    </row>
    <row r="786113" spans="14:14">
      <c r="N786113" s="10"/>
    </row>
    <row r="786114" spans="14:14">
      <c r="N786114" s="10"/>
    </row>
    <row r="786115" spans="14:14">
      <c r="N786115" s="10"/>
    </row>
    <row r="786116" spans="14:14">
      <c r="N786116" s="10"/>
    </row>
    <row r="786117" spans="14:14">
      <c r="N786117" s="10"/>
    </row>
    <row r="786118" spans="14:14">
      <c r="N786118" s="10"/>
    </row>
    <row r="786119" spans="14:14">
      <c r="N786119" s="10"/>
    </row>
    <row r="786120" spans="14:14">
      <c r="N786120" s="10"/>
    </row>
    <row r="786121" spans="14:14">
      <c r="N786121" s="10"/>
    </row>
    <row r="786122" spans="14:14">
      <c r="N786122" s="10"/>
    </row>
    <row r="786123" spans="14:14">
      <c r="N786123" s="10"/>
    </row>
    <row r="786124" spans="14:14">
      <c r="N786124" s="10"/>
    </row>
    <row r="786125" spans="14:14">
      <c r="N786125" s="10"/>
    </row>
    <row r="786126" spans="14:14">
      <c r="N786126" s="10"/>
    </row>
    <row r="786127" spans="14:14">
      <c r="N786127" s="10"/>
    </row>
    <row r="786128" spans="14:14">
      <c r="N786128" s="10"/>
    </row>
    <row r="786129" spans="14:14">
      <c r="N786129" s="10"/>
    </row>
    <row r="786130" spans="14:14">
      <c r="N786130" s="10"/>
    </row>
    <row r="786131" spans="14:14">
      <c r="N786131" s="10"/>
    </row>
    <row r="786132" spans="14:14">
      <c r="N786132" s="10"/>
    </row>
    <row r="786133" spans="14:14">
      <c r="N786133" s="10"/>
    </row>
    <row r="786134" spans="14:14">
      <c r="N786134" s="10"/>
    </row>
    <row r="786135" spans="14:14">
      <c r="N786135" s="10"/>
    </row>
    <row r="786136" spans="14:14">
      <c r="N786136" s="10"/>
    </row>
    <row r="786137" spans="14:14">
      <c r="N786137" s="10"/>
    </row>
    <row r="786138" spans="14:14">
      <c r="N786138" s="10"/>
    </row>
    <row r="786139" spans="14:14">
      <c r="N786139" s="10"/>
    </row>
    <row r="786140" spans="14:14">
      <c r="N786140" s="10"/>
    </row>
    <row r="786141" spans="14:14">
      <c r="N786141" s="10"/>
    </row>
    <row r="786142" spans="14:14">
      <c r="N786142" s="10"/>
    </row>
    <row r="786143" spans="14:14">
      <c r="N786143" s="10"/>
    </row>
    <row r="786144" spans="14:14">
      <c r="N786144" s="10"/>
    </row>
    <row r="786145" spans="14:14">
      <c r="N786145" s="10"/>
    </row>
    <row r="786146" spans="14:14">
      <c r="N786146" s="10"/>
    </row>
    <row r="786147" spans="14:14">
      <c r="N786147" s="10"/>
    </row>
    <row r="786148" spans="14:14">
      <c r="N786148" s="10"/>
    </row>
    <row r="786149" spans="14:14">
      <c r="N786149" s="10"/>
    </row>
    <row r="786150" spans="14:14">
      <c r="N786150" s="10"/>
    </row>
    <row r="786151" spans="14:14">
      <c r="N786151" s="10"/>
    </row>
    <row r="786152" spans="14:14">
      <c r="N786152" s="10"/>
    </row>
    <row r="786153" spans="14:14">
      <c r="N786153" s="10"/>
    </row>
    <row r="786154" spans="14:14">
      <c r="N786154" s="10"/>
    </row>
    <row r="786155" spans="14:14">
      <c r="N786155" s="10"/>
    </row>
    <row r="786156" spans="14:14">
      <c r="N786156" s="10"/>
    </row>
    <row r="786157" spans="14:14">
      <c r="N786157" s="10"/>
    </row>
    <row r="786158" spans="14:14">
      <c r="N786158" s="10"/>
    </row>
    <row r="786159" spans="14:14">
      <c r="N786159" s="10"/>
    </row>
    <row r="786160" spans="14:14">
      <c r="N786160" s="10"/>
    </row>
    <row r="786161" spans="14:14">
      <c r="N786161" s="10"/>
    </row>
    <row r="786162" spans="14:14">
      <c r="N786162" s="10"/>
    </row>
    <row r="786163" spans="14:14">
      <c r="N786163" s="10"/>
    </row>
    <row r="786164" spans="14:14">
      <c r="N786164" s="10"/>
    </row>
    <row r="786165" spans="14:14">
      <c r="N786165" s="10"/>
    </row>
    <row r="786166" spans="14:14">
      <c r="N786166" s="10"/>
    </row>
    <row r="786167" spans="14:14">
      <c r="N786167" s="10"/>
    </row>
    <row r="786168" spans="14:14">
      <c r="N786168" s="10"/>
    </row>
    <row r="786169" spans="14:14">
      <c r="N786169" s="10"/>
    </row>
    <row r="786170" spans="14:14">
      <c r="N786170" s="10"/>
    </row>
    <row r="786171" spans="14:14">
      <c r="N786171" s="10"/>
    </row>
    <row r="786172" spans="14:14">
      <c r="N786172" s="10"/>
    </row>
    <row r="786173" spans="14:14">
      <c r="N786173" s="10"/>
    </row>
    <row r="786174" spans="14:14">
      <c r="N786174" s="10"/>
    </row>
    <row r="786175" spans="14:14">
      <c r="N786175" s="10"/>
    </row>
    <row r="786176" spans="14:14">
      <c r="N786176" s="10"/>
    </row>
    <row r="786177" spans="14:14">
      <c r="N786177" s="10"/>
    </row>
    <row r="786178" spans="14:14">
      <c r="N786178" s="10"/>
    </row>
    <row r="786179" spans="14:14">
      <c r="N786179" s="10"/>
    </row>
    <row r="786180" spans="14:14">
      <c r="N786180" s="10"/>
    </row>
    <row r="786181" spans="14:14">
      <c r="N786181" s="10"/>
    </row>
    <row r="786182" spans="14:14">
      <c r="N786182" s="10"/>
    </row>
    <row r="786183" spans="14:14">
      <c r="N786183" s="10"/>
    </row>
    <row r="786184" spans="14:14">
      <c r="N786184" s="10"/>
    </row>
    <row r="786185" spans="14:14">
      <c r="N786185" s="10"/>
    </row>
    <row r="786186" spans="14:14">
      <c r="N786186" s="10"/>
    </row>
    <row r="786187" spans="14:14">
      <c r="N786187" s="10"/>
    </row>
    <row r="786188" spans="14:14">
      <c r="N786188" s="10"/>
    </row>
    <row r="786189" spans="14:14">
      <c r="N786189" s="10"/>
    </row>
    <row r="786190" spans="14:14">
      <c r="N786190" s="10"/>
    </row>
    <row r="786191" spans="14:14">
      <c r="N786191" s="10"/>
    </row>
    <row r="786192" spans="14:14">
      <c r="N786192" s="10"/>
    </row>
    <row r="786193" spans="14:14">
      <c r="N786193" s="10"/>
    </row>
    <row r="786194" spans="14:14">
      <c r="N786194" s="10"/>
    </row>
    <row r="786195" spans="14:14">
      <c r="N786195" s="10"/>
    </row>
    <row r="786196" spans="14:14">
      <c r="N786196" s="10"/>
    </row>
    <row r="786197" spans="14:14">
      <c r="N786197" s="10"/>
    </row>
    <row r="786198" spans="14:14">
      <c r="N786198" s="10"/>
    </row>
    <row r="786199" spans="14:14">
      <c r="N786199" s="10"/>
    </row>
    <row r="786200" spans="14:14">
      <c r="N786200" s="10"/>
    </row>
    <row r="786201" spans="14:14">
      <c r="N786201" s="10"/>
    </row>
    <row r="786202" spans="14:14">
      <c r="N786202" s="10"/>
    </row>
    <row r="786203" spans="14:14">
      <c r="N786203" s="10"/>
    </row>
    <row r="786204" spans="14:14">
      <c r="N786204" s="10"/>
    </row>
    <row r="786205" spans="14:14">
      <c r="N786205" s="10"/>
    </row>
    <row r="786206" spans="14:14">
      <c r="N786206" s="10"/>
    </row>
    <row r="786207" spans="14:14">
      <c r="N786207" s="10"/>
    </row>
    <row r="786208" spans="14:14">
      <c r="N786208" s="10"/>
    </row>
    <row r="786209" spans="14:14">
      <c r="N786209" s="10"/>
    </row>
    <row r="786210" spans="14:14">
      <c r="N786210" s="10"/>
    </row>
    <row r="786211" spans="14:14">
      <c r="N786211" s="10"/>
    </row>
    <row r="786212" spans="14:14">
      <c r="N786212" s="10"/>
    </row>
    <row r="786213" spans="14:14">
      <c r="N786213" s="10"/>
    </row>
    <row r="786214" spans="14:14">
      <c r="N786214" s="10"/>
    </row>
    <row r="786215" spans="14:14">
      <c r="N786215" s="10"/>
    </row>
    <row r="786216" spans="14:14">
      <c r="N786216" s="10"/>
    </row>
    <row r="786217" spans="14:14">
      <c r="N786217" s="10"/>
    </row>
    <row r="786218" spans="14:14">
      <c r="N786218" s="10"/>
    </row>
    <row r="786219" spans="14:14">
      <c r="N786219" s="10"/>
    </row>
    <row r="786220" spans="14:14">
      <c r="N786220" s="10"/>
    </row>
    <row r="786221" spans="14:14">
      <c r="N786221" s="10"/>
    </row>
    <row r="786222" spans="14:14">
      <c r="N786222" s="10"/>
    </row>
    <row r="786223" spans="14:14">
      <c r="N786223" s="10"/>
    </row>
    <row r="786224" spans="14:14">
      <c r="N786224" s="10"/>
    </row>
    <row r="786225" spans="14:14">
      <c r="N786225" s="10"/>
    </row>
    <row r="786226" spans="14:14">
      <c r="N786226" s="10"/>
    </row>
    <row r="786227" spans="14:14">
      <c r="N786227" s="10"/>
    </row>
    <row r="786228" spans="14:14">
      <c r="N786228" s="10"/>
    </row>
    <row r="786229" spans="14:14">
      <c r="N786229" s="10"/>
    </row>
    <row r="786230" spans="14:14">
      <c r="N786230" s="10"/>
    </row>
    <row r="786231" spans="14:14">
      <c r="N786231" s="10"/>
    </row>
    <row r="786232" spans="14:14">
      <c r="N786232" s="10"/>
    </row>
    <row r="786233" spans="14:14">
      <c r="N786233" s="10"/>
    </row>
    <row r="786234" spans="14:14">
      <c r="N786234" s="10"/>
    </row>
    <row r="786235" spans="14:14">
      <c r="N786235" s="10"/>
    </row>
    <row r="786236" spans="14:14">
      <c r="N786236" s="10"/>
    </row>
    <row r="786237" spans="14:14">
      <c r="N786237" s="10"/>
    </row>
    <row r="786238" spans="14:14">
      <c r="N786238" s="10"/>
    </row>
    <row r="786239" spans="14:14">
      <c r="N786239" s="10"/>
    </row>
    <row r="786240" spans="14:14">
      <c r="N786240" s="10"/>
    </row>
    <row r="786241" spans="14:14">
      <c r="N786241" s="10"/>
    </row>
    <row r="786242" spans="14:14">
      <c r="N786242" s="10"/>
    </row>
    <row r="786243" spans="14:14">
      <c r="N786243" s="10"/>
    </row>
    <row r="786244" spans="14:14">
      <c r="N786244" s="10"/>
    </row>
    <row r="786245" spans="14:14">
      <c r="N786245" s="10"/>
    </row>
    <row r="786246" spans="14:14">
      <c r="N786246" s="10"/>
    </row>
    <row r="786247" spans="14:14">
      <c r="N786247" s="10"/>
    </row>
    <row r="786248" spans="14:14">
      <c r="N786248" s="10"/>
    </row>
    <row r="786249" spans="14:14">
      <c r="N786249" s="10"/>
    </row>
    <row r="786250" spans="14:14">
      <c r="N786250" s="10"/>
    </row>
    <row r="786251" spans="14:14">
      <c r="N786251" s="10"/>
    </row>
    <row r="786252" spans="14:14">
      <c r="N786252" s="10"/>
    </row>
    <row r="786253" spans="14:14">
      <c r="N786253" s="10"/>
    </row>
    <row r="786254" spans="14:14">
      <c r="N786254" s="10"/>
    </row>
    <row r="786255" spans="14:14">
      <c r="N786255" s="10"/>
    </row>
    <row r="786256" spans="14:14">
      <c r="N786256" s="10"/>
    </row>
    <row r="786257" spans="14:14">
      <c r="N786257" s="10"/>
    </row>
    <row r="786258" spans="14:14">
      <c r="N786258" s="10"/>
    </row>
    <row r="786259" spans="14:14">
      <c r="N786259" s="10"/>
    </row>
    <row r="786260" spans="14:14">
      <c r="N786260" s="10"/>
    </row>
    <row r="786261" spans="14:14">
      <c r="N786261" s="10"/>
    </row>
    <row r="786262" spans="14:14">
      <c r="N786262" s="10"/>
    </row>
    <row r="786263" spans="14:14">
      <c r="N786263" s="10"/>
    </row>
    <row r="786264" spans="14:14">
      <c r="N786264" s="10"/>
    </row>
    <row r="786265" spans="14:14">
      <c r="N786265" s="10"/>
    </row>
    <row r="786266" spans="14:14">
      <c r="N786266" s="10"/>
    </row>
    <row r="786267" spans="14:14">
      <c r="N786267" s="10"/>
    </row>
    <row r="786268" spans="14:14">
      <c r="N786268" s="10"/>
    </row>
    <row r="786269" spans="14:14">
      <c r="N786269" s="10"/>
    </row>
    <row r="786270" spans="14:14">
      <c r="N786270" s="10"/>
    </row>
    <row r="786271" spans="14:14">
      <c r="N786271" s="10"/>
    </row>
    <row r="786272" spans="14:14">
      <c r="N786272" s="10"/>
    </row>
    <row r="786273" spans="14:14">
      <c r="N786273" s="10"/>
    </row>
    <row r="786274" spans="14:14">
      <c r="N786274" s="10"/>
    </row>
    <row r="786275" spans="14:14">
      <c r="N786275" s="10"/>
    </row>
    <row r="786276" spans="14:14">
      <c r="N786276" s="10"/>
    </row>
    <row r="786277" spans="14:14">
      <c r="N786277" s="10"/>
    </row>
    <row r="786278" spans="14:14">
      <c r="N786278" s="10"/>
    </row>
    <row r="786279" spans="14:14">
      <c r="N786279" s="10"/>
    </row>
    <row r="786280" spans="14:14">
      <c r="N786280" s="10"/>
    </row>
    <row r="786281" spans="14:14">
      <c r="N786281" s="10"/>
    </row>
    <row r="786282" spans="14:14">
      <c r="N786282" s="10"/>
    </row>
    <row r="786283" spans="14:14">
      <c r="N786283" s="10"/>
    </row>
    <row r="786284" spans="14:14">
      <c r="N786284" s="10"/>
    </row>
    <row r="786285" spans="14:14">
      <c r="N786285" s="10"/>
    </row>
    <row r="786286" spans="14:14">
      <c r="N786286" s="10"/>
    </row>
    <row r="786287" spans="14:14">
      <c r="N786287" s="10"/>
    </row>
    <row r="786288" spans="14:14">
      <c r="N786288" s="10"/>
    </row>
    <row r="786289" spans="14:14">
      <c r="N786289" s="10"/>
    </row>
    <row r="786290" spans="14:14">
      <c r="N786290" s="10"/>
    </row>
    <row r="786291" spans="14:14">
      <c r="N786291" s="10"/>
    </row>
    <row r="786292" spans="14:14">
      <c r="N786292" s="10"/>
    </row>
    <row r="786293" spans="14:14">
      <c r="N786293" s="10"/>
    </row>
    <row r="786294" spans="14:14">
      <c r="N786294" s="10"/>
    </row>
    <row r="786295" spans="14:14">
      <c r="N786295" s="10"/>
    </row>
    <row r="786296" spans="14:14">
      <c r="N786296" s="10"/>
    </row>
    <row r="786297" spans="14:14">
      <c r="N786297" s="10"/>
    </row>
    <row r="786298" spans="14:14">
      <c r="N786298" s="10"/>
    </row>
    <row r="786299" spans="14:14">
      <c r="N786299" s="10"/>
    </row>
    <row r="786300" spans="14:14">
      <c r="N786300" s="10"/>
    </row>
    <row r="786301" spans="14:14">
      <c r="N786301" s="10"/>
    </row>
    <row r="786302" spans="14:14">
      <c r="N786302" s="10"/>
    </row>
    <row r="786303" spans="14:14">
      <c r="N786303" s="10"/>
    </row>
    <row r="786304" spans="14:14">
      <c r="N786304" s="10"/>
    </row>
    <row r="786305" spans="14:14">
      <c r="N786305" s="10"/>
    </row>
    <row r="786306" spans="14:14">
      <c r="N786306" s="10"/>
    </row>
    <row r="786307" spans="14:14">
      <c r="N786307" s="10"/>
    </row>
    <row r="786308" spans="14:14">
      <c r="N786308" s="10"/>
    </row>
    <row r="786309" spans="14:14">
      <c r="N786309" s="10"/>
    </row>
    <row r="786310" spans="14:14">
      <c r="N786310" s="10"/>
    </row>
    <row r="786311" spans="14:14">
      <c r="N786311" s="10"/>
    </row>
    <row r="786312" spans="14:14">
      <c r="N786312" s="10"/>
    </row>
    <row r="786313" spans="14:14">
      <c r="N786313" s="10"/>
    </row>
    <row r="786314" spans="14:14">
      <c r="N786314" s="10"/>
    </row>
    <row r="786315" spans="14:14">
      <c r="N786315" s="10"/>
    </row>
    <row r="786316" spans="14:14">
      <c r="N786316" s="10"/>
    </row>
    <row r="786317" spans="14:14">
      <c r="N786317" s="10"/>
    </row>
    <row r="786318" spans="14:14">
      <c r="N786318" s="10"/>
    </row>
    <row r="786319" spans="14:14">
      <c r="N786319" s="10"/>
    </row>
    <row r="786320" spans="14:14">
      <c r="N786320" s="10"/>
    </row>
    <row r="786321" spans="14:14">
      <c r="N786321" s="10"/>
    </row>
    <row r="786322" spans="14:14">
      <c r="N786322" s="10"/>
    </row>
    <row r="786323" spans="14:14">
      <c r="N786323" s="10"/>
    </row>
    <row r="786324" spans="14:14">
      <c r="N786324" s="10"/>
    </row>
    <row r="786325" spans="14:14">
      <c r="N786325" s="10"/>
    </row>
    <row r="786326" spans="14:14">
      <c r="N786326" s="10"/>
    </row>
    <row r="786327" spans="14:14">
      <c r="N786327" s="10"/>
    </row>
    <row r="786328" spans="14:14">
      <c r="N786328" s="10"/>
    </row>
    <row r="786329" spans="14:14">
      <c r="N786329" s="10"/>
    </row>
    <row r="786330" spans="14:14">
      <c r="N786330" s="10"/>
    </row>
    <row r="786331" spans="14:14">
      <c r="N786331" s="10"/>
    </row>
    <row r="786332" spans="14:14">
      <c r="N786332" s="10"/>
    </row>
    <row r="786333" spans="14:14">
      <c r="N786333" s="10"/>
    </row>
    <row r="786334" spans="14:14">
      <c r="N786334" s="10"/>
    </row>
    <row r="786335" spans="14:14">
      <c r="N786335" s="10"/>
    </row>
    <row r="786336" spans="14:14">
      <c r="N786336" s="10"/>
    </row>
    <row r="786337" spans="14:14">
      <c r="N786337" s="10"/>
    </row>
    <row r="786338" spans="14:14">
      <c r="N786338" s="10"/>
    </row>
    <row r="786339" spans="14:14">
      <c r="N786339" s="10"/>
    </row>
    <row r="786340" spans="14:14">
      <c r="N786340" s="10"/>
    </row>
    <row r="786341" spans="14:14">
      <c r="N786341" s="10"/>
    </row>
    <row r="786342" spans="14:14">
      <c r="N786342" s="10"/>
    </row>
    <row r="786343" spans="14:14">
      <c r="N786343" s="10"/>
    </row>
    <row r="786344" spans="14:14">
      <c r="N786344" s="10"/>
    </row>
    <row r="786345" spans="14:14">
      <c r="N786345" s="10"/>
    </row>
    <row r="786346" spans="14:14">
      <c r="N786346" s="10"/>
    </row>
    <row r="786347" spans="14:14">
      <c r="N786347" s="10"/>
    </row>
    <row r="786348" spans="14:14">
      <c r="N786348" s="10"/>
    </row>
    <row r="786349" spans="14:14">
      <c r="N786349" s="10"/>
    </row>
    <row r="786350" spans="14:14">
      <c r="N786350" s="10"/>
    </row>
    <row r="786351" spans="14:14">
      <c r="N786351" s="10"/>
    </row>
    <row r="786352" spans="14:14">
      <c r="N786352" s="10"/>
    </row>
    <row r="786353" spans="14:14">
      <c r="N786353" s="10"/>
    </row>
    <row r="786354" spans="14:14">
      <c r="N786354" s="10"/>
    </row>
    <row r="786355" spans="14:14">
      <c r="N786355" s="10"/>
    </row>
    <row r="786356" spans="14:14">
      <c r="N786356" s="10"/>
    </row>
    <row r="786357" spans="14:14">
      <c r="N786357" s="10"/>
    </row>
    <row r="786358" spans="14:14">
      <c r="N786358" s="10"/>
    </row>
    <row r="786359" spans="14:14">
      <c r="N786359" s="10"/>
    </row>
    <row r="786360" spans="14:14">
      <c r="N786360" s="10"/>
    </row>
    <row r="786361" spans="14:14">
      <c r="N786361" s="10"/>
    </row>
    <row r="786362" spans="14:14">
      <c r="N786362" s="10"/>
    </row>
    <row r="786363" spans="14:14">
      <c r="N786363" s="10"/>
    </row>
    <row r="786364" spans="14:14">
      <c r="N786364" s="10"/>
    </row>
    <row r="786365" spans="14:14">
      <c r="N786365" s="10"/>
    </row>
    <row r="786366" spans="14:14">
      <c r="N786366" s="10"/>
    </row>
    <row r="786367" spans="14:14">
      <c r="N786367" s="10"/>
    </row>
    <row r="786368" spans="14:14">
      <c r="N786368" s="10"/>
    </row>
    <row r="786369" spans="14:14">
      <c r="N786369" s="10"/>
    </row>
    <row r="786370" spans="14:14">
      <c r="N786370" s="10"/>
    </row>
    <row r="786371" spans="14:14">
      <c r="N786371" s="10"/>
    </row>
    <row r="786372" spans="14:14">
      <c r="N786372" s="10"/>
    </row>
    <row r="786373" spans="14:14">
      <c r="N786373" s="10"/>
    </row>
    <row r="786374" spans="14:14">
      <c r="N786374" s="10"/>
    </row>
    <row r="786375" spans="14:14">
      <c r="N786375" s="10"/>
    </row>
    <row r="786376" spans="14:14">
      <c r="N786376" s="10"/>
    </row>
    <row r="786377" spans="14:14">
      <c r="N786377" s="10"/>
    </row>
    <row r="786378" spans="14:14">
      <c r="N786378" s="10"/>
    </row>
    <row r="786379" spans="14:14">
      <c r="N786379" s="10"/>
    </row>
    <row r="786380" spans="14:14">
      <c r="N786380" s="10"/>
    </row>
    <row r="786381" spans="14:14">
      <c r="N786381" s="10"/>
    </row>
    <row r="786382" spans="14:14">
      <c r="N786382" s="10"/>
    </row>
    <row r="786383" spans="14:14">
      <c r="N786383" s="10"/>
    </row>
    <row r="786384" spans="14:14">
      <c r="N786384" s="10"/>
    </row>
    <row r="786385" spans="14:14">
      <c r="N786385" s="10"/>
    </row>
    <row r="786386" spans="14:14">
      <c r="N786386" s="10"/>
    </row>
    <row r="786387" spans="14:14">
      <c r="N786387" s="10"/>
    </row>
    <row r="786388" spans="14:14">
      <c r="N786388" s="10"/>
    </row>
    <row r="786389" spans="14:14">
      <c r="N786389" s="10"/>
    </row>
    <row r="786390" spans="14:14">
      <c r="N786390" s="10"/>
    </row>
    <row r="786391" spans="14:14">
      <c r="N786391" s="10"/>
    </row>
    <row r="786392" spans="14:14">
      <c r="N786392" s="10"/>
    </row>
    <row r="786393" spans="14:14">
      <c r="N786393" s="10"/>
    </row>
    <row r="786394" spans="14:14">
      <c r="N786394" s="10"/>
    </row>
    <row r="786395" spans="14:14">
      <c r="N786395" s="10"/>
    </row>
    <row r="786396" spans="14:14">
      <c r="N786396" s="10"/>
    </row>
    <row r="786397" spans="14:14">
      <c r="N786397" s="10"/>
    </row>
    <row r="786398" spans="14:14">
      <c r="N786398" s="10"/>
    </row>
    <row r="786399" spans="14:14">
      <c r="N786399" s="10"/>
    </row>
    <row r="786400" spans="14:14">
      <c r="N786400" s="10"/>
    </row>
    <row r="786401" spans="14:14">
      <c r="N786401" s="10"/>
    </row>
    <row r="786402" spans="14:14">
      <c r="N786402" s="10"/>
    </row>
    <row r="786403" spans="14:14">
      <c r="N786403" s="10"/>
    </row>
    <row r="786404" spans="14:14">
      <c r="N786404" s="10"/>
    </row>
    <row r="786405" spans="14:14">
      <c r="N786405" s="10"/>
    </row>
    <row r="786406" spans="14:14">
      <c r="N786406" s="10"/>
    </row>
    <row r="786407" spans="14:14">
      <c r="N786407" s="10"/>
    </row>
    <row r="786408" spans="14:14">
      <c r="N786408" s="10"/>
    </row>
    <row r="786409" spans="14:14">
      <c r="N786409" s="10"/>
    </row>
    <row r="786410" spans="14:14">
      <c r="N786410" s="10"/>
    </row>
    <row r="786411" spans="14:14">
      <c r="N786411" s="10"/>
    </row>
    <row r="786412" spans="14:14">
      <c r="N786412" s="10"/>
    </row>
    <row r="786413" spans="14:14">
      <c r="N786413" s="10"/>
    </row>
    <row r="786414" spans="14:14">
      <c r="N786414" s="10"/>
    </row>
    <row r="786415" spans="14:14">
      <c r="N786415" s="10"/>
    </row>
    <row r="786416" spans="14:14">
      <c r="N786416" s="10"/>
    </row>
    <row r="786417" spans="14:14">
      <c r="N786417" s="10"/>
    </row>
    <row r="786418" spans="14:14">
      <c r="N786418" s="10"/>
    </row>
    <row r="786419" spans="14:14">
      <c r="N786419" s="10"/>
    </row>
    <row r="786420" spans="14:14">
      <c r="N786420" s="10"/>
    </row>
    <row r="786421" spans="14:14">
      <c r="N786421" s="10"/>
    </row>
    <row r="786422" spans="14:14">
      <c r="N786422" s="10"/>
    </row>
    <row r="786423" spans="14:14">
      <c r="N786423" s="10"/>
    </row>
    <row r="786424" spans="14:14">
      <c r="N786424" s="10"/>
    </row>
    <row r="786425" spans="14:14">
      <c r="N786425" s="10"/>
    </row>
    <row r="786426" spans="14:14">
      <c r="N786426" s="10"/>
    </row>
    <row r="786427" spans="14:14">
      <c r="N786427" s="10"/>
    </row>
    <row r="786428" spans="14:14">
      <c r="N786428" s="10"/>
    </row>
    <row r="786429" spans="14:14">
      <c r="N786429" s="10"/>
    </row>
    <row r="786430" spans="14:14">
      <c r="N786430" s="10"/>
    </row>
    <row r="786431" spans="14:14">
      <c r="N786431" s="10"/>
    </row>
    <row r="786432" spans="14:14">
      <c r="N786432" s="10"/>
    </row>
    <row r="786433" spans="14:14">
      <c r="N786433" s="10"/>
    </row>
    <row r="786434" spans="14:14">
      <c r="N786434" s="10"/>
    </row>
    <row r="786435" spans="14:14">
      <c r="N786435" s="10"/>
    </row>
    <row r="786436" spans="14:14">
      <c r="N786436" s="10"/>
    </row>
    <row r="786437" spans="14:14">
      <c r="N786437" s="10"/>
    </row>
    <row r="786438" spans="14:14">
      <c r="N786438" s="10"/>
    </row>
    <row r="786439" spans="14:14">
      <c r="N786439" s="10"/>
    </row>
    <row r="786440" spans="14:14">
      <c r="N786440" s="10"/>
    </row>
    <row r="786441" spans="14:14">
      <c r="N786441" s="10"/>
    </row>
    <row r="786442" spans="14:14">
      <c r="N786442" s="10"/>
    </row>
    <row r="786443" spans="14:14">
      <c r="N786443" s="10"/>
    </row>
    <row r="786444" spans="14:14">
      <c r="N786444" s="10"/>
    </row>
    <row r="786445" spans="14:14">
      <c r="N786445" s="10"/>
    </row>
    <row r="786446" spans="14:14">
      <c r="N786446" s="10"/>
    </row>
    <row r="786447" spans="14:14">
      <c r="N786447" s="10"/>
    </row>
    <row r="786448" spans="14:14">
      <c r="N786448" s="10"/>
    </row>
    <row r="786449" spans="14:14">
      <c r="N786449" s="10"/>
    </row>
    <row r="786450" spans="14:14">
      <c r="N786450" s="10"/>
    </row>
    <row r="786451" spans="14:14">
      <c r="N786451" s="10"/>
    </row>
    <row r="786452" spans="14:14">
      <c r="N786452" s="10"/>
    </row>
    <row r="786453" spans="14:14">
      <c r="N786453" s="10"/>
    </row>
    <row r="786454" spans="14:14">
      <c r="N786454" s="10"/>
    </row>
    <row r="786455" spans="14:14">
      <c r="N786455" s="10"/>
    </row>
    <row r="786456" spans="14:14">
      <c r="N786456" s="10"/>
    </row>
    <row r="786457" spans="14:14">
      <c r="N786457" s="10"/>
    </row>
    <row r="786458" spans="14:14">
      <c r="N786458" s="10"/>
    </row>
    <row r="786459" spans="14:14">
      <c r="N786459" s="10"/>
    </row>
    <row r="786460" spans="14:14">
      <c r="N786460" s="10"/>
    </row>
    <row r="786461" spans="14:14">
      <c r="N786461" s="10"/>
    </row>
    <row r="786462" spans="14:14">
      <c r="N786462" s="10"/>
    </row>
    <row r="786463" spans="14:14">
      <c r="N786463" s="10"/>
    </row>
    <row r="786464" spans="14:14">
      <c r="N786464" s="10"/>
    </row>
    <row r="786465" spans="14:14">
      <c r="N786465" s="10"/>
    </row>
    <row r="786466" spans="14:14">
      <c r="N786466" s="10"/>
    </row>
    <row r="786467" spans="14:14">
      <c r="N786467" s="10"/>
    </row>
    <row r="786468" spans="14:14">
      <c r="N786468" s="10"/>
    </row>
    <row r="786469" spans="14:14">
      <c r="N786469" s="10"/>
    </row>
    <row r="786470" spans="14:14">
      <c r="N786470" s="10"/>
    </row>
    <row r="786471" spans="14:14">
      <c r="N786471" s="10"/>
    </row>
    <row r="786472" spans="14:14">
      <c r="N786472" s="10"/>
    </row>
    <row r="786473" spans="14:14">
      <c r="N786473" s="10"/>
    </row>
    <row r="786474" spans="14:14">
      <c r="N786474" s="10"/>
    </row>
    <row r="786475" spans="14:14">
      <c r="N786475" s="10"/>
    </row>
    <row r="786476" spans="14:14">
      <c r="N786476" s="10"/>
    </row>
    <row r="786477" spans="14:14">
      <c r="N786477" s="10"/>
    </row>
    <row r="786478" spans="14:14">
      <c r="N786478" s="10"/>
    </row>
    <row r="786479" spans="14:14">
      <c r="N786479" s="10"/>
    </row>
    <row r="786480" spans="14:14">
      <c r="N786480" s="10"/>
    </row>
    <row r="786481" spans="14:14">
      <c r="N786481" s="10"/>
    </row>
    <row r="786482" spans="14:14">
      <c r="N786482" s="10"/>
    </row>
    <row r="786483" spans="14:14">
      <c r="N786483" s="10"/>
    </row>
    <row r="786484" spans="14:14">
      <c r="N786484" s="10"/>
    </row>
    <row r="786485" spans="14:14">
      <c r="N786485" s="10"/>
    </row>
    <row r="786486" spans="14:14">
      <c r="N786486" s="10"/>
    </row>
    <row r="786487" spans="14:14">
      <c r="N786487" s="10"/>
    </row>
    <row r="786488" spans="14:14">
      <c r="N786488" s="10"/>
    </row>
    <row r="786489" spans="14:14">
      <c r="N786489" s="10"/>
    </row>
    <row r="786490" spans="14:14">
      <c r="N786490" s="10"/>
    </row>
    <row r="786491" spans="14:14">
      <c r="N786491" s="10"/>
    </row>
    <row r="786492" spans="14:14">
      <c r="N786492" s="10"/>
    </row>
    <row r="786493" spans="14:14">
      <c r="N786493" s="10"/>
    </row>
    <row r="786494" spans="14:14">
      <c r="N786494" s="10"/>
    </row>
    <row r="786495" spans="14:14">
      <c r="N786495" s="10"/>
    </row>
    <row r="786496" spans="14:14">
      <c r="N786496" s="10"/>
    </row>
    <row r="786497" spans="14:14">
      <c r="N786497" s="10"/>
    </row>
    <row r="786498" spans="14:14">
      <c r="N786498" s="10"/>
    </row>
    <row r="786499" spans="14:14">
      <c r="N786499" s="10"/>
    </row>
    <row r="786500" spans="14:14">
      <c r="N786500" s="10"/>
    </row>
    <row r="786501" spans="14:14">
      <c r="N786501" s="10"/>
    </row>
    <row r="786502" spans="14:14">
      <c r="N786502" s="10"/>
    </row>
    <row r="786503" spans="14:14">
      <c r="N786503" s="10"/>
    </row>
    <row r="786504" spans="14:14">
      <c r="N786504" s="10"/>
    </row>
    <row r="786505" spans="14:14">
      <c r="N786505" s="10"/>
    </row>
    <row r="786506" spans="14:14">
      <c r="N786506" s="10"/>
    </row>
    <row r="786507" spans="14:14">
      <c r="N786507" s="10"/>
    </row>
    <row r="786508" spans="14:14">
      <c r="N786508" s="10"/>
    </row>
    <row r="786509" spans="14:14">
      <c r="N786509" s="10"/>
    </row>
    <row r="786510" spans="14:14">
      <c r="N786510" s="10"/>
    </row>
    <row r="786511" spans="14:14">
      <c r="N786511" s="10"/>
    </row>
    <row r="786512" spans="14:14">
      <c r="N786512" s="10"/>
    </row>
    <row r="786513" spans="14:14">
      <c r="N786513" s="10"/>
    </row>
    <row r="786514" spans="14:14">
      <c r="N786514" s="10"/>
    </row>
    <row r="786515" spans="14:14">
      <c r="N786515" s="10"/>
    </row>
    <row r="786516" spans="14:14">
      <c r="N786516" s="10"/>
    </row>
    <row r="786517" spans="14:14">
      <c r="N786517" s="10"/>
    </row>
    <row r="786518" spans="14:14">
      <c r="N786518" s="10"/>
    </row>
    <row r="786519" spans="14:14">
      <c r="N786519" s="10"/>
    </row>
    <row r="786520" spans="14:14">
      <c r="N786520" s="10"/>
    </row>
    <row r="786521" spans="14:14">
      <c r="N786521" s="10"/>
    </row>
    <row r="786522" spans="14:14">
      <c r="N786522" s="10"/>
    </row>
    <row r="786523" spans="14:14">
      <c r="N786523" s="10"/>
    </row>
    <row r="786524" spans="14:14">
      <c r="N786524" s="10"/>
    </row>
    <row r="786525" spans="14:14">
      <c r="N786525" s="10"/>
    </row>
    <row r="786526" spans="14:14">
      <c r="N786526" s="10"/>
    </row>
    <row r="786527" spans="14:14">
      <c r="N786527" s="10"/>
    </row>
    <row r="786528" spans="14:14">
      <c r="N786528" s="10"/>
    </row>
    <row r="786529" spans="14:14">
      <c r="N786529" s="10"/>
    </row>
    <row r="786530" spans="14:14">
      <c r="N786530" s="10"/>
    </row>
    <row r="786531" spans="14:14">
      <c r="N786531" s="10"/>
    </row>
    <row r="786532" spans="14:14">
      <c r="N786532" s="10"/>
    </row>
    <row r="786533" spans="14:14">
      <c r="N786533" s="10"/>
    </row>
    <row r="786534" spans="14:14">
      <c r="N786534" s="10"/>
    </row>
    <row r="786535" spans="14:14">
      <c r="N786535" s="10"/>
    </row>
    <row r="786536" spans="14:14">
      <c r="N786536" s="10"/>
    </row>
    <row r="786537" spans="14:14">
      <c r="N786537" s="10"/>
    </row>
    <row r="786538" spans="14:14">
      <c r="N786538" s="10"/>
    </row>
    <row r="786539" spans="14:14">
      <c r="N786539" s="10"/>
    </row>
    <row r="786540" spans="14:14">
      <c r="N786540" s="10"/>
    </row>
    <row r="786541" spans="14:14">
      <c r="N786541" s="10"/>
    </row>
    <row r="786542" spans="14:14">
      <c r="N786542" s="10"/>
    </row>
    <row r="786543" spans="14:14">
      <c r="N786543" s="10"/>
    </row>
    <row r="786544" spans="14:14">
      <c r="N786544" s="10"/>
    </row>
    <row r="786545" spans="14:14">
      <c r="N786545" s="10"/>
    </row>
    <row r="786546" spans="14:14">
      <c r="N786546" s="10"/>
    </row>
    <row r="786547" spans="14:14">
      <c r="N786547" s="10"/>
    </row>
    <row r="786548" spans="14:14">
      <c r="N786548" s="10"/>
    </row>
    <row r="786549" spans="14:14">
      <c r="N786549" s="10"/>
    </row>
    <row r="786550" spans="14:14">
      <c r="N786550" s="10"/>
    </row>
    <row r="786551" spans="14:14">
      <c r="N786551" s="10"/>
    </row>
    <row r="786552" spans="14:14">
      <c r="N786552" s="10"/>
    </row>
    <row r="786553" spans="14:14">
      <c r="N786553" s="10"/>
    </row>
    <row r="786554" spans="14:14">
      <c r="N786554" s="10"/>
    </row>
    <row r="786555" spans="14:14">
      <c r="N786555" s="10"/>
    </row>
    <row r="786556" spans="14:14">
      <c r="N786556" s="10"/>
    </row>
    <row r="786557" spans="14:14">
      <c r="N786557" s="10"/>
    </row>
    <row r="786558" spans="14:14">
      <c r="N786558" s="10"/>
    </row>
    <row r="786559" spans="14:14">
      <c r="N786559" s="10"/>
    </row>
    <row r="786560" spans="14:14">
      <c r="N786560" s="10"/>
    </row>
    <row r="786561" spans="14:14">
      <c r="N786561" s="10"/>
    </row>
    <row r="786562" spans="14:14">
      <c r="N786562" s="10"/>
    </row>
    <row r="786563" spans="14:14">
      <c r="N786563" s="10"/>
    </row>
    <row r="786564" spans="14:14">
      <c r="N786564" s="10"/>
    </row>
    <row r="786565" spans="14:14">
      <c r="N786565" s="10"/>
    </row>
    <row r="786566" spans="14:14">
      <c r="N786566" s="10"/>
    </row>
    <row r="786567" spans="14:14">
      <c r="N786567" s="10"/>
    </row>
    <row r="786568" spans="14:14">
      <c r="N786568" s="10"/>
    </row>
    <row r="786569" spans="14:14">
      <c r="N786569" s="10"/>
    </row>
    <row r="786570" spans="14:14">
      <c r="N786570" s="10"/>
    </row>
    <row r="786571" spans="14:14">
      <c r="N786571" s="10"/>
    </row>
    <row r="786572" spans="14:14">
      <c r="N786572" s="10"/>
    </row>
    <row r="786573" spans="14:14">
      <c r="N786573" s="10"/>
    </row>
    <row r="786574" spans="14:14">
      <c r="N786574" s="10"/>
    </row>
    <row r="786575" spans="14:14">
      <c r="N786575" s="10"/>
    </row>
    <row r="786576" spans="14:14">
      <c r="N786576" s="10"/>
    </row>
    <row r="786577" spans="14:14">
      <c r="N786577" s="10"/>
    </row>
    <row r="786578" spans="14:14">
      <c r="N786578" s="10"/>
    </row>
    <row r="786579" spans="14:14">
      <c r="N786579" s="10"/>
    </row>
    <row r="786580" spans="14:14">
      <c r="N786580" s="10"/>
    </row>
    <row r="786581" spans="14:14">
      <c r="N786581" s="10"/>
    </row>
    <row r="786582" spans="14:14">
      <c r="N786582" s="10"/>
    </row>
    <row r="786583" spans="14:14">
      <c r="N786583" s="10"/>
    </row>
    <row r="786584" spans="14:14">
      <c r="N786584" s="10"/>
    </row>
    <row r="786585" spans="14:14">
      <c r="N786585" s="10"/>
    </row>
    <row r="786586" spans="14:14">
      <c r="N786586" s="10"/>
    </row>
    <row r="786587" spans="14:14">
      <c r="N786587" s="10"/>
    </row>
    <row r="786588" spans="14:14">
      <c r="N786588" s="10"/>
    </row>
    <row r="786589" spans="14:14">
      <c r="N786589" s="10"/>
    </row>
    <row r="786590" spans="14:14">
      <c r="N786590" s="10"/>
    </row>
    <row r="786591" spans="14:14">
      <c r="N786591" s="10"/>
    </row>
    <row r="786592" spans="14:14">
      <c r="N786592" s="10"/>
    </row>
    <row r="786593" spans="14:14">
      <c r="N786593" s="10"/>
    </row>
    <row r="786594" spans="14:14">
      <c r="N786594" s="10"/>
    </row>
    <row r="786595" spans="14:14">
      <c r="N786595" s="10"/>
    </row>
    <row r="786596" spans="14:14">
      <c r="N786596" s="10"/>
    </row>
    <row r="786597" spans="14:14">
      <c r="N786597" s="10"/>
    </row>
    <row r="786598" spans="14:14">
      <c r="N786598" s="10"/>
    </row>
    <row r="786599" spans="14:14">
      <c r="N786599" s="10"/>
    </row>
    <row r="786600" spans="14:14">
      <c r="N786600" s="10"/>
    </row>
    <row r="786601" spans="14:14">
      <c r="N786601" s="10"/>
    </row>
    <row r="786602" spans="14:14">
      <c r="N786602" s="10"/>
    </row>
    <row r="786603" spans="14:14">
      <c r="N786603" s="10"/>
    </row>
    <row r="786604" spans="14:14">
      <c r="N786604" s="10"/>
    </row>
    <row r="786605" spans="14:14">
      <c r="N786605" s="10"/>
    </row>
    <row r="786606" spans="14:14">
      <c r="N786606" s="10"/>
    </row>
    <row r="786607" spans="14:14">
      <c r="N786607" s="10"/>
    </row>
    <row r="786608" spans="14:14">
      <c r="N786608" s="10"/>
    </row>
    <row r="786609" spans="14:14">
      <c r="N786609" s="10"/>
    </row>
    <row r="786610" spans="14:14">
      <c r="N786610" s="10"/>
    </row>
    <row r="786611" spans="14:14">
      <c r="N786611" s="10"/>
    </row>
    <row r="786612" spans="14:14">
      <c r="N786612" s="10"/>
    </row>
    <row r="786613" spans="14:14">
      <c r="N786613" s="10"/>
    </row>
    <row r="786614" spans="14:14">
      <c r="N786614" s="10"/>
    </row>
    <row r="786615" spans="14:14">
      <c r="N786615" s="10"/>
    </row>
    <row r="786616" spans="14:14">
      <c r="N786616" s="10"/>
    </row>
    <row r="786617" spans="14:14">
      <c r="N786617" s="10"/>
    </row>
    <row r="786618" spans="14:14">
      <c r="N786618" s="10"/>
    </row>
    <row r="786619" spans="14:14">
      <c r="N786619" s="10"/>
    </row>
    <row r="786620" spans="14:14">
      <c r="N786620" s="10"/>
    </row>
    <row r="786621" spans="14:14">
      <c r="N786621" s="10"/>
    </row>
    <row r="786622" spans="14:14">
      <c r="N786622" s="10"/>
    </row>
    <row r="786623" spans="14:14">
      <c r="N786623" s="10"/>
    </row>
    <row r="786624" spans="14:14">
      <c r="N786624" s="10"/>
    </row>
    <row r="786625" spans="14:14">
      <c r="N786625" s="10"/>
    </row>
    <row r="786626" spans="14:14">
      <c r="N786626" s="10"/>
    </row>
    <row r="786627" spans="14:14">
      <c r="N786627" s="10"/>
    </row>
    <row r="786628" spans="14:14">
      <c r="N786628" s="10"/>
    </row>
    <row r="786629" spans="14:14">
      <c r="N786629" s="10"/>
    </row>
    <row r="786630" spans="14:14">
      <c r="N786630" s="10"/>
    </row>
    <row r="786631" spans="14:14">
      <c r="N786631" s="10"/>
    </row>
    <row r="786632" spans="14:14">
      <c r="N786632" s="10"/>
    </row>
    <row r="786633" spans="14:14">
      <c r="N786633" s="10"/>
    </row>
    <row r="786634" spans="14:14">
      <c r="N786634" s="10"/>
    </row>
    <row r="786635" spans="14:14">
      <c r="N786635" s="10"/>
    </row>
    <row r="786636" spans="14:14">
      <c r="N786636" s="10"/>
    </row>
    <row r="786637" spans="14:14">
      <c r="N786637" s="10"/>
    </row>
    <row r="786638" spans="14:14">
      <c r="N786638" s="10"/>
    </row>
    <row r="786639" spans="14:14">
      <c r="N786639" s="10"/>
    </row>
    <row r="786640" spans="14:14">
      <c r="N786640" s="10"/>
    </row>
    <row r="786641" spans="14:14">
      <c r="N786641" s="10"/>
    </row>
    <row r="786642" spans="14:14">
      <c r="N786642" s="10"/>
    </row>
    <row r="786643" spans="14:14">
      <c r="N786643" s="10"/>
    </row>
    <row r="786644" spans="14:14">
      <c r="N786644" s="10"/>
    </row>
    <row r="786645" spans="14:14">
      <c r="N786645" s="10"/>
    </row>
    <row r="786646" spans="14:14">
      <c r="N786646" s="10"/>
    </row>
    <row r="786647" spans="14:14">
      <c r="N786647" s="10"/>
    </row>
    <row r="786648" spans="14:14">
      <c r="N786648" s="10"/>
    </row>
    <row r="786649" spans="14:14">
      <c r="N786649" s="10"/>
    </row>
    <row r="786650" spans="14:14">
      <c r="N786650" s="10"/>
    </row>
    <row r="786651" spans="14:14">
      <c r="N786651" s="10"/>
    </row>
    <row r="786652" spans="14:14">
      <c r="N786652" s="10"/>
    </row>
    <row r="786653" spans="14:14">
      <c r="N786653" s="10"/>
    </row>
    <row r="786654" spans="14:14">
      <c r="N786654" s="10"/>
    </row>
    <row r="786655" spans="14:14">
      <c r="N786655" s="10"/>
    </row>
    <row r="786656" spans="14:14">
      <c r="N786656" s="10"/>
    </row>
    <row r="786657" spans="14:14">
      <c r="N786657" s="10"/>
    </row>
    <row r="786658" spans="14:14">
      <c r="N786658" s="10"/>
    </row>
    <row r="786659" spans="14:14">
      <c r="N786659" s="10"/>
    </row>
    <row r="786660" spans="14:14">
      <c r="N786660" s="10"/>
    </row>
    <row r="786661" spans="14:14">
      <c r="N786661" s="10"/>
    </row>
    <row r="786662" spans="14:14">
      <c r="N786662" s="10"/>
    </row>
    <row r="786663" spans="14:14">
      <c r="N786663" s="10"/>
    </row>
    <row r="786664" spans="14:14">
      <c r="N786664" s="10"/>
    </row>
    <row r="786665" spans="14:14">
      <c r="N786665" s="10"/>
    </row>
    <row r="786666" spans="14:14">
      <c r="N786666" s="10"/>
    </row>
    <row r="786667" spans="14:14">
      <c r="N786667" s="10"/>
    </row>
    <row r="786668" spans="14:14">
      <c r="N786668" s="10"/>
    </row>
    <row r="786669" spans="14:14">
      <c r="N786669" s="10"/>
    </row>
    <row r="786670" spans="14:14">
      <c r="N786670" s="10"/>
    </row>
    <row r="786671" spans="14:14">
      <c r="N786671" s="10"/>
    </row>
    <row r="786672" spans="14:14">
      <c r="N786672" s="10"/>
    </row>
    <row r="786673" spans="14:14">
      <c r="N786673" s="10"/>
    </row>
    <row r="786674" spans="14:14">
      <c r="N786674" s="10"/>
    </row>
    <row r="786675" spans="14:14">
      <c r="N786675" s="10"/>
    </row>
    <row r="786676" spans="14:14">
      <c r="N786676" s="10"/>
    </row>
    <row r="786677" spans="14:14">
      <c r="N786677" s="10"/>
    </row>
    <row r="786678" spans="14:14">
      <c r="N786678" s="10"/>
    </row>
    <row r="786679" spans="14:14">
      <c r="N786679" s="10"/>
    </row>
    <row r="786680" spans="14:14">
      <c r="N786680" s="10"/>
    </row>
    <row r="786681" spans="14:14">
      <c r="N786681" s="10"/>
    </row>
    <row r="786682" spans="14:14">
      <c r="N786682" s="10"/>
    </row>
    <row r="786683" spans="14:14">
      <c r="N786683" s="10"/>
    </row>
    <row r="786684" spans="14:14">
      <c r="N786684" s="10"/>
    </row>
    <row r="786685" spans="14:14">
      <c r="N786685" s="10"/>
    </row>
    <row r="786686" spans="14:14">
      <c r="N786686" s="10"/>
    </row>
    <row r="786687" spans="14:14">
      <c r="N786687" s="10"/>
    </row>
    <row r="786688" spans="14:14">
      <c r="N786688" s="10"/>
    </row>
    <row r="786689" spans="14:14">
      <c r="N786689" s="10"/>
    </row>
    <row r="786690" spans="14:14">
      <c r="N786690" s="10"/>
    </row>
    <row r="786691" spans="14:14">
      <c r="N786691" s="10"/>
    </row>
    <row r="786692" spans="14:14">
      <c r="N786692" s="10"/>
    </row>
    <row r="786693" spans="14:14">
      <c r="N786693" s="10"/>
    </row>
    <row r="786694" spans="14:14">
      <c r="N786694" s="10"/>
    </row>
    <row r="786695" spans="14:14">
      <c r="N786695" s="10"/>
    </row>
    <row r="786696" spans="14:14">
      <c r="N786696" s="10"/>
    </row>
    <row r="786697" spans="14:14">
      <c r="N786697" s="10"/>
    </row>
    <row r="786698" spans="14:14">
      <c r="N786698" s="10"/>
    </row>
    <row r="786699" spans="14:14">
      <c r="N786699" s="10"/>
    </row>
    <row r="786700" spans="14:14">
      <c r="N786700" s="10"/>
    </row>
    <row r="786701" spans="14:14">
      <c r="N786701" s="10"/>
    </row>
    <row r="786702" spans="14:14">
      <c r="N786702" s="10"/>
    </row>
    <row r="786703" spans="14:14">
      <c r="N786703" s="10"/>
    </row>
    <row r="786704" spans="14:14">
      <c r="N786704" s="10"/>
    </row>
    <row r="786705" spans="14:14">
      <c r="N786705" s="10"/>
    </row>
    <row r="786706" spans="14:14">
      <c r="N786706" s="10"/>
    </row>
    <row r="786707" spans="14:14">
      <c r="N786707" s="10"/>
    </row>
    <row r="786708" spans="14:14">
      <c r="N786708" s="10"/>
    </row>
    <row r="786709" spans="14:14">
      <c r="N786709" s="10"/>
    </row>
    <row r="786710" spans="14:14">
      <c r="N786710" s="10"/>
    </row>
    <row r="786711" spans="14:14">
      <c r="N786711" s="10"/>
    </row>
    <row r="786712" spans="14:14">
      <c r="N786712" s="10"/>
    </row>
    <row r="786713" spans="14:14">
      <c r="N786713" s="10"/>
    </row>
    <row r="786714" spans="14:14">
      <c r="N786714" s="10"/>
    </row>
    <row r="786715" spans="14:14">
      <c r="N786715" s="10"/>
    </row>
    <row r="786716" spans="14:14">
      <c r="N786716" s="10"/>
    </row>
    <row r="786717" spans="14:14">
      <c r="N786717" s="10"/>
    </row>
    <row r="786718" spans="14:14">
      <c r="N786718" s="10"/>
    </row>
    <row r="786719" spans="14:14">
      <c r="N786719" s="10"/>
    </row>
    <row r="786720" spans="14:14">
      <c r="N786720" s="10"/>
    </row>
    <row r="786721" spans="14:14">
      <c r="N786721" s="10"/>
    </row>
    <row r="786722" spans="14:14">
      <c r="N786722" s="10"/>
    </row>
    <row r="786723" spans="14:14">
      <c r="N786723" s="10"/>
    </row>
    <row r="786724" spans="14:14">
      <c r="N786724" s="10"/>
    </row>
    <row r="786725" spans="14:14">
      <c r="N786725" s="10"/>
    </row>
    <row r="786726" spans="14:14">
      <c r="N786726" s="10"/>
    </row>
    <row r="786727" spans="14:14">
      <c r="N786727" s="10"/>
    </row>
    <row r="786728" spans="14:14">
      <c r="N786728" s="10"/>
    </row>
    <row r="786729" spans="14:14">
      <c r="N786729" s="10"/>
    </row>
    <row r="786730" spans="14:14">
      <c r="N786730" s="10"/>
    </row>
    <row r="786731" spans="14:14">
      <c r="N786731" s="10"/>
    </row>
    <row r="786732" spans="14:14">
      <c r="N786732" s="10"/>
    </row>
    <row r="786733" spans="14:14">
      <c r="N786733" s="10"/>
    </row>
    <row r="786734" spans="14:14">
      <c r="N786734" s="10"/>
    </row>
    <row r="786735" spans="14:14">
      <c r="N786735" s="10"/>
    </row>
    <row r="786736" spans="14:14">
      <c r="N786736" s="10"/>
    </row>
    <row r="786737" spans="14:14">
      <c r="N786737" s="10"/>
    </row>
    <row r="786738" spans="14:14">
      <c r="N786738" s="10"/>
    </row>
    <row r="786739" spans="14:14">
      <c r="N786739" s="10"/>
    </row>
    <row r="786740" spans="14:14">
      <c r="N786740" s="10"/>
    </row>
    <row r="786741" spans="14:14">
      <c r="N786741" s="10"/>
    </row>
    <row r="786742" spans="14:14">
      <c r="N786742" s="10"/>
    </row>
    <row r="786743" spans="14:14">
      <c r="N786743" s="10"/>
    </row>
    <row r="786744" spans="14:14">
      <c r="N786744" s="10"/>
    </row>
    <row r="786745" spans="14:14">
      <c r="N786745" s="10"/>
    </row>
    <row r="786746" spans="14:14">
      <c r="N786746" s="10"/>
    </row>
    <row r="786747" spans="14:14">
      <c r="N786747" s="10"/>
    </row>
    <row r="786748" spans="14:14">
      <c r="N786748" s="10"/>
    </row>
    <row r="786749" spans="14:14">
      <c r="N786749" s="10"/>
    </row>
    <row r="786750" spans="14:14">
      <c r="N786750" s="10"/>
    </row>
    <row r="786751" spans="14:14">
      <c r="N786751" s="10"/>
    </row>
    <row r="786752" spans="14:14">
      <c r="N786752" s="10"/>
    </row>
    <row r="786753" spans="14:14">
      <c r="N786753" s="10"/>
    </row>
    <row r="786754" spans="14:14">
      <c r="N786754" s="10"/>
    </row>
    <row r="786755" spans="14:14">
      <c r="N786755" s="10"/>
    </row>
    <row r="786756" spans="14:14">
      <c r="N786756" s="10"/>
    </row>
    <row r="786757" spans="14:14">
      <c r="N786757" s="10"/>
    </row>
    <row r="786758" spans="14:14">
      <c r="N786758" s="10"/>
    </row>
    <row r="786759" spans="14:14">
      <c r="N786759" s="10"/>
    </row>
    <row r="786760" spans="14:14">
      <c r="N786760" s="10"/>
    </row>
    <row r="786761" spans="14:14">
      <c r="N786761" s="10"/>
    </row>
    <row r="786762" spans="14:14">
      <c r="N786762" s="10"/>
    </row>
    <row r="786763" spans="14:14">
      <c r="N786763" s="10"/>
    </row>
    <row r="786764" spans="14:14">
      <c r="N786764" s="10"/>
    </row>
    <row r="786765" spans="14:14">
      <c r="N786765" s="10"/>
    </row>
    <row r="786766" spans="14:14">
      <c r="N786766" s="10"/>
    </row>
    <row r="786767" spans="14:14">
      <c r="N786767" s="10"/>
    </row>
    <row r="786768" spans="14:14">
      <c r="N786768" s="10"/>
    </row>
    <row r="786769" spans="14:14">
      <c r="N786769" s="10"/>
    </row>
    <row r="786770" spans="14:14">
      <c r="N786770" s="10"/>
    </row>
    <row r="786771" spans="14:14">
      <c r="N786771" s="10"/>
    </row>
    <row r="786772" spans="14:14">
      <c r="N786772" s="10"/>
    </row>
    <row r="786773" spans="14:14">
      <c r="N786773" s="10"/>
    </row>
    <row r="786774" spans="14:14">
      <c r="N786774" s="10"/>
    </row>
    <row r="786775" spans="14:14">
      <c r="N786775" s="10"/>
    </row>
    <row r="786776" spans="14:14">
      <c r="N786776" s="10"/>
    </row>
    <row r="786777" spans="14:14">
      <c r="N786777" s="10"/>
    </row>
    <row r="786778" spans="14:14">
      <c r="N786778" s="10"/>
    </row>
    <row r="786779" spans="14:14">
      <c r="N786779" s="10"/>
    </row>
    <row r="786780" spans="14:14">
      <c r="N786780" s="10"/>
    </row>
    <row r="786781" spans="14:14">
      <c r="N786781" s="10"/>
    </row>
    <row r="786782" spans="14:14">
      <c r="N786782" s="10"/>
    </row>
    <row r="786783" spans="14:14">
      <c r="N786783" s="10"/>
    </row>
    <row r="786784" spans="14:14">
      <c r="N786784" s="10"/>
    </row>
    <row r="786785" spans="14:14">
      <c r="N786785" s="10"/>
    </row>
    <row r="786786" spans="14:14">
      <c r="N786786" s="10"/>
    </row>
    <row r="786787" spans="14:14">
      <c r="N786787" s="10"/>
    </row>
    <row r="786788" spans="14:14">
      <c r="N786788" s="10"/>
    </row>
    <row r="786789" spans="14:14">
      <c r="N786789" s="10"/>
    </row>
    <row r="786790" spans="14:14">
      <c r="N786790" s="10"/>
    </row>
    <row r="786791" spans="14:14">
      <c r="N786791" s="10"/>
    </row>
    <row r="786792" spans="14:14">
      <c r="N786792" s="10"/>
    </row>
    <row r="786793" spans="14:14">
      <c r="N786793" s="10"/>
    </row>
    <row r="786794" spans="14:14">
      <c r="N786794" s="10"/>
    </row>
    <row r="786795" spans="14:14">
      <c r="N786795" s="10"/>
    </row>
    <row r="786796" spans="14:14">
      <c r="N786796" s="10"/>
    </row>
    <row r="786797" spans="14:14">
      <c r="N786797" s="10"/>
    </row>
    <row r="786798" spans="14:14">
      <c r="N786798" s="10"/>
    </row>
    <row r="786799" spans="14:14">
      <c r="N786799" s="10"/>
    </row>
    <row r="786800" spans="14:14">
      <c r="N786800" s="10"/>
    </row>
    <row r="786801" spans="14:14">
      <c r="N786801" s="10"/>
    </row>
    <row r="786802" spans="14:14">
      <c r="N786802" s="10"/>
    </row>
    <row r="786803" spans="14:14">
      <c r="N786803" s="10"/>
    </row>
    <row r="786804" spans="14:14">
      <c r="N786804" s="10"/>
    </row>
    <row r="786805" spans="14:14">
      <c r="N786805" s="10"/>
    </row>
    <row r="786806" spans="14:14">
      <c r="N786806" s="10"/>
    </row>
    <row r="786807" spans="14:14">
      <c r="N786807" s="10"/>
    </row>
    <row r="786808" spans="14:14">
      <c r="N786808" s="10"/>
    </row>
    <row r="786809" spans="14:14">
      <c r="N786809" s="10"/>
    </row>
    <row r="786810" spans="14:14">
      <c r="N786810" s="10"/>
    </row>
    <row r="786811" spans="14:14">
      <c r="N786811" s="10"/>
    </row>
    <row r="786812" spans="14:14">
      <c r="N786812" s="10"/>
    </row>
    <row r="786813" spans="14:14">
      <c r="N786813" s="10"/>
    </row>
    <row r="786814" spans="14:14">
      <c r="N786814" s="10"/>
    </row>
    <row r="786815" spans="14:14">
      <c r="N786815" s="10"/>
    </row>
    <row r="786816" spans="14:14">
      <c r="N786816" s="10"/>
    </row>
    <row r="786817" spans="14:14">
      <c r="N786817" s="10"/>
    </row>
    <row r="786818" spans="14:14">
      <c r="N786818" s="10"/>
    </row>
    <row r="786819" spans="14:14">
      <c r="N786819" s="10"/>
    </row>
    <row r="786820" spans="14:14">
      <c r="N786820" s="10"/>
    </row>
    <row r="786821" spans="14:14">
      <c r="N786821" s="10"/>
    </row>
    <row r="786822" spans="14:14">
      <c r="N786822" s="10"/>
    </row>
    <row r="786823" spans="14:14">
      <c r="N786823" s="10"/>
    </row>
    <row r="786824" spans="14:14">
      <c r="N786824" s="10"/>
    </row>
    <row r="786825" spans="14:14">
      <c r="N786825" s="10"/>
    </row>
    <row r="786826" spans="14:14">
      <c r="N786826" s="10"/>
    </row>
    <row r="786827" spans="14:14">
      <c r="N786827" s="10"/>
    </row>
    <row r="786828" spans="14:14">
      <c r="N786828" s="10"/>
    </row>
    <row r="786829" spans="14:14">
      <c r="N786829" s="10"/>
    </row>
    <row r="786830" spans="14:14">
      <c r="N786830" s="10"/>
    </row>
    <row r="786831" spans="14:14">
      <c r="N786831" s="10"/>
    </row>
    <row r="786832" spans="14:14">
      <c r="N786832" s="10"/>
    </row>
    <row r="786833" spans="14:14">
      <c r="N786833" s="10"/>
    </row>
    <row r="786834" spans="14:14">
      <c r="N786834" s="10"/>
    </row>
    <row r="786835" spans="14:14">
      <c r="N786835" s="10"/>
    </row>
    <row r="786836" spans="14:14">
      <c r="N786836" s="10"/>
    </row>
    <row r="786837" spans="14:14">
      <c r="N786837" s="10"/>
    </row>
    <row r="786838" spans="14:14">
      <c r="N786838" s="10"/>
    </row>
    <row r="786839" spans="14:14">
      <c r="N786839" s="10"/>
    </row>
    <row r="786840" spans="14:14">
      <c r="N786840" s="10"/>
    </row>
    <row r="786841" spans="14:14">
      <c r="N786841" s="10"/>
    </row>
    <row r="786842" spans="14:14">
      <c r="N786842" s="10"/>
    </row>
    <row r="786843" spans="14:14">
      <c r="N786843" s="10"/>
    </row>
    <row r="786844" spans="14:14">
      <c r="N786844" s="10"/>
    </row>
    <row r="786845" spans="14:14">
      <c r="N786845" s="10"/>
    </row>
    <row r="786846" spans="14:14">
      <c r="N786846" s="10"/>
    </row>
    <row r="786847" spans="14:14">
      <c r="N786847" s="10"/>
    </row>
    <row r="786848" spans="14:14">
      <c r="N786848" s="10"/>
    </row>
    <row r="786849" spans="14:14">
      <c r="N786849" s="10"/>
    </row>
    <row r="786850" spans="14:14">
      <c r="N786850" s="10"/>
    </row>
    <row r="786851" spans="14:14">
      <c r="N786851" s="10"/>
    </row>
    <row r="786852" spans="14:14">
      <c r="N786852" s="10"/>
    </row>
    <row r="786853" spans="14:14">
      <c r="N786853" s="10"/>
    </row>
    <row r="786854" spans="14:14">
      <c r="N786854" s="10"/>
    </row>
    <row r="786855" spans="14:14">
      <c r="N786855" s="10"/>
    </row>
    <row r="786856" spans="14:14">
      <c r="N786856" s="10"/>
    </row>
    <row r="786857" spans="14:14">
      <c r="N786857" s="10"/>
    </row>
    <row r="786858" spans="14:14">
      <c r="N786858" s="10"/>
    </row>
    <row r="786859" spans="14:14">
      <c r="N786859" s="10"/>
    </row>
    <row r="786860" spans="14:14">
      <c r="N786860" s="10"/>
    </row>
    <row r="786861" spans="14:14">
      <c r="N786861" s="10"/>
    </row>
    <row r="786862" spans="14:14">
      <c r="N786862" s="10"/>
    </row>
    <row r="786863" spans="14:14">
      <c r="N786863" s="10"/>
    </row>
    <row r="786864" spans="14:14">
      <c r="N786864" s="10"/>
    </row>
    <row r="786865" spans="14:14">
      <c r="N786865" s="10"/>
    </row>
    <row r="786866" spans="14:14">
      <c r="N786866" s="10"/>
    </row>
    <row r="786867" spans="14:14">
      <c r="N786867" s="10"/>
    </row>
    <row r="786868" spans="14:14">
      <c r="N786868" s="10"/>
    </row>
    <row r="786869" spans="14:14">
      <c r="N786869" s="10"/>
    </row>
    <row r="786870" spans="14:14">
      <c r="N786870" s="10"/>
    </row>
    <row r="786871" spans="14:14">
      <c r="N786871" s="10"/>
    </row>
    <row r="786872" spans="14:14">
      <c r="N786872" s="10"/>
    </row>
    <row r="786873" spans="14:14">
      <c r="N786873" s="10"/>
    </row>
    <row r="786874" spans="14:14">
      <c r="N786874" s="10"/>
    </row>
    <row r="786875" spans="14:14">
      <c r="N786875" s="10"/>
    </row>
    <row r="786876" spans="14:14">
      <c r="N786876" s="10"/>
    </row>
    <row r="786877" spans="14:14">
      <c r="N786877" s="10"/>
    </row>
    <row r="786878" spans="14:14">
      <c r="N786878" s="10"/>
    </row>
    <row r="786879" spans="14:14">
      <c r="N786879" s="10"/>
    </row>
    <row r="786880" spans="14:14">
      <c r="N786880" s="10"/>
    </row>
    <row r="786881" spans="14:14">
      <c r="N786881" s="10"/>
    </row>
    <row r="786882" spans="14:14">
      <c r="N786882" s="10"/>
    </row>
    <row r="786883" spans="14:14">
      <c r="N786883" s="10"/>
    </row>
    <row r="786884" spans="14:14">
      <c r="N786884" s="10"/>
    </row>
    <row r="786885" spans="14:14">
      <c r="N786885" s="10"/>
    </row>
    <row r="786886" spans="14:14">
      <c r="N786886" s="10"/>
    </row>
    <row r="786887" spans="14:14">
      <c r="N786887" s="10"/>
    </row>
    <row r="786888" spans="14:14">
      <c r="N786888" s="10"/>
    </row>
    <row r="786889" spans="14:14">
      <c r="N786889" s="10"/>
    </row>
    <row r="786890" spans="14:14">
      <c r="N786890" s="10"/>
    </row>
    <row r="786891" spans="14:14">
      <c r="N786891" s="10"/>
    </row>
    <row r="786892" spans="14:14">
      <c r="N786892" s="10"/>
    </row>
    <row r="786893" spans="14:14">
      <c r="N786893" s="10"/>
    </row>
    <row r="786894" spans="14:14">
      <c r="N786894" s="10"/>
    </row>
    <row r="786895" spans="14:14">
      <c r="N786895" s="10"/>
    </row>
    <row r="786896" spans="14:14">
      <c r="N786896" s="10"/>
    </row>
    <row r="786897" spans="14:14">
      <c r="N786897" s="10"/>
    </row>
    <row r="786898" spans="14:14">
      <c r="N786898" s="10"/>
    </row>
    <row r="786899" spans="14:14">
      <c r="N786899" s="10"/>
    </row>
    <row r="786900" spans="14:14">
      <c r="N786900" s="10"/>
    </row>
    <row r="786901" spans="14:14">
      <c r="N786901" s="10"/>
    </row>
    <row r="786902" spans="14:14">
      <c r="N786902" s="10"/>
    </row>
    <row r="786903" spans="14:14">
      <c r="N786903" s="10"/>
    </row>
    <row r="786904" spans="14:14">
      <c r="N786904" s="10"/>
    </row>
    <row r="786905" spans="14:14">
      <c r="N786905" s="10"/>
    </row>
    <row r="786906" spans="14:14">
      <c r="N786906" s="10"/>
    </row>
    <row r="786907" spans="14:14">
      <c r="N786907" s="10"/>
    </row>
    <row r="786908" spans="14:14">
      <c r="N786908" s="10"/>
    </row>
    <row r="786909" spans="14:14">
      <c r="N786909" s="10"/>
    </row>
    <row r="786910" spans="14:14">
      <c r="N786910" s="10"/>
    </row>
    <row r="786911" spans="14:14">
      <c r="N786911" s="10"/>
    </row>
    <row r="786912" spans="14:14">
      <c r="N786912" s="10"/>
    </row>
    <row r="786913" spans="14:14">
      <c r="N786913" s="10"/>
    </row>
    <row r="786914" spans="14:14">
      <c r="N786914" s="10"/>
    </row>
    <row r="786915" spans="14:14">
      <c r="N786915" s="10"/>
    </row>
    <row r="786916" spans="14:14">
      <c r="N786916" s="10"/>
    </row>
    <row r="786917" spans="14:14">
      <c r="N786917" s="10"/>
    </row>
    <row r="786918" spans="14:14">
      <c r="N786918" s="10"/>
    </row>
    <row r="786919" spans="14:14">
      <c r="N786919" s="10"/>
    </row>
    <row r="786920" spans="14:14">
      <c r="N786920" s="10"/>
    </row>
    <row r="786921" spans="14:14">
      <c r="N786921" s="10"/>
    </row>
    <row r="786922" spans="14:14">
      <c r="N786922" s="10"/>
    </row>
    <row r="786923" spans="14:14">
      <c r="N786923" s="10"/>
    </row>
    <row r="786924" spans="14:14">
      <c r="N786924" s="10"/>
    </row>
    <row r="786925" spans="14:14">
      <c r="N786925" s="10"/>
    </row>
    <row r="786926" spans="14:14">
      <c r="N786926" s="10"/>
    </row>
    <row r="786927" spans="14:14">
      <c r="N786927" s="10"/>
    </row>
    <row r="786928" spans="14:14">
      <c r="N786928" s="10"/>
    </row>
    <row r="786929" spans="14:14">
      <c r="N786929" s="10"/>
    </row>
    <row r="786930" spans="14:14">
      <c r="N786930" s="10"/>
    </row>
    <row r="786931" spans="14:14">
      <c r="N786931" s="10"/>
    </row>
    <row r="786932" spans="14:14">
      <c r="N786932" s="10"/>
    </row>
    <row r="786933" spans="14:14">
      <c r="N786933" s="10"/>
    </row>
    <row r="786934" spans="14:14">
      <c r="N786934" s="10"/>
    </row>
    <row r="786935" spans="14:14">
      <c r="N786935" s="10"/>
    </row>
    <row r="786936" spans="14:14">
      <c r="N786936" s="10"/>
    </row>
    <row r="786937" spans="14:14">
      <c r="N786937" s="10"/>
    </row>
    <row r="786938" spans="14:14">
      <c r="N786938" s="10"/>
    </row>
    <row r="786939" spans="14:14">
      <c r="N786939" s="10"/>
    </row>
    <row r="786940" spans="14:14">
      <c r="N786940" s="10"/>
    </row>
    <row r="786941" spans="14:14">
      <c r="N786941" s="10"/>
    </row>
    <row r="786942" spans="14:14">
      <c r="N786942" s="10"/>
    </row>
    <row r="786943" spans="14:14">
      <c r="N786943" s="10"/>
    </row>
    <row r="786944" spans="14:14">
      <c r="N786944" s="10"/>
    </row>
    <row r="786945" spans="14:14">
      <c r="N786945" s="10"/>
    </row>
    <row r="786946" spans="14:14">
      <c r="N786946" s="10"/>
    </row>
    <row r="786947" spans="14:14">
      <c r="N786947" s="10"/>
    </row>
    <row r="786948" spans="14:14">
      <c r="N786948" s="10"/>
    </row>
    <row r="786949" spans="14:14">
      <c r="N786949" s="10"/>
    </row>
    <row r="786950" spans="14:14">
      <c r="N786950" s="10"/>
    </row>
    <row r="786951" spans="14:14">
      <c r="N786951" s="10"/>
    </row>
    <row r="786952" spans="14:14">
      <c r="N786952" s="10"/>
    </row>
    <row r="786953" spans="14:14">
      <c r="N786953" s="10"/>
    </row>
    <row r="786954" spans="14:14">
      <c r="N786954" s="10"/>
    </row>
    <row r="786955" spans="14:14">
      <c r="N786955" s="10"/>
    </row>
    <row r="786956" spans="14:14">
      <c r="N786956" s="10"/>
    </row>
    <row r="786957" spans="14:14">
      <c r="N786957" s="10"/>
    </row>
    <row r="786958" spans="14:14">
      <c r="N786958" s="10"/>
    </row>
    <row r="786959" spans="14:14">
      <c r="N786959" s="10"/>
    </row>
    <row r="786960" spans="14:14">
      <c r="N786960" s="10"/>
    </row>
    <row r="786961" spans="14:14">
      <c r="N786961" s="10"/>
    </row>
    <row r="786962" spans="14:14">
      <c r="N786962" s="10"/>
    </row>
    <row r="786963" spans="14:14">
      <c r="N786963" s="10"/>
    </row>
    <row r="786964" spans="14:14">
      <c r="N786964" s="10"/>
    </row>
    <row r="786965" spans="14:14">
      <c r="N786965" s="10"/>
    </row>
    <row r="786966" spans="14:14">
      <c r="N786966" s="10"/>
    </row>
    <row r="786967" spans="14:14">
      <c r="N786967" s="10"/>
    </row>
    <row r="786968" spans="14:14">
      <c r="N786968" s="10"/>
    </row>
    <row r="786969" spans="14:14">
      <c r="N786969" s="10"/>
    </row>
    <row r="786970" spans="14:14">
      <c r="N786970" s="10"/>
    </row>
    <row r="786971" spans="14:14">
      <c r="N786971" s="10"/>
    </row>
    <row r="786972" spans="14:14">
      <c r="N786972" s="10"/>
    </row>
    <row r="786973" spans="14:14">
      <c r="N786973" s="10"/>
    </row>
    <row r="786974" spans="14:14">
      <c r="N786974" s="10"/>
    </row>
    <row r="786975" spans="14:14">
      <c r="N786975" s="10"/>
    </row>
    <row r="786976" spans="14:14">
      <c r="N786976" s="10"/>
    </row>
    <row r="786977" spans="14:14">
      <c r="N786977" s="10"/>
    </row>
    <row r="786978" spans="14:14">
      <c r="N786978" s="10"/>
    </row>
    <row r="786979" spans="14:14">
      <c r="N786979" s="10"/>
    </row>
    <row r="786980" spans="14:14">
      <c r="N786980" s="10"/>
    </row>
    <row r="786981" spans="14:14">
      <c r="N786981" s="10"/>
    </row>
    <row r="786982" spans="14:14">
      <c r="N786982" s="10"/>
    </row>
    <row r="786983" spans="14:14">
      <c r="N786983" s="10"/>
    </row>
    <row r="786984" spans="14:14">
      <c r="N786984" s="10"/>
    </row>
    <row r="786985" spans="14:14">
      <c r="N786985" s="10"/>
    </row>
    <row r="786986" spans="14:14">
      <c r="N786986" s="10"/>
    </row>
    <row r="786987" spans="14:14">
      <c r="N786987" s="10"/>
    </row>
    <row r="786988" spans="14:14">
      <c r="N786988" s="10"/>
    </row>
    <row r="786989" spans="14:14">
      <c r="N786989" s="10"/>
    </row>
    <row r="786990" spans="14:14">
      <c r="N786990" s="10"/>
    </row>
    <row r="786991" spans="14:14">
      <c r="N786991" s="10"/>
    </row>
    <row r="786992" spans="14:14">
      <c r="N786992" s="10"/>
    </row>
    <row r="786993" spans="14:14">
      <c r="N786993" s="10"/>
    </row>
    <row r="786994" spans="14:14">
      <c r="N786994" s="10"/>
    </row>
    <row r="786995" spans="14:14">
      <c r="N786995" s="10"/>
    </row>
    <row r="786996" spans="14:14">
      <c r="N786996" s="10"/>
    </row>
    <row r="786997" spans="14:14">
      <c r="N786997" s="10"/>
    </row>
    <row r="786998" spans="14:14">
      <c r="N786998" s="10"/>
    </row>
    <row r="786999" spans="14:14">
      <c r="N786999" s="10"/>
    </row>
    <row r="787000" spans="14:14">
      <c r="N787000" s="10"/>
    </row>
    <row r="787001" spans="14:14">
      <c r="N787001" s="10"/>
    </row>
    <row r="787002" spans="14:14">
      <c r="N787002" s="10"/>
    </row>
    <row r="787003" spans="14:14">
      <c r="N787003" s="10"/>
    </row>
    <row r="787004" spans="14:14">
      <c r="N787004" s="10"/>
    </row>
    <row r="787005" spans="14:14">
      <c r="N787005" s="10"/>
    </row>
    <row r="787006" spans="14:14">
      <c r="N787006" s="10"/>
    </row>
    <row r="787007" spans="14:14">
      <c r="N787007" s="10"/>
    </row>
    <row r="787008" spans="14:14">
      <c r="N787008" s="10"/>
    </row>
    <row r="787009" spans="14:14">
      <c r="N787009" s="10"/>
    </row>
    <row r="787010" spans="14:14">
      <c r="N787010" s="10"/>
    </row>
    <row r="787011" spans="14:14">
      <c r="N787011" s="10"/>
    </row>
    <row r="787012" spans="14:14">
      <c r="N787012" s="10"/>
    </row>
    <row r="787013" spans="14:14">
      <c r="N787013" s="10"/>
    </row>
    <row r="787014" spans="14:14">
      <c r="N787014" s="10"/>
    </row>
    <row r="787015" spans="14:14">
      <c r="N787015" s="10"/>
    </row>
    <row r="787016" spans="14:14">
      <c r="N787016" s="10"/>
    </row>
    <row r="787017" spans="14:14">
      <c r="N787017" s="10"/>
    </row>
    <row r="787018" spans="14:14">
      <c r="N787018" s="10"/>
    </row>
    <row r="787019" spans="14:14">
      <c r="N787019" s="10"/>
    </row>
    <row r="787020" spans="14:14">
      <c r="N787020" s="10"/>
    </row>
    <row r="787021" spans="14:14">
      <c r="N787021" s="10"/>
    </row>
    <row r="787022" spans="14:14">
      <c r="N787022" s="10"/>
    </row>
    <row r="787023" spans="14:14">
      <c r="N787023" s="10"/>
    </row>
    <row r="787024" spans="14:14">
      <c r="N787024" s="10"/>
    </row>
    <row r="787025" spans="14:14">
      <c r="N787025" s="10"/>
    </row>
    <row r="787026" spans="14:14">
      <c r="N787026" s="10"/>
    </row>
    <row r="787027" spans="14:14">
      <c r="N787027" s="10"/>
    </row>
    <row r="787028" spans="14:14">
      <c r="N787028" s="10"/>
    </row>
    <row r="787029" spans="14:14">
      <c r="N787029" s="10"/>
    </row>
    <row r="787030" spans="14:14">
      <c r="N787030" s="10"/>
    </row>
    <row r="787031" spans="14:14">
      <c r="N787031" s="10"/>
    </row>
    <row r="787032" spans="14:14">
      <c r="N787032" s="10"/>
    </row>
    <row r="787033" spans="14:14">
      <c r="N787033" s="10"/>
    </row>
    <row r="787034" spans="14:14">
      <c r="N787034" s="10"/>
    </row>
    <row r="787035" spans="14:14">
      <c r="N787035" s="10"/>
    </row>
    <row r="787036" spans="14:14">
      <c r="N787036" s="10"/>
    </row>
    <row r="787037" spans="14:14">
      <c r="N787037" s="10"/>
    </row>
    <row r="787038" spans="14:14">
      <c r="N787038" s="10"/>
    </row>
    <row r="787039" spans="14:14">
      <c r="N787039" s="10"/>
    </row>
    <row r="787040" spans="14:14">
      <c r="N787040" s="10"/>
    </row>
    <row r="787041" spans="14:14">
      <c r="N787041" s="10"/>
    </row>
    <row r="787042" spans="14:14">
      <c r="N787042" s="10"/>
    </row>
    <row r="787043" spans="14:14">
      <c r="N787043" s="10"/>
    </row>
    <row r="787044" spans="14:14">
      <c r="N787044" s="10"/>
    </row>
    <row r="787045" spans="14:14">
      <c r="N787045" s="10"/>
    </row>
    <row r="787046" spans="14:14">
      <c r="N787046" s="10"/>
    </row>
    <row r="787047" spans="14:14">
      <c r="N787047" s="10"/>
    </row>
    <row r="787048" spans="14:14">
      <c r="N787048" s="10"/>
    </row>
    <row r="787049" spans="14:14">
      <c r="N787049" s="10"/>
    </row>
    <row r="787050" spans="14:14">
      <c r="N787050" s="10"/>
    </row>
    <row r="787051" spans="14:14">
      <c r="N787051" s="10"/>
    </row>
    <row r="787052" spans="14:14">
      <c r="N787052" s="10"/>
    </row>
    <row r="787053" spans="14:14">
      <c r="N787053" s="10"/>
    </row>
    <row r="787054" spans="14:14">
      <c r="N787054" s="10"/>
    </row>
    <row r="787055" spans="14:14">
      <c r="N787055" s="10"/>
    </row>
    <row r="787056" spans="14:14">
      <c r="N787056" s="10"/>
    </row>
    <row r="787057" spans="14:14">
      <c r="N787057" s="10"/>
    </row>
    <row r="787058" spans="14:14">
      <c r="N787058" s="10"/>
    </row>
    <row r="787059" spans="14:14">
      <c r="N787059" s="10"/>
    </row>
    <row r="787060" spans="14:14">
      <c r="N787060" s="10"/>
    </row>
    <row r="787061" spans="14:14">
      <c r="N787061" s="10"/>
    </row>
    <row r="787062" spans="14:14">
      <c r="N787062" s="10"/>
    </row>
    <row r="787063" spans="14:14">
      <c r="N787063" s="10"/>
    </row>
    <row r="787064" spans="14:14">
      <c r="N787064" s="10"/>
    </row>
    <row r="787065" spans="14:14">
      <c r="N787065" s="10"/>
    </row>
    <row r="787066" spans="14:14">
      <c r="N787066" s="10"/>
    </row>
    <row r="787067" spans="14:14">
      <c r="N787067" s="10"/>
    </row>
    <row r="787068" spans="14:14">
      <c r="N787068" s="10"/>
    </row>
    <row r="787069" spans="14:14">
      <c r="N787069" s="10"/>
    </row>
    <row r="787070" spans="14:14">
      <c r="N787070" s="10"/>
    </row>
    <row r="787071" spans="14:14">
      <c r="N787071" s="10"/>
    </row>
    <row r="787072" spans="14:14">
      <c r="N787072" s="10"/>
    </row>
    <row r="787073" spans="14:14">
      <c r="N787073" s="10"/>
    </row>
    <row r="787074" spans="14:14">
      <c r="N787074" s="10"/>
    </row>
    <row r="787075" spans="14:14">
      <c r="N787075" s="10"/>
    </row>
    <row r="787076" spans="14:14">
      <c r="N787076" s="10"/>
    </row>
    <row r="787077" spans="14:14">
      <c r="N787077" s="10"/>
    </row>
    <row r="787078" spans="14:14">
      <c r="N787078" s="10"/>
    </row>
    <row r="787079" spans="14:14">
      <c r="N787079" s="10"/>
    </row>
    <row r="787080" spans="14:14">
      <c r="N787080" s="10"/>
    </row>
    <row r="787081" spans="14:14">
      <c r="N787081" s="10"/>
    </row>
    <row r="787082" spans="14:14">
      <c r="N787082" s="10"/>
    </row>
    <row r="787083" spans="14:14">
      <c r="N787083" s="10"/>
    </row>
    <row r="787084" spans="14:14">
      <c r="N787084" s="10"/>
    </row>
    <row r="787085" spans="14:14">
      <c r="N787085" s="10"/>
    </row>
    <row r="787086" spans="14:14">
      <c r="N787086" s="10"/>
    </row>
    <row r="787087" spans="14:14">
      <c r="N787087" s="10"/>
    </row>
    <row r="787088" spans="14:14">
      <c r="N787088" s="10"/>
    </row>
    <row r="787089" spans="14:14">
      <c r="N787089" s="10"/>
    </row>
    <row r="787090" spans="14:14">
      <c r="N787090" s="10"/>
    </row>
    <row r="787091" spans="14:14">
      <c r="N787091" s="10"/>
    </row>
    <row r="787092" spans="14:14">
      <c r="N787092" s="10"/>
    </row>
    <row r="787093" spans="14:14">
      <c r="N787093" s="10"/>
    </row>
    <row r="787094" spans="14:14">
      <c r="N787094" s="10"/>
    </row>
    <row r="787095" spans="14:14">
      <c r="N787095" s="10"/>
    </row>
    <row r="787096" spans="14:14">
      <c r="N787096" s="10"/>
    </row>
    <row r="787097" spans="14:14">
      <c r="N787097" s="10"/>
    </row>
    <row r="787098" spans="14:14">
      <c r="N787098" s="10"/>
    </row>
    <row r="787099" spans="14:14">
      <c r="N787099" s="10"/>
    </row>
    <row r="787100" spans="14:14">
      <c r="N787100" s="10"/>
    </row>
    <row r="787101" spans="14:14">
      <c r="N787101" s="10"/>
    </row>
    <row r="787102" spans="14:14">
      <c r="N787102" s="10"/>
    </row>
    <row r="787103" spans="14:14">
      <c r="N787103" s="10"/>
    </row>
    <row r="787104" spans="14:14">
      <c r="N787104" s="10"/>
    </row>
    <row r="787105" spans="14:14">
      <c r="N787105" s="10"/>
    </row>
    <row r="787106" spans="14:14">
      <c r="N787106" s="10"/>
    </row>
    <row r="787107" spans="14:14">
      <c r="N787107" s="10"/>
    </row>
    <row r="787108" spans="14:14">
      <c r="N787108" s="10"/>
    </row>
    <row r="787109" spans="14:14">
      <c r="N787109" s="10"/>
    </row>
    <row r="787110" spans="14:14">
      <c r="N787110" s="10"/>
    </row>
    <row r="787111" spans="14:14">
      <c r="N787111" s="10"/>
    </row>
    <row r="787112" spans="14:14">
      <c r="N787112" s="10"/>
    </row>
    <row r="787113" spans="14:14">
      <c r="N787113" s="10"/>
    </row>
    <row r="787114" spans="14:14">
      <c r="N787114" s="10"/>
    </row>
    <row r="787115" spans="14:14">
      <c r="N787115" s="10"/>
    </row>
    <row r="787116" spans="14:14">
      <c r="N787116" s="10"/>
    </row>
    <row r="787117" spans="14:14">
      <c r="N787117" s="10"/>
    </row>
    <row r="787118" spans="14:14">
      <c r="N787118" s="10"/>
    </row>
    <row r="787119" spans="14:14">
      <c r="N787119" s="10"/>
    </row>
    <row r="787120" spans="14:14">
      <c r="N787120" s="10"/>
    </row>
    <row r="787121" spans="14:14">
      <c r="N787121" s="10"/>
    </row>
    <row r="787122" spans="14:14">
      <c r="N787122" s="10"/>
    </row>
    <row r="787123" spans="14:14">
      <c r="N787123" s="10"/>
    </row>
    <row r="787124" spans="14:14">
      <c r="N787124" s="10"/>
    </row>
    <row r="787125" spans="14:14">
      <c r="N787125" s="10"/>
    </row>
    <row r="787126" spans="14:14">
      <c r="N787126" s="10"/>
    </row>
    <row r="787127" spans="14:14">
      <c r="N787127" s="10"/>
    </row>
    <row r="787128" spans="14:14">
      <c r="N787128" s="10"/>
    </row>
    <row r="787129" spans="14:14">
      <c r="N787129" s="10"/>
    </row>
    <row r="787130" spans="14:14">
      <c r="N787130" s="10"/>
    </row>
    <row r="787131" spans="14:14">
      <c r="N787131" s="10"/>
    </row>
    <row r="787132" spans="14:14">
      <c r="N787132" s="10"/>
    </row>
    <row r="787133" spans="14:14">
      <c r="N787133" s="10"/>
    </row>
    <row r="787134" spans="14:14">
      <c r="N787134" s="10"/>
    </row>
    <row r="787135" spans="14:14">
      <c r="N787135" s="10"/>
    </row>
    <row r="787136" spans="14:14">
      <c r="N787136" s="10"/>
    </row>
    <row r="787137" spans="14:14">
      <c r="N787137" s="10"/>
    </row>
    <row r="787138" spans="14:14">
      <c r="N787138" s="10"/>
    </row>
    <row r="787139" spans="14:14">
      <c r="N787139" s="10"/>
    </row>
    <row r="787140" spans="14:14">
      <c r="N787140" s="10"/>
    </row>
    <row r="787141" spans="14:14">
      <c r="N787141" s="10"/>
    </row>
    <row r="787142" spans="14:14">
      <c r="N787142" s="10"/>
    </row>
    <row r="787143" spans="14:14">
      <c r="N787143" s="10"/>
    </row>
    <row r="787144" spans="14:14">
      <c r="N787144" s="10"/>
    </row>
    <row r="787145" spans="14:14">
      <c r="N787145" s="10"/>
    </row>
    <row r="787146" spans="14:14">
      <c r="N787146" s="10"/>
    </row>
    <row r="787147" spans="14:14">
      <c r="N787147" s="10"/>
    </row>
    <row r="787148" spans="14:14">
      <c r="N787148" s="10"/>
    </row>
    <row r="787149" spans="14:14">
      <c r="N787149" s="10"/>
    </row>
    <row r="787150" spans="14:14">
      <c r="N787150" s="10"/>
    </row>
    <row r="787151" spans="14:14">
      <c r="N787151" s="10"/>
    </row>
    <row r="787152" spans="14:14">
      <c r="N787152" s="10"/>
    </row>
    <row r="787153" spans="14:14">
      <c r="N787153" s="10"/>
    </row>
    <row r="787154" spans="14:14">
      <c r="N787154" s="10"/>
    </row>
    <row r="787155" spans="14:14">
      <c r="N787155" s="10"/>
    </row>
    <row r="787156" spans="14:14">
      <c r="N787156" s="10"/>
    </row>
    <row r="787157" spans="14:14">
      <c r="N787157" s="10"/>
    </row>
    <row r="787158" spans="14:14">
      <c r="N787158" s="10"/>
    </row>
    <row r="787159" spans="14:14">
      <c r="N787159" s="10"/>
    </row>
    <row r="787160" spans="14:14">
      <c r="N787160" s="10"/>
    </row>
    <row r="787161" spans="14:14">
      <c r="N787161" s="10"/>
    </row>
    <row r="787162" spans="14:14">
      <c r="N787162" s="10"/>
    </row>
    <row r="787163" spans="14:14">
      <c r="N787163" s="10"/>
    </row>
    <row r="787164" spans="14:14">
      <c r="N787164" s="10"/>
    </row>
    <row r="787165" spans="14:14">
      <c r="N787165" s="10"/>
    </row>
    <row r="787166" spans="14:14">
      <c r="N787166" s="10"/>
    </row>
    <row r="787167" spans="14:14">
      <c r="N787167" s="10"/>
    </row>
    <row r="787168" spans="14:14">
      <c r="N787168" s="10"/>
    </row>
    <row r="787169" spans="14:14">
      <c r="N787169" s="10"/>
    </row>
    <row r="787170" spans="14:14">
      <c r="N787170" s="10"/>
    </row>
    <row r="787171" spans="14:14">
      <c r="N787171" s="10"/>
    </row>
    <row r="787172" spans="14:14">
      <c r="N787172" s="10"/>
    </row>
    <row r="787173" spans="14:14">
      <c r="N787173" s="10"/>
    </row>
    <row r="787174" spans="14:14">
      <c r="N787174" s="10"/>
    </row>
    <row r="787175" spans="14:14">
      <c r="N787175" s="10"/>
    </row>
    <row r="787176" spans="14:14">
      <c r="N787176" s="10"/>
    </row>
    <row r="787177" spans="14:14">
      <c r="N787177" s="10"/>
    </row>
    <row r="787178" spans="14:14">
      <c r="N787178" s="10"/>
    </row>
    <row r="787179" spans="14:14">
      <c r="N787179" s="10"/>
    </row>
    <row r="787180" spans="14:14">
      <c r="N787180" s="10"/>
    </row>
    <row r="787181" spans="14:14">
      <c r="N787181" s="10"/>
    </row>
    <row r="787182" spans="14:14">
      <c r="N787182" s="10"/>
    </row>
    <row r="787183" spans="14:14">
      <c r="N787183" s="10"/>
    </row>
    <row r="787184" spans="14:14">
      <c r="N787184" s="10"/>
    </row>
    <row r="787185" spans="14:14">
      <c r="N787185" s="10"/>
    </row>
    <row r="787186" spans="14:14">
      <c r="N787186" s="10"/>
    </row>
    <row r="787187" spans="14:14">
      <c r="N787187" s="10"/>
    </row>
    <row r="787188" spans="14:14">
      <c r="N787188" s="10"/>
    </row>
    <row r="787189" spans="14:14">
      <c r="N787189" s="10"/>
    </row>
    <row r="787190" spans="14:14">
      <c r="N787190" s="10"/>
    </row>
    <row r="787191" spans="14:14">
      <c r="N787191" s="10"/>
    </row>
    <row r="787192" spans="14:14">
      <c r="N787192" s="10"/>
    </row>
    <row r="787193" spans="14:14">
      <c r="N787193" s="10"/>
    </row>
    <row r="787194" spans="14:14">
      <c r="N787194" s="10"/>
    </row>
    <row r="787195" spans="14:14">
      <c r="N787195" s="10"/>
    </row>
    <row r="787196" spans="14:14">
      <c r="N787196" s="10"/>
    </row>
    <row r="787197" spans="14:14">
      <c r="N787197" s="10"/>
    </row>
    <row r="787198" spans="14:14">
      <c r="N787198" s="10"/>
    </row>
    <row r="787199" spans="14:14">
      <c r="N787199" s="10"/>
    </row>
    <row r="787200" spans="14:14">
      <c r="N787200" s="10"/>
    </row>
    <row r="787201" spans="14:14">
      <c r="N787201" s="10"/>
    </row>
    <row r="787202" spans="14:14">
      <c r="N787202" s="10"/>
    </row>
    <row r="787203" spans="14:14">
      <c r="N787203" s="10"/>
    </row>
    <row r="787204" spans="14:14">
      <c r="N787204" s="10"/>
    </row>
    <row r="787205" spans="14:14">
      <c r="N787205" s="10"/>
    </row>
    <row r="787206" spans="14:14">
      <c r="N787206" s="10"/>
    </row>
    <row r="787207" spans="14:14">
      <c r="N787207" s="10"/>
    </row>
    <row r="787208" spans="14:14">
      <c r="N787208" s="10"/>
    </row>
    <row r="787209" spans="14:14">
      <c r="N787209" s="10"/>
    </row>
    <row r="787210" spans="14:14">
      <c r="N787210" s="10"/>
    </row>
    <row r="787211" spans="14:14">
      <c r="N787211" s="10"/>
    </row>
    <row r="787212" spans="14:14">
      <c r="N787212" s="10"/>
    </row>
    <row r="787213" spans="14:14">
      <c r="N787213" s="10"/>
    </row>
    <row r="787214" spans="14:14">
      <c r="N787214" s="10"/>
    </row>
    <row r="787215" spans="14:14">
      <c r="N787215" s="10"/>
    </row>
    <row r="787216" spans="14:14">
      <c r="N787216" s="10"/>
    </row>
    <row r="787217" spans="14:14">
      <c r="N787217" s="10"/>
    </row>
    <row r="787218" spans="14:14">
      <c r="N787218" s="10"/>
    </row>
    <row r="787219" spans="14:14">
      <c r="N787219" s="10"/>
    </row>
    <row r="787220" spans="14:14">
      <c r="N787220" s="10"/>
    </row>
    <row r="787221" spans="14:14">
      <c r="N787221" s="10"/>
    </row>
    <row r="787222" spans="14:14">
      <c r="N787222" s="10"/>
    </row>
    <row r="787223" spans="14:14">
      <c r="N787223" s="10"/>
    </row>
    <row r="787224" spans="14:14">
      <c r="N787224" s="10"/>
    </row>
    <row r="787225" spans="14:14">
      <c r="N787225" s="10"/>
    </row>
    <row r="787226" spans="14:14">
      <c r="N787226" s="10"/>
    </row>
    <row r="787227" spans="14:14">
      <c r="N787227" s="10"/>
    </row>
    <row r="787228" spans="14:14">
      <c r="N787228" s="10"/>
    </row>
    <row r="787229" spans="14:14">
      <c r="N787229" s="10"/>
    </row>
    <row r="787230" spans="14:14">
      <c r="N787230" s="10"/>
    </row>
    <row r="787231" spans="14:14">
      <c r="N787231" s="10"/>
    </row>
    <row r="787232" spans="14:14">
      <c r="N787232" s="10"/>
    </row>
    <row r="787233" spans="14:14">
      <c r="N787233" s="10"/>
    </row>
    <row r="787234" spans="14:14">
      <c r="N787234" s="10"/>
    </row>
    <row r="787235" spans="14:14">
      <c r="N787235" s="10"/>
    </row>
    <row r="787236" spans="14:14">
      <c r="N787236" s="10"/>
    </row>
    <row r="787237" spans="14:14">
      <c r="N787237" s="10"/>
    </row>
    <row r="787238" spans="14:14">
      <c r="N787238" s="10"/>
    </row>
    <row r="787239" spans="14:14">
      <c r="N787239" s="10"/>
    </row>
    <row r="787240" spans="14:14">
      <c r="N787240" s="10"/>
    </row>
    <row r="787241" spans="14:14">
      <c r="N787241" s="10"/>
    </row>
    <row r="787242" spans="14:14">
      <c r="N787242" s="10"/>
    </row>
    <row r="787243" spans="14:14">
      <c r="N787243" s="10"/>
    </row>
    <row r="787244" spans="14:14">
      <c r="N787244" s="10"/>
    </row>
    <row r="787245" spans="14:14">
      <c r="N787245" s="10"/>
    </row>
    <row r="787246" spans="14:14">
      <c r="N787246" s="10"/>
    </row>
    <row r="787247" spans="14:14">
      <c r="N787247" s="10"/>
    </row>
    <row r="787248" spans="14:14">
      <c r="N787248" s="10"/>
    </row>
    <row r="787249" spans="14:14">
      <c r="N787249" s="10"/>
    </row>
    <row r="787250" spans="14:14">
      <c r="N787250" s="10"/>
    </row>
    <row r="787251" spans="14:14">
      <c r="N787251" s="10"/>
    </row>
    <row r="787252" spans="14:14">
      <c r="N787252" s="10"/>
    </row>
    <row r="787253" spans="14:14">
      <c r="N787253" s="10"/>
    </row>
    <row r="787254" spans="14:14">
      <c r="N787254" s="10"/>
    </row>
    <row r="787255" spans="14:14">
      <c r="N787255" s="10"/>
    </row>
    <row r="787256" spans="14:14">
      <c r="N787256" s="10"/>
    </row>
    <row r="787257" spans="14:14">
      <c r="N787257" s="10"/>
    </row>
    <row r="787258" spans="14:14">
      <c r="N787258" s="10"/>
    </row>
    <row r="787259" spans="14:14">
      <c r="N787259" s="10"/>
    </row>
    <row r="787260" spans="14:14">
      <c r="N787260" s="10"/>
    </row>
    <row r="787261" spans="14:14">
      <c r="N787261" s="10"/>
    </row>
    <row r="787262" spans="14:14">
      <c r="N787262" s="10"/>
    </row>
    <row r="787263" spans="14:14">
      <c r="N787263" s="10"/>
    </row>
    <row r="787264" spans="14:14">
      <c r="N787264" s="10"/>
    </row>
    <row r="787265" spans="14:14">
      <c r="N787265" s="10"/>
    </row>
    <row r="787266" spans="14:14">
      <c r="N787266" s="10"/>
    </row>
    <row r="787267" spans="14:14">
      <c r="N787267" s="10"/>
    </row>
    <row r="787268" spans="14:14">
      <c r="N787268" s="10"/>
    </row>
    <row r="787269" spans="14:14">
      <c r="N787269" s="10"/>
    </row>
    <row r="787270" spans="14:14">
      <c r="N787270" s="10"/>
    </row>
    <row r="787271" spans="14:14">
      <c r="N787271" s="10"/>
    </row>
    <row r="787272" spans="14:14">
      <c r="N787272" s="10"/>
    </row>
    <row r="787273" spans="14:14">
      <c r="N787273" s="10"/>
    </row>
    <row r="787274" spans="14:14">
      <c r="N787274" s="10"/>
    </row>
    <row r="787275" spans="14:14">
      <c r="N787275" s="10"/>
    </row>
    <row r="787276" spans="14:14">
      <c r="N787276" s="10"/>
    </row>
    <row r="787277" spans="14:14">
      <c r="N787277" s="10"/>
    </row>
    <row r="787278" spans="14:14">
      <c r="N787278" s="10"/>
    </row>
    <row r="787279" spans="14:14">
      <c r="N787279" s="10"/>
    </row>
    <row r="787280" spans="14:14">
      <c r="N787280" s="10"/>
    </row>
    <row r="787281" spans="14:14">
      <c r="N787281" s="10"/>
    </row>
    <row r="787282" spans="14:14">
      <c r="N787282" s="10"/>
    </row>
    <row r="787283" spans="14:14">
      <c r="N787283" s="10"/>
    </row>
    <row r="787284" spans="14:14">
      <c r="N787284" s="10"/>
    </row>
    <row r="787285" spans="14:14">
      <c r="N787285" s="10"/>
    </row>
    <row r="787286" spans="14:14">
      <c r="N787286" s="10"/>
    </row>
    <row r="787287" spans="14:14">
      <c r="N787287" s="10"/>
    </row>
    <row r="787288" spans="14:14">
      <c r="N787288" s="10"/>
    </row>
    <row r="787289" spans="14:14">
      <c r="N787289" s="10"/>
    </row>
    <row r="787290" spans="14:14">
      <c r="N787290" s="10"/>
    </row>
    <row r="787291" spans="14:14">
      <c r="N787291" s="10"/>
    </row>
    <row r="787292" spans="14:14">
      <c r="N787292" s="10"/>
    </row>
    <row r="787293" spans="14:14">
      <c r="N787293" s="10"/>
    </row>
    <row r="787294" spans="14:14">
      <c r="N787294" s="10"/>
    </row>
    <row r="787295" spans="14:14">
      <c r="N787295" s="10"/>
    </row>
    <row r="787296" spans="14:14">
      <c r="N787296" s="10"/>
    </row>
    <row r="787297" spans="14:14">
      <c r="N787297" s="10"/>
    </row>
    <row r="787298" spans="14:14">
      <c r="N787298" s="10"/>
    </row>
    <row r="787299" spans="14:14">
      <c r="N787299" s="10"/>
    </row>
    <row r="787300" spans="14:14">
      <c r="N787300" s="10"/>
    </row>
    <row r="787301" spans="14:14">
      <c r="N787301" s="10"/>
    </row>
    <row r="787302" spans="14:14">
      <c r="N787302" s="10"/>
    </row>
    <row r="787303" spans="14:14">
      <c r="N787303" s="10"/>
    </row>
    <row r="787304" spans="14:14">
      <c r="N787304" s="10"/>
    </row>
    <row r="787305" spans="14:14">
      <c r="N787305" s="10"/>
    </row>
    <row r="787306" spans="14:14">
      <c r="N787306" s="10"/>
    </row>
    <row r="787307" spans="14:14">
      <c r="N787307" s="10"/>
    </row>
    <row r="787308" spans="14:14">
      <c r="N787308" s="10"/>
    </row>
    <row r="787309" spans="14:14">
      <c r="N787309" s="10"/>
    </row>
    <row r="787310" spans="14:14">
      <c r="N787310" s="10"/>
    </row>
    <row r="787311" spans="14:14">
      <c r="N787311" s="10"/>
    </row>
    <row r="787312" spans="14:14">
      <c r="N787312" s="10"/>
    </row>
    <row r="787313" spans="14:14">
      <c r="N787313" s="10"/>
    </row>
    <row r="787314" spans="14:14">
      <c r="N787314" s="10"/>
    </row>
    <row r="787315" spans="14:14">
      <c r="N787315" s="10"/>
    </row>
    <row r="787316" spans="14:14">
      <c r="N787316" s="10"/>
    </row>
    <row r="787317" spans="14:14">
      <c r="N787317" s="10"/>
    </row>
    <row r="787318" spans="14:14">
      <c r="N787318" s="10"/>
    </row>
    <row r="787319" spans="14:14">
      <c r="N787319" s="10"/>
    </row>
    <row r="787320" spans="14:14">
      <c r="N787320" s="10"/>
    </row>
    <row r="787321" spans="14:14">
      <c r="N787321" s="10"/>
    </row>
    <row r="787322" spans="14:14">
      <c r="N787322" s="10"/>
    </row>
    <row r="787323" spans="14:14">
      <c r="N787323" s="10"/>
    </row>
    <row r="787324" spans="14:14">
      <c r="N787324" s="10"/>
    </row>
    <row r="787325" spans="14:14">
      <c r="N787325" s="10"/>
    </row>
    <row r="787326" spans="14:14">
      <c r="N787326" s="10"/>
    </row>
    <row r="787327" spans="14:14">
      <c r="N787327" s="10"/>
    </row>
    <row r="787328" spans="14:14">
      <c r="N787328" s="10"/>
    </row>
    <row r="787329" spans="14:14">
      <c r="N787329" s="10"/>
    </row>
    <row r="787330" spans="14:14">
      <c r="N787330" s="10"/>
    </row>
    <row r="787331" spans="14:14">
      <c r="N787331" s="10"/>
    </row>
    <row r="787332" spans="14:14">
      <c r="N787332" s="10"/>
    </row>
    <row r="787333" spans="14:14">
      <c r="N787333" s="10"/>
    </row>
    <row r="787334" spans="14:14">
      <c r="N787334" s="10"/>
    </row>
    <row r="787335" spans="14:14">
      <c r="N787335" s="10"/>
    </row>
    <row r="787336" spans="14:14">
      <c r="N787336" s="10"/>
    </row>
    <row r="787337" spans="14:14">
      <c r="N787337" s="10"/>
    </row>
    <row r="787338" spans="14:14">
      <c r="N787338" s="10"/>
    </row>
    <row r="787339" spans="14:14">
      <c r="N787339" s="10"/>
    </row>
    <row r="787340" spans="14:14">
      <c r="N787340" s="10"/>
    </row>
    <row r="787341" spans="14:14">
      <c r="N787341" s="10"/>
    </row>
    <row r="787342" spans="14:14">
      <c r="N787342" s="10"/>
    </row>
    <row r="787343" spans="14:14">
      <c r="N787343" s="10"/>
    </row>
    <row r="787344" spans="14:14">
      <c r="N787344" s="10"/>
    </row>
    <row r="787345" spans="14:14">
      <c r="N787345" s="10"/>
    </row>
    <row r="787346" spans="14:14">
      <c r="N787346" s="10"/>
    </row>
    <row r="787347" spans="14:14">
      <c r="N787347" s="10"/>
    </row>
    <row r="787348" spans="14:14">
      <c r="N787348" s="10"/>
    </row>
    <row r="787349" spans="14:14">
      <c r="N787349" s="10"/>
    </row>
    <row r="787350" spans="14:14">
      <c r="N787350" s="10"/>
    </row>
    <row r="787351" spans="14:14">
      <c r="N787351" s="10"/>
    </row>
    <row r="787352" spans="14:14">
      <c r="N787352" s="10"/>
    </row>
    <row r="787353" spans="14:14">
      <c r="N787353" s="10"/>
    </row>
    <row r="787354" spans="14:14">
      <c r="N787354" s="10"/>
    </row>
    <row r="787355" spans="14:14">
      <c r="N787355" s="10"/>
    </row>
    <row r="787356" spans="14:14">
      <c r="N787356" s="10"/>
    </row>
    <row r="787357" spans="14:14">
      <c r="N787357" s="10"/>
    </row>
    <row r="787358" spans="14:14">
      <c r="N787358" s="10"/>
    </row>
    <row r="787359" spans="14:14">
      <c r="N787359" s="10"/>
    </row>
    <row r="787360" spans="14:14">
      <c r="N787360" s="10"/>
    </row>
    <row r="787361" spans="14:14">
      <c r="N787361" s="10"/>
    </row>
    <row r="787362" spans="14:14">
      <c r="N787362" s="10"/>
    </row>
    <row r="787363" spans="14:14">
      <c r="N787363" s="10"/>
    </row>
    <row r="787364" spans="14:14">
      <c r="N787364" s="10"/>
    </row>
    <row r="787365" spans="14:14">
      <c r="N787365" s="10"/>
    </row>
    <row r="787366" spans="14:14">
      <c r="N787366" s="10"/>
    </row>
    <row r="787367" spans="14:14">
      <c r="N787367" s="10"/>
    </row>
    <row r="787368" spans="14:14">
      <c r="N787368" s="10"/>
    </row>
    <row r="787369" spans="14:14">
      <c r="N787369" s="10"/>
    </row>
    <row r="787370" spans="14:14">
      <c r="N787370" s="10"/>
    </row>
    <row r="787371" spans="14:14">
      <c r="N787371" s="10"/>
    </row>
    <row r="787372" spans="14:14">
      <c r="N787372" s="10"/>
    </row>
    <row r="787373" spans="14:14">
      <c r="N787373" s="10"/>
    </row>
    <row r="787374" spans="14:14">
      <c r="N787374" s="10"/>
    </row>
    <row r="787375" spans="14:14">
      <c r="N787375" s="10"/>
    </row>
    <row r="787376" spans="14:14">
      <c r="N787376" s="10"/>
    </row>
    <row r="787377" spans="14:14">
      <c r="N787377" s="10"/>
    </row>
    <row r="787378" spans="14:14">
      <c r="N787378" s="10"/>
    </row>
    <row r="787379" spans="14:14">
      <c r="N787379" s="10"/>
    </row>
    <row r="787380" spans="14:14">
      <c r="N787380" s="10"/>
    </row>
    <row r="787381" spans="14:14">
      <c r="N787381" s="10"/>
    </row>
    <row r="787382" spans="14:14">
      <c r="N787382" s="10"/>
    </row>
    <row r="787383" spans="14:14">
      <c r="N787383" s="10"/>
    </row>
    <row r="787384" spans="14:14">
      <c r="N787384" s="10"/>
    </row>
    <row r="787385" spans="14:14">
      <c r="N787385" s="10"/>
    </row>
    <row r="787386" spans="14:14">
      <c r="N787386" s="10"/>
    </row>
    <row r="787387" spans="14:14">
      <c r="N787387" s="10"/>
    </row>
    <row r="787388" spans="14:14">
      <c r="N787388" s="10"/>
    </row>
    <row r="787389" spans="14:14">
      <c r="N787389" s="10"/>
    </row>
    <row r="787390" spans="14:14">
      <c r="N787390" s="10"/>
    </row>
    <row r="787391" spans="14:14">
      <c r="N787391" s="10"/>
    </row>
    <row r="787392" spans="14:14">
      <c r="N787392" s="10"/>
    </row>
    <row r="787393" spans="14:14">
      <c r="N787393" s="10"/>
    </row>
    <row r="787394" spans="14:14">
      <c r="N787394" s="10"/>
    </row>
    <row r="787395" spans="14:14">
      <c r="N787395" s="10"/>
    </row>
    <row r="787396" spans="14:14">
      <c r="N787396" s="10"/>
    </row>
    <row r="787397" spans="14:14">
      <c r="N787397" s="10"/>
    </row>
    <row r="787398" spans="14:14">
      <c r="N787398" s="10"/>
    </row>
    <row r="787399" spans="14:14">
      <c r="N787399" s="10"/>
    </row>
    <row r="787400" spans="14:14">
      <c r="N787400" s="10"/>
    </row>
    <row r="787401" spans="14:14">
      <c r="N787401" s="10"/>
    </row>
    <row r="787402" spans="14:14">
      <c r="N787402" s="10"/>
    </row>
    <row r="787403" spans="14:14">
      <c r="N787403" s="10"/>
    </row>
    <row r="787404" spans="14:14">
      <c r="N787404" s="10"/>
    </row>
    <row r="787405" spans="14:14">
      <c r="N787405" s="10"/>
    </row>
    <row r="787406" spans="14:14">
      <c r="N787406" s="10"/>
    </row>
    <row r="787407" spans="14:14">
      <c r="N787407" s="10"/>
    </row>
    <row r="787408" spans="14:14">
      <c r="N787408" s="10"/>
    </row>
    <row r="787409" spans="14:14">
      <c r="N787409" s="10"/>
    </row>
    <row r="787410" spans="14:14">
      <c r="N787410" s="10"/>
    </row>
    <row r="787411" spans="14:14">
      <c r="N787411" s="10"/>
    </row>
    <row r="787412" spans="14:14">
      <c r="N787412" s="10"/>
    </row>
    <row r="787413" spans="14:14">
      <c r="N787413" s="10"/>
    </row>
    <row r="787414" spans="14:14">
      <c r="N787414" s="10"/>
    </row>
    <row r="787415" spans="14:14">
      <c r="N787415" s="10"/>
    </row>
    <row r="787416" spans="14:14">
      <c r="N787416" s="10"/>
    </row>
    <row r="787417" spans="14:14">
      <c r="N787417" s="10"/>
    </row>
    <row r="787418" spans="14:14">
      <c r="N787418" s="10"/>
    </row>
    <row r="787419" spans="14:14">
      <c r="N787419" s="10"/>
    </row>
    <row r="787420" spans="14:14">
      <c r="N787420" s="10"/>
    </row>
    <row r="787421" spans="14:14">
      <c r="N787421" s="10"/>
    </row>
    <row r="787422" spans="14:14">
      <c r="N787422" s="10"/>
    </row>
    <row r="787423" spans="14:14">
      <c r="N787423" s="10"/>
    </row>
    <row r="787424" spans="14:14">
      <c r="N787424" s="10"/>
    </row>
    <row r="787425" spans="14:14">
      <c r="N787425" s="10"/>
    </row>
    <row r="787426" spans="14:14">
      <c r="N787426" s="10"/>
    </row>
    <row r="787427" spans="14:14">
      <c r="N787427" s="10"/>
    </row>
    <row r="787428" spans="14:14">
      <c r="N787428" s="10"/>
    </row>
    <row r="787429" spans="14:14">
      <c r="N787429" s="10"/>
    </row>
    <row r="787430" spans="14:14">
      <c r="N787430" s="10"/>
    </row>
    <row r="787431" spans="14:14">
      <c r="N787431" s="10"/>
    </row>
    <row r="787432" spans="14:14">
      <c r="N787432" s="10"/>
    </row>
    <row r="787433" spans="14:14">
      <c r="N787433" s="10"/>
    </row>
    <row r="787434" spans="14:14">
      <c r="N787434" s="10"/>
    </row>
    <row r="787435" spans="14:14">
      <c r="N787435" s="10"/>
    </row>
    <row r="787436" spans="14:14">
      <c r="N787436" s="10"/>
    </row>
    <row r="787437" spans="14:14">
      <c r="N787437" s="10"/>
    </row>
    <row r="787438" spans="14:14">
      <c r="N787438" s="10"/>
    </row>
    <row r="787439" spans="14:14">
      <c r="N787439" s="10"/>
    </row>
    <row r="787440" spans="14:14">
      <c r="N787440" s="10"/>
    </row>
    <row r="787441" spans="14:14">
      <c r="N787441" s="10"/>
    </row>
    <row r="787442" spans="14:14">
      <c r="N787442" s="10"/>
    </row>
    <row r="787443" spans="14:14">
      <c r="N787443" s="10"/>
    </row>
    <row r="787444" spans="14:14">
      <c r="N787444" s="10"/>
    </row>
    <row r="787445" spans="14:14">
      <c r="N787445" s="10"/>
    </row>
    <row r="787446" spans="14:14">
      <c r="N787446" s="10"/>
    </row>
    <row r="787447" spans="14:14">
      <c r="N787447" s="10"/>
    </row>
    <row r="787448" spans="14:14">
      <c r="N787448" s="10"/>
    </row>
    <row r="787449" spans="14:14">
      <c r="N787449" s="10"/>
    </row>
    <row r="787450" spans="14:14">
      <c r="N787450" s="10"/>
    </row>
    <row r="787451" spans="14:14">
      <c r="N787451" s="10"/>
    </row>
    <row r="787452" spans="14:14">
      <c r="N787452" s="10"/>
    </row>
    <row r="787453" spans="14:14">
      <c r="N787453" s="10"/>
    </row>
    <row r="787454" spans="14:14">
      <c r="N787454" s="10"/>
    </row>
    <row r="787455" spans="14:14">
      <c r="N787455" s="10"/>
    </row>
    <row r="787456" spans="14:14">
      <c r="N787456" s="10"/>
    </row>
    <row r="787457" spans="14:14">
      <c r="N787457" s="10"/>
    </row>
    <row r="787458" spans="14:14">
      <c r="N787458" s="10"/>
    </row>
    <row r="787459" spans="14:14">
      <c r="N787459" s="10"/>
    </row>
    <row r="787460" spans="14:14">
      <c r="N787460" s="10"/>
    </row>
    <row r="787461" spans="14:14">
      <c r="N787461" s="10"/>
    </row>
    <row r="787462" spans="14:14">
      <c r="N787462" s="10"/>
    </row>
    <row r="787463" spans="14:14">
      <c r="N787463" s="10"/>
    </row>
    <row r="787464" spans="14:14">
      <c r="N787464" s="10"/>
    </row>
    <row r="787465" spans="14:14">
      <c r="N787465" s="10"/>
    </row>
    <row r="787466" spans="14:14">
      <c r="N787466" s="10"/>
    </row>
    <row r="787467" spans="14:14">
      <c r="N787467" s="10"/>
    </row>
    <row r="787468" spans="14:14">
      <c r="N787468" s="10"/>
    </row>
    <row r="787469" spans="14:14">
      <c r="N787469" s="10"/>
    </row>
    <row r="787470" spans="14:14">
      <c r="N787470" s="10"/>
    </row>
    <row r="787471" spans="14:14">
      <c r="N787471" s="10"/>
    </row>
    <row r="787472" spans="14:14">
      <c r="N787472" s="10"/>
    </row>
    <row r="787473" spans="14:14">
      <c r="N787473" s="10"/>
    </row>
    <row r="787474" spans="14:14">
      <c r="N787474" s="10"/>
    </row>
    <row r="787475" spans="14:14">
      <c r="N787475" s="10"/>
    </row>
    <row r="787476" spans="14:14">
      <c r="N787476" s="10"/>
    </row>
    <row r="787477" spans="14:14">
      <c r="N787477" s="10"/>
    </row>
    <row r="787478" spans="14:14">
      <c r="N787478" s="10"/>
    </row>
    <row r="787479" spans="14:14">
      <c r="N787479" s="10"/>
    </row>
    <row r="787480" spans="14:14">
      <c r="N787480" s="10"/>
    </row>
    <row r="787481" spans="14:14">
      <c r="N787481" s="10"/>
    </row>
    <row r="787482" spans="14:14">
      <c r="N787482" s="10"/>
    </row>
    <row r="787483" spans="14:14">
      <c r="N787483" s="10"/>
    </row>
    <row r="787484" spans="14:14">
      <c r="N787484" s="10"/>
    </row>
    <row r="787485" spans="14:14">
      <c r="N787485" s="10"/>
    </row>
    <row r="787486" spans="14:14">
      <c r="N787486" s="10"/>
    </row>
    <row r="787487" spans="14:14">
      <c r="N787487" s="10"/>
    </row>
    <row r="787488" spans="14:14">
      <c r="N787488" s="10"/>
    </row>
    <row r="787489" spans="14:14">
      <c r="N787489" s="10"/>
    </row>
    <row r="787490" spans="14:14">
      <c r="N787490" s="10"/>
    </row>
    <row r="787491" spans="14:14">
      <c r="N787491" s="10"/>
    </row>
    <row r="787492" spans="14:14">
      <c r="N787492" s="10"/>
    </row>
    <row r="787493" spans="14:14">
      <c r="N787493" s="10"/>
    </row>
    <row r="787494" spans="14:14">
      <c r="N787494" s="10"/>
    </row>
    <row r="787495" spans="14:14">
      <c r="N787495" s="10"/>
    </row>
    <row r="787496" spans="14:14">
      <c r="N787496" s="10"/>
    </row>
    <row r="787497" spans="14:14">
      <c r="N787497" s="10"/>
    </row>
    <row r="787498" spans="14:14">
      <c r="N787498" s="10"/>
    </row>
    <row r="787499" spans="14:14">
      <c r="N787499" s="10"/>
    </row>
    <row r="787500" spans="14:14">
      <c r="N787500" s="10"/>
    </row>
    <row r="787501" spans="14:14">
      <c r="N787501" s="10"/>
    </row>
    <row r="787502" spans="14:14">
      <c r="N787502" s="10"/>
    </row>
    <row r="787503" spans="14:14">
      <c r="N787503" s="10"/>
    </row>
    <row r="787504" spans="14:14">
      <c r="N787504" s="10"/>
    </row>
    <row r="787505" spans="14:14">
      <c r="N787505" s="10"/>
    </row>
    <row r="787506" spans="14:14">
      <c r="N787506" s="10"/>
    </row>
    <row r="787507" spans="14:14">
      <c r="N787507" s="10"/>
    </row>
    <row r="787508" spans="14:14">
      <c r="N787508" s="10"/>
    </row>
    <row r="787509" spans="14:14">
      <c r="N787509" s="10"/>
    </row>
    <row r="787510" spans="14:14">
      <c r="N787510" s="10"/>
    </row>
    <row r="787511" spans="14:14">
      <c r="N787511" s="10"/>
    </row>
    <row r="787512" spans="14:14">
      <c r="N787512" s="10"/>
    </row>
    <row r="787513" spans="14:14">
      <c r="N787513" s="10"/>
    </row>
    <row r="787514" spans="14:14">
      <c r="N787514" s="10"/>
    </row>
    <row r="787515" spans="14:14">
      <c r="N787515" s="10"/>
    </row>
    <row r="787516" spans="14:14">
      <c r="N787516" s="10"/>
    </row>
    <row r="787517" spans="14:14">
      <c r="N787517" s="10"/>
    </row>
    <row r="787518" spans="14:14">
      <c r="N787518" s="10"/>
    </row>
    <row r="787519" spans="14:14">
      <c r="N787519" s="10"/>
    </row>
    <row r="787520" spans="14:14">
      <c r="N787520" s="10"/>
    </row>
    <row r="787521" spans="14:14">
      <c r="N787521" s="10"/>
    </row>
    <row r="787522" spans="14:14">
      <c r="N787522" s="10"/>
    </row>
    <row r="787523" spans="14:14">
      <c r="N787523" s="10"/>
    </row>
    <row r="787524" spans="14:14">
      <c r="N787524" s="10"/>
    </row>
    <row r="787525" spans="14:14">
      <c r="N787525" s="10"/>
    </row>
    <row r="787526" spans="14:14">
      <c r="N787526" s="10"/>
    </row>
    <row r="787527" spans="14:14">
      <c r="N787527" s="10"/>
    </row>
    <row r="787528" spans="14:14">
      <c r="N787528" s="10"/>
    </row>
    <row r="787529" spans="14:14">
      <c r="N787529" s="10"/>
    </row>
    <row r="787530" spans="14:14">
      <c r="N787530" s="10"/>
    </row>
    <row r="787531" spans="14:14">
      <c r="N787531" s="10"/>
    </row>
    <row r="787532" spans="14:14">
      <c r="N787532" s="10"/>
    </row>
    <row r="787533" spans="14:14">
      <c r="N787533" s="10"/>
    </row>
    <row r="787534" spans="14:14">
      <c r="N787534" s="10"/>
    </row>
    <row r="787535" spans="14:14">
      <c r="N787535" s="10"/>
    </row>
    <row r="787536" spans="14:14">
      <c r="N787536" s="10"/>
    </row>
    <row r="787537" spans="14:14">
      <c r="N787537" s="10"/>
    </row>
    <row r="787538" spans="14:14">
      <c r="N787538" s="10"/>
    </row>
    <row r="787539" spans="14:14">
      <c r="N787539" s="10"/>
    </row>
    <row r="787540" spans="14:14">
      <c r="N787540" s="10"/>
    </row>
    <row r="787541" spans="14:14">
      <c r="N787541" s="10"/>
    </row>
    <row r="787542" spans="14:14">
      <c r="N787542" s="10"/>
    </row>
    <row r="787543" spans="14:14">
      <c r="N787543" s="10"/>
    </row>
    <row r="787544" spans="14:14">
      <c r="N787544" s="10"/>
    </row>
    <row r="787545" spans="14:14">
      <c r="N787545" s="10"/>
    </row>
    <row r="787546" spans="14:14">
      <c r="N787546" s="10"/>
    </row>
    <row r="787547" spans="14:14">
      <c r="N787547" s="10"/>
    </row>
    <row r="787548" spans="14:14">
      <c r="N787548" s="10"/>
    </row>
    <row r="787549" spans="14:14">
      <c r="N787549" s="10"/>
    </row>
    <row r="787550" spans="14:14">
      <c r="N787550" s="10"/>
    </row>
    <row r="787551" spans="14:14">
      <c r="N787551" s="10"/>
    </row>
    <row r="787552" spans="14:14">
      <c r="N787552" s="10"/>
    </row>
    <row r="787553" spans="14:14">
      <c r="N787553" s="10"/>
    </row>
    <row r="787554" spans="14:14">
      <c r="N787554" s="10"/>
    </row>
    <row r="787555" spans="14:14">
      <c r="N787555" s="10"/>
    </row>
    <row r="787556" spans="14:14">
      <c r="N787556" s="10"/>
    </row>
    <row r="787557" spans="14:14">
      <c r="N787557" s="10"/>
    </row>
    <row r="787558" spans="14:14">
      <c r="N787558" s="10"/>
    </row>
    <row r="787559" spans="14:14">
      <c r="N787559" s="10"/>
    </row>
    <row r="787560" spans="14:14">
      <c r="N787560" s="10"/>
    </row>
    <row r="787561" spans="14:14">
      <c r="N787561" s="10"/>
    </row>
    <row r="787562" spans="14:14">
      <c r="N787562" s="10"/>
    </row>
    <row r="787563" spans="14:14">
      <c r="N787563" s="10"/>
    </row>
    <row r="787564" spans="14:14">
      <c r="N787564" s="10"/>
    </row>
    <row r="787565" spans="14:14">
      <c r="N787565" s="10"/>
    </row>
    <row r="787566" spans="14:14">
      <c r="N787566" s="10"/>
    </row>
    <row r="787567" spans="14:14">
      <c r="N787567" s="10"/>
    </row>
    <row r="787568" spans="14:14">
      <c r="N787568" s="10"/>
    </row>
    <row r="787569" spans="14:14">
      <c r="N787569" s="10"/>
    </row>
    <row r="787570" spans="14:14">
      <c r="N787570" s="10"/>
    </row>
    <row r="787571" spans="14:14">
      <c r="N787571" s="10"/>
    </row>
    <row r="787572" spans="14:14">
      <c r="N787572" s="10"/>
    </row>
    <row r="787573" spans="14:14">
      <c r="N787573" s="10"/>
    </row>
    <row r="787574" spans="14:14">
      <c r="N787574" s="10"/>
    </row>
    <row r="787575" spans="14:14">
      <c r="N787575" s="10"/>
    </row>
    <row r="787576" spans="14:14">
      <c r="N787576" s="10"/>
    </row>
    <row r="787577" spans="14:14">
      <c r="N787577" s="10"/>
    </row>
    <row r="787578" spans="14:14">
      <c r="N787578" s="10"/>
    </row>
    <row r="787579" spans="14:14">
      <c r="N787579" s="10"/>
    </row>
    <row r="787580" spans="14:14">
      <c r="N787580" s="10"/>
    </row>
    <row r="787581" spans="14:14">
      <c r="N787581" s="10"/>
    </row>
    <row r="787582" spans="14:14">
      <c r="N787582" s="10"/>
    </row>
    <row r="787583" spans="14:14">
      <c r="N787583" s="10"/>
    </row>
    <row r="787584" spans="14:14">
      <c r="N787584" s="10"/>
    </row>
    <row r="787585" spans="14:14">
      <c r="N787585" s="10"/>
    </row>
    <row r="787586" spans="14:14">
      <c r="N787586" s="10"/>
    </row>
    <row r="787587" spans="14:14">
      <c r="N787587" s="10"/>
    </row>
    <row r="787588" spans="14:14">
      <c r="N787588" s="10"/>
    </row>
    <row r="787589" spans="14:14">
      <c r="N787589" s="10"/>
    </row>
    <row r="787590" spans="14:14">
      <c r="N787590" s="10"/>
    </row>
    <row r="787591" spans="14:14">
      <c r="N787591" s="10"/>
    </row>
    <row r="787592" spans="14:14">
      <c r="N787592" s="10"/>
    </row>
    <row r="787593" spans="14:14">
      <c r="N787593" s="10"/>
    </row>
    <row r="787594" spans="14:14">
      <c r="N787594" s="10"/>
    </row>
    <row r="787595" spans="14:14">
      <c r="N787595" s="10"/>
    </row>
    <row r="787596" spans="14:14">
      <c r="N787596" s="10"/>
    </row>
    <row r="787597" spans="14:14">
      <c r="N787597" s="10"/>
    </row>
    <row r="787598" spans="14:14">
      <c r="N787598" s="10"/>
    </row>
    <row r="787599" spans="14:14">
      <c r="N787599" s="10"/>
    </row>
    <row r="787600" spans="14:14">
      <c r="N787600" s="10"/>
    </row>
    <row r="787601" spans="14:14">
      <c r="N787601" s="10"/>
    </row>
    <row r="787602" spans="14:14">
      <c r="N787602" s="10"/>
    </row>
    <row r="787603" spans="14:14">
      <c r="N787603" s="10"/>
    </row>
    <row r="787604" spans="14:14">
      <c r="N787604" s="10"/>
    </row>
    <row r="787605" spans="14:14">
      <c r="N787605" s="10"/>
    </row>
    <row r="787606" spans="14:14">
      <c r="N787606" s="10"/>
    </row>
    <row r="787607" spans="14:14">
      <c r="N787607" s="10"/>
    </row>
    <row r="787608" spans="14:14">
      <c r="N787608" s="10"/>
    </row>
    <row r="787609" spans="14:14">
      <c r="N787609" s="10"/>
    </row>
    <row r="787610" spans="14:14">
      <c r="N787610" s="10"/>
    </row>
    <row r="787611" spans="14:14">
      <c r="N787611" s="10"/>
    </row>
    <row r="787612" spans="14:14">
      <c r="N787612" s="10"/>
    </row>
    <row r="787613" spans="14:14">
      <c r="N787613" s="10"/>
    </row>
    <row r="787614" spans="14:14">
      <c r="N787614" s="10"/>
    </row>
    <row r="787615" spans="14:14">
      <c r="N787615" s="10"/>
    </row>
    <row r="787616" spans="14:14">
      <c r="N787616" s="10"/>
    </row>
    <row r="787617" spans="14:14">
      <c r="N787617" s="10"/>
    </row>
    <row r="787618" spans="14:14">
      <c r="N787618" s="10"/>
    </row>
    <row r="787619" spans="14:14">
      <c r="N787619" s="10"/>
    </row>
    <row r="787620" spans="14:14">
      <c r="N787620" s="10"/>
    </row>
    <row r="787621" spans="14:14">
      <c r="N787621" s="10"/>
    </row>
    <row r="787622" spans="14:14">
      <c r="N787622" s="10"/>
    </row>
    <row r="787623" spans="14:14">
      <c r="N787623" s="10"/>
    </row>
    <row r="787624" spans="14:14">
      <c r="N787624" s="10"/>
    </row>
    <row r="787625" spans="14:14">
      <c r="N787625" s="10"/>
    </row>
    <row r="787626" spans="14:14">
      <c r="N787626" s="10"/>
    </row>
    <row r="787627" spans="14:14">
      <c r="N787627" s="10"/>
    </row>
    <row r="787628" spans="14:14">
      <c r="N787628" s="10"/>
    </row>
    <row r="787629" spans="14:14">
      <c r="N787629" s="10"/>
    </row>
    <row r="787630" spans="14:14">
      <c r="N787630" s="10"/>
    </row>
    <row r="787631" spans="14:14">
      <c r="N787631" s="10"/>
    </row>
    <row r="787632" spans="14:14">
      <c r="N787632" s="10"/>
    </row>
    <row r="787633" spans="14:14">
      <c r="N787633" s="10"/>
    </row>
    <row r="787634" spans="14:14">
      <c r="N787634" s="10"/>
    </row>
    <row r="787635" spans="14:14">
      <c r="N787635" s="10"/>
    </row>
    <row r="787636" spans="14:14">
      <c r="N787636" s="10"/>
    </row>
    <row r="787637" spans="14:14">
      <c r="N787637" s="10"/>
    </row>
    <row r="787638" spans="14:14">
      <c r="N787638" s="10"/>
    </row>
    <row r="787639" spans="14:14">
      <c r="N787639" s="10"/>
    </row>
    <row r="787640" spans="14:14">
      <c r="N787640" s="10"/>
    </row>
    <row r="787641" spans="14:14">
      <c r="N787641" s="10"/>
    </row>
    <row r="787642" spans="14:14">
      <c r="N787642" s="10"/>
    </row>
    <row r="787643" spans="14:14">
      <c r="N787643" s="10"/>
    </row>
    <row r="787644" spans="14:14">
      <c r="N787644" s="10"/>
    </row>
    <row r="787645" spans="14:14">
      <c r="N787645" s="10"/>
    </row>
    <row r="787646" spans="14:14">
      <c r="N787646" s="10"/>
    </row>
    <row r="787647" spans="14:14">
      <c r="N787647" s="10"/>
    </row>
    <row r="787648" spans="14:14">
      <c r="N787648" s="10"/>
    </row>
    <row r="787649" spans="14:14">
      <c r="N787649" s="10"/>
    </row>
    <row r="787650" spans="14:14">
      <c r="N787650" s="10"/>
    </row>
    <row r="787651" spans="14:14">
      <c r="N787651" s="10"/>
    </row>
    <row r="787652" spans="14:14">
      <c r="N787652" s="10"/>
    </row>
    <row r="787653" spans="14:14">
      <c r="N787653" s="10"/>
    </row>
    <row r="787654" spans="14:14">
      <c r="N787654" s="10"/>
    </row>
    <row r="787655" spans="14:14">
      <c r="N787655" s="10"/>
    </row>
    <row r="787656" spans="14:14">
      <c r="N787656" s="10"/>
    </row>
    <row r="787657" spans="14:14">
      <c r="N787657" s="10"/>
    </row>
    <row r="787658" spans="14:14">
      <c r="N787658" s="10"/>
    </row>
    <row r="787659" spans="14:14">
      <c r="N787659" s="10"/>
    </row>
    <row r="787660" spans="14:14">
      <c r="N787660" s="10"/>
    </row>
    <row r="787661" spans="14:14">
      <c r="N787661" s="10"/>
    </row>
    <row r="787662" spans="14:14">
      <c r="N787662" s="10"/>
    </row>
    <row r="787663" spans="14:14">
      <c r="N787663" s="10"/>
    </row>
    <row r="787664" spans="14:14">
      <c r="N787664" s="10"/>
    </row>
    <row r="787665" spans="14:14">
      <c r="N787665" s="10"/>
    </row>
    <row r="787666" spans="14:14">
      <c r="N787666" s="10"/>
    </row>
    <row r="787667" spans="14:14">
      <c r="N787667" s="10"/>
    </row>
    <row r="787668" spans="14:14">
      <c r="N787668" s="10"/>
    </row>
    <row r="787669" spans="14:14">
      <c r="N787669" s="10"/>
    </row>
    <row r="787670" spans="14:14">
      <c r="N787670" s="10"/>
    </row>
    <row r="787671" spans="14:14">
      <c r="N787671" s="10"/>
    </row>
    <row r="787672" spans="14:14">
      <c r="N787672" s="10"/>
    </row>
    <row r="787673" spans="14:14">
      <c r="N787673" s="10"/>
    </row>
    <row r="787674" spans="14:14">
      <c r="N787674" s="10"/>
    </row>
    <row r="787675" spans="14:14">
      <c r="N787675" s="10"/>
    </row>
    <row r="787676" spans="14:14">
      <c r="N787676" s="10"/>
    </row>
    <row r="787677" spans="14:14">
      <c r="N787677" s="10"/>
    </row>
    <row r="787678" spans="14:14">
      <c r="N787678" s="10"/>
    </row>
    <row r="787679" spans="14:14">
      <c r="N787679" s="10"/>
    </row>
    <row r="787680" spans="14:14">
      <c r="N787680" s="10"/>
    </row>
    <row r="787681" spans="14:14">
      <c r="N787681" s="10"/>
    </row>
    <row r="787682" spans="14:14">
      <c r="N787682" s="10"/>
    </row>
    <row r="787683" spans="14:14">
      <c r="N787683" s="10"/>
    </row>
    <row r="787684" spans="14:14">
      <c r="N787684" s="10"/>
    </row>
    <row r="787685" spans="14:14">
      <c r="N787685" s="10"/>
    </row>
    <row r="787686" spans="14:14">
      <c r="N787686" s="10"/>
    </row>
    <row r="787687" spans="14:14">
      <c r="N787687" s="10"/>
    </row>
    <row r="787688" spans="14:14">
      <c r="N787688" s="10"/>
    </row>
    <row r="787689" spans="14:14">
      <c r="N787689" s="10"/>
    </row>
    <row r="787690" spans="14:14">
      <c r="N787690" s="10"/>
    </row>
    <row r="787691" spans="14:14">
      <c r="N787691" s="10"/>
    </row>
    <row r="787692" spans="14:14">
      <c r="N787692" s="10"/>
    </row>
    <row r="787693" spans="14:14">
      <c r="N787693" s="10"/>
    </row>
    <row r="787694" spans="14:14">
      <c r="N787694" s="10"/>
    </row>
    <row r="787695" spans="14:14">
      <c r="N787695" s="10"/>
    </row>
    <row r="787696" spans="14:14">
      <c r="N787696" s="10"/>
    </row>
    <row r="787697" spans="14:14">
      <c r="N787697" s="10"/>
    </row>
    <row r="787698" spans="14:14">
      <c r="N787698" s="10"/>
    </row>
    <row r="787699" spans="14:14">
      <c r="N787699" s="10"/>
    </row>
    <row r="787700" spans="14:14">
      <c r="N787700" s="10"/>
    </row>
    <row r="787701" spans="14:14">
      <c r="N787701" s="10"/>
    </row>
    <row r="787702" spans="14:14">
      <c r="N787702" s="10"/>
    </row>
    <row r="787703" spans="14:14">
      <c r="N787703" s="10"/>
    </row>
    <row r="787704" spans="14:14">
      <c r="N787704" s="10"/>
    </row>
    <row r="787705" spans="14:14">
      <c r="N787705" s="10"/>
    </row>
    <row r="787706" spans="14:14">
      <c r="N787706" s="10"/>
    </row>
    <row r="787707" spans="14:14">
      <c r="N787707" s="10"/>
    </row>
    <row r="787708" spans="14:14">
      <c r="N787708" s="10"/>
    </row>
    <row r="787709" spans="14:14">
      <c r="N787709" s="10"/>
    </row>
    <row r="787710" spans="14:14">
      <c r="N787710" s="10"/>
    </row>
    <row r="787711" spans="14:14">
      <c r="N787711" s="10"/>
    </row>
    <row r="787712" spans="14:14">
      <c r="N787712" s="10"/>
    </row>
    <row r="787713" spans="14:14">
      <c r="N787713" s="10"/>
    </row>
    <row r="787714" spans="14:14">
      <c r="N787714" s="10"/>
    </row>
    <row r="787715" spans="14:14">
      <c r="N787715" s="10"/>
    </row>
    <row r="787716" spans="14:14">
      <c r="N787716" s="10"/>
    </row>
    <row r="787717" spans="14:14">
      <c r="N787717" s="10"/>
    </row>
    <row r="787718" spans="14:14">
      <c r="N787718" s="10"/>
    </row>
    <row r="787719" spans="14:14">
      <c r="N787719" s="10"/>
    </row>
    <row r="787720" spans="14:14">
      <c r="N787720" s="10"/>
    </row>
    <row r="787721" spans="14:14">
      <c r="N787721" s="10"/>
    </row>
    <row r="787722" spans="14:14">
      <c r="N787722" s="10"/>
    </row>
    <row r="787723" spans="14:14">
      <c r="N787723" s="10"/>
    </row>
    <row r="787724" spans="14:14">
      <c r="N787724" s="10"/>
    </row>
    <row r="787725" spans="14:14">
      <c r="N787725" s="10"/>
    </row>
    <row r="787726" spans="14:14">
      <c r="N787726" s="10"/>
    </row>
    <row r="787727" spans="14:14">
      <c r="N787727" s="10"/>
    </row>
    <row r="787728" spans="14:14">
      <c r="N787728" s="10"/>
    </row>
    <row r="787729" spans="14:14">
      <c r="N787729" s="10"/>
    </row>
    <row r="787730" spans="14:14">
      <c r="N787730" s="10"/>
    </row>
    <row r="787731" spans="14:14">
      <c r="N787731" s="10"/>
    </row>
    <row r="787732" spans="14:14">
      <c r="N787732" s="10"/>
    </row>
    <row r="787733" spans="14:14">
      <c r="N787733" s="10"/>
    </row>
    <row r="787734" spans="14:14">
      <c r="N787734" s="10"/>
    </row>
    <row r="787735" spans="14:14">
      <c r="N787735" s="10"/>
    </row>
    <row r="787736" spans="14:14">
      <c r="N787736" s="10"/>
    </row>
    <row r="787737" spans="14:14">
      <c r="N787737" s="10"/>
    </row>
    <row r="787738" spans="14:14">
      <c r="N787738" s="10"/>
    </row>
    <row r="787739" spans="14:14">
      <c r="N787739" s="10"/>
    </row>
    <row r="787740" spans="14:14">
      <c r="N787740" s="10"/>
    </row>
    <row r="787741" spans="14:14">
      <c r="N787741" s="10"/>
    </row>
    <row r="787742" spans="14:14">
      <c r="N787742" s="10"/>
    </row>
    <row r="787743" spans="14:14">
      <c r="N787743" s="10"/>
    </row>
    <row r="787744" spans="14:14">
      <c r="N787744" s="10"/>
    </row>
    <row r="787745" spans="14:14">
      <c r="N787745" s="10"/>
    </row>
    <row r="787746" spans="14:14">
      <c r="N787746" s="10"/>
    </row>
    <row r="787747" spans="14:14">
      <c r="N787747" s="10"/>
    </row>
    <row r="787748" spans="14:14">
      <c r="N787748" s="10"/>
    </row>
    <row r="787749" spans="14:14">
      <c r="N787749" s="10"/>
    </row>
    <row r="787750" spans="14:14">
      <c r="N787750" s="10"/>
    </row>
    <row r="787751" spans="14:14">
      <c r="N787751" s="10"/>
    </row>
    <row r="787752" spans="14:14">
      <c r="N787752" s="10"/>
    </row>
    <row r="787753" spans="14:14">
      <c r="N787753" s="10"/>
    </row>
    <row r="787754" spans="14:14">
      <c r="N787754" s="10"/>
    </row>
    <row r="787755" spans="14:14">
      <c r="N787755" s="10"/>
    </row>
    <row r="787756" spans="14:14">
      <c r="N787756" s="10"/>
    </row>
    <row r="787757" spans="14:14">
      <c r="N787757" s="10"/>
    </row>
    <row r="787758" spans="14:14">
      <c r="N787758" s="10"/>
    </row>
    <row r="787759" spans="14:14">
      <c r="N787759" s="10"/>
    </row>
    <row r="787760" spans="14:14">
      <c r="N787760" s="10"/>
    </row>
    <row r="787761" spans="14:14">
      <c r="N787761" s="10"/>
    </row>
    <row r="787762" spans="14:14">
      <c r="N787762" s="10"/>
    </row>
    <row r="787763" spans="14:14">
      <c r="N787763" s="10"/>
    </row>
    <row r="787764" spans="14:14">
      <c r="N787764" s="10"/>
    </row>
    <row r="787765" spans="14:14">
      <c r="N787765" s="10"/>
    </row>
    <row r="787766" spans="14:14">
      <c r="N787766" s="10"/>
    </row>
    <row r="787767" spans="14:14">
      <c r="N787767" s="10"/>
    </row>
    <row r="787768" spans="14:14">
      <c r="N787768" s="10"/>
    </row>
    <row r="787769" spans="14:14">
      <c r="N787769" s="10"/>
    </row>
    <row r="787770" spans="14:14">
      <c r="N787770" s="10"/>
    </row>
    <row r="787771" spans="14:14">
      <c r="N787771" s="10"/>
    </row>
    <row r="787772" spans="14:14">
      <c r="N787772" s="10"/>
    </row>
    <row r="787773" spans="14:14">
      <c r="N787773" s="10"/>
    </row>
    <row r="787774" spans="14:14">
      <c r="N787774" s="10"/>
    </row>
    <row r="787775" spans="14:14">
      <c r="N787775" s="10"/>
    </row>
    <row r="787776" spans="14:14">
      <c r="N787776" s="10"/>
    </row>
    <row r="787777" spans="14:14">
      <c r="N787777" s="10"/>
    </row>
    <row r="787778" spans="14:14">
      <c r="N787778" s="10"/>
    </row>
    <row r="787779" spans="14:14">
      <c r="N787779" s="10"/>
    </row>
    <row r="787780" spans="14:14">
      <c r="N787780" s="10"/>
    </row>
    <row r="787781" spans="14:14">
      <c r="N787781" s="10"/>
    </row>
    <row r="787782" spans="14:14">
      <c r="N787782" s="10"/>
    </row>
    <row r="787783" spans="14:14">
      <c r="N787783" s="10"/>
    </row>
    <row r="787784" spans="14:14">
      <c r="N787784" s="10"/>
    </row>
    <row r="787785" spans="14:14">
      <c r="N787785" s="10"/>
    </row>
    <row r="787786" spans="14:14">
      <c r="N787786" s="10"/>
    </row>
    <row r="787787" spans="14:14">
      <c r="N787787" s="10"/>
    </row>
    <row r="787788" spans="14:14">
      <c r="N787788" s="10"/>
    </row>
    <row r="787789" spans="14:14">
      <c r="N787789" s="10"/>
    </row>
    <row r="787790" spans="14:14">
      <c r="N787790" s="10"/>
    </row>
    <row r="787791" spans="14:14">
      <c r="N787791" s="10"/>
    </row>
    <row r="787792" spans="14:14">
      <c r="N787792" s="10"/>
    </row>
    <row r="787793" spans="14:14">
      <c r="N787793" s="10"/>
    </row>
    <row r="787794" spans="14:14">
      <c r="N787794" s="10"/>
    </row>
    <row r="787795" spans="14:14">
      <c r="N787795" s="10"/>
    </row>
    <row r="787796" spans="14:14">
      <c r="N787796" s="10"/>
    </row>
    <row r="787797" spans="14:14">
      <c r="N787797" s="10"/>
    </row>
    <row r="787798" spans="14:14">
      <c r="N787798" s="10"/>
    </row>
    <row r="787799" spans="14:14">
      <c r="N787799" s="10"/>
    </row>
    <row r="787800" spans="14:14">
      <c r="N787800" s="10"/>
    </row>
    <row r="787801" spans="14:14">
      <c r="N787801" s="10"/>
    </row>
    <row r="787802" spans="14:14">
      <c r="N787802" s="10"/>
    </row>
    <row r="787803" spans="14:14">
      <c r="N787803" s="10"/>
    </row>
    <row r="787804" spans="14:14">
      <c r="N787804" s="10"/>
    </row>
    <row r="787805" spans="14:14">
      <c r="N787805" s="10"/>
    </row>
    <row r="787806" spans="14:14">
      <c r="N787806" s="10"/>
    </row>
    <row r="787807" spans="14:14">
      <c r="N787807" s="10"/>
    </row>
    <row r="787808" spans="14:14">
      <c r="N787808" s="10"/>
    </row>
    <row r="787809" spans="14:14">
      <c r="N787809" s="10"/>
    </row>
    <row r="787810" spans="14:14">
      <c r="N787810" s="10"/>
    </row>
    <row r="787811" spans="14:14">
      <c r="N787811" s="10"/>
    </row>
    <row r="787812" spans="14:14">
      <c r="N787812" s="10"/>
    </row>
    <row r="787813" spans="14:14">
      <c r="N787813" s="10"/>
    </row>
    <row r="787814" spans="14:14">
      <c r="N787814" s="10"/>
    </row>
    <row r="787815" spans="14:14">
      <c r="N787815" s="10"/>
    </row>
    <row r="787816" spans="14:14">
      <c r="N787816" s="10"/>
    </row>
    <row r="787817" spans="14:14">
      <c r="N787817" s="10"/>
    </row>
    <row r="787818" spans="14:14">
      <c r="N787818" s="10"/>
    </row>
    <row r="787819" spans="14:14">
      <c r="N787819" s="10"/>
    </row>
    <row r="787820" spans="14:14">
      <c r="N787820" s="10"/>
    </row>
    <row r="787821" spans="14:14">
      <c r="N787821" s="10"/>
    </row>
    <row r="787822" spans="14:14">
      <c r="N787822" s="10"/>
    </row>
    <row r="787823" spans="14:14">
      <c r="N787823" s="10"/>
    </row>
    <row r="787824" spans="14:14">
      <c r="N787824" s="10"/>
    </row>
    <row r="787825" spans="14:14">
      <c r="N787825" s="10"/>
    </row>
    <row r="787826" spans="14:14">
      <c r="N787826" s="10"/>
    </row>
    <row r="787827" spans="14:14">
      <c r="N787827" s="10"/>
    </row>
    <row r="787828" spans="14:14">
      <c r="N787828" s="10"/>
    </row>
    <row r="787829" spans="14:14">
      <c r="N787829" s="10"/>
    </row>
    <row r="787830" spans="14:14">
      <c r="N787830" s="10"/>
    </row>
    <row r="787831" spans="14:14">
      <c r="N787831" s="10"/>
    </row>
    <row r="787832" spans="14:14">
      <c r="N787832" s="10"/>
    </row>
    <row r="787833" spans="14:14">
      <c r="N787833" s="10"/>
    </row>
    <row r="787834" spans="14:14">
      <c r="N787834" s="10"/>
    </row>
    <row r="787835" spans="14:14">
      <c r="N787835" s="10"/>
    </row>
    <row r="787836" spans="14:14">
      <c r="N787836" s="10"/>
    </row>
    <row r="787837" spans="14:14">
      <c r="N787837" s="10"/>
    </row>
    <row r="787838" spans="14:14">
      <c r="N787838" s="10"/>
    </row>
    <row r="787839" spans="14:14">
      <c r="N787839" s="10"/>
    </row>
    <row r="787840" spans="14:14">
      <c r="N787840" s="10"/>
    </row>
    <row r="787841" spans="14:14">
      <c r="N787841" s="10"/>
    </row>
    <row r="787842" spans="14:14">
      <c r="N787842" s="10"/>
    </row>
    <row r="787843" spans="14:14">
      <c r="N787843" s="10"/>
    </row>
    <row r="787844" spans="14:14">
      <c r="N787844" s="10"/>
    </row>
    <row r="787845" spans="14:14">
      <c r="N787845" s="10"/>
    </row>
    <row r="787846" spans="14:14">
      <c r="N787846" s="10"/>
    </row>
    <row r="787847" spans="14:14">
      <c r="N787847" s="10"/>
    </row>
    <row r="787848" spans="14:14">
      <c r="N787848" s="10"/>
    </row>
    <row r="787849" spans="14:14">
      <c r="N787849" s="10"/>
    </row>
    <row r="787850" spans="14:14">
      <c r="N787850" s="10"/>
    </row>
    <row r="787851" spans="14:14">
      <c r="N787851" s="10"/>
    </row>
    <row r="787852" spans="14:14">
      <c r="N787852" s="10"/>
    </row>
    <row r="787853" spans="14:14">
      <c r="N787853" s="10"/>
    </row>
    <row r="787854" spans="14:14">
      <c r="N787854" s="10"/>
    </row>
    <row r="787855" spans="14:14">
      <c r="N787855" s="10"/>
    </row>
    <row r="787856" spans="14:14">
      <c r="N787856" s="10"/>
    </row>
    <row r="787857" spans="14:14">
      <c r="N787857" s="10"/>
    </row>
    <row r="787858" spans="14:14">
      <c r="N787858" s="10"/>
    </row>
    <row r="787859" spans="14:14">
      <c r="N787859" s="10"/>
    </row>
    <row r="787860" spans="14:14">
      <c r="N787860" s="10"/>
    </row>
    <row r="787861" spans="14:14">
      <c r="N787861" s="10"/>
    </row>
    <row r="787862" spans="14:14">
      <c r="N787862" s="10"/>
    </row>
    <row r="787863" spans="14:14">
      <c r="N787863" s="10"/>
    </row>
    <row r="787864" spans="14:14">
      <c r="N787864" s="10"/>
    </row>
    <row r="787865" spans="14:14">
      <c r="N787865" s="10"/>
    </row>
    <row r="787866" spans="14:14">
      <c r="N787866" s="10"/>
    </row>
    <row r="787867" spans="14:14">
      <c r="N787867" s="10"/>
    </row>
    <row r="787868" spans="14:14">
      <c r="N787868" s="10"/>
    </row>
    <row r="787869" spans="14:14">
      <c r="N787869" s="10"/>
    </row>
    <row r="787870" spans="14:14">
      <c r="N787870" s="10"/>
    </row>
    <row r="787871" spans="14:14">
      <c r="N787871" s="10"/>
    </row>
    <row r="787872" spans="14:14">
      <c r="N787872" s="10"/>
    </row>
    <row r="787873" spans="14:14">
      <c r="N787873" s="10"/>
    </row>
    <row r="787874" spans="14:14">
      <c r="N787874" s="10"/>
    </row>
    <row r="787875" spans="14:14">
      <c r="N787875" s="10"/>
    </row>
    <row r="787876" spans="14:14">
      <c r="N787876" s="10"/>
    </row>
    <row r="787877" spans="14:14">
      <c r="N787877" s="10"/>
    </row>
    <row r="787878" spans="14:14">
      <c r="N787878" s="10"/>
    </row>
    <row r="787879" spans="14:14">
      <c r="N787879" s="10"/>
    </row>
    <row r="787880" spans="14:14">
      <c r="N787880" s="10"/>
    </row>
    <row r="787881" spans="14:14">
      <c r="N787881" s="10"/>
    </row>
    <row r="787882" spans="14:14">
      <c r="N787882" s="10"/>
    </row>
    <row r="787883" spans="14:14">
      <c r="N787883" s="10"/>
    </row>
    <row r="787884" spans="14:14">
      <c r="N787884" s="10"/>
    </row>
    <row r="787885" spans="14:14">
      <c r="N787885" s="10"/>
    </row>
    <row r="787886" spans="14:14">
      <c r="N787886" s="10"/>
    </row>
    <row r="787887" spans="14:14">
      <c r="N787887" s="10"/>
    </row>
    <row r="787888" spans="14:14">
      <c r="N787888" s="10"/>
    </row>
    <row r="787889" spans="14:14">
      <c r="N787889" s="10"/>
    </row>
    <row r="787890" spans="14:14">
      <c r="N787890" s="10"/>
    </row>
    <row r="787891" spans="14:14">
      <c r="N787891" s="10"/>
    </row>
    <row r="787892" spans="14:14">
      <c r="N787892" s="10"/>
    </row>
    <row r="787893" spans="14:14">
      <c r="N787893" s="10"/>
    </row>
    <row r="787894" spans="14:14">
      <c r="N787894" s="10"/>
    </row>
    <row r="787895" spans="14:14">
      <c r="N787895" s="10"/>
    </row>
    <row r="787896" spans="14:14">
      <c r="N787896" s="10"/>
    </row>
    <row r="787897" spans="14:14">
      <c r="N787897" s="10"/>
    </row>
    <row r="787898" spans="14:14">
      <c r="N787898" s="10"/>
    </row>
    <row r="787899" spans="14:14">
      <c r="N787899" s="10"/>
    </row>
    <row r="787900" spans="14:14">
      <c r="N787900" s="10"/>
    </row>
    <row r="787901" spans="14:14">
      <c r="N787901" s="10"/>
    </row>
    <row r="787902" spans="14:14">
      <c r="N787902" s="10"/>
    </row>
    <row r="787903" spans="14:14">
      <c r="N787903" s="10"/>
    </row>
    <row r="787904" spans="14:14">
      <c r="N787904" s="10"/>
    </row>
    <row r="787905" spans="14:14">
      <c r="N787905" s="10"/>
    </row>
    <row r="787906" spans="14:14">
      <c r="N787906" s="10"/>
    </row>
    <row r="787907" spans="14:14">
      <c r="N787907" s="10"/>
    </row>
    <row r="787908" spans="14:14">
      <c r="N787908" s="10"/>
    </row>
    <row r="787909" spans="14:14">
      <c r="N787909" s="10"/>
    </row>
    <row r="787910" spans="14:14">
      <c r="N787910" s="10"/>
    </row>
    <row r="787911" spans="14:14">
      <c r="N787911" s="10"/>
    </row>
    <row r="787912" spans="14:14">
      <c r="N787912" s="10"/>
    </row>
    <row r="787913" spans="14:14">
      <c r="N787913" s="10"/>
    </row>
    <row r="787914" spans="14:14">
      <c r="N787914" s="10"/>
    </row>
    <row r="787915" spans="14:14">
      <c r="N787915" s="10"/>
    </row>
    <row r="787916" spans="14:14">
      <c r="N787916" s="10"/>
    </row>
    <row r="787917" spans="14:14">
      <c r="N787917" s="10"/>
    </row>
    <row r="787918" spans="14:14">
      <c r="N787918" s="10"/>
    </row>
    <row r="787919" spans="14:14">
      <c r="N787919" s="10"/>
    </row>
    <row r="787920" spans="14:14">
      <c r="N787920" s="10"/>
    </row>
    <row r="787921" spans="14:14">
      <c r="N787921" s="10"/>
    </row>
    <row r="787922" spans="14:14">
      <c r="N787922" s="10"/>
    </row>
    <row r="787923" spans="14:14">
      <c r="N787923" s="10"/>
    </row>
    <row r="787924" spans="14:14">
      <c r="N787924" s="10"/>
    </row>
    <row r="787925" spans="14:14">
      <c r="N787925" s="10"/>
    </row>
    <row r="787926" spans="14:14">
      <c r="N787926" s="10"/>
    </row>
    <row r="787927" spans="14:14">
      <c r="N787927" s="10"/>
    </row>
    <row r="787928" spans="14:14">
      <c r="N787928" s="10"/>
    </row>
    <row r="787929" spans="14:14">
      <c r="N787929" s="10"/>
    </row>
    <row r="787930" spans="14:14">
      <c r="N787930" s="10"/>
    </row>
    <row r="787931" spans="14:14">
      <c r="N787931" s="10"/>
    </row>
    <row r="787932" spans="14:14">
      <c r="N787932" s="10"/>
    </row>
    <row r="787933" spans="14:14">
      <c r="N787933" s="10"/>
    </row>
    <row r="787934" spans="14:14">
      <c r="N787934" s="10"/>
    </row>
    <row r="787935" spans="14:14">
      <c r="N787935" s="10"/>
    </row>
    <row r="787936" spans="14:14">
      <c r="N787936" s="10"/>
    </row>
    <row r="787937" spans="14:14">
      <c r="N787937" s="10"/>
    </row>
    <row r="787938" spans="14:14">
      <c r="N787938" s="10"/>
    </row>
    <row r="787939" spans="14:14">
      <c r="N787939" s="10"/>
    </row>
    <row r="787940" spans="14:14">
      <c r="N787940" s="10"/>
    </row>
    <row r="787941" spans="14:14">
      <c r="N787941" s="10"/>
    </row>
    <row r="787942" spans="14:14">
      <c r="N787942" s="10"/>
    </row>
    <row r="787943" spans="14:14">
      <c r="N787943" s="10"/>
    </row>
    <row r="787944" spans="14:14">
      <c r="N787944" s="10"/>
    </row>
    <row r="787945" spans="14:14">
      <c r="N787945" s="10"/>
    </row>
    <row r="787946" spans="14:14">
      <c r="N787946" s="10"/>
    </row>
    <row r="787947" spans="14:14">
      <c r="N787947" s="10"/>
    </row>
    <row r="787948" spans="14:14">
      <c r="N787948" s="10"/>
    </row>
    <row r="787949" spans="14:14">
      <c r="N787949" s="10"/>
    </row>
    <row r="787950" spans="14:14">
      <c r="N787950" s="10"/>
    </row>
    <row r="787951" spans="14:14">
      <c r="N787951" s="10"/>
    </row>
    <row r="787952" spans="14:14">
      <c r="N787952" s="10"/>
    </row>
    <row r="787953" spans="14:14">
      <c r="N787953" s="10"/>
    </row>
    <row r="787954" spans="14:14">
      <c r="N787954" s="10"/>
    </row>
    <row r="787955" spans="14:14">
      <c r="N787955" s="10"/>
    </row>
    <row r="787956" spans="14:14">
      <c r="N787956" s="10"/>
    </row>
    <row r="787957" spans="14:14">
      <c r="N787957" s="10"/>
    </row>
    <row r="787958" spans="14:14">
      <c r="N787958" s="10"/>
    </row>
    <row r="787959" spans="14:14">
      <c r="N787959" s="10"/>
    </row>
    <row r="787960" spans="14:14">
      <c r="N787960" s="10"/>
    </row>
    <row r="787961" spans="14:14">
      <c r="N787961" s="10"/>
    </row>
    <row r="787962" spans="14:14">
      <c r="N787962" s="10"/>
    </row>
    <row r="787963" spans="14:14">
      <c r="N787963" s="10"/>
    </row>
    <row r="787964" spans="14:14">
      <c r="N787964" s="10"/>
    </row>
    <row r="787965" spans="14:14">
      <c r="N787965" s="10"/>
    </row>
    <row r="787966" spans="14:14">
      <c r="N787966" s="10"/>
    </row>
    <row r="787967" spans="14:14">
      <c r="N787967" s="10"/>
    </row>
    <row r="787968" spans="14:14">
      <c r="N787968" s="10"/>
    </row>
    <row r="787969" spans="14:14">
      <c r="N787969" s="10"/>
    </row>
    <row r="787970" spans="14:14">
      <c r="N787970" s="10"/>
    </row>
    <row r="787971" spans="14:14">
      <c r="N787971" s="10"/>
    </row>
    <row r="787972" spans="14:14">
      <c r="N787972" s="10"/>
    </row>
    <row r="787973" spans="14:14">
      <c r="N787973" s="10"/>
    </row>
    <row r="787974" spans="14:14">
      <c r="N787974" s="10"/>
    </row>
    <row r="787975" spans="14:14">
      <c r="N787975" s="10"/>
    </row>
    <row r="787976" spans="14:14">
      <c r="N787976" s="10"/>
    </row>
    <row r="787977" spans="14:14">
      <c r="N787977" s="10"/>
    </row>
    <row r="787978" spans="14:14">
      <c r="N787978" s="10"/>
    </row>
    <row r="787979" spans="14:14">
      <c r="N787979" s="10"/>
    </row>
    <row r="787980" spans="14:14">
      <c r="N787980" s="10"/>
    </row>
    <row r="787981" spans="14:14">
      <c r="N787981" s="10"/>
    </row>
    <row r="787982" spans="14:14">
      <c r="N787982" s="10"/>
    </row>
    <row r="787983" spans="14:14">
      <c r="N787983" s="10"/>
    </row>
    <row r="787984" spans="14:14">
      <c r="N787984" s="10"/>
    </row>
    <row r="787985" spans="14:14">
      <c r="N787985" s="10"/>
    </row>
    <row r="787986" spans="14:14">
      <c r="N787986" s="10"/>
    </row>
    <row r="787987" spans="14:14">
      <c r="N787987" s="10"/>
    </row>
    <row r="787988" spans="14:14">
      <c r="N787988" s="10"/>
    </row>
    <row r="787989" spans="14:14">
      <c r="N787989" s="10"/>
    </row>
    <row r="787990" spans="14:14">
      <c r="N787990" s="10"/>
    </row>
    <row r="787991" spans="14:14">
      <c r="N787991" s="10"/>
    </row>
    <row r="787992" spans="14:14">
      <c r="N787992" s="10"/>
    </row>
    <row r="787993" spans="14:14">
      <c r="N787993" s="10"/>
    </row>
    <row r="787994" spans="14:14">
      <c r="N787994" s="10"/>
    </row>
    <row r="787995" spans="14:14">
      <c r="N787995" s="10"/>
    </row>
    <row r="787996" spans="14:14">
      <c r="N787996" s="10"/>
    </row>
    <row r="787997" spans="14:14">
      <c r="N787997" s="10"/>
    </row>
    <row r="787998" spans="14:14">
      <c r="N787998" s="10"/>
    </row>
    <row r="787999" spans="14:14">
      <c r="N787999" s="10"/>
    </row>
    <row r="788000" spans="14:14">
      <c r="N788000" s="10"/>
    </row>
    <row r="788001" spans="14:14">
      <c r="N788001" s="10"/>
    </row>
    <row r="788002" spans="14:14">
      <c r="N788002" s="10"/>
    </row>
    <row r="788003" spans="14:14">
      <c r="N788003" s="10"/>
    </row>
    <row r="788004" spans="14:14">
      <c r="N788004" s="10"/>
    </row>
    <row r="788005" spans="14:14">
      <c r="N788005" s="10"/>
    </row>
    <row r="788006" spans="14:14">
      <c r="N788006" s="10"/>
    </row>
    <row r="788007" spans="14:14">
      <c r="N788007" s="10"/>
    </row>
    <row r="788008" spans="14:14">
      <c r="N788008" s="10"/>
    </row>
    <row r="788009" spans="14:14">
      <c r="N788009" s="10"/>
    </row>
    <row r="788010" spans="14:14">
      <c r="N788010" s="10"/>
    </row>
    <row r="788011" spans="14:14">
      <c r="N788011" s="10"/>
    </row>
    <row r="788012" spans="14:14">
      <c r="N788012" s="10"/>
    </row>
    <row r="788013" spans="14:14">
      <c r="N788013" s="10"/>
    </row>
    <row r="788014" spans="14:14">
      <c r="N788014" s="10"/>
    </row>
    <row r="788015" spans="14:14">
      <c r="N788015" s="10"/>
    </row>
    <row r="788016" spans="14:14">
      <c r="N788016" s="10"/>
    </row>
    <row r="788017" spans="14:14">
      <c r="N788017" s="10"/>
    </row>
    <row r="788018" spans="14:14">
      <c r="N788018" s="10"/>
    </row>
    <row r="788019" spans="14:14">
      <c r="N788019" s="10"/>
    </row>
    <row r="788020" spans="14:14">
      <c r="N788020" s="10"/>
    </row>
    <row r="788021" spans="14:14">
      <c r="N788021" s="10"/>
    </row>
    <row r="788022" spans="14:14">
      <c r="N788022" s="10"/>
    </row>
    <row r="788023" spans="14:14">
      <c r="N788023" s="10"/>
    </row>
    <row r="788024" spans="14:14">
      <c r="N788024" s="10"/>
    </row>
    <row r="788025" spans="14:14">
      <c r="N788025" s="10"/>
    </row>
    <row r="788026" spans="14:14">
      <c r="N788026" s="10"/>
    </row>
    <row r="788027" spans="14:14">
      <c r="N788027" s="10"/>
    </row>
    <row r="788028" spans="14:14">
      <c r="N788028" s="10"/>
    </row>
    <row r="788029" spans="14:14">
      <c r="N788029" s="10"/>
    </row>
    <row r="788030" spans="14:14">
      <c r="N788030" s="10"/>
    </row>
    <row r="788031" spans="14:14">
      <c r="N788031" s="10"/>
    </row>
    <row r="788032" spans="14:14">
      <c r="N788032" s="10"/>
    </row>
    <row r="788033" spans="14:14">
      <c r="N788033" s="10"/>
    </row>
    <row r="788034" spans="14:14">
      <c r="N788034" s="10"/>
    </row>
    <row r="788035" spans="14:14">
      <c r="N788035" s="10"/>
    </row>
    <row r="788036" spans="14:14">
      <c r="N788036" s="10"/>
    </row>
    <row r="788037" spans="14:14">
      <c r="N788037" s="10"/>
    </row>
    <row r="788038" spans="14:14">
      <c r="N788038" s="10"/>
    </row>
    <row r="788039" spans="14:14">
      <c r="N788039" s="10"/>
    </row>
    <row r="788040" spans="14:14">
      <c r="N788040" s="10"/>
    </row>
    <row r="788041" spans="14:14">
      <c r="N788041" s="10"/>
    </row>
    <row r="788042" spans="14:14">
      <c r="N788042" s="10"/>
    </row>
    <row r="788043" spans="14:14">
      <c r="N788043" s="10"/>
    </row>
    <row r="788044" spans="14:14">
      <c r="N788044" s="10"/>
    </row>
    <row r="788045" spans="14:14">
      <c r="N788045" s="10"/>
    </row>
    <row r="788046" spans="14:14">
      <c r="N788046" s="10"/>
    </row>
    <row r="788047" spans="14:14">
      <c r="N788047" s="10"/>
    </row>
    <row r="788048" spans="14:14">
      <c r="N788048" s="10"/>
    </row>
    <row r="788049" spans="14:14">
      <c r="N788049" s="10"/>
    </row>
    <row r="788050" spans="14:14">
      <c r="N788050" s="10"/>
    </row>
    <row r="788051" spans="14:14">
      <c r="N788051" s="10"/>
    </row>
    <row r="788052" spans="14:14">
      <c r="N788052" s="10"/>
    </row>
    <row r="788053" spans="14:14">
      <c r="N788053" s="10"/>
    </row>
    <row r="788054" spans="14:14">
      <c r="N788054" s="10"/>
    </row>
    <row r="788055" spans="14:14">
      <c r="N788055" s="10"/>
    </row>
    <row r="788056" spans="14:14">
      <c r="N788056" s="10"/>
    </row>
    <row r="788057" spans="14:14">
      <c r="N788057" s="10"/>
    </row>
    <row r="788058" spans="14:14">
      <c r="N788058" s="10"/>
    </row>
    <row r="788059" spans="14:14">
      <c r="N788059" s="10"/>
    </row>
    <row r="788060" spans="14:14">
      <c r="N788060" s="10"/>
    </row>
    <row r="788061" spans="14:14">
      <c r="N788061" s="10"/>
    </row>
    <row r="788062" spans="14:14">
      <c r="N788062" s="10"/>
    </row>
    <row r="788063" spans="14:14">
      <c r="N788063" s="10"/>
    </row>
    <row r="788064" spans="14:14">
      <c r="N788064" s="10"/>
    </row>
    <row r="788065" spans="14:14">
      <c r="N788065" s="10"/>
    </row>
    <row r="788066" spans="14:14">
      <c r="N788066" s="10"/>
    </row>
    <row r="788067" spans="14:14">
      <c r="N788067" s="10"/>
    </row>
    <row r="788068" spans="14:14">
      <c r="N788068" s="10"/>
    </row>
    <row r="788069" spans="14:14">
      <c r="N788069" s="10"/>
    </row>
    <row r="788070" spans="14:14">
      <c r="N788070" s="10"/>
    </row>
    <row r="788071" spans="14:14">
      <c r="N788071" s="10"/>
    </row>
    <row r="788072" spans="14:14">
      <c r="N788072" s="10"/>
    </row>
    <row r="788073" spans="14:14">
      <c r="N788073" s="10"/>
    </row>
    <row r="788074" spans="14:14">
      <c r="N788074" s="10"/>
    </row>
    <row r="788075" spans="14:14">
      <c r="N788075" s="10"/>
    </row>
    <row r="788076" spans="14:14">
      <c r="N788076" s="10"/>
    </row>
    <row r="788077" spans="14:14">
      <c r="N788077" s="10"/>
    </row>
    <row r="788078" spans="14:14">
      <c r="N788078" s="10"/>
    </row>
    <row r="788079" spans="14:14">
      <c r="N788079" s="10"/>
    </row>
    <row r="788080" spans="14:14">
      <c r="N788080" s="10"/>
    </row>
    <row r="788081" spans="14:14">
      <c r="N788081" s="10"/>
    </row>
    <row r="788082" spans="14:14">
      <c r="N788082" s="10"/>
    </row>
    <row r="788083" spans="14:14">
      <c r="N788083" s="10"/>
    </row>
    <row r="788084" spans="14:14">
      <c r="N788084" s="10"/>
    </row>
    <row r="788085" spans="14:14">
      <c r="N788085" s="10"/>
    </row>
    <row r="788086" spans="14:14">
      <c r="N788086" s="10"/>
    </row>
    <row r="788087" spans="14:14">
      <c r="N788087" s="10"/>
    </row>
    <row r="788088" spans="14:14">
      <c r="N788088" s="10"/>
    </row>
    <row r="788089" spans="14:14">
      <c r="N788089" s="10"/>
    </row>
    <row r="788090" spans="14:14">
      <c r="N788090" s="10"/>
    </row>
    <row r="788091" spans="14:14">
      <c r="N788091" s="10"/>
    </row>
    <row r="788092" spans="14:14">
      <c r="N788092" s="10"/>
    </row>
    <row r="788093" spans="14:14">
      <c r="N788093" s="10"/>
    </row>
    <row r="788094" spans="14:14">
      <c r="N788094" s="10"/>
    </row>
    <row r="788095" spans="14:14">
      <c r="N788095" s="10"/>
    </row>
    <row r="788096" spans="14:14">
      <c r="N788096" s="10"/>
    </row>
    <row r="788097" spans="14:14">
      <c r="N788097" s="10"/>
    </row>
    <row r="788098" spans="14:14">
      <c r="N788098" s="10"/>
    </row>
    <row r="788099" spans="14:14">
      <c r="N788099" s="10"/>
    </row>
    <row r="788100" spans="14:14">
      <c r="N788100" s="10"/>
    </row>
    <row r="788101" spans="14:14">
      <c r="N788101" s="10"/>
    </row>
    <row r="788102" spans="14:14">
      <c r="N788102" s="10"/>
    </row>
    <row r="788103" spans="14:14">
      <c r="N788103" s="10"/>
    </row>
    <row r="788104" spans="14:14">
      <c r="N788104" s="10"/>
    </row>
    <row r="788105" spans="14:14">
      <c r="N788105" s="10"/>
    </row>
    <row r="788106" spans="14:14">
      <c r="N788106" s="10"/>
    </row>
    <row r="788107" spans="14:14">
      <c r="N788107" s="10"/>
    </row>
    <row r="788108" spans="14:14">
      <c r="N788108" s="10"/>
    </row>
    <row r="788109" spans="14:14">
      <c r="N788109" s="10"/>
    </row>
    <row r="788110" spans="14:14">
      <c r="N788110" s="10"/>
    </row>
    <row r="788111" spans="14:14">
      <c r="N788111" s="10"/>
    </row>
    <row r="788112" spans="14:14">
      <c r="N788112" s="10"/>
    </row>
    <row r="788113" spans="14:14">
      <c r="N788113" s="10"/>
    </row>
    <row r="788114" spans="14:14">
      <c r="N788114" s="10"/>
    </row>
    <row r="788115" spans="14:14">
      <c r="N788115" s="10"/>
    </row>
    <row r="788116" spans="14:14">
      <c r="N788116" s="10"/>
    </row>
    <row r="788117" spans="14:14">
      <c r="N788117" s="10"/>
    </row>
    <row r="788118" spans="14:14">
      <c r="N788118" s="10"/>
    </row>
    <row r="788119" spans="14:14">
      <c r="N788119" s="10"/>
    </row>
    <row r="788120" spans="14:14">
      <c r="N788120" s="10"/>
    </row>
    <row r="788121" spans="14:14">
      <c r="N788121" s="10"/>
    </row>
    <row r="788122" spans="14:14">
      <c r="N788122" s="10"/>
    </row>
    <row r="788123" spans="14:14">
      <c r="N788123" s="10"/>
    </row>
    <row r="788124" spans="14:14">
      <c r="N788124" s="10"/>
    </row>
    <row r="788125" spans="14:14">
      <c r="N788125" s="10"/>
    </row>
    <row r="788126" spans="14:14">
      <c r="N788126" s="10"/>
    </row>
    <row r="788127" spans="14:14">
      <c r="N788127" s="10"/>
    </row>
    <row r="788128" spans="14:14">
      <c r="N788128" s="10"/>
    </row>
    <row r="788129" spans="14:14">
      <c r="N788129" s="10"/>
    </row>
    <row r="788130" spans="14:14">
      <c r="N788130" s="10"/>
    </row>
    <row r="788131" spans="14:14">
      <c r="N788131" s="10"/>
    </row>
    <row r="788132" spans="14:14">
      <c r="N788132" s="10"/>
    </row>
    <row r="788133" spans="14:14">
      <c r="N788133" s="10"/>
    </row>
    <row r="788134" spans="14:14">
      <c r="N788134" s="10"/>
    </row>
    <row r="788135" spans="14:14">
      <c r="N788135" s="10"/>
    </row>
    <row r="788136" spans="14:14">
      <c r="N788136" s="10"/>
    </row>
    <row r="788137" spans="14:14">
      <c r="N788137" s="10"/>
    </row>
    <row r="788138" spans="14:14">
      <c r="N788138" s="10"/>
    </row>
    <row r="788139" spans="14:14">
      <c r="N788139" s="10"/>
    </row>
    <row r="788140" spans="14:14">
      <c r="N788140" s="10"/>
    </row>
    <row r="788141" spans="14:14">
      <c r="N788141" s="10"/>
    </row>
    <row r="788142" spans="14:14">
      <c r="N788142" s="10"/>
    </row>
    <row r="788143" spans="14:14">
      <c r="N788143" s="10"/>
    </row>
    <row r="788144" spans="14:14">
      <c r="N788144" s="10"/>
    </row>
    <row r="788145" spans="14:14">
      <c r="N788145" s="10"/>
    </row>
    <row r="788146" spans="14:14">
      <c r="N788146" s="10"/>
    </row>
    <row r="788147" spans="14:14">
      <c r="N788147" s="10"/>
    </row>
    <row r="788148" spans="14:14">
      <c r="N788148" s="10"/>
    </row>
    <row r="788149" spans="14:14">
      <c r="N788149" s="10"/>
    </row>
    <row r="788150" spans="14:14">
      <c r="N788150" s="10"/>
    </row>
    <row r="788151" spans="14:14">
      <c r="N788151" s="10"/>
    </row>
    <row r="788152" spans="14:14">
      <c r="N788152" s="10"/>
    </row>
    <row r="788153" spans="14:14">
      <c r="N788153" s="10"/>
    </row>
    <row r="788154" spans="14:14">
      <c r="N788154" s="10"/>
    </row>
    <row r="788155" spans="14:14">
      <c r="N788155" s="10"/>
    </row>
    <row r="788156" spans="14:14">
      <c r="N788156" s="10"/>
    </row>
    <row r="788157" spans="14:14">
      <c r="N788157" s="10"/>
    </row>
    <row r="788158" spans="14:14">
      <c r="N788158" s="10"/>
    </row>
    <row r="788159" spans="14:14">
      <c r="N788159" s="10"/>
    </row>
    <row r="788160" spans="14:14">
      <c r="N788160" s="10"/>
    </row>
    <row r="788161" spans="14:14">
      <c r="N788161" s="10"/>
    </row>
    <row r="788162" spans="14:14">
      <c r="N788162" s="10"/>
    </row>
    <row r="788163" spans="14:14">
      <c r="N788163" s="10"/>
    </row>
    <row r="788164" spans="14:14">
      <c r="N788164" s="10"/>
    </row>
    <row r="788165" spans="14:14">
      <c r="N788165" s="10"/>
    </row>
    <row r="788166" spans="14:14">
      <c r="N788166" s="10"/>
    </row>
    <row r="788167" spans="14:14">
      <c r="N788167" s="10"/>
    </row>
    <row r="788168" spans="14:14">
      <c r="N788168" s="10"/>
    </row>
    <row r="788169" spans="14:14">
      <c r="N788169" s="10"/>
    </row>
    <row r="788170" spans="14:14">
      <c r="N788170" s="10"/>
    </row>
    <row r="788171" spans="14:14">
      <c r="N788171" s="10"/>
    </row>
    <row r="788172" spans="14:14">
      <c r="N788172" s="10"/>
    </row>
    <row r="788173" spans="14:14">
      <c r="N788173" s="10"/>
    </row>
    <row r="788174" spans="14:14">
      <c r="N788174" s="10"/>
    </row>
    <row r="788175" spans="14:14">
      <c r="N788175" s="10"/>
    </row>
    <row r="788176" spans="14:14">
      <c r="N788176" s="10"/>
    </row>
    <row r="788177" spans="14:14">
      <c r="N788177" s="10"/>
    </row>
    <row r="788178" spans="14:14">
      <c r="N788178" s="10"/>
    </row>
    <row r="788179" spans="14:14">
      <c r="N788179" s="10"/>
    </row>
    <row r="788180" spans="14:14">
      <c r="N788180" s="10"/>
    </row>
    <row r="788181" spans="14:14">
      <c r="N788181" s="10"/>
    </row>
    <row r="788182" spans="14:14">
      <c r="N788182" s="10"/>
    </row>
    <row r="788183" spans="14:14">
      <c r="N788183" s="10"/>
    </row>
    <row r="788184" spans="14:14">
      <c r="N788184" s="10"/>
    </row>
    <row r="788185" spans="14:14">
      <c r="N788185" s="10"/>
    </row>
    <row r="788186" spans="14:14">
      <c r="N788186" s="10"/>
    </row>
    <row r="788187" spans="14:14">
      <c r="N788187" s="10"/>
    </row>
    <row r="788188" spans="14:14">
      <c r="N788188" s="10"/>
    </row>
    <row r="788189" spans="14:14">
      <c r="N788189" s="10"/>
    </row>
    <row r="788190" spans="14:14">
      <c r="N788190" s="10"/>
    </row>
    <row r="788191" spans="14:14">
      <c r="N788191" s="10"/>
    </row>
    <row r="788192" spans="14:14">
      <c r="N788192" s="10"/>
    </row>
    <row r="788193" spans="14:14">
      <c r="N788193" s="10"/>
    </row>
    <row r="788194" spans="14:14">
      <c r="N788194" s="10"/>
    </row>
    <row r="788195" spans="14:14">
      <c r="N788195" s="10"/>
    </row>
    <row r="788196" spans="14:14">
      <c r="N788196" s="10"/>
    </row>
    <row r="788197" spans="14:14">
      <c r="N788197" s="10"/>
    </row>
    <row r="788198" spans="14:14">
      <c r="N788198" s="10"/>
    </row>
    <row r="788199" spans="14:14">
      <c r="N788199" s="10"/>
    </row>
    <row r="788200" spans="14:14">
      <c r="N788200" s="10"/>
    </row>
    <row r="788201" spans="14:14">
      <c r="N788201" s="10"/>
    </row>
    <row r="788202" spans="14:14">
      <c r="N788202" s="10"/>
    </row>
    <row r="788203" spans="14:14">
      <c r="N788203" s="10"/>
    </row>
    <row r="788204" spans="14:14">
      <c r="N788204" s="10"/>
    </row>
    <row r="788205" spans="14:14">
      <c r="N788205" s="10"/>
    </row>
    <row r="788206" spans="14:14">
      <c r="N788206" s="10"/>
    </row>
    <row r="788207" spans="14:14">
      <c r="N788207" s="10"/>
    </row>
    <row r="788208" spans="14:14">
      <c r="N788208" s="10"/>
    </row>
    <row r="788209" spans="14:14">
      <c r="N788209" s="10"/>
    </row>
    <row r="788210" spans="14:14">
      <c r="N788210" s="10"/>
    </row>
    <row r="788211" spans="14:14">
      <c r="N788211" s="10"/>
    </row>
    <row r="788212" spans="14:14">
      <c r="N788212" s="10"/>
    </row>
    <row r="788213" spans="14:14">
      <c r="N788213" s="10"/>
    </row>
    <row r="788214" spans="14:14">
      <c r="N788214" s="10"/>
    </row>
    <row r="788215" spans="14:14">
      <c r="N788215" s="10"/>
    </row>
    <row r="788216" spans="14:14">
      <c r="N788216" s="10"/>
    </row>
    <row r="788217" spans="14:14">
      <c r="N788217" s="10"/>
    </row>
    <row r="788218" spans="14:14">
      <c r="N788218" s="10"/>
    </row>
    <row r="788219" spans="14:14">
      <c r="N788219" s="10"/>
    </row>
    <row r="788220" spans="14:14">
      <c r="N788220" s="10"/>
    </row>
    <row r="788221" spans="14:14">
      <c r="N788221" s="10"/>
    </row>
    <row r="788222" spans="14:14">
      <c r="N788222" s="10"/>
    </row>
    <row r="788223" spans="14:14">
      <c r="N788223" s="10"/>
    </row>
    <row r="788224" spans="14:14">
      <c r="N788224" s="10"/>
    </row>
    <row r="788225" spans="14:14">
      <c r="N788225" s="10"/>
    </row>
    <row r="788226" spans="14:14">
      <c r="N788226" s="10"/>
    </row>
    <row r="788227" spans="14:14">
      <c r="N788227" s="10"/>
    </row>
    <row r="788228" spans="14:14">
      <c r="N788228" s="10"/>
    </row>
    <row r="788229" spans="14:14">
      <c r="N788229" s="10"/>
    </row>
    <row r="788230" spans="14:14">
      <c r="N788230" s="10"/>
    </row>
    <row r="788231" spans="14:14">
      <c r="N788231" s="10"/>
    </row>
    <row r="788232" spans="14:14">
      <c r="N788232" s="10"/>
    </row>
    <row r="788233" spans="14:14">
      <c r="N788233" s="10"/>
    </row>
    <row r="788234" spans="14:14">
      <c r="N788234" s="10"/>
    </row>
    <row r="788235" spans="14:14">
      <c r="N788235" s="10"/>
    </row>
    <row r="788236" spans="14:14">
      <c r="N788236" s="10"/>
    </row>
    <row r="788237" spans="14:14">
      <c r="N788237" s="10"/>
    </row>
    <row r="788238" spans="14:14">
      <c r="N788238" s="10"/>
    </row>
    <row r="788239" spans="14:14">
      <c r="N788239" s="10"/>
    </row>
    <row r="788240" spans="14:14">
      <c r="N788240" s="10"/>
    </row>
    <row r="788241" spans="14:14">
      <c r="N788241" s="10"/>
    </row>
    <row r="788242" spans="14:14">
      <c r="N788242" s="10"/>
    </row>
    <row r="788243" spans="14:14">
      <c r="N788243" s="10"/>
    </row>
    <row r="788244" spans="14:14">
      <c r="N788244" s="10"/>
    </row>
    <row r="788245" spans="14:14">
      <c r="N788245" s="10"/>
    </row>
    <row r="788246" spans="14:14">
      <c r="N788246" s="10"/>
    </row>
    <row r="788247" spans="14:14">
      <c r="N788247" s="10"/>
    </row>
    <row r="788248" spans="14:14">
      <c r="N788248" s="10"/>
    </row>
    <row r="788249" spans="14:14">
      <c r="N788249" s="10"/>
    </row>
    <row r="788250" spans="14:14">
      <c r="N788250" s="10"/>
    </row>
    <row r="788251" spans="14:14">
      <c r="N788251" s="10"/>
    </row>
    <row r="788252" spans="14:14">
      <c r="N788252" s="10"/>
    </row>
    <row r="788253" spans="14:14">
      <c r="N788253" s="10"/>
    </row>
    <row r="788254" spans="14:14">
      <c r="N788254" s="10"/>
    </row>
    <row r="788255" spans="14:14">
      <c r="N788255" s="10"/>
    </row>
    <row r="788256" spans="14:14">
      <c r="N788256" s="10"/>
    </row>
    <row r="788257" spans="14:14">
      <c r="N788257" s="10"/>
    </row>
    <row r="788258" spans="14:14">
      <c r="N788258" s="10"/>
    </row>
    <row r="788259" spans="14:14">
      <c r="N788259" s="10"/>
    </row>
    <row r="788260" spans="14:14">
      <c r="N788260" s="10"/>
    </row>
    <row r="788261" spans="14:14">
      <c r="N788261" s="10"/>
    </row>
    <row r="788262" spans="14:14">
      <c r="N788262" s="10"/>
    </row>
    <row r="788263" spans="14:14">
      <c r="N788263" s="10"/>
    </row>
    <row r="788264" spans="14:14">
      <c r="N788264" s="10"/>
    </row>
    <row r="788265" spans="14:14">
      <c r="N788265" s="10"/>
    </row>
    <row r="788266" spans="14:14">
      <c r="N788266" s="10"/>
    </row>
    <row r="788267" spans="14:14">
      <c r="N788267" s="10"/>
    </row>
    <row r="788268" spans="14:14">
      <c r="N788268" s="10"/>
    </row>
    <row r="788269" spans="14:14">
      <c r="N788269" s="10"/>
    </row>
    <row r="788270" spans="14:14">
      <c r="N788270" s="10"/>
    </row>
    <row r="788271" spans="14:14">
      <c r="N788271" s="10"/>
    </row>
    <row r="788272" spans="14:14">
      <c r="N788272" s="10"/>
    </row>
    <row r="788273" spans="14:14">
      <c r="N788273" s="10"/>
    </row>
    <row r="788274" spans="14:14">
      <c r="N788274" s="10"/>
    </row>
    <row r="788275" spans="14:14">
      <c r="N788275" s="10"/>
    </row>
    <row r="788276" spans="14:14">
      <c r="N788276" s="10"/>
    </row>
    <row r="788277" spans="14:14">
      <c r="N788277" s="10"/>
    </row>
    <row r="788278" spans="14:14">
      <c r="N788278" s="10"/>
    </row>
    <row r="788279" spans="14:14">
      <c r="N788279" s="10"/>
    </row>
    <row r="788280" spans="14:14">
      <c r="N788280" s="10"/>
    </row>
    <row r="788281" spans="14:14">
      <c r="N788281" s="10"/>
    </row>
    <row r="788282" spans="14:14">
      <c r="N788282" s="10"/>
    </row>
    <row r="788283" spans="14:14">
      <c r="N788283" s="10"/>
    </row>
    <row r="788284" spans="14:14">
      <c r="N788284" s="10"/>
    </row>
    <row r="788285" spans="14:14">
      <c r="N788285" s="10"/>
    </row>
    <row r="788286" spans="14:14">
      <c r="N788286" s="10"/>
    </row>
    <row r="788287" spans="14:14">
      <c r="N788287" s="10"/>
    </row>
    <row r="788288" spans="14:14">
      <c r="N788288" s="10"/>
    </row>
    <row r="788289" spans="14:14">
      <c r="N788289" s="10"/>
    </row>
    <row r="788290" spans="14:14">
      <c r="N788290" s="10"/>
    </row>
    <row r="788291" spans="14:14">
      <c r="N788291" s="10"/>
    </row>
    <row r="788292" spans="14:14">
      <c r="N788292" s="10"/>
    </row>
    <row r="788293" spans="14:14">
      <c r="N788293" s="10"/>
    </row>
    <row r="788294" spans="14:14">
      <c r="N788294" s="10"/>
    </row>
    <row r="788295" spans="14:14">
      <c r="N788295" s="10"/>
    </row>
    <row r="788296" spans="14:14">
      <c r="N788296" s="10"/>
    </row>
    <row r="788297" spans="14:14">
      <c r="N788297" s="10"/>
    </row>
    <row r="788298" spans="14:14">
      <c r="N788298" s="10"/>
    </row>
    <row r="788299" spans="14:14">
      <c r="N788299" s="10"/>
    </row>
    <row r="788300" spans="14:14">
      <c r="N788300" s="10"/>
    </row>
    <row r="788301" spans="14:14">
      <c r="N788301" s="10"/>
    </row>
    <row r="788302" spans="14:14">
      <c r="N788302" s="10"/>
    </row>
    <row r="788303" spans="14:14">
      <c r="N788303" s="10"/>
    </row>
    <row r="788304" spans="14:14">
      <c r="N788304" s="10"/>
    </row>
    <row r="788305" spans="14:14">
      <c r="N788305" s="10"/>
    </row>
    <row r="788306" spans="14:14">
      <c r="N788306" s="10"/>
    </row>
    <row r="788307" spans="14:14">
      <c r="N788307" s="10"/>
    </row>
    <row r="788308" spans="14:14">
      <c r="N788308" s="10"/>
    </row>
    <row r="788309" spans="14:14">
      <c r="N788309" s="10"/>
    </row>
    <row r="788310" spans="14:14">
      <c r="N788310" s="10"/>
    </row>
    <row r="788311" spans="14:14">
      <c r="N788311" s="10"/>
    </row>
    <row r="788312" spans="14:14">
      <c r="N788312" s="10"/>
    </row>
    <row r="788313" spans="14:14">
      <c r="N788313" s="10"/>
    </row>
    <row r="788314" spans="14:14">
      <c r="N788314" s="10"/>
    </row>
    <row r="788315" spans="14:14">
      <c r="N788315" s="10"/>
    </row>
    <row r="788316" spans="14:14">
      <c r="N788316" s="10"/>
    </row>
    <row r="788317" spans="14:14">
      <c r="N788317" s="10"/>
    </row>
    <row r="788318" spans="14:14">
      <c r="N788318" s="10"/>
    </row>
    <row r="788319" spans="14:14">
      <c r="N788319" s="10"/>
    </row>
    <row r="788320" spans="14:14">
      <c r="N788320" s="10"/>
    </row>
    <row r="788321" spans="14:14">
      <c r="N788321" s="10"/>
    </row>
    <row r="788322" spans="14:14">
      <c r="N788322" s="10"/>
    </row>
    <row r="788323" spans="14:14">
      <c r="N788323" s="10"/>
    </row>
    <row r="788324" spans="14:14">
      <c r="N788324" s="10"/>
    </row>
    <row r="788325" spans="14:14">
      <c r="N788325" s="10"/>
    </row>
    <row r="788326" spans="14:14">
      <c r="N788326" s="10"/>
    </row>
    <row r="788327" spans="14:14">
      <c r="N788327" s="10"/>
    </row>
    <row r="788328" spans="14:14">
      <c r="N788328" s="10"/>
    </row>
    <row r="788329" spans="14:14">
      <c r="N788329" s="10"/>
    </row>
    <row r="788330" spans="14:14">
      <c r="N788330" s="10"/>
    </row>
    <row r="788331" spans="14:14">
      <c r="N788331" s="10"/>
    </row>
    <row r="788332" spans="14:14">
      <c r="N788332" s="10"/>
    </row>
    <row r="788333" spans="14:14">
      <c r="N788333" s="10"/>
    </row>
    <row r="788334" spans="14:14">
      <c r="N788334" s="10"/>
    </row>
    <row r="788335" spans="14:14">
      <c r="N788335" s="10"/>
    </row>
    <row r="788336" spans="14:14">
      <c r="N788336" s="10"/>
    </row>
    <row r="788337" spans="14:14">
      <c r="N788337" s="10"/>
    </row>
    <row r="788338" spans="14:14">
      <c r="N788338" s="10"/>
    </row>
    <row r="788339" spans="14:14">
      <c r="N788339" s="10"/>
    </row>
    <row r="788340" spans="14:14">
      <c r="N788340" s="10"/>
    </row>
    <row r="788341" spans="14:14">
      <c r="N788341" s="10"/>
    </row>
    <row r="788342" spans="14:14">
      <c r="N788342" s="10"/>
    </row>
    <row r="788343" spans="14:14">
      <c r="N788343" s="10"/>
    </row>
    <row r="788344" spans="14:14">
      <c r="N788344" s="10"/>
    </row>
    <row r="788345" spans="14:14">
      <c r="N788345" s="10"/>
    </row>
    <row r="788346" spans="14:14">
      <c r="N788346" s="10"/>
    </row>
    <row r="788347" spans="14:14">
      <c r="N788347" s="10"/>
    </row>
    <row r="788348" spans="14:14">
      <c r="N788348" s="10"/>
    </row>
    <row r="788349" spans="14:14">
      <c r="N788349" s="10"/>
    </row>
    <row r="788350" spans="14:14">
      <c r="N788350" s="10"/>
    </row>
    <row r="788351" spans="14:14">
      <c r="N788351" s="10"/>
    </row>
    <row r="788352" spans="14:14">
      <c r="N788352" s="10"/>
    </row>
    <row r="788353" spans="14:14">
      <c r="N788353" s="10"/>
    </row>
    <row r="788354" spans="14:14">
      <c r="N788354" s="10"/>
    </row>
    <row r="788355" spans="14:14">
      <c r="N788355" s="10"/>
    </row>
    <row r="788356" spans="14:14">
      <c r="N788356" s="10"/>
    </row>
    <row r="788357" spans="14:14">
      <c r="N788357" s="10"/>
    </row>
    <row r="788358" spans="14:14">
      <c r="N788358" s="10"/>
    </row>
    <row r="788359" spans="14:14">
      <c r="N788359" s="10"/>
    </row>
    <row r="788360" spans="14:14">
      <c r="N788360" s="10"/>
    </row>
    <row r="788361" spans="14:14">
      <c r="N788361" s="10"/>
    </row>
    <row r="788362" spans="14:14">
      <c r="N788362" s="10"/>
    </row>
    <row r="788363" spans="14:14">
      <c r="N788363" s="10"/>
    </row>
    <row r="788364" spans="14:14">
      <c r="N788364" s="10"/>
    </row>
    <row r="788365" spans="14:14">
      <c r="N788365" s="10"/>
    </row>
    <row r="788366" spans="14:14">
      <c r="N788366" s="10"/>
    </row>
    <row r="788367" spans="14:14">
      <c r="N788367" s="10"/>
    </row>
    <row r="788368" spans="14:14">
      <c r="N788368" s="10"/>
    </row>
    <row r="788369" spans="14:14">
      <c r="N788369" s="10"/>
    </row>
    <row r="788370" spans="14:14">
      <c r="N788370" s="10"/>
    </row>
    <row r="788371" spans="14:14">
      <c r="N788371" s="10"/>
    </row>
    <row r="788372" spans="14:14">
      <c r="N788372" s="10"/>
    </row>
    <row r="788373" spans="14:14">
      <c r="N788373" s="10"/>
    </row>
    <row r="788374" spans="14:14">
      <c r="N788374" s="10"/>
    </row>
    <row r="788375" spans="14:14">
      <c r="N788375" s="10"/>
    </row>
    <row r="788376" spans="14:14">
      <c r="N788376" s="10"/>
    </row>
    <row r="788377" spans="14:14">
      <c r="N788377" s="10"/>
    </row>
    <row r="788378" spans="14:14">
      <c r="N788378" s="10"/>
    </row>
    <row r="788379" spans="14:14">
      <c r="N788379" s="10"/>
    </row>
    <row r="788380" spans="14:14">
      <c r="N788380" s="10"/>
    </row>
    <row r="788381" spans="14:14">
      <c r="N788381" s="10"/>
    </row>
    <row r="788382" spans="14:14">
      <c r="N788382" s="10"/>
    </row>
    <row r="788383" spans="14:14">
      <c r="N788383" s="10"/>
    </row>
    <row r="788384" spans="14:14">
      <c r="N788384" s="10"/>
    </row>
    <row r="788385" spans="14:14">
      <c r="N788385" s="10"/>
    </row>
    <row r="788386" spans="14:14">
      <c r="N788386" s="10"/>
    </row>
    <row r="788387" spans="14:14">
      <c r="N788387" s="10"/>
    </row>
    <row r="788388" spans="14:14">
      <c r="N788388" s="10"/>
    </row>
    <row r="788389" spans="14:14">
      <c r="N788389" s="10"/>
    </row>
    <row r="788390" spans="14:14">
      <c r="N788390" s="10"/>
    </row>
    <row r="788391" spans="14:14">
      <c r="N788391" s="10"/>
    </row>
    <row r="788392" spans="14:14">
      <c r="N788392" s="10"/>
    </row>
    <row r="788393" spans="14:14">
      <c r="N788393" s="10"/>
    </row>
    <row r="788394" spans="14:14">
      <c r="N788394" s="10"/>
    </row>
    <row r="788395" spans="14:14">
      <c r="N788395" s="10"/>
    </row>
    <row r="788396" spans="14:14">
      <c r="N788396" s="10"/>
    </row>
    <row r="788397" spans="14:14">
      <c r="N788397" s="10"/>
    </row>
    <row r="788398" spans="14:14">
      <c r="N788398" s="10"/>
    </row>
    <row r="788399" spans="14:14">
      <c r="N788399" s="10"/>
    </row>
    <row r="788400" spans="14:14">
      <c r="N788400" s="10"/>
    </row>
    <row r="788401" spans="14:14">
      <c r="N788401" s="10"/>
    </row>
    <row r="788402" spans="14:14">
      <c r="N788402" s="10"/>
    </row>
    <row r="788403" spans="14:14">
      <c r="N788403" s="10"/>
    </row>
    <row r="788404" spans="14:14">
      <c r="N788404" s="10"/>
    </row>
    <row r="788405" spans="14:14">
      <c r="N788405" s="10"/>
    </row>
    <row r="788406" spans="14:14">
      <c r="N788406" s="10"/>
    </row>
    <row r="788407" spans="14:14">
      <c r="N788407" s="10"/>
    </row>
    <row r="788408" spans="14:14">
      <c r="N788408" s="10"/>
    </row>
    <row r="788409" spans="14:14">
      <c r="N788409" s="10"/>
    </row>
    <row r="788410" spans="14:14">
      <c r="N788410" s="10"/>
    </row>
    <row r="788411" spans="14:14">
      <c r="N788411" s="10"/>
    </row>
    <row r="788412" spans="14:14">
      <c r="N788412" s="10"/>
    </row>
    <row r="788413" spans="14:14">
      <c r="N788413" s="10"/>
    </row>
    <row r="788414" spans="14:14">
      <c r="N788414" s="10"/>
    </row>
    <row r="788415" spans="14:14">
      <c r="N788415" s="10"/>
    </row>
    <row r="788416" spans="14:14">
      <c r="N788416" s="10"/>
    </row>
    <row r="788417" spans="14:14">
      <c r="N788417" s="10"/>
    </row>
    <row r="788418" spans="14:14">
      <c r="N788418" s="10"/>
    </row>
    <row r="788419" spans="14:14">
      <c r="N788419" s="10"/>
    </row>
    <row r="788420" spans="14:14">
      <c r="N788420" s="10"/>
    </row>
    <row r="788421" spans="14:14">
      <c r="N788421" s="10"/>
    </row>
    <row r="788422" spans="14:14">
      <c r="N788422" s="10"/>
    </row>
    <row r="788423" spans="14:14">
      <c r="N788423" s="10"/>
    </row>
    <row r="788424" spans="14:14">
      <c r="N788424" s="10"/>
    </row>
    <row r="788425" spans="14:14">
      <c r="N788425" s="10"/>
    </row>
    <row r="788426" spans="14:14">
      <c r="N788426" s="10"/>
    </row>
    <row r="788427" spans="14:14">
      <c r="N788427" s="10"/>
    </row>
    <row r="788428" spans="14:14">
      <c r="N788428" s="10"/>
    </row>
    <row r="788429" spans="14:14">
      <c r="N788429" s="10"/>
    </row>
    <row r="788430" spans="14:14">
      <c r="N788430" s="10"/>
    </row>
    <row r="788431" spans="14:14">
      <c r="N788431" s="10"/>
    </row>
    <row r="788432" spans="14:14">
      <c r="N788432" s="10"/>
    </row>
    <row r="788433" spans="14:14">
      <c r="N788433" s="10"/>
    </row>
    <row r="788434" spans="14:14">
      <c r="N788434" s="10"/>
    </row>
    <row r="788435" spans="14:14">
      <c r="N788435" s="10"/>
    </row>
    <row r="788436" spans="14:14">
      <c r="N788436" s="10"/>
    </row>
    <row r="788437" spans="14:14">
      <c r="N788437" s="10"/>
    </row>
    <row r="788438" spans="14:14">
      <c r="N788438" s="10"/>
    </row>
    <row r="788439" spans="14:14">
      <c r="N788439" s="10"/>
    </row>
    <row r="788440" spans="14:14">
      <c r="N788440" s="10"/>
    </row>
    <row r="788441" spans="14:14">
      <c r="N788441" s="10"/>
    </row>
    <row r="788442" spans="14:14">
      <c r="N788442" s="10"/>
    </row>
    <row r="788443" spans="14:14">
      <c r="N788443" s="10"/>
    </row>
    <row r="788444" spans="14:14">
      <c r="N788444" s="10"/>
    </row>
    <row r="788445" spans="14:14">
      <c r="N788445" s="10"/>
    </row>
    <row r="788446" spans="14:14">
      <c r="N788446" s="10"/>
    </row>
    <row r="788447" spans="14:14">
      <c r="N788447" s="10"/>
    </row>
    <row r="788448" spans="14:14">
      <c r="N788448" s="10"/>
    </row>
    <row r="788449" spans="14:14">
      <c r="N788449" s="10"/>
    </row>
    <row r="788450" spans="14:14">
      <c r="N788450" s="10"/>
    </row>
    <row r="788451" spans="14:14">
      <c r="N788451" s="10"/>
    </row>
    <row r="788452" spans="14:14">
      <c r="N788452" s="10"/>
    </row>
    <row r="788453" spans="14:14">
      <c r="N788453" s="10"/>
    </row>
    <row r="788454" spans="14:14">
      <c r="N788454" s="10"/>
    </row>
    <row r="788455" spans="14:14">
      <c r="N788455" s="10"/>
    </row>
    <row r="788456" spans="14:14">
      <c r="N788456" s="10"/>
    </row>
    <row r="788457" spans="14:14">
      <c r="N788457" s="10"/>
    </row>
    <row r="788458" spans="14:14">
      <c r="N788458" s="10"/>
    </row>
    <row r="788459" spans="14:14">
      <c r="N788459" s="10"/>
    </row>
    <row r="788460" spans="14:14">
      <c r="N788460" s="10"/>
    </row>
    <row r="788461" spans="14:14">
      <c r="N788461" s="10"/>
    </row>
    <row r="788462" spans="14:14">
      <c r="N788462" s="10"/>
    </row>
    <row r="788463" spans="14:14">
      <c r="N788463" s="10"/>
    </row>
    <row r="788464" spans="14:14">
      <c r="N788464" s="10"/>
    </row>
    <row r="788465" spans="14:14">
      <c r="N788465" s="10"/>
    </row>
    <row r="788466" spans="14:14">
      <c r="N788466" s="10"/>
    </row>
    <row r="788467" spans="14:14">
      <c r="N788467" s="10"/>
    </row>
    <row r="788468" spans="14:14">
      <c r="N788468" s="10"/>
    </row>
    <row r="788469" spans="14:14">
      <c r="N788469" s="10"/>
    </row>
    <row r="788470" spans="14:14">
      <c r="N788470" s="10"/>
    </row>
    <row r="788471" spans="14:14">
      <c r="N788471" s="10"/>
    </row>
    <row r="788472" spans="14:14">
      <c r="N788472" s="10"/>
    </row>
    <row r="788473" spans="14:14">
      <c r="N788473" s="10"/>
    </row>
    <row r="788474" spans="14:14">
      <c r="N788474" s="10"/>
    </row>
    <row r="788475" spans="14:14">
      <c r="N788475" s="10"/>
    </row>
    <row r="788476" spans="14:14">
      <c r="N788476" s="10"/>
    </row>
    <row r="788477" spans="14:14">
      <c r="N788477" s="10"/>
    </row>
    <row r="788478" spans="14:14">
      <c r="N788478" s="10"/>
    </row>
    <row r="788479" spans="14:14">
      <c r="N788479" s="10"/>
    </row>
    <row r="788480" spans="14:14">
      <c r="N788480" s="10"/>
    </row>
    <row r="788481" spans="14:14">
      <c r="N788481" s="10"/>
    </row>
    <row r="788482" spans="14:14">
      <c r="N788482" s="10"/>
    </row>
    <row r="788483" spans="14:14">
      <c r="N788483" s="10"/>
    </row>
    <row r="788484" spans="14:14">
      <c r="N788484" s="10"/>
    </row>
    <row r="788485" spans="14:14">
      <c r="N788485" s="10"/>
    </row>
    <row r="788486" spans="14:14">
      <c r="N788486" s="10"/>
    </row>
    <row r="788487" spans="14:14">
      <c r="N788487" s="10"/>
    </row>
    <row r="788488" spans="14:14">
      <c r="N788488" s="10"/>
    </row>
    <row r="788489" spans="14:14">
      <c r="N788489" s="10"/>
    </row>
    <row r="788490" spans="14:14">
      <c r="N788490" s="10"/>
    </row>
    <row r="788491" spans="14:14">
      <c r="N788491" s="10"/>
    </row>
    <row r="788492" spans="14:14">
      <c r="N788492" s="10"/>
    </row>
    <row r="788493" spans="14:14">
      <c r="N788493" s="10"/>
    </row>
    <row r="788494" spans="14:14">
      <c r="N788494" s="10"/>
    </row>
    <row r="788495" spans="14:14">
      <c r="N788495" s="10"/>
    </row>
    <row r="788496" spans="14:14">
      <c r="N788496" s="10"/>
    </row>
    <row r="788497" spans="14:14">
      <c r="N788497" s="10"/>
    </row>
    <row r="788498" spans="14:14">
      <c r="N788498" s="10"/>
    </row>
    <row r="788499" spans="14:14">
      <c r="N788499" s="10"/>
    </row>
    <row r="788500" spans="14:14">
      <c r="N788500" s="10"/>
    </row>
    <row r="788501" spans="14:14">
      <c r="N788501" s="10"/>
    </row>
    <row r="788502" spans="14:14">
      <c r="N788502" s="10"/>
    </row>
    <row r="788503" spans="14:14">
      <c r="N788503" s="10"/>
    </row>
    <row r="788504" spans="14:14">
      <c r="N788504" s="10"/>
    </row>
    <row r="788505" spans="14:14">
      <c r="N788505" s="10"/>
    </row>
    <row r="788506" spans="14:14">
      <c r="N788506" s="10"/>
    </row>
    <row r="788507" spans="14:14">
      <c r="N788507" s="10"/>
    </row>
    <row r="788508" spans="14:14">
      <c r="N788508" s="10"/>
    </row>
    <row r="788509" spans="14:14">
      <c r="N788509" s="10"/>
    </row>
    <row r="788510" spans="14:14">
      <c r="N788510" s="10"/>
    </row>
    <row r="788511" spans="14:14">
      <c r="N788511" s="10"/>
    </row>
    <row r="788512" spans="14:14">
      <c r="N788512" s="10"/>
    </row>
    <row r="788513" spans="14:14">
      <c r="N788513" s="10"/>
    </row>
    <row r="788514" spans="14:14">
      <c r="N788514" s="10"/>
    </row>
    <row r="788515" spans="14:14">
      <c r="N788515" s="10"/>
    </row>
    <row r="788516" spans="14:14">
      <c r="N788516" s="10"/>
    </row>
    <row r="788517" spans="14:14">
      <c r="N788517" s="10"/>
    </row>
    <row r="788518" spans="14:14">
      <c r="N788518" s="10"/>
    </row>
    <row r="788519" spans="14:14">
      <c r="N788519" s="10"/>
    </row>
    <row r="788520" spans="14:14">
      <c r="N788520" s="10"/>
    </row>
    <row r="788521" spans="14:14">
      <c r="N788521" s="10"/>
    </row>
    <row r="788522" spans="14:14">
      <c r="N788522" s="10"/>
    </row>
    <row r="788523" spans="14:14">
      <c r="N788523" s="10"/>
    </row>
    <row r="788524" spans="14:14">
      <c r="N788524" s="10"/>
    </row>
    <row r="788525" spans="14:14">
      <c r="N788525" s="10"/>
    </row>
    <row r="788526" spans="14:14">
      <c r="N788526" s="10"/>
    </row>
    <row r="788527" spans="14:14">
      <c r="N788527" s="10"/>
    </row>
    <row r="788528" spans="14:14">
      <c r="N788528" s="10"/>
    </row>
    <row r="788529" spans="14:14">
      <c r="N788529" s="10"/>
    </row>
    <row r="788530" spans="14:14">
      <c r="N788530" s="10"/>
    </row>
    <row r="788531" spans="14:14">
      <c r="N788531" s="10"/>
    </row>
    <row r="788532" spans="14:14">
      <c r="N788532" s="10"/>
    </row>
    <row r="788533" spans="14:14">
      <c r="N788533" s="10"/>
    </row>
    <row r="788534" spans="14:14">
      <c r="N788534" s="10"/>
    </row>
    <row r="788535" spans="14:14">
      <c r="N788535" s="10"/>
    </row>
    <row r="788536" spans="14:14">
      <c r="N788536" s="10"/>
    </row>
    <row r="788537" spans="14:14">
      <c r="N788537" s="10"/>
    </row>
    <row r="788538" spans="14:14">
      <c r="N788538" s="10"/>
    </row>
    <row r="788539" spans="14:14">
      <c r="N788539" s="10"/>
    </row>
    <row r="788540" spans="14:14">
      <c r="N788540" s="10"/>
    </row>
    <row r="788541" spans="14:14">
      <c r="N788541" s="10"/>
    </row>
    <row r="788542" spans="14:14">
      <c r="N788542" s="10"/>
    </row>
    <row r="788543" spans="14:14">
      <c r="N788543" s="10"/>
    </row>
    <row r="788544" spans="14:14">
      <c r="N788544" s="10"/>
    </row>
    <row r="788545" spans="14:14">
      <c r="N788545" s="10"/>
    </row>
    <row r="788546" spans="14:14">
      <c r="N788546" s="10"/>
    </row>
    <row r="788547" spans="14:14">
      <c r="N788547" s="10"/>
    </row>
    <row r="788548" spans="14:14">
      <c r="N788548" s="10"/>
    </row>
    <row r="788549" spans="14:14">
      <c r="N788549" s="10"/>
    </row>
    <row r="788550" spans="14:14">
      <c r="N788550" s="10"/>
    </row>
    <row r="788551" spans="14:14">
      <c r="N788551" s="10"/>
    </row>
    <row r="788552" spans="14:14">
      <c r="N788552" s="10"/>
    </row>
    <row r="788553" spans="14:14">
      <c r="N788553" s="10"/>
    </row>
    <row r="788554" spans="14:14">
      <c r="N788554" s="10"/>
    </row>
    <row r="788555" spans="14:14">
      <c r="N788555" s="10"/>
    </row>
    <row r="788556" spans="14:14">
      <c r="N788556" s="10"/>
    </row>
    <row r="788557" spans="14:14">
      <c r="N788557" s="10"/>
    </row>
    <row r="788558" spans="14:14">
      <c r="N788558" s="10"/>
    </row>
    <row r="788559" spans="14:14">
      <c r="N788559" s="10"/>
    </row>
    <row r="788560" spans="14:14">
      <c r="N788560" s="10"/>
    </row>
    <row r="788561" spans="14:14">
      <c r="N788561" s="10"/>
    </row>
    <row r="788562" spans="14:14">
      <c r="N788562" s="10"/>
    </row>
    <row r="788563" spans="14:14">
      <c r="N788563" s="10"/>
    </row>
    <row r="788564" spans="14:14">
      <c r="N788564" s="10"/>
    </row>
    <row r="788565" spans="14:14">
      <c r="N788565" s="10"/>
    </row>
    <row r="788566" spans="14:14">
      <c r="N788566" s="10"/>
    </row>
    <row r="788567" spans="14:14">
      <c r="N788567" s="10"/>
    </row>
    <row r="788568" spans="14:14">
      <c r="N788568" s="10"/>
    </row>
    <row r="788569" spans="14:14">
      <c r="N788569" s="10"/>
    </row>
    <row r="788570" spans="14:14">
      <c r="N788570" s="10"/>
    </row>
    <row r="788571" spans="14:14">
      <c r="N788571" s="10"/>
    </row>
    <row r="788572" spans="14:14">
      <c r="N788572" s="10"/>
    </row>
    <row r="788573" spans="14:14">
      <c r="N788573" s="10"/>
    </row>
    <row r="788574" spans="14:14">
      <c r="N788574" s="10"/>
    </row>
    <row r="788575" spans="14:14">
      <c r="N788575" s="10"/>
    </row>
    <row r="788576" spans="14:14">
      <c r="N788576" s="10"/>
    </row>
    <row r="788577" spans="14:14">
      <c r="N788577" s="10"/>
    </row>
    <row r="788578" spans="14:14">
      <c r="N788578" s="10"/>
    </row>
    <row r="788579" spans="14:14">
      <c r="N788579" s="10"/>
    </row>
    <row r="788580" spans="14:14">
      <c r="N788580" s="10"/>
    </row>
    <row r="788581" spans="14:14">
      <c r="N788581" s="10"/>
    </row>
    <row r="788582" spans="14:14">
      <c r="N788582" s="10"/>
    </row>
    <row r="788583" spans="14:14">
      <c r="N788583" s="10"/>
    </row>
    <row r="788584" spans="14:14">
      <c r="N788584" s="10"/>
    </row>
    <row r="788585" spans="14:14">
      <c r="N788585" s="10"/>
    </row>
    <row r="788586" spans="14:14">
      <c r="N788586" s="10"/>
    </row>
    <row r="788587" spans="14:14">
      <c r="N788587" s="10"/>
    </row>
    <row r="788588" spans="14:14">
      <c r="N788588" s="10"/>
    </row>
    <row r="788589" spans="14:14">
      <c r="N788589" s="10"/>
    </row>
    <row r="788590" spans="14:14">
      <c r="N788590" s="10"/>
    </row>
    <row r="788591" spans="14:14">
      <c r="N788591" s="10"/>
    </row>
    <row r="788592" spans="14:14">
      <c r="N788592" s="10"/>
    </row>
    <row r="788593" spans="14:14">
      <c r="N788593" s="10"/>
    </row>
    <row r="788594" spans="14:14">
      <c r="N788594" s="10"/>
    </row>
    <row r="788595" spans="14:14">
      <c r="N788595" s="10"/>
    </row>
    <row r="788596" spans="14:14">
      <c r="N788596" s="10"/>
    </row>
    <row r="788597" spans="14:14">
      <c r="N788597" s="10"/>
    </row>
    <row r="788598" spans="14:14">
      <c r="N788598" s="10"/>
    </row>
    <row r="788599" spans="14:14">
      <c r="N788599" s="10"/>
    </row>
    <row r="788600" spans="14:14">
      <c r="N788600" s="10"/>
    </row>
    <row r="788601" spans="14:14">
      <c r="N788601" s="10"/>
    </row>
    <row r="788602" spans="14:14">
      <c r="N788602" s="10"/>
    </row>
    <row r="788603" spans="14:14">
      <c r="N788603" s="10"/>
    </row>
    <row r="788604" spans="14:14">
      <c r="N788604" s="10"/>
    </row>
    <row r="788605" spans="14:14">
      <c r="N788605" s="10"/>
    </row>
    <row r="788606" spans="14:14">
      <c r="N788606" s="10"/>
    </row>
    <row r="788607" spans="14:14">
      <c r="N788607" s="10"/>
    </row>
    <row r="788608" spans="14:14">
      <c r="N788608" s="10"/>
    </row>
    <row r="788609" spans="14:14">
      <c r="N788609" s="10"/>
    </row>
    <row r="788610" spans="14:14">
      <c r="N788610" s="10"/>
    </row>
    <row r="788611" spans="14:14">
      <c r="N788611" s="10"/>
    </row>
    <row r="788612" spans="14:14">
      <c r="N788612" s="10"/>
    </row>
    <row r="788613" spans="14:14">
      <c r="N788613" s="10"/>
    </row>
    <row r="788614" spans="14:14">
      <c r="N788614" s="10"/>
    </row>
    <row r="788615" spans="14:14">
      <c r="N788615" s="10"/>
    </row>
    <row r="788616" spans="14:14">
      <c r="N788616" s="10"/>
    </row>
    <row r="788617" spans="14:14">
      <c r="N788617" s="10"/>
    </row>
    <row r="788618" spans="14:14">
      <c r="N788618" s="10"/>
    </row>
    <row r="788619" spans="14:14">
      <c r="N788619" s="10"/>
    </row>
    <row r="788620" spans="14:14">
      <c r="N788620" s="10"/>
    </row>
    <row r="788621" spans="14:14">
      <c r="N788621" s="10"/>
    </row>
    <row r="788622" spans="14:14">
      <c r="N788622" s="10"/>
    </row>
    <row r="788623" spans="14:14">
      <c r="N788623" s="10"/>
    </row>
    <row r="788624" spans="14:14">
      <c r="N788624" s="10"/>
    </row>
    <row r="788625" spans="14:14">
      <c r="N788625" s="10"/>
    </row>
    <row r="788626" spans="14:14">
      <c r="N788626" s="10"/>
    </row>
    <row r="788627" spans="14:14">
      <c r="N788627" s="10"/>
    </row>
    <row r="788628" spans="14:14">
      <c r="N788628" s="10"/>
    </row>
    <row r="788629" spans="14:14">
      <c r="N788629" s="10"/>
    </row>
    <row r="788630" spans="14:14">
      <c r="N788630" s="10"/>
    </row>
    <row r="788631" spans="14:14">
      <c r="N788631" s="10"/>
    </row>
    <row r="788632" spans="14:14">
      <c r="N788632" s="10"/>
    </row>
    <row r="788633" spans="14:14">
      <c r="N788633" s="10"/>
    </row>
    <row r="788634" spans="14:14">
      <c r="N788634" s="10"/>
    </row>
    <row r="788635" spans="14:14">
      <c r="N788635" s="10"/>
    </row>
    <row r="788636" spans="14:14">
      <c r="N788636" s="10"/>
    </row>
    <row r="788637" spans="14:14">
      <c r="N788637" s="10"/>
    </row>
    <row r="788638" spans="14:14">
      <c r="N788638" s="10"/>
    </row>
    <row r="788639" spans="14:14">
      <c r="N788639" s="10"/>
    </row>
    <row r="788640" spans="14:14">
      <c r="N788640" s="10"/>
    </row>
    <row r="788641" spans="14:14">
      <c r="N788641" s="10"/>
    </row>
    <row r="788642" spans="14:14">
      <c r="N788642" s="10"/>
    </row>
    <row r="788643" spans="14:14">
      <c r="N788643" s="10"/>
    </row>
    <row r="788644" spans="14:14">
      <c r="N788644" s="10"/>
    </row>
    <row r="788645" spans="14:14">
      <c r="N788645" s="10"/>
    </row>
    <row r="788646" spans="14:14">
      <c r="N788646" s="10"/>
    </row>
    <row r="788647" spans="14:14">
      <c r="N788647" s="10"/>
    </row>
    <row r="788648" spans="14:14">
      <c r="N788648" s="10"/>
    </row>
    <row r="788649" spans="14:14">
      <c r="N788649" s="10"/>
    </row>
    <row r="788650" spans="14:14">
      <c r="N788650" s="10"/>
    </row>
    <row r="788651" spans="14:14">
      <c r="N788651" s="10"/>
    </row>
    <row r="788652" spans="14:14">
      <c r="N788652" s="10"/>
    </row>
    <row r="788653" spans="14:14">
      <c r="N788653" s="10"/>
    </row>
    <row r="788654" spans="14:14">
      <c r="N788654" s="10"/>
    </row>
    <row r="788655" spans="14:14">
      <c r="N788655" s="10"/>
    </row>
    <row r="788656" spans="14:14">
      <c r="N788656" s="10"/>
    </row>
    <row r="788657" spans="14:14">
      <c r="N788657" s="10"/>
    </row>
    <row r="788658" spans="14:14">
      <c r="N788658" s="10"/>
    </row>
    <row r="788659" spans="14:14">
      <c r="N788659" s="10"/>
    </row>
    <row r="788660" spans="14:14">
      <c r="N788660" s="10"/>
    </row>
    <row r="788661" spans="14:14">
      <c r="N788661" s="10"/>
    </row>
    <row r="788662" spans="14:14">
      <c r="N788662" s="10"/>
    </row>
    <row r="788663" spans="14:14">
      <c r="N788663" s="10"/>
    </row>
    <row r="788664" spans="14:14">
      <c r="N788664" s="10"/>
    </row>
    <row r="788665" spans="14:14">
      <c r="N788665" s="10"/>
    </row>
    <row r="788666" spans="14:14">
      <c r="N788666" s="10"/>
    </row>
    <row r="788667" spans="14:14">
      <c r="N788667" s="10"/>
    </row>
    <row r="788668" spans="14:14">
      <c r="N788668" s="10"/>
    </row>
    <row r="788669" spans="14:14">
      <c r="N788669" s="10"/>
    </row>
    <row r="788670" spans="14:14">
      <c r="N788670" s="10"/>
    </row>
    <row r="788671" spans="14:14">
      <c r="N788671" s="10"/>
    </row>
    <row r="788672" spans="14:14">
      <c r="N788672" s="10"/>
    </row>
    <row r="788673" spans="14:14">
      <c r="N788673" s="10"/>
    </row>
    <row r="788674" spans="14:14">
      <c r="N788674" s="10"/>
    </row>
    <row r="788675" spans="14:14">
      <c r="N788675" s="10"/>
    </row>
    <row r="788676" spans="14:14">
      <c r="N788676" s="10"/>
    </row>
    <row r="788677" spans="14:14">
      <c r="N788677" s="10"/>
    </row>
    <row r="788678" spans="14:14">
      <c r="N788678" s="10"/>
    </row>
    <row r="788679" spans="14:14">
      <c r="N788679" s="10"/>
    </row>
    <row r="788680" spans="14:14">
      <c r="N788680" s="10"/>
    </row>
    <row r="788681" spans="14:14">
      <c r="N788681" s="10"/>
    </row>
    <row r="788682" spans="14:14">
      <c r="N788682" s="10"/>
    </row>
    <row r="788683" spans="14:14">
      <c r="N788683" s="10"/>
    </row>
    <row r="788684" spans="14:14">
      <c r="N788684" s="10"/>
    </row>
    <row r="788685" spans="14:14">
      <c r="N788685" s="10"/>
    </row>
    <row r="788686" spans="14:14">
      <c r="N788686" s="10"/>
    </row>
    <row r="788687" spans="14:14">
      <c r="N788687" s="10"/>
    </row>
    <row r="788688" spans="14:14">
      <c r="N788688" s="10"/>
    </row>
    <row r="788689" spans="14:14">
      <c r="N788689" s="10"/>
    </row>
    <row r="788690" spans="14:14">
      <c r="N788690" s="10"/>
    </row>
    <row r="788691" spans="14:14">
      <c r="N788691" s="10"/>
    </row>
    <row r="788692" spans="14:14">
      <c r="N788692" s="10"/>
    </row>
    <row r="788693" spans="14:14">
      <c r="N788693" s="10"/>
    </row>
    <row r="788694" spans="14:14">
      <c r="N788694" s="10"/>
    </row>
    <row r="788695" spans="14:14">
      <c r="N788695" s="10"/>
    </row>
    <row r="788696" spans="14:14">
      <c r="N788696" s="10"/>
    </row>
    <row r="788697" spans="14:14">
      <c r="N788697" s="10"/>
    </row>
    <row r="788698" spans="14:14">
      <c r="N788698" s="10"/>
    </row>
    <row r="788699" spans="14:14">
      <c r="N788699" s="10"/>
    </row>
    <row r="788700" spans="14:14">
      <c r="N788700" s="10"/>
    </row>
    <row r="788701" spans="14:14">
      <c r="N788701" s="10"/>
    </row>
    <row r="788702" spans="14:14">
      <c r="N788702" s="10"/>
    </row>
    <row r="788703" spans="14:14">
      <c r="N788703" s="10"/>
    </row>
    <row r="788704" spans="14:14">
      <c r="N788704" s="10"/>
    </row>
    <row r="788705" spans="14:14">
      <c r="N788705" s="10"/>
    </row>
    <row r="788706" spans="14:14">
      <c r="N788706" s="10"/>
    </row>
    <row r="788707" spans="14:14">
      <c r="N788707" s="10"/>
    </row>
    <row r="788708" spans="14:14">
      <c r="N788708" s="10"/>
    </row>
    <row r="788709" spans="14:14">
      <c r="N788709" s="10"/>
    </row>
    <row r="788710" spans="14:14">
      <c r="N788710" s="10"/>
    </row>
    <row r="788711" spans="14:14">
      <c r="N788711" s="10"/>
    </row>
    <row r="788712" spans="14:14">
      <c r="N788712" s="10"/>
    </row>
    <row r="788713" spans="14:14">
      <c r="N788713" s="10"/>
    </row>
    <row r="788714" spans="14:14">
      <c r="N788714" s="10"/>
    </row>
    <row r="788715" spans="14:14">
      <c r="N788715" s="10"/>
    </row>
    <row r="788716" spans="14:14">
      <c r="N788716" s="10"/>
    </row>
    <row r="788717" spans="14:14">
      <c r="N788717" s="10"/>
    </row>
    <row r="788718" spans="14:14">
      <c r="N788718" s="10"/>
    </row>
    <row r="788719" spans="14:14">
      <c r="N788719" s="10"/>
    </row>
    <row r="788720" spans="14:14">
      <c r="N788720" s="10"/>
    </row>
    <row r="788721" spans="14:14">
      <c r="N788721" s="10"/>
    </row>
    <row r="788722" spans="14:14">
      <c r="N788722" s="10"/>
    </row>
    <row r="788723" spans="14:14">
      <c r="N788723" s="10"/>
    </row>
    <row r="788724" spans="14:14">
      <c r="N788724" s="10"/>
    </row>
    <row r="788725" spans="14:14">
      <c r="N788725" s="10"/>
    </row>
    <row r="788726" spans="14:14">
      <c r="N788726" s="10"/>
    </row>
    <row r="788727" spans="14:14">
      <c r="N788727" s="10"/>
    </row>
    <row r="788728" spans="14:14">
      <c r="N788728" s="10"/>
    </row>
    <row r="788729" spans="14:14">
      <c r="N788729" s="10"/>
    </row>
    <row r="788730" spans="14:14">
      <c r="N788730" s="10"/>
    </row>
    <row r="788731" spans="14:14">
      <c r="N788731" s="10"/>
    </row>
    <row r="788732" spans="14:14">
      <c r="N788732" s="10"/>
    </row>
    <row r="788733" spans="14:14">
      <c r="N788733" s="10"/>
    </row>
    <row r="788734" spans="14:14">
      <c r="N788734" s="10"/>
    </row>
    <row r="788735" spans="14:14">
      <c r="N788735" s="10"/>
    </row>
    <row r="788736" spans="14:14">
      <c r="N788736" s="10"/>
    </row>
    <row r="788737" spans="14:14">
      <c r="N788737" s="10"/>
    </row>
    <row r="788738" spans="14:14">
      <c r="N788738" s="10"/>
    </row>
    <row r="788739" spans="14:14">
      <c r="N788739" s="10"/>
    </row>
    <row r="788740" spans="14:14">
      <c r="N788740" s="10"/>
    </row>
    <row r="788741" spans="14:14">
      <c r="N788741" s="10"/>
    </row>
    <row r="788742" spans="14:14">
      <c r="N788742" s="10"/>
    </row>
    <row r="788743" spans="14:14">
      <c r="N788743" s="10"/>
    </row>
    <row r="788744" spans="14:14">
      <c r="N788744" s="10"/>
    </row>
    <row r="788745" spans="14:14">
      <c r="N788745" s="10"/>
    </row>
    <row r="788746" spans="14:14">
      <c r="N788746" s="10"/>
    </row>
    <row r="788747" spans="14:14">
      <c r="N788747" s="10"/>
    </row>
    <row r="788748" spans="14:14">
      <c r="N788748" s="10"/>
    </row>
    <row r="788749" spans="14:14">
      <c r="N788749" s="10"/>
    </row>
    <row r="788750" spans="14:14">
      <c r="N788750" s="10"/>
    </row>
    <row r="788751" spans="14:14">
      <c r="N788751" s="10"/>
    </row>
    <row r="788752" spans="14:14">
      <c r="N788752" s="10"/>
    </row>
    <row r="788753" spans="14:14">
      <c r="N788753" s="10"/>
    </row>
    <row r="788754" spans="14:14">
      <c r="N788754" s="10"/>
    </row>
    <row r="788755" spans="14:14">
      <c r="N788755" s="10"/>
    </row>
    <row r="788756" spans="14:14">
      <c r="N788756" s="10"/>
    </row>
    <row r="788757" spans="14:14">
      <c r="N788757" s="10"/>
    </row>
    <row r="788758" spans="14:14">
      <c r="N788758" s="10"/>
    </row>
    <row r="788759" spans="14:14">
      <c r="N788759" s="10"/>
    </row>
    <row r="788760" spans="14:14">
      <c r="N788760" s="10"/>
    </row>
    <row r="788761" spans="14:14">
      <c r="N788761" s="10"/>
    </row>
    <row r="788762" spans="14:14">
      <c r="N788762" s="10"/>
    </row>
    <row r="788763" spans="14:14">
      <c r="N788763" s="10"/>
    </row>
    <row r="788764" spans="14:14">
      <c r="N788764" s="10"/>
    </row>
    <row r="788765" spans="14:14">
      <c r="N788765" s="10"/>
    </row>
    <row r="788766" spans="14:14">
      <c r="N788766" s="10"/>
    </row>
    <row r="788767" spans="14:14">
      <c r="N788767" s="10"/>
    </row>
    <row r="788768" spans="14:14">
      <c r="N788768" s="10"/>
    </row>
    <row r="788769" spans="14:14">
      <c r="N788769" s="10"/>
    </row>
    <row r="788770" spans="14:14">
      <c r="N788770" s="10"/>
    </row>
    <row r="788771" spans="14:14">
      <c r="N788771" s="10"/>
    </row>
    <row r="788772" spans="14:14">
      <c r="N788772" s="10"/>
    </row>
    <row r="788773" spans="14:14">
      <c r="N788773" s="10"/>
    </row>
    <row r="788774" spans="14:14">
      <c r="N788774" s="10"/>
    </row>
    <row r="788775" spans="14:14">
      <c r="N788775" s="10"/>
    </row>
    <row r="788776" spans="14:14">
      <c r="N788776" s="10"/>
    </row>
    <row r="788777" spans="14:14">
      <c r="N788777" s="10"/>
    </row>
    <row r="788778" spans="14:14">
      <c r="N788778" s="10"/>
    </row>
    <row r="788779" spans="14:14">
      <c r="N788779" s="10"/>
    </row>
    <row r="788780" spans="14:14">
      <c r="N788780" s="10"/>
    </row>
    <row r="788781" spans="14:14">
      <c r="N788781" s="10"/>
    </row>
    <row r="788782" spans="14:14">
      <c r="N788782" s="10"/>
    </row>
    <row r="788783" spans="14:14">
      <c r="N788783" s="10"/>
    </row>
    <row r="788784" spans="14:14">
      <c r="N788784" s="10"/>
    </row>
    <row r="788785" spans="14:14">
      <c r="N788785" s="10"/>
    </row>
    <row r="788786" spans="14:14">
      <c r="N788786" s="10"/>
    </row>
    <row r="788787" spans="14:14">
      <c r="N788787" s="10"/>
    </row>
    <row r="788788" spans="14:14">
      <c r="N788788" s="10"/>
    </row>
    <row r="788789" spans="14:14">
      <c r="N788789" s="10"/>
    </row>
    <row r="788790" spans="14:14">
      <c r="N788790" s="10"/>
    </row>
    <row r="788791" spans="14:14">
      <c r="N788791" s="10"/>
    </row>
    <row r="788792" spans="14:14">
      <c r="N788792" s="10"/>
    </row>
    <row r="788793" spans="14:14">
      <c r="N788793" s="10"/>
    </row>
    <row r="788794" spans="14:14">
      <c r="N788794" s="10"/>
    </row>
    <row r="788795" spans="14:14">
      <c r="N788795" s="10"/>
    </row>
    <row r="788796" spans="14:14">
      <c r="N788796" s="10"/>
    </row>
    <row r="788797" spans="14:14">
      <c r="N788797" s="10"/>
    </row>
    <row r="788798" spans="14:14">
      <c r="N788798" s="10"/>
    </row>
    <row r="788799" spans="14:14">
      <c r="N788799" s="10"/>
    </row>
    <row r="788800" spans="14:14">
      <c r="N788800" s="10"/>
    </row>
    <row r="788801" spans="14:14">
      <c r="N788801" s="10"/>
    </row>
    <row r="788802" spans="14:14">
      <c r="N788802" s="10"/>
    </row>
    <row r="788803" spans="14:14">
      <c r="N788803" s="10"/>
    </row>
    <row r="788804" spans="14:14">
      <c r="N788804" s="10"/>
    </row>
    <row r="788805" spans="14:14">
      <c r="N788805" s="10"/>
    </row>
    <row r="788806" spans="14:14">
      <c r="N788806" s="10"/>
    </row>
    <row r="788807" spans="14:14">
      <c r="N788807" s="10"/>
    </row>
    <row r="788808" spans="14:14">
      <c r="N788808" s="10"/>
    </row>
    <row r="788809" spans="14:14">
      <c r="N788809" s="10"/>
    </row>
    <row r="788810" spans="14:14">
      <c r="N788810" s="10"/>
    </row>
    <row r="788811" spans="14:14">
      <c r="N788811" s="10"/>
    </row>
    <row r="788812" spans="14:14">
      <c r="N788812" s="10"/>
    </row>
    <row r="788813" spans="14:14">
      <c r="N788813" s="10"/>
    </row>
    <row r="788814" spans="14:14">
      <c r="N788814" s="10"/>
    </row>
    <row r="788815" spans="14:14">
      <c r="N788815" s="10"/>
    </row>
    <row r="788816" spans="14:14">
      <c r="N788816" s="10"/>
    </row>
    <row r="788817" spans="14:14">
      <c r="N788817" s="10"/>
    </row>
    <row r="788818" spans="14:14">
      <c r="N788818" s="10"/>
    </row>
    <row r="788819" spans="14:14">
      <c r="N788819" s="10"/>
    </row>
    <row r="788820" spans="14:14">
      <c r="N788820" s="10"/>
    </row>
    <row r="788821" spans="14:14">
      <c r="N788821" s="10"/>
    </row>
    <row r="788822" spans="14:14">
      <c r="N788822" s="10"/>
    </row>
    <row r="788823" spans="14:14">
      <c r="N788823" s="10"/>
    </row>
    <row r="788824" spans="14:14">
      <c r="N788824" s="10"/>
    </row>
    <row r="788825" spans="14:14">
      <c r="N788825" s="10"/>
    </row>
    <row r="788826" spans="14:14">
      <c r="N788826" s="10"/>
    </row>
    <row r="788827" spans="14:14">
      <c r="N788827" s="10"/>
    </row>
    <row r="788828" spans="14:14">
      <c r="N788828" s="10"/>
    </row>
    <row r="788829" spans="14:14">
      <c r="N788829" s="10"/>
    </row>
    <row r="788830" spans="14:14">
      <c r="N788830" s="10"/>
    </row>
    <row r="788831" spans="14:14">
      <c r="N788831" s="10"/>
    </row>
    <row r="788832" spans="14:14">
      <c r="N788832" s="10"/>
    </row>
    <row r="788833" spans="14:14">
      <c r="N788833" s="10"/>
    </row>
    <row r="788834" spans="14:14">
      <c r="N788834" s="10"/>
    </row>
    <row r="788835" spans="14:14">
      <c r="N788835" s="10"/>
    </row>
    <row r="788836" spans="14:14">
      <c r="N788836" s="10"/>
    </row>
    <row r="788837" spans="14:14">
      <c r="N788837" s="10"/>
    </row>
    <row r="788838" spans="14:14">
      <c r="N788838" s="10"/>
    </row>
    <row r="788839" spans="14:14">
      <c r="N788839" s="10"/>
    </row>
    <row r="788840" spans="14:14">
      <c r="N788840" s="10"/>
    </row>
    <row r="788841" spans="14:14">
      <c r="N788841" s="10"/>
    </row>
    <row r="788842" spans="14:14">
      <c r="N788842" s="10"/>
    </row>
    <row r="788843" spans="14:14">
      <c r="N788843" s="10"/>
    </row>
    <row r="788844" spans="14:14">
      <c r="N788844" s="10"/>
    </row>
    <row r="788845" spans="14:14">
      <c r="N788845" s="10"/>
    </row>
    <row r="788846" spans="14:14">
      <c r="N788846" s="10"/>
    </row>
    <row r="788847" spans="14:14">
      <c r="N788847" s="10"/>
    </row>
    <row r="788848" spans="14:14">
      <c r="N788848" s="10"/>
    </row>
    <row r="788849" spans="14:14">
      <c r="N788849" s="10"/>
    </row>
    <row r="788850" spans="14:14">
      <c r="N788850" s="10"/>
    </row>
    <row r="788851" spans="14:14">
      <c r="N788851" s="10"/>
    </row>
    <row r="788852" spans="14:14">
      <c r="N788852" s="10"/>
    </row>
    <row r="788853" spans="14:14">
      <c r="N788853" s="10"/>
    </row>
    <row r="788854" spans="14:14">
      <c r="N788854" s="10"/>
    </row>
    <row r="788855" spans="14:14">
      <c r="N788855" s="10"/>
    </row>
    <row r="788856" spans="14:14">
      <c r="N788856" s="10"/>
    </row>
    <row r="788857" spans="14:14">
      <c r="N788857" s="10"/>
    </row>
    <row r="788858" spans="14:14">
      <c r="N788858" s="10"/>
    </row>
    <row r="788859" spans="14:14">
      <c r="N788859" s="10"/>
    </row>
    <row r="788860" spans="14:14">
      <c r="N788860" s="10"/>
    </row>
    <row r="788861" spans="14:14">
      <c r="N788861" s="10"/>
    </row>
    <row r="788862" spans="14:14">
      <c r="N788862" s="10"/>
    </row>
    <row r="788863" spans="14:14">
      <c r="N788863" s="10"/>
    </row>
    <row r="788864" spans="14:14">
      <c r="N788864" s="10"/>
    </row>
    <row r="788865" spans="14:14">
      <c r="N788865" s="10"/>
    </row>
    <row r="788866" spans="14:14">
      <c r="N788866" s="10"/>
    </row>
    <row r="788867" spans="14:14">
      <c r="N788867" s="10"/>
    </row>
    <row r="788868" spans="14:14">
      <c r="N788868" s="10"/>
    </row>
    <row r="788869" spans="14:14">
      <c r="N788869" s="10"/>
    </row>
    <row r="788870" spans="14:14">
      <c r="N788870" s="10"/>
    </row>
    <row r="788871" spans="14:14">
      <c r="N788871" s="10"/>
    </row>
    <row r="788872" spans="14:14">
      <c r="N788872" s="10"/>
    </row>
    <row r="788873" spans="14:14">
      <c r="N788873" s="10"/>
    </row>
    <row r="788874" spans="14:14">
      <c r="N788874" s="10"/>
    </row>
    <row r="788875" spans="14:14">
      <c r="N788875" s="10"/>
    </row>
    <row r="788876" spans="14:14">
      <c r="N788876" s="10"/>
    </row>
    <row r="788877" spans="14:14">
      <c r="N788877" s="10"/>
    </row>
    <row r="788878" spans="14:14">
      <c r="N788878" s="10"/>
    </row>
    <row r="788879" spans="14:14">
      <c r="N788879" s="10"/>
    </row>
    <row r="788880" spans="14:14">
      <c r="N788880" s="10"/>
    </row>
    <row r="788881" spans="14:14">
      <c r="N788881" s="10"/>
    </row>
    <row r="788882" spans="14:14">
      <c r="N788882" s="10"/>
    </row>
    <row r="788883" spans="14:14">
      <c r="N788883" s="10"/>
    </row>
    <row r="788884" spans="14:14">
      <c r="N788884" s="10"/>
    </row>
    <row r="788885" spans="14:14">
      <c r="N788885" s="10"/>
    </row>
    <row r="788886" spans="14:14">
      <c r="N788886" s="10"/>
    </row>
    <row r="788887" spans="14:14">
      <c r="N788887" s="10"/>
    </row>
    <row r="788888" spans="14:14">
      <c r="N788888" s="10"/>
    </row>
    <row r="788889" spans="14:14">
      <c r="N788889" s="10"/>
    </row>
    <row r="788890" spans="14:14">
      <c r="N788890" s="10"/>
    </row>
    <row r="788891" spans="14:14">
      <c r="N788891" s="10"/>
    </row>
    <row r="788892" spans="14:14">
      <c r="N788892" s="10"/>
    </row>
    <row r="788893" spans="14:14">
      <c r="N788893" s="10"/>
    </row>
    <row r="788894" spans="14:14">
      <c r="N788894" s="10"/>
    </row>
    <row r="788895" spans="14:14">
      <c r="N788895" s="10"/>
    </row>
    <row r="788896" spans="14:14">
      <c r="N788896" s="10"/>
    </row>
    <row r="788897" spans="14:14">
      <c r="N788897" s="10"/>
    </row>
    <row r="788898" spans="14:14">
      <c r="N788898" s="10"/>
    </row>
    <row r="788899" spans="14:14">
      <c r="N788899" s="10"/>
    </row>
    <row r="788900" spans="14:14">
      <c r="N788900" s="10"/>
    </row>
    <row r="788901" spans="14:14">
      <c r="N788901" s="10"/>
    </row>
    <row r="788902" spans="14:14">
      <c r="N788902" s="10"/>
    </row>
    <row r="788903" spans="14:14">
      <c r="N788903" s="10"/>
    </row>
    <row r="788904" spans="14:14">
      <c r="N788904" s="10"/>
    </row>
    <row r="788905" spans="14:14">
      <c r="N788905" s="10"/>
    </row>
    <row r="788906" spans="14:14">
      <c r="N788906" s="10"/>
    </row>
    <row r="788907" spans="14:14">
      <c r="N788907" s="10"/>
    </row>
    <row r="788908" spans="14:14">
      <c r="N788908" s="10"/>
    </row>
    <row r="788909" spans="14:14">
      <c r="N788909" s="10"/>
    </row>
    <row r="788910" spans="14:14">
      <c r="N788910" s="10"/>
    </row>
    <row r="788911" spans="14:14">
      <c r="N788911" s="10"/>
    </row>
    <row r="788912" spans="14:14">
      <c r="N788912" s="10"/>
    </row>
    <row r="788913" spans="14:14">
      <c r="N788913" s="10"/>
    </row>
    <row r="788914" spans="14:14">
      <c r="N788914" s="10"/>
    </row>
    <row r="788915" spans="14:14">
      <c r="N788915" s="10"/>
    </row>
    <row r="788916" spans="14:14">
      <c r="N788916" s="10"/>
    </row>
    <row r="788917" spans="14:14">
      <c r="N788917" s="10"/>
    </row>
    <row r="788918" spans="14:14">
      <c r="N788918" s="10"/>
    </row>
    <row r="788919" spans="14:14">
      <c r="N788919" s="10"/>
    </row>
    <row r="788920" spans="14:14">
      <c r="N788920" s="10"/>
    </row>
    <row r="788921" spans="14:14">
      <c r="N788921" s="10"/>
    </row>
    <row r="788922" spans="14:14">
      <c r="N788922" s="10"/>
    </row>
    <row r="788923" spans="14:14">
      <c r="N788923" s="10"/>
    </row>
    <row r="788924" spans="14:14">
      <c r="N788924" s="10"/>
    </row>
    <row r="788925" spans="14:14">
      <c r="N788925" s="10"/>
    </row>
    <row r="788926" spans="14:14">
      <c r="N788926" s="10"/>
    </row>
    <row r="788927" spans="14:14">
      <c r="N788927" s="10"/>
    </row>
    <row r="788928" spans="14:14">
      <c r="N788928" s="10"/>
    </row>
    <row r="788929" spans="14:14">
      <c r="N788929" s="10"/>
    </row>
    <row r="788930" spans="14:14">
      <c r="N788930" s="10"/>
    </row>
    <row r="788931" spans="14:14">
      <c r="N788931" s="10"/>
    </row>
    <row r="788932" spans="14:14">
      <c r="N788932" s="10"/>
    </row>
    <row r="788933" spans="14:14">
      <c r="N788933" s="10"/>
    </row>
    <row r="788934" spans="14:14">
      <c r="N788934" s="10"/>
    </row>
    <row r="788935" spans="14:14">
      <c r="N788935" s="10"/>
    </row>
    <row r="788936" spans="14:14">
      <c r="N788936" s="10"/>
    </row>
    <row r="788937" spans="14:14">
      <c r="N788937" s="10"/>
    </row>
    <row r="788938" spans="14:14">
      <c r="N788938" s="10"/>
    </row>
    <row r="788939" spans="14:14">
      <c r="N788939" s="10"/>
    </row>
    <row r="788940" spans="14:14">
      <c r="N788940" s="10"/>
    </row>
    <row r="788941" spans="14:14">
      <c r="N788941" s="10"/>
    </row>
    <row r="788942" spans="14:14">
      <c r="N788942" s="10"/>
    </row>
    <row r="788943" spans="14:14">
      <c r="N788943" s="10"/>
    </row>
    <row r="788944" spans="14:14">
      <c r="N788944" s="10"/>
    </row>
    <row r="788945" spans="14:14">
      <c r="N788945" s="10"/>
    </row>
    <row r="788946" spans="14:14">
      <c r="N788946" s="10"/>
    </row>
    <row r="788947" spans="14:14">
      <c r="N788947" s="10"/>
    </row>
    <row r="788948" spans="14:14">
      <c r="N788948" s="10"/>
    </row>
    <row r="788949" spans="14:14">
      <c r="N788949" s="10"/>
    </row>
    <row r="788950" spans="14:14">
      <c r="N788950" s="10"/>
    </row>
    <row r="788951" spans="14:14">
      <c r="N788951" s="10"/>
    </row>
    <row r="788952" spans="14:14">
      <c r="N788952" s="10"/>
    </row>
    <row r="788953" spans="14:14">
      <c r="N788953" s="10"/>
    </row>
    <row r="788954" spans="14:14">
      <c r="N788954" s="10"/>
    </row>
    <row r="788955" spans="14:14">
      <c r="N788955" s="10"/>
    </row>
    <row r="788956" spans="14:14">
      <c r="N788956" s="10"/>
    </row>
    <row r="788957" spans="14:14">
      <c r="N788957" s="10"/>
    </row>
    <row r="788958" spans="14:14">
      <c r="N788958" s="10"/>
    </row>
    <row r="788959" spans="14:14">
      <c r="N788959" s="10"/>
    </row>
    <row r="788960" spans="14:14">
      <c r="N788960" s="10"/>
    </row>
    <row r="788961" spans="14:14">
      <c r="N788961" s="10"/>
    </row>
    <row r="788962" spans="14:14">
      <c r="N788962" s="10"/>
    </row>
    <row r="788963" spans="14:14">
      <c r="N788963" s="10"/>
    </row>
    <row r="788964" spans="14:14">
      <c r="N788964" s="10"/>
    </row>
    <row r="788965" spans="14:14">
      <c r="N788965" s="10"/>
    </row>
    <row r="788966" spans="14:14">
      <c r="N788966" s="10"/>
    </row>
    <row r="788967" spans="14:14">
      <c r="N788967" s="10"/>
    </row>
    <row r="788968" spans="14:14">
      <c r="N788968" s="10"/>
    </row>
    <row r="788969" spans="14:14">
      <c r="N788969" s="10"/>
    </row>
    <row r="788970" spans="14:14">
      <c r="N788970" s="10"/>
    </row>
    <row r="788971" spans="14:14">
      <c r="N788971" s="10"/>
    </row>
    <row r="788972" spans="14:14">
      <c r="N788972" s="10"/>
    </row>
    <row r="788973" spans="14:14">
      <c r="N788973" s="10"/>
    </row>
    <row r="788974" spans="14:14">
      <c r="N788974" s="10"/>
    </row>
    <row r="788975" spans="14:14">
      <c r="N788975" s="10"/>
    </row>
    <row r="788976" spans="14:14">
      <c r="N788976" s="10"/>
    </row>
    <row r="788977" spans="14:14">
      <c r="N788977" s="10"/>
    </row>
    <row r="788978" spans="14:14">
      <c r="N788978" s="10"/>
    </row>
    <row r="788979" spans="14:14">
      <c r="N788979" s="10"/>
    </row>
    <row r="788980" spans="14:14">
      <c r="N788980" s="10"/>
    </row>
    <row r="788981" spans="14:14">
      <c r="N788981" s="10"/>
    </row>
    <row r="788982" spans="14:14">
      <c r="N788982" s="10"/>
    </row>
    <row r="788983" spans="14:14">
      <c r="N788983" s="10"/>
    </row>
    <row r="788984" spans="14:14">
      <c r="N788984" s="10"/>
    </row>
    <row r="788985" spans="14:14">
      <c r="N788985" s="10"/>
    </row>
    <row r="788986" spans="14:14">
      <c r="N788986" s="10"/>
    </row>
    <row r="788987" spans="14:14">
      <c r="N788987" s="10"/>
    </row>
    <row r="788988" spans="14:14">
      <c r="N788988" s="10"/>
    </row>
    <row r="788989" spans="14:14">
      <c r="N788989" s="10"/>
    </row>
    <row r="788990" spans="14:14">
      <c r="N788990" s="10"/>
    </row>
    <row r="788991" spans="14:14">
      <c r="N788991" s="10"/>
    </row>
    <row r="788992" spans="14:14">
      <c r="N788992" s="10"/>
    </row>
    <row r="788993" spans="14:14">
      <c r="N788993" s="10"/>
    </row>
    <row r="788994" spans="14:14">
      <c r="N788994" s="10"/>
    </row>
    <row r="788995" spans="14:14">
      <c r="N788995" s="10"/>
    </row>
    <row r="788996" spans="14:14">
      <c r="N788996" s="10"/>
    </row>
    <row r="788997" spans="14:14">
      <c r="N788997" s="10"/>
    </row>
    <row r="788998" spans="14:14">
      <c r="N788998" s="10"/>
    </row>
    <row r="788999" spans="14:14">
      <c r="N788999" s="10"/>
    </row>
    <row r="789000" spans="14:14">
      <c r="N789000" s="10"/>
    </row>
    <row r="789001" spans="14:14">
      <c r="N789001" s="10"/>
    </row>
    <row r="789002" spans="14:14">
      <c r="N789002" s="10"/>
    </row>
    <row r="789003" spans="14:14">
      <c r="N789003" s="10"/>
    </row>
    <row r="789004" spans="14:14">
      <c r="N789004" s="10"/>
    </row>
    <row r="789005" spans="14:14">
      <c r="N789005" s="10"/>
    </row>
    <row r="789006" spans="14:14">
      <c r="N789006" s="10"/>
    </row>
    <row r="789007" spans="14:14">
      <c r="N789007" s="10"/>
    </row>
    <row r="789008" spans="14:14">
      <c r="N789008" s="10"/>
    </row>
    <row r="789009" spans="14:14">
      <c r="N789009" s="10"/>
    </row>
    <row r="789010" spans="14:14">
      <c r="N789010" s="10"/>
    </row>
    <row r="789011" spans="14:14">
      <c r="N789011" s="10"/>
    </row>
    <row r="789012" spans="14:14">
      <c r="N789012" s="10"/>
    </row>
    <row r="789013" spans="14:14">
      <c r="N789013" s="10"/>
    </row>
    <row r="789014" spans="14:14">
      <c r="N789014" s="10"/>
    </row>
    <row r="789015" spans="14:14">
      <c r="N789015" s="10"/>
    </row>
    <row r="789016" spans="14:14">
      <c r="N789016" s="10"/>
    </row>
    <row r="789017" spans="14:14">
      <c r="N789017" s="10"/>
    </row>
    <row r="789018" spans="14:14">
      <c r="N789018" s="10"/>
    </row>
    <row r="789019" spans="14:14">
      <c r="N789019" s="10"/>
    </row>
    <row r="789020" spans="14:14">
      <c r="N789020" s="10"/>
    </row>
    <row r="789021" spans="14:14">
      <c r="N789021" s="10"/>
    </row>
    <row r="789022" spans="14:14">
      <c r="N789022" s="10"/>
    </row>
    <row r="789023" spans="14:14">
      <c r="N789023" s="10"/>
    </row>
    <row r="789024" spans="14:14">
      <c r="N789024" s="10"/>
    </row>
    <row r="789025" spans="14:14">
      <c r="N789025" s="10"/>
    </row>
    <row r="789026" spans="14:14">
      <c r="N789026" s="10"/>
    </row>
    <row r="789027" spans="14:14">
      <c r="N789027" s="10"/>
    </row>
    <row r="789028" spans="14:14">
      <c r="N789028" s="10"/>
    </row>
    <row r="789029" spans="14:14">
      <c r="N789029" s="10"/>
    </row>
    <row r="789030" spans="14:14">
      <c r="N789030" s="10"/>
    </row>
    <row r="789031" spans="14:14">
      <c r="N789031" s="10"/>
    </row>
    <row r="789032" spans="14:14">
      <c r="N789032" s="10"/>
    </row>
    <row r="789033" spans="14:14">
      <c r="N789033" s="10"/>
    </row>
    <row r="789034" spans="14:14">
      <c r="N789034" s="10"/>
    </row>
    <row r="789035" spans="14:14">
      <c r="N789035" s="10"/>
    </row>
    <row r="789036" spans="14:14">
      <c r="N789036" s="10"/>
    </row>
    <row r="789037" spans="14:14">
      <c r="N789037" s="10"/>
    </row>
    <row r="789038" spans="14:14">
      <c r="N789038" s="10"/>
    </row>
    <row r="789039" spans="14:14">
      <c r="N789039" s="10"/>
    </row>
    <row r="789040" spans="14:14">
      <c r="N789040" s="10"/>
    </row>
    <row r="789041" spans="14:14">
      <c r="N789041" s="10"/>
    </row>
    <row r="789042" spans="14:14">
      <c r="N789042" s="10"/>
    </row>
    <row r="789043" spans="14:14">
      <c r="N789043" s="10"/>
    </row>
    <row r="789044" spans="14:14">
      <c r="N789044" s="10"/>
    </row>
    <row r="789045" spans="14:14">
      <c r="N789045" s="10"/>
    </row>
    <row r="789046" spans="14:14">
      <c r="N789046" s="10"/>
    </row>
    <row r="789047" spans="14:14">
      <c r="N789047" s="10"/>
    </row>
    <row r="789048" spans="14:14">
      <c r="N789048" s="10"/>
    </row>
    <row r="789049" spans="14:14">
      <c r="N789049" s="10"/>
    </row>
    <row r="789050" spans="14:14">
      <c r="N789050" s="10"/>
    </row>
    <row r="789051" spans="14:14">
      <c r="N789051" s="10"/>
    </row>
    <row r="789052" spans="14:14">
      <c r="N789052" s="10"/>
    </row>
    <row r="789053" spans="14:14">
      <c r="N789053" s="10"/>
    </row>
    <row r="789054" spans="14:14">
      <c r="N789054" s="10"/>
    </row>
    <row r="789055" spans="14:14">
      <c r="N789055" s="10"/>
    </row>
    <row r="789056" spans="14:14">
      <c r="N789056" s="10"/>
    </row>
    <row r="789057" spans="14:14">
      <c r="N789057" s="10"/>
    </row>
    <row r="789058" spans="14:14">
      <c r="N789058" s="10"/>
    </row>
    <row r="789059" spans="14:14">
      <c r="N789059" s="10"/>
    </row>
    <row r="789060" spans="14:14">
      <c r="N789060" s="10"/>
    </row>
    <row r="789061" spans="14:14">
      <c r="N789061" s="10"/>
    </row>
    <row r="789062" spans="14:14">
      <c r="N789062" s="10"/>
    </row>
    <row r="789063" spans="14:14">
      <c r="N789063" s="10"/>
    </row>
    <row r="789064" spans="14:14">
      <c r="N789064" s="10"/>
    </row>
    <row r="789065" spans="14:14">
      <c r="N789065" s="10"/>
    </row>
    <row r="789066" spans="14:14">
      <c r="N789066" s="10"/>
    </row>
    <row r="789067" spans="14:14">
      <c r="N789067" s="10"/>
    </row>
    <row r="789068" spans="14:14">
      <c r="N789068" s="10"/>
    </row>
    <row r="789069" spans="14:14">
      <c r="N789069" s="10"/>
    </row>
    <row r="789070" spans="14:14">
      <c r="N789070" s="10"/>
    </row>
    <row r="789071" spans="14:14">
      <c r="N789071" s="10"/>
    </row>
    <row r="789072" spans="14:14">
      <c r="N789072" s="10"/>
    </row>
    <row r="789073" spans="14:14">
      <c r="N789073" s="10"/>
    </row>
    <row r="789074" spans="14:14">
      <c r="N789074" s="10"/>
    </row>
    <row r="789075" spans="14:14">
      <c r="N789075" s="10"/>
    </row>
    <row r="789076" spans="14:14">
      <c r="N789076" s="10"/>
    </row>
    <row r="789077" spans="14:14">
      <c r="N789077" s="10"/>
    </row>
    <row r="789078" spans="14:14">
      <c r="N789078" s="10"/>
    </row>
    <row r="789079" spans="14:14">
      <c r="N789079" s="10"/>
    </row>
    <row r="789080" spans="14:14">
      <c r="N789080" s="10"/>
    </row>
    <row r="789081" spans="14:14">
      <c r="N789081" s="10"/>
    </row>
    <row r="789082" spans="14:14">
      <c r="N789082" s="10"/>
    </row>
    <row r="789083" spans="14:14">
      <c r="N789083" s="10"/>
    </row>
    <row r="789084" spans="14:14">
      <c r="N789084" s="10"/>
    </row>
    <row r="789085" spans="14:14">
      <c r="N789085" s="10"/>
    </row>
    <row r="789086" spans="14:14">
      <c r="N789086" s="10"/>
    </row>
    <row r="789087" spans="14:14">
      <c r="N789087" s="10"/>
    </row>
    <row r="789088" spans="14:14">
      <c r="N789088" s="10"/>
    </row>
    <row r="789089" spans="14:14">
      <c r="N789089" s="10"/>
    </row>
    <row r="789090" spans="14:14">
      <c r="N789090" s="10"/>
    </row>
    <row r="789091" spans="14:14">
      <c r="N789091" s="10"/>
    </row>
    <row r="789092" spans="14:14">
      <c r="N789092" s="10"/>
    </row>
    <row r="789093" spans="14:14">
      <c r="N789093" s="10"/>
    </row>
    <row r="789094" spans="14:14">
      <c r="N789094" s="10"/>
    </row>
    <row r="789095" spans="14:14">
      <c r="N789095" s="10"/>
    </row>
    <row r="789096" spans="14:14">
      <c r="N789096" s="10"/>
    </row>
    <row r="789097" spans="14:14">
      <c r="N789097" s="10"/>
    </row>
    <row r="789098" spans="14:14">
      <c r="N789098" s="10"/>
    </row>
    <row r="789099" spans="14:14">
      <c r="N789099" s="10"/>
    </row>
    <row r="789100" spans="14:14">
      <c r="N789100" s="10"/>
    </row>
    <row r="789101" spans="14:14">
      <c r="N789101" s="10"/>
    </row>
    <row r="789102" spans="14:14">
      <c r="N789102" s="10"/>
    </row>
    <row r="789103" spans="14:14">
      <c r="N789103" s="10"/>
    </row>
    <row r="789104" spans="14:14">
      <c r="N789104" s="10"/>
    </row>
    <row r="789105" spans="14:14">
      <c r="N789105" s="10"/>
    </row>
    <row r="789106" spans="14:14">
      <c r="N789106" s="10"/>
    </row>
    <row r="789107" spans="14:14">
      <c r="N789107" s="10"/>
    </row>
    <row r="789108" spans="14:14">
      <c r="N789108" s="10"/>
    </row>
    <row r="789109" spans="14:14">
      <c r="N789109" s="10"/>
    </row>
    <row r="789110" spans="14:14">
      <c r="N789110" s="10"/>
    </row>
    <row r="789111" spans="14:14">
      <c r="N789111" s="10"/>
    </row>
    <row r="789112" spans="14:14">
      <c r="N789112" s="10"/>
    </row>
    <row r="789113" spans="14:14">
      <c r="N789113" s="10"/>
    </row>
    <row r="789114" spans="14:14">
      <c r="N789114" s="10"/>
    </row>
    <row r="789115" spans="14:14">
      <c r="N789115" s="10"/>
    </row>
    <row r="789116" spans="14:14">
      <c r="N789116" s="10"/>
    </row>
    <row r="789117" spans="14:14">
      <c r="N789117" s="10"/>
    </row>
    <row r="789118" spans="14:14">
      <c r="N789118" s="10"/>
    </row>
    <row r="789119" spans="14:14">
      <c r="N789119" s="10"/>
    </row>
    <row r="789120" spans="14:14">
      <c r="N789120" s="10"/>
    </row>
    <row r="789121" spans="14:14">
      <c r="N789121" s="10"/>
    </row>
    <row r="789122" spans="14:14">
      <c r="N789122" s="10"/>
    </row>
    <row r="789123" spans="14:14">
      <c r="N789123" s="10"/>
    </row>
    <row r="789124" spans="14:14">
      <c r="N789124" s="10"/>
    </row>
    <row r="789125" spans="14:14">
      <c r="N789125" s="10"/>
    </row>
    <row r="789126" spans="14:14">
      <c r="N789126" s="10"/>
    </row>
    <row r="789127" spans="14:14">
      <c r="N789127" s="10"/>
    </row>
    <row r="789128" spans="14:14">
      <c r="N789128" s="10"/>
    </row>
    <row r="789129" spans="14:14">
      <c r="N789129" s="10"/>
    </row>
    <row r="789130" spans="14:14">
      <c r="N789130" s="10"/>
    </row>
    <row r="789131" spans="14:14">
      <c r="N789131" s="10"/>
    </row>
    <row r="789132" spans="14:14">
      <c r="N789132" s="10"/>
    </row>
    <row r="789133" spans="14:14">
      <c r="N789133" s="10"/>
    </row>
    <row r="789134" spans="14:14">
      <c r="N789134" s="10"/>
    </row>
    <row r="789135" spans="14:14">
      <c r="N789135" s="10"/>
    </row>
    <row r="789136" spans="14:14">
      <c r="N789136" s="10"/>
    </row>
    <row r="789137" spans="14:14">
      <c r="N789137" s="10"/>
    </row>
    <row r="789138" spans="14:14">
      <c r="N789138" s="10"/>
    </row>
    <row r="789139" spans="14:14">
      <c r="N789139" s="10"/>
    </row>
    <row r="789140" spans="14:14">
      <c r="N789140" s="10"/>
    </row>
    <row r="789141" spans="14:14">
      <c r="N789141" s="10"/>
    </row>
    <row r="789142" spans="14:14">
      <c r="N789142" s="10"/>
    </row>
    <row r="789143" spans="14:14">
      <c r="N789143" s="10"/>
    </row>
    <row r="789144" spans="14:14">
      <c r="N789144" s="10"/>
    </row>
    <row r="789145" spans="14:14">
      <c r="N789145" s="10"/>
    </row>
    <row r="789146" spans="14:14">
      <c r="N789146" s="10"/>
    </row>
    <row r="789147" spans="14:14">
      <c r="N789147" s="10"/>
    </row>
    <row r="789148" spans="14:14">
      <c r="N789148" s="10"/>
    </row>
    <row r="789149" spans="14:14">
      <c r="N789149" s="10"/>
    </row>
    <row r="789150" spans="14:14">
      <c r="N789150" s="10"/>
    </row>
    <row r="789151" spans="14:14">
      <c r="N789151" s="10"/>
    </row>
    <row r="789152" spans="14:14">
      <c r="N789152" s="10"/>
    </row>
    <row r="789153" spans="14:14">
      <c r="N789153" s="10"/>
    </row>
    <row r="789154" spans="14:14">
      <c r="N789154" s="10"/>
    </row>
    <row r="789155" spans="14:14">
      <c r="N789155" s="10"/>
    </row>
    <row r="789156" spans="14:14">
      <c r="N789156" s="10"/>
    </row>
    <row r="789157" spans="14:14">
      <c r="N789157" s="10"/>
    </row>
    <row r="789158" spans="14:14">
      <c r="N789158" s="10"/>
    </row>
    <row r="789159" spans="14:14">
      <c r="N789159" s="10"/>
    </row>
    <row r="789160" spans="14:14">
      <c r="N789160" s="10"/>
    </row>
    <row r="789161" spans="14:14">
      <c r="N789161" s="10"/>
    </row>
    <row r="789162" spans="14:14">
      <c r="N789162" s="10"/>
    </row>
    <row r="789163" spans="14:14">
      <c r="N789163" s="10"/>
    </row>
    <row r="789164" spans="14:14">
      <c r="N789164" s="10"/>
    </row>
    <row r="789165" spans="14:14">
      <c r="N789165" s="10"/>
    </row>
    <row r="789166" spans="14:14">
      <c r="N789166" s="10"/>
    </row>
    <row r="789167" spans="14:14">
      <c r="N789167" s="10"/>
    </row>
    <row r="789168" spans="14:14">
      <c r="N789168" s="10"/>
    </row>
    <row r="789169" spans="14:14">
      <c r="N789169" s="10"/>
    </row>
    <row r="789170" spans="14:14">
      <c r="N789170" s="10"/>
    </row>
    <row r="789171" spans="14:14">
      <c r="N789171" s="10"/>
    </row>
    <row r="789172" spans="14:14">
      <c r="N789172" s="10"/>
    </row>
    <row r="789173" spans="14:14">
      <c r="N789173" s="10"/>
    </row>
    <row r="789174" spans="14:14">
      <c r="N789174" s="10"/>
    </row>
    <row r="789175" spans="14:14">
      <c r="N789175" s="10"/>
    </row>
    <row r="789176" spans="14:14">
      <c r="N789176" s="10"/>
    </row>
    <row r="789177" spans="14:14">
      <c r="N789177" s="10"/>
    </row>
    <row r="789178" spans="14:14">
      <c r="N789178" s="10"/>
    </row>
    <row r="789179" spans="14:14">
      <c r="N789179" s="10"/>
    </row>
    <row r="789180" spans="14:14">
      <c r="N789180" s="10"/>
    </row>
    <row r="789181" spans="14:14">
      <c r="N789181" s="10"/>
    </row>
    <row r="789182" spans="14:14">
      <c r="N789182" s="10"/>
    </row>
    <row r="789183" spans="14:14">
      <c r="N789183" s="10"/>
    </row>
    <row r="789184" spans="14:14">
      <c r="N789184" s="10"/>
    </row>
    <row r="789185" spans="14:14">
      <c r="N789185" s="10"/>
    </row>
    <row r="789186" spans="14:14">
      <c r="N789186" s="10"/>
    </row>
    <row r="789187" spans="14:14">
      <c r="N789187" s="10"/>
    </row>
    <row r="789188" spans="14:14">
      <c r="N789188" s="10"/>
    </row>
    <row r="789189" spans="14:14">
      <c r="N789189" s="10"/>
    </row>
    <row r="789190" spans="14:14">
      <c r="N789190" s="10"/>
    </row>
    <row r="789191" spans="14:14">
      <c r="N789191" s="10"/>
    </row>
    <row r="789192" spans="14:14">
      <c r="N789192" s="10"/>
    </row>
    <row r="789193" spans="14:14">
      <c r="N789193" s="10"/>
    </row>
    <row r="789194" spans="14:14">
      <c r="N789194" s="10"/>
    </row>
    <row r="789195" spans="14:14">
      <c r="N789195" s="10"/>
    </row>
    <row r="789196" spans="14:14">
      <c r="N789196" s="10"/>
    </row>
    <row r="789197" spans="14:14">
      <c r="N789197" s="10"/>
    </row>
    <row r="789198" spans="14:14">
      <c r="N789198" s="10"/>
    </row>
    <row r="789199" spans="14:14">
      <c r="N789199" s="10"/>
    </row>
    <row r="789200" spans="14:14">
      <c r="N789200" s="10"/>
    </row>
    <row r="789201" spans="14:14">
      <c r="N789201" s="10"/>
    </row>
    <row r="789202" spans="14:14">
      <c r="N789202" s="10"/>
    </row>
    <row r="789203" spans="14:14">
      <c r="N789203" s="10"/>
    </row>
    <row r="789204" spans="14:14">
      <c r="N789204" s="10"/>
    </row>
    <row r="789205" spans="14:14">
      <c r="N789205" s="10"/>
    </row>
    <row r="789206" spans="14:14">
      <c r="N789206" s="10"/>
    </row>
    <row r="789207" spans="14:14">
      <c r="N789207" s="10"/>
    </row>
    <row r="789208" spans="14:14">
      <c r="N789208" s="10"/>
    </row>
    <row r="789209" spans="14:14">
      <c r="N789209" s="10"/>
    </row>
    <row r="789210" spans="14:14">
      <c r="N789210" s="10"/>
    </row>
    <row r="789211" spans="14:14">
      <c r="N789211" s="10"/>
    </row>
    <row r="789212" spans="14:14">
      <c r="N789212" s="10"/>
    </row>
    <row r="789213" spans="14:14">
      <c r="N789213" s="10"/>
    </row>
    <row r="789214" spans="14:14">
      <c r="N789214" s="10"/>
    </row>
    <row r="789215" spans="14:14">
      <c r="N789215" s="10"/>
    </row>
    <row r="789216" spans="14:14">
      <c r="N789216" s="10"/>
    </row>
    <row r="789217" spans="14:14">
      <c r="N789217" s="10"/>
    </row>
    <row r="789218" spans="14:14">
      <c r="N789218" s="10"/>
    </row>
    <row r="789219" spans="14:14">
      <c r="N789219" s="10"/>
    </row>
    <row r="789220" spans="14:14">
      <c r="N789220" s="10"/>
    </row>
    <row r="789221" spans="14:14">
      <c r="N789221" s="10"/>
    </row>
    <row r="789222" spans="14:14">
      <c r="N789222" s="10"/>
    </row>
    <row r="789223" spans="14:14">
      <c r="N789223" s="10"/>
    </row>
    <row r="789224" spans="14:14">
      <c r="N789224" s="10"/>
    </row>
    <row r="789225" spans="14:14">
      <c r="N789225" s="10"/>
    </row>
    <row r="789226" spans="14:14">
      <c r="N789226" s="10"/>
    </row>
    <row r="789227" spans="14:14">
      <c r="N789227" s="10"/>
    </row>
    <row r="789228" spans="14:14">
      <c r="N789228" s="10"/>
    </row>
    <row r="789229" spans="14:14">
      <c r="N789229" s="10"/>
    </row>
    <row r="789230" spans="14:14">
      <c r="N789230" s="10"/>
    </row>
    <row r="789231" spans="14:14">
      <c r="N789231" s="10"/>
    </row>
    <row r="789232" spans="14:14">
      <c r="N789232" s="10"/>
    </row>
    <row r="789233" spans="14:14">
      <c r="N789233" s="10"/>
    </row>
    <row r="789234" spans="14:14">
      <c r="N789234" s="10"/>
    </row>
    <row r="789235" spans="14:14">
      <c r="N789235" s="10"/>
    </row>
    <row r="789236" spans="14:14">
      <c r="N789236" s="10"/>
    </row>
    <row r="789237" spans="14:14">
      <c r="N789237" s="10"/>
    </row>
    <row r="789238" spans="14:14">
      <c r="N789238" s="10"/>
    </row>
    <row r="789239" spans="14:14">
      <c r="N789239" s="10"/>
    </row>
    <row r="789240" spans="14:14">
      <c r="N789240" s="10"/>
    </row>
    <row r="789241" spans="14:14">
      <c r="N789241" s="10"/>
    </row>
    <row r="789242" spans="14:14">
      <c r="N789242" s="10"/>
    </row>
    <row r="789243" spans="14:14">
      <c r="N789243" s="10"/>
    </row>
    <row r="789244" spans="14:14">
      <c r="N789244" s="10"/>
    </row>
    <row r="789245" spans="14:14">
      <c r="N789245" s="10"/>
    </row>
    <row r="789246" spans="14:14">
      <c r="N789246" s="10"/>
    </row>
    <row r="789247" spans="14:14">
      <c r="N789247" s="10"/>
    </row>
    <row r="789248" spans="14:14">
      <c r="N789248" s="10"/>
    </row>
    <row r="789249" spans="14:14">
      <c r="N789249" s="10"/>
    </row>
    <row r="789250" spans="14:14">
      <c r="N789250" s="10"/>
    </row>
    <row r="789251" spans="14:14">
      <c r="N789251" s="10"/>
    </row>
    <row r="789252" spans="14:14">
      <c r="N789252" s="10"/>
    </row>
    <row r="789253" spans="14:14">
      <c r="N789253" s="10"/>
    </row>
    <row r="789254" spans="14:14">
      <c r="N789254" s="10"/>
    </row>
    <row r="789255" spans="14:14">
      <c r="N789255" s="10"/>
    </row>
    <row r="789256" spans="14:14">
      <c r="N789256" s="10"/>
    </row>
    <row r="789257" spans="14:14">
      <c r="N789257" s="10"/>
    </row>
    <row r="789258" spans="14:14">
      <c r="N789258" s="10"/>
    </row>
    <row r="789259" spans="14:14">
      <c r="N789259" s="10"/>
    </row>
    <row r="789260" spans="14:14">
      <c r="N789260" s="10"/>
    </row>
    <row r="789261" spans="14:14">
      <c r="N789261" s="10"/>
    </row>
    <row r="789262" spans="14:14">
      <c r="N789262" s="10"/>
    </row>
    <row r="789263" spans="14:14">
      <c r="N789263" s="10"/>
    </row>
    <row r="789264" spans="14:14">
      <c r="N789264" s="10"/>
    </row>
    <row r="789265" spans="14:14">
      <c r="N789265" s="10"/>
    </row>
    <row r="789266" spans="14:14">
      <c r="N789266" s="10"/>
    </row>
    <row r="789267" spans="14:14">
      <c r="N789267" s="10"/>
    </row>
    <row r="789268" spans="14:14">
      <c r="N789268" s="10"/>
    </row>
    <row r="789269" spans="14:14">
      <c r="N789269" s="10"/>
    </row>
    <row r="789270" spans="14:14">
      <c r="N789270" s="10"/>
    </row>
    <row r="789271" spans="14:14">
      <c r="N789271" s="10"/>
    </row>
    <row r="789272" spans="14:14">
      <c r="N789272" s="10"/>
    </row>
    <row r="789273" spans="14:14">
      <c r="N789273" s="10"/>
    </row>
    <row r="789274" spans="14:14">
      <c r="N789274" s="10"/>
    </row>
    <row r="789275" spans="14:14">
      <c r="N789275" s="10"/>
    </row>
    <row r="789276" spans="14:14">
      <c r="N789276" s="10"/>
    </row>
    <row r="789277" spans="14:14">
      <c r="N789277" s="10"/>
    </row>
    <row r="789278" spans="14:14">
      <c r="N789278" s="10"/>
    </row>
    <row r="789279" spans="14:14">
      <c r="N789279" s="10"/>
    </row>
    <row r="789280" spans="14:14">
      <c r="N789280" s="10"/>
    </row>
    <row r="789281" spans="14:14">
      <c r="N789281" s="10"/>
    </row>
    <row r="789282" spans="14:14">
      <c r="N789282" s="10"/>
    </row>
    <row r="789283" spans="14:14">
      <c r="N789283" s="10"/>
    </row>
    <row r="789284" spans="14:14">
      <c r="N789284" s="10"/>
    </row>
    <row r="789285" spans="14:14">
      <c r="N789285" s="10"/>
    </row>
    <row r="789286" spans="14:14">
      <c r="N789286" s="10"/>
    </row>
    <row r="789287" spans="14:14">
      <c r="N789287" s="10"/>
    </row>
    <row r="789288" spans="14:14">
      <c r="N789288" s="10"/>
    </row>
    <row r="789289" spans="14:14">
      <c r="N789289" s="10"/>
    </row>
    <row r="789290" spans="14:14">
      <c r="N789290" s="10"/>
    </row>
    <row r="789291" spans="14:14">
      <c r="N789291" s="10"/>
    </row>
    <row r="789292" spans="14:14">
      <c r="N789292" s="10"/>
    </row>
    <row r="789293" spans="14:14">
      <c r="N789293" s="10"/>
    </row>
    <row r="789294" spans="14:14">
      <c r="N789294" s="10"/>
    </row>
    <row r="789295" spans="14:14">
      <c r="N789295" s="10"/>
    </row>
    <row r="789296" spans="14:14">
      <c r="N789296" s="10"/>
    </row>
    <row r="789297" spans="14:14">
      <c r="N789297" s="10"/>
    </row>
    <row r="789298" spans="14:14">
      <c r="N789298" s="10"/>
    </row>
    <row r="789299" spans="14:14">
      <c r="N789299" s="10"/>
    </row>
    <row r="789300" spans="14:14">
      <c r="N789300" s="10"/>
    </row>
    <row r="789301" spans="14:14">
      <c r="N789301" s="10"/>
    </row>
    <row r="789302" spans="14:14">
      <c r="N789302" s="10"/>
    </row>
    <row r="789303" spans="14:14">
      <c r="N789303" s="10"/>
    </row>
    <row r="789304" spans="14:14">
      <c r="N789304" s="10"/>
    </row>
    <row r="789305" spans="14:14">
      <c r="N789305" s="10"/>
    </row>
    <row r="789306" spans="14:14">
      <c r="N789306" s="10"/>
    </row>
    <row r="789307" spans="14:14">
      <c r="N789307" s="10"/>
    </row>
    <row r="789308" spans="14:14">
      <c r="N789308" s="10"/>
    </row>
    <row r="789309" spans="14:14">
      <c r="N789309" s="10"/>
    </row>
    <row r="789310" spans="14:14">
      <c r="N789310" s="10"/>
    </row>
    <row r="789311" spans="14:14">
      <c r="N789311" s="10"/>
    </row>
    <row r="789312" spans="14:14">
      <c r="N789312" s="10"/>
    </row>
    <row r="789313" spans="14:14">
      <c r="N789313" s="10"/>
    </row>
    <row r="789314" spans="14:14">
      <c r="N789314" s="10"/>
    </row>
    <row r="789315" spans="14:14">
      <c r="N789315" s="10"/>
    </row>
    <row r="789316" spans="14:14">
      <c r="N789316" s="10"/>
    </row>
    <row r="789317" spans="14:14">
      <c r="N789317" s="10"/>
    </row>
    <row r="789318" spans="14:14">
      <c r="N789318" s="10"/>
    </row>
    <row r="789319" spans="14:14">
      <c r="N789319" s="10"/>
    </row>
    <row r="789320" spans="14:14">
      <c r="N789320" s="10"/>
    </row>
    <row r="789321" spans="14:14">
      <c r="N789321" s="10"/>
    </row>
    <row r="789322" spans="14:14">
      <c r="N789322" s="10"/>
    </row>
    <row r="789323" spans="14:14">
      <c r="N789323" s="10"/>
    </row>
    <row r="789324" spans="14:14">
      <c r="N789324" s="10"/>
    </row>
    <row r="789325" spans="14:14">
      <c r="N789325" s="10"/>
    </row>
    <row r="789326" spans="14:14">
      <c r="N789326" s="10"/>
    </row>
    <row r="789327" spans="14:14">
      <c r="N789327" s="10"/>
    </row>
    <row r="789328" spans="14:14">
      <c r="N789328" s="10"/>
    </row>
    <row r="789329" spans="14:14">
      <c r="N789329" s="10"/>
    </row>
    <row r="789330" spans="14:14">
      <c r="N789330" s="10"/>
    </row>
    <row r="789331" spans="14:14">
      <c r="N789331" s="10"/>
    </row>
    <row r="789332" spans="14:14">
      <c r="N789332" s="10"/>
    </row>
    <row r="789333" spans="14:14">
      <c r="N789333" s="10"/>
    </row>
    <row r="789334" spans="14:14">
      <c r="N789334" s="10"/>
    </row>
    <row r="789335" spans="14:14">
      <c r="N789335" s="10"/>
    </row>
    <row r="789336" spans="14:14">
      <c r="N789336" s="10"/>
    </row>
    <row r="789337" spans="14:14">
      <c r="N789337" s="10"/>
    </row>
    <row r="789338" spans="14:14">
      <c r="N789338" s="10"/>
    </row>
    <row r="789339" spans="14:14">
      <c r="N789339" s="10"/>
    </row>
    <row r="789340" spans="14:14">
      <c r="N789340" s="10"/>
    </row>
    <row r="789341" spans="14:14">
      <c r="N789341" s="10"/>
    </row>
    <row r="789342" spans="14:14">
      <c r="N789342" s="10"/>
    </row>
    <row r="789343" spans="14:14">
      <c r="N789343" s="10"/>
    </row>
    <row r="789344" spans="14:14">
      <c r="N789344" s="10"/>
    </row>
    <row r="789345" spans="14:14">
      <c r="N789345" s="10"/>
    </row>
    <row r="789346" spans="14:14">
      <c r="N789346" s="10"/>
    </row>
    <row r="789347" spans="14:14">
      <c r="N789347" s="10"/>
    </row>
    <row r="789348" spans="14:14">
      <c r="N789348" s="10"/>
    </row>
    <row r="789349" spans="14:14">
      <c r="N789349" s="10"/>
    </row>
    <row r="789350" spans="14:14">
      <c r="N789350" s="10"/>
    </row>
    <row r="789351" spans="14:14">
      <c r="N789351" s="10"/>
    </row>
    <row r="789352" spans="14:14">
      <c r="N789352" s="10"/>
    </row>
    <row r="789353" spans="14:14">
      <c r="N789353" s="10"/>
    </row>
    <row r="789354" spans="14:14">
      <c r="N789354" s="10"/>
    </row>
    <row r="789355" spans="14:14">
      <c r="N789355" s="10"/>
    </row>
    <row r="789356" spans="14:14">
      <c r="N789356" s="10"/>
    </row>
    <row r="789357" spans="14:14">
      <c r="N789357" s="10"/>
    </row>
    <row r="789358" spans="14:14">
      <c r="N789358" s="10"/>
    </row>
    <row r="789359" spans="14:14">
      <c r="N789359" s="10"/>
    </row>
    <row r="789360" spans="14:14">
      <c r="N789360" s="10"/>
    </row>
    <row r="789361" spans="14:14">
      <c r="N789361" s="10"/>
    </row>
    <row r="789362" spans="14:14">
      <c r="N789362" s="10"/>
    </row>
    <row r="789363" spans="14:14">
      <c r="N789363" s="10"/>
    </row>
    <row r="789364" spans="14:14">
      <c r="N789364" s="10"/>
    </row>
    <row r="789365" spans="14:14">
      <c r="N789365" s="10"/>
    </row>
    <row r="789366" spans="14:14">
      <c r="N789366" s="10"/>
    </row>
    <row r="789367" spans="14:14">
      <c r="N789367" s="10"/>
    </row>
    <row r="789368" spans="14:14">
      <c r="N789368" s="10"/>
    </row>
    <row r="789369" spans="14:14">
      <c r="N789369" s="10"/>
    </row>
    <row r="789370" spans="14:14">
      <c r="N789370" s="10"/>
    </row>
    <row r="789371" spans="14:14">
      <c r="N789371" s="10"/>
    </row>
    <row r="789372" spans="14:14">
      <c r="N789372" s="10"/>
    </row>
    <row r="789373" spans="14:14">
      <c r="N789373" s="10"/>
    </row>
    <row r="789374" spans="14:14">
      <c r="N789374" s="10"/>
    </row>
    <row r="789375" spans="14:14">
      <c r="N789375" s="10"/>
    </row>
    <row r="789376" spans="14:14">
      <c r="N789376" s="10"/>
    </row>
    <row r="789377" spans="14:14">
      <c r="N789377" s="10"/>
    </row>
    <row r="789378" spans="14:14">
      <c r="N789378" s="10"/>
    </row>
    <row r="789379" spans="14:14">
      <c r="N789379" s="10"/>
    </row>
    <row r="789380" spans="14:14">
      <c r="N789380" s="10"/>
    </row>
    <row r="789381" spans="14:14">
      <c r="N789381" s="10"/>
    </row>
    <row r="789382" spans="14:14">
      <c r="N789382" s="10"/>
    </row>
    <row r="789383" spans="14:14">
      <c r="N789383" s="10"/>
    </row>
    <row r="789384" spans="14:14">
      <c r="N789384" s="10"/>
    </row>
    <row r="789385" spans="14:14">
      <c r="N789385" s="10"/>
    </row>
    <row r="789386" spans="14:14">
      <c r="N789386" s="10"/>
    </row>
    <row r="789387" spans="14:14">
      <c r="N789387" s="10"/>
    </row>
    <row r="789388" spans="14:14">
      <c r="N789388" s="10"/>
    </row>
    <row r="789389" spans="14:14">
      <c r="N789389" s="10"/>
    </row>
    <row r="789390" spans="14:14">
      <c r="N789390" s="10"/>
    </row>
    <row r="789391" spans="14:14">
      <c r="N789391" s="10"/>
    </row>
    <row r="789392" spans="14:14">
      <c r="N789392" s="10"/>
    </row>
    <row r="789393" spans="14:14">
      <c r="N789393" s="10"/>
    </row>
    <row r="789394" spans="14:14">
      <c r="N789394" s="10"/>
    </row>
    <row r="789395" spans="14:14">
      <c r="N789395" s="10"/>
    </row>
    <row r="789396" spans="14:14">
      <c r="N789396" s="10"/>
    </row>
    <row r="789397" spans="14:14">
      <c r="N789397" s="10"/>
    </row>
    <row r="789398" spans="14:14">
      <c r="N789398" s="10"/>
    </row>
    <row r="789399" spans="14:14">
      <c r="N789399" s="10"/>
    </row>
    <row r="789400" spans="14:14">
      <c r="N789400" s="10"/>
    </row>
    <row r="789401" spans="14:14">
      <c r="N789401" s="10"/>
    </row>
    <row r="789402" spans="14:14">
      <c r="N789402" s="10"/>
    </row>
    <row r="789403" spans="14:14">
      <c r="N789403" s="10"/>
    </row>
    <row r="789404" spans="14:14">
      <c r="N789404" s="10"/>
    </row>
    <row r="789405" spans="14:14">
      <c r="N789405" s="10"/>
    </row>
    <row r="789406" spans="14:14">
      <c r="N789406" s="10"/>
    </row>
    <row r="789407" spans="14:14">
      <c r="N789407" s="10"/>
    </row>
    <row r="789408" spans="14:14">
      <c r="N789408" s="10"/>
    </row>
    <row r="789409" spans="14:14">
      <c r="N789409" s="10"/>
    </row>
    <row r="789410" spans="14:14">
      <c r="N789410" s="10"/>
    </row>
    <row r="789411" spans="14:14">
      <c r="N789411" s="10"/>
    </row>
    <row r="789412" spans="14:14">
      <c r="N789412" s="10"/>
    </row>
    <row r="789413" spans="14:14">
      <c r="N789413" s="10"/>
    </row>
    <row r="789414" spans="14:14">
      <c r="N789414" s="10"/>
    </row>
    <row r="789415" spans="14:14">
      <c r="N789415" s="10"/>
    </row>
    <row r="789416" spans="14:14">
      <c r="N789416" s="10"/>
    </row>
    <row r="789417" spans="14:14">
      <c r="N789417" s="10"/>
    </row>
    <row r="789418" spans="14:14">
      <c r="N789418" s="10"/>
    </row>
    <row r="789419" spans="14:14">
      <c r="N789419" s="10"/>
    </row>
    <row r="789420" spans="14:14">
      <c r="N789420" s="10"/>
    </row>
    <row r="789421" spans="14:14">
      <c r="N789421" s="10"/>
    </row>
    <row r="789422" spans="14:14">
      <c r="N789422" s="10"/>
    </row>
    <row r="789423" spans="14:14">
      <c r="N789423" s="10"/>
    </row>
    <row r="789424" spans="14:14">
      <c r="N789424" s="10"/>
    </row>
    <row r="789425" spans="14:14">
      <c r="N789425" s="10"/>
    </row>
    <row r="789426" spans="14:14">
      <c r="N789426" s="10"/>
    </row>
    <row r="789427" spans="14:14">
      <c r="N789427" s="10"/>
    </row>
    <row r="789428" spans="14:14">
      <c r="N789428" s="10"/>
    </row>
    <row r="789429" spans="14:14">
      <c r="N789429" s="10"/>
    </row>
    <row r="789430" spans="14:14">
      <c r="N789430" s="10"/>
    </row>
    <row r="789431" spans="14:14">
      <c r="N789431" s="10"/>
    </row>
    <row r="789432" spans="14:14">
      <c r="N789432" s="10"/>
    </row>
    <row r="789433" spans="14:14">
      <c r="N789433" s="10"/>
    </row>
    <row r="789434" spans="14:14">
      <c r="N789434" s="10"/>
    </row>
    <row r="789435" spans="14:14">
      <c r="N789435" s="10"/>
    </row>
    <row r="789436" spans="14:14">
      <c r="N789436" s="10"/>
    </row>
    <row r="789437" spans="14:14">
      <c r="N789437" s="10"/>
    </row>
    <row r="789438" spans="14:14">
      <c r="N789438" s="10"/>
    </row>
    <row r="789439" spans="14:14">
      <c r="N789439" s="10"/>
    </row>
    <row r="789440" spans="14:14">
      <c r="N789440" s="10"/>
    </row>
    <row r="789441" spans="14:14">
      <c r="N789441" s="10"/>
    </row>
    <row r="789442" spans="14:14">
      <c r="N789442" s="10"/>
    </row>
    <row r="789443" spans="14:14">
      <c r="N789443" s="10"/>
    </row>
    <row r="789444" spans="14:14">
      <c r="N789444" s="10"/>
    </row>
    <row r="789445" spans="14:14">
      <c r="N789445" s="10"/>
    </row>
    <row r="789446" spans="14:14">
      <c r="N789446" s="10"/>
    </row>
    <row r="789447" spans="14:14">
      <c r="N789447" s="10"/>
    </row>
    <row r="789448" spans="14:14">
      <c r="N789448" s="10"/>
    </row>
    <row r="789449" spans="14:14">
      <c r="N789449" s="10"/>
    </row>
    <row r="789450" spans="14:14">
      <c r="N789450" s="10"/>
    </row>
    <row r="789451" spans="14:14">
      <c r="N789451" s="10"/>
    </row>
    <row r="789452" spans="14:14">
      <c r="N789452" s="10"/>
    </row>
    <row r="789453" spans="14:14">
      <c r="N789453" s="10"/>
    </row>
    <row r="789454" spans="14:14">
      <c r="N789454" s="10"/>
    </row>
    <row r="789455" spans="14:14">
      <c r="N789455" s="10"/>
    </row>
    <row r="789456" spans="14:14">
      <c r="N789456" s="10"/>
    </row>
    <row r="789457" spans="14:14">
      <c r="N789457" s="10"/>
    </row>
    <row r="789458" spans="14:14">
      <c r="N789458" s="10"/>
    </row>
    <row r="789459" spans="14:14">
      <c r="N789459" s="10"/>
    </row>
    <row r="789460" spans="14:14">
      <c r="N789460" s="10"/>
    </row>
    <row r="789461" spans="14:14">
      <c r="N789461" s="10"/>
    </row>
    <row r="789462" spans="14:14">
      <c r="N789462" s="10"/>
    </row>
    <row r="789463" spans="14:14">
      <c r="N789463" s="10"/>
    </row>
    <row r="789464" spans="14:14">
      <c r="N789464" s="10"/>
    </row>
    <row r="789465" spans="14:14">
      <c r="N789465" s="10"/>
    </row>
    <row r="789466" spans="14:14">
      <c r="N789466" s="10"/>
    </row>
    <row r="789467" spans="14:14">
      <c r="N789467" s="10"/>
    </row>
    <row r="789468" spans="14:14">
      <c r="N789468" s="10"/>
    </row>
    <row r="789469" spans="14:14">
      <c r="N789469" s="10"/>
    </row>
    <row r="789470" spans="14:14">
      <c r="N789470" s="10"/>
    </row>
    <row r="789471" spans="14:14">
      <c r="N789471" s="10"/>
    </row>
    <row r="789472" spans="14:14">
      <c r="N789472" s="10"/>
    </row>
    <row r="789473" spans="14:14">
      <c r="N789473" s="10"/>
    </row>
    <row r="789474" spans="14:14">
      <c r="N789474" s="10"/>
    </row>
    <row r="789475" spans="14:14">
      <c r="N789475" s="10"/>
    </row>
    <row r="789476" spans="14:14">
      <c r="N789476" s="10"/>
    </row>
    <row r="789477" spans="14:14">
      <c r="N789477" s="10"/>
    </row>
    <row r="789478" spans="14:14">
      <c r="N789478" s="10"/>
    </row>
    <row r="789479" spans="14:14">
      <c r="N789479" s="10"/>
    </row>
    <row r="789480" spans="14:14">
      <c r="N789480" s="10"/>
    </row>
    <row r="789481" spans="14:14">
      <c r="N789481" s="10"/>
    </row>
    <row r="789482" spans="14:14">
      <c r="N789482" s="10"/>
    </row>
    <row r="789483" spans="14:14">
      <c r="N789483" s="10"/>
    </row>
    <row r="789484" spans="14:14">
      <c r="N789484" s="10"/>
    </row>
    <row r="789485" spans="14:14">
      <c r="N789485" s="10"/>
    </row>
    <row r="789486" spans="14:14">
      <c r="N789486" s="10"/>
    </row>
    <row r="789487" spans="14:14">
      <c r="N789487" s="10"/>
    </row>
    <row r="789488" spans="14:14">
      <c r="N789488" s="10"/>
    </row>
    <row r="789489" spans="14:14">
      <c r="N789489" s="10"/>
    </row>
    <row r="789490" spans="14:14">
      <c r="N789490" s="10"/>
    </row>
    <row r="789491" spans="14:14">
      <c r="N789491" s="10"/>
    </row>
    <row r="789492" spans="14:14">
      <c r="N789492" s="10"/>
    </row>
    <row r="789493" spans="14:14">
      <c r="N789493" s="10"/>
    </row>
    <row r="789494" spans="14:14">
      <c r="N789494" s="10"/>
    </row>
    <row r="789495" spans="14:14">
      <c r="N789495" s="10"/>
    </row>
    <row r="789496" spans="14:14">
      <c r="N789496" s="10"/>
    </row>
    <row r="789497" spans="14:14">
      <c r="N789497" s="10"/>
    </row>
    <row r="789498" spans="14:14">
      <c r="N789498" s="10"/>
    </row>
    <row r="789499" spans="14:14">
      <c r="N789499" s="10"/>
    </row>
    <row r="789500" spans="14:14">
      <c r="N789500" s="10"/>
    </row>
    <row r="789501" spans="14:14">
      <c r="N789501" s="10"/>
    </row>
    <row r="789502" spans="14:14">
      <c r="N789502" s="10"/>
    </row>
    <row r="789503" spans="14:14">
      <c r="N789503" s="10"/>
    </row>
    <row r="789504" spans="14:14">
      <c r="N789504" s="10"/>
    </row>
    <row r="789505" spans="14:14">
      <c r="N789505" s="10"/>
    </row>
    <row r="789506" spans="14:14">
      <c r="N789506" s="10"/>
    </row>
    <row r="789507" spans="14:14">
      <c r="N789507" s="10"/>
    </row>
    <row r="789508" spans="14:14">
      <c r="N789508" s="10"/>
    </row>
    <row r="789509" spans="14:14">
      <c r="N789509" s="10"/>
    </row>
    <row r="789510" spans="14:14">
      <c r="N789510" s="10"/>
    </row>
    <row r="789511" spans="14:14">
      <c r="N789511" s="10"/>
    </row>
    <row r="789512" spans="14:14">
      <c r="N789512" s="10"/>
    </row>
    <row r="789513" spans="14:14">
      <c r="N789513" s="10"/>
    </row>
    <row r="789514" spans="14:14">
      <c r="N789514" s="10"/>
    </row>
    <row r="789515" spans="14:14">
      <c r="N789515" s="10"/>
    </row>
    <row r="789516" spans="14:14">
      <c r="N789516" s="10"/>
    </row>
    <row r="789517" spans="14:14">
      <c r="N789517" s="10"/>
    </row>
    <row r="789518" spans="14:14">
      <c r="N789518" s="10"/>
    </row>
    <row r="789519" spans="14:14">
      <c r="N789519" s="10"/>
    </row>
    <row r="789520" spans="14:14">
      <c r="N789520" s="10"/>
    </row>
    <row r="789521" spans="14:14">
      <c r="N789521" s="10"/>
    </row>
    <row r="789522" spans="14:14">
      <c r="N789522" s="10"/>
    </row>
    <row r="789523" spans="14:14">
      <c r="N789523" s="10"/>
    </row>
    <row r="789524" spans="14:14">
      <c r="N789524" s="10"/>
    </row>
    <row r="789525" spans="14:14">
      <c r="N789525" s="10"/>
    </row>
    <row r="789526" spans="14:14">
      <c r="N789526" s="10"/>
    </row>
    <row r="789527" spans="14:14">
      <c r="N789527" s="10"/>
    </row>
    <row r="789528" spans="14:14">
      <c r="N789528" s="10"/>
    </row>
    <row r="789529" spans="14:14">
      <c r="N789529" s="10"/>
    </row>
    <row r="789530" spans="14:14">
      <c r="N789530" s="10"/>
    </row>
    <row r="789531" spans="14:14">
      <c r="N789531" s="10"/>
    </row>
    <row r="789532" spans="14:14">
      <c r="N789532" s="10"/>
    </row>
    <row r="789533" spans="14:14">
      <c r="N789533" s="10"/>
    </row>
    <row r="789534" spans="14:14">
      <c r="N789534" s="10"/>
    </row>
    <row r="789535" spans="14:14">
      <c r="N789535" s="10"/>
    </row>
    <row r="789536" spans="14:14">
      <c r="N789536" s="10"/>
    </row>
    <row r="789537" spans="14:14">
      <c r="N789537" s="10"/>
    </row>
    <row r="789538" spans="14:14">
      <c r="N789538" s="10"/>
    </row>
    <row r="789539" spans="14:14">
      <c r="N789539" s="10"/>
    </row>
    <row r="789540" spans="14:14">
      <c r="N789540" s="10"/>
    </row>
    <row r="789541" spans="14:14">
      <c r="N789541" s="10"/>
    </row>
    <row r="789542" spans="14:14">
      <c r="N789542" s="10"/>
    </row>
    <row r="789543" spans="14:14">
      <c r="N789543" s="10"/>
    </row>
    <row r="789544" spans="14:14">
      <c r="N789544" s="10"/>
    </row>
    <row r="789545" spans="14:14">
      <c r="N789545" s="10"/>
    </row>
    <row r="789546" spans="14:14">
      <c r="N789546" s="10"/>
    </row>
    <row r="789547" spans="14:14">
      <c r="N789547" s="10"/>
    </row>
    <row r="789548" spans="14:14">
      <c r="N789548" s="10"/>
    </row>
    <row r="789549" spans="14:14">
      <c r="N789549" s="10"/>
    </row>
    <row r="789550" spans="14:14">
      <c r="N789550" s="10"/>
    </row>
    <row r="789551" spans="14:14">
      <c r="N789551" s="10"/>
    </row>
    <row r="789552" spans="14:14">
      <c r="N789552" s="10"/>
    </row>
    <row r="789553" spans="14:14">
      <c r="N789553" s="10"/>
    </row>
    <row r="789554" spans="14:14">
      <c r="N789554" s="10"/>
    </row>
    <row r="789555" spans="14:14">
      <c r="N789555" s="10"/>
    </row>
    <row r="789556" spans="14:14">
      <c r="N789556" s="10"/>
    </row>
    <row r="789557" spans="14:14">
      <c r="N789557" s="10"/>
    </row>
    <row r="789558" spans="14:14">
      <c r="N789558" s="10"/>
    </row>
    <row r="789559" spans="14:14">
      <c r="N789559" s="10"/>
    </row>
    <row r="789560" spans="14:14">
      <c r="N789560" s="10"/>
    </row>
    <row r="789561" spans="14:14">
      <c r="N789561" s="10"/>
    </row>
    <row r="789562" spans="14:14">
      <c r="N789562" s="10"/>
    </row>
    <row r="789563" spans="14:14">
      <c r="N789563" s="10"/>
    </row>
    <row r="789564" spans="14:14">
      <c r="N789564" s="10"/>
    </row>
    <row r="789565" spans="14:14">
      <c r="N789565" s="10"/>
    </row>
    <row r="789566" spans="14:14">
      <c r="N789566" s="10"/>
    </row>
    <row r="789567" spans="14:14">
      <c r="N789567" s="10"/>
    </row>
    <row r="789568" spans="14:14">
      <c r="N789568" s="10"/>
    </row>
    <row r="789569" spans="14:14">
      <c r="N789569" s="10"/>
    </row>
    <row r="789570" spans="14:14">
      <c r="N789570" s="10"/>
    </row>
    <row r="789571" spans="14:14">
      <c r="N789571" s="10"/>
    </row>
    <row r="789572" spans="14:14">
      <c r="N789572" s="10"/>
    </row>
    <row r="789573" spans="14:14">
      <c r="N789573" s="10"/>
    </row>
    <row r="789574" spans="14:14">
      <c r="N789574" s="10"/>
    </row>
    <row r="789575" spans="14:14">
      <c r="N789575" s="10"/>
    </row>
    <row r="789576" spans="14:14">
      <c r="N789576" s="10"/>
    </row>
    <row r="789577" spans="14:14">
      <c r="N789577" s="10"/>
    </row>
    <row r="789578" spans="14:14">
      <c r="N789578" s="10"/>
    </row>
    <row r="789579" spans="14:14">
      <c r="N789579" s="10"/>
    </row>
    <row r="789580" spans="14:14">
      <c r="N789580" s="10"/>
    </row>
    <row r="789581" spans="14:14">
      <c r="N789581" s="10"/>
    </row>
    <row r="789582" spans="14:14">
      <c r="N789582" s="10"/>
    </row>
    <row r="789583" spans="14:14">
      <c r="N789583" s="10"/>
    </row>
    <row r="789584" spans="14:14">
      <c r="N789584" s="10"/>
    </row>
    <row r="789585" spans="14:14">
      <c r="N789585" s="10"/>
    </row>
    <row r="789586" spans="14:14">
      <c r="N789586" s="10"/>
    </row>
    <row r="789587" spans="14:14">
      <c r="N789587" s="10"/>
    </row>
    <row r="789588" spans="14:14">
      <c r="N789588" s="10"/>
    </row>
    <row r="789589" spans="14:14">
      <c r="N789589" s="10"/>
    </row>
    <row r="789590" spans="14:14">
      <c r="N789590" s="10"/>
    </row>
    <row r="789591" spans="14:14">
      <c r="N789591" s="10"/>
    </row>
    <row r="789592" spans="14:14">
      <c r="N789592" s="10"/>
    </row>
    <row r="789593" spans="14:14">
      <c r="N789593" s="10"/>
    </row>
    <row r="789594" spans="14:14">
      <c r="N789594" s="10"/>
    </row>
    <row r="789595" spans="14:14">
      <c r="N789595" s="10"/>
    </row>
    <row r="789596" spans="14:14">
      <c r="N789596" s="10"/>
    </row>
    <row r="789597" spans="14:14">
      <c r="N789597" s="10"/>
    </row>
    <row r="789598" spans="14:14">
      <c r="N789598" s="10"/>
    </row>
    <row r="789599" spans="14:14">
      <c r="N789599" s="10"/>
    </row>
    <row r="789600" spans="14:14">
      <c r="N789600" s="10"/>
    </row>
    <row r="789601" spans="14:14">
      <c r="N789601" s="10"/>
    </row>
    <row r="789602" spans="14:14">
      <c r="N789602" s="10"/>
    </row>
    <row r="789603" spans="14:14">
      <c r="N789603" s="10"/>
    </row>
    <row r="789604" spans="14:14">
      <c r="N789604" s="10"/>
    </row>
    <row r="789605" spans="14:14">
      <c r="N789605" s="10"/>
    </row>
    <row r="789606" spans="14:14">
      <c r="N789606" s="10"/>
    </row>
    <row r="789607" spans="14:14">
      <c r="N789607" s="10"/>
    </row>
    <row r="789608" spans="14:14">
      <c r="N789608" s="10"/>
    </row>
    <row r="789609" spans="14:14">
      <c r="N789609" s="10"/>
    </row>
    <row r="789610" spans="14:14">
      <c r="N789610" s="10"/>
    </row>
    <row r="789611" spans="14:14">
      <c r="N789611" s="10"/>
    </row>
    <row r="789612" spans="14:14">
      <c r="N789612" s="10"/>
    </row>
    <row r="789613" spans="14:14">
      <c r="N789613" s="10"/>
    </row>
    <row r="789614" spans="14:14">
      <c r="N789614" s="10"/>
    </row>
    <row r="789615" spans="14:14">
      <c r="N789615" s="10"/>
    </row>
    <row r="789616" spans="14:14">
      <c r="N789616" s="10"/>
    </row>
    <row r="789617" spans="14:14">
      <c r="N789617" s="10"/>
    </row>
    <row r="789618" spans="14:14">
      <c r="N789618" s="10"/>
    </row>
    <row r="789619" spans="14:14">
      <c r="N789619" s="10"/>
    </row>
    <row r="789620" spans="14:14">
      <c r="N789620" s="10"/>
    </row>
    <row r="789621" spans="14:14">
      <c r="N789621" s="10"/>
    </row>
    <row r="789622" spans="14:14">
      <c r="N789622" s="10"/>
    </row>
    <row r="789623" spans="14:14">
      <c r="N789623" s="10"/>
    </row>
    <row r="789624" spans="14:14">
      <c r="N789624" s="10"/>
    </row>
    <row r="789625" spans="14:14">
      <c r="N789625" s="10"/>
    </row>
    <row r="789626" spans="14:14">
      <c r="N789626" s="10"/>
    </row>
    <row r="789627" spans="14:14">
      <c r="N789627" s="10"/>
    </row>
    <row r="789628" spans="14:14">
      <c r="N789628" s="10"/>
    </row>
    <row r="789629" spans="14:14">
      <c r="N789629" s="10"/>
    </row>
    <row r="789630" spans="14:14">
      <c r="N789630" s="10"/>
    </row>
    <row r="789631" spans="14:14">
      <c r="N789631" s="10"/>
    </row>
    <row r="789632" spans="14:14">
      <c r="N789632" s="10"/>
    </row>
    <row r="789633" spans="14:14">
      <c r="N789633" s="10"/>
    </row>
    <row r="789634" spans="14:14">
      <c r="N789634" s="10"/>
    </row>
    <row r="789635" spans="14:14">
      <c r="N789635" s="10"/>
    </row>
    <row r="789636" spans="14:14">
      <c r="N789636" s="10"/>
    </row>
    <row r="789637" spans="14:14">
      <c r="N789637" s="10"/>
    </row>
    <row r="789638" spans="14:14">
      <c r="N789638" s="10"/>
    </row>
    <row r="789639" spans="14:14">
      <c r="N789639" s="10"/>
    </row>
    <row r="789640" spans="14:14">
      <c r="N789640" s="10"/>
    </row>
    <row r="789641" spans="14:14">
      <c r="N789641" s="10"/>
    </row>
    <row r="789642" spans="14:14">
      <c r="N789642" s="10"/>
    </row>
    <row r="789643" spans="14:14">
      <c r="N789643" s="10"/>
    </row>
    <row r="789644" spans="14:14">
      <c r="N789644" s="10"/>
    </row>
    <row r="789645" spans="14:14">
      <c r="N789645" s="10"/>
    </row>
    <row r="789646" spans="14:14">
      <c r="N789646" s="10"/>
    </row>
    <row r="789647" spans="14:14">
      <c r="N789647" s="10"/>
    </row>
    <row r="789648" spans="14:14">
      <c r="N789648" s="10"/>
    </row>
    <row r="789649" spans="14:14">
      <c r="N789649" s="10"/>
    </row>
    <row r="789650" spans="14:14">
      <c r="N789650" s="10"/>
    </row>
    <row r="789651" spans="14:14">
      <c r="N789651" s="10"/>
    </row>
    <row r="789652" spans="14:14">
      <c r="N789652" s="10"/>
    </row>
    <row r="789653" spans="14:14">
      <c r="N789653" s="10"/>
    </row>
    <row r="789654" spans="14:14">
      <c r="N789654" s="10"/>
    </row>
    <row r="789655" spans="14:14">
      <c r="N789655" s="10"/>
    </row>
    <row r="789656" spans="14:14">
      <c r="N789656" s="10"/>
    </row>
    <row r="789657" spans="14:14">
      <c r="N789657" s="10"/>
    </row>
    <row r="789658" spans="14:14">
      <c r="N789658" s="10"/>
    </row>
    <row r="789659" spans="14:14">
      <c r="N789659" s="10"/>
    </row>
    <row r="789660" spans="14:14">
      <c r="N789660" s="10"/>
    </row>
    <row r="789661" spans="14:14">
      <c r="N789661" s="10"/>
    </row>
    <row r="789662" spans="14:14">
      <c r="N789662" s="10"/>
    </row>
    <row r="789663" spans="14:14">
      <c r="N789663" s="10"/>
    </row>
    <row r="789664" spans="14:14">
      <c r="N789664" s="10"/>
    </row>
    <row r="789665" spans="14:14">
      <c r="N789665" s="10"/>
    </row>
    <row r="789666" spans="14:14">
      <c r="N789666" s="10"/>
    </row>
    <row r="789667" spans="14:14">
      <c r="N789667" s="10"/>
    </row>
    <row r="789668" spans="14:14">
      <c r="N789668" s="10"/>
    </row>
    <row r="789669" spans="14:14">
      <c r="N789669" s="10"/>
    </row>
    <row r="789670" spans="14:14">
      <c r="N789670" s="10"/>
    </row>
    <row r="789671" spans="14:14">
      <c r="N789671" s="10"/>
    </row>
    <row r="789672" spans="14:14">
      <c r="N789672" s="10"/>
    </row>
    <row r="789673" spans="14:14">
      <c r="N789673" s="10"/>
    </row>
    <row r="789674" spans="14:14">
      <c r="N789674" s="10"/>
    </row>
    <row r="789675" spans="14:14">
      <c r="N789675" s="10"/>
    </row>
    <row r="789676" spans="14:14">
      <c r="N789676" s="10"/>
    </row>
    <row r="789677" spans="14:14">
      <c r="N789677" s="10"/>
    </row>
    <row r="789678" spans="14:14">
      <c r="N789678" s="10"/>
    </row>
    <row r="789679" spans="14:14">
      <c r="N789679" s="10"/>
    </row>
    <row r="789680" spans="14:14">
      <c r="N789680" s="10"/>
    </row>
    <row r="789681" spans="14:14">
      <c r="N789681" s="10"/>
    </row>
    <row r="789682" spans="14:14">
      <c r="N789682" s="10"/>
    </row>
    <row r="789683" spans="14:14">
      <c r="N789683" s="10"/>
    </row>
    <row r="789684" spans="14:14">
      <c r="N789684" s="10"/>
    </row>
    <row r="789685" spans="14:14">
      <c r="N789685" s="10"/>
    </row>
    <row r="789686" spans="14:14">
      <c r="N789686" s="10"/>
    </row>
    <row r="789687" spans="14:14">
      <c r="N789687" s="10"/>
    </row>
    <row r="789688" spans="14:14">
      <c r="N789688" s="10"/>
    </row>
    <row r="789689" spans="14:14">
      <c r="N789689" s="10"/>
    </row>
    <row r="789690" spans="14:14">
      <c r="N789690" s="10"/>
    </row>
    <row r="789691" spans="14:14">
      <c r="N789691" s="10"/>
    </row>
    <row r="789692" spans="14:14">
      <c r="N789692" s="10"/>
    </row>
    <row r="789693" spans="14:14">
      <c r="N789693" s="10"/>
    </row>
    <row r="789694" spans="14:14">
      <c r="N789694" s="10"/>
    </row>
    <row r="789695" spans="14:14">
      <c r="N789695" s="10"/>
    </row>
    <row r="789696" spans="14:14">
      <c r="N789696" s="10"/>
    </row>
    <row r="789697" spans="14:14">
      <c r="N789697" s="10"/>
    </row>
    <row r="789698" spans="14:14">
      <c r="N789698" s="10"/>
    </row>
    <row r="789699" spans="14:14">
      <c r="N789699" s="10"/>
    </row>
    <row r="789700" spans="14:14">
      <c r="N789700" s="10"/>
    </row>
    <row r="789701" spans="14:14">
      <c r="N789701" s="10"/>
    </row>
    <row r="789702" spans="14:14">
      <c r="N789702" s="10"/>
    </row>
    <row r="789703" spans="14:14">
      <c r="N789703" s="10"/>
    </row>
    <row r="789704" spans="14:14">
      <c r="N789704" s="10"/>
    </row>
    <row r="789705" spans="14:14">
      <c r="N789705" s="10"/>
    </row>
    <row r="789706" spans="14:14">
      <c r="N789706" s="10"/>
    </row>
    <row r="789707" spans="14:14">
      <c r="N789707" s="10"/>
    </row>
    <row r="789708" spans="14:14">
      <c r="N789708" s="10"/>
    </row>
    <row r="789709" spans="14:14">
      <c r="N789709" s="10"/>
    </row>
    <row r="789710" spans="14:14">
      <c r="N789710" s="10"/>
    </row>
    <row r="789711" spans="14:14">
      <c r="N789711" s="10"/>
    </row>
    <row r="789712" spans="14:14">
      <c r="N789712" s="10"/>
    </row>
    <row r="789713" spans="14:14">
      <c r="N789713" s="10"/>
    </row>
    <row r="789714" spans="14:14">
      <c r="N789714" s="10"/>
    </row>
    <row r="789715" spans="14:14">
      <c r="N789715" s="10"/>
    </row>
    <row r="789716" spans="14:14">
      <c r="N789716" s="10"/>
    </row>
    <row r="789717" spans="14:14">
      <c r="N789717" s="10"/>
    </row>
    <row r="789718" spans="14:14">
      <c r="N789718" s="10"/>
    </row>
    <row r="789719" spans="14:14">
      <c r="N789719" s="10"/>
    </row>
    <row r="789720" spans="14:14">
      <c r="N789720" s="10"/>
    </row>
    <row r="789721" spans="14:14">
      <c r="N789721" s="10"/>
    </row>
    <row r="789722" spans="14:14">
      <c r="N789722" s="10"/>
    </row>
    <row r="789723" spans="14:14">
      <c r="N789723" s="10"/>
    </row>
    <row r="789724" spans="14:14">
      <c r="N789724" s="10"/>
    </row>
    <row r="789725" spans="14:14">
      <c r="N789725" s="10"/>
    </row>
    <row r="789726" spans="14:14">
      <c r="N789726" s="10"/>
    </row>
    <row r="789727" spans="14:14">
      <c r="N789727" s="10"/>
    </row>
    <row r="789728" spans="14:14">
      <c r="N789728" s="10"/>
    </row>
    <row r="789729" spans="14:14">
      <c r="N789729" s="10"/>
    </row>
    <row r="789730" spans="14:14">
      <c r="N789730" s="10"/>
    </row>
    <row r="789731" spans="14:14">
      <c r="N789731" s="10"/>
    </row>
    <row r="789732" spans="14:14">
      <c r="N789732" s="10"/>
    </row>
    <row r="789733" spans="14:14">
      <c r="N789733" s="10"/>
    </row>
    <row r="789734" spans="14:14">
      <c r="N789734" s="10"/>
    </row>
    <row r="789735" spans="14:14">
      <c r="N789735" s="10"/>
    </row>
    <row r="789736" spans="14:14">
      <c r="N789736" s="10"/>
    </row>
    <row r="789737" spans="14:14">
      <c r="N789737" s="10"/>
    </row>
    <row r="789738" spans="14:14">
      <c r="N789738" s="10"/>
    </row>
    <row r="789739" spans="14:14">
      <c r="N789739" s="10"/>
    </row>
    <row r="789740" spans="14:14">
      <c r="N789740" s="10"/>
    </row>
    <row r="789741" spans="14:14">
      <c r="N789741" s="10"/>
    </row>
    <row r="789742" spans="14:14">
      <c r="N789742" s="10"/>
    </row>
    <row r="789743" spans="14:14">
      <c r="N789743" s="10"/>
    </row>
    <row r="789744" spans="14:14">
      <c r="N789744" s="10"/>
    </row>
    <row r="789745" spans="14:14">
      <c r="N789745" s="10"/>
    </row>
    <row r="789746" spans="14:14">
      <c r="N789746" s="10"/>
    </row>
    <row r="789747" spans="14:14">
      <c r="N789747" s="10"/>
    </row>
    <row r="789748" spans="14:14">
      <c r="N789748" s="10"/>
    </row>
    <row r="789749" spans="14:14">
      <c r="N789749" s="10"/>
    </row>
    <row r="789750" spans="14:14">
      <c r="N789750" s="10"/>
    </row>
    <row r="789751" spans="14:14">
      <c r="N789751" s="10"/>
    </row>
    <row r="789752" spans="14:14">
      <c r="N789752" s="10"/>
    </row>
    <row r="789753" spans="14:14">
      <c r="N789753" s="10"/>
    </row>
    <row r="789754" spans="14:14">
      <c r="N789754" s="10"/>
    </row>
    <row r="789755" spans="14:14">
      <c r="N789755" s="10"/>
    </row>
    <row r="789756" spans="14:14">
      <c r="N789756" s="10"/>
    </row>
    <row r="789757" spans="14:14">
      <c r="N789757" s="10"/>
    </row>
    <row r="789758" spans="14:14">
      <c r="N789758" s="10"/>
    </row>
    <row r="789759" spans="14:14">
      <c r="N789759" s="10"/>
    </row>
    <row r="789760" spans="14:14">
      <c r="N789760" s="10"/>
    </row>
    <row r="789761" spans="14:14">
      <c r="N789761" s="10"/>
    </row>
    <row r="789762" spans="14:14">
      <c r="N789762" s="10"/>
    </row>
    <row r="789763" spans="14:14">
      <c r="N789763" s="10"/>
    </row>
    <row r="789764" spans="14:14">
      <c r="N789764" s="10"/>
    </row>
    <row r="789765" spans="14:14">
      <c r="N789765" s="10"/>
    </row>
    <row r="789766" spans="14:14">
      <c r="N789766" s="10"/>
    </row>
    <row r="789767" spans="14:14">
      <c r="N789767" s="10"/>
    </row>
    <row r="789768" spans="14:14">
      <c r="N789768" s="10"/>
    </row>
    <row r="789769" spans="14:14">
      <c r="N789769" s="10"/>
    </row>
    <row r="789770" spans="14:14">
      <c r="N789770" s="10"/>
    </row>
    <row r="789771" spans="14:14">
      <c r="N789771" s="10"/>
    </row>
    <row r="789772" spans="14:14">
      <c r="N789772" s="10"/>
    </row>
    <row r="789773" spans="14:14">
      <c r="N789773" s="10"/>
    </row>
    <row r="789774" spans="14:14">
      <c r="N789774" s="10"/>
    </row>
    <row r="789775" spans="14:14">
      <c r="N789775" s="10"/>
    </row>
    <row r="789776" spans="14:14">
      <c r="N789776" s="10"/>
    </row>
    <row r="789777" spans="14:14">
      <c r="N789777" s="10"/>
    </row>
    <row r="789778" spans="14:14">
      <c r="N789778" s="10"/>
    </row>
    <row r="789779" spans="14:14">
      <c r="N789779" s="10"/>
    </row>
    <row r="789780" spans="14:14">
      <c r="N789780" s="10"/>
    </row>
    <row r="789781" spans="14:14">
      <c r="N789781" s="10"/>
    </row>
    <row r="789782" spans="14:14">
      <c r="N789782" s="10"/>
    </row>
    <row r="789783" spans="14:14">
      <c r="N789783" s="10"/>
    </row>
    <row r="789784" spans="14:14">
      <c r="N789784" s="10"/>
    </row>
    <row r="789785" spans="14:14">
      <c r="N789785" s="10"/>
    </row>
    <row r="789786" spans="14:14">
      <c r="N789786" s="10"/>
    </row>
    <row r="789787" spans="14:14">
      <c r="N789787" s="10"/>
    </row>
    <row r="789788" spans="14:14">
      <c r="N789788" s="10"/>
    </row>
    <row r="789789" spans="14:14">
      <c r="N789789" s="10"/>
    </row>
    <row r="789790" spans="14:14">
      <c r="N789790" s="10"/>
    </row>
    <row r="789791" spans="14:14">
      <c r="N789791" s="10"/>
    </row>
    <row r="789792" spans="14:14">
      <c r="N789792" s="10"/>
    </row>
    <row r="789793" spans="14:14">
      <c r="N789793" s="10"/>
    </row>
    <row r="789794" spans="14:14">
      <c r="N789794" s="10"/>
    </row>
    <row r="789795" spans="14:14">
      <c r="N789795" s="10"/>
    </row>
    <row r="789796" spans="14:14">
      <c r="N789796" s="10"/>
    </row>
    <row r="789797" spans="14:14">
      <c r="N789797" s="10"/>
    </row>
    <row r="789798" spans="14:14">
      <c r="N789798" s="10"/>
    </row>
    <row r="789799" spans="14:14">
      <c r="N789799" s="10"/>
    </row>
    <row r="789800" spans="14:14">
      <c r="N789800" s="10"/>
    </row>
    <row r="789801" spans="14:14">
      <c r="N789801" s="10"/>
    </row>
    <row r="789802" spans="14:14">
      <c r="N789802" s="10"/>
    </row>
    <row r="789803" spans="14:14">
      <c r="N789803" s="10"/>
    </row>
    <row r="789804" spans="14:14">
      <c r="N789804" s="10"/>
    </row>
    <row r="789805" spans="14:14">
      <c r="N789805" s="10"/>
    </row>
    <row r="789806" spans="14:14">
      <c r="N789806" s="10"/>
    </row>
    <row r="789807" spans="14:14">
      <c r="N789807" s="10"/>
    </row>
    <row r="789808" spans="14:14">
      <c r="N789808" s="10"/>
    </row>
    <row r="789809" spans="14:14">
      <c r="N789809" s="10"/>
    </row>
    <row r="789810" spans="14:14">
      <c r="N789810" s="10"/>
    </row>
    <row r="789811" spans="14:14">
      <c r="N789811" s="10"/>
    </row>
    <row r="789812" spans="14:14">
      <c r="N789812" s="10"/>
    </row>
    <row r="789813" spans="14:14">
      <c r="N789813" s="10"/>
    </row>
    <row r="789814" spans="14:14">
      <c r="N789814" s="10"/>
    </row>
    <row r="789815" spans="14:14">
      <c r="N789815" s="10"/>
    </row>
    <row r="789816" spans="14:14">
      <c r="N789816" s="10"/>
    </row>
    <row r="789817" spans="14:14">
      <c r="N789817" s="10"/>
    </row>
    <row r="789818" spans="14:14">
      <c r="N789818" s="10"/>
    </row>
    <row r="789819" spans="14:14">
      <c r="N789819" s="10"/>
    </row>
    <row r="789820" spans="14:14">
      <c r="N789820" s="10"/>
    </row>
    <row r="789821" spans="14:14">
      <c r="N789821" s="10"/>
    </row>
    <row r="789822" spans="14:14">
      <c r="N789822" s="10"/>
    </row>
    <row r="789823" spans="14:14">
      <c r="N789823" s="10"/>
    </row>
    <row r="789824" spans="14:14">
      <c r="N789824" s="10"/>
    </row>
    <row r="789825" spans="14:14">
      <c r="N789825" s="10"/>
    </row>
    <row r="789826" spans="14:14">
      <c r="N789826" s="10"/>
    </row>
    <row r="789827" spans="14:14">
      <c r="N789827" s="10"/>
    </row>
    <row r="789828" spans="14:14">
      <c r="N789828" s="10"/>
    </row>
    <row r="789829" spans="14:14">
      <c r="N789829" s="10"/>
    </row>
    <row r="789830" spans="14:14">
      <c r="N789830" s="10"/>
    </row>
    <row r="789831" spans="14:14">
      <c r="N789831" s="10"/>
    </row>
    <row r="789832" spans="14:14">
      <c r="N789832" s="10"/>
    </row>
    <row r="789833" spans="14:14">
      <c r="N789833" s="10"/>
    </row>
    <row r="789834" spans="14:14">
      <c r="N789834" s="10"/>
    </row>
    <row r="789835" spans="14:14">
      <c r="N789835" s="10"/>
    </row>
    <row r="789836" spans="14:14">
      <c r="N789836" s="10"/>
    </row>
    <row r="789837" spans="14:14">
      <c r="N789837" s="10"/>
    </row>
    <row r="789838" spans="14:14">
      <c r="N789838" s="10"/>
    </row>
    <row r="789839" spans="14:14">
      <c r="N789839" s="10"/>
    </row>
    <row r="789840" spans="14:14">
      <c r="N789840" s="10"/>
    </row>
    <row r="789841" spans="14:14">
      <c r="N789841" s="10"/>
    </row>
    <row r="789842" spans="14:14">
      <c r="N789842" s="10"/>
    </row>
    <row r="789843" spans="14:14">
      <c r="N789843" s="10"/>
    </row>
    <row r="789844" spans="14:14">
      <c r="N789844" s="10"/>
    </row>
    <row r="789845" spans="14:14">
      <c r="N789845" s="10"/>
    </row>
    <row r="789846" spans="14:14">
      <c r="N789846" s="10"/>
    </row>
    <row r="789847" spans="14:14">
      <c r="N789847" s="10"/>
    </row>
    <row r="789848" spans="14:14">
      <c r="N789848" s="10"/>
    </row>
    <row r="789849" spans="14:14">
      <c r="N789849" s="10"/>
    </row>
    <row r="789850" spans="14:14">
      <c r="N789850" s="10"/>
    </row>
    <row r="789851" spans="14:14">
      <c r="N789851" s="10"/>
    </row>
    <row r="789852" spans="14:14">
      <c r="N789852" s="10"/>
    </row>
    <row r="789853" spans="14:14">
      <c r="N789853" s="10"/>
    </row>
    <row r="789854" spans="14:14">
      <c r="N789854" s="10"/>
    </row>
    <row r="789855" spans="14:14">
      <c r="N789855" s="10"/>
    </row>
    <row r="789856" spans="14:14">
      <c r="N789856" s="10"/>
    </row>
    <row r="789857" spans="14:14">
      <c r="N789857" s="10"/>
    </row>
    <row r="789858" spans="14:14">
      <c r="N789858" s="10"/>
    </row>
    <row r="789859" spans="14:14">
      <c r="N789859" s="10"/>
    </row>
    <row r="789860" spans="14:14">
      <c r="N789860" s="10"/>
    </row>
    <row r="789861" spans="14:14">
      <c r="N789861" s="10"/>
    </row>
    <row r="789862" spans="14:14">
      <c r="N789862" s="10"/>
    </row>
    <row r="789863" spans="14:14">
      <c r="N789863" s="10"/>
    </row>
    <row r="789864" spans="14:14">
      <c r="N789864" s="10"/>
    </row>
    <row r="789865" spans="14:14">
      <c r="N789865" s="10"/>
    </row>
    <row r="789866" spans="14:14">
      <c r="N789866" s="10"/>
    </row>
    <row r="789867" spans="14:14">
      <c r="N789867" s="10"/>
    </row>
    <row r="789868" spans="14:14">
      <c r="N789868" s="10"/>
    </row>
    <row r="789869" spans="14:14">
      <c r="N789869" s="10"/>
    </row>
    <row r="789870" spans="14:14">
      <c r="N789870" s="10"/>
    </row>
    <row r="789871" spans="14:14">
      <c r="N789871" s="10"/>
    </row>
    <row r="789872" spans="14:14">
      <c r="N789872" s="10"/>
    </row>
    <row r="789873" spans="14:14">
      <c r="N789873" s="10"/>
    </row>
    <row r="789874" spans="14:14">
      <c r="N789874" s="10"/>
    </row>
    <row r="789875" spans="14:14">
      <c r="N789875" s="10"/>
    </row>
    <row r="789876" spans="14:14">
      <c r="N789876" s="10"/>
    </row>
    <row r="789877" spans="14:14">
      <c r="N789877" s="10"/>
    </row>
    <row r="789878" spans="14:14">
      <c r="N789878" s="10"/>
    </row>
    <row r="789879" spans="14:14">
      <c r="N789879" s="10"/>
    </row>
    <row r="789880" spans="14:14">
      <c r="N789880" s="10"/>
    </row>
    <row r="789881" spans="14:14">
      <c r="N789881" s="10"/>
    </row>
    <row r="789882" spans="14:14">
      <c r="N789882" s="10"/>
    </row>
    <row r="789883" spans="14:14">
      <c r="N789883" s="10"/>
    </row>
    <row r="789884" spans="14:14">
      <c r="N789884" s="10"/>
    </row>
    <row r="789885" spans="14:14">
      <c r="N789885" s="10"/>
    </row>
    <row r="789886" spans="14:14">
      <c r="N789886" s="10"/>
    </row>
    <row r="789887" spans="14:14">
      <c r="N789887" s="10"/>
    </row>
    <row r="789888" spans="14:14">
      <c r="N789888" s="10"/>
    </row>
    <row r="789889" spans="14:14">
      <c r="N789889" s="10"/>
    </row>
    <row r="789890" spans="14:14">
      <c r="N789890" s="10"/>
    </row>
    <row r="789891" spans="14:14">
      <c r="N789891" s="10"/>
    </row>
    <row r="789892" spans="14:14">
      <c r="N789892" s="10"/>
    </row>
    <row r="789893" spans="14:14">
      <c r="N789893" s="10"/>
    </row>
    <row r="789894" spans="14:14">
      <c r="N789894" s="10"/>
    </row>
    <row r="789895" spans="14:14">
      <c r="N789895" s="10"/>
    </row>
    <row r="789896" spans="14:14">
      <c r="N789896" s="10"/>
    </row>
    <row r="789897" spans="14:14">
      <c r="N789897" s="10"/>
    </row>
    <row r="789898" spans="14:14">
      <c r="N789898" s="10"/>
    </row>
    <row r="789899" spans="14:14">
      <c r="N789899" s="10"/>
    </row>
    <row r="789900" spans="14:14">
      <c r="N789900" s="10"/>
    </row>
    <row r="789901" spans="14:14">
      <c r="N789901" s="10"/>
    </row>
    <row r="789902" spans="14:14">
      <c r="N789902" s="10"/>
    </row>
    <row r="789903" spans="14:14">
      <c r="N789903" s="10"/>
    </row>
    <row r="789904" spans="14:14">
      <c r="N789904" s="10"/>
    </row>
    <row r="789905" spans="14:14">
      <c r="N789905" s="10"/>
    </row>
    <row r="789906" spans="14:14">
      <c r="N789906" s="10"/>
    </row>
    <row r="789907" spans="14:14">
      <c r="N789907" s="10"/>
    </row>
    <row r="789908" spans="14:14">
      <c r="N789908" s="10"/>
    </row>
    <row r="789909" spans="14:14">
      <c r="N789909" s="10"/>
    </row>
    <row r="789910" spans="14:14">
      <c r="N789910" s="10"/>
    </row>
    <row r="789911" spans="14:14">
      <c r="N789911" s="10"/>
    </row>
    <row r="789912" spans="14:14">
      <c r="N789912" s="10"/>
    </row>
    <row r="789913" spans="14:14">
      <c r="N789913" s="10"/>
    </row>
    <row r="789914" spans="14:14">
      <c r="N789914" s="10"/>
    </row>
    <row r="789915" spans="14:14">
      <c r="N789915" s="10"/>
    </row>
    <row r="789916" spans="14:14">
      <c r="N789916" s="10"/>
    </row>
    <row r="789917" spans="14:14">
      <c r="N789917" s="10"/>
    </row>
    <row r="789918" spans="14:14">
      <c r="N789918" s="10"/>
    </row>
    <row r="789919" spans="14:14">
      <c r="N789919" s="10"/>
    </row>
    <row r="789920" spans="14:14">
      <c r="N789920" s="10"/>
    </row>
    <row r="789921" spans="14:14">
      <c r="N789921" s="10"/>
    </row>
    <row r="789922" spans="14:14">
      <c r="N789922" s="10"/>
    </row>
    <row r="789923" spans="14:14">
      <c r="N789923" s="10"/>
    </row>
    <row r="789924" spans="14:14">
      <c r="N789924" s="10"/>
    </row>
    <row r="789925" spans="14:14">
      <c r="N789925" s="10"/>
    </row>
    <row r="789926" spans="14:14">
      <c r="N789926" s="10"/>
    </row>
    <row r="789927" spans="14:14">
      <c r="N789927" s="10"/>
    </row>
    <row r="789928" spans="14:14">
      <c r="N789928" s="10"/>
    </row>
    <row r="789929" spans="14:14">
      <c r="N789929" s="10"/>
    </row>
    <row r="789930" spans="14:14">
      <c r="N789930" s="10"/>
    </row>
    <row r="789931" spans="14:14">
      <c r="N789931" s="10"/>
    </row>
    <row r="789932" spans="14:14">
      <c r="N789932" s="10"/>
    </row>
    <row r="789933" spans="14:14">
      <c r="N789933" s="10"/>
    </row>
    <row r="789934" spans="14:14">
      <c r="N789934" s="10"/>
    </row>
    <row r="789935" spans="14:14">
      <c r="N789935" s="10"/>
    </row>
    <row r="789936" spans="14:14">
      <c r="N789936" s="10"/>
    </row>
    <row r="789937" spans="14:14">
      <c r="N789937" s="10"/>
    </row>
    <row r="789938" spans="14:14">
      <c r="N789938" s="10"/>
    </row>
    <row r="789939" spans="14:14">
      <c r="N789939" s="10"/>
    </row>
    <row r="789940" spans="14:14">
      <c r="N789940" s="10"/>
    </row>
    <row r="789941" spans="14:14">
      <c r="N789941" s="10"/>
    </row>
    <row r="789942" spans="14:14">
      <c r="N789942" s="10"/>
    </row>
    <row r="789943" spans="14:14">
      <c r="N789943" s="10"/>
    </row>
    <row r="789944" spans="14:14">
      <c r="N789944" s="10"/>
    </row>
    <row r="789945" spans="14:14">
      <c r="N789945" s="10"/>
    </row>
    <row r="789946" spans="14:14">
      <c r="N789946" s="10"/>
    </row>
    <row r="789947" spans="14:14">
      <c r="N789947" s="10"/>
    </row>
    <row r="789948" spans="14:14">
      <c r="N789948" s="10"/>
    </row>
    <row r="789949" spans="14:14">
      <c r="N789949" s="10"/>
    </row>
    <row r="789950" spans="14:14">
      <c r="N789950" s="10"/>
    </row>
    <row r="789951" spans="14:14">
      <c r="N789951" s="10"/>
    </row>
    <row r="789952" spans="14:14">
      <c r="N789952" s="10"/>
    </row>
    <row r="789953" spans="14:14">
      <c r="N789953" s="10"/>
    </row>
    <row r="789954" spans="14:14">
      <c r="N789954" s="10"/>
    </row>
    <row r="789955" spans="14:14">
      <c r="N789955" s="10"/>
    </row>
    <row r="789956" spans="14:14">
      <c r="N789956" s="10"/>
    </row>
    <row r="789957" spans="14:14">
      <c r="N789957" s="10"/>
    </row>
    <row r="789958" spans="14:14">
      <c r="N789958" s="10"/>
    </row>
    <row r="789959" spans="14:14">
      <c r="N789959" s="10"/>
    </row>
    <row r="789960" spans="14:14">
      <c r="N789960" s="10"/>
    </row>
    <row r="789961" spans="14:14">
      <c r="N789961" s="10"/>
    </row>
    <row r="789962" spans="14:14">
      <c r="N789962" s="10"/>
    </row>
    <row r="789963" spans="14:14">
      <c r="N789963" s="10"/>
    </row>
    <row r="789964" spans="14:14">
      <c r="N789964" s="10"/>
    </row>
    <row r="789965" spans="14:14">
      <c r="N789965" s="10"/>
    </row>
    <row r="789966" spans="14:14">
      <c r="N789966" s="10"/>
    </row>
    <row r="789967" spans="14:14">
      <c r="N789967" s="10"/>
    </row>
    <row r="789968" spans="14:14">
      <c r="N789968" s="10"/>
    </row>
    <row r="789969" spans="14:14">
      <c r="N789969" s="10"/>
    </row>
    <row r="789970" spans="14:14">
      <c r="N789970" s="10"/>
    </row>
    <row r="789971" spans="14:14">
      <c r="N789971" s="10"/>
    </row>
    <row r="789972" spans="14:14">
      <c r="N789972" s="10"/>
    </row>
    <row r="789973" spans="14:14">
      <c r="N789973" s="10"/>
    </row>
    <row r="789974" spans="14:14">
      <c r="N789974" s="10"/>
    </row>
    <row r="789975" spans="14:14">
      <c r="N789975" s="10"/>
    </row>
    <row r="789976" spans="14:14">
      <c r="N789976" s="10"/>
    </row>
    <row r="789977" spans="14:14">
      <c r="N789977" s="10"/>
    </row>
    <row r="789978" spans="14:14">
      <c r="N789978" s="10"/>
    </row>
    <row r="789979" spans="14:14">
      <c r="N789979" s="10"/>
    </row>
    <row r="789980" spans="14:14">
      <c r="N789980" s="10"/>
    </row>
    <row r="789981" spans="14:14">
      <c r="N789981" s="10"/>
    </row>
    <row r="789982" spans="14:14">
      <c r="N789982" s="10"/>
    </row>
    <row r="789983" spans="14:14">
      <c r="N789983" s="10"/>
    </row>
    <row r="789984" spans="14:14">
      <c r="N789984" s="10"/>
    </row>
    <row r="789985" spans="14:14">
      <c r="N789985" s="10"/>
    </row>
    <row r="789986" spans="14:14">
      <c r="N789986" s="10"/>
    </row>
    <row r="789987" spans="14:14">
      <c r="N789987" s="10"/>
    </row>
    <row r="789988" spans="14:14">
      <c r="N789988" s="10"/>
    </row>
    <row r="789989" spans="14:14">
      <c r="N789989" s="10"/>
    </row>
    <row r="789990" spans="14:14">
      <c r="N789990" s="10"/>
    </row>
    <row r="789991" spans="14:14">
      <c r="N789991" s="10"/>
    </row>
    <row r="789992" spans="14:14">
      <c r="N789992" s="10"/>
    </row>
    <row r="789993" spans="14:14">
      <c r="N789993" s="10"/>
    </row>
    <row r="789994" spans="14:14">
      <c r="N789994" s="10"/>
    </row>
    <row r="789995" spans="14:14">
      <c r="N789995" s="10"/>
    </row>
    <row r="789996" spans="14:14">
      <c r="N789996" s="10"/>
    </row>
    <row r="789997" spans="14:14">
      <c r="N789997" s="10"/>
    </row>
    <row r="789998" spans="14:14">
      <c r="N789998" s="10"/>
    </row>
    <row r="789999" spans="14:14">
      <c r="N789999" s="10"/>
    </row>
    <row r="790000" spans="14:14">
      <c r="N790000" s="10"/>
    </row>
    <row r="790001" spans="14:14">
      <c r="N790001" s="10"/>
    </row>
    <row r="790002" spans="14:14">
      <c r="N790002" s="10"/>
    </row>
    <row r="790003" spans="14:14">
      <c r="N790003" s="10"/>
    </row>
    <row r="790004" spans="14:14">
      <c r="N790004" s="10"/>
    </row>
    <row r="790005" spans="14:14">
      <c r="N790005" s="10"/>
    </row>
    <row r="790006" spans="14:14">
      <c r="N790006" s="10"/>
    </row>
    <row r="790007" spans="14:14">
      <c r="N790007" s="10"/>
    </row>
    <row r="790008" spans="14:14">
      <c r="N790008" s="10"/>
    </row>
    <row r="790009" spans="14:14">
      <c r="N790009" s="10"/>
    </row>
    <row r="790010" spans="14:14">
      <c r="N790010" s="10"/>
    </row>
    <row r="790011" spans="14:14">
      <c r="N790011" s="10"/>
    </row>
    <row r="790012" spans="14:14">
      <c r="N790012" s="10"/>
    </row>
    <row r="790013" spans="14:14">
      <c r="N790013" s="10"/>
    </row>
    <row r="790014" spans="14:14">
      <c r="N790014" s="10"/>
    </row>
    <row r="790015" spans="14:14">
      <c r="N790015" s="10"/>
    </row>
    <row r="790016" spans="14:14">
      <c r="N790016" s="10"/>
    </row>
    <row r="790017" spans="14:14">
      <c r="N790017" s="10"/>
    </row>
    <row r="790018" spans="14:14">
      <c r="N790018" s="10"/>
    </row>
    <row r="790019" spans="14:14">
      <c r="N790019" s="10"/>
    </row>
    <row r="790020" spans="14:14">
      <c r="N790020" s="10"/>
    </row>
    <row r="790021" spans="14:14">
      <c r="N790021" s="10"/>
    </row>
    <row r="790022" spans="14:14">
      <c r="N790022" s="10"/>
    </row>
    <row r="790023" spans="14:14">
      <c r="N790023" s="10"/>
    </row>
    <row r="790024" spans="14:14">
      <c r="N790024" s="10"/>
    </row>
    <row r="790025" spans="14:14">
      <c r="N790025" s="10"/>
    </row>
    <row r="790026" spans="14:14">
      <c r="N790026" s="10"/>
    </row>
    <row r="790027" spans="14:14">
      <c r="N790027" s="10"/>
    </row>
    <row r="790028" spans="14:14">
      <c r="N790028" s="10"/>
    </row>
    <row r="790029" spans="14:14">
      <c r="N790029" s="10"/>
    </row>
    <row r="790030" spans="14:14">
      <c r="N790030" s="10"/>
    </row>
    <row r="790031" spans="14:14">
      <c r="N790031" s="10"/>
    </row>
    <row r="790032" spans="14:14">
      <c r="N790032" s="10"/>
    </row>
    <row r="790033" spans="14:14">
      <c r="N790033" s="10"/>
    </row>
    <row r="790034" spans="14:14">
      <c r="N790034" s="10"/>
    </row>
    <row r="790035" spans="14:14">
      <c r="N790035" s="10"/>
    </row>
    <row r="790036" spans="14:14">
      <c r="N790036" s="10"/>
    </row>
    <row r="790037" spans="14:14">
      <c r="N790037" s="10"/>
    </row>
    <row r="790038" spans="14:14">
      <c r="N790038" s="10"/>
    </row>
    <row r="790039" spans="14:14">
      <c r="N790039" s="10"/>
    </row>
    <row r="790040" spans="14:14">
      <c r="N790040" s="10"/>
    </row>
    <row r="790041" spans="14:14">
      <c r="N790041" s="10"/>
    </row>
    <row r="790042" spans="14:14">
      <c r="N790042" s="10"/>
    </row>
    <row r="790043" spans="14:14">
      <c r="N790043" s="10"/>
    </row>
    <row r="790044" spans="14:14">
      <c r="N790044" s="10"/>
    </row>
    <row r="790045" spans="14:14">
      <c r="N790045" s="10"/>
    </row>
    <row r="790046" spans="14:14">
      <c r="N790046" s="10"/>
    </row>
    <row r="790047" spans="14:14">
      <c r="N790047" s="10"/>
    </row>
    <row r="790048" spans="14:14">
      <c r="N790048" s="10"/>
    </row>
    <row r="790049" spans="14:14">
      <c r="N790049" s="10"/>
    </row>
    <row r="790050" spans="14:14">
      <c r="N790050" s="10"/>
    </row>
    <row r="790051" spans="14:14">
      <c r="N790051" s="10"/>
    </row>
    <row r="790052" spans="14:14">
      <c r="N790052" s="10"/>
    </row>
    <row r="790053" spans="14:14">
      <c r="N790053" s="10"/>
    </row>
    <row r="790054" spans="14:14">
      <c r="N790054" s="10"/>
    </row>
    <row r="790055" spans="14:14">
      <c r="N790055" s="10"/>
    </row>
    <row r="790056" spans="14:14">
      <c r="N790056" s="10"/>
    </row>
    <row r="790057" spans="14:14">
      <c r="N790057" s="10"/>
    </row>
    <row r="790058" spans="14:14">
      <c r="N790058" s="10"/>
    </row>
    <row r="790059" spans="14:14">
      <c r="N790059" s="10"/>
    </row>
    <row r="790060" spans="14:14">
      <c r="N790060" s="10"/>
    </row>
    <row r="790061" spans="14:14">
      <c r="N790061" s="10"/>
    </row>
    <row r="790062" spans="14:14">
      <c r="N790062" s="10"/>
    </row>
    <row r="790063" spans="14:14">
      <c r="N790063" s="10"/>
    </row>
    <row r="790064" spans="14:14">
      <c r="N790064" s="10"/>
    </row>
    <row r="790065" spans="14:14">
      <c r="N790065" s="10"/>
    </row>
    <row r="790066" spans="14:14">
      <c r="N790066" s="10"/>
    </row>
    <row r="790067" spans="14:14">
      <c r="N790067" s="10"/>
    </row>
    <row r="790068" spans="14:14">
      <c r="N790068" s="10"/>
    </row>
    <row r="790069" spans="14:14">
      <c r="N790069" s="10"/>
    </row>
    <row r="790070" spans="14:14">
      <c r="N790070" s="10"/>
    </row>
    <row r="790071" spans="14:14">
      <c r="N790071" s="10"/>
    </row>
    <row r="790072" spans="14:14">
      <c r="N790072" s="10"/>
    </row>
    <row r="790073" spans="14:14">
      <c r="N790073" s="10"/>
    </row>
    <row r="790074" spans="14:14">
      <c r="N790074" s="10"/>
    </row>
    <row r="790075" spans="14:14">
      <c r="N790075" s="10"/>
    </row>
    <row r="790076" spans="14:14">
      <c r="N790076" s="10"/>
    </row>
    <row r="790077" spans="14:14">
      <c r="N790077" s="10"/>
    </row>
    <row r="790078" spans="14:14">
      <c r="N790078" s="10"/>
    </row>
    <row r="790079" spans="14:14">
      <c r="N790079" s="10"/>
    </row>
    <row r="790080" spans="14:14">
      <c r="N790080" s="10"/>
    </row>
    <row r="790081" spans="14:14">
      <c r="N790081" s="10"/>
    </row>
    <row r="790082" spans="14:14">
      <c r="N790082" s="10"/>
    </row>
    <row r="790083" spans="14:14">
      <c r="N790083" s="10"/>
    </row>
    <row r="790084" spans="14:14">
      <c r="N790084" s="10"/>
    </row>
    <row r="790085" spans="14:14">
      <c r="N790085" s="10"/>
    </row>
    <row r="790086" spans="14:14">
      <c r="N790086" s="10"/>
    </row>
    <row r="790087" spans="14:14">
      <c r="N790087" s="10"/>
    </row>
    <row r="790088" spans="14:14">
      <c r="N790088" s="10"/>
    </row>
    <row r="790089" spans="14:14">
      <c r="N790089" s="10"/>
    </row>
    <row r="790090" spans="14:14">
      <c r="N790090" s="10"/>
    </row>
    <row r="790091" spans="14:14">
      <c r="N790091" s="10"/>
    </row>
    <row r="790092" spans="14:14">
      <c r="N790092" s="10"/>
    </row>
    <row r="790093" spans="14:14">
      <c r="N790093" s="10"/>
    </row>
    <row r="790094" spans="14:14">
      <c r="N790094" s="10"/>
    </row>
    <row r="790095" spans="14:14">
      <c r="N790095" s="10"/>
    </row>
    <row r="790096" spans="14:14">
      <c r="N790096" s="10"/>
    </row>
    <row r="790097" spans="14:14">
      <c r="N790097" s="10"/>
    </row>
    <row r="790098" spans="14:14">
      <c r="N790098" s="10"/>
    </row>
    <row r="790099" spans="14:14">
      <c r="N790099" s="10"/>
    </row>
    <row r="790100" spans="14:14">
      <c r="N790100" s="10"/>
    </row>
    <row r="790101" spans="14:14">
      <c r="N790101" s="10"/>
    </row>
    <row r="790102" spans="14:14">
      <c r="N790102" s="10"/>
    </row>
    <row r="790103" spans="14:14">
      <c r="N790103" s="10"/>
    </row>
    <row r="790104" spans="14:14">
      <c r="N790104" s="10"/>
    </row>
    <row r="790105" spans="14:14">
      <c r="N790105" s="10"/>
    </row>
    <row r="790106" spans="14:14">
      <c r="N790106" s="10"/>
    </row>
    <row r="790107" spans="14:14">
      <c r="N790107" s="10"/>
    </row>
    <row r="790108" spans="14:14">
      <c r="N790108" s="10"/>
    </row>
    <row r="790109" spans="14:14">
      <c r="N790109" s="10"/>
    </row>
    <row r="790110" spans="14:14">
      <c r="N790110" s="10"/>
    </row>
    <row r="790111" spans="14:14">
      <c r="N790111" s="10"/>
    </row>
    <row r="790112" spans="14:14">
      <c r="N790112" s="10"/>
    </row>
    <row r="790113" spans="14:14">
      <c r="N790113" s="10"/>
    </row>
    <row r="790114" spans="14:14">
      <c r="N790114" s="10"/>
    </row>
    <row r="790115" spans="14:14">
      <c r="N790115" s="10"/>
    </row>
    <row r="790116" spans="14:14">
      <c r="N790116" s="10"/>
    </row>
    <row r="790117" spans="14:14">
      <c r="N790117" s="10"/>
    </row>
    <row r="790118" spans="14:14">
      <c r="N790118" s="10"/>
    </row>
    <row r="790119" spans="14:14">
      <c r="N790119" s="10"/>
    </row>
    <row r="790120" spans="14:14">
      <c r="N790120" s="10"/>
    </row>
    <row r="790121" spans="14:14">
      <c r="N790121" s="10"/>
    </row>
    <row r="790122" spans="14:14">
      <c r="N790122" s="10"/>
    </row>
    <row r="790123" spans="14:14">
      <c r="N790123" s="10"/>
    </row>
    <row r="790124" spans="14:14">
      <c r="N790124" s="10"/>
    </row>
    <row r="790125" spans="14:14">
      <c r="N790125" s="10"/>
    </row>
    <row r="790126" spans="14:14">
      <c r="N790126" s="10"/>
    </row>
    <row r="790127" spans="14:14">
      <c r="N790127" s="10"/>
    </row>
    <row r="790128" spans="14:14">
      <c r="N790128" s="10"/>
    </row>
    <row r="790129" spans="14:14">
      <c r="N790129" s="10"/>
    </row>
    <row r="790130" spans="14:14">
      <c r="N790130" s="10"/>
    </row>
    <row r="790131" spans="14:14">
      <c r="N790131" s="10"/>
    </row>
    <row r="790132" spans="14:14">
      <c r="N790132" s="10"/>
    </row>
    <row r="790133" spans="14:14">
      <c r="N790133" s="10"/>
    </row>
    <row r="790134" spans="14:14">
      <c r="N790134" s="10"/>
    </row>
    <row r="790135" spans="14:14">
      <c r="N790135" s="10"/>
    </row>
    <row r="790136" spans="14:14">
      <c r="N790136" s="10"/>
    </row>
    <row r="790137" spans="14:14">
      <c r="N790137" s="10"/>
    </row>
    <row r="790138" spans="14:14">
      <c r="N790138" s="10"/>
    </row>
    <row r="790139" spans="14:14">
      <c r="N790139" s="10"/>
    </row>
    <row r="790140" spans="14:14">
      <c r="N790140" s="10"/>
    </row>
    <row r="790141" spans="14:14">
      <c r="N790141" s="10"/>
    </row>
    <row r="790142" spans="14:14">
      <c r="N790142" s="10"/>
    </row>
    <row r="790143" spans="14:14">
      <c r="N790143" s="10"/>
    </row>
    <row r="790144" spans="14:14">
      <c r="N790144" s="10"/>
    </row>
    <row r="790145" spans="14:14">
      <c r="N790145" s="10"/>
    </row>
    <row r="790146" spans="14:14">
      <c r="N790146" s="10"/>
    </row>
    <row r="790147" spans="14:14">
      <c r="N790147" s="10"/>
    </row>
    <row r="790148" spans="14:14">
      <c r="N790148" s="10"/>
    </row>
    <row r="790149" spans="14:14">
      <c r="N790149" s="10"/>
    </row>
    <row r="790150" spans="14:14">
      <c r="N790150" s="10"/>
    </row>
    <row r="790151" spans="14:14">
      <c r="N790151" s="10"/>
    </row>
    <row r="790152" spans="14:14">
      <c r="N790152" s="10"/>
    </row>
    <row r="790153" spans="14:14">
      <c r="N790153" s="10"/>
    </row>
    <row r="790154" spans="14:14">
      <c r="N790154" s="10"/>
    </row>
    <row r="790155" spans="14:14">
      <c r="N790155" s="10"/>
    </row>
    <row r="790156" spans="14:14">
      <c r="N790156" s="10"/>
    </row>
    <row r="790157" spans="14:14">
      <c r="N790157" s="10"/>
    </row>
    <row r="790158" spans="14:14">
      <c r="N790158" s="10"/>
    </row>
    <row r="790159" spans="14:14">
      <c r="N790159" s="10"/>
    </row>
    <row r="790160" spans="14:14">
      <c r="N790160" s="10"/>
    </row>
    <row r="790161" spans="14:14">
      <c r="N790161" s="10"/>
    </row>
    <row r="790162" spans="14:14">
      <c r="N790162" s="10"/>
    </row>
    <row r="790163" spans="14:14">
      <c r="N790163" s="10"/>
    </row>
    <row r="790164" spans="14:14">
      <c r="N790164" s="10"/>
    </row>
    <row r="790165" spans="14:14">
      <c r="N790165" s="10"/>
    </row>
    <row r="790166" spans="14:14">
      <c r="N790166" s="10"/>
    </row>
    <row r="790167" spans="14:14">
      <c r="N790167" s="10"/>
    </row>
    <row r="790168" spans="14:14">
      <c r="N790168" s="10"/>
    </row>
    <row r="790169" spans="14:14">
      <c r="N790169" s="10"/>
    </row>
    <row r="790170" spans="14:14">
      <c r="N790170" s="10"/>
    </row>
    <row r="790171" spans="14:14">
      <c r="N790171" s="10"/>
    </row>
    <row r="790172" spans="14:14">
      <c r="N790172" s="10"/>
    </row>
    <row r="790173" spans="14:14">
      <c r="N790173" s="10"/>
    </row>
    <row r="790174" spans="14:14">
      <c r="N790174" s="10"/>
    </row>
    <row r="790175" spans="14:14">
      <c r="N790175" s="10"/>
    </row>
    <row r="790176" spans="14:14">
      <c r="N790176" s="10"/>
    </row>
    <row r="790177" spans="14:14">
      <c r="N790177" s="10"/>
    </row>
    <row r="790178" spans="14:14">
      <c r="N790178" s="10"/>
    </row>
    <row r="790179" spans="14:14">
      <c r="N790179" s="10"/>
    </row>
    <row r="790180" spans="14:14">
      <c r="N790180" s="10"/>
    </row>
    <row r="790181" spans="14:14">
      <c r="N790181" s="10"/>
    </row>
    <row r="790182" spans="14:14">
      <c r="N790182" s="10"/>
    </row>
    <row r="790183" spans="14:14">
      <c r="N790183" s="10"/>
    </row>
    <row r="790184" spans="14:14">
      <c r="N790184" s="10"/>
    </row>
    <row r="790185" spans="14:14">
      <c r="N790185" s="10"/>
    </row>
    <row r="790186" spans="14:14">
      <c r="N790186" s="10"/>
    </row>
    <row r="790187" spans="14:14">
      <c r="N790187" s="10"/>
    </row>
    <row r="790188" spans="14:14">
      <c r="N790188" s="10"/>
    </row>
    <row r="790189" spans="14:14">
      <c r="N790189" s="10"/>
    </row>
    <row r="790190" spans="14:14">
      <c r="N790190" s="10"/>
    </row>
    <row r="790191" spans="14:14">
      <c r="N790191" s="10"/>
    </row>
    <row r="790192" spans="14:14">
      <c r="N790192" s="10"/>
    </row>
    <row r="790193" spans="14:14">
      <c r="N790193" s="10"/>
    </row>
    <row r="790194" spans="14:14">
      <c r="N790194" s="10"/>
    </row>
    <row r="790195" spans="14:14">
      <c r="N790195" s="10"/>
    </row>
    <row r="790196" spans="14:14">
      <c r="N790196" s="10"/>
    </row>
    <row r="790197" spans="14:14">
      <c r="N790197" s="10"/>
    </row>
    <row r="790198" spans="14:14">
      <c r="N790198" s="10"/>
    </row>
    <row r="790199" spans="14:14">
      <c r="N790199" s="10"/>
    </row>
    <row r="790200" spans="14:14">
      <c r="N790200" s="10"/>
    </row>
    <row r="790201" spans="14:14">
      <c r="N790201" s="10"/>
    </row>
    <row r="790202" spans="14:14">
      <c r="N790202" s="10"/>
    </row>
    <row r="790203" spans="14:14">
      <c r="N790203" s="10"/>
    </row>
    <row r="790204" spans="14:14">
      <c r="N790204" s="10"/>
    </row>
    <row r="790205" spans="14:14">
      <c r="N790205" s="10"/>
    </row>
    <row r="790206" spans="14:14">
      <c r="N790206" s="10"/>
    </row>
    <row r="790207" spans="14:14">
      <c r="N790207" s="10"/>
    </row>
    <row r="790208" spans="14:14">
      <c r="N790208" s="10"/>
    </row>
    <row r="790209" spans="14:14">
      <c r="N790209" s="10"/>
    </row>
    <row r="790210" spans="14:14">
      <c r="N790210" s="10"/>
    </row>
    <row r="790211" spans="14:14">
      <c r="N790211" s="10"/>
    </row>
    <row r="790212" spans="14:14">
      <c r="N790212" s="10"/>
    </row>
    <row r="790213" spans="14:14">
      <c r="N790213" s="10"/>
    </row>
    <row r="790214" spans="14:14">
      <c r="N790214" s="10"/>
    </row>
    <row r="790215" spans="14:14">
      <c r="N790215" s="10"/>
    </row>
    <row r="790216" spans="14:14">
      <c r="N790216" s="10"/>
    </row>
    <row r="790217" spans="14:14">
      <c r="N790217" s="10"/>
    </row>
    <row r="790218" spans="14:14">
      <c r="N790218" s="10"/>
    </row>
    <row r="790219" spans="14:14">
      <c r="N790219" s="10"/>
    </row>
    <row r="790220" spans="14:14">
      <c r="N790220" s="10"/>
    </row>
    <row r="790221" spans="14:14">
      <c r="N790221" s="10"/>
    </row>
    <row r="790222" spans="14:14">
      <c r="N790222" s="10"/>
    </row>
    <row r="790223" spans="14:14">
      <c r="N790223" s="10"/>
    </row>
    <row r="790224" spans="14:14">
      <c r="N790224" s="10"/>
    </row>
    <row r="790225" spans="14:14">
      <c r="N790225" s="10"/>
    </row>
    <row r="790226" spans="14:14">
      <c r="N790226" s="10"/>
    </row>
    <row r="790227" spans="14:14">
      <c r="N790227" s="10"/>
    </row>
    <row r="790228" spans="14:14">
      <c r="N790228" s="10"/>
    </row>
    <row r="790229" spans="14:14">
      <c r="N790229" s="10"/>
    </row>
    <row r="790230" spans="14:14">
      <c r="N790230" s="10"/>
    </row>
    <row r="790231" spans="14:14">
      <c r="N790231" s="10"/>
    </row>
    <row r="790232" spans="14:14">
      <c r="N790232" s="10"/>
    </row>
    <row r="790233" spans="14:14">
      <c r="N790233" s="10"/>
    </row>
    <row r="790234" spans="14:14">
      <c r="N790234" s="10"/>
    </row>
    <row r="790235" spans="14:14">
      <c r="N790235" s="10"/>
    </row>
    <row r="790236" spans="14:14">
      <c r="N790236" s="10"/>
    </row>
    <row r="790237" spans="14:14">
      <c r="N790237" s="10"/>
    </row>
    <row r="790238" spans="14:14">
      <c r="N790238" s="10"/>
    </row>
    <row r="790239" spans="14:14">
      <c r="N790239" s="10"/>
    </row>
    <row r="790240" spans="14:14">
      <c r="N790240" s="10"/>
    </row>
    <row r="790241" spans="14:14">
      <c r="N790241" s="10"/>
    </row>
    <row r="790242" spans="14:14">
      <c r="N790242" s="10"/>
    </row>
    <row r="790243" spans="14:14">
      <c r="N790243" s="10"/>
    </row>
    <row r="790244" spans="14:14">
      <c r="N790244" s="10"/>
    </row>
    <row r="790245" spans="14:14">
      <c r="N790245" s="10"/>
    </row>
    <row r="790246" spans="14:14">
      <c r="N790246" s="10"/>
    </row>
    <row r="790247" spans="14:14">
      <c r="N790247" s="10"/>
    </row>
    <row r="790248" spans="14:14">
      <c r="N790248" s="10"/>
    </row>
    <row r="790249" spans="14:14">
      <c r="N790249" s="10"/>
    </row>
    <row r="790250" spans="14:14">
      <c r="N790250" s="10"/>
    </row>
    <row r="790251" spans="14:14">
      <c r="N790251" s="10"/>
    </row>
    <row r="790252" spans="14:14">
      <c r="N790252" s="10"/>
    </row>
    <row r="790253" spans="14:14">
      <c r="N790253" s="10"/>
    </row>
    <row r="790254" spans="14:14">
      <c r="N790254" s="10"/>
    </row>
    <row r="790255" spans="14:14">
      <c r="N790255" s="10"/>
    </row>
    <row r="790256" spans="14:14">
      <c r="N790256" s="10"/>
    </row>
    <row r="790257" spans="14:14">
      <c r="N790257" s="10"/>
    </row>
    <row r="790258" spans="14:14">
      <c r="N790258" s="10"/>
    </row>
    <row r="790259" spans="14:14">
      <c r="N790259" s="10"/>
    </row>
    <row r="790260" spans="14:14">
      <c r="N790260" s="10"/>
    </row>
    <row r="790261" spans="14:14">
      <c r="N790261" s="10"/>
    </row>
    <row r="790262" spans="14:14">
      <c r="N790262" s="10"/>
    </row>
    <row r="790263" spans="14:14">
      <c r="N790263" s="10"/>
    </row>
    <row r="790264" spans="14:14">
      <c r="N790264" s="10"/>
    </row>
    <row r="790265" spans="14:14">
      <c r="N790265" s="10"/>
    </row>
    <row r="790266" spans="14:14">
      <c r="N790266" s="10"/>
    </row>
    <row r="790267" spans="14:14">
      <c r="N790267" s="10"/>
    </row>
    <row r="790268" spans="14:14">
      <c r="N790268" s="10"/>
    </row>
    <row r="790269" spans="14:14">
      <c r="N790269" s="10"/>
    </row>
    <row r="790270" spans="14:14">
      <c r="N790270" s="10"/>
    </row>
    <row r="790271" spans="14:14">
      <c r="N790271" s="10"/>
    </row>
    <row r="790272" spans="14:14">
      <c r="N790272" s="10"/>
    </row>
    <row r="790273" spans="14:14">
      <c r="N790273" s="10"/>
    </row>
    <row r="790274" spans="14:14">
      <c r="N790274" s="10"/>
    </row>
    <row r="790275" spans="14:14">
      <c r="N790275" s="10"/>
    </row>
    <row r="790276" spans="14:14">
      <c r="N790276" s="10"/>
    </row>
    <row r="790277" spans="14:14">
      <c r="N790277" s="10"/>
    </row>
    <row r="790278" spans="14:14">
      <c r="N790278" s="10"/>
    </row>
    <row r="790279" spans="14:14">
      <c r="N790279" s="10"/>
    </row>
    <row r="790280" spans="14:14">
      <c r="N790280" s="10"/>
    </row>
    <row r="790281" spans="14:14">
      <c r="N790281" s="10"/>
    </row>
    <row r="790282" spans="14:14">
      <c r="N790282" s="10"/>
    </row>
    <row r="790283" spans="14:14">
      <c r="N790283" s="10"/>
    </row>
    <row r="790284" spans="14:14">
      <c r="N790284" s="10"/>
    </row>
    <row r="790285" spans="14:14">
      <c r="N790285" s="10"/>
    </row>
    <row r="790286" spans="14:14">
      <c r="N790286" s="10"/>
    </row>
    <row r="790287" spans="14:14">
      <c r="N790287" s="10"/>
    </row>
    <row r="790288" spans="14:14">
      <c r="N790288" s="10"/>
    </row>
    <row r="790289" spans="14:14">
      <c r="N790289" s="10"/>
    </row>
    <row r="790290" spans="14:14">
      <c r="N790290" s="10"/>
    </row>
    <row r="790291" spans="14:14">
      <c r="N790291" s="10"/>
    </row>
    <row r="790292" spans="14:14">
      <c r="N790292" s="10"/>
    </row>
    <row r="790293" spans="14:14">
      <c r="N790293" s="10"/>
    </row>
    <row r="790294" spans="14:14">
      <c r="N790294" s="10"/>
    </row>
    <row r="790295" spans="14:14">
      <c r="N790295" s="10"/>
    </row>
    <row r="790296" spans="14:14">
      <c r="N790296" s="10"/>
    </row>
    <row r="790297" spans="14:14">
      <c r="N790297" s="10"/>
    </row>
    <row r="790298" spans="14:14">
      <c r="N790298" s="10"/>
    </row>
    <row r="790299" spans="14:14">
      <c r="N790299" s="10"/>
    </row>
    <row r="790300" spans="14:14">
      <c r="N790300" s="10"/>
    </row>
    <row r="790301" spans="14:14">
      <c r="N790301" s="10"/>
    </row>
    <row r="790302" spans="14:14">
      <c r="N790302" s="10"/>
    </row>
    <row r="790303" spans="14:14">
      <c r="N790303" s="10"/>
    </row>
    <row r="790304" spans="14:14">
      <c r="N790304" s="10"/>
    </row>
    <row r="790305" spans="14:14">
      <c r="N790305" s="10"/>
    </row>
    <row r="790306" spans="14:14">
      <c r="N790306" s="10"/>
    </row>
    <row r="790307" spans="14:14">
      <c r="N790307" s="10"/>
    </row>
    <row r="790308" spans="14:14">
      <c r="N790308" s="10"/>
    </row>
    <row r="790309" spans="14:14">
      <c r="N790309" s="10"/>
    </row>
    <row r="790310" spans="14:14">
      <c r="N790310" s="10"/>
    </row>
    <row r="790311" spans="14:14">
      <c r="N790311" s="10"/>
    </row>
    <row r="790312" spans="14:14">
      <c r="N790312" s="10"/>
    </row>
    <row r="790313" spans="14:14">
      <c r="N790313" s="10"/>
    </row>
    <row r="790314" spans="14:14">
      <c r="N790314" s="10"/>
    </row>
    <row r="790315" spans="14:14">
      <c r="N790315" s="10"/>
    </row>
    <row r="790316" spans="14:14">
      <c r="N790316" s="10"/>
    </row>
    <row r="790317" spans="14:14">
      <c r="N790317" s="10"/>
    </row>
    <row r="790318" spans="14:14">
      <c r="N790318" s="10"/>
    </row>
    <row r="790319" spans="14:14">
      <c r="N790319" s="10"/>
    </row>
    <row r="790320" spans="14:14">
      <c r="N790320" s="10"/>
    </row>
    <row r="790321" spans="14:14">
      <c r="N790321" s="10"/>
    </row>
    <row r="790322" spans="14:14">
      <c r="N790322" s="10"/>
    </row>
    <row r="790323" spans="14:14">
      <c r="N790323" s="10"/>
    </row>
    <row r="790324" spans="14:14">
      <c r="N790324" s="10"/>
    </row>
    <row r="790325" spans="14:14">
      <c r="N790325" s="10"/>
    </row>
    <row r="790326" spans="14:14">
      <c r="N790326" s="10"/>
    </row>
    <row r="790327" spans="14:14">
      <c r="N790327" s="10"/>
    </row>
    <row r="790328" spans="14:14">
      <c r="N790328" s="10"/>
    </row>
    <row r="790329" spans="14:14">
      <c r="N790329" s="10"/>
    </row>
    <row r="790330" spans="14:14">
      <c r="N790330" s="10"/>
    </row>
    <row r="790331" spans="14:14">
      <c r="N790331" s="10"/>
    </row>
    <row r="790332" spans="14:14">
      <c r="N790332" s="10"/>
    </row>
    <row r="790333" spans="14:14">
      <c r="N790333" s="10"/>
    </row>
    <row r="790334" spans="14:14">
      <c r="N790334" s="10"/>
    </row>
    <row r="790335" spans="14:14">
      <c r="N790335" s="10"/>
    </row>
    <row r="790336" spans="14:14">
      <c r="N790336" s="10"/>
    </row>
    <row r="790337" spans="14:14">
      <c r="N790337" s="10"/>
    </row>
    <row r="790338" spans="14:14">
      <c r="N790338" s="10"/>
    </row>
    <row r="790339" spans="14:14">
      <c r="N790339" s="10"/>
    </row>
    <row r="790340" spans="14:14">
      <c r="N790340" s="10"/>
    </row>
    <row r="790341" spans="14:14">
      <c r="N790341" s="10"/>
    </row>
    <row r="790342" spans="14:14">
      <c r="N790342" s="10"/>
    </row>
    <row r="790343" spans="14:14">
      <c r="N790343" s="10"/>
    </row>
    <row r="790344" spans="14:14">
      <c r="N790344" s="10"/>
    </row>
    <row r="790345" spans="14:14">
      <c r="N790345" s="10"/>
    </row>
    <row r="790346" spans="14:14">
      <c r="N790346" s="10"/>
    </row>
    <row r="790347" spans="14:14">
      <c r="N790347" s="10"/>
    </row>
    <row r="790348" spans="14:14">
      <c r="N790348" s="10"/>
    </row>
    <row r="790349" spans="14:14">
      <c r="N790349" s="10"/>
    </row>
    <row r="790350" spans="14:14">
      <c r="N790350" s="10"/>
    </row>
    <row r="790351" spans="14:14">
      <c r="N790351" s="10"/>
    </row>
    <row r="790352" spans="14:14">
      <c r="N790352" s="10"/>
    </row>
    <row r="790353" spans="14:14">
      <c r="N790353" s="10"/>
    </row>
    <row r="790354" spans="14:14">
      <c r="N790354" s="10"/>
    </row>
    <row r="790355" spans="14:14">
      <c r="N790355" s="10"/>
    </row>
    <row r="790356" spans="14:14">
      <c r="N790356" s="10"/>
    </row>
    <row r="790357" spans="14:14">
      <c r="N790357" s="10"/>
    </row>
    <row r="790358" spans="14:14">
      <c r="N790358" s="10"/>
    </row>
    <row r="790359" spans="14:14">
      <c r="N790359" s="10"/>
    </row>
    <row r="790360" spans="14:14">
      <c r="N790360" s="10"/>
    </row>
    <row r="790361" spans="14:14">
      <c r="N790361" s="10"/>
    </row>
    <row r="790362" spans="14:14">
      <c r="N790362" s="10"/>
    </row>
    <row r="790363" spans="14:14">
      <c r="N790363" s="10"/>
    </row>
    <row r="790364" spans="14:14">
      <c r="N790364" s="10"/>
    </row>
    <row r="790365" spans="14:14">
      <c r="N790365" s="10"/>
    </row>
    <row r="790366" spans="14:14">
      <c r="N790366" s="10"/>
    </row>
    <row r="790367" spans="14:14">
      <c r="N790367" s="10"/>
    </row>
    <row r="790368" spans="14:14">
      <c r="N790368" s="10"/>
    </row>
    <row r="790369" spans="14:14">
      <c r="N790369" s="10"/>
    </row>
    <row r="790370" spans="14:14">
      <c r="N790370" s="10"/>
    </row>
    <row r="790371" spans="14:14">
      <c r="N790371" s="10"/>
    </row>
    <row r="790372" spans="14:14">
      <c r="N790372" s="10"/>
    </row>
    <row r="790373" spans="14:14">
      <c r="N790373" s="10"/>
    </row>
    <row r="790374" spans="14:14">
      <c r="N790374" s="10"/>
    </row>
    <row r="790375" spans="14:14">
      <c r="N790375" s="10"/>
    </row>
    <row r="790376" spans="14:14">
      <c r="N790376" s="10"/>
    </row>
    <row r="790377" spans="14:14">
      <c r="N790377" s="10"/>
    </row>
    <row r="790378" spans="14:14">
      <c r="N790378" s="10"/>
    </row>
    <row r="790379" spans="14:14">
      <c r="N790379" s="10"/>
    </row>
    <row r="790380" spans="14:14">
      <c r="N790380" s="10"/>
    </row>
    <row r="790381" spans="14:14">
      <c r="N790381" s="10"/>
    </row>
    <row r="790382" spans="14:14">
      <c r="N790382" s="10"/>
    </row>
    <row r="790383" spans="14:14">
      <c r="N790383" s="10"/>
    </row>
    <row r="790384" spans="14:14">
      <c r="N790384" s="10"/>
    </row>
    <row r="790385" spans="14:14">
      <c r="N790385" s="10"/>
    </row>
    <row r="790386" spans="14:14">
      <c r="N790386" s="10"/>
    </row>
    <row r="790387" spans="14:14">
      <c r="N790387" s="10"/>
    </row>
    <row r="790388" spans="14:14">
      <c r="N790388" s="10"/>
    </row>
    <row r="790389" spans="14:14">
      <c r="N790389" s="10"/>
    </row>
    <row r="790390" spans="14:14">
      <c r="N790390" s="10"/>
    </row>
    <row r="790391" spans="14:14">
      <c r="N790391" s="10"/>
    </row>
    <row r="790392" spans="14:14">
      <c r="N790392" s="10"/>
    </row>
    <row r="790393" spans="14:14">
      <c r="N790393" s="10"/>
    </row>
    <row r="790394" spans="14:14">
      <c r="N790394" s="10"/>
    </row>
    <row r="790395" spans="14:14">
      <c r="N790395" s="10"/>
    </row>
    <row r="790396" spans="14:14">
      <c r="N790396" s="10"/>
    </row>
    <row r="790397" spans="14:14">
      <c r="N790397" s="10"/>
    </row>
    <row r="790398" spans="14:14">
      <c r="N790398" s="10"/>
    </row>
    <row r="790399" spans="14:14">
      <c r="N790399" s="10"/>
    </row>
    <row r="790400" spans="14:14">
      <c r="N790400" s="10"/>
    </row>
    <row r="790401" spans="14:14">
      <c r="N790401" s="10"/>
    </row>
    <row r="790402" spans="14:14">
      <c r="N790402" s="10"/>
    </row>
    <row r="790403" spans="14:14">
      <c r="N790403" s="10"/>
    </row>
    <row r="790404" spans="14:14">
      <c r="N790404" s="10"/>
    </row>
    <row r="790405" spans="14:14">
      <c r="N790405" s="10"/>
    </row>
    <row r="790406" spans="14:14">
      <c r="N790406" s="10"/>
    </row>
    <row r="790407" spans="14:14">
      <c r="N790407" s="10"/>
    </row>
    <row r="790408" spans="14:14">
      <c r="N790408" s="10"/>
    </row>
    <row r="790409" spans="14:14">
      <c r="N790409" s="10"/>
    </row>
    <row r="790410" spans="14:14">
      <c r="N790410" s="10"/>
    </row>
    <row r="790411" spans="14:14">
      <c r="N790411" s="10"/>
    </row>
    <row r="790412" spans="14:14">
      <c r="N790412" s="10"/>
    </row>
    <row r="790413" spans="14:14">
      <c r="N790413" s="10"/>
    </row>
    <row r="790414" spans="14:14">
      <c r="N790414" s="10"/>
    </row>
    <row r="790415" spans="14:14">
      <c r="N790415" s="10"/>
    </row>
    <row r="790416" spans="14:14">
      <c r="N790416" s="10"/>
    </row>
    <row r="790417" spans="14:14">
      <c r="N790417" s="10"/>
    </row>
    <row r="790418" spans="14:14">
      <c r="N790418" s="10"/>
    </row>
    <row r="790419" spans="14:14">
      <c r="N790419" s="10"/>
    </row>
    <row r="790420" spans="14:14">
      <c r="N790420" s="10"/>
    </row>
    <row r="790421" spans="14:14">
      <c r="N790421" s="10"/>
    </row>
    <row r="790422" spans="14:14">
      <c r="N790422" s="10"/>
    </row>
    <row r="790423" spans="14:14">
      <c r="N790423" s="10"/>
    </row>
    <row r="790424" spans="14:14">
      <c r="N790424" s="10"/>
    </row>
    <row r="790425" spans="14:14">
      <c r="N790425" s="10"/>
    </row>
    <row r="790426" spans="14:14">
      <c r="N790426" s="10"/>
    </row>
    <row r="790427" spans="14:14">
      <c r="N790427" s="10"/>
    </row>
    <row r="790428" spans="14:14">
      <c r="N790428" s="10"/>
    </row>
    <row r="790429" spans="14:14">
      <c r="N790429" s="10"/>
    </row>
    <row r="790430" spans="14:14">
      <c r="N790430" s="10"/>
    </row>
    <row r="790431" spans="14:14">
      <c r="N790431" s="10"/>
    </row>
    <row r="790432" spans="14:14">
      <c r="N790432" s="10"/>
    </row>
    <row r="790433" spans="14:14">
      <c r="N790433" s="10"/>
    </row>
    <row r="790434" spans="14:14">
      <c r="N790434" s="10"/>
    </row>
    <row r="790435" spans="14:14">
      <c r="N790435" s="10"/>
    </row>
    <row r="790436" spans="14:14">
      <c r="N790436" s="10"/>
    </row>
    <row r="790437" spans="14:14">
      <c r="N790437" s="10"/>
    </row>
    <row r="790438" spans="14:14">
      <c r="N790438" s="10"/>
    </row>
    <row r="790439" spans="14:14">
      <c r="N790439" s="10"/>
    </row>
    <row r="790440" spans="14:14">
      <c r="N790440" s="10"/>
    </row>
    <row r="790441" spans="14:14">
      <c r="N790441" s="10"/>
    </row>
    <row r="790442" spans="14:14">
      <c r="N790442" s="10"/>
    </row>
    <row r="790443" spans="14:14">
      <c r="N790443" s="10"/>
    </row>
    <row r="790444" spans="14:14">
      <c r="N790444" s="10"/>
    </row>
    <row r="790445" spans="14:14">
      <c r="N790445" s="10"/>
    </row>
    <row r="790446" spans="14:14">
      <c r="N790446" s="10"/>
    </row>
    <row r="790447" spans="14:14">
      <c r="N790447" s="10"/>
    </row>
    <row r="790448" spans="14:14">
      <c r="N790448" s="10"/>
    </row>
    <row r="790449" spans="14:14">
      <c r="N790449" s="10"/>
    </row>
    <row r="790450" spans="14:14">
      <c r="N790450" s="10"/>
    </row>
    <row r="790451" spans="14:14">
      <c r="N790451" s="10"/>
    </row>
    <row r="790452" spans="14:14">
      <c r="N790452" s="10"/>
    </row>
    <row r="790453" spans="14:14">
      <c r="N790453" s="10"/>
    </row>
    <row r="790454" spans="14:14">
      <c r="N790454" s="10"/>
    </row>
    <row r="790455" spans="14:14">
      <c r="N790455" s="10"/>
    </row>
    <row r="790456" spans="14:14">
      <c r="N790456" s="10"/>
    </row>
    <row r="790457" spans="14:14">
      <c r="N790457" s="10"/>
    </row>
    <row r="790458" spans="14:14">
      <c r="N790458" s="10"/>
    </row>
    <row r="790459" spans="14:14">
      <c r="N790459" s="10"/>
    </row>
    <row r="790460" spans="14:14">
      <c r="N790460" s="10"/>
    </row>
    <row r="790461" spans="14:14">
      <c r="N790461" s="10"/>
    </row>
    <row r="790462" spans="14:14">
      <c r="N790462" s="10"/>
    </row>
    <row r="790463" spans="14:14">
      <c r="N790463" s="10"/>
    </row>
    <row r="790464" spans="14:14">
      <c r="N790464" s="10"/>
    </row>
    <row r="790465" spans="14:14">
      <c r="N790465" s="10"/>
    </row>
    <row r="790466" spans="14:14">
      <c r="N790466" s="10"/>
    </row>
    <row r="790467" spans="14:14">
      <c r="N790467" s="10"/>
    </row>
    <row r="790468" spans="14:14">
      <c r="N790468" s="10"/>
    </row>
    <row r="790469" spans="14:14">
      <c r="N790469" s="10"/>
    </row>
    <row r="790470" spans="14:14">
      <c r="N790470" s="10"/>
    </row>
    <row r="790471" spans="14:14">
      <c r="N790471" s="10"/>
    </row>
    <row r="790472" spans="14:14">
      <c r="N790472" s="10"/>
    </row>
    <row r="790473" spans="14:14">
      <c r="N790473" s="10"/>
    </row>
    <row r="790474" spans="14:14">
      <c r="N790474" s="10"/>
    </row>
    <row r="790475" spans="14:14">
      <c r="N790475" s="10"/>
    </row>
    <row r="790476" spans="14:14">
      <c r="N790476" s="10"/>
    </row>
    <row r="790477" spans="14:14">
      <c r="N790477" s="10"/>
    </row>
    <row r="790478" spans="14:14">
      <c r="N790478" s="10"/>
    </row>
    <row r="790479" spans="14:14">
      <c r="N790479" s="10"/>
    </row>
    <row r="790480" spans="14:14">
      <c r="N790480" s="10"/>
    </row>
    <row r="790481" spans="14:14">
      <c r="N790481" s="10"/>
    </row>
    <row r="790482" spans="14:14">
      <c r="N790482" s="10"/>
    </row>
    <row r="790483" spans="14:14">
      <c r="N790483" s="10"/>
    </row>
    <row r="790484" spans="14:14">
      <c r="N790484" s="10"/>
    </row>
    <row r="790485" spans="14:14">
      <c r="N790485" s="10"/>
    </row>
    <row r="790486" spans="14:14">
      <c r="N790486" s="10"/>
    </row>
    <row r="790487" spans="14:14">
      <c r="N790487" s="10"/>
    </row>
    <row r="790488" spans="14:14">
      <c r="N790488" s="10"/>
    </row>
    <row r="790489" spans="14:14">
      <c r="N790489" s="10"/>
    </row>
    <row r="790490" spans="14:14">
      <c r="N790490" s="10"/>
    </row>
    <row r="790491" spans="14:14">
      <c r="N790491" s="10"/>
    </row>
    <row r="790492" spans="14:14">
      <c r="N790492" s="10"/>
    </row>
    <row r="790493" spans="14:14">
      <c r="N790493" s="10"/>
    </row>
    <row r="790494" spans="14:14">
      <c r="N790494" s="10"/>
    </row>
    <row r="790495" spans="14:14">
      <c r="N790495" s="10"/>
    </row>
    <row r="790496" spans="14:14">
      <c r="N790496" s="10"/>
    </row>
    <row r="790497" spans="14:14">
      <c r="N790497" s="10"/>
    </row>
    <row r="790498" spans="14:14">
      <c r="N790498" s="10"/>
    </row>
    <row r="790499" spans="14:14">
      <c r="N790499" s="10"/>
    </row>
    <row r="790500" spans="14:14">
      <c r="N790500" s="10"/>
    </row>
    <row r="790501" spans="14:14">
      <c r="N790501" s="10"/>
    </row>
    <row r="790502" spans="14:14">
      <c r="N790502" s="10"/>
    </row>
    <row r="790503" spans="14:14">
      <c r="N790503" s="10"/>
    </row>
    <row r="790504" spans="14:14">
      <c r="N790504" s="10"/>
    </row>
    <row r="790505" spans="14:14">
      <c r="N790505" s="10"/>
    </row>
    <row r="790506" spans="14:14">
      <c r="N790506" s="10"/>
    </row>
    <row r="790507" spans="14:14">
      <c r="N790507" s="10"/>
    </row>
    <row r="790508" spans="14:14">
      <c r="N790508" s="10"/>
    </row>
    <row r="790509" spans="14:14">
      <c r="N790509" s="10"/>
    </row>
    <row r="790510" spans="14:14">
      <c r="N790510" s="10"/>
    </row>
    <row r="790511" spans="14:14">
      <c r="N790511" s="10"/>
    </row>
    <row r="790512" spans="14:14">
      <c r="N790512" s="10"/>
    </row>
    <row r="790513" spans="14:14">
      <c r="N790513" s="10"/>
    </row>
    <row r="790514" spans="14:14">
      <c r="N790514" s="10"/>
    </row>
    <row r="790515" spans="14:14">
      <c r="N790515" s="10"/>
    </row>
    <row r="790516" spans="14:14">
      <c r="N790516" s="10"/>
    </row>
    <row r="790517" spans="14:14">
      <c r="N790517" s="10"/>
    </row>
    <row r="790518" spans="14:14">
      <c r="N790518" s="10"/>
    </row>
    <row r="790519" spans="14:14">
      <c r="N790519" s="10"/>
    </row>
    <row r="790520" spans="14:14">
      <c r="N790520" s="10"/>
    </row>
    <row r="790521" spans="14:14">
      <c r="N790521" s="10"/>
    </row>
    <row r="790522" spans="14:14">
      <c r="N790522" s="10"/>
    </row>
    <row r="790523" spans="14:14">
      <c r="N790523" s="10"/>
    </row>
    <row r="790524" spans="14:14">
      <c r="N790524" s="10"/>
    </row>
    <row r="790525" spans="14:14">
      <c r="N790525" s="10"/>
    </row>
    <row r="790526" spans="14:14">
      <c r="N790526" s="10"/>
    </row>
    <row r="790527" spans="14:14">
      <c r="N790527" s="10"/>
    </row>
    <row r="790528" spans="14:14">
      <c r="N790528" s="10"/>
    </row>
    <row r="790529" spans="14:14">
      <c r="N790529" s="10"/>
    </row>
    <row r="790530" spans="14:14">
      <c r="N790530" s="10"/>
    </row>
    <row r="790531" spans="14:14">
      <c r="N790531" s="10"/>
    </row>
    <row r="790532" spans="14:14">
      <c r="N790532" s="10"/>
    </row>
    <row r="790533" spans="14:14">
      <c r="N790533" s="10"/>
    </row>
    <row r="790534" spans="14:14">
      <c r="N790534" s="10"/>
    </row>
    <row r="790535" spans="14:14">
      <c r="N790535" s="10"/>
    </row>
    <row r="790536" spans="14:14">
      <c r="N790536" s="10"/>
    </row>
    <row r="790537" spans="14:14">
      <c r="N790537" s="10"/>
    </row>
    <row r="790538" spans="14:14">
      <c r="N790538" s="10"/>
    </row>
    <row r="790539" spans="14:14">
      <c r="N790539" s="10"/>
    </row>
    <row r="790540" spans="14:14">
      <c r="N790540" s="10"/>
    </row>
    <row r="790541" spans="14:14">
      <c r="N790541" s="10"/>
    </row>
    <row r="790542" spans="14:14">
      <c r="N790542" s="10"/>
    </row>
    <row r="790543" spans="14:14">
      <c r="N790543" s="10"/>
    </row>
    <row r="790544" spans="14:14">
      <c r="N790544" s="10"/>
    </row>
    <row r="790545" spans="14:14">
      <c r="N790545" s="10"/>
    </row>
    <row r="790546" spans="14:14">
      <c r="N790546" s="10"/>
    </row>
    <row r="790547" spans="14:14">
      <c r="N790547" s="10"/>
    </row>
    <row r="790548" spans="14:14">
      <c r="N790548" s="10"/>
    </row>
    <row r="790549" spans="14:14">
      <c r="N790549" s="10"/>
    </row>
    <row r="790550" spans="14:14">
      <c r="N790550" s="10"/>
    </row>
    <row r="790551" spans="14:14">
      <c r="N790551" s="10"/>
    </row>
    <row r="790552" spans="14:14">
      <c r="N790552" s="10"/>
    </row>
    <row r="790553" spans="14:14">
      <c r="N790553" s="10"/>
    </row>
    <row r="790554" spans="14:14">
      <c r="N790554" s="10"/>
    </row>
    <row r="790555" spans="14:14">
      <c r="N790555" s="10"/>
    </row>
    <row r="790556" spans="14:14">
      <c r="N790556" s="10"/>
    </row>
    <row r="790557" spans="14:14">
      <c r="N790557" s="10"/>
    </row>
    <row r="790558" spans="14:14">
      <c r="N790558" s="10"/>
    </row>
    <row r="790559" spans="14:14">
      <c r="N790559" s="10"/>
    </row>
    <row r="790560" spans="14:14">
      <c r="N790560" s="10"/>
    </row>
    <row r="790561" spans="14:14">
      <c r="N790561" s="10"/>
    </row>
    <row r="790562" spans="14:14">
      <c r="N790562" s="10"/>
    </row>
    <row r="790563" spans="14:14">
      <c r="N790563" s="10"/>
    </row>
    <row r="790564" spans="14:14">
      <c r="N790564" s="10"/>
    </row>
    <row r="790565" spans="14:14">
      <c r="N790565" s="10"/>
    </row>
    <row r="790566" spans="14:14">
      <c r="N790566" s="10"/>
    </row>
    <row r="790567" spans="14:14">
      <c r="N790567" s="10"/>
    </row>
    <row r="790568" spans="14:14">
      <c r="N790568" s="10"/>
    </row>
    <row r="790569" spans="14:14">
      <c r="N790569" s="10"/>
    </row>
    <row r="790570" spans="14:14">
      <c r="N790570" s="10"/>
    </row>
    <row r="790571" spans="14:14">
      <c r="N790571" s="10"/>
    </row>
    <row r="790572" spans="14:14">
      <c r="N790572" s="10"/>
    </row>
    <row r="790573" spans="14:14">
      <c r="N790573" s="10"/>
    </row>
    <row r="790574" spans="14:14">
      <c r="N790574" s="10"/>
    </row>
    <row r="790575" spans="14:14">
      <c r="N790575" s="10"/>
    </row>
    <row r="790576" spans="14:14">
      <c r="N790576" s="10"/>
    </row>
    <row r="790577" spans="14:14">
      <c r="N790577" s="10"/>
    </row>
    <row r="790578" spans="14:14">
      <c r="N790578" s="10"/>
    </row>
    <row r="790579" spans="14:14">
      <c r="N790579" s="10"/>
    </row>
    <row r="790580" spans="14:14">
      <c r="N790580" s="10"/>
    </row>
    <row r="790581" spans="14:14">
      <c r="N790581" s="10"/>
    </row>
    <row r="790582" spans="14:14">
      <c r="N790582" s="10"/>
    </row>
    <row r="790583" spans="14:14">
      <c r="N790583" s="10"/>
    </row>
    <row r="790584" spans="14:14">
      <c r="N790584" s="10"/>
    </row>
    <row r="790585" spans="14:14">
      <c r="N790585" s="10"/>
    </row>
    <row r="790586" spans="14:14">
      <c r="N790586" s="10"/>
    </row>
    <row r="790587" spans="14:14">
      <c r="N790587" s="10"/>
    </row>
    <row r="790588" spans="14:14">
      <c r="N790588" s="10"/>
    </row>
    <row r="790589" spans="14:14">
      <c r="N790589" s="10"/>
    </row>
    <row r="790590" spans="14:14">
      <c r="N790590" s="10"/>
    </row>
    <row r="790591" spans="14:14">
      <c r="N790591" s="10"/>
    </row>
    <row r="790592" spans="14:14">
      <c r="N790592" s="10"/>
    </row>
    <row r="790593" spans="14:14">
      <c r="N790593" s="10"/>
    </row>
    <row r="790594" spans="14:14">
      <c r="N790594" s="10"/>
    </row>
    <row r="790595" spans="14:14">
      <c r="N790595" s="10"/>
    </row>
    <row r="790596" spans="14:14">
      <c r="N790596" s="10"/>
    </row>
    <row r="790597" spans="14:14">
      <c r="N790597" s="10"/>
    </row>
    <row r="790598" spans="14:14">
      <c r="N790598" s="10"/>
    </row>
    <row r="790599" spans="14:14">
      <c r="N790599" s="10"/>
    </row>
    <row r="790600" spans="14:14">
      <c r="N790600" s="10"/>
    </row>
    <row r="790601" spans="14:14">
      <c r="N790601" s="10"/>
    </row>
    <row r="790602" spans="14:14">
      <c r="N790602" s="10"/>
    </row>
    <row r="790603" spans="14:14">
      <c r="N790603" s="10"/>
    </row>
    <row r="790604" spans="14:14">
      <c r="N790604" s="10"/>
    </row>
    <row r="790605" spans="14:14">
      <c r="N790605" s="10"/>
    </row>
    <row r="790606" spans="14:14">
      <c r="N790606" s="10"/>
    </row>
    <row r="790607" spans="14:14">
      <c r="N790607" s="10"/>
    </row>
    <row r="790608" spans="14:14">
      <c r="N790608" s="10"/>
    </row>
    <row r="790609" spans="14:14">
      <c r="N790609" s="10"/>
    </row>
    <row r="790610" spans="14:14">
      <c r="N790610" s="10"/>
    </row>
    <row r="790611" spans="14:14">
      <c r="N790611" s="10"/>
    </row>
    <row r="790612" spans="14:14">
      <c r="N790612" s="10"/>
    </row>
    <row r="790613" spans="14:14">
      <c r="N790613" s="10"/>
    </row>
    <row r="790614" spans="14:14">
      <c r="N790614" s="10"/>
    </row>
    <row r="790615" spans="14:14">
      <c r="N790615" s="10"/>
    </row>
    <row r="790616" spans="14:14">
      <c r="N790616" s="10"/>
    </row>
    <row r="790617" spans="14:14">
      <c r="N790617" s="10"/>
    </row>
    <row r="790618" spans="14:14">
      <c r="N790618" s="10"/>
    </row>
    <row r="790619" spans="14:14">
      <c r="N790619" s="10"/>
    </row>
    <row r="790620" spans="14:14">
      <c r="N790620" s="10"/>
    </row>
    <row r="790621" spans="14:14">
      <c r="N790621" s="10"/>
    </row>
    <row r="790622" spans="14:14">
      <c r="N790622" s="10"/>
    </row>
    <row r="790623" spans="14:14">
      <c r="N790623" s="10"/>
    </row>
    <row r="790624" spans="14:14">
      <c r="N790624" s="10"/>
    </row>
    <row r="790625" spans="14:14">
      <c r="N790625" s="10"/>
    </row>
    <row r="790626" spans="14:14">
      <c r="N790626" s="10"/>
    </row>
    <row r="790627" spans="14:14">
      <c r="N790627" s="10"/>
    </row>
    <row r="790628" spans="14:14">
      <c r="N790628" s="10"/>
    </row>
    <row r="790629" spans="14:14">
      <c r="N790629" s="10"/>
    </row>
    <row r="790630" spans="14:14">
      <c r="N790630" s="10"/>
    </row>
    <row r="790631" spans="14:14">
      <c r="N790631" s="10"/>
    </row>
    <row r="790632" spans="14:14">
      <c r="N790632" s="10"/>
    </row>
    <row r="790633" spans="14:14">
      <c r="N790633" s="10"/>
    </row>
    <row r="790634" spans="14:14">
      <c r="N790634" s="10"/>
    </row>
    <row r="790635" spans="14:14">
      <c r="N790635" s="10"/>
    </row>
    <row r="790636" spans="14:14">
      <c r="N790636" s="10"/>
    </row>
    <row r="790637" spans="14:14">
      <c r="N790637" s="10"/>
    </row>
    <row r="790638" spans="14:14">
      <c r="N790638" s="10"/>
    </row>
    <row r="790639" spans="14:14">
      <c r="N790639" s="10"/>
    </row>
    <row r="790640" spans="14:14">
      <c r="N790640" s="10"/>
    </row>
    <row r="790641" spans="14:14">
      <c r="N790641" s="10"/>
    </row>
    <row r="790642" spans="14:14">
      <c r="N790642" s="10"/>
    </row>
    <row r="790643" spans="14:14">
      <c r="N790643" s="10"/>
    </row>
    <row r="790644" spans="14:14">
      <c r="N790644" s="10"/>
    </row>
    <row r="790645" spans="14:14">
      <c r="N790645" s="10"/>
    </row>
    <row r="790646" spans="14:14">
      <c r="N790646" s="10"/>
    </row>
    <row r="790647" spans="14:14">
      <c r="N790647" s="10"/>
    </row>
    <row r="790648" spans="14:14">
      <c r="N790648" s="10"/>
    </row>
    <row r="790649" spans="14:14">
      <c r="N790649" s="10"/>
    </row>
    <row r="790650" spans="14:14">
      <c r="N790650" s="10"/>
    </row>
    <row r="790651" spans="14:14">
      <c r="N790651" s="10"/>
    </row>
    <row r="790652" spans="14:14">
      <c r="N790652" s="10"/>
    </row>
    <row r="790653" spans="14:14">
      <c r="N790653" s="10"/>
    </row>
    <row r="790654" spans="14:14">
      <c r="N790654" s="10"/>
    </row>
    <row r="790655" spans="14:14">
      <c r="N790655" s="10"/>
    </row>
    <row r="790656" spans="14:14">
      <c r="N790656" s="10"/>
    </row>
    <row r="790657" spans="14:14">
      <c r="N790657" s="10"/>
    </row>
    <row r="790658" spans="14:14">
      <c r="N790658" s="10"/>
    </row>
    <row r="790659" spans="14:14">
      <c r="N790659" s="10"/>
    </row>
    <row r="790660" spans="14:14">
      <c r="N790660" s="10"/>
    </row>
    <row r="790661" spans="14:14">
      <c r="N790661" s="10"/>
    </row>
    <row r="790662" spans="14:14">
      <c r="N790662" s="10"/>
    </row>
    <row r="790663" spans="14:14">
      <c r="N790663" s="10"/>
    </row>
    <row r="790664" spans="14:14">
      <c r="N790664" s="10"/>
    </row>
    <row r="790665" spans="14:14">
      <c r="N790665" s="10"/>
    </row>
    <row r="790666" spans="14:14">
      <c r="N790666" s="10"/>
    </row>
    <row r="790667" spans="14:14">
      <c r="N790667" s="10"/>
    </row>
    <row r="790668" spans="14:14">
      <c r="N790668" s="10"/>
    </row>
    <row r="790669" spans="14:14">
      <c r="N790669" s="10"/>
    </row>
    <row r="790670" spans="14:14">
      <c r="N790670" s="10"/>
    </row>
    <row r="790671" spans="14:14">
      <c r="N790671" s="10"/>
    </row>
    <row r="790672" spans="14:14">
      <c r="N790672" s="10"/>
    </row>
    <row r="790673" spans="14:14">
      <c r="N790673" s="10"/>
    </row>
    <row r="790674" spans="14:14">
      <c r="N790674" s="10"/>
    </row>
    <row r="790675" spans="14:14">
      <c r="N790675" s="10"/>
    </row>
    <row r="790676" spans="14:14">
      <c r="N790676" s="10"/>
    </row>
    <row r="790677" spans="14:14">
      <c r="N790677" s="10"/>
    </row>
    <row r="790678" spans="14:14">
      <c r="N790678" s="10"/>
    </row>
    <row r="790679" spans="14:14">
      <c r="N790679" s="10"/>
    </row>
    <row r="790680" spans="14:14">
      <c r="N790680" s="10"/>
    </row>
    <row r="790681" spans="14:14">
      <c r="N790681" s="10"/>
    </row>
    <row r="790682" spans="14:14">
      <c r="N790682" s="10"/>
    </row>
    <row r="790683" spans="14:14">
      <c r="N790683" s="10"/>
    </row>
    <row r="790684" spans="14:14">
      <c r="N790684" s="10"/>
    </row>
    <row r="790685" spans="14:14">
      <c r="N790685" s="10"/>
    </row>
    <row r="790686" spans="14:14">
      <c r="N790686" s="10"/>
    </row>
    <row r="790687" spans="14:14">
      <c r="N790687" s="10"/>
    </row>
    <row r="790688" spans="14:14">
      <c r="N790688" s="10"/>
    </row>
    <row r="790689" spans="14:14">
      <c r="N790689" s="10"/>
    </row>
    <row r="790690" spans="14:14">
      <c r="N790690" s="10"/>
    </row>
    <row r="790691" spans="14:14">
      <c r="N790691" s="10"/>
    </row>
    <row r="790692" spans="14:14">
      <c r="N790692" s="10"/>
    </row>
    <row r="790693" spans="14:14">
      <c r="N790693" s="10"/>
    </row>
    <row r="790694" spans="14:14">
      <c r="N790694" s="10"/>
    </row>
    <row r="790695" spans="14:14">
      <c r="N790695" s="10"/>
    </row>
    <row r="790696" spans="14:14">
      <c r="N790696" s="10"/>
    </row>
    <row r="790697" spans="14:14">
      <c r="N790697" s="10"/>
    </row>
    <row r="790698" spans="14:14">
      <c r="N790698" s="10"/>
    </row>
    <row r="790699" spans="14:14">
      <c r="N790699" s="10"/>
    </row>
    <row r="790700" spans="14:14">
      <c r="N790700" s="10"/>
    </row>
    <row r="790701" spans="14:14">
      <c r="N790701" s="10"/>
    </row>
    <row r="790702" spans="14:14">
      <c r="N790702" s="10"/>
    </row>
    <row r="790703" spans="14:14">
      <c r="N790703" s="10"/>
    </row>
    <row r="790704" spans="14:14">
      <c r="N790704" s="10"/>
    </row>
    <row r="790705" spans="14:14">
      <c r="N790705" s="10"/>
    </row>
    <row r="790706" spans="14:14">
      <c r="N790706" s="10"/>
    </row>
    <row r="790707" spans="14:14">
      <c r="N790707" s="10"/>
    </row>
    <row r="790708" spans="14:14">
      <c r="N790708" s="10"/>
    </row>
    <row r="790709" spans="14:14">
      <c r="N790709" s="10"/>
    </row>
    <row r="790710" spans="14:14">
      <c r="N790710" s="10"/>
    </row>
    <row r="790711" spans="14:14">
      <c r="N790711" s="10"/>
    </row>
    <row r="790712" spans="14:14">
      <c r="N790712" s="10"/>
    </row>
    <row r="790713" spans="14:14">
      <c r="N790713" s="10"/>
    </row>
    <row r="790714" spans="14:14">
      <c r="N790714" s="10"/>
    </row>
    <row r="790715" spans="14:14">
      <c r="N790715" s="10"/>
    </row>
    <row r="790716" spans="14:14">
      <c r="N790716" s="10"/>
    </row>
    <row r="790717" spans="14:14">
      <c r="N790717" s="10"/>
    </row>
    <row r="790718" spans="14:14">
      <c r="N790718" s="10"/>
    </row>
    <row r="790719" spans="14:14">
      <c r="N790719" s="10"/>
    </row>
    <row r="790720" spans="14:14">
      <c r="N790720" s="10"/>
    </row>
    <row r="790721" spans="14:14">
      <c r="N790721" s="10"/>
    </row>
    <row r="790722" spans="14:14">
      <c r="N790722" s="10"/>
    </row>
    <row r="790723" spans="14:14">
      <c r="N790723" s="10"/>
    </row>
    <row r="790724" spans="14:14">
      <c r="N790724" s="10"/>
    </row>
    <row r="790725" spans="14:14">
      <c r="N790725" s="10"/>
    </row>
    <row r="790726" spans="14:14">
      <c r="N790726" s="10"/>
    </row>
    <row r="790727" spans="14:14">
      <c r="N790727" s="10"/>
    </row>
    <row r="790728" spans="14:14">
      <c r="N790728" s="10"/>
    </row>
    <row r="790729" spans="14:14">
      <c r="N790729" s="10"/>
    </row>
    <row r="790730" spans="14:14">
      <c r="N790730" s="10"/>
    </row>
    <row r="790731" spans="14:14">
      <c r="N790731" s="10"/>
    </row>
    <row r="790732" spans="14:14">
      <c r="N790732" s="10"/>
    </row>
    <row r="790733" spans="14:14">
      <c r="N790733" s="10"/>
    </row>
    <row r="790734" spans="14:14">
      <c r="N790734" s="10"/>
    </row>
    <row r="790735" spans="14:14">
      <c r="N790735" s="10"/>
    </row>
    <row r="790736" spans="14:14">
      <c r="N790736" s="10"/>
    </row>
    <row r="790737" spans="14:14">
      <c r="N790737" s="10"/>
    </row>
    <row r="790738" spans="14:14">
      <c r="N790738" s="10"/>
    </row>
    <row r="790739" spans="14:14">
      <c r="N790739" s="10"/>
    </row>
    <row r="790740" spans="14:14">
      <c r="N790740" s="10"/>
    </row>
    <row r="790741" spans="14:14">
      <c r="N790741" s="10"/>
    </row>
    <row r="790742" spans="14:14">
      <c r="N790742" s="10"/>
    </row>
    <row r="790743" spans="14:14">
      <c r="N790743" s="10"/>
    </row>
    <row r="790744" spans="14:14">
      <c r="N790744" s="10"/>
    </row>
    <row r="790745" spans="14:14">
      <c r="N790745" s="10"/>
    </row>
    <row r="790746" spans="14:14">
      <c r="N790746" s="10"/>
    </row>
    <row r="790747" spans="14:14">
      <c r="N790747" s="10"/>
    </row>
    <row r="790748" spans="14:14">
      <c r="N790748" s="10"/>
    </row>
    <row r="790749" spans="14:14">
      <c r="N790749" s="10"/>
    </row>
    <row r="790750" spans="14:14">
      <c r="N790750" s="10"/>
    </row>
    <row r="790751" spans="14:14">
      <c r="N790751" s="10"/>
    </row>
    <row r="790752" spans="14:14">
      <c r="N790752" s="10"/>
    </row>
    <row r="790753" spans="14:14">
      <c r="N790753" s="10"/>
    </row>
    <row r="790754" spans="14:14">
      <c r="N790754" s="10"/>
    </row>
    <row r="790755" spans="14:14">
      <c r="N790755" s="10"/>
    </row>
    <row r="790756" spans="14:14">
      <c r="N790756" s="10"/>
    </row>
    <row r="790757" spans="14:14">
      <c r="N790757" s="10"/>
    </row>
    <row r="790758" spans="14:14">
      <c r="N790758" s="10"/>
    </row>
    <row r="790759" spans="14:14">
      <c r="N790759" s="10"/>
    </row>
    <row r="790760" spans="14:14">
      <c r="N790760" s="10"/>
    </row>
    <row r="790761" spans="14:14">
      <c r="N790761" s="10"/>
    </row>
    <row r="790762" spans="14:14">
      <c r="N790762" s="10"/>
    </row>
    <row r="790763" spans="14:14">
      <c r="N790763" s="10"/>
    </row>
    <row r="790764" spans="14:14">
      <c r="N790764" s="10"/>
    </row>
    <row r="790765" spans="14:14">
      <c r="N790765" s="10"/>
    </row>
    <row r="790766" spans="14:14">
      <c r="N790766" s="10"/>
    </row>
    <row r="790767" spans="14:14">
      <c r="N790767" s="10"/>
    </row>
    <row r="790768" spans="14:14">
      <c r="N790768" s="10"/>
    </row>
    <row r="790769" spans="14:14">
      <c r="N790769" s="10"/>
    </row>
    <row r="790770" spans="14:14">
      <c r="N790770" s="10"/>
    </row>
    <row r="790771" spans="14:14">
      <c r="N790771" s="10"/>
    </row>
    <row r="790772" spans="14:14">
      <c r="N790772" s="10"/>
    </row>
    <row r="790773" spans="14:14">
      <c r="N790773" s="10"/>
    </row>
    <row r="790774" spans="14:14">
      <c r="N790774" s="10"/>
    </row>
    <row r="790775" spans="14:14">
      <c r="N790775" s="10"/>
    </row>
    <row r="790776" spans="14:14">
      <c r="N790776" s="10"/>
    </row>
    <row r="790777" spans="14:14">
      <c r="N790777" s="10"/>
    </row>
    <row r="790778" spans="14:14">
      <c r="N790778" s="10"/>
    </row>
    <row r="790779" spans="14:14">
      <c r="N790779" s="10"/>
    </row>
    <row r="790780" spans="14:14">
      <c r="N790780" s="10"/>
    </row>
    <row r="790781" spans="14:14">
      <c r="N790781" s="10"/>
    </row>
    <row r="790782" spans="14:14">
      <c r="N790782" s="10"/>
    </row>
    <row r="790783" spans="14:14">
      <c r="N790783" s="10"/>
    </row>
    <row r="790784" spans="14:14">
      <c r="N790784" s="10"/>
    </row>
    <row r="790785" spans="14:14">
      <c r="N790785" s="10"/>
    </row>
    <row r="790786" spans="14:14">
      <c r="N790786" s="10"/>
    </row>
    <row r="790787" spans="14:14">
      <c r="N790787" s="10"/>
    </row>
    <row r="790788" spans="14:14">
      <c r="N790788" s="10"/>
    </row>
    <row r="790789" spans="14:14">
      <c r="N790789" s="10"/>
    </row>
    <row r="790790" spans="14:14">
      <c r="N790790" s="10"/>
    </row>
    <row r="790791" spans="14:14">
      <c r="N790791" s="10"/>
    </row>
    <row r="790792" spans="14:14">
      <c r="N790792" s="10"/>
    </row>
    <row r="790793" spans="14:14">
      <c r="N790793" s="10"/>
    </row>
    <row r="790794" spans="14:14">
      <c r="N790794" s="10"/>
    </row>
    <row r="790795" spans="14:14">
      <c r="N790795" s="10"/>
    </row>
    <row r="790796" spans="14:14">
      <c r="N790796" s="10"/>
    </row>
    <row r="790797" spans="14:14">
      <c r="N790797" s="10"/>
    </row>
    <row r="790798" spans="14:14">
      <c r="N790798" s="10"/>
    </row>
    <row r="790799" spans="14:14">
      <c r="N790799" s="10"/>
    </row>
    <row r="790800" spans="14:14">
      <c r="N790800" s="10"/>
    </row>
    <row r="790801" spans="14:14">
      <c r="N790801" s="10"/>
    </row>
    <row r="790802" spans="14:14">
      <c r="N790802" s="10"/>
    </row>
    <row r="790803" spans="14:14">
      <c r="N790803" s="10"/>
    </row>
    <row r="790804" spans="14:14">
      <c r="N790804" s="10"/>
    </row>
    <row r="790805" spans="14:14">
      <c r="N790805" s="10"/>
    </row>
    <row r="790806" spans="14:14">
      <c r="N790806" s="10"/>
    </row>
    <row r="790807" spans="14:14">
      <c r="N790807" s="10"/>
    </row>
    <row r="790808" spans="14:14">
      <c r="N790808" s="10"/>
    </row>
    <row r="790809" spans="14:14">
      <c r="N790809" s="10"/>
    </row>
    <row r="790810" spans="14:14">
      <c r="N790810" s="10"/>
    </row>
    <row r="790811" spans="14:14">
      <c r="N790811" s="10"/>
    </row>
    <row r="790812" spans="14:14">
      <c r="N790812" s="10"/>
    </row>
    <row r="790813" spans="14:14">
      <c r="N790813" s="10"/>
    </row>
    <row r="790814" spans="14:14">
      <c r="N790814" s="10"/>
    </row>
    <row r="790815" spans="14:14">
      <c r="N790815" s="10"/>
    </row>
    <row r="790816" spans="14:14">
      <c r="N790816" s="10"/>
    </row>
    <row r="790817" spans="14:14">
      <c r="N790817" s="10"/>
    </row>
    <row r="790818" spans="14:14">
      <c r="N790818" s="10"/>
    </row>
    <row r="790819" spans="14:14">
      <c r="N790819" s="10"/>
    </row>
    <row r="790820" spans="14:14">
      <c r="N790820" s="10"/>
    </row>
    <row r="790821" spans="14:14">
      <c r="N790821" s="10"/>
    </row>
    <row r="790822" spans="14:14">
      <c r="N790822" s="10"/>
    </row>
    <row r="790823" spans="14:14">
      <c r="N790823" s="10"/>
    </row>
    <row r="790824" spans="14:14">
      <c r="N790824" s="10"/>
    </row>
    <row r="790825" spans="14:14">
      <c r="N790825" s="10"/>
    </row>
    <row r="790826" spans="14:14">
      <c r="N790826" s="10"/>
    </row>
    <row r="790827" spans="14:14">
      <c r="N790827" s="10"/>
    </row>
    <row r="790828" spans="14:14">
      <c r="N790828" s="10"/>
    </row>
    <row r="790829" spans="14:14">
      <c r="N790829" s="10"/>
    </row>
    <row r="790830" spans="14:14">
      <c r="N790830" s="10"/>
    </row>
    <row r="790831" spans="14:14">
      <c r="N790831" s="10"/>
    </row>
    <row r="790832" spans="14:14">
      <c r="N790832" s="10"/>
    </row>
    <row r="790833" spans="14:14">
      <c r="N790833" s="10"/>
    </row>
    <row r="790834" spans="14:14">
      <c r="N790834" s="10"/>
    </row>
    <row r="790835" spans="14:14">
      <c r="N790835" s="10"/>
    </row>
    <row r="790836" spans="14:14">
      <c r="N790836" s="10"/>
    </row>
    <row r="790837" spans="14:14">
      <c r="N790837" s="10"/>
    </row>
    <row r="790838" spans="14:14">
      <c r="N790838" s="10"/>
    </row>
    <row r="790839" spans="14:14">
      <c r="N790839" s="10"/>
    </row>
    <row r="790840" spans="14:14">
      <c r="N790840" s="10"/>
    </row>
    <row r="790841" spans="14:14">
      <c r="N790841" s="10"/>
    </row>
    <row r="790842" spans="14:14">
      <c r="N790842" s="10"/>
    </row>
    <row r="790843" spans="14:14">
      <c r="N790843" s="10"/>
    </row>
    <row r="790844" spans="14:14">
      <c r="N790844" s="10"/>
    </row>
    <row r="790845" spans="14:14">
      <c r="N790845" s="10"/>
    </row>
    <row r="790846" spans="14:14">
      <c r="N790846" s="10"/>
    </row>
    <row r="790847" spans="14:14">
      <c r="N790847" s="10"/>
    </row>
    <row r="790848" spans="14:14">
      <c r="N790848" s="10"/>
    </row>
    <row r="790849" spans="14:14">
      <c r="N790849" s="10"/>
    </row>
    <row r="790850" spans="14:14">
      <c r="N790850" s="10"/>
    </row>
    <row r="790851" spans="14:14">
      <c r="N790851" s="10"/>
    </row>
    <row r="790852" spans="14:14">
      <c r="N790852" s="10"/>
    </row>
    <row r="790853" spans="14:14">
      <c r="N790853" s="10"/>
    </row>
    <row r="790854" spans="14:14">
      <c r="N790854" s="10"/>
    </row>
    <row r="790855" spans="14:14">
      <c r="N790855" s="10"/>
    </row>
    <row r="790856" spans="14:14">
      <c r="N790856" s="10"/>
    </row>
    <row r="790857" spans="14:14">
      <c r="N790857" s="10"/>
    </row>
    <row r="790858" spans="14:14">
      <c r="N790858" s="10"/>
    </row>
    <row r="790859" spans="14:14">
      <c r="N790859" s="10"/>
    </row>
    <row r="790860" spans="14:14">
      <c r="N790860" s="10"/>
    </row>
    <row r="790861" spans="14:14">
      <c r="N790861" s="10"/>
    </row>
    <row r="790862" spans="14:14">
      <c r="N790862" s="10"/>
    </row>
    <row r="790863" spans="14:14">
      <c r="N790863" s="10"/>
    </row>
    <row r="790864" spans="14:14">
      <c r="N790864" s="10"/>
    </row>
    <row r="790865" spans="14:14">
      <c r="N790865" s="10"/>
    </row>
    <row r="790866" spans="14:14">
      <c r="N790866" s="10"/>
    </row>
    <row r="790867" spans="14:14">
      <c r="N790867" s="10"/>
    </row>
    <row r="790868" spans="14:14">
      <c r="N790868" s="10"/>
    </row>
    <row r="790869" spans="14:14">
      <c r="N790869" s="10"/>
    </row>
    <row r="790870" spans="14:14">
      <c r="N790870" s="10"/>
    </row>
    <row r="790871" spans="14:14">
      <c r="N790871" s="10"/>
    </row>
    <row r="790872" spans="14:14">
      <c r="N790872" s="10"/>
    </row>
    <row r="790873" spans="14:14">
      <c r="N790873" s="10"/>
    </row>
    <row r="790874" spans="14:14">
      <c r="N790874" s="10"/>
    </row>
    <row r="790875" spans="14:14">
      <c r="N790875" s="10"/>
    </row>
    <row r="790876" spans="14:14">
      <c r="N790876" s="10"/>
    </row>
    <row r="790877" spans="14:14">
      <c r="N790877" s="10"/>
    </row>
    <row r="790878" spans="14:14">
      <c r="N790878" s="10"/>
    </row>
    <row r="790879" spans="14:14">
      <c r="N790879" s="10"/>
    </row>
    <row r="790880" spans="14:14">
      <c r="N790880" s="10"/>
    </row>
    <row r="790881" spans="14:14">
      <c r="N790881" s="10"/>
    </row>
    <row r="790882" spans="14:14">
      <c r="N790882" s="10"/>
    </row>
    <row r="790883" spans="14:14">
      <c r="N790883" s="10"/>
    </row>
    <row r="790884" spans="14:14">
      <c r="N790884" s="10"/>
    </row>
    <row r="790885" spans="14:14">
      <c r="N790885" s="10"/>
    </row>
    <row r="790886" spans="14:14">
      <c r="N790886" s="10"/>
    </row>
    <row r="790887" spans="14:14">
      <c r="N790887" s="10"/>
    </row>
    <row r="790888" spans="14:14">
      <c r="N790888" s="10"/>
    </row>
    <row r="790889" spans="14:14">
      <c r="N790889" s="10"/>
    </row>
    <row r="790890" spans="14:14">
      <c r="N790890" s="10"/>
    </row>
    <row r="790891" spans="14:14">
      <c r="N790891" s="10"/>
    </row>
    <row r="790892" spans="14:14">
      <c r="N790892" s="10"/>
    </row>
    <row r="790893" spans="14:14">
      <c r="N790893" s="10"/>
    </row>
    <row r="790894" spans="14:14">
      <c r="N790894" s="10"/>
    </row>
    <row r="790895" spans="14:14">
      <c r="N790895" s="10"/>
    </row>
    <row r="790896" spans="14:14">
      <c r="N790896" s="10"/>
    </row>
    <row r="790897" spans="14:14">
      <c r="N790897" s="10"/>
    </row>
    <row r="790898" spans="14:14">
      <c r="N790898" s="10"/>
    </row>
    <row r="790899" spans="14:14">
      <c r="N790899" s="10"/>
    </row>
    <row r="790900" spans="14:14">
      <c r="N790900" s="10"/>
    </row>
    <row r="790901" spans="14:14">
      <c r="N790901" s="10"/>
    </row>
    <row r="790902" spans="14:14">
      <c r="N790902" s="10"/>
    </row>
    <row r="790903" spans="14:14">
      <c r="N790903" s="10"/>
    </row>
    <row r="790904" spans="14:14">
      <c r="N790904" s="10"/>
    </row>
    <row r="790905" spans="14:14">
      <c r="N790905" s="10"/>
    </row>
    <row r="790906" spans="14:14">
      <c r="N790906" s="10"/>
    </row>
    <row r="790907" spans="14:14">
      <c r="N790907" s="10"/>
    </row>
    <row r="790908" spans="14:14">
      <c r="N790908" s="10"/>
    </row>
    <row r="790909" spans="14:14">
      <c r="N790909" s="10"/>
    </row>
    <row r="790910" spans="14:14">
      <c r="N790910" s="10"/>
    </row>
    <row r="790911" spans="14:14">
      <c r="N790911" s="10"/>
    </row>
    <row r="790912" spans="14:14">
      <c r="N790912" s="10"/>
    </row>
    <row r="790913" spans="14:14">
      <c r="N790913" s="10"/>
    </row>
    <row r="790914" spans="14:14">
      <c r="N790914" s="10"/>
    </row>
    <row r="790915" spans="14:14">
      <c r="N790915" s="10"/>
    </row>
    <row r="790916" spans="14:14">
      <c r="N790916" s="10"/>
    </row>
    <row r="790917" spans="14:14">
      <c r="N790917" s="10"/>
    </row>
    <row r="790918" spans="14:14">
      <c r="N790918" s="10"/>
    </row>
    <row r="790919" spans="14:14">
      <c r="N790919" s="10"/>
    </row>
    <row r="790920" spans="14:14">
      <c r="N790920" s="10"/>
    </row>
    <row r="790921" spans="14:14">
      <c r="N790921" s="10"/>
    </row>
    <row r="790922" spans="14:14">
      <c r="N790922" s="10"/>
    </row>
    <row r="790923" spans="14:14">
      <c r="N790923" s="10"/>
    </row>
    <row r="790924" spans="14:14">
      <c r="N790924" s="10"/>
    </row>
    <row r="790925" spans="14:14">
      <c r="N790925" s="10"/>
    </row>
    <row r="790926" spans="14:14">
      <c r="N790926" s="10"/>
    </row>
    <row r="790927" spans="14:14">
      <c r="N790927" s="10"/>
    </row>
    <row r="790928" spans="14:14">
      <c r="N790928" s="10"/>
    </row>
    <row r="790929" spans="14:14">
      <c r="N790929" s="10"/>
    </row>
    <row r="790930" spans="14:14">
      <c r="N790930" s="10"/>
    </row>
    <row r="790931" spans="14:14">
      <c r="N790931" s="10"/>
    </row>
    <row r="790932" spans="14:14">
      <c r="N790932" s="10"/>
    </row>
    <row r="790933" spans="14:14">
      <c r="N790933" s="10"/>
    </row>
    <row r="790934" spans="14:14">
      <c r="N790934" s="10"/>
    </row>
    <row r="790935" spans="14:14">
      <c r="N790935" s="10"/>
    </row>
    <row r="790936" spans="14:14">
      <c r="N790936" s="10"/>
    </row>
    <row r="790937" spans="14:14">
      <c r="N790937" s="10"/>
    </row>
    <row r="790938" spans="14:14">
      <c r="N790938" s="10"/>
    </row>
    <row r="790939" spans="14:14">
      <c r="N790939" s="10"/>
    </row>
    <row r="790940" spans="14:14">
      <c r="N790940" s="10"/>
    </row>
    <row r="790941" spans="14:14">
      <c r="N790941" s="10"/>
    </row>
    <row r="790942" spans="14:14">
      <c r="N790942" s="10"/>
    </row>
    <row r="790943" spans="14:14">
      <c r="N790943" s="10"/>
    </row>
    <row r="790944" spans="14:14">
      <c r="N790944" s="10"/>
    </row>
    <row r="790945" spans="14:14">
      <c r="N790945" s="10"/>
    </row>
    <row r="790946" spans="14:14">
      <c r="N790946" s="10"/>
    </row>
    <row r="790947" spans="14:14">
      <c r="N790947" s="10"/>
    </row>
    <row r="790948" spans="14:14">
      <c r="N790948" s="10"/>
    </row>
    <row r="790949" spans="14:14">
      <c r="N790949" s="10"/>
    </row>
    <row r="790950" spans="14:14">
      <c r="N790950" s="10"/>
    </row>
    <row r="790951" spans="14:14">
      <c r="N790951" s="10"/>
    </row>
    <row r="790952" spans="14:14">
      <c r="N790952" s="10"/>
    </row>
    <row r="790953" spans="14:14">
      <c r="N790953" s="10"/>
    </row>
    <row r="790954" spans="14:14">
      <c r="N790954" s="10"/>
    </row>
    <row r="790955" spans="14:14">
      <c r="N790955" s="10"/>
    </row>
    <row r="790956" spans="14:14">
      <c r="N790956" s="10"/>
    </row>
    <row r="790957" spans="14:14">
      <c r="N790957" s="10"/>
    </row>
    <row r="790958" spans="14:14">
      <c r="N790958" s="10"/>
    </row>
    <row r="790959" spans="14:14">
      <c r="N790959" s="10"/>
    </row>
    <row r="790960" spans="14:14">
      <c r="N790960" s="10"/>
    </row>
    <row r="790961" spans="14:14">
      <c r="N790961" s="10"/>
    </row>
    <row r="790962" spans="14:14">
      <c r="N790962" s="10"/>
    </row>
    <row r="790963" spans="14:14">
      <c r="N790963" s="10"/>
    </row>
    <row r="790964" spans="14:14">
      <c r="N790964" s="10"/>
    </row>
    <row r="790965" spans="14:14">
      <c r="N790965" s="10"/>
    </row>
    <row r="790966" spans="14:14">
      <c r="N790966" s="10"/>
    </row>
    <row r="790967" spans="14:14">
      <c r="N790967" s="10"/>
    </row>
    <row r="790968" spans="14:14">
      <c r="N790968" s="10"/>
    </row>
    <row r="790969" spans="14:14">
      <c r="N790969" s="10"/>
    </row>
    <row r="790970" spans="14:14">
      <c r="N790970" s="10"/>
    </row>
    <row r="790971" spans="14:14">
      <c r="N790971" s="10"/>
    </row>
    <row r="790972" spans="14:14">
      <c r="N790972" s="10"/>
    </row>
    <row r="790973" spans="14:14">
      <c r="N790973" s="10"/>
    </row>
    <row r="790974" spans="14:14">
      <c r="N790974" s="10"/>
    </row>
    <row r="790975" spans="14:14">
      <c r="N790975" s="10"/>
    </row>
    <row r="790976" spans="14:14">
      <c r="N790976" s="10"/>
    </row>
    <row r="790977" spans="14:14">
      <c r="N790977" s="10"/>
    </row>
    <row r="790978" spans="14:14">
      <c r="N790978" s="10"/>
    </row>
    <row r="790979" spans="14:14">
      <c r="N790979" s="10"/>
    </row>
    <row r="790980" spans="14:14">
      <c r="N790980" s="10"/>
    </row>
    <row r="790981" spans="14:14">
      <c r="N790981" s="10"/>
    </row>
    <row r="790982" spans="14:14">
      <c r="N790982" s="10"/>
    </row>
    <row r="790983" spans="14:14">
      <c r="N790983" s="10"/>
    </row>
    <row r="790984" spans="14:14">
      <c r="N790984" s="10"/>
    </row>
    <row r="790985" spans="14:14">
      <c r="N790985" s="10"/>
    </row>
    <row r="790986" spans="14:14">
      <c r="N790986" s="10"/>
    </row>
    <row r="790987" spans="14:14">
      <c r="N790987" s="10"/>
    </row>
    <row r="790988" spans="14:14">
      <c r="N790988" s="10"/>
    </row>
    <row r="790989" spans="14:14">
      <c r="N790989" s="10"/>
    </row>
    <row r="790990" spans="14:14">
      <c r="N790990" s="10"/>
    </row>
    <row r="790991" spans="14:14">
      <c r="N790991" s="10"/>
    </row>
    <row r="790992" spans="14:14">
      <c r="N790992" s="10"/>
    </row>
    <row r="790993" spans="14:14">
      <c r="N790993" s="10"/>
    </row>
    <row r="790994" spans="14:14">
      <c r="N790994" s="10"/>
    </row>
    <row r="790995" spans="14:14">
      <c r="N790995" s="10"/>
    </row>
    <row r="790996" spans="14:14">
      <c r="N790996" s="10"/>
    </row>
    <row r="790997" spans="14:14">
      <c r="N790997" s="10"/>
    </row>
    <row r="790998" spans="14:14">
      <c r="N790998" s="10"/>
    </row>
    <row r="790999" spans="14:14">
      <c r="N790999" s="10"/>
    </row>
    <row r="791000" spans="14:14">
      <c r="N791000" s="10"/>
    </row>
    <row r="791001" spans="14:14">
      <c r="N791001" s="10"/>
    </row>
    <row r="791002" spans="14:14">
      <c r="N791002" s="10"/>
    </row>
    <row r="791003" spans="14:14">
      <c r="N791003" s="10"/>
    </row>
    <row r="791004" spans="14:14">
      <c r="N791004" s="10"/>
    </row>
    <row r="791005" spans="14:14">
      <c r="N791005" s="10"/>
    </row>
    <row r="791006" spans="14:14">
      <c r="N791006" s="10"/>
    </row>
    <row r="791007" spans="14:14">
      <c r="N791007" s="10"/>
    </row>
    <row r="791008" spans="14:14">
      <c r="N791008" s="10"/>
    </row>
    <row r="791009" spans="14:14">
      <c r="N791009" s="10"/>
    </row>
    <row r="791010" spans="14:14">
      <c r="N791010" s="10"/>
    </row>
    <row r="791011" spans="14:14">
      <c r="N791011" s="10"/>
    </row>
    <row r="791012" spans="14:14">
      <c r="N791012" s="10"/>
    </row>
    <row r="791013" spans="14:14">
      <c r="N791013" s="10"/>
    </row>
    <row r="791014" spans="14:14">
      <c r="N791014" s="10"/>
    </row>
    <row r="791015" spans="14:14">
      <c r="N791015" s="10"/>
    </row>
    <row r="791016" spans="14:14">
      <c r="N791016" s="10"/>
    </row>
    <row r="791017" spans="14:14">
      <c r="N791017" s="10"/>
    </row>
    <row r="791018" spans="14:14">
      <c r="N791018" s="10"/>
    </row>
    <row r="791019" spans="14:14">
      <c r="N791019" s="10"/>
    </row>
    <row r="791020" spans="14:14">
      <c r="N791020" s="10"/>
    </row>
    <row r="791021" spans="14:14">
      <c r="N791021" s="10"/>
    </row>
    <row r="791022" spans="14:14">
      <c r="N791022" s="10"/>
    </row>
    <row r="791023" spans="14:14">
      <c r="N791023" s="10"/>
    </row>
    <row r="791024" spans="14:14">
      <c r="N791024" s="10"/>
    </row>
    <row r="791025" spans="14:14">
      <c r="N791025" s="10"/>
    </row>
    <row r="791026" spans="14:14">
      <c r="N791026" s="10"/>
    </row>
    <row r="791027" spans="14:14">
      <c r="N791027" s="10"/>
    </row>
    <row r="791028" spans="14:14">
      <c r="N791028" s="10"/>
    </row>
    <row r="791029" spans="14:14">
      <c r="N791029" s="10"/>
    </row>
    <row r="791030" spans="14:14">
      <c r="N791030" s="10"/>
    </row>
    <row r="791031" spans="14:14">
      <c r="N791031" s="10"/>
    </row>
    <row r="791032" spans="14:14">
      <c r="N791032" s="10"/>
    </row>
    <row r="791033" spans="14:14">
      <c r="N791033" s="10"/>
    </row>
    <row r="791034" spans="14:14">
      <c r="N791034" s="10"/>
    </row>
    <row r="791035" spans="14:14">
      <c r="N791035" s="10"/>
    </row>
    <row r="791036" spans="14:14">
      <c r="N791036" s="10"/>
    </row>
    <row r="791037" spans="14:14">
      <c r="N791037" s="10"/>
    </row>
    <row r="791038" spans="14:14">
      <c r="N791038" s="10"/>
    </row>
    <row r="791039" spans="14:14">
      <c r="N791039" s="10"/>
    </row>
    <row r="791040" spans="14:14">
      <c r="N791040" s="10"/>
    </row>
    <row r="791041" spans="14:14">
      <c r="N791041" s="10"/>
    </row>
    <row r="791042" spans="14:14">
      <c r="N791042" s="10"/>
    </row>
    <row r="791043" spans="14:14">
      <c r="N791043" s="10"/>
    </row>
    <row r="791044" spans="14:14">
      <c r="N791044" s="10"/>
    </row>
    <row r="791045" spans="14:14">
      <c r="N791045" s="10"/>
    </row>
    <row r="791046" spans="14:14">
      <c r="N791046" s="10"/>
    </row>
    <row r="791047" spans="14:14">
      <c r="N791047" s="10"/>
    </row>
    <row r="791048" spans="14:14">
      <c r="N791048" s="10"/>
    </row>
    <row r="791049" spans="14:14">
      <c r="N791049" s="10"/>
    </row>
    <row r="791050" spans="14:14">
      <c r="N791050" s="10"/>
    </row>
    <row r="791051" spans="14:14">
      <c r="N791051" s="10"/>
    </row>
    <row r="791052" spans="14:14">
      <c r="N791052" s="10"/>
    </row>
    <row r="791053" spans="14:14">
      <c r="N791053" s="10"/>
    </row>
    <row r="791054" spans="14:14">
      <c r="N791054" s="10"/>
    </row>
    <row r="791055" spans="14:14">
      <c r="N791055" s="10"/>
    </row>
    <row r="791056" spans="14:14">
      <c r="N791056" s="10"/>
    </row>
    <row r="791057" spans="14:14">
      <c r="N791057" s="10"/>
    </row>
    <row r="791058" spans="14:14">
      <c r="N791058" s="10"/>
    </row>
    <row r="791059" spans="14:14">
      <c r="N791059" s="10"/>
    </row>
    <row r="791060" spans="14:14">
      <c r="N791060" s="10"/>
    </row>
    <row r="791061" spans="14:14">
      <c r="N791061" s="10"/>
    </row>
    <row r="791062" spans="14:14">
      <c r="N791062" s="10"/>
    </row>
    <row r="791063" spans="14:14">
      <c r="N791063" s="10"/>
    </row>
    <row r="791064" spans="14:14">
      <c r="N791064" s="10"/>
    </row>
    <row r="791065" spans="14:14">
      <c r="N791065" s="10"/>
    </row>
    <row r="791066" spans="14:14">
      <c r="N791066" s="10"/>
    </row>
    <row r="791067" spans="14:14">
      <c r="N791067" s="10"/>
    </row>
    <row r="791068" spans="14:14">
      <c r="N791068" s="10"/>
    </row>
    <row r="791069" spans="14:14">
      <c r="N791069" s="10"/>
    </row>
    <row r="791070" spans="14:14">
      <c r="N791070" s="10"/>
    </row>
    <row r="791071" spans="14:14">
      <c r="N791071" s="10"/>
    </row>
    <row r="791072" spans="14:14">
      <c r="N791072" s="10"/>
    </row>
    <row r="791073" spans="14:14">
      <c r="N791073" s="10"/>
    </row>
    <row r="791074" spans="14:14">
      <c r="N791074" s="10"/>
    </row>
    <row r="791075" spans="14:14">
      <c r="N791075" s="10"/>
    </row>
    <row r="791076" spans="14:14">
      <c r="N791076" s="10"/>
    </row>
    <row r="791077" spans="14:14">
      <c r="N791077" s="10"/>
    </row>
    <row r="791078" spans="14:14">
      <c r="N791078" s="10"/>
    </row>
    <row r="791079" spans="14:14">
      <c r="N791079" s="10"/>
    </row>
    <row r="791080" spans="14:14">
      <c r="N791080" s="10"/>
    </row>
    <row r="791081" spans="14:14">
      <c r="N791081" s="10"/>
    </row>
    <row r="791082" spans="14:14">
      <c r="N791082" s="10"/>
    </row>
    <row r="791083" spans="14:14">
      <c r="N791083" s="10"/>
    </row>
    <row r="791084" spans="14:14">
      <c r="N791084" s="10"/>
    </row>
    <row r="791085" spans="14:14">
      <c r="N791085" s="10"/>
    </row>
    <row r="791086" spans="14:14">
      <c r="N791086" s="10"/>
    </row>
    <row r="791087" spans="14:14">
      <c r="N791087" s="10"/>
    </row>
    <row r="791088" spans="14:14">
      <c r="N791088" s="10"/>
    </row>
    <row r="791089" spans="14:14">
      <c r="N791089" s="10"/>
    </row>
    <row r="791090" spans="14:14">
      <c r="N791090" s="10"/>
    </row>
    <row r="791091" spans="14:14">
      <c r="N791091" s="10"/>
    </row>
    <row r="791092" spans="14:14">
      <c r="N791092" s="10"/>
    </row>
    <row r="791093" spans="14:14">
      <c r="N791093" s="10"/>
    </row>
    <row r="791094" spans="14:14">
      <c r="N791094" s="10"/>
    </row>
    <row r="791095" spans="14:14">
      <c r="N791095" s="10"/>
    </row>
    <row r="791096" spans="14:14">
      <c r="N791096" s="10"/>
    </row>
    <row r="791097" spans="14:14">
      <c r="N791097" s="10"/>
    </row>
    <row r="791098" spans="14:14">
      <c r="N791098" s="10"/>
    </row>
    <row r="791099" spans="14:14">
      <c r="N791099" s="10"/>
    </row>
    <row r="791100" spans="14:14">
      <c r="N791100" s="10"/>
    </row>
    <row r="791101" spans="14:14">
      <c r="N791101" s="10"/>
    </row>
    <row r="791102" spans="14:14">
      <c r="N791102" s="10"/>
    </row>
    <row r="791103" spans="14:14">
      <c r="N791103" s="10"/>
    </row>
    <row r="791104" spans="14:14">
      <c r="N791104" s="10"/>
    </row>
    <row r="791105" spans="14:14">
      <c r="N791105" s="10"/>
    </row>
    <row r="791106" spans="14:14">
      <c r="N791106" s="10"/>
    </row>
    <row r="791107" spans="14:14">
      <c r="N791107" s="10"/>
    </row>
    <row r="791108" spans="14:14">
      <c r="N791108" s="10"/>
    </row>
    <row r="791109" spans="14:14">
      <c r="N791109" s="10"/>
    </row>
    <row r="791110" spans="14:14">
      <c r="N791110" s="10"/>
    </row>
    <row r="791111" spans="14:14">
      <c r="N791111" s="10"/>
    </row>
    <row r="791112" spans="14:14">
      <c r="N791112" s="10"/>
    </row>
    <row r="791113" spans="14:14">
      <c r="N791113" s="10"/>
    </row>
    <row r="791114" spans="14:14">
      <c r="N791114" s="10"/>
    </row>
    <row r="791115" spans="14:14">
      <c r="N791115" s="10"/>
    </row>
    <row r="791116" spans="14:14">
      <c r="N791116" s="10"/>
    </row>
    <row r="791117" spans="14:14">
      <c r="N791117" s="10"/>
    </row>
    <row r="791118" spans="14:14">
      <c r="N791118" s="10"/>
    </row>
    <row r="791119" spans="14:14">
      <c r="N791119" s="10"/>
    </row>
    <row r="791120" spans="14:14">
      <c r="N791120" s="10"/>
    </row>
    <row r="791121" spans="14:14">
      <c r="N791121" s="10"/>
    </row>
    <row r="791122" spans="14:14">
      <c r="N791122" s="10"/>
    </row>
    <row r="791123" spans="14:14">
      <c r="N791123" s="10"/>
    </row>
    <row r="791124" spans="14:14">
      <c r="N791124" s="10"/>
    </row>
    <row r="791125" spans="14:14">
      <c r="N791125" s="10"/>
    </row>
    <row r="791126" spans="14:14">
      <c r="N791126" s="10"/>
    </row>
    <row r="791127" spans="14:14">
      <c r="N791127" s="10"/>
    </row>
    <row r="791128" spans="14:14">
      <c r="N791128" s="10"/>
    </row>
    <row r="791129" spans="14:14">
      <c r="N791129" s="10"/>
    </row>
    <row r="791130" spans="14:14">
      <c r="N791130" s="10"/>
    </row>
    <row r="791131" spans="14:14">
      <c r="N791131" s="10"/>
    </row>
    <row r="791132" spans="14:14">
      <c r="N791132" s="10"/>
    </row>
    <row r="791133" spans="14:14">
      <c r="N791133" s="10"/>
    </row>
    <row r="791134" spans="14:14">
      <c r="N791134" s="10"/>
    </row>
    <row r="791135" spans="14:14">
      <c r="N791135" s="10"/>
    </row>
    <row r="791136" spans="14:14">
      <c r="N791136" s="10"/>
    </row>
    <row r="791137" spans="14:14">
      <c r="N791137" s="10"/>
    </row>
    <row r="791138" spans="14:14">
      <c r="N791138" s="10"/>
    </row>
    <row r="791139" spans="14:14">
      <c r="N791139" s="10"/>
    </row>
    <row r="791140" spans="14:14">
      <c r="N791140" s="10"/>
    </row>
    <row r="791141" spans="14:14">
      <c r="N791141" s="10"/>
    </row>
    <row r="791142" spans="14:14">
      <c r="N791142" s="10"/>
    </row>
    <row r="791143" spans="14:14">
      <c r="N791143" s="10"/>
    </row>
    <row r="791144" spans="14:14">
      <c r="N791144" s="10"/>
    </row>
    <row r="791145" spans="14:14">
      <c r="N791145" s="10"/>
    </row>
    <row r="791146" spans="14:14">
      <c r="N791146" s="10"/>
    </row>
    <row r="791147" spans="14:14">
      <c r="N791147" s="10"/>
    </row>
    <row r="791148" spans="14:14">
      <c r="N791148" s="10"/>
    </row>
    <row r="791149" spans="14:14">
      <c r="N791149" s="10"/>
    </row>
    <row r="791150" spans="14:14">
      <c r="N791150" s="10"/>
    </row>
    <row r="791151" spans="14:14">
      <c r="N791151" s="10"/>
    </row>
    <row r="791152" spans="14:14">
      <c r="N791152" s="10"/>
    </row>
    <row r="791153" spans="14:14">
      <c r="N791153" s="10"/>
    </row>
    <row r="791154" spans="14:14">
      <c r="N791154" s="10"/>
    </row>
    <row r="791155" spans="14:14">
      <c r="N791155" s="10"/>
    </row>
    <row r="791156" spans="14:14">
      <c r="N791156" s="10"/>
    </row>
    <row r="791157" spans="14:14">
      <c r="N791157" s="10"/>
    </row>
    <row r="791158" spans="14:14">
      <c r="N791158" s="10"/>
    </row>
    <row r="791159" spans="14:14">
      <c r="N791159" s="10"/>
    </row>
    <row r="791160" spans="14:14">
      <c r="N791160" s="10"/>
    </row>
    <row r="791161" spans="14:14">
      <c r="N791161" s="10"/>
    </row>
    <row r="791162" spans="14:14">
      <c r="N791162" s="10"/>
    </row>
    <row r="791163" spans="14:14">
      <c r="N791163" s="10"/>
    </row>
    <row r="791164" spans="14:14">
      <c r="N791164" s="10"/>
    </row>
    <row r="791165" spans="14:14">
      <c r="N791165" s="10"/>
    </row>
    <row r="791166" spans="14:14">
      <c r="N791166" s="10"/>
    </row>
    <row r="791167" spans="14:14">
      <c r="N791167" s="10"/>
    </row>
    <row r="791168" spans="14:14">
      <c r="N791168" s="10"/>
    </row>
    <row r="791169" spans="14:14">
      <c r="N791169" s="10"/>
    </row>
    <row r="791170" spans="14:14">
      <c r="N791170" s="10"/>
    </row>
    <row r="791171" spans="14:14">
      <c r="N791171" s="10"/>
    </row>
    <row r="791172" spans="14:14">
      <c r="N791172" s="10"/>
    </row>
    <row r="791173" spans="14:14">
      <c r="N791173" s="10"/>
    </row>
    <row r="791174" spans="14:14">
      <c r="N791174" s="10"/>
    </row>
    <row r="791175" spans="14:14">
      <c r="N791175" s="10"/>
    </row>
    <row r="791176" spans="14:14">
      <c r="N791176" s="10"/>
    </row>
    <row r="791177" spans="14:14">
      <c r="N791177" s="10"/>
    </row>
    <row r="791178" spans="14:14">
      <c r="N791178" s="10"/>
    </row>
    <row r="791179" spans="14:14">
      <c r="N791179" s="10"/>
    </row>
    <row r="791180" spans="14:14">
      <c r="N791180" s="10"/>
    </row>
    <row r="791181" spans="14:14">
      <c r="N791181" s="10"/>
    </row>
    <row r="791182" spans="14:14">
      <c r="N791182" s="10"/>
    </row>
    <row r="791183" spans="14:14">
      <c r="N791183" s="10"/>
    </row>
    <row r="791184" spans="14:14">
      <c r="N791184" s="10"/>
    </row>
    <row r="791185" spans="14:14">
      <c r="N791185" s="10"/>
    </row>
    <row r="791186" spans="14:14">
      <c r="N791186" s="10"/>
    </row>
    <row r="791187" spans="14:14">
      <c r="N791187" s="10"/>
    </row>
    <row r="791188" spans="14:14">
      <c r="N791188" s="10"/>
    </row>
    <row r="791189" spans="14:14">
      <c r="N791189" s="10"/>
    </row>
    <row r="791190" spans="14:14">
      <c r="N791190" s="10"/>
    </row>
    <row r="791191" spans="14:14">
      <c r="N791191" s="10"/>
    </row>
    <row r="791192" spans="14:14">
      <c r="N791192" s="10"/>
    </row>
    <row r="791193" spans="14:14">
      <c r="N791193" s="10"/>
    </row>
    <row r="791194" spans="14:14">
      <c r="N791194" s="10"/>
    </row>
    <row r="791195" spans="14:14">
      <c r="N791195" s="10"/>
    </row>
    <row r="791196" spans="14:14">
      <c r="N791196" s="10"/>
    </row>
    <row r="791197" spans="14:14">
      <c r="N791197" s="10"/>
    </row>
    <row r="791198" spans="14:14">
      <c r="N791198" s="10"/>
    </row>
    <row r="791199" spans="14:14">
      <c r="N791199" s="10"/>
    </row>
    <row r="791200" spans="14:14">
      <c r="N791200" s="10"/>
    </row>
    <row r="791201" spans="14:14">
      <c r="N791201" s="10"/>
    </row>
    <row r="791202" spans="14:14">
      <c r="N791202" s="10"/>
    </row>
    <row r="791203" spans="14:14">
      <c r="N791203" s="10"/>
    </row>
    <row r="791204" spans="14:14">
      <c r="N791204" s="10"/>
    </row>
    <row r="791205" spans="14:14">
      <c r="N791205" s="10"/>
    </row>
    <row r="791206" spans="14:14">
      <c r="N791206" s="10"/>
    </row>
    <row r="791207" spans="14:14">
      <c r="N791207" s="10"/>
    </row>
    <row r="791208" spans="14:14">
      <c r="N791208" s="10"/>
    </row>
    <row r="791209" spans="14:14">
      <c r="N791209" s="10"/>
    </row>
    <row r="791210" spans="14:14">
      <c r="N791210" s="10"/>
    </row>
    <row r="791211" spans="14:14">
      <c r="N791211" s="10"/>
    </row>
    <row r="791212" spans="14:14">
      <c r="N791212" s="10"/>
    </row>
    <row r="791213" spans="14:14">
      <c r="N791213" s="10"/>
    </row>
    <row r="791214" spans="14:14">
      <c r="N791214" s="10"/>
    </row>
    <row r="791215" spans="14:14">
      <c r="N791215" s="10"/>
    </row>
    <row r="791216" spans="14:14">
      <c r="N791216" s="10"/>
    </row>
    <row r="791217" spans="14:14">
      <c r="N791217" s="10"/>
    </row>
    <row r="791218" spans="14:14">
      <c r="N791218" s="10"/>
    </row>
    <row r="791219" spans="14:14">
      <c r="N791219" s="10"/>
    </row>
    <row r="791220" spans="14:14">
      <c r="N791220" s="10"/>
    </row>
    <row r="791221" spans="14:14">
      <c r="N791221" s="10"/>
    </row>
    <row r="791222" spans="14:14">
      <c r="N791222" s="10"/>
    </row>
    <row r="791223" spans="14:14">
      <c r="N791223" s="10"/>
    </row>
    <row r="791224" spans="14:14">
      <c r="N791224" s="10"/>
    </row>
    <row r="791225" spans="14:14">
      <c r="N791225" s="10"/>
    </row>
    <row r="791226" spans="14:14">
      <c r="N791226" s="10"/>
    </row>
    <row r="791227" spans="14:14">
      <c r="N791227" s="10"/>
    </row>
    <row r="791228" spans="14:14">
      <c r="N791228" s="10"/>
    </row>
    <row r="791229" spans="14:14">
      <c r="N791229" s="10"/>
    </row>
    <row r="791230" spans="14:14">
      <c r="N791230" s="10"/>
    </row>
    <row r="791231" spans="14:14">
      <c r="N791231" s="10"/>
    </row>
    <row r="791232" spans="14:14">
      <c r="N791232" s="10"/>
    </row>
    <row r="791233" spans="14:14">
      <c r="N791233" s="10"/>
    </row>
    <row r="791234" spans="14:14">
      <c r="N791234" s="10"/>
    </row>
    <row r="791235" spans="14:14">
      <c r="N791235" s="10"/>
    </row>
    <row r="791236" spans="14:14">
      <c r="N791236" s="10"/>
    </row>
    <row r="791237" spans="14:14">
      <c r="N791237" s="10"/>
    </row>
    <row r="791238" spans="14:14">
      <c r="N791238" s="10"/>
    </row>
    <row r="791239" spans="14:14">
      <c r="N791239" s="10"/>
    </row>
    <row r="791240" spans="14:14">
      <c r="N791240" s="10"/>
    </row>
    <row r="791241" spans="14:14">
      <c r="N791241" s="10"/>
    </row>
    <row r="791242" spans="14:14">
      <c r="N791242" s="10"/>
    </row>
    <row r="791243" spans="14:14">
      <c r="N791243" s="10"/>
    </row>
    <row r="791244" spans="14:14">
      <c r="N791244" s="10"/>
    </row>
    <row r="791245" spans="14:14">
      <c r="N791245" s="10"/>
    </row>
    <row r="791246" spans="14:14">
      <c r="N791246" s="10"/>
    </row>
    <row r="791247" spans="14:14">
      <c r="N791247" s="10"/>
    </row>
    <row r="791248" spans="14:14">
      <c r="N791248" s="10"/>
    </row>
    <row r="791249" spans="14:14">
      <c r="N791249" s="10"/>
    </row>
    <row r="791250" spans="14:14">
      <c r="N791250" s="10"/>
    </row>
    <row r="791251" spans="14:14">
      <c r="N791251" s="10"/>
    </row>
    <row r="791252" spans="14:14">
      <c r="N791252" s="10"/>
    </row>
    <row r="791253" spans="14:14">
      <c r="N791253" s="10"/>
    </row>
    <row r="791254" spans="14:14">
      <c r="N791254" s="10"/>
    </row>
    <row r="791255" spans="14:14">
      <c r="N791255" s="10"/>
    </row>
    <row r="791256" spans="14:14">
      <c r="N791256" s="10"/>
    </row>
    <row r="791257" spans="14:14">
      <c r="N791257" s="10"/>
    </row>
    <row r="791258" spans="14:14">
      <c r="N791258" s="10"/>
    </row>
    <row r="791259" spans="14:14">
      <c r="N791259" s="10"/>
    </row>
    <row r="791260" spans="14:14">
      <c r="N791260" s="10"/>
    </row>
    <row r="791261" spans="14:14">
      <c r="N791261" s="10"/>
    </row>
    <row r="791262" spans="14:14">
      <c r="N791262" s="10"/>
    </row>
    <row r="791263" spans="14:14">
      <c r="N791263" s="10"/>
    </row>
    <row r="791264" spans="14:14">
      <c r="N791264" s="10"/>
    </row>
    <row r="791265" spans="14:14">
      <c r="N791265" s="10"/>
    </row>
    <row r="791266" spans="14:14">
      <c r="N791266" s="10"/>
    </row>
    <row r="791267" spans="14:14">
      <c r="N791267" s="10"/>
    </row>
    <row r="791268" spans="14:14">
      <c r="N791268" s="10"/>
    </row>
    <row r="791269" spans="14:14">
      <c r="N791269" s="10"/>
    </row>
    <row r="791270" spans="14:14">
      <c r="N791270" s="10"/>
    </row>
    <row r="791271" spans="14:14">
      <c r="N791271" s="10"/>
    </row>
    <row r="791272" spans="14:14">
      <c r="N791272" s="10"/>
    </row>
    <row r="791273" spans="14:14">
      <c r="N791273" s="10"/>
    </row>
    <row r="791274" spans="14:14">
      <c r="N791274" s="10"/>
    </row>
    <row r="791275" spans="14:14">
      <c r="N791275" s="10"/>
    </row>
    <row r="791276" spans="14:14">
      <c r="N791276" s="10"/>
    </row>
    <row r="791277" spans="14:14">
      <c r="N791277" s="10"/>
    </row>
    <row r="791278" spans="14:14">
      <c r="N791278" s="10"/>
    </row>
    <row r="791279" spans="14:14">
      <c r="N791279" s="10"/>
    </row>
    <row r="791280" spans="14:14">
      <c r="N791280" s="10"/>
    </row>
    <row r="791281" spans="14:14">
      <c r="N791281" s="10"/>
    </row>
    <row r="791282" spans="14:14">
      <c r="N791282" s="10"/>
    </row>
    <row r="791283" spans="14:14">
      <c r="N791283" s="10"/>
    </row>
    <row r="791284" spans="14:14">
      <c r="N791284" s="10"/>
    </row>
    <row r="791285" spans="14:14">
      <c r="N791285" s="10"/>
    </row>
    <row r="791286" spans="14:14">
      <c r="N791286" s="10"/>
    </row>
    <row r="791287" spans="14:14">
      <c r="N791287" s="10"/>
    </row>
    <row r="791288" spans="14:14">
      <c r="N791288" s="10"/>
    </row>
    <row r="791289" spans="14:14">
      <c r="N791289" s="10"/>
    </row>
    <row r="791290" spans="14:14">
      <c r="N791290" s="10"/>
    </row>
    <row r="791291" spans="14:14">
      <c r="N791291" s="10"/>
    </row>
    <row r="791292" spans="14:14">
      <c r="N791292" s="10"/>
    </row>
    <row r="791293" spans="14:14">
      <c r="N791293" s="10"/>
    </row>
    <row r="791294" spans="14:14">
      <c r="N791294" s="10"/>
    </row>
    <row r="791295" spans="14:14">
      <c r="N791295" s="10"/>
    </row>
    <row r="791296" spans="14:14">
      <c r="N791296" s="10"/>
    </row>
    <row r="791297" spans="14:14">
      <c r="N791297" s="10"/>
    </row>
    <row r="791298" spans="14:14">
      <c r="N791298" s="10"/>
    </row>
    <row r="791299" spans="14:14">
      <c r="N791299" s="10"/>
    </row>
    <row r="791300" spans="14:14">
      <c r="N791300" s="10"/>
    </row>
    <row r="791301" spans="14:14">
      <c r="N791301" s="10"/>
    </row>
    <row r="791302" spans="14:14">
      <c r="N791302" s="10"/>
    </row>
    <row r="791303" spans="14:14">
      <c r="N791303" s="10"/>
    </row>
    <row r="791304" spans="14:14">
      <c r="N791304" s="10"/>
    </row>
    <row r="791305" spans="14:14">
      <c r="N791305" s="10"/>
    </row>
    <row r="791306" spans="14:14">
      <c r="N791306" s="10"/>
    </row>
    <row r="791307" spans="14:14">
      <c r="N791307" s="10"/>
    </row>
    <row r="791308" spans="14:14">
      <c r="N791308" s="10"/>
    </row>
    <row r="791309" spans="14:14">
      <c r="N791309" s="10"/>
    </row>
    <row r="791310" spans="14:14">
      <c r="N791310" s="10"/>
    </row>
    <row r="791311" spans="14:14">
      <c r="N791311" s="10"/>
    </row>
    <row r="791312" spans="14:14">
      <c r="N791312" s="10"/>
    </row>
    <row r="791313" spans="14:14">
      <c r="N791313" s="10"/>
    </row>
    <row r="791314" spans="14:14">
      <c r="N791314" s="10"/>
    </row>
    <row r="791315" spans="14:14">
      <c r="N791315" s="10"/>
    </row>
    <row r="791316" spans="14:14">
      <c r="N791316" s="10"/>
    </row>
    <row r="791317" spans="14:14">
      <c r="N791317" s="10"/>
    </row>
    <row r="791318" spans="14:14">
      <c r="N791318" s="10"/>
    </row>
    <row r="791319" spans="14:14">
      <c r="N791319" s="10"/>
    </row>
    <row r="791320" spans="14:14">
      <c r="N791320" s="10"/>
    </row>
    <row r="791321" spans="14:14">
      <c r="N791321" s="10"/>
    </row>
    <row r="791322" spans="14:14">
      <c r="N791322" s="10"/>
    </row>
    <row r="791323" spans="14:14">
      <c r="N791323" s="10"/>
    </row>
    <row r="791324" spans="14:14">
      <c r="N791324" s="10"/>
    </row>
    <row r="791325" spans="14:14">
      <c r="N791325" s="10"/>
    </row>
    <row r="791326" spans="14:14">
      <c r="N791326" s="10"/>
    </row>
    <row r="791327" spans="14:14">
      <c r="N791327" s="10"/>
    </row>
    <row r="791328" spans="14:14">
      <c r="N791328" s="10"/>
    </row>
    <row r="791329" spans="14:14">
      <c r="N791329" s="10"/>
    </row>
    <row r="791330" spans="14:14">
      <c r="N791330" s="10"/>
    </row>
    <row r="791331" spans="14:14">
      <c r="N791331" s="10"/>
    </row>
    <row r="791332" spans="14:14">
      <c r="N791332" s="10"/>
    </row>
    <row r="791333" spans="14:14">
      <c r="N791333" s="10"/>
    </row>
    <row r="791334" spans="14:14">
      <c r="N791334" s="10"/>
    </row>
    <row r="791335" spans="14:14">
      <c r="N791335" s="10"/>
    </row>
    <row r="791336" spans="14:14">
      <c r="N791336" s="10"/>
    </row>
    <row r="791337" spans="14:14">
      <c r="N791337" s="10"/>
    </row>
    <row r="791338" spans="14:14">
      <c r="N791338" s="10"/>
    </row>
    <row r="791339" spans="14:14">
      <c r="N791339" s="10"/>
    </row>
    <row r="791340" spans="14:14">
      <c r="N791340" s="10"/>
    </row>
    <row r="791341" spans="14:14">
      <c r="N791341" s="10"/>
    </row>
    <row r="791342" spans="14:14">
      <c r="N791342" s="10"/>
    </row>
    <row r="791343" spans="14:14">
      <c r="N791343" s="10"/>
    </row>
    <row r="791344" spans="14:14">
      <c r="N791344" s="10"/>
    </row>
    <row r="791345" spans="14:14">
      <c r="N791345" s="10"/>
    </row>
    <row r="791346" spans="14:14">
      <c r="N791346" s="10"/>
    </row>
    <row r="791347" spans="14:14">
      <c r="N791347" s="10"/>
    </row>
    <row r="791348" spans="14:14">
      <c r="N791348" s="10"/>
    </row>
    <row r="791349" spans="14:14">
      <c r="N791349" s="10"/>
    </row>
    <row r="791350" spans="14:14">
      <c r="N791350" s="10"/>
    </row>
    <row r="791351" spans="14:14">
      <c r="N791351" s="10"/>
    </row>
    <row r="791352" spans="14:14">
      <c r="N791352" s="10"/>
    </row>
    <row r="791353" spans="14:14">
      <c r="N791353" s="10"/>
    </row>
    <row r="791354" spans="14:14">
      <c r="N791354" s="10"/>
    </row>
    <row r="791355" spans="14:14">
      <c r="N791355" s="10"/>
    </row>
    <row r="791356" spans="14:14">
      <c r="N791356" s="10"/>
    </row>
    <row r="791357" spans="14:14">
      <c r="N791357" s="10"/>
    </row>
    <row r="791358" spans="14:14">
      <c r="N791358" s="10"/>
    </row>
    <row r="791359" spans="14:14">
      <c r="N791359" s="10"/>
    </row>
    <row r="791360" spans="14:14">
      <c r="N791360" s="10"/>
    </row>
    <row r="791361" spans="14:14">
      <c r="N791361" s="10"/>
    </row>
    <row r="791362" spans="14:14">
      <c r="N791362" s="10"/>
    </row>
    <row r="791363" spans="14:14">
      <c r="N791363" s="10"/>
    </row>
    <row r="791364" spans="14:14">
      <c r="N791364" s="10"/>
    </row>
    <row r="791365" spans="14:14">
      <c r="N791365" s="10"/>
    </row>
    <row r="791366" spans="14:14">
      <c r="N791366" s="10"/>
    </row>
    <row r="791367" spans="14:14">
      <c r="N791367" s="10"/>
    </row>
    <row r="791368" spans="14:14">
      <c r="N791368" s="10"/>
    </row>
    <row r="791369" spans="14:14">
      <c r="N791369" s="10"/>
    </row>
    <row r="791370" spans="14:14">
      <c r="N791370" s="10"/>
    </row>
    <row r="791371" spans="14:14">
      <c r="N791371" s="10"/>
    </row>
    <row r="791372" spans="14:14">
      <c r="N791372" s="10"/>
    </row>
    <row r="791373" spans="14:14">
      <c r="N791373" s="10"/>
    </row>
    <row r="791374" spans="14:14">
      <c r="N791374" s="10"/>
    </row>
    <row r="791375" spans="14:14">
      <c r="N791375" s="10"/>
    </row>
    <row r="791376" spans="14:14">
      <c r="N791376" s="10"/>
    </row>
    <row r="791377" spans="14:14">
      <c r="N791377" s="10"/>
    </row>
    <row r="791378" spans="14:14">
      <c r="N791378" s="10"/>
    </row>
    <row r="791379" spans="14:14">
      <c r="N791379" s="10"/>
    </row>
    <row r="791380" spans="14:14">
      <c r="N791380" s="10"/>
    </row>
    <row r="791381" spans="14:14">
      <c r="N791381" s="10"/>
    </row>
    <row r="791382" spans="14:14">
      <c r="N791382" s="10"/>
    </row>
    <row r="791383" spans="14:14">
      <c r="N791383" s="10"/>
    </row>
    <row r="791384" spans="14:14">
      <c r="N791384" s="10"/>
    </row>
    <row r="791385" spans="14:14">
      <c r="N791385" s="10"/>
    </row>
    <row r="791386" spans="14:14">
      <c r="N791386" s="10"/>
    </row>
    <row r="791387" spans="14:14">
      <c r="N791387" s="10"/>
    </row>
    <row r="791388" spans="14:14">
      <c r="N791388" s="10"/>
    </row>
    <row r="791389" spans="14:14">
      <c r="N791389" s="10"/>
    </row>
    <row r="791390" spans="14:14">
      <c r="N791390" s="10"/>
    </row>
    <row r="791391" spans="14:14">
      <c r="N791391" s="10"/>
    </row>
    <row r="791392" spans="14:14">
      <c r="N791392" s="10"/>
    </row>
    <row r="791393" spans="14:14">
      <c r="N791393" s="10"/>
    </row>
    <row r="791394" spans="14:14">
      <c r="N791394" s="10"/>
    </row>
    <row r="791395" spans="14:14">
      <c r="N791395" s="10"/>
    </row>
    <row r="791396" spans="14:14">
      <c r="N791396" s="10"/>
    </row>
    <row r="791397" spans="14:14">
      <c r="N791397" s="10"/>
    </row>
    <row r="791398" spans="14:14">
      <c r="N791398" s="10"/>
    </row>
    <row r="791399" spans="14:14">
      <c r="N791399" s="10"/>
    </row>
    <row r="791400" spans="14:14">
      <c r="N791400" s="10"/>
    </row>
    <row r="791401" spans="14:14">
      <c r="N791401" s="10"/>
    </row>
    <row r="791402" spans="14:14">
      <c r="N791402" s="10"/>
    </row>
    <row r="791403" spans="14:14">
      <c r="N791403" s="10"/>
    </row>
    <row r="791404" spans="14:14">
      <c r="N791404" s="10"/>
    </row>
    <row r="791405" spans="14:14">
      <c r="N791405" s="10"/>
    </row>
    <row r="791406" spans="14:14">
      <c r="N791406" s="10"/>
    </row>
    <row r="791407" spans="14:14">
      <c r="N791407" s="10"/>
    </row>
    <row r="791408" spans="14:14">
      <c r="N791408" s="10"/>
    </row>
    <row r="791409" spans="14:14">
      <c r="N791409" s="10"/>
    </row>
    <row r="791410" spans="14:14">
      <c r="N791410" s="10"/>
    </row>
    <row r="791411" spans="14:14">
      <c r="N791411" s="10"/>
    </row>
    <row r="791412" spans="14:14">
      <c r="N791412" s="10"/>
    </row>
    <row r="791413" spans="14:14">
      <c r="N791413" s="10"/>
    </row>
    <row r="791414" spans="14:14">
      <c r="N791414" s="10"/>
    </row>
    <row r="791415" spans="14:14">
      <c r="N791415" s="10"/>
    </row>
    <row r="791416" spans="14:14">
      <c r="N791416" s="10"/>
    </row>
    <row r="791417" spans="14:14">
      <c r="N791417" s="10"/>
    </row>
    <row r="791418" spans="14:14">
      <c r="N791418" s="10"/>
    </row>
    <row r="791419" spans="14:14">
      <c r="N791419" s="10"/>
    </row>
    <row r="791420" spans="14:14">
      <c r="N791420" s="10"/>
    </row>
    <row r="791421" spans="14:14">
      <c r="N791421" s="10"/>
    </row>
    <row r="791422" spans="14:14">
      <c r="N791422" s="10"/>
    </row>
    <row r="791423" spans="14:14">
      <c r="N791423" s="10"/>
    </row>
    <row r="791424" spans="14:14">
      <c r="N791424" s="10"/>
    </row>
    <row r="791425" spans="14:14">
      <c r="N791425" s="10"/>
    </row>
    <row r="791426" spans="14:14">
      <c r="N791426" s="10"/>
    </row>
    <row r="791427" spans="14:14">
      <c r="N791427" s="10"/>
    </row>
    <row r="791428" spans="14:14">
      <c r="N791428" s="10"/>
    </row>
    <row r="791429" spans="14:14">
      <c r="N791429" s="10"/>
    </row>
    <row r="791430" spans="14:14">
      <c r="N791430" s="10"/>
    </row>
    <row r="791431" spans="14:14">
      <c r="N791431" s="10"/>
    </row>
    <row r="791432" spans="14:14">
      <c r="N791432" s="10"/>
    </row>
    <row r="791433" spans="14:14">
      <c r="N791433" s="10"/>
    </row>
    <row r="791434" spans="14:14">
      <c r="N791434" s="10"/>
    </row>
    <row r="791435" spans="14:14">
      <c r="N791435" s="10"/>
    </row>
    <row r="791436" spans="14:14">
      <c r="N791436" s="10"/>
    </row>
    <row r="791437" spans="14:14">
      <c r="N791437" s="10"/>
    </row>
    <row r="791438" spans="14:14">
      <c r="N791438" s="10"/>
    </row>
    <row r="791439" spans="14:14">
      <c r="N791439" s="10"/>
    </row>
    <row r="791440" spans="14:14">
      <c r="N791440" s="10"/>
    </row>
    <row r="791441" spans="14:14">
      <c r="N791441" s="10"/>
    </row>
    <row r="791442" spans="14:14">
      <c r="N791442" s="10"/>
    </row>
    <row r="791443" spans="14:14">
      <c r="N791443" s="10"/>
    </row>
    <row r="791444" spans="14:14">
      <c r="N791444" s="10"/>
    </row>
    <row r="791445" spans="14:14">
      <c r="N791445" s="10"/>
    </row>
    <row r="791446" spans="14:14">
      <c r="N791446" s="10"/>
    </row>
    <row r="791447" spans="14:14">
      <c r="N791447" s="10"/>
    </row>
    <row r="791448" spans="14:14">
      <c r="N791448" s="10"/>
    </row>
    <row r="791449" spans="14:14">
      <c r="N791449" s="10"/>
    </row>
    <row r="791450" spans="14:14">
      <c r="N791450" s="10"/>
    </row>
    <row r="791451" spans="14:14">
      <c r="N791451" s="10"/>
    </row>
    <row r="791452" spans="14:14">
      <c r="N791452" s="10"/>
    </row>
    <row r="791453" spans="14:14">
      <c r="N791453" s="10"/>
    </row>
    <row r="791454" spans="14:14">
      <c r="N791454" s="10"/>
    </row>
    <row r="791455" spans="14:14">
      <c r="N791455" s="10"/>
    </row>
    <row r="791456" spans="14:14">
      <c r="N791456" s="10"/>
    </row>
    <row r="791457" spans="14:14">
      <c r="N791457" s="10"/>
    </row>
    <row r="791458" spans="14:14">
      <c r="N791458" s="10"/>
    </row>
    <row r="791459" spans="14:14">
      <c r="N791459" s="10"/>
    </row>
    <row r="791460" spans="14:14">
      <c r="N791460" s="10"/>
    </row>
    <row r="791461" spans="14:14">
      <c r="N791461" s="10"/>
    </row>
    <row r="791462" spans="14:14">
      <c r="N791462" s="10"/>
    </row>
    <row r="791463" spans="14:14">
      <c r="N791463" s="10"/>
    </row>
    <row r="791464" spans="14:14">
      <c r="N791464" s="10"/>
    </row>
    <row r="791465" spans="14:14">
      <c r="N791465" s="10"/>
    </row>
    <row r="791466" spans="14:14">
      <c r="N791466" s="10"/>
    </row>
    <row r="791467" spans="14:14">
      <c r="N791467" s="10"/>
    </row>
    <row r="791468" spans="14:14">
      <c r="N791468" s="10"/>
    </row>
    <row r="791469" spans="14:14">
      <c r="N791469" s="10"/>
    </row>
    <row r="791470" spans="14:14">
      <c r="N791470" s="10"/>
    </row>
    <row r="791471" spans="14:14">
      <c r="N791471" s="10"/>
    </row>
    <row r="791472" spans="14:14">
      <c r="N791472" s="10"/>
    </row>
    <row r="791473" spans="14:14">
      <c r="N791473" s="10"/>
    </row>
    <row r="791474" spans="14:14">
      <c r="N791474" s="10"/>
    </row>
    <row r="791475" spans="14:14">
      <c r="N791475" s="10"/>
    </row>
    <row r="791476" spans="14:14">
      <c r="N791476" s="10"/>
    </row>
    <row r="791477" spans="14:14">
      <c r="N791477" s="10"/>
    </row>
    <row r="791478" spans="14:14">
      <c r="N791478" s="10"/>
    </row>
    <row r="791479" spans="14:14">
      <c r="N791479" s="10"/>
    </row>
    <row r="791480" spans="14:14">
      <c r="N791480" s="10"/>
    </row>
    <row r="791481" spans="14:14">
      <c r="N791481" s="10"/>
    </row>
    <row r="791482" spans="14:14">
      <c r="N791482" s="10"/>
    </row>
    <row r="791483" spans="14:14">
      <c r="N791483" s="10"/>
    </row>
    <row r="791484" spans="14:14">
      <c r="N791484" s="10"/>
    </row>
    <row r="791485" spans="14:14">
      <c r="N791485" s="10"/>
    </row>
    <row r="791486" spans="14:14">
      <c r="N791486" s="10"/>
    </row>
    <row r="791487" spans="14:14">
      <c r="N791487" s="10"/>
    </row>
    <row r="791488" spans="14:14">
      <c r="N791488" s="10"/>
    </row>
    <row r="791489" spans="14:14">
      <c r="N791489" s="10"/>
    </row>
    <row r="791490" spans="14:14">
      <c r="N791490" s="10"/>
    </row>
    <row r="791491" spans="14:14">
      <c r="N791491" s="10"/>
    </row>
    <row r="791492" spans="14:14">
      <c r="N791492" s="10"/>
    </row>
    <row r="791493" spans="14:14">
      <c r="N791493" s="10"/>
    </row>
    <row r="791494" spans="14:14">
      <c r="N791494" s="10"/>
    </row>
    <row r="791495" spans="14:14">
      <c r="N791495" s="10"/>
    </row>
    <row r="791496" spans="14:14">
      <c r="N791496" s="10"/>
    </row>
    <row r="791497" spans="14:14">
      <c r="N791497" s="10"/>
    </row>
    <row r="791498" spans="14:14">
      <c r="N791498" s="10"/>
    </row>
    <row r="791499" spans="14:14">
      <c r="N791499" s="10"/>
    </row>
    <row r="791500" spans="14:14">
      <c r="N791500" s="10"/>
    </row>
    <row r="791501" spans="14:14">
      <c r="N791501" s="10"/>
    </row>
    <row r="791502" spans="14:14">
      <c r="N791502" s="10"/>
    </row>
    <row r="791503" spans="14:14">
      <c r="N791503" s="10"/>
    </row>
    <row r="791504" spans="14:14">
      <c r="N791504" s="10"/>
    </row>
    <row r="791505" spans="14:14">
      <c r="N791505" s="10"/>
    </row>
    <row r="791506" spans="14:14">
      <c r="N791506" s="10"/>
    </row>
    <row r="791507" spans="14:14">
      <c r="N791507" s="10"/>
    </row>
    <row r="791508" spans="14:14">
      <c r="N791508" s="10"/>
    </row>
    <row r="791509" spans="14:14">
      <c r="N791509" s="10"/>
    </row>
    <row r="791510" spans="14:14">
      <c r="N791510" s="10"/>
    </row>
    <row r="791511" spans="14:14">
      <c r="N791511" s="10"/>
    </row>
    <row r="791512" spans="14:14">
      <c r="N791512" s="10"/>
    </row>
    <row r="791513" spans="14:14">
      <c r="N791513" s="10"/>
    </row>
    <row r="791514" spans="14:14">
      <c r="N791514" s="10"/>
    </row>
    <row r="791515" spans="14:14">
      <c r="N791515" s="10"/>
    </row>
    <row r="791516" spans="14:14">
      <c r="N791516" s="10"/>
    </row>
    <row r="791517" spans="14:14">
      <c r="N791517" s="10"/>
    </row>
    <row r="791518" spans="14:14">
      <c r="N791518" s="10"/>
    </row>
    <row r="791519" spans="14:14">
      <c r="N791519" s="10"/>
    </row>
    <row r="791520" spans="14:14">
      <c r="N791520" s="10"/>
    </row>
    <row r="791521" spans="14:14">
      <c r="N791521" s="10"/>
    </row>
    <row r="791522" spans="14:14">
      <c r="N791522" s="10"/>
    </row>
    <row r="791523" spans="14:14">
      <c r="N791523" s="10"/>
    </row>
    <row r="791524" spans="14:14">
      <c r="N791524" s="10"/>
    </row>
    <row r="791525" spans="14:14">
      <c r="N791525" s="10"/>
    </row>
    <row r="791526" spans="14:14">
      <c r="N791526" s="10"/>
    </row>
    <row r="791527" spans="14:14">
      <c r="N791527" s="10"/>
    </row>
    <row r="791528" spans="14:14">
      <c r="N791528" s="10"/>
    </row>
    <row r="791529" spans="14:14">
      <c r="N791529" s="10"/>
    </row>
    <row r="791530" spans="14:14">
      <c r="N791530" s="10"/>
    </row>
    <row r="791531" spans="14:14">
      <c r="N791531" s="10"/>
    </row>
    <row r="791532" spans="14:14">
      <c r="N791532" s="10"/>
    </row>
    <row r="791533" spans="14:14">
      <c r="N791533" s="10"/>
    </row>
    <row r="791534" spans="14:14">
      <c r="N791534" s="10"/>
    </row>
    <row r="791535" spans="14:14">
      <c r="N791535" s="10"/>
    </row>
    <row r="791536" spans="14:14">
      <c r="N791536" s="10"/>
    </row>
    <row r="791537" spans="14:14">
      <c r="N791537" s="10"/>
    </row>
    <row r="791538" spans="14:14">
      <c r="N791538" s="10"/>
    </row>
    <row r="791539" spans="14:14">
      <c r="N791539" s="10"/>
    </row>
    <row r="791540" spans="14:14">
      <c r="N791540" s="10"/>
    </row>
    <row r="791541" spans="14:14">
      <c r="N791541" s="10"/>
    </row>
    <row r="791542" spans="14:14">
      <c r="N791542" s="10"/>
    </row>
    <row r="791543" spans="14:14">
      <c r="N791543" s="10"/>
    </row>
    <row r="791544" spans="14:14">
      <c r="N791544" s="10"/>
    </row>
    <row r="791545" spans="14:14">
      <c r="N791545" s="10"/>
    </row>
    <row r="791546" spans="14:14">
      <c r="N791546" s="10"/>
    </row>
    <row r="791547" spans="14:14">
      <c r="N791547" s="10"/>
    </row>
    <row r="791548" spans="14:14">
      <c r="N791548" s="10"/>
    </row>
    <row r="791549" spans="14:14">
      <c r="N791549" s="10"/>
    </row>
    <row r="791550" spans="14:14">
      <c r="N791550" s="10"/>
    </row>
    <row r="791551" spans="14:14">
      <c r="N791551" s="10"/>
    </row>
    <row r="791552" spans="14:14">
      <c r="N791552" s="10"/>
    </row>
    <row r="791553" spans="14:14">
      <c r="N791553" s="10"/>
    </row>
    <row r="791554" spans="14:14">
      <c r="N791554" s="10"/>
    </row>
    <row r="791555" spans="14:14">
      <c r="N791555" s="10"/>
    </row>
    <row r="791556" spans="14:14">
      <c r="N791556" s="10"/>
    </row>
    <row r="791557" spans="14:14">
      <c r="N791557" s="10"/>
    </row>
    <row r="791558" spans="14:14">
      <c r="N791558" s="10"/>
    </row>
    <row r="791559" spans="14:14">
      <c r="N791559" s="10"/>
    </row>
    <row r="791560" spans="14:14">
      <c r="N791560" s="10"/>
    </row>
    <row r="791561" spans="14:14">
      <c r="N791561" s="10"/>
    </row>
    <row r="791562" spans="14:14">
      <c r="N791562" s="10"/>
    </row>
    <row r="791563" spans="14:14">
      <c r="N791563" s="10"/>
    </row>
    <row r="791564" spans="14:14">
      <c r="N791564" s="10"/>
    </row>
    <row r="791565" spans="14:14">
      <c r="N791565" s="10"/>
    </row>
    <row r="791566" spans="14:14">
      <c r="N791566" s="10"/>
    </row>
    <row r="791567" spans="14:14">
      <c r="N791567" s="10"/>
    </row>
    <row r="791568" spans="14:14">
      <c r="N791568" s="10"/>
    </row>
    <row r="791569" spans="14:14">
      <c r="N791569" s="10"/>
    </row>
    <row r="791570" spans="14:14">
      <c r="N791570" s="10"/>
    </row>
    <row r="791571" spans="14:14">
      <c r="N791571" s="10"/>
    </row>
    <row r="791572" spans="14:14">
      <c r="N791572" s="10"/>
    </row>
    <row r="791573" spans="14:14">
      <c r="N791573" s="10"/>
    </row>
    <row r="791574" spans="14:14">
      <c r="N791574" s="10"/>
    </row>
    <row r="791575" spans="14:14">
      <c r="N791575" s="10"/>
    </row>
    <row r="791576" spans="14:14">
      <c r="N791576" s="10"/>
    </row>
    <row r="791577" spans="14:14">
      <c r="N791577" s="10"/>
    </row>
    <row r="791578" spans="14:14">
      <c r="N791578" s="10"/>
    </row>
    <row r="791579" spans="14:14">
      <c r="N791579" s="10"/>
    </row>
    <row r="791580" spans="14:14">
      <c r="N791580" s="10"/>
    </row>
    <row r="791581" spans="14:14">
      <c r="N791581" s="10"/>
    </row>
    <row r="791582" spans="14:14">
      <c r="N791582" s="10"/>
    </row>
    <row r="791583" spans="14:14">
      <c r="N791583" s="10"/>
    </row>
    <row r="791584" spans="14:14">
      <c r="N791584" s="10"/>
    </row>
    <row r="791585" spans="14:14">
      <c r="N791585" s="10"/>
    </row>
    <row r="791586" spans="14:14">
      <c r="N791586" s="10"/>
    </row>
    <row r="791587" spans="14:14">
      <c r="N791587" s="10"/>
    </row>
    <row r="791588" spans="14:14">
      <c r="N791588" s="10"/>
    </row>
    <row r="791589" spans="14:14">
      <c r="N791589" s="10"/>
    </row>
    <row r="791590" spans="14:14">
      <c r="N791590" s="10"/>
    </row>
    <row r="791591" spans="14:14">
      <c r="N791591" s="10"/>
    </row>
    <row r="791592" spans="14:14">
      <c r="N791592" s="10"/>
    </row>
    <row r="791593" spans="14:14">
      <c r="N791593" s="10"/>
    </row>
    <row r="791594" spans="14:14">
      <c r="N791594" s="10"/>
    </row>
    <row r="791595" spans="14:14">
      <c r="N791595" s="10"/>
    </row>
    <row r="791596" spans="14:14">
      <c r="N791596" s="10"/>
    </row>
    <row r="791597" spans="14:14">
      <c r="N791597" s="10"/>
    </row>
    <row r="791598" spans="14:14">
      <c r="N791598" s="10"/>
    </row>
    <row r="791599" spans="14:14">
      <c r="N791599" s="10"/>
    </row>
    <row r="791600" spans="14:14">
      <c r="N791600" s="10"/>
    </row>
    <row r="791601" spans="14:14">
      <c r="N791601" s="10"/>
    </row>
    <row r="791602" spans="14:14">
      <c r="N791602" s="10"/>
    </row>
    <row r="791603" spans="14:14">
      <c r="N791603" s="10"/>
    </row>
    <row r="791604" spans="14:14">
      <c r="N791604" s="10"/>
    </row>
    <row r="791605" spans="14:14">
      <c r="N791605" s="10"/>
    </row>
    <row r="791606" spans="14:14">
      <c r="N791606" s="10"/>
    </row>
    <row r="791607" spans="14:14">
      <c r="N791607" s="10"/>
    </row>
    <row r="791608" spans="14:14">
      <c r="N791608" s="10"/>
    </row>
    <row r="791609" spans="14:14">
      <c r="N791609" s="10"/>
    </row>
    <row r="791610" spans="14:14">
      <c r="N791610" s="10"/>
    </row>
    <row r="791611" spans="14:14">
      <c r="N791611" s="10"/>
    </row>
    <row r="791612" spans="14:14">
      <c r="N791612" s="10"/>
    </row>
    <row r="791613" spans="14:14">
      <c r="N791613" s="10"/>
    </row>
    <row r="791614" spans="14:14">
      <c r="N791614" s="10"/>
    </row>
    <row r="791615" spans="14:14">
      <c r="N791615" s="10"/>
    </row>
    <row r="791616" spans="14:14">
      <c r="N791616" s="10"/>
    </row>
    <row r="791617" spans="14:14">
      <c r="N791617" s="10"/>
    </row>
    <row r="791618" spans="14:14">
      <c r="N791618" s="10"/>
    </row>
    <row r="791619" spans="14:14">
      <c r="N791619" s="10"/>
    </row>
    <row r="791620" spans="14:14">
      <c r="N791620" s="10"/>
    </row>
    <row r="791621" spans="14:14">
      <c r="N791621" s="10"/>
    </row>
    <row r="791622" spans="14:14">
      <c r="N791622" s="10"/>
    </row>
    <row r="791623" spans="14:14">
      <c r="N791623" s="10"/>
    </row>
    <row r="791624" spans="14:14">
      <c r="N791624" s="10"/>
    </row>
    <row r="791625" spans="14:14">
      <c r="N791625" s="10"/>
    </row>
    <row r="791626" spans="14:14">
      <c r="N791626" s="10"/>
    </row>
    <row r="791627" spans="14:14">
      <c r="N791627" s="10"/>
    </row>
    <row r="791628" spans="14:14">
      <c r="N791628" s="10"/>
    </row>
    <row r="791629" spans="14:14">
      <c r="N791629" s="10"/>
    </row>
    <row r="791630" spans="14:14">
      <c r="N791630" s="10"/>
    </row>
    <row r="791631" spans="14:14">
      <c r="N791631" s="10"/>
    </row>
    <row r="791632" spans="14:14">
      <c r="N791632" s="10"/>
    </row>
    <row r="791633" spans="14:14">
      <c r="N791633" s="10"/>
    </row>
    <row r="791634" spans="14:14">
      <c r="N791634" s="10"/>
    </row>
    <row r="791635" spans="14:14">
      <c r="N791635" s="10"/>
    </row>
    <row r="791636" spans="14:14">
      <c r="N791636" s="10"/>
    </row>
    <row r="791637" spans="14:14">
      <c r="N791637" s="10"/>
    </row>
    <row r="791638" spans="14:14">
      <c r="N791638" s="10"/>
    </row>
    <row r="791639" spans="14:14">
      <c r="N791639" s="10"/>
    </row>
    <row r="791640" spans="14:14">
      <c r="N791640" s="10"/>
    </row>
    <row r="791641" spans="14:14">
      <c r="N791641" s="10"/>
    </row>
    <row r="791642" spans="14:14">
      <c r="N791642" s="10"/>
    </row>
    <row r="791643" spans="14:14">
      <c r="N791643" s="10"/>
    </row>
    <row r="791644" spans="14:14">
      <c r="N791644" s="10"/>
    </row>
    <row r="791645" spans="14:14">
      <c r="N791645" s="10"/>
    </row>
    <row r="791646" spans="14:14">
      <c r="N791646" s="10"/>
    </row>
    <row r="791647" spans="14:14">
      <c r="N791647" s="10"/>
    </row>
    <row r="791648" spans="14:14">
      <c r="N791648" s="10"/>
    </row>
    <row r="791649" spans="14:14">
      <c r="N791649" s="10"/>
    </row>
    <row r="791650" spans="14:14">
      <c r="N791650" s="10"/>
    </row>
    <row r="791651" spans="14:14">
      <c r="N791651" s="10"/>
    </row>
    <row r="791652" spans="14:14">
      <c r="N791652" s="10"/>
    </row>
    <row r="791653" spans="14:14">
      <c r="N791653" s="10"/>
    </row>
    <row r="791654" spans="14:14">
      <c r="N791654" s="10"/>
    </row>
    <row r="791655" spans="14:14">
      <c r="N791655" s="10"/>
    </row>
    <row r="791656" spans="14:14">
      <c r="N791656" s="10"/>
    </row>
    <row r="791657" spans="14:14">
      <c r="N791657" s="10"/>
    </row>
    <row r="791658" spans="14:14">
      <c r="N791658" s="10"/>
    </row>
    <row r="791659" spans="14:14">
      <c r="N791659" s="10"/>
    </row>
    <row r="791660" spans="14:14">
      <c r="N791660" s="10"/>
    </row>
    <row r="791661" spans="14:14">
      <c r="N791661" s="10"/>
    </row>
    <row r="791662" spans="14:14">
      <c r="N791662" s="10"/>
    </row>
    <row r="791663" spans="14:14">
      <c r="N791663" s="10"/>
    </row>
    <row r="791664" spans="14:14">
      <c r="N791664" s="10"/>
    </row>
    <row r="791665" spans="14:14">
      <c r="N791665" s="10"/>
    </row>
    <row r="791666" spans="14:14">
      <c r="N791666" s="10"/>
    </row>
    <row r="791667" spans="14:14">
      <c r="N791667" s="10"/>
    </row>
    <row r="791668" spans="14:14">
      <c r="N791668" s="10"/>
    </row>
    <row r="791669" spans="14:14">
      <c r="N791669" s="10"/>
    </row>
    <row r="791670" spans="14:14">
      <c r="N791670" s="10"/>
    </row>
    <row r="791671" spans="14:14">
      <c r="N791671" s="10"/>
    </row>
    <row r="791672" spans="14:14">
      <c r="N791672" s="10"/>
    </row>
    <row r="791673" spans="14:14">
      <c r="N791673" s="10"/>
    </row>
    <row r="791674" spans="14:14">
      <c r="N791674" s="10"/>
    </row>
    <row r="791675" spans="14:14">
      <c r="N791675" s="10"/>
    </row>
    <row r="791676" spans="14:14">
      <c r="N791676" s="10"/>
    </row>
    <row r="791677" spans="14:14">
      <c r="N791677" s="10"/>
    </row>
    <row r="791678" spans="14:14">
      <c r="N791678" s="10"/>
    </row>
    <row r="791679" spans="14:14">
      <c r="N791679" s="10"/>
    </row>
    <row r="791680" spans="14:14">
      <c r="N791680" s="10"/>
    </row>
    <row r="791681" spans="14:14">
      <c r="N791681" s="10"/>
    </row>
    <row r="791682" spans="14:14">
      <c r="N791682" s="10"/>
    </row>
    <row r="791683" spans="14:14">
      <c r="N791683" s="10"/>
    </row>
    <row r="791684" spans="14:14">
      <c r="N791684" s="10"/>
    </row>
    <row r="791685" spans="14:14">
      <c r="N791685" s="10"/>
    </row>
    <row r="791686" spans="14:14">
      <c r="N791686" s="10"/>
    </row>
    <row r="791687" spans="14:14">
      <c r="N791687" s="10"/>
    </row>
    <row r="791688" spans="14:14">
      <c r="N791688" s="10"/>
    </row>
    <row r="791689" spans="14:14">
      <c r="N791689" s="10"/>
    </row>
    <row r="791690" spans="14:14">
      <c r="N791690" s="10"/>
    </row>
    <row r="791691" spans="14:14">
      <c r="N791691" s="10"/>
    </row>
    <row r="791692" spans="14:14">
      <c r="N791692" s="10"/>
    </row>
    <row r="791693" spans="14:14">
      <c r="N791693" s="10"/>
    </row>
    <row r="791694" spans="14:14">
      <c r="N791694" s="10"/>
    </row>
    <row r="791695" spans="14:14">
      <c r="N791695" s="10"/>
    </row>
    <row r="791696" spans="14:14">
      <c r="N791696" s="10"/>
    </row>
    <row r="791697" spans="14:14">
      <c r="N791697" s="10"/>
    </row>
    <row r="791698" spans="14:14">
      <c r="N791698" s="10"/>
    </row>
    <row r="791699" spans="14:14">
      <c r="N791699" s="10"/>
    </row>
    <row r="791700" spans="14:14">
      <c r="N791700" s="10"/>
    </row>
    <row r="791701" spans="14:14">
      <c r="N791701" s="10"/>
    </row>
    <row r="791702" spans="14:14">
      <c r="N791702" s="10"/>
    </row>
    <row r="791703" spans="14:14">
      <c r="N791703" s="10"/>
    </row>
    <row r="791704" spans="14:14">
      <c r="N791704" s="10"/>
    </row>
    <row r="791705" spans="14:14">
      <c r="N791705" s="10"/>
    </row>
    <row r="791706" spans="14:14">
      <c r="N791706" s="10"/>
    </row>
    <row r="791707" spans="14:14">
      <c r="N791707" s="10"/>
    </row>
    <row r="791708" spans="14:14">
      <c r="N791708" s="10"/>
    </row>
    <row r="791709" spans="14:14">
      <c r="N791709" s="10"/>
    </row>
    <row r="791710" spans="14:14">
      <c r="N791710" s="10"/>
    </row>
    <row r="791711" spans="14:14">
      <c r="N791711" s="10"/>
    </row>
    <row r="791712" spans="14:14">
      <c r="N791712" s="10"/>
    </row>
    <row r="791713" spans="14:14">
      <c r="N791713" s="10"/>
    </row>
    <row r="791714" spans="14:14">
      <c r="N791714" s="10"/>
    </row>
    <row r="791715" spans="14:14">
      <c r="N791715" s="10"/>
    </row>
    <row r="791716" spans="14:14">
      <c r="N791716" s="10"/>
    </row>
    <row r="791717" spans="14:14">
      <c r="N791717" s="10"/>
    </row>
    <row r="791718" spans="14:14">
      <c r="N791718" s="10"/>
    </row>
    <row r="791719" spans="14:14">
      <c r="N791719" s="10"/>
    </row>
    <row r="791720" spans="14:14">
      <c r="N791720" s="10"/>
    </row>
    <row r="791721" spans="14:14">
      <c r="N791721" s="10"/>
    </row>
    <row r="791722" spans="14:14">
      <c r="N791722" s="10"/>
    </row>
    <row r="791723" spans="14:14">
      <c r="N791723" s="10"/>
    </row>
    <row r="791724" spans="14:14">
      <c r="N791724" s="10"/>
    </row>
    <row r="791725" spans="14:14">
      <c r="N791725" s="10"/>
    </row>
    <row r="791726" spans="14:14">
      <c r="N791726" s="10"/>
    </row>
    <row r="791727" spans="14:14">
      <c r="N791727" s="10"/>
    </row>
    <row r="791728" spans="14:14">
      <c r="N791728" s="10"/>
    </row>
    <row r="791729" spans="14:14">
      <c r="N791729" s="10"/>
    </row>
    <row r="791730" spans="14:14">
      <c r="N791730" s="10"/>
    </row>
    <row r="791731" spans="14:14">
      <c r="N791731" s="10"/>
    </row>
    <row r="791732" spans="14:14">
      <c r="N791732" s="10"/>
    </row>
    <row r="791733" spans="14:14">
      <c r="N791733" s="10"/>
    </row>
    <row r="791734" spans="14:14">
      <c r="N791734" s="10"/>
    </row>
    <row r="791735" spans="14:14">
      <c r="N791735" s="10"/>
    </row>
    <row r="791736" spans="14:14">
      <c r="N791736" s="10"/>
    </row>
    <row r="791737" spans="14:14">
      <c r="N791737" s="10"/>
    </row>
    <row r="791738" spans="14:14">
      <c r="N791738" s="10"/>
    </row>
    <row r="791739" spans="14:14">
      <c r="N791739" s="10"/>
    </row>
    <row r="791740" spans="14:14">
      <c r="N791740" s="10"/>
    </row>
    <row r="791741" spans="14:14">
      <c r="N791741" s="10"/>
    </row>
    <row r="791742" spans="14:14">
      <c r="N791742" s="10"/>
    </row>
    <row r="791743" spans="14:14">
      <c r="N791743" s="10"/>
    </row>
    <row r="791744" spans="14:14">
      <c r="N791744" s="10"/>
    </row>
    <row r="791745" spans="14:14">
      <c r="N791745" s="10"/>
    </row>
    <row r="791746" spans="14:14">
      <c r="N791746" s="10"/>
    </row>
    <row r="791747" spans="14:14">
      <c r="N791747" s="10"/>
    </row>
    <row r="791748" spans="14:14">
      <c r="N791748" s="10"/>
    </row>
    <row r="791749" spans="14:14">
      <c r="N791749" s="10"/>
    </row>
    <row r="791750" spans="14:14">
      <c r="N791750" s="10"/>
    </row>
    <row r="791751" spans="14:14">
      <c r="N791751" s="10"/>
    </row>
    <row r="791752" spans="14:14">
      <c r="N791752" s="10"/>
    </row>
    <row r="791753" spans="14:14">
      <c r="N791753" s="10"/>
    </row>
    <row r="791754" spans="14:14">
      <c r="N791754" s="10"/>
    </row>
    <row r="791755" spans="14:14">
      <c r="N791755" s="10"/>
    </row>
    <row r="791756" spans="14:14">
      <c r="N791756" s="10"/>
    </row>
    <row r="791757" spans="14:14">
      <c r="N791757" s="10"/>
    </row>
    <row r="791758" spans="14:14">
      <c r="N791758" s="10"/>
    </row>
    <row r="791759" spans="14:14">
      <c r="N791759" s="10"/>
    </row>
    <row r="791760" spans="14:14">
      <c r="N791760" s="10"/>
    </row>
    <row r="791761" spans="14:14">
      <c r="N791761" s="10"/>
    </row>
    <row r="791762" spans="14:14">
      <c r="N791762" s="10"/>
    </row>
    <row r="791763" spans="14:14">
      <c r="N791763" s="10"/>
    </row>
    <row r="791764" spans="14:14">
      <c r="N791764" s="10"/>
    </row>
    <row r="791765" spans="14:14">
      <c r="N791765" s="10"/>
    </row>
    <row r="791766" spans="14:14">
      <c r="N791766" s="10"/>
    </row>
    <row r="791767" spans="14:14">
      <c r="N791767" s="10"/>
    </row>
    <row r="791768" spans="14:14">
      <c r="N791768" s="10"/>
    </row>
    <row r="791769" spans="14:14">
      <c r="N791769" s="10"/>
    </row>
    <row r="791770" spans="14:14">
      <c r="N791770" s="10"/>
    </row>
    <row r="791771" spans="14:14">
      <c r="N791771" s="10"/>
    </row>
    <row r="791772" spans="14:14">
      <c r="N791772" s="10"/>
    </row>
    <row r="791773" spans="14:14">
      <c r="N791773" s="10"/>
    </row>
    <row r="791774" spans="14:14">
      <c r="N791774" s="10"/>
    </row>
    <row r="791775" spans="14:14">
      <c r="N791775" s="10"/>
    </row>
    <row r="791776" spans="14:14">
      <c r="N791776" s="10"/>
    </row>
    <row r="791777" spans="14:14">
      <c r="N791777" s="10"/>
    </row>
    <row r="791778" spans="14:14">
      <c r="N791778" s="10"/>
    </row>
    <row r="791779" spans="14:14">
      <c r="N791779" s="10"/>
    </row>
    <row r="791780" spans="14:14">
      <c r="N791780" s="10"/>
    </row>
    <row r="791781" spans="14:14">
      <c r="N791781" s="10"/>
    </row>
    <row r="791782" spans="14:14">
      <c r="N791782" s="10"/>
    </row>
    <row r="791783" spans="14:14">
      <c r="N791783" s="10"/>
    </row>
    <row r="791784" spans="14:14">
      <c r="N791784" s="10"/>
    </row>
    <row r="791785" spans="14:14">
      <c r="N791785" s="10"/>
    </row>
    <row r="791786" spans="14:14">
      <c r="N791786" s="10"/>
    </row>
    <row r="791787" spans="14:14">
      <c r="N791787" s="10"/>
    </row>
    <row r="791788" spans="14:14">
      <c r="N791788" s="10"/>
    </row>
    <row r="791789" spans="14:14">
      <c r="N791789" s="10"/>
    </row>
    <row r="791790" spans="14:14">
      <c r="N791790" s="10"/>
    </row>
    <row r="791791" spans="14:14">
      <c r="N791791" s="10"/>
    </row>
    <row r="791792" spans="14:14">
      <c r="N791792" s="10"/>
    </row>
    <row r="791793" spans="14:14">
      <c r="N791793" s="10"/>
    </row>
    <row r="791794" spans="14:14">
      <c r="N791794" s="10"/>
    </row>
    <row r="791795" spans="14:14">
      <c r="N791795" s="10"/>
    </row>
    <row r="791796" spans="14:14">
      <c r="N791796" s="10"/>
    </row>
    <row r="791797" spans="14:14">
      <c r="N791797" s="10"/>
    </row>
    <row r="791798" spans="14:14">
      <c r="N791798" s="10"/>
    </row>
    <row r="791799" spans="14:14">
      <c r="N791799" s="10"/>
    </row>
    <row r="791800" spans="14:14">
      <c r="N791800" s="10"/>
    </row>
    <row r="791801" spans="14:14">
      <c r="N791801" s="10"/>
    </row>
    <row r="791802" spans="14:14">
      <c r="N791802" s="10"/>
    </row>
    <row r="791803" spans="14:14">
      <c r="N791803" s="10"/>
    </row>
    <row r="791804" spans="14:14">
      <c r="N791804" s="10"/>
    </row>
    <row r="791805" spans="14:14">
      <c r="N791805" s="10"/>
    </row>
    <row r="791806" spans="14:14">
      <c r="N791806" s="10"/>
    </row>
    <row r="791807" spans="14:14">
      <c r="N791807" s="10"/>
    </row>
    <row r="791808" spans="14:14">
      <c r="N791808" s="10"/>
    </row>
    <row r="791809" spans="14:14">
      <c r="N791809" s="10"/>
    </row>
    <row r="791810" spans="14:14">
      <c r="N791810" s="10"/>
    </row>
    <row r="791811" spans="14:14">
      <c r="N791811" s="10"/>
    </row>
    <row r="791812" spans="14:14">
      <c r="N791812" s="10"/>
    </row>
    <row r="791813" spans="14:14">
      <c r="N791813" s="10"/>
    </row>
    <row r="791814" spans="14:14">
      <c r="N791814" s="10"/>
    </row>
    <row r="791815" spans="14:14">
      <c r="N791815" s="10"/>
    </row>
    <row r="791816" spans="14:14">
      <c r="N791816" s="10"/>
    </row>
    <row r="791817" spans="14:14">
      <c r="N791817" s="10"/>
    </row>
    <row r="791818" spans="14:14">
      <c r="N791818" s="10"/>
    </row>
    <row r="791819" spans="14:14">
      <c r="N791819" s="10"/>
    </row>
    <row r="791820" spans="14:14">
      <c r="N791820" s="10"/>
    </row>
    <row r="791821" spans="14:14">
      <c r="N791821" s="10"/>
    </row>
    <row r="791822" spans="14:14">
      <c r="N791822" s="10"/>
    </row>
    <row r="791823" spans="14:14">
      <c r="N791823" s="10"/>
    </row>
    <row r="791824" spans="14:14">
      <c r="N791824" s="10"/>
    </row>
    <row r="791825" spans="14:14">
      <c r="N791825" s="10"/>
    </row>
    <row r="791826" spans="14:14">
      <c r="N791826" s="10"/>
    </row>
    <row r="791827" spans="14:14">
      <c r="N791827" s="10"/>
    </row>
    <row r="791828" spans="14:14">
      <c r="N791828" s="10"/>
    </row>
    <row r="791829" spans="14:14">
      <c r="N791829" s="10"/>
    </row>
    <row r="791830" spans="14:14">
      <c r="N791830" s="10"/>
    </row>
    <row r="791831" spans="14:14">
      <c r="N791831" s="10"/>
    </row>
    <row r="791832" spans="14:14">
      <c r="N791832" s="10"/>
    </row>
    <row r="791833" spans="14:14">
      <c r="N791833" s="10"/>
    </row>
    <row r="791834" spans="14:14">
      <c r="N791834" s="10"/>
    </row>
    <row r="791835" spans="14:14">
      <c r="N791835" s="10"/>
    </row>
    <row r="791836" spans="14:14">
      <c r="N791836" s="10"/>
    </row>
    <row r="791837" spans="14:14">
      <c r="N791837" s="10"/>
    </row>
    <row r="791838" spans="14:14">
      <c r="N791838" s="10"/>
    </row>
    <row r="791839" spans="14:14">
      <c r="N791839" s="10"/>
    </row>
    <row r="791840" spans="14:14">
      <c r="N791840" s="10"/>
    </row>
    <row r="791841" spans="14:14">
      <c r="N791841" s="10"/>
    </row>
    <row r="791842" spans="14:14">
      <c r="N791842" s="10"/>
    </row>
    <row r="791843" spans="14:14">
      <c r="N791843" s="10"/>
    </row>
    <row r="791844" spans="14:14">
      <c r="N791844" s="10"/>
    </row>
    <row r="791845" spans="14:14">
      <c r="N791845" s="10"/>
    </row>
    <row r="791846" spans="14:14">
      <c r="N791846" s="10"/>
    </row>
    <row r="791847" spans="14:14">
      <c r="N791847" s="10"/>
    </row>
    <row r="791848" spans="14:14">
      <c r="N791848" s="10"/>
    </row>
    <row r="791849" spans="14:14">
      <c r="N791849" s="10"/>
    </row>
    <row r="791850" spans="14:14">
      <c r="N791850" s="10"/>
    </row>
    <row r="791851" spans="14:14">
      <c r="N791851" s="10"/>
    </row>
    <row r="791852" spans="14:14">
      <c r="N791852" s="10"/>
    </row>
    <row r="791853" spans="14:14">
      <c r="N791853" s="10"/>
    </row>
    <row r="791854" spans="14:14">
      <c r="N791854" s="10"/>
    </row>
    <row r="791855" spans="14:14">
      <c r="N791855" s="10"/>
    </row>
    <row r="791856" spans="14:14">
      <c r="N791856" s="10"/>
    </row>
    <row r="791857" spans="14:14">
      <c r="N791857" s="10"/>
    </row>
    <row r="791858" spans="14:14">
      <c r="N791858" s="10"/>
    </row>
    <row r="791859" spans="14:14">
      <c r="N791859" s="10"/>
    </row>
    <row r="791860" spans="14:14">
      <c r="N791860" s="10"/>
    </row>
    <row r="791861" spans="14:14">
      <c r="N791861" s="10"/>
    </row>
    <row r="791862" spans="14:14">
      <c r="N791862" s="10"/>
    </row>
    <row r="791863" spans="14:14">
      <c r="N791863" s="10"/>
    </row>
    <row r="791864" spans="14:14">
      <c r="N791864" s="10"/>
    </row>
    <row r="791865" spans="14:14">
      <c r="N791865" s="10"/>
    </row>
    <row r="791866" spans="14:14">
      <c r="N791866" s="10"/>
    </row>
    <row r="791867" spans="14:14">
      <c r="N791867" s="10"/>
    </row>
    <row r="791868" spans="14:14">
      <c r="N791868" s="10"/>
    </row>
    <row r="791869" spans="14:14">
      <c r="N791869" s="10"/>
    </row>
    <row r="791870" spans="14:14">
      <c r="N791870" s="10"/>
    </row>
    <row r="791871" spans="14:14">
      <c r="N791871" s="10"/>
    </row>
    <row r="791872" spans="14:14">
      <c r="N791872" s="10"/>
    </row>
    <row r="791873" spans="14:14">
      <c r="N791873" s="10"/>
    </row>
    <row r="791874" spans="14:14">
      <c r="N791874" s="10"/>
    </row>
    <row r="791875" spans="14:14">
      <c r="N791875" s="10"/>
    </row>
    <row r="791876" spans="14:14">
      <c r="N791876" s="10"/>
    </row>
    <row r="791877" spans="14:14">
      <c r="N791877" s="10"/>
    </row>
    <row r="791878" spans="14:14">
      <c r="N791878" s="10"/>
    </row>
    <row r="791879" spans="14:14">
      <c r="N791879" s="10"/>
    </row>
    <row r="791880" spans="14:14">
      <c r="N791880" s="10"/>
    </row>
    <row r="791881" spans="14:14">
      <c r="N791881" s="10"/>
    </row>
    <row r="791882" spans="14:14">
      <c r="N791882" s="10"/>
    </row>
    <row r="791883" spans="14:14">
      <c r="N791883" s="10"/>
    </row>
    <row r="791884" spans="14:14">
      <c r="N791884" s="10"/>
    </row>
    <row r="791885" spans="14:14">
      <c r="N791885" s="10"/>
    </row>
    <row r="791886" spans="14:14">
      <c r="N791886" s="10"/>
    </row>
    <row r="791887" spans="14:14">
      <c r="N791887" s="10"/>
    </row>
    <row r="791888" spans="14:14">
      <c r="N791888" s="10"/>
    </row>
    <row r="791889" spans="14:14">
      <c r="N791889" s="10"/>
    </row>
    <row r="791890" spans="14:14">
      <c r="N791890" s="10"/>
    </row>
    <row r="791891" spans="14:14">
      <c r="N791891" s="10"/>
    </row>
    <row r="791892" spans="14:14">
      <c r="N791892" s="10"/>
    </row>
    <row r="791893" spans="14:14">
      <c r="N791893" s="10"/>
    </row>
    <row r="791894" spans="14:14">
      <c r="N791894" s="10"/>
    </row>
    <row r="791895" spans="14:14">
      <c r="N791895" s="10"/>
    </row>
    <row r="791896" spans="14:14">
      <c r="N791896" s="10"/>
    </row>
    <row r="791897" spans="14:14">
      <c r="N791897" s="10"/>
    </row>
    <row r="791898" spans="14:14">
      <c r="N791898" s="10"/>
    </row>
    <row r="791899" spans="14:14">
      <c r="N791899" s="10"/>
    </row>
    <row r="791900" spans="14:14">
      <c r="N791900" s="10"/>
    </row>
    <row r="791901" spans="14:14">
      <c r="N791901" s="10"/>
    </row>
    <row r="791902" spans="14:14">
      <c r="N791902" s="10"/>
    </row>
    <row r="791903" spans="14:14">
      <c r="N791903" s="10"/>
    </row>
    <row r="791904" spans="14:14">
      <c r="N791904" s="10"/>
    </row>
    <row r="791905" spans="14:14">
      <c r="N791905" s="10"/>
    </row>
    <row r="791906" spans="14:14">
      <c r="N791906" s="10"/>
    </row>
    <row r="791907" spans="14:14">
      <c r="N791907" s="10"/>
    </row>
    <row r="791908" spans="14:14">
      <c r="N791908" s="10"/>
    </row>
    <row r="791909" spans="14:14">
      <c r="N791909" s="10"/>
    </row>
    <row r="791910" spans="14:14">
      <c r="N791910" s="10"/>
    </row>
    <row r="791911" spans="14:14">
      <c r="N791911" s="10"/>
    </row>
    <row r="791912" spans="14:14">
      <c r="N791912" s="10"/>
    </row>
    <row r="791913" spans="14:14">
      <c r="N791913" s="10"/>
    </row>
    <row r="791914" spans="14:14">
      <c r="N791914" s="10"/>
    </row>
    <row r="791915" spans="14:14">
      <c r="N791915" s="10"/>
    </row>
    <row r="791916" spans="14:14">
      <c r="N791916" s="10"/>
    </row>
    <row r="791917" spans="14:14">
      <c r="N791917" s="10"/>
    </row>
    <row r="791918" spans="14:14">
      <c r="N791918" s="10"/>
    </row>
    <row r="791919" spans="14:14">
      <c r="N791919" s="10"/>
    </row>
    <row r="791920" spans="14:14">
      <c r="N791920" s="10"/>
    </row>
    <row r="791921" spans="14:14">
      <c r="N791921" s="10"/>
    </row>
    <row r="791922" spans="14:14">
      <c r="N791922" s="10"/>
    </row>
    <row r="791923" spans="14:14">
      <c r="N791923" s="10"/>
    </row>
    <row r="791924" spans="14:14">
      <c r="N791924" s="10"/>
    </row>
    <row r="791925" spans="14:14">
      <c r="N791925" s="10"/>
    </row>
    <row r="791926" spans="14:14">
      <c r="N791926" s="10"/>
    </row>
    <row r="791927" spans="14:14">
      <c r="N791927" s="10"/>
    </row>
    <row r="791928" spans="14:14">
      <c r="N791928" s="10"/>
    </row>
    <row r="791929" spans="14:14">
      <c r="N791929" s="10"/>
    </row>
    <row r="791930" spans="14:14">
      <c r="N791930" s="10"/>
    </row>
    <row r="791931" spans="14:14">
      <c r="N791931" s="10"/>
    </row>
    <row r="791932" spans="14:14">
      <c r="N791932" s="10"/>
    </row>
    <row r="791933" spans="14:14">
      <c r="N791933" s="10"/>
    </row>
    <row r="791934" spans="14:14">
      <c r="N791934" s="10"/>
    </row>
    <row r="791935" spans="14:14">
      <c r="N791935" s="10"/>
    </row>
    <row r="791936" spans="14:14">
      <c r="N791936" s="10"/>
    </row>
    <row r="791937" spans="14:14">
      <c r="N791937" s="10"/>
    </row>
    <row r="791938" spans="14:14">
      <c r="N791938" s="10"/>
    </row>
    <row r="791939" spans="14:14">
      <c r="N791939" s="10"/>
    </row>
    <row r="791940" spans="14:14">
      <c r="N791940" s="10"/>
    </row>
    <row r="791941" spans="14:14">
      <c r="N791941" s="10"/>
    </row>
    <row r="791942" spans="14:14">
      <c r="N791942" s="10"/>
    </row>
    <row r="791943" spans="14:14">
      <c r="N791943" s="10"/>
    </row>
    <row r="791944" spans="14:14">
      <c r="N791944" s="10"/>
    </row>
    <row r="791945" spans="14:14">
      <c r="N791945" s="10"/>
    </row>
    <row r="791946" spans="14:14">
      <c r="N791946" s="10"/>
    </row>
    <row r="791947" spans="14:14">
      <c r="N791947" s="10"/>
    </row>
    <row r="791948" spans="14:14">
      <c r="N791948" s="10"/>
    </row>
    <row r="791949" spans="14:14">
      <c r="N791949" s="10"/>
    </row>
    <row r="791950" spans="14:14">
      <c r="N791950" s="10"/>
    </row>
    <row r="791951" spans="14:14">
      <c r="N791951" s="10"/>
    </row>
    <row r="791952" spans="14:14">
      <c r="N791952" s="10"/>
    </row>
    <row r="791953" spans="14:14">
      <c r="N791953" s="10"/>
    </row>
    <row r="791954" spans="14:14">
      <c r="N791954" s="10"/>
    </row>
    <row r="791955" spans="14:14">
      <c r="N791955" s="10"/>
    </row>
    <row r="791956" spans="14:14">
      <c r="N791956" s="10"/>
    </row>
    <row r="791957" spans="14:14">
      <c r="N791957" s="10"/>
    </row>
    <row r="791958" spans="14:14">
      <c r="N791958" s="10"/>
    </row>
    <row r="791959" spans="14:14">
      <c r="N791959" s="10"/>
    </row>
    <row r="791960" spans="14:14">
      <c r="N791960" s="10"/>
    </row>
    <row r="791961" spans="14:14">
      <c r="N791961" s="10"/>
    </row>
    <row r="791962" spans="14:14">
      <c r="N791962" s="10"/>
    </row>
    <row r="791963" spans="14:14">
      <c r="N791963" s="10"/>
    </row>
    <row r="791964" spans="14:14">
      <c r="N791964" s="10"/>
    </row>
    <row r="791965" spans="14:14">
      <c r="N791965" s="10"/>
    </row>
    <row r="791966" spans="14:14">
      <c r="N791966" s="10"/>
    </row>
    <row r="791967" spans="14:14">
      <c r="N791967" s="10"/>
    </row>
    <row r="791968" spans="14:14">
      <c r="N791968" s="10"/>
    </row>
    <row r="791969" spans="14:14">
      <c r="N791969" s="10"/>
    </row>
    <row r="791970" spans="14:14">
      <c r="N791970" s="10"/>
    </row>
    <row r="791971" spans="14:14">
      <c r="N791971" s="10"/>
    </row>
    <row r="791972" spans="14:14">
      <c r="N791972" s="10"/>
    </row>
    <row r="791973" spans="14:14">
      <c r="N791973" s="10"/>
    </row>
    <row r="791974" spans="14:14">
      <c r="N791974" s="10"/>
    </row>
    <row r="791975" spans="14:14">
      <c r="N791975" s="10"/>
    </row>
    <row r="791976" spans="14:14">
      <c r="N791976" s="10"/>
    </row>
    <row r="791977" spans="14:14">
      <c r="N791977" s="10"/>
    </row>
    <row r="791978" spans="14:14">
      <c r="N791978" s="10"/>
    </row>
    <row r="791979" spans="14:14">
      <c r="N791979" s="10"/>
    </row>
    <row r="791980" spans="14:14">
      <c r="N791980" s="10"/>
    </row>
    <row r="791981" spans="14:14">
      <c r="N791981" s="10"/>
    </row>
    <row r="791982" spans="14:14">
      <c r="N791982" s="10"/>
    </row>
    <row r="791983" spans="14:14">
      <c r="N791983" s="10"/>
    </row>
    <row r="791984" spans="14:14">
      <c r="N791984" s="10"/>
    </row>
    <row r="791985" spans="14:14">
      <c r="N791985" s="10"/>
    </row>
    <row r="791986" spans="14:14">
      <c r="N791986" s="10"/>
    </row>
    <row r="791987" spans="14:14">
      <c r="N791987" s="10"/>
    </row>
    <row r="791988" spans="14:14">
      <c r="N791988" s="10"/>
    </row>
    <row r="791989" spans="14:14">
      <c r="N791989" s="10"/>
    </row>
    <row r="791990" spans="14:14">
      <c r="N791990" s="10"/>
    </row>
    <row r="791991" spans="14:14">
      <c r="N791991" s="10"/>
    </row>
    <row r="791992" spans="14:14">
      <c r="N791992" s="10"/>
    </row>
    <row r="791993" spans="14:14">
      <c r="N791993" s="10"/>
    </row>
    <row r="791994" spans="14:14">
      <c r="N791994" s="10"/>
    </row>
    <row r="791995" spans="14:14">
      <c r="N791995" s="10"/>
    </row>
    <row r="791996" spans="14:14">
      <c r="N791996" s="10"/>
    </row>
    <row r="791997" spans="14:14">
      <c r="N791997" s="10"/>
    </row>
    <row r="791998" spans="14:14">
      <c r="N791998" s="10"/>
    </row>
    <row r="791999" spans="14:14">
      <c r="N791999" s="10"/>
    </row>
    <row r="792000" spans="14:14">
      <c r="N792000" s="10"/>
    </row>
    <row r="792001" spans="14:14">
      <c r="N792001" s="10"/>
    </row>
    <row r="792002" spans="14:14">
      <c r="N792002" s="10"/>
    </row>
    <row r="792003" spans="14:14">
      <c r="N792003" s="10"/>
    </row>
    <row r="792004" spans="14:14">
      <c r="N792004" s="10"/>
    </row>
    <row r="792005" spans="14:14">
      <c r="N792005" s="10"/>
    </row>
    <row r="792006" spans="14:14">
      <c r="N792006" s="10"/>
    </row>
    <row r="792007" spans="14:14">
      <c r="N792007" s="10"/>
    </row>
    <row r="792008" spans="14:14">
      <c r="N792008" s="10"/>
    </row>
    <row r="792009" spans="14:14">
      <c r="N792009" s="10"/>
    </row>
    <row r="792010" spans="14:14">
      <c r="N792010" s="10"/>
    </row>
    <row r="792011" spans="14:14">
      <c r="N792011" s="10"/>
    </row>
    <row r="792012" spans="14:14">
      <c r="N792012" s="10"/>
    </row>
    <row r="792013" spans="14:14">
      <c r="N792013" s="10"/>
    </row>
    <row r="792014" spans="14:14">
      <c r="N792014" s="10"/>
    </row>
    <row r="792015" spans="14:14">
      <c r="N792015" s="10"/>
    </row>
    <row r="792016" spans="14:14">
      <c r="N792016" s="10"/>
    </row>
    <row r="792017" spans="14:14">
      <c r="N792017" s="10"/>
    </row>
    <row r="792018" spans="14:14">
      <c r="N792018" s="10"/>
    </row>
    <row r="792019" spans="14:14">
      <c r="N792019" s="10"/>
    </row>
    <row r="792020" spans="14:14">
      <c r="N792020" s="10"/>
    </row>
    <row r="792021" spans="14:14">
      <c r="N792021" s="10"/>
    </row>
    <row r="792022" spans="14:14">
      <c r="N792022" s="10"/>
    </row>
    <row r="792023" spans="14:14">
      <c r="N792023" s="10"/>
    </row>
    <row r="792024" spans="14:14">
      <c r="N792024" s="10"/>
    </row>
    <row r="792025" spans="14:14">
      <c r="N792025" s="10"/>
    </row>
    <row r="792026" spans="14:14">
      <c r="N792026" s="10"/>
    </row>
    <row r="792027" spans="14:14">
      <c r="N792027" s="10"/>
    </row>
    <row r="792028" spans="14:14">
      <c r="N792028" s="10"/>
    </row>
    <row r="792029" spans="14:14">
      <c r="N792029" s="10"/>
    </row>
    <row r="792030" spans="14:14">
      <c r="N792030" s="10"/>
    </row>
    <row r="792031" spans="14:14">
      <c r="N792031" s="10"/>
    </row>
    <row r="792032" spans="14:14">
      <c r="N792032" s="10"/>
    </row>
    <row r="792033" spans="14:14">
      <c r="N792033" s="10"/>
    </row>
    <row r="792034" spans="14:14">
      <c r="N792034" s="10"/>
    </row>
    <row r="792035" spans="14:14">
      <c r="N792035" s="10"/>
    </row>
    <row r="792036" spans="14:14">
      <c r="N792036" s="10"/>
    </row>
    <row r="792037" spans="14:14">
      <c r="N792037" s="10"/>
    </row>
    <row r="792038" spans="14:14">
      <c r="N792038" s="10"/>
    </row>
    <row r="792039" spans="14:14">
      <c r="N792039" s="10"/>
    </row>
    <row r="792040" spans="14:14">
      <c r="N792040" s="10"/>
    </row>
    <row r="792041" spans="14:14">
      <c r="N792041" s="10"/>
    </row>
    <row r="792042" spans="14:14">
      <c r="N792042" s="10"/>
    </row>
    <row r="792043" spans="14:14">
      <c r="N792043" s="10"/>
    </row>
    <row r="792044" spans="14:14">
      <c r="N792044" s="10"/>
    </row>
    <row r="792045" spans="14:14">
      <c r="N792045" s="10"/>
    </row>
    <row r="792046" spans="14:14">
      <c r="N792046" s="10"/>
    </row>
    <row r="792047" spans="14:14">
      <c r="N792047" s="10"/>
    </row>
    <row r="792048" spans="14:14">
      <c r="N792048" s="10"/>
    </row>
    <row r="792049" spans="14:14">
      <c r="N792049" s="10"/>
    </row>
    <row r="792050" spans="14:14">
      <c r="N792050" s="10"/>
    </row>
    <row r="792051" spans="14:14">
      <c r="N792051" s="10"/>
    </row>
    <row r="792052" spans="14:14">
      <c r="N792052" s="10"/>
    </row>
    <row r="792053" spans="14:14">
      <c r="N792053" s="10"/>
    </row>
    <row r="792054" spans="14:14">
      <c r="N792054" s="10"/>
    </row>
    <row r="792055" spans="14:14">
      <c r="N792055" s="10"/>
    </row>
    <row r="792056" spans="14:14">
      <c r="N792056" s="10"/>
    </row>
    <row r="792057" spans="14:14">
      <c r="N792057" s="10"/>
    </row>
    <row r="792058" spans="14:14">
      <c r="N792058" s="10"/>
    </row>
    <row r="792059" spans="14:14">
      <c r="N792059" s="10"/>
    </row>
    <row r="792060" spans="14:14">
      <c r="N792060" s="10"/>
    </row>
    <row r="792061" spans="14:14">
      <c r="N792061" s="10"/>
    </row>
    <row r="792062" spans="14:14">
      <c r="N792062" s="10"/>
    </row>
    <row r="792063" spans="14:14">
      <c r="N792063" s="10"/>
    </row>
    <row r="792064" spans="14:14">
      <c r="N792064" s="10"/>
    </row>
    <row r="792065" spans="14:14">
      <c r="N792065" s="10"/>
    </row>
    <row r="792066" spans="14:14">
      <c r="N792066" s="10"/>
    </row>
    <row r="792067" spans="14:14">
      <c r="N792067" s="10"/>
    </row>
    <row r="792068" spans="14:14">
      <c r="N792068" s="10"/>
    </row>
    <row r="792069" spans="14:14">
      <c r="N792069" s="10"/>
    </row>
    <row r="792070" spans="14:14">
      <c r="N792070" s="10"/>
    </row>
    <row r="792071" spans="14:14">
      <c r="N792071" s="10"/>
    </row>
    <row r="792072" spans="14:14">
      <c r="N792072" s="10"/>
    </row>
    <row r="792073" spans="14:14">
      <c r="N792073" s="10"/>
    </row>
    <row r="792074" spans="14:14">
      <c r="N792074" s="10"/>
    </row>
    <row r="792075" spans="14:14">
      <c r="N792075" s="10"/>
    </row>
    <row r="792076" spans="14:14">
      <c r="N792076" s="10"/>
    </row>
    <row r="792077" spans="14:14">
      <c r="N792077" s="10"/>
    </row>
    <row r="792078" spans="14:14">
      <c r="N792078" s="10"/>
    </row>
    <row r="792079" spans="14:14">
      <c r="N792079" s="10"/>
    </row>
    <row r="792080" spans="14:14">
      <c r="N792080" s="10"/>
    </row>
    <row r="792081" spans="14:14">
      <c r="N792081" s="10"/>
    </row>
    <row r="792082" spans="14:14">
      <c r="N792082" s="10"/>
    </row>
    <row r="792083" spans="14:14">
      <c r="N792083" s="10"/>
    </row>
    <row r="792084" spans="14:14">
      <c r="N792084" s="10"/>
    </row>
    <row r="792085" spans="14:14">
      <c r="N792085" s="10"/>
    </row>
    <row r="792086" spans="14:14">
      <c r="N792086" s="10"/>
    </row>
    <row r="792087" spans="14:14">
      <c r="N792087" s="10"/>
    </row>
    <row r="792088" spans="14:14">
      <c r="N792088" s="10"/>
    </row>
    <row r="792089" spans="14:14">
      <c r="N792089" s="10"/>
    </row>
    <row r="792090" spans="14:14">
      <c r="N792090" s="10"/>
    </row>
    <row r="792091" spans="14:14">
      <c r="N792091" s="10"/>
    </row>
    <row r="792092" spans="14:14">
      <c r="N792092" s="10"/>
    </row>
    <row r="792093" spans="14:14">
      <c r="N792093" s="10"/>
    </row>
    <row r="792094" spans="14:14">
      <c r="N792094" s="10"/>
    </row>
    <row r="792095" spans="14:14">
      <c r="N792095" s="10"/>
    </row>
    <row r="792096" spans="14:14">
      <c r="N792096" s="10"/>
    </row>
    <row r="792097" spans="14:14">
      <c r="N792097" s="10"/>
    </row>
    <row r="792098" spans="14:14">
      <c r="N792098" s="10"/>
    </row>
    <row r="792099" spans="14:14">
      <c r="N792099" s="10"/>
    </row>
    <row r="792100" spans="14:14">
      <c r="N792100" s="10"/>
    </row>
    <row r="792101" spans="14:14">
      <c r="N792101" s="10"/>
    </row>
    <row r="792102" spans="14:14">
      <c r="N792102" s="10"/>
    </row>
    <row r="792103" spans="14:14">
      <c r="N792103" s="10"/>
    </row>
    <row r="792104" spans="14:14">
      <c r="N792104" s="10"/>
    </row>
    <row r="792105" spans="14:14">
      <c r="N792105" s="10"/>
    </row>
    <row r="792106" spans="14:14">
      <c r="N792106" s="10"/>
    </row>
    <row r="792107" spans="14:14">
      <c r="N792107" s="10"/>
    </row>
    <row r="792108" spans="14:14">
      <c r="N792108" s="10"/>
    </row>
    <row r="792109" spans="14:14">
      <c r="N792109" s="10"/>
    </row>
    <row r="792110" spans="14:14">
      <c r="N792110" s="10"/>
    </row>
    <row r="792111" spans="14:14">
      <c r="N792111" s="10"/>
    </row>
    <row r="792112" spans="14:14">
      <c r="N792112" s="10"/>
    </row>
    <row r="792113" spans="14:14">
      <c r="N792113" s="10"/>
    </row>
    <row r="792114" spans="14:14">
      <c r="N792114" s="10"/>
    </row>
    <row r="792115" spans="14:14">
      <c r="N792115" s="10"/>
    </row>
    <row r="792116" spans="14:14">
      <c r="N792116" s="10"/>
    </row>
    <row r="792117" spans="14:14">
      <c r="N792117" s="10"/>
    </row>
    <row r="792118" spans="14:14">
      <c r="N792118" s="10"/>
    </row>
    <row r="792119" spans="14:14">
      <c r="N792119" s="10"/>
    </row>
    <row r="792120" spans="14:14">
      <c r="N792120" s="10"/>
    </row>
    <row r="792121" spans="14:14">
      <c r="N792121" s="10"/>
    </row>
    <row r="792122" spans="14:14">
      <c r="N792122" s="10"/>
    </row>
    <row r="792123" spans="14:14">
      <c r="N792123" s="10"/>
    </row>
    <row r="792124" spans="14:14">
      <c r="N792124" s="10"/>
    </row>
    <row r="792125" spans="14:14">
      <c r="N792125" s="10"/>
    </row>
    <row r="792126" spans="14:14">
      <c r="N792126" s="10"/>
    </row>
    <row r="792127" spans="14:14">
      <c r="N792127" s="10"/>
    </row>
    <row r="792128" spans="14:14">
      <c r="N792128" s="10"/>
    </row>
    <row r="792129" spans="14:14">
      <c r="N792129" s="10"/>
    </row>
    <row r="792130" spans="14:14">
      <c r="N792130" s="10"/>
    </row>
    <row r="792131" spans="14:14">
      <c r="N792131" s="10"/>
    </row>
    <row r="792132" spans="14:14">
      <c r="N792132" s="10"/>
    </row>
    <row r="792133" spans="14:14">
      <c r="N792133" s="10"/>
    </row>
    <row r="792134" spans="14:14">
      <c r="N792134" s="10"/>
    </row>
    <row r="792135" spans="14:14">
      <c r="N792135" s="10"/>
    </row>
    <row r="792136" spans="14:14">
      <c r="N792136" s="10"/>
    </row>
    <row r="792137" spans="14:14">
      <c r="N792137" s="10"/>
    </row>
    <row r="792138" spans="14:14">
      <c r="N792138" s="10"/>
    </row>
    <row r="792139" spans="14:14">
      <c r="N792139" s="10"/>
    </row>
    <row r="792140" spans="14:14">
      <c r="N792140" s="10"/>
    </row>
    <row r="792141" spans="14:14">
      <c r="N792141" s="10"/>
    </row>
    <row r="792142" spans="14:14">
      <c r="N792142" s="10"/>
    </row>
    <row r="792143" spans="14:14">
      <c r="N792143" s="10"/>
    </row>
    <row r="792144" spans="14:14">
      <c r="N792144" s="10"/>
    </row>
    <row r="792145" spans="14:14">
      <c r="N792145" s="10"/>
    </row>
    <row r="792146" spans="14:14">
      <c r="N792146" s="10"/>
    </row>
    <row r="792147" spans="14:14">
      <c r="N792147" s="10"/>
    </row>
    <row r="792148" spans="14:14">
      <c r="N792148" s="10"/>
    </row>
    <row r="792149" spans="14:14">
      <c r="N792149" s="10"/>
    </row>
    <row r="792150" spans="14:14">
      <c r="N792150" s="10"/>
    </row>
    <row r="792151" spans="14:14">
      <c r="N792151" s="10"/>
    </row>
    <row r="792152" spans="14:14">
      <c r="N792152" s="10"/>
    </row>
    <row r="792153" spans="14:14">
      <c r="N792153" s="10"/>
    </row>
    <row r="792154" spans="14:14">
      <c r="N792154" s="10"/>
    </row>
    <row r="792155" spans="14:14">
      <c r="N792155" s="10"/>
    </row>
    <row r="792156" spans="14:14">
      <c r="N792156" s="10"/>
    </row>
    <row r="792157" spans="14:14">
      <c r="N792157" s="10"/>
    </row>
    <row r="792158" spans="14:14">
      <c r="N792158" s="10"/>
    </row>
    <row r="792159" spans="14:14">
      <c r="N792159" s="10"/>
    </row>
    <row r="792160" spans="14:14">
      <c r="N792160" s="10"/>
    </row>
    <row r="792161" spans="14:14">
      <c r="N792161" s="10"/>
    </row>
    <row r="792162" spans="14:14">
      <c r="N792162" s="10"/>
    </row>
    <row r="792163" spans="14:14">
      <c r="N792163" s="10"/>
    </row>
    <row r="792164" spans="14:14">
      <c r="N792164" s="10"/>
    </row>
    <row r="792165" spans="14:14">
      <c r="N792165" s="10"/>
    </row>
    <row r="792166" spans="14:14">
      <c r="N792166" s="10"/>
    </row>
    <row r="792167" spans="14:14">
      <c r="N792167" s="10"/>
    </row>
    <row r="792168" spans="14:14">
      <c r="N792168" s="10"/>
    </row>
    <row r="792169" spans="14:14">
      <c r="N792169" s="10"/>
    </row>
    <row r="792170" spans="14:14">
      <c r="N792170" s="10"/>
    </row>
    <row r="792171" spans="14:14">
      <c r="N792171" s="10"/>
    </row>
    <row r="792172" spans="14:14">
      <c r="N792172" s="10"/>
    </row>
    <row r="792173" spans="14:14">
      <c r="N792173" s="10"/>
    </row>
    <row r="792174" spans="14:14">
      <c r="N792174" s="10"/>
    </row>
    <row r="792175" spans="14:14">
      <c r="N792175" s="10"/>
    </row>
    <row r="792176" spans="14:14">
      <c r="N792176" s="10"/>
    </row>
    <row r="792177" spans="14:14">
      <c r="N792177" s="10"/>
    </row>
    <row r="792178" spans="14:14">
      <c r="N792178" s="10"/>
    </row>
    <row r="792179" spans="14:14">
      <c r="N792179" s="10"/>
    </row>
    <row r="792180" spans="14:14">
      <c r="N792180" s="10"/>
    </row>
    <row r="792181" spans="14:14">
      <c r="N792181" s="10"/>
    </row>
    <row r="792182" spans="14:14">
      <c r="N792182" s="10"/>
    </row>
    <row r="792183" spans="14:14">
      <c r="N792183" s="10"/>
    </row>
    <row r="792184" spans="14:14">
      <c r="N792184" s="10"/>
    </row>
    <row r="792185" spans="14:14">
      <c r="N792185" s="10"/>
    </row>
    <row r="792186" spans="14:14">
      <c r="N792186" s="10"/>
    </row>
    <row r="792187" spans="14:14">
      <c r="N792187" s="10"/>
    </row>
    <row r="792188" spans="14:14">
      <c r="N792188" s="10"/>
    </row>
    <row r="792189" spans="14:14">
      <c r="N792189" s="10"/>
    </row>
    <row r="792190" spans="14:14">
      <c r="N792190" s="10"/>
    </row>
    <row r="792191" spans="14:14">
      <c r="N792191" s="10"/>
    </row>
    <row r="792192" spans="14:14">
      <c r="N792192" s="10"/>
    </row>
    <row r="792193" spans="14:14">
      <c r="N792193" s="10"/>
    </row>
    <row r="792194" spans="14:14">
      <c r="N792194" s="10"/>
    </row>
    <row r="792195" spans="14:14">
      <c r="N792195" s="10"/>
    </row>
    <row r="792196" spans="14:14">
      <c r="N792196" s="10"/>
    </row>
    <row r="792197" spans="14:14">
      <c r="N792197" s="10"/>
    </row>
    <row r="792198" spans="14:14">
      <c r="N792198" s="10"/>
    </row>
    <row r="792199" spans="14:14">
      <c r="N792199" s="10"/>
    </row>
    <row r="792200" spans="14:14">
      <c r="N792200" s="10"/>
    </row>
    <row r="792201" spans="14:14">
      <c r="N792201" s="10"/>
    </row>
    <row r="792202" spans="14:14">
      <c r="N792202" s="10"/>
    </row>
    <row r="792203" spans="14:14">
      <c r="N792203" s="10"/>
    </row>
    <row r="792204" spans="14:14">
      <c r="N792204" s="10"/>
    </row>
    <row r="792205" spans="14:14">
      <c r="N792205" s="10"/>
    </row>
    <row r="792206" spans="14:14">
      <c r="N792206" s="10"/>
    </row>
    <row r="792207" spans="14:14">
      <c r="N792207" s="10"/>
    </row>
    <row r="792208" spans="14:14">
      <c r="N792208" s="10"/>
    </row>
    <row r="792209" spans="14:14">
      <c r="N792209" s="10"/>
    </row>
    <row r="792210" spans="14:14">
      <c r="N792210" s="10"/>
    </row>
    <row r="792211" spans="14:14">
      <c r="N792211" s="10"/>
    </row>
    <row r="792212" spans="14:14">
      <c r="N792212" s="10"/>
    </row>
    <row r="792213" spans="14:14">
      <c r="N792213" s="10"/>
    </row>
    <row r="792214" spans="14:14">
      <c r="N792214" s="10"/>
    </row>
    <row r="792215" spans="14:14">
      <c r="N792215" s="10"/>
    </row>
    <row r="792216" spans="14:14">
      <c r="N792216" s="10"/>
    </row>
    <row r="792217" spans="14:14">
      <c r="N792217" s="10"/>
    </row>
    <row r="792218" spans="14:14">
      <c r="N792218" s="10"/>
    </row>
    <row r="792219" spans="14:14">
      <c r="N792219" s="10"/>
    </row>
    <row r="792220" spans="14:14">
      <c r="N792220" s="10"/>
    </row>
    <row r="792221" spans="14:14">
      <c r="N792221" s="10"/>
    </row>
    <row r="792222" spans="14:14">
      <c r="N792222" s="10"/>
    </row>
    <row r="792223" spans="14:14">
      <c r="N792223" s="10"/>
    </row>
    <row r="792224" spans="14:14">
      <c r="N792224" s="10"/>
    </row>
    <row r="792225" spans="14:14">
      <c r="N792225" s="10"/>
    </row>
    <row r="792226" spans="14:14">
      <c r="N792226" s="10"/>
    </row>
    <row r="792227" spans="14:14">
      <c r="N792227" s="10"/>
    </row>
    <row r="792228" spans="14:14">
      <c r="N792228" s="10"/>
    </row>
    <row r="792229" spans="14:14">
      <c r="N792229" s="10"/>
    </row>
    <row r="792230" spans="14:14">
      <c r="N792230" s="10"/>
    </row>
    <row r="792231" spans="14:14">
      <c r="N792231" s="10"/>
    </row>
    <row r="792232" spans="14:14">
      <c r="N792232" s="10"/>
    </row>
    <row r="792233" spans="14:14">
      <c r="N792233" s="10"/>
    </row>
    <row r="792234" spans="14:14">
      <c r="N792234" s="10"/>
    </row>
    <row r="792235" spans="14:14">
      <c r="N792235" s="10"/>
    </row>
    <row r="792236" spans="14:14">
      <c r="N792236" s="10"/>
    </row>
    <row r="792237" spans="14:14">
      <c r="N792237" s="10"/>
    </row>
    <row r="792238" spans="14:14">
      <c r="N792238" s="10"/>
    </row>
    <row r="792239" spans="14:14">
      <c r="N792239" s="10"/>
    </row>
    <row r="792240" spans="14:14">
      <c r="N792240" s="10"/>
    </row>
    <row r="792241" spans="14:14">
      <c r="N792241" s="10"/>
    </row>
    <row r="792242" spans="14:14">
      <c r="N792242" s="10"/>
    </row>
    <row r="792243" spans="14:14">
      <c r="N792243" s="10"/>
    </row>
    <row r="792244" spans="14:14">
      <c r="N792244" s="10"/>
    </row>
    <row r="792245" spans="14:14">
      <c r="N792245" s="10"/>
    </row>
    <row r="792246" spans="14:14">
      <c r="N792246" s="10"/>
    </row>
    <row r="792247" spans="14:14">
      <c r="N792247" s="10"/>
    </row>
    <row r="792248" spans="14:14">
      <c r="N792248" s="10"/>
    </row>
    <row r="792249" spans="14:14">
      <c r="N792249" s="10"/>
    </row>
    <row r="792250" spans="14:14">
      <c r="N792250" s="10"/>
    </row>
    <row r="792251" spans="14:14">
      <c r="N792251" s="10"/>
    </row>
    <row r="792252" spans="14:14">
      <c r="N792252" s="10"/>
    </row>
    <row r="792253" spans="14:14">
      <c r="N792253" s="10"/>
    </row>
    <row r="792254" spans="14:14">
      <c r="N792254" s="10"/>
    </row>
    <row r="792255" spans="14:14">
      <c r="N792255" s="10"/>
    </row>
    <row r="792256" spans="14:14">
      <c r="N792256" s="10"/>
    </row>
    <row r="792257" spans="14:14">
      <c r="N792257" s="10"/>
    </row>
    <row r="792258" spans="14:14">
      <c r="N792258" s="10"/>
    </row>
    <row r="792259" spans="14:14">
      <c r="N792259" s="10"/>
    </row>
    <row r="792260" spans="14:14">
      <c r="N792260" s="10"/>
    </row>
    <row r="792261" spans="14:14">
      <c r="N792261" s="10"/>
    </row>
    <row r="792262" spans="14:14">
      <c r="N792262" s="10"/>
    </row>
    <row r="792263" spans="14:14">
      <c r="N792263" s="10"/>
    </row>
    <row r="792264" spans="14:14">
      <c r="N792264" s="10"/>
    </row>
    <row r="792265" spans="14:14">
      <c r="N792265" s="10"/>
    </row>
    <row r="792266" spans="14:14">
      <c r="N792266" s="10"/>
    </row>
    <row r="792267" spans="14:14">
      <c r="N792267" s="10"/>
    </row>
    <row r="792268" spans="14:14">
      <c r="N792268" s="10"/>
    </row>
    <row r="792269" spans="14:14">
      <c r="N792269" s="10"/>
    </row>
    <row r="792270" spans="14:14">
      <c r="N792270" s="10"/>
    </row>
    <row r="792271" spans="14:14">
      <c r="N792271" s="10"/>
    </row>
    <row r="792272" spans="14:14">
      <c r="N792272" s="10"/>
    </row>
    <row r="792273" spans="14:14">
      <c r="N792273" s="10"/>
    </row>
    <row r="792274" spans="14:14">
      <c r="N792274" s="10"/>
    </row>
    <row r="792275" spans="14:14">
      <c r="N792275" s="10"/>
    </row>
    <row r="792276" spans="14:14">
      <c r="N792276" s="10"/>
    </row>
    <row r="792277" spans="14:14">
      <c r="N792277" s="10"/>
    </row>
    <row r="792278" spans="14:14">
      <c r="N792278" s="10"/>
    </row>
    <row r="792279" spans="14:14">
      <c r="N792279" s="10"/>
    </row>
    <row r="792280" spans="14:14">
      <c r="N792280" s="10"/>
    </row>
    <row r="792281" spans="14:14">
      <c r="N792281" s="10"/>
    </row>
    <row r="792282" spans="14:14">
      <c r="N792282" s="10"/>
    </row>
    <row r="792283" spans="14:14">
      <c r="N792283" s="10"/>
    </row>
    <row r="792284" spans="14:14">
      <c r="N792284" s="10"/>
    </row>
    <row r="792285" spans="14:14">
      <c r="N792285" s="10"/>
    </row>
    <row r="792286" spans="14:14">
      <c r="N792286" s="10"/>
    </row>
    <row r="792287" spans="14:14">
      <c r="N792287" s="10"/>
    </row>
    <row r="792288" spans="14:14">
      <c r="N792288" s="10"/>
    </row>
    <row r="792289" spans="14:14">
      <c r="N792289" s="10"/>
    </row>
    <row r="792290" spans="14:14">
      <c r="N792290" s="10"/>
    </row>
    <row r="792291" spans="14:14">
      <c r="N792291" s="10"/>
    </row>
    <row r="792292" spans="14:14">
      <c r="N792292" s="10"/>
    </row>
    <row r="792293" spans="14:14">
      <c r="N792293" s="10"/>
    </row>
    <row r="792294" spans="14:14">
      <c r="N792294" s="10"/>
    </row>
    <row r="792295" spans="14:14">
      <c r="N792295" s="10"/>
    </row>
    <row r="792296" spans="14:14">
      <c r="N792296" s="10"/>
    </row>
    <row r="792297" spans="14:14">
      <c r="N792297" s="10"/>
    </row>
    <row r="792298" spans="14:14">
      <c r="N792298" s="10"/>
    </row>
    <row r="792299" spans="14:14">
      <c r="N792299" s="10"/>
    </row>
    <row r="792300" spans="14:14">
      <c r="N792300" s="10"/>
    </row>
    <row r="792301" spans="14:14">
      <c r="N792301" s="10"/>
    </row>
    <row r="792302" spans="14:14">
      <c r="N792302" s="10"/>
    </row>
    <row r="792303" spans="14:14">
      <c r="N792303" s="10"/>
    </row>
    <row r="792304" spans="14:14">
      <c r="N792304" s="10"/>
    </row>
    <row r="792305" spans="14:14">
      <c r="N792305" s="10"/>
    </row>
    <row r="792306" spans="14:14">
      <c r="N792306" s="10"/>
    </row>
    <row r="792307" spans="14:14">
      <c r="N792307" s="10"/>
    </row>
    <row r="792308" spans="14:14">
      <c r="N792308" s="10"/>
    </row>
    <row r="792309" spans="14:14">
      <c r="N792309" s="10"/>
    </row>
    <row r="792310" spans="14:14">
      <c r="N792310" s="10"/>
    </row>
    <row r="792311" spans="14:14">
      <c r="N792311" s="10"/>
    </row>
    <row r="792312" spans="14:14">
      <c r="N792312" s="10"/>
    </row>
    <row r="792313" spans="14:14">
      <c r="N792313" s="10"/>
    </row>
    <row r="792314" spans="14:14">
      <c r="N792314" s="10"/>
    </row>
    <row r="792315" spans="14:14">
      <c r="N792315" s="10"/>
    </row>
    <row r="792316" spans="14:14">
      <c r="N792316" s="10"/>
    </row>
    <row r="792317" spans="14:14">
      <c r="N792317" s="10"/>
    </row>
    <row r="792318" spans="14:14">
      <c r="N792318" s="10"/>
    </row>
    <row r="792319" spans="14:14">
      <c r="N792319" s="10"/>
    </row>
    <row r="792320" spans="14:14">
      <c r="N792320" s="10"/>
    </row>
    <row r="792321" spans="14:14">
      <c r="N792321" s="10"/>
    </row>
    <row r="792322" spans="14:14">
      <c r="N792322" s="10"/>
    </row>
    <row r="792323" spans="14:14">
      <c r="N792323" s="10"/>
    </row>
    <row r="792324" spans="14:14">
      <c r="N792324" s="10"/>
    </row>
    <row r="792325" spans="14:14">
      <c r="N792325" s="10"/>
    </row>
    <row r="792326" spans="14:14">
      <c r="N792326" s="10"/>
    </row>
    <row r="792327" spans="14:14">
      <c r="N792327" s="10"/>
    </row>
    <row r="792328" spans="14:14">
      <c r="N792328" s="10"/>
    </row>
    <row r="792329" spans="14:14">
      <c r="N792329" s="10"/>
    </row>
    <row r="792330" spans="14:14">
      <c r="N792330" s="10"/>
    </row>
    <row r="792331" spans="14:14">
      <c r="N792331" s="10"/>
    </row>
    <row r="792332" spans="14:14">
      <c r="N792332" s="10"/>
    </row>
    <row r="792333" spans="14:14">
      <c r="N792333" s="10"/>
    </row>
    <row r="792334" spans="14:14">
      <c r="N792334" s="10"/>
    </row>
    <row r="792335" spans="14:14">
      <c r="N792335" s="10"/>
    </row>
    <row r="792336" spans="14:14">
      <c r="N792336" s="10"/>
    </row>
    <row r="792337" spans="14:14">
      <c r="N792337" s="10"/>
    </row>
    <row r="792338" spans="14:14">
      <c r="N792338" s="10"/>
    </row>
    <row r="792339" spans="14:14">
      <c r="N792339" s="10"/>
    </row>
    <row r="792340" spans="14:14">
      <c r="N792340" s="10"/>
    </row>
    <row r="792341" spans="14:14">
      <c r="N792341" s="10"/>
    </row>
    <row r="792342" spans="14:14">
      <c r="N792342" s="10"/>
    </row>
    <row r="792343" spans="14:14">
      <c r="N792343" s="10"/>
    </row>
    <row r="792344" spans="14:14">
      <c r="N792344" s="10"/>
    </row>
    <row r="792345" spans="14:14">
      <c r="N792345" s="10"/>
    </row>
    <row r="792346" spans="14:14">
      <c r="N792346" s="10"/>
    </row>
    <row r="792347" spans="14:14">
      <c r="N792347" s="10"/>
    </row>
    <row r="792348" spans="14:14">
      <c r="N792348" s="10"/>
    </row>
    <row r="792349" spans="14:14">
      <c r="N792349" s="10"/>
    </row>
    <row r="792350" spans="14:14">
      <c r="N792350" s="10"/>
    </row>
    <row r="792351" spans="14:14">
      <c r="N792351" s="10"/>
    </row>
    <row r="792352" spans="14:14">
      <c r="N792352" s="10"/>
    </row>
    <row r="792353" spans="14:14">
      <c r="N792353" s="10"/>
    </row>
    <row r="792354" spans="14:14">
      <c r="N792354" s="10"/>
    </row>
    <row r="792355" spans="14:14">
      <c r="N792355" s="10"/>
    </row>
    <row r="792356" spans="14:14">
      <c r="N792356" s="10"/>
    </row>
    <row r="792357" spans="14:14">
      <c r="N792357" s="10"/>
    </row>
    <row r="792358" spans="14:14">
      <c r="N792358" s="10"/>
    </row>
    <row r="792359" spans="14:14">
      <c r="N792359" s="10"/>
    </row>
    <row r="792360" spans="14:14">
      <c r="N792360" s="10"/>
    </row>
    <row r="792361" spans="14:14">
      <c r="N792361" s="10"/>
    </row>
    <row r="792362" spans="14:14">
      <c r="N792362" s="10"/>
    </row>
    <row r="792363" spans="14:14">
      <c r="N792363" s="10"/>
    </row>
    <row r="792364" spans="14:14">
      <c r="N792364" s="10"/>
    </row>
    <row r="792365" spans="14:14">
      <c r="N792365" s="10"/>
    </row>
    <row r="792366" spans="14:14">
      <c r="N792366" s="10"/>
    </row>
    <row r="792367" spans="14:14">
      <c r="N792367" s="10"/>
    </row>
    <row r="792368" spans="14:14">
      <c r="N792368" s="10"/>
    </row>
    <row r="792369" spans="14:14">
      <c r="N792369" s="10"/>
    </row>
    <row r="792370" spans="14:14">
      <c r="N792370" s="10"/>
    </row>
    <row r="792371" spans="14:14">
      <c r="N792371" s="10"/>
    </row>
    <row r="792372" spans="14:14">
      <c r="N792372" s="10"/>
    </row>
    <row r="792373" spans="14:14">
      <c r="N792373" s="10"/>
    </row>
    <row r="792374" spans="14:14">
      <c r="N792374" s="10"/>
    </row>
    <row r="792375" spans="14:14">
      <c r="N792375" s="10"/>
    </row>
    <row r="792376" spans="14:14">
      <c r="N792376" s="10"/>
    </row>
    <row r="792377" spans="14:14">
      <c r="N792377" s="10"/>
    </row>
    <row r="792378" spans="14:14">
      <c r="N792378" s="10"/>
    </row>
    <row r="792379" spans="14:14">
      <c r="N792379" s="10"/>
    </row>
    <row r="792380" spans="14:14">
      <c r="N792380" s="10"/>
    </row>
    <row r="792381" spans="14:14">
      <c r="N792381" s="10"/>
    </row>
    <row r="792382" spans="14:14">
      <c r="N792382" s="10"/>
    </row>
    <row r="792383" spans="14:14">
      <c r="N792383" s="10"/>
    </row>
    <row r="792384" spans="14:14">
      <c r="N792384" s="10"/>
    </row>
    <row r="792385" spans="14:14">
      <c r="N792385" s="10"/>
    </row>
    <row r="792386" spans="14:14">
      <c r="N792386" s="10"/>
    </row>
    <row r="792387" spans="14:14">
      <c r="N792387" s="10"/>
    </row>
    <row r="792388" spans="14:14">
      <c r="N792388" s="10"/>
    </row>
    <row r="792389" spans="14:14">
      <c r="N792389" s="10"/>
    </row>
    <row r="792390" spans="14:14">
      <c r="N792390" s="10"/>
    </row>
    <row r="792391" spans="14:14">
      <c r="N792391" s="10"/>
    </row>
    <row r="792392" spans="14:14">
      <c r="N792392" s="10"/>
    </row>
    <row r="792393" spans="14:14">
      <c r="N792393" s="10"/>
    </row>
    <row r="792394" spans="14:14">
      <c r="N792394" s="10"/>
    </row>
    <row r="792395" spans="14:14">
      <c r="N792395" s="10"/>
    </row>
    <row r="792396" spans="14:14">
      <c r="N792396" s="10"/>
    </row>
    <row r="792397" spans="14:14">
      <c r="N792397" s="10"/>
    </row>
    <row r="792398" spans="14:14">
      <c r="N792398" s="10"/>
    </row>
    <row r="792399" spans="14:14">
      <c r="N792399" s="10"/>
    </row>
    <row r="792400" spans="14:14">
      <c r="N792400" s="10"/>
    </row>
    <row r="792401" spans="14:14">
      <c r="N792401" s="10"/>
    </row>
    <row r="792402" spans="14:14">
      <c r="N792402" s="10"/>
    </row>
    <row r="792403" spans="14:14">
      <c r="N792403" s="10"/>
    </row>
    <row r="792404" spans="14:14">
      <c r="N792404" s="10"/>
    </row>
    <row r="792405" spans="14:14">
      <c r="N792405" s="10"/>
    </row>
    <row r="792406" spans="14:14">
      <c r="N792406" s="10"/>
    </row>
    <row r="792407" spans="14:14">
      <c r="N792407" s="10"/>
    </row>
    <row r="792408" spans="14:14">
      <c r="N792408" s="10"/>
    </row>
    <row r="792409" spans="14:14">
      <c r="N792409" s="10"/>
    </row>
    <row r="792410" spans="14:14">
      <c r="N792410" s="10"/>
    </row>
    <row r="792411" spans="14:14">
      <c r="N792411" s="10"/>
    </row>
    <row r="792412" spans="14:14">
      <c r="N792412" s="10"/>
    </row>
    <row r="792413" spans="14:14">
      <c r="N792413" s="10"/>
    </row>
    <row r="792414" spans="14:14">
      <c r="N792414" s="10"/>
    </row>
    <row r="792415" spans="14:14">
      <c r="N792415" s="10"/>
    </row>
    <row r="792416" spans="14:14">
      <c r="N792416" s="10"/>
    </row>
    <row r="792417" spans="14:14">
      <c r="N792417" s="10"/>
    </row>
    <row r="792418" spans="14:14">
      <c r="N792418" s="10"/>
    </row>
    <row r="792419" spans="14:14">
      <c r="N792419" s="10"/>
    </row>
    <row r="792420" spans="14:14">
      <c r="N792420" s="10"/>
    </row>
    <row r="792421" spans="14:14">
      <c r="N792421" s="10"/>
    </row>
    <row r="792422" spans="14:14">
      <c r="N792422" s="10"/>
    </row>
    <row r="792423" spans="14:14">
      <c r="N792423" s="10"/>
    </row>
    <row r="792424" spans="14:14">
      <c r="N792424" s="10"/>
    </row>
    <row r="792425" spans="14:14">
      <c r="N792425" s="10"/>
    </row>
    <row r="792426" spans="14:14">
      <c r="N792426" s="10"/>
    </row>
    <row r="792427" spans="14:14">
      <c r="N792427" s="10"/>
    </row>
    <row r="792428" spans="14:14">
      <c r="N792428" s="10"/>
    </row>
    <row r="792429" spans="14:14">
      <c r="N792429" s="10"/>
    </row>
    <row r="792430" spans="14:14">
      <c r="N792430" s="10"/>
    </row>
    <row r="792431" spans="14:14">
      <c r="N792431" s="10"/>
    </row>
    <row r="792432" spans="14:14">
      <c r="N792432" s="10"/>
    </row>
    <row r="792433" spans="14:14">
      <c r="N792433" s="10"/>
    </row>
    <row r="792434" spans="14:14">
      <c r="N792434" s="10"/>
    </row>
    <row r="792435" spans="14:14">
      <c r="N792435" s="10"/>
    </row>
    <row r="792436" spans="14:14">
      <c r="N792436" s="10"/>
    </row>
    <row r="792437" spans="14:14">
      <c r="N792437" s="10"/>
    </row>
    <row r="792438" spans="14:14">
      <c r="N792438" s="10"/>
    </row>
    <row r="792439" spans="14:14">
      <c r="N792439" s="10"/>
    </row>
    <row r="792440" spans="14:14">
      <c r="N792440" s="10"/>
    </row>
    <row r="792441" spans="14:14">
      <c r="N792441" s="10"/>
    </row>
    <row r="792442" spans="14:14">
      <c r="N792442" s="10"/>
    </row>
    <row r="792443" spans="14:14">
      <c r="N792443" s="10"/>
    </row>
    <row r="792444" spans="14:14">
      <c r="N792444" s="10"/>
    </row>
    <row r="792445" spans="14:14">
      <c r="N792445" s="10"/>
    </row>
    <row r="792446" spans="14:14">
      <c r="N792446" s="10"/>
    </row>
    <row r="792447" spans="14:14">
      <c r="N792447" s="10"/>
    </row>
    <row r="792448" spans="14:14">
      <c r="N792448" s="10"/>
    </row>
    <row r="792449" spans="14:14">
      <c r="N792449" s="10"/>
    </row>
    <row r="792450" spans="14:14">
      <c r="N792450" s="10"/>
    </row>
    <row r="792451" spans="14:14">
      <c r="N792451" s="10"/>
    </row>
    <row r="792452" spans="14:14">
      <c r="N792452" s="10"/>
    </row>
    <row r="792453" spans="14:14">
      <c r="N792453" s="10"/>
    </row>
    <row r="792454" spans="14:14">
      <c r="N792454" s="10"/>
    </row>
    <row r="792455" spans="14:14">
      <c r="N792455" s="10"/>
    </row>
    <row r="792456" spans="14:14">
      <c r="N792456" s="10"/>
    </row>
    <row r="792457" spans="14:14">
      <c r="N792457" s="10"/>
    </row>
    <row r="792458" spans="14:14">
      <c r="N792458" s="10"/>
    </row>
    <row r="792459" spans="14:14">
      <c r="N792459" s="10"/>
    </row>
    <row r="792460" spans="14:14">
      <c r="N792460" s="10"/>
    </row>
    <row r="792461" spans="14:14">
      <c r="N792461" s="10"/>
    </row>
    <row r="792462" spans="14:14">
      <c r="N792462" s="10"/>
    </row>
    <row r="792463" spans="14:14">
      <c r="N792463" s="10"/>
    </row>
    <row r="792464" spans="14:14">
      <c r="N792464" s="10"/>
    </row>
    <row r="792465" spans="14:14">
      <c r="N792465" s="10"/>
    </row>
    <row r="792466" spans="14:14">
      <c r="N792466" s="10"/>
    </row>
    <row r="792467" spans="14:14">
      <c r="N792467" s="10"/>
    </row>
    <row r="792468" spans="14:14">
      <c r="N792468" s="10"/>
    </row>
    <row r="792469" spans="14:14">
      <c r="N792469" s="10"/>
    </row>
    <row r="792470" spans="14:14">
      <c r="N792470" s="10"/>
    </row>
    <row r="792471" spans="14:14">
      <c r="N792471" s="10"/>
    </row>
    <row r="792472" spans="14:14">
      <c r="N792472" s="10"/>
    </row>
    <row r="792473" spans="14:14">
      <c r="N792473" s="10"/>
    </row>
    <row r="792474" spans="14:14">
      <c r="N792474" s="10"/>
    </row>
    <row r="792475" spans="14:14">
      <c r="N792475" s="10"/>
    </row>
    <row r="792476" spans="14:14">
      <c r="N792476" s="10"/>
    </row>
    <row r="792477" spans="14:14">
      <c r="N792477" s="10"/>
    </row>
    <row r="792478" spans="14:14">
      <c r="N792478" s="10"/>
    </row>
    <row r="792479" spans="14:14">
      <c r="N792479" s="10"/>
    </row>
    <row r="792480" spans="14:14">
      <c r="N792480" s="10"/>
    </row>
    <row r="792481" spans="14:14">
      <c r="N792481" s="10"/>
    </row>
    <row r="792482" spans="14:14">
      <c r="N792482" s="10"/>
    </row>
    <row r="792483" spans="14:14">
      <c r="N792483" s="10"/>
    </row>
    <row r="792484" spans="14:14">
      <c r="N792484" s="10"/>
    </row>
    <row r="792485" spans="14:14">
      <c r="N792485" s="10"/>
    </row>
    <row r="792486" spans="14:14">
      <c r="N792486" s="10"/>
    </row>
    <row r="792487" spans="14:14">
      <c r="N792487" s="10"/>
    </row>
    <row r="792488" spans="14:14">
      <c r="N792488" s="10"/>
    </row>
    <row r="792489" spans="14:14">
      <c r="N792489" s="10"/>
    </row>
    <row r="792490" spans="14:14">
      <c r="N792490" s="10"/>
    </row>
    <row r="792491" spans="14:14">
      <c r="N792491" s="10"/>
    </row>
    <row r="792492" spans="14:14">
      <c r="N792492" s="10"/>
    </row>
    <row r="792493" spans="14:14">
      <c r="N792493" s="10"/>
    </row>
    <row r="792494" spans="14:14">
      <c r="N792494" s="10"/>
    </row>
    <row r="792495" spans="14:14">
      <c r="N792495" s="10"/>
    </row>
    <row r="792496" spans="14:14">
      <c r="N792496" s="10"/>
    </row>
    <row r="792497" spans="14:14">
      <c r="N792497" s="10"/>
    </row>
    <row r="792498" spans="14:14">
      <c r="N792498" s="10"/>
    </row>
    <row r="792499" spans="14:14">
      <c r="N792499" s="10"/>
    </row>
    <row r="792500" spans="14:14">
      <c r="N792500" s="10"/>
    </row>
    <row r="792501" spans="14:14">
      <c r="N792501" s="10"/>
    </row>
    <row r="792502" spans="14:14">
      <c r="N792502" s="10"/>
    </row>
    <row r="792503" spans="14:14">
      <c r="N792503" s="10"/>
    </row>
    <row r="792504" spans="14:14">
      <c r="N792504" s="10"/>
    </row>
    <row r="792505" spans="14:14">
      <c r="N792505" s="10"/>
    </row>
    <row r="792506" spans="14:14">
      <c r="N792506" s="10"/>
    </row>
    <row r="792507" spans="14:14">
      <c r="N792507" s="10"/>
    </row>
    <row r="792508" spans="14:14">
      <c r="N792508" s="10"/>
    </row>
    <row r="792509" spans="14:14">
      <c r="N792509" s="10"/>
    </row>
    <row r="792510" spans="14:14">
      <c r="N792510" s="10"/>
    </row>
    <row r="792511" spans="14:14">
      <c r="N792511" s="10"/>
    </row>
    <row r="792512" spans="14:14">
      <c r="N792512" s="10"/>
    </row>
    <row r="792513" spans="14:14">
      <c r="N792513" s="10"/>
    </row>
    <row r="792514" spans="14:14">
      <c r="N792514" s="10"/>
    </row>
    <row r="792515" spans="14:14">
      <c r="N792515" s="10"/>
    </row>
    <row r="792516" spans="14:14">
      <c r="N792516" s="10"/>
    </row>
    <row r="792517" spans="14:14">
      <c r="N792517" s="10"/>
    </row>
    <row r="792518" spans="14:14">
      <c r="N792518" s="10"/>
    </row>
    <row r="792519" spans="14:14">
      <c r="N792519" s="10"/>
    </row>
    <row r="792520" spans="14:14">
      <c r="N792520" s="10"/>
    </row>
    <row r="792521" spans="14:14">
      <c r="N792521" s="10"/>
    </row>
    <row r="792522" spans="14:14">
      <c r="N792522" s="10"/>
    </row>
    <row r="792523" spans="14:14">
      <c r="N792523" s="10"/>
    </row>
    <row r="792524" spans="14:14">
      <c r="N792524" s="10"/>
    </row>
    <row r="792525" spans="14:14">
      <c r="N792525" s="10"/>
    </row>
    <row r="792526" spans="14:14">
      <c r="N792526" s="10"/>
    </row>
    <row r="792527" spans="14:14">
      <c r="N792527" s="10"/>
    </row>
    <row r="792528" spans="14:14">
      <c r="N792528" s="10"/>
    </row>
    <row r="792529" spans="14:14">
      <c r="N792529" s="10"/>
    </row>
    <row r="792530" spans="14:14">
      <c r="N792530" s="10"/>
    </row>
    <row r="792531" spans="14:14">
      <c r="N792531" s="10"/>
    </row>
    <row r="792532" spans="14:14">
      <c r="N792532" s="10"/>
    </row>
    <row r="792533" spans="14:14">
      <c r="N792533" s="10"/>
    </row>
    <row r="792534" spans="14:14">
      <c r="N792534" s="10"/>
    </row>
    <row r="792535" spans="14:14">
      <c r="N792535" s="10"/>
    </row>
    <row r="792536" spans="14:14">
      <c r="N792536" s="10"/>
    </row>
    <row r="792537" spans="14:14">
      <c r="N792537" s="10"/>
    </row>
    <row r="792538" spans="14:14">
      <c r="N792538" s="10"/>
    </row>
    <row r="792539" spans="14:14">
      <c r="N792539" s="10"/>
    </row>
    <row r="792540" spans="14:14">
      <c r="N792540" s="10"/>
    </row>
    <row r="792541" spans="14:14">
      <c r="N792541" s="10"/>
    </row>
    <row r="792542" spans="14:14">
      <c r="N792542" s="10"/>
    </row>
    <row r="792543" spans="14:14">
      <c r="N792543" s="10"/>
    </row>
    <row r="792544" spans="14:14">
      <c r="N792544" s="10"/>
    </row>
    <row r="792545" spans="14:14">
      <c r="N792545" s="10"/>
    </row>
    <row r="792546" spans="14:14">
      <c r="N792546" s="10"/>
    </row>
    <row r="792547" spans="14:14">
      <c r="N792547" s="10"/>
    </row>
    <row r="792548" spans="14:14">
      <c r="N792548" s="10"/>
    </row>
    <row r="792549" spans="14:14">
      <c r="N792549" s="10"/>
    </row>
    <row r="792550" spans="14:14">
      <c r="N792550" s="10"/>
    </row>
    <row r="792551" spans="14:14">
      <c r="N792551" s="10"/>
    </row>
    <row r="792552" spans="14:14">
      <c r="N792552" s="10"/>
    </row>
    <row r="792553" spans="14:14">
      <c r="N792553" s="10"/>
    </row>
    <row r="792554" spans="14:14">
      <c r="N792554" s="10"/>
    </row>
    <row r="792555" spans="14:14">
      <c r="N792555" s="10"/>
    </row>
    <row r="792556" spans="14:14">
      <c r="N792556" s="10"/>
    </row>
    <row r="792557" spans="14:14">
      <c r="N792557" s="10"/>
    </row>
    <row r="792558" spans="14:14">
      <c r="N792558" s="10"/>
    </row>
    <row r="792559" spans="14:14">
      <c r="N792559" s="10"/>
    </row>
    <row r="792560" spans="14:14">
      <c r="N792560" s="10"/>
    </row>
    <row r="792561" spans="14:14">
      <c r="N792561" s="10"/>
    </row>
    <row r="792562" spans="14:14">
      <c r="N792562" s="10"/>
    </row>
    <row r="792563" spans="14:14">
      <c r="N792563" s="10"/>
    </row>
    <row r="792564" spans="14:14">
      <c r="N792564" s="10"/>
    </row>
    <row r="792565" spans="14:14">
      <c r="N792565" s="10"/>
    </row>
    <row r="792566" spans="14:14">
      <c r="N792566" s="10"/>
    </row>
    <row r="792567" spans="14:14">
      <c r="N792567" s="10"/>
    </row>
    <row r="792568" spans="14:14">
      <c r="N792568" s="10"/>
    </row>
    <row r="792569" spans="14:14">
      <c r="N792569" s="10"/>
    </row>
    <row r="792570" spans="14:14">
      <c r="N792570" s="10"/>
    </row>
    <row r="792571" spans="14:14">
      <c r="N792571" s="10"/>
    </row>
    <row r="792572" spans="14:14">
      <c r="N792572" s="10"/>
    </row>
    <row r="792573" spans="14:14">
      <c r="N792573" s="10"/>
    </row>
    <row r="792574" spans="14:14">
      <c r="N792574" s="10"/>
    </row>
    <row r="792575" spans="14:14">
      <c r="N792575" s="10"/>
    </row>
    <row r="792576" spans="14:14">
      <c r="N792576" s="10"/>
    </row>
    <row r="792577" spans="14:14">
      <c r="N792577" s="10"/>
    </row>
    <row r="792578" spans="14:14">
      <c r="N792578" s="10"/>
    </row>
    <row r="792579" spans="14:14">
      <c r="N792579" s="10"/>
    </row>
    <row r="792580" spans="14:14">
      <c r="N792580" s="10"/>
    </row>
    <row r="792581" spans="14:14">
      <c r="N792581" s="10"/>
    </row>
    <row r="792582" spans="14:14">
      <c r="N792582" s="10"/>
    </row>
    <row r="792583" spans="14:14">
      <c r="N792583" s="10"/>
    </row>
    <row r="792584" spans="14:14">
      <c r="N792584" s="10"/>
    </row>
    <row r="792585" spans="14:14">
      <c r="N792585" s="10"/>
    </row>
    <row r="792586" spans="14:14">
      <c r="N792586" s="10"/>
    </row>
    <row r="792587" spans="14:14">
      <c r="N792587" s="10"/>
    </row>
    <row r="792588" spans="14:14">
      <c r="N792588" s="10"/>
    </row>
    <row r="792589" spans="14:14">
      <c r="N792589" s="10"/>
    </row>
    <row r="792590" spans="14:14">
      <c r="N792590" s="10"/>
    </row>
    <row r="792591" spans="14:14">
      <c r="N792591" s="10"/>
    </row>
    <row r="792592" spans="14:14">
      <c r="N792592" s="10"/>
    </row>
    <row r="792593" spans="14:14">
      <c r="N792593" s="10"/>
    </row>
    <row r="792594" spans="14:14">
      <c r="N792594" s="10"/>
    </row>
    <row r="792595" spans="14:14">
      <c r="N792595" s="10"/>
    </row>
    <row r="792596" spans="14:14">
      <c r="N792596" s="10"/>
    </row>
    <row r="792597" spans="14:14">
      <c r="N792597" s="10"/>
    </row>
    <row r="792598" spans="14:14">
      <c r="N792598" s="10"/>
    </row>
    <row r="792599" spans="14:14">
      <c r="N792599" s="10"/>
    </row>
    <row r="792600" spans="14:14">
      <c r="N792600" s="10"/>
    </row>
    <row r="792601" spans="14:14">
      <c r="N792601" s="10"/>
    </row>
    <row r="792602" spans="14:14">
      <c r="N792602" s="10"/>
    </row>
    <row r="792603" spans="14:14">
      <c r="N792603" s="10"/>
    </row>
    <row r="792604" spans="14:14">
      <c r="N792604" s="10"/>
    </row>
    <row r="792605" spans="14:14">
      <c r="N792605" s="10"/>
    </row>
    <row r="792606" spans="14:14">
      <c r="N792606" s="10"/>
    </row>
    <row r="792607" spans="14:14">
      <c r="N792607" s="10"/>
    </row>
    <row r="792608" spans="14:14">
      <c r="N792608" s="10"/>
    </row>
    <row r="792609" spans="14:14">
      <c r="N792609" s="10"/>
    </row>
    <row r="792610" spans="14:14">
      <c r="N792610" s="10"/>
    </row>
    <row r="792611" spans="14:14">
      <c r="N792611" s="10"/>
    </row>
    <row r="792612" spans="14:14">
      <c r="N792612" s="10"/>
    </row>
    <row r="792613" spans="14:14">
      <c r="N792613" s="10"/>
    </row>
    <row r="792614" spans="14:14">
      <c r="N792614" s="10"/>
    </row>
    <row r="792615" spans="14:14">
      <c r="N792615" s="10"/>
    </row>
    <row r="792616" spans="14:14">
      <c r="N792616" s="10"/>
    </row>
    <row r="792617" spans="14:14">
      <c r="N792617" s="10"/>
    </row>
    <row r="792618" spans="14:14">
      <c r="N792618" s="10"/>
    </row>
    <row r="792619" spans="14:14">
      <c r="N792619" s="10"/>
    </row>
    <row r="792620" spans="14:14">
      <c r="N792620" s="10"/>
    </row>
    <row r="792621" spans="14:14">
      <c r="N792621" s="10"/>
    </row>
    <row r="792622" spans="14:14">
      <c r="N792622" s="10"/>
    </row>
    <row r="792623" spans="14:14">
      <c r="N792623" s="10"/>
    </row>
    <row r="792624" spans="14:14">
      <c r="N792624" s="10"/>
    </row>
    <row r="792625" spans="14:14">
      <c r="N792625" s="10"/>
    </row>
    <row r="792626" spans="14:14">
      <c r="N792626" s="10"/>
    </row>
    <row r="792627" spans="14:14">
      <c r="N792627" s="10"/>
    </row>
    <row r="792628" spans="14:14">
      <c r="N792628" s="10"/>
    </row>
    <row r="792629" spans="14:14">
      <c r="N792629" s="10"/>
    </row>
    <row r="792630" spans="14:14">
      <c r="N792630" s="10"/>
    </row>
    <row r="792631" spans="14:14">
      <c r="N792631" s="10"/>
    </row>
    <row r="792632" spans="14:14">
      <c r="N792632" s="10"/>
    </row>
    <row r="792633" spans="14:14">
      <c r="N792633" s="10"/>
    </row>
    <row r="792634" spans="14:14">
      <c r="N792634" s="10"/>
    </row>
    <row r="792635" spans="14:14">
      <c r="N792635" s="10"/>
    </row>
    <row r="792636" spans="14:14">
      <c r="N792636" s="10"/>
    </row>
    <row r="792637" spans="14:14">
      <c r="N792637" s="10"/>
    </row>
    <row r="792638" spans="14:14">
      <c r="N792638" s="10"/>
    </row>
    <row r="792639" spans="14:14">
      <c r="N792639" s="10"/>
    </row>
    <row r="792640" spans="14:14">
      <c r="N792640" s="10"/>
    </row>
    <row r="792641" spans="14:14">
      <c r="N792641" s="10"/>
    </row>
    <row r="792642" spans="14:14">
      <c r="N792642" s="10"/>
    </row>
    <row r="792643" spans="14:14">
      <c r="N792643" s="10"/>
    </row>
    <row r="792644" spans="14:14">
      <c r="N792644" s="10"/>
    </row>
    <row r="792645" spans="14:14">
      <c r="N792645" s="10"/>
    </row>
    <row r="792646" spans="14:14">
      <c r="N792646" s="10"/>
    </row>
    <row r="792647" spans="14:14">
      <c r="N792647" s="10"/>
    </row>
    <row r="792648" spans="14:14">
      <c r="N792648" s="10"/>
    </row>
    <row r="792649" spans="14:14">
      <c r="N792649" s="10"/>
    </row>
    <row r="792650" spans="14:14">
      <c r="N792650" s="10"/>
    </row>
    <row r="792651" spans="14:14">
      <c r="N792651" s="10"/>
    </row>
    <row r="792652" spans="14:14">
      <c r="N792652" s="10"/>
    </row>
    <row r="792653" spans="14:14">
      <c r="N792653" s="10"/>
    </row>
    <row r="792654" spans="14:14">
      <c r="N792654" s="10"/>
    </row>
    <row r="792655" spans="14:14">
      <c r="N792655" s="10"/>
    </row>
    <row r="792656" spans="14:14">
      <c r="N792656" s="10"/>
    </row>
    <row r="792657" spans="14:14">
      <c r="N792657" s="10"/>
    </row>
    <row r="792658" spans="14:14">
      <c r="N792658" s="10"/>
    </row>
    <row r="792659" spans="14:14">
      <c r="N792659" s="10"/>
    </row>
    <row r="792660" spans="14:14">
      <c r="N792660" s="10"/>
    </row>
    <row r="792661" spans="14:14">
      <c r="N792661" s="10"/>
    </row>
    <row r="792662" spans="14:14">
      <c r="N792662" s="10"/>
    </row>
    <row r="792663" spans="14:14">
      <c r="N792663" s="10"/>
    </row>
    <row r="792664" spans="14:14">
      <c r="N792664" s="10"/>
    </row>
    <row r="792665" spans="14:14">
      <c r="N792665" s="10"/>
    </row>
    <row r="792666" spans="14:14">
      <c r="N792666" s="10"/>
    </row>
    <row r="792667" spans="14:14">
      <c r="N792667" s="10"/>
    </row>
    <row r="792668" spans="14:14">
      <c r="N792668" s="10"/>
    </row>
    <row r="792669" spans="14:14">
      <c r="N792669" s="10"/>
    </row>
    <row r="792670" spans="14:14">
      <c r="N792670" s="10"/>
    </row>
    <row r="792671" spans="14:14">
      <c r="N792671" s="10"/>
    </row>
    <row r="792672" spans="14:14">
      <c r="N792672" s="10"/>
    </row>
    <row r="792673" spans="14:14">
      <c r="N792673" s="10"/>
    </row>
    <row r="792674" spans="14:14">
      <c r="N792674" s="10"/>
    </row>
    <row r="792675" spans="14:14">
      <c r="N792675" s="10"/>
    </row>
    <row r="792676" spans="14:14">
      <c r="N792676" s="10"/>
    </row>
    <row r="792677" spans="14:14">
      <c r="N792677" s="10"/>
    </row>
    <row r="792678" spans="14:14">
      <c r="N792678" s="10"/>
    </row>
    <row r="792679" spans="14:14">
      <c r="N792679" s="10"/>
    </row>
    <row r="792680" spans="14:14">
      <c r="N792680" s="10"/>
    </row>
    <row r="792681" spans="14:14">
      <c r="N792681" s="10"/>
    </row>
    <row r="792682" spans="14:14">
      <c r="N792682" s="10"/>
    </row>
    <row r="792683" spans="14:14">
      <c r="N792683" s="10"/>
    </row>
    <row r="792684" spans="14:14">
      <c r="N792684" s="10"/>
    </row>
    <row r="792685" spans="14:14">
      <c r="N792685" s="10"/>
    </row>
    <row r="792686" spans="14:14">
      <c r="N792686" s="10"/>
    </row>
    <row r="792687" spans="14:14">
      <c r="N792687" s="10"/>
    </row>
    <row r="792688" spans="14:14">
      <c r="N792688" s="10"/>
    </row>
    <row r="792689" spans="14:14">
      <c r="N792689" s="10"/>
    </row>
    <row r="792690" spans="14:14">
      <c r="N792690" s="10"/>
    </row>
    <row r="792691" spans="14:14">
      <c r="N792691" s="10"/>
    </row>
    <row r="792692" spans="14:14">
      <c r="N792692" s="10"/>
    </row>
    <row r="792693" spans="14:14">
      <c r="N792693" s="10"/>
    </row>
    <row r="792694" spans="14:14">
      <c r="N792694" s="10"/>
    </row>
    <row r="792695" spans="14:14">
      <c r="N792695" s="10"/>
    </row>
    <row r="792696" spans="14:14">
      <c r="N792696" s="10"/>
    </row>
    <row r="792697" spans="14:14">
      <c r="N792697" s="10"/>
    </row>
    <row r="792698" spans="14:14">
      <c r="N792698" s="10"/>
    </row>
    <row r="792699" spans="14:14">
      <c r="N792699" s="10"/>
    </row>
    <row r="792700" spans="14:14">
      <c r="N792700" s="10"/>
    </row>
    <row r="792701" spans="14:14">
      <c r="N792701" s="10"/>
    </row>
    <row r="792702" spans="14:14">
      <c r="N792702" s="10"/>
    </row>
    <row r="792703" spans="14:14">
      <c r="N792703" s="10"/>
    </row>
    <row r="792704" spans="14:14">
      <c r="N792704" s="10"/>
    </row>
    <row r="792705" spans="14:14">
      <c r="N792705" s="10"/>
    </row>
    <row r="792706" spans="14:14">
      <c r="N792706" s="10"/>
    </row>
    <row r="792707" spans="14:14">
      <c r="N792707" s="10"/>
    </row>
    <row r="792708" spans="14:14">
      <c r="N792708" s="10"/>
    </row>
    <row r="792709" spans="14:14">
      <c r="N792709" s="10"/>
    </row>
    <row r="792710" spans="14:14">
      <c r="N792710" s="10"/>
    </row>
    <row r="792711" spans="14:14">
      <c r="N792711" s="10"/>
    </row>
    <row r="792712" spans="14:14">
      <c r="N792712" s="10"/>
    </row>
    <row r="792713" spans="14:14">
      <c r="N792713" s="10"/>
    </row>
    <row r="792714" spans="14:14">
      <c r="N792714" s="10"/>
    </row>
    <row r="792715" spans="14:14">
      <c r="N792715" s="10"/>
    </row>
    <row r="792716" spans="14:14">
      <c r="N792716" s="10"/>
    </row>
    <row r="792717" spans="14:14">
      <c r="N792717" s="10"/>
    </row>
    <row r="792718" spans="14:14">
      <c r="N792718" s="10"/>
    </row>
    <row r="792719" spans="14:14">
      <c r="N792719" s="10"/>
    </row>
    <row r="792720" spans="14:14">
      <c r="N792720" s="10"/>
    </row>
    <row r="792721" spans="14:14">
      <c r="N792721" s="10"/>
    </row>
    <row r="792722" spans="14:14">
      <c r="N792722" s="10"/>
    </row>
    <row r="792723" spans="14:14">
      <c r="N792723" s="10"/>
    </row>
    <row r="792724" spans="14:14">
      <c r="N792724" s="10"/>
    </row>
    <row r="792725" spans="14:14">
      <c r="N792725" s="10"/>
    </row>
    <row r="792726" spans="14:14">
      <c r="N792726" s="10"/>
    </row>
    <row r="792727" spans="14:14">
      <c r="N792727" s="10"/>
    </row>
    <row r="792728" spans="14:14">
      <c r="N792728" s="10"/>
    </row>
    <row r="792729" spans="14:14">
      <c r="N792729" s="10"/>
    </row>
    <row r="792730" spans="14:14">
      <c r="N792730" s="10"/>
    </row>
    <row r="792731" spans="14:14">
      <c r="N792731" s="10"/>
    </row>
    <row r="792732" spans="14:14">
      <c r="N792732" s="10"/>
    </row>
    <row r="792733" spans="14:14">
      <c r="N792733" s="10"/>
    </row>
    <row r="792734" spans="14:14">
      <c r="N792734" s="10"/>
    </row>
    <row r="792735" spans="14:14">
      <c r="N792735" s="10"/>
    </row>
    <row r="792736" spans="14:14">
      <c r="N792736" s="10"/>
    </row>
    <row r="792737" spans="14:14">
      <c r="N792737" s="10"/>
    </row>
    <row r="792738" spans="14:14">
      <c r="N792738" s="10"/>
    </row>
    <row r="792739" spans="14:14">
      <c r="N792739" s="10"/>
    </row>
    <row r="792740" spans="14:14">
      <c r="N792740" s="10"/>
    </row>
    <row r="792741" spans="14:14">
      <c r="N792741" s="10"/>
    </row>
    <row r="792742" spans="14:14">
      <c r="N792742" s="10"/>
    </row>
    <row r="792743" spans="14:14">
      <c r="N792743" s="10"/>
    </row>
    <row r="792744" spans="14:14">
      <c r="N792744" s="10"/>
    </row>
    <row r="792745" spans="14:14">
      <c r="N792745" s="10"/>
    </row>
    <row r="792746" spans="14:14">
      <c r="N792746" s="10"/>
    </row>
    <row r="792747" spans="14:14">
      <c r="N792747" s="10"/>
    </row>
    <row r="792748" spans="14:14">
      <c r="N792748" s="10"/>
    </row>
    <row r="792749" spans="14:14">
      <c r="N792749" s="10"/>
    </row>
    <row r="792750" spans="14:14">
      <c r="N792750" s="10"/>
    </row>
    <row r="792751" spans="14:14">
      <c r="N792751" s="10"/>
    </row>
    <row r="792752" spans="14:14">
      <c r="N792752" s="10"/>
    </row>
    <row r="792753" spans="14:14">
      <c r="N792753" s="10"/>
    </row>
    <row r="792754" spans="14:14">
      <c r="N792754" s="10"/>
    </row>
    <row r="792755" spans="14:14">
      <c r="N792755" s="10"/>
    </row>
    <row r="792756" spans="14:14">
      <c r="N792756" s="10"/>
    </row>
    <row r="792757" spans="14:14">
      <c r="N792757" s="10"/>
    </row>
    <row r="792758" spans="14:14">
      <c r="N792758" s="10"/>
    </row>
    <row r="792759" spans="14:14">
      <c r="N792759" s="10"/>
    </row>
    <row r="792760" spans="14:14">
      <c r="N792760" s="10"/>
    </row>
    <row r="792761" spans="14:14">
      <c r="N792761" s="10"/>
    </row>
    <row r="792762" spans="14:14">
      <c r="N792762" s="10"/>
    </row>
    <row r="792763" spans="14:14">
      <c r="N792763" s="10"/>
    </row>
    <row r="792764" spans="14:14">
      <c r="N792764" s="10"/>
    </row>
    <row r="792765" spans="14:14">
      <c r="N792765" s="10"/>
    </row>
    <row r="792766" spans="14:14">
      <c r="N792766" s="10"/>
    </row>
    <row r="792767" spans="14:14">
      <c r="N792767" s="10"/>
    </row>
    <row r="792768" spans="14:14">
      <c r="N792768" s="10"/>
    </row>
    <row r="792769" spans="14:14">
      <c r="N792769" s="10"/>
    </row>
    <row r="792770" spans="14:14">
      <c r="N792770" s="10"/>
    </row>
    <row r="792771" spans="14:14">
      <c r="N792771" s="10"/>
    </row>
    <row r="792772" spans="14:14">
      <c r="N792772" s="10"/>
    </row>
    <row r="792773" spans="14:14">
      <c r="N792773" s="10"/>
    </row>
    <row r="792774" spans="14:14">
      <c r="N792774" s="10"/>
    </row>
    <row r="792775" spans="14:14">
      <c r="N792775" s="10"/>
    </row>
    <row r="792776" spans="14:14">
      <c r="N792776" s="10"/>
    </row>
    <row r="792777" spans="14:14">
      <c r="N792777" s="10"/>
    </row>
    <row r="792778" spans="14:14">
      <c r="N792778" s="10"/>
    </row>
    <row r="792779" spans="14:14">
      <c r="N792779" s="10"/>
    </row>
    <row r="792780" spans="14:14">
      <c r="N792780" s="10"/>
    </row>
    <row r="792781" spans="14:14">
      <c r="N792781" s="10"/>
    </row>
    <row r="792782" spans="14:14">
      <c r="N792782" s="10"/>
    </row>
    <row r="792783" spans="14:14">
      <c r="N792783" s="10"/>
    </row>
    <row r="792784" spans="14:14">
      <c r="N792784" s="10"/>
    </row>
    <row r="792785" spans="14:14">
      <c r="N792785" s="10"/>
    </row>
    <row r="792786" spans="14:14">
      <c r="N792786" s="10"/>
    </row>
    <row r="792787" spans="14:14">
      <c r="N792787" s="10"/>
    </row>
    <row r="792788" spans="14:14">
      <c r="N792788" s="10"/>
    </row>
    <row r="792789" spans="14:14">
      <c r="N792789" s="10"/>
    </row>
    <row r="792790" spans="14:14">
      <c r="N792790" s="10"/>
    </row>
    <row r="792791" spans="14:14">
      <c r="N792791" s="10"/>
    </row>
    <row r="792792" spans="14:14">
      <c r="N792792" s="10"/>
    </row>
    <row r="792793" spans="14:14">
      <c r="N792793" s="10"/>
    </row>
    <row r="792794" spans="14:14">
      <c r="N792794" s="10"/>
    </row>
    <row r="792795" spans="14:14">
      <c r="N792795" s="10"/>
    </row>
    <row r="792796" spans="14:14">
      <c r="N792796" s="10"/>
    </row>
    <row r="792797" spans="14:14">
      <c r="N792797" s="10"/>
    </row>
    <row r="792798" spans="14:14">
      <c r="N792798" s="10"/>
    </row>
    <row r="792799" spans="14:14">
      <c r="N792799" s="10"/>
    </row>
    <row r="792800" spans="14:14">
      <c r="N792800" s="10"/>
    </row>
    <row r="792801" spans="14:14">
      <c r="N792801" s="10"/>
    </row>
    <row r="792802" spans="14:14">
      <c r="N792802" s="10"/>
    </row>
    <row r="792803" spans="14:14">
      <c r="N792803" s="10"/>
    </row>
    <row r="792804" spans="14:14">
      <c r="N792804" s="10"/>
    </row>
    <row r="792805" spans="14:14">
      <c r="N792805" s="10"/>
    </row>
    <row r="792806" spans="14:14">
      <c r="N792806" s="10"/>
    </row>
    <row r="792807" spans="14:14">
      <c r="N792807" s="10"/>
    </row>
    <row r="792808" spans="14:14">
      <c r="N792808" s="10"/>
    </row>
    <row r="792809" spans="14:14">
      <c r="N792809" s="10"/>
    </row>
    <row r="792810" spans="14:14">
      <c r="N792810" s="10"/>
    </row>
    <row r="792811" spans="14:14">
      <c r="N792811" s="10"/>
    </row>
    <row r="792812" spans="14:14">
      <c r="N792812" s="10"/>
    </row>
    <row r="792813" spans="14:14">
      <c r="N792813" s="10"/>
    </row>
    <row r="792814" spans="14:14">
      <c r="N792814" s="10"/>
    </row>
    <row r="792815" spans="14:14">
      <c r="N792815" s="10"/>
    </row>
    <row r="792816" spans="14:14">
      <c r="N792816" s="10"/>
    </row>
    <row r="792817" spans="14:14">
      <c r="N792817" s="10"/>
    </row>
    <row r="792818" spans="14:14">
      <c r="N792818" s="10"/>
    </row>
    <row r="792819" spans="14:14">
      <c r="N792819" s="10"/>
    </row>
    <row r="792820" spans="14:14">
      <c r="N792820" s="10"/>
    </row>
    <row r="792821" spans="14:14">
      <c r="N792821" s="10"/>
    </row>
    <row r="792822" spans="14:14">
      <c r="N792822" s="10"/>
    </row>
    <row r="792823" spans="14:14">
      <c r="N792823" s="10"/>
    </row>
    <row r="792824" spans="14:14">
      <c r="N792824" s="10"/>
    </row>
    <row r="792825" spans="14:14">
      <c r="N792825" s="10"/>
    </row>
    <row r="792826" spans="14:14">
      <c r="N792826" s="10"/>
    </row>
    <row r="792827" spans="14:14">
      <c r="N792827" s="10"/>
    </row>
    <row r="792828" spans="14:14">
      <c r="N792828" s="10"/>
    </row>
    <row r="792829" spans="14:14">
      <c r="N792829" s="10"/>
    </row>
    <row r="792830" spans="14:14">
      <c r="N792830" s="10"/>
    </row>
    <row r="792831" spans="14:14">
      <c r="N792831" s="10"/>
    </row>
    <row r="792832" spans="14:14">
      <c r="N792832" s="10"/>
    </row>
    <row r="792833" spans="14:14">
      <c r="N792833" s="10"/>
    </row>
    <row r="792834" spans="14:14">
      <c r="N792834" s="10"/>
    </row>
    <row r="792835" spans="14:14">
      <c r="N792835" s="10"/>
    </row>
    <row r="792836" spans="14:14">
      <c r="N792836" s="10"/>
    </row>
    <row r="792837" spans="14:14">
      <c r="N792837" s="10"/>
    </row>
    <row r="792838" spans="14:14">
      <c r="N792838" s="10"/>
    </row>
    <row r="792839" spans="14:14">
      <c r="N792839" s="10"/>
    </row>
    <row r="792840" spans="14:14">
      <c r="N792840" s="10"/>
    </row>
    <row r="792841" spans="14:14">
      <c r="N792841" s="10"/>
    </row>
    <row r="792842" spans="14:14">
      <c r="N792842" s="10"/>
    </row>
    <row r="792843" spans="14:14">
      <c r="N792843" s="10"/>
    </row>
    <row r="792844" spans="14:14">
      <c r="N792844" s="10"/>
    </row>
    <row r="792845" spans="14:14">
      <c r="N792845" s="10"/>
    </row>
    <row r="792846" spans="14:14">
      <c r="N792846" s="10"/>
    </row>
    <row r="792847" spans="14:14">
      <c r="N792847" s="10"/>
    </row>
    <row r="792848" spans="14:14">
      <c r="N792848" s="10"/>
    </row>
    <row r="792849" spans="14:14">
      <c r="N792849" s="10"/>
    </row>
    <row r="792850" spans="14:14">
      <c r="N792850" s="10"/>
    </row>
    <row r="792851" spans="14:14">
      <c r="N792851" s="10"/>
    </row>
    <row r="792852" spans="14:14">
      <c r="N792852" s="10"/>
    </row>
    <row r="792853" spans="14:14">
      <c r="N792853" s="10"/>
    </row>
    <row r="792854" spans="14:14">
      <c r="N792854" s="10"/>
    </row>
    <row r="792855" spans="14:14">
      <c r="N792855" s="10"/>
    </row>
    <row r="792856" spans="14:14">
      <c r="N792856" s="10"/>
    </row>
    <row r="792857" spans="14:14">
      <c r="N792857" s="10"/>
    </row>
    <row r="792858" spans="14:14">
      <c r="N792858" s="10"/>
    </row>
    <row r="792859" spans="14:14">
      <c r="N792859" s="10"/>
    </row>
    <row r="792860" spans="14:14">
      <c r="N792860" s="10"/>
    </row>
    <row r="792861" spans="14:14">
      <c r="N792861" s="10"/>
    </row>
    <row r="792862" spans="14:14">
      <c r="N792862" s="10"/>
    </row>
    <row r="792863" spans="14:14">
      <c r="N792863" s="10"/>
    </row>
    <row r="792864" spans="14:14">
      <c r="N792864" s="10"/>
    </row>
    <row r="792865" spans="14:14">
      <c r="N792865" s="10"/>
    </row>
    <row r="792866" spans="14:14">
      <c r="N792866" s="10"/>
    </row>
    <row r="792867" spans="14:14">
      <c r="N792867" s="10"/>
    </row>
    <row r="792868" spans="14:14">
      <c r="N792868" s="10"/>
    </row>
    <row r="792869" spans="14:14">
      <c r="N792869" s="10"/>
    </row>
    <row r="792870" spans="14:14">
      <c r="N792870" s="10"/>
    </row>
    <row r="792871" spans="14:14">
      <c r="N792871" s="10"/>
    </row>
    <row r="792872" spans="14:14">
      <c r="N792872" s="10"/>
    </row>
    <row r="792873" spans="14:14">
      <c r="N792873" s="10"/>
    </row>
    <row r="792874" spans="14:14">
      <c r="N792874" s="10"/>
    </row>
    <row r="792875" spans="14:14">
      <c r="N792875" s="10"/>
    </row>
    <row r="792876" spans="14:14">
      <c r="N792876" s="10"/>
    </row>
    <row r="792877" spans="14:14">
      <c r="N792877" s="10"/>
    </row>
    <row r="792878" spans="14:14">
      <c r="N792878" s="10"/>
    </row>
    <row r="792879" spans="14:14">
      <c r="N792879" s="10"/>
    </row>
    <row r="792880" spans="14:14">
      <c r="N792880" s="10"/>
    </row>
    <row r="792881" spans="14:14">
      <c r="N792881" s="10"/>
    </row>
    <row r="792882" spans="14:14">
      <c r="N792882" s="10"/>
    </row>
    <row r="792883" spans="14:14">
      <c r="N792883" s="10"/>
    </row>
    <row r="792884" spans="14:14">
      <c r="N792884" s="10"/>
    </row>
    <row r="792885" spans="14:14">
      <c r="N792885" s="10"/>
    </row>
    <row r="792886" spans="14:14">
      <c r="N792886" s="10"/>
    </row>
    <row r="792887" spans="14:14">
      <c r="N792887" s="10"/>
    </row>
    <row r="792888" spans="14:14">
      <c r="N792888" s="10"/>
    </row>
    <row r="792889" spans="14:14">
      <c r="N792889" s="10"/>
    </row>
    <row r="792890" spans="14:14">
      <c r="N792890" s="10"/>
    </row>
    <row r="792891" spans="14:14">
      <c r="N792891" s="10"/>
    </row>
    <row r="792892" spans="14:14">
      <c r="N792892" s="10"/>
    </row>
    <row r="792893" spans="14:14">
      <c r="N792893" s="10"/>
    </row>
    <row r="792894" spans="14:14">
      <c r="N792894" s="10"/>
    </row>
    <row r="792895" spans="14:14">
      <c r="N792895" s="10"/>
    </row>
    <row r="792896" spans="14:14">
      <c r="N792896" s="10"/>
    </row>
    <row r="792897" spans="14:14">
      <c r="N792897" s="10"/>
    </row>
    <row r="792898" spans="14:14">
      <c r="N792898" s="10"/>
    </row>
    <row r="792899" spans="14:14">
      <c r="N792899" s="10"/>
    </row>
    <row r="792900" spans="14:14">
      <c r="N792900" s="10"/>
    </row>
    <row r="792901" spans="14:14">
      <c r="N792901" s="10"/>
    </row>
    <row r="792902" spans="14:14">
      <c r="N792902" s="10"/>
    </row>
    <row r="792903" spans="14:14">
      <c r="N792903" s="10"/>
    </row>
    <row r="792904" spans="14:14">
      <c r="N792904" s="10"/>
    </row>
    <row r="792905" spans="14:14">
      <c r="N792905" s="10"/>
    </row>
    <row r="792906" spans="14:14">
      <c r="N792906" s="10"/>
    </row>
    <row r="792907" spans="14:14">
      <c r="N792907" s="10"/>
    </row>
    <row r="792908" spans="14:14">
      <c r="N792908" s="10"/>
    </row>
    <row r="792909" spans="14:14">
      <c r="N792909" s="10"/>
    </row>
    <row r="792910" spans="14:14">
      <c r="N792910" s="10"/>
    </row>
    <row r="792911" spans="14:14">
      <c r="N792911" s="10"/>
    </row>
    <row r="792912" spans="14:14">
      <c r="N792912" s="10"/>
    </row>
    <row r="792913" spans="14:14">
      <c r="N792913" s="10"/>
    </row>
    <row r="792914" spans="14:14">
      <c r="N792914" s="10"/>
    </row>
    <row r="792915" spans="14:14">
      <c r="N792915" s="10"/>
    </row>
    <row r="792916" spans="14:14">
      <c r="N792916" s="10"/>
    </row>
    <row r="792917" spans="14:14">
      <c r="N792917" s="10"/>
    </row>
    <row r="792918" spans="14:14">
      <c r="N792918" s="10"/>
    </row>
    <row r="792919" spans="14:14">
      <c r="N792919" s="10"/>
    </row>
    <row r="792920" spans="14:14">
      <c r="N792920" s="10"/>
    </row>
    <row r="792921" spans="14:14">
      <c r="N792921" s="10"/>
    </row>
    <row r="792922" spans="14:14">
      <c r="N792922" s="10"/>
    </row>
    <row r="792923" spans="14:14">
      <c r="N792923" s="10"/>
    </row>
    <row r="792924" spans="14:14">
      <c r="N792924" s="10"/>
    </row>
    <row r="792925" spans="14:14">
      <c r="N792925" s="10"/>
    </row>
    <row r="792926" spans="14:14">
      <c r="N792926" s="10"/>
    </row>
    <row r="792927" spans="14:14">
      <c r="N792927" s="10"/>
    </row>
    <row r="792928" spans="14:14">
      <c r="N792928" s="10"/>
    </row>
    <row r="792929" spans="14:14">
      <c r="N792929" s="10"/>
    </row>
    <row r="792930" spans="14:14">
      <c r="N792930" s="10"/>
    </row>
    <row r="792931" spans="14:14">
      <c r="N792931" s="10"/>
    </row>
    <row r="792932" spans="14:14">
      <c r="N792932" s="10"/>
    </row>
    <row r="792933" spans="14:14">
      <c r="N792933" s="10"/>
    </row>
    <row r="792934" spans="14:14">
      <c r="N792934" s="10"/>
    </row>
    <row r="792935" spans="14:14">
      <c r="N792935" s="10"/>
    </row>
    <row r="792936" spans="14:14">
      <c r="N792936" s="10"/>
    </row>
    <row r="792937" spans="14:14">
      <c r="N792937" s="10"/>
    </row>
    <row r="792938" spans="14:14">
      <c r="N792938" s="10"/>
    </row>
    <row r="792939" spans="14:14">
      <c r="N792939" s="10"/>
    </row>
    <row r="792940" spans="14:14">
      <c r="N792940" s="10"/>
    </row>
    <row r="792941" spans="14:14">
      <c r="N792941" s="10"/>
    </row>
    <row r="792942" spans="14:14">
      <c r="N792942" s="10"/>
    </row>
    <row r="792943" spans="14:14">
      <c r="N792943" s="10"/>
    </row>
    <row r="792944" spans="14:14">
      <c r="N792944" s="10"/>
    </row>
    <row r="792945" spans="14:14">
      <c r="N792945" s="10"/>
    </row>
    <row r="792946" spans="14:14">
      <c r="N792946" s="10"/>
    </row>
    <row r="792947" spans="14:14">
      <c r="N792947" s="10"/>
    </row>
    <row r="792948" spans="14:14">
      <c r="N792948" s="10"/>
    </row>
    <row r="792949" spans="14:14">
      <c r="N792949" s="10"/>
    </row>
    <row r="792950" spans="14:14">
      <c r="N792950" s="10"/>
    </row>
    <row r="792951" spans="14:14">
      <c r="N792951" s="10"/>
    </row>
    <row r="792952" spans="14:14">
      <c r="N792952" s="10"/>
    </row>
    <row r="792953" spans="14:14">
      <c r="N792953" s="10"/>
    </row>
    <row r="792954" spans="14:14">
      <c r="N792954" s="10"/>
    </row>
    <row r="792955" spans="14:14">
      <c r="N792955" s="10"/>
    </row>
    <row r="792956" spans="14:14">
      <c r="N792956" s="10"/>
    </row>
    <row r="792957" spans="14:14">
      <c r="N792957" s="10"/>
    </row>
    <row r="792958" spans="14:14">
      <c r="N792958" s="10"/>
    </row>
    <row r="792959" spans="14:14">
      <c r="N792959" s="10"/>
    </row>
    <row r="792960" spans="14:14">
      <c r="N792960" s="10"/>
    </row>
    <row r="792961" spans="14:14">
      <c r="N792961" s="10"/>
    </row>
    <row r="792962" spans="14:14">
      <c r="N792962" s="10"/>
    </row>
    <row r="792963" spans="14:14">
      <c r="N792963" s="10"/>
    </row>
    <row r="792964" spans="14:14">
      <c r="N792964" s="10"/>
    </row>
    <row r="792965" spans="14:14">
      <c r="N792965" s="10"/>
    </row>
    <row r="792966" spans="14:14">
      <c r="N792966" s="10"/>
    </row>
    <row r="792967" spans="14:14">
      <c r="N792967" s="10"/>
    </row>
    <row r="792968" spans="14:14">
      <c r="N792968" s="10"/>
    </row>
    <row r="792969" spans="14:14">
      <c r="N792969" s="10"/>
    </row>
    <row r="792970" spans="14:14">
      <c r="N792970" s="10"/>
    </row>
    <row r="792971" spans="14:14">
      <c r="N792971" s="10"/>
    </row>
    <row r="792972" spans="14:14">
      <c r="N792972" s="10"/>
    </row>
    <row r="792973" spans="14:14">
      <c r="N792973" s="10"/>
    </row>
    <row r="792974" spans="14:14">
      <c r="N792974" s="10"/>
    </row>
    <row r="792975" spans="14:14">
      <c r="N792975" s="10"/>
    </row>
    <row r="792976" spans="14:14">
      <c r="N792976" s="10"/>
    </row>
    <row r="792977" spans="14:14">
      <c r="N792977" s="10"/>
    </row>
    <row r="792978" spans="14:14">
      <c r="N792978" s="10"/>
    </row>
    <row r="792979" spans="14:14">
      <c r="N792979" s="10"/>
    </row>
    <row r="792980" spans="14:14">
      <c r="N792980" s="10"/>
    </row>
    <row r="792981" spans="14:14">
      <c r="N792981" s="10"/>
    </row>
    <row r="792982" spans="14:14">
      <c r="N792982" s="10"/>
    </row>
    <row r="792983" spans="14:14">
      <c r="N792983" s="10"/>
    </row>
    <row r="792984" spans="14:14">
      <c r="N792984" s="10"/>
    </row>
    <row r="792985" spans="14:14">
      <c r="N792985" s="10"/>
    </row>
    <row r="792986" spans="14:14">
      <c r="N792986" s="10"/>
    </row>
    <row r="792987" spans="14:14">
      <c r="N792987" s="10"/>
    </row>
    <row r="792988" spans="14:14">
      <c r="N792988" s="10"/>
    </row>
    <row r="792989" spans="14:14">
      <c r="N792989" s="10"/>
    </row>
    <row r="792990" spans="14:14">
      <c r="N792990" s="10"/>
    </row>
    <row r="792991" spans="14:14">
      <c r="N792991" s="10"/>
    </row>
    <row r="792992" spans="14:14">
      <c r="N792992" s="10"/>
    </row>
    <row r="792993" spans="14:14">
      <c r="N792993" s="10"/>
    </row>
    <row r="792994" spans="14:14">
      <c r="N792994" s="10"/>
    </row>
    <row r="792995" spans="14:14">
      <c r="N792995" s="10"/>
    </row>
    <row r="792996" spans="14:14">
      <c r="N792996" s="10"/>
    </row>
    <row r="792997" spans="14:14">
      <c r="N792997" s="10"/>
    </row>
    <row r="792998" spans="14:14">
      <c r="N792998" s="10"/>
    </row>
    <row r="792999" spans="14:14">
      <c r="N792999" s="10"/>
    </row>
    <row r="793000" spans="14:14">
      <c r="N793000" s="10"/>
    </row>
    <row r="793001" spans="14:14">
      <c r="N793001" s="10"/>
    </row>
    <row r="793002" spans="14:14">
      <c r="N793002" s="10"/>
    </row>
    <row r="793003" spans="14:14">
      <c r="N793003" s="10"/>
    </row>
    <row r="793004" spans="14:14">
      <c r="N793004" s="10"/>
    </row>
    <row r="793005" spans="14:14">
      <c r="N793005" s="10"/>
    </row>
    <row r="793006" spans="14:14">
      <c r="N793006" s="10"/>
    </row>
    <row r="793007" spans="14:14">
      <c r="N793007" s="10"/>
    </row>
    <row r="793008" spans="14:14">
      <c r="N793008" s="10"/>
    </row>
    <row r="793009" spans="14:14">
      <c r="N793009" s="10"/>
    </row>
    <row r="793010" spans="14:14">
      <c r="N793010" s="10"/>
    </row>
    <row r="793011" spans="14:14">
      <c r="N793011" s="10"/>
    </row>
    <row r="793012" spans="14:14">
      <c r="N793012" s="10"/>
    </row>
    <row r="793013" spans="14:14">
      <c r="N793013" s="10"/>
    </row>
    <row r="793014" spans="14:14">
      <c r="N793014" s="10"/>
    </row>
    <row r="793015" spans="14:14">
      <c r="N793015" s="10"/>
    </row>
    <row r="793016" spans="14:14">
      <c r="N793016" s="10"/>
    </row>
    <row r="793017" spans="14:14">
      <c r="N793017" s="10"/>
    </row>
    <row r="793018" spans="14:14">
      <c r="N793018" s="10"/>
    </row>
    <row r="793019" spans="14:14">
      <c r="N793019" s="10"/>
    </row>
    <row r="793020" spans="14:14">
      <c r="N793020" s="10"/>
    </row>
    <row r="793021" spans="14:14">
      <c r="N793021" s="10"/>
    </row>
    <row r="793022" spans="14:14">
      <c r="N793022" s="10"/>
    </row>
    <row r="793023" spans="14:14">
      <c r="N793023" s="10"/>
    </row>
    <row r="793024" spans="14:14">
      <c r="N793024" s="10"/>
    </row>
    <row r="793025" spans="14:14">
      <c r="N793025" s="10"/>
    </row>
    <row r="793026" spans="14:14">
      <c r="N793026" s="10"/>
    </row>
    <row r="793027" spans="14:14">
      <c r="N793027" s="10"/>
    </row>
    <row r="793028" spans="14:14">
      <c r="N793028" s="10"/>
    </row>
    <row r="793029" spans="14:14">
      <c r="N793029" s="10"/>
    </row>
    <row r="793030" spans="14:14">
      <c r="N793030" s="10"/>
    </row>
    <row r="793031" spans="14:14">
      <c r="N793031" s="10"/>
    </row>
    <row r="793032" spans="14:14">
      <c r="N793032" s="10"/>
    </row>
    <row r="793033" spans="14:14">
      <c r="N793033" s="10"/>
    </row>
    <row r="793034" spans="14:14">
      <c r="N793034" s="10"/>
    </row>
    <row r="793035" spans="14:14">
      <c r="N793035" s="10"/>
    </row>
    <row r="793036" spans="14:14">
      <c r="N793036" s="10"/>
    </row>
    <row r="793037" spans="14:14">
      <c r="N793037" s="10"/>
    </row>
    <row r="793038" spans="14:14">
      <c r="N793038" s="10"/>
    </row>
    <row r="793039" spans="14:14">
      <c r="N793039" s="10"/>
    </row>
    <row r="793040" spans="14:14">
      <c r="N793040" s="10"/>
    </row>
    <row r="793041" spans="14:14">
      <c r="N793041" s="10"/>
    </row>
    <row r="793042" spans="14:14">
      <c r="N793042" s="10"/>
    </row>
    <row r="793043" spans="14:14">
      <c r="N793043" s="10"/>
    </row>
    <row r="793044" spans="14:14">
      <c r="N793044" s="10"/>
    </row>
    <row r="793045" spans="14:14">
      <c r="N793045" s="10"/>
    </row>
    <row r="793046" spans="14:14">
      <c r="N793046" s="10"/>
    </row>
    <row r="793047" spans="14:14">
      <c r="N793047" s="10"/>
    </row>
    <row r="793048" spans="14:14">
      <c r="N793048" s="10"/>
    </row>
    <row r="793049" spans="14:14">
      <c r="N793049" s="10"/>
    </row>
    <row r="793050" spans="14:14">
      <c r="N793050" s="10"/>
    </row>
    <row r="793051" spans="14:14">
      <c r="N793051" s="10"/>
    </row>
    <row r="793052" spans="14:14">
      <c r="N793052" s="10"/>
    </row>
    <row r="793053" spans="14:14">
      <c r="N793053" s="10"/>
    </row>
    <row r="793054" spans="14:14">
      <c r="N793054" s="10"/>
    </row>
    <row r="793055" spans="14:14">
      <c r="N793055" s="10"/>
    </row>
    <row r="793056" spans="14:14">
      <c r="N793056" s="10"/>
    </row>
    <row r="793057" spans="14:14">
      <c r="N793057" s="10"/>
    </row>
    <row r="793058" spans="14:14">
      <c r="N793058" s="10"/>
    </row>
    <row r="793059" spans="14:14">
      <c r="N793059" s="10"/>
    </row>
    <row r="793060" spans="14:14">
      <c r="N793060" s="10"/>
    </row>
    <row r="793061" spans="14:14">
      <c r="N793061" s="10"/>
    </row>
    <row r="793062" spans="14:14">
      <c r="N793062" s="10"/>
    </row>
    <row r="793063" spans="14:14">
      <c r="N793063" s="10"/>
    </row>
    <row r="793064" spans="14:14">
      <c r="N793064" s="10"/>
    </row>
    <row r="793065" spans="14:14">
      <c r="N793065" s="10"/>
    </row>
    <row r="793066" spans="14:14">
      <c r="N793066" s="10"/>
    </row>
    <row r="793067" spans="14:14">
      <c r="N793067" s="10"/>
    </row>
    <row r="793068" spans="14:14">
      <c r="N793068" s="10"/>
    </row>
    <row r="793069" spans="14:14">
      <c r="N793069" s="10"/>
    </row>
    <row r="793070" spans="14:14">
      <c r="N793070" s="10"/>
    </row>
    <row r="793071" spans="14:14">
      <c r="N793071" s="10"/>
    </row>
    <row r="793072" spans="14:14">
      <c r="N793072" s="10"/>
    </row>
    <row r="793073" spans="14:14">
      <c r="N793073" s="10"/>
    </row>
    <row r="793074" spans="14:14">
      <c r="N793074" s="10"/>
    </row>
    <row r="793075" spans="14:14">
      <c r="N793075" s="10"/>
    </row>
    <row r="793076" spans="14:14">
      <c r="N793076" s="10"/>
    </row>
    <row r="793077" spans="14:14">
      <c r="N793077" s="10"/>
    </row>
    <row r="793078" spans="14:14">
      <c r="N793078" s="10"/>
    </row>
    <row r="793079" spans="14:14">
      <c r="N793079" s="10"/>
    </row>
    <row r="793080" spans="14:14">
      <c r="N793080" s="10"/>
    </row>
    <row r="793081" spans="14:14">
      <c r="N793081" s="10"/>
    </row>
    <row r="793082" spans="14:14">
      <c r="N793082" s="10"/>
    </row>
    <row r="793083" spans="14:14">
      <c r="N793083" s="10"/>
    </row>
    <row r="793084" spans="14:14">
      <c r="N793084" s="10"/>
    </row>
    <row r="793085" spans="14:14">
      <c r="N793085" s="10"/>
    </row>
    <row r="793086" spans="14:14">
      <c r="N793086" s="10"/>
    </row>
    <row r="793087" spans="14:14">
      <c r="N793087" s="10"/>
    </row>
    <row r="793088" spans="14:14">
      <c r="N793088" s="10"/>
    </row>
    <row r="793089" spans="14:14">
      <c r="N793089" s="10"/>
    </row>
    <row r="793090" spans="14:14">
      <c r="N793090" s="10"/>
    </row>
    <row r="793091" spans="14:14">
      <c r="N793091" s="10"/>
    </row>
    <row r="793092" spans="14:14">
      <c r="N793092" s="10"/>
    </row>
    <row r="793093" spans="14:14">
      <c r="N793093" s="10"/>
    </row>
    <row r="793094" spans="14:14">
      <c r="N793094" s="10"/>
    </row>
    <row r="793095" spans="14:14">
      <c r="N793095" s="10"/>
    </row>
    <row r="793096" spans="14:14">
      <c r="N793096" s="10"/>
    </row>
    <row r="793097" spans="14:14">
      <c r="N793097" s="10"/>
    </row>
    <row r="793098" spans="14:14">
      <c r="N793098" s="10"/>
    </row>
    <row r="793099" spans="14:14">
      <c r="N793099" s="10"/>
    </row>
    <row r="793100" spans="14:14">
      <c r="N793100" s="10"/>
    </row>
    <row r="793101" spans="14:14">
      <c r="N793101" s="10"/>
    </row>
    <row r="793102" spans="14:14">
      <c r="N793102" s="10"/>
    </row>
    <row r="793103" spans="14:14">
      <c r="N793103" s="10"/>
    </row>
    <row r="793104" spans="14:14">
      <c r="N793104" s="10"/>
    </row>
    <row r="793105" spans="14:14">
      <c r="N793105" s="10"/>
    </row>
    <row r="793106" spans="14:14">
      <c r="N793106" s="10"/>
    </row>
    <row r="793107" spans="14:14">
      <c r="N793107" s="10"/>
    </row>
    <row r="793108" spans="14:14">
      <c r="N793108" s="10"/>
    </row>
    <row r="793109" spans="14:14">
      <c r="N793109" s="10"/>
    </row>
    <row r="793110" spans="14:14">
      <c r="N793110" s="10"/>
    </row>
    <row r="793111" spans="14:14">
      <c r="N793111" s="10"/>
    </row>
    <row r="793112" spans="14:14">
      <c r="N793112" s="10"/>
    </row>
    <row r="793113" spans="14:14">
      <c r="N793113" s="10"/>
    </row>
    <row r="793114" spans="14:14">
      <c r="N793114" s="10"/>
    </row>
    <row r="793115" spans="14:14">
      <c r="N793115" s="10"/>
    </row>
    <row r="793116" spans="14:14">
      <c r="N793116" s="10"/>
    </row>
    <row r="793117" spans="14:14">
      <c r="N793117" s="10"/>
    </row>
    <row r="793118" spans="14:14">
      <c r="N793118" s="10"/>
    </row>
    <row r="793119" spans="14:14">
      <c r="N793119" s="10"/>
    </row>
    <row r="793120" spans="14:14">
      <c r="N793120" s="10"/>
    </row>
    <row r="793121" spans="14:14">
      <c r="N793121" s="10"/>
    </row>
    <row r="793122" spans="14:14">
      <c r="N793122" s="10"/>
    </row>
    <row r="793123" spans="14:14">
      <c r="N793123" s="10"/>
    </row>
    <row r="793124" spans="14:14">
      <c r="N793124" s="10"/>
    </row>
    <row r="793125" spans="14:14">
      <c r="N793125" s="10"/>
    </row>
    <row r="793126" spans="14:14">
      <c r="N793126" s="10"/>
    </row>
    <row r="793127" spans="14:14">
      <c r="N793127" s="10"/>
    </row>
    <row r="793128" spans="14:14">
      <c r="N793128" s="10"/>
    </row>
    <row r="793129" spans="14:14">
      <c r="N793129" s="10"/>
    </row>
    <row r="793130" spans="14:14">
      <c r="N793130" s="10"/>
    </row>
    <row r="793131" spans="14:14">
      <c r="N793131" s="10"/>
    </row>
    <row r="793132" spans="14:14">
      <c r="N793132" s="10"/>
    </row>
    <row r="793133" spans="14:14">
      <c r="N793133" s="10"/>
    </row>
    <row r="793134" spans="14:14">
      <c r="N793134" s="10"/>
    </row>
    <row r="793135" spans="14:14">
      <c r="N793135" s="10"/>
    </row>
    <row r="793136" spans="14:14">
      <c r="N793136" s="10"/>
    </row>
    <row r="793137" spans="14:14">
      <c r="N793137" s="10"/>
    </row>
    <row r="793138" spans="14:14">
      <c r="N793138" s="10"/>
    </row>
    <row r="793139" spans="14:14">
      <c r="N793139" s="10"/>
    </row>
    <row r="793140" spans="14:14">
      <c r="N793140" s="10"/>
    </row>
    <row r="793141" spans="14:14">
      <c r="N793141" s="10"/>
    </row>
    <row r="793142" spans="14:14">
      <c r="N793142" s="10"/>
    </row>
    <row r="793143" spans="14:14">
      <c r="N793143" s="10"/>
    </row>
    <row r="793144" spans="14:14">
      <c r="N793144" s="10"/>
    </row>
    <row r="793145" spans="14:14">
      <c r="N793145" s="10"/>
    </row>
    <row r="793146" spans="14:14">
      <c r="N793146" s="10"/>
    </row>
    <row r="793147" spans="14:14">
      <c r="N793147" s="10"/>
    </row>
    <row r="793148" spans="14:14">
      <c r="N793148" s="10"/>
    </row>
    <row r="793149" spans="14:14">
      <c r="N793149" s="10"/>
    </row>
    <row r="793150" spans="14:14">
      <c r="N793150" s="10"/>
    </row>
    <row r="793151" spans="14:14">
      <c r="N793151" s="10"/>
    </row>
    <row r="793152" spans="14:14">
      <c r="N793152" s="10"/>
    </row>
    <row r="793153" spans="14:14">
      <c r="N793153" s="10"/>
    </row>
    <row r="793154" spans="14:14">
      <c r="N793154" s="10"/>
    </row>
    <row r="793155" spans="14:14">
      <c r="N793155" s="10"/>
    </row>
    <row r="793156" spans="14:14">
      <c r="N793156" s="10"/>
    </row>
    <row r="793157" spans="14:14">
      <c r="N793157" s="10"/>
    </row>
    <row r="793158" spans="14:14">
      <c r="N793158" s="10"/>
    </row>
    <row r="793159" spans="14:14">
      <c r="N793159" s="10"/>
    </row>
    <row r="793160" spans="14:14">
      <c r="N793160" s="10"/>
    </row>
    <row r="793161" spans="14:14">
      <c r="N793161" s="10"/>
    </row>
    <row r="793162" spans="14:14">
      <c r="N793162" s="10"/>
    </row>
    <row r="793163" spans="14:14">
      <c r="N793163" s="10"/>
    </row>
    <row r="793164" spans="14:14">
      <c r="N793164" s="10"/>
    </row>
    <row r="793165" spans="14:14">
      <c r="N793165" s="10"/>
    </row>
    <row r="793166" spans="14:14">
      <c r="N793166" s="10"/>
    </row>
    <row r="793167" spans="14:14">
      <c r="N793167" s="10"/>
    </row>
    <row r="793168" spans="14:14">
      <c r="N793168" s="10"/>
    </row>
    <row r="793169" spans="14:14">
      <c r="N793169" s="10"/>
    </row>
    <row r="793170" spans="14:14">
      <c r="N793170" s="10"/>
    </row>
    <row r="793171" spans="14:14">
      <c r="N793171" s="10"/>
    </row>
    <row r="793172" spans="14:14">
      <c r="N793172" s="10"/>
    </row>
    <row r="793173" spans="14:14">
      <c r="N793173" s="10"/>
    </row>
    <row r="793174" spans="14:14">
      <c r="N793174" s="10"/>
    </row>
    <row r="793175" spans="14:14">
      <c r="N793175" s="10"/>
    </row>
    <row r="793176" spans="14:14">
      <c r="N793176" s="10"/>
    </row>
    <row r="793177" spans="14:14">
      <c r="N793177" s="10"/>
    </row>
    <row r="793178" spans="14:14">
      <c r="N793178" s="10"/>
    </row>
    <row r="793179" spans="14:14">
      <c r="N793179" s="10"/>
    </row>
    <row r="793180" spans="14:14">
      <c r="N793180" s="10"/>
    </row>
    <row r="793181" spans="14:14">
      <c r="N793181" s="10"/>
    </row>
    <row r="793182" spans="14:14">
      <c r="N793182" s="10"/>
    </row>
    <row r="793183" spans="14:14">
      <c r="N793183" s="10"/>
    </row>
    <row r="793184" spans="14:14">
      <c r="N793184" s="10"/>
    </row>
    <row r="793185" spans="14:14">
      <c r="N793185" s="10"/>
    </row>
    <row r="793186" spans="14:14">
      <c r="N793186" s="10"/>
    </row>
    <row r="793187" spans="14:14">
      <c r="N793187" s="10"/>
    </row>
    <row r="793188" spans="14:14">
      <c r="N793188" s="10"/>
    </row>
    <row r="793189" spans="14:14">
      <c r="N793189" s="10"/>
    </row>
    <row r="793190" spans="14:14">
      <c r="N793190" s="10"/>
    </row>
    <row r="793191" spans="14:14">
      <c r="N793191" s="10"/>
    </row>
    <row r="793192" spans="14:14">
      <c r="N793192" s="10"/>
    </row>
    <row r="793193" spans="14:14">
      <c r="N793193" s="10"/>
    </row>
    <row r="793194" spans="14:14">
      <c r="N793194" s="10"/>
    </row>
    <row r="793195" spans="14:14">
      <c r="N793195" s="10"/>
    </row>
    <row r="793196" spans="14:14">
      <c r="N793196" s="10"/>
    </row>
    <row r="793197" spans="14:14">
      <c r="N793197" s="10"/>
    </row>
    <row r="793198" spans="14:14">
      <c r="N793198" s="10"/>
    </row>
    <row r="793199" spans="14:14">
      <c r="N793199" s="10"/>
    </row>
    <row r="793200" spans="14:14">
      <c r="N793200" s="10"/>
    </row>
    <row r="793201" spans="14:14">
      <c r="N793201" s="10"/>
    </row>
    <row r="793202" spans="14:14">
      <c r="N793202" s="10"/>
    </row>
    <row r="793203" spans="14:14">
      <c r="N793203" s="10"/>
    </row>
    <row r="793204" spans="14:14">
      <c r="N793204" s="10"/>
    </row>
    <row r="793205" spans="14:14">
      <c r="N793205" s="10"/>
    </row>
    <row r="793206" spans="14:14">
      <c r="N793206" s="10"/>
    </row>
    <row r="793207" spans="14:14">
      <c r="N793207" s="10"/>
    </row>
    <row r="793208" spans="14:14">
      <c r="N793208" s="10"/>
    </row>
    <row r="793209" spans="14:14">
      <c r="N793209" s="10"/>
    </row>
    <row r="793210" spans="14:14">
      <c r="N793210" s="10"/>
    </row>
    <row r="793211" spans="14:14">
      <c r="N793211" s="10"/>
    </row>
    <row r="793212" spans="14:14">
      <c r="N793212" s="10"/>
    </row>
    <row r="793213" spans="14:14">
      <c r="N793213" s="10"/>
    </row>
    <row r="793214" spans="14:14">
      <c r="N793214" s="10"/>
    </row>
    <row r="793215" spans="14:14">
      <c r="N793215" s="10"/>
    </row>
    <row r="793216" spans="14:14">
      <c r="N793216" s="10"/>
    </row>
    <row r="793217" spans="14:14">
      <c r="N793217" s="10"/>
    </row>
    <row r="793218" spans="14:14">
      <c r="N793218" s="10"/>
    </row>
    <row r="793219" spans="14:14">
      <c r="N793219" s="10"/>
    </row>
    <row r="793220" spans="14:14">
      <c r="N793220" s="10"/>
    </row>
    <row r="793221" spans="14:14">
      <c r="N793221" s="10"/>
    </row>
    <row r="793222" spans="14:14">
      <c r="N793222" s="10"/>
    </row>
    <row r="793223" spans="14:14">
      <c r="N793223" s="10"/>
    </row>
    <row r="793224" spans="14:14">
      <c r="N793224" s="10"/>
    </row>
    <row r="793225" spans="14:14">
      <c r="N793225" s="10"/>
    </row>
    <row r="793226" spans="14:14">
      <c r="N793226" s="10"/>
    </row>
    <row r="793227" spans="14:14">
      <c r="N793227" s="10"/>
    </row>
    <row r="793228" spans="14:14">
      <c r="N793228" s="10"/>
    </row>
    <row r="793229" spans="14:14">
      <c r="N793229" s="10"/>
    </row>
    <row r="793230" spans="14:14">
      <c r="N793230" s="10"/>
    </row>
    <row r="793231" spans="14:14">
      <c r="N793231" s="10"/>
    </row>
    <row r="793232" spans="14:14">
      <c r="N793232" s="10"/>
    </row>
    <row r="793233" spans="14:14">
      <c r="N793233" s="10"/>
    </row>
    <row r="793234" spans="14:14">
      <c r="N793234" s="10"/>
    </row>
    <row r="793235" spans="14:14">
      <c r="N793235" s="10"/>
    </row>
    <row r="793236" spans="14:14">
      <c r="N793236" s="10"/>
    </row>
    <row r="793237" spans="14:14">
      <c r="N793237" s="10"/>
    </row>
    <row r="793238" spans="14:14">
      <c r="N793238" s="10"/>
    </row>
    <row r="793239" spans="14:14">
      <c r="N793239" s="10"/>
    </row>
    <row r="793240" spans="14:14">
      <c r="N793240" s="10"/>
    </row>
    <row r="793241" spans="14:14">
      <c r="N793241" s="10"/>
    </row>
    <row r="793242" spans="14:14">
      <c r="N793242" s="10"/>
    </row>
    <row r="793243" spans="14:14">
      <c r="N793243" s="10"/>
    </row>
    <row r="793244" spans="14:14">
      <c r="N793244" s="10"/>
    </row>
    <row r="793245" spans="14:14">
      <c r="N793245" s="10"/>
    </row>
    <row r="793246" spans="14:14">
      <c r="N793246" s="10"/>
    </row>
    <row r="793247" spans="14:14">
      <c r="N793247" s="10"/>
    </row>
    <row r="793248" spans="14:14">
      <c r="N793248" s="10"/>
    </row>
    <row r="793249" spans="14:14">
      <c r="N793249" s="10"/>
    </row>
    <row r="793250" spans="14:14">
      <c r="N793250" s="10"/>
    </row>
    <row r="793251" spans="14:14">
      <c r="N793251" s="10"/>
    </row>
    <row r="793252" spans="14:14">
      <c r="N793252" s="10"/>
    </row>
    <row r="793253" spans="14:14">
      <c r="N793253" s="10"/>
    </row>
    <row r="793254" spans="14:14">
      <c r="N793254" s="10"/>
    </row>
    <row r="793255" spans="14:14">
      <c r="N793255" s="10"/>
    </row>
    <row r="793256" spans="14:14">
      <c r="N793256" s="10"/>
    </row>
    <row r="793257" spans="14:14">
      <c r="N793257" s="10"/>
    </row>
    <row r="793258" spans="14:14">
      <c r="N793258" s="10"/>
    </row>
    <row r="793259" spans="14:14">
      <c r="N793259" s="10"/>
    </row>
    <row r="793260" spans="14:14">
      <c r="N793260" s="10"/>
    </row>
    <row r="793261" spans="14:14">
      <c r="N793261" s="10"/>
    </row>
    <row r="793262" spans="14:14">
      <c r="N793262" s="10"/>
    </row>
    <row r="793263" spans="14:14">
      <c r="N793263" s="10"/>
    </row>
    <row r="793264" spans="14:14">
      <c r="N793264" s="10"/>
    </row>
    <row r="793265" spans="14:14">
      <c r="N793265" s="10"/>
    </row>
    <row r="793266" spans="14:14">
      <c r="N793266" s="10"/>
    </row>
    <row r="793267" spans="14:14">
      <c r="N793267" s="10"/>
    </row>
    <row r="793268" spans="14:14">
      <c r="N793268" s="10"/>
    </row>
    <row r="793269" spans="14:14">
      <c r="N793269" s="10"/>
    </row>
    <row r="793270" spans="14:14">
      <c r="N793270" s="10"/>
    </row>
    <row r="793271" spans="14:14">
      <c r="N793271" s="10"/>
    </row>
    <row r="793272" spans="14:14">
      <c r="N793272" s="10"/>
    </row>
    <row r="793273" spans="14:14">
      <c r="N793273" s="10"/>
    </row>
    <row r="793274" spans="14:14">
      <c r="N793274" s="10"/>
    </row>
    <row r="793275" spans="14:14">
      <c r="N793275" s="10"/>
    </row>
    <row r="793276" spans="14:14">
      <c r="N793276" s="10"/>
    </row>
    <row r="793277" spans="14:14">
      <c r="N793277" s="10"/>
    </row>
    <row r="793278" spans="14:14">
      <c r="N793278" s="10"/>
    </row>
    <row r="793279" spans="14:14">
      <c r="N793279" s="10"/>
    </row>
    <row r="793280" spans="14:14">
      <c r="N793280" s="10"/>
    </row>
    <row r="793281" spans="14:14">
      <c r="N793281" s="10"/>
    </row>
    <row r="793282" spans="14:14">
      <c r="N793282" s="10"/>
    </row>
    <row r="793283" spans="14:14">
      <c r="N793283" s="10"/>
    </row>
    <row r="793284" spans="14:14">
      <c r="N793284" s="10"/>
    </row>
    <row r="793285" spans="14:14">
      <c r="N793285" s="10"/>
    </row>
    <row r="793286" spans="14:14">
      <c r="N793286" s="10"/>
    </row>
    <row r="793287" spans="14:14">
      <c r="N793287" s="10"/>
    </row>
    <row r="793288" spans="14:14">
      <c r="N793288" s="10"/>
    </row>
    <row r="793289" spans="14:14">
      <c r="N793289" s="10"/>
    </row>
    <row r="793290" spans="14:14">
      <c r="N793290" s="10"/>
    </row>
    <row r="793291" spans="14:14">
      <c r="N793291" s="10"/>
    </row>
    <row r="793292" spans="14:14">
      <c r="N793292" s="10"/>
    </row>
    <row r="793293" spans="14:14">
      <c r="N793293" s="10"/>
    </row>
    <row r="793294" spans="14:14">
      <c r="N793294" s="10"/>
    </row>
    <row r="793295" spans="14:14">
      <c r="N793295" s="10"/>
    </row>
    <row r="793296" spans="14:14">
      <c r="N793296" s="10"/>
    </row>
    <row r="793297" spans="14:14">
      <c r="N793297" s="10"/>
    </row>
    <row r="793298" spans="14:14">
      <c r="N793298" s="10"/>
    </row>
    <row r="793299" spans="14:14">
      <c r="N793299" s="10"/>
    </row>
    <row r="793300" spans="14:14">
      <c r="N793300" s="10"/>
    </row>
    <row r="793301" spans="14:14">
      <c r="N793301" s="10"/>
    </row>
    <row r="793302" spans="14:14">
      <c r="N793302" s="10"/>
    </row>
    <row r="793303" spans="14:14">
      <c r="N793303" s="10"/>
    </row>
    <row r="793304" spans="14:14">
      <c r="N793304" s="10"/>
    </row>
    <row r="793305" spans="14:14">
      <c r="N793305" s="10"/>
    </row>
    <row r="793306" spans="14:14">
      <c r="N793306" s="10"/>
    </row>
    <row r="793307" spans="14:14">
      <c r="N793307" s="10"/>
    </row>
    <row r="793308" spans="14:14">
      <c r="N793308" s="10"/>
    </row>
    <row r="793309" spans="14:14">
      <c r="N793309" s="10"/>
    </row>
    <row r="793310" spans="14:14">
      <c r="N793310" s="10"/>
    </row>
    <row r="793311" spans="14:14">
      <c r="N793311" s="10"/>
    </row>
    <row r="793312" spans="14:14">
      <c r="N793312" s="10"/>
    </row>
    <row r="793313" spans="14:14">
      <c r="N793313" s="10"/>
    </row>
    <row r="793314" spans="14:14">
      <c r="N793314" s="10"/>
    </row>
    <row r="793315" spans="14:14">
      <c r="N793315" s="10"/>
    </row>
    <row r="793316" spans="14:14">
      <c r="N793316" s="10"/>
    </row>
    <row r="793317" spans="14:14">
      <c r="N793317" s="10"/>
    </row>
    <row r="793318" spans="14:14">
      <c r="N793318" s="10"/>
    </row>
    <row r="793319" spans="14:14">
      <c r="N793319" s="10"/>
    </row>
    <row r="793320" spans="14:14">
      <c r="N793320" s="10"/>
    </row>
    <row r="793321" spans="14:14">
      <c r="N793321" s="10"/>
    </row>
    <row r="793322" spans="14:14">
      <c r="N793322" s="10"/>
    </row>
    <row r="793323" spans="14:14">
      <c r="N793323" s="10"/>
    </row>
    <row r="793324" spans="14:14">
      <c r="N793324" s="10"/>
    </row>
    <row r="793325" spans="14:14">
      <c r="N793325" s="10"/>
    </row>
    <row r="793326" spans="14:14">
      <c r="N793326" s="10"/>
    </row>
    <row r="793327" spans="14:14">
      <c r="N793327" s="10"/>
    </row>
    <row r="793328" spans="14:14">
      <c r="N793328" s="10"/>
    </row>
    <row r="793329" spans="14:14">
      <c r="N793329" s="10"/>
    </row>
    <row r="793330" spans="14:14">
      <c r="N793330" s="10"/>
    </row>
    <row r="793331" spans="14:14">
      <c r="N793331" s="10"/>
    </row>
    <row r="793332" spans="14:14">
      <c r="N793332" s="10"/>
    </row>
    <row r="793333" spans="14:14">
      <c r="N793333" s="10"/>
    </row>
    <row r="793334" spans="14:14">
      <c r="N793334" s="10"/>
    </row>
    <row r="793335" spans="14:14">
      <c r="N793335" s="10"/>
    </row>
    <row r="793336" spans="14:14">
      <c r="N793336" s="10"/>
    </row>
    <row r="793337" spans="14:14">
      <c r="N793337" s="10"/>
    </row>
    <row r="793338" spans="14:14">
      <c r="N793338" s="10"/>
    </row>
    <row r="793339" spans="14:14">
      <c r="N793339" s="10"/>
    </row>
    <row r="793340" spans="14:14">
      <c r="N793340" s="10"/>
    </row>
    <row r="793341" spans="14:14">
      <c r="N793341" s="10"/>
    </row>
    <row r="793342" spans="14:14">
      <c r="N793342" s="10"/>
    </row>
    <row r="793343" spans="14:14">
      <c r="N793343" s="10"/>
    </row>
    <row r="793344" spans="14:14">
      <c r="N793344" s="10"/>
    </row>
    <row r="793345" spans="14:14">
      <c r="N793345" s="10"/>
    </row>
    <row r="793346" spans="14:14">
      <c r="N793346" s="10"/>
    </row>
    <row r="793347" spans="14:14">
      <c r="N793347" s="10"/>
    </row>
    <row r="793348" spans="14:14">
      <c r="N793348" s="10"/>
    </row>
    <row r="793349" spans="14:14">
      <c r="N793349" s="10"/>
    </row>
    <row r="793350" spans="14:14">
      <c r="N793350" s="10"/>
    </row>
    <row r="793351" spans="14:14">
      <c r="N793351" s="10"/>
    </row>
    <row r="793352" spans="14:14">
      <c r="N793352" s="10"/>
    </row>
    <row r="793353" spans="14:14">
      <c r="N793353" s="10"/>
    </row>
    <row r="793354" spans="14:14">
      <c r="N793354" s="10"/>
    </row>
    <row r="793355" spans="14:14">
      <c r="N793355" s="10"/>
    </row>
    <row r="793356" spans="14:14">
      <c r="N793356" s="10"/>
    </row>
    <row r="793357" spans="14:14">
      <c r="N793357" s="10"/>
    </row>
    <row r="793358" spans="14:14">
      <c r="N793358" s="10"/>
    </row>
    <row r="793359" spans="14:14">
      <c r="N793359" s="10"/>
    </row>
    <row r="793360" spans="14:14">
      <c r="N793360" s="10"/>
    </row>
    <row r="793361" spans="14:14">
      <c r="N793361" s="10"/>
    </row>
    <row r="793362" spans="14:14">
      <c r="N793362" s="10"/>
    </row>
    <row r="793363" spans="14:14">
      <c r="N793363" s="10"/>
    </row>
    <row r="793364" spans="14:14">
      <c r="N793364" s="10"/>
    </row>
    <row r="793365" spans="14:14">
      <c r="N793365" s="10"/>
    </row>
    <row r="793366" spans="14:14">
      <c r="N793366" s="10"/>
    </row>
    <row r="793367" spans="14:14">
      <c r="N793367" s="10"/>
    </row>
    <row r="793368" spans="14:14">
      <c r="N793368" s="10"/>
    </row>
    <row r="793369" spans="14:14">
      <c r="N793369" s="10"/>
    </row>
    <row r="793370" spans="14:14">
      <c r="N793370" s="10"/>
    </row>
    <row r="793371" spans="14:14">
      <c r="N793371" s="10"/>
    </row>
    <row r="793372" spans="14:14">
      <c r="N793372" s="10"/>
    </row>
    <row r="793373" spans="14:14">
      <c r="N793373" s="10"/>
    </row>
    <row r="793374" spans="14:14">
      <c r="N793374" s="10"/>
    </row>
    <row r="793375" spans="14:14">
      <c r="N793375" s="10"/>
    </row>
    <row r="793376" spans="14:14">
      <c r="N793376" s="10"/>
    </row>
    <row r="793377" spans="14:14">
      <c r="N793377" s="10"/>
    </row>
    <row r="793378" spans="14:14">
      <c r="N793378" s="10"/>
    </row>
    <row r="793379" spans="14:14">
      <c r="N793379" s="10"/>
    </row>
    <row r="793380" spans="14:14">
      <c r="N793380" s="10"/>
    </row>
    <row r="793381" spans="14:14">
      <c r="N793381" s="10"/>
    </row>
    <row r="793382" spans="14:14">
      <c r="N793382" s="10"/>
    </row>
    <row r="793383" spans="14:14">
      <c r="N793383" s="10"/>
    </row>
    <row r="793384" spans="14:14">
      <c r="N793384" s="10"/>
    </row>
    <row r="793385" spans="14:14">
      <c r="N793385" s="10"/>
    </row>
    <row r="793386" spans="14:14">
      <c r="N793386" s="10"/>
    </row>
    <row r="793387" spans="14:14">
      <c r="N793387" s="10"/>
    </row>
    <row r="793388" spans="14:14">
      <c r="N793388" s="10"/>
    </row>
    <row r="793389" spans="14:14">
      <c r="N793389" s="10"/>
    </row>
    <row r="793390" spans="14:14">
      <c r="N793390" s="10"/>
    </row>
    <row r="793391" spans="14:14">
      <c r="N793391" s="10"/>
    </row>
    <row r="793392" spans="14:14">
      <c r="N793392" s="10"/>
    </row>
    <row r="793393" spans="14:14">
      <c r="N793393" s="10"/>
    </row>
    <row r="793394" spans="14:14">
      <c r="N793394" s="10"/>
    </row>
    <row r="793395" spans="14:14">
      <c r="N793395" s="10"/>
    </row>
    <row r="793396" spans="14:14">
      <c r="N793396" s="10"/>
    </row>
    <row r="793397" spans="14:14">
      <c r="N793397" s="10"/>
    </row>
    <row r="793398" spans="14:14">
      <c r="N793398" s="10"/>
    </row>
    <row r="793399" spans="14:14">
      <c r="N793399" s="10"/>
    </row>
    <row r="793400" spans="14:14">
      <c r="N793400" s="10"/>
    </row>
    <row r="793401" spans="14:14">
      <c r="N793401" s="10"/>
    </row>
    <row r="793402" spans="14:14">
      <c r="N793402" s="10"/>
    </row>
    <row r="793403" spans="14:14">
      <c r="N793403" s="10"/>
    </row>
    <row r="793404" spans="14:14">
      <c r="N793404" s="10"/>
    </row>
    <row r="793405" spans="14:14">
      <c r="N793405" s="10"/>
    </row>
    <row r="793406" spans="14:14">
      <c r="N793406" s="10"/>
    </row>
    <row r="793407" spans="14:14">
      <c r="N793407" s="10"/>
    </row>
    <row r="793408" spans="14:14">
      <c r="N793408" s="10"/>
    </row>
    <row r="793409" spans="14:14">
      <c r="N793409" s="10"/>
    </row>
    <row r="793410" spans="14:14">
      <c r="N793410" s="10"/>
    </row>
    <row r="793411" spans="14:14">
      <c r="N793411" s="10"/>
    </row>
    <row r="793412" spans="14:14">
      <c r="N793412" s="10"/>
    </row>
    <row r="793413" spans="14:14">
      <c r="N793413" s="10"/>
    </row>
    <row r="793414" spans="14:14">
      <c r="N793414" s="10"/>
    </row>
    <row r="793415" spans="14:14">
      <c r="N793415" s="10"/>
    </row>
    <row r="793416" spans="14:14">
      <c r="N793416" s="10"/>
    </row>
    <row r="793417" spans="14:14">
      <c r="N793417" s="10"/>
    </row>
    <row r="793418" spans="14:14">
      <c r="N793418" s="10"/>
    </row>
    <row r="793419" spans="14:14">
      <c r="N793419" s="10"/>
    </row>
    <row r="793420" spans="14:14">
      <c r="N793420" s="10"/>
    </row>
    <row r="793421" spans="14:14">
      <c r="N793421" s="10"/>
    </row>
    <row r="793422" spans="14:14">
      <c r="N793422" s="10"/>
    </row>
    <row r="793423" spans="14:14">
      <c r="N793423" s="10"/>
    </row>
    <row r="793424" spans="14:14">
      <c r="N793424" s="10"/>
    </row>
    <row r="793425" spans="14:14">
      <c r="N793425" s="10"/>
    </row>
    <row r="793426" spans="14:14">
      <c r="N793426" s="10"/>
    </row>
    <row r="793427" spans="14:14">
      <c r="N793427" s="10"/>
    </row>
    <row r="793428" spans="14:14">
      <c r="N793428" s="10"/>
    </row>
    <row r="793429" spans="14:14">
      <c r="N793429" s="10"/>
    </row>
    <row r="793430" spans="14:14">
      <c r="N793430" s="10"/>
    </row>
    <row r="793431" spans="14:14">
      <c r="N793431" s="10"/>
    </row>
    <row r="793432" spans="14:14">
      <c r="N793432" s="10"/>
    </row>
    <row r="793433" spans="14:14">
      <c r="N793433" s="10"/>
    </row>
    <row r="793434" spans="14:14">
      <c r="N793434" s="10"/>
    </row>
    <row r="793435" spans="14:14">
      <c r="N793435" s="10"/>
    </row>
    <row r="793436" spans="14:14">
      <c r="N793436" s="10"/>
    </row>
    <row r="793437" spans="14:14">
      <c r="N793437" s="10"/>
    </row>
    <row r="793438" spans="14:14">
      <c r="N793438" s="10"/>
    </row>
    <row r="793439" spans="14:14">
      <c r="N793439" s="10"/>
    </row>
    <row r="793440" spans="14:14">
      <c r="N793440" s="10"/>
    </row>
    <row r="793441" spans="14:14">
      <c r="N793441" s="10"/>
    </row>
    <row r="793442" spans="14:14">
      <c r="N793442" s="10"/>
    </row>
    <row r="793443" spans="14:14">
      <c r="N793443" s="10"/>
    </row>
    <row r="793444" spans="14:14">
      <c r="N793444" s="10"/>
    </row>
    <row r="793445" spans="14:14">
      <c r="N793445" s="10"/>
    </row>
    <row r="793446" spans="14:14">
      <c r="N793446" s="10"/>
    </row>
    <row r="793447" spans="14:14">
      <c r="N793447" s="10"/>
    </row>
    <row r="793448" spans="14:14">
      <c r="N793448" s="10"/>
    </row>
    <row r="793449" spans="14:14">
      <c r="N793449" s="10"/>
    </row>
    <row r="793450" spans="14:14">
      <c r="N793450" s="10"/>
    </row>
    <row r="793451" spans="14:14">
      <c r="N793451" s="10"/>
    </row>
    <row r="793452" spans="14:14">
      <c r="N793452" s="10"/>
    </row>
    <row r="793453" spans="14:14">
      <c r="N793453" s="10"/>
    </row>
    <row r="793454" spans="14:14">
      <c r="N793454" s="10"/>
    </row>
    <row r="793455" spans="14:14">
      <c r="N793455" s="10"/>
    </row>
    <row r="793456" spans="14:14">
      <c r="N793456" s="10"/>
    </row>
    <row r="793457" spans="14:14">
      <c r="N793457" s="10"/>
    </row>
    <row r="793458" spans="14:14">
      <c r="N793458" s="10"/>
    </row>
    <row r="793459" spans="14:14">
      <c r="N793459" s="10"/>
    </row>
    <row r="793460" spans="14:14">
      <c r="N793460" s="10"/>
    </row>
    <row r="793461" spans="14:14">
      <c r="N793461" s="10"/>
    </row>
    <row r="793462" spans="14:14">
      <c r="N793462" s="10"/>
    </row>
    <row r="793463" spans="14:14">
      <c r="N793463" s="10"/>
    </row>
    <row r="793464" spans="14:14">
      <c r="N793464" s="10"/>
    </row>
    <row r="793465" spans="14:14">
      <c r="N793465" s="10"/>
    </row>
    <row r="793466" spans="14:14">
      <c r="N793466" s="10"/>
    </row>
    <row r="793467" spans="14:14">
      <c r="N793467" s="10"/>
    </row>
    <row r="793468" spans="14:14">
      <c r="N793468" s="10"/>
    </row>
    <row r="793469" spans="14:14">
      <c r="N793469" s="10"/>
    </row>
    <row r="793470" spans="14:14">
      <c r="N793470" s="10"/>
    </row>
    <row r="793471" spans="14:14">
      <c r="N793471" s="10"/>
    </row>
    <row r="793472" spans="14:14">
      <c r="N793472" s="10"/>
    </row>
    <row r="793473" spans="14:14">
      <c r="N793473" s="10"/>
    </row>
    <row r="793474" spans="14:14">
      <c r="N793474" s="10"/>
    </row>
    <row r="793475" spans="14:14">
      <c r="N793475" s="10"/>
    </row>
    <row r="793476" spans="14:14">
      <c r="N793476" s="10"/>
    </row>
    <row r="793477" spans="14:14">
      <c r="N793477" s="10"/>
    </row>
    <row r="793478" spans="14:14">
      <c r="N793478" s="10"/>
    </row>
    <row r="793479" spans="14:14">
      <c r="N793479" s="10"/>
    </row>
    <row r="793480" spans="14:14">
      <c r="N793480" s="10"/>
    </row>
    <row r="793481" spans="14:14">
      <c r="N793481" s="10"/>
    </row>
    <row r="793482" spans="14:14">
      <c r="N793482" s="10"/>
    </row>
    <row r="793483" spans="14:14">
      <c r="N793483" s="10"/>
    </row>
    <row r="793484" spans="14:14">
      <c r="N793484" s="10"/>
    </row>
    <row r="793485" spans="14:14">
      <c r="N793485" s="10"/>
    </row>
    <row r="793486" spans="14:14">
      <c r="N793486" s="10"/>
    </row>
    <row r="793487" spans="14:14">
      <c r="N793487" s="10"/>
    </row>
    <row r="793488" spans="14:14">
      <c r="N793488" s="10"/>
    </row>
    <row r="793489" spans="14:14">
      <c r="N793489" s="10"/>
    </row>
    <row r="793490" spans="14:14">
      <c r="N793490" s="10"/>
    </row>
    <row r="793491" spans="14:14">
      <c r="N793491" s="10"/>
    </row>
    <row r="793492" spans="14:14">
      <c r="N793492" s="10"/>
    </row>
    <row r="793493" spans="14:14">
      <c r="N793493" s="10"/>
    </row>
    <row r="793494" spans="14:14">
      <c r="N793494" s="10"/>
    </row>
    <row r="793495" spans="14:14">
      <c r="N793495" s="10"/>
    </row>
    <row r="793496" spans="14:14">
      <c r="N793496" s="10"/>
    </row>
    <row r="793497" spans="14:14">
      <c r="N793497" s="10"/>
    </row>
    <row r="793498" spans="14:14">
      <c r="N793498" s="10"/>
    </row>
    <row r="793499" spans="14:14">
      <c r="N793499" s="10"/>
    </row>
    <row r="793500" spans="14:14">
      <c r="N793500" s="10"/>
    </row>
    <row r="793501" spans="14:14">
      <c r="N793501" s="10"/>
    </row>
    <row r="793502" spans="14:14">
      <c r="N793502" s="10"/>
    </row>
    <row r="793503" spans="14:14">
      <c r="N793503" s="10"/>
    </row>
    <row r="793504" spans="14:14">
      <c r="N793504" s="10"/>
    </row>
    <row r="793505" spans="14:14">
      <c r="N793505" s="10"/>
    </row>
    <row r="793506" spans="14:14">
      <c r="N793506" s="10"/>
    </row>
    <row r="793507" spans="14:14">
      <c r="N793507" s="10"/>
    </row>
    <row r="793508" spans="14:14">
      <c r="N793508" s="10"/>
    </row>
    <row r="793509" spans="14:14">
      <c r="N793509" s="10"/>
    </row>
    <row r="793510" spans="14:14">
      <c r="N793510" s="10"/>
    </row>
    <row r="793511" spans="14:14">
      <c r="N793511" s="10"/>
    </row>
    <row r="793512" spans="14:14">
      <c r="N793512" s="10"/>
    </row>
    <row r="793513" spans="14:14">
      <c r="N793513" s="10"/>
    </row>
    <row r="793514" spans="14:14">
      <c r="N793514" s="10"/>
    </row>
    <row r="793515" spans="14:14">
      <c r="N793515" s="10"/>
    </row>
    <row r="793516" spans="14:14">
      <c r="N793516" s="10"/>
    </row>
    <row r="793517" spans="14:14">
      <c r="N793517" s="10"/>
    </row>
    <row r="793518" spans="14:14">
      <c r="N793518" s="10"/>
    </row>
    <row r="793519" spans="14:14">
      <c r="N793519" s="10"/>
    </row>
    <row r="793520" spans="14:14">
      <c r="N793520" s="10"/>
    </row>
    <row r="793521" spans="14:14">
      <c r="N793521" s="10"/>
    </row>
    <row r="793522" spans="14:14">
      <c r="N793522" s="10"/>
    </row>
    <row r="793523" spans="14:14">
      <c r="N793523" s="10"/>
    </row>
    <row r="793524" spans="14:14">
      <c r="N793524" s="10"/>
    </row>
    <row r="793525" spans="14:14">
      <c r="N793525" s="10"/>
    </row>
    <row r="793526" spans="14:14">
      <c r="N793526" s="10"/>
    </row>
    <row r="793527" spans="14:14">
      <c r="N793527" s="10"/>
    </row>
    <row r="793528" spans="14:14">
      <c r="N793528" s="10"/>
    </row>
    <row r="793529" spans="14:14">
      <c r="N793529" s="10"/>
    </row>
    <row r="793530" spans="14:14">
      <c r="N793530" s="10"/>
    </row>
    <row r="793531" spans="14:14">
      <c r="N793531" s="10"/>
    </row>
    <row r="793532" spans="14:14">
      <c r="N793532" s="10"/>
    </row>
    <row r="793533" spans="14:14">
      <c r="N793533" s="10"/>
    </row>
    <row r="793534" spans="14:14">
      <c r="N793534" s="10"/>
    </row>
    <row r="793535" spans="14:14">
      <c r="N793535" s="10"/>
    </row>
    <row r="793536" spans="14:14">
      <c r="N793536" s="10"/>
    </row>
    <row r="793537" spans="14:14">
      <c r="N793537" s="10"/>
    </row>
    <row r="793538" spans="14:14">
      <c r="N793538" s="10"/>
    </row>
    <row r="793539" spans="14:14">
      <c r="N793539" s="10"/>
    </row>
    <row r="793540" spans="14:14">
      <c r="N793540" s="10"/>
    </row>
    <row r="793541" spans="14:14">
      <c r="N793541" s="10"/>
    </row>
    <row r="793542" spans="14:14">
      <c r="N793542" s="10"/>
    </row>
    <row r="793543" spans="14:14">
      <c r="N793543" s="10"/>
    </row>
    <row r="793544" spans="14:14">
      <c r="N793544" s="10"/>
    </row>
    <row r="793545" spans="14:14">
      <c r="N793545" s="10"/>
    </row>
    <row r="793546" spans="14:14">
      <c r="N793546" s="10"/>
    </row>
    <row r="793547" spans="14:14">
      <c r="N793547" s="10"/>
    </row>
    <row r="793548" spans="14:14">
      <c r="N793548" s="10"/>
    </row>
    <row r="793549" spans="14:14">
      <c r="N793549" s="10"/>
    </row>
    <row r="793550" spans="14:14">
      <c r="N793550" s="10"/>
    </row>
    <row r="793551" spans="14:14">
      <c r="N793551" s="10"/>
    </row>
    <row r="793552" spans="14:14">
      <c r="N793552" s="10"/>
    </row>
    <row r="793553" spans="14:14">
      <c r="N793553" s="10"/>
    </row>
    <row r="793554" spans="14:14">
      <c r="N793554" s="10"/>
    </row>
    <row r="793555" spans="14:14">
      <c r="N793555" s="10"/>
    </row>
    <row r="793556" spans="14:14">
      <c r="N793556" s="10"/>
    </row>
    <row r="793557" spans="14:14">
      <c r="N793557" s="10"/>
    </row>
    <row r="793558" spans="14:14">
      <c r="N793558" s="10"/>
    </row>
    <row r="793559" spans="14:14">
      <c r="N793559" s="10"/>
    </row>
    <row r="793560" spans="14:14">
      <c r="N793560" s="10"/>
    </row>
    <row r="793561" spans="14:14">
      <c r="N793561" s="10"/>
    </row>
    <row r="793562" spans="14:14">
      <c r="N793562" s="10"/>
    </row>
    <row r="793563" spans="14:14">
      <c r="N793563" s="10"/>
    </row>
    <row r="793564" spans="14:14">
      <c r="N793564" s="10"/>
    </row>
    <row r="793565" spans="14:14">
      <c r="N793565" s="10"/>
    </row>
    <row r="793566" spans="14:14">
      <c r="N793566" s="10"/>
    </row>
    <row r="793567" spans="14:14">
      <c r="N793567" s="10"/>
    </row>
    <row r="793568" spans="14:14">
      <c r="N793568" s="10"/>
    </row>
    <row r="793569" spans="14:14">
      <c r="N793569" s="10"/>
    </row>
    <row r="793570" spans="14:14">
      <c r="N793570" s="10"/>
    </row>
    <row r="793571" spans="14:14">
      <c r="N793571" s="10"/>
    </row>
    <row r="793572" spans="14:14">
      <c r="N793572" s="10"/>
    </row>
    <row r="793573" spans="14:14">
      <c r="N793573" s="10"/>
    </row>
    <row r="793574" spans="14:14">
      <c r="N793574" s="10"/>
    </row>
    <row r="793575" spans="14:14">
      <c r="N793575" s="10"/>
    </row>
    <row r="793576" spans="14:14">
      <c r="N793576" s="10"/>
    </row>
    <row r="793577" spans="14:14">
      <c r="N793577" s="10"/>
    </row>
    <row r="793578" spans="14:14">
      <c r="N793578" s="10"/>
    </row>
    <row r="793579" spans="14:14">
      <c r="N793579" s="10"/>
    </row>
    <row r="793580" spans="14:14">
      <c r="N793580" s="10"/>
    </row>
    <row r="793581" spans="14:14">
      <c r="N793581" s="10"/>
    </row>
    <row r="793582" spans="14:14">
      <c r="N793582" s="10"/>
    </row>
    <row r="793583" spans="14:14">
      <c r="N793583" s="10"/>
    </row>
    <row r="793584" spans="14:14">
      <c r="N793584" s="10"/>
    </row>
    <row r="793585" spans="14:14">
      <c r="N793585" s="10"/>
    </row>
    <row r="793586" spans="14:14">
      <c r="N793586" s="10"/>
    </row>
    <row r="793587" spans="14:14">
      <c r="N793587" s="10"/>
    </row>
    <row r="793588" spans="14:14">
      <c r="N793588" s="10"/>
    </row>
    <row r="793589" spans="14:14">
      <c r="N793589" s="10"/>
    </row>
    <row r="793590" spans="14:14">
      <c r="N793590" s="10"/>
    </row>
    <row r="793591" spans="14:14">
      <c r="N793591" s="10"/>
    </row>
    <row r="793592" spans="14:14">
      <c r="N793592" s="10"/>
    </row>
    <row r="793593" spans="14:14">
      <c r="N793593" s="10"/>
    </row>
    <row r="793594" spans="14:14">
      <c r="N793594" s="10"/>
    </row>
    <row r="793595" spans="14:14">
      <c r="N793595" s="10"/>
    </row>
    <row r="793596" spans="14:14">
      <c r="N793596" s="10"/>
    </row>
    <row r="793597" spans="14:14">
      <c r="N793597" s="10"/>
    </row>
    <row r="793598" spans="14:14">
      <c r="N793598" s="10"/>
    </row>
    <row r="793599" spans="14:14">
      <c r="N793599" s="10"/>
    </row>
    <row r="793600" spans="14:14">
      <c r="N793600" s="10"/>
    </row>
    <row r="793601" spans="14:14">
      <c r="N793601" s="10"/>
    </row>
    <row r="793602" spans="14:14">
      <c r="N793602" s="10"/>
    </row>
    <row r="793603" spans="14:14">
      <c r="N793603" s="10"/>
    </row>
    <row r="793604" spans="14:14">
      <c r="N793604" s="10"/>
    </row>
    <row r="793605" spans="14:14">
      <c r="N793605" s="10"/>
    </row>
    <row r="793606" spans="14:14">
      <c r="N793606" s="10"/>
    </row>
    <row r="793607" spans="14:14">
      <c r="N793607" s="10"/>
    </row>
    <row r="793608" spans="14:14">
      <c r="N793608" s="10"/>
    </row>
    <row r="793609" spans="14:14">
      <c r="N793609" s="10"/>
    </row>
    <row r="793610" spans="14:14">
      <c r="N793610" s="10"/>
    </row>
    <row r="793611" spans="14:14">
      <c r="N793611" s="10"/>
    </row>
    <row r="793612" spans="14:14">
      <c r="N793612" s="10"/>
    </row>
    <row r="793613" spans="14:14">
      <c r="N793613" s="10"/>
    </row>
    <row r="793614" spans="14:14">
      <c r="N793614" s="10"/>
    </row>
    <row r="793615" spans="14:14">
      <c r="N793615" s="10"/>
    </row>
    <row r="793616" spans="14:14">
      <c r="N793616" s="10"/>
    </row>
    <row r="793617" spans="14:14">
      <c r="N793617" s="10"/>
    </row>
    <row r="793618" spans="14:14">
      <c r="N793618" s="10"/>
    </row>
    <row r="793619" spans="14:14">
      <c r="N793619" s="10"/>
    </row>
    <row r="793620" spans="14:14">
      <c r="N793620" s="10"/>
    </row>
    <row r="793621" spans="14:14">
      <c r="N793621" s="10"/>
    </row>
    <row r="793622" spans="14:14">
      <c r="N793622" s="10"/>
    </row>
    <row r="793623" spans="14:14">
      <c r="N793623" s="10"/>
    </row>
    <row r="793624" spans="14:14">
      <c r="N793624" s="10"/>
    </row>
    <row r="793625" spans="14:14">
      <c r="N793625" s="10"/>
    </row>
    <row r="793626" spans="14:14">
      <c r="N793626" s="10"/>
    </row>
    <row r="793627" spans="14:14">
      <c r="N793627" s="10"/>
    </row>
    <row r="793628" spans="14:14">
      <c r="N793628" s="10"/>
    </row>
    <row r="793629" spans="14:14">
      <c r="N793629" s="10"/>
    </row>
    <row r="793630" spans="14:14">
      <c r="N793630" s="10"/>
    </row>
    <row r="793631" spans="14:14">
      <c r="N793631" s="10"/>
    </row>
    <row r="793632" spans="14:14">
      <c r="N793632" s="10"/>
    </row>
    <row r="793633" spans="14:14">
      <c r="N793633" s="10"/>
    </row>
    <row r="793634" spans="14:14">
      <c r="N793634" s="10"/>
    </row>
    <row r="793635" spans="14:14">
      <c r="N793635" s="10"/>
    </row>
    <row r="793636" spans="14:14">
      <c r="N793636" s="10"/>
    </row>
    <row r="793637" spans="14:14">
      <c r="N793637" s="10"/>
    </row>
    <row r="793638" spans="14:14">
      <c r="N793638" s="10"/>
    </row>
    <row r="793639" spans="14:14">
      <c r="N793639" s="10"/>
    </row>
    <row r="793640" spans="14:14">
      <c r="N793640" s="10"/>
    </row>
    <row r="793641" spans="14:14">
      <c r="N793641" s="10"/>
    </row>
    <row r="793642" spans="14:14">
      <c r="N793642" s="10"/>
    </row>
    <row r="793643" spans="14:14">
      <c r="N793643" s="10"/>
    </row>
    <row r="793644" spans="14:14">
      <c r="N793644" s="10"/>
    </row>
    <row r="793645" spans="14:14">
      <c r="N793645" s="10"/>
    </row>
    <row r="793646" spans="14:14">
      <c r="N793646" s="10"/>
    </row>
    <row r="793647" spans="14:14">
      <c r="N793647" s="10"/>
    </row>
    <row r="793648" spans="14:14">
      <c r="N793648" s="10"/>
    </row>
    <row r="793649" spans="14:14">
      <c r="N793649" s="10"/>
    </row>
    <row r="793650" spans="14:14">
      <c r="N793650" s="10"/>
    </row>
    <row r="793651" spans="14:14">
      <c r="N793651" s="10"/>
    </row>
    <row r="793652" spans="14:14">
      <c r="N793652" s="10"/>
    </row>
    <row r="793653" spans="14:14">
      <c r="N793653" s="10"/>
    </row>
    <row r="793654" spans="14:14">
      <c r="N793654" s="10"/>
    </row>
    <row r="793655" spans="14:14">
      <c r="N793655" s="10"/>
    </row>
    <row r="793656" spans="14:14">
      <c r="N793656" s="10"/>
    </row>
    <row r="793657" spans="14:14">
      <c r="N793657" s="10"/>
    </row>
    <row r="793658" spans="14:14">
      <c r="N793658" s="10"/>
    </row>
    <row r="793659" spans="14:14">
      <c r="N793659" s="10"/>
    </row>
    <row r="793660" spans="14:14">
      <c r="N793660" s="10"/>
    </row>
    <row r="793661" spans="14:14">
      <c r="N793661" s="10"/>
    </row>
    <row r="793662" spans="14:14">
      <c r="N793662" s="10"/>
    </row>
    <row r="793663" spans="14:14">
      <c r="N793663" s="10"/>
    </row>
    <row r="793664" spans="14:14">
      <c r="N793664" s="10"/>
    </row>
    <row r="793665" spans="14:14">
      <c r="N793665" s="10"/>
    </row>
    <row r="793666" spans="14:14">
      <c r="N793666" s="10"/>
    </row>
    <row r="793667" spans="14:14">
      <c r="N793667" s="10"/>
    </row>
    <row r="793668" spans="14:14">
      <c r="N793668" s="10"/>
    </row>
    <row r="793669" spans="14:14">
      <c r="N793669" s="10"/>
    </row>
    <row r="793670" spans="14:14">
      <c r="N793670" s="10"/>
    </row>
    <row r="793671" spans="14:14">
      <c r="N793671" s="10"/>
    </row>
    <row r="793672" spans="14:14">
      <c r="N793672" s="10"/>
    </row>
    <row r="793673" spans="14:14">
      <c r="N793673" s="10"/>
    </row>
    <row r="793674" spans="14:14">
      <c r="N793674" s="10"/>
    </row>
    <row r="793675" spans="14:14">
      <c r="N793675" s="10"/>
    </row>
    <row r="793676" spans="14:14">
      <c r="N793676" s="10"/>
    </row>
    <row r="793677" spans="14:14">
      <c r="N793677" s="10"/>
    </row>
    <row r="793678" spans="14:14">
      <c r="N793678" s="10"/>
    </row>
    <row r="793679" spans="14:14">
      <c r="N793679" s="10"/>
    </row>
    <row r="793680" spans="14:14">
      <c r="N793680" s="10"/>
    </row>
    <row r="793681" spans="14:14">
      <c r="N793681" s="10"/>
    </row>
    <row r="793682" spans="14:14">
      <c r="N793682" s="10"/>
    </row>
    <row r="793683" spans="14:14">
      <c r="N793683" s="10"/>
    </row>
    <row r="793684" spans="14:14">
      <c r="N793684" s="10"/>
    </row>
    <row r="793685" spans="14:14">
      <c r="N793685" s="10"/>
    </row>
    <row r="793686" spans="14:14">
      <c r="N793686" s="10"/>
    </row>
    <row r="793687" spans="14:14">
      <c r="N793687" s="10"/>
    </row>
    <row r="793688" spans="14:14">
      <c r="N793688" s="10"/>
    </row>
    <row r="793689" spans="14:14">
      <c r="N793689" s="10"/>
    </row>
    <row r="793690" spans="14:14">
      <c r="N793690" s="10"/>
    </row>
    <row r="793691" spans="14:14">
      <c r="N793691" s="10"/>
    </row>
    <row r="793692" spans="14:14">
      <c r="N793692" s="10"/>
    </row>
    <row r="793693" spans="14:14">
      <c r="N793693" s="10"/>
    </row>
    <row r="793694" spans="14:14">
      <c r="N793694" s="10"/>
    </row>
    <row r="793695" spans="14:14">
      <c r="N793695" s="10"/>
    </row>
    <row r="793696" spans="14:14">
      <c r="N793696" s="10"/>
    </row>
    <row r="793697" spans="14:14">
      <c r="N793697" s="10"/>
    </row>
    <row r="793698" spans="14:14">
      <c r="N793698" s="10"/>
    </row>
    <row r="793699" spans="14:14">
      <c r="N793699" s="10"/>
    </row>
    <row r="793700" spans="14:14">
      <c r="N793700" s="10"/>
    </row>
    <row r="793701" spans="14:14">
      <c r="N793701" s="10"/>
    </row>
    <row r="793702" spans="14:14">
      <c r="N793702" s="10"/>
    </row>
    <row r="793703" spans="14:14">
      <c r="N793703" s="10"/>
    </row>
    <row r="793704" spans="14:14">
      <c r="N793704" s="10"/>
    </row>
    <row r="793705" spans="14:14">
      <c r="N793705" s="10"/>
    </row>
    <row r="793706" spans="14:14">
      <c r="N793706" s="10"/>
    </row>
    <row r="793707" spans="14:14">
      <c r="N793707" s="10"/>
    </row>
    <row r="793708" spans="14:14">
      <c r="N793708" s="10"/>
    </row>
    <row r="793709" spans="14:14">
      <c r="N793709" s="10"/>
    </row>
    <row r="793710" spans="14:14">
      <c r="N793710" s="10"/>
    </row>
    <row r="793711" spans="14:14">
      <c r="N793711" s="10"/>
    </row>
    <row r="793712" spans="14:14">
      <c r="N793712" s="10"/>
    </row>
    <row r="793713" spans="14:14">
      <c r="N793713" s="10"/>
    </row>
    <row r="793714" spans="14:14">
      <c r="N793714" s="10"/>
    </row>
    <row r="793715" spans="14:14">
      <c r="N793715" s="10"/>
    </row>
    <row r="793716" spans="14:14">
      <c r="N793716" s="10"/>
    </row>
    <row r="793717" spans="14:14">
      <c r="N793717" s="10"/>
    </row>
    <row r="793718" spans="14:14">
      <c r="N793718" s="10"/>
    </row>
    <row r="793719" spans="14:14">
      <c r="N793719" s="10"/>
    </row>
    <row r="793720" spans="14:14">
      <c r="N793720" s="10"/>
    </row>
    <row r="793721" spans="14:14">
      <c r="N793721" s="10"/>
    </row>
    <row r="793722" spans="14:14">
      <c r="N793722" s="10"/>
    </row>
    <row r="793723" spans="14:14">
      <c r="N793723" s="10"/>
    </row>
    <row r="793724" spans="14:14">
      <c r="N793724" s="10"/>
    </row>
    <row r="793725" spans="14:14">
      <c r="N793725" s="10"/>
    </row>
    <row r="793726" spans="14:14">
      <c r="N793726" s="10"/>
    </row>
    <row r="793727" spans="14:14">
      <c r="N793727" s="10"/>
    </row>
    <row r="793728" spans="14:14">
      <c r="N793728" s="10"/>
    </row>
    <row r="793729" spans="14:14">
      <c r="N793729" s="10"/>
    </row>
    <row r="793730" spans="14:14">
      <c r="N793730" s="10"/>
    </row>
    <row r="793731" spans="14:14">
      <c r="N793731" s="10"/>
    </row>
    <row r="793732" spans="14:14">
      <c r="N793732" s="10"/>
    </row>
    <row r="793733" spans="14:14">
      <c r="N793733" s="10"/>
    </row>
    <row r="793734" spans="14:14">
      <c r="N793734" s="10"/>
    </row>
    <row r="793735" spans="14:14">
      <c r="N793735" s="10"/>
    </row>
    <row r="793736" spans="14:14">
      <c r="N793736" s="10"/>
    </row>
    <row r="793737" spans="14:14">
      <c r="N793737" s="10"/>
    </row>
    <row r="793738" spans="14:14">
      <c r="N793738" s="10"/>
    </row>
    <row r="793739" spans="14:14">
      <c r="N793739" s="10"/>
    </row>
    <row r="793740" spans="14:14">
      <c r="N793740" s="10"/>
    </row>
    <row r="793741" spans="14:14">
      <c r="N793741" s="10"/>
    </row>
    <row r="793742" spans="14:14">
      <c r="N793742" s="10"/>
    </row>
    <row r="793743" spans="14:14">
      <c r="N793743" s="10"/>
    </row>
    <row r="793744" spans="14:14">
      <c r="N793744" s="10"/>
    </row>
    <row r="793745" spans="14:14">
      <c r="N793745" s="10"/>
    </row>
    <row r="793746" spans="14:14">
      <c r="N793746" s="10"/>
    </row>
    <row r="793747" spans="14:14">
      <c r="N793747" s="10"/>
    </row>
    <row r="793748" spans="14:14">
      <c r="N793748" s="10"/>
    </row>
    <row r="793749" spans="14:14">
      <c r="N793749" s="10"/>
    </row>
    <row r="793750" spans="14:14">
      <c r="N793750" s="10"/>
    </row>
    <row r="793751" spans="14:14">
      <c r="N793751" s="10"/>
    </row>
    <row r="793752" spans="14:14">
      <c r="N793752" s="10"/>
    </row>
    <row r="793753" spans="14:14">
      <c r="N793753" s="10"/>
    </row>
    <row r="793754" spans="14:14">
      <c r="N793754" s="10"/>
    </row>
    <row r="793755" spans="14:14">
      <c r="N793755" s="10"/>
    </row>
    <row r="793756" spans="14:14">
      <c r="N793756" s="10"/>
    </row>
    <row r="793757" spans="14:14">
      <c r="N793757" s="10"/>
    </row>
    <row r="793758" spans="14:14">
      <c r="N793758" s="10"/>
    </row>
    <row r="793759" spans="14:14">
      <c r="N793759" s="10"/>
    </row>
    <row r="793760" spans="14:14">
      <c r="N793760" s="10"/>
    </row>
    <row r="793761" spans="14:14">
      <c r="N793761" s="10"/>
    </row>
    <row r="793762" spans="14:14">
      <c r="N793762" s="10"/>
    </row>
    <row r="793763" spans="14:14">
      <c r="N793763" s="10"/>
    </row>
    <row r="793764" spans="14:14">
      <c r="N793764" s="10"/>
    </row>
    <row r="793765" spans="14:14">
      <c r="N793765" s="10"/>
    </row>
    <row r="793766" spans="14:14">
      <c r="N793766" s="10"/>
    </row>
    <row r="793767" spans="14:14">
      <c r="N793767" s="10"/>
    </row>
    <row r="793768" spans="14:14">
      <c r="N793768" s="10"/>
    </row>
    <row r="793769" spans="14:14">
      <c r="N793769" s="10"/>
    </row>
    <row r="793770" spans="14:14">
      <c r="N793770" s="10"/>
    </row>
    <row r="793771" spans="14:14">
      <c r="N793771" s="10"/>
    </row>
    <row r="793772" spans="14:14">
      <c r="N793772" s="10"/>
    </row>
    <row r="793773" spans="14:14">
      <c r="N793773" s="10"/>
    </row>
    <row r="793774" spans="14:14">
      <c r="N793774" s="10"/>
    </row>
    <row r="793775" spans="14:14">
      <c r="N793775" s="10"/>
    </row>
    <row r="793776" spans="14:14">
      <c r="N793776" s="10"/>
    </row>
    <row r="793777" spans="14:14">
      <c r="N793777" s="10"/>
    </row>
    <row r="793778" spans="14:14">
      <c r="N793778" s="10"/>
    </row>
    <row r="793779" spans="14:14">
      <c r="N793779" s="10"/>
    </row>
    <row r="793780" spans="14:14">
      <c r="N793780" s="10"/>
    </row>
    <row r="793781" spans="14:14">
      <c r="N793781" s="10"/>
    </row>
    <row r="793782" spans="14:14">
      <c r="N793782" s="10"/>
    </row>
    <row r="793783" spans="14:14">
      <c r="N793783" s="10"/>
    </row>
    <row r="793784" spans="14:14">
      <c r="N793784" s="10"/>
    </row>
    <row r="793785" spans="14:14">
      <c r="N793785" s="10"/>
    </row>
    <row r="793786" spans="14:14">
      <c r="N793786" s="10"/>
    </row>
    <row r="793787" spans="14:14">
      <c r="N793787" s="10"/>
    </row>
    <row r="793788" spans="14:14">
      <c r="N793788" s="10"/>
    </row>
    <row r="793789" spans="14:14">
      <c r="N793789" s="10"/>
    </row>
    <row r="793790" spans="14:14">
      <c r="N793790" s="10"/>
    </row>
    <row r="793791" spans="14:14">
      <c r="N793791" s="10"/>
    </row>
    <row r="793792" spans="14:14">
      <c r="N793792" s="10"/>
    </row>
    <row r="793793" spans="14:14">
      <c r="N793793" s="10"/>
    </row>
    <row r="793794" spans="14:14">
      <c r="N793794" s="10"/>
    </row>
    <row r="793795" spans="14:14">
      <c r="N793795" s="10"/>
    </row>
    <row r="793796" spans="14:14">
      <c r="N793796" s="10"/>
    </row>
    <row r="793797" spans="14:14">
      <c r="N793797" s="10"/>
    </row>
    <row r="793798" spans="14:14">
      <c r="N793798" s="10"/>
    </row>
    <row r="793799" spans="14:14">
      <c r="N793799" s="10"/>
    </row>
    <row r="793800" spans="14:14">
      <c r="N793800" s="10"/>
    </row>
    <row r="793801" spans="14:14">
      <c r="N793801" s="10"/>
    </row>
    <row r="793802" spans="14:14">
      <c r="N793802" s="10"/>
    </row>
    <row r="793803" spans="14:14">
      <c r="N793803" s="10"/>
    </row>
    <row r="793804" spans="14:14">
      <c r="N793804" s="10"/>
    </row>
    <row r="793805" spans="14:14">
      <c r="N793805" s="10"/>
    </row>
    <row r="793806" spans="14:14">
      <c r="N793806" s="10"/>
    </row>
    <row r="793807" spans="14:14">
      <c r="N793807" s="10"/>
    </row>
    <row r="793808" spans="14:14">
      <c r="N793808" s="10"/>
    </row>
    <row r="793809" spans="14:14">
      <c r="N793809" s="10"/>
    </row>
    <row r="793810" spans="14:14">
      <c r="N793810" s="10"/>
    </row>
    <row r="793811" spans="14:14">
      <c r="N793811" s="10"/>
    </row>
    <row r="793812" spans="14:14">
      <c r="N793812" s="10"/>
    </row>
    <row r="793813" spans="14:14">
      <c r="N793813" s="10"/>
    </row>
    <row r="793814" spans="14:14">
      <c r="N793814" s="10"/>
    </row>
    <row r="793815" spans="14:14">
      <c r="N793815" s="10"/>
    </row>
    <row r="793816" spans="14:14">
      <c r="N793816" s="10"/>
    </row>
    <row r="793817" spans="14:14">
      <c r="N793817" s="10"/>
    </row>
    <row r="793818" spans="14:14">
      <c r="N793818" s="10"/>
    </row>
    <row r="793819" spans="14:14">
      <c r="N793819" s="10"/>
    </row>
    <row r="793820" spans="14:14">
      <c r="N793820" s="10"/>
    </row>
    <row r="793821" spans="14:14">
      <c r="N793821" s="10"/>
    </row>
    <row r="793822" spans="14:14">
      <c r="N793822" s="10"/>
    </row>
    <row r="793823" spans="14:14">
      <c r="N793823" s="10"/>
    </row>
    <row r="793824" spans="14:14">
      <c r="N793824" s="10"/>
    </row>
    <row r="793825" spans="14:14">
      <c r="N793825" s="10"/>
    </row>
    <row r="793826" spans="14:14">
      <c r="N793826" s="10"/>
    </row>
    <row r="793827" spans="14:14">
      <c r="N793827" s="10"/>
    </row>
    <row r="793828" spans="14:14">
      <c r="N793828" s="10"/>
    </row>
    <row r="793829" spans="14:14">
      <c r="N793829" s="10"/>
    </row>
    <row r="793830" spans="14:14">
      <c r="N793830" s="10"/>
    </row>
    <row r="793831" spans="14:14">
      <c r="N793831" s="10"/>
    </row>
    <row r="793832" spans="14:14">
      <c r="N793832" s="10"/>
    </row>
    <row r="793833" spans="14:14">
      <c r="N793833" s="10"/>
    </row>
    <row r="793834" spans="14:14">
      <c r="N793834" s="10"/>
    </row>
    <row r="793835" spans="14:14">
      <c r="N793835" s="10"/>
    </row>
    <row r="793836" spans="14:14">
      <c r="N793836" s="10"/>
    </row>
    <row r="793837" spans="14:14">
      <c r="N793837" s="10"/>
    </row>
    <row r="793838" spans="14:14">
      <c r="N793838" s="10"/>
    </row>
    <row r="793839" spans="14:14">
      <c r="N793839" s="10"/>
    </row>
    <row r="793840" spans="14:14">
      <c r="N793840" s="10"/>
    </row>
    <row r="793841" spans="14:14">
      <c r="N793841" s="10"/>
    </row>
    <row r="793842" spans="14:14">
      <c r="N793842" s="10"/>
    </row>
    <row r="793843" spans="14:14">
      <c r="N793843" s="10"/>
    </row>
    <row r="793844" spans="14:14">
      <c r="N793844" s="10"/>
    </row>
    <row r="793845" spans="14:14">
      <c r="N793845" s="10"/>
    </row>
    <row r="793846" spans="14:14">
      <c r="N793846" s="10"/>
    </row>
    <row r="793847" spans="14:14">
      <c r="N793847" s="10"/>
    </row>
    <row r="793848" spans="14:14">
      <c r="N793848" s="10"/>
    </row>
    <row r="793849" spans="14:14">
      <c r="N793849" s="10"/>
    </row>
    <row r="793850" spans="14:14">
      <c r="N793850" s="10"/>
    </row>
    <row r="793851" spans="14:14">
      <c r="N793851" s="10"/>
    </row>
    <row r="793852" spans="14:14">
      <c r="N793852" s="10"/>
    </row>
    <row r="793853" spans="14:14">
      <c r="N793853" s="10"/>
    </row>
    <row r="793854" spans="14:14">
      <c r="N793854" s="10"/>
    </row>
    <row r="793855" spans="14:14">
      <c r="N793855" s="10"/>
    </row>
    <row r="793856" spans="14:14">
      <c r="N793856" s="10"/>
    </row>
    <row r="793857" spans="14:14">
      <c r="N793857" s="10"/>
    </row>
    <row r="793858" spans="14:14">
      <c r="N793858" s="10"/>
    </row>
    <row r="793859" spans="14:14">
      <c r="N793859" s="10"/>
    </row>
    <row r="793860" spans="14:14">
      <c r="N793860" s="10"/>
    </row>
    <row r="793861" spans="14:14">
      <c r="N793861" s="10"/>
    </row>
    <row r="793862" spans="14:14">
      <c r="N793862" s="10"/>
    </row>
    <row r="793863" spans="14:14">
      <c r="N793863" s="10"/>
    </row>
    <row r="793864" spans="14:14">
      <c r="N793864" s="10"/>
    </row>
    <row r="793865" spans="14:14">
      <c r="N793865" s="10"/>
    </row>
    <row r="793866" spans="14:14">
      <c r="N793866" s="10"/>
    </row>
    <row r="793867" spans="14:14">
      <c r="N793867" s="10"/>
    </row>
    <row r="793868" spans="14:14">
      <c r="N793868" s="10"/>
    </row>
    <row r="793869" spans="14:14">
      <c r="N793869" s="10"/>
    </row>
    <row r="793870" spans="14:14">
      <c r="N793870" s="10"/>
    </row>
    <row r="793871" spans="14:14">
      <c r="N793871" s="10"/>
    </row>
    <row r="793872" spans="14:14">
      <c r="N793872" s="10"/>
    </row>
    <row r="793873" spans="14:14">
      <c r="N793873" s="10"/>
    </row>
    <row r="793874" spans="14:14">
      <c r="N793874" s="10"/>
    </row>
    <row r="793875" spans="14:14">
      <c r="N793875" s="10"/>
    </row>
    <row r="793876" spans="14:14">
      <c r="N793876" s="10"/>
    </row>
    <row r="793877" spans="14:14">
      <c r="N793877" s="10"/>
    </row>
    <row r="793878" spans="14:14">
      <c r="N793878" s="10"/>
    </row>
    <row r="793879" spans="14:14">
      <c r="N793879" s="10"/>
    </row>
    <row r="793880" spans="14:14">
      <c r="N793880" s="10"/>
    </row>
    <row r="793881" spans="14:14">
      <c r="N793881" s="10"/>
    </row>
    <row r="793882" spans="14:14">
      <c r="N793882" s="10"/>
    </row>
    <row r="793883" spans="14:14">
      <c r="N793883" s="10"/>
    </row>
    <row r="793884" spans="14:14">
      <c r="N793884" s="10"/>
    </row>
    <row r="793885" spans="14:14">
      <c r="N793885" s="10"/>
    </row>
    <row r="793886" spans="14:14">
      <c r="N793886" s="10"/>
    </row>
    <row r="793887" spans="14:14">
      <c r="N793887" s="10"/>
    </row>
    <row r="793888" spans="14:14">
      <c r="N793888" s="10"/>
    </row>
    <row r="793889" spans="14:14">
      <c r="N793889" s="10"/>
    </row>
    <row r="793890" spans="14:14">
      <c r="N793890" s="10"/>
    </row>
    <row r="793891" spans="14:14">
      <c r="N793891" s="10"/>
    </row>
    <row r="793892" spans="14:14">
      <c r="N793892" s="10"/>
    </row>
    <row r="793893" spans="14:14">
      <c r="N793893" s="10"/>
    </row>
    <row r="793894" spans="14:14">
      <c r="N793894" s="10"/>
    </row>
    <row r="793895" spans="14:14">
      <c r="N793895" s="10"/>
    </row>
    <row r="793896" spans="14:14">
      <c r="N793896" s="10"/>
    </row>
    <row r="793897" spans="14:14">
      <c r="N793897" s="10"/>
    </row>
    <row r="793898" spans="14:14">
      <c r="N793898" s="10"/>
    </row>
    <row r="793899" spans="14:14">
      <c r="N793899" s="10"/>
    </row>
    <row r="793900" spans="14:14">
      <c r="N793900" s="10"/>
    </row>
    <row r="793901" spans="14:14">
      <c r="N793901" s="10"/>
    </row>
    <row r="793902" spans="14:14">
      <c r="N793902" s="10"/>
    </row>
    <row r="793903" spans="14:14">
      <c r="N793903" s="10"/>
    </row>
    <row r="793904" spans="14:14">
      <c r="N793904" s="10"/>
    </row>
    <row r="793905" spans="14:14">
      <c r="N793905" s="10"/>
    </row>
    <row r="793906" spans="14:14">
      <c r="N793906" s="10"/>
    </row>
    <row r="793907" spans="14:14">
      <c r="N793907" s="10"/>
    </row>
    <row r="793908" spans="14:14">
      <c r="N793908" s="10"/>
    </row>
    <row r="793909" spans="14:14">
      <c r="N793909" s="10"/>
    </row>
    <row r="793910" spans="14:14">
      <c r="N793910" s="10"/>
    </row>
    <row r="793911" spans="14:14">
      <c r="N793911" s="10"/>
    </row>
    <row r="793912" spans="14:14">
      <c r="N793912" s="10"/>
    </row>
    <row r="793913" spans="14:14">
      <c r="N793913" s="10"/>
    </row>
    <row r="793914" spans="14:14">
      <c r="N793914" s="10"/>
    </row>
    <row r="793915" spans="14:14">
      <c r="N793915" s="10"/>
    </row>
    <row r="793916" spans="14:14">
      <c r="N793916" s="10"/>
    </row>
    <row r="793917" spans="14:14">
      <c r="N793917" s="10"/>
    </row>
    <row r="793918" spans="14:14">
      <c r="N793918" s="10"/>
    </row>
    <row r="793919" spans="14:14">
      <c r="N793919" s="10"/>
    </row>
    <row r="793920" spans="14:14">
      <c r="N793920" s="10"/>
    </row>
    <row r="793921" spans="14:14">
      <c r="N793921" s="10"/>
    </row>
    <row r="793922" spans="14:14">
      <c r="N793922" s="10"/>
    </row>
    <row r="793923" spans="14:14">
      <c r="N793923" s="10"/>
    </row>
    <row r="793924" spans="14:14">
      <c r="N793924" s="10"/>
    </row>
    <row r="793925" spans="14:14">
      <c r="N793925" s="10"/>
    </row>
    <row r="793926" spans="14:14">
      <c r="N793926" s="10"/>
    </row>
    <row r="793927" spans="14:14">
      <c r="N793927" s="10"/>
    </row>
    <row r="793928" spans="14:14">
      <c r="N793928" s="10"/>
    </row>
    <row r="793929" spans="14:14">
      <c r="N793929" s="10"/>
    </row>
    <row r="793930" spans="14:14">
      <c r="N793930" s="10"/>
    </row>
    <row r="793931" spans="14:14">
      <c r="N793931" s="10"/>
    </row>
    <row r="793932" spans="14:14">
      <c r="N793932" s="10"/>
    </row>
    <row r="793933" spans="14:14">
      <c r="N793933" s="10"/>
    </row>
    <row r="793934" spans="14:14">
      <c r="N793934" s="10"/>
    </row>
    <row r="793935" spans="14:14">
      <c r="N793935" s="10"/>
    </row>
    <row r="793936" spans="14:14">
      <c r="N793936" s="10"/>
    </row>
    <row r="793937" spans="14:14">
      <c r="N793937" s="10"/>
    </row>
    <row r="793938" spans="14:14">
      <c r="N793938" s="10"/>
    </row>
    <row r="793939" spans="14:14">
      <c r="N793939" s="10"/>
    </row>
    <row r="793940" spans="14:14">
      <c r="N793940" s="10"/>
    </row>
    <row r="793941" spans="14:14">
      <c r="N793941" s="10"/>
    </row>
    <row r="793942" spans="14:14">
      <c r="N793942" s="10"/>
    </row>
    <row r="793943" spans="14:14">
      <c r="N793943" s="10"/>
    </row>
    <row r="793944" spans="14:14">
      <c r="N793944" s="10"/>
    </row>
    <row r="793945" spans="14:14">
      <c r="N793945" s="10"/>
    </row>
    <row r="793946" spans="14:14">
      <c r="N793946" s="10"/>
    </row>
    <row r="793947" spans="14:14">
      <c r="N793947" s="10"/>
    </row>
    <row r="793948" spans="14:14">
      <c r="N793948" s="10"/>
    </row>
    <row r="793949" spans="14:14">
      <c r="N793949" s="10"/>
    </row>
    <row r="793950" spans="14:14">
      <c r="N793950" s="10"/>
    </row>
    <row r="793951" spans="14:14">
      <c r="N793951" s="10"/>
    </row>
    <row r="793952" spans="14:14">
      <c r="N793952" s="10"/>
    </row>
    <row r="793953" spans="14:14">
      <c r="N793953" s="10"/>
    </row>
    <row r="793954" spans="14:14">
      <c r="N793954" s="10"/>
    </row>
    <row r="793955" spans="14:14">
      <c r="N793955" s="10"/>
    </row>
    <row r="793956" spans="14:14">
      <c r="N793956" s="10"/>
    </row>
    <row r="793957" spans="14:14">
      <c r="N793957" s="10"/>
    </row>
    <row r="793958" spans="14:14">
      <c r="N793958" s="10"/>
    </row>
    <row r="793959" spans="14:14">
      <c r="N793959" s="10"/>
    </row>
    <row r="793960" spans="14:14">
      <c r="N793960" s="10"/>
    </row>
    <row r="793961" spans="14:14">
      <c r="N793961" s="10"/>
    </row>
    <row r="793962" spans="14:14">
      <c r="N793962" s="10"/>
    </row>
    <row r="793963" spans="14:14">
      <c r="N793963" s="10"/>
    </row>
    <row r="793964" spans="14:14">
      <c r="N793964" s="10"/>
    </row>
    <row r="793965" spans="14:14">
      <c r="N793965" s="10"/>
    </row>
    <row r="793966" spans="14:14">
      <c r="N793966" s="10"/>
    </row>
    <row r="793967" spans="14:14">
      <c r="N793967" s="10"/>
    </row>
    <row r="793968" spans="14:14">
      <c r="N793968" s="10"/>
    </row>
    <row r="793969" spans="14:14">
      <c r="N793969" s="10"/>
    </row>
    <row r="793970" spans="14:14">
      <c r="N793970" s="10"/>
    </row>
    <row r="793971" spans="14:14">
      <c r="N793971" s="10"/>
    </row>
    <row r="793972" spans="14:14">
      <c r="N793972" s="10"/>
    </row>
    <row r="793973" spans="14:14">
      <c r="N793973" s="10"/>
    </row>
    <row r="793974" spans="14:14">
      <c r="N793974" s="10"/>
    </row>
    <row r="793975" spans="14:14">
      <c r="N793975" s="10"/>
    </row>
    <row r="793976" spans="14:14">
      <c r="N793976" s="10"/>
    </row>
    <row r="793977" spans="14:14">
      <c r="N793977" s="10"/>
    </row>
    <row r="793978" spans="14:14">
      <c r="N793978" s="10"/>
    </row>
    <row r="793979" spans="14:14">
      <c r="N793979" s="10"/>
    </row>
    <row r="793980" spans="14:14">
      <c r="N793980" s="10"/>
    </row>
    <row r="793981" spans="14:14">
      <c r="N793981" s="10"/>
    </row>
    <row r="793982" spans="14:14">
      <c r="N793982" s="10"/>
    </row>
    <row r="793983" spans="14:14">
      <c r="N793983" s="10"/>
    </row>
    <row r="793984" spans="14:14">
      <c r="N793984" s="10"/>
    </row>
    <row r="793985" spans="14:14">
      <c r="N793985" s="10"/>
    </row>
    <row r="793986" spans="14:14">
      <c r="N793986" s="10"/>
    </row>
    <row r="793987" spans="14:14">
      <c r="N793987" s="10"/>
    </row>
    <row r="793988" spans="14:14">
      <c r="N793988" s="10"/>
    </row>
    <row r="793989" spans="14:14">
      <c r="N793989" s="10"/>
    </row>
    <row r="793990" spans="14:14">
      <c r="N793990" s="10"/>
    </row>
    <row r="793991" spans="14:14">
      <c r="N793991" s="10"/>
    </row>
    <row r="793992" spans="14:14">
      <c r="N793992" s="10"/>
    </row>
    <row r="793993" spans="14:14">
      <c r="N793993" s="10"/>
    </row>
    <row r="793994" spans="14:14">
      <c r="N793994" s="10"/>
    </row>
    <row r="793995" spans="14:14">
      <c r="N793995" s="10"/>
    </row>
    <row r="793996" spans="14:14">
      <c r="N793996" s="10"/>
    </row>
    <row r="793997" spans="14:14">
      <c r="N793997" s="10"/>
    </row>
    <row r="793998" spans="14:14">
      <c r="N793998" s="10"/>
    </row>
    <row r="793999" spans="14:14">
      <c r="N793999" s="10"/>
    </row>
    <row r="794000" spans="14:14">
      <c r="N794000" s="10"/>
    </row>
    <row r="794001" spans="14:14">
      <c r="N794001" s="10"/>
    </row>
    <row r="794002" spans="14:14">
      <c r="N794002" s="10"/>
    </row>
    <row r="794003" spans="14:14">
      <c r="N794003" s="10"/>
    </row>
    <row r="794004" spans="14:14">
      <c r="N794004" s="10"/>
    </row>
    <row r="794005" spans="14:14">
      <c r="N794005" s="10"/>
    </row>
    <row r="794006" spans="14:14">
      <c r="N794006" s="10"/>
    </row>
    <row r="794007" spans="14:14">
      <c r="N794007" s="10"/>
    </row>
    <row r="794008" spans="14:14">
      <c r="N794008" s="10"/>
    </row>
    <row r="794009" spans="14:14">
      <c r="N794009" s="10"/>
    </row>
    <row r="794010" spans="14:14">
      <c r="N794010" s="10"/>
    </row>
    <row r="794011" spans="14:14">
      <c r="N794011" s="10"/>
    </row>
    <row r="794012" spans="14:14">
      <c r="N794012" s="10"/>
    </row>
    <row r="794013" spans="14:14">
      <c r="N794013" s="10"/>
    </row>
    <row r="794014" spans="14:14">
      <c r="N794014" s="10"/>
    </row>
    <row r="794015" spans="14:14">
      <c r="N794015" s="10"/>
    </row>
    <row r="794016" spans="14:14">
      <c r="N794016" s="10"/>
    </row>
    <row r="794017" spans="14:14">
      <c r="N794017" s="10"/>
    </row>
    <row r="794018" spans="14:14">
      <c r="N794018" s="10"/>
    </row>
    <row r="794019" spans="14:14">
      <c r="N794019" s="10"/>
    </row>
    <row r="794020" spans="14:14">
      <c r="N794020" s="10"/>
    </row>
    <row r="794021" spans="14:14">
      <c r="N794021" s="10"/>
    </row>
    <row r="794022" spans="14:14">
      <c r="N794022" s="10"/>
    </row>
    <row r="794023" spans="14:14">
      <c r="N794023" s="10"/>
    </row>
    <row r="794024" spans="14:14">
      <c r="N794024" s="10"/>
    </row>
    <row r="794025" spans="14:14">
      <c r="N794025" s="10"/>
    </row>
    <row r="794026" spans="14:14">
      <c r="N794026" s="10"/>
    </row>
    <row r="794027" spans="14:14">
      <c r="N794027" s="10"/>
    </row>
    <row r="794028" spans="14:14">
      <c r="N794028" s="10"/>
    </row>
    <row r="794029" spans="14:14">
      <c r="N794029" s="10"/>
    </row>
    <row r="794030" spans="14:14">
      <c r="N794030" s="10"/>
    </row>
    <row r="794031" spans="14:14">
      <c r="N794031" s="10"/>
    </row>
    <row r="794032" spans="14:14">
      <c r="N794032" s="10"/>
    </row>
    <row r="794033" spans="14:14">
      <c r="N794033" s="10"/>
    </row>
    <row r="794034" spans="14:14">
      <c r="N794034" s="10"/>
    </row>
    <row r="794035" spans="14:14">
      <c r="N794035" s="10"/>
    </row>
    <row r="794036" spans="14:14">
      <c r="N794036" s="10"/>
    </row>
    <row r="794037" spans="14:14">
      <c r="N794037" s="10"/>
    </row>
    <row r="794038" spans="14:14">
      <c r="N794038" s="10"/>
    </row>
    <row r="794039" spans="14:14">
      <c r="N794039" s="10"/>
    </row>
    <row r="794040" spans="14:14">
      <c r="N794040" s="10"/>
    </row>
    <row r="794041" spans="14:14">
      <c r="N794041" s="10"/>
    </row>
    <row r="794042" spans="14:14">
      <c r="N794042" s="10"/>
    </row>
    <row r="794043" spans="14:14">
      <c r="N794043" s="10"/>
    </row>
    <row r="794044" spans="14:14">
      <c r="N794044" s="10"/>
    </row>
    <row r="794045" spans="14:14">
      <c r="N794045" s="10"/>
    </row>
    <row r="794046" spans="14:14">
      <c r="N794046" s="10"/>
    </row>
    <row r="794047" spans="14:14">
      <c r="N794047" s="10"/>
    </row>
    <row r="794048" spans="14:14">
      <c r="N794048" s="10"/>
    </row>
    <row r="794049" spans="14:14">
      <c r="N794049" s="10"/>
    </row>
    <row r="794050" spans="14:14">
      <c r="N794050" s="10"/>
    </row>
    <row r="794051" spans="14:14">
      <c r="N794051" s="10"/>
    </row>
    <row r="794052" spans="14:14">
      <c r="N794052" s="10"/>
    </row>
    <row r="794053" spans="14:14">
      <c r="N794053" s="10"/>
    </row>
    <row r="794054" spans="14:14">
      <c r="N794054" s="10"/>
    </row>
    <row r="794055" spans="14:14">
      <c r="N794055" s="10"/>
    </row>
    <row r="794056" spans="14:14">
      <c r="N794056" s="10"/>
    </row>
    <row r="794057" spans="14:14">
      <c r="N794057" s="10"/>
    </row>
    <row r="794058" spans="14:14">
      <c r="N794058" s="10"/>
    </row>
    <row r="794059" spans="14:14">
      <c r="N794059" s="10"/>
    </row>
    <row r="794060" spans="14:14">
      <c r="N794060" s="10"/>
    </row>
    <row r="794061" spans="14:14">
      <c r="N794061" s="10"/>
    </row>
    <row r="794062" spans="14:14">
      <c r="N794062" s="10"/>
    </row>
    <row r="794063" spans="14:14">
      <c r="N794063" s="10"/>
    </row>
    <row r="794064" spans="14:14">
      <c r="N794064" s="10"/>
    </row>
    <row r="794065" spans="14:14">
      <c r="N794065" s="10"/>
    </row>
    <row r="794066" spans="14:14">
      <c r="N794066" s="10"/>
    </row>
    <row r="794067" spans="14:14">
      <c r="N794067" s="10"/>
    </row>
    <row r="794068" spans="14:14">
      <c r="N794068" s="10"/>
    </row>
    <row r="794069" spans="14:14">
      <c r="N794069" s="10"/>
    </row>
    <row r="794070" spans="14:14">
      <c r="N794070" s="10"/>
    </row>
    <row r="794071" spans="14:14">
      <c r="N794071" s="10"/>
    </row>
    <row r="794072" spans="14:14">
      <c r="N794072" s="10"/>
    </row>
    <row r="794073" spans="14:14">
      <c r="N794073" s="10"/>
    </row>
    <row r="794074" spans="14:14">
      <c r="N794074" s="10"/>
    </row>
    <row r="794075" spans="14:14">
      <c r="N794075" s="10"/>
    </row>
    <row r="794076" spans="14:14">
      <c r="N794076" s="10"/>
    </row>
    <row r="794077" spans="14:14">
      <c r="N794077" s="10"/>
    </row>
    <row r="794078" spans="14:14">
      <c r="N794078" s="10"/>
    </row>
    <row r="794079" spans="14:14">
      <c r="N794079" s="10"/>
    </row>
    <row r="794080" spans="14:14">
      <c r="N794080" s="10"/>
    </row>
    <row r="794081" spans="14:14">
      <c r="N794081" s="10"/>
    </row>
    <row r="794082" spans="14:14">
      <c r="N794082" s="10"/>
    </row>
    <row r="794083" spans="14:14">
      <c r="N794083" s="10"/>
    </row>
    <row r="794084" spans="14:14">
      <c r="N794084" s="10"/>
    </row>
    <row r="794085" spans="14:14">
      <c r="N794085" s="10"/>
    </row>
    <row r="794086" spans="14:14">
      <c r="N794086" s="10"/>
    </row>
    <row r="794087" spans="14:14">
      <c r="N794087" s="10"/>
    </row>
    <row r="794088" spans="14:14">
      <c r="N794088" s="10"/>
    </row>
    <row r="794089" spans="14:14">
      <c r="N794089" s="10"/>
    </row>
    <row r="794090" spans="14:14">
      <c r="N794090" s="10"/>
    </row>
    <row r="794091" spans="14:14">
      <c r="N794091" s="10"/>
    </row>
    <row r="794092" spans="14:14">
      <c r="N794092" s="10"/>
    </row>
    <row r="794093" spans="14:14">
      <c r="N794093" s="10"/>
    </row>
    <row r="794094" spans="14:14">
      <c r="N794094" s="10"/>
    </row>
    <row r="794095" spans="14:14">
      <c r="N794095" s="10"/>
    </row>
    <row r="794096" spans="14:14">
      <c r="N794096" s="10"/>
    </row>
    <row r="794097" spans="14:14">
      <c r="N794097" s="10"/>
    </row>
    <row r="794098" spans="14:14">
      <c r="N794098" s="10"/>
    </row>
    <row r="794099" spans="14:14">
      <c r="N794099" s="10"/>
    </row>
    <row r="794100" spans="14:14">
      <c r="N794100" s="10"/>
    </row>
    <row r="794101" spans="14:14">
      <c r="N794101" s="10"/>
    </row>
    <row r="794102" spans="14:14">
      <c r="N794102" s="10"/>
    </row>
    <row r="794103" spans="14:14">
      <c r="N794103" s="10"/>
    </row>
    <row r="794104" spans="14:14">
      <c r="N794104" s="10"/>
    </row>
    <row r="794105" spans="14:14">
      <c r="N794105" s="10"/>
    </row>
    <row r="794106" spans="14:14">
      <c r="N794106" s="10"/>
    </row>
    <row r="794107" spans="14:14">
      <c r="N794107" s="10"/>
    </row>
    <row r="794108" spans="14:14">
      <c r="N794108" s="10"/>
    </row>
    <row r="794109" spans="14:14">
      <c r="N794109" s="10"/>
    </row>
    <row r="794110" spans="14:14">
      <c r="N794110" s="10"/>
    </row>
    <row r="794111" spans="14:14">
      <c r="N794111" s="10"/>
    </row>
    <row r="794112" spans="14:14">
      <c r="N794112" s="10"/>
    </row>
    <row r="794113" spans="14:14">
      <c r="N794113" s="10"/>
    </row>
    <row r="794114" spans="14:14">
      <c r="N794114" s="10"/>
    </row>
    <row r="794115" spans="14:14">
      <c r="N794115" s="10"/>
    </row>
    <row r="794116" spans="14:14">
      <c r="N794116" s="10"/>
    </row>
    <row r="794117" spans="14:14">
      <c r="N794117" s="10"/>
    </row>
    <row r="794118" spans="14:14">
      <c r="N794118" s="10"/>
    </row>
    <row r="794119" spans="14:14">
      <c r="N794119" s="10"/>
    </row>
    <row r="794120" spans="14:14">
      <c r="N794120" s="10"/>
    </row>
    <row r="794121" spans="14:14">
      <c r="N794121" s="10"/>
    </row>
    <row r="794122" spans="14:14">
      <c r="N794122" s="10"/>
    </row>
    <row r="794123" spans="14:14">
      <c r="N794123" s="10"/>
    </row>
    <row r="794124" spans="14:14">
      <c r="N794124" s="10"/>
    </row>
    <row r="794125" spans="14:14">
      <c r="N794125" s="10"/>
    </row>
    <row r="794126" spans="14:14">
      <c r="N794126" s="10"/>
    </row>
    <row r="794127" spans="14:14">
      <c r="N794127" s="10"/>
    </row>
    <row r="794128" spans="14:14">
      <c r="N794128" s="10"/>
    </row>
    <row r="794129" spans="14:14">
      <c r="N794129" s="10"/>
    </row>
    <row r="794130" spans="14:14">
      <c r="N794130" s="10"/>
    </row>
    <row r="794131" spans="14:14">
      <c r="N794131" s="10"/>
    </row>
    <row r="794132" spans="14:14">
      <c r="N794132" s="10"/>
    </row>
    <row r="794133" spans="14:14">
      <c r="N794133" s="10"/>
    </row>
    <row r="794134" spans="14:14">
      <c r="N794134" s="10"/>
    </row>
    <row r="794135" spans="14:14">
      <c r="N794135" s="10"/>
    </row>
    <row r="794136" spans="14:14">
      <c r="N794136" s="10"/>
    </row>
    <row r="794137" spans="14:14">
      <c r="N794137" s="10"/>
    </row>
    <row r="794138" spans="14:14">
      <c r="N794138" s="10"/>
    </row>
    <row r="794139" spans="14:14">
      <c r="N794139" s="10"/>
    </row>
    <row r="794140" spans="14:14">
      <c r="N794140" s="10"/>
    </row>
    <row r="794141" spans="14:14">
      <c r="N794141" s="10"/>
    </row>
    <row r="794142" spans="14:14">
      <c r="N794142" s="10"/>
    </row>
    <row r="794143" spans="14:14">
      <c r="N794143" s="10"/>
    </row>
    <row r="794144" spans="14:14">
      <c r="N794144" s="10"/>
    </row>
    <row r="794145" spans="14:14">
      <c r="N794145" s="10"/>
    </row>
    <row r="794146" spans="14:14">
      <c r="N794146" s="10"/>
    </row>
    <row r="794147" spans="14:14">
      <c r="N794147" s="10"/>
    </row>
    <row r="794148" spans="14:14">
      <c r="N794148" s="10"/>
    </row>
    <row r="794149" spans="14:14">
      <c r="N794149" s="10"/>
    </row>
    <row r="794150" spans="14:14">
      <c r="N794150" s="10"/>
    </row>
    <row r="794151" spans="14:14">
      <c r="N794151" s="10"/>
    </row>
    <row r="794152" spans="14:14">
      <c r="N794152" s="10"/>
    </row>
    <row r="794153" spans="14:14">
      <c r="N794153" s="10"/>
    </row>
    <row r="794154" spans="14:14">
      <c r="N794154" s="10"/>
    </row>
    <row r="794155" spans="14:14">
      <c r="N794155" s="10"/>
    </row>
    <row r="794156" spans="14:14">
      <c r="N794156" s="10"/>
    </row>
    <row r="794157" spans="14:14">
      <c r="N794157" s="10"/>
    </row>
    <row r="794158" spans="14:14">
      <c r="N794158" s="10"/>
    </row>
    <row r="794159" spans="14:14">
      <c r="N794159" s="10"/>
    </row>
    <row r="794160" spans="14:14">
      <c r="N794160" s="10"/>
    </row>
    <row r="794161" spans="14:14">
      <c r="N794161" s="10"/>
    </row>
    <row r="794162" spans="14:14">
      <c r="N794162" s="10"/>
    </row>
    <row r="794163" spans="14:14">
      <c r="N794163" s="10"/>
    </row>
    <row r="794164" spans="14:14">
      <c r="N794164" s="10"/>
    </row>
    <row r="794165" spans="14:14">
      <c r="N794165" s="10"/>
    </row>
    <row r="794166" spans="14:14">
      <c r="N794166" s="10"/>
    </row>
    <row r="794167" spans="14:14">
      <c r="N794167" s="10"/>
    </row>
    <row r="794168" spans="14:14">
      <c r="N794168" s="10"/>
    </row>
    <row r="794169" spans="14:14">
      <c r="N794169" s="10"/>
    </row>
    <row r="794170" spans="14:14">
      <c r="N794170" s="10"/>
    </row>
    <row r="794171" spans="14:14">
      <c r="N794171" s="10"/>
    </row>
    <row r="794172" spans="14:14">
      <c r="N794172" s="10"/>
    </row>
    <row r="794173" spans="14:14">
      <c r="N794173" s="10"/>
    </row>
    <row r="794174" spans="14:14">
      <c r="N794174" s="10"/>
    </row>
    <row r="794175" spans="14:14">
      <c r="N794175" s="10"/>
    </row>
    <row r="794176" spans="14:14">
      <c r="N794176" s="10"/>
    </row>
    <row r="794177" spans="14:14">
      <c r="N794177" s="10"/>
    </row>
    <row r="794178" spans="14:14">
      <c r="N794178" s="10"/>
    </row>
    <row r="794179" spans="14:14">
      <c r="N794179" s="10"/>
    </row>
    <row r="794180" spans="14:14">
      <c r="N794180" s="10"/>
    </row>
    <row r="794181" spans="14:14">
      <c r="N794181" s="10"/>
    </row>
    <row r="794182" spans="14:14">
      <c r="N794182" s="10"/>
    </row>
    <row r="794183" spans="14:14">
      <c r="N794183" s="10"/>
    </row>
    <row r="794184" spans="14:14">
      <c r="N794184" s="10"/>
    </row>
    <row r="794185" spans="14:14">
      <c r="N794185" s="10"/>
    </row>
    <row r="794186" spans="14:14">
      <c r="N794186" s="10"/>
    </row>
    <row r="794187" spans="14:14">
      <c r="N794187" s="10"/>
    </row>
    <row r="794188" spans="14:14">
      <c r="N794188" s="10"/>
    </row>
    <row r="794189" spans="14:14">
      <c r="N794189" s="10"/>
    </row>
    <row r="794190" spans="14:14">
      <c r="N794190" s="10"/>
    </row>
    <row r="794191" spans="14:14">
      <c r="N794191" s="10"/>
    </row>
    <row r="794192" spans="14:14">
      <c r="N794192" s="10"/>
    </row>
    <row r="794193" spans="14:14">
      <c r="N794193" s="10"/>
    </row>
    <row r="794194" spans="14:14">
      <c r="N794194" s="10"/>
    </row>
    <row r="794195" spans="14:14">
      <c r="N794195" s="10"/>
    </row>
    <row r="794196" spans="14:14">
      <c r="N794196" s="10"/>
    </row>
    <row r="794197" spans="14:14">
      <c r="N794197" s="10"/>
    </row>
    <row r="794198" spans="14:14">
      <c r="N794198" s="10"/>
    </row>
    <row r="794199" spans="14:14">
      <c r="N794199" s="10"/>
    </row>
    <row r="794200" spans="14:14">
      <c r="N794200" s="10"/>
    </row>
    <row r="794201" spans="14:14">
      <c r="N794201" s="10"/>
    </row>
    <row r="794202" spans="14:14">
      <c r="N794202" s="10"/>
    </row>
    <row r="794203" spans="14:14">
      <c r="N794203" s="10"/>
    </row>
    <row r="794204" spans="14:14">
      <c r="N794204" s="10"/>
    </row>
    <row r="794205" spans="14:14">
      <c r="N794205" s="10"/>
    </row>
    <row r="794206" spans="14:14">
      <c r="N794206" s="10"/>
    </row>
    <row r="794207" spans="14:14">
      <c r="N794207" s="10"/>
    </row>
    <row r="794208" spans="14:14">
      <c r="N794208" s="10"/>
    </row>
    <row r="794209" spans="14:14">
      <c r="N794209" s="10"/>
    </row>
    <row r="794210" spans="14:14">
      <c r="N794210" s="10"/>
    </row>
    <row r="794211" spans="14:14">
      <c r="N794211" s="10"/>
    </row>
    <row r="794212" spans="14:14">
      <c r="N794212" s="10"/>
    </row>
    <row r="794213" spans="14:14">
      <c r="N794213" s="10"/>
    </row>
    <row r="794214" spans="14:14">
      <c r="N794214" s="10"/>
    </row>
    <row r="794215" spans="14:14">
      <c r="N794215" s="10"/>
    </row>
    <row r="794216" spans="14:14">
      <c r="N794216" s="10"/>
    </row>
    <row r="794217" spans="14:14">
      <c r="N794217" s="10"/>
    </row>
    <row r="794218" spans="14:14">
      <c r="N794218" s="10"/>
    </row>
    <row r="794219" spans="14:14">
      <c r="N794219" s="10"/>
    </row>
    <row r="794220" spans="14:14">
      <c r="N794220" s="10"/>
    </row>
    <row r="794221" spans="14:14">
      <c r="N794221" s="10"/>
    </row>
    <row r="794222" spans="14:14">
      <c r="N794222" s="10"/>
    </row>
    <row r="794223" spans="14:14">
      <c r="N794223" s="10"/>
    </row>
    <row r="794224" spans="14:14">
      <c r="N794224" s="10"/>
    </row>
    <row r="794225" spans="14:14">
      <c r="N794225" s="10"/>
    </row>
    <row r="794226" spans="14:14">
      <c r="N794226" s="10"/>
    </row>
    <row r="794227" spans="14:14">
      <c r="N794227" s="10"/>
    </row>
    <row r="794228" spans="14:14">
      <c r="N794228" s="10"/>
    </row>
    <row r="794229" spans="14:14">
      <c r="N794229" s="10"/>
    </row>
    <row r="794230" spans="14:14">
      <c r="N794230" s="10"/>
    </row>
    <row r="794231" spans="14:14">
      <c r="N794231" s="10"/>
    </row>
    <row r="794232" spans="14:14">
      <c r="N794232" s="10"/>
    </row>
    <row r="794233" spans="14:14">
      <c r="N794233" s="10"/>
    </row>
    <row r="794234" spans="14:14">
      <c r="N794234" s="10"/>
    </row>
    <row r="794235" spans="14:14">
      <c r="N794235" s="10"/>
    </row>
    <row r="794236" spans="14:14">
      <c r="N794236" s="10"/>
    </row>
    <row r="794237" spans="14:14">
      <c r="N794237" s="10"/>
    </row>
    <row r="794238" spans="14:14">
      <c r="N794238" s="10"/>
    </row>
    <row r="794239" spans="14:14">
      <c r="N794239" s="10"/>
    </row>
    <row r="794240" spans="14:14">
      <c r="N794240" s="10"/>
    </row>
    <row r="794241" spans="14:14">
      <c r="N794241" s="10"/>
    </row>
    <row r="794242" spans="14:14">
      <c r="N794242" s="10"/>
    </row>
    <row r="794243" spans="14:14">
      <c r="N794243" s="10"/>
    </row>
    <row r="794244" spans="14:14">
      <c r="N794244" s="10"/>
    </row>
    <row r="794245" spans="14:14">
      <c r="N794245" s="10"/>
    </row>
    <row r="794246" spans="14:14">
      <c r="N794246" s="10"/>
    </row>
    <row r="794247" spans="14:14">
      <c r="N794247" s="10"/>
    </row>
    <row r="794248" spans="14:14">
      <c r="N794248" s="10"/>
    </row>
    <row r="794249" spans="14:14">
      <c r="N794249" s="10"/>
    </row>
    <row r="794250" spans="14:14">
      <c r="N794250" s="10"/>
    </row>
    <row r="794251" spans="14:14">
      <c r="N794251" s="10"/>
    </row>
    <row r="794252" spans="14:14">
      <c r="N794252" s="10"/>
    </row>
    <row r="794253" spans="14:14">
      <c r="N794253" s="10"/>
    </row>
    <row r="794254" spans="14:14">
      <c r="N794254" s="10"/>
    </row>
    <row r="794255" spans="14:14">
      <c r="N794255" s="10"/>
    </row>
    <row r="794256" spans="14:14">
      <c r="N794256" s="10"/>
    </row>
    <row r="794257" spans="14:14">
      <c r="N794257" s="10"/>
    </row>
    <row r="794258" spans="14:14">
      <c r="N794258" s="10"/>
    </row>
    <row r="794259" spans="14:14">
      <c r="N794259" s="10"/>
    </row>
    <row r="794260" spans="14:14">
      <c r="N794260" s="10"/>
    </row>
    <row r="794261" spans="14:14">
      <c r="N794261" s="10"/>
    </row>
    <row r="794262" spans="14:14">
      <c r="N794262" s="10"/>
    </row>
    <row r="794263" spans="14:14">
      <c r="N794263" s="10"/>
    </row>
    <row r="794264" spans="14:14">
      <c r="N794264" s="10"/>
    </row>
    <row r="794265" spans="14:14">
      <c r="N794265" s="10"/>
    </row>
    <row r="794266" spans="14:14">
      <c r="N794266" s="10"/>
    </row>
    <row r="794267" spans="14:14">
      <c r="N794267" s="10"/>
    </row>
    <row r="794268" spans="14:14">
      <c r="N794268" s="10"/>
    </row>
    <row r="794269" spans="14:14">
      <c r="N794269" s="10"/>
    </row>
    <row r="794270" spans="14:14">
      <c r="N794270" s="10"/>
    </row>
    <row r="794271" spans="14:14">
      <c r="N794271" s="10"/>
    </row>
    <row r="794272" spans="14:14">
      <c r="N794272" s="10"/>
    </row>
    <row r="794273" spans="14:14">
      <c r="N794273" s="10"/>
    </row>
    <row r="794274" spans="14:14">
      <c r="N794274" s="10"/>
    </row>
    <row r="794275" spans="14:14">
      <c r="N794275" s="10"/>
    </row>
    <row r="794276" spans="14:14">
      <c r="N794276" s="10"/>
    </row>
    <row r="794277" spans="14:14">
      <c r="N794277" s="10"/>
    </row>
    <row r="794278" spans="14:14">
      <c r="N794278" s="10"/>
    </row>
    <row r="794279" spans="14:14">
      <c r="N794279" s="10"/>
    </row>
    <row r="794280" spans="14:14">
      <c r="N794280" s="10"/>
    </row>
    <row r="794281" spans="14:14">
      <c r="N794281" s="10"/>
    </row>
    <row r="794282" spans="14:14">
      <c r="N794282" s="10"/>
    </row>
    <row r="794283" spans="14:14">
      <c r="N794283" s="10"/>
    </row>
    <row r="794284" spans="14:14">
      <c r="N794284" s="10"/>
    </row>
    <row r="794285" spans="14:14">
      <c r="N794285" s="10"/>
    </row>
    <row r="794286" spans="14:14">
      <c r="N794286" s="10"/>
    </row>
    <row r="794287" spans="14:14">
      <c r="N794287" s="10"/>
    </row>
    <row r="794288" spans="14:14">
      <c r="N794288" s="10"/>
    </row>
    <row r="794289" spans="14:14">
      <c r="N794289" s="10"/>
    </row>
    <row r="794290" spans="14:14">
      <c r="N794290" s="10"/>
    </row>
    <row r="794291" spans="14:14">
      <c r="N794291" s="10"/>
    </row>
    <row r="794292" spans="14:14">
      <c r="N794292" s="10"/>
    </row>
    <row r="794293" spans="14:14">
      <c r="N794293" s="10"/>
    </row>
    <row r="794294" spans="14:14">
      <c r="N794294" s="10"/>
    </row>
    <row r="794295" spans="14:14">
      <c r="N794295" s="10"/>
    </row>
    <row r="794296" spans="14:14">
      <c r="N794296" s="10"/>
    </row>
    <row r="794297" spans="14:14">
      <c r="N794297" s="10"/>
    </row>
    <row r="794298" spans="14:14">
      <c r="N794298" s="10"/>
    </row>
    <row r="794299" spans="14:14">
      <c r="N794299" s="10"/>
    </row>
    <row r="794300" spans="14:14">
      <c r="N794300" s="10"/>
    </row>
    <row r="794301" spans="14:14">
      <c r="N794301" s="10"/>
    </row>
    <row r="794302" spans="14:14">
      <c r="N794302" s="10"/>
    </row>
    <row r="794303" spans="14:14">
      <c r="N794303" s="10"/>
    </row>
    <row r="794304" spans="14:14">
      <c r="N794304" s="10"/>
    </row>
    <row r="794305" spans="14:14">
      <c r="N794305" s="10"/>
    </row>
    <row r="794306" spans="14:14">
      <c r="N794306" s="10"/>
    </row>
    <row r="794307" spans="14:14">
      <c r="N794307" s="10"/>
    </row>
    <row r="794308" spans="14:14">
      <c r="N794308" s="10"/>
    </row>
    <row r="794309" spans="14:14">
      <c r="N794309" s="10"/>
    </row>
    <row r="794310" spans="14:14">
      <c r="N794310" s="10"/>
    </row>
    <row r="794311" spans="14:14">
      <c r="N794311" s="10"/>
    </row>
    <row r="794312" spans="14:14">
      <c r="N794312" s="10"/>
    </row>
    <row r="794313" spans="14:14">
      <c r="N794313" s="10"/>
    </row>
    <row r="794314" spans="14:14">
      <c r="N794314" s="10"/>
    </row>
    <row r="794315" spans="14:14">
      <c r="N794315" s="10"/>
    </row>
    <row r="794316" spans="14:14">
      <c r="N794316" s="10"/>
    </row>
    <row r="794317" spans="14:14">
      <c r="N794317" s="10"/>
    </row>
    <row r="794318" spans="14:14">
      <c r="N794318" s="10"/>
    </row>
    <row r="794319" spans="14:14">
      <c r="N794319" s="10"/>
    </row>
    <row r="794320" spans="14:14">
      <c r="N794320" s="10"/>
    </row>
    <row r="794321" spans="14:14">
      <c r="N794321" s="10"/>
    </row>
    <row r="794322" spans="14:14">
      <c r="N794322" s="10"/>
    </row>
    <row r="794323" spans="14:14">
      <c r="N794323" s="10"/>
    </row>
    <row r="794324" spans="14:14">
      <c r="N794324" s="10"/>
    </row>
    <row r="794325" spans="14:14">
      <c r="N794325" s="10"/>
    </row>
    <row r="794326" spans="14:14">
      <c r="N794326" s="10"/>
    </row>
    <row r="794327" spans="14:14">
      <c r="N794327" s="10"/>
    </row>
    <row r="794328" spans="14:14">
      <c r="N794328" s="10"/>
    </row>
    <row r="794329" spans="14:14">
      <c r="N794329" s="10"/>
    </row>
    <row r="794330" spans="14:14">
      <c r="N794330" s="10"/>
    </row>
    <row r="794331" spans="14:14">
      <c r="N794331" s="10"/>
    </row>
    <row r="794332" spans="14:14">
      <c r="N794332" s="10"/>
    </row>
    <row r="794333" spans="14:14">
      <c r="N794333" s="10"/>
    </row>
    <row r="794334" spans="14:14">
      <c r="N794334" s="10"/>
    </row>
    <row r="794335" spans="14:14">
      <c r="N794335" s="10"/>
    </row>
    <row r="794336" spans="14:14">
      <c r="N794336" s="10"/>
    </row>
    <row r="794337" spans="14:14">
      <c r="N794337" s="10"/>
    </row>
    <row r="794338" spans="14:14">
      <c r="N794338" s="10"/>
    </row>
    <row r="794339" spans="14:14">
      <c r="N794339" s="10"/>
    </row>
    <row r="794340" spans="14:14">
      <c r="N794340" s="10"/>
    </row>
    <row r="794341" spans="14:14">
      <c r="N794341" s="10"/>
    </row>
    <row r="794342" spans="14:14">
      <c r="N794342" s="10"/>
    </row>
    <row r="794343" spans="14:14">
      <c r="N794343" s="10"/>
    </row>
    <row r="794344" spans="14:14">
      <c r="N794344" s="10"/>
    </row>
    <row r="794345" spans="14:14">
      <c r="N794345" s="10"/>
    </row>
    <row r="794346" spans="14:14">
      <c r="N794346" s="10"/>
    </row>
    <row r="794347" spans="14:14">
      <c r="N794347" s="10"/>
    </row>
    <row r="794348" spans="14:14">
      <c r="N794348" s="10"/>
    </row>
    <row r="794349" spans="14:14">
      <c r="N794349" s="10"/>
    </row>
    <row r="794350" spans="14:14">
      <c r="N794350" s="10"/>
    </row>
    <row r="794351" spans="14:14">
      <c r="N794351" s="10"/>
    </row>
    <row r="794352" spans="14:14">
      <c r="N794352" s="10"/>
    </row>
    <row r="794353" spans="14:14">
      <c r="N794353" s="10"/>
    </row>
    <row r="794354" spans="14:14">
      <c r="N794354" s="10"/>
    </row>
    <row r="794355" spans="14:14">
      <c r="N794355" s="10"/>
    </row>
    <row r="794356" spans="14:14">
      <c r="N794356" s="10"/>
    </row>
    <row r="794357" spans="14:14">
      <c r="N794357" s="10"/>
    </row>
    <row r="794358" spans="14:14">
      <c r="N794358" s="10"/>
    </row>
    <row r="794359" spans="14:14">
      <c r="N794359" s="10"/>
    </row>
    <row r="794360" spans="14:14">
      <c r="N794360" s="10"/>
    </row>
    <row r="794361" spans="14:14">
      <c r="N794361" s="10"/>
    </row>
    <row r="794362" spans="14:14">
      <c r="N794362" s="10"/>
    </row>
    <row r="794363" spans="14:14">
      <c r="N794363" s="10"/>
    </row>
    <row r="794364" spans="14:14">
      <c r="N794364" s="10"/>
    </row>
    <row r="794365" spans="14:14">
      <c r="N794365" s="10"/>
    </row>
    <row r="794366" spans="14:14">
      <c r="N794366" s="10"/>
    </row>
    <row r="794367" spans="14:14">
      <c r="N794367" s="10"/>
    </row>
    <row r="794368" spans="14:14">
      <c r="N794368" s="10"/>
    </row>
    <row r="794369" spans="14:14">
      <c r="N794369" s="10"/>
    </row>
    <row r="794370" spans="14:14">
      <c r="N794370" s="10"/>
    </row>
    <row r="794371" spans="14:14">
      <c r="N794371" s="10"/>
    </row>
    <row r="794372" spans="14:14">
      <c r="N794372" s="10"/>
    </row>
    <row r="794373" spans="14:14">
      <c r="N794373" s="10"/>
    </row>
    <row r="794374" spans="14:14">
      <c r="N794374" s="10"/>
    </row>
    <row r="794375" spans="14:14">
      <c r="N794375" s="10"/>
    </row>
    <row r="794376" spans="14:14">
      <c r="N794376" s="10"/>
    </row>
    <row r="794377" spans="14:14">
      <c r="N794377" s="10"/>
    </row>
    <row r="794378" spans="14:14">
      <c r="N794378" s="10"/>
    </row>
    <row r="794379" spans="14:14">
      <c r="N794379" s="10"/>
    </row>
    <row r="794380" spans="14:14">
      <c r="N794380" s="10"/>
    </row>
    <row r="794381" spans="14:14">
      <c r="N794381" s="10"/>
    </row>
    <row r="794382" spans="14:14">
      <c r="N794382" s="10"/>
    </row>
    <row r="794383" spans="14:14">
      <c r="N794383" s="10"/>
    </row>
    <row r="794384" spans="14:14">
      <c r="N794384" s="10"/>
    </row>
    <row r="794385" spans="14:14">
      <c r="N794385" s="10"/>
    </row>
    <row r="794386" spans="14:14">
      <c r="N794386" s="10"/>
    </row>
    <row r="794387" spans="14:14">
      <c r="N794387" s="10"/>
    </row>
    <row r="794388" spans="14:14">
      <c r="N794388" s="10"/>
    </row>
    <row r="794389" spans="14:14">
      <c r="N794389" s="10"/>
    </row>
    <row r="794390" spans="14:14">
      <c r="N794390" s="10"/>
    </row>
    <row r="794391" spans="14:14">
      <c r="N794391" s="10"/>
    </row>
    <row r="794392" spans="14:14">
      <c r="N794392" s="10"/>
    </row>
    <row r="794393" spans="14:14">
      <c r="N794393" s="10"/>
    </row>
    <row r="794394" spans="14:14">
      <c r="N794394" s="10"/>
    </row>
    <row r="794395" spans="14:14">
      <c r="N794395" s="10"/>
    </row>
    <row r="794396" spans="14:14">
      <c r="N794396" s="10"/>
    </row>
    <row r="794397" spans="14:14">
      <c r="N794397" s="10"/>
    </row>
    <row r="794398" spans="14:14">
      <c r="N794398" s="10"/>
    </row>
    <row r="794399" spans="14:14">
      <c r="N794399" s="10"/>
    </row>
    <row r="794400" spans="14:14">
      <c r="N794400" s="10"/>
    </row>
    <row r="794401" spans="14:14">
      <c r="N794401" s="10"/>
    </row>
    <row r="794402" spans="14:14">
      <c r="N794402" s="10"/>
    </row>
    <row r="794403" spans="14:14">
      <c r="N794403" s="10"/>
    </row>
    <row r="794404" spans="14:14">
      <c r="N794404" s="10"/>
    </row>
    <row r="794405" spans="14:14">
      <c r="N794405" s="10"/>
    </row>
    <row r="794406" spans="14:14">
      <c r="N794406" s="10"/>
    </row>
    <row r="794407" spans="14:14">
      <c r="N794407" s="10"/>
    </row>
    <row r="794408" spans="14:14">
      <c r="N794408" s="10"/>
    </row>
    <row r="794409" spans="14:14">
      <c r="N794409" s="10"/>
    </row>
    <row r="794410" spans="14:14">
      <c r="N794410" s="10"/>
    </row>
    <row r="794411" spans="14:14">
      <c r="N794411" s="10"/>
    </row>
    <row r="794412" spans="14:14">
      <c r="N794412" s="10"/>
    </row>
    <row r="794413" spans="14:14">
      <c r="N794413" s="10"/>
    </row>
    <row r="794414" spans="14:14">
      <c r="N794414" s="10"/>
    </row>
    <row r="794415" spans="14:14">
      <c r="N794415" s="10"/>
    </row>
    <row r="794416" spans="14:14">
      <c r="N794416" s="10"/>
    </row>
    <row r="794417" spans="14:14">
      <c r="N794417" s="10"/>
    </row>
    <row r="794418" spans="14:14">
      <c r="N794418" s="10"/>
    </row>
    <row r="794419" spans="14:14">
      <c r="N794419" s="10"/>
    </row>
    <row r="794420" spans="14:14">
      <c r="N794420" s="10"/>
    </row>
    <row r="794421" spans="14:14">
      <c r="N794421" s="10"/>
    </row>
    <row r="794422" spans="14:14">
      <c r="N794422" s="10"/>
    </row>
    <row r="794423" spans="14:14">
      <c r="N794423" s="10"/>
    </row>
    <row r="794424" spans="14:14">
      <c r="N794424" s="10"/>
    </row>
    <row r="794425" spans="14:14">
      <c r="N794425" s="10"/>
    </row>
    <row r="794426" spans="14:14">
      <c r="N794426" s="10"/>
    </row>
    <row r="794427" spans="14:14">
      <c r="N794427" s="10"/>
    </row>
    <row r="794428" spans="14:14">
      <c r="N794428" s="10"/>
    </row>
    <row r="794429" spans="14:14">
      <c r="N794429" s="10"/>
    </row>
    <row r="794430" spans="14:14">
      <c r="N794430" s="10"/>
    </row>
    <row r="794431" spans="14:14">
      <c r="N794431" s="10"/>
    </row>
    <row r="794432" spans="14:14">
      <c r="N794432" s="10"/>
    </row>
    <row r="794433" spans="14:14">
      <c r="N794433" s="10"/>
    </row>
    <row r="794434" spans="14:14">
      <c r="N794434" s="10"/>
    </row>
    <row r="794435" spans="14:14">
      <c r="N794435" s="10"/>
    </row>
    <row r="794436" spans="14:14">
      <c r="N794436" s="10"/>
    </row>
    <row r="794437" spans="14:14">
      <c r="N794437" s="10"/>
    </row>
    <row r="794438" spans="14:14">
      <c r="N794438" s="10"/>
    </row>
    <row r="794439" spans="14:14">
      <c r="N794439" s="10"/>
    </row>
    <row r="794440" spans="14:14">
      <c r="N794440" s="10"/>
    </row>
    <row r="794441" spans="14:14">
      <c r="N794441" s="10"/>
    </row>
    <row r="794442" spans="14:14">
      <c r="N794442" s="10"/>
    </row>
    <row r="794443" spans="14:14">
      <c r="N794443" s="10"/>
    </row>
    <row r="794444" spans="14:14">
      <c r="N794444" s="10"/>
    </row>
    <row r="794445" spans="14:14">
      <c r="N794445" s="10"/>
    </row>
    <row r="794446" spans="14:14">
      <c r="N794446" s="10"/>
    </row>
    <row r="794447" spans="14:14">
      <c r="N794447" s="10"/>
    </row>
    <row r="794448" spans="14:14">
      <c r="N794448" s="10"/>
    </row>
    <row r="794449" spans="14:14">
      <c r="N794449" s="10"/>
    </row>
    <row r="794450" spans="14:14">
      <c r="N794450" s="10"/>
    </row>
    <row r="794451" spans="14:14">
      <c r="N794451" s="10"/>
    </row>
    <row r="794452" spans="14:14">
      <c r="N794452" s="10"/>
    </row>
    <row r="794453" spans="14:14">
      <c r="N794453" s="10"/>
    </row>
    <row r="794454" spans="14:14">
      <c r="N794454" s="10"/>
    </row>
    <row r="794455" spans="14:14">
      <c r="N794455" s="10"/>
    </row>
    <row r="794456" spans="14:14">
      <c r="N794456" s="10"/>
    </row>
    <row r="794457" spans="14:14">
      <c r="N794457" s="10"/>
    </row>
    <row r="794458" spans="14:14">
      <c r="N794458" s="10"/>
    </row>
    <row r="794459" spans="14:14">
      <c r="N794459" s="10"/>
    </row>
    <row r="794460" spans="14:14">
      <c r="N794460" s="10"/>
    </row>
    <row r="794461" spans="14:14">
      <c r="N794461" s="10"/>
    </row>
    <row r="794462" spans="14:14">
      <c r="N794462" s="10"/>
    </row>
    <row r="794463" spans="14:14">
      <c r="N794463" s="10"/>
    </row>
    <row r="794464" spans="14:14">
      <c r="N794464" s="10"/>
    </row>
    <row r="794465" spans="14:14">
      <c r="N794465" s="10"/>
    </row>
    <row r="794466" spans="14:14">
      <c r="N794466" s="10"/>
    </row>
    <row r="794467" spans="14:14">
      <c r="N794467" s="10"/>
    </row>
    <row r="794468" spans="14:14">
      <c r="N794468" s="10"/>
    </row>
    <row r="794469" spans="14:14">
      <c r="N794469" s="10"/>
    </row>
    <row r="794470" spans="14:14">
      <c r="N794470" s="10"/>
    </row>
    <row r="794471" spans="14:14">
      <c r="N794471" s="10"/>
    </row>
    <row r="794472" spans="14:14">
      <c r="N794472" s="10"/>
    </row>
    <row r="794473" spans="14:14">
      <c r="N794473" s="10"/>
    </row>
    <row r="794474" spans="14:14">
      <c r="N794474" s="10"/>
    </row>
    <row r="794475" spans="14:14">
      <c r="N794475" s="10"/>
    </row>
    <row r="794476" spans="14:14">
      <c r="N794476" s="10"/>
    </row>
    <row r="794477" spans="14:14">
      <c r="N794477" s="10"/>
    </row>
    <row r="794478" spans="14:14">
      <c r="N794478" s="10"/>
    </row>
    <row r="794479" spans="14:14">
      <c r="N794479" s="10"/>
    </row>
    <row r="794480" spans="14:14">
      <c r="N794480" s="10"/>
    </row>
    <row r="794481" spans="14:14">
      <c r="N794481" s="10"/>
    </row>
    <row r="794482" spans="14:14">
      <c r="N794482" s="10"/>
    </row>
    <row r="794483" spans="14:14">
      <c r="N794483" s="10"/>
    </row>
    <row r="794484" spans="14:14">
      <c r="N794484" s="10"/>
    </row>
    <row r="794485" spans="14:14">
      <c r="N794485" s="10"/>
    </row>
    <row r="794486" spans="14:14">
      <c r="N794486" s="10"/>
    </row>
    <row r="794487" spans="14:14">
      <c r="N794487" s="10"/>
    </row>
    <row r="794488" spans="14:14">
      <c r="N794488" s="10"/>
    </row>
    <row r="794489" spans="14:14">
      <c r="N794489" s="10"/>
    </row>
    <row r="794490" spans="14:14">
      <c r="N794490" s="10"/>
    </row>
    <row r="794491" spans="14:14">
      <c r="N794491" s="10"/>
    </row>
    <row r="794492" spans="14:14">
      <c r="N794492" s="10"/>
    </row>
    <row r="794493" spans="14:14">
      <c r="N794493" s="10"/>
    </row>
    <row r="794494" spans="14:14">
      <c r="N794494" s="10"/>
    </row>
    <row r="794495" spans="14:14">
      <c r="N794495" s="10"/>
    </row>
    <row r="794496" spans="14:14">
      <c r="N794496" s="10"/>
    </row>
    <row r="794497" spans="14:14">
      <c r="N794497" s="10"/>
    </row>
    <row r="794498" spans="14:14">
      <c r="N794498" s="10"/>
    </row>
    <row r="794499" spans="14:14">
      <c r="N794499" s="10"/>
    </row>
    <row r="794500" spans="14:14">
      <c r="N794500" s="10"/>
    </row>
    <row r="794501" spans="14:14">
      <c r="N794501" s="10"/>
    </row>
    <row r="794502" spans="14:14">
      <c r="N794502" s="10"/>
    </row>
    <row r="794503" spans="14:14">
      <c r="N794503" s="10"/>
    </row>
    <row r="794504" spans="14:14">
      <c r="N794504" s="10"/>
    </row>
    <row r="794505" spans="14:14">
      <c r="N794505" s="10"/>
    </row>
    <row r="794506" spans="14:14">
      <c r="N794506" s="10"/>
    </row>
    <row r="794507" spans="14:14">
      <c r="N794507" s="10"/>
    </row>
    <row r="794508" spans="14:14">
      <c r="N794508" s="10"/>
    </row>
    <row r="794509" spans="14:14">
      <c r="N794509" s="10"/>
    </row>
    <row r="794510" spans="14:14">
      <c r="N794510" s="10"/>
    </row>
    <row r="794511" spans="14:14">
      <c r="N794511" s="10"/>
    </row>
    <row r="794512" spans="14:14">
      <c r="N794512" s="10"/>
    </row>
    <row r="794513" spans="14:14">
      <c r="N794513" s="10"/>
    </row>
    <row r="794514" spans="14:14">
      <c r="N794514" s="10"/>
    </row>
    <row r="794515" spans="14:14">
      <c r="N794515" s="10"/>
    </row>
    <row r="794516" spans="14:14">
      <c r="N794516" s="10"/>
    </row>
    <row r="794517" spans="14:14">
      <c r="N794517" s="10"/>
    </row>
    <row r="794518" spans="14:14">
      <c r="N794518" s="10"/>
    </row>
    <row r="794519" spans="14:14">
      <c r="N794519" s="10"/>
    </row>
    <row r="794520" spans="14:14">
      <c r="N794520" s="10"/>
    </row>
    <row r="794521" spans="14:14">
      <c r="N794521" s="10"/>
    </row>
    <row r="794522" spans="14:14">
      <c r="N794522" s="10"/>
    </row>
    <row r="794523" spans="14:14">
      <c r="N794523" s="10"/>
    </row>
    <row r="794524" spans="14:14">
      <c r="N794524" s="10"/>
    </row>
    <row r="794525" spans="14:14">
      <c r="N794525" s="10"/>
    </row>
    <row r="794526" spans="14:14">
      <c r="N794526" s="10"/>
    </row>
    <row r="794527" spans="14:14">
      <c r="N794527" s="10"/>
    </row>
    <row r="794528" spans="14:14">
      <c r="N794528" s="10"/>
    </row>
    <row r="794529" spans="14:14">
      <c r="N794529" s="10"/>
    </row>
    <row r="794530" spans="14:14">
      <c r="N794530" s="10"/>
    </row>
    <row r="794531" spans="14:14">
      <c r="N794531" s="10"/>
    </row>
    <row r="794532" spans="14:14">
      <c r="N794532" s="10"/>
    </row>
    <row r="794533" spans="14:14">
      <c r="N794533" s="10"/>
    </row>
    <row r="794534" spans="14:14">
      <c r="N794534" s="10"/>
    </row>
    <row r="794535" spans="14:14">
      <c r="N794535" s="10"/>
    </row>
    <row r="794536" spans="14:14">
      <c r="N794536" s="10"/>
    </row>
    <row r="794537" spans="14:14">
      <c r="N794537" s="10"/>
    </row>
    <row r="794538" spans="14:14">
      <c r="N794538" s="10"/>
    </row>
    <row r="794539" spans="14:14">
      <c r="N794539" s="10"/>
    </row>
    <row r="794540" spans="14:14">
      <c r="N794540" s="10"/>
    </row>
    <row r="794541" spans="14:14">
      <c r="N794541" s="10"/>
    </row>
    <row r="794542" spans="14:14">
      <c r="N794542" s="10"/>
    </row>
    <row r="794543" spans="14:14">
      <c r="N794543" s="10"/>
    </row>
    <row r="794544" spans="14:14">
      <c r="N794544" s="10"/>
    </row>
    <row r="794545" spans="14:14">
      <c r="N794545" s="10"/>
    </row>
    <row r="794546" spans="14:14">
      <c r="N794546" s="10"/>
    </row>
    <row r="794547" spans="14:14">
      <c r="N794547" s="10"/>
    </row>
    <row r="794548" spans="14:14">
      <c r="N794548" s="10"/>
    </row>
    <row r="794549" spans="14:14">
      <c r="N794549" s="10"/>
    </row>
    <row r="794550" spans="14:14">
      <c r="N794550" s="10"/>
    </row>
    <row r="794551" spans="14:14">
      <c r="N794551" s="10"/>
    </row>
    <row r="794552" spans="14:14">
      <c r="N794552" s="10"/>
    </row>
    <row r="794553" spans="14:14">
      <c r="N794553" s="10"/>
    </row>
    <row r="794554" spans="14:14">
      <c r="N794554" s="10"/>
    </row>
    <row r="794555" spans="14:14">
      <c r="N794555" s="10"/>
    </row>
    <row r="794556" spans="14:14">
      <c r="N794556" s="10"/>
    </row>
    <row r="794557" spans="14:14">
      <c r="N794557" s="10"/>
    </row>
    <row r="794558" spans="14:14">
      <c r="N794558" s="10"/>
    </row>
    <row r="794559" spans="14:14">
      <c r="N794559" s="10"/>
    </row>
    <row r="794560" spans="14:14">
      <c r="N794560" s="10"/>
    </row>
    <row r="794561" spans="14:14">
      <c r="N794561" s="10"/>
    </row>
    <row r="794562" spans="14:14">
      <c r="N794562" s="10"/>
    </row>
    <row r="794563" spans="14:14">
      <c r="N794563" s="10"/>
    </row>
    <row r="794564" spans="14:14">
      <c r="N794564" s="10"/>
    </row>
    <row r="794565" spans="14:14">
      <c r="N794565" s="10"/>
    </row>
    <row r="794566" spans="14:14">
      <c r="N794566" s="10"/>
    </row>
    <row r="794567" spans="14:14">
      <c r="N794567" s="10"/>
    </row>
    <row r="794568" spans="14:14">
      <c r="N794568" s="10"/>
    </row>
    <row r="794569" spans="14:14">
      <c r="N794569" s="10"/>
    </row>
    <row r="794570" spans="14:14">
      <c r="N794570" s="10"/>
    </row>
    <row r="794571" spans="14:14">
      <c r="N794571" s="10"/>
    </row>
    <row r="794572" spans="14:14">
      <c r="N794572" s="10"/>
    </row>
    <row r="794573" spans="14:14">
      <c r="N794573" s="10"/>
    </row>
    <row r="794574" spans="14:14">
      <c r="N794574" s="10"/>
    </row>
    <row r="794575" spans="14:14">
      <c r="N794575" s="10"/>
    </row>
    <row r="794576" spans="14:14">
      <c r="N794576" s="10"/>
    </row>
    <row r="794577" spans="14:14">
      <c r="N794577" s="10"/>
    </row>
    <row r="794578" spans="14:14">
      <c r="N794578" s="10"/>
    </row>
    <row r="794579" spans="14:14">
      <c r="N794579" s="10"/>
    </row>
    <row r="794580" spans="14:14">
      <c r="N794580" s="10"/>
    </row>
    <row r="794581" spans="14:14">
      <c r="N794581" s="10"/>
    </row>
    <row r="794582" spans="14:14">
      <c r="N794582" s="10"/>
    </row>
    <row r="794583" spans="14:14">
      <c r="N794583" s="10"/>
    </row>
    <row r="794584" spans="14:14">
      <c r="N794584" s="10"/>
    </row>
    <row r="794585" spans="14:14">
      <c r="N794585" s="10"/>
    </row>
    <row r="794586" spans="14:14">
      <c r="N794586" s="10"/>
    </row>
    <row r="794587" spans="14:14">
      <c r="N794587" s="10"/>
    </row>
    <row r="794588" spans="14:14">
      <c r="N794588" s="10"/>
    </row>
    <row r="794589" spans="14:14">
      <c r="N794589" s="10"/>
    </row>
    <row r="794590" spans="14:14">
      <c r="N794590" s="10"/>
    </row>
    <row r="794591" spans="14:14">
      <c r="N794591" s="10"/>
    </row>
    <row r="794592" spans="14:14">
      <c r="N794592" s="10"/>
    </row>
    <row r="794593" spans="14:14">
      <c r="N794593" s="10"/>
    </row>
    <row r="794594" spans="14:14">
      <c r="N794594" s="10"/>
    </row>
    <row r="794595" spans="14:14">
      <c r="N794595" s="10"/>
    </row>
    <row r="794596" spans="14:14">
      <c r="N794596" s="10"/>
    </row>
    <row r="794597" spans="14:14">
      <c r="N794597" s="10"/>
    </row>
    <row r="794598" spans="14:14">
      <c r="N794598" s="10"/>
    </row>
    <row r="794599" spans="14:14">
      <c r="N794599" s="10"/>
    </row>
    <row r="794600" spans="14:14">
      <c r="N794600" s="10"/>
    </row>
    <row r="794601" spans="14:14">
      <c r="N794601" s="10"/>
    </row>
    <row r="794602" spans="14:14">
      <c r="N794602" s="10"/>
    </row>
    <row r="794603" spans="14:14">
      <c r="N794603" s="10"/>
    </row>
    <row r="794604" spans="14:14">
      <c r="N794604" s="10"/>
    </row>
    <row r="794605" spans="14:14">
      <c r="N794605" s="10"/>
    </row>
    <row r="794606" spans="14:14">
      <c r="N794606" s="10"/>
    </row>
    <row r="794607" spans="14:14">
      <c r="N794607" s="10"/>
    </row>
    <row r="794608" spans="14:14">
      <c r="N794608" s="10"/>
    </row>
    <row r="794609" spans="14:14">
      <c r="N794609" s="10"/>
    </row>
    <row r="794610" spans="14:14">
      <c r="N794610" s="10"/>
    </row>
    <row r="794611" spans="14:14">
      <c r="N794611" s="10"/>
    </row>
    <row r="794612" spans="14:14">
      <c r="N794612" s="10"/>
    </row>
    <row r="794613" spans="14:14">
      <c r="N794613" s="10"/>
    </row>
    <row r="794614" spans="14:14">
      <c r="N794614" s="10"/>
    </row>
    <row r="794615" spans="14:14">
      <c r="N794615" s="10"/>
    </row>
    <row r="794616" spans="14:14">
      <c r="N794616" s="10"/>
    </row>
    <row r="794617" spans="14:14">
      <c r="N794617" s="10"/>
    </row>
    <row r="794618" spans="14:14">
      <c r="N794618" s="10"/>
    </row>
    <row r="794619" spans="14:14">
      <c r="N794619" s="10"/>
    </row>
    <row r="794620" spans="14:14">
      <c r="N794620" s="10"/>
    </row>
    <row r="794621" spans="14:14">
      <c r="N794621" s="10"/>
    </row>
    <row r="794622" spans="14:14">
      <c r="N794622" s="10"/>
    </row>
    <row r="794623" spans="14:14">
      <c r="N794623" s="10"/>
    </row>
    <row r="794624" spans="14:14">
      <c r="N794624" s="10"/>
    </row>
    <row r="794625" spans="14:14">
      <c r="N794625" s="10"/>
    </row>
    <row r="794626" spans="14:14">
      <c r="N794626" s="10"/>
    </row>
    <row r="794627" spans="14:14">
      <c r="N794627" s="10"/>
    </row>
    <row r="794628" spans="14:14">
      <c r="N794628" s="10"/>
    </row>
    <row r="794629" spans="14:14">
      <c r="N794629" s="10"/>
    </row>
    <row r="794630" spans="14:14">
      <c r="N794630" s="10"/>
    </row>
    <row r="794631" spans="14:14">
      <c r="N794631" s="10"/>
    </row>
    <row r="794632" spans="14:14">
      <c r="N794632" s="10"/>
    </row>
    <row r="794633" spans="14:14">
      <c r="N794633" s="10"/>
    </row>
    <row r="794634" spans="14:14">
      <c r="N794634" s="10"/>
    </row>
    <row r="794635" spans="14:14">
      <c r="N794635" s="10"/>
    </row>
    <row r="794636" spans="14:14">
      <c r="N794636" s="10"/>
    </row>
    <row r="794637" spans="14:14">
      <c r="N794637" s="10"/>
    </row>
    <row r="794638" spans="14:14">
      <c r="N794638" s="10"/>
    </row>
    <row r="794639" spans="14:14">
      <c r="N794639" s="10"/>
    </row>
    <row r="794640" spans="14:14">
      <c r="N794640" s="10"/>
    </row>
    <row r="794641" spans="14:14">
      <c r="N794641" s="10"/>
    </row>
    <row r="794642" spans="14:14">
      <c r="N794642" s="10"/>
    </row>
    <row r="794643" spans="14:14">
      <c r="N794643" s="10"/>
    </row>
    <row r="794644" spans="14:14">
      <c r="N794644" s="10"/>
    </row>
    <row r="794645" spans="14:14">
      <c r="N794645" s="10"/>
    </row>
    <row r="794646" spans="14:14">
      <c r="N794646" s="10"/>
    </row>
    <row r="794647" spans="14:14">
      <c r="N794647" s="10"/>
    </row>
    <row r="794648" spans="14:14">
      <c r="N794648" s="10"/>
    </row>
    <row r="794649" spans="14:14">
      <c r="N794649" s="10"/>
    </row>
    <row r="794650" spans="14:14">
      <c r="N794650" s="10"/>
    </row>
    <row r="794651" spans="14:14">
      <c r="N794651" s="10"/>
    </row>
    <row r="794652" spans="14:14">
      <c r="N794652" s="10"/>
    </row>
    <row r="794653" spans="14:14">
      <c r="N794653" s="10"/>
    </row>
    <row r="794654" spans="14:14">
      <c r="N794654" s="10"/>
    </row>
    <row r="794655" spans="14:14">
      <c r="N794655" s="10"/>
    </row>
    <row r="794656" spans="14:14">
      <c r="N794656" s="10"/>
    </row>
    <row r="794657" spans="14:14">
      <c r="N794657" s="10"/>
    </row>
    <row r="794658" spans="14:14">
      <c r="N794658" s="10"/>
    </row>
    <row r="794659" spans="14:14">
      <c r="N794659" s="10"/>
    </row>
    <row r="794660" spans="14:14">
      <c r="N794660" s="10"/>
    </row>
    <row r="794661" spans="14:14">
      <c r="N794661" s="10"/>
    </row>
    <row r="794662" spans="14:14">
      <c r="N794662" s="10"/>
    </row>
    <row r="794663" spans="14:14">
      <c r="N794663" s="10"/>
    </row>
    <row r="794664" spans="14:14">
      <c r="N794664" s="10"/>
    </row>
    <row r="794665" spans="14:14">
      <c r="N794665" s="10"/>
    </row>
    <row r="794666" spans="14:14">
      <c r="N794666" s="10"/>
    </row>
    <row r="794667" spans="14:14">
      <c r="N794667" s="10"/>
    </row>
    <row r="794668" spans="14:14">
      <c r="N794668" s="10"/>
    </row>
    <row r="794669" spans="14:14">
      <c r="N794669" s="10"/>
    </row>
    <row r="794670" spans="14:14">
      <c r="N794670" s="10"/>
    </row>
    <row r="794671" spans="14:14">
      <c r="N794671" s="10"/>
    </row>
    <row r="794672" spans="14:14">
      <c r="N794672" s="10"/>
    </row>
    <row r="794673" spans="14:14">
      <c r="N794673" s="10"/>
    </row>
    <row r="794674" spans="14:14">
      <c r="N794674" s="10"/>
    </row>
    <row r="794675" spans="14:14">
      <c r="N794675" s="10"/>
    </row>
    <row r="794676" spans="14:14">
      <c r="N794676" s="10"/>
    </row>
    <row r="794677" spans="14:14">
      <c r="N794677" s="10"/>
    </row>
    <row r="794678" spans="14:14">
      <c r="N794678" s="10"/>
    </row>
    <row r="794679" spans="14:14">
      <c r="N794679" s="10"/>
    </row>
    <row r="794680" spans="14:14">
      <c r="N794680" s="10"/>
    </row>
    <row r="794681" spans="14:14">
      <c r="N794681" s="10"/>
    </row>
    <row r="794682" spans="14:14">
      <c r="N794682" s="10"/>
    </row>
    <row r="794683" spans="14:14">
      <c r="N794683" s="10"/>
    </row>
    <row r="794684" spans="14:14">
      <c r="N794684" s="10"/>
    </row>
    <row r="794685" spans="14:14">
      <c r="N794685" s="10"/>
    </row>
    <row r="794686" spans="14:14">
      <c r="N794686" s="10"/>
    </row>
    <row r="794687" spans="14:14">
      <c r="N794687" s="10"/>
    </row>
    <row r="794688" spans="14:14">
      <c r="N794688" s="10"/>
    </row>
    <row r="794689" spans="14:14">
      <c r="N794689" s="10"/>
    </row>
    <row r="794690" spans="14:14">
      <c r="N794690" s="10"/>
    </row>
    <row r="794691" spans="14:14">
      <c r="N794691" s="10"/>
    </row>
    <row r="794692" spans="14:14">
      <c r="N794692" s="10"/>
    </row>
    <row r="794693" spans="14:14">
      <c r="N794693" s="10"/>
    </row>
    <row r="794694" spans="14:14">
      <c r="N794694" s="10"/>
    </row>
    <row r="794695" spans="14:14">
      <c r="N794695" s="10"/>
    </row>
    <row r="794696" spans="14:14">
      <c r="N794696" s="10"/>
    </row>
    <row r="794697" spans="14:14">
      <c r="N794697" s="10"/>
    </row>
    <row r="794698" spans="14:14">
      <c r="N794698" s="10"/>
    </row>
    <row r="794699" spans="14:14">
      <c r="N794699" s="10"/>
    </row>
    <row r="794700" spans="14:14">
      <c r="N794700" s="10"/>
    </row>
    <row r="794701" spans="14:14">
      <c r="N794701" s="10"/>
    </row>
    <row r="794702" spans="14:14">
      <c r="N794702" s="10"/>
    </row>
    <row r="794703" spans="14:14">
      <c r="N794703" s="10"/>
    </row>
    <row r="794704" spans="14:14">
      <c r="N794704" s="10"/>
    </row>
    <row r="794705" spans="14:14">
      <c r="N794705" s="10"/>
    </row>
    <row r="794706" spans="14:14">
      <c r="N794706" s="10"/>
    </row>
    <row r="794707" spans="14:14">
      <c r="N794707" s="10"/>
    </row>
    <row r="794708" spans="14:14">
      <c r="N794708" s="10"/>
    </row>
    <row r="794709" spans="14:14">
      <c r="N794709" s="10"/>
    </row>
    <row r="794710" spans="14:14">
      <c r="N794710" s="10"/>
    </row>
    <row r="794711" spans="14:14">
      <c r="N794711" s="10"/>
    </row>
    <row r="794712" spans="14:14">
      <c r="N794712" s="10"/>
    </row>
    <row r="794713" spans="14:14">
      <c r="N794713" s="10"/>
    </row>
    <row r="794714" spans="14:14">
      <c r="N794714" s="10"/>
    </row>
    <row r="794715" spans="14:14">
      <c r="N794715" s="10"/>
    </row>
    <row r="794716" spans="14:14">
      <c r="N794716" s="10"/>
    </row>
    <row r="794717" spans="14:14">
      <c r="N794717" s="10"/>
    </row>
    <row r="794718" spans="14:14">
      <c r="N794718" s="10"/>
    </row>
    <row r="794719" spans="14:14">
      <c r="N794719" s="10"/>
    </row>
    <row r="794720" spans="14:14">
      <c r="N794720" s="10"/>
    </row>
    <row r="794721" spans="14:14">
      <c r="N794721" s="10"/>
    </row>
    <row r="794722" spans="14:14">
      <c r="N794722" s="10"/>
    </row>
    <row r="794723" spans="14:14">
      <c r="N794723" s="10"/>
    </row>
    <row r="794724" spans="14:14">
      <c r="N794724" s="10"/>
    </row>
    <row r="794725" spans="14:14">
      <c r="N794725" s="10"/>
    </row>
    <row r="794726" spans="14:14">
      <c r="N794726" s="10"/>
    </row>
    <row r="794727" spans="14:14">
      <c r="N794727" s="10"/>
    </row>
    <row r="794728" spans="14:14">
      <c r="N794728" s="10"/>
    </row>
    <row r="794729" spans="14:14">
      <c r="N794729" s="10"/>
    </row>
    <row r="794730" spans="14:14">
      <c r="N794730" s="10"/>
    </row>
    <row r="794731" spans="14:14">
      <c r="N794731" s="10"/>
    </row>
    <row r="794732" spans="14:14">
      <c r="N794732" s="10"/>
    </row>
    <row r="794733" spans="14:14">
      <c r="N794733" s="10"/>
    </row>
    <row r="794734" spans="14:14">
      <c r="N794734" s="10"/>
    </row>
    <row r="794735" spans="14:14">
      <c r="N794735" s="10"/>
    </row>
    <row r="794736" spans="14:14">
      <c r="N794736" s="10"/>
    </row>
    <row r="794737" spans="14:14">
      <c r="N794737" s="10"/>
    </row>
    <row r="794738" spans="14:14">
      <c r="N794738" s="10"/>
    </row>
    <row r="794739" spans="14:14">
      <c r="N794739" s="10"/>
    </row>
    <row r="794740" spans="14:14">
      <c r="N794740" s="10"/>
    </row>
    <row r="794741" spans="14:14">
      <c r="N794741" s="10"/>
    </row>
    <row r="794742" spans="14:14">
      <c r="N794742" s="10"/>
    </row>
    <row r="794743" spans="14:14">
      <c r="N794743" s="10"/>
    </row>
    <row r="794744" spans="14:14">
      <c r="N794744" s="10"/>
    </row>
    <row r="794745" spans="14:14">
      <c r="N794745" s="10"/>
    </row>
    <row r="794746" spans="14:14">
      <c r="N794746" s="10"/>
    </row>
    <row r="794747" spans="14:14">
      <c r="N794747" s="10"/>
    </row>
    <row r="794748" spans="14:14">
      <c r="N794748" s="10"/>
    </row>
    <row r="794749" spans="14:14">
      <c r="N794749" s="10"/>
    </row>
    <row r="794750" spans="14:14">
      <c r="N794750" s="10"/>
    </row>
    <row r="794751" spans="14:14">
      <c r="N794751" s="10"/>
    </row>
    <row r="794752" spans="14:14">
      <c r="N794752" s="10"/>
    </row>
    <row r="794753" spans="14:14">
      <c r="N794753" s="10"/>
    </row>
    <row r="794754" spans="14:14">
      <c r="N794754" s="10"/>
    </row>
    <row r="794755" spans="14:14">
      <c r="N794755" s="10"/>
    </row>
    <row r="794756" spans="14:14">
      <c r="N794756" s="10"/>
    </row>
    <row r="794757" spans="14:14">
      <c r="N794757" s="10"/>
    </row>
    <row r="794758" spans="14:14">
      <c r="N794758" s="10"/>
    </row>
    <row r="794759" spans="14:14">
      <c r="N794759" s="10"/>
    </row>
    <row r="794760" spans="14:14">
      <c r="N794760" s="10"/>
    </row>
    <row r="794761" spans="14:14">
      <c r="N794761" s="10"/>
    </row>
    <row r="794762" spans="14:14">
      <c r="N794762" s="10"/>
    </row>
    <row r="794763" spans="14:14">
      <c r="N794763" s="10"/>
    </row>
    <row r="794764" spans="14:14">
      <c r="N794764" s="10"/>
    </row>
    <row r="794765" spans="14:14">
      <c r="N794765" s="10"/>
    </row>
    <row r="794766" spans="14:14">
      <c r="N794766" s="10"/>
    </row>
    <row r="794767" spans="14:14">
      <c r="N794767" s="10"/>
    </row>
    <row r="794768" spans="14:14">
      <c r="N794768" s="10"/>
    </row>
    <row r="794769" spans="14:14">
      <c r="N794769" s="10"/>
    </row>
    <row r="794770" spans="14:14">
      <c r="N794770" s="10"/>
    </row>
    <row r="794771" spans="14:14">
      <c r="N794771" s="10"/>
    </row>
    <row r="794772" spans="14:14">
      <c r="N794772" s="10"/>
    </row>
    <row r="794773" spans="14:14">
      <c r="N794773" s="10"/>
    </row>
    <row r="794774" spans="14:14">
      <c r="N794774" s="10"/>
    </row>
    <row r="794775" spans="14:14">
      <c r="N794775" s="10"/>
    </row>
    <row r="794776" spans="14:14">
      <c r="N794776" s="10"/>
    </row>
    <row r="794777" spans="14:14">
      <c r="N794777" s="10"/>
    </row>
    <row r="794778" spans="14:14">
      <c r="N794778" s="10"/>
    </row>
    <row r="794779" spans="14:14">
      <c r="N794779" s="10"/>
    </row>
    <row r="794780" spans="14:14">
      <c r="N794780" s="10"/>
    </row>
    <row r="794781" spans="14:14">
      <c r="N794781" s="10"/>
    </row>
    <row r="794782" spans="14:14">
      <c r="N794782" s="10"/>
    </row>
    <row r="794783" spans="14:14">
      <c r="N794783" s="10"/>
    </row>
    <row r="794784" spans="14:14">
      <c r="N794784" s="10"/>
    </row>
    <row r="794785" spans="14:14">
      <c r="N794785" s="10"/>
    </row>
    <row r="794786" spans="14:14">
      <c r="N794786" s="10"/>
    </row>
    <row r="794787" spans="14:14">
      <c r="N794787" s="10"/>
    </row>
    <row r="794788" spans="14:14">
      <c r="N794788" s="10"/>
    </row>
    <row r="794789" spans="14:14">
      <c r="N794789" s="10"/>
    </row>
    <row r="794790" spans="14:14">
      <c r="N794790" s="10"/>
    </row>
    <row r="794791" spans="14:14">
      <c r="N794791" s="10"/>
    </row>
    <row r="794792" spans="14:14">
      <c r="N794792" s="10"/>
    </row>
    <row r="794793" spans="14:14">
      <c r="N794793" s="10"/>
    </row>
    <row r="794794" spans="14:14">
      <c r="N794794" s="10"/>
    </row>
    <row r="794795" spans="14:14">
      <c r="N794795" s="10"/>
    </row>
    <row r="794796" spans="14:14">
      <c r="N794796" s="10"/>
    </row>
    <row r="794797" spans="14:14">
      <c r="N794797" s="10"/>
    </row>
    <row r="794798" spans="14:14">
      <c r="N794798" s="10"/>
    </row>
    <row r="794799" spans="14:14">
      <c r="N794799" s="10"/>
    </row>
    <row r="794800" spans="14:14">
      <c r="N794800" s="10"/>
    </row>
    <row r="794801" spans="14:14">
      <c r="N794801" s="10"/>
    </row>
    <row r="794802" spans="14:14">
      <c r="N794802" s="10"/>
    </row>
    <row r="794803" spans="14:14">
      <c r="N794803" s="10"/>
    </row>
    <row r="794804" spans="14:14">
      <c r="N794804" s="10"/>
    </row>
    <row r="794805" spans="14:14">
      <c r="N794805" s="10"/>
    </row>
    <row r="794806" spans="14:14">
      <c r="N794806" s="10"/>
    </row>
    <row r="794807" spans="14:14">
      <c r="N794807" s="10"/>
    </row>
    <row r="794808" spans="14:14">
      <c r="N794808" s="10"/>
    </row>
    <row r="794809" spans="14:14">
      <c r="N794809" s="10"/>
    </row>
    <row r="794810" spans="14:14">
      <c r="N794810" s="10"/>
    </row>
    <row r="794811" spans="14:14">
      <c r="N794811" s="10"/>
    </row>
    <row r="794812" spans="14:14">
      <c r="N794812" s="10"/>
    </row>
    <row r="794813" spans="14:14">
      <c r="N794813" s="10"/>
    </row>
    <row r="794814" spans="14:14">
      <c r="N794814" s="10"/>
    </row>
    <row r="794815" spans="14:14">
      <c r="N794815" s="10"/>
    </row>
    <row r="794816" spans="14:14">
      <c r="N794816" s="10"/>
    </row>
    <row r="794817" spans="14:14">
      <c r="N794817" s="10"/>
    </row>
    <row r="794818" spans="14:14">
      <c r="N794818" s="10"/>
    </row>
    <row r="794819" spans="14:14">
      <c r="N794819" s="10"/>
    </row>
    <row r="794820" spans="14:14">
      <c r="N794820" s="10"/>
    </row>
    <row r="794821" spans="14:14">
      <c r="N794821" s="10"/>
    </row>
    <row r="794822" spans="14:14">
      <c r="N794822" s="10"/>
    </row>
    <row r="794823" spans="14:14">
      <c r="N794823" s="10"/>
    </row>
    <row r="794824" spans="14:14">
      <c r="N794824" s="10"/>
    </row>
    <row r="794825" spans="14:14">
      <c r="N794825" s="10"/>
    </row>
    <row r="794826" spans="14:14">
      <c r="N794826" s="10"/>
    </row>
    <row r="794827" spans="14:14">
      <c r="N794827" s="10"/>
    </row>
    <row r="794828" spans="14:14">
      <c r="N794828" s="10"/>
    </row>
    <row r="794829" spans="14:14">
      <c r="N794829" s="10"/>
    </row>
    <row r="794830" spans="14:14">
      <c r="N794830" s="10"/>
    </row>
    <row r="794831" spans="14:14">
      <c r="N794831" s="10"/>
    </row>
    <row r="794832" spans="14:14">
      <c r="N794832" s="10"/>
    </row>
    <row r="794833" spans="14:14">
      <c r="N794833" s="10"/>
    </row>
    <row r="794834" spans="14:14">
      <c r="N794834" s="10"/>
    </row>
    <row r="794835" spans="14:14">
      <c r="N794835" s="10"/>
    </row>
    <row r="794836" spans="14:14">
      <c r="N794836" s="10"/>
    </row>
    <row r="794837" spans="14:14">
      <c r="N794837" s="10"/>
    </row>
    <row r="794838" spans="14:14">
      <c r="N794838" s="10"/>
    </row>
    <row r="794839" spans="14:14">
      <c r="N794839" s="10"/>
    </row>
    <row r="794840" spans="14:14">
      <c r="N794840" s="10"/>
    </row>
    <row r="794841" spans="14:14">
      <c r="N794841" s="10"/>
    </row>
    <row r="794842" spans="14:14">
      <c r="N794842" s="10"/>
    </row>
    <row r="794843" spans="14:14">
      <c r="N794843" s="10"/>
    </row>
    <row r="794844" spans="14:14">
      <c r="N794844" s="10"/>
    </row>
    <row r="794845" spans="14:14">
      <c r="N794845" s="10"/>
    </row>
    <row r="794846" spans="14:14">
      <c r="N794846" s="10"/>
    </row>
    <row r="794847" spans="14:14">
      <c r="N794847" s="10"/>
    </row>
    <row r="794848" spans="14:14">
      <c r="N794848" s="10"/>
    </row>
    <row r="794849" spans="14:14">
      <c r="N794849" s="10"/>
    </row>
    <row r="794850" spans="14:14">
      <c r="N794850" s="10"/>
    </row>
    <row r="794851" spans="14:14">
      <c r="N794851" s="10"/>
    </row>
    <row r="794852" spans="14:14">
      <c r="N794852" s="10"/>
    </row>
    <row r="794853" spans="14:14">
      <c r="N794853" s="10"/>
    </row>
    <row r="794854" spans="14:14">
      <c r="N794854" s="10"/>
    </row>
    <row r="794855" spans="14:14">
      <c r="N794855" s="10"/>
    </row>
    <row r="794856" spans="14:14">
      <c r="N794856" s="10"/>
    </row>
    <row r="794857" spans="14:14">
      <c r="N794857" s="10"/>
    </row>
    <row r="794858" spans="14:14">
      <c r="N794858" s="10"/>
    </row>
    <row r="794859" spans="14:14">
      <c r="N794859" s="10"/>
    </row>
    <row r="794860" spans="14:14">
      <c r="N794860" s="10"/>
    </row>
    <row r="794861" spans="14:14">
      <c r="N794861" s="10"/>
    </row>
    <row r="794862" spans="14:14">
      <c r="N794862" s="10"/>
    </row>
    <row r="794863" spans="14:14">
      <c r="N794863" s="10"/>
    </row>
    <row r="794864" spans="14:14">
      <c r="N794864" s="10"/>
    </row>
    <row r="794865" spans="14:14">
      <c r="N794865" s="10"/>
    </row>
    <row r="794866" spans="14:14">
      <c r="N794866" s="10"/>
    </row>
    <row r="794867" spans="14:14">
      <c r="N794867" s="10"/>
    </row>
    <row r="794868" spans="14:14">
      <c r="N794868" s="10"/>
    </row>
    <row r="794869" spans="14:14">
      <c r="N794869" s="10"/>
    </row>
    <row r="794870" spans="14:14">
      <c r="N794870" s="10"/>
    </row>
    <row r="794871" spans="14:14">
      <c r="N794871" s="10"/>
    </row>
    <row r="794872" spans="14:14">
      <c r="N794872" s="10"/>
    </row>
    <row r="794873" spans="14:14">
      <c r="N794873" s="10"/>
    </row>
    <row r="794874" spans="14:14">
      <c r="N794874" s="10"/>
    </row>
    <row r="794875" spans="14:14">
      <c r="N794875" s="10"/>
    </row>
    <row r="794876" spans="14:14">
      <c r="N794876" s="10"/>
    </row>
    <row r="794877" spans="14:14">
      <c r="N794877" s="10"/>
    </row>
    <row r="794878" spans="14:14">
      <c r="N794878" s="10"/>
    </row>
    <row r="794879" spans="14:14">
      <c r="N794879" s="10"/>
    </row>
    <row r="794880" spans="14:14">
      <c r="N794880" s="10"/>
    </row>
    <row r="794881" spans="14:14">
      <c r="N794881" s="10"/>
    </row>
    <row r="794882" spans="14:14">
      <c r="N794882" s="10"/>
    </row>
    <row r="794883" spans="14:14">
      <c r="N794883" s="10"/>
    </row>
    <row r="794884" spans="14:14">
      <c r="N794884" s="10"/>
    </row>
    <row r="794885" spans="14:14">
      <c r="N794885" s="10"/>
    </row>
    <row r="794886" spans="14:14">
      <c r="N794886" s="10"/>
    </row>
    <row r="794887" spans="14:14">
      <c r="N794887" s="10"/>
    </row>
    <row r="794888" spans="14:14">
      <c r="N794888" s="10"/>
    </row>
    <row r="794889" spans="14:14">
      <c r="N794889" s="10"/>
    </row>
    <row r="794890" spans="14:14">
      <c r="N794890" s="10"/>
    </row>
    <row r="794891" spans="14:14">
      <c r="N794891" s="10"/>
    </row>
    <row r="794892" spans="14:14">
      <c r="N794892" s="10"/>
    </row>
    <row r="794893" spans="14:14">
      <c r="N794893" s="10"/>
    </row>
    <row r="794894" spans="14:14">
      <c r="N794894" s="10"/>
    </row>
    <row r="794895" spans="14:14">
      <c r="N794895" s="10"/>
    </row>
    <row r="794896" spans="14:14">
      <c r="N794896" s="10"/>
    </row>
    <row r="794897" spans="14:14">
      <c r="N794897" s="10"/>
    </row>
    <row r="794898" spans="14:14">
      <c r="N794898" s="10"/>
    </row>
    <row r="794899" spans="14:14">
      <c r="N794899" s="10"/>
    </row>
    <row r="794900" spans="14:14">
      <c r="N794900" s="10"/>
    </row>
    <row r="794901" spans="14:14">
      <c r="N794901" s="10"/>
    </row>
    <row r="794902" spans="14:14">
      <c r="N794902" s="10"/>
    </row>
    <row r="794903" spans="14:14">
      <c r="N794903" s="10"/>
    </row>
    <row r="794904" spans="14:14">
      <c r="N794904" s="10"/>
    </row>
    <row r="794905" spans="14:14">
      <c r="N794905" s="10"/>
    </row>
    <row r="794906" spans="14:14">
      <c r="N794906" s="10"/>
    </row>
    <row r="794907" spans="14:14">
      <c r="N794907" s="10"/>
    </row>
    <row r="794908" spans="14:14">
      <c r="N794908" s="10"/>
    </row>
    <row r="794909" spans="14:14">
      <c r="N794909" s="10"/>
    </row>
    <row r="794910" spans="14:14">
      <c r="N794910" s="10"/>
    </row>
    <row r="794911" spans="14:14">
      <c r="N794911" s="10"/>
    </row>
    <row r="794912" spans="14:14">
      <c r="N794912" s="10"/>
    </row>
    <row r="794913" spans="14:14">
      <c r="N794913" s="10"/>
    </row>
    <row r="794914" spans="14:14">
      <c r="N794914" s="10"/>
    </row>
    <row r="794915" spans="14:14">
      <c r="N794915" s="10"/>
    </row>
    <row r="794916" spans="14:14">
      <c r="N794916" s="10"/>
    </row>
    <row r="794917" spans="14:14">
      <c r="N794917" s="10"/>
    </row>
    <row r="794918" spans="14:14">
      <c r="N794918" s="10"/>
    </row>
    <row r="794919" spans="14:14">
      <c r="N794919" s="10"/>
    </row>
    <row r="794920" spans="14:14">
      <c r="N794920" s="10"/>
    </row>
    <row r="794921" spans="14:14">
      <c r="N794921" s="10"/>
    </row>
    <row r="794922" spans="14:14">
      <c r="N794922" s="10"/>
    </row>
    <row r="794923" spans="14:14">
      <c r="N794923" s="10"/>
    </row>
    <row r="794924" spans="14:14">
      <c r="N794924" s="10"/>
    </row>
    <row r="794925" spans="14:14">
      <c r="N794925" s="10"/>
    </row>
    <row r="794926" spans="14:14">
      <c r="N794926" s="10"/>
    </row>
    <row r="794927" spans="14:14">
      <c r="N794927" s="10"/>
    </row>
    <row r="794928" spans="14:14">
      <c r="N794928" s="10"/>
    </row>
    <row r="794929" spans="14:14">
      <c r="N794929" s="10"/>
    </row>
    <row r="794930" spans="14:14">
      <c r="N794930" s="10"/>
    </row>
    <row r="794931" spans="14:14">
      <c r="N794931" s="10"/>
    </row>
    <row r="794932" spans="14:14">
      <c r="N794932" s="10"/>
    </row>
    <row r="794933" spans="14:14">
      <c r="N794933" s="10"/>
    </row>
    <row r="794934" spans="14:14">
      <c r="N794934" s="10"/>
    </row>
    <row r="794935" spans="14:14">
      <c r="N794935" s="10"/>
    </row>
    <row r="794936" spans="14:14">
      <c r="N794936" s="10"/>
    </row>
    <row r="794937" spans="14:14">
      <c r="N794937" s="10"/>
    </row>
    <row r="794938" spans="14:14">
      <c r="N794938" s="10"/>
    </row>
    <row r="794939" spans="14:14">
      <c r="N794939" s="10"/>
    </row>
    <row r="794940" spans="14:14">
      <c r="N794940" s="10"/>
    </row>
    <row r="794941" spans="14:14">
      <c r="N794941" s="10"/>
    </row>
    <row r="794942" spans="14:14">
      <c r="N794942" s="10"/>
    </row>
    <row r="794943" spans="14:14">
      <c r="N794943" s="10"/>
    </row>
    <row r="794944" spans="14:14">
      <c r="N794944" s="10"/>
    </row>
    <row r="794945" spans="14:14">
      <c r="N794945" s="10"/>
    </row>
    <row r="794946" spans="14:14">
      <c r="N794946" s="10"/>
    </row>
    <row r="794947" spans="14:14">
      <c r="N794947" s="10"/>
    </row>
    <row r="794948" spans="14:14">
      <c r="N794948" s="10"/>
    </row>
    <row r="794949" spans="14:14">
      <c r="N794949" s="10"/>
    </row>
    <row r="794950" spans="14:14">
      <c r="N794950" s="10"/>
    </row>
    <row r="794951" spans="14:14">
      <c r="N794951" s="10"/>
    </row>
    <row r="794952" spans="14:14">
      <c r="N794952" s="10"/>
    </row>
    <row r="794953" spans="14:14">
      <c r="N794953" s="10"/>
    </row>
    <row r="794954" spans="14:14">
      <c r="N794954" s="10"/>
    </row>
    <row r="794955" spans="14:14">
      <c r="N794955" s="10"/>
    </row>
    <row r="794956" spans="14:14">
      <c r="N794956" s="10"/>
    </row>
    <row r="794957" spans="14:14">
      <c r="N794957" s="10"/>
    </row>
    <row r="794958" spans="14:14">
      <c r="N794958" s="10"/>
    </row>
    <row r="794959" spans="14:14">
      <c r="N794959" s="10"/>
    </row>
    <row r="794960" spans="14:14">
      <c r="N794960" s="10"/>
    </row>
    <row r="794961" spans="14:14">
      <c r="N794961" s="10"/>
    </row>
    <row r="794962" spans="14:14">
      <c r="N794962" s="10"/>
    </row>
    <row r="794963" spans="14:14">
      <c r="N794963" s="10"/>
    </row>
    <row r="794964" spans="14:14">
      <c r="N794964" s="10"/>
    </row>
    <row r="794965" spans="14:14">
      <c r="N794965" s="10"/>
    </row>
    <row r="794966" spans="14:14">
      <c r="N794966" s="10"/>
    </row>
    <row r="794967" spans="14:14">
      <c r="N794967" s="10"/>
    </row>
    <row r="794968" spans="14:14">
      <c r="N794968" s="10"/>
    </row>
    <row r="794969" spans="14:14">
      <c r="N794969" s="10"/>
    </row>
    <row r="794970" spans="14:14">
      <c r="N794970" s="10"/>
    </row>
    <row r="794971" spans="14:14">
      <c r="N794971" s="10"/>
    </row>
    <row r="794972" spans="14:14">
      <c r="N794972" s="10"/>
    </row>
    <row r="794973" spans="14:14">
      <c r="N794973" s="10"/>
    </row>
    <row r="794974" spans="14:14">
      <c r="N794974" s="10"/>
    </row>
    <row r="794975" spans="14:14">
      <c r="N794975" s="10"/>
    </row>
    <row r="794976" spans="14:14">
      <c r="N794976" s="10"/>
    </row>
    <row r="794977" spans="14:14">
      <c r="N794977" s="10"/>
    </row>
    <row r="794978" spans="14:14">
      <c r="N794978" s="10"/>
    </row>
    <row r="794979" spans="14:14">
      <c r="N794979" s="10"/>
    </row>
    <row r="794980" spans="14:14">
      <c r="N794980" s="10"/>
    </row>
    <row r="794981" spans="14:14">
      <c r="N794981" s="10"/>
    </row>
    <row r="794982" spans="14:14">
      <c r="N794982" s="10"/>
    </row>
    <row r="794983" spans="14:14">
      <c r="N794983" s="10"/>
    </row>
    <row r="794984" spans="14:14">
      <c r="N794984" s="10"/>
    </row>
    <row r="794985" spans="14:14">
      <c r="N794985" s="10"/>
    </row>
    <row r="794986" spans="14:14">
      <c r="N794986" s="10"/>
    </row>
    <row r="794987" spans="14:14">
      <c r="N794987" s="10"/>
    </row>
    <row r="794988" spans="14:14">
      <c r="N794988" s="10"/>
    </row>
    <row r="794989" spans="14:14">
      <c r="N794989" s="10"/>
    </row>
    <row r="794990" spans="14:14">
      <c r="N794990" s="10"/>
    </row>
    <row r="794991" spans="14:14">
      <c r="N794991" s="10"/>
    </row>
    <row r="794992" spans="14:14">
      <c r="N794992" s="10"/>
    </row>
    <row r="794993" spans="14:14">
      <c r="N794993" s="10"/>
    </row>
    <row r="794994" spans="14:14">
      <c r="N794994" s="10"/>
    </row>
    <row r="794995" spans="14:14">
      <c r="N794995" s="10"/>
    </row>
    <row r="794996" spans="14:14">
      <c r="N794996" s="10"/>
    </row>
    <row r="794997" spans="14:14">
      <c r="N794997" s="10"/>
    </row>
    <row r="794998" spans="14:14">
      <c r="N794998" s="10"/>
    </row>
    <row r="794999" spans="14:14">
      <c r="N794999" s="10"/>
    </row>
    <row r="795000" spans="14:14">
      <c r="N795000" s="10"/>
    </row>
    <row r="795001" spans="14:14">
      <c r="N795001" s="10"/>
    </row>
    <row r="795002" spans="14:14">
      <c r="N795002" s="10"/>
    </row>
    <row r="795003" spans="14:14">
      <c r="N795003" s="10"/>
    </row>
    <row r="795004" spans="14:14">
      <c r="N795004" s="10"/>
    </row>
    <row r="795005" spans="14:14">
      <c r="N795005" s="10"/>
    </row>
    <row r="795006" spans="14:14">
      <c r="N795006" s="10"/>
    </row>
    <row r="795007" spans="14:14">
      <c r="N795007" s="10"/>
    </row>
    <row r="795008" spans="14:14">
      <c r="N795008" s="10"/>
    </row>
    <row r="795009" spans="14:14">
      <c r="N795009" s="10"/>
    </row>
    <row r="795010" spans="14:14">
      <c r="N795010" s="10"/>
    </row>
    <row r="795011" spans="14:14">
      <c r="N795011" s="10"/>
    </row>
    <row r="795012" spans="14:14">
      <c r="N795012" s="10"/>
    </row>
    <row r="795013" spans="14:14">
      <c r="N795013" s="10"/>
    </row>
    <row r="795014" spans="14:14">
      <c r="N795014" s="10"/>
    </row>
    <row r="795015" spans="14:14">
      <c r="N795015" s="10"/>
    </row>
    <row r="795016" spans="14:14">
      <c r="N795016" s="10"/>
    </row>
    <row r="795017" spans="14:14">
      <c r="N795017" s="10"/>
    </row>
    <row r="795018" spans="14:14">
      <c r="N795018" s="10"/>
    </row>
    <row r="795019" spans="14:14">
      <c r="N795019" s="10"/>
    </row>
    <row r="795020" spans="14:14">
      <c r="N795020" s="10"/>
    </row>
    <row r="795021" spans="14:14">
      <c r="N795021" s="10"/>
    </row>
    <row r="795022" spans="14:14">
      <c r="N795022" s="10"/>
    </row>
    <row r="795023" spans="14:14">
      <c r="N795023" s="10"/>
    </row>
    <row r="795024" spans="14:14">
      <c r="N795024" s="10"/>
    </row>
    <row r="795025" spans="14:14">
      <c r="N795025" s="10"/>
    </row>
    <row r="795026" spans="14:14">
      <c r="N795026" s="10"/>
    </row>
    <row r="795027" spans="14:14">
      <c r="N795027" s="10"/>
    </row>
    <row r="795028" spans="14:14">
      <c r="N795028" s="10"/>
    </row>
    <row r="795029" spans="14:14">
      <c r="N795029" s="10"/>
    </row>
    <row r="795030" spans="14:14">
      <c r="N795030" s="10"/>
    </row>
    <row r="795031" spans="14:14">
      <c r="N795031" s="10"/>
    </row>
    <row r="795032" spans="14:14">
      <c r="N795032" s="10"/>
    </row>
    <row r="795033" spans="14:14">
      <c r="N795033" s="10"/>
    </row>
    <row r="795034" spans="14:14">
      <c r="N795034" s="10"/>
    </row>
    <row r="795035" spans="14:14">
      <c r="N795035" s="10"/>
    </row>
    <row r="795036" spans="14:14">
      <c r="N795036" s="10"/>
    </row>
    <row r="795037" spans="14:14">
      <c r="N795037" s="10"/>
    </row>
    <row r="795038" spans="14:14">
      <c r="N795038" s="10"/>
    </row>
    <row r="795039" spans="14:14">
      <c r="N795039" s="10"/>
    </row>
    <row r="795040" spans="14:14">
      <c r="N795040" s="10"/>
    </row>
    <row r="795041" spans="14:14">
      <c r="N795041" s="10"/>
    </row>
    <row r="795042" spans="14:14">
      <c r="N795042" s="10"/>
    </row>
    <row r="795043" spans="14:14">
      <c r="N795043" s="10"/>
    </row>
    <row r="795044" spans="14:14">
      <c r="N795044" s="10"/>
    </row>
    <row r="795045" spans="14:14">
      <c r="N795045" s="10"/>
    </row>
    <row r="795046" spans="14:14">
      <c r="N795046" s="10"/>
    </row>
    <row r="795047" spans="14:14">
      <c r="N795047" s="10"/>
    </row>
    <row r="795048" spans="14:14">
      <c r="N795048" s="10"/>
    </row>
    <row r="795049" spans="14:14">
      <c r="N795049" s="10"/>
    </row>
    <row r="795050" spans="14:14">
      <c r="N795050" s="10"/>
    </row>
    <row r="795051" spans="14:14">
      <c r="N795051" s="10"/>
    </row>
    <row r="795052" spans="14:14">
      <c r="N795052" s="10"/>
    </row>
    <row r="795053" spans="14:14">
      <c r="N795053" s="10"/>
    </row>
    <row r="795054" spans="14:14">
      <c r="N795054" s="10"/>
    </row>
    <row r="795055" spans="14:14">
      <c r="N795055" s="10"/>
    </row>
    <row r="795056" spans="14:14">
      <c r="N795056" s="10"/>
    </row>
    <row r="795057" spans="14:14">
      <c r="N795057" s="10"/>
    </row>
    <row r="795058" spans="14:14">
      <c r="N795058" s="10"/>
    </row>
    <row r="795059" spans="14:14">
      <c r="N795059" s="10"/>
    </row>
    <row r="795060" spans="14:14">
      <c r="N795060" s="10"/>
    </row>
    <row r="795061" spans="14:14">
      <c r="N795061" s="10"/>
    </row>
    <row r="795062" spans="14:14">
      <c r="N795062" s="10"/>
    </row>
    <row r="795063" spans="14:14">
      <c r="N795063" s="10"/>
    </row>
    <row r="795064" spans="14:14">
      <c r="N795064" s="10"/>
    </row>
    <row r="795065" spans="14:14">
      <c r="N795065" s="10"/>
    </row>
    <row r="795066" spans="14:14">
      <c r="N795066" s="10"/>
    </row>
    <row r="795067" spans="14:14">
      <c r="N795067" s="10"/>
    </row>
    <row r="795068" spans="14:14">
      <c r="N795068" s="10"/>
    </row>
    <row r="795069" spans="14:14">
      <c r="N795069" s="10"/>
    </row>
    <row r="795070" spans="14:14">
      <c r="N795070" s="10"/>
    </row>
    <row r="795071" spans="14:14">
      <c r="N795071" s="10"/>
    </row>
    <row r="795072" spans="14:14">
      <c r="N795072" s="10"/>
    </row>
    <row r="795073" spans="14:14">
      <c r="N795073" s="10"/>
    </row>
    <row r="795074" spans="14:14">
      <c r="N795074" s="10"/>
    </row>
    <row r="795075" spans="14:14">
      <c r="N795075" s="10"/>
    </row>
    <row r="795076" spans="14:14">
      <c r="N795076" s="10"/>
    </row>
    <row r="795077" spans="14:14">
      <c r="N795077" s="10"/>
    </row>
    <row r="795078" spans="14:14">
      <c r="N795078" s="10"/>
    </row>
    <row r="795079" spans="14:14">
      <c r="N795079" s="10"/>
    </row>
    <row r="795080" spans="14:14">
      <c r="N795080" s="10"/>
    </row>
    <row r="795081" spans="14:14">
      <c r="N795081" s="10"/>
    </row>
    <row r="795082" spans="14:14">
      <c r="N795082" s="10"/>
    </row>
    <row r="795083" spans="14:14">
      <c r="N795083" s="10"/>
    </row>
    <row r="795084" spans="14:14">
      <c r="N795084" s="10"/>
    </row>
    <row r="795085" spans="14:14">
      <c r="N795085" s="10"/>
    </row>
    <row r="795086" spans="14:14">
      <c r="N795086" s="10"/>
    </row>
    <row r="795087" spans="14:14">
      <c r="N795087" s="10"/>
    </row>
    <row r="795088" spans="14:14">
      <c r="N795088" s="10"/>
    </row>
    <row r="795089" spans="14:14">
      <c r="N795089" s="10"/>
    </row>
    <row r="795090" spans="14:14">
      <c r="N795090" s="10"/>
    </row>
    <row r="795091" spans="14:14">
      <c r="N795091" s="10"/>
    </row>
    <row r="795092" spans="14:14">
      <c r="N795092" s="10"/>
    </row>
    <row r="795093" spans="14:14">
      <c r="N795093" s="10"/>
    </row>
    <row r="795094" spans="14:14">
      <c r="N795094" s="10"/>
    </row>
    <row r="795095" spans="14:14">
      <c r="N795095" s="10"/>
    </row>
    <row r="795096" spans="14:14">
      <c r="N795096" s="10"/>
    </row>
    <row r="795097" spans="14:14">
      <c r="N795097" s="10"/>
    </row>
    <row r="795098" spans="14:14">
      <c r="N795098" s="10"/>
    </row>
    <row r="795099" spans="14:14">
      <c r="N795099" s="10"/>
    </row>
    <row r="795100" spans="14:14">
      <c r="N795100" s="10"/>
    </row>
    <row r="795101" spans="14:14">
      <c r="N795101" s="10"/>
    </row>
    <row r="795102" spans="14:14">
      <c r="N795102" s="10"/>
    </row>
    <row r="795103" spans="14:14">
      <c r="N795103" s="10"/>
    </row>
    <row r="795104" spans="14:14">
      <c r="N795104" s="10"/>
    </row>
    <row r="795105" spans="14:14">
      <c r="N795105" s="10"/>
    </row>
    <row r="795106" spans="14:14">
      <c r="N795106" s="10"/>
    </row>
    <row r="795107" spans="14:14">
      <c r="N795107" s="10"/>
    </row>
    <row r="795108" spans="14:14">
      <c r="N795108" s="10"/>
    </row>
    <row r="795109" spans="14:14">
      <c r="N795109" s="10"/>
    </row>
    <row r="795110" spans="14:14">
      <c r="N795110" s="10"/>
    </row>
    <row r="795111" spans="14:14">
      <c r="N795111" s="10"/>
    </row>
    <row r="795112" spans="14:14">
      <c r="N795112" s="10"/>
    </row>
    <row r="795113" spans="14:14">
      <c r="N795113" s="10"/>
    </row>
    <row r="795114" spans="14:14">
      <c r="N795114" s="10"/>
    </row>
    <row r="795115" spans="14:14">
      <c r="N795115" s="10"/>
    </row>
    <row r="795116" spans="14:14">
      <c r="N795116" s="10"/>
    </row>
    <row r="795117" spans="14:14">
      <c r="N795117" s="10"/>
    </row>
    <row r="795118" spans="14:14">
      <c r="N795118" s="10"/>
    </row>
    <row r="795119" spans="14:14">
      <c r="N795119" s="10"/>
    </row>
    <row r="795120" spans="14:14">
      <c r="N795120" s="10"/>
    </row>
    <row r="795121" spans="14:14">
      <c r="N795121" s="10"/>
    </row>
    <row r="795122" spans="14:14">
      <c r="N795122" s="10"/>
    </row>
    <row r="795123" spans="14:14">
      <c r="N795123" s="10"/>
    </row>
    <row r="795124" spans="14:14">
      <c r="N795124" s="10"/>
    </row>
    <row r="795125" spans="14:14">
      <c r="N795125" s="10"/>
    </row>
    <row r="795126" spans="14:14">
      <c r="N795126" s="10"/>
    </row>
    <row r="795127" spans="14:14">
      <c r="N795127" s="10"/>
    </row>
    <row r="795128" spans="14:14">
      <c r="N795128" s="10"/>
    </row>
    <row r="795129" spans="14:14">
      <c r="N795129" s="10"/>
    </row>
    <row r="795130" spans="14:14">
      <c r="N795130" s="10"/>
    </row>
    <row r="795131" spans="14:14">
      <c r="N795131" s="10"/>
    </row>
    <row r="795132" spans="14:14">
      <c r="N795132" s="10"/>
    </row>
    <row r="795133" spans="14:14">
      <c r="N795133" s="10"/>
    </row>
    <row r="795134" spans="14:14">
      <c r="N795134" s="10"/>
    </row>
    <row r="795135" spans="14:14">
      <c r="N795135" s="10"/>
    </row>
    <row r="795136" spans="14:14">
      <c r="N795136" s="10"/>
    </row>
    <row r="795137" spans="14:14">
      <c r="N795137" s="10"/>
    </row>
    <row r="795138" spans="14:14">
      <c r="N795138" s="10"/>
    </row>
    <row r="795139" spans="14:14">
      <c r="N795139" s="10"/>
    </row>
    <row r="795140" spans="14:14">
      <c r="N795140" s="10"/>
    </row>
    <row r="795141" spans="14:14">
      <c r="N795141" s="10"/>
    </row>
    <row r="795142" spans="14:14">
      <c r="N795142" s="10"/>
    </row>
    <row r="795143" spans="14:14">
      <c r="N795143" s="10"/>
    </row>
    <row r="795144" spans="14:14">
      <c r="N795144" s="10"/>
    </row>
    <row r="795145" spans="14:14">
      <c r="N795145" s="10"/>
    </row>
    <row r="795146" spans="14:14">
      <c r="N795146" s="10"/>
    </row>
    <row r="795147" spans="14:14">
      <c r="N795147" s="10"/>
    </row>
    <row r="795148" spans="14:14">
      <c r="N795148" s="10"/>
    </row>
    <row r="795149" spans="14:14">
      <c r="N795149" s="10"/>
    </row>
    <row r="795150" spans="14:14">
      <c r="N795150" s="10"/>
    </row>
    <row r="795151" spans="14:14">
      <c r="N795151" s="10"/>
    </row>
    <row r="795152" spans="14:14">
      <c r="N795152" s="10"/>
    </row>
    <row r="795153" spans="14:14">
      <c r="N795153" s="10"/>
    </row>
    <row r="795154" spans="14:14">
      <c r="N795154" s="10"/>
    </row>
    <row r="795155" spans="14:14">
      <c r="N795155" s="10"/>
    </row>
    <row r="795156" spans="14:14">
      <c r="N795156" s="10"/>
    </row>
    <row r="795157" spans="14:14">
      <c r="N795157" s="10"/>
    </row>
    <row r="795158" spans="14:14">
      <c r="N795158" s="10"/>
    </row>
    <row r="795159" spans="14:14">
      <c r="N795159" s="10"/>
    </row>
    <row r="795160" spans="14:14">
      <c r="N795160" s="10"/>
    </row>
    <row r="795161" spans="14:14">
      <c r="N795161" s="10"/>
    </row>
    <row r="795162" spans="14:14">
      <c r="N795162" s="10"/>
    </row>
    <row r="795163" spans="14:14">
      <c r="N795163" s="10"/>
    </row>
    <row r="795164" spans="14:14">
      <c r="N795164" s="10"/>
    </row>
    <row r="795165" spans="14:14">
      <c r="N795165" s="10"/>
    </row>
    <row r="795166" spans="14:14">
      <c r="N795166" s="10"/>
    </row>
    <row r="795167" spans="14:14">
      <c r="N795167" s="10"/>
    </row>
    <row r="795168" spans="14:14">
      <c r="N795168" s="10"/>
    </row>
    <row r="795169" spans="14:14">
      <c r="N795169" s="10"/>
    </row>
    <row r="795170" spans="14:14">
      <c r="N795170" s="10"/>
    </row>
    <row r="795171" spans="14:14">
      <c r="N795171" s="10"/>
    </row>
    <row r="795172" spans="14:14">
      <c r="N795172" s="10"/>
    </row>
    <row r="795173" spans="14:14">
      <c r="N795173" s="10"/>
    </row>
    <row r="795174" spans="14:14">
      <c r="N795174" s="10"/>
    </row>
    <row r="795175" spans="14:14">
      <c r="N795175" s="10"/>
    </row>
    <row r="795176" spans="14:14">
      <c r="N795176" s="10"/>
    </row>
    <row r="795177" spans="14:14">
      <c r="N795177" s="10"/>
    </row>
    <row r="795178" spans="14:14">
      <c r="N795178" s="10"/>
    </row>
    <row r="795179" spans="14:14">
      <c r="N795179" s="10"/>
    </row>
    <row r="795180" spans="14:14">
      <c r="N795180" s="10"/>
    </row>
    <row r="795181" spans="14:14">
      <c r="N795181" s="10"/>
    </row>
    <row r="795182" spans="14:14">
      <c r="N795182" s="10"/>
    </row>
    <row r="795183" spans="14:14">
      <c r="N795183" s="10"/>
    </row>
    <row r="795184" spans="14:14">
      <c r="N795184" s="10"/>
    </row>
    <row r="795185" spans="14:14">
      <c r="N795185" s="10"/>
    </row>
    <row r="795186" spans="14:14">
      <c r="N795186" s="10"/>
    </row>
    <row r="795187" spans="14:14">
      <c r="N795187" s="10"/>
    </row>
    <row r="795188" spans="14:14">
      <c r="N795188" s="10"/>
    </row>
    <row r="795189" spans="14:14">
      <c r="N795189" s="10"/>
    </row>
    <row r="795190" spans="14:14">
      <c r="N795190" s="10"/>
    </row>
    <row r="795191" spans="14:14">
      <c r="N795191" s="10"/>
    </row>
    <row r="795192" spans="14:14">
      <c r="N795192" s="10"/>
    </row>
    <row r="795193" spans="14:14">
      <c r="N795193" s="10"/>
    </row>
    <row r="795194" spans="14:14">
      <c r="N795194" s="10"/>
    </row>
    <row r="795195" spans="14:14">
      <c r="N795195" s="10"/>
    </row>
    <row r="795196" spans="14:14">
      <c r="N795196" s="10"/>
    </row>
    <row r="795197" spans="14:14">
      <c r="N795197" s="10"/>
    </row>
    <row r="795198" spans="14:14">
      <c r="N795198" s="10"/>
    </row>
    <row r="795199" spans="14:14">
      <c r="N795199" s="10"/>
    </row>
    <row r="795200" spans="14:14">
      <c r="N795200" s="10"/>
    </row>
    <row r="795201" spans="14:14">
      <c r="N795201" s="10"/>
    </row>
    <row r="795202" spans="14:14">
      <c r="N795202" s="10"/>
    </row>
    <row r="795203" spans="14:14">
      <c r="N795203" s="10"/>
    </row>
    <row r="795204" spans="14:14">
      <c r="N795204" s="10"/>
    </row>
    <row r="795205" spans="14:14">
      <c r="N795205" s="10"/>
    </row>
    <row r="795206" spans="14:14">
      <c r="N795206" s="10"/>
    </row>
    <row r="795207" spans="14:14">
      <c r="N795207" s="10"/>
    </row>
    <row r="795208" spans="14:14">
      <c r="N795208" s="10"/>
    </row>
    <row r="795209" spans="14:14">
      <c r="N795209" s="10"/>
    </row>
    <row r="795210" spans="14:14">
      <c r="N795210" s="10"/>
    </row>
    <row r="795211" spans="14:14">
      <c r="N795211" s="10"/>
    </row>
    <row r="795212" spans="14:14">
      <c r="N795212" s="10"/>
    </row>
    <row r="795213" spans="14:14">
      <c r="N795213" s="10"/>
    </row>
    <row r="795214" spans="14:14">
      <c r="N795214" s="10"/>
    </row>
    <row r="795215" spans="14:14">
      <c r="N795215" s="10"/>
    </row>
    <row r="795216" spans="14:14">
      <c r="N795216" s="10"/>
    </row>
    <row r="795217" spans="14:14">
      <c r="N795217" s="10"/>
    </row>
    <row r="795218" spans="14:14">
      <c r="N795218" s="10"/>
    </row>
    <row r="795219" spans="14:14">
      <c r="N795219" s="10"/>
    </row>
    <row r="795220" spans="14:14">
      <c r="N795220" s="10"/>
    </row>
    <row r="795221" spans="14:14">
      <c r="N795221" s="10"/>
    </row>
    <row r="795222" spans="14:14">
      <c r="N795222" s="10"/>
    </row>
    <row r="795223" spans="14:14">
      <c r="N795223" s="10"/>
    </row>
    <row r="795224" spans="14:14">
      <c r="N795224" s="10"/>
    </row>
    <row r="795225" spans="14:14">
      <c r="N795225" s="10"/>
    </row>
    <row r="795226" spans="14:14">
      <c r="N795226" s="10"/>
    </row>
    <row r="795227" spans="14:14">
      <c r="N795227" s="10"/>
    </row>
    <row r="795228" spans="14:14">
      <c r="N795228" s="10"/>
    </row>
    <row r="795229" spans="14:14">
      <c r="N795229" s="10"/>
    </row>
    <row r="795230" spans="14:14">
      <c r="N795230" s="10"/>
    </row>
    <row r="795231" spans="14:14">
      <c r="N795231" s="10"/>
    </row>
    <row r="795232" spans="14:14">
      <c r="N795232" s="10"/>
    </row>
    <row r="795233" spans="14:14">
      <c r="N795233" s="10"/>
    </row>
    <row r="795234" spans="14:14">
      <c r="N795234" s="10"/>
    </row>
    <row r="795235" spans="14:14">
      <c r="N795235" s="10"/>
    </row>
    <row r="795236" spans="14:14">
      <c r="N795236" s="10"/>
    </row>
    <row r="795237" spans="14:14">
      <c r="N795237" s="10"/>
    </row>
    <row r="795238" spans="14:14">
      <c r="N795238" s="10"/>
    </row>
    <row r="795239" spans="14:14">
      <c r="N795239" s="10"/>
    </row>
    <row r="795240" spans="14:14">
      <c r="N795240" s="10"/>
    </row>
    <row r="795241" spans="14:14">
      <c r="N795241" s="10"/>
    </row>
    <row r="795242" spans="14:14">
      <c r="N795242" s="10"/>
    </row>
    <row r="795243" spans="14:14">
      <c r="N795243" s="10"/>
    </row>
    <row r="795244" spans="14:14">
      <c r="N795244" s="10"/>
    </row>
    <row r="795245" spans="14:14">
      <c r="N795245" s="10"/>
    </row>
    <row r="795246" spans="14:14">
      <c r="N795246" s="10"/>
    </row>
    <row r="795247" spans="14:14">
      <c r="N795247" s="10"/>
    </row>
    <row r="795248" spans="14:14">
      <c r="N795248" s="10"/>
    </row>
    <row r="795249" spans="14:14">
      <c r="N795249" s="10"/>
    </row>
    <row r="795250" spans="14:14">
      <c r="N795250" s="10"/>
    </row>
    <row r="795251" spans="14:14">
      <c r="N795251" s="10"/>
    </row>
    <row r="795252" spans="14:14">
      <c r="N795252" s="10"/>
    </row>
    <row r="795253" spans="14:14">
      <c r="N795253" s="10"/>
    </row>
    <row r="795254" spans="14:14">
      <c r="N795254" s="10"/>
    </row>
    <row r="795255" spans="14:14">
      <c r="N795255" s="10"/>
    </row>
    <row r="795256" spans="14:14">
      <c r="N795256" s="10"/>
    </row>
    <row r="795257" spans="14:14">
      <c r="N795257" s="10"/>
    </row>
    <row r="795258" spans="14:14">
      <c r="N795258" s="10"/>
    </row>
    <row r="795259" spans="14:14">
      <c r="N795259" s="10"/>
    </row>
    <row r="795260" spans="14:14">
      <c r="N795260" s="10"/>
    </row>
    <row r="795261" spans="14:14">
      <c r="N795261" s="10"/>
    </row>
    <row r="795262" spans="14:14">
      <c r="N795262" s="10"/>
    </row>
    <row r="795263" spans="14:14">
      <c r="N795263" s="10"/>
    </row>
    <row r="795264" spans="14:14">
      <c r="N795264" s="10"/>
    </row>
    <row r="795265" spans="14:14">
      <c r="N795265" s="10"/>
    </row>
    <row r="795266" spans="14:14">
      <c r="N795266" s="10"/>
    </row>
    <row r="795267" spans="14:14">
      <c r="N795267" s="10"/>
    </row>
    <row r="795268" spans="14:14">
      <c r="N795268" s="10"/>
    </row>
    <row r="795269" spans="14:14">
      <c r="N795269" s="10"/>
    </row>
    <row r="795270" spans="14:14">
      <c r="N795270" s="10"/>
    </row>
    <row r="795271" spans="14:14">
      <c r="N795271" s="10"/>
    </row>
    <row r="795272" spans="14:14">
      <c r="N795272" s="10"/>
    </row>
    <row r="795273" spans="14:14">
      <c r="N795273" s="10"/>
    </row>
    <row r="795274" spans="14:14">
      <c r="N795274" s="10"/>
    </row>
    <row r="795275" spans="14:14">
      <c r="N795275" s="10"/>
    </row>
    <row r="795276" spans="14:14">
      <c r="N795276" s="10"/>
    </row>
    <row r="795277" spans="14:14">
      <c r="N795277" s="10"/>
    </row>
    <row r="795278" spans="14:14">
      <c r="N795278" s="10"/>
    </row>
    <row r="795279" spans="14:14">
      <c r="N795279" s="10"/>
    </row>
    <row r="795280" spans="14:14">
      <c r="N795280" s="10"/>
    </row>
    <row r="795281" spans="14:14">
      <c r="N795281" s="10"/>
    </row>
    <row r="795282" spans="14:14">
      <c r="N795282" s="10"/>
    </row>
    <row r="795283" spans="14:14">
      <c r="N795283" s="10"/>
    </row>
    <row r="795284" spans="14:14">
      <c r="N795284" s="10"/>
    </row>
    <row r="795285" spans="14:14">
      <c r="N795285" s="10"/>
    </row>
    <row r="795286" spans="14:14">
      <c r="N795286" s="10"/>
    </row>
    <row r="795287" spans="14:14">
      <c r="N795287" s="10"/>
    </row>
    <row r="795288" spans="14:14">
      <c r="N795288" s="10"/>
    </row>
    <row r="795289" spans="14:14">
      <c r="N795289" s="10"/>
    </row>
    <row r="795290" spans="14:14">
      <c r="N795290" s="10"/>
    </row>
    <row r="795291" spans="14:14">
      <c r="N795291" s="10"/>
    </row>
    <row r="795292" spans="14:14">
      <c r="N795292" s="10"/>
    </row>
    <row r="795293" spans="14:14">
      <c r="N795293" s="10"/>
    </row>
    <row r="795294" spans="14:14">
      <c r="N795294" s="10"/>
    </row>
    <row r="795295" spans="14:14">
      <c r="N795295" s="10"/>
    </row>
    <row r="795296" spans="14:14">
      <c r="N795296" s="10"/>
    </row>
    <row r="795297" spans="14:14">
      <c r="N795297" s="10"/>
    </row>
    <row r="795298" spans="14:14">
      <c r="N795298" s="10"/>
    </row>
    <row r="795299" spans="14:14">
      <c r="N795299" s="10"/>
    </row>
    <row r="795300" spans="14:14">
      <c r="N795300" s="10"/>
    </row>
    <row r="795301" spans="14:14">
      <c r="N795301" s="10"/>
    </row>
    <row r="795302" spans="14:14">
      <c r="N795302" s="10"/>
    </row>
    <row r="795303" spans="14:14">
      <c r="N795303" s="10"/>
    </row>
    <row r="795304" spans="14:14">
      <c r="N795304" s="10"/>
    </row>
    <row r="795305" spans="14:14">
      <c r="N795305" s="10"/>
    </row>
    <row r="795306" spans="14:14">
      <c r="N795306" s="10"/>
    </row>
    <row r="795307" spans="14:14">
      <c r="N795307" s="10"/>
    </row>
    <row r="795308" spans="14:14">
      <c r="N795308" s="10"/>
    </row>
    <row r="795309" spans="14:14">
      <c r="N795309" s="10"/>
    </row>
    <row r="795310" spans="14:14">
      <c r="N795310" s="10"/>
    </row>
    <row r="795311" spans="14:14">
      <c r="N795311" s="10"/>
    </row>
    <row r="795312" spans="14:14">
      <c r="N795312" s="10"/>
    </row>
    <row r="795313" spans="14:14">
      <c r="N795313" s="10"/>
    </row>
    <row r="795314" spans="14:14">
      <c r="N795314" s="10"/>
    </row>
    <row r="795315" spans="14:14">
      <c r="N795315" s="10"/>
    </row>
    <row r="795316" spans="14:14">
      <c r="N795316" s="10"/>
    </row>
    <row r="795317" spans="14:14">
      <c r="N795317" s="10"/>
    </row>
    <row r="795318" spans="14:14">
      <c r="N795318" s="10"/>
    </row>
    <row r="795319" spans="14:14">
      <c r="N795319" s="10"/>
    </row>
    <row r="795320" spans="14:14">
      <c r="N795320" s="10"/>
    </row>
    <row r="795321" spans="14:14">
      <c r="N795321" s="10"/>
    </row>
    <row r="795322" spans="14:14">
      <c r="N795322" s="10"/>
    </row>
    <row r="795323" spans="14:14">
      <c r="N795323" s="10"/>
    </row>
    <row r="795324" spans="14:14">
      <c r="N795324" s="10"/>
    </row>
    <row r="795325" spans="14:14">
      <c r="N795325" s="10"/>
    </row>
    <row r="795326" spans="14:14">
      <c r="N795326" s="10"/>
    </row>
    <row r="795327" spans="14:14">
      <c r="N795327" s="10"/>
    </row>
    <row r="795328" spans="14:14">
      <c r="N795328" s="10"/>
    </row>
    <row r="795329" spans="14:14">
      <c r="N795329" s="10"/>
    </row>
    <row r="795330" spans="14:14">
      <c r="N795330" s="10"/>
    </row>
    <row r="795331" spans="14:14">
      <c r="N795331" s="10"/>
    </row>
    <row r="795332" spans="14:14">
      <c r="N795332" s="10"/>
    </row>
    <row r="795333" spans="14:14">
      <c r="N795333" s="10"/>
    </row>
    <row r="795334" spans="14:14">
      <c r="N795334" s="10"/>
    </row>
    <row r="795335" spans="14:14">
      <c r="N795335" s="10"/>
    </row>
    <row r="795336" spans="14:14">
      <c r="N795336" s="10"/>
    </row>
    <row r="795337" spans="14:14">
      <c r="N795337" s="10"/>
    </row>
    <row r="795338" spans="14:14">
      <c r="N795338" s="10"/>
    </row>
    <row r="795339" spans="14:14">
      <c r="N795339" s="10"/>
    </row>
    <row r="795340" spans="14:14">
      <c r="N795340" s="10"/>
    </row>
    <row r="795341" spans="14:14">
      <c r="N795341" s="10"/>
    </row>
    <row r="795342" spans="14:14">
      <c r="N795342" s="10"/>
    </row>
    <row r="795343" spans="14:14">
      <c r="N795343" s="10"/>
    </row>
    <row r="795344" spans="14:14">
      <c r="N795344" s="10"/>
    </row>
    <row r="795345" spans="14:14">
      <c r="N795345" s="10"/>
    </row>
    <row r="795346" spans="14:14">
      <c r="N795346" s="10"/>
    </row>
    <row r="795347" spans="14:14">
      <c r="N795347" s="10"/>
    </row>
    <row r="795348" spans="14:14">
      <c r="N795348" s="10"/>
    </row>
    <row r="795349" spans="14:14">
      <c r="N795349" s="10"/>
    </row>
    <row r="795350" spans="14:14">
      <c r="N795350" s="10"/>
    </row>
    <row r="795351" spans="14:14">
      <c r="N795351" s="10"/>
    </row>
    <row r="795352" spans="14:14">
      <c r="N795352" s="10"/>
    </row>
    <row r="795353" spans="14:14">
      <c r="N795353" s="10"/>
    </row>
    <row r="795354" spans="14:14">
      <c r="N795354" s="10"/>
    </row>
    <row r="795355" spans="14:14">
      <c r="N795355" s="10"/>
    </row>
    <row r="795356" spans="14:14">
      <c r="N795356" s="10"/>
    </row>
    <row r="795357" spans="14:14">
      <c r="N795357" s="10"/>
    </row>
    <row r="795358" spans="14:14">
      <c r="N795358" s="10"/>
    </row>
    <row r="795359" spans="14:14">
      <c r="N795359" s="10"/>
    </row>
    <row r="795360" spans="14:14">
      <c r="N795360" s="10"/>
    </row>
    <row r="795361" spans="14:14">
      <c r="N795361" s="10"/>
    </row>
    <row r="795362" spans="14:14">
      <c r="N795362" s="10"/>
    </row>
    <row r="795363" spans="14:14">
      <c r="N795363" s="10"/>
    </row>
    <row r="795364" spans="14:14">
      <c r="N795364" s="10"/>
    </row>
    <row r="795365" spans="14:14">
      <c r="N795365" s="10"/>
    </row>
    <row r="795366" spans="14:14">
      <c r="N795366" s="10"/>
    </row>
    <row r="795367" spans="14:14">
      <c r="N795367" s="10"/>
    </row>
    <row r="795368" spans="14:14">
      <c r="N795368" s="10"/>
    </row>
    <row r="795369" spans="14:14">
      <c r="N795369" s="10"/>
    </row>
    <row r="795370" spans="14:14">
      <c r="N795370" s="10"/>
    </row>
    <row r="795371" spans="14:14">
      <c r="N795371" s="10"/>
    </row>
    <row r="795372" spans="14:14">
      <c r="N795372" s="10"/>
    </row>
    <row r="795373" spans="14:14">
      <c r="N795373" s="10"/>
    </row>
    <row r="795374" spans="14:14">
      <c r="N795374" s="10"/>
    </row>
    <row r="795375" spans="14:14">
      <c r="N795375" s="10"/>
    </row>
    <row r="795376" spans="14:14">
      <c r="N795376" s="10"/>
    </row>
    <row r="795377" spans="14:14">
      <c r="N795377" s="10"/>
    </row>
    <row r="795378" spans="14:14">
      <c r="N795378" s="10"/>
    </row>
    <row r="795379" spans="14:14">
      <c r="N795379" s="10"/>
    </row>
    <row r="795380" spans="14:14">
      <c r="N795380" s="10"/>
    </row>
    <row r="795381" spans="14:14">
      <c r="N795381" s="10"/>
    </row>
    <row r="795382" spans="14:14">
      <c r="N795382" s="10"/>
    </row>
    <row r="795383" spans="14:14">
      <c r="N795383" s="10"/>
    </row>
    <row r="795384" spans="14:14">
      <c r="N795384" s="10"/>
    </row>
    <row r="795385" spans="14:14">
      <c r="N795385" s="10"/>
    </row>
    <row r="795386" spans="14:14">
      <c r="N795386" s="10"/>
    </row>
    <row r="795387" spans="14:14">
      <c r="N795387" s="10"/>
    </row>
    <row r="795388" spans="14:14">
      <c r="N795388" s="10"/>
    </row>
    <row r="795389" spans="14:14">
      <c r="N795389" s="10"/>
    </row>
    <row r="795390" spans="14:14">
      <c r="N795390" s="10"/>
    </row>
    <row r="795391" spans="14:14">
      <c r="N795391" s="10"/>
    </row>
    <row r="795392" spans="14:14">
      <c r="N795392" s="10"/>
    </row>
    <row r="795393" spans="14:14">
      <c r="N795393" s="10"/>
    </row>
    <row r="795394" spans="14:14">
      <c r="N795394" s="10"/>
    </row>
    <row r="795395" spans="14:14">
      <c r="N795395" s="10"/>
    </row>
    <row r="795396" spans="14:14">
      <c r="N795396" s="10"/>
    </row>
    <row r="795397" spans="14:14">
      <c r="N795397" s="10"/>
    </row>
    <row r="795398" spans="14:14">
      <c r="N795398" s="10"/>
    </row>
    <row r="795399" spans="14:14">
      <c r="N795399" s="10"/>
    </row>
    <row r="795400" spans="14:14">
      <c r="N795400" s="10"/>
    </row>
    <row r="795401" spans="14:14">
      <c r="N795401" s="10"/>
    </row>
    <row r="795402" spans="14:14">
      <c r="N795402" s="10"/>
    </row>
    <row r="795403" spans="14:14">
      <c r="N795403" s="10"/>
    </row>
    <row r="795404" spans="14:14">
      <c r="N795404" s="10"/>
    </row>
    <row r="795405" spans="14:14">
      <c r="N795405" s="10"/>
    </row>
    <row r="795406" spans="14:14">
      <c r="N795406" s="10"/>
    </row>
    <row r="795407" spans="14:14">
      <c r="N795407" s="10"/>
    </row>
    <row r="795408" spans="14:14">
      <c r="N795408" s="10"/>
    </row>
    <row r="795409" spans="14:14">
      <c r="N795409" s="10"/>
    </row>
    <row r="795410" spans="14:14">
      <c r="N795410" s="10"/>
    </row>
    <row r="795411" spans="14:14">
      <c r="N795411" s="10"/>
    </row>
    <row r="795412" spans="14:14">
      <c r="N795412" s="10"/>
    </row>
    <row r="795413" spans="14:14">
      <c r="N795413" s="10"/>
    </row>
    <row r="795414" spans="14:14">
      <c r="N795414" s="10"/>
    </row>
    <row r="795415" spans="14:14">
      <c r="N795415" s="10"/>
    </row>
    <row r="795416" spans="14:14">
      <c r="N795416" s="10"/>
    </row>
    <row r="795417" spans="14:14">
      <c r="N795417" s="10"/>
    </row>
    <row r="795418" spans="14:14">
      <c r="N795418" s="10"/>
    </row>
    <row r="795419" spans="14:14">
      <c r="N795419" s="10"/>
    </row>
    <row r="795420" spans="14:14">
      <c r="N795420" s="10"/>
    </row>
    <row r="795421" spans="14:14">
      <c r="N795421" s="10"/>
    </row>
    <row r="795422" spans="14:14">
      <c r="N795422" s="10"/>
    </row>
    <row r="795423" spans="14:14">
      <c r="N795423" s="10"/>
    </row>
    <row r="795424" spans="14:14">
      <c r="N795424" s="10"/>
    </row>
    <row r="795425" spans="14:14">
      <c r="N795425" s="10"/>
    </row>
    <row r="795426" spans="14:14">
      <c r="N795426" s="10"/>
    </row>
    <row r="795427" spans="14:14">
      <c r="N795427" s="10"/>
    </row>
    <row r="795428" spans="14:14">
      <c r="N795428" s="10"/>
    </row>
    <row r="795429" spans="14:14">
      <c r="N795429" s="10"/>
    </row>
    <row r="795430" spans="14:14">
      <c r="N795430" s="10"/>
    </row>
    <row r="795431" spans="14:14">
      <c r="N795431" s="10"/>
    </row>
    <row r="795432" spans="14:14">
      <c r="N795432" s="10"/>
    </row>
    <row r="795433" spans="14:14">
      <c r="N795433" s="10"/>
    </row>
    <row r="795434" spans="14:14">
      <c r="N795434" s="10"/>
    </row>
    <row r="795435" spans="14:14">
      <c r="N795435" s="10"/>
    </row>
    <row r="795436" spans="14:14">
      <c r="N795436" s="10"/>
    </row>
    <row r="795437" spans="14:14">
      <c r="N795437" s="10"/>
    </row>
    <row r="795438" spans="14:14">
      <c r="N795438" s="10"/>
    </row>
    <row r="795439" spans="14:14">
      <c r="N795439" s="10"/>
    </row>
    <row r="795440" spans="14:14">
      <c r="N795440" s="10"/>
    </row>
    <row r="795441" spans="14:14">
      <c r="N795441" s="10"/>
    </row>
    <row r="795442" spans="14:14">
      <c r="N795442" s="10"/>
    </row>
    <row r="795443" spans="14:14">
      <c r="N795443" s="10"/>
    </row>
    <row r="795444" spans="14:14">
      <c r="N795444" s="10"/>
    </row>
    <row r="795445" spans="14:14">
      <c r="N795445" s="10"/>
    </row>
    <row r="795446" spans="14:14">
      <c r="N795446" s="10"/>
    </row>
    <row r="795447" spans="14:14">
      <c r="N795447" s="10"/>
    </row>
    <row r="795448" spans="14:14">
      <c r="N795448" s="10"/>
    </row>
    <row r="795449" spans="14:14">
      <c r="N795449" s="10"/>
    </row>
    <row r="795450" spans="14:14">
      <c r="N795450" s="10"/>
    </row>
    <row r="795451" spans="14:14">
      <c r="N795451" s="10"/>
    </row>
    <row r="795452" spans="14:14">
      <c r="N795452" s="10"/>
    </row>
    <row r="795453" spans="14:14">
      <c r="N795453" s="10"/>
    </row>
    <row r="795454" spans="14:14">
      <c r="N795454" s="10"/>
    </row>
    <row r="795455" spans="14:14">
      <c r="N795455" s="10"/>
    </row>
    <row r="795456" spans="14:14">
      <c r="N795456" s="10"/>
    </row>
    <row r="795457" spans="14:14">
      <c r="N795457" s="10"/>
    </row>
    <row r="795458" spans="14:14">
      <c r="N795458" s="10"/>
    </row>
    <row r="795459" spans="14:14">
      <c r="N795459" s="10"/>
    </row>
    <row r="795460" spans="14:14">
      <c r="N795460" s="10"/>
    </row>
    <row r="795461" spans="14:14">
      <c r="N795461" s="10"/>
    </row>
    <row r="795462" spans="14:14">
      <c r="N795462" s="10"/>
    </row>
    <row r="795463" spans="14:14">
      <c r="N795463" s="10"/>
    </row>
    <row r="795464" spans="14:14">
      <c r="N795464" s="10"/>
    </row>
    <row r="795465" spans="14:14">
      <c r="N795465" s="10"/>
    </row>
    <row r="795466" spans="14:14">
      <c r="N795466" s="10"/>
    </row>
    <row r="795467" spans="14:14">
      <c r="N795467" s="10"/>
    </row>
    <row r="795468" spans="14:14">
      <c r="N795468" s="10"/>
    </row>
    <row r="795469" spans="14:14">
      <c r="N795469" s="10"/>
    </row>
    <row r="795470" spans="14:14">
      <c r="N795470" s="10"/>
    </row>
    <row r="795471" spans="14:14">
      <c r="N795471" s="10"/>
    </row>
    <row r="795472" spans="14:14">
      <c r="N795472" s="10"/>
    </row>
    <row r="795473" spans="14:14">
      <c r="N795473" s="10"/>
    </row>
    <row r="795474" spans="14:14">
      <c r="N795474" s="10"/>
    </row>
    <row r="795475" spans="14:14">
      <c r="N795475" s="10"/>
    </row>
    <row r="795476" spans="14:14">
      <c r="N795476" s="10"/>
    </row>
    <row r="795477" spans="14:14">
      <c r="N795477" s="10"/>
    </row>
    <row r="795478" spans="14:14">
      <c r="N795478" s="10"/>
    </row>
    <row r="795479" spans="14:14">
      <c r="N795479" s="10"/>
    </row>
    <row r="795480" spans="14:14">
      <c r="N795480" s="10"/>
    </row>
    <row r="795481" spans="14:14">
      <c r="N795481" s="10"/>
    </row>
    <row r="795482" spans="14:14">
      <c r="N795482" s="10"/>
    </row>
    <row r="795483" spans="14:14">
      <c r="N795483" s="10"/>
    </row>
    <row r="795484" spans="14:14">
      <c r="N795484" s="10"/>
    </row>
    <row r="795485" spans="14:14">
      <c r="N795485" s="10"/>
    </row>
    <row r="795486" spans="14:14">
      <c r="N795486" s="10"/>
    </row>
    <row r="795487" spans="14:14">
      <c r="N795487" s="10"/>
    </row>
    <row r="795488" spans="14:14">
      <c r="N795488" s="10"/>
    </row>
    <row r="795489" spans="14:14">
      <c r="N795489" s="10"/>
    </row>
    <row r="795490" spans="14:14">
      <c r="N795490" s="10"/>
    </row>
    <row r="795491" spans="14:14">
      <c r="N795491" s="10"/>
    </row>
    <row r="795492" spans="14:14">
      <c r="N795492" s="10"/>
    </row>
    <row r="795493" spans="14:14">
      <c r="N795493" s="10"/>
    </row>
    <row r="795494" spans="14:14">
      <c r="N795494" s="10"/>
    </row>
    <row r="795495" spans="14:14">
      <c r="N795495" s="10"/>
    </row>
    <row r="795496" spans="14:14">
      <c r="N795496" s="10"/>
    </row>
    <row r="795497" spans="14:14">
      <c r="N795497" s="10"/>
    </row>
    <row r="795498" spans="14:14">
      <c r="N795498" s="10"/>
    </row>
    <row r="795499" spans="14:14">
      <c r="N795499" s="10"/>
    </row>
    <row r="795500" spans="14:14">
      <c r="N795500" s="10"/>
    </row>
    <row r="795501" spans="14:14">
      <c r="N795501" s="10"/>
    </row>
    <row r="795502" spans="14:14">
      <c r="N795502" s="10"/>
    </row>
    <row r="795503" spans="14:14">
      <c r="N795503" s="10"/>
    </row>
    <row r="795504" spans="14:14">
      <c r="N795504" s="10"/>
    </row>
    <row r="795505" spans="14:14">
      <c r="N795505" s="10"/>
    </row>
    <row r="795506" spans="14:14">
      <c r="N795506" s="10"/>
    </row>
    <row r="795507" spans="14:14">
      <c r="N795507" s="10"/>
    </row>
    <row r="795508" spans="14:14">
      <c r="N795508" s="10"/>
    </row>
    <row r="795509" spans="14:14">
      <c r="N795509" s="10"/>
    </row>
    <row r="795510" spans="14:14">
      <c r="N795510" s="10"/>
    </row>
    <row r="795511" spans="14:14">
      <c r="N795511" s="10"/>
    </row>
    <row r="795512" spans="14:14">
      <c r="N795512" s="10"/>
    </row>
    <row r="795513" spans="14:14">
      <c r="N795513" s="10"/>
    </row>
    <row r="795514" spans="14:14">
      <c r="N795514" s="10"/>
    </row>
    <row r="795515" spans="14:14">
      <c r="N795515" s="10"/>
    </row>
    <row r="795516" spans="14:14">
      <c r="N795516" s="10"/>
    </row>
    <row r="795517" spans="14:14">
      <c r="N795517" s="10"/>
    </row>
    <row r="795518" spans="14:14">
      <c r="N795518" s="10"/>
    </row>
    <row r="795519" spans="14:14">
      <c r="N795519" s="10"/>
    </row>
    <row r="795520" spans="14:14">
      <c r="N795520" s="10"/>
    </row>
    <row r="795521" spans="14:14">
      <c r="N795521" s="10"/>
    </row>
    <row r="795522" spans="14:14">
      <c r="N795522" s="10"/>
    </row>
    <row r="795523" spans="14:14">
      <c r="N795523" s="10"/>
    </row>
    <row r="795524" spans="14:14">
      <c r="N795524" s="10"/>
    </row>
    <row r="795525" spans="14:14">
      <c r="N795525" s="10"/>
    </row>
    <row r="795526" spans="14:14">
      <c r="N795526" s="10"/>
    </row>
    <row r="795527" spans="14:14">
      <c r="N795527" s="10"/>
    </row>
    <row r="795528" spans="14:14">
      <c r="N795528" s="10"/>
    </row>
    <row r="795529" spans="14:14">
      <c r="N795529" s="10"/>
    </row>
    <row r="795530" spans="14:14">
      <c r="N795530" s="10"/>
    </row>
    <row r="795531" spans="14:14">
      <c r="N795531" s="10"/>
    </row>
    <row r="795532" spans="14:14">
      <c r="N795532" s="10"/>
    </row>
    <row r="795533" spans="14:14">
      <c r="N795533" s="10"/>
    </row>
    <row r="795534" spans="14:14">
      <c r="N795534" s="10"/>
    </row>
    <row r="795535" spans="14:14">
      <c r="N795535" s="10"/>
    </row>
    <row r="795536" spans="14:14">
      <c r="N795536" s="10"/>
    </row>
    <row r="795537" spans="14:14">
      <c r="N795537" s="10"/>
    </row>
    <row r="795538" spans="14:14">
      <c r="N795538" s="10"/>
    </row>
    <row r="795539" spans="14:14">
      <c r="N795539" s="10"/>
    </row>
    <row r="795540" spans="14:14">
      <c r="N795540" s="10"/>
    </row>
    <row r="795541" spans="14:14">
      <c r="N795541" s="10"/>
    </row>
    <row r="795542" spans="14:14">
      <c r="N795542" s="10"/>
    </row>
    <row r="795543" spans="14:14">
      <c r="N795543" s="10"/>
    </row>
    <row r="795544" spans="14:14">
      <c r="N795544" s="10"/>
    </row>
    <row r="795545" spans="14:14">
      <c r="N795545" s="10"/>
    </row>
    <row r="795546" spans="14:14">
      <c r="N795546" s="10"/>
    </row>
    <row r="795547" spans="14:14">
      <c r="N795547" s="10"/>
    </row>
    <row r="795548" spans="14:14">
      <c r="N795548" s="10"/>
    </row>
    <row r="795549" spans="14:14">
      <c r="N795549" s="10"/>
    </row>
    <row r="795550" spans="14:14">
      <c r="N795550" s="10"/>
    </row>
    <row r="795551" spans="14:14">
      <c r="N795551" s="10"/>
    </row>
    <row r="795552" spans="14:14">
      <c r="N795552" s="10"/>
    </row>
    <row r="795553" spans="14:14">
      <c r="N795553" s="10"/>
    </row>
    <row r="795554" spans="14:14">
      <c r="N795554" s="10"/>
    </row>
    <row r="795555" spans="14:14">
      <c r="N795555" s="10"/>
    </row>
    <row r="795556" spans="14:14">
      <c r="N795556" s="10"/>
    </row>
    <row r="795557" spans="14:14">
      <c r="N795557" s="10"/>
    </row>
    <row r="795558" spans="14:14">
      <c r="N795558" s="10"/>
    </row>
    <row r="795559" spans="14:14">
      <c r="N795559" s="10"/>
    </row>
    <row r="795560" spans="14:14">
      <c r="N795560" s="10"/>
    </row>
    <row r="795561" spans="14:14">
      <c r="N795561" s="10"/>
    </row>
    <row r="795562" spans="14:14">
      <c r="N795562" s="10"/>
    </row>
    <row r="795563" spans="14:14">
      <c r="N795563" s="10"/>
    </row>
    <row r="795564" spans="14:14">
      <c r="N795564" s="10"/>
    </row>
    <row r="795565" spans="14:14">
      <c r="N795565" s="10"/>
    </row>
    <row r="795566" spans="14:14">
      <c r="N795566" s="10"/>
    </row>
    <row r="795567" spans="14:14">
      <c r="N795567" s="10"/>
    </row>
    <row r="795568" spans="14:14">
      <c r="N795568" s="10"/>
    </row>
    <row r="795569" spans="14:14">
      <c r="N795569" s="10"/>
    </row>
    <row r="795570" spans="14:14">
      <c r="N795570" s="10"/>
    </row>
    <row r="795571" spans="14:14">
      <c r="N795571" s="10"/>
    </row>
    <row r="795572" spans="14:14">
      <c r="N795572" s="10"/>
    </row>
    <row r="795573" spans="14:14">
      <c r="N795573" s="10"/>
    </row>
    <row r="795574" spans="14:14">
      <c r="N795574" s="10"/>
    </row>
    <row r="795575" spans="14:14">
      <c r="N795575" s="10"/>
    </row>
    <row r="795576" spans="14:14">
      <c r="N795576" s="10"/>
    </row>
    <row r="795577" spans="14:14">
      <c r="N795577" s="10"/>
    </row>
    <row r="795578" spans="14:14">
      <c r="N795578" s="10"/>
    </row>
    <row r="795579" spans="14:14">
      <c r="N795579" s="10"/>
    </row>
    <row r="795580" spans="14:14">
      <c r="N795580" s="10"/>
    </row>
    <row r="795581" spans="14:14">
      <c r="N795581" s="10"/>
    </row>
    <row r="795582" spans="14:14">
      <c r="N795582" s="10"/>
    </row>
    <row r="795583" spans="14:14">
      <c r="N795583" s="10"/>
    </row>
    <row r="795584" spans="14:14">
      <c r="N795584" s="10"/>
    </row>
    <row r="795585" spans="14:14">
      <c r="N795585" s="10"/>
    </row>
    <row r="795586" spans="14:14">
      <c r="N795586" s="10"/>
    </row>
    <row r="795587" spans="14:14">
      <c r="N795587" s="10"/>
    </row>
    <row r="795588" spans="14:14">
      <c r="N795588" s="10"/>
    </row>
    <row r="795589" spans="14:14">
      <c r="N795589" s="10"/>
    </row>
    <row r="795590" spans="14:14">
      <c r="N795590" s="10"/>
    </row>
    <row r="795591" spans="14:14">
      <c r="N795591" s="10"/>
    </row>
    <row r="795592" spans="14:14">
      <c r="N795592" s="10"/>
    </row>
    <row r="795593" spans="14:14">
      <c r="N795593" s="10"/>
    </row>
    <row r="795594" spans="14:14">
      <c r="N795594" s="10"/>
    </row>
    <row r="795595" spans="14:14">
      <c r="N795595" s="10"/>
    </row>
    <row r="795596" spans="14:14">
      <c r="N795596" s="10"/>
    </row>
    <row r="795597" spans="14:14">
      <c r="N795597" s="10"/>
    </row>
    <row r="795598" spans="14:14">
      <c r="N795598" s="10"/>
    </row>
    <row r="795599" spans="14:14">
      <c r="N795599" s="10"/>
    </row>
    <row r="795600" spans="14:14">
      <c r="N795600" s="10"/>
    </row>
    <row r="795601" spans="14:14">
      <c r="N795601" s="10"/>
    </row>
    <row r="795602" spans="14:14">
      <c r="N795602" s="10"/>
    </row>
    <row r="795603" spans="14:14">
      <c r="N795603" s="10"/>
    </row>
    <row r="795604" spans="14:14">
      <c r="N795604" s="10"/>
    </row>
    <row r="795605" spans="14:14">
      <c r="N795605" s="10"/>
    </row>
    <row r="795606" spans="14:14">
      <c r="N795606" s="10"/>
    </row>
    <row r="795607" spans="14:14">
      <c r="N795607" s="10"/>
    </row>
    <row r="795608" spans="14:14">
      <c r="N795608" s="10"/>
    </row>
    <row r="795609" spans="14:14">
      <c r="N795609" s="10"/>
    </row>
    <row r="795610" spans="14:14">
      <c r="N795610" s="10"/>
    </row>
    <row r="795611" spans="14:14">
      <c r="N795611" s="10"/>
    </row>
    <row r="795612" spans="14:14">
      <c r="N795612" s="10"/>
    </row>
    <row r="795613" spans="14:14">
      <c r="N795613" s="10"/>
    </row>
    <row r="795614" spans="14:14">
      <c r="N795614" s="10"/>
    </row>
    <row r="795615" spans="14:14">
      <c r="N795615" s="10"/>
    </row>
    <row r="795616" spans="14:14">
      <c r="N795616" s="10"/>
    </row>
    <row r="795617" spans="14:14">
      <c r="N795617" s="10"/>
    </row>
    <row r="795618" spans="14:14">
      <c r="N795618" s="10"/>
    </row>
    <row r="795619" spans="14:14">
      <c r="N795619" s="10"/>
    </row>
    <row r="795620" spans="14:14">
      <c r="N795620" s="10"/>
    </row>
    <row r="795621" spans="14:14">
      <c r="N795621" s="10"/>
    </row>
    <row r="795622" spans="14:14">
      <c r="N795622" s="10"/>
    </row>
    <row r="795623" spans="14:14">
      <c r="N795623" s="10"/>
    </row>
    <row r="795624" spans="14:14">
      <c r="N795624" s="10"/>
    </row>
    <row r="795625" spans="14:14">
      <c r="N795625" s="10"/>
    </row>
    <row r="795626" spans="14:14">
      <c r="N795626" s="10"/>
    </row>
    <row r="795627" spans="14:14">
      <c r="N795627" s="10"/>
    </row>
    <row r="795628" spans="14:14">
      <c r="N795628" s="10"/>
    </row>
    <row r="795629" spans="14:14">
      <c r="N795629" s="10"/>
    </row>
    <row r="795630" spans="14:14">
      <c r="N795630" s="10"/>
    </row>
    <row r="795631" spans="14:14">
      <c r="N795631" s="10"/>
    </row>
    <row r="795632" spans="14:14">
      <c r="N795632" s="10"/>
    </row>
    <row r="795633" spans="14:14">
      <c r="N795633" s="10"/>
    </row>
    <row r="795634" spans="14:14">
      <c r="N795634" s="10"/>
    </row>
    <row r="795635" spans="14:14">
      <c r="N795635" s="10"/>
    </row>
    <row r="795636" spans="14:14">
      <c r="N795636" s="10"/>
    </row>
    <row r="795637" spans="14:14">
      <c r="N795637" s="10"/>
    </row>
    <row r="795638" spans="14:14">
      <c r="N795638" s="10"/>
    </row>
    <row r="795639" spans="14:14">
      <c r="N795639" s="10"/>
    </row>
    <row r="795640" spans="14:14">
      <c r="N795640" s="10"/>
    </row>
    <row r="795641" spans="14:14">
      <c r="N795641" s="10"/>
    </row>
    <row r="795642" spans="14:14">
      <c r="N795642" s="10"/>
    </row>
    <row r="795643" spans="14:14">
      <c r="N795643" s="10"/>
    </row>
    <row r="795644" spans="14:14">
      <c r="N795644" s="10"/>
    </row>
    <row r="795645" spans="14:14">
      <c r="N795645" s="10"/>
    </row>
    <row r="795646" spans="14:14">
      <c r="N795646" s="10"/>
    </row>
    <row r="795647" spans="14:14">
      <c r="N795647" s="10"/>
    </row>
    <row r="795648" spans="14:14">
      <c r="N795648" s="10"/>
    </row>
    <row r="795649" spans="14:14">
      <c r="N795649" s="10"/>
    </row>
    <row r="795650" spans="14:14">
      <c r="N795650" s="10"/>
    </row>
    <row r="795651" spans="14:14">
      <c r="N795651" s="10"/>
    </row>
    <row r="795652" spans="14:14">
      <c r="N795652" s="10"/>
    </row>
    <row r="795653" spans="14:14">
      <c r="N795653" s="10"/>
    </row>
    <row r="795654" spans="14:14">
      <c r="N795654" s="10"/>
    </row>
    <row r="795655" spans="14:14">
      <c r="N795655" s="10"/>
    </row>
    <row r="795656" spans="14:14">
      <c r="N795656" s="10"/>
    </row>
    <row r="795657" spans="14:14">
      <c r="N795657" s="10"/>
    </row>
    <row r="795658" spans="14:14">
      <c r="N795658" s="10"/>
    </row>
    <row r="795659" spans="14:14">
      <c r="N795659" s="10"/>
    </row>
    <row r="795660" spans="14:14">
      <c r="N795660" s="10"/>
    </row>
    <row r="795661" spans="14:14">
      <c r="N795661" s="10"/>
    </row>
    <row r="795662" spans="14:14">
      <c r="N795662" s="10"/>
    </row>
    <row r="795663" spans="14:14">
      <c r="N795663" s="10"/>
    </row>
    <row r="795664" spans="14:14">
      <c r="N795664" s="10"/>
    </row>
    <row r="795665" spans="14:14">
      <c r="N795665" s="10"/>
    </row>
    <row r="795666" spans="14:14">
      <c r="N795666" s="10"/>
    </row>
    <row r="795667" spans="14:14">
      <c r="N795667" s="10"/>
    </row>
    <row r="795668" spans="14:14">
      <c r="N795668" s="10"/>
    </row>
    <row r="795669" spans="14:14">
      <c r="N795669" s="10"/>
    </row>
    <row r="795670" spans="14:14">
      <c r="N795670" s="10"/>
    </row>
    <row r="795671" spans="14:14">
      <c r="N795671" s="10"/>
    </row>
    <row r="795672" spans="14:14">
      <c r="N795672" s="10"/>
    </row>
    <row r="795673" spans="14:14">
      <c r="N795673" s="10"/>
    </row>
    <row r="795674" spans="14:14">
      <c r="N795674" s="10"/>
    </row>
    <row r="795675" spans="14:14">
      <c r="N795675" s="10"/>
    </row>
    <row r="795676" spans="14:14">
      <c r="N795676" s="10"/>
    </row>
    <row r="795677" spans="14:14">
      <c r="N795677" s="10"/>
    </row>
    <row r="795678" spans="14:14">
      <c r="N795678" s="10"/>
    </row>
    <row r="795679" spans="14:14">
      <c r="N795679" s="10"/>
    </row>
    <row r="795680" spans="14:14">
      <c r="N795680" s="10"/>
    </row>
    <row r="795681" spans="14:14">
      <c r="N795681" s="10"/>
    </row>
    <row r="795682" spans="14:14">
      <c r="N795682" s="10"/>
    </row>
    <row r="795683" spans="14:14">
      <c r="N795683" s="10"/>
    </row>
    <row r="795684" spans="14:14">
      <c r="N795684" s="10"/>
    </row>
    <row r="795685" spans="14:14">
      <c r="N795685" s="10"/>
    </row>
    <row r="795686" spans="14:14">
      <c r="N795686" s="10"/>
    </row>
    <row r="795687" spans="14:14">
      <c r="N795687" s="10"/>
    </row>
    <row r="795688" spans="14:14">
      <c r="N795688" s="10"/>
    </row>
    <row r="795689" spans="14:14">
      <c r="N795689" s="10"/>
    </row>
    <row r="795690" spans="14:14">
      <c r="N795690" s="10"/>
    </row>
    <row r="795691" spans="14:14">
      <c r="N795691" s="10"/>
    </row>
    <row r="795692" spans="14:14">
      <c r="N795692" s="10"/>
    </row>
    <row r="795693" spans="14:14">
      <c r="N795693" s="10"/>
    </row>
    <row r="795694" spans="14:14">
      <c r="N795694" s="10"/>
    </row>
    <row r="795695" spans="14:14">
      <c r="N795695" s="10"/>
    </row>
    <row r="795696" spans="14:14">
      <c r="N795696" s="10"/>
    </row>
    <row r="795697" spans="14:14">
      <c r="N795697" s="10"/>
    </row>
    <row r="795698" spans="14:14">
      <c r="N795698" s="10"/>
    </row>
    <row r="795699" spans="14:14">
      <c r="N795699" s="10"/>
    </row>
    <row r="795700" spans="14:14">
      <c r="N795700" s="10"/>
    </row>
    <row r="795701" spans="14:14">
      <c r="N795701" s="10"/>
    </row>
    <row r="795702" spans="14:14">
      <c r="N795702" s="10"/>
    </row>
    <row r="795703" spans="14:14">
      <c r="N795703" s="10"/>
    </row>
    <row r="795704" spans="14:14">
      <c r="N795704" s="10"/>
    </row>
    <row r="795705" spans="14:14">
      <c r="N795705" s="10"/>
    </row>
    <row r="795706" spans="14:14">
      <c r="N795706" s="10"/>
    </row>
    <row r="795707" spans="14:14">
      <c r="N795707" s="10"/>
    </row>
    <row r="795708" spans="14:14">
      <c r="N795708" s="10"/>
    </row>
    <row r="795709" spans="14:14">
      <c r="N795709" s="10"/>
    </row>
    <row r="795710" spans="14:14">
      <c r="N795710" s="10"/>
    </row>
    <row r="795711" spans="14:14">
      <c r="N795711" s="10"/>
    </row>
    <row r="795712" spans="14:14">
      <c r="N795712" s="10"/>
    </row>
    <row r="795713" spans="14:14">
      <c r="N795713" s="10"/>
    </row>
    <row r="795714" spans="14:14">
      <c r="N795714" s="10"/>
    </row>
    <row r="795715" spans="14:14">
      <c r="N795715" s="10"/>
    </row>
    <row r="795716" spans="14:14">
      <c r="N795716" s="10"/>
    </row>
    <row r="795717" spans="14:14">
      <c r="N795717" s="10"/>
    </row>
    <row r="795718" spans="14:14">
      <c r="N795718" s="10"/>
    </row>
    <row r="795719" spans="14:14">
      <c r="N795719" s="10"/>
    </row>
    <row r="795720" spans="14:14">
      <c r="N795720" s="10"/>
    </row>
    <row r="795721" spans="14:14">
      <c r="N795721" s="10"/>
    </row>
    <row r="795722" spans="14:14">
      <c r="N795722" s="10"/>
    </row>
    <row r="795723" spans="14:14">
      <c r="N795723" s="10"/>
    </row>
    <row r="795724" spans="14:14">
      <c r="N795724" s="10"/>
    </row>
    <row r="795725" spans="14:14">
      <c r="N795725" s="10"/>
    </row>
    <row r="795726" spans="14:14">
      <c r="N795726" s="10"/>
    </row>
    <row r="795727" spans="14:14">
      <c r="N795727" s="10"/>
    </row>
    <row r="795728" spans="14:14">
      <c r="N795728" s="10"/>
    </row>
    <row r="795729" spans="14:14">
      <c r="N795729" s="10"/>
    </row>
    <row r="795730" spans="14:14">
      <c r="N795730" s="10"/>
    </row>
    <row r="795731" spans="14:14">
      <c r="N795731" s="10"/>
    </row>
    <row r="795732" spans="14:14">
      <c r="N795732" s="10"/>
    </row>
    <row r="795733" spans="14:14">
      <c r="N795733" s="10"/>
    </row>
    <row r="795734" spans="14:14">
      <c r="N795734" s="10"/>
    </row>
    <row r="795735" spans="14:14">
      <c r="N795735" s="10"/>
    </row>
    <row r="795736" spans="14:14">
      <c r="N795736" s="10"/>
    </row>
    <row r="795737" spans="14:14">
      <c r="N795737" s="10"/>
    </row>
    <row r="795738" spans="14:14">
      <c r="N795738" s="10"/>
    </row>
    <row r="795739" spans="14:14">
      <c r="N795739" s="10"/>
    </row>
    <row r="795740" spans="14:14">
      <c r="N795740" s="10"/>
    </row>
    <row r="795741" spans="14:14">
      <c r="N795741" s="10"/>
    </row>
    <row r="795742" spans="14:14">
      <c r="N795742" s="10"/>
    </row>
    <row r="795743" spans="14:14">
      <c r="N795743" s="10"/>
    </row>
    <row r="795744" spans="14:14">
      <c r="N795744" s="10"/>
    </row>
    <row r="795745" spans="14:14">
      <c r="N795745" s="10"/>
    </row>
    <row r="795746" spans="14:14">
      <c r="N795746" s="10"/>
    </row>
    <row r="795747" spans="14:14">
      <c r="N795747" s="10"/>
    </row>
    <row r="795748" spans="14:14">
      <c r="N795748" s="10"/>
    </row>
    <row r="795749" spans="14:14">
      <c r="N795749" s="10"/>
    </row>
    <row r="795750" spans="14:14">
      <c r="N795750" s="10"/>
    </row>
    <row r="795751" spans="14:14">
      <c r="N795751" s="10"/>
    </row>
    <row r="795752" spans="14:14">
      <c r="N795752" s="10"/>
    </row>
    <row r="795753" spans="14:14">
      <c r="N795753" s="10"/>
    </row>
    <row r="795754" spans="14:14">
      <c r="N795754" s="10"/>
    </row>
    <row r="795755" spans="14:14">
      <c r="N795755" s="10"/>
    </row>
    <row r="795756" spans="14:14">
      <c r="N795756" s="10"/>
    </row>
    <row r="795757" spans="14:14">
      <c r="N795757" s="10"/>
    </row>
    <row r="795758" spans="14:14">
      <c r="N795758" s="10"/>
    </row>
    <row r="795759" spans="14:14">
      <c r="N795759" s="10"/>
    </row>
    <row r="795760" spans="14:14">
      <c r="N795760" s="10"/>
    </row>
    <row r="795761" spans="14:14">
      <c r="N795761" s="10"/>
    </row>
    <row r="795762" spans="14:14">
      <c r="N795762" s="10"/>
    </row>
    <row r="795763" spans="14:14">
      <c r="N795763" s="10"/>
    </row>
    <row r="795764" spans="14:14">
      <c r="N795764" s="10"/>
    </row>
    <row r="795765" spans="14:14">
      <c r="N795765" s="10"/>
    </row>
    <row r="795766" spans="14:14">
      <c r="N795766" s="10"/>
    </row>
    <row r="795767" spans="14:14">
      <c r="N795767" s="10"/>
    </row>
    <row r="795768" spans="14:14">
      <c r="N795768" s="10"/>
    </row>
    <row r="795769" spans="14:14">
      <c r="N795769" s="10"/>
    </row>
    <row r="795770" spans="14:14">
      <c r="N795770" s="10"/>
    </row>
    <row r="795771" spans="14:14">
      <c r="N795771" s="10"/>
    </row>
    <row r="795772" spans="14:14">
      <c r="N795772" s="10"/>
    </row>
    <row r="795773" spans="14:14">
      <c r="N795773" s="10"/>
    </row>
    <row r="795774" spans="14:14">
      <c r="N795774" s="10"/>
    </row>
    <row r="795775" spans="14:14">
      <c r="N795775" s="10"/>
    </row>
    <row r="795776" spans="14:14">
      <c r="N795776" s="10"/>
    </row>
    <row r="795777" spans="14:14">
      <c r="N795777" s="10"/>
    </row>
    <row r="795778" spans="14:14">
      <c r="N795778" s="10"/>
    </row>
    <row r="795779" spans="14:14">
      <c r="N795779" s="10"/>
    </row>
    <row r="795780" spans="14:14">
      <c r="N795780" s="10"/>
    </row>
    <row r="795781" spans="14:14">
      <c r="N795781" s="10"/>
    </row>
    <row r="795782" spans="14:14">
      <c r="N795782" s="10"/>
    </row>
    <row r="795783" spans="14:14">
      <c r="N795783" s="10"/>
    </row>
    <row r="795784" spans="14:14">
      <c r="N795784" s="10"/>
    </row>
    <row r="795785" spans="14:14">
      <c r="N795785" s="10"/>
    </row>
    <row r="795786" spans="14:14">
      <c r="N795786" s="10"/>
    </row>
    <row r="795787" spans="14:14">
      <c r="N795787" s="10"/>
    </row>
    <row r="795788" spans="14:14">
      <c r="N795788" s="10"/>
    </row>
    <row r="795789" spans="14:14">
      <c r="N795789" s="10"/>
    </row>
    <row r="795790" spans="14:14">
      <c r="N795790" s="10"/>
    </row>
    <row r="795791" spans="14:14">
      <c r="N795791" s="10"/>
    </row>
    <row r="795792" spans="14:14">
      <c r="N795792" s="10"/>
    </row>
    <row r="795793" spans="14:14">
      <c r="N795793" s="10"/>
    </row>
    <row r="795794" spans="14:14">
      <c r="N795794" s="10"/>
    </row>
    <row r="795795" spans="14:14">
      <c r="N795795" s="10"/>
    </row>
    <row r="795796" spans="14:14">
      <c r="N795796" s="10"/>
    </row>
    <row r="795797" spans="14:14">
      <c r="N795797" s="10"/>
    </row>
    <row r="795798" spans="14:14">
      <c r="N795798" s="10"/>
    </row>
    <row r="795799" spans="14:14">
      <c r="N795799" s="10"/>
    </row>
    <row r="795800" spans="14:14">
      <c r="N795800" s="10"/>
    </row>
    <row r="795801" spans="14:14">
      <c r="N795801" s="10"/>
    </row>
    <row r="795802" spans="14:14">
      <c r="N795802" s="10"/>
    </row>
    <row r="795803" spans="14:14">
      <c r="N795803" s="10"/>
    </row>
    <row r="795804" spans="14:14">
      <c r="N795804" s="10"/>
    </row>
    <row r="795805" spans="14:14">
      <c r="N795805" s="10"/>
    </row>
    <row r="795806" spans="14:14">
      <c r="N795806" s="10"/>
    </row>
    <row r="795807" spans="14:14">
      <c r="N795807" s="10"/>
    </row>
    <row r="795808" spans="14:14">
      <c r="N795808" s="10"/>
    </row>
    <row r="795809" spans="14:14">
      <c r="N795809" s="10"/>
    </row>
    <row r="795810" spans="14:14">
      <c r="N795810" s="10"/>
    </row>
    <row r="795811" spans="14:14">
      <c r="N795811" s="10"/>
    </row>
    <row r="795812" spans="14:14">
      <c r="N795812" s="10"/>
    </row>
    <row r="795813" spans="14:14">
      <c r="N795813" s="10"/>
    </row>
    <row r="795814" spans="14:14">
      <c r="N795814" s="10"/>
    </row>
    <row r="795815" spans="14:14">
      <c r="N795815" s="10"/>
    </row>
    <row r="795816" spans="14:14">
      <c r="N795816" s="10"/>
    </row>
    <row r="795817" spans="14:14">
      <c r="N795817" s="10"/>
    </row>
    <row r="795818" spans="14:14">
      <c r="N795818" s="10"/>
    </row>
    <row r="795819" spans="14:14">
      <c r="N795819" s="10"/>
    </row>
    <row r="795820" spans="14:14">
      <c r="N795820" s="10"/>
    </row>
    <row r="795821" spans="14:14">
      <c r="N795821" s="10"/>
    </row>
    <row r="795822" spans="14:14">
      <c r="N795822" s="10"/>
    </row>
    <row r="795823" spans="14:14">
      <c r="N795823" s="10"/>
    </row>
    <row r="795824" spans="14:14">
      <c r="N795824" s="10"/>
    </row>
    <row r="795825" spans="14:14">
      <c r="N795825" s="10"/>
    </row>
    <row r="795826" spans="14:14">
      <c r="N795826" s="10"/>
    </row>
    <row r="795827" spans="14:14">
      <c r="N795827" s="10"/>
    </row>
    <row r="795828" spans="14:14">
      <c r="N795828" s="10"/>
    </row>
    <row r="795829" spans="14:14">
      <c r="N795829" s="10"/>
    </row>
    <row r="795830" spans="14:14">
      <c r="N795830" s="10"/>
    </row>
    <row r="795831" spans="14:14">
      <c r="N795831" s="10"/>
    </row>
    <row r="795832" spans="14:14">
      <c r="N795832" s="10"/>
    </row>
    <row r="795833" spans="14:14">
      <c r="N795833" s="10"/>
    </row>
    <row r="795834" spans="14:14">
      <c r="N795834" s="10"/>
    </row>
    <row r="795835" spans="14:14">
      <c r="N795835" s="10"/>
    </row>
    <row r="795836" spans="14:14">
      <c r="N795836" s="10"/>
    </row>
    <row r="795837" spans="14:14">
      <c r="N795837" s="10"/>
    </row>
    <row r="795838" spans="14:14">
      <c r="N795838" s="10"/>
    </row>
    <row r="795839" spans="14:14">
      <c r="N795839" s="10"/>
    </row>
    <row r="795840" spans="14:14">
      <c r="N795840" s="10"/>
    </row>
    <row r="795841" spans="14:14">
      <c r="N795841" s="10"/>
    </row>
    <row r="795842" spans="14:14">
      <c r="N795842" s="10"/>
    </row>
    <row r="795843" spans="14:14">
      <c r="N795843" s="10"/>
    </row>
    <row r="795844" spans="14:14">
      <c r="N795844" s="10"/>
    </row>
    <row r="795845" spans="14:14">
      <c r="N795845" s="10"/>
    </row>
    <row r="795846" spans="14:14">
      <c r="N795846" s="10"/>
    </row>
    <row r="795847" spans="14:14">
      <c r="N795847" s="10"/>
    </row>
    <row r="795848" spans="14:14">
      <c r="N795848" s="10"/>
    </row>
    <row r="795849" spans="14:14">
      <c r="N795849" s="10"/>
    </row>
    <row r="795850" spans="14:14">
      <c r="N795850" s="10"/>
    </row>
    <row r="795851" spans="14:14">
      <c r="N795851" s="10"/>
    </row>
    <row r="795852" spans="14:14">
      <c r="N795852" s="10"/>
    </row>
    <row r="795853" spans="14:14">
      <c r="N795853" s="10"/>
    </row>
    <row r="795854" spans="14:14">
      <c r="N795854" s="10"/>
    </row>
    <row r="795855" spans="14:14">
      <c r="N795855" s="10"/>
    </row>
    <row r="795856" spans="14:14">
      <c r="N795856" s="10"/>
    </row>
    <row r="795857" spans="14:14">
      <c r="N795857" s="10"/>
    </row>
    <row r="795858" spans="14:14">
      <c r="N795858" s="10"/>
    </row>
    <row r="795859" spans="14:14">
      <c r="N795859" s="10"/>
    </row>
    <row r="795860" spans="14:14">
      <c r="N795860" s="10"/>
    </row>
    <row r="795861" spans="14:14">
      <c r="N795861" s="10"/>
    </row>
    <row r="795862" spans="14:14">
      <c r="N795862" s="10"/>
    </row>
    <row r="795863" spans="14:14">
      <c r="N795863" s="10"/>
    </row>
    <row r="795864" spans="14:14">
      <c r="N795864" s="10"/>
    </row>
    <row r="795865" spans="14:14">
      <c r="N795865" s="10"/>
    </row>
    <row r="795866" spans="14:14">
      <c r="N795866" s="10"/>
    </row>
    <row r="795867" spans="14:14">
      <c r="N795867" s="10"/>
    </row>
    <row r="795868" spans="14:14">
      <c r="N795868" s="10"/>
    </row>
    <row r="795869" spans="14:14">
      <c r="N795869" s="10"/>
    </row>
    <row r="795870" spans="14:14">
      <c r="N795870" s="10"/>
    </row>
    <row r="795871" spans="14:14">
      <c r="N795871" s="10"/>
    </row>
    <row r="795872" spans="14:14">
      <c r="N795872" s="10"/>
    </row>
    <row r="795873" spans="14:14">
      <c r="N795873" s="10"/>
    </row>
    <row r="795874" spans="14:14">
      <c r="N795874" s="10"/>
    </row>
    <row r="795875" spans="14:14">
      <c r="N795875" s="10"/>
    </row>
    <row r="795876" spans="14:14">
      <c r="N795876" s="10"/>
    </row>
    <row r="795877" spans="14:14">
      <c r="N795877" s="10"/>
    </row>
    <row r="795878" spans="14:14">
      <c r="N795878" s="10"/>
    </row>
    <row r="795879" spans="14:14">
      <c r="N795879" s="10"/>
    </row>
    <row r="795880" spans="14:14">
      <c r="N795880" s="10"/>
    </row>
    <row r="795881" spans="14:14">
      <c r="N795881" s="10"/>
    </row>
    <row r="795882" spans="14:14">
      <c r="N795882" s="10"/>
    </row>
    <row r="795883" spans="14:14">
      <c r="N795883" s="10"/>
    </row>
    <row r="795884" spans="14:14">
      <c r="N795884" s="10"/>
    </row>
    <row r="795885" spans="14:14">
      <c r="N795885" s="10"/>
    </row>
    <row r="795886" spans="14:14">
      <c r="N795886" s="10"/>
    </row>
    <row r="795887" spans="14:14">
      <c r="N795887" s="10"/>
    </row>
    <row r="795888" spans="14:14">
      <c r="N795888" s="10"/>
    </row>
    <row r="795889" spans="14:14">
      <c r="N795889" s="10"/>
    </row>
    <row r="795890" spans="14:14">
      <c r="N795890" s="10"/>
    </row>
    <row r="795891" spans="14:14">
      <c r="N795891" s="10"/>
    </row>
    <row r="795892" spans="14:14">
      <c r="N795892" s="10"/>
    </row>
    <row r="795893" spans="14:14">
      <c r="N795893" s="10"/>
    </row>
    <row r="795894" spans="14:14">
      <c r="N795894" s="10"/>
    </row>
    <row r="795895" spans="14:14">
      <c r="N795895" s="10"/>
    </row>
    <row r="795896" spans="14:14">
      <c r="N795896" s="10"/>
    </row>
    <row r="795897" spans="14:14">
      <c r="N795897" s="10"/>
    </row>
    <row r="795898" spans="14:14">
      <c r="N795898" s="10"/>
    </row>
    <row r="795899" spans="14:14">
      <c r="N795899" s="10"/>
    </row>
    <row r="795900" spans="14:14">
      <c r="N795900" s="10"/>
    </row>
    <row r="795901" spans="14:14">
      <c r="N795901" s="10"/>
    </row>
    <row r="795902" spans="14:14">
      <c r="N795902" s="10"/>
    </row>
    <row r="795903" spans="14:14">
      <c r="N795903" s="10"/>
    </row>
    <row r="795904" spans="14:14">
      <c r="N795904" s="10"/>
    </row>
    <row r="795905" spans="14:14">
      <c r="N795905" s="10"/>
    </row>
    <row r="795906" spans="14:14">
      <c r="N795906" s="10"/>
    </row>
    <row r="795907" spans="14:14">
      <c r="N795907" s="10"/>
    </row>
    <row r="795908" spans="14:14">
      <c r="N795908" s="10"/>
    </row>
    <row r="795909" spans="14:14">
      <c r="N795909" s="10"/>
    </row>
    <row r="795910" spans="14:14">
      <c r="N795910" s="10"/>
    </row>
    <row r="795911" spans="14:14">
      <c r="N795911" s="10"/>
    </row>
    <row r="795912" spans="14:14">
      <c r="N795912" s="10"/>
    </row>
    <row r="795913" spans="14:14">
      <c r="N795913" s="10"/>
    </row>
    <row r="795914" spans="14:14">
      <c r="N795914" s="10"/>
    </row>
    <row r="795915" spans="14:14">
      <c r="N795915" s="10"/>
    </row>
    <row r="795916" spans="14:14">
      <c r="N795916" s="10"/>
    </row>
    <row r="795917" spans="14:14">
      <c r="N795917" s="10"/>
    </row>
    <row r="795918" spans="14:14">
      <c r="N795918" s="10"/>
    </row>
    <row r="795919" spans="14:14">
      <c r="N795919" s="10"/>
    </row>
    <row r="795920" spans="14:14">
      <c r="N795920" s="10"/>
    </row>
    <row r="795921" spans="14:14">
      <c r="N795921" s="10"/>
    </row>
    <row r="795922" spans="14:14">
      <c r="N795922" s="10"/>
    </row>
    <row r="795923" spans="14:14">
      <c r="N795923" s="10"/>
    </row>
    <row r="795924" spans="14:14">
      <c r="N795924" s="10"/>
    </row>
    <row r="795925" spans="14:14">
      <c r="N795925" s="10"/>
    </row>
    <row r="795926" spans="14:14">
      <c r="N795926" s="10"/>
    </row>
    <row r="795927" spans="14:14">
      <c r="N795927" s="10"/>
    </row>
    <row r="795928" spans="14:14">
      <c r="N795928" s="10"/>
    </row>
    <row r="795929" spans="14:14">
      <c r="N795929" s="10"/>
    </row>
    <row r="795930" spans="14:14">
      <c r="N795930" s="10"/>
    </row>
    <row r="795931" spans="14:14">
      <c r="N795931" s="10"/>
    </row>
    <row r="795932" spans="14:14">
      <c r="N795932" s="10"/>
    </row>
    <row r="795933" spans="14:14">
      <c r="N795933" s="10"/>
    </row>
    <row r="795934" spans="14:14">
      <c r="N795934" s="10"/>
    </row>
    <row r="795935" spans="14:14">
      <c r="N795935" s="10"/>
    </row>
    <row r="795936" spans="14:14">
      <c r="N795936" s="10"/>
    </row>
    <row r="795937" spans="14:14">
      <c r="N795937" s="10"/>
    </row>
    <row r="795938" spans="14:14">
      <c r="N795938" s="10"/>
    </row>
    <row r="795939" spans="14:14">
      <c r="N795939" s="10"/>
    </row>
    <row r="795940" spans="14:14">
      <c r="N795940" s="10"/>
    </row>
    <row r="795941" spans="14:14">
      <c r="N795941" s="10"/>
    </row>
    <row r="795942" spans="14:14">
      <c r="N795942" s="10"/>
    </row>
    <row r="795943" spans="14:14">
      <c r="N795943" s="10"/>
    </row>
    <row r="795944" spans="14:14">
      <c r="N795944" s="10"/>
    </row>
    <row r="795945" spans="14:14">
      <c r="N795945" s="10"/>
    </row>
    <row r="795946" spans="14:14">
      <c r="N795946" s="10"/>
    </row>
    <row r="795947" spans="14:14">
      <c r="N795947" s="10"/>
    </row>
    <row r="795948" spans="14:14">
      <c r="N795948" s="10"/>
    </row>
    <row r="795949" spans="14:14">
      <c r="N795949" s="10"/>
    </row>
    <row r="795950" spans="14:14">
      <c r="N795950" s="10"/>
    </row>
    <row r="795951" spans="14:14">
      <c r="N795951" s="10"/>
    </row>
    <row r="795952" spans="14:14">
      <c r="N795952" s="10"/>
    </row>
    <row r="795953" spans="14:14">
      <c r="N795953" s="10"/>
    </row>
    <row r="795954" spans="14:14">
      <c r="N795954" s="10"/>
    </row>
    <row r="795955" spans="14:14">
      <c r="N795955" s="10"/>
    </row>
    <row r="795956" spans="14:14">
      <c r="N795956" s="10"/>
    </row>
    <row r="795957" spans="14:14">
      <c r="N795957" s="10"/>
    </row>
    <row r="795958" spans="14:14">
      <c r="N795958" s="10"/>
    </row>
    <row r="795959" spans="14:14">
      <c r="N795959" s="10"/>
    </row>
    <row r="795960" spans="14:14">
      <c r="N795960" s="10"/>
    </row>
    <row r="795961" spans="14:14">
      <c r="N795961" s="10"/>
    </row>
    <row r="795962" spans="14:14">
      <c r="N795962" s="10"/>
    </row>
    <row r="795963" spans="14:14">
      <c r="N795963" s="10"/>
    </row>
    <row r="795964" spans="14:14">
      <c r="N795964" s="10"/>
    </row>
    <row r="795965" spans="14:14">
      <c r="N795965" s="10"/>
    </row>
    <row r="795966" spans="14:14">
      <c r="N795966" s="10"/>
    </row>
    <row r="795967" spans="14:14">
      <c r="N795967" s="10"/>
    </row>
    <row r="795968" spans="14:14">
      <c r="N795968" s="10"/>
    </row>
    <row r="795969" spans="14:14">
      <c r="N795969" s="10"/>
    </row>
    <row r="795970" spans="14:14">
      <c r="N795970" s="10"/>
    </row>
    <row r="795971" spans="14:14">
      <c r="N795971" s="10"/>
    </row>
    <row r="795972" spans="14:14">
      <c r="N795972" s="10"/>
    </row>
    <row r="795973" spans="14:14">
      <c r="N795973" s="10"/>
    </row>
    <row r="795974" spans="14:14">
      <c r="N795974" s="10"/>
    </row>
    <row r="795975" spans="14:14">
      <c r="N795975" s="10"/>
    </row>
    <row r="795976" spans="14:14">
      <c r="N795976" s="10"/>
    </row>
    <row r="795977" spans="14:14">
      <c r="N795977" s="10"/>
    </row>
    <row r="795978" spans="14:14">
      <c r="N795978" s="10"/>
    </row>
    <row r="795979" spans="14:14">
      <c r="N795979" s="10"/>
    </row>
    <row r="795980" spans="14:14">
      <c r="N795980" s="10"/>
    </row>
    <row r="795981" spans="14:14">
      <c r="N795981" s="10"/>
    </row>
    <row r="795982" spans="14:14">
      <c r="N795982" s="10"/>
    </row>
    <row r="795983" spans="14:14">
      <c r="N795983" s="10"/>
    </row>
    <row r="795984" spans="14:14">
      <c r="N795984" s="10"/>
    </row>
    <row r="795985" spans="14:14">
      <c r="N795985" s="10"/>
    </row>
    <row r="795986" spans="14:14">
      <c r="N795986" s="10"/>
    </row>
    <row r="795987" spans="14:14">
      <c r="N795987" s="10"/>
    </row>
    <row r="795988" spans="14:14">
      <c r="N795988" s="10"/>
    </row>
    <row r="795989" spans="14:14">
      <c r="N795989" s="10"/>
    </row>
    <row r="795990" spans="14:14">
      <c r="N795990" s="10"/>
    </row>
    <row r="795991" spans="14:14">
      <c r="N795991" s="10"/>
    </row>
    <row r="795992" spans="14:14">
      <c r="N795992" s="10"/>
    </row>
    <row r="795993" spans="14:14">
      <c r="N795993" s="10"/>
    </row>
    <row r="795994" spans="14:14">
      <c r="N795994" s="10"/>
    </row>
    <row r="795995" spans="14:14">
      <c r="N795995" s="10"/>
    </row>
    <row r="795996" spans="14:14">
      <c r="N795996" s="10"/>
    </row>
    <row r="795997" spans="14:14">
      <c r="N795997" s="10"/>
    </row>
    <row r="795998" spans="14:14">
      <c r="N795998" s="10"/>
    </row>
    <row r="795999" spans="14:14">
      <c r="N795999" s="10"/>
    </row>
    <row r="796000" spans="14:14">
      <c r="N796000" s="10"/>
    </row>
    <row r="796001" spans="14:14">
      <c r="N796001" s="10"/>
    </row>
    <row r="796002" spans="14:14">
      <c r="N796002" s="10"/>
    </row>
    <row r="796003" spans="14:14">
      <c r="N796003" s="10"/>
    </row>
    <row r="796004" spans="14:14">
      <c r="N796004" s="10"/>
    </row>
    <row r="796005" spans="14:14">
      <c r="N796005" s="10"/>
    </row>
    <row r="796006" spans="14:14">
      <c r="N796006" s="10"/>
    </row>
    <row r="796007" spans="14:14">
      <c r="N796007" s="10"/>
    </row>
    <row r="796008" spans="14:14">
      <c r="N796008" s="10"/>
    </row>
    <row r="796009" spans="14:14">
      <c r="N796009" s="10"/>
    </row>
    <row r="796010" spans="14:14">
      <c r="N796010" s="10"/>
    </row>
    <row r="796011" spans="14:14">
      <c r="N796011" s="10"/>
    </row>
    <row r="796012" spans="14:14">
      <c r="N796012" s="10"/>
    </row>
    <row r="796013" spans="14:14">
      <c r="N796013" s="10"/>
    </row>
    <row r="796014" spans="14:14">
      <c r="N796014" s="10"/>
    </row>
    <row r="796015" spans="14:14">
      <c r="N796015" s="10"/>
    </row>
    <row r="796016" spans="14:14">
      <c r="N796016" s="10"/>
    </row>
    <row r="796017" spans="14:14">
      <c r="N796017" s="10"/>
    </row>
    <row r="796018" spans="14:14">
      <c r="N796018" s="10"/>
    </row>
    <row r="796019" spans="14:14">
      <c r="N796019" s="10"/>
    </row>
    <row r="796020" spans="14:14">
      <c r="N796020" s="10"/>
    </row>
    <row r="796021" spans="14:14">
      <c r="N796021" s="10"/>
    </row>
    <row r="796022" spans="14:14">
      <c r="N796022" s="10"/>
    </row>
    <row r="796023" spans="14:14">
      <c r="N796023" s="10"/>
    </row>
    <row r="796024" spans="14:14">
      <c r="N796024" s="10"/>
    </row>
    <row r="796025" spans="14:14">
      <c r="N796025" s="10"/>
    </row>
    <row r="796026" spans="14:14">
      <c r="N796026" s="10"/>
    </row>
    <row r="796027" spans="14:14">
      <c r="N796027" s="10"/>
    </row>
    <row r="796028" spans="14:14">
      <c r="N796028" s="10"/>
    </row>
    <row r="796029" spans="14:14">
      <c r="N796029" s="10"/>
    </row>
    <row r="796030" spans="14:14">
      <c r="N796030" s="10"/>
    </row>
    <row r="796031" spans="14:14">
      <c r="N796031" s="10"/>
    </row>
    <row r="796032" spans="14:14">
      <c r="N796032" s="10"/>
    </row>
    <row r="796033" spans="14:14">
      <c r="N796033" s="10"/>
    </row>
    <row r="796034" spans="14:14">
      <c r="N796034" s="10"/>
    </row>
    <row r="796035" spans="14:14">
      <c r="N796035" s="10"/>
    </row>
    <row r="796036" spans="14:14">
      <c r="N796036" s="10"/>
    </row>
    <row r="796037" spans="14:14">
      <c r="N796037" s="10"/>
    </row>
    <row r="796038" spans="14:14">
      <c r="N796038" s="10"/>
    </row>
    <row r="796039" spans="14:14">
      <c r="N796039" s="10"/>
    </row>
    <row r="796040" spans="14:14">
      <c r="N796040" s="10"/>
    </row>
    <row r="796041" spans="14:14">
      <c r="N796041" s="10"/>
    </row>
    <row r="796042" spans="14:14">
      <c r="N796042" s="10"/>
    </row>
    <row r="796043" spans="14:14">
      <c r="N796043" s="10"/>
    </row>
    <row r="796044" spans="14:14">
      <c r="N796044" s="10"/>
    </row>
    <row r="796045" spans="14:14">
      <c r="N796045" s="10"/>
    </row>
    <row r="796046" spans="14:14">
      <c r="N796046" s="10"/>
    </row>
    <row r="796047" spans="14:14">
      <c r="N796047" s="10"/>
    </row>
    <row r="796048" spans="14:14">
      <c r="N796048" s="10"/>
    </row>
    <row r="796049" spans="14:14">
      <c r="N796049" s="10"/>
    </row>
    <row r="796050" spans="14:14">
      <c r="N796050" s="10"/>
    </row>
    <row r="796051" spans="14:14">
      <c r="N796051" s="10"/>
    </row>
    <row r="796052" spans="14:14">
      <c r="N796052" s="10"/>
    </row>
    <row r="796053" spans="14:14">
      <c r="N796053" s="10"/>
    </row>
    <row r="796054" spans="14:14">
      <c r="N796054" s="10"/>
    </row>
    <row r="796055" spans="14:14">
      <c r="N796055" s="10"/>
    </row>
    <row r="796056" spans="14:14">
      <c r="N796056" s="10"/>
    </row>
    <row r="796057" spans="14:14">
      <c r="N796057" s="10"/>
    </row>
    <row r="796058" spans="14:14">
      <c r="N796058" s="10"/>
    </row>
    <row r="796059" spans="14:14">
      <c r="N796059" s="10"/>
    </row>
    <row r="796060" spans="14:14">
      <c r="N796060" s="10"/>
    </row>
    <row r="796061" spans="14:14">
      <c r="N796061" s="10"/>
    </row>
    <row r="796062" spans="14:14">
      <c r="N796062" s="10"/>
    </row>
    <row r="796063" spans="14:14">
      <c r="N796063" s="10"/>
    </row>
    <row r="796064" spans="14:14">
      <c r="N796064" s="10"/>
    </row>
    <row r="796065" spans="14:14">
      <c r="N796065" s="10"/>
    </row>
    <row r="796066" spans="14:14">
      <c r="N796066" s="10"/>
    </row>
    <row r="796067" spans="14:14">
      <c r="N796067" s="10"/>
    </row>
    <row r="796068" spans="14:14">
      <c r="N796068" s="10"/>
    </row>
    <row r="796069" spans="14:14">
      <c r="N796069" s="10"/>
    </row>
    <row r="796070" spans="14:14">
      <c r="N796070" s="10"/>
    </row>
    <row r="796071" spans="14:14">
      <c r="N796071" s="10"/>
    </row>
    <row r="796072" spans="14:14">
      <c r="N796072" s="10"/>
    </row>
    <row r="796073" spans="14:14">
      <c r="N796073" s="10"/>
    </row>
    <row r="796074" spans="14:14">
      <c r="N796074" s="10"/>
    </row>
    <row r="796075" spans="14:14">
      <c r="N796075" s="10"/>
    </row>
    <row r="796076" spans="14:14">
      <c r="N796076" s="10"/>
    </row>
    <row r="796077" spans="14:14">
      <c r="N796077" s="10"/>
    </row>
    <row r="796078" spans="14:14">
      <c r="N796078" s="10"/>
    </row>
    <row r="796079" spans="14:14">
      <c r="N796079" s="10"/>
    </row>
    <row r="796080" spans="14:14">
      <c r="N796080" s="10"/>
    </row>
    <row r="796081" spans="14:14">
      <c r="N796081" s="10"/>
    </row>
    <row r="796082" spans="14:14">
      <c r="N796082" s="10"/>
    </row>
    <row r="796083" spans="14:14">
      <c r="N796083" s="10"/>
    </row>
    <row r="796084" spans="14:14">
      <c r="N796084" s="10"/>
    </row>
    <row r="796085" spans="14:14">
      <c r="N796085" s="10"/>
    </row>
    <row r="796086" spans="14:14">
      <c r="N796086" s="10"/>
    </row>
    <row r="796087" spans="14:14">
      <c r="N796087" s="10"/>
    </row>
    <row r="796088" spans="14:14">
      <c r="N796088" s="10"/>
    </row>
    <row r="796089" spans="14:14">
      <c r="N796089" s="10"/>
    </row>
    <row r="796090" spans="14:14">
      <c r="N796090" s="10"/>
    </row>
    <row r="796091" spans="14:14">
      <c r="N796091" s="10"/>
    </row>
    <row r="796092" spans="14:14">
      <c r="N796092" s="10"/>
    </row>
    <row r="796093" spans="14:14">
      <c r="N796093" s="10"/>
    </row>
    <row r="796094" spans="14:14">
      <c r="N796094" s="10"/>
    </row>
    <row r="796095" spans="14:14">
      <c r="N796095" s="10"/>
    </row>
    <row r="796096" spans="14:14">
      <c r="N796096" s="10"/>
    </row>
    <row r="796097" spans="14:14">
      <c r="N796097" s="10"/>
    </row>
    <row r="796098" spans="14:14">
      <c r="N796098" s="10"/>
    </row>
    <row r="796099" spans="14:14">
      <c r="N796099" s="10"/>
    </row>
    <row r="796100" spans="14:14">
      <c r="N796100" s="10"/>
    </row>
    <row r="796101" spans="14:14">
      <c r="N796101" s="10"/>
    </row>
    <row r="796102" spans="14:14">
      <c r="N796102" s="10"/>
    </row>
    <row r="796103" spans="14:14">
      <c r="N796103" s="10"/>
    </row>
    <row r="796104" spans="14:14">
      <c r="N796104" s="10"/>
    </row>
    <row r="796105" spans="14:14">
      <c r="N796105" s="10"/>
    </row>
    <row r="796106" spans="14:14">
      <c r="N796106" s="10"/>
    </row>
    <row r="796107" spans="14:14">
      <c r="N796107" s="10"/>
    </row>
    <row r="796108" spans="14:14">
      <c r="N796108" s="10"/>
    </row>
    <row r="796109" spans="14:14">
      <c r="N796109" s="10"/>
    </row>
    <row r="796110" spans="14:14">
      <c r="N796110" s="10"/>
    </row>
    <row r="796111" spans="14:14">
      <c r="N796111" s="10"/>
    </row>
    <row r="796112" spans="14:14">
      <c r="N796112" s="10"/>
    </row>
    <row r="796113" spans="14:14">
      <c r="N796113" s="10"/>
    </row>
    <row r="796114" spans="14:14">
      <c r="N796114" s="10"/>
    </row>
    <row r="796115" spans="14:14">
      <c r="N796115" s="10"/>
    </row>
    <row r="796116" spans="14:14">
      <c r="N796116" s="10"/>
    </row>
    <row r="796117" spans="14:14">
      <c r="N796117" s="10"/>
    </row>
    <row r="796118" spans="14:14">
      <c r="N796118" s="10"/>
    </row>
    <row r="796119" spans="14:14">
      <c r="N796119" s="10"/>
    </row>
    <row r="796120" spans="14:14">
      <c r="N796120" s="10"/>
    </row>
    <row r="796121" spans="14:14">
      <c r="N796121" s="10"/>
    </row>
    <row r="796122" spans="14:14">
      <c r="N796122" s="10"/>
    </row>
    <row r="796123" spans="14:14">
      <c r="N796123" s="10"/>
    </row>
    <row r="796124" spans="14:14">
      <c r="N796124" s="10"/>
    </row>
    <row r="796125" spans="14:14">
      <c r="N796125" s="10"/>
    </row>
    <row r="796126" spans="14:14">
      <c r="N796126" s="10"/>
    </row>
    <row r="796127" spans="14:14">
      <c r="N796127" s="10"/>
    </row>
    <row r="796128" spans="14:14">
      <c r="N796128" s="10"/>
    </row>
    <row r="796129" spans="14:14">
      <c r="N796129" s="10"/>
    </row>
    <row r="796130" spans="14:14">
      <c r="N796130" s="10"/>
    </row>
    <row r="796131" spans="14:14">
      <c r="N796131" s="10"/>
    </row>
    <row r="796132" spans="14:14">
      <c r="N796132" s="10"/>
    </row>
    <row r="796133" spans="14:14">
      <c r="N796133" s="10"/>
    </row>
    <row r="796134" spans="14:14">
      <c r="N796134" s="10"/>
    </row>
    <row r="796135" spans="14:14">
      <c r="N796135" s="10"/>
    </row>
    <row r="796136" spans="14:14">
      <c r="N796136" s="10"/>
    </row>
    <row r="796137" spans="14:14">
      <c r="N796137" s="10"/>
    </row>
    <row r="796138" spans="14:14">
      <c r="N796138" s="10"/>
    </row>
    <row r="796139" spans="14:14">
      <c r="N796139" s="10"/>
    </row>
    <row r="796140" spans="14:14">
      <c r="N796140" s="10"/>
    </row>
    <row r="796141" spans="14:14">
      <c r="N796141" s="10"/>
    </row>
    <row r="796142" spans="14:14">
      <c r="N796142" s="10"/>
    </row>
    <row r="796143" spans="14:14">
      <c r="N796143" s="10"/>
    </row>
    <row r="796144" spans="14:14">
      <c r="N796144" s="10"/>
    </row>
    <row r="796145" spans="14:14">
      <c r="N796145" s="10"/>
    </row>
    <row r="796146" spans="14:14">
      <c r="N796146" s="10"/>
    </row>
    <row r="796147" spans="14:14">
      <c r="N796147" s="10"/>
    </row>
    <row r="796148" spans="14:14">
      <c r="N796148" s="10"/>
    </row>
    <row r="796149" spans="14:14">
      <c r="N796149" s="10"/>
    </row>
    <row r="796150" spans="14:14">
      <c r="N796150" s="10"/>
    </row>
    <row r="796151" spans="14:14">
      <c r="N796151" s="10"/>
    </row>
    <row r="796152" spans="14:14">
      <c r="N796152" s="10"/>
    </row>
    <row r="796153" spans="14:14">
      <c r="N796153" s="10"/>
    </row>
    <row r="796154" spans="14:14">
      <c r="N796154" s="10"/>
    </row>
    <row r="796155" spans="14:14">
      <c r="N796155" s="10"/>
    </row>
    <row r="796156" spans="14:14">
      <c r="N796156" s="10"/>
    </row>
    <row r="796157" spans="14:14">
      <c r="N796157" s="10"/>
    </row>
    <row r="796158" spans="14:14">
      <c r="N796158" s="10"/>
    </row>
    <row r="796159" spans="14:14">
      <c r="N796159" s="10"/>
    </row>
    <row r="796160" spans="14:14">
      <c r="N796160" s="10"/>
    </row>
    <row r="796161" spans="14:14">
      <c r="N796161" s="10"/>
    </row>
    <row r="796162" spans="14:14">
      <c r="N796162" s="10"/>
    </row>
    <row r="796163" spans="14:14">
      <c r="N796163" s="10"/>
    </row>
    <row r="796164" spans="14:14">
      <c r="N796164" s="10"/>
    </row>
    <row r="796165" spans="14:14">
      <c r="N796165" s="10"/>
    </row>
    <row r="796166" spans="14:14">
      <c r="N796166" s="10"/>
    </row>
    <row r="796167" spans="14:14">
      <c r="N796167" s="10"/>
    </row>
    <row r="796168" spans="14:14">
      <c r="N796168" s="10"/>
    </row>
    <row r="796169" spans="14:14">
      <c r="N796169" s="10"/>
    </row>
    <row r="796170" spans="14:14">
      <c r="N796170" s="10"/>
    </row>
    <row r="796171" spans="14:14">
      <c r="N796171" s="10"/>
    </row>
    <row r="796172" spans="14:14">
      <c r="N796172" s="10"/>
    </row>
    <row r="796173" spans="14:14">
      <c r="N796173" s="10"/>
    </row>
    <row r="796174" spans="14:14">
      <c r="N796174" s="10"/>
    </row>
    <row r="796175" spans="14:14">
      <c r="N796175" s="10"/>
    </row>
    <row r="796176" spans="14:14">
      <c r="N796176" s="10"/>
    </row>
    <row r="796177" spans="14:14">
      <c r="N796177" s="10"/>
    </row>
    <row r="796178" spans="14:14">
      <c r="N796178" s="10"/>
    </row>
    <row r="796179" spans="14:14">
      <c r="N796179" s="10"/>
    </row>
    <row r="796180" spans="14:14">
      <c r="N796180" s="10"/>
    </row>
    <row r="796181" spans="14:14">
      <c r="N796181" s="10"/>
    </row>
    <row r="796182" spans="14:14">
      <c r="N796182" s="10"/>
    </row>
    <row r="796183" spans="14:14">
      <c r="N796183" s="10"/>
    </row>
    <row r="796184" spans="14:14">
      <c r="N796184" s="10"/>
    </row>
    <row r="796185" spans="14:14">
      <c r="N796185" s="10"/>
    </row>
    <row r="796186" spans="14:14">
      <c r="N796186" s="10"/>
    </row>
    <row r="796187" spans="14:14">
      <c r="N796187" s="10"/>
    </row>
    <row r="796188" spans="14:14">
      <c r="N796188" s="10"/>
    </row>
    <row r="796189" spans="14:14">
      <c r="N796189" s="10"/>
    </row>
    <row r="796190" spans="14:14">
      <c r="N796190" s="10"/>
    </row>
    <row r="796191" spans="14:14">
      <c r="N796191" s="10"/>
    </row>
    <row r="796192" spans="14:14">
      <c r="N796192" s="10"/>
    </row>
    <row r="796193" spans="14:14">
      <c r="N796193" s="10"/>
    </row>
    <row r="796194" spans="14:14">
      <c r="N796194" s="10"/>
    </row>
    <row r="796195" spans="14:14">
      <c r="N796195" s="10"/>
    </row>
    <row r="796196" spans="14:14">
      <c r="N796196" s="10"/>
    </row>
    <row r="796197" spans="14:14">
      <c r="N796197" s="10"/>
    </row>
    <row r="796198" spans="14:14">
      <c r="N796198" s="10"/>
    </row>
    <row r="796199" spans="14:14">
      <c r="N796199" s="10"/>
    </row>
    <row r="796200" spans="14:14">
      <c r="N796200" s="10"/>
    </row>
    <row r="796201" spans="14:14">
      <c r="N796201" s="10"/>
    </row>
    <row r="796202" spans="14:14">
      <c r="N796202" s="10"/>
    </row>
    <row r="796203" spans="14:14">
      <c r="N796203" s="10"/>
    </row>
    <row r="796204" spans="14:14">
      <c r="N796204" s="10"/>
    </row>
    <row r="796205" spans="14:14">
      <c r="N796205" s="10"/>
    </row>
    <row r="796206" spans="14:14">
      <c r="N796206" s="10"/>
    </row>
    <row r="796207" spans="14:14">
      <c r="N796207" s="10"/>
    </row>
    <row r="796208" spans="14:14">
      <c r="N796208" s="10"/>
    </row>
    <row r="796209" spans="14:14">
      <c r="N796209" s="10"/>
    </row>
    <row r="796210" spans="14:14">
      <c r="N796210" s="10"/>
    </row>
    <row r="796211" spans="14:14">
      <c r="N796211" s="10"/>
    </row>
    <row r="796212" spans="14:14">
      <c r="N796212" s="10"/>
    </row>
    <row r="796213" spans="14:14">
      <c r="N796213" s="10"/>
    </row>
    <row r="796214" spans="14:14">
      <c r="N796214" s="10"/>
    </row>
    <row r="796215" spans="14:14">
      <c r="N796215" s="10"/>
    </row>
    <row r="796216" spans="14:14">
      <c r="N796216" s="10"/>
    </row>
    <row r="796217" spans="14:14">
      <c r="N796217" s="10"/>
    </row>
    <row r="796218" spans="14:14">
      <c r="N796218" s="10"/>
    </row>
    <row r="796219" spans="14:14">
      <c r="N796219" s="10"/>
    </row>
    <row r="796220" spans="14:14">
      <c r="N796220" s="10"/>
    </row>
    <row r="796221" spans="14:14">
      <c r="N796221" s="10"/>
    </row>
    <row r="796222" spans="14:14">
      <c r="N796222" s="10"/>
    </row>
    <row r="796223" spans="14:14">
      <c r="N796223" s="10"/>
    </row>
    <row r="796224" spans="14:14">
      <c r="N796224" s="10"/>
    </row>
    <row r="796225" spans="14:14">
      <c r="N796225" s="10"/>
    </row>
    <row r="796226" spans="14:14">
      <c r="N796226" s="10"/>
    </row>
    <row r="796227" spans="14:14">
      <c r="N796227" s="10"/>
    </row>
    <row r="796228" spans="14:14">
      <c r="N796228" s="10"/>
    </row>
    <row r="796229" spans="14:14">
      <c r="N796229" s="10"/>
    </row>
    <row r="796230" spans="14:14">
      <c r="N796230" s="10"/>
    </row>
    <row r="796231" spans="14:14">
      <c r="N796231" s="10"/>
    </row>
    <row r="796232" spans="14:14">
      <c r="N796232" s="10"/>
    </row>
    <row r="796233" spans="14:14">
      <c r="N796233" s="10"/>
    </row>
    <row r="796234" spans="14:14">
      <c r="N796234" s="10"/>
    </row>
    <row r="796235" spans="14:14">
      <c r="N796235" s="10"/>
    </row>
    <row r="796236" spans="14:14">
      <c r="N796236" s="10"/>
    </row>
    <row r="796237" spans="14:14">
      <c r="N796237" s="10"/>
    </row>
    <row r="796238" spans="14:14">
      <c r="N796238" s="10"/>
    </row>
    <row r="796239" spans="14:14">
      <c r="N796239" s="10"/>
    </row>
    <row r="796240" spans="14:14">
      <c r="N796240" s="10"/>
    </row>
    <row r="796241" spans="14:14">
      <c r="N796241" s="10"/>
    </row>
    <row r="796242" spans="14:14">
      <c r="N796242" s="10"/>
    </row>
    <row r="796243" spans="14:14">
      <c r="N796243" s="10"/>
    </row>
    <row r="796244" spans="14:14">
      <c r="N796244" s="10"/>
    </row>
    <row r="796245" spans="14:14">
      <c r="N796245" s="10"/>
    </row>
    <row r="796246" spans="14:14">
      <c r="N796246" s="10"/>
    </row>
    <row r="796247" spans="14:14">
      <c r="N796247" s="10"/>
    </row>
    <row r="796248" spans="14:14">
      <c r="N796248" s="10"/>
    </row>
    <row r="796249" spans="14:14">
      <c r="N796249" s="10"/>
    </row>
    <row r="796250" spans="14:14">
      <c r="N796250" s="10"/>
    </row>
    <row r="796251" spans="14:14">
      <c r="N796251" s="10"/>
    </row>
    <row r="796252" spans="14:14">
      <c r="N796252" s="10"/>
    </row>
    <row r="796253" spans="14:14">
      <c r="N796253" s="10"/>
    </row>
    <row r="796254" spans="14:14">
      <c r="N796254" s="10"/>
    </row>
    <row r="796255" spans="14:14">
      <c r="N796255" s="10"/>
    </row>
    <row r="796256" spans="14:14">
      <c r="N796256" s="10"/>
    </row>
    <row r="796257" spans="14:14">
      <c r="N796257" s="10"/>
    </row>
    <row r="796258" spans="14:14">
      <c r="N796258" s="10"/>
    </row>
    <row r="796259" spans="14:14">
      <c r="N796259" s="10"/>
    </row>
    <row r="796260" spans="14:14">
      <c r="N796260" s="10"/>
    </row>
    <row r="796261" spans="14:14">
      <c r="N796261" s="10"/>
    </row>
    <row r="796262" spans="14:14">
      <c r="N796262" s="10"/>
    </row>
    <row r="796263" spans="14:14">
      <c r="N796263" s="10"/>
    </row>
    <row r="796264" spans="14:14">
      <c r="N796264" s="10"/>
    </row>
    <row r="796265" spans="14:14">
      <c r="N796265" s="10"/>
    </row>
    <row r="796266" spans="14:14">
      <c r="N796266" s="10"/>
    </row>
    <row r="796267" spans="14:14">
      <c r="N796267" s="10"/>
    </row>
    <row r="796268" spans="14:14">
      <c r="N796268" s="10"/>
    </row>
    <row r="796269" spans="14:14">
      <c r="N796269" s="10"/>
    </row>
    <row r="796270" spans="14:14">
      <c r="N796270" s="10"/>
    </row>
    <row r="796271" spans="14:14">
      <c r="N796271" s="10"/>
    </row>
    <row r="796272" spans="14:14">
      <c r="N796272" s="10"/>
    </row>
    <row r="796273" spans="14:14">
      <c r="N796273" s="10"/>
    </row>
    <row r="796274" spans="14:14">
      <c r="N796274" s="10"/>
    </row>
    <row r="796275" spans="14:14">
      <c r="N796275" s="10"/>
    </row>
    <row r="796276" spans="14:14">
      <c r="N796276" s="10"/>
    </row>
    <row r="796277" spans="14:14">
      <c r="N796277" s="10"/>
    </row>
    <row r="796278" spans="14:14">
      <c r="N796278" s="10"/>
    </row>
    <row r="796279" spans="14:14">
      <c r="N796279" s="10"/>
    </row>
    <row r="796280" spans="14:14">
      <c r="N796280" s="10"/>
    </row>
    <row r="796281" spans="14:14">
      <c r="N796281" s="10"/>
    </row>
    <row r="796282" spans="14:14">
      <c r="N796282" s="10"/>
    </row>
    <row r="796283" spans="14:14">
      <c r="N796283" s="10"/>
    </row>
    <row r="796284" spans="14:14">
      <c r="N796284" s="10"/>
    </row>
    <row r="796285" spans="14:14">
      <c r="N796285" s="10"/>
    </row>
    <row r="796286" spans="14:14">
      <c r="N796286" s="10"/>
    </row>
    <row r="796287" spans="14:14">
      <c r="N796287" s="10"/>
    </row>
    <row r="796288" spans="14:14">
      <c r="N796288" s="10"/>
    </row>
    <row r="796289" spans="14:14">
      <c r="N796289" s="10"/>
    </row>
    <row r="796290" spans="14:14">
      <c r="N796290" s="10"/>
    </row>
    <row r="796291" spans="14:14">
      <c r="N796291" s="10"/>
    </row>
    <row r="796292" spans="14:14">
      <c r="N796292" s="10"/>
    </row>
    <row r="796293" spans="14:14">
      <c r="N796293" s="10"/>
    </row>
    <row r="796294" spans="14:14">
      <c r="N796294" s="10"/>
    </row>
    <row r="796295" spans="14:14">
      <c r="N796295" s="10"/>
    </row>
    <row r="796296" spans="14:14">
      <c r="N796296" s="10"/>
    </row>
    <row r="796297" spans="14:14">
      <c r="N796297" s="10"/>
    </row>
    <row r="796298" spans="14:14">
      <c r="N796298" s="10"/>
    </row>
    <row r="796299" spans="14:14">
      <c r="N796299" s="10"/>
    </row>
    <row r="796300" spans="14:14">
      <c r="N796300" s="10"/>
    </row>
    <row r="796301" spans="14:14">
      <c r="N796301" s="10"/>
    </row>
    <row r="796302" spans="14:14">
      <c r="N796302" s="10"/>
    </row>
    <row r="796303" spans="14:14">
      <c r="N796303" s="10"/>
    </row>
    <row r="796304" spans="14:14">
      <c r="N796304" s="10"/>
    </row>
    <row r="796305" spans="14:14">
      <c r="N796305" s="10"/>
    </row>
    <row r="796306" spans="14:14">
      <c r="N796306" s="10"/>
    </row>
    <row r="796307" spans="14:14">
      <c r="N796307" s="10"/>
    </row>
    <row r="796308" spans="14:14">
      <c r="N796308" s="10"/>
    </row>
    <row r="796309" spans="14:14">
      <c r="N796309" s="10"/>
    </row>
    <row r="796310" spans="14:14">
      <c r="N796310" s="10"/>
    </row>
    <row r="796311" spans="14:14">
      <c r="N796311" s="10"/>
    </row>
    <row r="796312" spans="14:14">
      <c r="N796312" s="10"/>
    </row>
    <row r="796313" spans="14:14">
      <c r="N796313" s="10"/>
    </row>
    <row r="796314" spans="14:14">
      <c r="N796314" s="10"/>
    </row>
    <row r="796315" spans="14:14">
      <c r="N796315" s="10"/>
    </row>
    <row r="796316" spans="14:14">
      <c r="N796316" s="10"/>
    </row>
    <row r="796317" spans="14:14">
      <c r="N796317" s="10"/>
    </row>
    <row r="796318" spans="14:14">
      <c r="N796318" s="10"/>
    </row>
    <row r="796319" spans="14:14">
      <c r="N796319" s="10"/>
    </row>
    <row r="796320" spans="14:14">
      <c r="N796320" s="10"/>
    </row>
    <row r="796321" spans="14:14">
      <c r="N796321" s="10"/>
    </row>
    <row r="796322" spans="14:14">
      <c r="N796322" s="10"/>
    </row>
    <row r="796323" spans="14:14">
      <c r="N796323" s="10"/>
    </row>
    <row r="796324" spans="14:14">
      <c r="N796324" s="10"/>
    </row>
    <row r="796325" spans="14:14">
      <c r="N796325" s="10"/>
    </row>
    <row r="796326" spans="14:14">
      <c r="N796326" s="10"/>
    </row>
    <row r="796327" spans="14:14">
      <c r="N796327" s="10"/>
    </row>
    <row r="796328" spans="14:14">
      <c r="N796328" s="10"/>
    </row>
    <row r="796329" spans="14:14">
      <c r="N796329" s="10"/>
    </row>
    <row r="796330" spans="14:14">
      <c r="N796330" s="10"/>
    </row>
    <row r="796331" spans="14:14">
      <c r="N796331" s="10"/>
    </row>
    <row r="796332" spans="14:14">
      <c r="N796332" s="10"/>
    </row>
    <row r="796333" spans="14:14">
      <c r="N796333" s="10"/>
    </row>
    <row r="796334" spans="14:14">
      <c r="N796334" s="10"/>
    </row>
    <row r="796335" spans="14:14">
      <c r="N796335" s="10"/>
    </row>
    <row r="796336" spans="14:14">
      <c r="N796336" s="10"/>
    </row>
    <row r="796337" spans="14:14">
      <c r="N796337" s="10"/>
    </row>
    <row r="796338" spans="14:14">
      <c r="N796338" s="10"/>
    </row>
    <row r="796339" spans="14:14">
      <c r="N796339" s="10"/>
    </row>
    <row r="796340" spans="14:14">
      <c r="N796340" s="10"/>
    </row>
    <row r="796341" spans="14:14">
      <c r="N796341" s="10"/>
    </row>
    <row r="796342" spans="14:14">
      <c r="N796342" s="10"/>
    </row>
    <row r="796343" spans="14:14">
      <c r="N796343" s="10"/>
    </row>
    <row r="796344" spans="14:14">
      <c r="N796344" s="10"/>
    </row>
    <row r="796345" spans="14:14">
      <c r="N796345" s="10"/>
    </row>
    <row r="796346" spans="14:14">
      <c r="N796346" s="10"/>
    </row>
    <row r="796347" spans="14:14">
      <c r="N796347" s="10"/>
    </row>
    <row r="796348" spans="14:14">
      <c r="N796348" s="10"/>
    </row>
    <row r="796349" spans="14:14">
      <c r="N796349" s="10"/>
    </row>
    <row r="796350" spans="14:14">
      <c r="N796350" s="10"/>
    </row>
    <row r="796351" spans="14:14">
      <c r="N796351" s="10"/>
    </row>
    <row r="796352" spans="14:14">
      <c r="N796352" s="10"/>
    </row>
    <row r="796353" spans="14:14">
      <c r="N796353" s="10"/>
    </row>
    <row r="796354" spans="14:14">
      <c r="N796354" s="10"/>
    </row>
    <row r="796355" spans="14:14">
      <c r="N796355" s="10"/>
    </row>
    <row r="796356" spans="14:14">
      <c r="N796356" s="10"/>
    </row>
    <row r="796357" spans="14:14">
      <c r="N796357" s="10"/>
    </row>
    <row r="796358" spans="14:14">
      <c r="N796358" s="10"/>
    </row>
    <row r="796359" spans="14:14">
      <c r="N796359" s="10"/>
    </row>
    <row r="796360" spans="14:14">
      <c r="N796360" s="10"/>
    </row>
    <row r="796361" spans="14:14">
      <c r="N796361" s="10"/>
    </row>
    <row r="796362" spans="14:14">
      <c r="N796362" s="10"/>
    </row>
    <row r="796363" spans="14:14">
      <c r="N796363" s="10"/>
    </row>
    <row r="796364" spans="14:14">
      <c r="N796364" s="10"/>
    </row>
    <row r="796365" spans="14:14">
      <c r="N796365" s="10"/>
    </row>
    <row r="796366" spans="14:14">
      <c r="N796366" s="10"/>
    </row>
    <row r="796367" spans="14:14">
      <c r="N796367" s="10"/>
    </row>
    <row r="796368" spans="14:14">
      <c r="N796368" s="10"/>
    </row>
    <row r="796369" spans="14:14">
      <c r="N796369" s="10"/>
    </row>
    <row r="796370" spans="14:14">
      <c r="N796370" s="10"/>
    </row>
    <row r="796371" spans="14:14">
      <c r="N796371" s="10"/>
    </row>
    <row r="796372" spans="14:14">
      <c r="N796372" s="10"/>
    </row>
    <row r="796373" spans="14:14">
      <c r="N796373" s="10"/>
    </row>
    <row r="796374" spans="14:14">
      <c r="N796374" s="10"/>
    </row>
    <row r="796375" spans="14:14">
      <c r="N796375" s="10"/>
    </row>
    <row r="796376" spans="14:14">
      <c r="N796376" s="10"/>
    </row>
    <row r="796377" spans="14:14">
      <c r="N796377" s="10"/>
    </row>
    <row r="796378" spans="14:14">
      <c r="N796378" s="10"/>
    </row>
    <row r="796379" spans="14:14">
      <c r="N796379" s="10"/>
    </row>
    <row r="796380" spans="14:14">
      <c r="N796380" s="10"/>
    </row>
    <row r="796381" spans="14:14">
      <c r="N796381" s="10"/>
    </row>
    <row r="796382" spans="14:14">
      <c r="N796382" s="10"/>
    </row>
    <row r="796383" spans="14:14">
      <c r="N796383" s="10"/>
    </row>
    <row r="796384" spans="14:14">
      <c r="N796384" s="10"/>
    </row>
    <row r="796385" spans="14:14">
      <c r="N796385" s="10"/>
    </row>
    <row r="796386" spans="14:14">
      <c r="N796386" s="10"/>
    </row>
    <row r="796387" spans="14:14">
      <c r="N796387" s="10"/>
    </row>
    <row r="796388" spans="14:14">
      <c r="N796388" s="10"/>
    </row>
    <row r="796389" spans="14:14">
      <c r="N796389" s="10"/>
    </row>
    <row r="796390" spans="14:14">
      <c r="N796390" s="10"/>
    </row>
    <row r="796391" spans="14:14">
      <c r="N796391" s="10"/>
    </row>
    <row r="796392" spans="14:14">
      <c r="N796392" s="10"/>
    </row>
    <row r="796393" spans="14:14">
      <c r="N796393" s="10"/>
    </row>
    <row r="796394" spans="14:14">
      <c r="N796394" s="10"/>
    </row>
    <row r="796395" spans="14:14">
      <c r="N796395" s="10"/>
    </row>
    <row r="796396" spans="14:14">
      <c r="N796396" s="10"/>
    </row>
    <row r="796397" spans="14:14">
      <c r="N796397" s="10"/>
    </row>
    <row r="796398" spans="14:14">
      <c r="N796398" s="10"/>
    </row>
    <row r="796399" spans="14:14">
      <c r="N796399" s="10"/>
    </row>
    <row r="796400" spans="14:14">
      <c r="N796400" s="10"/>
    </row>
    <row r="796401" spans="14:14">
      <c r="N796401" s="10"/>
    </row>
    <row r="796402" spans="14:14">
      <c r="N796402" s="10"/>
    </row>
    <row r="796403" spans="14:14">
      <c r="N796403" s="10"/>
    </row>
    <row r="796404" spans="14:14">
      <c r="N796404" s="10"/>
    </row>
    <row r="796405" spans="14:14">
      <c r="N796405" s="10"/>
    </row>
    <row r="796406" spans="14:14">
      <c r="N796406" s="10"/>
    </row>
    <row r="796407" spans="14:14">
      <c r="N796407" s="10"/>
    </row>
    <row r="796408" spans="14:14">
      <c r="N796408" s="10"/>
    </row>
    <row r="796409" spans="14:14">
      <c r="N796409" s="10"/>
    </row>
    <row r="796410" spans="14:14">
      <c r="N796410" s="10"/>
    </row>
    <row r="796411" spans="14:14">
      <c r="N796411" s="10"/>
    </row>
    <row r="796412" spans="14:14">
      <c r="N796412" s="10"/>
    </row>
    <row r="796413" spans="14:14">
      <c r="N796413" s="10"/>
    </row>
    <row r="796414" spans="14:14">
      <c r="N796414" s="10"/>
    </row>
    <row r="796415" spans="14:14">
      <c r="N796415" s="10"/>
    </row>
    <row r="796416" spans="14:14">
      <c r="N796416" s="10"/>
    </row>
    <row r="796417" spans="14:14">
      <c r="N796417" s="10"/>
    </row>
    <row r="796418" spans="14:14">
      <c r="N796418" s="10"/>
    </row>
    <row r="796419" spans="14:14">
      <c r="N796419" s="10"/>
    </row>
    <row r="796420" spans="14:14">
      <c r="N796420" s="10"/>
    </row>
    <row r="796421" spans="14:14">
      <c r="N796421" s="10"/>
    </row>
    <row r="796422" spans="14:14">
      <c r="N796422" s="10"/>
    </row>
    <row r="796423" spans="14:14">
      <c r="N796423" s="10"/>
    </row>
    <row r="796424" spans="14:14">
      <c r="N796424" s="10"/>
    </row>
    <row r="796425" spans="14:14">
      <c r="N796425" s="10"/>
    </row>
    <row r="796426" spans="14:14">
      <c r="N796426" s="10"/>
    </row>
    <row r="796427" spans="14:14">
      <c r="N796427" s="10"/>
    </row>
    <row r="796428" spans="14:14">
      <c r="N796428" s="10"/>
    </row>
    <row r="796429" spans="14:14">
      <c r="N796429" s="10"/>
    </row>
    <row r="796430" spans="14:14">
      <c r="N796430" s="10"/>
    </row>
    <row r="796431" spans="14:14">
      <c r="N796431" s="10"/>
    </row>
    <row r="796432" spans="14:14">
      <c r="N796432" s="10"/>
    </row>
    <row r="796433" spans="14:14">
      <c r="N796433" s="10"/>
    </row>
    <row r="796434" spans="14:14">
      <c r="N796434" s="10"/>
    </row>
    <row r="796435" spans="14:14">
      <c r="N796435" s="10"/>
    </row>
    <row r="796436" spans="14:14">
      <c r="N796436" s="10"/>
    </row>
    <row r="796437" spans="14:14">
      <c r="N796437" s="10"/>
    </row>
    <row r="796438" spans="14:14">
      <c r="N796438" s="10"/>
    </row>
    <row r="796439" spans="14:14">
      <c r="N796439" s="10"/>
    </row>
    <row r="796440" spans="14:14">
      <c r="N796440" s="10"/>
    </row>
    <row r="796441" spans="14:14">
      <c r="N796441" s="10"/>
    </row>
    <row r="796442" spans="14:14">
      <c r="N796442" s="10"/>
    </row>
    <row r="796443" spans="14:14">
      <c r="N796443" s="10"/>
    </row>
    <row r="796444" spans="14:14">
      <c r="N796444" s="10"/>
    </row>
    <row r="796445" spans="14:14">
      <c r="N796445" s="10"/>
    </row>
    <row r="796446" spans="14:14">
      <c r="N796446" s="10"/>
    </row>
    <row r="796447" spans="14:14">
      <c r="N796447" s="10"/>
    </row>
    <row r="796448" spans="14:14">
      <c r="N796448" s="10"/>
    </row>
    <row r="796449" spans="14:14">
      <c r="N796449" s="10"/>
    </row>
    <row r="796450" spans="14:14">
      <c r="N796450" s="10"/>
    </row>
    <row r="796451" spans="14:14">
      <c r="N796451" s="10"/>
    </row>
    <row r="796452" spans="14:14">
      <c r="N796452" s="10"/>
    </row>
    <row r="796453" spans="14:14">
      <c r="N796453" s="10"/>
    </row>
    <row r="796454" spans="14:14">
      <c r="N796454" s="10"/>
    </row>
    <row r="796455" spans="14:14">
      <c r="N796455" s="10"/>
    </row>
    <row r="796456" spans="14:14">
      <c r="N796456" s="10"/>
    </row>
    <row r="796457" spans="14:14">
      <c r="N796457" s="10"/>
    </row>
    <row r="796458" spans="14:14">
      <c r="N796458" s="10"/>
    </row>
    <row r="796459" spans="14:14">
      <c r="N796459" s="10"/>
    </row>
    <row r="796460" spans="14:14">
      <c r="N796460" s="10"/>
    </row>
    <row r="796461" spans="14:14">
      <c r="N796461" s="10"/>
    </row>
    <row r="796462" spans="14:14">
      <c r="N796462" s="10"/>
    </row>
    <row r="796463" spans="14:14">
      <c r="N796463" s="10"/>
    </row>
    <row r="796464" spans="14:14">
      <c r="N796464" s="10"/>
    </row>
    <row r="796465" spans="14:14">
      <c r="N796465" s="10"/>
    </row>
    <row r="796466" spans="14:14">
      <c r="N796466" s="10"/>
    </row>
    <row r="796467" spans="14:14">
      <c r="N796467" s="10"/>
    </row>
    <row r="796468" spans="14:14">
      <c r="N796468" s="10"/>
    </row>
    <row r="796469" spans="14:14">
      <c r="N796469" s="10"/>
    </row>
    <row r="796470" spans="14:14">
      <c r="N796470" s="10"/>
    </row>
    <row r="796471" spans="14:14">
      <c r="N796471" s="10"/>
    </row>
    <row r="796472" spans="14:14">
      <c r="N796472" s="10"/>
    </row>
    <row r="796473" spans="14:14">
      <c r="N796473" s="10"/>
    </row>
    <row r="796474" spans="14:14">
      <c r="N796474" s="10"/>
    </row>
    <row r="796475" spans="14:14">
      <c r="N796475" s="10"/>
    </row>
    <row r="796476" spans="14:14">
      <c r="N796476" s="10"/>
    </row>
    <row r="796477" spans="14:14">
      <c r="N796477" s="10"/>
    </row>
    <row r="796478" spans="14:14">
      <c r="N796478" s="10"/>
    </row>
    <row r="796479" spans="14:14">
      <c r="N796479" s="10"/>
    </row>
    <row r="796480" spans="14:14">
      <c r="N796480" s="10"/>
    </row>
    <row r="796481" spans="14:14">
      <c r="N796481" s="10"/>
    </row>
    <row r="796482" spans="14:14">
      <c r="N796482" s="10"/>
    </row>
    <row r="796483" spans="14:14">
      <c r="N796483" s="10"/>
    </row>
    <row r="796484" spans="14:14">
      <c r="N796484" s="10"/>
    </row>
    <row r="796485" spans="14:14">
      <c r="N796485" s="10"/>
    </row>
    <row r="796486" spans="14:14">
      <c r="N796486" s="10"/>
    </row>
    <row r="796487" spans="14:14">
      <c r="N796487" s="10"/>
    </row>
    <row r="796488" spans="14:14">
      <c r="N796488" s="10"/>
    </row>
    <row r="796489" spans="14:14">
      <c r="N796489" s="10"/>
    </row>
    <row r="796490" spans="14:14">
      <c r="N796490" s="10"/>
    </row>
    <row r="796491" spans="14:14">
      <c r="N796491" s="10"/>
    </row>
    <row r="796492" spans="14:14">
      <c r="N796492" s="10"/>
    </row>
    <row r="796493" spans="14:14">
      <c r="N796493" s="10"/>
    </row>
    <row r="796494" spans="14:14">
      <c r="N796494" s="10"/>
    </row>
    <row r="796495" spans="14:14">
      <c r="N796495" s="10"/>
    </row>
    <row r="796496" spans="14:14">
      <c r="N796496" s="10"/>
    </row>
    <row r="796497" spans="14:14">
      <c r="N796497" s="10"/>
    </row>
    <row r="796498" spans="14:14">
      <c r="N796498" s="10"/>
    </row>
    <row r="796499" spans="14:14">
      <c r="N796499" s="10"/>
    </row>
    <row r="796500" spans="14:14">
      <c r="N796500" s="10"/>
    </row>
    <row r="796501" spans="14:14">
      <c r="N796501" s="10"/>
    </row>
    <row r="796502" spans="14:14">
      <c r="N796502" s="10"/>
    </row>
    <row r="796503" spans="14:14">
      <c r="N796503" s="10"/>
    </row>
    <row r="796504" spans="14:14">
      <c r="N796504" s="10"/>
    </row>
    <row r="796505" spans="14:14">
      <c r="N796505" s="10"/>
    </row>
    <row r="796506" spans="14:14">
      <c r="N796506" s="10"/>
    </row>
    <row r="796507" spans="14:14">
      <c r="N796507" s="10"/>
    </row>
    <row r="796508" spans="14:14">
      <c r="N796508" s="10"/>
    </row>
    <row r="796509" spans="14:14">
      <c r="N796509" s="10"/>
    </row>
    <row r="796510" spans="14:14">
      <c r="N796510" s="10"/>
    </row>
    <row r="796511" spans="14:14">
      <c r="N796511" s="10"/>
    </row>
    <row r="796512" spans="14:14">
      <c r="N796512" s="10"/>
    </row>
    <row r="796513" spans="14:14">
      <c r="N796513" s="10"/>
    </row>
    <row r="796514" spans="14:14">
      <c r="N796514" s="10"/>
    </row>
    <row r="796515" spans="14:14">
      <c r="N796515" s="10"/>
    </row>
    <row r="796516" spans="14:14">
      <c r="N796516" s="10"/>
    </row>
    <row r="796517" spans="14:14">
      <c r="N796517" s="10"/>
    </row>
    <row r="796518" spans="14:14">
      <c r="N796518" s="10"/>
    </row>
    <row r="796519" spans="14:14">
      <c r="N796519" s="10"/>
    </row>
    <row r="796520" spans="14:14">
      <c r="N796520" s="10"/>
    </row>
    <row r="796521" spans="14:14">
      <c r="N796521" s="10"/>
    </row>
    <row r="796522" spans="14:14">
      <c r="N796522" s="10"/>
    </row>
    <row r="796523" spans="14:14">
      <c r="N796523" s="10"/>
    </row>
    <row r="796524" spans="14:14">
      <c r="N796524" s="10"/>
    </row>
    <row r="796525" spans="14:14">
      <c r="N796525" s="10"/>
    </row>
    <row r="796526" spans="14:14">
      <c r="N796526" s="10"/>
    </row>
    <row r="796527" spans="14:14">
      <c r="N796527" s="10"/>
    </row>
    <row r="796528" spans="14:14">
      <c r="N796528" s="10"/>
    </row>
    <row r="796529" spans="14:14">
      <c r="N796529" s="10"/>
    </row>
    <row r="796530" spans="14:14">
      <c r="N796530" s="10"/>
    </row>
    <row r="796531" spans="14:14">
      <c r="N796531" s="10"/>
    </row>
    <row r="796532" spans="14:14">
      <c r="N796532" s="10"/>
    </row>
    <row r="796533" spans="14:14">
      <c r="N796533" s="10"/>
    </row>
    <row r="796534" spans="14:14">
      <c r="N796534" s="10"/>
    </row>
    <row r="796535" spans="14:14">
      <c r="N796535" s="10"/>
    </row>
    <row r="796536" spans="14:14">
      <c r="N796536" s="10"/>
    </row>
    <row r="796537" spans="14:14">
      <c r="N796537" s="10"/>
    </row>
    <row r="796538" spans="14:14">
      <c r="N796538" s="10"/>
    </row>
    <row r="796539" spans="14:14">
      <c r="N796539" s="10"/>
    </row>
    <row r="796540" spans="14:14">
      <c r="N796540" s="10"/>
    </row>
    <row r="796541" spans="14:14">
      <c r="N796541" s="10"/>
    </row>
    <row r="796542" spans="14:14">
      <c r="N796542" s="10"/>
    </row>
    <row r="796543" spans="14:14">
      <c r="N796543" s="10"/>
    </row>
    <row r="796544" spans="14:14">
      <c r="N796544" s="10"/>
    </row>
    <row r="796545" spans="14:14">
      <c r="N796545" s="10"/>
    </row>
    <row r="796546" spans="14:14">
      <c r="N796546" s="10"/>
    </row>
    <row r="796547" spans="14:14">
      <c r="N796547" s="10"/>
    </row>
    <row r="796548" spans="14:14">
      <c r="N796548" s="10"/>
    </row>
    <row r="796549" spans="14:14">
      <c r="N796549" s="10"/>
    </row>
    <row r="796550" spans="14:14">
      <c r="N796550" s="10"/>
    </row>
    <row r="796551" spans="14:14">
      <c r="N796551" s="10"/>
    </row>
    <row r="796552" spans="14:14">
      <c r="N796552" s="10"/>
    </row>
    <row r="796553" spans="14:14">
      <c r="N796553" s="10"/>
    </row>
    <row r="796554" spans="14:14">
      <c r="N796554" s="10"/>
    </row>
    <row r="796555" spans="14:14">
      <c r="N796555" s="10"/>
    </row>
    <row r="796556" spans="14:14">
      <c r="N796556" s="10"/>
    </row>
    <row r="796557" spans="14:14">
      <c r="N796557" s="10"/>
    </row>
    <row r="796558" spans="14:14">
      <c r="N796558" s="10"/>
    </row>
    <row r="796559" spans="14:14">
      <c r="N796559" s="10"/>
    </row>
    <row r="796560" spans="14:14">
      <c r="N796560" s="10"/>
    </row>
    <row r="796561" spans="14:14">
      <c r="N796561" s="10"/>
    </row>
    <row r="796562" spans="14:14">
      <c r="N796562" s="10"/>
    </row>
    <row r="796563" spans="14:14">
      <c r="N796563" s="10"/>
    </row>
    <row r="796564" spans="14:14">
      <c r="N796564" s="10"/>
    </row>
    <row r="796565" spans="14:14">
      <c r="N796565" s="10"/>
    </row>
    <row r="796566" spans="14:14">
      <c r="N796566" s="10"/>
    </row>
    <row r="796567" spans="14:14">
      <c r="N796567" s="10"/>
    </row>
    <row r="796568" spans="14:14">
      <c r="N796568" s="10"/>
    </row>
    <row r="796569" spans="14:14">
      <c r="N796569" s="10"/>
    </row>
    <row r="796570" spans="14:14">
      <c r="N796570" s="10"/>
    </row>
    <row r="796571" spans="14:14">
      <c r="N796571" s="10"/>
    </row>
    <row r="796572" spans="14:14">
      <c r="N796572" s="10"/>
    </row>
    <row r="796573" spans="14:14">
      <c r="N796573" s="10"/>
    </row>
    <row r="796574" spans="14:14">
      <c r="N796574" s="10"/>
    </row>
    <row r="796575" spans="14:14">
      <c r="N796575" s="10"/>
    </row>
    <row r="796576" spans="14:14">
      <c r="N796576" s="10"/>
    </row>
    <row r="796577" spans="14:14">
      <c r="N796577" s="10"/>
    </row>
    <row r="796578" spans="14:14">
      <c r="N796578" s="10"/>
    </row>
    <row r="796579" spans="14:14">
      <c r="N796579" s="10"/>
    </row>
    <row r="796580" spans="14:14">
      <c r="N796580" s="10"/>
    </row>
    <row r="796581" spans="14:14">
      <c r="N796581" s="10"/>
    </row>
    <row r="796582" spans="14:14">
      <c r="N796582" s="10"/>
    </row>
    <row r="796583" spans="14:14">
      <c r="N796583" s="10"/>
    </row>
    <row r="796584" spans="14:14">
      <c r="N796584" s="10"/>
    </row>
    <row r="796585" spans="14:14">
      <c r="N796585" s="10"/>
    </row>
    <row r="796586" spans="14:14">
      <c r="N796586" s="10"/>
    </row>
    <row r="796587" spans="14:14">
      <c r="N796587" s="10"/>
    </row>
    <row r="796588" spans="14:14">
      <c r="N796588" s="10"/>
    </row>
    <row r="796589" spans="14:14">
      <c r="N796589" s="10"/>
    </row>
    <row r="796590" spans="14:14">
      <c r="N796590" s="10"/>
    </row>
    <row r="796591" spans="14:14">
      <c r="N796591" s="10"/>
    </row>
    <row r="796592" spans="14:14">
      <c r="N796592" s="10"/>
    </row>
    <row r="796593" spans="14:14">
      <c r="N796593" s="10"/>
    </row>
    <row r="796594" spans="14:14">
      <c r="N796594" s="10"/>
    </row>
    <row r="796595" spans="14:14">
      <c r="N796595" s="10"/>
    </row>
    <row r="796596" spans="14:14">
      <c r="N796596" s="10"/>
    </row>
    <row r="796597" spans="14:14">
      <c r="N796597" s="10"/>
    </row>
    <row r="796598" spans="14:14">
      <c r="N796598" s="10"/>
    </row>
    <row r="796599" spans="14:14">
      <c r="N796599" s="10"/>
    </row>
    <row r="796600" spans="14:14">
      <c r="N796600" s="10"/>
    </row>
    <row r="796601" spans="14:14">
      <c r="N796601" s="10"/>
    </row>
    <row r="796602" spans="14:14">
      <c r="N796602" s="10"/>
    </row>
    <row r="796603" spans="14:14">
      <c r="N796603" s="10"/>
    </row>
    <row r="796604" spans="14:14">
      <c r="N796604" s="10"/>
    </row>
    <row r="796605" spans="14:14">
      <c r="N796605" s="10"/>
    </row>
    <row r="796606" spans="14:14">
      <c r="N796606" s="10"/>
    </row>
    <row r="796607" spans="14:14">
      <c r="N796607" s="10"/>
    </row>
    <row r="796608" spans="14:14">
      <c r="N796608" s="10"/>
    </row>
    <row r="796609" spans="14:14">
      <c r="N796609" s="10"/>
    </row>
    <row r="796610" spans="14:14">
      <c r="N796610" s="10"/>
    </row>
    <row r="796611" spans="14:14">
      <c r="N796611" s="10"/>
    </row>
    <row r="796612" spans="14:14">
      <c r="N796612" s="10"/>
    </row>
    <row r="796613" spans="14:14">
      <c r="N796613" s="10"/>
    </row>
    <row r="796614" spans="14:14">
      <c r="N796614" s="10"/>
    </row>
    <row r="796615" spans="14:14">
      <c r="N796615" s="10"/>
    </row>
    <row r="796616" spans="14:14">
      <c r="N796616" s="10"/>
    </row>
    <row r="796617" spans="14:14">
      <c r="N796617" s="10"/>
    </row>
    <row r="796618" spans="14:14">
      <c r="N796618" s="10"/>
    </row>
    <row r="796619" spans="14:14">
      <c r="N796619" s="10"/>
    </row>
    <row r="796620" spans="14:14">
      <c r="N796620" s="10"/>
    </row>
    <row r="796621" spans="14:14">
      <c r="N796621" s="10"/>
    </row>
    <row r="796622" spans="14:14">
      <c r="N796622" s="10"/>
    </row>
    <row r="796623" spans="14:14">
      <c r="N796623" s="10"/>
    </row>
    <row r="796624" spans="14:14">
      <c r="N796624" s="10"/>
    </row>
    <row r="796625" spans="14:14">
      <c r="N796625" s="10"/>
    </row>
    <row r="796626" spans="14:14">
      <c r="N796626" s="10"/>
    </row>
    <row r="796627" spans="14:14">
      <c r="N796627" s="10"/>
    </row>
    <row r="796628" spans="14:14">
      <c r="N796628" s="10"/>
    </row>
    <row r="796629" spans="14:14">
      <c r="N796629" s="10"/>
    </row>
    <row r="796630" spans="14:14">
      <c r="N796630" s="10"/>
    </row>
    <row r="796631" spans="14:14">
      <c r="N796631" s="10"/>
    </row>
    <row r="796632" spans="14:14">
      <c r="N796632" s="10"/>
    </row>
    <row r="796633" spans="14:14">
      <c r="N796633" s="10"/>
    </row>
    <row r="796634" spans="14:14">
      <c r="N796634" s="10"/>
    </row>
    <row r="796635" spans="14:14">
      <c r="N796635" s="10"/>
    </row>
    <row r="796636" spans="14:14">
      <c r="N796636" s="10"/>
    </row>
    <row r="796637" spans="14:14">
      <c r="N796637" s="10"/>
    </row>
    <row r="796638" spans="14:14">
      <c r="N796638" s="10"/>
    </row>
    <row r="796639" spans="14:14">
      <c r="N796639" s="10"/>
    </row>
    <row r="796640" spans="14:14">
      <c r="N796640" s="10"/>
    </row>
    <row r="796641" spans="14:14">
      <c r="N796641" s="10"/>
    </row>
    <row r="796642" spans="14:14">
      <c r="N796642" s="10"/>
    </row>
    <row r="796643" spans="14:14">
      <c r="N796643" s="10"/>
    </row>
    <row r="796644" spans="14:14">
      <c r="N796644" s="10"/>
    </row>
    <row r="796645" spans="14:14">
      <c r="N796645" s="10"/>
    </row>
    <row r="796646" spans="14:14">
      <c r="N796646" s="10"/>
    </row>
    <row r="796647" spans="14:14">
      <c r="N796647" s="10"/>
    </row>
    <row r="796648" spans="14:14">
      <c r="N796648" s="10"/>
    </row>
    <row r="796649" spans="14:14">
      <c r="N796649" s="10"/>
    </row>
    <row r="796650" spans="14:14">
      <c r="N796650" s="10"/>
    </row>
    <row r="796651" spans="14:14">
      <c r="N796651" s="10"/>
    </row>
    <row r="796652" spans="14:14">
      <c r="N796652" s="10"/>
    </row>
    <row r="796653" spans="14:14">
      <c r="N796653" s="10"/>
    </row>
    <row r="796654" spans="14:14">
      <c r="N796654" s="10"/>
    </row>
    <row r="796655" spans="14:14">
      <c r="N796655" s="10"/>
    </row>
    <row r="796656" spans="14:14">
      <c r="N796656" s="10"/>
    </row>
    <row r="796657" spans="14:14">
      <c r="N796657" s="10"/>
    </row>
    <row r="796658" spans="14:14">
      <c r="N796658" s="10"/>
    </row>
    <row r="796659" spans="14:14">
      <c r="N796659" s="10"/>
    </row>
    <row r="796660" spans="14:14">
      <c r="N796660" s="10"/>
    </row>
    <row r="796661" spans="14:14">
      <c r="N796661" s="10"/>
    </row>
    <row r="796662" spans="14:14">
      <c r="N796662" s="10"/>
    </row>
    <row r="796663" spans="14:14">
      <c r="N796663" s="10"/>
    </row>
    <row r="796664" spans="14:14">
      <c r="N796664" s="10"/>
    </row>
    <row r="796665" spans="14:14">
      <c r="N796665" s="10"/>
    </row>
    <row r="796666" spans="14:14">
      <c r="N796666" s="10"/>
    </row>
    <row r="796667" spans="14:14">
      <c r="N796667" s="10"/>
    </row>
    <row r="796668" spans="14:14">
      <c r="N796668" s="10"/>
    </row>
    <row r="796669" spans="14:14">
      <c r="N796669" s="10"/>
    </row>
    <row r="796670" spans="14:14">
      <c r="N796670" s="10"/>
    </row>
    <row r="796671" spans="14:14">
      <c r="N796671" s="10"/>
    </row>
    <row r="796672" spans="14:14">
      <c r="N796672" s="10"/>
    </row>
    <row r="796673" spans="14:14">
      <c r="N796673" s="10"/>
    </row>
    <row r="796674" spans="14:14">
      <c r="N796674" s="10"/>
    </row>
    <row r="796675" spans="14:14">
      <c r="N796675" s="10"/>
    </row>
    <row r="796676" spans="14:14">
      <c r="N796676" s="10"/>
    </row>
    <row r="796677" spans="14:14">
      <c r="N796677" s="10"/>
    </row>
    <row r="796678" spans="14:14">
      <c r="N796678" s="10"/>
    </row>
    <row r="796679" spans="14:14">
      <c r="N796679" s="10"/>
    </row>
    <row r="796680" spans="14:14">
      <c r="N796680" s="10"/>
    </row>
    <row r="796681" spans="14:14">
      <c r="N796681" s="10"/>
    </row>
    <row r="796682" spans="14:14">
      <c r="N796682" s="10"/>
    </row>
    <row r="796683" spans="14:14">
      <c r="N796683" s="10"/>
    </row>
    <row r="796684" spans="14:14">
      <c r="N796684" s="10"/>
    </row>
    <row r="796685" spans="14:14">
      <c r="N796685" s="10"/>
    </row>
    <row r="796686" spans="14:14">
      <c r="N796686" s="10"/>
    </row>
    <row r="796687" spans="14:14">
      <c r="N796687" s="10"/>
    </row>
    <row r="796688" spans="14:14">
      <c r="N796688" s="10"/>
    </row>
    <row r="796689" spans="14:14">
      <c r="N796689" s="10"/>
    </row>
    <row r="796690" spans="14:14">
      <c r="N796690" s="10"/>
    </row>
    <row r="796691" spans="14:14">
      <c r="N796691" s="10"/>
    </row>
    <row r="796692" spans="14:14">
      <c r="N796692" s="10"/>
    </row>
    <row r="796693" spans="14:14">
      <c r="N796693" s="10"/>
    </row>
    <row r="796694" spans="14:14">
      <c r="N796694" s="10"/>
    </row>
    <row r="796695" spans="14:14">
      <c r="N796695" s="10"/>
    </row>
    <row r="796696" spans="14:14">
      <c r="N796696" s="10"/>
    </row>
    <row r="796697" spans="14:14">
      <c r="N796697" s="10"/>
    </row>
    <row r="796698" spans="14:14">
      <c r="N796698" s="10"/>
    </row>
    <row r="796699" spans="14:14">
      <c r="N796699" s="10"/>
    </row>
    <row r="796700" spans="14:14">
      <c r="N796700" s="10"/>
    </row>
    <row r="796701" spans="14:14">
      <c r="N796701" s="10"/>
    </row>
    <row r="796702" spans="14:14">
      <c r="N796702" s="10"/>
    </row>
    <row r="796703" spans="14:14">
      <c r="N796703" s="10"/>
    </row>
    <row r="796704" spans="14:14">
      <c r="N796704" s="10"/>
    </row>
    <row r="796705" spans="14:14">
      <c r="N796705" s="10"/>
    </row>
    <row r="796706" spans="14:14">
      <c r="N796706" s="10"/>
    </row>
    <row r="796707" spans="14:14">
      <c r="N796707" s="10"/>
    </row>
    <row r="796708" spans="14:14">
      <c r="N796708" s="10"/>
    </row>
    <row r="796709" spans="14:14">
      <c r="N796709" s="10"/>
    </row>
    <row r="796710" spans="14:14">
      <c r="N796710" s="10"/>
    </row>
    <row r="796711" spans="14:14">
      <c r="N796711" s="10"/>
    </row>
    <row r="796712" spans="14:14">
      <c r="N796712" s="10"/>
    </row>
    <row r="796713" spans="14:14">
      <c r="N796713" s="10"/>
    </row>
    <row r="796714" spans="14:14">
      <c r="N796714" s="10"/>
    </row>
    <row r="796715" spans="14:14">
      <c r="N796715" s="10"/>
    </row>
    <row r="796716" spans="14:14">
      <c r="N796716" s="10"/>
    </row>
    <row r="796717" spans="14:14">
      <c r="N796717" s="10"/>
    </row>
    <row r="796718" spans="14:14">
      <c r="N796718" s="10"/>
    </row>
    <row r="796719" spans="14:14">
      <c r="N796719" s="10"/>
    </row>
    <row r="796720" spans="14:14">
      <c r="N796720" s="10"/>
    </row>
    <row r="796721" spans="14:14">
      <c r="N796721" s="10"/>
    </row>
    <row r="796722" spans="14:14">
      <c r="N796722" s="10"/>
    </row>
    <row r="796723" spans="14:14">
      <c r="N796723" s="10"/>
    </row>
    <row r="796724" spans="14:14">
      <c r="N796724" s="10"/>
    </row>
    <row r="796725" spans="14:14">
      <c r="N796725" s="10"/>
    </row>
    <row r="796726" spans="14:14">
      <c r="N796726" s="10"/>
    </row>
    <row r="796727" spans="14:14">
      <c r="N796727" s="10"/>
    </row>
    <row r="796728" spans="14:14">
      <c r="N796728" s="10"/>
    </row>
    <row r="796729" spans="14:14">
      <c r="N796729" s="10"/>
    </row>
    <row r="796730" spans="14:14">
      <c r="N796730" s="10"/>
    </row>
    <row r="796731" spans="14:14">
      <c r="N796731" s="10"/>
    </row>
    <row r="796732" spans="14:14">
      <c r="N796732" s="10"/>
    </row>
    <row r="796733" spans="14:14">
      <c r="N796733" s="10"/>
    </row>
    <row r="796734" spans="14:14">
      <c r="N796734" s="10"/>
    </row>
    <row r="796735" spans="14:14">
      <c r="N796735" s="10"/>
    </row>
    <row r="796736" spans="14:14">
      <c r="N796736" s="10"/>
    </row>
    <row r="796737" spans="14:14">
      <c r="N796737" s="10"/>
    </row>
    <row r="796738" spans="14:14">
      <c r="N796738" s="10"/>
    </row>
    <row r="796739" spans="14:14">
      <c r="N796739" s="10"/>
    </row>
    <row r="796740" spans="14:14">
      <c r="N796740" s="10"/>
    </row>
    <row r="796741" spans="14:14">
      <c r="N796741" s="10"/>
    </row>
    <row r="796742" spans="14:14">
      <c r="N796742" s="10"/>
    </row>
    <row r="796743" spans="14:14">
      <c r="N796743" s="10"/>
    </row>
    <row r="796744" spans="14:14">
      <c r="N796744" s="10"/>
    </row>
    <row r="796745" spans="14:14">
      <c r="N796745" s="10"/>
    </row>
    <row r="796746" spans="14:14">
      <c r="N796746" s="10"/>
    </row>
    <row r="796747" spans="14:14">
      <c r="N796747" s="10"/>
    </row>
    <row r="796748" spans="14:14">
      <c r="N796748" s="10"/>
    </row>
    <row r="796749" spans="14:14">
      <c r="N796749" s="10"/>
    </row>
    <row r="796750" spans="14:14">
      <c r="N796750" s="10"/>
    </row>
    <row r="796751" spans="14:14">
      <c r="N796751" s="10"/>
    </row>
    <row r="796752" spans="14:14">
      <c r="N796752" s="10"/>
    </row>
    <row r="796753" spans="14:14">
      <c r="N796753" s="10"/>
    </row>
    <row r="796754" spans="14:14">
      <c r="N796754" s="10"/>
    </row>
    <row r="796755" spans="14:14">
      <c r="N796755" s="10"/>
    </row>
    <row r="796756" spans="14:14">
      <c r="N796756" s="10"/>
    </row>
    <row r="796757" spans="14:14">
      <c r="N796757" s="10"/>
    </row>
    <row r="796758" spans="14:14">
      <c r="N796758" s="10"/>
    </row>
    <row r="796759" spans="14:14">
      <c r="N796759" s="10"/>
    </row>
    <row r="796760" spans="14:14">
      <c r="N796760" s="10"/>
    </row>
    <row r="796761" spans="14:14">
      <c r="N796761" s="10"/>
    </row>
    <row r="796762" spans="14:14">
      <c r="N796762" s="10"/>
    </row>
    <row r="796763" spans="14:14">
      <c r="N796763" s="10"/>
    </row>
    <row r="796764" spans="14:14">
      <c r="N796764" s="10"/>
    </row>
    <row r="796765" spans="14:14">
      <c r="N796765" s="10"/>
    </row>
    <row r="796766" spans="14:14">
      <c r="N796766" s="10"/>
    </row>
    <row r="796767" spans="14:14">
      <c r="N796767" s="10"/>
    </row>
    <row r="796768" spans="14:14">
      <c r="N796768" s="10"/>
    </row>
    <row r="796769" spans="14:14">
      <c r="N796769" s="10"/>
    </row>
    <row r="796770" spans="14:14">
      <c r="N796770" s="10"/>
    </row>
    <row r="796771" spans="14:14">
      <c r="N796771" s="10"/>
    </row>
    <row r="796772" spans="14:14">
      <c r="N796772" s="10"/>
    </row>
    <row r="796773" spans="14:14">
      <c r="N796773" s="10"/>
    </row>
    <row r="796774" spans="14:14">
      <c r="N796774" s="10"/>
    </row>
    <row r="796775" spans="14:14">
      <c r="N796775" s="10"/>
    </row>
    <row r="796776" spans="14:14">
      <c r="N796776" s="10"/>
    </row>
    <row r="796777" spans="14:14">
      <c r="N796777" s="10"/>
    </row>
    <row r="796778" spans="14:14">
      <c r="N796778" s="10"/>
    </row>
    <row r="796779" spans="14:14">
      <c r="N796779" s="10"/>
    </row>
    <row r="796780" spans="14:14">
      <c r="N796780" s="10"/>
    </row>
    <row r="796781" spans="14:14">
      <c r="N796781" s="10"/>
    </row>
    <row r="796782" spans="14:14">
      <c r="N796782" s="10"/>
    </row>
    <row r="796783" spans="14:14">
      <c r="N796783" s="10"/>
    </row>
    <row r="796784" spans="14:14">
      <c r="N796784" s="10"/>
    </row>
    <row r="796785" spans="14:14">
      <c r="N796785" s="10"/>
    </row>
    <row r="796786" spans="14:14">
      <c r="N796786" s="10"/>
    </row>
    <row r="796787" spans="14:14">
      <c r="N796787" s="10"/>
    </row>
    <row r="796788" spans="14:14">
      <c r="N796788" s="10"/>
    </row>
    <row r="796789" spans="14:14">
      <c r="N796789" s="10"/>
    </row>
    <row r="796790" spans="14:14">
      <c r="N796790" s="10"/>
    </row>
    <row r="796791" spans="14:14">
      <c r="N796791" s="10"/>
    </row>
    <row r="796792" spans="14:14">
      <c r="N796792" s="10"/>
    </row>
    <row r="796793" spans="14:14">
      <c r="N796793" s="10"/>
    </row>
    <row r="796794" spans="14:14">
      <c r="N796794" s="10"/>
    </row>
    <row r="796795" spans="14:14">
      <c r="N796795" s="10"/>
    </row>
    <row r="796796" spans="14:14">
      <c r="N796796" s="10"/>
    </row>
    <row r="796797" spans="14:14">
      <c r="N796797" s="10"/>
    </row>
    <row r="796798" spans="14:14">
      <c r="N796798" s="10"/>
    </row>
    <row r="796799" spans="14:14">
      <c r="N796799" s="10"/>
    </row>
    <row r="796800" spans="14:14">
      <c r="N796800" s="10"/>
    </row>
    <row r="796801" spans="14:14">
      <c r="N796801" s="10"/>
    </row>
    <row r="796802" spans="14:14">
      <c r="N796802" s="10"/>
    </row>
    <row r="796803" spans="14:14">
      <c r="N796803" s="10"/>
    </row>
    <row r="796804" spans="14:14">
      <c r="N796804" s="10"/>
    </row>
    <row r="796805" spans="14:14">
      <c r="N796805" s="10"/>
    </row>
    <row r="796806" spans="14:14">
      <c r="N796806" s="10"/>
    </row>
    <row r="796807" spans="14:14">
      <c r="N796807" s="10"/>
    </row>
    <row r="796808" spans="14:14">
      <c r="N796808" s="10"/>
    </row>
    <row r="796809" spans="14:14">
      <c r="N796809" s="10"/>
    </row>
    <row r="796810" spans="14:14">
      <c r="N796810" s="10"/>
    </row>
    <row r="796811" spans="14:14">
      <c r="N796811" s="10"/>
    </row>
    <row r="796812" spans="14:14">
      <c r="N796812" s="10"/>
    </row>
    <row r="796813" spans="14:14">
      <c r="N796813" s="10"/>
    </row>
    <row r="796814" spans="14:14">
      <c r="N796814" s="10"/>
    </row>
    <row r="796815" spans="14:14">
      <c r="N796815" s="10"/>
    </row>
    <row r="796816" spans="14:14">
      <c r="N796816" s="10"/>
    </row>
    <row r="796817" spans="14:14">
      <c r="N796817" s="10"/>
    </row>
    <row r="796818" spans="14:14">
      <c r="N796818" s="10"/>
    </row>
    <row r="796819" spans="14:14">
      <c r="N796819" s="10"/>
    </row>
    <row r="796820" spans="14:14">
      <c r="N796820" s="10"/>
    </row>
    <row r="796821" spans="14:14">
      <c r="N796821" s="10"/>
    </row>
    <row r="796822" spans="14:14">
      <c r="N796822" s="10"/>
    </row>
    <row r="796823" spans="14:14">
      <c r="N796823" s="10"/>
    </row>
    <row r="796824" spans="14:14">
      <c r="N796824" s="10"/>
    </row>
    <row r="796825" spans="14:14">
      <c r="N796825" s="10"/>
    </row>
    <row r="796826" spans="14:14">
      <c r="N796826" s="10"/>
    </row>
    <row r="796827" spans="14:14">
      <c r="N796827" s="10"/>
    </row>
    <row r="796828" spans="14:14">
      <c r="N796828" s="10"/>
    </row>
    <row r="796829" spans="14:14">
      <c r="N796829" s="10"/>
    </row>
    <row r="796830" spans="14:14">
      <c r="N796830" s="10"/>
    </row>
    <row r="796831" spans="14:14">
      <c r="N796831" s="10"/>
    </row>
    <row r="796832" spans="14:14">
      <c r="N796832" s="10"/>
    </row>
    <row r="796833" spans="14:14">
      <c r="N796833" s="10"/>
    </row>
    <row r="796834" spans="14:14">
      <c r="N796834" s="10"/>
    </row>
    <row r="796835" spans="14:14">
      <c r="N796835" s="10"/>
    </row>
    <row r="796836" spans="14:14">
      <c r="N796836" s="10"/>
    </row>
    <row r="796837" spans="14:14">
      <c r="N796837" s="10"/>
    </row>
    <row r="796838" spans="14:14">
      <c r="N796838" s="10"/>
    </row>
    <row r="796839" spans="14:14">
      <c r="N796839" s="10"/>
    </row>
    <row r="796840" spans="14:14">
      <c r="N796840" s="10"/>
    </row>
    <row r="796841" spans="14:14">
      <c r="N796841" s="10"/>
    </row>
    <row r="796842" spans="14:14">
      <c r="N796842" s="10"/>
    </row>
    <row r="796843" spans="14:14">
      <c r="N796843" s="10"/>
    </row>
    <row r="796844" spans="14:14">
      <c r="N796844" s="10"/>
    </row>
    <row r="796845" spans="14:14">
      <c r="N796845" s="10"/>
    </row>
    <row r="796846" spans="14:14">
      <c r="N796846" s="10"/>
    </row>
    <row r="796847" spans="14:14">
      <c r="N796847" s="10"/>
    </row>
    <row r="796848" spans="14:14">
      <c r="N796848" s="10"/>
    </row>
    <row r="796849" spans="14:14">
      <c r="N796849" s="10"/>
    </row>
    <row r="796850" spans="14:14">
      <c r="N796850" s="10"/>
    </row>
    <row r="796851" spans="14:14">
      <c r="N796851" s="10"/>
    </row>
    <row r="796852" spans="14:14">
      <c r="N796852" s="10"/>
    </row>
    <row r="796853" spans="14:14">
      <c r="N796853" s="10"/>
    </row>
    <row r="796854" spans="14:14">
      <c r="N796854" s="10"/>
    </row>
    <row r="796855" spans="14:14">
      <c r="N796855" s="10"/>
    </row>
    <row r="796856" spans="14:14">
      <c r="N796856" s="10"/>
    </row>
    <row r="796857" spans="14:14">
      <c r="N796857" s="10"/>
    </row>
    <row r="796858" spans="14:14">
      <c r="N796858" s="10"/>
    </row>
    <row r="796859" spans="14:14">
      <c r="N796859" s="10"/>
    </row>
    <row r="796860" spans="14:14">
      <c r="N796860" s="10"/>
    </row>
    <row r="796861" spans="14:14">
      <c r="N796861" s="10"/>
    </row>
    <row r="796862" spans="14:14">
      <c r="N796862" s="10"/>
    </row>
    <row r="796863" spans="14:14">
      <c r="N796863" s="10"/>
    </row>
    <row r="796864" spans="14:14">
      <c r="N796864" s="10"/>
    </row>
    <row r="796865" spans="14:14">
      <c r="N796865" s="10"/>
    </row>
    <row r="796866" spans="14:14">
      <c r="N796866" s="10"/>
    </row>
    <row r="796867" spans="14:14">
      <c r="N796867" s="10"/>
    </row>
    <row r="796868" spans="14:14">
      <c r="N796868" s="10"/>
    </row>
    <row r="796869" spans="14:14">
      <c r="N796869" s="10"/>
    </row>
    <row r="796870" spans="14:14">
      <c r="N796870" s="10"/>
    </row>
    <row r="796871" spans="14:14">
      <c r="N796871" s="10"/>
    </row>
    <row r="796872" spans="14:14">
      <c r="N796872" s="10"/>
    </row>
    <row r="796873" spans="14:14">
      <c r="N796873" s="10"/>
    </row>
    <row r="796874" spans="14:14">
      <c r="N796874" s="10"/>
    </row>
    <row r="796875" spans="14:14">
      <c r="N796875" s="10"/>
    </row>
    <row r="796876" spans="14:14">
      <c r="N796876" s="10"/>
    </row>
    <row r="796877" spans="14:14">
      <c r="N796877" s="10"/>
    </row>
    <row r="796878" spans="14:14">
      <c r="N796878" s="10"/>
    </row>
    <row r="796879" spans="14:14">
      <c r="N796879" s="10"/>
    </row>
    <row r="796880" spans="14:14">
      <c r="N796880" s="10"/>
    </row>
    <row r="796881" spans="14:14">
      <c r="N796881" s="10"/>
    </row>
    <row r="796882" spans="14:14">
      <c r="N796882" s="10"/>
    </row>
    <row r="796883" spans="14:14">
      <c r="N796883" s="10"/>
    </row>
    <row r="796884" spans="14:14">
      <c r="N796884" s="10"/>
    </row>
    <row r="796885" spans="14:14">
      <c r="N796885" s="10"/>
    </row>
    <row r="796886" spans="14:14">
      <c r="N796886" s="10"/>
    </row>
    <row r="796887" spans="14:14">
      <c r="N796887" s="10"/>
    </row>
    <row r="796888" spans="14:14">
      <c r="N796888" s="10"/>
    </row>
    <row r="796889" spans="14:14">
      <c r="N796889" s="10"/>
    </row>
    <row r="796890" spans="14:14">
      <c r="N796890" s="10"/>
    </row>
    <row r="796891" spans="14:14">
      <c r="N796891" s="10"/>
    </row>
    <row r="796892" spans="14:14">
      <c r="N796892" s="10"/>
    </row>
    <row r="796893" spans="14:14">
      <c r="N796893" s="10"/>
    </row>
    <row r="796894" spans="14:14">
      <c r="N796894" s="10"/>
    </row>
    <row r="796895" spans="14:14">
      <c r="N796895" s="10"/>
    </row>
    <row r="796896" spans="14:14">
      <c r="N796896" s="10"/>
    </row>
    <row r="796897" spans="14:14">
      <c r="N796897" s="10"/>
    </row>
    <row r="796898" spans="14:14">
      <c r="N796898" s="10"/>
    </row>
    <row r="796899" spans="14:14">
      <c r="N796899" s="10"/>
    </row>
    <row r="796900" spans="14:14">
      <c r="N796900" s="10"/>
    </row>
    <row r="796901" spans="14:14">
      <c r="N796901" s="10"/>
    </row>
    <row r="796902" spans="14:14">
      <c r="N796902" s="10"/>
    </row>
    <row r="796903" spans="14:14">
      <c r="N796903" s="10"/>
    </row>
    <row r="796904" spans="14:14">
      <c r="N796904" s="10"/>
    </row>
    <row r="796905" spans="14:14">
      <c r="N796905" s="10"/>
    </row>
    <row r="796906" spans="14:14">
      <c r="N796906" s="10"/>
    </row>
    <row r="796907" spans="14:14">
      <c r="N796907" s="10"/>
    </row>
    <row r="796908" spans="14:14">
      <c r="N796908" s="10"/>
    </row>
    <row r="796909" spans="14:14">
      <c r="N796909" s="10"/>
    </row>
    <row r="796910" spans="14:14">
      <c r="N796910" s="10"/>
    </row>
    <row r="796911" spans="14:14">
      <c r="N796911" s="10"/>
    </row>
    <row r="796912" spans="14:14">
      <c r="N796912" s="10"/>
    </row>
    <row r="796913" spans="14:14">
      <c r="N796913" s="10"/>
    </row>
    <row r="796914" spans="14:14">
      <c r="N796914" s="10"/>
    </row>
    <row r="796915" spans="14:14">
      <c r="N796915" s="10"/>
    </row>
    <row r="796916" spans="14:14">
      <c r="N796916" s="10"/>
    </row>
    <row r="796917" spans="14:14">
      <c r="N796917" s="10"/>
    </row>
    <row r="796918" spans="14:14">
      <c r="N796918" s="10"/>
    </row>
    <row r="796919" spans="14:14">
      <c r="N796919" s="10"/>
    </row>
    <row r="796920" spans="14:14">
      <c r="N796920" s="10"/>
    </row>
    <row r="796921" spans="14:14">
      <c r="N796921" s="10"/>
    </row>
    <row r="796922" spans="14:14">
      <c r="N796922" s="10"/>
    </row>
    <row r="796923" spans="14:14">
      <c r="N796923" s="10"/>
    </row>
    <row r="796924" spans="14:14">
      <c r="N796924" s="10"/>
    </row>
    <row r="796925" spans="14:14">
      <c r="N796925" s="10"/>
    </row>
    <row r="796926" spans="14:14">
      <c r="N796926" s="10"/>
    </row>
    <row r="796927" spans="14:14">
      <c r="N796927" s="10"/>
    </row>
    <row r="796928" spans="14:14">
      <c r="N796928" s="10"/>
    </row>
    <row r="796929" spans="14:14">
      <c r="N796929" s="10"/>
    </row>
    <row r="796930" spans="14:14">
      <c r="N796930" s="10"/>
    </row>
    <row r="796931" spans="14:14">
      <c r="N796931" s="10"/>
    </row>
    <row r="796932" spans="14:14">
      <c r="N796932" s="10"/>
    </row>
    <row r="796933" spans="14:14">
      <c r="N796933" s="10"/>
    </row>
    <row r="796934" spans="14:14">
      <c r="N796934" s="10"/>
    </row>
    <row r="796935" spans="14:14">
      <c r="N796935" s="10"/>
    </row>
    <row r="796936" spans="14:14">
      <c r="N796936" s="10"/>
    </row>
    <row r="796937" spans="14:14">
      <c r="N796937" s="10"/>
    </row>
    <row r="796938" spans="14:14">
      <c r="N796938" s="10"/>
    </row>
    <row r="796939" spans="14:14">
      <c r="N796939" s="10"/>
    </row>
    <row r="796940" spans="14:14">
      <c r="N796940" s="10"/>
    </row>
    <row r="796941" spans="14:14">
      <c r="N796941" s="10"/>
    </row>
    <row r="796942" spans="14:14">
      <c r="N796942" s="10"/>
    </row>
    <row r="796943" spans="14:14">
      <c r="N796943" s="10"/>
    </row>
    <row r="796944" spans="14:14">
      <c r="N796944" s="10"/>
    </row>
    <row r="796945" spans="14:14">
      <c r="N796945" s="10"/>
    </row>
    <row r="796946" spans="14:14">
      <c r="N796946" s="10"/>
    </row>
    <row r="796947" spans="14:14">
      <c r="N796947" s="10"/>
    </row>
    <row r="796948" spans="14:14">
      <c r="N796948" s="10"/>
    </row>
    <row r="796949" spans="14:14">
      <c r="N796949" s="10"/>
    </row>
    <row r="796950" spans="14:14">
      <c r="N796950" s="10"/>
    </row>
    <row r="796951" spans="14:14">
      <c r="N796951" s="10"/>
    </row>
    <row r="796952" spans="14:14">
      <c r="N796952" s="10"/>
    </row>
    <row r="796953" spans="14:14">
      <c r="N796953" s="10"/>
    </row>
    <row r="796954" spans="14:14">
      <c r="N796954" s="10"/>
    </row>
    <row r="796955" spans="14:14">
      <c r="N796955" s="10"/>
    </row>
    <row r="796956" spans="14:14">
      <c r="N796956" s="10"/>
    </row>
    <row r="796957" spans="14:14">
      <c r="N796957" s="10"/>
    </row>
    <row r="796958" spans="14:14">
      <c r="N796958" s="10"/>
    </row>
    <row r="796959" spans="14:14">
      <c r="N796959" s="10"/>
    </row>
    <row r="796960" spans="14:14">
      <c r="N796960" s="10"/>
    </row>
    <row r="796961" spans="14:14">
      <c r="N796961" s="10"/>
    </row>
    <row r="796962" spans="14:14">
      <c r="N796962" s="10"/>
    </row>
    <row r="796963" spans="14:14">
      <c r="N796963" s="10"/>
    </row>
    <row r="796964" spans="14:14">
      <c r="N796964" s="10"/>
    </row>
    <row r="796965" spans="14:14">
      <c r="N796965" s="10"/>
    </row>
    <row r="796966" spans="14:14">
      <c r="N796966" s="10"/>
    </row>
    <row r="796967" spans="14:14">
      <c r="N796967" s="10"/>
    </row>
    <row r="796968" spans="14:14">
      <c r="N796968" s="10"/>
    </row>
    <row r="796969" spans="14:14">
      <c r="N796969" s="10"/>
    </row>
    <row r="796970" spans="14:14">
      <c r="N796970" s="10"/>
    </row>
    <row r="796971" spans="14:14">
      <c r="N796971" s="10"/>
    </row>
    <row r="796972" spans="14:14">
      <c r="N796972" s="10"/>
    </row>
    <row r="796973" spans="14:14">
      <c r="N796973" s="10"/>
    </row>
    <row r="796974" spans="14:14">
      <c r="N796974" s="10"/>
    </row>
    <row r="796975" spans="14:14">
      <c r="N796975" s="10"/>
    </row>
    <row r="796976" spans="14:14">
      <c r="N796976" s="10"/>
    </row>
    <row r="796977" spans="14:14">
      <c r="N796977" s="10"/>
    </row>
    <row r="796978" spans="14:14">
      <c r="N796978" s="10"/>
    </row>
    <row r="796979" spans="14:14">
      <c r="N796979" s="10"/>
    </row>
    <row r="796980" spans="14:14">
      <c r="N796980" s="10"/>
    </row>
    <row r="796981" spans="14:14">
      <c r="N796981" s="10"/>
    </row>
    <row r="796982" spans="14:14">
      <c r="N796982" s="10"/>
    </row>
    <row r="796983" spans="14:14">
      <c r="N796983" s="10"/>
    </row>
    <row r="796984" spans="14:14">
      <c r="N796984" s="10"/>
    </row>
    <row r="796985" spans="14:14">
      <c r="N796985" s="10"/>
    </row>
    <row r="796986" spans="14:14">
      <c r="N796986" s="10"/>
    </row>
    <row r="796987" spans="14:14">
      <c r="N796987" s="10"/>
    </row>
    <row r="796988" spans="14:14">
      <c r="N796988" s="10"/>
    </row>
    <row r="796989" spans="14:14">
      <c r="N796989" s="10"/>
    </row>
    <row r="796990" spans="14:14">
      <c r="N796990" s="10"/>
    </row>
    <row r="796991" spans="14:14">
      <c r="N796991" s="10"/>
    </row>
    <row r="796992" spans="14:14">
      <c r="N796992" s="10"/>
    </row>
    <row r="796993" spans="14:14">
      <c r="N796993" s="10"/>
    </row>
    <row r="796994" spans="14:14">
      <c r="N796994" s="10"/>
    </row>
    <row r="796995" spans="14:14">
      <c r="N796995" s="10"/>
    </row>
    <row r="796996" spans="14:14">
      <c r="N796996" s="10"/>
    </row>
    <row r="796997" spans="14:14">
      <c r="N796997" s="10"/>
    </row>
    <row r="796998" spans="14:14">
      <c r="N796998" s="10"/>
    </row>
    <row r="796999" spans="14:14">
      <c r="N796999" s="10"/>
    </row>
    <row r="797000" spans="14:14">
      <c r="N797000" s="10"/>
    </row>
    <row r="797001" spans="14:14">
      <c r="N797001" s="10"/>
    </row>
    <row r="797002" spans="14:14">
      <c r="N797002" s="10"/>
    </row>
    <row r="797003" spans="14:14">
      <c r="N797003" s="10"/>
    </row>
    <row r="797004" spans="14:14">
      <c r="N797004" s="10"/>
    </row>
    <row r="797005" spans="14:14">
      <c r="N797005" s="10"/>
    </row>
    <row r="797006" spans="14:14">
      <c r="N797006" s="10"/>
    </row>
    <row r="797007" spans="14:14">
      <c r="N797007" s="10"/>
    </row>
    <row r="797008" spans="14:14">
      <c r="N797008" s="10"/>
    </row>
    <row r="797009" spans="14:14">
      <c r="N797009" s="10"/>
    </row>
    <row r="797010" spans="14:14">
      <c r="N797010" s="10"/>
    </row>
    <row r="797011" spans="14:14">
      <c r="N797011" s="10"/>
    </row>
    <row r="797012" spans="14:14">
      <c r="N797012" s="10"/>
    </row>
    <row r="797013" spans="14:14">
      <c r="N797013" s="10"/>
    </row>
    <row r="797014" spans="14:14">
      <c r="N797014" s="10"/>
    </row>
    <row r="797015" spans="14:14">
      <c r="N797015" s="10"/>
    </row>
    <row r="797016" spans="14:14">
      <c r="N797016" s="10"/>
    </row>
    <row r="797017" spans="14:14">
      <c r="N797017" s="10"/>
    </row>
    <row r="797018" spans="14:14">
      <c r="N797018" s="10"/>
    </row>
    <row r="797019" spans="14:14">
      <c r="N797019" s="10"/>
    </row>
    <row r="797020" spans="14:14">
      <c r="N797020" s="10"/>
    </row>
    <row r="797021" spans="14:14">
      <c r="N797021" s="10"/>
    </row>
    <row r="797022" spans="14:14">
      <c r="N797022" s="10"/>
    </row>
    <row r="797023" spans="14:14">
      <c r="N797023" s="10"/>
    </row>
    <row r="797024" spans="14:14">
      <c r="N797024" s="10"/>
    </row>
    <row r="797025" spans="14:14">
      <c r="N797025" s="10"/>
    </row>
    <row r="797026" spans="14:14">
      <c r="N797026" s="10"/>
    </row>
    <row r="797027" spans="14:14">
      <c r="N797027" s="10"/>
    </row>
    <row r="797028" spans="14:14">
      <c r="N797028" s="10"/>
    </row>
    <row r="797029" spans="14:14">
      <c r="N797029" s="10"/>
    </row>
    <row r="797030" spans="14:14">
      <c r="N797030" s="10"/>
    </row>
    <row r="797031" spans="14:14">
      <c r="N797031" s="10"/>
    </row>
    <row r="797032" spans="14:14">
      <c r="N797032" s="10"/>
    </row>
    <row r="797033" spans="14:14">
      <c r="N797033" s="10"/>
    </row>
    <row r="797034" spans="14:14">
      <c r="N797034" s="10"/>
    </row>
    <row r="797035" spans="14:14">
      <c r="N797035" s="10"/>
    </row>
    <row r="797036" spans="14:14">
      <c r="N797036" s="10"/>
    </row>
    <row r="797037" spans="14:14">
      <c r="N797037" s="10"/>
    </row>
    <row r="797038" spans="14:14">
      <c r="N797038" s="10"/>
    </row>
    <row r="797039" spans="14:14">
      <c r="N797039" s="10"/>
    </row>
    <row r="797040" spans="14:14">
      <c r="N797040" s="10"/>
    </row>
    <row r="797041" spans="14:14">
      <c r="N797041" s="10"/>
    </row>
    <row r="797042" spans="14:14">
      <c r="N797042" s="10"/>
    </row>
    <row r="797043" spans="14:14">
      <c r="N797043" s="10"/>
    </row>
    <row r="797044" spans="14:14">
      <c r="N797044" s="10"/>
    </row>
    <row r="797045" spans="14:14">
      <c r="N797045" s="10"/>
    </row>
    <row r="797046" spans="14:14">
      <c r="N797046" s="10"/>
    </row>
    <row r="797047" spans="14:14">
      <c r="N797047" s="10"/>
    </row>
    <row r="797048" spans="14:14">
      <c r="N797048" s="10"/>
    </row>
    <row r="797049" spans="14:14">
      <c r="N797049" s="10"/>
    </row>
    <row r="797050" spans="14:14">
      <c r="N797050" s="10"/>
    </row>
    <row r="797051" spans="14:14">
      <c r="N797051" s="10"/>
    </row>
    <row r="797052" spans="14:14">
      <c r="N797052" s="10"/>
    </row>
    <row r="797053" spans="14:14">
      <c r="N797053" s="10"/>
    </row>
    <row r="797054" spans="14:14">
      <c r="N797054" s="10"/>
    </row>
    <row r="797055" spans="14:14">
      <c r="N797055" s="10"/>
    </row>
    <row r="797056" spans="14:14">
      <c r="N797056" s="10"/>
    </row>
    <row r="797057" spans="14:14">
      <c r="N797057" s="10"/>
    </row>
    <row r="797058" spans="14:14">
      <c r="N797058" s="10"/>
    </row>
    <row r="797059" spans="14:14">
      <c r="N797059" s="10"/>
    </row>
    <row r="797060" spans="14:14">
      <c r="N797060" s="10"/>
    </row>
    <row r="797061" spans="14:14">
      <c r="N797061" s="10"/>
    </row>
    <row r="797062" spans="14:14">
      <c r="N797062" s="10"/>
    </row>
    <row r="797063" spans="14:14">
      <c r="N797063" s="10"/>
    </row>
    <row r="797064" spans="14:14">
      <c r="N797064" s="10"/>
    </row>
    <row r="797065" spans="14:14">
      <c r="N797065" s="10"/>
    </row>
    <row r="797066" spans="14:14">
      <c r="N797066" s="10"/>
    </row>
    <row r="797067" spans="14:14">
      <c r="N797067" s="10"/>
    </row>
    <row r="797068" spans="14:14">
      <c r="N797068" s="10"/>
    </row>
    <row r="797069" spans="14:14">
      <c r="N797069" s="10"/>
    </row>
    <row r="797070" spans="14:14">
      <c r="N797070" s="10"/>
    </row>
    <row r="797071" spans="14:14">
      <c r="N797071" s="10"/>
    </row>
    <row r="797072" spans="14:14">
      <c r="N797072" s="10"/>
    </row>
    <row r="797073" spans="14:14">
      <c r="N797073" s="10"/>
    </row>
    <row r="797074" spans="14:14">
      <c r="N797074" s="10"/>
    </row>
    <row r="797075" spans="14:14">
      <c r="N797075" s="10"/>
    </row>
    <row r="797076" spans="14:14">
      <c r="N797076" s="10"/>
    </row>
    <row r="797077" spans="14:14">
      <c r="N797077" s="10"/>
    </row>
    <row r="797078" spans="14:14">
      <c r="N797078" s="10"/>
    </row>
    <row r="797079" spans="14:14">
      <c r="N797079" s="10"/>
    </row>
    <row r="797080" spans="14:14">
      <c r="N797080" s="10"/>
    </row>
    <row r="797081" spans="14:14">
      <c r="N797081" s="10"/>
    </row>
    <row r="797082" spans="14:14">
      <c r="N797082" s="10"/>
    </row>
    <row r="797083" spans="14:14">
      <c r="N797083" s="10"/>
    </row>
    <row r="797084" spans="14:14">
      <c r="N797084" s="10"/>
    </row>
    <row r="797085" spans="14:14">
      <c r="N797085" s="10"/>
    </row>
    <row r="797086" spans="14:14">
      <c r="N797086" s="10"/>
    </row>
    <row r="797087" spans="14:14">
      <c r="N797087" s="10"/>
    </row>
    <row r="797088" spans="14:14">
      <c r="N797088" s="10"/>
    </row>
    <row r="797089" spans="14:14">
      <c r="N797089" s="10"/>
    </row>
    <row r="797090" spans="14:14">
      <c r="N797090" s="10"/>
    </row>
    <row r="797091" spans="14:14">
      <c r="N797091" s="10"/>
    </row>
    <row r="797092" spans="14:14">
      <c r="N797092" s="10"/>
    </row>
    <row r="797093" spans="14:14">
      <c r="N797093" s="10"/>
    </row>
    <row r="797094" spans="14:14">
      <c r="N797094" s="10"/>
    </row>
    <row r="797095" spans="14:14">
      <c r="N797095" s="10"/>
    </row>
    <row r="797096" spans="14:14">
      <c r="N797096" s="10"/>
    </row>
    <row r="797097" spans="14:14">
      <c r="N797097" s="10"/>
    </row>
    <row r="797098" spans="14:14">
      <c r="N797098" s="10"/>
    </row>
    <row r="797099" spans="14:14">
      <c r="N797099" s="10"/>
    </row>
    <row r="797100" spans="14:14">
      <c r="N797100" s="10"/>
    </row>
    <row r="797101" spans="14:14">
      <c r="N797101" s="10"/>
    </row>
    <row r="797102" spans="14:14">
      <c r="N797102" s="10"/>
    </row>
    <row r="797103" spans="14:14">
      <c r="N797103" s="10"/>
    </row>
    <row r="797104" spans="14:14">
      <c r="N797104" s="10"/>
    </row>
    <row r="797105" spans="14:14">
      <c r="N797105" s="10"/>
    </row>
    <row r="797106" spans="14:14">
      <c r="N797106" s="10"/>
    </row>
    <row r="797107" spans="14:14">
      <c r="N797107" s="10"/>
    </row>
    <row r="797108" spans="14:14">
      <c r="N797108" s="10"/>
    </row>
    <row r="797109" spans="14:14">
      <c r="N797109" s="10"/>
    </row>
    <row r="797110" spans="14:14">
      <c r="N797110" s="10"/>
    </row>
    <row r="797111" spans="14:14">
      <c r="N797111" s="10"/>
    </row>
    <row r="797112" spans="14:14">
      <c r="N797112" s="10"/>
    </row>
    <row r="797113" spans="14:14">
      <c r="N797113" s="10"/>
    </row>
    <row r="797114" spans="14:14">
      <c r="N797114" s="10"/>
    </row>
    <row r="797115" spans="14:14">
      <c r="N797115" s="10"/>
    </row>
    <row r="797116" spans="14:14">
      <c r="N797116" s="10"/>
    </row>
    <row r="797117" spans="14:14">
      <c r="N797117" s="10"/>
    </row>
    <row r="797118" spans="14:14">
      <c r="N797118" s="10"/>
    </row>
    <row r="797119" spans="14:14">
      <c r="N797119" s="10"/>
    </row>
    <row r="797120" spans="14:14">
      <c r="N797120" s="10"/>
    </row>
    <row r="797121" spans="14:14">
      <c r="N797121" s="10"/>
    </row>
    <row r="797122" spans="14:14">
      <c r="N797122" s="10"/>
    </row>
    <row r="797123" spans="14:14">
      <c r="N797123" s="10"/>
    </row>
    <row r="797124" spans="14:14">
      <c r="N797124" s="10"/>
    </row>
    <row r="797125" spans="14:14">
      <c r="N797125" s="10"/>
    </row>
    <row r="797126" spans="14:14">
      <c r="N797126" s="10"/>
    </row>
    <row r="797127" spans="14:14">
      <c r="N797127" s="10"/>
    </row>
    <row r="797128" spans="14:14">
      <c r="N797128" s="10"/>
    </row>
    <row r="797129" spans="14:14">
      <c r="N797129" s="10"/>
    </row>
    <row r="797130" spans="14:14">
      <c r="N797130" s="10"/>
    </row>
    <row r="797131" spans="14:14">
      <c r="N797131" s="10"/>
    </row>
    <row r="797132" spans="14:14">
      <c r="N797132" s="10"/>
    </row>
    <row r="797133" spans="14:14">
      <c r="N797133" s="10"/>
    </row>
    <row r="797134" spans="14:14">
      <c r="N797134" s="10"/>
    </row>
    <row r="797135" spans="14:14">
      <c r="N797135" s="10"/>
    </row>
    <row r="797136" spans="14:14">
      <c r="N797136" s="10"/>
    </row>
    <row r="797137" spans="14:14">
      <c r="N797137" s="10"/>
    </row>
    <row r="797138" spans="14:14">
      <c r="N797138" s="10"/>
    </row>
    <row r="797139" spans="14:14">
      <c r="N797139" s="10"/>
    </row>
    <row r="797140" spans="14:14">
      <c r="N797140" s="10"/>
    </row>
    <row r="797141" spans="14:14">
      <c r="N797141" s="10"/>
    </row>
    <row r="797142" spans="14:14">
      <c r="N797142" s="10"/>
    </row>
    <row r="797143" spans="14:14">
      <c r="N797143" s="10"/>
    </row>
    <row r="797144" spans="14:14">
      <c r="N797144" s="10"/>
    </row>
    <row r="797145" spans="14:14">
      <c r="N797145" s="10"/>
    </row>
    <row r="797146" spans="14:14">
      <c r="N797146" s="10"/>
    </row>
    <row r="797147" spans="14:14">
      <c r="N797147" s="10"/>
    </row>
    <row r="797148" spans="14:14">
      <c r="N797148" s="10"/>
    </row>
    <row r="797149" spans="14:14">
      <c r="N797149" s="10"/>
    </row>
    <row r="797150" spans="14:14">
      <c r="N797150" s="10"/>
    </row>
    <row r="797151" spans="14:14">
      <c r="N797151" s="10"/>
    </row>
    <row r="797152" spans="14:14">
      <c r="N797152" s="10"/>
    </row>
    <row r="797153" spans="14:14">
      <c r="N797153" s="10"/>
    </row>
    <row r="797154" spans="14:14">
      <c r="N797154" s="10"/>
    </row>
    <row r="797155" spans="14:14">
      <c r="N797155" s="10"/>
    </row>
    <row r="797156" spans="14:14">
      <c r="N797156" s="10"/>
    </row>
    <row r="797157" spans="14:14">
      <c r="N797157" s="10"/>
    </row>
    <row r="797158" spans="14:14">
      <c r="N797158" s="10"/>
    </row>
    <row r="797159" spans="14:14">
      <c r="N797159" s="10"/>
    </row>
    <row r="797160" spans="14:14">
      <c r="N797160" s="10"/>
    </row>
    <row r="797161" spans="14:14">
      <c r="N797161" s="10"/>
    </row>
    <row r="797162" spans="14:14">
      <c r="N797162" s="10"/>
    </row>
    <row r="797163" spans="14:14">
      <c r="N797163" s="10"/>
    </row>
    <row r="797164" spans="14:14">
      <c r="N797164" s="10"/>
    </row>
    <row r="797165" spans="14:14">
      <c r="N797165" s="10"/>
    </row>
    <row r="797166" spans="14:14">
      <c r="N797166" s="10"/>
    </row>
    <row r="797167" spans="14:14">
      <c r="N797167" s="10"/>
    </row>
    <row r="797168" spans="14:14">
      <c r="N797168" s="10"/>
    </row>
    <row r="797169" spans="14:14">
      <c r="N797169" s="10"/>
    </row>
    <row r="797170" spans="14:14">
      <c r="N797170" s="10"/>
    </row>
    <row r="797171" spans="14:14">
      <c r="N797171" s="10"/>
    </row>
    <row r="797172" spans="14:14">
      <c r="N797172" s="10"/>
    </row>
    <row r="797173" spans="14:14">
      <c r="N797173" s="10"/>
    </row>
    <row r="797174" spans="14:14">
      <c r="N797174" s="10"/>
    </row>
    <row r="797175" spans="14:14">
      <c r="N797175" s="10"/>
    </row>
    <row r="797176" spans="14:14">
      <c r="N797176" s="10"/>
    </row>
    <row r="797177" spans="14:14">
      <c r="N797177" s="10"/>
    </row>
    <row r="797178" spans="14:14">
      <c r="N797178" s="10"/>
    </row>
    <row r="797179" spans="14:14">
      <c r="N797179" s="10"/>
    </row>
    <row r="797180" spans="14:14">
      <c r="N797180" s="10"/>
    </row>
    <row r="797181" spans="14:14">
      <c r="N797181" s="10"/>
    </row>
    <row r="797182" spans="14:14">
      <c r="N797182" s="10"/>
    </row>
    <row r="797183" spans="14:14">
      <c r="N797183" s="10"/>
    </row>
    <row r="797184" spans="14:14">
      <c r="N797184" s="10"/>
    </row>
    <row r="797185" spans="14:14">
      <c r="N797185" s="10"/>
    </row>
    <row r="797186" spans="14:14">
      <c r="N797186" s="10"/>
    </row>
    <row r="797187" spans="14:14">
      <c r="N797187" s="10"/>
    </row>
    <row r="797188" spans="14:14">
      <c r="N797188" s="10"/>
    </row>
    <row r="797189" spans="14:14">
      <c r="N797189" s="10"/>
    </row>
    <row r="797190" spans="14:14">
      <c r="N797190" s="10"/>
    </row>
    <row r="797191" spans="14:14">
      <c r="N797191" s="10"/>
    </row>
    <row r="797192" spans="14:14">
      <c r="N797192" s="10"/>
    </row>
    <row r="797193" spans="14:14">
      <c r="N797193" s="10"/>
    </row>
    <row r="797194" spans="14:14">
      <c r="N797194" s="10"/>
    </row>
    <row r="797195" spans="14:14">
      <c r="N797195" s="10"/>
    </row>
    <row r="797196" spans="14:14">
      <c r="N797196" s="10"/>
    </row>
    <row r="797197" spans="14:14">
      <c r="N797197" s="10"/>
    </row>
    <row r="797198" spans="14:14">
      <c r="N797198" s="10"/>
    </row>
    <row r="797199" spans="14:14">
      <c r="N797199" s="10"/>
    </row>
    <row r="797200" spans="14:14">
      <c r="N797200" s="10"/>
    </row>
    <row r="797201" spans="14:14">
      <c r="N797201" s="10"/>
    </row>
    <row r="797202" spans="14:14">
      <c r="N797202" s="10"/>
    </row>
    <row r="797203" spans="14:14">
      <c r="N797203" s="10"/>
    </row>
    <row r="797204" spans="14:14">
      <c r="N797204" s="10"/>
    </row>
    <row r="797205" spans="14:14">
      <c r="N797205" s="10"/>
    </row>
    <row r="797206" spans="14:14">
      <c r="N797206" s="10"/>
    </row>
    <row r="797207" spans="14:14">
      <c r="N797207" s="10"/>
    </row>
    <row r="797208" spans="14:14">
      <c r="N797208" s="10"/>
    </row>
    <row r="797209" spans="14:14">
      <c r="N797209" s="10"/>
    </row>
    <row r="797210" spans="14:14">
      <c r="N797210" s="10"/>
    </row>
    <row r="797211" spans="14:14">
      <c r="N797211" s="10"/>
    </row>
    <row r="797212" spans="14:14">
      <c r="N797212" s="10"/>
    </row>
    <row r="797213" spans="14:14">
      <c r="N797213" s="10"/>
    </row>
    <row r="797214" spans="14:14">
      <c r="N797214" s="10"/>
    </row>
    <row r="797215" spans="14:14">
      <c r="N797215" s="10"/>
    </row>
    <row r="797216" spans="14:14">
      <c r="N797216" s="10"/>
    </row>
    <row r="797217" spans="14:14">
      <c r="N797217" s="10"/>
    </row>
    <row r="797218" spans="14:14">
      <c r="N797218" s="10"/>
    </row>
    <row r="797219" spans="14:14">
      <c r="N797219" s="10"/>
    </row>
    <row r="797220" spans="14:14">
      <c r="N797220" s="10"/>
    </row>
    <row r="797221" spans="14:14">
      <c r="N797221" s="10"/>
    </row>
    <row r="797222" spans="14:14">
      <c r="N797222" s="10"/>
    </row>
    <row r="797223" spans="14:14">
      <c r="N797223" s="10"/>
    </row>
    <row r="797224" spans="14:14">
      <c r="N797224" s="10"/>
    </row>
    <row r="797225" spans="14:14">
      <c r="N797225" s="10"/>
    </row>
    <row r="797226" spans="14:14">
      <c r="N797226" s="10"/>
    </row>
    <row r="797227" spans="14:14">
      <c r="N797227" s="10"/>
    </row>
    <row r="797228" spans="14:14">
      <c r="N797228" s="10"/>
    </row>
    <row r="797229" spans="14:14">
      <c r="N797229" s="10"/>
    </row>
    <row r="797230" spans="14:14">
      <c r="N797230" s="10"/>
    </row>
    <row r="797231" spans="14:14">
      <c r="N797231" s="10"/>
    </row>
    <row r="797232" spans="14:14">
      <c r="N797232" s="10"/>
    </row>
    <row r="797233" spans="14:14">
      <c r="N797233" s="10"/>
    </row>
    <row r="797234" spans="14:14">
      <c r="N797234" s="10"/>
    </row>
    <row r="797235" spans="14:14">
      <c r="N797235" s="10"/>
    </row>
    <row r="797236" spans="14:14">
      <c r="N797236" s="10"/>
    </row>
    <row r="797237" spans="14:14">
      <c r="N797237" s="10"/>
    </row>
    <row r="797238" spans="14:14">
      <c r="N797238" s="10"/>
    </row>
    <row r="797239" spans="14:14">
      <c r="N797239" s="10"/>
    </row>
    <row r="797240" spans="14:14">
      <c r="N797240" s="10"/>
    </row>
    <row r="797241" spans="14:14">
      <c r="N797241" s="10"/>
    </row>
    <row r="797242" spans="14:14">
      <c r="N797242" s="10"/>
    </row>
    <row r="797243" spans="14:14">
      <c r="N797243" s="10"/>
    </row>
    <row r="797244" spans="14:14">
      <c r="N797244" s="10"/>
    </row>
    <row r="797245" spans="14:14">
      <c r="N797245" s="10"/>
    </row>
    <row r="797246" spans="14:14">
      <c r="N797246" s="10"/>
    </row>
    <row r="797247" spans="14:14">
      <c r="N797247" s="10"/>
    </row>
    <row r="797248" spans="14:14">
      <c r="N797248" s="10"/>
    </row>
    <row r="797249" spans="14:14">
      <c r="N797249" s="10"/>
    </row>
    <row r="797250" spans="14:14">
      <c r="N797250" s="10"/>
    </row>
    <row r="797251" spans="14:14">
      <c r="N797251" s="10"/>
    </row>
    <row r="797252" spans="14:14">
      <c r="N797252" s="10"/>
    </row>
    <row r="797253" spans="14:14">
      <c r="N797253" s="10"/>
    </row>
    <row r="797254" spans="14:14">
      <c r="N797254" s="10"/>
    </row>
    <row r="797255" spans="14:14">
      <c r="N797255" s="10"/>
    </row>
    <row r="797256" spans="14:14">
      <c r="N797256" s="10"/>
    </row>
    <row r="797257" spans="14:14">
      <c r="N797257" s="10"/>
    </row>
    <row r="797258" spans="14:14">
      <c r="N797258" s="10"/>
    </row>
    <row r="797259" spans="14:14">
      <c r="N797259" s="10"/>
    </row>
    <row r="797260" spans="14:14">
      <c r="N797260" s="10"/>
    </row>
    <row r="797261" spans="14:14">
      <c r="N797261" s="10"/>
    </row>
    <row r="797262" spans="14:14">
      <c r="N797262" s="10"/>
    </row>
    <row r="797263" spans="14:14">
      <c r="N797263" s="10"/>
    </row>
    <row r="797264" spans="14:14">
      <c r="N797264" s="10"/>
    </row>
    <row r="797265" spans="14:14">
      <c r="N797265" s="10"/>
    </row>
    <row r="797266" spans="14:14">
      <c r="N797266" s="10"/>
    </row>
    <row r="797267" spans="14:14">
      <c r="N797267" s="10"/>
    </row>
    <row r="797268" spans="14:14">
      <c r="N797268" s="10"/>
    </row>
    <row r="797269" spans="14:14">
      <c r="N797269" s="10"/>
    </row>
    <row r="797270" spans="14:14">
      <c r="N797270" s="10"/>
    </row>
    <row r="797271" spans="14:14">
      <c r="N797271" s="10"/>
    </row>
    <row r="797272" spans="14:14">
      <c r="N797272" s="10"/>
    </row>
    <row r="797273" spans="14:14">
      <c r="N797273" s="10"/>
    </row>
    <row r="797274" spans="14:14">
      <c r="N797274" s="10"/>
    </row>
    <row r="797275" spans="14:14">
      <c r="N797275" s="10"/>
    </row>
    <row r="797276" spans="14:14">
      <c r="N797276" s="10"/>
    </row>
    <row r="797277" spans="14:14">
      <c r="N797277" s="10"/>
    </row>
    <row r="797278" spans="14:14">
      <c r="N797278" s="10"/>
    </row>
    <row r="797279" spans="14:14">
      <c r="N797279" s="10"/>
    </row>
    <row r="797280" spans="14:14">
      <c r="N797280" s="10"/>
    </row>
    <row r="797281" spans="14:14">
      <c r="N797281" s="10"/>
    </row>
    <row r="797282" spans="14:14">
      <c r="N797282" s="10"/>
    </row>
    <row r="797283" spans="14:14">
      <c r="N797283" s="10"/>
    </row>
    <row r="797284" spans="14:14">
      <c r="N797284" s="10"/>
    </row>
    <row r="797285" spans="14:14">
      <c r="N797285" s="10"/>
    </row>
    <row r="797286" spans="14:14">
      <c r="N797286" s="10"/>
    </row>
    <row r="797287" spans="14:14">
      <c r="N797287" s="10"/>
    </row>
    <row r="797288" spans="14:14">
      <c r="N797288" s="10"/>
    </row>
    <row r="797289" spans="14:14">
      <c r="N797289" s="10"/>
    </row>
    <row r="797290" spans="14:14">
      <c r="N797290" s="10"/>
    </row>
    <row r="797291" spans="14:14">
      <c r="N797291" s="10"/>
    </row>
    <row r="797292" spans="14:14">
      <c r="N797292" s="10"/>
    </row>
    <row r="797293" spans="14:14">
      <c r="N797293" s="10"/>
    </row>
    <row r="797294" spans="14:14">
      <c r="N797294" s="10"/>
    </row>
    <row r="797295" spans="14:14">
      <c r="N797295" s="10"/>
    </row>
    <row r="797296" spans="14:14">
      <c r="N797296" s="10"/>
    </row>
    <row r="797297" spans="14:14">
      <c r="N797297" s="10"/>
    </row>
    <row r="797298" spans="14:14">
      <c r="N797298" s="10"/>
    </row>
    <row r="797299" spans="14:14">
      <c r="N797299" s="10"/>
    </row>
    <row r="797300" spans="14:14">
      <c r="N797300" s="10"/>
    </row>
    <row r="797301" spans="14:14">
      <c r="N797301" s="10"/>
    </row>
    <row r="797302" spans="14:14">
      <c r="N797302" s="10"/>
    </row>
    <row r="797303" spans="14:14">
      <c r="N797303" s="10"/>
    </row>
    <row r="797304" spans="14:14">
      <c r="N797304" s="10"/>
    </row>
    <row r="797305" spans="14:14">
      <c r="N797305" s="10"/>
    </row>
    <row r="797306" spans="14:14">
      <c r="N797306" s="10"/>
    </row>
    <row r="797307" spans="14:14">
      <c r="N797307" s="10"/>
    </row>
    <row r="797308" spans="14:14">
      <c r="N797308" s="10"/>
    </row>
    <row r="797309" spans="14:14">
      <c r="N797309" s="10"/>
    </row>
    <row r="797310" spans="14:14">
      <c r="N797310" s="10"/>
    </row>
    <row r="797311" spans="14:14">
      <c r="N797311" s="10"/>
    </row>
    <row r="797312" spans="14:14">
      <c r="N797312" s="10"/>
    </row>
    <row r="797313" spans="14:14">
      <c r="N797313" s="10"/>
    </row>
    <row r="797314" spans="14:14">
      <c r="N797314" s="10"/>
    </row>
    <row r="797315" spans="14:14">
      <c r="N797315" s="10"/>
    </row>
    <row r="797316" spans="14:14">
      <c r="N797316" s="10"/>
    </row>
    <row r="797317" spans="14:14">
      <c r="N797317" s="10"/>
    </row>
    <row r="797318" spans="14:14">
      <c r="N797318" s="10"/>
    </row>
    <row r="797319" spans="14:14">
      <c r="N797319" s="10"/>
    </row>
    <row r="797320" spans="14:14">
      <c r="N797320" s="10"/>
    </row>
    <row r="797321" spans="14:14">
      <c r="N797321" s="10"/>
    </row>
    <row r="797322" spans="14:14">
      <c r="N797322" s="10"/>
    </row>
    <row r="797323" spans="14:14">
      <c r="N797323" s="10"/>
    </row>
    <row r="797324" spans="14:14">
      <c r="N797324" s="10"/>
    </row>
    <row r="797325" spans="14:14">
      <c r="N797325" s="10"/>
    </row>
    <row r="797326" spans="14:14">
      <c r="N797326" s="10"/>
    </row>
    <row r="797327" spans="14:14">
      <c r="N797327" s="10"/>
    </row>
    <row r="797328" spans="14:14">
      <c r="N797328" s="10"/>
    </row>
    <row r="797329" spans="14:14">
      <c r="N797329" s="10"/>
    </row>
    <row r="797330" spans="14:14">
      <c r="N797330" s="10"/>
    </row>
    <row r="797331" spans="14:14">
      <c r="N797331" s="10"/>
    </row>
    <row r="797332" spans="14:14">
      <c r="N797332" s="10"/>
    </row>
    <row r="797333" spans="14:14">
      <c r="N797333" s="10"/>
    </row>
    <row r="797334" spans="14:14">
      <c r="N797334" s="10"/>
    </row>
    <row r="797335" spans="14:14">
      <c r="N797335" s="10"/>
    </row>
    <row r="797336" spans="14:14">
      <c r="N797336" s="10"/>
    </row>
    <row r="797337" spans="14:14">
      <c r="N797337" s="10"/>
    </row>
    <row r="797338" spans="14:14">
      <c r="N797338" s="10"/>
    </row>
    <row r="797339" spans="14:14">
      <c r="N797339" s="10"/>
    </row>
    <row r="797340" spans="14:14">
      <c r="N797340" s="10"/>
    </row>
    <row r="797341" spans="14:14">
      <c r="N797341" s="10"/>
    </row>
    <row r="797342" spans="14:14">
      <c r="N797342" s="10"/>
    </row>
    <row r="797343" spans="14:14">
      <c r="N797343" s="10"/>
    </row>
    <row r="797344" spans="14:14">
      <c r="N797344" s="10"/>
    </row>
    <row r="797345" spans="14:14">
      <c r="N797345" s="10"/>
    </row>
    <row r="797346" spans="14:14">
      <c r="N797346" s="10"/>
    </row>
    <row r="797347" spans="14:14">
      <c r="N797347" s="10"/>
    </row>
    <row r="797348" spans="14:14">
      <c r="N797348" s="10"/>
    </row>
    <row r="797349" spans="14:14">
      <c r="N797349" s="10"/>
    </row>
    <row r="797350" spans="14:14">
      <c r="N797350" s="10"/>
    </row>
    <row r="797351" spans="14:14">
      <c r="N797351" s="10"/>
    </row>
    <row r="797352" spans="14:14">
      <c r="N797352" s="10"/>
    </row>
    <row r="797353" spans="14:14">
      <c r="N797353" s="10"/>
    </row>
    <row r="797354" spans="14:14">
      <c r="N797354" s="10"/>
    </row>
    <row r="797355" spans="14:14">
      <c r="N797355" s="10"/>
    </row>
    <row r="797356" spans="14:14">
      <c r="N797356" s="10"/>
    </row>
    <row r="797357" spans="14:14">
      <c r="N797357" s="10"/>
    </row>
    <row r="797358" spans="14:14">
      <c r="N797358" s="10"/>
    </row>
    <row r="797359" spans="14:14">
      <c r="N797359" s="10"/>
    </row>
    <row r="797360" spans="14:14">
      <c r="N797360" s="10"/>
    </row>
    <row r="797361" spans="14:14">
      <c r="N797361" s="10"/>
    </row>
    <row r="797362" spans="14:14">
      <c r="N797362" s="10"/>
    </row>
    <row r="797363" spans="14:14">
      <c r="N797363" s="10"/>
    </row>
    <row r="797364" spans="14:14">
      <c r="N797364" s="10"/>
    </row>
    <row r="797365" spans="14:14">
      <c r="N797365" s="10"/>
    </row>
    <row r="797366" spans="14:14">
      <c r="N797366" s="10"/>
    </row>
    <row r="797367" spans="14:14">
      <c r="N797367" s="10"/>
    </row>
    <row r="797368" spans="14:14">
      <c r="N797368" s="10"/>
    </row>
    <row r="797369" spans="14:14">
      <c r="N797369" s="10"/>
    </row>
    <row r="797370" spans="14:14">
      <c r="N797370" s="10"/>
    </row>
    <row r="797371" spans="14:14">
      <c r="N797371" s="10"/>
    </row>
    <row r="797372" spans="14:14">
      <c r="N797372" s="10"/>
    </row>
    <row r="797373" spans="14:14">
      <c r="N797373" s="10"/>
    </row>
    <row r="797374" spans="14:14">
      <c r="N797374" s="10"/>
    </row>
    <row r="797375" spans="14:14">
      <c r="N797375" s="10"/>
    </row>
    <row r="797376" spans="14:14">
      <c r="N797376" s="10"/>
    </row>
    <row r="797377" spans="14:14">
      <c r="N797377" s="10"/>
    </row>
    <row r="797378" spans="14:14">
      <c r="N797378" s="10"/>
    </row>
    <row r="797379" spans="14:14">
      <c r="N797379" s="10"/>
    </row>
    <row r="797380" spans="14:14">
      <c r="N797380" s="10"/>
    </row>
    <row r="797381" spans="14:14">
      <c r="N797381" s="10"/>
    </row>
    <row r="797382" spans="14:14">
      <c r="N797382" s="10"/>
    </row>
    <row r="797383" spans="14:14">
      <c r="N797383" s="10"/>
    </row>
    <row r="797384" spans="14:14">
      <c r="N797384" s="10"/>
    </row>
    <row r="797385" spans="14:14">
      <c r="N797385" s="10"/>
    </row>
    <row r="797386" spans="14:14">
      <c r="N797386" s="10"/>
    </row>
    <row r="797387" spans="14:14">
      <c r="N797387" s="10"/>
    </row>
    <row r="797388" spans="14:14">
      <c r="N797388" s="10"/>
    </row>
    <row r="797389" spans="14:14">
      <c r="N797389" s="10"/>
    </row>
    <row r="797390" spans="14:14">
      <c r="N797390" s="10"/>
    </row>
    <row r="797391" spans="14:14">
      <c r="N797391" s="10"/>
    </row>
    <row r="797392" spans="14:14">
      <c r="N797392" s="10"/>
    </row>
    <row r="797393" spans="14:14">
      <c r="N797393" s="10"/>
    </row>
    <row r="797394" spans="14:14">
      <c r="N797394" s="10"/>
    </row>
    <row r="797395" spans="14:14">
      <c r="N797395" s="10"/>
    </row>
    <row r="797396" spans="14:14">
      <c r="N797396" s="10"/>
    </row>
    <row r="797397" spans="14:14">
      <c r="N797397" s="10"/>
    </row>
    <row r="797398" spans="14:14">
      <c r="N797398" s="10"/>
    </row>
    <row r="797399" spans="14:14">
      <c r="N797399" s="10"/>
    </row>
    <row r="797400" spans="14:14">
      <c r="N797400" s="10"/>
    </row>
    <row r="797401" spans="14:14">
      <c r="N797401" s="10"/>
    </row>
    <row r="797402" spans="14:14">
      <c r="N797402" s="10"/>
    </row>
    <row r="797403" spans="14:14">
      <c r="N797403" s="10"/>
    </row>
    <row r="797404" spans="14:14">
      <c r="N797404" s="10"/>
    </row>
    <row r="797405" spans="14:14">
      <c r="N797405" s="10"/>
    </row>
    <row r="797406" spans="14:14">
      <c r="N797406" s="10"/>
    </row>
    <row r="797407" spans="14:14">
      <c r="N797407" s="10"/>
    </row>
    <row r="797408" spans="14:14">
      <c r="N797408" s="10"/>
    </row>
    <row r="797409" spans="14:14">
      <c r="N797409" s="10"/>
    </row>
    <row r="797410" spans="14:14">
      <c r="N797410" s="10"/>
    </row>
    <row r="797411" spans="14:14">
      <c r="N797411" s="10"/>
    </row>
    <row r="797412" spans="14:14">
      <c r="N797412" s="10"/>
    </row>
    <row r="797413" spans="14:14">
      <c r="N797413" s="10"/>
    </row>
    <row r="797414" spans="14:14">
      <c r="N797414" s="10"/>
    </row>
    <row r="797415" spans="14:14">
      <c r="N797415" s="10"/>
    </row>
    <row r="797416" spans="14:14">
      <c r="N797416" s="10"/>
    </row>
    <row r="797417" spans="14:14">
      <c r="N797417" s="10"/>
    </row>
    <row r="797418" spans="14:14">
      <c r="N797418" s="10"/>
    </row>
    <row r="797419" spans="14:14">
      <c r="N797419" s="10"/>
    </row>
    <row r="797420" spans="14:14">
      <c r="N797420" s="10"/>
    </row>
    <row r="797421" spans="14:14">
      <c r="N797421" s="10"/>
    </row>
    <row r="797422" spans="14:14">
      <c r="N797422" s="10"/>
    </row>
    <row r="797423" spans="14:14">
      <c r="N797423" s="10"/>
    </row>
    <row r="797424" spans="14:14">
      <c r="N797424" s="10"/>
    </row>
    <row r="797425" spans="14:14">
      <c r="N797425" s="10"/>
    </row>
    <row r="797426" spans="14:14">
      <c r="N797426" s="10"/>
    </row>
    <row r="797427" spans="14:14">
      <c r="N797427" s="10"/>
    </row>
    <row r="797428" spans="14:14">
      <c r="N797428" s="10"/>
    </row>
    <row r="797429" spans="14:14">
      <c r="N797429" s="10"/>
    </row>
    <row r="797430" spans="14:14">
      <c r="N797430" s="10"/>
    </row>
    <row r="797431" spans="14:14">
      <c r="N797431" s="10"/>
    </row>
    <row r="797432" spans="14:14">
      <c r="N797432" s="10"/>
    </row>
    <row r="797433" spans="14:14">
      <c r="N797433" s="10"/>
    </row>
    <row r="797434" spans="14:14">
      <c r="N797434" s="10"/>
    </row>
    <row r="797435" spans="14:14">
      <c r="N797435" s="10"/>
    </row>
    <row r="797436" spans="14:14">
      <c r="N797436" s="10"/>
    </row>
    <row r="797437" spans="14:14">
      <c r="N797437" s="10"/>
    </row>
    <row r="797438" spans="14:14">
      <c r="N797438" s="10"/>
    </row>
    <row r="797439" spans="14:14">
      <c r="N797439" s="10"/>
    </row>
    <row r="797440" spans="14:14">
      <c r="N797440" s="10"/>
    </row>
    <row r="797441" spans="14:14">
      <c r="N797441" s="10"/>
    </row>
    <row r="797442" spans="14:14">
      <c r="N797442" s="10"/>
    </row>
    <row r="797443" spans="14:14">
      <c r="N797443" s="10"/>
    </row>
    <row r="797444" spans="14:14">
      <c r="N797444" s="10"/>
    </row>
    <row r="797445" spans="14:14">
      <c r="N797445" s="10"/>
    </row>
    <row r="797446" spans="14:14">
      <c r="N797446" s="10"/>
    </row>
    <row r="797447" spans="14:14">
      <c r="N797447" s="10"/>
    </row>
    <row r="797448" spans="14:14">
      <c r="N797448" s="10"/>
    </row>
    <row r="797449" spans="14:14">
      <c r="N797449" s="10"/>
    </row>
    <row r="797450" spans="14:14">
      <c r="N797450" s="10"/>
    </row>
    <row r="797451" spans="14:14">
      <c r="N797451" s="10"/>
    </row>
    <row r="797452" spans="14:14">
      <c r="N797452" s="10"/>
    </row>
    <row r="797453" spans="14:14">
      <c r="N797453" s="10"/>
    </row>
    <row r="797454" spans="14:14">
      <c r="N797454" s="10"/>
    </row>
    <row r="797455" spans="14:14">
      <c r="N797455" s="10"/>
    </row>
    <row r="797456" spans="14:14">
      <c r="N797456" s="10"/>
    </row>
    <row r="797457" spans="14:14">
      <c r="N797457" s="10"/>
    </row>
    <row r="797458" spans="14:14">
      <c r="N797458" s="10"/>
    </row>
    <row r="797459" spans="14:14">
      <c r="N797459" s="10"/>
    </row>
    <row r="797460" spans="14:14">
      <c r="N797460" s="10"/>
    </row>
    <row r="797461" spans="14:14">
      <c r="N797461" s="10"/>
    </row>
    <row r="797462" spans="14:14">
      <c r="N797462" s="10"/>
    </row>
    <row r="797463" spans="14:14">
      <c r="N797463" s="10"/>
    </row>
    <row r="797464" spans="14:14">
      <c r="N797464" s="10"/>
    </row>
    <row r="797465" spans="14:14">
      <c r="N797465" s="10"/>
    </row>
    <row r="797466" spans="14:14">
      <c r="N797466" s="10"/>
    </row>
    <row r="797467" spans="14:14">
      <c r="N797467" s="10"/>
    </row>
    <row r="797468" spans="14:14">
      <c r="N797468" s="10"/>
    </row>
    <row r="797469" spans="14:14">
      <c r="N797469" s="10"/>
    </row>
    <row r="797470" spans="14:14">
      <c r="N797470" s="10"/>
    </row>
    <row r="797471" spans="14:14">
      <c r="N797471" s="10"/>
    </row>
    <row r="797472" spans="14:14">
      <c r="N797472" s="10"/>
    </row>
    <row r="797473" spans="14:14">
      <c r="N797473" s="10"/>
    </row>
    <row r="797474" spans="14:14">
      <c r="N797474" s="10"/>
    </row>
    <row r="797475" spans="14:14">
      <c r="N797475" s="10"/>
    </row>
    <row r="797476" spans="14:14">
      <c r="N797476" s="10"/>
    </row>
    <row r="797477" spans="14:14">
      <c r="N797477" s="10"/>
    </row>
    <row r="797478" spans="14:14">
      <c r="N797478" s="10"/>
    </row>
    <row r="797479" spans="14:14">
      <c r="N797479" s="10"/>
    </row>
    <row r="797480" spans="14:14">
      <c r="N797480" s="10"/>
    </row>
    <row r="797481" spans="14:14">
      <c r="N797481" s="10"/>
    </row>
    <row r="797482" spans="14:14">
      <c r="N797482" s="10"/>
    </row>
    <row r="797483" spans="14:14">
      <c r="N797483" s="10"/>
    </row>
    <row r="797484" spans="14:14">
      <c r="N797484" s="10"/>
    </row>
    <row r="797485" spans="14:14">
      <c r="N797485" s="10"/>
    </row>
    <row r="797486" spans="14:14">
      <c r="N797486" s="10"/>
    </row>
    <row r="797487" spans="14:14">
      <c r="N797487" s="10"/>
    </row>
    <row r="797488" spans="14:14">
      <c r="N797488" s="10"/>
    </row>
    <row r="797489" spans="14:14">
      <c r="N797489" s="10"/>
    </row>
    <row r="797490" spans="14:14">
      <c r="N797490" s="10"/>
    </row>
    <row r="797491" spans="14:14">
      <c r="N797491" s="10"/>
    </row>
    <row r="797492" spans="14:14">
      <c r="N797492" s="10"/>
    </row>
    <row r="797493" spans="14:14">
      <c r="N797493" s="10"/>
    </row>
    <row r="797494" spans="14:14">
      <c r="N797494" s="10"/>
    </row>
    <row r="797495" spans="14:14">
      <c r="N797495" s="10"/>
    </row>
    <row r="797496" spans="14:14">
      <c r="N797496" s="10"/>
    </row>
    <row r="797497" spans="14:14">
      <c r="N797497" s="10"/>
    </row>
    <row r="797498" spans="14:14">
      <c r="N797498" s="10"/>
    </row>
    <row r="797499" spans="14:14">
      <c r="N797499" s="10"/>
    </row>
    <row r="797500" spans="14:14">
      <c r="N797500" s="10"/>
    </row>
    <row r="797501" spans="14:14">
      <c r="N797501" s="10"/>
    </row>
    <row r="797502" spans="14:14">
      <c r="N797502" s="10"/>
    </row>
    <row r="797503" spans="14:14">
      <c r="N797503" s="10"/>
    </row>
    <row r="797504" spans="14:14">
      <c r="N797504" s="10"/>
    </row>
    <row r="797505" spans="14:14">
      <c r="N797505" s="10"/>
    </row>
    <row r="797506" spans="14:14">
      <c r="N797506" s="10"/>
    </row>
    <row r="797507" spans="14:14">
      <c r="N797507" s="10"/>
    </row>
    <row r="797508" spans="14:14">
      <c r="N797508" s="10"/>
    </row>
    <row r="797509" spans="14:14">
      <c r="N797509" s="10"/>
    </row>
    <row r="797510" spans="14:14">
      <c r="N797510" s="10"/>
    </row>
    <row r="797511" spans="14:14">
      <c r="N797511" s="10"/>
    </row>
    <row r="797512" spans="14:14">
      <c r="N797512" s="10"/>
    </row>
    <row r="797513" spans="14:14">
      <c r="N797513" s="10"/>
    </row>
    <row r="797514" spans="14:14">
      <c r="N797514" s="10"/>
    </row>
    <row r="797515" spans="14:14">
      <c r="N797515" s="10"/>
    </row>
    <row r="797516" spans="14:14">
      <c r="N797516" s="10"/>
    </row>
    <row r="797517" spans="14:14">
      <c r="N797517" s="10"/>
    </row>
    <row r="797518" spans="14:14">
      <c r="N797518" s="10"/>
    </row>
    <row r="797519" spans="14:14">
      <c r="N797519" s="10"/>
    </row>
    <row r="797520" spans="14:14">
      <c r="N797520" s="10"/>
    </row>
    <row r="797521" spans="14:14">
      <c r="N797521" s="10"/>
    </row>
    <row r="797522" spans="14:14">
      <c r="N797522" s="10"/>
    </row>
    <row r="797523" spans="14:14">
      <c r="N797523" s="10"/>
    </row>
    <row r="797524" spans="14:14">
      <c r="N797524" s="10"/>
    </row>
    <row r="797525" spans="14:14">
      <c r="N797525" s="10"/>
    </row>
    <row r="797526" spans="14:14">
      <c r="N797526" s="10"/>
    </row>
    <row r="797527" spans="14:14">
      <c r="N797527" s="10"/>
    </row>
    <row r="797528" spans="14:14">
      <c r="N797528" s="10"/>
    </row>
    <row r="797529" spans="14:14">
      <c r="N797529" s="10"/>
    </row>
    <row r="797530" spans="14:14">
      <c r="N797530" s="10"/>
    </row>
    <row r="797531" spans="14:14">
      <c r="N797531" s="10"/>
    </row>
    <row r="797532" spans="14:14">
      <c r="N797532" s="10"/>
    </row>
    <row r="797533" spans="14:14">
      <c r="N797533" s="10"/>
    </row>
    <row r="797534" spans="14:14">
      <c r="N797534" s="10"/>
    </row>
    <row r="797535" spans="14:14">
      <c r="N797535" s="10"/>
    </row>
    <row r="797536" spans="14:14">
      <c r="N797536" s="10"/>
    </row>
    <row r="797537" spans="14:14">
      <c r="N797537" s="10"/>
    </row>
    <row r="797538" spans="14:14">
      <c r="N797538" s="10"/>
    </row>
    <row r="797539" spans="14:14">
      <c r="N797539" s="10"/>
    </row>
    <row r="797540" spans="14:14">
      <c r="N797540" s="10"/>
    </row>
    <row r="797541" spans="14:14">
      <c r="N797541" s="10"/>
    </row>
    <row r="797542" spans="14:14">
      <c r="N797542" s="10"/>
    </row>
    <row r="797543" spans="14:14">
      <c r="N797543" s="10"/>
    </row>
    <row r="797544" spans="14:14">
      <c r="N797544" s="10"/>
    </row>
    <row r="797545" spans="14:14">
      <c r="N797545" s="10"/>
    </row>
    <row r="797546" spans="14:14">
      <c r="N797546" s="10"/>
    </row>
    <row r="797547" spans="14:14">
      <c r="N797547" s="10"/>
    </row>
    <row r="797548" spans="14:14">
      <c r="N797548" s="10"/>
    </row>
    <row r="797549" spans="14:14">
      <c r="N797549" s="10"/>
    </row>
    <row r="797550" spans="14:14">
      <c r="N797550" s="10"/>
    </row>
    <row r="797551" spans="14:14">
      <c r="N797551" s="10"/>
    </row>
    <row r="797552" spans="14:14">
      <c r="N797552" s="10"/>
    </row>
    <row r="797553" spans="14:14">
      <c r="N797553" s="10"/>
    </row>
    <row r="797554" spans="14:14">
      <c r="N797554" s="10"/>
    </row>
    <row r="797555" spans="14:14">
      <c r="N797555" s="10"/>
    </row>
    <row r="797556" spans="14:14">
      <c r="N797556" s="10"/>
    </row>
    <row r="797557" spans="14:14">
      <c r="N797557" s="10"/>
    </row>
    <row r="797558" spans="14:14">
      <c r="N797558" s="10"/>
    </row>
    <row r="797559" spans="14:14">
      <c r="N797559" s="10"/>
    </row>
    <row r="797560" spans="14:14">
      <c r="N797560" s="10"/>
    </row>
    <row r="797561" spans="14:14">
      <c r="N797561" s="10"/>
    </row>
    <row r="797562" spans="14:14">
      <c r="N797562" s="10"/>
    </row>
    <row r="797563" spans="14:14">
      <c r="N797563" s="10"/>
    </row>
    <row r="797564" spans="14:14">
      <c r="N797564" s="10"/>
    </row>
    <row r="797565" spans="14:14">
      <c r="N797565" s="10"/>
    </row>
    <row r="797566" spans="14:14">
      <c r="N797566" s="10"/>
    </row>
    <row r="797567" spans="14:14">
      <c r="N797567" s="10"/>
    </row>
    <row r="797568" spans="14:14">
      <c r="N797568" s="10"/>
    </row>
    <row r="797569" spans="14:14">
      <c r="N797569" s="10"/>
    </row>
    <row r="797570" spans="14:14">
      <c r="N797570" s="10"/>
    </row>
    <row r="797571" spans="14:14">
      <c r="N797571" s="10"/>
    </row>
    <row r="797572" spans="14:14">
      <c r="N797572" s="10"/>
    </row>
    <row r="797573" spans="14:14">
      <c r="N797573" s="10"/>
    </row>
    <row r="797574" spans="14:14">
      <c r="N797574" s="10"/>
    </row>
    <row r="797575" spans="14:14">
      <c r="N797575" s="10"/>
    </row>
    <row r="797576" spans="14:14">
      <c r="N797576" s="10"/>
    </row>
    <row r="797577" spans="14:14">
      <c r="N797577" s="10"/>
    </row>
    <row r="797578" spans="14:14">
      <c r="N797578" s="10"/>
    </row>
    <row r="797579" spans="14:14">
      <c r="N797579" s="10"/>
    </row>
    <row r="797580" spans="14:14">
      <c r="N797580" s="10"/>
    </row>
    <row r="797581" spans="14:14">
      <c r="N797581" s="10"/>
    </row>
    <row r="797582" spans="14:14">
      <c r="N797582" s="10"/>
    </row>
    <row r="797583" spans="14:14">
      <c r="N797583" s="10"/>
    </row>
    <row r="797584" spans="14:14">
      <c r="N797584" s="10"/>
    </row>
    <row r="797585" spans="14:14">
      <c r="N797585" s="10"/>
    </row>
    <row r="797586" spans="14:14">
      <c r="N797586" s="10"/>
    </row>
    <row r="797587" spans="14:14">
      <c r="N797587" s="10"/>
    </row>
    <row r="797588" spans="14:14">
      <c r="N797588" s="10"/>
    </row>
    <row r="797589" spans="14:14">
      <c r="N797589" s="10"/>
    </row>
    <row r="797590" spans="14:14">
      <c r="N797590" s="10"/>
    </row>
    <row r="797591" spans="14:14">
      <c r="N797591" s="10"/>
    </row>
    <row r="797592" spans="14:14">
      <c r="N797592" s="10"/>
    </row>
    <row r="797593" spans="14:14">
      <c r="N797593" s="10"/>
    </row>
    <row r="797594" spans="14:14">
      <c r="N797594" s="10"/>
    </row>
    <row r="797595" spans="14:14">
      <c r="N797595" s="10"/>
    </row>
    <row r="797596" spans="14:14">
      <c r="N797596" s="10"/>
    </row>
    <row r="797597" spans="14:14">
      <c r="N797597" s="10"/>
    </row>
    <row r="797598" spans="14:14">
      <c r="N797598" s="10"/>
    </row>
    <row r="797599" spans="14:14">
      <c r="N797599" s="10"/>
    </row>
    <row r="797600" spans="14:14">
      <c r="N797600" s="10"/>
    </row>
    <row r="797601" spans="14:14">
      <c r="N797601" s="10"/>
    </row>
    <row r="797602" spans="14:14">
      <c r="N797602" s="10"/>
    </row>
    <row r="797603" spans="14:14">
      <c r="N797603" s="10"/>
    </row>
    <row r="797604" spans="14:14">
      <c r="N797604" s="10"/>
    </row>
    <row r="797605" spans="14:14">
      <c r="N797605" s="10"/>
    </row>
    <row r="797606" spans="14:14">
      <c r="N797606" s="10"/>
    </row>
    <row r="797607" spans="14:14">
      <c r="N797607" s="10"/>
    </row>
    <row r="797608" spans="14:14">
      <c r="N797608" s="10"/>
    </row>
    <row r="797609" spans="14:14">
      <c r="N797609" s="10"/>
    </row>
    <row r="797610" spans="14:14">
      <c r="N797610" s="10"/>
    </row>
    <row r="797611" spans="14:14">
      <c r="N797611" s="10"/>
    </row>
    <row r="797612" spans="14:14">
      <c r="N797612" s="10"/>
    </row>
    <row r="797613" spans="14:14">
      <c r="N797613" s="10"/>
    </row>
    <row r="797614" spans="14:14">
      <c r="N797614" s="10"/>
    </row>
    <row r="797615" spans="14:14">
      <c r="N797615" s="10"/>
    </row>
    <row r="797616" spans="14:14">
      <c r="N797616" s="10"/>
    </row>
    <row r="797617" spans="14:14">
      <c r="N797617" s="10"/>
    </row>
    <row r="797618" spans="14:14">
      <c r="N797618" s="10"/>
    </row>
    <row r="797619" spans="14:14">
      <c r="N797619" s="10"/>
    </row>
    <row r="797620" spans="14:14">
      <c r="N797620" s="10"/>
    </row>
    <row r="797621" spans="14:14">
      <c r="N797621" s="10"/>
    </row>
    <row r="797622" spans="14:14">
      <c r="N797622" s="10"/>
    </row>
    <row r="797623" spans="14:14">
      <c r="N797623" s="10"/>
    </row>
    <row r="797624" spans="14:14">
      <c r="N797624" s="10"/>
    </row>
    <row r="797625" spans="14:14">
      <c r="N797625" s="10"/>
    </row>
    <row r="797626" spans="14:14">
      <c r="N797626" s="10"/>
    </row>
    <row r="797627" spans="14:14">
      <c r="N797627" s="10"/>
    </row>
    <row r="797628" spans="14:14">
      <c r="N797628" s="10"/>
    </row>
    <row r="797629" spans="14:14">
      <c r="N797629" s="10"/>
    </row>
    <row r="797630" spans="14:14">
      <c r="N797630" s="10"/>
    </row>
    <row r="797631" spans="14:14">
      <c r="N797631" s="10"/>
    </row>
    <row r="797632" spans="14:14">
      <c r="N797632" s="10"/>
    </row>
    <row r="797633" spans="14:14">
      <c r="N797633" s="10"/>
    </row>
    <row r="797634" spans="14:14">
      <c r="N797634" s="10"/>
    </row>
    <row r="797635" spans="14:14">
      <c r="N797635" s="10"/>
    </row>
    <row r="797636" spans="14:14">
      <c r="N797636" s="10"/>
    </row>
    <row r="797637" spans="14:14">
      <c r="N797637" s="10"/>
    </row>
    <row r="797638" spans="14:14">
      <c r="N797638" s="10"/>
    </row>
    <row r="797639" spans="14:14">
      <c r="N797639" s="10"/>
    </row>
    <row r="797640" spans="14:14">
      <c r="N797640" s="10"/>
    </row>
    <row r="797641" spans="14:14">
      <c r="N797641" s="10"/>
    </row>
    <row r="797642" spans="14:14">
      <c r="N797642" s="10"/>
    </row>
    <row r="797643" spans="14:14">
      <c r="N797643" s="10"/>
    </row>
    <row r="797644" spans="14:14">
      <c r="N797644" s="10"/>
    </row>
    <row r="797645" spans="14:14">
      <c r="N797645" s="10"/>
    </row>
    <row r="797646" spans="14:14">
      <c r="N797646" s="10"/>
    </row>
    <row r="797647" spans="14:14">
      <c r="N797647" s="10"/>
    </row>
    <row r="797648" spans="14:14">
      <c r="N797648" s="10"/>
    </row>
    <row r="797649" spans="14:14">
      <c r="N797649" s="10"/>
    </row>
    <row r="797650" spans="14:14">
      <c r="N797650" s="10"/>
    </row>
    <row r="797651" spans="14:14">
      <c r="N797651" s="10"/>
    </row>
    <row r="797652" spans="14:14">
      <c r="N797652" s="10"/>
    </row>
    <row r="797653" spans="14:14">
      <c r="N797653" s="10"/>
    </row>
    <row r="797654" spans="14:14">
      <c r="N797654" s="10"/>
    </row>
    <row r="797655" spans="14:14">
      <c r="N797655" s="10"/>
    </row>
    <row r="797656" spans="14:14">
      <c r="N797656" s="10"/>
    </row>
    <row r="797657" spans="14:14">
      <c r="N797657" s="10"/>
    </row>
    <row r="797658" spans="14:14">
      <c r="N797658" s="10"/>
    </row>
    <row r="797659" spans="14:14">
      <c r="N797659" s="10"/>
    </row>
    <row r="797660" spans="14:14">
      <c r="N797660" s="10"/>
    </row>
    <row r="797661" spans="14:14">
      <c r="N797661" s="10"/>
    </row>
    <row r="797662" spans="14:14">
      <c r="N797662" s="10"/>
    </row>
    <row r="797663" spans="14:14">
      <c r="N797663" s="10"/>
    </row>
    <row r="797664" spans="14:14">
      <c r="N797664" s="10"/>
    </row>
    <row r="797665" spans="14:14">
      <c r="N797665" s="10"/>
    </row>
    <row r="797666" spans="14:14">
      <c r="N797666" s="10"/>
    </row>
    <row r="797667" spans="14:14">
      <c r="N797667" s="10"/>
    </row>
    <row r="797668" spans="14:14">
      <c r="N797668" s="10"/>
    </row>
    <row r="797669" spans="14:14">
      <c r="N797669" s="10"/>
    </row>
    <row r="797670" spans="14:14">
      <c r="N797670" s="10"/>
    </row>
    <row r="797671" spans="14:14">
      <c r="N797671" s="10"/>
    </row>
    <row r="797672" spans="14:14">
      <c r="N797672" s="10"/>
    </row>
    <row r="797673" spans="14:14">
      <c r="N797673" s="10"/>
    </row>
    <row r="797674" spans="14:14">
      <c r="N797674" s="10"/>
    </row>
    <row r="797675" spans="14:14">
      <c r="N797675" s="10"/>
    </row>
    <row r="797676" spans="14:14">
      <c r="N797676" s="10"/>
    </row>
    <row r="797677" spans="14:14">
      <c r="N797677" s="10"/>
    </row>
    <row r="797678" spans="14:14">
      <c r="N797678" s="10"/>
    </row>
    <row r="797679" spans="14:14">
      <c r="N797679" s="10"/>
    </row>
    <row r="797680" spans="14:14">
      <c r="N797680" s="10"/>
    </row>
    <row r="797681" spans="14:14">
      <c r="N797681" s="10"/>
    </row>
    <row r="797682" spans="14:14">
      <c r="N797682" s="10"/>
    </row>
    <row r="797683" spans="14:14">
      <c r="N797683" s="10"/>
    </row>
    <row r="797684" spans="14:14">
      <c r="N797684" s="10"/>
    </row>
    <row r="797685" spans="14:14">
      <c r="N797685" s="10"/>
    </row>
    <row r="797686" spans="14:14">
      <c r="N797686" s="10"/>
    </row>
    <row r="797687" spans="14:14">
      <c r="N797687" s="10"/>
    </row>
    <row r="797688" spans="14:14">
      <c r="N797688" s="10"/>
    </row>
    <row r="797689" spans="14:14">
      <c r="N797689" s="10"/>
    </row>
    <row r="797690" spans="14:14">
      <c r="N797690" s="10"/>
    </row>
    <row r="797691" spans="14:14">
      <c r="N797691" s="10"/>
    </row>
    <row r="797692" spans="14:14">
      <c r="N797692" s="10"/>
    </row>
    <row r="797693" spans="14:14">
      <c r="N797693" s="10"/>
    </row>
    <row r="797694" spans="14:14">
      <c r="N797694" s="10"/>
    </row>
    <row r="797695" spans="14:14">
      <c r="N797695" s="10"/>
    </row>
    <row r="797696" spans="14:14">
      <c r="N797696" s="10"/>
    </row>
    <row r="797697" spans="14:14">
      <c r="N797697" s="10"/>
    </row>
    <row r="797698" spans="14:14">
      <c r="N797698" s="10"/>
    </row>
    <row r="797699" spans="14:14">
      <c r="N797699" s="10"/>
    </row>
    <row r="797700" spans="14:14">
      <c r="N797700" s="10"/>
    </row>
    <row r="797701" spans="14:14">
      <c r="N797701" s="10"/>
    </row>
    <row r="797702" spans="14:14">
      <c r="N797702" s="10"/>
    </row>
    <row r="797703" spans="14:14">
      <c r="N797703" s="10"/>
    </row>
    <row r="797704" spans="14:14">
      <c r="N797704" s="10"/>
    </row>
    <row r="797705" spans="14:14">
      <c r="N797705" s="10"/>
    </row>
    <row r="797706" spans="14:14">
      <c r="N797706" s="10"/>
    </row>
    <row r="797707" spans="14:14">
      <c r="N797707" s="10"/>
    </row>
    <row r="797708" spans="14:14">
      <c r="N797708" s="10"/>
    </row>
    <row r="797709" spans="14:14">
      <c r="N797709" s="10"/>
    </row>
    <row r="797710" spans="14:14">
      <c r="N797710" s="10"/>
    </row>
    <row r="797711" spans="14:14">
      <c r="N797711" s="10"/>
    </row>
    <row r="797712" spans="14:14">
      <c r="N797712" s="10"/>
    </row>
    <row r="797713" spans="14:14">
      <c r="N797713" s="10"/>
    </row>
    <row r="797714" spans="14:14">
      <c r="N797714" s="10"/>
    </row>
    <row r="797715" spans="14:14">
      <c r="N797715" s="10"/>
    </row>
    <row r="797716" spans="14:14">
      <c r="N797716" s="10"/>
    </row>
    <row r="797717" spans="14:14">
      <c r="N797717" s="10"/>
    </row>
    <row r="797718" spans="14:14">
      <c r="N797718" s="10"/>
    </row>
    <row r="797719" spans="14:14">
      <c r="N797719" s="10"/>
    </row>
    <row r="797720" spans="14:14">
      <c r="N797720" s="10"/>
    </row>
    <row r="797721" spans="14:14">
      <c r="N797721" s="10"/>
    </row>
    <row r="797722" spans="14:14">
      <c r="N797722" s="10"/>
    </row>
    <row r="797723" spans="14:14">
      <c r="N797723" s="10"/>
    </row>
    <row r="797724" spans="14:14">
      <c r="N797724" s="10"/>
    </row>
    <row r="797725" spans="14:14">
      <c r="N797725" s="10"/>
    </row>
    <row r="797726" spans="14:14">
      <c r="N797726" s="10"/>
    </row>
    <row r="797727" spans="14:14">
      <c r="N797727" s="10"/>
    </row>
    <row r="797728" spans="14:14">
      <c r="N797728" s="10"/>
    </row>
    <row r="797729" spans="14:14">
      <c r="N797729" s="10"/>
    </row>
    <row r="797730" spans="14:14">
      <c r="N797730" s="10"/>
    </row>
    <row r="797731" spans="14:14">
      <c r="N797731" s="10"/>
    </row>
    <row r="797732" spans="14:14">
      <c r="N797732" s="10"/>
    </row>
    <row r="797733" spans="14:14">
      <c r="N797733" s="10"/>
    </row>
    <row r="797734" spans="14:14">
      <c r="N797734" s="10"/>
    </row>
    <row r="797735" spans="14:14">
      <c r="N797735" s="10"/>
    </row>
    <row r="797736" spans="14:14">
      <c r="N797736" s="10"/>
    </row>
    <row r="797737" spans="14:14">
      <c r="N797737" s="10"/>
    </row>
    <row r="797738" spans="14:14">
      <c r="N797738" s="10"/>
    </row>
    <row r="797739" spans="14:14">
      <c r="N797739" s="10"/>
    </row>
    <row r="797740" spans="14:14">
      <c r="N797740" s="10"/>
    </row>
    <row r="797741" spans="14:14">
      <c r="N797741" s="10"/>
    </row>
    <row r="797742" spans="14:14">
      <c r="N797742" s="10"/>
    </row>
    <row r="797743" spans="14:14">
      <c r="N797743" s="10"/>
    </row>
    <row r="797744" spans="14:14">
      <c r="N797744" s="10"/>
    </row>
    <row r="797745" spans="14:14">
      <c r="N797745" s="10"/>
    </row>
    <row r="797746" spans="14:14">
      <c r="N797746" s="10"/>
    </row>
    <row r="797747" spans="14:14">
      <c r="N797747" s="10"/>
    </row>
    <row r="797748" spans="14:14">
      <c r="N797748" s="10"/>
    </row>
    <row r="797749" spans="14:14">
      <c r="N797749" s="10"/>
    </row>
    <row r="797750" spans="14:14">
      <c r="N797750" s="10"/>
    </row>
    <row r="797751" spans="14:14">
      <c r="N797751" s="10"/>
    </row>
    <row r="797752" spans="14:14">
      <c r="N797752" s="10"/>
    </row>
    <row r="797753" spans="14:14">
      <c r="N797753" s="10"/>
    </row>
    <row r="797754" spans="14:14">
      <c r="N797754" s="10"/>
    </row>
    <row r="797755" spans="14:14">
      <c r="N797755" s="10"/>
    </row>
    <row r="797756" spans="14:14">
      <c r="N797756" s="10"/>
    </row>
    <row r="797757" spans="14:14">
      <c r="N797757" s="10"/>
    </row>
    <row r="797758" spans="14:14">
      <c r="N797758" s="10"/>
    </row>
    <row r="797759" spans="14:14">
      <c r="N797759" s="10"/>
    </row>
    <row r="797760" spans="14:14">
      <c r="N797760" s="10"/>
    </row>
    <row r="797761" spans="14:14">
      <c r="N797761" s="10"/>
    </row>
    <row r="797762" spans="14:14">
      <c r="N797762" s="10"/>
    </row>
    <row r="797763" spans="14:14">
      <c r="N797763" s="10"/>
    </row>
    <row r="797764" spans="14:14">
      <c r="N797764" s="10"/>
    </row>
    <row r="797765" spans="14:14">
      <c r="N797765" s="10"/>
    </row>
    <row r="797766" spans="14:14">
      <c r="N797766" s="10"/>
    </row>
    <row r="797767" spans="14:14">
      <c r="N797767" s="10"/>
    </row>
    <row r="797768" spans="14:14">
      <c r="N797768" s="10"/>
    </row>
    <row r="797769" spans="14:14">
      <c r="N797769" s="10"/>
    </row>
    <row r="797770" spans="14:14">
      <c r="N797770" s="10"/>
    </row>
    <row r="797771" spans="14:14">
      <c r="N797771" s="10"/>
    </row>
    <row r="797772" spans="14:14">
      <c r="N797772" s="10"/>
    </row>
    <row r="797773" spans="14:14">
      <c r="N797773" s="10"/>
    </row>
    <row r="797774" spans="14:14">
      <c r="N797774" s="10"/>
    </row>
    <row r="797775" spans="14:14">
      <c r="N797775" s="10"/>
    </row>
    <row r="797776" spans="14:14">
      <c r="N797776" s="10"/>
    </row>
    <row r="797777" spans="14:14">
      <c r="N797777" s="10"/>
    </row>
    <row r="797778" spans="14:14">
      <c r="N797778" s="10"/>
    </row>
    <row r="797779" spans="14:14">
      <c r="N797779" s="10"/>
    </row>
    <row r="797780" spans="14:14">
      <c r="N797780" s="10"/>
    </row>
    <row r="797781" spans="14:14">
      <c r="N797781" s="10"/>
    </row>
    <row r="797782" spans="14:14">
      <c r="N797782" s="10"/>
    </row>
    <row r="797783" spans="14:14">
      <c r="N797783" s="10"/>
    </row>
    <row r="797784" spans="14:14">
      <c r="N797784" s="10"/>
    </row>
    <row r="797785" spans="14:14">
      <c r="N797785" s="10"/>
    </row>
    <row r="797786" spans="14:14">
      <c r="N797786" s="10"/>
    </row>
    <row r="797787" spans="14:14">
      <c r="N797787" s="10"/>
    </row>
    <row r="797788" spans="14:14">
      <c r="N797788" s="10"/>
    </row>
    <row r="797789" spans="14:14">
      <c r="N797789" s="10"/>
    </row>
    <row r="797790" spans="14:14">
      <c r="N797790" s="10"/>
    </row>
    <row r="797791" spans="14:14">
      <c r="N797791" s="10"/>
    </row>
    <row r="797792" spans="14:14">
      <c r="N797792" s="10"/>
    </row>
    <row r="797793" spans="14:14">
      <c r="N797793" s="10"/>
    </row>
    <row r="797794" spans="14:14">
      <c r="N797794" s="10"/>
    </row>
    <row r="797795" spans="14:14">
      <c r="N797795" s="10"/>
    </row>
    <row r="797796" spans="14:14">
      <c r="N797796" s="10"/>
    </row>
    <row r="797797" spans="14:14">
      <c r="N797797" s="10"/>
    </row>
    <row r="797798" spans="14:14">
      <c r="N797798" s="10"/>
    </row>
    <row r="797799" spans="14:14">
      <c r="N797799" s="10"/>
    </row>
    <row r="797800" spans="14:14">
      <c r="N797800" s="10"/>
    </row>
    <row r="797801" spans="14:14">
      <c r="N797801" s="10"/>
    </row>
    <row r="797802" spans="14:14">
      <c r="N797802" s="10"/>
    </row>
    <row r="797803" spans="14:14">
      <c r="N797803" s="10"/>
    </row>
    <row r="797804" spans="14:14">
      <c r="N797804" s="10"/>
    </row>
    <row r="797805" spans="14:14">
      <c r="N797805" s="10"/>
    </row>
    <row r="797806" spans="14:14">
      <c r="N797806" s="10"/>
    </row>
    <row r="797807" spans="14:14">
      <c r="N797807" s="10"/>
    </row>
    <row r="797808" spans="14:14">
      <c r="N797808" s="10"/>
    </row>
    <row r="797809" spans="14:14">
      <c r="N797809" s="10"/>
    </row>
    <row r="797810" spans="14:14">
      <c r="N797810" s="10"/>
    </row>
    <row r="797811" spans="14:14">
      <c r="N797811" s="10"/>
    </row>
    <row r="797812" spans="14:14">
      <c r="N797812" s="10"/>
    </row>
    <row r="797813" spans="14:14">
      <c r="N797813" s="10"/>
    </row>
    <row r="797814" spans="14:14">
      <c r="N797814" s="10"/>
    </row>
    <row r="797815" spans="14:14">
      <c r="N797815" s="10"/>
    </row>
    <row r="797816" spans="14:14">
      <c r="N797816" s="10"/>
    </row>
    <row r="797817" spans="14:14">
      <c r="N797817" s="10"/>
    </row>
    <row r="797818" spans="14:14">
      <c r="N797818" s="10"/>
    </row>
    <row r="797819" spans="14:14">
      <c r="N797819" s="10"/>
    </row>
    <row r="797820" spans="14:14">
      <c r="N797820" s="10"/>
    </row>
    <row r="797821" spans="14:14">
      <c r="N797821" s="10"/>
    </row>
    <row r="797822" spans="14:14">
      <c r="N797822" s="10"/>
    </row>
    <row r="797823" spans="14:14">
      <c r="N797823" s="10"/>
    </row>
    <row r="797824" spans="14:14">
      <c r="N797824" s="10"/>
    </row>
    <row r="797825" spans="14:14">
      <c r="N797825" s="10"/>
    </row>
    <row r="797826" spans="14:14">
      <c r="N797826" s="10"/>
    </row>
    <row r="797827" spans="14:14">
      <c r="N797827" s="10"/>
    </row>
    <row r="797828" spans="14:14">
      <c r="N797828" s="10"/>
    </row>
    <row r="797829" spans="14:14">
      <c r="N797829" s="10"/>
    </row>
    <row r="797830" spans="14:14">
      <c r="N797830" s="10"/>
    </row>
    <row r="797831" spans="14:14">
      <c r="N797831" s="10"/>
    </row>
    <row r="797832" spans="14:14">
      <c r="N797832" s="10"/>
    </row>
    <row r="797833" spans="14:14">
      <c r="N797833" s="10"/>
    </row>
    <row r="797834" spans="14:14">
      <c r="N797834" s="10"/>
    </row>
    <row r="797835" spans="14:14">
      <c r="N797835" s="10"/>
    </row>
    <row r="797836" spans="14:14">
      <c r="N797836" s="10"/>
    </row>
    <row r="797837" spans="14:14">
      <c r="N797837" s="10"/>
    </row>
    <row r="797838" spans="14:14">
      <c r="N797838" s="10"/>
    </row>
    <row r="797839" spans="14:14">
      <c r="N797839" s="10"/>
    </row>
    <row r="797840" spans="14:14">
      <c r="N797840" s="10"/>
    </row>
    <row r="797841" spans="14:14">
      <c r="N797841" s="10"/>
    </row>
    <row r="797842" spans="14:14">
      <c r="N797842" s="10"/>
    </row>
    <row r="797843" spans="14:14">
      <c r="N797843" s="10"/>
    </row>
    <row r="797844" spans="14:14">
      <c r="N797844" s="10"/>
    </row>
    <row r="797845" spans="14:14">
      <c r="N797845" s="10"/>
    </row>
    <row r="797846" spans="14:14">
      <c r="N797846" s="10"/>
    </row>
    <row r="797847" spans="14:14">
      <c r="N797847" s="10"/>
    </row>
    <row r="797848" spans="14:14">
      <c r="N797848" s="10"/>
    </row>
    <row r="797849" spans="14:14">
      <c r="N797849" s="10"/>
    </row>
    <row r="797850" spans="14:14">
      <c r="N797850" s="10"/>
    </row>
    <row r="797851" spans="14:14">
      <c r="N797851" s="10"/>
    </row>
    <row r="797852" spans="14:14">
      <c r="N797852" s="10"/>
    </row>
    <row r="797853" spans="14:14">
      <c r="N797853" s="10"/>
    </row>
    <row r="797854" spans="14:14">
      <c r="N797854" s="10"/>
    </row>
    <row r="797855" spans="14:14">
      <c r="N797855" s="10"/>
    </row>
    <row r="797856" spans="14:14">
      <c r="N797856" s="10"/>
    </row>
    <row r="797857" spans="14:14">
      <c r="N797857" s="10"/>
    </row>
    <row r="797858" spans="14:14">
      <c r="N797858" s="10"/>
    </row>
    <row r="797859" spans="14:14">
      <c r="N797859" s="10"/>
    </row>
    <row r="797860" spans="14:14">
      <c r="N797860" s="10"/>
    </row>
    <row r="797861" spans="14:14">
      <c r="N797861" s="10"/>
    </row>
    <row r="797862" spans="14:14">
      <c r="N797862" s="10"/>
    </row>
    <row r="797863" spans="14:14">
      <c r="N797863" s="10"/>
    </row>
    <row r="797864" spans="14:14">
      <c r="N797864" s="10"/>
    </row>
    <row r="797865" spans="14:14">
      <c r="N797865" s="10"/>
    </row>
    <row r="797866" spans="14:14">
      <c r="N797866" s="10"/>
    </row>
    <row r="797867" spans="14:14">
      <c r="N797867" s="10"/>
    </row>
    <row r="797868" spans="14:14">
      <c r="N797868" s="10"/>
    </row>
    <row r="797869" spans="14:14">
      <c r="N797869" s="10"/>
    </row>
    <row r="797870" spans="14:14">
      <c r="N797870" s="10"/>
    </row>
    <row r="797871" spans="14:14">
      <c r="N797871" s="10"/>
    </row>
    <row r="797872" spans="14:14">
      <c r="N797872" s="10"/>
    </row>
    <row r="797873" spans="14:14">
      <c r="N797873" s="10"/>
    </row>
    <row r="797874" spans="14:14">
      <c r="N797874" s="10"/>
    </row>
    <row r="797875" spans="14:14">
      <c r="N797875" s="10"/>
    </row>
    <row r="797876" spans="14:14">
      <c r="N797876" s="10"/>
    </row>
    <row r="797877" spans="14:14">
      <c r="N797877" s="10"/>
    </row>
    <row r="797878" spans="14:14">
      <c r="N797878" s="10"/>
    </row>
    <row r="797879" spans="14:14">
      <c r="N797879" s="10"/>
    </row>
    <row r="797880" spans="14:14">
      <c r="N797880" s="10"/>
    </row>
    <row r="797881" spans="14:14">
      <c r="N797881" s="10"/>
    </row>
    <row r="797882" spans="14:14">
      <c r="N797882" s="10"/>
    </row>
    <row r="797883" spans="14:14">
      <c r="N797883" s="10"/>
    </row>
    <row r="797884" spans="14:14">
      <c r="N797884" s="10"/>
    </row>
    <row r="797885" spans="14:14">
      <c r="N797885" s="10"/>
    </row>
    <row r="797886" spans="14:14">
      <c r="N797886" s="10"/>
    </row>
    <row r="797887" spans="14:14">
      <c r="N797887" s="10"/>
    </row>
    <row r="797888" spans="14:14">
      <c r="N797888" s="10"/>
    </row>
    <row r="797889" spans="14:14">
      <c r="N797889" s="10"/>
    </row>
    <row r="797890" spans="14:14">
      <c r="N797890" s="10"/>
    </row>
    <row r="797891" spans="14:14">
      <c r="N797891" s="10"/>
    </row>
    <row r="797892" spans="14:14">
      <c r="N797892" s="10"/>
    </row>
    <row r="797893" spans="14:14">
      <c r="N797893" s="10"/>
    </row>
    <row r="797894" spans="14:14">
      <c r="N797894" s="10"/>
    </row>
    <row r="797895" spans="14:14">
      <c r="N797895" s="10"/>
    </row>
    <row r="797896" spans="14:14">
      <c r="N797896" s="10"/>
    </row>
    <row r="797897" spans="14:14">
      <c r="N797897" s="10"/>
    </row>
    <row r="797898" spans="14:14">
      <c r="N797898" s="10"/>
    </row>
    <row r="797899" spans="14:14">
      <c r="N797899" s="10"/>
    </row>
    <row r="797900" spans="14:14">
      <c r="N797900" s="10"/>
    </row>
    <row r="797901" spans="14:14">
      <c r="N797901" s="10"/>
    </row>
    <row r="797902" spans="14:14">
      <c r="N797902" s="10"/>
    </row>
    <row r="797903" spans="14:14">
      <c r="N797903" s="10"/>
    </row>
    <row r="797904" spans="14:14">
      <c r="N797904" s="10"/>
    </row>
    <row r="797905" spans="14:14">
      <c r="N797905" s="10"/>
    </row>
    <row r="797906" spans="14:14">
      <c r="N797906" s="10"/>
    </row>
    <row r="797907" spans="14:14">
      <c r="N797907" s="10"/>
    </row>
    <row r="797908" spans="14:14">
      <c r="N797908" s="10"/>
    </row>
    <row r="797909" spans="14:14">
      <c r="N797909" s="10"/>
    </row>
    <row r="797910" spans="14:14">
      <c r="N797910" s="10"/>
    </row>
    <row r="797911" spans="14:14">
      <c r="N797911" s="10"/>
    </row>
    <row r="797912" spans="14:14">
      <c r="N797912" s="10"/>
    </row>
    <row r="797913" spans="14:14">
      <c r="N797913" s="10"/>
    </row>
    <row r="797914" spans="14:14">
      <c r="N797914" s="10"/>
    </row>
    <row r="797915" spans="14:14">
      <c r="N797915" s="10"/>
    </row>
    <row r="797916" spans="14:14">
      <c r="N797916" s="10"/>
    </row>
    <row r="797917" spans="14:14">
      <c r="N797917" s="10"/>
    </row>
    <row r="797918" spans="14:14">
      <c r="N797918" s="10"/>
    </row>
    <row r="797919" spans="14:14">
      <c r="N797919" s="10"/>
    </row>
    <row r="797920" spans="14:14">
      <c r="N797920" s="10"/>
    </row>
    <row r="797921" spans="14:14">
      <c r="N797921" s="10"/>
    </row>
    <row r="797922" spans="14:14">
      <c r="N797922" s="10"/>
    </row>
    <row r="797923" spans="14:14">
      <c r="N797923" s="10"/>
    </row>
    <row r="797924" spans="14:14">
      <c r="N797924" s="10"/>
    </row>
    <row r="797925" spans="14:14">
      <c r="N797925" s="10"/>
    </row>
    <row r="797926" spans="14:14">
      <c r="N797926" s="10"/>
    </row>
    <row r="797927" spans="14:14">
      <c r="N797927" s="10"/>
    </row>
    <row r="797928" spans="14:14">
      <c r="N797928" s="10"/>
    </row>
    <row r="797929" spans="14:14">
      <c r="N797929" s="10"/>
    </row>
    <row r="797930" spans="14:14">
      <c r="N797930" s="10"/>
    </row>
    <row r="797931" spans="14:14">
      <c r="N797931" s="10"/>
    </row>
    <row r="797932" spans="14:14">
      <c r="N797932" s="10"/>
    </row>
    <row r="797933" spans="14:14">
      <c r="N797933" s="10"/>
    </row>
    <row r="797934" spans="14:14">
      <c r="N797934" s="10"/>
    </row>
    <row r="797935" spans="14:14">
      <c r="N797935" s="10"/>
    </row>
    <row r="797936" spans="14:14">
      <c r="N797936" s="10"/>
    </row>
    <row r="797937" spans="14:14">
      <c r="N797937" s="10"/>
    </row>
    <row r="797938" spans="14:14">
      <c r="N797938" s="10"/>
    </row>
    <row r="797939" spans="14:14">
      <c r="N797939" s="10"/>
    </row>
    <row r="797940" spans="14:14">
      <c r="N797940" s="10"/>
    </row>
    <row r="797941" spans="14:14">
      <c r="N797941" s="10"/>
    </row>
    <row r="797942" spans="14:14">
      <c r="N797942" s="10"/>
    </row>
    <row r="797943" spans="14:14">
      <c r="N797943" s="10"/>
    </row>
    <row r="797944" spans="14:14">
      <c r="N797944" s="10"/>
    </row>
    <row r="797945" spans="14:14">
      <c r="N797945" s="10"/>
    </row>
    <row r="797946" spans="14:14">
      <c r="N797946" s="10"/>
    </row>
    <row r="797947" spans="14:14">
      <c r="N797947" s="10"/>
    </row>
    <row r="797948" spans="14:14">
      <c r="N797948" s="10"/>
    </row>
    <row r="797949" spans="14:14">
      <c r="N797949" s="10"/>
    </row>
    <row r="797950" spans="14:14">
      <c r="N797950" s="10"/>
    </row>
    <row r="797951" spans="14:14">
      <c r="N797951" s="10"/>
    </row>
    <row r="797952" spans="14:14">
      <c r="N797952" s="10"/>
    </row>
    <row r="797953" spans="14:14">
      <c r="N797953" s="10"/>
    </row>
    <row r="797954" spans="14:14">
      <c r="N797954" s="10"/>
    </row>
    <row r="797955" spans="14:14">
      <c r="N797955" s="10"/>
    </row>
    <row r="797956" spans="14:14">
      <c r="N797956" s="10"/>
    </row>
    <row r="797957" spans="14:14">
      <c r="N797957" s="10"/>
    </row>
    <row r="797958" spans="14:14">
      <c r="N797958" s="10"/>
    </row>
    <row r="797959" spans="14:14">
      <c r="N797959" s="10"/>
    </row>
    <row r="797960" spans="14:14">
      <c r="N797960" s="10"/>
    </row>
    <row r="797961" spans="14:14">
      <c r="N797961" s="10"/>
    </row>
    <row r="797962" spans="14:14">
      <c r="N797962" s="10"/>
    </row>
    <row r="797963" spans="14:14">
      <c r="N797963" s="10"/>
    </row>
    <row r="797964" spans="14:14">
      <c r="N797964" s="10"/>
    </row>
    <row r="797965" spans="14:14">
      <c r="N797965" s="10"/>
    </row>
    <row r="797966" spans="14:14">
      <c r="N797966" s="10"/>
    </row>
    <row r="797967" spans="14:14">
      <c r="N797967" s="10"/>
    </row>
    <row r="797968" spans="14:14">
      <c r="N797968" s="10"/>
    </row>
    <row r="797969" spans="14:14">
      <c r="N797969" s="10"/>
    </row>
    <row r="797970" spans="14:14">
      <c r="N797970" s="10"/>
    </row>
    <row r="797971" spans="14:14">
      <c r="N797971" s="10"/>
    </row>
    <row r="797972" spans="14:14">
      <c r="N797972" s="10"/>
    </row>
    <row r="797973" spans="14:14">
      <c r="N797973" s="10"/>
    </row>
    <row r="797974" spans="14:14">
      <c r="N797974" s="10"/>
    </row>
    <row r="797975" spans="14:14">
      <c r="N797975" s="10"/>
    </row>
    <row r="797976" spans="14:14">
      <c r="N797976" s="10"/>
    </row>
    <row r="797977" spans="14:14">
      <c r="N797977" s="10"/>
    </row>
    <row r="797978" spans="14:14">
      <c r="N797978" s="10"/>
    </row>
    <row r="797979" spans="14:14">
      <c r="N797979" s="10"/>
    </row>
    <row r="797980" spans="14:14">
      <c r="N797980" s="10"/>
    </row>
    <row r="797981" spans="14:14">
      <c r="N797981" s="10"/>
    </row>
    <row r="797982" spans="14:14">
      <c r="N797982" s="10"/>
    </row>
    <row r="797983" spans="14:14">
      <c r="N797983" s="10"/>
    </row>
    <row r="797984" spans="14:14">
      <c r="N797984" s="10"/>
    </row>
    <row r="797985" spans="14:14">
      <c r="N797985" s="10"/>
    </row>
    <row r="797986" spans="14:14">
      <c r="N797986" s="10"/>
    </row>
    <row r="797987" spans="14:14">
      <c r="N797987" s="10"/>
    </row>
    <row r="797988" spans="14:14">
      <c r="N797988" s="10"/>
    </row>
    <row r="797989" spans="14:14">
      <c r="N797989" s="10"/>
    </row>
    <row r="797990" spans="14:14">
      <c r="N797990" s="10"/>
    </row>
    <row r="797991" spans="14:14">
      <c r="N797991" s="10"/>
    </row>
    <row r="797992" spans="14:14">
      <c r="N797992" s="10"/>
    </row>
    <row r="797993" spans="14:14">
      <c r="N797993" s="10"/>
    </row>
    <row r="797994" spans="14:14">
      <c r="N797994" s="10"/>
    </row>
    <row r="797995" spans="14:14">
      <c r="N797995" s="10"/>
    </row>
    <row r="797996" spans="14:14">
      <c r="N797996" s="10"/>
    </row>
    <row r="797997" spans="14:14">
      <c r="N797997" s="10"/>
    </row>
    <row r="797998" spans="14:14">
      <c r="N797998" s="10"/>
    </row>
    <row r="797999" spans="14:14">
      <c r="N797999" s="10"/>
    </row>
    <row r="798000" spans="14:14">
      <c r="N798000" s="10"/>
    </row>
    <row r="798001" spans="14:14">
      <c r="N798001" s="10"/>
    </row>
    <row r="798002" spans="14:14">
      <c r="N798002" s="10"/>
    </row>
    <row r="798003" spans="14:14">
      <c r="N798003" s="10"/>
    </row>
    <row r="798004" spans="14:14">
      <c r="N798004" s="10"/>
    </row>
    <row r="798005" spans="14:14">
      <c r="N798005" s="10"/>
    </row>
    <row r="798006" spans="14:14">
      <c r="N798006" s="10"/>
    </row>
    <row r="798007" spans="14:14">
      <c r="N798007" s="10"/>
    </row>
    <row r="798008" spans="14:14">
      <c r="N798008" s="10"/>
    </row>
    <row r="798009" spans="14:14">
      <c r="N798009" s="10"/>
    </row>
    <row r="798010" spans="14:14">
      <c r="N798010" s="10"/>
    </row>
    <row r="798011" spans="14:14">
      <c r="N798011" s="10"/>
    </row>
    <row r="798012" spans="14:14">
      <c r="N798012" s="10"/>
    </row>
    <row r="798013" spans="14:14">
      <c r="N798013" s="10"/>
    </row>
    <row r="798014" spans="14:14">
      <c r="N798014" s="10"/>
    </row>
    <row r="798015" spans="14:14">
      <c r="N798015" s="10"/>
    </row>
    <row r="798016" spans="14:14">
      <c r="N798016" s="10"/>
    </row>
    <row r="798017" spans="14:14">
      <c r="N798017" s="10"/>
    </row>
    <row r="798018" spans="14:14">
      <c r="N798018" s="10"/>
    </row>
    <row r="798019" spans="14:14">
      <c r="N798019" s="10"/>
    </row>
    <row r="798020" spans="14:14">
      <c r="N798020" s="10"/>
    </row>
    <row r="798021" spans="14:14">
      <c r="N798021" s="10"/>
    </row>
    <row r="798022" spans="14:14">
      <c r="N798022" s="10"/>
    </row>
    <row r="798023" spans="14:14">
      <c r="N798023" s="10"/>
    </row>
    <row r="798024" spans="14:14">
      <c r="N798024" s="10"/>
    </row>
    <row r="798025" spans="14:14">
      <c r="N798025" s="10"/>
    </row>
    <row r="798026" spans="14:14">
      <c r="N798026" s="10"/>
    </row>
    <row r="798027" spans="14:14">
      <c r="N798027" s="10"/>
    </row>
    <row r="798028" spans="14:14">
      <c r="N798028" s="10"/>
    </row>
    <row r="798029" spans="14:14">
      <c r="N798029" s="10"/>
    </row>
    <row r="798030" spans="14:14">
      <c r="N798030" s="10"/>
    </row>
    <row r="798031" spans="14:14">
      <c r="N798031" s="10"/>
    </row>
    <row r="798032" spans="14:14">
      <c r="N798032" s="10"/>
    </row>
    <row r="798033" spans="14:14">
      <c r="N798033" s="10"/>
    </row>
    <row r="798034" spans="14:14">
      <c r="N798034" s="10"/>
    </row>
    <row r="798035" spans="14:14">
      <c r="N798035" s="10"/>
    </row>
    <row r="798036" spans="14:14">
      <c r="N798036" s="10"/>
    </row>
    <row r="798037" spans="14:14">
      <c r="N798037" s="10"/>
    </row>
    <row r="798038" spans="14:14">
      <c r="N798038" s="10"/>
    </row>
    <row r="798039" spans="14:14">
      <c r="N798039" s="10"/>
    </row>
    <row r="798040" spans="14:14">
      <c r="N798040" s="10"/>
    </row>
    <row r="798041" spans="14:14">
      <c r="N798041" s="10"/>
    </row>
    <row r="798042" spans="14:14">
      <c r="N798042" s="10"/>
    </row>
    <row r="798043" spans="14:14">
      <c r="N798043" s="10"/>
    </row>
    <row r="798044" spans="14:14">
      <c r="N798044" s="10"/>
    </row>
    <row r="798045" spans="14:14">
      <c r="N798045" s="10"/>
    </row>
    <row r="798046" spans="14:14">
      <c r="N798046" s="10"/>
    </row>
    <row r="798047" spans="14:14">
      <c r="N798047" s="10"/>
    </row>
    <row r="798048" spans="14:14">
      <c r="N798048" s="10"/>
    </row>
    <row r="798049" spans="14:14">
      <c r="N798049" s="10"/>
    </row>
    <row r="798050" spans="14:14">
      <c r="N798050" s="10"/>
    </row>
    <row r="798051" spans="14:14">
      <c r="N798051" s="10"/>
    </row>
    <row r="798052" spans="14:14">
      <c r="N798052" s="10"/>
    </row>
    <row r="798053" spans="14:14">
      <c r="N798053" s="10"/>
    </row>
    <row r="798054" spans="14:14">
      <c r="N798054" s="10"/>
    </row>
    <row r="798055" spans="14:14">
      <c r="N798055" s="10"/>
    </row>
    <row r="798056" spans="14:14">
      <c r="N798056" s="10"/>
    </row>
    <row r="798057" spans="14:14">
      <c r="N798057" s="10"/>
    </row>
    <row r="798058" spans="14:14">
      <c r="N798058" s="10"/>
    </row>
    <row r="798059" spans="14:14">
      <c r="N798059" s="10"/>
    </row>
    <row r="798060" spans="14:14">
      <c r="N798060" s="10"/>
    </row>
    <row r="798061" spans="14:14">
      <c r="N798061" s="10"/>
    </row>
    <row r="798062" spans="14:14">
      <c r="N798062" s="10"/>
    </row>
    <row r="798063" spans="14:14">
      <c r="N798063" s="10"/>
    </row>
    <row r="798064" spans="14:14">
      <c r="N798064" s="10"/>
    </row>
    <row r="798065" spans="14:14">
      <c r="N798065" s="10"/>
    </row>
    <row r="798066" spans="14:14">
      <c r="N798066" s="10"/>
    </row>
    <row r="798067" spans="14:14">
      <c r="N798067" s="10"/>
    </row>
    <row r="798068" spans="14:14">
      <c r="N798068" s="10"/>
    </row>
    <row r="798069" spans="14:14">
      <c r="N798069" s="10"/>
    </row>
    <row r="798070" spans="14:14">
      <c r="N798070" s="10"/>
    </row>
    <row r="798071" spans="14:14">
      <c r="N798071" s="10"/>
    </row>
    <row r="798072" spans="14:14">
      <c r="N798072" s="10"/>
    </row>
    <row r="798073" spans="14:14">
      <c r="N798073" s="10"/>
    </row>
    <row r="798074" spans="14:14">
      <c r="N798074" s="10"/>
    </row>
    <row r="798075" spans="14:14">
      <c r="N798075" s="10"/>
    </row>
    <row r="798076" spans="14:14">
      <c r="N798076" s="10"/>
    </row>
    <row r="798077" spans="14:14">
      <c r="N798077" s="10"/>
    </row>
    <row r="798078" spans="14:14">
      <c r="N798078" s="10"/>
    </row>
    <row r="798079" spans="14:14">
      <c r="N798079" s="10"/>
    </row>
    <row r="798080" spans="14:14">
      <c r="N798080" s="10"/>
    </row>
    <row r="798081" spans="14:14">
      <c r="N798081" s="10"/>
    </row>
    <row r="798082" spans="14:14">
      <c r="N798082" s="10"/>
    </row>
    <row r="798083" spans="14:14">
      <c r="N798083" s="10"/>
    </row>
    <row r="798084" spans="14:14">
      <c r="N798084" s="10"/>
    </row>
    <row r="798085" spans="14:14">
      <c r="N798085" s="10"/>
    </row>
    <row r="798086" spans="14:14">
      <c r="N798086" s="10"/>
    </row>
    <row r="798087" spans="14:14">
      <c r="N798087" s="10"/>
    </row>
    <row r="798088" spans="14:14">
      <c r="N798088" s="10"/>
    </row>
    <row r="798089" spans="14:14">
      <c r="N798089" s="10"/>
    </row>
    <row r="798090" spans="14:14">
      <c r="N798090" s="10"/>
    </row>
    <row r="798091" spans="14:14">
      <c r="N798091" s="10"/>
    </row>
    <row r="798092" spans="14:14">
      <c r="N798092" s="10"/>
    </row>
    <row r="798093" spans="14:14">
      <c r="N798093" s="10"/>
    </row>
    <row r="798094" spans="14:14">
      <c r="N798094" s="10"/>
    </row>
    <row r="798095" spans="14:14">
      <c r="N798095" s="10"/>
    </row>
    <row r="798096" spans="14:14">
      <c r="N798096" s="10"/>
    </row>
    <row r="798097" spans="14:14">
      <c r="N798097" s="10"/>
    </row>
    <row r="798098" spans="14:14">
      <c r="N798098" s="10"/>
    </row>
    <row r="798099" spans="14:14">
      <c r="N798099" s="10"/>
    </row>
    <row r="798100" spans="14:14">
      <c r="N798100" s="10"/>
    </row>
    <row r="798101" spans="14:14">
      <c r="N798101" s="10"/>
    </row>
    <row r="798102" spans="14:14">
      <c r="N798102" s="10"/>
    </row>
    <row r="798103" spans="14:14">
      <c r="N798103" s="10"/>
    </row>
    <row r="798104" spans="14:14">
      <c r="N798104" s="10"/>
    </row>
    <row r="798105" spans="14:14">
      <c r="N798105" s="10"/>
    </row>
    <row r="798106" spans="14:14">
      <c r="N798106" s="10"/>
    </row>
    <row r="798107" spans="14:14">
      <c r="N798107" s="10"/>
    </row>
    <row r="798108" spans="14:14">
      <c r="N798108" s="10"/>
    </row>
    <row r="798109" spans="14:14">
      <c r="N798109" s="10"/>
    </row>
    <row r="798110" spans="14:14">
      <c r="N798110" s="10"/>
    </row>
    <row r="798111" spans="14:14">
      <c r="N798111" s="10"/>
    </row>
    <row r="798112" spans="14:14">
      <c r="N798112" s="10"/>
    </row>
    <row r="798113" spans="14:14">
      <c r="N798113" s="10"/>
    </row>
    <row r="798114" spans="14:14">
      <c r="N798114" s="10"/>
    </row>
    <row r="798115" spans="14:14">
      <c r="N798115" s="10"/>
    </row>
    <row r="798116" spans="14:14">
      <c r="N798116" s="10"/>
    </row>
    <row r="798117" spans="14:14">
      <c r="N798117" s="10"/>
    </row>
    <row r="798118" spans="14:14">
      <c r="N798118" s="10"/>
    </row>
    <row r="798119" spans="14:14">
      <c r="N798119" s="10"/>
    </row>
    <row r="798120" spans="14:14">
      <c r="N798120" s="10"/>
    </row>
    <row r="798121" spans="14:14">
      <c r="N798121" s="10"/>
    </row>
    <row r="798122" spans="14:14">
      <c r="N798122" s="10"/>
    </row>
    <row r="798123" spans="14:14">
      <c r="N798123" s="10"/>
    </row>
    <row r="798124" spans="14:14">
      <c r="N798124" s="10"/>
    </row>
    <row r="798125" spans="14:14">
      <c r="N798125" s="10"/>
    </row>
    <row r="798126" spans="14:14">
      <c r="N798126" s="10"/>
    </row>
    <row r="798127" spans="14:14">
      <c r="N798127" s="10"/>
    </row>
    <row r="798128" spans="14:14">
      <c r="N798128" s="10"/>
    </row>
    <row r="798129" spans="14:14">
      <c r="N798129" s="10"/>
    </row>
    <row r="798130" spans="14:14">
      <c r="N798130" s="10"/>
    </row>
    <row r="798131" spans="14:14">
      <c r="N798131" s="10"/>
    </row>
    <row r="798132" spans="14:14">
      <c r="N798132" s="10"/>
    </row>
    <row r="798133" spans="14:14">
      <c r="N798133" s="10"/>
    </row>
    <row r="798134" spans="14:14">
      <c r="N798134" s="10"/>
    </row>
    <row r="798135" spans="14:14">
      <c r="N798135" s="10"/>
    </row>
    <row r="798136" spans="14:14">
      <c r="N798136" s="10"/>
    </row>
    <row r="798137" spans="14:14">
      <c r="N798137" s="10"/>
    </row>
    <row r="798138" spans="14:14">
      <c r="N798138" s="10"/>
    </row>
    <row r="798139" spans="14:14">
      <c r="N798139" s="10"/>
    </row>
    <row r="798140" spans="14:14">
      <c r="N798140" s="10"/>
    </row>
    <row r="798141" spans="14:14">
      <c r="N798141" s="10"/>
    </row>
    <row r="798142" spans="14:14">
      <c r="N798142" s="10"/>
    </row>
    <row r="798143" spans="14:14">
      <c r="N798143" s="10"/>
    </row>
    <row r="798144" spans="14:14">
      <c r="N798144" s="10"/>
    </row>
    <row r="798145" spans="14:14">
      <c r="N798145" s="10"/>
    </row>
    <row r="798146" spans="14:14">
      <c r="N798146" s="10"/>
    </row>
    <row r="798147" spans="14:14">
      <c r="N798147" s="10"/>
    </row>
    <row r="798148" spans="14:14">
      <c r="N798148" s="10"/>
    </row>
    <row r="798149" spans="14:14">
      <c r="N798149" s="10"/>
    </row>
    <row r="798150" spans="14:14">
      <c r="N798150" s="10"/>
    </row>
    <row r="798151" spans="14:14">
      <c r="N798151" s="10"/>
    </row>
    <row r="798152" spans="14:14">
      <c r="N798152" s="10"/>
    </row>
    <row r="798153" spans="14:14">
      <c r="N798153" s="10"/>
    </row>
    <row r="798154" spans="14:14">
      <c r="N798154" s="10"/>
    </row>
    <row r="798155" spans="14:14">
      <c r="N798155" s="10"/>
    </row>
    <row r="798156" spans="14:14">
      <c r="N798156" s="10"/>
    </row>
    <row r="798157" spans="14:14">
      <c r="N798157" s="10"/>
    </row>
    <row r="798158" spans="14:14">
      <c r="N798158" s="10"/>
    </row>
    <row r="798159" spans="14:14">
      <c r="N798159" s="10"/>
    </row>
    <row r="798160" spans="14:14">
      <c r="N798160" s="10"/>
    </row>
    <row r="798161" spans="14:14">
      <c r="N798161" s="10"/>
    </row>
    <row r="798162" spans="14:14">
      <c r="N798162" s="10"/>
    </row>
    <row r="798163" spans="14:14">
      <c r="N798163" s="10"/>
    </row>
    <row r="798164" spans="14:14">
      <c r="N798164" s="10"/>
    </row>
    <row r="798165" spans="14:14">
      <c r="N798165" s="10"/>
    </row>
    <row r="798166" spans="14:14">
      <c r="N798166" s="10"/>
    </row>
    <row r="798167" spans="14:14">
      <c r="N798167" s="10"/>
    </row>
    <row r="798168" spans="14:14">
      <c r="N798168" s="10"/>
    </row>
    <row r="798169" spans="14:14">
      <c r="N798169" s="10"/>
    </row>
    <row r="798170" spans="14:14">
      <c r="N798170" s="10"/>
    </row>
    <row r="798171" spans="14:14">
      <c r="N798171" s="10"/>
    </row>
    <row r="798172" spans="14:14">
      <c r="N798172" s="10"/>
    </row>
    <row r="798173" spans="14:14">
      <c r="N798173" s="10"/>
    </row>
    <row r="798174" spans="14:14">
      <c r="N798174" s="10"/>
    </row>
    <row r="798175" spans="14:14">
      <c r="N798175" s="10"/>
    </row>
    <row r="798176" spans="14:14">
      <c r="N798176" s="10"/>
    </row>
    <row r="798177" spans="14:14">
      <c r="N798177" s="10"/>
    </row>
    <row r="798178" spans="14:14">
      <c r="N798178" s="10"/>
    </row>
    <row r="798179" spans="14:14">
      <c r="N798179" s="10"/>
    </row>
    <row r="798180" spans="14:14">
      <c r="N798180" s="10"/>
    </row>
    <row r="798181" spans="14:14">
      <c r="N798181" s="10"/>
    </row>
    <row r="798182" spans="14:14">
      <c r="N798182" s="10"/>
    </row>
    <row r="798183" spans="14:14">
      <c r="N798183" s="10"/>
    </row>
    <row r="798184" spans="14:14">
      <c r="N798184" s="10"/>
    </row>
    <row r="798185" spans="14:14">
      <c r="N798185" s="10"/>
    </row>
    <row r="798186" spans="14:14">
      <c r="N798186" s="10"/>
    </row>
    <row r="798187" spans="14:14">
      <c r="N798187" s="10"/>
    </row>
    <row r="798188" spans="14:14">
      <c r="N798188" s="10"/>
    </row>
    <row r="798189" spans="14:14">
      <c r="N798189" s="10"/>
    </row>
    <row r="798190" spans="14:14">
      <c r="N798190" s="10"/>
    </row>
    <row r="798191" spans="14:14">
      <c r="N798191" s="10"/>
    </row>
    <row r="798192" spans="14:14">
      <c r="N798192" s="10"/>
    </row>
    <row r="798193" spans="14:14">
      <c r="N798193" s="10"/>
    </row>
    <row r="798194" spans="14:14">
      <c r="N798194" s="10"/>
    </row>
    <row r="798195" spans="14:14">
      <c r="N798195" s="10"/>
    </row>
    <row r="798196" spans="14:14">
      <c r="N798196" s="10"/>
    </row>
    <row r="798197" spans="14:14">
      <c r="N798197" s="10"/>
    </row>
    <row r="798198" spans="14:14">
      <c r="N798198" s="10"/>
    </row>
    <row r="798199" spans="14:14">
      <c r="N798199" s="10"/>
    </row>
    <row r="798200" spans="14:14">
      <c r="N798200" s="10"/>
    </row>
    <row r="798201" spans="14:14">
      <c r="N798201" s="10"/>
    </row>
    <row r="798202" spans="14:14">
      <c r="N798202" s="10"/>
    </row>
    <row r="798203" spans="14:14">
      <c r="N798203" s="10"/>
    </row>
    <row r="798204" spans="14:14">
      <c r="N798204" s="10"/>
    </row>
    <row r="798205" spans="14:14">
      <c r="N798205" s="10"/>
    </row>
    <row r="798206" spans="14:14">
      <c r="N798206" s="10"/>
    </row>
    <row r="798207" spans="14:14">
      <c r="N798207" s="10"/>
    </row>
    <row r="798208" spans="14:14">
      <c r="N798208" s="10"/>
    </row>
    <row r="798209" spans="14:14">
      <c r="N798209" s="10"/>
    </row>
    <row r="798210" spans="14:14">
      <c r="N798210" s="10"/>
    </row>
    <row r="798211" spans="14:14">
      <c r="N798211" s="10"/>
    </row>
    <row r="798212" spans="14:14">
      <c r="N798212" s="10"/>
    </row>
    <row r="798213" spans="14:14">
      <c r="N798213" s="10"/>
    </row>
    <row r="798214" spans="14:14">
      <c r="N798214" s="10"/>
    </row>
    <row r="798215" spans="14:14">
      <c r="N798215" s="10"/>
    </row>
    <row r="798216" spans="14:14">
      <c r="N798216" s="10"/>
    </row>
    <row r="798217" spans="14:14">
      <c r="N798217" s="10"/>
    </row>
    <row r="798218" spans="14:14">
      <c r="N798218" s="10"/>
    </row>
    <row r="798219" spans="14:14">
      <c r="N798219" s="10"/>
    </row>
    <row r="798220" spans="14:14">
      <c r="N798220" s="10"/>
    </row>
    <row r="798221" spans="14:14">
      <c r="N798221" s="10"/>
    </row>
    <row r="798222" spans="14:14">
      <c r="N798222" s="10"/>
    </row>
    <row r="798223" spans="14:14">
      <c r="N798223" s="10"/>
    </row>
    <row r="798224" spans="14:14">
      <c r="N798224" s="10"/>
    </row>
    <row r="798225" spans="14:14">
      <c r="N798225" s="10"/>
    </row>
    <row r="798226" spans="14:14">
      <c r="N798226" s="10"/>
    </row>
    <row r="798227" spans="14:14">
      <c r="N798227" s="10"/>
    </row>
    <row r="798228" spans="14:14">
      <c r="N798228" s="10"/>
    </row>
    <row r="798229" spans="14:14">
      <c r="N798229" s="10"/>
    </row>
    <row r="798230" spans="14:14">
      <c r="N798230" s="10"/>
    </row>
    <row r="798231" spans="14:14">
      <c r="N798231" s="10"/>
    </row>
    <row r="798232" spans="14:14">
      <c r="N798232" s="10"/>
    </row>
    <row r="798233" spans="14:14">
      <c r="N798233" s="10"/>
    </row>
    <row r="798234" spans="14:14">
      <c r="N798234" s="10"/>
    </row>
    <row r="798235" spans="14:14">
      <c r="N798235" s="10"/>
    </row>
    <row r="798236" spans="14:14">
      <c r="N798236" s="10"/>
    </row>
    <row r="798237" spans="14:14">
      <c r="N798237" s="10"/>
    </row>
    <row r="798238" spans="14:14">
      <c r="N798238" s="10"/>
    </row>
    <row r="798239" spans="14:14">
      <c r="N798239" s="10"/>
    </row>
    <row r="798240" spans="14:14">
      <c r="N798240" s="10"/>
    </row>
    <row r="798241" spans="14:14">
      <c r="N798241" s="10"/>
    </row>
    <row r="798242" spans="14:14">
      <c r="N798242" s="10"/>
    </row>
    <row r="798243" spans="14:14">
      <c r="N798243" s="10"/>
    </row>
    <row r="798244" spans="14:14">
      <c r="N798244" s="10"/>
    </row>
    <row r="798245" spans="14:14">
      <c r="N798245" s="10"/>
    </row>
    <row r="798246" spans="14:14">
      <c r="N798246" s="10"/>
    </row>
    <row r="798247" spans="14:14">
      <c r="N798247" s="10"/>
    </row>
    <row r="798248" spans="14:14">
      <c r="N798248" s="10"/>
    </row>
    <row r="798249" spans="14:14">
      <c r="N798249" s="10"/>
    </row>
    <row r="798250" spans="14:14">
      <c r="N798250" s="10"/>
    </row>
    <row r="798251" spans="14:14">
      <c r="N798251" s="10"/>
    </row>
    <row r="798252" spans="14:14">
      <c r="N798252" s="10"/>
    </row>
    <row r="798253" spans="14:14">
      <c r="N798253" s="10"/>
    </row>
    <row r="798254" spans="14:14">
      <c r="N798254" s="10"/>
    </row>
    <row r="798255" spans="14:14">
      <c r="N798255" s="10"/>
    </row>
    <row r="798256" spans="14:14">
      <c r="N798256" s="10"/>
    </row>
    <row r="798257" spans="14:14">
      <c r="N798257" s="10"/>
    </row>
    <row r="798258" spans="14:14">
      <c r="N798258" s="10"/>
    </row>
    <row r="798259" spans="14:14">
      <c r="N798259" s="10"/>
    </row>
    <row r="798260" spans="14:14">
      <c r="N798260" s="10"/>
    </row>
    <row r="798261" spans="14:14">
      <c r="N798261" s="10"/>
    </row>
    <row r="798262" spans="14:14">
      <c r="N798262" s="10"/>
    </row>
    <row r="798263" spans="14:14">
      <c r="N798263" s="10"/>
    </row>
    <row r="798264" spans="14:14">
      <c r="N798264" s="10"/>
    </row>
    <row r="798265" spans="14:14">
      <c r="N798265" s="10"/>
    </row>
    <row r="798266" spans="14:14">
      <c r="N798266" s="10"/>
    </row>
    <row r="798267" spans="14:14">
      <c r="N798267" s="10"/>
    </row>
    <row r="798268" spans="14:14">
      <c r="N798268" s="10"/>
    </row>
    <row r="798269" spans="14:14">
      <c r="N798269" s="10"/>
    </row>
    <row r="798270" spans="14:14">
      <c r="N798270" s="10"/>
    </row>
    <row r="798271" spans="14:14">
      <c r="N798271" s="10"/>
    </row>
    <row r="798272" spans="14:14">
      <c r="N798272" s="10"/>
    </row>
    <row r="798273" spans="14:14">
      <c r="N798273" s="10"/>
    </row>
    <row r="798274" spans="14:14">
      <c r="N798274" s="10"/>
    </row>
    <row r="798275" spans="14:14">
      <c r="N798275" s="10"/>
    </row>
    <row r="798276" spans="14:14">
      <c r="N798276" s="10"/>
    </row>
    <row r="798277" spans="14:14">
      <c r="N798277" s="10"/>
    </row>
    <row r="798278" spans="14:14">
      <c r="N798278" s="10"/>
    </row>
    <row r="798279" spans="14:14">
      <c r="N798279" s="10"/>
    </row>
    <row r="798280" spans="14:14">
      <c r="N798280" s="10"/>
    </row>
    <row r="798281" spans="14:14">
      <c r="N798281" s="10"/>
    </row>
    <row r="798282" spans="14:14">
      <c r="N798282" s="10"/>
    </row>
    <row r="798283" spans="14:14">
      <c r="N798283" s="10"/>
    </row>
    <row r="798284" spans="14:14">
      <c r="N798284" s="10"/>
    </row>
    <row r="798285" spans="14:14">
      <c r="N798285" s="10"/>
    </row>
    <row r="798286" spans="14:14">
      <c r="N798286" s="10"/>
    </row>
    <row r="798287" spans="14:14">
      <c r="N798287" s="10"/>
    </row>
    <row r="798288" spans="14:14">
      <c r="N798288" s="10"/>
    </row>
    <row r="798289" spans="14:14">
      <c r="N798289" s="10"/>
    </row>
    <row r="798290" spans="14:14">
      <c r="N798290" s="10"/>
    </row>
    <row r="798291" spans="14:14">
      <c r="N798291" s="10"/>
    </row>
    <row r="798292" spans="14:14">
      <c r="N798292" s="10"/>
    </row>
    <row r="798293" spans="14:14">
      <c r="N798293" s="10"/>
    </row>
    <row r="798294" spans="14:14">
      <c r="N798294" s="10"/>
    </row>
    <row r="798295" spans="14:14">
      <c r="N798295" s="10"/>
    </row>
    <row r="798296" spans="14:14">
      <c r="N798296" s="10"/>
    </row>
    <row r="798297" spans="14:14">
      <c r="N798297" s="10"/>
    </row>
    <row r="798298" spans="14:14">
      <c r="N798298" s="10"/>
    </row>
    <row r="798299" spans="14:14">
      <c r="N798299" s="10"/>
    </row>
    <row r="798300" spans="14:14">
      <c r="N798300" s="10"/>
    </row>
    <row r="798301" spans="14:14">
      <c r="N798301" s="10"/>
    </row>
    <row r="798302" spans="14:14">
      <c r="N798302" s="10"/>
    </row>
    <row r="798303" spans="14:14">
      <c r="N798303" s="10"/>
    </row>
    <row r="798304" spans="14:14">
      <c r="N798304" s="10"/>
    </row>
    <row r="798305" spans="14:14">
      <c r="N798305" s="10"/>
    </row>
    <row r="798306" spans="14:14">
      <c r="N798306" s="10"/>
    </row>
    <row r="798307" spans="14:14">
      <c r="N798307" s="10"/>
    </row>
    <row r="798308" spans="14:14">
      <c r="N798308" s="10"/>
    </row>
    <row r="798309" spans="14:14">
      <c r="N798309" s="10"/>
    </row>
    <row r="798310" spans="14:14">
      <c r="N798310" s="10"/>
    </row>
    <row r="798311" spans="14:14">
      <c r="N798311" s="10"/>
    </row>
    <row r="798312" spans="14:14">
      <c r="N798312" s="10"/>
    </row>
    <row r="798313" spans="14:14">
      <c r="N798313" s="10"/>
    </row>
    <row r="798314" spans="14:14">
      <c r="N798314" s="10"/>
    </row>
    <row r="798315" spans="14:14">
      <c r="N798315" s="10"/>
    </row>
    <row r="798316" spans="14:14">
      <c r="N798316" s="10"/>
    </row>
    <row r="798317" spans="14:14">
      <c r="N798317" s="10"/>
    </row>
    <row r="798318" spans="14:14">
      <c r="N798318" s="10"/>
    </row>
    <row r="798319" spans="14:14">
      <c r="N798319" s="10"/>
    </row>
    <row r="798320" spans="14:14">
      <c r="N798320" s="10"/>
    </row>
    <row r="798321" spans="14:14">
      <c r="N798321" s="10"/>
    </row>
    <row r="798322" spans="14:14">
      <c r="N798322" s="10"/>
    </row>
    <row r="798323" spans="14:14">
      <c r="N798323" s="10"/>
    </row>
    <row r="798324" spans="14:14">
      <c r="N798324" s="10"/>
    </row>
    <row r="798325" spans="14:14">
      <c r="N798325" s="10"/>
    </row>
    <row r="798326" spans="14:14">
      <c r="N798326" s="10"/>
    </row>
    <row r="798327" spans="14:14">
      <c r="N798327" s="10"/>
    </row>
    <row r="798328" spans="14:14">
      <c r="N798328" s="10"/>
    </row>
    <row r="798329" spans="14:14">
      <c r="N798329" s="10"/>
    </row>
    <row r="798330" spans="14:14">
      <c r="N798330" s="10"/>
    </row>
    <row r="798331" spans="14:14">
      <c r="N798331" s="10"/>
    </row>
    <row r="798332" spans="14:14">
      <c r="N798332" s="10"/>
    </row>
    <row r="798333" spans="14:14">
      <c r="N798333" s="10"/>
    </row>
    <row r="798334" spans="14:14">
      <c r="N798334" s="10"/>
    </row>
    <row r="798335" spans="14:14">
      <c r="N798335" s="10"/>
    </row>
    <row r="798336" spans="14:14">
      <c r="N798336" s="10"/>
    </row>
    <row r="798337" spans="14:14">
      <c r="N798337" s="10"/>
    </row>
    <row r="798338" spans="14:14">
      <c r="N798338" s="10"/>
    </row>
    <row r="798339" spans="14:14">
      <c r="N798339" s="10"/>
    </row>
    <row r="798340" spans="14:14">
      <c r="N798340" s="10"/>
    </row>
    <row r="798341" spans="14:14">
      <c r="N798341" s="10"/>
    </row>
    <row r="798342" spans="14:14">
      <c r="N798342" s="10"/>
    </row>
    <row r="798343" spans="14:14">
      <c r="N798343" s="10"/>
    </row>
    <row r="798344" spans="14:14">
      <c r="N798344" s="10"/>
    </row>
    <row r="798345" spans="14:14">
      <c r="N798345" s="10"/>
    </row>
    <row r="798346" spans="14:14">
      <c r="N798346" s="10"/>
    </row>
    <row r="798347" spans="14:14">
      <c r="N798347" s="10"/>
    </row>
    <row r="798348" spans="14:14">
      <c r="N798348" s="10"/>
    </row>
    <row r="798349" spans="14:14">
      <c r="N798349" s="10"/>
    </row>
    <row r="798350" spans="14:14">
      <c r="N798350" s="10"/>
    </row>
    <row r="798351" spans="14:14">
      <c r="N798351" s="10"/>
    </row>
    <row r="798352" spans="14:14">
      <c r="N798352" s="10"/>
    </row>
    <row r="798353" spans="14:14">
      <c r="N798353" s="10"/>
    </row>
    <row r="798354" spans="14:14">
      <c r="N798354" s="10"/>
    </row>
    <row r="798355" spans="14:14">
      <c r="N798355" s="10"/>
    </row>
    <row r="798356" spans="14:14">
      <c r="N798356" s="10"/>
    </row>
    <row r="798357" spans="14:14">
      <c r="N798357" s="10"/>
    </row>
    <row r="798358" spans="14:14">
      <c r="N798358" s="10"/>
    </row>
    <row r="798359" spans="14:14">
      <c r="N798359" s="10"/>
    </row>
    <row r="798360" spans="14:14">
      <c r="N798360" s="10"/>
    </row>
    <row r="798361" spans="14:14">
      <c r="N798361" s="10"/>
    </row>
    <row r="798362" spans="14:14">
      <c r="N798362" s="10"/>
    </row>
    <row r="798363" spans="14:14">
      <c r="N798363" s="10"/>
    </row>
    <row r="798364" spans="14:14">
      <c r="N798364" s="10"/>
    </row>
    <row r="798365" spans="14:14">
      <c r="N798365" s="10"/>
    </row>
    <row r="798366" spans="14:14">
      <c r="N798366" s="10"/>
    </row>
    <row r="798367" spans="14:14">
      <c r="N798367" s="10"/>
    </row>
    <row r="798368" spans="14:14">
      <c r="N798368" s="10"/>
    </row>
    <row r="798369" spans="14:14">
      <c r="N798369" s="10"/>
    </row>
    <row r="798370" spans="14:14">
      <c r="N798370" s="10"/>
    </row>
    <row r="798371" spans="14:14">
      <c r="N798371" s="10"/>
    </row>
    <row r="798372" spans="14:14">
      <c r="N798372" s="10"/>
    </row>
    <row r="798373" spans="14:14">
      <c r="N798373" s="10"/>
    </row>
    <row r="798374" spans="14:14">
      <c r="N798374" s="10"/>
    </row>
    <row r="798375" spans="14:14">
      <c r="N798375" s="10"/>
    </row>
    <row r="798376" spans="14:14">
      <c r="N798376" s="10"/>
    </row>
    <row r="798377" spans="14:14">
      <c r="N798377" s="10"/>
    </row>
    <row r="798378" spans="14:14">
      <c r="N798378" s="10"/>
    </row>
    <row r="798379" spans="14:14">
      <c r="N798379" s="10"/>
    </row>
    <row r="798380" spans="14:14">
      <c r="N798380" s="10"/>
    </row>
    <row r="798381" spans="14:14">
      <c r="N798381" s="10"/>
    </row>
    <row r="798382" spans="14:14">
      <c r="N798382" s="10"/>
    </row>
    <row r="798383" spans="14:14">
      <c r="N798383" s="10"/>
    </row>
    <row r="798384" spans="14:14">
      <c r="N798384" s="10"/>
    </row>
    <row r="798385" spans="14:14">
      <c r="N798385" s="10"/>
    </row>
    <row r="798386" spans="14:14">
      <c r="N798386" s="10"/>
    </row>
    <row r="798387" spans="14:14">
      <c r="N798387" s="10"/>
    </row>
    <row r="798388" spans="14:14">
      <c r="N798388" s="10"/>
    </row>
    <row r="798389" spans="14:14">
      <c r="N798389" s="10"/>
    </row>
    <row r="798390" spans="14:14">
      <c r="N798390" s="10"/>
    </row>
    <row r="798391" spans="14:14">
      <c r="N798391" s="10"/>
    </row>
    <row r="798392" spans="14:14">
      <c r="N798392" s="10"/>
    </row>
    <row r="798393" spans="14:14">
      <c r="N798393" s="10"/>
    </row>
    <row r="798394" spans="14:14">
      <c r="N798394" s="10"/>
    </row>
    <row r="798395" spans="14:14">
      <c r="N798395" s="10"/>
    </row>
    <row r="798396" spans="14:14">
      <c r="N798396" s="10"/>
    </row>
    <row r="798397" spans="14:14">
      <c r="N798397" s="10"/>
    </row>
    <row r="798398" spans="14:14">
      <c r="N798398" s="10"/>
    </row>
    <row r="798399" spans="14:14">
      <c r="N798399" s="10"/>
    </row>
    <row r="798400" spans="14:14">
      <c r="N798400" s="10"/>
    </row>
    <row r="798401" spans="14:14">
      <c r="N798401" s="10"/>
    </row>
    <row r="798402" spans="14:14">
      <c r="N798402" s="10"/>
    </row>
    <row r="798403" spans="14:14">
      <c r="N798403" s="10"/>
    </row>
    <row r="798404" spans="14:14">
      <c r="N798404" s="10"/>
    </row>
    <row r="798405" spans="14:14">
      <c r="N798405" s="10"/>
    </row>
    <row r="798406" spans="14:14">
      <c r="N798406" s="10"/>
    </row>
    <row r="798407" spans="14:14">
      <c r="N798407" s="10"/>
    </row>
    <row r="798408" spans="14:14">
      <c r="N798408" s="10"/>
    </row>
    <row r="798409" spans="14:14">
      <c r="N798409" s="10"/>
    </row>
    <row r="798410" spans="14:14">
      <c r="N798410" s="10"/>
    </row>
    <row r="798411" spans="14:14">
      <c r="N798411" s="10"/>
    </row>
    <row r="798412" spans="14:14">
      <c r="N798412" s="10"/>
    </row>
    <row r="798413" spans="14:14">
      <c r="N798413" s="10"/>
    </row>
    <row r="798414" spans="14:14">
      <c r="N798414" s="10"/>
    </row>
    <row r="798415" spans="14:14">
      <c r="N798415" s="10"/>
    </row>
    <row r="798416" spans="14:14">
      <c r="N798416" s="10"/>
    </row>
    <row r="798417" spans="14:14">
      <c r="N798417" s="10"/>
    </row>
    <row r="798418" spans="14:14">
      <c r="N798418" s="10"/>
    </row>
    <row r="798419" spans="14:14">
      <c r="N798419" s="10"/>
    </row>
    <row r="798420" spans="14:14">
      <c r="N798420" s="10"/>
    </row>
    <row r="798421" spans="14:14">
      <c r="N798421" s="10"/>
    </row>
    <row r="798422" spans="14:14">
      <c r="N798422" s="10"/>
    </row>
    <row r="798423" spans="14:14">
      <c r="N798423" s="10"/>
    </row>
    <row r="798424" spans="14:14">
      <c r="N798424" s="10"/>
    </row>
    <row r="798425" spans="14:14">
      <c r="N798425" s="10"/>
    </row>
    <row r="798426" spans="14:14">
      <c r="N798426" s="10"/>
    </row>
    <row r="798427" spans="14:14">
      <c r="N798427" s="10"/>
    </row>
    <row r="798428" spans="14:14">
      <c r="N798428" s="10"/>
    </row>
    <row r="798429" spans="14:14">
      <c r="N798429" s="10"/>
    </row>
    <row r="798430" spans="14:14">
      <c r="N798430" s="10"/>
    </row>
    <row r="798431" spans="14:14">
      <c r="N798431" s="10"/>
    </row>
    <row r="798432" spans="14:14">
      <c r="N798432" s="10"/>
    </row>
    <row r="798433" spans="14:14">
      <c r="N798433" s="10"/>
    </row>
    <row r="798434" spans="14:14">
      <c r="N798434" s="10"/>
    </row>
    <row r="798435" spans="14:14">
      <c r="N798435" s="10"/>
    </row>
    <row r="798436" spans="14:14">
      <c r="N798436" s="10"/>
    </row>
    <row r="798437" spans="14:14">
      <c r="N798437" s="10"/>
    </row>
    <row r="798438" spans="14:14">
      <c r="N798438" s="10"/>
    </row>
    <row r="798439" spans="14:14">
      <c r="N798439" s="10"/>
    </row>
    <row r="798440" spans="14:14">
      <c r="N798440" s="10"/>
    </row>
    <row r="798441" spans="14:14">
      <c r="N798441" s="10"/>
    </row>
    <row r="798442" spans="14:14">
      <c r="N798442" s="10"/>
    </row>
    <row r="798443" spans="14:14">
      <c r="N798443" s="10"/>
    </row>
    <row r="798444" spans="14:14">
      <c r="N798444" s="10"/>
    </row>
    <row r="798445" spans="14:14">
      <c r="N798445" s="10"/>
    </row>
    <row r="798446" spans="14:14">
      <c r="N798446" s="10"/>
    </row>
    <row r="798447" spans="14:14">
      <c r="N798447" s="10"/>
    </row>
    <row r="798448" spans="14:14">
      <c r="N798448" s="10"/>
    </row>
    <row r="798449" spans="14:14">
      <c r="N798449" s="10"/>
    </row>
    <row r="798450" spans="14:14">
      <c r="N798450" s="10"/>
    </row>
    <row r="798451" spans="14:14">
      <c r="N798451" s="10"/>
    </row>
    <row r="798452" spans="14:14">
      <c r="N798452" s="10"/>
    </row>
    <row r="798453" spans="14:14">
      <c r="N798453" s="10"/>
    </row>
    <row r="798454" spans="14:14">
      <c r="N798454" s="10"/>
    </row>
    <row r="798455" spans="14:14">
      <c r="N798455" s="10"/>
    </row>
    <row r="798456" spans="14:14">
      <c r="N798456" s="10"/>
    </row>
    <row r="798457" spans="14:14">
      <c r="N798457" s="10"/>
    </row>
    <row r="798458" spans="14:14">
      <c r="N798458" s="10"/>
    </row>
    <row r="798459" spans="14:14">
      <c r="N798459" s="10"/>
    </row>
    <row r="798460" spans="14:14">
      <c r="N798460" s="10"/>
    </row>
    <row r="798461" spans="14:14">
      <c r="N798461" s="10"/>
    </row>
    <row r="798462" spans="14:14">
      <c r="N798462" s="10"/>
    </row>
    <row r="798463" spans="14:14">
      <c r="N798463" s="10"/>
    </row>
    <row r="798464" spans="14:14">
      <c r="N798464" s="10"/>
    </row>
    <row r="798465" spans="14:14">
      <c r="N798465" s="10"/>
    </row>
    <row r="798466" spans="14:14">
      <c r="N798466" s="10"/>
    </row>
    <row r="798467" spans="14:14">
      <c r="N798467" s="10"/>
    </row>
    <row r="798468" spans="14:14">
      <c r="N798468" s="10"/>
    </row>
    <row r="798469" spans="14:14">
      <c r="N798469" s="10"/>
    </row>
    <row r="798470" spans="14:14">
      <c r="N798470" s="10"/>
    </row>
    <row r="798471" spans="14:14">
      <c r="N798471" s="10"/>
    </row>
    <row r="798472" spans="14:14">
      <c r="N798472" s="10"/>
    </row>
    <row r="798473" spans="14:14">
      <c r="N798473" s="10"/>
    </row>
    <row r="798474" spans="14:14">
      <c r="N798474" s="10"/>
    </row>
    <row r="798475" spans="14:14">
      <c r="N798475" s="10"/>
    </row>
    <row r="798476" spans="14:14">
      <c r="N798476" s="10"/>
    </row>
    <row r="798477" spans="14:14">
      <c r="N798477" s="10"/>
    </row>
    <row r="798478" spans="14:14">
      <c r="N798478" s="10"/>
    </row>
    <row r="798479" spans="14:14">
      <c r="N798479" s="10"/>
    </row>
    <row r="798480" spans="14:14">
      <c r="N798480" s="10"/>
    </row>
    <row r="798481" spans="14:14">
      <c r="N798481" s="10"/>
    </row>
    <row r="798482" spans="14:14">
      <c r="N798482" s="10"/>
    </row>
    <row r="798483" spans="14:14">
      <c r="N798483" s="10"/>
    </row>
    <row r="798484" spans="14:14">
      <c r="N798484" s="10"/>
    </row>
    <row r="798485" spans="14:14">
      <c r="N798485" s="10"/>
    </row>
    <row r="798486" spans="14:14">
      <c r="N798486" s="10"/>
    </row>
    <row r="798487" spans="14:14">
      <c r="N798487" s="10"/>
    </row>
    <row r="798488" spans="14:14">
      <c r="N798488" s="10"/>
    </row>
    <row r="798489" spans="14:14">
      <c r="N798489" s="10"/>
    </row>
    <row r="798490" spans="14:14">
      <c r="N798490" s="10"/>
    </row>
    <row r="798491" spans="14:14">
      <c r="N798491" s="10"/>
    </row>
    <row r="798492" spans="14:14">
      <c r="N798492" s="10"/>
    </row>
    <row r="798493" spans="14:14">
      <c r="N798493" s="10"/>
    </row>
    <row r="798494" spans="14:14">
      <c r="N798494" s="10"/>
    </row>
    <row r="798495" spans="14:14">
      <c r="N798495" s="10"/>
    </row>
    <row r="798496" spans="14:14">
      <c r="N798496" s="10"/>
    </row>
    <row r="798497" spans="14:14">
      <c r="N798497" s="10"/>
    </row>
    <row r="798498" spans="14:14">
      <c r="N798498" s="10"/>
    </row>
    <row r="798499" spans="14:14">
      <c r="N798499" s="10"/>
    </row>
    <row r="798500" spans="14:14">
      <c r="N798500" s="10"/>
    </row>
    <row r="798501" spans="14:14">
      <c r="N798501" s="10"/>
    </row>
    <row r="798502" spans="14:14">
      <c r="N798502" s="10"/>
    </row>
    <row r="798503" spans="14:14">
      <c r="N798503" s="10"/>
    </row>
    <row r="798504" spans="14:14">
      <c r="N798504" s="10"/>
    </row>
    <row r="798505" spans="14:14">
      <c r="N798505" s="10"/>
    </row>
    <row r="798506" spans="14:14">
      <c r="N798506" s="10"/>
    </row>
    <row r="798507" spans="14:14">
      <c r="N798507" s="10"/>
    </row>
    <row r="798508" spans="14:14">
      <c r="N798508" s="10"/>
    </row>
    <row r="798509" spans="14:14">
      <c r="N798509" s="10"/>
    </row>
    <row r="798510" spans="14:14">
      <c r="N798510" s="10"/>
    </row>
    <row r="798511" spans="14:14">
      <c r="N798511" s="10"/>
    </row>
    <row r="798512" spans="14:14">
      <c r="N798512" s="10"/>
    </row>
    <row r="798513" spans="14:14">
      <c r="N798513" s="10"/>
    </row>
    <row r="798514" spans="14:14">
      <c r="N798514" s="10"/>
    </row>
    <row r="798515" spans="14:14">
      <c r="N798515" s="10"/>
    </row>
    <row r="798516" spans="14:14">
      <c r="N798516" s="10"/>
    </row>
    <row r="798517" spans="14:14">
      <c r="N798517" s="10"/>
    </row>
    <row r="798518" spans="14:14">
      <c r="N798518" s="10"/>
    </row>
    <row r="798519" spans="14:14">
      <c r="N798519" s="10"/>
    </row>
    <row r="798520" spans="14:14">
      <c r="N798520" s="10"/>
    </row>
    <row r="798521" spans="14:14">
      <c r="N798521" s="10"/>
    </row>
    <row r="798522" spans="14:14">
      <c r="N798522" s="10"/>
    </row>
    <row r="798523" spans="14:14">
      <c r="N798523" s="10"/>
    </row>
    <row r="798524" spans="14:14">
      <c r="N798524" s="10"/>
    </row>
    <row r="798525" spans="14:14">
      <c r="N798525" s="10"/>
    </row>
    <row r="798526" spans="14:14">
      <c r="N798526" s="10"/>
    </row>
    <row r="798527" spans="14:14">
      <c r="N798527" s="10"/>
    </row>
    <row r="798528" spans="14:14">
      <c r="N798528" s="10"/>
    </row>
    <row r="798529" spans="14:14">
      <c r="N798529" s="10"/>
    </row>
    <row r="798530" spans="14:14">
      <c r="N798530" s="10"/>
    </row>
    <row r="798531" spans="14:14">
      <c r="N798531" s="10"/>
    </row>
    <row r="798532" spans="14:14">
      <c r="N798532" s="10"/>
    </row>
    <row r="798533" spans="14:14">
      <c r="N798533" s="10"/>
    </row>
    <row r="798534" spans="14:14">
      <c r="N798534" s="10"/>
    </row>
    <row r="798535" spans="14:14">
      <c r="N798535" s="10"/>
    </row>
    <row r="798536" spans="14:14">
      <c r="N798536" s="10"/>
    </row>
    <row r="798537" spans="14:14">
      <c r="N798537" s="10"/>
    </row>
    <row r="798538" spans="14:14">
      <c r="N798538" s="10"/>
    </row>
    <row r="798539" spans="14:14">
      <c r="N798539" s="10"/>
    </row>
    <row r="798540" spans="14:14">
      <c r="N798540" s="10"/>
    </row>
    <row r="798541" spans="14:14">
      <c r="N798541" s="10"/>
    </row>
    <row r="798542" spans="14:14">
      <c r="N798542" s="10"/>
    </row>
    <row r="798543" spans="14:14">
      <c r="N798543" s="10"/>
    </row>
    <row r="798544" spans="14:14">
      <c r="N798544" s="10"/>
    </row>
    <row r="798545" spans="14:14">
      <c r="N798545" s="10"/>
    </row>
    <row r="798546" spans="14:14">
      <c r="N798546" s="10"/>
    </row>
    <row r="798547" spans="14:14">
      <c r="N798547" s="10"/>
    </row>
    <row r="798548" spans="14:14">
      <c r="N798548" s="10"/>
    </row>
    <row r="798549" spans="14:14">
      <c r="N798549" s="10"/>
    </row>
    <row r="798550" spans="14:14">
      <c r="N798550" s="10"/>
    </row>
    <row r="798551" spans="14:14">
      <c r="N798551" s="10"/>
    </row>
    <row r="798552" spans="14:14">
      <c r="N798552" s="10"/>
    </row>
    <row r="798553" spans="14:14">
      <c r="N798553" s="10"/>
    </row>
    <row r="798554" spans="14:14">
      <c r="N798554" s="10"/>
    </row>
    <row r="798555" spans="14:14">
      <c r="N798555" s="10"/>
    </row>
    <row r="798556" spans="14:14">
      <c r="N798556" s="10"/>
    </row>
    <row r="798557" spans="14:14">
      <c r="N798557" s="10"/>
    </row>
    <row r="798558" spans="14:14">
      <c r="N798558" s="10"/>
    </row>
    <row r="798559" spans="14:14">
      <c r="N798559" s="10"/>
    </row>
    <row r="798560" spans="14:14">
      <c r="N798560" s="10"/>
    </row>
    <row r="798561" spans="14:14">
      <c r="N798561" s="10"/>
    </row>
    <row r="798562" spans="14:14">
      <c r="N798562" s="10"/>
    </row>
    <row r="798563" spans="14:14">
      <c r="N798563" s="10"/>
    </row>
    <row r="798564" spans="14:14">
      <c r="N798564" s="10"/>
    </row>
    <row r="798565" spans="14:14">
      <c r="N798565" s="10"/>
    </row>
    <row r="798566" spans="14:14">
      <c r="N798566" s="10"/>
    </row>
    <row r="798567" spans="14:14">
      <c r="N798567" s="10"/>
    </row>
    <row r="798568" spans="14:14">
      <c r="N798568" s="10"/>
    </row>
    <row r="798569" spans="14:14">
      <c r="N798569" s="10"/>
    </row>
    <row r="798570" spans="14:14">
      <c r="N798570" s="10"/>
    </row>
    <row r="798571" spans="14:14">
      <c r="N798571" s="10"/>
    </row>
    <row r="798572" spans="14:14">
      <c r="N798572" s="10"/>
    </row>
    <row r="798573" spans="14:14">
      <c r="N798573" s="10"/>
    </row>
    <row r="798574" spans="14:14">
      <c r="N798574" s="10"/>
    </row>
    <row r="798575" spans="14:14">
      <c r="N798575" s="10"/>
    </row>
    <row r="798576" spans="14:14">
      <c r="N798576" s="10"/>
    </row>
    <row r="798577" spans="14:14">
      <c r="N798577" s="10"/>
    </row>
    <row r="798578" spans="14:14">
      <c r="N798578" s="10"/>
    </row>
    <row r="798579" spans="14:14">
      <c r="N798579" s="10"/>
    </row>
    <row r="798580" spans="14:14">
      <c r="N798580" s="10"/>
    </row>
    <row r="798581" spans="14:14">
      <c r="N798581" s="10"/>
    </row>
    <row r="798582" spans="14:14">
      <c r="N798582" s="10"/>
    </row>
    <row r="798583" spans="14:14">
      <c r="N798583" s="10"/>
    </row>
    <row r="798584" spans="14:14">
      <c r="N798584" s="10"/>
    </row>
    <row r="798585" spans="14:14">
      <c r="N798585" s="10"/>
    </row>
    <row r="798586" spans="14:14">
      <c r="N798586" s="10"/>
    </row>
    <row r="798587" spans="14:14">
      <c r="N798587" s="10"/>
    </row>
    <row r="798588" spans="14:14">
      <c r="N798588" s="10"/>
    </row>
    <row r="798589" spans="14:14">
      <c r="N798589" s="10"/>
    </row>
    <row r="798590" spans="14:14">
      <c r="N798590" s="10"/>
    </row>
    <row r="798591" spans="14:14">
      <c r="N798591" s="10"/>
    </row>
    <row r="798592" spans="14:14">
      <c r="N798592" s="10"/>
    </row>
    <row r="798593" spans="14:14">
      <c r="N798593" s="10"/>
    </row>
    <row r="798594" spans="14:14">
      <c r="N798594" s="10"/>
    </row>
    <row r="798595" spans="14:14">
      <c r="N798595" s="10"/>
    </row>
    <row r="798596" spans="14:14">
      <c r="N798596" s="10"/>
    </row>
    <row r="798597" spans="14:14">
      <c r="N798597" s="10"/>
    </row>
    <row r="798598" spans="14:14">
      <c r="N798598" s="10"/>
    </row>
    <row r="798599" spans="14:14">
      <c r="N798599" s="10"/>
    </row>
    <row r="798600" spans="14:14">
      <c r="N798600" s="10"/>
    </row>
    <row r="798601" spans="14:14">
      <c r="N798601" s="10"/>
    </row>
    <row r="798602" spans="14:14">
      <c r="N798602" s="10"/>
    </row>
    <row r="798603" spans="14:14">
      <c r="N798603" s="10"/>
    </row>
    <row r="798604" spans="14:14">
      <c r="N798604" s="10"/>
    </row>
    <row r="798605" spans="14:14">
      <c r="N798605" s="10"/>
    </row>
    <row r="798606" spans="14:14">
      <c r="N798606" s="10"/>
    </row>
    <row r="798607" spans="14:14">
      <c r="N798607" s="10"/>
    </row>
    <row r="798608" spans="14:14">
      <c r="N798608" s="10"/>
    </row>
    <row r="798609" spans="14:14">
      <c r="N798609" s="10"/>
    </row>
    <row r="798610" spans="14:14">
      <c r="N798610" s="10"/>
    </row>
    <row r="798611" spans="14:14">
      <c r="N798611" s="10"/>
    </row>
    <row r="798612" spans="14:14">
      <c r="N798612" s="10"/>
    </row>
    <row r="798613" spans="14:14">
      <c r="N798613" s="10"/>
    </row>
    <row r="798614" spans="14:14">
      <c r="N798614" s="10"/>
    </row>
    <row r="798615" spans="14:14">
      <c r="N798615" s="10"/>
    </row>
    <row r="798616" spans="14:14">
      <c r="N798616" s="10"/>
    </row>
    <row r="798617" spans="14:14">
      <c r="N798617" s="10"/>
    </row>
    <row r="798618" spans="14:14">
      <c r="N798618" s="10"/>
    </row>
    <row r="798619" spans="14:14">
      <c r="N798619" s="10"/>
    </row>
    <row r="798620" spans="14:14">
      <c r="N798620" s="10"/>
    </row>
    <row r="798621" spans="14:14">
      <c r="N798621" s="10"/>
    </row>
    <row r="798622" spans="14:14">
      <c r="N798622" s="10"/>
    </row>
    <row r="798623" spans="14:14">
      <c r="N798623" s="10"/>
    </row>
    <row r="798624" spans="14:14">
      <c r="N798624" s="10"/>
    </row>
    <row r="798625" spans="14:14">
      <c r="N798625" s="10"/>
    </row>
    <row r="798626" spans="14:14">
      <c r="N798626" s="10"/>
    </row>
    <row r="798627" spans="14:14">
      <c r="N798627" s="10"/>
    </row>
    <row r="798628" spans="14:14">
      <c r="N798628" s="10"/>
    </row>
    <row r="798629" spans="14:14">
      <c r="N798629" s="10"/>
    </row>
    <row r="798630" spans="14:14">
      <c r="N798630" s="10"/>
    </row>
    <row r="798631" spans="14:14">
      <c r="N798631" s="10"/>
    </row>
    <row r="798632" spans="14:14">
      <c r="N798632" s="10"/>
    </row>
    <row r="798633" spans="14:14">
      <c r="N798633" s="10"/>
    </row>
    <row r="798634" spans="14:14">
      <c r="N798634" s="10"/>
    </row>
    <row r="798635" spans="14:14">
      <c r="N798635" s="10"/>
    </row>
    <row r="798636" spans="14:14">
      <c r="N798636" s="10"/>
    </row>
    <row r="798637" spans="14:14">
      <c r="N798637" s="10"/>
    </row>
    <row r="798638" spans="14:14">
      <c r="N798638" s="10"/>
    </row>
    <row r="798639" spans="14:14">
      <c r="N798639" s="10"/>
    </row>
    <row r="798640" spans="14:14">
      <c r="N798640" s="10"/>
    </row>
    <row r="798641" spans="14:14">
      <c r="N798641" s="10"/>
    </row>
    <row r="798642" spans="14:14">
      <c r="N798642" s="10"/>
    </row>
    <row r="798643" spans="14:14">
      <c r="N798643" s="10"/>
    </row>
    <row r="798644" spans="14:14">
      <c r="N798644" s="10"/>
    </row>
    <row r="798645" spans="14:14">
      <c r="N798645" s="10"/>
    </row>
    <row r="798646" spans="14:14">
      <c r="N798646" s="10"/>
    </row>
    <row r="798647" spans="14:14">
      <c r="N798647" s="10"/>
    </row>
    <row r="798648" spans="14:14">
      <c r="N798648" s="10"/>
    </row>
    <row r="798649" spans="14:14">
      <c r="N798649" s="10"/>
    </row>
    <row r="798650" spans="14:14">
      <c r="N798650" s="10"/>
    </row>
    <row r="798651" spans="14:14">
      <c r="N798651" s="10"/>
    </row>
    <row r="798652" spans="14:14">
      <c r="N798652" s="10"/>
    </row>
    <row r="798653" spans="14:14">
      <c r="N798653" s="10"/>
    </row>
    <row r="798654" spans="14:14">
      <c r="N798654" s="10"/>
    </row>
    <row r="798655" spans="14:14">
      <c r="N798655" s="10"/>
    </row>
    <row r="798656" spans="14:14">
      <c r="N798656" s="10"/>
    </row>
    <row r="798657" spans="14:14">
      <c r="N798657" s="10"/>
    </row>
    <row r="798658" spans="14:14">
      <c r="N798658" s="10"/>
    </row>
    <row r="798659" spans="14:14">
      <c r="N798659" s="10"/>
    </row>
    <row r="798660" spans="14:14">
      <c r="N798660" s="10"/>
    </row>
    <row r="798661" spans="14:14">
      <c r="N798661" s="10"/>
    </row>
    <row r="798662" spans="14:14">
      <c r="N798662" s="10"/>
    </row>
    <row r="798663" spans="14:14">
      <c r="N798663" s="10"/>
    </row>
    <row r="798664" spans="14:14">
      <c r="N798664" s="10"/>
    </row>
    <row r="798665" spans="14:14">
      <c r="N798665" s="10"/>
    </row>
    <row r="798666" spans="14:14">
      <c r="N798666" s="10"/>
    </row>
    <row r="798667" spans="14:14">
      <c r="N798667" s="10"/>
    </row>
    <row r="798668" spans="14:14">
      <c r="N798668" s="10"/>
    </row>
    <row r="798669" spans="14:14">
      <c r="N798669" s="10"/>
    </row>
    <row r="798670" spans="14:14">
      <c r="N798670" s="10"/>
    </row>
    <row r="798671" spans="14:14">
      <c r="N798671" s="10"/>
    </row>
    <row r="798672" spans="14:14">
      <c r="N798672" s="10"/>
    </row>
    <row r="798673" spans="14:14">
      <c r="N798673" s="10"/>
    </row>
    <row r="798674" spans="14:14">
      <c r="N798674" s="10"/>
    </row>
    <row r="798675" spans="14:14">
      <c r="N798675" s="10"/>
    </row>
    <row r="798676" spans="14:14">
      <c r="N798676" s="10"/>
    </row>
    <row r="798677" spans="14:14">
      <c r="N798677" s="10"/>
    </row>
    <row r="798678" spans="14:14">
      <c r="N798678" s="10"/>
    </row>
    <row r="798679" spans="14:14">
      <c r="N798679" s="10"/>
    </row>
    <row r="798680" spans="14:14">
      <c r="N798680" s="10"/>
    </row>
    <row r="798681" spans="14:14">
      <c r="N798681" s="10"/>
    </row>
    <row r="798682" spans="14:14">
      <c r="N798682" s="10"/>
    </row>
    <row r="798683" spans="14:14">
      <c r="N798683" s="10"/>
    </row>
    <row r="798684" spans="14:14">
      <c r="N798684" s="10"/>
    </row>
    <row r="798685" spans="14:14">
      <c r="N798685" s="10"/>
    </row>
    <row r="798686" spans="14:14">
      <c r="N798686" s="10"/>
    </row>
    <row r="798687" spans="14:14">
      <c r="N798687" s="10"/>
    </row>
    <row r="798688" spans="14:14">
      <c r="N798688" s="10"/>
    </row>
    <row r="798689" spans="14:14">
      <c r="N798689" s="10"/>
    </row>
    <row r="798690" spans="14:14">
      <c r="N798690" s="10"/>
    </row>
    <row r="798691" spans="14:14">
      <c r="N798691" s="10"/>
    </row>
    <row r="798692" spans="14:14">
      <c r="N798692" s="10"/>
    </row>
    <row r="798693" spans="14:14">
      <c r="N798693" s="10"/>
    </row>
    <row r="798694" spans="14:14">
      <c r="N798694" s="10"/>
    </row>
    <row r="798695" spans="14:14">
      <c r="N798695" s="10"/>
    </row>
    <row r="798696" spans="14:14">
      <c r="N798696" s="10"/>
    </row>
    <row r="798697" spans="14:14">
      <c r="N798697" s="10"/>
    </row>
    <row r="798698" spans="14:14">
      <c r="N798698" s="10"/>
    </row>
    <row r="798699" spans="14:14">
      <c r="N798699" s="10"/>
    </row>
    <row r="798700" spans="14:14">
      <c r="N798700" s="10"/>
    </row>
    <row r="798701" spans="14:14">
      <c r="N798701" s="10"/>
    </row>
    <row r="798702" spans="14:14">
      <c r="N798702" s="10"/>
    </row>
    <row r="798703" spans="14:14">
      <c r="N798703" s="10"/>
    </row>
    <row r="798704" spans="14:14">
      <c r="N798704" s="10"/>
    </row>
    <row r="798705" spans="14:14">
      <c r="N798705" s="10"/>
    </row>
    <row r="798706" spans="14:14">
      <c r="N798706" s="10"/>
    </row>
    <row r="798707" spans="14:14">
      <c r="N798707" s="10"/>
    </row>
    <row r="798708" spans="14:14">
      <c r="N798708" s="10"/>
    </row>
    <row r="798709" spans="14:14">
      <c r="N798709" s="10"/>
    </row>
    <row r="798710" spans="14:14">
      <c r="N798710" s="10"/>
    </row>
    <row r="798711" spans="14:14">
      <c r="N798711" s="10"/>
    </row>
    <row r="798712" spans="14:14">
      <c r="N798712" s="10"/>
    </row>
    <row r="798713" spans="14:14">
      <c r="N798713" s="10"/>
    </row>
    <row r="798714" spans="14:14">
      <c r="N798714" s="10"/>
    </row>
    <row r="798715" spans="14:14">
      <c r="N798715" s="10"/>
    </row>
    <row r="798716" spans="14:14">
      <c r="N798716" s="10"/>
    </row>
    <row r="798717" spans="14:14">
      <c r="N798717" s="10"/>
    </row>
    <row r="798718" spans="14:14">
      <c r="N798718" s="10"/>
    </row>
    <row r="798719" spans="14:14">
      <c r="N798719" s="10"/>
    </row>
    <row r="798720" spans="14:14">
      <c r="N798720" s="10"/>
    </row>
    <row r="798721" spans="14:14">
      <c r="N798721" s="10"/>
    </row>
    <row r="798722" spans="14:14">
      <c r="N798722" s="10"/>
    </row>
    <row r="798723" spans="14:14">
      <c r="N798723" s="10"/>
    </row>
    <row r="798724" spans="14:14">
      <c r="N798724" s="10"/>
    </row>
    <row r="798725" spans="14:14">
      <c r="N798725" s="10"/>
    </row>
    <row r="798726" spans="14:14">
      <c r="N798726" s="10"/>
    </row>
    <row r="798727" spans="14:14">
      <c r="N798727" s="10"/>
    </row>
    <row r="798728" spans="14:14">
      <c r="N798728" s="10"/>
    </row>
    <row r="798729" spans="14:14">
      <c r="N798729" s="10"/>
    </row>
    <row r="798730" spans="14:14">
      <c r="N798730" s="10"/>
    </row>
    <row r="798731" spans="14:14">
      <c r="N798731" s="10"/>
    </row>
    <row r="798732" spans="14:14">
      <c r="N798732" s="10"/>
    </row>
    <row r="798733" spans="14:14">
      <c r="N798733" s="10"/>
    </row>
    <row r="798734" spans="14:14">
      <c r="N798734" s="10"/>
    </row>
    <row r="798735" spans="14:14">
      <c r="N798735" s="10"/>
    </row>
    <row r="798736" spans="14:14">
      <c r="N798736" s="10"/>
    </row>
    <row r="798737" spans="14:14">
      <c r="N798737" s="10"/>
    </row>
    <row r="798738" spans="14:14">
      <c r="N798738" s="10"/>
    </row>
    <row r="798739" spans="14:14">
      <c r="N798739" s="10"/>
    </row>
    <row r="798740" spans="14:14">
      <c r="N798740" s="10"/>
    </row>
    <row r="798741" spans="14:14">
      <c r="N798741" s="10"/>
    </row>
    <row r="798742" spans="14:14">
      <c r="N798742" s="10"/>
    </row>
    <row r="798743" spans="14:14">
      <c r="N798743" s="10"/>
    </row>
    <row r="798744" spans="14:14">
      <c r="N798744" s="10"/>
    </row>
    <row r="798745" spans="14:14">
      <c r="N798745" s="10"/>
    </row>
    <row r="798746" spans="14:14">
      <c r="N798746" s="10"/>
    </row>
    <row r="798747" spans="14:14">
      <c r="N798747" s="10"/>
    </row>
    <row r="798748" spans="14:14">
      <c r="N798748" s="10"/>
    </row>
    <row r="798749" spans="14:14">
      <c r="N798749" s="10"/>
    </row>
    <row r="798750" spans="14:14">
      <c r="N798750" s="10"/>
    </row>
    <row r="798751" spans="14:14">
      <c r="N798751" s="10"/>
    </row>
    <row r="798752" spans="14:14">
      <c r="N798752" s="10"/>
    </row>
    <row r="798753" spans="14:14">
      <c r="N798753" s="10"/>
    </row>
    <row r="798754" spans="14:14">
      <c r="N798754" s="10"/>
    </row>
    <row r="798755" spans="14:14">
      <c r="N798755" s="10"/>
    </row>
    <row r="798756" spans="14:14">
      <c r="N798756" s="10"/>
    </row>
    <row r="798757" spans="14:14">
      <c r="N798757" s="10"/>
    </row>
    <row r="798758" spans="14:14">
      <c r="N798758" s="10"/>
    </row>
    <row r="798759" spans="14:14">
      <c r="N798759" s="10"/>
    </row>
    <row r="798760" spans="14:14">
      <c r="N798760" s="10"/>
    </row>
    <row r="798761" spans="14:14">
      <c r="N798761" s="10"/>
    </row>
    <row r="798762" spans="14:14">
      <c r="N798762" s="10"/>
    </row>
    <row r="798763" spans="14:14">
      <c r="N798763" s="10"/>
    </row>
    <row r="798764" spans="14:14">
      <c r="N798764" s="10"/>
    </row>
    <row r="798765" spans="14:14">
      <c r="N798765" s="10"/>
    </row>
    <row r="798766" spans="14:14">
      <c r="N798766" s="10"/>
    </row>
    <row r="798767" spans="14:14">
      <c r="N798767" s="10"/>
    </row>
    <row r="798768" spans="14:14">
      <c r="N798768" s="10"/>
    </row>
    <row r="798769" spans="14:14">
      <c r="N798769" s="10"/>
    </row>
    <row r="798770" spans="14:14">
      <c r="N798770" s="10"/>
    </row>
    <row r="798771" spans="14:14">
      <c r="N798771" s="10"/>
    </row>
    <row r="798772" spans="14:14">
      <c r="N798772" s="10"/>
    </row>
    <row r="798773" spans="14:14">
      <c r="N798773" s="10"/>
    </row>
    <row r="798774" spans="14:14">
      <c r="N798774" s="10"/>
    </row>
    <row r="798775" spans="14:14">
      <c r="N798775" s="10"/>
    </row>
    <row r="798776" spans="14:14">
      <c r="N798776" s="10"/>
    </row>
    <row r="798777" spans="14:14">
      <c r="N798777" s="10"/>
    </row>
    <row r="798778" spans="14:14">
      <c r="N798778" s="10"/>
    </row>
    <row r="798779" spans="14:14">
      <c r="N798779" s="10"/>
    </row>
    <row r="798780" spans="14:14">
      <c r="N798780" s="10"/>
    </row>
    <row r="798781" spans="14:14">
      <c r="N798781" s="10"/>
    </row>
    <row r="798782" spans="14:14">
      <c r="N798782" s="10"/>
    </row>
    <row r="798783" spans="14:14">
      <c r="N798783" s="10"/>
    </row>
    <row r="798784" spans="14:14">
      <c r="N798784" s="10"/>
    </row>
    <row r="798785" spans="14:14">
      <c r="N798785" s="10"/>
    </row>
    <row r="798786" spans="14:14">
      <c r="N798786" s="10"/>
    </row>
    <row r="798787" spans="14:14">
      <c r="N798787" s="10"/>
    </row>
    <row r="798788" spans="14:14">
      <c r="N798788" s="10"/>
    </row>
    <row r="798789" spans="14:14">
      <c r="N798789" s="10"/>
    </row>
    <row r="798790" spans="14:14">
      <c r="N798790" s="10"/>
    </row>
    <row r="798791" spans="14:14">
      <c r="N798791" s="10"/>
    </row>
    <row r="798792" spans="14:14">
      <c r="N798792" s="10"/>
    </row>
    <row r="798793" spans="14:14">
      <c r="N798793" s="10"/>
    </row>
    <row r="798794" spans="14:14">
      <c r="N798794" s="10"/>
    </row>
    <row r="798795" spans="14:14">
      <c r="N798795" s="10"/>
    </row>
    <row r="798796" spans="14:14">
      <c r="N798796" s="10"/>
    </row>
    <row r="798797" spans="14:14">
      <c r="N798797" s="10"/>
    </row>
    <row r="798798" spans="14:14">
      <c r="N798798" s="10"/>
    </row>
    <row r="798799" spans="14:14">
      <c r="N798799" s="10"/>
    </row>
    <row r="798800" spans="14:14">
      <c r="N798800" s="10"/>
    </row>
    <row r="798801" spans="14:14">
      <c r="N798801" s="10"/>
    </row>
    <row r="798802" spans="14:14">
      <c r="N798802" s="10"/>
    </row>
    <row r="798803" spans="14:14">
      <c r="N798803" s="10"/>
    </row>
    <row r="798804" spans="14:14">
      <c r="N798804" s="10"/>
    </row>
    <row r="798805" spans="14:14">
      <c r="N798805" s="10"/>
    </row>
    <row r="798806" spans="14:14">
      <c r="N798806" s="10"/>
    </row>
    <row r="798807" spans="14:14">
      <c r="N798807" s="10"/>
    </row>
    <row r="798808" spans="14:14">
      <c r="N798808" s="10"/>
    </row>
    <row r="798809" spans="14:14">
      <c r="N798809" s="10"/>
    </row>
    <row r="798810" spans="14:14">
      <c r="N798810" s="10"/>
    </row>
    <row r="798811" spans="14:14">
      <c r="N798811" s="10"/>
    </row>
    <row r="798812" spans="14:14">
      <c r="N798812" s="10"/>
    </row>
    <row r="798813" spans="14:14">
      <c r="N798813" s="10"/>
    </row>
    <row r="798814" spans="14:14">
      <c r="N798814" s="10"/>
    </row>
    <row r="798815" spans="14:14">
      <c r="N798815" s="10"/>
    </row>
    <row r="798816" spans="14:14">
      <c r="N798816" s="10"/>
    </row>
    <row r="798817" spans="14:14">
      <c r="N798817" s="10"/>
    </row>
    <row r="798818" spans="14:14">
      <c r="N798818" s="10"/>
    </row>
    <row r="798819" spans="14:14">
      <c r="N798819" s="10"/>
    </row>
    <row r="798820" spans="14:14">
      <c r="N798820" s="10"/>
    </row>
    <row r="798821" spans="14:14">
      <c r="N798821" s="10"/>
    </row>
    <row r="798822" spans="14:14">
      <c r="N798822" s="10"/>
    </row>
    <row r="798823" spans="14:14">
      <c r="N798823" s="10"/>
    </row>
    <row r="798824" spans="14:14">
      <c r="N798824" s="10"/>
    </row>
    <row r="798825" spans="14:14">
      <c r="N798825" s="10"/>
    </row>
    <row r="798826" spans="14:14">
      <c r="N798826" s="10"/>
    </row>
    <row r="798827" spans="14:14">
      <c r="N798827" s="10"/>
    </row>
    <row r="798828" spans="14:14">
      <c r="N798828" s="10"/>
    </row>
    <row r="798829" spans="14:14">
      <c r="N798829" s="10"/>
    </row>
    <row r="798830" spans="14:14">
      <c r="N798830" s="10"/>
    </row>
    <row r="798831" spans="14:14">
      <c r="N798831" s="10"/>
    </row>
    <row r="798832" spans="14:14">
      <c r="N798832" s="10"/>
    </row>
    <row r="798833" spans="14:14">
      <c r="N798833" s="10"/>
    </row>
    <row r="798834" spans="14:14">
      <c r="N798834" s="10"/>
    </row>
    <row r="798835" spans="14:14">
      <c r="N798835" s="10"/>
    </row>
    <row r="798836" spans="14:14">
      <c r="N798836" s="10"/>
    </row>
    <row r="798837" spans="14:14">
      <c r="N798837" s="10"/>
    </row>
    <row r="798838" spans="14:14">
      <c r="N798838" s="10"/>
    </row>
    <row r="798839" spans="14:14">
      <c r="N798839" s="10"/>
    </row>
    <row r="798840" spans="14:14">
      <c r="N798840" s="10"/>
    </row>
    <row r="798841" spans="14:14">
      <c r="N798841" s="10"/>
    </row>
    <row r="798842" spans="14:14">
      <c r="N798842" s="10"/>
    </row>
    <row r="798843" spans="14:14">
      <c r="N798843" s="10"/>
    </row>
    <row r="798844" spans="14:14">
      <c r="N798844" s="10"/>
    </row>
    <row r="798845" spans="14:14">
      <c r="N798845" s="10"/>
    </row>
    <row r="798846" spans="14:14">
      <c r="N798846" s="10"/>
    </row>
    <row r="798847" spans="14:14">
      <c r="N798847" s="10"/>
    </row>
    <row r="798848" spans="14:14">
      <c r="N798848" s="10"/>
    </row>
    <row r="798849" spans="14:14">
      <c r="N798849" s="10"/>
    </row>
    <row r="798850" spans="14:14">
      <c r="N798850" s="10"/>
    </row>
    <row r="798851" spans="14:14">
      <c r="N798851" s="10"/>
    </row>
    <row r="798852" spans="14:14">
      <c r="N798852" s="10"/>
    </row>
    <row r="798853" spans="14:14">
      <c r="N798853" s="10"/>
    </row>
    <row r="798854" spans="14:14">
      <c r="N798854" s="10"/>
    </row>
    <row r="798855" spans="14:14">
      <c r="N798855" s="10"/>
    </row>
    <row r="798856" spans="14:14">
      <c r="N798856" s="10"/>
    </row>
    <row r="798857" spans="14:14">
      <c r="N798857" s="10"/>
    </row>
    <row r="798858" spans="14:14">
      <c r="N798858" s="10"/>
    </row>
    <row r="798859" spans="14:14">
      <c r="N798859" s="10"/>
    </row>
    <row r="798860" spans="14:14">
      <c r="N798860" s="10"/>
    </row>
    <row r="798861" spans="14:14">
      <c r="N798861" s="10"/>
    </row>
    <row r="798862" spans="14:14">
      <c r="N798862" s="10"/>
    </row>
    <row r="798863" spans="14:14">
      <c r="N798863" s="10"/>
    </row>
    <row r="798864" spans="14:14">
      <c r="N798864" s="10"/>
    </row>
    <row r="798865" spans="14:14">
      <c r="N798865" s="10"/>
    </row>
    <row r="798866" spans="14:14">
      <c r="N798866" s="10"/>
    </row>
    <row r="798867" spans="14:14">
      <c r="N798867" s="10"/>
    </row>
    <row r="798868" spans="14:14">
      <c r="N798868" s="10"/>
    </row>
    <row r="798869" spans="14:14">
      <c r="N798869" s="10"/>
    </row>
    <row r="798870" spans="14:14">
      <c r="N798870" s="10"/>
    </row>
    <row r="798871" spans="14:14">
      <c r="N798871" s="10"/>
    </row>
    <row r="798872" spans="14:14">
      <c r="N798872" s="10"/>
    </row>
    <row r="798873" spans="14:14">
      <c r="N798873" s="10"/>
    </row>
    <row r="798874" spans="14:14">
      <c r="N798874" s="10"/>
    </row>
    <row r="798875" spans="14:14">
      <c r="N798875" s="10"/>
    </row>
    <row r="798876" spans="14:14">
      <c r="N798876" s="10"/>
    </row>
    <row r="798877" spans="14:14">
      <c r="N798877" s="10"/>
    </row>
    <row r="798878" spans="14:14">
      <c r="N798878" s="10"/>
    </row>
    <row r="798879" spans="14:14">
      <c r="N798879" s="10"/>
    </row>
    <row r="798880" spans="14:14">
      <c r="N798880" s="10"/>
    </row>
    <row r="798881" spans="14:14">
      <c r="N798881" s="10"/>
    </row>
    <row r="798882" spans="14:14">
      <c r="N798882" s="10"/>
    </row>
    <row r="798883" spans="14:14">
      <c r="N798883" s="10"/>
    </row>
    <row r="798884" spans="14:14">
      <c r="N798884" s="10"/>
    </row>
    <row r="798885" spans="14:14">
      <c r="N798885" s="10"/>
    </row>
    <row r="798886" spans="14:14">
      <c r="N798886" s="10"/>
    </row>
    <row r="798887" spans="14:14">
      <c r="N798887" s="10"/>
    </row>
    <row r="798888" spans="14:14">
      <c r="N798888" s="10"/>
    </row>
    <row r="798889" spans="14:14">
      <c r="N798889" s="10"/>
    </row>
    <row r="798890" spans="14:14">
      <c r="N798890" s="10"/>
    </row>
    <row r="798891" spans="14:14">
      <c r="N798891" s="10"/>
    </row>
    <row r="798892" spans="14:14">
      <c r="N798892" s="10"/>
    </row>
    <row r="798893" spans="14:14">
      <c r="N798893" s="10"/>
    </row>
    <row r="798894" spans="14:14">
      <c r="N798894" s="10"/>
    </row>
    <row r="798895" spans="14:14">
      <c r="N798895" s="10"/>
    </row>
    <row r="798896" spans="14:14">
      <c r="N798896" s="10"/>
    </row>
    <row r="798897" spans="14:14">
      <c r="N798897" s="10"/>
    </row>
    <row r="798898" spans="14:14">
      <c r="N798898" s="10"/>
    </row>
    <row r="798899" spans="14:14">
      <c r="N798899" s="10"/>
    </row>
    <row r="798900" spans="14:14">
      <c r="N798900" s="10"/>
    </row>
    <row r="798901" spans="14:14">
      <c r="N798901" s="10"/>
    </row>
    <row r="798902" spans="14:14">
      <c r="N798902" s="10"/>
    </row>
    <row r="798903" spans="14:14">
      <c r="N798903" s="10"/>
    </row>
    <row r="798904" spans="14:14">
      <c r="N798904" s="10"/>
    </row>
    <row r="798905" spans="14:14">
      <c r="N798905" s="10"/>
    </row>
    <row r="798906" spans="14:14">
      <c r="N798906" s="10"/>
    </row>
    <row r="798907" spans="14:14">
      <c r="N798907" s="10"/>
    </row>
    <row r="798908" spans="14:14">
      <c r="N798908" s="10"/>
    </row>
    <row r="798909" spans="14:14">
      <c r="N798909" s="10"/>
    </row>
    <row r="798910" spans="14:14">
      <c r="N798910" s="10"/>
    </row>
    <row r="798911" spans="14:14">
      <c r="N798911" s="10"/>
    </row>
    <row r="798912" spans="14:14">
      <c r="N798912" s="10"/>
    </row>
    <row r="798913" spans="14:14">
      <c r="N798913" s="10"/>
    </row>
    <row r="798914" spans="14:14">
      <c r="N798914" s="10"/>
    </row>
    <row r="798915" spans="14:14">
      <c r="N798915" s="10"/>
    </row>
    <row r="798916" spans="14:14">
      <c r="N798916" s="10"/>
    </row>
    <row r="798917" spans="14:14">
      <c r="N798917" s="10"/>
    </row>
    <row r="798918" spans="14:14">
      <c r="N798918" s="10"/>
    </row>
    <row r="798919" spans="14:14">
      <c r="N798919" s="10"/>
    </row>
    <row r="798920" spans="14:14">
      <c r="N798920" s="10"/>
    </row>
    <row r="798921" spans="14:14">
      <c r="N798921" s="10"/>
    </row>
    <row r="798922" spans="14:14">
      <c r="N798922" s="10"/>
    </row>
    <row r="798923" spans="14:14">
      <c r="N798923" s="10"/>
    </row>
    <row r="798924" spans="14:14">
      <c r="N798924" s="10"/>
    </row>
    <row r="798925" spans="14:14">
      <c r="N798925" s="10"/>
    </row>
    <row r="798926" spans="14:14">
      <c r="N798926" s="10"/>
    </row>
    <row r="798927" spans="14:14">
      <c r="N798927" s="10"/>
    </row>
    <row r="798928" spans="14:14">
      <c r="N798928" s="10"/>
    </row>
    <row r="798929" spans="14:14">
      <c r="N798929" s="10"/>
    </row>
    <row r="798930" spans="14:14">
      <c r="N798930" s="10"/>
    </row>
    <row r="798931" spans="14:14">
      <c r="N798931" s="10"/>
    </row>
    <row r="798932" spans="14:14">
      <c r="N798932" s="10"/>
    </row>
    <row r="798933" spans="14:14">
      <c r="N798933" s="10"/>
    </row>
    <row r="798934" spans="14:14">
      <c r="N798934" s="10"/>
    </row>
    <row r="798935" spans="14:14">
      <c r="N798935" s="10"/>
    </row>
    <row r="798936" spans="14:14">
      <c r="N798936" s="10"/>
    </row>
    <row r="798937" spans="14:14">
      <c r="N798937" s="10"/>
    </row>
    <row r="798938" spans="14:14">
      <c r="N798938" s="10"/>
    </row>
    <row r="798939" spans="14:14">
      <c r="N798939" s="10"/>
    </row>
    <row r="798940" spans="14:14">
      <c r="N798940" s="10"/>
    </row>
    <row r="798941" spans="14:14">
      <c r="N798941" s="10"/>
    </row>
    <row r="798942" spans="14:14">
      <c r="N798942" s="10"/>
    </row>
    <row r="798943" spans="14:14">
      <c r="N798943" s="10"/>
    </row>
    <row r="798944" spans="14:14">
      <c r="N798944" s="10"/>
    </row>
    <row r="798945" spans="14:14">
      <c r="N798945" s="10"/>
    </row>
    <row r="798946" spans="14:14">
      <c r="N798946" s="10"/>
    </row>
    <row r="798947" spans="14:14">
      <c r="N798947" s="10"/>
    </row>
    <row r="798948" spans="14:14">
      <c r="N798948" s="10"/>
    </row>
    <row r="798949" spans="14:14">
      <c r="N798949" s="10"/>
    </row>
    <row r="798950" spans="14:14">
      <c r="N798950" s="10"/>
    </row>
    <row r="798951" spans="14:14">
      <c r="N798951" s="10"/>
    </row>
    <row r="798952" spans="14:14">
      <c r="N798952" s="10"/>
    </row>
    <row r="798953" spans="14:14">
      <c r="N798953" s="10"/>
    </row>
    <row r="798954" spans="14:14">
      <c r="N798954" s="10"/>
    </row>
    <row r="798955" spans="14:14">
      <c r="N798955" s="10"/>
    </row>
    <row r="798956" spans="14:14">
      <c r="N798956" s="10"/>
    </row>
    <row r="798957" spans="14:14">
      <c r="N798957" s="10"/>
    </row>
    <row r="798958" spans="14:14">
      <c r="N798958" s="10"/>
    </row>
    <row r="798959" spans="14:14">
      <c r="N798959" s="10"/>
    </row>
    <row r="798960" spans="14:14">
      <c r="N798960" s="10"/>
    </row>
    <row r="798961" spans="14:14">
      <c r="N798961" s="10"/>
    </row>
    <row r="798962" spans="14:14">
      <c r="N798962" s="10"/>
    </row>
    <row r="798963" spans="14:14">
      <c r="N798963" s="10"/>
    </row>
    <row r="798964" spans="14:14">
      <c r="N798964" s="10"/>
    </row>
    <row r="798965" spans="14:14">
      <c r="N798965" s="10"/>
    </row>
    <row r="798966" spans="14:14">
      <c r="N798966" s="10"/>
    </row>
    <row r="798967" spans="14:14">
      <c r="N798967" s="10"/>
    </row>
    <row r="798968" spans="14:14">
      <c r="N798968" s="10"/>
    </row>
    <row r="798969" spans="14:14">
      <c r="N798969" s="10"/>
    </row>
    <row r="798970" spans="14:14">
      <c r="N798970" s="10"/>
    </row>
    <row r="798971" spans="14:14">
      <c r="N798971" s="10"/>
    </row>
    <row r="798972" spans="14:14">
      <c r="N798972" s="10"/>
    </row>
    <row r="798973" spans="14:14">
      <c r="N798973" s="10"/>
    </row>
    <row r="798974" spans="14:14">
      <c r="N798974" s="10"/>
    </row>
    <row r="798975" spans="14:14">
      <c r="N798975" s="10"/>
    </row>
    <row r="798976" spans="14:14">
      <c r="N798976" s="10"/>
    </row>
    <row r="798977" spans="14:14">
      <c r="N798977" s="10"/>
    </row>
    <row r="798978" spans="14:14">
      <c r="N798978" s="10"/>
    </row>
    <row r="798979" spans="14:14">
      <c r="N798979" s="10"/>
    </row>
    <row r="798980" spans="14:14">
      <c r="N798980" s="10"/>
    </row>
    <row r="798981" spans="14:14">
      <c r="N798981" s="10"/>
    </row>
    <row r="798982" spans="14:14">
      <c r="N798982" s="10"/>
    </row>
    <row r="798983" spans="14:14">
      <c r="N798983" s="10"/>
    </row>
    <row r="798984" spans="14:14">
      <c r="N798984" s="10"/>
    </row>
    <row r="798985" spans="14:14">
      <c r="N798985" s="10"/>
    </row>
    <row r="798986" spans="14:14">
      <c r="N798986" s="10"/>
    </row>
    <row r="798987" spans="14:14">
      <c r="N798987" s="10"/>
    </row>
    <row r="798988" spans="14:14">
      <c r="N798988" s="10"/>
    </row>
    <row r="798989" spans="14:14">
      <c r="N798989" s="10"/>
    </row>
    <row r="798990" spans="14:14">
      <c r="N798990" s="10"/>
    </row>
    <row r="798991" spans="14:14">
      <c r="N798991" s="10"/>
    </row>
    <row r="798992" spans="14:14">
      <c r="N798992" s="10"/>
    </row>
    <row r="798993" spans="14:14">
      <c r="N798993" s="10"/>
    </row>
    <row r="798994" spans="14:14">
      <c r="N798994" s="10"/>
    </row>
    <row r="798995" spans="14:14">
      <c r="N798995" s="10"/>
    </row>
    <row r="798996" spans="14:14">
      <c r="N798996" s="10"/>
    </row>
    <row r="798997" spans="14:14">
      <c r="N798997" s="10"/>
    </row>
    <row r="798998" spans="14:14">
      <c r="N798998" s="10"/>
    </row>
    <row r="798999" spans="14:14">
      <c r="N798999" s="10"/>
    </row>
    <row r="799000" spans="14:14">
      <c r="N799000" s="10"/>
    </row>
    <row r="799001" spans="14:14">
      <c r="N799001" s="10"/>
    </row>
    <row r="799002" spans="14:14">
      <c r="N799002" s="10"/>
    </row>
    <row r="799003" spans="14:14">
      <c r="N799003" s="10"/>
    </row>
    <row r="799004" spans="14:14">
      <c r="N799004" s="10"/>
    </row>
    <row r="799005" spans="14:14">
      <c r="N799005" s="10"/>
    </row>
    <row r="799006" spans="14:14">
      <c r="N799006" s="10"/>
    </row>
    <row r="799007" spans="14:14">
      <c r="N799007" s="10"/>
    </row>
    <row r="799008" spans="14:14">
      <c r="N799008" s="10"/>
    </row>
    <row r="799009" spans="14:14">
      <c r="N799009" s="10"/>
    </row>
    <row r="799010" spans="14:14">
      <c r="N799010" s="10"/>
    </row>
    <row r="799011" spans="14:14">
      <c r="N799011" s="10"/>
    </row>
    <row r="799012" spans="14:14">
      <c r="N799012" s="10"/>
    </row>
    <row r="799013" spans="14:14">
      <c r="N799013" s="10"/>
    </row>
    <row r="799014" spans="14:14">
      <c r="N799014" s="10"/>
    </row>
    <row r="799015" spans="14:14">
      <c r="N799015" s="10"/>
    </row>
    <row r="799016" spans="14:14">
      <c r="N799016" s="10"/>
    </row>
    <row r="799017" spans="14:14">
      <c r="N799017" s="10"/>
    </row>
    <row r="799018" spans="14:14">
      <c r="N799018" s="10"/>
    </row>
    <row r="799019" spans="14:14">
      <c r="N799019" s="10"/>
    </row>
    <row r="799020" spans="14:14">
      <c r="N799020" s="10"/>
    </row>
    <row r="799021" spans="14:14">
      <c r="N799021" s="10"/>
    </row>
    <row r="799022" spans="14:14">
      <c r="N799022" s="10"/>
    </row>
    <row r="799023" spans="14:14">
      <c r="N799023" s="10"/>
    </row>
    <row r="799024" spans="14:14">
      <c r="N799024" s="10"/>
    </row>
    <row r="799025" spans="14:14">
      <c r="N799025" s="10"/>
    </row>
    <row r="799026" spans="14:14">
      <c r="N799026" s="10"/>
    </row>
    <row r="799027" spans="14:14">
      <c r="N799027" s="10"/>
    </row>
    <row r="799028" spans="14:14">
      <c r="N799028" s="10"/>
    </row>
    <row r="799029" spans="14:14">
      <c r="N799029" s="10"/>
    </row>
    <row r="799030" spans="14:14">
      <c r="N799030" s="10"/>
    </row>
    <row r="799031" spans="14:14">
      <c r="N799031" s="10"/>
    </row>
    <row r="799032" spans="14:14">
      <c r="N799032" s="10"/>
    </row>
    <row r="799033" spans="14:14">
      <c r="N799033" s="10"/>
    </row>
    <row r="799034" spans="14:14">
      <c r="N799034" s="10"/>
    </row>
    <row r="799035" spans="14:14">
      <c r="N799035" s="10"/>
    </row>
    <row r="799036" spans="14:14">
      <c r="N799036" s="10"/>
    </row>
    <row r="799037" spans="14:14">
      <c r="N799037" s="10"/>
    </row>
    <row r="799038" spans="14:14">
      <c r="N799038" s="10"/>
    </row>
    <row r="799039" spans="14:14">
      <c r="N799039" s="10"/>
    </row>
    <row r="799040" spans="14:14">
      <c r="N799040" s="10"/>
    </row>
    <row r="799041" spans="14:14">
      <c r="N799041" s="10"/>
    </row>
    <row r="799042" spans="14:14">
      <c r="N799042" s="10"/>
    </row>
    <row r="799043" spans="14:14">
      <c r="N799043" s="10"/>
    </row>
    <row r="799044" spans="14:14">
      <c r="N799044" s="10"/>
    </row>
    <row r="799045" spans="14:14">
      <c r="N799045" s="10"/>
    </row>
    <row r="799046" spans="14:14">
      <c r="N799046" s="10"/>
    </row>
    <row r="799047" spans="14:14">
      <c r="N799047" s="10"/>
    </row>
    <row r="799048" spans="14:14">
      <c r="N799048" s="10"/>
    </row>
    <row r="799049" spans="14:14">
      <c r="N799049" s="10"/>
    </row>
    <row r="799050" spans="14:14">
      <c r="N799050" s="10"/>
    </row>
    <row r="799051" spans="14:14">
      <c r="N799051" s="10"/>
    </row>
    <row r="799052" spans="14:14">
      <c r="N799052" s="10"/>
    </row>
    <row r="799053" spans="14:14">
      <c r="N799053" s="10"/>
    </row>
    <row r="799054" spans="14:14">
      <c r="N799054" s="10"/>
    </row>
    <row r="799055" spans="14:14">
      <c r="N799055" s="10"/>
    </row>
    <row r="799056" spans="14:14">
      <c r="N799056" s="10"/>
    </row>
    <row r="799057" spans="14:14">
      <c r="N799057" s="10"/>
    </row>
    <row r="799058" spans="14:14">
      <c r="N799058" s="10"/>
    </row>
    <row r="799059" spans="14:14">
      <c r="N799059" s="10"/>
    </row>
    <row r="799060" spans="14:14">
      <c r="N799060" s="10"/>
    </row>
    <row r="799061" spans="14:14">
      <c r="N799061" s="10"/>
    </row>
    <row r="799062" spans="14:14">
      <c r="N799062" s="10"/>
    </row>
    <row r="799063" spans="14:14">
      <c r="N799063" s="10"/>
    </row>
    <row r="799064" spans="14:14">
      <c r="N799064" s="10"/>
    </row>
    <row r="799065" spans="14:14">
      <c r="N799065" s="10"/>
    </row>
    <row r="799066" spans="14:14">
      <c r="N799066" s="10"/>
    </row>
    <row r="799067" spans="14:14">
      <c r="N799067" s="10"/>
    </row>
    <row r="799068" spans="14:14">
      <c r="N799068" s="10"/>
    </row>
    <row r="799069" spans="14:14">
      <c r="N799069" s="10"/>
    </row>
    <row r="799070" spans="14:14">
      <c r="N799070" s="10"/>
    </row>
    <row r="799071" spans="14:14">
      <c r="N799071" s="10"/>
    </row>
    <row r="799072" spans="14:14">
      <c r="N799072" s="10"/>
    </row>
    <row r="799073" spans="14:14">
      <c r="N799073" s="10"/>
    </row>
    <row r="799074" spans="14:14">
      <c r="N799074" s="10"/>
    </row>
    <row r="799075" spans="14:14">
      <c r="N799075" s="10"/>
    </row>
    <row r="799076" spans="14:14">
      <c r="N799076" s="10"/>
    </row>
    <row r="799077" spans="14:14">
      <c r="N799077" s="10"/>
    </row>
    <row r="799078" spans="14:14">
      <c r="N799078" s="10"/>
    </row>
    <row r="799079" spans="14:14">
      <c r="N799079" s="10"/>
    </row>
    <row r="799080" spans="14:14">
      <c r="N799080" s="10"/>
    </row>
    <row r="799081" spans="14:14">
      <c r="N799081" s="10"/>
    </row>
    <row r="799082" spans="14:14">
      <c r="N799082" s="10"/>
    </row>
    <row r="799083" spans="14:14">
      <c r="N799083" s="10"/>
    </row>
    <row r="799084" spans="14:14">
      <c r="N799084" s="10"/>
    </row>
    <row r="799085" spans="14:14">
      <c r="N799085" s="10"/>
    </row>
    <row r="799086" spans="14:14">
      <c r="N799086" s="10"/>
    </row>
    <row r="799087" spans="14:14">
      <c r="N799087" s="10"/>
    </row>
    <row r="799088" spans="14:14">
      <c r="N799088" s="10"/>
    </row>
    <row r="799089" spans="14:14">
      <c r="N799089" s="10"/>
    </row>
    <row r="799090" spans="14:14">
      <c r="N799090" s="10"/>
    </row>
    <row r="799091" spans="14:14">
      <c r="N799091" s="10"/>
    </row>
    <row r="799092" spans="14:14">
      <c r="N799092" s="10"/>
    </row>
    <row r="799093" spans="14:14">
      <c r="N799093" s="10"/>
    </row>
    <row r="799094" spans="14:14">
      <c r="N799094" s="10"/>
    </row>
    <row r="799095" spans="14:14">
      <c r="N799095" s="10"/>
    </row>
    <row r="799096" spans="14:14">
      <c r="N799096" s="10"/>
    </row>
    <row r="799097" spans="14:14">
      <c r="N799097" s="10"/>
    </row>
    <row r="799098" spans="14:14">
      <c r="N799098" s="10"/>
    </row>
    <row r="799099" spans="14:14">
      <c r="N799099" s="10"/>
    </row>
    <row r="799100" spans="14:14">
      <c r="N799100" s="10"/>
    </row>
    <row r="799101" spans="14:14">
      <c r="N799101" s="10"/>
    </row>
    <row r="799102" spans="14:14">
      <c r="N799102" s="10"/>
    </row>
    <row r="799103" spans="14:14">
      <c r="N799103" s="10"/>
    </row>
    <row r="799104" spans="14:14">
      <c r="N799104" s="10"/>
    </row>
    <row r="799105" spans="14:14">
      <c r="N799105" s="10"/>
    </row>
    <row r="799106" spans="14:14">
      <c r="N799106" s="10"/>
    </row>
    <row r="799107" spans="14:14">
      <c r="N799107" s="10"/>
    </row>
    <row r="799108" spans="14:14">
      <c r="N799108" s="10"/>
    </row>
    <row r="799109" spans="14:14">
      <c r="N799109" s="10"/>
    </row>
    <row r="799110" spans="14:14">
      <c r="N799110" s="10"/>
    </row>
    <row r="799111" spans="14:14">
      <c r="N799111" s="10"/>
    </row>
    <row r="799112" spans="14:14">
      <c r="N799112" s="10"/>
    </row>
    <row r="799113" spans="14:14">
      <c r="N799113" s="10"/>
    </row>
    <row r="799114" spans="14:14">
      <c r="N799114" s="10"/>
    </row>
    <row r="799115" spans="14:14">
      <c r="N799115" s="10"/>
    </row>
    <row r="799116" spans="14:14">
      <c r="N799116" s="10"/>
    </row>
    <row r="799117" spans="14:14">
      <c r="N799117" s="10"/>
    </row>
    <row r="799118" spans="14:14">
      <c r="N799118" s="10"/>
    </row>
    <row r="799119" spans="14:14">
      <c r="N799119" s="10"/>
    </row>
    <row r="799120" spans="14:14">
      <c r="N799120" s="10"/>
    </row>
    <row r="799121" spans="14:14">
      <c r="N799121" s="10"/>
    </row>
    <row r="799122" spans="14:14">
      <c r="N799122" s="10"/>
    </row>
    <row r="799123" spans="14:14">
      <c r="N799123" s="10"/>
    </row>
    <row r="799124" spans="14:14">
      <c r="N799124" s="10"/>
    </row>
    <row r="799125" spans="14:14">
      <c r="N799125" s="10"/>
    </row>
    <row r="799126" spans="14:14">
      <c r="N799126" s="10"/>
    </row>
    <row r="799127" spans="14:14">
      <c r="N799127" s="10"/>
    </row>
    <row r="799128" spans="14:14">
      <c r="N799128" s="10"/>
    </row>
    <row r="799129" spans="14:14">
      <c r="N799129" s="10"/>
    </row>
    <row r="799130" spans="14:14">
      <c r="N799130" s="10"/>
    </row>
    <row r="799131" spans="14:14">
      <c r="N799131" s="10"/>
    </row>
    <row r="799132" spans="14:14">
      <c r="N799132" s="10"/>
    </row>
    <row r="799133" spans="14:14">
      <c r="N799133" s="10"/>
    </row>
    <row r="799134" spans="14:14">
      <c r="N799134" s="10"/>
    </row>
    <row r="799135" spans="14:14">
      <c r="N799135" s="10"/>
    </row>
    <row r="799136" spans="14:14">
      <c r="N799136" s="10"/>
    </row>
    <row r="799137" spans="14:14">
      <c r="N799137" s="10"/>
    </row>
    <row r="799138" spans="14:14">
      <c r="N799138" s="10"/>
    </row>
    <row r="799139" spans="14:14">
      <c r="N799139" s="10"/>
    </row>
    <row r="799140" spans="14:14">
      <c r="N799140" s="10"/>
    </row>
    <row r="799141" spans="14:14">
      <c r="N799141" s="10"/>
    </row>
    <row r="799142" spans="14:14">
      <c r="N799142" s="10"/>
    </row>
    <row r="799143" spans="14:14">
      <c r="N799143" s="10"/>
    </row>
    <row r="799144" spans="14:14">
      <c r="N799144" s="10"/>
    </row>
    <row r="799145" spans="14:14">
      <c r="N799145" s="10"/>
    </row>
    <row r="799146" spans="14:14">
      <c r="N799146" s="10"/>
    </row>
    <row r="799147" spans="14:14">
      <c r="N799147" s="10"/>
    </row>
    <row r="799148" spans="14:14">
      <c r="N799148" s="10"/>
    </row>
    <row r="799149" spans="14:14">
      <c r="N799149" s="10"/>
    </row>
    <row r="799150" spans="14:14">
      <c r="N799150" s="10"/>
    </row>
    <row r="799151" spans="14:14">
      <c r="N799151" s="10"/>
    </row>
    <row r="799152" spans="14:14">
      <c r="N799152" s="10"/>
    </row>
    <row r="799153" spans="14:14">
      <c r="N799153" s="10"/>
    </row>
    <row r="799154" spans="14:14">
      <c r="N799154" s="10"/>
    </row>
    <row r="799155" spans="14:14">
      <c r="N799155" s="10"/>
    </row>
    <row r="799156" spans="14:14">
      <c r="N799156" s="10"/>
    </row>
    <row r="799157" spans="14:14">
      <c r="N799157" s="10"/>
    </row>
    <row r="799158" spans="14:14">
      <c r="N799158" s="10"/>
    </row>
    <row r="799159" spans="14:14">
      <c r="N799159" s="10"/>
    </row>
    <row r="799160" spans="14:14">
      <c r="N799160" s="10"/>
    </row>
    <row r="799161" spans="14:14">
      <c r="N799161" s="10"/>
    </row>
    <row r="799162" spans="14:14">
      <c r="N799162" s="10"/>
    </row>
    <row r="799163" spans="14:14">
      <c r="N799163" s="10"/>
    </row>
    <row r="799164" spans="14:14">
      <c r="N799164" s="10"/>
    </row>
    <row r="799165" spans="14:14">
      <c r="N799165" s="10"/>
    </row>
    <row r="799166" spans="14:14">
      <c r="N799166" s="10"/>
    </row>
    <row r="799167" spans="14:14">
      <c r="N799167" s="10"/>
    </row>
    <row r="799168" spans="14:14">
      <c r="N799168" s="10"/>
    </row>
    <row r="799169" spans="14:14">
      <c r="N799169" s="10"/>
    </row>
    <row r="799170" spans="14:14">
      <c r="N799170" s="10"/>
    </row>
    <row r="799171" spans="14:14">
      <c r="N799171" s="10"/>
    </row>
    <row r="799172" spans="14:14">
      <c r="N799172" s="10"/>
    </row>
    <row r="799173" spans="14:14">
      <c r="N799173" s="10"/>
    </row>
    <row r="799174" spans="14:14">
      <c r="N799174" s="10"/>
    </row>
    <row r="799175" spans="14:14">
      <c r="N799175" s="10"/>
    </row>
    <row r="799176" spans="14:14">
      <c r="N799176" s="10"/>
    </row>
    <row r="799177" spans="14:14">
      <c r="N799177" s="10"/>
    </row>
    <row r="799178" spans="14:14">
      <c r="N799178" s="10"/>
    </row>
    <row r="799179" spans="14:14">
      <c r="N799179" s="10"/>
    </row>
    <row r="799180" spans="14:14">
      <c r="N799180" s="10"/>
    </row>
    <row r="799181" spans="14:14">
      <c r="N799181" s="10"/>
    </row>
    <row r="799182" spans="14:14">
      <c r="N799182" s="10"/>
    </row>
    <row r="799183" spans="14:14">
      <c r="N799183" s="10"/>
    </row>
    <row r="799184" spans="14:14">
      <c r="N799184" s="10"/>
    </row>
    <row r="799185" spans="14:14">
      <c r="N799185" s="10"/>
    </row>
    <row r="799186" spans="14:14">
      <c r="N799186" s="10"/>
    </row>
    <row r="799187" spans="14:14">
      <c r="N799187" s="10"/>
    </row>
    <row r="799188" spans="14:14">
      <c r="N799188" s="10"/>
    </row>
    <row r="799189" spans="14:14">
      <c r="N799189" s="10"/>
    </row>
    <row r="799190" spans="14:14">
      <c r="N799190" s="10"/>
    </row>
    <row r="799191" spans="14:14">
      <c r="N799191" s="10"/>
    </row>
    <row r="799192" spans="14:14">
      <c r="N799192" s="10"/>
    </row>
    <row r="799193" spans="14:14">
      <c r="N799193" s="10"/>
    </row>
    <row r="799194" spans="14:14">
      <c r="N799194" s="10"/>
    </row>
    <row r="799195" spans="14:14">
      <c r="N799195" s="10"/>
    </row>
    <row r="799196" spans="14:14">
      <c r="N799196" s="10"/>
    </row>
    <row r="799197" spans="14:14">
      <c r="N799197" s="10"/>
    </row>
    <row r="799198" spans="14:14">
      <c r="N799198" s="10"/>
    </row>
    <row r="799199" spans="14:14">
      <c r="N799199" s="10"/>
    </row>
    <row r="799200" spans="14:14">
      <c r="N799200" s="10"/>
    </row>
    <row r="799201" spans="14:14">
      <c r="N799201" s="10"/>
    </row>
    <row r="799202" spans="14:14">
      <c r="N799202" s="10"/>
    </row>
    <row r="799203" spans="14:14">
      <c r="N799203" s="10"/>
    </row>
    <row r="799204" spans="14:14">
      <c r="N799204" s="10"/>
    </row>
    <row r="799205" spans="14:14">
      <c r="N799205" s="10"/>
    </row>
    <row r="799206" spans="14:14">
      <c r="N799206" s="10"/>
    </row>
    <row r="799207" spans="14:14">
      <c r="N799207" s="10"/>
    </row>
    <row r="799208" spans="14:14">
      <c r="N799208" s="10"/>
    </row>
    <row r="799209" spans="14:14">
      <c r="N799209" s="10"/>
    </row>
    <row r="799210" spans="14:14">
      <c r="N799210" s="10"/>
    </row>
    <row r="799211" spans="14:14">
      <c r="N799211" s="10"/>
    </row>
    <row r="799212" spans="14:14">
      <c r="N799212" s="10"/>
    </row>
    <row r="799213" spans="14:14">
      <c r="N799213" s="10"/>
    </row>
    <row r="799214" spans="14:14">
      <c r="N799214" s="10"/>
    </row>
    <row r="799215" spans="14:14">
      <c r="N799215" s="10"/>
    </row>
    <row r="799216" spans="14:14">
      <c r="N799216" s="10"/>
    </row>
    <row r="799217" spans="14:14">
      <c r="N799217" s="10"/>
    </row>
    <row r="799218" spans="14:14">
      <c r="N799218" s="10"/>
    </row>
    <row r="799219" spans="14:14">
      <c r="N799219" s="10"/>
    </row>
    <row r="799220" spans="14:14">
      <c r="N799220" s="10"/>
    </row>
    <row r="799221" spans="14:14">
      <c r="N799221" s="10"/>
    </row>
    <row r="799222" spans="14:14">
      <c r="N799222" s="10"/>
    </row>
    <row r="799223" spans="14:14">
      <c r="N799223" s="10"/>
    </row>
    <row r="799224" spans="14:14">
      <c r="N799224" s="10"/>
    </row>
    <row r="799225" spans="14:14">
      <c r="N799225" s="10"/>
    </row>
    <row r="799226" spans="14:14">
      <c r="N799226" s="10"/>
    </row>
    <row r="799227" spans="14:14">
      <c r="N799227" s="10"/>
    </row>
    <row r="799228" spans="14:14">
      <c r="N799228" s="10"/>
    </row>
    <row r="799229" spans="14:14">
      <c r="N799229" s="10"/>
    </row>
    <row r="799230" spans="14:14">
      <c r="N799230" s="10"/>
    </row>
    <row r="799231" spans="14:14">
      <c r="N799231" s="10"/>
    </row>
    <row r="799232" spans="14:14">
      <c r="N799232" s="10"/>
    </row>
    <row r="799233" spans="14:14">
      <c r="N799233" s="10"/>
    </row>
    <row r="799234" spans="14:14">
      <c r="N799234" s="10"/>
    </row>
    <row r="799235" spans="14:14">
      <c r="N799235" s="10"/>
    </row>
    <row r="799236" spans="14:14">
      <c r="N799236" s="10"/>
    </row>
    <row r="799237" spans="14:14">
      <c r="N799237" s="10"/>
    </row>
    <row r="799238" spans="14:14">
      <c r="N799238" s="10"/>
    </row>
    <row r="799239" spans="14:14">
      <c r="N799239" s="10"/>
    </row>
    <row r="799240" spans="14:14">
      <c r="N799240" s="10"/>
    </row>
    <row r="799241" spans="14:14">
      <c r="N799241" s="10"/>
    </row>
    <row r="799242" spans="14:14">
      <c r="N799242" s="10"/>
    </row>
    <row r="799243" spans="14:14">
      <c r="N799243" s="10"/>
    </row>
    <row r="799244" spans="14:14">
      <c r="N799244" s="10"/>
    </row>
    <row r="799245" spans="14:14">
      <c r="N799245" s="10"/>
    </row>
    <row r="799246" spans="14:14">
      <c r="N799246" s="10"/>
    </row>
    <row r="799247" spans="14:14">
      <c r="N799247" s="10"/>
    </row>
    <row r="799248" spans="14:14">
      <c r="N799248" s="10"/>
    </row>
    <row r="799249" spans="14:14">
      <c r="N799249" s="10"/>
    </row>
    <row r="799250" spans="14:14">
      <c r="N799250" s="10"/>
    </row>
    <row r="799251" spans="14:14">
      <c r="N799251" s="10"/>
    </row>
    <row r="799252" spans="14:14">
      <c r="N799252" s="10"/>
    </row>
    <row r="799253" spans="14:14">
      <c r="N799253" s="10"/>
    </row>
    <row r="799254" spans="14:14">
      <c r="N799254" s="10"/>
    </row>
    <row r="799255" spans="14:14">
      <c r="N799255" s="10"/>
    </row>
    <row r="799256" spans="14:14">
      <c r="N799256" s="10"/>
    </row>
    <row r="799257" spans="14:14">
      <c r="N799257" s="10"/>
    </row>
    <row r="799258" spans="14:14">
      <c r="N799258" s="10"/>
    </row>
    <row r="799259" spans="14:14">
      <c r="N799259" s="10"/>
    </row>
    <row r="799260" spans="14:14">
      <c r="N799260" s="10"/>
    </row>
    <row r="799261" spans="14:14">
      <c r="N799261" s="10"/>
    </row>
    <row r="799262" spans="14:14">
      <c r="N799262" s="10"/>
    </row>
    <row r="799263" spans="14:14">
      <c r="N799263" s="10"/>
    </row>
    <row r="799264" spans="14:14">
      <c r="N799264" s="10"/>
    </row>
    <row r="799265" spans="14:14">
      <c r="N799265" s="10"/>
    </row>
    <row r="799266" spans="14:14">
      <c r="N799266" s="10"/>
    </row>
    <row r="799267" spans="14:14">
      <c r="N799267" s="10"/>
    </row>
    <row r="799268" spans="14:14">
      <c r="N799268" s="10"/>
    </row>
    <row r="799269" spans="14:14">
      <c r="N799269" s="10"/>
    </row>
    <row r="799270" spans="14:14">
      <c r="N799270" s="10"/>
    </row>
    <row r="799271" spans="14:14">
      <c r="N799271" s="10"/>
    </row>
    <row r="799272" spans="14:14">
      <c r="N799272" s="10"/>
    </row>
    <row r="799273" spans="14:14">
      <c r="N799273" s="10"/>
    </row>
    <row r="799274" spans="14:14">
      <c r="N799274" s="10"/>
    </row>
    <row r="799275" spans="14:14">
      <c r="N799275" s="10"/>
    </row>
    <row r="799276" spans="14:14">
      <c r="N799276" s="10"/>
    </row>
    <row r="799277" spans="14:14">
      <c r="N799277" s="10"/>
    </row>
    <row r="799278" spans="14:14">
      <c r="N799278" s="10"/>
    </row>
    <row r="799279" spans="14:14">
      <c r="N799279" s="10"/>
    </row>
    <row r="799280" spans="14:14">
      <c r="N799280" s="10"/>
    </row>
    <row r="799281" spans="14:14">
      <c r="N799281" s="10"/>
    </row>
    <row r="799282" spans="14:14">
      <c r="N799282" s="10"/>
    </row>
    <row r="799283" spans="14:14">
      <c r="N799283" s="10"/>
    </row>
    <row r="799284" spans="14:14">
      <c r="N799284" s="10"/>
    </row>
    <row r="799285" spans="14:14">
      <c r="N799285" s="10"/>
    </row>
    <row r="799286" spans="14:14">
      <c r="N799286" s="10"/>
    </row>
    <row r="799287" spans="14:14">
      <c r="N799287" s="10"/>
    </row>
    <row r="799288" spans="14:14">
      <c r="N799288" s="10"/>
    </row>
    <row r="799289" spans="14:14">
      <c r="N799289" s="10"/>
    </row>
    <row r="799290" spans="14:14">
      <c r="N799290" s="10"/>
    </row>
    <row r="799291" spans="14:14">
      <c r="N799291" s="10"/>
    </row>
    <row r="799292" spans="14:14">
      <c r="N799292" s="10"/>
    </row>
    <row r="799293" spans="14:14">
      <c r="N799293" s="10"/>
    </row>
    <row r="799294" spans="14:14">
      <c r="N799294" s="10"/>
    </row>
    <row r="799295" spans="14:14">
      <c r="N799295" s="10"/>
    </row>
    <row r="799296" spans="14:14">
      <c r="N799296" s="10"/>
    </row>
    <row r="799297" spans="14:14">
      <c r="N799297" s="10"/>
    </row>
    <row r="799298" spans="14:14">
      <c r="N799298" s="10"/>
    </row>
    <row r="799299" spans="14:14">
      <c r="N799299" s="10"/>
    </row>
    <row r="799300" spans="14:14">
      <c r="N799300" s="10"/>
    </row>
    <row r="799301" spans="14:14">
      <c r="N799301" s="10"/>
    </row>
    <row r="799302" spans="14:14">
      <c r="N799302" s="10"/>
    </row>
    <row r="799303" spans="14:14">
      <c r="N799303" s="10"/>
    </row>
    <row r="799304" spans="14:14">
      <c r="N799304" s="10"/>
    </row>
    <row r="799305" spans="14:14">
      <c r="N799305" s="10"/>
    </row>
    <row r="799306" spans="14:14">
      <c r="N799306" s="10"/>
    </row>
    <row r="799307" spans="14:14">
      <c r="N799307" s="10"/>
    </row>
    <row r="799308" spans="14:14">
      <c r="N799308" s="10"/>
    </row>
    <row r="799309" spans="14:14">
      <c r="N799309" s="10"/>
    </row>
    <row r="799310" spans="14:14">
      <c r="N799310" s="10"/>
    </row>
    <row r="799311" spans="14:14">
      <c r="N799311" s="10"/>
    </row>
    <row r="799312" spans="14:14">
      <c r="N799312" s="10"/>
    </row>
    <row r="799313" spans="14:14">
      <c r="N799313" s="10"/>
    </row>
    <row r="799314" spans="14:14">
      <c r="N799314" s="10"/>
    </row>
    <row r="799315" spans="14:14">
      <c r="N799315" s="10"/>
    </row>
    <row r="799316" spans="14:14">
      <c r="N799316" s="10"/>
    </row>
    <row r="799317" spans="14:14">
      <c r="N799317" s="10"/>
    </row>
    <row r="799318" spans="14:14">
      <c r="N799318" s="10"/>
    </row>
    <row r="799319" spans="14:14">
      <c r="N799319" s="10"/>
    </row>
    <row r="799320" spans="14:14">
      <c r="N799320" s="10"/>
    </row>
    <row r="799321" spans="14:14">
      <c r="N799321" s="10"/>
    </row>
    <row r="799322" spans="14:14">
      <c r="N799322" s="10"/>
    </row>
    <row r="799323" spans="14:14">
      <c r="N799323" s="10"/>
    </row>
    <row r="799324" spans="14:14">
      <c r="N799324" s="10"/>
    </row>
    <row r="799325" spans="14:14">
      <c r="N799325" s="10"/>
    </row>
    <row r="799326" spans="14:14">
      <c r="N799326" s="10"/>
    </row>
    <row r="799327" spans="14:14">
      <c r="N799327" s="10"/>
    </row>
    <row r="799328" spans="14:14">
      <c r="N799328" s="10"/>
    </row>
    <row r="799329" spans="14:14">
      <c r="N799329" s="10"/>
    </row>
    <row r="799330" spans="14:14">
      <c r="N799330" s="10"/>
    </row>
    <row r="799331" spans="14:14">
      <c r="N799331" s="10"/>
    </row>
    <row r="799332" spans="14:14">
      <c r="N799332" s="10"/>
    </row>
    <row r="799333" spans="14:14">
      <c r="N799333" s="10"/>
    </row>
    <row r="799334" spans="14:14">
      <c r="N799334" s="10"/>
    </row>
    <row r="799335" spans="14:14">
      <c r="N799335" s="10"/>
    </row>
    <row r="799336" spans="14:14">
      <c r="N799336" s="10"/>
    </row>
    <row r="799337" spans="14:14">
      <c r="N799337" s="10"/>
    </row>
    <row r="799338" spans="14:14">
      <c r="N799338" s="10"/>
    </row>
    <row r="799339" spans="14:14">
      <c r="N799339" s="10"/>
    </row>
    <row r="799340" spans="14:14">
      <c r="N799340" s="10"/>
    </row>
    <row r="799341" spans="14:14">
      <c r="N799341" s="10"/>
    </row>
    <row r="799342" spans="14:14">
      <c r="N799342" s="10"/>
    </row>
    <row r="799343" spans="14:14">
      <c r="N799343" s="10"/>
    </row>
    <row r="799344" spans="14:14">
      <c r="N799344" s="10"/>
    </row>
    <row r="799345" spans="14:14">
      <c r="N799345" s="10"/>
    </row>
    <row r="799346" spans="14:14">
      <c r="N799346" s="10"/>
    </row>
    <row r="799347" spans="14:14">
      <c r="N799347" s="10"/>
    </row>
    <row r="799348" spans="14:14">
      <c r="N799348" s="10"/>
    </row>
    <row r="799349" spans="14:14">
      <c r="N799349" s="10"/>
    </row>
    <row r="799350" spans="14:14">
      <c r="N799350" s="10"/>
    </row>
    <row r="799351" spans="14:14">
      <c r="N799351" s="10"/>
    </row>
    <row r="799352" spans="14:14">
      <c r="N799352" s="10"/>
    </row>
    <row r="799353" spans="14:14">
      <c r="N799353" s="10"/>
    </row>
    <row r="799354" spans="14:14">
      <c r="N799354" s="10"/>
    </row>
    <row r="799355" spans="14:14">
      <c r="N799355" s="10"/>
    </row>
    <row r="799356" spans="14:14">
      <c r="N799356" s="10"/>
    </row>
    <row r="799357" spans="14:14">
      <c r="N799357" s="10"/>
    </row>
    <row r="799358" spans="14:14">
      <c r="N799358" s="10"/>
    </row>
    <row r="799359" spans="14:14">
      <c r="N799359" s="10"/>
    </row>
    <row r="799360" spans="14:14">
      <c r="N799360" s="10"/>
    </row>
    <row r="799361" spans="14:14">
      <c r="N799361" s="10"/>
    </row>
    <row r="799362" spans="14:14">
      <c r="N799362" s="10"/>
    </row>
    <row r="799363" spans="14:14">
      <c r="N799363" s="10"/>
    </row>
    <row r="799364" spans="14:14">
      <c r="N799364" s="10"/>
    </row>
    <row r="799365" spans="14:14">
      <c r="N799365" s="10"/>
    </row>
    <row r="799366" spans="14:14">
      <c r="N799366" s="10"/>
    </row>
    <row r="799367" spans="14:14">
      <c r="N799367" s="10"/>
    </row>
    <row r="799368" spans="14:14">
      <c r="N799368" s="10"/>
    </row>
    <row r="799369" spans="14:14">
      <c r="N799369" s="10"/>
    </row>
    <row r="799370" spans="14:14">
      <c r="N799370" s="10"/>
    </row>
    <row r="799371" spans="14:14">
      <c r="N799371" s="10"/>
    </row>
    <row r="799372" spans="14:14">
      <c r="N799372" s="10"/>
    </row>
    <row r="799373" spans="14:14">
      <c r="N799373" s="10"/>
    </row>
    <row r="799374" spans="14:14">
      <c r="N799374" s="10"/>
    </row>
    <row r="799375" spans="14:14">
      <c r="N799375" s="10"/>
    </row>
    <row r="799376" spans="14:14">
      <c r="N799376" s="10"/>
    </row>
    <row r="799377" spans="14:14">
      <c r="N799377" s="10"/>
    </row>
    <row r="799378" spans="14:14">
      <c r="N799378" s="10"/>
    </row>
    <row r="799379" spans="14:14">
      <c r="N799379" s="10"/>
    </row>
    <row r="799380" spans="14:14">
      <c r="N799380" s="10"/>
    </row>
    <row r="799381" spans="14:14">
      <c r="N799381" s="10"/>
    </row>
    <row r="799382" spans="14:14">
      <c r="N799382" s="10"/>
    </row>
    <row r="799383" spans="14:14">
      <c r="N799383" s="10"/>
    </row>
    <row r="799384" spans="14:14">
      <c r="N799384" s="10"/>
    </row>
    <row r="799385" spans="14:14">
      <c r="N799385" s="10"/>
    </row>
    <row r="799386" spans="14:14">
      <c r="N799386" s="10"/>
    </row>
    <row r="799387" spans="14:14">
      <c r="N799387" s="10"/>
    </row>
    <row r="799388" spans="14:14">
      <c r="N799388" s="10"/>
    </row>
    <row r="799389" spans="14:14">
      <c r="N799389" s="10"/>
    </row>
    <row r="799390" spans="14:14">
      <c r="N799390" s="10"/>
    </row>
    <row r="799391" spans="14:14">
      <c r="N799391" s="10"/>
    </row>
    <row r="799392" spans="14:14">
      <c r="N799392" s="10"/>
    </row>
    <row r="799393" spans="14:14">
      <c r="N799393" s="10"/>
    </row>
    <row r="799394" spans="14:14">
      <c r="N799394" s="10"/>
    </row>
    <row r="799395" spans="14:14">
      <c r="N799395" s="10"/>
    </row>
    <row r="799396" spans="14:14">
      <c r="N799396" s="10"/>
    </row>
    <row r="799397" spans="14:14">
      <c r="N799397" s="10"/>
    </row>
    <row r="799398" spans="14:14">
      <c r="N799398" s="10"/>
    </row>
    <row r="799399" spans="14:14">
      <c r="N799399" s="10"/>
    </row>
    <row r="799400" spans="14:14">
      <c r="N799400" s="10"/>
    </row>
    <row r="799401" spans="14:14">
      <c r="N799401" s="10"/>
    </row>
    <row r="799402" spans="14:14">
      <c r="N799402" s="10"/>
    </row>
    <row r="799403" spans="14:14">
      <c r="N799403" s="10"/>
    </row>
    <row r="799404" spans="14:14">
      <c r="N799404" s="10"/>
    </row>
    <row r="799405" spans="14:14">
      <c r="N799405" s="10"/>
    </row>
    <row r="799406" spans="14:14">
      <c r="N799406" s="10"/>
    </row>
    <row r="799407" spans="14:14">
      <c r="N799407" s="10"/>
    </row>
    <row r="799408" spans="14:14">
      <c r="N799408" s="10"/>
    </row>
    <row r="799409" spans="14:14">
      <c r="N799409" s="10"/>
    </row>
    <row r="799410" spans="14:14">
      <c r="N799410" s="10"/>
    </row>
    <row r="799411" spans="14:14">
      <c r="N799411" s="10"/>
    </row>
    <row r="799412" spans="14:14">
      <c r="N799412" s="10"/>
    </row>
    <row r="799413" spans="14:14">
      <c r="N799413" s="10"/>
    </row>
    <row r="799414" spans="14:14">
      <c r="N799414" s="10"/>
    </row>
    <row r="799415" spans="14:14">
      <c r="N799415" s="10"/>
    </row>
    <row r="799416" spans="14:14">
      <c r="N799416" s="10"/>
    </row>
    <row r="799417" spans="14:14">
      <c r="N799417" s="10"/>
    </row>
    <row r="799418" spans="14:14">
      <c r="N799418" s="10"/>
    </row>
    <row r="799419" spans="14:14">
      <c r="N799419" s="10"/>
    </row>
    <row r="799420" spans="14:14">
      <c r="N799420" s="10"/>
    </row>
    <row r="799421" spans="14:14">
      <c r="N799421" s="10"/>
    </row>
    <row r="799422" spans="14:14">
      <c r="N799422" s="10"/>
    </row>
    <row r="799423" spans="14:14">
      <c r="N799423" s="10"/>
    </row>
    <row r="799424" spans="14:14">
      <c r="N799424" s="10"/>
    </row>
    <row r="799425" spans="14:14">
      <c r="N799425" s="10"/>
    </row>
    <row r="799426" spans="14:14">
      <c r="N799426" s="10"/>
    </row>
    <row r="799427" spans="14:14">
      <c r="N799427" s="10"/>
    </row>
    <row r="799428" spans="14:14">
      <c r="N799428" s="10"/>
    </row>
    <row r="799429" spans="14:14">
      <c r="N799429" s="10"/>
    </row>
    <row r="799430" spans="14:14">
      <c r="N799430" s="10"/>
    </row>
    <row r="799431" spans="14:14">
      <c r="N799431" s="10"/>
    </row>
    <row r="799432" spans="14:14">
      <c r="N799432" s="10"/>
    </row>
    <row r="799433" spans="14:14">
      <c r="N799433" s="10"/>
    </row>
    <row r="799434" spans="14:14">
      <c r="N799434" s="10"/>
    </row>
    <row r="799435" spans="14:14">
      <c r="N799435" s="10"/>
    </row>
    <row r="799436" spans="14:14">
      <c r="N799436" s="10"/>
    </row>
    <row r="799437" spans="14:14">
      <c r="N799437" s="10"/>
    </row>
    <row r="799438" spans="14:14">
      <c r="N799438" s="10"/>
    </row>
    <row r="799439" spans="14:14">
      <c r="N799439" s="10"/>
    </row>
    <row r="799440" spans="14:14">
      <c r="N799440" s="10"/>
    </row>
    <row r="799441" spans="14:14">
      <c r="N799441" s="10"/>
    </row>
    <row r="799442" spans="14:14">
      <c r="N799442" s="10"/>
    </row>
    <row r="799443" spans="14:14">
      <c r="N799443" s="10"/>
    </row>
    <row r="799444" spans="14:14">
      <c r="N799444" s="10"/>
    </row>
    <row r="799445" spans="14:14">
      <c r="N799445" s="10"/>
    </row>
    <row r="799446" spans="14:14">
      <c r="N799446" s="10"/>
    </row>
    <row r="799447" spans="14:14">
      <c r="N799447" s="10"/>
    </row>
    <row r="799448" spans="14:14">
      <c r="N799448" s="10"/>
    </row>
    <row r="799449" spans="14:14">
      <c r="N799449" s="10"/>
    </row>
    <row r="799450" spans="14:14">
      <c r="N799450" s="10"/>
    </row>
    <row r="799451" spans="14:14">
      <c r="N799451" s="10"/>
    </row>
    <row r="799452" spans="14:14">
      <c r="N799452" s="10"/>
    </row>
    <row r="799453" spans="14:14">
      <c r="N799453" s="10"/>
    </row>
    <row r="799454" spans="14:14">
      <c r="N799454" s="10"/>
    </row>
    <row r="799455" spans="14:14">
      <c r="N799455" s="10"/>
    </row>
    <row r="799456" spans="14:14">
      <c r="N799456" s="10"/>
    </row>
    <row r="799457" spans="14:14">
      <c r="N799457" s="10"/>
    </row>
    <row r="799458" spans="14:14">
      <c r="N799458" s="10"/>
    </row>
    <row r="799459" spans="14:14">
      <c r="N799459" s="10"/>
    </row>
    <row r="799460" spans="14:14">
      <c r="N799460" s="10"/>
    </row>
    <row r="799461" spans="14:14">
      <c r="N799461" s="10"/>
    </row>
    <row r="799462" spans="14:14">
      <c r="N799462" s="10"/>
    </row>
    <row r="799463" spans="14:14">
      <c r="N799463" s="10"/>
    </row>
    <row r="799464" spans="14:14">
      <c r="N799464" s="10"/>
    </row>
    <row r="799465" spans="14:14">
      <c r="N799465" s="10"/>
    </row>
    <row r="799466" spans="14:14">
      <c r="N799466" s="10"/>
    </row>
    <row r="799467" spans="14:14">
      <c r="N799467" s="10"/>
    </row>
    <row r="799468" spans="14:14">
      <c r="N799468" s="10"/>
    </row>
    <row r="799469" spans="14:14">
      <c r="N799469" s="10"/>
    </row>
    <row r="799470" spans="14:14">
      <c r="N799470" s="10"/>
    </row>
    <row r="799471" spans="14:14">
      <c r="N799471" s="10"/>
    </row>
    <row r="799472" spans="14:14">
      <c r="N799472" s="10"/>
    </row>
    <row r="799473" spans="14:14">
      <c r="N799473" s="10"/>
    </row>
    <row r="799474" spans="14:14">
      <c r="N799474" s="10"/>
    </row>
    <row r="799475" spans="14:14">
      <c r="N799475" s="10"/>
    </row>
    <row r="799476" spans="14:14">
      <c r="N799476" s="10"/>
    </row>
    <row r="799477" spans="14:14">
      <c r="N799477" s="10"/>
    </row>
    <row r="799478" spans="14:14">
      <c r="N799478" s="10"/>
    </row>
    <row r="799479" spans="14:14">
      <c r="N799479" s="10"/>
    </row>
    <row r="799480" spans="14:14">
      <c r="N799480" s="10"/>
    </row>
    <row r="799481" spans="14:14">
      <c r="N799481" s="10"/>
    </row>
    <row r="799482" spans="14:14">
      <c r="N799482" s="10"/>
    </row>
    <row r="799483" spans="14:14">
      <c r="N799483" s="10"/>
    </row>
    <row r="799484" spans="14:14">
      <c r="N799484" s="10"/>
    </row>
    <row r="799485" spans="14:14">
      <c r="N799485" s="10"/>
    </row>
    <row r="799486" spans="14:14">
      <c r="N799486" s="10"/>
    </row>
    <row r="799487" spans="14:14">
      <c r="N799487" s="10"/>
    </row>
    <row r="799488" spans="14:14">
      <c r="N799488" s="10"/>
    </row>
    <row r="799489" spans="14:14">
      <c r="N799489" s="10"/>
    </row>
    <row r="799490" spans="14:14">
      <c r="N799490" s="10"/>
    </row>
    <row r="799491" spans="14:14">
      <c r="N799491" s="10"/>
    </row>
    <row r="799492" spans="14:14">
      <c r="N799492" s="10"/>
    </row>
    <row r="799493" spans="14:14">
      <c r="N799493" s="10"/>
    </row>
    <row r="799494" spans="14:14">
      <c r="N799494" s="10"/>
    </row>
    <row r="799495" spans="14:14">
      <c r="N799495" s="10"/>
    </row>
    <row r="799496" spans="14:14">
      <c r="N799496" s="10"/>
    </row>
    <row r="799497" spans="14:14">
      <c r="N799497" s="10"/>
    </row>
    <row r="799498" spans="14:14">
      <c r="N799498" s="10"/>
    </row>
    <row r="799499" spans="14:14">
      <c r="N799499" s="10"/>
    </row>
    <row r="799500" spans="14:14">
      <c r="N799500" s="10"/>
    </row>
    <row r="799501" spans="14:14">
      <c r="N799501" s="10"/>
    </row>
    <row r="799502" spans="14:14">
      <c r="N799502" s="10"/>
    </row>
    <row r="799503" spans="14:14">
      <c r="N799503" s="10"/>
    </row>
    <row r="799504" spans="14:14">
      <c r="N799504" s="10"/>
    </row>
    <row r="799505" spans="14:14">
      <c r="N799505" s="10"/>
    </row>
    <row r="799506" spans="14:14">
      <c r="N799506" s="10"/>
    </row>
    <row r="799507" spans="14:14">
      <c r="N799507" s="10"/>
    </row>
    <row r="799508" spans="14:14">
      <c r="N799508" s="10"/>
    </row>
    <row r="799509" spans="14:14">
      <c r="N799509" s="10"/>
    </row>
    <row r="799510" spans="14:14">
      <c r="N799510" s="10"/>
    </row>
    <row r="799511" spans="14:14">
      <c r="N799511" s="10"/>
    </row>
    <row r="799512" spans="14:14">
      <c r="N799512" s="10"/>
    </row>
    <row r="799513" spans="14:14">
      <c r="N799513" s="10"/>
    </row>
    <row r="799514" spans="14:14">
      <c r="N799514" s="10"/>
    </row>
    <row r="799515" spans="14:14">
      <c r="N799515" s="10"/>
    </row>
    <row r="799516" spans="14:14">
      <c r="N799516" s="10"/>
    </row>
    <row r="799517" spans="14:14">
      <c r="N799517" s="10"/>
    </row>
    <row r="799518" spans="14:14">
      <c r="N799518" s="10"/>
    </row>
    <row r="799519" spans="14:14">
      <c r="N799519" s="10"/>
    </row>
    <row r="799520" spans="14:14">
      <c r="N799520" s="10"/>
    </row>
    <row r="799521" spans="14:14">
      <c r="N799521" s="10"/>
    </row>
    <row r="799522" spans="14:14">
      <c r="N799522" s="10"/>
    </row>
    <row r="799523" spans="14:14">
      <c r="N799523" s="10"/>
    </row>
    <row r="799524" spans="14:14">
      <c r="N799524" s="10"/>
    </row>
    <row r="799525" spans="14:14">
      <c r="N799525" s="10"/>
    </row>
    <row r="799526" spans="14:14">
      <c r="N799526" s="10"/>
    </row>
    <row r="799527" spans="14:14">
      <c r="N799527" s="10"/>
    </row>
    <row r="799528" spans="14:14">
      <c r="N799528" s="10"/>
    </row>
    <row r="799529" spans="14:14">
      <c r="N799529" s="10"/>
    </row>
    <row r="799530" spans="14:14">
      <c r="N799530" s="10"/>
    </row>
    <row r="799531" spans="14:14">
      <c r="N799531" s="10"/>
    </row>
    <row r="799532" spans="14:14">
      <c r="N799532" s="10"/>
    </row>
    <row r="799533" spans="14:14">
      <c r="N799533" s="10"/>
    </row>
    <row r="799534" spans="14:14">
      <c r="N799534" s="10"/>
    </row>
    <row r="799535" spans="14:14">
      <c r="N799535" s="10"/>
    </row>
    <row r="799536" spans="14:14">
      <c r="N799536" s="10"/>
    </row>
    <row r="799537" spans="14:14">
      <c r="N799537" s="10"/>
    </row>
    <row r="799538" spans="14:14">
      <c r="N799538" s="10"/>
    </row>
    <row r="799539" spans="14:14">
      <c r="N799539" s="10"/>
    </row>
    <row r="799540" spans="14:14">
      <c r="N799540" s="10"/>
    </row>
    <row r="799541" spans="14:14">
      <c r="N799541" s="10"/>
    </row>
    <row r="799542" spans="14:14">
      <c r="N799542" s="10"/>
    </row>
    <row r="799543" spans="14:14">
      <c r="N799543" s="10"/>
    </row>
    <row r="799544" spans="14:14">
      <c r="N799544" s="10"/>
    </row>
    <row r="799545" spans="14:14">
      <c r="N799545" s="10"/>
    </row>
    <row r="799546" spans="14:14">
      <c r="N799546" s="10"/>
    </row>
    <row r="799547" spans="14:14">
      <c r="N799547" s="10"/>
    </row>
    <row r="799548" spans="14:14">
      <c r="N799548" s="10"/>
    </row>
    <row r="799549" spans="14:14">
      <c r="N799549" s="10"/>
    </row>
    <row r="799550" spans="14:14">
      <c r="N799550" s="10"/>
    </row>
    <row r="799551" spans="14:14">
      <c r="N799551" s="10"/>
    </row>
    <row r="799552" spans="14:14">
      <c r="N799552" s="10"/>
    </row>
    <row r="799553" spans="14:14">
      <c r="N799553" s="10"/>
    </row>
    <row r="799554" spans="14:14">
      <c r="N799554" s="10"/>
    </row>
    <row r="799555" spans="14:14">
      <c r="N799555" s="10"/>
    </row>
    <row r="799556" spans="14:14">
      <c r="N799556" s="10"/>
    </row>
    <row r="799557" spans="14:14">
      <c r="N799557" s="10"/>
    </row>
    <row r="799558" spans="14:14">
      <c r="N799558" s="10"/>
    </row>
    <row r="799559" spans="14:14">
      <c r="N799559" s="10"/>
    </row>
    <row r="799560" spans="14:14">
      <c r="N799560" s="10"/>
    </row>
    <row r="799561" spans="14:14">
      <c r="N799561" s="10"/>
    </row>
    <row r="799562" spans="14:14">
      <c r="N799562" s="10"/>
    </row>
    <row r="799563" spans="14:14">
      <c r="N799563" s="10"/>
    </row>
    <row r="799564" spans="14:14">
      <c r="N799564" s="10"/>
    </row>
    <row r="799565" spans="14:14">
      <c r="N799565" s="10"/>
    </row>
    <row r="799566" spans="14:14">
      <c r="N799566" s="10"/>
    </row>
    <row r="799567" spans="14:14">
      <c r="N799567" s="10"/>
    </row>
    <row r="799568" spans="14:14">
      <c r="N799568" s="10"/>
    </row>
    <row r="799569" spans="14:14">
      <c r="N799569" s="10"/>
    </row>
    <row r="799570" spans="14:14">
      <c r="N799570" s="10"/>
    </row>
    <row r="799571" spans="14:14">
      <c r="N799571" s="10"/>
    </row>
    <row r="799572" spans="14:14">
      <c r="N799572" s="10"/>
    </row>
    <row r="799573" spans="14:14">
      <c r="N799573" s="10"/>
    </row>
    <row r="799574" spans="14:14">
      <c r="N799574" s="10"/>
    </row>
    <row r="799575" spans="14:14">
      <c r="N799575" s="10"/>
    </row>
    <row r="799576" spans="14:14">
      <c r="N799576" s="10"/>
    </row>
    <row r="799577" spans="14:14">
      <c r="N799577" s="10"/>
    </row>
    <row r="799578" spans="14:14">
      <c r="N799578" s="10"/>
    </row>
    <row r="799579" spans="14:14">
      <c r="N799579" s="10"/>
    </row>
    <row r="799580" spans="14:14">
      <c r="N799580" s="10"/>
    </row>
    <row r="799581" spans="14:14">
      <c r="N799581" s="10"/>
    </row>
    <row r="799582" spans="14:14">
      <c r="N799582" s="10"/>
    </row>
    <row r="799583" spans="14:14">
      <c r="N799583" s="10"/>
    </row>
    <row r="799584" spans="14:14">
      <c r="N799584" s="10"/>
    </row>
    <row r="799585" spans="14:14">
      <c r="N799585" s="10"/>
    </row>
    <row r="799586" spans="14:14">
      <c r="N799586" s="10"/>
    </row>
    <row r="799587" spans="14:14">
      <c r="N799587" s="10"/>
    </row>
    <row r="799588" spans="14:14">
      <c r="N799588" s="10"/>
    </row>
    <row r="799589" spans="14:14">
      <c r="N799589" s="10"/>
    </row>
    <row r="799590" spans="14:14">
      <c r="N799590" s="10"/>
    </row>
    <row r="799591" spans="14:14">
      <c r="N799591" s="10"/>
    </row>
    <row r="799592" spans="14:14">
      <c r="N799592" s="10"/>
    </row>
    <row r="799593" spans="14:14">
      <c r="N799593" s="10"/>
    </row>
    <row r="799594" spans="14:14">
      <c r="N799594" s="10"/>
    </row>
    <row r="799595" spans="14:14">
      <c r="N799595" s="10"/>
    </row>
    <row r="799596" spans="14:14">
      <c r="N799596" s="10"/>
    </row>
    <row r="799597" spans="14:14">
      <c r="N799597" s="10"/>
    </row>
    <row r="799598" spans="14:14">
      <c r="N799598" s="10"/>
    </row>
    <row r="799599" spans="14:14">
      <c r="N799599" s="10"/>
    </row>
    <row r="799600" spans="14:14">
      <c r="N799600" s="10"/>
    </row>
    <row r="799601" spans="14:14">
      <c r="N799601" s="10"/>
    </row>
    <row r="799602" spans="14:14">
      <c r="N799602" s="10"/>
    </row>
    <row r="799603" spans="14:14">
      <c r="N799603" s="10"/>
    </row>
    <row r="799604" spans="14:14">
      <c r="N799604" s="10"/>
    </row>
    <row r="799605" spans="14:14">
      <c r="N799605" s="10"/>
    </row>
    <row r="799606" spans="14:14">
      <c r="N799606" s="10"/>
    </row>
    <row r="799607" spans="14:14">
      <c r="N799607" s="10"/>
    </row>
    <row r="799608" spans="14:14">
      <c r="N799608" s="10"/>
    </row>
    <row r="799609" spans="14:14">
      <c r="N799609" s="10"/>
    </row>
    <row r="799610" spans="14:14">
      <c r="N799610" s="10"/>
    </row>
    <row r="799611" spans="14:14">
      <c r="N799611" s="10"/>
    </row>
    <row r="799612" spans="14:14">
      <c r="N799612" s="10"/>
    </row>
    <row r="799613" spans="14:14">
      <c r="N799613" s="10"/>
    </row>
    <row r="799614" spans="14:14">
      <c r="N799614" s="10"/>
    </row>
    <row r="799615" spans="14:14">
      <c r="N799615" s="10"/>
    </row>
    <row r="799616" spans="14:14">
      <c r="N799616" s="10"/>
    </row>
    <row r="799617" spans="14:14">
      <c r="N799617" s="10"/>
    </row>
    <row r="799618" spans="14:14">
      <c r="N799618" s="10"/>
    </row>
    <row r="799619" spans="14:14">
      <c r="N799619" s="10"/>
    </row>
    <row r="799620" spans="14:14">
      <c r="N799620" s="10"/>
    </row>
    <row r="799621" spans="14:14">
      <c r="N799621" s="10"/>
    </row>
    <row r="799622" spans="14:14">
      <c r="N799622" s="10"/>
    </row>
    <row r="799623" spans="14:14">
      <c r="N799623" s="10"/>
    </row>
    <row r="799624" spans="14:14">
      <c r="N799624" s="10"/>
    </row>
    <row r="799625" spans="14:14">
      <c r="N799625" s="10"/>
    </row>
    <row r="799626" spans="14:14">
      <c r="N799626" s="10"/>
    </row>
    <row r="799627" spans="14:14">
      <c r="N799627" s="10"/>
    </row>
    <row r="799628" spans="14:14">
      <c r="N799628" s="10"/>
    </row>
    <row r="799629" spans="14:14">
      <c r="N799629" s="10"/>
    </row>
    <row r="799630" spans="14:14">
      <c r="N799630" s="10"/>
    </row>
    <row r="799631" spans="14:14">
      <c r="N799631" s="10"/>
    </row>
    <row r="799632" spans="14:14">
      <c r="N799632" s="10"/>
    </row>
    <row r="799633" spans="14:14">
      <c r="N799633" s="10"/>
    </row>
    <row r="799634" spans="14:14">
      <c r="N799634" s="10"/>
    </row>
    <row r="799635" spans="14:14">
      <c r="N799635" s="10"/>
    </row>
    <row r="799636" spans="14:14">
      <c r="N799636" s="10"/>
    </row>
    <row r="799637" spans="14:14">
      <c r="N799637" s="10"/>
    </row>
    <row r="799638" spans="14:14">
      <c r="N799638" s="10"/>
    </row>
    <row r="799639" spans="14:14">
      <c r="N799639" s="10"/>
    </row>
    <row r="799640" spans="14:14">
      <c r="N799640" s="10"/>
    </row>
    <row r="799641" spans="14:14">
      <c r="N799641" s="10"/>
    </row>
    <row r="799642" spans="14:14">
      <c r="N799642" s="10"/>
    </row>
    <row r="799643" spans="14:14">
      <c r="N799643" s="10"/>
    </row>
    <row r="799644" spans="14:14">
      <c r="N799644" s="10"/>
    </row>
    <row r="799645" spans="14:14">
      <c r="N799645" s="10"/>
    </row>
    <row r="799646" spans="14:14">
      <c r="N799646" s="10"/>
    </row>
    <row r="799647" spans="14:14">
      <c r="N799647" s="10"/>
    </row>
    <row r="799648" spans="14:14">
      <c r="N799648" s="10"/>
    </row>
    <row r="799649" spans="14:14">
      <c r="N799649" s="10"/>
    </row>
    <row r="799650" spans="14:14">
      <c r="N799650" s="10"/>
    </row>
    <row r="799651" spans="14:14">
      <c r="N799651" s="10"/>
    </row>
    <row r="799652" spans="14:14">
      <c r="N799652" s="10"/>
    </row>
    <row r="799653" spans="14:14">
      <c r="N799653" s="10"/>
    </row>
    <row r="799654" spans="14:14">
      <c r="N799654" s="10"/>
    </row>
    <row r="799655" spans="14:14">
      <c r="N799655" s="10"/>
    </row>
    <row r="799656" spans="14:14">
      <c r="N799656" s="10"/>
    </row>
    <row r="799657" spans="14:14">
      <c r="N799657" s="10"/>
    </row>
    <row r="799658" spans="14:14">
      <c r="N799658" s="10"/>
    </row>
    <row r="799659" spans="14:14">
      <c r="N799659" s="10"/>
    </row>
    <row r="799660" spans="14:14">
      <c r="N799660" s="10"/>
    </row>
    <row r="799661" spans="14:14">
      <c r="N799661" s="10"/>
    </row>
    <row r="799662" spans="14:14">
      <c r="N799662" s="10"/>
    </row>
    <row r="799663" spans="14:14">
      <c r="N799663" s="10"/>
    </row>
    <row r="799664" spans="14:14">
      <c r="N799664" s="10"/>
    </row>
    <row r="799665" spans="14:14">
      <c r="N799665" s="10"/>
    </row>
    <row r="799666" spans="14:14">
      <c r="N799666" s="10"/>
    </row>
    <row r="799667" spans="14:14">
      <c r="N799667" s="10"/>
    </row>
    <row r="799668" spans="14:14">
      <c r="N799668" s="10"/>
    </row>
    <row r="799669" spans="14:14">
      <c r="N799669" s="10"/>
    </row>
    <row r="799670" spans="14:14">
      <c r="N799670" s="10"/>
    </row>
    <row r="799671" spans="14:14">
      <c r="N799671" s="10"/>
    </row>
    <row r="799672" spans="14:14">
      <c r="N799672" s="10"/>
    </row>
    <row r="799673" spans="14:14">
      <c r="N799673" s="10"/>
    </row>
    <row r="799674" spans="14:14">
      <c r="N799674" s="10"/>
    </row>
    <row r="799675" spans="14:14">
      <c r="N799675" s="10"/>
    </row>
    <row r="799676" spans="14:14">
      <c r="N799676" s="10"/>
    </row>
    <row r="799677" spans="14:14">
      <c r="N799677" s="10"/>
    </row>
    <row r="799678" spans="14:14">
      <c r="N799678" s="10"/>
    </row>
    <row r="799679" spans="14:14">
      <c r="N799679" s="10"/>
    </row>
    <row r="799680" spans="14:14">
      <c r="N799680" s="10"/>
    </row>
    <row r="799681" spans="14:14">
      <c r="N799681" s="10"/>
    </row>
    <row r="799682" spans="14:14">
      <c r="N799682" s="10"/>
    </row>
    <row r="799683" spans="14:14">
      <c r="N799683" s="10"/>
    </row>
    <row r="799684" spans="14:14">
      <c r="N799684" s="10"/>
    </row>
    <row r="799685" spans="14:14">
      <c r="N799685" s="10"/>
    </row>
    <row r="799686" spans="14:14">
      <c r="N799686" s="10"/>
    </row>
    <row r="799687" spans="14:14">
      <c r="N799687" s="10"/>
    </row>
    <row r="799688" spans="14:14">
      <c r="N799688" s="10"/>
    </row>
    <row r="799689" spans="14:14">
      <c r="N799689" s="10"/>
    </row>
    <row r="799690" spans="14:14">
      <c r="N799690" s="10"/>
    </row>
    <row r="799691" spans="14:14">
      <c r="N799691" s="10"/>
    </row>
    <row r="799692" spans="14:14">
      <c r="N799692" s="10"/>
    </row>
    <row r="799693" spans="14:14">
      <c r="N799693" s="10"/>
    </row>
    <row r="799694" spans="14:14">
      <c r="N799694" s="10"/>
    </row>
    <row r="799695" spans="14:14">
      <c r="N799695" s="10"/>
    </row>
    <row r="799696" spans="14:14">
      <c r="N799696" s="10"/>
    </row>
    <row r="799697" spans="14:14">
      <c r="N799697" s="10"/>
    </row>
    <row r="799698" spans="14:14">
      <c r="N799698" s="10"/>
    </row>
    <row r="799699" spans="14:14">
      <c r="N799699" s="10"/>
    </row>
    <row r="799700" spans="14:14">
      <c r="N799700" s="10"/>
    </row>
    <row r="799701" spans="14:14">
      <c r="N799701" s="10"/>
    </row>
    <row r="799702" spans="14:14">
      <c r="N799702" s="10"/>
    </row>
    <row r="799703" spans="14:14">
      <c r="N799703" s="10"/>
    </row>
    <row r="799704" spans="14:14">
      <c r="N799704" s="10"/>
    </row>
    <row r="799705" spans="14:14">
      <c r="N799705" s="10"/>
    </row>
    <row r="799706" spans="14:14">
      <c r="N799706" s="10"/>
    </row>
    <row r="799707" spans="14:14">
      <c r="N799707" s="10"/>
    </row>
    <row r="799708" spans="14:14">
      <c r="N799708" s="10"/>
    </row>
    <row r="799709" spans="14:14">
      <c r="N799709" s="10"/>
    </row>
    <row r="799710" spans="14:14">
      <c r="N799710" s="10"/>
    </row>
    <row r="799711" spans="14:14">
      <c r="N799711" s="10"/>
    </row>
    <row r="799712" spans="14:14">
      <c r="N799712" s="10"/>
    </row>
    <row r="799713" spans="14:14">
      <c r="N799713" s="10"/>
    </row>
    <row r="799714" spans="14:14">
      <c r="N799714" s="10"/>
    </row>
    <row r="799715" spans="14:14">
      <c r="N799715" s="10"/>
    </row>
    <row r="799716" spans="14:14">
      <c r="N799716" s="10"/>
    </row>
    <row r="799717" spans="14:14">
      <c r="N799717" s="10"/>
    </row>
    <row r="799718" spans="14:14">
      <c r="N799718" s="10"/>
    </row>
    <row r="799719" spans="14:14">
      <c r="N799719" s="10"/>
    </row>
    <row r="799720" spans="14:14">
      <c r="N799720" s="10"/>
    </row>
    <row r="799721" spans="14:14">
      <c r="N799721" s="10"/>
    </row>
    <row r="799722" spans="14:14">
      <c r="N799722" s="10"/>
    </row>
    <row r="799723" spans="14:14">
      <c r="N799723" s="10"/>
    </row>
    <row r="799724" spans="14:14">
      <c r="N799724" s="10"/>
    </row>
    <row r="799725" spans="14:14">
      <c r="N799725" s="10"/>
    </row>
    <row r="799726" spans="14:14">
      <c r="N799726" s="10"/>
    </row>
    <row r="799727" spans="14:14">
      <c r="N799727" s="10"/>
    </row>
    <row r="799728" spans="14:14">
      <c r="N799728" s="10"/>
    </row>
    <row r="799729" spans="14:14">
      <c r="N799729" s="10"/>
    </row>
    <row r="799730" spans="14:14">
      <c r="N799730" s="10"/>
    </row>
    <row r="799731" spans="14:14">
      <c r="N799731" s="10"/>
    </row>
    <row r="799732" spans="14:14">
      <c r="N799732" s="10"/>
    </row>
    <row r="799733" spans="14:14">
      <c r="N799733" s="10"/>
    </row>
    <row r="799734" spans="14:14">
      <c r="N799734" s="10"/>
    </row>
    <row r="799735" spans="14:14">
      <c r="N799735" s="10"/>
    </row>
    <row r="799736" spans="14:14">
      <c r="N799736" s="10"/>
    </row>
    <row r="799737" spans="14:14">
      <c r="N799737" s="10"/>
    </row>
    <row r="799738" spans="14:14">
      <c r="N799738" s="10"/>
    </row>
    <row r="799739" spans="14:14">
      <c r="N799739" s="10"/>
    </row>
    <row r="799740" spans="14:14">
      <c r="N799740" s="10"/>
    </row>
    <row r="799741" spans="14:14">
      <c r="N799741" s="10"/>
    </row>
    <row r="799742" spans="14:14">
      <c r="N799742" s="10"/>
    </row>
    <row r="799743" spans="14:14">
      <c r="N799743" s="10"/>
    </row>
    <row r="799744" spans="14:14">
      <c r="N799744" s="10"/>
    </row>
    <row r="799745" spans="14:14">
      <c r="N799745" s="10"/>
    </row>
    <row r="799746" spans="14:14">
      <c r="N799746" s="10"/>
    </row>
    <row r="799747" spans="14:14">
      <c r="N799747" s="10"/>
    </row>
    <row r="799748" spans="14:14">
      <c r="N799748" s="10"/>
    </row>
    <row r="799749" spans="14:14">
      <c r="N799749" s="10"/>
    </row>
    <row r="799750" spans="14:14">
      <c r="N799750" s="10"/>
    </row>
    <row r="799751" spans="14:14">
      <c r="N799751" s="10"/>
    </row>
    <row r="799752" spans="14:14">
      <c r="N799752" s="10"/>
    </row>
    <row r="799753" spans="14:14">
      <c r="N799753" s="10"/>
    </row>
    <row r="799754" spans="14:14">
      <c r="N799754" s="10"/>
    </row>
    <row r="799755" spans="14:14">
      <c r="N799755" s="10"/>
    </row>
    <row r="799756" spans="14:14">
      <c r="N799756" s="10"/>
    </row>
    <row r="799757" spans="14:14">
      <c r="N799757" s="10"/>
    </row>
    <row r="799758" spans="14:14">
      <c r="N799758" s="10"/>
    </row>
    <row r="799759" spans="14:14">
      <c r="N799759" s="10"/>
    </row>
    <row r="799760" spans="14:14">
      <c r="N799760" s="10"/>
    </row>
    <row r="799761" spans="14:14">
      <c r="N799761" s="10"/>
    </row>
    <row r="799762" spans="14:14">
      <c r="N799762" s="10"/>
    </row>
    <row r="799763" spans="14:14">
      <c r="N799763" s="10"/>
    </row>
    <row r="799764" spans="14:14">
      <c r="N799764" s="10"/>
    </row>
    <row r="799765" spans="14:14">
      <c r="N799765" s="10"/>
    </row>
    <row r="799766" spans="14:14">
      <c r="N799766" s="10"/>
    </row>
    <row r="799767" spans="14:14">
      <c r="N799767" s="10"/>
    </row>
    <row r="799768" spans="14:14">
      <c r="N799768" s="10"/>
    </row>
    <row r="799769" spans="14:14">
      <c r="N799769" s="10"/>
    </row>
    <row r="799770" spans="14:14">
      <c r="N799770" s="10"/>
    </row>
    <row r="799771" spans="14:14">
      <c r="N799771" s="10"/>
    </row>
    <row r="799772" spans="14:14">
      <c r="N799772" s="10"/>
    </row>
    <row r="799773" spans="14:14">
      <c r="N799773" s="10"/>
    </row>
    <row r="799774" spans="14:14">
      <c r="N799774" s="10"/>
    </row>
    <row r="799775" spans="14:14">
      <c r="N799775" s="10"/>
    </row>
    <row r="799776" spans="14:14">
      <c r="N799776" s="10"/>
    </row>
    <row r="799777" spans="14:14">
      <c r="N799777" s="10"/>
    </row>
    <row r="799778" spans="14:14">
      <c r="N799778" s="10"/>
    </row>
    <row r="799779" spans="14:14">
      <c r="N799779" s="10"/>
    </row>
    <row r="799780" spans="14:14">
      <c r="N799780" s="10"/>
    </row>
    <row r="799781" spans="14:14">
      <c r="N799781" s="10"/>
    </row>
    <row r="799782" spans="14:14">
      <c r="N799782" s="10"/>
    </row>
    <row r="799783" spans="14:14">
      <c r="N799783" s="10"/>
    </row>
    <row r="799784" spans="14:14">
      <c r="N799784" s="10"/>
    </row>
    <row r="799785" spans="14:14">
      <c r="N799785" s="10"/>
    </row>
    <row r="799786" spans="14:14">
      <c r="N799786" s="10"/>
    </row>
    <row r="799787" spans="14:14">
      <c r="N799787" s="10"/>
    </row>
    <row r="799788" spans="14:14">
      <c r="N799788" s="10"/>
    </row>
    <row r="799789" spans="14:14">
      <c r="N799789" s="10"/>
    </row>
    <row r="799790" spans="14:14">
      <c r="N799790" s="10"/>
    </row>
    <row r="799791" spans="14:14">
      <c r="N799791" s="10"/>
    </row>
    <row r="799792" spans="14:14">
      <c r="N799792" s="10"/>
    </row>
    <row r="799793" spans="14:14">
      <c r="N799793" s="10"/>
    </row>
    <row r="799794" spans="14:14">
      <c r="N799794" s="10"/>
    </row>
    <row r="799795" spans="14:14">
      <c r="N799795" s="10"/>
    </row>
    <row r="799796" spans="14:14">
      <c r="N799796" s="10"/>
    </row>
    <row r="799797" spans="14:14">
      <c r="N799797" s="10"/>
    </row>
    <row r="799798" spans="14:14">
      <c r="N799798" s="10"/>
    </row>
    <row r="799799" spans="14:14">
      <c r="N799799" s="10"/>
    </row>
    <row r="799800" spans="14:14">
      <c r="N799800" s="10"/>
    </row>
    <row r="799801" spans="14:14">
      <c r="N799801" s="10"/>
    </row>
    <row r="799802" spans="14:14">
      <c r="N799802" s="10"/>
    </row>
    <row r="799803" spans="14:14">
      <c r="N799803" s="10"/>
    </row>
    <row r="799804" spans="14:14">
      <c r="N799804" s="10"/>
    </row>
    <row r="799805" spans="14:14">
      <c r="N799805" s="10"/>
    </row>
    <row r="799806" spans="14:14">
      <c r="N799806" s="10"/>
    </row>
    <row r="799807" spans="14:14">
      <c r="N799807" s="10"/>
    </row>
    <row r="799808" spans="14:14">
      <c r="N799808" s="10"/>
    </row>
    <row r="799809" spans="14:14">
      <c r="N799809" s="10"/>
    </row>
    <row r="799810" spans="14:14">
      <c r="N799810" s="10"/>
    </row>
    <row r="799811" spans="14:14">
      <c r="N799811" s="10"/>
    </row>
    <row r="799812" spans="14:14">
      <c r="N799812" s="10"/>
    </row>
    <row r="799813" spans="14:14">
      <c r="N799813" s="10"/>
    </row>
    <row r="799814" spans="14:14">
      <c r="N799814" s="10"/>
    </row>
    <row r="799815" spans="14:14">
      <c r="N799815" s="10"/>
    </row>
    <row r="799816" spans="14:14">
      <c r="N799816" s="10"/>
    </row>
    <row r="799817" spans="14:14">
      <c r="N799817" s="10"/>
    </row>
    <row r="799818" spans="14:14">
      <c r="N799818" s="10"/>
    </row>
    <row r="799819" spans="14:14">
      <c r="N799819" s="10"/>
    </row>
    <row r="799820" spans="14:14">
      <c r="N799820" s="10"/>
    </row>
    <row r="799821" spans="14:14">
      <c r="N799821" s="10"/>
    </row>
    <row r="799822" spans="14:14">
      <c r="N799822" s="10"/>
    </row>
    <row r="799823" spans="14:14">
      <c r="N799823" s="10"/>
    </row>
    <row r="799824" spans="14:14">
      <c r="N799824" s="10"/>
    </row>
    <row r="799825" spans="14:14">
      <c r="N799825" s="10"/>
    </row>
    <row r="799826" spans="14:14">
      <c r="N799826" s="10"/>
    </row>
    <row r="799827" spans="14:14">
      <c r="N799827" s="10"/>
    </row>
    <row r="799828" spans="14:14">
      <c r="N799828" s="10"/>
    </row>
    <row r="799829" spans="14:14">
      <c r="N799829" s="10"/>
    </row>
    <row r="799830" spans="14:14">
      <c r="N799830" s="10"/>
    </row>
    <row r="799831" spans="14:14">
      <c r="N799831" s="10"/>
    </row>
    <row r="799832" spans="14:14">
      <c r="N799832" s="10"/>
    </row>
    <row r="799833" spans="14:14">
      <c r="N799833" s="10"/>
    </row>
    <row r="799834" spans="14:14">
      <c r="N799834" s="10"/>
    </row>
    <row r="799835" spans="14:14">
      <c r="N799835" s="10"/>
    </row>
    <row r="799836" spans="14:14">
      <c r="N799836" s="10"/>
    </row>
    <row r="799837" spans="14:14">
      <c r="N799837" s="10"/>
    </row>
    <row r="799838" spans="14:14">
      <c r="N799838" s="10"/>
    </row>
    <row r="799839" spans="14:14">
      <c r="N799839" s="10"/>
    </row>
    <row r="799840" spans="14:14">
      <c r="N799840" s="10"/>
    </row>
    <row r="799841" spans="14:14">
      <c r="N799841" s="10"/>
    </row>
    <row r="799842" spans="14:14">
      <c r="N799842" s="10"/>
    </row>
    <row r="799843" spans="14:14">
      <c r="N799843" s="10"/>
    </row>
    <row r="799844" spans="14:14">
      <c r="N799844" s="10"/>
    </row>
    <row r="799845" spans="14:14">
      <c r="N799845" s="10"/>
    </row>
    <row r="799846" spans="14:14">
      <c r="N799846" s="10"/>
    </row>
    <row r="799847" spans="14:14">
      <c r="N799847" s="10"/>
    </row>
    <row r="799848" spans="14:14">
      <c r="N799848" s="10"/>
    </row>
    <row r="799849" spans="14:14">
      <c r="N799849" s="10"/>
    </row>
    <row r="799850" spans="14:14">
      <c r="N799850" s="10"/>
    </row>
    <row r="799851" spans="14:14">
      <c r="N799851" s="10"/>
    </row>
    <row r="799852" spans="14:14">
      <c r="N799852" s="10"/>
    </row>
    <row r="799853" spans="14:14">
      <c r="N799853" s="10"/>
    </row>
    <row r="799854" spans="14:14">
      <c r="N799854" s="10"/>
    </row>
    <row r="799855" spans="14:14">
      <c r="N799855" s="10"/>
    </row>
    <row r="799856" spans="14:14">
      <c r="N799856" s="10"/>
    </row>
    <row r="799857" spans="14:14">
      <c r="N799857" s="10"/>
    </row>
    <row r="799858" spans="14:14">
      <c r="N799858" s="10"/>
    </row>
    <row r="799859" spans="14:14">
      <c r="N799859" s="10"/>
    </row>
    <row r="799860" spans="14:14">
      <c r="N799860" s="10"/>
    </row>
    <row r="799861" spans="14:14">
      <c r="N799861" s="10"/>
    </row>
    <row r="799862" spans="14:14">
      <c r="N799862" s="10"/>
    </row>
    <row r="799863" spans="14:14">
      <c r="N799863" s="10"/>
    </row>
    <row r="799864" spans="14:14">
      <c r="N799864" s="10"/>
    </row>
    <row r="799865" spans="14:14">
      <c r="N799865" s="10"/>
    </row>
    <row r="799866" spans="14:14">
      <c r="N799866" s="10"/>
    </row>
    <row r="799867" spans="14:14">
      <c r="N799867" s="10"/>
    </row>
    <row r="799868" spans="14:14">
      <c r="N799868" s="10"/>
    </row>
    <row r="799869" spans="14:14">
      <c r="N799869" s="10"/>
    </row>
    <row r="799870" spans="14:14">
      <c r="N799870" s="10"/>
    </row>
    <row r="799871" spans="14:14">
      <c r="N799871" s="10"/>
    </row>
    <row r="799872" spans="14:14">
      <c r="N799872" s="10"/>
    </row>
    <row r="799873" spans="14:14">
      <c r="N799873" s="10"/>
    </row>
    <row r="799874" spans="14:14">
      <c r="N799874" s="10"/>
    </row>
    <row r="799875" spans="14:14">
      <c r="N799875" s="10"/>
    </row>
    <row r="799876" spans="14:14">
      <c r="N799876" s="10"/>
    </row>
    <row r="799877" spans="14:14">
      <c r="N799877" s="10"/>
    </row>
    <row r="799878" spans="14:14">
      <c r="N799878" s="10"/>
    </row>
    <row r="799879" spans="14:14">
      <c r="N799879" s="10"/>
    </row>
    <row r="799880" spans="14:14">
      <c r="N799880" s="10"/>
    </row>
    <row r="799881" spans="14:14">
      <c r="N799881" s="10"/>
    </row>
    <row r="799882" spans="14:14">
      <c r="N799882" s="10"/>
    </row>
    <row r="799883" spans="14:14">
      <c r="N799883" s="10"/>
    </row>
    <row r="799884" spans="14:14">
      <c r="N799884" s="10"/>
    </row>
    <row r="799885" spans="14:14">
      <c r="N799885" s="10"/>
    </row>
    <row r="799886" spans="14:14">
      <c r="N799886" s="10"/>
    </row>
    <row r="799887" spans="14:14">
      <c r="N799887" s="10"/>
    </row>
    <row r="799888" spans="14:14">
      <c r="N799888" s="10"/>
    </row>
    <row r="799889" spans="14:14">
      <c r="N799889" s="10"/>
    </row>
    <row r="799890" spans="14:14">
      <c r="N799890" s="10"/>
    </row>
    <row r="799891" spans="14:14">
      <c r="N799891" s="10"/>
    </row>
    <row r="799892" spans="14:14">
      <c r="N799892" s="10"/>
    </row>
    <row r="799893" spans="14:14">
      <c r="N799893" s="10"/>
    </row>
    <row r="799894" spans="14:14">
      <c r="N799894" s="10"/>
    </row>
    <row r="799895" spans="14:14">
      <c r="N799895" s="10"/>
    </row>
    <row r="799896" spans="14:14">
      <c r="N799896" s="10"/>
    </row>
    <row r="799897" spans="14:14">
      <c r="N799897" s="10"/>
    </row>
    <row r="799898" spans="14:14">
      <c r="N799898" s="10"/>
    </row>
    <row r="799899" spans="14:14">
      <c r="N799899" s="10"/>
    </row>
    <row r="799900" spans="14:14">
      <c r="N799900" s="10"/>
    </row>
    <row r="799901" spans="14:14">
      <c r="N799901" s="10"/>
    </row>
    <row r="799902" spans="14:14">
      <c r="N799902" s="10"/>
    </row>
    <row r="799903" spans="14:14">
      <c r="N799903" s="10"/>
    </row>
    <row r="799904" spans="14:14">
      <c r="N799904" s="10"/>
    </row>
    <row r="799905" spans="14:14">
      <c r="N799905" s="10"/>
    </row>
    <row r="799906" spans="14:14">
      <c r="N799906" s="10"/>
    </row>
    <row r="799907" spans="14:14">
      <c r="N799907" s="10"/>
    </row>
    <row r="799908" spans="14:14">
      <c r="N799908" s="10"/>
    </row>
    <row r="799909" spans="14:14">
      <c r="N799909" s="10"/>
    </row>
    <row r="799910" spans="14:14">
      <c r="N799910" s="10"/>
    </row>
    <row r="799911" spans="14:14">
      <c r="N799911" s="10"/>
    </row>
    <row r="799912" spans="14:14">
      <c r="N799912" s="10"/>
    </row>
    <row r="799913" spans="14:14">
      <c r="N799913" s="10"/>
    </row>
    <row r="799914" spans="14:14">
      <c r="N799914" s="10"/>
    </row>
    <row r="799915" spans="14:14">
      <c r="N799915" s="10"/>
    </row>
    <row r="799916" spans="14:14">
      <c r="N799916" s="10"/>
    </row>
    <row r="799917" spans="14:14">
      <c r="N799917" s="10"/>
    </row>
    <row r="799918" spans="14:14">
      <c r="N799918" s="10"/>
    </row>
    <row r="799919" spans="14:14">
      <c r="N799919" s="10"/>
    </row>
    <row r="799920" spans="14:14">
      <c r="N799920" s="10"/>
    </row>
    <row r="799921" spans="14:14">
      <c r="N799921" s="10"/>
    </row>
    <row r="799922" spans="14:14">
      <c r="N799922" s="10"/>
    </row>
    <row r="799923" spans="14:14">
      <c r="N799923" s="10"/>
    </row>
    <row r="799924" spans="14:14">
      <c r="N799924" s="10"/>
    </row>
    <row r="799925" spans="14:14">
      <c r="N799925" s="10"/>
    </row>
    <row r="799926" spans="14:14">
      <c r="N799926" s="10"/>
    </row>
    <row r="799927" spans="14:14">
      <c r="N799927" s="10"/>
    </row>
    <row r="799928" spans="14:14">
      <c r="N799928" s="10"/>
    </row>
    <row r="799929" spans="14:14">
      <c r="N799929" s="10"/>
    </row>
    <row r="799930" spans="14:14">
      <c r="N799930" s="10"/>
    </row>
    <row r="799931" spans="14:14">
      <c r="N799931" s="10"/>
    </row>
    <row r="799932" spans="14:14">
      <c r="N799932" s="10"/>
    </row>
    <row r="799933" spans="14:14">
      <c r="N799933" s="10"/>
    </row>
    <row r="799934" spans="14:14">
      <c r="N799934" s="10"/>
    </row>
    <row r="799935" spans="14:14">
      <c r="N799935" s="10"/>
    </row>
    <row r="799936" spans="14:14">
      <c r="N799936" s="10"/>
    </row>
    <row r="799937" spans="14:14">
      <c r="N799937" s="10"/>
    </row>
    <row r="799938" spans="14:14">
      <c r="N799938" s="10"/>
    </row>
    <row r="799939" spans="14:14">
      <c r="N799939" s="10"/>
    </row>
    <row r="799940" spans="14:14">
      <c r="N799940" s="10"/>
    </row>
    <row r="799941" spans="14:14">
      <c r="N799941" s="10"/>
    </row>
    <row r="799942" spans="14:14">
      <c r="N799942" s="10"/>
    </row>
    <row r="799943" spans="14:14">
      <c r="N799943" s="10"/>
    </row>
    <row r="799944" spans="14:14">
      <c r="N799944" s="10"/>
    </row>
    <row r="799945" spans="14:14">
      <c r="N799945" s="10"/>
    </row>
    <row r="799946" spans="14:14">
      <c r="N799946" s="10"/>
    </row>
    <row r="799947" spans="14:14">
      <c r="N799947" s="10"/>
    </row>
    <row r="799948" spans="14:14">
      <c r="N799948" s="10"/>
    </row>
    <row r="799949" spans="14:14">
      <c r="N799949" s="10"/>
    </row>
    <row r="799950" spans="14:14">
      <c r="N799950" s="10"/>
    </row>
    <row r="799951" spans="14:14">
      <c r="N799951" s="10"/>
    </row>
    <row r="799952" spans="14:14">
      <c r="N799952" s="10"/>
    </row>
    <row r="799953" spans="14:14">
      <c r="N799953" s="10"/>
    </row>
    <row r="799954" spans="14:14">
      <c r="N799954" s="10"/>
    </row>
    <row r="799955" spans="14:14">
      <c r="N799955" s="10"/>
    </row>
    <row r="799956" spans="14:14">
      <c r="N799956" s="10"/>
    </row>
    <row r="799957" spans="14:14">
      <c r="N799957" s="10"/>
    </row>
    <row r="799958" spans="14:14">
      <c r="N799958" s="10"/>
    </row>
    <row r="799959" spans="14:14">
      <c r="N799959" s="10"/>
    </row>
    <row r="799960" spans="14:14">
      <c r="N799960" s="10"/>
    </row>
    <row r="799961" spans="14:14">
      <c r="N799961" s="10"/>
    </row>
    <row r="799962" spans="14:14">
      <c r="N799962" s="10"/>
    </row>
    <row r="799963" spans="14:14">
      <c r="N799963" s="10"/>
    </row>
    <row r="799964" spans="14:14">
      <c r="N799964" s="10"/>
    </row>
    <row r="799965" spans="14:14">
      <c r="N799965" s="10"/>
    </row>
    <row r="799966" spans="14:14">
      <c r="N799966" s="10"/>
    </row>
    <row r="799967" spans="14:14">
      <c r="N799967" s="10"/>
    </row>
    <row r="799968" spans="14:14">
      <c r="N799968" s="10"/>
    </row>
    <row r="799969" spans="14:14">
      <c r="N799969" s="10"/>
    </row>
    <row r="799970" spans="14:14">
      <c r="N799970" s="10"/>
    </row>
    <row r="799971" spans="14:14">
      <c r="N799971" s="10"/>
    </row>
    <row r="799972" spans="14:14">
      <c r="N799972" s="10"/>
    </row>
    <row r="799973" spans="14:14">
      <c r="N799973" s="10"/>
    </row>
    <row r="799974" spans="14:14">
      <c r="N799974" s="10"/>
    </row>
    <row r="799975" spans="14:14">
      <c r="N799975" s="10"/>
    </row>
    <row r="799976" spans="14:14">
      <c r="N799976" s="10"/>
    </row>
    <row r="799977" spans="14:14">
      <c r="N799977" s="10"/>
    </row>
    <row r="799978" spans="14:14">
      <c r="N799978" s="10"/>
    </row>
    <row r="799979" spans="14:14">
      <c r="N799979" s="10"/>
    </row>
    <row r="799980" spans="14:14">
      <c r="N799980" s="10"/>
    </row>
    <row r="799981" spans="14:14">
      <c r="N799981" s="10"/>
    </row>
    <row r="799982" spans="14:14">
      <c r="N799982" s="10"/>
    </row>
    <row r="799983" spans="14:14">
      <c r="N799983" s="10"/>
    </row>
    <row r="799984" spans="14:14">
      <c r="N799984" s="10"/>
    </row>
    <row r="799985" spans="14:14">
      <c r="N799985" s="10"/>
    </row>
    <row r="799986" spans="14:14">
      <c r="N799986" s="10"/>
    </row>
    <row r="799987" spans="14:14">
      <c r="N799987" s="10"/>
    </row>
    <row r="799988" spans="14:14">
      <c r="N799988" s="10"/>
    </row>
    <row r="799989" spans="14:14">
      <c r="N799989" s="10"/>
    </row>
    <row r="799990" spans="14:14">
      <c r="N799990" s="10"/>
    </row>
    <row r="799991" spans="14:14">
      <c r="N799991" s="10"/>
    </row>
    <row r="799992" spans="14:14">
      <c r="N799992" s="10"/>
    </row>
    <row r="799993" spans="14:14">
      <c r="N799993" s="10"/>
    </row>
    <row r="799994" spans="14:14">
      <c r="N799994" s="10"/>
    </row>
    <row r="799995" spans="14:14">
      <c r="N799995" s="10"/>
    </row>
    <row r="799996" spans="14:14">
      <c r="N799996" s="10"/>
    </row>
    <row r="799997" spans="14:14">
      <c r="N799997" s="10"/>
    </row>
    <row r="799998" spans="14:14">
      <c r="N799998" s="10"/>
    </row>
    <row r="799999" spans="14:14">
      <c r="N799999" s="10"/>
    </row>
    <row r="800000" spans="14:14">
      <c r="N800000" s="10"/>
    </row>
    <row r="800001" spans="14:14">
      <c r="N800001" s="10"/>
    </row>
    <row r="800002" spans="14:14">
      <c r="N800002" s="10"/>
    </row>
    <row r="800003" spans="14:14">
      <c r="N800003" s="10"/>
    </row>
    <row r="800004" spans="14:14">
      <c r="N800004" s="10"/>
    </row>
    <row r="800005" spans="14:14">
      <c r="N800005" s="10"/>
    </row>
    <row r="800006" spans="14:14">
      <c r="N800006" s="10"/>
    </row>
    <row r="800007" spans="14:14">
      <c r="N800007" s="10"/>
    </row>
    <row r="800008" spans="14:14">
      <c r="N800008" s="10"/>
    </row>
    <row r="800009" spans="14:14">
      <c r="N800009" s="10"/>
    </row>
    <row r="800010" spans="14:14">
      <c r="N800010" s="10"/>
    </row>
    <row r="800011" spans="14:14">
      <c r="N800011" s="10"/>
    </row>
    <row r="800012" spans="14:14">
      <c r="N800012" s="10"/>
    </row>
    <row r="800013" spans="14:14">
      <c r="N800013" s="10"/>
    </row>
    <row r="800014" spans="14:14">
      <c r="N800014" s="10"/>
    </row>
    <row r="800015" spans="14:14">
      <c r="N800015" s="10"/>
    </row>
    <row r="800016" spans="14:14">
      <c r="N800016" s="10"/>
    </row>
    <row r="800017" spans="14:14">
      <c r="N800017" s="10"/>
    </row>
    <row r="800018" spans="14:14">
      <c r="N800018" s="10"/>
    </row>
    <row r="800019" spans="14:14">
      <c r="N800019" s="10"/>
    </row>
    <row r="800020" spans="14:14">
      <c r="N800020" s="10"/>
    </row>
    <row r="800021" spans="14:14">
      <c r="N800021" s="10"/>
    </row>
    <row r="800022" spans="14:14">
      <c r="N800022" s="10"/>
    </row>
    <row r="800023" spans="14:14">
      <c r="N800023" s="10"/>
    </row>
    <row r="800024" spans="14:14">
      <c r="N800024" s="10"/>
    </row>
    <row r="800025" spans="14:14">
      <c r="N800025" s="10"/>
    </row>
    <row r="800026" spans="14:14">
      <c r="N800026" s="10"/>
    </row>
    <row r="800027" spans="14:14">
      <c r="N800027" s="10"/>
    </row>
    <row r="800028" spans="14:14">
      <c r="N800028" s="10"/>
    </row>
    <row r="800029" spans="14:14">
      <c r="N800029" s="10"/>
    </row>
    <row r="800030" spans="14:14">
      <c r="N800030" s="10"/>
    </row>
    <row r="800031" spans="14:14">
      <c r="N800031" s="10"/>
    </row>
    <row r="800032" spans="14:14">
      <c r="N800032" s="10"/>
    </row>
    <row r="800033" spans="14:14">
      <c r="N800033" s="10"/>
    </row>
    <row r="800034" spans="14:14">
      <c r="N800034" s="10"/>
    </row>
    <row r="800035" spans="14:14">
      <c r="N800035" s="10"/>
    </row>
    <row r="800036" spans="14:14">
      <c r="N800036" s="10"/>
    </row>
    <row r="800037" spans="14:14">
      <c r="N800037" s="10"/>
    </row>
    <row r="800038" spans="14:14">
      <c r="N800038" s="10"/>
    </row>
    <row r="800039" spans="14:14">
      <c r="N800039" s="10"/>
    </row>
    <row r="800040" spans="14:14">
      <c r="N800040" s="10"/>
    </row>
    <row r="800041" spans="14:14">
      <c r="N800041" s="10"/>
    </row>
    <row r="800042" spans="14:14">
      <c r="N800042" s="10"/>
    </row>
    <row r="800043" spans="14:14">
      <c r="N800043" s="10"/>
    </row>
    <row r="800044" spans="14:14">
      <c r="N800044" s="10"/>
    </row>
    <row r="800045" spans="14:14">
      <c r="N800045" s="10"/>
    </row>
    <row r="800046" spans="14:14">
      <c r="N800046" s="10"/>
    </row>
    <row r="800047" spans="14:14">
      <c r="N800047" s="10"/>
    </row>
    <row r="800048" spans="14:14">
      <c r="N800048" s="10"/>
    </row>
    <row r="800049" spans="14:14">
      <c r="N800049" s="10"/>
    </row>
    <row r="800050" spans="14:14">
      <c r="N800050" s="10"/>
    </row>
    <row r="800051" spans="14:14">
      <c r="N800051" s="10"/>
    </row>
    <row r="800052" spans="14:14">
      <c r="N800052" s="10"/>
    </row>
    <row r="800053" spans="14:14">
      <c r="N800053" s="10"/>
    </row>
    <row r="800054" spans="14:14">
      <c r="N800054" s="10"/>
    </row>
    <row r="800055" spans="14:14">
      <c r="N800055" s="10"/>
    </row>
    <row r="800056" spans="14:14">
      <c r="N800056" s="10"/>
    </row>
    <row r="800057" spans="14:14">
      <c r="N800057" s="10"/>
    </row>
    <row r="800058" spans="14:14">
      <c r="N800058" s="10"/>
    </row>
    <row r="800059" spans="14:14">
      <c r="N800059" s="10"/>
    </row>
    <row r="800060" spans="14:14">
      <c r="N800060" s="10"/>
    </row>
    <row r="800061" spans="14:14">
      <c r="N800061" s="10"/>
    </row>
    <row r="800062" spans="14:14">
      <c r="N800062" s="10"/>
    </row>
    <row r="800063" spans="14:14">
      <c r="N800063" s="10"/>
    </row>
    <row r="800064" spans="14:14">
      <c r="N800064" s="10"/>
    </row>
    <row r="800065" spans="14:14">
      <c r="N800065" s="10"/>
    </row>
    <row r="800066" spans="14:14">
      <c r="N800066" s="10"/>
    </row>
    <row r="800067" spans="14:14">
      <c r="N800067" s="10"/>
    </row>
    <row r="800068" spans="14:14">
      <c r="N800068" s="10"/>
    </row>
    <row r="800069" spans="14:14">
      <c r="N800069" s="10"/>
    </row>
    <row r="800070" spans="14:14">
      <c r="N800070" s="10"/>
    </row>
    <row r="800071" spans="14:14">
      <c r="N800071" s="10"/>
    </row>
    <row r="800072" spans="14:14">
      <c r="N800072" s="10"/>
    </row>
    <row r="800073" spans="14:14">
      <c r="N800073" s="10"/>
    </row>
    <row r="800074" spans="14:14">
      <c r="N800074" s="10"/>
    </row>
    <row r="800075" spans="14:14">
      <c r="N800075" s="10"/>
    </row>
    <row r="800076" spans="14:14">
      <c r="N800076" s="10"/>
    </row>
    <row r="800077" spans="14:14">
      <c r="N800077" s="10"/>
    </row>
    <row r="800078" spans="14:14">
      <c r="N800078" s="10"/>
    </row>
    <row r="800079" spans="14:14">
      <c r="N800079" s="10"/>
    </row>
    <row r="800080" spans="14:14">
      <c r="N800080" s="10"/>
    </row>
    <row r="800081" spans="14:14">
      <c r="N800081" s="10"/>
    </row>
    <row r="800082" spans="14:14">
      <c r="N800082" s="10"/>
    </row>
    <row r="800083" spans="14:14">
      <c r="N800083" s="10"/>
    </row>
    <row r="800084" spans="14:14">
      <c r="N800084" s="10"/>
    </row>
    <row r="800085" spans="14:14">
      <c r="N800085" s="10"/>
    </row>
    <row r="800086" spans="14:14">
      <c r="N800086" s="10"/>
    </row>
    <row r="800087" spans="14:14">
      <c r="N800087" s="10"/>
    </row>
    <row r="800088" spans="14:14">
      <c r="N800088" s="10"/>
    </row>
    <row r="800089" spans="14:14">
      <c r="N800089" s="10"/>
    </row>
    <row r="800090" spans="14:14">
      <c r="N800090" s="10"/>
    </row>
    <row r="800091" spans="14:14">
      <c r="N800091" s="10"/>
    </row>
    <row r="800092" spans="14:14">
      <c r="N800092" s="10"/>
    </row>
    <row r="800093" spans="14:14">
      <c r="N800093" s="10"/>
    </row>
    <row r="800094" spans="14:14">
      <c r="N800094" s="10"/>
    </row>
    <row r="800095" spans="14:14">
      <c r="N800095" s="10"/>
    </row>
    <row r="800096" spans="14:14">
      <c r="N800096" s="10"/>
    </row>
    <row r="800097" spans="14:14">
      <c r="N800097" s="10"/>
    </row>
    <row r="800098" spans="14:14">
      <c r="N800098" s="10"/>
    </row>
    <row r="800099" spans="14:14">
      <c r="N800099" s="10"/>
    </row>
    <row r="800100" spans="14:14">
      <c r="N800100" s="10"/>
    </row>
    <row r="800101" spans="14:14">
      <c r="N800101" s="10"/>
    </row>
    <row r="800102" spans="14:14">
      <c r="N800102" s="10"/>
    </row>
    <row r="800103" spans="14:14">
      <c r="N800103" s="10"/>
    </row>
    <row r="800104" spans="14:14">
      <c r="N800104" s="10"/>
    </row>
    <row r="800105" spans="14:14">
      <c r="N800105" s="10"/>
    </row>
    <row r="800106" spans="14:14">
      <c r="N800106" s="10"/>
    </row>
    <row r="800107" spans="14:14">
      <c r="N800107" s="10"/>
    </row>
    <row r="800108" spans="14:14">
      <c r="N800108" s="10"/>
    </row>
    <row r="800109" spans="14:14">
      <c r="N800109" s="10"/>
    </row>
    <row r="800110" spans="14:14">
      <c r="N800110" s="10"/>
    </row>
    <row r="800111" spans="14:14">
      <c r="N800111" s="10"/>
    </row>
    <row r="800112" spans="14:14">
      <c r="N800112" s="10"/>
    </row>
    <row r="800113" spans="14:14">
      <c r="N800113" s="10"/>
    </row>
    <row r="800114" spans="14:14">
      <c r="N800114" s="10"/>
    </row>
    <row r="800115" spans="14:14">
      <c r="N800115" s="10"/>
    </row>
    <row r="800116" spans="14:14">
      <c r="N800116" s="10"/>
    </row>
    <row r="800117" spans="14:14">
      <c r="N800117" s="10"/>
    </row>
    <row r="800118" spans="14:14">
      <c r="N800118" s="10"/>
    </row>
    <row r="800119" spans="14:14">
      <c r="N800119" s="10"/>
    </row>
    <row r="800120" spans="14:14">
      <c r="N800120" s="10"/>
    </row>
    <row r="800121" spans="14:14">
      <c r="N800121" s="10"/>
    </row>
    <row r="800122" spans="14:14">
      <c r="N800122" s="10"/>
    </row>
    <row r="800123" spans="14:14">
      <c r="N800123" s="10"/>
    </row>
    <row r="800124" spans="14:14">
      <c r="N800124" s="10"/>
    </row>
    <row r="800125" spans="14:14">
      <c r="N800125" s="10"/>
    </row>
    <row r="800126" spans="14:14">
      <c r="N800126" s="10"/>
    </row>
    <row r="800127" spans="14:14">
      <c r="N800127" s="10"/>
    </row>
    <row r="800128" spans="14:14">
      <c r="N800128" s="10"/>
    </row>
    <row r="800129" spans="14:14">
      <c r="N800129" s="10"/>
    </row>
    <row r="800130" spans="14:14">
      <c r="N800130" s="10"/>
    </row>
    <row r="800131" spans="14:14">
      <c r="N800131" s="10"/>
    </row>
    <row r="800132" spans="14:14">
      <c r="N800132" s="10"/>
    </row>
    <row r="800133" spans="14:14">
      <c r="N800133" s="10"/>
    </row>
    <row r="800134" spans="14:14">
      <c r="N800134" s="10"/>
    </row>
    <row r="800135" spans="14:14">
      <c r="N800135" s="10"/>
    </row>
    <row r="800136" spans="14:14">
      <c r="N800136" s="10"/>
    </row>
    <row r="800137" spans="14:14">
      <c r="N800137" s="10"/>
    </row>
    <row r="800138" spans="14:14">
      <c r="N800138" s="10"/>
    </row>
    <row r="800139" spans="14:14">
      <c r="N800139" s="10"/>
    </row>
    <row r="800140" spans="14:14">
      <c r="N800140" s="10"/>
    </row>
    <row r="800141" spans="14:14">
      <c r="N800141" s="10"/>
    </row>
    <row r="800142" spans="14:14">
      <c r="N800142" s="10"/>
    </row>
    <row r="800143" spans="14:14">
      <c r="N800143" s="10"/>
    </row>
    <row r="800144" spans="14:14">
      <c r="N800144" s="10"/>
    </row>
    <row r="800145" spans="14:14">
      <c r="N800145" s="10"/>
    </row>
    <row r="800146" spans="14:14">
      <c r="N800146" s="10"/>
    </row>
    <row r="800147" spans="14:14">
      <c r="N800147" s="10"/>
    </row>
    <row r="800148" spans="14:14">
      <c r="N800148" s="10"/>
    </row>
    <row r="800149" spans="14:14">
      <c r="N800149" s="10"/>
    </row>
    <row r="800150" spans="14:14">
      <c r="N800150" s="10"/>
    </row>
    <row r="800151" spans="14:14">
      <c r="N800151" s="10"/>
    </row>
    <row r="800152" spans="14:14">
      <c r="N800152" s="10"/>
    </row>
    <row r="800153" spans="14:14">
      <c r="N800153" s="10"/>
    </row>
    <row r="800154" spans="14:14">
      <c r="N800154" s="10"/>
    </row>
    <row r="800155" spans="14:14">
      <c r="N800155" s="10"/>
    </row>
    <row r="800156" spans="14:14">
      <c r="N800156" s="10"/>
    </row>
    <row r="800157" spans="14:14">
      <c r="N800157" s="10"/>
    </row>
    <row r="800158" spans="14:14">
      <c r="N800158" s="10"/>
    </row>
    <row r="800159" spans="14:14">
      <c r="N800159" s="10"/>
    </row>
    <row r="800160" spans="14:14">
      <c r="N800160" s="10"/>
    </row>
    <row r="800161" spans="14:14">
      <c r="N800161" s="10"/>
    </row>
    <row r="800162" spans="14:14">
      <c r="N800162" s="10"/>
    </row>
    <row r="800163" spans="14:14">
      <c r="N800163" s="10"/>
    </row>
    <row r="800164" spans="14:14">
      <c r="N800164" s="10"/>
    </row>
    <row r="800165" spans="14:14">
      <c r="N800165" s="10"/>
    </row>
    <row r="800166" spans="14:14">
      <c r="N800166" s="10"/>
    </row>
    <row r="800167" spans="14:14">
      <c r="N800167" s="10"/>
    </row>
    <row r="800168" spans="14:14">
      <c r="N800168" s="10"/>
    </row>
    <row r="800169" spans="14:14">
      <c r="N800169" s="10"/>
    </row>
    <row r="800170" spans="14:14">
      <c r="N800170" s="10"/>
    </row>
    <row r="800171" spans="14:14">
      <c r="N800171" s="10"/>
    </row>
    <row r="800172" spans="14:14">
      <c r="N800172" s="10"/>
    </row>
    <row r="800173" spans="14:14">
      <c r="N800173" s="10"/>
    </row>
    <row r="800174" spans="14:14">
      <c r="N800174" s="10"/>
    </row>
    <row r="800175" spans="14:14">
      <c r="N800175" s="10"/>
    </row>
    <row r="800176" spans="14:14">
      <c r="N800176" s="10"/>
    </row>
    <row r="800177" spans="14:14">
      <c r="N800177" s="10"/>
    </row>
    <row r="800178" spans="14:14">
      <c r="N800178" s="10"/>
    </row>
    <row r="800179" spans="14:14">
      <c r="N800179" s="10"/>
    </row>
    <row r="800180" spans="14:14">
      <c r="N800180" s="10"/>
    </row>
    <row r="800181" spans="14:14">
      <c r="N800181" s="10"/>
    </row>
    <row r="800182" spans="14:14">
      <c r="N800182" s="10"/>
    </row>
    <row r="800183" spans="14:14">
      <c r="N800183" s="10"/>
    </row>
    <row r="800184" spans="14:14">
      <c r="N800184" s="10"/>
    </row>
    <row r="800185" spans="14:14">
      <c r="N800185" s="10"/>
    </row>
    <row r="800186" spans="14:14">
      <c r="N800186" s="10"/>
    </row>
    <row r="800187" spans="14:14">
      <c r="N800187" s="10"/>
    </row>
    <row r="800188" spans="14:14">
      <c r="N800188" s="10"/>
    </row>
    <row r="800189" spans="14:14">
      <c r="N800189" s="10"/>
    </row>
    <row r="800190" spans="14:14">
      <c r="N800190" s="10"/>
    </row>
    <row r="800191" spans="14:14">
      <c r="N800191" s="10"/>
    </row>
    <row r="800192" spans="14:14">
      <c r="N800192" s="10"/>
    </row>
    <row r="800193" spans="14:14">
      <c r="N800193" s="10"/>
    </row>
    <row r="800194" spans="14:14">
      <c r="N800194" s="10"/>
    </row>
    <row r="800195" spans="14:14">
      <c r="N800195" s="10"/>
    </row>
    <row r="800196" spans="14:14">
      <c r="N800196" s="10"/>
    </row>
    <row r="800197" spans="14:14">
      <c r="N800197" s="10"/>
    </row>
    <row r="800198" spans="14:14">
      <c r="N800198" s="10"/>
    </row>
    <row r="800199" spans="14:14">
      <c r="N800199" s="10"/>
    </row>
    <row r="800200" spans="14:14">
      <c r="N800200" s="10"/>
    </row>
    <row r="800201" spans="14:14">
      <c r="N800201" s="10"/>
    </row>
    <row r="800202" spans="14:14">
      <c r="N800202" s="10"/>
    </row>
    <row r="800203" spans="14:14">
      <c r="N800203" s="10"/>
    </row>
    <row r="800204" spans="14:14">
      <c r="N800204" s="10"/>
    </row>
    <row r="800205" spans="14:14">
      <c r="N800205" s="10"/>
    </row>
    <row r="800206" spans="14:14">
      <c r="N800206" s="10"/>
    </row>
    <row r="800207" spans="14:14">
      <c r="N800207" s="10"/>
    </row>
    <row r="800208" spans="14:14">
      <c r="N800208" s="10"/>
    </row>
    <row r="800209" spans="14:14">
      <c r="N800209" s="10"/>
    </row>
    <row r="800210" spans="14:14">
      <c r="N800210" s="10"/>
    </row>
    <row r="800211" spans="14:14">
      <c r="N800211" s="10"/>
    </row>
    <row r="800212" spans="14:14">
      <c r="N800212" s="10"/>
    </row>
    <row r="800213" spans="14:14">
      <c r="N800213" s="10"/>
    </row>
    <row r="800214" spans="14:14">
      <c r="N800214" s="10"/>
    </row>
    <row r="800215" spans="14:14">
      <c r="N800215" s="10"/>
    </row>
    <row r="800216" spans="14:14">
      <c r="N800216" s="10"/>
    </row>
    <row r="800217" spans="14:14">
      <c r="N800217" s="10"/>
    </row>
    <row r="800218" spans="14:14">
      <c r="N800218" s="10"/>
    </row>
    <row r="800219" spans="14:14">
      <c r="N800219" s="10"/>
    </row>
    <row r="800220" spans="14:14">
      <c r="N800220" s="10"/>
    </row>
    <row r="800221" spans="14:14">
      <c r="N800221" s="10"/>
    </row>
    <row r="800222" spans="14:14">
      <c r="N800222" s="10"/>
    </row>
    <row r="800223" spans="14:14">
      <c r="N800223" s="10"/>
    </row>
    <row r="800224" spans="14:14">
      <c r="N800224" s="10"/>
    </row>
    <row r="800225" spans="14:14">
      <c r="N800225" s="10"/>
    </row>
    <row r="800226" spans="14:14">
      <c r="N800226" s="10"/>
    </row>
    <row r="800227" spans="14:14">
      <c r="N800227" s="10"/>
    </row>
    <row r="800228" spans="14:14">
      <c r="N800228" s="10"/>
    </row>
    <row r="800229" spans="14:14">
      <c r="N800229" s="10"/>
    </row>
    <row r="800230" spans="14:14">
      <c r="N800230" s="10"/>
    </row>
    <row r="800231" spans="14:14">
      <c r="N800231" s="10"/>
    </row>
    <row r="800232" spans="14:14">
      <c r="N800232" s="10"/>
    </row>
    <row r="800233" spans="14:14">
      <c r="N800233" s="10"/>
    </row>
    <row r="800234" spans="14:14">
      <c r="N800234" s="10"/>
    </row>
    <row r="800235" spans="14:14">
      <c r="N800235" s="10"/>
    </row>
    <row r="800236" spans="14:14">
      <c r="N800236" s="10"/>
    </row>
    <row r="800237" spans="14:14">
      <c r="N800237" s="10"/>
    </row>
    <row r="800238" spans="14:14">
      <c r="N800238" s="10"/>
    </row>
    <row r="800239" spans="14:14">
      <c r="N800239" s="10"/>
    </row>
    <row r="800240" spans="14:14">
      <c r="N800240" s="10"/>
    </row>
    <row r="800241" spans="14:14">
      <c r="N800241" s="10"/>
    </row>
    <row r="800242" spans="14:14">
      <c r="N800242" s="10"/>
    </row>
    <row r="800243" spans="14:14">
      <c r="N800243" s="10"/>
    </row>
    <row r="800244" spans="14:14">
      <c r="N800244" s="10"/>
    </row>
    <row r="800245" spans="14:14">
      <c r="N800245" s="10"/>
    </row>
    <row r="800246" spans="14:14">
      <c r="N800246" s="10"/>
    </row>
    <row r="800247" spans="14:14">
      <c r="N800247" s="10"/>
    </row>
    <row r="800248" spans="14:14">
      <c r="N800248" s="10"/>
    </row>
    <row r="800249" spans="14:14">
      <c r="N800249" s="10"/>
    </row>
    <row r="800250" spans="14:14">
      <c r="N800250" s="10"/>
    </row>
    <row r="800251" spans="14:14">
      <c r="N800251" s="10"/>
    </row>
    <row r="800252" spans="14:14">
      <c r="N800252" s="10"/>
    </row>
    <row r="800253" spans="14:14">
      <c r="N800253" s="10"/>
    </row>
    <row r="800254" spans="14:14">
      <c r="N800254" s="10"/>
    </row>
    <row r="800255" spans="14:14">
      <c r="N800255" s="10"/>
    </row>
    <row r="800256" spans="14:14">
      <c r="N800256" s="10"/>
    </row>
    <row r="800257" spans="14:14">
      <c r="N800257" s="10"/>
    </row>
    <row r="800258" spans="14:14">
      <c r="N800258" s="10"/>
    </row>
    <row r="800259" spans="14:14">
      <c r="N800259" s="10"/>
    </row>
    <row r="800260" spans="14:14">
      <c r="N800260" s="10"/>
    </row>
    <row r="800261" spans="14:14">
      <c r="N800261" s="10"/>
    </row>
    <row r="800262" spans="14:14">
      <c r="N800262" s="10"/>
    </row>
    <row r="800263" spans="14:14">
      <c r="N800263" s="10"/>
    </row>
    <row r="800264" spans="14:14">
      <c r="N800264" s="10"/>
    </row>
    <row r="800265" spans="14:14">
      <c r="N800265" s="10"/>
    </row>
    <row r="800266" spans="14:14">
      <c r="N800266" s="10"/>
    </row>
    <row r="800267" spans="14:14">
      <c r="N800267" s="10"/>
    </row>
    <row r="800268" spans="14:14">
      <c r="N800268" s="10"/>
    </row>
    <row r="800269" spans="14:14">
      <c r="N800269" s="10"/>
    </row>
    <row r="800270" spans="14:14">
      <c r="N800270" s="10"/>
    </row>
    <row r="800271" spans="14:14">
      <c r="N800271" s="10"/>
    </row>
    <row r="800272" spans="14:14">
      <c r="N800272" s="10"/>
    </row>
    <row r="800273" spans="14:14">
      <c r="N800273" s="10"/>
    </row>
    <row r="800274" spans="14:14">
      <c r="N800274" s="10"/>
    </row>
    <row r="800275" spans="14:14">
      <c r="N800275" s="10"/>
    </row>
    <row r="800276" spans="14:14">
      <c r="N800276" s="10"/>
    </row>
    <row r="800277" spans="14:14">
      <c r="N800277" s="10"/>
    </row>
    <row r="800278" spans="14:14">
      <c r="N800278" s="10"/>
    </row>
    <row r="800279" spans="14:14">
      <c r="N800279" s="10"/>
    </row>
    <row r="800280" spans="14:14">
      <c r="N800280" s="10"/>
    </row>
    <row r="800281" spans="14:14">
      <c r="N800281" s="10"/>
    </row>
    <row r="800282" spans="14:14">
      <c r="N800282" s="10"/>
    </row>
    <row r="800283" spans="14:14">
      <c r="N800283" s="10"/>
    </row>
    <row r="800284" spans="14:14">
      <c r="N800284" s="10"/>
    </row>
    <row r="800285" spans="14:14">
      <c r="N800285" s="10"/>
    </row>
    <row r="800286" spans="14:14">
      <c r="N800286" s="10"/>
    </row>
    <row r="800287" spans="14:14">
      <c r="N800287" s="10"/>
    </row>
    <row r="800288" spans="14:14">
      <c r="N800288" s="10"/>
    </row>
    <row r="800289" spans="14:14">
      <c r="N800289" s="10"/>
    </row>
    <row r="800290" spans="14:14">
      <c r="N800290" s="10"/>
    </row>
    <row r="800291" spans="14:14">
      <c r="N800291" s="10"/>
    </row>
    <row r="800292" spans="14:14">
      <c r="N800292" s="10"/>
    </row>
    <row r="800293" spans="14:14">
      <c r="N800293" s="10"/>
    </row>
    <row r="800294" spans="14:14">
      <c r="N800294" s="10"/>
    </row>
    <row r="800295" spans="14:14">
      <c r="N800295" s="10"/>
    </row>
    <row r="800296" spans="14:14">
      <c r="N800296" s="10"/>
    </row>
    <row r="800297" spans="14:14">
      <c r="N800297" s="10"/>
    </row>
    <row r="800298" spans="14:14">
      <c r="N800298" s="10"/>
    </row>
    <row r="800299" spans="14:14">
      <c r="N800299" s="10"/>
    </row>
    <row r="800300" spans="14:14">
      <c r="N800300" s="10"/>
    </row>
    <row r="800301" spans="14:14">
      <c r="N800301" s="10"/>
    </row>
    <row r="800302" spans="14:14">
      <c r="N800302" s="10"/>
    </row>
    <row r="800303" spans="14:14">
      <c r="N800303" s="10"/>
    </row>
    <row r="800304" spans="14:14">
      <c r="N800304" s="10"/>
    </row>
    <row r="800305" spans="14:14">
      <c r="N800305" s="10"/>
    </row>
    <row r="800306" spans="14:14">
      <c r="N800306" s="10"/>
    </row>
    <row r="800307" spans="14:14">
      <c r="N800307" s="10"/>
    </row>
    <row r="800308" spans="14:14">
      <c r="N800308" s="10"/>
    </row>
    <row r="800309" spans="14:14">
      <c r="N800309" s="10"/>
    </row>
    <row r="800310" spans="14:14">
      <c r="N800310" s="10"/>
    </row>
    <row r="800311" spans="14:14">
      <c r="N800311" s="10"/>
    </row>
    <row r="800312" spans="14:14">
      <c r="N800312" s="10"/>
    </row>
    <row r="800313" spans="14:14">
      <c r="N800313" s="10"/>
    </row>
    <row r="800314" spans="14:14">
      <c r="N800314" s="10"/>
    </row>
    <row r="800315" spans="14:14">
      <c r="N800315" s="10"/>
    </row>
    <row r="800316" spans="14:14">
      <c r="N800316" s="10"/>
    </row>
    <row r="800317" spans="14:14">
      <c r="N800317" s="10"/>
    </row>
    <row r="800318" spans="14:14">
      <c r="N800318" s="10"/>
    </row>
    <row r="800319" spans="14:14">
      <c r="N800319" s="10"/>
    </row>
    <row r="800320" spans="14:14">
      <c r="N800320" s="10"/>
    </row>
    <row r="800321" spans="14:14">
      <c r="N800321" s="10"/>
    </row>
    <row r="800322" spans="14:14">
      <c r="N800322" s="10"/>
    </row>
    <row r="800323" spans="14:14">
      <c r="N800323" s="10"/>
    </row>
    <row r="800324" spans="14:14">
      <c r="N800324" s="10"/>
    </row>
    <row r="800325" spans="14:14">
      <c r="N800325" s="10"/>
    </row>
    <row r="800326" spans="14:14">
      <c r="N800326" s="10"/>
    </row>
    <row r="800327" spans="14:14">
      <c r="N800327" s="10"/>
    </row>
    <row r="800328" spans="14:14">
      <c r="N800328" s="10"/>
    </row>
    <row r="800329" spans="14:14">
      <c r="N800329" s="10"/>
    </row>
    <row r="800330" spans="14:14">
      <c r="N800330" s="10"/>
    </row>
    <row r="800331" spans="14:14">
      <c r="N800331" s="10"/>
    </row>
    <row r="800332" spans="14:14">
      <c r="N800332" s="10"/>
    </row>
    <row r="800333" spans="14:14">
      <c r="N800333" s="10"/>
    </row>
    <row r="800334" spans="14:14">
      <c r="N800334" s="10"/>
    </row>
    <row r="800335" spans="14:14">
      <c r="N800335" s="10"/>
    </row>
    <row r="800336" spans="14:14">
      <c r="N800336" s="10"/>
    </row>
    <row r="800337" spans="14:14">
      <c r="N800337" s="10"/>
    </row>
    <row r="800338" spans="14:14">
      <c r="N800338" s="10"/>
    </row>
    <row r="800339" spans="14:14">
      <c r="N800339" s="10"/>
    </row>
    <row r="800340" spans="14:14">
      <c r="N800340" s="10"/>
    </row>
    <row r="800341" spans="14:14">
      <c r="N800341" s="10"/>
    </row>
    <row r="800342" spans="14:14">
      <c r="N800342" s="10"/>
    </row>
    <row r="800343" spans="14:14">
      <c r="N800343" s="10"/>
    </row>
    <row r="800344" spans="14:14">
      <c r="N800344" s="10"/>
    </row>
    <row r="800345" spans="14:14">
      <c r="N800345" s="10"/>
    </row>
    <row r="800346" spans="14:14">
      <c r="N800346" s="10"/>
    </row>
    <row r="800347" spans="14:14">
      <c r="N800347" s="10"/>
    </row>
    <row r="800348" spans="14:14">
      <c r="N800348" s="10"/>
    </row>
    <row r="800349" spans="14:14">
      <c r="N800349" s="10"/>
    </row>
    <row r="800350" spans="14:14">
      <c r="N800350" s="10"/>
    </row>
    <row r="800351" spans="14:14">
      <c r="N800351" s="10"/>
    </row>
    <row r="800352" spans="14:14">
      <c r="N800352" s="10"/>
    </row>
    <row r="800353" spans="14:14">
      <c r="N800353" s="10"/>
    </row>
    <row r="800354" spans="14:14">
      <c r="N800354" s="10"/>
    </row>
    <row r="800355" spans="14:14">
      <c r="N800355" s="10"/>
    </row>
    <row r="800356" spans="14:14">
      <c r="N800356" s="10"/>
    </row>
    <row r="800357" spans="14:14">
      <c r="N800357" s="10"/>
    </row>
    <row r="800358" spans="14:14">
      <c r="N800358" s="10"/>
    </row>
    <row r="800359" spans="14:14">
      <c r="N800359" s="10"/>
    </row>
    <row r="800360" spans="14:14">
      <c r="N800360" s="10"/>
    </row>
    <row r="800361" spans="14:14">
      <c r="N800361" s="10"/>
    </row>
    <row r="800362" spans="14:14">
      <c r="N800362" s="10"/>
    </row>
    <row r="800363" spans="14:14">
      <c r="N800363" s="10"/>
    </row>
    <row r="800364" spans="14:14">
      <c r="N800364" s="10"/>
    </row>
    <row r="800365" spans="14:14">
      <c r="N800365" s="10"/>
    </row>
    <row r="800366" spans="14:14">
      <c r="N800366" s="10"/>
    </row>
    <row r="800367" spans="14:14">
      <c r="N800367" s="10"/>
    </row>
    <row r="800368" spans="14:14">
      <c r="N800368" s="10"/>
    </row>
    <row r="800369" spans="14:14">
      <c r="N800369" s="10"/>
    </row>
    <row r="800370" spans="14:14">
      <c r="N800370" s="10"/>
    </row>
    <row r="800371" spans="14:14">
      <c r="N800371" s="10"/>
    </row>
    <row r="800372" spans="14:14">
      <c r="N800372" s="10"/>
    </row>
    <row r="800373" spans="14:14">
      <c r="N800373" s="10"/>
    </row>
    <row r="800374" spans="14:14">
      <c r="N800374" s="10"/>
    </row>
    <row r="800375" spans="14:14">
      <c r="N800375" s="10"/>
    </row>
    <row r="800376" spans="14:14">
      <c r="N800376" s="10"/>
    </row>
    <row r="800377" spans="14:14">
      <c r="N800377" s="10"/>
    </row>
    <row r="800378" spans="14:14">
      <c r="N800378" s="10"/>
    </row>
    <row r="800379" spans="14:14">
      <c r="N800379" s="10"/>
    </row>
    <row r="800380" spans="14:14">
      <c r="N800380" s="10"/>
    </row>
    <row r="800381" spans="14:14">
      <c r="N800381" s="10"/>
    </row>
    <row r="800382" spans="14:14">
      <c r="N800382" s="10"/>
    </row>
    <row r="800383" spans="14:14">
      <c r="N800383" s="10"/>
    </row>
    <row r="800384" spans="14:14">
      <c r="N800384" s="10"/>
    </row>
    <row r="800385" spans="14:14">
      <c r="N800385" s="10"/>
    </row>
    <row r="800386" spans="14:14">
      <c r="N800386" s="10"/>
    </row>
    <row r="800387" spans="14:14">
      <c r="N800387" s="10"/>
    </row>
    <row r="800388" spans="14:14">
      <c r="N800388" s="10"/>
    </row>
    <row r="800389" spans="14:14">
      <c r="N800389" s="10"/>
    </row>
    <row r="800390" spans="14:14">
      <c r="N800390" s="10"/>
    </row>
    <row r="800391" spans="14:14">
      <c r="N800391" s="10"/>
    </row>
    <row r="800392" spans="14:14">
      <c r="N800392" s="10"/>
    </row>
    <row r="800393" spans="14:14">
      <c r="N800393" s="10"/>
    </row>
    <row r="800394" spans="14:14">
      <c r="N800394" s="10"/>
    </row>
    <row r="800395" spans="14:14">
      <c r="N800395" s="10"/>
    </row>
    <row r="800396" spans="14:14">
      <c r="N800396" s="10"/>
    </row>
    <row r="800397" spans="14:14">
      <c r="N800397" s="10"/>
    </row>
    <row r="800398" spans="14:14">
      <c r="N800398" s="10"/>
    </row>
    <row r="800399" spans="14:14">
      <c r="N800399" s="10"/>
    </row>
    <row r="800400" spans="14:14">
      <c r="N800400" s="10"/>
    </row>
    <row r="800401" spans="14:14">
      <c r="N800401" s="10"/>
    </row>
    <row r="800402" spans="14:14">
      <c r="N800402" s="10"/>
    </row>
    <row r="800403" spans="14:14">
      <c r="N800403" s="10"/>
    </row>
    <row r="800404" spans="14:14">
      <c r="N800404" s="10"/>
    </row>
    <row r="800405" spans="14:14">
      <c r="N800405" s="10"/>
    </row>
    <row r="800406" spans="14:14">
      <c r="N800406" s="10"/>
    </row>
    <row r="800407" spans="14:14">
      <c r="N800407" s="10"/>
    </row>
    <row r="800408" spans="14:14">
      <c r="N800408" s="10"/>
    </row>
    <row r="800409" spans="14:14">
      <c r="N800409" s="10"/>
    </row>
    <row r="800410" spans="14:14">
      <c r="N800410" s="10"/>
    </row>
    <row r="800411" spans="14:14">
      <c r="N800411" s="10"/>
    </row>
    <row r="800412" spans="14:14">
      <c r="N800412" s="10"/>
    </row>
    <row r="800413" spans="14:14">
      <c r="N800413" s="10"/>
    </row>
    <row r="800414" spans="14:14">
      <c r="N800414" s="10"/>
    </row>
    <row r="800415" spans="14:14">
      <c r="N800415" s="10"/>
    </row>
    <row r="800416" spans="14:14">
      <c r="N800416" s="10"/>
    </row>
    <row r="800417" spans="14:14">
      <c r="N800417" s="10"/>
    </row>
    <row r="800418" spans="14:14">
      <c r="N800418" s="10"/>
    </row>
    <row r="800419" spans="14:14">
      <c r="N800419" s="10"/>
    </row>
    <row r="800420" spans="14:14">
      <c r="N800420" s="10"/>
    </row>
    <row r="800421" spans="14:14">
      <c r="N800421" s="10"/>
    </row>
    <row r="800422" spans="14:14">
      <c r="N800422" s="10"/>
    </row>
    <row r="800423" spans="14:14">
      <c r="N800423" s="10"/>
    </row>
    <row r="800424" spans="14:14">
      <c r="N800424" s="10"/>
    </row>
    <row r="800425" spans="14:14">
      <c r="N800425" s="10"/>
    </row>
    <row r="800426" spans="14:14">
      <c r="N800426" s="10"/>
    </row>
    <row r="800427" spans="14:14">
      <c r="N800427" s="10"/>
    </row>
    <row r="800428" spans="14:14">
      <c r="N800428" s="10"/>
    </row>
    <row r="800429" spans="14:14">
      <c r="N800429" s="10"/>
    </row>
    <row r="800430" spans="14:14">
      <c r="N800430" s="10"/>
    </row>
    <row r="800431" spans="14:14">
      <c r="N800431" s="10"/>
    </row>
    <row r="800432" spans="14:14">
      <c r="N800432" s="10"/>
    </row>
    <row r="800433" spans="14:14">
      <c r="N800433" s="10"/>
    </row>
    <row r="800434" spans="14:14">
      <c r="N800434" s="10"/>
    </row>
    <row r="800435" spans="14:14">
      <c r="N800435" s="10"/>
    </row>
    <row r="800436" spans="14:14">
      <c r="N800436" s="10"/>
    </row>
    <row r="800437" spans="14:14">
      <c r="N800437" s="10"/>
    </row>
    <row r="800438" spans="14:14">
      <c r="N800438" s="10"/>
    </row>
    <row r="800439" spans="14:14">
      <c r="N800439" s="10"/>
    </row>
    <row r="800440" spans="14:14">
      <c r="N800440" s="10"/>
    </row>
    <row r="800441" spans="14:14">
      <c r="N800441" s="10"/>
    </row>
    <row r="800442" spans="14:14">
      <c r="N800442" s="10"/>
    </row>
    <row r="800443" spans="14:14">
      <c r="N800443" s="10"/>
    </row>
    <row r="800444" spans="14:14">
      <c r="N800444" s="10"/>
    </row>
    <row r="800445" spans="14:14">
      <c r="N800445" s="10"/>
    </row>
    <row r="800446" spans="14:14">
      <c r="N800446" s="10"/>
    </row>
    <row r="800447" spans="14:14">
      <c r="N800447" s="10"/>
    </row>
    <row r="800448" spans="14:14">
      <c r="N800448" s="10"/>
    </row>
    <row r="800449" spans="14:14">
      <c r="N800449" s="10"/>
    </row>
    <row r="800450" spans="14:14">
      <c r="N800450" s="10"/>
    </row>
    <row r="800451" spans="14:14">
      <c r="N800451" s="10"/>
    </row>
    <row r="800452" spans="14:14">
      <c r="N800452" s="10"/>
    </row>
    <row r="800453" spans="14:14">
      <c r="N800453" s="10"/>
    </row>
    <row r="800454" spans="14:14">
      <c r="N800454" s="10"/>
    </row>
    <row r="800455" spans="14:14">
      <c r="N800455" s="10"/>
    </row>
    <row r="800456" spans="14:14">
      <c r="N800456" s="10"/>
    </row>
    <row r="800457" spans="14:14">
      <c r="N800457" s="10"/>
    </row>
    <row r="800458" spans="14:14">
      <c r="N800458" s="10"/>
    </row>
    <row r="800459" spans="14:14">
      <c r="N800459" s="10"/>
    </row>
    <row r="800460" spans="14:14">
      <c r="N800460" s="10"/>
    </row>
    <row r="800461" spans="14:14">
      <c r="N800461" s="10"/>
    </row>
    <row r="800462" spans="14:14">
      <c r="N800462" s="10"/>
    </row>
    <row r="800463" spans="14:14">
      <c r="N800463" s="10"/>
    </row>
    <row r="800464" spans="14:14">
      <c r="N800464" s="10"/>
    </row>
    <row r="800465" spans="14:14">
      <c r="N800465" s="10"/>
    </row>
    <row r="800466" spans="14:14">
      <c r="N800466" s="10"/>
    </row>
    <row r="800467" spans="14:14">
      <c r="N800467" s="10"/>
    </row>
    <row r="800468" spans="14:14">
      <c r="N800468" s="10"/>
    </row>
    <row r="800469" spans="14:14">
      <c r="N800469" s="10"/>
    </row>
    <row r="800470" spans="14:14">
      <c r="N800470" s="10"/>
    </row>
    <row r="800471" spans="14:14">
      <c r="N800471" s="10"/>
    </row>
    <row r="800472" spans="14:14">
      <c r="N800472" s="10"/>
    </row>
    <row r="800473" spans="14:14">
      <c r="N800473" s="10"/>
    </row>
    <row r="800474" spans="14:14">
      <c r="N800474" s="10"/>
    </row>
    <row r="800475" spans="14:14">
      <c r="N800475" s="10"/>
    </row>
    <row r="800476" spans="14:14">
      <c r="N800476" s="10"/>
    </row>
    <row r="800477" spans="14:14">
      <c r="N800477" s="10"/>
    </row>
    <row r="800478" spans="14:14">
      <c r="N800478" s="10"/>
    </row>
    <row r="800479" spans="14:14">
      <c r="N800479" s="10"/>
    </row>
    <row r="800480" spans="14:14">
      <c r="N800480" s="10"/>
    </row>
    <row r="800481" spans="14:14">
      <c r="N800481" s="10"/>
    </row>
    <row r="800482" spans="14:14">
      <c r="N800482" s="10"/>
    </row>
    <row r="800483" spans="14:14">
      <c r="N800483" s="10"/>
    </row>
    <row r="800484" spans="14:14">
      <c r="N800484" s="10"/>
    </row>
    <row r="800485" spans="14:14">
      <c r="N800485" s="10"/>
    </row>
    <row r="800486" spans="14:14">
      <c r="N800486" s="10"/>
    </row>
    <row r="800487" spans="14:14">
      <c r="N800487" s="10"/>
    </row>
    <row r="800488" spans="14:14">
      <c r="N800488" s="10"/>
    </row>
    <row r="800489" spans="14:14">
      <c r="N800489" s="10"/>
    </row>
    <row r="800490" spans="14:14">
      <c r="N800490" s="10"/>
    </row>
    <row r="800491" spans="14:14">
      <c r="N800491" s="10"/>
    </row>
    <row r="800492" spans="14:14">
      <c r="N800492" s="10"/>
    </row>
    <row r="800493" spans="14:14">
      <c r="N800493" s="10"/>
    </row>
    <row r="800494" spans="14:14">
      <c r="N800494" s="10"/>
    </row>
    <row r="800495" spans="14:14">
      <c r="N800495" s="10"/>
    </row>
    <row r="800496" spans="14:14">
      <c r="N800496" s="10"/>
    </row>
    <row r="800497" spans="14:14">
      <c r="N800497" s="10"/>
    </row>
    <row r="800498" spans="14:14">
      <c r="N800498" s="10"/>
    </row>
    <row r="800499" spans="14:14">
      <c r="N800499" s="10"/>
    </row>
    <row r="800500" spans="14:14">
      <c r="N800500" s="10"/>
    </row>
    <row r="800501" spans="14:14">
      <c r="N800501" s="10"/>
    </row>
    <row r="800502" spans="14:14">
      <c r="N800502" s="10"/>
    </row>
    <row r="800503" spans="14:14">
      <c r="N800503" s="10"/>
    </row>
    <row r="800504" spans="14:14">
      <c r="N800504" s="10"/>
    </row>
    <row r="800505" spans="14:14">
      <c r="N800505" s="10"/>
    </row>
    <row r="800506" spans="14:14">
      <c r="N800506" s="10"/>
    </row>
    <row r="800507" spans="14:14">
      <c r="N800507" s="10"/>
    </row>
    <row r="800508" spans="14:14">
      <c r="N800508" s="10"/>
    </row>
    <row r="800509" spans="14:14">
      <c r="N800509" s="10"/>
    </row>
    <row r="800510" spans="14:14">
      <c r="N800510" s="10"/>
    </row>
    <row r="800511" spans="14:14">
      <c r="N800511" s="10"/>
    </row>
    <row r="800512" spans="14:14">
      <c r="N800512" s="10"/>
    </row>
    <row r="800513" spans="14:14">
      <c r="N800513" s="10"/>
    </row>
    <row r="800514" spans="14:14">
      <c r="N800514" s="10"/>
    </row>
    <row r="800515" spans="14:14">
      <c r="N800515" s="10"/>
    </row>
    <row r="800516" spans="14:14">
      <c r="N800516" s="10"/>
    </row>
    <row r="800517" spans="14:14">
      <c r="N800517" s="10"/>
    </row>
    <row r="800518" spans="14:14">
      <c r="N800518" s="10"/>
    </row>
    <row r="800519" spans="14:14">
      <c r="N800519" s="10"/>
    </row>
    <row r="800520" spans="14:14">
      <c r="N800520" s="10"/>
    </row>
    <row r="800521" spans="14:14">
      <c r="N800521" s="10"/>
    </row>
    <row r="800522" spans="14:14">
      <c r="N800522" s="10"/>
    </row>
    <row r="800523" spans="14:14">
      <c r="N800523" s="10"/>
    </row>
    <row r="800524" spans="14:14">
      <c r="N800524" s="10"/>
    </row>
    <row r="800525" spans="14:14">
      <c r="N800525" s="10"/>
    </row>
    <row r="800526" spans="14:14">
      <c r="N800526" s="10"/>
    </row>
    <row r="800527" spans="14:14">
      <c r="N800527" s="10"/>
    </row>
    <row r="800528" spans="14:14">
      <c r="N800528" s="10"/>
    </row>
    <row r="800529" spans="14:14">
      <c r="N800529" s="10"/>
    </row>
    <row r="800530" spans="14:14">
      <c r="N800530" s="10"/>
    </row>
    <row r="800531" spans="14:14">
      <c r="N800531" s="10"/>
    </row>
    <row r="800532" spans="14:14">
      <c r="N800532" s="10"/>
    </row>
    <row r="800533" spans="14:14">
      <c r="N800533" s="10"/>
    </row>
    <row r="800534" spans="14:14">
      <c r="N800534" s="10"/>
    </row>
    <row r="800535" spans="14:14">
      <c r="N800535" s="10"/>
    </row>
    <row r="800536" spans="14:14">
      <c r="N800536" s="10"/>
    </row>
    <row r="800537" spans="14:14">
      <c r="N800537" s="10"/>
    </row>
    <row r="800538" spans="14:14">
      <c r="N800538" s="10"/>
    </row>
    <row r="800539" spans="14:14">
      <c r="N800539" s="10"/>
    </row>
    <row r="800540" spans="14:14">
      <c r="N800540" s="10"/>
    </row>
    <row r="800541" spans="14:14">
      <c r="N800541" s="10"/>
    </row>
    <row r="800542" spans="14:14">
      <c r="N800542" s="10"/>
    </row>
    <row r="800543" spans="14:14">
      <c r="N800543" s="10"/>
    </row>
    <row r="800544" spans="14:14">
      <c r="N800544" s="10"/>
    </row>
    <row r="800545" spans="14:14">
      <c r="N800545" s="10"/>
    </row>
    <row r="800546" spans="14:14">
      <c r="N800546" s="10"/>
    </row>
    <row r="800547" spans="14:14">
      <c r="N800547" s="10"/>
    </row>
    <row r="800548" spans="14:14">
      <c r="N800548" s="10"/>
    </row>
    <row r="800549" spans="14:14">
      <c r="N800549" s="10"/>
    </row>
    <row r="800550" spans="14:14">
      <c r="N800550" s="10"/>
    </row>
    <row r="800551" spans="14:14">
      <c r="N800551" s="10"/>
    </row>
    <row r="800552" spans="14:14">
      <c r="N800552" s="10"/>
    </row>
    <row r="800553" spans="14:14">
      <c r="N800553" s="10"/>
    </row>
    <row r="800554" spans="14:14">
      <c r="N800554" s="10"/>
    </row>
    <row r="800555" spans="14:14">
      <c r="N800555" s="10"/>
    </row>
    <row r="800556" spans="14:14">
      <c r="N800556" s="10"/>
    </row>
    <row r="800557" spans="14:14">
      <c r="N800557" s="10"/>
    </row>
    <row r="800558" spans="14:14">
      <c r="N800558" s="10"/>
    </row>
    <row r="800559" spans="14:14">
      <c r="N800559" s="10"/>
    </row>
    <row r="800560" spans="14:14">
      <c r="N800560" s="10"/>
    </row>
    <row r="800561" spans="14:14">
      <c r="N800561" s="10"/>
    </row>
    <row r="800562" spans="14:14">
      <c r="N800562" s="10"/>
    </row>
    <row r="800563" spans="14:14">
      <c r="N800563" s="10"/>
    </row>
    <row r="800564" spans="14:14">
      <c r="N800564" s="10"/>
    </row>
    <row r="800565" spans="14:14">
      <c r="N800565" s="10"/>
    </row>
    <row r="800566" spans="14:14">
      <c r="N800566" s="10"/>
    </row>
    <row r="800567" spans="14:14">
      <c r="N800567" s="10"/>
    </row>
    <row r="800568" spans="14:14">
      <c r="N800568" s="10"/>
    </row>
    <row r="800569" spans="14:14">
      <c r="N800569" s="10"/>
    </row>
    <row r="800570" spans="14:14">
      <c r="N800570" s="10"/>
    </row>
    <row r="800571" spans="14:14">
      <c r="N800571" s="10"/>
    </row>
    <row r="800572" spans="14:14">
      <c r="N800572" s="10"/>
    </row>
    <row r="800573" spans="14:14">
      <c r="N800573" s="10"/>
    </row>
    <row r="800574" spans="14:14">
      <c r="N800574" s="10"/>
    </row>
    <row r="800575" spans="14:14">
      <c r="N800575" s="10"/>
    </row>
    <row r="800576" spans="14:14">
      <c r="N800576" s="10"/>
    </row>
    <row r="800577" spans="14:14">
      <c r="N800577" s="10"/>
    </row>
    <row r="800578" spans="14:14">
      <c r="N800578" s="10"/>
    </row>
    <row r="800579" spans="14:14">
      <c r="N800579" s="10"/>
    </row>
    <row r="800580" spans="14:14">
      <c r="N800580" s="10"/>
    </row>
    <row r="800581" spans="14:14">
      <c r="N800581" s="10"/>
    </row>
    <row r="800582" spans="14:14">
      <c r="N800582" s="10"/>
    </row>
    <row r="800583" spans="14:14">
      <c r="N800583" s="10"/>
    </row>
    <row r="800584" spans="14:14">
      <c r="N800584" s="10"/>
    </row>
    <row r="800585" spans="14:14">
      <c r="N800585" s="10"/>
    </row>
    <row r="800586" spans="14:14">
      <c r="N800586" s="10"/>
    </row>
    <row r="800587" spans="14:14">
      <c r="N800587" s="10"/>
    </row>
    <row r="800588" spans="14:14">
      <c r="N800588" s="10"/>
    </row>
    <row r="800589" spans="14:14">
      <c r="N800589" s="10"/>
    </row>
    <row r="800590" spans="14:14">
      <c r="N800590" s="10"/>
    </row>
    <row r="800591" spans="14:14">
      <c r="N800591" s="10"/>
    </row>
    <row r="800592" spans="14:14">
      <c r="N800592" s="10"/>
    </row>
    <row r="800593" spans="14:14">
      <c r="N800593" s="10"/>
    </row>
    <row r="800594" spans="14:14">
      <c r="N800594" s="10"/>
    </row>
    <row r="800595" spans="14:14">
      <c r="N800595" s="10"/>
    </row>
    <row r="800596" spans="14:14">
      <c r="N800596" s="10"/>
    </row>
    <row r="800597" spans="14:14">
      <c r="N800597" s="10"/>
    </row>
    <row r="800598" spans="14:14">
      <c r="N800598" s="10"/>
    </row>
    <row r="800599" spans="14:14">
      <c r="N800599" s="10"/>
    </row>
    <row r="800600" spans="14:14">
      <c r="N800600" s="10"/>
    </row>
    <row r="800601" spans="14:14">
      <c r="N800601" s="10"/>
    </row>
    <row r="800602" spans="14:14">
      <c r="N800602" s="10"/>
    </row>
    <row r="800603" spans="14:14">
      <c r="N800603" s="10"/>
    </row>
    <row r="800604" spans="14:14">
      <c r="N800604" s="10"/>
    </row>
    <row r="800605" spans="14:14">
      <c r="N800605" s="10"/>
    </row>
    <row r="800606" spans="14:14">
      <c r="N800606" s="10"/>
    </row>
    <row r="800607" spans="14:14">
      <c r="N800607" s="10"/>
    </row>
    <row r="800608" spans="14:14">
      <c r="N800608" s="10"/>
    </row>
    <row r="800609" spans="14:14">
      <c r="N800609" s="10"/>
    </row>
    <row r="800610" spans="14:14">
      <c r="N800610" s="10"/>
    </row>
    <row r="800611" spans="14:14">
      <c r="N800611" s="10"/>
    </row>
    <row r="800612" spans="14:14">
      <c r="N800612" s="10"/>
    </row>
    <row r="800613" spans="14:14">
      <c r="N800613" s="10"/>
    </row>
    <row r="800614" spans="14:14">
      <c r="N800614" s="10"/>
    </row>
    <row r="800615" spans="14:14">
      <c r="N800615" s="10"/>
    </row>
    <row r="800616" spans="14:14">
      <c r="N800616" s="10"/>
    </row>
    <row r="800617" spans="14:14">
      <c r="N800617" s="10"/>
    </row>
    <row r="800618" spans="14:14">
      <c r="N800618" s="10"/>
    </row>
    <row r="800619" spans="14:14">
      <c r="N800619" s="10"/>
    </row>
    <row r="800620" spans="14:14">
      <c r="N800620" s="10"/>
    </row>
    <row r="800621" spans="14:14">
      <c r="N800621" s="10"/>
    </row>
    <row r="800622" spans="14:14">
      <c r="N800622" s="10"/>
    </row>
    <row r="800623" spans="14:14">
      <c r="N800623" s="10"/>
    </row>
    <row r="800624" spans="14:14">
      <c r="N800624" s="10"/>
    </row>
    <row r="800625" spans="14:14">
      <c r="N800625" s="10"/>
    </row>
    <row r="800626" spans="14:14">
      <c r="N800626" s="10"/>
    </row>
    <row r="800627" spans="14:14">
      <c r="N800627" s="10"/>
    </row>
    <row r="800628" spans="14:14">
      <c r="N800628" s="10"/>
    </row>
    <row r="800629" spans="14:14">
      <c r="N800629" s="10"/>
    </row>
    <row r="800630" spans="14:14">
      <c r="N800630" s="10"/>
    </row>
    <row r="800631" spans="14:14">
      <c r="N800631" s="10"/>
    </row>
    <row r="800632" spans="14:14">
      <c r="N800632" s="10"/>
    </row>
    <row r="800633" spans="14:14">
      <c r="N800633" s="10"/>
    </row>
    <row r="800634" spans="14:14">
      <c r="N800634" s="10"/>
    </row>
    <row r="800635" spans="14:14">
      <c r="N800635" s="10"/>
    </row>
    <row r="800636" spans="14:14">
      <c r="N800636" s="10"/>
    </row>
    <row r="800637" spans="14:14">
      <c r="N800637" s="10"/>
    </row>
    <row r="800638" spans="14:14">
      <c r="N800638" s="10"/>
    </row>
    <row r="800639" spans="14:14">
      <c r="N800639" s="10"/>
    </row>
    <row r="800640" spans="14:14">
      <c r="N800640" s="10"/>
    </row>
    <row r="800641" spans="14:14">
      <c r="N800641" s="10"/>
    </row>
    <row r="800642" spans="14:14">
      <c r="N800642" s="10"/>
    </row>
    <row r="800643" spans="14:14">
      <c r="N800643" s="10"/>
    </row>
    <row r="800644" spans="14:14">
      <c r="N800644" s="10"/>
    </row>
    <row r="800645" spans="14:14">
      <c r="N800645" s="10"/>
    </row>
    <row r="800646" spans="14:14">
      <c r="N800646" s="10"/>
    </row>
    <row r="800647" spans="14:14">
      <c r="N800647" s="10"/>
    </row>
    <row r="800648" spans="14:14">
      <c r="N800648" s="10"/>
    </row>
    <row r="800649" spans="14:14">
      <c r="N800649" s="10"/>
    </row>
    <row r="800650" spans="14:14">
      <c r="N800650" s="10"/>
    </row>
    <row r="800651" spans="14:14">
      <c r="N800651" s="10"/>
    </row>
    <row r="800652" spans="14:14">
      <c r="N800652" s="10"/>
    </row>
    <row r="800653" spans="14:14">
      <c r="N800653" s="10"/>
    </row>
    <row r="800654" spans="14:14">
      <c r="N800654" s="10"/>
    </row>
    <row r="800655" spans="14:14">
      <c r="N800655" s="10"/>
    </row>
    <row r="800656" spans="14:14">
      <c r="N800656" s="10"/>
    </row>
    <row r="800657" spans="14:14">
      <c r="N800657" s="10"/>
    </row>
    <row r="800658" spans="14:14">
      <c r="N800658" s="10"/>
    </row>
    <row r="800659" spans="14:14">
      <c r="N800659" s="10"/>
    </row>
    <row r="800660" spans="14:14">
      <c r="N800660" s="10"/>
    </row>
    <row r="800661" spans="14:14">
      <c r="N800661" s="10"/>
    </row>
    <row r="800662" spans="14:14">
      <c r="N800662" s="10"/>
    </row>
    <row r="800663" spans="14:14">
      <c r="N800663" s="10"/>
    </row>
    <row r="800664" spans="14:14">
      <c r="N800664" s="10"/>
    </row>
    <row r="800665" spans="14:14">
      <c r="N800665" s="10"/>
    </row>
    <row r="800666" spans="14:14">
      <c r="N800666" s="10"/>
    </row>
    <row r="800667" spans="14:14">
      <c r="N800667" s="10"/>
    </row>
    <row r="800668" spans="14:14">
      <c r="N800668" s="10"/>
    </row>
    <row r="800669" spans="14:14">
      <c r="N800669" s="10"/>
    </row>
    <row r="800670" spans="14:14">
      <c r="N800670" s="10"/>
    </row>
    <row r="800671" spans="14:14">
      <c r="N800671" s="10"/>
    </row>
    <row r="800672" spans="14:14">
      <c r="N800672" s="10"/>
    </row>
    <row r="800673" spans="14:14">
      <c r="N800673" s="10"/>
    </row>
    <row r="800674" spans="14:14">
      <c r="N800674" s="10"/>
    </row>
    <row r="800675" spans="14:14">
      <c r="N800675" s="10"/>
    </row>
    <row r="800676" spans="14:14">
      <c r="N800676" s="10"/>
    </row>
    <row r="800677" spans="14:14">
      <c r="N800677" s="10"/>
    </row>
    <row r="800678" spans="14:14">
      <c r="N800678" s="10"/>
    </row>
    <row r="800679" spans="14:14">
      <c r="N800679" s="10"/>
    </row>
    <row r="800680" spans="14:14">
      <c r="N800680" s="10"/>
    </row>
    <row r="800681" spans="14:14">
      <c r="N800681" s="10"/>
    </row>
    <row r="800682" spans="14:14">
      <c r="N800682" s="10"/>
    </row>
    <row r="800683" spans="14:14">
      <c r="N800683" s="10"/>
    </row>
    <row r="800684" spans="14:14">
      <c r="N800684" s="10"/>
    </row>
    <row r="800685" spans="14:14">
      <c r="N800685" s="10"/>
    </row>
    <row r="800686" spans="14:14">
      <c r="N800686" s="10"/>
    </row>
    <row r="800687" spans="14:14">
      <c r="N800687" s="10"/>
    </row>
    <row r="800688" spans="14:14">
      <c r="N800688" s="10"/>
    </row>
    <row r="800689" spans="14:14">
      <c r="N800689" s="10"/>
    </row>
    <row r="800690" spans="14:14">
      <c r="N800690" s="10"/>
    </row>
    <row r="800691" spans="14:14">
      <c r="N800691" s="10"/>
    </row>
    <row r="800692" spans="14:14">
      <c r="N800692" s="10"/>
    </row>
    <row r="800693" spans="14:14">
      <c r="N800693" s="10"/>
    </row>
    <row r="800694" spans="14:14">
      <c r="N800694" s="10"/>
    </row>
    <row r="800695" spans="14:14">
      <c r="N800695" s="10"/>
    </row>
    <row r="800696" spans="14:14">
      <c r="N800696" s="10"/>
    </row>
    <row r="800697" spans="14:14">
      <c r="N800697" s="10"/>
    </row>
    <row r="800698" spans="14:14">
      <c r="N800698" s="10"/>
    </row>
    <row r="800699" spans="14:14">
      <c r="N800699" s="10"/>
    </row>
    <row r="800700" spans="14:14">
      <c r="N800700" s="10"/>
    </row>
    <row r="800701" spans="14:14">
      <c r="N800701" s="10"/>
    </row>
    <row r="800702" spans="14:14">
      <c r="N800702" s="10"/>
    </row>
    <row r="800703" spans="14:14">
      <c r="N800703" s="10"/>
    </row>
    <row r="800704" spans="14:14">
      <c r="N800704" s="10"/>
    </row>
    <row r="800705" spans="14:14">
      <c r="N800705" s="10"/>
    </row>
    <row r="800706" spans="14:14">
      <c r="N800706" s="10"/>
    </row>
    <row r="800707" spans="14:14">
      <c r="N800707" s="10"/>
    </row>
    <row r="800708" spans="14:14">
      <c r="N800708" s="10"/>
    </row>
    <row r="800709" spans="14:14">
      <c r="N800709" s="10"/>
    </row>
    <row r="800710" spans="14:14">
      <c r="N800710" s="10"/>
    </row>
    <row r="800711" spans="14:14">
      <c r="N800711" s="10"/>
    </row>
    <row r="800712" spans="14:14">
      <c r="N800712" s="10"/>
    </row>
    <row r="800713" spans="14:14">
      <c r="N800713" s="10"/>
    </row>
    <row r="800714" spans="14:14">
      <c r="N800714" s="10"/>
    </row>
    <row r="800715" spans="14:14">
      <c r="N800715" s="10"/>
    </row>
    <row r="800716" spans="14:14">
      <c r="N800716" s="10"/>
    </row>
    <row r="800717" spans="14:14">
      <c r="N800717" s="10"/>
    </row>
    <row r="800718" spans="14:14">
      <c r="N800718" s="10"/>
    </row>
    <row r="800719" spans="14:14">
      <c r="N800719" s="10"/>
    </row>
    <row r="800720" spans="14:14">
      <c r="N800720" s="10"/>
    </row>
    <row r="800721" spans="14:14">
      <c r="N800721" s="10"/>
    </row>
    <row r="800722" spans="14:14">
      <c r="N800722" s="10"/>
    </row>
    <row r="800723" spans="14:14">
      <c r="N800723" s="10"/>
    </row>
    <row r="800724" spans="14:14">
      <c r="N800724" s="10"/>
    </row>
    <row r="800725" spans="14:14">
      <c r="N800725" s="10"/>
    </row>
    <row r="800726" spans="14:14">
      <c r="N800726" s="10"/>
    </row>
    <row r="800727" spans="14:14">
      <c r="N800727" s="10"/>
    </row>
    <row r="800728" spans="14:14">
      <c r="N800728" s="10"/>
    </row>
    <row r="800729" spans="14:14">
      <c r="N800729" s="10"/>
    </row>
    <row r="800730" spans="14:14">
      <c r="N800730" s="10"/>
    </row>
    <row r="800731" spans="14:14">
      <c r="N800731" s="10"/>
    </row>
    <row r="800732" spans="14:14">
      <c r="N800732" s="10"/>
    </row>
    <row r="800733" spans="14:14">
      <c r="N800733" s="10"/>
    </row>
    <row r="800734" spans="14:14">
      <c r="N800734" s="10"/>
    </row>
    <row r="800735" spans="14:14">
      <c r="N800735" s="10"/>
    </row>
    <row r="800736" spans="14:14">
      <c r="N800736" s="10"/>
    </row>
    <row r="800737" spans="14:14">
      <c r="N800737" s="10"/>
    </row>
    <row r="800738" spans="14:14">
      <c r="N800738" s="10"/>
    </row>
    <row r="800739" spans="14:14">
      <c r="N800739" s="10"/>
    </row>
    <row r="800740" spans="14:14">
      <c r="N800740" s="10"/>
    </row>
    <row r="800741" spans="14:14">
      <c r="N800741" s="10"/>
    </row>
    <row r="800742" spans="14:14">
      <c r="N800742" s="10"/>
    </row>
    <row r="800743" spans="14:14">
      <c r="N800743" s="10"/>
    </row>
    <row r="800744" spans="14:14">
      <c r="N800744" s="10"/>
    </row>
    <row r="800745" spans="14:14">
      <c r="N800745" s="10"/>
    </row>
    <row r="800746" spans="14:14">
      <c r="N800746" s="10"/>
    </row>
    <row r="800747" spans="14:14">
      <c r="N800747" s="10"/>
    </row>
    <row r="800748" spans="14:14">
      <c r="N800748" s="10"/>
    </row>
    <row r="800749" spans="14:14">
      <c r="N800749" s="10"/>
    </row>
    <row r="800750" spans="14:14">
      <c r="N800750" s="10"/>
    </row>
    <row r="800751" spans="14:14">
      <c r="N800751" s="10"/>
    </row>
    <row r="800752" spans="14:14">
      <c r="N800752" s="10"/>
    </row>
    <row r="800753" spans="14:14">
      <c r="N800753" s="10"/>
    </row>
    <row r="800754" spans="14:14">
      <c r="N800754" s="10"/>
    </row>
    <row r="800755" spans="14:14">
      <c r="N800755" s="10"/>
    </row>
    <row r="800756" spans="14:14">
      <c r="N800756" s="10"/>
    </row>
    <row r="800757" spans="14:14">
      <c r="N800757" s="10"/>
    </row>
    <row r="800758" spans="14:14">
      <c r="N800758" s="10"/>
    </row>
    <row r="800759" spans="14:14">
      <c r="N800759" s="10"/>
    </row>
    <row r="800760" spans="14:14">
      <c r="N800760" s="10"/>
    </row>
    <row r="800761" spans="14:14">
      <c r="N800761" s="10"/>
    </row>
    <row r="800762" spans="14:14">
      <c r="N800762" s="10"/>
    </row>
    <row r="800763" spans="14:14">
      <c r="N800763" s="10"/>
    </row>
    <row r="800764" spans="14:14">
      <c r="N800764" s="10"/>
    </row>
    <row r="800765" spans="14:14">
      <c r="N800765" s="10"/>
    </row>
    <row r="800766" spans="14:14">
      <c r="N800766" s="10"/>
    </row>
    <row r="800767" spans="14:14">
      <c r="N800767" s="10"/>
    </row>
    <row r="800768" spans="14:14">
      <c r="N800768" s="10"/>
    </row>
    <row r="800769" spans="14:14">
      <c r="N800769" s="10"/>
    </row>
    <row r="800770" spans="14:14">
      <c r="N800770" s="10"/>
    </row>
    <row r="800771" spans="14:14">
      <c r="N800771" s="10"/>
    </row>
    <row r="800772" spans="14:14">
      <c r="N800772" s="10"/>
    </row>
    <row r="800773" spans="14:14">
      <c r="N800773" s="10"/>
    </row>
    <row r="800774" spans="14:14">
      <c r="N800774" s="10"/>
    </row>
    <row r="800775" spans="14:14">
      <c r="N800775" s="10"/>
    </row>
    <row r="800776" spans="14:14">
      <c r="N800776" s="10"/>
    </row>
    <row r="800777" spans="14:14">
      <c r="N800777" s="10"/>
    </row>
    <row r="800778" spans="14:14">
      <c r="N800778" s="10"/>
    </row>
    <row r="800779" spans="14:14">
      <c r="N800779" s="10"/>
    </row>
    <row r="800780" spans="14:14">
      <c r="N800780" s="10"/>
    </row>
    <row r="800781" spans="14:14">
      <c r="N800781" s="10"/>
    </row>
    <row r="800782" spans="14:14">
      <c r="N800782" s="10"/>
    </row>
    <row r="800783" spans="14:14">
      <c r="N800783" s="10"/>
    </row>
    <row r="800784" spans="14:14">
      <c r="N800784" s="10"/>
    </row>
    <row r="800785" spans="14:14">
      <c r="N800785" s="10"/>
    </row>
    <row r="800786" spans="14:14">
      <c r="N800786" s="10"/>
    </row>
    <row r="800787" spans="14:14">
      <c r="N800787" s="10"/>
    </row>
    <row r="800788" spans="14:14">
      <c r="N800788" s="10"/>
    </row>
    <row r="800789" spans="14:14">
      <c r="N800789" s="10"/>
    </row>
    <row r="800790" spans="14:14">
      <c r="N800790" s="10"/>
    </row>
    <row r="800791" spans="14:14">
      <c r="N800791" s="10"/>
    </row>
    <row r="800792" spans="14:14">
      <c r="N800792" s="10"/>
    </row>
    <row r="800793" spans="14:14">
      <c r="N800793" s="10"/>
    </row>
    <row r="800794" spans="14:14">
      <c r="N800794" s="10"/>
    </row>
    <row r="800795" spans="14:14">
      <c r="N800795" s="10"/>
    </row>
    <row r="800796" spans="14:14">
      <c r="N800796" s="10"/>
    </row>
    <row r="800797" spans="14:14">
      <c r="N800797" s="10"/>
    </row>
    <row r="800798" spans="14:14">
      <c r="N800798" s="10"/>
    </row>
    <row r="800799" spans="14:14">
      <c r="N800799" s="10"/>
    </row>
    <row r="800800" spans="14:14">
      <c r="N800800" s="10"/>
    </row>
    <row r="800801" spans="14:14">
      <c r="N800801" s="10"/>
    </row>
    <row r="800802" spans="14:14">
      <c r="N800802" s="10"/>
    </row>
    <row r="800803" spans="14:14">
      <c r="N800803" s="10"/>
    </row>
    <row r="800804" spans="14:14">
      <c r="N800804" s="10"/>
    </row>
    <row r="800805" spans="14:14">
      <c r="N800805" s="10"/>
    </row>
    <row r="800806" spans="14:14">
      <c r="N800806" s="10"/>
    </row>
    <row r="800807" spans="14:14">
      <c r="N800807" s="10"/>
    </row>
    <row r="800808" spans="14:14">
      <c r="N800808" s="10"/>
    </row>
    <row r="800809" spans="14:14">
      <c r="N800809" s="10"/>
    </row>
    <row r="800810" spans="14:14">
      <c r="N800810" s="10"/>
    </row>
    <row r="800811" spans="14:14">
      <c r="N800811" s="10"/>
    </row>
    <row r="800812" spans="14:14">
      <c r="N800812" s="10"/>
    </row>
    <row r="800813" spans="14:14">
      <c r="N800813" s="10"/>
    </row>
    <row r="800814" spans="14:14">
      <c r="N800814" s="10"/>
    </row>
    <row r="800815" spans="14:14">
      <c r="N800815" s="10"/>
    </row>
    <row r="800816" spans="14:14">
      <c r="N800816" s="10"/>
    </row>
    <row r="800817" spans="14:14">
      <c r="N800817" s="10"/>
    </row>
    <row r="800818" spans="14:14">
      <c r="N800818" s="10"/>
    </row>
    <row r="800819" spans="14:14">
      <c r="N800819" s="10"/>
    </row>
    <row r="800820" spans="14:14">
      <c r="N800820" s="10"/>
    </row>
    <row r="800821" spans="14:14">
      <c r="N800821" s="10"/>
    </row>
    <row r="800822" spans="14:14">
      <c r="N800822" s="10"/>
    </row>
    <row r="800823" spans="14:14">
      <c r="N800823" s="10"/>
    </row>
    <row r="800824" spans="14:14">
      <c r="N800824" s="10"/>
    </row>
    <row r="800825" spans="14:14">
      <c r="N800825" s="10"/>
    </row>
    <row r="800826" spans="14:14">
      <c r="N800826" s="10"/>
    </row>
    <row r="800827" spans="14:14">
      <c r="N800827" s="10"/>
    </row>
    <row r="800828" spans="14:14">
      <c r="N800828" s="10"/>
    </row>
    <row r="800829" spans="14:14">
      <c r="N800829" s="10"/>
    </row>
    <row r="800830" spans="14:14">
      <c r="N800830" s="10"/>
    </row>
    <row r="800831" spans="14:14">
      <c r="N800831" s="10"/>
    </row>
    <row r="800832" spans="14:14">
      <c r="N800832" s="10"/>
    </row>
    <row r="800833" spans="14:14">
      <c r="N800833" s="10"/>
    </row>
    <row r="800834" spans="14:14">
      <c r="N800834" s="10"/>
    </row>
    <row r="800835" spans="14:14">
      <c r="N800835" s="10"/>
    </row>
    <row r="800836" spans="14:14">
      <c r="N800836" s="10"/>
    </row>
    <row r="800837" spans="14:14">
      <c r="N800837" s="10"/>
    </row>
    <row r="800838" spans="14:14">
      <c r="N800838" s="10"/>
    </row>
    <row r="800839" spans="14:14">
      <c r="N800839" s="10"/>
    </row>
    <row r="800840" spans="14:14">
      <c r="N800840" s="10"/>
    </row>
    <row r="800841" spans="14:14">
      <c r="N800841" s="10"/>
    </row>
    <row r="800842" spans="14:14">
      <c r="N800842" s="10"/>
    </row>
    <row r="800843" spans="14:14">
      <c r="N800843" s="10"/>
    </row>
    <row r="800844" spans="14:14">
      <c r="N800844" s="10"/>
    </row>
    <row r="800845" spans="14:14">
      <c r="N800845" s="10"/>
    </row>
    <row r="800846" spans="14:14">
      <c r="N800846" s="10"/>
    </row>
    <row r="800847" spans="14:14">
      <c r="N800847" s="10"/>
    </row>
    <row r="800848" spans="14:14">
      <c r="N800848" s="10"/>
    </row>
    <row r="800849" spans="14:14">
      <c r="N800849" s="10"/>
    </row>
    <row r="800850" spans="14:14">
      <c r="N800850" s="10"/>
    </row>
    <row r="800851" spans="14:14">
      <c r="N800851" s="10"/>
    </row>
    <row r="800852" spans="14:14">
      <c r="N800852" s="10"/>
    </row>
    <row r="800853" spans="14:14">
      <c r="N800853" s="10"/>
    </row>
    <row r="800854" spans="14:14">
      <c r="N800854" s="10"/>
    </row>
    <row r="800855" spans="14:14">
      <c r="N800855" s="10"/>
    </row>
    <row r="800856" spans="14:14">
      <c r="N800856" s="10"/>
    </row>
    <row r="800857" spans="14:14">
      <c r="N800857" s="10"/>
    </row>
    <row r="800858" spans="14:14">
      <c r="N800858" s="10"/>
    </row>
    <row r="800859" spans="14:14">
      <c r="N800859" s="10"/>
    </row>
    <row r="800860" spans="14:14">
      <c r="N800860" s="10"/>
    </row>
    <row r="800861" spans="14:14">
      <c r="N800861" s="10"/>
    </row>
    <row r="800862" spans="14:14">
      <c r="N800862" s="10"/>
    </row>
    <row r="800863" spans="14:14">
      <c r="N800863" s="10"/>
    </row>
    <row r="800864" spans="14:14">
      <c r="N800864" s="10"/>
    </row>
    <row r="800865" spans="14:14">
      <c r="N800865" s="10"/>
    </row>
    <row r="800866" spans="14:14">
      <c r="N800866" s="10"/>
    </row>
    <row r="800867" spans="14:14">
      <c r="N800867" s="10"/>
    </row>
    <row r="800868" spans="14:14">
      <c r="N800868" s="10"/>
    </row>
    <row r="800869" spans="14:14">
      <c r="N800869" s="10"/>
    </row>
    <row r="800870" spans="14:14">
      <c r="N800870" s="10"/>
    </row>
    <row r="800871" spans="14:14">
      <c r="N800871" s="10"/>
    </row>
    <row r="800872" spans="14:14">
      <c r="N800872" s="10"/>
    </row>
    <row r="800873" spans="14:14">
      <c r="N800873" s="10"/>
    </row>
    <row r="800874" spans="14:14">
      <c r="N800874" s="10"/>
    </row>
    <row r="800875" spans="14:14">
      <c r="N800875" s="10"/>
    </row>
    <row r="800876" spans="14:14">
      <c r="N800876" s="10"/>
    </row>
    <row r="800877" spans="14:14">
      <c r="N800877" s="10"/>
    </row>
    <row r="800878" spans="14:14">
      <c r="N800878" s="10"/>
    </row>
    <row r="800879" spans="14:14">
      <c r="N800879" s="10"/>
    </row>
    <row r="800880" spans="14:14">
      <c r="N800880" s="10"/>
    </row>
    <row r="800881" spans="14:14">
      <c r="N800881" s="10"/>
    </row>
    <row r="800882" spans="14:14">
      <c r="N800882" s="10"/>
    </row>
    <row r="800883" spans="14:14">
      <c r="N800883" s="10"/>
    </row>
    <row r="800884" spans="14:14">
      <c r="N800884" s="10"/>
    </row>
    <row r="800885" spans="14:14">
      <c r="N800885" s="10"/>
    </row>
    <row r="800886" spans="14:14">
      <c r="N800886" s="10"/>
    </row>
    <row r="800887" spans="14:14">
      <c r="N800887" s="10"/>
    </row>
    <row r="800888" spans="14:14">
      <c r="N800888" s="10"/>
    </row>
    <row r="800889" spans="14:14">
      <c r="N800889" s="10"/>
    </row>
    <row r="800890" spans="14:14">
      <c r="N800890" s="10"/>
    </row>
    <row r="800891" spans="14:14">
      <c r="N800891" s="10"/>
    </row>
    <row r="800892" spans="14:14">
      <c r="N800892" s="10"/>
    </row>
    <row r="800893" spans="14:14">
      <c r="N800893" s="10"/>
    </row>
    <row r="800894" spans="14:14">
      <c r="N800894" s="10"/>
    </row>
    <row r="800895" spans="14:14">
      <c r="N800895" s="10"/>
    </row>
    <row r="800896" spans="14:14">
      <c r="N800896" s="10"/>
    </row>
    <row r="800897" spans="14:14">
      <c r="N800897" s="10"/>
    </row>
    <row r="800898" spans="14:14">
      <c r="N800898" s="10"/>
    </row>
    <row r="800899" spans="14:14">
      <c r="N800899" s="10"/>
    </row>
    <row r="800900" spans="14:14">
      <c r="N800900" s="10"/>
    </row>
    <row r="800901" spans="14:14">
      <c r="N800901" s="10"/>
    </row>
    <row r="800902" spans="14:14">
      <c r="N800902" s="10"/>
    </row>
    <row r="800903" spans="14:14">
      <c r="N800903" s="10"/>
    </row>
    <row r="800904" spans="14:14">
      <c r="N800904" s="10"/>
    </row>
    <row r="800905" spans="14:14">
      <c r="N800905" s="10"/>
    </row>
    <row r="800906" spans="14:14">
      <c r="N800906" s="10"/>
    </row>
    <row r="800907" spans="14:14">
      <c r="N800907" s="10"/>
    </row>
    <row r="800908" spans="14:14">
      <c r="N800908" s="10"/>
    </row>
    <row r="800909" spans="14:14">
      <c r="N800909" s="10"/>
    </row>
    <row r="800910" spans="14:14">
      <c r="N800910" s="10"/>
    </row>
    <row r="800911" spans="14:14">
      <c r="N800911" s="10"/>
    </row>
    <row r="800912" spans="14:14">
      <c r="N800912" s="10"/>
    </row>
    <row r="800913" spans="14:14">
      <c r="N800913" s="10"/>
    </row>
    <row r="800914" spans="14:14">
      <c r="N800914" s="10"/>
    </row>
    <row r="800915" spans="14:14">
      <c r="N800915" s="10"/>
    </row>
    <row r="800916" spans="14:14">
      <c r="N800916" s="10"/>
    </row>
    <row r="800917" spans="14:14">
      <c r="N800917" s="10"/>
    </row>
    <row r="800918" spans="14:14">
      <c r="N800918" s="10"/>
    </row>
    <row r="800919" spans="14:14">
      <c r="N800919" s="10"/>
    </row>
    <row r="800920" spans="14:14">
      <c r="N800920" s="10"/>
    </row>
    <row r="800921" spans="14:14">
      <c r="N800921" s="10"/>
    </row>
    <row r="800922" spans="14:14">
      <c r="N800922" s="10"/>
    </row>
    <row r="800923" spans="14:14">
      <c r="N800923" s="10"/>
    </row>
    <row r="800924" spans="14:14">
      <c r="N800924" s="10"/>
    </row>
    <row r="800925" spans="14:14">
      <c r="N800925" s="10"/>
    </row>
    <row r="800926" spans="14:14">
      <c r="N800926" s="10"/>
    </row>
    <row r="800927" spans="14:14">
      <c r="N800927" s="10"/>
    </row>
    <row r="800928" spans="14:14">
      <c r="N800928" s="10"/>
    </row>
    <row r="800929" spans="14:14">
      <c r="N800929" s="10"/>
    </row>
    <row r="800930" spans="14:14">
      <c r="N800930" s="10"/>
    </row>
    <row r="800931" spans="14:14">
      <c r="N800931" s="10"/>
    </row>
    <row r="800932" spans="14:14">
      <c r="N800932" s="10"/>
    </row>
    <row r="800933" spans="14:14">
      <c r="N800933" s="10"/>
    </row>
    <row r="800934" spans="14:14">
      <c r="N800934" s="10"/>
    </row>
    <row r="800935" spans="14:14">
      <c r="N800935" s="10"/>
    </row>
    <row r="800936" spans="14:14">
      <c r="N800936" s="10"/>
    </row>
    <row r="800937" spans="14:14">
      <c r="N800937" s="10"/>
    </row>
    <row r="800938" spans="14:14">
      <c r="N800938" s="10"/>
    </row>
    <row r="800939" spans="14:14">
      <c r="N800939" s="10"/>
    </row>
    <row r="800940" spans="14:14">
      <c r="N800940" s="10"/>
    </row>
    <row r="800941" spans="14:14">
      <c r="N800941" s="10"/>
    </row>
    <row r="800942" spans="14:14">
      <c r="N800942" s="10"/>
    </row>
    <row r="800943" spans="14:14">
      <c r="N800943" s="10"/>
    </row>
    <row r="800944" spans="14:14">
      <c r="N800944" s="10"/>
    </row>
    <row r="800945" spans="14:14">
      <c r="N800945" s="10"/>
    </row>
    <row r="800946" spans="14:14">
      <c r="N800946" s="10"/>
    </row>
    <row r="800947" spans="14:14">
      <c r="N800947" s="10"/>
    </row>
    <row r="800948" spans="14:14">
      <c r="N800948" s="10"/>
    </row>
    <row r="800949" spans="14:14">
      <c r="N800949" s="10"/>
    </row>
    <row r="800950" spans="14:14">
      <c r="N800950" s="10"/>
    </row>
    <row r="800951" spans="14:14">
      <c r="N800951" s="10"/>
    </row>
    <row r="800952" spans="14:14">
      <c r="N800952" s="10"/>
    </row>
    <row r="800953" spans="14:14">
      <c r="N800953" s="10"/>
    </row>
    <row r="800954" spans="14:14">
      <c r="N800954" s="10"/>
    </row>
    <row r="800955" spans="14:14">
      <c r="N800955" s="10"/>
    </row>
    <row r="800956" spans="14:14">
      <c r="N800956" s="10"/>
    </row>
    <row r="800957" spans="14:14">
      <c r="N800957" s="10"/>
    </row>
    <row r="800958" spans="14:14">
      <c r="N800958" s="10"/>
    </row>
    <row r="800959" spans="14:14">
      <c r="N800959" s="10"/>
    </row>
    <row r="800960" spans="14:14">
      <c r="N800960" s="10"/>
    </row>
    <row r="800961" spans="14:14">
      <c r="N800961" s="10"/>
    </row>
    <row r="800962" spans="14:14">
      <c r="N800962" s="10"/>
    </row>
    <row r="800963" spans="14:14">
      <c r="N800963" s="10"/>
    </row>
    <row r="800964" spans="14:14">
      <c r="N800964" s="10"/>
    </row>
    <row r="800965" spans="14:14">
      <c r="N800965" s="10"/>
    </row>
    <row r="800966" spans="14:14">
      <c r="N800966" s="10"/>
    </row>
    <row r="800967" spans="14:14">
      <c r="N800967" s="10"/>
    </row>
    <row r="800968" spans="14:14">
      <c r="N800968" s="10"/>
    </row>
    <row r="800969" spans="14:14">
      <c r="N800969" s="10"/>
    </row>
    <row r="800970" spans="14:14">
      <c r="N800970" s="10"/>
    </row>
    <row r="800971" spans="14:14">
      <c r="N800971" s="10"/>
    </row>
    <row r="800972" spans="14:14">
      <c r="N800972" s="10"/>
    </row>
    <row r="800973" spans="14:14">
      <c r="N800973" s="10"/>
    </row>
    <row r="800974" spans="14:14">
      <c r="N800974" s="10"/>
    </row>
    <row r="800975" spans="14:14">
      <c r="N800975" s="10"/>
    </row>
    <row r="800976" spans="14:14">
      <c r="N800976" s="10"/>
    </row>
    <row r="800977" spans="14:14">
      <c r="N800977" s="10"/>
    </row>
    <row r="800978" spans="14:14">
      <c r="N800978" s="10"/>
    </row>
    <row r="800979" spans="14:14">
      <c r="N800979" s="10"/>
    </row>
    <row r="800980" spans="14:14">
      <c r="N800980" s="10"/>
    </row>
    <row r="800981" spans="14:14">
      <c r="N800981" s="10"/>
    </row>
    <row r="800982" spans="14:14">
      <c r="N800982" s="10"/>
    </row>
    <row r="800983" spans="14:14">
      <c r="N800983" s="10"/>
    </row>
    <row r="800984" spans="14:14">
      <c r="N800984" s="10"/>
    </row>
    <row r="800985" spans="14:14">
      <c r="N800985" s="10"/>
    </row>
    <row r="800986" spans="14:14">
      <c r="N800986" s="10"/>
    </row>
    <row r="800987" spans="14:14">
      <c r="N800987" s="10"/>
    </row>
    <row r="800988" spans="14:14">
      <c r="N800988" s="10"/>
    </row>
    <row r="800989" spans="14:14">
      <c r="N800989" s="10"/>
    </row>
    <row r="800990" spans="14:14">
      <c r="N800990" s="10"/>
    </row>
    <row r="800991" spans="14:14">
      <c r="N800991" s="10"/>
    </row>
    <row r="800992" spans="14:14">
      <c r="N800992" s="10"/>
    </row>
    <row r="800993" spans="14:14">
      <c r="N800993" s="10"/>
    </row>
    <row r="800994" spans="14:14">
      <c r="N800994" s="10"/>
    </row>
    <row r="800995" spans="14:14">
      <c r="N800995" s="10"/>
    </row>
    <row r="800996" spans="14:14">
      <c r="N800996" s="10"/>
    </row>
    <row r="800997" spans="14:14">
      <c r="N800997" s="10"/>
    </row>
    <row r="800998" spans="14:14">
      <c r="N800998" s="10"/>
    </row>
    <row r="800999" spans="14:14">
      <c r="N800999" s="10"/>
    </row>
    <row r="801000" spans="14:14">
      <c r="N801000" s="10"/>
    </row>
    <row r="801001" spans="14:14">
      <c r="N801001" s="10"/>
    </row>
    <row r="801002" spans="14:14">
      <c r="N801002" s="10"/>
    </row>
    <row r="801003" spans="14:14">
      <c r="N801003" s="10"/>
    </row>
    <row r="801004" spans="14:14">
      <c r="N801004" s="10"/>
    </row>
    <row r="801005" spans="14:14">
      <c r="N801005" s="10"/>
    </row>
    <row r="801006" spans="14:14">
      <c r="N801006" s="10"/>
    </row>
    <row r="801007" spans="14:14">
      <c r="N801007" s="10"/>
    </row>
    <row r="801008" spans="14:14">
      <c r="N801008" s="10"/>
    </row>
    <row r="801009" spans="14:14">
      <c r="N801009" s="10"/>
    </row>
    <row r="801010" spans="14:14">
      <c r="N801010" s="10"/>
    </row>
    <row r="801011" spans="14:14">
      <c r="N801011" s="10"/>
    </row>
    <row r="801012" spans="14:14">
      <c r="N801012" s="10"/>
    </row>
    <row r="801013" spans="14:14">
      <c r="N801013" s="10"/>
    </row>
    <row r="801014" spans="14:14">
      <c r="N801014" s="10"/>
    </row>
    <row r="801015" spans="14:14">
      <c r="N801015" s="10"/>
    </row>
    <row r="801016" spans="14:14">
      <c r="N801016" s="10"/>
    </row>
    <row r="801017" spans="14:14">
      <c r="N801017" s="10"/>
    </row>
    <row r="801018" spans="14:14">
      <c r="N801018" s="10"/>
    </row>
    <row r="801019" spans="14:14">
      <c r="N801019" s="10"/>
    </row>
    <row r="801020" spans="14:14">
      <c r="N801020" s="10"/>
    </row>
    <row r="801021" spans="14:14">
      <c r="N801021" s="10"/>
    </row>
    <row r="801022" spans="14:14">
      <c r="N801022" s="10"/>
    </row>
    <row r="801023" spans="14:14">
      <c r="N801023" s="10"/>
    </row>
    <row r="801024" spans="14:14">
      <c r="N801024" s="10"/>
    </row>
    <row r="801025" spans="14:14">
      <c r="N801025" s="10"/>
    </row>
    <row r="801026" spans="14:14">
      <c r="N801026" s="10"/>
    </row>
    <row r="801027" spans="14:14">
      <c r="N801027" s="10"/>
    </row>
    <row r="801028" spans="14:14">
      <c r="N801028" s="10"/>
    </row>
    <row r="801029" spans="14:14">
      <c r="N801029" s="10"/>
    </row>
    <row r="801030" spans="14:14">
      <c r="N801030" s="10"/>
    </row>
    <row r="801031" spans="14:14">
      <c r="N801031" s="10"/>
    </row>
    <row r="801032" spans="14:14">
      <c r="N801032" s="10"/>
    </row>
    <row r="801033" spans="14:14">
      <c r="N801033" s="10"/>
    </row>
    <row r="801034" spans="14:14">
      <c r="N801034" s="10"/>
    </row>
    <row r="801035" spans="14:14">
      <c r="N801035" s="10"/>
    </row>
    <row r="801036" spans="14:14">
      <c r="N801036" s="10"/>
    </row>
    <row r="801037" spans="14:14">
      <c r="N801037" s="10"/>
    </row>
    <row r="801038" spans="14:14">
      <c r="N801038" s="10"/>
    </row>
    <row r="801039" spans="14:14">
      <c r="N801039" s="10"/>
    </row>
    <row r="801040" spans="14:14">
      <c r="N801040" s="10"/>
    </row>
    <row r="801041" spans="14:14">
      <c r="N801041" s="10"/>
    </row>
    <row r="801042" spans="14:14">
      <c r="N801042" s="10"/>
    </row>
    <row r="801043" spans="14:14">
      <c r="N801043" s="10"/>
    </row>
    <row r="801044" spans="14:14">
      <c r="N801044" s="10"/>
    </row>
    <row r="801045" spans="14:14">
      <c r="N801045" s="10"/>
    </row>
    <row r="801046" spans="14:14">
      <c r="N801046" s="10"/>
    </row>
    <row r="801047" spans="14:14">
      <c r="N801047" s="10"/>
    </row>
    <row r="801048" spans="14:14">
      <c r="N801048" s="10"/>
    </row>
    <row r="801049" spans="14:14">
      <c r="N801049" s="10"/>
    </row>
    <row r="801050" spans="14:14">
      <c r="N801050" s="10"/>
    </row>
    <row r="801051" spans="14:14">
      <c r="N801051" s="10"/>
    </row>
    <row r="801052" spans="14:14">
      <c r="N801052" s="10"/>
    </row>
    <row r="801053" spans="14:14">
      <c r="N801053" s="10"/>
    </row>
    <row r="801054" spans="14:14">
      <c r="N801054" s="10"/>
    </row>
    <row r="801055" spans="14:14">
      <c r="N801055" s="10"/>
    </row>
    <row r="801056" spans="14:14">
      <c r="N801056" s="10"/>
    </row>
    <row r="801057" spans="14:14">
      <c r="N801057" s="10"/>
    </row>
    <row r="801058" spans="14:14">
      <c r="N801058" s="10"/>
    </row>
    <row r="801059" spans="14:14">
      <c r="N801059" s="10"/>
    </row>
    <row r="801060" spans="14:14">
      <c r="N801060" s="10"/>
    </row>
    <row r="801061" spans="14:14">
      <c r="N801061" s="10"/>
    </row>
    <row r="801062" spans="14:14">
      <c r="N801062" s="10"/>
    </row>
    <row r="801063" spans="14:14">
      <c r="N801063" s="10"/>
    </row>
    <row r="801064" spans="14:14">
      <c r="N801064" s="10"/>
    </row>
    <row r="801065" spans="14:14">
      <c r="N801065" s="10"/>
    </row>
    <row r="801066" spans="14:14">
      <c r="N801066" s="10"/>
    </row>
    <row r="801067" spans="14:14">
      <c r="N801067" s="10"/>
    </row>
    <row r="801068" spans="14:14">
      <c r="N801068" s="10"/>
    </row>
    <row r="801069" spans="14:14">
      <c r="N801069" s="10"/>
    </row>
    <row r="801070" spans="14:14">
      <c r="N801070" s="10"/>
    </row>
    <row r="801071" spans="14:14">
      <c r="N801071" s="10"/>
    </row>
    <row r="801072" spans="14:14">
      <c r="N801072" s="10"/>
    </row>
    <row r="801073" spans="14:14">
      <c r="N801073" s="10"/>
    </row>
    <row r="801074" spans="14:14">
      <c r="N801074" s="10"/>
    </row>
    <row r="801075" spans="14:14">
      <c r="N801075" s="10"/>
    </row>
    <row r="801076" spans="14:14">
      <c r="N801076" s="10"/>
    </row>
    <row r="801077" spans="14:14">
      <c r="N801077" s="10"/>
    </row>
    <row r="801078" spans="14:14">
      <c r="N801078" s="10"/>
    </row>
    <row r="801079" spans="14:14">
      <c r="N801079" s="10"/>
    </row>
    <row r="801080" spans="14:14">
      <c r="N801080" s="10"/>
    </row>
    <row r="801081" spans="14:14">
      <c r="N801081" s="10"/>
    </row>
    <row r="801082" spans="14:14">
      <c r="N801082" s="10"/>
    </row>
    <row r="801083" spans="14:14">
      <c r="N801083" s="10"/>
    </row>
    <row r="801084" spans="14:14">
      <c r="N801084" s="10"/>
    </row>
    <row r="801085" spans="14:14">
      <c r="N801085" s="10"/>
    </row>
    <row r="801086" spans="14:14">
      <c r="N801086" s="10"/>
    </row>
    <row r="801087" spans="14:14">
      <c r="N801087" s="10"/>
    </row>
    <row r="801088" spans="14:14">
      <c r="N801088" s="10"/>
    </row>
    <row r="801089" spans="14:14">
      <c r="N801089" s="10"/>
    </row>
    <row r="801090" spans="14:14">
      <c r="N801090" s="10"/>
    </row>
    <row r="801091" spans="14:14">
      <c r="N801091" s="10"/>
    </row>
    <row r="801092" spans="14:14">
      <c r="N801092" s="10"/>
    </row>
    <row r="801093" spans="14:14">
      <c r="N801093" s="10"/>
    </row>
    <row r="801094" spans="14:14">
      <c r="N801094" s="10"/>
    </row>
    <row r="801095" spans="14:14">
      <c r="N801095" s="10"/>
    </row>
    <row r="801096" spans="14:14">
      <c r="N801096" s="10"/>
    </row>
    <row r="801097" spans="14:14">
      <c r="N801097" s="10"/>
    </row>
    <row r="801098" spans="14:14">
      <c r="N801098" s="10"/>
    </row>
    <row r="801099" spans="14:14">
      <c r="N801099" s="10"/>
    </row>
    <row r="801100" spans="14:14">
      <c r="N801100" s="10"/>
    </row>
    <row r="801101" spans="14:14">
      <c r="N801101" s="10"/>
    </row>
    <row r="801102" spans="14:14">
      <c r="N801102" s="10"/>
    </row>
    <row r="801103" spans="14:14">
      <c r="N801103" s="10"/>
    </row>
    <row r="801104" spans="14:14">
      <c r="N801104" s="10"/>
    </row>
    <row r="801105" spans="14:14">
      <c r="N801105" s="10"/>
    </row>
    <row r="801106" spans="14:14">
      <c r="N801106" s="10"/>
    </row>
    <row r="801107" spans="14:14">
      <c r="N801107" s="10"/>
    </row>
    <row r="801108" spans="14:14">
      <c r="N801108" s="10"/>
    </row>
    <row r="801109" spans="14:14">
      <c r="N801109" s="10"/>
    </row>
    <row r="801110" spans="14:14">
      <c r="N801110" s="10"/>
    </row>
    <row r="801111" spans="14:14">
      <c r="N801111" s="10"/>
    </row>
    <row r="801112" spans="14:14">
      <c r="N801112" s="10"/>
    </row>
    <row r="801113" spans="14:14">
      <c r="N801113" s="10"/>
    </row>
    <row r="801114" spans="14:14">
      <c r="N801114" s="10"/>
    </row>
    <row r="801115" spans="14:14">
      <c r="N801115" s="10"/>
    </row>
    <row r="801116" spans="14:14">
      <c r="N801116" s="10"/>
    </row>
    <row r="801117" spans="14:14">
      <c r="N801117" s="10"/>
    </row>
    <row r="801118" spans="14:14">
      <c r="N801118" s="10"/>
    </row>
    <row r="801119" spans="14:14">
      <c r="N801119" s="10"/>
    </row>
    <row r="801120" spans="14:14">
      <c r="N801120" s="10"/>
    </row>
    <row r="801121" spans="14:14">
      <c r="N801121" s="10"/>
    </row>
    <row r="801122" spans="14:14">
      <c r="N801122" s="10"/>
    </row>
    <row r="801123" spans="14:14">
      <c r="N801123" s="10"/>
    </row>
    <row r="801124" spans="14:14">
      <c r="N801124" s="10"/>
    </row>
    <row r="801125" spans="14:14">
      <c r="N801125" s="10"/>
    </row>
    <row r="801126" spans="14:14">
      <c r="N801126" s="10"/>
    </row>
    <row r="801127" spans="14:14">
      <c r="N801127" s="10"/>
    </row>
    <row r="801128" spans="14:14">
      <c r="N801128" s="10"/>
    </row>
    <row r="801129" spans="14:14">
      <c r="N801129" s="10"/>
    </row>
    <row r="801130" spans="14:14">
      <c r="N801130" s="10"/>
    </row>
    <row r="801131" spans="14:14">
      <c r="N801131" s="10"/>
    </row>
    <row r="801132" spans="14:14">
      <c r="N801132" s="10"/>
    </row>
    <row r="801133" spans="14:14">
      <c r="N801133" s="10"/>
    </row>
    <row r="801134" spans="14:14">
      <c r="N801134" s="10"/>
    </row>
    <row r="801135" spans="14:14">
      <c r="N801135" s="10"/>
    </row>
    <row r="801136" spans="14:14">
      <c r="N801136" s="10"/>
    </row>
    <row r="801137" spans="14:14">
      <c r="N801137" s="10"/>
    </row>
    <row r="801138" spans="14:14">
      <c r="N801138" s="10"/>
    </row>
    <row r="801139" spans="14:14">
      <c r="N801139" s="10"/>
    </row>
    <row r="801140" spans="14:14">
      <c r="N801140" s="10"/>
    </row>
    <row r="801141" spans="14:14">
      <c r="N801141" s="10"/>
    </row>
    <row r="801142" spans="14:14">
      <c r="N801142" s="10"/>
    </row>
    <row r="801143" spans="14:14">
      <c r="N801143" s="10"/>
    </row>
    <row r="801144" spans="14:14">
      <c r="N801144" s="10"/>
    </row>
    <row r="801145" spans="14:14">
      <c r="N801145" s="10"/>
    </row>
    <row r="801146" spans="14:14">
      <c r="N801146" s="10"/>
    </row>
    <row r="801147" spans="14:14">
      <c r="N801147" s="10"/>
    </row>
    <row r="801148" spans="14:14">
      <c r="N801148" s="10"/>
    </row>
    <row r="801149" spans="14:14">
      <c r="N801149" s="10"/>
    </row>
    <row r="801150" spans="14:14">
      <c r="N801150" s="10"/>
    </row>
    <row r="801151" spans="14:14">
      <c r="N801151" s="10"/>
    </row>
    <row r="801152" spans="14:14">
      <c r="N801152" s="10"/>
    </row>
    <row r="801153" spans="14:14">
      <c r="N801153" s="10"/>
    </row>
    <row r="801154" spans="14:14">
      <c r="N801154" s="10"/>
    </row>
    <row r="801155" spans="14:14">
      <c r="N801155" s="10"/>
    </row>
    <row r="801156" spans="14:14">
      <c r="N801156" s="10"/>
    </row>
    <row r="801157" spans="14:14">
      <c r="N801157" s="10"/>
    </row>
    <row r="801158" spans="14:14">
      <c r="N801158" s="10"/>
    </row>
    <row r="801159" spans="14:14">
      <c r="N801159" s="10"/>
    </row>
    <row r="801160" spans="14:14">
      <c r="N801160" s="10"/>
    </row>
    <row r="801161" spans="14:14">
      <c r="N801161" s="10"/>
    </row>
    <row r="801162" spans="14:14">
      <c r="N801162" s="10"/>
    </row>
    <row r="801163" spans="14:14">
      <c r="N801163" s="10"/>
    </row>
    <row r="801164" spans="14:14">
      <c r="N801164" s="10"/>
    </row>
    <row r="801165" spans="14:14">
      <c r="N801165" s="10"/>
    </row>
    <row r="801166" spans="14:14">
      <c r="N801166" s="10"/>
    </row>
    <row r="801167" spans="14:14">
      <c r="N801167" s="10"/>
    </row>
    <row r="801168" spans="14:14">
      <c r="N801168" s="10"/>
    </row>
    <row r="801169" spans="14:14">
      <c r="N801169" s="10"/>
    </row>
    <row r="801170" spans="14:14">
      <c r="N801170" s="10"/>
    </row>
    <row r="801171" spans="14:14">
      <c r="N801171" s="10"/>
    </row>
    <row r="801172" spans="14:14">
      <c r="N801172" s="10"/>
    </row>
    <row r="801173" spans="14:14">
      <c r="N801173" s="10"/>
    </row>
    <row r="801174" spans="14:14">
      <c r="N801174" s="10"/>
    </row>
    <row r="801175" spans="14:14">
      <c r="N801175" s="10"/>
    </row>
    <row r="801176" spans="14:14">
      <c r="N801176" s="10"/>
    </row>
    <row r="801177" spans="14:14">
      <c r="N801177" s="10"/>
    </row>
    <row r="801178" spans="14:14">
      <c r="N801178" s="10"/>
    </row>
    <row r="801179" spans="14:14">
      <c r="N801179" s="10"/>
    </row>
    <row r="801180" spans="14:14">
      <c r="N801180" s="10"/>
    </row>
    <row r="801181" spans="14:14">
      <c r="N801181" s="10"/>
    </row>
    <row r="801182" spans="14:14">
      <c r="N801182" s="10"/>
    </row>
    <row r="801183" spans="14:14">
      <c r="N801183" s="10"/>
    </row>
    <row r="801184" spans="14:14">
      <c r="N801184" s="10"/>
    </row>
    <row r="801185" spans="14:14">
      <c r="N801185" s="10"/>
    </row>
    <row r="801186" spans="14:14">
      <c r="N801186" s="10"/>
    </row>
    <row r="801187" spans="14:14">
      <c r="N801187" s="10"/>
    </row>
    <row r="801188" spans="14:14">
      <c r="N801188" s="10"/>
    </row>
    <row r="801189" spans="14:14">
      <c r="N801189" s="10"/>
    </row>
    <row r="801190" spans="14:14">
      <c r="N801190" s="10"/>
    </row>
    <row r="801191" spans="14:14">
      <c r="N801191" s="10"/>
    </row>
    <row r="801192" spans="14:14">
      <c r="N801192" s="10"/>
    </row>
    <row r="801193" spans="14:14">
      <c r="N801193" s="10"/>
    </row>
    <row r="801194" spans="14:14">
      <c r="N801194" s="10"/>
    </row>
    <row r="801195" spans="14:14">
      <c r="N801195" s="10"/>
    </row>
    <row r="801196" spans="14:14">
      <c r="N801196" s="10"/>
    </row>
    <row r="801197" spans="14:14">
      <c r="N801197" s="10"/>
    </row>
    <row r="801198" spans="14:14">
      <c r="N801198" s="10"/>
    </row>
    <row r="801199" spans="14:14">
      <c r="N801199" s="10"/>
    </row>
    <row r="801200" spans="14:14">
      <c r="N801200" s="10"/>
    </row>
    <row r="801201" spans="14:14">
      <c r="N801201" s="10"/>
    </row>
    <row r="801202" spans="14:14">
      <c r="N801202" s="10"/>
    </row>
    <row r="801203" spans="14:14">
      <c r="N801203" s="10"/>
    </row>
    <row r="801204" spans="14:14">
      <c r="N801204" s="10"/>
    </row>
    <row r="801205" spans="14:14">
      <c r="N801205" s="10"/>
    </row>
    <row r="801206" spans="14:14">
      <c r="N801206" s="10"/>
    </row>
    <row r="801207" spans="14:14">
      <c r="N801207" s="10"/>
    </row>
    <row r="801208" spans="14:14">
      <c r="N801208" s="10"/>
    </row>
    <row r="801209" spans="14:14">
      <c r="N801209" s="10"/>
    </row>
    <row r="801210" spans="14:14">
      <c r="N801210" s="10"/>
    </row>
    <row r="801211" spans="14:14">
      <c r="N801211" s="10"/>
    </row>
    <row r="801212" spans="14:14">
      <c r="N801212" s="10"/>
    </row>
    <row r="801213" spans="14:14">
      <c r="N801213" s="10"/>
    </row>
    <row r="801214" spans="14:14">
      <c r="N801214" s="10"/>
    </row>
    <row r="801215" spans="14:14">
      <c r="N801215" s="10"/>
    </row>
    <row r="801216" spans="14:14">
      <c r="N801216" s="10"/>
    </row>
    <row r="801217" spans="14:14">
      <c r="N801217" s="10"/>
    </row>
    <row r="801218" spans="14:14">
      <c r="N801218" s="10"/>
    </row>
    <row r="801219" spans="14:14">
      <c r="N801219" s="10"/>
    </row>
    <row r="801220" spans="14:14">
      <c r="N801220" s="10"/>
    </row>
    <row r="801221" spans="14:14">
      <c r="N801221" s="10"/>
    </row>
    <row r="801222" spans="14:14">
      <c r="N801222" s="10"/>
    </row>
    <row r="801223" spans="14:14">
      <c r="N801223" s="10"/>
    </row>
    <row r="801224" spans="14:14">
      <c r="N801224" s="10"/>
    </row>
    <row r="801225" spans="14:14">
      <c r="N801225" s="10"/>
    </row>
    <row r="801226" spans="14:14">
      <c r="N801226" s="10"/>
    </row>
    <row r="801227" spans="14:14">
      <c r="N801227" s="10"/>
    </row>
    <row r="801228" spans="14:14">
      <c r="N801228" s="10"/>
    </row>
    <row r="801229" spans="14:14">
      <c r="N801229" s="10"/>
    </row>
    <row r="801230" spans="14:14">
      <c r="N801230" s="10"/>
    </row>
    <row r="801231" spans="14:14">
      <c r="N801231" s="10"/>
    </row>
    <row r="801232" spans="14:14">
      <c r="N801232" s="10"/>
    </row>
    <row r="801233" spans="14:14">
      <c r="N801233" s="10"/>
    </row>
    <row r="801234" spans="14:14">
      <c r="N801234" s="10"/>
    </row>
    <row r="801235" spans="14:14">
      <c r="N801235" s="10"/>
    </row>
    <row r="801236" spans="14:14">
      <c r="N801236" s="10"/>
    </row>
    <row r="801237" spans="14:14">
      <c r="N801237" s="10"/>
    </row>
    <row r="801238" spans="14:14">
      <c r="N801238" s="10"/>
    </row>
    <row r="801239" spans="14:14">
      <c r="N801239" s="10"/>
    </row>
    <row r="801240" spans="14:14">
      <c r="N801240" s="10"/>
    </row>
    <row r="801241" spans="14:14">
      <c r="N801241" s="10"/>
    </row>
    <row r="801242" spans="14:14">
      <c r="N801242" s="10"/>
    </row>
    <row r="801243" spans="14:14">
      <c r="N801243" s="10"/>
    </row>
    <row r="801244" spans="14:14">
      <c r="N801244" s="10"/>
    </row>
    <row r="801245" spans="14:14">
      <c r="N801245" s="10"/>
    </row>
    <row r="801246" spans="14:14">
      <c r="N801246" s="10"/>
    </row>
    <row r="801247" spans="14:14">
      <c r="N801247" s="10"/>
    </row>
    <row r="801248" spans="14:14">
      <c r="N801248" s="10"/>
    </row>
    <row r="801249" spans="14:14">
      <c r="N801249" s="10"/>
    </row>
    <row r="801250" spans="14:14">
      <c r="N801250" s="10"/>
    </row>
    <row r="801251" spans="14:14">
      <c r="N801251" s="10"/>
    </row>
    <row r="801252" spans="14:14">
      <c r="N801252" s="10"/>
    </row>
    <row r="801253" spans="14:14">
      <c r="N801253" s="10"/>
    </row>
    <row r="801254" spans="14:14">
      <c r="N801254" s="10"/>
    </row>
    <row r="801255" spans="14:14">
      <c r="N801255" s="10"/>
    </row>
    <row r="801256" spans="14:14">
      <c r="N801256" s="10"/>
    </row>
    <row r="801257" spans="14:14">
      <c r="N801257" s="10"/>
    </row>
    <row r="801258" spans="14:14">
      <c r="N801258" s="10"/>
    </row>
    <row r="801259" spans="14:14">
      <c r="N801259" s="10"/>
    </row>
    <row r="801260" spans="14:14">
      <c r="N801260" s="10"/>
    </row>
    <row r="801261" spans="14:14">
      <c r="N801261" s="10"/>
    </row>
    <row r="801262" spans="14:14">
      <c r="N801262" s="10"/>
    </row>
    <row r="801263" spans="14:14">
      <c r="N801263" s="10"/>
    </row>
    <row r="801264" spans="14:14">
      <c r="N801264" s="10"/>
    </row>
    <row r="801265" spans="14:14">
      <c r="N801265" s="10"/>
    </row>
    <row r="801266" spans="14:14">
      <c r="N801266" s="10"/>
    </row>
    <row r="801267" spans="14:14">
      <c r="N801267" s="10"/>
    </row>
    <row r="801268" spans="14:14">
      <c r="N801268" s="10"/>
    </row>
    <row r="801269" spans="14:14">
      <c r="N801269" s="10"/>
    </row>
    <row r="801270" spans="14:14">
      <c r="N801270" s="10"/>
    </row>
    <row r="801271" spans="14:14">
      <c r="N801271" s="10"/>
    </row>
    <row r="801272" spans="14:14">
      <c r="N801272" s="10"/>
    </row>
    <row r="801273" spans="14:14">
      <c r="N801273" s="10"/>
    </row>
    <row r="801274" spans="14:14">
      <c r="N801274" s="10"/>
    </row>
    <row r="801275" spans="14:14">
      <c r="N801275" s="10"/>
    </row>
    <row r="801276" spans="14:14">
      <c r="N801276" s="10"/>
    </row>
    <row r="801277" spans="14:14">
      <c r="N801277" s="10"/>
    </row>
    <row r="801278" spans="14:14">
      <c r="N801278" s="10"/>
    </row>
    <row r="801279" spans="14:14">
      <c r="N801279" s="10"/>
    </row>
    <row r="801280" spans="14:14">
      <c r="N801280" s="10"/>
    </row>
    <row r="801281" spans="14:14">
      <c r="N801281" s="10"/>
    </row>
    <row r="801282" spans="14:14">
      <c r="N801282" s="10"/>
    </row>
    <row r="801283" spans="14:14">
      <c r="N801283" s="10"/>
    </row>
    <row r="801284" spans="14:14">
      <c r="N801284" s="10"/>
    </row>
    <row r="801285" spans="14:14">
      <c r="N801285" s="10"/>
    </row>
    <row r="801286" spans="14:14">
      <c r="N801286" s="10"/>
    </row>
    <row r="801287" spans="14:14">
      <c r="N801287" s="10"/>
    </row>
    <row r="801288" spans="14:14">
      <c r="N801288" s="10"/>
    </row>
    <row r="801289" spans="14:14">
      <c r="N801289" s="10"/>
    </row>
    <row r="801290" spans="14:14">
      <c r="N801290" s="10"/>
    </row>
    <row r="801291" spans="14:14">
      <c r="N801291" s="10"/>
    </row>
    <row r="801292" spans="14:14">
      <c r="N801292" s="10"/>
    </row>
    <row r="801293" spans="14:14">
      <c r="N801293" s="10"/>
    </row>
    <row r="801294" spans="14:14">
      <c r="N801294" s="10"/>
    </row>
    <row r="801295" spans="14:14">
      <c r="N801295" s="10"/>
    </row>
    <row r="801296" spans="14:14">
      <c r="N801296" s="10"/>
    </row>
    <row r="801297" spans="14:14">
      <c r="N801297" s="10"/>
    </row>
    <row r="801298" spans="14:14">
      <c r="N801298" s="10"/>
    </row>
    <row r="801299" spans="14:14">
      <c r="N801299" s="10"/>
    </row>
    <row r="801300" spans="14:14">
      <c r="N801300" s="10"/>
    </row>
    <row r="801301" spans="14:14">
      <c r="N801301" s="10"/>
    </row>
    <row r="801302" spans="14:14">
      <c r="N801302" s="10"/>
    </row>
    <row r="801303" spans="14:14">
      <c r="N801303" s="10"/>
    </row>
    <row r="801304" spans="14:14">
      <c r="N801304" s="10"/>
    </row>
    <row r="801305" spans="14:14">
      <c r="N801305" s="10"/>
    </row>
    <row r="801306" spans="14:14">
      <c r="N801306" s="10"/>
    </row>
    <row r="801307" spans="14:14">
      <c r="N801307" s="10"/>
    </row>
    <row r="801308" spans="14:14">
      <c r="N801308" s="10"/>
    </row>
    <row r="801309" spans="14:14">
      <c r="N801309" s="10"/>
    </row>
    <row r="801310" spans="14:14">
      <c r="N801310" s="10"/>
    </row>
    <row r="801311" spans="14:14">
      <c r="N801311" s="10"/>
    </row>
    <row r="801312" spans="14:14">
      <c r="N801312" s="10"/>
    </row>
    <row r="801313" spans="14:14">
      <c r="N801313" s="10"/>
    </row>
    <row r="801314" spans="14:14">
      <c r="N801314" s="10"/>
    </row>
    <row r="801315" spans="14:14">
      <c r="N801315" s="10"/>
    </row>
    <row r="801316" spans="14:14">
      <c r="N801316" s="10"/>
    </row>
    <row r="801317" spans="14:14">
      <c r="N801317" s="10"/>
    </row>
    <row r="801318" spans="14:14">
      <c r="N801318" s="10"/>
    </row>
    <row r="801319" spans="14:14">
      <c r="N801319" s="10"/>
    </row>
    <row r="801320" spans="14:14">
      <c r="N801320" s="10"/>
    </row>
    <row r="801321" spans="14:14">
      <c r="N801321" s="10"/>
    </row>
    <row r="801322" spans="14:14">
      <c r="N801322" s="10"/>
    </row>
    <row r="801323" spans="14:14">
      <c r="N801323" s="10"/>
    </row>
    <row r="801324" spans="14:14">
      <c r="N801324" s="10"/>
    </row>
    <row r="801325" spans="14:14">
      <c r="N801325" s="10"/>
    </row>
    <row r="801326" spans="14:14">
      <c r="N801326" s="10"/>
    </row>
    <row r="801327" spans="14:14">
      <c r="N801327" s="10"/>
    </row>
    <row r="801328" spans="14:14">
      <c r="N801328" s="10"/>
    </row>
    <row r="801329" spans="14:14">
      <c r="N801329" s="10"/>
    </row>
    <row r="801330" spans="14:14">
      <c r="N801330" s="10"/>
    </row>
    <row r="801331" spans="14:14">
      <c r="N801331" s="10"/>
    </row>
    <row r="801332" spans="14:14">
      <c r="N801332" s="10"/>
    </row>
    <row r="801333" spans="14:14">
      <c r="N801333" s="10"/>
    </row>
    <row r="801334" spans="14:14">
      <c r="N801334" s="10"/>
    </row>
    <row r="801335" spans="14:14">
      <c r="N801335" s="10"/>
    </row>
    <row r="801336" spans="14:14">
      <c r="N801336" s="10"/>
    </row>
    <row r="801337" spans="14:14">
      <c r="N801337" s="10"/>
    </row>
    <row r="801338" spans="14:14">
      <c r="N801338" s="10"/>
    </row>
    <row r="801339" spans="14:14">
      <c r="N801339" s="10"/>
    </row>
    <row r="801340" spans="14:14">
      <c r="N801340" s="10"/>
    </row>
    <row r="801341" spans="14:14">
      <c r="N801341" s="10"/>
    </row>
    <row r="801342" spans="14:14">
      <c r="N801342" s="10"/>
    </row>
    <row r="801343" spans="14:14">
      <c r="N801343" s="10"/>
    </row>
    <row r="801344" spans="14:14">
      <c r="N801344" s="10"/>
    </row>
    <row r="801345" spans="14:14">
      <c r="N801345" s="10"/>
    </row>
    <row r="801346" spans="14:14">
      <c r="N801346" s="10"/>
    </row>
    <row r="801347" spans="14:14">
      <c r="N801347" s="10"/>
    </row>
    <row r="801348" spans="14:14">
      <c r="N801348" s="10"/>
    </row>
    <row r="801349" spans="14:14">
      <c r="N801349" s="10"/>
    </row>
    <row r="801350" spans="14:14">
      <c r="N801350" s="10"/>
    </row>
    <row r="801351" spans="14:14">
      <c r="N801351" s="10"/>
    </row>
    <row r="801352" spans="14:14">
      <c r="N801352" s="10"/>
    </row>
    <row r="801353" spans="14:14">
      <c r="N801353" s="10"/>
    </row>
    <row r="801354" spans="14:14">
      <c r="N801354" s="10"/>
    </row>
    <row r="801355" spans="14:14">
      <c r="N801355" s="10"/>
    </row>
    <row r="801356" spans="14:14">
      <c r="N801356" s="10"/>
    </row>
    <row r="801357" spans="14:14">
      <c r="N801357" s="10"/>
    </row>
    <row r="801358" spans="14:14">
      <c r="N801358" s="10"/>
    </row>
    <row r="801359" spans="14:14">
      <c r="N801359" s="10"/>
    </row>
    <row r="801360" spans="14:14">
      <c r="N801360" s="10"/>
    </row>
    <row r="801361" spans="14:14">
      <c r="N801361" s="10"/>
    </row>
    <row r="801362" spans="14:14">
      <c r="N801362" s="10"/>
    </row>
    <row r="801363" spans="14:14">
      <c r="N801363" s="10"/>
    </row>
    <row r="801364" spans="14:14">
      <c r="N801364" s="10"/>
    </row>
    <row r="801365" spans="14:14">
      <c r="N801365" s="10"/>
    </row>
    <row r="801366" spans="14:14">
      <c r="N801366" s="10"/>
    </row>
    <row r="801367" spans="14:14">
      <c r="N801367" s="10"/>
    </row>
    <row r="801368" spans="14:14">
      <c r="N801368" s="10"/>
    </row>
    <row r="801369" spans="14:14">
      <c r="N801369" s="10"/>
    </row>
    <row r="801370" spans="14:14">
      <c r="N801370" s="10"/>
    </row>
    <row r="801371" spans="14:14">
      <c r="N801371" s="10"/>
    </row>
    <row r="801372" spans="14:14">
      <c r="N801372" s="10"/>
    </row>
    <row r="801373" spans="14:14">
      <c r="N801373" s="10"/>
    </row>
    <row r="801374" spans="14:14">
      <c r="N801374" s="10"/>
    </row>
    <row r="801375" spans="14:14">
      <c r="N801375" s="10"/>
    </row>
    <row r="801376" spans="14:14">
      <c r="N801376" s="10"/>
    </row>
    <row r="801377" spans="14:14">
      <c r="N801377" s="10"/>
    </row>
    <row r="801378" spans="14:14">
      <c r="N801378" s="10"/>
    </row>
    <row r="801379" spans="14:14">
      <c r="N801379" s="10"/>
    </row>
    <row r="801380" spans="14:14">
      <c r="N801380" s="10"/>
    </row>
    <row r="801381" spans="14:14">
      <c r="N801381" s="10"/>
    </row>
    <row r="801382" spans="14:14">
      <c r="N801382" s="10"/>
    </row>
    <row r="801383" spans="14:14">
      <c r="N801383" s="10"/>
    </row>
    <row r="801384" spans="14:14">
      <c r="N801384" s="10"/>
    </row>
    <row r="801385" spans="14:14">
      <c r="N801385" s="10"/>
    </row>
    <row r="801386" spans="14:14">
      <c r="N801386" s="10"/>
    </row>
    <row r="801387" spans="14:14">
      <c r="N801387" s="10"/>
    </row>
    <row r="801388" spans="14:14">
      <c r="N801388" s="10"/>
    </row>
    <row r="801389" spans="14:14">
      <c r="N801389" s="10"/>
    </row>
    <row r="801390" spans="14:14">
      <c r="N801390" s="10"/>
    </row>
    <row r="801391" spans="14:14">
      <c r="N801391" s="10"/>
    </row>
    <row r="801392" spans="14:14">
      <c r="N801392" s="10"/>
    </row>
    <row r="801393" spans="14:14">
      <c r="N801393" s="10"/>
    </row>
    <row r="801394" spans="14:14">
      <c r="N801394" s="10"/>
    </row>
    <row r="801395" spans="14:14">
      <c r="N801395" s="10"/>
    </row>
    <row r="801396" spans="14:14">
      <c r="N801396" s="10"/>
    </row>
    <row r="801397" spans="14:14">
      <c r="N801397" s="10"/>
    </row>
    <row r="801398" spans="14:14">
      <c r="N801398" s="10"/>
    </row>
    <row r="801399" spans="14:14">
      <c r="N801399" s="10"/>
    </row>
    <row r="801400" spans="14:14">
      <c r="N801400" s="10"/>
    </row>
    <row r="801401" spans="14:14">
      <c r="N801401" s="10"/>
    </row>
    <row r="801402" spans="14:14">
      <c r="N801402" s="10"/>
    </row>
    <row r="801403" spans="14:14">
      <c r="N801403" s="10"/>
    </row>
    <row r="801404" spans="14:14">
      <c r="N801404" s="10"/>
    </row>
    <row r="801405" spans="14:14">
      <c r="N801405" s="10"/>
    </row>
    <row r="801406" spans="14:14">
      <c r="N801406" s="10"/>
    </row>
    <row r="801407" spans="14:14">
      <c r="N801407" s="10"/>
    </row>
    <row r="801408" spans="14:14">
      <c r="N801408" s="10"/>
    </row>
    <row r="801409" spans="14:14">
      <c r="N801409" s="10"/>
    </row>
    <row r="801410" spans="14:14">
      <c r="N801410" s="10"/>
    </row>
    <row r="801411" spans="14:14">
      <c r="N801411" s="10"/>
    </row>
    <row r="801412" spans="14:14">
      <c r="N801412" s="10"/>
    </row>
    <row r="801413" spans="14:14">
      <c r="N801413" s="10"/>
    </row>
    <row r="801414" spans="14:14">
      <c r="N801414" s="10"/>
    </row>
    <row r="801415" spans="14:14">
      <c r="N801415" s="10"/>
    </row>
    <row r="801416" spans="14:14">
      <c r="N801416" s="10"/>
    </row>
    <row r="801417" spans="14:14">
      <c r="N801417" s="10"/>
    </row>
    <row r="801418" spans="14:14">
      <c r="N801418" s="10"/>
    </row>
    <row r="801419" spans="14:14">
      <c r="N801419" s="10"/>
    </row>
    <row r="801420" spans="14:14">
      <c r="N801420" s="10"/>
    </row>
    <row r="801421" spans="14:14">
      <c r="N801421" s="10"/>
    </row>
    <row r="801422" spans="14:14">
      <c r="N801422" s="10"/>
    </row>
    <row r="801423" spans="14:14">
      <c r="N801423" s="10"/>
    </row>
    <row r="801424" spans="14:14">
      <c r="N801424" s="10"/>
    </row>
    <row r="801425" spans="14:14">
      <c r="N801425" s="10"/>
    </row>
    <row r="801426" spans="14:14">
      <c r="N801426" s="10"/>
    </row>
    <row r="801427" spans="14:14">
      <c r="N801427" s="10"/>
    </row>
    <row r="801428" spans="14:14">
      <c r="N801428" s="10"/>
    </row>
    <row r="801429" spans="14:14">
      <c r="N801429" s="10"/>
    </row>
    <row r="801430" spans="14:14">
      <c r="N801430" s="10"/>
    </row>
    <row r="801431" spans="14:14">
      <c r="N801431" s="10"/>
    </row>
    <row r="801432" spans="14:14">
      <c r="N801432" s="10"/>
    </row>
    <row r="801433" spans="14:14">
      <c r="N801433" s="10"/>
    </row>
    <row r="801434" spans="14:14">
      <c r="N801434" s="10"/>
    </row>
    <row r="801435" spans="14:14">
      <c r="N801435" s="10"/>
    </row>
    <row r="801436" spans="14:14">
      <c r="N801436" s="10"/>
    </row>
    <row r="801437" spans="14:14">
      <c r="N801437" s="10"/>
    </row>
    <row r="801438" spans="14:14">
      <c r="N801438" s="10"/>
    </row>
    <row r="801439" spans="14:14">
      <c r="N801439" s="10"/>
    </row>
    <row r="801440" spans="14:14">
      <c r="N801440" s="10"/>
    </row>
    <row r="801441" spans="14:14">
      <c r="N801441" s="10"/>
    </row>
    <row r="801442" spans="14:14">
      <c r="N801442" s="10"/>
    </row>
    <row r="801443" spans="14:14">
      <c r="N801443" s="10"/>
    </row>
    <row r="801444" spans="14:14">
      <c r="N801444" s="10"/>
    </row>
    <row r="801445" spans="14:14">
      <c r="N801445" s="10"/>
    </row>
    <row r="801446" spans="14:14">
      <c r="N801446" s="10"/>
    </row>
    <row r="801447" spans="14:14">
      <c r="N801447" s="10"/>
    </row>
    <row r="801448" spans="14:14">
      <c r="N801448" s="10"/>
    </row>
    <row r="801449" spans="14:14">
      <c r="N801449" s="10"/>
    </row>
    <row r="801450" spans="14:14">
      <c r="N801450" s="10"/>
    </row>
    <row r="801451" spans="14:14">
      <c r="N801451" s="10"/>
    </row>
    <row r="801452" spans="14:14">
      <c r="N801452" s="10"/>
    </row>
    <row r="801453" spans="14:14">
      <c r="N801453" s="10"/>
    </row>
    <row r="801454" spans="14:14">
      <c r="N801454" s="10"/>
    </row>
    <row r="801455" spans="14:14">
      <c r="N801455" s="10"/>
    </row>
    <row r="801456" spans="14:14">
      <c r="N801456" s="10"/>
    </row>
    <row r="801457" spans="14:14">
      <c r="N801457" s="10"/>
    </row>
    <row r="801458" spans="14:14">
      <c r="N801458" s="10"/>
    </row>
    <row r="801459" spans="14:14">
      <c r="N801459" s="10"/>
    </row>
    <row r="801460" spans="14:14">
      <c r="N801460" s="10"/>
    </row>
    <row r="801461" spans="14:14">
      <c r="N801461" s="10"/>
    </row>
    <row r="801462" spans="14:14">
      <c r="N801462" s="10"/>
    </row>
    <row r="801463" spans="14:14">
      <c r="N801463" s="10"/>
    </row>
    <row r="801464" spans="14:14">
      <c r="N801464" s="10"/>
    </row>
    <row r="801465" spans="14:14">
      <c r="N801465" s="10"/>
    </row>
    <row r="801466" spans="14:14">
      <c r="N801466" s="10"/>
    </row>
    <row r="801467" spans="14:14">
      <c r="N801467" s="10"/>
    </row>
    <row r="801468" spans="14:14">
      <c r="N801468" s="10"/>
    </row>
    <row r="801469" spans="14:14">
      <c r="N801469" s="10"/>
    </row>
    <row r="801470" spans="14:14">
      <c r="N801470" s="10"/>
    </row>
    <row r="801471" spans="14:14">
      <c r="N801471" s="10"/>
    </row>
    <row r="801472" spans="14:14">
      <c r="N801472" s="10"/>
    </row>
    <row r="801473" spans="14:14">
      <c r="N801473" s="10"/>
    </row>
    <row r="801474" spans="14:14">
      <c r="N801474" s="10"/>
    </row>
    <row r="801475" spans="14:14">
      <c r="N801475" s="10"/>
    </row>
    <row r="801476" spans="14:14">
      <c r="N801476" s="10"/>
    </row>
    <row r="801477" spans="14:14">
      <c r="N801477" s="10"/>
    </row>
    <row r="801478" spans="14:14">
      <c r="N801478" s="10"/>
    </row>
    <row r="801479" spans="14:14">
      <c r="N801479" s="10"/>
    </row>
    <row r="801480" spans="14:14">
      <c r="N801480" s="10"/>
    </row>
    <row r="801481" spans="14:14">
      <c r="N801481" s="10"/>
    </row>
    <row r="801482" spans="14:14">
      <c r="N801482" s="10"/>
    </row>
    <row r="801483" spans="14:14">
      <c r="N801483" s="10"/>
    </row>
    <row r="801484" spans="14:14">
      <c r="N801484" s="10"/>
    </row>
    <row r="801485" spans="14:14">
      <c r="N801485" s="10"/>
    </row>
    <row r="801486" spans="14:14">
      <c r="N801486" s="10"/>
    </row>
    <row r="801487" spans="14:14">
      <c r="N801487" s="10"/>
    </row>
    <row r="801488" spans="14:14">
      <c r="N801488" s="10"/>
    </row>
    <row r="801489" spans="14:14">
      <c r="N801489" s="10"/>
    </row>
    <row r="801490" spans="14:14">
      <c r="N801490" s="10"/>
    </row>
    <row r="801491" spans="14:14">
      <c r="N801491" s="10"/>
    </row>
    <row r="801492" spans="14:14">
      <c r="N801492" s="10"/>
    </row>
    <row r="801493" spans="14:14">
      <c r="N801493" s="10"/>
    </row>
    <row r="801494" spans="14:14">
      <c r="N801494" s="10"/>
    </row>
    <row r="801495" spans="14:14">
      <c r="N801495" s="10"/>
    </row>
    <row r="801496" spans="14:14">
      <c r="N801496" s="10"/>
    </row>
    <row r="801497" spans="14:14">
      <c r="N801497" s="10"/>
    </row>
    <row r="801498" spans="14:14">
      <c r="N801498" s="10"/>
    </row>
    <row r="801499" spans="14:14">
      <c r="N801499" s="10"/>
    </row>
    <row r="801500" spans="14:14">
      <c r="N801500" s="10"/>
    </row>
    <row r="801501" spans="14:14">
      <c r="N801501" s="10"/>
    </row>
    <row r="801502" spans="14:14">
      <c r="N801502" s="10"/>
    </row>
    <row r="801503" spans="14:14">
      <c r="N801503" s="10"/>
    </row>
    <row r="801504" spans="14:14">
      <c r="N801504" s="10"/>
    </row>
    <row r="801505" spans="14:14">
      <c r="N801505" s="10"/>
    </row>
    <row r="801506" spans="14:14">
      <c r="N801506" s="10"/>
    </row>
    <row r="801507" spans="14:14">
      <c r="N801507" s="10"/>
    </row>
    <row r="801508" spans="14:14">
      <c r="N801508" s="10"/>
    </row>
    <row r="801509" spans="14:14">
      <c r="N801509" s="10"/>
    </row>
    <row r="801510" spans="14:14">
      <c r="N801510" s="10"/>
    </row>
    <row r="801511" spans="14:14">
      <c r="N801511" s="10"/>
    </row>
    <row r="801512" spans="14:14">
      <c r="N801512" s="10"/>
    </row>
    <row r="801513" spans="14:14">
      <c r="N801513" s="10"/>
    </row>
    <row r="801514" spans="14:14">
      <c r="N801514" s="10"/>
    </row>
    <row r="801515" spans="14:14">
      <c r="N801515" s="10"/>
    </row>
    <row r="801516" spans="14:14">
      <c r="N801516" s="10"/>
    </row>
    <row r="801517" spans="14:14">
      <c r="N801517" s="10"/>
    </row>
    <row r="801518" spans="14:14">
      <c r="N801518" s="10"/>
    </row>
    <row r="801519" spans="14:14">
      <c r="N801519" s="10"/>
    </row>
    <row r="801520" spans="14:14">
      <c r="N801520" s="10"/>
    </row>
    <row r="801521" spans="14:14">
      <c r="N801521" s="10"/>
    </row>
    <row r="801522" spans="14:14">
      <c r="N801522" s="10"/>
    </row>
    <row r="801523" spans="14:14">
      <c r="N801523" s="10"/>
    </row>
    <row r="801524" spans="14:14">
      <c r="N801524" s="10"/>
    </row>
    <row r="801525" spans="14:14">
      <c r="N801525" s="10"/>
    </row>
    <row r="801526" spans="14:14">
      <c r="N801526" s="10"/>
    </row>
    <row r="801527" spans="14:14">
      <c r="N801527" s="10"/>
    </row>
    <row r="801528" spans="14:14">
      <c r="N801528" s="10"/>
    </row>
    <row r="801529" spans="14:14">
      <c r="N801529" s="10"/>
    </row>
    <row r="801530" spans="14:14">
      <c r="N801530" s="10"/>
    </row>
    <row r="801531" spans="14:14">
      <c r="N801531" s="10"/>
    </row>
    <row r="801532" spans="14:14">
      <c r="N801532" s="10"/>
    </row>
    <row r="801533" spans="14:14">
      <c r="N801533" s="10"/>
    </row>
    <row r="801534" spans="14:14">
      <c r="N801534" s="10"/>
    </row>
    <row r="801535" spans="14:14">
      <c r="N801535" s="10"/>
    </row>
    <row r="801536" spans="14:14">
      <c r="N801536" s="10"/>
    </row>
    <row r="801537" spans="14:14">
      <c r="N801537" s="10"/>
    </row>
    <row r="801538" spans="14:14">
      <c r="N801538" s="10"/>
    </row>
    <row r="801539" spans="14:14">
      <c r="N801539" s="10"/>
    </row>
    <row r="801540" spans="14:14">
      <c r="N801540" s="10"/>
    </row>
    <row r="801541" spans="14:14">
      <c r="N801541" s="10"/>
    </row>
    <row r="801542" spans="14:14">
      <c r="N801542" s="10"/>
    </row>
    <row r="801543" spans="14:14">
      <c r="N801543" s="10"/>
    </row>
    <row r="801544" spans="14:14">
      <c r="N801544" s="10"/>
    </row>
    <row r="801545" spans="14:14">
      <c r="N801545" s="10"/>
    </row>
    <row r="801546" spans="14:14">
      <c r="N801546" s="10"/>
    </row>
    <row r="801547" spans="14:14">
      <c r="N801547" s="10"/>
    </row>
    <row r="801548" spans="14:14">
      <c r="N801548" s="10"/>
    </row>
    <row r="801549" spans="14:14">
      <c r="N801549" s="10"/>
    </row>
    <row r="801550" spans="14:14">
      <c r="N801550" s="10"/>
    </row>
    <row r="801551" spans="14:14">
      <c r="N801551" s="10"/>
    </row>
    <row r="801552" spans="14:14">
      <c r="N801552" s="10"/>
    </row>
    <row r="801553" spans="14:14">
      <c r="N801553" s="10"/>
    </row>
    <row r="801554" spans="14:14">
      <c r="N801554" s="10"/>
    </row>
    <row r="801555" spans="14:14">
      <c r="N801555" s="10"/>
    </row>
    <row r="801556" spans="14:14">
      <c r="N801556" s="10"/>
    </row>
    <row r="801557" spans="14:14">
      <c r="N801557" s="10"/>
    </row>
    <row r="801558" spans="14:14">
      <c r="N801558" s="10"/>
    </row>
    <row r="801559" spans="14:14">
      <c r="N801559" s="10"/>
    </row>
    <row r="801560" spans="14:14">
      <c r="N801560" s="10"/>
    </row>
    <row r="801561" spans="14:14">
      <c r="N801561" s="10"/>
    </row>
    <row r="801562" spans="14:14">
      <c r="N801562" s="10"/>
    </row>
    <row r="801563" spans="14:14">
      <c r="N801563" s="10"/>
    </row>
    <row r="801564" spans="14:14">
      <c r="N801564" s="10"/>
    </row>
    <row r="801565" spans="14:14">
      <c r="N801565" s="10"/>
    </row>
    <row r="801566" spans="14:14">
      <c r="N801566" s="10"/>
    </row>
    <row r="801567" spans="14:14">
      <c r="N801567" s="10"/>
    </row>
    <row r="801568" spans="14:14">
      <c r="N801568" s="10"/>
    </row>
    <row r="801569" spans="14:14">
      <c r="N801569" s="10"/>
    </row>
    <row r="801570" spans="14:14">
      <c r="N801570" s="10"/>
    </row>
    <row r="801571" spans="14:14">
      <c r="N801571" s="10"/>
    </row>
    <row r="801572" spans="14:14">
      <c r="N801572" s="10"/>
    </row>
    <row r="801573" spans="14:14">
      <c r="N801573" s="10"/>
    </row>
    <row r="801574" spans="14:14">
      <c r="N801574" s="10"/>
    </row>
    <row r="801575" spans="14:14">
      <c r="N801575" s="10"/>
    </row>
    <row r="801576" spans="14:14">
      <c r="N801576" s="10"/>
    </row>
    <row r="801577" spans="14:14">
      <c r="N801577" s="10"/>
    </row>
    <row r="801578" spans="14:14">
      <c r="N801578" s="10"/>
    </row>
    <row r="801579" spans="14:14">
      <c r="N801579" s="10"/>
    </row>
    <row r="801580" spans="14:14">
      <c r="N801580" s="10"/>
    </row>
    <row r="801581" spans="14:14">
      <c r="N801581" s="10"/>
    </row>
    <row r="801582" spans="14:14">
      <c r="N801582" s="10"/>
    </row>
    <row r="801583" spans="14:14">
      <c r="N801583" s="10"/>
    </row>
    <row r="801584" spans="14:14">
      <c r="N801584" s="10"/>
    </row>
    <row r="801585" spans="14:14">
      <c r="N801585" s="10"/>
    </row>
    <row r="801586" spans="14:14">
      <c r="N801586" s="10"/>
    </row>
    <row r="801587" spans="14:14">
      <c r="N801587" s="10"/>
    </row>
    <row r="801588" spans="14:14">
      <c r="N801588" s="10"/>
    </row>
    <row r="801589" spans="14:14">
      <c r="N801589" s="10"/>
    </row>
    <row r="801590" spans="14:14">
      <c r="N801590" s="10"/>
    </row>
    <row r="801591" spans="14:14">
      <c r="N801591" s="10"/>
    </row>
    <row r="801592" spans="14:14">
      <c r="N801592" s="10"/>
    </row>
    <row r="801593" spans="14:14">
      <c r="N801593" s="10"/>
    </row>
    <row r="801594" spans="14:14">
      <c r="N801594" s="10"/>
    </row>
    <row r="801595" spans="14:14">
      <c r="N801595" s="10"/>
    </row>
    <row r="801596" spans="14:14">
      <c r="N801596" s="10"/>
    </row>
    <row r="801597" spans="14:14">
      <c r="N801597" s="10"/>
    </row>
    <row r="801598" spans="14:14">
      <c r="N801598" s="10"/>
    </row>
    <row r="801599" spans="14:14">
      <c r="N801599" s="10"/>
    </row>
    <row r="801600" spans="14:14">
      <c r="N801600" s="10"/>
    </row>
    <row r="801601" spans="14:14">
      <c r="N801601" s="10"/>
    </row>
    <row r="801602" spans="14:14">
      <c r="N801602" s="10"/>
    </row>
    <row r="801603" spans="14:14">
      <c r="N801603" s="10"/>
    </row>
    <row r="801604" spans="14:14">
      <c r="N801604" s="10"/>
    </row>
    <row r="801605" spans="14:14">
      <c r="N801605" s="10"/>
    </row>
    <row r="801606" spans="14:14">
      <c r="N801606" s="10"/>
    </row>
    <row r="801607" spans="14:14">
      <c r="N801607" s="10"/>
    </row>
    <row r="801608" spans="14:14">
      <c r="N801608" s="10"/>
    </row>
    <row r="801609" spans="14:14">
      <c r="N801609" s="10"/>
    </row>
    <row r="801610" spans="14:14">
      <c r="N801610" s="10"/>
    </row>
    <row r="801611" spans="14:14">
      <c r="N801611" s="10"/>
    </row>
    <row r="801612" spans="14:14">
      <c r="N801612" s="10"/>
    </row>
    <row r="801613" spans="14:14">
      <c r="N801613" s="10"/>
    </row>
    <row r="801614" spans="14:14">
      <c r="N801614" s="10"/>
    </row>
    <row r="801615" spans="14:14">
      <c r="N801615" s="10"/>
    </row>
    <row r="801616" spans="14:14">
      <c r="N801616" s="10"/>
    </row>
    <row r="801617" spans="14:14">
      <c r="N801617" s="10"/>
    </row>
    <row r="801618" spans="14:14">
      <c r="N801618" s="10"/>
    </row>
    <row r="801619" spans="14:14">
      <c r="N801619" s="10"/>
    </row>
    <row r="801620" spans="14:14">
      <c r="N801620" s="10"/>
    </row>
    <row r="801621" spans="14:14">
      <c r="N801621" s="10"/>
    </row>
    <row r="801622" spans="14:14">
      <c r="N801622" s="10"/>
    </row>
    <row r="801623" spans="14:14">
      <c r="N801623" s="10"/>
    </row>
    <row r="801624" spans="14:14">
      <c r="N801624" s="10"/>
    </row>
    <row r="801625" spans="14:14">
      <c r="N801625" s="10"/>
    </row>
    <row r="801626" spans="14:14">
      <c r="N801626" s="10"/>
    </row>
    <row r="801627" spans="14:14">
      <c r="N801627" s="10"/>
    </row>
    <row r="801628" spans="14:14">
      <c r="N801628" s="10"/>
    </row>
    <row r="801629" spans="14:14">
      <c r="N801629" s="10"/>
    </row>
    <row r="801630" spans="14:14">
      <c r="N801630" s="10"/>
    </row>
    <row r="801631" spans="14:14">
      <c r="N801631" s="10"/>
    </row>
    <row r="801632" spans="14:14">
      <c r="N801632" s="10"/>
    </row>
    <row r="801633" spans="14:14">
      <c r="N801633" s="10"/>
    </row>
    <row r="801634" spans="14:14">
      <c r="N801634" s="10"/>
    </row>
    <row r="801635" spans="14:14">
      <c r="N801635" s="10"/>
    </row>
    <row r="801636" spans="14:14">
      <c r="N801636" s="10"/>
    </row>
    <row r="801637" spans="14:14">
      <c r="N801637" s="10"/>
    </row>
    <row r="801638" spans="14:14">
      <c r="N801638" s="10"/>
    </row>
    <row r="801639" spans="14:14">
      <c r="N801639" s="10"/>
    </row>
    <row r="801640" spans="14:14">
      <c r="N801640" s="10"/>
    </row>
    <row r="801641" spans="14:14">
      <c r="N801641" s="10"/>
    </row>
    <row r="801642" spans="14:14">
      <c r="N801642" s="10"/>
    </row>
    <row r="801643" spans="14:14">
      <c r="N801643" s="10"/>
    </row>
    <row r="801644" spans="14:14">
      <c r="N801644" s="10"/>
    </row>
    <row r="801645" spans="14:14">
      <c r="N801645" s="10"/>
    </row>
    <row r="801646" spans="14:14">
      <c r="N801646" s="10"/>
    </row>
    <row r="801647" spans="14:14">
      <c r="N801647" s="10"/>
    </row>
    <row r="801648" spans="14:14">
      <c r="N801648" s="10"/>
    </row>
    <row r="801649" spans="14:14">
      <c r="N801649" s="10"/>
    </row>
    <row r="801650" spans="14:14">
      <c r="N801650" s="10"/>
    </row>
    <row r="801651" spans="14:14">
      <c r="N801651" s="10"/>
    </row>
    <row r="801652" spans="14:14">
      <c r="N801652" s="10"/>
    </row>
    <row r="801653" spans="14:14">
      <c r="N801653" s="10"/>
    </row>
    <row r="801654" spans="14:14">
      <c r="N801654" s="10"/>
    </row>
    <row r="801655" spans="14:14">
      <c r="N801655" s="10"/>
    </row>
    <row r="801656" spans="14:14">
      <c r="N801656" s="10"/>
    </row>
    <row r="801657" spans="14:14">
      <c r="N801657" s="10"/>
    </row>
    <row r="801658" spans="14:14">
      <c r="N801658" s="10"/>
    </row>
    <row r="801659" spans="14:14">
      <c r="N801659" s="10"/>
    </row>
    <row r="801660" spans="14:14">
      <c r="N801660" s="10"/>
    </row>
    <row r="801661" spans="14:14">
      <c r="N801661" s="10"/>
    </row>
    <row r="801662" spans="14:14">
      <c r="N801662" s="10"/>
    </row>
    <row r="801663" spans="14:14">
      <c r="N801663" s="10"/>
    </row>
    <row r="801664" spans="14:14">
      <c r="N801664" s="10"/>
    </row>
    <row r="801665" spans="14:14">
      <c r="N801665" s="10"/>
    </row>
    <row r="801666" spans="14:14">
      <c r="N801666" s="10"/>
    </row>
    <row r="801667" spans="14:14">
      <c r="N801667" s="10"/>
    </row>
    <row r="801668" spans="14:14">
      <c r="N801668" s="10"/>
    </row>
    <row r="801669" spans="14:14">
      <c r="N801669" s="10"/>
    </row>
    <row r="801670" spans="14:14">
      <c r="N801670" s="10"/>
    </row>
    <row r="801671" spans="14:14">
      <c r="N801671" s="10"/>
    </row>
    <row r="801672" spans="14:14">
      <c r="N801672" s="10"/>
    </row>
    <row r="801673" spans="14:14">
      <c r="N801673" s="10"/>
    </row>
    <row r="801674" spans="14:14">
      <c r="N801674" s="10"/>
    </row>
    <row r="801675" spans="14:14">
      <c r="N801675" s="10"/>
    </row>
    <row r="801676" spans="14:14">
      <c r="N801676" s="10"/>
    </row>
    <row r="801677" spans="14:14">
      <c r="N801677" s="10"/>
    </row>
    <row r="801678" spans="14:14">
      <c r="N801678" s="10"/>
    </row>
    <row r="801679" spans="14:14">
      <c r="N801679" s="10"/>
    </row>
    <row r="801680" spans="14:14">
      <c r="N801680" s="10"/>
    </row>
    <row r="801681" spans="14:14">
      <c r="N801681" s="10"/>
    </row>
    <row r="801682" spans="14:14">
      <c r="N801682" s="10"/>
    </row>
    <row r="801683" spans="14:14">
      <c r="N801683" s="10"/>
    </row>
    <row r="801684" spans="14:14">
      <c r="N801684" s="10"/>
    </row>
    <row r="801685" spans="14:14">
      <c r="N801685" s="10"/>
    </row>
    <row r="801686" spans="14:14">
      <c r="N801686" s="10"/>
    </row>
    <row r="801687" spans="14:14">
      <c r="N801687" s="10"/>
    </row>
    <row r="801688" spans="14:14">
      <c r="N801688" s="10"/>
    </row>
    <row r="801689" spans="14:14">
      <c r="N801689" s="10"/>
    </row>
    <row r="801690" spans="14:14">
      <c r="N801690" s="10"/>
    </row>
    <row r="801691" spans="14:14">
      <c r="N801691" s="10"/>
    </row>
    <row r="801692" spans="14:14">
      <c r="N801692" s="10"/>
    </row>
    <row r="801693" spans="14:14">
      <c r="N801693" s="10"/>
    </row>
    <row r="801694" spans="14:14">
      <c r="N801694" s="10"/>
    </row>
    <row r="801695" spans="14:14">
      <c r="N801695" s="10"/>
    </row>
    <row r="801696" spans="14:14">
      <c r="N801696" s="10"/>
    </row>
    <row r="801697" spans="14:14">
      <c r="N801697" s="10"/>
    </row>
    <row r="801698" spans="14:14">
      <c r="N801698" s="10"/>
    </row>
    <row r="801699" spans="14:14">
      <c r="N801699" s="10"/>
    </row>
    <row r="801700" spans="14:14">
      <c r="N801700" s="10"/>
    </row>
    <row r="801701" spans="14:14">
      <c r="N801701" s="10"/>
    </row>
    <row r="801702" spans="14:14">
      <c r="N801702" s="10"/>
    </row>
    <row r="801703" spans="14:14">
      <c r="N801703" s="10"/>
    </row>
    <row r="801704" spans="14:14">
      <c r="N801704" s="10"/>
    </row>
    <row r="801705" spans="14:14">
      <c r="N801705" s="10"/>
    </row>
    <row r="801706" spans="14:14">
      <c r="N801706" s="10"/>
    </row>
    <row r="801707" spans="14:14">
      <c r="N801707" s="10"/>
    </row>
    <row r="801708" spans="14:14">
      <c r="N801708" s="10"/>
    </row>
    <row r="801709" spans="14:14">
      <c r="N801709" s="10"/>
    </row>
    <row r="801710" spans="14:14">
      <c r="N801710" s="10"/>
    </row>
    <row r="801711" spans="14:14">
      <c r="N801711" s="10"/>
    </row>
    <row r="801712" spans="14:14">
      <c r="N801712" s="10"/>
    </row>
    <row r="801713" spans="14:14">
      <c r="N801713" s="10"/>
    </row>
    <row r="801714" spans="14:14">
      <c r="N801714" s="10"/>
    </row>
    <row r="801715" spans="14:14">
      <c r="N801715" s="10"/>
    </row>
    <row r="801716" spans="14:14">
      <c r="N801716" s="10"/>
    </row>
    <row r="801717" spans="14:14">
      <c r="N801717" s="10"/>
    </row>
    <row r="801718" spans="14:14">
      <c r="N801718" s="10"/>
    </row>
    <row r="801719" spans="14:14">
      <c r="N801719" s="10"/>
    </row>
    <row r="801720" spans="14:14">
      <c r="N801720" s="10"/>
    </row>
    <row r="801721" spans="14:14">
      <c r="N801721" s="10"/>
    </row>
    <row r="801722" spans="14:14">
      <c r="N801722" s="10"/>
    </row>
    <row r="801723" spans="14:14">
      <c r="N801723" s="10"/>
    </row>
    <row r="801724" spans="14:14">
      <c r="N801724" s="10"/>
    </row>
    <row r="801725" spans="14:14">
      <c r="N801725" s="10"/>
    </row>
    <row r="801726" spans="14:14">
      <c r="N801726" s="10"/>
    </row>
    <row r="801727" spans="14:14">
      <c r="N801727" s="10"/>
    </row>
    <row r="801728" spans="14:14">
      <c r="N801728" s="10"/>
    </row>
    <row r="801729" spans="14:14">
      <c r="N801729" s="10"/>
    </row>
    <row r="801730" spans="14:14">
      <c r="N801730" s="10"/>
    </row>
    <row r="801731" spans="14:14">
      <c r="N801731" s="10"/>
    </row>
    <row r="801732" spans="14:14">
      <c r="N801732" s="10"/>
    </row>
    <row r="801733" spans="14:14">
      <c r="N801733" s="10"/>
    </row>
    <row r="801734" spans="14:14">
      <c r="N801734" s="10"/>
    </row>
    <row r="801735" spans="14:14">
      <c r="N801735" s="10"/>
    </row>
    <row r="801736" spans="14:14">
      <c r="N801736" s="10"/>
    </row>
    <row r="801737" spans="14:14">
      <c r="N801737" s="10"/>
    </row>
    <row r="801738" spans="14:14">
      <c r="N801738" s="10"/>
    </row>
    <row r="801739" spans="14:14">
      <c r="N801739" s="10"/>
    </row>
    <row r="801740" spans="14:14">
      <c r="N801740" s="10"/>
    </row>
    <row r="801741" spans="14:14">
      <c r="N801741" s="10"/>
    </row>
    <row r="801742" spans="14:14">
      <c r="N801742" s="10"/>
    </row>
    <row r="801743" spans="14:14">
      <c r="N801743" s="10"/>
    </row>
    <row r="801744" spans="14:14">
      <c r="N801744" s="10"/>
    </row>
    <row r="801745" spans="14:14">
      <c r="N801745" s="10"/>
    </row>
    <row r="801746" spans="14:14">
      <c r="N801746" s="10"/>
    </row>
    <row r="801747" spans="14:14">
      <c r="N801747" s="10"/>
    </row>
    <row r="801748" spans="14:14">
      <c r="N801748" s="10"/>
    </row>
    <row r="801749" spans="14:14">
      <c r="N801749" s="10"/>
    </row>
    <row r="801750" spans="14:14">
      <c r="N801750" s="10"/>
    </row>
    <row r="801751" spans="14:14">
      <c r="N801751" s="10"/>
    </row>
    <row r="801752" spans="14:14">
      <c r="N801752" s="10"/>
    </row>
    <row r="801753" spans="14:14">
      <c r="N801753" s="10"/>
    </row>
    <row r="801754" spans="14:14">
      <c r="N801754" s="10"/>
    </row>
    <row r="801755" spans="14:14">
      <c r="N801755" s="10"/>
    </row>
    <row r="801756" spans="14:14">
      <c r="N801756" s="10"/>
    </row>
    <row r="801757" spans="14:14">
      <c r="N801757" s="10"/>
    </row>
    <row r="801758" spans="14:14">
      <c r="N801758" s="10"/>
    </row>
    <row r="801759" spans="14:14">
      <c r="N801759" s="10"/>
    </row>
    <row r="801760" spans="14:14">
      <c r="N801760" s="10"/>
    </row>
    <row r="801761" spans="14:14">
      <c r="N801761" s="10"/>
    </row>
    <row r="801762" spans="14:14">
      <c r="N801762" s="10"/>
    </row>
    <row r="801763" spans="14:14">
      <c r="N801763" s="10"/>
    </row>
    <row r="801764" spans="14:14">
      <c r="N801764" s="10"/>
    </row>
    <row r="801765" spans="14:14">
      <c r="N801765" s="10"/>
    </row>
    <row r="801766" spans="14:14">
      <c r="N801766" s="10"/>
    </row>
    <row r="801767" spans="14:14">
      <c r="N801767" s="10"/>
    </row>
    <row r="801768" spans="14:14">
      <c r="N801768" s="10"/>
    </row>
    <row r="801769" spans="14:14">
      <c r="N801769" s="10"/>
    </row>
    <row r="801770" spans="14:14">
      <c r="N801770" s="10"/>
    </row>
    <row r="801771" spans="14:14">
      <c r="N801771" s="10"/>
    </row>
    <row r="801772" spans="14:14">
      <c r="N801772" s="10"/>
    </row>
    <row r="801773" spans="14:14">
      <c r="N801773" s="10"/>
    </row>
    <row r="801774" spans="14:14">
      <c r="N801774" s="10"/>
    </row>
    <row r="801775" spans="14:14">
      <c r="N801775" s="10"/>
    </row>
    <row r="801776" spans="14:14">
      <c r="N801776" s="10"/>
    </row>
    <row r="801777" spans="14:14">
      <c r="N801777" s="10"/>
    </row>
    <row r="801778" spans="14:14">
      <c r="N801778" s="10"/>
    </row>
    <row r="801779" spans="14:14">
      <c r="N801779" s="10"/>
    </row>
    <row r="801780" spans="14:14">
      <c r="N801780" s="10"/>
    </row>
    <row r="801781" spans="14:14">
      <c r="N801781" s="10"/>
    </row>
    <row r="801782" spans="14:14">
      <c r="N801782" s="10"/>
    </row>
    <row r="801783" spans="14:14">
      <c r="N801783" s="10"/>
    </row>
    <row r="801784" spans="14:14">
      <c r="N801784" s="10"/>
    </row>
    <row r="801785" spans="14:14">
      <c r="N801785" s="10"/>
    </row>
    <row r="801786" spans="14:14">
      <c r="N801786" s="10"/>
    </row>
    <row r="801787" spans="14:14">
      <c r="N801787" s="10"/>
    </row>
    <row r="801788" spans="14:14">
      <c r="N801788" s="10"/>
    </row>
    <row r="801789" spans="14:14">
      <c r="N801789" s="10"/>
    </row>
    <row r="801790" spans="14:14">
      <c r="N801790" s="10"/>
    </row>
    <row r="801791" spans="14:14">
      <c r="N801791" s="10"/>
    </row>
    <row r="801792" spans="14:14">
      <c r="N801792" s="10"/>
    </row>
    <row r="801793" spans="14:14">
      <c r="N801793" s="10"/>
    </row>
    <row r="801794" spans="14:14">
      <c r="N801794" s="10"/>
    </row>
    <row r="801795" spans="14:14">
      <c r="N801795" s="10"/>
    </row>
    <row r="801796" spans="14:14">
      <c r="N801796" s="10"/>
    </row>
    <row r="801797" spans="14:14">
      <c r="N801797" s="10"/>
    </row>
    <row r="801798" spans="14:14">
      <c r="N801798" s="10"/>
    </row>
    <row r="801799" spans="14:14">
      <c r="N801799" s="10"/>
    </row>
    <row r="801800" spans="14:14">
      <c r="N801800" s="10"/>
    </row>
    <row r="801801" spans="14:14">
      <c r="N801801" s="10"/>
    </row>
    <row r="801802" spans="14:14">
      <c r="N801802" s="10"/>
    </row>
    <row r="801803" spans="14:14">
      <c r="N801803" s="10"/>
    </row>
    <row r="801804" spans="14:14">
      <c r="N801804" s="10"/>
    </row>
    <row r="801805" spans="14:14">
      <c r="N801805" s="10"/>
    </row>
    <row r="801806" spans="14:14">
      <c r="N801806" s="10"/>
    </row>
    <row r="801807" spans="14:14">
      <c r="N801807" s="10"/>
    </row>
    <row r="801808" spans="14:14">
      <c r="N801808" s="10"/>
    </row>
    <row r="801809" spans="14:14">
      <c r="N801809" s="10"/>
    </row>
    <row r="801810" spans="14:14">
      <c r="N801810" s="10"/>
    </row>
    <row r="801811" spans="14:14">
      <c r="N801811" s="10"/>
    </row>
    <row r="801812" spans="14:14">
      <c r="N801812" s="10"/>
    </row>
    <row r="801813" spans="14:14">
      <c r="N801813" s="10"/>
    </row>
    <row r="801814" spans="14:14">
      <c r="N801814" s="10"/>
    </row>
    <row r="801815" spans="14:14">
      <c r="N801815" s="10"/>
    </row>
    <row r="801816" spans="14:14">
      <c r="N801816" s="10"/>
    </row>
    <row r="801817" spans="14:14">
      <c r="N801817" s="10"/>
    </row>
    <row r="801818" spans="14:14">
      <c r="N801818" s="10"/>
    </row>
    <row r="801819" spans="14:14">
      <c r="N801819" s="10"/>
    </row>
    <row r="801820" spans="14:14">
      <c r="N801820" s="10"/>
    </row>
    <row r="801821" spans="14:14">
      <c r="N801821" s="10"/>
    </row>
    <row r="801822" spans="14:14">
      <c r="N801822" s="10"/>
    </row>
    <row r="801823" spans="14:14">
      <c r="N801823" s="10"/>
    </row>
    <row r="801824" spans="14:14">
      <c r="N801824" s="10"/>
    </row>
    <row r="801825" spans="14:14">
      <c r="N801825" s="10"/>
    </row>
    <row r="801826" spans="14:14">
      <c r="N801826" s="10"/>
    </row>
    <row r="801827" spans="14:14">
      <c r="N801827" s="10"/>
    </row>
    <row r="801828" spans="14:14">
      <c r="N801828" s="10"/>
    </row>
    <row r="801829" spans="14:14">
      <c r="N801829" s="10"/>
    </row>
    <row r="801830" spans="14:14">
      <c r="N801830" s="10"/>
    </row>
    <row r="801831" spans="14:14">
      <c r="N801831" s="10"/>
    </row>
    <row r="801832" spans="14:14">
      <c r="N801832" s="10"/>
    </row>
    <row r="801833" spans="14:14">
      <c r="N801833" s="10"/>
    </row>
    <row r="801834" spans="14:14">
      <c r="N801834" s="10"/>
    </row>
    <row r="801835" spans="14:14">
      <c r="N801835" s="10"/>
    </row>
    <row r="801836" spans="14:14">
      <c r="N801836" s="10"/>
    </row>
    <row r="801837" spans="14:14">
      <c r="N801837" s="10"/>
    </row>
    <row r="801838" spans="14:14">
      <c r="N801838" s="10"/>
    </row>
    <row r="801839" spans="14:14">
      <c r="N801839" s="10"/>
    </row>
    <row r="801840" spans="14:14">
      <c r="N801840" s="10"/>
    </row>
    <row r="801841" spans="14:14">
      <c r="N801841" s="10"/>
    </row>
    <row r="801842" spans="14:14">
      <c r="N801842" s="10"/>
    </row>
    <row r="801843" spans="14:14">
      <c r="N801843" s="10"/>
    </row>
    <row r="801844" spans="14:14">
      <c r="N801844" s="10"/>
    </row>
    <row r="801845" spans="14:14">
      <c r="N801845" s="10"/>
    </row>
    <row r="801846" spans="14:14">
      <c r="N801846" s="10"/>
    </row>
    <row r="801847" spans="14:14">
      <c r="N801847" s="10"/>
    </row>
    <row r="801848" spans="14:14">
      <c r="N801848" s="10"/>
    </row>
    <row r="801849" spans="14:14">
      <c r="N801849" s="10"/>
    </row>
    <row r="801850" spans="14:14">
      <c r="N801850" s="10"/>
    </row>
    <row r="801851" spans="14:14">
      <c r="N801851" s="10"/>
    </row>
    <row r="801852" spans="14:14">
      <c r="N801852" s="10"/>
    </row>
    <row r="801853" spans="14:14">
      <c r="N801853" s="10"/>
    </row>
    <row r="801854" spans="14:14">
      <c r="N801854" s="10"/>
    </row>
    <row r="801855" spans="14:14">
      <c r="N801855" s="10"/>
    </row>
    <row r="801856" spans="14:14">
      <c r="N801856" s="10"/>
    </row>
    <row r="801857" spans="14:14">
      <c r="N801857" s="10"/>
    </row>
    <row r="801858" spans="14:14">
      <c r="N801858" s="10"/>
    </row>
    <row r="801859" spans="14:14">
      <c r="N801859" s="10"/>
    </row>
    <row r="801860" spans="14:14">
      <c r="N801860" s="10"/>
    </row>
    <row r="801861" spans="14:14">
      <c r="N801861" s="10"/>
    </row>
    <row r="801862" spans="14:14">
      <c r="N801862" s="10"/>
    </row>
    <row r="801863" spans="14:14">
      <c r="N801863" s="10"/>
    </row>
    <row r="801864" spans="14:14">
      <c r="N801864" s="10"/>
    </row>
    <row r="801865" spans="14:14">
      <c r="N801865" s="10"/>
    </row>
    <row r="801866" spans="14:14">
      <c r="N801866" s="10"/>
    </row>
    <row r="801867" spans="14:14">
      <c r="N801867" s="10"/>
    </row>
    <row r="801868" spans="14:14">
      <c r="N801868" s="10"/>
    </row>
    <row r="801869" spans="14:14">
      <c r="N801869" s="10"/>
    </row>
    <row r="801870" spans="14:14">
      <c r="N801870" s="10"/>
    </row>
    <row r="801871" spans="14:14">
      <c r="N801871" s="10"/>
    </row>
    <row r="801872" spans="14:14">
      <c r="N801872" s="10"/>
    </row>
    <row r="801873" spans="14:14">
      <c r="N801873" s="10"/>
    </row>
    <row r="801874" spans="14:14">
      <c r="N801874" s="10"/>
    </row>
    <row r="801875" spans="14:14">
      <c r="N801875" s="10"/>
    </row>
    <row r="801876" spans="14:14">
      <c r="N801876" s="10"/>
    </row>
    <row r="801877" spans="14:14">
      <c r="N801877" s="10"/>
    </row>
    <row r="801878" spans="14:14">
      <c r="N801878" s="10"/>
    </row>
    <row r="801879" spans="14:14">
      <c r="N801879" s="10"/>
    </row>
    <row r="801880" spans="14:14">
      <c r="N801880" s="10"/>
    </row>
    <row r="801881" spans="14:14">
      <c r="N801881" s="10"/>
    </row>
    <row r="801882" spans="14:14">
      <c r="N801882" s="10"/>
    </row>
    <row r="801883" spans="14:14">
      <c r="N801883" s="10"/>
    </row>
    <row r="801884" spans="14:14">
      <c r="N801884" s="10"/>
    </row>
    <row r="801885" spans="14:14">
      <c r="N801885" s="10"/>
    </row>
    <row r="801886" spans="14:14">
      <c r="N801886" s="10"/>
    </row>
    <row r="801887" spans="14:14">
      <c r="N801887" s="10"/>
    </row>
    <row r="801888" spans="14:14">
      <c r="N801888" s="10"/>
    </row>
    <row r="801889" spans="14:14">
      <c r="N801889" s="10"/>
    </row>
    <row r="801890" spans="14:14">
      <c r="N801890" s="10"/>
    </row>
    <row r="801891" spans="14:14">
      <c r="N801891" s="10"/>
    </row>
    <row r="801892" spans="14:14">
      <c r="N801892" s="10"/>
    </row>
    <row r="801893" spans="14:14">
      <c r="N801893" s="10"/>
    </row>
    <row r="801894" spans="14:14">
      <c r="N801894" s="10"/>
    </row>
    <row r="801895" spans="14:14">
      <c r="N801895" s="10"/>
    </row>
    <row r="801896" spans="14:14">
      <c r="N801896" s="10"/>
    </row>
    <row r="801897" spans="14:14">
      <c r="N801897" s="10"/>
    </row>
    <row r="801898" spans="14:14">
      <c r="N801898" s="10"/>
    </row>
    <row r="801899" spans="14:14">
      <c r="N801899" s="10"/>
    </row>
    <row r="801900" spans="14:14">
      <c r="N801900" s="10"/>
    </row>
    <row r="801901" spans="14:14">
      <c r="N801901" s="10"/>
    </row>
    <row r="801902" spans="14:14">
      <c r="N801902" s="10"/>
    </row>
    <row r="801903" spans="14:14">
      <c r="N801903" s="10"/>
    </row>
    <row r="801904" spans="14:14">
      <c r="N801904" s="10"/>
    </row>
    <row r="801905" spans="14:14">
      <c r="N801905" s="10"/>
    </row>
    <row r="801906" spans="14:14">
      <c r="N801906" s="10"/>
    </row>
    <row r="801907" spans="14:14">
      <c r="N801907" s="10"/>
    </row>
    <row r="801908" spans="14:14">
      <c r="N801908" s="10"/>
    </row>
    <row r="801909" spans="14:14">
      <c r="N801909" s="10"/>
    </row>
    <row r="801910" spans="14:14">
      <c r="N801910" s="10"/>
    </row>
    <row r="801911" spans="14:14">
      <c r="N801911" s="10"/>
    </row>
    <row r="801912" spans="14:14">
      <c r="N801912" s="10"/>
    </row>
    <row r="801913" spans="14:14">
      <c r="N801913" s="10"/>
    </row>
    <row r="801914" spans="14:14">
      <c r="N801914" s="10"/>
    </row>
    <row r="801915" spans="14:14">
      <c r="N801915" s="10"/>
    </row>
    <row r="801916" spans="14:14">
      <c r="N801916" s="10"/>
    </row>
    <row r="801917" spans="14:14">
      <c r="N801917" s="10"/>
    </row>
    <row r="801918" spans="14:14">
      <c r="N801918" s="10"/>
    </row>
    <row r="801919" spans="14:14">
      <c r="N801919" s="10"/>
    </row>
    <row r="801920" spans="14:14">
      <c r="N801920" s="10"/>
    </row>
    <row r="801921" spans="14:14">
      <c r="N801921" s="10"/>
    </row>
    <row r="801922" spans="14:14">
      <c r="N801922" s="10"/>
    </row>
    <row r="801923" spans="14:14">
      <c r="N801923" s="10"/>
    </row>
    <row r="801924" spans="14:14">
      <c r="N801924" s="10"/>
    </row>
    <row r="801925" spans="14:14">
      <c r="N801925" s="10"/>
    </row>
    <row r="801926" spans="14:14">
      <c r="N801926" s="10"/>
    </row>
    <row r="801927" spans="14:14">
      <c r="N801927" s="10"/>
    </row>
    <row r="801928" spans="14:14">
      <c r="N801928" s="10"/>
    </row>
    <row r="801929" spans="14:14">
      <c r="N801929" s="10"/>
    </row>
    <row r="801930" spans="14:14">
      <c r="N801930" s="10"/>
    </row>
    <row r="801931" spans="14:14">
      <c r="N801931" s="10"/>
    </row>
    <row r="801932" spans="14:14">
      <c r="N801932" s="10"/>
    </row>
    <row r="801933" spans="14:14">
      <c r="N801933" s="10"/>
    </row>
    <row r="801934" spans="14:14">
      <c r="N801934" s="10"/>
    </row>
    <row r="801935" spans="14:14">
      <c r="N801935" s="10"/>
    </row>
    <row r="801936" spans="14:14">
      <c r="N801936" s="10"/>
    </row>
    <row r="801937" spans="14:14">
      <c r="N801937" s="10"/>
    </row>
    <row r="801938" spans="14:14">
      <c r="N801938" s="10"/>
    </row>
    <row r="801939" spans="14:14">
      <c r="N801939" s="10"/>
    </row>
    <row r="801940" spans="14:14">
      <c r="N801940" s="10"/>
    </row>
    <row r="801941" spans="14:14">
      <c r="N801941" s="10"/>
    </row>
    <row r="801942" spans="14:14">
      <c r="N801942" s="10"/>
    </row>
    <row r="801943" spans="14:14">
      <c r="N801943" s="10"/>
    </row>
    <row r="801944" spans="14:14">
      <c r="N801944" s="10"/>
    </row>
    <row r="801945" spans="14:14">
      <c r="N801945" s="10"/>
    </row>
    <row r="801946" spans="14:14">
      <c r="N801946" s="10"/>
    </row>
    <row r="801947" spans="14:14">
      <c r="N801947" s="10"/>
    </row>
    <row r="801948" spans="14:14">
      <c r="N801948" s="10"/>
    </row>
    <row r="801949" spans="14:14">
      <c r="N801949" s="10"/>
    </row>
    <row r="801950" spans="14:14">
      <c r="N801950" s="10"/>
    </row>
    <row r="801951" spans="14:14">
      <c r="N801951" s="10"/>
    </row>
    <row r="801952" spans="14:14">
      <c r="N801952" s="10"/>
    </row>
    <row r="801953" spans="14:14">
      <c r="N801953" s="10"/>
    </row>
    <row r="801954" spans="14:14">
      <c r="N801954" s="10"/>
    </row>
    <row r="801955" spans="14:14">
      <c r="N801955" s="10"/>
    </row>
    <row r="801956" spans="14:14">
      <c r="N801956" s="10"/>
    </row>
    <row r="801957" spans="14:14">
      <c r="N801957" s="10"/>
    </row>
    <row r="801958" spans="14:14">
      <c r="N801958" s="10"/>
    </row>
    <row r="801959" spans="14:14">
      <c r="N801959" s="10"/>
    </row>
    <row r="801960" spans="14:14">
      <c r="N801960" s="10"/>
    </row>
    <row r="801961" spans="14:14">
      <c r="N801961" s="10"/>
    </row>
    <row r="801962" spans="14:14">
      <c r="N801962" s="10"/>
    </row>
    <row r="801963" spans="14:14">
      <c r="N801963" s="10"/>
    </row>
    <row r="801964" spans="14:14">
      <c r="N801964" s="10"/>
    </row>
    <row r="801965" spans="14:14">
      <c r="N801965" s="10"/>
    </row>
    <row r="801966" spans="14:14">
      <c r="N801966" s="10"/>
    </row>
    <row r="801967" spans="14:14">
      <c r="N801967" s="10"/>
    </row>
    <row r="801968" spans="14:14">
      <c r="N801968" s="10"/>
    </row>
    <row r="801969" spans="14:14">
      <c r="N801969" s="10"/>
    </row>
    <row r="801970" spans="14:14">
      <c r="N801970" s="10"/>
    </row>
    <row r="801971" spans="14:14">
      <c r="N801971" s="10"/>
    </row>
    <row r="801972" spans="14:14">
      <c r="N801972" s="10"/>
    </row>
    <row r="801973" spans="14:14">
      <c r="N801973" s="10"/>
    </row>
    <row r="801974" spans="14:14">
      <c r="N801974" s="10"/>
    </row>
    <row r="801975" spans="14:14">
      <c r="N801975" s="10"/>
    </row>
    <row r="801976" spans="14:14">
      <c r="N801976" s="10"/>
    </row>
    <row r="801977" spans="14:14">
      <c r="N801977" s="10"/>
    </row>
    <row r="801978" spans="14:14">
      <c r="N801978" s="10"/>
    </row>
    <row r="801979" spans="14:14">
      <c r="N801979" s="10"/>
    </row>
    <row r="801980" spans="14:14">
      <c r="N801980" s="10"/>
    </row>
    <row r="801981" spans="14:14">
      <c r="N801981" s="10"/>
    </row>
    <row r="801982" spans="14:14">
      <c r="N801982" s="10"/>
    </row>
    <row r="801983" spans="14:14">
      <c r="N801983" s="10"/>
    </row>
    <row r="801984" spans="14:14">
      <c r="N801984" s="10"/>
    </row>
    <row r="801985" spans="14:14">
      <c r="N801985" s="10"/>
    </row>
    <row r="801986" spans="14:14">
      <c r="N801986" s="10"/>
    </row>
    <row r="801987" spans="14:14">
      <c r="N801987" s="10"/>
    </row>
    <row r="801988" spans="14:14">
      <c r="N801988" s="10"/>
    </row>
    <row r="801989" spans="14:14">
      <c r="N801989" s="10"/>
    </row>
    <row r="801990" spans="14:14">
      <c r="N801990" s="10"/>
    </row>
    <row r="801991" spans="14:14">
      <c r="N801991" s="10"/>
    </row>
    <row r="801992" spans="14:14">
      <c r="N801992" s="10"/>
    </row>
    <row r="801993" spans="14:14">
      <c r="N801993" s="10"/>
    </row>
    <row r="801994" spans="14:14">
      <c r="N801994" s="10"/>
    </row>
    <row r="801995" spans="14:14">
      <c r="N801995" s="10"/>
    </row>
    <row r="801996" spans="14:14">
      <c r="N801996" s="10"/>
    </row>
    <row r="801997" spans="14:14">
      <c r="N801997" s="10"/>
    </row>
    <row r="801998" spans="14:14">
      <c r="N801998" s="10"/>
    </row>
    <row r="801999" spans="14:14">
      <c r="N801999" s="10"/>
    </row>
    <row r="802000" spans="14:14">
      <c r="N802000" s="10"/>
    </row>
    <row r="802001" spans="14:14">
      <c r="N802001" s="10"/>
    </row>
    <row r="802002" spans="14:14">
      <c r="N802002" s="10"/>
    </row>
    <row r="802003" spans="14:14">
      <c r="N802003" s="10"/>
    </row>
    <row r="802004" spans="14:14">
      <c r="N802004" s="10"/>
    </row>
    <row r="802005" spans="14:14">
      <c r="N802005" s="10"/>
    </row>
    <row r="802006" spans="14:14">
      <c r="N802006" s="10"/>
    </row>
    <row r="802007" spans="14:14">
      <c r="N802007" s="10"/>
    </row>
    <row r="802008" spans="14:14">
      <c r="N802008" s="10"/>
    </row>
    <row r="802009" spans="14:14">
      <c r="N802009" s="10"/>
    </row>
    <row r="802010" spans="14:14">
      <c r="N802010" s="10"/>
    </row>
    <row r="802011" spans="14:14">
      <c r="N802011" s="10"/>
    </row>
    <row r="802012" spans="14:14">
      <c r="N802012" s="10"/>
    </row>
    <row r="802013" spans="14:14">
      <c r="N802013" s="10"/>
    </row>
    <row r="802014" spans="14:14">
      <c r="N802014" s="10"/>
    </row>
    <row r="802015" spans="14:14">
      <c r="N802015" s="10"/>
    </row>
    <row r="802016" spans="14:14">
      <c r="N802016" s="10"/>
    </row>
    <row r="802017" spans="14:14">
      <c r="N802017" s="10"/>
    </row>
    <row r="802018" spans="14:14">
      <c r="N802018" s="10"/>
    </row>
    <row r="802019" spans="14:14">
      <c r="N802019" s="10"/>
    </row>
    <row r="802020" spans="14:14">
      <c r="N802020" s="10"/>
    </row>
    <row r="802021" spans="14:14">
      <c r="N802021" s="10"/>
    </row>
    <row r="802022" spans="14:14">
      <c r="N802022" s="10"/>
    </row>
    <row r="802023" spans="14:14">
      <c r="N802023" s="10"/>
    </row>
    <row r="802024" spans="14:14">
      <c r="N802024" s="10"/>
    </row>
    <row r="802025" spans="14:14">
      <c r="N802025" s="10"/>
    </row>
    <row r="802026" spans="14:14">
      <c r="N802026" s="10"/>
    </row>
    <row r="802027" spans="14:14">
      <c r="N802027" s="10"/>
    </row>
    <row r="802028" spans="14:14">
      <c r="N802028" s="10"/>
    </row>
    <row r="802029" spans="14:14">
      <c r="N802029" s="10"/>
    </row>
    <row r="802030" spans="14:14">
      <c r="N802030" s="10"/>
    </row>
    <row r="802031" spans="14:14">
      <c r="N802031" s="10"/>
    </row>
    <row r="802032" spans="14:14">
      <c r="N802032" s="10"/>
    </row>
    <row r="802033" spans="14:14">
      <c r="N802033" s="10"/>
    </row>
    <row r="802034" spans="14:14">
      <c r="N802034" s="10"/>
    </row>
    <row r="802035" spans="14:14">
      <c r="N802035" s="10"/>
    </row>
    <row r="802036" spans="14:14">
      <c r="N802036" s="10"/>
    </row>
    <row r="802037" spans="14:14">
      <c r="N802037" s="10"/>
    </row>
    <row r="802038" spans="14:14">
      <c r="N802038" s="10"/>
    </row>
    <row r="802039" spans="14:14">
      <c r="N802039" s="10"/>
    </row>
    <row r="802040" spans="14:14">
      <c r="N802040" s="10"/>
    </row>
    <row r="802041" spans="14:14">
      <c r="N802041" s="10"/>
    </row>
    <row r="802042" spans="14:14">
      <c r="N802042" s="10"/>
    </row>
    <row r="802043" spans="14:14">
      <c r="N802043" s="10"/>
    </row>
    <row r="802044" spans="14:14">
      <c r="N802044" s="10"/>
    </row>
    <row r="802045" spans="14:14">
      <c r="N802045" s="10"/>
    </row>
    <row r="802046" spans="14:14">
      <c r="N802046" s="10"/>
    </row>
    <row r="802047" spans="14:14">
      <c r="N802047" s="10"/>
    </row>
    <row r="802048" spans="14:14">
      <c r="N802048" s="10"/>
    </row>
    <row r="802049" spans="14:14">
      <c r="N802049" s="10"/>
    </row>
    <row r="802050" spans="14:14">
      <c r="N802050" s="10"/>
    </row>
    <row r="802051" spans="14:14">
      <c r="N802051" s="10"/>
    </row>
    <row r="802052" spans="14:14">
      <c r="N802052" s="10"/>
    </row>
    <row r="802053" spans="14:14">
      <c r="N802053" s="10"/>
    </row>
    <row r="802054" spans="14:14">
      <c r="N802054" s="10"/>
    </row>
    <row r="802055" spans="14:14">
      <c r="N802055" s="10"/>
    </row>
    <row r="802056" spans="14:14">
      <c r="N802056" s="10"/>
    </row>
    <row r="802057" spans="14:14">
      <c r="N802057" s="10"/>
    </row>
    <row r="802058" spans="14:14">
      <c r="N802058" s="10"/>
    </row>
    <row r="802059" spans="14:14">
      <c r="N802059" s="10"/>
    </row>
    <row r="802060" spans="14:14">
      <c r="N802060" s="10"/>
    </row>
    <row r="802061" spans="14:14">
      <c r="N802061" s="10"/>
    </row>
    <row r="802062" spans="14:14">
      <c r="N802062" s="10"/>
    </row>
    <row r="802063" spans="14:14">
      <c r="N802063" s="10"/>
    </row>
    <row r="802064" spans="14:14">
      <c r="N802064" s="10"/>
    </row>
    <row r="802065" spans="14:14">
      <c r="N802065" s="10"/>
    </row>
    <row r="802066" spans="14:14">
      <c r="N802066" s="10"/>
    </row>
    <row r="802067" spans="14:14">
      <c r="N802067" s="10"/>
    </row>
    <row r="802068" spans="14:14">
      <c r="N802068" s="10"/>
    </row>
    <row r="802069" spans="14:14">
      <c r="N802069" s="10"/>
    </row>
    <row r="802070" spans="14:14">
      <c r="N802070" s="10"/>
    </row>
    <row r="802071" spans="14:14">
      <c r="N802071" s="10"/>
    </row>
    <row r="802072" spans="14:14">
      <c r="N802072" s="10"/>
    </row>
    <row r="802073" spans="14:14">
      <c r="N802073" s="10"/>
    </row>
    <row r="802074" spans="14:14">
      <c r="N802074" s="10"/>
    </row>
    <row r="802075" spans="14:14">
      <c r="N802075" s="10"/>
    </row>
    <row r="802076" spans="14:14">
      <c r="N802076" s="10"/>
    </row>
    <row r="802077" spans="14:14">
      <c r="N802077" s="10"/>
    </row>
    <row r="802078" spans="14:14">
      <c r="N802078" s="10"/>
    </row>
    <row r="802079" spans="14:14">
      <c r="N802079" s="10"/>
    </row>
    <row r="802080" spans="14:14">
      <c r="N802080" s="10"/>
    </row>
    <row r="802081" spans="14:14">
      <c r="N802081" s="10"/>
    </row>
    <row r="802082" spans="14:14">
      <c r="N802082" s="10"/>
    </row>
    <row r="802083" spans="14:14">
      <c r="N802083" s="10"/>
    </row>
    <row r="802084" spans="14:14">
      <c r="N802084" s="10"/>
    </row>
    <row r="802085" spans="14:14">
      <c r="N802085" s="10"/>
    </row>
    <row r="802086" spans="14:14">
      <c r="N802086" s="10"/>
    </row>
    <row r="802087" spans="14:14">
      <c r="N802087" s="10"/>
    </row>
    <row r="802088" spans="14:14">
      <c r="N802088" s="10"/>
    </row>
    <row r="802089" spans="14:14">
      <c r="N802089" s="10"/>
    </row>
    <row r="802090" spans="14:14">
      <c r="N802090" s="10"/>
    </row>
    <row r="802091" spans="14:14">
      <c r="N802091" s="10"/>
    </row>
    <row r="802092" spans="14:14">
      <c r="N802092" s="10"/>
    </row>
    <row r="802093" spans="14:14">
      <c r="N802093" s="10"/>
    </row>
    <row r="802094" spans="14:14">
      <c r="N802094" s="10"/>
    </row>
    <row r="802095" spans="14:14">
      <c r="N802095" s="10"/>
    </row>
    <row r="802096" spans="14:14">
      <c r="N802096" s="10"/>
    </row>
    <row r="802097" spans="14:14">
      <c r="N802097" s="10"/>
    </row>
    <row r="802098" spans="14:14">
      <c r="N802098" s="10"/>
    </row>
    <row r="802099" spans="14:14">
      <c r="N802099" s="10"/>
    </row>
    <row r="802100" spans="14:14">
      <c r="N802100" s="10"/>
    </row>
    <row r="802101" spans="14:14">
      <c r="N802101" s="10"/>
    </row>
    <row r="802102" spans="14:14">
      <c r="N802102" s="10"/>
    </row>
    <row r="802103" spans="14:14">
      <c r="N802103" s="10"/>
    </row>
    <row r="802104" spans="14:14">
      <c r="N802104" s="10"/>
    </row>
    <row r="802105" spans="14:14">
      <c r="N802105" s="10"/>
    </row>
    <row r="802106" spans="14:14">
      <c r="N802106" s="10"/>
    </row>
    <row r="802107" spans="14:14">
      <c r="N802107" s="10"/>
    </row>
    <row r="802108" spans="14:14">
      <c r="N802108" s="10"/>
    </row>
    <row r="802109" spans="14:14">
      <c r="N802109" s="10"/>
    </row>
    <row r="802110" spans="14:14">
      <c r="N802110" s="10"/>
    </row>
    <row r="802111" spans="14:14">
      <c r="N802111" s="10"/>
    </row>
    <row r="802112" spans="14:14">
      <c r="N802112" s="10"/>
    </row>
    <row r="802113" spans="14:14">
      <c r="N802113" s="10"/>
    </row>
    <row r="802114" spans="14:14">
      <c r="N802114" s="10"/>
    </row>
    <row r="802115" spans="14:14">
      <c r="N802115" s="10"/>
    </row>
    <row r="802116" spans="14:14">
      <c r="N802116" s="10"/>
    </row>
    <row r="802117" spans="14:14">
      <c r="N802117" s="10"/>
    </row>
    <row r="802118" spans="14:14">
      <c r="N802118" s="10"/>
    </row>
    <row r="802119" spans="14:14">
      <c r="N802119" s="10"/>
    </row>
    <row r="802120" spans="14:14">
      <c r="N802120" s="10"/>
    </row>
    <row r="802121" spans="14:14">
      <c r="N802121" s="10"/>
    </row>
    <row r="802122" spans="14:14">
      <c r="N802122" s="10"/>
    </row>
    <row r="802123" spans="14:14">
      <c r="N802123" s="10"/>
    </row>
    <row r="802124" spans="14:14">
      <c r="N802124" s="10"/>
    </row>
    <row r="802125" spans="14:14">
      <c r="N802125" s="10"/>
    </row>
    <row r="802126" spans="14:14">
      <c r="N802126" s="10"/>
    </row>
    <row r="802127" spans="14:14">
      <c r="N802127" s="10"/>
    </row>
    <row r="802128" spans="14:14">
      <c r="N802128" s="10"/>
    </row>
    <row r="802129" spans="14:14">
      <c r="N802129" s="10"/>
    </row>
    <row r="802130" spans="14:14">
      <c r="N802130" s="10"/>
    </row>
    <row r="802131" spans="14:14">
      <c r="N802131" s="10"/>
    </row>
    <row r="802132" spans="14:14">
      <c r="N802132" s="10"/>
    </row>
    <row r="802133" spans="14:14">
      <c r="N802133" s="10"/>
    </row>
    <row r="802134" spans="14:14">
      <c r="N802134" s="10"/>
    </row>
    <row r="802135" spans="14:14">
      <c r="N802135" s="10"/>
    </row>
    <row r="802136" spans="14:14">
      <c r="N802136" s="10"/>
    </row>
    <row r="802137" spans="14:14">
      <c r="N802137" s="10"/>
    </row>
    <row r="802138" spans="14:14">
      <c r="N802138" s="10"/>
    </row>
    <row r="802139" spans="14:14">
      <c r="N802139" s="10"/>
    </row>
    <row r="802140" spans="14:14">
      <c r="N802140" s="10"/>
    </row>
    <row r="802141" spans="14:14">
      <c r="N802141" s="10"/>
    </row>
    <row r="802142" spans="14:14">
      <c r="N802142" s="10"/>
    </row>
    <row r="802143" spans="14:14">
      <c r="N802143" s="10"/>
    </row>
    <row r="802144" spans="14:14">
      <c r="N802144" s="10"/>
    </row>
    <row r="802145" spans="14:14">
      <c r="N802145" s="10"/>
    </row>
    <row r="802146" spans="14:14">
      <c r="N802146" s="10"/>
    </row>
    <row r="802147" spans="14:14">
      <c r="N802147" s="10"/>
    </row>
    <row r="802148" spans="14:14">
      <c r="N802148" s="10"/>
    </row>
    <row r="802149" spans="14:14">
      <c r="N802149" s="10"/>
    </row>
    <row r="802150" spans="14:14">
      <c r="N802150" s="10"/>
    </row>
    <row r="802151" spans="14:14">
      <c r="N802151" s="10"/>
    </row>
    <row r="802152" spans="14:14">
      <c r="N802152" s="10"/>
    </row>
    <row r="802153" spans="14:14">
      <c r="N802153" s="10"/>
    </row>
    <row r="802154" spans="14:14">
      <c r="N802154" s="10"/>
    </row>
    <row r="802155" spans="14:14">
      <c r="N802155" s="10"/>
    </row>
    <row r="802156" spans="14:14">
      <c r="N802156" s="10"/>
    </row>
    <row r="802157" spans="14:14">
      <c r="N802157" s="10"/>
    </row>
    <row r="802158" spans="14:14">
      <c r="N802158" s="10"/>
    </row>
    <row r="802159" spans="14:14">
      <c r="N802159" s="10"/>
    </row>
    <row r="802160" spans="14:14">
      <c r="N802160" s="10"/>
    </row>
    <row r="802161" spans="14:14">
      <c r="N802161" s="10"/>
    </row>
    <row r="802162" spans="14:14">
      <c r="N802162" s="10"/>
    </row>
    <row r="802163" spans="14:14">
      <c r="N802163" s="10"/>
    </row>
    <row r="802164" spans="14:14">
      <c r="N802164" s="10"/>
    </row>
    <row r="802165" spans="14:14">
      <c r="N802165" s="10"/>
    </row>
    <row r="802166" spans="14:14">
      <c r="N802166" s="10"/>
    </row>
    <row r="802167" spans="14:14">
      <c r="N802167" s="10"/>
    </row>
    <row r="802168" spans="14:14">
      <c r="N802168" s="10"/>
    </row>
    <row r="802169" spans="14:14">
      <c r="N802169" s="10"/>
    </row>
    <row r="802170" spans="14:14">
      <c r="N802170" s="10"/>
    </row>
    <row r="802171" spans="14:14">
      <c r="N802171" s="10"/>
    </row>
    <row r="802172" spans="14:14">
      <c r="N802172" s="10"/>
    </row>
    <row r="802173" spans="14:14">
      <c r="N802173" s="10"/>
    </row>
    <row r="802174" spans="14:14">
      <c r="N802174" s="10"/>
    </row>
    <row r="802175" spans="14:14">
      <c r="N802175" s="10"/>
    </row>
    <row r="802176" spans="14:14">
      <c r="N802176" s="10"/>
    </row>
    <row r="802177" spans="14:14">
      <c r="N802177" s="10"/>
    </row>
    <row r="802178" spans="14:14">
      <c r="N802178" s="10"/>
    </row>
    <row r="802179" spans="14:14">
      <c r="N802179" s="10"/>
    </row>
    <row r="802180" spans="14:14">
      <c r="N802180" s="10"/>
    </row>
    <row r="802181" spans="14:14">
      <c r="N802181" s="10"/>
    </row>
    <row r="802182" spans="14:14">
      <c r="N802182" s="10"/>
    </row>
    <row r="802183" spans="14:14">
      <c r="N802183" s="10"/>
    </row>
    <row r="802184" spans="14:14">
      <c r="N802184" s="10"/>
    </row>
    <row r="802185" spans="14:14">
      <c r="N802185" s="10"/>
    </row>
    <row r="802186" spans="14:14">
      <c r="N802186" s="10"/>
    </row>
    <row r="802187" spans="14:14">
      <c r="N802187" s="10"/>
    </row>
    <row r="802188" spans="14:14">
      <c r="N802188" s="10"/>
    </row>
    <row r="802189" spans="14:14">
      <c r="N802189" s="10"/>
    </row>
    <row r="802190" spans="14:14">
      <c r="N802190" s="10"/>
    </row>
    <row r="802191" spans="14:14">
      <c r="N802191" s="10"/>
    </row>
    <row r="802192" spans="14:14">
      <c r="N802192" s="10"/>
    </row>
    <row r="802193" spans="14:14">
      <c r="N802193" s="10"/>
    </row>
    <row r="802194" spans="14:14">
      <c r="N802194" s="10"/>
    </row>
    <row r="802195" spans="14:14">
      <c r="N802195" s="10"/>
    </row>
    <row r="802196" spans="14:14">
      <c r="N802196" s="10"/>
    </row>
    <row r="802197" spans="14:14">
      <c r="N802197" s="10"/>
    </row>
    <row r="802198" spans="14:14">
      <c r="N802198" s="10"/>
    </row>
    <row r="802199" spans="14:14">
      <c r="N802199" s="10"/>
    </row>
    <row r="802200" spans="14:14">
      <c r="N802200" s="10"/>
    </row>
    <row r="802201" spans="14:14">
      <c r="N802201" s="10"/>
    </row>
    <row r="802202" spans="14:14">
      <c r="N802202" s="10"/>
    </row>
    <row r="802203" spans="14:14">
      <c r="N802203" s="10"/>
    </row>
    <row r="802204" spans="14:14">
      <c r="N802204" s="10"/>
    </row>
    <row r="802205" spans="14:14">
      <c r="N802205" s="10"/>
    </row>
    <row r="802206" spans="14:14">
      <c r="N802206" s="10"/>
    </row>
    <row r="802207" spans="14:14">
      <c r="N802207" s="10"/>
    </row>
    <row r="802208" spans="14:14">
      <c r="N802208" s="10"/>
    </row>
    <row r="802209" spans="14:14">
      <c r="N802209" s="10"/>
    </row>
    <row r="802210" spans="14:14">
      <c r="N802210" s="10"/>
    </row>
    <row r="802211" spans="14:14">
      <c r="N802211" s="10"/>
    </row>
    <row r="802212" spans="14:14">
      <c r="N802212" s="10"/>
    </row>
    <row r="802213" spans="14:14">
      <c r="N802213" s="10"/>
    </row>
    <row r="802214" spans="14:14">
      <c r="N802214" s="10"/>
    </row>
    <row r="802215" spans="14:14">
      <c r="N802215" s="10"/>
    </row>
    <row r="802216" spans="14:14">
      <c r="N802216" s="10"/>
    </row>
    <row r="802217" spans="14:14">
      <c r="N802217" s="10"/>
    </row>
    <row r="802218" spans="14:14">
      <c r="N802218" s="10"/>
    </row>
    <row r="802219" spans="14:14">
      <c r="N802219" s="10"/>
    </row>
    <row r="802220" spans="14:14">
      <c r="N802220" s="10"/>
    </row>
    <row r="802221" spans="14:14">
      <c r="N802221" s="10"/>
    </row>
    <row r="802222" spans="14:14">
      <c r="N802222" s="10"/>
    </row>
    <row r="802223" spans="14:14">
      <c r="N802223" s="10"/>
    </row>
    <row r="802224" spans="14:14">
      <c r="N802224" s="10"/>
    </row>
    <row r="802225" spans="14:14">
      <c r="N802225" s="10"/>
    </row>
    <row r="802226" spans="14:14">
      <c r="N802226" s="10"/>
    </row>
    <row r="802227" spans="14:14">
      <c r="N802227" s="10"/>
    </row>
    <row r="802228" spans="14:14">
      <c r="N802228" s="10"/>
    </row>
    <row r="802229" spans="14:14">
      <c r="N802229" s="10"/>
    </row>
    <row r="802230" spans="14:14">
      <c r="N802230" s="10"/>
    </row>
    <row r="802231" spans="14:14">
      <c r="N802231" s="10"/>
    </row>
    <row r="802232" spans="14:14">
      <c r="N802232" s="10"/>
    </row>
    <row r="802233" spans="14:14">
      <c r="N802233" s="10"/>
    </row>
    <row r="802234" spans="14:14">
      <c r="N802234" s="10"/>
    </row>
    <row r="802235" spans="14:14">
      <c r="N802235" s="10"/>
    </row>
    <row r="802236" spans="14:14">
      <c r="N802236" s="10"/>
    </row>
    <row r="802237" spans="14:14">
      <c r="N802237" s="10"/>
    </row>
    <row r="802238" spans="14:14">
      <c r="N802238" s="10"/>
    </row>
    <row r="802239" spans="14:14">
      <c r="N802239" s="10"/>
    </row>
    <row r="802240" spans="14:14">
      <c r="N802240" s="10"/>
    </row>
    <row r="802241" spans="14:14">
      <c r="N802241" s="10"/>
    </row>
    <row r="802242" spans="14:14">
      <c r="N802242" s="10"/>
    </row>
    <row r="802243" spans="14:14">
      <c r="N802243" s="10"/>
    </row>
    <row r="802244" spans="14:14">
      <c r="N802244" s="10"/>
    </row>
    <row r="802245" spans="14:14">
      <c r="N802245" s="10"/>
    </row>
    <row r="802246" spans="14:14">
      <c r="N802246" s="10"/>
    </row>
    <row r="802247" spans="14:14">
      <c r="N802247" s="10"/>
    </row>
    <row r="802248" spans="14:14">
      <c r="N802248" s="10"/>
    </row>
    <row r="802249" spans="14:14">
      <c r="N802249" s="10"/>
    </row>
    <row r="802250" spans="14:14">
      <c r="N802250" s="10"/>
    </row>
    <row r="802251" spans="14:14">
      <c r="N802251" s="10"/>
    </row>
    <row r="802252" spans="14:14">
      <c r="N802252" s="10"/>
    </row>
    <row r="802253" spans="14:14">
      <c r="N802253" s="10"/>
    </row>
    <row r="802254" spans="14:14">
      <c r="N802254" s="10"/>
    </row>
    <row r="802255" spans="14:14">
      <c r="N802255" s="10"/>
    </row>
    <row r="802256" spans="14:14">
      <c r="N802256" s="10"/>
    </row>
    <row r="802257" spans="14:14">
      <c r="N802257" s="10"/>
    </row>
    <row r="802258" spans="14:14">
      <c r="N802258" s="10"/>
    </row>
    <row r="802259" spans="14:14">
      <c r="N802259" s="10"/>
    </row>
    <row r="802260" spans="14:14">
      <c r="N802260" s="10"/>
    </row>
    <row r="802261" spans="14:14">
      <c r="N802261" s="10"/>
    </row>
    <row r="802262" spans="14:14">
      <c r="N802262" s="10"/>
    </row>
    <row r="802263" spans="14:14">
      <c r="N802263" s="10"/>
    </row>
    <row r="802264" spans="14:14">
      <c r="N802264" s="10"/>
    </row>
    <row r="802265" spans="14:14">
      <c r="N802265" s="10"/>
    </row>
    <row r="802266" spans="14:14">
      <c r="N802266" s="10"/>
    </row>
    <row r="802267" spans="14:14">
      <c r="N802267" s="10"/>
    </row>
    <row r="802268" spans="14:14">
      <c r="N802268" s="10"/>
    </row>
    <row r="802269" spans="14:14">
      <c r="N802269" s="10"/>
    </row>
    <row r="802270" spans="14:14">
      <c r="N802270" s="10"/>
    </row>
    <row r="802271" spans="14:14">
      <c r="N802271" s="10"/>
    </row>
    <row r="802272" spans="14:14">
      <c r="N802272" s="10"/>
    </row>
    <row r="802273" spans="14:14">
      <c r="N802273" s="10"/>
    </row>
    <row r="802274" spans="14:14">
      <c r="N802274" s="10"/>
    </row>
    <row r="802275" spans="14:14">
      <c r="N802275" s="10"/>
    </row>
    <row r="802276" spans="14:14">
      <c r="N802276" s="10"/>
    </row>
    <row r="802277" spans="14:14">
      <c r="N802277" s="10"/>
    </row>
    <row r="802278" spans="14:14">
      <c r="N802278" s="10"/>
    </row>
    <row r="802279" spans="14:14">
      <c r="N802279" s="10"/>
    </row>
    <row r="802280" spans="14:14">
      <c r="N802280" s="10"/>
    </row>
    <row r="802281" spans="14:14">
      <c r="N802281" s="10"/>
    </row>
    <row r="802282" spans="14:14">
      <c r="N802282" s="10"/>
    </row>
    <row r="802283" spans="14:14">
      <c r="N802283" s="10"/>
    </row>
    <row r="802284" spans="14:14">
      <c r="N802284" s="10"/>
    </row>
    <row r="802285" spans="14:14">
      <c r="N802285" s="10"/>
    </row>
    <row r="802286" spans="14:14">
      <c r="N802286" s="10"/>
    </row>
    <row r="802287" spans="14:14">
      <c r="N802287" s="10"/>
    </row>
    <row r="802288" spans="14:14">
      <c r="N802288" s="10"/>
    </row>
    <row r="802289" spans="14:14">
      <c r="N802289" s="10"/>
    </row>
    <row r="802290" spans="14:14">
      <c r="N802290" s="10"/>
    </row>
    <row r="802291" spans="14:14">
      <c r="N802291" s="10"/>
    </row>
    <row r="802292" spans="14:14">
      <c r="N802292" s="10"/>
    </row>
    <row r="802293" spans="14:14">
      <c r="N802293" s="10"/>
    </row>
    <row r="802294" spans="14:14">
      <c r="N802294" s="10"/>
    </row>
    <row r="802295" spans="14:14">
      <c r="N802295" s="10"/>
    </row>
    <row r="802296" spans="14:14">
      <c r="N802296" s="10"/>
    </row>
    <row r="802297" spans="14:14">
      <c r="N802297" s="10"/>
    </row>
    <row r="802298" spans="14:14">
      <c r="N802298" s="10"/>
    </row>
    <row r="802299" spans="14:14">
      <c r="N802299" s="10"/>
    </row>
    <row r="802300" spans="14:14">
      <c r="N802300" s="10"/>
    </row>
    <row r="802301" spans="14:14">
      <c r="N802301" s="10"/>
    </row>
    <row r="802302" spans="14:14">
      <c r="N802302" s="10"/>
    </row>
    <row r="802303" spans="14:14">
      <c r="N802303" s="10"/>
    </row>
    <row r="802304" spans="14:14">
      <c r="N802304" s="10"/>
    </row>
    <row r="802305" spans="14:14">
      <c r="N802305" s="10"/>
    </row>
    <row r="802306" spans="14:14">
      <c r="N802306" s="10"/>
    </row>
    <row r="802307" spans="14:14">
      <c r="N802307" s="10"/>
    </row>
    <row r="802308" spans="14:14">
      <c r="N802308" s="10"/>
    </row>
    <row r="802309" spans="14:14">
      <c r="N802309" s="10"/>
    </row>
    <row r="802310" spans="14:14">
      <c r="N802310" s="10"/>
    </row>
    <row r="802311" spans="14:14">
      <c r="N802311" s="10"/>
    </row>
    <row r="802312" spans="14:14">
      <c r="N802312" s="10"/>
    </row>
    <row r="802313" spans="14:14">
      <c r="N802313" s="10"/>
    </row>
    <row r="802314" spans="14:14">
      <c r="N802314" s="10"/>
    </row>
    <row r="802315" spans="14:14">
      <c r="N802315" s="10"/>
    </row>
    <row r="802316" spans="14:14">
      <c r="N802316" s="10"/>
    </row>
    <row r="802317" spans="14:14">
      <c r="N802317" s="10"/>
    </row>
    <row r="802318" spans="14:14">
      <c r="N802318" s="10"/>
    </row>
    <row r="802319" spans="14:14">
      <c r="N802319" s="10"/>
    </row>
    <row r="802320" spans="14:14">
      <c r="N802320" s="10"/>
    </row>
    <row r="802321" spans="14:14">
      <c r="N802321" s="10"/>
    </row>
    <row r="802322" spans="14:14">
      <c r="N802322" s="10"/>
    </row>
    <row r="802323" spans="14:14">
      <c r="N802323" s="10"/>
    </row>
    <row r="802324" spans="14:14">
      <c r="N802324" s="10"/>
    </row>
    <row r="802325" spans="14:14">
      <c r="N802325" s="10"/>
    </row>
    <row r="802326" spans="14:14">
      <c r="N802326" s="10"/>
    </row>
    <row r="802327" spans="14:14">
      <c r="N802327" s="10"/>
    </row>
    <row r="802328" spans="14:14">
      <c r="N802328" s="10"/>
    </row>
    <row r="802329" spans="14:14">
      <c r="N802329" s="10"/>
    </row>
    <row r="802330" spans="14:14">
      <c r="N802330" s="10"/>
    </row>
    <row r="802331" spans="14:14">
      <c r="N802331" s="10"/>
    </row>
    <row r="802332" spans="14:14">
      <c r="N802332" s="10"/>
    </row>
    <row r="802333" spans="14:14">
      <c r="N802333" s="10"/>
    </row>
    <row r="802334" spans="14:14">
      <c r="N802334" s="10"/>
    </row>
    <row r="802335" spans="14:14">
      <c r="N802335" s="10"/>
    </row>
    <row r="802336" spans="14:14">
      <c r="N802336" s="10"/>
    </row>
    <row r="802337" spans="14:14">
      <c r="N802337" s="10"/>
    </row>
    <row r="802338" spans="14:14">
      <c r="N802338" s="10"/>
    </row>
    <row r="802339" spans="14:14">
      <c r="N802339" s="10"/>
    </row>
    <row r="802340" spans="14:14">
      <c r="N802340" s="10"/>
    </row>
    <row r="802341" spans="14:14">
      <c r="N802341" s="10"/>
    </row>
    <row r="802342" spans="14:14">
      <c r="N802342" s="10"/>
    </row>
    <row r="802343" spans="14:14">
      <c r="N802343" s="10"/>
    </row>
    <row r="802344" spans="14:14">
      <c r="N802344" s="10"/>
    </row>
    <row r="802345" spans="14:14">
      <c r="N802345" s="10"/>
    </row>
    <row r="802346" spans="14:14">
      <c r="N802346" s="10"/>
    </row>
    <row r="802347" spans="14:14">
      <c r="N802347" s="10"/>
    </row>
    <row r="802348" spans="14:14">
      <c r="N802348" s="10"/>
    </row>
    <row r="802349" spans="14:14">
      <c r="N802349" s="10"/>
    </row>
    <row r="802350" spans="14:14">
      <c r="N802350" s="10"/>
    </row>
    <row r="802351" spans="14:14">
      <c r="N802351" s="10"/>
    </row>
    <row r="802352" spans="14:14">
      <c r="N802352" s="10"/>
    </row>
    <row r="802353" spans="14:14">
      <c r="N802353" s="10"/>
    </row>
    <row r="802354" spans="14:14">
      <c r="N802354" s="10"/>
    </row>
    <row r="802355" spans="14:14">
      <c r="N802355" s="10"/>
    </row>
    <row r="802356" spans="14:14">
      <c r="N802356" s="10"/>
    </row>
    <row r="802357" spans="14:14">
      <c r="N802357" s="10"/>
    </row>
    <row r="802358" spans="14:14">
      <c r="N802358" s="10"/>
    </row>
    <row r="802359" spans="14:14">
      <c r="N802359" s="10"/>
    </row>
    <row r="802360" spans="14:14">
      <c r="N802360" s="10"/>
    </row>
    <row r="802361" spans="14:14">
      <c r="N802361" s="10"/>
    </row>
    <row r="802362" spans="14:14">
      <c r="N802362" s="10"/>
    </row>
    <row r="802363" spans="14:14">
      <c r="N802363" s="10"/>
    </row>
    <row r="802364" spans="14:14">
      <c r="N802364" s="10"/>
    </row>
    <row r="802365" spans="14:14">
      <c r="N802365" s="10"/>
    </row>
    <row r="802366" spans="14:14">
      <c r="N802366" s="10"/>
    </row>
    <row r="802367" spans="14:14">
      <c r="N802367" s="10"/>
    </row>
    <row r="802368" spans="14:14">
      <c r="N802368" s="10"/>
    </row>
    <row r="802369" spans="14:14">
      <c r="N802369" s="10"/>
    </row>
    <row r="802370" spans="14:14">
      <c r="N802370" s="10"/>
    </row>
    <row r="802371" spans="14:14">
      <c r="N802371" s="10"/>
    </row>
    <row r="802372" spans="14:14">
      <c r="N802372" s="10"/>
    </row>
    <row r="802373" spans="14:14">
      <c r="N802373" s="10"/>
    </row>
    <row r="802374" spans="14:14">
      <c r="N802374" s="10"/>
    </row>
    <row r="802375" spans="14:14">
      <c r="N802375" s="10"/>
    </row>
    <row r="802376" spans="14:14">
      <c r="N802376" s="10"/>
    </row>
    <row r="802377" spans="14:14">
      <c r="N802377" s="10"/>
    </row>
    <row r="802378" spans="14:14">
      <c r="N802378" s="10"/>
    </row>
    <row r="802379" spans="14:14">
      <c r="N802379" s="10"/>
    </row>
    <row r="802380" spans="14:14">
      <c r="N802380" s="10"/>
    </row>
    <row r="802381" spans="14:14">
      <c r="N802381" s="10"/>
    </row>
    <row r="802382" spans="14:14">
      <c r="N802382" s="10"/>
    </row>
    <row r="802383" spans="14:14">
      <c r="N802383" s="10"/>
    </row>
    <row r="802384" spans="14:14">
      <c r="N802384" s="10"/>
    </row>
    <row r="802385" spans="14:14">
      <c r="N802385" s="10"/>
    </row>
    <row r="802386" spans="14:14">
      <c r="N802386" s="10"/>
    </row>
    <row r="802387" spans="14:14">
      <c r="N802387" s="10"/>
    </row>
    <row r="802388" spans="14:14">
      <c r="N802388" s="10"/>
    </row>
    <row r="802389" spans="14:14">
      <c r="N802389" s="10"/>
    </row>
    <row r="802390" spans="14:14">
      <c r="N802390" s="10"/>
    </row>
    <row r="802391" spans="14:14">
      <c r="N802391" s="10"/>
    </row>
    <row r="802392" spans="14:14">
      <c r="N802392" s="10"/>
    </row>
    <row r="802393" spans="14:14">
      <c r="N802393" s="10"/>
    </row>
    <row r="802394" spans="14:14">
      <c r="N802394" s="10"/>
    </row>
    <row r="802395" spans="14:14">
      <c r="N802395" s="10"/>
    </row>
    <row r="802396" spans="14:14">
      <c r="N802396" s="10"/>
    </row>
    <row r="802397" spans="14:14">
      <c r="N802397" s="10"/>
    </row>
    <row r="802398" spans="14:14">
      <c r="N802398" s="10"/>
    </row>
    <row r="802399" spans="14:14">
      <c r="N802399" s="10"/>
    </row>
    <row r="802400" spans="14:14">
      <c r="N802400" s="10"/>
    </row>
    <row r="802401" spans="14:14">
      <c r="N802401" s="10"/>
    </row>
    <row r="802402" spans="14:14">
      <c r="N802402" s="10"/>
    </row>
    <row r="802403" spans="14:14">
      <c r="N802403" s="10"/>
    </row>
    <row r="802404" spans="14:14">
      <c r="N802404" s="10"/>
    </row>
    <row r="802405" spans="14:14">
      <c r="N802405" s="10"/>
    </row>
    <row r="802406" spans="14:14">
      <c r="N802406" s="10"/>
    </row>
    <row r="802407" spans="14:14">
      <c r="N802407" s="10"/>
    </row>
    <row r="802408" spans="14:14">
      <c r="N802408" s="10"/>
    </row>
    <row r="802409" spans="14:14">
      <c r="N802409" s="10"/>
    </row>
    <row r="802410" spans="14:14">
      <c r="N802410" s="10"/>
    </row>
    <row r="802411" spans="14:14">
      <c r="N802411" s="10"/>
    </row>
    <row r="802412" spans="14:14">
      <c r="N802412" s="10"/>
    </row>
    <row r="802413" spans="14:14">
      <c r="N802413" s="10"/>
    </row>
    <row r="802414" spans="14:14">
      <c r="N802414" s="10"/>
    </row>
    <row r="802415" spans="14:14">
      <c r="N802415" s="10"/>
    </row>
    <row r="802416" spans="14:14">
      <c r="N802416" s="10"/>
    </row>
    <row r="802417" spans="14:14">
      <c r="N802417" s="10"/>
    </row>
    <row r="802418" spans="14:14">
      <c r="N802418" s="10"/>
    </row>
    <row r="802419" spans="14:14">
      <c r="N802419" s="10"/>
    </row>
    <row r="802420" spans="14:14">
      <c r="N802420" s="10"/>
    </row>
    <row r="802421" spans="14:14">
      <c r="N802421" s="10"/>
    </row>
    <row r="802422" spans="14:14">
      <c r="N802422" s="10"/>
    </row>
    <row r="802423" spans="14:14">
      <c r="N802423" s="10"/>
    </row>
    <row r="802424" spans="14:14">
      <c r="N802424" s="10"/>
    </row>
    <row r="802425" spans="14:14">
      <c r="N802425" s="10"/>
    </row>
    <row r="802426" spans="14:14">
      <c r="N802426" s="10"/>
    </row>
    <row r="802427" spans="14:14">
      <c r="N802427" s="10"/>
    </row>
    <row r="802428" spans="14:14">
      <c r="N802428" s="10"/>
    </row>
    <row r="802429" spans="14:14">
      <c r="N802429" s="10"/>
    </row>
    <row r="802430" spans="14:14">
      <c r="N802430" s="10"/>
    </row>
    <row r="802431" spans="14:14">
      <c r="N802431" s="10"/>
    </row>
    <row r="802432" spans="14:14">
      <c r="N802432" s="10"/>
    </row>
    <row r="802433" spans="14:14">
      <c r="N802433" s="10"/>
    </row>
    <row r="802434" spans="14:14">
      <c r="N802434" s="10"/>
    </row>
    <row r="802435" spans="14:14">
      <c r="N802435" s="10"/>
    </row>
    <row r="802436" spans="14:14">
      <c r="N802436" s="10"/>
    </row>
    <row r="802437" spans="14:14">
      <c r="N802437" s="10"/>
    </row>
    <row r="802438" spans="14:14">
      <c r="N802438" s="10"/>
    </row>
    <row r="802439" spans="14:14">
      <c r="N802439" s="10"/>
    </row>
    <row r="802440" spans="14:14">
      <c r="N802440" s="10"/>
    </row>
    <row r="802441" spans="14:14">
      <c r="N802441" s="10"/>
    </row>
    <row r="802442" spans="14:14">
      <c r="N802442" s="10"/>
    </row>
    <row r="802443" spans="14:14">
      <c r="N802443" s="10"/>
    </row>
    <row r="802444" spans="14:14">
      <c r="N802444" s="10"/>
    </row>
    <row r="802445" spans="14:14">
      <c r="N802445" s="10"/>
    </row>
    <row r="802446" spans="14:14">
      <c r="N802446" s="10"/>
    </row>
    <row r="802447" spans="14:14">
      <c r="N802447" s="10"/>
    </row>
    <row r="802448" spans="14:14">
      <c r="N802448" s="10"/>
    </row>
    <row r="802449" spans="14:14">
      <c r="N802449" s="10"/>
    </row>
    <row r="802450" spans="14:14">
      <c r="N802450" s="10"/>
    </row>
    <row r="802451" spans="14:14">
      <c r="N802451" s="10"/>
    </row>
    <row r="802452" spans="14:14">
      <c r="N802452" s="10"/>
    </row>
    <row r="802453" spans="14:14">
      <c r="N802453" s="10"/>
    </row>
    <row r="802454" spans="14:14">
      <c r="N802454" s="10"/>
    </row>
    <row r="802455" spans="14:14">
      <c r="N802455" s="10"/>
    </row>
    <row r="802456" spans="14:14">
      <c r="N802456" s="10"/>
    </row>
    <row r="802457" spans="14:14">
      <c r="N802457" s="10"/>
    </row>
    <row r="802458" spans="14:14">
      <c r="N802458" s="10"/>
    </row>
    <row r="802459" spans="14:14">
      <c r="N802459" s="10"/>
    </row>
    <row r="802460" spans="14:14">
      <c r="N802460" s="10"/>
    </row>
    <row r="802461" spans="14:14">
      <c r="N802461" s="10"/>
    </row>
    <row r="802462" spans="14:14">
      <c r="N802462" s="10"/>
    </row>
    <row r="802463" spans="14:14">
      <c r="N802463" s="10"/>
    </row>
    <row r="802464" spans="14:14">
      <c r="N802464" s="10"/>
    </row>
    <row r="802465" spans="14:14">
      <c r="N802465" s="10"/>
    </row>
    <row r="802466" spans="14:14">
      <c r="N802466" s="10"/>
    </row>
    <row r="802467" spans="14:14">
      <c r="N802467" s="10"/>
    </row>
    <row r="802468" spans="14:14">
      <c r="N802468" s="10"/>
    </row>
    <row r="802469" spans="14:14">
      <c r="N802469" s="10"/>
    </row>
    <row r="802470" spans="14:14">
      <c r="N802470" s="10"/>
    </row>
    <row r="802471" spans="14:14">
      <c r="N802471" s="10"/>
    </row>
    <row r="802472" spans="14:14">
      <c r="N802472" s="10"/>
    </row>
    <row r="802473" spans="14:14">
      <c r="N802473" s="10"/>
    </row>
    <row r="802474" spans="14:14">
      <c r="N802474" s="10"/>
    </row>
    <row r="802475" spans="14:14">
      <c r="N802475" s="10"/>
    </row>
    <row r="802476" spans="14:14">
      <c r="N802476" s="10"/>
    </row>
    <row r="802477" spans="14:14">
      <c r="N802477" s="10"/>
    </row>
    <row r="802478" spans="14:14">
      <c r="N802478" s="10"/>
    </row>
    <row r="802479" spans="14:14">
      <c r="N802479" s="10"/>
    </row>
    <row r="802480" spans="14:14">
      <c r="N802480" s="10"/>
    </row>
    <row r="802481" spans="14:14">
      <c r="N802481" s="10"/>
    </row>
    <row r="802482" spans="14:14">
      <c r="N802482" s="10"/>
    </row>
    <row r="802483" spans="14:14">
      <c r="N802483" s="10"/>
    </row>
    <row r="802484" spans="14:14">
      <c r="N802484" s="10"/>
    </row>
    <row r="802485" spans="14:14">
      <c r="N802485" s="10"/>
    </row>
    <row r="802486" spans="14:14">
      <c r="N802486" s="10"/>
    </row>
    <row r="802487" spans="14:14">
      <c r="N802487" s="10"/>
    </row>
    <row r="802488" spans="14:14">
      <c r="N802488" s="10"/>
    </row>
    <row r="802489" spans="14:14">
      <c r="N802489" s="10"/>
    </row>
    <row r="802490" spans="14:14">
      <c r="N802490" s="10"/>
    </row>
    <row r="802491" spans="14:14">
      <c r="N802491" s="10"/>
    </row>
    <row r="802492" spans="14:14">
      <c r="N802492" s="10"/>
    </row>
    <row r="802493" spans="14:14">
      <c r="N802493" s="10"/>
    </row>
    <row r="802494" spans="14:14">
      <c r="N802494" s="10"/>
    </row>
    <row r="802495" spans="14:14">
      <c r="N802495" s="10"/>
    </row>
    <row r="802496" spans="14:14">
      <c r="N802496" s="10"/>
    </row>
    <row r="802497" spans="14:14">
      <c r="N802497" s="10"/>
    </row>
    <row r="802498" spans="14:14">
      <c r="N802498" s="10"/>
    </row>
    <row r="802499" spans="14:14">
      <c r="N802499" s="10"/>
    </row>
    <row r="802500" spans="14:14">
      <c r="N802500" s="10"/>
    </row>
    <row r="802501" spans="14:14">
      <c r="N802501" s="10"/>
    </row>
    <row r="802502" spans="14:14">
      <c r="N802502" s="10"/>
    </row>
    <row r="802503" spans="14:14">
      <c r="N802503" s="10"/>
    </row>
    <row r="802504" spans="14:14">
      <c r="N802504" s="10"/>
    </row>
    <row r="802505" spans="14:14">
      <c r="N802505" s="10"/>
    </row>
    <row r="802506" spans="14:14">
      <c r="N802506" s="10"/>
    </row>
    <row r="802507" spans="14:14">
      <c r="N802507" s="10"/>
    </row>
    <row r="802508" spans="14:14">
      <c r="N802508" s="10"/>
    </row>
    <row r="802509" spans="14:14">
      <c r="N802509" s="10"/>
    </row>
    <row r="802510" spans="14:14">
      <c r="N802510" s="10"/>
    </row>
    <row r="802511" spans="14:14">
      <c r="N802511" s="10"/>
    </row>
    <row r="802512" spans="14:14">
      <c r="N802512" s="10"/>
    </row>
    <row r="802513" spans="14:14">
      <c r="N802513" s="10"/>
    </row>
    <row r="802514" spans="14:14">
      <c r="N802514" s="10"/>
    </row>
    <row r="802515" spans="14:14">
      <c r="N802515" s="10"/>
    </row>
    <row r="802516" spans="14:14">
      <c r="N802516" s="10"/>
    </row>
    <row r="802517" spans="14:14">
      <c r="N802517" s="10"/>
    </row>
    <row r="802518" spans="14:14">
      <c r="N802518" s="10"/>
    </row>
    <row r="802519" spans="14:14">
      <c r="N802519" s="10"/>
    </row>
    <row r="802520" spans="14:14">
      <c r="N802520" s="10"/>
    </row>
    <row r="802521" spans="14:14">
      <c r="N802521" s="10"/>
    </row>
    <row r="802522" spans="14:14">
      <c r="N802522" s="10"/>
    </row>
    <row r="802523" spans="14:14">
      <c r="N802523" s="10"/>
    </row>
    <row r="802524" spans="14:14">
      <c r="N802524" s="10"/>
    </row>
    <row r="802525" spans="14:14">
      <c r="N802525" s="10"/>
    </row>
    <row r="802526" spans="14:14">
      <c r="N802526" s="10"/>
    </row>
    <row r="802527" spans="14:14">
      <c r="N802527" s="10"/>
    </row>
    <row r="802528" spans="14:14">
      <c r="N802528" s="10"/>
    </row>
    <row r="802529" spans="14:14">
      <c r="N802529" s="10"/>
    </row>
    <row r="802530" spans="14:14">
      <c r="N802530" s="10"/>
    </row>
    <row r="802531" spans="14:14">
      <c r="N802531" s="10"/>
    </row>
    <row r="802532" spans="14:14">
      <c r="N802532" s="10"/>
    </row>
    <row r="802533" spans="14:14">
      <c r="N802533" s="10"/>
    </row>
    <row r="802534" spans="14:14">
      <c r="N802534" s="10"/>
    </row>
    <row r="802535" spans="14:14">
      <c r="N802535" s="10"/>
    </row>
    <row r="802536" spans="14:14">
      <c r="N802536" s="10"/>
    </row>
    <row r="802537" spans="14:14">
      <c r="N802537" s="10"/>
    </row>
    <row r="802538" spans="14:14">
      <c r="N802538" s="10"/>
    </row>
    <row r="802539" spans="14:14">
      <c r="N802539" s="10"/>
    </row>
    <row r="802540" spans="14:14">
      <c r="N802540" s="10"/>
    </row>
    <row r="802541" spans="14:14">
      <c r="N802541" s="10"/>
    </row>
    <row r="802542" spans="14:14">
      <c r="N802542" s="10"/>
    </row>
    <row r="802543" spans="14:14">
      <c r="N802543" s="10"/>
    </row>
    <row r="802544" spans="14:14">
      <c r="N802544" s="10"/>
    </row>
    <row r="802545" spans="14:14">
      <c r="N802545" s="10"/>
    </row>
    <row r="802546" spans="14:14">
      <c r="N802546" s="10"/>
    </row>
    <row r="802547" spans="14:14">
      <c r="N802547" s="10"/>
    </row>
    <row r="802548" spans="14:14">
      <c r="N802548" s="10"/>
    </row>
    <row r="802549" spans="14:14">
      <c r="N802549" s="10"/>
    </row>
    <row r="802550" spans="14:14">
      <c r="N802550" s="10"/>
    </row>
    <row r="802551" spans="14:14">
      <c r="N802551" s="10"/>
    </row>
    <row r="802552" spans="14:14">
      <c r="N802552" s="10"/>
    </row>
    <row r="802553" spans="14:14">
      <c r="N802553" s="10"/>
    </row>
    <row r="802554" spans="14:14">
      <c r="N802554" s="10"/>
    </row>
    <row r="802555" spans="14:14">
      <c r="N802555" s="10"/>
    </row>
    <row r="802556" spans="14:14">
      <c r="N802556" s="10"/>
    </row>
    <row r="802557" spans="14:14">
      <c r="N802557" s="10"/>
    </row>
    <row r="802558" spans="14:14">
      <c r="N802558" s="10"/>
    </row>
    <row r="802559" spans="14:14">
      <c r="N802559" s="10"/>
    </row>
    <row r="802560" spans="14:14">
      <c r="N802560" s="10"/>
    </row>
    <row r="802561" spans="14:14">
      <c r="N802561" s="10"/>
    </row>
    <row r="802562" spans="14:14">
      <c r="N802562" s="10"/>
    </row>
    <row r="802563" spans="14:14">
      <c r="N802563" s="10"/>
    </row>
    <row r="802564" spans="14:14">
      <c r="N802564" s="10"/>
    </row>
    <row r="802565" spans="14:14">
      <c r="N802565" s="10"/>
    </row>
    <row r="802566" spans="14:14">
      <c r="N802566" s="10"/>
    </row>
    <row r="802567" spans="14:14">
      <c r="N802567" s="10"/>
    </row>
    <row r="802568" spans="14:14">
      <c r="N802568" s="10"/>
    </row>
    <row r="802569" spans="14:14">
      <c r="N802569" s="10"/>
    </row>
    <row r="802570" spans="14:14">
      <c r="N802570" s="10"/>
    </row>
    <row r="802571" spans="14:14">
      <c r="N802571" s="10"/>
    </row>
    <row r="802572" spans="14:14">
      <c r="N802572" s="10"/>
    </row>
    <row r="802573" spans="14:14">
      <c r="N802573" s="10"/>
    </row>
    <row r="802574" spans="14:14">
      <c r="N802574" s="10"/>
    </row>
    <row r="802575" spans="14:14">
      <c r="N802575" s="10"/>
    </row>
    <row r="802576" spans="14:14">
      <c r="N802576" s="10"/>
    </row>
    <row r="802577" spans="14:14">
      <c r="N802577" s="10"/>
    </row>
    <row r="802578" spans="14:14">
      <c r="N802578" s="10"/>
    </row>
    <row r="802579" spans="14:14">
      <c r="N802579" s="10"/>
    </row>
    <row r="802580" spans="14:14">
      <c r="N802580" s="10"/>
    </row>
    <row r="802581" spans="14:14">
      <c r="N802581" s="10"/>
    </row>
    <row r="802582" spans="14:14">
      <c r="N802582" s="10"/>
    </row>
    <row r="802583" spans="14:14">
      <c r="N802583" s="10"/>
    </row>
    <row r="802584" spans="14:14">
      <c r="N802584" s="10"/>
    </row>
    <row r="802585" spans="14:14">
      <c r="N802585" s="10"/>
    </row>
    <row r="802586" spans="14:14">
      <c r="N802586" s="10"/>
    </row>
    <row r="802587" spans="14:14">
      <c r="N802587" s="10"/>
    </row>
    <row r="802588" spans="14:14">
      <c r="N802588" s="10"/>
    </row>
    <row r="802589" spans="14:14">
      <c r="N802589" s="10"/>
    </row>
    <row r="802590" spans="14:14">
      <c r="N802590" s="10"/>
    </row>
    <row r="802591" spans="14:14">
      <c r="N802591" s="10"/>
    </row>
    <row r="802592" spans="14:14">
      <c r="N802592" s="10"/>
    </row>
    <row r="802593" spans="14:14">
      <c r="N802593" s="10"/>
    </row>
    <row r="802594" spans="14:14">
      <c r="N802594" s="10"/>
    </row>
    <row r="802595" spans="14:14">
      <c r="N802595" s="10"/>
    </row>
    <row r="802596" spans="14:14">
      <c r="N802596" s="10"/>
    </row>
    <row r="802597" spans="14:14">
      <c r="N802597" s="10"/>
    </row>
    <row r="802598" spans="14:14">
      <c r="N802598" s="10"/>
    </row>
    <row r="802599" spans="14:14">
      <c r="N802599" s="10"/>
    </row>
    <row r="802600" spans="14:14">
      <c r="N802600" s="10"/>
    </row>
    <row r="802601" spans="14:14">
      <c r="N802601" s="10"/>
    </row>
    <row r="802602" spans="14:14">
      <c r="N802602" s="10"/>
    </row>
    <row r="802603" spans="14:14">
      <c r="N802603" s="10"/>
    </row>
    <row r="802604" spans="14:14">
      <c r="N802604" s="10"/>
    </row>
    <row r="802605" spans="14:14">
      <c r="N802605" s="10"/>
    </row>
    <row r="802606" spans="14:14">
      <c r="N802606" s="10"/>
    </row>
    <row r="802607" spans="14:14">
      <c r="N802607" s="10"/>
    </row>
    <row r="802608" spans="14:14">
      <c r="N802608" s="10"/>
    </row>
    <row r="802609" spans="14:14">
      <c r="N802609" s="10"/>
    </row>
    <row r="802610" spans="14:14">
      <c r="N802610" s="10"/>
    </row>
    <row r="802611" spans="14:14">
      <c r="N802611" s="10"/>
    </row>
    <row r="802612" spans="14:14">
      <c r="N802612" s="10"/>
    </row>
    <row r="802613" spans="14:14">
      <c r="N802613" s="10"/>
    </row>
    <row r="802614" spans="14:14">
      <c r="N802614" s="10"/>
    </row>
    <row r="802615" spans="14:14">
      <c r="N802615" s="10"/>
    </row>
    <row r="802616" spans="14:14">
      <c r="N802616" s="10"/>
    </row>
    <row r="802617" spans="14:14">
      <c r="N802617" s="10"/>
    </row>
    <row r="802618" spans="14:14">
      <c r="N802618" s="10"/>
    </row>
    <row r="802619" spans="14:14">
      <c r="N802619" s="10"/>
    </row>
    <row r="802620" spans="14:14">
      <c r="N802620" s="10"/>
    </row>
    <row r="802621" spans="14:14">
      <c r="N802621" s="10"/>
    </row>
    <row r="802622" spans="14:14">
      <c r="N802622" s="10"/>
    </row>
    <row r="802623" spans="14:14">
      <c r="N802623" s="10"/>
    </row>
    <row r="802624" spans="14:14">
      <c r="N802624" s="10"/>
    </row>
    <row r="802625" spans="14:14">
      <c r="N802625" s="10"/>
    </row>
    <row r="802626" spans="14:14">
      <c r="N802626" s="10"/>
    </row>
    <row r="802627" spans="14:14">
      <c r="N802627" s="10"/>
    </row>
    <row r="802628" spans="14:14">
      <c r="N802628" s="10"/>
    </row>
    <row r="802629" spans="14:14">
      <c r="N802629" s="10"/>
    </row>
    <row r="802630" spans="14:14">
      <c r="N802630" s="10"/>
    </row>
    <row r="802631" spans="14:14">
      <c r="N802631" s="10"/>
    </row>
    <row r="802632" spans="14:14">
      <c r="N802632" s="10"/>
    </row>
    <row r="802633" spans="14:14">
      <c r="N802633" s="10"/>
    </row>
    <row r="802634" spans="14:14">
      <c r="N802634" s="10"/>
    </row>
    <row r="802635" spans="14:14">
      <c r="N802635" s="10"/>
    </row>
    <row r="802636" spans="14:14">
      <c r="N802636" s="10"/>
    </row>
    <row r="802637" spans="14:14">
      <c r="N802637" s="10"/>
    </row>
    <row r="802638" spans="14:14">
      <c r="N802638" s="10"/>
    </row>
    <row r="802639" spans="14:14">
      <c r="N802639" s="10"/>
    </row>
    <row r="802640" spans="14:14">
      <c r="N802640" s="10"/>
    </row>
    <row r="802641" spans="14:14">
      <c r="N802641" s="10"/>
    </row>
    <row r="802642" spans="14:14">
      <c r="N802642" s="10"/>
    </row>
    <row r="802643" spans="14:14">
      <c r="N802643" s="10"/>
    </row>
    <row r="802644" spans="14:14">
      <c r="N802644" s="10"/>
    </row>
    <row r="802645" spans="14:14">
      <c r="N802645" s="10"/>
    </row>
    <row r="802646" spans="14:14">
      <c r="N802646" s="10"/>
    </row>
    <row r="802647" spans="14:14">
      <c r="N802647" s="10"/>
    </row>
    <row r="802648" spans="14:14">
      <c r="N802648" s="10"/>
    </row>
    <row r="802649" spans="14:14">
      <c r="N802649" s="10"/>
    </row>
    <row r="802650" spans="14:14">
      <c r="N802650" s="10"/>
    </row>
    <row r="802651" spans="14:14">
      <c r="N802651" s="10"/>
    </row>
    <row r="802652" spans="14:14">
      <c r="N802652" s="10"/>
    </row>
    <row r="802653" spans="14:14">
      <c r="N802653" s="10"/>
    </row>
    <row r="802654" spans="14:14">
      <c r="N802654" s="10"/>
    </row>
    <row r="802655" spans="14:14">
      <c r="N802655" s="10"/>
    </row>
    <row r="802656" spans="14:14">
      <c r="N802656" s="10"/>
    </row>
    <row r="802657" spans="14:14">
      <c r="N802657" s="10"/>
    </row>
    <row r="802658" spans="14:14">
      <c r="N802658" s="10"/>
    </row>
    <row r="802659" spans="14:14">
      <c r="N802659" s="10"/>
    </row>
    <row r="802660" spans="14:14">
      <c r="N802660" s="10"/>
    </row>
    <row r="802661" spans="14:14">
      <c r="N802661" s="10"/>
    </row>
    <row r="802662" spans="14:14">
      <c r="N802662" s="10"/>
    </row>
    <row r="802663" spans="14:14">
      <c r="N802663" s="10"/>
    </row>
    <row r="802664" spans="14:14">
      <c r="N802664" s="10"/>
    </row>
    <row r="802665" spans="14:14">
      <c r="N802665" s="10"/>
    </row>
    <row r="802666" spans="14:14">
      <c r="N802666" s="10"/>
    </row>
    <row r="802667" spans="14:14">
      <c r="N802667" s="10"/>
    </row>
    <row r="802668" spans="14:14">
      <c r="N802668" s="10"/>
    </row>
    <row r="802669" spans="14:14">
      <c r="N802669" s="10"/>
    </row>
    <row r="802670" spans="14:14">
      <c r="N802670" s="10"/>
    </row>
    <row r="802671" spans="14:14">
      <c r="N802671" s="10"/>
    </row>
    <row r="802672" spans="14:14">
      <c r="N802672" s="10"/>
    </row>
    <row r="802673" spans="14:14">
      <c r="N802673" s="10"/>
    </row>
    <row r="802674" spans="14:14">
      <c r="N802674" s="10"/>
    </row>
    <row r="802675" spans="14:14">
      <c r="N802675" s="10"/>
    </row>
    <row r="802676" spans="14:14">
      <c r="N802676" s="10"/>
    </row>
    <row r="802677" spans="14:14">
      <c r="N802677" s="10"/>
    </row>
    <row r="802678" spans="14:14">
      <c r="N802678" s="10"/>
    </row>
    <row r="802679" spans="14:14">
      <c r="N802679" s="10"/>
    </row>
    <row r="802680" spans="14:14">
      <c r="N802680" s="10"/>
    </row>
    <row r="802681" spans="14:14">
      <c r="N802681" s="10"/>
    </row>
    <row r="802682" spans="14:14">
      <c r="N802682" s="10"/>
    </row>
    <row r="802683" spans="14:14">
      <c r="N802683" s="10"/>
    </row>
    <row r="802684" spans="14:14">
      <c r="N802684" s="10"/>
    </row>
    <row r="802685" spans="14:14">
      <c r="N802685" s="10"/>
    </row>
    <row r="802686" spans="14:14">
      <c r="N802686" s="10"/>
    </row>
    <row r="802687" spans="14:14">
      <c r="N802687" s="10"/>
    </row>
    <row r="802688" spans="14:14">
      <c r="N802688" s="10"/>
    </row>
    <row r="802689" spans="14:14">
      <c r="N802689" s="10"/>
    </row>
    <row r="802690" spans="14:14">
      <c r="N802690" s="10"/>
    </row>
    <row r="802691" spans="14:14">
      <c r="N802691" s="10"/>
    </row>
    <row r="802692" spans="14:14">
      <c r="N802692" s="10"/>
    </row>
    <row r="802693" spans="14:14">
      <c r="N802693" s="10"/>
    </row>
    <row r="802694" spans="14:14">
      <c r="N802694" s="10"/>
    </row>
    <row r="802695" spans="14:14">
      <c r="N802695" s="10"/>
    </row>
    <row r="802696" spans="14:14">
      <c r="N802696" s="10"/>
    </row>
    <row r="802697" spans="14:14">
      <c r="N802697" s="10"/>
    </row>
    <row r="802698" spans="14:14">
      <c r="N802698" s="10"/>
    </row>
    <row r="802699" spans="14:14">
      <c r="N802699" s="10"/>
    </row>
    <row r="802700" spans="14:14">
      <c r="N802700" s="10"/>
    </row>
    <row r="802701" spans="14:14">
      <c r="N802701" s="10"/>
    </row>
    <row r="802702" spans="14:14">
      <c r="N802702" s="10"/>
    </row>
    <row r="802703" spans="14:14">
      <c r="N802703" s="10"/>
    </row>
    <row r="802704" spans="14:14">
      <c r="N802704" s="10"/>
    </row>
    <row r="802705" spans="14:14">
      <c r="N802705" s="10"/>
    </row>
    <row r="802706" spans="14:14">
      <c r="N802706" s="10"/>
    </row>
    <row r="802707" spans="14:14">
      <c r="N802707" s="10"/>
    </row>
    <row r="802708" spans="14:14">
      <c r="N802708" s="10"/>
    </row>
    <row r="802709" spans="14:14">
      <c r="N802709" s="10"/>
    </row>
    <row r="802710" spans="14:14">
      <c r="N802710" s="10"/>
    </row>
    <row r="802711" spans="14:14">
      <c r="N802711" s="10"/>
    </row>
    <row r="802712" spans="14:14">
      <c r="N802712" s="10"/>
    </row>
    <row r="802713" spans="14:14">
      <c r="N802713" s="10"/>
    </row>
    <row r="802714" spans="14:14">
      <c r="N802714" s="10"/>
    </row>
    <row r="802715" spans="14:14">
      <c r="N802715" s="10"/>
    </row>
    <row r="802716" spans="14:14">
      <c r="N802716" s="10"/>
    </row>
    <row r="802717" spans="14:14">
      <c r="N802717" s="10"/>
    </row>
    <row r="802718" spans="14:14">
      <c r="N802718" s="10"/>
    </row>
    <row r="802719" spans="14:14">
      <c r="N802719" s="10"/>
    </row>
    <row r="802720" spans="14:14">
      <c r="N802720" s="10"/>
    </row>
    <row r="802721" spans="14:14">
      <c r="N802721" s="10"/>
    </row>
    <row r="802722" spans="14:14">
      <c r="N802722" s="10"/>
    </row>
    <row r="802723" spans="14:14">
      <c r="N802723" s="10"/>
    </row>
    <row r="802724" spans="14:14">
      <c r="N802724" s="10"/>
    </row>
    <row r="802725" spans="14:14">
      <c r="N802725" s="10"/>
    </row>
    <row r="802726" spans="14:14">
      <c r="N802726" s="10"/>
    </row>
    <row r="802727" spans="14:14">
      <c r="N802727" s="10"/>
    </row>
    <row r="802728" spans="14:14">
      <c r="N802728" s="10"/>
    </row>
    <row r="802729" spans="14:14">
      <c r="N802729" s="10"/>
    </row>
    <row r="802730" spans="14:14">
      <c r="N802730" s="10"/>
    </row>
    <row r="802731" spans="14:14">
      <c r="N802731" s="10"/>
    </row>
    <row r="802732" spans="14:14">
      <c r="N802732" s="10"/>
    </row>
    <row r="802733" spans="14:14">
      <c r="N802733" s="10"/>
    </row>
    <row r="802734" spans="14:14">
      <c r="N802734" s="10"/>
    </row>
    <row r="802735" spans="14:14">
      <c r="N802735" s="10"/>
    </row>
    <row r="802736" spans="14:14">
      <c r="N802736" s="10"/>
    </row>
    <row r="802737" spans="14:14">
      <c r="N802737" s="10"/>
    </row>
    <row r="802738" spans="14:14">
      <c r="N802738" s="10"/>
    </row>
    <row r="802739" spans="14:14">
      <c r="N802739" s="10"/>
    </row>
    <row r="802740" spans="14:14">
      <c r="N802740" s="10"/>
    </row>
    <row r="802741" spans="14:14">
      <c r="N802741" s="10"/>
    </row>
    <row r="802742" spans="14:14">
      <c r="N802742" s="10"/>
    </row>
    <row r="802743" spans="14:14">
      <c r="N802743" s="10"/>
    </row>
    <row r="802744" spans="14:14">
      <c r="N802744" s="10"/>
    </row>
    <row r="802745" spans="14:14">
      <c r="N802745" s="10"/>
    </row>
    <row r="802746" spans="14:14">
      <c r="N802746" s="10"/>
    </row>
    <row r="802747" spans="14:14">
      <c r="N802747" s="10"/>
    </row>
    <row r="802748" spans="14:14">
      <c r="N802748" s="10"/>
    </row>
    <row r="802749" spans="14:14">
      <c r="N802749" s="10"/>
    </row>
    <row r="802750" spans="14:14">
      <c r="N802750" s="10"/>
    </row>
    <row r="802751" spans="14:14">
      <c r="N802751" s="10"/>
    </row>
    <row r="802752" spans="14:14">
      <c r="N802752" s="10"/>
    </row>
    <row r="802753" spans="14:14">
      <c r="N802753" s="10"/>
    </row>
    <row r="802754" spans="14:14">
      <c r="N802754" s="10"/>
    </row>
    <row r="802755" spans="14:14">
      <c r="N802755" s="10"/>
    </row>
    <row r="802756" spans="14:14">
      <c r="N802756" s="10"/>
    </row>
    <row r="802757" spans="14:14">
      <c r="N802757" s="10"/>
    </row>
    <row r="802758" spans="14:14">
      <c r="N802758" s="10"/>
    </row>
    <row r="802759" spans="14:14">
      <c r="N802759" s="10"/>
    </row>
    <row r="802760" spans="14:14">
      <c r="N802760" s="10"/>
    </row>
    <row r="802761" spans="14:14">
      <c r="N802761" s="10"/>
    </row>
    <row r="802762" spans="14:14">
      <c r="N802762" s="10"/>
    </row>
    <row r="802763" spans="14:14">
      <c r="N802763" s="10"/>
    </row>
    <row r="802764" spans="14:14">
      <c r="N802764" s="10"/>
    </row>
    <row r="802765" spans="14:14">
      <c r="N802765" s="10"/>
    </row>
    <row r="802766" spans="14:14">
      <c r="N802766" s="10"/>
    </row>
    <row r="802767" spans="14:14">
      <c r="N802767" s="10"/>
    </row>
    <row r="802768" spans="14:14">
      <c r="N802768" s="10"/>
    </row>
    <row r="802769" spans="14:14">
      <c r="N802769" s="10"/>
    </row>
    <row r="802770" spans="14:14">
      <c r="N802770" s="10"/>
    </row>
    <row r="802771" spans="14:14">
      <c r="N802771" s="10"/>
    </row>
    <row r="802772" spans="14:14">
      <c r="N802772" s="10"/>
    </row>
    <row r="802773" spans="14:14">
      <c r="N802773" s="10"/>
    </row>
    <row r="802774" spans="14:14">
      <c r="N802774" s="10"/>
    </row>
    <row r="802775" spans="14:14">
      <c r="N802775" s="10"/>
    </row>
    <row r="802776" spans="14:14">
      <c r="N802776" s="10"/>
    </row>
    <row r="802777" spans="14:14">
      <c r="N802777" s="10"/>
    </row>
    <row r="802778" spans="14:14">
      <c r="N802778" s="10"/>
    </row>
    <row r="802779" spans="14:14">
      <c r="N802779" s="10"/>
    </row>
    <row r="802780" spans="14:14">
      <c r="N802780" s="10"/>
    </row>
    <row r="802781" spans="14:14">
      <c r="N802781" s="10"/>
    </row>
    <row r="802782" spans="14:14">
      <c r="N802782" s="10"/>
    </row>
    <row r="802783" spans="14:14">
      <c r="N802783" s="10"/>
    </row>
    <row r="802784" spans="14:14">
      <c r="N802784" s="10"/>
    </row>
    <row r="802785" spans="14:14">
      <c r="N802785" s="10"/>
    </row>
    <row r="802786" spans="14:14">
      <c r="N802786" s="10"/>
    </row>
    <row r="802787" spans="14:14">
      <c r="N802787" s="10"/>
    </row>
    <row r="802788" spans="14:14">
      <c r="N802788" s="10"/>
    </row>
    <row r="802789" spans="14:14">
      <c r="N802789" s="10"/>
    </row>
    <row r="802790" spans="14:14">
      <c r="N802790" s="10"/>
    </row>
    <row r="802791" spans="14:14">
      <c r="N802791" s="10"/>
    </row>
    <row r="802792" spans="14:14">
      <c r="N802792" s="10"/>
    </row>
    <row r="802793" spans="14:14">
      <c r="N802793" s="10"/>
    </row>
    <row r="802794" spans="14:14">
      <c r="N802794" s="10"/>
    </row>
    <row r="802795" spans="14:14">
      <c r="N802795" s="10"/>
    </row>
    <row r="802796" spans="14:14">
      <c r="N802796" s="10"/>
    </row>
    <row r="802797" spans="14:14">
      <c r="N802797" s="10"/>
    </row>
    <row r="802798" spans="14:14">
      <c r="N802798" s="10"/>
    </row>
    <row r="802799" spans="14:14">
      <c r="N802799" s="10"/>
    </row>
    <row r="802800" spans="14:14">
      <c r="N802800" s="10"/>
    </row>
    <row r="802801" spans="14:14">
      <c r="N802801" s="10"/>
    </row>
    <row r="802802" spans="14:14">
      <c r="N802802" s="10"/>
    </row>
    <row r="802803" spans="14:14">
      <c r="N802803" s="10"/>
    </row>
    <row r="802804" spans="14:14">
      <c r="N802804" s="10"/>
    </row>
    <row r="802805" spans="14:14">
      <c r="N802805" s="10"/>
    </row>
    <row r="802806" spans="14:14">
      <c r="N802806" s="10"/>
    </row>
    <row r="802807" spans="14:14">
      <c r="N802807" s="10"/>
    </row>
    <row r="802808" spans="14:14">
      <c r="N802808" s="10"/>
    </row>
    <row r="802809" spans="14:14">
      <c r="N802809" s="10"/>
    </row>
    <row r="802810" spans="14:14">
      <c r="N802810" s="10"/>
    </row>
    <row r="802811" spans="14:14">
      <c r="N802811" s="10"/>
    </row>
    <row r="802812" spans="14:14">
      <c r="N802812" s="10"/>
    </row>
    <row r="802813" spans="14:14">
      <c r="N802813" s="10"/>
    </row>
    <row r="802814" spans="14:14">
      <c r="N802814" s="10"/>
    </row>
    <row r="802815" spans="14:14">
      <c r="N802815" s="10"/>
    </row>
    <row r="802816" spans="14:14">
      <c r="N802816" s="10"/>
    </row>
    <row r="802817" spans="14:14">
      <c r="N802817" s="10"/>
    </row>
    <row r="802818" spans="14:14">
      <c r="N802818" s="10"/>
    </row>
    <row r="802819" spans="14:14">
      <c r="N802819" s="10"/>
    </row>
    <row r="802820" spans="14:14">
      <c r="N802820" s="10"/>
    </row>
    <row r="802821" spans="14:14">
      <c r="N802821" s="10"/>
    </row>
    <row r="802822" spans="14:14">
      <c r="N802822" s="10"/>
    </row>
    <row r="802823" spans="14:14">
      <c r="N802823" s="10"/>
    </row>
    <row r="802824" spans="14:14">
      <c r="N802824" s="10"/>
    </row>
    <row r="802825" spans="14:14">
      <c r="N802825" s="10"/>
    </row>
    <row r="802826" spans="14:14">
      <c r="N802826" s="10"/>
    </row>
    <row r="802827" spans="14:14">
      <c r="N802827" s="10"/>
    </row>
    <row r="802828" spans="14:14">
      <c r="N802828" s="10"/>
    </row>
    <row r="802829" spans="14:14">
      <c r="N802829" s="10"/>
    </row>
    <row r="802830" spans="14:14">
      <c r="N802830" s="10"/>
    </row>
    <row r="802831" spans="14:14">
      <c r="N802831" s="10"/>
    </row>
    <row r="802832" spans="14:14">
      <c r="N802832" s="10"/>
    </row>
    <row r="802833" spans="14:14">
      <c r="N802833" s="10"/>
    </row>
    <row r="802834" spans="14:14">
      <c r="N802834" s="10"/>
    </row>
    <row r="802835" spans="14:14">
      <c r="N802835" s="10"/>
    </row>
    <row r="802836" spans="14:14">
      <c r="N802836" s="10"/>
    </row>
    <row r="802837" spans="14:14">
      <c r="N802837" s="10"/>
    </row>
    <row r="802838" spans="14:14">
      <c r="N802838" s="10"/>
    </row>
    <row r="802839" spans="14:14">
      <c r="N802839" s="10"/>
    </row>
    <row r="802840" spans="14:14">
      <c r="N802840" s="10"/>
    </row>
    <row r="802841" spans="14:14">
      <c r="N802841" s="10"/>
    </row>
    <row r="802842" spans="14:14">
      <c r="N802842" s="10"/>
    </row>
    <row r="802843" spans="14:14">
      <c r="N802843" s="10"/>
    </row>
    <row r="802844" spans="14:14">
      <c r="N802844" s="10"/>
    </row>
    <row r="802845" spans="14:14">
      <c r="N802845" s="10"/>
    </row>
    <row r="802846" spans="14:14">
      <c r="N802846" s="10"/>
    </row>
    <row r="802847" spans="14:14">
      <c r="N802847" s="10"/>
    </row>
    <row r="802848" spans="14:14">
      <c r="N802848" s="10"/>
    </row>
    <row r="802849" spans="14:14">
      <c r="N802849" s="10"/>
    </row>
    <row r="802850" spans="14:14">
      <c r="N802850" s="10"/>
    </row>
    <row r="802851" spans="14:14">
      <c r="N802851" s="10"/>
    </row>
    <row r="802852" spans="14:14">
      <c r="N802852" s="10"/>
    </row>
    <row r="802853" spans="14:14">
      <c r="N802853" s="10"/>
    </row>
    <row r="802854" spans="14:14">
      <c r="N802854" s="10"/>
    </row>
    <row r="802855" spans="14:14">
      <c r="N802855" s="10"/>
    </row>
    <row r="802856" spans="14:14">
      <c r="N802856" s="10"/>
    </row>
    <row r="802857" spans="14:14">
      <c r="N802857" s="10"/>
    </row>
    <row r="802858" spans="14:14">
      <c r="N802858" s="10"/>
    </row>
    <row r="802859" spans="14:14">
      <c r="N802859" s="10"/>
    </row>
    <row r="802860" spans="14:14">
      <c r="N802860" s="10"/>
    </row>
    <row r="802861" spans="14:14">
      <c r="N802861" s="10"/>
    </row>
    <row r="802862" spans="14:14">
      <c r="N802862" s="10"/>
    </row>
    <row r="802863" spans="14:14">
      <c r="N802863" s="10"/>
    </row>
    <row r="802864" spans="14:14">
      <c r="N802864" s="10"/>
    </row>
    <row r="802865" spans="14:14">
      <c r="N802865" s="10"/>
    </row>
    <row r="802866" spans="14:14">
      <c r="N802866" s="10"/>
    </row>
    <row r="802867" spans="14:14">
      <c r="N802867" s="10"/>
    </row>
    <row r="802868" spans="14:14">
      <c r="N802868" s="10"/>
    </row>
    <row r="802869" spans="14:14">
      <c r="N802869" s="10"/>
    </row>
    <row r="802870" spans="14:14">
      <c r="N802870" s="10"/>
    </row>
    <row r="802871" spans="14:14">
      <c r="N802871" s="10"/>
    </row>
    <row r="802872" spans="14:14">
      <c r="N802872" s="10"/>
    </row>
    <row r="802873" spans="14:14">
      <c r="N802873" s="10"/>
    </row>
    <row r="802874" spans="14:14">
      <c r="N802874" s="10"/>
    </row>
    <row r="802875" spans="14:14">
      <c r="N802875" s="10"/>
    </row>
    <row r="802876" spans="14:14">
      <c r="N802876" s="10"/>
    </row>
    <row r="802877" spans="14:14">
      <c r="N802877" s="10"/>
    </row>
    <row r="802878" spans="14:14">
      <c r="N802878" s="10"/>
    </row>
    <row r="802879" spans="14:14">
      <c r="N802879" s="10"/>
    </row>
    <row r="802880" spans="14:14">
      <c r="N802880" s="10"/>
    </row>
    <row r="802881" spans="14:14">
      <c r="N802881" s="10"/>
    </row>
    <row r="802882" spans="14:14">
      <c r="N802882" s="10"/>
    </row>
    <row r="802883" spans="14:14">
      <c r="N802883" s="10"/>
    </row>
    <row r="802884" spans="14:14">
      <c r="N802884" s="10"/>
    </row>
    <row r="802885" spans="14:14">
      <c r="N802885" s="10"/>
    </row>
    <row r="802886" spans="14:14">
      <c r="N802886" s="10"/>
    </row>
    <row r="802887" spans="14:14">
      <c r="N802887" s="10"/>
    </row>
    <row r="802888" spans="14:14">
      <c r="N802888" s="10"/>
    </row>
    <row r="802889" spans="14:14">
      <c r="N802889" s="10"/>
    </row>
    <row r="802890" spans="14:14">
      <c r="N802890" s="10"/>
    </row>
    <row r="802891" spans="14:14">
      <c r="N802891" s="10"/>
    </row>
    <row r="802892" spans="14:14">
      <c r="N802892" s="10"/>
    </row>
    <row r="802893" spans="14:14">
      <c r="N802893" s="10"/>
    </row>
    <row r="802894" spans="14:14">
      <c r="N802894" s="10"/>
    </row>
    <row r="802895" spans="14:14">
      <c r="N802895" s="10"/>
    </row>
    <row r="802896" spans="14:14">
      <c r="N802896" s="10"/>
    </row>
    <row r="802897" spans="14:14">
      <c r="N802897" s="10"/>
    </row>
    <row r="802898" spans="14:14">
      <c r="N802898" s="10"/>
    </row>
    <row r="802899" spans="14:14">
      <c r="N802899" s="10"/>
    </row>
    <row r="802900" spans="14:14">
      <c r="N802900" s="10"/>
    </row>
    <row r="802901" spans="14:14">
      <c r="N802901" s="10"/>
    </row>
    <row r="802902" spans="14:14">
      <c r="N802902" s="10"/>
    </row>
    <row r="802903" spans="14:14">
      <c r="N802903" s="10"/>
    </row>
    <row r="802904" spans="14:14">
      <c r="N802904" s="10"/>
    </row>
    <row r="802905" spans="14:14">
      <c r="N802905" s="10"/>
    </row>
    <row r="802906" spans="14:14">
      <c r="N802906" s="10"/>
    </row>
    <row r="802907" spans="14:14">
      <c r="N802907" s="10"/>
    </row>
    <row r="802908" spans="14:14">
      <c r="N802908" s="10"/>
    </row>
    <row r="802909" spans="14:14">
      <c r="N802909" s="10"/>
    </row>
    <row r="802910" spans="14:14">
      <c r="N802910" s="10"/>
    </row>
    <row r="802911" spans="14:14">
      <c r="N802911" s="10"/>
    </row>
    <row r="802912" spans="14:14">
      <c r="N802912" s="10"/>
    </row>
    <row r="802913" spans="14:14">
      <c r="N802913" s="10"/>
    </row>
    <row r="802914" spans="14:14">
      <c r="N802914" s="10"/>
    </row>
    <row r="802915" spans="14:14">
      <c r="N802915" s="10"/>
    </row>
    <row r="802916" spans="14:14">
      <c r="N802916" s="10"/>
    </row>
    <row r="802917" spans="14:14">
      <c r="N802917" s="10"/>
    </row>
    <row r="802918" spans="14:14">
      <c r="N802918" s="10"/>
    </row>
    <row r="802919" spans="14:14">
      <c r="N802919" s="10"/>
    </row>
    <row r="802920" spans="14:14">
      <c r="N802920" s="10"/>
    </row>
    <row r="802921" spans="14:14">
      <c r="N802921" s="10"/>
    </row>
    <row r="802922" spans="14:14">
      <c r="N802922" s="10"/>
    </row>
    <row r="802923" spans="14:14">
      <c r="N802923" s="10"/>
    </row>
    <row r="802924" spans="14:14">
      <c r="N802924" s="10"/>
    </row>
    <row r="802925" spans="14:14">
      <c r="N802925" s="10"/>
    </row>
    <row r="802926" spans="14:14">
      <c r="N802926" s="10"/>
    </row>
    <row r="802927" spans="14:14">
      <c r="N802927" s="10"/>
    </row>
    <row r="802928" spans="14:14">
      <c r="N802928" s="10"/>
    </row>
    <row r="802929" spans="14:14">
      <c r="N802929" s="10"/>
    </row>
    <row r="802930" spans="14:14">
      <c r="N802930" s="10"/>
    </row>
    <row r="802931" spans="14:14">
      <c r="N802931" s="10"/>
    </row>
    <row r="802932" spans="14:14">
      <c r="N802932" s="10"/>
    </row>
    <row r="802933" spans="14:14">
      <c r="N802933" s="10"/>
    </row>
    <row r="802934" spans="14:14">
      <c r="N802934" s="10"/>
    </row>
    <row r="802935" spans="14:14">
      <c r="N802935" s="10"/>
    </row>
    <row r="802936" spans="14:14">
      <c r="N802936" s="10"/>
    </row>
    <row r="802937" spans="14:14">
      <c r="N802937" s="10"/>
    </row>
    <row r="802938" spans="14:14">
      <c r="N802938" s="10"/>
    </row>
    <row r="802939" spans="14:14">
      <c r="N802939" s="10"/>
    </row>
    <row r="802940" spans="14:14">
      <c r="N802940" s="10"/>
    </row>
    <row r="802941" spans="14:14">
      <c r="N802941" s="10"/>
    </row>
    <row r="802942" spans="14:14">
      <c r="N802942" s="10"/>
    </row>
    <row r="802943" spans="14:14">
      <c r="N802943" s="10"/>
    </row>
    <row r="802944" spans="14:14">
      <c r="N802944" s="10"/>
    </row>
    <row r="802945" spans="14:14">
      <c r="N802945" s="10"/>
    </row>
    <row r="802946" spans="14:14">
      <c r="N802946" s="10"/>
    </row>
    <row r="802947" spans="14:14">
      <c r="N802947" s="10"/>
    </row>
    <row r="802948" spans="14:14">
      <c r="N802948" s="10"/>
    </row>
    <row r="802949" spans="14:14">
      <c r="N802949" s="10"/>
    </row>
    <row r="802950" spans="14:14">
      <c r="N802950" s="10"/>
    </row>
    <row r="802951" spans="14:14">
      <c r="N802951" s="10"/>
    </row>
    <row r="802952" spans="14:14">
      <c r="N802952" s="10"/>
    </row>
    <row r="802953" spans="14:14">
      <c r="N802953" s="10"/>
    </row>
    <row r="802954" spans="14:14">
      <c r="N802954" s="10"/>
    </row>
    <row r="802955" spans="14:14">
      <c r="N802955" s="10"/>
    </row>
    <row r="802956" spans="14:14">
      <c r="N802956" s="10"/>
    </row>
    <row r="802957" spans="14:14">
      <c r="N802957" s="10"/>
    </row>
    <row r="802958" spans="14:14">
      <c r="N802958" s="10"/>
    </row>
    <row r="802959" spans="14:14">
      <c r="N802959" s="10"/>
    </row>
    <row r="802960" spans="14:14">
      <c r="N802960" s="10"/>
    </row>
    <row r="802961" spans="14:14">
      <c r="N802961" s="10"/>
    </row>
    <row r="802962" spans="14:14">
      <c r="N802962" s="10"/>
    </row>
    <row r="802963" spans="14:14">
      <c r="N802963" s="10"/>
    </row>
    <row r="802964" spans="14:14">
      <c r="N802964" s="10"/>
    </row>
    <row r="802965" spans="14:14">
      <c r="N802965" s="10"/>
    </row>
    <row r="802966" spans="14:14">
      <c r="N802966" s="10"/>
    </row>
    <row r="802967" spans="14:14">
      <c r="N802967" s="10"/>
    </row>
    <row r="802968" spans="14:14">
      <c r="N802968" s="10"/>
    </row>
    <row r="802969" spans="14:14">
      <c r="N802969" s="10"/>
    </row>
    <row r="802970" spans="14:14">
      <c r="N802970" s="10"/>
    </row>
    <row r="802971" spans="14:14">
      <c r="N802971" s="10"/>
    </row>
    <row r="802972" spans="14:14">
      <c r="N802972" s="10"/>
    </row>
    <row r="802973" spans="14:14">
      <c r="N802973" s="10"/>
    </row>
    <row r="802974" spans="14:14">
      <c r="N802974" s="10"/>
    </row>
    <row r="802975" spans="14:14">
      <c r="N802975" s="10"/>
    </row>
    <row r="802976" spans="14:14">
      <c r="N802976" s="10"/>
    </row>
    <row r="802977" spans="14:14">
      <c r="N802977" s="10"/>
    </row>
    <row r="802978" spans="14:14">
      <c r="N802978" s="10"/>
    </row>
    <row r="802979" spans="14:14">
      <c r="N802979" s="10"/>
    </row>
    <row r="802980" spans="14:14">
      <c r="N802980" s="10"/>
    </row>
    <row r="802981" spans="14:14">
      <c r="N802981" s="10"/>
    </row>
    <row r="802982" spans="14:14">
      <c r="N802982" s="10"/>
    </row>
    <row r="802983" spans="14:14">
      <c r="N802983" s="10"/>
    </row>
    <row r="802984" spans="14:14">
      <c r="N802984" s="10"/>
    </row>
    <row r="802985" spans="14:14">
      <c r="N802985" s="10"/>
    </row>
    <row r="802986" spans="14:14">
      <c r="N802986" s="10"/>
    </row>
    <row r="802987" spans="14:14">
      <c r="N802987" s="10"/>
    </row>
    <row r="802988" spans="14:14">
      <c r="N802988" s="10"/>
    </row>
    <row r="802989" spans="14:14">
      <c r="N802989" s="10"/>
    </row>
    <row r="802990" spans="14:14">
      <c r="N802990" s="10"/>
    </row>
    <row r="802991" spans="14:14">
      <c r="N802991" s="10"/>
    </row>
    <row r="802992" spans="14:14">
      <c r="N802992" s="10"/>
    </row>
    <row r="802993" spans="14:14">
      <c r="N802993" s="10"/>
    </row>
    <row r="802994" spans="14:14">
      <c r="N802994" s="10"/>
    </row>
    <row r="802995" spans="14:14">
      <c r="N802995" s="10"/>
    </row>
    <row r="802996" spans="14:14">
      <c r="N802996" s="10"/>
    </row>
    <row r="802997" spans="14:14">
      <c r="N802997" s="10"/>
    </row>
    <row r="802998" spans="14:14">
      <c r="N802998" s="10"/>
    </row>
    <row r="802999" spans="14:14">
      <c r="N802999" s="10"/>
    </row>
    <row r="803000" spans="14:14">
      <c r="N803000" s="10"/>
    </row>
    <row r="803001" spans="14:14">
      <c r="N803001" s="10"/>
    </row>
    <row r="803002" spans="14:14">
      <c r="N803002" s="10"/>
    </row>
    <row r="803003" spans="14:14">
      <c r="N803003" s="10"/>
    </row>
    <row r="803004" spans="14:14">
      <c r="N803004" s="10"/>
    </row>
    <row r="803005" spans="14:14">
      <c r="N803005" s="10"/>
    </row>
    <row r="803006" spans="14:14">
      <c r="N803006" s="10"/>
    </row>
    <row r="803007" spans="14:14">
      <c r="N803007" s="10"/>
    </row>
    <row r="803008" spans="14:14">
      <c r="N803008" s="10"/>
    </row>
    <row r="803009" spans="14:14">
      <c r="N803009" s="10"/>
    </row>
    <row r="803010" spans="14:14">
      <c r="N803010" s="10"/>
    </row>
    <row r="803011" spans="14:14">
      <c r="N803011" s="10"/>
    </row>
    <row r="803012" spans="14:14">
      <c r="N803012" s="10"/>
    </row>
    <row r="803013" spans="14:14">
      <c r="N803013" s="10"/>
    </row>
    <row r="803014" spans="14:14">
      <c r="N803014" s="10"/>
    </row>
    <row r="803015" spans="14:14">
      <c r="N803015" s="10"/>
    </row>
    <row r="803016" spans="14:14">
      <c r="N803016" s="10"/>
    </row>
    <row r="803017" spans="14:14">
      <c r="N803017" s="10"/>
    </row>
    <row r="803018" spans="14:14">
      <c r="N803018" s="10"/>
    </row>
    <row r="803019" spans="14:14">
      <c r="N803019" s="10"/>
    </row>
    <row r="803020" spans="14:14">
      <c r="N803020" s="10"/>
    </row>
    <row r="803021" spans="14:14">
      <c r="N803021" s="10"/>
    </row>
    <row r="803022" spans="14:14">
      <c r="N803022" s="10"/>
    </row>
    <row r="803023" spans="14:14">
      <c r="N803023" s="10"/>
    </row>
    <row r="803024" spans="14:14">
      <c r="N803024" s="10"/>
    </row>
    <row r="803025" spans="14:14">
      <c r="N803025" s="10"/>
    </row>
    <row r="803026" spans="14:14">
      <c r="N803026" s="10"/>
    </row>
    <row r="803027" spans="14:14">
      <c r="N803027" s="10"/>
    </row>
    <row r="803028" spans="14:14">
      <c r="N803028" s="10"/>
    </row>
    <row r="803029" spans="14:14">
      <c r="N803029" s="10"/>
    </row>
    <row r="803030" spans="14:14">
      <c r="N803030" s="10"/>
    </row>
    <row r="803031" spans="14:14">
      <c r="N803031" s="10"/>
    </row>
    <row r="803032" spans="14:14">
      <c r="N803032" s="10"/>
    </row>
    <row r="803033" spans="14:14">
      <c r="N803033" s="10"/>
    </row>
    <row r="803034" spans="14:14">
      <c r="N803034" s="10"/>
    </row>
    <row r="803035" spans="14:14">
      <c r="N803035" s="10"/>
    </row>
    <row r="803036" spans="14:14">
      <c r="N803036" s="10"/>
    </row>
    <row r="803037" spans="14:14">
      <c r="N803037" s="10"/>
    </row>
    <row r="803038" spans="14:14">
      <c r="N803038" s="10"/>
    </row>
    <row r="803039" spans="14:14">
      <c r="N803039" s="10"/>
    </row>
    <row r="803040" spans="14:14">
      <c r="N803040" s="10"/>
    </row>
    <row r="803041" spans="14:14">
      <c r="N803041" s="10"/>
    </row>
    <row r="803042" spans="14:14">
      <c r="N803042" s="10"/>
    </row>
    <row r="803043" spans="14:14">
      <c r="N803043" s="10"/>
    </row>
    <row r="803044" spans="14:14">
      <c r="N803044" s="10"/>
    </row>
    <row r="803045" spans="14:14">
      <c r="N803045" s="10"/>
    </row>
    <row r="803046" spans="14:14">
      <c r="N803046" s="10"/>
    </row>
    <row r="803047" spans="14:14">
      <c r="N803047" s="10"/>
    </row>
    <row r="803048" spans="14:14">
      <c r="N803048" s="10"/>
    </row>
    <row r="803049" spans="14:14">
      <c r="N803049" s="10"/>
    </row>
    <row r="803050" spans="14:14">
      <c r="N803050" s="10"/>
    </row>
    <row r="803051" spans="14:14">
      <c r="N803051" s="10"/>
    </row>
    <row r="803052" spans="14:14">
      <c r="N803052" s="10"/>
    </row>
    <row r="803053" spans="14:14">
      <c r="N803053" s="10"/>
    </row>
    <row r="803054" spans="14:14">
      <c r="N803054" s="10"/>
    </row>
    <row r="803055" spans="14:14">
      <c r="N803055" s="10"/>
    </row>
    <row r="803056" spans="14:14">
      <c r="N803056" s="10"/>
    </row>
    <row r="803057" spans="14:14">
      <c r="N803057" s="10"/>
    </row>
    <row r="803058" spans="14:14">
      <c r="N803058" s="10"/>
    </row>
    <row r="803059" spans="14:14">
      <c r="N803059" s="10"/>
    </row>
    <row r="803060" spans="14:14">
      <c r="N803060" s="10"/>
    </row>
    <row r="803061" spans="14:14">
      <c r="N803061" s="10"/>
    </row>
    <row r="803062" spans="14:14">
      <c r="N803062" s="10"/>
    </row>
    <row r="803063" spans="14:14">
      <c r="N803063" s="10"/>
    </row>
    <row r="803064" spans="14:14">
      <c r="N803064" s="10"/>
    </row>
    <row r="803065" spans="14:14">
      <c r="N803065" s="10"/>
    </row>
    <row r="803066" spans="14:14">
      <c r="N803066" s="10"/>
    </row>
    <row r="803067" spans="14:14">
      <c r="N803067" s="10"/>
    </row>
    <row r="803068" spans="14:14">
      <c r="N803068" s="10"/>
    </row>
    <row r="803069" spans="14:14">
      <c r="N803069" s="10"/>
    </row>
    <row r="803070" spans="14:14">
      <c r="N803070" s="10"/>
    </row>
    <row r="803071" spans="14:14">
      <c r="N803071" s="10"/>
    </row>
    <row r="803072" spans="14:14">
      <c r="N803072" s="10"/>
    </row>
    <row r="803073" spans="14:14">
      <c r="N803073" s="10"/>
    </row>
    <row r="803074" spans="14:14">
      <c r="N803074" s="10"/>
    </row>
    <row r="803075" spans="14:14">
      <c r="N803075" s="10"/>
    </row>
    <row r="803076" spans="14:14">
      <c r="N803076" s="10"/>
    </row>
    <row r="803077" spans="14:14">
      <c r="N803077" s="10"/>
    </row>
    <row r="803078" spans="14:14">
      <c r="N803078" s="10"/>
    </row>
    <row r="803079" spans="14:14">
      <c r="N803079" s="10"/>
    </row>
    <row r="803080" spans="14:14">
      <c r="N803080" s="10"/>
    </row>
    <row r="803081" spans="14:14">
      <c r="N803081" s="10"/>
    </row>
    <row r="803082" spans="14:14">
      <c r="N803082" s="10"/>
    </row>
    <row r="803083" spans="14:14">
      <c r="N803083" s="10"/>
    </row>
    <row r="803084" spans="14:14">
      <c r="N803084" s="10"/>
    </row>
    <row r="803085" spans="14:14">
      <c r="N803085" s="10"/>
    </row>
    <row r="803086" spans="14:14">
      <c r="N803086" s="10"/>
    </row>
    <row r="803087" spans="14:14">
      <c r="N803087" s="10"/>
    </row>
    <row r="803088" spans="14:14">
      <c r="N803088" s="10"/>
    </row>
    <row r="803089" spans="14:14">
      <c r="N803089" s="10"/>
    </row>
    <row r="803090" spans="14:14">
      <c r="N803090" s="10"/>
    </row>
    <row r="803091" spans="14:14">
      <c r="N803091" s="10"/>
    </row>
    <row r="803092" spans="14:14">
      <c r="N803092" s="10"/>
    </row>
    <row r="803093" spans="14:14">
      <c r="N803093" s="10"/>
    </row>
    <row r="803094" spans="14:14">
      <c r="N803094" s="10"/>
    </row>
    <row r="803095" spans="14:14">
      <c r="N803095" s="10"/>
    </row>
    <row r="803096" spans="14:14">
      <c r="N803096" s="10"/>
    </row>
    <row r="803097" spans="14:14">
      <c r="N803097" s="10"/>
    </row>
    <row r="803098" spans="14:14">
      <c r="N803098" s="10"/>
    </row>
    <row r="803099" spans="14:14">
      <c r="N803099" s="10"/>
    </row>
    <row r="803100" spans="14:14">
      <c r="N803100" s="10"/>
    </row>
    <row r="803101" spans="14:14">
      <c r="N803101" s="10"/>
    </row>
    <row r="803102" spans="14:14">
      <c r="N803102" s="10"/>
    </row>
    <row r="803103" spans="14:14">
      <c r="N803103" s="10"/>
    </row>
    <row r="803104" spans="14:14">
      <c r="N803104" s="10"/>
    </row>
    <row r="803105" spans="14:14">
      <c r="N803105" s="10"/>
    </row>
    <row r="803106" spans="14:14">
      <c r="N803106" s="10"/>
    </row>
    <row r="803107" spans="14:14">
      <c r="N803107" s="10"/>
    </row>
    <row r="803108" spans="14:14">
      <c r="N803108" s="10"/>
    </row>
    <row r="803109" spans="14:14">
      <c r="N803109" s="10"/>
    </row>
    <row r="803110" spans="14:14">
      <c r="N803110" s="10"/>
    </row>
    <row r="803111" spans="14:14">
      <c r="N803111" s="10"/>
    </row>
    <row r="803112" spans="14:14">
      <c r="N803112" s="10"/>
    </row>
    <row r="803113" spans="14:14">
      <c r="N803113" s="10"/>
    </row>
    <row r="803114" spans="14:14">
      <c r="N803114" s="10"/>
    </row>
    <row r="803115" spans="14:14">
      <c r="N803115" s="10"/>
    </row>
    <row r="803116" spans="14:14">
      <c r="N803116" s="10"/>
    </row>
    <row r="803117" spans="14:14">
      <c r="N803117" s="10"/>
    </row>
    <row r="803118" spans="14:14">
      <c r="N803118" s="10"/>
    </row>
    <row r="803119" spans="14:14">
      <c r="N803119" s="10"/>
    </row>
    <row r="803120" spans="14:14">
      <c r="N803120" s="10"/>
    </row>
    <row r="803121" spans="14:14">
      <c r="N803121" s="10"/>
    </row>
    <row r="803122" spans="14:14">
      <c r="N803122" s="10"/>
    </row>
    <row r="803123" spans="14:14">
      <c r="N803123" s="10"/>
    </row>
    <row r="803124" spans="14:14">
      <c r="N803124" s="10"/>
    </row>
    <row r="803125" spans="14:14">
      <c r="N803125" s="10"/>
    </row>
    <row r="803126" spans="14:14">
      <c r="N803126" s="10"/>
    </row>
    <row r="803127" spans="14:14">
      <c r="N803127" s="10"/>
    </row>
    <row r="803128" spans="14:14">
      <c r="N803128" s="10"/>
    </row>
    <row r="803129" spans="14:14">
      <c r="N803129" s="10"/>
    </row>
    <row r="803130" spans="14:14">
      <c r="N803130" s="10"/>
    </row>
    <row r="803131" spans="14:14">
      <c r="N803131" s="10"/>
    </row>
    <row r="803132" spans="14:14">
      <c r="N803132" s="10"/>
    </row>
    <row r="803133" spans="14:14">
      <c r="N803133" s="10"/>
    </row>
    <row r="803134" spans="14:14">
      <c r="N803134" s="10"/>
    </row>
    <row r="803135" spans="14:14">
      <c r="N803135" s="10"/>
    </row>
    <row r="803136" spans="14:14">
      <c r="N803136" s="10"/>
    </row>
    <row r="803137" spans="14:14">
      <c r="N803137" s="10"/>
    </row>
    <row r="803138" spans="14:14">
      <c r="N803138" s="10"/>
    </row>
    <row r="803139" spans="14:14">
      <c r="N803139" s="10"/>
    </row>
    <row r="803140" spans="14:14">
      <c r="N803140" s="10"/>
    </row>
    <row r="803141" spans="14:14">
      <c r="N803141" s="10"/>
    </row>
    <row r="803142" spans="14:14">
      <c r="N803142" s="10"/>
    </row>
    <row r="803143" spans="14:14">
      <c r="N803143" s="10"/>
    </row>
    <row r="803144" spans="14:14">
      <c r="N803144" s="10"/>
    </row>
    <row r="803145" spans="14:14">
      <c r="N803145" s="10"/>
    </row>
    <row r="803146" spans="14:14">
      <c r="N803146" s="10"/>
    </row>
    <row r="803147" spans="14:14">
      <c r="N803147" s="10"/>
    </row>
    <row r="803148" spans="14:14">
      <c r="N803148" s="10"/>
    </row>
    <row r="803149" spans="14:14">
      <c r="N803149" s="10"/>
    </row>
    <row r="803150" spans="14:14">
      <c r="N803150" s="10"/>
    </row>
    <row r="803151" spans="14:14">
      <c r="N803151" s="10"/>
    </row>
    <row r="803152" spans="14:14">
      <c r="N803152" s="10"/>
    </row>
    <row r="803153" spans="14:14">
      <c r="N803153" s="10"/>
    </row>
    <row r="803154" spans="14:14">
      <c r="N803154" s="10"/>
    </row>
    <row r="803155" spans="14:14">
      <c r="N803155" s="10"/>
    </row>
    <row r="803156" spans="14:14">
      <c r="N803156" s="10"/>
    </row>
    <row r="803157" spans="14:14">
      <c r="N803157" s="10"/>
    </row>
    <row r="803158" spans="14:14">
      <c r="N803158" s="10"/>
    </row>
    <row r="803159" spans="14:14">
      <c r="N803159" s="10"/>
    </row>
    <row r="803160" spans="14:14">
      <c r="N803160" s="10"/>
    </row>
    <row r="803161" spans="14:14">
      <c r="N803161" s="10"/>
    </row>
    <row r="803162" spans="14:14">
      <c r="N803162" s="10"/>
    </row>
    <row r="803163" spans="14:14">
      <c r="N803163" s="10"/>
    </row>
    <row r="803164" spans="14:14">
      <c r="N803164" s="10"/>
    </row>
    <row r="803165" spans="14:14">
      <c r="N803165" s="10"/>
    </row>
    <row r="803166" spans="14:14">
      <c r="N803166" s="10"/>
    </row>
    <row r="803167" spans="14:14">
      <c r="N803167" s="10"/>
    </row>
    <row r="803168" spans="14:14">
      <c r="N803168" s="10"/>
    </row>
    <row r="803169" spans="14:14">
      <c r="N803169" s="10"/>
    </row>
    <row r="803170" spans="14:14">
      <c r="N803170" s="10"/>
    </row>
    <row r="803171" spans="14:14">
      <c r="N803171" s="10"/>
    </row>
    <row r="803172" spans="14:14">
      <c r="N803172" s="10"/>
    </row>
    <row r="803173" spans="14:14">
      <c r="N803173" s="10"/>
    </row>
    <row r="803174" spans="14:14">
      <c r="N803174" s="10"/>
    </row>
    <row r="803175" spans="14:14">
      <c r="N803175" s="10"/>
    </row>
    <row r="803176" spans="14:14">
      <c r="N803176" s="10"/>
    </row>
    <row r="803177" spans="14:14">
      <c r="N803177" s="10"/>
    </row>
    <row r="803178" spans="14:14">
      <c r="N803178" s="10"/>
    </row>
    <row r="803179" spans="14:14">
      <c r="N803179" s="10"/>
    </row>
    <row r="803180" spans="14:14">
      <c r="N803180" s="10"/>
    </row>
    <row r="803181" spans="14:14">
      <c r="N803181" s="10"/>
    </row>
    <row r="803182" spans="14:14">
      <c r="N803182" s="10"/>
    </row>
    <row r="803183" spans="14:14">
      <c r="N803183" s="10"/>
    </row>
    <row r="803184" spans="14:14">
      <c r="N803184" s="10"/>
    </row>
    <row r="803185" spans="14:14">
      <c r="N803185" s="10"/>
    </row>
    <row r="803186" spans="14:14">
      <c r="N803186" s="10"/>
    </row>
    <row r="803187" spans="14:14">
      <c r="N803187" s="10"/>
    </row>
    <row r="803188" spans="14:14">
      <c r="N803188" s="10"/>
    </row>
    <row r="803189" spans="14:14">
      <c r="N803189" s="10"/>
    </row>
    <row r="803190" spans="14:14">
      <c r="N803190" s="10"/>
    </row>
    <row r="803191" spans="14:14">
      <c r="N803191" s="10"/>
    </row>
    <row r="803192" spans="14:14">
      <c r="N803192" s="10"/>
    </row>
    <row r="803193" spans="14:14">
      <c r="N803193" s="10"/>
    </row>
    <row r="803194" spans="14:14">
      <c r="N803194" s="10"/>
    </row>
    <row r="803195" spans="14:14">
      <c r="N803195" s="10"/>
    </row>
    <row r="803196" spans="14:14">
      <c r="N803196" s="10"/>
    </row>
    <row r="803197" spans="14:14">
      <c r="N803197" s="10"/>
    </row>
    <row r="803198" spans="14:14">
      <c r="N803198" s="10"/>
    </row>
    <row r="803199" spans="14:14">
      <c r="N803199" s="10"/>
    </row>
    <row r="803200" spans="14:14">
      <c r="N803200" s="10"/>
    </row>
    <row r="803201" spans="14:14">
      <c r="N803201" s="10"/>
    </row>
    <row r="803202" spans="14:14">
      <c r="N803202" s="10"/>
    </row>
    <row r="803203" spans="14:14">
      <c r="N803203" s="10"/>
    </row>
    <row r="803204" spans="14:14">
      <c r="N803204" s="10"/>
    </row>
    <row r="803205" spans="14:14">
      <c r="N803205" s="10"/>
    </row>
    <row r="803206" spans="14:14">
      <c r="N803206" s="10"/>
    </row>
    <row r="803207" spans="14:14">
      <c r="N803207" s="10"/>
    </row>
    <row r="803208" spans="14:14">
      <c r="N803208" s="10"/>
    </row>
    <row r="803209" spans="14:14">
      <c r="N803209" s="10"/>
    </row>
    <row r="803210" spans="14:14">
      <c r="N803210" s="10"/>
    </row>
    <row r="803211" spans="14:14">
      <c r="N803211" s="10"/>
    </row>
    <row r="803212" spans="14:14">
      <c r="N803212" s="10"/>
    </row>
    <row r="803213" spans="14:14">
      <c r="N803213" s="10"/>
    </row>
    <row r="803214" spans="14:14">
      <c r="N803214" s="10"/>
    </row>
    <row r="803215" spans="14:14">
      <c r="N803215" s="10"/>
    </row>
    <row r="803216" spans="14:14">
      <c r="N803216" s="10"/>
    </row>
    <row r="803217" spans="14:14">
      <c r="N803217" s="10"/>
    </row>
    <row r="803218" spans="14:14">
      <c r="N803218" s="10"/>
    </row>
    <row r="803219" spans="14:14">
      <c r="N803219" s="10"/>
    </row>
    <row r="803220" spans="14:14">
      <c r="N803220" s="10"/>
    </row>
    <row r="803221" spans="14:14">
      <c r="N803221" s="10"/>
    </row>
    <row r="803222" spans="14:14">
      <c r="N803222" s="10"/>
    </row>
    <row r="803223" spans="14:14">
      <c r="N803223" s="10"/>
    </row>
    <row r="803224" spans="14:14">
      <c r="N803224" s="10"/>
    </row>
    <row r="803225" spans="14:14">
      <c r="N803225" s="10"/>
    </row>
    <row r="803226" spans="14:14">
      <c r="N803226" s="10"/>
    </row>
    <row r="803227" spans="14:14">
      <c r="N803227" s="10"/>
    </row>
    <row r="803228" spans="14:14">
      <c r="N803228" s="10"/>
    </row>
    <row r="803229" spans="14:14">
      <c r="N803229" s="10"/>
    </row>
    <row r="803230" spans="14:14">
      <c r="N803230" s="10"/>
    </row>
    <row r="803231" spans="14:14">
      <c r="N803231" s="10"/>
    </row>
    <row r="803232" spans="14:14">
      <c r="N803232" s="10"/>
    </row>
    <row r="803233" spans="14:14">
      <c r="N803233" s="10"/>
    </row>
    <row r="803234" spans="14:14">
      <c r="N803234" s="10"/>
    </row>
    <row r="803235" spans="14:14">
      <c r="N803235" s="10"/>
    </row>
    <row r="803236" spans="14:14">
      <c r="N803236" s="10"/>
    </row>
    <row r="803237" spans="14:14">
      <c r="N803237" s="10"/>
    </row>
    <row r="803238" spans="14:14">
      <c r="N803238" s="10"/>
    </row>
    <row r="803239" spans="14:14">
      <c r="N803239" s="10"/>
    </row>
    <row r="803240" spans="14:14">
      <c r="N803240" s="10"/>
    </row>
    <row r="803241" spans="14:14">
      <c r="N803241" s="10"/>
    </row>
    <row r="803242" spans="14:14">
      <c r="N803242" s="10"/>
    </row>
    <row r="803243" spans="14:14">
      <c r="N803243" s="10"/>
    </row>
    <row r="803244" spans="14:14">
      <c r="N803244" s="10"/>
    </row>
    <row r="803245" spans="14:14">
      <c r="N803245" s="10"/>
    </row>
    <row r="803246" spans="14:14">
      <c r="N803246" s="10"/>
    </row>
    <row r="803247" spans="14:14">
      <c r="N803247" s="10"/>
    </row>
    <row r="803248" spans="14:14">
      <c r="N803248" s="10"/>
    </row>
    <row r="803249" spans="14:14">
      <c r="N803249" s="10"/>
    </row>
    <row r="803250" spans="14:14">
      <c r="N803250" s="10"/>
    </row>
    <row r="803251" spans="14:14">
      <c r="N803251" s="10"/>
    </row>
    <row r="803252" spans="14:14">
      <c r="N803252" s="10"/>
    </row>
    <row r="803253" spans="14:14">
      <c r="N803253" s="10"/>
    </row>
    <row r="803254" spans="14:14">
      <c r="N803254" s="10"/>
    </row>
    <row r="803255" spans="14:14">
      <c r="N803255" s="10"/>
    </row>
    <row r="803256" spans="14:14">
      <c r="N803256" s="10"/>
    </row>
    <row r="803257" spans="14:14">
      <c r="N803257" s="10"/>
    </row>
    <row r="803258" spans="14:14">
      <c r="N803258" s="10"/>
    </row>
    <row r="803259" spans="14:14">
      <c r="N803259" s="10"/>
    </row>
    <row r="803260" spans="14:14">
      <c r="N803260" s="10"/>
    </row>
    <row r="803261" spans="14:14">
      <c r="N803261" s="10"/>
    </row>
    <row r="803262" spans="14:14">
      <c r="N803262" s="10"/>
    </row>
    <row r="803263" spans="14:14">
      <c r="N803263" s="10"/>
    </row>
    <row r="803264" spans="14:14">
      <c r="N803264" s="10"/>
    </row>
    <row r="803265" spans="14:14">
      <c r="N803265" s="10"/>
    </row>
    <row r="803266" spans="14:14">
      <c r="N803266" s="10"/>
    </row>
    <row r="803267" spans="14:14">
      <c r="N803267" s="10"/>
    </row>
    <row r="803268" spans="14:14">
      <c r="N803268" s="10"/>
    </row>
    <row r="803269" spans="14:14">
      <c r="N803269" s="10"/>
    </row>
    <row r="803270" spans="14:14">
      <c r="N803270" s="10"/>
    </row>
    <row r="803271" spans="14:14">
      <c r="N803271" s="10"/>
    </row>
    <row r="803272" spans="14:14">
      <c r="N803272" s="10"/>
    </row>
    <row r="803273" spans="14:14">
      <c r="N803273" s="10"/>
    </row>
    <row r="803274" spans="14:14">
      <c r="N803274" s="10"/>
    </row>
    <row r="803275" spans="14:14">
      <c r="N803275" s="10"/>
    </row>
    <row r="803276" spans="14:14">
      <c r="N803276" s="10"/>
    </row>
    <row r="803277" spans="14:14">
      <c r="N803277" s="10"/>
    </row>
    <row r="803278" spans="14:14">
      <c r="N803278" s="10"/>
    </row>
    <row r="803279" spans="14:14">
      <c r="N803279" s="10"/>
    </row>
    <row r="803280" spans="14:14">
      <c r="N803280" s="10"/>
    </row>
    <row r="803281" spans="14:14">
      <c r="N803281" s="10"/>
    </row>
    <row r="803282" spans="14:14">
      <c r="N803282" s="10"/>
    </row>
    <row r="803283" spans="14:14">
      <c r="N803283" s="10"/>
    </row>
    <row r="803284" spans="14:14">
      <c r="N803284" s="10"/>
    </row>
    <row r="803285" spans="14:14">
      <c r="N803285" s="10"/>
    </row>
    <row r="803286" spans="14:14">
      <c r="N803286" s="10"/>
    </row>
    <row r="803287" spans="14:14">
      <c r="N803287" s="10"/>
    </row>
    <row r="803288" spans="14:14">
      <c r="N803288" s="10"/>
    </row>
    <row r="803289" spans="14:14">
      <c r="N803289" s="10"/>
    </row>
    <row r="803290" spans="14:14">
      <c r="N803290" s="10"/>
    </row>
    <row r="803291" spans="14:14">
      <c r="N803291" s="10"/>
    </row>
    <row r="803292" spans="14:14">
      <c r="N803292" s="10"/>
    </row>
    <row r="803293" spans="14:14">
      <c r="N803293" s="10"/>
    </row>
    <row r="803294" spans="14:14">
      <c r="N803294" s="10"/>
    </row>
    <row r="803295" spans="14:14">
      <c r="N803295" s="10"/>
    </row>
    <row r="803296" spans="14:14">
      <c r="N803296" s="10"/>
    </row>
    <row r="803297" spans="14:14">
      <c r="N803297" s="10"/>
    </row>
    <row r="803298" spans="14:14">
      <c r="N803298" s="10"/>
    </row>
    <row r="803299" spans="14:14">
      <c r="N803299" s="10"/>
    </row>
    <row r="803300" spans="14:14">
      <c r="N803300" s="10"/>
    </row>
    <row r="803301" spans="14:14">
      <c r="N803301" s="10"/>
    </row>
    <row r="803302" spans="14:14">
      <c r="N803302" s="10"/>
    </row>
    <row r="803303" spans="14:14">
      <c r="N803303" s="10"/>
    </row>
    <row r="803304" spans="14:14">
      <c r="N803304" s="10"/>
    </row>
    <row r="803305" spans="14:14">
      <c r="N803305" s="10"/>
    </row>
    <row r="803306" spans="14:14">
      <c r="N803306" s="10"/>
    </row>
    <row r="803307" spans="14:14">
      <c r="N803307" s="10"/>
    </row>
    <row r="803308" spans="14:14">
      <c r="N803308" s="10"/>
    </row>
    <row r="803309" spans="14:14">
      <c r="N803309" s="10"/>
    </row>
    <row r="803310" spans="14:14">
      <c r="N803310" s="10"/>
    </row>
    <row r="803311" spans="14:14">
      <c r="N803311" s="10"/>
    </row>
    <row r="803312" spans="14:14">
      <c r="N803312" s="10"/>
    </row>
    <row r="803313" spans="14:14">
      <c r="N803313" s="10"/>
    </row>
    <row r="803314" spans="14:14">
      <c r="N803314" s="10"/>
    </row>
    <row r="803315" spans="14:14">
      <c r="N803315" s="10"/>
    </row>
    <row r="803316" spans="14:14">
      <c r="N803316" s="10"/>
    </row>
    <row r="803317" spans="14:14">
      <c r="N803317" s="10"/>
    </row>
    <row r="803318" spans="14:14">
      <c r="N803318" s="10"/>
    </row>
    <row r="803319" spans="14:14">
      <c r="N803319" s="10"/>
    </row>
    <row r="803320" spans="14:14">
      <c r="N803320" s="10"/>
    </row>
    <row r="803321" spans="14:14">
      <c r="N803321" s="10"/>
    </row>
    <row r="803322" spans="14:14">
      <c r="N803322" s="10"/>
    </row>
    <row r="803323" spans="14:14">
      <c r="N803323" s="10"/>
    </row>
    <row r="803324" spans="14:14">
      <c r="N803324" s="10"/>
    </row>
    <row r="803325" spans="14:14">
      <c r="N803325" s="10"/>
    </row>
    <row r="803326" spans="14:14">
      <c r="N803326" s="10"/>
    </row>
    <row r="803327" spans="14:14">
      <c r="N803327" s="10"/>
    </row>
    <row r="803328" spans="14:14">
      <c r="N803328" s="10"/>
    </row>
    <row r="803329" spans="14:14">
      <c r="N803329" s="10"/>
    </row>
    <row r="803330" spans="14:14">
      <c r="N803330" s="10"/>
    </row>
    <row r="803331" spans="14:14">
      <c r="N803331" s="10"/>
    </row>
    <row r="803332" spans="14:14">
      <c r="N803332" s="10"/>
    </row>
    <row r="803333" spans="14:14">
      <c r="N803333" s="10"/>
    </row>
    <row r="803334" spans="14:14">
      <c r="N803334" s="10"/>
    </row>
    <row r="803335" spans="14:14">
      <c r="N803335" s="10"/>
    </row>
    <row r="803336" spans="14:14">
      <c r="N803336" s="10"/>
    </row>
    <row r="803337" spans="14:14">
      <c r="N803337" s="10"/>
    </row>
    <row r="803338" spans="14:14">
      <c r="N803338" s="10"/>
    </row>
    <row r="803339" spans="14:14">
      <c r="N803339" s="10"/>
    </row>
    <row r="803340" spans="14:14">
      <c r="N803340" s="10"/>
    </row>
    <row r="803341" spans="14:14">
      <c r="N803341" s="10"/>
    </row>
    <row r="803342" spans="14:14">
      <c r="N803342" s="10"/>
    </row>
    <row r="803343" spans="14:14">
      <c r="N803343" s="10"/>
    </row>
    <row r="803344" spans="14:14">
      <c r="N803344" s="10"/>
    </row>
    <row r="803345" spans="14:14">
      <c r="N803345" s="10"/>
    </row>
    <row r="803346" spans="14:14">
      <c r="N803346" s="10"/>
    </row>
    <row r="803347" spans="14:14">
      <c r="N803347" s="10"/>
    </row>
    <row r="803348" spans="14:14">
      <c r="N803348" s="10"/>
    </row>
    <row r="803349" spans="14:14">
      <c r="N803349" s="10"/>
    </row>
    <row r="803350" spans="14:14">
      <c r="N803350" s="10"/>
    </row>
    <row r="803351" spans="14:14">
      <c r="N803351" s="10"/>
    </row>
    <row r="803352" spans="14:14">
      <c r="N803352" s="10"/>
    </row>
    <row r="803353" spans="14:14">
      <c r="N803353" s="10"/>
    </row>
    <row r="803354" spans="14:14">
      <c r="N803354" s="10"/>
    </row>
    <row r="803355" spans="14:14">
      <c r="N803355" s="10"/>
    </row>
    <row r="803356" spans="14:14">
      <c r="N803356" s="10"/>
    </row>
    <row r="803357" spans="14:14">
      <c r="N803357" s="10"/>
    </row>
    <row r="803358" spans="14:14">
      <c r="N803358" s="10"/>
    </row>
    <row r="803359" spans="14:14">
      <c r="N803359" s="10"/>
    </row>
    <row r="803360" spans="14:14">
      <c r="N803360" s="10"/>
    </row>
    <row r="803361" spans="14:14">
      <c r="N803361" s="10"/>
    </row>
    <row r="803362" spans="14:14">
      <c r="N803362" s="10"/>
    </row>
    <row r="803363" spans="14:14">
      <c r="N803363" s="10"/>
    </row>
    <row r="803364" spans="14:14">
      <c r="N803364" s="10"/>
    </row>
    <row r="803365" spans="14:14">
      <c r="N803365" s="10"/>
    </row>
    <row r="803366" spans="14:14">
      <c r="N803366" s="10"/>
    </row>
    <row r="803367" spans="14:14">
      <c r="N803367" s="10"/>
    </row>
    <row r="803368" spans="14:14">
      <c r="N803368" s="10"/>
    </row>
    <row r="803369" spans="14:14">
      <c r="N803369" s="10"/>
    </row>
    <row r="803370" spans="14:14">
      <c r="N803370" s="10"/>
    </row>
    <row r="803371" spans="14:14">
      <c r="N803371" s="10"/>
    </row>
    <row r="803372" spans="14:14">
      <c r="N803372" s="10"/>
    </row>
    <row r="803373" spans="14:14">
      <c r="N803373" s="10"/>
    </row>
    <row r="803374" spans="14:14">
      <c r="N803374" s="10"/>
    </row>
    <row r="803375" spans="14:14">
      <c r="N803375" s="10"/>
    </row>
    <row r="803376" spans="14:14">
      <c r="N803376" s="10"/>
    </row>
    <row r="803377" spans="14:14">
      <c r="N803377" s="10"/>
    </row>
    <row r="803378" spans="14:14">
      <c r="N803378" s="10"/>
    </row>
    <row r="803379" spans="14:14">
      <c r="N803379" s="10"/>
    </row>
    <row r="803380" spans="14:14">
      <c r="N803380" s="10"/>
    </row>
    <row r="803381" spans="14:14">
      <c r="N803381" s="10"/>
    </row>
    <row r="803382" spans="14:14">
      <c r="N803382" s="10"/>
    </row>
    <row r="803383" spans="14:14">
      <c r="N803383" s="10"/>
    </row>
    <row r="803384" spans="14:14">
      <c r="N803384" s="10"/>
    </row>
    <row r="803385" spans="14:14">
      <c r="N803385" s="10"/>
    </row>
    <row r="803386" spans="14:14">
      <c r="N803386" s="10"/>
    </row>
    <row r="803387" spans="14:14">
      <c r="N803387" s="10"/>
    </row>
    <row r="803388" spans="14:14">
      <c r="N803388" s="10"/>
    </row>
    <row r="803389" spans="14:14">
      <c r="N803389" s="10"/>
    </row>
    <row r="803390" spans="14:14">
      <c r="N803390" s="10"/>
    </row>
    <row r="803391" spans="14:14">
      <c r="N803391" s="10"/>
    </row>
    <row r="803392" spans="14:14">
      <c r="N803392" s="10"/>
    </row>
    <row r="803393" spans="14:14">
      <c r="N803393" s="10"/>
    </row>
    <row r="803394" spans="14:14">
      <c r="N803394" s="10"/>
    </row>
    <row r="803395" spans="14:14">
      <c r="N803395" s="10"/>
    </row>
    <row r="803396" spans="14:14">
      <c r="N803396" s="10"/>
    </row>
    <row r="803397" spans="14:14">
      <c r="N803397" s="10"/>
    </row>
    <row r="803398" spans="14:14">
      <c r="N803398" s="10"/>
    </row>
    <row r="803399" spans="14:14">
      <c r="N803399" s="10"/>
    </row>
    <row r="803400" spans="14:14">
      <c r="N803400" s="10"/>
    </row>
    <row r="803401" spans="14:14">
      <c r="N803401" s="10"/>
    </row>
    <row r="803402" spans="14:14">
      <c r="N803402" s="10"/>
    </row>
    <row r="803403" spans="14:14">
      <c r="N803403" s="10"/>
    </row>
    <row r="803404" spans="14:14">
      <c r="N803404" s="10"/>
    </row>
    <row r="803405" spans="14:14">
      <c r="N803405" s="10"/>
    </row>
    <row r="803406" spans="14:14">
      <c r="N803406" s="10"/>
    </row>
    <row r="803407" spans="14:14">
      <c r="N803407" s="10"/>
    </row>
    <row r="803408" spans="14:14">
      <c r="N803408" s="10"/>
    </row>
    <row r="803409" spans="14:14">
      <c r="N803409" s="10"/>
    </row>
    <row r="803410" spans="14:14">
      <c r="N803410" s="10"/>
    </row>
    <row r="803411" spans="14:14">
      <c r="N803411" s="10"/>
    </row>
    <row r="803412" spans="14:14">
      <c r="N803412" s="10"/>
    </row>
    <row r="803413" spans="14:14">
      <c r="N803413" s="10"/>
    </row>
    <row r="803414" spans="14:14">
      <c r="N803414" s="10"/>
    </row>
    <row r="803415" spans="14:14">
      <c r="N803415" s="10"/>
    </row>
    <row r="803416" spans="14:14">
      <c r="N803416" s="10"/>
    </row>
    <row r="803417" spans="14:14">
      <c r="N803417" s="10"/>
    </row>
    <row r="803418" spans="14:14">
      <c r="N803418" s="10"/>
    </row>
    <row r="803419" spans="14:14">
      <c r="N803419" s="10"/>
    </row>
    <row r="803420" spans="14:14">
      <c r="N803420" s="10"/>
    </row>
    <row r="803421" spans="14:14">
      <c r="N803421" s="10"/>
    </row>
    <row r="803422" spans="14:14">
      <c r="N803422" s="10"/>
    </row>
    <row r="803423" spans="14:14">
      <c r="N803423" s="10"/>
    </row>
    <row r="803424" spans="14:14">
      <c r="N803424" s="10"/>
    </row>
    <row r="803425" spans="14:14">
      <c r="N803425" s="10"/>
    </row>
    <row r="803426" spans="14:14">
      <c r="N803426" s="10"/>
    </row>
    <row r="803427" spans="14:14">
      <c r="N803427" s="10"/>
    </row>
    <row r="803428" spans="14:14">
      <c r="N803428" s="10"/>
    </row>
    <row r="803429" spans="14:14">
      <c r="N803429" s="10"/>
    </row>
    <row r="803430" spans="14:14">
      <c r="N803430" s="10"/>
    </row>
    <row r="803431" spans="14:14">
      <c r="N803431" s="10"/>
    </row>
    <row r="803432" spans="14:14">
      <c r="N803432" s="10"/>
    </row>
    <row r="803433" spans="14:14">
      <c r="N803433" s="10"/>
    </row>
    <row r="803434" spans="14:14">
      <c r="N803434" s="10"/>
    </row>
    <row r="803435" spans="14:14">
      <c r="N803435" s="10"/>
    </row>
    <row r="803436" spans="14:14">
      <c r="N803436" s="10"/>
    </row>
    <row r="803437" spans="14:14">
      <c r="N803437" s="10"/>
    </row>
    <row r="803438" spans="14:14">
      <c r="N803438" s="10"/>
    </row>
    <row r="803439" spans="14:14">
      <c r="N803439" s="10"/>
    </row>
    <row r="803440" spans="14:14">
      <c r="N803440" s="10"/>
    </row>
    <row r="803441" spans="14:14">
      <c r="N803441" s="10"/>
    </row>
    <row r="803442" spans="14:14">
      <c r="N803442" s="10"/>
    </row>
    <row r="803443" spans="14:14">
      <c r="N803443" s="10"/>
    </row>
    <row r="803444" spans="14:14">
      <c r="N803444" s="10"/>
    </row>
    <row r="803445" spans="14:14">
      <c r="N803445" s="10"/>
    </row>
    <row r="803446" spans="14:14">
      <c r="N803446" s="10"/>
    </row>
    <row r="803447" spans="14:14">
      <c r="N803447" s="10"/>
    </row>
    <row r="803448" spans="14:14">
      <c r="N803448" s="10"/>
    </row>
    <row r="803449" spans="14:14">
      <c r="N803449" s="10"/>
    </row>
    <row r="803450" spans="14:14">
      <c r="N803450" s="10"/>
    </row>
    <row r="803451" spans="14:14">
      <c r="N803451" s="10"/>
    </row>
    <row r="803452" spans="14:14">
      <c r="N803452" s="10"/>
    </row>
    <row r="803453" spans="14:14">
      <c r="N803453" s="10"/>
    </row>
    <row r="803454" spans="14:14">
      <c r="N803454" s="10"/>
    </row>
    <row r="803455" spans="14:14">
      <c r="N803455" s="10"/>
    </row>
    <row r="803456" spans="14:14">
      <c r="N803456" s="10"/>
    </row>
    <row r="803457" spans="14:14">
      <c r="N803457" s="10"/>
    </row>
    <row r="803458" spans="14:14">
      <c r="N803458" s="10"/>
    </row>
    <row r="803459" spans="14:14">
      <c r="N803459" s="10"/>
    </row>
    <row r="803460" spans="14:14">
      <c r="N803460" s="10"/>
    </row>
    <row r="803461" spans="14:14">
      <c r="N803461" s="10"/>
    </row>
    <row r="803462" spans="14:14">
      <c r="N803462" s="10"/>
    </row>
    <row r="803463" spans="14:14">
      <c r="N803463" s="10"/>
    </row>
    <row r="803464" spans="14:14">
      <c r="N803464" s="10"/>
    </row>
    <row r="803465" spans="14:14">
      <c r="N803465" s="10"/>
    </row>
    <row r="803466" spans="14:14">
      <c r="N803466" s="10"/>
    </row>
    <row r="803467" spans="14:14">
      <c r="N803467" s="10"/>
    </row>
    <row r="803468" spans="14:14">
      <c r="N803468" s="10"/>
    </row>
    <row r="803469" spans="14:14">
      <c r="N803469" s="10"/>
    </row>
    <row r="803470" spans="14:14">
      <c r="N803470" s="10"/>
    </row>
    <row r="803471" spans="14:14">
      <c r="N803471" s="10"/>
    </row>
    <row r="803472" spans="14:14">
      <c r="N803472" s="10"/>
    </row>
    <row r="803473" spans="14:14">
      <c r="N803473" s="10"/>
    </row>
    <row r="803474" spans="14:14">
      <c r="N803474" s="10"/>
    </row>
    <row r="803475" spans="14:14">
      <c r="N803475" s="10"/>
    </row>
    <row r="803476" spans="14:14">
      <c r="N803476" s="10"/>
    </row>
    <row r="803477" spans="14:14">
      <c r="N803477" s="10"/>
    </row>
    <row r="803478" spans="14:14">
      <c r="N803478" s="10"/>
    </row>
    <row r="803479" spans="14:14">
      <c r="N803479" s="10"/>
    </row>
    <row r="803480" spans="14:14">
      <c r="N803480" s="10"/>
    </row>
    <row r="803481" spans="14:14">
      <c r="N803481" s="10"/>
    </row>
    <row r="803482" spans="14:14">
      <c r="N803482" s="10"/>
    </row>
    <row r="803483" spans="14:14">
      <c r="N803483" s="10"/>
    </row>
    <row r="803484" spans="14:14">
      <c r="N803484" s="10"/>
    </row>
    <row r="803485" spans="14:14">
      <c r="N803485" s="10"/>
    </row>
    <row r="803486" spans="14:14">
      <c r="N803486" s="10"/>
    </row>
    <row r="803487" spans="14:14">
      <c r="N803487" s="10"/>
    </row>
    <row r="803488" spans="14:14">
      <c r="N803488" s="10"/>
    </row>
    <row r="803489" spans="14:14">
      <c r="N803489" s="10"/>
    </row>
    <row r="803490" spans="14:14">
      <c r="N803490" s="10"/>
    </row>
    <row r="803491" spans="14:14">
      <c r="N803491" s="10"/>
    </row>
    <row r="803492" spans="14:14">
      <c r="N803492" s="10"/>
    </row>
    <row r="803493" spans="14:14">
      <c r="N803493" s="10"/>
    </row>
    <row r="803494" spans="14:14">
      <c r="N803494" s="10"/>
    </row>
    <row r="803495" spans="14:14">
      <c r="N803495" s="10"/>
    </row>
    <row r="803496" spans="14:14">
      <c r="N803496" s="10"/>
    </row>
    <row r="803497" spans="14:14">
      <c r="N803497" s="10"/>
    </row>
    <row r="803498" spans="14:14">
      <c r="N803498" s="10"/>
    </row>
    <row r="803499" spans="14:14">
      <c r="N803499" s="10"/>
    </row>
    <row r="803500" spans="14:14">
      <c r="N803500" s="10"/>
    </row>
    <row r="803501" spans="14:14">
      <c r="N803501" s="10"/>
    </row>
    <row r="803502" spans="14:14">
      <c r="N803502" s="10"/>
    </row>
    <row r="803503" spans="14:14">
      <c r="N803503" s="10"/>
    </row>
    <row r="803504" spans="14:14">
      <c r="N803504" s="10"/>
    </row>
    <row r="803505" spans="14:14">
      <c r="N803505" s="10"/>
    </row>
    <row r="803506" spans="14:14">
      <c r="N803506" s="10"/>
    </row>
    <row r="803507" spans="14:14">
      <c r="N803507" s="10"/>
    </row>
    <row r="803508" spans="14:14">
      <c r="N803508" s="10"/>
    </row>
    <row r="803509" spans="14:14">
      <c r="N803509" s="10"/>
    </row>
    <row r="803510" spans="14:14">
      <c r="N803510" s="10"/>
    </row>
    <row r="803511" spans="14:14">
      <c r="N803511" s="10"/>
    </row>
    <row r="803512" spans="14:14">
      <c r="N803512" s="10"/>
    </row>
    <row r="803513" spans="14:14">
      <c r="N803513" s="10"/>
    </row>
    <row r="803514" spans="14:14">
      <c r="N803514" s="10"/>
    </row>
    <row r="803515" spans="14:14">
      <c r="N803515" s="10"/>
    </row>
    <row r="803516" spans="14:14">
      <c r="N803516" s="10"/>
    </row>
    <row r="803517" spans="14:14">
      <c r="N803517" s="10"/>
    </row>
    <row r="803518" spans="14:14">
      <c r="N803518" s="10"/>
    </row>
    <row r="803519" spans="14:14">
      <c r="N803519" s="10"/>
    </row>
    <row r="803520" spans="14:14">
      <c r="N803520" s="10"/>
    </row>
    <row r="803521" spans="14:14">
      <c r="N803521" s="10"/>
    </row>
    <row r="803522" spans="14:14">
      <c r="N803522" s="10"/>
    </row>
    <row r="803523" spans="14:14">
      <c r="N803523" s="10"/>
    </row>
    <row r="803524" spans="14:14">
      <c r="N803524" s="10"/>
    </row>
    <row r="803525" spans="14:14">
      <c r="N803525" s="10"/>
    </row>
    <row r="803526" spans="14:14">
      <c r="N803526" s="10"/>
    </row>
    <row r="803527" spans="14:14">
      <c r="N803527" s="10"/>
    </row>
    <row r="803528" spans="14:14">
      <c r="N803528" s="10"/>
    </row>
    <row r="803529" spans="14:14">
      <c r="N803529" s="10"/>
    </row>
    <row r="803530" spans="14:14">
      <c r="N803530" s="10"/>
    </row>
    <row r="803531" spans="14:14">
      <c r="N803531" s="10"/>
    </row>
    <row r="803532" spans="14:14">
      <c r="N803532" s="10"/>
    </row>
    <row r="803533" spans="14:14">
      <c r="N803533" s="10"/>
    </row>
    <row r="803534" spans="14:14">
      <c r="N803534" s="10"/>
    </row>
    <row r="803535" spans="14:14">
      <c r="N803535" s="10"/>
    </row>
    <row r="803536" spans="14:14">
      <c r="N803536" s="10"/>
    </row>
    <row r="803537" spans="14:14">
      <c r="N803537" s="10"/>
    </row>
    <row r="803538" spans="14:14">
      <c r="N803538" s="10"/>
    </row>
    <row r="803539" spans="14:14">
      <c r="N803539" s="10"/>
    </row>
    <row r="803540" spans="14:14">
      <c r="N803540" s="10"/>
    </row>
    <row r="803541" spans="14:14">
      <c r="N803541" s="10"/>
    </row>
    <row r="803542" spans="14:14">
      <c r="N803542" s="10"/>
    </row>
    <row r="803543" spans="14:14">
      <c r="N803543" s="10"/>
    </row>
    <row r="803544" spans="14:14">
      <c r="N803544" s="10"/>
    </row>
    <row r="803545" spans="14:14">
      <c r="N803545" s="10"/>
    </row>
    <row r="803546" spans="14:14">
      <c r="N803546" s="10"/>
    </row>
    <row r="803547" spans="14:14">
      <c r="N803547" s="10"/>
    </row>
    <row r="803548" spans="14:14">
      <c r="N803548" s="10"/>
    </row>
    <row r="803549" spans="14:14">
      <c r="N803549" s="10"/>
    </row>
    <row r="803550" spans="14:14">
      <c r="N803550" s="10"/>
    </row>
    <row r="803551" spans="14:14">
      <c r="N803551" s="10"/>
    </row>
    <row r="803552" spans="14:14">
      <c r="N803552" s="10"/>
    </row>
    <row r="803553" spans="14:14">
      <c r="N803553" s="10"/>
    </row>
    <row r="803554" spans="14:14">
      <c r="N803554" s="10"/>
    </row>
    <row r="803555" spans="14:14">
      <c r="N803555" s="10"/>
    </row>
    <row r="803556" spans="14:14">
      <c r="N803556" s="10"/>
    </row>
    <row r="803557" spans="14:14">
      <c r="N803557" s="10"/>
    </row>
    <row r="803558" spans="14:14">
      <c r="N803558" s="10"/>
    </row>
    <row r="803559" spans="14:14">
      <c r="N803559" s="10"/>
    </row>
    <row r="803560" spans="14:14">
      <c r="N803560" s="10"/>
    </row>
    <row r="803561" spans="14:14">
      <c r="N803561" s="10"/>
    </row>
    <row r="803562" spans="14:14">
      <c r="N803562" s="10"/>
    </row>
    <row r="803563" spans="14:14">
      <c r="N803563" s="10"/>
    </row>
    <row r="803564" spans="14:14">
      <c r="N803564" s="10"/>
    </row>
    <row r="803565" spans="14:14">
      <c r="N803565" s="10"/>
    </row>
    <row r="803566" spans="14:14">
      <c r="N803566" s="10"/>
    </row>
    <row r="803567" spans="14:14">
      <c r="N803567" s="10"/>
    </row>
    <row r="803568" spans="14:14">
      <c r="N803568" s="10"/>
    </row>
    <row r="803569" spans="14:14">
      <c r="N803569" s="10"/>
    </row>
    <row r="803570" spans="14:14">
      <c r="N803570" s="10"/>
    </row>
    <row r="803571" spans="14:14">
      <c r="N803571" s="10"/>
    </row>
    <row r="803572" spans="14:14">
      <c r="N803572" s="10"/>
    </row>
    <row r="803573" spans="14:14">
      <c r="N803573" s="10"/>
    </row>
    <row r="803574" spans="14:14">
      <c r="N803574" s="10"/>
    </row>
    <row r="803575" spans="14:14">
      <c r="N803575" s="10"/>
    </row>
    <row r="803576" spans="14:14">
      <c r="N803576" s="10"/>
    </row>
    <row r="803577" spans="14:14">
      <c r="N803577" s="10"/>
    </row>
    <row r="803578" spans="14:14">
      <c r="N803578" s="10"/>
    </row>
    <row r="803579" spans="14:14">
      <c r="N803579" s="10"/>
    </row>
    <row r="803580" spans="14:14">
      <c r="N803580" s="10"/>
    </row>
    <row r="803581" spans="14:14">
      <c r="N803581" s="10"/>
    </row>
    <row r="803582" spans="14:14">
      <c r="N803582" s="10"/>
    </row>
    <row r="803583" spans="14:14">
      <c r="N803583" s="10"/>
    </row>
    <row r="803584" spans="14:14">
      <c r="N803584" s="10"/>
    </row>
    <row r="803585" spans="14:14">
      <c r="N803585" s="10"/>
    </row>
    <row r="803586" spans="14:14">
      <c r="N803586" s="10"/>
    </row>
    <row r="803587" spans="14:14">
      <c r="N803587" s="10"/>
    </row>
    <row r="803588" spans="14:14">
      <c r="N803588" s="10"/>
    </row>
    <row r="803589" spans="14:14">
      <c r="N803589" s="10"/>
    </row>
    <row r="803590" spans="14:14">
      <c r="N803590" s="10"/>
    </row>
    <row r="803591" spans="14:14">
      <c r="N803591" s="10"/>
    </row>
    <row r="803592" spans="14:14">
      <c r="N803592" s="10"/>
    </row>
    <row r="803593" spans="14:14">
      <c r="N803593" s="10"/>
    </row>
    <row r="803594" spans="14:14">
      <c r="N803594" s="10"/>
    </row>
    <row r="803595" spans="14:14">
      <c r="N803595" s="10"/>
    </row>
    <row r="803596" spans="14:14">
      <c r="N803596" s="10"/>
    </row>
    <row r="803597" spans="14:14">
      <c r="N803597" s="10"/>
    </row>
    <row r="803598" spans="14:14">
      <c r="N803598" s="10"/>
    </row>
    <row r="803599" spans="14:14">
      <c r="N803599" s="10"/>
    </row>
    <row r="803600" spans="14:14">
      <c r="N803600" s="10"/>
    </row>
    <row r="803601" spans="14:14">
      <c r="N803601" s="10"/>
    </row>
    <row r="803602" spans="14:14">
      <c r="N803602" s="10"/>
    </row>
    <row r="803603" spans="14:14">
      <c r="N803603" s="10"/>
    </row>
    <row r="803604" spans="14:14">
      <c r="N803604" s="10"/>
    </row>
    <row r="803605" spans="14:14">
      <c r="N803605" s="10"/>
    </row>
    <row r="803606" spans="14:14">
      <c r="N803606" s="10"/>
    </row>
    <row r="803607" spans="14:14">
      <c r="N803607" s="10"/>
    </row>
    <row r="803608" spans="14:14">
      <c r="N803608" s="10"/>
    </row>
    <row r="803609" spans="14:14">
      <c r="N803609" s="10"/>
    </row>
    <row r="803610" spans="14:14">
      <c r="N803610" s="10"/>
    </row>
    <row r="803611" spans="14:14">
      <c r="N803611" s="10"/>
    </row>
    <row r="803612" spans="14:14">
      <c r="N803612" s="10"/>
    </row>
    <row r="803613" spans="14:14">
      <c r="N803613" s="10"/>
    </row>
    <row r="803614" spans="14:14">
      <c r="N803614" s="10"/>
    </row>
    <row r="803615" spans="14:14">
      <c r="N803615" s="10"/>
    </row>
    <row r="803616" spans="14:14">
      <c r="N803616" s="10"/>
    </row>
    <row r="803617" spans="14:14">
      <c r="N803617" s="10"/>
    </row>
    <row r="803618" spans="14:14">
      <c r="N803618" s="10"/>
    </row>
    <row r="803619" spans="14:14">
      <c r="N803619" s="10"/>
    </row>
    <row r="803620" spans="14:14">
      <c r="N803620" s="10"/>
    </row>
    <row r="803621" spans="14:14">
      <c r="N803621" s="10"/>
    </row>
    <row r="803622" spans="14:14">
      <c r="N803622" s="10"/>
    </row>
    <row r="803623" spans="14:14">
      <c r="N803623" s="10"/>
    </row>
    <row r="803624" spans="14:14">
      <c r="N803624" s="10"/>
    </row>
    <row r="803625" spans="14:14">
      <c r="N803625" s="10"/>
    </row>
    <row r="803626" spans="14:14">
      <c r="N803626" s="10"/>
    </row>
    <row r="803627" spans="14:14">
      <c r="N803627" s="10"/>
    </row>
    <row r="803628" spans="14:14">
      <c r="N803628" s="10"/>
    </row>
    <row r="803629" spans="14:14">
      <c r="N803629" s="10"/>
    </row>
    <row r="803630" spans="14:14">
      <c r="N803630" s="10"/>
    </row>
    <row r="803631" spans="14:14">
      <c r="N803631" s="10"/>
    </row>
    <row r="803632" spans="14:14">
      <c r="N803632" s="10"/>
    </row>
    <row r="803633" spans="14:14">
      <c r="N803633" s="10"/>
    </row>
    <row r="803634" spans="14:14">
      <c r="N803634" s="10"/>
    </row>
    <row r="803635" spans="14:14">
      <c r="N803635" s="10"/>
    </row>
    <row r="803636" spans="14:14">
      <c r="N803636" s="10"/>
    </row>
    <row r="803637" spans="14:14">
      <c r="N803637" s="10"/>
    </row>
    <row r="803638" spans="14:14">
      <c r="N803638" s="10"/>
    </row>
    <row r="803639" spans="14:14">
      <c r="N803639" s="10"/>
    </row>
    <row r="803640" spans="14:14">
      <c r="N803640" s="10"/>
    </row>
    <row r="803641" spans="14:14">
      <c r="N803641" s="10"/>
    </row>
    <row r="803642" spans="14:14">
      <c r="N803642" s="10"/>
    </row>
    <row r="803643" spans="14:14">
      <c r="N803643" s="10"/>
    </row>
    <row r="803644" spans="14:14">
      <c r="N803644" s="10"/>
    </row>
    <row r="803645" spans="14:14">
      <c r="N803645" s="10"/>
    </row>
    <row r="803646" spans="14:14">
      <c r="N803646" s="10"/>
    </row>
    <row r="803647" spans="14:14">
      <c r="N803647" s="10"/>
    </row>
    <row r="803648" spans="14:14">
      <c r="N803648" s="10"/>
    </row>
    <row r="803649" spans="14:14">
      <c r="N803649" s="10"/>
    </row>
    <row r="803650" spans="14:14">
      <c r="N803650" s="10"/>
    </row>
    <row r="803651" spans="14:14">
      <c r="N803651" s="10"/>
    </row>
    <row r="803652" spans="14:14">
      <c r="N803652" s="10"/>
    </row>
    <row r="803653" spans="14:14">
      <c r="N803653" s="10"/>
    </row>
    <row r="803654" spans="14:14">
      <c r="N803654" s="10"/>
    </row>
    <row r="803655" spans="14:14">
      <c r="N803655" s="10"/>
    </row>
    <row r="803656" spans="14:14">
      <c r="N803656" s="10"/>
    </row>
    <row r="803657" spans="14:14">
      <c r="N803657" s="10"/>
    </row>
    <row r="803658" spans="14:14">
      <c r="N803658" s="10"/>
    </row>
    <row r="803659" spans="14:14">
      <c r="N803659" s="10"/>
    </row>
    <row r="803660" spans="14:14">
      <c r="N803660" s="10"/>
    </row>
    <row r="803661" spans="14:14">
      <c r="N803661" s="10"/>
    </row>
    <row r="803662" spans="14:14">
      <c r="N803662" s="10"/>
    </row>
    <row r="803663" spans="14:14">
      <c r="N803663" s="10"/>
    </row>
    <row r="803664" spans="14:14">
      <c r="N803664" s="10"/>
    </row>
    <row r="803665" spans="14:14">
      <c r="N803665" s="10"/>
    </row>
    <row r="803666" spans="14:14">
      <c r="N803666" s="10"/>
    </row>
    <row r="803667" spans="14:14">
      <c r="N803667" s="10"/>
    </row>
    <row r="803668" spans="14:14">
      <c r="N803668" s="10"/>
    </row>
    <row r="803669" spans="14:14">
      <c r="N803669" s="10"/>
    </row>
    <row r="803670" spans="14:14">
      <c r="N803670" s="10"/>
    </row>
    <row r="803671" spans="14:14">
      <c r="N803671" s="10"/>
    </row>
    <row r="803672" spans="14:14">
      <c r="N803672" s="10"/>
    </row>
    <row r="803673" spans="14:14">
      <c r="N803673" s="10"/>
    </row>
    <row r="803674" spans="14:14">
      <c r="N803674" s="10"/>
    </row>
    <row r="803675" spans="14:14">
      <c r="N803675" s="10"/>
    </row>
    <row r="803676" spans="14:14">
      <c r="N803676" s="10"/>
    </row>
    <row r="803677" spans="14:14">
      <c r="N803677" s="10"/>
    </row>
    <row r="803678" spans="14:14">
      <c r="N803678" s="10"/>
    </row>
    <row r="803679" spans="14:14">
      <c r="N803679" s="10"/>
    </row>
    <row r="803680" spans="14:14">
      <c r="N803680" s="10"/>
    </row>
    <row r="803681" spans="14:14">
      <c r="N803681" s="10"/>
    </row>
    <row r="803682" spans="14:14">
      <c r="N803682" s="10"/>
    </row>
    <row r="803683" spans="14:14">
      <c r="N803683" s="10"/>
    </row>
    <row r="803684" spans="14:14">
      <c r="N803684" s="10"/>
    </row>
    <row r="803685" spans="14:14">
      <c r="N803685" s="10"/>
    </row>
    <row r="803686" spans="14:14">
      <c r="N803686" s="10"/>
    </row>
    <row r="803687" spans="14:14">
      <c r="N803687" s="10"/>
    </row>
    <row r="803688" spans="14:14">
      <c r="N803688" s="10"/>
    </row>
    <row r="803689" spans="14:14">
      <c r="N803689" s="10"/>
    </row>
    <row r="803690" spans="14:14">
      <c r="N803690" s="10"/>
    </row>
    <row r="803691" spans="14:14">
      <c r="N803691" s="10"/>
    </row>
    <row r="803692" spans="14:14">
      <c r="N803692" s="10"/>
    </row>
    <row r="803693" spans="14:14">
      <c r="N803693" s="10"/>
    </row>
    <row r="803694" spans="14:14">
      <c r="N803694" s="10"/>
    </row>
    <row r="803695" spans="14:14">
      <c r="N803695" s="10"/>
    </row>
    <row r="803696" spans="14:14">
      <c r="N803696" s="10"/>
    </row>
    <row r="803697" spans="14:14">
      <c r="N803697" s="10"/>
    </row>
    <row r="803698" spans="14:14">
      <c r="N803698" s="10"/>
    </row>
    <row r="803699" spans="14:14">
      <c r="N803699" s="10"/>
    </row>
    <row r="803700" spans="14:14">
      <c r="N803700" s="10"/>
    </row>
    <row r="803701" spans="14:14">
      <c r="N803701" s="10"/>
    </row>
    <row r="803702" spans="14:14">
      <c r="N803702" s="10"/>
    </row>
    <row r="803703" spans="14:14">
      <c r="N803703" s="10"/>
    </row>
    <row r="803704" spans="14:14">
      <c r="N803704" s="10"/>
    </row>
    <row r="803705" spans="14:14">
      <c r="N803705" s="10"/>
    </row>
    <row r="803706" spans="14:14">
      <c r="N803706" s="10"/>
    </row>
    <row r="803707" spans="14:14">
      <c r="N803707" s="10"/>
    </row>
    <row r="803708" spans="14:14">
      <c r="N803708" s="10"/>
    </row>
    <row r="803709" spans="14:14">
      <c r="N803709" s="10"/>
    </row>
    <row r="803710" spans="14:14">
      <c r="N803710" s="10"/>
    </row>
    <row r="803711" spans="14:14">
      <c r="N803711" s="10"/>
    </row>
    <row r="803712" spans="14:14">
      <c r="N803712" s="10"/>
    </row>
    <row r="803713" spans="14:14">
      <c r="N803713" s="10"/>
    </row>
    <row r="803714" spans="14:14">
      <c r="N803714" s="10"/>
    </row>
    <row r="803715" spans="14:14">
      <c r="N803715" s="10"/>
    </row>
    <row r="803716" spans="14:14">
      <c r="N803716" s="10"/>
    </row>
    <row r="803717" spans="14:14">
      <c r="N803717" s="10"/>
    </row>
    <row r="803718" spans="14:14">
      <c r="N803718" s="10"/>
    </row>
    <row r="803719" spans="14:14">
      <c r="N803719" s="10"/>
    </row>
    <row r="803720" spans="14:14">
      <c r="N803720" s="10"/>
    </row>
    <row r="803721" spans="14:14">
      <c r="N803721" s="10"/>
    </row>
    <row r="803722" spans="14:14">
      <c r="N803722" s="10"/>
    </row>
    <row r="803723" spans="14:14">
      <c r="N803723" s="10"/>
    </row>
    <row r="803724" spans="14:14">
      <c r="N803724" s="10"/>
    </row>
    <row r="803725" spans="14:14">
      <c r="N803725" s="10"/>
    </row>
    <row r="803726" spans="14:14">
      <c r="N803726" s="10"/>
    </row>
    <row r="803727" spans="14:14">
      <c r="N803727" s="10"/>
    </row>
    <row r="803728" spans="14:14">
      <c r="N803728" s="10"/>
    </row>
    <row r="803729" spans="14:14">
      <c r="N803729" s="10"/>
    </row>
    <row r="803730" spans="14:14">
      <c r="N803730" s="10"/>
    </row>
    <row r="803731" spans="14:14">
      <c r="N803731" s="10"/>
    </row>
    <row r="803732" spans="14:14">
      <c r="N803732" s="10"/>
    </row>
    <row r="803733" spans="14:14">
      <c r="N803733" s="10"/>
    </row>
    <row r="803734" spans="14:14">
      <c r="N803734" s="10"/>
    </row>
    <row r="803735" spans="14:14">
      <c r="N803735" s="10"/>
    </row>
    <row r="803736" spans="14:14">
      <c r="N803736" s="10"/>
    </row>
    <row r="803737" spans="14:14">
      <c r="N803737" s="10"/>
    </row>
    <row r="803738" spans="14:14">
      <c r="N803738" s="10"/>
    </row>
    <row r="803739" spans="14:14">
      <c r="N803739" s="10"/>
    </row>
    <row r="803740" spans="14:14">
      <c r="N803740" s="10"/>
    </row>
    <row r="803741" spans="14:14">
      <c r="N803741" s="10"/>
    </row>
    <row r="803742" spans="14:14">
      <c r="N803742" s="10"/>
    </row>
    <row r="803743" spans="14:14">
      <c r="N803743" s="10"/>
    </row>
    <row r="803744" spans="14:14">
      <c r="N803744" s="10"/>
    </row>
    <row r="803745" spans="14:14">
      <c r="N803745" s="10"/>
    </row>
    <row r="803746" spans="14:14">
      <c r="N803746" s="10"/>
    </row>
    <row r="803747" spans="14:14">
      <c r="N803747" s="10"/>
    </row>
    <row r="803748" spans="14:14">
      <c r="N803748" s="10"/>
    </row>
    <row r="803749" spans="14:14">
      <c r="N803749" s="10"/>
    </row>
    <row r="803750" spans="14:14">
      <c r="N803750" s="10"/>
    </row>
    <row r="803751" spans="14:14">
      <c r="N803751" s="10"/>
    </row>
    <row r="803752" spans="14:14">
      <c r="N803752" s="10"/>
    </row>
    <row r="803753" spans="14:14">
      <c r="N803753" s="10"/>
    </row>
    <row r="803754" spans="14:14">
      <c r="N803754" s="10"/>
    </row>
    <row r="803755" spans="14:14">
      <c r="N803755" s="10"/>
    </row>
    <row r="803756" spans="14:14">
      <c r="N803756" s="10"/>
    </row>
    <row r="803757" spans="14:14">
      <c r="N803757" s="10"/>
    </row>
    <row r="803758" spans="14:14">
      <c r="N803758" s="10"/>
    </row>
    <row r="803759" spans="14:14">
      <c r="N803759" s="10"/>
    </row>
    <row r="803760" spans="14:14">
      <c r="N803760" s="10"/>
    </row>
    <row r="803761" spans="14:14">
      <c r="N803761" s="10"/>
    </row>
    <row r="803762" spans="14:14">
      <c r="N803762" s="10"/>
    </row>
    <row r="803763" spans="14:14">
      <c r="N803763" s="10"/>
    </row>
    <row r="803764" spans="14:14">
      <c r="N803764" s="10"/>
    </row>
    <row r="803765" spans="14:14">
      <c r="N803765" s="10"/>
    </row>
    <row r="803766" spans="14:14">
      <c r="N803766" s="10"/>
    </row>
    <row r="803767" spans="14:14">
      <c r="N803767" s="10"/>
    </row>
    <row r="803768" spans="14:14">
      <c r="N803768" s="10"/>
    </row>
    <row r="803769" spans="14:14">
      <c r="N803769" s="10"/>
    </row>
    <row r="803770" spans="14:14">
      <c r="N803770" s="10"/>
    </row>
    <row r="803771" spans="14:14">
      <c r="N803771" s="10"/>
    </row>
    <row r="803772" spans="14:14">
      <c r="N803772" s="10"/>
    </row>
    <row r="803773" spans="14:14">
      <c r="N803773" s="10"/>
    </row>
    <row r="803774" spans="14:14">
      <c r="N803774" s="10"/>
    </row>
    <row r="803775" spans="14:14">
      <c r="N803775" s="10"/>
    </row>
    <row r="803776" spans="14:14">
      <c r="N803776" s="10"/>
    </row>
    <row r="803777" spans="14:14">
      <c r="N803777" s="10"/>
    </row>
    <row r="803778" spans="14:14">
      <c r="N803778" s="10"/>
    </row>
    <row r="803779" spans="14:14">
      <c r="N803779" s="10"/>
    </row>
    <row r="803780" spans="14:14">
      <c r="N803780" s="10"/>
    </row>
    <row r="803781" spans="14:14">
      <c r="N803781" s="10"/>
    </row>
    <row r="803782" spans="14:14">
      <c r="N803782" s="10"/>
    </row>
    <row r="803783" spans="14:14">
      <c r="N803783" s="10"/>
    </row>
    <row r="803784" spans="14:14">
      <c r="N803784" s="10"/>
    </row>
    <row r="803785" spans="14:14">
      <c r="N803785" s="10"/>
    </row>
    <row r="803786" spans="14:14">
      <c r="N803786" s="10"/>
    </row>
    <row r="803787" spans="14:14">
      <c r="N803787" s="10"/>
    </row>
    <row r="803788" spans="14:14">
      <c r="N803788" s="10"/>
    </row>
    <row r="803789" spans="14:14">
      <c r="N803789" s="10"/>
    </row>
    <row r="803790" spans="14:14">
      <c r="N803790" s="10"/>
    </row>
    <row r="803791" spans="14:14">
      <c r="N803791" s="10"/>
    </row>
    <row r="803792" spans="14:14">
      <c r="N803792" s="10"/>
    </row>
    <row r="803793" spans="14:14">
      <c r="N803793" s="10"/>
    </row>
    <row r="803794" spans="14:14">
      <c r="N803794" s="10"/>
    </row>
    <row r="803795" spans="14:14">
      <c r="N803795" s="10"/>
    </row>
    <row r="803796" spans="14:14">
      <c r="N803796" s="10"/>
    </row>
    <row r="803797" spans="14:14">
      <c r="N803797" s="10"/>
    </row>
    <row r="803798" spans="14:14">
      <c r="N803798" s="10"/>
    </row>
    <row r="803799" spans="14:14">
      <c r="N803799" s="10"/>
    </row>
    <row r="803800" spans="14:14">
      <c r="N803800" s="10"/>
    </row>
    <row r="803801" spans="14:14">
      <c r="N803801" s="10"/>
    </row>
    <row r="803802" spans="14:14">
      <c r="N803802" s="10"/>
    </row>
    <row r="803803" spans="14:14">
      <c r="N803803" s="10"/>
    </row>
    <row r="803804" spans="14:14">
      <c r="N803804" s="10"/>
    </row>
    <row r="803805" spans="14:14">
      <c r="N803805" s="10"/>
    </row>
    <row r="803806" spans="14:14">
      <c r="N803806" s="10"/>
    </row>
    <row r="803807" spans="14:14">
      <c r="N803807" s="10"/>
    </row>
    <row r="803808" spans="14:14">
      <c r="N803808" s="10"/>
    </row>
    <row r="803809" spans="14:14">
      <c r="N803809" s="10"/>
    </row>
    <row r="803810" spans="14:14">
      <c r="N803810" s="10"/>
    </row>
    <row r="803811" spans="14:14">
      <c r="N803811" s="10"/>
    </row>
    <row r="803812" spans="14:14">
      <c r="N803812" s="10"/>
    </row>
    <row r="803813" spans="14:14">
      <c r="N803813" s="10"/>
    </row>
    <row r="803814" spans="14:14">
      <c r="N803814" s="10"/>
    </row>
    <row r="803815" spans="14:14">
      <c r="N803815" s="10"/>
    </row>
    <row r="803816" spans="14:14">
      <c r="N803816" s="10"/>
    </row>
    <row r="803817" spans="14:14">
      <c r="N803817" s="10"/>
    </row>
    <row r="803818" spans="14:14">
      <c r="N803818" s="10"/>
    </row>
    <row r="803819" spans="14:14">
      <c r="N803819" s="10"/>
    </row>
    <row r="803820" spans="14:14">
      <c r="N803820" s="10"/>
    </row>
    <row r="803821" spans="14:14">
      <c r="N803821" s="10"/>
    </row>
    <row r="803822" spans="14:14">
      <c r="N803822" s="10"/>
    </row>
    <row r="803823" spans="14:14">
      <c r="N803823" s="10"/>
    </row>
    <row r="803824" spans="14:14">
      <c r="N803824" s="10"/>
    </row>
    <row r="803825" spans="14:14">
      <c r="N803825" s="10"/>
    </row>
    <row r="803826" spans="14:14">
      <c r="N803826" s="10"/>
    </row>
    <row r="803827" spans="14:14">
      <c r="N803827" s="10"/>
    </row>
    <row r="803828" spans="14:14">
      <c r="N803828" s="10"/>
    </row>
    <row r="803829" spans="14:14">
      <c r="N803829" s="10"/>
    </row>
    <row r="803830" spans="14:14">
      <c r="N803830" s="10"/>
    </row>
    <row r="803831" spans="14:14">
      <c r="N803831" s="10"/>
    </row>
    <row r="803832" spans="14:14">
      <c r="N803832" s="10"/>
    </row>
    <row r="803833" spans="14:14">
      <c r="N803833" s="10"/>
    </row>
    <row r="803834" spans="14:14">
      <c r="N803834" s="10"/>
    </row>
    <row r="803835" spans="14:14">
      <c r="N803835" s="10"/>
    </row>
    <row r="803836" spans="14:14">
      <c r="N803836" s="10"/>
    </row>
    <row r="803837" spans="14:14">
      <c r="N803837" s="10"/>
    </row>
    <row r="803838" spans="14:14">
      <c r="N803838" s="10"/>
    </row>
    <row r="803839" spans="14:14">
      <c r="N803839" s="10"/>
    </row>
    <row r="803840" spans="14:14">
      <c r="N803840" s="10"/>
    </row>
    <row r="803841" spans="14:14">
      <c r="N803841" s="10"/>
    </row>
    <row r="803842" spans="14:14">
      <c r="N803842" s="10"/>
    </row>
    <row r="803843" spans="14:14">
      <c r="N803843" s="10"/>
    </row>
    <row r="803844" spans="14:14">
      <c r="N803844" s="10"/>
    </row>
    <row r="803845" spans="14:14">
      <c r="N803845" s="10"/>
    </row>
    <row r="803846" spans="14:14">
      <c r="N803846" s="10"/>
    </row>
    <row r="803847" spans="14:14">
      <c r="N803847" s="10"/>
    </row>
    <row r="803848" spans="14:14">
      <c r="N803848" s="10"/>
    </row>
    <row r="803849" spans="14:14">
      <c r="N803849" s="10"/>
    </row>
    <row r="803850" spans="14:14">
      <c r="N803850" s="10"/>
    </row>
    <row r="803851" spans="14:14">
      <c r="N803851" s="10"/>
    </row>
    <row r="803852" spans="14:14">
      <c r="N803852" s="10"/>
    </row>
    <row r="803853" spans="14:14">
      <c r="N803853" s="10"/>
    </row>
    <row r="803854" spans="14:14">
      <c r="N803854" s="10"/>
    </row>
    <row r="803855" spans="14:14">
      <c r="N803855" s="10"/>
    </row>
    <row r="803856" spans="14:14">
      <c r="N803856" s="10"/>
    </row>
    <row r="803857" spans="14:14">
      <c r="N803857" s="10"/>
    </row>
    <row r="803858" spans="14:14">
      <c r="N803858" s="10"/>
    </row>
    <row r="803859" spans="14:14">
      <c r="N803859" s="10"/>
    </row>
    <row r="803860" spans="14:14">
      <c r="N803860" s="10"/>
    </row>
    <row r="803861" spans="14:14">
      <c r="N803861" s="10"/>
    </row>
    <row r="803862" spans="14:14">
      <c r="N803862" s="10"/>
    </row>
    <row r="803863" spans="14:14">
      <c r="N803863" s="10"/>
    </row>
    <row r="803864" spans="14:14">
      <c r="N803864" s="10"/>
    </row>
    <row r="803865" spans="14:14">
      <c r="N803865" s="10"/>
    </row>
    <row r="803866" spans="14:14">
      <c r="N803866" s="10"/>
    </row>
    <row r="803867" spans="14:14">
      <c r="N803867" s="10"/>
    </row>
    <row r="803868" spans="14:14">
      <c r="N803868" s="10"/>
    </row>
    <row r="803869" spans="14:14">
      <c r="N803869" s="10"/>
    </row>
    <row r="803870" spans="14:14">
      <c r="N803870" s="10"/>
    </row>
    <row r="803871" spans="14:14">
      <c r="N803871" s="10"/>
    </row>
    <row r="803872" spans="14:14">
      <c r="N803872" s="10"/>
    </row>
    <row r="803873" spans="14:14">
      <c r="N803873" s="10"/>
    </row>
    <row r="803874" spans="14:14">
      <c r="N803874" s="10"/>
    </row>
    <row r="803875" spans="14:14">
      <c r="N803875" s="10"/>
    </row>
    <row r="803876" spans="14:14">
      <c r="N803876" s="10"/>
    </row>
    <row r="803877" spans="14:14">
      <c r="N803877" s="10"/>
    </row>
    <row r="803878" spans="14:14">
      <c r="N803878" s="10"/>
    </row>
    <row r="803879" spans="14:14">
      <c r="N803879" s="10"/>
    </row>
    <row r="803880" spans="14:14">
      <c r="N803880" s="10"/>
    </row>
    <row r="803881" spans="14:14">
      <c r="N803881" s="10"/>
    </row>
    <row r="803882" spans="14:14">
      <c r="N803882" s="10"/>
    </row>
    <row r="803883" spans="14:14">
      <c r="N803883" s="10"/>
    </row>
    <row r="803884" spans="14:14">
      <c r="N803884" s="10"/>
    </row>
    <row r="803885" spans="14:14">
      <c r="N803885" s="10"/>
    </row>
    <row r="803886" spans="14:14">
      <c r="N803886" s="10"/>
    </row>
    <row r="803887" spans="14:14">
      <c r="N803887" s="10"/>
    </row>
    <row r="803888" spans="14:14">
      <c r="N803888" s="10"/>
    </row>
    <row r="803889" spans="14:14">
      <c r="N803889" s="10"/>
    </row>
    <row r="803890" spans="14:14">
      <c r="N803890" s="10"/>
    </row>
    <row r="803891" spans="14:14">
      <c r="N803891" s="10"/>
    </row>
    <row r="803892" spans="14:14">
      <c r="N803892" s="10"/>
    </row>
    <row r="803893" spans="14:14">
      <c r="N803893" s="10"/>
    </row>
    <row r="803894" spans="14:14">
      <c r="N803894" s="10"/>
    </row>
    <row r="803895" spans="14:14">
      <c r="N803895" s="10"/>
    </row>
    <row r="803896" spans="14:14">
      <c r="N803896" s="10"/>
    </row>
    <row r="803897" spans="14:14">
      <c r="N803897" s="10"/>
    </row>
    <row r="803898" spans="14:14">
      <c r="N803898" s="10"/>
    </row>
    <row r="803899" spans="14:14">
      <c r="N803899" s="10"/>
    </row>
    <row r="803900" spans="14:14">
      <c r="N803900" s="10"/>
    </row>
    <row r="803901" spans="14:14">
      <c r="N803901" s="10"/>
    </row>
    <row r="803902" spans="14:14">
      <c r="N803902" s="10"/>
    </row>
    <row r="803903" spans="14:14">
      <c r="N803903" s="10"/>
    </row>
    <row r="803904" spans="14:14">
      <c r="N803904" s="10"/>
    </row>
    <row r="803905" spans="14:14">
      <c r="N803905" s="10"/>
    </row>
    <row r="803906" spans="14:14">
      <c r="N803906" s="10"/>
    </row>
    <row r="803907" spans="14:14">
      <c r="N803907" s="10"/>
    </row>
    <row r="803908" spans="14:14">
      <c r="N803908" s="10"/>
    </row>
    <row r="803909" spans="14:14">
      <c r="N803909" s="10"/>
    </row>
    <row r="803910" spans="14:14">
      <c r="N803910" s="10"/>
    </row>
    <row r="803911" spans="14:14">
      <c r="N803911" s="10"/>
    </row>
    <row r="803912" spans="14:14">
      <c r="N803912" s="10"/>
    </row>
    <row r="803913" spans="14:14">
      <c r="N803913" s="10"/>
    </row>
    <row r="803914" spans="14:14">
      <c r="N803914" s="10"/>
    </row>
    <row r="803915" spans="14:14">
      <c r="N803915" s="10"/>
    </row>
    <row r="803916" spans="14:14">
      <c r="N803916" s="10"/>
    </row>
    <row r="803917" spans="14:14">
      <c r="N803917" s="10"/>
    </row>
    <row r="803918" spans="14:14">
      <c r="N803918" s="10"/>
    </row>
    <row r="803919" spans="14:14">
      <c r="N803919" s="10"/>
    </row>
    <row r="803920" spans="14:14">
      <c r="N803920" s="10"/>
    </row>
    <row r="803921" spans="14:14">
      <c r="N803921" s="10"/>
    </row>
    <row r="803922" spans="14:14">
      <c r="N803922" s="10"/>
    </row>
    <row r="803923" spans="14:14">
      <c r="N803923" s="10"/>
    </row>
    <row r="803924" spans="14:14">
      <c r="N803924" s="10"/>
    </row>
    <row r="803925" spans="14:14">
      <c r="N803925" s="10"/>
    </row>
    <row r="803926" spans="14:14">
      <c r="N803926" s="10"/>
    </row>
    <row r="803927" spans="14:14">
      <c r="N803927" s="10"/>
    </row>
    <row r="803928" spans="14:14">
      <c r="N803928" s="10"/>
    </row>
    <row r="803929" spans="14:14">
      <c r="N803929" s="10"/>
    </row>
    <row r="803930" spans="14:14">
      <c r="N803930" s="10"/>
    </row>
    <row r="803931" spans="14:14">
      <c r="N803931" s="10"/>
    </row>
    <row r="803932" spans="14:14">
      <c r="N803932" s="10"/>
    </row>
    <row r="803933" spans="14:14">
      <c r="N803933" s="10"/>
    </row>
    <row r="803934" spans="14:14">
      <c r="N803934" s="10"/>
    </row>
    <row r="803935" spans="14:14">
      <c r="N803935" s="10"/>
    </row>
    <row r="803936" spans="14:14">
      <c r="N803936" s="10"/>
    </row>
    <row r="803937" spans="14:14">
      <c r="N803937" s="10"/>
    </row>
    <row r="803938" spans="14:14">
      <c r="N803938" s="10"/>
    </row>
    <row r="803939" spans="14:14">
      <c r="N803939" s="10"/>
    </row>
    <row r="803940" spans="14:14">
      <c r="N803940" s="10"/>
    </row>
    <row r="803941" spans="14:14">
      <c r="N803941" s="10"/>
    </row>
    <row r="803942" spans="14:14">
      <c r="N803942" s="10"/>
    </row>
    <row r="803943" spans="14:14">
      <c r="N803943" s="10"/>
    </row>
    <row r="803944" spans="14:14">
      <c r="N803944" s="10"/>
    </row>
    <row r="803945" spans="14:14">
      <c r="N803945" s="10"/>
    </row>
    <row r="803946" spans="14:14">
      <c r="N803946" s="10"/>
    </row>
    <row r="803947" spans="14:14">
      <c r="N803947" s="10"/>
    </row>
    <row r="803948" spans="14:14">
      <c r="N803948" s="10"/>
    </row>
    <row r="803949" spans="14:14">
      <c r="N803949" s="10"/>
    </row>
    <row r="803950" spans="14:14">
      <c r="N803950" s="10"/>
    </row>
    <row r="803951" spans="14:14">
      <c r="N803951" s="10"/>
    </row>
    <row r="803952" spans="14:14">
      <c r="N803952" s="10"/>
    </row>
    <row r="803953" spans="14:14">
      <c r="N803953" s="10"/>
    </row>
    <row r="803954" spans="14:14">
      <c r="N803954" s="10"/>
    </row>
    <row r="803955" spans="14:14">
      <c r="N803955" s="10"/>
    </row>
    <row r="803956" spans="14:14">
      <c r="N803956" s="10"/>
    </row>
    <row r="803957" spans="14:14">
      <c r="N803957" s="10"/>
    </row>
    <row r="803958" spans="14:14">
      <c r="N803958" s="10"/>
    </row>
    <row r="803959" spans="14:14">
      <c r="N803959" s="10"/>
    </row>
    <row r="803960" spans="14:14">
      <c r="N803960" s="10"/>
    </row>
    <row r="803961" spans="14:14">
      <c r="N803961" s="10"/>
    </row>
    <row r="803962" spans="14:14">
      <c r="N803962" s="10"/>
    </row>
    <row r="803963" spans="14:14">
      <c r="N803963" s="10"/>
    </row>
    <row r="803964" spans="14:14">
      <c r="N803964" s="10"/>
    </row>
    <row r="803965" spans="14:14">
      <c r="N803965" s="10"/>
    </row>
    <row r="803966" spans="14:14">
      <c r="N803966" s="10"/>
    </row>
    <row r="803967" spans="14:14">
      <c r="N803967" s="10"/>
    </row>
    <row r="803968" spans="14:14">
      <c r="N803968" s="10"/>
    </row>
    <row r="803969" spans="14:14">
      <c r="N803969" s="10"/>
    </row>
    <row r="803970" spans="14:14">
      <c r="N803970" s="10"/>
    </row>
    <row r="803971" spans="14:14">
      <c r="N803971" s="10"/>
    </row>
    <row r="803972" spans="14:14">
      <c r="N803972" s="10"/>
    </row>
    <row r="803973" spans="14:14">
      <c r="N803973" s="10"/>
    </row>
    <row r="803974" spans="14:14">
      <c r="N803974" s="10"/>
    </row>
    <row r="803975" spans="14:14">
      <c r="N803975" s="10"/>
    </row>
    <row r="803976" spans="14:14">
      <c r="N803976" s="10"/>
    </row>
    <row r="803977" spans="14:14">
      <c r="N803977" s="10"/>
    </row>
    <row r="803978" spans="14:14">
      <c r="N803978" s="10"/>
    </row>
    <row r="803979" spans="14:14">
      <c r="N803979" s="10"/>
    </row>
    <row r="803980" spans="14:14">
      <c r="N803980" s="10"/>
    </row>
    <row r="803981" spans="14:14">
      <c r="N803981" s="10"/>
    </row>
    <row r="803982" spans="14:14">
      <c r="N803982" s="10"/>
    </row>
    <row r="803983" spans="14:14">
      <c r="N803983" s="10"/>
    </row>
    <row r="803984" spans="14:14">
      <c r="N803984" s="10"/>
    </row>
    <row r="803985" spans="14:14">
      <c r="N803985" s="10"/>
    </row>
    <row r="803986" spans="14:14">
      <c r="N803986" s="10"/>
    </row>
    <row r="803987" spans="14:14">
      <c r="N803987" s="10"/>
    </row>
    <row r="803988" spans="14:14">
      <c r="N803988" s="10"/>
    </row>
    <row r="803989" spans="14:14">
      <c r="N803989" s="10"/>
    </row>
    <row r="803990" spans="14:14">
      <c r="N803990" s="10"/>
    </row>
    <row r="803991" spans="14:14">
      <c r="N803991" s="10"/>
    </row>
    <row r="803992" spans="14:14">
      <c r="N803992" s="10"/>
    </row>
    <row r="803993" spans="14:14">
      <c r="N803993" s="10"/>
    </row>
    <row r="803994" spans="14:14">
      <c r="N803994" s="10"/>
    </row>
    <row r="803995" spans="14:14">
      <c r="N803995" s="10"/>
    </row>
    <row r="803996" spans="14:14">
      <c r="N803996" s="10"/>
    </row>
    <row r="803997" spans="14:14">
      <c r="N803997" s="10"/>
    </row>
    <row r="803998" spans="14:14">
      <c r="N803998" s="10"/>
    </row>
    <row r="803999" spans="14:14">
      <c r="N803999" s="10"/>
    </row>
    <row r="804000" spans="14:14">
      <c r="N804000" s="10"/>
    </row>
    <row r="804001" spans="14:14">
      <c r="N804001" s="10"/>
    </row>
    <row r="804002" spans="14:14">
      <c r="N804002" s="10"/>
    </row>
    <row r="804003" spans="14:14">
      <c r="N804003" s="10"/>
    </row>
    <row r="804004" spans="14:14">
      <c r="N804004" s="10"/>
    </row>
    <row r="804005" spans="14:14">
      <c r="N804005" s="10"/>
    </row>
    <row r="804006" spans="14:14">
      <c r="N804006" s="10"/>
    </row>
    <row r="804007" spans="14:14">
      <c r="N804007" s="10"/>
    </row>
    <row r="804008" spans="14:14">
      <c r="N804008" s="10"/>
    </row>
    <row r="804009" spans="14:14">
      <c r="N804009" s="10"/>
    </row>
    <row r="804010" spans="14:14">
      <c r="N804010" s="10"/>
    </row>
    <row r="804011" spans="14:14">
      <c r="N804011" s="10"/>
    </row>
    <row r="804012" spans="14:14">
      <c r="N804012" s="10"/>
    </row>
    <row r="804013" spans="14:14">
      <c r="N804013" s="10"/>
    </row>
    <row r="804014" spans="14:14">
      <c r="N804014" s="10"/>
    </row>
    <row r="804015" spans="14:14">
      <c r="N804015" s="10"/>
    </row>
    <row r="804016" spans="14:14">
      <c r="N804016" s="10"/>
    </row>
    <row r="804017" spans="14:14">
      <c r="N804017" s="10"/>
    </row>
    <row r="804018" spans="14:14">
      <c r="N804018" s="10"/>
    </row>
    <row r="804019" spans="14:14">
      <c r="N804019" s="10"/>
    </row>
    <row r="804020" spans="14:14">
      <c r="N804020" s="10"/>
    </row>
    <row r="804021" spans="14:14">
      <c r="N804021" s="10"/>
    </row>
    <row r="804022" spans="14:14">
      <c r="N804022" s="10"/>
    </row>
    <row r="804023" spans="14:14">
      <c r="N804023" s="10"/>
    </row>
    <row r="804024" spans="14:14">
      <c r="N804024" s="10"/>
    </row>
    <row r="804025" spans="14:14">
      <c r="N804025" s="10"/>
    </row>
    <row r="804026" spans="14:14">
      <c r="N804026" s="10"/>
    </row>
    <row r="804027" spans="14:14">
      <c r="N804027" s="10"/>
    </row>
    <row r="804028" spans="14:14">
      <c r="N804028" s="10"/>
    </row>
    <row r="804029" spans="14:14">
      <c r="N804029" s="10"/>
    </row>
    <row r="804030" spans="14:14">
      <c r="N804030" s="10"/>
    </row>
    <row r="804031" spans="14:14">
      <c r="N804031" s="10"/>
    </row>
    <row r="804032" spans="14:14">
      <c r="N804032" s="10"/>
    </row>
    <row r="804033" spans="14:14">
      <c r="N804033" s="10"/>
    </row>
    <row r="804034" spans="14:14">
      <c r="N804034" s="10"/>
    </row>
    <row r="804035" spans="14:14">
      <c r="N804035" s="10"/>
    </row>
    <row r="804036" spans="14:14">
      <c r="N804036" s="10"/>
    </row>
    <row r="804037" spans="14:14">
      <c r="N804037" s="10"/>
    </row>
    <row r="804038" spans="14:14">
      <c r="N804038" s="10"/>
    </row>
    <row r="804039" spans="14:14">
      <c r="N804039" s="10"/>
    </row>
    <row r="804040" spans="14:14">
      <c r="N804040" s="10"/>
    </row>
    <row r="804041" spans="14:14">
      <c r="N804041" s="10"/>
    </row>
    <row r="804042" spans="14:14">
      <c r="N804042" s="10"/>
    </row>
    <row r="804043" spans="14:14">
      <c r="N804043" s="10"/>
    </row>
    <row r="804044" spans="14:14">
      <c r="N804044" s="10"/>
    </row>
    <row r="804045" spans="14:14">
      <c r="N804045" s="10"/>
    </row>
    <row r="804046" spans="14:14">
      <c r="N804046" s="10"/>
    </row>
    <row r="804047" spans="14:14">
      <c r="N804047" s="10"/>
    </row>
    <row r="804048" spans="14:14">
      <c r="N804048" s="10"/>
    </row>
    <row r="804049" spans="14:14">
      <c r="N804049" s="10"/>
    </row>
    <row r="804050" spans="14:14">
      <c r="N804050" s="10"/>
    </row>
    <row r="804051" spans="14:14">
      <c r="N804051" s="10"/>
    </row>
    <row r="804052" spans="14:14">
      <c r="N804052" s="10"/>
    </row>
    <row r="804053" spans="14:14">
      <c r="N804053" s="10"/>
    </row>
    <row r="804054" spans="14:14">
      <c r="N804054" s="10"/>
    </row>
    <row r="804055" spans="14:14">
      <c r="N804055" s="10"/>
    </row>
    <row r="804056" spans="14:14">
      <c r="N804056" s="10"/>
    </row>
    <row r="804057" spans="14:14">
      <c r="N804057" s="10"/>
    </row>
    <row r="804058" spans="14:14">
      <c r="N804058" s="10"/>
    </row>
    <row r="804059" spans="14:14">
      <c r="N804059" s="10"/>
    </row>
    <row r="804060" spans="14:14">
      <c r="N804060" s="10"/>
    </row>
    <row r="804061" spans="14:14">
      <c r="N804061" s="10"/>
    </row>
    <row r="804062" spans="14:14">
      <c r="N804062" s="10"/>
    </row>
    <row r="804063" spans="14:14">
      <c r="N804063" s="10"/>
    </row>
    <row r="804064" spans="14:14">
      <c r="N804064" s="10"/>
    </row>
    <row r="804065" spans="14:14">
      <c r="N804065" s="10"/>
    </row>
    <row r="804066" spans="14:14">
      <c r="N804066" s="10"/>
    </row>
    <row r="804067" spans="14:14">
      <c r="N804067" s="10"/>
    </row>
    <row r="804068" spans="14:14">
      <c r="N804068" s="10"/>
    </row>
    <row r="804069" spans="14:14">
      <c r="N804069" s="10"/>
    </row>
    <row r="804070" spans="14:14">
      <c r="N804070" s="10"/>
    </row>
    <row r="804071" spans="14:14">
      <c r="N804071" s="10"/>
    </row>
    <row r="804072" spans="14:14">
      <c r="N804072" s="10"/>
    </row>
    <row r="804073" spans="14:14">
      <c r="N804073" s="10"/>
    </row>
    <row r="804074" spans="14:14">
      <c r="N804074" s="10"/>
    </row>
    <row r="804075" spans="14:14">
      <c r="N804075" s="10"/>
    </row>
    <row r="804076" spans="14:14">
      <c r="N804076" s="10"/>
    </row>
    <row r="804077" spans="14:14">
      <c r="N804077" s="10"/>
    </row>
    <row r="804078" spans="14:14">
      <c r="N804078" s="10"/>
    </row>
    <row r="804079" spans="14:14">
      <c r="N804079" s="10"/>
    </row>
    <row r="804080" spans="14:14">
      <c r="N804080" s="10"/>
    </row>
    <row r="804081" spans="14:14">
      <c r="N804081" s="10"/>
    </row>
    <row r="804082" spans="14:14">
      <c r="N804082" s="10"/>
    </row>
    <row r="804083" spans="14:14">
      <c r="N804083" s="10"/>
    </row>
    <row r="804084" spans="14:14">
      <c r="N804084" s="10"/>
    </row>
    <row r="804085" spans="14:14">
      <c r="N804085" s="10"/>
    </row>
    <row r="804086" spans="14:14">
      <c r="N804086" s="10"/>
    </row>
    <row r="804087" spans="14:14">
      <c r="N804087" s="10"/>
    </row>
    <row r="804088" spans="14:14">
      <c r="N804088" s="10"/>
    </row>
    <row r="804089" spans="14:14">
      <c r="N804089" s="10"/>
    </row>
    <row r="804090" spans="14:14">
      <c r="N804090" s="10"/>
    </row>
    <row r="804091" spans="14:14">
      <c r="N804091" s="10"/>
    </row>
    <row r="804092" spans="14:14">
      <c r="N804092" s="10"/>
    </row>
    <row r="804093" spans="14:14">
      <c r="N804093" s="10"/>
    </row>
    <row r="804094" spans="14:14">
      <c r="N804094" s="10"/>
    </row>
    <row r="804095" spans="14:14">
      <c r="N804095" s="10"/>
    </row>
    <row r="804096" spans="14:14">
      <c r="N804096" s="10"/>
    </row>
    <row r="804097" spans="14:14">
      <c r="N804097" s="10"/>
    </row>
    <row r="804098" spans="14:14">
      <c r="N804098" s="10"/>
    </row>
    <row r="804099" spans="14:14">
      <c r="N804099" s="10"/>
    </row>
    <row r="804100" spans="14:14">
      <c r="N804100" s="10"/>
    </row>
    <row r="804101" spans="14:14">
      <c r="N804101" s="10"/>
    </row>
    <row r="804102" spans="14:14">
      <c r="N804102" s="10"/>
    </row>
    <row r="804103" spans="14:14">
      <c r="N804103" s="10"/>
    </row>
    <row r="804104" spans="14:14">
      <c r="N804104" s="10"/>
    </row>
    <row r="804105" spans="14:14">
      <c r="N804105" s="10"/>
    </row>
    <row r="804106" spans="14:14">
      <c r="N804106" s="10"/>
    </row>
    <row r="804107" spans="14:14">
      <c r="N804107" s="10"/>
    </row>
    <row r="804108" spans="14:14">
      <c r="N804108" s="10"/>
    </row>
    <row r="804109" spans="14:14">
      <c r="N804109" s="10"/>
    </row>
    <row r="804110" spans="14:14">
      <c r="N804110" s="10"/>
    </row>
    <row r="804111" spans="14:14">
      <c r="N804111" s="10"/>
    </row>
    <row r="804112" spans="14:14">
      <c r="N804112" s="10"/>
    </row>
    <row r="804113" spans="14:14">
      <c r="N804113" s="10"/>
    </row>
    <row r="804114" spans="14:14">
      <c r="N804114" s="10"/>
    </row>
    <row r="804115" spans="14:14">
      <c r="N804115" s="10"/>
    </row>
    <row r="804116" spans="14:14">
      <c r="N804116" s="10"/>
    </row>
    <row r="804117" spans="14:14">
      <c r="N804117" s="10"/>
    </row>
    <row r="804118" spans="14:14">
      <c r="N804118" s="10"/>
    </row>
    <row r="804119" spans="14:14">
      <c r="N804119" s="10"/>
    </row>
    <row r="804120" spans="14:14">
      <c r="N804120" s="10"/>
    </row>
    <row r="804121" spans="14:14">
      <c r="N804121" s="10"/>
    </row>
    <row r="804122" spans="14:14">
      <c r="N804122" s="10"/>
    </row>
    <row r="804123" spans="14:14">
      <c r="N804123" s="10"/>
    </row>
    <row r="804124" spans="14:14">
      <c r="N804124" s="10"/>
    </row>
    <row r="804125" spans="14:14">
      <c r="N804125" s="10"/>
    </row>
    <row r="804126" spans="14:14">
      <c r="N804126" s="10"/>
    </row>
    <row r="804127" spans="14:14">
      <c r="N804127" s="10"/>
    </row>
    <row r="804128" spans="14:14">
      <c r="N804128" s="10"/>
    </row>
    <row r="804129" spans="14:14">
      <c r="N804129" s="10"/>
    </row>
    <row r="804130" spans="14:14">
      <c r="N804130" s="10"/>
    </row>
    <row r="804131" spans="14:14">
      <c r="N804131" s="10"/>
    </row>
    <row r="804132" spans="14:14">
      <c r="N804132" s="10"/>
    </row>
    <row r="804133" spans="14:14">
      <c r="N804133" s="10"/>
    </row>
    <row r="804134" spans="14:14">
      <c r="N804134" s="10"/>
    </row>
    <row r="804135" spans="14:14">
      <c r="N804135" s="10"/>
    </row>
    <row r="804136" spans="14:14">
      <c r="N804136" s="10"/>
    </row>
    <row r="804137" spans="14:14">
      <c r="N804137" s="10"/>
    </row>
    <row r="804138" spans="14:14">
      <c r="N804138" s="10"/>
    </row>
    <row r="804139" spans="14:14">
      <c r="N804139" s="10"/>
    </row>
    <row r="804140" spans="14:14">
      <c r="N804140" s="10"/>
    </row>
    <row r="804141" spans="14:14">
      <c r="N804141" s="10"/>
    </row>
    <row r="804142" spans="14:14">
      <c r="N804142" s="10"/>
    </row>
    <row r="804143" spans="14:14">
      <c r="N804143" s="10"/>
    </row>
    <row r="804144" spans="14:14">
      <c r="N804144" s="10"/>
    </row>
    <row r="804145" spans="14:14">
      <c r="N804145" s="10"/>
    </row>
    <row r="804146" spans="14:14">
      <c r="N804146" s="10"/>
    </row>
    <row r="804147" spans="14:14">
      <c r="N804147" s="10"/>
    </row>
    <row r="804148" spans="14:14">
      <c r="N804148" s="10"/>
    </row>
    <row r="804149" spans="14:14">
      <c r="N804149" s="10"/>
    </row>
    <row r="804150" spans="14:14">
      <c r="N804150" s="10"/>
    </row>
    <row r="804151" spans="14:14">
      <c r="N804151" s="10"/>
    </row>
    <row r="804152" spans="14:14">
      <c r="N804152" s="10"/>
    </row>
    <row r="804153" spans="14:14">
      <c r="N804153" s="10"/>
    </row>
    <row r="804154" spans="14:14">
      <c r="N804154" s="10"/>
    </row>
    <row r="804155" spans="14:14">
      <c r="N804155" s="10"/>
    </row>
    <row r="804156" spans="14:14">
      <c r="N804156" s="10"/>
    </row>
    <row r="804157" spans="14:14">
      <c r="N804157" s="10"/>
    </row>
    <row r="804158" spans="14:14">
      <c r="N804158" s="10"/>
    </row>
    <row r="804159" spans="14:14">
      <c r="N804159" s="10"/>
    </row>
    <row r="804160" spans="14:14">
      <c r="N804160" s="10"/>
    </row>
    <row r="804161" spans="14:14">
      <c r="N804161" s="10"/>
    </row>
    <row r="804162" spans="14:14">
      <c r="N804162" s="10"/>
    </row>
    <row r="804163" spans="14:14">
      <c r="N804163" s="10"/>
    </row>
    <row r="804164" spans="14:14">
      <c r="N804164" s="10"/>
    </row>
    <row r="804165" spans="14:14">
      <c r="N804165" s="10"/>
    </row>
    <row r="804166" spans="14:14">
      <c r="N804166" s="10"/>
    </row>
    <row r="804167" spans="14:14">
      <c r="N804167" s="10"/>
    </row>
    <row r="804168" spans="14:14">
      <c r="N804168" s="10"/>
    </row>
    <row r="804169" spans="14:14">
      <c r="N804169" s="10"/>
    </row>
    <row r="804170" spans="14:14">
      <c r="N804170" s="10"/>
    </row>
    <row r="804171" spans="14:14">
      <c r="N804171" s="10"/>
    </row>
    <row r="804172" spans="14:14">
      <c r="N804172" s="10"/>
    </row>
    <row r="804173" spans="14:14">
      <c r="N804173" s="10"/>
    </row>
    <row r="804174" spans="14:14">
      <c r="N804174" s="10"/>
    </row>
    <row r="804175" spans="14:14">
      <c r="N804175" s="10"/>
    </row>
    <row r="804176" spans="14:14">
      <c r="N804176" s="10"/>
    </row>
    <row r="804177" spans="14:14">
      <c r="N804177" s="10"/>
    </row>
    <row r="804178" spans="14:14">
      <c r="N804178" s="10"/>
    </row>
    <row r="804179" spans="14:14">
      <c r="N804179" s="10"/>
    </row>
    <row r="804180" spans="14:14">
      <c r="N804180" s="10"/>
    </row>
    <row r="804181" spans="14:14">
      <c r="N804181" s="10"/>
    </row>
    <row r="804182" spans="14:14">
      <c r="N804182" s="10"/>
    </row>
    <row r="804183" spans="14:14">
      <c r="N804183" s="10"/>
    </row>
    <row r="804184" spans="14:14">
      <c r="N804184" s="10"/>
    </row>
    <row r="804185" spans="14:14">
      <c r="N804185" s="10"/>
    </row>
    <row r="804186" spans="14:14">
      <c r="N804186" s="10"/>
    </row>
    <row r="804187" spans="14:14">
      <c r="N804187" s="10"/>
    </row>
    <row r="804188" spans="14:14">
      <c r="N804188" s="10"/>
    </row>
    <row r="804189" spans="14:14">
      <c r="N804189" s="10"/>
    </row>
    <row r="804190" spans="14:14">
      <c r="N804190" s="10"/>
    </row>
    <row r="804191" spans="14:14">
      <c r="N804191" s="10"/>
    </row>
    <row r="804192" spans="14:14">
      <c r="N804192" s="10"/>
    </row>
    <row r="804193" spans="14:14">
      <c r="N804193" s="10"/>
    </row>
    <row r="804194" spans="14:14">
      <c r="N804194" s="10"/>
    </row>
    <row r="804195" spans="14:14">
      <c r="N804195" s="10"/>
    </row>
    <row r="804196" spans="14:14">
      <c r="N804196" s="10"/>
    </row>
    <row r="804197" spans="14:14">
      <c r="N804197" s="10"/>
    </row>
    <row r="804198" spans="14:14">
      <c r="N804198" s="10"/>
    </row>
    <row r="804199" spans="14:14">
      <c r="N804199" s="10"/>
    </row>
    <row r="804200" spans="14:14">
      <c r="N804200" s="10"/>
    </row>
    <row r="804201" spans="14:14">
      <c r="N804201" s="10"/>
    </row>
    <row r="804202" spans="14:14">
      <c r="N804202" s="10"/>
    </row>
    <row r="804203" spans="14:14">
      <c r="N804203" s="10"/>
    </row>
    <row r="804204" spans="14:14">
      <c r="N804204" s="10"/>
    </row>
    <row r="804205" spans="14:14">
      <c r="N804205" s="10"/>
    </row>
    <row r="804206" spans="14:14">
      <c r="N804206" s="10"/>
    </row>
    <row r="804207" spans="14:14">
      <c r="N804207" s="10"/>
    </row>
    <row r="804208" spans="14:14">
      <c r="N804208" s="10"/>
    </row>
    <row r="804209" spans="14:14">
      <c r="N804209" s="10"/>
    </row>
    <row r="804210" spans="14:14">
      <c r="N804210" s="10"/>
    </row>
    <row r="804211" spans="14:14">
      <c r="N804211" s="10"/>
    </row>
    <row r="804212" spans="14:14">
      <c r="N804212" s="10"/>
    </row>
    <row r="804213" spans="14:14">
      <c r="N804213" s="10"/>
    </row>
    <row r="804214" spans="14:14">
      <c r="N804214" s="10"/>
    </row>
    <row r="804215" spans="14:14">
      <c r="N804215" s="10"/>
    </row>
    <row r="804216" spans="14:14">
      <c r="N804216" s="10"/>
    </row>
    <row r="804217" spans="14:14">
      <c r="N804217" s="10"/>
    </row>
    <row r="804218" spans="14:14">
      <c r="N804218" s="10"/>
    </row>
    <row r="804219" spans="14:14">
      <c r="N804219" s="10"/>
    </row>
    <row r="804220" spans="14:14">
      <c r="N804220" s="10"/>
    </row>
    <row r="804221" spans="14:14">
      <c r="N804221" s="10"/>
    </row>
    <row r="804222" spans="14:14">
      <c r="N804222" s="10"/>
    </row>
    <row r="804223" spans="14:14">
      <c r="N804223" s="10"/>
    </row>
    <row r="804224" spans="14:14">
      <c r="N804224" s="10"/>
    </row>
    <row r="804225" spans="14:14">
      <c r="N804225" s="10"/>
    </row>
    <row r="804226" spans="14:14">
      <c r="N804226" s="10"/>
    </row>
    <row r="804227" spans="14:14">
      <c r="N804227" s="10"/>
    </row>
    <row r="804228" spans="14:14">
      <c r="N804228" s="10"/>
    </row>
    <row r="804229" spans="14:14">
      <c r="N804229" s="10"/>
    </row>
    <row r="804230" spans="14:14">
      <c r="N804230" s="10"/>
    </row>
    <row r="804231" spans="14:14">
      <c r="N804231" s="10"/>
    </row>
    <row r="804232" spans="14:14">
      <c r="N804232" s="10"/>
    </row>
    <row r="804233" spans="14:14">
      <c r="N804233" s="10"/>
    </row>
    <row r="804234" spans="14:14">
      <c r="N804234" s="10"/>
    </row>
    <row r="804235" spans="14:14">
      <c r="N804235" s="10"/>
    </row>
    <row r="804236" spans="14:14">
      <c r="N804236" s="10"/>
    </row>
    <row r="804237" spans="14:14">
      <c r="N804237" s="10"/>
    </row>
    <row r="804238" spans="14:14">
      <c r="N804238" s="10"/>
    </row>
    <row r="804239" spans="14:14">
      <c r="N804239" s="10"/>
    </row>
    <row r="804240" spans="14:14">
      <c r="N804240" s="10"/>
    </row>
    <row r="804241" spans="14:14">
      <c r="N804241" s="10"/>
    </row>
    <row r="804242" spans="14:14">
      <c r="N804242" s="10"/>
    </row>
    <row r="804243" spans="14:14">
      <c r="N804243" s="10"/>
    </row>
    <row r="804244" spans="14:14">
      <c r="N804244" s="10"/>
    </row>
    <row r="804245" spans="14:14">
      <c r="N804245" s="10"/>
    </row>
    <row r="804246" spans="14:14">
      <c r="N804246" s="10"/>
    </row>
    <row r="804247" spans="14:14">
      <c r="N804247" s="10"/>
    </row>
    <row r="804248" spans="14:14">
      <c r="N804248" s="10"/>
    </row>
    <row r="804249" spans="14:14">
      <c r="N804249" s="10"/>
    </row>
    <row r="804250" spans="14:14">
      <c r="N804250" s="10"/>
    </row>
    <row r="804251" spans="14:14">
      <c r="N804251" s="10"/>
    </row>
    <row r="804252" spans="14:14">
      <c r="N804252" s="10"/>
    </row>
    <row r="804253" spans="14:14">
      <c r="N804253" s="10"/>
    </row>
    <row r="804254" spans="14:14">
      <c r="N804254" s="10"/>
    </row>
    <row r="804255" spans="14:14">
      <c r="N804255" s="10"/>
    </row>
    <row r="804256" spans="14:14">
      <c r="N804256" s="10"/>
    </row>
    <row r="804257" spans="14:14">
      <c r="N804257" s="10"/>
    </row>
    <row r="804258" spans="14:14">
      <c r="N804258" s="10"/>
    </row>
    <row r="804259" spans="14:14">
      <c r="N804259" s="10"/>
    </row>
    <row r="804260" spans="14:14">
      <c r="N804260" s="10"/>
    </row>
    <row r="804261" spans="14:14">
      <c r="N804261" s="10"/>
    </row>
    <row r="804262" spans="14:14">
      <c r="N804262" s="10"/>
    </row>
    <row r="804263" spans="14:14">
      <c r="N804263" s="10"/>
    </row>
    <row r="804264" spans="14:14">
      <c r="N804264" s="10"/>
    </row>
    <row r="804265" spans="14:14">
      <c r="N804265" s="10"/>
    </row>
    <row r="804266" spans="14:14">
      <c r="N804266" s="10"/>
    </row>
    <row r="804267" spans="14:14">
      <c r="N804267" s="10"/>
    </row>
    <row r="804268" spans="14:14">
      <c r="N804268" s="10"/>
    </row>
    <row r="804269" spans="14:14">
      <c r="N804269" s="10"/>
    </row>
    <row r="804270" spans="14:14">
      <c r="N804270" s="10"/>
    </row>
    <row r="804271" spans="14:14">
      <c r="N804271" s="10"/>
    </row>
    <row r="804272" spans="14:14">
      <c r="N804272" s="10"/>
    </row>
    <row r="804273" spans="14:14">
      <c r="N804273" s="10"/>
    </row>
    <row r="804274" spans="14:14">
      <c r="N804274" s="10"/>
    </row>
    <row r="804275" spans="14:14">
      <c r="N804275" s="10"/>
    </row>
    <row r="804276" spans="14:14">
      <c r="N804276" s="10"/>
    </row>
    <row r="804277" spans="14:14">
      <c r="N804277" s="10"/>
    </row>
    <row r="804278" spans="14:14">
      <c r="N804278" s="10"/>
    </row>
    <row r="804279" spans="14:14">
      <c r="N804279" s="10"/>
    </row>
    <row r="804280" spans="14:14">
      <c r="N804280" s="10"/>
    </row>
    <row r="804281" spans="14:14">
      <c r="N804281" s="10"/>
    </row>
    <row r="804282" spans="14:14">
      <c r="N804282" s="10"/>
    </row>
    <row r="804283" spans="14:14">
      <c r="N804283" s="10"/>
    </row>
    <row r="804284" spans="14:14">
      <c r="N804284" s="10"/>
    </row>
    <row r="804285" spans="14:14">
      <c r="N804285" s="10"/>
    </row>
    <row r="804286" spans="14:14">
      <c r="N804286" s="10"/>
    </row>
    <row r="804287" spans="14:14">
      <c r="N804287" s="10"/>
    </row>
    <row r="804288" spans="14:14">
      <c r="N804288" s="10"/>
    </row>
    <row r="804289" spans="14:14">
      <c r="N804289" s="10"/>
    </row>
    <row r="804290" spans="14:14">
      <c r="N804290" s="10"/>
    </row>
    <row r="804291" spans="14:14">
      <c r="N804291" s="10"/>
    </row>
    <row r="804292" spans="14:14">
      <c r="N804292" s="10"/>
    </row>
    <row r="804293" spans="14:14">
      <c r="N804293" s="10"/>
    </row>
    <row r="804294" spans="14:14">
      <c r="N804294" s="10"/>
    </row>
    <row r="804295" spans="14:14">
      <c r="N804295" s="10"/>
    </row>
    <row r="804296" spans="14:14">
      <c r="N804296" s="10"/>
    </row>
    <row r="804297" spans="14:14">
      <c r="N804297" s="10"/>
    </row>
    <row r="804298" spans="14:14">
      <c r="N804298" s="10"/>
    </row>
    <row r="804299" spans="14:14">
      <c r="N804299" s="10"/>
    </row>
    <row r="804300" spans="14:14">
      <c r="N804300" s="10"/>
    </row>
    <row r="804301" spans="14:14">
      <c r="N804301" s="10"/>
    </row>
    <row r="804302" spans="14:14">
      <c r="N804302" s="10"/>
    </row>
    <row r="804303" spans="14:14">
      <c r="N804303" s="10"/>
    </row>
    <row r="804304" spans="14:14">
      <c r="N804304" s="10"/>
    </row>
    <row r="804305" spans="14:14">
      <c r="N804305" s="10"/>
    </row>
    <row r="804306" spans="14:14">
      <c r="N804306" s="10"/>
    </row>
    <row r="804307" spans="14:14">
      <c r="N804307" s="10"/>
    </row>
    <row r="804308" spans="14:14">
      <c r="N804308" s="10"/>
    </row>
    <row r="804309" spans="14:14">
      <c r="N804309" s="10"/>
    </row>
    <row r="804310" spans="14:14">
      <c r="N804310" s="10"/>
    </row>
    <row r="804311" spans="14:14">
      <c r="N804311" s="10"/>
    </row>
    <row r="804312" spans="14:14">
      <c r="N804312" s="10"/>
    </row>
    <row r="804313" spans="14:14">
      <c r="N804313" s="10"/>
    </row>
    <row r="804314" spans="14:14">
      <c r="N804314" s="10"/>
    </row>
    <row r="804315" spans="14:14">
      <c r="N804315" s="10"/>
    </row>
    <row r="804316" spans="14:14">
      <c r="N804316" s="10"/>
    </row>
    <row r="804317" spans="14:14">
      <c r="N804317" s="10"/>
    </row>
    <row r="804318" spans="14:14">
      <c r="N804318" s="10"/>
    </row>
    <row r="804319" spans="14:14">
      <c r="N804319" s="10"/>
    </row>
    <row r="804320" spans="14:14">
      <c r="N804320" s="10"/>
    </row>
    <row r="804321" spans="14:14">
      <c r="N804321" s="10"/>
    </row>
    <row r="804322" spans="14:14">
      <c r="N804322" s="10"/>
    </row>
    <row r="804323" spans="14:14">
      <c r="N804323" s="10"/>
    </row>
    <row r="804324" spans="14:14">
      <c r="N804324" s="10"/>
    </row>
    <row r="804325" spans="14:14">
      <c r="N804325" s="10"/>
    </row>
    <row r="804326" spans="14:14">
      <c r="N804326" s="10"/>
    </row>
    <row r="804327" spans="14:14">
      <c r="N804327" s="10"/>
    </row>
    <row r="804328" spans="14:14">
      <c r="N804328" s="10"/>
    </row>
    <row r="804329" spans="14:14">
      <c r="N804329" s="10"/>
    </row>
    <row r="804330" spans="14:14">
      <c r="N804330" s="10"/>
    </row>
    <row r="804331" spans="14:14">
      <c r="N804331" s="10"/>
    </row>
    <row r="804332" spans="14:14">
      <c r="N804332" s="10"/>
    </row>
    <row r="804333" spans="14:14">
      <c r="N804333" s="10"/>
    </row>
    <row r="804334" spans="14:14">
      <c r="N804334" s="10"/>
    </row>
    <row r="804335" spans="14:14">
      <c r="N804335" s="10"/>
    </row>
    <row r="804336" spans="14:14">
      <c r="N804336" s="10"/>
    </row>
    <row r="804337" spans="14:14">
      <c r="N804337" s="10"/>
    </row>
    <row r="804338" spans="14:14">
      <c r="N804338" s="10"/>
    </row>
    <row r="804339" spans="14:14">
      <c r="N804339" s="10"/>
    </row>
    <row r="804340" spans="14:14">
      <c r="N804340" s="10"/>
    </row>
    <row r="804341" spans="14:14">
      <c r="N804341" s="10"/>
    </row>
    <row r="804342" spans="14:14">
      <c r="N804342" s="10"/>
    </row>
    <row r="804343" spans="14:14">
      <c r="N804343" s="10"/>
    </row>
    <row r="804344" spans="14:14">
      <c r="N804344" s="10"/>
    </row>
    <row r="804345" spans="14:14">
      <c r="N804345" s="10"/>
    </row>
    <row r="804346" spans="14:14">
      <c r="N804346" s="10"/>
    </row>
    <row r="804347" spans="14:14">
      <c r="N804347" s="10"/>
    </row>
    <row r="804348" spans="14:14">
      <c r="N804348" s="10"/>
    </row>
    <row r="804349" spans="14:14">
      <c r="N804349" s="10"/>
    </row>
    <row r="804350" spans="14:14">
      <c r="N804350" s="10"/>
    </row>
    <row r="804351" spans="14:14">
      <c r="N804351" s="10"/>
    </row>
    <row r="804352" spans="14:14">
      <c r="N804352" s="10"/>
    </row>
    <row r="804353" spans="14:14">
      <c r="N804353" s="10"/>
    </row>
    <row r="804354" spans="14:14">
      <c r="N804354" s="10"/>
    </row>
    <row r="804355" spans="14:14">
      <c r="N804355" s="10"/>
    </row>
    <row r="804356" spans="14:14">
      <c r="N804356" s="10"/>
    </row>
    <row r="804357" spans="14:14">
      <c r="N804357" s="10"/>
    </row>
    <row r="804358" spans="14:14">
      <c r="N804358" s="10"/>
    </row>
    <row r="804359" spans="14:14">
      <c r="N804359" s="10"/>
    </row>
    <row r="804360" spans="14:14">
      <c r="N804360" s="10"/>
    </row>
    <row r="804361" spans="14:14">
      <c r="N804361" s="10"/>
    </row>
    <row r="804362" spans="14:14">
      <c r="N804362" s="10"/>
    </row>
    <row r="804363" spans="14:14">
      <c r="N804363" s="10"/>
    </row>
    <row r="804364" spans="14:14">
      <c r="N804364" s="10"/>
    </row>
    <row r="804365" spans="14:14">
      <c r="N804365" s="10"/>
    </row>
    <row r="804366" spans="14:14">
      <c r="N804366" s="10"/>
    </row>
    <row r="804367" spans="14:14">
      <c r="N804367" s="10"/>
    </row>
    <row r="804368" spans="14:14">
      <c r="N804368" s="10"/>
    </row>
    <row r="804369" spans="14:14">
      <c r="N804369" s="10"/>
    </row>
    <row r="804370" spans="14:14">
      <c r="N804370" s="10"/>
    </row>
    <row r="804371" spans="14:14">
      <c r="N804371" s="10"/>
    </row>
    <row r="804372" spans="14:14">
      <c r="N804372" s="10"/>
    </row>
    <row r="804373" spans="14:14">
      <c r="N804373" s="10"/>
    </row>
    <row r="804374" spans="14:14">
      <c r="N804374" s="10"/>
    </row>
    <row r="804375" spans="14:14">
      <c r="N804375" s="10"/>
    </row>
    <row r="804376" spans="14:14">
      <c r="N804376" s="10"/>
    </row>
    <row r="804377" spans="14:14">
      <c r="N804377" s="10"/>
    </row>
    <row r="804378" spans="14:14">
      <c r="N804378" s="10"/>
    </row>
    <row r="804379" spans="14:14">
      <c r="N804379" s="10"/>
    </row>
    <row r="804380" spans="14:14">
      <c r="N804380" s="10"/>
    </row>
    <row r="804381" spans="14:14">
      <c r="N804381" s="10"/>
    </row>
    <row r="804382" spans="14:14">
      <c r="N804382" s="10"/>
    </row>
    <row r="804383" spans="14:14">
      <c r="N804383" s="10"/>
    </row>
    <row r="804384" spans="14:14">
      <c r="N804384" s="10"/>
    </row>
    <row r="804385" spans="14:14">
      <c r="N804385" s="10"/>
    </row>
    <row r="804386" spans="14:14">
      <c r="N804386" s="10"/>
    </row>
    <row r="804387" spans="14:14">
      <c r="N804387" s="10"/>
    </row>
    <row r="804388" spans="14:14">
      <c r="N804388" s="10"/>
    </row>
    <row r="804389" spans="14:14">
      <c r="N804389" s="10"/>
    </row>
    <row r="804390" spans="14:14">
      <c r="N804390" s="10"/>
    </row>
    <row r="804391" spans="14:14">
      <c r="N804391" s="10"/>
    </row>
    <row r="804392" spans="14:14">
      <c r="N804392" s="10"/>
    </row>
    <row r="804393" spans="14:14">
      <c r="N804393" s="10"/>
    </row>
    <row r="804394" spans="14:14">
      <c r="N804394" s="10"/>
    </row>
    <row r="804395" spans="14:14">
      <c r="N804395" s="10"/>
    </row>
    <row r="804396" spans="14:14">
      <c r="N804396" s="10"/>
    </row>
    <row r="804397" spans="14:14">
      <c r="N804397" s="10"/>
    </row>
    <row r="804398" spans="14:14">
      <c r="N804398" s="10"/>
    </row>
    <row r="804399" spans="14:14">
      <c r="N804399" s="10"/>
    </row>
    <row r="804400" spans="14:14">
      <c r="N804400" s="10"/>
    </row>
    <row r="804401" spans="14:14">
      <c r="N804401" s="10"/>
    </row>
    <row r="804402" spans="14:14">
      <c r="N804402" s="10"/>
    </row>
    <row r="804403" spans="14:14">
      <c r="N804403" s="10"/>
    </row>
    <row r="804404" spans="14:14">
      <c r="N804404" s="10"/>
    </row>
    <row r="804405" spans="14:14">
      <c r="N804405" s="10"/>
    </row>
    <row r="804406" spans="14:14">
      <c r="N804406" s="10"/>
    </row>
    <row r="804407" spans="14:14">
      <c r="N804407" s="10"/>
    </row>
    <row r="804408" spans="14:14">
      <c r="N804408" s="10"/>
    </row>
    <row r="804409" spans="14:14">
      <c r="N804409" s="10"/>
    </row>
    <row r="804410" spans="14:14">
      <c r="N804410" s="10"/>
    </row>
    <row r="804411" spans="14:14">
      <c r="N804411" s="10"/>
    </row>
    <row r="804412" spans="14:14">
      <c r="N804412" s="10"/>
    </row>
    <row r="804413" spans="14:14">
      <c r="N804413" s="10"/>
    </row>
    <row r="804414" spans="14:14">
      <c r="N804414" s="10"/>
    </row>
    <row r="804415" spans="14:14">
      <c r="N804415" s="10"/>
    </row>
    <row r="804416" spans="14:14">
      <c r="N804416" s="10"/>
    </row>
    <row r="804417" spans="14:14">
      <c r="N804417" s="10"/>
    </row>
    <row r="804418" spans="14:14">
      <c r="N804418" s="10"/>
    </row>
    <row r="804419" spans="14:14">
      <c r="N804419" s="10"/>
    </row>
    <row r="804420" spans="14:14">
      <c r="N804420" s="10"/>
    </row>
    <row r="804421" spans="14:14">
      <c r="N804421" s="10"/>
    </row>
    <row r="804422" spans="14:14">
      <c r="N804422" s="10"/>
    </row>
    <row r="804423" spans="14:14">
      <c r="N804423" s="10"/>
    </row>
    <row r="804424" spans="14:14">
      <c r="N804424" s="10"/>
    </row>
    <row r="804425" spans="14:14">
      <c r="N804425" s="10"/>
    </row>
    <row r="804426" spans="14:14">
      <c r="N804426" s="10"/>
    </row>
    <row r="804427" spans="14:14">
      <c r="N804427" s="10"/>
    </row>
    <row r="804428" spans="14:14">
      <c r="N804428" s="10"/>
    </row>
    <row r="804429" spans="14:14">
      <c r="N804429" s="10"/>
    </row>
    <row r="804430" spans="14:14">
      <c r="N804430" s="10"/>
    </row>
    <row r="804431" spans="14:14">
      <c r="N804431" s="10"/>
    </row>
    <row r="804432" spans="14:14">
      <c r="N804432" s="10"/>
    </row>
    <row r="804433" spans="14:14">
      <c r="N804433" s="10"/>
    </row>
    <row r="804434" spans="14:14">
      <c r="N804434" s="10"/>
    </row>
    <row r="804435" spans="14:14">
      <c r="N804435" s="10"/>
    </row>
    <row r="804436" spans="14:14">
      <c r="N804436" s="10"/>
    </row>
    <row r="804437" spans="14:14">
      <c r="N804437" s="10"/>
    </row>
    <row r="804438" spans="14:14">
      <c r="N804438" s="10"/>
    </row>
    <row r="804439" spans="14:14">
      <c r="N804439" s="10"/>
    </row>
    <row r="804440" spans="14:14">
      <c r="N804440" s="10"/>
    </row>
    <row r="804441" spans="14:14">
      <c r="N804441" s="10"/>
    </row>
    <row r="804442" spans="14:14">
      <c r="N804442" s="10"/>
    </row>
    <row r="804443" spans="14:14">
      <c r="N804443" s="10"/>
    </row>
    <row r="804444" spans="14:14">
      <c r="N804444" s="10"/>
    </row>
    <row r="804445" spans="14:14">
      <c r="N804445" s="10"/>
    </row>
    <row r="804446" spans="14:14">
      <c r="N804446" s="10"/>
    </row>
    <row r="804447" spans="14:14">
      <c r="N804447" s="10"/>
    </row>
    <row r="804448" spans="14:14">
      <c r="N804448" s="10"/>
    </row>
    <row r="804449" spans="14:14">
      <c r="N804449" s="10"/>
    </row>
    <row r="804450" spans="14:14">
      <c r="N804450" s="10"/>
    </row>
    <row r="804451" spans="14:14">
      <c r="N804451" s="10"/>
    </row>
    <row r="804452" spans="14:14">
      <c r="N804452" s="10"/>
    </row>
    <row r="804453" spans="14:14">
      <c r="N804453" s="10"/>
    </row>
    <row r="804454" spans="14:14">
      <c r="N804454" s="10"/>
    </row>
    <row r="804455" spans="14:14">
      <c r="N804455" s="10"/>
    </row>
    <row r="804456" spans="14:14">
      <c r="N804456" s="10"/>
    </row>
    <row r="804457" spans="14:14">
      <c r="N804457" s="10"/>
    </row>
    <row r="804458" spans="14:14">
      <c r="N804458" s="10"/>
    </row>
    <row r="804459" spans="14:14">
      <c r="N804459" s="10"/>
    </row>
    <row r="804460" spans="14:14">
      <c r="N804460" s="10"/>
    </row>
    <row r="804461" spans="14:14">
      <c r="N804461" s="10"/>
    </row>
    <row r="804462" spans="14:14">
      <c r="N804462" s="10"/>
    </row>
    <row r="804463" spans="14:14">
      <c r="N804463" s="10"/>
    </row>
    <row r="804464" spans="14:14">
      <c r="N804464" s="10"/>
    </row>
    <row r="804465" spans="14:14">
      <c r="N804465" s="10"/>
    </row>
    <row r="804466" spans="14:14">
      <c r="N804466" s="10"/>
    </row>
    <row r="804467" spans="14:14">
      <c r="N804467" s="10"/>
    </row>
    <row r="804468" spans="14:14">
      <c r="N804468" s="10"/>
    </row>
    <row r="804469" spans="14:14">
      <c r="N804469" s="10"/>
    </row>
    <row r="804470" spans="14:14">
      <c r="N804470" s="10"/>
    </row>
    <row r="804471" spans="14:14">
      <c r="N804471" s="10"/>
    </row>
    <row r="804472" spans="14:14">
      <c r="N804472" s="10"/>
    </row>
    <row r="804473" spans="14:14">
      <c r="N804473" s="10"/>
    </row>
    <row r="804474" spans="14:14">
      <c r="N804474" s="10"/>
    </row>
    <row r="804475" spans="14:14">
      <c r="N804475" s="10"/>
    </row>
    <row r="804476" spans="14:14">
      <c r="N804476" s="10"/>
    </row>
    <row r="804477" spans="14:14">
      <c r="N804477" s="10"/>
    </row>
    <row r="804478" spans="14:14">
      <c r="N804478" s="10"/>
    </row>
    <row r="804479" spans="14:14">
      <c r="N804479" s="10"/>
    </row>
    <row r="804480" spans="14:14">
      <c r="N804480" s="10"/>
    </row>
    <row r="804481" spans="14:14">
      <c r="N804481" s="10"/>
    </row>
    <row r="804482" spans="14:14">
      <c r="N804482" s="10"/>
    </row>
    <row r="804483" spans="14:14">
      <c r="N804483" s="10"/>
    </row>
    <row r="804484" spans="14:14">
      <c r="N804484" s="10"/>
    </row>
    <row r="804485" spans="14:14">
      <c r="N804485" s="10"/>
    </row>
    <row r="804486" spans="14:14">
      <c r="N804486" s="10"/>
    </row>
    <row r="804487" spans="14:14">
      <c r="N804487" s="10"/>
    </row>
    <row r="804488" spans="14:14">
      <c r="N804488" s="10"/>
    </row>
    <row r="804489" spans="14:14">
      <c r="N804489" s="10"/>
    </row>
    <row r="804490" spans="14:14">
      <c r="N804490" s="10"/>
    </row>
    <row r="804491" spans="14:14">
      <c r="N804491" s="10"/>
    </row>
    <row r="804492" spans="14:14">
      <c r="N804492" s="10"/>
    </row>
    <row r="804493" spans="14:14">
      <c r="N804493" s="10"/>
    </row>
    <row r="804494" spans="14:14">
      <c r="N804494" s="10"/>
    </row>
    <row r="804495" spans="14:14">
      <c r="N804495" s="10"/>
    </row>
    <row r="804496" spans="14:14">
      <c r="N804496" s="10"/>
    </row>
    <row r="804497" spans="14:14">
      <c r="N804497" s="10"/>
    </row>
    <row r="804498" spans="14:14">
      <c r="N804498" s="10"/>
    </row>
    <row r="804499" spans="14:14">
      <c r="N804499" s="10"/>
    </row>
    <row r="804500" spans="14:14">
      <c r="N804500" s="10"/>
    </row>
    <row r="804501" spans="14:14">
      <c r="N804501" s="10"/>
    </row>
    <row r="804502" spans="14:14">
      <c r="N804502" s="10"/>
    </row>
    <row r="804503" spans="14:14">
      <c r="N804503" s="10"/>
    </row>
    <row r="804504" spans="14:14">
      <c r="N804504" s="10"/>
    </row>
    <row r="804505" spans="14:14">
      <c r="N804505" s="10"/>
    </row>
    <row r="804506" spans="14:14">
      <c r="N804506" s="10"/>
    </row>
    <row r="804507" spans="14:14">
      <c r="N804507" s="10"/>
    </row>
    <row r="804508" spans="14:14">
      <c r="N804508" s="10"/>
    </row>
    <row r="804509" spans="14:14">
      <c r="N804509" s="10"/>
    </row>
    <row r="804510" spans="14:14">
      <c r="N804510" s="10"/>
    </row>
    <row r="804511" spans="14:14">
      <c r="N804511" s="10"/>
    </row>
    <row r="804512" spans="14:14">
      <c r="N804512" s="10"/>
    </row>
    <row r="804513" spans="14:14">
      <c r="N804513" s="10"/>
    </row>
    <row r="804514" spans="14:14">
      <c r="N804514" s="10"/>
    </row>
    <row r="804515" spans="14:14">
      <c r="N804515" s="10"/>
    </row>
    <row r="804516" spans="14:14">
      <c r="N804516" s="10"/>
    </row>
    <row r="804517" spans="14:14">
      <c r="N804517" s="10"/>
    </row>
    <row r="804518" spans="14:14">
      <c r="N804518" s="10"/>
    </row>
    <row r="804519" spans="14:14">
      <c r="N804519" s="10"/>
    </row>
    <row r="804520" spans="14:14">
      <c r="N804520" s="10"/>
    </row>
    <row r="804521" spans="14:14">
      <c r="N804521" s="10"/>
    </row>
    <row r="804522" spans="14:14">
      <c r="N804522" s="10"/>
    </row>
    <row r="804523" spans="14:14">
      <c r="N804523" s="10"/>
    </row>
    <row r="804524" spans="14:14">
      <c r="N804524" s="10"/>
    </row>
    <row r="804525" spans="14:14">
      <c r="N804525" s="10"/>
    </row>
    <row r="804526" spans="14:14">
      <c r="N804526" s="10"/>
    </row>
    <row r="804527" spans="14:14">
      <c r="N804527" s="10"/>
    </row>
    <row r="804528" spans="14:14">
      <c r="N804528" s="10"/>
    </row>
    <row r="804529" spans="14:14">
      <c r="N804529" s="10"/>
    </row>
    <row r="804530" spans="14:14">
      <c r="N804530" s="10"/>
    </row>
    <row r="804531" spans="14:14">
      <c r="N804531" s="10"/>
    </row>
    <row r="804532" spans="14:14">
      <c r="N804532" s="10"/>
    </row>
    <row r="804533" spans="14:14">
      <c r="N804533" s="10"/>
    </row>
    <row r="804534" spans="14:14">
      <c r="N804534" s="10"/>
    </row>
    <row r="804535" spans="14:14">
      <c r="N804535" s="10"/>
    </row>
    <row r="804536" spans="14:14">
      <c r="N804536" s="10"/>
    </row>
    <row r="804537" spans="14:14">
      <c r="N804537" s="10"/>
    </row>
    <row r="804538" spans="14:14">
      <c r="N804538" s="10"/>
    </row>
    <row r="804539" spans="14:14">
      <c r="N804539" s="10"/>
    </row>
    <row r="804540" spans="14:14">
      <c r="N804540" s="10"/>
    </row>
    <row r="804541" spans="14:14">
      <c r="N804541" s="10"/>
    </row>
    <row r="804542" spans="14:14">
      <c r="N804542" s="10"/>
    </row>
    <row r="804543" spans="14:14">
      <c r="N804543" s="10"/>
    </row>
    <row r="804544" spans="14:14">
      <c r="N804544" s="10"/>
    </row>
    <row r="804545" spans="14:14">
      <c r="N804545" s="10"/>
    </row>
    <row r="804546" spans="14:14">
      <c r="N804546" s="10"/>
    </row>
    <row r="804547" spans="14:14">
      <c r="N804547" s="10"/>
    </row>
    <row r="804548" spans="14:14">
      <c r="N804548" s="10"/>
    </row>
    <row r="804549" spans="14:14">
      <c r="N804549" s="10"/>
    </row>
    <row r="804550" spans="14:14">
      <c r="N804550" s="10"/>
    </row>
    <row r="804551" spans="14:14">
      <c r="N804551" s="10"/>
    </row>
    <row r="804552" spans="14:14">
      <c r="N804552" s="10"/>
    </row>
    <row r="804553" spans="14:14">
      <c r="N804553" s="10"/>
    </row>
    <row r="804554" spans="14:14">
      <c r="N804554" s="10"/>
    </row>
    <row r="804555" spans="14:14">
      <c r="N804555" s="10"/>
    </row>
    <row r="804556" spans="14:14">
      <c r="N804556" s="10"/>
    </row>
    <row r="804557" spans="14:14">
      <c r="N804557" s="10"/>
    </row>
    <row r="804558" spans="14:14">
      <c r="N804558" s="10"/>
    </row>
    <row r="804559" spans="14:14">
      <c r="N804559" s="10"/>
    </row>
    <row r="804560" spans="14:14">
      <c r="N804560" s="10"/>
    </row>
    <row r="804561" spans="14:14">
      <c r="N804561" s="10"/>
    </row>
    <row r="804562" spans="14:14">
      <c r="N804562" s="10"/>
    </row>
    <row r="804563" spans="14:14">
      <c r="N804563" s="10"/>
    </row>
    <row r="804564" spans="14:14">
      <c r="N804564" s="10"/>
    </row>
    <row r="804565" spans="14:14">
      <c r="N804565" s="10"/>
    </row>
    <row r="804566" spans="14:14">
      <c r="N804566" s="10"/>
    </row>
    <row r="804567" spans="14:14">
      <c r="N804567" s="10"/>
    </row>
    <row r="804568" spans="14:14">
      <c r="N804568" s="10"/>
    </row>
    <row r="804569" spans="14:14">
      <c r="N804569" s="10"/>
    </row>
    <row r="804570" spans="14:14">
      <c r="N804570" s="10"/>
    </row>
    <row r="804571" spans="14:14">
      <c r="N804571" s="10"/>
    </row>
    <row r="804572" spans="14:14">
      <c r="N804572" s="10"/>
    </row>
    <row r="804573" spans="14:14">
      <c r="N804573" s="10"/>
    </row>
    <row r="804574" spans="14:14">
      <c r="N804574" s="10"/>
    </row>
    <row r="804575" spans="14:14">
      <c r="N804575" s="10"/>
    </row>
    <row r="804576" spans="14:14">
      <c r="N804576" s="10"/>
    </row>
    <row r="804577" spans="14:14">
      <c r="N804577" s="10"/>
    </row>
    <row r="804578" spans="14:14">
      <c r="N804578" s="10"/>
    </row>
    <row r="804579" spans="14:14">
      <c r="N804579" s="10"/>
    </row>
    <row r="804580" spans="14:14">
      <c r="N804580" s="10"/>
    </row>
    <row r="804581" spans="14:14">
      <c r="N804581" s="10"/>
    </row>
    <row r="804582" spans="14:14">
      <c r="N804582" s="10"/>
    </row>
    <row r="804583" spans="14:14">
      <c r="N804583" s="10"/>
    </row>
    <row r="804584" spans="14:14">
      <c r="N804584" s="10"/>
    </row>
    <row r="804585" spans="14:14">
      <c r="N804585" s="10"/>
    </row>
    <row r="804586" spans="14:14">
      <c r="N804586" s="10"/>
    </row>
    <row r="804587" spans="14:14">
      <c r="N804587" s="10"/>
    </row>
    <row r="804588" spans="14:14">
      <c r="N804588" s="10"/>
    </row>
    <row r="804589" spans="14:14">
      <c r="N804589" s="10"/>
    </row>
    <row r="804590" spans="14:14">
      <c r="N804590" s="10"/>
    </row>
    <row r="804591" spans="14:14">
      <c r="N804591" s="10"/>
    </row>
    <row r="804592" spans="14:14">
      <c r="N804592" s="10"/>
    </row>
    <row r="804593" spans="14:14">
      <c r="N804593" s="10"/>
    </row>
    <row r="804594" spans="14:14">
      <c r="N804594" s="10"/>
    </row>
    <row r="804595" spans="14:14">
      <c r="N804595" s="10"/>
    </row>
    <row r="804596" spans="14:14">
      <c r="N804596" s="10"/>
    </row>
    <row r="804597" spans="14:14">
      <c r="N804597" s="10"/>
    </row>
    <row r="804598" spans="14:14">
      <c r="N804598" s="10"/>
    </row>
    <row r="804599" spans="14:14">
      <c r="N804599" s="10"/>
    </row>
    <row r="804600" spans="14:14">
      <c r="N804600" s="10"/>
    </row>
    <row r="804601" spans="14:14">
      <c r="N804601" s="10"/>
    </row>
    <row r="804602" spans="14:14">
      <c r="N804602" s="10"/>
    </row>
    <row r="804603" spans="14:14">
      <c r="N804603" s="10"/>
    </row>
    <row r="804604" spans="14:14">
      <c r="N804604" s="10"/>
    </row>
    <row r="804605" spans="14:14">
      <c r="N804605" s="10"/>
    </row>
    <row r="804606" spans="14:14">
      <c r="N804606" s="10"/>
    </row>
    <row r="804607" spans="14:14">
      <c r="N804607" s="10"/>
    </row>
    <row r="804608" spans="14:14">
      <c r="N804608" s="10"/>
    </row>
    <row r="804609" spans="14:14">
      <c r="N804609" s="10"/>
    </row>
    <row r="804610" spans="14:14">
      <c r="N804610" s="10"/>
    </row>
    <row r="804611" spans="14:14">
      <c r="N804611" s="10"/>
    </row>
    <row r="804612" spans="14:14">
      <c r="N804612" s="10"/>
    </row>
    <row r="804613" spans="14:14">
      <c r="N804613" s="10"/>
    </row>
    <row r="804614" spans="14:14">
      <c r="N804614" s="10"/>
    </row>
    <row r="804615" spans="14:14">
      <c r="N804615" s="10"/>
    </row>
    <row r="804616" spans="14:14">
      <c r="N804616" s="10"/>
    </row>
    <row r="804617" spans="14:14">
      <c r="N804617" s="10"/>
    </row>
    <row r="804618" spans="14:14">
      <c r="N804618" s="10"/>
    </row>
    <row r="804619" spans="14:14">
      <c r="N804619" s="10"/>
    </row>
    <row r="804620" spans="14:14">
      <c r="N804620" s="10"/>
    </row>
    <row r="804621" spans="14:14">
      <c r="N804621" s="10"/>
    </row>
    <row r="804622" spans="14:14">
      <c r="N804622" s="10"/>
    </row>
    <row r="804623" spans="14:14">
      <c r="N804623" s="10"/>
    </row>
    <row r="804624" spans="14:14">
      <c r="N804624" s="10"/>
    </row>
    <row r="804625" spans="14:14">
      <c r="N804625" s="10"/>
    </row>
    <row r="804626" spans="14:14">
      <c r="N804626" s="10"/>
    </row>
    <row r="804627" spans="14:14">
      <c r="N804627" s="10"/>
    </row>
    <row r="804628" spans="14:14">
      <c r="N804628" s="10"/>
    </row>
    <row r="804629" spans="14:14">
      <c r="N804629" s="10"/>
    </row>
    <row r="804630" spans="14:14">
      <c r="N804630" s="10"/>
    </row>
    <row r="804631" spans="14:14">
      <c r="N804631" s="10"/>
    </row>
    <row r="804632" spans="14:14">
      <c r="N804632" s="10"/>
    </row>
    <row r="804633" spans="14:14">
      <c r="N804633" s="10"/>
    </row>
    <row r="804634" spans="14:14">
      <c r="N804634" s="10"/>
    </row>
    <row r="804635" spans="14:14">
      <c r="N804635" s="10"/>
    </row>
    <row r="804636" spans="14:14">
      <c r="N804636" s="10"/>
    </row>
    <row r="804637" spans="14:14">
      <c r="N804637" s="10"/>
    </row>
    <row r="804638" spans="14:14">
      <c r="N804638" s="10"/>
    </row>
    <row r="804639" spans="14:14">
      <c r="N804639" s="10"/>
    </row>
    <row r="804640" spans="14:14">
      <c r="N804640" s="10"/>
    </row>
    <row r="804641" spans="14:14">
      <c r="N804641" s="10"/>
    </row>
    <row r="804642" spans="14:14">
      <c r="N804642" s="10"/>
    </row>
    <row r="804643" spans="14:14">
      <c r="N804643" s="10"/>
    </row>
    <row r="804644" spans="14:14">
      <c r="N804644" s="10"/>
    </row>
    <row r="804645" spans="14:14">
      <c r="N804645" s="10"/>
    </row>
    <row r="804646" spans="14:14">
      <c r="N804646" s="10"/>
    </row>
    <row r="804647" spans="14:14">
      <c r="N804647" s="10"/>
    </row>
    <row r="804648" spans="14:14">
      <c r="N804648" s="10"/>
    </row>
    <row r="804649" spans="14:14">
      <c r="N804649" s="10"/>
    </row>
    <row r="804650" spans="14:14">
      <c r="N804650" s="10"/>
    </row>
    <row r="804651" spans="14:14">
      <c r="N804651" s="10"/>
    </row>
    <row r="804652" spans="14:14">
      <c r="N804652" s="10"/>
    </row>
    <row r="804653" spans="14:14">
      <c r="N804653" s="10"/>
    </row>
    <row r="804654" spans="14:14">
      <c r="N804654" s="10"/>
    </row>
    <row r="804655" spans="14:14">
      <c r="N804655" s="10"/>
    </row>
    <row r="804656" spans="14:14">
      <c r="N804656" s="10"/>
    </row>
    <row r="804657" spans="14:14">
      <c r="N804657" s="10"/>
    </row>
    <row r="804658" spans="14:14">
      <c r="N804658" s="10"/>
    </row>
    <row r="804659" spans="14:14">
      <c r="N804659" s="10"/>
    </row>
    <row r="804660" spans="14:14">
      <c r="N804660" s="10"/>
    </row>
    <row r="804661" spans="14:14">
      <c r="N804661" s="10"/>
    </row>
    <row r="804662" spans="14:14">
      <c r="N804662" s="10"/>
    </row>
    <row r="804663" spans="14:14">
      <c r="N804663" s="10"/>
    </row>
    <row r="804664" spans="14:14">
      <c r="N804664" s="10"/>
    </row>
    <row r="804665" spans="14:14">
      <c r="N804665" s="10"/>
    </row>
    <row r="804666" spans="14:14">
      <c r="N804666" s="10"/>
    </row>
    <row r="804667" spans="14:14">
      <c r="N804667" s="10"/>
    </row>
    <row r="804668" spans="14:14">
      <c r="N804668" s="10"/>
    </row>
    <row r="804669" spans="14:14">
      <c r="N804669" s="10"/>
    </row>
    <row r="804670" spans="14:14">
      <c r="N804670" s="10"/>
    </row>
    <row r="804671" spans="14:14">
      <c r="N804671" s="10"/>
    </row>
    <row r="804672" spans="14:14">
      <c r="N804672" s="10"/>
    </row>
    <row r="804673" spans="14:14">
      <c r="N804673" s="10"/>
    </row>
    <row r="804674" spans="14:14">
      <c r="N804674" s="10"/>
    </row>
    <row r="804675" spans="14:14">
      <c r="N804675" s="10"/>
    </row>
    <row r="804676" spans="14:14">
      <c r="N804676" s="10"/>
    </row>
    <row r="804677" spans="14:14">
      <c r="N804677" s="10"/>
    </row>
    <row r="804678" spans="14:14">
      <c r="N804678" s="10"/>
    </row>
    <row r="804679" spans="14:14">
      <c r="N804679" s="10"/>
    </row>
    <row r="804680" spans="14:14">
      <c r="N804680" s="10"/>
    </row>
    <row r="804681" spans="14:14">
      <c r="N804681" s="10"/>
    </row>
    <row r="804682" spans="14:14">
      <c r="N804682" s="10"/>
    </row>
    <row r="804683" spans="14:14">
      <c r="N804683" s="10"/>
    </row>
    <row r="804684" spans="14:14">
      <c r="N804684" s="10"/>
    </row>
    <row r="804685" spans="14:14">
      <c r="N804685" s="10"/>
    </row>
    <row r="804686" spans="14:14">
      <c r="N804686" s="10"/>
    </row>
    <row r="804687" spans="14:14">
      <c r="N804687" s="10"/>
    </row>
    <row r="804688" spans="14:14">
      <c r="N804688" s="10"/>
    </row>
    <row r="804689" spans="14:14">
      <c r="N804689" s="10"/>
    </row>
    <row r="804690" spans="14:14">
      <c r="N804690" s="10"/>
    </row>
    <row r="804691" spans="14:14">
      <c r="N804691" s="10"/>
    </row>
    <row r="804692" spans="14:14">
      <c r="N804692" s="10"/>
    </row>
    <row r="804693" spans="14:14">
      <c r="N804693" s="10"/>
    </row>
    <row r="804694" spans="14:14">
      <c r="N804694" s="10"/>
    </row>
    <row r="804695" spans="14:14">
      <c r="N804695" s="10"/>
    </row>
    <row r="804696" spans="14:14">
      <c r="N804696" s="10"/>
    </row>
    <row r="804697" spans="14:14">
      <c r="N804697" s="10"/>
    </row>
    <row r="804698" spans="14:14">
      <c r="N804698" s="10"/>
    </row>
    <row r="804699" spans="14:14">
      <c r="N804699" s="10"/>
    </row>
    <row r="804700" spans="14:14">
      <c r="N804700" s="10"/>
    </row>
    <row r="804701" spans="14:14">
      <c r="N804701" s="10"/>
    </row>
    <row r="804702" spans="14:14">
      <c r="N804702" s="10"/>
    </row>
    <row r="804703" spans="14:14">
      <c r="N804703" s="10"/>
    </row>
    <row r="804704" spans="14:14">
      <c r="N804704" s="10"/>
    </row>
    <row r="804705" spans="14:14">
      <c r="N804705" s="10"/>
    </row>
    <row r="804706" spans="14:14">
      <c r="N804706" s="10"/>
    </row>
    <row r="804707" spans="14:14">
      <c r="N804707" s="10"/>
    </row>
    <row r="804708" spans="14:14">
      <c r="N804708" s="10"/>
    </row>
    <row r="804709" spans="14:14">
      <c r="N804709" s="10"/>
    </row>
    <row r="804710" spans="14:14">
      <c r="N804710" s="10"/>
    </row>
    <row r="804711" spans="14:14">
      <c r="N804711" s="10"/>
    </row>
    <row r="804712" spans="14:14">
      <c r="N804712" s="10"/>
    </row>
    <row r="804713" spans="14:14">
      <c r="N804713" s="10"/>
    </row>
    <row r="804714" spans="14:14">
      <c r="N804714" s="10"/>
    </row>
    <row r="804715" spans="14:14">
      <c r="N804715" s="10"/>
    </row>
    <row r="804716" spans="14:14">
      <c r="N804716" s="10"/>
    </row>
    <row r="804717" spans="14:14">
      <c r="N804717" s="10"/>
    </row>
    <row r="804718" spans="14:14">
      <c r="N804718" s="10"/>
    </row>
    <row r="804719" spans="14:14">
      <c r="N804719" s="10"/>
    </row>
    <row r="804720" spans="14:14">
      <c r="N804720" s="10"/>
    </row>
    <row r="804721" spans="14:14">
      <c r="N804721" s="10"/>
    </row>
    <row r="804722" spans="14:14">
      <c r="N804722" s="10"/>
    </row>
    <row r="804723" spans="14:14">
      <c r="N804723" s="10"/>
    </row>
    <row r="804724" spans="14:14">
      <c r="N804724" s="10"/>
    </row>
    <row r="804725" spans="14:14">
      <c r="N804725" s="10"/>
    </row>
    <row r="804726" spans="14:14">
      <c r="N804726" s="10"/>
    </row>
    <row r="804727" spans="14:14">
      <c r="N804727" s="10"/>
    </row>
    <row r="804728" spans="14:14">
      <c r="N804728" s="10"/>
    </row>
    <row r="804729" spans="14:14">
      <c r="N804729" s="10"/>
    </row>
    <row r="804730" spans="14:14">
      <c r="N804730" s="10"/>
    </row>
    <row r="804731" spans="14:14">
      <c r="N804731" s="10"/>
    </row>
    <row r="804732" spans="14:14">
      <c r="N804732" s="10"/>
    </row>
    <row r="804733" spans="14:14">
      <c r="N804733" s="10"/>
    </row>
    <row r="804734" spans="14:14">
      <c r="N804734" s="10"/>
    </row>
    <row r="804735" spans="14:14">
      <c r="N804735" s="10"/>
    </row>
    <row r="804736" spans="14:14">
      <c r="N804736" s="10"/>
    </row>
    <row r="804737" spans="14:14">
      <c r="N804737" s="10"/>
    </row>
    <row r="804738" spans="14:14">
      <c r="N804738" s="10"/>
    </row>
    <row r="804739" spans="14:14">
      <c r="N804739" s="10"/>
    </row>
    <row r="804740" spans="14:14">
      <c r="N804740" s="10"/>
    </row>
    <row r="804741" spans="14:14">
      <c r="N804741" s="10"/>
    </row>
    <row r="804742" spans="14:14">
      <c r="N804742" s="10"/>
    </row>
    <row r="804743" spans="14:14">
      <c r="N804743" s="10"/>
    </row>
    <row r="804744" spans="14:14">
      <c r="N804744" s="10"/>
    </row>
    <row r="804745" spans="14:14">
      <c r="N804745" s="10"/>
    </row>
    <row r="804746" spans="14:14">
      <c r="N804746" s="10"/>
    </row>
    <row r="804747" spans="14:14">
      <c r="N804747" s="10"/>
    </row>
    <row r="804748" spans="14:14">
      <c r="N804748" s="10"/>
    </row>
    <row r="804749" spans="14:14">
      <c r="N804749" s="10"/>
    </row>
    <row r="804750" spans="14:14">
      <c r="N804750" s="10"/>
    </row>
    <row r="804751" spans="14:14">
      <c r="N804751" s="10"/>
    </row>
    <row r="804752" spans="14:14">
      <c r="N804752" s="10"/>
    </row>
    <row r="804753" spans="14:14">
      <c r="N804753" s="10"/>
    </row>
    <row r="804754" spans="14:14">
      <c r="N804754" s="10"/>
    </row>
    <row r="804755" spans="14:14">
      <c r="N804755" s="10"/>
    </row>
    <row r="804756" spans="14:14">
      <c r="N804756" s="10"/>
    </row>
    <row r="804757" spans="14:14">
      <c r="N804757" s="10"/>
    </row>
    <row r="804758" spans="14:14">
      <c r="N804758" s="10"/>
    </row>
    <row r="804759" spans="14:14">
      <c r="N804759" s="10"/>
    </row>
    <row r="804760" spans="14:14">
      <c r="N804760" s="10"/>
    </row>
    <row r="804761" spans="14:14">
      <c r="N804761" s="10"/>
    </row>
    <row r="804762" spans="14:14">
      <c r="N804762" s="10"/>
    </row>
    <row r="804763" spans="14:14">
      <c r="N804763" s="10"/>
    </row>
    <row r="804764" spans="14:14">
      <c r="N804764" s="10"/>
    </row>
    <row r="804765" spans="14:14">
      <c r="N804765" s="10"/>
    </row>
    <row r="804766" spans="14:14">
      <c r="N804766" s="10"/>
    </row>
    <row r="804767" spans="14:14">
      <c r="N804767" s="10"/>
    </row>
    <row r="804768" spans="14:14">
      <c r="N804768" s="10"/>
    </row>
    <row r="804769" spans="14:14">
      <c r="N804769" s="10"/>
    </row>
    <row r="804770" spans="14:14">
      <c r="N804770" s="10"/>
    </row>
    <row r="804771" spans="14:14">
      <c r="N804771" s="10"/>
    </row>
    <row r="804772" spans="14:14">
      <c r="N804772" s="10"/>
    </row>
    <row r="804773" spans="14:14">
      <c r="N804773" s="10"/>
    </row>
    <row r="804774" spans="14:14">
      <c r="N804774" s="10"/>
    </row>
    <row r="804775" spans="14:14">
      <c r="N804775" s="10"/>
    </row>
    <row r="804776" spans="14:14">
      <c r="N804776" s="10"/>
    </row>
    <row r="804777" spans="14:14">
      <c r="N804777" s="10"/>
    </row>
    <row r="804778" spans="14:14">
      <c r="N804778" s="10"/>
    </row>
    <row r="804779" spans="14:14">
      <c r="N804779" s="10"/>
    </row>
    <row r="804780" spans="14:14">
      <c r="N804780" s="10"/>
    </row>
    <row r="804781" spans="14:14">
      <c r="N804781" s="10"/>
    </row>
    <row r="804782" spans="14:14">
      <c r="N804782" s="10"/>
    </row>
    <row r="804783" spans="14:14">
      <c r="N804783" s="10"/>
    </row>
    <row r="804784" spans="14:14">
      <c r="N804784" s="10"/>
    </row>
    <row r="804785" spans="14:14">
      <c r="N804785" s="10"/>
    </row>
    <row r="804786" spans="14:14">
      <c r="N804786" s="10"/>
    </row>
    <row r="804787" spans="14:14">
      <c r="N804787" s="10"/>
    </row>
    <row r="804788" spans="14:14">
      <c r="N804788" s="10"/>
    </row>
    <row r="804789" spans="14:14">
      <c r="N804789" s="10"/>
    </row>
    <row r="804790" spans="14:14">
      <c r="N804790" s="10"/>
    </row>
    <row r="804791" spans="14:14">
      <c r="N804791" s="10"/>
    </row>
    <row r="804792" spans="14:14">
      <c r="N804792" s="10"/>
    </row>
    <row r="804793" spans="14:14">
      <c r="N804793" s="10"/>
    </row>
    <row r="804794" spans="14:14">
      <c r="N804794" s="10"/>
    </row>
    <row r="804795" spans="14:14">
      <c r="N804795" s="10"/>
    </row>
    <row r="804796" spans="14:14">
      <c r="N804796" s="10"/>
    </row>
    <row r="804797" spans="14:14">
      <c r="N804797" s="10"/>
    </row>
    <row r="804798" spans="14:14">
      <c r="N804798" s="10"/>
    </row>
    <row r="804799" spans="14:14">
      <c r="N804799" s="10"/>
    </row>
    <row r="804800" spans="14:14">
      <c r="N804800" s="10"/>
    </row>
    <row r="804801" spans="14:14">
      <c r="N804801" s="10"/>
    </row>
    <row r="804802" spans="14:14">
      <c r="N804802" s="10"/>
    </row>
    <row r="804803" spans="14:14">
      <c r="N804803" s="10"/>
    </row>
    <row r="804804" spans="14:14">
      <c r="N804804" s="10"/>
    </row>
    <row r="804805" spans="14:14">
      <c r="N804805" s="10"/>
    </row>
    <row r="804806" spans="14:14">
      <c r="N804806" s="10"/>
    </row>
    <row r="804807" spans="14:14">
      <c r="N804807" s="10"/>
    </row>
    <row r="804808" spans="14:14">
      <c r="N804808" s="10"/>
    </row>
    <row r="804809" spans="14:14">
      <c r="N804809" s="10"/>
    </row>
    <row r="804810" spans="14:14">
      <c r="N804810" s="10"/>
    </row>
    <row r="804811" spans="14:14">
      <c r="N804811" s="10"/>
    </row>
    <row r="804812" spans="14:14">
      <c r="N804812" s="10"/>
    </row>
    <row r="804813" spans="14:14">
      <c r="N804813" s="10"/>
    </row>
    <row r="804814" spans="14:14">
      <c r="N804814" s="10"/>
    </row>
    <row r="804815" spans="14:14">
      <c r="N804815" s="10"/>
    </row>
    <row r="804816" spans="14:14">
      <c r="N804816" s="10"/>
    </row>
    <row r="804817" spans="14:14">
      <c r="N804817" s="10"/>
    </row>
    <row r="804818" spans="14:14">
      <c r="N804818" s="10"/>
    </row>
    <row r="804819" spans="14:14">
      <c r="N804819" s="10"/>
    </row>
    <row r="804820" spans="14:14">
      <c r="N804820" s="10"/>
    </row>
    <row r="804821" spans="14:14">
      <c r="N804821" s="10"/>
    </row>
    <row r="804822" spans="14:14">
      <c r="N804822" s="10"/>
    </row>
    <row r="804823" spans="14:14">
      <c r="N804823" s="10"/>
    </row>
    <row r="804824" spans="14:14">
      <c r="N804824" s="10"/>
    </row>
    <row r="804825" spans="14:14">
      <c r="N804825" s="10"/>
    </row>
    <row r="804826" spans="14:14">
      <c r="N804826" s="10"/>
    </row>
    <row r="804827" spans="14:14">
      <c r="N804827" s="10"/>
    </row>
    <row r="804828" spans="14:14">
      <c r="N804828" s="10"/>
    </row>
    <row r="804829" spans="14:14">
      <c r="N804829" s="10"/>
    </row>
    <row r="804830" spans="14:14">
      <c r="N804830" s="10"/>
    </row>
    <row r="804831" spans="14:14">
      <c r="N804831" s="10"/>
    </row>
    <row r="804832" spans="14:14">
      <c r="N804832" s="10"/>
    </row>
    <row r="804833" spans="14:14">
      <c r="N804833" s="10"/>
    </row>
    <row r="804834" spans="14:14">
      <c r="N804834" s="10"/>
    </row>
    <row r="804835" spans="14:14">
      <c r="N804835" s="10"/>
    </row>
    <row r="804836" spans="14:14">
      <c r="N804836" s="10"/>
    </row>
    <row r="804837" spans="14:14">
      <c r="N804837" s="10"/>
    </row>
    <row r="804838" spans="14:14">
      <c r="N804838" s="10"/>
    </row>
    <row r="804839" spans="14:14">
      <c r="N804839" s="10"/>
    </row>
    <row r="804840" spans="14:14">
      <c r="N804840" s="10"/>
    </row>
    <row r="804841" spans="14:14">
      <c r="N804841" s="10"/>
    </row>
    <row r="804842" spans="14:14">
      <c r="N804842" s="10"/>
    </row>
    <row r="804843" spans="14:14">
      <c r="N804843" s="10"/>
    </row>
    <row r="804844" spans="14:14">
      <c r="N804844" s="10"/>
    </row>
    <row r="804845" spans="14:14">
      <c r="N804845" s="10"/>
    </row>
    <row r="804846" spans="14:14">
      <c r="N804846" s="10"/>
    </row>
    <row r="804847" spans="14:14">
      <c r="N804847" s="10"/>
    </row>
    <row r="804848" spans="14:14">
      <c r="N804848" s="10"/>
    </row>
    <row r="804849" spans="14:14">
      <c r="N804849" s="10"/>
    </row>
    <row r="804850" spans="14:14">
      <c r="N804850" s="10"/>
    </row>
    <row r="804851" spans="14:14">
      <c r="N804851" s="10"/>
    </row>
    <row r="804852" spans="14:14">
      <c r="N804852" s="10"/>
    </row>
    <row r="804853" spans="14:14">
      <c r="N804853" s="10"/>
    </row>
    <row r="804854" spans="14:14">
      <c r="N804854" s="10"/>
    </row>
    <row r="804855" spans="14:14">
      <c r="N804855" s="10"/>
    </row>
    <row r="804856" spans="14:14">
      <c r="N804856" s="10"/>
    </row>
    <row r="804857" spans="14:14">
      <c r="N804857" s="10"/>
    </row>
    <row r="804858" spans="14:14">
      <c r="N804858" s="10"/>
    </row>
    <row r="804859" spans="14:14">
      <c r="N804859" s="10"/>
    </row>
    <row r="804860" spans="14:14">
      <c r="N804860" s="10"/>
    </row>
    <row r="804861" spans="14:14">
      <c r="N804861" s="10"/>
    </row>
    <row r="804862" spans="14:14">
      <c r="N804862" s="10"/>
    </row>
    <row r="804863" spans="14:14">
      <c r="N804863" s="10"/>
    </row>
    <row r="804864" spans="14:14">
      <c r="N804864" s="10"/>
    </row>
    <row r="804865" spans="14:14">
      <c r="N804865" s="10"/>
    </row>
    <row r="804866" spans="14:14">
      <c r="N804866" s="10"/>
    </row>
    <row r="804867" spans="14:14">
      <c r="N804867" s="10"/>
    </row>
    <row r="804868" spans="14:14">
      <c r="N804868" s="10"/>
    </row>
    <row r="804869" spans="14:14">
      <c r="N804869" s="10"/>
    </row>
    <row r="804870" spans="14:14">
      <c r="N804870" s="10"/>
    </row>
    <row r="804871" spans="14:14">
      <c r="N804871" s="10"/>
    </row>
    <row r="804872" spans="14:14">
      <c r="N804872" s="10"/>
    </row>
    <row r="804873" spans="14:14">
      <c r="N804873" s="10"/>
    </row>
    <row r="804874" spans="14:14">
      <c r="N804874" s="10"/>
    </row>
    <row r="804875" spans="14:14">
      <c r="N804875" s="10"/>
    </row>
    <row r="804876" spans="14:14">
      <c r="N804876" s="10"/>
    </row>
    <row r="804877" spans="14:14">
      <c r="N804877" s="10"/>
    </row>
    <row r="804878" spans="14:14">
      <c r="N804878" s="10"/>
    </row>
    <row r="804879" spans="14:14">
      <c r="N804879" s="10"/>
    </row>
    <row r="804880" spans="14:14">
      <c r="N804880" s="10"/>
    </row>
    <row r="804881" spans="14:14">
      <c r="N804881" s="10"/>
    </row>
    <row r="804882" spans="14:14">
      <c r="N804882" s="10"/>
    </row>
    <row r="804883" spans="14:14">
      <c r="N804883" s="10"/>
    </row>
    <row r="804884" spans="14:14">
      <c r="N804884" s="10"/>
    </row>
    <row r="804885" spans="14:14">
      <c r="N804885" s="10"/>
    </row>
    <row r="804886" spans="14:14">
      <c r="N804886" s="10"/>
    </row>
    <row r="804887" spans="14:14">
      <c r="N804887" s="10"/>
    </row>
    <row r="804888" spans="14:14">
      <c r="N804888" s="10"/>
    </row>
    <row r="804889" spans="14:14">
      <c r="N804889" s="10"/>
    </row>
    <row r="804890" spans="14:14">
      <c r="N804890" s="10"/>
    </row>
    <row r="804891" spans="14:14">
      <c r="N804891" s="10"/>
    </row>
    <row r="804892" spans="14:14">
      <c r="N804892" s="10"/>
    </row>
    <row r="804893" spans="14:14">
      <c r="N804893" s="10"/>
    </row>
    <row r="804894" spans="14:14">
      <c r="N804894" s="10"/>
    </row>
    <row r="804895" spans="14:14">
      <c r="N804895" s="10"/>
    </row>
    <row r="804896" spans="14:14">
      <c r="N804896" s="10"/>
    </row>
    <row r="804897" spans="14:14">
      <c r="N804897" s="10"/>
    </row>
    <row r="804898" spans="14:14">
      <c r="N804898" s="10"/>
    </row>
    <row r="804899" spans="14:14">
      <c r="N804899" s="10"/>
    </row>
    <row r="804900" spans="14:14">
      <c r="N804900" s="10"/>
    </row>
    <row r="804901" spans="14:14">
      <c r="N804901" s="10"/>
    </row>
    <row r="804902" spans="14:14">
      <c r="N804902" s="10"/>
    </row>
    <row r="804903" spans="14:14">
      <c r="N804903" s="10"/>
    </row>
    <row r="804904" spans="14:14">
      <c r="N804904" s="10"/>
    </row>
    <row r="804905" spans="14:14">
      <c r="N804905" s="10"/>
    </row>
    <row r="804906" spans="14:14">
      <c r="N804906" s="10"/>
    </row>
    <row r="804907" spans="14:14">
      <c r="N804907" s="10"/>
    </row>
    <row r="804908" spans="14:14">
      <c r="N804908" s="10"/>
    </row>
    <row r="804909" spans="14:14">
      <c r="N804909" s="10"/>
    </row>
    <row r="804910" spans="14:14">
      <c r="N804910" s="10"/>
    </row>
    <row r="804911" spans="14:14">
      <c r="N804911" s="10"/>
    </row>
    <row r="804912" spans="14:14">
      <c r="N804912" s="10"/>
    </row>
    <row r="804913" spans="14:14">
      <c r="N804913" s="10"/>
    </row>
    <row r="804914" spans="14:14">
      <c r="N804914" s="10"/>
    </row>
    <row r="804915" spans="14:14">
      <c r="N804915" s="10"/>
    </row>
    <row r="804916" spans="14:14">
      <c r="N804916" s="10"/>
    </row>
    <row r="804917" spans="14:14">
      <c r="N804917" s="10"/>
    </row>
    <row r="804918" spans="14:14">
      <c r="N804918" s="10"/>
    </row>
    <row r="804919" spans="14:14">
      <c r="N804919" s="10"/>
    </row>
    <row r="804920" spans="14:14">
      <c r="N804920" s="10"/>
    </row>
    <row r="804921" spans="14:14">
      <c r="N804921" s="10"/>
    </row>
    <row r="804922" spans="14:14">
      <c r="N804922" s="10"/>
    </row>
    <row r="804923" spans="14:14">
      <c r="N804923" s="10"/>
    </row>
    <row r="804924" spans="14:14">
      <c r="N804924" s="10"/>
    </row>
    <row r="804925" spans="14:14">
      <c r="N804925" s="10"/>
    </row>
    <row r="804926" spans="14:14">
      <c r="N804926" s="10"/>
    </row>
    <row r="804927" spans="14:14">
      <c r="N804927" s="10"/>
    </row>
    <row r="804928" spans="14:14">
      <c r="N804928" s="10"/>
    </row>
    <row r="804929" spans="14:14">
      <c r="N804929" s="10"/>
    </row>
    <row r="804930" spans="14:14">
      <c r="N804930" s="10"/>
    </row>
    <row r="804931" spans="14:14">
      <c r="N804931" s="10"/>
    </row>
    <row r="804932" spans="14:14">
      <c r="N804932" s="10"/>
    </row>
    <row r="804933" spans="14:14">
      <c r="N804933" s="10"/>
    </row>
    <row r="804934" spans="14:14">
      <c r="N804934" s="10"/>
    </row>
    <row r="804935" spans="14:14">
      <c r="N804935" s="10"/>
    </row>
    <row r="804936" spans="14:14">
      <c r="N804936" s="10"/>
    </row>
    <row r="804937" spans="14:14">
      <c r="N804937" s="10"/>
    </row>
    <row r="804938" spans="14:14">
      <c r="N804938" s="10"/>
    </row>
    <row r="804939" spans="14:14">
      <c r="N804939" s="10"/>
    </row>
    <row r="804940" spans="14:14">
      <c r="N804940" s="10"/>
    </row>
    <row r="804941" spans="14:14">
      <c r="N804941" s="10"/>
    </row>
    <row r="804942" spans="14:14">
      <c r="N804942" s="10"/>
    </row>
    <row r="804943" spans="14:14">
      <c r="N804943" s="10"/>
    </row>
    <row r="804944" spans="14:14">
      <c r="N804944" s="10"/>
    </row>
    <row r="804945" spans="14:14">
      <c r="N804945" s="10"/>
    </row>
    <row r="804946" spans="14:14">
      <c r="N804946" s="10"/>
    </row>
    <row r="804947" spans="14:14">
      <c r="N804947" s="10"/>
    </row>
    <row r="804948" spans="14:14">
      <c r="N804948" s="10"/>
    </row>
    <row r="804949" spans="14:14">
      <c r="N804949" s="10"/>
    </row>
    <row r="804950" spans="14:14">
      <c r="N804950" s="10"/>
    </row>
    <row r="804951" spans="14:14">
      <c r="N804951" s="10"/>
    </row>
    <row r="804952" spans="14:14">
      <c r="N804952" s="10"/>
    </row>
    <row r="804953" spans="14:14">
      <c r="N804953" s="10"/>
    </row>
    <row r="804954" spans="14:14">
      <c r="N804954" s="10"/>
    </row>
    <row r="804955" spans="14:14">
      <c r="N804955" s="10"/>
    </row>
    <row r="804956" spans="14:14">
      <c r="N804956" s="10"/>
    </row>
    <row r="804957" spans="14:14">
      <c r="N804957" s="10"/>
    </row>
    <row r="804958" spans="14:14">
      <c r="N804958" s="10"/>
    </row>
    <row r="804959" spans="14:14">
      <c r="N804959" s="10"/>
    </row>
    <row r="804960" spans="14:14">
      <c r="N804960" s="10"/>
    </row>
    <row r="804961" spans="14:14">
      <c r="N804961" s="10"/>
    </row>
    <row r="804962" spans="14:14">
      <c r="N804962" s="10"/>
    </row>
    <row r="804963" spans="14:14">
      <c r="N804963" s="10"/>
    </row>
    <row r="804964" spans="14:14">
      <c r="N804964" s="10"/>
    </row>
    <row r="804965" spans="14:14">
      <c r="N804965" s="10"/>
    </row>
    <row r="804966" spans="14:14">
      <c r="N804966" s="10"/>
    </row>
    <row r="804967" spans="14:14">
      <c r="N804967" s="10"/>
    </row>
    <row r="804968" spans="14:14">
      <c r="N804968" s="10"/>
    </row>
    <row r="804969" spans="14:14">
      <c r="N804969" s="10"/>
    </row>
    <row r="804970" spans="14:14">
      <c r="N804970" s="10"/>
    </row>
    <row r="804971" spans="14:14">
      <c r="N804971" s="10"/>
    </row>
    <row r="804972" spans="14:14">
      <c r="N804972" s="10"/>
    </row>
    <row r="804973" spans="14:14">
      <c r="N804973" s="10"/>
    </row>
    <row r="804974" spans="14:14">
      <c r="N804974" s="10"/>
    </row>
    <row r="804975" spans="14:14">
      <c r="N804975" s="10"/>
    </row>
    <row r="804976" spans="14:14">
      <c r="N804976" s="10"/>
    </row>
    <row r="804977" spans="14:14">
      <c r="N804977" s="10"/>
    </row>
    <row r="804978" spans="14:14">
      <c r="N804978" s="10"/>
    </row>
    <row r="804979" spans="14:14">
      <c r="N804979" s="10"/>
    </row>
    <row r="804980" spans="14:14">
      <c r="N804980" s="10"/>
    </row>
    <row r="804981" spans="14:14">
      <c r="N804981" s="10"/>
    </row>
    <row r="804982" spans="14:14">
      <c r="N804982" s="10"/>
    </row>
    <row r="804983" spans="14:14">
      <c r="N804983" s="10"/>
    </row>
    <row r="804984" spans="14:14">
      <c r="N804984" s="10"/>
    </row>
    <row r="804985" spans="14:14">
      <c r="N804985" s="10"/>
    </row>
    <row r="804986" spans="14:14">
      <c r="N804986" s="10"/>
    </row>
    <row r="804987" spans="14:14">
      <c r="N804987" s="10"/>
    </row>
    <row r="804988" spans="14:14">
      <c r="N804988" s="10"/>
    </row>
    <row r="804989" spans="14:14">
      <c r="N804989" s="10"/>
    </row>
    <row r="804990" spans="14:14">
      <c r="N804990" s="10"/>
    </row>
    <row r="804991" spans="14:14">
      <c r="N804991" s="10"/>
    </row>
    <row r="804992" spans="14:14">
      <c r="N804992" s="10"/>
    </row>
    <row r="804993" spans="14:14">
      <c r="N804993" s="10"/>
    </row>
    <row r="804994" spans="14:14">
      <c r="N804994" s="10"/>
    </row>
    <row r="804995" spans="14:14">
      <c r="N804995" s="10"/>
    </row>
    <row r="804996" spans="14:14">
      <c r="N804996" s="10"/>
    </row>
    <row r="804997" spans="14:14">
      <c r="N804997" s="10"/>
    </row>
    <row r="804998" spans="14:14">
      <c r="N804998" s="10"/>
    </row>
    <row r="804999" spans="14:14">
      <c r="N804999" s="10"/>
    </row>
    <row r="805000" spans="14:14">
      <c r="N805000" s="10"/>
    </row>
    <row r="805001" spans="14:14">
      <c r="N805001" s="10"/>
    </row>
    <row r="805002" spans="14:14">
      <c r="N805002" s="10"/>
    </row>
    <row r="805003" spans="14:14">
      <c r="N805003" s="10"/>
    </row>
    <row r="805004" spans="14:14">
      <c r="N805004" s="10"/>
    </row>
    <row r="805005" spans="14:14">
      <c r="N805005" s="10"/>
    </row>
    <row r="805006" spans="14:14">
      <c r="N805006" s="10"/>
    </row>
    <row r="805007" spans="14:14">
      <c r="N805007" s="10"/>
    </row>
    <row r="805008" spans="14:14">
      <c r="N805008" s="10"/>
    </row>
    <row r="805009" spans="14:14">
      <c r="N805009" s="10"/>
    </row>
    <row r="805010" spans="14:14">
      <c r="N805010" s="10"/>
    </row>
    <row r="805011" spans="14:14">
      <c r="N805011" s="10"/>
    </row>
    <row r="805012" spans="14:14">
      <c r="N805012" s="10"/>
    </row>
    <row r="805013" spans="14:14">
      <c r="N805013" s="10"/>
    </row>
    <row r="805014" spans="14:14">
      <c r="N805014" s="10"/>
    </row>
    <row r="805015" spans="14:14">
      <c r="N805015" s="10"/>
    </row>
    <row r="805016" spans="14:14">
      <c r="N805016" s="10"/>
    </row>
    <row r="805017" spans="14:14">
      <c r="N805017" s="10"/>
    </row>
    <row r="805018" spans="14:14">
      <c r="N805018" s="10"/>
    </row>
    <row r="805019" spans="14:14">
      <c r="N805019" s="10"/>
    </row>
    <row r="805020" spans="14:14">
      <c r="N805020" s="10"/>
    </row>
    <row r="805021" spans="14:14">
      <c r="N805021" s="10"/>
    </row>
    <row r="805022" spans="14:14">
      <c r="N805022" s="10"/>
    </row>
    <row r="805023" spans="14:14">
      <c r="N805023" s="10"/>
    </row>
    <row r="805024" spans="14:14">
      <c r="N805024" s="10"/>
    </row>
    <row r="805025" spans="14:14">
      <c r="N805025" s="10"/>
    </row>
    <row r="805026" spans="14:14">
      <c r="N805026" s="10"/>
    </row>
    <row r="805027" spans="14:14">
      <c r="N805027" s="10"/>
    </row>
    <row r="805028" spans="14:14">
      <c r="N805028" s="10"/>
    </row>
    <row r="805029" spans="14:14">
      <c r="N805029" s="10"/>
    </row>
    <row r="805030" spans="14:14">
      <c r="N805030" s="10"/>
    </row>
    <row r="805031" spans="14:14">
      <c r="N805031" s="10"/>
    </row>
    <row r="805032" spans="14:14">
      <c r="N805032" s="10"/>
    </row>
    <row r="805033" spans="14:14">
      <c r="N805033" s="10"/>
    </row>
    <row r="805034" spans="14:14">
      <c r="N805034" s="10"/>
    </row>
    <row r="805035" spans="14:14">
      <c r="N805035" s="10"/>
    </row>
    <row r="805036" spans="14:14">
      <c r="N805036" s="10"/>
    </row>
    <row r="805037" spans="14:14">
      <c r="N805037" s="10"/>
    </row>
    <row r="805038" spans="14:14">
      <c r="N805038" s="10"/>
    </row>
    <row r="805039" spans="14:14">
      <c r="N805039" s="10"/>
    </row>
    <row r="805040" spans="14:14">
      <c r="N805040" s="10"/>
    </row>
    <row r="805041" spans="14:14">
      <c r="N805041" s="10"/>
    </row>
    <row r="805042" spans="14:14">
      <c r="N805042" s="10"/>
    </row>
    <row r="805043" spans="14:14">
      <c r="N805043" s="10"/>
    </row>
    <row r="805044" spans="14:14">
      <c r="N805044" s="10"/>
    </row>
    <row r="805045" spans="14:14">
      <c r="N805045" s="10"/>
    </row>
    <row r="805046" spans="14:14">
      <c r="N805046" s="10"/>
    </row>
    <row r="805047" spans="14:14">
      <c r="N805047" s="10"/>
    </row>
    <row r="805048" spans="14:14">
      <c r="N805048" s="10"/>
    </row>
    <row r="805049" spans="14:14">
      <c r="N805049" s="10"/>
    </row>
    <row r="805050" spans="14:14">
      <c r="N805050" s="10"/>
    </row>
    <row r="805051" spans="14:14">
      <c r="N805051" s="10"/>
    </row>
    <row r="805052" spans="14:14">
      <c r="N805052" s="10"/>
    </row>
    <row r="805053" spans="14:14">
      <c r="N805053" s="10"/>
    </row>
    <row r="805054" spans="14:14">
      <c r="N805054" s="10"/>
    </row>
    <row r="805055" spans="14:14">
      <c r="N805055" s="10"/>
    </row>
    <row r="805056" spans="14:14">
      <c r="N805056" s="10"/>
    </row>
    <row r="805057" spans="14:14">
      <c r="N805057" s="10"/>
    </row>
    <row r="805058" spans="14:14">
      <c r="N805058" s="10"/>
    </row>
    <row r="805059" spans="14:14">
      <c r="N805059" s="10"/>
    </row>
    <row r="805060" spans="14:14">
      <c r="N805060" s="10"/>
    </row>
    <row r="805061" spans="14:14">
      <c r="N805061" s="10"/>
    </row>
    <row r="805062" spans="14:14">
      <c r="N805062" s="10"/>
    </row>
    <row r="805063" spans="14:14">
      <c r="N805063" s="10"/>
    </row>
    <row r="805064" spans="14:14">
      <c r="N805064" s="10"/>
    </row>
    <row r="805065" spans="14:14">
      <c r="N805065" s="10"/>
    </row>
    <row r="805066" spans="14:14">
      <c r="N805066" s="10"/>
    </row>
    <row r="805067" spans="14:14">
      <c r="N805067" s="10"/>
    </row>
    <row r="805068" spans="14:14">
      <c r="N805068" s="10"/>
    </row>
    <row r="805069" spans="14:14">
      <c r="N805069" s="10"/>
    </row>
    <row r="805070" spans="14:14">
      <c r="N805070" s="10"/>
    </row>
    <row r="805071" spans="14:14">
      <c r="N805071" s="10"/>
    </row>
    <row r="805072" spans="14:14">
      <c r="N805072" s="10"/>
    </row>
    <row r="805073" spans="14:14">
      <c r="N805073" s="10"/>
    </row>
    <row r="805074" spans="14:14">
      <c r="N805074" s="10"/>
    </row>
    <row r="805075" spans="14:14">
      <c r="N805075" s="10"/>
    </row>
    <row r="805076" spans="14:14">
      <c r="N805076" s="10"/>
    </row>
    <row r="805077" spans="14:14">
      <c r="N805077" s="10"/>
    </row>
    <row r="805078" spans="14:14">
      <c r="N805078" s="10"/>
    </row>
    <row r="805079" spans="14:14">
      <c r="N805079" s="10"/>
    </row>
    <row r="805080" spans="14:14">
      <c r="N805080" s="10"/>
    </row>
    <row r="805081" spans="14:14">
      <c r="N805081" s="10"/>
    </row>
    <row r="805082" spans="14:14">
      <c r="N805082" s="10"/>
    </row>
    <row r="805083" spans="14:14">
      <c r="N805083" s="10"/>
    </row>
    <row r="805084" spans="14:14">
      <c r="N805084" s="10"/>
    </row>
    <row r="805085" spans="14:14">
      <c r="N805085" s="10"/>
    </row>
    <row r="805086" spans="14:14">
      <c r="N805086" s="10"/>
    </row>
    <row r="805087" spans="14:14">
      <c r="N805087" s="10"/>
    </row>
    <row r="805088" spans="14:14">
      <c r="N805088" s="10"/>
    </row>
    <row r="805089" spans="14:14">
      <c r="N805089" s="10"/>
    </row>
    <row r="805090" spans="14:14">
      <c r="N805090" s="10"/>
    </row>
    <row r="805091" spans="14:14">
      <c r="N805091" s="10"/>
    </row>
    <row r="805092" spans="14:14">
      <c r="N805092" s="10"/>
    </row>
    <row r="805093" spans="14:14">
      <c r="N805093" s="10"/>
    </row>
    <row r="805094" spans="14:14">
      <c r="N805094" s="10"/>
    </row>
    <row r="805095" spans="14:14">
      <c r="N805095" s="10"/>
    </row>
    <row r="805096" spans="14:14">
      <c r="N805096" s="10"/>
    </row>
    <row r="805097" spans="14:14">
      <c r="N805097" s="10"/>
    </row>
    <row r="805098" spans="14:14">
      <c r="N805098" s="10"/>
    </row>
    <row r="805099" spans="14:14">
      <c r="N805099" s="10"/>
    </row>
    <row r="805100" spans="14:14">
      <c r="N805100" s="10"/>
    </row>
    <row r="805101" spans="14:14">
      <c r="N805101" s="10"/>
    </row>
    <row r="805102" spans="14:14">
      <c r="N805102" s="10"/>
    </row>
    <row r="805103" spans="14:14">
      <c r="N805103" s="10"/>
    </row>
    <row r="805104" spans="14:14">
      <c r="N805104" s="10"/>
    </row>
    <row r="805105" spans="14:14">
      <c r="N805105" s="10"/>
    </row>
    <row r="805106" spans="14:14">
      <c r="N805106" s="10"/>
    </row>
    <row r="805107" spans="14:14">
      <c r="N805107" s="10"/>
    </row>
    <row r="805108" spans="14:14">
      <c r="N805108" s="10"/>
    </row>
    <row r="805109" spans="14:14">
      <c r="N805109" s="10"/>
    </row>
    <row r="805110" spans="14:14">
      <c r="N805110" s="10"/>
    </row>
    <row r="805111" spans="14:14">
      <c r="N805111" s="10"/>
    </row>
    <row r="805112" spans="14:14">
      <c r="N805112" s="10"/>
    </row>
    <row r="805113" spans="14:14">
      <c r="N805113" s="10"/>
    </row>
    <row r="805114" spans="14:14">
      <c r="N805114" s="10"/>
    </row>
    <row r="805115" spans="14:14">
      <c r="N805115" s="10"/>
    </row>
    <row r="805116" spans="14:14">
      <c r="N805116" s="10"/>
    </row>
    <row r="805117" spans="14:14">
      <c r="N805117" s="10"/>
    </row>
    <row r="805118" spans="14:14">
      <c r="N805118" s="10"/>
    </row>
    <row r="805119" spans="14:14">
      <c r="N805119" s="10"/>
    </row>
    <row r="805120" spans="14:14">
      <c r="N805120" s="10"/>
    </row>
    <row r="805121" spans="14:14">
      <c r="N805121" s="10"/>
    </row>
    <row r="805122" spans="14:14">
      <c r="N805122" s="10"/>
    </row>
    <row r="805123" spans="14:14">
      <c r="N805123" s="10"/>
    </row>
    <row r="805124" spans="14:14">
      <c r="N805124" s="10"/>
    </row>
    <row r="805125" spans="14:14">
      <c r="N805125" s="10"/>
    </row>
    <row r="805126" spans="14:14">
      <c r="N805126" s="10"/>
    </row>
    <row r="805127" spans="14:14">
      <c r="N805127" s="10"/>
    </row>
    <row r="805128" spans="14:14">
      <c r="N805128" s="10"/>
    </row>
    <row r="805129" spans="14:14">
      <c r="N805129" s="10"/>
    </row>
    <row r="805130" spans="14:14">
      <c r="N805130" s="10"/>
    </row>
    <row r="805131" spans="14:14">
      <c r="N805131" s="10"/>
    </row>
    <row r="805132" spans="14:14">
      <c r="N805132" s="10"/>
    </row>
    <row r="805133" spans="14:14">
      <c r="N805133" s="10"/>
    </row>
    <row r="805134" spans="14:14">
      <c r="N805134" s="10"/>
    </row>
    <row r="805135" spans="14:14">
      <c r="N805135" s="10"/>
    </row>
    <row r="805136" spans="14:14">
      <c r="N805136" s="10"/>
    </row>
    <row r="805137" spans="14:14">
      <c r="N805137" s="10"/>
    </row>
    <row r="805138" spans="14:14">
      <c r="N805138" s="10"/>
    </row>
    <row r="805139" spans="14:14">
      <c r="N805139" s="10"/>
    </row>
    <row r="805140" spans="14:14">
      <c r="N805140" s="10"/>
    </row>
    <row r="805141" spans="14:14">
      <c r="N805141" s="10"/>
    </row>
    <row r="805142" spans="14:14">
      <c r="N805142" s="10"/>
    </row>
    <row r="805143" spans="14:14">
      <c r="N805143" s="10"/>
    </row>
    <row r="805144" spans="14:14">
      <c r="N805144" s="10"/>
    </row>
    <row r="805145" spans="14:14">
      <c r="N805145" s="10"/>
    </row>
    <row r="805146" spans="14:14">
      <c r="N805146" s="10"/>
    </row>
    <row r="805147" spans="14:14">
      <c r="N805147" s="10"/>
    </row>
    <row r="805148" spans="14:14">
      <c r="N805148" s="10"/>
    </row>
    <row r="805149" spans="14:14">
      <c r="N805149" s="10"/>
    </row>
    <row r="805150" spans="14:14">
      <c r="N805150" s="10"/>
    </row>
    <row r="805151" spans="14:14">
      <c r="N805151" s="10"/>
    </row>
    <row r="805152" spans="14:14">
      <c r="N805152" s="10"/>
    </row>
    <row r="805153" spans="14:14">
      <c r="N805153" s="10"/>
    </row>
    <row r="805154" spans="14:14">
      <c r="N805154" s="10"/>
    </row>
    <row r="805155" spans="14:14">
      <c r="N805155" s="10"/>
    </row>
    <row r="805156" spans="14:14">
      <c r="N805156" s="10"/>
    </row>
    <row r="805157" spans="14:14">
      <c r="N805157" s="10"/>
    </row>
    <row r="805158" spans="14:14">
      <c r="N805158" s="10"/>
    </row>
    <row r="805159" spans="14:14">
      <c r="N805159" s="10"/>
    </row>
    <row r="805160" spans="14:14">
      <c r="N805160" s="10"/>
    </row>
    <row r="805161" spans="14:14">
      <c r="N805161" s="10"/>
    </row>
    <row r="805162" spans="14:14">
      <c r="N805162" s="10"/>
    </row>
    <row r="805163" spans="14:14">
      <c r="N805163" s="10"/>
    </row>
    <row r="805164" spans="14:14">
      <c r="N805164" s="10"/>
    </row>
    <row r="805165" spans="14:14">
      <c r="N805165" s="10"/>
    </row>
    <row r="805166" spans="14:14">
      <c r="N805166" s="10"/>
    </row>
    <row r="805167" spans="14:14">
      <c r="N805167" s="10"/>
    </row>
    <row r="805168" spans="14:14">
      <c r="N805168" s="10"/>
    </row>
    <row r="805169" spans="14:14">
      <c r="N805169" s="10"/>
    </row>
    <row r="805170" spans="14:14">
      <c r="N805170" s="10"/>
    </row>
    <row r="805171" spans="14:14">
      <c r="N805171" s="10"/>
    </row>
    <row r="805172" spans="14:14">
      <c r="N805172" s="10"/>
    </row>
    <row r="805173" spans="14:14">
      <c r="N805173" s="10"/>
    </row>
    <row r="805174" spans="14:14">
      <c r="N805174" s="10"/>
    </row>
    <row r="805175" spans="14:14">
      <c r="N805175" s="10"/>
    </row>
    <row r="805176" spans="14:14">
      <c r="N805176" s="10"/>
    </row>
    <row r="805177" spans="14:14">
      <c r="N805177" s="10"/>
    </row>
    <row r="805178" spans="14:14">
      <c r="N805178" s="10"/>
    </row>
    <row r="805179" spans="14:14">
      <c r="N805179" s="10"/>
    </row>
    <row r="805180" spans="14:14">
      <c r="N805180" s="10"/>
    </row>
    <row r="805181" spans="14:14">
      <c r="N805181" s="10"/>
    </row>
    <row r="805182" spans="14:14">
      <c r="N805182" s="10"/>
    </row>
    <row r="805183" spans="14:14">
      <c r="N805183" s="10"/>
    </row>
    <row r="805184" spans="14:14">
      <c r="N805184" s="10"/>
    </row>
    <row r="805185" spans="14:14">
      <c r="N805185" s="10"/>
    </row>
    <row r="805186" spans="14:14">
      <c r="N805186" s="10"/>
    </row>
    <row r="805187" spans="14:14">
      <c r="N805187" s="10"/>
    </row>
    <row r="805188" spans="14:14">
      <c r="N805188" s="10"/>
    </row>
    <row r="805189" spans="14:14">
      <c r="N805189" s="10"/>
    </row>
    <row r="805190" spans="14:14">
      <c r="N805190" s="10"/>
    </row>
    <row r="805191" spans="14:14">
      <c r="N805191" s="10"/>
    </row>
    <row r="805192" spans="14:14">
      <c r="N805192" s="10"/>
    </row>
    <row r="805193" spans="14:14">
      <c r="N805193" s="10"/>
    </row>
    <row r="805194" spans="14:14">
      <c r="N805194" s="10"/>
    </row>
    <row r="805195" spans="14:14">
      <c r="N805195" s="10"/>
    </row>
    <row r="805196" spans="14:14">
      <c r="N805196" s="10"/>
    </row>
    <row r="805197" spans="14:14">
      <c r="N805197" s="10"/>
    </row>
    <row r="805198" spans="14:14">
      <c r="N805198" s="10"/>
    </row>
    <row r="805199" spans="14:14">
      <c r="N805199" s="10"/>
    </row>
    <row r="805200" spans="14:14">
      <c r="N805200" s="10"/>
    </row>
    <row r="805201" spans="14:14">
      <c r="N805201" s="10"/>
    </row>
    <row r="805202" spans="14:14">
      <c r="N805202" s="10"/>
    </row>
    <row r="805203" spans="14:14">
      <c r="N805203" s="10"/>
    </row>
    <row r="805204" spans="14:14">
      <c r="N805204" s="10"/>
    </row>
    <row r="805205" spans="14:14">
      <c r="N805205" s="10"/>
    </row>
    <row r="805206" spans="14:14">
      <c r="N805206" s="10"/>
    </row>
    <row r="805207" spans="14:14">
      <c r="N805207" s="10"/>
    </row>
    <row r="805208" spans="14:14">
      <c r="N805208" s="10"/>
    </row>
    <row r="805209" spans="14:14">
      <c r="N805209" s="10"/>
    </row>
    <row r="805210" spans="14:14">
      <c r="N805210" s="10"/>
    </row>
    <row r="805211" spans="14:14">
      <c r="N805211" s="10"/>
    </row>
    <row r="805212" spans="14:14">
      <c r="N805212" s="10"/>
    </row>
    <row r="805213" spans="14:14">
      <c r="N805213" s="10"/>
    </row>
    <row r="805214" spans="14:14">
      <c r="N805214" s="10"/>
    </row>
    <row r="805215" spans="14:14">
      <c r="N805215" s="10"/>
    </row>
    <row r="805216" spans="14:14">
      <c r="N805216" s="10"/>
    </row>
    <row r="805217" spans="14:14">
      <c r="N805217" s="10"/>
    </row>
    <row r="805218" spans="14:14">
      <c r="N805218" s="10"/>
    </row>
    <row r="805219" spans="14:14">
      <c r="N805219" s="10"/>
    </row>
    <row r="805220" spans="14:14">
      <c r="N805220" s="10"/>
    </row>
    <row r="805221" spans="14:14">
      <c r="N805221" s="10"/>
    </row>
    <row r="805222" spans="14:14">
      <c r="N805222" s="10"/>
    </row>
    <row r="805223" spans="14:14">
      <c r="N805223" s="10"/>
    </row>
    <row r="805224" spans="14:14">
      <c r="N805224" s="10"/>
    </row>
    <row r="805225" spans="14:14">
      <c r="N805225" s="10"/>
    </row>
    <row r="805226" spans="14:14">
      <c r="N805226" s="10"/>
    </row>
    <row r="805227" spans="14:14">
      <c r="N805227" s="10"/>
    </row>
    <row r="805228" spans="14:14">
      <c r="N805228" s="10"/>
    </row>
    <row r="805229" spans="14:14">
      <c r="N805229" s="10"/>
    </row>
    <row r="805230" spans="14:14">
      <c r="N805230" s="10"/>
    </row>
    <row r="805231" spans="14:14">
      <c r="N805231" s="10"/>
    </row>
    <row r="805232" spans="14:14">
      <c r="N805232" s="10"/>
    </row>
    <row r="805233" spans="14:14">
      <c r="N805233" s="10"/>
    </row>
    <row r="805234" spans="14:14">
      <c r="N805234" s="10"/>
    </row>
    <row r="805235" spans="14:14">
      <c r="N805235" s="10"/>
    </row>
    <row r="805236" spans="14:14">
      <c r="N805236" s="10"/>
    </row>
    <row r="805237" spans="14:14">
      <c r="N805237" s="10"/>
    </row>
    <row r="805238" spans="14:14">
      <c r="N805238" s="10"/>
    </row>
    <row r="805239" spans="14:14">
      <c r="N805239" s="10"/>
    </row>
    <row r="805240" spans="14:14">
      <c r="N805240" s="10"/>
    </row>
    <row r="805241" spans="14:14">
      <c r="N805241" s="10"/>
    </row>
    <row r="805242" spans="14:14">
      <c r="N805242" s="10"/>
    </row>
    <row r="805243" spans="14:14">
      <c r="N805243" s="10"/>
    </row>
    <row r="805244" spans="14:14">
      <c r="N805244" s="10"/>
    </row>
    <row r="805245" spans="14:14">
      <c r="N805245" s="10"/>
    </row>
    <row r="805246" spans="14:14">
      <c r="N805246" s="10"/>
    </row>
    <row r="805247" spans="14:14">
      <c r="N805247" s="10"/>
    </row>
    <row r="805248" spans="14:14">
      <c r="N805248" s="10"/>
    </row>
    <row r="805249" spans="14:14">
      <c r="N805249" s="10"/>
    </row>
    <row r="805250" spans="14:14">
      <c r="N805250" s="10"/>
    </row>
    <row r="805251" spans="14:14">
      <c r="N805251" s="10"/>
    </row>
    <row r="805252" spans="14:14">
      <c r="N805252" s="10"/>
    </row>
    <row r="805253" spans="14:14">
      <c r="N805253" s="10"/>
    </row>
    <row r="805254" spans="14:14">
      <c r="N805254" s="10"/>
    </row>
    <row r="805255" spans="14:14">
      <c r="N805255" s="10"/>
    </row>
    <row r="805256" spans="14:14">
      <c r="N805256" s="10"/>
    </row>
    <row r="805257" spans="14:14">
      <c r="N805257" s="10"/>
    </row>
    <row r="805258" spans="14:14">
      <c r="N805258" s="10"/>
    </row>
    <row r="805259" spans="14:14">
      <c r="N805259" s="10"/>
    </row>
    <row r="805260" spans="14:14">
      <c r="N805260" s="10"/>
    </row>
    <row r="805261" spans="14:14">
      <c r="N805261" s="10"/>
    </row>
    <row r="805262" spans="14:14">
      <c r="N805262" s="10"/>
    </row>
    <row r="805263" spans="14:14">
      <c r="N805263" s="10"/>
    </row>
    <row r="805264" spans="14:14">
      <c r="N805264" s="10"/>
    </row>
    <row r="805265" spans="14:14">
      <c r="N805265" s="10"/>
    </row>
    <row r="805266" spans="14:14">
      <c r="N805266" s="10"/>
    </row>
    <row r="805267" spans="14:14">
      <c r="N805267" s="10"/>
    </row>
    <row r="805268" spans="14:14">
      <c r="N805268" s="10"/>
    </row>
    <row r="805269" spans="14:14">
      <c r="N805269" s="10"/>
    </row>
    <row r="805270" spans="14:14">
      <c r="N805270" s="10"/>
    </row>
    <row r="805271" spans="14:14">
      <c r="N805271" s="10"/>
    </row>
    <row r="805272" spans="14:14">
      <c r="N805272" s="10"/>
    </row>
    <row r="805273" spans="14:14">
      <c r="N805273" s="10"/>
    </row>
    <row r="805274" spans="14:14">
      <c r="N805274" s="10"/>
    </row>
    <row r="805275" spans="14:14">
      <c r="N805275" s="10"/>
    </row>
    <row r="805276" spans="14:14">
      <c r="N805276" s="10"/>
    </row>
    <row r="805277" spans="14:14">
      <c r="N805277" s="10"/>
    </row>
    <row r="805278" spans="14:14">
      <c r="N805278" s="10"/>
    </row>
    <row r="805279" spans="14:14">
      <c r="N805279" s="10"/>
    </row>
    <row r="805280" spans="14:14">
      <c r="N805280" s="10"/>
    </row>
    <row r="805281" spans="14:14">
      <c r="N805281" s="10"/>
    </row>
    <row r="805282" spans="14:14">
      <c r="N805282" s="10"/>
    </row>
    <row r="805283" spans="14:14">
      <c r="N805283" s="10"/>
    </row>
    <row r="805284" spans="14:14">
      <c r="N805284" s="10"/>
    </row>
    <row r="805285" spans="14:14">
      <c r="N805285" s="10"/>
    </row>
    <row r="805286" spans="14:14">
      <c r="N805286" s="10"/>
    </row>
    <row r="805287" spans="14:14">
      <c r="N805287" s="10"/>
    </row>
    <row r="805288" spans="14:14">
      <c r="N805288" s="10"/>
    </row>
    <row r="805289" spans="14:14">
      <c r="N805289" s="10"/>
    </row>
    <row r="805290" spans="14:14">
      <c r="N805290" s="10"/>
    </row>
    <row r="805291" spans="14:14">
      <c r="N805291" s="10"/>
    </row>
    <row r="805292" spans="14:14">
      <c r="N805292" s="10"/>
    </row>
    <row r="805293" spans="14:14">
      <c r="N805293" s="10"/>
    </row>
    <row r="805294" spans="14:14">
      <c r="N805294" s="10"/>
    </row>
    <row r="805295" spans="14:14">
      <c r="N805295" s="10"/>
    </row>
    <row r="805296" spans="14:14">
      <c r="N805296" s="10"/>
    </row>
    <row r="805297" spans="14:14">
      <c r="N805297" s="10"/>
    </row>
    <row r="805298" spans="14:14">
      <c r="N805298" s="10"/>
    </row>
    <row r="805299" spans="14:14">
      <c r="N805299" s="10"/>
    </row>
    <row r="805300" spans="14:14">
      <c r="N805300" s="10"/>
    </row>
    <row r="805301" spans="14:14">
      <c r="N805301" s="10"/>
    </row>
    <row r="805302" spans="14:14">
      <c r="N805302" s="10"/>
    </row>
    <row r="805303" spans="14:14">
      <c r="N805303" s="10"/>
    </row>
    <row r="805304" spans="14:14">
      <c r="N805304" s="10"/>
    </row>
    <row r="805305" spans="14:14">
      <c r="N805305" s="10"/>
    </row>
    <row r="805306" spans="14:14">
      <c r="N805306" s="10"/>
    </row>
    <row r="805307" spans="14:14">
      <c r="N805307" s="10"/>
    </row>
    <row r="805308" spans="14:14">
      <c r="N805308" s="10"/>
    </row>
    <row r="805309" spans="14:14">
      <c r="N805309" s="10"/>
    </row>
    <row r="805310" spans="14:14">
      <c r="N805310" s="10"/>
    </row>
    <row r="805311" spans="14:14">
      <c r="N805311" s="10"/>
    </row>
    <row r="805312" spans="14:14">
      <c r="N805312" s="10"/>
    </row>
    <row r="805313" spans="14:14">
      <c r="N805313" s="10"/>
    </row>
    <row r="805314" spans="14:14">
      <c r="N805314" s="10"/>
    </row>
    <row r="805315" spans="14:14">
      <c r="N805315" s="10"/>
    </row>
    <row r="805316" spans="14:14">
      <c r="N805316" s="10"/>
    </row>
    <row r="805317" spans="14:14">
      <c r="N805317" s="10"/>
    </row>
    <row r="805318" spans="14:14">
      <c r="N805318" s="10"/>
    </row>
    <row r="805319" spans="14:14">
      <c r="N805319" s="10"/>
    </row>
    <row r="805320" spans="14:14">
      <c r="N805320" s="10"/>
    </row>
    <row r="805321" spans="14:14">
      <c r="N805321" s="10"/>
    </row>
    <row r="805322" spans="14:14">
      <c r="N805322" s="10"/>
    </row>
    <row r="805323" spans="14:14">
      <c r="N805323" s="10"/>
    </row>
    <row r="805324" spans="14:14">
      <c r="N805324" s="10"/>
    </row>
    <row r="805325" spans="14:14">
      <c r="N805325" s="10"/>
    </row>
    <row r="805326" spans="14:14">
      <c r="N805326" s="10"/>
    </row>
    <row r="805327" spans="14:14">
      <c r="N805327" s="10"/>
    </row>
    <row r="805328" spans="14:14">
      <c r="N805328" s="10"/>
    </row>
    <row r="805329" spans="14:14">
      <c r="N805329" s="10"/>
    </row>
    <row r="805330" spans="14:14">
      <c r="N805330" s="10"/>
    </row>
    <row r="805331" spans="14:14">
      <c r="N805331" s="10"/>
    </row>
    <row r="805332" spans="14:14">
      <c r="N805332" s="10"/>
    </row>
    <row r="805333" spans="14:14">
      <c r="N805333" s="10"/>
    </row>
    <row r="805334" spans="14:14">
      <c r="N805334" s="10"/>
    </row>
    <row r="805335" spans="14:14">
      <c r="N805335" s="10"/>
    </row>
    <row r="805336" spans="14:14">
      <c r="N805336" s="10"/>
    </row>
    <row r="805337" spans="14:14">
      <c r="N805337" s="10"/>
    </row>
    <row r="805338" spans="14:14">
      <c r="N805338" s="10"/>
    </row>
    <row r="805339" spans="14:14">
      <c r="N805339" s="10"/>
    </row>
    <row r="805340" spans="14:14">
      <c r="N805340" s="10"/>
    </row>
    <row r="805341" spans="14:14">
      <c r="N805341" s="10"/>
    </row>
    <row r="805342" spans="14:14">
      <c r="N805342" s="10"/>
    </row>
    <row r="805343" spans="14:14">
      <c r="N805343" s="10"/>
    </row>
    <row r="805344" spans="14:14">
      <c r="N805344" s="10"/>
    </row>
    <row r="805345" spans="14:14">
      <c r="N805345" s="10"/>
    </row>
    <row r="805346" spans="14:14">
      <c r="N805346" s="10"/>
    </row>
    <row r="805347" spans="14:14">
      <c r="N805347" s="10"/>
    </row>
    <row r="805348" spans="14:14">
      <c r="N805348" s="10"/>
    </row>
    <row r="805349" spans="14:14">
      <c r="N805349" s="10"/>
    </row>
    <row r="805350" spans="14:14">
      <c r="N805350" s="10"/>
    </row>
    <row r="805351" spans="14:14">
      <c r="N805351" s="10"/>
    </row>
    <row r="805352" spans="14:14">
      <c r="N805352" s="10"/>
    </row>
    <row r="805353" spans="14:14">
      <c r="N805353" s="10"/>
    </row>
    <row r="805354" spans="14:14">
      <c r="N805354" s="10"/>
    </row>
    <row r="805355" spans="14:14">
      <c r="N805355" s="10"/>
    </row>
    <row r="805356" spans="14:14">
      <c r="N805356" s="10"/>
    </row>
    <row r="805357" spans="14:14">
      <c r="N805357" s="10"/>
    </row>
    <row r="805358" spans="14:14">
      <c r="N805358" s="10"/>
    </row>
    <row r="805359" spans="14:14">
      <c r="N805359" s="10"/>
    </row>
    <row r="805360" spans="14:14">
      <c r="N805360" s="10"/>
    </row>
    <row r="805361" spans="14:14">
      <c r="N805361" s="10"/>
    </row>
    <row r="805362" spans="14:14">
      <c r="N805362" s="10"/>
    </row>
    <row r="805363" spans="14:14">
      <c r="N805363" s="10"/>
    </row>
    <row r="805364" spans="14:14">
      <c r="N805364" s="10"/>
    </row>
    <row r="805365" spans="14:14">
      <c r="N805365" s="10"/>
    </row>
    <row r="805366" spans="14:14">
      <c r="N805366" s="10"/>
    </row>
    <row r="805367" spans="14:14">
      <c r="N805367" s="10"/>
    </row>
    <row r="805368" spans="14:14">
      <c r="N805368" s="10"/>
    </row>
    <row r="805369" spans="14:14">
      <c r="N805369" s="10"/>
    </row>
    <row r="805370" spans="14:14">
      <c r="N805370" s="10"/>
    </row>
    <row r="805371" spans="14:14">
      <c r="N805371" s="10"/>
    </row>
    <row r="805372" spans="14:14">
      <c r="N805372" s="10"/>
    </row>
    <row r="805373" spans="14:14">
      <c r="N805373" s="10"/>
    </row>
    <row r="805374" spans="14:14">
      <c r="N805374" s="10"/>
    </row>
    <row r="805375" spans="14:14">
      <c r="N805375" s="10"/>
    </row>
    <row r="805376" spans="14:14">
      <c r="N805376" s="10"/>
    </row>
    <row r="805377" spans="14:14">
      <c r="N805377" s="10"/>
    </row>
    <row r="805378" spans="14:14">
      <c r="N805378" s="10"/>
    </row>
    <row r="805379" spans="14:14">
      <c r="N805379" s="10"/>
    </row>
    <row r="805380" spans="14:14">
      <c r="N805380" s="10"/>
    </row>
    <row r="805381" spans="14:14">
      <c r="N805381" s="10"/>
    </row>
    <row r="805382" spans="14:14">
      <c r="N805382" s="10"/>
    </row>
    <row r="805383" spans="14:14">
      <c r="N805383" s="10"/>
    </row>
    <row r="805384" spans="14:14">
      <c r="N805384" s="10"/>
    </row>
    <row r="805385" spans="14:14">
      <c r="N805385" s="10"/>
    </row>
    <row r="805386" spans="14:14">
      <c r="N805386" s="10"/>
    </row>
    <row r="805387" spans="14:14">
      <c r="N805387" s="10"/>
    </row>
    <row r="805388" spans="14:14">
      <c r="N805388" s="10"/>
    </row>
    <row r="805389" spans="14:14">
      <c r="N805389" s="10"/>
    </row>
    <row r="805390" spans="14:14">
      <c r="N805390" s="10"/>
    </row>
    <row r="805391" spans="14:14">
      <c r="N805391" s="10"/>
    </row>
    <row r="805392" spans="14:14">
      <c r="N805392" s="10"/>
    </row>
    <row r="805393" spans="14:14">
      <c r="N805393" s="10"/>
    </row>
    <row r="805394" spans="14:14">
      <c r="N805394" s="10"/>
    </row>
    <row r="805395" spans="14:14">
      <c r="N805395" s="10"/>
    </row>
    <row r="805396" spans="14:14">
      <c r="N805396" s="10"/>
    </row>
    <row r="805397" spans="14:14">
      <c r="N805397" s="10"/>
    </row>
    <row r="805398" spans="14:14">
      <c r="N805398" s="10"/>
    </row>
    <row r="805399" spans="14:14">
      <c r="N805399" s="10"/>
    </row>
    <row r="805400" spans="14:14">
      <c r="N805400" s="10"/>
    </row>
    <row r="805401" spans="14:14">
      <c r="N805401" s="10"/>
    </row>
    <row r="805402" spans="14:14">
      <c r="N805402" s="10"/>
    </row>
    <row r="805403" spans="14:14">
      <c r="N805403" s="10"/>
    </row>
    <row r="805404" spans="14:14">
      <c r="N805404" s="10"/>
    </row>
    <row r="805405" spans="14:14">
      <c r="N805405" s="10"/>
    </row>
    <row r="805406" spans="14:14">
      <c r="N805406" s="10"/>
    </row>
    <row r="805407" spans="14:14">
      <c r="N805407" s="10"/>
    </row>
    <row r="805408" spans="14:14">
      <c r="N805408" s="10"/>
    </row>
    <row r="805409" spans="14:14">
      <c r="N805409" s="10"/>
    </row>
    <row r="805410" spans="14:14">
      <c r="N805410" s="10"/>
    </row>
    <row r="805411" spans="14:14">
      <c r="N805411" s="10"/>
    </row>
    <row r="805412" spans="14:14">
      <c r="N805412" s="10"/>
    </row>
    <row r="805413" spans="14:14">
      <c r="N805413" s="10"/>
    </row>
    <row r="805414" spans="14:14">
      <c r="N805414" s="10"/>
    </row>
    <row r="805415" spans="14:14">
      <c r="N805415" s="10"/>
    </row>
    <row r="805416" spans="14:14">
      <c r="N805416" s="10"/>
    </row>
    <row r="805417" spans="14:14">
      <c r="N805417" s="10"/>
    </row>
    <row r="805418" spans="14:14">
      <c r="N805418" s="10"/>
    </row>
    <row r="805419" spans="14:14">
      <c r="N805419" s="10"/>
    </row>
    <row r="805420" spans="14:14">
      <c r="N805420" s="10"/>
    </row>
    <row r="805421" spans="14:14">
      <c r="N805421" s="10"/>
    </row>
    <row r="805422" spans="14:14">
      <c r="N805422" s="10"/>
    </row>
    <row r="805423" spans="14:14">
      <c r="N805423" s="10"/>
    </row>
    <row r="805424" spans="14:14">
      <c r="N805424" s="10"/>
    </row>
    <row r="805425" spans="14:14">
      <c r="N805425" s="10"/>
    </row>
    <row r="805426" spans="14:14">
      <c r="N805426" s="10"/>
    </row>
    <row r="805427" spans="14:14">
      <c r="N805427" s="10"/>
    </row>
    <row r="805428" spans="14:14">
      <c r="N805428" s="10"/>
    </row>
    <row r="805429" spans="14:14">
      <c r="N805429" s="10"/>
    </row>
    <row r="805430" spans="14:14">
      <c r="N805430" s="10"/>
    </row>
    <row r="805431" spans="14:14">
      <c r="N805431" s="10"/>
    </row>
    <row r="805432" spans="14:14">
      <c r="N805432" s="10"/>
    </row>
    <row r="805433" spans="14:14">
      <c r="N805433" s="10"/>
    </row>
    <row r="805434" spans="14:14">
      <c r="N805434" s="10"/>
    </row>
    <row r="805435" spans="14:14">
      <c r="N805435" s="10"/>
    </row>
    <row r="805436" spans="14:14">
      <c r="N805436" s="10"/>
    </row>
    <row r="805437" spans="14:14">
      <c r="N805437" s="10"/>
    </row>
    <row r="805438" spans="14:14">
      <c r="N805438" s="10"/>
    </row>
    <row r="805439" spans="14:14">
      <c r="N805439" s="10"/>
    </row>
    <row r="805440" spans="14:14">
      <c r="N805440" s="10"/>
    </row>
    <row r="805441" spans="14:14">
      <c r="N805441" s="10"/>
    </row>
    <row r="805442" spans="14:14">
      <c r="N805442" s="10"/>
    </row>
    <row r="805443" spans="14:14">
      <c r="N805443" s="10"/>
    </row>
    <row r="805444" spans="14:14">
      <c r="N805444" s="10"/>
    </row>
    <row r="805445" spans="14:14">
      <c r="N805445" s="10"/>
    </row>
    <row r="805446" spans="14:14">
      <c r="N805446" s="10"/>
    </row>
    <row r="805447" spans="14:14">
      <c r="N805447" s="10"/>
    </row>
    <row r="805448" spans="14:14">
      <c r="N805448" s="10"/>
    </row>
    <row r="805449" spans="14:14">
      <c r="N805449" s="10"/>
    </row>
    <row r="805450" spans="14:14">
      <c r="N805450" s="10"/>
    </row>
    <row r="805451" spans="14:14">
      <c r="N805451" s="10"/>
    </row>
    <row r="805452" spans="14:14">
      <c r="N805452" s="10"/>
    </row>
    <row r="805453" spans="14:14">
      <c r="N805453" s="10"/>
    </row>
    <row r="805454" spans="14:14">
      <c r="N805454" s="10"/>
    </row>
    <row r="805455" spans="14:14">
      <c r="N805455" s="10"/>
    </row>
    <row r="805456" spans="14:14">
      <c r="N805456" s="10"/>
    </row>
    <row r="805457" spans="14:14">
      <c r="N805457" s="10"/>
    </row>
    <row r="805458" spans="14:14">
      <c r="N805458" s="10"/>
    </row>
    <row r="805459" spans="14:14">
      <c r="N805459" s="10"/>
    </row>
    <row r="805460" spans="14:14">
      <c r="N805460" s="10"/>
    </row>
    <row r="805461" spans="14:14">
      <c r="N805461" s="10"/>
    </row>
    <row r="805462" spans="14:14">
      <c r="N805462" s="10"/>
    </row>
    <row r="805463" spans="14:14">
      <c r="N805463" s="10"/>
    </row>
    <row r="805464" spans="14:14">
      <c r="N805464" s="10"/>
    </row>
    <row r="805465" spans="14:14">
      <c r="N805465" s="10"/>
    </row>
    <row r="805466" spans="14:14">
      <c r="N805466" s="10"/>
    </row>
    <row r="805467" spans="14:14">
      <c r="N805467" s="10"/>
    </row>
    <row r="805468" spans="14:14">
      <c r="N805468" s="10"/>
    </row>
    <row r="805469" spans="14:14">
      <c r="N805469" s="10"/>
    </row>
    <row r="805470" spans="14:14">
      <c r="N805470" s="10"/>
    </row>
    <row r="805471" spans="14:14">
      <c r="N805471" s="10"/>
    </row>
    <row r="805472" spans="14:14">
      <c r="N805472" s="10"/>
    </row>
    <row r="805473" spans="14:14">
      <c r="N805473" s="10"/>
    </row>
    <row r="805474" spans="14:14">
      <c r="N805474" s="10"/>
    </row>
    <row r="805475" spans="14:14">
      <c r="N805475" s="10"/>
    </row>
    <row r="805476" spans="14:14">
      <c r="N805476" s="10"/>
    </row>
    <row r="805477" spans="14:14">
      <c r="N805477" s="10"/>
    </row>
    <row r="805478" spans="14:14">
      <c r="N805478" s="10"/>
    </row>
    <row r="805479" spans="14:14">
      <c r="N805479" s="10"/>
    </row>
    <row r="805480" spans="14:14">
      <c r="N805480" s="10"/>
    </row>
    <row r="805481" spans="14:14">
      <c r="N805481" s="10"/>
    </row>
    <row r="805482" spans="14:14">
      <c r="N805482" s="10"/>
    </row>
    <row r="805483" spans="14:14">
      <c r="N805483" s="10"/>
    </row>
    <row r="805484" spans="14:14">
      <c r="N805484" s="10"/>
    </row>
    <row r="805485" spans="14:14">
      <c r="N805485" s="10"/>
    </row>
    <row r="805486" spans="14:14">
      <c r="N805486" s="10"/>
    </row>
    <row r="805487" spans="14:14">
      <c r="N805487" s="10"/>
    </row>
    <row r="805488" spans="14:14">
      <c r="N805488" s="10"/>
    </row>
    <row r="805489" spans="14:14">
      <c r="N805489" s="10"/>
    </row>
    <row r="805490" spans="14:14">
      <c r="N805490" s="10"/>
    </row>
    <row r="805491" spans="14:14">
      <c r="N805491" s="10"/>
    </row>
    <row r="805492" spans="14:14">
      <c r="N805492" s="10"/>
    </row>
    <row r="805493" spans="14:14">
      <c r="N805493" s="10"/>
    </row>
    <row r="805494" spans="14:14">
      <c r="N805494" s="10"/>
    </row>
    <row r="805495" spans="14:14">
      <c r="N805495" s="10"/>
    </row>
    <row r="805496" spans="14:14">
      <c r="N805496" s="10"/>
    </row>
    <row r="805497" spans="14:14">
      <c r="N805497" s="10"/>
    </row>
    <row r="805498" spans="14:14">
      <c r="N805498" s="10"/>
    </row>
    <row r="805499" spans="14:14">
      <c r="N805499" s="10"/>
    </row>
    <row r="805500" spans="14:14">
      <c r="N805500" s="10"/>
    </row>
    <row r="805501" spans="14:14">
      <c r="N805501" s="10"/>
    </row>
    <row r="805502" spans="14:14">
      <c r="N805502" s="10"/>
    </row>
    <row r="805503" spans="14:14">
      <c r="N805503" s="10"/>
    </row>
    <row r="805504" spans="14:14">
      <c r="N805504" s="10"/>
    </row>
    <row r="805505" spans="14:14">
      <c r="N805505" s="10"/>
    </row>
    <row r="805506" spans="14:14">
      <c r="N805506" s="10"/>
    </row>
    <row r="805507" spans="14:14">
      <c r="N805507" s="10"/>
    </row>
    <row r="805508" spans="14:14">
      <c r="N805508" s="10"/>
    </row>
    <row r="805509" spans="14:14">
      <c r="N805509" s="10"/>
    </row>
    <row r="805510" spans="14:14">
      <c r="N805510" s="10"/>
    </row>
    <row r="805511" spans="14:14">
      <c r="N805511" s="10"/>
    </row>
    <row r="805512" spans="14:14">
      <c r="N805512" s="10"/>
    </row>
    <row r="805513" spans="14:14">
      <c r="N805513" s="10"/>
    </row>
    <row r="805514" spans="14:14">
      <c r="N805514" s="10"/>
    </row>
    <row r="805515" spans="14:14">
      <c r="N805515" s="10"/>
    </row>
    <row r="805516" spans="14:14">
      <c r="N805516" s="10"/>
    </row>
    <row r="805517" spans="14:14">
      <c r="N805517" s="10"/>
    </row>
    <row r="805518" spans="14:14">
      <c r="N805518" s="10"/>
    </row>
    <row r="805519" spans="14:14">
      <c r="N805519" s="10"/>
    </row>
    <row r="805520" spans="14:14">
      <c r="N805520" s="10"/>
    </row>
    <row r="805521" spans="14:14">
      <c r="N805521" s="10"/>
    </row>
    <row r="805522" spans="14:14">
      <c r="N805522" s="10"/>
    </row>
    <row r="805523" spans="14:14">
      <c r="N805523" s="10"/>
    </row>
    <row r="805524" spans="14:14">
      <c r="N805524" s="10"/>
    </row>
    <row r="805525" spans="14:14">
      <c r="N805525" s="10"/>
    </row>
    <row r="805526" spans="14:14">
      <c r="N805526" s="10"/>
    </row>
    <row r="805527" spans="14:14">
      <c r="N805527" s="10"/>
    </row>
    <row r="805528" spans="14:14">
      <c r="N805528" s="10"/>
    </row>
    <row r="805529" spans="14:14">
      <c r="N805529" s="10"/>
    </row>
    <row r="805530" spans="14:14">
      <c r="N805530" s="10"/>
    </row>
    <row r="805531" spans="14:14">
      <c r="N805531" s="10"/>
    </row>
    <row r="805532" spans="14:14">
      <c r="N805532" s="10"/>
    </row>
    <row r="805533" spans="14:14">
      <c r="N805533" s="10"/>
    </row>
    <row r="805534" spans="14:14">
      <c r="N805534" s="10"/>
    </row>
    <row r="805535" spans="14:14">
      <c r="N805535" s="10"/>
    </row>
    <row r="805536" spans="14:14">
      <c r="N805536" s="10"/>
    </row>
    <row r="805537" spans="14:14">
      <c r="N805537" s="10"/>
    </row>
    <row r="805538" spans="14:14">
      <c r="N805538" s="10"/>
    </row>
    <row r="805539" spans="14:14">
      <c r="N805539" s="10"/>
    </row>
    <row r="805540" spans="14:14">
      <c r="N805540" s="10"/>
    </row>
    <row r="805541" spans="14:14">
      <c r="N805541" s="10"/>
    </row>
    <row r="805542" spans="14:14">
      <c r="N805542" s="10"/>
    </row>
    <row r="805543" spans="14:14">
      <c r="N805543" s="10"/>
    </row>
    <row r="805544" spans="14:14">
      <c r="N805544" s="10"/>
    </row>
    <row r="805545" spans="14:14">
      <c r="N805545" s="10"/>
    </row>
    <row r="805546" spans="14:14">
      <c r="N805546" s="10"/>
    </row>
    <row r="805547" spans="14:14">
      <c r="N805547" s="10"/>
    </row>
    <row r="805548" spans="14:14">
      <c r="N805548" s="10"/>
    </row>
    <row r="805549" spans="14:14">
      <c r="N805549" s="10"/>
    </row>
    <row r="805550" spans="14:14">
      <c r="N805550" s="10"/>
    </row>
    <row r="805551" spans="14:14">
      <c r="N805551" s="10"/>
    </row>
    <row r="805552" spans="14:14">
      <c r="N805552" s="10"/>
    </row>
    <row r="805553" spans="14:14">
      <c r="N805553" s="10"/>
    </row>
    <row r="805554" spans="14:14">
      <c r="N805554" s="10"/>
    </row>
    <row r="805555" spans="14:14">
      <c r="N805555" s="10"/>
    </row>
    <row r="805556" spans="14:14">
      <c r="N805556" s="10"/>
    </row>
    <row r="805557" spans="14:14">
      <c r="N805557" s="10"/>
    </row>
    <row r="805558" spans="14:14">
      <c r="N805558" s="10"/>
    </row>
    <row r="805559" spans="14:14">
      <c r="N805559" s="10"/>
    </row>
    <row r="805560" spans="14:14">
      <c r="N805560" s="10"/>
    </row>
    <row r="805561" spans="14:14">
      <c r="N805561" s="10"/>
    </row>
    <row r="805562" spans="14:14">
      <c r="N805562" s="10"/>
    </row>
    <row r="805563" spans="14:14">
      <c r="N805563" s="10"/>
    </row>
    <row r="805564" spans="14:14">
      <c r="N805564" s="10"/>
    </row>
    <row r="805565" spans="14:14">
      <c r="N805565" s="10"/>
    </row>
    <row r="805566" spans="14:14">
      <c r="N805566" s="10"/>
    </row>
    <row r="805567" spans="14:14">
      <c r="N805567" s="10"/>
    </row>
    <row r="805568" spans="14:14">
      <c r="N805568" s="10"/>
    </row>
    <row r="805569" spans="14:14">
      <c r="N805569" s="10"/>
    </row>
    <row r="805570" spans="14:14">
      <c r="N805570" s="10"/>
    </row>
    <row r="805571" spans="14:14">
      <c r="N805571" s="10"/>
    </row>
    <row r="805572" spans="14:14">
      <c r="N805572" s="10"/>
    </row>
    <row r="805573" spans="14:14">
      <c r="N805573" s="10"/>
    </row>
    <row r="805574" spans="14:14">
      <c r="N805574" s="10"/>
    </row>
    <row r="805575" spans="14:14">
      <c r="N805575" s="10"/>
    </row>
    <row r="805576" spans="14:14">
      <c r="N805576" s="10"/>
    </row>
    <row r="805577" spans="14:14">
      <c r="N805577" s="10"/>
    </row>
    <row r="805578" spans="14:14">
      <c r="N805578" s="10"/>
    </row>
    <row r="805579" spans="14:14">
      <c r="N805579" s="10"/>
    </row>
    <row r="805580" spans="14:14">
      <c r="N805580" s="10"/>
    </row>
    <row r="805581" spans="14:14">
      <c r="N805581" s="10"/>
    </row>
    <row r="805582" spans="14:14">
      <c r="N805582" s="10"/>
    </row>
    <row r="805583" spans="14:14">
      <c r="N805583" s="10"/>
    </row>
    <row r="805584" spans="14:14">
      <c r="N805584" s="10"/>
    </row>
    <row r="805585" spans="14:14">
      <c r="N805585" s="10"/>
    </row>
    <row r="805586" spans="14:14">
      <c r="N805586" s="10"/>
    </row>
    <row r="805587" spans="14:14">
      <c r="N805587" s="10"/>
    </row>
    <row r="805588" spans="14:14">
      <c r="N805588" s="10"/>
    </row>
    <row r="805589" spans="14:14">
      <c r="N805589" s="10"/>
    </row>
    <row r="805590" spans="14:14">
      <c r="N805590" s="10"/>
    </row>
    <row r="805591" spans="14:14">
      <c r="N805591" s="10"/>
    </row>
    <row r="805592" spans="14:14">
      <c r="N805592" s="10"/>
    </row>
    <row r="805593" spans="14:14">
      <c r="N805593" s="10"/>
    </row>
    <row r="805594" spans="14:14">
      <c r="N805594" s="10"/>
    </row>
    <row r="805595" spans="14:14">
      <c r="N805595" s="10"/>
    </row>
    <row r="805596" spans="14:14">
      <c r="N805596" s="10"/>
    </row>
    <row r="805597" spans="14:14">
      <c r="N805597" s="10"/>
    </row>
    <row r="805598" spans="14:14">
      <c r="N805598" s="10"/>
    </row>
    <row r="805599" spans="14:14">
      <c r="N805599" s="10"/>
    </row>
    <row r="805600" spans="14:14">
      <c r="N805600" s="10"/>
    </row>
    <row r="805601" spans="14:14">
      <c r="N805601" s="10"/>
    </row>
    <row r="805602" spans="14:14">
      <c r="N805602" s="10"/>
    </row>
    <row r="805603" spans="14:14">
      <c r="N805603" s="10"/>
    </row>
    <row r="805604" spans="14:14">
      <c r="N805604" s="10"/>
    </row>
    <row r="805605" spans="14:14">
      <c r="N805605" s="10"/>
    </row>
    <row r="805606" spans="14:14">
      <c r="N805606" s="10"/>
    </row>
    <row r="805607" spans="14:14">
      <c r="N805607" s="10"/>
    </row>
    <row r="805608" spans="14:14">
      <c r="N805608" s="10"/>
    </row>
    <row r="805609" spans="14:14">
      <c r="N805609" s="10"/>
    </row>
    <row r="805610" spans="14:14">
      <c r="N805610" s="10"/>
    </row>
    <row r="805611" spans="14:14">
      <c r="N805611" s="10"/>
    </row>
    <row r="805612" spans="14:14">
      <c r="N805612" s="10"/>
    </row>
    <row r="805613" spans="14:14">
      <c r="N805613" s="10"/>
    </row>
    <row r="805614" spans="14:14">
      <c r="N805614" s="10"/>
    </row>
    <row r="805615" spans="14:14">
      <c r="N805615" s="10"/>
    </row>
    <row r="805616" spans="14:14">
      <c r="N805616" s="10"/>
    </row>
    <row r="805617" spans="14:14">
      <c r="N805617" s="10"/>
    </row>
    <row r="805618" spans="14:14">
      <c r="N805618" s="10"/>
    </row>
    <row r="805619" spans="14:14">
      <c r="N805619" s="10"/>
    </row>
    <row r="805620" spans="14:14">
      <c r="N805620" s="10"/>
    </row>
    <row r="805621" spans="14:14">
      <c r="N805621" s="10"/>
    </row>
    <row r="805622" spans="14:14">
      <c r="N805622" s="10"/>
    </row>
    <row r="805623" spans="14:14">
      <c r="N805623" s="10"/>
    </row>
    <row r="805624" spans="14:14">
      <c r="N805624" s="10"/>
    </row>
    <row r="805625" spans="14:14">
      <c r="N805625" s="10"/>
    </row>
    <row r="805626" spans="14:14">
      <c r="N805626" s="10"/>
    </row>
    <row r="805627" spans="14:14">
      <c r="N805627" s="10"/>
    </row>
    <row r="805628" spans="14:14">
      <c r="N805628" s="10"/>
    </row>
    <row r="805629" spans="14:14">
      <c r="N805629" s="10"/>
    </row>
    <row r="805630" spans="14:14">
      <c r="N805630" s="10"/>
    </row>
    <row r="805631" spans="14:14">
      <c r="N805631" s="10"/>
    </row>
    <row r="805632" spans="14:14">
      <c r="N805632" s="10"/>
    </row>
    <row r="805633" spans="14:14">
      <c r="N805633" s="10"/>
    </row>
    <row r="805634" spans="14:14">
      <c r="N805634" s="10"/>
    </row>
    <row r="805635" spans="14:14">
      <c r="N805635" s="10"/>
    </row>
    <row r="805636" spans="14:14">
      <c r="N805636" s="10"/>
    </row>
    <row r="805637" spans="14:14">
      <c r="N805637" s="10"/>
    </row>
    <row r="805638" spans="14:14">
      <c r="N805638" s="10"/>
    </row>
    <row r="805639" spans="14:14">
      <c r="N805639" s="10"/>
    </row>
    <row r="805640" spans="14:14">
      <c r="N805640" s="10"/>
    </row>
    <row r="805641" spans="14:14">
      <c r="N805641" s="10"/>
    </row>
    <row r="805642" spans="14:14">
      <c r="N805642" s="10"/>
    </row>
    <row r="805643" spans="14:14">
      <c r="N805643" s="10"/>
    </row>
    <row r="805644" spans="14:14">
      <c r="N805644" s="10"/>
    </row>
    <row r="805645" spans="14:14">
      <c r="N805645" s="10"/>
    </row>
    <row r="805646" spans="14:14">
      <c r="N805646" s="10"/>
    </row>
    <row r="805647" spans="14:14">
      <c r="N805647" s="10"/>
    </row>
    <row r="805648" spans="14:14">
      <c r="N805648" s="10"/>
    </row>
    <row r="805649" spans="14:14">
      <c r="N805649" s="10"/>
    </row>
    <row r="805650" spans="14:14">
      <c r="N805650" s="10"/>
    </row>
    <row r="805651" spans="14:14">
      <c r="N805651" s="10"/>
    </row>
    <row r="805652" spans="14:14">
      <c r="N805652" s="10"/>
    </row>
    <row r="805653" spans="14:14">
      <c r="N805653" s="10"/>
    </row>
    <row r="805654" spans="14:14">
      <c r="N805654" s="10"/>
    </row>
    <row r="805655" spans="14:14">
      <c r="N805655" s="10"/>
    </row>
    <row r="805656" spans="14:14">
      <c r="N805656" s="10"/>
    </row>
    <row r="805657" spans="14:14">
      <c r="N805657" s="10"/>
    </row>
    <row r="805658" spans="14:14">
      <c r="N805658" s="10"/>
    </row>
    <row r="805659" spans="14:14">
      <c r="N805659" s="10"/>
    </row>
    <row r="805660" spans="14:14">
      <c r="N805660" s="10"/>
    </row>
    <row r="805661" spans="14:14">
      <c r="N805661" s="10"/>
    </row>
    <row r="805662" spans="14:14">
      <c r="N805662" s="10"/>
    </row>
    <row r="805663" spans="14:14">
      <c r="N805663" s="10"/>
    </row>
    <row r="805664" spans="14:14">
      <c r="N805664" s="10"/>
    </row>
    <row r="805665" spans="14:14">
      <c r="N805665" s="10"/>
    </row>
    <row r="805666" spans="14:14">
      <c r="N805666" s="10"/>
    </row>
    <row r="805667" spans="14:14">
      <c r="N805667" s="10"/>
    </row>
    <row r="805668" spans="14:14">
      <c r="N805668" s="10"/>
    </row>
    <row r="805669" spans="14:14">
      <c r="N805669" s="10"/>
    </row>
    <row r="805670" spans="14:14">
      <c r="N805670" s="10"/>
    </row>
    <row r="805671" spans="14:14">
      <c r="N805671" s="10"/>
    </row>
    <row r="805672" spans="14:14">
      <c r="N805672" s="10"/>
    </row>
    <row r="805673" spans="14:14">
      <c r="N805673" s="10"/>
    </row>
    <row r="805674" spans="14:14">
      <c r="N805674" s="10"/>
    </row>
    <row r="805675" spans="14:14">
      <c r="N805675" s="10"/>
    </row>
    <row r="805676" spans="14:14">
      <c r="N805676" s="10"/>
    </row>
    <row r="805677" spans="14:14">
      <c r="N805677" s="10"/>
    </row>
    <row r="805678" spans="14:14">
      <c r="N805678" s="10"/>
    </row>
    <row r="805679" spans="14:14">
      <c r="N805679" s="10"/>
    </row>
    <row r="805680" spans="14:14">
      <c r="N805680" s="10"/>
    </row>
    <row r="805681" spans="14:14">
      <c r="N805681" s="10"/>
    </row>
    <row r="805682" spans="14:14">
      <c r="N805682" s="10"/>
    </row>
    <row r="805683" spans="14:14">
      <c r="N805683" s="10"/>
    </row>
    <row r="805684" spans="14:14">
      <c r="N805684" s="10"/>
    </row>
    <row r="805685" spans="14:14">
      <c r="N805685" s="10"/>
    </row>
    <row r="805686" spans="14:14">
      <c r="N805686" s="10"/>
    </row>
    <row r="805687" spans="14:14">
      <c r="N805687" s="10"/>
    </row>
    <row r="805688" spans="14:14">
      <c r="N805688" s="10"/>
    </row>
    <row r="805689" spans="14:14">
      <c r="N805689" s="10"/>
    </row>
    <row r="805690" spans="14:14">
      <c r="N805690" s="10"/>
    </row>
    <row r="805691" spans="14:14">
      <c r="N805691" s="10"/>
    </row>
    <row r="805692" spans="14:14">
      <c r="N805692" s="10"/>
    </row>
    <row r="805693" spans="14:14">
      <c r="N805693" s="10"/>
    </row>
    <row r="805694" spans="14:14">
      <c r="N805694" s="10"/>
    </row>
    <row r="805695" spans="14:14">
      <c r="N805695" s="10"/>
    </row>
    <row r="805696" spans="14:14">
      <c r="N805696" s="10"/>
    </row>
    <row r="805697" spans="14:14">
      <c r="N805697" s="10"/>
    </row>
    <row r="805698" spans="14:14">
      <c r="N805698" s="10"/>
    </row>
    <row r="805699" spans="14:14">
      <c r="N805699" s="10"/>
    </row>
    <row r="805700" spans="14:14">
      <c r="N805700" s="10"/>
    </row>
    <row r="805701" spans="14:14">
      <c r="N805701" s="10"/>
    </row>
    <row r="805702" spans="14:14">
      <c r="N805702" s="10"/>
    </row>
    <row r="805703" spans="14:14">
      <c r="N805703" s="10"/>
    </row>
    <row r="805704" spans="14:14">
      <c r="N805704" s="10"/>
    </row>
    <row r="805705" spans="14:14">
      <c r="N805705" s="10"/>
    </row>
    <row r="805706" spans="14:14">
      <c r="N805706" s="10"/>
    </row>
    <row r="805707" spans="14:14">
      <c r="N805707" s="10"/>
    </row>
    <row r="805708" spans="14:14">
      <c r="N805708" s="10"/>
    </row>
    <row r="805709" spans="14:14">
      <c r="N805709" s="10"/>
    </row>
    <row r="805710" spans="14:14">
      <c r="N805710" s="10"/>
    </row>
    <row r="805711" spans="14:14">
      <c r="N805711" s="10"/>
    </row>
    <row r="805712" spans="14:14">
      <c r="N805712" s="10"/>
    </row>
    <row r="805713" spans="14:14">
      <c r="N805713" s="10"/>
    </row>
    <row r="805714" spans="14:14">
      <c r="N805714" s="10"/>
    </row>
    <row r="805715" spans="14:14">
      <c r="N805715" s="10"/>
    </row>
    <row r="805716" spans="14:14">
      <c r="N805716" s="10"/>
    </row>
    <row r="805717" spans="14:14">
      <c r="N805717" s="10"/>
    </row>
    <row r="805718" spans="14:14">
      <c r="N805718" s="10"/>
    </row>
    <row r="805719" spans="14:14">
      <c r="N805719" s="10"/>
    </row>
    <row r="805720" spans="14:14">
      <c r="N805720" s="10"/>
    </row>
    <row r="805721" spans="14:14">
      <c r="N805721" s="10"/>
    </row>
    <row r="805722" spans="14:14">
      <c r="N805722" s="10"/>
    </row>
    <row r="805723" spans="14:14">
      <c r="N805723" s="10"/>
    </row>
    <row r="805724" spans="14:14">
      <c r="N805724" s="10"/>
    </row>
    <row r="805725" spans="14:14">
      <c r="N805725" s="10"/>
    </row>
    <row r="805726" spans="14:14">
      <c r="N805726" s="10"/>
    </row>
    <row r="805727" spans="14:14">
      <c r="N805727" s="10"/>
    </row>
    <row r="805728" spans="14:14">
      <c r="N805728" s="10"/>
    </row>
    <row r="805729" spans="14:14">
      <c r="N805729" s="10"/>
    </row>
    <row r="805730" spans="14:14">
      <c r="N805730" s="10"/>
    </row>
    <row r="805731" spans="14:14">
      <c r="N805731" s="10"/>
    </row>
    <row r="805732" spans="14:14">
      <c r="N805732" s="10"/>
    </row>
    <row r="805733" spans="14:14">
      <c r="N805733" s="10"/>
    </row>
    <row r="805734" spans="14:14">
      <c r="N805734" s="10"/>
    </row>
    <row r="805735" spans="14:14">
      <c r="N805735" s="10"/>
    </row>
    <row r="805736" spans="14:14">
      <c r="N805736" s="10"/>
    </row>
    <row r="805737" spans="14:14">
      <c r="N805737" s="10"/>
    </row>
    <row r="805738" spans="14:14">
      <c r="N805738" s="10"/>
    </row>
    <row r="805739" spans="14:14">
      <c r="N805739" s="10"/>
    </row>
    <row r="805740" spans="14:14">
      <c r="N805740" s="10"/>
    </row>
    <row r="805741" spans="14:14">
      <c r="N805741" s="10"/>
    </row>
    <row r="805742" spans="14:14">
      <c r="N805742" s="10"/>
    </row>
    <row r="805743" spans="14:14">
      <c r="N805743" s="10"/>
    </row>
    <row r="805744" spans="14:14">
      <c r="N805744" s="10"/>
    </row>
    <row r="805745" spans="14:14">
      <c r="N805745" s="10"/>
    </row>
    <row r="805746" spans="14:14">
      <c r="N805746" s="10"/>
    </row>
    <row r="805747" spans="14:14">
      <c r="N805747" s="10"/>
    </row>
    <row r="805748" spans="14:14">
      <c r="N805748" s="10"/>
    </row>
    <row r="805749" spans="14:14">
      <c r="N805749" s="10"/>
    </row>
    <row r="805750" spans="14:14">
      <c r="N805750" s="10"/>
    </row>
    <row r="805751" spans="14:14">
      <c r="N805751" s="10"/>
    </row>
    <row r="805752" spans="14:14">
      <c r="N805752" s="10"/>
    </row>
    <row r="805753" spans="14:14">
      <c r="N805753" s="10"/>
    </row>
    <row r="805754" spans="14:14">
      <c r="N805754" s="10"/>
    </row>
    <row r="805755" spans="14:14">
      <c r="N805755" s="10"/>
    </row>
    <row r="805756" spans="14:14">
      <c r="N805756" s="10"/>
    </row>
    <row r="805757" spans="14:14">
      <c r="N805757" s="10"/>
    </row>
    <row r="805758" spans="14:14">
      <c r="N805758" s="10"/>
    </row>
    <row r="805759" spans="14:14">
      <c r="N805759" s="10"/>
    </row>
    <row r="805760" spans="14:14">
      <c r="N805760" s="10"/>
    </row>
    <row r="805761" spans="14:14">
      <c r="N805761" s="10"/>
    </row>
    <row r="805762" spans="14:14">
      <c r="N805762" s="10"/>
    </row>
    <row r="805763" spans="14:14">
      <c r="N805763" s="10"/>
    </row>
    <row r="805764" spans="14:14">
      <c r="N805764" s="10"/>
    </row>
    <row r="805765" spans="14:14">
      <c r="N805765" s="10"/>
    </row>
    <row r="805766" spans="14:14">
      <c r="N805766" s="10"/>
    </row>
    <row r="805767" spans="14:14">
      <c r="N805767" s="10"/>
    </row>
    <row r="805768" spans="14:14">
      <c r="N805768" s="10"/>
    </row>
    <row r="805769" spans="14:14">
      <c r="N805769" s="10"/>
    </row>
    <row r="805770" spans="14:14">
      <c r="N805770" s="10"/>
    </row>
    <row r="805771" spans="14:14">
      <c r="N805771" s="10"/>
    </row>
    <row r="805772" spans="14:14">
      <c r="N805772" s="10"/>
    </row>
    <row r="805773" spans="14:14">
      <c r="N805773" s="10"/>
    </row>
    <row r="805774" spans="14:14">
      <c r="N805774" s="10"/>
    </row>
    <row r="805775" spans="14:14">
      <c r="N805775" s="10"/>
    </row>
    <row r="805776" spans="14:14">
      <c r="N805776" s="10"/>
    </row>
    <row r="805777" spans="14:14">
      <c r="N805777" s="10"/>
    </row>
    <row r="805778" spans="14:14">
      <c r="N805778" s="10"/>
    </row>
    <row r="805779" spans="14:14">
      <c r="N805779" s="10"/>
    </row>
    <row r="805780" spans="14:14">
      <c r="N805780" s="10"/>
    </row>
    <row r="805781" spans="14:14">
      <c r="N805781" s="10"/>
    </row>
    <row r="805782" spans="14:14">
      <c r="N805782" s="10"/>
    </row>
    <row r="805783" spans="14:14">
      <c r="N805783" s="10"/>
    </row>
    <row r="805784" spans="14:14">
      <c r="N805784" s="10"/>
    </row>
    <row r="805785" spans="14:14">
      <c r="N805785" s="10"/>
    </row>
    <row r="805786" spans="14:14">
      <c r="N805786" s="10"/>
    </row>
    <row r="805787" spans="14:14">
      <c r="N805787" s="10"/>
    </row>
    <row r="805788" spans="14:14">
      <c r="N805788" s="10"/>
    </row>
    <row r="805789" spans="14:14">
      <c r="N805789" s="10"/>
    </row>
    <row r="805790" spans="14:14">
      <c r="N805790" s="10"/>
    </row>
    <row r="805791" spans="14:14">
      <c r="N805791" s="10"/>
    </row>
    <row r="805792" spans="14:14">
      <c r="N805792" s="10"/>
    </row>
    <row r="805793" spans="14:14">
      <c r="N805793" s="10"/>
    </row>
    <row r="805794" spans="14:14">
      <c r="N805794" s="10"/>
    </row>
    <row r="805795" spans="14:14">
      <c r="N805795" s="10"/>
    </row>
    <row r="805796" spans="14:14">
      <c r="N805796" s="10"/>
    </row>
    <row r="805797" spans="14:14">
      <c r="N805797" s="10"/>
    </row>
    <row r="805798" spans="14:14">
      <c r="N805798" s="10"/>
    </row>
    <row r="805799" spans="14:14">
      <c r="N805799" s="10"/>
    </row>
    <row r="805800" spans="14:14">
      <c r="N805800" s="10"/>
    </row>
    <row r="805801" spans="14:14">
      <c r="N805801" s="10"/>
    </row>
    <row r="805802" spans="14:14">
      <c r="N805802" s="10"/>
    </row>
    <row r="805803" spans="14:14">
      <c r="N805803" s="10"/>
    </row>
    <row r="805804" spans="14:14">
      <c r="N805804" s="10"/>
    </row>
    <row r="805805" spans="14:14">
      <c r="N805805" s="10"/>
    </row>
    <row r="805806" spans="14:14">
      <c r="N805806" s="10"/>
    </row>
    <row r="805807" spans="14:14">
      <c r="N805807" s="10"/>
    </row>
    <row r="805808" spans="14:14">
      <c r="N805808" s="10"/>
    </row>
    <row r="805809" spans="14:14">
      <c r="N805809" s="10"/>
    </row>
    <row r="805810" spans="14:14">
      <c r="N805810" s="10"/>
    </row>
    <row r="805811" spans="14:14">
      <c r="N805811" s="10"/>
    </row>
    <row r="805812" spans="14:14">
      <c r="N805812" s="10"/>
    </row>
    <row r="805813" spans="14:14">
      <c r="N805813" s="10"/>
    </row>
    <row r="805814" spans="14:14">
      <c r="N805814" s="10"/>
    </row>
    <row r="805815" spans="14:14">
      <c r="N805815" s="10"/>
    </row>
    <row r="805816" spans="14:14">
      <c r="N805816" s="10"/>
    </row>
    <row r="805817" spans="14:14">
      <c r="N805817" s="10"/>
    </row>
    <row r="805818" spans="14:14">
      <c r="N805818" s="10"/>
    </row>
    <row r="805819" spans="14:14">
      <c r="N805819" s="10"/>
    </row>
    <row r="805820" spans="14:14">
      <c r="N805820" s="10"/>
    </row>
    <row r="805821" spans="14:14">
      <c r="N805821" s="10"/>
    </row>
    <row r="805822" spans="14:14">
      <c r="N805822" s="10"/>
    </row>
    <row r="805823" spans="14:14">
      <c r="N805823" s="10"/>
    </row>
    <row r="805824" spans="14:14">
      <c r="N805824" s="10"/>
    </row>
    <row r="805825" spans="14:14">
      <c r="N805825" s="10"/>
    </row>
    <row r="805826" spans="14:14">
      <c r="N805826" s="10"/>
    </row>
    <row r="805827" spans="14:14">
      <c r="N805827" s="10"/>
    </row>
    <row r="805828" spans="14:14">
      <c r="N805828" s="10"/>
    </row>
    <row r="805829" spans="14:14">
      <c r="N805829" s="10"/>
    </row>
    <row r="805830" spans="14:14">
      <c r="N805830" s="10"/>
    </row>
    <row r="805831" spans="14:14">
      <c r="N805831" s="10"/>
    </row>
    <row r="805832" spans="14:14">
      <c r="N805832" s="10"/>
    </row>
    <row r="805833" spans="14:14">
      <c r="N805833" s="10"/>
    </row>
    <row r="805834" spans="14:14">
      <c r="N805834" s="10"/>
    </row>
    <row r="805835" spans="14:14">
      <c r="N805835" s="10"/>
    </row>
    <row r="805836" spans="14:14">
      <c r="N805836" s="10"/>
    </row>
    <row r="805837" spans="14:14">
      <c r="N805837" s="10"/>
    </row>
    <row r="805838" spans="14:14">
      <c r="N805838" s="10"/>
    </row>
    <row r="805839" spans="14:14">
      <c r="N805839" s="10"/>
    </row>
    <row r="805840" spans="14:14">
      <c r="N805840" s="10"/>
    </row>
    <row r="805841" spans="14:14">
      <c r="N805841" s="10"/>
    </row>
    <row r="805842" spans="14:14">
      <c r="N805842" s="10"/>
    </row>
    <row r="805843" spans="14:14">
      <c r="N805843" s="10"/>
    </row>
    <row r="805844" spans="14:14">
      <c r="N805844" s="10"/>
    </row>
    <row r="805845" spans="14:14">
      <c r="N805845" s="10"/>
    </row>
    <row r="805846" spans="14:14">
      <c r="N805846" s="10"/>
    </row>
    <row r="805847" spans="14:14">
      <c r="N805847" s="10"/>
    </row>
    <row r="805848" spans="14:14">
      <c r="N805848" s="10"/>
    </row>
    <row r="805849" spans="14:14">
      <c r="N805849" s="10"/>
    </row>
    <row r="805850" spans="14:14">
      <c r="N805850" s="10"/>
    </row>
    <row r="805851" spans="14:14">
      <c r="N805851" s="10"/>
    </row>
    <row r="805852" spans="14:14">
      <c r="N805852" s="10"/>
    </row>
    <row r="805853" spans="14:14">
      <c r="N805853" s="10"/>
    </row>
    <row r="805854" spans="14:14">
      <c r="N805854" s="10"/>
    </row>
    <row r="805855" spans="14:14">
      <c r="N805855" s="10"/>
    </row>
    <row r="805856" spans="14:14">
      <c r="N805856" s="10"/>
    </row>
    <row r="805857" spans="14:14">
      <c r="N805857" s="10"/>
    </row>
    <row r="805858" spans="14:14">
      <c r="N805858" s="10"/>
    </row>
    <row r="805859" spans="14:14">
      <c r="N805859" s="10"/>
    </row>
    <row r="805860" spans="14:14">
      <c r="N805860" s="10"/>
    </row>
    <row r="805861" spans="14:14">
      <c r="N805861" s="10"/>
    </row>
    <row r="805862" spans="14:14">
      <c r="N805862" s="10"/>
    </row>
    <row r="805863" spans="14:14">
      <c r="N805863" s="10"/>
    </row>
    <row r="805864" spans="14:14">
      <c r="N805864" s="10"/>
    </row>
    <row r="805865" spans="14:14">
      <c r="N805865" s="10"/>
    </row>
    <row r="805866" spans="14:14">
      <c r="N805866" s="10"/>
    </row>
    <row r="805867" spans="14:14">
      <c r="N805867" s="10"/>
    </row>
    <row r="805868" spans="14:14">
      <c r="N805868" s="10"/>
    </row>
    <row r="805869" spans="14:14">
      <c r="N805869" s="10"/>
    </row>
    <row r="805870" spans="14:14">
      <c r="N805870" s="10"/>
    </row>
    <row r="805871" spans="14:14">
      <c r="N805871" s="10"/>
    </row>
    <row r="805872" spans="14:14">
      <c r="N805872" s="10"/>
    </row>
    <row r="805873" spans="14:14">
      <c r="N805873" s="10"/>
    </row>
    <row r="805874" spans="14:14">
      <c r="N805874" s="10"/>
    </row>
    <row r="805875" spans="14:14">
      <c r="N805875" s="10"/>
    </row>
    <row r="805876" spans="14:14">
      <c r="N805876" s="10"/>
    </row>
    <row r="805877" spans="14:14">
      <c r="N805877" s="10"/>
    </row>
    <row r="805878" spans="14:14">
      <c r="N805878" s="10"/>
    </row>
    <row r="805879" spans="14:14">
      <c r="N805879" s="10"/>
    </row>
    <row r="805880" spans="14:14">
      <c r="N805880" s="10"/>
    </row>
    <row r="805881" spans="14:14">
      <c r="N805881" s="10"/>
    </row>
    <row r="805882" spans="14:14">
      <c r="N805882" s="10"/>
    </row>
    <row r="805883" spans="14:14">
      <c r="N805883" s="10"/>
    </row>
    <row r="805884" spans="14:14">
      <c r="N805884" s="10"/>
    </row>
    <row r="805885" spans="14:14">
      <c r="N805885" s="10"/>
    </row>
    <row r="805886" spans="14:14">
      <c r="N805886" s="10"/>
    </row>
    <row r="805887" spans="14:14">
      <c r="N805887" s="10"/>
    </row>
    <row r="805888" spans="14:14">
      <c r="N805888" s="10"/>
    </row>
    <row r="805889" spans="14:14">
      <c r="N805889" s="10"/>
    </row>
    <row r="805890" spans="14:14">
      <c r="N805890" s="10"/>
    </row>
    <row r="805891" spans="14:14">
      <c r="N805891" s="10"/>
    </row>
    <row r="805892" spans="14:14">
      <c r="N805892" s="10"/>
    </row>
    <row r="805893" spans="14:14">
      <c r="N805893" s="10"/>
    </row>
    <row r="805894" spans="14:14">
      <c r="N805894" s="10"/>
    </row>
    <row r="805895" spans="14:14">
      <c r="N805895" s="10"/>
    </row>
    <row r="805896" spans="14:14">
      <c r="N805896" s="10"/>
    </row>
    <row r="805897" spans="14:14">
      <c r="N805897" s="10"/>
    </row>
    <row r="805898" spans="14:14">
      <c r="N805898" s="10"/>
    </row>
    <row r="805899" spans="14:14">
      <c r="N805899" s="10"/>
    </row>
    <row r="805900" spans="14:14">
      <c r="N805900" s="10"/>
    </row>
    <row r="805901" spans="14:14">
      <c r="N805901" s="10"/>
    </row>
    <row r="805902" spans="14:14">
      <c r="N805902" s="10"/>
    </row>
    <row r="805903" spans="14:14">
      <c r="N805903" s="10"/>
    </row>
    <row r="805904" spans="14:14">
      <c r="N805904" s="10"/>
    </row>
    <row r="805905" spans="14:14">
      <c r="N805905" s="10"/>
    </row>
    <row r="805906" spans="14:14">
      <c r="N805906" s="10"/>
    </row>
    <row r="805907" spans="14:14">
      <c r="N805907" s="10"/>
    </row>
    <row r="805908" spans="14:14">
      <c r="N805908" s="10"/>
    </row>
    <row r="805909" spans="14:14">
      <c r="N805909" s="10"/>
    </row>
    <row r="805910" spans="14:14">
      <c r="N805910" s="10"/>
    </row>
    <row r="805911" spans="14:14">
      <c r="N805911" s="10"/>
    </row>
    <row r="805912" spans="14:14">
      <c r="N805912" s="10"/>
    </row>
    <row r="805913" spans="14:14">
      <c r="N805913" s="10"/>
    </row>
    <row r="805914" spans="14:14">
      <c r="N805914" s="10"/>
    </row>
    <row r="805915" spans="14:14">
      <c r="N805915" s="10"/>
    </row>
    <row r="805916" spans="14:14">
      <c r="N805916" s="10"/>
    </row>
    <row r="805917" spans="14:14">
      <c r="N805917" s="10"/>
    </row>
    <row r="805918" spans="14:14">
      <c r="N805918" s="10"/>
    </row>
    <row r="805919" spans="14:14">
      <c r="N805919" s="10"/>
    </row>
    <row r="805920" spans="14:14">
      <c r="N805920" s="10"/>
    </row>
    <row r="805921" spans="14:14">
      <c r="N805921" s="10"/>
    </row>
    <row r="805922" spans="14:14">
      <c r="N805922" s="10"/>
    </row>
    <row r="805923" spans="14:14">
      <c r="N805923" s="10"/>
    </row>
    <row r="805924" spans="14:14">
      <c r="N805924" s="10"/>
    </row>
    <row r="805925" spans="14:14">
      <c r="N805925" s="10"/>
    </row>
    <row r="805926" spans="14:14">
      <c r="N805926" s="10"/>
    </row>
    <row r="805927" spans="14:14">
      <c r="N805927" s="10"/>
    </row>
    <row r="805928" spans="14:14">
      <c r="N805928" s="10"/>
    </row>
    <row r="805929" spans="14:14">
      <c r="N805929" s="10"/>
    </row>
    <row r="805930" spans="14:14">
      <c r="N805930" s="10"/>
    </row>
    <row r="805931" spans="14:14">
      <c r="N805931" s="10"/>
    </row>
    <row r="805932" spans="14:14">
      <c r="N805932" s="10"/>
    </row>
    <row r="805933" spans="14:14">
      <c r="N805933" s="10"/>
    </row>
    <row r="805934" spans="14:14">
      <c r="N805934" s="10"/>
    </row>
    <row r="805935" spans="14:14">
      <c r="N805935" s="10"/>
    </row>
    <row r="805936" spans="14:14">
      <c r="N805936" s="10"/>
    </row>
    <row r="805937" spans="14:14">
      <c r="N805937" s="10"/>
    </row>
    <row r="805938" spans="14:14">
      <c r="N805938" s="10"/>
    </row>
    <row r="805939" spans="14:14">
      <c r="N805939" s="10"/>
    </row>
    <row r="805940" spans="14:14">
      <c r="N805940" s="10"/>
    </row>
    <row r="805941" spans="14:14">
      <c r="N805941" s="10"/>
    </row>
    <row r="805942" spans="14:14">
      <c r="N805942" s="10"/>
    </row>
    <row r="805943" spans="14:14">
      <c r="N805943" s="10"/>
    </row>
    <row r="805944" spans="14:14">
      <c r="N805944" s="10"/>
    </row>
    <row r="805945" spans="14:14">
      <c r="N805945" s="10"/>
    </row>
    <row r="805946" spans="14:14">
      <c r="N805946" s="10"/>
    </row>
    <row r="805947" spans="14:14">
      <c r="N805947" s="10"/>
    </row>
    <row r="805948" spans="14:14">
      <c r="N805948" s="10"/>
    </row>
    <row r="805949" spans="14:14">
      <c r="N805949" s="10"/>
    </row>
    <row r="805950" spans="14:14">
      <c r="N805950" s="10"/>
    </row>
    <row r="805951" spans="14:14">
      <c r="N805951" s="10"/>
    </row>
    <row r="805952" spans="14:14">
      <c r="N805952" s="10"/>
    </row>
    <row r="805953" spans="14:14">
      <c r="N805953" s="10"/>
    </row>
    <row r="805954" spans="14:14">
      <c r="N805954" s="10"/>
    </row>
    <row r="805955" spans="14:14">
      <c r="N805955" s="10"/>
    </row>
    <row r="805956" spans="14:14">
      <c r="N805956" s="10"/>
    </row>
    <row r="805957" spans="14:14">
      <c r="N805957" s="10"/>
    </row>
    <row r="805958" spans="14:14">
      <c r="N805958" s="10"/>
    </row>
    <row r="805959" spans="14:14">
      <c r="N805959" s="10"/>
    </row>
    <row r="805960" spans="14:14">
      <c r="N805960" s="10"/>
    </row>
    <row r="805961" spans="14:14">
      <c r="N805961" s="10"/>
    </row>
    <row r="805962" spans="14:14">
      <c r="N805962" s="10"/>
    </row>
    <row r="805963" spans="14:14">
      <c r="N805963" s="10"/>
    </row>
    <row r="805964" spans="14:14">
      <c r="N805964" s="10"/>
    </row>
    <row r="805965" spans="14:14">
      <c r="N805965" s="10"/>
    </row>
    <row r="805966" spans="14:14">
      <c r="N805966" s="10"/>
    </row>
    <row r="805967" spans="14:14">
      <c r="N805967" s="10"/>
    </row>
    <row r="805968" spans="14:14">
      <c r="N805968" s="10"/>
    </row>
    <row r="805969" spans="14:14">
      <c r="N805969" s="10"/>
    </row>
    <row r="805970" spans="14:14">
      <c r="N805970" s="10"/>
    </row>
    <row r="805971" spans="14:14">
      <c r="N805971" s="10"/>
    </row>
    <row r="805972" spans="14:14">
      <c r="N805972" s="10"/>
    </row>
    <row r="805973" spans="14:14">
      <c r="N805973" s="10"/>
    </row>
    <row r="805974" spans="14:14">
      <c r="N805974" s="10"/>
    </row>
    <row r="805975" spans="14:14">
      <c r="N805975" s="10"/>
    </row>
    <row r="805976" spans="14:14">
      <c r="N805976" s="10"/>
    </row>
    <row r="805977" spans="14:14">
      <c r="N805977" s="10"/>
    </row>
    <row r="805978" spans="14:14">
      <c r="N805978" s="10"/>
    </row>
    <row r="805979" spans="14:14">
      <c r="N805979" s="10"/>
    </row>
    <row r="805980" spans="14:14">
      <c r="N805980" s="10"/>
    </row>
    <row r="805981" spans="14:14">
      <c r="N805981" s="10"/>
    </row>
    <row r="805982" spans="14:14">
      <c r="N805982" s="10"/>
    </row>
    <row r="805983" spans="14:14">
      <c r="N805983" s="10"/>
    </row>
    <row r="805984" spans="14:14">
      <c r="N805984" s="10"/>
    </row>
    <row r="805985" spans="14:14">
      <c r="N805985" s="10"/>
    </row>
    <row r="805986" spans="14:14">
      <c r="N805986" s="10"/>
    </row>
    <row r="805987" spans="14:14">
      <c r="N805987" s="10"/>
    </row>
    <row r="805988" spans="14:14">
      <c r="N805988" s="10"/>
    </row>
    <row r="805989" spans="14:14">
      <c r="N805989" s="10"/>
    </row>
    <row r="805990" spans="14:14">
      <c r="N805990" s="10"/>
    </row>
    <row r="805991" spans="14:14">
      <c r="N805991" s="10"/>
    </row>
    <row r="805992" spans="14:14">
      <c r="N805992" s="10"/>
    </row>
    <row r="805993" spans="14:14">
      <c r="N805993" s="10"/>
    </row>
    <row r="805994" spans="14:14">
      <c r="N805994" s="10"/>
    </row>
    <row r="805995" spans="14:14">
      <c r="N805995" s="10"/>
    </row>
    <row r="805996" spans="14:14">
      <c r="N805996" s="10"/>
    </row>
    <row r="805997" spans="14:14">
      <c r="N805997" s="10"/>
    </row>
    <row r="805998" spans="14:14">
      <c r="N805998" s="10"/>
    </row>
    <row r="805999" spans="14:14">
      <c r="N805999" s="10"/>
    </row>
    <row r="806000" spans="14:14">
      <c r="N806000" s="10"/>
    </row>
    <row r="806001" spans="14:14">
      <c r="N806001" s="10"/>
    </row>
    <row r="806002" spans="14:14">
      <c r="N806002" s="10"/>
    </row>
    <row r="806003" spans="14:14">
      <c r="N806003" s="10"/>
    </row>
    <row r="806004" spans="14:14">
      <c r="N806004" s="10"/>
    </row>
    <row r="806005" spans="14:14">
      <c r="N806005" s="10"/>
    </row>
    <row r="806006" spans="14:14">
      <c r="N806006" s="10"/>
    </row>
    <row r="806007" spans="14:14">
      <c r="N806007" s="10"/>
    </row>
    <row r="806008" spans="14:14">
      <c r="N806008" s="10"/>
    </row>
    <row r="806009" spans="14:14">
      <c r="N806009" s="10"/>
    </row>
    <row r="806010" spans="14:14">
      <c r="N806010" s="10"/>
    </row>
    <row r="806011" spans="14:14">
      <c r="N806011" s="10"/>
    </row>
    <row r="806012" spans="14:14">
      <c r="N806012" s="10"/>
    </row>
    <row r="806013" spans="14:14">
      <c r="N806013" s="10"/>
    </row>
    <row r="806014" spans="14:14">
      <c r="N806014" s="10"/>
    </row>
    <row r="806015" spans="14:14">
      <c r="N806015" s="10"/>
    </row>
    <row r="806016" spans="14:14">
      <c r="N806016" s="10"/>
    </row>
    <row r="806017" spans="14:14">
      <c r="N806017" s="10"/>
    </row>
    <row r="806018" spans="14:14">
      <c r="N806018" s="10"/>
    </row>
    <row r="806019" spans="14:14">
      <c r="N806019" s="10"/>
    </row>
    <row r="806020" spans="14:14">
      <c r="N806020" s="10"/>
    </row>
    <row r="806021" spans="14:14">
      <c r="N806021" s="10"/>
    </row>
    <row r="806022" spans="14:14">
      <c r="N806022" s="10"/>
    </row>
    <row r="806023" spans="14:14">
      <c r="N806023" s="10"/>
    </row>
    <row r="806024" spans="14:14">
      <c r="N806024" s="10"/>
    </row>
    <row r="806025" spans="14:14">
      <c r="N806025" s="10"/>
    </row>
    <row r="806026" spans="14:14">
      <c r="N806026" s="10"/>
    </row>
    <row r="806027" spans="14:14">
      <c r="N806027" s="10"/>
    </row>
    <row r="806028" spans="14:14">
      <c r="N806028" s="10"/>
    </row>
    <row r="806029" spans="14:14">
      <c r="N806029" s="10"/>
    </row>
    <row r="806030" spans="14:14">
      <c r="N806030" s="10"/>
    </row>
    <row r="806031" spans="14:14">
      <c r="N806031" s="10"/>
    </row>
    <row r="806032" spans="14:14">
      <c r="N806032" s="10"/>
    </row>
    <row r="806033" spans="14:14">
      <c r="N806033" s="10"/>
    </row>
    <row r="806034" spans="14:14">
      <c r="N806034" s="10"/>
    </row>
    <row r="806035" spans="14:14">
      <c r="N806035" s="10"/>
    </row>
    <row r="806036" spans="14:14">
      <c r="N806036" s="10"/>
    </row>
    <row r="806037" spans="14:14">
      <c r="N806037" s="10"/>
    </row>
    <row r="806038" spans="14:14">
      <c r="N806038" s="10"/>
    </row>
    <row r="806039" spans="14:14">
      <c r="N806039" s="10"/>
    </row>
    <row r="806040" spans="14:14">
      <c r="N806040" s="10"/>
    </row>
    <row r="806041" spans="14:14">
      <c r="N806041" s="10"/>
    </row>
    <row r="806042" spans="14:14">
      <c r="N806042" s="10"/>
    </row>
    <row r="806043" spans="14:14">
      <c r="N806043" s="10"/>
    </row>
    <row r="806044" spans="14:14">
      <c r="N806044" s="10"/>
    </row>
    <row r="806045" spans="14:14">
      <c r="N806045" s="10"/>
    </row>
    <row r="806046" spans="14:14">
      <c r="N806046" s="10"/>
    </row>
    <row r="806047" spans="14:14">
      <c r="N806047" s="10"/>
    </row>
    <row r="806048" spans="14:14">
      <c r="N806048" s="10"/>
    </row>
    <row r="806049" spans="14:14">
      <c r="N806049" s="10"/>
    </row>
    <row r="806050" spans="14:14">
      <c r="N806050" s="10"/>
    </row>
    <row r="806051" spans="14:14">
      <c r="N806051" s="10"/>
    </row>
    <row r="806052" spans="14:14">
      <c r="N806052" s="10"/>
    </row>
    <row r="806053" spans="14:14">
      <c r="N806053" s="10"/>
    </row>
    <row r="806054" spans="14:14">
      <c r="N806054" s="10"/>
    </row>
    <row r="806055" spans="14:14">
      <c r="N806055" s="10"/>
    </row>
    <row r="806056" spans="14:14">
      <c r="N806056" s="10"/>
    </row>
    <row r="806057" spans="14:14">
      <c r="N806057" s="10"/>
    </row>
    <row r="806058" spans="14:14">
      <c r="N806058" s="10"/>
    </row>
    <row r="806059" spans="14:14">
      <c r="N806059" s="10"/>
    </row>
    <row r="806060" spans="14:14">
      <c r="N806060" s="10"/>
    </row>
    <row r="806061" spans="14:14">
      <c r="N806061" s="10"/>
    </row>
    <row r="806062" spans="14:14">
      <c r="N806062" s="10"/>
    </row>
    <row r="806063" spans="14:14">
      <c r="N806063" s="10"/>
    </row>
    <row r="806064" spans="14:14">
      <c r="N806064" s="10"/>
    </row>
    <row r="806065" spans="14:14">
      <c r="N806065" s="10"/>
    </row>
    <row r="806066" spans="14:14">
      <c r="N806066" s="10"/>
    </row>
    <row r="806067" spans="14:14">
      <c r="N806067" s="10"/>
    </row>
    <row r="806068" spans="14:14">
      <c r="N806068" s="10"/>
    </row>
    <row r="806069" spans="14:14">
      <c r="N806069" s="10"/>
    </row>
    <row r="806070" spans="14:14">
      <c r="N806070" s="10"/>
    </row>
    <row r="806071" spans="14:14">
      <c r="N806071" s="10"/>
    </row>
    <row r="806072" spans="14:14">
      <c r="N806072" s="10"/>
    </row>
    <row r="806073" spans="14:14">
      <c r="N806073" s="10"/>
    </row>
    <row r="806074" spans="14:14">
      <c r="N806074" s="10"/>
    </row>
    <row r="806075" spans="14:14">
      <c r="N806075" s="10"/>
    </row>
    <row r="806076" spans="14:14">
      <c r="N806076" s="10"/>
    </row>
    <row r="806077" spans="14:14">
      <c r="N806077" s="10"/>
    </row>
    <row r="806078" spans="14:14">
      <c r="N806078" s="10"/>
    </row>
    <row r="806079" spans="14:14">
      <c r="N806079" s="10"/>
    </row>
    <row r="806080" spans="14:14">
      <c r="N806080" s="10"/>
    </row>
    <row r="806081" spans="14:14">
      <c r="N806081" s="10"/>
    </row>
    <row r="806082" spans="14:14">
      <c r="N806082" s="10"/>
    </row>
    <row r="806083" spans="14:14">
      <c r="N806083" s="10"/>
    </row>
    <row r="806084" spans="14:14">
      <c r="N806084" s="10"/>
    </row>
    <row r="806085" spans="14:14">
      <c r="N806085" s="10"/>
    </row>
    <row r="806086" spans="14:14">
      <c r="N806086" s="10"/>
    </row>
    <row r="806087" spans="14:14">
      <c r="N806087" s="10"/>
    </row>
    <row r="806088" spans="14:14">
      <c r="N806088" s="10"/>
    </row>
    <row r="806089" spans="14:14">
      <c r="N806089" s="10"/>
    </row>
    <row r="806090" spans="14:14">
      <c r="N806090" s="10"/>
    </row>
    <row r="806091" spans="14:14">
      <c r="N806091" s="10"/>
    </row>
    <row r="806092" spans="14:14">
      <c r="N806092" s="10"/>
    </row>
    <row r="806093" spans="14:14">
      <c r="N806093" s="10"/>
    </row>
    <row r="806094" spans="14:14">
      <c r="N806094" s="10"/>
    </row>
    <row r="806095" spans="14:14">
      <c r="N806095" s="10"/>
    </row>
    <row r="806096" spans="14:14">
      <c r="N806096" s="10"/>
    </row>
    <row r="806097" spans="14:14">
      <c r="N806097" s="10"/>
    </row>
    <row r="806098" spans="14:14">
      <c r="N806098" s="10"/>
    </row>
    <row r="806099" spans="14:14">
      <c r="N806099" s="10"/>
    </row>
    <row r="806100" spans="14:14">
      <c r="N806100" s="10"/>
    </row>
    <row r="806101" spans="14:14">
      <c r="N806101" s="10"/>
    </row>
    <row r="806102" spans="14:14">
      <c r="N806102" s="10"/>
    </row>
    <row r="806103" spans="14:14">
      <c r="N806103" s="10"/>
    </row>
    <row r="806104" spans="14:14">
      <c r="N806104" s="10"/>
    </row>
    <row r="806105" spans="14:14">
      <c r="N806105" s="10"/>
    </row>
    <row r="806106" spans="14:14">
      <c r="N806106" s="10"/>
    </row>
    <row r="806107" spans="14:14">
      <c r="N806107" s="10"/>
    </row>
    <row r="806108" spans="14:14">
      <c r="N806108" s="10"/>
    </row>
    <row r="806109" spans="14:14">
      <c r="N806109" s="10"/>
    </row>
    <row r="806110" spans="14:14">
      <c r="N806110" s="10"/>
    </row>
    <row r="806111" spans="14:14">
      <c r="N806111" s="10"/>
    </row>
    <row r="806112" spans="14:14">
      <c r="N806112" s="10"/>
    </row>
    <row r="806113" spans="14:14">
      <c r="N806113" s="10"/>
    </row>
    <row r="806114" spans="14:14">
      <c r="N806114" s="10"/>
    </row>
    <row r="806115" spans="14:14">
      <c r="N806115" s="10"/>
    </row>
    <row r="806116" spans="14:14">
      <c r="N806116" s="10"/>
    </row>
    <row r="806117" spans="14:14">
      <c r="N806117" s="10"/>
    </row>
    <row r="806118" spans="14:14">
      <c r="N806118" s="10"/>
    </row>
    <row r="806119" spans="14:14">
      <c r="N806119" s="10"/>
    </row>
    <row r="806120" spans="14:14">
      <c r="N806120" s="10"/>
    </row>
    <row r="806121" spans="14:14">
      <c r="N806121" s="10"/>
    </row>
    <row r="806122" spans="14:14">
      <c r="N806122" s="10"/>
    </row>
    <row r="806123" spans="14:14">
      <c r="N806123" s="10"/>
    </row>
    <row r="806124" spans="14:14">
      <c r="N806124" s="10"/>
    </row>
    <row r="806125" spans="14:14">
      <c r="N806125" s="10"/>
    </row>
    <row r="806126" spans="14:14">
      <c r="N806126" s="10"/>
    </row>
    <row r="806127" spans="14:14">
      <c r="N806127" s="10"/>
    </row>
    <row r="806128" spans="14:14">
      <c r="N806128" s="10"/>
    </row>
    <row r="806129" spans="14:14">
      <c r="N806129" s="10"/>
    </row>
    <row r="806130" spans="14:14">
      <c r="N806130" s="10"/>
    </row>
    <row r="806131" spans="14:14">
      <c r="N806131" s="10"/>
    </row>
    <row r="806132" spans="14:14">
      <c r="N806132" s="10"/>
    </row>
    <row r="806133" spans="14:14">
      <c r="N806133" s="10"/>
    </row>
    <row r="806134" spans="14:14">
      <c r="N806134" s="10"/>
    </row>
    <row r="806135" spans="14:14">
      <c r="N806135" s="10"/>
    </row>
    <row r="806136" spans="14:14">
      <c r="N806136" s="10"/>
    </row>
    <row r="806137" spans="14:14">
      <c r="N806137" s="10"/>
    </row>
    <row r="806138" spans="14:14">
      <c r="N806138" s="10"/>
    </row>
    <row r="806139" spans="14:14">
      <c r="N806139" s="10"/>
    </row>
    <row r="806140" spans="14:14">
      <c r="N806140" s="10"/>
    </row>
    <row r="806141" spans="14:14">
      <c r="N806141" s="10"/>
    </row>
    <row r="806142" spans="14:14">
      <c r="N806142" s="10"/>
    </row>
    <row r="806143" spans="14:14">
      <c r="N806143" s="10"/>
    </row>
    <row r="806144" spans="14:14">
      <c r="N806144" s="10"/>
    </row>
    <row r="806145" spans="14:14">
      <c r="N806145" s="10"/>
    </row>
    <row r="806146" spans="14:14">
      <c r="N806146" s="10"/>
    </row>
    <row r="806147" spans="14:14">
      <c r="N806147" s="10"/>
    </row>
    <row r="806148" spans="14:14">
      <c r="N806148" s="10"/>
    </row>
    <row r="806149" spans="14:14">
      <c r="N806149" s="10"/>
    </row>
    <row r="806150" spans="14:14">
      <c r="N806150" s="10"/>
    </row>
    <row r="806151" spans="14:14">
      <c r="N806151" s="10"/>
    </row>
    <row r="806152" spans="14:14">
      <c r="N806152" s="10"/>
    </row>
    <row r="806153" spans="14:14">
      <c r="N806153" s="10"/>
    </row>
    <row r="806154" spans="14:14">
      <c r="N806154" s="10"/>
    </row>
    <row r="806155" spans="14:14">
      <c r="N806155" s="10"/>
    </row>
    <row r="806156" spans="14:14">
      <c r="N806156" s="10"/>
    </row>
    <row r="806157" spans="14:14">
      <c r="N806157" s="10"/>
    </row>
    <row r="806158" spans="14:14">
      <c r="N806158" s="10"/>
    </row>
    <row r="806159" spans="14:14">
      <c r="N806159" s="10"/>
    </row>
    <row r="806160" spans="14:14">
      <c r="N806160" s="10"/>
    </row>
    <row r="806161" spans="14:14">
      <c r="N806161" s="10"/>
    </row>
    <row r="806162" spans="14:14">
      <c r="N806162" s="10"/>
    </row>
    <row r="806163" spans="14:14">
      <c r="N806163" s="10"/>
    </row>
    <row r="806164" spans="14:14">
      <c r="N806164" s="10"/>
    </row>
    <row r="806165" spans="14:14">
      <c r="N806165" s="10"/>
    </row>
    <row r="806166" spans="14:14">
      <c r="N806166" s="10"/>
    </row>
    <row r="806167" spans="14:14">
      <c r="N806167" s="10"/>
    </row>
    <row r="806168" spans="14:14">
      <c r="N806168" s="10"/>
    </row>
    <row r="806169" spans="14:14">
      <c r="N806169" s="10"/>
    </row>
    <row r="806170" spans="14:14">
      <c r="N806170" s="10"/>
    </row>
    <row r="806171" spans="14:14">
      <c r="N806171" s="10"/>
    </row>
    <row r="806172" spans="14:14">
      <c r="N806172" s="10"/>
    </row>
    <row r="806173" spans="14:14">
      <c r="N806173" s="10"/>
    </row>
    <row r="806174" spans="14:14">
      <c r="N806174" s="10"/>
    </row>
    <row r="806175" spans="14:14">
      <c r="N806175" s="10"/>
    </row>
    <row r="806176" spans="14:14">
      <c r="N806176" s="10"/>
    </row>
    <row r="806177" spans="14:14">
      <c r="N806177" s="10"/>
    </row>
    <row r="806178" spans="14:14">
      <c r="N806178" s="10"/>
    </row>
    <row r="806179" spans="14:14">
      <c r="N806179" s="10"/>
    </row>
    <row r="806180" spans="14:14">
      <c r="N806180" s="10"/>
    </row>
    <row r="806181" spans="14:14">
      <c r="N806181" s="10"/>
    </row>
    <row r="806182" spans="14:14">
      <c r="N806182" s="10"/>
    </row>
    <row r="806183" spans="14:14">
      <c r="N806183" s="10"/>
    </row>
    <row r="806184" spans="14:14">
      <c r="N806184" s="10"/>
    </row>
    <row r="806185" spans="14:14">
      <c r="N806185" s="10"/>
    </row>
    <row r="806186" spans="14:14">
      <c r="N806186" s="10"/>
    </row>
    <row r="806187" spans="14:14">
      <c r="N806187" s="10"/>
    </row>
    <row r="806188" spans="14:14">
      <c r="N806188" s="10"/>
    </row>
    <row r="806189" spans="14:14">
      <c r="N806189" s="10"/>
    </row>
    <row r="806190" spans="14:14">
      <c r="N806190" s="10"/>
    </row>
    <row r="806191" spans="14:14">
      <c r="N806191" s="10"/>
    </row>
    <row r="806192" spans="14:14">
      <c r="N806192" s="10"/>
    </row>
    <row r="806193" spans="14:14">
      <c r="N806193" s="10"/>
    </row>
    <row r="806194" spans="14:14">
      <c r="N806194" s="10"/>
    </row>
    <row r="806195" spans="14:14">
      <c r="N806195" s="10"/>
    </row>
    <row r="806196" spans="14:14">
      <c r="N806196" s="10"/>
    </row>
    <row r="806197" spans="14:14">
      <c r="N806197" s="10"/>
    </row>
    <row r="806198" spans="14:14">
      <c r="N806198" s="10"/>
    </row>
    <row r="806199" spans="14:14">
      <c r="N806199" s="10"/>
    </row>
    <row r="806200" spans="14:14">
      <c r="N806200" s="10"/>
    </row>
    <row r="806201" spans="14:14">
      <c r="N806201" s="10"/>
    </row>
    <row r="806202" spans="14:14">
      <c r="N806202" s="10"/>
    </row>
    <row r="806203" spans="14:14">
      <c r="N806203" s="10"/>
    </row>
    <row r="806204" spans="14:14">
      <c r="N806204" s="10"/>
    </row>
    <row r="806205" spans="14:14">
      <c r="N806205" s="10"/>
    </row>
    <row r="806206" spans="14:14">
      <c r="N806206" s="10"/>
    </row>
    <row r="806207" spans="14:14">
      <c r="N806207" s="10"/>
    </row>
    <row r="806208" spans="14:14">
      <c r="N806208" s="10"/>
    </row>
    <row r="806209" spans="14:14">
      <c r="N806209" s="10"/>
    </row>
    <row r="806210" spans="14:14">
      <c r="N806210" s="10"/>
    </row>
    <row r="806211" spans="14:14">
      <c r="N806211" s="10"/>
    </row>
    <row r="806212" spans="14:14">
      <c r="N806212" s="10"/>
    </row>
    <row r="806213" spans="14:14">
      <c r="N806213" s="10"/>
    </row>
    <row r="806214" spans="14:14">
      <c r="N806214" s="10"/>
    </row>
    <row r="806215" spans="14:14">
      <c r="N806215" s="10"/>
    </row>
    <row r="806216" spans="14:14">
      <c r="N806216" s="10"/>
    </row>
    <row r="806217" spans="14:14">
      <c r="N806217" s="10"/>
    </row>
    <row r="806218" spans="14:14">
      <c r="N806218" s="10"/>
    </row>
    <row r="806219" spans="14:14">
      <c r="N806219" s="10"/>
    </row>
    <row r="806220" spans="14:14">
      <c r="N806220" s="10"/>
    </row>
    <row r="806221" spans="14:14">
      <c r="N806221" s="10"/>
    </row>
    <row r="806222" spans="14:14">
      <c r="N806222" s="10"/>
    </row>
    <row r="806223" spans="14:14">
      <c r="N806223" s="10"/>
    </row>
    <row r="806224" spans="14:14">
      <c r="N806224" s="10"/>
    </row>
    <row r="806225" spans="14:14">
      <c r="N806225" s="10"/>
    </row>
    <row r="806226" spans="14:14">
      <c r="N806226" s="10"/>
    </row>
    <row r="806227" spans="14:14">
      <c r="N806227" s="10"/>
    </row>
    <row r="806228" spans="14:14">
      <c r="N806228" s="10"/>
    </row>
    <row r="806229" spans="14:14">
      <c r="N806229" s="10"/>
    </row>
    <row r="806230" spans="14:14">
      <c r="N806230" s="10"/>
    </row>
    <row r="806231" spans="14:14">
      <c r="N806231" s="10"/>
    </row>
    <row r="806232" spans="14:14">
      <c r="N806232" s="10"/>
    </row>
    <row r="806233" spans="14:14">
      <c r="N806233" s="10"/>
    </row>
    <row r="806234" spans="14:14">
      <c r="N806234" s="10"/>
    </row>
    <row r="806235" spans="14:14">
      <c r="N806235" s="10"/>
    </row>
    <row r="806236" spans="14:14">
      <c r="N806236" s="10"/>
    </row>
    <row r="806237" spans="14:14">
      <c r="N806237" s="10"/>
    </row>
    <row r="806238" spans="14:14">
      <c r="N806238" s="10"/>
    </row>
    <row r="806239" spans="14:14">
      <c r="N806239" s="10"/>
    </row>
    <row r="806240" spans="14:14">
      <c r="N806240" s="10"/>
    </row>
    <row r="806241" spans="14:14">
      <c r="N806241" s="10"/>
    </row>
    <row r="806242" spans="14:14">
      <c r="N806242" s="10"/>
    </row>
    <row r="806243" spans="14:14">
      <c r="N806243" s="10"/>
    </row>
    <row r="806244" spans="14:14">
      <c r="N806244" s="10"/>
    </row>
    <row r="806245" spans="14:14">
      <c r="N806245" s="10"/>
    </row>
    <row r="806246" spans="14:14">
      <c r="N806246" s="10"/>
    </row>
    <row r="806247" spans="14:14">
      <c r="N806247" s="10"/>
    </row>
    <row r="806248" spans="14:14">
      <c r="N806248" s="10"/>
    </row>
    <row r="806249" spans="14:14">
      <c r="N806249" s="10"/>
    </row>
    <row r="806250" spans="14:14">
      <c r="N806250" s="10"/>
    </row>
    <row r="806251" spans="14:14">
      <c r="N806251" s="10"/>
    </row>
    <row r="806252" spans="14:14">
      <c r="N806252" s="10"/>
    </row>
    <row r="806253" spans="14:14">
      <c r="N806253" s="10"/>
    </row>
    <row r="806254" spans="14:14">
      <c r="N806254" s="10"/>
    </row>
    <row r="806255" spans="14:14">
      <c r="N806255" s="10"/>
    </row>
    <row r="806256" spans="14:14">
      <c r="N806256" s="10"/>
    </row>
    <row r="806257" spans="14:14">
      <c r="N806257" s="10"/>
    </row>
    <row r="806258" spans="14:14">
      <c r="N806258" s="10"/>
    </row>
    <row r="806259" spans="14:14">
      <c r="N806259" s="10"/>
    </row>
    <row r="806260" spans="14:14">
      <c r="N806260" s="10"/>
    </row>
    <row r="806261" spans="14:14">
      <c r="N806261" s="10"/>
    </row>
    <row r="806262" spans="14:14">
      <c r="N806262" s="10"/>
    </row>
    <row r="806263" spans="14:14">
      <c r="N806263" s="10"/>
    </row>
    <row r="806264" spans="14:14">
      <c r="N806264" s="10"/>
    </row>
    <row r="806265" spans="14:14">
      <c r="N806265" s="10"/>
    </row>
    <row r="806266" spans="14:14">
      <c r="N806266" s="10"/>
    </row>
    <row r="806267" spans="14:14">
      <c r="N806267" s="10"/>
    </row>
    <row r="806268" spans="14:14">
      <c r="N806268" s="10"/>
    </row>
    <row r="806269" spans="14:14">
      <c r="N806269" s="10"/>
    </row>
    <row r="806270" spans="14:14">
      <c r="N806270" s="10"/>
    </row>
    <row r="806271" spans="14:14">
      <c r="N806271" s="10"/>
    </row>
    <row r="806272" spans="14:14">
      <c r="N806272" s="10"/>
    </row>
    <row r="806273" spans="14:14">
      <c r="N806273" s="10"/>
    </row>
    <row r="806274" spans="14:14">
      <c r="N806274" s="10"/>
    </row>
    <row r="806275" spans="14:14">
      <c r="N806275" s="10"/>
    </row>
    <row r="806276" spans="14:14">
      <c r="N806276" s="10"/>
    </row>
    <row r="806277" spans="14:14">
      <c r="N806277" s="10"/>
    </row>
    <row r="806278" spans="14:14">
      <c r="N806278" s="10"/>
    </row>
    <row r="806279" spans="14:14">
      <c r="N806279" s="10"/>
    </row>
    <row r="806280" spans="14:14">
      <c r="N806280" s="10"/>
    </row>
    <row r="806281" spans="14:14">
      <c r="N806281" s="10"/>
    </row>
    <row r="806282" spans="14:14">
      <c r="N806282" s="10"/>
    </row>
    <row r="806283" spans="14:14">
      <c r="N806283" s="10"/>
    </row>
    <row r="806284" spans="14:14">
      <c r="N806284" s="10"/>
    </row>
    <row r="806285" spans="14:14">
      <c r="N806285" s="10"/>
    </row>
    <row r="806286" spans="14:14">
      <c r="N806286" s="10"/>
    </row>
    <row r="806287" spans="14:14">
      <c r="N806287" s="10"/>
    </row>
    <row r="806288" spans="14:14">
      <c r="N806288" s="10"/>
    </row>
    <row r="806289" spans="14:14">
      <c r="N806289" s="10"/>
    </row>
    <row r="806290" spans="14:14">
      <c r="N806290" s="10"/>
    </row>
    <row r="806291" spans="14:14">
      <c r="N806291" s="10"/>
    </row>
    <row r="806292" spans="14:14">
      <c r="N806292" s="10"/>
    </row>
    <row r="806293" spans="14:14">
      <c r="N806293" s="10"/>
    </row>
    <row r="806294" spans="14:14">
      <c r="N806294" s="10"/>
    </row>
    <row r="806295" spans="14:14">
      <c r="N806295" s="10"/>
    </row>
    <row r="806296" spans="14:14">
      <c r="N806296" s="10"/>
    </row>
    <row r="806297" spans="14:14">
      <c r="N806297" s="10"/>
    </row>
    <row r="806298" spans="14:14">
      <c r="N806298" s="10"/>
    </row>
    <row r="806299" spans="14:14">
      <c r="N806299" s="10"/>
    </row>
    <row r="806300" spans="14:14">
      <c r="N806300" s="10"/>
    </row>
    <row r="806301" spans="14:14">
      <c r="N806301" s="10"/>
    </row>
    <row r="806302" spans="14:14">
      <c r="N806302" s="10"/>
    </row>
    <row r="806303" spans="14:14">
      <c r="N806303" s="10"/>
    </row>
    <row r="806304" spans="14:14">
      <c r="N806304" s="10"/>
    </row>
    <row r="806305" spans="14:14">
      <c r="N806305" s="10"/>
    </row>
    <row r="806306" spans="14:14">
      <c r="N806306" s="10"/>
    </row>
    <row r="806307" spans="14:14">
      <c r="N806307" s="10"/>
    </row>
    <row r="806308" spans="14:14">
      <c r="N806308" s="10"/>
    </row>
    <row r="806309" spans="14:14">
      <c r="N806309" s="10"/>
    </row>
    <row r="806310" spans="14:14">
      <c r="N806310" s="10"/>
    </row>
    <row r="806311" spans="14:14">
      <c r="N806311" s="10"/>
    </row>
    <row r="806312" spans="14:14">
      <c r="N806312" s="10"/>
    </row>
    <row r="806313" spans="14:14">
      <c r="N806313" s="10"/>
    </row>
    <row r="806314" spans="14:14">
      <c r="N806314" s="10"/>
    </row>
    <row r="806315" spans="14:14">
      <c r="N806315" s="10"/>
    </row>
    <row r="806316" spans="14:14">
      <c r="N806316" s="10"/>
    </row>
    <row r="806317" spans="14:14">
      <c r="N806317" s="10"/>
    </row>
    <row r="806318" spans="14:14">
      <c r="N806318" s="10"/>
    </row>
    <row r="806319" spans="14:14">
      <c r="N806319" s="10"/>
    </row>
    <row r="806320" spans="14:14">
      <c r="N806320" s="10"/>
    </row>
    <row r="806321" spans="14:14">
      <c r="N806321" s="10"/>
    </row>
    <row r="806322" spans="14:14">
      <c r="N806322" s="10"/>
    </row>
    <row r="806323" spans="14:14">
      <c r="N806323" s="10"/>
    </row>
    <row r="806324" spans="14:14">
      <c r="N806324" s="10"/>
    </row>
    <row r="806325" spans="14:14">
      <c r="N806325" s="10"/>
    </row>
    <row r="806326" spans="14:14">
      <c r="N806326" s="10"/>
    </row>
    <row r="806327" spans="14:14">
      <c r="N806327" s="10"/>
    </row>
    <row r="806328" spans="14:14">
      <c r="N806328" s="10"/>
    </row>
    <row r="806329" spans="14:14">
      <c r="N806329" s="10"/>
    </row>
    <row r="806330" spans="14:14">
      <c r="N806330" s="10"/>
    </row>
    <row r="806331" spans="14:14">
      <c r="N806331" s="10"/>
    </row>
    <row r="806332" spans="14:14">
      <c r="N806332" s="10"/>
    </row>
    <row r="806333" spans="14:14">
      <c r="N806333" s="10"/>
    </row>
    <row r="806334" spans="14:14">
      <c r="N806334" s="10"/>
    </row>
    <row r="806335" spans="14:14">
      <c r="N806335" s="10"/>
    </row>
    <row r="806336" spans="14:14">
      <c r="N806336" s="10"/>
    </row>
    <row r="806337" spans="14:14">
      <c r="N806337" s="10"/>
    </row>
    <row r="806338" spans="14:14">
      <c r="N806338" s="10"/>
    </row>
    <row r="806339" spans="14:14">
      <c r="N806339" s="10"/>
    </row>
    <row r="806340" spans="14:14">
      <c r="N806340" s="10"/>
    </row>
    <row r="806341" spans="14:14">
      <c r="N806341" s="10"/>
    </row>
    <row r="806342" spans="14:14">
      <c r="N806342" s="10"/>
    </row>
    <row r="806343" spans="14:14">
      <c r="N806343" s="10"/>
    </row>
    <row r="806344" spans="14:14">
      <c r="N806344" s="10"/>
    </row>
    <row r="806345" spans="14:14">
      <c r="N806345" s="10"/>
    </row>
    <row r="806346" spans="14:14">
      <c r="N806346" s="10"/>
    </row>
    <row r="806347" spans="14:14">
      <c r="N806347" s="10"/>
    </row>
    <row r="806348" spans="14:14">
      <c r="N806348" s="10"/>
    </row>
    <row r="806349" spans="14:14">
      <c r="N806349" s="10"/>
    </row>
    <row r="806350" spans="14:14">
      <c r="N806350" s="10"/>
    </row>
    <row r="806351" spans="14:14">
      <c r="N806351" s="10"/>
    </row>
    <row r="806352" spans="14:14">
      <c r="N806352" s="10"/>
    </row>
    <row r="806353" spans="14:14">
      <c r="N806353" s="10"/>
    </row>
    <row r="806354" spans="14:14">
      <c r="N806354" s="10"/>
    </row>
    <row r="806355" spans="14:14">
      <c r="N806355" s="10"/>
    </row>
    <row r="806356" spans="14:14">
      <c r="N806356" s="10"/>
    </row>
    <row r="806357" spans="14:14">
      <c r="N806357" s="10"/>
    </row>
    <row r="806358" spans="14:14">
      <c r="N806358" s="10"/>
    </row>
    <row r="806359" spans="14:14">
      <c r="N806359" s="10"/>
    </row>
    <row r="806360" spans="14:14">
      <c r="N806360" s="10"/>
    </row>
    <row r="806361" spans="14:14">
      <c r="N806361" s="10"/>
    </row>
    <row r="806362" spans="14:14">
      <c r="N806362" s="10"/>
    </row>
    <row r="806363" spans="14:14">
      <c r="N806363" s="10"/>
    </row>
    <row r="806364" spans="14:14">
      <c r="N806364" s="10"/>
    </row>
    <row r="806365" spans="14:14">
      <c r="N806365" s="10"/>
    </row>
    <row r="806366" spans="14:14">
      <c r="N806366" s="10"/>
    </row>
    <row r="806367" spans="14:14">
      <c r="N806367" s="10"/>
    </row>
    <row r="806368" spans="14:14">
      <c r="N806368" s="10"/>
    </row>
    <row r="806369" spans="14:14">
      <c r="N806369" s="10"/>
    </row>
    <row r="806370" spans="14:14">
      <c r="N806370" s="10"/>
    </row>
    <row r="806371" spans="14:14">
      <c r="N806371" s="10"/>
    </row>
    <row r="806372" spans="14:14">
      <c r="N806372" s="10"/>
    </row>
    <row r="806373" spans="14:14">
      <c r="N806373" s="10"/>
    </row>
    <row r="806374" spans="14:14">
      <c r="N806374" s="10"/>
    </row>
    <row r="806375" spans="14:14">
      <c r="N806375" s="10"/>
    </row>
    <row r="806376" spans="14:14">
      <c r="N806376" s="10"/>
    </row>
    <row r="806377" spans="14:14">
      <c r="N806377" s="10"/>
    </row>
    <row r="806378" spans="14:14">
      <c r="N806378" s="10"/>
    </row>
    <row r="806379" spans="14:14">
      <c r="N806379" s="10"/>
    </row>
    <row r="806380" spans="14:14">
      <c r="N806380" s="10"/>
    </row>
    <row r="806381" spans="14:14">
      <c r="N806381" s="10"/>
    </row>
    <row r="806382" spans="14:14">
      <c r="N806382" s="10"/>
    </row>
    <row r="806383" spans="14:14">
      <c r="N806383" s="10"/>
    </row>
    <row r="806384" spans="14:14">
      <c r="N806384" s="10"/>
    </row>
    <row r="806385" spans="14:14">
      <c r="N806385" s="10"/>
    </row>
    <row r="806386" spans="14:14">
      <c r="N806386" s="10"/>
    </row>
    <row r="806387" spans="14:14">
      <c r="N806387" s="10"/>
    </row>
    <row r="806388" spans="14:14">
      <c r="N806388" s="10"/>
    </row>
    <row r="806389" spans="14:14">
      <c r="N806389" s="10"/>
    </row>
    <row r="806390" spans="14:14">
      <c r="N806390" s="10"/>
    </row>
    <row r="806391" spans="14:14">
      <c r="N806391" s="10"/>
    </row>
    <row r="806392" spans="14:14">
      <c r="N806392" s="10"/>
    </row>
    <row r="806393" spans="14:14">
      <c r="N806393" s="10"/>
    </row>
    <row r="806394" spans="14:14">
      <c r="N806394" s="10"/>
    </row>
    <row r="806395" spans="14:14">
      <c r="N806395" s="10"/>
    </row>
    <row r="806396" spans="14:14">
      <c r="N806396" s="10"/>
    </row>
    <row r="806397" spans="14:14">
      <c r="N806397" s="10"/>
    </row>
    <row r="806398" spans="14:14">
      <c r="N806398" s="10"/>
    </row>
    <row r="806399" spans="14:14">
      <c r="N806399" s="10"/>
    </row>
    <row r="806400" spans="14:14">
      <c r="N806400" s="10"/>
    </row>
    <row r="806401" spans="14:14">
      <c r="N806401" s="10"/>
    </row>
    <row r="806402" spans="14:14">
      <c r="N806402" s="10"/>
    </row>
    <row r="806403" spans="14:14">
      <c r="N806403" s="10"/>
    </row>
    <row r="806404" spans="14:14">
      <c r="N806404" s="10"/>
    </row>
    <row r="806405" spans="14:14">
      <c r="N806405" s="10"/>
    </row>
    <row r="806406" spans="14:14">
      <c r="N806406" s="10"/>
    </row>
    <row r="806407" spans="14:14">
      <c r="N806407" s="10"/>
    </row>
    <row r="806408" spans="14:14">
      <c r="N806408" s="10"/>
    </row>
    <row r="806409" spans="14:14">
      <c r="N806409" s="10"/>
    </row>
    <row r="806410" spans="14:14">
      <c r="N806410" s="10"/>
    </row>
    <row r="806411" spans="14:14">
      <c r="N806411" s="10"/>
    </row>
    <row r="806412" spans="14:14">
      <c r="N806412" s="10"/>
    </row>
    <row r="806413" spans="14:14">
      <c r="N806413" s="10"/>
    </row>
    <row r="806414" spans="14:14">
      <c r="N806414" s="10"/>
    </row>
    <row r="806415" spans="14:14">
      <c r="N806415" s="10"/>
    </row>
    <row r="806416" spans="14:14">
      <c r="N806416" s="10"/>
    </row>
    <row r="806417" spans="14:14">
      <c r="N806417" s="10"/>
    </row>
    <row r="806418" spans="14:14">
      <c r="N806418" s="10"/>
    </row>
    <row r="806419" spans="14:14">
      <c r="N806419" s="10"/>
    </row>
    <row r="806420" spans="14:14">
      <c r="N806420" s="10"/>
    </row>
    <row r="806421" spans="14:14">
      <c r="N806421" s="10"/>
    </row>
    <row r="806422" spans="14:14">
      <c r="N806422" s="10"/>
    </row>
    <row r="806423" spans="14:14">
      <c r="N806423" s="10"/>
    </row>
    <row r="806424" spans="14:14">
      <c r="N806424" s="10"/>
    </row>
    <row r="806425" spans="14:14">
      <c r="N806425" s="10"/>
    </row>
    <row r="806426" spans="14:14">
      <c r="N806426" s="10"/>
    </row>
    <row r="806427" spans="14:14">
      <c r="N806427" s="10"/>
    </row>
    <row r="806428" spans="14:14">
      <c r="N806428" s="10"/>
    </row>
    <row r="806429" spans="14:14">
      <c r="N806429" s="10"/>
    </row>
    <row r="806430" spans="14:14">
      <c r="N806430" s="10"/>
    </row>
    <row r="806431" spans="14:14">
      <c r="N806431" s="10"/>
    </row>
    <row r="806432" spans="14:14">
      <c r="N806432" s="10"/>
    </row>
    <row r="806433" spans="14:14">
      <c r="N806433" s="10"/>
    </row>
    <row r="806434" spans="14:14">
      <c r="N806434" s="10"/>
    </row>
    <row r="806435" spans="14:14">
      <c r="N806435" s="10"/>
    </row>
    <row r="806436" spans="14:14">
      <c r="N806436" s="10"/>
    </row>
    <row r="806437" spans="14:14">
      <c r="N806437" s="10"/>
    </row>
    <row r="806438" spans="14:14">
      <c r="N806438" s="10"/>
    </row>
    <row r="806439" spans="14:14">
      <c r="N806439" s="10"/>
    </row>
    <row r="806440" spans="14:14">
      <c r="N806440" s="10"/>
    </row>
    <row r="806441" spans="14:14">
      <c r="N806441" s="10"/>
    </row>
    <row r="806442" spans="14:14">
      <c r="N806442" s="10"/>
    </row>
    <row r="806443" spans="14:14">
      <c r="N806443" s="10"/>
    </row>
    <row r="806444" spans="14:14">
      <c r="N806444" s="10"/>
    </row>
    <row r="806445" spans="14:14">
      <c r="N806445" s="10"/>
    </row>
    <row r="806446" spans="14:14">
      <c r="N806446" s="10"/>
    </row>
    <row r="806447" spans="14:14">
      <c r="N806447" s="10"/>
    </row>
    <row r="806448" spans="14:14">
      <c r="N806448" s="10"/>
    </row>
    <row r="806449" spans="14:14">
      <c r="N806449" s="10"/>
    </row>
    <row r="806450" spans="14:14">
      <c r="N806450" s="10"/>
    </row>
    <row r="806451" spans="14:14">
      <c r="N806451" s="10"/>
    </row>
    <row r="806452" spans="14:14">
      <c r="N806452" s="10"/>
    </row>
    <row r="806453" spans="14:14">
      <c r="N806453" s="10"/>
    </row>
    <row r="806454" spans="14:14">
      <c r="N806454" s="10"/>
    </row>
    <row r="806455" spans="14:14">
      <c r="N806455" s="10"/>
    </row>
    <row r="806456" spans="14:14">
      <c r="N806456" s="10"/>
    </row>
    <row r="806457" spans="14:14">
      <c r="N806457" s="10"/>
    </row>
    <row r="806458" spans="14:14">
      <c r="N806458" s="10"/>
    </row>
    <row r="806459" spans="14:14">
      <c r="N806459" s="10"/>
    </row>
    <row r="806460" spans="14:14">
      <c r="N806460" s="10"/>
    </row>
    <row r="806461" spans="14:14">
      <c r="N806461" s="10"/>
    </row>
    <row r="806462" spans="14:14">
      <c r="N806462" s="10"/>
    </row>
    <row r="806463" spans="14:14">
      <c r="N806463" s="10"/>
    </row>
    <row r="806464" spans="14:14">
      <c r="N806464" s="10"/>
    </row>
    <row r="806465" spans="14:14">
      <c r="N806465" s="10"/>
    </row>
    <row r="806466" spans="14:14">
      <c r="N806466" s="10"/>
    </row>
    <row r="806467" spans="14:14">
      <c r="N806467" s="10"/>
    </row>
    <row r="806468" spans="14:14">
      <c r="N806468" s="10"/>
    </row>
    <row r="806469" spans="14:14">
      <c r="N806469" s="10"/>
    </row>
    <row r="806470" spans="14:14">
      <c r="N806470" s="10"/>
    </row>
    <row r="806471" spans="14:14">
      <c r="N806471" s="10"/>
    </row>
    <row r="806472" spans="14:14">
      <c r="N806472" s="10"/>
    </row>
    <row r="806473" spans="14:14">
      <c r="N806473" s="10"/>
    </row>
    <row r="806474" spans="14:14">
      <c r="N806474" s="10"/>
    </row>
    <row r="806475" spans="14:14">
      <c r="N806475" s="10"/>
    </row>
    <row r="806476" spans="14:14">
      <c r="N806476" s="10"/>
    </row>
    <row r="806477" spans="14:14">
      <c r="N806477" s="10"/>
    </row>
    <row r="806478" spans="14:14">
      <c r="N806478" s="10"/>
    </row>
    <row r="806479" spans="14:14">
      <c r="N806479" s="10"/>
    </row>
    <row r="806480" spans="14:14">
      <c r="N806480" s="10"/>
    </row>
    <row r="806481" spans="14:14">
      <c r="N806481" s="10"/>
    </row>
    <row r="806482" spans="14:14">
      <c r="N806482" s="10"/>
    </row>
    <row r="806483" spans="14:14">
      <c r="N806483" s="10"/>
    </row>
    <row r="806484" spans="14:14">
      <c r="N806484" s="10"/>
    </row>
    <row r="806485" spans="14:14">
      <c r="N806485" s="10"/>
    </row>
    <row r="806486" spans="14:14">
      <c r="N806486" s="10"/>
    </row>
    <row r="806487" spans="14:14">
      <c r="N806487" s="10"/>
    </row>
    <row r="806488" spans="14:14">
      <c r="N806488" s="10"/>
    </row>
    <row r="806489" spans="14:14">
      <c r="N806489" s="10"/>
    </row>
    <row r="806490" spans="14:14">
      <c r="N806490" s="10"/>
    </row>
    <row r="806491" spans="14:14">
      <c r="N806491" s="10"/>
    </row>
    <row r="806492" spans="14:14">
      <c r="N806492" s="10"/>
    </row>
    <row r="806493" spans="14:14">
      <c r="N806493" s="10"/>
    </row>
    <row r="806494" spans="14:14">
      <c r="N806494" s="10"/>
    </row>
    <row r="806495" spans="14:14">
      <c r="N806495" s="10"/>
    </row>
    <row r="806496" spans="14:14">
      <c r="N806496" s="10"/>
    </row>
    <row r="806497" spans="14:14">
      <c r="N806497" s="10"/>
    </row>
    <row r="806498" spans="14:14">
      <c r="N806498" s="10"/>
    </row>
    <row r="806499" spans="14:14">
      <c r="N806499" s="10"/>
    </row>
    <row r="806500" spans="14:14">
      <c r="N806500" s="10"/>
    </row>
    <row r="806501" spans="14:14">
      <c r="N806501" s="10"/>
    </row>
    <row r="806502" spans="14:14">
      <c r="N806502" s="10"/>
    </row>
    <row r="806503" spans="14:14">
      <c r="N806503" s="10"/>
    </row>
    <row r="806504" spans="14:14">
      <c r="N806504" s="10"/>
    </row>
    <row r="806505" spans="14:14">
      <c r="N806505" s="10"/>
    </row>
    <row r="806506" spans="14:14">
      <c r="N806506" s="10"/>
    </row>
    <row r="806507" spans="14:14">
      <c r="N806507" s="10"/>
    </row>
    <row r="806508" spans="14:14">
      <c r="N806508" s="10"/>
    </row>
    <row r="806509" spans="14:14">
      <c r="N806509" s="10"/>
    </row>
    <row r="806510" spans="14:14">
      <c r="N806510" s="10"/>
    </row>
    <row r="806511" spans="14:14">
      <c r="N806511" s="10"/>
    </row>
    <row r="806512" spans="14:14">
      <c r="N806512" s="10"/>
    </row>
    <row r="806513" spans="14:14">
      <c r="N806513" s="10"/>
    </row>
    <row r="806514" spans="14:14">
      <c r="N806514" s="10"/>
    </row>
    <row r="806515" spans="14:14">
      <c r="N806515" s="10"/>
    </row>
    <row r="806516" spans="14:14">
      <c r="N806516" s="10"/>
    </row>
    <row r="806517" spans="14:14">
      <c r="N806517" s="10"/>
    </row>
    <row r="806518" spans="14:14">
      <c r="N806518" s="10"/>
    </row>
    <row r="806519" spans="14:14">
      <c r="N806519" s="10"/>
    </row>
    <row r="806520" spans="14:14">
      <c r="N806520" s="10"/>
    </row>
    <row r="806521" spans="14:14">
      <c r="N806521" s="10"/>
    </row>
    <row r="806522" spans="14:14">
      <c r="N806522" s="10"/>
    </row>
    <row r="806523" spans="14:14">
      <c r="N806523" s="10"/>
    </row>
    <row r="806524" spans="14:14">
      <c r="N806524" s="10"/>
    </row>
    <row r="806525" spans="14:14">
      <c r="N806525" s="10"/>
    </row>
    <row r="806526" spans="14:14">
      <c r="N806526" s="10"/>
    </row>
    <row r="806527" spans="14:14">
      <c r="N806527" s="10"/>
    </row>
    <row r="806528" spans="14:14">
      <c r="N806528" s="10"/>
    </row>
    <row r="806529" spans="14:14">
      <c r="N806529" s="10"/>
    </row>
    <row r="806530" spans="14:14">
      <c r="N806530" s="10"/>
    </row>
    <row r="806531" spans="14:14">
      <c r="N806531" s="10"/>
    </row>
    <row r="806532" spans="14:14">
      <c r="N806532" s="10"/>
    </row>
    <row r="806533" spans="14:14">
      <c r="N806533" s="10"/>
    </row>
    <row r="806534" spans="14:14">
      <c r="N806534" s="10"/>
    </row>
    <row r="806535" spans="14:14">
      <c r="N806535" s="10"/>
    </row>
    <row r="806536" spans="14:14">
      <c r="N806536" s="10"/>
    </row>
    <row r="806537" spans="14:14">
      <c r="N806537" s="10"/>
    </row>
    <row r="806538" spans="14:14">
      <c r="N806538" s="10"/>
    </row>
    <row r="806539" spans="14:14">
      <c r="N806539" s="10"/>
    </row>
    <row r="806540" spans="14:14">
      <c r="N806540" s="10"/>
    </row>
    <row r="806541" spans="14:14">
      <c r="N806541" s="10"/>
    </row>
    <row r="806542" spans="14:14">
      <c r="N806542" s="10"/>
    </row>
    <row r="806543" spans="14:14">
      <c r="N806543" s="10"/>
    </row>
    <row r="806544" spans="14:14">
      <c r="N806544" s="10"/>
    </row>
    <row r="806545" spans="14:14">
      <c r="N806545" s="10"/>
    </row>
    <row r="806546" spans="14:14">
      <c r="N806546" s="10"/>
    </row>
    <row r="806547" spans="14:14">
      <c r="N806547" s="10"/>
    </row>
    <row r="806548" spans="14:14">
      <c r="N806548" s="10"/>
    </row>
    <row r="806549" spans="14:14">
      <c r="N806549" s="10"/>
    </row>
    <row r="806550" spans="14:14">
      <c r="N806550" s="10"/>
    </row>
    <row r="806551" spans="14:14">
      <c r="N806551" s="10"/>
    </row>
    <row r="806552" spans="14:14">
      <c r="N806552" s="10"/>
    </row>
    <row r="806553" spans="14:14">
      <c r="N806553" s="10"/>
    </row>
    <row r="806554" spans="14:14">
      <c r="N806554" s="10"/>
    </row>
    <row r="806555" spans="14:14">
      <c r="N806555" s="10"/>
    </row>
    <row r="806556" spans="14:14">
      <c r="N806556" s="10"/>
    </row>
    <row r="806557" spans="14:14">
      <c r="N806557" s="10"/>
    </row>
    <row r="806558" spans="14:14">
      <c r="N806558" s="10"/>
    </row>
    <row r="806559" spans="14:14">
      <c r="N806559" s="10"/>
    </row>
    <row r="806560" spans="14:14">
      <c r="N806560" s="10"/>
    </row>
    <row r="806561" spans="14:14">
      <c r="N806561" s="10"/>
    </row>
    <row r="806562" spans="14:14">
      <c r="N806562" s="10"/>
    </row>
    <row r="806563" spans="14:14">
      <c r="N806563" s="10"/>
    </row>
    <row r="806564" spans="14:14">
      <c r="N806564" s="10"/>
    </row>
    <row r="806565" spans="14:14">
      <c r="N806565" s="10"/>
    </row>
    <row r="806566" spans="14:14">
      <c r="N806566" s="10"/>
    </row>
    <row r="806567" spans="14:14">
      <c r="N806567" s="10"/>
    </row>
    <row r="806568" spans="14:14">
      <c r="N806568" s="10"/>
    </row>
    <row r="806569" spans="14:14">
      <c r="N806569" s="10"/>
    </row>
    <row r="806570" spans="14:14">
      <c r="N806570" s="10"/>
    </row>
    <row r="806571" spans="14:14">
      <c r="N806571" s="10"/>
    </row>
    <row r="806572" spans="14:14">
      <c r="N806572" s="10"/>
    </row>
    <row r="806573" spans="14:14">
      <c r="N806573" s="10"/>
    </row>
    <row r="806574" spans="14:14">
      <c r="N806574" s="10"/>
    </row>
    <row r="806575" spans="14:14">
      <c r="N806575" s="10"/>
    </row>
    <row r="806576" spans="14:14">
      <c r="N806576" s="10"/>
    </row>
    <row r="806577" spans="14:14">
      <c r="N806577" s="10"/>
    </row>
    <row r="806578" spans="14:14">
      <c r="N806578" s="10"/>
    </row>
    <row r="806579" spans="14:14">
      <c r="N806579" s="10"/>
    </row>
    <row r="806580" spans="14:14">
      <c r="N806580" s="10"/>
    </row>
    <row r="806581" spans="14:14">
      <c r="N806581" s="10"/>
    </row>
    <row r="806582" spans="14:14">
      <c r="N806582" s="10"/>
    </row>
    <row r="806583" spans="14:14">
      <c r="N806583" s="10"/>
    </row>
    <row r="806584" spans="14:14">
      <c r="N806584" s="10"/>
    </row>
    <row r="806585" spans="14:14">
      <c r="N806585" s="10"/>
    </row>
    <row r="806586" spans="14:14">
      <c r="N806586" s="10"/>
    </row>
    <row r="806587" spans="14:14">
      <c r="N806587" s="10"/>
    </row>
    <row r="806588" spans="14:14">
      <c r="N806588" s="10"/>
    </row>
    <row r="806589" spans="14:14">
      <c r="N806589" s="10"/>
    </row>
    <row r="806590" spans="14:14">
      <c r="N806590" s="10"/>
    </row>
    <row r="806591" spans="14:14">
      <c r="N806591" s="10"/>
    </row>
    <row r="806592" spans="14:14">
      <c r="N806592" s="10"/>
    </row>
    <row r="806593" spans="14:14">
      <c r="N806593" s="10"/>
    </row>
    <row r="806594" spans="14:14">
      <c r="N806594" s="10"/>
    </row>
    <row r="806595" spans="14:14">
      <c r="N806595" s="10"/>
    </row>
    <row r="806596" spans="14:14">
      <c r="N806596" s="10"/>
    </row>
    <row r="806597" spans="14:14">
      <c r="N806597" s="10"/>
    </row>
    <row r="806598" spans="14:14">
      <c r="N806598" s="10"/>
    </row>
    <row r="806599" spans="14:14">
      <c r="N806599" s="10"/>
    </row>
    <row r="806600" spans="14:14">
      <c r="N806600" s="10"/>
    </row>
    <row r="806601" spans="14:14">
      <c r="N806601" s="10"/>
    </row>
    <row r="806602" spans="14:14">
      <c r="N806602" s="10"/>
    </row>
    <row r="806603" spans="14:14">
      <c r="N806603" s="10"/>
    </row>
    <row r="806604" spans="14:14">
      <c r="N806604" s="10"/>
    </row>
    <row r="806605" spans="14:14">
      <c r="N806605" s="10"/>
    </row>
    <row r="806606" spans="14:14">
      <c r="N806606" s="10"/>
    </row>
    <row r="806607" spans="14:14">
      <c r="N806607" s="10"/>
    </row>
    <row r="806608" spans="14:14">
      <c r="N806608" s="10"/>
    </row>
    <row r="806609" spans="14:14">
      <c r="N806609" s="10"/>
    </row>
    <row r="806610" spans="14:14">
      <c r="N806610" s="10"/>
    </row>
    <row r="806611" spans="14:14">
      <c r="N806611" s="10"/>
    </row>
    <row r="806612" spans="14:14">
      <c r="N806612" s="10"/>
    </row>
    <row r="806613" spans="14:14">
      <c r="N806613" s="10"/>
    </row>
    <row r="806614" spans="14:14">
      <c r="N806614" s="10"/>
    </row>
    <row r="806615" spans="14:14">
      <c r="N806615" s="10"/>
    </row>
    <row r="806616" spans="14:14">
      <c r="N806616" s="10"/>
    </row>
    <row r="806617" spans="14:14">
      <c r="N806617" s="10"/>
    </row>
    <row r="806618" spans="14:14">
      <c r="N806618" s="10"/>
    </row>
    <row r="806619" spans="14:14">
      <c r="N806619" s="10"/>
    </row>
    <row r="806620" spans="14:14">
      <c r="N806620" s="10"/>
    </row>
    <row r="806621" spans="14:14">
      <c r="N806621" s="10"/>
    </row>
    <row r="806622" spans="14:14">
      <c r="N806622" s="10"/>
    </row>
    <row r="806623" spans="14:14">
      <c r="N806623" s="10"/>
    </row>
    <row r="806624" spans="14:14">
      <c r="N806624" s="10"/>
    </row>
    <row r="806625" spans="14:14">
      <c r="N806625" s="10"/>
    </row>
    <row r="806626" spans="14:14">
      <c r="N806626" s="10"/>
    </row>
    <row r="806627" spans="14:14">
      <c r="N806627" s="10"/>
    </row>
    <row r="806628" spans="14:14">
      <c r="N806628" s="10"/>
    </row>
    <row r="806629" spans="14:14">
      <c r="N806629" s="10"/>
    </row>
    <row r="806630" spans="14:14">
      <c r="N806630" s="10"/>
    </row>
    <row r="806631" spans="14:14">
      <c r="N806631" s="10"/>
    </row>
    <row r="806632" spans="14:14">
      <c r="N806632" s="10"/>
    </row>
    <row r="806633" spans="14:14">
      <c r="N806633" s="10"/>
    </row>
    <row r="806634" spans="14:14">
      <c r="N806634" s="10"/>
    </row>
    <row r="806635" spans="14:14">
      <c r="N806635" s="10"/>
    </row>
    <row r="806636" spans="14:14">
      <c r="N806636" s="10"/>
    </row>
    <row r="806637" spans="14:14">
      <c r="N806637" s="10"/>
    </row>
    <row r="806638" spans="14:14">
      <c r="N806638" s="10"/>
    </row>
    <row r="806639" spans="14:14">
      <c r="N806639" s="10"/>
    </row>
    <row r="806640" spans="14:14">
      <c r="N806640" s="10"/>
    </row>
    <row r="806641" spans="14:14">
      <c r="N806641" s="10"/>
    </row>
    <row r="806642" spans="14:14">
      <c r="N806642" s="10"/>
    </row>
    <row r="806643" spans="14:14">
      <c r="N806643" s="10"/>
    </row>
    <row r="806644" spans="14:14">
      <c r="N806644" s="10"/>
    </row>
    <row r="806645" spans="14:14">
      <c r="N806645" s="10"/>
    </row>
    <row r="806646" spans="14:14">
      <c r="N806646" s="10"/>
    </row>
    <row r="806647" spans="14:14">
      <c r="N806647" s="10"/>
    </row>
    <row r="806648" spans="14:14">
      <c r="N806648" s="10"/>
    </row>
    <row r="806649" spans="14:14">
      <c r="N806649" s="10"/>
    </row>
    <row r="806650" spans="14:14">
      <c r="N806650" s="10"/>
    </row>
    <row r="806651" spans="14:14">
      <c r="N806651" s="10"/>
    </row>
    <row r="806652" spans="14:14">
      <c r="N806652" s="10"/>
    </row>
    <row r="806653" spans="14:14">
      <c r="N806653" s="10"/>
    </row>
    <row r="806654" spans="14:14">
      <c r="N806654" s="10"/>
    </row>
    <row r="806655" spans="14:14">
      <c r="N806655" s="10"/>
    </row>
    <row r="806656" spans="14:14">
      <c r="N806656" s="10"/>
    </row>
    <row r="806657" spans="14:14">
      <c r="N806657" s="10"/>
    </row>
    <row r="806658" spans="14:14">
      <c r="N806658" s="10"/>
    </row>
    <row r="806659" spans="14:14">
      <c r="N806659" s="10"/>
    </row>
    <row r="806660" spans="14:14">
      <c r="N806660" s="10"/>
    </row>
    <row r="806661" spans="14:14">
      <c r="N806661" s="10"/>
    </row>
    <row r="806662" spans="14:14">
      <c r="N806662" s="10"/>
    </row>
    <row r="806663" spans="14:14">
      <c r="N806663" s="10"/>
    </row>
    <row r="806664" spans="14:14">
      <c r="N806664" s="10"/>
    </row>
    <row r="806665" spans="14:14">
      <c r="N806665" s="10"/>
    </row>
    <row r="806666" spans="14:14">
      <c r="N806666" s="10"/>
    </row>
    <row r="806667" spans="14:14">
      <c r="N806667" s="10"/>
    </row>
    <row r="806668" spans="14:14">
      <c r="N806668" s="10"/>
    </row>
    <row r="806669" spans="14:14">
      <c r="N806669" s="10"/>
    </row>
    <row r="806670" spans="14:14">
      <c r="N806670" s="10"/>
    </row>
    <row r="806671" spans="14:14">
      <c r="N806671" s="10"/>
    </row>
    <row r="806672" spans="14:14">
      <c r="N806672" s="10"/>
    </row>
    <row r="806673" spans="14:14">
      <c r="N806673" s="10"/>
    </row>
    <row r="806674" spans="14:14">
      <c r="N806674" s="10"/>
    </row>
    <row r="806675" spans="14:14">
      <c r="N806675" s="10"/>
    </row>
    <row r="806676" spans="14:14">
      <c r="N806676" s="10"/>
    </row>
    <row r="806677" spans="14:14">
      <c r="N806677" s="10"/>
    </row>
    <row r="806678" spans="14:14">
      <c r="N806678" s="10"/>
    </row>
    <row r="806679" spans="14:14">
      <c r="N806679" s="10"/>
    </row>
    <row r="806680" spans="14:14">
      <c r="N806680" s="10"/>
    </row>
    <row r="806681" spans="14:14">
      <c r="N806681" s="10"/>
    </row>
    <row r="806682" spans="14:14">
      <c r="N806682" s="10"/>
    </row>
    <row r="806683" spans="14:14">
      <c r="N806683" s="10"/>
    </row>
    <row r="806684" spans="14:14">
      <c r="N806684" s="10"/>
    </row>
    <row r="806685" spans="14:14">
      <c r="N806685" s="10"/>
    </row>
    <row r="806686" spans="14:14">
      <c r="N806686" s="10"/>
    </row>
    <row r="806687" spans="14:14">
      <c r="N806687" s="10"/>
    </row>
    <row r="806688" spans="14:14">
      <c r="N806688" s="10"/>
    </row>
    <row r="806689" spans="14:14">
      <c r="N806689" s="10"/>
    </row>
    <row r="806690" spans="14:14">
      <c r="N806690" s="10"/>
    </row>
    <row r="806691" spans="14:14">
      <c r="N806691" s="10"/>
    </row>
    <row r="806692" spans="14:14">
      <c r="N806692" s="10"/>
    </row>
    <row r="806693" spans="14:14">
      <c r="N806693" s="10"/>
    </row>
    <row r="806694" spans="14:14">
      <c r="N806694" s="10"/>
    </row>
    <row r="806695" spans="14:14">
      <c r="N806695" s="10"/>
    </row>
    <row r="806696" spans="14:14">
      <c r="N806696" s="10"/>
    </row>
    <row r="806697" spans="14:14">
      <c r="N806697" s="10"/>
    </row>
    <row r="806698" spans="14:14">
      <c r="N806698" s="10"/>
    </row>
    <row r="806699" spans="14:14">
      <c r="N806699" s="10"/>
    </row>
    <row r="806700" spans="14:14">
      <c r="N806700" s="10"/>
    </row>
    <row r="806701" spans="14:14">
      <c r="N806701" s="10"/>
    </row>
    <row r="806702" spans="14:14">
      <c r="N806702" s="10"/>
    </row>
    <row r="806703" spans="14:14">
      <c r="N806703" s="10"/>
    </row>
    <row r="806704" spans="14:14">
      <c r="N806704" s="10"/>
    </row>
    <row r="806705" spans="14:14">
      <c r="N806705" s="10"/>
    </row>
    <row r="806706" spans="14:14">
      <c r="N806706" s="10"/>
    </row>
    <row r="806707" spans="14:14">
      <c r="N806707" s="10"/>
    </row>
    <row r="806708" spans="14:14">
      <c r="N806708" s="10"/>
    </row>
    <row r="806709" spans="14:14">
      <c r="N806709" s="10"/>
    </row>
    <row r="806710" spans="14:14">
      <c r="N806710" s="10"/>
    </row>
    <row r="806711" spans="14:14">
      <c r="N806711" s="10"/>
    </row>
    <row r="806712" spans="14:14">
      <c r="N806712" s="10"/>
    </row>
    <row r="806713" spans="14:14">
      <c r="N806713" s="10"/>
    </row>
    <row r="806714" spans="14:14">
      <c r="N806714" s="10"/>
    </row>
    <row r="806715" spans="14:14">
      <c r="N806715" s="10"/>
    </row>
    <row r="806716" spans="14:14">
      <c r="N806716" s="10"/>
    </row>
    <row r="806717" spans="14:14">
      <c r="N806717" s="10"/>
    </row>
    <row r="806718" spans="14:14">
      <c r="N806718" s="10"/>
    </row>
    <row r="806719" spans="14:14">
      <c r="N806719" s="10"/>
    </row>
    <row r="806720" spans="14:14">
      <c r="N806720" s="10"/>
    </row>
    <row r="806721" spans="14:14">
      <c r="N806721" s="10"/>
    </row>
    <row r="806722" spans="14:14">
      <c r="N806722" s="10"/>
    </row>
    <row r="806723" spans="14:14">
      <c r="N806723" s="10"/>
    </row>
    <row r="806724" spans="14:14">
      <c r="N806724" s="10"/>
    </row>
    <row r="806725" spans="14:14">
      <c r="N806725" s="10"/>
    </row>
    <row r="806726" spans="14:14">
      <c r="N806726" s="10"/>
    </row>
    <row r="806727" spans="14:14">
      <c r="N806727" s="10"/>
    </row>
    <row r="806728" spans="14:14">
      <c r="N806728" s="10"/>
    </row>
    <row r="806729" spans="14:14">
      <c r="N806729" s="10"/>
    </row>
    <row r="806730" spans="14:14">
      <c r="N806730" s="10"/>
    </row>
    <row r="806731" spans="14:14">
      <c r="N806731" s="10"/>
    </row>
    <row r="806732" spans="14:14">
      <c r="N806732" s="10"/>
    </row>
    <row r="806733" spans="14:14">
      <c r="N806733" s="10"/>
    </row>
    <row r="806734" spans="14:14">
      <c r="N806734" s="10"/>
    </row>
    <row r="806735" spans="14:14">
      <c r="N806735" s="10"/>
    </row>
    <row r="806736" spans="14:14">
      <c r="N806736" s="10"/>
    </row>
    <row r="806737" spans="14:14">
      <c r="N806737" s="10"/>
    </row>
    <row r="806738" spans="14:14">
      <c r="N806738" s="10"/>
    </row>
    <row r="806739" spans="14:14">
      <c r="N806739" s="10"/>
    </row>
    <row r="806740" spans="14:14">
      <c r="N806740" s="10"/>
    </row>
    <row r="806741" spans="14:14">
      <c r="N806741" s="10"/>
    </row>
    <row r="806742" spans="14:14">
      <c r="N806742" s="10"/>
    </row>
    <row r="806743" spans="14:14">
      <c r="N806743" s="10"/>
    </row>
    <row r="806744" spans="14:14">
      <c r="N806744" s="10"/>
    </row>
    <row r="806745" spans="14:14">
      <c r="N806745" s="10"/>
    </row>
    <row r="806746" spans="14:14">
      <c r="N806746" s="10"/>
    </row>
    <row r="806747" spans="14:14">
      <c r="N806747" s="10"/>
    </row>
    <row r="806748" spans="14:14">
      <c r="N806748" s="10"/>
    </row>
    <row r="806749" spans="14:14">
      <c r="N806749" s="10"/>
    </row>
    <row r="806750" spans="14:14">
      <c r="N806750" s="10"/>
    </row>
    <row r="806751" spans="14:14">
      <c r="N806751" s="10"/>
    </row>
    <row r="806752" spans="14:14">
      <c r="N806752" s="10"/>
    </row>
    <row r="806753" spans="14:14">
      <c r="N806753" s="10"/>
    </row>
    <row r="806754" spans="14:14">
      <c r="N806754" s="10"/>
    </row>
    <row r="806755" spans="14:14">
      <c r="N806755" s="10"/>
    </row>
    <row r="806756" spans="14:14">
      <c r="N806756" s="10"/>
    </row>
    <row r="806757" spans="14:14">
      <c r="N806757" s="10"/>
    </row>
    <row r="806758" spans="14:14">
      <c r="N806758" s="10"/>
    </row>
    <row r="806759" spans="14:14">
      <c r="N806759" s="10"/>
    </row>
    <row r="806760" spans="14:14">
      <c r="N806760" s="10"/>
    </row>
    <row r="806761" spans="14:14">
      <c r="N806761" s="10"/>
    </row>
    <row r="806762" spans="14:14">
      <c r="N806762" s="10"/>
    </row>
    <row r="806763" spans="14:14">
      <c r="N806763" s="10"/>
    </row>
    <row r="806764" spans="14:14">
      <c r="N806764" s="10"/>
    </row>
    <row r="806765" spans="14:14">
      <c r="N806765" s="10"/>
    </row>
    <row r="806766" spans="14:14">
      <c r="N806766" s="10"/>
    </row>
    <row r="806767" spans="14:14">
      <c r="N806767" s="10"/>
    </row>
    <row r="806768" spans="14:14">
      <c r="N806768" s="10"/>
    </row>
    <row r="806769" spans="14:14">
      <c r="N806769" s="10"/>
    </row>
    <row r="806770" spans="14:14">
      <c r="N806770" s="10"/>
    </row>
    <row r="806771" spans="14:14">
      <c r="N806771" s="10"/>
    </row>
    <row r="806772" spans="14:14">
      <c r="N806772" s="10"/>
    </row>
    <row r="806773" spans="14:14">
      <c r="N806773" s="10"/>
    </row>
    <row r="806774" spans="14:14">
      <c r="N806774" s="10"/>
    </row>
    <row r="806775" spans="14:14">
      <c r="N806775" s="10"/>
    </row>
    <row r="806776" spans="14:14">
      <c r="N806776" s="10"/>
    </row>
    <row r="806777" spans="14:14">
      <c r="N806777" s="10"/>
    </row>
    <row r="806778" spans="14:14">
      <c r="N806778" s="10"/>
    </row>
    <row r="806779" spans="14:14">
      <c r="N806779" s="10"/>
    </row>
    <row r="806780" spans="14:14">
      <c r="N806780" s="10"/>
    </row>
    <row r="806781" spans="14:14">
      <c r="N806781" s="10"/>
    </row>
    <row r="806782" spans="14:14">
      <c r="N806782" s="10"/>
    </row>
    <row r="806783" spans="14:14">
      <c r="N806783" s="10"/>
    </row>
    <row r="806784" spans="14:14">
      <c r="N806784" s="10"/>
    </row>
    <row r="806785" spans="14:14">
      <c r="N806785" s="10"/>
    </row>
    <row r="806786" spans="14:14">
      <c r="N806786" s="10"/>
    </row>
    <row r="806787" spans="14:14">
      <c r="N806787" s="10"/>
    </row>
    <row r="806788" spans="14:14">
      <c r="N806788" s="10"/>
    </row>
    <row r="806789" spans="14:14">
      <c r="N806789" s="10"/>
    </row>
    <row r="806790" spans="14:14">
      <c r="N806790" s="10"/>
    </row>
    <row r="806791" spans="14:14">
      <c r="N806791" s="10"/>
    </row>
    <row r="806792" spans="14:14">
      <c r="N806792" s="10"/>
    </row>
    <row r="806793" spans="14:14">
      <c r="N806793" s="10"/>
    </row>
    <row r="806794" spans="14:14">
      <c r="N806794" s="10"/>
    </row>
    <row r="806795" spans="14:14">
      <c r="N806795" s="10"/>
    </row>
    <row r="806796" spans="14:14">
      <c r="N806796" s="10"/>
    </row>
    <row r="806797" spans="14:14">
      <c r="N806797" s="10"/>
    </row>
    <row r="806798" spans="14:14">
      <c r="N806798" s="10"/>
    </row>
    <row r="806799" spans="14:14">
      <c r="N806799" s="10"/>
    </row>
    <row r="806800" spans="14:14">
      <c r="N806800" s="10"/>
    </row>
    <row r="806801" spans="14:14">
      <c r="N806801" s="10"/>
    </row>
    <row r="806802" spans="14:14">
      <c r="N806802" s="10"/>
    </row>
    <row r="806803" spans="14:14">
      <c r="N806803" s="10"/>
    </row>
    <row r="806804" spans="14:14">
      <c r="N806804" s="10"/>
    </row>
    <row r="806805" spans="14:14">
      <c r="N806805" s="10"/>
    </row>
    <row r="806806" spans="14:14">
      <c r="N806806" s="10"/>
    </row>
    <row r="806807" spans="14:14">
      <c r="N806807" s="10"/>
    </row>
    <row r="806808" spans="14:14">
      <c r="N806808" s="10"/>
    </row>
    <row r="806809" spans="14:14">
      <c r="N806809" s="10"/>
    </row>
    <row r="806810" spans="14:14">
      <c r="N806810" s="10"/>
    </row>
    <row r="806811" spans="14:14">
      <c r="N806811" s="10"/>
    </row>
    <row r="806812" spans="14:14">
      <c r="N806812" s="10"/>
    </row>
    <row r="806813" spans="14:14">
      <c r="N806813" s="10"/>
    </row>
    <row r="806814" spans="14:14">
      <c r="N806814" s="10"/>
    </row>
    <row r="806815" spans="14:14">
      <c r="N806815" s="10"/>
    </row>
    <row r="806816" spans="14:14">
      <c r="N806816" s="10"/>
    </row>
    <row r="806817" spans="14:14">
      <c r="N806817" s="10"/>
    </row>
    <row r="806818" spans="14:14">
      <c r="N806818" s="10"/>
    </row>
    <row r="806819" spans="14:14">
      <c r="N806819" s="10"/>
    </row>
    <row r="806820" spans="14:14">
      <c r="N806820" s="10"/>
    </row>
    <row r="806821" spans="14:14">
      <c r="N806821" s="10"/>
    </row>
    <row r="806822" spans="14:14">
      <c r="N806822" s="10"/>
    </row>
    <row r="806823" spans="14:14">
      <c r="N806823" s="10"/>
    </row>
    <row r="806824" spans="14:14">
      <c r="N806824" s="10"/>
    </row>
    <row r="806825" spans="14:14">
      <c r="N806825" s="10"/>
    </row>
    <row r="806826" spans="14:14">
      <c r="N806826" s="10"/>
    </row>
    <row r="806827" spans="14:14">
      <c r="N806827" s="10"/>
    </row>
    <row r="806828" spans="14:14">
      <c r="N806828" s="10"/>
    </row>
    <row r="806829" spans="14:14">
      <c r="N806829" s="10"/>
    </row>
    <row r="806830" spans="14:14">
      <c r="N806830" s="10"/>
    </row>
    <row r="806831" spans="14:14">
      <c r="N806831" s="10"/>
    </row>
    <row r="806832" spans="14:14">
      <c r="N806832" s="10"/>
    </row>
    <row r="806833" spans="14:14">
      <c r="N806833" s="10"/>
    </row>
    <row r="806834" spans="14:14">
      <c r="N806834" s="10"/>
    </row>
    <row r="806835" spans="14:14">
      <c r="N806835" s="10"/>
    </row>
    <row r="806836" spans="14:14">
      <c r="N806836" s="10"/>
    </row>
    <row r="806837" spans="14:14">
      <c r="N806837" s="10"/>
    </row>
    <row r="806838" spans="14:14">
      <c r="N806838" s="10"/>
    </row>
    <row r="806839" spans="14:14">
      <c r="N806839" s="10"/>
    </row>
    <row r="806840" spans="14:14">
      <c r="N806840" s="10"/>
    </row>
    <row r="806841" spans="14:14">
      <c r="N806841" s="10"/>
    </row>
    <row r="806842" spans="14:14">
      <c r="N806842" s="10"/>
    </row>
    <row r="806843" spans="14:14">
      <c r="N806843" s="10"/>
    </row>
    <row r="806844" spans="14:14">
      <c r="N806844" s="10"/>
    </row>
    <row r="806845" spans="14:14">
      <c r="N806845" s="10"/>
    </row>
    <row r="806846" spans="14:14">
      <c r="N806846" s="10"/>
    </row>
    <row r="806847" spans="14:14">
      <c r="N806847" s="10"/>
    </row>
    <row r="806848" spans="14:14">
      <c r="N806848" s="10"/>
    </row>
    <row r="806849" spans="14:14">
      <c r="N806849" s="10"/>
    </row>
    <row r="806850" spans="14:14">
      <c r="N806850" s="10"/>
    </row>
    <row r="806851" spans="14:14">
      <c r="N806851" s="10"/>
    </row>
    <row r="806852" spans="14:14">
      <c r="N806852" s="10"/>
    </row>
    <row r="806853" spans="14:14">
      <c r="N806853" s="10"/>
    </row>
    <row r="806854" spans="14:14">
      <c r="N806854" s="10"/>
    </row>
    <row r="806855" spans="14:14">
      <c r="N806855" s="10"/>
    </row>
    <row r="806856" spans="14:14">
      <c r="N806856" s="10"/>
    </row>
    <row r="806857" spans="14:14">
      <c r="N806857" s="10"/>
    </row>
    <row r="806858" spans="14:14">
      <c r="N806858" s="10"/>
    </row>
    <row r="806859" spans="14:14">
      <c r="N806859" s="10"/>
    </row>
    <row r="806860" spans="14:14">
      <c r="N806860" s="10"/>
    </row>
    <row r="806861" spans="14:14">
      <c r="N806861" s="10"/>
    </row>
    <row r="806862" spans="14:14">
      <c r="N806862" s="10"/>
    </row>
    <row r="806863" spans="14:14">
      <c r="N806863" s="10"/>
    </row>
    <row r="806864" spans="14:14">
      <c r="N806864" s="10"/>
    </row>
    <row r="806865" spans="14:14">
      <c r="N806865" s="10"/>
    </row>
    <row r="806866" spans="14:14">
      <c r="N806866" s="10"/>
    </row>
    <row r="806867" spans="14:14">
      <c r="N806867" s="10"/>
    </row>
    <row r="806868" spans="14:14">
      <c r="N806868" s="10"/>
    </row>
    <row r="806869" spans="14:14">
      <c r="N806869" s="10"/>
    </row>
    <row r="806870" spans="14:14">
      <c r="N806870" s="10"/>
    </row>
    <row r="806871" spans="14:14">
      <c r="N806871" s="10"/>
    </row>
    <row r="806872" spans="14:14">
      <c r="N806872" s="10"/>
    </row>
    <row r="806873" spans="14:14">
      <c r="N806873" s="10"/>
    </row>
    <row r="806874" spans="14:14">
      <c r="N806874" s="10"/>
    </row>
    <row r="806875" spans="14:14">
      <c r="N806875" s="10"/>
    </row>
    <row r="806876" spans="14:14">
      <c r="N806876" s="10"/>
    </row>
    <row r="806877" spans="14:14">
      <c r="N806877" s="10"/>
    </row>
    <row r="806878" spans="14:14">
      <c r="N806878" s="10"/>
    </row>
    <row r="806879" spans="14:14">
      <c r="N806879" s="10"/>
    </row>
    <row r="806880" spans="14:14">
      <c r="N806880" s="10"/>
    </row>
    <row r="806881" spans="14:14">
      <c r="N806881" s="10"/>
    </row>
    <row r="806882" spans="14:14">
      <c r="N806882" s="10"/>
    </row>
    <row r="806883" spans="14:14">
      <c r="N806883" s="10"/>
    </row>
    <row r="806884" spans="14:14">
      <c r="N806884" s="10"/>
    </row>
    <row r="806885" spans="14:14">
      <c r="N806885" s="10"/>
    </row>
    <row r="806886" spans="14:14">
      <c r="N806886" s="10"/>
    </row>
    <row r="806887" spans="14:14">
      <c r="N806887" s="10"/>
    </row>
    <row r="806888" spans="14:14">
      <c r="N806888" s="10"/>
    </row>
    <row r="806889" spans="14:14">
      <c r="N806889" s="10"/>
    </row>
    <row r="806890" spans="14:14">
      <c r="N806890" s="10"/>
    </row>
    <row r="806891" spans="14:14">
      <c r="N806891" s="10"/>
    </row>
    <row r="806892" spans="14:14">
      <c r="N806892" s="10"/>
    </row>
    <row r="806893" spans="14:14">
      <c r="N806893" s="10"/>
    </row>
    <row r="806894" spans="14:14">
      <c r="N806894" s="10"/>
    </row>
    <row r="806895" spans="14:14">
      <c r="N806895" s="10"/>
    </row>
    <row r="806896" spans="14:14">
      <c r="N806896" s="10"/>
    </row>
    <row r="806897" spans="14:14">
      <c r="N806897" s="10"/>
    </row>
    <row r="806898" spans="14:14">
      <c r="N806898" s="10"/>
    </row>
    <row r="806899" spans="14:14">
      <c r="N806899" s="10"/>
    </row>
    <row r="806900" spans="14:14">
      <c r="N806900" s="10"/>
    </row>
    <row r="806901" spans="14:14">
      <c r="N806901" s="10"/>
    </row>
    <row r="806902" spans="14:14">
      <c r="N806902" s="10"/>
    </row>
    <row r="806903" spans="14:14">
      <c r="N806903" s="10"/>
    </row>
    <row r="806904" spans="14:14">
      <c r="N806904" s="10"/>
    </row>
    <row r="806905" spans="14:14">
      <c r="N806905" s="10"/>
    </row>
    <row r="806906" spans="14:14">
      <c r="N806906" s="10"/>
    </row>
    <row r="806907" spans="14:14">
      <c r="N806907" s="10"/>
    </row>
    <row r="806908" spans="14:14">
      <c r="N806908" s="10"/>
    </row>
    <row r="806909" spans="14:14">
      <c r="N806909" s="10"/>
    </row>
    <row r="806910" spans="14:14">
      <c r="N806910" s="10"/>
    </row>
    <row r="806911" spans="14:14">
      <c r="N806911" s="10"/>
    </row>
    <row r="806912" spans="14:14">
      <c r="N806912" s="10"/>
    </row>
    <row r="806913" spans="14:14">
      <c r="N806913" s="10"/>
    </row>
    <row r="806914" spans="14:14">
      <c r="N806914" s="10"/>
    </row>
    <row r="806915" spans="14:14">
      <c r="N806915" s="10"/>
    </row>
    <row r="806916" spans="14:14">
      <c r="N806916" s="10"/>
    </row>
    <row r="806917" spans="14:14">
      <c r="N806917" s="10"/>
    </row>
    <row r="806918" spans="14:14">
      <c r="N806918" s="10"/>
    </row>
    <row r="806919" spans="14:14">
      <c r="N806919" s="10"/>
    </row>
    <row r="806920" spans="14:14">
      <c r="N806920" s="10"/>
    </row>
    <row r="806921" spans="14:14">
      <c r="N806921" s="10"/>
    </row>
    <row r="806922" spans="14:14">
      <c r="N806922" s="10"/>
    </row>
    <row r="806923" spans="14:14">
      <c r="N806923" s="10"/>
    </row>
    <row r="806924" spans="14:14">
      <c r="N806924" s="10"/>
    </row>
    <row r="806925" spans="14:14">
      <c r="N806925" s="10"/>
    </row>
    <row r="806926" spans="14:14">
      <c r="N806926" s="10"/>
    </row>
    <row r="806927" spans="14:14">
      <c r="N806927" s="10"/>
    </row>
    <row r="806928" spans="14:14">
      <c r="N806928" s="10"/>
    </row>
    <row r="806929" spans="14:14">
      <c r="N806929" s="10"/>
    </row>
    <row r="806930" spans="14:14">
      <c r="N806930" s="10"/>
    </row>
    <row r="806931" spans="14:14">
      <c r="N806931" s="10"/>
    </row>
    <row r="806932" spans="14:14">
      <c r="N806932" s="10"/>
    </row>
    <row r="806933" spans="14:14">
      <c r="N806933" s="10"/>
    </row>
    <row r="806934" spans="14:14">
      <c r="N806934" s="10"/>
    </row>
    <row r="806935" spans="14:14">
      <c r="N806935" s="10"/>
    </row>
    <row r="806936" spans="14:14">
      <c r="N806936" s="10"/>
    </row>
    <row r="806937" spans="14:14">
      <c r="N806937" s="10"/>
    </row>
    <row r="806938" spans="14:14">
      <c r="N806938" s="10"/>
    </row>
    <row r="806939" spans="14:14">
      <c r="N806939" s="10"/>
    </row>
    <row r="806940" spans="14:14">
      <c r="N806940" s="10"/>
    </row>
    <row r="806941" spans="14:14">
      <c r="N806941" s="10"/>
    </row>
    <row r="806942" spans="14:14">
      <c r="N806942" s="10"/>
    </row>
    <row r="806943" spans="14:14">
      <c r="N806943" s="10"/>
    </row>
    <row r="806944" spans="14:14">
      <c r="N806944" s="10"/>
    </row>
    <row r="806945" spans="14:14">
      <c r="N806945" s="10"/>
    </row>
    <row r="806946" spans="14:14">
      <c r="N806946" s="10"/>
    </row>
    <row r="806947" spans="14:14">
      <c r="N806947" s="10"/>
    </row>
    <row r="806948" spans="14:14">
      <c r="N806948" s="10"/>
    </row>
    <row r="806949" spans="14:14">
      <c r="N806949" s="10"/>
    </row>
    <row r="806950" spans="14:14">
      <c r="N806950" s="10"/>
    </row>
    <row r="806951" spans="14:14">
      <c r="N806951" s="10"/>
    </row>
    <row r="806952" spans="14:14">
      <c r="N806952" s="10"/>
    </row>
    <row r="806953" spans="14:14">
      <c r="N806953" s="10"/>
    </row>
    <row r="806954" spans="14:14">
      <c r="N806954" s="10"/>
    </row>
    <row r="806955" spans="14:14">
      <c r="N806955" s="10"/>
    </row>
    <row r="806956" spans="14:14">
      <c r="N806956" s="10"/>
    </row>
    <row r="806957" spans="14:14">
      <c r="N806957" s="10"/>
    </row>
    <row r="806958" spans="14:14">
      <c r="N806958" s="10"/>
    </row>
    <row r="806959" spans="14:14">
      <c r="N806959" s="10"/>
    </row>
    <row r="806960" spans="14:14">
      <c r="N806960" s="10"/>
    </row>
    <row r="806961" spans="14:14">
      <c r="N806961" s="10"/>
    </row>
    <row r="806962" spans="14:14">
      <c r="N806962" s="10"/>
    </row>
    <row r="806963" spans="14:14">
      <c r="N806963" s="10"/>
    </row>
    <row r="806964" spans="14:14">
      <c r="N806964" s="10"/>
    </row>
    <row r="806965" spans="14:14">
      <c r="N806965" s="10"/>
    </row>
    <row r="806966" spans="14:14">
      <c r="N806966" s="10"/>
    </row>
    <row r="806967" spans="14:14">
      <c r="N806967" s="10"/>
    </row>
    <row r="806968" spans="14:14">
      <c r="N806968" s="10"/>
    </row>
    <row r="806969" spans="14:14">
      <c r="N806969" s="10"/>
    </row>
    <row r="806970" spans="14:14">
      <c r="N806970" s="10"/>
    </row>
    <row r="806971" spans="14:14">
      <c r="N806971" s="10"/>
    </row>
    <row r="806972" spans="14:14">
      <c r="N806972" s="10"/>
    </row>
    <row r="806973" spans="14:14">
      <c r="N806973" s="10"/>
    </row>
    <row r="806974" spans="14:14">
      <c r="N806974" s="10"/>
    </row>
    <row r="806975" spans="14:14">
      <c r="N806975" s="10"/>
    </row>
    <row r="806976" spans="14:14">
      <c r="N806976" s="10"/>
    </row>
    <row r="806977" spans="14:14">
      <c r="N806977" s="10"/>
    </row>
    <row r="806978" spans="14:14">
      <c r="N806978" s="10"/>
    </row>
    <row r="806979" spans="14:14">
      <c r="N806979" s="10"/>
    </row>
    <row r="806980" spans="14:14">
      <c r="N806980" s="10"/>
    </row>
    <row r="806981" spans="14:14">
      <c r="N806981" s="10"/>
    </row>
    <row r="806982" spans="14:14">
      <c r="N806982" s="10"/>
    </row>
    <row r="806983" spans="14:14">
      <c r="N806983" s="10"/>
    </row>
    <row r="806984" spans="14:14">
      <c r="N806984" s="10"/>
    </row>
    <row r="806985" spans="14:14">
      <c r="N806985" s="10"/>
    </row>
    <row r="806986" spans="14:14">
      <c r="N806986" s="10"/>
    </row>
    <row r="806987" spans="14:14">
      <c r="N806987" s="10"/>
    </row>
    <row r="806988" spans="14:14">
      <c r="N806988" s="10"/>
    </row>
    <row r="806989" spans="14:14">
      <c r="N806989" s="10"/>
    </row>
    <row r="806990" spans="14:14">
      <c r="N806990" s="10"/>
    </row>
    <row r="806991" spans="14:14">
      <c r="N806991" s="10"/>
    </row>
    <row r="806992" spans="14:14">
      <c r="N806992" s="10"/>
    </row>
    <row r="806993" spans="14:14">
      <c r="N806993" s="10"/>
    </row>
    <row r="806994" spans="14:14">
      <c r="N806994" s="10"/>
    </row>
    <row r="806995" spans="14:14">
      <c r="N806995" s="10"/>
    </row>
    <row r="806996" spans="14:14">
      <c r="N806996" s="10"/>
    </row>
    <row r="806997" spans="14:14">
      <c r="N806997" s="10"/>
    </row>
    <row r="806998" spans="14:14">
      <c r="N806998" s="10"/>
    </row>
    <row r="806999" spans="14:14">
      <c r="N806999" s="10"/>
    </row>
    <row r="807000" spans="14:14">
      <c r="N807000" s="10"/>
    </row>
    <row r="807001" spans="14:14">
      <c r="N807001" s="10"/>
    </row>
    <row r="807002" spans="14:14">
      <c r="N807002" s="10"/>
    </row>
    <row r="807003" spans="14:14">
      <c r="N807003" s="10"/>
    </row>
    <row r="807004" spans="14:14">
      <c r="N807004" s="10"/>
    </row>
    <row r="807005" spans="14:14">
      <c r="N807005" s="10"/>
    </row>
    <row r="807006" spans="14:14">
      <c r="N807006" s="10"/>
    </row>
    <row r="807007" spans="14:14">
      <c r="N807007" s="10"/>
    </row>
    <row r="807008" spans="14:14">
      <c r="N807008" s="10"/>
    </row>
    <row r="807009" spans="14:14">
      <c r="N807009" s="10"/>
    </row>
    <row r="807010" spans="14:14">
      <c r="N807010" s="10"/>
    </row>
    <row r="807011" spans="14:14">
      <c r="N807011" s="10"/>
    </row>
    <row r="807012" spans="14:14">
      <c r="N807012" s="10"/>
    </row>
    <row r="807013" spans="14:14">
      <c r="N807013" s="10"/>
    </row>
    <row r="807014" spans="14:14">
      <c r="N807014" s="10"/>
    </row>
    <row r="807015" spans="14:14">
      <c r="N807015" s="10"/>
    </row>
    <row r="807016" spans="14:14">
      <c r="N807016" s="10"/>
    </row>
    <row r="807017" spans="14:14">
      <c r="N807017" s="10"/>
    </row>
    <row r="807018" spans="14:14">
      <c r="N807018" s="10"/>
    </row>
    <row r="807019" spans="14:14">
      <c r="N807019" s="10"/>
    </row>
    <row r="807020" spans="14:14">
      <c r="N807020" s="10"/>
    </row>
    <row r="807021" spans="14:14">
      <c r="N807021" s="10"/>
    </row>
    <row r="807022" spans="14:14">
      <c r="N807022" s="10"/>
    </row>
    <row r="807023" spans="14:14">
      <c r="N807023" s="10"/>
    </row>
    <row r="807024" spans="14:14">
      <c r="N807024" s="10"/>
    </row>
    <row r="807025" spans="14:14">
      <c r="N807025" s="10"/>
    </row>
    <row r="807026" spans="14:14">
      <c r="N807026" s="10"/>
    </row>
    <row r="807027" spans="14:14">
      <c r="N807027" s="10"/>
    </row>
    <row r="807028" spans="14:14">
      <c r="N807028" s="10"/>
    </row>
    <row r="807029" spans="14:14">
      <c r="N807029" s="10"/>
    </row>
    <row r="807030" spans="14:14">
      <c r="N807030" s="10"/>
    </row>
    <row r="807031" spans="14:14">
      <c r="N807031" s="10"/>
    </row>
    <row r="807032" spans="14:14">
      <c r="N807032" s="10"/>
    </row>
    <row r="807033" spans="14:14">
      <c r="N807033" s="10"/>
    </row>
    <row r="807034" spans="14:14">
      <c r="N807034" s="10"/>
    </row>
    <row r="807035" spans="14:14">
      <c r="N807035" s="10"/>
    </row>
    <row r="807036" spans="14:14">
      <c r="N807036" s="10"/>
    </row>
    <row r="807037" spans="14:14">
      <c r="N807037" s="10"/>
    </row>
    <row r="807038" spans="14:14">
      <c r="N807038" s="10"/>
    </row>
    <row r="807039" spans="14:14">
      <c r="N807039" s="10"/>
    </row>
    <row r="807040" spans="14:14">
      <c r="N807040" s="10"/>
    </row>
    <row r="807041" spans="14:14">
      <c r="N807041" s="10"/>
    </row>
    <row r="807042" spans="14:14">
      <c r="N807042" s="10"/>
    </row>
    <row r="807043" spans="14:14">
      <c r="N807043" s="10"/>
    </row>
    <row r="807044" spans="14:14">
      <c r="N807044" s="10"/>
    </row>
    <row r="807045" spans="14:14">
      <c r="N807045" s="10"/>
    </row>
    <row r="807046" spans="14:14">
      <c r="N807046" s="10"/>
    </row>
    <row r="807047" spans="14:14">
      <c r="N807047" s="10"/>
    </row>
    <row r="807048" spans="14:14">
      <c r="N807048" s="10"/>
    </row>
    <row r="807049" spans="14:14">
      <c r="N807049" s="10"/>
    </row>
    <row r="807050" spans="14:14">
      <c r="N807050" s="10"/>
    </row>
    <row r="807051" spans="14:14">
      <c r="N807051" s="10"/>
    </row>
    <row r="807052" spans="14:14">
      <c r="N807052" s="10"/>
    </row>
    <row r="807053" spans="14:14">
      <c r="N807053" s="10"/>
    </row>
    <row r="807054" spans="14:14">
      <c r="N807054" s="10"/>
    </row>
    <row r="807055" spans="14:14">
      <c r="N807055" s="10"/>
    </row>
    <row r="807056" spans="14:14">
      <c r="N807056" s="10"/>
    </row>
    <row r="807057" spans="14:14">
      <c r="N807057" s="10"/>
    </row>
    <row r="807058" spans="14:14">
      <c r="N807058" s="10"/>
    </row>
    <row r="807059" spans="14:14">
      <c r="N807059" s="10"/>
    </row>
    <row r="807060" spans="14:14">
      <c r="N807060" s="10"/>
    </row>
    <row r="807061" spans="14:14">
      <c r="N807061" s="10"/>
    </row>
    <row r="807062" spans="14:14">
      <c r="N807062" s="10"/>
    </row>
    <row r="807063" spans="14:14">
      <c r="N807063" s="10"/>
    </row>
    <row r="807064" spans="14:14">
      <c r="N807064" s="10"/>
    </row>
    <row r="807065" spans="14:14">
      <c r="N807065" s="10"/>
    </row>
    <row r="807066" spans="14:14">
      <c r="N807066" s="10"/>
    </row>
    <row r="807067" spans="14:14">
      <c r="N807067" s="10"/>
    </row>
    <row r="807068" spans="14:14">
      <c r="N807068" s="10"/>
    </row>
    <row r="807069" spans="14:14">
      <c r="N807069" s="10"/>
    </row>
    <row r="807070" spans="14:14">
      <c r="N807070" s="10"/>
    </row>
    <row r="807071" spans="14:14">
      <c r="N807071" s="10"/>
    </row>
    <row r="807072" spans="14:14">
      <c r="N807072" s="10"/>
    </row>
    <row r="807073" spans="14:14">
      <c r="N807073" s="10"/>
    </row>
    <row r="807074" spans="14:14">
      <c r="N807074" s="10"/>
    </row>
    <row r="807075" spans="14:14">
      <c r="N807075" s="10"/>
    </row>
    <row r="807076" spans="14:14">
      <c r="N807076" s="10"/>
    </row>
    <row r="807077" spans="14:14">
      <c r="N807077" s="10"/>
    </row>
    <row r="807078" spans="14:14">
      <c r="N807078" s="10"/>
    </row>
    <row r="807079" spans="14:14">
      <c r="N807079" s="10"/>
    </row>
    <row r="807080" spans="14:14">
      <c r="N807080" s="10"/>
    </row>
    <row r="807081" spans="14:14">
      <c r="N807081" s="10"/>
    </row>
    <row r="807082" spans="14:14">
      <c r="N807082" s="10"/>
    </row>
    <row r="807083" spans="14:14">
      <c r="N807083" s="10"/>
    </row>
    <row r="807084" spans="14:14">
      <c r="N807084" s="10"/>
    </row>
    <row r="807085" spans="14:14">
      <c r="N807085" s="10"/>
    </row>
    <row r="807086" spans="14:14">
      <c r="N807086" s="10"/>
    </row>
    <row r="807087" spans="14:14">
      <c r="N807087" s="10"/>
    </row>
    <row r="807088" spans="14:14">
      <c r="N807088" s="10"/>
    </row>
    <row r="807089" spans="14:14">
      <c r="N807089" s="10"/>
    </row>
    <row r="807090" spans="14:14">
      <c r="N807090" s="10"/>
    </row>
    <row r="807091" spans="14:14">
      <c r="N807091" s="10"/>
    </row>
    <row r="807092" spans="14:14">
      <c r="N807092" s="10"/>
    </row>
    <row r="807093" spans="14:14">
      <c r="N807093" s="10"/>
    </row>
    <row r="807094" spans="14:14">
      <c r="N807094" s="10"/>
    </row>
    <row r="807095" spans="14:14">
      <c r="N807095" s="10"/>
    </row>
    <row r="807096" spans="14:14">
      <c r="N807096" s="10"/>
    </row>
    <row r="807097" spans="14:14">
      <c r="N807097" s="10"/>
    </row>
    <row r="807098" spans="14:14">
      <c r="N807098" s="10"/>
    </row>
    <row r="807099" spans="14:14">
      <c r="N807099" s="10"/>
    </row>
    <row r="807100" spans="14:14">
      <c r="N807100" s="10"/>
    </row>
    <row r="807101" spans="14:14">
      <c r="N807101" s="10"/>
    </row>
    <row r="807102" spans="14:14">
      <c r="N807102" s="10"/>
    </row>
    <row r="807103" spans="14:14">
      <c r="N807103" s="10"/>
    </row>
    <row r="807104" spans="14:14">
      <c r="N807104" s="10"/>
    </row>
    <row r="807105" spans="14:14">
      <c r="N807105" s="10"/>
    </row>
    <row r="807106" spans="14:14">
      <c r="N807106" s="10"/>
    </row>
    <row r="807107" spans="14:14">
      <c r="N807107" s="10"/>
    </row>
    <row r="807108" spans="14:14">
      <c r="N807108" s="10"/>
    </row>
    <row r="807109" spans="14:14">
      <c r="N807109" s="10"/>
    </row>
    <row r="807110" spans="14:14">
      <c r="N807110" s="10"/>
    </row>
    <row r="807111" spans="14:14">
      <c r="N807111" s="10"/>
    </row>
    <row r="807112" spans="14:14">
      <c r="N807112" s="10"/>
    </row>
    <row r="807113" spans="14:14">
      <c r="N807113" s="10"/>
    </row>
    <row r="807114" spans="14:14">
      <c r="N807114" s="10"/>
    </row>
    <row r="807115" spans="14:14">
      <c r="N807115" s="10"/>
    </row>
    <row r="807116" spans="14:14">
      <c r="N807116" s="10"/>
    </row>
    <row r="807117" spans="14:14">
      <c r="N807117" s="10"/>
    </row>
    <row r="807118" spans="14:14">
      <c r="N807118" s="10"/>
    </row>
    <row r="807119" spans="14:14">
      <c r="N807119" s="10"/>
    </row>
    <row r="807120" spans="14:14">
      <c r="N807120" s="10"/>
    </row>
    <row r="807121" spans="14:14">
      <c r="N807121" s="10"/>
    </row>
    <row r="807122" spans="14:14">
      <c r="N807122" s="10"/>
    </row>
    <row r="807123" spans="14:14">
      <c r="N807123" s="10"/>
    </row>
    <row r="807124" spans="14:14">
      <c r="N807124" s="10"/>
    </row>
    <row r="807125" spans="14:14">
      <c r="N807125" s="10"/>
    </row>
    <row r="807126" spans="14:14">
      <c r="N807126" s="10"/>
    </row>
    <row r="807127" spans="14:14">
      <c r="N807127" s="10"/>
    </row>
    <row r="807128" spans="14:14">
      <c r="N807128" s="10"/>
    </row>
    <row r="807129" spans="14:14">
      <c r="N807129" s="10"/>
    </row>
    <row r="807130" spans="14:14">
      <c r="N807130" s="10"/>
    </row>
    <row r="807131" spans="14:14">
      <c r="N807131" s="10"/>
    </row>
    <row r="807132" spans="14:14">
      <c r="N807132" s="10"/>
    </row>
    <row r="807133" spans="14:14">
      <c r="N807133" s="10"/>
    </row>
    <row r="807134" spans="14:14">
      <c r="N807134" s="10"/>
    </row>
    <row r="807135" spans="14:14">
      <c r="N807135" s="10"/>
    </row>
    <row r="807136" spans="14:14">
      <c r="N807136" s="10"/>
    </row>
    <row r="807137" spans="14:14">
      <c r="N807137" s="10"/>
    </row>
    <row r="807138" spans="14:14">
      <c r="N807138" s="10"/>
    </row>
    <row r="807139" spans="14:14">
      <c r="N807139" s="10"/>
    </row>
    <row r="807140" spans="14:14">
      <c r="N807140" s="10"/>
    </row>
    <row r="807141" spans="14:14">
      <c r="N807141" s="10"/>
    </row>
    <row r="807142" spans="14:14">
      <c r="N807142" s="10"/>
    </row>
    <row r="807143" spans="14:14">
      <c r="N807143" s="10"/>
    </row>
    <row r="807144" spans="14:14">
      <c r="N807144" s="10"/>
    </row>
    <row r="807145" spans="14:14">
      <c r="N807145" s="10"/>
    </row>
    <row r="807146" spans="14:14">
      <c r="N807146" s="10"/>
    </row>
    <row r="807147" spans="14:14">
      <c r="N807147" s="10"/>
    </row>
    <row r="807148" spans="14:14">
      <c r="N807148" s="10"/>
    </row>
    <row r="807149" spans="14:14">
      <c r="N807149" s="10"/>
    </row>
    <row r="807150" spans="14:14">
      <c r="N807150" s="10"/>
    </row>
    <row r="807151" spans="14:14">
      <c r="N807151" s="10"/>
    </row>
    <row r="807152" spans="14:14">
      <c r="N807152" s="10"/>
    </row>
    <row r="807153" spans="14:14">
      <c r="N807153" s="10"/>
    </row>
    <row r="807154" spans="14:14">
      <c r="N807154" s="10"/>
    </row>
    <row r="807155" spans="14:14">
      <c r="N807155" s="10"/>
    </row>
    <row r="807156" spans="14:14">
      <c r="N807156" s="10"/>
    </row>
    <row r="807157" spans="14:14">
      <c r="N807157" s="10"/>
    </row>
    <row r="807158" spans="14:14">
      <c r="N807158" s="10"/>
    </row>
    <row r="807159" spans="14:14">
      <c r="N807159" s="10"/>
    </row>
    <row r="807160" spans="14:14">
      <c r="N807160" s="10"/>
    </row>
    <row r="807161" spans="14:14">
      <c r="N807161" s="10"/>
    </row>
    <row r="807162" spans="14:14">
      <c r="N807162" s="10"/>
    </row>
    <row r="807163" spans="14:14">
      <c r="N807163" s="10"/>
    </row>
    <row r="807164" spans="14:14">
      <c r="N807164" s="10"/>
    </row>
    <row r="807165" spans="14:14">
      <c r="N807165" s="10"/>
    </row>
    <row r="807166" spans="14:14">
      <c r="N807166" s="10"/>
    </row>
    <row r="807167" spans="14:14">
      <c r="N807167" s="10"/>
    </row>
    <row r="807168" spans="14:14">
      <c r="N807168" s="10"/>
    </row>
    <row r="807169" spans="14:14">
      <c r="N807169" s="10"/>
    </row>
    <row r="807170" spans="14:14">
      <c r="N807170" s="10"/>
    </row>
    <row r="807171" spans="14:14">
      <c r="N807171" s="10"/>
    </row>
    <row r="807172" spans="14:14">
      <c r="N807172" s="10"/>
    </row>
    <row r="807173" spans="14:14">
      <c r="N807173" s="10"/>
    </row>
    <row r="807174" spans="14:14">
      <c r="N807174" s="10"/>
    </row>
    <row r="807175" spans="14:14">
      <c r="N807175" s="10"/>
    </row>
    <row r="807176" spans="14:14">
      <c r="N807176" s="10"/>
    </row>
    <row r="807177" spans="14:14">
      <c r="N807177" s="10"/>
    </row>
    <row r="807178" spans="14:14">
      <c r="N807178" s="10"/>
    </row>
    <row r="807179" spans="14:14">
      <c r="N807179" s="10"/>
    </row>
    <row r="807180" spans="14:14">
      <c r="N807180" s="10"/>
    </row>
    <row r="807181" spans="14:14">
      <c r="N807181" s="10"/>
    </row>
    <row r="807182" spans="14:14">
      <c r="N807182" s="10"/>
    </row>
    <row r="807183" spans="14:14">
      <c r="N807183" s="10"/>
    </row>
    <row r="807184" spans="14:14">
      <c r="N807184" s="10"/>
    </row>
    <row r="807185" spans="14:14">
      <c r="N807185" s="10"/>
    </row>
    <row r="807186" spans="14:14">
      <c r="N807186" s="10"/>
    </row>
    <row r="807187" spans="14:14">
      <c r="N807187" s="10"/>
    </row>
    <row r="807188" spans="14:14">
      <c r="N807188" s="10"/>
    </row>
    <row r="807189" spans="14:14">
      <c r="N807189" s="10"/>
    </row>
    <row r="807190" spans="14:14">
      <c r="N807190" s="10"/>
    </row>
    <row r="807191" spans="14:14">
      <c r="N807191" s="10"/>
    </row>
    <row r="807192" spans="14:14">
      <c r="N807192" s="10"/>
    </row>
    <row r="807193" spans="14:14">
      <c r="N807193" s="10"/>
    </row>
    <row r="807194" spans="14:14">
      <c r="N807194" s="10"/>
    </row>
    <row r="807195" spans="14:14">
      <c r="N807195" s="10"/>
    </row>
    <row r="807196" spans="14:14">
      <c r="N807196" s="10"/>
    </row>
    <row r="807197" spans="14:14">
      <c r="N807197" s="10"/>
    </row>
    <row r="807198" spans="14:14">
      <c r="N807198" s="10"/>
    </row>
    <row r="807199" spans="14:14">
      <c r="N807199" s="10"/>
    </row>
    <row r="807200" spans="14:14">
      <c r="N807200" s="10"/>
    </row>
    <row r="807201" spans="14:14">
      <c r="N807201" s="10"/>
    </row>
    <row r="807202" spans="14:14">
      <c r="N807202" s="10"/>
    </row>
    <row r="807203" spans="14:14">
      <c r="N807203" s="10"/>
    </row>
    <row r="807204" spans="14:14">
      <c r="N807204" s="10"/>
    </row>
    <row r="807205" spans="14:14">
      <c r="N807205" s="10"/>
    </row>
    <row r="807206" spans="14:14">
      <c r="N807206" s="10"/>
    </row>
    <row r="807207" spans="14:14">
      <c r="N807207" s="10"/>
    </row>
    <row r="807208" spans="14:14">
      <c r="N807208" s="10"/>
    </row>
    <row r="807209" spans="14:14">
      <c r="N807209" s="10"/>
    </row>
    <row r="807210" spans="14:14">
      <c r="N807210" s="10"/>
    </row>
    <row r="807211" spans="14:14">
      <c r="N807211" s="10"/>
    </row>
    <row r="807212" spans="14:14">
      <c r="N807212" s="10"/>
    </row>
    <row r="807213" spans="14:14">
      <c r="N807213" s="10"/>
    </row>
    <row r="807214" spans="14:14">
      <c r="N807214" s="10"/>
    </row>
    <row r="807215" spans="14:14">
      <c r="N807215" s="10"/>
    </row>
    <row r="807216" spans="14:14">
      <c r="N807216" s="10"/>
    </row>
    <row r="807217" spans="14:14">
      <c r="N807217" s="10"/>
    </row>
    <row r="807218" spans="14:14">
      <c r="N807218" s="10"/>
    </row>
    <row r="807219" spans="14:14">
      <c r="N807219" s="10"/>
    </row>
    <row r="807220" spans="14:14">
      <c r="N807220" s="10"/>
    </row>
    <row r="807221" spans="14:14">
      <c r="N807221" s="10"/>
    </row>
    <row r="807222" spans="14:14">
      <c r="N807222" s="10"/>
    </row>
    <row r="807223" spans="14:14">
      <c r="N807223" s="10"/>
    </row>
    <row r="807224" spans="14:14">
      <c r="N807224" s="10"/>
    </row>
    <row r="807225" spans="14:14">
      <c r="N807225" s="10"/>
    </row>
    <row r="807226" spans="14:14">
      <c r="N807226" s="10"/>
    </row>
    <row r="807227" spans="14:14">
      <c r="N807227" s="10"/>
    </row>
    <row r="807228" spans="14:14">
      <c r="N807228" s="10"/>
    </row>
    <row r="807229" spans="14:14">
      <c r="N807229" s="10"/>
    </row>
    <row r="807230" spans="14:14">
      <c r="N807230" s="10"/>
    </row>
    <row r="807231" spans="14:14">
      <c r="N807231" s="10"/>
    </row>
    <row r="807232" spans="14:14">
      <c r="N807232" s="10"/>
    </row>
    <row r="807233" spans="14:14">
      <c r="N807233" s="10"/>
    </row>
    <row r="807234" spans="14:14">
      <c r="N807234" s="10"/>
    </row>
    <row r="807235" spans="14:14">
      <c r="N807235" s="10"/>
    </row>
    <row r="807236" spans="14:14">
      <c r="N807236" s="10"/>
    </row>
    <row r="807237" spans="14:14">
      <c r="N807237" s="10"/>
    </row>
    <row r="807238" spans="14:14">
      <c r="N807238" s="10"/>
    </row>
    <row r="807239" spans="14:14">
      <c r="N807239" s="10"/>
    </row>
    <row r="807240" spans="14:14">
      <c r="N807240" s="10"/>
    </row>
    <row r="807241" spans="14:14">
      <c r="N807241" s="10"/>
    </row>
    <row r="807242" spans="14:14">
      <c r="N807242" s="10"/>
    </row>
    <row r="807243" spans="14:14">
      <c r="N807243" s="10"/>
    </row>
    <row r="807244" spans="14:14">
      <c r="N807244" s="10"/>
    </row>
    <row r="807245" spans="14:14">
      <c r="N807245" s="10"/>
    </row>
    <row r="807246" spans="14:14">
      <c r="N807246" s="10"/>
    </row>
    <row r="807247" spans="14:14">
      <c r="N807247" s="10"/>
    </row>
    <row r="807248" spans="14:14">
      <c r="N807248" s="10"/>
    </row>
    <row r="807249" spans="14:14">
      <c r="N807249" s="10"/>
    </row>
    <row r="807250" spans="14:14">
      <c r="N807250" s="10"/>
    </row>
    <row r="807251" spans="14:14">
      <c r="N807251" s="10"/>
    </row>
    <row r="807252" spans="14:14">
      <c r="N807252" s="10"/>
    </row>
    <row r="807253" spans="14:14">
      <c r="N807253" s="10"/>
    </row>
    <row r="807254" spans="14:14">
      <c r="N807254" s="10"/>
    </row>
    <row r="807255" spans="14:14">
      <c r="N807255" s="10"/>
    </row>
    <row r="807256" spans="14:14">
      <c r="N807256" s="10"/>
    </row>
    <row r="807257" spans="14:14">
      <c r="N807257" s="10"/>
    </row>
    <row r="807258" spans="14:14">
      <c r="N807258" s="10"/>
    </row>
    <row r="807259" spans="14:14">
      <c r="N807259" s="10"/>
    </row>
    <row r="807260" spans="14:14">
      <c r="N807260" s="10"/>
    </row>
    <row r="807261" spans="14:14">
      <c r="N807261" s="10"/>
    </row>
    <row r="807262" spans="14:14">
      <c r="N807262" s="10"/>
    </row>
    <row r="807263" spans="14:14">
      <c r="N807263" s="10"/>
    </row>
    <row r="807264" spans="14:14">
      <c r="N807264" s="10"/>
    </row>
    <row r="807265" spans="14:14">
      <c r="N807265" s="10"/>
    </row>
    <row r="807266" spans="14:14">
      <c r="N807266" s="10"/>
    </row>
    <row r="807267" spans="14:14">
      <c r="N807267" s="10"/>
    </row>
    <row r="807268" spans="14:14">
      <c r="N807268" s="10"/>
    </row>
    <row r="807269" spans="14:14">
      <c r="N807269" s="10"/>
    </row>
    <row r="807270" spans="14:14">
      <c r="N807270" s="10"/>
    </row>
    <row r="807271" spans="14:14">
      <c r="N807271" s="10"/>
    </row>
    <row r="807272" spans="14:14">
      <c r="N807272" s="10"/>
    </row>
    <row r="807273" spans="14:14">
      <c r="N807273" s="10"/>
    </row>
    <row r="807274" spans="14:14">
      <c r="N807274" s="10"/>
    </row>
    <row r="807275" spans="14:14">
      <c r="N807275" s="10"/>
    </row>
    <row r="807276" spans="14:14">
      <c r="N807276" s="10"/>
    </row>
    <row r="807277" spans="14:14">
      <c r="N807277" s="10"/>
    </row>
    <row r="807278" spans="14:14">
      <c r="N807278" s="10"/>
    </row>
    <row r="807279" spans="14:14">
      <c r="N807279" s="10"/>
    </row>
    <row r="807280" spans="14:14">
      <c r="N807280" s="10"/>
    </row>
    <row r="807281" spans="14:14">
      <c r="N807281" s="10"/>
    </row>
    <row r="807282" spans="14:14">
      <c r="N807282" s="10"/>
    </row>
    <row r="807283" spans="14:14">
      <c r="N807283" s="10"/>
    </row>
    <row r="807284" spans="14:14">
      <c r="N807284" s="10"/>
    </row>
    <row r="807285" spans="14:14">
      <c r="N807285" s="10"/>
    </row>
    <row r="807286" spans="14:14">
      <c r="N807286" s="10"/>
    </row>
    <row r="807287" spans="14:14">
      <c r="N807287" s="10"/>
    </row>
    <row r="807288" spans="14:14">
      <c r="N807288" s="10"/>
    </row>
    <row r="807289" spans="14:14">
      <c r="N807289" s="10"/>
    </row>
    <row r="807290" spans="14:14">
      <c r="N807290" s="10"/>
    </row>
    <row r="807291" spans="14:14">
      <c r="N807291" s="10"/>
    </row>
    <row r="807292" spans="14:14">
      <c r="N807292" s="10"/>
    </row>
    <row r="807293" spans="14:14">
      <c r="N807293" s="10"/>
    </row>
    <row r="807294" spans="14:14">
      <c r="N807294" s="10"/>
    </row>
    <row r="807295" spans="14:14">
      <c r="N807295" s="10"/>
    </row>
    <row r="807296" spans="14:14">
      <c r="N807296" s="10"/>
    </row>
    <row r="807297" spans="14:14">
      <c r="N807297" s="10"/>
    </row>
    <row r="807298" spans="14:14">
      <c r="N807298" s="10"/>
    </row>
    <row r="807299" spans="14:14">
      <c r="N807299" s="10"/>
    </row>
    <row r="807300" spans="14:14">
      <c r="N807300" s="10"/>
    </row>
    <row r="807301" spans="14:14">
      <c r="N807301" s="10"/>
    </row>
    <row r="807302" spans="14:14">
      <c r="N807302" s="10"/>
    </row>
    <row r="807303" spans="14:14">
      <c r="N807303" s="10"/>
    </row>
    <row r="807304" spans="14:14">
      <c r="N807304" s="10"/>
    </row>
    <row r="807305" spans="14:14">
      <c r="N807305" s="10"/>
    </row>
    <row r="807306" spans="14:14">
      <c r="N807306" s="10"/>
    </row>
    <row r="807307" spans="14:14">
      <c r="N807307" s="10"/>
    </row>
    <row r="807308" spans="14:14">
      <c r="N807308" s="10"/>
    </row>
    <row r="807309" spans="14:14">
      <c r="N807309" s="10"/>
    </row>
    <row r="807310" spans="14:14">
      <c r="N807310" s="10"/>
    </row>
    <row r="807311" spans="14:14">
      <c r="N807311" s="10"/>
    </row>
    <row r="807312" spans="14:14">
      <c r="N807312" s="10"/>
    </row>
    <row r="807313" spans="14:14">
      <c r="N807313" s="10"/>
    </row>
    <row r="807314" spans="14:14">
      <c r="N807314" s="10"/>
    </row>
    <row r="807315" spans="14:14">
      <c r="N807315" s="10"/>
    </row>
    <row r="807316" spans="14:14">
      <c r="N807316" s="10"/>
    </row>
    <row r="807317" spans="14:14">
      <c r="N807317" s="10"/>
    </row>
    <row r="807318" spans="14:14">
      <c r="N807318" s="10"/>
    </row>
    <row r="807319" spans="14:14">
      <c r="N807319" s="10"/>
    </row>
    <row r="807320" spans="14:14">
      <c r="N807320" s="10"/>
    </row>
    <row r="807321" spans="14:14">
      <c r="N807321" s="10"/>
    </row>
    <row r="807322" spans="14:14">
      <c r="N807322" s="10"/>
    </row>
    <row r="807323" spans="14:14">
      <c r="N807323" s="10"/>
    </row>
    <row r="807324" spans="14:14">
      <c r="N807324" s="10"/>
    </row>
    <row r="807325" spans="14:14">
      <c r="N807325" s="10"/>
    </row>
    <row r="807326" spans="14:14">
      <c r="N807326" s="10"/>
    </row>
    <row r="807327" spans="14:14">
      <c r="N807327" s="10"/>
    </row>
    <row r="807328" spans="14:14">
      <c r="N807328" s="10"/>
    </row>
    <row r="807329" spans="14:14">
      <c r="N807329" s="10"/>
    </row>
    <row r="807330" spans="14:14">
      <c r="N807330" s="10"/>
    </row>
    <row r="807331" spans="14:14">
      <c r="N807331" s="10"/>
    </row>
    <row r="807332" spans="14:14">
      <c r="N807332" s="10"/>
    </row>
    <row r="807333" spans="14:14">
      <c r="N807333" s="10"/>
    </row>
    <row r="807334" spans="14:14">
      <c r="N807334" s="10"/>
    </row>
    <row r="807335" spans="14:14">
      <c r="N807335" s="10"/>
    </row>
    <row r="807336" spans="14:14">
      <c r="N807336" s="10"/>
    </row>
    <row r="807337" spans="14:14">
      <c r="N807337" s="10"/>
    </row>
    <row r="807338" spans="14:14">
      <c r="N807338" s="10"/>
    </row>
    <row r="807339" spans="14:14">
      <c r="N807339" s="10"/>
    </row>
    <row r="807340" spans="14:14">
      <c r="N807340" s="10"/>
    </row>
    <row r="807341" spans="14:14">
      <c r="N807341" s="10"/>
    </row>
    <row r="807342" spans="14:14">
      <c r="N807342" s="10"/>
    </row>
    <row r="807343" spans="14:14">
      <c r="N807343" s="10"/>
    </row>
    <row r="807344" spans="14:14">
      <c r="N807344" s="10"/>
    </row>
    <row r="807345" spans="14:14">
      <c r="N807345" s="10"/>
    </row>
    <row r="807346" spans="14:14">
      <c r="N807346" s="10"/>
    </row>
    <row r="807347" spans="14:14">
      <c r="N807347" s="10"/>
    </row>
    <row r="807348" spans="14:14">
      <c r="N807348" s="10"/>
    </row>
    <row r="807349" spans="14:14">
      <c r="N807349" s="10"/>
    </row>
    <row r="807350" spans="14:14">
      <c r="N807350" s="10"/>
    </row>
    <row r="807351" spans="14:14">
      <c r="N807351" s="10"/>
    </row>
    <row r="807352" spans="14:14">
      <c r="N807352" s="10"/>
    </row>
    <row r="807353" spans="14:14">
      <c r="N807353" s="10"/>
    </row>
    <row r="807354" spans="14:14">
      <c r="N807354" s="10"/>
    </row>
    <row r="807355" spans="14:14">
      <c r="N807355" s="10"/>
    </row>
    <row r="807356" spans="14:14">
      <c r="N807356" s="10"/>
    </row>
    <row r="807357" spans="14:14">
      <c r="N807357" s="10"/>
    </row>
    <row r="807358" spans="14:14">
      <c r="N807358" s="10"/>
    </row>
    <row r="807359" spans="14:14">
      <c r="N807359" s="10"/>
    </row>
    <row r="807360" spans="14:14">
      <c r="N807360" s="10"/>
    </row>
    <row r="807361" spans="14:14">
      <c r="N807361" s="10"/>
    </row>
    <row r="807362" spans="14:14">
      <c r="N807362" s="10"/>
    </row>
    <row r="807363" spans="14:14">
      <c r="N807363" s="10"/>
    </row>
    <row r="807364" spans="14:14">
      <c r="N807364" s="10"/>
    </row>
    <row r="807365" spans="14:14">
      <c r="N807365" s="10"/>
    </row>
    <row r="807366" spans="14:14">
      <c r="N807366" s="10"/>
    </row>
    <row r="807367" spans="14:14">
      <c r="N807367" s="10"/>
    </row>
    <row r="807368" spans="14:14">
      <c r="N807368" s="10"/>
    </row>
    <row r="807369" spans="14:14">
      <c r="N807369" s="10"/>
    </row>
    <row r="807370" spans="14:14">
      <c r="N807370" s="10"/>
    </row>
    <row r="807371" spans="14:14">
      <c r="N807371" s="10"/>
    </row>
    <row r="807372" spans="14:14">
      <c r="N807372" s="10"/>
    </row>
    <row r="807373" spans="14:14">
      <c r="N807373" s="10"/>
    </row>
    <row r="807374" spans="14:14">
      <c r="N807374" s="10"/>
    </row>
    <row r="807375" spans="14:14">
      <c r="N807375" s="10"/>
    </row>
    <row r="807376" spans="14:14">
      <c r="N807376" s="10"/>
    </row>
    <row r="807377" spans="14:14">
      <c r="N807377" s="10"/>
    </row>
    <row r="807378" spans="14:14">
      <c r="N807378" s="10"/>
    </row>
    <row r="807379" spans="14:14">
      <c r="N807379" s="10"/>
    </row>
    <row r="807380" spans="14:14">
      <c r="N807380" s="10"/>
    </row>
    <row r="807381" spans="14:14">
      <c r="N807381" s="10"/>
    </row>
    <row r="807382" spans="14:14">
      <c r="N807382" s="10"/>
    </row>
    <row r="807383" spans="14:14">
      <c r="N807383" s="10"/>
    </row>
    <row r="807384" spans="14:14">
      <c r="N807384" s="10"/>
    </row>
    <row r="807385" spans="14:14">
      <c r="N807385" s="10"/>
    </row>
    <row r="807386" spans="14:14">
      <c r="N807386" s="10"/>
    </row>
    <row r="807387" spans="14:14">
      <c r="N807387" s="10"/>
    </row>
    <row r="807388" spans="14:14">
      <c r="N807388" s="10"/>
    </row>
    <row r="807389" spans="14:14">
      <c r="N807389" s="10"/>
    </row>
    <row r="807390" spans="14:14">
      <c r="N807390" s="10"/>
    </row>
    <row r="807391" spans="14:14">
      <c r="N807391" s="10"/>
    </row>
    <row r="807392" spans="14:14">
      <c r="N807392" s="10"/>
    </row>
    <row r="807393" spans="14:14">
      <c r="N807393" s="10"/>
    </row>
    <row r="807394" spans="14:14">
      <c r="N807394" s="10"/>
    </row>
    <row r="807395" spans="14:14">
      <c r="N807395" s="10"/>
    </row>
    <row r="807396" spans="14:14">
      <c r="N807396" s="10"/>
    </row>
    <row r="807397" spans="14:14">
      <c r="N807397" s="10"/>
    </row>
    <row r="807398" spans="14:14">
      <c r="N807398" s="10"/>
    </row>
    <row r="807399" spans="14:14">
      <c r="N807399" s="10"/>
    </row>
    <row r="807400" spans="14:14">
      <c r="N807400" s="10"/>
    </row>
    <row r="807401" spans="14:14">
      <c r="N807401" s="10"/>
    </row>
    <row r="807402" spans="14:14">
      <c r="N807402" s="10"/>
    </row>
    <row r="807403" spans="14:14">
      <c r="N807403" s="10"/>
    </row>
    <row r="807404" spans="14:14">
      <c r="N807404" s="10"/>
    </row>
    <row r="807405" spans="14:14">
      <c r="N807405" s="10"/>
    </row>
    <row r="807406" spans="14:14">
      <c r="N807406" s="10"/>
    </row>
    <row r="807407" spans="14:14">
      <c r="N807407" s="10"/>
    </row>
    <row r="807408" spans="14:14">
      <c r="N807408" s="10"/>
    </row>
    <row r="807409" spans="14:14">
      <c r="N807409" s="10"/>
    </row>
    <row r="807410" spans="14:14">
      <c r="N807410" s="10"/>
    </row>
    <row r="807411" spans="14:14">
      <c r="N807411" s="10"/>
    </row>
    <row r="807412" spans="14:14">
      <c r="N807412" s="10"/>
    </row>
    <row r="807413" spans="14:14">
      <c r="N807413" s="10"/>
    </row>
    <row r="807414" spans="14:14">
      <c r="N807414" s="10"/>
    </row>
    <row r="807415" spans="14:14">
      <c r="N807415" s="10"/>
    </row>
    <row r="807416" spans="14:14">
      <c r="N807416" s="10"/>
    </row>
    <row r="807417" spans="14:14">
      <c r="N807417" s="10"/>
    </row>
    <row r="807418" spans="14:14">
      <c r="N807418" s="10"/>
    </row>
    <row r="807419" spans="14:14">
      <c r="N807419" s="10"/>
    </row>
    <row r="807420" spans="14:14">
      <c r="N807420" s="10"/>
    </row>
    <row r="807421" spans="14:14">
      <c r="N807421" s="10"/>
    </row>
    <row r="807422" spans="14:14">
      <c r="N807422" s="10"/>
    </row>
    <row r="807423" spans="14:14">
      <c r="N807423" s="10"/>
    </row>
    <row r="807424" spans="14:14">
      <c r="N807424" s="10"/>
    </row>
    <row r="807425" spans="14:14">
      <c r="N807425" s="10"/>
    </row>
    <row r="807426" spans="14:14">
      <c r="N807426" s="10"/>
    </row>
    <row r="807427" spans="14:14">
      <c r="N807427" s="10"/>
    </row>
    <row r="807428" spans="14:14">
      <c r="N807428" s="10"/>
    </row>
    <row r="807429" spans="14:14">
      <c r="N807429" s="10"/>
    </row>
    <row r="807430" spans="14:14">
      <c r="N807430" s="10"/>
    </row>
    <row r="807431" spans="14:14">
      <c r="N807431" s="10"/>
    </row>
    <row r="807432" spans="14:14">
      <c r="N807432" s="10"/>
    </row>
    <row r="807433" spans="14:14">
      <c r="N807433" s="10"/>
    </row>
    <row r="807434" spans="14:14">
      <c r="N807434" s="10"/>
    </row>
    <row r="807435" spans="14:14">
      <c r="N807435" s="10"/>
    </row>
    <row r="807436" spans="14:14">
      <c r="N807436" s="10"/>
    </row>
    <row r="807437" spans="14:14">
      <c r="N807437" s="10"/>
    </row>
    <row r="807438" spans="14:14">
      <c r="N807438" s="10"/>
    </row>
    <row r="807439" spans="14:14">
      <c r="N807439" s="10"/>
    </row>
    <row r="807440" spans="14:14">
      <c r="N807440" s="10"/>
    </row>
    <row r="807441" spans="14:14">
      <c r="N807441" s="10"/>
    </row>
    <row r="807442" spans="14:14">
      <c r="N807442" s="10"/>
    </row>
    <row r="807443" spans="14:14">
      <c r="N807443" s="10"/>
    </row>
    <row r="807444" spans="14:14">
      <c r="N807444" s="10"/>
    </row>
    <row r="807445" spans="14:14">
      <c r="N807445" s="10"/>
    </row>
    <row r="807446" spans="14:14">
      <c r="N807446" s="10"/>
    </row>
    <row r="807447" spans="14:14">
      <c r="N807447" s="10"/>
    </row>
    <row r="807448" spans="14:14">
      <c r="N807448" s="10"/>
    </row>
    <row r="807449" spans="14:14">
      <c r="N807449" s="10"/>
    </row>
    <row r="807450" spans="14:14">
      <c r="N807450" s="10"/>
    </row>
    <row r="807451" spans="14:14">
      <c r="N807451" s="10"/>
    </row>
    <row r="807452" spans="14:14">
      <c r="N807452" s="10"/>
    </row>
    <row r="807453" spans="14:14">
      <c r="N807453" s="10"/>
    </row>
    <row r="807454" spans="14:14">
      <c r="N807454" s="10"/>
    </row>
    <row r="807455" spans="14:14">
      <c r="N807455" s="10"/>
    </row>
    <row r="807456" spans="14:14">
      <c r="N807456" s="10"/>
    </row>
    <row r="807457" spans="14:14">
      <c r="N807457" s="10"/>
    </row>
    <row r="807458" spans="14:14">
      <c r="N807458" s="10"/>
    </row>
    <row r="807459" spans="14:14">
      <c r="N807459" s="10"/>
    </row>
    <row r="807460" spans="14:14">
      <c r="N807460" s="10"/>
    </row>
    <row r="807461" spans="14:14">
      <c r="N807461" s="10"/>
    </row>
    <row r="807462" spans="14:14">
      <c r="N807462" s="10"/>
    </row>
    <row r="807463" spans="14:14">
      <c r="N807463" s="10"/>
    </row>
    <row r="807464" spans="14:14">
      <c r="N807464" s="10"/>
    </row>
    <row r="807465" spans="14:14">
      <c r="N807465" s="10"/>
    </row>
    <row r="807466" spans="14:14">
      <c r="N807466" s="10"/>
    </row>
    <row r="807467" spans="14:14">
      <c r="N807467" s="10"/>
    </row>
    <row r="807468" spans="14:14">
      <c r="N807468" s="10"/>
    </row>
    <row r="807469" spans="14:14">
      <c r="N807469" s="10"/>
    </row>
    <row r="807470" spans="14:14">
      <c r="N807470" s="10"/>
    </row>
    <row r="807471" spans="14:14">
      <c r="N807471" s="10"/>
    </row>
    <row r="807472" spans="14:14">
      <c r="N807472" s="10"/>
    </row>
    <row r="807473" spans="14:14">
      <c r="N807473" s="10"/>
    </row>
    <row r="807474" spans="14:14">
      <c r="N807474" s="10"/>
    </row>
    <row r="807475" spans="14:14">
      <c r="N807475" s="10"/>
    </row>
    <row r="807476" spans="14:14">
      <c r="N807476" s="10"/>
    </row>
    <row r="807477" spans="14:14">
      <c r="N807477" s="10"/>
    </row>
    <row r="807478" spans="14:14">
      <c r="N807478" s="10"/>
    </row>
    <row r="807479" spans="14:14">
      <c r="N807479" s="10"/>
    </row>
    <row r="807480" spans="14:14">
      <c r="N807480" s="10"/>
    </row>
    <row r="807481" spans="14:14">
      <c r="N807481" s="10"/>
    </row>
    <row r="807482" spans="14:14">
      <c r="N807482" s="10"/>
    </row>
    <row r="807483" spans="14:14">
      <c r="N807483" s="10"/>
    </row>
    <row r="807484" spans="14:14">
      <c r="N807484" s="10"/>
    </row>
    <row r="807485" spans="14:14">
      <c r="N807485" s="10"/>
    </row>
    <row r="807486" spans="14:14">
      <c r="N807486" s="10"/>
    </row>
    <row r="807487" spans="14:14">
      <c r="N807487" s="10"/>
    </row>
    <row r="807488" spans="14:14">
      <c r="N807488" s="10"/>
    </row>
    <row r="807489" spans="14:14">
      <c r="N807489" s="10"/>
    </row>
    <row r="807490" spans="14:14">
      <c r="N807490" s="10"/>
    </row>
    <row r="807491" spans="14:14">
      <c r="N807491" s="10"/>
    </row>
    <row r="807492" spans="14:14">
      <c r="N807492" s="10"/>
    </row>
    <row r="807493" spans="14:14">
      <c r="N807493" s="10"/>
    </row>
    <row r="807494" spans="14:14">
      <c r="N807494" s="10"/>
    </row>
    <row r="807495" spans="14:14">
      <c r="N807495" s="10"/>
    </row>
    <row r="807496" spans="14:14">
      <c r="N807496" s="10"/>
    </row>
    <row r="807497" spans="14:14">
      <c r="N807497" s="10"/>
    </row>
    <row r="807498" spans="14:14">
      <c r="N807498" s="10"/>
    </row>
    <row r="807499" spans="14:14">
      <c r="N807499" s="10"/>
    </row>
    <row r="807500" spans="14:14">
      <c r="N807500" s="10"/>
    </row>
    <row r="807501" spans="14:14">
      <c r="N807501" s="10"/>
    </row>
    <row r="807502" spans="14:14">
      <c r="N807502" s="10"/>
    </row>
    <row r="807503" spans="14:14">
      <c r="N807503" s="10"/>
    </row>
    <row r="807504" spans="14:14">
      <c r="N807504" s="10"/>
    </row>
    <row r="807505" spans="14:14">
      <c r="N807505" s="10"/>
    </row>
    <row r="807506" spans="14:14">
      <c r="N807506" s="10"/>
    </row>
    <row r="807507" spans="14:14">
      <c r="N807507" s="10"/>
    </row>
    <row r="807508" spans="14:14">
      <c r="N807508" s="10"/>
    </row>
    <row r="807509" spans="14:14">
      <c r="N807509" s="10"/>
    </row>
    <row r="807510" spans="14:14">
      <c r="N807510" s="10"/>
    </row>
    <row r="807511" spans="14:14">
      <c r="N807511" s="10"/>
    </row>
    <row r="807512" spans="14:14">
      <c r="N807512" s="10"/>
    </row>
    <row r="807513" spans="14:14">
      <c r="N807513" s="10"/>
    </row>
    <row r="807514" spans="14:14">
      <c r="N807514" s="10"/>
    </row>
    <row r="807515" spans="14:14">
      <c r="N807515" s="10"/>
    </row>
    <row r="807516" spans="14:14">
      <c r="N807516" s="10"/>
    </row>
    <row r="807517" spans="14:14">
      <c r="N807517" s="10"/>
    </row>
    <row r="807518" spans="14:14">
      <c r="N807518" s="10"/>
    </row>
    <row r="807519" spans="14:14">
      <c r="N807519" s="10"/>
    </row>
    <row r="807520" spans="14:14">
      <c r="N807520" s="10"/>
    </row>
    <row r="807521" spans="14:14">
      <c r="N807521" s="10"/>
    </row>
    <row r="807522" spans="14:14">
      <c r="N807522" s="10"/>
    </row>
    <row r="807523" spans="14:14">
      <c r="N807523" s="10"/>
    </row>
    <row r="807524" spans="14:14">
      <c r="N807524" s="10"/>
    </row>
    <row r="807525" spans="14:14">
      <c r="N807525" s="10"/>
    </row>
    <row r="807526" spans="14:14">
      <c r="N807526" s="10"/>
    </row>
    <row r="807527" spans="14:14">
      <c r="N807527" s="10"/>
    </row>
    <row r="807528" spans="14:14">
      <c r="N807528" s="10"/>
    </row>
    <row r="807529" spans="14:14">
      <c r="N807529" s="10"/>
    </row>
    <row r="807530" spans="14:14">
      <c r="N807530" s="10"/>
    </row>
    <row r="807531" spans="14:14">
      <c r="N807531" s="10"/>
    </row>
    <row r="807532" spans="14:14">
      <c r="N807532" s="10"/>
    </row>
    <row r="807533" spans="14:14">
      <c r="N807533" s="10"/>
    </row>
    <row r="807534" spans="14:14">
      <c r="N807534" s="10"/>
    </row>
    <row r="807535" spans="14:14">
      <c r="N807535" s="10"/>
    </row>
    <row r="807536" spans="14:14">
      <c r="N807536" s="10"/>
    </row>
    <row r="807537" spans="14:14">
      <c r="N807537" s="10"/>
    </row>
    <row r="807538" spans="14:14">
      <c r="N807538" s="10"/>
    </row>
    <row r="807539" spans="14:14">
      <c r="N807539" s="10"/>
    </row>
    <row r="807540" spans="14:14">
      <c r="N807540" s="10"/>
    </row>
    <row r="807541" spans="14:14">
      <c r="N807541" s="10"/>
    </row>
    <row r="807542" spans="14:14">
      <c r="N807542" s="10"/>
    </row>
    <row r="807543" spans="14:14">
      <c r="N807543" s="10"/>
    </row>
    <row r="807544" spans="14:14">
      <c r="N807544" s="10"/>
    </row>
    <row r="807545" spans="14:14">
      <c r="N807545" s="10"/>
    </row>
    <row r="807546" spans="14:14">
      <c r="N807546" s="10"/>
    </row>
    <row r="807547" spans="14:14">
      <c r="N807547" s="10"/>
    </row>
    <row r="807548" spans="14:14">
      <c r="N807548" s="10"/>
    </row>
    <row r="807549" spans="14:14">
      <c r="N807549" s="10"/>
    </row>
    <row r="807550" spans="14:14">
      <c r="N807550" s="10"/>
    </row>
    <row r="807551" spans="14:14">
      <c r="N807551" s="10"/>
    </row>
    <row r="807552" spans="14:14">
      <c r="N807552" s="10"/>
    </row>
    <row r="807553" spans="14:14">
      <c r="N807553" s="10"/>
    </row>
    <row r="807554" spans="14:14">
      <c r="N807554" s="10"/>
    </row>
    <row r="807555" spans="14:14">
      <c r="N807555" s="10"/>
    </row>
    <row r="807556" spans="14:14">
      <c r="N807556" s="10"/>
    </row>
    <row r="807557" spans="14:14">
      <c r="N807557" s="10"/>
    </row>
    <row r="807558" spans="14:14">
      <c r="N807558" s="10"/>
    </row>
    <row r="807559" spans="14:14">
      <c r="N807559" s="10"/>
    </row>
    <row r="807560" spans="14:14">
      <c r="N807560" s="10"/>
    </row>
    <row r="807561" spans="14:14">
      <c r="N807561" s="10"/>
    </row>
    <row r="807562" spans="14:14">
      <c r="N807562" s="10"/>
    </row>
    <row r="807563" spans="14:14">
      <c r="N807563" s="10"/>
    </row>
    <row r="807564" spans="14:14">
      <c r="N807564" s="10"/>
    </row>
    <row r="807565" spans="14:14">
      <c r="N807565" s="10"/>
    </row>
    <row r="807566" spans="14:14">
      <c r="N807566" s="10"/>
    </row>
    <row r="807567" spans="14:14">
      <c r="N807567" s="10"/>
    </row>
    <row r="807568" spans="14:14">
      <c r="N807568" s="10"/>
    </row>
    <row r="807569" spans="14:14">
      <c r="N807569" s="10"/>
    </row>
    <row r="807570" spans="14:14">
      <c r="N807570" s="10"/>
    </row>
    <row r="807571" spans="14:14">
      <c r="N807571" s="10"/>
    </row>
    <row r="807572" spans="14:14">
      <c r="N807572" s="10"/>
    </row>
    <row r="807573" spans="14:14">
      <c r="N807573" s="10"/>
    </row>
    <row r="807574" spans="14:14">
      <c r="N807574" s="10"/>
    </row>
    <row r="807575" spans="14:14">
      <c r="N807575" s="10"/>
    </row>
    <row r="807576" spans="14:14">
      <c r="N807576" s="10"/>
    </row>
    <row r="807577" spans="14:14">
      <c r="N807577" s="10"/>
    </row>
    <row r="807578" spans="14:14">
      <c r="N807578" s="10"/>
    </row>
    <row r="807579" spans="14:14">
      <c r="N807579" s="10"/>
    </row>
    <row r="807580" spans="14:14">
      <c r="N807580" s="10"/>
    </row>
    <row r="807581" spans="14:14">
      <c r="N807581" s="10"/>
    </row>
    <row r="807582" spans="14:14">
      <c r="N807582" s="10"/>
    </row>
    <row r="807583" spans="14:14">
      <c r="N807583" s="10"/>
    </row>
    <row r="807584" spans="14:14">
      <c r="N807584" s="10"/>
    </row>
    <row r="807585" spans="14:14">
      <c r="N807585" s="10"/>
    </row>
    <row r="807586" spans="14:14">
      <c r="N807586" s="10"/>
    </row>
    <row r="807587" spans="14:14">
      <c r="N807587" s="10"/>
    </row>
    <row r="807588" spans="14:14">
      <c r="N807588" s="10"/>
    </row>
    <row r="807589" spans="14:14">
      <c r="N807589" s="10"/>
    </row>
    <row r="807590" spans="14:14">
      <c r="N807590" s="10"/>
    </row>
    <row r="807591" spans="14:14">
      <c r="N807591" s="10"/>
    </row>
    <row r="807592" spans="14:14">
      <c r="N807592" s="10"/>
    </row>
    <row r="807593" spans="14:14">
      <c r="N807593" s="10"/>
    </row>
    <row r="807594" spans="14:14">
      <c r="N807594" s="10"/>
    </row>
    <row r="807595" spans="14:14">
      <c r="N807595" s="10"/>
    </row>
    <row r="807596" spans="14:14">
      <c r="N807596" s="10"/>
    </row>
    <row r="807597" spans="14:14">
      <c r="N807597" s="10"/>
    </row>
    <row r="807598" spans="14:14">
      <c r="N807598" s="10"/>
    </row>
    <row r="807599" spans="14:14">
      <c r="N807599" s="10"/>
    </row>
    <row r="807600" spans="14:14">
      <c r="N807600" s="10"/>
    </row>
    <row r="807601" spans="14:14">
      <c r="N807601" s="10"/>
    </row>
    <row r="807602" spans="14:14">
      <c r="N807602" s="10"/>
    </row>
    <row r="807603" spans="14:14">
      <c r="N807603" s="10"/>
    </row>
    <row r="807604" spans="14:14">
      <c r="N807604" s="10"/>
    </row>
    <row r="807605" spans="14:14">
      <c r="N807605" s="10"/>
    </row>
    <row r="807606" spans="14:14">
      <c r="N807606" s="10"/>
    </row>
    <row r="807607" spans="14:14">
      <c r="N807607" s="10"/>
    </row>
    <row r="807608" spans="14:14">
      <c r="N807608" s="10"/>
    </row>
    <row r="807609" spans="14:14">
      <c r="N807609" s="10"/>
    </row>
    <row r="807610" spans="14:14">
      <c r="N807610" s="10"/>
    </row>
    <row r="807611" spans="14:14">
      <c r="N807611" s="10"/>
    </row>
    <row r="807612" spans="14:14">
      <c r="N807612" s="10"/>
    </row>
    <row r="807613" spans="14:14">
      <c r="N807613" s="10"/>
    </row>
    <row r="807614" spans="14:14">
      <c r="N807614" s="10"/>
    </row>
    <row r="807615" spans="14:14">
      <c r="N807615" s="10"/>
    </row>
    <row r="807616" spans="14:14">
      <c r="N807616" s="10"/>
    </row>
    <row r="807617" spans="14:14">
      <c r="N807617" s="10"/>
    </row>
    <row r="807618" spans="14:14">
      <c r="N807618" s="10"/>
    </row>
    <row r="807619" spans="14:14">
      <c r="N807619" s="10"/>
    </row>
    <row r="807620" spans="14:14">
      <c r="N807620" s="10"/>
    </row>
    <row r="807621" spans="14:14">
      <c r="N807621" s="10"/>
    </row>
    <row r="807622" spans="14:14">
      <c r="N807622" s="10"/>
    </row>
    <row r="807623" spans="14:14">
      <c r="N807623" s="10"/>
    </row>
    <row r="807624" spans="14:14">
      <c r="N807624" s="10"/>
    </row>
    <row r="807625" spans="14:14">
      <c r="N807625" s="10"/>
    </row>
    <row r="807626" spans="14:14">
      <c r="N807626" s="10"/>
    </row>
    <row r="807627" spans="14:14">
      <c r="N807627" s="10"/>
    </row>
    <row r="807628" spans="14:14">
      <c r="N807628" s="10"/>
    </row>
    <row r="807629" spans="14:14">
      <c r="N807629" s="10"/>
    </row>
    <row r="807630" spans="14:14">
      <c r="N807630" s="10"/>
    </row>
    <row r="807631" spans="14:14">
      <c r="N807631" s="10"/>
    </row>
    <row r="807632" spans="14:14">
      <c r="N807632" s="10"/>
    </row>
    <row r="807633" spans="14:14">
      <c r="N807633" s="10"/>
    </row>
    <row r="807634" spans="14:14">
      <c r="N807634" s="10"/>
    </row>
    <row r="807635" spans="14:14">
      <c r="N807635" s="10"/>
    </row>
    <row r="807636" spans="14:14">
      <c r="N807636" s="10"/>
    </row>
    <row r="807637" spans="14:14">
      <c r="N807637" s="10"/>
    </row>
    <row r="807638" spans="14:14">
      <c r="N807638" s="10"/>
    </row>
    <row r="807639" spans="14:14">
      <c r="N807639" s="10"/>
    </row>
    <row r="807640" spans="14:14">
      <c r="N807640" s="10"/>
    </row>
    <row r="807641" spans="14:14">
      <c r="N807641" s="10"/>
    </row>
    <row r="807642" spans="14:14">
      <c r="N807642" s="10"/>
    </row>
    <row r="807643" spans="14:14">
      <c r="N807643" s="10"/>
    </row>
    <row r="807644" spans="14:14">
      <c r="N807644" s="10"/>
    </row>
    <row r="807645" spans="14:14">
      <c r="N807645" s="10"/>
    </row>
    <row r="807646" spans="14:14">
      <c r="N807646" s="10"/>
    </row>
    <row r="807647" spans="14:14">
      <c r="N807647" s="10"/>
    </row>
    <row r="807648" spans="14:14">
      <c r="N807648" s="10"/>
    </row>
    <row r="807649" spans="14:14">
      <c r="N807649" s="10"/>
    </row>
    <row r="807650" spans="14:14">
      <c r="N807650" s="10"/>
    </row>
    <row r="807651" spans="14:14">
      <c r="N807651" s="10"/>
    </row>
    <row r="807652" spans="14:14">
      <c r="N807652" s="10"/>
    </row>
    <row r="807653" spans="14:14">
      <c r="N807653" s="10"/>
    </row>
    <row r="807654" spans="14:14">
      <c r="N807654" s="10"/>
    </row>
    <row r="807655" spans="14:14">
      <c r="N807655" s="10"/>
    </row>
    <row r="807656" spans="14:14">
      <c r="N807656" s="10"/>
    </row>
    <row r="807657" spans="14:14">
      <c r="N807657" s="10"/>
    </row>
    <row r="807658" spans="14:14">
      <c r="N807658" s="10"/>
    </row>
    <row r="807659" spans="14:14">
      <c r="N807659" s="10"/>
    </row>
    <row r="807660" spans="14:14">
      <c r="N807660" s="10"/>
    </row>
    <row r="807661" spans="14:14">
      <c r="N807661" s="10"/>
    </row>
    <row r="807662" spans="14:14">
      <c r="N807662" s="10"/>
    </row>
    <row r="807663" spans="14:14">
      <c r="N807663" s="10"/>
    </row>
    <row r="807664" spans="14:14">
      <c r="N807664" s="10"/>
    </row>
    <row r="807665" spans="14:14">
      <c r="N807665" s="10"/>
    </row>
    <row r="807666" spans="14:14">
      <c r="N807666" s="10"/>
    </row>
    <row r="807667" spans="14:14">
      <c r="N807667" s="10"/>
    </row>
    <row r="807668" spans="14:14">
      <c r="N807668" s="10"/>
    </row>
    <row r="807669" spans="14:14">
      <c r="N807669" s="10"/>
    </row>
    <row r="807670" spans="14:14">
      <c r="N807670" s="10"/>
    </row>
    <row r="807671" spans="14:14">
      <c r="N807671" s="10"/>
    </row>
    <row r="807672" spans="14:14">
      <c r="N807672" s="10"/>
    </row>
    <row r="807673" spans="14:14">
      <c r="N807673" s="10"/>
    </row>
    <row r="807674" spans="14:14">
      <c r="N807674" s="10"/>
    </row>
    <row r="807675" spans="14:14">
      <c r="N807675" s="10"/>
    </row>
    <row r="807676" spans="14:14">
      <c r="N807676" s="10"/>
    </row>
    <row r="807677" spans="14:14">
      <c r="N807677" s="10"/>
    </row>
    <row r="807678" spans="14:14">
      <c r="N807678" s="10"/>
    </row>
    <row r="807679" spans="14:14">
      <c r="N807679" s="10"/>
    </row>
    <row r="807680" spans="14:14">
      <c r="N807680" s="10"/>
    </row>
    <row r="807681" spans="14:14">
      <c r="N807681" s="10"/>
    </row>
    <row r="807682" spans="14:14">
      <c r="N807682" s="10"/>
    </row>
    <row r="807683" spans="14:14">
      <c r="N807683" s="10"/>
    </row>
    <row r="807684" spans="14:14">
      <c r="N807684" s="10"/>
    </row>
    <row r="807685" spans="14:14">
      <c r="N807685" s="10"/>
    </row>
    <row r="807686" spans="14:14">
      <c r="N807686" s="10"/>
    </row>
    <row r="807687" spans="14:14">
      <c r="N807687" s="10"/>
    </row>
    <row r="807688" spans="14:14">
      <c r="N807688" s="10"/>
    </row>
    <row r="807689" spans="14:14">
      <c r="N807689" s="10"/>
    </row>
    <row r="807690" spans="14:14">
      <c r="N807690" s="10"/>
    </row>
    <row r="807691" spans="14:14">
      <c r="N807691" s="10"/>
    </row>
    <row r="807692" spans="14:14">
      <c r="N807692" s="10"/>
    </row>
    <row r="807693" spans="14:14">
      <c r="N807693" s="10"/>
    </row>
    <row r="807694" spans="14:14">
      <c r="N807694" s="10"/>
    </row>
    <row r="807695" spans="14:14">
      <c r="N807695" s="10"/>
    </row>
    <row r="807696" spans="14:14">
      <c r="N807696" s="10"/>
    </row>
    <row r="807697" spans="14:14">
      <c r="N807697" s="10"/>
    </row>
    <row r="807698" spans="14:14">
      <c r="N807698" s="10"/>
    </row>
    <row r="807699" spans="14:14">
      <c r="N807699" s="10"/>
    </row>
    <row r="807700" spans="14:14">
      <c r="N807700" s="10"/>
    </row>
    <row r="807701" spans="14:14">
      <c r="N807701" s="10"/>
    </row>
    <row r="807702" spans="14:14">
      <c r="N807702" s="10"/>
    </row>
    <row r="807703" spans="14:14">
      <c r="N807703" s="10"/>
    </row>
    <row r="807704" spans="14:14">
      <c r="N807704" s="10"/>
    </row>
    <row r="807705" spans="14:14">
      <c r="N807705" s="10"/>
    </row>
    <row r="807706" spans="14:14">
      <c r="N807706" s="10"/>
    </row>
    <row r="807707" spans="14:14">
      <c r="N807707" s="10"/>
    </row>
    <row r="807708" spans="14:14">
      <c r="N807708" s="10"/>
    </row>
    <row r="807709" spans="14:14">
      <c r="N807709" s="10"/>
    </row>
    <row r="807710" spans="14:14">
      <c r="N807710" s="10"/>
    </row>
    <row r="807711" spans="14:14">
      <c r="N807711" s="10"/>
    </row>
    <row r="807712" spans="14:14">
      <c r="N807712" s="10"/>
    </row>
    <row r="807713" spans="14:14">
      <c r="N807713" s="10"/>
    </row>
    <row r="807714" spans="14:14">
      <c r="N807714" s="10"/>
    </row>
    <row r="807715" spans="14:14">
      <c r="N807715" s="10"/>
    </row>
    <row r="807716" spans="14:14">
      <c r="N807716" s="10"/>
    </row>
    <row r="807717" spans="14:14">
      <c r="N807717" s="10"/>
    </row>
    <row r="807718" spans="14:14">
      <c r="N807718" s="10"/>
    </row>
    <row r="807719" spans="14:14">
      <c r="N807719" s="10"/>
    </row>
    <row r="807720" spans="14:14">
      <c r="N807720" s="10"/>
    </row>
    <row r="807721" spans="14:14">
      <c r="N807721" s="10"/>
    </row>
    <row r="807722" spans="14:14">
      <c r="N807722" s="10"/>
    </row>
    <row r="807723" spans="14:14">
      <c r="N807723" s="10"/>
    </row>
    <row r="807724" spans="14:14">
      <c r="N807724" s="10"/>
    </row>
    <row r="807725" spans="14:14">
      <c r="N807725" s="10"/>
    </row>
    <row r="807726" spans="14:14">
      <c r="N807726" s="10"/>
    </row>
    <row r="807727" spans="14:14">
      <c r="N807727" s="10"/>
    </row>
    <row r="807728" spans="14:14">
      <c r="N807728" s="10"/>
    </row>
    <row r="807729" spans="14:14">
      <c r="N807729" s="10"/>
    </row>
    <row r="807730" spans="14:14">
      <c r="N807730" s="10"/>
    </row>
    <row r="807731" spans="14:14">
      <c r="N807731" s="10"/>
    </row>
    <row r="807732" spans="14:14">
      <c r="N807732" s="10"/>
    </row>
    <row r="807733" spans="14:14">
      <c r="N807733" s="10"/>
    </row>
    <row r="807734" spans="14:14">
      <c r="N807734" s="10"/>
    </row>
    <row r="807735" spans="14:14">
      <c r="N807735" s="10"/>
    </row>
    <row r="807736" spans="14:14">
      <c r="N807736" s="10"/>
    </row>
    <row r="807737" spans="14:14">
      <c r="N807737" s="10"/>
    </row>
    <row r="807738" spans="14:14">
      <c r="N807738" s="10"/>
    </row>
    <row r="807739" spans="14:14">
      <c r="N807739" s="10"/>
    </row>
    <row r="807740" spans="14:14">
      <c r="N807740" s="10"/>
    </row>
    <row r="807741" spans="14:14">
      <c r="N807741" s="10"/>
    </row>
    <row r="807742" spans="14:14">
      <c r="N807742" s="10"/>
    </row>
    <row r="807743" spans="14:14">
      <c r="N807743" s="10"/>
    </row>
    <row r="807744" spans="14:14">
      <c r="N807744" s="10"/>
    </row>
    <row r="807745" spans="14:14">
      <c r="N807745" s="10"/>
    </row>
    <row r="807746" spans="14:14">
      <c r="N807746" s="10"/>
    </row>
    <row r="807747" spans="14:14">
      <c r="N807747" s="10"/>
    </row>
    <row r="807748" spans="14:14">
      <c r="N807748" s="10"/>
    </row>
    <row r="807749" spans="14:14">
      <c r="N807749" s="10"/>
    </row>
    <row r="807750" spans="14:14">
      <c r="N807750" s="10"/>
    </row>
    <row r="807751" spans="14:14">
      <c r="N807751" s="10"/>
    </row>
    <row r="807752" spans="14:14">
      <c r="N807752" s="10"/>
    </row>
    <row r="807753" spans="14:14">
      <c r="N807753" s="10"/>
    </row>
    <row r="807754" spans="14:14">
      <c r="N807754" s="10"/>
    </row>
    <row r="807755" spans="14:14">
      <c r="N807755" s="10"/>
    </row>
    <row r="807756" spans="14:14">
      <c r="N807756" s="10"/>
    </row>
    <row r="807757" spans="14:14">
      <c r="N807757" s="10"/>
    </row>
    <row r="807758" spans="14:14">
      <c r="N807758" s="10"/>
    </row>
    <row r="807759" spans="14:14">
      <c r="N807759" s="10"/>
    </row>
    <row r="807760" spans="14:14">
      <c r="N807760" s="10"/>
    </row>
    <row r="807761" spans="14:14">
      <c r="N807761" s="10"/>
    </row>
    <row r="807762" spans="14:14">
      <c r="N807762" s="10"/>
    </row>
    <row r="807763" spans="14:14">
      <c r="N807763" s="10"/>
    </row>
    <row r="807764" spans="14:14">
      <c r="N807764" s="10"/>
    </row>
    <row r="807765" spans="14:14">
      <c r="N807765" s="10"/>
    </row>
    <row r="807766" spans="14:14">
      <c r="N807766" s="10"/>
    </row>
    <row r="807767" spans="14:14">
      <c r="N807767" s="10"/>
    </row>
    <row r="807768" spans="14:14">
      <c r="N807768" s="10"/>
    </row>
    <row r="807769" spans="14:14">
      <c r="N807769" s="10"/>
    </row>
    <row r="807770" spans="14:14">
      <c r="N807770" s="10"/>
    </row>
    <row r="807771" spans="14:14">
      <c r="N807771" s="10"/>
    </row>
    <row r="807772" spans="14:14">
      <c r="N807772" s="10"/>
    </row>
    <row r="807773" spans="14:14">
      <c r="N807773" s="10"/>
    </row>
    <row r="807774" spans="14:14">
      <c r="N807774" s="10"/>
    </row>
    <row r="807775" spans="14:14">
      <c r="N807775" s="10"/>
    </row>
    <row r="807776" spans="14:14">
      <c r="N807776" s="10"/>
    </row>
    <row r="807777" spans="14:14">
      <c r="N807777" s="10"/>
    </row>
    <row r="807778" spans="14:14">
      <c r="N807778" s="10"/>
    </row>
    <row r="807779" spans="14:14">
      <c r="N807779" s="10"/>
    </row>
    <row r="807780" spans="14:14">
      <c r="N807780" s="10"/>
    </row>
    <row r="807781" spans="14:14">
      <c r="N807781" s="10"/>
    </row>
    <row r="807782" spans="14:14">
      <c r="N807782" s="10"/>
    </row>
    <row r="807783" spans="14:14">
      <c r="N807783" s="10"/>
    </row>
    <row r="807784" spans="14:14">
      <c r="N807784" s="10"/>
    </row>
    <row r="807785" spans="14:14">
      <c r="N807785" s="10"/>
    </row>
    <row r="807786" spans="14:14">
      <c r="N807786" s="10"/>
    </row>
    <row r="807787" spans="14:14">
      <c r="N807787" s="10"/>
    </row>
    <row r="807788" spans="14:14">
      <c r="N807788" s="10"/>
    </row>
    <row r="807789" spans="14:14">
      <c r="N807789" s="10"/>
    </row>
    <row r="807790" spans="14:14">
      <c r="N807790" s="10"/>
    </row>
    <row r="807791" spans="14:14">
      <c r="N807791" s="10"/>
    </row>
    <row r="807792" spans="14:14">
      <c r="N807792" s="10"/>
    </row>
    <row r="807793" spans="14:14">
      <c r="N807793" s="10"/>
    </row>
    <row r="807794" spans="14:14">
      <c r="N807794" s="10"/>
    </row>
    <row r="807795" spans="14:14">
      <c r="N807795" s="10"/>
    </row>
    <row r="807796" spans="14:14">
      <c r="N807796" s="10"/>
    </row>
    <row r="807797" spans="14:14">
      <c r="N807797" s="10"/>
    </row>
    <row r="807798" spans="14:14">
      <c r="N807798" s="10"/>
    </row>
    <row r="807799" spans="14:14">
      <c r="N807799" s="10"/>
    </row>
    <row r="807800" spans="14:14">
      <c r="N807800" s="10"/>
    </row>
    <row r="807801" spans="14:14">
      <c r="N807801" s="10"/>
    </row>
    <row r="807802" spans="14:14">
      <c r="N807802" s="10"/>
    </row>
    <row r="807803" spans="14:14">
      <c r="N807803" s="10"/>
    </row>
    <row r="807804" spans="14:14">
      <c r="N807804" s="10"/>
    </row>
    <row r="807805" spans="14:14">
      <c r="N807805" s="10"/>
    </row>
    <row r="807806" spans="14:14">
      <c r="N807806" s="10"/>
    </row>
    <row r="807807" spans="14:14">
      <c r="N807807" s="10"/>
    </row>
    <row r="807808" spans="14:14">
      <c r="N807808" s="10"/>
    </row>
    <row r="807809" spans="14:14">
      <c r="N807809" s="10"/>
    </row>
    <row r="807810" spans="14:14">
      <c r="N807810" s="10"/>
    </row>
    <row r="807811" spans="14:14">
      <c r="N807811" s="10"/>
    </row>
    <row r="807812" spans="14:14">
      <c r="N807812" s="10"/>
    </row>
    <row r="807813" spans="14:14">
      <c r="N807813" s="10"/>
    </row>
    <row r="807814" spans="14:14">
      <c r="N807814" s="10"/>
    </row>
    <row r="807815" spans="14:14">
      <c r="N807815" s="10"/>
    </row>
    <row r="807816" spans="14:14">
      <c r="N807816" s="10"/>
    </row>
    <row r="807817" spans="14:14">
      <c r="N807817" s="10"/>
    </row>
    <row r="807818" spans="14:14">
      <c r="N807818" s="10"/>
    </row>
    <row r="807819" spans="14:14">
      <c r="N807819" s="10"/>
    </row>
    <row r="807820" spans="14:14">
      <c r="N807820" s="10"/>
    </row>
    <row r="807821" spans="14:14">
      <c r="N807821" s="10"/>
    </row>
    <row r="807822" spans="14:14">
      <c r="N807822" s="10"/>
    </row>
    <row r="807823" spans="14:14">
      <c r="N807823" s="10"/>
    </row>
    <row r="807824" spans="14:14">
      <c r="N807824" s="10"/>
    </row>
    <row r="807825" spans="14:14">
      <c r="N807825" s="10"/>
    </row>
    <row r="807826" spans="14:14">
      <c r="N807826" s="10"/>
    </row>
    <row r="807827" spans="14:14">
      <c r="N807827" s="10"/>
    </row>
    <row r="807828" spans="14:14">
      <c r="N807828" s="10"/>
    </row>
    <row r="807829" spans="14:14">
      <c r="N807829" s="10"/>
    </row>
    <row r="807830" spans="14:14">
      <c r="N807830" s="10"/>
    </row>
    <row r="807831" spans="14:14">
      <c r="N807831" s="10"/>
    </row>
    <row r="807832" spans="14:14">
      <c r="N807832" s="10"/>
    </row>
    <row r="807833" spans="14:14">
      <c r="N807833" s="10"/>
    </row>
    <row r="807834" spans="14:14">
      <c r="N807834" s="10"/>
    </row>
    <row r="807835" spans="14:14">
      <c r="N807835" s="10"/>
    </row>
    <row r="807836" spans="14:14">
      <c r="N807836" s="10"/>
    </row>
    <row r="807837" spans="14:14">
      <c r="N807837" s="10"/>
    </row>
    <row r="807838" spans="14:14">
      <c r="N807838" s="10"/>
    </row>
    <row r="807839" spans="14:14">
      <c r="N807839" s="10"/>
    </row>
    <row r="807840" spans="14:14">
      <c r="N807840" s="10"/>
    </row>
    <row r="807841" spans="14:14">
      <c r="N807841" s="10"/>
    </row>
    <row r="807842" spans="14:14">
      <c r="N807842" s="10"/>
    </row>
    <row r="807843" spans="14:14">
      <c r="N807843" s="10"/>
    </row>
    <row r="807844" spans="14:14">
      <c r="N807844" s="10"/>
    </row>
    <row r="807845" spans="14:14">
      <c r="N807845" s="10"/>
    </row>
    <row r="807846" spans="14:14">
      <c r="N807846" s="10"/>
    </row>
    <row r="807847" spans="14:14">
      <c r="N807847" s="10"/>
    </row>
    <row r="807848" spans="14:14">
      <c r="N807848" s="10"/>
    </row>
    <row r="807849" spans="14:14">
      <c r="N807849" s="10"/>
    </row>
    <row r="807850" spans="14:14">
      <c r="N807850" s="10"/>
    </row>
    <row r="807851" spans="14:14">
      <c r="N807851" s="10"/>
    </row>
    <row r="807852" spans="14:14">
      <c r="N807852" s="10"/>
    </row>
    <row r="807853" spans="14:14">
      <c r="N807853" s="10"/>
    </row>
    <row r="807854" spans="14:14">
      <c r="N807854" s="10"/>
    </row>
    <row r="807855" spans="14:14">
      <c r="N807855" s="10"/>
    </row>
    <row r="807856" spans="14:14">
      <c r="N807856" s="10"/>
    </row>
    <row r="807857" spans="14:14">
      <c r="N807857" s="10"/>
    </row>
    <row r="807858" spans="14:14">
      <c r="N807858" s="10"/>
    </row>
    <row r="807859" spans="14:14">
      <c r="N807859" s="10"/>
    </row>
    <row r="807860" spans="14:14">
      <c r="N807860" s="10"/>
    </row>
    <row r="807861" spans="14:14">
      <c r="N807861" s="10"/>
    </row>
    <row r="807862" spans="14:14">
      <c r="N807862" s="10"/>
    </row>
    <row r="807863" spans="14:14">
      <c r="N807863" s="10"/>
    </row>
    <row r="807864" spans="14:14">
      <c r="N807864" s="10"/>
    </row>
    <row r="807865" spans="14:14">
      <c r="N807865" s="10"/>
    </row>
    <row r="807866" spans="14:14">
      <c r="N807866" s="10"/>
    </row>
    <row r="807867" spans="14:14">
      <c r="N807867" s="10"/>
    </row>
    <row r="807868" spans="14:14">
      <c r="N807868" s="10"/>
    </row>
    <row r="807869" spans="14:14">
      <c r="N807869" s="10"/>
    </row>
    <row r="807870" spans="14:14">
      <c r="N807870" s="10"/>
    </row>
    <row r="807871" spans="14:14">
      <c r="N807871" s="10"/>
    </row>
    <row r="807872" spans="14:14">
      <c r="N807872" s="10"/>
    </row>
    <row r="807873" spans="14:14">
      <c r="N807873" s="10"/>
    </row>
    <row r="807874" spans="14:14">
      <c r="N807874" s="10"/>
    </row>
    <row r="807875" spans="14:14">
      <c r="N807875" s="10"/>
    </row>
    <row r="807876" spans="14:14">
      <c r="N807876" s="10"/>
    </row>
    <row r="807877" spans="14:14">
      <c r="N807877" s="10"/>
    </row>
    <row r="807878" spans="14:14">
      <c r="N807878" s="10"/>
    </row>
    <row r="807879" spans="14:14">
      <c r="N807879" s="10"/>
    </row>
    <row r="807880" spans="14:14">
      <c r="N807880" s="10"/>
    </row>
    <row r="807881" spans="14:14">
      <c r="N807881" s="10"/>
    </row>
    <row r="807882" spans="14:14">
      <c r="N807882" s="10"/>
    </row>
    <row r="807883" spans="14:14">
      <c r="N807883" s="10"/>
    </row>
    <row r="807884" spans="14:14">
      <c r="N807884" s="10"/>
    </row>
    <row r="807885" spans="14:14">
      <c r="N807885" s="10"/>
    </row>
    <row r="807886" spans="14:14">
      <c r="N807886" s="10"/>
    </row>
    <row r="807887" spans="14:14">
      <c r="N807887" s="10"/>
    </row>
    <row r="807888" spans="14:14">
      <c r="N807888" s="10"/>
    </row>
    <row r="807889" spans="14:14">
      <c r="N807889" s="10"/>
    </row>
    <row r="807890" spans="14:14">
      <c r="N807890" s="10"/>
    </row>
    <row r="807891" spans="14:14">
      <c r="N807891" s="10"/>
    </row>
    <row r="807892" spans="14:14">
      <c r="N807892" s="10"/>
    </row>
    <row r="807893" spans="14:14">
      <c r="N807893" s="10"/>
    </row>
    <row r="807894" spans="14:14">
      <c r="N807894" s="10"/>
    </row>
    <row r="807895" spans="14:14">
      <c r="N807895" s="10"/>
    </row>
    <row r="807896" spans="14:14">
      <c r="N807896" s="10"/>
    </row>
    <row r="807897" spans="14:14">
      <c r="N807897" s="10"/>
    </row>
    <row r="807898" spans="14:14">
      <c r="N807898" s="10"/>
    </row>
    <row r="807899" spans="14:14">
      <c r="N807899" s="10"/>
    </row>
    <row r="807900" spans="14:14">
      <c r="N807900" s="10"/>
    </row>
    <row r="807901" spans="14:14">
      <c r="N807901" s="10"/>
    </row>
    <row r="807902" spans="14:14">
      <c r="N807902" s="10"/>
    </row>
    <row r="807903" spans="14:14">
      <c r="N807903" s="10"/>
    </row>
    <row r="807904" spans="14:14">
      <c r="N807904" s="10"/>
    </row>
    <row r="807905" spans="14:14">
      <c r="N807905" s="10"/>
    </row>
    <row r="807906" spans="14:14">
      <c r="N807906" s="10"/>
    </row>
    <row r="807907" spans="14:14">
      <c r="N807907" s="10"/>
    </row>
    <row r="807908" spans="14:14">
      <c r="N807908" s="10"/>
    </row>
    <row r="807909" spans="14:14">
      <c r="N807909" s="10"/>
    </row>
    <row r="807910" spans="14:14">
      <c r="N807910" s="10"/>
    </row>
    <row r="807911" spans="14:14">
      <c r="N807911" s="10"/>
    </row>
    <row r="807912" spans="14:14">
      <c r="N807912" s="10"/>
    </row>
    <row r="807913" spans="14:14">
      <c r="N807913" s="10"/>
    </row>
    <row r="807914" spans="14:14">
      <c r="N807914" s="10"/>
    </row>
    <row r="807915" spans="14:14">
      <c r="N807915" s="10"/>
    </row>
    <row r="807916" spans="14:14">
      <c r="N807916" s="10"/>
    </row>
    <row r="807917" spans="14:14">
      <c r="N807917" s="10"/>
    </row>
    <row r="807918" spans="14:14">
      <c r="N807918" s="10"/>
    </row>
    <row r="807919" spans="14:14">
      <c r="N807919" s="10"/>
    </row>
    <row r="807920" spans="14:14">
      <c r="N807920" s="10"/>
    </row>
    <row r="807921" spans="14:14">
      <c r="N807921" s="10"/>
    </row>
    <row r="807922" spans="14:14">
      <c r="N807922" s="10"/>
    </row>
    <row r="807923" spans="14:14">
      <c r="N807923" s="10"/>
    </row>
    <row r="807924" spans="14:14">
      <c r="N807924" s="10"/>
    </row>
    <row r="807925" spans="14:14">
      <c r="N807925" s="10"/>
    </row>
    <row r="807926" spans="14:14">
      <c r="N807926" s="10"/>
    </row>
    <row r="807927" spans="14:14">
      <c r="N807927" s="10"/>
    </row>
    <row r="807928" spans="14:14">
      <c r="N807928" s="10"/>
    </row>
    <row r="807929" spans="14:14">
      <c r="N807929" s="10"/>
    </row>
    <row r="807930" spans="14:14">
      <c r="N807930" s="10"/>
    </row>
    <row r="807931" spans="14:14">
      <c r="N807931" s="10"/>
    </row>
    <row r="807932" spans="14:14">
      <c r="N807932" s="10"/>
    </row>
    <row r="807933" spans="14:14">
      <c r="N807933" s="10"/>
    </row>
    <row r="807934" spans="14:14">
      <c r="N807934" s="10"/>
    </row>
    <row r="807935" spans="14:14">
      <c r="N807935" s="10"/>
    </row>
    <row r="807936" spans="14:14">
      <c r="N807936" s="10"/>
    </row>
    <row r="807937" spans="14:14">
      <c r="N807937" s="10"/>
    </row>
    <row r="807938" spans="14:14">
      <c r="N807938" s="10"/>
    </row>
    <row r="807939" spans="14:14">
      <c r="N807939" s="10"/>
    </row>
    <row r="807940" spans="14:14">
      <c r="N807940" s="10"/>
    </row>
    <row r="807941" spans="14:14">
      <c r="N807941" s="10"/>
    </row>
    <row r="807942" spans="14:14">
      <c r="N807942" s="10"/>
    </row>
    <row r="807943" spans="14:14">
      <c r="N807943" s="10"/>
    </row>
    <row r="807944" spans="14:14">
      <c r="N807944" s="10"/>
    </row>
    <row r="807945" spans="14:14">
      <c r="N807945" s="10"/>
    </row>
    <row r="807946" spans="14:14">
      <c r="N807946" s="10"/>
    </row>
    <row r="807947" spans="14:14">
      <c r="N807947" s="10"/>
    </row>
    <row r="807948" spans="14:14">
      <c r="N807948" s="10"/>
    </row>
    <row r="807949" spans="14:14">
      <c r="N807949" s="10"/>
    </row>
    <row r="807950" spans="14:14">
      <c r="N807950" s="10"/>
    </row>
    <row r="807951" spans="14:14">
      <c r="N807951" s="10"/>
    </row>
    <row r="807952" spans="14:14">
      <c r="N807952" s="10"/>
    </row>
    <row r="807953" spans="14:14">
      <c r="N807953" s="10"/>
    </row>
    <row r="807954" spans="14:14">
      <c r="N807954" s="10"/>
    </row>
    <row r="807955" spans="14:14">
      <c r="N807955" s="10"/>
    </row>
    <row r="807956" spans="14:14">
      <c r="N807956" s="10"/>
    </row>
    <row r="807957" spans="14:14">
      <c r="N807957" s="10"/>
    </row>
    <row r="807958" spans="14:14">
      <c r="N807958" s="10"/>
    </row>
    <row r="807959" spans="14:14">
      <c r="N807959" s="10"/>
    </row>
    <row r="807960" spans="14:14">
      <c r="N807960" s="10"/>
    </row>
    <row r="807961" spans="14:14">
      <c r="N807961" s="10"/>
    </row>
    <row r="807962" spans="14:14">
      <c r="N807962" s="10"/>
    </row>
    <row r="807963" spans="14:14">
      <c r="N807963" s="10"/>
    </row>
    <row r="807964" spans="14:14">
      <c r="N807964" s="10"/>
    </row>
    <row r="807965" spans="14:14">
      <c r="N807965" s="10"/>
    </row>
    <row r="807966" spans="14:14">
      <c r="N807966" s="10"/>
    </row>
    <row r="807967" spans="14:14">
      <c r="N807967" s="10"/>
    </row>
    <row r="807968" spans="14:14">
      <c r="N807968" s="10"/>
    </row>
    <row r="807969" spans="14:14">
      <c r="N807969" s="10"/>
    </row>
    <row r="807970" spans="14:14">
      <c r="N807970" s="10"/>
    </row>
    <row r="807971" spans="14:14">
      <c r="N807971" s="10"/>
    </row>
    <row r="807972" spans="14:14">
      <c r="N807972" s="10"/>
    </row>
    <row r="807973" spans="14:14">
      <c r="N807973" s="10"/>
    </row>
    <row r="807974" spans="14:14">
      <c r="N807974" s="10"/>
    </row>
    <row r="807975" spans="14:14">
      <c r="N807975" s="10"/>
    </row>
    <row r="807976" spans="14:14">
      <c r="N807976" s="10"/>
    </row>
    <row r="807977" spans="14:14">
      <c r="N807977" s="10"/>
    </row>
    <row r="807978" spans="14:14">
      <c r="N807978" s="10"/>
    </row>
    <row r="807979" spans="14:14">
      <c r="N807979" s="10"/>
    </row>
    <row r="807980" spans="14:14">
      <c r="N807980" s="10"/>
    </row>
    <row r="807981" spans="14:14">
      <c r="N807981" s="10"/>
    </row>
    <row r="807982" spans="14:14">
      <c r="N807982" s="10"/>
    </row>
    <row r="807983" spans="14:14">
      <c r="N807983" s="10"/>
    </row>
    <row r="807984" spans="14:14">
      <c r="N807984" s="10"/>
    </row>
    <row r="807985" spans="14:14">
      <c r="N807985" s="10"/>
    </row>
    <row r="807986" spans="14:14">
      <c r="N807986" s="10"/>
    </row>
    <row r="807987" spans="14:14">
      <c r="N807987" s="10"/>
    </row>
    <row r="807988" spans="14:14">
      <c r="N807988" s="10"/>
    </row>
    <row r="807989" spans="14:14">
      <c r="N807989" s="10"/>
    </row>
    <row r="807990" spans="14:14">
      <c r="N807990" s="10"/>
    </row>
    <row r="807991" spans="14:14">
      <c r="N807991" s="10"/>
    </row>
    <row r="807992" spans="14:14">
      <c r="N807992" s="10"/>
    </row>
    <row r="807993" spans="14:14">
      <c r="N807993" s="10"/>
    </row>
    <row r="807994" spans="14:14">
      <c r="N807994" s="10"/>
    </row>
    <row r="807995" spans="14:14">
      <c r="N807995" s="10"/>
    </row>
    <row r="807996" spans="14:14">
      <c r="N807996" s="10"/>
    </row>
    <row r="807997" spans="14:14">
      <c r="N807997" s="10"/>
    </row>
    <row r="807998" spans="14:14">
      <c r="N807998" s="10"/>
    </row>
    <row r="807999" spans="14:14">
      <c r="N807999" s="10"/>
    </row>
    <row r="808000" spans="14:14">
      <c r="N808000" s="10"/>
    </row>
    <row r="808001" spans="14:14">
      <c r="N808001" s="10"/>
    </row>
    <row r="808002" spans="14:14">
      <c r="N808002" s="10"/>
    </row>
    <row r="808003" spans="14:14">
      <c r="N808003" s="10"/>
    </row>
    <row r="808004" spans="14:14">
      <c r="N808004" s="10"/>
    </row>
    <row r="808005" spans="14:14">
      <c r="N808005" s="10"/>
    </row>
    <row r="808006" spans="14:14">
      <c r="N808006" s="10"/>
    </row>
    <row r="808007" spans="14:14">
      <c r="N808007" s="10"/>
    </row>
    <row r="808008" spans="14:14">
      <c r="N808008" s="10"/>
    </row>
    <row r="808009" spans="14:14">
      <c r="N808009" s="10"/>
    </row>
    <row r="808010" spans="14:14">
      <c r="N808010" s="10"/>
    </row>
    <row r="808011" spans="14:14">
      <c r="N808011" s="10"/>
    </row>
    <row r="808012" spans="14:14">
      <c r="N808012" s="10"/>
    </row>
    <row r="808013" spans="14:14">
      <c r="N808013" s="10"/>
    </row>
    <row r="808014" spans="14:14">
      <c r="N808014" s="10"/>
    </row>
    <row r="808015" spans="14:14">
      <c r="N808015" s="10"/>
    </row>
    <row r="808016" spans="14:14">
      <c r="N808016" s="10"/>
    </row>
    <row r="808017" spans="14:14">
      <c r="N808017" s="10"/>
    </row>
    <row r="808018" spans="14:14">
      <c r="N808018" s="10"/>
    </row>
    <row r="808019" spans="14:14">
      <c r="N808019" s="10"/>
    </row>
    <row r="808020" spans="14:14">
      <c r="N808020" s="10"/>
    </row>
    <row r="808021" spans="14:14">
      <c r="N808021" s="10"/>
    </row>
    <row r="808022" spans="14:14">
      <c r="N808022" s="10"/>
    </row>
    <row r="808023" spans="14:14">
      <c r="N808023" s="10"/>
    </row>
    <row r="808024" spans="14:14">
      <c r="N808024" s="10"/>
    </row>
    <row r="808025" spans="14:14">
      <c r="N808025" s="10"/>
    </row>
    <row r="808026" spans="14:14">
      <c r="N808026" s="10"/>
    </row>
    <row r="808027" spans="14:14">
      <c r="N808027" s="10"/>
    </row>
    <row r="808028" spans="14:14">
      <c r="N808028" s="10"/>
    </row>
    <row r="808029" spans="14:14">
      <c r="N808029" s="10"/>
    </row>
    <row r="808030" spans="14:14">
      <c r="N808030" s="10"/>
    </row>
    <row r="808031" spans="14:14">
      <c r="N808031" s="10"/>
    </row>
    <row r="808032" spans="14:14">
      <c r="N808032" s="10"/>
    </row>
    <row r="808033" spans="14:14">
      <c r="N808033" s="10"/>
    </row>
    <row r="808034" spans="14:14">
      <c r="N808034" s="10"/>
    </row>
    <row r="808035" spans="14:14">
      <c r="N808035" s="10"/>
    </row>
    <row r="808036" spans="14:14">
      <c r="N808036" s="10"/>
    </row>
    <row r="808037" spans="14:14">
      <c r="N808037" s="10"/>
    </row>
    <row r="808038" spans="14:14">
      <c r="N808038" s="10"/>
    </row>
    <row r="808039" spans="14:14">
      <c r="N808039" s="10"/>
    </row>
    <row r="808040" spans="14:14">
      <c r="N808040" s="10"/>
    </row>
    <row r="808041" spans="14:14">
      <c r="N808041" s="10"/>
    </row>
    <row r="808042" spans="14:14">
      <c r="N808042" s="10"/>
    </row>
    <row r="808043" spans="14:14">
      <c r="N808043" s="10"/>
    </row>
    <row r="808044" spans="14:14">
      <c r="N808044" s="10"/>
    </row>
    <row r="808045" spans="14:14">
      <c r="N808045" s="10"/>
    </row>
    <row r="808046" spans="14:14">
      <c r="N808046" s="10"/>
    </row>
    <row r="808047" spans="14:14">
      <c r="N808047" s="10"/>
    </row>
    <row r="808048" spans="14:14">
      <c r="N808048" s="10"/>
    </row>
    <row r="808049" spans="14:14">
      <c r="N808049" s="10"/>
    </row>
    <row r="808050" spans="14:14">
      <c r="N808050" s="10"/>
    </row>
    <row r="808051" spans="14:14">
      <c r="N808051" s="10"/>
    </row>
    <row r="808052" spans="14:14">
      <c r="N808052" s="10"/>
    </row>
    <row r="808053" spans="14:14">
      <c r="N808053" s="10"/>
    </row>
    <row r="808054" spans="14:14">
      <c r="N808054" s="10"/>
    </row>
    <row r="808055" spans="14:14">
      <c r="N808055" s="10"/>
    </row>
    <row r="808056" spans="14:14">
      <c r="N808056" s="10"/>
    </row>
    <row r="808057" spans="14:14">
      <c r="N808057" s="10"/>
    </row>
    <row r="808058" spans="14:14">
      <c r="N808058" s="10"/>
    </row>
    <row r="808059" spans="14:14">
      <c r="N808059" s="10"/>
    </row>
    <row r="808060" spans="14:14">
      <c r="N808060" s="10"/>
    </row>
    <row r="808061" spans="14:14">
      <c r="N808061" s="10"/>
    </row>
    <row r="808062" spans="14:14">
      <c r="N808062" s="10"/>
    </row>
    <row r="808063" spans="14:14">
      <c r="N808063" s="10"/>
    </row>
    <row r="808064" spans="14:14">
      <c r="N808064" s="10"/>
    </row>
    <row r="808065" spans="14:14">
      <c r="N808065" s="10"/>
    </row>
    <row r="808066" spans="14:14">
      <c r="N808066" s="10"/>
    </row>
    <row r="808067" spans="14:14">
      <c r="N808067" s="10"/>
    </row>
    <row r="808068" spans="14:14">
      <c r="N808068" s="10"/>
    </row>
    <row r="808069" spans="14:14">
      <c r="N808069" s="10"/>
    </row>
    <row r="808070" spans="14:14">
      <c r="N808070" s="10"/>
    </row>
    <row r="808071" spans="14:14">
      <c r="N808071" s="10"/>
    </row>
    <row r="808072" spans="14:14">
      <c r="N808072" s="10"/>
    </row>
    <row r="808073" spans="14:14">
      <c r="N808073" s="10"/>
    </row>
    <row r="808074" spans="14:14">
      <c r="N808074" s="10"/>
    </row>
    <row r="808075" spans="14:14">
      <c r="N808075" s="10"/>
    </row>
    <row r="808076" spans="14:14">
      <c r="N808076" s="10"/>
    </row>
    <row r="808077" spans="14:14">
      <c r="N808077" s="10"/>
    </row>
    <row r="808078" spans="14:14">
      <c r="N808078" s="10"/>
    </row>
    <row r="808079" spans="14:14">
      <c r="N808079" s="10"/>
    </row>
    <row r="808080" spans="14:14">
      <c r="N808080" s="10"/>
    </row>
    <row r="808081" spans="14:14">
      <c r="N808081" s="10"/>
    </row>
    <row r="808082" spans="14:14">
      <c r="N808082" s="10"/>
    </row>
    <row r="808083" spans="14:14">
      <c r="N808083" s="10"/>
    </row>
    <row r="808084" spans="14:14">
      <c r="N808084" s="10"/>
    </row>
    <row r="808085" spans="14:14">
      <c r="N808085" s="10"/>
    </row>
    <row r="808086" spans="14:14">
      <c r="N808086" s="10"/>
    </row>
    <row r="808087" spans="14:14">
      <c r="N808087" s="10"/>
    </row>
    <row r="808088" spans="14:14">
      <c r="N808088" s="10"/>
    </row>
    <row r="808089" spans="14:14">
      <c r="N808089" s="10"/>
    </row>
    <row r="808090" spans="14:14">
      <c r="N808090" s="10"/>
    </row>
    <row r="808091" spans="14:14">
      <c r="N808091" s="10"/>
    </row>
    <row r="808092" spans="14:14">
      <c r="N808092" s="10"/>
    </row>
    <row r="808093" spans="14:14">
      <c r="N808093" s="10"/>
    </row>
    <row r="808094" spans="14:14">
      <c r="N808094" s="10"/>
    </row>
    <row r="808095" spans="14:14">
      <c r="N808095" s="10"/>
    </row>
    <row r="808096" spans="14:14">
      <c r="N808096" s="10"/>
    </row>
    <row r="808097" spans="14:14">
      <c r="N808097" s="10"/>
    </row>
    <row r="808098" spans="14:14">
      <c r="N808098" s="10"/>
    </row>
    <row r="808099" spans="14:14">
      <c r="N808099" s="10"/>
    </row>
    <row r="808100" spans="14:14">
      <c r="N808100" s="10"/>
    </row>
    <row r="808101" spans="14:14">
      <c r="N808101" s="10"/>
    </row>
    <row r="808102" spans="14:14">
      <c r="N808102" s="10"/>
    </row>
    <row r="808103" spans="14:14">
      <c r="N808103" s="10"/>
    </row>
    <row r="808104" spans="14:14">
      <c r="N808104" s="10"/>
    </row>
    <row r="808105" spans="14:14">
      <c r="N808105" s="10"/>
    </row>
    <row r="808106" spans="14:14">
      <c r="N808106" s="10"/>
    </row>
    <row r="808107" spans="14:14">
      <c r="N808107" s="10"/>
    </row>
    <row r="808108" spans="14:14">
      <c r="N808108" s="10"/>
    </row>
    <row r="808109" spans="14:14">
      <c r="N808109" s="10"/>
    </row>
    <row r="808110" spans="14:14">
      <c r="N808110" s="10"/>
    </row>
    <row r="808111" spans="14:14">
      <c r="N808111" s="10"/>
    </row>
    <row r="808112" spans="14:14">
      <c r="N808112" s="10"/>
    </row>
    <row r="808113" spans="14:14">
      <c r="N808113" s="10"/>
    </row>
    <row r="808114" spans="14:14">
      <c r="N808114" s="10"/>
    </row>
    <row r="808115" spans="14:14">
      <c r="N808115" s="10"/>
    </row>
    <row r="808116" spans="14:14">
      <c r="N808116" s="10"/>
    </row>
    <row r="808117" spans="14:14">
      <c r="N808117" s="10"/>
    </row>
    <row r="808118" spans="14:14">
      <c r="N808118" s="10"/>
    </row>
    <row r="808119" spans="14:14">
      <c r="N808119" s="10"/>
    </row>
    <row r="808120" spans="14:14">
      <c r="N808120" s="10"/>
    </row>
    <row r="808121" spans="14:14">
      <c r="N808121" s="10"/>
    </row>
    <row r="808122" spans="14:14">
      <c r="N808122" s="10"/>
    </row>
    <row r="808123" spans="14:14">
      <c r="N808123" s="10"/>
    </row>
    <row r="808124" spans="14:14">
      <c r="N808124" s="10"/>
    </row>
    <row r="808125" spans="14:14">
      <c r="N808125" s="10"/>
    </row>
    <row r="808126" spans="14:14">
      <c r="N808126" s="10"/>
    </row>
    <row r="808127" spans="14:14">
      <c r="N808127" s="10"/>
    </row>
    <row r="808128" spans="14:14">
      <c r="N808128" s="10"/>
    </row>
    <row r="808129" spans="14:14">
      <c r="N808129" s="10"/>
    </row>
    <row r="808130" spans="14:14">
      <c r="N808130" s="10"/>
    </row>
    <row r="808131" spans="14:14">
      <c r="N808131" s="10"/>
    </row>
    <row r="808132" spans="14:14">
      <c r="N808132" s="10"/>
    </row>
    <row r="808133" spans="14:14">
      <c r="N808133" s="10"/>
    </row>
    <row r="808134" spans="14:14">
      <c r="N808134" s="10"/>
    </row>
    <row r="808135" spans="14:14">
      <c r="N808135" s="10"/>
    </row>
    <row r="808136" spans="14:14">
      <c r="N808136" s="10"/>
    </row>
    <row r="808137" spans="14:14">
      <c r="N808137" s="10"/>
    </row>
    <row r="808138" spans="14:14">
      <c r="N808138" s="10"/>
    </row>
    <row r="808139" spans="14:14">
      <c r="N808139" s="10"/>
    </row>
    <row r="808140" spans="14:14">
      <c r="N808140" s="10"/>
    </row>
    <row r="808141" spans="14:14">
      <c r="N808141" s="10"/>
    </row>
    <row r="808142" spans="14:14">
      <c r="N808142" s="10"/>
    </row>
    <row r="808143" spans="14:14">
      <c r="N808143" s="10"/>
    </row>
    <row r="808144" spans="14:14">
      <c r="N808144" s="10"/>
    </row>
    <row r="808145" spans="14:14">
      <c r="N808145" s="10"/>
    </row>
    <row r="808146" spans="14:14">
      <c r="N808146" s="10"/>
    </row>
    <row r="808147" spans="14:14">
      <c r="N808147" s="10"/>
    </row>
    <row r="808148" spans="14:14">
      <c r="N808148" s="10"/>
    </row>
    <row r="808149" spans="14:14">
      <c r="N808149" s="10"/>
    </row>
    <row r="808150" spans="14:14">
      <c r="N808150" s="10"/>
    </row>
    <row r="808151" spans="14:14">
      <c r="N808151" s="10"/>
    </row>
    <row r="808152" spans="14:14">
      <c r="N808152" s="10"/>
    </row>
    <row r="808153" spans="14:14">
      <c r="N808153" s="10"/>
    </row>
    <row r="808154" spans="14:14">
      <c r="N808154" s="10"/>
    </row>
    <row r="808155" spans="14:14">
      <c r="N808155" s="10"/>
    </row>
    <row r="808156" spans="14:14">
      <c r="N808156" s="10"/>
    </row>
    <row r="808157" spans="14:14">
      <c r="N808157" s="10"/>
    </row>
    <row r="808158" spans="14:14">
      <c r="N808158" s="10"/>
    </row>
    <row r="808159" spans="14:14">
      <c r="N808159" s="10"/>
    </row>
    <row r="808160" spans="14:14">
      <c r="N808160" s="10"/>
    </row>
    <row r="808161" spans="14:14">
      <c r="N808161" s="10"/>
    </row>
    <row r="808162" spans="14:14">
      <c r="N808162" s="10"/>
    </row>
    <row r="808163" spans="14:14">
      <c r="N808163" s="10"/>
    </row>
    <row r="808164" spans="14:14">
      <c r="N808164" s="10"/>
    </row>
    <row r="808165" spans="14:14">
      <c r="N808165" s="10"/>
    </row>
    <row r="808166" spans="14:14">
      <c r="N808166" s="10"/>
    </row>
    <row r="808167" spans="14:14">
      <c r="N808167" s="10"/>
    </row>
    <row r="808168" spans="14:14">
      <c r="N808168" s="10"/>
    </row>
    <row r="808169" spans="14:14">
      <c r="N808169" s="10"/>
    </row>
    <row r="808170" spans="14:14">
      <c r="N808170" s="10"/>
    </row>
    <row r="808171" spans="14:14">
      <c r="N808171" s="10"/>
    </row>
    <row r="808172" spans="14:14">
      <c r="N808172" s="10"/>
    </row>
    <row r="808173" spans="14:14">
      <c r="N808173" s="10"/>
    </row>
    <row r="808174" spans="14:14">
      <c r="N808174" s="10"/>
    </row>
    <row r="808175" spans="14:14">
      <c r="N808175" s="10"/>
    </row>
    <row r="808176" spans="14:14">
      <c r="N808176" s="10"/>
    </row>
    <row r="808177" spans="14:14">
      <c r="N808177" s="10"/>
    </row>
    <row r="808178" spans="14:14">
      <c r="N808178" s="10"/>
    </row>
    <row r="808179" spans="14:14">
      <c r="N808179" s="10"/>
    </row>
    <row r="808180" spans="14:14">
      <c r="N808180" s="10"/>
    </row>
    <row r="808181" spans="14:14">
      <c r="N808181" s="10"/>
    </row>
    <row r="808182" spans="14:14">
      <c r="N808182" s="10"/>
    </row>
    <row r="808183" spans="14:14">
      <c r="N808183" s="10"/>
    </row>
    <row r="808184" spans="14:14">
      <c r="N808184" s="10"/>
    </row>
    <row r="808185" spans="14:14">
      <c r="N808185" s="10"/>
    </row>
    <row r="808186" spans="14:14">
      <c r="N808186" s="10"/>
    </row>
    <row r="808187" spans="14:14">
      <c r="N808187" s="10"/>
    </row>
    <row r="808188" spans="14:14">
      <c r="N808188" s="10"/>
    </row>
    <row r="808189" spans="14:14">
      <c r="N808189" s="10"/>
    </row>
    <row r="808190" spans="14:14">
      <c r="N808190" s="10"/>
    </row>
    <row r="808191" spans="14:14">
      <c r="N808191" s="10"/>
    </row>
    <row r="808192" spans="14:14">
      <c r="N808192" s="10"/>
    </row>
    <row r="808193" spans="14:14">
      <c r="N808193" s="10"/>
    </row>
    <row r="808194" spans="14:14">
      <c r="N808194" s="10"/>
    </row>
    <row r="808195" spans="14:14">
      <c r="N808195" s="10"/>
    </row>
    <row r="808196" spans="14:14">
      <c r="N808196" s="10"/>
    </row>
    <row r="808197" spans="14:14">
      <c r="N808197" s="10"/>
    </row>
    <row r="808198" spans="14:14">
      <c r="N808198" s="10"/>
    </row>
    <row r="808199" spans="14:14">
      <c r="N808199" s="10"/>
    </row>
    <row r="808200" spans="14:14">
      <c r="N808200" s="10"/>
    </row>
    <row r="808201" spans="14:14">
      <c r="N808201" s="10"/>
    </row>
    <row r="808202" spans="14:14">
      <c r="N808202" s="10"/>
    </row>
    <row r="808203" spans="14:14">
      <c r="N808203" s="10"/>
    </row>
    <row r="808204" spans="14:14">
      <c r="N808204" s="10"/>
    </row>
    <row r="808205" spans="14:14">
      <c r="N808205" s="10"/>
    </row>
    <row r="808206" spans="14:14">
      <c r="N808206" s="10"/>
    </row>
    <row r="808207" spans="14:14">
      <c r="N808207" s="10"/>
    </row>
    <row r="808208" spans="14:14">
      <c r="N808208" s="10"/>
    </row>
    <row r="808209" spans="14:14">
      <c r="N808209" s="10"/>
    </row>
    <row r="808210" spans="14:14">
      <c r="N808210" s="10"/>
    </row>
    <row r="808211" spans="14:14">
      <c r="N808211" s="10"/>
    </row>
    <row r="808212" spans="14:14">
      <c r="N808212" s="10"/>
    </row>
    <row r="808213" spans="14:14">
      <c r="N808213" s="10"/>
    </row>
    <row r="808214" spans="14:14">
      <c r="N808214" s="10"/>
    </row>
    <row r="808215" spans="14:14">
      <c r="N808215" s="10"/>
    </row>
    <row r="808216" spans="14:14">
      <c r="N808216" s="10"/>
    </row>
    <row r="808217" spans="14:14">
      <c r="N808217" s="10"/>
    </row>
    <row r="808218" spans="14:14">
      <c r="N808218" s="10"/>
    </row>
    <row r="808219" spans="14:14">
      <c r="N808219" s="10"/>
    </row>
    <row r="808220" spans="14:14">
      <c r="N808220" s="10"/>
    </row>
    <row r="808221" spans="14:14">
      <c r="N808221" s="10"/>
    </row>
    <row r="808222" spans="14:14">
      <c r="N808222" s="10"/>
    </row>
    <row r="808223" spans="14:14">
      <c r="N808223" s="10"/>
    </row>
    <row r="808224" spans="14:14">
      <c r="N808224" s="10"/>
    </row>
    <row r="808225" spans="14:14">
      <c r="N808225" s="10"/>
    </row>
    <row r="808226" spans="14:14">
      <c r="N808226" s="10"/>
    </row>
    <row r="808227" spans="14:14">
      <c r="N808227" s="10"/>
    </row>
    <row r="808228" spans="14:14">
      <c r="N808228" s="10"/>
    </row>
    <row r="808229" spans="14:14">
      <c r="N808229" s="10"/>
    </row>
    <row r="808230" spans="14:14">
      <c r="N808230" s="10"/>
    </row>
    <row r="808231" spans="14:14">
      <c r="N808231" s="10"/>
    </row>
    <row r="808232" spans="14:14">
      <c r="N808232" s="10"/>
    </row>
    <row r="808233" spans="14:14">
      <c r="N808233" s="10"/>
    </row>
    <row r="808234" spans="14:14">
      <c r="N808234" s="10"/>
    </row>
    <row r="808235" spans="14:14">
      <c r="N808235" s="10"/>
    </row>
    <row r="808236" spans="14:14">
      <c r="N808236" s="10"/>
    </row>
    <row r="808237" spans="14:14">
      <c r="N808237" s="10"/>
    </row>
    <row r="808238" spans="14:14">
      <c r="N808238" s="10"/>
    </row>
    <row r="808239" spans="14:14">
      <c r="N808239" s="10"/>
    </row>
    <row r="808240" spans="14:14">
      <c r="N808240" s="10"/>
    </row>
    <row r="808241" spans="14:14">
      <c r="N808241" s="10"/>
    </row>
    <row r="808242" spans="14:14">
      <c r="N808242" s="10"/>
    </row>
    <row r="808243" spans="14:14">
      <c r="N808243" s="10"/>
    </row>
    <row r="808244" spans="14:14">
      <c r="N808244" s="10"/>
    </row>
    <row r="808245" spans="14:14">
      <c r="N808245" s="10"/>
    </row>
    <row r="808246" spans="14:14">
      <c r="N808246" s="10"/>
    </row>
    <row r="808247" spans="14:14">
      <c r="N808247" s="10"/>
    </row>
    <row r="808248" spans="14:14">
      <c r="N808248" s="10"/>
    </row>
    <row r="808249" spans="14:14">
      <c r="N808249" s="10"/>
    </row>
    <row r="808250" spans="14:14">
      <c r="N808250" s="10"/>
    </row>
    <row r="808251" spans="14:14">
      <c r="N808251" s="10"/>
    </row>
    <row r="808252" spans="14:14">
      <c r="N808252" s="10"/>
    </row>
    <row r="808253" spans="14:14">
      <c r="N808253" s="10"/>
    </row>
    <row r="808254" spans="14:14">
      <c r="N808254" s="10"/>
    </row>
    <row r="808255" spans="14:14">
      <c r="N808255" s="10"/>
    </row>
    <row r="808256" spans="14:14">
      <c r="N808256" s="10"/>
    </row>
    <row r="808257" spans="14:14">
      <c r="N808257" s="10"/>
    </row>
    <row r="808258" spans="14:14">
      <c r="N808258" s="10"/>
    </row>
    <row r="808259" spans="14:14">
      <c r="N808259" s="10"/>
    </row>
    <row r="808260" spans="14:14">
      <c r="N808260" s="10"/>
    </row>
    <row r="808261" spans="14:14">
      <c r="N808261" s="10"/>
    </row>
    <row r="808262" spans="14:14">
      <c r="N808262" s="10"/>
    </row>
    <row r="808263" spans="14:14">
      <c r="N808263" s="10"/>
    </row>
    <row r="808264" spans="14:14">
      <c r="N808264" s="10"/>
    </row>
    <row r="808265" spans="14:14">
      <c r="N808265" s="10"/>
    </row>
    <row r="808266" spans="14:14">
      <c r="N808266" s="10"/>
    </row>
    <row r="808267" spans="14:14">
      <c r="N808267" s="10"/>
    </row>
    <row r="808268" spans="14:14">
      <c r="N808268" s="10"/>
    </row>
    <row r="808269" spans="14:14">
      <c r="N808269" s="10"/>
    </row>
    <row r="808270" spans="14:14">
      <c r="N808270" s="10"/>
    </row>
    <row r="808271" spans="14:14">
      <c r="N808271" s="10"/>
    </row>
    <row r="808272" spans="14:14">
      <c r="N808272" s="10"/>
    </row>
    <row r="808273" spans="14:14">
      <c r="N808273" s="10"/>
    </row>
    <row r="808274" spans="14:14">
      <c r="N808274" s="10"/>
    </row>
    <row r="808275" spans="14:14">
      <c r="N808275" s="10"/>
    </row>
    <row r="808276" spans="14:14">
      <c r="N808276" s="10"/>
    </row>
    <row r="808277" spans="14:14">
      <c r="N808277" s="10"/>
    </row>
    <row r="808278" spans="14:14">
      <c r="N808278" s="10"/>
    </row>
    <row r="808279" spans="14:14">
      <c r="N808279" s="10"/>
    </row>
    <row r="808280" spans="14:14">
      <c r="N808280" s="10"/>
    </row>
    <row r="808281" spans="14:14">
      <c r="N808281" s="10"/>
    </row>
    <row r="808282" spans="14:14">
      <c r="N808282" s="10"/>
    </row>
    <row r="808283" spans="14:14">
      <c r="N808283" s="10"/>
    </row>
    <row r="808284" spans="14:14">
      <c r="N808284" s="10"/>
    </row>
    <row r="808285" spans="14:14">
      <c r="N808285" s="10"/>
    </row>
    <row r="808286" spans="14:14">
      <c r="N808286" s="10"/>
    </row>
    <row r="808287" spans="14:14">
      <c r="N808287" s="10"/>
    </row>
    <row r="808288" spans="14:14">
      <c r="N808288" s="10"/>
    </row>
    <row r="808289" spans="14:14">
      <c r="N808289" s="10"/>
    </row>
    <row r="808290" spans="14:14">
      <c r="N808290" s="10"/>
    </row>
    <row r="808291" spans="14:14">
      <c r="N808291" s="10"/>
    </row>
    <row r="808292" spans="14:14">
      <c r="N808292" s="10"/>
    </row>
    <row r="808293" spans="14:14">
      <c r="N808293" s="10"/>
    </row>
    <row r="808294" spans="14:14">
      <c r="N808294" s="10"/>
    </row>
    <row r="808295" spans="14:14">
      <c r="N808295" s="10"/>
    </row>
    <row r="808296" spans="14:14">
      <c r="N808296" s="10"/>
    </row>
    <row r="808297" spans="14:14">
      <c r="N808297" s="10"/>
    </row>
    <row r="808298" spans="14:14">
      <c r="N808298" s="10"/>
    </row>
    <row r="808299" spans="14:14">
      <c r="N808299" s="10"/>
    </row>
    <row r="808300" spans="14:14">
      <c r="N808300" s="10"/>
    </row>
    <row r="808301" spans="14:14">
      <c r="N808301" s="10"/>
    </row>
    <row r="808302" spans="14:14">
      <c r="N808302" s="10"/>
    </row>
    <row r="808303" spans="14:14">
      <c r="N808303" s="10"/>
    </row>
    <row r="808304" spans="14:14">
      <c r="N808304" s="10"/>
    </row>
    <row r="808305" spans="14:14">
      <c r="N808305" s="10"/>
    </row>
    <row r="808306" spans="14:14">
      <c r="N808306" s="10"/>
    </row>
    <row r="808307" spans="14:14">
      <c r="N808307" s="10"/>
    </row>
    <row r="808308" spans="14:14">
      <c r="N808308" s="10"/>
    </row>
    <row r="808309" spans="14:14">
      <c r="N808309" s="10"/>
    </row>
    <row r="808310" spans="14:14">
      <c r="N808310" s="10"/>
    </row>
    <row r="808311" spans="14:14">
      <c r="N808311" s="10"/>
    </row>
    <row r="808312" spans="14:14">
      <c r="N808312" s="10"/>
    </row>
    <row r="808313" spans="14:14">
      <c r="N808313" s="10"/>
    </row>
    <row r="808314" spans="14:14">
      <c r="N808314" s="10"/>
    </row>
    <row r="808315" spans="14:14">
      <c r="N808315" s="10"/>
    </row>
    <row r="808316" spans="14:14">
      <c r="N808316" s="10"/>
    </row>
    <row r="808317" spans="14:14">
      <c r="N808317" s="10"/>
    </row>
    <row r="808318" spans="14:14">
      <c r="N808318" s="10"/>
    </row>
    <row r="808319" spans="14:14">
      <c r="N808319" s="10"/>
    </row>
    <row r="808320" spans="14:14">
      <c r="N808320" s="10"/>
    </row>
    <row r="808321" spans="14:14">
      <c r="N808321" s="10"/>
    </row>
    <row r="808322" spans="14:14">
      <c r="N808322" s="10"/>
    </row>
    <row r="808323" spans="14:14">
      <c r="N808323" s="10"/>
    </row>
    <row r="808324" spans="14:14">
      <c r="N808324" s="10"/>
    </row>
    <row r="808325" spans="14:14">
      <c r="N808325" s="10"/>
    </row>
    <row r="808326" spans="14:14">
      <c r="N808326" s="10"/>
    </row>
    <row r="808327" spans="14:14">
      <c r="N808327" s="10"/>
    </row>
    <row r="808328" spans="14:14">
      <c r="N808328" s="10"/>
    </row>
    <row r="808329" spans="14:14">
      <c r="N808329" s="10"/>
    </row>
    <row r="808330" spans="14:14">
      <c r="N808330" s="10"/>
    </row>
    <row r="808331" spans="14:14">
      <c r="N808331" s="10"/>
    </row>
    <row r="808332" spans="14:14">
      <c r="N808332" s="10"/>
    </row>
    <row r="808333" spans="14:14">
      <c r="N808333" s="10"/>
    </row>
    <row r="808334" spans="14:14">
      <c r="N808334" s="10"/>
    </row>
    <row r="808335" spans="14:14">
      <c r="N808335" s="10"/>
    </row>
    <row r="808336" spans="14:14">
      <c r="N808336" s="10"/>
    </row>
    <row r="808337" spans="14:14">
      <c r="N808337" s="10"/>
    </row>
    <row r="808338" spans="14:14">
      <c r="N808338" s="10"/>
    </row>
    <row r="808339" spans="14:14">
      <c r="N808339" s="10"/>
    </row>
    <row r="808340" spans="14:14">
      <c r="N808340" s="10"/>
    </row>
    <row r="808341" spans="14:14">
      <c r="N808341" s="10"/>
    </row>
    <row r="808342" spans="14:14">
      <c r="N808342" s="10"/>
    </row>
    <row r="808343" spans="14:14">
      <c r="N808343" s="10"/>
    </row>
    <row r="808344" spans="14:14">
      <c r="N808344" s="10"/>
    </row>
    <row r="808345" spans="14:14">
      <c r="N808345" s="10"/>
    </row>
    <row r="808346" spans="14:14">
      <c r="N808346" s="10"/>
    </row>
    <row r="808347" spans="14:14">
      <c r="N808347" s="10"/>
    </row>
    <row r="808348" spans="14:14">
      <c r="N808348" s="10"/>
    </row>
    <row r="808349" spans="14:14">
      <c r="N808349" s="10"/>
    </row>
    <row r="808350" spans="14:14">
      <c r="N808350" s="10"/>
    </row>
    <row r="808351" spans="14:14">
      <c r="N808351" s="10"/>
    </row>
    <row r="808352" spans="14:14">
      <c r="N808352" s="10"/>
    </row>
    <row r="808353" spans="14:14">
      <c r="N808353" s="10"/>
    </row>
    <row r="808354" spans="14:14">
      <c r="N808354" s="10"/>
    </row>
    <row r="808355" spans="14:14">
      <c r="N808355" s="10"/>
    </row>
    <row r="808356" spans="14:14">
      <c r="N808356" s="10"/>
    </row>
    <row r="808357" spans="14:14">
      <c r="N808357" s="10"/>
    </row>
    <row r="808358" spans="14:14">
      <c r="N808358" s="10"/>
    </row>
    <row r="808359" spans="14:14">
      <c r="N808359" s="10"/>
    </row>
    <row r="808360" spans="14:14">
      <c r="N808360" s="10"/>
    </row>
    <row r="808361" spans="14:14">
      <c r="N808361" s="10"/>
    </row>
    <row r="808362" spans="14:14">
      <c r="N808362" s="10"/>
    </row>
    <row r="808363" spans="14:14">
      <c r="N808363" s="10"/>
    </row>
    <row r="808364" spans="14:14">
      <c r="N808364" s="10"/>
    </row>
    <row r="808365" spans="14:14">
      <c r="N808365" s="10"/>
    </row>
    <row r="808366" spans="14:14">
      <c r="N808366" s="10"/>
    </row>
    <row r="808367" spans="14:14">
      <c r="N808367" s="10"/>
    </row>
    <row r="808368" spans="14:14">
      <c r="N808368" s="10"/>
    </row>
    <row r="808369" spans="14:14">
      <c r="N808369" s="10"/>
    </row>
    <row r="808370" spans="14:14">
      <c r="N808370" s="10"/>
    </row>
    <row r="808371" spans="14:14">
      <c r="N808371" s="10"/>
    </row>
    <row r="808372" spans="14:14">
      <c r="N808372" s="10"/>
    </row>
    <row r="808373" spans="14:14">
      <c r="N808373" s="10"/>
    </row>
    <row r="808374" spans="14:14">
      <c r="N808374" s="10"/>
    </row>
    <row r="808375" spans="14:14">
      <c r="N808375" s="10"/>
    </row>
    <row r="808376" spans="14:14">
      <c r="N808376" s="10"/>
    </row>
    <row r="808377" spans="14:14">
      <c r="N808377" s="10"/>
    </row>
    <row r="808378" spans="14:14">
      <c r="N808378" s="10"/>
    </row>
    <row r="808379" spans="14:14">
      <c r="N808379" s="10"/>
    </row>
    <row r="808380" spans="14:14">
      <c r="N808380" s="10"/>
    </row>
    <row r="808381" spans="14:14">
      <c r="N808381" s="10"/>
    </row>
    <row r="808382" spans="14:14">
      <c r="N808382" s="10"/>
    </row>
    <row r="808383" spans="14:14">
      <c r="N808383" s="10"/>
    </row>
    <row r="808384" spans="14:14">
      <c r="N808384" s="10"/>
    </row>
    <row r="808385" spans="14:14">
      <c r="N808385" s="10"/>
    </row>
    <row r="808386" spans="14:14">
      <c r="N808386" s="10"/>
    </row>
    <row r="808387" spans="14:14">
      <c r="N808387" s="10"/>
    </row>
    <row r="808388" spans="14:14">
      <c r="N808388" s="10"/>
    </row>
    <row r="808389" spans="14:14">
      <c r="N808389" s="10"/>
    </row>
    <row r="808390" spans="14:14">
      <c r="N808390" s="10"/>
    </row>
    <row r="808391" spans="14:14">
      <c r="N808391" s="10"/>
    </row>
    <row r="808392" spans="14:14">
      <c r="N808392" s="10"/>
    </row>
    <row r="808393" spans="14:14">
      <c r="N808393" s="10"/>
    </row>
    <row r="808394" spans="14:14">
      <c r="N808394" s="10"/>
    </row>
    <row r="808395" spans="14:14">
      <c r="N808395" s="10"/>
    </row>
    <row r="808396" spans="14:14">
      <c r="N808396" s="10"/>
    </row>
    <row r="808397" spans="14:14">
      <c r="N808397" s="10"/>
    </row>
    <row r="808398" spans="14:14">
      <c r="N808398" s="10"/>
    </row>
    <row r="808399" spans="14:14">
      <c r="N808399" s="10"/>
    </row>
    <row r="808400" spans="14:14">
      <c r="N808400" s="10"/>
    </row>
    <row r="808401" spans="14:14">
      <c r="N808401" s="10"/>
    </row>
    <row r="808402" spans="14:14">
      <c r="N808402" s="10"/>
    </row>
    <row r="808403" spans="14:14">
      <c r="N808403" s="10"/>
    </row>
    <row r="808404" spans="14:14">
      <c r="N808404" s="10"/>
    </row>
    <row r="808405" spans="14:14">
      <c r="N808405" s="10"/>
    </row>
    <row r="808406" spans="14:14">
      <c r="N808406" s="10"/>
    </row>
    <row r="808407" spans="14:14">
      <c r="N808407" s="10"/>
    </row>
    <row r="808408" spans="14:14">
      <c r="N808408" s="10"/>
    </row>
    <row r="808409" spans="14:14">
      <c r="N808409" s="10"/>
    </row>
    <row r="808410" spans="14:14">
      <c r="N808410" s="10"/>
    </row>
    <row r="808411" spans="14:14">
      <c r="N808411" s="10"/>
    </row>
    <row r="808412" spans="14:14">
      <c r="N808412" s="10"/>
    </row>
    <row r="808413" spans="14:14">
      <c r="N808413" s="10"/>
    </row>
    <row r="808414" spans="14:14">
      <c r="N808414" s="10"/>
    </row>
    <row r="808415" spans="14:14">
      <c r="N808415" s="10"/>
    </row>
    <row r="808416" spans="14:14">
      <c r="N808416" s="10"/>
    </row>
    <row r="808417" spans="14:14">
      <c r="N808417" s="10"/>
    </row>
    <row r="808418" spans="14:14">
      <c r="N808418" s="10"/>
    </row>
    <row r="808419" spans="14:14">
      <c r="N808419" s="10"/>
    </row>
    <row r="808420" spans="14:14">
      <c r="N808420" s="10"/>
    </row>
    <row r="808421" spans="14:14">
      <c r="N808421" s="10"/>
    </row>
    <row r="808422" spans="14:14">
      <c r="N808422" s="10"/>
    </row>
    <row r="808423" spans="14:14">
      <c r="N808423" s="10"/>
    </row>
    <row r="808424" spans="14:14">
      <c r="N808424" s="10"/>
    </row>
    <row r="808425" spans="14:14">
      <c r="N808425" s="10"/>
    </row>
    <row r="808426" spans="14:14">
      <c r="N808426" s="10"/>
    </row>
    <row r="808427" spans="14:14">
      <c r="N808427" s="10"/>
    </row>
    <row r="808428" spans="14:14">
      <c r="N808428" s="10"/>
    </row>
    <row r="808429" spans="14:14">
      <c r="N808429" s="10"/>
    </row>
    <row r="808430" spans="14:14">
      <c r="N808430" s="10"/>
    </row>
    <row r="808431" spans="14:14">
      <c r="N808431" s="10"/>
    </row>
    <row r="808432" spans="14:14">
      <c r="N808432" s="10"/>
    </row>
    <row r="808433" spans="14:14">
      <c r="N808433" s="10"/>
    </row>
    <row r="808434" spans="14:14">
      <c r="N808434" s="10"/>
    </row>
    <row r="808435" spans="14:14">
      <c r="N808435" s="10"/>
    </row>
    <row r="808436" spans="14:14">
      <c r="N808436" s="10"/>
    </row>
    <row r="808437" spans="14:14">
      <c r="N808437" s="10"/>
    </row>
    <row r="808438" spans="14:14">
      <c r="N808438" s="10"/>
    </row>
    <row r="808439" spans="14:14">
      <c r="N808439" s="10"/>
    </row>
    <row r="808440" spans="14:14">
      <c r="N808440" s="10"/>
    </row>
    <row r="808441" spans="14:14">
      <c r="N808441" s="10"/>
    </row>
    <row r="808442" spans="14:14">
      <c r="N808442" s="10"/>
    </row>
    <row r="808443" spans="14:14">
      <c r="N808443" s="10"/>
    </row>
    <row r="808444" spans="14:14">
      <c r="N808444" s="10"/>
    </row>
    <row r="808445" spans="14:14">
      <c r="N808445" s="10"/>
    </row>
    <row r="808446" spans="14:14">
      <c r="N808446" s="10"/>
    </row>
    <row r="808447" spans="14:14">
      <c r="N808447" s="10"/>
    </row>
    <row r="808448" spans="14:14">
      <c r="N808448" s="10"/>
    </row>
    <row r="808449" spans="14:14">
      <c r="N808449" s="10"/>
    </row>
    <row r="808450" spans="14:14">
      <c r="N808450" s="10"/>
    </row>
    <row r="808451" spans="14:14">
      <c r="N808451" s="10"/>
    </row>
    <row r="808452" spans="14:14">
      <c r="N808452" s="10"/>
    </row>
    <row r="808453" spans="14:14">
      <c r="N808453" s="10"/>
    </row>
    <row r="808454" spans="14:14">
      <c r="N808454" s="10"/>
    </row>
    <row r="808455" spans="14:14">
      <c r="N808455" s="10"/>
    </row>
    <row r="808456" spans="14:14">
      <c r="N808456" s="10"/>
    </row>
    <row r="808457" spans="14:14">
      <c r="N808457" s="10"/>
    </row>
    <row r="808458" spans="14:14">
      <c r="N808458" s="10"/>
    </row>
    <row r="808459" spans="14:14">
      <c r="N808459" s="10"/>
    </row>
    <row r="808460" spans="14:14">
      <c r="N808460" s="10"/>
    </row>
    <row r="808461" spans="14:14">
      <c r="N808461" s="10"/>
    </row>
    <row r="808462" spans="14:14">
      <c r="N808462" s="10"/>
    </row>
    <row r="808463" spans="14:14">
      <c r="N808463" s="10"/>
    </row>
    <row r="808464" spans="14:14">
      <c r="N808464" s="10"/>
    </row>
    <row r="808465" spans="14:14">
      <c r="N808465" s="10"/>
    </row>
    <row r="808466" spans="14:14">
      <c r="N808466" s="10"/>
    </row>
    <row r="808467" spans="14:14">
      <c r="N808467" s="10"/>
    </row>
    <row r="808468" spans="14:14">
      <c r="N808468" s="10"/>
    </row>
    <row r="808469" spans="14:14">
      <c r="N808469" s="10"/>
    </row>
    <row r="808470" spans="14:14">
      <c r="N808470" s="10"/>
    </row>
    <row r="808471" spans="14:14">
      <c r="N808471" s="10"/>
    </row>
    <row r="808472" spans="14:14">
      <c r="N808472" s="10"/>
    </row>
    <row r="808473" spans="14:14">
      <c r="N808473" s="10"/>
    </row>
    <row r="808474" spans="14:14">
      <c r="N808474" s="10"/>
    </row>
    <row r="808475" spans="14:14">
      <c r="N808475" s="10"/>
    </row>
    <row r="808476" spans="14:14">
      <c r="N808476" s="10"/>
    </row>
    <row r="808477" spans="14:14">
      <c r="N808477" s="10"/>
    </row>
    <row r="808478" spans="14:14">
      <c r="N808478" s="10"/>
    </row>
    <row r="808479" spans="14:14">
      <c r="N808479" s="10"/>
    </row>
    <row r="808480" spans="14:14">
      <c r="N808480" s="10"/>
    </row>
    <row r="808481" spans="14:14">
      <c r="N808481" s="10"/>
    </row>
    <row r="808482" spans="14:14">
      <c r="N808482" s="10"/>
    </row>
    <row r="808483" spans="14:14">
      <c r="N808483" s="10"/>
    </row>
    <row r="808484" spans="14:14">
      <c r="N808484" s="10"/>
    </row>
    <row r="808485" spans="14:14">
      <c r="N808485" s="10"/>
    </row>
    <row r="808486" spans="14:14">
      <c r="N808486" s="10"/>
    </row>
    <row r="808487" spans="14:14">
      <c r="N808487" s="10"/>
    </row>
    <row r="808488" spans="14:14">
      <c r="N808488" s="10"/>
    </row>
    <row r="808489" spans="14:14">
      <c r="N808489" s="10"/>
    </row>
    <row r="808490" spans="14:14">
      <c r="N808490" s="10"/>
    </row>
    <row r="808491" spans="14:14">
      <c r="N808491" s="10"/>
    </row>
    <row r="808492" spans="14:14">
      <c r="N808492" s="10"/>
    </row>
    <row r="808493" spans="14:14">
      <c r="N808493" s="10"/>
    </row>
    <row r="808494" spans="14:14">
      <c r="N808494" s="10"/>
    </row>
    <row r="808495" spans="14:14">
      <c r="N808495" s="10"/>
    </row>
    <row r="808496" spans="14:14">
      <c r="N808496" s="10"/>
    </row>
    <row r="808497" spans="14:14">
      <c r="N808497" s="10"/>
    </row>
    <row r="808498" spans="14:14">
      <c r="N808498" s="10"/>
    </row>
    <row r="808499" spans="14:14">
      <c r="N808499" s="10"/>
    </row>
    <row r="808500" spans="14:14">
      <c r="N808500" s="10"/>
    </row>
    <row r="808501" spans="14:14">
      <c r="N808501" s="10"/>
    </row>
    <row r="808502" spans="14:14">
      <c r="N808502" s="10"/>
    </row>
    <row r="808503" spans="14:14">
      <c r="N808503" s="10"/>
    </row>
    <row r="808504" spans="14:14">
      <c r="N808504" s="10"/>
    </row>
    <row r="808505" spans="14:14">
      <c r="N808505" s="10"/>
    </row>
    <row r="808506" spans="14:14">
      <c r="N808506" s="10"/>
    </row>
    <row r="808507" spans="14:14">
      <c r="N808507" s="10"/>
    </row>
    <row r="808508" spans="14:14">
      <c r="N808508" s="10"/>
    </row>
    <row r="808509" spans="14:14">
      <c r="N808509" s="10"/>
    </row>
    <row r="808510" spans="14:14">
      <c r="N808510" s="10"/>
    </row>
    <row r="808511" spans="14:14">
      <c r="N808511" s="10"/>
    </row>
    <row r="808512" spans="14:14">
      <c r="N808512" s="10"/>
    </row>
    <row r="808513" spans="14:14">
      <c r="N808513" s="10"/>
    </row>
    <row r="808514" spans="14:14">
      <c r="N808514" s="10"/>
    </row>
    <row r="808515" spans="14:14">
      <c r="N808515" s="10"/>
    </row>
    <row r="808516" spans="14:14">
      <c r="N808516" s="10"/>
    </row>
    <row r="808517" spans="14:14">
      <c r="N808517" s="10"/>
    </row>
    <row r="808518" spans="14:14">
      <c r="N808518" s="10"/>
    </row>
    <row r="808519" spans="14:14">
      <c r="N808519" s="10"/>
    </row>
    <row r="808520" spans="14:14">
      <c r="N808520" s="10"/>
    </row>
    <row r="808521" spans="14:14">
      <c r="N808521" s="10"/>
    </row>
    <row r="808522" spans="14:14">
      <c r="N808522" s="10"/>
    </row>
    <row r="808523" spans="14:14">
      <c r="N808523" s="10"/>
    </row>
    <row r="808524" spans="14:14">
      <c r="N808524" s="10"/>
    </row>
    <row r="808525" spans="14:14">
      <c r="N808525" s="10"/>
    </row>
    <row r="808526" spans="14:14">
      <c r="N808526" s="10"/>
    </row>
    <row r="808527" spans="14:14">
      <c r="N808527" s="10"/>
    </row>
    <row r="808528" spans="14:14">
      <c r="N808528" s="10"/>
    </row>
    <row r="808529" spans="14:14">
      <c r="N808529" s="10"/>
    </row>
    <row r="808530" spans="14:14">
      <c r="N808530" s="10"/>
    </row>
    <row r="808531" spans="14:14">
      <c r="N808531" s="10"/>
    </row>
    <row r="808532" spans="14:14">
      <c r="N808532" s="10"/>
    </row>
    <row r="808533" spans="14:14">
      <c r="N808533" s="10"/>
    </row>
    <row r="808534" spans="14:14">
      <c r="N808534" s="10"/>
    </row>
    <row r="808535" spans="14:14">
      <c r="N808535" s="10"/>
    </row>
    <row r="808536" spans="14:14">
      <c r="N808536" s="10"/>
    </row>
    <row r="808537" spans="14:14">
      <c r="N808537" s="10"/>
    </row>
    <row r="808538" spans="14:14">
      <c r="N808538" s="10"/>
    </row>
    <row r="808539" spans="14:14">
      <c r="N808539" s="10"/>
    </row>
    <row r="808540" spans="14:14">
      <c r="N808540" s="10"/>
    </row>
    <row r="808541" spans="14:14">
      <c r="N808541" s="10"/>
    </row>
    <row r="808542" spans="14:14">
      <c r="N808542" s="10"/>
    </row>
    <row r="808543" spans="14:14">
      <c r="N808543" s="10"/>
    </row>
    <row r="808544" spans="14:14">
      <c r="N808544" s="10"/>
    </row>
    <row r="808545" spans="14:14">
      <c r="N808545" s="10"/>
    </row>
    <row r="808546" spans="14:14">
      <c r="N808546" s="10"/>
    </row>
    <row r="808547" spans="14:14">
      <c r="N808547" s="10"/>
    </row>
    <row r="808548" spans="14:14">
      <c r="N808548" s="10"/>
    </row>
    <row r="808549" spans="14:14">
      <c r="N808549" s="10"/>
    </row>
    <row r="808550" spans="14:14">
      <c r="N808550" s="10"/>
    </row>
    <row r="808551" spans="14:14">
      <c r="N808551" s="10"/>
    </row>
    <row r="808552" spans="14:14">
      <c r="N808552" s="10"/>
    </row>
    <row r="808553" spans="14:14">
      <c r="N808553" s="10"/>
    </row>
    <row r="808554" spans="14:14">
      <c r="N808554" s="10"/>
    </row>
    <row r="808555" spans="14:14">
      <c r="N808555" s="10"/>
    </row>
    <row r="808556" spans="14:14">
      <c r="N808556" s="10"/>
    </row>
    <row r="808557" spans="14:14">
      <c r="N808557" s="10"/>
    </row>
    <row r="808558" spans="14:14">
      <c r="N808558" s="10"/>
    </row>
    <row r="808559" spans="14:14">
      <c r="N808559" s="10"/>
    </row>
    <row r="808560" spans="14:14">
      <c r="N808560" s="10"/>
    </row>
    <row r="808561" spans="14:14">
      <c r="N808561" s="10"/>
    </row>
    <row r="808562" spans="14:14">
      <c r="N808562" s="10"/>
    </row>
    <row r="808563" spans="14:14">
      <c r="N808563" s="10"/>
    </row>
    <row r="808564" spans="14:14">
      <c r="N808564" s="10"/>
    </row>
    <row r="808565" spans="14:14">
      <c r="N808565" s="10"/>
    </row>
    <row r="808566" spans="14:14">
      <c r="N808566" s="10"/>
    </row>
    <row r="808567" spans="14:14">
      <c r="N808567" s="10"/>
    </row>
    <row r="808568" spans="14:14">
      <c r="N808568" s="10"/>
    </row>
    <row r="808569" spans="14:14">
      <c r="N808569" s="10"/>
    </row>
    <row r="808570" spans="14:14">
      <c r="N808570" s="10"/>
    </row>
    <row r="808571" spans="14:14">
      <c r="N808571" s="10"/>
    </row>
    <row r="808572" spans="14:14">
      <c r="N808572" s="10"/>
    </row>
    <row r="808573" spans="14:14">
      <c r="N808573" s="10"/>
    </row>
    <row r="808574" spans="14:14">
      <c r="N808574" s="10"/>
    </row>
    <row r="808575" spans="14:14">
      <c r="N808575" s="10"/>
    </row>
    <row r="808576" spans="14:14">
      <c r="N808576" s="10"/>
    </row>
    <row r="808577" spans="14:14">
      <c r="N808577" s="10"/>
    </row>
    <row r="808578" spans="14:14">
      <c r="N808578" s="10"/>
    </row>
    <row r="808579" spans="14:14">
      <c r="N808579" s="10"/>
    </row>
    <row r="808580" spans="14:14">
      <c r="N808580" s="10"/>
    </row>
    <row r="808581" spans="14:14">
      <c r="N808581" s="10"/>
    </row>
    <row r="808582" spans="14:14">
      <c r="N808582" s="10"/>
    </row>
    <row r="808583" spans="14:14">
      <c r="N808583" s="10"/>
    </row>
    <row r="808584" spans="14:14">
      <c r="N808584" s="10"/>
    </row>
    <row r="808585" spans="14:14">
      <c r="N808585" s="10"/>
    </row>
    <row r="808586" spans="14:14">
      <c r="N808586" s="10"/>
    </row>
    <row r="808587" spans="14:14">
      <c r="N808587" s="10"/>
    </row>
    <row r="808588" spans="14:14">
      <c r="N808588" s="10"/>
    </row>
    <row r="808589" spans="14:14">
      <c r="N808589" s="10"/>
    </row>
    <row r="808590" spans="14:14">
      <c r="N808590" s="10"/>
    </row>
    <row r="808591" spans="14:14">
      <c r="N808591" s="10"/>
    </row>
    <row r="808592" spans="14:14">
      <c r="N808592" s="10"/>
    </row>
    <row r="808593" spans="14:14">
      <c r="N808593" s="10"/>
    </row>
    <row r="808594" spans="14:14">
      <c r="N808594" s="10"/>
    </row>
    <row r="808595" spans="14:14">
      <c r="N808595" s="10"/>
    </row>
    <row r="808596" spans="14:14">
      <c r="N808596" s="10"/>
    </row>
    <row r="808597" spans="14:14">
      <c r="N808597" s="10"/>
    </row>
    <row r="808598" spans="14:14">
      <c r="N808598" s="10"/>
    </row>
    <row r="808599" spans="14:14">
      <c r="N808599" s="10"/>
    </row>
    <row r="808600" spans="14:14">
      <c r="N808600" s="10"/>
    </row>
    <row r="808601" spans="14:14">
      <c r="N808601" s="10"/>
    </row>
    <row r="808602" spans="14:14">
      <c r="N808602" s="10"/>
    </row>
    <row r="808603" spans="14:14">
      <c r="N808603" s="10"/>
    </row>
    <row r="808604" spans="14:14">
      <c r="N808604" s="10"/>
    </row>
    <row r="808605" spans="14:14">
      <c r="N808605" s="10"/>
    </row>
    <row r="808606" spans="14:14">
      <c r="N808606" s="10"/>
    </row>
    <row r="808607" spans="14:14">
      <c r="N808607" s="10"/>
    </row>
    <row r="808608" spans="14:14">
      <c r="N808608" s="10"/>
    </row>
    <row r="808609" spans="14:14">
      <c r="N808609" s="10"/>
    </row>
    <row r="808610" spans="14:14">
      <c r="N808610" s="10"/>
    </row>
    <row r="808611" spans="14:14">
      <c r="N808611" s="10"/>
    </row>
    <row r="808612" spans="14:14">
      <c r="N808612" s="10"/>
    </row>
    <row r="808613" spans="14:14">
      <c r="N808613" s="10"/>
    </row>
    <row r="808614" spans="14:14">
      <c r="N808614" s="10"/>
    </row>
    <row r="808615" spans="14:14">
      <c r="N808615" s="10"/>
    </row>
    <row r="808616" spans="14:14">
      <c r="N808616" s="10"/>
    </row>
    <row r="808617" spans="14:14">
      <c r="N808617" s="10"/>
    </row>
    <row r="808618" spans="14:14">
      <c r="N808618" s="10"/>
    </row>
    <row r="808619" spans="14:14">
      <c r="N808619" s="10"/>
    </row>
    <row r="808620" spans="14:14">
      <c r="N808620" s="10"/>
    </row>
    <row r="808621" spans="14:14">
      <c r="N808621" s="10"/>
    </row>
    <row r="808622" spans="14:14">
      <c r="N808622" s="10"/>
    </row>
    <row r="808623" spans="14:14">
      <c r="N808623" s="10"/>
    </row>
    <row r="808624" spans="14:14">
      <c r="N808624" s="10"/>
    </row>
    <row r="808625" spans="14:14">
      <c r="N808625" s="10"/>
    </row>
    <row r="808626" spans="14:14">
      <c r="N808626" s="10"/>
    </row>
    <row r="808627" spans="14:14">
      <c r="N808627" s="10"/>
    </row>
    <row r="808628" spans="14:14">
      <c r="N808628" s="10"/>
    </row>
    <row r="808629" spans="14:14">
      <c r="N808629" s="10"/>
    </row>
    <row r="808630" spans="14:14">
      <c r="N808630" s="10"/>
    </row>
    <row r="808631" spans="14:14">
      <c r="N808631" s="10"/>
    </row>
    <row r="808632" spans="14:14">
      <c r="N808632" s="10"/>
    </row>
    <row r="808633" spans="14:14">
      <c r="N808633" s="10"/>
    </row>
    <row r="808634" spans="14:14">
      <c r="N808634" s="10"/>
    </row>
    <row r="808635" spans="14:14">
      <c r="N808635" s="10"/>
    </row>
    <row r="808636" spans="14:14">
      <c r="N808636" s="10"/>
    </row>
    <row r="808637" spans="14:14">
      <c r="N808637" s="10"/>
    </row>
    <row r="808638" spans="14:14">
      <c r="N808638" s="10"/>
    </row>
    <row r="808639" spans="14:14">
      <c r="N808639" s="10"/>
    </row>
    <row r="808640" spans="14:14">
      <c r="N808640" s="10"/>
    </row>
    <row r="808641" spans="14:14">
      <c r="N808641" s="10"/>
    </row>
    <row r="808642" spans="14:14">
      <c r="N808642" s="10"/>
    </row>
    <row r="808643" spans="14:14">
      <c r="N808643" s="10"/>
    </row>
    <row r="808644" spans="14:14">
      <c r="N808644" s="10"/>
    </row>
    <row r="808645" spans="14:14">
      <c r="N808645" s="10"/>
    </row>
    <row r="808646" spans="14:14">
      <c r="N808646" s="10"/>
    </row>
    <row r="808647" spans="14:14">
      <c r="N808647" s="10"/>
    </row>
    <row r="808648" spans="14:14">
      <c r="N808648" s="10"/>
    </row>
    <row r="808649" spans="14:14">
      <c r="N808649" s="10"/>
    </row>
    <row r="808650" spans="14:14">
      <c r="N808650" s="10"/>
    </row>
    <row r="808651" spans="14:14">
      <c r="N808651" s="10"/>
    </row>
    <row r="808652" spans="14:14">
      <c r="N808652" s="10"/>
    </row>
    <row r="808653" spans="14:14">
      <c r="N808653" s="10"/>
    </row>
    <row r="808654" spans="14:14">
      <c r="N808654" s="10"/>
    </row>
    <row r="808655" spans="14:14">
      <c r="N808655" s="10"/>
    </row>
    <row r="808656" spans="14:14">
      <c r="N808656" s="10"/>
    </row>
    <row r="808657" spans="14:14">
      <c r="N808657" s="10"/>
    </row>
    <row r="808658" spans="14:14">
      <c r="N808658" s="10"/>
    </row>
    <row r="808659" spans="14:14">
      <c r="N808659" s="10"/>
    </row>
    <row r="808660" spans="14:14">
      <c r="N808660" s="10"/>
    </row>
    <row r="808661" spans="14:14">
      <c r="N808661" s="10"/>
    </row>
    <row r="808662" spans="14:14">
      <c r="N808662" s="10"/>
    </row>
    <row r="808663" spans="14:14">
      <c r="N808663" s="10"/>
    </row>
    <row r="808664" spans="14:14">
      <c r="N808664" s="10"/>
    </row>
    <row r="808665" spans="14:14">
      <c r="N808665" s="10"/>
    </row>
    <row r="808666" spans="14:14">
      <c r="N808666" s="10"/>
    </row>
    <row r="808667" spans="14:14">
      <c r="N808667" s="10"/>
    </row>
    <row r="808668" spans="14:14">
      <c r="N808668" s="10"/>
    </row>
    <row r="808669" spans="14:14">
      <c r="N808669" s="10"/>
    </row>
    <row r="808670" spans="14:14">
      <c r="N808670" s="10"/>
    </row>
    <row r="808671" spans="14:14">
      <c r="N808671" s="10"/>
    </row>
    <row r="808672" spans="14:14">
      <c r="N808672" s="10"/>
    </row>
    <row r="808673" spans="14:14">
      <c r="N808673" s="10"/>
    </row>
    <row r="808674" spans="14:14">
      <c r="N808674" s="10"/>
    </row>
    <row r="808675" spans="14:14">
      <c r="N808675" s="10"/>
    </row>
    <row r="808676" spans="14:14">
      <c r="N808676" s="10"/>
    </row>
    <row r="808677" spans="14:14">
      <c r="N808677" s="10"/>
    </row>
    <row r="808678" spans="14:14">
      <c r="N808678" s="10"/>
    </row>
    <row r="808679" spans="14:14">
      <c r="N808679" s="10"/>
    </row>
    <row r="808680" spans="14:14">
      <c r="N808680" s="10"/>
    </row>
    <row r="808681" spans="14:14">
      <c r="N808681" s="10"/>
    </row>
    <row r="808682" spans="14:14">
      <c r="N808682" s="10"/>
    </row>
    <row r="808683" spans="14:14">
      <c r="N808683" s="10"/>
    </row>
    <row r="808684" spans="14:14">
      <c r="N808684" s="10"/>
    </row>
    <row r="808685" spans="14:14">
      <c r="N808685" s="10"/>
    </row>
    <row r="808686" spans="14:14">
      <c r="N808686" s="10"/>
    </row>
    <row r="808687" spans="14:14">
      <c r="N808687" s="10"/>
    </row>
    <row r="808688" spans="14:14">
      <c r="N808688" s="10"/>
    </row>
    <row r="808689" spans="14:14">
      <c r="N808689" s="10"/>
    </row>
    <row r="808690" spans="14:14">
      <c r="N808690" s="10"/>
    </row>
    <row r="808691" spans="14:14">
      <c r="N808691" s="10"/>
    </row>
    <row r="808692" spans="14:14">
      <c r="N808692" s="10"/>
    </row>
    <row r="808693" spans="14:14">
      <c r="N808693" s="10"/>
    </row>
    <row r="808694" spans="14:14">
      <c r="N808694" s="10"/>
    </row>
    <row r="808695" spans="14:14">
      <c r="N808695" s="10"/>
    </row>
    <row r="808696" spans="14:14">
      <c r="N808696" s="10"/>
    </row>
    <row r="808697" spans="14:14">
      <c r="N808697" s="10"/>
    </row>
    <row r="808698" spans="14:14">
      <c r="N808698" s="10"/>
    </row>
    <row r="808699" spans="14:14">
      <c r="N808699" s="10"/>
    </row>
    <row r="808700" spans="14:14">
      <c r="N808700" s="10"/>
    </row>
    <row r="808701" spans="14:14">
      <c r="N808701" s="10"/>
    </row>
    <row r="808702" spans="14:14">
      <c r="N808702" s="10"/>
    </row>
    <row r="808703" spans="14:14">
      <c r="N808703" s="10"/>
    </row>
    <row r="808704" spans="14:14">
      <c r="N808704" s="10"/>
    </row>
    <row r="808705" spans="14:14">
      <c r="N808705" s="10"/>
    </row>
    <row r="808706" spans="14:14">
      <c r="N808706" s="10"/>
    </row>
    <row r="808707" spans="14:14">
      <c r="N808707" s="10"/>
    </row>
    <row r="808708" spans="14:14">
      <c r="N808708" s="10"/>
    </row>
    <row r="808709" spans="14:14">
      <c r="N808709" s="10"/>
    </row>
    <row r="808710" spans="14:14">
      <c r="N808710" s="10"/>
    </row>
    <row r="808711" spans="14:14">
      <c r="N808711" s="10"/>
    </row>
    <row r="808712" spans="14:14">
      <c r="N808712" s="10"/>
    </row>
    <row r="808713" spans="14:14">
      <c r="N808713" s="10"/>
    </row>
    <row r="808714" spans="14:14">
      <c r="N808714" s="10"/>
    </row>
    <row r="808715" spans="14:14">
      <c r="N808715" s="10"/>
    </row>
    <row r="808716" spans="14:14">
      <c r="N808716" s="10"/>
    </row>
    <row r="808717" spans="14:14">
      <c r="N808717" s="10"/>
    </row>
    <row r="808718" spans="14:14">
      <c r="N808718" s="10"/>
    </row>
    <row r="808719" spans="14:14">
      <c r="N808719" s="10"/>
    </row>
    <row r="808720" spans="14:14">
      <c r="N808720" s="10"/>
    </row>
    <row r="808721" spans="14:14">
      <c r="N808721" s="10"/>
    </row>
    <row r="808722" spans="14:14">
      <c r="N808722" s="10"/>
    </row>
    <row r="808723" spans="14:14">
      <c r="N808723" s="10"/>
    </row>
    <row r="808724" spans="14:14">
      <c r="N808724" s="10"/>
    </row>
    <row r="808725" spans="14:14">
      <c r="N808725" s="10"/>
    </row>
    <row r="808726" spans="14:14">
      <c r="N808726" s="10"/>
    </row>
    <row r="808727" spans="14:14">
      <c r="N808727" s="10"/>
    </row>
    <row r="808728" spans="14:14">
      <c r="N808728" s="10"/>
    </row>
    <row r="808729" spans="14:14">
      <c r="N808729" s="10"/>
    </row>
    <row r="808730" spans="14:14">
      <c r="N808730" s="10"/>
    </row>
    <row r="808731" spans="14:14">
      <c r="N808731" s="10"/>
    </row>
    <row r="808732" spans="14:14">
      <c r="N808732" s="10"/>
    </row>
    <row r="808733" spans="14:14">
      <c r="N808733" s="10"/>
    </row>
    <row r="808734" spans="14:14">
      <c r="N808734" s="10"/>
    </row>
    <row r="808735" spans="14:14">
      <c r="N808735" s="10"/>
    </row>
    <row r="808736" spans="14:14">
      <c r="N808736" s="10"/>
    </row>
    <row r="808737" spans="14:14">
      <c r="N808737" s="10"/>
    </row>
    <row r="808738" spans="14:14">
      <c r="N808738" s="10"/>
    </row>
    <row r="808739" spans="14:14">
      <c r="N808739" s="10"/>
    </row>
    <row r="808740" spans="14:14">
      <c r="N808740" s="10"/>
    </row>
    <row r="808741" spans="14:14">
      <c r="N808741" s="10"/>
    </row>
    <row r="808742" spans="14:14">
      <c r="N808742" s="10"/>
    </row>
    <row r="808743" spans="14:14">
      <c r="N808743" s="10"/>
    </row>
    <row r="808744" spans="14:14">
      <c r="N808744" s="10"/>
    </row>
    <row r="808745" spans="14:14">
      <c r="N808745" s="10"/>
    </row>
    <row r="808746" spans="14:14">
      <c r="N808746" s="10"/>
    </row>
    <row r="808747" spans="14:14">
      <c r="N808747" s="10"/>
    </row>
    <row r="808748" spans="14:14">
      <c r="N808748" s="10"/>
    </row>
    <row r="808749" spans="14:14">
      <c r="N808749" s="10"/>
    </row>
    <row r="808750" spans="14:14">
      <c r="N808750" s="10"/>
    </row>
    <row r="808751" spans="14:14">
      <c r="N808751" s="10"/>
    </row>
    <row r="808752" spans="14:14">
      <c r="N808752" s="10"/>
    </row>
    <row r="808753" spans="14:14">
      <c r="N808753" s="10"/>
    </row>
    <row r="808754" spans="14:14">
      <c r="N808754" s="10"/>
    </row>
    <row r="808755" spans="14:14">
      <c r="N808755" s="10"/>
    </row>
    <row r="808756" spans="14:14">
      <c r="N808756" s="10"/>
    </row>
    <row r="808757" spans="14:14">
      <c r="N808757" s="10"/>
    </row>
    <row r="808758" spans="14:14">
      <c r="N808758" s="10"/>
    </row>
    <row r="808759" spans="14:14">
      <c r="N808759" s="10"/>
    </row>
    <row r="808760" spans="14:14">
      <c r="N808760" s="10"/>
    </row>
    <row r="808761" spans="14:14">
      <c r="N808761" s="10"/>
    </row>
    <row r="808762" spans="14:14">
      <c r="N808762" s="10"/>
    </row>
    <row r="808763" spans="14:14">
      <c r="N808763" s="10"/>
    </row>
    <row r="808764" spans="14:14">
      <c r="N808764" s="10"/>
    </row>
    <row r="808765" spans="14:14">
      <c r="N808765" s="10"/>
    </row>
    <row r="808766" spans="14:14">
      <c r="N808766" s="10"/>
    </row>
    <row r="808767" spans="14:14">
      <c r="N808767" s="10"/>
    </row>
    <row r="808768" spans="14:14">
      <c r="N808768" s="10"/>
    </row>
    <row r="808769" spans="14:14">
      <c r="N808769" s="10"/>
    </row>
    <row r="808770" spans="14:14">
      <c r="N808770" s="10"/>
    </row>
    <row r="808771" spans="14:14">
      <c r="N808771" s="10"/>
    </row>
    <row r="808772" spans="14:14">
      <c r="N808772" s="10"/>
    </row>
    <row r="808773" spans="14:14">
      <c r="N808773" s="10"/>
    </row>
    <row r="808774" spans="14:14">
      <c r="N808774" s="10"/>
    </row>
    <row r="808775" spans="14:14">
      <c r="N808775" s="10"/>
    </row>
    <row r="808776" spans="14:14">
      <c r="N808776" s="10"/>
    </row>
    <row r="808777" spans="14:14">
      <c r="N808777" s="10"/>
    </row>
    <row r="808778" spans="14:14">
      <c r="N808778" s="10"/>
    </row>
    <row r="808779" spans="14:14">
      <c r="N808779" s="10"/>
    </row>
    <row r="808780" spans="14:14">
      <c r="N808780" s="10"/>
    </row>
    <row r="808781" spans="14:14">
      <c r="N808781" s="10"/>
    </row>
    <row r="808782" spans="14:14">
      <c r="N808782" s="10"/>
    </row>
    <row r="808783" spans="14:14">
      <c r="N808783" s="10"/>
    </row>
    <row r="808784" spans="14:14">
      <c r="N808784" s="10"/>
    </row>
    <row r="808785" spans="14:14">
      <c r="N808785" s="10"/>
    </row>
    <row r="808786" spans="14:14">
      <c r="N808786" s="10"/>
    </row>
    <row r="808787" spans="14:14">
      <c r="N808787" s="10"/>
    </row>
    <row r="808788" spans="14:14">
      <c r="N808788" s="10"/>
    </row>
    <row r="808789" spans="14:14">
      <c r="N808789" s="10"/>
    </row>
    <row r="808790" spans="14:14">
      <c r="N808790" s="10"/>
    </row>
    <row r="808791" spans="14:14">
      <c r="N808791" s="10"/>
    </row>
    <row r="808792" spans="14:14">
      <c r="N808792" s="10"/>
    </row>
    <row r="808793" spans="14:14">
      <c r="N808793" s="10"/>
    </row>
    <row r="808794" spans="14:14">
      <c r="N808794" s="10"/>
    </row>
    <row r="808795" spans="14:14">
      <c r="N808795" s="10"/>
    </row>
    <row r="808796" spans="14:14">
      <c r="N808796" s="10"/>
    </row>
    <row r="808797" spans="14:14">
      <c r="N808797" s="10"/>
    </row>
    <row r="808798" spans="14:14">
      <c r="N808798" s="10"/>
    </row>
    <row r="808799" spans="14:14">
      <c r="N808799" s="10"/>
    </row>
    <row r="808800" spans="14:14">
      <c r="N808800" s="10"/>
    </row>
    <row r="808801" spans="14:14">
      <c r="N808801" s="10"/>
    </row>
    <row r="808802" spans="14:14">
      <c r="N808802" s="10"/>
    </row>
    <row r="808803" spans="14:14">
      <c r="N808803" s="10"/>
    </row>
    <row r="808804" spans="14:14">
      <c r="N808804" s="10"/>
    </row>
    <row r="808805" spans="14:14">
      <c r="N808805" s="10"/>
    </row>
    <row r="808806" spans="14:14">
      <c r="N808806" s="10"/>
    </row>
    <row r="808807" spans="14:14">
      <c r="N808807" s="10"/>
    </row>
    <row r="808808" spans="14:14">
      <c r="N808808" s="10"/>
    </row>
    <row r="808809" spans="14:14">
      <c r="N808809" s="10"/>
    </row>
    <row r="808810" spans="14:14">
      <c r="N808810" s="10"/>
    </row>
    <row r="808811" spans="14:14">
      <c r="N808811" s="10"/>
    </row>
    <row r="808812" spans="14:14">
      <c r="N808812" s="10"/>
    </row>
    <row r="808813" spans="14:14">
      <c r="N808813" s="10"/>
    </row>
    <row r="808814" spans="14:14">
      <c r="N808814" s="10"/>
    </row>
    <row r="808815" spans="14:14">
      <c r="N808815" s="10"/>
    </row>
    <row r="808816" spans="14:14">
      <c r="N808816" s="10"/>
    </row>
    <row r="808817" spans="14:14">
      <c r="N808817" s="10"/>
    </row>
    <row r="808818" spans="14:14">
      <c r="N808818" s="10"/>
    </row>
    <row r="808819" spans="14:14">
      <c r="N808819" s="10"/>
    </row>
    <row r="808820" spans="14:14">
      <c r="N808820" s="10"/>
    </row>
    <row r="808821" spans="14:14">
      <c r="N808821" s="10"/>
    </row>
    <row r="808822" spans="14:14">
      <c r="N808822" s="10"/>
    </row>
    <row r="808823" spans="14:14">
      <c r="N808823" s="10"/>
    </row>
    <row r="808824" spans="14:14">
      <c r="N808824" s="10"/>
    </row>
    <row r="808825" spans="14:14">
      <c r="N808825" s="10"/>
    </row>
    <row r="808826" spans="14:14">
      <c r="N808826" s="10"/>
    </row>
    <row r="808827" spans="14:14">
      <c r="N808827" s="10"/>
    </row>
    <row r="808828" spans="14:14">
      <c r="N808828" s="10"/>
    </row>
    <row r="808829" spans="14:14">
      <c r="N808829" s="10"/>
    </row>
    <row r="808830" spans="14:14">
      <c r="N808830" s="10"/>
    </row>
    <row r="808831" spans="14:14">
      <c r="N808831" s="10"/>
    </row>
    <row r="808832" spans="14:14">
      <c r="N808832" s="10"/>
    </row>
    <row r="808833" spans="14:14">
      <c r="N808833" s="10"/>
    </row>
    <row r="808834" spans="14:14">
      <c r="N808834" s="10"/>
    </row>
    <row r="808835" spans="14:14">
      <c r="N808835" s="10"/>
    </row>
    <row r="808836" spans="14:14">
      <c r="N808836" s="10"/>
    </row>
    <row r="808837" spans="14:14">
      <c r="N808837" s="10"/>
    </row>
    <row r="808838" spans="14:14">
      <c r="N808838" s="10"/>
    </row>
    <row r="808839" spans="14:14">
      <c r="N808839" s="10"/>
    </row>
    <row r="808840" spans="14:14">
      <c r="N808840" s="10"/>
    </row>
    <row r="808841" spans="14:14">
      <c r="N808841" s="10"/>
    </row>
    <row r="808842" spans="14:14">
      <c r="N808842" s="10"/>
    </row>
    <row r="808843" spans="14:14">
      <c r="N808843" s="10"/>
    </row>
    <row r="808844" spans="14:14">
      <c r="N808844" s="10"/>
    </row>
    <row r="808845" spans="14:14">
      <c r="N808845" s="10"/>
    </row>
    <row r="808846" spans="14:14">
      <c r="N808846" s="10"/>
    </row>
    <row r="808847" spans="14:14">
      <c r="N808847" s="10"/>
    </row>
    <row r="808848" spans="14:14">
      <c r="N808848" s="10"/>
    </row>
    <row r="808849" spans="14:14">
      <c r="N808849" s="10"/>
    </row>
    <row r="808850" spans="14:14">
      <c r="N808850" s="10"/>
    </row>
    <row r="808851" spans="14:14">
      <c r="N808851" s="10"/>
    </row>
    <row r="808852" spans="14:14">
      <c r="N808852" s="10"/>
    </row>
    <row r="808853" spans="14:14">
      <c r="N808853" s="10"/>
    </row>
    <row r="808854" spans="14:14">
      <c r="N808854" s="10"/>
    </row>
    <row r="808855" spans="14:14">
      <c r="N808855" s="10"/>
    </row>
    <row r="808856" spans="14:14">
      <c r="N808856" s="10"/>
    </row>
    <row r="808857" spans="14:14">
      <c r="N808857" s="10"/>
    </row>
    <row r="808858" spans="14:14">
      <c r="N808858" s="10"/>
    </row>
    <row r="808859" spans="14:14">
      <c r="N808859" s="10"/>
    </row>
    <row r="808860" spans="14:14">
      <c r="N808860" s="10"/>
    </row>
    <row r="808861" spans="14:14">
      <c r="N808861" s="10"/>
    </row>
    <row r="808862" spans="14:14">
      <c r="N808862" s="10"/>
    </row>
    <row r="808863" spans="14:14">
      <c r="N808863" s="10"/>
    </row>
    <row r="808864" spans="14:14">
      <c r="N808864" s="10"/>
    </row>
    <row r="808865" spans="14:14">
      <c r="N808865" s="10"/>
    </row>
    <row r="808866" spans="14:14">
      <c r="N808866" s="10"/>
    </row>
    <row r="808867" spans="14:14">
      <c r="N808867" s="10"/>
    </row>
    <row r="808868" spans="14:14">
      <c r="N808868" s="10"/>
    </row>
    <row r="808869" spans="14:14">
      <c r="N808869" s="10"/>
    </row>
    <row r="808870" spans="14:14">
      <c r="N808870" s="10"/>
    </row>
    <row r="808871" spans="14:14">
      <c r="N808871" s="10"/>
    </row>
    <row r="808872" spans="14:14">
      <c r="N808872" s="10"/>
    </row>
    <row r="808873" spans="14:14">
      <c r="N808873" s="10"/>
    </row>
    <row r="808874" spans="14:14">
      <c r="N808874" s="10"/>
    </row>
    <row r="808875" spans="14:14">
      <c r="N808875" s="10"/>
    </row>
    <row r="808876" spans="14:14">
      <c r="N808876" s="10"/>
    </row>
    <row r="808877" spans="14:14">
      <c r="N808877" s="10"/>
    </row>
    <row r="808878" spans="14:14">
      <c r="N808878" s="10"/>
    </row>
    <row r="808879" spans="14:14">
      <c r="N808879" s="10"/>
    </row>
    <row r="808880" spans="14:14">
      <c r="N808880" s="10"/>
    </row>
    <row r="808881" spans="14:14">
      <c r="N808881" s="10"/>
    </row>
    <row r="808882" spans="14:14">
      <c r="N808882" s="10"/>
    </row>
    <row r="808883" spans="14:14">
      <c r="N808883" s="10"/>
    </row>
    <row r="808884" spans="14:14">
      <c r="N808884" s="10"/>
    </row>
    <row r="808885" spans="14:14">
      <c r="N808885" s="10"/>
    </row>
    <row r="808886" spans="14:14">
      <c r="N808886" s="10"/>
    </row>
    <row r="808887" spans="14:14">
      <c r="N808887" s="10"/>
    </row>
    <row r="808888" spans="14:14">
      <c r="N808888" s="10"/>
    </row>
    <row r="808889" spans="14:14">
      <c r="N808889" s="10"/>
    </row>
    <row r="808890" spans="14:14">
      <c r="N808890" s="10"/>
    </row>
    <row r="808891" spans="14:14">
      <c r="N808891" s="10"/>
    </row>
    <row r="808892" spans="14:14">
      <c r="N808892" s="10"/>
    </row>
    <row r="808893" spans="14:14">
      <c r="N808893" s="10"/>
    </row>
    <row r="808894" spans="14:14">
      <c r="N808894" s="10"/>
    </row>
    <row r="808895" spans="14:14">
      <c r="N808895" s="10"/>
    </row>
    <row r="808896" spans="14:14">
      <c r="N808896" s="10"/>
    </row>
    <row r="808897" spans="14:14">
      <c r="N808897" s="10"/>
    </row>
    <row r="808898" spans="14:14">
      <c r="N808898" s="10"/>
    </row>
    <row r="808899" spans="14:14">
      <c r="N808899" s="10"/>
    </row>
    <row r="808900" spans="14:14">
      <c r="N808900" s="10"/>
    </row>
    <row r="808901" spans="14:14">
      <c r="N808901" s="10"/>
    </row>
    <row r="808902" spans="14:14">
      <c r="N808902" s="10"/>
    </row>
    <row r="808903" spans="14:14">
      <c r="N808903" s="10"/>
    </row>
    <row r="808904" spans="14:14">
      <c r="N808904" s="10"/>
    </row>
    <row r="808905" spans="14:14">
      <c r="N808905" s="10"/>
    </row>
    <row r="808906" spans="14:14">
      <c r="N808906" s="10"/>
    </row>
    <row r="808907" spans="14:14">
      <c r="N808907" s="10"/>
    </row>
    <row r="808908" spans="14:14">
      <c r="N808908" s="10"/>
    </row>
    <row r="808909" spans="14:14">
      <c r="N808909" s="10"/>
    </row>
    <row r="808910" spans="14:14">
      <c r="N808910" s="10"/>
    </row>
    <row r="808911" spans="14:14">
      <c r="N808911" s="10"/>
    </row>
    <row r="808912" spans="14:14">
      <c r="N808912" s="10"/>
    </row>
    <row r="808913" spans="14:14">
      <c r="N808913" s="10"/>
    </row>
    <row r="808914" spans="14:14">
      <c r="N808914" s="10"/>
    </row>
    <row r="808915" spans="14:14">
      <c r="N808915" s="10"/>
    </row>
    <row r="808916" spans="14:14">
      <c r="N808916" s="10"/>
    </row>
    <row r="808917" spans="14:14">
      <c r="N808917" s="10"/>
    </row>
    <row r="808918" spans="14:14">
      <c r="N808918" s="10"/>
    </row>
    <row r="808919" spans="14:14">
      <c r="N808919" s="10"/>
    </row>
    <row r="808920" spans="14:14">
      <c r="N808920" s="10"/>
    </row>
    <row r="808921" spans="14:14">
      <c r="N808921" s="10"/>
    </row>
    <row r="808922" spans="14:14">
      <c r="N808922" s="10"/>
    </row>
    <row r="808923" spans="14:14">
      <c r="N808923" s="10"/>
    </row>
    <row r="808924" spans="14:14">
      <c r="N808924" s="10"/>
    </row>
    <row r="808925" spans="14:14">
      <c r="N808925" s="10"/>
    </row>
    <row r="808926" spans="14:14">
      <c r="N808926" s="10"/>
    </row>
    <row r="808927" spans="14:14">
      <c r="N808927" s="10"/>
    </row>
    <row r="808928" spans="14:14">
      <c r="N808928" s="10"/>
    </row>
    <row r="808929" spans="14:14">
      <c r="N808929" s="10"/>
    </row>
    <row r="808930" spans="14:14">
      <c r="N808930" s="10"/>
    </row>
    <row r="808931" spans="14:14">
      <c r="N808931" s="10"/>
    </row>
    <row r="808932" spans="14:14">
      <c r="N808932" s="10"/>
    </row>
    <row r="808933" spans="14:14">
      <c r="N808933" s="10"/>
    </row>
    <row r="808934" spans="14:14">
      <c r="N808934" s="10"/>
    </row>
    <row r="808935" spans="14:14">
      <c r="N808935" s="10"/>
    </row>
    <row r="808936" spans="14:14">
      <c r="N808936" s="10"/>
    </row>
    <row r="808937" spans="14:14">
      <c r="N808937" s="10"/>
    </row>
    <row r="808938" spans="14:14">
      <c r="N808938" s="10"/>
    </row>
    <row r="808939" spans="14:14">
      <c r="N808939" s="10"/>
    </row>
    <row r="808940" spans="14:14">
      <c r="N808940" s="10"/>
    </row>
    <row r="808941" spans="14:14">
      <c r="N808941" s="10"/>
    </row>
    <row r="808942" spans="14:14">
      <c r="N808942" s="10"/>
    </row>
    <row r="808943" spans="14:14">
      <c r="N808943" s="10"/>
    </row>
    <row r="808944" spans="14:14">
      <c r="N808944" s="10"/>
    </row>
    <row r="808945" spans="14:14">
      <c r="N808945" s="10"/>
    </row>
    <row r="808946" spans="14:14">
      <c r="N808946" s="10"/>
    </row>
    <row r="808947" spans="14:14">
      <c r="N808947" s="10"/>
    </row>
    <row r="808948" spans="14:14">
      <c r="N808948" s="10"/>
    </row>
    <row r="808949" spans="14:14">
      <c r="N808949" s="10"/>
    </row>
    <row r="808950" spans="14:14">
      <c r="N808950" s="10"/>
    </row>
    <row r="808951" spans="14:14">
      <c r="N808951" s="10"/>
    </row>
    <row r="808952" spans="14:14">
      <c r="N808952" s="10"/>
    </row>
    <row r="808953" spans="14:14">
      <c r="N808953" s="10"/>
    </row>
    <row r="808954" spans="14:14">
      <c r="N808954" s="10"/>
    </row>
    <row r="808955" spans="14:14">
      <c r="N808955" s="10"/>
    </row>
    <row r="808956" spans="14:14">
      <c r="N808956" s="10"/>
    </row>
    <row r="808957" spans="14:14">
      <c r="N808957" s="10"/>
    </row>
    <row r="808958" spans="14:14">
      <c r="N808958" s="10"/>
    </row>
    <row r="808959" spans="14:14">
      <c r="N808959" s="10"/>
    </row>
    <row r="808960" spans="14:14">
      <c r="N808960" s="10"/>
    </row>
    <row r="808961" spans="14:14">
      <c r="N808961" s="10"/>
    </row>
    <row r="808962" spans="14:14">
      <c r="N808962" s="10"/>
    </row>
    <row r="808963" spans="14:14">
      <c r="N808963" s="10"/>
    </row>
    <row r="808964" spans="14:14">
      <c r="N808964" s="10"/>
    </row>
    <row r="808965" spans="14:14">
      <c r="N808965" s="10"/>
    </row>
    <row r="808966" spans="14:14">
      <c r="N808966" s="10"/>
    </row>
    <row r="808967" spans="14:14">
      <c r="N808967" s="10"/>
    </row>
    <row r="808968" spans="14:14">
      <c r="N808968" s="10"/>
    </row>
    <row r="808969" spans="14:14">
      <c r="N808969" s="10"/>
    </row>
    <row r="808970" spans="14:14">
      <c r="N808970" s="10"/>
    </row>
    <row r="808971" spans="14:14">
      <c r="N808971" s="10"/>
    </row>
    <row r="808972" spans="14:14">
      <c r="N808972" s="10"/>
    </row>
    <row r="808973" spans="14:14">
      <c r="N808973" s="10"/>
    </row>
    <row r="808974" spans="14:14">
      <c r="N808974" s="10"/>
    </row>
    <row r="808975" spans="14:14">
      <c r="N808975" s="10"/>
    </row>
    <row r="808976" spans="14:14">
      <c r="N808976" s="10"/>
    </row>
    <row r="808977" spans="14:14">
      <c r="N808977" s="10"/>
    </row>
    <row r="808978" spans="14:14">
      <c r="N808978" s="10"/>
    </row>
    <row r="808979" spans="14:14">
      <c r="N808979" s="10"/>
    </row>
    <row r="808980" spans="14:14">
      <c r="N808980" s="10"/>
    </row>
    <row r="808981" spans="14:14">
      <c r="N808981" s="10"/>
    </row>
    <row r="808982" spans="14:14">
      <c r="N808982" s="10"/>
    </row>
    <row r="808983" spans="14:14">
      <c r="N808983" s="10"/>
    </row>
    <row r="808984" spans="14:14">
      <c r="N808984" s="10"/>
    </row>
    <row r="808985" spans="14:14">
      <c r="N808985" s="10"/>
    </row>
    <row r="808986" spans="14:14">
      <c r="N808986" s="10"/>
    </row>
    <row r="808987" spans="14:14">
      <c r="N808987" s="10"/>
    </row>
    <row r="808988" spans="14:14">
      <c r="N808988" s="10"/>
    </row>
    <row r="808989" spans="14:14">
      <c r="N808989" s="10"/>
    </row>
    <row r="808990" spans="14:14">
      <c r="N808990" s="10"/>
    </row>
    <row r="808991" spans="14:14">
      <c r="N808991" s="10"/>
    </row>
    <row r="808992" spans="14:14">
      <c r="N808992" s="10"/>
    </row>
    <row r="808993" spans="14:14">
      <c r="N808993" s="10"/>
    </row>
    <row r="808994" spans="14:14">
      <c r="N808994" s="10"/>
    </row>
    <row r="808995" spans="14:14">
      <c r="N808995" s="10"/>
    </row>
    <row r="808996" spans="14:14">
      <c r="N808996" s="10"/>
    </row>
    <row r="808997" spans="14:14">
      <c r="N808997" s="10"/>
    </row>
    <row r="808998" spans="14:14">
      <c r="N808998" s="10"/>
    </row>
    <row r="808999" spans="14:14">
      <c r="N808999" s="10"/>
    </row>
    <row r="809000" spans="14:14">
      <c r="N809000" s="10"/>
    </row>
    <row r="809001" spans="14:14">
      <c r="N809001" s="10"/>
    </row>
    <row r="809002" spans="14:14">
      <c r="N809002" s="10"/>
    </row>
    <row r="809003" spans="14:14">
      <c r="N809003" s="10"/>
    </row>
    <row r="809004" spans="14:14">
      <c r="N809004" s="10"/>
    </row>
    <row r="809005" spans="14:14">
      <c r="N809005" s="10"/>
    </row>
    <row r="809006" spans="14:14">
      <c r="N809006" s="10"/>
    </row>
    <row r="809007" spans="14:14">
      <c r="N809007" s="10"/>
    </row>
    <row r="809008" spans="14:14">
      <c r="N809008" s="10"/>
    </row>
    <row r="809009" spans="14:14">
      <c r="N809009" s="10"/>
    </row>
    <row r="809010" spans="14:14">
      <c r="N809010" s="10"/>
    </row>
    <row r="809011" spans="14:14">
      <c r="N809011" s="10"/>
    </row>
    <row r="809012" spans="14:14">
      <c r="N809012" s="10"/>
    </row>
    <row r="809013" spans="14:14">
      <c r="N809013" s="10"/>
    </row>
    <row r="809014" spans="14:14">
      <c r="N809014" s="10"/>
    </row>
    <row r="809015" spans="14:14">
      <c r="N809015" s="10"/>
    </row>
    <row r="809016" spans="14:14">
      <c r="N809016" s="10"/>
    </row>
    <row r="809017" spans="14:14">
      <c r="N809017" s="10"/>
    </row>
    <row r="809018" spans="14:14">
      <c r="N809018" s="10"/>
    </row>
    <row r="809019" spans="14:14">
      <c r="N809019" s="10"/>
    </row>
    <row r="809020" spans="14:14">
      <c r="N809020" s="10"/>
    </row>
    <row r="809021" spans="14:14">
      <c r="N809021" s="10"/>
    </row>
    <row r="809022" spans="14:14">
      <c r="N809022" s="10"/>
    </row>
    <row r="809023" spans="14:14">
      <c r="N809023" s="10"/>
    </row>
    <row r="809024" spans="14:14">
      <c r="N809024" s="10"/>
    </row>
    <row r="809025" spans="14:14">
      <c r="N809025" s="10"/>
    </row>
    <row r="809026" spans="14:14">
      <c r="N809026" s="10"/>
    </row>
    <row r="809027" spans="14:14">
      <c r="N809027" s="10"/>
    </row>
    <row r="809028" spans="14:14">
      <c r="N809028" s="10"/>
    </row>
    <row r="809029" spans="14:14">
      <c r="N809029" s="10"/>
    </row>
    <row r="809030" spans="14:14">
      <c r="N809030" s="10"/>
    </row>
    <row r="809031" spans="14:14">
      <c r="N809031" s="10"/>
    </row>
    <row r="809032" spans="14:14">
      <c r="N809032" s="10"/>
    </row>
    <row r="809033" spans="14:14">
      <c r="N809033" s="10"/>
    </row>
    <row r="809034" spans="14:14">
      <c r="N809034" s="10"/>
    </row>
    <row r="809035" spans="14:14">
      <c r="N809035" s="10"/>
    </row>
    <row r="809036" spans="14:14">
      <c r="N809036" s="10"/>
    </row>
    <row r="809037" spans="14:14">
      <c r="N809037" s="10"/>
    </row>
    <row r="809038" spans="14:14">
      <c r="N809038" s="10"/>
    </row>
    <row r="809039" spans="14:14">
      <c r="N809039" s="10"/>
    </row>
    <row r="809040" spans="14:14">
      <c r="N809040" s="10"/>
    </row>
    <row r="809041" spans="14:14">
      <c r="N809041" s="10"/>
    </row>
    <row r="809042" spans="14:14">
      <c r="N809042" s="10"/>
    </row>
    <row r="809043" spans="14:14">
      <c r="N809043" s="10"/>
    </row>
    <row r="809044" spans="14:14">
      <c r="N809044" s="10"/>
    </row>
    <row r="809045" spans="14:14">
      <c r="N809045" s="10"/>
    </row>
    <row r="809046" spans="14:14">
      <c r="N809046" s="10"/>
    </row>
    <row r="809047" spans="14:14">
      <c r="N809047" s="10"/>
    </row>
    <row r="809048" spans="14:14">
      <c r="N809048" s="10"/>
    </row>
    <row r="809049" spans="14:14">
      <c r="N809049" s="10"/>
    </row>
    <row r="809050" spans="14:14">
      <c r="N809050" s="10"/>
    </row>
    <row r="809051" spans="14:14">
      <c r="N809051" s="10"/>
    </row>
    <row r="809052" spans="14:14">
      <c r="N809052" s="10"/>
    </row>
    <row r="809053" spans="14:14">
      <c r="N809053" s="10"/>
    </row>
    <row r="809054" spans="14:14">
      <c r="N809054" s="10"/>
    </row>
    <row r="809055" spans="14:14">
      <c r="N809055" s="10"/>
    </row>
    <row r="809056" spans="14:14">
      <c r="N809056" s="10"/>
    </row>
    <row r="809057" spans="14:14">
      <c r="N809057" s="10"/>
    </row>
    <row r="809058" spans="14:14">
      <c r="N809058" s="10"/>
    </row>
    <row r="809059" spans="14:14">
      <c r="N809059" s="10"/>
    </row>
    <row r="809060" spans="14:14">
      <c r="N809060" s="10"/>
    </row>
    <row r="809061" spans="14:14">
      <c r="N809061" s="10"/>
    </row>
    <row r="809062" spans="14:14">
      <c r="N809062" s="10"/>
    </row>
    <row r="809063" spans="14:14">
      <c r="N809063" s="10"/>
    </row>
    <row r="809064" spans="14:14">
      <c r="N809064" s="10"/>
    </row>
    <row r="809065" spans="14:14">
      <c r="N809065" s="10"/>
    </row>
    <row r="809066" spans="14:14">
      <c r="N809066" s="10"/>
    </row>
    <row r="809067" spans="14:14">
      <c r="N809067" s="10"/>
    </row>
    <row r="809068" spans="14:14">
      <c r="N809068" s="10"/>
    </row>
    <row r="809069" spans="14:14">
      <c r="N809069" s="10"/>
    </row>
    <row r="809070" spans="14:14">
      <c r="N809070" s="10"/>
    </row>
    <row r="809071" spans="14:14">
      <c r="N809071" s="10"/>
    </row>
    <row r="809072" spans="14:14">
      <c r="N809072" s="10"/>
    </row>
    <row r="809073" spans="14:14">
      <c r="N809073" s="10"/>
    </row>
    <row r="809074" spans="14:14">
      <c r="N809074" s="10"/>
    </row>
    <row r="809075" spans="14:14">
      <c r="N809075" s="10"/>
    </row>
    <row r="809076" spans="14:14">
      <c r="N809076" s="10"/>
    </row>
    <row r="809077" spans="14:14">
      <c r="N809077" s="10"/>
    </row>
    <row r="809078" spans="14:14">
      <c r="N809078" s="10"/>
    </row>
    <row r="809079" spans="14:14">
      <c r="N809079" s="10"/>
    </row>
    <row r="809080" spans="14:14">
      <c r="N809080" s="10"/>
    </row>
    <row r="809081" spans="14:14">
      <c r="N809081" s="10"/>
    </row>
    <row r="809082" spans="14:14">
      <c r="N809082" s="10"/>
    </row>
    <row r="809083" spans="14:14">
      <c r="N809083" s="10"/>
    </row>
    <row r="809084" spans="14:14">
      <c r="N809084" s="10"/>
    </row>
    <row r="809085" spans="14:14">
      <c r="N809085" s="10"/>
    </row>
    <row r="809086" spans="14:14">
      <c r="N809086" s="10"/>
    </row>
    <row r="809087" spans="14:14">
      <c r="N809087" s="10"/>
    </row>
    <row r="809088" spans="14:14">
      <c r="N809088" s="10"/>
    </row>
    <row r="809089" spans="14:14">
      <c r="N809089" s="10"/>
    </row>
    <row r="809090" spans="14:14">
      <c r="N809090" s="10"/>
    </row>
    <row r="809091" spans="14:14">
      <c r="N809091" s="10"/>
    </row>
    <row r="809092" spans="14:14">
      <c r="N809092" s="10"/>
    </row>
    <row r="809093" spans="14:14">
      <c r="N809093" s="10"/>
    </row>
    <row r="809094" spans="14:14">
      <c r="N809094" s="10"/>
    </row>
    <row r="809095" spans="14:14">
      <c r="N809095" s="10"/>
    </row>
    <row r="809096" spans="14:14">
      <c r="N809096" s="10"/>
    </row>
    <row r="809097" spans="14:14">
      <c r="N809097" s="10"/>
    </row>
    <row r="809098" spans="14:14">
      <c r="N809098" s="10"/>
    </row>
    <row r="809099" spans="14:14">
      <c r="N809099" s="10"/>
    </row>
    <row r="809100" spans="14:14">
      <c r="N809100" s="10"/>
    </row>
    <row r="809101" spans="14:14">
      <c r="N809101" s="10"/>
    </row>
    <row r="809102" spans="14:14">
      <c r="N809102" s="10"/>
    </row>
    <row r="809103" spans="14:14">
      <c r="N809103" s="10"/>
    </row>
    <row r="809104" spans="14:14">
      <c r="N809104" s="10"/>
    </row>
    <row r="809105" spans="14:14">
      <c r="N809105" s="10"/>
    </row>
    <row r="809106" spans="14:14">
      <c r="N809106" s="10"/>
    </row>
    <row r="809107" spans="14:14">
      <c r="N809107" s="10"/>
    </row>
    <row r="809108" spans="14:14">
      <c r="N809108" s="10"/>
    </row>
    <row r="809109" spans="14:14">
      <c r="N809109" s="10"/>
    </row>
    <row r="809110" spans="14:14">
      <c r="N809110" s="10"/>
    </row>
    <row r="809111" spans="14:14">
      <c r="N809111" s="10"/>
    </row>
    <row r="809112" spans="14:14">
      <c r="N809112" s="10"/>
    </row>
    <row r="809113" spans="14:14">
      <c r="N809113" s="10"/>
    </row>
    <row r="809114" spans="14:14">
      <c r="N809114" s="10"/>
    </row>
    <row r="809115" spans="14:14">
      <c r="N809115" s="10"/>
    </row>
    <row r="809116" spans="14:14">
      <c r="N809116" s="10"/>
    </row>
    <row r="809117" spans="14:14">
      <c r="N809117" s="10"/>
    </row>
    <row r="809118" spans="14:14">
      <c r="N809118" s="10"/>
    </row>
    <row r="809119" spans="14:14">
      <c r="N809119" s="10"/>
    </row>
    <row r="809120" spans="14:14">
      <c r="N809120" s="10"/>
    </row>
    <row r="809121" spans="14:14">
      <c r="N809121" s="10"/>
    </row>
    <row r="809122" spans="14:14">
      <c r="N809122" s="10"/>
    </row>
    <row r="809123" spans="14:14">
      <c r="N809123" s="10"/>
    </row>
    <row r="809124" spans="14:14">
      <c r="N809124" s="10"/>
    </row>
    <row r="809125" spans="14:14">
      <c r="N809125" s="10"/>
    </row>
    <row r="809126" spans="14:14">
      <c r="N809126" s="10"/>
    </row>
    <row r="809127" spans="14:14">
      <c r="N809127" s="10"/>
    </row>
    <row r="809128" spans="14:14">
      <c r="N809128" s="10"/>
    </row>
    <row r="809129" spans="14:14">
      <c r="N809129" s="10"/>
    </row>
    <row r="809130" spans="14:14">
      <c r="N809130" s="10"/>
    </row>
    <row r="809131" spans="14:14">
      <c r="N809131" s="10"/>
    </row>
    <row r="809132" spans="14:14">
      <c r="N809132" s="10"/>
    </row>
    <row r="809133" spans="14:14">
      <c r="N809133" s="10"/>
    </row>
    <row r="809134" spans="14:14">
      <c r="N809134" s="10"/>
    </row>
    <row r="809135" spans="14:14">
      <c r="N809135" s="10"/>
    </row>
    <row r="809136" spans="14:14">
      <c r="N809136" s="10"/>
    </row>
    <row r="809137" spans="14:14">
      <c r="N809137" s="10"/>
    </row>
    <row r="809138" spans="14:14">
      <c r="N809138" s="10"/>
    </row>
    <row r="809139" spans="14:14">
      <c r="N809139" s="10"/>
    </row>
    <row r="809140" spans="14:14">
      <c r="N809140" s="10"/>
    </row>
    <row r="809141" spans="14:14">
      <c r="N809141" s="10"/>
    </row>
    <row r="809142" spans="14:14">
      <c r="N809142" s="10"/>
    </row>
    <row r="809143" spans="14:14">
      <c r="N809143" s="10"/>
    </row>
    <row r="809144" spans="14:14">
      <c r="N809144" s="10"/>
    </row>
    <row r="809145" spans="14:14">
      <c r="N809145" s="10"/>
    </row>
    <row r="809146" spans="14:14">
      <c r="N809146" s="10"/>
    </row>
    <row r="809147" spans="14:14">
      <c r="N809147" s="10"/>
    </row>
    <row r="809148" spans="14:14">
      <c r="N809148" s="10"/>
    </row>
    <row r="809149" spans="14:14">
      <c r="N809149" s="10"/>
    </row>
    <row r="809150" spans="14:14">
      <c r="N809150" s="10"/>
    </row>
    <row r="809151" spans="14:14">
      <c r="N809151" s="10"/>
    </row>
    <row r="809152" spans="14:14">
      <c r="N809152" s="10"/>
    </row>
    <row r="809153" spans="14:14">
      <c r="N809153" s="10"/>
    </row>
    <row r="809154" spans="14:14">
      <c r="N809154" s="10"/>
    </row>
    <row r="809155" spans="14:14">
      <c r="N809155" s="10"/>
    </row>
    <row r="809156" spans="14:14">
      <c r="N809156" s="10"/>
    </row>
    <row r="809157" spans="14:14">
      <c r="N809157" s="10"/>
    </row>
    <row r="809158" spans="14:14">
      <c r="N809158" s="10"/>
    </row>
    <row r="809159" spans="14:14">
      <c r="N809159" s="10"/>
    </row>
    <row r="809160" spans="14:14">
      <c r="N809160" s="10"/>
    </row>
    <row r="809161" spans="14:14">
      <c r="N809161" s="10"/>
    </row>
    <row r="809162" spans="14:14">
      <c r="N809162" s="10"/>
    </row>
    <row r="809163" spans="14:14">
      <c r="N809163" s="10"/>
    </row>
    <row r="809164" spans="14:14">
      <c r="N809164" s="10"/>
    </row>
    <row r="809165" spans="14:14">
      <c r="N809165" s="10"/>
    </row>
    <row r="809166" spans="14:14">
      <c r="N809166" s="10"/>
    </row>
    <row r="809167" spans="14:14">
      <c r="N809167" s="10"/>
    </row>
    <row r="809168" spans="14:14">
      <c r="N809168" s="10"/>
    </row>
    <row r="809169" spans="14:14">
      <c r="N809169" s="10"/>
    </row>
    <row r="809170" spans="14:14">
      <c r="N809170" s="10"/>
    </row>
    <row r="809171" spans="14:14">
      <c r="N809171" s="10"/>
    </row>
    <row r="809172" spans="14:14">
      <c r="N809172" s="10"/>
    </row>
    <row r="809173" spans="14:14">
      <c r="N809173" s="10"/>
    </row>
    <row r="809174" spans="14:14">
      <c r="N809174" s="10"/>
    </row>
    <row r="809175" spans="14:14">
      <c r="N809175" s="10"/>
    </row>
    <row r="809176" spans="14:14">
      <c r="N809176" s="10"/>
    </row>
    <row r="809177" spans="14:14">
      <c r="N809177" s="10"/>
    </row>
    <row r="809178" spans="14:14">
      <c r="N809178" s="10"/>
    </row>
    <row r="809179" spans="14:14">
      <c r="N809179" s="10"/>
    </row>
    <row r="809180" spans="14:14">
      <c r="N809180" s="10"/>
    </row>
    <row r="809181" spans="14:14">
      <c r="N809181" s="10"/>
    </row>
    <row r="809182" spans="14:14">
      <c r="N809182" s="10"/>
    </row>
    <row r="809183" spans="14:14">
      <c r="N809183" s="10"/>
    </row>
    <row r="809184" spans="14:14">
      <c r="N809184" s="10"/>
    </row>
    <row r="809185" spans="14:14">
      <c r="N809185" s="10"/>
    </row>
    <row r="809186" spans="14:14">
      <c r="N809186" s="10"/>
    </row>
    <row r="809187" spans="14:14">
      <c r="N809187" s="10"/>
    </row>
    <row r="809188" spans="14:14">
      <c r="N809188" s="10"/>
    </row>
    <row r="809189" spans="14:14">
      <c r="N809189" s="10"/>
    </row>
    <row r="809190" spans="14:14">
      <c r="N809190" s="10"/>
    </row>
    <row r="809191" spans="14:14">
      <c r="N809191" s="10"/>
    </row>
    <row r="809192" spans="14:14">
      <c r="N809192" s="10"/>
    </row>
    <row r="809193" spans="14:14">
      <c r="N809193" s="10"/>
    </row>
    <row r="809194" spans="14:14">
      <c r="N809194" s="10"/>
    </row>
    <row r="809195" spans="14:14">
      <c r="N809195" s="10"/>
    </row>
    <row r="809196" spans="14:14">
      <c r="N809196" s="10"/>
    </row>
    <row r="809197" spans="14:14">
      <c r="N809197" s="10"/>
    </row>
    <row r="809198" spans="14:14">
      <c r="N809198" s="10"/>
    </row>
    <row r="809199" spans="14:14">
      <c r="N809199" s="10"/>
    </row>
    <row r="809200" spans="14:14">
      <c r="N809200" s="10"/>
    </row>
    <row r="809201" spans="14:14">
      <c r="N809201" s="10"/>
    </row>
    <row r="809202" spans="14:14">
      <c r="N809202" s="10"/>
    </row>
    <row r="809203" spans="14:14">
      <c r="N809203" s="10"/>
    </row>
    <row r="809204" spans="14:14">
      <c r="N809204" s="10"/>
    </row>
    <row r="809205" spans="14:14">
      <c r="N809205" s="10"/>
    </row>
    <row r="809206" spans="14:14">
      <c r="N809206" s="10"/>
    </row>
    <row r="809207" spans="14:14">
      <c r="N809207" s="10"/>
    </row>
    <row r="809208" spans="14:14">
      <c r="N809208" s="10"/>
    </row>
    <row r="809209" spans="14:14">
      <c r="N809209" s="10"/>
    </row>
    <row r="809210" spans="14:14">
      <c r="N809210" s="10"/>
    </row>
    <row r="809211" spans="14:14">
      <c r="N809211" s="10"/>
    </row>
    <row r="809212" spans="14:14">
      <c r="N809212" s="10"/>
    </row>
    <row r="809213" spans="14:14">
      <c r="N809213" s="10"/>
    </row>
    <row r="809214" spans="14:14">
      <c r="N809214" s="10"/>
    </row>
    <row r="809215" spans="14:14">
      <c r="N809215" s="10"/>
    </row>
    <row r="809216" spans="14:14">
      <c r="N809216" s="10"/>
    </row>
    <row r="809217" spans="14:14">
      <c r="N809217" s="10"/>
    </row>
    <row r="809218" spans="14:14">
      <c r="N809218" s="10"/>
    </row>
    <row r="809219" spans="14:14">
      <c r="N809219" s="10"/>
    </row>
    <row r="809220" spans="14:14">
      <c r="N809220" s="10"/>
    </row>
    <row r="809221" spans="14:14">
      <c r="N809221" s="10"/>
    </row>
    <row r="809222" spans="14:14">
      <c r="N809222" s="10"/>
    </row>
    <row r="809223" spans="14:14">
      <c r="N809223" s="10"/>
    </row>
    <row r="809224" spans="14:14">
      <c r="N809224" s="10"/>
    </row>
    <row r="809225" spans="14:14">
      <c r="N809225" s="10"/>
    </row>
    <row r="809226" spans="14:14">
      <c r="N809226" s="10"/>
    </row>
    <row r="809227" spans="14:14">
      <c r="N809227" s="10"/>
    </row>
    <row r="809228" spans="14:14">
      <c r="N809228" s="10"/>
    </row>
    <row r="809229" spans="14:14">
      <c r="N809229" s="10"/>
    </row>
    <row r="809230" spans="14:14">
      <c r="N809230" s="10"/>
    </row>
    <row r="809231" spans="14:14">
      <c r="N809231" s="10"/>
    </row>
    <row r="809232" spans="14:14">
      <c r="N809232" s="10"/>
    </row>
    <row r="809233" spans="14:14">
      <c r="N809233" s="10"/>
    </row>
    <row r="809234" spans="14:14">
      <c r="N809234" s="10"/>
    </row>
    <row r="809235" spans="14:14">
      <c r="N809235" s="10"/>
    </row>
    <row r="809236" spans="14:14">
      <c r="N809236" s="10"/>
    </row>
    <row r="809237" spans="14:14">
      <c r="N809237" s="10"/>
    </row>
    <row r="809238" spans="14:14">
      <c r="N809238" s="10"/>
    </row>
    <row r="809239" spans="14:14">
      <c r="N809239" s="10"/>
    </row>
    <row r="809240" spans="14:14">
      <c r="N809240" s="10"/>
    </row>
    <row r="809241" spans="14:14">
      <c r="N809241" s="10"/>
    </row>
    <row r="809242" spans="14:14">
      <c r="N809242" s="10"/>
    </row>
    <row r="809243" spans="14:14">
      <c r="N809243" s="10"/>
    </row>
    <row r="809244" spans="14:14">
      <c r="N809244" s="10"/>
    </row>
    <row r="809245" spans="14:14">
      <c r="N809245" s="10"/>
    </row>
    <row r="809246" spans="14:14">
      <c r="N809246" s="10"/>
    </row>
    <row r="809247" spans="14:14">
      <c r="N809247" s="10"/>
    </row>
    <row r="809248" spans="14:14">
      <c r="N809248" s="10"/>
    </row>
    <row r="809249" spans="14:14">
      <c r="N809249" s="10"/>
    </row>
    <row r="809250" spans="14:14">
      <c r="N809250" s="10"/>
    </row>
    <row r="809251" spans="14:14">
      <c r="N809251" s="10"/>
    </row>
    <row r="809252" spans="14:14">
      <c r="N809252" s="10"/>
    </row>
    <row r="809253" spans="14:14">
      <c r="N809253" s="10"/>
    </row>
    <row r="809254" spans="14:14">
      <c r="N809254" s="10"/>
    </row>
    <row r="809255" spans="14:14">
      <c r="N809255" s="10"/>
    </row>
    <row r="809256" spans="14:14">
      <c r="N809256" s="10"/>
    </row>
    <row r="809257" spans="14:14">
      <c r="N809257" s="10"/>
    </row>
    <row r="809258" spans="14:14">
      <c r="N809258" s="10"/>
    </row>
    <row r="809259" spans="14:14">
      <c r="N809259" s="10"/>
    </row>
    <row r="809260" spans="14:14">
      <c r="N809260" s="10"/>
    </row>
    <row r="809261" spans="14:14">
      <c r="N809261" s="10"/>
    </row>
    <row r="809262" spans="14:14">
      <c r="N809262" s="10"/>
    </row>
    <row r="809263" spans="14:14">
      <c r="N809263" s="10"/>
    </row>
    <row r="809264" spans="14:14">
      <c r="N809264" s="10"/>
    </row>
    <row r="809265" spans="14:14">
      <c r="N809265" s="10"/>
    </row>
    <row r="809266" spans="14:14">
      <c r="N809266" s="10"/>
    </row>
    <row r="809267" spans="14:14">
      <c r="N809267" s="10"/>
    </row>
    <row r="809268" spans="14:14">
      <c r="N809268" s="10"/>
    </row>
    <row r="809269" spans="14:14">
      <c r="N809269" s="10"/>
    </row>
    <row r="809270" spans="14:14">
      <c r="N809270" s="10"/>
    </row>
    <row r="809271" spans="14:14">
      <c r="N809271" s="10"/>
    </row>
    <row r="809272" spans="14:14">
      <c r="N809272" s="10"/>
    </row>
    <row r="809273" spans="14:14">
      <c r="N809273" s="10"/>
    </row>
    <row r="809274" spans="14:14">
      <c r="N809274" s="10"/>
    </row>
    <row r="809275" spans="14:14">
      <c r="N809275" s="10"/>
    </row>
    <row r="809276" spans="14:14">
      <c r="N809276" s="10"/>
    </row>
    <row r="809277" spans="14:14">
      <c r="N809277" s="10"/>
    </row>
    <row r="809278" spans="14:14">
      <c r="N809278" s="10"/>
    </row>
    <row r="809279" spans="14:14">
      <c r="N809279" s="10"/>
    </row>
    <row r="809280" spans="14:14">
      <c r="N809280" s="10"/>
    </row>
    <row r="809281" spans="14:14">
      <c r="N809281" s="10"/>
    </row>
    <row r="809282" spans="14:14">
      <c r="N809282" s="10"/>
    </row>
    <row r="809283" spans="14:14">
      <c r="N809283" s="10"/>
    </row>
    <row r="809284" spans="14:14">
      <c r="N809284" s="10"/>
    </row>
    <row r="809285" spans="14:14">
      <c r="N809285" s="10"/>
    </row>
    <row r="809286" spans="14:14">
      <c r="N809286" s="10"/>
    </row>
    <row r="809287" spans="14:14">
      <c r="N809287" s="10"/>
    </row>
    <row r="809288" spans="14:14">
      <c r="N809288" s="10"/>
    </row>
    <row r="809289" spans="14:14">
      <c r="N809289" s="10"/>
    </row>
    <row r="809290" spans="14:14">
      <c r="N809290" s="10"/>
    </row>
    <row r="809291" spans="14:14">
      <c r="N809291" s="10"/>
    </row>
    <row r="809292" spans="14:14">
      <c r="N809292" s="10"/>
    </row>
    <row r="809293" spans="14:14">
      <c r="N809293" s="10"/>
    </row>
    <row r="809294" spans="14:14">
      <c r="N809294" s="10"/>
    </row>
    <row r="809295" spans="14:14">
      <c r="N809295" s="10"/>
    </row>
    <row r="809296" spans="14:14">
      <c r="N809296" s="10"/>
    </row>
    <row r="809297" spans="14:14">
      <c r="N809297" s="10"/>
    </row>
    <row r="809298" spans="14:14">
      <c r="N809298" s="10"/>
    </row>
    <row r="809299" spans="14:14">
      <c r="N809299" s="10"/>
    </row>
    <row r="809300" spans="14:14">
      <c r="N809300" s="10"/>
    </row>
    <row r="809301" spans="14:14">
      <c r="N809301" s="10"/>
    </row>
    <row r="809302" spans="14:14">
      <c r="N809302" s="10"/>
    </row>
    <row r="809303" spans="14:14">
      <c r="N809303" s="10"/>
    </row>
    <row r="809304" spans="14:14">
      <c r="N809304" s="10"/>
    </row>
    <row r="809305" spans="14:14">
      <c r="N809305" s="10"/>
    </row>
    <row r="809306" spans="14:14">
      <c r="N809306" s="10"/>
    </row>
    <row r="809307" spans="14:14">
      <c r="N809307" s="10"/>
    </row>
    <row r="809308" spans="14:14">
      <c r="N809308" s="10"/>
    </row>
    <row r="809309" spans="14:14">
      <c r="N809309" s="10"/>
    </row>
    <row r="809310" spans="14:14">
      <c r="N809310" s="10"/>
    </row>
    <row r="809311" spans="14:14">
      <c r="N809311" s="10"/>
    </row>
    <row r="809312" spans="14:14">
      <c r="N809312" s="10"/>
    </row>
    <row r="809313" spans="14:14">
      <c r="N809313" s="10"/>
    </row>
    <row r="809314" spans="14:14">
      <c r="N809314" s="10"/>
    </row>
    <row r="809315" spans="14:14">
      <c r="N809315" s="10"/>
    </row>
    <row r="809316" spans="14:14">
      <c r="N809316" s="10"/>
    </row>
    <row r="809317" spans="14:14">
      <c r="N809317" s="10"/>
    </row>
    <row r="809318" spans="14:14">
      <c r="N809318" s="10"/>
    </row>
    <row r="809319" spans="14:14">
      <c r="N809319" s="10"/>
    </row>
    <row r="809320" spans="14:14">
      <c r="N809320" s="10"/>
    </row>
    <row r="809321" spans="14:14">
      <c r="N809321" s="10"/>
    </row>
    <row r="809322" spans="14:14">
      <c r="N809322" s="10"/>
    </row>
    <row r="809323" spans="14:14">
      <c r="N809323" s="10"/>
    </row>
    <row r="809324" spans="14:14">
      <c r="N809324" s="10"/>
    </row>
    <row r="809325" spans="14:14">
      <c r="N809325" s="10"/>
    </row>
    <row r="809326" spans="14:14">
      <c r="N809326" s="10"/>
    </row>
    <row r="809327" spans="14:14">
      <c r="N809327" s="10"/>
    </row>
    <row r="809328" spans="14:14">
      <c r="N809328" s="10"/>
    </row>
    <row r="809329" spans="14:14">
      <c r="N809329" s="10"/>
    </row>
    <row r="809330" spans="14:14">
      <c r="N809330" s="10"/>
    </row>
    <row r="809331" spans="14:14">
      <c r="N809331" s="10"/>
    </row>
    <row r="809332" spans="14:14">
      <c r="N809332" s="10"/>
    </row>
    <row r="809333" spans="14:14">
      <c r="N809333" s="10"/>
    </row>
    <row r="809334" spans="14:14">
      <c r="N809334" s="10"/>
    </row>
    <row r="809335" spans="14:14">
      <c r="N809335" s="10"/>
    </row>
    <row r="809336" spans="14:14">
      <c r="N809336" s="10"/>
    </row>
    <row r="809337" spans="14:14">
      <c r="N809337" s="10"/>
    </row>
    <row r="809338" spans="14:14">
      <c r="N809338" s="10"/>
    </row>
    <row r="809339" spans="14:14">
      <c r="N809339" s="10"/>
    </row>
    <row r="809340" spans="14:14">
      <c r="N809340" s="10"/>
    </row>
    <row r="809341" spans="14:14">
      <c r="N809341" s="10"/>
    </row>
    <row r="809342" spans="14:14">
      <c r="N809342" s="10"/>
    </row>
    <row r="809343" spans="14:14">
      <c r="N809343" s="10"/>
    </row>
    <row r="809344" spans="14:14">
      <c r="N809344" s="10"/>
    </row>
    <row r="809345" spans="14:14">
      <c r="N809345" s="10"/>
    </row>
    <row r="809346" spans="14:14">
      <c r="N809346" s="10"/>
    </row>
    <row r="809347" spans="14:14">
      <c r="N809347" s="10"/>
    </row>
    <row r="809348" spans="14:14">
      <c r="N809348" s="10"/>
    </row>
    <row r="809349" spans="14:14">
      <c r="N809349" s="10"/>
    </row>
    <row r="809350" spans="14:14">
      <c r="N809350" s="10"/>
    </row>
    <row r="809351" spans="14:14">
      <c r="N809351" s="10"/>
    </row>
    <row r="809352" spans="14:14">
      <c r="N809352" s="10"/>
    </row>
    <row r="809353" spans="14:14">
      <c r="N809353" s="10"/>
    </row>
    <row r="809354" spans="14:14">
      <c r="N809354" s="10"/>
    </row>
    <row r="809355" spans="14:14">
      <c r="N809355" s="10"/>
    </row>
    <row r="809356" spans="14:14">
      <c r="N809356" s="10"/>
    </row>
    <row r="809357" spans="14:14">
      <c r="N809357" s="10"/>
    </row>
    <row r="809358" spans="14:14">
      <c r="N809358" s="10"/>
    </row>
    <row r="809359" spans="14:14">
      <c r="N809359" s="10"/>
    </row>
    <row r="809360" spans="14:14">
      <c r="N809360" s="10"/>
    </row>
    <row r="809361" spans="14:14">
      <c r="N809361" s="10"/>
    </row>
    <row r="809362" spans="14:14">
      <c r="N809362" s="10"/>
    </row>
    <row r="809363" spans="14:14">
      <c r="N809363" s="10"/>
    </row>
    <row r="809364" spans="14:14">
      <c r="N809364" s="10"/>
    </row>
    <row r="809365" spans="14:14">
      <c r="N809365" s="10"/>
    </row>
    <row r="809366" spans="14:14">
      <c r="N809366" s="10"/>
    </row>
    <row r="809367" spans="14:14">
      <c r="N809367" s="10"/>
    </row>
    <row r="809368" spans="14:14">
      <c r="N809368" s="10"/>
    </row>
    <row r="809369" spans="14:14">
      <c r="N809369" s="10"/>
    </row>
    <row r="809370" spans="14:14">
      <c r="N809370" s="10"/>
    </row>
    <row r="809371" spans="14:14">
      <c r="N809371" s="10"/>
    </row>
    <row r="809372" spans="14:14">
      <c r="N809372" s="10"/>
    </row>
    <row r="809373" spans="14:14">
      <c r="N809373" s="10"/>
    </row>
    <row r="809374" spans="14:14">
      <c r="N809374" s="10"/>
    </row>
    <row r="809375" spans="14:14">
      <c r="N809375" s="10"/>
    </row>
    <row r="809376" spans="14:14">
      <c r="N809376" s="10"/>
    </row>
    <row r="809377" spans="14:14">
      <c r="N809377" s="10"/>
    </row>
    <row r="809378" spans="14:14">
      <c r="N809378" s="10"/>
    </row>
    <row r="809379" spans="14:14">
      <c r="N809379" s="10"/>
    </row>
    <row r="809380" spans="14:14">
      <c r="N809380" s="10"/>
    </row>
    <row r="809381" spans="14:14">
      <c r="N809381" s="10"/>
    </row>
    <row r="809382" spans="14:14">
      <c r="N809382" s="10"/>
    </row>
    <row r="809383" spans="14:14">
      <c r="N809383" s="10"/>
    </row>
    <row r="809384" spans="14:14">
      <c r="N809384" s="10"/>
    </row>
    <row r="809385" spans="14:14">
      <c r="N809385" s="10"/>
    </row>
    <row r="809386" spans="14:14">
      <c r="N809386" s="10"/>
    </row>
    <row r="809387" spans="14:14">
      <c r="N809387" s="10"/>
    </row>
    <row r="809388" spans="14:14">
      <c r="N809388" s="10"/>
    </row>
    <row r="809389" spans="14:14">
      <c r="N809389" s="10"/>
    </row>
    <row r="809390" spans="14:14">
      <c r="N809390" s="10"/>
    </row>
    <row r="809391" spans="14:14">
      <c r="N809391" s="10"/>
    </row>
    <row r="809392" spans="14:14">
      <c r="N809392" s="10"/>
    </row>
    <row r="809393" spans="14:14">
      <c r="N809393" s="10"/>
    </row>
    <row r="809394" spans="14:14">
      <c r="N809394" s="10"/>
    </row>
    <row r="809395" spans="14:14">
      <c r="N809395" s="10"/>
    </row>
    <row r="809396" spans="14:14">
      <c r="N809396" s="10"/>
    </row>
    <row r="809397" spans="14:14">
      <c r="N809397" s="10"/>
    </row>
    <row r="809398" spans="14:14">
      <c r="N809398" s="10"/>
    </row>
    <row r="809399" spans="14:14">
      <c r="N809399" s="10"/>
    </row>
    <row r="809400" spans="14:14">
      <c r="N809400" s="10"/>
    </row>
    <row r="809401" spans="14:14">
      <c r="N809401" s="10"/>
    </row>
    <row r="809402" spans="14:14">
      <c r="N809402" s="10"/>
    </row>
    <row r="809403" spans="14:14">
      <c r="N809403" s="10"/>
    </row>
    <row r="809404" spans="14:14">
      <c r="N809404" s="10"/>
    </row>
    <row r="809405" spans="14:14">
      <c r="N809405" s="10"/>
    </row>
    <row r="809406" spans="14:14">
      <c r="N809406" s="10"/>
    </row>
    <row r="809407" spans="14:14">
      <c r="N809407" s="10"/>
    </row>
    <row r="809408" spans="14:14">
      <c r="N809408" s="10"/>
    </row>
    <row r="809409" spans="14:14">
      <c r="N809409" s="10"/>
    </row>
    <row r="809410" spans="14:14">
      <c r="N809410" s="10"/>
    </row>
    <row r="809411" spans="14:14">
      <c r="N809411" s="10"/>
    </row>
    <row r="809412" spans="14:14">
      <c r="N809412" s="10"/>
    </row>
    <row r="809413" spans="14:14">
      <c r="N809413" s="10"/>
    </row>
    <row r="809414" spans="14:14">
      <c r="N809414" s="10"/>
    </row>
    <row r="809415" spans="14:14">
      <c r="N809415" s="10"/>
    </row>
    <row r="809416" spans="14:14">
      <c r="N809416" s="10"/>
    </row>
    <row r="809417" spans="14:14">
      <c r="N809417" s="10"/>
    </row>
    <row r="809418" spans="14:14">
      <c r="N809418" s="10"/>
    </row>
    <row r="809419" spans="14:14">
      <c r="N809419" s="10"/>
    </row>
    <row r="809420" spans="14:14">
      <c r="N809420" s="10"/>
    </row>
    <row r="809421" spans="14:14">
      <c r="N809421" s="10"/>
    </row>
    <row r="809422" spans="14:14">
      <c r="N809422" s="10"/>
    </row>
    <row r="809423" spans="14:14">
      <c r="N809423" s="10"/>
    </row>
    <row r="809424" spans="14:14">
      <c r="N809424" s="10"/>
    </row>
    <row r="809425" spans="14:14">
      <c r="N809425" s="10"/>
    </row>
    <row r="809426" spans="14:14">
      <c r="N809426" s="10"/>
    </row>
    <row r="809427" spans="14:14">
      <c r="N809427" s="10"/>
    </row>
    <row r="809428" spans="14:14">
      <c r="N809428" s="10"/>
    </row>
    <row r="809429" spans="14:14">
      <c r="N809429" s="10"/>
    </row>
    <row r="809430" spans="14:14">
      <c r="N809430" s="10"/>
    </row>
    <row r="809431" spans="14:14">
      <c r="N809431" s="10"/>
    </row>
    <row r="809432" spans="14:14">
      <c r="N809432" s="10"/>
    </row>
    <row r="809433" spans="14:14">
      <c r="N809433" s="10"/>
    </row>
    <row r="809434" spans="14:14">
      <c r="N809434" s="10"/>
    </row>
    <row r="809435" spans="14:14">
      <c r="N809435" s="10"/>
    </row>
    <row r="809436" spans="14:14">
      <c r="N809436" s="10"/>
    </row>
    <row r="809437" spans="14:14">
      <c r="N809437" s="10"/>
    </row>
    <row r="809438" spans="14:14">
      <c r="N809438" s="10"/>
    </row>
    <row r="809439" spans="14:14">
      <c r="N809439" s="10"/>
    </row>
    <row r="809440" spans="14:14">
      <c r="N809440" s="10"/>
    </row>
    <row r="809441" spans="14:14">
      <c r="N809441" s="10"/>
    </row>
    <row r="809442" spans="14:14">
      <c r="N809442" s="10"/>
    </row>
    <row r="809443" spans="14:14">
      <c r="N809443" s="10"/>
    </row>
    <row r="809444" spans="14:14">
      <c r="N809444" s="10"/>
    </row>
    <row r="809445" spans="14:14">
      <c r="N809445" s="10"/>
    </row>
    <row r="809446" spans="14:14">
      <c r="N809446" s="10"/>
    </row>
    <row r="809447" spans="14:14">
      <c r="N809447" s="10"/>
    </row>
    <row r="809448" spans="14:14">
      <c r="N809448" s="10"/>
    </row>
    <row r="809449" spans="14:14">
      <c r="N809449" s="10"/>
    </row>
    <row r="809450" spans="14:14">
      <c r="N809450" s="10"/>
    </row>
    <row r="809451" spans="14:14">
      <c r="N809451" s="10"/>
    </row>
    <row r="809452" spans="14:14">
      <c r="N809452" s="10"/>
    </row>
    <row r="809453" spans="14:14">
      <c r="N809453" s="10"/>
    </row>
    <row r="809454" spans="14:14">
      <c r="N809454" s="10"/>
    </row>
    <row r="809455" spans="14:14">
      <c r="N809455" s="10"/>
    </row>
    <row r="809456" spans="14:14">
      <c r="N809456" s="10"/>
    </row>
    <row r="809457" spans="14:14">
      <c r="N809457" s="10"/>
    </row>
    <row r="809458" spans="14:14">
      <c r="N809458" s="10"/>
    </row>
    <row r="809459" spans="14:14">
      <c r="N809459" s="10"/>
    </row>
    <row r="809460" spans="14:14">
      <c r="N809460" s="10"/>
    </row>
    <row r="809461" spans="14:14">
      <c r="N809461" s="10"/>
    </row>
    <row r="809462" spans="14:14">
      <c r="N809462" s="10"/>
    </row>
    <row r="809463" spans="14:14">
      <c r="N809463" s="10"/>
    </row>
    <row r="809464" spans="14:14">
      <c r="N809464" s="10"/>
    </row>
    <row r="809465" spans="14:14">
      <c r="N809465" s="10"/>
    </row>
    <row r="809466" spans="14:14">
      <c r="N809466" s="10"/>
    </row>
    <row r="809467" spans="14:14">
      <c r="N809467" s="10"/>
    </row>
    <row r="809468" spans="14:14">
      <c r="N809468" s="10"/>
    </row>
    <row r="809469" spans="14:14">
      <c r="N809469" s="10"/>
    </row>
    <row r="809470" spans="14:14">
      <c r="N809470" s="10"/>
    </row>
    <row r="809471" spans="14:14">
      <c r="N809471" s="10"/>
    </row>
    <row r="809472" spans="14:14">
      <c r="N809472" s="10"/>
    </row>
    <row r="809473" spans="14:14">
      <c r="N809473" s="10"/>
    </row>
    <row r="809474" spans="14:14">
      <c r="N809474" s="10"/>
    </row>
    <row r="809475" spans="14:14">
      <c r="N809475" s="10"/>
    </row>
    <row r="809476" spans="14:14">
      <c r="N809476" s="10"/>
    </row>
    <row r="809477" spans="14:14">
      <c r="N809477" s="10"/>
    </row>
    <row r="809478" spans="14:14">
      <c r="N809478" s="10"/>
    </row>
    <row r="809479" spans="14:14">
      <c r="N809479" s="10"/>
    </row>
    <row r="809480" spans="14:14">
      <c r="N809480" s="10"/>
    </row>
    <row r="809481" spans="14:14">
      <c r="N809481" s="10"/>
    </row>
    <row r="809482" spans="14:14">
      <c r="N809482" s="10"/>
    </row>
    <row r="809483" spans="14:14">
      <c r="N809483" s="10"/>
    </row>
    <row r="809484" spans="14:14">
      <c r="N809484" s="10"/>
    </row>
    <row r="809485" spans="14:14">
      <c r="N809485" s="10"/>
    </row>
    <row r="809486" spans="14:14">
      <c r="N809486" s="10"/>
    </row>
    <row r="809487" spans="14:14">
      <c r="N809487" s="10"/>
    </row>
    <row r="809488" spans="14:14">
      <c r="N809488" s="10"/>
    </row>
    <row r="809489" spans="14:14">
      <c r="N809489" s="10"/>
    </row>
    <row r="809490" spans="14:14">
      <c r="N809490" s="10"/>
    </row>
    <row r="809491" spans="14:14">
      <c r="N809491" s="10"/>
    </row>
    <row r="809492" spans="14:14">
      <c r="N809492" s="10"/>
    </row>
    <row r="809493" spans="14:14">
      <c r="N809493" s="10"/>
    </row>
    <row r="809494" spans="14:14">
      <c r="N809494" s="10"/>
    </row>
    <row r="809495" spans="14:14">
      <c r="N809495" s="10"/>
    </row>
    <row r="809496" spans="14:14">
      <c r="N809496" s="10"/>
    </row>
    <row r="809497" spans="14:14">
      <c r="N809497" s="10"/>
    </row>
    <row r="809498" spans="14:14">
      <c r="N809498" s="10"/>
    </row>
    <row r="809499" spans="14:14">
      <c r="N809499" s="10"/>
    </row>
    <row r="809500" spans="14:14">
      <c r="N809500" s="10"/>
    </row>
    <row r="809501" spans="14:14">
      <c r="N809501" s="10"/>
    </row>
    <row r="809502" spans="14:14">
      <c r="N809502" s="10"/>
    </row>
    <row r="809503" spans="14:14">
      <c r="N809503" s="10"/>
    </row>
    <row r="809504" spans="14:14">
      <c r="N809504" s="10"/>
    </row>
    <row r="809505" spans="14:14">
      <c r="N809505" s="10"/>
    </row>
    <row r="809506" spans="14:14">
      <c r="N809506" s="10"/>
    </row>
    <row r="809507" spans="14:14">
      <c r="N809507" s="10"/>
    </row>
    <row r="809508" spans="14:14">
      <c r="N809508" s="10"/>
    </row>
    <row r="809509" spans="14:14">
      <c r="N809509" s="10"/>
    </row>
    <row r="809510" spans="14:14">
      <c r="N809510" s="10"/>
    </row>
    <row r="809511" spans="14:14">
      <c r="N809511" s="10"/>
    </row>
    <row r="809512" spans="14:14">
      <c r="N809512" s="10"/>
    </row>
    <row r="809513" spans="14:14">
      <c r="N809513" s="10"/>
    </row>
    <row r="809514" spans="14:14">
      <c r="N809514" s="10"/>
    </row>
    <row r="809515" spans="14:14">
      <c r="N809515" s="10"/>
    </row>
    <row r="809516" spans="14:14">
      <c r="N809516" s="10"/>
    </row>
    <row r="809517" spans="14:14">
      <c r="N809517" s="10"/>
    </row>
    <row r="809518" spans="14:14">
      <c r="N809518" s="10"/>
    </row>
    <row r="809519" spans="14:14">
      <c r="N809519" s="10"/>
    </row>
    <row r="809520" spans="14:14">
      <c r="N809520" s="10"/>
    </row>
    <row r="809521" spans="14:14">
      <c r="N809521" s="10"/>
    </row>
    <row r="809522" spans="14:14">
      <c r="N809522" s="10"/>
    </row>
    <row r="809523" spans="14:14">
      <c r="N809523" s="10"/>
    </row>
    <row r="809524" spans="14:14">
      <c r="N809524" s="10"/>
    </row>
    <row r="809525" spans="14:14">
      <c r="N809525" s="10"/>
    </row>
    <row r="809526" spans="14:14">
      <c r="N809526" s="10"/>
    </row>
    <row r="809527" spans="14:14">
      <c r="N809527" s="10"/>
    </row>
    <row r="809528" spans="14:14">
      <c r="N809528" s="10"/>
    </row>
    <row r="809529" spans="14:14">
      <c r="N809529" s="10"/>
    </row>
    <row r="809530" spans="14:14">
      <c r="N809530" s="10"/>
    </row>
    <row r="809531" spans="14:14">
      <c r="N809531" s="10"/>
    </row>
    <row r="809532" spans="14:14">
      <c r="N809532" s="10"/>
    </row>
    <row r="809533" spans="14:14">
      <c r="N809533" s="10"/>
    </row>
    <row r="809534" spans="14:14">
      <c r="N809534" s="10"/>
    </row>
    <row r="809535" spans="14:14">
      <c r="N809535" s="10"/>
    </row>
    <row r="809536" spans="14:14">
      <c r="N809536" s="10"/>
    </row>
    <row r="809537" spans="14:14">
      <c r="N809537" s="10"/>
    </row>
    <row r="809538" spans="14:14">
      <c r="N809538" s="10"/>
    </row>
    <row r="809539" spans="14:14">
      <c r="N809539" s="10"/>
    </row>
    <row r="809540" spans="14:14">
      <c r="N809540" s="10"/>
    </row>
    <row r="809541" spans="14:14">
      <c r="N809541" s="10"/>
    </row>
    <row r="809542" spans="14:14">
      <c r="N809542" s="10"/>
    </row>
    <row r="809543" spans="14:14">
      <c r="N809543" s="10"/>
    </row>
    <row r="809544" spans="14:14">
      <c r="N809544" s="10"/>
    </row>
    <row r="809545" spans="14:14">
      <c r="N809545" s="10"/>
    </row>
    <row r="809546" spans="14:14">
      <c r="N809546" s="10"/>
    </row>
    <row r="809547" spans="14:14">
      <c r="N809547" s="10"/>
    </row>
    <row r="809548" spans="14:14">
      <c r="N809548" s="10"/>
    </row>
    <row r="809549" spans="14:14">
      <c r="N809549" s="10"/>
    </row>
    <row r="809550" spans="14:14">
      <c r="N809550" s="10"/>
    </row>
    <row r="809551" spans="14:14">
      <c r="N809551" s="10"/>
    </row>
    <row r="809552" spans="14:14">
      <c r="N809552" s="10"/>
    </row>
    <row r="809553" spans="14:14">
      <c r="N809553" s="10"/>
    </row>
    <row r="809554" spans="14:14">
      <c r="N809554" s="10"/>
    </row>
    <row r="809555" spans="14:14">
      <c r="N809555" s="10"/>
    </row>
    <row r="809556" spans="14:14">
      <c r="N809556" s="10"/>
    </row>
    <row r="809557" spans="14:14">
      <c r="N809557" s="10"/>
    </row>
    <row r="809558" spans="14:14">
      <c r="N809558" s="10"/>
    </row>
    <row r="809559" spans="14:14">
      <c r="N809559" s="10"/>
    </row>
    <row r="809560" spans="14:14">
      <c r="N809560" s="10"/>
    </row>
    <row r="809561" spans="14:14">
      <c r="N809561" s="10"/>
    </row>
    <row r="809562" spans="14:14">
      <c r="N809562" s="10"/>
    </row>
    <row r="809563" spans="14:14">
      <c r="N809563" s="10"/>
    </row>
    <row r="809564" spans="14:14">
      <c r="N809564" s="10"/>
    </row>
    <row r="809565" spans="14:14">
      <c r="N809565" s="10"/>
    </row>
    <row r="809566" spans="14:14">
      <c r="N809566" s="10"/>
    </row>
    <row r="809567" spans="14:14">
      <c r="N809567" s="10"/>
    </row>
    <row r="809568" spans="14:14">
      <c r="N809568" s="10"/>
    </row>
    <row r="809569" spans="14:14">
      <c r="N809569" s="10"/>
    </row>
    <row r="809570" spans="14:14">
      <c r="N809570" s="10"/>
    </row>
    <row r="809571" spans="14:14">
      <c r="N809571" s="10"/>
    </row>
    <row r="809572" spans="14:14">
      <c r="N809572" s="10"/>
    </row>
    <row r="809573" spans="14:14">
      <c r="N809573" s="10"/>
    </row>
    <row r="809574" spans="14:14">
      <c r="N809574" s="10"/>
    </row>
    <row r="809575" spans="14:14">
      <c r="N809575" s="10"/>
    </row>
    <row r="809576" spans="14:14">
      <c r="N809576" s="10"/>
    </row>
    <row r="809577" spans="14:14">
      <c r="N809577" s="10"/>
    </row>
    <row r="809578" spans="14:14">
      <c r="N809578" s="10"/>
    </row>
    <row r="809579" spans="14:14">
      <c r="N809579" s="10"/>
    </row>
    <row r="809580" spans="14:14">
      <c r="N809580" s="10"/>
    </row>
    <row r="809581" spans="14:14">
      <c r="N809581" s="10"/>
    </row>
    <row r="809582" spans="14:14">
      <c r="N809582" s="10"/>
    </row>
    <row r="809583" spans="14:14">
      <c r="N809583" s="10"/>
    </row>
    <row r="809584" spans="14:14">
      <c r="N809584" s="10"/>
    </row>
    <row r="809585" spans="14:14">
      <c r="N809585" s="10"/>
    </row>
    <row r="809586" spans="14:14">
      <c r="N809586" s="10"/>
    </row>
    <row r="809587" spans="14:14">
      <c r="N809587" s="10"/>
    </row>
    <row r="809588" spans="14:14">
      <c r="N809588" s="10"/>
    </row>
    <row r="809589" spans="14:14">
      <c r="N809589" s="10"/>
    </row>
    <row r="809590" spans="14:14">
      <c r="N809590" s="10"/>
    </row>
    <row r="809591" spans="14:14">
      <c r="N809591" s="10"/>
    </row>
    <row r="809592" spans="14:14">
      <c r="N809592" s="10"/>
    </row>
    <row r="809593" spans="14:14">
      <c r="N809593" s="10"/>
    </row>
    <row r="809594" spans="14:14">
      <c r="N809594" s="10"/>
    </row>
    <row r="809595" spans="14:14">
      <c r="N809595" s="10"/>
    </row>
    <row r="809596" spans="14:14">
      <c r="N809596" s="10"/>
    </row>
    <row r="809597" spans="14:14">
      <c r="N809597" s="10"/>
    </row>
    <row r="809598" spans="14:14">
      <c r="N809598" s="10"/>
    </row>
    <row r="809599" spans="14:14">
      <c r="N809599" s="10"/>
    </row>
    <row r="809600" spans="14:14">
      <c r="N809600" s="10"/>
    </row>
    <row r="809601" spans="14:14">
      <c r="N809601" s="10"/>
    </row>
    <row r="809602" spans="14:14">
      <c r="N809602" s="10"/>
    </row>
    <row r="809603" spans="14:14">
      <c r="N809603" s="10"/>
    </row>
    <row r="809604" spans="14:14">
      <c r="N809604" s="10"/>
    </row>
    <row r="809605" spans="14:14">
      <c r="N809605" s="10"/>
    </row>
    <row r="809606" spans="14:14">
      <c r="N809606" s="10"/>
    </row>
    <row r="809607" spans="14:14">
      <c r="N809607" s="10"/>
    </row>
    <row r="809608" spans="14:14">
      <c r="N809608" s="10"/>
    </row>
    <row r="809609" spans="14:14">
      <c r="N809609" s="10"/>
    </row>
    <row r="809610" spans="14:14">
      <c r="N809610" s="10"/>
    </row>
    <row r="809611" spans="14:14">
      <c r="N809611" s="10"/>
    </row>
    <row r="809612" spans="14:14">
      <c r="N809612" s="10"/>
    </row>
    <row r="809613" spans="14:14">
      <c r="N809613" s="10"/>
    </row>
    <row r="809614" spans="14:14">
      <c r="N809614" s="10"/>
    </row>
    <row r="809615" spans="14:14">
      <c r="N809615" s="10"/>
    </row>
    <row r="809616" spans="14:14">
      <c r="N809616" s="10"/>
    </row>
    <row r="809617" spans="14:14">
      <c r="N809617" s="10"/>
    </row>
    <row r="809618" spans="14:14">
      <c r="N809618" s="10"/>
    </row>
    <row r="809619" spans="14:14">
      <c r="N809619" s="10"/>
    </row>
    <row r="809620" spans="14:14">
      <c r="N809620" s="10"/>
    </row>
    <row r="809621" spans="14:14">
      <c r="N809621" s="10"/>
    </row>
    <row r="809622" spans="14:14">
      <c r="N809622" s="10"/>
    </row>
    <row r="809623" spans="14:14">
      <c r="N809623" s="10"/>
    </row>
    <row r="809624" spans="14:14">
      <c r="N809624" s="10"/>
    </row>
    <row r="809625" spans="14:14">
      <c r="N809625" s="10"/>
    </row>
    <row r="809626" spans="14:14">
      <c r="N809626" s="10"/>
    </row>
    <row r="809627" spans="14:14">
      <c r="N809627" s="10"/>
    </row>
    <row r="809628" spans="14:14">
      <c r="N809628" s="10"/>
    </row>
    <row r="809629" spans="14:14">
      <c r="N809629" s="10"/>
    </row>
    <row r="809630" spans="14:14">
      <c r="N809630" s="10"/>
    </row>
    <row r="809631" spans="14:14">
      <c r="N809631" s="10"/>
    </row>
    <row r="809632" spans="14:14">
      <c r="N809632" s="10"/>
    </row>
    <row r="809633" spans="14:14">
      <c r="N809633" s="10"/>
    </row>
    <row r="809634" spans="14:14">
      <c r="N809634" s="10"/>
    </row>
    <row r="809635" spans="14:14">
      <c r="N809635" s="10"/>
    </row>
    <row r="809636" spans="14:14">
      <c r="N809636" s="10"/>
    </row>
    <row r="809637" spans="14:14">
      <c r="N809637" s="10"/>
    </row>
    <row r="809638" spans="14:14">
      <c r="N809638" s="10"/>
    </row>
    <row r="809639" spans="14:14">
      <c r="N809639" s="10"/>
    </row>
    <row r="809640" spans="14:14">
      <c r="N809640" s="10"/>
    </row>
    <row r="809641" spans="14:14">
      <c r="N809641" s="10"/>
    </row>
    <row r="809642" spans="14:14">
      <c r="N809642" s="10"/>
    </row>
    <row r="809643" spans="14:14">
      <c r="N809643" s="10"/>
    </row>
    <row r="809644" spans="14:14">
      <c r="N809644" s="10"/>
    </row>
    <row r="809645" spans="14:14">
      <c r="N809645" s="10"/>
    </row>
    <row r="809646" spans="14:14">
      <c r="N809646" s="10"/>
    </row>
    <row r="809647" spans="14:14">
      <c r="N809647" s="10"/>
    </row>
    <row r="809648" spans="14:14">
      <c r="N809648" s="10"/>
    </row>
    <row r="809649" spans="14:14">
      <c r="N809649" s="10"/>
    </row>
    <row r="809650" spans="14:14">
      <c r="N809650" s="10"/>
    </row>
    <row r="809651" spans="14:14">
      <c r="N809651" s="10"/>
    </row>
    <row r="809652" spans="14:14">
      <c r="N809652" s="10"/>
    </row>
    <row r="809653" spans="14:14">
      <c r="N809653" s="10"/>
    </row>
    <row r="809654" spans="14:14">
      <c r="N809654" s="10"/>
    </row>
    <row r="809655" spans="14:14">
      <c r="N809655" s="10"/>
    </row>
    <row r="809656" spans="14:14">
      <c r="N809656" s="10"/>
    </row>
    <row r="809657" spans="14:14">
      <c r="N809657" s="10"/>
    </row>
    <row r="809658" spans="14:14">
      <c r="N809658" s="10"/>
    </row>
    <row r="809659" spans="14:14">
      <c r="N809659" s="10"/>
    </row>
    <row r="809660" spans="14:14">
      <c r="N809660" s="10"/>
    </row>
    <row r="809661" spans="14:14">
      <c r="N809661" s="10"/>
    </row>
    <row r="809662" spans="14:14">
      <c r="N809662" s="10"/>
    </row>
    <row r="809663" spans="14:14">
      <c r="N809663" s="10"/>
    </row>
    <row r="809664" spans="14:14">
      <c r="N809664" s="10"/>
    </row>
    <row r="809665" spans="14:14">
      <c r="N809665" s="10"/>
    </row>
    <row r="809666" spans="14:14">
      <c r="N809666" s="10"/>
    </row>
    <row r="809667" spans="14:14">
      <c r="N809667" s="10"/>
    </row>
    <row r="809668" spans="14:14">
      <c r="N809668" s="10"/>
    </row>
    <row r="809669" spans="14:14">
      <c r="N809669" s="10"/>
    </row>
    <row r="809670" spans="14:14">
      <c r="N809670" s="10"/>
    </row>
    <row r="809671" spans="14:14">
      <c r="N809671" s="10"/>
    </row>
    <row r="809672" spans="14:14">
      <c r="N809672" s="10"/>
    </row>
    <row r="809673" spans="14:14">
      <c r="N809673" s="10"/>
    </row>
    <row r="809674" spans="14:14">
      <c r="N809674" s="10"/>
    </row>
    <row r="809675" spans="14:14">
      <c r="N809675" s="10"/>
    </row>
    <row r="809676" spans="14:14">
      <c r="N809676" s="10"/>
    </row>
    <row r="809677" spans="14:14">
      <c r="N809677" s="10"/>
    </row>
    <row r="809678" spans="14:14">
      <c r="N809678" s="10"/>
    </row>
    <row r="809679" spans="14:14">
      <c r="N809679" s="10"/>
    </row>
    <row r="809680" spans="14:14">
      <c r="N809680" s="10"/>
    </row>
    <row r="809681" spans="14:14">
      <c r="N809681" s="10"/>
    </row>
    <row r="809682" spans="14:14">
      <c r="N809682" s="10"/>
    </row>
    <row r="809683" spans="14:14">
      <c r="N809683" s="10"/>
    </row>
    <row r="809684" spans="14:14">
      <c r="N809684" s="10"/>
    </row>
    <row r="809685" spans="14:14">
      <c r="N809685" s="10"/>
    </row>
    <row r="809686" spans="14:14">
      <c r="N809686" s="10"/>
    </row>
    <row r="809687" spans="14:14">
      <c r="N809687" s="10"/>
    </row>
    <row r="809688" spans="14:14">
      <c r="N809688" s="10"/>
    </row>
    <row r="809689" spans="14:14">
      <c r="N809689" s="10"/>
    </row>
    <row r="809690" spans="14:14">
      <c r="N809690" s="10"/>
    </row>
    <row r="809691" spans="14:14">
      <c r="N809691" s="10"/>
    </row>
    <row r="809692" spans="14:14">
      <c r="N809692" s="10"/>
    </row>
    <row r="809693" spans="14:14">
      <c r="N809693" s="10"/>
    </row>
    <row r="809694" spans="14:14">
      <c r="N809694" s="10"/>
    </row>
    <row r="809695" spans="14:14">
      <c r="N809695" s="10"/>
    </row>
    <row r="809696" spans="14:14">
      <c r="N809696" s="10"/>
    </row>
    <row r="809697" spans="14:14">
      <c r="N809697" s="10"/>
    </row>
    <row r="809698" spans="14:14">
      <c r="N809698" s="10"/>
    </row>
    <row r="809699" spans="14:14">
      <c r="N809699" s="10"/>
    </row>
    <row r="809700" spans="14:14">
      <c r="N809700" s="10"/>
    </row>
    <row r="809701" spans="14:14">
      <c r="N809701" s="10"/>
    </row>
    <row r="809702" spans="14:14">
      <c r="N809702" s="10"/>
    </row>
    <row r="809703" spans="14:14">
      <c r="N809703" s="10"/>
    </row>
    <row r="809704" spans="14:14">
      <c r="N809704" s="10"/>
    </row>
    <row r="809705" spans="14:14">
      <c r="N809705" s="10"/>
    </row>
    <row r="809706" spans="14:14">
      <c r="N809706" s="10"/>
    </row>
    <row r="809707" spans="14:14">
      <c r="N809707" s="10"/>
    </row>
    <row r="809708" spans="14:14">
      <c r="N809708" s="10"/>
    </row>
    <row r="809709" spans="14:14">
      <c r="N809709" s="10"/>
    </row>
    <row r="809710" spans="14:14">
      <c r="N809710" s="10"/>
    </row>
    <row r="809711" spans="14:14">
      <c r="N809711" s="10"/>
    </row>
    <row r="809712" spans="14:14">
      <c r="N809712" s="10"/>
    </row>
    <row r="809713" spans="14:14">
      <c r="N809713" s="10"/>
    </row>
    <row r="809714" spans="14:14">
      <c r="N809714" s="10"/>
    </row>
    <row r="809715" spans="14:14">
      <c r="N809715" s="10"/>
    </row>
    <row r="809716" spans="14:14">
      <c r="N809716" s="10"/>
    </row>
    <row r="809717" spans="14:14">
      <c r="N809717" s="10"/>
    </row>
    <row r="809718" spans="14:14">
      <c r="N809718" s="10"/>
    </row>
    <row r="809719" spans="14:14">
      <c r="N809719" s="10"/>
    </row>
    <row r="809720" spans="14:14">
      <c r="N809720" s="10"/>
    </row>
    <row r="809721" spans="14:14">
      <c r="N809721" s="10"/>
    </row>
    <row r="809722" spans="14:14">
      <c r="N809722" s="10"/>
    </row>
    <row r="809723" spans="14:14">
      <c r="N809723" s="10"/>
    </row>
    <row r="809724" spans="14:14">
      <c r="N809724" s="10"/>
    </row>
    <row r="809725" spans="14:14">
      <c r="N809725" s="10"/>
    </row>
    <row r="809726" spans="14:14">
      <c r="N809726" s="10"/>
    </row>
    <row r="809727" spans="14:14">
      <c r="N809727" s="10"/>
    </row>
    <row r="809728" spans="14:14">
      <c r="N809728" s="10"/>
    </row>
    <row r="809729" spans="14:14">
      <c r="N809729" s="10"/>
    </row>
    <row r="809730" spans="14:14">
      <c r="N809730" s="10"/>
    </row>
    <row r="809731" spans="14:14">
      <c r="N809731" s="10"/>
    </row>
    <row r="809732" spans="14:14">
      <c r="N809732" s="10"/>
    </row>
    <row r="809733" spans="14:14">
      <c r="N809733" s="10"/>
    </row>
    <row r="809734" spans="14:14">
      <c r="N809734" s="10"/>
    </row>
    <row r="809735" spans="14:14">
      <c r="N809735" s="10"/>
    </row>
    <row r="809736" spans="14:14">
      <c r="N809736" s="10"/>
    </row>
    <row r="809737" spans="14:14">
      <c r="N809737" s="10"/>
    </row>
    <row r="809738" spans="14:14">
      <c r="N809738" s="10"/>
    </row>
    <row r="809739" spans="14:14">
      <c r="N809739" s="10"/>
    </row>
    <row r="809740" spans="14:14">
      <c r="N809740" s="10"/>
    </row>
    <row r="809741" spans="14:14">
      <c r="N809741" s="10"/>
    </row>
    <row r="809742" spans="14:14">
      <c r="N809742" s="10"/>
    </row>
    <row r="809743" spans="14:14">
      <c r="N809743" s="10"/>
    </row>
    <row r="809744" spans="14:14">
      <c r="N809744" s="10"/>
    </row>
    <row r="809745" spans="14:14">
      <c r="N809745" s="10"/>
    </row>
    <row r="809746" spans="14:14">
      <c r="N809746" s="10"/>
    </row>
    <row r="809747" spans="14:14">
      <c r="N809747" s="10"/>
    </row>
    <row r="809748" spans="14:14">
      <c r="N809748" s="10"/>
    </row>
    <row r="809749" spans="14:14">
      <c r="N809749" s="10"/>
    </row>
    <row r="809750" spans="14:14">
      <c r="N809750" s="10"/>
    </row>
    <row r="809751" spans="14:14">
      <c r="N809751" s="10"/>
    </row>
    <row r="809752" spans="14:14">
      <c r="N809752" s="10"/>
    </row>
    <row r="809753" spans="14:14">
      <c r="N809753" s="10"/>
    </row>
    <row r="809754" spans="14:14">
      <c r="N809754" s="10"/>
    </row>
    <row r="809755" spans="14:14">
      <c r="N809755" s="10"/>
    </row>
    <row r="809756" spans="14:14">
      <c r="N809756" s="10"/>
    </row>
    <row r="809757" spans="14:14">
      <c r="N809757" s="10"/>
    </row>
    <row r="809758" spans="14:14">
      <c r="N809758" s="10"/>
    </row>
    <row r="809759" spans="14:14">
      <c r="N809759" s="10"/>
    </row>
    <row r="809760" spans="14:14">
      <c r="N809760" s="10"/>
    </row>
    <row r="809761" spans="14:14">
      <c r="N809761" s="10"/>
    </row>
    <row r="809762" spans="14:14">
      <c r="N809762" s="10"/>
    </row>
    <row r="809763" spans="14:14">
      <c r="N809763" s="10"/>
    </row>
    <row r="809764" spans="14:14">
      <c r="N809764" s="10"/>
    </row>
    <row r="809765" spans="14:14">
      <c r="N809765" s="10"/>
    </row>
    <row r="809766" spans="14:14">
      <c r="N809766" s="10"/>
    </row>
    <row r="809767" spans="14:14">
      <c r="N809767" s="10"/>
    </row>
    <row r="809768" spans="14:14">
      <c r="N809768" s="10"/>
    </row>
    <row r="809769" spans="14:14">
      <c r="N809769" s="10"/>
    </row>
    <row r="809770" spans="14:14">
      <c r="N809770" s="10"/>
    </row>
    <row r="809771" spans="14:14">
      <c r="N809771" s="10"/>
    </row>
    <row r="809772" spans="14:14">
      <c r="N809772" s="10"/>
    </row>
    <row r="809773" spans="14:14">
      <c r="N809773" s="10"/>
    </row>
    <row r="809774" spans="14:14">
      <c r="N809774" s="10"/>
    </row>
    <row r="809775" spans="14:14">
      <c r="N809775" s="10"/>
    </row>
    <row r="809776" spans="14:14">
      <c r="N809776" s="10"/>
    </row>
    <row r="809777" spans="14:14">
      <c r="N809777" s="10"/>
    </row>
    <row r="809778" spans="14:14">
      <c r="N809778" s="10"/>
    </row>
    <row r="809779" spans="14:14">
      <c r="N809779" s="10"/>
    </row>
    <row r="809780" spans="14:14">
      <c r="N809780" s="10"/>
    </row>
    <row r="809781" spans="14:14">
      <c r="N809781" s="10"/>
    </row>
    <row r="809782" spans="14:14">
      <c r="N809782" s="10"/>
    </row>
    <row r="809783" spans="14:14">
      <c r="N809783" s="10"/>
    </row>
    <row r="809784" spans="14:14">
      <c r="N809784" s="10"/>
    </row>
    <row r="809785" spans="14:14">
      <c r="N809785" s="10"/>
    </row>
    <row r="809786" spans="14:14">
      <c r="N809786" s="10"/>
    </row>
    <row r="809787" spans="14:14">
      <c r="N809787" s="10"/>
    </row>
    <row r="809788" spans="14:14">
      <c r="N809788" s="10"/>
    </row>
    <row r="809789" spans="14:14">
      <c r="N809789" s="10"/>
    </row>
    <row r="809790" spans="14:14">
      <c r="N809790" s="10"/>
    </row>
    <row r="809791" spans="14:14">
      <c r="N809791" s="10"/>
    </row>
    <row r="809792" spans="14:14">
      <c r="N809792" s="10"/>
    </row>
    <row r="809793" spans="14:14">
      <c r="N809793" s="10"/>
    </row>
    <row r="809794" spans="14:14">
      <c r="N809794" s="10"/>
    </row>
    <row r="809795" spans="14:14">
      <c r="N809795" s="10"/>
    </row>
    <row r="809796" spans="14:14">
      <c r="N809796" s="10"/>
    </row>
    <row r="809797" spans="14:14">
      <c r="N809797" s="10"/>
    </row>
    <row r="809798" spans="14:14">
      <c r="N809798" s="10"/>
    </row>
    <row r="809799" spans="14:14">
      <c r="N809799" s="10"/>
    </row>
    <row r="809800" spans="14:14">
      <c r="N809800" s="10"/>
    </row>
    <row r="809801" spans="14:14">
      <c r="N809801" s="10"/>
    </row>
    <row r="809802" spans="14:14">
      <c r="N809802" s="10"/>
    </row>
    <row r="809803" spans="14:14">
      <c r="N809803" s="10"/>
    </row>
    <row r="809804" spans="14:14">
      <c r="N809804" s="10"/>
    </row>
    <row r="809805" spans="14:14">
      <c r="N809805" s="10"/>
    </row>
    <row r="809806" spans="14:14">
      <c r="N809806" s="10"/>
    </row>
    <row r="809807" spans="14:14">
      <c r="N809807" s="10"/>
    </row>
    <row r="809808" spans="14:14">
      <c r="N809808" s="10"/>
    </row>
    <row r="809809" spans="14:14">
      <c r="N809809" s="10"/>
    </row>
    <row r="809810" spans="14:14">
      <c r="N809810" s="10"/>
    </row>
    <row r="809811" spans="14:14">
      <c r="N809811" s="10"/>
    </row>
    <row r="809812" spans="14:14">
      <c r="N809812" s="10"/>
    </row>
    <row r="809813" spans="14:14">
      <c r="N809813" s="10"/>
    </row>
    <row r="809814" spans="14:14">
      <c r="N809814" s="10"/>
    </row>
    <row r="809815" spans="14:14">
      <c r="N809815" s="10"/>
    </row>
    <row r="809816" spans="14:14">
      <c r="N809816" s="10"/>
    </row>
    <row r="809817" spans="14:14">
      <c r="N809817" s="10"/>
    </row>
    <row r="809818" spans="14:14">
      <c r="N809818" s="10"/>
    </row>
    <row r="809819" spans="14:14">
      <c r="N809819" s="10"/>
    </row>
    <row r="809820" spans="14:14">
      <c r="N809820" s="10"/>
    </row>
    <row r="809821" spans="14:14">
      <c r="N809821" s="10"/>
    </row>
    <row r="809822" spans="14:14">
      <c r="N809822" s="10"/>
    </row>
    <row r="809823" spans="14:14">
      <c r="N809823" s="10"/>
    </row>
    <row r="809824" spans="14:14">
      <c r="N809824" s="10"/>
    </row>
    <row r="809825" spans="14:14">
      <c r="N809825" s="10"/>
    </row>
    <row r="809826" spans="14:14">
      <c r="N809826" s="10"/>
    </row>
    <row r="809827" spans="14:14">
      <c r="N809827" s="10"/>
    </row>
    <row r="809828" spans="14:14">
      <c r="N809828" s="10"/>
    </row>
    <row r="809829" spans="14:14">
      <c r="N809829" s="10"/>
    </row>
    <row r="809830" spans="14:14">
      <c r="N809830" s="10"/>
    </row>
    <row r="809831" spans="14:14">
      <c r="N809831" s="10"/>
    </row>
    <row r="809832" spans="14:14">
      <c r="N809832" s="10"/>
    </row>
    <row r="809833" spans="14:14">
      <c r="N809833" s="10"/>
    </row>
    <row r="809834" spans="14:14">
      <c r="N809834" s="10"/>
    </row>
    <row r="809835" spans="14:14">
      <c r="N809835" s="10"/>
    </row>
    <row r="809836" spans="14:14">
      <c r="N809836" s="10"/>
    </row>
    <row r="809837" spans="14:14">
      <c r="N809837" s="10"/>
    </row>
    <row r="809838" spans="14:14">
      <c r="N809838" s="10"/>
    </row>
    <row r="809839" spans="14:14">
      <c r="N809839" s="10"/>
    </row>
    <row r="809840" spans="14:14">
      <c r="N809840" s="10"/>
    </row>
    <row r="809841" spans="14:14">
      <c r="N809841" s="10"/>
    </row>
    <row r="809842" spans="14:14">
      <c r="N809842" s="10"/>
    </row>
    <row r="809843" spans="14:14">
      <c r="N809843" s="10"/>
    </row>
    <row r="809844" spans="14:14">
      <c r="N809844" s="10"/>
    </row>
    <row r="809845" spans="14:14">
      <c r="N809845" s="10"/>
    </row>
    <row r="809846" spans="14:14">
      <c r="N809846" s="10"/>
    </row>
    <row r="809847" spans="14:14">
      <c r="N809847" s="10"/>
    </row>
    <row r="809848" spans="14:14">
      <c r="N809848" s="10"/>
    </row>
    <row r="809849" spans="14:14">
      <c r="N809849" s="10"/>
    </row>
    <row r="809850" spans="14:14">
      <c r="N809850" s="10"/>
    </row>
    <row r="809851" spans="14:14">
      <c r="N809851" s="10"/>
    </row>
    <row r="809852" spans="14:14">
      <c r="N809852" s="10"/>
    </row>
    <row r="809853" spans="14:14">
      <c r="N809853" s="10"/>
    </row>
    <row r="809854" spans="14:14">
      <c r="N809854" s="10"/>
    </row>
    <row r="809855" spans="14:14">
      <c r="N809855" s="10"/>
    </row>
    <row r="809856" spans="14:14">
      <c r="N809856" s="10"/>
    </row>
    <row r="809857" spans="14:14">
      <c r="N809857" s="10"/>
    </row>
    <row r="809858" spans="14:14">
      <c r="N809858" s="10"/>
    </row>
    <row r="809859" spans="14:14">
      <c r="N809859" s="10"/>
    </row>
    <row r="809860" spans="14:14">
      <c r="N809860" s="10"/>
    </row>
    <row r="809861" spans="14:14">
      <c r="N809861" s="10"/>
    </row>
    <row r="809862" spans="14:14">
      <c r="N809862" s="10"/>
    </row>
    <row r="809863" spans="14:14">
      <c r="N809863" s="10"/>
    </row>
    <row r="809864" spans="14:14">
      <c r="N809864" s="10"/>
    </row>
    <row r="809865" spans="14:14">
      <c r="N809865" s="10"/>
    </row>
    <row r="809866" spans="14:14">
      <c r="N809866" s="10"/>
    </row>
    <row r="809867" spans="14:14">
      <c r="N809867" s="10"/>
    </row>
    <row r="809868" spans="14:14">
      <c r="N809868" s="10"/>
    </row>
    <row r="809869" spans="14:14">
      <c r="N809869" s="10"/>
    </row>
    <row r="809870" spans="14:14">
      <c r="N809870" s="10"/>
    </row>
    <row r="809871" spans="14:14">
      <c r="N809871" s="10"/>
    </row>
    <row r="809872" spans="14:14">
      <c r="N809872" s="10"/>
    </row>
    <row r="809873" spans="14:14">
      <c r="N809873" s="10"/>
    </row>
    <row r="809874" spans="14:14">
      <c r="N809874" s="10"/>
    </row>
    <row r="809875" spans="14:14">
      <c r="N809875" s="10"/>
    </row>
    <row r="809876" spans="14:14">
      <c r="N809876" s="10"/>
    </row>
    <row r="809877" spans="14:14">
      <c r="N809877" s="10"/>
    </row>
    <row r="809878" spans="14:14">
      <c r="N809878" s="10"/>
    </row>
    <row r="809879" spans="14:14">
      <c r="N809879" s="10"/>
    </row>
    <row r="809880" spans="14:14">
      <c r="N809880" s="10"/>
    </row>
    <row r="809881" spans="14:14">
      <c r="N809881" s="10"/>
    </row>
    <row r="809882" spans="14:14">
      <c r="N809882" s="10"/>
    </row>
    <row r="809883" spans="14:14">
      <c r="N809883" s="10"/>
    </row>
    <row r="809884" spans="14:14">
      <c r="N809884" s="10"/>
    </row>
    <row r="809885" spans="14:14">
      <c r="N809885" s="10"/>
    </row>
    <row r="809886" spans="14:14">
      <c r="N809886" s="10"/>
    </row>
    <row r="809887" spans="14:14">
      <c r="N809887" s="10"/>
    </row>
    <row r="809888" spans="14:14">
      <c r="N809888" s="10"/>
    </row>
    <row r="809889" spans="14:14">
      <c r="N809889" s="10"/>
    </row>
    <row r="809890" spans="14:14">
      <c r="N809890" s="10"/>
    </row>
    <row r="809891" spans="14:14">
      <c r="N809891" s="10"/>
    </row>
    <row r="809892" spans="14:14">
      <c r="N809892" s="10"/>
    </row>
    <row r="809893" spans="14:14">
      <c r="N809893" s="10"/>
    </row>
    <row r="809894" spans="14:14">
      <c r="N809894" s="10"/>
    </row>
    <row r="809895" spans="14:14">
      <c r="N809895" s="10"/>
    </row>
    <row r="809896" spans="14:14">
      <c r="N809896" s="10"/>
    </row>
    <row r="809897" spans="14:14">
      <c r="N809897" s="10"/>
    </row>
    <row r="809898" spans="14:14">
      <c r="N809898" s="10"/>
    </row>
    <row r="809899" spans="14:14">
      <c r="N809899" s="10"/>
    </row>
    <row r="809900" spans="14:14">
      <c r="N809900" s="10"/>
    </row>
    <row r="809901" spans="14:14">
      <c r="N809901" s="10"/>
    </row>
    <row r="809902" spans="14:14">
      <c r="N809902" s="10"/>
    </row>
    <row r="809903" spans="14:14">
      <c r="N809903" s="10"/>
    </row>
    <row r="809904" spans="14:14">
      <c r="N809904" s="10"/>
    </row>
    <row r="809905" spans="14:14">
      <c r="N809905" s="10"/>
    </row>
    <row r="809906" spans="14:14">
      <c r="N809906" s="10"/>
    </row>
    <row r="809907" spans="14:14">
      <c r="N809907" s="10"/>
    </row>
    <row r="809908" spans="14:14">
      <c r="N809908" s="10"/>
    </row>
    <row r="809909" spans="14:14">
      <c r="N809909" s="10"/>
    </row>
    <row r="809910" spans="14:14">
      <c r="N809910" s="10"/>
    </row>
    <row r="809911" spans="14:14">
      <c r="N809911" s="10"/>
    </row>
    <row r="809912" spans="14:14">
      <c r="N809912" s="10"/>
    </row>
    <row r="809913" spans="14:14">
      <c r="N809913" s="10"/>
    </row>
    <row r="809914" spans="14:14">
      <c r="N809914" s="10"/>
    </row>
    <row r="809915" spans="14:14">
      <c r="N809915" s="10"/>
    </row>
    <row r="809916" spans="14:14">
      <c r="N809916" s="10"/>
    </row>
    <row r="809917" spans="14:14">
      <c r="N809917" s="10"/>
    </row>
    <row r="809918" spans="14:14">
      <c r="N809918" s="10"/>
    </row>
    <row r="809919" spans="14:14">
      <c r="N809919" s="10"/>
    </row>
    <row r="809920" spans="14:14">
      <c r="N809920" s="10"/>
    </row>
    <row r="809921" spans="14:14">
      <c r="N809921" s="10"/>
    </row>
    <row r="809922" spans="14:14">
      <c r="N809922" s="10"/>
    </row>
    <row r="809923" spans="14:14">
      <c r="N809923" s="10"/>
    </row>
    <row r="809924" spans="14:14">
      <c r="N809924" s="10"/>
    </row>
    <row r="809925" spans="14:14">
      <c r="N809925" s="10"/>
    </row>
    <row r="809926" spans="14:14">
      <c r="N809926" s="10"/>
    </row>
    <row r="809927" spans="14:14">
      <c r="N809927" s="10"/>
    </row>
    <row r="809928" spans="14:14">
      <c r="N809928" s="10"/>
    </row>
    <row r="809929" spans="14:14">
      <c r="N809929" s="10"/>
    </row>
    <row r="809930" spans="14:14">
      <c r="N809930" s="10"/>
    </row>
    <row r="809931" spans="14:14">
      <c r="N809931" s="10"/>
    </row>
    <row r="809932" spans="14:14">
      <c r="N809932" s="10"/>
    </row>
    <row r="809933" spans="14:14">
      <c r="N809933" s="10"/>
    </row>
    <row r="809934" spans="14:14">
      <c r="N809934" s="10"/>
    </row>
    <row r="809935" spans="14:14">
      <c r="N809935" s="10"/>
    </row>
    <row r="809936" spans="14:14">
      <c r="N809936" s="10"/>
    </row>
    <row r="809937" spans="14:14">
      <c r="N809937" s="10"/>
    </row>
    <row r="809938" spans="14:14">
      <c r="N809938" s="10"/>
    </row>
    <row r="809939" spans="14:14">
      <c r="N809939" s="10"/>
    </row>
    <row r="809940" spans="14:14">
      <c r="N809940" s="10"/>
    </row>
    <row r="809941" spans="14:14">
      <c r="N809941" s="10"/>
    </row>
    <row r="809942" spans="14:14">
      <c r="N809942" s="10"/>
    </row>
    <row r="809943" spans="14:14">
      <c r="N809943" s="10"/>
    </row>
    <row r="809944" spans="14:14">
      <c r="N809944" s="10"/>
    </row>
    <row r="809945" spans="14:14">
      <c r="N809945" s="10"/>
    </row>
    <row r="809946" spans="14:14">
      <c r="N809946" s="10"/>
    </row>
    <row r="809947" spans="14:14">
      <c r="N809947" s="10"/>
    </row>
    <row r="809948" spans="14:14">
      <c r="N809948" s="10"/>
    </row>
    <row r="809949" spans="14:14">
      <c r="N809949" s="10"/>
    </row>
    <row r="809950" spans="14:14">
      <c r="N809950" s="10"/>
    </row>
    <row r="809951" spans="14:14">
      <c r="N809951" s="10"/>
    </row>
    <row r="809952" spans="14:14">
      <c r="N809952" s="10"/>
    </row>
    <row r="809953" spans="14:14">
      <c r="N809953" s="10"/>
    </row>
    <row r="809954" spans="14:14">
      <c r="N809954" s="10"/>
    </row>
    <row r="809955" spans="14:14">
      <c r="N809955" s="10"/>
    </row>
    <row r="809956" spans="14:14">
      <c r="N809956" s="10"/>
    </row>
    <row r="809957" spans="14:14">
      <c r="N809957" s="10"/>
    </row>
    <row r="809958" spans="14:14">
      <c r="N809958" s="10"/>
    </row>
    <row r="809959" spans="14:14">
      <c r="N809959" s="10"/>
    </row>
    <row r="809960" spans="14:14">
      <c r="N809960" s="10"/>
    </row>
    <row r="809961" spans="14:14">
      <c r="N809961" s="10"/>
    </row>
    <row r="809962" spans="14:14">
      <c r="N809962" s="10"/>
    </row>
    <row r="809963" spans="14:14">
      <c r="N809963" s="10"/>
    </row>
    <row r="809964" spans="14:14">
      <c r="N809964" s="10"/>
    </row>
    <row r="809965" spans="14:14">
      <c r="N809965" s="10"/>
    </row>
    <row r="809966" spans="14:14">
      <c r="N809966" s="10"/>
    </row>
    <row r="809967" spans="14:14">
      <c r="N809967" s="10"/>
    </row>
    <row r="809968" spans="14:14">
      <c r="N809968" s="10"/>
    </row>
    <row r="809969" spans="14:14">
      <c r="N809969" s="10"/>
    </row>
    <row r="809970" spans="14:14">
      <c r="N809970" s="10"/>
    </row>
    <row r="809971" spans="14:14">
      <c r="N809971" s="10"/>
    </row>
    <row r="809972" spans="14:14">
      <c r="N809972" s="10"/>
    </row>
    <row r="809973" spans="14:14">
      <c r="N809973" s="10"/>
    </row>
    <row r="809974" spans="14:14">
      <c r="N809974" s="10"/>
    </row>
    <row r="809975" spans="14:14">
      <c r="N809975" s="10"/>
    </row>
    <row r="809976" spans="14:14">
      <c r="N809976" s="10"/>
    </row>
    <row r="809977" spans="14:14">
      <c r="N809977" s="10"/>
    </row>
    <row r="809978" spans="14:14">
      <c r="N809978" s="10"/>
    </row>
    <row r="809979" spans="14:14">
      <c r="N809979" s="10"/>
    </row>
    <row r="809980" spans="14:14">
      <c r="N809980" s="10"/>
    </row>
    <row r="809981" spans="14:14">
      <c r="N809981" s="10"/>
    </row>
    <row r="809982" spans="14:14">
      <c r="N809982" s="10"/>
    </row>
    <row r="809983" spans="14:14">
      <c r="N809983" s="10"/>
    </row>
    <row r="809984" spans="14:14">
      <c r="N809984" s="10"/>
    </row>
    <row r="809985" spans="14:14">
      <c r="N809985" s="10"/>
    </row>
    <row r="809986" spans="14:14">
      <c r="N809986" s="10"/>
    </row>
    <row r="809987" spans="14:14">
      <c r="N809987" s="10"/>
    </row>
    <row r="809988" spans="14:14">
      <c r="N809988" s="10"/>
    </row>
    <row r="809989" spans="14:14">
      <c r="N809989" s="10"/>
    </row>
    <row r="809990" spans="14:14">
      <c r="N809990" s="10"/>
    </row>
    <row r="809991" spans="14:14">
      <c r="N809991" s="10"/>
    </row>
    <row r="809992" spans="14:14">
      <c r="N809992" s="10"/>
    </row>
    <row r="809993" spans="14:14">
      <c r="N809993" s="10"/>
    </row>
    <row r="809994" spans="14:14">
      <c r="N809994" s="10"/>
    </row>
    <row r="809995" spans="14:14">
      <c r="N809995" s="10"/>
    </row>
    <row r="809996" spans="14:14">
      <c r="N809996" s="10"/>
    </row>
    <row r="809997" spans="14:14">
      <c r="N809997" s="10"/>
    </row>
    <row r="809998" spans="14:14">
      <c r="N809998" s="10"/>
    </row>
    <row r="809999" spans="14:14">
      <c r="N809999" s="10"/>
    </row>
    <row r="810000" spans="14:14">
      <c r="N810000" s="10"/>
    </row>
    <row r="810001" spans="14:14">
      <c r="N810001" s="10"/>
    </row>
    <row r="810002" spans="14:14">
      <c r="N810002" s="10"/>
    </row>
    <row r="810003" spans="14:14">
      <c r="N810003" s="10"/>
    </row>
    <row r="810004" spans="14:14">
      <c r="N810004" s="10"/>
    </row>
    <row r="810005" spans="14:14">
      <c r="N810005" s="10"/>
    </row>
    <row r="810006" spans="14:14">
      <c r="N810006" s="10"/>
    </row>
    <row r="810007" spans="14:14">
      <c r="N810007" s="10"/>
    </row>
    <row r="810008" spans="14:14">
      <c r="N810008" s="10"/>
    </row>
    <row r="810009" spans="14:14">
      <c r="N810009" s="10"/>
    </row>
    <row r="810010" spans="14:14">
      <c r="N810010" s="10"/>
    </row>
    <row r="810011" spans="14:14">
      <c r="N810011" s="10"/>
    </row>
    <row r="810012" spans="14:14">
      <c r="N810012" s="10"/>
    </row>
    <row r="810013" spans="14:14">
      <c r="N810013" s="10"/>
    </row>
    <row r="810014" spans="14:14">
      <c r="N810014" s="10"/>
    </row>
    <row r="810015" spans="14:14">
      <c r="N810015" s="10"/>
    </row>
    <row r="810016" spans="14:14">
      <c r="N810016" s="10"/>
    </row>
    <row r="810017" spans="14:14">
      <c r="N810017" s="10"/>
    </row>
    <row r="810018" spans="14:14">
      <c r="N810018" s="10"/>
    </row>
    <row r="810019" spans="14:14">
      <c r="N810019" s="10"/>
    </row>
    <row r="810020" spans="14:14">
      <c r="N810020" s="10"/>
    </row>
    <row r="810021" spans="14:14">
      <c r="N810021" s="10"/>
    </row>
    <row r="810022" spans="14:14">
      <c r="N810022" s="10"/>
    </row>
    <row r="810023" spans="14:14">
      <c r="N810023" s="10"/>
    </row>
    <row r="810024" spans="14:14">
      <c r="N810024" s="10"/>
    </row>
    <row r="810025" spans="14:14">
      <c r="N810025" s="10"/>
    </row>
    <row r="810026" spans="14:14">
      <c r="N810026" s="10"/>
    </row>
    <row r="810027" spans="14:14">
      <c r="N810027" s="10"/>
    </row>
    <row r="810028" spans="14:14">
      <c r="N810028" s="10"/>
    </row>
    <row r="810029" spans="14:14">
      <c r="N810029" s="10"/>
    </row>
    <row r="810030" spans="14:14">
      <c r="N810030" s="10"/>
    </row>
    <row r="810031" spans="14:14">
      <c r="N810031" s="10"/>
    </row>
    <row r="810032" spans="14:14">
      <c r="N810032" s="10"/>
    </row>
    <row r="810033" spans="14:14">
      <c r="N810033" s="10"/>
    </row>
    <row r="810034" spans="14:14">
      <c r="N810034" s="10"/>
    </row>
    <row r="810035" spans="14:14">
      <c r="N810035" s="10"/>
    </row>
    <row r="810036" spans="14:14">
      <c r="N810036" s="10"/>
    </row>
    <row r="810037" spans="14:14">
      <c r="N810037" s="10"/>
    </row>
    <row r="810038" spans="14:14">
      <c r="N810038" s="10"/>
    </row>
    <row r="810039" spans="14:14">
      <c r="N810039" s="10"/>
    </row>
    <row r="810040" spans="14:14">
      <c r="N810040" s="10"/>
    </row>
    <row r="810041" spans="14:14">
      <c r="N810041" s="10"/>
    </row>
    <row r="810042" spans="14:14">
      <c r="N810042" s="10"/>
    </row>
    <row r="810043" spans="14:14">
      <c r="N810043" s="10"/>
    </row>
    <row r="810044" spans="14:14">
      <c r="N810044" s="10"/>
    </row>
    <row r="810045" spans="14:14">
      <c r="N810045" s="10"/>
    </row>
    <row r="810046" spans="14:14">
      <c r="N810046" s="10"/>
    </row>
    <row r="810047" spans="14:14">
      <c r="N810047" s="10"/>
    </row>
    <row r="810048" spans="14:14">
      <c r="N810048" s="10"/>
    </row>
    <row r="810049" spans="14:14">
      <c r="N810049" s="10"/>
    </row>
    <row r="810050" spans="14:14">
      <c r="N810050" s="10"/>
    </row>
    <row r="810051" spans="14:14">
      <c r="N810051" s="10"/>
    </row>
    <row r="810052" spans="14:14">
      <c r="N810052" s="10"/>
    </row>
    <row r="810053" spans="14:14">
      <c r="N810053" s="10"/>
    </row>
    <row r="810054" spans="14:14">
      <c r="N810054" s="10"/>
    </row>
    <row r="810055" spans="14:14">
      <c r="N810055" s="10"/>
    </row>
    <row r="810056" spans="14:14">
      <c r="N810056" s="10"/>
    </row>
    <row r="810057" spans="14:14">
      <c r="N810057" s="10"/>
    </row>
    <row r="810058" spans="14:14">
      <c r="N810058" s="10"/>
    </row>
    <row r="810059" spans="14:14">
      <c r="N810059" s="10"/>
    </row>
    <row r="810060" spans="14:14">
      <c r="N810060" s="10"/>
    </row>
    <row r="810061" spans="14:14">
      <c r="N810061" s="10"/>
    </row>
    <row r="810062" spans="14:14">
      <c r="N810062" s="10"/>
    </row>
    <row r="810063" spans="14:14">
      <c r="N810063" s="10"/>
    </row>
    <row r="810064" spans="14:14">
      <c r="N810064" s="10"/>
    </row>
    <row r="810065" spans="14:14">
      <c r="N810065" s="10"/>
    </row>
    <row r="810066" spans="14:14">
      <c r="N810066" s="10"/>
    </row>
    <row r="810067" spans="14:14">
      <c r="N810067" s="10"/>
    </row>
    <row r="810068" spans="14:14">
      <c r="N810068" s="10"/>
    </row>
    <row r="810069" spans="14:14">
      <c r="N810069" s="10"/>
    </row>
    <row r="810070" spans="14:14">
      <c r="N810070" s="10"/>
    </row>
    <row r="810071" spans="14:14">
      <c r="N810071" s="10"/>
    </row>
    <row r="810072" spans="14:14">
      <c r="N810072" s="10"/>
    </row>
    <row r="810073" spans="14:14">
      <c r="N810073" s="10"/>
    </row>
    <row r="810074" spans="14:14">
      <c r="N810074" s="10"/>
    </row>
    <row r="810075" spans="14:14">
      <c r="N810075" s="10"/>
    </row>
    <row r="810076" spans="14:14">
      <c r="N810076" s="10"/>
    </row>
    <row r="810077" spans="14:14">
      <c r="N810077" s="10"/>
    </row>
    <row r="810078" spans="14:14">
      <c r="N810078" s="10"/>
    </row>
    <row r="810079" spans="14:14">
      <c r="N810079" s="10"/>
    </row>
    <row r="810080" spans="14:14">
      <c r="N810080" s="10"/>
    </row>
    <row r="810081" spans="14:14">
      <c r="N810081" s="10"/>
    </row>
    <row r="810082" spans="14:14">
      <c r="N810082" s="10"/>
    </row>
    <row r="810083" spans="14:14">
      <c r="N810083" s="10"/>
    </row>
    <row r="810084" spans="14:14">
      <c r="N810084" s="10"/>
    </row>
    <row r="810085" spans="14:14">
      <c r="N810085" s="10"/>
    </row>
    <row r="810086" spans="14:14">
      <c r="N810086" s="10"/>
    </row>
    <row r="810087" spans="14:14">
      <c r="N810087" s="10"/>
    </row>
    <row r="810088" spans="14:14">
      <c r="N810088" s="10"/>
    </row>
    <row r="810089" spans="14:14">
      <c r="N810089" s="10"/>
    </row>
    <row r="810090" spans="14:14">
      <c r="N810090" s="10"/>
    </row>
    <row r="810091" spans="14:14">
      <c r="N810091" s="10"/>
    </row>
    <row r="810092" spans="14:14">
      <c r="N810092" s="10"/>
    </row>
    <row r="810093" spans="14:14">
      <c r="N810093" s="10"/>
    </row>
    <row r="810094" spans="14:14">
      <c r="N810094" s="10"/>
    </row>
    <row r="810095" spans="14:14">
      <c r="N810095" s="10"/>
    </row>
    <row r="810096" spans="14:14">
      <c r="N810096" s="10"/>
    </row>
    <row r="810097" spans="14:14">
      <c r="N810097" s="10"/>
    </row>
    <row r="810098" spans="14:14">
      <c r="N810098" s="10"/>
    </row>
    <row r="810099" spans="14:14">
      <c r="N810099" s="10"/>
    </row>
    <row r="810100" spans="14:14">
      <c r="N810100" s="10"/>
    </row>
    <row r="810101" spans="14:14">
      <c r="N810101" s="10"/>
    </row>
    <row r="810102" spans="14:14">
      <c r="N810102" s="10"/>
    </row>
    <row r="810103" spans="14:14">
      <c r="N810103" s="10"/>
    </row>
    <row r="810104" spans="14:14">
      <c r="N810104" s="10"/>
    </row>
    <row r="810105" spans="14:14">
      <c r="N810105" s="10"/>
    </row>
    <row r="810106" spans="14:14">
      <c r="N810106" s="10"/>
    </row>
    <row r="810107" spans="14:14">
      <c r="N810107" s="10"/>
    </row>
    <row r="810108" spans="14:14">
      <c r="N810108" s="10"/>
    </row>
    <row r="810109" spans="14:14">
      <c r="N810109" s="10"/>
    </row>
    <row r="810110" spans="14:14">
      <c r="N810110" s="10"/>
    </row>
    <row r="810111" spans="14:14">
      <c r="N810111" s="10"/>
    </row>
    <row r="810112" spans="14:14">
      <c r="N810112" s="10"/>
    </row>
    <row r="810113" spans="14:14">
      <c r="N810113" s="10"/>
    </row>
    <row r="810114" spans="14:14">
      <c r="N810114" s="10"/>
    </row>
    <row r="810115" spans="14:14">
      <c r="N810115" s="10"/>
    </row>
    <row r="810116" spans="14:14">
      <c r="N810116" s="10"/>
    </row>
    <row r="810117" spans="14:14">
      <c r="N810117" s="10"/>
    </row>
    <row r="810118" spans="14:14">
      <c r="N810118" s="10"/>
    </row>
    <row r="810119" spans="14:14">
      <c r="N810119" s="10"/>
    </row>
    <row r="810120" spans="14:14">
      <c r="N810120" s="10"/>
    </row>
    <row r="810121" spans="14:14">
      <c r="N810121" s="10"/>
    </row>
    <row r="810122" spans="14:14">
      <c r="N810122" s="10"/>
    </row>
    <row r="810123" spans="14:14">
      <c r="N810123" s="10"/>
    </row>
    <row r="810124" spans="14:14">
      <c r="N810124" s="10"/>
    </row>
    <row r="810125" spans="14:14">
      <c r="N810125" s="10"/>
    </row>
    <row r="810126" spans="14:14">
      <c r="N810126" s="10"/>
    </row>
    <row r="810127" spans="14:14">
      <c r="N810127" s="10"/>
    </row>
    <row r="810128" spans="14:14">
      <c r="N810128" s="10"/>
    </row>
    <row r="810129" spans="14:14">
      <c r="N810129" s="10"/>
    </row>
    <row r="810130" spans="14:14">
      <c r="N810130" s="10"/>
    </row>
    <row r="810131" spans="14:14">
      <c r="N810131" s="10"/>
    </row>
    <row r="810132" spans="14:14">
      <c r="N810132" s="10"/>
    </row>
    <row r="810133" spans="14:14">
      <c r="N810133" s="10"/>
    </row>
    <row r="810134" spans="14:14">
      <c r="N810134" s="10"/>
    </row>
    <row r="810135" spans="14:14">
      <c r="N810135" s="10"/>
    </row>
    <row r="810136" spans="14:14">
      <c r="N810136" s="10"/>
    </row>
    <row r="810137" spans="14:14">
      <c r="N810137" s="10"/>
    </row>
    <row r="810138" spans="14:14">
      <c r="N810138" s="10"/>
    </row>
    <row r="810139" spans="14:14">
      <c r="N810139" s="10"/>
    </row>
    <row r="810140" spans="14:14">
      <c r="N810140" s="10"/>
    </row>
    <row r="810141" spans="14:14">
      <c r="N810141" s="10"/>
    </row>
    <row r="810142" spans="14:14">
      <c r="N810142" s="10"/>
    </row>
    <row r="810143" spans="14:14">
      <c r="N810143" s="10"/>
    </row>
    <row r="810144" spans="14:14">
      <c r="N810144" s="10"/>
    </row>
    <row r="810145" spans="14:14">
      <c r="N810145" s="10"/>
    </row>
    <row r="810146" spans="14:14">
      <c r="N810146" s="10"/>
    </row>
    <row r="810147" spans="14:14">
      <c r="N810147" s="10"/>
    </row>
    <row r="810148" spans="14:14">
      <c r="N810148" s="10"/>
    </row>
    <row r="810149" spans="14:14">
      <c r="N810149" s="10"/>
    </row>
    <row r="810150" spans="14:14">
      <c r="N810150" s="10"/>
    </row>
    <row r="810151" spans="14:14">
      <c r="N810151" s="10"/>
    </row>
    <row r="810152" spans="14:14">
      <c r="N810152" s="10"/>
    </row>
    <row r="810153" spans="14:14">
      <c r="N810153" s="10"/>
    </row>
    <row r="810154" spans="14:14">
      <c r="N810154" s="10"/>
    </row>
    <row r="810155" spans="14:14">
      <c r="N810155" s="10"/>
    </row>
    <row r="810156" spans="14:14">
      <c r="N810156" s="10"/>
    </row>
    <row r="810157" spans="14:14">
      <c r="N810157" s="10"/>
    </row>
    <row r="810158" spans="14:14">
      <c r="N810158" s="10"/>
    </row>
    <row r="810159" spans="14:14">
      <c r="N810159" s="10"/>
    </row>
    <row r="810160" spans="14:14">
      <c r="N810160" s="10"/>
    </row>
    <row r="810161" spans="14:14">
      <c r="N810161" s="10"/>
    </row>
    <row r="810162" spans="14:14">
      <c r="N810162" s="10"/>
    </row>
    <row r="810163" spans="14:14">
      <c r="N810163" s="10"/>
    </row>
    <row r="810164" spans="14:14">
      <c r="N810164" s="10"/>
    </row>
    <row r="810165" spans="14:14">
      <c r="N810165" s="10"/>
    </row>
    <row r="810166" spans="14:14">
      <c r="N810166" s="10"/>
    </row>
    <row r="810167" spans="14:14">
      <c r="N810167" s="10"/>
    </row>
    <row r="810168" spans="14:14">
      <c r="N810168" s="10"/>
    </row>
    <row r="810169" spans="14:14">
      <c r="N810169" s="10"/>
    </row>
    <row r="810170" spans="14:14">
      <c r="N810170" s="10"/>
    </row>
    <row r="810171" spans="14:14">
      <c r="N810171" s="10"/>
    </row>
    <row r="810172" spans="14:14">
      <c r="N810172" s="10"/>
    </row>
    <row r="810173" spans="14:14">
      <c r="N810173" s="10"/>
    </row>
    <row r="810174" spans="14:14">
      <c r="N810174" s="10"/>
    </row>
    <row r="810175" spans="14:14">
      <c r="N810175" s="10"/>
    </row>
    <row r="810176" spans="14:14">
      <c r="N810176" s="10"/>
    </row>
    <row r="810177" spans="14:14">
      <c r="N810177" s="10"/>
    </row>
    <row r="810178" spans="14:14">
      <c r="N810178" s="10"/>
    </row>
    <row r="810179" spans="14:14">
      <c r="N810179" s="10"/>
    </row>
    <row r="810180" spans="14:14">
      <c r="N810180" s="10"/>
    </row>
    <row r="810181" spans="14:14">
      <c r="N810181" s="10"/>
    </row>
    <row r="810182" spans="14:14">
      <c r="N810182" s="10"/>
    </row>
    <row r="810183" spans="14:14">
      <c r="N810183" s="10"/>
    </row>
    <row r="810184" spans="14:14">
      <c r="N810184" s="10"/>
    </row>
    <row r="810185" spans="14:14">
      <c r="N810185" s="10"/>
    </row>
    <row r="810186" spans="14:14">
      <c r="N810186" s="10"/>
    </row>
    <row r="810187" spans="14:14">
      <c r="N810187" s="10"/>
    </row>
    <row r="810188" spans="14:14">
      <c r="N810188" s="10"/>
    </row>
    <row r="810189" spans="14:14">
      <c r="N810189" s="10"/>
    </row>
    <row r="810190" spans="14:14">
      <c r="N810190" s="10"/>
    </row>
    <row r="810191" spans="14:14">
      <c r="N810191" s="10"/>
    </row>
    <row r="810192" spans="14:14">
      <c r="N810192" s="10"/>
    </row>
    <row r="810193" spans="14:14">
      <c r="N810193" s="10"/>
    </row>
    <row r="810194" spans="14:14">
      <c r="N810194" s="10"/>
    </row>
    <row r="810195" spans="14:14">
      <c r="N810195" s="10"/>
    </row>
    <row r="810196" spans="14:14">
      <c r="N810196" s="10"/>
    </row>
    <row r="810197" spans="14:14">
      <c r="N810197" s="10"/>
    </row>
    <row r="810198" spans="14:14">
      <c r="N810198" s="10"/>
    </row>
    <row r="810199" spans="14:14">
      <c r="N810199" s="10"/>
    </row>
    <row r="810200" spans="14:14">
      <c r="N810200" s="10"/>
    </row>
    <row r="810201" spans="14:14">
      <c r="N810201" s="10"/>
    </row>
    <row r="810202" spans="14:14">
      <c r="N810202" s="10"/>
    </row>
    <row r="810203" spans="14:14">
      <c r="N810203" s="10"/>
    </row>
    <row r="810204" spans="14:14">
      <c r="N810204" s="10"/>
    </row>
    <row r="810205" spans="14:14">
      <c r="N810205" s="10"/>
    </row>
    <row r="810206" spans="14:14">
      <c r="N810206" s="10"/>
    </row>
    <row r="810207" spans="14:14">
      <c r="N810207" s="10"/>
    </row>
    <row r="810208" spans="14:14">
      <c r="N810208" s="10"/>
    </row>
    <row r="810209" spans="14:14">
      <c r="N810209" s="10"/>
    </row>
    <row r="810210" spans="14:14">
      <c r="N810210" s="10"/>
    </row>
    <row r="810211" spans="14:14">
      <c r="N810211" s="10"/>
    </row>
    <row r="810212" spans="14:14">
      <c r="N810212" s="10"/>
    </row>
    <row r="810213" spans="14:14">
      <c r="N810213" s="10"/>
    </row>
    <row r="810214" spans="14:14">
      <c r="N810214" s="10"/>
    </row>
    <row r="810215" spans="14:14">
      <c r="N810215" s="10"/>
    </row>
    <row r="810216" spans="14:14">
      <c r="N810216" s="10"/>
    </row>
    <row r="810217" spans="14:14">
      <c r="N810217" s="10"/>
    </row>
    <row r="810218" spans="14:14">
      <c r="N810218" s="10"/>
    </row>
    <row r="810219" spans="14:14">
      <c r="N810219" s="10"/>
    </row>
    <row r="810220" spans="14:14">
      <c r="N810220" s="10"/>
    </row>
    <row r="810221" spans="14:14">
      <c r="N810221" s="10"/>
    </row>
    <row r="810222" spans="14:14">
      <c r="N810222" s="10"/>
    </row>
    <row r="810223" spans="14:14">
      <c r="N810223" s="10"/>
    </row>
    <row r="810224" spans="14:14">
      <c r="N810224" s="10"/>
    </row>
    <row r="810225" spans="14:14">
      <c r="N810225" s="10"/>
    </row>
    <row r="810226" spans="14:14">
      <c r="N810226" s="10"/>
    </row>
    <row r="810227" spans="14:14">
      <c r="N810227" s="10"/>
    </row>
    <row r="810228" spans="14:14">
      <c r="N810228" s="10"/>
    </row>
    <row r="810229" spans="14:14">
      <c r="N810229" s="10"/>
    </row>
    <row r="810230" spans="14:14">
      <c r="N810230" s="10"/>
    </row>
    <row r="810231" spans="14:14">
      <c r="N810231" s="10"/>
    </row>
    <row r="810232" spans="14:14">
      <c r="N810232" s="10"/>
    </row>
    <row r="810233" spans="14:14">
      <c r="N810233" s="10"/>
    </row>
    <row r="810234" spans="14:14">
      <c r="N810234" s="10"/>
    </row>
    <row r="810235" spans="14:14">
      <c r="N810235" s="10"/>
    </row>
    <row r="810236" spans="14:14">
      <c r="N810236" s="10"/>
    </row>
    <row r="810237" spans="14:14">
      <c r="N810237" s="10"/>
    </row>
    <row r="810238" spans="14:14">
      <c r="N810238" s="10"/>
    </row>
    <row r="810239" spans="14:14">
      <c r="N810239" s="10"/>
    </row>
    <row r="810240" spans="14:14">
      <c r="N810240" s="10"/>
    </row>
    <row r="810241" spans="14:14">
      <c r="N810241" s="10"/>
    </row>
    <row r="810242" spans="14:14">
      <c r="N810242" s="10"/>
    </row>
    <row r="810243" spans="14:14">
      <c r="N810243" s="10"/>
    </row>
    <row r="810244" spans="14:14">
      <c r="N810244" s="10"/>
    </row>
    <row r="810245" spans="14:14">
      <c r="N810245" s="10"/>
    </row>
    <row r="810246" spans="14:14">
      <c r="N810246" s="10"/>
    </row>
    <row r="810247" spans="14:14">
      <c r="N810247" s="10"/>
    </row>
    <row r="810248" spans="14:14">
      <c r="N810248" s="10"/>
    </row>
    <row r="810249" spans="14:14">
      <c r="N810249" s="10"/>
    </row>
    <row r="810250" spans="14:14">
      <c r="N810250" s="10"/>
    </row>
    <row r="810251" spans="14:14">
      <c r="N810251" s="10"/>
    </row>
    <row r="810252" spans="14:14">
      <c r="N810252" s="10"/>
    </row>
    <row r="810253" spans="14:14">
      <c r="N810253" s="10"/>
    </row>
    <row r="810254" spans="14:14">
      <c r="N810254" s="10"/>
    </row>
    <row r="810255" spans="14:14">
      <c r="N810255" s="10"/>
    </row>
    <row r="810256" spans="14:14">
      <c r="N810256" s="10"/>
    </row>
    <row r="810257" spans="14:14">
      <c r="N810257" s="10"/>
    </row>
    <row r="810258" spans="14:14">
      <c r="N810258" s="10"/>
    </row>
    <row r="810259" spans="14:14">
      <c r="N810259" s="10"/>
    </row>
    <row r="810260" spans="14:14">
      <c r="N810260" s="10"/>
    </row>
    <row r="810261" spans="14:14">
      <c r="N810261" s="10"/>
    </row>
    <row r="810262" spans="14:14">
      <c r="N810262" s="10"/>
    </row>
    <row r="810263" spans="14:14">
      <c r="N810263" s="10"/>
    </row>
    <row r="810264" spans="14:14">
      <c r="N810264" s="10"/>
    </row>
    <row r="810265" spans="14:14">
      <c r="N810265" s="10"/>
    </row>
    <row r="810266" spans="14:14">
      <c r="N810266" s="10"/>
    </row>
    <row r="810267" spans="14:14">
      <c r="N810267" s="10"/>
    </row>
    <row r="810268" spans="14:14">
      <c r="N810268" s="10"/>
    </row>
    <row r="810269" spans="14:14">
      <c r="N810269" s="10"/>
    </row>
    <row r="810270" spans="14:14">
      <c r="N810270" s="10"/>
    </row>
    <row r="810271" spans="14:14">
      <c r="N810271" s="10"/>
    </row>
    <row r="810272" spans="14:14">
      <c r="N810272" s="10"/>
    </row>
    <row r="810273" spans="14:14">
      <c r="N810273" s="10"/>
    </row>
    <row r="810274" spans="14:14">
      <c r="N810274" s="10"/>
    </row>
    <row r="810275" spans="14:14">
      <c r="N810275" s="10"/>
    </row>
    <row r="810276" spans="14:14">
      <c r="N810276" s="10"/>
    </row>
    <row r="810277" spans="14:14">
      <c r="N810277" s="10"/>
    </row>
    <row r="810278" spans="14:14">
      <c r="N810278" s="10"/>
    </row>
    <row r="810279" spans="14:14">
      <c r="N810279" s="10"/>
    </row>
    <row r="810280" spans="14:14">
      <c r="N810280" s="10"/>
    </row>
    <row r="810281" spans="14:14">
      <c r="N810281" s="10"/>
    </row>
    <row r="810282" spans="14:14">
      <c r="N810282" s="10"/>
    </row>
    <row r="810283" spans="14:14">
      <c r="N810283" s="10"/>
    </row>
    <row r="810284" spans="14:14">
      <c r="N810284" s="10"/>
    </row>
    <row r="810285" spans="14:14">
      <c r="N810285" s="10"/>
    </row>
    <row r="810286" spans="14:14">
      <c r="N810286" s="10"/>
    </row>
    <row r="810287" spans="14:14">
      <c r="N810287" s="10"/>
    </row>
    <row r="810288" spans="14:14">
      <c r="N810288" s="10"/>
    </row>
    <row r="810289" spans="14:14">
      <c r="N810289" s="10"/>
    </row>
    <row r="810290" spans="14:14">
      <c r="N810290" s="10"/>
    </row>
    <row r="810291" spans="14:14">
      <c r="N810291" s="10"/>
    </row>
    <row r="810292" spans="14:14">
      <c r="N810292" s="10"/>
    </row>
    <row r="810293" spans="14:14">
      <c r="N810293" s="10"/>
    </row>
    <row r="810294" spans="14:14">
      <c r="N810294" s="10"/>
    </row>
    <row r="810295" spans="14:14">
      <c r="N810295" s="10"/>
    </row>
    <row r="810296" spans="14:14">
      <c r="N810296" s="10"/>
    </row>
    <row r="810297" spans="14:14">
      <c r="N810297" s="10"/>
    </row>
    <row r="810298" spans="14:14">
      <c r="N810298" s="10"/>
    </row>
    <row r="810299" spans="14:14">
      <c r="N810299" s="10"/>
    </row>
    <row r="810300" spans="14:14">
      <c r="N810300" s="10"/>
    </row>
    <row r="810301" spans="14:14">
      <c r="N810301" s="10"/>
    </row>
    <row r="810302" spans="14:14">
      <c r="N810302" s="10"/>
    </row>
    <row r="810303" spans="14:14">
      <c r="N810303" s="10"/>
    </row>
    <row r="810304" spans="14:14">
      <c r="N810304" s="10"/>
    </row>
    <row r="810305" spans="14:14">
      <c r="N810305" s="10"/>
    </row>
    <row r="810306" spans="14:14">
      <c r="N810306" s="10"/>
    </row>
    <row r="810307" spans="14:14">
      <c r="N810307" s="10"/>
    </row>
    <row r="810308" spans="14:14">
      <c r="N810308" s="10"/>
    </row>
    <row r="810309" spans="14:14">
      <c r="N810309" s="10"/>
    </row>
    <row r="810310" spans="14:14">
      <c r="N810310" s="10"/>
    </row>
    <row r="810311" spans="14:14">
      <c r="N810311" s="10"/>
    </row>
    <row r="810312" spans="14:14">
      <c r="N810312" s="10"/>
    </row>
    <row r="810313" spans="14:14">
      <c r="N810313" s="10"/>
    </row>
    <row r="810314" spans="14:14">
      <c r="N810314" s="10"/>
    </row>
    <row r="810315" spans="14:14">
      <c r="N810315" s="10"/>
    </row>
    <row r="810316" spans="14:14">
      <c r="N810316" s="10"/>
    </row>
    <row r="810317" spans="14:14">
      <c r="N810317" s="10"/>
    </row>
    <row r="810318" spans="14:14">
      <c r="N810318" s="10"/>
    </row>
    <row r="810319" spans="14:14">
      <c r="N810319" s="10"/>
    </row>
    <row r="810320" spans="14:14">
      <c r="N810320" s="10"/>
    </row>
    <row r="810321" spans="14:14">
      <c r="N810321" s="10"/>
    </row>
    <row r="810322" spans="14:14">
      <c r="N810322" s="10"/>
    </row>
    <row r="810323" spans="14:14">
      <c r="N810323" s="10"/>
    </row>
    <row r="810324" spans="14:14">
      <c r="N810324" s="10"/>
    </row>
    <row r="810325" spans="14:14">
      <c r="N810325" s="10"/>
    </row>
    <row r="810326" spans="14:14">
      <c r="N810326" s="10"/>
    </row>
    <row r="810327" spans="14:14">
      <c r="N810327" s="10"/>
    </row>
    <row r="810328" spans="14:14">
      <c r="N810328" s="10"/>
    </row>
    <row r="810329" spans="14:14">
      <c r="N810329" s="10"/>
    </row>
    <row r="810330" spans="14:14">
      <c r="N810330" s="10"/>
    </row>
    <row r="810331" spans="14:14">
      <c r="N810331" s="10"/>
    </row>
    <row r="810332" spans="14:14">
      <c r="N810332" s="10"/>
    </row>
    <row r="810333" spans="14:14">
      <c r="N810333" s="10"/>
    </row>
    <row r="810334" spans="14:14">
      <c r="N810334" s="10"/>
    </row>
    <row r="810335" spans="14:14">
      <c r="N810335" s="10"/>
    </row>
    <row r="810336" spans="14:14">
      <c r="N810336" s="10"/>
    </row>
    <row r="810337" spans="14:14">
      <c r="N810337" s="10"/>
    </row>
    <row r="810338" spans="14:14">
      <c r="N810338" s="10"/>
    </row>
    <row r="810339" spans="14:14">
      <c r="N810339" s="10"/>
    </row>
    <row r="810340" spans="14:14">
      <c r="N810340" s="10"/>
    </row>
    <row r="810341" spans="14:14">
      <c r="N810341" s="10"/>
    </row>
    <row r="810342" spans="14:14">
      <c r="N810342" s="10"/>
    </row>
    <row r="810343" spans="14:14">
      <c r="N810343" s="10"/>
    </row>
    <row r="810344" spans="14:14">
      <c r="N810344" s="10"/>
    </row>
    <row r="810345" spans="14:14">
      <c r="N810345" s="10"/>
    </row>
    <row r="810346" spans="14:14">
      <c r="N810346" s="10"/>
    </row>
    <row r="810347" spans="14:14">
      <c r="N810347" s="10"/>
    </row>
    <row r="810348" spans="14:14">
      <c r="N810348" s="10"/>
    </row>
    <row r="810349" spans="14:14">
      <c r="N810349" s="10"/>
    </row>
    <row r="810350" spans="14:14">
      <c r="N810350" s="10"/>
    </row>
    <row r="810351" spans="14:14">
      <c r="N810351" s="10"/>
    </row>
    <row r="810352" spans="14:14">
      <c r="N810352" s="10"/>
    </row>
    <row r="810353" spans="14:14">
      <c r="N810353" s="10"/>
    </row>
    <row r="810354" spans="14:14">
      <c r="N810354" s="10"/>
    </row>
    <row r="810355" spans="14:14">
      <c r="N810355" s="10"/>
    </row>
    <row r="810356" spans="14:14">
      <c r="N810356" s="10"/>
    </row>
    <row r="810357" spans="14:14">
      <c r="N810357" s="10"/>
    </row>
    <row r="810358" spans="14:14">
      <c r="N810358" s="10"/>
    </row>
    <row r="810359" spans="14:14">
      <c r="N810359" s="10"/>
    </row>
    <row r="810360" spans="14:14">
      <c r="N810360" s="10"/>
    </row>
    <row r="810361" spans="14:14">
      <c r="N810361" s="10"/>
    </row>
    <row r="810362" spans="14:14">
      <c r="N810362" s="10"/>
    </row>
    <row r="810363" spans="14:14">
      <c r="N810363" s="10"/>
    </row>
    <row r="810364" spans="14:14">
      <c r="N810364" s="10"/>
    </row>
    <row r="810365" spans="14:14">
      <c r="N810365" s="10"/>
    </row>
    <row r="810366" spans="14:14">
      <c r="N810366" s="10"/>
    </row>
    <row r="810367" spans="14:14">
      <c r="N810367" s="10"/>
    </row>
    <row r="810368" spans="14:14">
      <c r="N810368" s="10"/>
    </row>
    <row r="810369" spans="14:14">
      <c r="N810369" s="10"/>
    </row>
    <row r="810370" spans="14:14">
      <c r="N810370" s="10"/>
    </row>
    <row r="810371" spans="14:14">
      <c r="N810371" s="10"/>
    </row>
    <row r="810372" spans="14:14">
      <c r="N810372" s="10"/>
    </row>
    <row r="810373" spans="14:14">
      <c r="N810373" s="10"/>
    </row>
    <row r="810374" spans="14:14">
      <c r="N810374" s="10"/>
    </row>
    <row r="810375" spans="14:14">
      <c r="N810375" s="10"/>
    </row>
    <row r="810376" spans="14:14">
      <c r="N810376" s="10"/>
    </row>
    <row r="810377" spans="14:14">
      <c r="N810377" s="10"/>
    </row>
    <row r="810378" spans="14:14">
      <c r="N810378" s="10"/>
    </row>
    <row r="810379" spans="14:14">
      <c r="N810379" s="10"/>
    </row>
    <row r="810380" spans="14:14">
      <c r="N810380" s="10"/>
    </row>
    <row r="810381" spans="14:14">
      <c r="N810381" s="10"/>
    </row>
    <row r="810382" spans="14:14">
      <c r="N810382" s="10"/>
    </row>
    <row r="810383" spans="14:14">
      <c r="N810383" s="10"/>
    </row>
    <row r="810384" spans="14:14">
      <c r="N810384" s="10"/>
    </row>
    <row r="810385" spans="14:14">
      <c r="N810385" s="10"/>
    </row>
    <row r="810386" spans="14:14">
      <c r="N810386" s="10"/>
    </row>
    <row r="810387" spans="14:14">
      <c r="N810387" s="10"/>
    </row>
    <row r="810388" spans="14:14">
      <c r="N810388" s="10"/>
    </row>
    <row r="810389" spans="14:14">
      <c r="N810389" s="10"/>
    </row>
    <row r="810390" spans="14:14">
      <c r="N810390" s="10"/>
    </row>
    <row r="810391" spans="14:14">
      <c r="N810391" s="10"/>
    </row>
    <row r="810392" spans="14:14">
      <c r="N810392" s="10"/>
    </row>
    <row r="810393" spans="14:14">
      <c r="N810393" s="10"/>
    </row>
    <row r="810394" spans="14:14">
      <c r="N810394" s="10"/>
    </row>
    <row r="810395" spans="14:14">
      <c r="N810395" s="10"/>
    </row>
    <row r="810396" spans="14:14">
      <c r="N810396" s="10"/>
    </row>
    <row r="810397" spans="14:14">
      <c r="N810397" s="10"/>
    </row>
    <row r="810398" spans="14:14">
      <c r="N810398" s="10"/>
    </row>
    <row r="810399" spans="14:14">
      <c r="N810399" s="10"/>
    </row>
    <row r="810400" spans="14:14">
      <c r="N810400" s="10"/>
    </row>
    <row r="810401" spans="14:14">
      <c r="N810401" s="10"/>
    </row>
    <row r="810402" spans="14:14">
      <c r="N810402" s="10"/>
    </row>
    <row r="810403" spans="14:14">
      <c r="N810403" s="10"/>
    </row>
    <row r="810404" spans="14:14">
      <c r="N810404" s="10"/>
    </row>
    <row r="810405" spans="14:14">
      <c r="N810405" s="10"/>
    </row>
    <row r="810406" spans="14:14">
      <c r="N810406" s="10"/>
    </row>
    <row r="810407" spans="14:14">
      <c r="N810407" s="10"/>
    </row>
    <row r="810408" spans="14:14">
      <c r="N810408" s="10"/>
    </row>
    <row r="810409" spans="14:14">
      <c r="N810409" s="10"/>
    </row>
    <row r="810410" spans="14:14">
      <c r="N810410" s="10"/>
    </row>
    <row r="810411" spans="14:14">
      <c r="N810411" s="10"/>
    </row>
    <row r="810412" spans="14:14">
      <c r="N810412" s="10"/>
    </row>
    <row r="810413" spans="14:14">
      <c r="N810413" s="10"/>
    </row>
    <row r="810414" spans="14:14">
      <c r="N810414" s="10"/>
    </row>
    <row r="810415" spans="14:14">
      <c r="N810415" s="10"/>
    </row>
    <row r="810416" spans="14:14">
      <c r="N810416" s="10"/>
    </row>
    <row r="810417" spans="14:14">
      <c r="N810417" s="10"/>
    </row>
    <row r="810418" spans="14:14">
      <c r="N810418" s="10"/>
    </row>
    <row r="810419" spans="14:14">
      <c r="N810419" s="10"/>
    </row>
    <row r="810420" spans="14:14">
      <c r="N810420" s="10"/>
    </row>
    <row r="810421" spans="14:14">
      <c r="N810421" s="10"/>
    </row>
    <row r="810422" spans="14:14">
      <c r="N810422" s="10"/>
    </row>
    <row r="810423" spans="14:14">
      <c r="N810423" s="10"/>
    </row>
    <row r="810424" spans="14:14">
      <c r="N810424" s="10"/>
    </row>
    <row r="810425" spans="14:14">
      <c r="N810425" s="10"/>
    </row>
    <row r="810426" spans="14:14">
      <c r="N810426" s="10"/>
    </row>
    <row r="810427" spans="14:14">
      <c r="N810427" s="10"/>
    </row>
    <row r="810428" spans="14:14">
      <c r="N810428" s="10"/>
    </row>
    <row r="810429" spans="14:14">
      <c r="N810429" s="10"/>
    </row>
    <row r="810430" spans="14:14">
      <c r="N810430" s="10"/>
    </row>
    <row r="810431" spans="14:14">
      <c r="N810431" s="10"/>
    </row>
    <row r="810432" spans="14:14">
      <c r="N810432" s="10"/>
    </row>
    <row r="810433" spans="14:14">
      <c r="N810433" s="10"/>
    </row>
    <row r="810434" spans="14:14">
      <c r="N810434" s="10"/>
    </row>
    <row r="810435" spans="14:14">
      <c r="N810435" s="10"/>
    </row>
    <row r="810436" spans="14:14">
      <c r="N810436" s="10"/>
    </row>
    <row r="810437" spans="14:14">
      <c r="N810437" s="10"/>
    </row>
    <row r="810438" spans="14:14">
      <c r="N810438" s="10"/>
    </row>
    <row r="810439" spans="14:14">
      <c r="N810439" s="10"/>
    </row>
    <row r="810440" spans="14:14">
      <c r="N810440" s="10"/>
    </row>
    <row r="810441" spans="14:14">
      <c r="N810441" s="10"/>
    </row>
    <row r="810442" spans="14:14">
      <c r="N810442" s="10"/>
    </row>
    <row r="810443" spans="14:14">
      <c r="N810443" s="10"/>
    </row>
    <row r="810444" spans="14:14">
      <c r="N810444" s="10"/>
    </row>
    <row r="810445" spans="14:14">
      <c r="N810445" s="10"/>
    </row>
    <row r="810446" spans="14:14">
      <c r="N810446" s="10"/>
    </row>
    <row r="810447" spans="14:14">
      <c r="N810447" s="10"/>
    </row>
    <row r="810448" spans="14:14">
      <c r="N810448" s="10"/>
    </row>
    <row r="810449" spans="14:14">
      <c r="N810449" s="10"/>
    </row>
    <row r="810450" spans="14:14">
      <c r="N810450" s="10"/>
    </row>
    <row r="810451" spans="14:14">
      <c r="N810451" s="10"/>
    </row>
    <row r="810452" spans="14:14">
      <c r="N810452" s="10"/>
    </row>
    <row r="810453" spans="14:14">
      <c r="N810453" s="10"/>
    </row>
    <row r="810454" spans="14:14">
      <c r="N810454" s="10"/>
    </row>
    <row r="810455" spans="14:14">
      <c r="N810455" s="10"/>
    </row>
    <row r="810456" spans="14:14">
      <c r="N810456" s="10"/>
    </row>
    <row r="810457" spans="14:14">
      <c r="N810457" s="10"/>
    </row>
    <row r="810458" spans="14:14">
      <c r="N810458" s="10"/>
    </row>
    <row r="810459" spans="14:14">
      <c r="N810459" s="10"/>
    </row>
    <row r="810460" spans="14:14">
      <c r="N810460" s="10"/>
    </row>
    <row r="810461" spans="14:14">
      <c r="N810461" s="10"/>
    </row>
    <row r="810462" spans="14:14">
      <c r="N810462" s="10"/>
    </row>
    <row r="810463" spans="14:14">
      <c r="N810463" s="10"/>
    </row>
    <row r="810464" spans="14:14">
      <c r="N810464" s="10"/>
    </row>
    <row r="810465" spans="14:14">
      <c r="N810465" s="10"/>
    </row>
    <row r="810466" spans="14:14">
      <c r="N810466" s="10"/>
    </row>
    <row r="810467" spans="14:14">
      <c r="N810467" s="10"/>
    </row>
    <row r="810468" spans="14:14">
      <c r="N810468" s="10"/>
    </row>
    <row r="810469" spans="14:14">
      <c r="N810469" s="10"/>
    </row>
    <row r="810470" spans="14:14">
      <c r="N810470" s="10"/>
    </row>
    <row r="810471" spans="14:14">
      <c r="N810471" s="10"/>
    </row>
    <row r="810472" spans="14:14">
      <c r="N810472" s="10"/>
    </row>
    <row r="810473" spans="14:14">
      <c r="N810473" s="10"/>
    </row>
    <row r="810474" spans="14:14">
      <c r="N810474" s="10"/>
    </row>
    <row r="810475" spans="14:14">
      <c r="N810475" s="10"/>
    </row>
    <row r="810476" spans="14:14">
      <c r="N810476" s="10"/>
    </row>
    <row r="810477" spans="14:14">
      <c r="N810477" s="10"/>
    </row>
    <row r="810478" spans="14:14">
      <c r="N810478" s="10"/>
    </row>
    <row r="810479" spans="14:14">
      <c r="N810479" s="10"/>
    </row>
    <row r="810480" spans="14:14">
      <c r="N810480" s="10"/>
    </row>
    <row r="810481" spans="14:14">
      <c r="N810481" s="10"/>
    </row>
    <row r="810482" spans="14:14">
      <c r="N810482" s="10"/>
    </row>
    <row r="810483" spans="14:14">
      <c r="N810483" s="10"/>
    </row>
    <row r="810484" spans="14:14">
      <c r="N810484" s="10"/>
    </row>
    <row r="810485" spans="14:14">
      <c r="N810485" s="10"/>
    </row>
    <row r="810486" spans="14:14">
      <c r="N810486" s="10"/>
    </row>
    <row r="810487" spans="14:14">
      <c r="N810487" s="10"/>
    </row>
    <row r="810488" spans="14:14">
      <c r="N810488" s="10"/>
    </row>
    <row r="810489" spans="14:14">
      <c r="N810489" s="10"/>
    </row>
    <row r="810490" spans="14:14">
      <c r="N810490" s="10"/>
    </row>
    <row r="810491" spans="14:14">
      <c r="N810491" s="10"/>
    </row>
    <row r="810492" spans="14:14">
      <c r="N810492" s="10"/>
    </row>
    <row r="810493" spans="14:14">
      <c r="N810493" s="10"/>
    </row>
    <row r="810494" spans="14:14">
      <c r="N810494" s="10"/>
    </row>
    <row r="810495" spans="14:14">
      <c r="N810495" s="10"/>
    </row>
    <row r="810496" spans="14:14">
      <c r="N810496" s="10"/>
    </row>
    <row r="810497" spans="14:14">
      <c r="N810497" s="10"/>
    </row>
    <row r="810498" spans="14:14">
      <c r="N810498" s="10"/>
    </row>
    <row r="810499" spans="14:14">
      <c r="N810499" s="10"/>
    </row>
    <row r="810500" spans="14:14">
      <c r="N810500" s="10"/>
    </row>
    <row r="810501" spans="14:14">
      <c r="N810501" s="10"/>
    </row>
    <row r="810502" spans="14:14">
      <c r="N810502" s="10"/>
    </row>
    <row r="810503" spans="14:14">
      <c r="N810503" s="10"/>
    </row>
    <row r="810504" spans="14:14">
      <c r="N810504" s="10"/>
    </row>
    <row r="810505" spans="14:14">
      <c r="N810505" s="10"/>
    </row>
    <row r="810506" spans="14:14">
      <c r="N810506" s="10"/>
    </row>
    <row r="810507" spans="14:14">
      <c r="N810507" s="10"/>
    </row>
    <row r="810508" spans="14:14">
      <c r="N810508" s="10"/>
    </row>
    <row r="810509" spans="14:14">
      <c r="N810509" s="10"/>
    </row>
    <row r="810510" spans="14:14">
      <c r="N810510" s="10"/>
    </row>
    <row r="810511" spans="14:14">
      <c r="N810511" s="10"/>
    </row>
    <row r="810512" spans="14:14">
      <c r="N810512" s="10"/>
    </row>
    <row r="810513" spans="14:14">
      <c r="N810513" s="10"/>
    </row>
    <row r="810514" spans="14:14">
      <c r="N810514" s="10"/>
    </row>
    <row r="810515" spans="14:14">
      <c r="N810515" s="10"/>
    </row>
    <row r="810516" spans="14:14">
      <c r="N810516" s="10"/>
    </row>
    <row r="810517" spans="14:14">
      <c r="N810517" s="10"/>
    </row>
    <row r="810518" spans="14:14">
      <c r="N810518" s="10"/>
    </row>
    <row r="810519" spans="14:14">
      <c r="N810519" s="10"/>
    </row>
    <row r="810520" spans="14:14">
      <c r="N810520" s="10"/>
    </row>
    <row r="810521" spans="14:14">
      <c r="N810521" s="10"/>
    </row>
    <row r="810522" spans="14:14">
      <c r="N810522" s="10"/>
    </row>
    <row r="810523" spans="14:14">
      <c r="N810523" s="10"/>
    </row>
    <row r="810524" spans="14:14">
      <c r="N810524" s="10"/>
    </row>
    <row r="810525" spans="14:14">
      <c r="N810525" s="10"/>
    </row>
    <row r="810526" spans="14:14">
      <c r="N810526" s="10"/>
    </row>
    <row r="810527" spans="14:14">
      <c r="N810527" s="10"/>
    </row>
    <row r="810528" spans="14:14">
      <c r="N810528" s="10"/>
    </row>
    <row r="810529" spans="14:14">
      <c r="N810529" s="10"/>
    </row>
    <row r="810530" spans="14:14">
      <c r="N810530" s="10"/>
    </row>
    <row r="810531" spans="14:14">
      <c r="N810531" s="10"/>
    </row>
    <row r="810532" spans="14:14">
      <c r="N810532" s="10"/>
    </row>
    <row r="810533" spans="14:14">
      <c r="N810533" s="10"/>
    </row>
    <row r="810534" spans="14:14">
      <c r="N810534" s="10"/>
    </row>
    <row r="810535" spans="14:14">
      <c r="N810535" s="10"/>
    </row>
    <row r="810536" spans="14:14">
      <c r="N810536" s="10"/>
    </row>
    <row r="810537" spans="14:14">
      <c r="N810537" s="10"/>
    </row>
    <row r="810538" spans="14:14">
      <c r="N810538" s="10"/>
    </row>
    <row r="810539" spans="14:14">
      <c r="N810539" s="10"/>
    </row>
    <row r="810540" spans="14:14">
      <c r="N810540" s="10"/>
    </row>
    <row r="810541" spans="14:14">
      <c r="N810541" s="10"/>
    </row>
    <row r="810542" spans="14:14">
      <c r="N810542" s="10"/>
    </row>
    <row r="810543" spans="14:14">
      <c r="N810543" s="10"/>
    </row>
    <row r="810544" spans="14:14">
      <c r="N810544" s="10"/>
    </row>
    <row r="810545" spans="14:14">
      <c r="N810545" s="10"/>
    </row>
    <row r="810546" spans="14:14">
      <c r="N810546" s="10"/>
    </row>
    <row r="810547" spans="14:14">
      <c r="N810547" s="10"/>
    </row>
    <row r="810548" spans="14:14">
      <c r="N810548" s="10"/>
    </row>
    <row r="810549" spans="14:14">
      <c r="N810549" s="10"/>
    </row>
    <row r="810550" spans="14:14">
      <c r="N810550" s="10"/>
    </row>
    <row r="810551" spans="14:14">
      <c r="N810551" s="10"/>
    </row>
    <row r="810552" spans="14:14">
      <c r="N810552" s="10"/>
    </row>
    <row r="810553" spans="14:14">
      <c r="N810553" s="10"/>
    </row>
    <row r="810554" spans="14:14">
      <c r="N810554" s="10"/>
    </row>
    <row r="810555" spans="14:14">
      <c r="N810555" s="10"/>
    </row>
    <row r="810556" spans="14:14">
      <c r="N810556" s="10"/>
    </row>
    <row r="810557" spans="14:14">
      <c r="N810557" s="10"/>
    </row>
    <row r="810558" spans="14:14">
      <c r="N810558" s="10"/>
    </row>
    <row r="810559" spans="14:14">
      <c r="N810559" s="10"/>
    </row>
    <row r="810560" spans="14:14">
      <c r="N810560" s="10"/>
    </row>
    <row r="810561" spans="14:14">
      <c r="N810561" s="10"/>
    </row>
    <row r="810562" spans="14:14">
      <c r="N810562" s="10"/>
    </row>
    <row r="810563" spans="14:14">
      <c r="N810563" s="10"/>
    </row>
    <row r="810564" spans="14:14">
      <c r="N810564" s="10"/>
    </row>
    <row r="810565" spans="14:14">
      <c r="N810565" s="10"/>
    </row>
    <row r="810566" spans="14:14">
      <c r="N810566" s="10"/>
    </row>
    <row r="810567" spans="14:14">
      <c r="N810567" s="10"/>
    </row>
    <row r="810568" spans="14:14">
      <c r="N810568" s="10"/>
    </row>
    <row r="810569" spans="14:14">
      <c r="N810569" s="10"/>
    </row>
    <row r="810570" spans="14:14">
      <c r="N810570" s="10"/>
    </row>
    <row r="810571" spans="14:14">
      <c r="N810571" s="10"/>
    </row>
    <row r="810572" spans="14:14">
      <c r="N810572" s="10"/>
    </row>
    <row r="810573" spans="14:14">
      <c r="N810573" s="10"/>
    </row>
    <row r="810574" spans="14:14">
      <c r="N810574" s="10"/>
    </row>
    <row r="810575" spans="14:14">
      <c r="N810575" s="10"/>
    </row>
    <row r="810576" spans="14:14">
      <c r="N810576" s="10"/>
    </row>
    <row r="810577" spans="14:14">
      <c r="N810577" s="10"/>
    </row>
    <row r="810578" spans="14:14">
      <c r="N810578" s="10"/>
    </row>
    <row r="810579" spans="14:14">
      <c r="N810579" s="10"/>
    </row>
    <row r="810580" spans="14:14">
      <c r="N810580" s="10"/>
    </row>
    <row r="810581" spans="14:14">
      <c r="N810581" s="10"/>
    </row>
    <row r="810582" spans="14:14">
      <c r="N810582" s="10"/>
    </row>
    <row r="810583" spans="14:14">
      <c r="N810583" s="10"/>
    </row>
    <row r="810584" spans="14:14">
      <c r="N810584" s="10"/>
    </row>
    <row r="810585" spans="14:14">
      <c r="N810585" s="10"/>
    </row>
    <row r="810586" spans="14:14">
      <c r="N810586" s="10"/>
    </row>
    <row r="810587" spans="14:14">
      <c r="N810587" s="10"/>
    </row>
    <row r="810588" spans="14:14">
      <c r="N810588" s="10"/>
    </row>
    <row r="810589" spans="14:14">
      <c r="N810589" s="10"/>
    </row>
    <row r="810590" spans="14:14">
      <c r="N810590" s="10"/>
    </row>
    <row r="810591" spans="14:14">
      <c r="N810591" s="10"/>
    </row>
    <row r="810592" spans="14:14">
      <c r="N810592" s="10"/>
    </row>
    <row r="810593" spans="14:14">
      <c r="N810593" s="10"/>
    </row>
    <row r="810594" spans="14:14">
      <c r="N810594" s="10"/>
    </row>
    <row r="810595" spans="14:14">
      <c r="N810595" s="10"/>
    </row>
    <row r="810596" spans="14:14">
      <c r="N810596" s="10"/>
    </row>
    <row r="810597" spans="14:14">
      <c r="N810597" s="10"/>
    </row>
    <row r="810598" spans="14:14">
      <c r="N810598" s="10"/>
    </row>
    <row r="810599" spans="14:14">
      <c r="N810599" s="10"/>
    </row>
    <row r="810600" spans="14:14">
      <c r="N810600" s="10"/>
    </row>
    <row r="810601" spans="14:14">
      <c r="N810601" s="10"/>
    </row>
    <row r="810602" spans="14:14">
      <c r="N810602" s="10"/>
    </row>
    <row r="810603" spans="14:14">
      <c r="N810603" s="10"/>
    </row>
    <row r="810604" spans="14:14">
      <c r="N810604" s="10"/>
    </row>
    <row r="810605" spans="14:14">
      <c r="N810605" s="10"/>
    </row>
    <row r="810606" spans="14:14">
      <c r="N810606" s="10"/>
    </row>
    <row r="810607" spans="14:14">
      <c r="N810607" s="10"/>
    </row>
    <row r="810608" spans="14:14">
      <c r="N810608" s="10"/>
    </row>
    <row r="810609" spans="14:14">
      <c r="N810609" s="10"/>
    </row>
    <row r="810610" spans="14:14">
      <c r="N810610" s="10"/>
    </row>
    <row r="810611" spans="14:14">
      <c r="N810611" s="10"/>
    </row>
    <row r="810612" spans="14:14">
      <c r="N810612" s="10"/>
    </row>
    <row r="810613" spans="14:14">
      <c r="N810613" s="10"/>
    </row>
    <row r="810614" spans="14:14">
      <c r="N810614" s="10"/>
    </row>
    <row r="810615" spans="14:14">
      <c r="N810615" s="10"/>
    </row>
    <row r="810616" spans="14:14">
      <c r="N810616" s="10"/>
    </row>
    <row r="810617" spans="14:14">
      <c r="N810617" s="10"/>
    </row>
    <row r="810618" spans="14:14">
      <c r="N810618" s="10"/>
    </row>
    <row r="810619" spans="14:14">
      <c r="N810619" s="10"/>
    </row>
    <row r="810620" spans="14:14">
      <c r="N810620" s="10"/>
    </row>
    <row r="810621" spans="14:14">
      <c r="N810621" s="10"/>
    </row>
    <row r="810622" spans="14:14">
      <c r="N810622" s="10"/>
    </row>
    <row r="810623" spans="14:14">
      <c r="N810623" s="10"/>
    </row>
    <row r="810624" spans="14:14">
      <c r="N810624" s="10"/>
    </row>
    <row r="810625" spans="14:14">
      <c r="N810625" s="10"/>
    </row>
    <row r="810626" spans="14:14">
      <c r="N810626" s="10"/>
    </row>
    <row r="810627" spans="14:14">
      <c r="N810627" s="10"/>
    </row>
    <row r="810628" spans="14:14">
      <c r="N810628" s="10"/>
    </row>
    <row r="810629" spans="14:14">
      <c r="N810629" s="10"/>
    </row>
    <row r="810630" spans="14:14">
      <c r="N810630" s="10"/>
    </row>
    <row r="810631" spans="14:14">
      <c r="N810631" s="10"/>
    </row>
    <row r="810632" spans="14:14">
      <c r="N810632" s="10"/>
    </row>
    <row r="810633" spans="14:14">
      <c r="N810633" s="10"/>
    </row>
    <row r="810634" spans="14:14">
      <c r="N810634" s="10"/>
    </row>
    <row r="810635" spans="14:14">
      <c r="N810635" s="10"/>
    </row>
    <row r="810636" spans="14:14">
      <c r="N810636" s="10"/>
    </row>
    <row r="810637" spans="14:14">
      <c r="N810637" s="10"/>
    </row>
    <row r="810638" spans="14:14">
      <c r="N810638" s="10"/>
    </row>
    <row r="810639" spans="14:14">
      <c r="N810639" s="10"/>
    </row>
    <row r="810640" spans="14:14">
      <c r="N810640" s="10"/>
    </row>
    <row r="810641" spans="14:14">
      <c r="N810641" s="10"/>
    </row>
    <row r="810642" spans="14:14">
      <c r="N810642" s="10"/>
    </row>
    <row r="810643" spans="14:14">
      <c r="N810643" s="10"/>
    </row>
    <row r="810644" spans="14:14">
      <c r="N810644" s="10"/>
    </row>
    <row r="810645" spans="14:14">
      <c r="N810645" s="10"/>
    </row>
    <row r="810646" spans="14:14">
      <c r="N810646" s="10"/>
    </row>
    <row r="810647" spans="14:14">
      <c r="N810647" s="10"/>
    </row>
    <row r="810648" spans="14:14">
      <c r="N810648" s="10"/>
    </row>
    <row r="810649" spans="14:14">
      <c r="N810649" s="10"/>
    </row>
    <row r="810650" spans="14:14">
      <c r="N810650" s="10"/>
    </row>
    <row r="810651" spans="14:14">
      <c r="N810651" s="10"/>
    </row>
    <row r="810652" spans="14:14">
      <c r="N810652" s="10"/>
    </row>
    <row r="810653" spans="14:14">
      <c r="N810653" s="10"/>
    </row>
    <row r="810654" spans="14:14">
      <c r="N810654" s="10"/>
    </row>
    <row r="810655" spans="14:14">
      <c r="N810655" s="10"/>
    </row>
    <row r="810656" spans="14:14">
      <c r="N810656" s="10"/>
    </row>
    <row r="810657" spans="14:14">
      <c r="N810657" s="10"/>
    </row>
    <row r="810658" spans="14:14">
      <c r="N810658" s="10"/>
    </row>
    <row r="810659" spans="14:14">
      <c r="N810659" s="10"/>
    </row>
    <row r="810660" spans="14:14">
      <c r="N810660" s="10"/>
    </row>
    <row r="810661" spans="14:14">
      <c r="N810661" s="10"/>
    </row>
    <row r="810662" spans="14:14">
      <c r="N810662" s="10"/>
    </row>
    <row r="810663" spans="14:14">
      <c r="N810663" s="10"/>
    </row>
    <row r="810664" spans="14:14">
      <c r="N810664" s="10"/>
    </row>
    <row r="810665" spans="14:14">
      <c r="N810665" s="10"/>
    </row>
    <row r="810666" spans="14:14">
      <c r="N810666" s="10"/>
    </row>
    <row r="810667" spans="14:14">
      <c r="N810667" s="10"/>
    </row>
    <row r="810668" spans="14:14">
      <c r="N810668" s="10"/>
    </row>
    <row r="810669" spans="14:14">
      <c r="N810669" s="10"/>
    </row>
    <row r="810670" spans="14:14">
      <c r="N810670" s="10"/>
    </row>
    <row r="810671" spans="14:14">
      <c r="N810671" s="10"/>
    </row>
    <row r="810672" spans="14:14">
      <c r="N810672" s="10"/>
    </row>
    <row r="810673" spans="14:14">
      <c r="N810673" s="10"/>
    </row>
    <row r="810674" spans="14:14">
      <c r="N810674" s="10"/>
    </row>
    <row r="810675" spans="14:14">
      <c r="N810675" s="10"/>
    </row>
    <row r="810676" spans="14:14">
      <c r="N810676" s="10"/>
    </row>
    <row r="810677" spans="14:14">
      <c r="N810677" s="10"/>
    </row>
    <row r="810678" spans="14:14">
      <c r="N810678" s="10"/>
    </row>
    <row r="810679" spans="14:14">
      <c r="N810679" s="10"/>
    </row>
    <row r="810680" spans="14:14">
      <c r="N810680" s="10"/>
    </row>
    <row r="810681" spans="14:14">
      <c r="N810681" s="10"/>
    </row>
    <row r="810682" spans="14:14">
      <c r="N810682" s="10"/>
    </row>
    <row r="810683" spans="14:14">
      <c r="N810683" s="10"/>
    </row>
    <row r="810684" spans="14:14">
      <c r="N810684" s="10"/>
    </row>
    <row r="810685" spans="14:14">
      <c r="N810685" s="10"/>
    </row>
    <row r="810686" spans="14:14">
      <c r="N810686" s="10"/>
    </row>
    <row r="810687" spans="14:14">
      <c r="N810687" s="10"/>
    </row>
    <row r="810688" spans="14:14">
      <c r="N810688" s="10"/>
    </row>
    <row r="810689" spans="14:14">
      <c r="N810689" s="10"/>
    </row>
    <row r="810690" spans="14:14">
      <c r="N810690" s="10"/>
    </row>
    <row r="810691" spans="14:14">
      <c r="N810691" s="10"/>
    </row>
    <row r="810692" spans="14:14">
      <c r="N810692" s="10"/>
    </row>
    <row r="810693" spans="14:14">
      <c r="N810693" s="10"/>
    </row>
    <row r="810694" spans="14:14">
      <c r="N810694" s="10"/>
    </row>
    <row r="810695" spans="14:14">
      <c r="N810695" s="10"/>
    </row>
    <row r="810696" spans="14:14">
      <c r="N810696" s="10"/>
    </row>
    <row r="810697" spans="14:14">
      <c r="N810697" s="10"/>
    </row>
    <row r="810698" spans="14:14">
      <c r="N810698" s="10"/>
    </row>
    <row r="810699" spans="14:14">
      <c r="N810699" s="10"/>
    </row>
    <row r="810700" spans="14:14">
      <c r="N810700" s="10"/>
    </row>
    <row r="810701" spans="14:14">
      <c r="N810701" s="10"/>
    </row>
    <row r="810702" spans="14:14">
      <c r="N810702" s="10"/>
    </row>
    <row r="810703" spans="14:14">
      <c r="N810703" s="10"/>
    </row>
    <row r="810704" spans="14:14">
      <c r="N810704" s="10"/>
    </row>
    <row r="810705" spans="14:14">
      <c r="N810705" s="10"/>
    </row>
    <row r="810706" spans="14:14">
      <c r="N810706" s="10"/>
    </row>
    <row r="810707" spans="14:14">
      <c r="N810707" s="10"/>
    </row>
    <row r="810708" spans="14:14">
      <c r="N810708" s="10"/>
    </row>
    <row r="810709" spans="14:14">
      <c r="N810709" s="10"/>
    </row>
    <row r="810710" spans="14:14">
      <c r="N810710" s="10"/>
    </row>
    <row r="810711" spans="14:14">
      <c r="N810711" s="10"/>
    </row>
    <row r="810712" spans="14:14">
      <c r="N810712" s="10"/>
    </row>
    <row r="810713" spans="14:14">
      <c r="N810713" s="10"/>
    </row>
    <row r="810714" spans="14:14">
      <c r="N810714" s="10"/>
    </row>
    <row r="810715" spans="14:14">
      <c r="N810715" s="10"/>
    </row>
    <row r="810716" spans="14:14">
      <c r="N810716" s="10"/>
    </row>
    <row r="810717" spans="14:14">
      <c r="N810717" s="10"/>
    </row>
    <row r="810718" spans="14:14">
      <c r="N810718" s="10"/>
    </row>
    <row r="810719" spans="14:14">
      <c r="N810719" s="10"/>
    </row>
    <row r="810720" spans="14:14">
      <c r="N810720" s="10"/>
    </row>
    <row r="810721" spans="14:14">
      <c r="N810721" s="10"/>
    </row>
    <row r="810722" spans="14:14">
      <c r="N810722" s="10"/>
    </row>
    <row r="810723" spans="14:14">
      <c r="N810723" s="10"/>
    </row>
    <row r="810724" spans="14:14">
      <c r="N810724" s="10"/>
    </row>
    <row r="810725" spans="14:14">
      <c r="N810725" s="10"/>
    </row>
    <row r="810726" spans="14:14">
      <c r="N810726" s="10"/>
    </row>
    <row r="810727" spans="14:14">
      <c r="N810727" s="10"/>
    </row>
    <row r="810728" spans="14:14">
      <c r="N810728" s="10"/>
    </row>
    <row r="810729" spans="14:14">
      <c r="N810729" s="10"/>
    </row>
    <row r="810730" spans="14:14">
      <c r="N810730" s="10"/>
    </row>
    <row r="810731" spans="14:14">
      <c r="N810731" s="10"/>
    </row>
    <row r="810732" spans="14:14">
      <c r="N810732" s="10"/>
    </row>
    <row r="810733" spans="14:14">
      <c r="N810733" s="10"/>
    </row>
    <row r="810734" spans="14:14">
      <c r="N810734" s="10"/>
    </row>
    <row r="810735" spans="14:14">
      <c r="N810735" s="10"/>
    </row>
    <row r="810736" spans="14:14">
      <c r="N810736" s="10"/>
    </row>
    <row r="810737" spans="14:14">
      <c r="N810737" s="10"/>
    </row>
    <row r="810738" spans="14:14">
      <c r="N810738" s="10"/>
    </row>
    <row r="810739" spans="14:14">
      <c r="N810739" s="10"/>
    </row>
    <row r="810740" spans="14:14">
      <c r="N810740" s="10"/>
    </row>
    <row r="810741" spans="14:14">
      <c r="N810741" s="10"/>
    </row>
    <row r="810742" spans="14:14">
      <c r="N810742" s="10"/>
    </row>
    <row r="810743" spans="14:14">
      <c r="N810743" s="10"/>
    </row>
    <row r="810744" spans="14:14">
      <c r="N810744" s="10"/>
    </row>
    <row r="810745" spans="14:14">
      <c r="N810745" s="10"/>
    </row>
    <row r="810746" spans="14:14">
      <c r="N810746" s="10"/>
    </row>
    <row r="810747" spans="14:14">
      <c r="N810747" s="10"/>
    </row>
    <row r="810748" spans="14:14">
      <c r="N810748" s="10"/>
    </row>
    <row r="810749" spans="14:14">
      <c r="N810749" s="10"/>
    </row>
    <row r="810750" spans="14:14">
      <c r="N810750" s="10"/>
    </row>
    <row r="810751" spans="14:14">
      <c r="N810751" s="10"/>
    </row>
    <row r="810752" spans="14:14">
      <c r="N810752" s="10"/>
    </row>
    <row r="810753" spans="14:14">
      <c r="N810753" s="10"/>
    </row>
    <row r="810754" spans="14:14">
      <c r="N810754" s="10"/>
    </row>
    <row r="810755" spans="14:14">
      <c r="N810755" s="10"/>
    </row>
    <row r="810756" spans="14:14">
      <c r="N810756" s="10"/>
    </row>
    <row r="810757" spans="14:14">
      <c r="N810757" s="10"/>
    </row>
    <row r="810758" spans="14:14">
      <c r="N810758" s="10"/>
    </row>
    <row r="810759" spans="14:14">
      <c r="N810759" s="10"/>
    </row>
    <row r="810760" spans="14:14">
      <c r="N810760" s="10"/>
    </row>
    <row r="810761" spans="14:14">
      <c r="N810761" s="10"/>
    </row>
    <row r="810762" spans="14:14">
      <c r="N810762" s="10"/>
    </row>
    <row r="810763" spans="14:14">
      <c r="N810763" s="10"/>
    </row>
    <row r="810764" spans="14:14">
      <c r="N810764" s="10"/>
    </row>
    <row r="810765" spans="14:14">
      <c r="N810765" s="10"/>
    </row>
    <row r="810766" spans="14:14">
      <c r="N810766" s="10"/>
    </row>
    <row r="810767" spans="14:14">
      <c r="N810767" s="10"/>
    </row>
    <row r="810768" spans="14:14">
      <c r="N810768" s="10"/>
    </row>
    <row r="810769" spans="14:14">
      <c r="N810769" s="10"/>
    </row>
    <row r="810770" spans="14:14">
      <c r="N810770" s="10"/>
    </row>
    <row r="810771" spans="14:14">
      <c r="N810771" s="10"/>
    </row>
    <row r="810772" spans="14:14">
      <c r="N810772" s="10"/>
    </row>
    <row r="810773" spans="14:14">
      <c r="N810773" s="10"/>
    </row>
    <row r="810774" spans="14:14">
      <c r="N810774" s="10"/>
    </row>
    <row r="810775" spans="14:14">
      <c r="N810775" s="10"/>
    </row>
    <row r="810776" spans="14:14">
      <c r="N810776" s="10"/>
    </row>
    <row r="810777" spans="14:14">
      <c r="N810777" s="10"/>
    </row>
    <row r="810778" spans="14:14">
      <c r="N810778" s="10"/>
    </row>
    <row r="810779" spans="14:14">
      <c r="N810779" s="10"/>
    </row>
    <row r="810780" spans="14:14">
      <c r="N810780" s="10"/>
    </row>
    <row r="810781" spans="14:14">
      <c r="N810781" s="10"/>
    </row>
    <row r="810782" spans="14:14">
      <c r="N810782" s="10"/>
    </row>
    <row r="810783" spans="14:14">
      <c r="N810783" s="10"/>
    </row>
    <row r="810784" spans="14:14">
      <c r="N810784" s="10"/>
    </row>
    <row r="810785" spans="14:14">
      <c r="N810785" s="10"/>
    </row>
    <row r="810786" spans="14:14">
      <c r="N810786" s="10"/>
    </row>
    <row r="810787" spans="14:14">
      <c r="N810787" s="10"/>
    </row>
    <row r="810788" spans="14:14">
      <c r="N810788" s="10"/>
    </row>
    <row r="810789" spans="14:14">
      <c r="N810789" s="10"/>
    </row>
    <row r="810790" spans="14:14">
      <c r="N810790" s="10"/>
    </row>
    <row r="810791" spans="14:14">
      <c r="N810791" s="10"/>
    </row>
    <row r="810792" spans="14:14">
      <c r="N810792" s="10"/>
    </row>
    <row r="810793" spans="14:14">
      <c r="N810793" s="10"/>
    </row>
    <row r="810794" spans="14:14">
      <c r="N810794" s="10"/>
    </row>
    <row r="810795" spans="14:14">
      <c r="N810795" s="10"/>
    </row>
    <row r="810796" spans="14:14">
      <c r="N810796" s="10"/>
    </row>
    <row r="810797" spans="14:14">
      <c r="N810797" s="10"/>
    </row>
    <row r="810798" spans="14:14">
      <c r="N810798" s="10"/>
    </row>
    <row r="810799" spans="14:14">
      <c r="N810799" s="10"/>
    </row>
    <row r="810800" spans="14:14">
      <c r="N810800" s="10"/>
    </row>
    <row r="810801" spans="14:14">
      <c r="N810801" s="10"/>
    </row>
    <row r="810802" spans="14:14">
      <c r="N810802" s="10"/>
    </row>
    <row r="810803" spans="14:14">
      <c r="N810803" s="10"/>
    </row>
    <row r="810804" spans="14:14">
      <c r="N810804" s="10"/>
    </row>
    <row r="810805" spans="14:14">
      <c r="N810805" s="10"/>
    </row>
    <row r="810806" spans="14:14">
      <c r="N810806" s="10"/>
    </row>
    <row r="810807" spans="14:14">
      <c r="N810807" s="10"/>
    </row>
    <row r="810808" spans="14:14">
      <c r="N810808" s="10"/>
    </row>
    <row r="810809" spans="14:14">
      <c r="N810809" s="10"/>
    </row>
    <row r="810810" spans="14:14">
      <c r="N810810" s="10"/>
    </row>
    <row r="810811" spans="14:14">
      <c r="N810811" s="10"/>
    </row>
    <row r="810812" spans="14:14">
      <c r="N810812" s="10"/>
    </row>
    <row r="810813" spans="14:14">
      <c r="N810813" s="10"/>
    </row>
    <row r="810814" spans="14:14">
      <c r="N810814" s="10"/>
    </row>
    <row r="810815" spans="14:14">
      <c r="N810815" s="10"/>
    </row>
    <row r="810816" spans="14:14">
      <c r="N810816" s="10"/>
    </row>
    <row r="810817" spans="14:14">
      <c r="N810817" s="10"/>
    </row>
    <row r="810818" spans="14:14">
      <c r="N810818" s="10"/>
    </row>
    <row r="810819" spans="14:14">
      <c r="N810819" s="10"/>
    </row>
    <row r="810820" spans="14:14">
      <c r="N810820" s="10"/>
    </row>
    <row r="810821" spans="14:14">
      <c r="N810821" s="10"/>
    </row>
    <row r="810822" spans="14:14">
      <c r="N810822" s="10"/>
    </row>
    <row r="810823" spans="14:14">
      <c r="N810823" s="10"/>
    </row>
    <row r="810824" spans="14:14">
      <c r="N810824" s="10"/>
    </row>
    <row r="810825" spans="14:14">
      <c r="N810825" s="10"/>
    </row>
    <row r="810826" spans="14:14">
      <c r="N810826" s="10"/>
    </row>
    <row r="810827" spans="14:14">
      <c r="N810827" s="10"/>
    </row>
    <row r="810828" spans="14:14">
      <c r="N810828" s="10"/>
    </row>
    <row r="810829" spans="14:14">
      <c r="N810829" s="10"/>
    </row>
    <row r="810830" spans="14:14">
      <c r="N810830" s="10"/>
    </row>
    <row r="810831" spans="14:14">
      <c r="N810831" s="10"/>
    </row>
    <row r="810832" spans="14:14">
      <c r="N810832" s="10"/>
    </row>
    <row r="810833" spans="14:14">
      <c r="N810833" s="10"/>
    </row>
    <row r="810834" spans="14:14">
      <c r="N810834" s="10"/>
    </row>
    <row r="810835" spans="14:14">
      <c r="N810835" s="10"/>
    </row>
    <row r="810836" spans="14:14">
      <c r="N810836" s="10"/>
    </row>
    <row r="810837" spans="14:14">
      <c r="N810837" s="10"/>
    </row>
    <row r="810838" spans="14:14">
      <c r="N810838" s="10"/>
    </row>
    <row r="810839" spans="14:14">
      <c r="N810839" s="10"/>
    </row>
    <row r="810840" spans="14:14">
      <c r="N810840" s="10"/>
    </row>
    <row r="810841" spans="14:14">
      <c r="N810841" s="10"/>
    </row>
    <row r="810842" spans="14:14">
      <c r="N810842" s="10"/>
    </row>
    <row r="810843" spans="14:14">
      <c r="N810843" s="10"/>
    </row>
    <row r="810844" spans="14:14">
      <c r="N810844" s="10"/>
    </row>
    <row r="810845" spans="14:14">
      <c r="N810845" s="10"/>
    </row>
    <row r="810846" spans="14:14">
      <c r="N810846" s="10"/>
    </row>
    <row r="810847" spans="14:14">
      <c r="N810847" s="10"/>
    </row>
    <row r="810848" spans="14:14">
      <c r="N810848" s="10"/>
    </row>
    <row r="810849" spans="14:14">
      <c r="N810849" s="10"/>
    </row>
    <row r="810850" spans="14:14">
      <c r="N810850" s="10"/>
    </row>
    <row r="810851" spans="14:14">
      <c r="N810851" s="10"/>
    </row>
    <row r="810852" spans="14:14">
      <c r="N810852" s="10"/>
    </row>
    <row r="810853" spans="14:14">
      <c r="N810853" s="10"/>
    </row>
    <row r="810854" spans="14:14">
      <c r="N810854" s="10"/>
    </row>
    <row r="810855" spans="14:14">
      <c r="N810855" s="10"/>
    </row>
    <row r="810856" spans="14:14">
      <c r="N810856" s="10"/>
    </row>
    <row r="810857" spans="14:14">
      <c r="N810857" s="10"/>
    </row>
    <row r="810858" spans="14:14">
      <c r="N810858" s="10"/>
    </row>
    <row r="810859" spans="14:14">
      <c r="N810859" s="10"/>
    </row>
    <row r="810860" spans="14:14">
      <c r="N810860" s="10"/>
    </row>
    <row r="810861" spans="14:14">
      <c r="N810861" s="10"/>
    </row>
    <row r="810862" spans="14:14">
      <c r="N810862" s="10"/>
    </row>
    <row r="810863" spans="14:14">
      <c r="N810863" s="10"/>
    </row>
    <row r="810864" spans="14:14">
      <c r="N810864" s="10"/>
    </row>
    <row r="810865" spans="14:14">
      <c r="N810865" s="10"/>
    </row>
    <row r="810866" spans="14:14">
      <c r="N810866" s="10"/>
    </row>
    <row r="810867" spans="14:14">
      <c r="N810867" s="10"/>
    </row>
    <row r="810868" spans="14:14">
      <c r="N810868" s="10"/>
    </row>
    <row r="810869" spans="14:14">
      <c r="N810869" s="10"/>
    </row>
    <row r="810870" spans="14:14">
      <c r="N810870" s="10"/>
    </row>
    <row r="810871" spans="14:14">
      <c r="N810871" s="10"/>
    </row>
    <row r="810872" spans="14:14">
      <c r="N810872" s="10"/>
    </row>
    <row r="810873" spans="14:14">
      <c r="N810873" s="10"/>
    </row>
    <row r="810874" spans="14:14">
      <c r="N810874" s="10"/>
    </row>
    <row r="810875" spans="14:14">
      <c r="N810875" s="10"/>
    </row>
    <row r="810876" spans="14:14">
      <c r="N810876" s="10"/>
    </row>
    <row r="810877" spans="14:14">
      <c r="N810877" s="10"/>
    </row>
    <row r="810878" spans="14:14">
      <c r="N810878" s="10"/>
    </row>
    <row r="810879" spans="14:14">
      <c r="N810879" s="10"/>
    </row>
    <row r="810880" spans="14:14">
      <c r="N810880" s="10"/>
    </row>
    <row r="810881" spans="14:14">
      <c r="N810881" s="10"/>
    </row>
    <row r="810882" spans="14:14">
      <c r="N810882" s="10"/>
    </row>
    <row r="810883" spans="14:14">
      <c r="N810883" s="10"/>
    </row>
    <row r="810884" spans="14:14">
      <c r="N810884" s="10"/>
    </row>
    <row r="810885" spans="14:14">
      <c r="N810885" s="10"/>
    </row>
    <row r="810886" spans="14:14">
      <c r="N810886" s="10"/>
    </row>
    <row r="810887" spans="14:14">
      <c r="N810887" s="10"/>
    </row>
    <row r="810888" spans="14:14">
      <c r="N810888" s="10"/>
    </row>
    <row r="810889" spans="14:14">
      <c r="N810889" s="10"/>
    </row>
    <row r="810890" spans="14:14">
      <c r="N810890" s="10"/>
    </row>
    <row r="810891" spans="14:14">
      <c r="N810891" s="10"/>
    </row>
    <row r="810892" spans="14:14">
      <c r="N810892" s="10"/>
    </row>
    <row r="810893" spans="14:14">
      <c r="N810893" s="10"/>
    </row>
    <row r="810894" spans="14:14">
      <c r="N810894" s="10"/>
    </row>
    <row r="810895" spans="14:14">
      <c r="N810895" s="10"/>
    </row>
    <row r="810896" spans="14:14">
      <c r="N810896" s="10"/>
    </row>
    <row r="810897" spans="14:14">
      <c r="N810897" s="10"/>
    </row>
    <row r="810898" spans="14:14">
      <c r="N810898" s="10"/>
    </row>
    <row r="810899" spans="14:14">
      <c r="N810899" s="10"/>
    </row>
    <row r="810900" spans="14:14">
      <c r="N810900" s="10"/>
    </row>
    <row r="810901" spans="14:14">
      <c r="N810901" s="10"/>
    </row>
    <row r="810902" spans="14:14">
      <c r="N810902" s="10"/>
    </row>
    <row r="810903" spans="14:14">
      <c r="N810903" s="10"/>
    </row>
    <row r="810904" spans="14:14">
      <c r="N810904" s="10"/>
    </row>
    <row r="810905" spans="14:14">
      <c r="N810905" s="10"/>
    </row>
    <row r="810906" spans="14:14">
      <c r="N810906" s="10"/>
    </row>
    <row r="810907" spans="14:14">
      <c r="N810907" s="10"/>
    </row>
    <row r="810908" spans="14:14">
      <c r="N810908" s="10"/>
    </row>
    <row r="810909" spans="14:14">
      <c r="N810909" s="10"/>
    </row>
    <row r="810910" spans="14:14">
      <c r="N810910" s="10"/>
    </row>
    <row r="810911" spans="14:14">
      <c r="N810911" s="10"/>
    </row>
    <row r="810912" spans="14:14">
      <c r="N810912" s="10"/>
    </row>
    <row r="810913" spans="14:14">
      <c r="N810913" s="10"/>
    </row>
    <row r="810914" spans="14:14">
      <c r="N810914" s="10"/>
    </row>
    <row r="810915" spans="14:14">
      <c r="N810915" s="10"/>
    </row>
    <row r="810916" spans="14:14">
      <c r="N810916" s="10"/>
    </row>
    <row r="810917" spans="14:14">
      <c r="N810917" s="10"/>
    </row>
    <row r="810918" spans="14:14">
      <c r="N810918" s="10"/>
    </row>
    <row r="810919" spans="14:14">
      <c r="N810919" s="10"/>
    </row>
    <row r="810920" spans="14:14">
      <c r="N810920" s="10"/>
    </row>
    <row r="810921" spans="14:14">
      <c r="N810921" s="10"/>
    </row>
    <row r="810922" spans="14:14">
      <c r="N810922" s="10"/>
    </row>
    <row r="810923" spans="14:14">
      <c r="N810923" s="10"/>
    </row>
    <row r="810924" spans="14:14">
      <c r="N810924" s="10"/>
    </row>
    <row r="810925" spans="14:14">
      <c r="N810925" s="10"/>
    </row>
    <row r="810926" spans="14:14">
      <c r="N810926" s="10"/>
    </row>
    <row r="810927" spans="14:14">
      <c r="N810927" s="10"/>
    </row>
    <row r="810928" spans="14:14">
      <c r="N810928" s="10"/>
    </row>
    <row r="810929" spans="14:14">
      <c r="N810929" s="10"/>
    </row>
    <row r="810930" spans="14:14">
      <c r="N810930" s="10"/>
    </row>
    <row r="810931" spans="14:14">
      <c r="N810931" s="10"/>
    </row>
    <row r="810932" spans="14:14">
      <c r="N810932" s="10"/>
    </row>
    <row r="810933" spans="14:14">
      <c r="N810933" s="10"/>
    </row>
    <row r="810934" spans="14:14">
      <c r="N810934" s="10"/>
    </row>
    <row r="810935" spans="14:14">
      <c r="N810935" s="10"/>
    </row>
    <row r="810936" spans="14:14">
      <c r="N810936" s="10"/>
    </row>
    <row r="810937" spans="14:14">
      <c r="N810937" s="10"/>
    </row>
    <row r="810938" spans="14:14">
      <c r="N810938" s="10"/>
    </row>
    <row r="810939" spans="14:14">
      <c r="N810939" s="10"/>
    </row>
    <row r="810940" spans="14:14">
      <c r="N810940" s="10"/>
    </row>
    <row r="810941" spans="14:14">
      <c r="N810941" s="10"/>
    </row>
    <row r="810942" spans="14:14">
      <c r="N810942" s="10"/>
    </row>
    <row r="810943" spans="14:14">
      <c r="N810943" s="10"/>
    </row>
    <row r="810944" spans="14:14">
      <c r="N810944" s="10"/>
    </row>
    <row r="810945" spans="14:14">
      <c r="N810945" s="10"/>
    </row>
    <row r="810946" spans="14:14">
      <c r="N810946" s="10"/>
    </row>
    <row r="810947" spans="14:14">
      <c r="N810947" s="10"/>
    </row>
    <row r="810948" spans="14:14">
      <c r="N810948" s="10"/>
    </row>
    <row r="810949" spans="14:14">
      <c r="N810949" s="10"/>
    </row>
    <row r="810950" spans="14:14">
      <c r="N810950" s="10"/>
    </row>
    <row r="810951" spans="14:14">
      <c r="N810951" s="10"/>
    </row>
    <row r="810952" spans="14:14">
      <c r="N810952" s="10"/>
    </row>
    <row r="810953" spans="14:14">
      <c r="N810953" s="10"/>
    </row>
    <row r="810954" spans="14:14">
      <c r="N810954" s="10"/>
    </row>
    <row r="810955" spans="14:14">
      <c r="N810955" s="10"/>
    </row>
    <row r="810956" spans="14:14">
      <c r="N810956" s="10"/>
    </row>
    <row r="810957" spans="14:14">
      <c r="N810957" s="10"/>
    </row>
    <row r="810958" spans="14:14">
      <c r="N810958" s="10"/>
    </row>
    <row r="810959" spans="14:14">
      <c r="N810959" s="10"/>
    </row>
    <row r="810960" spans="14:14">
      <c r="N810960" s="10"/>
    </row>
    <row r="810961" spans="14:14">
      <c r="N810961" s="10"/>
    </row>
    <row r="810962" spans="14:14">
      <c r="N810962" s="10"/>
    </row>
    <row r="810963" spans="14:14">
      <c r="N810963" s="10"/>
    </row>
    <row r="810964" spans="14:14">
      <c r="N810964" s="10"/>
    </row>
    <row r="810965" spans="14:14">
      <c r="N810965" s="10"/>
    </row>
    <row r="810966" spans="14:14">
      <c r="N810966" s="10"/>
    </row>
    <row r="810967" spans="14:14">
      <c r="N810967" s="10"/>
    </row>
    <row r="810968" spans="14:14">
      <c r="N810968" s="10"/>
    </row>
    <row r="810969" spans="14:14">
      <c r="N810969" s="10"/>
    </row>
    <row r="810970" spans="14:14">
      <c r="N810970" s="10"/>
    </row>
    <row r="810971" spans="14:14">
      <c r="N810971" s="10"/>
    </row>
    <row r="810972" spans="14:14">
      <c r="N810972" s="10"/>
    </row>
    <row r="810973" spans="14:14">
      <c r="N810973" s="10"/>
    </row>
    <row r="810974" spans="14:14">
      <c r="N810974" s="10"/>
    </row>
    <row r="810975" spans="14:14">
      <c r="N810975" s="10"/>
    </row>
    <row r="810976" spans="14:14">
      <c r="N810976" s="10"/>
    </row>
    <row r="810977" spans="14:14">
      <c r="N810977" s="10"/>
    </row>
    <row r="810978" spans="14:14">
      <c r="N810978" s="10"/>
    </row>
    <row r="810979" spans="14:14">
      <c r="N810979" s="10"/>
    </row>
    <row r="810980" spans="14:14">
      <c r="N810980" s="10"/>
    </row>
    <row r="810981" spans="14:14">
      <c r="N810981" s="10"/>
    </row>
    <row r="810982" spans="14:14">
      <c r="N810982" s="10"/>
    </row>
    <row r="810983" spans="14:14">
      <c r="N810983" s="10"/>
    </row>
    <row r="810984" spans="14:14">
      <c r="N810984" s="10"/>
    </row>
    <row r="810985" spans="14:14">
      <c r="N810985" s="10"/>
    </row>
    <row r="810986" spans="14:14">
      <c r="N810986" s="10"/>
    </row>
    <row r="810987" spans="14:14">
      <c r="N810987" s="10"/>
    </row>
    <row r="810988" spans="14:14">
      <c r="N810988" s="10"/>
    </row>
    <row r="810989" spans="14:14">
      <c r="N810989" s="10"/>
    </row>
    <row r="810990" spans="14:14">
      <c r="N810990" s="10"/>
    </row>
    <row r="810991" spans="14:14">
      <c r="N810991" s="10"/>
    </row>
    <row r="810992" spans="14:14">
      <c r="N810992" s="10"/>
    </row>
    <row r="810993" spans="14:14">
      <c r="N810993" s="10"/>
    </row>
    <row r="810994" spans="14:14">
      <c r="N810994" s="10"/>
    </row>
    <row r="810995" spans="14:14">
      <c r="N810995" s="10"/>
    </row>
    <row r="810996" spans="14:14">
      <c r="N810996" s="10"/>
    </row>
    <row r="810997" spans="14:14">
      <c r="N810997" s="10"/>
    </row>
    <row r="810998" spans="14:14">
      <c r="N810998" s="10"/>
    </row>
    <row r="810999" spans="14:14">
      <c r="N810999" s="10"/>
    </row>
    <row r="811000" spans="14:14">
      <c r="N811000" s="10"/>
    </row>
    <row r="811001" spans="14:14">
      <c r="N811001" s="10"/>
    </row>
    <row r="811002" spans="14:14">
      <c r="N811002" s="10"/>
    </row>
    <row r="811003" spans="14:14">
      <c r="N811003" s="10"/>
    </row>
    <row r="811004" spans="14:14">
      <c r="N811004" s="10"/>
    </row>
    <row r="811005" spans="14:14">
      <c r="N811005" s="10"/>
    </row>
    <row r="811006" spans="14:14">
      <c r="N811006" s="10"/>
    </row>
    <row r="811007" spans="14:14">
      <c r="N811007" s="10"/>
    </row>
    <row r="811008" spans="14:14">
      <c r="N811008" s="10"/>
    </row>
    <row r="811009" spans="14:14">
      <c r="N811009" s="10"/>
    </row>
    <row r="811010" spans="14:14">
      <c r="N811010" s="10"/>
    </row>
    <row r="811011" spans="14:14">
      <c r="N811011" s="10"/>
    </row>
    <row r="811012" spans="14:14">
      <c r="N811012" s="10"/>
    </row>
    <row r="811013" spans="14:14">
      <c r="N811013" s="10"/>
    </row>
    <row r="811014" spans="14:14">
      <c r="N811014" s="10"/>
    </row>
    <row r="811015" spans="14:14">
      <c r="N811015" s="10"/>
    </row>
    <row r="811016" spans="14:14">
      <c r="N811016" s="10"/>
    </row>
    <row r="811017" spans="14:14">
      <c r="N811017" s="10"/>
    </row>
    <row r="811018" spans="14:14">
      <c r="N811018" s="10"/>
    </row>
    <row r="811019" spans="14:14">
      <c r="N811019" s="10"/>
    </row>
    <row r="811020" spans="14:14">
      <c r="N811020" s="10"/>
    </row>
    <row r="811021" spans="14:14">
      <c r="N811021" s="10"/>
    </row>
    <row r="811022" spans="14:14">
      <c r="N811022" s="10"/>
    </row>
    <row r="811023" spans="14:14">
      <c r="N811023" s="10"/>
    </row>
    <row r="811024" spans="14:14">
      <c r="N811024" s="10"/>
    </row>
    <row r="811025" spans="14:14">
      <c r="N811025" s="10"/>
    </row>
    <row r="811026" spans="14:14">
      <c r="N811026" s="10"/>
    </row>
    <row r="811027" spans="14:14">
      <c r="N811027" s="10"/>
    </row>
    <row r="811028" spans="14:14">
      <c r="N811028" s="10"/>
    </row>
    <row r="811029" spans="14:14">
      <c r="N811029" s="10"/>
    </row>
    <row r="811030" spans="14:14">
      <c r="N811030" s="10"/>
    </row>
    <row r="811031" spans="14:14">
      <c r="N811031" s="10"/>
    </row>
    <row r="811032" spans="14:14">
      <c r="N811032" s="10"/>
    </row>
    <row r="811033" spans="14:14">
      <c r="N811033" s="10"/>
    </row>
    <row r="811034" spans="14:14">
      <c r="N811034" s="10"/>
    </row>
    <row r="811035" spans="14:14">
      <c r="N811035" s="10"/>
    </row>
    <row r="811036" spans="14:14">
      <c r="N811036" s="10"/>
    </row>
    <row r="811037" spans="14:14">
      <c r="N811037" s="10"/>
    </row>
    <row r="811038" spans="14:14">
      <c r="N811038" s="10"/>
    </row>
    <row r="811039" spans="14:14">
      <c r="N811039" s="10"/>
    </row>
    <row r="811040" spans="14:14">
      <c r="N811040" s="10"/>
    </row>
    <row r="811041" spans="14:14">
      <c r="N811041" s="10"/>
    </row>
    <row r="811042" spans="14:14">
      <c r="N811042" s="10"/>
    </row>
    <row r="811043" spans="14:14">
      <c r="N811043" s="10"/>
    </row>
    <row r="811044" spans="14:14">
      <c r="N811044" s="10"/>
    </row>
    <row r="811045" spans="14:14">
      <c r="N811045" s="10"/>
    </row>
    <row r="811046" spans="14:14">
      <c r="N811046" s="10"/>
    </row>
    <row r="811047" spans="14:14">
      <c r="N811047" s="10"/>
    </row>
    <row r="811048" spans="14:14">
      <c r="N811048" s="10"/>
    </row>
    <row r="811049" spans="14:14">
      <c r="N811049" s="10"/>
    </row>
    <row r="811050" spans="14:14">
      <c r="N811050" s="10"/>
    </row>
    <row r="811051" spans="14:14">
      <c r="N811051" s="10"/>
    </row>
    <row r="811052" spans="14:14">
      <c r="N811052" s="10"/>
    </row>
    <row r="811053" spans="14:14">
      <c r="N811053" s="10"/>
    </row>
    <row r="811054" spans="14:14">
      <c r="N811054" s="10"/>
    </row>
    <row r="811055" spans="14:14">
      <c r="N811055" s="10"/>
    </row>
    <row r="811056" spans="14:14">
      <c r="N811056" s="10"/>
    </row>
    <row r="811057" spans="14:14">
      <c r="N811057" s="10"/>
    </row>
    <row r="811058" spans="14:14">
      <c r="N811058" s="10"/>
    </row>
    <row r="811059" spans="14:14">
      <c r="N811059" s="10"/>
    </row>
    <row r="811060" spans="14:14">
      <c r="N811060" s="10"/>
    </row>
    <row r="811061" spans="14:14">
      <c r="N811061" s="10"/>
    </row>
    <row r="811062" spans="14:14">
      <c r="N811062" s="10"/>
    </row>
    <row r="811063" spans="14:14">
      <c r="N811063" s="10"/>
    </row>
    <row r="811064" spans="14:14">
      <c r="N811064" s="10"/>
    </row>
    <row r="811065" spans="14:14">
      <c r="N811065" s="10"/>
    </row>
    <row r="811066" spans="14:14">
      <c r="N811066" s="10"/>
    </row>
    <row r="811067" spans="14:14">
      <c r="N811067" s="10"/>
    </row>
    <row r="811068" spans="14:14">
      <c r="N811068" s="10"/>
    </row>
    <row r="811069" spans="14:14">
      <c r="N811069" s="10"/>
    </row>
    <row r="811070" spans="14:14">
      <c r="N811070" s="10"/>
    </row>
    <row r="811071" spans="14:14">
      <c r="N811071" s="10"/>
    </row>
    <row r="811072" spans="14:14">
      <c r="N811072" s="10"/>
    </row>
    <row r="811073" spans="14:14">
      <c r="N811073" s="10"/>
    </row>
    <row r="811074" spans="14:14">
      <c r="N811074" s="10"/>
    </row>
    <row r="811075" spans="14:14">
      <c r="N811075" s="10"/>
    </row>
    <row r="811076" spans="14:14">
      <c r="N811076" s="10"/>
    </row>
    <row r="811077" spans="14:14">
      <c r="N811077" s="10"/>
    </row>
    <row r="811078" spans="14:14">
      <c r="N811078" s="10"/>
    </row>
    <row r="811079" spans="14:14">
      <c r="N811079" s="10"/>
    </row>
    <row r="811080" spans="14:14">
      <c r="N811080" s="10"/>
    </row>
    <row r="811081" spans="14:14">
      <c r="N811081" s="10"/>
    </row>
    <row r="811082" spans="14:14">
      <c r="N811082" s="10"/>
    </row>
    <row r="811083" spans="14:14">
      <c r="N811083" s="10"/>
    </row>
    <row r="811084" spans="14:14">
      <c r="N811084" s="10"/>
    </row>
    <row r="811085" spans="14:14">
      <c r="N811085" s="10"/>
    </row>
    <row r="811086" spans="14:14">
      <c r="N811086" s="10"/>
    </row>
    <row r="811087" spans="14:14">
      <c r="N811087" s="10"/>
    </row>
    <row r="811088" spans="14:14">
      <c r="N811088" s="10"/>
    </row>
    <row r="811089" spans="14:14">
      <c r="N811089" s="10"/>
    </row>
    <row r="811090" spans="14:14">
      <c r="N811090" s="10"/>
    </row>
    <row r="811091" spans="14:14">
      <c r="N811091" s="10"/>
    </row>
    <row r="811092" spans="14:14">
      <c r="N811092" s="10"/>
    </row>
    <row r="811093" spans="14:14">
      <c r="N811093" s="10"/>
    </row>
    <row r="811094" spans="14:14">
      <c r="N811094" s="10"/>
    </row>
    <row r="811095" spans="14:14">
      <c r="N811095" s="10"/>
    </row>
    <row r="811096" spans="14:14">
      <c r="N811096" s="10"/>
    </row>
    <row r="811097" spans="14:14">
      <c r="N811097" s="10"/>
    </row>
    <row r="811098" spans="14:14">
      <c r="N811098" s="10"/>
    </row>
    <row r="811099" spans="14:14">
      <c r="N811099" s="10"/>
    </row>
    <row r="811100" spans="14:14">
      <c r="N811100" s="10"/>
    </row>
    <row r="811101" spans="14:14">
      <c r="N811101" s="10"/>
    </row>
    <row r="811102" spans="14:14">
      <c r="N811102" s="10"/>
    </row>
    <row r="811103" spans="14:14">
      <c r="N811103" s="10"/>
    </row>
    <row r="811104" spans="14:14">
      <c r="N811104" s="10"/>
    </row>
    <row r="811105" spans="14:14">
      <c r="N811105" s="10"/>
    </row>
    <row r="811106" spans="14:14">
      <c r="N811106" s="10"/>
    </row>
    <row r="811107" spans="14:14">
      <c r="N811107" s="10"/>
    </row>
    <row r="811108" spans="14:14">
      <c r="N811108" s="10"/>
    </row>
    <row r="811109" spans="14:14">
      <c r="N811109" s="10"/>
    </row>
    <row r="811110" spans="14:14">
      <c r="N811110" s="10"/>
    </row>
    <row r="811111" spans="14:14">
      <c r="N811111" s="10"/>
    </row>
    <row r="811112" spans="14:14">
      <c r="N811112" s="10"/>
    </row>
    <row r="811113" spans="14:14">
      <c r="N811113" s="10"/>
    </row>
    <row r="811114" spans="14:14">
      <c r="N811114" s="10"/>
    </row>
    <row r="811115" spans="14:14">
      <c r="N811115" s="10"/>
    </row>
    <row r="811116" spans="14:14">
      <c r="N811116" s="10"/>
    </row>
    <row r="811117" spans="14:14">
      <c r="N811117" s="10"/>
    </row>
    <row r="811118" spans="14:14">
      <c r="N811118" s="10"/>
    </row>
    <row r="811119" spans="14:14">
      <c r="N811119" s="10"/>
    </row>
    <row r="811120" spans="14:14">
      <c r="N811120" s="10"/>
    </row>
    <row r="811121" spans="14:14">
      <c r="N811121" s="10"/>
    </row>
    <row r="811122" spans="14:14">
      <c r="N811122" s="10"/>
    </row>
    <row r="811123" spans="14:14">
      <c r="N811123" s="10"/>
    </row>
    <row r="811124" spans="14:14">
      <c r="N811124" s="10"/>
    </row>
    <row r="811125" spans="14:14">
      <c r="N811125" s="10"/>
    </row>
    <row r="811126" spans="14:14">
      <c r="N811126" s="10"/>
    </row>
    <row r="811127" spans="14:14">
      <c r="N811127" s="10"/>
    </row>
    <row r="811128" spans="14:14">
      <c r="N811128" s="10"/>
    </row>
    <row r="811129" spans="14:14">
      <c r="N811129" s="10"/>
    </row>
    <row r="811130" spans="14:14">
      <c r="N811130" s="10"/>
    </row>
    <row r="811131" spans="14:14">
      <c r="N811131" s="10"/>
    </row>
    <row r="811132" spans="14:14">
      <c r="N811132" s="10"/>
    </row>
    <row r="811133" spans="14:14">
      <c r="N811133" s="10"/>
    </row>
    <row r="811134" spans="14:14">
      <c r="N811134" s="10"/>
    </row>
    <row r="811135" spans="14:14">
      <c r="N811135" s="10"/>
    </row>
    <row r="811136" spans="14:14">
      <c r="N811136" s="10"/>
    </row>
    <row r="811137" spans="14:14">
      <c r="N811137" s="10"/>
    </row>
    <row r="811138" spans="14:14">
      <c r="N811138" s="10"/>
    </row>
    <row r="811139" spans="14:14">
      <c r="N811139" s="10"/>
    </row>
    <row r="811140" spans="14:14">
      <c r="N811140" s="10"/>
    </row>
    <row r="811141" spans="14:14">
      <c r="N811141" s="10"/>
    </row>
    <row r="811142" spans="14:14">
      <c r="N811142" s="10"/>
    </row>
    <row r="811143" spans="14:14">
      <c r="N811143" s="10"/>
    </row>
    <row r="811144" spans="14:14">
      <c r="N811144" s="10"/>
    </row>
    <row r="811145" spans="14:14">
      <c r="N811145" s="10"/>
    </row>
    <row r="811146" spans="14:14">
      <c r="N811146" s="10"/>
    </row>
    <row r="811147" spans="14:14">
      <c r="N811147" s="10"/>
    </row>
    <row r="811148" spans="14:14">
      <c r="N811148" s="10"/>
    </row>
    <row r="811149" spans="14:14">
      <c r="N811149" s="10"/>
    </row>
    <row r="811150" spans="14:14">
      <c r="N811150" s="10"/>
    </row>
    <row r="811151" spans="14:14">
      <c r="N811151" s="10"/>
    </row>
    <row r="811152" spans="14:14">
      <c r="N811152" s="10"/>
    </row>
    <row r="811153" spans="14:14">
      <c r="N811153" s="10"/>
    </row>
    <row r="811154" spans="14:14">
      <c r="N811154" s="10"/>
    </row>
    <row r="811155" spans="14:14">
      <c r="N811155" s="10"/>
    </row>
    <row r="811156" spans="14:14">
      <c r="N811156" s="10"/>
    </row>
    <row r="811157" spans="14:14">
      <c r="N811157" s="10"/>
    </row>
    <row r="811158" spans="14:14">
      <c r="N811158" s="10"/>
    </row>
    <row r="811159" spans="14:14">
      <c r="N811159" s="10"/>
    </row>
    <row r="811160" spans="14:14">
      <c r="N811160" s="10"/>
    </row>
    <row r="811161" spans="14:14">
      <c r="N811161" s="10"/>
    </row>
    <row r="811162" spans="14:14">
      <c r="N811162" s="10"/>
    </row>
    <row r="811163" spans="14:14">
      <c r="N811163" s="10"/>
    </row>
    <row r="811164" spans="14:14">
      <c r="N811164" s="10"/>
    </row>
    <row r="811165" spans="14:14">
      <c r="N811165" s="10"/>
    </row>
    <row r="811166" spans="14:14">
      <c r="N811166" s="10"/>
    </row>
    <row r="811167" spans="14:14">
      <c r="N811167" s="10"/>
    </row>
    <row r="811168" spans="14:14">
      <c r="N811168" s="10"/>
    </row>
    <row r="811169" spans="14:14">
      <c r="N811169" s="10"/>
    </row>
    <row r="811170" spans="14:14">
      <c r="N811170" s="10"/>
    </row>
    <row r="811171" spans="14:14">
      <c r="N811171" s="10"/>
    </row>
    <row r="811172" spans="14:14">
      <c r="N811172" s="10"/>
    </row>
    <row r="811173" spans="14:14">
      <c r="N811173" s="10"/>
    </row>
    <row r="811174" spans="14:14">
      <c r="N811174" s="10"/>
    </row>
    <row r="811175" spans="14:14">
      <c r="N811175" s="10"/>
    </row>
    <row r="811176" spans="14:14">
      <c r="N811176" s="10"/>
    </row>
    <row r="811177" spans="14:14">
      <c r="N811177" s="10"/>
    </row>
    <row r="811178" spans="14:14">
      <c r="N811178" s="10"/>
    </row>
    <row r="811179" spans="14:14">
      <c r="N811179" s="10"/>
    </row>
    <row r="811180" spans="14:14">
      <c r="N811180" s="10"/>
    </row>
    <row r="811181" spans="14:14">
      <c r="N811181" s="10"/>
    </row>
    <row r="811182" spans="14:14">
      <c r="N811182" s="10"/>
    </row>
    <row r="811183" spans="14:14">
      <c r="N811183" s="10"/>
    </row>
    <row r="811184" spans="14:14">
      <c r="N811184" s="10"/>
    </row>
    <row r="811185" spans="14:14">
      <c r="N811185" s="10"/>
    </row>
    <row r="811186" spans="14:14">
      <c r="N811186" s="10"/>
    </row>
    <row r="811187" spans="14:14">
      <c r="N811187" s="10"/>
    </row>
    <row r="811188" spans="14:14">
      <c r="N811188" s="10"/>
    </row>
    <row r="811189" spans="14:14">
      <c r="N811189" s="10"/>
    </row>
    <row r="811190" spans="14:14">
      <c r="N811190" s="10"/>
    </row>
    <row r="811191" spans="14:14">
      <c r="N811191" s="10"/>
    </row>
    <row r="811192" spans="14:14">
      <c r="N811192" s="10"/>
    </row>
    <row r="811193" spans="14:14">
      <c r="N811193" s="10"/>
    </row>
    <row r="811194" spans="14:14">
      <c r="N811194" s="10"/>
    </row>
    <row r="811195" spans="14:14">
      <c r="N811195" s="10"/>
    </row>
    <row r="811196" spans="14:14">
      <c r="N811196" s="10"/>
    </row>
    <row r="811197" spans="14:14">
      <c r="N811197" s="10"/>
    </row>
    <row r="811198" spans="14:14">
      <c r="N811198" s="10"/>
    </row>
    <row r="811199" spans="14:14">
      <c r="N811199" s="10"/>
    </row>
    <row r="811200" spans="14:14">
      <c r="N811200" s="10"/>
    </row>
    <row r="811201" spans="14:14">
      <c r="N811201" s="10"/>
    </row>
    <row r="811202" spans="14:14">
      <c r="N811202" s="10"/>
    </row>
    <row r="811203" spans="14:14">
      <c r="N811203" s="10"/>
    </row>
    <row r="811204" spans="14:14">
      <c r="N811204" s="10"/>
    </row>
    <row r="811205" spans="14:14">
      <c r="N811205" s="10"/>
    </row>
    <row r="811206" spans="14:14">
      <c r="N811206" s="10"/>
    </row>
    <row r="811207" spans="14:14">
      <c r="N811207" s="10"/>
    </row>
    <row r="811208" spans="14:14">
      <c r="N811208" s="10"/>
    </row>
    <row r="811209" spans="14:14">
      <c r="N811209" s="10"/>
    </row>
    <row r="811210" spans="14:14">
      <c r="N811210" s="10"/>
    </row>
    <row r="811211" spans="14:14">
      <c r="N811211" s="10"/>
    </row>
    <row r="811212" spans="14:14">
      <c r="N811212" s="10"/>
    </row>
    <row r="811213" spans="14:14">
      <c r="N811213" s="10"/>
    </row>
    <row r="811214" spans="14:14">
      <c r="N811214" s="10"/>
    </row>
    <row r="811215" spans="14:14">
      <c r="N811215" s="10"/>
    </row>
    <row r="811216" spans="14:14">
      <c r="N811216" s="10"/>
    </row>
    <row r="811217" spans="14:14">
      <c r="N811217" s="10"/>
    </row>
    <row r="811218" spans="14:14">
      <c r="N811218" s="10"/>
    </row>
    <row r="811219" spans="14:14">
      <c r="N811219" s="10"/>
    </row>
    <row r="811220" spans="14:14">
      <c r="N811220" s="10"/>
    </row>
    <row r="811221" spans="14:14">
      <c r="N811221" s="10"/>
    </row>
    <row r="811222" spans="14:14">
      <c r="N811222" s="10"/>
    </row>
    <row r="811223" spans="14:14">
      <c r="N811223" s="10"/>
    </row>
    <row r="811224" spans="14:14">
      <c r="N811224" s="10"/>
    </row>
    <row r="811225" spans="14:14">
      <c r="N811225" s="10"/>
    </row>
    <row r="811226" spans="14:14">
      <c r="N811226" s="10"/>
    </row>
    <row r="811227" spans="14:14">
      <c r="N811227" s="10"/>
    </row>
    <row r="811228" spans="14:14">
      <c r="N811228" s="10"/>
    </row>
    <row r="811229" spans="14:14">
      <c r="N811229" s="10"/>
    </row>
    <row r="811230" spans="14:14">
      <c r="N811230" s="10"/>
    </row>
    <row r="811231" spans="14:14">
      <c r="N811231" s="10"/>
    </row>
    <row r="811232" spans="14:14">
      <c r="N811232" s="10"/>
    </row>
    <row r="811233" spans="14:14">
      <c r="N811233" s="10"/>
    </row>
    <row r="811234" spans="14:14">
      <c r="N811234" s="10"/>
    </row>
    <row r="811235" spans="14:14">
      <c r="N811235" s="10"/>
    </row>
    <row r="811236" spans="14:14">
      <c r="N811236" s="10"/>
    </row>
    <row r="811237" spans="14:14">
      <c r="N811237" s="10"/>
    </row>
    <row r="811238" spans="14:14">
      <c r="N811238" s="10"/>
    </row>
    <row r="811239" spans="14:14">
      <c r="N811239" s="10"/>
    </row>
    <row r="811240" spans="14:14">
      <c r="N811240" s="10"/>
    </row>
    <row r="811241" spans="14:14">
      <c r="N811241" s="10"/>
    </row>
    <row r="811242" spans="14:14">
      <c r="N811242" s="10"/>
    </row>
    <row r="811243" spans="14:14">
      <c r="N811243" s="10"/>
    </row>
    <row r="811244" spans="14:14">
      <c r="N811244" s="10"/>
    </row>
    <row r="811245" spans="14:14">
      <c r="N811245" s="10"/>
    </row>
    <row r="811246" spans="14:14">
      <c r="N811246" s="10"/>
    </row>
    <row r="811247" spans="14:14">
      <c r="N811247" s="10"/>
    </row>
    <row r="811248" spans="14:14">
      <c r="N811248" s="10"/>
    </row>
    <row r="811249" spans="14:14">
      <c r="N811249" s="10"/>
    </row>
    <row r="811250" spans="14:14">
      <c r="N811250" s="10"/>
    </row>
    <row r="811251" spans="14:14">
      <c r="N811251" s="10"/>
    </row>
    <row r="811252" spans="14:14">
      <c r="N811252" s="10"/>
    </row>
    <row r="811253" spans="14:14">
      <c r="N811253" s="10"/>
    </row>
    <row r="811254" spans="14:14">
      <c r="N811254" s="10"/>
    </row>
    <row r="811255" spans="14:14">
      <c r="N811255" s="10"/>
    </row>
    <row r="811256" spans="14:14">
      <c r="N811256" s="10"/>
    </row>
    <row r="811257" spans="14:14">
      <c r="N811257" s="10"/>
    </row>
    <row r="811258" spans="14:14">
      <c r="N811258" s="10"/>
    </row>
    <row r="811259" spans="14:14">
      <c r="N811259" s="10"/>
    </row>
    <row r="811260" spans="14:14">
      <c r="N811260" s="10"/>
    </row>
    <row r="811261" spans="14:14">
      <c r="N811261" s="10"/>
    </row>
    <row r="811262" spans="14:14">
      <c r="N811262" s="10"/>
    </row>
    <row r="811263" spans="14:14">
      <c r="N811263" s="10"/>
    </row>
    <row r="811264" spans="14:14">
      <c r="N811264" s="10"/>
    </row>
    <row r="811265" spans="14:14">
      <c r="N811265" s="10"/>
    </row>
    <row r="811266" spans="14:14">
      <c r="N811266" s="10"/>
    </row>
    <row r="811267" spans="14:14">
      <c r="N811267" s="10"/>
    </row>
    <row r="811268" spans="14:14">
      <c r="N811268" s="10"/>
    </row>
    <row r="811269" spans="14:14">
      <c r="N811269" s="10"/>
    </row>
    <row r="811270" spans="14:14">
      <c r="N811270" s="10"/>
    </row>
    <row r="811271" spans="14:14">
      <c r="N811271" s="10"/>
    </row>
    <row r="811272" spans="14:14">
      <c r="N811272" s="10"/>
    </row>
    <row r="811273" spans="14:14">
      <c r="N811273" s="10"/>
    </row>
    <row r="811274" spans="14:14">
      <c r="N811274" s="10"/>
    </row>
    <row r="811275" spans="14:14">
      <c r="N811275" s="10"/>
    </row>
    <row r="811276" spans="14:14">
      <c r="N811276" s="10"/>
    </row>
    <row r="811277" spans="14:14">
      <c r="N811277" s="10"/>
    </row>
    <row r="811278" spans="14:14">
      <c r="N811278" s="10"/>
    </row>
    <row r="811279" spans="14:14">
      <c r="N811279" s="10"/>
    </row>
    <row r="811280" spans="14:14">
      <c r="N811280" s="10"/>
    </row>
    <row r="811281" spans="14:14">
      <c r="N811281" s="10"/>
    </row>
    <row r="811282" spans="14:14">
      <c r="N811282" s="10"/>
    </row>
    <row r="811283" spans="14:14">
      <c r="N811283" s="10"/>
    </row>
    <row r="811284" spans="14:14">
      <c r="N811284" s="10"/>
    </row>
    <row r="811285" spans="14:14">
      <c r="N811285" s="10"/>
    </row>
    <row r="811286" spans="14:14">
      <c r="N811286" s="10"/>
    </row>
    <row r="811287" spans="14:14">
      <c r="N811287" s="10"/>
    </row>
    <row r="811288" spans="14:14">
      <c r="N811288" s="10"/>
    </row>
    <row r="811289" spans="14:14">
      <c r="N811289" s="10"/>
    </row>
    <row r="811290" spans="14:14">
      <c r="N811290" s="10"/>
    </row>
    <row r="811291" spans="14:14">
      <c r="N811291" s="10"/>
    </row>
    <row r="811292" spans="14:14">
      <c r="N811292" s="10"/>
    </row>
    <row r="811293" spans="14:14">
      <c r="N811293" s="10"/>
    </row>
    <row r="811294" spans="14:14">
      <c r="N811294" s="10"/>
    </row>
    <row r="811295" spans="14:14">
      <c r="N811295" s="10"/>
    </row>
    <row r="811296" spans="14:14">
      <c r="N811296" s="10"/>
    </row>
    <row r="811297" spans="14:14">
      <c r="N811297" s="10"/>
    </row>
    <row r="811298" spans="14:14">
      <c r="N811298" s="10"/>
    </row>
    <row r="811299" spans="14:14">
      <c r="N811299" s="10"/>
    </row>
    <row r="811300" spans="14:14">
      <c r="N811300" s="10"/>
    </row>
    <row r="811301" spans="14:14">
      <c r="N811301" s="10"/>
    </row>
    <row r="811302" spans="14:14">
      <c r="N811302" s="10"/>
    </row>
    <row r="811303" spans="14:14">
      <c r="N811303" s="10"/>
    </row>
    <row r="811304" spans="14:14">
      <c r="N811304" s="10"/>
    </row>
    <row r="811305" spans="14:14">
      <c r="N811305" s="10"/>
    </row>
    <row r="811306" spans="14:14">
      <c r="N811306" s="10"/>
    </row>
    <row r="811307" spans="14:14">
      <c r="N811307" s="10"/>
    </row>
    <row r="811308" spans="14:14">
      <c r="N811308" s="10"/>
    </row>
    <row r="811309" spans="14:14">
      <c r="N811309" s="10"/>
    </row>
    <row r="811310" spans="14:14">
      <c r="N811310" s="10"/>
    </row>
    <row r="811311" spans="14:14">
      <c r="N811311" s="10"/>
    </row>
    <row r="811312" spans="14:14">
      <c r="N811312" s="10"/>
    </row>
    <row r="811313" spans="14:14">
      <c r="N811313" s="10"/>
    </row>
    <row r="811314" spans="14:14">
      <c r="N811314" s="10"/>
    </row>
    <row r="811315" spans="14:14">
      <c r="N811315" s="10"/>
    </row>
    <row r="811316" spans="14:14">
      <c r="N811316" s="10"/>
    </row>
    <row r="811317" spans="14:14">
      <c r="N811317" s="10"/>
    </row>
    <row r="811318" spans="14:14">
      <c r="N811318" s="10"/>
    </row>
    <row r="811319" spans="14:14">
      <c r="N811319" s="10"/>
    </row>
    <row r="811320" spans="14:14">
      <c r="N811320" s="10"/>
    </row>
    <row r="811321" spans="14:14">
      <c r="N811321" s="10"/>
    </row>
    <row r="811322" spans="14:14">
      <c r="N811322" s="10"/>
    </row>
    <row r="811323" spans="14:14">
      <c r="N811323" s="10"/>
    </row>
    <row r="811324" spans="14:14">
      <c r="N811324" s="10"/>
    </row>
    <row r="811325" spans="14:14">
      <c r="N811325" s="10"/>
    </row>
    <row r="811326" spans="14:14">
      <c r="N811326" s="10"/>
    </row>
    <row r="811327" spans="14:14">
      <c r="N811327" s="10"/>
    </row>
    <row r="811328" spans="14:14">
      <c r="N811328" s="10"/>
    </row>
    <row r="811329" spans="14:14">
      <c r="N811329" s="10"/>
    </row>
    <row r="811330" spans="14:14">
      <c r="N811330" s="10"/>
    </row>
    <row r="811331" spans="14:14">
      <c r="N811331" s="10"/>
    </row>
    <row r="811332" spans="14:14">
      <c r="N811332" s="10"/>
    </row>
    <row r="811333" spans="14:14">
      <c r="N811333" s="10"/>
    </row>
    <row r="811334" spans="14:14">
      <c r="N811334" s="10"/>
    </row>
    <row r="811335" spans="14:14">
      <c r="N811335" s="10"/>
    </row>
    <row r="811336" spans="14:14">
      <c r="N811336" s="10"/>
    </row>
    <row r="811337" spans="14:14">
      <c r="N811337" s="10"/>
    </row>
    <row r="811338" spans="14:14">
      <c r="N811338" s="10"/>
    </row>
    <row r="811339" spans="14:14">
      <c r="N811339" s="10"/>
    </row>
    <row r="811340" spans="14:14">
      <c r="N811340" s="10"/>
    </row>
    <row r="811341" spans="14:14">
      <c r="N811341" s="10"/>
    </row>
    <row r="811342" spans="14:14">
      <c r="N811342" s="10"/>
    </row>
    <row r="811343" spans="14:14">
      <c r="N811343" s="10"/>
    </row>
    <row r="811344" spans="14:14">
      <c r="N811344" s="10"/>
    </row>
    <row r="811345" spans="14:14">
      <c r="N811345" s="10"/>
    </row>
    <row r="811346" spans="14:14">
      <c r="N811346" s="10"/>
    </row>
    <row r="811347" spans="14:14">
      <c r="N811347" s="10"/>
    </row>
    <row r="811348" spans="14:14">
      <c r="N811348" s="10"/>
    </row>
    <row r="811349" spans="14:14">
      <c r="N811349" s="10"/>
    </row>
    <row r="811350" spans="14:14">
      <c r="N811350" s="10"/>
    </row>
    <row r="811351" spans="14:14">
      <c r="N811351" s="10"/>
    </row>
    <row r="811352" spans="14:14">
      <c r="N811352" s="10"/>
    </row>
    <row r="811353" spans="14:14">
      <c r="N811353" s="10"/>
    </row>
    <row r="811354" spans="14:14">
      <c r="N811354" s="10"/>
    </row>
    <row r="811355" spans="14:14">
      <c r="N811355" s="10"/>
    </row>
    <row r="811356" spans="14:14">
      <c r="N811356" s="10"/>
    </row>
    <row r="811357" spans="14:14">
      <c r="N811357" s="10"/>
    </row>
    <row r="811358" spans="14:14">
      <c r="N811358" s="10"/>
    </row>
    <row r="811359" spans="14:14">
      <c r="N811359" s="10"/>
    </row>
    <row r="811360" spans="14:14">
      <c r="N811360" s="10"/>
    </row>
    <row r="811361" spans="14:14">
      <c r="N811361" s="10"/>
    </row>
    <row r="811362" spans="14:14">
      <c r="N811362" s="10"/>
    </row>
    <row r="811363" spans="14:14">
      <c r="N811363" s="10"/>
    </row>
    <row r="811364" spans="14:14">
      <c r="N811364" s="10"/>
    </row>
    <row r="811365" spans="14:14">
      <c r="N811365" s="10"/>
    </row>
    <row r="811366" spans="14:14">
      <c r="N811366" s="10"/>
    </row>
    <row r="811367" spans="14:14">
      <c r="N811367" s="10"/>
    </row>
    <row r="811368" spans="14:14">
      <c r="N811368" s="10"/>
    </row>
    <row r="811369" spans="14:14">
      <c r="N811369" s="10"/>
    </row>
    <row r="811370" spans="14:14">
      <c r="N811370" s="10"/>
    </row>
    <row r="811371" spans="14:14">
      <c r="N811371" s="10"/>
    </row>
    <row r="811372" spans="14:14">
      <c r="N811372" s="10"/>
    </row>
    <row r="811373" spans="14:14">
      <c r="N811373" s="10"/>
    </row>
    <row r="811374" spans="14:14">
      <c r="N811374" s="10"/>
    </row>
    <row r="811375" spans="14:14">
      <c r="N811375" s="10"/>
    </row>
    <row r="811376" spans="14:14">
      <c r="N811376" s="10"/>
    </row>
    <row r="811377" spans="14:14">
      <c r="N811377" s="10"/>
    </row>
    <row r="811378" spans="14:14">
      <c r="N811378" s="10"/>
    </row>
    <row r="811379" spans="14:14">
      <c r="N811379" s="10"/>
    </row>
    <row r="811380" spans="14:14">
      <c r="N811380" s="10"/>
    </row>
    <row r="811381" spans="14:14">
      <c r="N811381" s="10"/>
    </row>
    <row r="811382" spans="14:14">
      <c r="N811382" s="10"/>
    </row>
    <row r="811383" spans="14:14">
      <c r="N811383" s="10"/>
    </row>
    <row r="811384" spans="14:14">
      <c r="N811384" s="10"/>
    </row>
    <row r="811385" spans="14:14">
      <c r="N811385" s="10"/>
    </row>
    <row r="811386" spans="14:14">
      <c r="N811386" s="10"/>
    </row>
    <row r="811387" spans="14:14">
      <c r="N811387" s="10"/>
    </row>
    <row r="811388" spans="14:14">
      <c r="N811388" s="10"/>
    </row>
    <row r="811389" spans="14:14">
      <c r="N811389" s="10"/>
    </row>
    <row r="811390" spans="14:14">
      <c r="N811390" s="10"/>
    </row>
    <row r="811391" spans="14:14">
      <c r="N811391" s="10"/>
    </row>
    <row r="811392" spans="14:14">
      <c r="N811392" s="10"/>
    </row>
    <row r="811393" spans="14:14">
      <c r="N811393" s="10"/>
    </row>
    <row r="811394" spans="14:14">
      <c r="N811394" s="10"/>
    </row>
    <row r="811395" spans="14:14">
      <c r="N811395" s="10"/>
    </row>
    <row r="811396" spans="14:14">
      <c r="N811396" s="10"/>
    </row>
    <row r="811397" spans="14:14">
      <c r="N811397" s="10"/>
    </row>
    <row r="811398" spans="14:14">
      <c r="N811398" s="10"/>
    </row>
    <row r="811399" spans="14:14">
      <c r="N811399" s="10"/>
    </row>
    <row r="811400" spans="14:14">
      <c r="N811400" s="10"/>
    </row>
    <row r="811401" spans="14:14">
      <c r="N811401" s="10"/>
    </row>
    <row r="811402" spans="14:14">
      <c r="N811402" s="10"/>
    </row>
    <row r="811403" spans="14:14">
      <c r="N811403" s="10"/>
    </row>
    <row r="811404" spans="14:14">
      <c r="N811404" s="10"/>
    </row>
    <row r="811405" spans="14:14">
      <c r="N811405" s="10"/>
    </row>
    <row r="811406" spans="14:14">
      <c r="N811406" s="10"/>
    </row>
    <row r="811407" spans="14:14">
      <c r="N811407" s="10"/>
    </row>
    <row r="811408" spans="14:14">
      <c r="N811408" s="10"/>
    </row>
    <row r="811409" spans="14:14">
      <c r="N811409" s="10"/>
    </row>
    <row r="811410" spans="14:14">
      <c r="N811410" s="10"/>
    </row>
    <row r="811411" spans="14:14">
      <c r="N811411" s="10"/>
    </row>
    <row r="811412" spans="14:14">
      <c r="N811412" s="10"/>
    </row>
    <row r="811413" spans="14:14">
      <c r="N811413" s="10"/>
    </row>
    <row r="811414" spans="14:14">
      <c r="N811414" s="10"/>
    </row>
    <row r="811415" spans="14:14">
      <c r="N811415" s="10"/>
    </row>
    <row r="811416" spans="14:14">
      <c r="N811416" s="10"/>
    </row>
    <row r="811417" spans="14:14">
      <c r="N811417" s="10"/>
    </row>
    <row r="811418" spans="14:14">
      <c r="N811418" s="10"/>
    </row>
    <row r="811419" spans="14:14">
      <c r="N811419" s="10"/>
    </row>
    <row r="811420" spans="14:14">
      <c r="N811420" s="10"/>
    </row>
    <row r="811421" spans="14:14">
      <c r="N811421" s="10"/>
    </row>
    <row r="811422" spans="14:14">
      <c r="N811422" s="10"/>
    </row>
    <row r="811423" spans="14:14">
      <c r="N811423" s="10"/>
    </row>
    <row r="811424" spans="14:14">
      <c r="N811424" s="10"/>
    </row>
    <row r="811425" spans="14:14">
      <c r="N811425" s="10"/>
    </row>
    <row r="811426" spans="14:14">
      <c r="N811426" s="10"/>
    </row>
    <row r="811427" spans="14:14">
      <c r="N811427" s="10"/>
    </row>
    <row r="811428" spans="14:14">
      <c r="N811428" s="10"/>
    </row>
    <row r="811429" spans="14:14">
      <c r="N811429" s="10"/>
    </row>
    <row r="811430" spans="14:14">
      <c r="N811430" s="10"/>
    </row>
    <row r="811431" spans="14:14">
      <c r="N811431" s="10"/>
    </row>
    <row r="811432" spans="14:14">
      <c r="N811432" s="10"/>
    </row>
    <row r="811433" spans="14:14">
      <c r="N811433" s="10"/>
    </row>
    <row r="811434" spans="14:14">
      <c r="N811434" s="10"/>
    </row>
    <row r="811435" spans="14:14">
      <c r="N811435" s="10"/>
    </row>
    <row r="811436" spans="14:14">
      <c r="N811436" s="10"/>
    </row>
    <row r="811437" spans="14:14">
      <c r="N811437" s="10"/>
    </row>
    <row r="811438" spans="14:14">
      <c r="N811438" s="10"/>
    </row>
    <row r="811439" spans="14:14">
      <c r="N811439" s="10"/>
    </row>
    <row r="811440" spans="14:14">
      <c r="N811440" s="10"/>
    </row>
    <row r="811441" spans="14:14">
      <c r="N811441" s="10"/>
    </row>
    <row r="811442" spans="14:14">
      <c r="N811442" s="10"/>
    </row>
    <row r="811443" spans="14:14">
      <c r="N811443" s="10"/>
    </row>
    <row r="811444" spans="14:14">
      <c r="N811444" s="10"/>
    </row>
    <row r="811445" spans="14:14">
      <c r="N811445" s="10"/>
    </row>
    <row r="811446" spans="14:14">
      <c r="N811446" s="10"/>
    </row>
    <row r="811447" spans="14:14">
      <c r="N811447" s="10"/>
    </row>
    <row r="811448" spans="14:14">
      <c r="N811448" s="10"/>
    </row>
    <row r="811449" spans="14:14">
      <c r="N811449" s="10"/>
    </row>
    <row r="811450" spans="14:14">
      <c r="N811450" s="10"/>
    </row>
    <row r="811451" spans="14:14">
      <c r="N811451" s="10"/>
    </row>
    <row r="811452" spans="14:14">
      <c r="N811452" s="10"/>
    </row>
    <row r="811453" spans="14:14">
      <c r="N811453" s="10"/>
    </row>
    <row r="811454" spans="14:14">
      <c r="N811454" s="10"/>
    </row>
    <row r="811455" spans="14:14">
      <c r="N811455" s="10"/>
    </row>
    <row r="811456" spans="14:14">
      <c r="N811456" s="10"/>
    </row>
    <row r="811457" spans="14:14">
      <c r="N811457" s="10"/>
    </row>
    <row r="811458" spans="14:14">
      <c r="N811458" s="10"/>
    </row>
    <row r="811459" spans="14:14">
      <c r="N811459" s="10"/>
    </row>
    <row r="811460" spans="14:14">
      <c r="N811460" s="10"/>
    </row>
    <row r="811461" spans="14:14">
      <c r="N811461" s="10"/>
    </row>
    <row r="811462" spans="14:14">
      <c r="N811462" s="10"/>
    </row>
    <row r="811463" spans="14:14">
      <c r="N811463" s="10"/>
    </row>
    <row r="811464" spans="14:14">
      <c r="N811464" s="10"/>
    </row>
    <row r="811465" spans="14:14">
      <c r="N811465" s="10"/>
    </row>
    <row r="811466" spans="14:14">
      <c r="N811466" s="10"/>
    </row>
    <row r="811467" spans="14:14">
      <c r="N811467" s="10"/>
    </row>
    <row r="811468" spans="14:14">
      <c r="N811468" s="10"/>
    </row>
    <row r="811469" spans="14:14">
      <c r="N811469" s="10"/>
    </row>
    <row r="811470" spans="14:14">
      <c r="N811470" s="10"/>
    </row>
    <row r="811471" spans="14:14">
      <c r="N811471" s="10"/>
    </row>
    <row r="811472" spans="14:14">
      <c r="N811472" s="10"/>
    </row>
    <row r="811473" spans="14:14">
      <c r="N811473" s="10"/>
    </row>
    <row r="811474" spans="14:14">
      <c r="N811474" s="10"/>
    </row>
    <row r="811475" spans="14:14">
      <c r="N811475" s="10"/>
    </row>
    <row r="811476" spans="14:14">
      <c r="N811476" s="10"/>
    </row>
    <row r="811477" spans="14:14">
      <c r="N811477" s="10"/>
    </row>
    <row r="811478" spans="14:14">
      <c r="N811478" s="10"/>
    </row>
    <row r="811479" spans="14:14">
      <c r="N811479" s="10"/>
    </row>
    <row r="811480" spans="14:14">
      <c r="N811480" s="10"/>
    </row>
    <row r="811481" spans="14:14">
      <c r="N811481" s="10"/>
    </row>
    <row r="811482" spans="14:14">
      <c r="N811482" s="10"/>
    </row>
    <row r="811483" spans="14:14">
      <c r="N811483" s="10"/>
    </row>
    <row r="811484" spans="14:14">
      <c r="N811484" s="10"/>
    </row>
    <row r="811485" spans="14:14">
      <c r="N811485" s="10"/>
    </row>
    <row r="811486" spans="14:14">
      <c r="N811486" s="10"/>
    </row>
    <row r="811487" spans="14:14">
      <c r="N811487" s="10"/>
    </row>
    <row r="811488" spans="14:14">
      <c r="N811488" s="10"/>
    </row>
    <row r="811489" spans="14:14">
      <c r="N811489" s="10"/>
    </row>
    <row r="811490" spans="14:14">
      <c r="N811490" s="10"/>
    </row>
    <row r="811491" spans="14:14">
      <c r="N811491" s="10"/>
    </row>
    <row r="811492" spans="14:14">
      <c r="N811492" s="10"/>
    </row>
    <row r="811493" spans="14:14">
      <c r="N811493" s="10"/>
    </row>
    <row r="811494" spans="14:14">
      <c r="N811494" s="10"/>
    </row>
    <row r="811495" spans="14:14">
      <c r="N811495" s="10"/>
    </row>
    <row r="811496" spans="14:14">
      <c r="N811496" s="10"/>
    </row>
    <row r="811497" spans="14:14">
      <c r="N811497" s="10"/>
    </row>
    <row r="811498" spans="14:14">
      <c r="N811498" s="10"/>
    </row>
    <row r="811499" spans="14:14">
      <c r="N811499" s="10"/>
    </row>
    <row r="811500" spans="14:14">
      <c r="N811500" s="10"/>
    </row>
    <row r="811501" spans="14:14">
      <c r="N811501" s="10"/>
    </row>
    <row r="811502" spans="14:14">
      <c r="N811502" s="10"/>
    </row>
    <row r="811503" spans="14:14">
      <c r="N811503" s="10"/>
    </row>
    <row r="811504" spans="14:14">
      <c r="N811504" s="10"/>
    </row>
    <row r="811505" spans="14:14">
      <c r="N811505" s="10"/>
    </row>
    <row r="811506" spans="14:14">
      <c r="N811506" s="10"/>
    </row>
    <row r="811507" spans="14:14">
      <c r="N811507" s="10"/>
    </row>
    <row r="811508" spans="14:14">
      <c r="N811508" s="10"/>
    </row>
    <row r="811509" spans="14:14">
      <c r="N811509" s="10"/>
    </row>
    <row r="811510" spans="14:14">
      <c r="N811510" s="10"/>
    </row>
    <row r="811511" spans="14:14">
      <c r="N811511" s="10"/>
    </row>
    <row r="811512" spans="14:14">
      <c r="N811512" s="10"/>
    </row>
    <row r="811513" spans="14:14">
      <c r="N811513" s="10"/>
    </row>
    <row r="811514" spans="14:14">
      <c r="N811514" s="10"/>
    </row>
    <row r="811515" spans="14:14">
      <c r="N811515" s="10"/>
    </row>
    <row r="811516" spans="14:14">
      <c r="N811516" s="10"/>
    </row>
    <row r="811517" spans="14:14">
      <c r="N811517" s="10"/>
    </row>
    <row r="811518" spans="14:14">
      <c r="N811518" s="10"/>
    </row>
    <row r="811519" spans="14:14">
      <c r="N811519" s="10"/>
    </row>
    <row r="811520" spans="14:14">
      <c r="N811520" s="10"/>
    </row>
    <row r="811521" spans="14:14">
      <c r="N811521" s="10"/>
    </row>
    <row r="811522" spans="14:14">
      <c r="N811522" s="10"/>
    </row>
    <row r="811523" spans="14:14">
      <c r="N811523" s="10"/>
    </row>
    <row r="811524" spans="14:14">
      <c r="N811524" s="10"/>
    </row>
    <row r="811525" spans="14:14">
      <c r="N811525" s="10"/>
    </row>
    <row r="811526" spans="14:14">
      <c r="N811526" s="10"/>
    </row>
    <row r="811527" spans="14:14">
      <c r="N811527" s="10"/>
    </row>
    <row r="811528" spans="14:14">
      <c r="N811528" s="10"/>
    </row>
    <row r="811529" spans="14:14">
      <c r="N811529" s="10"/>
    </row>
    <row r="811530" spans="14:14">
      <c r="N811530" s="10"/>
    </row>
    <row r="811531" spans="14:14">
      <c r="N811531" s="10"/>
    </row>
    <row r="811532" spans="14:14">
      <c r="N811532" s="10"/>
    </row>
    <row r="811533" spans="14:14">
      <c r="N811533" s="10"/>
    </row>
    <row r="811534" spans="14:14">
      <c r="N811534" s="10"/>
    </row>
    <row r="811535" spans="14:14">
      <c r="N811535" s="10"/>
    </row>
    <row r="811536" spans="14:14">
      <c r="N811536" s="10"/>
    </row>
    <row r="811537" spans="14:14">
      <c r="N811537" s="10"/>
    </row>
    <row r="811538" spans="14:14">
      <c r="N811538" s="10"/>
    </row>
    <row r="811539" spans="14:14">
      <c r="N811539" s="10"/>
    </row>
    <row r="811540" spans="14:14">
      <c r="N811540" s="10"/>
    </row>
    <row r="811541" spans="14:14">
      <c r="N811541" s="10"/>
    </row>
    <row r="811542" spans="14:14">
      <c r="N811542" s="10"/>
    </row>
    <row r="811543" spans="14:14">
      <c r="N811543" s="10"/>
    </row>
    <row r="811544" spans="14:14">
      <c r="N811544" s="10"/>
    </row>
    <row r="811545" spans="14:14">
      <c r="N811545" s="10"/>
    </row>
    <row r="811546" spans="14:14">
      <c r="N811546" s="10"/>
    </row>
    <row r="811547" spans="14:14">
      <c r="N811547" s="10"/>
    </row>
    <row r="811548" spans="14:14">
      <c r="N811548" s="10"/>
    </row>
    <row r="811549" spans="14:14">
      <c r="N811549" s="10"/>
    </row>
    <row r="811550" spans="14:14">
      <c r="N811550" s="10"/>
    </row>
    <row r="811551" spans="14:14">
      <c r="N811551" s="10"/>
    </row>
    <row r="811552" spans="14:14">
      <c r="N811552" s="10"/>
    </row>
    <row r="811553" spans="14:14">
      <c r="N811553" s="10"/>
    </row>
    <row r="811554" spans="14:14">
      <c r="N811554" s="10"/>
    </row>
    <row r="811555" spans="14:14">
      <c r="N811555" s="10"/>
    </row>
    <row r="811556" spans="14:14">
      <c r="N811556" s="10"/>
    </row>
    <row r="811557" spans="14:14">
      <c r="N811557" s="10"/>
    </row>
    <row r="811558" spans="14:14">
      <c r="N811558" s="10"/>
    </row>
    <row r="811559" spans="14:14">
      <c r="N811559" s="10"/>
    </row>
    <row r="811560" spans="14:14">
      <c r="N811560" s="10"/>
    </row>
    <row r="811561" spans="14:14">
      <c r="N811561" s="10"/>
    </row>
    <row r="811562" spans="14:14">
      <c r="N811562" s="10"/>
    </row>
    <row r="811563" spans="14:14">
      <c r="N811563" s="10"/>
    </row>
    <row r="811564" spans="14:14">
      <c r="N811564" s="10"/>
    </row>
    <row r="811565" spans="14:14">
      <c r="N811565" s="10"/>
    </row>
    <row r="811566" spans="14:14">
      <c r="N811566" s="10"/>
    </row>
    <row r="811567" spans="14:14">
      <c r="N811567" s="10"/>
    </row>
    <row r="811568" spans="14:14">
      <c r="N811568" s="10"/>
    </row>
    <row r="811569" spans="14:14">
      <c r="N811569" s="10"/>
    </row>
    <row r="811570" spans="14:14">
      <c r="N811570" s="10"/>
    </row>
    <row r="811571" spans="14:14">
      <c r="N811571" s="10"/>
    </row>
    <row r="811572" spans="14:14">
      <c r="N811572" s="10"/>
    </row>
    <row r="811573" spans="14:14">
      <c r="N811573" s="10"/>
    </row>
    <row r="811574" spans="14:14">
      <c r="N811574" s="10"/>
    </row>
    <row r="811575" spans="14:14">
      <c r="N811575" s="10"/>
    </row>
    <row r="811576" spans="14:14">
      <c r="N811576" s="10"/>
    </row>
    <row r="811577" spans="14:14">
      <c r="N811577" s="10"/>
    </row>
    <row r="811578" spans="14:14">
      <c r="N811578" s="10"/>
    </row>
    <row r="811579" spans="14:14">
      <c r="N811579" s="10"/>
    </row>
    <row r="811580" spans="14:14">
      <c r="N811580" s="10"/>
    </row>
    <row r="811581" spans="14:14">
      <c r="N811581" s="10"/>
    </row>
    <row r="811582" spans="14:14">
      <c r="N811582" s="10"/>
    </row>
    <row r="811583" spans="14:14">
      <c r="N811583" s="10"/>
    </row>
    <row r="811584" spans="14:14">
      <c r="N811584" s="10"/>
    </row>
    <row r="811585" spans="14:14">
      <c r="N811585" s="10"/>
    </row>
    <row r="811586" spans="14:14">
      <c r="N811586" s="10"/>
    </row>
    <row r="811587" spans="14:14">
      <c r="N811587" s="10"/>
    </row>
    <row r="811588" spans="14:14">
      <c r="N811588" s="10"/>
    </row>
    <row r="811589" spans="14:14">
      <c r="N811589" s="10"/>
    </row>
    <row r="811590" spans="14:14">
      <c r="N811590" s="10"/>
    </row>
    <row r="811591" spans="14:14">
      <c r="N811591" s="10"/>
    </row>
    <row r="811592" spans="14:14">
      <c r="N811592" s="10"/>
    </row>
    <row r="811593" spans="14:14">
      <c r="N811593" s="10"/>
    </row>
    <row r="811594" spans="14:14">
      <c r="N811594" s="10"/>
    </row>
    <row r="811595" spans="14:14">
      <c r="N811595" s="10"/>
    </row>
    <row r="811596" spans="14:14">
      <c r="N811596" s="10"/>
    </row>
    <row r="811597" spans="14:14">
      <c r="N811597" s="10"/>
    </row>
    <row r="811598" spans="14:14">
      <c r="N811598" s="10"/>
    </row>
    <row r="811599" spans="14:14">
      <c r="N811599" s="10"/>
    </row>
    <row r="811600" spans="14:14">
      <c r="N811600" s="10"/>
    </row>
    <row r="811601" spans="14:14">
      <c r="N811601" s="10"/>
    </row>
    <row r="811602" spans="14:14">
      <c r="N811602" s="10"/>
    </row>
    <row r="811603" spans="14:14">
      <c r="N811603" s="10"/>
    </row>
    <row r="811604" spans="14:14">
      <c r="N811604" s="10"/>
    </row>
    <row r="811605" spans="14:14">
      <c r="N811605" s="10"/>
    </row>
    <row r="811606" spans="14:14">
      <c r="N811606" s="10"/>
    </row>
    <row r="811607" spans="14:14">
      <c r="N811607" s="10"/>
    </row>
    <row r="811608" spans="14:14">
      <c r="N811608" s="10"/>
    </row>
    <row r="811609" spans="14:14">
      <c r="N811609" s="10"/>
    </row>
    <row r="811610" spans="14:14">
      <c r="N811610" s="10"/>
    </row>
    <row r="811611" spans="14:14">
      <c r="N811611" s="10"/>
    </row>
    <row r="811612" spans="14:14">
      <c r="N811612" s="10"/>
    </row>
    <row r="811613" spans="14:14">
      <c r="N811613" s="10"/>
    </row>
    <row r="811614" spans="14:14">
      <c r="N811614" s="10"/>
    </row>
    <row r="811615" spans="14:14">
      <c r="N811615" s="10"/>
    </row>
    <row r="811616" spans="14:14">
      <c r="N811616" s="10"/>
    </row>
    <row r="811617" spans="14:14">
      <c r="N811617" s="10"/>
    </row>
    <row r="811618" spans="14:14">
      <c r="N811618" s="10"/>
    </row>
    <row r="811619" spans="14:14">
      <c r="N811619" s="10"/>
    </row>
    <row r="811620" spans="14:14">
      <c r="N811620" s="10"/>
    </row>
    <row r="811621" spans="14:14">
      <c r="N811621" s="10"/>
    </row>
    <row r="811622" spans="14:14">
      <c r="N811622" s="10"/>
    </row>
    <row r="811623" spans="14:14">
      <c r="N811623" s="10"/>
    </row>
    <row r="811624" spans="14:14">
      <c r="N811624" s="10"/>
    </row>
    <row r="811625" spans="14:14">
      <c r="N811625" s="10"/>
    </row>
    <row r="811626" spans="14:14">
      <c r="N811626" s="10"/>
    </row>
    <row r="811627" spans="14:14">
      <c r="N811627" s="10"/>
    </row>
    <row r="811628" spans="14:14">
      <c r="N811628" s="10"/>
    </row>
    <row r="811629" spans="14:14">
      <c r="N811629" s="10"/>
    </row>
    <row r="811630" spans="14:14">
      <c r="N811630" s="10"/>
    </row>
    <row r="811631" spans="14:14">
      <c r="N811631" s="10"/>
    </row>
    <row r="811632" spans="14:14">
      <c r="N811632" s="10"/>
    </row>
    <row r="811633" spans="14:14">
      <c r="N811633" s="10"/>
    </row>
    <row r="811634" spans="14:14">
      <c r="N811634" s="10"/>
    </row>
    <row r="811635" spans="14:14">
      <c r="N811635" s="10"/>
    </row>
    <row r="811636" spans="14:14">
      <c r="N811636" s="10"/>
    </row>
    <row r="811637" spans="14:14">
      <c r="N811637" s="10"/>
    </row>
    <row r="811638" spans="14:14">
      <c r="N811638" s="10"/>
    </row>
    <row r="811639" spans="14:14">
      <c r="N811639" s="10"/>
    </row>
    <row r="811640" spans="14:14">
      <c r="N811640" s="10"/>
    </row>
    <row r="811641" spans="14:14">
      <c r="N811641" s="10"/>
    </row>
    <row r="811642" spans="14:14">
      <c r="N811642" s="10"/>
    </row>
    <row r="811643" spans="14:14">
      <c r="N811643" s="10"/>
    </row>
    <row r="811644" spans="14:14">
      <c r="N811644" s="10"/>
    </row>
    <row r="811645" spans="14:14">
      <c r="N811645" s="10"/>
    </row>
    <row r="811646" spans="14:14">
      <c r="N811646" s="10"/>
    </row>
    <row r="811647" spans="14:14">
      <c r="N811647" s="10"/>
    </row>
    <row r="811648" spans="14:14">
      <c r="N811648" s="10"/>
    </row>
    <row r="811649" spans="14:14">
      <c r="N811649" s="10"/>
    </row>
    <row r="811650" spans="14:14">
      <c r="N811650" s="10"/>
    </row>
    <row r="811651" spans="14:14">
      <c r="N811651" s="10"/>
    </row>
    <row r="811652" spans="14:14">
      <c r="N811652" s="10"/>
    </row>
    <row r="811653" spans="14:14">
      <c r="N811653" s="10"/>
    </row>
    <row r="811654" spans="14:14">
      <c r="N811654" s="10"/>
    </row>
    <row r="811655" spans="14:14">
      <c r="N811655" s="10"/>
    </row>
    <row r="811656" spans="14:14">
      <c r="N811656" s="10"/>
    </row>
    <row r="811657" spans="14:14">
      <c r="N811657" s="10"/>
    </row>
    <row r="811658" spans="14:14">
      <c r="N811658" s="10"/>
    </row>
    <row r="811659" spans="14:14">
      <c r="N811659" s="10"/>
    </row>
    <row r="811660" spans="14:14">
      <c r="N811660" s="10"/>
    </row>
    <row r="811661" spans="14:14">
      <c r="N811661" s="10"/>
    </row>
    <row r="811662" spans="14:14">
      <c r="N811662" s="10"/>
    </row>
    <row r="811663" spans="14:14">
      <c r="N811663" s="10"/>
    </row>
    <row r="811664" spans="14:14">
      <c r="N811664" s="10"/>
    </row>
    <row r="811665" spans="14:14">
      <c r="N811665" s="10"/>
    </row>
    <row r="811666" spans="14:14">
      <c r="N811666" s="10"/>
    </row>
    <row r="811667" spans="14:14">
      <c r="N811667" s="10"/>
    </row>
    <row r="811668" spans="14:14">
      <c r="N811668" s="10"/>
    </row>
    <row r="811669" spans="14:14">
      <c r="N811669" s="10"/>
    </row>
    <row r="811670" spans="14:14">
      <c r="N811670" s="10"/>
    </row>
    <row r="811671" spans="14:14">
      <c r="N811671" s="10"/>
    </row>
    <row r="811672" spans="14:14">
      <c r="N811672" s="10"/>
    </row>
    <row r="811673" spans="14:14">
      <c r="N811673" s="10"/>
    </row>
    <row r="811674" spans="14:14">
      <c r="N811674" s="10"/>
    </row>
    <row r="811675" spans="14:14">
      <c r="N811675" s="10"/>
    </row>
    <row r="811676" spans="14:14">
      <c r="N811676" s="10"/>
    </row>
    <row r="811677" spans="14:14">
      <c r="N811677" s="10"/>
    </row>
    <row r="811678" spans="14:14">
      <c r="N811678" s="10"/>
    </row>
    <row r="811679" spans="14:14">
      <c r="N811679" s="10"/>
    </row>
    <row r="811680" spans="14:14">
      <c r="N811680" s="10"/>
    </row>
    <row r="811681" spans="14:14">
      <c r="N811681" s="10"/>
    </row>
    <row r="811682" spans="14:14">
      <c r="N811682" s="10"/>
    </row>
    <row r="811683" spans="14:14">
      <c r="N811683" s="10"/>
    </row>
    <row r="811684" spans="14:14">
      <c r="N811684" s="10"/>
    </row>
    <row r="811685" spans="14:14">
      <c r="N811685" s="10"/>
    </row>
    <row r="811686" spans="14:14">
      <c r="N811686" s="10"/>
    </row>
    <row r="811687" spans="14:14">
      <c r="N811687" s="10"/>
    </row>
    <row r="811688" spans="14:14">
      <c r="N811688" s="10"/>
    </row>
    <row r="811689" spans="14:14">
      <c r="N811689" s="10"/>
    </row>
    <row r="811690" spans="14:14">
      <c r="N811690" s="10"/>
    </row>
    <row r="811691" spans="14:14">
      <c r="N811691" s="10"/>
    </row>
    <row r="811692" spans="14:14">
      <c r="N811692" s="10"/>
    </row>
    <row r="811693" spans="14:14">
      <c r="N811693" s="10"/>
    </row>
    <row r="811694" spans="14:14">
      <c r="N811694" s="10"/>
    </row>
    <row r="811695" spans="14:14">
      <c r="N811695" s="10"/>
    </row>
    <row r="811696" spans="14:14">
      <c r="N811696" s="10"/>
    </row>
    <row r="811697" spans="14:14">
      <c r="N811697" s="10"/>
    </row>
    <row r="811698" spans="14:14">
      <c r="N811698" s="10"/>
    </row>
    <row r="811699" spans="14:14">
      <c r="N811699" s="10"/>
    </row>
    <row r="811700" spans="14:14">
      <c r="N811700" s="10"/>
    </row>
    <row r="811701" spans="14:14">
      <c r="N811701" s="10"/>
    </row>
    <row r="811702" spans="14:14">
      <c r="N811702" s="10"/>
    </row>
    <row r="811703" spans="14:14">
      <c r="N811703" s="10"/>
    </row>
    <row r="811704" spans="14:14">
      <c r="N811704" s="10"/>
    </row>
    <row r="811705" spans="14:14">
      <c r="N811705" s="10"/>
    </row>
    <row r="811706" spans="14:14">
      <c r="N811706" s="10"/>
    </row>
    <row r="811707" spans="14:14">
      <c r="N811707" s="10"/>
    </row>
    <row r="811708" spans="14:14">
      <c r="N811708" s="10"/>
    </row>
    <row r="811709" spans="14:14">
      <c r="N811709" s="10"/>
    </row>
    <row r="811710" spans="14:14">
      <c r="N811710" s="10"/>
    </row>
    <row r="811711" spans="14:14">
      <c r="N811711" s="10"/>
    </row>
    <row r="811712" spans="14:14">
      <c r="N811712" s="10"/>
    </row>
    <row r="811713" spans="14:14">
      <c r="N811713" s="10"/>
    </row>
    <row r="811714" spans="14:14">
      <c r="N811714" s="10"/>
    </row>
    <row r="811715" spans="14:14">
      <c r="N811715" s="10"/>
    </row>
    <row r="811716" spans="14:14">
      <c r="N811716" s="10"/>
    </row>
    <row r="811717" spans="14:14">
      <c r="N811717" s="10"/>
    </row>
    <row r="811718" spans="14:14">
      <c r="N811718" s="10"/>
    </row>
    <row r="811719" spans="14:14">
      <c r="N811719" s="10"/>
    </row>
    <row r="811720" spans="14:14">
      <c r="N811720" s="10"/>
    </row>
    <row r="811721" spans="14:14">
      <c r="N811721" s="10"/>
    </row>
    <row r="811722" spans="14:14">
      <c r="N811722" s="10"/>
    </row>
    <row r="811723" spans="14:14">
      <c r="N811723" s="10"/>
    </row>
    <row r="811724" spans="14:14">
      <c r="N811724" s="10"/>
    </row>
    <row r="811725" spans="14:14">
      <c r="N811725" s="10"/>
    </row>
    <row r="811726" spans="14:14">
      <c r="N811726" s="10"/>
    </row>
    <row r="811727" spans="14:14">
      <c r="N811727" s="10"/>
    </row>
    <row r="811728" spans="14:14">
      <c r="N811728" s="10"/>
    </row>
    <row r="811729" spans="14:14">
      <c r="N811729" s="10"/>
    </row>
    <row r="811730" spans="14:14">
      <c r="N811730" s="10"/>
    </row>
    <row r="811731" spans="14:14">
      <c r="N811731" s="10"/>
    </row>
    <row r="811732" spans="14:14">
      <c r="N811732" s="10"/>
    </row>
    <row r="811733" spans="14:14">
      <c r="N811733" s="10"/>
    </row>
    <row r="811734" spans="14:14">
      <c r="N811734" s="10"/>
    </row>
    <row r="811735" spans="14:14">
      <c r="N811735" s="10"/>
    </row>
    <row r="811736" spans="14:14">
      <c r="N811736" s="10"/>
    </row>
    <row r="811737" spans="14:14">
      <c r="N811737" s="10"/>
    </row>
    <row r="811738" spans="14:14">
      <c r="N811738" s="10"/>
    </row>
    <row r="811739" spans="14:14">
      <c r="N811739" s="10"/>
    </row>
    <row r="811740" spans="14:14">
      <c r="N811740" s="10"/>
    </row>
    <row r="811741" spans="14:14">
      <c r="N811741" s="10"/>
    </row>
    <row r="811742" spans="14:14">
      <c r="N811742" s="10"/>
    </row>
    <row r="811743" spans="14:14">
      <c r="N811743" s="10"/>
    </row>
    <row r="811744" spans="14:14">
      <c r="N811744" s="10"/>
    </row>
    <row r="811745" spans="14:14">
      <c r="N811745" s="10"/>
    </row>
    <row r="811746" spans="14:14">
      <c r="N811746" s="10"/>
    </row>
    <row r="811747" spans="14:14">
      <c r="N811747" s="10"/>
    </row>
    <row r="811748" spans="14:14">
      <c r="N811748" s="10"/>
    </row>
    <row r="811749" spans="14:14">
      <c r="N811749" s="10"/>
    </row>
    <row r="811750" spans="14:14">
      <c r="N811750" s="10"/>
    </row>
    <row r="811751" spans="14:14">
      <c r="N811751" s="10"/>
    </row>
    <row r="811752" spans="14:14">
      <c r="N811752" s="10"/>
    </row>
    <row r="811753" spans="14:14">
      <c r="N811753" s="10"/>
    </row>
    <row r="811754" spans="14:14">
      <c r="N811754" s="10"/>
    </row>
    <row r="811755" spans="14:14">
      <c r="N811755" s="10"/>
    </row>
    <row r="811756" spans="14:14">
      <c r="N811756" s="10"/>
    </row>
    <row r="811757" spans="14:14">
      <c r="N811757" s="10"/>
    </row>
    <row r="811758" spans="14:14">
      <c r="N811758" s="10"/>
    </row>
    <row r="811759" spans="14:14">
      <c r="N811759" s="10"/>
    </row>
    <row r="811760" spans="14:14">
      <c r="N811760" s="10"/>
    </row>
    <row r="811761" spans="14:14">
      <c r="N811761" s="10"/>
    </row>
    <row r="811762" spans="14:14">
      <c r="N811762" s="10"/>
    </row>
    <row r="811763" spans="14:14">
      <c r="N811763" s="10"/>
    </row>
    <row r="811764" spans="14:14">
      <c r="N811764" s="10"/>
    </row>
    <row r="811765" spans="14:14">
      <c r="N811765" s="10"/>
    </row>
    <row r="811766" spans="14:14">
      <c r="N811766" s="10"/>
    </row>
    <row r="811767" spans="14:14">
      <c r="N811767" s="10"/>
    </row>
    <row r="811768" spans="14:14">
      <c r="N811768" s="10"/>
    </row>
    <row r="811769" spans="14:14">
      <c r="N811769" s="10"/>
    </row>
    <row r="811770" spans="14:14">
      <c r="N811770" s="10"/>
    </row>
    <row r="811771" spans="14:14">
      <c r="N811771" s="10"/>
    </row>
    <row r="811772" spans="14:14">
      <c r="N811772" s="10"/>
    </row>
    <row r="811773" spans="14:14">
      <c r="N811773" s="10"/>
    </row>
    <row r="811774" spans="14:14">
      <c r="N811774" s="10"/>
    </row>
    <row r="811775" spans="14:14">
      <c r="N811775" s="10"/>
    </row>
    <row r="811776" spans="14:14">
      <c r="N811776" s="10"/>
    </row>
    <row r="811777" spans="14:14">
      <c r="N811777" s="10"/>
    </row>
    <row r="811778" spans="14:14">
      <c r="N811778" s="10"/>
    </row>
    <row r="811779" spans="14:14">
      <c r="N811779" s="10"/>
    </row>
    <row r="811780" spans="14:14">
      <c r="N811780" s="10"/>
    </row>
    <row r="811781" spans="14:14">
      <c r="N811781" s="10"/>
    </row>
    <row r="811782" spans="14:14">
      <c r="N811782" s="10"/>
    </row>
    <row r="811783" spans="14:14">
      <c r="N811783" s="10"/>
    </row>
    <row r="811784" spans="14:14">
      <c r="N811784" s="10"/>
    </row>
    <row r="811785" spans="14:14">
      <c r="N811785" s="10"/>
    </row>
    <row r="811786" spans="14:14">
      <c r="N811786" s="10"/>
    </row>
    <row r="811787" spans="14:14">
      <c r="N811787" s="10"/>
    </row>
    <row r="811788" spans="14:14">
      <c r="N811788" s="10"/>
    </row>
    <row r="811789" spans="14:14">
      <c r="N811789" s="10"/>
    </row>
    <row r="811790" spans="14:14">
      <c r="N811790" s="10"/>
    </row>
    <row r="811791" spans="14:14">
      <c r="N811791" s="10"/>
    </row>
    <row r="811792" spans="14:14">
      <c r="N811792" s="10"/>
    </row>
    <row r="811793" spans="14:14">
      <c r="N811793" s="10"/>
    </row>
    <row r="811794" spans="14:14">
      <c r="N811794" s="10"/>
    </row>
    <row r="811795" spans="14:14">
      <c r="N811795" s="10"/>
    </row>
    <row r="811796" spans="14:14">
      <c r="N811796" s="10"/>
    </row>
    <row r="811797" spans="14:14">
      <c r="N811797" s="10"/>
    </row>
    <row r="811798" spans="14:14">
      <c r="N811798" s="10"/>
    </row>
    <row r="811799" spans="14:14">
      <c r="N811799" s="10"/>
    </row>
    <row r="811800" spans="14:14">
      <c r="N811800" s="10"/>
    </row>
    <row r="811801" spans="14:14">
      <c r="N811801" s="10"/>
    </row>
    <row r="811802" spans="14:14">
      <c r="N811802" s="10"/>
    </row>
    <row r="811803" spans="14:14">
      <c r="N811803" s="10"/>
    </row>
    <row r="811804" spans="14:14">
      <c r="N811804" s="10"/>
    </row>
    <row r="811805" spans="14:14">
      <c r="N811805" s="10"/>
    </row>
    <row r="811806" spans="14:14">
      <c r="N811806" s="10"/>
    </row>
    <row r="811807" spans="14:14">
      <c r="N811807" s="10"/>
    </row>
    <row r="811808" spans="14:14">
      <c r="N811808" s="10"/>
    </row>
    <row r="811809" spans="14:14">
      <c r="N811809" s="10"/>
    </row>
    <row r="811810" spans="14:14">
      <c r="N811810" s="10"/>
    </row>
    <row r="811811" spans="14:14">
      <c r="N811811" s="10"/>
    </row>
    <row r="811812" spans="14:14">
      <c r="N811812" s="10"/>
    </row>
    <row r="811813" spans="14:14">
      <c r="N811813" s="10"/>
    </row>
    <row r="811814" spans="14:14">
      <c r="N811814" s="10"/>
    </row>
    <row r="811815" spans="14:14">
      <c r="N811815" s="10"/>
    </row>
    <row r="811816" spans="14:14">
      <c r="N811816" s="10"/>
    </row>
    <row r="811817" spans="14:14">
      <c r="N811817" s="10"/>
    </row>
    <row r="811818" spans="14:14">
      <c r="N811818" s="10"/>
    </row>
    <row r="811819" spans="14:14">
      <c r="N811819" s="10"/>
    </row>
    <row r="811820" spans="14:14">
      <c r="N811820" s="10"/>
    </row>
    <row r="811821" spans="14:14">
      <c r="N811821" s="10"/>
    </row>
    <row r="811822" spans="14:14">
      <c r="N811822" s="10"/>
    </row>
    <row r="811823" spans="14:14">
      <c r="N811823" s="10"/>
    </row>
    <row r="811824" spans="14:14">
      <c r="N811824" s="10"/>
    </row>
    <row r="811825" spans="14:14">
      <c r="N811825" s="10"/>
    </row>
    <row r="811826" spans="14:14">
      <c r="N811826" s="10"/>
    </row>
    <row r="811827" spans="14:14">
      <c r="N811827" s="10"/>
    </row>
    <row r="811828" spans="14:14">
      <c r="N811828" s="10"/>
    </row>
    <row r="811829" spans="14:14">
      <c r="N811829" s="10"/>
    </row>
    <row r="811830" spans="14:14">
      <c r="N811830" s="10"/>
    </row>
    <row r="811831" spans="14:14">
      <c r="N811831" s="10"/>
    </row>
    <row r="811832" spans="14:14">
      <c r="N811832" s="10"/>
    </row>
    <row r="811833" spans="14:14">
      <c r="N811833" s="10"/>
    </row>
    <row r="811834" spans="14:14">
      <c r="N811834" s="10"/>
    </row>
    <row r="811835" spans="14:14">
      <c r="N811835" s="10"/>
    </row>
    <row r="811836" spans="14:14">
      <c r="N811836" s="10"/>
    </row>
    <row r="811837" spans="14:14">
      <c r="N811837" s="10"/>
    </row>
    <row r="811838" spans="14:14">
      <c r="N811838" s="10"/>
    </row>
    <row r="811839" spans="14:14">
      <c r="N811839" s="10"/>
    </row>
    <row r="811840" spans="14:14">
      <c r="N811840" s="10"/>
    </row>
    <row r="811841" spans="14:14">
      <c r="N811841" s="10"/>
    </row>
    <row r="811842" spans="14:14">
      <c r="N811842" s="10"/>
    </row>
    <row r="811843" spans="14:14">
      <c r="N811843" s="10"/>
    </row>
    <row r="811844" spans="14:14">
      <c r="N811844" s="10"/>
    </row>
    <row r="811845" spans="14:14">
      <c r="N811845" s="10"/>
    </row>
    <row r="811846" spans="14:14">
      <c r="N811846" s="10"/>
    </row>
    <row r="811847" spans="14:14">
      <c r="N811847" s="10"/>
    </row>
    <row r="811848" spans="14:14">
      <c r="N811848" s="10"/>
    </row>
    <row r="811849" spans="14:14">
      <c r="N811849" s="10"/>
    </row>
    <row r="811850" spans="14:14">
      <c r="N811850" s="10"/>
    </row>
    <row r="811851" spans="14:14">
      <c r="N811851" s="10"/>
    </row>
    <row r="811852" spans="14:14">
      <c r="N811852" s="10"/>
    </row>
    <row r="811853" spans="14:14">
      <c r="N811853" s="10"/>
    </row>
    <row r="811854" spans="14:14">
      <c r="N811854" s="10"/>
    </row>
    <row r="811855" spans="14:14">
      <c r="N811855" s="10"/>
    </row>
    <row r="811856" spans="14:14">
      <c r="N811856" s="10"/>
    </row>
    <row r="811857" spans="14:14">
      <c r="N811857" s="10"/>
    </row>
    <row r="811858" spans="14:14">
      <c r="N811858" s="10"/>
    </row>
    <row r="811859" spans="14:14">
      <c r="N811859" s="10"/>
    </row>
    <row r="811860" spans="14:14">
      <c r="N811860" s="10"/>
    </row>
    <row r="811861" spans="14:14">
      <c r="N811861" s="10"/>
    </row>
    <row r="811862" spans="14:14">
      <c r="N811862" s="10"/>
    </row>
    <row r="811863" spans="14:14">
      <c r="N811863" s="10"/>
    </row>
    <row r="811864" spans="14:14">
      <c r="N811864" s="10"/>
    </row>
    <row r="811865" spans="14:14">
      <c r="N811865" s="10"/>
    </row>
    <row r="811866" spans="14:14">
      <c r="N811866" s="10"/>
    </row>
    <row r="811867" spans="14:14">
      <c r="N811867" s="10"/>
    </row>
    <row r="811868" spans="14:14">
      <c r="N811868" s="10"/>
    </row>
    <row r="811869" spans="14:14">
      <c r="N811869" s="10"/>
    </row>
    <row r="811870" spans="14:14">
      <c r="N811870" s="10"/>
    </row>
    <row r="811871" spans="14:14">
      <c r="N811871" s="10"/>
    </row>
    <row r="811872" spans="14:14">
      <c r="N811872" s="10"/>
    </row>
    <row r="811873" spans="14:14">
      <c r="N811873" s="10"/>
    </row>
    <row r="811874" spans="14:14">
      <c r="N811874" s="10"/>
    </row>
    <row r="811875" spans="14:14">
      <c r="N811875" s="10"/>
    </row>
    <row r="811876" spans="14:14">
      <c r="N811876" s="10"/>
    </row>
    <row r="811877" spans="14:14">
      <c r="N811877" s="10"/>
    </row>
    <row r="811878" spans="14:14">
      <c r="N811878" s="10"/>
    </row>
    <row r="811879" spans="14:14">
      <c r="N811879" s="10"/>
    </row>
    <row r="811880" spans="14:14">
      <c r="N811880" s="10"/>
    </row>
    <row r="811881" spans="14:14">
      <c r="N811881" s="10"/>
    </row>
    <row r="811882" spans="14:14">
      <c r="N811882" s="10"/>
    </row>
    <row r="811883" spans="14:14">
      <c r="N811883" s="10"/>
    </row>
    <row r="811884" spans="14:14">
      <c r="N811884" s="10"/>
    </row>
    <row r="811885" spans="14:14">
      <c r="N811885" s="10"/>
    </row>
    <row r="811886" spans="14:14">
      <c r="N811886" s="10"/>
    </row>
    <row r="811887" spans="14:14">
      <c r="N811887" s="10"/>
    </row>
    <row r="811888" spans="14:14">
      <c r="N811888" s="10"/>
    </row>
    <row r="811889" spans="14:14">
      <c r="N811889" s="10"/>
    </row>
    <row r="811890" spans="14:14">
      <c r="N811890" s="10"/>
    </row>
    <row r="811891" spans="14:14">
      <c r="N811891" s="10"/>
    </row>
    <row r="811892" spans="14:14">
      <c r="N811892" s="10"/>
    </row>
    <row r="811893" spans="14:14">
      <c r="N811893" s="10"/>
    </row>
    <row r="811894" spans="14:14">
      <c r="N811894" s="10"/>
    </row>
    <row r="811895" spans="14:14">
      <c r="N811895" s="10"/>
    </row>
    <row r="811896" spans="14:14">
      <c r="N811896" s="10"/>
    </row>
    <row r="811897" spans="14:14">
      <c r="N811897" s="10"/>
    </row>
    <row r="811898" spans="14:14">
      <c r="N811898" s="10"/>
    </row>
    <row r="811899" spans="14:14">
      <c r="N811899" s="10"/>
    </row>
    <row r="811900" spans="14:14">
      <c r="N811900" s="10"/>
    </row>
    <row r="811901" spans="14:14">
      <c r="N811901" s="10"/>
    </row>
    <row r="811902" spans="14:14">
      <c r="N811902" s="10"/>
    </row>
    <row r="811903" spans="14:14">
      <c r="N811903" s="10"/>
    </row>
    <row r="811904" spans="14:14">
      <c r="N811904" s="10"/>
    </row>
    <row r="811905" spans="14:14">
      <c r="N811905" s="10"/>
    </row>
    <row r="811906" spans="14:14">
      <c r="N811906" s="10"/>
    </row>
    <row r="811907" spans="14:14">
      <c r="N811907" s="10"/>
    </row>
    <row r="811908" spans="14:14">
      <c r="N811908" s="10"/>
    </row>
    <row r="811909" spans="14:14">
      <c r="N811909" s="10"/>
    </row>
    <row r="811910" spans="14:14">
      <c r="N811910" s="10"/>
    </row>
    <row r="811911" spans="14:14">
      <c r="N811911" s="10"/>
    </row>
    <row r="811912" spans="14:14">
      <c r="N811912" s="10"/>
    </row>
    <row r="811913" spans="14:14">
      <c r="N811913" s="10"/>
    </row>
    <row r="811914" spans="14:14">
      <c r="N811914" s="10"/>
    </row>
    <row r="811915" spans="14:14">
      <c r="N811915" s="10"/>
    </row>
    <row r="811916" spans="14:14">
      <c r="N811916" s="10"/>
    </row>
    <row r="811917" spans="14:14">
      <c r="N811917" s="10"/>
    </row>
    <row r="811918" spans="14:14">
      <c r="N811918" s="10"/>
    </row>
    <row r="811919" spans="14:14">
      <c r="N811919" s="10"/>
    </row>
    <row r="811920" spans="14:14">
      <c r="N811920" s="10"/>
    </row>
    <row r="811921" spans="14:14">
      <c r="N811921" s="10"/>
    </row>
    <row r="811922" spans="14:14">
      <c r="N811922" s="10"/>
    </row>
    <row r="811923" spans="14:14">
      <c r="N811923" s="10"/>
    </row>
    <row r="811924" spans="14:14">
      <c r="N811924" s="10"/>
    </row>
    <row r="811925" spans="14:14">
      <c r="N811925" s="10"/>
    </row>
    <row r="811926" spans="14:14">
      <c r="N811926" s="10"/>
    </row>
    <row r="811927" spans="14:14">
      <c r="N811927" s="10"/>
    </row>
    <row r="811928" spans="14:14">
      <c r="N811928" s="10"/>
    </row>
    <row r="811929" spans="14:14">
      <c r="N811929" s="10"/>
    </row>
    <row r="811930" spans="14:14">
      <c r="N811930" s="10"/>
    </row>
    <row r="811931" spans="14:14">
      <c r="N811931" s="10"/>
    </row>
    <row r="811932" spans="14:14">
      <c r="N811932" s="10"/>
    </row>
    <row r="811933" spans="14:14">
      <c r="N811933" s="10"/>
    </row>
    <row r="811934" spans="14:14">
      <c r="N811934" s="10"/>
    </row>
    <row r="811935" spans="14:14">
      <c r="N811935" s="10"/>
    </row>
    <row r="811936" spans="14:14">
      <c r="N811936" s="10"/>
    </row>
    <row r="811937" spans="14:14">
      <c r="N811937" s="10"/>
    </row>
    <row r="811938" spans="14:14">
      <c r="N811938" s="10"/>
    </row>
    <row r="811939" spans="14:14">
      <c r="N811939" s="10"/>
    </row>
    <row r="811940" spans="14:14">
      <c r="N811940" s="10"/>
    </row>
    <row r="811941" spans="14:14">
      <c r="N811941" s="10"/>
    </row>
    <row r="811942" spans="14:14">
      <c r="N811942" s="10"/>
    </row>
    <row r="811943" spans="14:14">
      <c r="N811943" s="10"/>
    </row>
    <row r="811944" spans="14:14">
      <c r="N811944" s="10"/>
    </row>
    <row r="811945" spans="14:14">
      <c r="N811945" s="10"/>
    </row>
    <row r="811946" spans="14:14">
      <c r="N811946" s="10"/>
    </row>
    <row r="811947" spans="14:14">
      <c r="N811947" s="10"/>
    </row>
    <row r="811948" spans="14:14">
      <c r="N811948" s="10"/>
    </row>
    <row r="811949" spans="14:14">
      <c r="N811949" s="10"/>
    </row>
    <row r="811950" spans="14:14">
      <c r="N811950" s="10"/>
    </row>
    <row r="811951" spans="14:14">
      <c r="N811951" s="10"/>
    </row>
    <row r="811952" spans="14:14">
      <c r="N811952" s="10"/>
    </row>
    <row r="811953" spans="14:14">
      <c r="N811953" s="10"/>
    </row>
    <row r="811954" spans="14:14">
      <c r="N811954" s="10"/>
    </row>
    <row r="811955" spans="14:14">
      <c r="N811955" s="10"/>
    </row>
    <row r="811956" spans="14:14">
      <c r="N811956" s="10"/>
    </row>
    <row r="811957" spans="14:14">
      <c r="N811957" s="10"/>
    </row>
    <row r="811958" spans="14:14">
      <c r="N811958" s="10"/>
    </row>
    <row r="811959" spans="14:14">
      <c r="N811959" s="10"/>
    </row>
    <row r="811960" spans="14:14">
      <c r="N811960" s="10"/>
    </row>
    <row r="811961" spans="14:14">
      <c r="N811961" s="10"/>
    </row>
    <row r="811962" spans="14:14">
      <c r="N811962" s="10"/>
    </row>
    <row r="811963" spans="14:14">
      <c r="N811963" s="10"/>
    </row>
    <row r="811964" spans="14:14">
      <c r="N811964" s="10"/>
    </row>
    <row r="811965" spans="14:14">
      <c r="N811965" s="10"/>
    </row>
    <row r="811966" spans="14:14">
      <c r="N811966" s="10"/>
    </row>
    <row r="811967" spans="14:14">
      <c r="N811967" s="10"/>
    </row>
    <row r="811968" spans="14:14">
      <c r="N811968" s="10"/>
    </row>
    <row r="811969" spans="14:14">
      <c r="N811969" s="10"/>
    </row>
    <row r="811970" spans="14:14">
      <c r="N811970" s="10"/>
    </row>
    <row r="811971" spans="14:14">
      <c r="N811971" s="10"/>
    </row>
    <row r="811972" spans="14:14">
      <c r="N811972" s="10"/>
    </row>
    <row r="811973" spans="14:14">
      <c r="N811973" s="10"/>
    </row>
    <row r="811974" spans="14:14">
      <c r="N811974" s="10"/>
    </row>
    <row r="811975" spans="14:14">
      <c r="N811975" s="10"/>
    </row>
    <row r="811976" spans="14:14">
      <c r="N811976" s="10"/>
    </row>
    <row r="811977" spans="14:14">
      <c r="N811977" s="10"/>
    </row>
    <row r="811978" spans="14:14">
      <c r="N811978" s="10"/>
    </row>
    <row r="811979" spans="14:14">
      <c r="N811979" s="10"/>
    </row>
    <row r="811980" spans="14:14">
      <c r="N811980" s="10"/>
    </row>
    <row r="811981" spans="14:14">
      <c r="N811981" s="10"/>
    </row>
    <row r="811982" spans="14:14">
      <c r="N811982" s="10"/>
    </row>
    <row r="811983" spans="14:14">
      <c r="N811983" s="10"/>
    </row>
    <row r="811984" spans="14:14">
      <c r="N811984" s="10"/>
    </row>
    <row r="811985" spans="14:14">
      <c r="N811985" s="10"/>
    </row>
    <row r="811986" spans="14:14">
      <c r="N811986" s="10"/>
    </row>
    <row r="811987" spans="14:14">
      <c r="N811987" s="10"/>
    </row>
    <row r="811988" spans="14:14">
      <c r="N811988" s="10"/>
    </row>
    <row r="811989" spans="14:14">
      <c r="N811989" s="10"/>
    </row>
    <row r="811990" spans="14:14">
      <c r="N811990" s="10"/>
    </row>
    <row r="811991" spans="14:14">
      <c r="N811991" s="10"/>
    </row>
    <row r="811992" spans="14:14">
      <c r="N811992" s="10"/>
    </row>
    <row r="811993" spans="14:14">
      <c r="N811993" s="10"/>
    </row>
    <row r="811994" spans="14:14">
      <c r="N811994" s="10"/>
    </row>
    <row r="811995" spans="14:14">
      <c r="N811995" s="10"/>
    </row>
    <row r="811996" spans="14:14">
      <c r="N811996" s="10"/>
    </row>
    <row r="811997" spans="14:14">
      <c r="N811997" s="10"/>
    </row>
    <row r="811998" spans="14:14">
      <c r="N811998" s="10"/>
    </row>
    <row r="811999" spans="14:14">
      <c r="N811999" s="10"/>
    </row>
    <row r="812000" spans="14:14">
      <c r="N812000" s="10"/>
    </row>
    <row r="812001" spans="14:14">
      <c r="N812001" s="10"/>
    </row>
    <row r="812002" spans="14:14">
      <c r="N812002" s="10"/>
    </row>
    <row r="812003" spans="14:14">
      <c r="N812003" s="10"/>
    </row>
    <row r="812004" spans="14:14">
      <c r="N812004" s="10"/>
    </row>
    <row r="812005" spans="14:14">
      <c r="N812005" s="10"/>
    </row>
    <row r="812006" spans="14:14">
      <c r="N812006" s="10"/>
    </row>
    <row r="812007" spans="14:14">
      <c r="N812007" s="10"/>
    </row>
    <row r="812008" spans="14:14">
      <c r="N812008" s="10"/>
    </row>
    <row r="812009" spans="14:14">
      <c r="N812009" s="10"/>
    </row>
    <row r="812010" spans="14:14">
      <c r="N812010" s="10"/>
    </row>
    <row r="812011" spans="14:14">
      <c r="N812011" s="10"/>
    </row>
    <row r="812012" spans="14:14">
      <c r="N812012" s="10"/>
    </row>
    <row r="812013" spans="14:14">
      <c r="N812013" s="10"/>
    </row>
    <row r="812014" spans="14:14">
      <c r="N812014" s="10"/>
    </row>
    <row r="812015" spans="14:14">
      <c r="N812015" s="10"/>
    </row>
    <row r="812016" spans="14:14">
      <c r="N812016" s="10"/>
    </row>
    <row r="812017" spans="14:14">
      <c r="N812017" s="10"/>
    </row>
    <row r="812018" spans="14:14">
      <c r="N812018" s="10"/>
    </row>
    <row r="812019" spans="14:14">
      <c r="N812019" s="10"/>
    </row>
    <row r="812020" spans="14:14">
      <c r="N812020" s="10"/>
    </row>
    <row r="812021" spans="14:14">
      <c r="N812021" s="10"/>
    </row>
    <row r="812022" spans="14:14">
      <c r="N812022" s="10"/>
    </row>
    <row r="812023" spans="14:14">
      <c r="N812023" s="10"/>
    </row>
    <row r="812024" spans="14:14">
      <c r="N812024" s="10"/>
    </row>
    <row r="812025" spans="14:14">
      <c r="N812025" s="10"/>
    </row>
    <row r="812026" spans="14:14">
      <c r="N812026" s="10"/>
    </row>
    <row r="812027" spans="14:14">
      <c r="N812027" s="10"/>
    </row>
    <row r="812028" spans="14:14">
      <c r="N812028" s="10"/>
    </row>
    <row r="812029" spans="14:14">
      <c r="N812029" s="10"/>
    </row>
    <row r="812030" spans="14:14">
      <c r="N812030" s="10"/>
    </row>
    <row r="812031" spans="14:14">
      <c r="N812031" s="10"/>
    </row>
    <row r="812032" spans="14:14">
      <c r="N812032" s="10"/>
    </row>
    <row r="812033" spans="14:14">
      <c r="N812033" s="10"/>
    </row>
    <row r="812034" spans="14:14">
      <c r="N812034" s="10"/>
    </row>
    <row r="812035" spans="14:14">
      <c r="N812035" s="10"/>
    </row>
    <row r="812036" spans="14:14">
      <c r="N812036" s="10"/>
    </row>
    <row r="812037" spans="14:14">
      <c r="N812037" s="10"/>
    </row>
    <row r="812038" spans="14:14">
      <c r="N812038" s="10"/>
    </row>
    <row r="812039" spans="14:14">
      <c r="N812039" s="10"/>
    </row>
    <row r="812040" spans="14:14">
      <c r="N812040" s="10"/>
    </row>
    <row r="812041" spans="14:14">
      <c r="N812041" s="10"/>
    </row>
    <row r="812042" spans="14:14">
      <c r="N812042" s="10"/>
    </row>
    <row r="812043" spans="14:14">
      <c r="N812043" s="10"/>
    </row>
    <row r="812044" spans="14:14">
      <c r="N812044" s="10"/>
    </row>
    <row r="812045" spans="14:14">
      <c r="N812045" s="10"/>
    </row>
    <row r="812046" spans="14:14">
      <c r="N812046" s="10"/>
    </row>
    <row r="812047" spans="14:14">
      <c r="N812047" s="10"/>
    </row>
    <row r="812048" spans="14:14">
      <c r="N812048" s="10"/>
    </row>
    <row r="812049" spans="14:14">
      <c r="N812049" s="10"/>
    </row>
    <row r="812050" spans="14:14">
      <c r="N812050" s="10"/>
    </row>
    <row r="812051" spans="14:14">
      <c r="N812051" s="10"/>
    </row>
    <row r="812052" spans="14:14">
      <c r="N812052" s="10"/>
    </row>
    <row r="812053" spans="14:14">
      <c r="N812053" s="10"/>
    </row>
    <row r="812054" spans="14:14">
      <c r="N812054" s="10"/>
    </row>
    <row r="812055" spans="14:14">
      <c r="N812055" s="10"/>
    </row>
    <row r="812056" spans="14:14">
      <c r="N812056" s="10"/>
    </row>
    <row r="812057" spans="14:14">
      <c r="N812057" s="10"/>
    </row>
    <row r="812058" spans="14:14">
      <c r="N812058" s="10"/>
    </row>
    <row r="812059" spans="14:14">
      <c r="N812059" s="10"/>
    </row>
    <row r="812060" spans="14:14">
      <c r="N812060" s="10"/>
    </row>
    <row r="812061" spans="14:14">
      <c r="N812061" s="10"/>
    </row>
    <row r="812062" spans="14:14">
      <c r="N812062" s="10"/>
    </row>
    <row r="812063" spans="14:14">
      <c r="N812063" s="10"/>
    </row>
    <row r="812064" spans="14:14">
      <c r="N812064" s="10"/>
    </row>
    <row r="812065" spans="14:14">
      <c r="N812065" s="10"/>
    </row>
    <row r="812066" spans="14:14">
      <c r="N812066" s="10"/>
    </row>
    <row r="812067" spans="14:14">
      <c r="N812067" s="10"/>
    </row>
    <row r="812068" spans="14:14">
      <c r="N812068" s="10"/>
    </row>
    <row r="812069" spans="14:14">
      <c r="N812069" s="10"/>
    </row>
    <row r="812070" spans="14:14">
      <c r="N812070" s="10"/>
    </row>
    <row r="812071" spans="14:14">
      <c r="N812071" s="10"/>
    </row>
    <row r="812072" spans="14:14">
      <c r="N812072" s="10"/>
    </row>
    <row r="812073" spans="14:14">
      <c r="N812073" s="10"/>
    </row>
    <row r="812074" spans="14:14">
      <c r="N812074" s="10"/>
    </row>
    <row r="812075" spans="14:14">
      <c r="N812075" s="10"/>
    </row>
    <row r="812076" spans="14:14">
      <c r="N812076" s="10"/>
    </row>
    <row r="812077" spans="14:14">
      <c r="N812077" s="10"/>
    </row>
    <row r="812078" spans="14:14">
      <c r="N812078" s="10"/>
    </row>
    <row r="812079" spans="14:14">
      <c r="N812079" s="10"/>
    </row>
    <row r="812080" spans="14:14">
      <c r="N812080" s="10"/>
    </row>
    <row r="812081" spans="14:14">
      <c r="N812081" s="10"/>
    </row>
    <row r="812082" spans="14:14">
      <c r="N812082" s="10"/>
    </row>
    <row r="812083" spans="14:14">
      <c r="N812083" s="10"/>
    </row>
    <row r="812084" spans="14:14">
      <c r="N812084" s="10"/>
    </row>
    <row r="812085" spans="14:14">
      <c r="N812085" s="10"/>
    </row>
    <row r="812086" spans="14:14">
      <c r="N812086" s="10"/>
    </row>
    <row r="812087" spans="14:14">
      <c r="N812087" s="10"/>
    </row>
    <row r="812088" spans="14:14">
      <c r="N812088" s="10"/>
    </row>
    <row r="812089" spans="14:14">
      <c r="N812089" s="10"/>
    </row>
    <row r="812090" spans="14:14">
      <c r="N812090" s="10"/>
    </row>
    <row r="812091" spans="14:14">
      <c r="N812091" s="10"/>
    </row>
    <row r="812092" spans="14:14">
      <c r="N812092" s="10"/>
    </row>
    <row r="812093" spans="14:14">
      <c r="N812093" s="10"/>
    </row>
    <row r="812094" spans="14:14">
      <c r="N812094" s="10"/>
    </row>
    <row r="812095" spans="14:14">
      <c r="N812095" s="10"/>
    </row>
    <row r="812096" spans="14:14">
      <c r="N812096" s="10"/>
    </row>
    <row r="812097" spans="14:14">
      <c r="N812097" s="10"/>
    </row>
    <row r="812098" spans="14:14">
      <c r="N812098" s="10"/>
    </row>
    <row r="812099" spans="14:14">
      <c r="N812099" s="10"/>
    </row>
    <row r="812100" spans="14:14">
      <c r="N812100" s="10"/>
    </row>
    <row r="812101" spans="14:14">
      <c r="N812101" s="10"/>
    </row>
    <row r="812102" spans="14:14">
      <c r="N812102" s="10"/>
    </row>
    <row r="812103" spans="14:14">
      <c r="N812103" s="10"/>
    </row>
    <row r="812104" spans="14:14">
      <c r="N812104" s="10"/>
    </row>
    <row r="812105" spans="14:14">
      <c r="N812105" s="10"/>
    </row>
    <row r="812106" spans="14:14">
      <c r="N812106" s="10"/>
    </row>
    <row r="812107" spans="14:14">
      <c r="N812107" s="10"/>
    </row>
    <row r="812108" spans="14:14">
      <c r="N812108" s="10"/>
    </row>
    <row r="812109" spans="14:14">
      <c r="N812109" s="10"/>
    </row>
    <row r="812110" spans="14:14">
      <c r="N812110" s="10"/>
    </row>
    <row r="812111" spans="14:14">
      <c r="N812111" s="10"/>
    </row>
    <row r="812112" spans="14:14">
      <c r="N812112" s="10"/>
    </row>
    <row r="812113" spans="14:14">
      <c r="N812113" s="10"/>
    </row>
    <row r="812114" spans="14:14">
      <c r="N812114" s="10"/>
    </row>
    <row r="812115" spans="14:14">
      <c r="N812115" s="10"/>
    </row>
    <row r="812116" spans="14:14">
      <c r="N812116" s="10"/>
    </row>
    <row r="812117" spans="14:14">
      <c r="N812117" s="10"/>
    </row>
    <row r="812118" spans="14:14">
      <c r="N812118" s="10"/>
    </row>
    <row r="812119" spans="14:14">
      <c r="N812119" s="10"/>
    </row>
    <row r="812120" spans="14:14">
      <c r="N812120" s="10"/>
    </row>
    <row r="812121" spans="14:14">
      <c r="N812121" s="10"/>
    </row>
    <row r="812122" spans="14:14">
      <c r="N812122" s="10"/>
    </row>
    <row r="812123" spans="14:14">
      <c r="N812123" s="10"/>
    </row>
    <row r="812124" spans="14:14">
      <c r="N812124" s="10"/>
    </row>
    <row r="812125" spans="14:14">
      <c r="N812125" s="10"/>
    </row>
    <row r="812126" spans="14:14">
      <c r="N812126" s="10"/>
    </row>
    <row r="812127" spans="14:14">
      <c r="N812127" s="10"/>
    </row>
    <row r="812128" spans="14:14">
      <c r="N812128" s="10"/>
    </row>
    <row r="812129" spans="14:14">
      <c r="N812129" s="10"/>
    </row>
    <row r="812130" spans="14:14">
      <c r="N812130" s="10"/>
    </row>
    <row r="812131" spans="14:14">
      <c r="N812131" s="10"/>
    </row>
    <row r="812132" spans="14:14">
      <c r="N812132" s="10"/>
    </row>
    <row r="812133" spans="14:14">
      <c r="N812133" s="10"/>
    </row>
    <row r="812134" spans="14:14">
      <c r="N812134" s="10"/>
    </row>
    <row r="812135" spans="14:14">
      <c r="N812135" s="10"/>
    </row>
    <row r="812136" spans="14:14">
      <c r="N812136" s="10"/>
    </row>
    <row r="812137" spans="14:14">
      <c r="N812137" s="10"/>
    </row>
    <row r="812138" spans="14:14">
      <c r="N812138" s="10"/>
    </row>
    <row r="812139" spans="14:14">
      <c r="N812139" s="10"/>
    </row>
    <row r="812140" spans="14:14">
      <c r="N812140" s="10"/>
    </row>
    <row r="812141" spans="14:14">
      <c r="N812141" s="10"/>
    </row>
    <row r="812142" spans="14:14">
      <c r="N812142" s="10"/>
    </row>
    <row r="812143" spans="14:14">
      <c r="N812143" s="10"/>
    </row>
    <row r="812144" spans="14:14">
      <c r="N812144" s="10"/>
    </row>
    <row r="812145" spans="14:14">
      <c r="N812145" s="10"/>
    </row>
    <row r="812146" spans="14:14">
      <c r="N812146" s="10"/>
    </row>
    <row r="812147" spans="14:14">
      <c r="N812147" s="10"/>
    </row>
    <row r="812148" spans="14:14">
      <c r="N812148" s="10"/>
    </row>
    <row r="812149" spans="14:14">
      <c r="N812149" s="10"/>
    </row>
    <row r="812150" spans="14:14">
      <c r="N812150" s="10"/>
    </row>
    <row r="812151" spans="14:14">
      <c r="N812151" s="10"/>
    </row>
    <row r="812152" spans="14:14">
      <c r="N812152" s="10"/>
    </row>
    <row r="812153" spans="14:14">
      <c r="N812153" s="10"/>
    </row>
    <row r="812154" spans="14:14">
      <c r="N812154" s="10"/>
    </row>
    <row r="812155" spans="14:14">
      <c r="N812155" s="10"/>
    </row>
    <row r="812156" spans="14:14">
      <c r="N812156" s="10"/>
    </row>
    <row r="812157" spans="14:14">
      <c r="N812157" s="10"/>
    </row>
    <row r="812158" spans="14:14">
      <c r="N812158" s="10"/>
    </row>
    <row r="812159" spans="14:14">
      <c r="N812159" s="10"/>
    </row>
    <row r="812160" spans="14:14">
      <c r="N812160" s="10"/>
    </row>
    <row r="812161" spans="14:14">
      <c r="N812161" s="10"/>
    </row>
    <row r="812162" spans="14:14">
      <c r="N812162" s="10"/>
    </row>
    <row r="812163" spans="14:14">
      <c r="N812163" s="10"/>
    </row>
    <row r="812164" spans="14:14">
      <c r="N812164" s="10"/>
    </row>
    <row r="812165" spans="14:14">
      <c r="N812165" s="10"/>
    </row>
    <row r="812166" spans="14:14">
      <c r="N812166" s="10"/>
    </row>
    <row r="812167" spans="14:14">
      <c r="N812167" s="10"/>
    </row>
    <row r="812168" spans="14:14">
      <c r="N812168" s="10"/>
    </row>
    <row r="812169" spans="14:14">
      <c r="N812169" s="10"/>
    </row>
    <row r="812170" spans="14:14">
      <c r="N812170" s="10"/>
    </row>
    <row r="812171" spans="14:14">
      <c r="N812171" s="10"/>
    </row>
    <row r="812172" spans="14:14">
      <c r="N812172" s="10"/>
    </row>
    <row r="812173" spans="14:14">
      <c r="N812173" s="10"/>
    </row>
    <row r="812174" spans="14:14">
      <c r="N812174" s="10"/>
    </row>
    <row r="812175" spans="14:14">
      <c r="N812175" s="10"/>
    </row>
    <row r="812176" spans="14:14">
      <c r="N812176" s="10"/>
    </row>
    <row r="812177" spans="14:14">
      <c r="N812177" s="10"/>
    </row>
    <row r="812178" spans="14:14">
      <c r="N812178" s="10"/>
    </row>
    <row r="812179" spans="14:14">
      <c r="N812179" s="10"/>
    </row>
    <row r="812180" spans="14:14">
      <c r="N812180" s="10"/>
    </row>
    <row r="812181" spans="14:14">
      <c r="N812181" s="10"/>
    </row>
    <row r="812182" spans="14:14">
      <c r="N812182" s="10"/>
    </row>
    <row r="812183" spans="14:14">
      <c r="N812183" s="10"/>
    </row>
    <row r="812184" spans="14:14">
      <c r="N812184" s="10"/>
    </row>
    <row r="812185" spans="14:14">
      <c r="N812185" s="10"/>
    </row>
    <row r="812186" spans="14:14">
      <c r="N812186" s="10"/>
    </row>
    <row r="812187" spans="14:14">
      <c r="N812187" s="10"/>
    </row>
    <row r="812188" spans="14:14">
      <c r="N812188" s="10"/>
    </row>
    <row r="812189" spans="14:14">
      <c r="N812189" s="10"/>
    </row>
    <row r="812190" spans="14:14">
      <c r="N812190" s="10"/>
    </row>
    <row r="812191" spans="14:14">
      <c r="N812191" s="10"/>
    </row>
    <row r="812192" spans="14:14">
      <c r="N812192" s="10"/>
    </row>
    <row r="812193" spans="14:14">
      <c r="N812193" s="10"/>
    </row>
    <row r="812194" spans="14:14">
      <c r="N812194" s="10"/>
    </row>
    <row r="812195" spans="14:14">
      <c r="N812195" s="10"/>
    </row>
    <row r="812196" spans="14:14">
      <c r="N812196" s="10"/>
    </row>
    <row r="812197" spans="14:14">
      <c r="N812197" s="10"/>
    </row>
    <row r="812198" spans="14:14">
      <c r="N812198" s="10"/>
    </row>
    <row r="812199" spans="14:14">
      <c r="N812199" s="10"/>
    </row>
    <row r="812200" spans="14:14">
      <c r="N812200" s="10"/>
    </row>
    <row r="812201" spans="14:14">
      <c r="N812201" s="10"/>
    </row>
    <row r="812202" spans="14:14">
      <c r="N812202" s="10"/>
    </row>
    <row r="812203" spans="14:14">
      <c r="N812203" s="10"/>
    </row>
    <row r="812204" spans="14:14">
      <c r="N812204" s="10"/>
    </row>
    <row r="812205" spans="14:14">
      <c r="N812205" s="10"/>
    </row>
    <row r="812206" spans="14:14">
      <c r="N812206" s="10"/>
    </row>
    <row r="812207" spans="14:14">
      <c r="N812207" s="10"/>
    </row>
    <row r="812208" spans="14:14">
      <c r="N812208" s="10"/>
    </row>
    <row r="812209" spans="14:14">
      <c r="N812209" s="10"/>
    </row>
    <row r="812210" spans="14:14">
      <c r="N812210" s="10"/>
    </row>
    <row r="812211" spans="14:14">
      <c r="N812211" s="10"/>
    </row>
    <row r="812212" spans="14:14">
      <c r="N812212" s="10"/>
    </row>
    <row r="812213" spans="14:14">
      <c r="N812213" s="10"/>
    </row>
    <row r="812214" spans="14:14">
      <c r="N812214" s="10"/>
    </row>
    <row r="812215" spans="14:14">
      <c r="N812215" s="10"/>
    </row>
    <row r="812216" spans="14:14">
      <c r="N812216" s="10"/>
    </row>
    <row r="812217" spans="14:14">
      <c r="N812217" s="10"/>
    </row>
    <row r="812218" spans="14:14">
      <c r="N812218" s="10"/>
    </row>
    <row r="812219" spans="14:14">
      <c r="N812219" s="10"/>
    </row>
    <row r="812220" spans="14:14">
      <c r="N812220" s="10"/>
    </row>
    <row r="812221" spans="14:14">
      <c r="N812221" s="10"/>
    </row>
    <row r="812222" spans="14:14">
      <c r="N812222" s="10"/>
    </row>
    <row r="812223" spans="14:14">
      <c r="N812223" s="10"/>
    </row>
    <row r="812224" spans="14:14">
      <c r="N812224" s="10"/>
    </row>
    <row r="812225" spans="14:14">
      <c r="N812225" s="10"/>
    </row>
    <row r="812226" spans="14:14">
      <c r="N812226" s="10"/>
    </row>
    <row r="812227" spans="14:14">
      <c r="N812227" s="10"/>
    </row>
    <row r="812228" spans="14:14">
      <c r="N812228" s="10"/>
    </row>
    <row r="812229" spans="14:14">
      <c r="N812229" s="10"/>
    </row>
    <row r="812230" spans="14:14">
      <c r="N812230" s="10"/>
    </row>
    <row r="812231" spans="14:14">
      <c r="N812231" s="10"/>
    </row>
    <row r="812232" spans="14:14">
      <c r="N812232" s="10"/>
    </row>
    <row r="812233" spans="14:14">
      <c r="N812233" s="10"/>
    </row>
    <row r="812234" spans="14:14">
      <c r="N812234" s="10"/>
    </row>
    <row r="812235" spans="14:14">
      <c r="N812235" s="10"/>
    </row>
    <row r="812236" spans="14:14">
      <c r="N812236" s="10"/>
    </row>
    <row r="812237" spans="14:14">
      <c r="N812237" s="10"/>
    </row>
    <row r="812238" spans="14:14">
      <c r="N812238" s="10"/>
    </row>
    <row r="812239" spans="14:14">
      <c r="N812239" s="10"/>
    </row>
    <row r="812240" spans="14:14">
      <c r="N812240" s="10"/>
    </row>
    <row r="812241" spans="14:14">
      <c r="N812241" s="10"/>
    </row>
    <row r="812242" spans="14:14">
      <c r="N812242" s="10"/>
    </row>
    <row r="812243" spans="14:14">
      <c r="N812243" s="10"/>
    </row>
    <row r="812244" spans="14:14">
      <c r="N812244" s="10"/>
    </row>
    <row r="812245" spans="14:14">
      <c r="N812245" s="10"/>
    </row>
    <row r="812246" spans="14:14">
      <c r="N812246" s="10"/>
    </row>
    <row r="812247" spans="14:14">
      <c r="N812247" s="10"/>
    </row>
    <row r="812248" spans="14:14">
      <c r="N812248" s="10"/>
    </row>
    <row r="812249" spans="14:14">
      <c r="N812249" s="10"/>
    </row>
    <row r="812250" spans="14:14">
      <c r="N812250" s="10"/>
    </row>
    <row r="812251" spans="14:14">
      <c r="N812251" s="10"/>
    </row>
    <row r="812252" spans="14:14">
      <c r="N812252" s="10"/>
    </row>
    <row r="812253" spans="14:14">
      <c r="N812253" s="10"/>
    </row>
    <row r="812254" spans="14:14">
      <c r="N812254" s="10"/>
    </row>
    <row r="812255" spans="14:14">
      <c r="N812255" s="10"/>
    </row>
    <row r="812256" spans="14:14">
      <c r="N812256" s="10"/>
    </row>
    <row r="812257" spans="14:14">
      <c r="N812257" s="10"/>
    </row>
    <row r="812258" spans="14:14">
      <c r="N812258" s="10"/>
    </row>
    <row r="812259" spans="14:14">
      <c r="N812259" s="10"/>
    </row>
    <row r="812260" spans="14:14">
      <c r="N812260" s="10"/>
    </row>
    <row r="812261" spans="14:14">
      <c r="N812261" s="10"/>
    </row>
    <row r="812262" spans="14:14">
      <c r="N812262" s="10"/>
    </row>
    <row r="812263" spans="14:14">
      <c r="N812263" s="10"/>
    </row>
    <row r="812264" spans="14:14">
      <c r="N812264" s="10"/>
    </row>
    <row r="812265" spans="14:14">
      <c r="N812265" s="10"/>
    </row>
    <row r="812266" spans="14:14">
      <c r="N812266" s="10"/>
    </row>
    <row r="812267" spans="14:14">
      <c r="N812267" s="10"/>
    </row>
    <row r="812268" spans="14:14">
      <c r="N812268" s="10"/>
    </row>
    <row r="812269" spans="14:14">
      <c r="N812269" s="10"/>
    </row>
    <row r="812270" spans="14:14">
      <c r="N812270" s="10"/>
    </row>
    <row r="812271" spans="14:14">
      <c r="N812271" s="10"/>
    </row>
    <row r="812272" spans="14:14">
      <c r="N812272" s="10"/>
    </row>
    <row r="812273" spans="14:14">
      <c r="N812273" s="10"/>
    </row>
    <row r="812274" spans="14:14">
      <c r="N812274" s="10"/>
    </row>
    <row r="812275" spans="14:14">
      <c r="N812275" s="10"/>
    </row>
    <row r="812276" spans="14:14">
      <c r="N812276" s="10"/>
    </row>
    <row r="812277" spans="14:14">
      <c r="N812277" s="10"/>
    </row>
    <row r="812278" spans="14:14">
      <c r="N812278" s="10"/>
    </row>
    <row r="812279" spans="14:14">
      <c r="N812279" s="10"/>
    </row>
    <row r="812280" spans="14:14">
      <c r="N812280" s="10"/>
    </row>
    <row r="812281" spans="14:14">
      <c r="N812281" s="10"/>
    </row>
    <row r="812282" spans="14:14">
      <c r="N812282" s="10"/>
    </row>
    <row r="812283" spans="14:14">
      <c r="N812283" s="10"/>
    </row>
    <row r="812284" spans="14:14">
      <c r="N812284" s="10"/>
    </row>
    <row r="812285" spans="14:14">
      <c r="N812285" s="10"/>
    </row>
    <row r="812286" spans="14:14">
      <c r="N812286" s="10"/>
    </row>
    <row r="812287" spans="14:14">
      <c r="N812287" s="10"/>
    </row>
    <row r="812288" spans="14:14">
      <c r="N812288" s="10"/>
    </row>
    <row r="812289" spans="14:14">
      <c r="N812289" s="10"/>
    </row>
    <row r="812290" spans="14:14">
      <c r="N812290" s="10"/>
    </row>
    <row r="812291" spans="14:14">
      <c r="N812291" s="10"/>
    </row>
    <row r="812292" spans="14:14">
      <c r="N812292" s="10"/>
    </row>
    <row r="812293" spans="14:14">
      <c r="N812293" s="10"/>
    </row>
    <row r="812294" spans="14:14">
      <c r="N812294" s="10"/>
    </row>
    <row r="812295" spans="14:14">
      <c r="N812295" s="10"/>
    </row>
    <row r="812296" spans="14:14">
      <c r="N812296" s="10"/>
    </row>
    <row r="812297" spans="14:14">
      <c r="N812297" s="10"/>
    </row>
    <row r="812298" spans="14:14">
      <c r="N812298" s="10"/>
    </row>
    <row r="812299" spans="14:14">
      <c r="N812299" s="10"/>
    </row>
    <row r="812300" spans="14:14">
      <c r="N812300" s="10"/>
    </row>
    <row r="812301" spans="14:14">
      <c r="N812301" s="10"/>
    </row>
    <row r="812302" spans="14:14">
      <c r="N812302" s="10"/>
    </row>
    <row r="812303" spans="14:14">
      <c r="N812303" s="10"/>
    </row>
    <row r="812304" spans="14:14">
      <c r="N812304" s="10"/>
    </row>
    <row r="812305" spans="14:14">
      <c r="N812305" s="10"/>
    </row>
    <row r="812306" spans="14:14">
      <c r="N812306" s="10"/>
    </row>
    <row r="812307" spans="14:14">
      <c r="N812307" s="10"/>
    </row>
    <row r="812308" spans="14:14">
      <c r="N812308" s="10"/>
    </row>
    <row r="812309" spans="14:14">
      <c r="N812309" s="10"/>
    </row>
    <row r="812310" spans="14:14">
      <c r="N812310" s="10"/>
    </row>
    <row r="812311" spans="14:14">
      <c r="N812311" s="10"/>
    </row>
    <row r="812312" spans="14:14">
      <c r="N812312" s="10"/>
    </row>
    <row r="812313" spans="14:14">
      <c r="N812313" s="10"/>
    </row>
    <row r="812314" spans="14:14">
      <c r="N812314" s="10"/>
    </row>
    <row r="812315" spans="14:14">
      <c r="N812315" s="10"/>
    </row>
    <row r="812316" spans="14:14">
      <c r="N812316" s="10"/>
    </row>
    <row r="812317" spans="14:14">
      <c r="N812317" s="10"/>
    </row>
    <row r="812318" spans="14:14">
      <c r="N812318" s="10"/>
    </row>
    <row r="812319" spans="14:14">
      <c r="N812319" s="10"/>
    </row>
    <row r="812320" spans="14:14">
      <c r="N812320" s="10"/>
    </row>
    <row r="812321" spans="14:14">
      <c r="N812321" s="10"/>
    </row>
    <row r="812322" spans="14:14">
      <c r="N812322" s="10"/>
    </row>
    <row r="812323" spans="14:14">
      <c r="N812323" s="10"/>
    </row>
    <row r="812324" spans="14:14">
      <c r="N812324" s="10"/>
    </row>
    <row r="812325" spans="14:14">
      <c r="N812325" s="10"/>
    </row>
    <row r="812326" spans="14:14">
      <c r="N812326" s="10"/>
    </row>
    <row r="812327" spans="14:14">
      <c r="N812327" s="10"/>
    </row>
    <row r="812328" spans="14:14">
      <c r="N812328" s="10"/>
    </row>
    <row r="812329" spans="14:14">
      <c r="N812329" s="10"/>
    </row>
    <row r="812330" spans="14:14">
      <c r="N812330" s="10"/>
    </row>
    <row r="812331" spans="14:14">
      <c r="N812331" s="10"/>
    </row>
    <row r="812332" spans="14:14">
      <c r="N812332" s="10"/>
    </row>
    <row r="812333" spans="14:14">
      <c r="N812333" s="10"/>
    </row>
    <row r="812334" spans="14:14">
      <c r="N812334" s="10"/>
    </row>
    <row r="812335" spans="14:14">
      <c r="N812335" s="10"/>
    </row>
    <row r="812336" spans="14:14">
      <c r="N812336" s="10"/>
    </row>
    <row r="812337" spans="14:14">
      <c r="N812337" s="10"/>
    </row>
    <row r="812338" spans="14:14">
      <c r="N812338" s="10"/>
    </row>
    <row r="812339" spans="14:14">
      <c r="N812339" s="10"/>
    </row>
    <row r="812340" spans="14:14">
      <c r="N812340" s="10"/>
    </row>
    <row r="812341" spans="14:14">
      <c r="N812341" s="10"/>
    </row>
    <row r="812342" spans="14:14">
      <c r="N812342" s="10"/>
    </row>
    <row r="812343" spans="14:14">
      <c r="N812343" s="10"/>
    </row>
    <row r="812344" spans="14:14">
      <c r="N812344" s="10"/>
    </row>
    <row r="812345" spans="14:14">
      <c r="N812345" s="10"/>
    </row>
    <row r="812346" spans="14:14">
      <c r="N812346" s="10"/>
    </row>
    <row r="812347" spans="14:14">
      <c r="N812347" s="10"/>
    </row>
    <row r="812348" spans="14:14">
      <c r="N812348" s="10"/>
    </row>
    <row r="812349" spans="14:14">
      <c r="N812349" s="10"/>
    </row>
    <row r="812350" spans="14:14">
      <c r="N812350" s="10"/>
    </row>
    <row r="812351" spans="14:14">
      <c r="N812351" s="10"/>
    </row>
    <row r="812352" spans="14:14">
      <c r="N812352" s="10"/>
    </row>
    <row r="812353" spans="14:14">
      <c r="N812353" s="10"/>
    </row>
    <row r="812354" spans="14:14">
      <c r="N812354" s="10"/>
    </row>
    <row r="812355" spans="14:14">
      <c r="N812355" s="10"/>
    </row>
    <row r="812356" spans="14:14">
      <c r="N812356" s="10"/>
    </row>
    <row r="812357" spans="14:14">
      <c r="N812357" s="10"/>
    </row>
    <row r="812358" spans="14:14">
      <c r="N812358" s="10"/>
    </row>
    <row r="812359" spans="14:14">
      <c r="N812359" s="10"/>
    </row>
    <row r="812360" spans="14:14">
      <c r="N812360" s="10"/>
    </row>
    <row r="812361" spans="14:14">
      <c r="N812361" s="10"/>
    </row>
    <row r="812362" spans="14:14">
      <c r="N812362" s="10"/>
    </row>
    <row r="812363" spans="14:14">
      <c r="N812363" s="10"/>
    </row>
    <row r="812364" spans="14:14">
      <c r="N812364" s="10"/>
    </row>
    <row r="812365" spans="14:14">
      <c r="N812365" s="10"/>
    </row>
    <row r="812366" spans="14:14">
      <c r="N812366" s="10"/>
    </row>
    <row r="812367" spans="14:14">
      <c r="N812367" s="10"/>
    </row>
    <row r="812368" spans="14:14">
      <c r="N812368" s="10"/>
    </row>
    <row r="812369" spans="14:14">
      <c r="N812369" s="10"/>
    </row>
    <row r="812370" spans="14:14">
      <c r="N812370" s="10"/>
    </row>
    <row r="812371" spans="14:14">
      <c r="N812371" s="10"/>
    </row>
    <row r="812372" spans="14:14">
      <c r="N812372" s="10"/>
    </row>
    <row r="812373" spans="14:14">
      <c r="N812373" s="10"/>
    </row>
    <row r="812374" spans="14:14">
      <c r="N812374" s="10"/>
    </row>
    <row r="812375" spans="14:14">
      <c r="N812375" s="10"/>
    </row>
    <row r="812376" spans="14:14">
      <c r="N812376" s="10"/>
    </row>
    <row r="812377" spans="14:14">
      <c r="N812377" s="10"/>
    </row>
    <row r="812378" spans="14:14">
      <c r="N812378" s="10"/>
    </row>
    <row r="812379" spans="14:14">
      <c r="N812379" s="10"/>
    </row>
    <row r="812380" spans="14:14">
      <c r="N812380" s="10"/>
    </row>
    <row r="812381" spans="14:14">
      <c r="N812381" s="10"/>
    </row>
    <row r="812382" spans="14:14">
      <c r="N812382" s="10"/>
    </row>
    <row r="812383" spans="14:14">
      <c r="N812383" s="10"/>
    </row>
    <row r="812384" spans="14:14">
      <c r="N812384" s="10"/>
    </row>
    <row r="812385" spans="14:14">
      <c r="N812385" s="10"/>
    </row>
    <row r="812386" spans="14:14">
      <c r="N812386" s="10"/>
    </row>
    <row r="812387" spans="14:14">
      <c r="N812387" s="10"/>
    </row>
    <row r="812388" spans="14:14">
      <c r="N812388" s="10"/>
    </row>
    <row r="812389" spans="14:14">
      <c r="N812389" s="10"/>
    </row>
    <row r="812390" spans="14:14">
      <c r="N812390" s="10"/>
    </row>
    <row r="812391" spans="14:14">
      <c r="N812391" s="10"/>
    </row>
    <row r="812392" spans="14:14">
      <c r="N812392" s="10"/>
    </row>
    <row r="812393" spans="14:14">
      <c r="N812393" s="10"/>
    </row>
    <row r="812394" spans="14:14">
      <c r="N812394" s="10"/>
    </row>
    <row r="812395" spans="14:14">
      <c r="N812395" s="10"/>
    </row>
    <row r="812396" spans="14:14">
      <c r="N812396" s="10"/>
    </row>
    <row r="812397" spans="14:14">
      <c r="N812397" s="10"/>
    </row>
    <row r="812398" spans="14:14">
      <c r="N812398" s="10"/>
    </row>
    <row r="812399" spans="14:14">
      <c r="N812399" s="10"/>
    </row>
    <row r="812400" spans="14:14">
      <c r="N812400" s="10"/>
    </row>
    <row r="812401" spans="14:14">
      <c r="N812401" s="10"/>
    </row>
    <row r="812402" spans="14:14">
      <c r="N812402" s="10"/>
    </row>
    <row r="812403" spans="14:14">
      <c r="N812403" s="10"/>
    </row>
    <row r="812404" spans="14:14">
      <c r="N812404" s="10"/>
    </row>
    <row r="812405" spans="14:14">
      <c r="N812405" s="10"/>
    </row>
    <row r="812406" spans="14:14">
      <c r="N812406" s="10"/>
    </row>
    <row r="812407" spans="14:14">
      <c r="N812407" s="10"/>
    </row>
    <row r="812408" spans="14:14">
      <c r="N812408" s="10"/>
    </row>
    <row r="812409" spans="14:14">
      <c r="N812409" s="10"/>
    </row>
    <row r="812410" spans="14:14">
      <c r="N812410" s="10"/>
    </row>
    <row r="812411" spans="14:14">
      <c r="N812411" s="10"/>
    </row>
    <row r="812412" spans="14:14">
      <c r="N812412" s="10"/>
    </row>
    <row r="812413" spans="14:14">
      <c r="N812413" s="10"/>
    </row>
    <row r="812414" spans="14:14">
      <c r="N812414" s="10"/>
    </row>
    <row r="812415" spans="14:14">
      <c r="N812415" s="10"/>
    </row>
    <row r="812416" spans="14:14">
      <c r="N812416" s="10"/>
    </row>
    <row r="812417" spans="14:14">
      <c r="N812417" s="10"/>
    </row>
    <row r="812418" spans="14:14">
      <c r="N812418" s="10"/>
    </row>
    <row r="812419" spans="14:14">
      <c r="N812419" s="10"/>
    </row>
    <row r="812420" spans="14:14">
      <c r="N812420" s="10"/>
    </row>
    <row r="812421" spans="14:14">
      <c r="N812421" s="10"/>
    </row>
    <row r="812422" spans="14:14">
      <c r="N812422" s="10"/>
    </row>
    <row r="812423" spans="14:14">
      <c r="N812423" s="10"/>
    </row>
    <row r="812424" spans="14:14">
      <c r="N812424" s="10"/>
    </row>
    <row r="812425" spans="14:14">
      <c r="N812425" s="10"/>
    </row>
    <row r="812426" spans="14:14">
      <c r="N812426" s="10"/>
    </row>
    <row r="812427" spans="14:14">
      <c r="N812427" s="10"/>
    </row>
    <row r="812428" spans="14:14">
      <c r="N812428" s="10"/>
    </row>
    <row r="812429" spans="14:14">
      <c r="N812429" s="10"/>
    </row>
    <row r="812430" spans="14:14">
      <c r="N812430" s="10"/>
    </row>
    <row r="812431" spans="14:14">
      <c r="N812431" s="10"/>
    </row>
    <row r="812432" spans="14:14">
      <c r="N812432" s="10"/>
    </row>
    <row r="812433" spans="14:14">
      <c r="N812433" s="10"/>
    </row>
    <row r="812434" spans="14:14">
      <c r="N812434" s="10"/>
    </row>
    <row r="812435" spans="14:14">
      <c r="N812435" s="10"/>
    </row>
    <row r="812436" spans="14:14">
      <c r="N812436" s="10"/>
    </row>
    <row r="812437" spans="14:14">
      <c r="N812437" s="10"/>
    </row>
    <row r="812438" spans="14:14">
      <c r="N812438" s="10"/>
    </row>
    <row r="812439" spans="14:14">
      <c r="N812439" s="10"/>
    </row>
    <row r="812440" spans="14:14">
      <c r="N812440" s="10"/>
    </row>
    <row r="812441" spans="14:14">
      <c r="N812441" s="10"/>
    </row>
    <row r="812442" spans="14:14">
      <c r="N812442" s="10"/>
    </row>
    <row r="812443" spans="14:14">
      <c r="N812443" s="10"/>
    </row>
    <row r="812444" spans="14:14">
      <c r="N812444" s="10"/>
    </row>
    <row r="812445" spans="14:14">
      <c r="N812445" s="10"/>
    </row>
    <row r="812446" spans="14:14">
      <c r="N812446" s="10"/>
    </row>
    <row r="812447" spans="14:14">
      <c r="N812447" s="10"/>
    </row>
    <row r="812448" spans="14:14">
      <c r="N812448" s="10"/>
    </row>
    <row r="812449" spans="14:14">
      <c r="N812449" s="10"/>
    </row>
    <row r="812450" spans="14:14">
      <c r="N812450" s="10"/>
    </row>
    <row r="812451" spans="14:14">
      <c r="N812451" s="10"/>
    </row>
    <row r="812452" spans="14:14">
      <c r="N812452" s="10"/>
    </row>
    <row r="812453" spans="14:14">
      <c r="N812453" s="10"/>
    </row>
    <row r="812454" spans="14:14">
      <c r="N812454" s="10"/>
    </row>
    <row r="812455" spans="14:14">
      <c r="N812455" s="10"/>
    </row>
    <row r="812456" spans="14:14">
      <c r="N812456" s="10"/>
    </row>
    <row r="812457" spans="14:14">
      <c r="N812457" s="10"/>
    </row>
    <row r="812458" spans="14:14">
      <c r="N812458" s="10"/>
    </row>
    <row r="812459" spans="14:14">
      <c r="N812459" s="10"/>
    </row>
    <row r="812460" spans="14:14">
      <c r="N812460" s="10"/>
    </row>
    <row r="812461" spans="14:14">
      <c r="N812461" s="10"/>
    </row>
    <row r="812462" spans="14:14">
      <c r="N812462" s="10"/>
    </row>
    <row r="812463" spans="14:14">
      <c r="N812463" s="10"/>
    </row>
    <row r="812464" spans="14:14">
      <c r="N812464" s="10"/>
    </row>
    <row r="812465" spans="14:14">
      <c r="N812465" s="10"/>
    </row>
    <row r="812466" spans="14:14">
      <c r="N812466" s="10"/>
    </row>
    <row r="812467" spans="14:14">
      <c r="N812467" s="10"/>
    </row>
    <row r="812468" spans="14:14">
      <c r="N812468" s="10"/>
    </row>
    <row r="812469" spans="14:14">
      <c r="N812469" s="10"/>
    </row>
    <row r="812470" spans="14:14">
      <c r="N812470" s="10"/>
    </row>
    <row r="812471" spans="14:14">
      <c r="N812471" s="10"/>
    </row>
    <row r="812472" spans="14:14">
      <c r="N812472" s="10"/>
    </row>
    <row r="812473" spans="14:14">
      <c r="N812473" s="10"/>
    </row>
    <row r="812474" spans="14:14">
      <c r="N812474" s="10"/>
    </row>
    <row r="812475" spans="14:14">
      <c r="N812475" s="10"/>
    </row>
    <row r="812476" spans="14:14">
      <c r="N812476" s="10"/>
    </row>
    <row r="812477" spans="14:14">
      <c r="N812477" s="10"/>
    </row>
    <row r="812478" spans="14:14">
      <c r="N812478" s="10"/>
    </row>
    <row r="812479" spans="14:14">
      <c r="N812479" s="10"/>
    </row>
    <row r="812480" spans="14:14">
      <c r="N812480" s="10"/>
    </row>
    <row r="812481" spans="14:14">
      <c r="N812481" s="10"/>
    </row>
    <row r="812482" spans="14:14">
      <c r="N812482" s="10"/>
    </row>
    <row r="812483" spans="14:14">
      <c r="N812483" s="10"/>
    </row>
    <row r="812484" spans="14:14">
      <c r="N812484" s="10"/>
    </row>
    <row r="812485" spans="14:14">
      <c r="N812485" s="10"/>
    </row>
    <row r="812486" spans="14:14">
      <c r="N812486" s="10"/>
    </row>
    <row r="812487" spans="14:14">
      <c r="N812487" s="10"/>
    </row>
    <row r="812488" spans="14:14">
      <c r="N812488" s="10"/>
    </row>
    <row r="812489" spans="14:14">
      <c r="N812489" s="10"/>
    </row>
    <row r="812490" spans="14:14">
      <c r="N812490" s="10"/>
    </row>
    <row r="812491" spans="14:14">
      <c r="N812491" s="10"/>
    </row>
    <row r="812492" spans="14:14">
      <c r="N812492" s="10"/>
    </row>
    <row r="812493" spans="14:14">
      <c r="N812493" s="10"/>
    </row>
    <row r="812494" spans="14:14">
      <c r="N812494" s="10"/>
    </row>
    <row r="812495" spans="14:14">
      <c r="N812495" s="10"/>
    </row>
    <row r="812496" spans="14:14">
      <c r="N812496" s="10"/>
    </row>
    <row r="812497" spans="14:14">
      <c r="N812497" s="10"/>
    </row>
    <row r="812498" spans="14:14">
      <c r="N812498" s="10"/>
    </row>
    <row r="812499" spans="14:14">
      <c r="N812499" s="10"/>
    </row>
    <row r="812500" spans="14:14">
      <c r="N812500" s="10"/>
    </row>
    <row r="812501" spans="14:14">
      <c r="N812501" s="10"/>
    </row>
    <row r="812502" spans="14:14">
      <c r="N812502" s="10"/>
    </row>
    <row r="812503" spans="14:14">
      <c r="N812503" s="10"/>
    </row>
    <row r="812504" spans="14:14">
      <c r="N812504" s="10"/>
    </row>
    <row r="812505" spans="14:14">
      <c r="N812505" s="10"/>
    </row>
    <row r="812506" spans="14:14">
      <c r="N812506" s="10"/>
    </row>
    <row r="812507" spans="14:14">
      <c r="N812507" s="10"/>
    </row>
    <row r="812508" spans="14:14">
      <c r="N812508" s="10"/>
    </row>
    <row r="812509" spans="14:14">
      <c r="N812509" s="10"/>
    </row>
    <row r="812510" spans="14:14">
      <c r="N812510" s="10"/>
    </row>
    <row r="812511" spans="14:14">
      <c r="N812511" s="10"/>
    </row>
    <row r="812512" spans="14:14">
      <c r="N812512" s="10"/>
    </row>
    <row r="812513" spans="14:14">
      <c r="N812513" s="10"/>
    </row>
    <row r="812514" spans="14:14">
      <c r="N812514" s="10"/>
    </row>
    <row r="812515" spans="14:14">
      <c r="N812515" s="10"/>
    </row>
    <row r="812516" spans="14:14">
      <c r="N812516" s="10"/>
    </row>
    <row r="812517" spans="14:14">
      <c r="N812517" s="10"/>
    </row>
    <row r="812518" spans="14:14">
      <c r="N812518" s="10"/>
    </row>
    <row r="812519" spans="14:14">
      <c r="N812519" s="10"/>
    </row>
    <row r="812520" spans="14:14">
      <c r="N812520" s="10"/>
    </row>
    <row r="812521" spans="14:14">
      <c r="N812521" s="10"/>
    </row>
    <row r="812522" spans="14:14">
      <c r="N812522" s="10"/>
    </row>
    <row r="812523" spans="14:14">
      <c r="N812523" s="10"/>
    </row>
    <row r="812524" spans="14:14">
      <c r="N812524" s="10"/>
    </row>
    <row r="812525" spans="14:14">
      <c r="N812525" s="10"/>
    </row>
    <row r="812526" spans="14:14">
      <c r="N812526" s="10"/>
    </row>
    <row r="812527" spans="14:14">
      <c r="N812527" s="10"/>
    </row>
    <row r="812528" spans="14:14">
      <c r="N812528" s="10"/>
    </row>
    <row r="812529" spans="14:14">
      <c r="N812529" s="10"/>
    </row>
    <row r="812530" spans="14:14">
      <c r="N812530" s="10"/>
    </row>
    <row r="812531" spans="14:14">
      <c r="N812531" s="10"/>
    </row>
    <row r="812532" spans="14:14">
      <c r="N812532" s="10"/>
    </row>
    <row r="812533" spans="14:14">
      <c r="N812533" s="10"/>
    </row>
    <row r="812534" spans="14:14">
      <c r="N812534" s="10"/>
    </row>
    <row r="812535" spans="14:14">
      <c r="N812535" s="10"/>
    </row>
    <row r="812536" spans="14:14">
      <c r="N812536" s="10"/>
    </row>
    <row r="812537" spans="14:14">
      <c r="N812537" s="10"/>
    </row>
    <row r="812538" spans="14:14">
      <c r="N812538" s="10"/>
    </row>
    <row r="812539" spans="14:14">
      <c r="N812539" s="10"/>
    </row>
    <row r="812540" spans="14:14">
      <c r="N812540" s="10"/>
    </row>
    <row r="812541" spans="14:14">
      <c r="N812541" s="10"/>
    </row>
    <row r="812542" spans="14:14">
      <c r="N812542" s="10"/>
    </row>
    <row r="812543" spans="14:14">
      <c r="N812543" s="10"/>
    </row>
    <row r="812544" spans="14:14">
      <c r="N812544" s="10"/>
    </row>
    <row r="812545" spans="14:14">
      <c r="N812545" s="10"/>
    </row>
    <row r="812546" spans="14:14">
      <c r="N812546" s="10"/>
    </row>
    <row r="812547" spans="14:14">
      <c r="N812547" s="10"/>
    </row>
    <row r="812548" spans="14:14">
      <c r="N812548" s="10"/>
    </row>
    <row r="812549" spans="14:14">
      <c r="N812549" s="10"/>
    </row>
    <row r="812550" spans="14:14">
      <c r="N812550" s="10"/>
    </row>
    <row r="812551" spans="14:14">
      <c r="N812551" s="10"/>
    </row>
    <row r="812552" spans="14:14">
      <c r="N812552" s="10"/>
    </row>
    <row r="812553" spans="14:14">
      <c r="N812553" s="10"/>
    </row>
    <row r="812554" spans="14:14">
      <c r="N812554" s="10"/>
    </row>
    <row r="812555" spans="14:14">
      <c r="N812555" s="10"/>
    </row>
    <row r="812556" spans="14:14">
      <c r="N812556" s="10"/>
    </row>
    <row r="812557" spans="14:14">
      <c r="N812557" s="10"/>
    </row>
    <row r="812558" spans="14:14">
      <c r="N812558" s="10"/>
    </row>
    <row r="812559" spans="14:14">
      <c r="N812559" s="10"/>
    </row>
    <row r="812560" spans="14:14">
      <c r="N812560" s="10"/>
    </row>
    <row r="812561" spans="14:14">
      <c r="N812561" s="10"/>
    </row>
    <row r="812562" spans="14:14">
      <c r="N812562" s="10"/>
    </row>
    <row r="812563" spans="14:14">
      <c r="N812563" s="10"/>
    </row>
    <row r="812564" spans="14:14">
      <c r="N812564" s="10"/>
    </row>
    <row r="812565" spans="14:14">
      <c r="N812565" s="10"/>
    </row>
    <row r="812566" spans="14:14">
      <c r="N812566" s="10"/>
    </row>
    <row r="812567" spans="14:14">
      <c r="N812567" s="10"/>
    </row>
    <row r="812568" spans="14:14">
      <c r="N812568" s="10"/>
    </row>
    <row r="812569" spans="14:14">
      <c r="N812569" s="10"/>
    </row>
    <row r="812570" spans="14:14">
      <c r="N812570" s="10"/>
    </row>
    <row r="812571" spans="14:14">
      <c r="N812571" s="10"/>
    </row>
    <row r="812572" spans="14:14">
      <c r="N812572" s="10"/>
    </row>
    <row r="812573" spans="14:14">
      <c r="N812573" s="10"/>
    </row>
    <row r="812574" spans="14:14">
      <c r="N812574" s="10"/>
    </row>
    <row r="812575" spans="14:14">
      <c r="N812575" s="10"/>
    </row>
    <row r="812576" spans="14:14">
      <c r="N812576" s="10"/>
    </row>
    <row r="812577" spans="14:14">
      <c r="N812577" s="10"/>
    </row>
    <row r="812578" spans="14:14">
      <c r="N812578" s="10"/>
    </row>
    <row r="812579" spans="14:14">
      <c r="N812579" s="10"/>
    </row>
    <row r="812580" spans="14:14">
      <c r="N812580" s="10"/>
    </row>
    <row r="812581" spans="14:14">
      <c r="N812581" s="10"/>
    </row>
    <row r="812582" spans="14:14">
      <c r="N812582" s="10"/>
    </row>
    <row r="812583" spans="14:14">
      <c r="N812583" s="10"/>
    </row>
    <row r="812584" spans="14:14">
      <c r="N812584" s="10"/>
    </row>
    <row r="812585" spans="14:14">
      <c r="N812585" s="10"/>
    </row>
    <row r="812586" spans="14:14">
      <c r="N812586" s="10"/>
    </row>
    <row r="812587" spans="14:14">
      <c r="N812587" s="10"/>
    </row>
    <row r="812588" spans="14:14">
      <c r="N812588" s="10"/>
    </row>
    <row r="812589" spans="14:14">
      <c r="N812589" s="10"/>
    </row>
    <row r="812590" spans="14:14">
      <c r="N812590" s="10"/>
    </row>
    <row r="812591" spans="14:14">
      <c r="N812591" s="10"/>
    </row>
    <row r="812592" spans="14:14">
      <c r="N812592" s="10"/>
    </row>
    <row r="812593" spans="14:14">
      <c r="N812593" s="10"/>
    </row>
    <row r="812594" spans="14:14">
      <c r="N812594" s="10"/>
    </row>
    <row r="812595" spans="14:14">
      <c r="N812595" s="10"/>
    </row>
    <row r="812596" spans="14:14">
      <c r="N812596" s="10"/>
    </row>
    <row r="812597" spans="14:14">
      <c r="N812597" s="10"/>
    </row>
    <row r="812598" spans="14:14">
      <c r="N812598" s="10"/>
    </row>
    <row r="812599" spans="14:14">
      <c r="N812599" s="10"/>
    </row>
    <row r="812600" spans="14:14">
      <c r="N812600" s="10"/>
    </row>
    <row r="812601" spans="14:14">
      <c r="N812601" s="10"/>
    </row>
    <row r="812602" spans="14:14">
      <c r="N812602" s="10"/>
    </row>
    <row r="812603" spans="14:14">
      <c r="N812603" s="10"/>
    </row>
    <row r="812604" spans="14:14">
      <c r="N812604" s="10"/>
    </row>
    <row r="812605" spans="14:14">
      <c r="N812605" s="10"/>
    </row>
    <row r="812606" spans="14:14">
      <c r="N812606" s="10"/>
    </row>
    <row r="812607" spans="14:14">
      <c r="N812607" s="10"/>
    </row>
    <row r="812608" spans="14:14">
      <c r="N812608" s="10"/>
    </row>
    <row r="812609" spans="14:14">
      <c r="N812609" s="10"/>
    </row>
    <row r="812610" spans="14:14">
      <c r="N812610" s="10"/>
    </row>
    <row r="812611" spans="14:14">
      <c r="N812611" s="10"/>
    </row>
    <row r="812612" spans="14:14">
      <c r="N812612" s="10"/>
    </row>
    <row r="812613" spans="14:14">
      <c r="N812613" s="10"/>
    </row>
    <row r="812614" spans="14:14">
      <c r="N812614" s="10"/>
    </row>
    <row r="812615" spans="14:14">
      <c r="N812615" s="10"/>
    </row>
    <row r="812616" spans="14:14">
      <c r="N812616" s="10"/>
    </row>
    <row r="812617" spans="14:14">
      <c r="N812617" s="10"/>
    </row>
    <row r="812618" spans="14:14">
      <c r="N812618" s="10"/>
    </row>
    <row r="812619" spans="14:14">
      <c r="N812619" s="10"/>
    </row>
    <row r="812620" spans="14:14">
      <c r="N812620" s="10"/>
    </row>
    <row r="812621" spans="14:14">
      <c r="N812621" s="10"/>
    </row>
    <row r="812622" spans="14:14">
      <c r="N812622" s="10"/>
    </row>
    <row r="812623" spans="14:14">
      <c r="N812623" s="10"/>
    </row>
    <row r="812624" spans="14:14">
      <c r="N812624" s="10"/>
    </row>
    <row r="812625" spans="14:14">
      <c r="N812625" s="10"/>
    </row>
    <row r="812626" spans="14:14">
      <c r="N812626" s="10"/>
    </row>
    <row r="812627" spans="14:14">
      <c r="N812627" s="10"/>
    </row>
    <row r="812628" spans="14:14">
      <c r="N812628" s="10"/>
    </row>
    <row r="812629" spans="14:14">
      <c r="N812629" s="10"/>
    </row>
    <row r="812630" spans="14:14">
      <c r="N812630" s="10"/>
    </row>
    <row r="812631" spans="14:14">
      <c r="N812631" s="10"/>
    </row>
    <row r="812632" spans="14:14">
      <c r="N812632" s="10"/>
    </row>
    <row r="812633" spans="14:14">
      <c r="N812633" s="10"/>
    </row>
    <row r="812634" spans="14:14">
      <c r="N812634" s="10"/>
    </row>
    <row r="812635" spans="14:14">
      <c r="N812635" s="10"/>
    </row>
    <row r="812636" spans="14:14">
      <c r="N812636" s="10"/>
    </row>
    <row r="812637" spans="14:14">
      <c r="N812637" s="10"/>
    </row>
    <row r="812638" spans="14:14">
      <c r="N812638" s="10"/>
    </row>
    <row r="812639" spans="14:14">
      <c r="N812639" s="10"/>
    </row>
    <row r="812640" spans="14:14">
      <c r="N812640" s="10"/>
    </row>
    <row r="812641" spans="14:14">
      <c r="N812641" s="10"/>
    </row>
    <row r="812642" spans="14:14">
      <c r="N812642" s="10"/>
    </row>
    <row r="812643" spans="14:14">
      <c r="N812643" s="10"/>
    </row>
    <row r="812644" spans="14:14">
      <c r="N812644" s="10"/>
    </row>
    <row r="812645" spans="14:14">
      <c r="N812645" s="10"/>
    </row>
    <row r="812646" spans="14:14">
      <c r="N812646" s="10"/>
    </row>
    <row r="812647" spans="14:14">
      <c r="N812647" s="10"/>
    </row>
    <row r="812648" spans="14:14">
      <c r="N812648" s="10"/>
    </row>
    <row r="812649" spans="14:14">
      <c r="N812649" s="10"/>
    </row>
    <row r="812650" spans="14:14">
      <c r="N812650" s="10"/>
    </row>
    <row r="812651" spans="14:14">
      <c r="N812651" s="10"/>
    </row>
    <row r="812652" spans="14:14">
      <c r="N812652" s="10"/>
    </row>
    <row r="812653" spans="14:14">
      <c r="N812653" s="10"/>
    </row>
    <row r="812654" spans="14:14">
      <c r="N812654" s="10"/>
    </row>
    <row r="812655" spans="14:14">
      <c r="N812655" s="10"/>
    </row>
    <row r="812656" spans="14:14">
      <c r="N812656" s="10"/>
    </row>
    <row r="812657" spans="14:14">
      <c r="N812657" s="10"/>
    </row>
    <row r="812658" spans="14:14">
      <c r="N812658" s="10"/>
    </row>
    <row r="812659" spans="14:14">
      <c r="N812659" s="10"/>
    </row>
    <row r="812660" spans="14:14">
      <c r="N812660" s="10"/>
    </row>
    <row r="812661" spans="14:14">
      <c r="N812661" s="10"/>
    </row>
    <row r="812662" spans="14:14">
      <c r="N812662" s="10"/>
    </row>
    <row r="812663" spans="14:14">
      <c r="N812663" s="10"/>
    </row>
    <row r="812664" spans="14:14">
      <c r="N812664" s="10"/>
    </row>
    <row r="812665" spans="14:14">
      <c r="N812665" s="10"/>
    </row>
    <row r="812666" spans="14:14">
      <c r="N812666" s="10"/>
    </row>
    <row r="812667" spans="14:14">
      <c r="N812667" s="10"/>
    </row>
    <row r="812668" spans="14:14">
      <c r="N812668" s="10"/>
    </row>
    <row r="812669" spans="14:14">
      <c r="N812669" s="10"/>
    </row>
    <row r="812670" spans="14:14">
      <c r="N812670" s="10"/>
    </row>
    <row r="812671" spans="14:14">
      <c r="N812671" s="10"/>
    </row>
    <row r="812672" spans="14:14">
      <c r="N812672" s="10"/>
    </row>
    <row r="812673" spans="14:14">
      <c r="N812673" s="10"/>
    </row>
    <row r="812674" spans="14:14">
      <c r="N812674" s="10"/>
    </row>
    <row r="812675" spans="14:14">
      <c r="N812675" s="10"/>
    </row>
    <row r="812676" spans="14:14">
      <c r="N812676" s="10"/>
    </row>
    <row r="812677" spans="14:14">
      <c r="N812677" s="10"/>
    </row>
    <row r="812678" spans="14:14">
      <c r="N812678" s="10"/>
    </row>
    <row r="812679" spans="14:14">
      <c r="N812679" s="10"/>
    </row>
    <row r="812680" spans="14:14">
      <c r="N812680" s="10"/>
    </row>
    <row r="812681" spans="14:14">
      <c r="N812681" s="10"/>
    </row>
    <row r="812682" spans="14:14">
      <c r="N812682" s="10"/>
    </row>
    <row r="812683" spans="14:14">
      <c r="N812683" s="10"/>
    </row>
    <row r="812684" spans="14:14">
      <c r="N812684" s="10"/>
    </row>
    <row r="812685" spans="14:14">
      <c r="N812685" s="10"/>
    </row>
    <row r="812686" spans="14:14">
      <c r="N812686" s="10"/>
    </row>
    <row r="812687" spans="14:14">
      <c r="N812687" s="10"/>
    </row>
    <row r="812688" spans="14:14">
      <c r="N812688" s="10"/>
    </row>
    <row r="812689" spans="14:14">
      <c r="N812689" s="10"/>
    </row>
    <row r="812690" spans="14:14">
      <c r="N812690" s="10"/>
    </row>
    <row r="812691" spans="14:14">
      <c r="N812691" s="10"/>
    </row>
    <row r="812692" spans="14:14">
      <c r="N812692" s="10"/>
    </row>
    <row r="812693" spans="14:14">
      <c r="N812693" s="10"/>
    </row>
    <row r="812694" spans="14:14">
      <c r="N812694" s="10"/>
    </row>
    <row r="812695" spans="14:14">
      <c r="N812695" s="10"/>
    </row>
    <row r="812696" spans="14:14">
      <c r="N812696" s="10"/>
    </row>
    <row r="812697" spans="14:14">
      <c r="N812697" s="10"/>
    </row>
    <row r="812698" spans="14:14">
      <c r="N812698" s="10"/>
    </row>
    <row r="812699" spans="14:14">
      <c r="N812699" s="10"/>
    </row>
    <row r="812700" spans="14:14">
      <c r="N812700" s="10"/>
    </row>
    <row r="812701" spans="14:14">
      <c r="N812701" s="10"/>
    </row>
    <row r="812702" spans="14:14">
      <c r="N812702" s="10"/>
    </row>
    <row r="812703" spans="14:14">
      <c r="N812703" s="10"/>
    </row>
    <row r="812704" spans="14:14">
      <c r="N812704" s="10"/>
    </row>
    <row r="812705" spans="14:14">
      <c r="N812705" s="10"/>
    </row>
    <row r="812706" spans="14:14">
      <c r="N812706" s="10"/>
    </row>
    <row r="812707" spans="14:14">
      <c r="N812707" s="10"/>
    </row>
    <row r="812708" spans="14:14">
      <c r="N812708" s="10"/>
    </row>
    <row r="812709" spans="14:14">
      <c r="N812709" s="10"/>
    </row>
    <row r="812710" spans="14:14">
      <c r="N812710" s="10"/>
    </row>
    <row r="812711" spans="14:14">
      <c r="N812711" s="10"/>
    </row>
    <row r="812712" spans="14:14">
      <c r="N812712" s="10"/>
    </row>
    <row r="812713" spans="14:14">
      <c r="N812713" s="10"/>
    </row>
    <row r="812714" spans="14:14">
      <c r="N812714" s="10"/>
    </row>
    <row r="812715" spans="14:14">
      <c r="N812715" s="10"/>
    </row>
    <row r="812716" spans="14:14">
      <c r="N812716" s="10"/>
    </row>
    <row r="812717" spans="14:14">
      <c r="N812717" s="10"/>
    </row>
    <row r="812718" spans="14:14">
      <c r="N812718" s="10"/>
    </row>
    <row r="812719" spans="14:14">
      <c r="N812719" s="10"/>
    </row>
    <row r="812720" spans="14:14">
      <c r="N812720" s="10"/>
    </row>
    <row r="812721" spans="14:14">
      <c r="N812721" s="10"/>
    </row>
    <row r="812722" spans="14:14">
      <c r="N812722" s="10"/>
    </row>
    <row r="812723" spans="14:14">
      <c r="N812723" s="10"/>
    </row>
    <row r="812724" spans="14:14">
      <c r="N812724" s="10"/>
    </row>
    <row r="812725" spans="14:14">
      <c r="N812725" s="10"/>
    </row>
    <row r="812726" spans="14:14">
      <c r="N812726" s="10"/>
    </row>
    <row r="812727" spans="14:14">
      <c r="N812727" s="10"/>
    </row>
    <row r="812728" spans="14:14">
      <c r="N812728" s="10"/>
    </row>
    <row r="812729" spans="14:14">
      <c r="N812729" s="10"/>
    </row>
    <row r="812730" spans="14:14">
      <c r="N812730" s="10"/>
    </row>
    <row r="812731" spans="14:14">
      <c r="N812731" s="10"/>
    </row>
    <row r="812732" spans="14:14">
      <c r="N812732" s="10"/>
    </row>
    <row r="812733" spans="14:14">
      <c r="N812733" s="10"/>
    </row>
    <row r="812734" spans="14:14">
      <c r="N812734" s="10"/>
    </row>
    <row r="812735" spans="14:14">
      <c r="N812735" s="10"/>
    </row>
    <row r="812736" spans="14:14">
      <c r="N812736" s="10"/>
    </row>
    <row r="812737" spans="14:14">
      <c r="N812737" s="10"/>
    </row>
    <row r="812738" spans="14:14">
      <c r="N812738" s="10"/>
    </row>
    <row r="812739" spans="14:14">
      <c r="N812739" s="10"/>
    </row>
    <row r="812740" spans="14:14">
      <c r="N812740" s="10"/>
    </row>
    <row r="812741" spans="14:14">
      <c r="N812741" s="10"/>
    </row>
    <row r="812742" spans="14:14">
      <c r="N812742" s="10"/>
    </row>
    <row r="812743" spans="14:14">
      <c r="N812743" s="10"/>
    </row>
    <row r="812744" spans="14:14">
      <c r="N812744" s="10"/>
    </row>
    <row r="812745" spans="14:14">
      <c r="N812745" s="10"/>
    </row>
    <row r="812746" spans="14:14">
      <c r="N812746" s="10"/>
    </row>
    <row r="812747" spans="14:14">
      <c r="N812747" s="10"/>
    </row>
    <row r="812748" spans="14:14">
      <c r="N812748" s="10"/>
    </row>
    <row r="812749" spans="14:14">
      <c r="N812749" s="10"/>
    </row>
    <row r="812750" spans="14:14">
      <c r="N812750" s="10"/>
    </row>
    <row r="812751" spans="14:14">
      <c r="N812751" s="10"/>
    </row>
    <row r="812752" spans="14:14">
      <c r="N812752" s="10"/>
    </row>
    <row r="812753" spans="14:14">
      <c r="N812753" s="10"/>
    </row>
    <row r="812754" spans="14:14">
      <c r="N812754" s="10"/>
    </row>
    <row r="812755" spans="14:14">
      <c r="N812755" s="10"/>
    </row>
    <row r="812756" spans="14:14">
      <c r="N812756" s="10"/>
    </row>
    <row r="812757" spans="14:14">
      <c r="N812757" s="10"/>
    </row>
    <row r="812758" spans="14:14">
      <c r="N812758" s="10"/>
    </row>
    <row r="812759" spans="14:14">
      <c r="N812759" s="10"/>
    </row>
    <row r="812760" spans="14:14">
      <c r="N812760" s="10"/>
    </row>
    <row r="812761" spans="14:14">
      <c r="N812761" s="10"/>
    </row>
    <row r="812762" spans="14:14">
      <c r="N812762" s="10"/>
    </row>
    <row r="812763" spans="14:14">
      <c r="N812763" s="10"/>
    </row>
    <row r="812764" spans="14:14">
      <c r="N812764" s="10"/>
    </row>
    <row r="812765" spans="14:14">
      <c r="N812765" s="10"/>
    </row>
    <row r="812766" spans="14:14">
      <c r="N812766" s="10"/>
    </row>
    <row r="812767" spans="14:14">
      <c r="N812767" s="10"/>
    </row>
    <row r="812768" spans="14:14">
      <c r="N812768" s="10"/>
    </row>
    <row r="812769" spans="14:14">
      <c r="N812769" s="10"/>
    </row>
    <row r="812770" spans="14:14">
      <c r="N812770" s="10"/>
    </row>
    <row r="812771" spans="14:14">
      <c r="N812771" s="10"/>
    </row>
    <row r="812772" spans="14:14">
      <c r="N812772" s="10"/>
    </row>
    <row r="812773" spans="14:14">
      <c r="N812773" s="10"/>
    </row>
    <row r="812774" spans="14:14">
      <c r="N812774" s="10"/>
    </row>
    <row r="812775" spans="14:14">
      <c r="N812775" s="10"/>
    </row>
    <row r="812776" spans="14:14">
      <c r="N812776" s="10"/>
    </row>
    <row r="812777" spans="14:14">
      <c r="N812777" s="10"/>
    </row>
    <row r="812778" spans="14:14">
      <c r="N812778" s="10"/>
    </row>
    <row r="812779" spans="14:14">
      <c r="N812779" s="10"/>
    </row>
    <row r="812780" spans="14:14">
      <c r="N812780" s="10"/>
    </row>
    <row r="812781" spans="14:14">
      <c r="N812781" s="10"/>
    </row>
    <row r="812782" spans="14:14">
      <c r="N812782" s="10"/>
    </row>
    <row r="812783" spans="14:14">
      <c r="N812783" s="10"/>
    </row>
    <row r="812784" spans="14:14">
      <c r="N812784" s="10"/>
    </row>
    <row r="812785" spans="14:14">
      <c r="N812785" s="10"/>
    </row>
    <row r="812786" spans="14:14">
      <c r="N812786" s="10"/>
    </row>
    <row r="812787" spans="14:14">
      <c r="N812787" s="10"/>
    </row>
    <row r="812788" spans="14:14">
      <c r="N812788" s="10"/>
    </row>
    <row r="812789" spans="14:14">
      <c r="N812789" s="10"/>
    </row>
    <row r="812790" spans="14:14">
      <c r="N812790" s="10"/>
    </row>
    <row r="812791" spans="14:14">
      <c r="N812791" s="10"/>
    </row>
    <row r="812792" spans="14:14">
      <c r="N812792" s="10"/>
    </row>
    <row r="812793" spans="14:14">
      <c r="N812793" s="10"/>
    </row>
    <row r="812794" spans="14:14">
      <c r="N812794" s="10"/>
    </row>
    <row r="812795" spans="14:14">
      <c r="N812795" s="10"/>
    </row>
    <row r="812796" spans="14:14">
      <c r="N812796" s="10"/>
    </row>
    <row r="812797" spans="14:14">
      <c r="N812797" s="10"/>
    </row>
    <row r="812798" spans="14:14">
      <c r="N812798" s="10"/>
    </row>
    <row r="812799" spans="14:14">
      <c r="N812799" s="10"/>
    </row>
    <row r="812800" spans="14:14">
      <c r="N812800" s="10"/>
    </row>
    <row r="812801" spans="14:14">
      <c r="N812801" s="10"/>
    </row>
    <row r="812802" spans="14:14">
      <c r="N812802" s="10"/>
    </row>
    <row r="812803" spans="14:14">
      <c r="N812803" s="10"/>
    </row>
    <row r="812804" spans="14:14">
      <c r="N812804" s="10"/>
    </row>
    <row r="812805" spans="14:14">
      <c r="N812805" s="10"/>
    </row>
    <row r="812806" spans="14:14">
      <c r="N812806" s="10"/>
    </row>
    <row r="812807" spans="14:14">
      <c r="N812807" s="10"/>
    </row>
    <row r="812808" spans="14:14">
      <c r="N812808" s="10"/>
    </row>
    <row r="812809" spans="14:14">
      <c r="N812809" s="10"/>
    </row>
    <row r="812810" spans="14:14">
      <c r="N812810" s="10"/>
    </row>
    <row r="812811" spans="14:14">
      <c r="N812811" s="10"/>
    </row>
    <row r="812812" spans="14:14">
      <c r="N812812" s="10"/>
    </row>
    <row r="812813" spans="14:14">
      <c r="N812813" s="10"/>
    </row>
    <row r="812814" spans="14:14">
      <c r="N812814" s="10"/>
    </row>
    <row r="812815" spans="14:14">
      <c r="N812815" s="10"/>
    </row>
    <row r="812816" spans="14:14">
      <c r="N812816" s="10"/>
    </row>
    <row r="812817" spans="14:14">
      <c r="N812817" s="10"/>
    </row>
    <row r="812818" spans="14:14">
      <c r="N812818" s="10"/>
    </row>
    <row r="812819" spans="14:14">
      <c r="N812819" s="10"/>
    </row>
    <row r="812820" spans="14:14">
      <c r="N812820" s="10"/>
    </row>
    <row r="812821" spans="14:14">
      <c r="N812821" s="10"/>
    </row>
    <row r="812822" spans="14:14">
      <c r="N812822" s="10"/>
    </row>
    <row r="812823" spans="14:14">
      <c r="N812823" s="10"/>
    </row>
    <row r="812824" spans="14:14">
      <c r="N812824" s="10"/>
    </row>
    <row r="812825" spans="14:14">
      <c r="N812825" s="10"/>
    </row>
    <row r="812826" spans="14:14">
      <c r="N812826" s="10"/>
    </row>
    <row r="812827" spans="14:14">
      <c r="N812827" s="10"/>
    </row>
    <row r="812828" spans="14:14">
      <c r="N812828" s="10"/>
    </row>
    <row r="812829" spans="14:14">
      <c r="N812829" s="10"/>
    </row>
    <row r="812830" spans="14:14">
      <c r="N812830" s="10"/>
    </row>
    <row r="812831" spans="14:14">
      <c r="N812831" s="10"/>
    </row>
    <row r="812832" spans="14:14">
      <c r="N812832" s="10"/>
    </row>
    <row r="812833" spans="14:14">
      <c r="N812833" s="10"/>
    </row>
    <row r="812834" spans="14:14">
      <c r="N812834" s="10"/>
    </row>
    <row r="812835" spans="14:14">
      <c r="N812835" s="10"/>
    </row>
    <row r="812836" spans="14:14">
      <c r="N812836" s="10"/>
    </row>
    <row r="812837" spans="14:14">
      <c r="N812837" s="10"/>
    </row>
    <row r="812838" spans="14:14">
      <c r="N812838" s="10"/>
    </row>
    <row r="812839" spans="14:14">
      <c r="N812839" s="10"/>
    </row>
    <row r="812840" spans="14:14">
      <c r="N812840" s="10"/>
    </row>
    <row r="812841" spans="14:14">
      <c r="N812841" s="10"/>
    </row>
    <row r="812842" spans="14:14">
      <c r="N812842" s="10"/>
    </row>
    <row r="812843" spans="14:14">
      <c r="N812843" s="10"/>
    </row>
    <row r="812844" spans="14:14">
      <c r="N812844" s="10"/>
    </row>
    <row r="812845" spans="14:14">
      <c r="N812845" s="10"/>
    </row>
    <row r="812846" spans="14:14">
      <c r="N812846" s="10"/>
    </row>
    <row r="812847" spans="14:14">
      <c r="N812847" s="10"/>
    </row>
    <row r="812848" spans="14:14">
      <c r="N812848" s="10"/>
    </row>
    <row r="812849" spans="14:14">
      <c r="N812849" s="10"/>
    </row>
    <row r="812850" spans="14:14">
      <c r="N812850" s="10"/>
    </row>
    <row r="812851" spans="14:14">
      <c r="N812851" s="10"/>
    </row>
    <row r="812852" spans="14:14">
      <c r="N812852" s="10"/>
    </row>
    <row r="812853" spans="14:14">
      <c r="N812853" s="10"/>
    </row>
    <row r="812854" spans="14:14">
      <c r="N812854" s="10"/>
    </row>
    <row r="812855" spans="14:14">
      <c r="N812855" s="10"/>
    </row>
    <row r="812856" spans="14:14">
      <c r="N812856" s="10"/>
    </row>
    <row r="812857" spans="14:14">
      <c r="N812857" s="10"/>
    </row>
    <row r="812858" spans="14:14">
      <c r="N812858" s="10"/>
    </row>
    <row r="812859" spans="14:14">
      <c r="N812859" s="10"/>
    </row>
    <row r="812860" spans="14:14">
      <c r="N812860" s="10"/>
    </row>
    <row r="812861" spans="14:14">
      <c r="N812861" s="10"/>
    </row>
    <row r="812862" spans="14:14">
      <c r="N812862" s="10"/>
    </row>
    <row r="812863" spans="14:14">
      <c r="N812863" s="10"/>
    </row>
    <row r="812864" spans="14:14">
      <c r="N812864" s="10"/>
    </row>
    <row r="812865" spans="14:14">
      <c r="N812865" s="10"/>
    </row>
    <row r="812866" spans="14:14">
      <c r="N812866" s="10"/>
    </row>
    <row r="812867" spans="14:14">
      <c r="N812867" s="10"/>
    </row>
    <row r="812868" spans="14:14">
      <c r="N812868" s="10"/>
    </row>
    <row r="812869" spans="14:14">
      <c r="N812869" s="10"/>
    </row>
    <row r="812870" spans="14:14">
      <c r="N812870" s="10"/>
    </row>
    <row r="812871" spans="14:14">
      <c r="N812871" s="10"/>
    </row>
    <row r="812872" spans="14:14">
      <c r="N812872" s="10"/>
    </row>
    <row r="812873" spans="14:14">
      <c r="N812873" s="10"/>
    </row>
    <row r="812874" spans="14:14">
      <c r="N812874" s="10"/>
    </row>
    <row r="812875" spans="14:14">
      <c r="N812875" s="10"/>
    </row>
    <row r="812876" spans="14:14">
      <c r="N812876" s="10"/>
    </row>
    <row r="812877" spans="14:14">
      <c r="N812877" s="10"/>
    </row>
    <row r="812878" spans="14:14">
      <c r="N812878" s="10"/>
    </row>
    <row r="812879" spans="14:14">
      <c r="N812879" s="10"/>
    </row>
    <row r="812880" spans="14:14">
      <c r="N812880" s="10"/>
    </row>
    <row r="812881" spans="14:14">
      <c r="N812881" s="10"/>
    </row>
    <row r="812882" spans="14:14">
      <c r="N812882" s="10"/>
    </row>
    <row r="812883" spans="14:14">
      <c r="N812883" s="10"/>
    </row>
    <row r="812884" spans="14:14">
      <c r="N812884" s="10"/>
    </row>
    <row r="812885" spans="14:14">
      <c r="N812885" s="10"/>
    </row>
    <row r="812886" spans="14:14">
      <c r="N812886" s="10"/>
    </row>
    <row r="812887" spans="14:14">
      <c r="N812887" s="10"/>
    </row>
    <row r="812888" spans="14:14">
      <c r="N812888" s="10"/>
    </row>
    <row r="812889" spans="14:14">
      <c r="N812889" s="10"/>
    </row>
    <row r="812890" spans="14:14">
      <c r="N812890" s="10"/>
    </row>
    <row r="812891" spans="14:14">
      <c r="N812891" s="10"/>
    </row>
    <row r="812892" spans="14:14">
      <c r="N812892" s="10"/>
    </row>
    <row r="812893" spans="14:14">
      <c r="N812893" s="10"/>
    </row>
    <row r="812894" spans="14:14">
      <c r="N812894" s="10"/>
    </row>
    <row r="812895" spans="14:14">
      <c r="N812895" s="10"/>
    </row>
    <row r="812896" spans="14:14">
      <c r="N812896" s="10"/>
    </row>
    <row r="812897" spans="14:14">
      <c r="N812897" s="10"/>
    </row>
    <row r="812898" spans="14:14">
      <c r="N812898" s="10"/>
    </row>
    <row r="812899" spans="14:14">
      <c r="N812899" s="10"/>
    </row>
    <row r="812900" spans="14:14">
      <c r="N812900" s="10"/>
    </row>
    <row r="812901" spans="14:14">
      <c r="N812901" s="10"/>
    </row>
    <row r="812902" spans="14:14">
      <c r="N812902" s="10"/>
    </row>
    <row r="812903" spans="14:14">
      <c r="N812903" s="10"/>
    </row>
    <row r="812904" spans="14:14">
      <c r="N812904" s="10"/>
    </row>
    <row r="812905" spans="14:14">
      <c r="N812905" s="10"/>
    </row>
    <row r="812906" spans="14:14">
      <c r="N812906" s="10"/>
    </row>
    <row r="812907" spans="14:14">
      <c r="N812907" s="10"/>
    </row>
    <row r="812908" spans="14:14">
      <c r="N812908" s="10"/>
    </row>
    <row r="812909" spans="14:14">
      <c r="N812909" s="10"/>
    </row>
    <row r="812910" spans="14:14">
      <c r="N812910" s="10"/>
    </row>
    <row r="812911" spans="14:14">
      <c r="N812911" s="10"/>
    </row>
    <row r="812912" spans="14:14">
      <c r="N812912" s="10"/>
    </row>
    <row r="812913" spans="14:14">
      <c r="N812913" s="10"/>
    </row>
    <row r="812914" spans="14:14">
      <c r="N812914" s="10"/>
    </row>
    <row r="812915" spans="14:14">
      <c r="N812915" s="10"/>
    </row>
    <row r="812916" spans="14:14">
      <c r="N812916" s="10"/>
    </row>
    <row r="812917" spans="14:14">
      <c r="N812917" s="10"/>
    </row>
    <row r="812918" spans="14:14">
      <c r="N812918" s="10"/>
    </row>
    <row r="812919" spans="14:14">
      <c r="N812919" s="10"/>
    </row>
    <row r="812920" spans="14:14">
      <c r="N812920" s="10"/>
    </row>
    <row r="812921" spans="14:14">
      <c r="N812921" s="10"/>
    </row>
    <row r="812922" spans="14:14">
      <c r="N812922" s="10"/>
    </row>
    <row r="812923" spans="14:14">
      <c r="N812923" s="10"/>
    </row>
    <row r="812924" spans="14:14">
      <c r="N812924" s="10"/>
    </row>
    <row r="812925" spans="14:14">
      <c r="N812925" s="10"/>
    </row>
    <row r="812926" spans="14:14">
      <c r="N812926" s="10"/>
    </row>
    <row r="812927" spans="14:14">
      <c r="N812927" s="10"/>
    </row>
    <row r="812928" spans="14:14">
      <c r="N812928" s="10"/>
    </row>
    <row r="812929" spans="14:14">
      <c r="N812929" s="10"/>
    </row>
    <row r="812930" spans="14:14">
      <c r="N812930" s="10"/>
    </row>
    <row r="812931" spans="14:14">
      <c r="N812931" s="10"/>
    </row>
    <row r="812932" spans="14:14">
      <c r="N812932" s="10"/>
    </row>
    <row r="812933" spans="14:14">
      <c r="N812933" s="10"/>
    </row>
    <row r="812934" spans="14:14">
      <c r="N812934" s="10"/>
    </row>
    <row r="812935" spans="14:14">
      <c r="N812935" s="10"/>
    </row>
    <row r="812936" spans="14:14">
      <c r="N812936" s="10"/>
    </row>
    <row r="812937" spans="14:14">
      <c r="N812937" s="10"/>
    </row>
    <row r="812938" spans="14:14">
      <c r="N812938" s="10"/>
    </row>
    <row r="812939" spans="14:14">
      <c r="N812939" s="10"/>
    </row>
    <row r="812940" spans="14:14">
      <c r="N812940" s="10"/>
    </row>
    <row r="812941" spans="14:14">
      <c r="N812941" s="10"/>
    </row>
    <row r="812942" spans="14:14">
      <c r="N812942" s="10"/>
    </row>
    <row r="812943" spans="14:14">
      <c r="N812943" s="10"/>
    </row>
    <row r="812944" spans="14:14">
      <c r="N812944" s="10"/>
    </row>
    <row r="812945" spans="14:14">
      <c r="N812945" s="10"/>
    </row>
    <row r="812946" spans="14:14">
      <c r="N812946" s="10"/>
    </row>
    <row r="812947" spans="14:14">
      <c r="N812947" s="10"/>
    </row>
    <row r="812948" spans="14:14">
      <c r="N812948" s="10"/>
    </row>
    <row r="812949" spans="14:14">
      <c r="N812949" s="10"/>
    </row>
    <row r="812950" spans="14:14">
      <c r="N812950" s="10"/>
    </row>
    <row r="812951" spans="14:14">
      <c r="N812951" s="10"/>
    </row>
    <row r="812952" spans="14:14">
      <c r="N812952" s="10"/>
    </row>
    <row r="812953" spans="14:14">
      <c r="N812953" s="10"/>
    </row>
    <row r="812954" spans="14:14">
      <c r="N812954" s="10"/>
    </row>
    <row r="812955" spans="14:14">
      <c r="N812955" s="10"/>
    </row>
    <row r="812956" spans="14:14">
      <c r="N812956" s="10"/>
    </row>
    <row r="812957" spans="14:14">
      <c r="N812957" s="10"/>
    </row>
    <row r="812958" spans="14:14">
      <c r="N812958" s="10"/>
    </row>
    <row r="812959" spans="14:14">
      <c r="N812959" s="10"/>
    </row>
    <row r="812960" spans="14:14">
      <c r="N812960" s="10"/>
    </row>
    <row r="812961" spans="14:14">
      <c r="N812961" s="10"/>
    </row>
    <row r="812962" spans="14:14">
      <c r="N812962" s="10"/>
    </row>
    <row r="812963" spans="14:14">
      <c r="N812963" s="10"/>
    </row>
    <row r="812964" spans="14:14">
      <c r="N812964" s="10"/>
    </row>
    <row r="812965" spans="14:14">
      <c r="N812965" s="10"/>
    </row>
    <row r="812966" spans="14:14">
      <c r="N812966" s="10"/>
    </row>
    <row r="812967" spans="14:14">
      <c r="N812967" s="10"/>
    </row>
    <row r="812968" spans="14:14">
      <c r="N812968" s="10"/>
    </row>
    <row r="812969" spans="14:14">
      <c r="N812969" s="10"/>
    </row>
    <row r="812970" spans="14:14">
      <c r="N812970" s="10"/>
    </row>
    <row r="812971" spans="14:14">
      <c r="N812971" s="10"/>
    </row>
    <row r="812972" spans="14:14">
      <c r="N812972" s="10"/>
    </row>
    <row r="812973" spans="14:14">
      <c r="N812973" s="10"/>
    </row>
    <row r="812974" spans="14:14">
      <c r="N812974" s="10"/>
    </row>
    <row r="812975" spans="14:14">
      <c r="N812975" s="10"/>
    </row>
    <row r="812976" spans="14:14">
      <c r="N812976" s="10"/>
    </row>
    <row r="812977" spans="14:14">
      <c r="N812977" s="10"/>
    </row>
    <row r="812978" spans="14:14">
      <c r="N812978" s="10"/>
    </row>
    <row r="812979" spans="14:14">
      <c r="N812979" s="10"/>
    </row>
    <row r="812980" spans="14:14">
      <c r="N812980" s="10"/>
    </row>
    <row r="812981" spans="14:14">
      <c r="N812981" s="10"/>
    </row>
    <row r="812982" spans="14:14">
      <c r="N812982" s="10"/>
    </row>
    <row r="812983" spans="14:14">
      <c r="N812983" s="10"/>
    </row>
    <row r="812984" spans="14:14">
      <c r="N812984" s="10"/>
    </row>
    <row r="812985" spans="14:14">
      <c r="N812985" s="10"/>
    </row>
    <row r="812986" spans="14:14">
      <c r="N812986" s="10"/>
    </row>
    <row r="812987" spans="14:14">
      <c r="N812987" s="10"/>
    </row>
    <row r="812988" spans="14:14">
      <c r="N812988" s="10"/>
    </row>
    <row r="812989" spans="14:14">
      <c r="N812989" s="10"/>
    </row>
    <row r="812990" spans="14:14">
      <c r="N812990" s="10"/>
    </row>
    <row r="812991" spans="14:14">
      <c r="N812991" s="10"/>
    </row>
    <row r="812992" spans="14:14">
      <c r="N812992" s="10"/>
    </row>
    <row r="812993" spans="14:14">
      <c r="N812993" s="10"/>
    </row>
    <row r="812994" spans="14:14">
      <c r="N812994" s="10"/>
    </row>
    <row r="812995" spans="14:14">
      <c r="N812995" s="10"/>
    </row>
    <row r="812996" spans="14:14">
      <c r="N812996" s="10"/>
    </row>
    <row r="812997" spans="14:14">
      <c r="N812997" s="10"/>
    </row>
    <row r="812998" spans="14:14">
      <c r="N812998" s="10"/>
    </row>
    <row r="812999" spans="14:14">
      <c r="N812999" s="10"/>
    </row>
    <row r="813000" spans="14:14">
      <c r="N813000" s="10"/>
    </row>
    <row r="813001" spans="14:14">
      <c r="N813001" s="10"/>
    </row>
    <row r="813002" spans="14:14">
      <c r="N813002" s="10"/>
    </row>
    <row r="813003" spans="14:14">
      <c r="N813003" s="10"/>
    </row>
    <row r="813004" spans="14:14">
      <c r="N813004" s="10"/>
    </row>
    <row r="813005" spans="14:14">
      <c r="N813005" s="10"/>
    </row>
    <row r="813006" spans="14:14">
      <c r="N813006" s="10"/>
    </row>
    <row r="813007" spans="14:14">
      <c r="N813007" s="10"/>
    </row>
    <row r="813008" spans="14:14">
      <c r="N813008" s="10"/>
    </row>
    <row r="813009" spans="14:14">
      <c r="N813009" s="10"/>
    </row>
    <row r="813010" spans="14:14">
      <c r="N813010" s="10"/>
    </row>
    <row r="813011" spans="14:14">
      <c r="N813011" s="10"/>
    </row>
    <row r="813012" spans="14:14">
      <c r="N813012" s="10"/>
    </row>
    <row r="813013" spans="14:14">
      <c r="N813013" s="10"/>
    </row>
    <row r="813014" spans="14:14">
      <c r="N813014" s="10"/>
    </row>
    <row r="813015" spans="14:14">
      <c r="N813015" s="10"/>
    </row>
    <row r="813016" spans="14:14">
      <c r="N813016" s="10"/>
    </row>
    <row r="813017" spans="14:14">
      <c r="N813017" s="10"/>
    </row>
    <row r="813018" spans="14:14">
      <c r="N813018" s="10"/>
    </row>
    <row r="813019" spans="14:14">
      <c r="N813019" s="10"/>
    </row>
    <row r="813020" spans="14:14">
      <c r="N813020" s="10"/>
    </row>
    <row r="813021" spans="14:14">
      <c r="N813021" s="10"/>
    </row>
    <row r="813022" spans="14:14">
      <c r="N813022" s="10"/>
    </row>
    <row r="813023" spans="14:14">
      <c r="N813023" s="10"/>
    </row>
    <row r="813024" spans="14:14">
      <c r="N813024" s="10"/>
    </row>
    <row r="813025" spans="14:14">
      <c r="N813025" s="10"/>
    </row>
    <row r="813026" spans="14:14">
      <c r="N813026" s="10"/>
    </row>
    <row r="813027" spans="14:14">
      <c r="N813027" s="10"/>
    </row>
    <row r="813028" spans="14:14">
      <c r="N813028" s="10"/>
    </row>
    <row r="813029" spans="14:14">
      <c r="N813029" s="10"/>
    </row>
    <row r="813030" spans="14:14">
      <c r="N813030" s="10"/>
    </row>
    <row r="813031" spans="14:14">
      <c r="N813031" s="10"/>
    </row>
    <row r="813032" spans="14:14">
      <c r="N813032" s="10"/>
    </row>
    <row r="813033" spans="14:14">
      <c r="N813033" s="10"/>
    </row>
    <row r="813034" spans="14:14">
      <c r="N813034" s="10"/>
    </row>
    <row r="813035" spans="14:14">
      <c r="N813035" s="10"/>
    </row>
    <row r="813036" spans="14:14">
      <c r="N813036" s="10"/>
    </row>
    <row r="813037" spans="14:14">
      <c r="N813037" s="10"/>
    </row>
    <row r="813038" spans="14:14">
      <c r="N813038" s="10"/>
    </row>
    <row r="813039" spans="14:14">
      <c r="N813039" s="10"/>
    </row>
    <row r="813040" spans="14:14">
      <c r="N813040" s="10"/>
    </row>
    <row r="813041" spans="14:14">
      <c r="N813041" s="10"/>
    </row>
    <row r="813042" spans="14:14">
      <c r="N813042" s="10"/>
    </row>
    <row r="813043" spans="14:14">
      <c r="N813043" s="10"/>
    </row>
    <row r="813044" spans="14:14">
      <c r="N813044" s="10"/>
    </row>
    <row r="813045" spans="14:14">
      <c r="N813045" s="10"/>
    </row>
    <row r="813046" spans="14:14">
      <c r="N813046" s="10"/>
    </row>
    <row r="813047" spans="14:14">
      <c r="N813047" s="10"/>
    </row>
    <row r="813048" spans="14:14">
      <c r="N813048" s="10"/>
    </row>
    <row r="813049" spans="14:14">
      <c r="N813049" s="10"/>
    </row>
    <row r="813050" spans="14:14">
      <c r="N813050" s="10"/>
    </row>
    <row r="813051" spans="14:14">
      <c r="N813051" s="10"/>
    </row>
    <row r="813052" spans="14:14">
      <c r="N813052" s="10"/>
    </row>
    <row r="813053" spans="14:14">
      <c r="N813053" s="10"/>
    </row>
    <row r="813054" spans="14:14">
      <c r="N813054" s="10"/>
    </row>
    <row r="813055" spans="14:14">
      <c r="N813055" s="10"/>
    </row>
    <row r="813056" spans="14:14">
      <c r="N813056" s="10"/>
    </row>
    <row r="813057" spans="14:14">
      <c r="N813057" s="10"/>
    </row>
    <row r="813058" spans="14:14">
      <c r="N813058" s="10"/>
    </row>
    <row r="813059" spans="14:14">
      <c r="N813059" s="10"/>
    </row>
    <row r="813060" spans="14:14">
      <c r="N813060" s="10"/>
    </row>
    <row r="813061" spans="14:14">
      <c r="N813061" s="10"/>
    </row>
    <row r="813062" spans="14:14">
      <c r="N813062" s="10"/>
    </row>
    <row r="813063" spans="14:14">
      <c r="N813063" s="10"/>
    </row>
    <row r="813064" spans="14:14">
      <c r="N813064" s="10"/>
    </row>
    <row r="813065" spans="14:14">
      <c r="N813065" s="10"/>
    </row>
    <row r="813066" spans="14:14">
      <c r="N813066" s="10"/>
    </row>
    <row r="813067" spans="14:14">
      <c r="N813067" s="10"/>
    </row>
    <row r="813068" spans="14:14">
      <c r="N813068" s="10"/>
    </row>
    <row r="813069" spans="14:14">
      <c r="N813069" s="10"/>
    </row>
    <row r="813070" spans="14:14">
      <c r="N813070" s="10"/>
    </row>
    <row r="813071" spans="14:14">
      <c r="N813071" s="10"/>
    </row>
    <row r="813072" spans="14:14">
      <c r="N813072" s="10"/>
    </row>
    <row r="813073" spans="14:14">
      <c r="N813073" s="10"/>
    </row>
    <row r="813074" spans="14:14">
      <c r="N813074" s="10"/>
    </row>
    <row r="813075" spans="14:14">
      <c r="N813075" s="10"/>
    </row>
    <row r="813076" spans="14:14">
      <c r="N813076" s="10"/>
    </row>
    <row r="813077" spans="14:14">
      <c r="N813077" s="10"/>
    </row>
    <row r="813078" spans="14:14">
      <c r="N813078" s="10"/>
    </row>
    <row r="813079" spans="14:14">
      <c r="N813079" s="10"/>
    </row>
    <row r="813080" spans="14:14">
      <c r="N813080" s="10"/>
    </row>
    <row r="813081" spans="14:14">
      <c r="N813081" s="10"/>
    </row>
    <row r="813082" spans="14:14">
      <c r="N813082" s="10"/>
    </row>
    <row r="813083" spans="14:14">
      <c r="N813083" s="10"/>
    </row>
    <row r="813084" spans="14:14">
      <c r="N813084" s="10"/>
    </row>
    <row r="813085" spans="14:14">
      <c r="N813085" s="10"/>
    </row>
    <row r="813086" spans="14:14">
      <c r="N813086" s="10"/>
    </row>
    <row r="813087" spans="14:14">
      <c r="N813087" s="10"/>
    </row>
    <row r="813088" spans="14:14">
      <c r="N813088" s="10"/>
    </row>
    <row r="813089" spans="14:14">
      <c r="N813089" s="10"/>
    </row>
    <row r="813090" spans="14:14">
      <c r="N813090" s="10"/>
    </row>
    <row r="813091" spans="14:14">
      <c r="N813091" s="10"/>
    </row>
    <row r="813092" spans="14:14">
      <c r="N813092" s="10"/>
    </row>
    <row r="813093" spans="14:14">
      <c r="N813093" s="10"/>
    </row>
    <row r="813094" spans="14:14">
      <c r="N813094" s="10"/>
    </row>
    <row r="813095" spans="14:14">
      <c r="N813095" s="10"/>
    </row>
    <row r="813096" spans="14:14">
      <c r="N813096" s="10"/>
    </row>
    <row r="813097" spans="14:14">
      <c r="N813097" s="10"/>
    </row>
    <row r="813098" spans="14:14">
      <c r="N813098" s="10"/>
    </row>
    <row r="813099" spans="14:14">
      <c r="N813099" s="10"/>
    </row>
    <row r="813100" spans="14:14">
      <c r="N813100" s="10"/>
    </row>
    <row r="813101" spans="14:14">
      <c r="N813101" s="10"/>
    </row>
    <row r="813102" spans="14:14">
      <c r="N813102" s="10"/>
    </row>
    <row r="813103" spans="14:14">
      <c r="N813103" s="10"/>
    </row>
    <row r="813104" spans="14:14">
      <c r="N813104" s="10"/>
    </row>
    <row r="813105" spans="14:14">
      <c r="N813105" s="10"/>
    </row>
    <row r="813106" spans="14:14">
      <c r="N813106" s="10"/>
    </row>
    <row r="813107" spans="14:14">
      <c r="N813107" s="10"/>
    </row>
    <row r="813108" spans="14:14">
      <c r="N813108" s="10"/>
    </row>
    <row r="813109" spans="14:14">
      <c r="N813109" s="10"/>
    </row>
    <row r="813110" spans="14:14">
      <c r="N813110" s="10"/>
    </row>
    <row r="813111" spans="14:14">
      <c r="N813111" s="10"/>
    </row>
    <row r="813112" spans="14:14">
      <c r="N813112" s="10"/>
    </row>
    <row r="813113" spans="14:14">
      <c r="N813113" s="10"/>
    </row>
    <row r="813114" spans="14:14">
      <c r="N813114" s="10"/>
    </row>
    <row r="813115" spans="14:14">
      <c r="N813115" s="10"/>
    </row>
    <row r="813116" spans="14:14">
      <c r="N813116" s="10"/>
    </row>
    <row r="813117" spans="14:14">
      <c r="N813117" s="10"/>
    </row>
    <row r="813118" spans="14:14">
      <c r="N813118" s="10"/>
    </row>
    <row r="813119" spans="14:14">
      <c r="N813119" s="10"/>
    </row>
    <row r="813120" spans="14:14">
      <c r="N813120" s="10"/>
    </row>
    <row r="813121" spans="14:14">
      <c r="N813121" s="10"/>
    </row>
    <row r="813122" spans="14:14">
      <c r="N813122" s="10"/>
    </row>
    <row r="813123" spans="14:14">
      <c r="N813123" s="10"/>
    </row>
    <row r="813124" spans="14:14">
      <c r="N813124" s="10"/>
    </row>
    <row r="813125" spans="14:14">
      <c r="N813125" s="10"/>
    </row>
    <row r="813126" spans="14:14">
      <c r="N813126" s="10"/>
    </row>
    <row r="813127" spans="14:14">
      <c r="N813127" s="10"/>
    </row>
    <row r="813128" spans="14:14">
      <c r="N813128" s="10"/>
    </row>
    <row r="813129" spans="14:14">
      <c r="N813129" s="10"/>
    </row>
    <row r="813130" spans="14:14">
      <c r="N813130" s="10"/>
    </row>
    <row r="813131" spans="14:14">
      <c r="N813131" s="10"/>
    </row>
    <row r="813132" spans="14:14">
      <c r="N813132" s="10"/>
    </row>
    <row r="813133" spans="14:14">
      <c r="N813133" s="10"/>
    </row>
    <row r="813134" spans="14:14">
      <c r="N813134" s="10"/>
    </row>
    <row r="813135" spans="14:14">
      <c r="N813135" s="10"/>
    </row>
    <row r="813136" spans="14:14">
      <c r="N813136" s="10"/>
    </row>
    <row r="813137" spans="14:14">
      <c r="N813137" s="10"/>
    </row>
    <row r="813138" spans="14:14">
      <c r="N813138" s="10"/>
    </row>
    <row r="813139" spans="14:14">
      <c r="N813139" s="10"/>
    </row>
    <row r="813140" spans="14:14">
      <c r="N813140" s="10"/>
    </row>
    <row r="813141" spans="14:14">
      <c r="N813141" s="10"/>
    </row>
    <row r="813142" spans="14:14">
      <c r="N813142" s="10"/>
    </row>
    <row r="813143" spans="14:14">
      <c r="N813143" s="10"/>
    </row>
    <row r="813144" spans="14:14">
      <c r="N813144" s="10"/>
    </row>
    <row r="813145" spans="14:14">
      <c r="N813145" s="10"/>
    </row>
    <row r="813146" spans="14:14">
      <c r="N813146" s="10"/>
    </row>
    <row r="813147" spans="14:14">
      <c r="N813147" s="10"/>
    </row>
    <row r="813148" spans="14:14">
      <c r="N813148" s="10"/>
    </row>
    <row r="813149" spans="14:14">
      <c r="N813149" s="10"/>
    </row>
    <row r="813150" spans="14:14">
      <c r="N813150" s="10"/>
    </row>
    <row r="813151" spans="14:14">
      <c r="N813151" s="10"/>
    </row>
    <row r="813152" spans="14:14">
      <c r="N813152" s="10"/>
    </row>
    <row r="813153" spans="14:14">
      <c r="N813153" s="10"/>
    </row>
    <row r="813154" spans="14:14">
      <c r="N813154" s="10"/>
    </row>
    <row r="813155" spans="14:14">
      <c r="N813155" s="10"/>
    </row>
    <row r="813156" spans="14:14">
      <c r="N813156" s="10"/>
    </row>
    <row r="813157" spans="14:14">
      <c r="N813157" s="10"/>
    </row>
    <row r="813158" spans="14:14">
      <c r="N813158" s="10"/>
    </row>
    <row r="813159" spans="14:14">
      <c r="N813159" s="10"/>
    </row>
    <row r="813160" spans="14:14">
      <c r="N813160" s="10"/>
    </row>
    <row r="813161" spans="14:14">
      <c r="N813161" s="10"/>
    </row>
    <row r="813162" spans="14:14">
      <c r="N813162" s="10"/>
    </row>
    <row r="813163" spans="14:14">
      <c r="N813163" s="10"/>
    </row>
    <row r="813164" spans="14:14">
      <c r="N813164" s="10"/>
    </row>
    <row r="813165" spans="14:14">
      <c r="N813165" s="10"/>
    </row>
    <row r="813166" spans="14:14">
      <c r="N813166" s="10"/>
    </row>
    <row r="813167" spans="14:14">
      <c r="N813167" s="10"/>
    </row>
    <row r="813168" spans="14:14">
      <c r="N813168" s="10"/>
    </row>
    <row r="813169" spans="14:14">
      <c r="N813169" s="10"/>
    </row>
    <row r="813170" spans="14:14">
      <c r="N813170" s="10"/>
    </row>
    <row r="813171" spans="14:14">
      <c r="N813171" s="10"/>
    </row>
    <row r="813172" spans="14:14">
      <c r="N813172" s="10"/>
    </row>
    <row r="813173" spans="14:14">
      <c r="N813173" s="10"/>
    </row>
    <row r="813174" spans="14:14">
      <c r="N813174" s="10"/>
    </row>
    <row r="813175" spans="14:14">
      <c r="N813175" s="10"/>
    </row>
    <row r="813176" spans="14:14">
      <c r="N813176" s="10"/>
    </row>
    <row r="813177" spans="14:14">
      <c r="N813177" s="10"/>
    </row>
    <row r="813178" spans="14:14">
      <c r="N813178" s="10"/>
    </row>
    <row r="813179" spans="14:14">
      <c r="N813179" s="10"/>
    </row>
    <row r="813180" spans="14:14">
      <c r="N813180" s="10"/>
    </row>
    <row r="813181" spans="14:14">
      <c r="N813181" s="10"/>
    </row>
    <row r="813182" spans="14:14">
      <c r="N813182" s="10"/>
    </row>
    <row r="813183" spans="14:14">
      <c r="N813183" s="10"/>
    </row>
    <row r="813184" spans="14:14">
      <c r="N813184" s="10"/>
    </row>
    <row r="813185" spans="14:14">
      <c r="N813185" s="10"/>
    </row>
    <row r="813186" spans="14:14">
      <c r="N813186" s="10"/>
    </row>
    <row r="813187" spans="14:14">
      <c r="N813187" s="10"/>
    </row>
    <row r="813188" spans="14:14">
      <c r="N813188" s="10"/>
    </row>
    <row r="813189" spans="14:14">
      <c r="N813189" s="10"/>
    </row>
    <row r="813190" spans="14:14">
      <c r="N813190" s="10"/>
    </row>
    <row r="813191" spans="14:14">
      <c r="N813191" s="10"/>
    </row>
    <row r="813192" spans="14:14">
      <c r="N813192" s="10"/>
    </row>
    <row r="813193" spans="14:14">
      <c r="N813193" s="10"/>
    </row>
    <row r="813194" spans="14:14">
      <c r="N813194" s="10"/>
    </row>
    <row r="813195" spans="14:14">
      <c r="N813195" s="10"/>
    </row>
    <row r="813196" spans="14:14">
      <c r="N813196" s="10"/>
    </row>
    <row r="813197" spans="14:14">
      <c r="N813197" s="10"/>
    </row>
    <row r="813198" spans="14:14">
      <c r="N813198" s="10"/>
    </row>
    <row r="813199" spans="14:14">
      <c r="N813199" s="10"/>
    </row>
    <row r="813200" spans="14:14">
      <c r="N813200" s="10"/>
    </row>
    <row r="813201" spans="14:14">
      <c r="N813201" s="10"/>
    </row>
    <row r="813202" spans="14:14">
      <c r="N813202" s="10"/>
    </row>
    <row r="813203" spans="14:14">
      <c r="N813203" s="10"/>
    </row>
    <row r="813204" spans="14:14">
      <c r="N813204" s="10"/>
    </row>
    <row r="813205" spans="14:14">
      <c r="N813205" s="10"/>
    </row>
    <row r="813206" spans="14:14">
      <c r="N813206" s="10"/>
    </row>
    <row r="813207" spans="14:14">
      <c r="N813207" s="10"/>
    </row>
    <row r="813208" spans="14:14">
      <c r="N813208" s="10"/>
    </row>
    <row r="813209" spans="14:14">
      <c r="N813209" s="10"/>
    </row>
    <row r="813210" spans="14:14">
      <c r="N813210" s="10"/>
    </row>
    <row r="813211" spans="14:14">
      <c r="N813211" s="10"/>
    </row>
    <row r="813212" spans="14:14">
      <c r="N813212" s="10"/>
    </row>
    <row r="813213" spans="14:14">
      <c r="N813213" s="10"/>
    </row>
    <row r="813214" spans="14:14">
      <c r="N813214" s="10"/>
    </row>
    <row r="813215" spans="14:14">
      <c r="N813215" s="10"/>
    </row>
    <row r="813216" spans="14:14">
      <c r="N813216" s="10"/>
    </row>
    <row r="813217" spans="14:14">
      <c r="N813217" s="10"/>
    </row>
    <row r="813218" spans="14:14">
      <c r="N813218" s="10"/>
    </row>
    <row r="813219" spans="14:14">
      <c r="N813219" s="10"/>
    </row>
    <row r="813220" spans="14:14">
      <c r="N813220" s="10"/>
    </row>
    <row r="813221" spans="14:14">
      <c r="N813221" s="10"/>
    </row>
    <row r="813222" spans="14:14">
      <c r="N813222" s="10"/>
    </row>
    <row r="813223" spans="14:14">
      <c r="N813223" s="10"/>
    </row>
    <row r="813224" spans="14:14">
      <c r="N813224" s="10"/>
    </row>
    <row r="813225" spans="14:14">
      <c r="N813225" s="10"/>
    </row>
    <row r="813226" spans="14:14">
      <c r="N813226" s="10"/>
    </row>
    <row r="813227" spans="14:14">
      <c r="N813227" s="10"/>
    </row>
    <row r="813228" spans="14:14">
      <c r="N813228" s="10"/>
    </row>
    <row r="813229" spans="14:14">
      <c r="N813229" s="10"/>
    </row>
    <row r="813230" spans="14:14">
      <c r="N813230" s="10"/>
    </row>
    <row r="813231" spans="14:14">
      <c r="N813231" s="10"/>
    </row>
    <row r="813232" spans="14:14">
      <c r="N813232" s="10"/>
    </row>
    <row r="813233" spans="14:14">
      <c r="N813233" s="10"/>
    </row>
    <row r="813234" spans="14:14">
      <c r="N813234" s="10"/>
    </row>
    <row r="813235" spans="14:14">
      <c r="N813235" s="10"/>
    </row>
    <row r="813236" spans="14:14">
      <c r="N813236" s="10"/>
    </row>
    <row r="813237" spans="14:14">
      <c r="N813237" s="10"/>
    </row>
    <row r="813238" spans="14:14">
      <c r="N813238" s="10"/>
    </row>
    <row r="813239" spans="14:14">
      <c r="N813239" s="10"/>
    </row>
    <row r="813240" spans="14:14">
      <c r="N813240" s="10"/>
    </row>
    <row r="813241" spans="14:14">
      <c r="N813241" s="10"/>
    </row>
    <row r="813242" spans="14:14">
      <c r="N813242" s="10"/>
    </row>
    <row r="813243" spans="14:14">
      <c r="N813243" s="10"/>
    </row>
    <row r="813244" spans="14:14">
      <c r="N813244" s="10"/>
    </row>
    <row r="813245" spans="14:14">
      <c r="N813245" s="10"/>
    </row>
    <row r="813246" spans="14:14">
      <c r="N813246" s="10"/>
    </row>
    <row r="813247" spans="14:14">
      <c r="N813247" s="10"/>
    </row>
    <row r="813248" spans="14:14">
      <c r="N813248" s="10"/>
    </row>
    <row r="813249" spans="14:14">
      <c r="N813249" s="10"/>
    </row>
    <row r="813250" spans="14:14">
      <c r="N813250" s="10"/>
    </row>
    <row r="813251" spans="14:14">
      <c r="N813251" s="10"/>
    </row>
    <row r="813252" spans="14:14">
      <c r="N813252" s="10"/>
    </row>
    <row r="813253" spans="14:14">
      <c r="N813253" s="10"/>
    </row>
    <row r="813254" spans="14:14">
      <c r="N813254" s="10"/>
    </row>
    <row r="813255" spans="14:14">
      <c r="N813255" s="10"/>
    </row>
    <row r="813256" spans="14:14">
      <c r="N813256" s="10"/>
    </row>
    <row r="813257" spans="14:14">
      <c r="N813257" s="10"/>
    </row>
    <row r="813258" spans="14:14">
      <c r="N813258" s="10"/>
    </row>
    <row r="813259" spans="14:14">
      <c r="N813259" s="10"/>
    </row>
    <row r="813260" spans="14:14">
      <c r="N813260" s="10"/>
    </row>
    <row r="813261" spans="14:14">
      <c r="N813261" s="10"/>
    </row>
    <row r="813262" spans="14:14">
      <c r="N813262" s="10"/>
    </row>
    <row r="813263" spans="14:14">
      <c r="N813263" s="10"/>
    </row>
    <row r="813264" spans="14:14">
      <c r="N813264" s="10"/>
    </row>
    <row r="813265" spans="14:14">
      <c r="N813265" s="10"/>
    </row>
    <row r="813266" spans="14:14">
      <c r="N813266" s="10"/>
    </row>
    <row r="813267" spans="14:14">
      <c r="N813267" s="10"/>
    </row>
    <row r="813268" spans="14:14">
      <c r="N813268" s="10"/>
    </row>
    <row r="813269" spans="14:14">
      <c r="N813269" s="10"/>
    </row>
    <row r="813270" spans="14:14">
      <c r="N813270" s="10"/>
    </row>
    <row r="813271" spans="14:14">
      <c r="N813271" s="10"/>
    </row>
    <row r="813272" spans="14:14">
      <c r="N813272" s="10"/>
    </row>
    <row r="813273" spans="14:14">
      <c r="N813273" s="10"/>
    </row>
    <row r="813274" spans="14:14">
      <c r="N813274" s="10"/>
    </row>
    <row r="813275" spans="14:14">
      <c r="N813275" s="10"/>
    </row>
    <row r="813276" spans="14:14">
      <c r="N813276" s="10"/>
    </row>
    <row r="813277" spans="14:14">
      <c r="N813277" s="10"/>
    </row>
    <row r="813278" spans="14:14">
      <c r="N813278" s="10"/>
    </row>
    <row r="813279" spans="14:14">
      <c r="N813279" s="10"/>
    </row>
    <row r="813280" spans="14:14">
      <c r="N813280" s="10"/>
    </row>
    <row r="813281" spans="14:14">
      <c r="N813281" s="10"/>
    </row>
    <row r="813282" spans="14:14">
      <c r="N813282" s="10"/>
    </row>
    <row r="813283" spans="14:14">
      <c r="N813283" s="10"/>
    </row>
    <row r="813284" spans="14:14">
      <c r="N813284" s="10"/>
    </row>
    <row r="813285" spans="14:14">
      <c r="N813285" s="10"/>
    </row>
    <row r="813286" spans="14:14">
      <c r="N813286" s="10"/>
    </row>
    <row r="813287" spans="14:14">
      <c r="N813287" s="10"/>
    </row>
    <row r="813288" spans="14:14">
      <c r="N813288" s="10"/>
    </row>
    <row r="813289" spans="14:14">
      <c r="N813289" s="10"/>
    </row>
    <row r="813290" spans="14:14">
      <c r="N813290" s="10"/>
    </row>
    <row r="813291" spans="14:14">
      <c r="N813291" s="10"/>
    </row>
    <row r="813292" spans="14:14">
      <c r="N813292" s="10"/>
    </row>
    <row r="813293" spans="14:14">
      <c r="N813293" s="10"/>
    </row>
    <row r="813294" spans="14:14">
      <c r="N813294" s="10"/>
    </row>
    <row r="813295" spans="14:14">
      <c r="N813295" s="10"/>
    </row>
    <row r="813296" spans="14:14">
      <c r="N813296" s="10"/>
    </row>
    <row r="813297" spans="14:14">
      <c r="N813297" s="10"/>
    </row>
    <row r="813298" spans="14:14">
      <c r="N813298" s="10"/>
    </row>
    <row r="813299" spans="14:14">
      <c r="N813299" s="10"/>
    </row>
    <row r="813300" spans="14:14">
      <c r="N813300" s="10"/>
    </row>
    <row r="813301" spans="14:14">
      <c r="N813301" s="10"/>
    </row>
    <row r="813302" spans="14:14">
      <c r="N813302" s="10"/>
    </row>
    <row r="813303" spans="14:14">
      <c r="N813303" s="10"/>
    </row>
    <row r="813304" spans="14:14">
      <c r="N813304" s="10"/>
    </row>
    <row r="813305" spans="14:14">
      <c r="N813305" s="10"/>
    </row>
    <row r="813306" spans="14:14">
      <c r="N813306" s="10"/>
    </row>
    <row r="813307" spans="14:14">
      <c r="N813307" s="10"/>
    </row>
    <row r="813308" spans="14:14">
      <c r="N813308" s="10"/>
    </row>
    <row r="813309" spans="14:14">
      <c r="N813309" s="10"/>
    </row>
    <row r="813310" spans="14:14">
      <c r="N813310" s="10"/>
    </row>
    <row r="813311" spans="14:14">
      <c r="N813311" s="10"/>
    </row>
    <row r="813312" spans="14:14">
      <c r="N813312" s="10"/>
    </row>
    <row r="813313" spans="14:14">
      <c r="N813313" s="10"/>
    </row>
    <row r="813314" spans="14:14">
      <c r="N813314" s="10"/>
    </row>
    <row r="813315" spans="14:14">
      <c r="N813315" s="10"/>
    </row>
    <row r="813316" spans="14:14">
      <c r="N813316" s="10"/>
    </row>
    <row r="813317" spans="14:14">
      <c r="N813317" s="10"/>
    </row>
    <row r="813318" spans="14:14">
      <c r="N813318" s="10"/>
    </row>
    <row r="813319" spans="14:14">
      <c r="N813319" s="10"/>
    </row>
    <row r="813320" spans="14:14">
      <c r="N813320" s="10"/>
    </row>
    <row r="813321" spans="14:14">
      <c r="N813321" s="10"/>
    </row>
    <row r="813322" spans="14:14">
      <c r="N813322" s="10"/>
    </row>
    <row r="813323" spans="14:14">
      <c r="N813323" s="10"/>
    </row>
    <row r="813324" spans="14:14">
      <c r="N813324" s="10"/>
    </row>
    <row r="813325" spans="14:14">
      <c r="N813325" s="10"/>
    </row>
    <row r="813326" spans="14:14">
      <c r="N813326" s="10"/>
    </row>
    <row r="813327" spans="14:14">
      <c r="N813327" s="10"/>
    </row>
    <row r="813328" spans="14:14">
      <c r="N813328" s="10"/>
    </row>
    <row r="813329" spans="14:14">
      <c r="N813329" s="10"/>
    </row>
    <row r="813330" spans="14:14">
      <c r="N813330" s="10"/>
    </row>
    <row r="813331" spans="14:14">
      <c r="N813331" s="10"/>
    </row>
    <row r="813332" spans="14:14">
      <c r="N813332" s="10"/>
    </row>
    <row r="813333" spans="14:14">
      <c r="N813333" s="10"/>
    </row>
    <row r="813334" spans="14:14">
      <c r="N813334" s="10"/>
    </row>
    <row r="813335" spans="14:14">
      <c r="N813335" s="10"/>
    </row>
    <row r="813336" spans="14:14">
      <c r="N813336" s="10"/>
    </row>
    <row r="813337" spans="14:14">
      <c r="N813337" s="10"/>
    </row>
    <row r="813338" spans="14:14">
      <c r="N813338" s="10"/>
    </row>
    <row r="813339" spans="14:14">
      <c r="N813339" s="10"/>
    </row>
    <row r="813340" spans="14:14">
      <c r="N813340" s="10"/>
    </row>
    <row r="813341" spans="14:14">
      <c r="N813341" s="10"/>
    </row>
    <row r="813342" spans="14:14">
      <c r="N813342" s="10"/>
    </row>
    <row r="813343" spans="14:14">
      <c r="N813343" s="10"/>
    </row>
    <row r="813344" spans="14:14">
      <c r="N813344" s="10"/>
    </row>
    <row r="813345" spans="14:14">
      <c r="N813345" s="10"/>
    </row>
    <row r="813346" spans="14:14">
      <c r="N813346" s="10"/>
    </row>
    <row r="813347" spans="14:14">
      <c r="N813347" s="10"/>
    </row>
    <row r="813348" spans="14:14">
      <c r="N813348" s="10"/>
    </row>
    <row r="813349" spans="14:14">
      <c r="N813349" s="10"/>
    </row>
    <row r="813350" spans="14:14">
      <c r="N813350" s="10"/>
    </row>
    <row r="813351" spans="14:14">
      <c r="N813351" s="10"/>
    </row>
    <row r="813352" spans="14:14">
      <c r="N813352" s="10"/>
    </row>
    <row r="813353" spans="14:14">
      <c r="N813353" s="10"/>
    </row>
    <row r="813354" spans="14:14">
      <c r="N813354" s="10"/>
    </row>
    <row r="813355" spans="14:14">
      <c r="N813355" s="10"/>
    </row>
    <row r="813356" spans="14:14">
      <c r="N813356" s="10"/>
    </row>
    <row r="813357" spans="14:14">
      <c r="N813357" s="10"/>
    </row>
    <row r="813358" spans="14:14">
      <c r="N813358" s="10"/>
    </row>
    <row r="813359" spans="14:14">
      <c r="N813359" s="10"/>
    </row>
    <row r="813360" spans="14:14">
      <c r="N813360" s="10"/>
    </row>
    <row r="813361" spans="14:14">
      <c r="N813361" s="10"/>
    </row>
    <row r="813362" spans="14:14">
      <c r="N813362" s="10"/>
    </row>
    <row r="813363" spans="14:14">
      <c r="N813363" s="10"/>
    </row>
    <row r="813364" spans="14:14">
      <c r="N813364" s="10"/>
    </row>
    <row r="813365" spans="14:14">
      <c r="N813365" s="10"/>
    </row>
    <row r="813366" spans="14:14">
      <c r="N813366" s="10"/>
    </row>
    <row r="813367" spans="14:14">
      <c r="N813367" s="10"/>
    </row>
    <row r="813368" spans="14:14">
      <c r="N813368" s="10"/>
    </row>
    <row r="813369" spans="14:14">
      <c r="N813369" s="10"/>
    </row>
    <row r="813370" spans="14:14">
      <c r="N813370" s="10"/>
    </row>
    <row r="813371" spans="14:14">
      <c r="N813371" s="10"/>
    </row>
    <row r="813372" spans="14:14">
      <c r="N813372" s="10"/>
    </row>
    <row r="813373" spans="14:14">
      <c r="N813373" s="10"/>
    </row>
    <row r="813374" spans="14:14">
      <c r="N813374" s="10"/>
    </row>
    <row r="813375" spans="14:14">
      <c r="N813375" s="10"/>
    </row>
    <row r="813376" spans="14:14">
      <c r="N813376" s="10"/>
    </row>
    <row r="813377" spans="14:14">
      <c r="N813377" s="10"/>
    </row>
    <row r="813378" spans="14:14">
      <c r="N813378" s="10"/>
    </row>
    <row r="813379" spans="14:14">
      <c r="N813379" s="10"/>
    </row>
    <row r="813380" spans="14:14">
      <c r="N813380" s="10"/>
    </row>
    <row r="813381" spans="14:14">
      <c r="N813381" s="10"/>
    </row>
    <row r="813382" spans="14:14">
      <c r="N813382" s="10"/>
    </row>
    <row r="813383" spans="14:14">
      <c r="N813383" s="10"/>
    </row>
    <row r="813384" spans="14:14">
      <c r="N813384" s="10"/>
    </row>
    <row r="813385" spans="14:14">
      <c r="N813385" s="10"/>
    </row>
    <row r="813386" spans="14:14">
      <c r="N813386" s="10"/>
    </row>
    <row r="813387" spans="14:14">
      <c r="N813387" s="10"/>
    </row>
    <row r="813388" spans="14:14">
      <c r="N813388" s="10"/>
    </row>
    <row r="813389" spans="14:14">
      <c r="N813389" s="10"/>
    </row>
    <row r="813390" spans="14:14">
      <c r="N813390" s="10"/>
    </row>
    <row r="813391" spans="14:14">
      <c r="N813391" s="10"/>
    </row>
    <row r="813392" spans="14:14">
      <c r="N813392" s="10"/>
    </row>
    <row r="813393" spans="14:14">
      <c r="N813393" s="10"/>
    </row>
    <row r="813394" spans="14:14">
      <c r="N813394" s="10"/>
    </row>
    <row r="813395" spans="14:14">
      <c r="N813395" s="10"/>
    </row>
    <row r="813396" spans="14:14">
      <c r="N813396" s="10"/>
    </row>
    <row r="813397" spans="14:14">
      <c r="N813397" s="10"/>
    </row>
    <row r="813398" spans="14:14">
      <c r="N813398" s="10"/>
    </row>
    <row r="813399" spans="14:14">
      <c r="N813399" s="10"/>
    </row>
    <row r="813400" spans="14:14">
      <c r="N813400" s="10"/>
    </row>
    <row r="813401" spans="14:14">
      <c r="N813401" s="10"/>
    </row>
    <row r="813402" spans="14:14">
      <c r="N813402" s="10"/>
    </row>
    <row r="813403" spans="14:14">
      <c r="N813403" s="10"/>
    </row>
    <row r="813404" spans="14:14">
      <c r="N813404" s="10"/>
    </row>
    <row r="813405" spans="14:14">
      <c r="N813405" s="10"/>
    </row>
    <row r="813406" spans="14:14">
      <c r="N813406" s="10"/>
    </row>
    <row r="813407" spans="14:14">
      <c r="N813407" s="10"/>
    </row>
    <row r="813408" spans="14:14">
      <c r="N813408" s="10"/>
    </row>
    <row r="813409" spans="14:14">
      <c r="N813409" s="10"/>
    </row>
    <row r="813410" spans="14:14">
      <c r="N813410" s="10"/>
    </row>
    <row r="813411" spans="14:14">
      <c r="N813411" s="10"/>
    </row>
    <row r="813412" spans="14:14">
      <c r="N813412" s="10"/>
    </row>
    <row r="813413" spans="14:14">
      <c r="N813413" s="10"/>
    </row>
    <row r="813414" spans="14:14">
      <c r="N813414" s="10"/>
    </row>
    <row r="813415" spans="14:14">
      <c r="N813415" s="10"/>
    </row>
    <row r="813416" spans="14:14">
      <c r="N813416" s="10"/>
    </row>
    <row r="813417" spans="14:14">
      <c r="N813417" s="10"/>
    </row>
    <row r="813418" spans="14:14">
      <c r="N813418" s="10"/>
    </row>
    <row r="813419" spans="14:14">
      <c r="N813419" s="10"/>
    </row>
    <row r="813420" spans="14:14">
      <c r="N813420" s="10"/>
    </row>
    <row r="813421" spans="14:14">
      <c r="N813421" s="10"/>
    </row>
    <row r="813422" spans="14:14">
      <c r="N813422" s="10"/>
    </row>
    <row r="813423" spans="14:14">
      <c r="N813423" s="10"/>
    </row>
    <row r="813424" spans="14:14">
      <c r="N813424" s="10"/>
    </row>
    <row r="813425" spans="14:14">
      <c r="N813425" s="10"/>
    </row>
    <row r="813426" spans="14:14">
      <c r="N813426" s="10"/>
    </row>
    <row r="813427" spans="14:14">
      <c r="N813427" s="10"/>
    </row>
    <row r="813428" spans="14:14">
      <c r="N813428" s="10"/>
    </row>
    <row r="813429" spans="14:14">
      <c r="N813429" s="10"/>
    </row>
    <row r="813430" spans="14:14">
      <c r="N813430" s="10"/>
    </row>
    <row r="813431" spans="14:14">
      <c r="N813431" s="10"/>
    </row>
    <row r="813432" spans="14:14">
      <c r="N813432" s="10"/>
    </row>
    <row r="813433" spans="14:14">
      <c r="N813433" s="10"/>
    </row>
    <row r="813434" spans="14:14">
      <c r="N813434" s="10"/>
    </row>
    <row r="813435" spans="14:14">
      <c r="N813435" s="10"/>
    </row>
    <row r="813436" spans="14:14">
      <c r="N813436" s="10"/>
    </row>
    <row r="813437" spans="14:14">
      <c r="N813437" s="10"/>
    </row>
    <row r="813438" spans="14:14">
      <c r="N813438" s="10"/>
    </row>
    <row r="813439" spans="14:14">
      <c r="N813439" s="10"/>
    </row>
    <row r="813440" spans="14:14">
      <c r="N813440" s="10"/>
    </row>
    <row r="813441" spans="14:14">
      <c r="N813441" s="10"/>
    </row>
    <row r="813442" spans="14:14">
      <c r="N813442" s="10"/>
    </row>
    <row r="813443" spans="14:14">
      <c r="N813443" s="10"/>
    </row>
    <row r="813444" spans="14:14">
      <c r="N813444" s="10"/>
    </row>
    <row r="813445" spans="14:14">
      <c r="N813445" s="10"/>
    </row>
    <row r="813446" spans="14:14">
      <c r="N813446" s="10"/>
    </row>
    <row r="813447" spans="14:14">
      <c r="N813447" s="10"/>
    </row>
    <row r="813448" spans="14:14">
      <c r="N813448" s="10"/>
    </row>
    <row r="813449" spans="14:14">
      <c r="N813449" s="10"/>
    </row>
    <row r="813450" spans="14:14">
      <c r="N813450" s="10"/>
    </row>
    <row r="813451" spans="14:14">
      <c r="N813451" s="10"/>
    </row>
    <row r="813452" spans="14:14">
      <c r="N813452" s="10"/>
    </row>
    <row r="813453" spans="14:14">
      <c r="N813453" s="10"/>
    </row>
    <row r="813454" spans="14:14">
      <c r="N813454" s="10"/>
    </row>
    <row r="813455" spans="14:14">
      <c r="N813455" s="10"/>
    </row>
    <row r="813456" spans="14:14">
      <c r="N813456" s="10"/>
    </row>
    <row r="813457" spans="14:14">
      <c r="N813457" s="10"/>
    </row>
    <row r="813458" spans="14:14">
      <c r="N813458" s="10"/>
    </row>
    <row r="813459" spans="14:14">
      <c r="N813459" s="10"/>
    </row>
    <row r="813460" spans="14:14">
      <c r="N813460" s="10"/>
    </row>
    <row r="813461" spans="14:14">
      <c r="N813461" s="10"/>
    </row>
    <row r="813462" spans="14:14">
      <c r="N813462" s="10"/>
    </row>
    <row r="813463" spans="14:14">
      <c r="N813463" s="10"/>
    </row>
    <row r="813464" spans="14:14">
      <c r="N813464" s="10"/>
    </row>
    <row r="813465" spans="14:14">
      <c r="N813465" s="10"/>
    </row>
    <row r="813466" spans="14:14">
      <c r="N813466" s="10"/>
    </row>
    <row r="813467" spans="14:14">
      <c r="N813467" s="10"/>
    </row>
    <row r="813468" spans="14:14">
      <c r="N813468" s="10"/>
    </row>
    <row r="813469" spans="14:14">
      <c r="N813469" s="10"/>
    </row>
    <row r="813470" spans="14:14">
      <c r="N813470" s="10"/>
    </row>
    <row r="813471" spans="14:14">
      <c r="N813471" s="10"/>
    </row>
    <row r="813472" spans="14:14">
      <c r="N813472" s="10"/>
    </row>
    <row r="813473" spans="14:14">
      <c r="N813473" s="10"/>
    </row>
    <row r="813474" spans="14:14">
      <c r="N813474" s="10"/>
    </row>
    <row r="813475" spans="14:14">
      <c r="N813475" s="10"/>
    </row>
    <row r="813476" spans="14:14">
      <c r="N813476" s="10"/>
    </row>
    <row r="813477" spans="14:14">
      <c r="N813477" s="10"/>
    </row>
    <row r="813478" spans="14:14">
      <c r="N813478" s="10"/>
    </row>
    <row r="813479" spans="14:14">
      <c r="N813479" s="10"/>
    </row>
    <row r="813480" spans="14:14">
      <c r="N813480" s="10"/>
    </row>
    <row r="813481" spans="14:14">
      <c r="N813481" s="10"/>
    </row>
    <row r="813482" spans="14:14">
      <c r="N813482" s="10"/>
    </row>
    <row r="813483" spans="14:14">
      <c r="N813483" s="10"/>
    </row>
    <row r="813484" spans="14:14">
      <c r="N813484" s="10"/>
    </row>
    <row r="813485" spans="14:14">
      <c r="N813485" s="10"/>
    </row>
    <row r="813486" spans="14:14">
      <c r="N813486" s="10"/>
    </row>
    <row r="813487" spans="14:14">
      <c r="N813487" s="10"/>
    </row>
    <row r="813488" spans="14:14">
      <c r="N813488" s="10"/>
    </row>
    <row r="813489" spans="14:14">
      <c r="N813489" s="10"/>
    </row>
    <row r="813490" spans="14:14">
      <c r="N813490" s="10"/>
    </row>
    <row r="813491" spans="14:14">
      <c r="N813491" s="10"/>
    </row>
    <row r="813492" spans="14:14">
      <c r="N813492" s="10"/>
    </row>
    <row r="813493" spans="14:14">
      <c r="N813493" s="10"/>
    </row>
    <row r="813494" spans="14:14">
      <c r="N813494" s="10"/>
    </row>
    <row r="813495" spans="14:14">
      <c r="N813495" s="10"/>
    </row>
    <row r="813496" spans="14:14">
      <c r="N813496" s="10"/>
    </row>
    <row r="813497" spans="14:14">
      <c r="N813497" s="10"/>
    </row>
    <row r="813498" spans="14:14">
      <c r="N813498" s="10"/>
    </row>
    <row r="813499" spans="14:14">
      <c r="N813499" s="10"/>
    </row>
    <row r="813500" spans="14:14">
      <c r="N813500" s="10"/>
    </row>
    <row r="813501" spans="14:14">
      <c r="N813501" s="10"/>
    </row>
    <row r="813502" spans="14:14">
      <c r="N813502" s="10"/>
    </row>
    <row r="813503" spans="14:14">
      <c r="N813503" s="10"/>
    </row>
    <row r="813504" spans="14:14">
      <c r="N813504" s="10"/>
    </row>
    <row r="813505" spans="14:14">
      <c r="N813505" s="10"/>
    </row>
    <row r="813506" spans="14:14">
      <c r="N813506" s="10"/>
    </row>
    <row r="813507" spans="14:14">
      <c r="N813507" s="10"/>
    </row>
    <row r="813508" spans="14:14">
      <c r="N813508" s="10"/>
    </row>
    <row r="813509" spans="14:14">
      <c r="N813509" s="10"/>
    </row>
    <row r="813510" spans="14:14">
      <c r="N813510" s="10"/>
    </row>
    <row r="813511" spans="14:14">
      <c r="N813511" s="10"/>
    </row>
    <row r="813512" spans="14:14">
      <c r="N813512" s="10"/>
    </row>
    <row r="813513" spans="14:14">
      <c r="N813513" s="10"/>
    </row>
    <row r="813514" spans="14:14">
      <c r="N813514" s="10"/>
    </row>
    <row r="813515" spans="14:14">
      <c r="N813515" s="10"/>
    </row>
    <row r="813516" spans="14:14">
      <c r="N813516" s="10"/>
    </row>
    <row r="813517" spans="14:14">
      <c r="N813517" s="10"/>
    </row>
    <row r="813518" spans="14:14">
      <c r="N813518" s="10"/>
    </row>
    <row r="813519" spans="14:14">
      <c r="N813519" s="10"/>
    </row>
    <row r="813520" spans="14:14">
      <c r="N813520" s="10"/>
    </row>
    <row r="813521" spans="14:14">
      <c r="N813521" s="10"/>
    </row>
    <row r="813522" spans="14:14">
      <c r="N813522" s="10"/>
    </row>
    <row r="813523" spans="14:14">
      <c r="N813523" s="10"/>
    </row>
    <row r="813524" spans="14:14">
      <c r="N813524" s="10"/>
    </row>
    <row r="813525" spans="14:14">
      <c r="N813525" s="10"/>
    </row>
    <row r="813526" spans="14:14">
      <c r="N813526" s="10"/>
    </row>
    <row r="813527" spans="14:14">
      <c r="N813527" s="10"/>
    </row>
    <row r="813528" spans="14:14">
      <c r="N813528" s="10"/>
    </row>
    <row r="813529" spans="14:14">
      <c r="N813529" s="10"/>
    </row>
    <row r="813530" spans="14:14">
      <c r="N813530" s="10"/>
    </row>
    <row r="813531" spans="14:14">
      <c r="N813531" s="10"/>
    </row>
    <row r="813532" spans="14:14">
      <c r="N813532" s="10"/>
    </row>
    <row r="813533" spans="14:14">
      <c r="N813533" s="10"/>
    </row>
    <row r="813534" spans="14:14">
      <c r="N813534" s="10"/>
    </row>
    <row r="813535" spans="14:14">
      <c r="N813535" s="10"/>
    </row>
    <row r="813536" spans="14:14">
      <c r="N813536" s="10"/>
    </row>
    <row r="813537" spans="14:14">
      <c r="N813537" s="10"/>
    </row>
    <row r="813538" spans="14:14">
      <c r="N813538" s="10"/>
    </row>
    <row r="813539" spans="14:14">
      <c r="N813539" s="10"/>
    </row>
    <row r="813540" spans="14:14">
      <c r="N813540" s="10"/>
    </row>
    <row r="813541" spans="14:14">
      <c r="N813541" s="10"/>
    </row>
    <row r="813542" spans="14:14">
      <c r="N813542" s="10"/>
    </row>
    <row r="813543" spans="14:14">
      <c r="N813543" s="10"/>
    </row>
    <row r="813544" spans="14:14">
      <c r="N813544" s="10"/>
    </row>
    <row r="813545" spans="14:14">
      <c r="N813545" s="10"/>
    </row>
    <row r="813546" spans="14:14">
      <c r="N813546" s="10"/>
    </row>
    <row r="813547" spans="14:14">
      <c r="N813547" s="10"/>
    </row>
    <row r="813548" spans="14:14">
      <c r="N813548" s="10"/>
    </row>
    <row r="813549" spans="14:14">
      <c r="N813549" s="10"/>
    </row>
    <row r="813550" spans="14:14">
      <c r="N813550" s="10"/>
    </row>
    <row r="813551" spans="14:14">
      <c r="N813551" s="10"/>
    </row>
    <row r="813552" spans="14:14">
      <c r="N813552" s="10"/>
    </row>
    <row r="813553" spans="14:14">
      <c r="N813553" s="10"/>
    </row>
    <row r="813554" spans="14:14">
      <c r="N813554" s="10"/>
    </row>
    <row r="813555" spans="14:14">
      <c r="N813555" s="10"/>
    </row>
    <row r="813556" spans="14:14">
      <c r="N813556" s="10"/>
    </row>
    <row r="813557" spans="14:14">
      <c r="N813557" s="10"/>
    </row>
    <row r="813558" spans="14:14">
      <c r="N813558" s="10"/>
    </row>
    <row r="813559" spans="14:14">
      <c r="N813559" s="10"/>
    </row>
    <row r="813560" spans="14:14">
      <c r="N813560" s="10"/>
    </row>
    <row r="813561" spans="14:14">
      <c r="N813561" s="10"/>
    </row>
    <row r="813562" spans="14:14">
      <c r="N813562" s="10"/>
    </row>
    <row r="813563" spans="14:14">
      <c r="N813563" s="10"/>
    </row>
    <row r="813564" spans="14:14">
      <c r="N813564" s="10"/>
    </row>
    <row r="813565" spans="14:14">
      <c r="N813565" s="10"/>
    </row>
    <row r="813566" spans="14:14">
      <c r="N813566" s="10"/>
    </row>
    <row r="813567" spans="14:14">
      <c r="N813567" s="10"/>
    </row>
    <row r="813568" spans="14:14">
      <c r="N813568" s="10"/>
    </row>
    <row r="813569" spans="14:14">
      <c r="N813569" s="10"/>
    </row>
    <row r="813570" spans="14:14">
      <c r="N813570" s="10"/>
    </row>
    <row r="813571" spans="14:14">
      <c r="N813571" s="10"/>
    </row>
    <row r="813572" spans="14:14">
      <c r="N813572" s="10"/>
    </row>
    <row r="813573" spans="14:14">
      <c r="N813573" s="10"/>
    </row>
    <row r="813574" spans="14:14">
      <c r="N813574" s="10"/>
    </row>
    <row r="813575" spans="14:14">
      <c r="N813575" s="10"/>
    </row>
    <row r="813576" spans="14:14">
      <c r="N813576" s="10"/>
    </row>
    <row r="813577" spans="14:14">
      <c r="N813577" s="10"/>
    </row>
    <row r="813578" spans="14:14">
      <c r="N813578" s="10"/>
    </row>
    <row r="813579" spans="14:14">
      <c r="N813579" s="10"/>
    </row>
    <row r="813580" spans="14:14">
      <c r="N813580" s="10"/>
    </row>
    <row r="813581" spans="14:14">
      <c r="N813581" s="10"/>
    </row>
    <row r="813582" spans="14:14">
      <c r="N813582" s="10"/>
    </row>
    <row r="813583" spans="14:14">
      <c r="N813583" s="10"/>
    </row>
    <row r="813584" spans="14:14">
      <c r="N813584" s="10"/>
    </row>
    <row r="813585" spans="14:14">
      <c r="N813585" s="10"/>
    </row>
    <row r="813586" spans="14:14">
      <c r="N813586" s="10"/>
    </row>
    <row r="813587" spans="14:14">
      <c r="N813587" s="10"/>
    </row>
    <row r="813588" spans="14:14">
      <c r="N813588" s="10"/>
    </row>
    <row r="813589" spans="14:14">
      <c r="N813589" s="10"/>
    </row>
    <row r="813590" spans="14:14">
      <c r="N813590" s="10"/>
    </row>
    <row r="813591" spans="14:14">
      <c r="N813591" s="10"/>
    </row>
    <row r="813592" spans="14:14">
      <c r="N813592" s="10"/>
    </row>
    <row r="813593" spans="14:14">
      <c r="N813593" s="10"/>
    </row>
    <row r="813594" spans="14:14">
      <c r="N813594" s="10"/>
    </row>
    <row r="813595" spans="14:14">
      <c r="N813595" s="10"/>
    </row>
    <row r="813596" spans="14:14">
      <c r="N813596" s="10"/>
    </row>
    <row r="813597" spans="14:14">
      <c r="N813597" s="10"/>
    </row>
    <row r="813598" spans="14:14">
      <c r="N813598" s="10"/>
    </row>
    <row r="813599" spans="14:14">
      <c r="N813599" s="10"/>
    </row>
    <row r="813600" spans="14:14">
      <c r="N813600" s="10"/>
    </row>
    <row r="813601" spans="14:14">
      <c r="N813601" s="10"/>
    </row>
    <row r="813602" spans="14:14">
      <c r="N813602" s="10"/>
    </row>
    <row r="813603" spans="14:14">
      <c r="N813603" s="10"/>
    </row>
    <row r="813604" spans="14:14">
      <c r="N813604" s="10"/>
    </row>
    <row r="813605" spans="14:14">
      <c r="N813605" s="10"/>
    </row>
    <row r="813606" spans="14:14">
      <c r="N813606" s="10"/>
    </row>
    <row r="813607" spans="14:14">
      <c r="N813607" s="10"/>
    </row>
    <row r="813608" spans="14:14">
      <c r="N813608" s="10"/>
    </row>
    <row r="813609" spans="14:14">
      <c r="N813609" s="10"/>
    </row>
    <row r="813610" spans="14:14">
      <c r="N813610" s="10"/>
    </row>
    <row r="813611" spans="14:14">
      <c r="N813611" s="10"/>
    </row>
    <row r="813612" spans="14:14">
      <c r="N813612" s="10"/>
    </row>
    <row r="813613" spans="14:14">
      <c r="N813613" s="10"/>
    </row>
    <row r="813614" spans="14:14">
      <c r="N813614" s="10"/>
    </row>
    <row r="813615" spans="14:14">
      <c r="N813615" s="10"/>
    </row>
    <row r="813616" spans="14:14">
      <c r="N813616" s="10"/>
    </row>
    <row r="813617" spans="14:14">
      <c r="N813617" s="10"/>
    </row>
    <row r="813618" spans="14:14">
      <c r="N813618" s="10"/>
    </row>
    <row r="813619" spans="14:14">
      <c r="N813619" s="10"/>
    </row>
    <row r="813620" spans="14:14">
      <c r="N813620" s="10"/>
    </row>
    <row r="813621" spans="14:14">
      <c r="N813621" s="10"/>
    </row>
    <row r="813622" spans="14:14">
      <c r="N813622" s="10"/>
    </row>
    <row r="813623" spans="14:14">
      <c r="N813623" s="10"/>
    </row>
    <row r="813624" spans="14:14">
      <c r="N813624" s="10"/>
    </row>
    <row r="813625" spans="14:14">
      <c r="N813625" s="10"/>
    </row>
    <row r="813626" spans="14:14">
      <c r="N813626" s="10"/>
    </row>
    <row r="813627" spans="14:14">
      <c r="N813627" s="10"/>
    </row>
    <row r="813628" spans="14:14">
      <c r="N813628" s="10"/>
    </row>
    <row r="813629" spans="14:14">
      <c r="N813629" s="10"/>
    </row>
    <row r="813630" spans="14:14">
      <c r="N813630" s="10"/>
    </row>
    <row r="813631" spans="14:14">
      <c r="N813631" s="10"/>
    </row>
    <row r="813632" spans="14:14">
      <c r="N813632" s="10"/>
    </row>
    <row r="813633" spans="14:14">
      <c r="N813633" s="10"/>
    </row>
    <row r="813634" spans="14:14">
      <c r="N813634" s="10"/>
    </row>
    <row r="813635" spans="14:14">
      <c r="N813635" s="10"/>
    </row>
    <row r="813636" spans="14:14">
      <c r="N813636" s="10"/>
    </row>
    <row r="813637" spans="14:14">
      <c r="N813637" s="10"/>
    </row>
    <row r="813638" spans="14:14">
      <c r="N813638" s="10"/>
    </row>
    <row r="813639" spans="14:14">
      <c r="N813639" s="10"/>
    </row>
    <row r="813640" spans="14:14">
      <c r="N813640" s="10"/>
    </row>
    <row r="813641" spans="14:14">
      <c r="N813641" s="10"/>
    </row>
    <row r="813642" spans="14:14">
      <c r="N813642" s="10"/>
    </row>
    <row r="813643" spans="14:14">
      <c r="N813643" s="10"/>
    </row>
    <row r="813644" spans="14:14">
      <c r="N813644" s="10"/>
    </row>
    <row r="813645" spans="14:14">
      <c r="N813645" s="10"/>
    </row>
    <row r="813646" spans="14:14">
      <c r="N813646" s="10"/>
    </row>
    <row r="813647" spans="14:14">
      <c r="N813647" s="10"/>
    </row>
    <row r="813648" spans="14:14">
      <c r="N813648" s="10"/>
    </row>
    <row r="813649" spans="14:14">
      <c r="N813649" s="10"/>
    </row>
    <row r="813650" spans="14:14">
      <c r="N813650" s="10"/>
    </row>
    <row r="813651" spans="14:14">
      <c r="N813651" s="10"/>
    </row>
    <row r="813652" spans="14:14">
      <c r="N813652" s="10"/>
    </row>
    <row r="813653" spans="14:14">
      <c r="N813653" s="10"/>
    </row>
    <row r="813654" spans="14:14">
      <c r="N813654" s="10"/>
    </row>
    <row r="813655" spans="14:14">
      <c r="N813655" s="10"/>
    </row>
    <row r="813656" spans="14:14">
      <c r="N813656" s="10"/>
    </row>
    <row r="813657" spans="14:14">
      <c r="N813657" s="10"/>
    </row>
    <row r="813658" spans="14:14">
      <c r="N813658" s="10"/>
    </row>
    <row r="813659" spans="14:14">
      <c r="N813659" s="10"/>
    </row>
    <row r="813660" spans="14:14">
      <c r="N813660" s="10"/>
    </row>
    <row r="813661" spans="14:14">
      <c r="N813661" s="10"/>
    </row>
    <row r="813662" spans="14:14">
      <c r="N813662" s="10"/>
    </row>
    <row r="813663" spans="14:14">
      <c r="N813663" s="10"/>
    </row>
    <row r="813664" spans="14:14">
      <c r="N813664" s="10"/>
    </row>
    <row r="813665" spans="14:14">
      <c r="N813665" s="10"/>
    </row>
    <row r="813666" spans="14:14">
      <c r="N813666" s="10"/>
    </row>
    <row r="813667" spans="14:14">
      <c r="N813667" s="10"/>
    </row>
    <row r="813668" spans="14:14">
      <c r="N813668" s="10"/>
    </row>
    <row r="813669" spans="14:14">
      <c r="N813669" s="10"/>
    </row>
    <row r="813670" spans="14:14">
      <c r="N813670" s="10"/>
    </row>
    <row r="813671" spans="14:14">
      <c r="N813671" s="10"/>
    </row>
    <row r="813672" spans="14:14">
      <c r="N813672" s="10"/>
    </row>
    <row r="813673" spans="14:14">
      <c r="N813673" s="10"/>
    </row>
    <row r="813674" spans="14:14">
      <c r="N813674" s="10"/>
    </row>
    <row r="813675" spans="14:14">
      <c r="N813675" s="10"/>
    </row>
    <row r="813676" spans="14:14">
      <c r="N813676" s="10"/>
    </row>
    <row r="813677" spans="14:14">
      <c r="N813677" s="10"/>
    </row>
    <row r="813678" spans="14:14">
      <c r="N813678" s="10"/>
    </row>
    <row r="813679" spans="14:14">
      <c r="N813679" s="10"/>
    </row>
    <row r="813680" spans="14:14">
      <c r="N813680" s="10"/>
    </row>
    <row r="813681" spans="14:14">
      <c r="N813681" s="10"/>
    </row>
    <row r="813682" spans="14:14">
      <c r="N813682" s="10"/>
    </row>
    <row r="813683" spans="14:14">
      <c r="N813683" s="10"/>
    </row>
    <row r="813684" spans="14:14">
      <c r="N813684" s="10"/>
    </row>
    <row r="813685" spans="14:14">
      <c r="N813685" s="10"/>
    </row>
    <row r="813686" spans="14:14">
      <c r="N813686" s="10"/>
    </row>
    <row r="813687" spans="14:14">
      <c r="N813687" s="10"/>
    </row>
    <row r="813688" spans="14:14">
      <c r="N813688" s="10"/>
    </row>
    <row r="813689" spans="14:14">
      <c r="N813689" s="10"/>
    </row>
    <row r="813690" spans="14:14">
      <c r="N813690" s="10"/>
    </row>
    <row r="813691" spans="14:14">
      <c r="N813691" s="10"/>
    </row>
    <row r="813692" spans="14:14">
      <c r="N813692" s="10"/>
    </row>
    <row r="813693" spans="14:14">
      <c r="N813693" s="10"/>
    </row>
    <row r="813694" spans="14:14">
      <c r="N813694" s="10"/>
    </row>
    <row r="813695" spans="14:14">
      <c r="N813695" s="10"/>
    </row>
    <row r="813696" spans="14:14">
      <c r="N813696" s="10"/>
    </row>
    <row r="813697" spans="14:14">
      <c r="N813697" s="10"/>
    </row>
    <row r="813698" spans="14:14">
      <c r="N813698" s="10"/>
    </row>
    <row r="813699" spans="14:14">
      <c r="N813699" s="10"/>
    </row>
    <row r="813700" spans="14:14">
      <c r="N813700" s="10"/>
    </row>
    <row r="813701" spans="14:14">
      <c r="N813701" s="10"/>
    </row>
    <row r="813702" spans="14:14">
      <c r="N813702" s="10"/>
    </row>
    <row r="813703" spans="14:14">
      <c r="N813703" s="10"/>
    </row>
    <row r="813704" spans="14:14">
      <c r="N813704" s="10"/>
    </row>
    <row r="813705" spans="14:14">
      <c r="N813705" s="10"/>
    </row>
    <row r="813706" spans="14:14">
      <c r="N813706" s="10"/>
    </row>
    <row r="813707" spans="14:14">
      <c r="N813707" s="10"/>
    </row>
    <row r="813708" spans="14:14">
      <c r="N813708" s="10"/>
    </row>
    <row r="813709" spans="14:14">
      <c r="N813709" s="10"/>
    </row>
    <row r="813710" spans="14:14">
      <c r="N813710" s="10"/>
    </row>
    <row r="813711" spans="14:14">
      <c r="N813711" s="10"/>
    </row>
    <row r="813712" spans="14:14">
      <c r="N813712" s="10"/>
    </row>
    <row r="813713" spans="14:14">
      <c r="N813713" s="10"/>
    </row>
    <row r="813714" spans="14:14">
      <c r="N813714" s="10"/>
    </row>
    <row r="813715" spans="14:14">
      <c r="N813715" s="10"/>
    </row>
    <row r="813716" spans="14:14">
      <c r="N813716" s="10"/>
    </row>
    <row r="813717" spans="14:14">
      <c r="N813717" s="10"/>
    </row>
    <row r="813718" spans="14:14">
      <c r="N813718" s="10"/>
    </row>
    <row r="813719" spans="14:14">
      <c r="N813719" s="10"/>
    </row>
    <row r="813720" spans="14:14">
      <c r="N813720" s="10"/>
    </row>
    <row r="813721" spans="14:14">
      <c r="N813721" s="10"/>
    </row>
    <row r="813722" spans="14:14">
      <c r="N813722" s="10"/>
    </row>
    <row r="813723" spans="14:14">
      <c r="N813723" s="10"/>
    </row>
    <row r="813724" spans="14:14">
      <c r="N813724" s="10"/>
    </row>
    <row r="813725" spans="14:14">
      <c r="N813725" s="10"/>
    </row>
    <row r="813726" spans="14:14">
      <c r="N813726" s="10"/>
    </row>
    <row r="813727" spans="14:14">
      <c r="N813727" s="10"/>
    </row>
    <row r="813728" spans="14:14">
      <c r="N813728" s="10"/>
    </row>
    <row r="813729" spans="14:14">
      <c r="N813729" s="10"/>
    </row>
    <row r="813730" spans="14:14">
      <c r="N813730" s="10"/>
    </row>
    <row r="813731" spans="14:14">
      <c r="N813731" s="10"/>
    </row>
    <row r="813732" spans="14:14">
      <c r="N813732" s="10"/>
    </row>
    <row r="813733" spans="14:14">
      <c r="N813733" s="10"/>
    </row>
    <row r="813734" spans="14:14">
      <c r="N813734" s="10"/>
    </row>
    <row r="813735" spans="14:14">
      <c r="N813735" s="10"/>
    </row>
    <row r="813736" spans="14:14">
      <c r="N813736" s="10"/>
    </row>
    <row r="813737" spans="14:14">
      <c r="N813737" s="10"/>
    </row>
    <row r="813738" spans="14:14">
      <c r="N813738" s="10"/>
    </row>
    <row r="813739" spans="14:14">
      <c r="N813739" s="10"/>
    </row>
    <row r="813740" spans="14:14">
      <c r="N813740" s="10"/>
    </row>
    <row r="813741" spans="14:14">
      <c r="N813741" s="10"/>
    </row>
    <row r="813742" spans="14:14">
      <c r="N813742" s="10"/>
    </row>
    <row r="813743" spans="14:14">
      <c r="N813743" s="10"/>
    </row>
    <row r="813744" spans="14:14">
      <c r="N813744" s="10"/>
    </row>
    <row r="813745" spans="14:14">
      <c r="N813745" s="10"/>
    </row>
    <row r="813746" spans="14:14">
      <c r="N813746" s="10"/>
    </row>
    <row r="813747" spans="14:14">
      <c r="N813747" s="10"/>
    </row>
    <row r="813748" spans="14:14">
      <c r="N813748" s="10"/>
    </row>
    <row r="813749" spans="14:14">
      <c r="N813749" s="10"/>
    </row>
    <row r="813750" spans="14:14">
      <c r="N813750" s="10"/>
    </row>
    <row r="813751" spans="14:14">
      <c r="N813751" s="10"/>
    </row>
    <row r="813752" spans="14:14">
      <c r="N813752" s="10"/>
    </row>
    <row r="813753" spans="14:14">
      <c r="N813753" s="10"/>
    </row>
    <row r="813754" spans="14:14">
      <c r="N813754" s="10"/>
    </row>
    <row r="813755" spans="14:14">
      <c r="N813755" s="10"/>
    </row>
    <row r="813756" spans="14:14">
      <c r="N813756" s="10"/>
    </row>
    <row r="813757" spans="14:14">
      <c r="N813757" s="10"/>
    </row>
    <row r="813758" spans="14:14">
      <c r="N813758" s="10"/>
    </row>
    <row r="813759" spans="14:14">
      <c r="N813759" s="10"/>
    </row>
    <row r="813760" spans="14:14">
      <c r="N813760" s="10"/>
    </row>
    <row r="813761" spans="14:14">
      <c r="N813761" s="10"/>
    </row>
    <row r="813762" spans="14:14">
      <c r="N813762" s="10"/>
    </row>
    <row r="813763" spans="14:14">
      <c r="N813763" s="10"/>
    </row>
    <row r="813764" spans="14:14">
      <c r="N813764" s="10"/>
    </row>
    <row r="813765" spans="14:14">
      <c r="N813765" s="10"/>
    </row>
    <row r="813766" spans="14:14">
      <c r="N813766" s="10"/>
    </row>
    <row r="813767" spans="14:14">
      <c r="N813767" s="10"/>
    </row>
    <row r="813768" spans="14:14">
      <c r="N813768" s="10"/>
    </row>
    <row r="813769" spans="14:14">
      <c r="N813769" s="10"/>
    </row>
    <row r="813770" spans="14:14">
      <c r="N813770" s="10"/>
    </row>
    <row r="813771" spans="14:14">
      <c r="N813771" s="10"/>
    </row>
    <row r="813772" spans="14:14">
      <c r="N813772" s="10"/>
    </row>
    <row r="813773" spans="14:14">
      <c r="N813773" s="10"/>
    </row>
    <row r="813774" spans="14:14">
      <c r="N813774" s="10"/>
    </row>
    <row r="813775" spans="14:14">
      <c r="N813775" s="10"/>
    </row>
    <row r="813776" spans="14:14">
      <c r="N813776" s="10"/>
    </row>
    <row r="813777" spans="14:14">
      <c r="N813777" s="10"/>
    </row>
    <row r="813778" spans="14:14">
      <c r="N813778" s="10"/>
    </row>
    <row r="813779" spans="14:14">
      <c r="N813779" s="10"/>
    </row>
    <row r="813780" spans="14:14">
      <c r="N813780" s="10"/>
    </row>
    <row r="813781" spans="14:14">
      <c r="N813781" s="10"/>
    </row>
    <row r="813782" spans="14:14">
      <c r="N813782" s="10"/>
    </row>
    <row r="813783" spans="14:14">
      <c r="N813783" s="10"/>
    </row>
    <row r="813784" spans="14:14">
      <c r="N813784" s="10"/>
    </row>
    <row r="813785" spans="14:14">
      <c r="N813785" s="10"/>
    </row>
    <row r="813786" spans="14:14">
      <c r="N813786" s="10"/>
    </row>
    <row r="813787" spans="14:14">
      <c r="N813787" s="10"/>
    </row>
    <row r="813788" spans="14:14">
      <c r="N813788" s="10"/>
    </row>
    <row r="813789" spans="14:14">
      <c r="N813789" s="10"/>
    </row>
    <row r="813790" spans="14:14">
      <c r="N813790" s="10"/>
    </row>
    <row r="813791" spans="14:14">
      <c r="N813791" s="10"/>
    </row>
    <row r="813792" spans="14:14">
      <c r="N813792" s="10"/>
    </row>
    <row r="813793" spans="14:14">
      <c r="N813793" s="10"/>
    </row>
    <row r="813794" spans="14:14">
      <c r="N813794" s="10"/>
    </row>
    <row r="813795" spans="14:14">
      <c r="N813795" s="10"/>
    </row>
    <row r="813796" spans="14:14">
      <c r="N813796" s="10"/>
    </row>
    <row r="813797" spans="14:14">
      <c r="N813797" s="10"/>
    </row>
    <row r="813798" spans="14:14">
      <c r="N813798" s="10"/>
    </row>
    <row r="813799" spans="14:14">
      <c r="N813799" s="10"/>
    </row>
    <row r="813800" spans="14:14">
      <c r="N813800" s="10"/>
    </row>
    <row r="813801" spans="14:14">
      <c r="N813801" s="10"/>
    </row>
    <row r="813802" spans="14:14">
      <c r="N813802" s="10"/>
    </row>
    <row r="813803" spans="14:14">
      <c r="N813803" s="10"/>
    </row>
    <row r="813804" spans="14:14">
      <c r="N813804" s="10"/>
    </row>
    <row r="813805" spans="14:14">
      <c r="N813805" s="10"/>
    </row>
    <row r="813806" spans="14:14">
      <c r="N813806" s="10"/>
    </row>
    <row r="813807" spans="14:14">
      <c r="N813807" s="10"/>
    </row>
    <row r="813808" spans="14:14">
      <c r="N813808" s="10"/>
    </row>
    <row r="813809" spans="14:14">
      <c r="N813809" s="10"/>
    </row>
    <row r="813810" spans="14:14">
      <c r="N813810" s="10"/>
    </row>
    <row r="813811" spans="14:14">
      <c r="N813811" s="10"/>
    </row>
    <row r="813812" spans="14:14">
      <c r="N813812" s="10"/>
    </row>
    <row r="813813" spans="14:14">
      <c r="N813813" s="10"/>
    </row>
    <row r="813814" spans="14:14">
      <c r="N813814" s="10"/>
    </row>
    <row r="813815" spans="14:14">
      <c r="N813815" s="10"/>
    </row>
    <row r="813816" spans="14:14">
      <c r="N813816" s="10"/>
    </row>
    <row r="813817" spans="14:14">
      <c r="N813817" s="10"/>
    </row>
    <row r="813818" spans="14:14">
      <c r="N813818" s="10"/>
    </row>
    <row r="813819" spans="14:14">
      <c r="N813819" s="10"/>
    </row>
    <row r="813820" spans="14:14">
      <c r="N813820" s="10"/>
    </row>
    <row r="813821" spans="14:14">
      <c r="N813821" s="10"/>
    </row>
    <row r="813822" spans="14:14">
      <c r="N813822" s="10"/>
    </row>
    <row r="813823" spans="14:14">
      <c r="N813823" s="10"/>
    </row>
    <row r="813824" spans="14:14">
      <c r="N813824" s="10"/>
    </row>
    <row r="813825" spans="14:14">
      <c r="N813825" s="10"/>
    </row>
    <row r="813826" spans="14:14">
      <c r="N813826" s="10"/>
    </row>
    <row r="813827" spans="14:14">
      <c r="N813827" s="10"/>
    </row>
    <row r="813828" spans="14:14">
      <c r="N813828" s="10"/>
    </row>
    <row r="813829" spans="14:14">
      <c r="N813829" s="10"/>
    </row>
    <row r="813830" spans="14:14">
      <c r="N813830" s="10"/>
    </row>
    <row r="813831" spans="14:14">
      <c r="N813831" s="10"/>
    </row>
    <row r="813832" spans="14:14">
      <c r="N813832" s="10"/>
    </row>
    <row r="813833" spans="14:14">
      <c r="N813833" s="10"/>
    </row>
    <row r="813834" spans="14:14">
      <c r="N813834" s="10"/>
    </row>
    <row r="813835" spans="14:14">
      <c r="N813835" s="10"/>
    </row>
    <row r="813836" spans="14:14">
      <c r="N813836" s="10"/>
    </row>
    <row r="813837" spans="14:14">
      <c r="N813837" s="10"/>
    </row>
    <row r="813838" spans="14:14">
      <c r="N813838" s="10"/>
    </row>
    <row r="813839" spans="14:14">
      <c r="N813839" s="10"/>
    </row>
    <row r="813840" spans="14:14">
      <c r="N813840" s="10"/>
    </row>
    <row r="813841" spans="14:14">
      <c r="N813841" s="10"/>
    </row>
    <row r="813842" spans="14:14">
      <c r="N813842" s="10"/>
    </row>
    <row r="813843" spans="14:14">
      <c r="N813843" s="10"/>
    </row>
    <row r="813844" spans="14:14">
      <c r="N813844" s="10"/>
    </row>
    <row r="813845" spans="14:14">
      <c r="N813845" s="10"/>
    </row>
    <row r="813846" spans="14:14">
      <c r="N813846" s="10"/>
    </row>
    <row r="813847" spans="14:14">
      <c r="N813847" s="10"/>
    </row>
    <row r="813848" spans="14:14">
      <c r="N813848" s="10"/>
    </row>
    <row r="813849" spans="14:14">
      <c r="N813849" s="10"/>
    </row>
    <row r="813850" spans="14:14">
      <c r="N813850" s="10"/>
    </row>
    <row r="813851" spans="14:14">
      <c r="N813851" s="10"/>
    </row>
    <row r="813852" spans="14:14">
      <c r="N813852" s="10"/>
    </row>
    <row r="813853" spans="14:14">
      <c r="N813853" s="10"/>
    </row>
    <row r="813854" spans="14:14">
      <c r="N813854" s="10"/>
    </row>
    <row r="813855" spans="14:14">
      <c r="N813855" s="10"/>
    </row>
    <row r="813856" spans="14:14">
      <c r="N813856" s="10"/>
    </row>
    <row r="813857" spans="14:14">
      <c r="N813857" s="10"/>
    </row>
    <row r="813858" spans="14:14">
      <c r="N813858" s="10"/>
    </row>
    <row r="813859" spans="14:14">
      <c r="N813859" s="10"/>
    </row>
    <row r="813860" spans="14:14">
      <c r="N813860" s="10"/>
    </row>
    <row r="813861" spans="14:14">
      <c r="N813861" s="10"/>
    </row>
    <row r="813862" spans="14:14">
      <c r="N813862" s="10"/>
    </row>
    <row r="813863" spans="14:14">
      <c r="N813863" s="10"/>
    </row>
    <row r="813864" spans="14:14">
      <c r="N813864" s="10"/>
    </row>
    <row r="813865" spans="14:14">
      <c r="N813865" s="10"/>
    </row>
    <row r="813866" spans="14:14">
      <c r="N813866" s="10"/>
    </row>
    <row r="813867" spans="14:14">
      <c r="N813867" s="10"/>
    </row>
    <row r="813868" spans="14:14">
      <c r="N813868" s="10"/>
    </row>
    <row r="813869" spans="14:14">
      <c r="N813869" s="10"/>
    </row>
    <row r="813870" spans="14:14">
      <c r="N813870" s="10"/>
    </row>
    <row r="813871" spans="14:14">
      <c r="N813871" s="10"/>
    </row>
    <row r="813872" spans="14:14">
      <c r="N813872" s="10"/>
    </row>
    <row r="813873" spans="14:14">
      <c r="N813873" s="10"/>
    </row>
    <row r="813874" spans="14:14">
      <c r="N813874" s="10"/>
    </row>
    <row r="813875" spans="14:14">
      <c r="N813875" s="10"/>
    </row>
    <row r="813876" spans="14:14">
      <c r="N813876" s="10"/>
    </row>
    <row r="813877" spans="14:14">
      <c r="N813877" s="10"/>
    </row>
    <row r="813878" spans="14:14">
      <c r="N813878" s="10"/>
    </row>
    <row r="813879" spans="14:14">
      <c r="N813879" s="10"/>
    </row>
    <row r="813880" spans="14:14">
      <c r="N813880" s="10"/>
    </row>
    <row r="813881" spans="14:14">
      <c r="N813881" s="10"/>
    </row>
    <row r="813882" spans="14:14">
      <c r="N813882" s="10"/>
    </row>
    <row r="813883" spans="14:14">
      <c r="N813883" s="10"/>
    </row>
    <row r="813884" spans="14:14">
      <c r="N813884" s="10"/>
    </row>
    <row r="813885" spans="14:14">
      <c r="N813885" s="10"/>
    </row>
    <row r="813886" spans="14:14">
      <c r="N813886" s="10"/>
    </row>
    <row r="813887" spans="14:14">
      <c r="N813887" s="10"/>
    </row>
    <row r="813888" spans="14:14">
      <c r="N813888" s="10"/>
    </row>
    <row r="813889" spans="14:14">
      <c r="N813889" s="10"/>
    </row>
    <row r="813890" spans="14:14">
      <c r="N813890" s="10"/>
    </row>
    <row r="813891" spans="14:14">
      <c r="N813891" s="10"/>
    </row>
    <row r="813892" spans="14:14">
      <c r="N813892" s="10"/>
    </row>
    <row r="813893" spans="14:14">
      <c r="N813893" s="10"/>
    </row>
    <row r="813894" spans="14:14">
      <c r="N813894" s="10"/>
    </row>
    <row r="813895" spans="14:14">
      <c r="N813895" s="10"/>
    </row>
    <row r="813896" spans="14:14">
      <c r="N813896" s="10"/>
    </row>
    <row r="813897" spans="14:14">
      <c r="N813897" s="10"/>
    </row>
    <row r="813898" spans="14:14">
      <c r="N813898" s="10"/>
    </row>
    <row r="813899" spans="14:14">
      <c r="N813899" s="10"/>
    </row>
    <row r="813900" spans="14:14">
      <c r="N813900" s="10"/>
    </row>
    <row r="813901" spans="14:14">
      <c r="N813901" s="10"/>
    </row>
    <row r="813902" spans="14:14">
      <c r="N813902" s="10"/>
    </row>
    <row r="813903" spans="14:14">
      <c r="N813903" s="10"/>
    </row>
    <row r="813904" spans="14:14">
      <c r="N813904" s="10"/>
    </row>
    <row r="813905" spans="14:14">
      <c r="N813905" s="10"/>
    </row>
    <row r="813906" spans="14:14">
      <c r="N813906" s="10"/>
    </row>
    <row r="813907" spans="14:14">
      <c r="N813907" s="10"/>
    </row>
    <row r="813908" spans="14:14">
      <c r="N813908" s="10"/>
    </row>
    <row r="813909" spans="14:14">
      <c r="N813909" s="10"/>
    </row>
    <row r="813910" spans="14:14">
      <c r="N813910" s="10"/>
    </row>
    <row r="813911" spans="14:14">
      <c r="N813911" s="10"/>
    </row>
    <row r="813912" spans="14:14">
      <c r="N813912" s="10"/>
    </row>
    <row r="813913" spans="14:14">
      <c r="N813913" s="10"/>
    </row>
    <row r="813914" spans="14:14">
      <c r="N813914" s="10"/>
    </row>
    <row r="813915" spans="14:14">
      <c r="N813915" s="10"/>
    </row>
    <row r="813916" spans="14:14">
      <c r="N813916" s="10"/>
    </row>
    <row r="813917" spans="14:14">
      <c r="N813917" s="10"/>
    </row>
    <row r="813918" spans="14:14">
      <c r="N813918" s="10"/>
    </row>
    <row r="813919" spans="14:14">
      <c r="N813919" s="10"/>
    </row>
    <row r="813920" spans="14:14">
      <c r="N813920" s="10"/>
    </row>
    <row r="813921" spans="14:14">
      <c r="N813921" s="10"/>
    </row>
    <row r="813922" spans="14:14">
      <c r="N813922" s="10"/>
    </row>
    <row r="813923" spans="14:14">
      <c r="N813923" s="10"/>
    </row>
    <row r="813924" spans="14:14">
      <c r="N813924" s="10"/>
    </row>
    <row r="813925" spans="14:14">
      <c r="N813925" s="10"/>
    </row>
    <row r="813926" spans="14:14">
      <c r="N813926" s="10"/>
    </row>
    <row r="813927" spans="14:14">
      <c r="N813927" s="10"/>
    </row>
    <row r="813928" spans="14:14">
      <c r="N813928" s="10"/>
    </row>
    <row r="813929" spans="14:14">
      <c r="N813929" s="10"/>
    </row>
    <row r="813930" spans="14:14">
      <c r="N813930" s="10"/>
    </row>
    <row r="813931" spans="14:14">
      <c r="N813931" s="10"/>
    </row>
    <row r="813932" spans="14:14">
      <c r="N813932" s="10"/>
    </row>
    <row r="813933" spans="14:14">
      <c r="N813933" s="10"/>
    </row>
    <row r="813934" spans="14:14">
      <c r="N813934" s="10"/>
    </row>
    <row r="813935" spans="14:14">
      <c r="N813935" s="10"/>
    </row>
    <row r="813936" spans="14:14">
      <c r="N813936" s="10"/>
    </row>
    <row r="813937" spans="14:14">
      <c r="N813937" s="10"/>
    </row>
    <row r="813938" spans="14:14">
      <c r="N813938" s="10"/>
    </row>
    <row r="813939" spans="14:14">
      <c r="N813939" s="10"/>
    </row>
    <row r="813940" spans="14:14">
      <c r="N813940" s="10"/>
    </row>
    <row r="813941" spans="14:14">
      <c r="N813941" s="10"/>
    </row>
    <row r="813942" spans="14:14">
      <c r="N813942" s="10"/>
    </row>
    <row r="813943" spans="14:14">
      <c r="N813943" s="10"/>
    </row>
    <row r="813944" spans="14:14">
      <c r="N813944" s="10"/>
    </row>
    <row r="813945" spans="14:14">
      <c r="N813945" s="10"/>
    </row>
    <row r="813946" spans="14:14">
      <c r="N813946" s="10"/>
    </row>
    <row r="813947" spans="14:14">
      <c r="N813947" s="10"/>
    </row>
    <row r="813948" spans="14:14">
      <c r="N813948" s="10"/>
    </row>
    <row r="813949" spans="14:14">
      <c r="N813949" s="10"/>
    </row>
    <row r="813950" spans="14:14">
      <c r="N813950" s="10"/>
    </row>
    <row r="813951" spans="14:14">
      <c r="N813951" s="10"/>
    </row>
    <row r="813952" spans="14:14">
      <c r="N813952" s="10"/>
    </row>
    <row r="813953" spans="14:14">
      <c r="N813953" s="10"/>
    </row>
    <row r="813954" spans="14:14">
      <c r="N813954" s="10"/>
    </row>
    <row r="813955" spans="14:14">
      <c r="N813955" s="10"/>
    </row>
    <row r="813956" spans="14:14">
      <c r="N813956" s="10"/>
    </row>
    <row r="813957" spans="14:14">
      <c r="N813957" s="10"/>
    </row>
    <row r="813958" spans="14:14">
      <c r="N813958" s="10"/>
    </row>
    <row r="813959" spans="14:14">
      <c r="N813959" s="10"/>
    </row>
    <row r="813960" spans="14:14">
      <c r="N813960" s="10"/>
    </row>
    <row r="813961" spans="14:14">
      <c r="N813961" s="10"/>
    </row>
    <row r="813962" spans="14:14">
      <c r="N813962" s="10"/>
    </row>
    <row r="813963" spans="14:14">
      <c r="N813963" s="10"/>
    </row>
    <row r="813964" spans="14:14">
      <c r="N813964" s="10"/>
    </row>
    <row r="813965" spans="14:14">
      <c r="N813965" s="10"/>
    </row>
    <row r="813966" spans="14:14">
      <c r="N813966" s="10"/>
    </row>
    <row r="813967" spans="14:14">
      <c r="N813967" s="10"/>
    </row>
    <row r="813968" spans="14:14">
      <c r="N813968" s="10"/>
    </row>
    <row r="813969" spans="14:14">
      <c r="N813969" s="10"/>
    </row>
    <row r="813970" spans="14:14">
      <c r="N813970" s="10"/>
    </row>
    <row r="813971" spans="14:14">
      <c r="N813971" s="10"/>
    </row>
    <row r="813972" spans="14:14">
      <c r="N813972" s="10"/>
    </row>
    <row r="813973" spans="14:14">
      <c r="N813973" s="10"/>
    </row>
    <row r="813974" spans="14:14">
      <c r="N813974" s="10"/>
    </row>
    <row r="813975" spans="14:14">
      <c r="N813975" s="10"/>
    </row>
    <row r="813976" spans="14:14">
      <c r="N813976" s="10"/>
    </row>
    <row r="813977" spans="14:14">
      <c r="N813977" s="10"/>
    </row>
    <row r="813978" spans="14:14">
      <c r="N813978" s="10"/>
    </row>
    <row r="813979" spans="14:14">
      <c r="N813979" s="10"/>
    </row>
    <row r="813980" spans="14:14">
      <c r="N813980" s="10"/>
    </row>
    <row r="813981" spans="14:14">
      <c r="N813981" s="10"/>
    </row>
    <row r="813982" spans="14:14">
      <c r="N813982" s="10"/>
    </row>
    <row r="813983" spans="14:14">
      <c r="N813983" s="10"/>
    </row>
    <row r="813984" spans="14:14">
      <c r="N813984" s="10"/>
    </row>
    <row r="813985" spans="14:14">
      <c r="N813985" s="10"/>
    </row>
    <row r="813986" spans="14:14">
      <c r="N813986" s="10"/>
    </row>
    <row r="813987" spans="14:14">
      <c r="N813987" s="10"/>
    </row>
    <row r="813988" spans="14:14">
      <c r="N813988" s="10"/>
    </row>
    <row r="813989" spans="14:14">
      <c r="N813989" s="10"/>
    </row>
    <row r="813990" spans="14:14">
      <c r="N813990" s="10"/>
    </row>
    <row r="813991" spans="14:14">
      <c r="N813991" s="10"/>
    </row>
    <row r="813992" spans="14:14">
      <c r="N813992" s="10"/>
    </row>
    <row r="813993" spans="14:14">
      <c r="N813993" s="10"/>
    </row>
    <row r="813994" spans="14:14">
      <c r="N813994" s="10"/>
    </row>
    <row r="813995" spans="14:14">
      <c r="N813995" s="10"/>
    </row>
    <row r="813996" spans="14:14">
      <c r="N813996" s="10"/>
    </row>
    <row r="813997" spans="14:14">
      <c r="N813997" s="10"/>
    </row>
    <row r="813998" spans="14:14">
      <c r="N813998" s="10"/>
    </row>
    <row r="813999" spans="14:14">
      <c r="N813999" s="10"/>
    </row>
    <row r="814000" spans="14:14">
      <c r="N814000" s="10"/>
    </row>
    <row r="814001" spans="14:14">
      <c r="N814001" s="10"/>
    </row>
    <row r="814002" spans="14:14">
      <c r="N814002" s="10"/>
    </row>
    <row r="814003" spans="14:14">
      <c r="N814003" s="10"/>
    </row>
    <row r="814004" spans="14:14">
      <c r="N814004" s="10"/>
    </row>
    <row r="814005" spans="14:14">
      <c r="N814005" s="10"/>
    </row>
    <row r="814006" spans="14:14">
      <c r="N814006" s="10"/>
    </row>
    <row r="814007" spans="14:14">
      <c r="N814007" s="10"/>
    </row>
    <row r="814008" spans="14:14">
      <c r="N814008" s="10"/>
    </row>
    <row r="814009" spans="14:14">
      <c r="N814009" s="10"/>
    </row>
    <row r="814010" spans="14:14">
      <c r="N814010" s="10"/>
    </row>
    <row r="814011" spans="14:14">
      <c r="N814011" s="10"/>
    </row>
    <row r="814012" spans="14:14">
      <c r="N814012" s="10"/>
    </row>
    <row r="814013" spans="14:14">
      <c r="N814013" s="10"/>
    </row>
    <row r="814014" spans="14:14">
      <c r="N814014" s="10"/>
    </row>
    <row r="814015" spans="14:14">
      <c r="N814015" s="10"/>
    </row>
    <row r="814016" spans="14:14">
      <c r="N814016" s="10"/>
    </row>
    <row r="814017" spans="14:14">
      <c r="N814017" s="10"/>
    </row>
    <row r="814018" spans="14:14">
      <c r="N814018" s="10"/>
    </row>
    <row r="814019" spans="14:14">
      <c r="N814019" s="10"/>
    </row>
    <row r="814020" spans="14:14">
      <c r="N814020" s="10"/>
    </row>
    <row r="814021" spans="14:14">
      <c r="N814021" s="10"/>
    </row>
    <row r="814022" spans="14:14">
      <c r="N814022" s="10"/>
    </row>
    <row r="814023" spans="14:14">
      <c r="N814023" s="10"/>
    </row>
    <row r="814024" spans="14:14">
      <c r="N814024" s="10"/>
    </row>
    <row r="814025" spans="14:14">
      <c r="N814025" s="10"/>
    </row>
    <row r="814026" spans="14:14">
      <c r="N814026" s="10"/>
    </row>
    <row r="814027" spans="14:14">
      <c r="N814027" s="10"/>
    </row>
    <row r="814028" spans="14:14">
      <c r="N814028" s="10"/>
    </row>
    <row r="814029" spans="14:14">
      <c r="N814029" s="10"/>
    </row>
    <row r="814030" spans="14:14">
      <c r="N814030" s="10"/>
    </row>
    <row r="814031" spans="14:14">
      <c r="N814031" s="10"/>
    </row>
    <row r="814032" spans="14:14">
      <c r="N814032" s="10"/>
    </row>
    <row r="814033" spans="14:14">
      <c r="N814033" s="10"/>
    </row>
    <row r="814034" spans="14:14">
      <c r="N814034" s="10"/>
    </row>
    <row r="814035" spans="14:14">
      <c r="N814035" s="10"/>
    </row>
    <row r="814036" spans="14:14">
      <c r="N814036" s="10"/>
    </row>
    <row r="814037" spans="14:14">
      <c r="N814037" s="10"/>
    </row>
    <row r="814038" spans="14:14">
      <c r="N814038" s="10"/>
    </row>
    <row r="814039" spans="14:14">
      <c r="N814039" s="10"/>
    </row>
    <row r="814040" spans="14:14">
      <c r="N814040" s="10"/>
    </row>
    <row r="814041" spans="14:14">
      <c r="N814041" s="10"/>
    </row>
    <row r="814042" spans="14:14">
      <c r="N814042" s="10"/>
    </row>
    <row r="814043" spans="14:14">
      <c r="N814043" s="10"/>
    </row>
    <row r="814044" spans="14:14">
      <c r="N814044" s="10"/>
    </row>
    <row r="814045" spans="14:14">
      <c r="N814045" s="10"/>
    </row>
    <row r="814046" spans="14:14">
      <c r="N814046" s="10"/>
    </row>
    <row r="814047" spans="14:14">
      <c r="N814047" s="10"/>
    </row>
    <row r="814048" spans="14:14">
      <c r="N814048" s="10"/>
    </row>
    <row r="814049" spans="14:14">
      <c r="N814049" s="10"/>
    </row>
    <row r="814050" spans="14:14">
      <c r="N814050" s="10"/>
    </row>
    <row r="814051" spans="14:14">
      <c r="N814051" s="10"/>
    </row>
    <row r="814052" spans="14:14">
      <c r="N814052" s="10"/>
    </row>
    <row r="814053" spans="14:14">
      <c r="N814053" s="10"/>
    </row>
    <row r="814054" spans="14:14">
      <c r="N814054" s="10"/>
    </row>
    <row r="814055" spans="14:14">
      <c r="N814055" s="10"/>
    </row>
    <row r="814056" spans="14:14">
      <c r="N814056" s="10"/>
    </row>
    <row r="814057" spans="14:14">
      <c r="N814057" s="10"/>
    </row>
    <row r="814058" spans="14:14">
      <c r="N814058" s="10"/>
    </row>
    <row r="814059" spans="14:14">
      <c r="N814059" s="10"/>
    </row>
    <row r="814060" spans="14:14">
      <c r="N814060" s="10"/>
    </row>
    <row r="814061" spans="14:14">
      <c r="N814061" s="10"/>
    </row>
    <row r="814062" spans="14:14">
      <c r="N814062" s="10"/>
    </row>
    <row r="814063" spans="14:14">
      <c r="N814063" s="10"/>
    </row>
    <row r="814064" spans="14:14">
      <c r="N814064" s="10"/>
    </row>
    <row r="814065" spans="14:14">
      <c r="N814065" s="10"/>
    </row>
    <row r="814066" spans="14:14">
      <c r="N814066" s="10"/>
    </row>
    <row r="814067" spans="14:14">
      <c r="N814067" s="10"/>
    </row>
    <row r="814068" spans="14:14">
      <c r="N814068" s="10"/>
    </row>
    <row r="814069" spans="14:14">
      <c r="N814069" s="10"/>
    </row>
    <row r="814070" spans="14:14">
      <c r="N814070" s="10"/>
    </row>
    <row r="814071" spans="14:14">
      <c r="N814071" s="10"/>
    </row>
    <row r="814072" spans="14:14">
      <c r="N814072" s="10"/>
    </row>
    <row r="814073" spans="14:14">
      <c r="N814073" s="10"/>
    </row>
    <row r="814074" spans="14:14">
      <c r="N814074" s="10"/>
    </row>
    <row r="814075" spans="14:14">
      <c r="N814075" s="10"/>
    </row>
    <row r="814076" spans="14:14">
      <c r="N814076" s="10"/>
    </row>
    <row r="814077" spans="14:14">
      <c r="N814077" s="10"/>
    </row>
    <row r="814078" spans="14:14">
      <c r="N814078" s="10"/>
    </row>
    <row r="814079" spans="14:14">
      <c r="N814079" s="10"/>
    </row>
    <row r="814080" spans="14:14">
      <c r="N814080" s="10"/>
    </row>
    <row r="814081" spans="14:14">
      <c r="N814081" s="10"/>
    </row>
    <row r="814082" spans="14:14">
      <c r="N814082" s="10"/>
    </row>
    <row r="814083" spans="14:14">
      <c r="N814083" s="10"/>
    </row>
    <row r="814084" spans="14:14">
      <c r="N814084" s="10"/>
    </row>
    <row r="814085" spans="14:14">
      <c r="N814085" s="10"/>
    </row>
    <row r="814086" spans="14:14">
      <c r="N814086" s="10"/>
    </row>
    <row r="814087" spans="14:14">
      <c r="N814087" s="10"/>
    </row>
    <row r="814088" spans="14:14">
      <c r="N814088" s="10"/>
    </row>
    <row r="814089" spans="14:14">
      <c r="N814089" s="10"/>
    </row>
    <row r="814090" spans="14:14">
      <c r="N814090" s="10"/>
    </row>
    <row r="814091" spans="14:14">
      <c r="N814091" s="10"/>
    </row>
    <row r="814092" spans="14:14">
      <c r="N814092" s="10"/>
    </row>
    <row r="814093" spans="14:14">
      <c r="N814093" s="10"/>
    </row>
    <row r="814094" spans="14:14">
      <c r="N814094" s="10"/>
    </row>
    <row r="814095" spans="14:14">
      <c r="N814095" s="10"/>
    </row>
    <row r="814096" spans="14:14">
      <c r="N814096" s="10"/>
    </row>
    <row r="814097" spans="14:14">
      <c r="N814097" s="10"/>
    </row>
    <row r="814098" spans="14:14">
      <c r="N814098" s="10"/>
    </row>
    <row r="814099" spans="14:14">
      <c r="N814099" s="10"/>
    </row>
    <row r="814100" spans="14:14">
      <c r="N814100" s="10"/>
    </row>
    <row r="814101" spans="14:14">
      <c r="N814101" s="10"/>
    </row>
    <row r="814102" spans="14:14">
      <c r="N814102" s="10"/>
    </row>
    <row r="814103" spans="14:14">
      <c r="N814103" s="10"/>
    </row>
    <row r="814104" spans="14:14">
      <c r="N814104" s="10"/>
    </row>
    <row r="814105" spans="14:14">
      <c r="N814105" s="10"/>
    </row>
    <row r="814106" spans="14:14">
      <c r="N814106" s="10"/>
    </row>
    <row r="814107" spans="14:14">
      <c r="N814107" s="10"/>
    </row>
    <row r="814108" spans="14:14">
      <c r="N814108" s="10"/>
    </row>
    <row r="814109" spans="14:14">
      <c r="N814109" s="10"/>
    </row>
    <row r="814110" spans="14:14">
      <c r="N814110" s="10"/>
    </row>
    <row r="814111" spans="14:14">
      <c r="N814111" s="10"/>
    </row>
    <row r="814112" spans="14:14">
      <c r="N814112" s="10"/>
    </row>
    <row r="814113" spans="14:14">
      <c r="N814113" s="10"/>
    </row>
    <row r="814114" spans="14:14">
      <c r="N814114" s="10"/>
    </row>
    <row r="814115" spans="14:14">
      <c r="N814115" s="10"/>
    </row>
    <row r="814116" spans="14:14">
      <c r="N814116" s="10"/>
    </row>
    <row r="814117" spans="14:14">
      <c r="N814117" s="10"/>
    </row>
    <row r="814118" spans="14:14">
      <c r="N814118" s="10"/>
    </row>
    <row r="814119" spans="14:14">
      <c r="N814119" s="10"/>
    </row>
    <row r="814120" spans="14:14">
      <c r="N814120" s="10"/>
    </row>
    <row r="814121" spans="14:14">
      <c r="N814121" s="10"/>
    </row>
    <row r="814122" spans="14:14">
      <c r="N814122" s="10"/>
    </row>
    <row r="814123" spans="14:14">
      <c r="N814123" s="10"/>
    </row>
    <row r="814124" spans="14:14">
      <c r="N814124" s="10"/>
    </row>
    <row r="814125" spans="14:14">
      <c r="N814125" s="10"/>
    </row>
    <row r="814126" spans="14:14">
      <c r="N814126" s="10"/>
    </row>
    <row r="814127" spans="14:14">
      <c r="N814127" s="10"/>
    </row>
    <row r="814128" spans="14:14">
      <c r="N814128" s="10"/>
    </row>
    <row r="814129" spans="14:14">
      <c r="N814129" s="10"/>
    </row>
    <row r="814130" spans="14:14">
      <c r="N814130" s="10"/>
    </row>
    <row r="814131" spans="14:14">
      <c r="N814131" s="10"/>
    </row>
    <row r="814132" spans="14:14">
      <c r="N814132" s="10"/>
    </row>
    <row r="814133" spans="14:14">
      <c r="N814133" s="10"/>
    </row>
    <row r="814134" spans="14:14">
      <c r="N814134" s="10"/>
    </row>
    <row r="814135" spans="14:14">
      <c r="N814135" s="10"/>
    </row>
    <row r="814136" spans="14:14">
      <c r="N814136" s="10"/>
    </row>
    <row r="814137" spans="14:14">
      <c r="N814137" s="10"/>
    </row>
    <row r="814138" spans="14:14">
      <c r="N814138" s="10"/>
    </row>
    <row r="814139" spans="14:14">
      <c r="N814139" s="10"/>
    </row>
    <row r="814140" spans="14:14">
      <c r="N814140" s="10"/>
    </row>
    <row r="814141" spans="14:14">
      <c r="N814141" s="10"/>
    </row>
    <row r="814142" spans="14:14">
      <c r="N814142" s="10"/>
    </row>
    <row r="814143" spans="14:14">
      <c r="N814143" s="10"/>
    </row>
    <row r="814144" spans="14:14">
      <c r="N814144" s="10"/>
    </row>
    <row r="814145" spans="14:14">
      <c r="N814145" s="10"/>
    </row>
    <row r="814146" spans="14:14">
      <c r="N814146" s="10"/>
    </row>
    <row r="814147" spans="14:14">
      <c r="N814147" s="10"/>
    </row>
    <row r="814148" spans="14:14">
      <c r="N814148" s="10"/>
    </row>
    <row r="814149" spans="14:14">
      <c r="N814149" s="10"/>
    </row>
    <row r="814150" spans="14:14">
      <c r="N814150" s="10"/>
    </row>
    <row r="814151" spans="14:14">
      <c r="N814151" s="10"/>
    </row>
    <row r="814152" spans="14:14">
      <c r="N814152" s="10"/>
    </row>
    <row r="814153" spans="14:14">
      <c r="N814153" s="10"/>
    </row>
    <row r="814154" spans="14:14">
      <c r="N814154" s="10"/>
    </row>
    <row r="814155" spans="14:14">
      <c r="N814155" s="10"/>
    </row>
    <row r="814156" spans="14:14">
      <c r="N814156" s="10"/>
    </row>
    <row r="814157" spans="14:14">
      <c r="N814157" s="10"/>
    </row>
    <row r="814158" spans="14:14">
      <c r="N814158" s="10"/>
    </row>
    <row r="814159" spans="14:14">
      <c r="N814159" s="10"/>
    </row>
    <row r="814160" spans="14:14">
      <c r="N814160" s="10"/>
    </row>
    <row r="814161" spans="14:14">
      <c r="N814161" s="10"/>
    </row>
    <row r="814162" spans="14:14">
      <c r="N814162" s="10"/>
    </row>
    <row r="814163" spans="14:14">
      <c r="N814163" s="10"/>
    </row>
    <row r="814164" spans="14:14">
      <c r="N814164" s="10"/>
    </row>
    <row r="814165" spans="14:14">
      <c r="N814165" s="10"/>
    </row>
    <row r="814166" spans="14:14">
      <c r="N814166" s="10"/>
    </row>
    <row r="814167" spans="14:14">
      <c r="N814167" s="10"/>
    </row>
    <row r="814168" spans="14:14">
      <c r="N814168" s="10"/>
    </row>
    <row r="814169" spans="14:14">
      <c r="N814169" s="10"/>
    </row>
    <row r="814170" spans="14:14">
      <c r="N814170" s="10"/>
    </row>
    <row r="814171" spans="14:14">
      <c r="N814171" s="10"/>
    </row>
    <row r="814172" spans="14:14">
      <c r="N814172" s="10"/>
    </row>
    <row r="814173" spans="14:14">
      <c r="N814173" s="10"/>
    </row>
    <row r="814174" spans="14:14">
      <c r="N814174" s="10"/>
    </row>
    <row r="814175" spans="14:14">
      <c r="N814175" s="10"/>
    </row>
    <row r="814176" spans="14:14">
      <c r="N814176" s="10"/>
    </row>
    <row r="814177" spans="14:14">
      <c r="N814177" s="10"/>
    </row>
    <row r="814178" spans="14:14">
      <c r="N814178" s="10"/>
    </row>
    <row r="814179" spans="14:14">
      <c r="N814179" s="10"/>
    </row>
    <row r="814180" spans="14:14">
      <c r="N814180" s="10"/>
    </row>
    <row r="814181" spans="14:14">
      <c r="N814181" s="10"/>
    </row>
    <row r="814182" spans="14:14">
      <c r="N814182" s="10"/>
    </row>
    <row r="814183" spans="14:14">
      <c r="N814183" s="10"/>
    </row>
    <row r="814184" spans="14:14">
      <c r="N814184" s="10"/>
    </row>
    <row r="814185" spans="14:14">
      <c r="N814185" s="10"/>
    </row>
    <row r="814186" spans="14:14">
      <c r="N814186" s="10"/>
    </row>
    <row r="814187" spans="14:14">
      <c r="N814187" s="10"/>
    </row>
    <row r="814188" spans="14:14">
      <c r="N814188" s="10"/>
    </row>
    <row r="814189" spans="14:14">
      <c r="N814189" s="10"/>
    </row>
    <row r="814190" spans="14:14">
      <c r="N814190" s="10"/>
    </row>
    <row r="814191" spans="14:14">
      <c r="N814191" s="10"/>
    </row>
    <row r="814192" spans="14:14">
      <c r="N814192" s="10"/>
    </row>
    <row r="814193" spans="14:14">
      <c r="N814193" s="10"/>
    </row>
    <row r="814194" spans="14:14">
      <c r="N814194" s="10"/>
    </row>
    <row r="814195" spans="14:14">
      <c r="N814195" s="10"/>
    </row>
    <row r="814196" spans="14:14">
      <c r="N814196" s="10"/>
    </row>
    <row r="814197" spans="14:14">
      <c r="N814197" s="10"/>
    </row>
    <row r="814198" spans="14:14">
      <c r="N814198" s="10"/>
    </row>
    <row r="814199" spans="14:14">
      <c r="N814199" s="10"/>
    </row>
    <row r="814200" spans="14:14">
      <c r="N814200" s="10"/>
    </row>
    <row r="814201" spans="14:14">
      <c r="N814201" s="10"/>
    </row>
    <row r="814202" spans="14:14">
      <c r="N814202" s="10"/>
    </row>
    <row r="814203" spans="14:14">
      <c r="N814203" s="10"/>
    </row>
    <row r="814204" spans="14:14">
      <c r="N814204" s="10"/>
    </row>
    <row r="814205" spans="14:14">
      <c r="N814205" s="10"/>
    </row>
    <row r="814206" spans="14:14">
      <c r="N814206" s="10"/>
    </row>
    <row r="814207" spans="14:14">
      <c r="N814207" s="10"/>
    </row>
    <row r="814208" spans="14:14">
      <c r="N814208" s="10"/>
    </row>
    <row r="814209" spans="14:14">
      <c r="N814209" s="10"/>
    </row>
    <row r="814210" spans="14:14">
      <c r="N814210" s="10"/>
    </row>
    <row r="814211" spans="14:14">
      <c r="N814211" s="10"/>
    </row>
    <row r="814212" spans="14:14">
      <c r="N814212" s="10"/>
    </row>
    <row r="814213" spans="14:14">
      <c r="N814213" s="10"/>
    </row>
    <row r="814214" spans="14:14">
      <c r="N814214" s="10"/>
    </row>
    <row r="814215" spans="14:14">
      <c r="N814215" s="10"/>
    </row>
    <row r="814216" spans="14:14">
      <c r="N814216" s="10"/>
    </row>
    <row r="814217" spans="14:14">
      <c r="N814217" s="10"/>
    </row>
    <row r="814218" spans="14:14">
      <c r="N814218" s="10"/>
    </row>
    <row r="814219" spans="14:14">
      <c r="N814219" s="10"/>
    </row>
    <row r="814220" spans="14:14">
      <c r="N814220" s="10"/>
    </row>
    <row r="814221" spans="14:14">
      <c r="N814221" s="10"/>
    </row>
    <row r="814222" spans="14:14">
      <c r="N814222" s="10"/>
    </row>
    <row r="814223" spans="14:14">
      <c r="N814223" s="10"/>
    </row>
    <row r="814224" spans="14:14">
      <c r="N814224" s="10"/>
    </row>
    <row r="814225" spans="14:14">
      <c r="N814225" s="10"/>
    </row>
    <row r="814226" spans="14:14">
      <c r="N814226" s="10"/>
    </row>
    <row r="814227" spans="14:14">
      <c r="N814227" s="10"/>
    </row>
    <row r="814228" spans="14:14">
      <c r="N814228" s="10"/>
    </row>
    <row r="814229" spans="14:14">
      <c r="N814229" s="10"/>
    </row>
    <row r="814230" spans="14:14">
      <c r="N814230" s="10"/>
    </row>
    <row r="814231" spans="14:14">
      <c r="N814231" s="10"/>
    </row>
    <row r="814232" spans="14:14">
      <c r="N814232" s="10"/>
    </row>
    <row r="814233" spans="14:14">
      <c r="N814233" s="10"/>
    </row>
    <row r="814234" spans="14:14">
      <c r="N814234" s="10"/>
    </row>
    <row r="814235" spans="14:14">
      <c r="N814235" s="10"/>
    </row>
    <row r="814236" spans="14:14">
      <c r="N814236" s="10"/>
    </row>
    <row r="814237" spans="14:14">
      <c r="N814237" s="10"/>
    </row>
    <row r="814238" spans="14:14">
      <c r="N814238" s="10"/>
    </row>
    <row r="814239" spans="14:14">
      <c r="N814239" s="10"/>
    </row>
    <row r="814240" spans="14:14">
      <c r="N814240" s="10"/>
    </row>
    <row r="814241" spans="14:14">
      <c r="N814241" s="10"/>
    </row>
    <row r="814242" spans="14:14">
      <c r="N814242" s="10"/>
    </row>
    <row r="814243" spans="14:14">
      <c r="N814243" s="10"/>
    </row>
    <row r="814244" spans="14:14">
      <c r="N814244" s="10"/>
    </row>
    <row r="814245" spans="14:14">
      <c r="N814245" s="10"/>
    </row>
    <row r="814246" spans="14:14">
      <c r="N814246" s="10"/>
    </row>
    <row r="814247" spans="14:14">
      <c r="N814247" s="10"/>
    </row>
    <row r="814248" spans="14:14">
      <c r="N814248" s="10"/>
    </row>
    <row r="814249" spans="14:14">
      <c r="N814249" s="10"/>
    </row>
    <row r="814250" spans="14:14">
      <c r="N814250" s="10"/>
    </row>
    <row r="814251" spans="14:14">
      <c r="N814251" s="10"/>
    </row>
    <row r="814252" spans="14:14">
      <c r="N814252" s="10"/>
    </row>
    <row r="814253" spans="14:14">
      <c r="N814253" s="10"/>
    </row>
    <row r="814254" spans="14:14">
      <c r="N814254" s="10"/>
    </row>
    <row r="814255" spans="14:14">
      <c r="N814255" s="10"/>
    </row>
    <row r="814256" spans="14:14">
      <c r="N814256" s="10"/>
    </row>
    <row r="814257" spans="14:14">
      <c r="N814257" s="10"/>
    </row>
    <row r="814258" spans="14:14">
      <c r="N814258" s="10"/>
    </row>
    <row r="814259" spans="14:14">
      <c r="N814259" s="10"/>
    </row>
    <row r="814260" spans="14:14">
      <c r="N814260" s="10"/>
    </row>
    <row r="814261" spans="14:14">
      <c r="N814261" s="10"/>
    </row>
    <row r="814262" spans="14:14">
      <c r="N814262" s="10"/>
    </row>
    <row r="814263" spans="14:14">
      <c r="N814263" s="10"/>
    </row>
    <row r="814264" spans="14:14">
      <c r="N814264" s="10"/>
    </row>
    <row r="814265" spans="14:14">
      <c r="N814265" s="10"/>
    </row>
    <row r="814266" spans="14:14">
      <c r="N814266" s="10"/>
    </row>
    <row r="814267" spans="14:14">
      <c r="N814267" s="10"/>
    </row>
    <row r="814268" spans="14:14">
      <c r="N814268" s="10"/>
    </row>
    <row r="814269" spans="14:14">
      <c r="N814269" s="10"/>
    </row>
    <row r="814270" spans="14:14">
      <c r="N814270" s="10"/>
    </row>
    <row r="814271" spans="14:14">
      <c r="N814271" s="10"/>
    </row>
    <row r="814272" spans="14:14">
      <c r="N814272" s="10"/>
    </row>
    <row r="814273" spans="14:14">
      <c r="N814273" s="10"/>
    </row>
    <row r="814274" spans="14:14">
      <c r="N814274" s="10"/>
    </row>
    <row r="814275" spans="14:14">
      <c r="N814275" s="10"/>
    </row>
    <row r="814276" spans="14:14">
      <c r="N814276" s="10"/>
    </row>
    <row r="814277" spans="14:14">
      <c r="N814277" s="10"/>
    </row>
    <row r="814278" spans="14:14">
      <c r="N814278" s="10"/>
    </row>
    <row r="814279" spans="14:14">
      <c r="N814279" s="10"/>
    </row>
    <row r="814280" spans="14:14">
      <c r="N814280" s="10"/>
    </row>
    <row r="814281" spans="14:14">
      <c r="N814281" s="10"/>
    </row>
    <row r="814282" spans="14:14">
      <c r="N814282" s="10"/>
    </row>
    <row r="814283" spans="14:14">
      <c r="N814283" s="10"/>
    </row>
    <row r="814284" spans="14:14">
      <c r="N814284" s="10"/>
    </row>
    <row r="814285" spans="14:14">
      <c r="N814285" s="10"/>
    </row>
    <row r="814286" spans="14:14">
      <c r="N814286" s="10"/>
    </row>
    <row r="814287" spans="14:14">
      <c r="N814287" s="10"/>
    </row>
    <row r="814288" spans="14:14">
      <c r="N814288" s="10"/>
    </row>
    <row r="814289" spans="14:14">
      <c r="N814289" s="10"/>
    </row>
    <row r="814290" spans="14:14">
      <c r="N814290" s="10"/>
    </row>
    <row r="814291" spans="14:14">
      <c r="N814291" s="10"/>
    </row>
    <row r="814292" spans="14:14">
      <c r="N814292" s="10"/>
    </row>
    <row r="814293" spans="14:14">
      <c r="N814293" s="10"/>
    </row>
    <row r="814294" spans="14:14">
      <c r="N814294" s="10"/>
    </row>
    <row r="814295" spans="14:14">
      <c r="N814295" s="10"/>
    </row>
    <row r="814296" spans="14:14">
      <c r="N814296" s="10"/>
    </row>
    <row r="814297" spans="14:14">
      <c r="N814297" s="10"/>
    </row>
    <row r="814298" spans="14:14">
      <c r="N814298" s="10"/>
    </row>
    <row r="814299" spans="14:14">
      <c r="N814299" s="10"/>
    </row>
    <row r="814300" spans="14:14">
      <c r="N814300" s="10"/>
    </row>
    <row r="814301" spans="14:14">
      <c r="N814301" s="10"/>
    </row>
    <row r="814302" spans="14:14">
      <c r="N814302" s="10"/>
    </row>
    <row r="814303" spans="14:14">
      <c r="N814303" s="10"/>
    </row>
    <row r="814304" spans="14:14">
      <c r="N814304" s="10"/>
    </row>
    <row r="814305" spans="14:14">
      <c r="N814305" s="10"/>
    </row>
    <row r="814306" spans="14:14">
      <c r="N814306" s="10"/>
    </row>
    <row r="814307" spans="14:14">
      <c r="N814307" s="10"/>
    </row>
    <row r="814308" spans="14:14">
      <c r="N814308" s="10"/>
    </row>
    <row r="814309" spans="14:14">
      <c r="N814309" s="10"/>
    </row>
    <row r="814310" spans="14:14">
      <c r="N814310" s="10"/>
    </row>
    <row r="814311" spans="14:14">
      <c r="N814311" s="10"/>
    </row>
    <row r="814312" spans="14:14">
      <c r="N814312" s="10"/>
    </row>
    <row r="814313" spans="14:14">
      <c r="N814313" s="10"/>
    </row>
    <row r="814314" spans="14:14">
      <c r="N814314" s="10"/>
    </row>
    <row r="814315" spans="14:14">
      <c r="N814315" s="10"/>
    </row>
    <row r="814316" spans="14:14">
      <c r="N814316" s="10"/>
    </row>
    <row r="814317" spans="14:14">
      <c r="N814317" s="10"/>
    </row>
    <row r="814318" spans="14:14">
      <c r="N814318" s="10"/>
    </row>
    <row r="814319" spans="14:14">
      <c r="N814319" s="10"/>
    </row>
    <row r="814320" spans="14:14">
      <c r="N814320" s="10"/>
    </row>
    <row r="814321" spans="14:14">
      <c r="N814321" s="10"/>
    </row>
    <row r="814322" spans="14:14">
      <c r="N814322" s="10"/>
    </row>
    <row r="814323" spans="14:14">
      <c r="N814323" s="10"/>
    </row>
    <row r="814324" spans="14:14">
      <c r="N814324" s="10"/>
    </row>
    <row r="814325" spans="14:14">
      <c r="N814325" s="10"/>
    </row>
    <row r="814326" spans="14:14">
      <c r="N814326" s="10"/>
    </row>
    <row r="814327" spans="14:14">
      <c r="N814327" s="10"/>
    </row>
    <row r="814328" spans="14:14">
      <c r="N814328" s="10"/>
    </row>
    <row r="814329" spans="14:14">
      <c r="N814329" s="10"/>
    </row>
    <row r="814330" spans="14:14">
      <c r="N814330" s="10"/>
    </row>
    <row r="814331" spans="14:14">
      <c r="N814331" s="10"/>
    </row>
    <row r="814332" spans="14:14">
      <c r="N814332" s="10"/>
    </row>
    <row r="814333" spans="14:14">
      <c r="N814333" s="10"/>
    </row>
    <row r="814334" spans="14:14">
      <c r="N814334" s="10"/>
    </row>
    <row r="814335" spans="14:14">
      <c r="N814335" s="10"/>
    </row>
    <row r="814336" spans="14:14">
      <c r="N814336" s="10"/>
    </row>
    <row r="814337" spans="14:14">
      <c r="N814337" s="10"/>
    </row>
    <row r="814338" spans="14:14">
      <c r="N814338" s="10"/>
    </row>
    <row r="814339" spans="14:14">
      <c r="N814339" s="10"/>
    </row>
    <row r="814340" spans="14:14">
      <c r="N814340" s="10"/>
    </row>
    <row r="814341" spans="14:14">
      <c r="N814341" s="10"/>
    </row>
    <row r="814342" spans="14:14">
      <c r="N814342" s="10"/>
    </row>
    <row r="814343" spans="14:14">
      <c r="N814343" s="10"/>
    </row>
    <row r="814344" spans="14:14">
      <c r="N814344" s="10"/>
    </row>
    <row r="814345" spans="14:14">
      <c r="N814345" s="10"/>
    </row>
    <row r="814346" spans="14:14">
      <c r="N814346" s="10"/>
    </row>
    <row r="814347" spans="14:14">
      <c r="N814347" s="10"/>
    </row>
    <row r="814348" spans="14:14">
      <c r="N814348" s="10"/>
    </row>
    <row r="814349" spans="14:14">
      <c r="N814349" s="10"/>
    </row>
    <row r="814350" spans="14:14">
      <c r="N814350" s="10"/>
    </row>
    <row r="814351" spans="14:14">
      <c r="N814351" s="10"/>
    </row>
    <row r="814352" spans="14:14">
      <c r="N814352" s="10"/>
    </row>
    <row r="814353" spans="14:14">
      <c r="N814353" s="10"/>
    </row>
    <row r="814354" spans="14:14">
      <c r="N814354" s="10"/>
    </row>
    <row r="814355" spans="14:14">
      <c r="N814355" s="10"/>
    </row>
    <row r="814356" spans="14:14">
      <c r="N814356" s="10"/>
    </row>
    <row r="814357" spans="14:14">
      <c r="N814357" s="10"/>
    </row>
    <row r="814358" spans="14:14">
      <c r="N814358" s="10"/>
    </row>
    <row r="814359" spans="14:14">
      <c r="N814359" s="10"/>
    </row>
    <row r="814360" spans="14:14">
      <c r="N814360" s="10"/>
    </row>
    <row r="814361" spans="14:14">
      <c r="N814361" s="10"/>
    </row>
    <row r="814362" spans="14:14">
      <c r="N814362" s="10"/>
    </row>
    <row r="814363" spans="14:14">
      <c r="N814363" s="10"/>
    </row>
    <row r="814364" spans="14:14">
      <c r="N814364" s="10"/>
    </row>
    <row r="814365" spans="14:14">
      <c r="N814365" s="10"/>
    </row>
    <row r="814366" spans="14:14">
      <c r="N814366" s="10"/>
    </row>
    <row r="814367" spans="14:14">
      <c r="N814367" s="10"/>
    </row>
    <row r="814368" spans="14:14">
      <c r="N814368" s="10"/>
    </row>
    <row r="814369" spans="14:14">
      <c r="N814369" s="10"/>
    </row>
    <row r="814370" spans="14:14">
      <c r="N814370" s="10"/>
    </row>
    <row r="814371" spans="14:14">
      <c r="N814371" s="10"/>
    </row>
    <row r="814372" spans="14:14">
      <c r="N814372" s="10"/>
    </row>
    <row r="814373" spans="14:14">
      <c r="N814373" s="10"/>
    </row>
    <row r="814374" spans="14:14">
      <c r="N814374" s="10"/>
    </row>
    <row r="814375" spans="14:14">
      <c r="N814375" s="10"/>
    </row>
    <row r="814376" spans="14:14">
      <c r="N814376" s="10"/>
    </row>
    <row r="814377" spans="14:14">
      <c r="N814377" s="10"/>
    </row>
    <row r="814378" spans="14:14">
      <c r="N814378" s="10"/>
    </row>
    <row r="814379" spans="14:14">
      <c r="N814379" s="10"/>
    </row>
    <row r="814380" spans="14:14">
      <c r="N814380" s="10"/>
    </row>
    <row r="814381" spans="14:14">
      <c r="N814381" s="10"/>
    </row>
    <row r="814382" spans="14:14">
      <c r="N814382" s="10"/>
    </row>
    <row r="814383" spans="14:14">
      <c r="N814383" s="10"/>
    </row>
    <row r="814384" spans="14:14">
      <c r="N814384" s="10"/>
    </row>
    <row r="814385" spans="14:14">
      <c r="N814385" s="10"/>
    </row>
    <row r="814386" spans="14:14">
      <c r="N814386" s="10"/>
    </row>
    <row r="814387" spans="14:14">
      <c r="N814387" s="10"/>
    </row>
    <row r="814388" spans="14:14">
      <c r="N814388" s="10"/>
    </row>
    <row r="814389" spans="14:14">
      <c r="N814389" s="10"/>
    </row>
    <row r="814390" spans="14:14">
      <c r="N814390" s="10"/>
    </row>
    <row r="814391" spans="14:14">
      <c r="N814391" s="10"/>
    </row>
    <row r="814392" spans="14:14">
      <c r="N814392" s="10"/>
    </row>
    <row r="814393" spans="14:14">
      <c r="N814393" s="10"/>
    </row>
    <row r="814394" spans="14:14">
      <c r="N814394" s="10"/>
    </row>
    <row r="814395" spans="14:14">
      <c r="N814395" s="10"/>
    </row>
    <row r="814396" spans="14:14">
      <c r="N814396" s="10"/>
    </row>
    <row r="814397" spans="14:14">
      <c r="N814397" s="10"/>
    </row>
    <row r="814398" spans="14:14">
      <c r="N814398" s="10"/>
    </row>
    <row r="814399" spans="14:14">
      <c r="N814399" s="10"/>
    </row>
    <row r="814400" spans="14:14">
      <c r="N814400" s="10"/>
    </row>
    <row r="814401" spans="14:14">
      <c r="N814401" s="10"/>
    </row>
    <row r="814402" spans="14:14">
      <c r="N814402" s="10"/>
    </row>
    <row r="814403" spans="14:14">
      <c r="N814403" s="10"/>
    </row>
    <row r="814404" spans="14:14">
      <c r="N814404" s="10"/>
    </row>
    <row r="814405" spans="14:14">
      <c r="N814405" s="10"/>
    </row>
    <row r="814406" spans="14:14">
      <c r="N814406" s="10"/>
    </row>
    <row r="814407" spans="14:14">
      <c r="N814407" s="10"/>
    </row>
    <row r="814408" spans="14:14">
      <c r="N814408" s="10"/>
    </row>
    <row r="814409" spans="14:14">
      <c r="N814409" s="10"/>
    </row>
    <row r="814410" spans="14:14">
      <c r="N814410" s="10"/>
    </row>
    <row r="814411" spans="14:14">
      <c r="N814411" s="10"/>
    </row>
    <row r="814412" spans="14:14">
      <c r="N814412" s="10"/>
    </row>
    <row r="814413" spans="14:14">
      <c r="N814413" s="10"/>
    </row>
    <row r="814414" spans="14:14">
      <c r="N814414" s="10"/>
    </row>
    <row r="814415" spans="14:14">
      <c r="N814415" s="10"/>
    </row>
    <row r="814416" spans="14:14">
      <c r="N814416" s="10"/>
    </row>
    <row r="814417" spans="14:14">
      <c r="N814417" s="10"/>
    </row>
    <row r="814418" spans="14:14">
      <c r="N814418" s="10"/>
    </row>
    <row r="814419" spans="14:14">
      <c r="N814419" s="10"/>
    </row>
    <row r="814420" spans="14:14">
      <c r="N814420" s="10"/>
    </row>
    <row r="814421" spans="14:14">
      <c r="N814421" s="10"/>
    </row>
    <row r="814422" spans="14:14">
      <c r="N814422" s="10"/>
    </row>
    <row r="814423" spans="14:14">
      <c r="N814423" s="10"/>
    </row>
    <row r="814424" spans="14:14">
      <c r="N814424" s="10"/>
    </row>
    <row r="814425" spans="14:14">
      <c r="N814425" s="10"/>
    </row>
    <row r="814426" spans="14:14">
      <c r="N814426" s="10"/>
    </row>
    <row r="814427" spans="14:14">
      <c r="N814427" s="10"/>
    </row>
    <row r="814428" spans="14:14">
      <c r="N814428" s="10"/>
    </row>
    <row r="814429" spans="14:14">
      <c r="N814429" s="10"/>
    </row>
    <row r="814430" spans="14:14">
      <c r="N814430" s="10"/>
    </row>
    <row r="814431" spans="14:14">
      <c r="N814431" s="10"/>
    </row>
    <row r="814432" spans="14:14">
      <c r="N814432" s="10"/>
    </row>
    <row r="814433" spans="14:14">
      <c r="N814433" s="10"/>
    </row>
    <row r="814434" spans="14:14">
      <c r="N814434" s="10"/>
    </row>
    <row r="814435" spans="14:14">
      <c r="N814435" s="10"/>
    </row>
    <row r="814436" spans="14:14">
      <c r="N814436" s="10"/>
    </row>
    <row r="814437" spans="14:14">
      <c r="N814437" s="10"/>
    </row>
    <row r="814438" spans="14:14">
      <c r="N814438" s="10"/>
    </row>
    <row r="814439" spans="14:14">
      <c r="N814439" s="10"/>
    </row>
    <row r="814440" spans="14:14">
      <c r="N814440" s="10"/>
    </row>
    <row r="814441" spans="14:14">
      <c r="N814441" s="10"/>
    </row>
    <row r="814442" spans="14:14">
      <c r="N814442" s="10"/>
    </row>
    <row r="814443" spans="14:14">
      <c r="N814443" s="10"/>
    </row>
    <row r="814444" spans="14:14">
      <c r="N814444" s="10"/>
    </row>
    <row r="814445" spans="14:14">
      <c r="N814445" s="10"/>
    </row>
    <row r="814446" spans="14:14">
      <c r="N814446" s="10"/>
    </row>
    <row r="814447" spans="14:14">
      <c r="N814447" s="10"/>
    </row>
    <row r="814448" spans="14:14">
      <c r="N814448" s="10"/>
    </row>
    <row r="814449" spans="14:14">
      <c r="N814449" s="10"/>
    </row>
    <row r="814450" spans="14:14">
      <c r="N814450" s="10"/>
    </row>
    <row r="814451" spans="14:14">
      <c r="N814451" s="10"/>
    </row>
    <row r="814452" spans="14:14">
      <c r="N814452" s="10"/>
    </row>
    <row r="814453" spans="14:14">
      <c r="N814453" s="10"/>
    </row>
    <row r="814454" spans="14:14">
      <c r="N814454" s="10"/>
    </row>
    <row r="814455" spans="14:14">
      <c r="N814455" s="10"/>
    </row>
    <row r="814456" spans="14:14">
      <c r="N814456" s="10"/>
    </row>
    <row r="814457" spans="14:14">
      <c r="N814457" s="10"/>
    </row>
    <row r="814458" spans="14:14">
      <c r="N814458" s="10"/>
    </row>
    <row r="814459" spans="14:14">
      <c r="N814459" s="10"/>
    </row>
    <row r="814460" spans="14:14">
      <c r="N814460" s="10"/>
    </row>
    <row r="814461" spans="14:14">
      <c r="N814461" s="10"/>
    </row>
    <row r="814462" spans="14:14">
      <c r="N814462" s="10"/>
    </row>
    <row r="814463" spans="14:14">
      <c r="N814463" s="10"/>
    </row>
    <row r="814464" spans="14:14">
      <c r="N814464" s="10"/>
    </row>
    <row r="814465" spans="14:14">
      <c r="N814465" s="10"/>
    </row>
    <row r="814466" spans="14:14">
      <c r="N814466" s="10"/>
    </row>
    <row r="814467" spans="14:14">
      <c r="N814467" s="10"/>
    </row>
    <row r="814468" spans="14:14">
      <c r="N814468" s="10"/>
    </row>
    <row r="814469" spans="14:14">
      <c r="N814469" s="10"/>
    </row>
    <row r="814470" spans="14:14">
      <c r="N814470" s="10"/>
    </row>
    <row r="814471" spans="14:14">
      <c r="N814471" s="10"/>
    </row>
    <row r="814472" spans="14:14">
      <c r="N814472" s="10"/>
    </row>
    <row r="814473" spans="14:14">
      <c r="N814473" s="10"/>
    </row>
    <row r="814474" spans="14:14">
      <c r="N814474" s="10"/>
    </row>
    <row r="814475" spans="14:14">
      <c r="N814475" s="10"/>
    </row>
    <row r="814476" spans="14:14">
      <c r="N814476" s="10"/>
    </row>
    <row r="814477" spans="14:14">
      <c r="N814477" s="10"/>
    </row>
    <row r="814478" spans="14:14">
      <c r="N814478" s="10"/>
    </row>
    <row r="814479" spans="14:14">
      <c r="N814479" s="10"/>
    </row>
    <row r="814480" spans="14:14">
      <c r="N814480" s="10"/>
    </row>
    <row r="814481" spans="14:14">
      <c r="N814481" s="10"/>
    </row>
    <row r="814482" spans="14:14">
      <c r="N814482" s="10"/>
    </row>
    <row r="814483" spans="14:14">
      <c r="N814483" s="10"/>
    </row>
    <row r="814484" spans="14:14">
      <c r="N814484" s="10"/>
    </row>
    <row r="814485" spans="14:14">
      <c r="N814485" s="10"/>
    </row>
    <row r="814486" spans="14:14">
      <c r="N814486" s="10"/>
    </row>
    <row r="814487" spans="14:14">
      <c r="N814487" s="10"/>
    </row>
    <row r="814488" spans="14:14">
      <c r="N814488" s="10"/>
    </row>
    <row r="814489" spans="14:14">
      <c r="N814489" s="10"/>
    </row>
    <row r="814490" spans="14:14">
      <c r="N814490" s="10"/>
    </row>
    <row r="814491" spans="14:14">
      <c r="N814491" s="10"/>
    </row>
    <row r="814492" spans="14:14">
      <c r="N814492" s="10"/>
    </row>
    <row r="814493" spans="14:14">
      <c r="N814493" s="10"/>
    </row>
    <row r="814494" spans="14:14">
      <c r="N814494" s="10"/>
    </row>
    <row r="814495" spans="14:14">
      <c r="N814495" s="10"/>
    </row>
    <row r="814496" spans="14:14">
      <c r="N814496" s="10"/>
    </row>
    <row r="814497" spans="14:14">
      <c r="N814497" s="10"/>
    </row>
    <row r="814498" spans="14:14">
      <c r="N814498" s="10"/>
    </row>
    <row r="814499" spans="14:14">
      <c r="N814499" s="10"/>
    </row>
    <row r="814500" spans="14:14">
      <c r="N814500" s="10"/>
    </row>
    <row r="814501" spans="14:14">
      <c r="N814501" s="10"/>
    </row>
    <row r="814502" spans="14:14">
      <c r="N814502" s="10"/>
    </row>
    <row r="814503" spans="14:14">
      <c r="N814503" s="10"/>
    </row>
    <row r="814504" spans="14:14">
      <c r="N814504" s="10"/>
    </row>
    <row r="814505" spans="14:14">
      <c r="N814505" s="10"/>
    </row>
    <row r="814506" spans="14:14">
      <c r="N814506" s="10"/>
    </row>
    <row r="814507" spans="14:14">
      <c r="N814507" s="10"/>
    </row>
    <row r="814508" spans="14:14">
      <c r="N814508" s="10"/>
    </row>
    <row r="814509" spans="14:14">
      <c r="N814509" s="10"/>
    </row>
    <row r="814510" spans="14:14">
      <c r="N814510" s="10"/>
    </row>
    <row r="814511" spans="14:14">
      <c r="N814511" s="10"/>
    </row>
    <row r="814512" spans="14:14">
      <c r="N814512" s="10"/>
    </row>
    <row r="814513" spans="14:14">
      <c r="N814513" s="10"/>
    </row>
    <row r="814514" spans="14:14">
      <c r="N814514" s="10"/>
    </row>
    <row r="814515" spans="14:14">
      <c r="N814515" s="10"/>
    </row>
    <row r="814516" spans="14:14">
      <c r="N814516" s="10"/>
    </row>
    <row r="814517" spans="14:14">
      <c r="N814517" s="10"/>
    </row>
    <row r="814518" spans="14:14">
      <c r="N814518" s="10"/>
    </row>
    <row r="814519" spans="14:14">
      <c r="N814519" s="10"/>
    </row>
    <row r="814520" spans="14:14">
      <c r="N814520" s="10"/>
    </row>
    <row r="814521" spans="14:14">
      <c r="N814521" s="10"/>
    </row>
    <row r="814522" spans="14:14">
      <c r="N814522" s="10"/>
    </row>
    <row r="814523" spans="14:14">
      <c r="N814523" s="10"/>
    </row>
    <row r="814524" spans="14:14">
      <c r="N814524" s="10"/>
    </row>
    <row r="814525" spans="14:14">
      <c r="N814525" s="10"/>
    </row>
    <row r="814526" spans="14:14">
      <c r="N814526" s="10"/>
    </row>
    <row r="814527" spans="14:14">
      <c r="N814527" s="10"/>
    </row>
    <row r="814528" spans="14:14">
      <c r="N814528" s="10"/>
    </row>
    <row r="814529" spans="14:14">
      <c r="N814529" s="10"/>
    </row>
    <row r="814530" spans="14:14">
      <c r="N814530" s="10"/>
    </row>
    <row r="814531" spans="14:14">
      <c r="N814531" s="10"/>
    </row>
    <row r="814532" spans="14:14">
      <c r="N814532" s="10"/>
    </row>
    <row r="814533" spans="14:14">
      <c r="N814533" s="10"/>
    </row>
    <row r="814534" spans="14:14">
      <c r="N814534" s="10"/>
    </row>
    <row r="814535" spans="14:14">
      <c r="N814535" s="10"/>
    </row>
    <row r="814536" spans="14:14">
      <c r="N814536" s="10"/>
    </row>
    <row r="814537" spans="14:14">
      <c r="N814537" s="10"/>
    </row>
    <row r="814538" spans="14:14">
      <c r="N814538" s="10"/>
    </row>
    <row r="814539" spans="14:14">
      <c r="N814539" s="10"/>
    </row>
    <row r="814540" spans="14:14">
      <c r="N814540" s="10"/>
    </row>
    <row r="814541" spans="14:14">
      <c r="N814541" s="10"/>
    </row>
    <row r="814542" spans="14:14">
      <c r="N814542" s="10"/>
    </row>
    <row r="814543" spans="14:14">
      <c r="N814543" s="10"/>
    </row>
    <row r="814544" spans="14:14">
      <c r="N814544" s="10"/>
    </row>
    <row r="814545" spans="14:14">
      <c r="N814545" s="10"/>
    </row>
    <row r="814546" spans="14:14">
      <c r="N814546" s="10"/>
    </row>
    <row r="814547" spans="14:14">
      <c r="N814547" s="10"/>
    </row>
    <row r="814548" spans="14:14">
      <c r="N814548" s="10"/>
    </row>
    <row r="814549" spans="14:14">
      <c r="N814549" s="10"/>
    </row>
    <row r="814550" spans="14:14">
      <c r="N814550" s="10"/>
    </row>
    <row r="814551" spans="14:14">
      <c r="N814551" s="10"/>
    </row>
    <row r="814552" spans="14:14">
      <c r="N814552" s="10"/>
    </row>
    <row r="814553" spans="14:14">
      <c r="N814553" s="10"/>
    </row>
    <row r="814554" spans="14:14">
      <c r="N814554" s="10"/>
    </row>
    <row r="814555" spans="14:14">
      <c r="N814555" s="10"/>
    </row>
    <row r="814556" spans="14:14">
      <c r="N814556" s="10"/>
    </row>
    <row r="814557" spans="14:14">
      <c r="N814557" s="10"/>
    </row>
    <row r="814558" spans="14:14">
      <c r="N814558" s="10"/>
    </row>
    <row r="814559" spans="14:14">
      <c r="N814559" s="10"/>
    </row>
    <row r="814560" spans="14:14">
      <c r="N814560" s="10"/>
    </row>
    <row r="814561" spans="14:14">
      <c r="N814561" s="10"/>
    </row>
    <row r="814562" spans="14:14">
      <c r="N814562" s="10"/>
    </row>
    <row r="814563" spans="14:14">
      <c r="N814563" s="10"/>
    </row>
    <row r="814564" spans="14:14">
      <c r="N814564" s="10"/>
    </row>
    <row r="814565" spans="14:14">
      <c r="N814565" s="10"/>
    </row>
    <row r="814566" spans="14:14">
      <c r="N814566" s="10"/>
    </row>
    <row r="814567" spans="14:14">
      <c r="N814567" s="10"/>
    </row>
    <row r="814568" spans="14:14">
      <c r="N814568" s="10"/>
    </row>
    <row r="814569" spans="14:14">
      <c r="N814569" s="10"/>
    </row>
    <row r="814570" spans="14:14">
      <c r="N814570" s="10"/>
    </row>
    <row r="814571" spans="14:14">
      <c r="N814571" s="10"/>
    </row>
    <row r="814572" spans="14:14">
      <c r="N814572" s="10"/>
    </row>
    <row r="814573" spans="14:14">
      <c r="N814573" s="10"/>
    </row>
    <row r="814574" spans="14:14">
      <c r="N814574" s="10"/>
    </row>
    <row r="814575" spans="14:14">
      <c r="N814575" s="10"/>
    </row>
    <row r="814576" spans="14:14">
      <c r="N814576" s="10"/>
    </row>
    <row r="814577" spans="14:14">
      <c r="N814577" s="10"/>
    </row>
    <row r="814578" spans="14:14">
      <c r="N814578" s="10"/>
    </row>
    <row r="814579" spans="14:14">
      <c r="N814579" s="10"/>
    </row>
    <row r="814580" spans="14:14">
      <c r="N814580" s="10"/>
    </row>
    <row r="814581" spans="14:14">
      <c r="N814581" s="10"/>
    </row>
    <row r="814582" spans="14:14">
      <c r="N814582" s="10"/>
    </row>
    <row r="814583" spans="14:14">
      <c r="N814583" s="10"/>
    </row>
    <row r="814584" spans="14:14">
      <c r="N814584" s="10"/>
    </row>
    <row r="814585" spans="14:14">
      <c r="N814585" s="10"/>
    </row>
    <row r="814586" spans="14:14">
      <c r="N814586" s="10"/>
    </row>
    <row r="814587" spans="14:14">
      <c r="N814587" s="10"/>
    </row>
    <row r="814588" spans="14:14">
      <c r="N814588" s="10"/>
    </row>
    <row r="814589" spans="14:14">
      <c r="N814589" s="10"/>
    </row>
    <row r="814590" spans="14:14">
      <c r="N814590" s="10"/>
    </row>
    <row r="814591" spans="14:14">
      <c r="N814591" s="10"/>
    </row>
    <row r="814592" spans="14:14">
      <c r="N814592" s="10"/>
    </row>
    <row r="814593" spans="14:14">
      <c r="N814593" s="10"/>
    </row>
    <row r="814594" spans="14:14">
      <c r="N814594" s="10"/>
    </row>
    <row r="814595" spans="14:14">
      <c r="N814595" s="10"/>
    </row>
    <row r="814596" spans="14:14">
      <c r="N814596" s="10"/>
    </row>
    <row r="814597" spans="14:14">
      <c r="N814597" s="10"/>
    </row>
    <row r="814598" spans="14:14">
      <c r="N814598" s="10"/>
    </row>
    <row r="814599" spans="14:14">
      <c r="N814599" s="10"/>
    </row>
    <row r="814600" spans="14:14">
      <c r="N814600" s="10"/>
    </row>
    <row r="814601" spans="14:14">
      <c r="N814601" s="10"/>
    </row>
    <row r="814602" spans="14:14">
      <c r="N814602" s="10"/>
    </row>
    <row r="814603" spans="14:14">
      <c r="N814603" s="10"/>
    </row>
    <row r="814604" spans="14:14">
      <c r="N814604" s="10"/>
    </row>
    <row r="814605" spans="14:14">
      <c r="N814605" s="10"/>
    </row>
    <row r="814606" spans="14:14">
      <c r="N814606" s="10"/>
    </row>
    <row r="814607" spans="14:14">
      <c r="N814607" s="10"/>
    </row>
    <row r="814608" spans="14:14">
      <c r="N814608" s="10"/>
    </row>
    <row r="814609" spans="14:14">
      <c r="N814609" s="10"/>
    </row>
    <row r="814610" spans="14:14">
      <c r="N814610" s="10"/>
    </row>
    <row r="814611" spans="14:14">
      <c r="N814611" s="10"/>
    </row>
    <row r="814612" spans="14:14">
      <c r="N814612" s="10"/>
    </row>
    <row r="814613" spans="14:14">
      <c r="N814613" s="10"/>
    </row>
    <row r="814614" spans="14:14">
      <c r="N814614" s="10"/>
    </row>
    <row r="814615" spans="14:14">
      <c r="N814615" s="10"/>
    </row>
    <row r="814616" spans="14:14">
      <c r="N814616" s="10"/>
    </row>
    <row r="814617" spans="14:14">
      <c r="N814617" s="10"/>
    </row>
    <row r="814618" spans="14:14">
      <c r="N814618" s="10"/>
    </row>
    <row r="814619" spans="14:14">
      <c r="N814619" s="10"/>
    </row>
    <row r="814620" spans="14:14">
      <c r="N814620" s="10"/>
    </row>
    <row r="814621" spans="14:14">
      <c r="N814621" s="10"/>
    </row>
    <row r="814622" spans="14:14">
      <c r="N814622" s="10"/>
    </row>
    <row r="814623" spans="14:14">
      <c r="N814623" s="10"/>
    </row>
    <row r="814624" spans="14:14">
      <c r="N814624" s="10"/>
    </row>
    <row r="814625" spans="14:14">
      <c r="N814625" s="10"/>
    </row>
    <row r="814626" spans="14:14">
      <c r="N814626" s="10"/>
    </row>
    <row r="814627" spans="14:14">
      <c r="N814627" s="10"/>
    </row>
    <row r="814628" spans="14:14">
      <c r="N814628" s="10"/>
    </row>
    <row r="814629" spans="14:14">
      <c r="N814629" s="10"/>
    </row>
    <row r="814630" spans="14:14">
      <c r="N814630" s="10"/>
    </row>
    <row r="814631" spans="14:14">
      <c r="N814631" s="10"/>
    </row>
    <row r="814632" spans="14:14">
      <c r="N814632" s="10"/>
    </row>
    <row r="814633" spans="14:14">
      <c r="N814633" s="10"/>
    </row>
    <row r="814634" spans="14:14">
      <c r="N814634" s="10"/>
    </row>
    <row r="814635" spans="14:14">
      <c r="N814635" s="10"/>
    </row>
    <row r="814636" spans="14:14">
      <c r="N814636" s="10"/>
    </row>
    <row r="814637" spans="14:14">
      <c r="N814637" s="10"/>
    </row>
    <row r="814638" spans="14:14">
      <c r="N814638" s="10"/>
    </row>
    <row r="814639" spans="14:14">
      <c r="N814639" s="10"/>
    </row>
    <row r="814640" spans="14:14">
      <c r="N814640" s="10"/>
    </row>
    <row r="814641" spans="14:14">
      <c r="N814641" s="10"/>
    </row>
    <row r="814642" spans="14:14">
      <c r="N814642" s="10"/>
    </row>
    <row r="814643" spans="14:14">
      <c r="N814643" s="10"/>
    </row>
    <row r="814644" spans="14:14">
      <c r="N814644" s="10"/>
    </row>
    <row r="814645" spans="14:14">
      <c r="N814645" s="10"/>
    </row>
    <row r="814646" spans="14:14">
      <c r="N814646" s="10"/>
    </row>
    <row r="814647" spans="14:14">
      <c r="N814647" s="10"/>
    </row>
    <row r="814648" spans="14:14">
      <c r="N814648" s="10"/>
    </row>
    <row r="814649" spans="14:14">
      <c r="N814649" s="10"/>
    </row>
    <row r="814650" spans="14:14">
      <c r="N814650" s="10"/>
    </row>
    <row r="814651" spans="14:14">
      <c r="N814651" s="10"/>
    </row>
    <row r="814652" spans="14:14">
      <c r="N814652" s="10"/>
    </row>
    <row r="814653" spans="14:14">
      <c r="N814653" s="10"/>
    </row>
    <row r="814654" spans="14:14">
      <c r="N814654" s="10"/>
    </row>
    <row r="814655" spans="14:14">
      <c r="N814655" s="10"/>
    </row>
    <row r="814656" spans="14:14">
      <c r="N814656" s="10"/>
    </row>
    <row r="814657" spans="14:14">
      <c r="N814657" s="10"/>
    </row>
    <row r="814658" spans="14:14">
      <c r="N814658" s="10"/>
    </row>
    <row r="814659" spans="14:14">
      <c r="N814659" s="10"/>
    </row>
    <row r="814660" spans="14:14">
      <c r="N814660" s="10"/>
    </row>
    <row r="814661" spans="14:14">
      <c r="N814661" s="10"/>
    </row>
    <row r="814662" spans="14:14">
      <c r="N814662" s="10"/>
    </row>
    <row r="814663" spans="14:14">
      <c r="N814663" s="10"/>
    </row>
    <row r="814664" spans="14:14">
      <c r="N814664" s="10"/>
    </row>
    <row r="814665" spans="14:14">
      <c r="N814665" s="10"/>
    </row>
    <row r="814666" spans="14:14">
      <c r="N814666" s="10"/>
    </row>
    <row r="814667" spans="14:14">
      <c r="N814667" s="10"/>
    </row>
    <row r="814668" spans="14:14">
      <c r="N814668" s="10"/>
    </row>
    <row r="814669" spans="14:14">
      <c r="N814669" s="10"/>
    </row>
    <row r="814670" spans="14:14">
      <c r="N814670" s="10"/>
    </row>
    <row r="814671" spans="14:14">
      <c r="N814671" s="10"/>
    </row>
    <row r="814672" spans="14:14">
      <c r="N814672" s="10"/>
    </row>
    <row r="814673" spans="14:14">
      <c r="N814673" s="10"/>
    </row>
    <row r="814674" spans="14:14">
      <c r="N814674" s="10"/>
    </row>
    <row r="814675" spans="14:14">
      <c r="N814675" s="10"/>
    </row>
    <row r="814676" spans="14:14">
      <c r="N814676" s="10"/>
    </row>
    <row r="814677" spans="14:14">
      <c r="N814677" s="10"/>
    </row>
    <row r="814678" spans="14:14">
      <c r="N814678" s="10"/>
    </row>
    <row r="814679" spans="14:14">
      <c r="N814679" s="10"/>
    </row>
    <row r="814680" spans="14:14">
      <c r="N814680" s="10"/>
    </row>
    <row r="814681" spans="14:14">
      <c r="N814681" s="10"/>
    </row>
    <row r="814682" spans="14:14">
      <c r="N814682" s="10"/>
    </row>
    <row r="814683" spans="14:14">
      <c r="N814683" s="10"/>
    </row>
    <row r="814684" spans="14:14">
      <c r="N814684" s="10"/>
    </row>
    <row r="814685" spans="14:14">
      <c r="N814685" s="10"/>
    </row>
    <row r="814686" spans="14:14">
      <c r="N814686" s="10"/>
    </row>
    <row r="814687" spans="14:14">
      <c r="N814687" s="10"/>
    </row>
    <row r="814688" spans="14:14">
      <c r="N814688" s="10"/>
    </row>
    <row r="814689" spans="14:14">
      <c r="N814689" s="10"/>
    </row>
    <row r="814690" spans="14:14">
      <c r="N814690" s="10"/>
    </row>
    <row r="814691" spans="14:14">
      <c r="N814691" s="10"/>
    </row>
    <row r="814692" spans="14:14">
      <c r="N814692" s="10"/>
    </row>
    <row r="814693" spans="14:14">
      <c r="N814693" s="10"/>
    </row>
    <row r="814694" spans="14:14">
      <c r="N814694" s="10"/>
    </row>
    <row r="814695" spans="14:14">
      <c r="N814695" s="10"/>
    </row>
    <row r="814696" spans="14:14">
      <c r="N814696" s="10"/>
    </row>
    <row r="814697" spans="14:14">
      <c r="N814697" s="10"/>
    </row>
    <row r="814698" spans="14:14">
      <c r="N814698" s="10"/>
    </row>
    <row r="814699" spans="14:14">
      <c r="N814699" s="10"/>
    </row>
    <row r="814700" spans="14:14">
      <c r="N814700" s="10"/>
    </row>
    <row r="814701" spans="14:14">
      <c r="N814701" s="10"/>
    </row>
    <row r="814702" spans="14:14">
      <c r="N814702" s="10"/>
    </row>
    <row r="814703" spans="14:14">
      <c r="N814703" s="10"/>
    </row>
    <row r="814704" spans="14:14">
      <c r="N814704" s="10"/>
    </row>
    <row r="814705" spans="14:14">
      <c r="N814705" s="10"/>
    </row>
    <row r="814706" spans="14:14">
      <c r="N814706" s="10"/>
    </row>
    <row r="814707" spans="14:14">
      <c r="N814707" s="10"/>
    </row>
    <row r="814708" spans="14:14">
      <c r="N814708" s="10"/>
    </row>
    <row r="814709" spans="14:14">
      <c r="N814709" s="10"/>
    </row>
    <row r="814710" spans="14:14">
      <c r="N814710" s="10"/>
    </row>
    <row r="814711" spans="14:14">
      <c r="N814711" s="10"/>
    </row>
    <row r="814712" spans="14:14">
      <c r="N814712" s="10"/>
    </row>
    <row r="814713" spans="14:14">
      <c r="N814713" s="10"/>
    </row>
    <row r="814714" spans="14:14">
      <c r="N814714" s="10"/>
    </row>
    <row r="814715" spans="14:14">
      <c r="N814715" s="10"/>
    </row>
    <row r="814716" spans="14:14">
      <c r="N814716" s="10"/>
    </row>
    <row r="814717" spans="14:14">
      <c r="N814717" s="10"/>
    </row>
    <row r="814718" spans="14:14">
      <c r="N814718" s="10"/>
    </row>
    <row r="814719" spans="14:14">
      <c r="N814719" s="10"/>
    </row>
    <row r="814720" spans="14:14">
      <c r="N814720" s="10"/>
    </row>
    <row r="814721" spans="14:14">
      <c r="N814721" s="10"/>
    </row>
    <row r="814722" spans="14:14">
      <c r="N814722" s="10"/>
    </row>
    <row r="814723" spans="14:14">
      <c r="N814723" s="10"/>
    </row>
    <row r="814724" spans="14:14">
      <c r="N814724" s="10"/>
    </row>
    <row r="814725" spans="14:14">
      <c r="N814725" s="10"/>
    </row>
    <row r="814726" spans="14:14">
      <c r="N814726" s="10"/>
    </row>
    <row r="814727" spans="14:14">
      <c r="N814727" s="10"/>
    </row>
    <row r="814728" spans="14:14">
      <c r="N814728" s="10"/>
    </row>
    <row r="814729" spans="14:14">
      <c r="N814729" s="10"/>
    </row>
    <row r="814730" spans="14:14">
      <c r="N814730" s="10"/>
    </row>
    <row r="814731" spans="14:14">
      <c r="N814731" s="10"/>
    </row>
    <row r="814732" spans="14:14">
      <c r="N814732" s="10"/>
    </row>
    <row r="814733" spans="14:14">
      <c r="N814733" s="10"/>
    </row>
    <row r="814734" spans="14:14">
      <c r="N814734" s="10"/>
    </row>
    <row r="814735" spans="14:14">
      <c r="N814735" s="10"/>
    </row>
    <row r="814736" spans="14:14">
      <c r="N814736" s="10"/>
    </row>
    <row r="814737" spans="14:14">
      <c r="N814737" s="10"/>
    </row>
    <row r="814738" spans="14:14">
      <c r="N814738" s="10"/>
    </row>
    <row r="814739" spans="14:14">
      <c r="N814739" s="10"/>
    </row>
    <row r="814740" spans="14:14">
      <c r="N814740" s="10"/>
    </row>
    <row r="814741" spans="14:14">
      <c r="N814741" s="10"/>
    </row>
    <row r="814742" spans="14:14">
      <c r="N814742" s="10"/>
    </row>
    <row r="814743" spans="14:14">
      <c r="N814743" s="10"/>
    </row>
    <row r="814744" spans="14:14">
      <c r="N814744" s="10"/>
    </row>
    <row r="814745" spans="14:14">
      <c r="N814745" s="10"/>
    </row>
    <row r="814746" spans="14:14">
      <c r="N814746" s="10"/>
    </row>
    <row r="814747" spans="14:14">
      <c r="N814747" s="10"/>
    </row>
    <row r="814748" spans="14:14">
      <c r="N814748" s="10"/>
    </row>
    <row r="814749" spans="14:14">
      <c r="N814749" s="10"/>
    </row>
    <row r="814750" spans="14:14">
      <c r="N814750" s="10"/>
    </row>
    <row r="814751" spans="14:14">
      <c r="N814751" s="10"/>
    </row>
    <row r="814752" spans="14:14">
      <c r="N814752" s="10"/>
    </row>
    <row r="814753" spans="14:14">
      <c r="N814753" s="10"/>
    </row>
    <row r="814754" spans="14:14">
      <c r="N814754" s="10"/>
    </row>
    <row r="814755" spans="14:14">
      <c r="N814755" s="10"/>
    </row>
    <row r="814756" spans="14:14">
      <c r="N814756" s="10"/>
    </row>
    <row r="814757" spans="14:14">
      <c r="N814757" s="10"/>
    </row>
    <row r="814758" spans="14:14">
      <c r="N814758" s="10"/>
    </row>
    <row r="814759" spans="14:14">
      <c r="N814759" s="10"/>
    </row>
    <row r="814760" spans="14:14">
      <c r="N814760" s="10"/>
    </row>
    <row r="814761" spans="14:14">
      <c r="N814761" s="10"/>
    </row>
    <row r="814762" spans="14:14">
      <c r="N814762" s="10"/>
    </row>
    <row r="814763" spans="14:14">
      <c r="N814763" s="10"/>
    </row>
    <row r="814764" spans="14:14">
      <c r="N814764" s="10"/>
    </row>
    <row r="814765" spans="14:14">
      <c r="N814765" s="10"/>
    </row>
    <row r="814766" spans="14:14">
      <c r="N814766" s="10"/>
    </row>
    <row r="814767" spans="14:14">
      <c r="N814767" s="10"/>
    </row>
    <row r="814768" spans="14:14">
      <c r="N814768" s="10"/>
    </row>
    <row r="814769" spans="14:14">
      <c r="N814769" s="10"/>
    </row>
    <row r="814770" spans="14:14">
      <c r="N814770" s="10"/>
    </row>
    <row r="814771" spans="14:14">
      <c r="N814771" s="10"/>
    </row>
    <row r="814772" spans="14:14">
      <c r="N814772" s="10"/>
    </row>
    <row r="814773" spans="14:14">
      <c r="N814773" s="10"/>
    </row>
    <row r="814774" spans="14:14">
      <c r="N814774" s="10"/>
    </row>
    <row r="814775" spans="14:14">
      <c r="N814775" s="10"/>
    </row>
    <row r="814776" spans="14:14">
      <c r="N814776" s="10"/>
    </row>
    <row r="814777" spans="14:14">
      <c r="N814777" s="10"/>
    </row>
    <row r="814778" spans="14:14">
      <c r="N814778" s="10"/>
    </row>
    <row r="814779" spans="14:14">
      <c r="N814779" s="10"/>
    </row>
    <row r="814780" spans="14:14">
      <c r="N814780" s="10"/>
    </row>
    <row r="814781" spans="14:14">
      <c r="N814781" s="10"/>
    </row>
    <row r="814782" spans="14:14">
      <c r="N814782" s="10"/>
    </row>
    <row r="814783" spans="14:14">
      <c r="N814783" s="10"/>
    </row>
    <row r="814784" spans="14:14">
      <c r="N814784" s="10"/>
    </row>
    <row r="814785" spans="14:14">
      <c r="N814785" s="10"/>
    </row>
    <row r="814786" spans="14:14">
      <c r="N814786" s="10"/>
    </row>
    <row r="814787" spans="14:14">
      <c r="N814787" s="10"/>
    </row>
    <row r="814788" spans="14:14">
      <c r="N814788" s="10"/>
    </row>
    <row r="814789" spans="14:14">
      <c r="N814789" s="10"/>
    </row>
    <row r="814790" spans="14:14">
      <c r="N814790" s="10"/>
    </row>
    <row r="814791" spans="14:14">
      <c r="N814791" s="10"/>
    </row>
    <row r="814792" spans="14:14">
      <c r="N814792" s="10"/>
    </row>
    <row r="814793" spans="14:14">
      <c r="N814793" s="10"/>
    </row>
    <row r="814794" spans="14:14">
      <c r="N814794" s="10"/>
    </row>
    <row r="814795" spans="14:14">
      <c r="N814795" s="10"/>
    </row>
    <row r="814796" spans="14:14">
      <c r="N814796" s="10"/>
    </row>
    <row r="814797" spans="14:14">
      <c r="N814797" s="10"/>
    </row>
    <row r="814798" spans="14:14">
      <c r="N814798" s="10"/>
    </row>
    <row r="814799" spans="14:14">
      <c r="N814799" s="10"/>
    </row>
    <row r="814800" spans="14:14">
      <c r="N814800" s="10"/>
    </row>
    <row r="814801" spans="14:14">
      <c r="N814801" s="10"/>
    </row>
    <row r="814802" spans="14:14">
      <c r="N814802" s="10"/>
    </row>
    <row r="814803" spans="14:14">
      <c r="N814803" s="10"/>
    </row>
    <row r="814804" spans="14:14">
      <c r="N814804" s="10"/>
    </row>
    <row r="814805" spans="14:14">
      <c r="N814805" s="10"/>
    </row>
    <row r="814806" spans="14:14">
      <c r="N814806" s="10"/>
    </row>
    <row r="814807" spans="14:14">
      <c r="N814807" s="10"/>
    </row>
    <row r="814808" spans="14:14">
      <c r="N814808" s="10"/>
    </row>
    <row r="814809" spans="14:14">
      <c r="N814809" s="10"/>
    </row>
    <row r="814810" spans="14:14">
      <c r="N814810" s="10"/>
    </row>
    <row r="814811" spans="14:14">
      <c r="N814811" s="10"/>
    </row>
    <row r="814812" spans="14:14">
      <c r="N814812" s="10"/>
    </row>
    <row r="814813" spans="14:14">
      <c r="N814813" s="10"/>
    </row>
    <row r="814814" spans="14:14">
      <c r="N814814" s="10"/>
    </row>
    <row r="814815" spans="14:14">
      <c r="N814815" s="10"/>
    </row>
    <row r="814816" spans="14:14">
      <c r="N814816" s="10"/>
    </row>
    <row r="814817" spans="14:14">
      <c r="N814817" s="10"/>
    </row>
    <row r="814818" spans="14:14">
      <c r="N814818" s="10"/>
    </row>
    <row r="814819" spans="14:14">
      <c r="N814819" s="10"/>
    </row>
    <row r="814820" spans="14:14">
      <c r="N814820" s="10"/>
    </row>
    <row r="814821" spans="14:14">
      <c r="N814821" s="10"/>
    </row>
    <row r="814822" spans="14:14">
      <c r="N814822" s="10"/>
    </row>
    <row r="814823" spans="14:14">
      <c r="N814823" s="10"/>
    </row>
    <row r="814824" spans="14:14">
      <c r="N814824" s="10"/>
    </row>
    <row r="814825" spans="14:14">
      <c r="N814825" s="10"/>
    </row>
    <row r="814826" spans="14:14">
      <c r="N814826" s="10"/>
    </row>
    <row r="814827" spans="14:14">
      <c r="N814827" s="10"/>
    </row>
    <row r="814828" spans="14:14">
      <c r="N814828" s="10"/>
    </row>
    <row r="814829" spans="14:14">
      <c r="N814829" s="10"/>
    </row>
    <row r="814830" spans="14:14">
      <c r="N814830" s="10"/>
    </row>
    <row r="814831" spans="14:14">
      <c r="N814831" s="10"/>
    </row>
    <row r="814832" spans="14:14">
      <c r="N814832" s="10"/>
    </row>
    <row r="814833" spans="14:14">
      <c r="N814833" s="10"/>
    </row>
    <row r="814834" spans="14:14">
      <c r="N814834" s="10"/>
    </row>
    <row r="814835" spans="14:14">
      <c r="N814835" s="10"/>
    </row>
    <row r="814836" spans="14:14">
      <c r="N814836" s="10"/>
    </row>
    <row r="814837" spans="14:14">
      <c r="N814837" s="10"/>
    </row>
    <row r="814838" spans="14:14">
      <c r="N814838" s="10"/>
    </row>
    <row r="814839" spans="14:14">
      <c r="N814839" s="10"/>
    </row>
    <row r="814840" spans="14:14">
      <c r="N814840" s="10"/>
    </row>
    <row r="814841" spans="14:14">
      <c r="N814841" s="10"/>
    </row>
    <row r="814842" spans="14:14">
      <c r="N814842" s="10"/>
    </row>
    <row r="814843" spans="14:14">
      <c r="N814843" s="10"/>
    </row>
    <row r="814844" spans="14:14">
      <c r="N814844" s="10"/>
    </row>
    <row r="814845" spans="14:14">
      <c r="N814845" s="10"/>
    </row>
    <row r="814846" spans="14:14">
      <c r="N814846" s="10"/>
    </row>
    <row r="814847" spans="14:14">
      <c r="N814847" s="10"/>
    </row>
    <row r="814848" spans="14:14">
      <c r="N814848" s="10"/>
    </row>
    <row r="814849" spans="14:14">
      <c r="N814849" s="10"/>
    </row>
    <row r="814850" spans="14:14">
      <c r="N814850" s="10"/>
    </row>
    <row r="814851" spans="14:14">
      <c r="N814851" s="10"/>
    </row>
    <row r="814852" spans="14:14">
      <c r="N814852" s="10"/>
    </row>
    <row r="814853" spans="14:14">
      <c r="N814853" s="10"/>
    </row>
    <row r="814854" spans="14:14">
      <c r="N814854" s="10"/>
    </row>
    <row r="814855" spans="14:14">
      <c r="N814855" s="10"/>
    </row>
    <row r="814856" spans="14:14">
      <c r="N814856" s="10"/>
    </row>
    <row r="814857" spans="14:14">
      <c r="N814857" s="10"/>
    </row>
    <row r="814858" spans="14:14">
      <c r="N814858" s="10"/>
    </row>
    <row r="814859" spans="14:14">
      <c r="N814859" s="10"/>
    </row>
    <row r="814860" spans="14:14">
      <c r="N814860" s="10"/>
    </row>
    <row r="814861" spans="14:14">
      <c r="N814861" s="10"/>
    </row>
    <row r="814862" spans="14:14">
      <c r="N814862" s="10"/>
    </row>
    <row r="814863" spans="14:14">
      <c r="N814863" s="10"/>
    </row>
    <row r="814864" spans="14:14">
      <c r="N814864" s="10"/>
    </row>
    <row r="814865" spans="14:14">
      <c r="N814865" s="10"/>
    </row>
    <row r="814866" spans="14:14">
      <c r="N814866" s="10"/>
    </row>
    <row r="814867" spans="14:14">
      <c r="N814867" s="10"/>
    </row>
    <row r="814868" spans="14:14">
      <c r="N814868" s="10"/>
    </row>
    <row r="814869" spans="14:14">
      <c r="N814869" s="10"/>
    </row>
    <row r="814870" spans="14:14">
      <c r="N814870" s="10"/>
    </row>
    <row r="814871" spans="14:14">
      <c r="N814871" s="10"/>
    </row>
    <row r="814872" spans="14:14">
      <c r="N814872" s="10"/>
    </row>
    <row r="814873" spans="14:14">
      <c r="N814873" s="10"/>
    </row>
    <row r="814874" spans="14:14">
      <c r="N814874" s="10"/>
    </row>
    <row r="814875" spans="14:14">
      <c r="N814875" s="10"/>
    </row>
    <row r="814876" spans="14:14">
      <c r="N814876" s="10"/>
    </row>
    <row r="814877" spans="14:14">
      <c r="N814877" s="10"/>
    </row>
    <row r="814878" spans="14:14">
      <c r="N814878" s="10"/>
    </row>
    <row r="814879" spans="14:14">
      <c r="N814879" s="10"/>
    </row>
    <row r="814880" spans="14:14">
      <c r="N814880" s="10"/>
    </row>
    <row r="814881" spans="14:14">
      <c r="N814881" s="10"/>
    </row>
    <row r="814882" spans="14:14">
      <c r="N814882" s="10"/>
    </row>
    <row r="814883" spans="14:14">
      <c r="N814883" s="10"/>
    </row>
    <row r="814884" spans="14:14">
      <c r="N814884" s="10"/>
    </row>
    <row r="814885" spans="14:14">
      <c r="N814885" s="10"/>
    </row>
    <row r="814886" spans="14:14">
      <c r="N814886" s="10"/>
    </row>
    <row r="814887" spans="14:14">
      <c r="N814887" s="10"/>
    </row>
    <row r="814888" spans="14:14">
      <c r="N814888" s="10"/>
    </row>
    <row r="814889" spans="14:14">
      <c r="N814889" s="10"/>
    </row>
    <row r="814890" spans="14:14">
      <c r="N814890" s="10"/>
    </row>
    <row r="814891" spans="14:14">
      <c r="N814891" s="10"/>
    </row>
    <row r="814892" spans="14:14">
      <c r="N814892" s="10"/>
    </row>
    <row r="814893" spans="14:14">
      <c r="N814893" s="10"/>
    </row>
    <row r="814894" spans="14:14">
      <c r="N814894" s="10"/>
    </row>
    <row r="814895" spans="14:14">
      <c r="N814895" s="10"/>
    </row>
    <row r="814896" spans="14:14">
      <c r="N814896" s="10"/>
    </row>
    <row r="814897" spans="14:14">
      <c r="N814897" s="10"/>
    </row>
    <row r="814898" spans="14:14">
      <c r="N814898" s="10"/>
    </row>
    <row r="814899" spans="14:14">
      <c r="N814899" s="10"/>
    </row>
    <row r="814900" spans="14:14">
      <c r="N814900" s="10"/>
    </row>
    <row r="814901" spans="14:14">
      <c r="N814901" s="10"/>
    </row>
    <row r="814902" spans="14:14">
      <c r="N814902" s="10"/>
    </row>
    <row r="814903" spans="14:14">
      <c r="N814903" s="10"/>
    </row>
    <row r="814904" spans="14:14">
      <c r="N814904" s="10"/>
    </row>
    <row r="814905" spans="14:14">
      <c r="N814905" s="10"/>
    </row>
    <row r="814906" spans="14:14">
      <c r="N814906" s="10"/>
    </row>
    <row r="814907" spans="14:14">
      <c r="N814907" s="10"/>
    </row>
    <row r="814908" spans="14:14">
      <c r="N814908" s="10"/>
    </row>
    <row r="814909" spans="14:14">
      <c r="N814909" s="10"/>
    </row>
    <row r="814910" spans="14:14">
      <c r="N814910" s="10"/>
    </row>
    <row r="814911" spans="14:14">
      <c r="N814911" s="10"/>
    </row>
    <row r="814912" spans="14:14">
      <c r="N814912" s="10"/>
    </row>
    <row r="814913" spans="14:14">
      <c r="N814913" s="10"/>
    </row>
    <row r="814914" spans="14:14">
      <c r="N814914" s="10"/>
    </row>
    <row r="814915" spans="14:14">
      <c r="N814915" s="10"/>
    </row>
    <row r="814916" spans="14:14">
      <c r="N814916" s="10"/>
    </row>
    <row r="814917" spans="14:14">
      <c r="N814917" s="10"/>
    </row>
    <row r="814918" spans="14:14">
      <c r="N814918" s="10"/>
    </row>
    <row r="814919" spans="14:14">
      <c r="N814919" s="10"/>
    </row>
    <row r="814920" spans="14:14">
      <c r="N814920" s="10"/>
    </row>
    <row r="814921" spans="14:14">
      <c r="N814921" s="10"/>
    </row>
    <row r="814922" spans="14:14">
      <c r="N814922" s="10"/>
    </row>
    <row r="814923" spans="14:14">
      <c r="N814923" s="10"/>
    </row>
    <row r="814924" spans="14:14">
      <c r="N814924" s="10"/>
    </row>
    <row r="814925" spans="14:14">
      <c r="N814925" s="10"/>
    </row>
    <row r="814926" spans="14:14">
      <c r="N814926" s="10"/>
    </row>
    <row r="814927" spans="14:14">
      <c r="N814927" s="10"/>
    </row>
    <row r="814928" spans="14:14">
      <c r="N814928" s="10"/>
    </row>
    <row r="814929" spans="14:14">
      <c r="N814929" s="10"/>
    </row>
    <row r="814930" spans="14:14">
      <c r="N814930" s="10"/>
    </row>
    <row r="814931" spans="14:14">
      <c r="N814931" s="10"/>
    </row>
    <row r="814932" spans="14:14">
      <c r="N814932" s="10"/>
    </row>
    <row r="814933" spans="14:14">
      <c r="N814933" s="10"/>
    </row>
    <row r="814934" spans="14:14">
      <c r="N814934" s="10"/>
    </row>
    <row r="814935" spans="14:14">
      <c r="N814935" s="10"/>
    </row>
    <row r="814936" spans="14:14">
      <c r="N814936" s="10"/>
    </row>
    <row r="814937" spans="14:14">
      <c r="N814937" s="10"/>
    </row>
    <row r="814938" spans="14:14">
      <c r="N814938" s="10"/>
    </row>
    <row r="814939" spans="14:14">
      <c r="N814939" s="10"/>
    </row>
    <row r="814940" spans="14:14">
      <c r="N814940" s="10"/>
    </row>
    <row r="814941" spans="14:14">
      <c r="N814941" s="10"/>
    </row>
    <row r="814942" spans="14:14">
      <c r="N814942" s="10"/>
    </row>
    <row r="814943" spans="14:14">
      <c r="N814943" s="10"/>
    </row>
    <row r="814944" spans="14:14">
      <c r="N814944" s="10"/>
    </row>
    <row r="814945" spans="14:14">
      <c r="N814945" s="10"/>
    </row>
    <row r="814946" spans="14:14">
      <c r="N814946" s="10"/>
    </row>
    <row r="814947" spans="14:14">
      <c r="N814947" s="10"/>
    </row>
    <row r="814948" spans="14:14">
      <c r="N814948" s="10"/>
    </row>
    <row r="814949" spans="14:14">
      <c r="N814949" s="10"/>
    </row>
    <row r="814950" spans="14:14">
      <c r="N814950" s="10"/>
    </row>
    <row r="814951" spans="14:14">
      <c r="N814951" s="10"/>
    </row>
    <row r="814952" spans="14:14">
      <c r="N814952" s="10"/>
    </row>
    <row r="814953" spans="14:14">
      <c r="N814953" s="10"/>
    </row>
    <row r="814954" spans="14:14">
      <c r="N814954" s="10"/>
    </row>
    <row r="814955" spans="14:14">
      <c r="N814955" s="10"/>
    </row>
    <row r="814956" spans="14:14">
      <c r="N814956" s="10"/>
    </row>
    <row r="814957" spans="14:14">
      <c r="N814957" s="10"/>
    </row>
    <row r="814958" spans="14:14">
      <c r="N814958" s="10"/>
    </row>
    <row r="814959" spans="14:14">
      <c r="N814959" s="10"/>
    </row>
    <row r="814960" spans="14:14">
      <c r="N814960" s="10"/>
    </row>
    <row r="814961" spans="14:14">
      <c r="N814961" s="10"/>
    </row>
    <row r="814962" spans="14:14">
      <c r="N814962" s="10"/>
    </row>
    <row r="814963" spans="14:14">
      <c r="N814963" s="10"/>
    </row>
    <row r="814964" spans="14:14">
      <c r="N814964" s="10"/>
    </row>
    <row r="814965" spans="14:14">
      <c r="N814965" s="10"/>
    </row>
    <row r="814966" spans="14:14">
      <c r="N814966" s="10"/>
    </row>
    <row r="814967" spans="14:14">
      <c r="N814967" s="10"/>
    </row>
    <row r="814968" spans="14:14">
      <c r="N814968" s="10"/>
    </row>
    <row r="814969" spans="14:14">
      <c r="N814969" s="10"/>
    </row>
    <row r="814970" spans="14:14">
      <c r="N814970" s="10"/>
    </row>
    <row r="814971" spans="14:14">
      <c r="N814971" s="10"/>
    </row>
    <row r="814972" spans="14:14">
      <c r="N814972" s="10"/>
    </row>
    <row r="814973" spans="14:14">
      <c r="N814973" s="10"/>
    </row>
    <row r="814974" spans="14:14">
      <c r="N814974" s="10"/>
    </row>
    <row r="814975" spans="14:14">
      <c r="N814975" s="10"/>
    </row>
    <row r="814976" spans="14:14">
      <c r="N814976" s="10"/>
    </row>
    <row r="814977" spans="14:14">
      <c r="N814977" s="10"/>
    </row>
    <row r="814978" spans="14:14">
      <c r="N814978" s="10"/>
    </row>
    <row r="814979" spans="14:14">
      <c r="N814979" s="10"/>
    </row>
    <row r="814980" spans="14:14">
      <c r="N814980" s="10"/>
    </row>
    <row r="814981" spans="14:14">
      <c r="N814981" s="10"/>
    </row>
    <row r="814982" spans="14:14">
      <c r="N814982" s="10"/>
    </row>
    <row r="814983" spans="14:14">
      <c r="N814983" s="10"/>
    </row>
    <row r="814984" spans="14:14">
      <c r="N814984" s="10"/>
    </row>
    <row r="814985" spans="14:14">
      <c r="N814985" s="10"/>
    </row>
    <row r="814986" spans="14:14">
      <c r="N814986" s="10"/>
    </row>
    <row r="814987" spans="14:14">
      <c r="N814987" s="10"/>
    </row>
    <row r="814988" spans="14:14">
      <c r="N814988" s="10"/>
    </row>
    <row r="814989" spans="14:14">
      <c r="N814989" s="10"/>
    </row>
    <row r="814990" spans="14:14">
      <c r="N814990" s="10"/>
    </row>
    <row r="814991" spans="14:14">
      <c r="N814991" s="10"/>
    </row>
    <row r="814992" spans="14:14">
      <c r="N814992" s="10"/>
    </row>
    <row r="814993" spans="14:14">
      <c r="N814993" s="10"/>
    </row>
    <row r="814994" spans="14:14">
      <c r="N814994" s="10"/>
    </row>
    <row r="814995" spans="14:14">
      <c r="N814995" s="10"/>
    </row>
    <row r="814996" spans="14:14">
      <c r="N814996" s="10"/>
    </row>
    <row r="814997" spans="14:14">
      <c r="N814997" s="10"/>
    </row>
    <row r="814998" spans="14:14">
      <c r="N814998" s="10"/>
    </row>
    <row r="814999" spans="14:14">
      <c r="N814999" s="10"/>
    </row>
    <row r="815000" spans="14:14">
      <c r="N815000" s="10"/>
    </row>
    <row r="815001" spans="14:14">
      <c r="N815001" s="10"/>
    </row>
    <row r="815002" spans="14:14">
      <c r="N815002" s="10"/>
    </row>
    <row r="815003" spans="14:14">
      <c r="N815003" s="10"/>
    </row>
    <row r="815004" spans="14:14">
      <c r="N815004" s="10"/>
    </row>
    <row r="815005" spans="14:14">
      <c r="N815005" s="10"/>
    </row>
    <row r="815006" spans="14:14">
      <c r="N815006" s="10"/>
    </row>
    <row r="815007" spans="14:14">
      <c r="N815007" s="10"/>
    </row>
    <row r="815008" spans="14:14">
      <c r="N815008" s="10"/>
    </row>
    <row r="815009" spans="14:14">
      <c r="N815009" s="10"/>
    </row>
    <row r="815010" spans="14:14">
      <c r="N815010" s="10"/>
    </row>
    <row r="815011" spans="14:14">
      <c r="N815011" s="10"/>
    </row>
    <row r="815012" spans="14:14">
      <c r="N815012" s="10"/>
    </row>
    <row r="815013" spans="14:14">
      <c r="N815013" s="10"/>
    </row>
    <row r="815014" spans="14:14">
      <c r="N815014" s="10"/>
    </row>
    <row r="815015" spans="14:14">
      <c r="N815015" s="10"/>
    </row>
    <row r="815016" spans="14:14">
      <c r="N815016" s="10"/>
    </row>
    <row r="815017" spans="14:14">
      <c r="N815017" s="10"/>
    </row>
    <row r="815018" spans="14:14">
      <c r="N815018" s="10"/>
    </row>
    <row r="815019" spans="14:14">
      <c r="N815019" s="10"/>
    </row>
    <row r="815020" spans="14:14">
      <c r="N815020" s="10"/>
    </row>
    <row r="815021" spans="14:14">
      <c r="N815021" s="10"/>
    </row>
    <row r="815022" spans="14:14">
      <c r="N815022" s="10"/>
    </row>
    <row r="815023" spans="14:14">
      <c r="N815023" s="10"/>
    </row>
    <row r="815024" spans="14:14">
      <c r="N815024" s="10"/>
    </row>
    <row r="815025" spans="14:14">
      <c r="N815025" s="10"/>
    </row>
    <row r="815026" spans="14:14">
      <c r="N815026" s="10"/>
    </row>
    <row r="815027" spans="14:14">
      <c r="N815027" s="10"/>
    </row>
    <row r="815028" spans="14:14">
      <c r="N815028" s="10"/>
    </row>
    <row r="815029" spans="14:14">
      <c r="N815029" s="10"/>
    </row>
    <row r="815030" spans="14:14">
      <c r="N815030" s="10"/>
    </row>
    <row r="815031" spans="14:14">
      <c r="N815031" s="10"/>
    </row>
    <row r="815032" spans="14:14">
      <c r="N815032" s="10"/>
    </row>
    <row r="815033" spans="14:14">
      <c r="N815033" s="10"/>
    </row>
    <row r="815034" spans="14:14">
      <c r="N815034" s="10"/>
    </row>
    <row r="815035" spans="14:14">
      <c r="N815035" s="10"/>
    </row>
    <row r="815036" spans="14:14">
      <c r="N815036" s="10"/>
    </row>
    <row r="815037" spans="14:14">
      <c r="N815037" s="10"/>
    </row>
    <row r="815038" spans="14:14">
      <c r="N815038" s="10"/>
    </row>
    <row r="815039" spans="14:14">
      <c r="N815039" s="10"/>
    </row>
    <row r="815040" spans="14:14">
      <c r="N815040" s="10"/>
    </row>
    <row r="815041" spans="14:14">
      <c r="N815041" s="10"/>
    </row>
    <row r="815042" spans="14:14">
      <c r="N815042" s="10"/>
    </row>
    <row r="815043" spans="14:14">
      <c r="N815043" s="10"/>
    </row>
    <row r="815044" spans="14:14">
      <c r="N815044" s="10"/>
    </row>
    <row r="815045" spans="14:14">
      <c r="N815045" s="10"/>
    </row>
    <row r="815046" spans="14:14">
      <c r="N815046" s="10"/>
    </row>
    <row r="815047" spans="14:14">
      <c r="N815047" s="10"/>
    </row>
    <row r="815048" spans="14:14">
      <c r="N815048" s="10"/>
    </row>
    <row r="815049" spans="14:14">
      <c r="N815049" s="10"/>
    </row>
    <row r="815050" spans="14:14">
      <c r="N815050" s="10"/>
    </row>
    <row r="815051" spans="14:14">
      <c r="N815051" s="10"/>
    </row>
    <row r="815052" spans="14:14">
      <c r="N815052" s="10"/>
    </row>
    <row r="815053" spans="14:14">
      <c r="N815053" s="10"/>
    </row>
    <row r="815054" spans="14:14">
      <c r="N815054" s="10"/>
    </row>
    <row r="815055" spans="14:14">
      <c r="N815055" s="10"/>
    </row>
    <row r="815056" spans="14:14">
      <c r="N815056" s="10"/>
    </row>
    <row r="815057" spans="14:14">
      <c r="N815057" s="10"/>
    </row>
    <row r="815058" spans="14:14">
      <c r="N815058" s="10"/>
    </row>
    <row r="815059" spans="14:14">
      <c r="N815059" s="10"/>
    </row>
    <row r="815060" spans="14:14">
      <c r="N815060" s="10"/>
    </row>
    <row r="815061" spans="14:14">
      <c r="N815061" s="10"/>
    </row>
    <row r="815062" spans="14:14">
      <c r="N815062" s="10"/>
    </row>
    <row r="815063" spans="14:14">
      <c r="N815063" s="10"/>
    </row>
    <row r="815064" spans="14:14">
      <c r="N815064" s="10"/>
    </row>
    <row r="815065" spans="14:14">
      <c r="N815065" s="10"/>
    </row>
    <row r="815066" spans="14:14">
      <c r="N815066" s="10"/>
    </row>
    <row r="815067" spans="14:14">
      <c r="N815067" s="10"/>
    </row>
    <row r="815068" spans="14:14">
      <c r="N815068" s="10"/>
    </row>
    <row r="815069" spans="14:14">
      <c r="N815069" s="10"/>
    </row>
    <row r="815070" spans="14:14">
      <c r="N815070" s="10"/>
    </row>
    <row r="815071" spans="14:14">
      <c r="N815071" s="10"/>
    </row>
    <row r="815072" spans="14:14">
      <c r="N815072" s="10"/>
    </row>
    <row r="815073" spans="14:14">
      <c r="N815073" s="10"/>
    </row>
    <row r="815074" spans="14:14">
      <c r="N815074" s="10"/>
    </row>
    <row r="815075" spans="14:14">
      <c r="N815075" s="10"/>
    </row>
    <row r="815076" spans="14:14">
      <c r="N815076" s="10"/>
    </row>
    <row r="815077" spans="14:14">
      <c r="N815077" s="10"/>
    </row>
    <row r="815078" spans="14:14">
      <c r="N815078" s="10"/>
    </row>
    <row r="815079" spans="14:14">
      <c r="N815079" s="10"/>
    </row>
    <row r="815080" spans="14:14">
      <c r="N815080" s="10"/>
    </row>
    <row r="815081" spans="14:14">
      <c r="N815081" s="10"/>
    </row>
    <row r="815082" spans="14:14">
      <c r="N815082" s="10"/>
    </row>
    <row r="815083" spans="14:14">
      <c r="N815083" s="10"/>
    </row>
    <row r="815084" spans="14:14">
      <c r="N815084" s="10"/>
    </row>
    <row r="815085" spans="14:14">
      <c r="N815085" s="10"/>
    </row>
    <row r="815086" spans="14:14">
      <c r="N815086" s="10"/>
    </row>
    <row r="815087" spans="14:14">
      <c r="N815087" s="10"/>
    </row>
    <row r="815088" spans="14:14">
      <c r="N815088" s="10"/>
    </row>
    <row r="815089" spans="14:14">
      <c r="N815089" s="10"/>
    </row>
    <row r="815090" spans="14:14">
      <c r="N815090" s="10"/>
    </row>
    <row r="815091" spans="14:14">
      <c r="N815091" s="10"/>
    </row>
    <row r="815092" spans="14:14">
      <c r="N815092" s="10"/>
    </row>
    <row r="815093" spans="14:14">
      <c r="N815093" s="10"/>
    </row>
    <row r="815094" spans="14:14">
      <c r="N815094" s="10"/>
    </row>
    <row r="815095" spans="14:14">
      <c r="N815095" s="10"/>
    </row>
    <row r="815096" spans="14:14">
      <c r="N815096" s="10"/>
    </row>
    <row r="815097" spans="14:14">
      <c r="N815097" s="10"/>
    </row>
    <row r="815098" spans="14:14">
      <c r="N815098" s="10"/>
    </row>
    <row r="815099" spans="14:14">
      <c r="N815099" s="10"/>
    </row>
    <row r="815100" spans="14:14">
      <c r="N815100" s="10"/>
    </row>
    <row r="815101" spans="14:14">
      <c r="N815101" s="10"/>
    </row>
    <row r="815102" spans="14:14">
      <c r="N815102" s="10"/>
    </row>
    <row r="815103" spans="14:14">
      <c r="N815103" s="10"/>
    </row>
    <row r="815104" spans="14:14">
      <c r="N815104" s="10"/>
    </row>
    <row r="815105" spans="14:14">
      <c r="N815105" s="10"/>
    </row>
    <row r="815106" spans="14:14">
      <c r="N815106" s="10"/>
    </row>
    <row r="815107" spans="14:14">
      <c r="N815107" s="10"/>
    </row>
    <row r="815108" spans="14:14">
      <c r="N815108" s="10"/>
    </row>
    <row r="815109" spans="14:14">
      <c r="N815109" s="10"/>
    </row>
    <row r="815110" spans="14:14">
      <c r="N815110" s="10"/>
    </row>
    <row r="815111" spans="14:14">
      <c r="N815111" s="10"/>
    </row>
    <row r="815112" spans="14:14">
      <c r="N815112" s="10"/>
    </row>
    <row r="815113" spans="14:14">
      <c r="N815113" s="10"/>
    </row>
    <row r="815114" spans="14:14">
      <c r="N815114" s="10"/>
    </row>
    <row r="815115" spans="14:14">
      <c r="N815115" s="10"/>
    </row>
    <row r="815116" spans="14:14">
      <c r="N815116" s="10"/>
    </row>
    <row r="815117" spans="14:14">
      <c r="N815117" s="10"/>
    </row>
    <row r="815118" spans="14:14">
      <c r="N815118" s="10"/>
    </row>
    <row r="815119" spans="14:14">
      <c r="N815119" s="10"/>
    </row>
    <row r="815120" spans="14:14">
      <c r="N815120" s="10"/>
    </row>
    <row r="815121" spans="14:14">
      <c r="N815121" s="10"/>
    </row>
    <row r="815122" spans="14:14">
      <c r="N815122" s="10"/>
    </row>
    <row r="815123" spans="14:14">
      <c r="N815123" s="10"/>
    </row>
    <row r="815124" spans="14:14">
      <c r="N815124" s="10"/>
    </row>
    <row r="815125" spans="14:14">
      <c r="N815125" s="10"/>
    </row>
    <row r="815126" spans="14:14">
      <c r="N815126" s="10"/>
    </row>
    <row r="815127" spans="14:14">
      <c r="N815127" s="10"/>
    </row>
    <row r="815128" spans="14:14">
      <c r="N815128" s="10"/>
    </row>
    <row r="815129" spans="14:14">
      <c r="N815129" s="10"/>
    </row>
    <row r="815130" spans="14:14">
      <c r="N815130" s="10"/>
    </row>
    <row r="815131" spans="14:14">
      <c r="N815131" s="10"/>
    </row>
    <row r="815132" spans="14:14">
      <c r="N815132" s="10"/>
    </row>
    <row r="815133" spans="14:14">
      <c r="N815133" s="10"/>
    </row>
    <row r="815134" spans="14:14">
      <c r="N815134" s="10"/>
    </row>
    <row r="815135" spans="14:14">
      <c r="N815135" s="10"/>
    </row>
    <row r="815136" spans="14:14">
      <c r="N815136" s="10"/>
    </row>
    <row r="815137" spans="14:14">
      <c r="N815137" s="10"/>
    </row>
    <row r="815138" spans="14:14">
      <c r="N815138" s="10"/>
    </row>
    <row r="815139" spans="14:14">
      <c r="N815139" s="10"/>
    </row>
    <row r="815140" spans="14:14">
      <c r="N815140" s="10"/>
    </row>
    <row r="815141" spans="14:14">
      <c r="N815141" s="10"/>
    </row>
    <row r="815142" spans="14:14">
      <c r="N815142" s="10"/>
    </row>
    <row r="815143" spans="14:14">
      <c r="N815143" s="10"/>
    </row>
    <row r="815144" spans="14:14">
      <c r="N815144" s="10"/>
    </row>
    <row r="815145" spans="14:14">
      <c r="N815145" s="10"/>
    </row>
    <row r="815146" spans="14:14">
      <c r="N815146" s="10"/>
    </row>
    <row r="815147" spans="14:14">
      <c r="N815147" s="10"/>
    </row>
    <row r="815148" spans="14:14">
      <c r="N815148" s="10"/>
    </row>
    <row r="815149" spans="14:14">
      <c r="N815149" s="10"/>
    </row>
    <row r="815150" spans="14:14">
      <c r="N815150" s="10"/>
    </row>
    <row r="815151" spans="14:14">
      <c r="N815151" s="10"/>
    </row>
    <row r="815152" spans="14:14">
      <c r="N815152" s="10"/>
    </row>
    <row r="815153" spans="14:14">
      <c r="N815153" s="10"/>
    </row>
    <row r="815154" spans="14:14">
      <c r="N815154" s="10"/>
    </row>
    <row r="815155" spans="14:14">
      <c r="N815155" s="10"/>
    </row>
    <row r="815156" spans="14:14">
      <c r="N815156" s="10"/>
    </row>
    <row r="815157" spans="14:14">
      <c r="N815157" s="10"/>
    </row>
    <row r="815158" spans="14:14">
      <c r="N815158" s="10"/>
    </row>
    <row r="815159" spans="14:14">
      <c r="N815159" s="10"/>
    </row>
    <row r="815160" spans="14:14">
      <c r="N815160" s="10"/>
    </row>
    <row r="815161" spans="14:14">
      <c r="N815161" s="10"/>
    </row>
    <row r="815162" spans="14:14">
      <c r="N815162" s="10"/>
    </row>
    <row r="815163" spans="14:14">
      <c r="N815163" s="10"/>
    </row>
    <row r="815164" spans="14:14">
      <c r="N815164" s="10"/>
    </row>
    <row r="815165" spans="14:14">
      <c r="N815165" s="10"/>
    </row>
    <row r="815166" spans="14:14">
      <c r="N815166" s="10"/>
    </row>
    <row r="815167" spans="14:14">
      <c r="N815167" s="10"/>
    </row>
    <row r="815168" spans="14:14">
      <c r="N815168" s="10"/>
    </row>
    <row r="815169" spans="14:14">
      <c r="N815169" s="10"/>
    </row>
    <row r="815170" spans="14:14">
      <c r="N815170" s="10"/>
    </row>
    <row r="815171" spans="14:14">
      <c r="N815171" s="10"/>
    </row>
    <row r="815172" spans="14:14">
      <c r="N815172" s="10"/>
    </row>
    <row r="815173" spans="14:14">
      <c r="N815173" s="10"/>
    </row>
    <row r="815174" spans="14:14">
      <c r="N815174" s="10"/>
    </row>
    <row r="815175" spans="14:14">
      <c r="N815175" s="10"/>
    </row>
    <row r="815176" spans="14:14">
      <c r="N815176" s="10"/>
    </row>
    <row r="815177" spans="14:14">
      <c r="N815177" s="10"/>
    </row>
    <row r="815178" spans="14:14">
      <c r="N815178" s="10"/>
    </row>
    <row r="815179" spans="14:14">
      <c r="N815179" s="10"/>
    </row>
    <row r="815180" spans="14:14">
      <c r="N815180" s="10"/>
    </row>
    <row r="815181" spans="14:14">
      <c r="N815181" s="10"/>
    </row>
    <row r="815182" spans="14:14">
      <c r="N815182" s="10"/>
    </row>
    <row r="815183" spans="14:14">
      <c r="N815183" s="10"/>
    </row>
    <row r="815184" spans="14:14">
      <c r="N815184" s="10"/>
    </row>
    <row r="815185" spans="14:14">
      <c r="N815185" s="10"/>
    </row>
    <row r="815186" spans="14:14">
      <c r="N815186" s="10"/>
    </row>
    <row r="815187" spans="14:14">
      <c r="N815187" s="10"/>
    </row>
    <row r="815188" spans="14:14">
      <c r="N815188" s="10"/>
    </row>
    <row r="815189" spans="14:14">
      <c r="N815189" s="10"/>
    </row>
    <row r="815190" spans="14:14">
      <c r="N815190" s="10"/>
    </row>
    <row r="815191" spans="14:14">
      <c r="N815191" s="10"/>
    </row>
    <row r="815192" spans="14:14">
      <c r="N815192" s="10"/>
    </row>
    <row r="815193" spans="14:14">
      <c r="N815193" s="10"/>
    </row>
    <row r="815194" spans="14:14">
      <c r="N815194" s="10"/>
    </row>
    <row r="815195" spans="14:14">
      <c r="N815195" s="10"/>
    </row>
    <row r="815196" spans="14:14">
      <c r="N815196" s="10"/>
    </row>
    <row r="815197" spans="14:14">
      <c r="N815197" s="10"/>
    </row>
    <row r="815198" spans="14:14">
      <c r="N815198" s="10"/>
    </row>
    <row r="815199" spans="14:14">
      <c r="N815199" s="10"/>
    </row>
    <row r="815200" spans="14:14">
      <c r="N815200" s="10"/>
    </row>
    <row r="815201" spans="14:14">
      <c r="N815201" s="10"/>
    </row>
    <row r="815202" spans="14:14">
      <c r="N815202" s="10"/>
    </row>
    <row r="815203" spans="14:14">
      <c r="N815203" s="10"/>
    </row>
    <row r="815204" spans="14:14">
      <c r="N815204" s="10"/>
    </row>
    <row r="815205" spans="14:14">
      <c r="N815205" s="10"/>
    </row>
    <row r="815206" spans="14:14">
      <c r="N815206" s="10"/>
    </row>
    <row r="815207" spans="14:14">
      <c r="N815207" s="10"/>
    </row>
    <row r="815208" spans="14:14">
      <c r="N815208" s="10"/>
    </row>
    <row r="815209" spans="14:14">
      <c r="N815209" s="10"/>
    </row>
    <row r="815210" spans="14:14">
      <c r="N815210" s="10"/>
    </row>
    <row r="815211" spans="14:14">
      <c r="N815211" s="10"/>
    </row>
    <row r="815212" spans="14:14">
      <c r="N815212" s="10"/>
    </row>
    <row r="815213" spans="14:14">
      <c r="N815213" s="10"/>
    </row>
    <row r="815214" spans="14:14">
      <c r="N815214" s="10"/>
    </row>
    <row r="815215" spans="14:14">
      <c r="N815215" s="10"/>
    </row>
    <row r="815216" spans="14:14">
      <c r="N815216" s="10"/>
    </row>
    <row r="815217" spans="14:14">
      <c r="N815217" s="10"/>
    </row>
    <row r="815218" spans="14:14">
      <c r="N815218" s="10"/>
    </row>
    <row r="815219" spans="14:14">
      <c r="N815219" s="10"/>
    </row>
    <row r="815220" spans="14:14">
      <c r="N815220" s="10"/>
    </row>
    <row r="815221" spans="14:14">
      <c r="N815221" s="10"/>
    </row>
    <row r="815222" spans="14:14">
      <c r="N815222" s="10"/>
    </row>
    <row r="815223" spans="14:14">
      <c r="N815223" s="10"/>
    </row>
    <row r="815224" spans="14:14">
      <c r="N815224" s="10"/>
    </row>
    <row r="815225" spans="14:14">
      <c r="N815225" s="10"/>
    </row>
    <row r="815226" spans="14:14">
      <c r="N815226" s="10"/>
    </row>
    <row r="815227" spans="14:14">
      <c r="N815227" s="10"/>
    </row>
    <row r="815228" spans="14:14">
      <c r="N815228" s="10"/>
    </row>
    <row r="815229" spans="14:14">
      <c r="N815229" s="10"/>
    </row>
    <row r="815230" spans="14:14">
      <c r="N815230" s="10"/>
    </row>
    <row r="815231" spans="14:14">
      <c r="N815231" s="10"/>
    </row>
    <row r="815232" spans="14:14">
      <c r="N815232" s="10"/>
    </row>
    <row r="815233" spans="14:14">
      <c r="N815233" s="10"/>
    </row>
    <row r="815234" spans="14:14">
      <c r="N815234" s="10"/>
    </row>
    <row r="815235" spans="14:14">
      <c r="N815235" s="10"/>
    </row>
    <row r="815236" spans="14:14">
      <c r="N815236" s="10"/>
    </row>
    <row r="815237" spans="14:14">
      <c r="N815237" s="10"/>
    </row>
    <row r="815238" spans="14:14">
      <c r="N815238" s="10"/>
    </row>
    <row r="815239" spans="14:14">
      <c r="N815239" s="10"/>
    </row>
    <row r="815240" spans="14:14">
      <c r="N815240" s="10"/>
    </row>
    <row r="815241" spans="14:14">
      <c r="N815241" s="10"/>
    </row>
    <row r="815242" spans="14:14">
      <c r="N815242" s="10"/>
    </row>
    <row r="815243" spans="14:14">
      <c r="N815243" s="10"/>
    </row>
    <row r="815244" spans="14:14">
      <c r="N815244" s="10"/>
    </row>
    <row r="815245" spans="14:14">
      <c r="N815245" s="10"/>
    </row>
    <row r="815246" spans="14:14">
      <c r="N815246" s="10"/>
    </row>
    <row r="815247" spans="14:14">
      <c r="N815247" s="10"/>
    </row>
    <row r="815248" spans="14:14">
      <c r="N815248" s="10"/>
    </row>
    <row r="815249" spans="14:14">
      <c r="N815249" s="10"/>
    </row>
    <row r="815250" spans="14:14">
      <c r="N815250" s="10"/>
    </row>
    <row r="815251" spans="14:14">
      <c r="N815251" s="10"/>
    </row>
    <row r="815252" spans="14:14">
      <c r="N815252" s="10"/>
    </row>
    <row r="815253" spans="14:14">
      <c r="N815253" s="10"/>
    </row>
    <row r="815254" spans="14:14">
      <c r="N815254" s="10"/>
    </row>
    <row r="815255" spans="14:14">
      <c r="N815255" s="10"/>
    </row>
    <row r="815256" spans="14:14">
      <c r="N815256" s="10"/>
    </row>
    <row r="815257" spans="14:14">
      <c r="N815257" s="10"/>
    </row>
    <row r="815258" spans="14:14">
      <c r="N815258" s="10"/>
    </row>
    <row r="815259" spans="14:14">
      <c r="N815259" s="10"/>
    </row>
    <row r="815260" spans="14:14">
      <c r="N815260" s="10"/>
    </row>
    <row r="815261" spans="14:14">
      <c r="N815261" s="10"/>
    </row>
    <row r="815262" spans="14:14">
      <c r="N815262" s="10"/>
    </row>
    <row r="815263" spans="14:14">
      <c r="N815263" s="10"/>
    </row>
    <row r="815264" spans="14:14">
      <c r="N815264" s="10"/>
    </row>
    <row r="815265" spans="14:14">
      <c r="N815265" s="10"/>
    </row>
    <row r="815266" spans="14:14">
      <c r="N815266" s="10"/>
    </row>
    <row r="815267" spans="14:14">
      <c r="N815267" s="10"/>
    </row>
    <row r="815268" spans="14:14">
      <c r="N815268" s="10"/>
    </row>
    <row r="815269" spans="14:14">
      <c r="N815269" s="10"/>
    </row>
    <row r="815270" spans="14:14">
      <c r="N815270" s="10"/>
    </row>
    <row r="815271" spans="14:14">
      <c r="N815271" s="10"/>
    </row>
    <row r="815272" spans="14:14">
      <c r="N815272" s="10"/>
    </row>
    <row r="815273" spans="14:14">
      <c r="N815273" s="10"/>
    </row>
    <row r="815274" spans="14:14">
      <c r="N815274" s="10"/>
    </row>
    <row r="815275" spans="14:14">
      <c r="N815275" s="10"/>
    </row>
    <row r="815276" spans="14:14">
      <c r="N815276" s="10"/>
    </row>
    <row r="815277" spans="14:14">
      <c r="N815277" s="10"/>
    </row>
    <row r="815278" spans="14:14">
      <c r="N815278" s="10"/>
    </row>
    <row r="815279" spans="14:14">
      <c r="N815279" s="10"/>
    </row>
    <row r="815280" spans="14:14">
      <c r="N815280" s="10"/>
    </row>
    <row r="815281" spans="14:14">
      <c r="N815281" s="10"/>
    </row>
    <row r="815282" spans="14:14">
      <c r="N815282" s="10"/>
    </row>
    <row r="815283" spans="14:14">
      <c r="N815283" s="10"/>
    </row>
    <row r="815284" spans="14:14">
      <c r="N815284" s="10"/>
    </row>
    <row r="815285" spans="14:14">
      <c r="N815285" s="10"/>
    </row>
    <row r="815286" spans="14:14">
      <c r="N815286" s="10"/>
    </row>
    <row r="815287" spans="14:14">
      <c r="N815287" s="10"/>
    </row>
    <row r="815288" spans="14:14">
      <c r="N815288" s="10"/>
    </row>
    <row r="815289" spans="14:14">
      <c r="N815289" s="10"/>
    </row>
    <row r="815290" spans="14:14">
      <c r="N815290" s="10"/>
    </row>
    <row r="815291" spans="14:14">
      <c r="N815291" s="10"/>
    </row>
    <row r="815292" spans="14:14">
      <c r="N815292" s="10"/>
    </row>
    <row r="815293" spans="14:14">
      <c r="N815293" s="10"/>
    </row>
    <row r="815294" spans="14:14">
      <c r="N815294" s="10"/>
    </row>
    <row r="815295" spans="14:14">
      <c r="N815295" s="10"/>
    </row>
    <row r="815296" spans="14:14">
      <c r="N815296" s="10"/>
    </row>
    <row r="815297" spans="14:14">
      <c r="N815297" s="10"/>
    </row>
    <row r="815298" spans="14:14">
      <c r="N815298" s="10"/>
    </row>
    <row r="815299" spans="14:14">
      <c r="N815299" s="10"/>
    </row>
    <row r="815300" spans="14:14">
      <c r="N815300" s="10"/>
    </row>
    <row r="815301" spans="14:14">
      <c r="N815301" s="10"/>
    </row>
    <row r="815302" spans="14:14">
      <c r="N815302" s="10"/>
    </row>
    <row r="815303" spans="14:14">
      <c r="N815303" s="10"/>
    </row>
    <row r="815304" spans="14:14">
      <c r="N815304" s="10"/>
    </row>
    <row r="815305" spans="14:14">
      <c r="N815305" s="10"/>
    </row>
    <row r="815306" spans="14:14">
      <c r="N815306" s="10"/>
    </row>
    <row r="815307" spans="14:14">
      <c r="N815307" s="10"/>
    </row>
    <row r="815308" spans="14:14">
      <c r="N815308" s="10"/>
    </row>
    <row r="815309" spans="14:14">
      <c r="N815309" s="10"/>
    </row>
    <row r="815310" spans="14:14">
      <c r="N815310" s="10"/>
    </row>
    <row r="815311" spans="14:14">
      <c r="N815311" s="10"/>
    </row>
    <row r="815312" spans="14:14">
      <c r="N815312" s="10"/>
    </row>
    <row r="815313" spans="14:14">
      <c r="N815313" s="10"/>
    </row>
    <row r="815314" spans="14:14">
      <c r="N815314" s="10"/>
    </row>
    <row r="815315" spans="14:14">
      <c r="N815315" s="10"/>
    </row>
    <row r="815316" spans="14:14">
      <c r="N815316" s="10"/>
    </row>
    <row r="815317" spans="14:14">
      <c r="N815317" s="10"/>
    </row>
    <row r="815318" spans="14:14">
      <c r="N815318" s="10"/>
    </row>
    <row r="815319" spans="14:14">
      <c r="N815319" s="10"/>
    </row>
    <row r="815320" spans="14:14">
      <c r="N815320" s="10"/>
    </row>
    <row r="815321" spans="14:14">
      <c r="N815321" s="10"/>
    </row>
    <row r="815322" spans="14:14">
      <c r="N815322" s="10"/>
    </row>
    <row r="815323" spans="14:14">
      <c r="N815323" s="10"/>
    </row>
    <row r="815324" spans="14:14">
      <c r="N815324" s="10"/>
    </row>
    <row r="815325" spans="14:14">
      <c r="N815325" s="10"/>
    </row>
    <row r="815326" spans="14:14">
      <c r="N815326" s="10"/>
    </row>
    <row r="815327" spans="14:14">
      <c r="N815327" s="10"/>
    </row>
    <row r="815328" spans="14:14">
      <c r="N815328" s="10"/>
    </row>
    <row r="815329" spans="14:14">
      <c r="N815329" s="10"/>
    </row>
    <row r="815330" spans="14:14">
      <c r="N815330" s="10"/>
    </row>
    <row r="815331" spans="14:14">
      <c r="N815331" s="10"/>
    </row>
    <row r="815332" spans="14:14">
      <c r="N815332" s="10"/>
    </row>
    <row r="815333" spans="14:14">
      <c r="N815333" s="10"/>
    </row>
    <row r="815334" spans="14:14">
      <c r="N815334" s="10"/>
    </row>
    <row r="815335" spans="14:14">
      <c r="N815335" s="10"/>
    </row>
    <row r="815336" spans="14:14">
      <c r="N815336" s="10"/>
    </row>
    <row r="815337" spans="14:14">
      <c r="N815337" s="10"/>
    </row>
    <row r="815338" spans="14:14">
      <c r="N815338" s="10"/>
    </row>
    <row r="815339" spans="14:14">
      <c r="N815339" s="10"/>
    </row>
    <row r="815340" spans="14:14">
      <c r="N815340" s="10"/>
    </row>
    <row r="815341" spans="14:14">
      <c r="N815341" s="10"/>
    </row>
    <row r="815342" spans="14:14">
      <c r="N815342" s="10"/>
    </row>
    <row r="815343" spans="14:14">
      <c r="N815343" s="10"/>
    </row>
    <row r="815344" spans="14:14">
      <c r="N815344" s="10"/>
    </row>
    <row r="815345" spans="14:14">
      <c r="N815345" s="10"/>
    </row>
    <row r="815346" spans="14:14">
      <c r="N815346" s="10"/>
    </row>
    <row r="815347" spans="14:14">
      <c r="N815347" s="10"/>
    </row>
    <row r="815348" spans="14:14">
      <c r="N815348" s="10"/>
    </row>
    <row r="815349" spans="14:14">
      <c r="N815349" s="10"/>
    </row>
    <row r="815350" spans="14:14">
      <c r="N815350" s="10"/>
    </row>
    <row r="815351" spans="14:14">
      <c r="N815351" s="10"/>
    </row>
    <row r="815352" spans="14:14">
      <c r="N815352" s="10"/>
    </row>
    <row r="815353" spans="14:14">
      <c r="N815353" s="10"/>
    </row>
    <row r="815354" spans="14:14">
      <c r="N815354" s="10"/>
    </row>
    <row r="815355" spans="14:14">
      <c r="N815355" s="10"/>
    </row>
    <row r="815356" spans="14:14">
      <c r="N815356" s="10"/>
    </row>
    <row r="815357" spans="14:14">
      <c r="N815357" s="10"/>
    </row>
    <row r="815358" spans="14:14">
      <c r="N815358" s="10"/>
    </row>
    <row r="815359" spans="14:14">
      <c r="N815359" s="10"/>
    </row>
    <row r="815360" spans="14:14">
      <c r="N815360" s="10"/>
    </row>
    <row r="815361" spans="14:14">
      <c r="N815361" s="10"/>
    </row>
    <row r="815362" spans="14:14">
      <c r="N815362" s="10"/>
    </row>
    <row r="815363" spans="14:14">
      <c r="N815363" s="10"/>
    </row>
    <row r="815364" spans="14:14">
      <c r="N815364" s="10"/>
    </row>
    <row r="815365" spans="14:14">
      <c r="N815365" s="10"/>
    </row>
    <row r="815366" spans="14:14">
      <c r="N815366" s="10"/>
    </row>
    <row r="815367" spans="14:14">
      <c r="N815367" s="10"/>
    </row>
    <row r="815368" spans="14:14">
      <c r="N815368" s="10"/>
    </row>
    <row r="815369" spans="14:14">
      <c r="N815369" s="10"/>
    </row>
    <row r="815370" spans="14:14">
      <c r="N815370" s="10"/>
    </row>
    <row r="815371" spans="14:14">
      <c r="N815371" s="10"/>
    </row>
    <row r="815372" spans="14:14">
      <c r="N815372" s="10"/>
    </row>
    <row r="815373" spans="14:14">
      <c r="N815373" s="10"/>
    </row>
    <row r="815374" spans="14:14">
      <c r="N815374" s="10"/>
    </row>
    <row r="815375" spans="14:14">
      <c r="N815375" s="10"/>
    </row>
    <row r="815376" spans="14:14">
      <c r="N815376" s="10"/>
    </row>
    <row r="815377" spans="14:14">
      <c r="N815377" s="10"/>
    </row>
    <row r="815378" spans="14:14">
      <c r="N815378" s="10"/>
    </row>
    <row r="815379" spans="14:14">
      <c r="N815379" s="10"/>
    </row>
    <row r="815380" spans="14:14">
      <c r="N815380" s="10"/>
    </row>
    <row r="815381" spans="14:14">
      <c r="N815381" s="10"/>
    </row>
    <row r="815382" spans="14:14">
      <c r="N815382" s="10"/>
    </row>
    <row r="815383" spans="14:14">
      <c r="N815383" s="10"/>
    </row>
    <row r="815384" spans="14:14">
      <c r="N815384" s="10"/>
    </row>
    <row r="815385" spans="14:14">
      <c r="N815385" s="10"/>
    </row>
    <row r="815386" spans="14:14">
      <c r="N815386" s="10"/>
    </row>
    <row r="815387" spans="14:14">
      <c r="N815387" s="10"/>
    </row>
    <row r="815388" spans="14:14">
      <c r="N815388" s="10"/>
    </row>
    <row r="815389" spans="14:14">
      <c r="N815389" s="10"/>
    </row>
    <row r="815390" spans="14:14">
      <c r="N815390" s="10"/>
    </row>
    <row r="815391" spans="14:14">
      <c r="N815391" s="10"/>
    </row>
    <row r="815392" spans="14:14">
      <c r="N815392" s="10"/>
    </row>
    <row r="815393" spans="14:14">
      <c r="N815393" s="10"/>
    </row>
    <row r="815394" spans="14:14">
      <c r="N815394" s="10"/>
    </row>
    <row r="815395" spans="14:14">
      <c r="N815395" s="10"/>
    </row>
    <row r="815396" spans="14:14">
      <c r="N815396" s="10"/>
    </row>
    <row r="815397" spans="14:14">
      <c r="N815397" s="10"/>
    </row>
    <row r="815398" spans="14:14">
      <c r="N815398" s="10"/>
    </row>
    <row r="815399" spans="14:14">
      <c r="N815399" s="10"/>
    </row>
    <row r="815400" spans="14:14">
      <c r="N815400" s="10"/>
    </row>
    <row r="815401" spans="14:14">
      <c r="N815401" s="10"/>
    </row>
    <row r="815402" spans="14:14">
      <c r="N815402" s="10"/>
    </row>
    <row r="815403" spans="14:14">
      <c r="N815403" s="10"/>
    </row>
    <row r="815404" spans="14:14">
      <c r="N815404" s="10"/>
    </row>
    <row r="815405" spans="14:14">
      <c r="N815405" s="10"/>
    </row>
    <row r="815406" spans="14:14">
      <c r="N815406" s="10"/>
    </row>
    <row r="815407" spans="14:14">
      <c r="N815407" s="10"/>
    </row>
    <row r="815408" spans="14:14">
      <c r="N815408" s="10"/>
    </row>
    <row r="815409" spans="14:14">
      <c r="N815409" s="10"/>
    </row>
    <row r="815410" spans="14:14">
      <c r="N815410" s="10"/>
    </row>
    <row r="815411" spans="14:14">
      <c r="N815411" s="10"/>
    </row>
    <row r="815412" spans="14:14">
      <c r="N815412" s="10"/>
    </row>
    <row r="815413" spans="14:14">
      <c r="N815413" s="10"/>
    </row>
    <row r="815414" spans="14:14">
      <c r="N815414" s="10"/>
    </row>
    <row r="815415" spans="14:14">
      <c r="N815415" s="10"/>
    </row>
    <row r="815416" spans="14:14">
      <c r="N815416" s="10"/>
    </row>
    <row r="815417" spans="14:14">
      <c r="N815417" s="10"/>
    </row>
    <row r="815418" spans="14:14">
      <c r="N815418" s="10"/>
    </row>
    <row r="815419" spans="14:14">
      <c r="N815419" s="10"/>
    </row>
    <row r="815420" spans="14:14">
      <c r="N815420" s="10"/>
    </row>
    <row r="815421" spans="14:14">
      <c r="N815421" s="10"/>
    </row>
    <row r="815422" spans="14:14">
      <c r="N815422" s="10"/>
    </row>
    <row r="815423" spans="14:14">
      <c r="N815423" s="10"/>
    </row>
    <row r="815424" spans="14:14">
      <c r="N815424" s="10"/>
    </row>
    <row r="815425" spans="14:14">
      <c r="N815425" s="10"/>
    </row>
    <row r="815426" spans="14:14">
      <c r="N815426" s="10"/>
    </row>
    <row r="815427" spans="14:14">
      <c r="N815427" s="10"/>
    </row>
    <row r="815428" spans="14:14">
      <c r="N815428" s="10"/>
    </row>
    <row r="815429" spans="14:14">
      <c r="N815429" s="10"/>
    </row>
    <row r="815430" spans="14:14">
      <c r="N815430" s="10"/>
    </row>
    <row r="815431" spans="14:14">
      <c r="N815431" s="10"/>
    </row>
    <row r="815432" spans="14:14">
      <c r="N815432" s="10"/>
    </row>
    <row r="815433" spans="14:14">
      <c r="N815433" s="10"/>
    </row>
    <row r="815434" spans="14:14">
      <c r="N815434" s="10"/>
    </row>
    <row r="815435" spans="14:14">
      <c r="N815435" s="10"/>
    </row>
    <row r="815436" spans="14:14">
      <c r="N815436" s="10"/>
    </row>
    <row r="815437" spans="14:14">
      <c r="N815437" s="10"/>
    </row>
    <row r="815438" spans="14:14">
      <c r="N815438" s="10"/>
    </row>
    <row r="815439" spans="14:14">
      <c r="N815439" s="10"/>
    </row>
    <row r="815440" spans="14:14">
      <c r="N815440" s="10"/>
    </row>
    <row r="815441" spans="14:14">
      <c r="N815441" s="10"/>
    </row>
    <row r="815442" spans="14:14">
      <c r="N815442" s="10"/>
    </row>
    <row r="815443" spans="14:14">
      <c r="N815443" s="10"/>
    </row>
    <row r="815444" spans="14:14">
      <c r="N815444" s="10"/>
    </row>
    <row r="815445" spans="14:14">
      <c r="N815445" s="10"/>
    </row>
    <row r="815446" spans="14:14">
      <c r="N815446" s="10"/>
    </row>
    <row r="815447" spans="14:14">
      <c r="N815447" s="10"/>
    </row>
    <row r="815448" spans="14:14">
      <c r="N815448" s="10"/>
    </row>
    <row r="815449" spans="14:14">
      <c r="N815449" s="10"/>
    </row>
    <row r="815450" spans="14:14">
      <c r="N815450" s="10"/>
    </row>
    <row r="815451" spans="14:14">
      <c r="N815451" s="10"/>
    </row>
    <row r="815452" spans="14:14">
      <c r="N815452" s="10"/>
    </row>
    <row r="815453" spans="14:14">
      <c r="N815453" s="10"/>
    </row>
    <row r="815454" spans="14:14">
      <c r="N815454" s="10"/>
    </row>
    <row r="815455" spans="14:14">
      <c r="N815455" s="10"/>
    </row>
    <row r="815456" spans="14:14">
      <c r="N815456" s="10"/>
    </row>
    <row r="815457" spans="14:14">
      <c r="N815457" s="10"/>
    </row>
    <row r="815458" spans="14:14">
      <c r="N815458" s="10"/>
    </row>
    <row r="815459" spans="14:14">
      <c r="N815459" s="10"/>
    </row>
    <row r="815460" spans="14:14">
      <c r="N815460" s="10"/>
    </row>
    <row r="815461" spans="14:14">
      <c r="N815461" s="10"/>
    </row>
    <row r="815462" spans="14:14">
      <c r="N815462" s="10"/>
    </row>
    <row r="815463" spans="14:14">
      <c r="N815463" s="10"/>
    </row>
    <row r="815464" spans="14:14">
      <c r="N815464" s="10"/>
    </row>
    <row r="815465" spans="14:14">
      <c r="N815465" s="10"/>
    </row>
    <row r="815466" spans="14:14">
      <c r="N815466" s="10"/>
    </row>
    <row r="815467" spans="14:14">
      <c r="N815467" s="10"/>
    </row>
    <row r="815468" spans="14:14">
      <c r="N815468" s="10"/>
    </row>
    <row r="815469" spans="14:14">
      <c r="N815469" s="10"/>
    </row>
    <row r="815470" spans="14:14">
      <c r="N815470" s="10"/>
    </row>
    <row r="815471" spans="14:14">
      <c r="N815471" s="10"/>
    </row>
    <row r="815472" spans="14:14">
      <c r="N815472" s="10"/>
    </row>
    <row r="815473" spans="14:14">
      <c r="N815473" s="10"/>
    </row>
    <row r="815474" spans="14:14">
      <c r="N815474" s="10"/>
    </row>
    <row r="815475" spans="14:14">
      <c r="N815475" s="10"/>
    </row>
    <row r="815476" spans="14:14">
      <c r="N815476" s="10"/>
    </row>
    <row r="815477" spans="14:14">
      <c r="N815477" s="10"/>
    </row>
    <row r="815478" spans="14:14">
      <c r="N815478" s="10"/>
    </row>
    <row r="815479" spans="14:14">
      <c r="N815479" s="10"/>
    </row>
    <row r="815480" spans="14:14">
      <c r="N815480" s="10"/>
    </row>
    <row r="815481" spans="14:14">
      <c r="N815481" s="10"/>
    </row>
    <row r="815482" spans="14:14">
      <c r="N815482" s="10"/>
    </row>
    <row r="815483" spans="14:14">
      <c r="N815483" s="10"/>
    </row>
    <row r="815484" spans="14:14">
      <c r="N815484" s="10"/>
    </row>
    <row r="815485" spans="14:14">
      <c r="N815485" s="10"/>
    </row>
    <row r="815486" spans="14:14">
      <c r="N815486" s="10"/>
    </row>
    <row r="815487" spans="14:14">
      <c r="N815487" s="10"/>
    </row>
    <row r="815488" spans="14:14">
      <c r="N815488" s="10"/>
    </row>
    <row r="815489" spans="14:14">
      <c r="N815489" s="10"/>
    </row>
    <row r="815490" spans="14:14">
      <c r="N815490" s="10"/>
    </row>
    <row r="815491" spans="14:14">
      <c r="N815491" s="10"/>
    </row>
    <row r="815492" spans="14:14">
      <c r="N815492" s="10"/>
    </row>
    <row r="815493" spans="14:14">
      <c r="N815493" s="10"/>
    </row>
    <row r="815494" spans="14:14">
      <c r="N815494" s="10"/>
    </row>
    <row r="815495" spans="14:14">
      <c r="N815495" s="10"/>
    </row>
    <row r="815496" spans="14:14">
      <c r="N815496" s="10"/>
    </row>
    <row r="815497" spans="14:14">
      <c r="N815497" s="10"/>
    </row>
    <row r="815498" spans="14:14">
      <c r="N815498" s="10"/>
    </row>
    <row r="815499" spans="14:14">
      <c r="N815499" s="10"/>
    </row>
    <row r="815500" spans="14:14">
      <c r="N815500" s="10"/>
    </row>
    <row r="815501" spans="14:14">
      <c r="N815501" s="10"/>
    </row>
    <row r="815502" spans="14:14">
      <c r="N815502" s="10"/>
    </row>
    <row r="815503" spans="14:14">
      <c r="N815503" s="10"/>
    </row>
    <row r="815504" spans="14:14">
      <c r="N815504" s="10"/>
    </row>
    <row r="815505" spans="14:14">
      <c r="N815505" s="10"/>
    </row>
    <row r="815506" spans="14:14">
      <c r="N815506" s="10"/>
    </row>
    <row r="815507" spans="14:14">
      <c r="N815507" s="10"/>
    </row>
    <row r="815508" spans="14:14">
      <c r="N815508" s="10"/>
    </row>
    <row r="815509" spans="14:14">
      <c r="N815509" s="10"/>
    </row>
    <row r="815510" spans="14:14">
      <c r="N815510" s="10"/>
    </row>
    <row r="815511" spans="14:14">
      <c r="N815511" s="10"/>
    </row>
    <row r="815512" spans="14:14">
      <c r="N815512" s="10"/>
    </row>
    <row r="815513" spans="14:14">
      <c r="N815513" s="10"/>
    </row>
    <row r="815514" spans="14:14">
      <c r="N815514" s="10"/>
    </row>
    <row r="815515" spans="14:14">
      <c r="N815515" s="10"/>
    </row>
    <row r="815516" spans="14:14">
      <c r="N815516" s="10"/>
    </row>
    <row r="815517" spans="14:14">
      <c r="N815517" s="10"/>
    </row>
    <row r="815518" spans="14:14">
      <c r="N815518" s="10"/>
    </row>
    <row r="815519" spans="14:14">
      <c r="N815519" s="10"/>
    </row>
    <row r="815520" spans="14:14">
      <c r="N815520" s="10"/>
    </row>
    <row r="815521" spans="14:14">
      <c r="N815521" s="10"/>
    </row>
    <row r="815522" spans="14:14">
      <c r="N815522" s="10"/>
    </row>
    <row r="815523" spans="14:14">
      <c r="N815523" s="10"/>
    </row>
    <row r="815524" spans="14:14">
      <c r="N815524" s="10"/>
    </row>
    <row r="815525" spans="14:14">
      <c r="N815525" s="10"/>
    </row>
    <row r="815526" spans="14:14">
      <c r="N815526" s="10"/>
    </row>
    <row r="815527" spans="14:14">
      <c r="N815527" s="10"/>
    </row>
    <row r="815528" spans="14:14">
      <c r="N815528" s="10"/>
    </row>
    <row r="815529" spans="14:14">
      <c r="N815529" s="10"/>
    </row>
    <row r="815530" spans="14:14">
      <c r="N815530" s="10"/>
    </row>
    <row r="815531" spans="14:14">
      <c r="N815531" s="10"/>
    </row>
    <row r="815532" spans="14:14">
      <c r="N815532" s="10"/>
    </row>
    <row r="815533" spans="14:14">
      <c r="N815533" s="10"/>
    </row>
    <row r="815534" spans="14:14">
      <c r="N815534" s="10"/>
    </row>
    <row r="815535" spans="14:14">
      <c r="N815535" s="10"/>
    </row>
    <row r="815536" spans="14:14">
      <c r="N815536" s="10"/>
    </row>
    <row r="815537" spans="14:14">
      <c r="N815537" s="10"/>
    </row>
    <row r="815538" spans="14:14">
      <c r="N815538" s="10"/>
    </row>
    <row r="815539" spans="14:14">
      <c r="N815539" s="10"/>
    </row>
    <row r="815540" spans="14:14">
      <c r="N815540" s="10"/>
    </row>
    <row r="815541" spans="14:14">
      <c r="N815541" s="10"/>
    </row>
    <row r="815542" spans="14:14">
      <c r="N815542" s="10"/>
    </row>
    <row r="815543" spans="14:14">
      <c r="N815543" s="10"/>
    </row>
    <row r="815544" spans="14:14">
      <c r="N815544" s="10"/>
    </row>
    <row r="815545" spans="14:14">
      <c r="N815545" s="10"/>
    </row>
    <row r="815546" spans="14:14">
      <c r="N815546" s="10"/>
    </row>
    <row r="815547" spans="14:14">
      <c r="N815547" s="10"/>
    </row>
    <row r="815548" spans="14:14">
      <c r="N815548" s="10"/>
    </row>
    <row r="815549" spans="14:14">
      <c r="N815549" s="10"/>
    </row>
    <row r="815550" spans="14:14">
      <c r="N815550" s="10"/>
    </row>
    <row r="815551" spans="14:14">
      <c r="N815551" s="10"/>
    </row>
    <row r="815552" spans="14:14">
      <c r="N815552" s="10"/>
    </row>
    <row r="815553" spans="14:14">
      <c r="N815553" s="10"/>
    </row>
    <row r="815554" spans="14:14">
      <c r="N815554" s="10"/>
    </row>
    <row r="815555" spans="14:14">
      <c r="N815555" s="10"/>
    </row>
    <row r="815556" spans="14:14">
      <c r="N815556" s="10"/>
    </row>
    <row r="815557" spans="14:14">
      <c r="N815557" s="10"/>
    </row>
    <row r="815558" spans="14:14">
      <c r="N815558" s="10"/>
    </row>
    <row r="815559" spans="14:14">
      <c r="N815559" s="10"/>
    </row>
    <row r="815560" spans="14:14">
      <c r="N815560" s="10"/>
    </row>
    <row r="815561" spans="14:14">
      <c r="N815561" s="10"/>
    </row>
    <row r="815562" spans="14:14">
      <c r="N815562" s="10"/>
    </row>
    <row r="815563" spans="14:14">
      <c r="N815563" s="10"/>
    </row>
    <row r="815564" spans="14:14">
      <c r="N815564" s="10"/>
    </row>
    <row r="815565" spans="14:14">
      <c r="N815565" s="10"/>
    </row>
    <row r="815566" spans="14:14">
      <c r="N815566" s="10"/>
    </row>
    <row r="815567" spans="14:14">
      <c r="N815567" s="10"/>
    </row>
    <row r="815568" spans="14:14">
      <c r="N815568" s="10"/>
    </row>
    <row r="815569" spans="14:14">
      <c r="N815569" s="10"/>
    </row>
    <row r="815570" spans="14:14">
      <c r="N815570" s="10"/>
    </row>
    <row r="815571" spans="14:14">
      <c r="N815571" s="10"/>
    </row>
    <row r="815572" spans="14:14">
      <c r="N815572" s="10"/>
    </row>
    <row r="815573" spans="14:14">
      <c r="N815573" s="10"/>
    </row>
    <row r="815574" spans="14:14">
      <c r="N815574" s="10"/>
    </row>
    <row r="815575" spans="14:14">
      <c r="N815575" s="10"/>
    </row>
    <row r="815576" spans="14:14">
      <c r="N815576" s="10"/>
    </row>
    <row r="815577" spans="14:14">
      <c r="N815577" s="10"/>
    </row>
    <row r="815578" spans="14:14">
      <c r="N815578" s="10"/>
    </row>
    <row r="815579" spans="14:14">
      <c r="N815579" s="10"/>
    </row>
    <row r="815580" spans="14:14">
      <c r="N815580" s="10"/>
    </row>
    <row r="815581" spans="14:14">
      <c r="N815581" s="10"/>
    </row>
    <row r="815582" spans="14:14">
      <c r="N815582" s="10"/>
    </row>
    <row r="815583" spans="14:14">
      <c r="N815583" s="10"/>
    </row>
    <row r="815584" spans="14:14">
      <c r="N815584" s="10"/>
    </row>
    <row r="815585" spans="14:14">
      <c r="N815585" s="10"/>
    </row>
    <row r="815586" spans="14:14">
      <c r="N815586" s="10"/>
    </row>
    <row r="815587" spans="14:14">
      <c r="N815587" s="10"/>
    </row>
    <row r="815588" spans="14:14">
      <c r="N815588" s="10"/>
    </row>
    <row r="815589" spans="14:14">
      <c r="N815589" s="10"/>
    </row>
    <row r="815590" spans="14:14">
      <c r="N815590" s="10"/>
    </row>
    <row r="815591" spans="14:14">
      <c r="N815591" s="10"/>
    </row>
    <row r="815592" spans="14:14">
      <c r="N815592" s="10"/>
    </row>
    <row r="815593" spans="14:14">
      <c r="N815593" s="10"/>
    </row>
    <row r="815594" spans="14:14">
      <c r="N815594" s="10"/>
    </row>
    <row r="815595" spans="14:14">
      <c r="N815595" s="10"/>
    </row>
    <row r="815596" spans="14:14">
      <c r="N815596" s="10"/>
    </row>
    <row r="815597" spans="14:14">
      <c r="N815597" s="10"/>
    </row>
    <row r="815598" spans="14:14">
      <c r="N815598" s="10"/>
    </row>
    <row r="815599" spans="14:14">
      <c r="N815599" s="10"/>
    </row>
    <row r="815600" spans="14:14">
      <c r="N815600" s="10"/>
    </row>
    <row r="815601" spans="14:14">
      <c r="N815601" s="10"/>
    </row>
    <row r="815602" spans="14:14">
      <c r="N815602" s="10"/>
    </row>
    <row r="815603" spans="14:14">
      <c r="N815603" s="10"/>
    </row>
    <row r="815604" spans="14:14">
      <c r="N815604" s="10"/>
    </row>
    <row r="815605" spans="14:14">
      <c r="N815605" s="10"/>
    </row>
    <row r="815606" spans="14:14">
      <c r="N815606" s="10"/>
    </row>
    <row r="815607" spans="14:14">
      <c r="N815607" s="10"/>
    </row>
    <row r="815608" spans="14:14">
      <c r="N815608" s="10"/>
    </row>
    <row r="815609" spans="14:14">
      <c r="N815609" s="10"/>
    </row>
    <row r="815610" spans="14:14">
      <c r="N815610" s="10"/>
    </row>
    <row r="815611" spans="14:14">
      <c r="N815611" s="10"/>
    </row>
    <row r="815612" spans="14:14">
      <c r="N815612" s="10"/>
    </row>
    <row r="815613" spans="14:14">
      <c r="N815613" s="10"/>
    </row>
    <row r="815614" spans="14:14">
      <c r="N815614" s="10"/>
    </row>
    <row r="815615" spans="14:14">
      <c r="N815615" s="10"/>
    </row>
    <row r="815616" spans="14:14">
      <c r="N815616" s="10"/>
    </row>
    <row r="815617" spans="14:14">
      <c r="N815617" s="10"/>
    </row>
    <row r="815618" spans="14:14">
      <c r="N815618" s="10"/>
    </row>
    <row r="815619" spans="14:14">
      <c r="N815619" s="10"/>
    </row>
    <row r="815620" spans="14:14">
      <c r="N815620" s="10"/>
    </row>
    <row r="815621" spans="14:14">
      <c r="N815621" s="10"/>
    </row>
    <row r="815622" spans="14:14">
      <c r="N815622" s="10"/>
    </row>
    <row r="815623" spans="14:14">
      <c r="N815623" s="10"/>
    </row>
    <row r="815624" spans="14:14">
      <c r="N815624" s="10"/>
    </row>
    <row r="815625" spans="14:14">
      <c r="N815625" s="10"/>
    </row>
    <row r="815626" spans="14:14">
      <c r="N815626" s="10"/>
    </row>
    <row r="815627" spans="14:14">
      <c r="N815627" s="10"/>
    </row>
    <row r="815628" spans="14:14">
      <c r="N815628" s="10"/>
    </row>
    <row r="815629" spans="14:14">
      <c r="N815629" s="10"/>
    </row>
    <row r="815630" spans="14:14">
      <c r="N815630" s="10"/>
    </row>
    <row r="815631" spans="14:14">
      <c r="N815631" s="10"/>
    </row>
    <row r="815632" spans="14:14">
      <c r="N815632" s="10"/>
    </row>
    <row r="815633" spans="14:14">
      <c r="N815633" s="10"/>
    </row>
    <row r="815634" spans="14:14">
      <c r="N815634" s="10"/>
    </row>
    <row r="815635" spans="14:14">
      <c r="N815635" s="10"/>
    </row>
    <row r="815636" spans="14:14">
      <c r="N815636" s="10"/>
    </row>
    <row r="815637" spans="14:14">
      <c r="N815637" s="10"/>
    </row>
    <row r="815638" spans="14:14">
      <c r="N815638" s="10"/>
    </row>
    <row r="815639" spans="14:14">
      <c r="N815639" s="10"/>
    </row>
    <row r="815640" spans="14:14">
      <c r="N815640" s="10"/>
    </row>
    <row r="815641" spans="14:14">
      <c r="N815641" s="10"/>
    </row>
    <row r="815642" spans="14:14">
      <c r="N815642" s="10"/>
    </row>
    <row r="815643" spans="14:14">
      <c r="N815643" s="10"/>
    </row>
    <row r="815644" spans="14:14">
      <c r="N815644" s="10"/>
    </row>
    <row r="815645" spans="14:14">
      <c r="N815645" s="10"/>
    </row>
    <row r="815646" spans="14:14">
      <c r="N815646" s="10"/>
    </row>
    <row r="815647" spans="14:14">
      <c r="N815647" s="10"/>
    </row>
    <row r="815648" spans="14:14">
      <c r="N815648" s="10"/>
    </row>
    <row r="815649" spans="14:14">
      <c r="N815649" s="10"/>
    </row>
    <row r="815650" spans="14:14">
      <c r="N815650" s="10"/>
    </row>
    <row r="815651" spans="14:14">
      <c r="N815651" s="10"/>
    </row>
    <row r="815652" spans="14:14">
      <c r="N815652" s="10"/>
    </row>
    <row r="815653" spans="14:14">
      <c r="N815653" s="10"/>
    </row>
    <row r="815654" spans="14:14">
      <c r="N815654" s="10"/>
    </row>
    <row r="815655" spans="14:14">
      <c r="N815655" s="10"/>
    </row>
    <row r="815656" spans="14:14">
      <c r="N815656" s="10"/>
    </row>
    <row r="815657" spans="14:14">
      <c r="N815657" s="10"/>
    </row>
    <row r="815658" spans="14:14">
      <c r="N815658" s="10"/>
    </row>
    <row r="815659" spans="14:14">
      <c r="N815659" s="10"/>
    </row>
    <row r="815660" spans="14:14">
      <c r="N815660" s="10"/>
    </row>
    <row r="815661" spans="14:14">
      <c r="N815661" s="10"/>
    </row>
    <row r="815662" spans="14:14">
      <c r="N815662" s="10"/>
    </row>
    <row r="815663" spans="14:14">
      <c r="N815663" s="10"/>
    </row>
    <row r="815664" spans="14:14">
      <c r="N815664" s="10"/>
    </row>
    <row r="815665" spans="14:14">
      <c r="N815665" s="10"/>
    </row>
    <row r="815666" spans="14:14">
      <c r="N815666" s="10"/>
    </row>
    <row r="815667" spans="14:14">
      <c r="N815667" s="10"/>
    </row>
    <row r="815668" spans="14:14">
      <c r="N815668" s="10"/>
    </row>
    <row r="815669" spans="14:14">
      <c r="N815669" s="10"/>
    </row>
    <row r="815670" spans="14:14">
      <c r="N815670" s="10"/>
    </row>
    <row r="815671" spans="14:14">
      <c r="N815671" s="10"/>
    </row>
    <row r="815672" spans="14:14">
      <c r="N815672" s="10"/>
    </row>
    <row r="815673" spans="14:14">
      <c r="N815673" s="10"/>
    </row>
    <row r="815674" spans="14:14">
      <c r="N815674" s="10"/>
    </row>
    <row r="815675" spans="14:14">
      <c r="N815675" s="10"/>
    </row>
    <row r="815676" spans="14:14">
      <c r="N815676" s="10"/>
    </row>
    <row r="815677" spans="14:14">
      <c r="N815677" s="10"/>
    </row>
    <row r="815678" spans="14:14">
      <c r="N815678" s="10"/>
    </row>
    <row r="815679" spans="14:14">
      <c r="N815679" s="10"/>
    </row>
    <row r="815680" spans="14:14">
      <c r="N815680" s="10"/>
    </row>
    <row r="815681" spans="14:14">
      <c r="N815681" s="10"/>
    </row>
    <row r="815682" spans="14:14">
      <c r="N815682" s="10"/>
    </row>
    <row r="815683" spans="14:14">
      <c r="N815683" s="10"/>
    </row>
    <row r="815684" spans="14:14">
      <c r="N815684" s="10"/>
    </row>
    <row r="815685" spans="14:14">
      <c r="N815685" s="10"/>
    </row>
    <row r="815686" spans="14:14">
      <c r="N815686" s="10"/>
    </row>
    <row r="815687" spans="14:14">
      <c r="N815687" s="10"/>
    </row>
    <row r="815688" spans="14:14">
      <c r="N815688" s="10"/>
    </row>
    <row r="815689" spans="14:14">
      <c r="N815689" s="10"/>
    </row>
    <row r="815690" spans="14:14">
      <c r="N815690" s="10"/>
    </row>
    <row r="815691" spans="14:14">
      <c r="N815691" s="10"/>
    </row>
    <row r="815692" spans="14:14">
      <c r="N815692" s="10"/>
    </row>
    <row r="815693" spans="14:14">
      <c r="N815693" s="10"/>
    </row>
    <row r="815694" spans="14:14">
      <c r="N815694" s="10"/>
    </row>
    <row r="815695" spans="14:14">
      <c r="N815695" s="10"/>
    </row>
    <row r="815696" spans="14:14">
      <c r="N815696" s="10"/>
    </row>
    <row r="815697" spans="14:14">
      <c r="N815697" s="10"/>
    </row>
    <row r="815698" spans="14:14">
      <c r="N815698" s="10"/>
    </row>
    <row r="815699" spans="14:14">
      <c r="N815699" s="10"/>
    </row>
    <row r="815700" spans="14:14">
      <c r="N815700" s="10"/>
    </row>
    <row r="815701" spans="14:14">
      <c r="N815701" s="10"/>
    </row>
    <row r="815702" spans="14:14">
      <c r="N815702" s="10"/>
    </row>
    <row r="815703" spans="14:14">
      <c r="N815703" s="10"/>
    </row>
    <row r="815704" spans="14:14">
      <c r="N815704" s="10"/>
    </row>
    <row r="815705" spans="14:14">
      <c r="N815705" s="10"/>
    </row>
    <row r="815706" spans="14:14">
      <c r="N815706" s="10"/>
    </row>
    <row r="815707" spans="14:14">
      <c r="N815707" s="10"/>
    </row>
    <row r="815708" spans="14:14">
      <c r="N815708" s="10"/>
    </row>
    <row r="815709" spans="14:14">
      <c r="N815709" s="10"/>
    </row>
    <row r="815710" spans="14:14">
      <c r="N815710" s="10"/>
    </row>
    <row r="815711" spans="14:14">
      <c r="N815711" s="10"/>
    </row>
    <row r="815712" spans="14:14">
      <c r="N815712" s="10"/>
    </row>
    <row r="815713" spans="14:14">
      <c r="N815713" s="10"/>
    </row>
    <row r="815714" spans="14:14">
      <c r="N815714" s="10"/>
    </row>
    <row r="815715" spans="14:14">
      <c r="N815715" s="10"/>
    </row>
    <row r="815716" spans="14:14">
      <c r="N815716" s="10"/>
    </row>
    <row r="815717" spans="14:14">
      <c r="N815717" s="10"/>
    </row>
    <row r="815718" spans="14:14">
      <c r="N815718" s="10"/>
    </row>
    <row r="815719" spans="14:14">
      <c r="N815719" s="10"/>
    </row>
    <row r="815720" spans="14:14">
      <c r="N815720" s="10"/>
    </row>
    <row r="815721" spans="14:14">
      <c r="N815721" s="10"/>
    </row>
    <row r="815722" spans="14:14">
      <c r="N815722" s="10"/>
    </row>
    <row r="815723" spans="14:14">
      <c r="N815723" s="10"/>
    </row>
    <row r="815724" spans="14:14">
      <c r="N815724" s="10"/>
    </row>
    <row r="815725" spans="14:14">
      <c r="N815725" s="10"/>
    </row>
    <row r="815726" spans="14:14">
      <c r="N815726" s="10"/>
    </row>
    <row r="815727" spans="14:14">
      <c r="N815727" s="10"/>
    </row>
    <row r="815728" spans="14:14">
      <c r="N815728" s="10"/>
    </row>
    <row r="815729" spans="14:14">
      <c r="N815729" s="10"/>
    </row>
    <row r="815730" spans="14:14">
      <c r="N815730" s="10"/>
    </row>
    <row r="815731" spans="14:14">
      <c r="N815731" s="10"/>
    </row>
    <row r="815732" spans="14:14">
      <c r="N815732" s="10"/>
    </row>
    <row r="815733" spans="14:14">
      <c r="N815733" s="10"/>
    </row>
    <row r="815734" spans="14:14">
      <c r="N815734" s="10"/>
    </row>
    <row r="815735" spans="14:14">
      <c r="N815735" s="10"/>
    </row>
    <row r="815736" spans="14:14">
      <c r="N815736" s="10"/>
    </row>
    <row r="815737" spans="14:14">
      <c r="N815737" s="10"/>
    </row>
    <row r="815738" spans="14:14">
      <c r="N815738" s="10"/>
    </row>
    <row r="815739" spans="14:14">
      <c r="N815739" s="10"/>
    </row>
    <row r="815740" spans="14:14">
      <c r="N815740" s="10"/>
    </row>
    <row r="815741" spans="14:14">
      <c r="N815741" s="10"/>
    </row>
    <row r="815742" spans="14:14">
      <c r="N815742" s="10"/>
    </row>
    <row r="815743" spans="14:14">
      <c r="N815743" s="10"/>
    </row>
    <row r="815744" spans="14:14">
      <c r="N815744" s="10"/>
    </row>
    <row r="815745" spans="14:14">
      <c r="N815745" s="10"/>
    </row>
    <row r="815746" spans="14:14">
      <c r="N815746" s="10"/>
    </row>
    <row r="815747" spans="14:14">
      <c r="N815747" s="10"/>
    </row>
    <row r="815748" spans="14:14">
      <c r="N815748" s="10"/>
    </row>
    <row r="815749" spans="14:14">
      <c r="N815749" s="10"/>
    </row>
    <row r="815750" spans="14:14">
      <c r="N815750" s="10"/>
    </row>
    <row r="815751" spans="14:14">
      <c r="N815751" s="10"/>
    </row>
    <row r="815752" spans="14:14">
      <c r="N815752" s="10"/>
    </row>
    <row r="815753" spans="14:14">
      <c r="N815753" s="10"/>
    </row>
    <row r="815754" spans="14:14">
      <c r="N815754" s="10"/>
    </row>
    <row r="815755" spans="14:14">
      <c r="N815755" s="10"/>
    </row>
    <row r="815756" spans="14:14">
      <c r="N815756" s="10"/>
    </row>
    <row r="815757" spans="14:14">
      <c r="N815757" s="10"/>
    </row>
    <row r="815758" spans="14:14">
      <c r="N815758" s="10"/>
    </row>
    <row r="815759" spans="14:14">
      <c r="N815759" s="10"/>
    </row>
    <row r="815760" spans="14:14">
      <c r="N815760" s="10"/>
    </row>
    <row r="815761" spans="14:14">
      <c r="N815761" s="10"/>
    </row>
    <row r="815762" spans="14:14">
      <c r="N815762" s="10"/>
    </row>
    <row r="815763" spans="14:14">
      <c r="N815763" s="10"/>
    </row>
    <row r="815764" spans="14:14">
      <c r="N815764" s="10"/>
    </row>
    <row r="815765" spans="14:14">
      <c r="N815765" s="10"/>
    </row>
    <row r="815766" spans="14:14">
      <c r="N815766" s="10"/>
    </row>
    <row r="815767" spans="14:14">
      <c r="N815767" s="10"/>
    </row>
    <row r="815768" spans="14:14">
      <c r="N815768" s="10"/>
    </row>
    <row r="815769" spans="14:14">
      <c r="N815769" s="10"/>
    </row>
    <row r="815770" spans="14:14">
      <c r="N815770" s="10"/>
    </row>
    <row r="815771" spans="14:14">
      <c r="N815771" s="10"/>
    </row>
    <row r="815772" spans="14:14">
      <c r="N815772" s="10"/>
    </row>
    <row r="815773" spans="14:14">
      <c r="N815773" s="10"/>
    </row>
    <row r="815774" spans="14:14">
      <c r="N815774" s="10"/>
    </row>
    <row r="815775" spans="14:14">
      <c r="N815775" s="10"/>
    </row>
    <row r="815776" spans="14:14">
      <c r="N815776" s="10"/>
    </row>
    <row r="815777" spans="14:14">
      <c r="N815777" s="10"/>
    </row>
    <row r="815778" spans="14:14">
      <c r="N815778" s="10"/>
    </row>
    <row r="815779" spans="14:14">
      <c r="N815779" s="10"/>
    </row>
    <row r="815780" spans="14:14">
      <c r="N815780" s="10"/>
    </row>
    <row r="815781" spans="14:14">
      <c r="N815781" s="10"/>
    </row>
    <row r="815782" spans="14:14">
      <c r="N815782" s="10"/>
    </row>
    <row r="815783" spans="14:14">
      <c r="N815783" s="10"/>
    </row>
    <row r="815784" spans="14:14">
      <c r="N815784" s="10"/>
    </row>
    <row r="815785" spans="14:14">
      <c r="N815785" s="10"/>
    </row>
    <row r="815786" spans="14:14">
      <c r="N815786" s="10"/>
    </row>
    <row r="815787" spans="14:14">
      <c r="N815787" s="10"/>
    </row>
    <row r="815788" spans="14:14">
      <c r="N815788" s="10"/>
    </row>
    <row r="815789" spans="14:14">
      <c r="N815789" s="10"/>
    </row>
    <row r="815790" spans="14:14">
      <c r="N815790" s="10"/>
    </row>
    <row r="815791" spans="14:14">
      <c r="N815791" s="10"/>
    </row>
    <row r="815792" spans="14:14">
      <c r="N815792" s="10"/>
    </row>
    <row r="815793" spans="14:14">
      <c r="N815793" s="10"/>
    </row>
    <row r="815794" spans="14:14">
      <c r="N815794" s="10"/>
    </row>
    <row r="815795" spans="14:14">
      <c r="N815795" s="10"/>
    </row>
    <row r="815796" spans="14:14">
      <c r="N815796" s="10"/>
    </row>
    <row r="815797" spans="14:14">
      <c r="N815797" s="10"/>
    </row>
    <row r="815798" spans="14:14">
      <c r="N815798" s="10"/>
    </row>
    <row r="815799" spans="14:14">
      <c r="N815799" s="10"/>
    </row>
    <row r="815800" spans="14:14">
      <c r="N815800" s="10"/>
    </row>
    <row r="815801" spans="14:14">
      <c r="N815801" s="10"/>
    </row>
    <row r="815802" spans="14:14">
      <c r="N815802" s="10"/>
    </row>
    <row r="815803" spans="14:14">
      <c r="N815803" s="10"/>
    </row>
    <row r="815804" spans="14:14">
      <c r="N815804" s="10"/>
    </row>
    <row r="815805" spans="14:14">
      <c r="N815805" s="10"/>
    </row>
    <row r="815806" spans="14:14">
      <c r="N815806" s="10"/>
    </row>
    <row r="815807" spans="14:14">
      <c r="N815807" s="10"/>
    </row>
    <row r="815808" spans="14:14">
      <c r="N815808" s="10"/>
    </row>
    <row r="815809" spans="14:14">
      <c r="N815809" s="10"/>
    </row>
    <row r="815810" spans="14:14">
      <c r="N815810" s="10"/>
    </row>
    <row r="815811" spans="14:14">
      <c r="N815811" s="10"/>
    </row>
    <row r="815812" spans="14:14">
      <c r="N815812" s="10"/>
    </row>
    <row r="815813" spans="14:14">
      <c r="N815813" s="10"/>
    </row>
    <row r="815814" spans="14:14">
      <c r="N815814" s="10"/>
    </row>
    <row r="815815" spans="14:14">
      <c r="N815815" s="10"/>
    </row>
    <row r="815816" spans="14:14">
      <c r="N815816" s="10"/>
    </row>
    <row r="815817" spans="14:14">
      <c r="N815817" s="10"/>
    </row>
    <row r="815818" spans="14:14">
      <c r="N815818" s="10"/>
    </row>
    <row r="815819" spans="14:14">
      <c r="N815819" s="10"/>
    </row>
    <row r="815820" spans="14:14">
      <c r="N815820" s="10"/>
    </row>
    <row r="815821" spans="14:14">
      <c r="N815821" s="10"/>
    </row>
    <row r="815822" spans="14:14">
      <c r="N815822" s="10"/>
    </row>
    <row r="815823" spans="14:14">
      <c r="N815823" s="10"/>
    </row>
    <row r="815824" spans="14:14">
      <c r="N815824" s="10"/>
    </row>
    <row r="815825" spans="14:14">
      <c r="N815825" s="10"/>
    </row>
    <row r="815826" spans="14:14">
      <c r="N815826" s="10"/>
    </row>
    <row r="815827" spans="14:14">
      <c r="N815827" s="10"/>
    </row>
    <row r="815828" spans="14:14">
      <c r="N815828" s="10"/>
    </row>
    <row r="815829" spans="14:14">
      <c r="N815829" s="10"/>
    </row>
    <row r="815830" spans="14:14">
      <c r="N815830" s="10"/>
    </row>
    <row r="815831" spans="14:14">
      <c r="N815831" s="10"/>
    </row>
    <row r="815832" spans="14:14">
      <c r="N815832" s="10"/>
    </row>
    <row r="815833" spans="14:14">
      <c r="N815833" s="10"/>
    </row>
    <row r="815834" spans="14:14">
      <c r="N815834" s="10"/>
    </row>
    <row r="815835" spans="14:14">
      <c r="N815835" s="10"/>
    </row>
    <row r="815836" spans="14:14">
      <c r="N815836" s="10"/>
    </row>
    <row r="815837" spans="14:14">
      <c r="N815837" s="10"/>
    </row>
    <row r="815838" spans="14:14">
      <c r="N815838" s="10"/>
    </row>
    <row r="815839" spans="14:14">
      <c r="N815839" s="10"/>
    </row>
    <row r="815840" spans="14:14">
      <c r="N815840" s="10"/>
    </row>
    <row r="815841" spans="14:14">
      <c r="N815841" s="10"/>
    </row>
    <row r="815842" spans="14:14">
      <c r="N815842" s="10"/>
    </row>
    <row r="815843" spans="14:14">
      <c r="N815843" s="10"/>
    </row>
    <row r="815844" spans="14:14">
      <c r="N815844" s="10"/>
    </row>
    <row r="815845" spans="14:14">
      <c r="N815845" s="10"/>
    </row>
    <row r="815846" spans="14:14">
      <c r="N815846" s="10"/>
    </row>
    <row r="815847" spans="14:14">
      <c r="N815847" s="10"/>
    </row>
    <row r="815848" spans="14:14">
      <c r="N815848" s="10"/>
    </row>
    <row r="815849" spans="14:14">
      <c r="N815849" s="10"/>
    </row>
    <row r="815850" spans="14:14">
      <c r="N815850" s="10"/>
    </row>
    <row r="815851" spans="14:14">
      <c r="N815851" s="10"/>
    </row>
    <row r="815852" spans="14:14">
      <c r="N815852" s="10"/>
    </row>
    <row r="815853" spans="14:14">
      <c r="N815853" s="10"/>
    </row>
    <row r="815854" spans="14:14">
      <c r="N815854" s="10"/>
    </row>
    <row r="815855" spans="14:14">
      <c r="N815855" s="10"/>
    </row>
    <row r="815856" spans="14:14">
      <c r="N815856" s="10"/>
    </row>
    <row r="815857" spans="14:14">
      <c r="N815857" s="10"/>
    </row>
    <row r="815858" spans="14:14">
      <c r="N815858" s="10"/>
    </row>
    <row r="815859" spans="14:14">
      <c r="N815859" s="10"/>
    </row>
    <row r="815860" spans="14:14">
      <c r="N815860" s="10"/>
    </row>
    <row r="815861" spans="14:14">
      <c r="N815861" s="10"/>
    </row>
    <row r="815862" spans="14:14">
      <c r="N815862" s="10"/>
    </row>
    <row r="815863" spans="14:14">
      <c r="N815863" s="10"/>
    </row>
    <row r="815864" spans="14:14">
      <c r="N815864" s="10"/>
    </row>
    <row r="815865" spans="14:14">
      <c r="N815865" s="10"/>
    </row>
    <row r="815866" spans="14:14">
      <c r="N815866" s="10"/>
    </row>
    <row r="815867" spans="14:14">
      <c r="N815867" s="10"/>
    </row>
    <row r="815868" spans="14:14">
      <c r="N815868" s="10"/>
    </row>
    <row r="815869" spans="14:14">
      <c r="N815869" s="10"/>
    </row>
    <row r="815870" spans="14:14">
      <c r="N815870" s="10"/>
    </row>
    <row r="815871" spans="14:14">
      <c r="N815871" s="10"/>
    </row>
    <row r="815872" spans="14:14">
      <c r="N815872" s="10"/>
    </row>
    <row r="815873" spans="14:14">
      <c r="N815873" s="10"/>
    </row>
    <row r="815874" spans="14:14">
      <c r="N815874" s="10"/>
    </row>
    <row r="815875" spans="14:14">
      <c r="N815875" s="10"/>
    </row>
    <row r="815876" spans="14:14">
      <c r="N815876" s="10"/>
    </row>
    <row r="815877" spans="14:14">
      <c r="N815877" s="10"/>
    </row>
    <row r="815878" spans="14:14">
      <c r="N815878" s="10"/>
    </row>
    <row r="815879" spans="14:14">
      <c r="N815879" s="10"/>
    </row>
    <row r="815880" spans="14:14">
      <c r="N815880" s="10"/>
    </row>
    <row r="815881" spans="14:14">
      <c r="N815881" s="10"/>
    </row>
    <row r="815882" spans="14:14">
      <c r="N815882" s="10"/>
    </row>
    <row r="815883" spans="14:14">
      <c r="N815883" s="10"/>
    </row>
    <row r="815884" spans="14:14">
      <c r="N815884" s="10"/>
    </row>
    <row r="815885" spans="14:14">
      <c r="N815885" s="10"/>
    </row>
    <row r="815886" spans="14:14">
      <c r="N815886" s="10"/>
    </row>
    <row r="815887" spans="14:14">
      <c r="N815887" s="10"/>
    </row>
    <row r="815888" spans="14:14">
      <c r="N815888" s="10"/>
    </row>
    <row r="815889" spans="14:14">
      <c r="N815889" s="10"/>
    </row>
    <row r="815890" spans="14:14">
      <c r="N815890" s="10"/>
    </row>
    <row r="815891" spans="14:14">
      <c r="N815891" s="10"/>
    </row>
    <row r="815892" spans="14:14">
      <c r="N815892" s="10"/>
    </row>
    <row r="815893" spans="14:14">
      <c r="N815893" s="10"/>
    </row>
    <row r="815894" spans="14:14">
      <c r="N815894" s="10"/>
    </row>
    <row r="815895" spans="14:14">
      <c r="N815895" s="10"/>
    </row>
    <row r="815896" spans="14:14">
      <c r="N815896" s="10"/>
    </row>
    <row r="815897" spans="14:14">
      <c r="N815897" s="10"/>
    </row>
    <row r="815898" spans="14:14">
      <c r="N815898" s="10"/>
    </row>
    <row r="815899" spans="14:14">
      <c r="N815899" s="10"/>
    </row>
    <row r="815900" spans="14:14">
      <c r="N815900" s="10"/>
    </row>
    <row r="815901" spans="14:14">
      <c r="N815901" s="10"/>
    </row>
    <row r="815902" spans="14:14">
      <c r="N815902" s="10"/>
    </row>
    <row r="815903" spans="14:14">
      <c r="N815903" s="10"/>
    </row>
    <row r="815904" spans="14:14">
      <c r="N815904" s="10"/>
    </row>
    <row r="815905" spans="14:14">
      <c r="N815905" s="10"/>
    </row>
    <row r="815906" spans="14:14">
      <c r="N815906" s="10"/>
    </row>
    <row r="815907" spans="14:14">
      <c r="N815907" s="10"/>
    </row>
    <row r="815908" spans="14:14">
      <c r="N815908" s="10"/>
    </row>
    <row r="815909" spans="14:14">
      <c r="N815909" s="10"/>
    </row>
    <row r="815910" spans="14:14">
      <c r="N815910" s="10"/>
    </row>
    <row r="815911" spans="14:14">
      <c r="N815911" s="10"/>
    </row>
    <row r="815912" spans="14:14">
      <c r="N815912" s="10"/>
    </row>
    <row r="815913" spans="14:14">
      <c r="N815913" s="10"/>
    </row>
    <row r="815914" spans="14:14">
      <c r="N815914" s="10"/>
    </row>
    <row r="815915" spans="14:14">
      <c r="N815915" s="10"/>
    </row>
    <row r="815916" spans="14:14">
      <c r="N815916" s="10"/>
    </row>
    <row r="815917" spans="14:14">
      <c r="N815917" s="10"/>
    </row>
    <row r="815918" spans="14:14">
      <c r="N815918" s="10"/>
    </row>
    <row r="815919" spans="14:14">
      <c r="N815919" s="10"/>
    </row>
    <row r="815920" spans="14:14">
      <c r="N815920" s="10"/>
    </row>
    <row r="815921" spans="14:14">
      <c r="N815921" s="10"/>
    </row>
    <row r="815922" spans="14:14">
      <c r="N815922" s="10"/>
    </row>
    <row r="815923" spans="14:14">
      <c r="N815923" s="10"/>
    </row>
    <row r="815924" spans="14:14">
      <c r="N815924" s="10"/>
    </row>
    <row r="815925" spans="14:14">
      <c r="N815925" s="10"/>
    </row>
    <row r="815926" spans="14:14">
      <c r="N815926" s="10"/>
    </row>
    <row r="815927" spans="14:14">
      <c r="N815927" s="10"/>
    </row>
    <row r="815928" spans="14:14">
      <c r="N815928" s="10"/>
    </row>
    <row r="815929" spans="14:14">
      <c r="N815929" s="10"/>
    </row>
    <row r="815930" spans="14:14">
      <c r="N815930" s="10"/>
    </row>
    <row r="815931" spans="14:14">
      <c r="N815931" s="10"/>
    </row>
    <row r="815932" spans="14:14">
      <c r="N815932" s="10"/>
    </row>
    <row r="815933" spans="14:14">
      <c r="N815933" s="10"/>
    </row>
    <row r="815934" spans="14:14">
      <c r="N815934" s="10"/>
    </row>
    <row r="815935" spans="14:14">
      <c r="N815935" s="10"/>
    </row>
    <row r="815936" spans="14:14">
      <c r="N815936" s="10"/>
    </row>
    <row r="815937" spans="14:14">
      <c r="N815937" s="10"/>
    </row>
    <row r="815938" spans="14:14">
      <c r="N815938" s="10"/>
    </row>
    <row r="815939" spans="14:14">
      <c r="N815939" s="10"/>
    </row>
    <row r="815940" spans="14:14">
      <c r="N815940" s="10"/>
    </row>
    <row r="815941" spans="14:14">
      <c r="N815941" s="10"/>
    </row>
    <row r="815942" spans="14:14">
      <c r="N815942" s="10"/>
    </row>
    <row r="815943" spans="14:14">
      <c r="N815943" s="10"/>
    </row>
    <row r="815944" spans="14:14">
      <c r="N815944" s="10"/>
    </row>
    <row r="815945" spans="14:14">
      <c r="N815945" s="10"/>
    </row>
    <row r="815946" spans="14:14">
      <c r="N815946" s="10"/>
    </row>
    <row r="815947" spans="14:14">
      <c r="N815947" s="10"/>
    </row>
    <row r="815948" spans="14:14">
      <c r="N815948" s="10"/>
    </row>
    <row r="815949" spans="14:14">
      <c r="N815949" s="10"/>
    </row>
    <row r="815950" spans="14:14">
      <c r="N815950" s="10"/>
    </row>
    <row r="815951" spans="14:14">
      <c r="N815951" s="10"/>
    </row>
    <row r="815952" spans="14:14">
      <c r="N815952" s="10"/>
    </row>
    <row r="815953" spans="14:14">
      <c r="N815953" s="10"/>
    </row>
    <row r="815954" spans="14:14">
      <c r="N815954" s="10"/>
    </row>
    <row r="815955" spans="14:14">
      <c r="N815955" s="10"/>
    </row>
    <row r="815956" spans="14:14">
      <c r="N815956" s="10"/>
    </row>
    <row r="815957" spans="14:14">
      <c r="N815957" s="10"/>
    </row>
    <row r="815958" spans="14:14">
      <c r="N815958" s="10"/>
    </row>
    <row r="815959" spans="14:14">
      <c r="N815959" s="10"/>
    </row>
    <row r="815960" spans="14:14">
      <c r="N815960" s="10"/>
    </row>
    <row r="815961" spans="14:14">
      <c r="N815961" s="10"/>
    </row>
    <row r="815962" spans="14:14">
      <c r="N815962" s="10"/>
    </row>
    <row r="815963" spans="14:14">
      <c r="N815963" s="10"/>
    </row>
    <row r="815964" spans="14:14">
      <c r="N815964" s="10"/>
    </row>
    <row r="815965" spans="14:14">
      <c r="N815965" s="10"/>
    </row>
    <row r="815966" spans="14:14">
      <c r="N815966" s="10"/>
    </row>
    <row r="815967" spans="14:14">
      <c r="N815967" s="10"/>
    </row>
    <row r="815968" spans="14:14">
      <c r="N815968" s="10"/>
    </row>
    <row r="815969" spans="14:14">
      <c r="N815969" s="10"/>
    </row>
    <row r="815970" spans="14:14">
      <c r="N815970" s="10"/>
    </row>
    <row r="815971" spans="14:14">
      <c r="N815971" s="10"/>
    </row>
    <row r="815972" spans="14:14">
      <c r="N815972" s="10"/>
    </row>
    <row r="815973" spans="14:14">
      <c r="N815973" s="10"/>
    </row>
    <row r="815974" spans="14:14">
      <c r="N815974" s="10"/>
    </row>
    <row r="815975" spans="14:14">
      <c r="N815975" s="10"/>
    </row>
    <row r="815976" spans="14:14">
      <c r="N815976" s="10"/>
    </row>
    <row r="815977" spans="14:14">
      <c r="N815977" s="10"/>
    </row>
    <row r="815978" spans="14:14">
      <c r="N815978" s="10"/>
    </row>
    <row r="815979" spans="14:14">
      <c r="N815979" s="10"/>
    </row>
    <row r="815980" spans="14:14">
      <c r="N815980" s="10"/>
    </row>
    <row r="815981" spans="14:14">
      <c r="N815981" s="10"/>
    </row>
    <row r="815982" spans="14:14">
      <c r="N815982" s="10"/>
    </row>
    <row r="815983" spans="14:14">
      <c r="N815983" s="10"/>
    </row>
    <row r="815984" spans="14:14">
      <c r="N815984" s="10"/>
    </row>
    <row r="815985" spans="14:14">
      <c r="N815985" s="10"/>
    </row>
    <row r="815986" spans="14:14">
      <c r="N815986" s="10"/>
    </row>
    <row r="815987" spans="14:14">
      <c r="N815987" s="10"/>
    </row>
    <row r="815988" spans="14:14">
      <c r="N815988" s="10"/>
    </row>
    <row r="815989" spans="14:14">
      <c r="N815989" s="10"/>
    </row>
    <row r="815990" spans="14:14">
      <c r="N815990" s="10"/>
    </row>
    <row r="815991" spans="14:14">
      <c r="N815991" s="10"/>
    </row>
    <row r="815992" spans="14:14">
      <c r="N815992" s="10"/>
    </row>
    <row r="815993" spans="14:14">
      <c r="N815993" s="10"/>
    </row>
    <row r="815994" spans="14:14">
      <c r="N815994" s="10"/>
    </row>
    <row r="815995" spans="14:14">
      <c r="N815995" s="10"/>
    </row>
    <row r="815996" spans="14:14">
      <c r="N815996" s="10"/>
    </row>
    <row r="815997" spans="14:14">
      <c r="N815997" s="10"/>
    </row>
    <row r="815998" spans="14:14">
      <c r="N815998" s="10"/>
    </row>
    <row r="815999" spans="14:14">
      <c r="N815999" s="10"/>
    </row>
    <row r="816000" spans="14:14">
      <c r="N816000" s="10"/>
    </row>
    <row r="816001" spans="14:14">
      <c r="N816001" s="10"/>
    </row>
    <row r="816002" spans="14:14">
      <c r="N816002" s="10"/>
    </row>
    <row r="816003" spans="14:14">
      <c r="N816003" s="10"/>
    </row>
    <row r="816004" spans="14:14">
      <c r="N816004" s="10"/>
    </row>
    <row r="816005" spans="14:14">
      <c r="N816005" s="10"/>
    </row>
    <row r="816006" spans="14:14">
      <c r="N816006" s="10"/>
    </row>
    <row r="816007" spans="14:14">
      <c r="N816007" s="10"/>
    </row>
    <row r="816008" spans="14:14">
      <c r="N816008" s="10"/>
    </row>
    <row r="816009" spans="14:14">
      <c r="N816009" s="10"/>
    </row>
    <row r="816010" spans="14:14">
      <c r="N816010" s="10"/>
    </row>
    <row r="816011" spans="14:14">
      <c r="N816011" s="10"/>
    </row>
    <row r="816012" spans="14:14">
      <c r="N816012" s="10"/>
    </row>
    <row r="816013" spans="14:14">
      <c r="N816013" s="10"/>
    </row>
    <row r="816014" spans="14:14">
      <c r="N816014" s="10"/>
    </row>
    <row r="816015" spans="14:14">
      <c r="N816015" s="10"/>
    </row>
    <row r="816016" spans="14:14">
      <c r="N816016" s="10"/>
    </row>
    <row r="816017" spans="14:14">
      <c r="N816017" s="10"/>
    </row>
    <row r="816018" spans="14:14">
      <c r="N816018" s="10"/>
    </row>
    <row r="816019" spans="14:14">
      <c r="N816019" s="10"/>
    </row>
    <row r="816020" spans="14:14">
      <c r="N816020" s="10"/>
    </row>
    <row r="816021" spans="14:14">
      <c r="N816021" s="10"/>
    </row>
    <row r="816022" spans="14:14">
      <c r="N816022" s="10"/>
    </row>
    <row r="816023" spans="14:14">
      <c r="N816023" s="10"/>
    </row>
    <row r="816024" spans="14:14">
      <c r="N816024" s="10"/>
    </row>
    <row r="816025" spans="14:14">
      <c r="N816025" s="10"/>
    </row>
    <row r="816026" spans="14:14">
      <c r="N816026" s="10"/>
    </row>
    <row r="816027" spans="14:14">
      <c r="N816027" s="10"/>
    </row>
    <row r="816028" spans="14:14">
      <c r="N816028" s="10"/>
    </row>
    <row r="816029" spans="14:14">
      <c r="N816029" s="10"/>
    </row>
    <row r="816030" spans="14:14">
      <c r="N816030" s="10"/>
    </row>
    <row r="816031" spans="14:14">
      <c r="N816031" s="10"/>
    </row>
    <row r="816032" spans="14:14">
      <c r="N816032" s="10"/>
    </row>
    <row r="816033" spans="14:14">
      <c r="N816033" s="10"/>
    </row>
    <row r="816034" spans="14:14">
      <c r="N816034" s="10"/>
    </row>
    <row r="816035" spans="14:14">
      <c r="N816035" s="10"/>
    </row>
    <row r="816036" spans="14:14">
      <c r="N816036" s="10"/>
    </row>
    <row r="816037" spans="14:14">
      <c r="N816037" s="10"/>
    </row>
    <row r="816038" spans="14:14">
      <c r="N816038" s="10"/>
    </row>
    <row r="816039" spans="14:14">
      <c r="N816039" s="10"/>
    </row>
    <row r="816040" spans="14:14">
      <c r="N816040" s="10"/>
    </row>
    <row r="816041" spans="14:14">
      <c r="N816041" s="10"/>
    </row>
    <row r="816042" spans="14:14">
      <c r="N816042" s="10"/>
    </row>
    <row r="816043" spans="14:14">
      <c r="N816043" s="10"/>
    </row>
    <row r="816044" spans="14:14">
      <c r="N816044" s="10"/>
    </row>
    <row r="816045" spans="14:14">
      <c r="N816045" s="10"/>
    </row>
    <row r="816046" spans="14:14">
      <c r="N816046" s="10"/>
    </row>
    <row r="816047" spans="14:14">
      <c r="N816047" s="10"/>
    </row>
    <row r="816048" spans="14:14">
      <c r="N816048" s="10"/>
    </row>
    <row r="816049" spans="14:14">
      <c r="N816049" s="10"/>
    </row>
    <row r="816050" spans="14:14">
      <c r="N816050" s="10"/>
    </row>
    <row r="816051" spans="14:14">
      <c r="N816051" s="10"/>
    </row>
    <row r="816052" spans="14:14">
      <c r="N816052" s="10"/>
    </row>
    <row r="816053" spans="14:14">
      <c r="N816053" s="10"/>
    </row>
    <row r="816054" spans="14:14">
      <c r="N816054" s="10"/>
    </row>
    <row r="816055" spans="14:14">
      <c r="N816055" s="10"/>
    </row>
    <row r="816056" spans="14:14">
      <c r="N816056" s="10"/>
    </row>
    <row r="816057" spans="14:14">
      <c r="N816057" s="10"/>
    </row>
    <row r="816058" spans="14:14">
      <c r="N816058" s="10"/>
    </row>
    <row r="816059" spans="14:14">
      <c r="N816059" s="10"/>
    </row>
    <row r="816060" spans="14:14">
      <c r="N816060" s="10"/>
    </row>
    <row r="816061" spans="14:14">
      <c r="N816061" s="10"/>
    </row>
    <row r="816062" spans="14:14">
      <c r="N816062" s="10"/>
    </row>
    <row r="816063" spans="14:14">
      <c r="N816063" s="10"/>
    </row>
    <row r="816064" spans="14:14">
      <c r="N816064" s="10"/>
    </row>
    <row r="816065" spans="14:14">
      <c r="N816065" s="10"/>
    </row>
    <row r="816066" spans="14:14">
      <c r="N816066" s="10"/>
    </row>
    <row r="816067" spans="14:14">
      <c r="N816067" s="10"/>
    </row>
    <row r="816068" spans="14:14">
      <c r="N816068" s="10"/>
    </row>
    <row r="816069" spans="14:14">
      <c r="N816069" s="10"/>
    </row>
    <row r="816070" spans="14:14">
      <c r="N816070" s="10"/>
    </row>
    <row r="816071" spans="14:14">
      <c r="N816071" s="10"/>
    </row>
    <row r="816072" spans="14:14">
      <c r="N816072" s="10"/>
    </row>
    <row r="816073" spans="14:14">
      <c r="N816073" s="10"/>
    </row>
    <row r="816074" spans="14:14">
      <c r="N816074" s="10"/>
    </row>
    <row r="816075" spans="14:14">
      <c r="N816075" s="10"/>
    </row>
    <row r="816076" spans="14:14">
      <c r="N816076" s="10"/>
    </row>
    <row r="816077" spans="14:14">
      <c r="N816077" s="10"/>
    </row>
    <row r="816078" spans="14:14">
      <c r="N816078" s="10"/>
    </row>
    <row r="816079" spans="14:14">
      <c r="N816079" s="10"/>
    </row>
    <row r="816080" spans="14:14">
      <c r="N816080" s="10"/>
    </row>
    <row r="816081" spans="14:14">
      <c r="N816081" s="10"/>
    </row>
    <row r="816082" spans="14:14">
      <c r="N816082" s="10"/>
    </row>
    <row r="816083" spans="14:14">
      <c r="N816083" s="10"/>
    </row>
    <row r="816084" spans="14:14">
      <c r="N816084" s="10"/>
    </row>
    <row r="816085" spans="14:14">
      <c r="N816085" s="10"/>
    </row>
    <row r="816086" spans="14:14">
      <c r="N816086" s="10"/>
    </row>
    <row r="816087" spans="14:14">
      <c r="N816087" s="10"/>
    </row>
    <row r="816088" spans="14:14">
      <c r="N816088" s="10"/>
    </row>
    <row r="816089" spans="14:14">
      <c r="N816089" s="10"/>
    </row>
    <row r="816090" spans="14:14">
      <c r="N816090" s="10"/>
    </row>
    <row r="816091" spans="14:14">
      <c r="N816091" s="10"/>
    </row>
    <row r="816092" spans="14:14">
      <c r="N816092" s="10"/>
    </row>
    <row r="816093" spans="14:14">
      <c r="N816093" s="10"/>
    </row>
    <row r="816094" spans="14:14">
      <c r="N816094" s="10"/>
    </row>
    <row r="816095" spans="14:14">
      <c r="N816095" s="10"/>
    </row>
    <row r="816096" spans="14:14">
      <c r="N816096" s="10"/>
    </row>
    <row r="816097" spans="14:14">
      <c r="N816097" s="10"/>
    </row>
    <row r="816098" spans="14:14">
      <c r="N816098" s="10"/>
    </row>
    <row r="816099" spans="14:14">
      <c r="N816099" s="10"/>
    </row>
    <row r="816100" spans="14:14">
      <c r="N816100" s="10"/>
    </row>
    <row r="816101" spans="14:14">
      <c r="N816101" s="10"/>
    </row>
    <row r="816102" spans="14:14">
      <c r="N816102" s="10"/>
    </row>
    <row r="816103" spans="14:14">
      <c r="N816103" s="10"/>
    </row>
    <row r="816104" spans="14:14">
      <c r="N816104" s="10"/>
    </row>
    <row r="816105" spans="14:14">
      <c r="N816105" s="10"/>
    </row>
    <row r="816106" spans="14:14">
      <c r="N816106" s="10"/>
    </row>
    <row r="816107" spans="14:14">
      <c r="N816107" s="10"/>
    </row>
    <row r="816108" spans="14:14">
      <c r="N816108" s="10"/>
    </row>
    <row r="816109" spans="14:14">
      <c r="N816109" s="10"/>
    </row>
    <row r="816110" spans="14:14">
      <c r="N816110" s="10"/>
    </row>
    <row r="816111" spans="14:14">
      <c r="N816111" s="10"/>
    </row>
    <row r="816112" spans="14:14">
      <c r="N816112" s="10"/>
    </row>
    <row r="816113" spans="14:14">
      <c r="N816113" s="10"/>
    </row>
    <row r="816114" spans="14:14">
      <c r="N816114" s="10"/>
    </row>
    <row r="816115" spans="14:14">
      <c r="N816115" s="10"/>
    </row>
    <row r="816116" spans="14:14">
      <c r="N816116" s="10"/>
    </row>
    <row r="816117" spans="14:14">
      <c r="N816117" s="10"/>
    </row>
    <row r="816118" spans="14:14">
      <c r="N816118" s="10"/>
    </row>
    <row r="816119" spans="14:14">
      <c r="N816119" s="10"/>
    </row>
    <row r="816120" spans="14:14">
      <c r="N816120" s="10"/>
    </row>
    <row r="816121" spans="14:14">
      <c r="N816121" s="10"/>
    </row>
    <row r="816122" spans="14:14">
      <c r="N816122" s="10"/>
    </row>
    <row r="816123" spans="14:14">
      <c r="N816123" s="10"/>
    </row>
    <row r="816124" spans="14:14">
      <c r="N816124" s="10"/>
    </row>
    <row r="816125" spans="14:14">
      <c r="N816125" s="10"/>
    </row>
    <row r="816126" spans="14:14">
      <c r="N816126" s="10"/>
    </row>
    <row r="816127" spans="14:14">
      <c r="N816127" s="10"/>
    </row>
    <row r="816128" spans="14:14">
      <c r="N816128" s="10"/>
    </row>
    <row r="816129" spans="14:14">
      <c r="N816129" s="10"/>
    </row>
    <row r="816130" spans="14:14">
      <c r="N816130" s="10"/>
    </row>
    <row r="816131" spans="14:14">
      <c r="N816131" s="10"/>
    </row>
    <row r="816132" spans="14:14">
      <c r="N816132" s="10"/>
    </row>
    <row r="816133" spans="14:14">
      <c r="N816133" s="10"/>
    </row>
    <row r="816134" spans="14:14">
      <c r="N816134" s="10"/>
    </row>
    <row r="816135" spans="14:14">
      <c r="N816135" s="10"/>
    </row>
    <row r="816136" spans="14:14">
      <c r="N816136" s="10"/>
    </row>
    <row r="816137" spans="14:14">
      <c r="N816137" s="10"/>
    </row>
    <row r="816138" spans="14:14">
      <c r="N816138" s="10"/>
    </row>
    <row r="816139" spans="14:14">
      <c r="N816139" s="10"/>
    </row>
    <row r="816140" spans="14:14">
      <c r="N816140" s="10"/>
    </row>
    <row r="816141" spans="14:14">
      <c r="N816141" s="10"/>
    </row>
    <row r="816142" spans="14:14">
      <c r="N816142" s="10"/>
    </row>
    <row r="816143" spans="14:14">
      <c r="N816143" s="10"/>
    </row>
    <row r="816144" spans="14:14">
      <c r="N816144" s="10"/>
    </row>
    <row r="816145" spans="14:14">
      <c r="N816145" s="10"/>
    </row>
    <row r="816146" spans="14:14">
      <c r="N816146" s="10"/>
    </row>
    <row r="816147" spans="14:14">
      <c r="N816147" s="10"/>
    </row>
    <row r="816148" spans="14:14">
      <c r="N816148" s="10"/>
    </row>
    <row r="816149" spans="14:14">
      <c r="N816149" s="10"/>
    </row>
    <row r="816150" spans="14:14">
      <c r="N816150" s="10"/>
    </row>
    <row r="816151" spans="14:14">
      <c r="N816151" s="10"/>
    </row>
    <row r="816152" spans="14:14">
      <c r="N816152" s="10"/>
    </row>
    <row r="816153" spans="14:14">
      <c r="N816153" s="10"/>
    </row>
    <row r="816154" spans="14:14">
      <c r="N816154" s="10"/>
    </row>
    <row r="816155" spans="14:14">
      <c r="N816155" s="10"/>
    </row>
    <row r="816156" spans="14:14">
      <c r="N816156" s="10"/>
    </row>
    <row r="816157" spans="14:14">
      <c r="N816157" s="10"/>
    </row>
    <row r="816158" spans="14:14">
      <c r="N816158" s="10"/>
    </row>
    <row r="816159" spans="14:14">
      <c r="N816159" s="10"/>
    </row>
    <row r="816160" spans="14:14">
      <c r="N816160" s="10"/>
    </row>
    <row r="816161" spans="14:14">
      <c r="N816161" s="10"/>
    </row>
    <row r="816162" spans="14:14">
      <c r="N816162" s="10"/>
    </row>
    <row r="816163" spans="14:14">
      <c r="N816163" s="10"/>
    </row>
    <row r="816164" spans="14:14">
      <c r="N816164" s="10"/>
    </row>
    <row r="816165" spans="14:14">
      <c r="N816165" s="10"/>
    </row>
    <row r="816166" spans="14:14">
      <c r="N816166" s="10"/>
    </row>
    <row r="816167" spans="14:14">
      <c r="N816167" s="10"/>
    </row>
    <row r="816168" spans="14:14">
      <c r="N816168" s="10"/>
    </row>
    <row r="816169" spans="14:14">
      <c r="N816169" s="10"/>
    </row>
    <row r="816170" spans="14:14">
      <c r="N816170" s="10"/>
    </row>
    <row r="816171" spans="14:14">
      <c r="N816171" s="10"/>
    </row>
    <row r="816172" spans="14:14">
      <c r="N816172" s="10"/>
    </row>
    <row r="816173" spans="14:14">
      <c r="N816173" s="10"/>
    </row>
    <row r="816174" spans="14:14">
      <c r="N816174" s="10"/>
    </row>
    <row r="816175" spans="14:14">
      <c r="N816175" s="10"/>
    </row>
    <row r="816176" spans="14:14">
      <c r="N816176" s="10"/>
    </row>
    <row r="816177" spans="14:14">
      <c r="N816177" s="10"/>
    </row>
    <row r="816178" spans="14:14">
      <c r="N816178" s="10"/>
    </row>
    <row r="816179" spans="14:14">
      <c r="N816179" s="10"/>
    </row>
    <row r="816180" spans="14:14">
      <c r="N816180" s="10"/>
    </row>
    <row r="816181" spans="14:14">
      <c r="N816181" s="10"/>
    </row>
    <row r="816182" spans="14:14">
      <c r="N816182" s="10"/>
    </row>
    <row r="816183" spans="14:14">
      <c r="N816183" s="10"/>
    </row>
    <row r="816184" spans="14:14">
      <c r="N816184" s="10"/>
    </row>
    <row r="816185" spans="14:14">
      <c r="N816185" s="10"/>
    </row>
    <row r="816186" spans="14:14">
      <c r="N816186" s="10"/>
    </row>
    <row r="816187" spans="14:14">
      <c r="N816187" s="10"/>
    </row>
    <row r="816188" spans="14:14">
      <c r="N816188" s="10"/>
    </row>
    <row r="816189" spans="14:14">
      <c r="N816189" s="10"/>
    </row>
    <row r="816190" spans="14:14">
      <c r="N816190" s="10"/>
    </row>
    <row r="816191" spans="14:14">
      <c r="N816191" s="10"/>
    </row>
    <row r="816192" spans="14:14">
      <c r="N816192" s="10"/>
    </row>
    <row r="816193" spans="14:14">
      <c r="N816193" s="10"/>
    </row>
    <row r="816194" spans="14:14">
      <c r="N816194" s="10"/>
    </row>
    <row r="816195" spans="14:14">
      <c r="N816195" s="10"/>
    </row>
    <row r="816196" spans="14:14">
      <c r="N816196" s="10"/>
    </row>
    <row r="816197" spans="14:14">
      <c r="N816197" s="10"/>
    </row>
    <row r="816198" spans="14:14">
      <c r="N816198" s="10"/>
    </row>
    <row r="816199" spans="14:14">
      <c r="N816199" s="10"/>
    </row>
    <row r="816200" spans="14:14">
      <c r="N816200" s="10"/>
    </row>
    <row r="816201" spans="14:14">
      <c r="N816201" s="10"/>
    </row>
    <row r="816202" spans="14:14">
      <c r="N816202" s="10"/>
    </row>
    <row r="816203" spans="14:14">
      <c r="N816203" s="10"/>
    </row>
    <row r="816204" spans="14:14">
      <c r="N816204" s="10"/>
    </row>
    <row r="816205" spans="14:14">
      <c r="N816205" s="10"/>
    </row>
    <row r="816206" spans="14:14">
      <c r="N816206" s="10"/>
    </row>
    <row r="816207" spans="14:14">
      <c r="N816207" s="10"/>
    </row>
    <row r="816208" spans="14:14">
      <c r="N816208" s="10"/>
    </row>
    <row r="816209" spans="14:14">
      <c r="N816209" s="10"/>
    </row>
    <row r="816210" spans="14:14">
      <c r="N816210" s="10"/>
    </row>
    <row r="816211" spans="14:14">
      <c r="N816211" s="10"/>
    </row>
    <row r="816212" spans="14:14">
      <c r="N816212" s="10"/>
    </row>
    <row r="816213" spans="14:14">
      <c r="N816213" s="10"/>
    </row>
    <row r="816214" spans="14:14">
      <c r="N816214" s="10"/>
    </row>
    <row r="816215" spans="14:14">
      <c r="N816215" s="10"/>
    </row>
    <row r="816216" spans="14:14">
      <c r="N816216" s="10"/>
    </row>
    <row r="816217" spans="14:14">
      <c r="N816217" s="10"/>
    </row>
    <row r="816218" spans="14:14">
      <c r="N816218" s="10"/>
    </row>
    <row r="816219" spans="14:14">
      <c r="N816219" s="10"/>
    </row>
    <row r="816220" spans="14:14">
      <c r="N816220" s="10"/>
    </row>
    <row r="816221" spans="14:14">
      <c r="N816221" s="10"/>
    </row>
    <row r="816222" spans="14:14">
      <c r="N816222" s="10"/>
    </row>
    <row r="816223" spans="14:14">
      <c r="N816223" s="10"/>
    </row>
    <row r="816224" spans="14:14">
      <c r="N816224" s="10"/>
    </row>
    <row r="816225" spans="14:14">
      <c r="N816225" s="10"/>
    </row>
    <row r="816226" spans="14:14">
      <c r="N816226" s="10"/>
    </row>
    <row r="816227" spans="14:14">
      <c r="N816227" s="10"/>
    </row>
    <row r="816228" spans="14:14">
      <c r="N816228" s="10"/>
    </row>
    <row r="816229" spans="14:14">
      <c r="N816229" s="10"/>
    </row>
    <row r="816230" spans="14:14">
      <c r="N816230" s="10"/>
    </row>
    <row r="816231" spans="14:14">
      <c r="N816231" s="10"/>
    </row>
    <row r="816232" spans="14:14">
      <c r="N816232" s="10"/>
    </row>
    <row r="816233" spans="14:14">
      <c r="N816233" s="10"/>
    </row>
    <row r="816234" spans="14:14">
      <c r="N816234" s="10"/>
    </row>
    <row r="816235" spans="14:14">
      <c r="N816235" s="10"/>
    </row>
    <row r="816236" spans="14:14">
      <c r="N816236" s="10"/>
    </row>
    <row r="816237" spans="14:14">
      <c r="N816237" s="10"/>
    </row>
    <row r="816238" spans="14:14">
      <c r="N816238" s="10"/>
    </row>
    <row r="816239" spans="14:14">
      <c r="N816239" s="10"/>
    </row>
    <row r="816240" spans="14:14">
      <c r="N816240" s="10"/>
    </row>
    <row r="816241" spans="14:14">
      <c r="N816241" s="10"/>
    </row>
    <row r="816242" spans="14:14">
      <c r="N816242" s="10"/>
    </row>
    <row r="816243" spans="14:14">
      <c r="N816243" s="10"/>
    </row>
    <row r="816244" spans="14:14">
      <c r="N816244" s="10"/>
    </row>
    <row r="816245" spans="14:14">
      <c r="N816245" s="10"/>
    </row>
    <row r="816246" spans="14:14">
      <c r="N816246" s="10"/>
    </row>
    <row r="816247" spans="14:14">
      <c r="N816247" s="10"/>
    </row>
    <row r="816248" spans="14:14">
      <c r="N816248" s="10"/>
    </row>
    <row r="816249" spans="14:14">
      <c r="N816249" s="10"/>
    </row>
    <row r="816250" spans="14:14">
      <c r="N816250" s="10"/>
    </row>
    <row r="816251" spans="14:14">
      <c r="N816251" s="10"/>
    </row>
    <row r="816252" spans="14:14">
      <c r="N816252" s="10"/>
    </row>
    <row r="816253" spans="14:14">
      <c r="N816253" s="10"/>
    </row>
    <row r="816254" spans="14:14">
      <c r="N816254" s="10"/>
    </row>
    <row r="816255" spans="14:14">
      <c r="N816255" s="10"/>
    </row>
    <row r="816256" spans="14:14">
      <c r="N816256" s="10"/>
    </row>
    <row r="816257" spans="14:14">
      <c r="N816257" s="10"/>
    </row>
    <row r="816258" spans="14:14">
      <c r="N816258" s="10"/>
    </row>
    <row r="816259" spans="14:14">
      <c r="N816259" s="10"/>
    </row>
    <row r="816260" spans="14:14">
      <c r="N816260" s="10"/>
    </row>
    <row r="816261" spans="14:14">
      <c r="N816261" s="10"/>
    </row>
    <row r="816262" spans="14:14">
      <c r="N816262" s="10"/>
    </row>
    <row r="816263" spans="14:14">
      <c r="N816263" s="10"/>
    </row>
    <row r="816264" spans="14:14">
      <c r="N816264" s="10"/>
    </row>
    <row r="816265" spans="14:14">
      <c r="N816265" s="10"/>
    </row>
    <row r="816266" spans="14:14">
      <c r="N816266" s="10"/>
    </row>
    <row r="816267" spans="14:14">
      <c r="N816267" s="10"/>
    </row>
    <row r="816268" spans="14:14">
      <c r="N816268" s="10"/>
    </row>
    <row r="816269" spans="14:14">
      <c r="N816269" s="10"/>
    </row>
    <row r="816270" spans="14:14">
      <c r="N816270" s="10"/>
    </row>
    <row r="816271" spans="14:14">
      <c r="N816271" s="10"/>
    </row>
    <row r="816272" spans="14:14">
      <c r="N816272" s="10"/>
    </row>
    <row r="816273" spans="14:14">
      <c r="N816273" s="10"/>
    </row>
    <row r="816274" spans="14:14">
      <c r="N816274" s="10"/>
    </row>
    <row r="816275" spans="14:14">
      <c r="N816275" s="10"/>
    </row>
    <row r="816276" spans="14:14">
      <c r="N816276" s="10"/>
    </row>
    <row r="816277" spans="14:14">
      <c r="N816277" s="10"/>
    </row>
    <row r="816278" spans="14:14">
      <c r="N816278" s="10"/>
    </row>
    <row r="816279" spans="14:14">
      <c r="N816279" s="10"/>
    </row>
    <row r="816280" spans="14:14">
      <c r="N816280" s="10"/>
    </row>
    <row r="816281" spans="14:14">
      <c r="N816281" s="10"/>
    </row>
    <row r="816282" spans="14:14">
      <c r="N816282" s="10"/>
    </row>
    <row r="816283" spans="14:14">
      <c r="N816283" s="10"/>
    </row>
    <row r="816284" spans="14:14">
      <c r="N816284" s="10"/>
    </row>
    <row r="816285" spans="14:14">
      <c r="N816285" s="10"/>
    </row>
    <row r="816286" spans="14:14">
      <c r="N816286" s="10"/>
    </row>
    <row r="816287" spans="14:14">
      <c r="N816287" s="10"/>
    </row>
    <row r="816288" spans="14:14">
      <c r="N816288" s="10"/>
    </row>
    <row r="816289" spans="14:14">
      <c r="N816289" s="10"/>
    </row>
    <row r="816290" spans="14:14">
      <c r="N816290" s="10"/>
    </row>
    <row r="816291" spans="14:14">
      <c r="N816291" s="10"/>
    </row>
    <row r="816292" spans="14:14">
      <c r="N816292" s="10"/>
    </row>
    <row r="816293" spans="14:14">
      <c r="N816293" s="10"/>
    </row>
    <row r="816294" spans="14:14">
      <c r="N816294" s="10"/>
    </row>
    <row r="816295" spans="14:14">
      <c r="N816295" s="10"/>
    </row>
    <row r="816296" spans="14:14">
      <c r="N816296" s="10"/>
    </row>
    <row r="816297" spans="14:14">
      <c r="N816297" s="10"/>
    </row>
    <row r="816298" spans="14:14">
      <c r="N816298" s="10"/>
    </row>
    <row r="816299" spans="14:14">
      <c r="N816299" s="10"/>
    </row>
    <row r="816300" spans="14:14">
      <c r="N816300" s="10"/>
    </row>
    <row r="816301" spans="14:14">
      <c r="N816301" s="10"/>
    </row>
    <row r="816302" spans="14:14">
      <c r="N816302" s="10"/>
    </row>
    <row r="816303" spans="14:14">
      <c r="N816303" s="10"/>
    </row>
    <row r="816304" spans="14:14">
      <c r="N816304" s="10"/>
    </row>
    <row r="816305" spans="14:14">
      <c r="N816305" s="10"/>
    </row>
    <row r="816306" spans="14:14">
      <c r="N816306" s="10"/>
    </row>
    <row r="816307" spans="14:14">
      <c r="N816307" s="10"/>
    </row>
    <row r="816308" spans="14:14">
      <c r="N816308" s="10"/>
    </row>
    <row r="816309" spans="14:14">
      <c r="N816309" s="10"/>
    </row>
    <row r="816310" spans="14:14">
      <c r="N816310" s="10"/>
    </row>
    <row r="816311" spans="14:14">
      <c r="N816311" s="10"/>
    </row>
    <row r="816312" spans="14:14">
      <c r="N816312" s="10"/>
    </row>
    <row r="816313" spans="14:14">
      <c r="N816313" s="10"/>
    </row>
    <row r="816314" spans="14:14">
      <c r="N816314" s="10"/>
    </row>
    <row r="816315" spans="14:14">
      <c r="N816315" s="10"/>
    </row>
    <row r="816316" spans="14:14">
      <c r="N816316" s="10"/>
    </row>
    <row r="816317" spans="14:14">
      <c r="N816317" s="10"/>
    </row>
    <row r="816318" spans="14:14">
      <c r="N816318" s="10"/>
    </row>
    <row r="816319" spans="14:14">
      <c r="N816319" s="10"/>
    </row>
    <row r="816320" spans="14:14">
      <c r="N816320" s="10"/>
    </row>
    <row r="816321" spans="14:14">
      <c r="N816321" s="10"/>
    </row>
    <row r="816322" spans="14:14">
      <c r="N816322" s="10"/>
    </row>
    <row r="816323" spans="14:14">
      <c r="N816323" s="10"/>
    </row>
    <row r="816324" spans="14:14">
      <c r="N816324" s="10"/>
    </row>
    <row r="816325" spans="14:14">
      <c r="N816325" s="10"/>
    </row>
    <row r="816326" spans="14:14">
      <c r="N816326" s="10"/>
    </row>
    <row r="816327" spans="14:14">
      <c r="N816327" s="10"/>
    </row>
    <row r="816328" spans="14:14">
      <c r="N816328" s="10"/>
    </row>
    <row r="816329" spans="14:14">
      <c r="N816329" s="10"/>
    </row>
    <row r="816330" spans="14:14">
      <c r="N816330" s="10"/>
    </row>
    <row r="816331" spans="14:14">
      <c r="N816331" s="10"/>
    </row>
    <row r="816332" spans="14:14">
      <c r="N816332" s="10"/>
    </row>
    <row r="816333" spans="14:14">
      <c r="N816333" s="10"/>
    </row>
    <row r="816334" spans="14:14">
      <c r="N816334" s="10"/>
    </row>
    <row r="816335" spans="14:14">
      <c r="N816335" s="10"/>
    </row>
    <row r="816336" spans="14:14">
      <c r="N816336" s="10"/>
    </row>
    <row r="816337" spans="14:14">
      <c r="N816337" s="10"/>
    </row>
    <row r="816338" spans="14:14">
      <c r="N816338" s="10"/>
    </row>
    <row r="816339" spans="14:14">
      <c r="N816339" s="10"/>
    </row>
    <row r="816340" spans="14:14">
      <c r="N816340" s="10"/>
    </row>
    <row r="816341" spans="14:14">
      <c r="N816341" s="10"/>
    </row>
    <row r="816342" spans="14:14">
      <c r="N816342" s="10"/>
    </row>
    <row r="816343" spans="14:14">
      <c r="N816343" s="10"/>
    </row>
    <row r="816344" spans="14:14">
      <c r="N816344" s="10"/>
    </row>
    <row r="816345" spans="14:14">
      <c r="N816345" s="10"/>
    </row>
    <row r="816346" spans="14:14">
      <c r="N816346" s="10"/>
    </row>
    <row r="816347" spans="14:14">
      <c r="N816347" s="10"/>
    </row>
    <row r="816348" spans="14:14">
      <c r="N816348" s="10"/>
    </row>
    <row r="816349" spans="14:14">
      <c r="N816349" s="10"/>
    </row>
    <row r="816350" spans="14:14">
      <c r="N816350" s="10"/>
    </row>
    <row r="816351" spans="14:14">
      <c r="N816351" s="10"/>
    </row>
    <row r="816352" spans="14:14">
      <c r="N816352" s="10"/>
    </row>
    <row r="816353" spans="14:14">
      <c r="N816353" s="10"/>
    </row>
    <row r="816354" spans="14:14">
      <c r="N816354" s="10"/>
    </row>
    <row r="816355" spans="14:14">
      <c r="N816355" s="10"/>
    </row>
    <row r="816356" spans="14:14">
      <c r="N816356" s="10"/>
    </row>
    <row r="816357" spans="14:14">
      <c r="N816357" s="10"/>
    </row>
    <row r="816358" spans="14:14">
      <c r="N816358" s="10"/>
    </row>
    <row r="816359" spans="14:14">
      <c r="N816359" s="10"/>
    </row>
    <row r="816360" spans="14:14">
      <c r="N816360" s="10"/>
    </row>
    <row r="816361" spans="14:14">
      <c r="N816361" s="10"/>
    </row>
    <row r="816362" spans="14:14">
      <c r="N816362" s="10"/>
    </row>
    <row r="816363" spans="14:14">
      <c r="N816363" s="10"/>
    </row>
    <row r="816364" spans="14:14">
      <c r="N816364" s="10"/>
    </row>
    <row r="816365" spans="14:14">
      <c r="N816365" s="10"/>
    </row>
    <row r="816366" spans="14:14">
      <c r="N816366" s="10"/>
    </row>
    <row r="816367" spans="14:14">
      <c r="N816367" s="10"/>
    </row>
    <row r="816368" spans="14:14">
      <c r="N816368" s="10"/>
    </row>
    <row r="816369" spans="14:14">
      <c r="N816369" s="10"/>
    </row>
    <row r="816370" spans="14:14">
      <c r="N816370" s="10"/>
    </row>
    <row r="816371" spans="14:14">
      <c r="N816371" s="10"/>
    </row>
    <row r="816372" spans="14:14">
      <c r="N816372" s="10"/>
    </row>
    <row r="816373" spans="14:14">
      <c r="N816373" s="10"/>
    </row>
    <row r="816374" spans="14:14">
      <c r="N816374" s="10"/>
    </row>
    <row r="816375" spans="14:14">
      <c r="N816375" s="10"/>
    </row>
    <row r="816376" spans="14:14">
      <c r="N816376" s="10"/>
    </row>
    <row r="816377" spans="14:14">
      <c r="N816377" s="10"/>
    </row>
    <row r="816378" spans="14:14">
      <c r="N816378" s="10"/>
    </row>
    <row r="816379" spans="14:14">
      <c r="N816379" s="10"/>
    </row>
    <row r="816380" spans="14:14">
      <c r="N816380" s="10"/>
    </row>
    <row r="816381" spans="14:14">
      <c r="N816381" s="10"/>
    </row>
    <row r="816382" spans="14:14">
      <c r="N816382" s="10"/>
    </row>
    <row r="816383" spans="14:14">
      <c r="N816383" s="10"/>
    </row>
    <row r="816384" spans="14:14">
      <c r="N816384" s="10"/>
    </row>
    <row r="816385" spans="14:14">
      <c r="N816385" s="10"/>
    </row>
    <row r="816386" spans="14:14">
      <c r="N816386" s="10"/>
    </row>
    <row r="816387" spans="14:14">
      <c r="N816387" s="10"/>
    </row>
    <row r="816388" spans="14:14">
      <c r="N816388" s="10"/>
    </row>
    <row r="816389" spans="14:14">
      <c r="N816389" s="10"/>
    </row>
    <row r="816390" spans="14:14">
      <c r="N816390" s="10"/>
    </row>
    <row r="816391" spans="14:14">
      <c r="N816391" s="10"/>
    </row>
    <row r="816392" spans="14:14">
      <c r="N816392" s="10"/>
    </row>
    <row r="816393" spans="14:14">
      <c r="N816393" s="10"/>
    </row>
    <row r="816394" spans="14:14">
      <c r="N816394" s="10"/>
    </row>
    <row r="816395" spans="14:14">
      <c r="N816395" s="10"/>
    </row>
    <row r="816396" spans="14:14">
      <c r="N816396" s="10"/>
    </row>
    <row r="816397" spans="14:14">
      <c r="N816397" s="10"/>
    </row>
    <row r="816398" spans="14:14">
      <c r="N816398" s="10"/>
    </row>
    <row r="816399" spans="14:14">
      <c r="N816399" s="10"/>
    </row>
    <row r="816400" spans="14:14">
      <c r="N816400" s="10"/>
    </row>
    <row r="816401" spans="14:14">
      <c r="N816401" s="10"/>
    </row>
    <row r="816402" spans="14:14">
      <c r="N816402" s="10"/>
    </row>
    <row r="816403" spans="14:14">
      <c r="N816403" s="10"/>
    </row>
    <row r="816404" spans="14:14">
      <c r="N816404" s="10"/>
    </row>
    <row r="816405" spans="14:14">
      <c r="N816405" s="10"/>
    </row>
    <row r="816406" spans="14:14">
      <c r="N816406" s="10"/>
    </row>
    <row r="816407" spans="14:14">
      <c r="N816407" s="10"/>
    </row>
    <row r="816408" spans="14:14">
      <c r="N816408" s="10"/>
    </row>
    <row r="816409" spans="14:14">
      <c r="N816409" s="10"/>
    </row>
    <row r="816410" spans="14:14">
      <c r="N816410" s="10"/>
    </row>
    <row r="816411" spans="14:14">
      <c r="N816411" s="10"/>
    </row>
    <row r="816412" spans="14:14">
      <c r="N816412" s="10"/>
    </row>
    <row r="816413" spans="14:14">
      <c r="N816413" s="10"/>
    </row>
    <row r="816414" spans="14:14">
      <c r="N816414" s="10"/>
    </row>
    <row r="816415" spans="14:14">
      <c r="N816415" s="10"/>
    </row>
    <row r="816416" spans="14:14">
      <c r="N816416" s="10"/>
    </row>
    <row r="816417" spans="14:14">
      <c r="N816417" s="10"/>
    </row>
    <row r="816418" spans="14:14">
      <c r="N816418" s="10"/>
    </row>
    <row r="816419" spans="14:14">
      <c r="N816419" s="10"/>
    </row>
    <row r="816420" spans="14:14">
      <c r="N816420" s="10"/>
    </row>
    <row r="816421" spans="14:14">
      <c r="N816421" s="10"/>
    </row>
    <row r="816422" spans="14:14">
      <c r="N816422" s="10"/>
    </row>
    <row r="816423" spans="14:14">
      <c r="N816423" s="10"/>
    </row>
    <row r="816424" spans="14:14">
      <c r="N816424" s="10"/>
    </row>
    <row r="816425" spans="14:14">
      <c r="N816425" s="10"/>
    </row>
    <row r="816426" spans="14:14">
      <c r="N816426" s="10"/>
    </row>
    <row r="816427" spans="14:14">
      <c r="N816427" s="10"/>
    </row>
    <row r="816428" spans="14:14">
      <c r="N816428" s="10"/>
    </row>
    <row r="816429" spans="14:14">
      <c r="N816429" s="10"/>
    </row>
    <row r="816430" spans="14:14">
      <c r="N816430" s="10"/>
    </row>
    <row r="816431" spans="14:14">
      <c r="N816431" s="10"/>
    </row>
    <row r="816432" spans="14:14">
      <c r="N816432" s="10"/>
    </row>
    <row r="816433" spans="14:14">
      <c r="N816433" s="10"/>
    </row>
    <row r="816434" spans="14:14">
      <c r="N816434" s="10"/>
    </row>
    <row r="816435" spans="14:14">
      <c r="N816435" s="10"/>
    </row>
    <row r="816436" spans="14:14">
      <c r="N816436" s="10"/>
    </row>
    <row r="816437" spans="14:14">
      <c r="N816437" s="10"/>
    </row>
    <row r="816438" spans="14:14">
      <c r="N816438" s="10"/>
    </row>
    <row r="816439" spans="14:14">
      <c r="N816439" s="10"/>
    </row>
    <row r="816440" spans="14:14">
      <c r="N816440" s="10"/>
    </row>
    <row r="816441" spans="14:14">
      <c r="N816441" s="10"/>
    </row>
    <row r="816442" spans="14:14">
      <c r="N816442" s="10"/>
    </row>
    <row r="816443" spans="14:14">
      <c r="N816443" s="10"/>
    </row>
    <row r="816444" spans="14:14">
      <c r="N816444" s="10"/>
    </row>
    <row r="816445" spans="14:14">
      <c r="N816445" s="10"/>
    </row>
    <row r="816446" spans="14:14">
      <c r="N816446" s="10"/>
    </row>
    <row r="816447" spans="14:14">
      <c r="N816447" s="10"/>
    </row>
    <row r="816448" spans="14:14">
      <c r="N816448" s="10"/>
    </row>
    <row r="816449" spans="14:14">
      <c r="N816449" s="10"/>
    </row>
    <row r="816450" spans="14:14">
      <c r="N816450" s="10"/>
    </row>
    <row r="816451" spans="14:14">
      <c r="N816451" s="10"/>
    </row>
    <row r="816452" spans="14:14">
      <c r="N816452" s="10"/>
    </row>
    <row r="816453" spans="14:14">
      <c r="N816453" s="10"/>
    </row>
    <row r="816454" spans="14:14">
      <c r="N816454" s="10"/>
    </row>
    <row r="816455" spans="14:14">
      <c r="N816455" s="10"/>
    </row>
    <row r="816456" spans="14:14">
      <c r="N816456" s="10"/>
    </row>
    <row r="816457" spans="14:14">
      <c r="N816457" s="10"/>
    </row>
    <row r="816458" spans="14:14">
      <c r="N816458" s="10"/>
    </row>
    <row r="816459" spans="14:14">
      <c r="N816459" s="10"/>
    </row>
    <row r="816460" spans="14:14">
      <c r="N816460" s="10"/>
    </row>
    <row r="816461" spans="14:14">
      <c r="N816461" s="10"/>
    </row>
    <row r="816462" spans="14:14">
      <c r="N816462" s="10"/>
    </row>
    <row r="816463" spans="14:14">
      <c r="N816463" s="10"/>
    </row>
    <row r="816464" spans="14:14">
      <c r="N816464" s="10"/>
    </row>
    <row r="816465" spans="14:14">
      <c r="N816465" s="10"/>
    </row>
    <row r="816466" spans="14:14">
      <c r="N816466" s="10"/>
    </row>
    <row r="816467" spans="14:14">
      <c r="N816467" s="10"/>
    </row>
    <row r="816468" spans="14:14">
      <c r="N816468" s="10"/>
    </row>
    <row r="816469" spans="14:14">
      <c r="N816469" s="10"/>
    </row>
    <row r="816470" spans="14:14">
      <c r="N816470" s="10"/>
    </row>
    <row r="816471" spans="14:14">
      <c r="N816471" s="10"/>
    </row>
    <row r="816472" spans="14:14">
      <c r="N816472" s="10"/>
    </row>
    <row r="816473" spans="14:14">
      <c r="N816473" s="10"/>
    </row>
    <row r="816474" spans="14:14">
      <c r="N816474" s="10"/>
    </row>
    <row r="816475" spans="14:14">
      <c r="N816475" s="10"/>
    </row>
    <row r="816476" spans="14:14">
      <c r="N816476" s="10"/>
    </row>
    <row r="816477" spans="14:14">
      <c r="N816477" s="10"/>
    </row>
    <row r="816478" spans="14:14">
      <c r="N816478" s="10"/>
    </row>
    <row r="816479" spans="14:14">
      <c r="N816479" s="10"/>
    </row>
    <row r="816480" spans="14:14">
      <c r="N816480" s="10"/>
    </row>
    <row r="816481" spans="14:14">
      <c r="N816481" s="10"/>
    </row>
    <row r="816482" spans="14:14">
      <c r="N816482" s="10"/>
    </row>
    <row r="816483" spans="14:14">
      <c r="N816483" s="10"/>
    </row>
    <row r="816484" spans="14:14">
      <c r="N816484" s="10"/>
    </row>
    <row r="816485" spans="14:14">
      <c r="N816485" s="10"/>
    </row>
    <row r="816486" spans="14:14">
      <c r="N816486" s="10"/>
    </row>
    <row r="816487" spans="14:14">
      <c r="N816487" s="10"/>
    </row>
    <row r="816488" spans="14:14">
      <c r="N816488" s="10"/>
    </row>
    <row r="816489" spans="14:14">
      <c r="N816489" s="10"/>
    </row>
    <row r="816490" spans="14:14">
      <c r="N816490" s="10"/>
    </row>
    <row r="816491" spans="14:14">
      <c r="N816491" s="10"/>
    </row>
    <row r="816492" spans="14:14">
      <c r="N816492" s="10"/>
    </row>
    <row r="816493" spans="14:14">
      <c r="N816493" s="10"/>
    </row>
    <row r="816494" spans="14:14">
      <c r="N816494" s="10"/>
    </row>
    <row r="816495" spans="14:14">
      <c r="N816495" s="10"/>
    </row>
    <row r="816496" spans="14:14">
      <c r="N816496" s="10"/>
    </row>
    <row r="816497" spans="14:14">
      <c r="N816497" s="10"/>
    </row>
    <row r="816498" spans="14:14">
      <c r="N816498" s="10"/>
    </row>
    <row r="816499" spans="14:14">
      <c r="N816499" s="10"/>
    </row>
    <row r="816500" spans="14:14">
      <c r="N816500" s="10"/>
    </row>
    <row r="816501" spans="14:14">
      <c r="N816501" s="10"/>
    </row>
    <row r="816502" spans="14:14">
      <c r="N816502" s="10"/>
    </row>
    <row r="816503" spans="14:14">
      <c r="N816503" s="10"/>
    </row>
    <row r="816504" spans="14:14">
      <c r="N816504" s="10"/>
    </row>
    <row r="816505" spans="14:14">
      <c r="N816505" s="10"/>
    </row>
    <row r="816506" spans="14:14">
      <c r="N816506" s="10"/>
    </row>
    <row r="816507" spans="14:14">
      <c r="N816507" s="10"/>
    </row>
    <row r="816508" spans="14:14">
      <c r="N816508" s="10"/>
    </row>
    <row r="816509" spans="14:14">
      <c r="N816509" s="10"/>
    </row>
    <row r="816510" spans="14:14">
      <c r="N816510" s="10"/>
    </row>
    <row r="816511" spans="14:14">
      <c r="N816511" s="10"/>
    </row>
    <row r="816512" spans="14:14">
      <c r="N816512" s="10"/>
    </row>
    <row r="816513" spans="14:14">
      <c r="N816513" s="10"/>
    </row>
    <row r="816514" spans="14:14">
      <c r="N816514" s="10"/>
    </row>
    <row r="816515" spans="14:14">
      <c r="N816515" s="10"/>
    </row>
    <row r="816516" spans="14:14">
      <c r="N816516" s="10"/>
    </row>
    <row r="816517" spans="14:14">
      <c r="N816517" s="10"/>
    </row>
    <row r="816518" spans="14:14">
      <c r="N816518" s="10"/>
    </row>
    <row r="816519" spans="14:14">
      <c r="N816519" s="10"/>
    </row>
    <row r="816520" spans="14:14">
      <c r="N816520" s="10"/>
    </row>
    <row r="816521" spans="14:14">
      <c r="N816521" s="10"/>
    </row>
    <row r="816522" spans="14:14">
      <c r="N816522" s="10"/>
    </row>
    <row r="816523" spans="14:14">
      <c r="N816523" s="10"/>
    </row>
    <row r="816524" spans="14:14">
      <c r="N816524" s="10"/>
    </row>
    <row r="816525" spans="14:14">
      <c r="N816525" s="10"/>
    </row>
    <row r="816526" spans="14:14">
      <c r="N816526" s="10"/>
    </row>
    <row r="816527" spans="14:14">
      <c r="N816527" s="10"/>
    </row>
    <row r="816528" spans="14:14">
      <c r="N816528" s="10"/>
    </row>
    <row r="816529" spans="14:14">
      <c r="N816529" s="10"/>
    </row>
    <row r="816530" spans="14:14">
      <c r="N816530" s="10"/>
    </row>
    <row r="816531" spans="14:14">
      <c r="N816531" s="10"/>
    </row>
    <row r="816532" spans="14:14">
      <c r="N816532" s="10"/>
    </row>
    <row r="816533" spans="14:14">
      <c r="N816533" s="10"/>
    </row>
    <row r="816534" spans="14:14">
      <c r="N816534" s="10"/>
    </row>
    <row r="816535" spans="14:14">
      <c r="N816535" s="10"/>
    </row>
    <row r="816536" spans="14:14">
      <c r="N816536" s="10"/>
    </row>
    <row r="816537" spans="14:14">
      <c r="N816537" s="10"/>
    </row>
    <row r="816538" spans="14:14">
      <c r="N816538" s="10"/>
    </row>
    <row r="816539" spans="14:14">
      <c r="N816539" s="10"/>
    </row>
    <row r="816540" spans="14:14">
      <c r="N816540" s="10"/>
    </row>
    <row r="816541" spans="14:14">
      <c r="N816541" s="10"/>
    </row>
    <row r="816542" spans="14:14">
      <c r="N816542" s="10"/>
    </row>
    <row r="816543" spans="14:14">
      <c r="N816543" s="10"/>
    </row>
    <row r="816544" spans="14:14">
      <c r="N816544" s="10"/>
    </row>
    <row r="816545" spans="14:14">
      <c r="N816545" s="10"/>
    </row>
    <row r="816546" spans="14:14">
      <c r="N816546" s="10"/>
    </row>
    <row r="816547" spans="14:14">
      <c r="N816547" s="10"/>
    </row>
    <row r="816548" spans="14:14">
      <c r="N816548" s="10"/>
    </row>
    <row r="816549" spans="14:14">
      <c r="N816549" s="10"/>
    </row>
    <row r="816550" spans="14:14">
      <c r="N816550" s="10"/>
    </row>
    <row r="816551" spans="14:14">
      <c r="N816551" s="10"/>
    </row>
    <row r="816552" spans="14:14">
      <c r="N816552" s="10"/>
    </row>
    <row r="816553" spans="14:14">
      <c r="N816553" s="10"/>
    </row>
    <row r="816554" spans="14:14">
      <c r="N816554" s="10"/>
    </row>
    <row r="816555" spans="14:14">
      <c r="N816555" s="10"/>
    </row>
    <row r="816556" spans="14:14">
      <c r="N816556" s="10"/>
    </row>
    <row r="816557" spans="14:14">
      <c r="N816557" s="10"/>
    </row>
    <row r="816558" spans="14:14">
      <c r="N816558" s="10"/>
    </row>
    <row r="816559" spans="14:14">
      <c r="N816559" s="10"/>
    </row>
    <row r="816560" spans="14:14">
      <c r="N816560" s="10"/>
    </row>
    <row r="816561" spans="14:14">
      <c r="N816561" s="10"/>
    </row>
    <row r="816562" spans="14:14">
      <c r="N816562" s="10"/>
    </row>
    <row r="816563" spans="14:14">
      <c r="N816563" s="10"/>
    </row>
    <row r="816564" spans="14:14">
      <c r="N816564" s="10"/>
    </row>
    <row r="816565" spans="14:14">
      <c r="N816565" s="10"/>
    </row>
    <row r="816566" spans="14:14">
      <c r="N816566" s="10"/>
    </row>
    <row r="816567" spans="14:14">
      <c r="N816567" s="10"/>
    </row>
    <row r="816568" spans="14:14">
      <c r="N816568" s="10"/>
    </row>
    <row r="816569" spans="14:14">
      <c r="N816569" s="10"/>
    </row>
    <row r="816570" spans="14:14">
      <c r="N816570" s="10"/>
    </row>
    <row r="816571" spans="14:14">
      <c r="N816571" s="10"/>
    </row>
    <row r="816572" spans="14:14">
      <c r="N816572" s="10"/>
    </row>
    <row r="816573" spans="14:14">
      <c r="N816573" s="10"/>
    </row>
    <row r="816574" spans="14:14">
      <c r="N816574" s="10"/>
    </row>
    <row r="816575" spans="14:14">
      <c r="N816575" s="10"/>
    </row>
    <row r="816576" spans="14:14">
      <c r="N816576" s="10"/>
    </row>
    <row r="816577" spans="14:14">
      <c r="N816577" s="10"/>
    </row>
    <row r="816578" spans="14:14">
      <c r="N816578" s="10"/>
    </row>
    <row r="816579" spans="14:14">
      <c r="N816579" s="10"/>
    </row>
    <row r="816580" spans="14:14">
      <c r="N816580" s="10"/>
    </row>
    <row r="816581" spans="14:14">
      <c r="N816581" s="10"/>
    </row>
    <row r="816582" spans="14:14">
      <c r="N816582" s="10"/>
    </row>
    <row r="816583" spans="14:14">
      <c r="N816583" s="10"/>
    </row>
    <row r="816584" spans="14:14">
      <c r="N816584" s="10"/>
    </row>
    <row r="816585" spans="14:14">
      <c r="N816585" s="10"/>
    </row>
    <row r="816586" spans="14:14">
      <c r="N816586" s="10"/>
    </row>
    <row r="816587" spans="14:14">
      <c r="N816587" s="10"/>
    </row>
    <row r="816588" spans="14:14">
      <c r="N816588" s="10"/>
    </row>
    <row r="816589" spans="14:14">
      <c r="N816589" s="10"/>
    </row>
    <row r="816590" spans="14:14">
      <c r="N816590" s="10"/>
    </row>
    <row r="816591" spans="14:14">
      <c r="N816591" s="10"/>
    </row>
    <row r="816592" spans="14:14">
      <c r="N816592" s="10"/>
    </row>
    <row r="816593" spans="14:14">
      <c r="N816593" s="10"/>
    </row>
    <row r="816594" spans="14:14">
      <c r="N816594" s="10"/>
    </row>
    <row r="816595" spans="14:14">
      <c r="N816595" s="10"/>
    </row>
    <row r="816596" spans="14:14">
      <c r="N816596" s="10"/>
    </row>
    <row r="816597" spans="14:14">
      <c r="N816597" s="10"/>
    </row>
    <row r="816598" spans="14:14">
      <c r="N816598" s="10"/>
    </row>
    <row r="816599" spans="14:14">
      <c r="N816599" s="10"/>
    </row>
    <row r="816600" spans="14:14">
      <c r="N816600" s="10"/>
    </row>
    <row r="816601" spans="14:14">
      <c r="N816601" s="10"/>
    </row>
    <row r="816602" spans="14:14">
      <c r="N816602" s="10"/>
    </row>
    <row r="816603" spans="14:14">
      <c r="N816603" s="10"/>
    </row>
    <row r="816604" spans="14:14">
      <c r="N816604" s="10"/>
    </row>
    <row r="816605" spans="14:14">
      <c r="N816605" s="10"/>
    </row>
    <row r="816606" spans="14:14">
      <c r="N816606" s="10"/>
    </row>
    <row r="816607" spans="14:14">
      <c r="N816607" s="10"/>
    </row>
    <row r="816608" spans="14:14">
      <c r="N816608" s="10"/>
    </row>
    <row r="816609" spans="14:14">
      <c r="N816609" s="10"/>
    </row>
    <row r="816610" spans="14:14">
      <c r="N816610" s="10"/>
    </row>
    <row r="816611" spans="14:14">
      <c r="N816611" s="10"/>
    </row>
    <row r="816612" spans="14:14">
      <c r="N816612" s="10"/>
    </row>
    <row r="816613" spans="14:14">
      <c r="N816613" s="10"/>
    </row>
    <row r="816614" spans="14:14">
      <c r="N816614" s="10"/>
    </row>
    <row r="816615" spans="14:14">
      <c r="N816615" s="10"/>
    </row>
    <row r="816616" spans="14:14">
      <c r="N816616" s="10"/>
    </row>
    <row r="816617" spans="14:14">
      <c r="N816617" s="10"/>
    </row>
    <row r="816618" spans="14:14">
      <c r="N816618" s="10"/>
    </row>
    <row r="816619" spans="14:14">
      <c r="N816619" s="10"/>
    </row>
    <row r="816620" spans="14:14">
      <c r="N816620" s="10"/>
    </row>
    <row r="816621" spans="14:14">
      <c r="N816621" s="10"/>
    </row>
    <row r="816622" spans="14:14">
      <c r="N816622" s="10"/>
    </row>
    <row r="816623" spans="14:14">
      <c r="N816623" s="10"/>
    </row>
    <row r="816624" spans="14:14">
      <c r="N816624" s="10"/>
    </row>
    <row r="816625" spans="14:14">
      <c r="N816625" s="10"/>
    </row>
    <row r="816626" spans="14:14">
      <c r="N816626" s="10"/>
    </row>
    <row r="816627" spans="14:14">
      <c r="N816627" s="10"/>
    </row>
    <row r="816628" spans="14:14">
      <c r="N816628" s="10"/>
    </row>
    <row r="816629" spans="14:14">
      <c r="N816629" s="10"/>
    </row>
    <row r="816630" spans="14:14">
      <c r="N816630" s="10"/>
    </row>
    <row r="816631" spans="14:14">
      <c r="N816631" s="10"/>
    </row>
    <row r="816632" spans="14:14">
      <c r="N816632" s="10"/>
    </row>
    <row r="816633" spans="14:14">
      <c r="N816633" s="10"/>
    </row>
    <row r="816634" spans="14:14">
      <c r="N816634" s="10"/>
    </row>
    <row r="816635" spans="14:14">
      <c r="N816635" s="10"/>
    </row>
    <row r="816636" spans="14:14">
      <c r="N816636" s="10"/>
    </row>
    <row r="816637" spans="14:14">
      <c r="N816637" s="10"/>
    </row>
    <row r="816638" spans="14:14">
      <c r="N816638" s="10"/>
    </row>
    <row r="816639" spans="14:14">
      <c r="N816639" s="10"/>
    </row>
    <row r="816640" spans="14:14">
      <c r="N816640" s="10"/>
    </row>
    <row r="816641" spans="14:14">
      <c r="N816641" s="10"/>
    </row>
    <row r="816642" spans="14:14">
      <c r="N816642" s="10"/>
    </row>
    <row r="816643" spans="14:14">
      <c r="N816643" s="10"/>
    </row>
    <row r="816644" spans="14:14">
      <c r="N816644" s="10"/>
    </row>
    <row r="816645" spans="14:14">
      <c r="N816645" s="10"/>
    </row>
    <row r="816646" spans="14:14">
      <c r="N816646" s="10"/>
    </row>
    <row r="816647" spans="14:14">
      <c r="N816647" s="10"/>
    </row>
    <row r="816648" spans="14:14">
      <c r="N816648" s="10"/>
    </row>
    <row r="816649" spans="14:14">
      <c r="N816649" s="10"/>
    </row>
    <row r="816650" spans="14:14">
      <c r="N816650" s="10"/>
    </row>
    <row r="816651" spans="14:14">
      <c r="N816651" s="10"/>
    </row>
    <row r="816652" spans="14:14">
      <c r="N816652" s="10"/>
    </row>
    <row r="816653" spans="14:14">
      <c r="N816653" s="10"/>
    </row>
    <row r="816654" spans="14:14">
      <c r="N816654" s="10"/>
    </row>
    <row r="816655" spans="14:14">
      <c r="N816655" s="10"/>
    </row>
    <row r="816656" spans="14:14">
      <c r="N816656" s="10"/>
    </row>
    <row r="816657" spans="14:14">
      <c r="N816657" s="10"/>
    </row>
    <row r="816658" spans="14:14">
      <c r="N816658" s="10"/>
    </row>
    <row r="816659" spans="14:14">
      <c r="N816659" s="10"/>
    </row>
    <row r="816660" spans="14:14">
      <c r="N816660" s="10"/>
    </row>
    <row r="816661" spans="14:14">
      <c r="N816661" s="10"/>
    </row>
    <row r="816662" spans="14:14">
      <c r="N816662" s="10"/>
    </row>
    <row r="816663" spans="14:14">
      <c r="N816663" s="10"/>
    </row>
    <row r="816664" spans="14:14">
      <c r="N816664" s="10"/>
    </row>
    <row r="816665" spans="14:14">
      <c r="N816665" s="10"/>
    </row>
    <row r="816666" spans="14:14">
      <c r="N816666" s="10"/>
    </row>
    <row r="816667" spans="14:14">
      <c r="N816667" s="10"/>
    </row>
    <row r="816668" spans="14:14">
      <c r="N816668" s="10"/>
    </row>
    <row r="816669" spans="14:14">
      <c r="N816669" s="10"/>
    </row>
    <row r="816670" spans="14:14">
      <c r="N816670" s="10"/>
    </row>
    <row r="816671" spans="14:14">
      <c r="N816671" s="10"/>
    </row>
    <row r="816672" spans="14:14">
      <c r="N816672" s="10"/>
    </row>
    <row r="816673" spans="14:14">
      <c r="N816673" s="10"/>
    </row>
    <row r="816674" spans="14:14">
      <c r="N816674" s="10"/>
    </row>
    <row r="816675" spans="14:14">
      <c r="N816675" s="10"/>
    </row>
    <row r="816676" spans="14:14">
      <c r="N816676" s="10"/>
    </row>
    <row r="816677" spans="14:14">
      <c r="N816677" s="10"/>
    </row>
    <row r="816678" spans="14:14">
      <c r="N816678" s="10"/>
    </row>
    <row r="816679" spans="14:14">
      <c r="N816679" s="10"/>
    </row>
    <row r="816680" spans="14:14">
      <c r="N816680" s="10"/>
    </row>
    <row r="816681" spans="14:14">
      <c r="N816681" s="10"/>
    </row>
    <row r="816682" spans="14:14">
      <c r="N816682" s="10"/>
    </row>
    <row r="816683" spans="14:14">
      <c r="N816683" s="10"/>
    </row>
    <row r="816684" spans="14:14">
      <c r="N816684" s="10"/>
    </row>
    <row r="816685" spans="14:14">
      <c r="N816685" s="10"/>
    </row>
    <row r="816686" spans="14:14">
      <c r="N816686" s="10"/>
    </row>
    <row r="816687" spans="14:14">
      <c r="N816687" s="10"/>
    </row>
    <row r="816688" spans="14:14">
      <c r="N816688" s="10"/>
    </row>
    <row r="816689" spans="14:14">
      <c r="N816689" s="10"/>
    </row>
    <row r="816690" spans="14:14">
      <c r="N816690" s="10"/>
    </row>
    <row r="816691" spans="14:14">
      <c r="N816691" s="10"/>
    </row>
    <row r="816692" spans="14:14">
      <c r="N816692" s="10"/>
    </row>
    <row r="816693" spans="14:14">
      <c r="N816693" s="10"/>
    </row>
    <row r="816694" spans="14:14">
      <c r="N816694" s="10"/>
    </row>
    <row r="816695" spans="14:14">
      <c r="N816695" s="10"/>
    </row>
    <row r="816696" spans="14:14">
      <c r="N816696" s="10"/>
    </row>
    <row r="816697" spans="14:14">
      <c r="N816697" s="10"/>
    </row>
    <row r="816698" spans="14:14">
      <c r="N816698" s="10"/>
    </row>
    <row r="816699" spans="14:14">
      <c r="N816699" s="10"/>
    </row>
    <row r="816700" spans="14:14">
      <c r="N816700" s="10"/>
    </row>
    <row r="816701" spans="14:14">
      <c r="N816701" s="10"/>
    </row>
    <row r="816702" spans="14:14">
      <c r="N816702" s="10"/>
    </row>
    <row r="816703" spans="14:14">
      <c r="N816703" s="10"/>
    </row>
    <row r="816704" spans="14:14">
      <c r="N816704" s="10"/>
    </row>
    <row r="816705" spans="14:14">
      <c r="N816705" s="10"/>
    </row>
    <row r="816706" spans="14:14">
      <c r="N816706" s="10"/>
    </row>
    <row r="816707" spans="14:14">
      <c r="N816707" s="10"/>
    </row>
    <row r="816708" spans="14:14">
      <c r="N816708" s="10"/>
    </row>
    <row r="816709" spans="14:14">
      <c r="N816709" s="10"/>
    </row>
    <row r="816710" spans="14:14">
      <c r="N816710" s="10"/>
    </row>
    <row r="816711" spans="14:14">
      <c r="N816711" s="10"/>
    </row>
    <row r="816712" spans="14:14">
      <c r="N816712" s="10"/>
    </row>
    <row r="816713" spans="14:14">
      <c r="N816713" s="10"/>
    </row>
    <row r="816714" spans="14:14">
      <c r="N816714" s="10"/>
    </row>
    <row r="816715" spans="14:14">
      <c r="N816715" s="10"/>
    </row>
    <row r="816716" spans="14:14">
      <c r="N816716" s="10"/>
    </row>
    <row r="816717" spans="14:14">
      <c r="N816717" s="10"/>
    </row>
    <row r="816718" spans="14:14">
      <c r="N816718" s="10"/>
    </row>
    <row r="816719" spans="14:14">
      <c r="N816719" s="10"/>
    </row>
    <row r="816720" spans="14:14">
      <c r="N816720" s="10"/>
    </row>
    <row r="816721" spans="14:14">
      <c r="N816721" s="10"/>
    </row>
    <row r="816722" spans="14:14">
      <c r="N816722" s="10"/>
    </row>
    <row r="816723" spans="14:14">
      <c r="N816723" s="10"/>
    </row>
    <row r="816724" spans="14:14">
      <c r="N816724" s="10"/>
    </row>
    <row r="816725" spans="14:14">
      <c r="N816725" s="10"/>
    </row>
    <row r="816726" spans="14:14">
      <c r="N816726" s="10"/>
    </row>
    <row r="816727" spans="14:14">
      <c r="N816727" s="10"/>
    </row>
    <row r="816728" spans="14:14">
      <c r="N816728" s="10"/>
    </row>
    <row r="816729" spans="14:14">
      <c r="N816729" s="10"/>
    </row>
    <row r="816730" spans="14:14">
      <c r="N816730" s="10"/>
    </row>
    <row r="816731" spans="14:14">
      <c r="N816731" s="10"/>
    </row>
    <row r="816732" spans="14:14">
      <c r="N816732" s="10"/>
    </row>
    <row r="816733" spans="14:14">
      <c r="N816733" s="10"/>
    </row>
    <row r="816734" spans="14:14">
      <c r="N816734" s="10"/>
    </row>
    <row r="816735" spans="14:14">
      <c r="N816735" s="10"/>
    </row>
    <row r="816736" spans="14:14">
      <c r="N816736" s="10"/>
    </row>
    <row r="816737" spans="14:14">
      <c r="N816737" s="10"/>
    </row>
    <row r="816738" spans="14:14">
      <c r="N816738" s="10"/>
    </row>
    <row r="816739" spans="14:14">
      <c r="N816739" s="10"/>
    </row>
    <row r="816740" spans="14:14">
      <c r="N816740" s="10"/>
    </row>
    <row r="816741" spans="14:14">
      <c r="N816741" s="10"/>
    </row>
    <row r="816742" spans="14:14">
      <c r="N816742" s="10"/>
    </row>
    <row r="816743" spans="14:14">
      <c r="N816743" s="10"/>
    </row>
    <row r="816744" spans="14:14">
      <c r="N816744" s="10"/>
    </row>
    <row r="816745" spans="14:14">
      <c r="N816745" s="10"/>
    </row>
    <row r="816746" spans="14:14">
      <c r="N816746" s="10"/>
    </row>
    <row r="816747" spans="14:14">
      <c r="N816747" s="10"/>
    </row>
    <row r="816748" spans="14:14">
      <c r="N816748" s="10"/>
    </row>
    <row r="816749" spans="14:14">
      <c r="N816749" s="10"/>
    </row>
    <row r="816750" spans="14:14">
      <c r="N816750" s="10"/>
    </row>
    <row r="816751" spans="14:14">
      <c r="N816751" s="10"/>
    </row>
    <row r="816752" spans="14:14">
      <c r="N816752" s="10"/>
    </row>
    <row r="816753" spans="14:14">
      <c r="N816753" s="10"/>
    </row>
    <row r="816754" spans="14:14">
      <c r="N816754" s="10"/>
    </row>
    <row r="816755" spans="14:14">
      <c r="N816755" s="10"/>
    </row>
    <row r="816756" spans="14:14">
      <c r="N816756" s="10"/>
    </row>
    <row r="816757" spans="14:14">
      <c r="N816757" s="10"/>
    </row>
    <row r="816758" spans="14:14">
      <c r="N816758" s="10"/>
    </row>
    <row r="816759" spans="14:14">
      <c r="N816759" s="10"/>
    </row>
    <row r="816760" spans="14:14">
      <c r="N816760" s="10"/>
    </row>
    <row r="816761" spans="14:14">
      <c r="N816761" s="10"/>
    </row>
    <row r="816762" spans="14:14">
      <c r="N816762" s="10"/>
    </row>
    <row r="816763" spans="14:14">
      <c r="N816763" s="10"/>
    </row>
    <row r="816764" spans="14:14">
      <c r="N816764" s="10"/>
    </row>
    <row r="816765" spans="14:14">
      <c r="N816765" s="10"/>
    </row>
    <row r="816766" spans="14:14">
      <c r="N816766" s="10"/>
    </row>
    <row r="816767" spans="14:14">
      <c r="N816767" s="10"/>
    </row>
    <row r="816768" spans="14:14">
      <c r="N816768" s="10"/>
    </row>
    <row r="816769" spans="14:14">
      <c r="N816769" s="10"/>
    </row>
    <row r="816770" spans="14:14">
      <c r="N816770" s="10"/>
    </row>
    <row r="816771" spans="14:14">
      <c r="N816771" s="10"/>
    </row>
    <row r="816772" spans="14:14">
      <c r="N816772" s="10"/>
    </row>
    <row r="816773" spans="14:14">
      <c r="N816773" s="10"/>
    </row>
    <row r="816774" spans="14:14">
      <c r="N816774" s="10"/>
    </row>
    <row r="816775" spans="14:14">
      <c r="N816775" s="10"/>
    </row>
    <row r="816776" spans="14:14">
      <c r="N816776" s="10"/>
    </row>
    <row r="816777" spans="14:14">
      <c r="N816777" s="10"/>
    </row>
    <row r="816778" spans="14:14">
      <c r="N816778" s="10"/>
    </row>
    <row r="816779" spans="14:14">
      <c r="N816779" s="10"/>
    </row>
    <row r="816780" spans="14:14">
      <c r="N816780" s="10"/>
    </row>
    <row r="816781" spans="14:14">
      <c r="N816781" s="10"/>
    </row>
    <row r="816782" spans="14:14">
      <c r="N816782" s="10"/>
    </row>
    <row r="816783" spans="14:14">
      <c r="N816783" s="10"/>
    </row>
    <row r="816784" spans="14:14">
      <c r="N816784" s="10"/>
    </row>
    <row r="816785" spans="14:14">
      <c r="N816785" s="10"/>
    </row>
    <row r="816786" spans="14:14">
      <c r="N816786" s="10"/>
    </row>
    <row r="816787" spans="14:14">
      <c r="N816787" s="10"/>
    </row>
    <row r="816788" spans="14:14">
      <c r="N816788" s="10"/>
    </row>
    <row r="816789" spans="14:14">
      <c r="N816789" s="10"/>
    </row>
    <row r="816790" spans="14:14">
      <c r="N816790" s="10"/>
    </row>
    <row r="816791" spans="14:14">
      <c r="N816791" s="10"/>
    </row>
    <row r="816792" spans="14:14">
      <c r="N816792" s="10"/>
    </row>
    <row r="816793" spans="14:14">
      <c r="N816793" s="10"/>
    </row>
    <row r="816794" spans="14:14">
      <c r="N816794" s="10"/>
    </row>
    <row r="816795" spans="14:14">
      <c r="N816795" s="10"/>
    </row>
    <row r="816796" spans="14:14">
      <c r="N816796" s="10"/>
    </row>
    <row r="816797" spans="14:14">
      <c r="N816797" s="10"/>
    </row>
    <row r="816798" spans="14:14">
      <c r="N816798" s="10"/>
    </row>
    <row r="816799" spans="14:14">
      <c r="N816799" s="10"/>
    </row>
    <row r="816800" spans="14:14">
      <c r="N816800" s="10"/>
    </row>
    <row r="816801" spans="14:14">
      <c r="N816801" s="10"/>
    </row>
    <row r="816802" spans="14:14">
      <c r="N816802" s="10"/>
    </row>
    <row r="816803" spans="14:14">
      <c r="N816803" s="10"/>
    </row>
    <row r="816804" spans="14:14">
      <c r="N816804" s="10"/>
    </row>
    <row r="816805" spans="14:14">
      <c r="N816805" s="10"/>
    </row>
    <row r="816806" spans="14:14">
      <c r="N816806" s="10"/>
    </row>
    <row r="816807" spans="14:14">
      <c r="N816807" s="10"/>
    </row>
    <row r="816808" spans="14:14">
      <c r="N816808" s="10"/>
    </row>
    <row r="816809" spans="14:14">
      <c r="N816809" s="10"/>
    </row>
    <row r="816810" spans="14:14">
      <c r="N816810" s="10"/>
    </row>
    <row r="816811" spans="14:14">
      <c r="N816811" s="10"/>
    </row>
    <row r="816812" spans="14:14">
      <c r="N816812" s="10"/>
    </row>
    <row r="816813" spans="14:14">
      <c r="N816813" s="10"/>
    </row>
    <row r="816814" spans="14:14">
      <c r="N816814" s="10"/>
    </row>
    <row r="816815" spans="14:14">
      <c r="N816815" s="10"/>
    </row>
    <row r="816816" spans="14:14">
      <c r="N816816" s="10"/>
    </row>
    <row r="816817" spans="14:14">
      <c r="N816817" s="10"/>
    </row>
    <row r="816818" spans="14:14">
      <c r="N816818" s="10"/>
    </row>
    <row r="816819" spans="14:14">
      <c r="N816819" s="10"/>
    </row>
    <row r="816820" spans="14:14">
      <c r="N816820" s="10"/>
    </row>
    <row r="816821" spans="14:14">
      <c r="N816821" s="10"/>
    </row>
    <row r="816822" spans="14:14">
      <c r="N816822" s="10"/>
    </row>
    <row r="816823" spans="14:14">
      <c r="N816823" s="10"/>
    </row>
    <row r="816824" spans="14:14">
      <c r="N816824" s="10"/>
    </row>
    <row r="816825" spans="14:14">
      <c r="N816825" s="10"/>
    </row>
    <row r="816826" spans="14:14">
      <c r="N816826" s="10"/>
    </row>
    <row r="816827" spans="14:14">
      <c r="N816827" s="10"/>
    </row>
    <row r="816828" spans="14:14">
      <c r="N816828" s="10"/>
    </row>
    <row r="816829" spans="14:14">
      <c r="N816829" s="10"/>
    </row>
    <row r="816830" spans="14:14">
      <c r="N816830" s="10"/>
    </row>
    <row r="816831" spans="14:14">
      <c r="N816831" s="10"/>
    </row>
    <row r="816832" spans="14:14">
      <c r="N816832" s="10"/>
    </row>
    <row r="816833" spans="14:14">
      <c r="N816833" s="10"/>
    </row>
    <row r="816834" spans="14:14">
      <c r="N816834" s="10"/>
    </row>
    <row r="816835" spans="14:14">
      <c r="N816835" s="10"/>
    </row>
    <row r="816836" spans="14:14">
      <c r="N816836" s="10"/>
    </row>
    <row r="816837" spans="14:14">
      <c r="N816837" s="10"/>
    </row>
    <row r="816838" spans="14:14">
      <c r="N816838" s="10"/>
    </row>
    <row r="816839" spans="14:14">
      <c r="N816839" s="10"/>
    </row>
    <row r="816840" spans="14:14">
      <c r="N816840" s="10"/>
    </row>
    <row r="816841" spans="14:14">
      <c r="N816841" s="10"/>
    </row>
    <row r="816842" spans="14:14">
      <c r="N816842" s="10"/>
    </row>
    <row r="816843" spans="14:14">
      <c r="N816843" s="10"/>
    </row>
    <row r="816844" spans="14:14">
      <c r="N816844" s="10"/>
    </row>
    <row r="816845" spans="14:14">
      <c r="N816845" s="10"/>
    </row>
    <row r="816846" spans="14:14">
      <c r="N816846" s="10"/>
    </row>
    <row r="816847" spans="14:14">
      <c r="N816847" s="10"/>
    </row>
    <row r="816848" spans="14:14">
      <c r="N816848" s="10"/>
    </row>
    <row r="816849" spans="14:14">
      <c r="N816849" s="10"/>
    </row>
    <row r="816850" spans="14:14">
      <c r="N816850" s="10"/>
    </row>
    <row r="816851" spans="14:14">
      <c r="N816851" s="10"/>
    </row>
    <row r="816852" spans="14:14">
      <c r="N816852" s="10"/>
    </row>
    <row r="816853" spans="14:14">
      <c r="N816853" s="10"/>
    </row>
    <row r="816854" spans="14:14">
      <c r="N816854" s="10"/>
    </row>
    <row r="816855" spans="14:14">
      <c r="N816855" s="10"/>
    </row>
    <row r="816856" spans="14:14">
      <c r="N816856" s="10"/>
    </row>
    <row r="816857" spans="14:14">
      <c r="N816857" s="10"/>
    </row>
    <row r="816858" spans="14:14">
      <c r="N816858" s="10"/>
    </row>
    <row r="816859" spans="14:14">
      <c r="N816859" s="10"/>
    </row>
    <row r="816860" spans="14:14">
      <c r="N816860" s="10"/>
    </row>
    <row r="816861" spans="14:14">
      <c r="N816861" s="10"/>
    </row>
    <row r="816862" spans="14:14">
      <c r="N816862" s="10"/>
    </row>
    <row r="816863" spans="14:14">
      <c r="N816863" s="10"/>
    </row>
    <row r="816864" spans="14:14">
      <c r="N816864" s="10"/>
    </row>
    <row r="816865" spans="14:14">
      <c r="N816865" s="10"/>
    </row>
    <row r="816866" spans="14:14">
      <c r="N816866" s="10"/>
    </row>
    <row r="816867" spans="14:14">
      <c r="N816867" s="10"/>
    </row>
    <row r="816868" spans="14:14">
      <c r="N816868" s="10"/>
    </row>
    <row r="816869" spans="14:14">
      <c r="N816869" s="10"/>
    </row>
    <row r="816870" spans="14:14">
      <c r="N816870" s="10"/>
    </row>
    <row r="816871" spans="14:14">
      <c r="N816871" s="10"/>
    </row>
    <row r="816872" spans="14:14">
      <c r="N816872" s="10"/>
    </row>
    <row r="816873" spans="14:14">
      <c r="N816873" s="10"/>
    </row>
    <row r="816874" spans="14:14">
      <c r="N816874" s="10"/>
    </row>
    <row r="816875" spans="14:14">
      <c r="N816875" s="10"/>
    </row>
    <row r="816876" spans="14:14">
      <c r="N816876" s="10"/>
    </row>
    <row r="816877" spans="14:14">
      <c r="N816877" s="10"/>
    </row>
    <row r="816878" spans="14:14">
      <c r="N816878" s="10"/>
    </row>
    <row r="816879" spans="14:14">
      <c r="N816879" s="10"/>
    </row>
    <row r="816880" spans="14:14">
      <c r="N816880" s="10"/>
    </row>
    <row r="816881" spans="14:14">
      <c r="N816881" s="10"/>
    </row>
    <row r="816882" spans="14:14">
      <c r="N816882" s="10"/>
    </row>
    <row r="816883" spans="14:14">
      <c r="N816883" s="10"/>
    </row>
    <row r="816884" spans="14:14">
      <c r="N816884" s="10"/>
    </row>
    <row r="816885" spans="14:14">
      <c r="N816885" s="10"/>
    </row>
    <row r="816886" spans="14:14">
      <c r="N816886" s="10"/>
    </row>
    <row r="816887" spans="14:14">
      <c r="N816887" s="10"/>
    </row>
    <row r="816888" spans="14:14">
      <c r="N816888" s="10"/>
    </row>
    <row r="816889" spans="14:14">
      <c r="N816889" s="10"/>
    </row>
    <row r="816890" spans="14:14">
      <c r="N816890" s="10"/>
    </row>
    <row r="816891" spans="14:14">
      <c r="N816891" s="10"/>
    </row>
    <row r="816892" spans="14:14">
      <c r="N816892" s="10"/>
    </row>
    <row r="816893" spans="14:14">
      <c r="N816893" s="10"/>
    </row>
    <row r="816894" spans="14:14">
      <c r="N816894" s="10"/>
    </row>
    <row r="816895" spans="14:14">
      <c r="N816895" s="10"/>
    </row>
    <row r="816896" spans="14:14">
      <c r="N816896" s="10"/>
    </row>
    <row r="816897" spans="14:14">
      <c r="N816897" s="10"/>
    </row>
    <row r="816898" spans="14:14">
      <c r="N816898" s="10"/>
    </row>
    <row r="816899" spans="14:14">
      <c r="N816899" s="10"/>
    </row>
    <row r="816900" spans="14:14">
      <c r="N816900" s="10"/>
    </row>
    <row r="816901" spans="14:14">
      <c r="N816901" s="10"/>
    </row>
    <row r="816902" spans="14:14">
      <c r="N816902" s="10"/>
    </row>
    <row r="816903" spans="14:14">
      <c r="N816903" s="10"/>
    </row>
    <row r="816904" spans="14:14">
      <c r="N816904" s="10"/>
    </row>
    <row r="816905" spans="14:14">
      <c r="N816905" s="10"/>
    </row>
    <row r="816906" spans="14:14">
      <c r="N816906" s="10"/>
    </row>
    <row r="816907" spans="14:14">
      <c r="N816907" s="10"/>
    </row>
    <row r="816908" spans="14:14">
      <c r="N816908" s="10"/>
    </row>
    <row r="816909" spans="14:14">
      <c r="N816909" s="10"/>
    </row>
    <row r="816910" spans="14:14">
      <c r="N816910" s="10"/>
    </row>
    <row r="816911" spans="14:14">
      <c r="N816911" s="10"/>
    </row>
    <row r="816912" spans="14:14">
      <c r="N816912" s="10"/>
    </row>
    <row r="816913" spans="14:14">
      <c r="N816913" s="10"/>
    </row>
    <row r="816914" spans="14:14">
      <c r="N816914" s="10"/>
    </row>
    <row r="816915" spans="14:14">
      <c r="N816915" s="10"/>
    </row>
    <row r="816916" spans="14:14">
      <c r="N816916" s="10"/>
    </row>
    <row r="816917" spans="14:14">
      <c r="N816917" s="10"/>
    </row>
    <row r="816918" spans="14:14">
      <c r="N816918" s="10"/>
    </row>
    <row r="816919" spans="14:14">
      <c r="N816919" s="10"/>
    </row>
    <row r="816920" spans="14:14">
      <c r="N816920" s="10"/>
    </row>
    <row r="816921" spans="14:14">
      <c r="N816921" s="10"/>
    </row>
    <row r="816922" spans="14:14">
      <c r="N816922" s="10"/>
    </row>
    <row r="816923" spans="14:14">
      <c r="N816923" s="10"/>
    </row>
    <row r="816924" spans="14:14">
      <c r="N816924" s="10"/>
    </row>
    <row r="816925" spans="14:14">
      <c r="N816925" s="10"/>
    </row>
    <row r="816926" spans="14:14">
      <c r="N816926" s="10"/>
    </row>
    <row r="816927" spans="14:14">
      <c r="N816927" s="10"/>
    </row>
    <row r="816928" spans="14:14">
      <c r="N816928" s="10"/>
    </row>
    <row r="816929" spans="14:14">
      <c r="N816929" s="10"/>
    </row>
    <row r="816930" spans="14:14">
      <c r="N816930" s="10"/>
    </row>
    <row r="816931" spans="14:14">
      <c r="N816931" s="10"/>
    </row>
    <row r="816932" spans="14:14">
      <c r="N816932" s="10"/>
    </row>
    <row r="816933" spans="14:14">
      <c r="N816933" s="10"/>
    </row>
    <row r="816934" spans="14:14">
      <c r="N816934" s="10"/>
    </row>
    <row r="816935" spans="14:14">
      <c r="N816935" s="10"/>
    </row>
    <row r="816936" spans="14:14">
      <c r="N816936" s="10"/>
    </row>
    <row r="816937" spans="14:14">
      <c r="N816937" s="10"/>
    </row>
    <row r="816938" spans="14:14">
      <c r="N816938" s="10"/>
    </row>
    <row r="816939" spans="14:14">
      <c r="N816939" s="10"/>
    </row>
    <row r="816940" spans="14:14">
      <c r="N816940" s="10"/>
    </row>
    <row r="816941" spans="14:14">
      <c r="N816941" s="10"/>
    </row>
    <row r="816942" spans="14:14">
      <c r="N816942" s="10"/>
    </row>
    <row r="816943" spans="14:14">
      <c r="N816943" s="10"/>
    </row>
    <row r="816944" spans="14:14">
      <c r="N816944" s="10"/>
    </row>
    <row r="816945" spans="14:14">
      <c r="N816945" s="10"/>
    </row>
    <row r="816946" spans="14:14">
      <c r="N816946" s="10"/>
    </row>
    <row r="816947" spans="14:14">
      <c r="N816947" s="10"/>
    </row>
    <row r="816948" spans="14:14">
      <c r="N816948" s="10"/>
    </row>
    <row r="816949" spans="14:14">
      <c r="N816949" s="10"/>
    </row>
    <row r="816950" spans="14:14">
      <c r="N816950" s="10"/>
    </row>
    <row r="816951" spans="14:14">
      <c r="N816951" s="10"/>
    </row>
    <row r="816952" spans="14:14">
      <c r="N816952" s="10"/>
    </row>
    <row r="816953" spans="14:14">
      <c r="N816953" s="10"/>
    </row>
    <row r="816954" spans="14:14">
      <c r="N816954" s="10"/>
    </row>
    <row r="816955" spans="14:14">
      <c r="N816955" s="10"/>
    </row>
    <row r="816956" spans="14:14">
      <c r="N816956" s="10"/>
    </row>
    <row r="816957" spans="14:14">
      <c r="N816957" s="10"/>
    </row>
    <row r="816958" spans="14:14">
      <c r="N816958" s="10"/>
    </row>
    <row r="816959" spans="14:14">
      <c r="N816959" s="10"/>
    </row>
    <row r="816960" spans="14:14">
      <c r="N816960" s="10"/>
    </row>
    <row r="816961" spans="14:14">
      <c r="N816961" s="10"/>
    </row>
    <row r="816962" spans="14:14">
      <c r="N816962" s="10"/>
    </row>
    <row r="816963" spans="14:14">
      <c r="N816963" s="10"/>
    </row>
    <row r="816964" spans="14:14">
      <c r="N816964" s="10"/>
    </row>
    <row r="816965" spans="14:14">
      <c r="N816965" s="10"/>
    </row>
    <row r="816966" spans="14:14">
      <c r="N816966" s="10"/>
    </row>
    <row r="816967" spans="14:14">
      <c r="N816967" s="10"/>
    </row>
    <row r="816968" spans="14:14">
      <c r="N816968" s="10"/>
    </row>
    <row r="816969" spans="14:14">
      <c r="N816969" s="10"/>
    </row>
    <row r="816970" spans="14:14">
      <c r="N816970" s="10"/>
    </row>
    <row r="816971" spans="14:14">
      <c r="N816971" s="10"/>
    </row>
    <row r="816972" spans="14:14">
      <c r="N816972" s="10"/>
    </row>
    <row r="816973" spans="14:14">
      <c r="N816973" s="10"/>
    </row>
    <row r="816974" spans="14:14">
      <c r="N816974" s="10"/>
    </row>
    <row r="816975" spans="14:14">
      <c r="N816975" s="10"/>
    </row>
    <row r="816976" spans="14:14">
      <c r="N816976" s="10"/>
    </row>
    <row r="816977" spans="14:14">
      <c r="N816977" s="10"/>
    </row>
    <row r="816978" spans="14:14">
      <c r="N816978" s="10"/>
    </row>
    <row r="816979" spans="14:14">
      <c r="N816979" s="10"/>
    </row>
    <row r="816980" spans="14:14">
      <c r="N816980" s="10"/>
    </row>
    <row r="816981" spans="14:14">
      <c r="N816981" s="10"/>
    </row>
    <row r="816982" spans="14:14">
      <c r="N816982" s="10"/>
    </row>
    <row r="816983" spans="14:14">
      <c r="N816983" s="10"/>
    </row>
    <row r="816984" spans="14:14">
      <c r="N816984" s="10"/>
    </row>
    <row r="816985" spans="14:14">
      <c r="N816985" s="10"/>
    </row>
    <row r="816986" spans="14:14">
      <c r="N816986" s="10"/>
    </row>
    <row r="816987" spans="14:14">
      <c r="N816987" s="10"/>
    </row>
    <row r="816988" spans="14:14">
      <c r="N816988" s="10"/>
    </row>
    <row r="816989" spans="14:14">
      <c r="N816989" s="10"/>
    </row>
    <row r="816990" spans="14:14">
      <c r="N816990" s="10"/>
    </row>
    <row r="816991" spans="14:14">
      <c r="N816991" s="10"/>
    </row>
    <row r="816992" spans="14:14">
      <c r="N816992" s="10"/>
    </row>
    <row r="816993" spans="14:14">
      <c r="N816993" s="10"/>
    </row>
    <row r="816994" spans="14:14">
      <c r="N816994" s="10"/>
    </row>
    <row r="816995" spans="14:14">
      <c r="N816995" s="10"/>
    </row>
    <row r="816996" spans="14:14">
      <c r="N816996" s="10"/>
    </row>
    <row r="816997" spans="14:14">
      <c r="N816997" s="10"/>
    </row>
    <row r="816998" spans="14:14">
      <c r="N816998" s="10"/>
    </row>
    <row r="816999" spans="14:14">
      <c r="N816999" s="10"/>
    </row>
    <row r="817000" spans="14:14">
      <c r="N817000" s="10"/>
    </row>
    <row r="817001" spans="14:14">
      <c r="N817001" s="10"/>
    </row>
    <row r="817002" spans="14:14">
      <c r="N817002" s="10"/>
    </row>
    <row r="817003" spans="14:14">
      <c r="N817003" s="10"/>
    </row>
    <row r="817004" spans="14:14">
      <c r="N817004" s="10"/>
    </row>
    <row r="817005" spans="14:14">
      <c r="N817005" s="10"/>
    </row>
    <row r="817006" spans="14:14">
      <c r="N817006" s="10"/>
    </row>
    <row r="817007" spans="14:14">
      <c r="N817007" s="10"/>
    </row>
    <row r="817008" spans="14:14">
      <c r="N817008" s="10"/>
    </row>
    <row r="817009" spans="14:14">
      <c r="N817009" s="10"/>
    </row>
    <row r="817010" spans="14:14">
      <c r="N817010" s="10"/>
    </row>
    <row r="817011" spans="14:14">
      <c r="N817011" s="10"/>
    </row>
    <row r="817012" spans="14:14">
      <c r="N817012" s="10"/>
    </row>
    <row r="817013" spans="14:14">
      <c r="N817013" s="10"/>
    </row>
    <row r="817014" spans="14:14">
      <c r="N817014" s="10"/>
    </row>
    <row r="817015" spans="14:14">
      <c r="N817015" s="10"/>
    </row>
    <row r="817016" spans="14:14">
      <c r="N817016" s="10"/>
    </row>
    <row r="817017" spans="14:14">
      <c r="N817017" s="10"/>
    </row>
    <row r="817018" spans="14:14">
      <c r="N817018" s="10"/>
    </row>
    <row r="817019" spans="14:14">
      <c r="N817019" s="10"/>
    </row>
    <row r="817020" spans="14:14">
      <c r="N817020" s="10"/>
    </row>
    <row r="817021" spans="14:14">
      <c r="N817021" s="10"/>
    </row>
    <row r="817022" spans="14:14">
      <c r="N817022" s="10"/>
    </row>
    <row r="817023" spans="14:14">
      <c r="N817023" s="10"/>
    </row>
    <row r="817024" spans="14:14">
      <c r="N817024" s="10"/>
    </row>
    <row r="817025" spans="14:14">
      <c r="N817025" s="10"/>
    </row>
    <row r="817026" spans="14:14">
      <c r="N817026" s="10"/>
    </row>
    <row r="817027" spans="14:14">
      <c r="N817027" s="10"/>
    </row>
    <row r="817028" spans="14:14">
      <c r="N817028" s="10"/>
    </row>
    <row r="817029" spans="14:14">
      <c r="N817029" s="10"/>
    </row>
    <row r="817030" spans="14:14">
      <c r="N817030" s="10"/>
    </row>
    <row r="817031" spans="14:14">
      <c r="N817031" s="10"/>
    </row>
    <row r="817032" spans="14:14">
      <c r="N817032" s="10"/>
    </row>
    <row r="817033" spans="14:14">
      <c r="N817033" s="10"/>
    </row>
    <row r="817034" spans="14:14">
      <c r="N817034" s="10"/>
    </row>
    <row r="817035" spans="14:14">
      <c r="N817035" s="10"/>
    </row>
    <row r="817036" spans="14:14">
      <c r="N817036" s="10"/>
    </row>
    <row r="817037" spans="14:14">
      <c r="N817037" s="10"/>
    </row>
    <row r="817038" spans="14:14">
      <c r="N817038" s="10"/>
    </row>
    <row r="817039" spans="14:14">
      <c r="N817039" s="10"/>
    </row>
    <row r="817040" spans="14:14">
      <c r="N817040" s="10"/>
    </row>
    <row r="817041" spans="14:14">
      <c r="N817041" s="10"/>
    </row>
    <row r="817042" spans="14:14">
      <c r="N817042" s="10"/>
    </row>
    <row r="817043" spans="14:14">
      <c r="N817043" s="10"/>
    </row>
    <row r="817044" spans="14:14">
      <c r="N817044" s="10"/>
    </row>
    <row r="817045" spans="14:14">
      <c r="N817045" s="10"/>
    </row>
    <row r="817046" spans="14:14">
      <c r="N817046" s="10"/>
    </row>
    <row r="817047" spans="14:14">
      <c r="N817047" s="10"/>
    </row>
    <row r="817048" spans="14:14">
      <c r="N817048" s="10"/>
    </row>
    <row r="817049" spans="14:14">
      <c r="N817049" s="10"/>
    </row>
    <row r="817050" spans="14:14">
      <c r="N817050" s="10"/>
    </row>
    <row r="817051" spans="14:14">
      <c r="N817051" s="10"/>
    </row>
    <row r="817052" spans="14:14">
      <c r="N817052" s="10"/>
    </row>
    <row r="817053" spans="14:14">
      <c r="N817053" s="10"/>
    </row>
    <row r="817054" spans="14:14">
      <c r="N817054" s="10"/>
    </row>
    <row r="817055" spans="14:14">
      <c r="N817055" s="10"/>
    </row>
    <row r="817056" spans="14:14">
      <c r="N817056" s="10"/>
    </row>
    <row r="817057" spans="14:14">
      <c r="N817057" s="10"/>
    </row>
    <row r="817058" spans="14:14">
      <c r="N817058" s="10"/>
    </row>
    <row r="817059" spans="14:14">
      <c r="N817059" s="10"/>
    </row>
    <row r="817060" spans="14:14">
      <c r="N817060" s="10"/>
    </row>
    <row r="817061" spans="14:14">
      <c r="N817061" s="10"/>
    </row>
    <row r="817062" spans="14:14">
      <c r="N817062" s="10"/>
    </row>
    <row r="817063" spans="14:14">
      <c r="N817063" s="10"/>
    </row>
    <row r="817064" spans="14:14">
      <c r="N817064" s="10"/>
    </row>
    <row r="817065" spans="14:14">
      <c r="N817065" s="10"/>
    </row>
    <row r="817066" spans="14:14">
      <c r="N817066" s="10"/>
    </row>
    <row r="817067" spans="14:14">
      <c r="N817067" s="10"/>
    </row>
    <row r="817068" spans="14:14">
      <c r="N817068" s="10"/>
    </row>
    <row r="817069" spans="14:14">
      <c r="N817069" s="10"/>
    </row>
    <row r="817070" spans="14:14">
      <c r="N817070" s="10"/>
    </row>
    <row r="817071" spans="14:14">
      <c r="N817071" s="10"/>
    </row>
    <row r="817072" spans="14:14">
      <c r="N817072" s="10"/>
    </row>
    <row r="817073" spans="14:14">
      <c r="N817073" s="10"/>
    </row>
    <row r="817074" spans="14:14">
      <c r="N817074" s="10"/>
    </row>
    <row r="817075" spans="14:14">
      <c r="N817075" s="10"/>
    </row>
    <row r="817076" spans="14:14">
      <c r="N817076" s="10"/>
    </row>
    <row r="817077" spans="14:14">
      <c r="N817077" s="10"/>
    </row>
    <row r="817078" spans="14:14">
      <c r="N817078" s="10"/>
    </row>
    <row r="817079" spans="14:14">
      <c r="N817079" s="10"/>
    </row>
    <row r="817080" spans="14:14">
      <c r="N817080" s="10"/>
    </row>
    <row r="817081" spans="14:14">
      <c r="N817081" s="10"/>
    </row>
    <row r="817082" spans="14:14">
      <c r="N817082" s="10"/>
    </row>
    <row r="817083" spans="14:14">
      <c r="N817083" s="10"/>
    </row>
    <row r="817084" spans="14:14">
      <c r="N817084" s="10"/>
    </row>
    <row r="817085" spans="14:14">
      <c r="N817085" s="10"/>
    </row>
    <row r="817086" spans="14:14">
      <c r="N817086" s="10"/>
    </row>
    <row r="817087" spans="14:14">
      <c r="N817087" s="10"/>
    </row>
    <row r="817088" spans="14:14">
      <c r="N817088" s="10"/>
    </row>
    <row r="817089" spans="14:14">
      <c r="N817089" s="10"/>
    </row>
    <row r="817090" spans="14:14">
      <c r="N817090" s="10"/>
    </row>
    <row r="817091" spans="14:14">
      <c r="N817091" s="10"/>
    </row>
    <row r="817092" spans="14:14">
      <c r="N817092" s="10"/>
    </row>
    <row r="817093" spans="14:14">
      <c r="N817093" s="10"/>
    </row>
    <row r="817094" spans="14:14">
      <c r="N817094" s="10"/>
    </row>
    <row r="817095" spans="14:14">
      <c r="N817095" s="10"/>
    </row>
    <row r="817096" spans="14:14">
      <c r="N817096" s="10"/>
    </row>
    <row r="817097" spans="14:14">
      <c r="N817097" s="10"/>
    </row>
    <row r="817098" spans="14:14">
      <c r="N817098" s="10"/>
    </row>
    <row r="817099" spans="14:14">
      <c r="N817099" s="10"/>
    </row>
    <row r="817100" spans="14:14">
      <c r="N817100" s="10"/>
    </row>
    <row r="817101" spans="14:14">
      <c r="N817101" s="10"/>
    </row>
    <row r="817102" spans="14:14">
      <c r="N817102" s="10"/>
    </row>
    <row r="817103" spans="14:14">
      <c r="N817103" s="10"/>
    </row>
    <row r="817104" spans="14:14">
      <c r="N817104" s="10"/>
    </row>
    <row r="817105" spans="14:14">
      <c r="N817105" s="10"/>
    </row>
    <row r="817106" spans="14:14">
      <c r="N817106" s="10"/>
    </row>
    <row r="817107" spans="14:14">
      <c r="N817107" s="10"/>
    </row>
    <row r="817108" spans="14:14">
      <c r="N817108" s="10"/>
    </row>
    <row r="817109" spans="14:14">
      <c r="N817109" s="10"/>
    </row>
    <row r="817110" spans="14:14">
      <c r="N817110" s="10"/>
    </row>
    <row r="817111" spans="14:14">
      <c r="N817111" s="10"/>
    </row>
    <row r="817112" spans="14:14">
      <c r="N817112" s="10"/>
    </row>
    <row r="817113" spans="14:14">
      <c r="N817113" s="10"/>
    </row>
    <row r="817114" spans="14:14">
      <c r="N817114" s="10"/>
    </row>
    <row r="817115" spans="14:14">
      <c r="N817115" s="10"/>
    </row>
    <row r="817116" spans="14:14">
      <c r="N817116" s="10"/>
    </row>
    <row r="817117" spans="14:14">
      <c r="N817117" s="10"/>
    </row>
    <row r="817118" spans="14:14">
      <c r="N817118" s="10"/>
    </row>
    <row r="817119" spans="14:14">
      <c r="N817119" s="10"/>
    </row>
    <row r="817120" spans="14:14">
      <c r="N817120" s="10"/>
    </row>
    <row r="817121" spans="14:14">
      <c r="N817121" s="10"/>
    </row>
    <row r="817122" spans="14:14">
      <c r="N817122" s="10"/>
    </row>
    <row r="817123" spans="14:14">
      <c r="N817123" s="10"/>
    </row>
    <row r="817124" spans="14:14">
      <c r="N817124" s="10"/>
    </row>
    <row r="817125" spans="14:14">
      <c r="N817125" s="10"/>
    </row>
    <row r="817126" spans="14:14">
      <c r="N817126" s="10"/>
    </row>
    <row r="817127" spans="14:14">
      <c r="N817127" s="10"/>
    </row>
    <row r="817128" spans="14:14">
      <c r="N817128" s="10"/>
    </row>
    <row r="817129" spans="14:14">
      <c r="N817129" s="10"/>
    </row>
    <row r="817130" spans="14:14">
      <c r="N817130" s="10"/>
    </row>
    <row r="817131" spans="14:14">
      <c r="N817131" s="10"/>
    </row>
    <row r="817132" spans="14:14">
      <c r="N817132" s="10"/>
    </row>
    <row r="817133" spans="14:14">
      <c r="N817133" s="10"/>
    </row>
    <row r="817134" spans="14:14">
      <c r="N817134" s="10"/>
    </row>
    <row r="817135" spans="14:14">
      <c r="N817135" s="10"/>
    </row>
    <row r="817136" spans="14:14">
      <c r="N817136" s="10"/>
    </row>
    <row r="817137" spans="14:14">
      <c r="N817137" s="10"/>
    </row>
    <row r="817138" spans="14:14">
      <c r="N817138" s="10"/>
    </row>
    <row r="817139" spans="14:14">
      <c r="N817139" s="10"/>
    </row>
    <row r="817140" spans="14:14">
      <c r="N817140" s="10"/>
    </row>
    <row r="817141" spans="14:14">
      <c r="N817141" s="10"/>
    </row>
    <row r="817142" spans="14:14">
      <c r="N817142" s="10"/>
    </row>
    <row r="817143" spans="14:14">
      <c r="N817143" s="10"/>
    </row>
    <row r="817144" spans="14:14">
      <c r="N817144" s="10"/>
    </row>
    <row r="817145" spans="14:14">
      <c r="N817145" s="10"/>
    </row>
    <row r="817146" spans="14:14">
      <c r="N817146" s="10"/>
    </row>
    <row r="817147" spans="14:14">
      <c r="N817147" s="10"/>
    </row>
    <row r="817148" spans="14:14">
      <c r="N817148" s="10"/>
    </row>
    <row r="817149" spans="14:14">
      <c r="N817149" s="10"/>
    </row>
    <row r="817150" spans="14:14">
      <c r="N817150" s="10"/>
    </row>
    <row r="817151" spans="14:14">
      <c r="N817151" s="10"/>
    </row>
    <row r="817152" spans="14:14">
      <c r="N817152" s="10"/>
    </row>
    <row r="817153" spans="14:14">
      <c r="N817153" s="10"/>
    </row>
    <row r="817154" spans="14:14">
      <c r="N817154" s="10"/>
    </row>
    <row r="817155" spans="14:14">
      <c r="N817155" s="10"/>
    </row>
    <row r="817156" spans="14:14">
      <c r="N817156" s="10"/>
    </row>
    <row r="817157" spans="14:14">
      <c r="N817157" s="10"/>
    </row>
    <row r="817158" spans="14:14">
      <c r="N817158" s="10"/>
    </row>
    <row r="817159" spans="14:14">
      <c r="N817159" s="10"/>
    </row>
    <row r="817160" spans="14:14">
      <c r="N817160" s="10"/>
    </row>
    <row r="817161" spans="14:14">
      <c r="N817161" s="10"/>
    </row>
    <row r="817162" spans="14:14">
      <c r="N817162" s="10"/>
    </row>
    <row r="817163" spans="14:14">
      <c r="N817163" s="10"/>
    </row>
    <row r="817164" spans="14:14">
      <c r="N817164" s="10"/>
    </row>
    <row r="817165" spans="14:14">
      <c r="N817165" s="10"/>
    </row>
    <row r="817166" spans="14:14">
      <c r="N817166" s="10"/>
    </row>
    <row r="817167" spans="14:14">
      <c r="N817167" s="10"/>
    </row>
    <row r="817168" spans="14:14">
      <c r="N817168" s="10"/>
    </row>
    <row r="817169" spans="14:14">
      <c r="N817169" s="10"/>
    </row>
    <row r="817170" spans="14:14">
      <c r="N817170" s="10"/>
    </row>
    <row r="817171" spans="14:14">
      <c r="N817171" s="10"/>
    </row>
    <row r="817172" spans="14:14">
      <c r="N817172" s="10"/>
    </row>
    <row r="817173" spans="14:14">
      <c r="N817173" s="10"/>
    </row>
    <row r="817174" spans="14:14">
      <c r="N817174" s="10"/>
    </row>
    <row r="817175" spans="14:14">
      <c r="N817175" s="10"/>
    </row>
    <row r="817176" spans="14:14">
      <c r="N817176" s="10"/>
    </row>
    <row r="817177" spans="14:14">
      <c r="N817177" s="10"/>
    </row>
    <row r="817178" spans="14:14">
      <c r="N817178" s="10"/>
    </row>
    <row r="817179" spans="14:14">
      <c r="N817179" s="10"/>
    </row>
    <row r="817180" spans="14:14">
      <c r="N817180" s="10"/>
    </row>
    <row r="817181" spans="14:14">
      <c r="N817181" s="10"/>
    </row>
    <row r="817182" spans="14:14">
      <c r="N817182" s="10"/>
    </row>
    <row r="817183" spans="14:14">
      <c r="N817183" s="10"/>
    </row>
    <row r="817184" spans="14:14">
      <c r="N817184" s="10"/>
    </row>
    <row r="817185" spans="14:14">
      <c r="N817185" s="10"/>
    </row>
    <row r="817186" spans="14:14">
      <c r="N817186" s="10"/>
    </row>
    <row r="817187" spans="14:14">
      <c r="N817187" s="10"/>
    </row>
    <row r="817188" spans="14:14">
      <c r="N817188" s="10"/>
    </row>
    <row r="817189" spans="14:14">
      <c r="N817189" s="10"/>
    </row>
    <row r="817190" spans="14:14">
      <c r="N817190" s="10"/>
    </row>
    <row r="817191" spans="14:14">
      <c r="N817191" s="10"/>
    </row>
    <row r="817192" spans="14:14">
      <c r="N817192" s="10"/>
    </row>
    <row r="817193" spans="14:14">
      <c r="N817193" s="10"/>
    </row>
    <row r="817194" spans="14:14">
      <c r="N817194" s="10"/>
    </row>
    <row r="817195" spans="14:14">
      <c r="N817195" s="10"/>
    </row>
    <row r="817196" spans="14:14">
      <c r="N817196" s="10"/>
    </row>
    <row r="817197" spans="14:14">
      <c r="N817197" s="10"/>
    </row>
    <row r="817198" spans="14:14">
      <c r="N817198" s="10"/>
    </row>
    <row r="817199" spans="14:14">
      <c r="N817199" s="10"/>
    </row>
    <row r="817200" spans="14:14">
      <c r="N817200" s="10"/>
    </row>
    <row r="817201" spans="14:14">
      <c r="N817201" s="10"/>
    </row>
    <row r="817202" spans="14:14">
      <c r="N817202" s="10"/>
    </row>
    <row r="817203" spans="14:14">
      <c r="N817203" s="10"/>
    </row>
    <row r="817204" spans="14:14">
      <c r="N817204" s="10"/>
    </row>
    <row r="817205" spans="14:14">
      <c r="N817205" s="10"/>
    </row>
    <row r="817206" spans="14:14">
      <c r="N817206" s="10"/>
    </row>
    <row r="817207" spans="14:14">
      <c r="N817207" s="10"/>
    </row>
    <row r="817208" spans="14:14">
      <c r="N817208" s="10"/>
    </row>
    <row r="817209" spans="14:14">
      <c r="N817209" s="10"/>
    </row>
    <row r="817210" spans="14:14">
      <c r="N817210" s="10"/>
    </row>
    <row r="817211" spans="14:14">
      <c r="N817211" s="10"/>
    </row>
    <row r="817212" spans="14:14">
      <c r="N817212" s="10"/>
    </row>
    <row r="817213" spans="14:14">
      <c r="N817213" s="10"/>
    </row>
    <row r="817214" spans="14:14">
      <c r="N817214" s="10"/>
    </row>
    <row r="817215" spans="14:14">
      <c r="N817215" s="10"/>
    </row>
    <row r="817216" spans="14:14">
      <c r="N817216" s="10"/>
    </row>
    <row r="817217" spans="14:14">
      <c r="N817217" s="10"/>
    </row>
    <row r="817218" spans="14:14">
      <c r="N817218" s="10"/>
    </row>
    <row r="817219" spans="14:14">
      <c r="N817219" s="10"/>
    </row>
    <row r="817220" spans="14:14">
      <c r="N817220" s="10"/>
    </row>
    <row r="817221" spans="14:14">
      <c r="N817221" s="10"/>
    </row>
    <row r="817222" spans="14:14">
      <c r="N817222" s="10"/>
    </row>
    <row r="817223" spans="14:14">
      <c r="N817223" s="10"/>
    </row>
    <row r="817224" spans="14:14">
      <c r="N817224" s="10"/>
    </row>
    <row r="817225" spans="14:14">
      <c r="N817225" s="10"/>
    </row>
    <row r="817226" spans="14:14">
      <c r="N817226" s="10"/>
    </row>
    <row r="817227" spans="14:14">
      <c r="N817227" s="10"/>
    </row>
    <row r="817228" spans="14:14">
      <c r="N817228" s="10"/>
    </row>
    <row r="817229" spans="14:14">
      <c r="N817229" s="10"/>
    </row>
    <row r="817230" spans="14:14">
      <c r="N817230" s="10"/>
    </row>
    <row r="817231" spans="14:14">
      <c r="N817231" s="10"/>
    </row>
    <row r="817232" spans="14:14">
      <c r="N817232" s="10"/>
    </row>
    <row r="817233" spans="14:14">
      <c r="N817233" s="10"/>
    </row>
    <row r="817234" spans="14:14">
      <c r="N817234" s="10"/>
    </row>
    <row r="817235" spans="14:14">
      <c r="N817235" s="10"/>
    </row>
    <row r="817236" spans="14:14">
      <c r="N817236" s="10"/>
    </row>
    <row r="817237" spans="14:14">
      <c r="N817237" s="10"/>
    </row>
    <row r="817238" spans="14:14">
      <c r="N817238" s="10"/>
    </row>
    <row r="817239" spans="14:14">
      <c r="N817239" s="10"/>
    </row>
    <row r="817240" spans="14:14">
      <c r="N817240" s="10"/>
    </row>
    <row r="817241" spans="14:14">
      <c r="N817241" s="10"/>
    </row>
    <row r="817242" spans="14:14">
      <c r="N817242" s="10"/>
    </row>
    <row r="817243" spans="14:14">
      <c r="N817243" s="10"/>
    </row>
    <row r="817244" spans="14:14">
      <c r="N817244" s="10"/>
    </row>
    <row r="817245" spans="14:14">
      <c r="N817245" s="10"/>
    </row>
    <row r="817246" spans="14:14">
      <c r="N817246" s="10"/>
    </row>
    <row r="817247" spans="14:14">
      <c r="N817247" s="10"/>
    </row>
    <row r="817248" spans="14:14">
      <c r="N817248" s="10"/>
    </row>
    <row r="817249" spans="14:14">
      <c r="N817249" s="10"/>
    </row>
    <row r="817250" spans="14:14">
      <c r="N817250" s="10"/>
    </row>
    <row r="817251" spans="14:14">
      <c r="N817251" s="10"/>
    </row>
    <row r="817252" spans="14:14">
      <c r="N817252" s="10"/>
    </row>
    <row r="817253" spans="14:14">
      <c r="N817253" s="10"/>
    </row>
    <row r="817254" spans="14:14">
      <c r="N817254" s="10"/>
    </row>
    <row r="817255" spans="14:14">
      <c r="N817255" s="10"/>
    </row>
    <row r="817256" spans="14:14">
      <c r="N817256" s="10"/>
    </row>
    <row r="817257" spans="14:14">
      <c r="N817257" s="10"/>
    </row>
    <row r="817258" spans="14:14">
      <c r="N817258" s="10"/>
    </row>
    <row r="817259" spans="14:14">
      <c r="N817259" s="10"/>
    </row>
    <row r="817260" spans="14:14">
      <c r="N817260" s="10"/>
    </row>
    <row r="817261" spans="14:14">
      <c r="N817261" s="10"/>
    </row>
    <row r="817262" spans="14:14">
      <c r="N817262" s="10"/>
    </row>
    <row r="817263" spans="14:14">
      <c r="N817263" s="10"/>
    </row>
    <row r="817264" spans="14:14">
      <c r="N817264" s="10"/>
    </row>
    <row r="817265" spans="14:14">
      <c r="N817265" s="10"/>
    </row>
    <row r="817266" spans="14:14">
      <c r="N817266" s="10"/>
    </row>
    <row r="817267" spans="14:14">
      <c r="N817267" s="10"/>
    </row>
    <row r="817268" spans="14:14">
      <c r="N817268" s="10"/>
    </row>
    <row r="817269" spans="14:14">
      <c r="N817269" s="10"/>
    </row>
    <row r="817270" spans="14:14">
      <c r="N817270" s="10"/>
    </row>
    <row r="817271" spans="14:14">
      <c r="N817271" s="10"/>
    </row>
    <row r="817272" spans="14:14">
      <c r="N817272" s="10"/>
    </row>
    <row r="817273" spans="14:14">
      <c r="N817273" s="10"/>
    </row>
    <row r="817274" spans="14:14">
      <c r="N817274" s="10"/>
    </row>
    <row r="817275" spans="14:14">
      <c r="N817275" s="10"/>
    </row>
    <row r="817276" spans="14:14">
      <c r="N817276" s="10"/>
    </row>
    <row r="817277" spans="14:14">
      <c r="N817277" s="10"/>
    </row>
    <row r="817278" spans="14:14">
      <c r="N817278" s="10"/>
    </row>
    <row r="817279" spans="14:14">
      <c r="N817279" s="10"/>
    </row>
    <row r="817280" spans="14:14">
      <c r="N817280" s="10"/>
    </row>
    <row r="817281" spans="14:14">
      <c r="N817281" s="10"/>
    </row>
    <row r="817282" spans="14:14">
      <c r="N817282" s="10"/>
    </row>
    <row r="817283" spans="14:14">
      <c r="N817283" s="10"/>
    </row>
    <row r="817284" spans="14:14">
      <c r="N817284" s="10"/>
    </row>
    <row r="817285" spans="14:14">
      <c r="N817285" s="10"/>
    </row>
    <row r="817286" spans="14:14">
      <c r="N817286" s="10"/>
    </row>
    <row r="817287" spans="14:14">
      <c r="N817287" s="10"/>
    </row>
    <row r="817288" spans="14:14">
      <c r="N817288" s="10"/>
    </row>
    <row r="817289" spans="14:14">
      <c r="N817289" s="10"/>
    </row>
    <row r="817290" spans="14:14">
      <c r="N817290" s="10"/>
    </row>
    <row r="817291" spans="14:14">
      <c r="N817291" s="10"/>
    </row>
    <row r="817292" spans="14:14">
      <c r="N817292" s="10"/>
    </row>
    <row r="817293" spans="14:14">
      <c r="N817293" s="10"/>
    </row>
    <row r="817294" spans="14:14">
      <c r="N817294" s="10"/>
    </row>
    <row r="817295" spans="14:14">
      <c r="N817295" s="10"/>
    </row>
    <row r="817296" spans="14:14">
      <c r="N817296" s="10"/>
    </row>
    <row r="817297" spans="14:14">
      <c r="N817297" s="10"/>
    </row>
    <row r="817298" spans="14:14">
      <c r="N817298" s="10"/>
    </row>
    <row r="817299" spans="14:14">
      <c r="N817299" s="10"/>
    </row>
    <row r="817300" spans="14:14">
      <c r="N817300" s="10"/>
    </row>
    <row r="817301" spans="14:14">
      <c r="N817301" s="10"/>
    </row>
    <row r="817302" spans="14:14">
      <c r="N817302" s="10"/>
    </row>
    <row r="817303" spans="14:14">
      <c r="N817303" s="10"/>
    </row>
    <row r="817304" spans="14:14">
      <c r="N817304" s="10"/>
    </row>
    <row r="817305" spans="14:14">
      <c r="N817305" s="10"/>
    </row>
    <row r="817306" spans="14:14">
      <c r="N817306" s="10"/>
    </row>
    <row r="817307" spans="14:14">
      <c r="N817307" s="10"/>
    </row>
    <row r="817308" spans="14:14">
      <c r="N817308" s="10"/>
    </row>
    <row r="817309" spans="14:14">
      <c r="N817309" s="10"/>
    </row>
    <row r="817310" spans="14:14">
      <c r="N817310" s="10"/>
    </row>
    <row r="817311" spans="14:14">
      <c r="N817311" s="10"/>
    </row>
    <row r="817312" spans="14:14">
      <c r="N817312" s="10"/>
    </row>
    <row r="817313" spans="14:14">
      <c r="N817313" s="10"/>
    </row>
    <row r="817314" spans="14:14">
      <c r="N817314" s="10"/>
    </row>
    <row r="817315" spans="14:14">
      <c r="N817315" s="10"/>
    </row>
    <row r="817316" spans="14:14">
      <c r="N817316" s="10"/>
    </row>
    <row r="817317" spans="14:14">
      <c r="N817317" s="10"/>
    </row>
    <row r="817318" spans="14:14">
      <c r="N817318" s="10"/>
    </row>
    <row r="817319" spans="14:14">
      <c r="N817319" s="10"/>
    </row>
    <row r="817320" spans="14:14">
      <c r="N817320" s="10"/>
    </row>
    <row r="817321" spans="14:14">
      <c r="N817321" s="10"/>
    </row>
    <row r="817322" spans="14:14">
      <c r="N817322" s="10"/>
    </row>
    <row r="817323" spans="14:14">
      <c r="N817323" s="10"/>
    </row>
    <row r="817324" spans="14:14">
      <c r="N817324" s="10"/>
    </row>
    <row r="817325" spans="14:14">
      <c r="N817325" s="10"/>
    </row>
    <row r="817326" spans="14:14">
      <c r="N817326" s="10"/>
    </row>
    <row r="817327" spans="14:14">
      <c r="N817327" s="10"/>
    </row>
    <row r="817328" spans="14:14">
      <c r="N817328" s="10"/>
    </row>
    <row r="817329" spans="14:14">
      <c r="N817329" s="10"/>
    </row>
    <row r="817330" spans="14:14">
      <c r="N817330" s="10"/>
    </row>
    <row r="817331" spans="14:14">
      <c r="N817331" s="10"/>
    </row>
    <row r="817332" spans="14:14">
      <c r="N817332" s="10"/>
    </row>
    <row r="817333" spans="14:14">
      <c r="N817333" s="10"/>
    </row>
    <row r="817334" spans="14:14">
      <c r="N817334" s="10"/>
    </row>
    <row r="817335" spans="14:14">
      <c r="N817335" s="10"/>
    </row>
    <row r="817336" spans="14:14">
      <c r="N817336" s="10"/>
    </row>
    <row r="817337" spans="14:14">
      <c r="N817337" s="10"/>
    </row>
    <row r="817338" spans="14:14">
      <c r="N817338" s="10"/>
    </row>
    <row r="817339" spans="14:14">
      <c r="N817339" s="10"/>
    </row>
    <row r="817340" spans="14:14">
      <c r="N817340" s="10"/>
    </row>
    <row r="817341" spans="14:14">
      <c r="N817341" s="10"/>
    </row>
    <row r="817342" spans="14:14">
      <c r="N817342" s="10"/>
    </row>
    <row r="817343" spans="14:14">
      <c r="N817343" s="10"/>
    </row>
    <row r="817344" spans="14:14">
      <c r="N817344" s="10"/>
    </row>
    <row r="817345" spans="14:14">
      <c r="N817345" s="10"/>
    </row>
    <row r="817346" spans="14:14">
      <c r="N817346" s="10"/>
    </row>
    <row r="817347" spans="14:14">
      <c r="N817347" s="10"/>
    </row>
    <row r="817348" spans="14:14">
      <c r="N817348" s="10"/>
    </row>
    <row r="817349" spans="14:14">
      <c r="N817349" s="10"/>
    </row>
    <row r="817350" spans="14:14">
      <c r="N817350" s="10"/>
    </row>
    <row r="817351" spans="14:14">
      <c r="N817351" s="10"/>
    </row>
    <row r="817352" spans="14:14">
      <c r="N817352" s="10"/>
    </row>
    <row r="817353" spans="14:14">
      <c r="N817353" s="10"/>
    </row>
    <row r="817354" spans="14:14">
      <c r="N817354" s="10"/>
    </row>
    <row r="817355" spans="14:14">
      <c r="N817355" s="10"/>
    </row>
    <row r="817356" spans="14:14">
      <c r="N817356" s="10"/>
    </row>
    <row r="817357" spans="14:14">
      <c r="N817357" s="10"/>
    </row>
    <row r="817358" spans="14:14">
      <c r="N817358" s="10"/>
    </row>
    <row r="817359" spans="14:14">
      <c r="N817359" s="10"/>
    </row>
    <row r="817360" spans="14:14">
      <c r="N817360" s="10"/>
    </row>
    <row r="817361" spans="14:14">
      <c r="N817361" s="10"/>
    </row>
    <row r="817362" spans="14:14">
      <c r="N817362" s="10"/>
    </row>
    <row r="817363" spans="14:14">
      <c r="N817363" s="10"/>
    </row>
    <row r="817364" spans="14:14">
      <c r="N817364" s="10"/>
    </row>
    <row r="817365" spans="14:14">
      <c r="N817365" s="10"/>
    </row>
    <row r="817366" spans="14:14">
      <c r="N817366" s="10"/>
    </row>
    <row r="817367" spans="14:14">
      <c r="N817367" s="10"/>
    </row>
    <row r="817368" spans="14:14">
      <c r="N817368" s="10"/>
    </row>
    <row r="817369" spans="14:14">
      <c r="N817369" s="10"/>
    </row>
    <row r="817370" spans="14:14">
      <c r="N817370" s="10"/>
    </row>
    <row r="817371" spans="14:14">
      <c r="N817371" s="10"/>
    </row>
    <row r="817372" spans="14:14">
      <c r="N817372" s="10"/>
    </row>
    <row r="817373" spans="14:14">
      <c r="N817373" s="10"/>
    </row>
    <row r="817374" spans="14:14">
      <c r="N817374" s="10"/>
    </row>
    <row r="817375" spans="14:14">
      <c r="N817375" s="10"/>
    </row>
    <row r="817376" spans="14:14">
      <c r="N817376" s="10"/>
    </row>
    <row r="817377" spans="14:14">
      <c r="N817377" s="10"/>
    </row>
    <row r="817378" spans="14:14">
      <c r="N817378" s="10"/>
    </row>
    <row r="817379" spans="14:14">
      <c r="N817379" s="10"/>
    </row>
    <row r="817380" spans="14:14">
      <c r="N817380" s="10"/>
    </row>
    <row r="817381" spans="14:14">
      <c r="N817381" s="10"/>
    </row>
    <row r="817382" spans="14:14">
      <c r="N817382" s="10"/>
    </row>
    <row r="817383" spans="14:14">
      <c r="N817383" s="10"/>
    </row>
    <row r="817384" spans="14:14">
      <c r="N817384" s="10"/>
    </row>
    <row r="817385" spans="14:14">
      <c r="N817385" s="10"/>
    </row>
    <row r="817386" spans="14:14">
      <c r="N817386" s="10"/>
    </row>
    <row r="817387" spans="14:14">
      <c r="N817387" s="10"/>
    </row>
    <row r="817388" spans="14:14">
      <c r="N817388" s="10"/>
    </row>
    <row r="817389" spans="14:14">
      <c r="N817389" s="10"/>
    </row>
    <row r="817390" spans="14:14">
      <c r="N817390" s="10"/>
    </row>
    <row r="817391" spans="14:14">
      <c r="N817391" s="10"/>
    </row>
    <row r="817392" spans="14:14">
      <c r="N817392" s="10"/>
    </row>
    <row r="817393" spans="14:14">
      <c r="N817393" s="10"/>
    </row>
    <row r="817394" spans="14:14">
      <c r="N817394" s="10"/>
    </row>
    <row r="817395" spans="14:14">
      <c r="N817395" s="10"/>
    </row>
    <row r="817396" spans="14:14">
      <c r="N817396" s="10"/>
    </row>
    <row r="817397" spans="14:14">
      <c r="N817397" s="10"/>
    </row>
    <row r="817398" spans="14:14">
      <c r="N817398" s="10"/>
    </row>
    <row r="817399" spans="14:14">
      <c r="N817399" s="10"/>
    </row>
    <row r="817400" spans="14:14">
      <c r="N817400" s="10"/>
    </row>
    <row r="817401" spans="14:14">
      <c r="N817401" s="10"/>
    </row>
    <row r="817402" spans="14:14">
      <c r="N817402" s="10"/>
    </row>
    <row r="817403" spans="14:14">
      <c r="N817403" s="10"/>
    </row>
    <row r="817404" spans="14:14">
      <c r="N817404" s="10"/>
    </row>
    <row r="817405" spans="14:14">
      <c r="N817405" s="10"/>
    </row>
    <row r="817406" spans="14:14">
      <c r="N817406" s="10"/>
    </row>
    <row r="817407" spans="14:14">
      <c r="N817407" s="10"/>
    </row>
    <row r="817408" spans="14:14">
      <c r="N817408" s="10"/>
    </row>
    <row r="817409" spans="14:14">
      <c r="N817409" s="10"/>
    </row>
    <row r="817410" spans="14:14">
      <c r="N817410" s="10"/>
    </row>
    <row r="817411" spans="14:14">
      <c r="N817411" s="10"/>
    </row>
    <row r="817412" spans="14:14">
      <c r="N817412" s="10"/>
    </row>
    <row r="817413" spans="14:14">
      <c r="N817413" s="10"/>
    </row>
    <row r="817414" spans="14:14">
      <c r="N817414" s="10"/>
    </row>
    <row r="817415" spans="14:14">
      <c r="N817415" s="10"/>
    </row>
    <row r="817416" spans="14:14">
      <c r="N817416" s="10"/>
    </row>
    <row r="817417" spans="14:14">
      <c r="N817417" s="10"/>
    </row>
    <row r="817418" spans="14:14">
      <c r="N817418" s="10"/>
    </row>
    <row r="817419" spans="14:14">
      <c r="N817419" s="10"/>
    </row>
    <row r="817420" spans="14:14">
      <c r="N817420" s="10"/>
    </row>
    <row r="817421" spans="14:14">
      <c r="N817421" s="10"/>
    </row>
    <row r="817422" spans="14:14">
      <c r="N817422" s="10"/>
    </row>
    <row r="817423" spans="14:14">
      <c r="N817423" s="10"/>
    </row>
    <row r="817424" spans="14:14">
      <c r="N817424" s="10"/>
    </row>
    <row r="817425" spans="14:14">
      <c r="N817425" s="10"/>
    </row>
    <row r="817426" spans="14:14">
      <c r="N817426" s="10"/>
    </row>
    <row r="817427" spans="14:14">
      <c r="N817427" s="10"/>
    </row>
    <row r="817428" spans="14:14">
      <c r="N817428" s="10"/>
    </row>
    <row r="817429" spans="14:14">
      <c r="N817429" s="10"/>
    </row>
    <row r="817430" spans="14:14">
      <c r="N817430" s="10"/>
    </row>
    <row r="817431" spans="14:14">
      <c r="N817431" s="10"/>
    </row>
    <row r="817432" spans="14:14">
      <c r="N817432" s="10"/>
    </row>
    <row r="817433" spans="14:14">
      <c r="N817433" s="10"/>
    </row>
    <row r="817434" spans="14:14">
      <c r="N817434" s="10"/>
    </row>
    <row r="817435" spans="14:14">
      <c r="N817435" s="10"/>
    </row>
    <row r="817436" spans="14:14">
      <c r="N817436" s="10"/>
    </row>
    <row r="817437" spans="14:14">
      <c r="N817437" s="10"/>
    </row>
    <row r="817438" spans="14:14">
      <c r="N817438" s="10"/>
    </row>
    <row r="817439" spans="14:14">
      <c r="N817439" s="10"/>
    </row>
    <row r="817440" spans="14:14">
      <c r="N817440" s="10"/>
    </row>
    <row r="817441" spans="14:14">
      <c r="N817441" s="10"/>
    </row>
    <row r="817442" spans="14:14">
      <c r="N817442" s="10"/>
    </row>
    <row r="817443" spans="14:14">
      <c r="N817443" s="10"/>
    </row>
    <row r="817444" spans="14:14">
      <c r="N817444" s="10"/>
    </row>
    <row r="817445" spans="14:14">
      <c r="N817445" s="10"/>
    </row>
    <row r="817446" spans="14:14">
      <c r="N817446" s="10"/>
    </row>
    <row r="817447" spans="14:14">
      <c r="N817447" s="10"/>
    </row>
    <row r="817448" spans="14:14">
      <c r="N817448" s="10"/>
    </row>
    <row r="817449" spans="14:14">
      <c r="N817449" s="10"/>
    </row>
    <row r="817450" spans="14:14">
      <c r="N817450" s="10"/>
    </row>
    <row r="817451" spans="14:14">
      <c r="N817451" s="10"/>
    </row>
    <row r="817452" spans="14:14">
      <c r="N817452" s="10"/>
    </row>
    <row r="817453" spans="14:14">
      <c r="N817453" s="10"/>
    </row>
    <row r="817454" spans="14:14">
      <c r="N817454" s="10"/>
    </row>
    <row r="817455" spans="14:14">
      <c r="N817455" s="10"/>
    </row>
    <row r="817456" spans="14:14">
      <c r="N817456" s="10"/>
    </row>
    <row r="817457" spans="14:14">
      <c r="N817457" s="10"/>
    </row>
    <row r="817458" spans="14:14">
      <c r="N817458" s="10"/>
    </row>
    <row r="817459" spans="14:14">
      <c r="N817459" s="10"/>
    </row>
    <row r="817460" spans="14:14">
      <c r="N817460" s="10"/>
    </row>
    <row r="817461" spans="14:14">
      <c r="N817461" s="10"/>
    </row>
    <row r="817462" spans="14:14">
      <c r="N817462" s="10"/>
    </row>
    <row r="817463" spans="14:14">
      <c r="N817463" s="10"/>
    </row>
    <row r="817464" spans="14:14">
      <c r="N817464" s="10"/>
    </row>
    <row r="817465" spans="14:14">
      <c r="N817465" s="10"/>
    </row>
    <row r="817466" spans="14:14">
      <c r="N817466" s="10"/>
    </row>
    <row r="817467" spans="14:14">
      <c r="N817467" s="10"/>
    </row>
    <row r="817468" spans="14:14">
      <c r="N817468" s="10"/>
    </row>
    <row r="817469" spans="14:14">
      <c r="N817469" s="10"/>
    </row>
    <row r="817470" spans="14:14">
      <c r="N817470" s="10"/>
    </row>
    <row r="817471" spans="14:14">
      <c r="N817471" s="10"/>
    </row>
    <row r="817472" spans="14:14">
      <c r="N817472" s="10"/>
    </row>
    <row r="817473" spans="14:14">
      <c r="N817473" s="10"/>
    </row>
    <row r="817474" spans="14:14">
      <c r="N817474" s="10"/>
    </row>
    <row r="817475" spans="14:14">
      <c r="N817475" s="10"/>
    </row>
    <row r="817476" spans="14:14">
      <c r="N817476" s="10"/>
    </row>
    <row r="817477" spans="14:14">
      <c r="N817477" s="10"/>
    </row>
    <row r="817478" spans="14:14">
      <c r="N817478" s="10"/>
    </row>
    <row r="817479" spans="14:14">
      <c r="N817479" s="10"/>
    </row>
    <row r="817480" spans="14:14">
      <c r="N817480" s="10"/>
    </row>
    <row r="817481" spans="14:14">
      <c r="N817481" s="10"/>
    </row>
    <row r="817482" spans="14:14">
      <c r="N817482" s="10"/>
    </row>
    <row r="817483" spans="14:14">
      <c r="N817483" s="10"/>
    </row>
    <row r="817484" spans="14:14">
      <c r="N817484" s="10"/>
    </row>
    <row r="817485" spans="14:14">
      <c r="N817485" s="10"/>
    </row>
    <row r="817486" spans="14:14">
      <c r="N817486" s="10"/>
    </row>
    <row r="817487" spans="14:14">
      <c r="N817487" s="10"/>
    </row>
    <row r="817488" spans="14:14">
      <c r="N817488" s="10"/>
    </row>
    <row r="817489" spans="14:14">
      <c r="N817489" s="10"/>
    </row>
    <row r="817490" spans="14:14">
      <c r="N817490" s="10"/>
    </row>
    <row r="817491" spans="14:14">
      <c r="N817491" s="10"/>
    </row>
    <row r="817492" spans="14:14">
      <c r="N817492" s="10"/>
    </row>
    <row r="817493" spans="14:14">
      <c r="N817493" s="10"/>
    </row>
    <row r="817494" spans="14:14">
      <c r="N817494" s="10"/>
    </row>
    <row r="817495" spans="14:14">
      <c r="N817495" s="10"/>
    </row>
    <row r="817496" spans="14:14">
      <c r="N817496" s="10"/>
    </row>
    <row r="817497" spans="14:14">
      <c r="N817497" s="10"/>
    </row>
    <row r="817498" spans="14:14">
      <c r="N817498" s="10"/>
    </row>
    <row r="817499" spans="14:14">
      <c r="N817499" s="10"/>
    </row>
    <row r="817500" spans="14:14">
      <c r="N817500" s="10"/>
    </row>
    <row r="817501" spans="14:14">
      <c r="N817501" s="10"/>
    </row>
    <row r="817502" spans="14:14">
      <c r="N817502" s="10"/>
    </row>
    <row r="817503" spans="14:14">
      <c r="N817503" s="10"/>
    </row>
    <row r="817504" spans="14:14">
      <c r="N817504" s="10"/>
    </row>
    <row r="817505" spans="14:14">
      <c r="N817505" s="10"/>
    </row>
    <row r="817506" spans="14:14">
      <c r="N817506" s="10"/>
    </row>
    <row r="817507" spans="14:14">
      <c r="N817507" s="10"/>
    </row>
    <row r="817508" spans="14:14">
      <c r="N817508" s="10"/>
    </row>
    <row r="817509" spans="14:14">
      <c r="N817509" s="10"/>
    </row>
    <row r="817510" spans="14:14">
      <c r="N817510" s="10"/>
    </row>
    <row r="817511" spans="14:14">
      <c r="N817511" s="10"/>
    </row>
    <row r="817512" spans="14:14">
      <c r="N817512" s="10"/>
    </row>
    <row r="817513" spans="14:14">
      <c r="N817513" s="10"/>
    </row>
    <row r="817514" spans="14:14">
      <c r="N817514" s="10"/>
    </row>
    <row r="817515" spans="14:14">
      <c r="N817515" s="10"/>
    </row>
    <row r="817516" spans="14:14">
      <c r="N817516" s="10"/>
    </row>
    <row r="817517" spans="14:14">
      <c r="N817517" s="10"/>
    </row>
    <row r="817518" spans="14:14">
      <c r="N817518" s="10"/>
    </row>
    <row r="817519" spans="14:14">
      <c r="N817519" s="10"/>
    </row>
    <row r="817520" spans="14:14">
      <c r="N817520" s="10"/>
    </row>
    <row r="817521" spans="14:14">
      <c r="N817521" s="10"/>
    </row>
    <row r="817522" spans="14:14">
      <c r="N817522" s="10"/>
    </row>
    <row r="817523" spans="14:14">
      <c r="N817523" s="10"/>
    </row>
    <row r="817524" spans="14:14">
      <c r="N817524" s="10"/>
    </row>
    <row r="817525" spans="14:14">
      <c r="N817525" s="10"/>
    </row>
    <row r="817526" spans="14:14">
      <c r="N817526" s="10"/>
    </row>
    <row r="817527" spans="14:14">
      <c r="N817527" s="10"/>
    </row>
    <row r="817528" spans="14:14">
      <c r="N817528" s="10"/>
    </row>
    <row r="817529" spans="14:14">
      <c r="N817529" s="10"/>
    </row>
    <row r="817530" spans="14:14">
      <c r="N817530" s="10"/>
    </row>
    <row r="817531" spans="14:14">
      <c r="N817531" s="10"/>
    </row>
    <row r="817532" spans="14:14">
      <c r="N817532" s="10"/>
    </row>
    <row r="817533" spans="14:14">
      <c r="N817533" s="10"/>
    </row>
    <row r="817534" spans="14:14">
      <c r="N817534" s="10"/>
    </row>
    <row r="817535" spans="14:14">
      <c r="N817535" s="10"/>
    </row>
    <row r="817536" spans="14:14">
      <c r="N817536" s="10"/>
    </row>
    <row r="817537" spans="14:14">
      <c r="N817537" s="10"/>
    </row>
    <row r="817538" spans="14:14">
      <c r="N817538" s="10"/>
    </row>
    <row r="817539" spans="14:14">
      <c r="N817539" s="10"/>
    </row>
    <row r="817540" spans="14:14">
      <c r="N817540" s="10"/>
    </row>
    <row r="817541" spans="14:14">
      <c r="N817541" s="10"/>
    </row>
    <row r="817542" spans="14:14">
      <c r="N817542" s="10"/>
    </row>
    <row r="817543" spans="14:14">
      <c r="N817543" s="10"/>
    </row>
    <row r="817544" spans="14:14">
      <c r="N817544" s="10"/>
    </row>
    <row r="817545" spans="14:14">
      <c r="N817545" s="10"/>
    </row>
    <row r="817546" spans="14:14">
      <c r="N817546" s="10"/>
    </row>
    <row r="817547" spans="14:14">
      <c r="N817547" s="10"/>
    </row>
    <row r="817548" spans="14:14">
      <c r="N817548" s="10"/>
    </row>
    <row r="817549" spans="14:14">
      <c r="N817549" s="10"/>
    </row>
    <row r="817550" spans="14:14">
      <c r="N817550" s="10"/>
    </row>
    <row r="817551" spans="14:14">
      <c r="N817551" s="10"/>
    </row>
    <row r="817552" spans="14:14">
      <c r="N817552" s="10"/>
    </row>
    <row r="817553" spans="14:14">
      <c r="N817553" s="10"/>
    </row>
    <row r="817554" spans="14:14">
      <c r="N817554" s="10"/>
    </row>
    <row r="817555" spans="14:14">
      <c r="N817555" s="10"/>
    </row>
    <row r="817556" spans="14:14">
      <c r="N817556" s="10"/>
    </row>
    <row r="817557" spans="14:14">
      <c r="N817557" s="10"/>
    </row>
    <row r="817558" spans="14:14">
      <c r="N817558" s="10"/>
    </row>
    <row r="817559" spans="14:14">
      <c r="N817559" s="10"/>
    </row>
    <row r="817560" spans="14:14">
      <c r="N817560" s="10"/>
    </row>
    <row r="817561" spans="14:14">
      <c r="N817561" s="10"/>
    </row>
    <row r="817562" spans="14:14">
      <c r="N817562" s="10"/>
    </row>
    <row r="817563" spans="14:14">
      <c r="N817563" s="10"/>
    </row>
    <row r="817564" spans="14:14">
      <c r="N817564" s="10"/>
    </row>
    <row r="817565" spans="14:14">
      <c r="N817565" s="10"/>
    </row>
    <row r="817566" spans="14:14">
      <c r="N817566" s="10"/>
    </row>
    <row r="817567" spans="14:14">
      <c r="N817567" s="10"/>
    </row>
    <row r="817568" spans="14:14">
      <c r="N817568" s="10"/>
    </row>
    <row r="817569" spans="14:14">
      <c r="N817569" s="10"/>
    </row>
    <row r="817570" spans="14:14">
      <c r="N817570" s="10"/>
    </row>
    <row r="817571" spans="14:14">
      <c r="N817571" s="10"/>
    </row>
    <row r="817572" spans="14:14">
      <c r="N817572" s="10"/>
    </row>
    <row r="817573" spans="14:14">
      <c r="N817573" s="10"/>
    </row>
    <row r="817574" spans="14:14">
      <c r="N817574" s="10"/>
    </row>
    <row r="817575" spans="14:14">
      <c r="N817575" s="10"/>
    </row>
    <row r="817576" spans="14:14">
      <c r="N817576" s="10"/>
    </row>
    <row r="817577" spans="14:14">
      <c r="N817577" s="10"/>
    </row>
    <row r="817578" spans="14:14">
      <c r="N817578" s="10"/>
    </row>
    <row r="817579" spans="14:14">
      <c r="N817579" s="10"/>
    </row>
    <row r="817580" spans="14:14">
      <c r="N817580" s="10"/>
    </row>
    <row r="817581" spans="14:14">
      <c r="N817581" s="10"/>
    </row>
    <row r="817582" spans="14:14">
      <c r="N817582" s="10"/>
    </row>
    <row r="817583" spans="14:14">
      <c r="N817583" s="10"/>
    </row>
    <row r="817584" spans="14:14">
      <c r="N817584" s="10"/>
    </row>
    <row r="817585" spans="14:14">
      <c r="N817585" s="10"/>
    </row>
    <row r="817586" spans="14:14">
      <c r="N817586" s="10"/>
    </row>
    <row r="817587" spans="14:14">
      <c r="N817587" s="10"/>
    </row>
    <row r="817588" spans="14:14">
      <c r="N817588" s="10"/>
    </row>
    <row r="817589" spans="14:14">
      <c r="N817589" s="10"/>
    </row>
    <row r="817590" spans="14:14">
      <c r="N817590" s="10"/>
    </row>
    <row r="817591" spans="14:14">
      <c r="N817591" s="10"/>
    </row>
    <row r="817592" spans="14:14">
      <c r="N817592" s="10"/>
    </row>
    <row r="817593" spans="14:14">
      <c r="N817593" s="10"/>
    </row>
    <row r="817594" spans="14:14">
      <c r="N817594" s="10"/>
    </row>
    <row r="817595" spans="14:14">
      <c r="N817595" s="10"/>
    </row>
    <row r="817596" spans="14:14">
      <c r="N817596" s="10"/>
    </row>
    <row r="817597" spans="14:14">
      <c r="N817597" s="10"/>
    </row>
    <row r="817598" spans="14:14">
      <c r="N817598" s="10"/>
    </row>
    <row r="817599" spans="14:14">
      <c r="N817599" s="10"/>
    </row>
    <row r="817600" spans="14:14">
      <c r="N817600" s="10"/>
    </row>
    <row r="817601" spans="14:14">
      <c r="N817601" s="10"/>
    </row>
    <row r="817602" spans="14:14">
      <c r="N817602" s="10"/>
    </row>
    <row r="817603" spans="14:14">
      <c r="N817603" s="10"/>
    </row>
    <row r="817604" spans="14:14">
      <c r="N817604" s="10"/>
    </row>
    <row r="817605" spans="14:14">
      <c r="N817605" s="10"/>
    </row>
    <row r="817606" spans="14:14">
      <c r="N817606" s="10"/>
    </row>
    <row r="817607" spans="14:14">
      <c r="N817607" s="10"/>
    </row>
    <row r="817608" spans="14:14">
      <c r="N817608" s="10"/>
    </row>
    <row r="817609" spans="14:14">
      <c r="N817609" s="10"/>
    </row>
    <row r="817610" spans="14:14">
      <c r="N817610" s="10"/>
    </row>
    <row r="817611" spans="14:14">
      <c r="N817611" s="10"/>
    </row>
    <row r="817612" spans="14:14">
      <c r="N817612" s="10"/>
    </row>
    <row r="817613" spans="14:14">
      <c r="N817613" s="10"/>
    </row>
    <row r="817614" spans="14:14">
      <c r="N817614" s="10"/>
    </row>
    <row r="817615" spans="14:14">
      <c r="N817615" s="10"/>
    </row>
    <row r="817616" spans="14:14">
      <c r="N817616" s="10"/>
    </row>
    <row r="817617" spans="14:14">
      <c r="N817617" s="10"/>
    </row>
    <row r="817618" spans="14:14">
      <c r="N817618" s="10"/>
    </row>
    <row r="817619" spans="14:14">
      <c r="N817619" s="10"/>
    </row>
    <row r="817620" spans="14:14">
      <c r="N817620" s="10"/>
    </row>
    <row r="817621" spans="14:14">
      <c r="N817621" s="10"/>
    </row>
    <row r="817622" spans="14:14">
      <c r="N817622" s="10"/>
    </row>
    <row r="817623" spans="14:14">
      <c r="N817623" s="10"/>
    </row>
    <row r="817624" spans="14:14">
      <c r="N817624" s="10"/>
    </row>
    <row r="817625" spans="14:14">
      <c r="N817625" s="10"/>
    </row>
    <row r="817626" spans="14:14">
      <c r="N817626" s="10"/>
    </row>
    <row r="817627" spans="14:14">
      <c r="N817627" s="10"/>
    </row>
    <row r="817628" spans="14:14">
      <c r="N817628" s="10"/>
    </row>
    <row r="817629" spans="14:14">
      <c r="N817629" s="10"/>
    </row>
    <row r="817630" spans="14:14">
      <c r="N817630" s="10"/>
    </row>
    <row r="817631" spans="14:14">
      <c r="N817631" s="10"/>
    </row>
    <row r="817632" spans="14:14">
      <c r="N817632" s="10"/>
    </row>
    <row r="817633" spans="14:14">
      <c r="N817633" s="10"/>
    </row>
    <row r="817634" spans="14:14">
      <c r="N817634" s="10"/>
    </row>
    <row r="817635" spans="14:14">
      <c r="N817635" s="10"/>
    </row>
    <row r="817636" spans="14:14">
      <c r="N817636" s="10"/>
    </row>
    <row r="817637" spans="14:14">
      <c r="N817637" s="10"/>
    </row>
    <row r="817638" spans="14:14">
      <c r="N817638" s="10"/>
    </row>
    <row r="817639" spans="14:14">
      <c r="N817639" s="10"/>
    </row>
    <row r="817640" spans="14:14">
      <c r="N817640" s="10"/>
    </row>
    <row r="817641" spans="14:14">
      <c r="N817641" s="10"/>
    </row>
    <row r="817642" spans="14:14">
      <c r="N817642" s="10"/>
    </row>
    <row r="817643" spans="14:14">
      <c r="N817643" s="10"/>
    </row>
    <row r="817644" spans="14:14">
      <c r="N817644" s="10"/>
    </row>
    <row r="817645" spans="14:14">
      <c r="N817645" s="10"/>
    </row>
    <row r="817646" spans="14:14">
      <c r="N817646" s="10"/>
    </row>
    <row r="817647" spans="14:14">
      <c r="N817647" s="10"/>
    </row>
    <row r="817648" spans="14:14">
      <c r="N817648" s="10"/>
    </row>
    <row r="817649" spans="14:14">
      <c r="N817649" s="10"/>
    </row>
    <row r="817650" spans="14:14">
      <c r="N817650" s="10"/>
    </row>
    <row r="817651" spans="14:14">
      <c r="N817651" s="10"/>
    </row>
    <row r="817652" spans="14:14">
      <c r="N817652" s="10"/>
    </row>
    <row r="817653" spans="14:14">
      <c r="N817653" s="10"/>
    </row>
    <row r="817654" spans="14:14">
      <c r="N817654" s="10"/>
    </row>
    <row r="817655" spans="14:14">
      <c r="N817655" s="10"/>
    </row>
    <row r="817656" spans="14:14">
      <c r="N817656" s="10"/>
    </row>
    <row r="817657" spans="14:14">
      <c r="N817657" s="10"/>
    </row>
    <row r="817658" spans="14:14">
      <c r="N817658" s="10"/>
    </row>
    <row r="817659" spans="14:14">
      <c r="N817659" s="10"/>
    </row>
    <row r="817660" spans="14:14">
      <c r="N817660" s="10"/>
    </row>
    <row r="817661" spans="14:14">
      <c r="N817661" s="10"/>
    </row>
    <row r="817662" spans="14:14">
      <c r="N817662" s="10"/>
    </row>
    <row r="817663" spans="14:14">
      <c r="N817663" s="10"/>
    </row>
    <row r="817664" spans="14:14">
      <c r="N817664" s="10"/>
    </row>
    <row r="817665" spans="14:14">
      <c r="N817665" s="10"/>
    </row>
    <row r="817666" spans="14:14">
      <c r="N817666" s="10"/>
    </row>
    <row r="817667" spans="14:14">
      <c r="N817667" s="10"/>
    </row>
    <row r="817668" spans="14:14">
      <c r="N817668" s="10"/>
    </row>
    <row r="817669" spans="14:14">
      <c r="N817669" s="10"/>
    </row>
    <row r="817670" spans="14:14">
      <c r="N817670" s="10"/>
    </row>
    <row r="817671" spans="14:14">
      <c r="N817671" s="10"/>
    </row>
    <row r="817672" spans="14:14">
      <c r="N817672" s="10"/>
    </row>
    <row r="817673" spans="14:14">
      <c r="N817673" s="10"/>
    </row>
    <row r="817674" spans="14:14">
      <c r="N817674" s="10"/>
    </row>
    <row r="817675" spans="14:14">
      <c r="N817675" s="10"/>
    </row>
    <row r="817676" spans="14:14">
      <c r="N817676" s="10"/>
    </row>
    <row r="817677" spans="14:14">
      <c r="N817677" s="10"/>
    </row>
    <row r="817678" spans="14:14">
      <c r="N817678" s="10"/>
    </row>
    <row r="817679" spans="14:14">
      <c r="N817679" s="10"/>
    </row>
    <row r="817680" spans="14:14">
      <c r="N817680" s="10"/>
    </row>
    <row r="817681" spans="14:14">
      <c r="N817681" s="10"/>
    </row>
    <row r="817682" spans="14:14">
      <c r="N817682" s="10"/>
    </row>
    <row r="817683" spans="14:14">
      <c r="N817683" s="10"/>
    </row>
    <row r="817684" spans="14:14">
      <c r="N817684" s="10"/>
    </row>
    <row r="817685" spans="14:14">
      <c r="N817685" s="10"/>
    </row>
    <row r="817686" spans="14:14">
      <c r="N817686" s="10"/>
    </row>
    <row r="817687" spans="14:14">
      <c r="N817687" s="10"/>
    </row>
    <row r="817688" spans="14:14">
      <c r="N817688" s="10"/>
    </row>
    <row r="817689" spans="14:14">
      <c r="N817689" s="10"/>
    </row>
    <row r="817690" spans="14:14">
      <c r="N817690" s="10"/>
    </row>
    <row r="817691" spans="14:14">
      <c r="N817691" s="10"/>
    </row>
    <row r="817692" spans="14:14">
      <c r="N817692" s="10"/>
    </row>
    <row r="817693" spans="14:14">
      <c r="N817693" s="10"/>
    </row>
    <row r="817694" spans="14:14">
      <c r="N817694" s="10"/>
    </row>
    <row r="817695" spans="14:14">
      <c r="N817695" s="10"/>
    </row>
    <row r="817696" spans="14:14">
      <c r="N817696" s="10"/>
    </row>
    <row r="817697" spans="14:14">
      <c r="N817697" s="10"/>
    </row>
    <row r="817698" spans="14:14">
      <c r="N817698" s="10"/>
    </row>
    <row r="817699" spans="14:14">
      <c r="N817699" s="10"/>
    </row>
    <row r="817700" spans="14:14">
      <c r="N817700" s="10"/>
    </row>
    <row r="817701" spans="14:14">
      <c r="N817701" s="10"/>
    </row>
    <row r="817702" spans="14:14">
      <c r="N817702" s="10"/>
    </row>
    <row r="817703" spans="14:14">
      <c r="N817703" s="10"/>
    </row>
    <row r="817704" spans="14:14">
      <c r="N817704" s="10"/>
    </row>
    <row r="817705" spans="14:14">
      <c r="N817705" s="10"/>
    </row>
    <row r="817706" spans="14:14">
      <c r="N817706" s="10"/>
    </row>
    <row r="817707" spans="14:14">
      <c r="N817707" s="10"/>
    </row>
    <row r="817708" spans="14:14">
      <c r="N817708" s="10"/>
    </row>
    <row r="817709" spans="14:14">
      <c r="N817709" s="10"/>
    </row>
    <row r="817710" spans="14:14">
      <c r="N817710" s="10"/>
    </row>
    <row r="817711" spans="14:14">
      <c r="N817711" s="10"/>
    </row>
    <row r="817712" spans="14:14">
      <c r="N817712" s="10"/>
    </row>
    <row r="817713" spans="14:14">
      <c r="N817713" s="10"/>
    </row>
    <row r="817714" spans="14:14">
      <c r="N817714" s="10"/>
    </row>
    <row r="817715" spans="14:14">
      <c r="N817715" s="10"/>
    </row>
    <row r="817716" spans="14:14">
      <c r="N817716" s="10"/>
    </row>
    <row r="817717" spans="14:14">
      <c r="N817717" s="10"/>
    </row>
    <row r="817718" spans="14:14">
      <c r="N817718" s="10"/>
    </row>
    <row r="817719" spans="14:14">
      <c r="N817719" s="10"/>
    </row>
    <row r="817720" spans="14:14">
      <c r="N817720" s="10"/>
    </row>
    <row r="817721" spans="14:14">
      <c r="N817721" s="10"/>
    </row>
    <row r="817722" spans="14:14">
      <c r="N817722" s="10"/>
    </row>
    <row r="817723" spans="14:14">
      <c r="N817723" s="10"/>
    </row>
    <row r="817724" spans="14:14">
      <c r="N817724" s="10"/>
    </row>
    <row r="817725" spans="14:14">
      <c r="N817725" s="10"/>
    </row>
    <row r="817726" spans="14:14">
      <c r="N817726" s="10"/>
    </row>
    <row r="817727" spans="14:14">
      <c r="N817727" s="10"/>
    </row>
    <row r="817728" spans="14:14">
      <c r="N817728" s="10"/>
    </row>
    <row r="817729" spans="14:14">
      <c r="N817729" s="10"/>
    </row>
    <row r="817730" spans="14:14">
      <c r="N817730" s="10"/>
    </row>
    <row r="817731" spans="14:14">
      <c r="N817731" s="10"/>
    </row>
    <row r="817732" spans="14:14">
      <c r="N817732" s="10"/>
    </row>
    <row r="817733" spans="14:14">
      <c r="N817733" s="10"/>
    </row>
    <row r="817734" spans="14:14">
      <c r="N817734" s="10"/>
    </row>
    <row r="817735" spans="14:14">
      <c r="N817735" s="10"/>
    </row>
    <row r="817736" spans="14:14">
      <c r="N817736" s="10"/>
    </row>
    <row r="817737" spans="14:14">
      <c r="N817737" s="10"/>
    </row>
    <row r="817738" spans="14:14">
      <c r="N817738" s="10"/>
    </row>
    <row r="817739" spans="14:14">
      <c r="N817739" s="10"/>
    </row>
    <row r="817740" spans="14:14">
      <c r="N817740" s="10"/>
    </row>
    <row r="817741" spans="14:14">
      <c r="N817741" s="10"/>
    </row>
    <row r="817742" spans="14:14">
      <c r="N817742" s="10"/>
    </row>
    <row r="817743" spans="14:14">
      <c r="N817743" s="10"/>
    </row>
    <row r="817744" spans="14:14">
      <c r="N817744" s="10"/>
    </row>
    <row r="817745" spans="14:14">
      <c r="N817745" s="10"/>
    </row>
    <row r="817746" spans="14:14">
      <c r="N817746" s="10"/>
    </row>
    <row r="817747" spans="14:14">
      <c r="N817747" s="10"/>
    </row>
    <row r="817748" spans="14:14">
      <c r="N817748" s="10"/>
    </row>
    <row r="817749" spans="14:14">
      <c r="N817749" s="10"/>
    </row>
    <row r="817750" spans="14:14">
      <c r="N817750" s="10"/>
    </row>
    <row r="817751" spans="14:14">
      <c r="N817751" s="10"/>
    </row>
    <row r="817752" spans="14:14">
      <c r="N817752" s="10"/>
    </row>
    <row r="817753" spans="14:14">
      <c r="N817753" s="10"/>
    </row>
    <row r="817754" spans="14:14">
      <c r="N817754" s="10"/>
    </row>
    <row r="817755" spans="14:14">
      <c r="N817755" s="10"/>
    </row>
    <row r="817756" spans="14:14">
      <c r="N817756" s="10"/>
    </row>
    <row r="817757" spans="14:14">
      <c r="N817757" s="10"/>
    </row>
    <row r="817758" spans="14:14">
      <c r="N817758" s="10"/>
    </row>
    <row r="817759" spans="14:14">
      <c r="N817759" s="10"/>
    </row>
    <row r="817760" spans="14:14">
      <c r="N817760" s="10"/>
    </row>
    <row r="817761" spans="14:14">
      <c r="N817761" s="10"/>
    </row>
    <row r="817762" spans="14:14">
      <c r="N817762" s="10"/>
    </row>
    <row r="817763" spans="14:14">
      <c r="N817763" s="10"/>
    </row>
    <row r="817764" spans="14:14">
      <c r="N817764" s="10"/>
    </row>
    <row r="817765" spans="14:14">
      <c r="N817765" s="10"/>
    </row>
    <row r="817766" spans="14:14">
      <c r="N817766" s="10"/>
    </row>
    <row r="817767" spans="14:14">
      <c r="N817767" s="10"/>
    </row>
    <row r="817768" spans="14:14">
      <c r="N817768" s="10"/>
    </row>
    <row r="817769" spans="14:14">
      <c r="N817769" s="10"/>
    </row>
    <row r="817770" spans="14:14">
      <c r="N817770" s="10"/>
    </row>
    <row r="817771" spans="14:14">
      <c r="N817771" s="10"/>
    </row>
    <row r="817772" spans="14:14">
      <c r="N817772" s="10"/>
    </row>
    <row r="817773" spans="14:14">
      <c r="N817773" s="10"/>
    </row>
    <row r="817774" spans="14:14">
      <c r="N817774" s="10"/>
    </row>
    <row r="817775" spans="14:14">
      <c r="N817775" s="10"/>
    </row>
    <row r="817776" spans="14:14">
      <c r="N817776" s="10"/>
    </row>
    <row r="817777" spans="14:14">
      <c r="N817777" s="10"/>
    </row>
    <row r="817778" spans="14:14">
      <c r="N817778" s="10"/>
    </row>
    <row r="817779" spans="14:14">
      <c r="N817779" s="10"/>
    </row>
    <row r="817780" spans="14:14">
      <c r="N817780" s="10"/>
    </row>
    <row r="817781" spans="14:14">
      <c r="N817781" s="10"/>
    </row>
    <row r="817782" spans="14:14">
      <c r="N817782" s="10"/>
    </row>
    <row r="817783" spans="14:14">
      <c r="N817783" s="10"/>
    </row>
    <row r="817784" spans="14:14">
      <c r="N817784" s="10"/>
    </row>
    <row r="817785" spans="14:14">
      <c r="N817785" s="10"/>
    </row>
    <row r="817786" spans="14:14">
      <c r="N817786" s="10"/>
    </row>
    <row r="817787" spans="14:14">
      <c r="N817787" s="10"/>
    </row>
    <row r="817788" spans="14:14">
      <c r="N817788" s="10"/>
    </row>
    <row r="817789" spans="14:14">
      <c r="N817789" s="10"/>
    </row>
    <row r="817790" spans="14:14">
      <c r="N817790" s="10"/>
    </row>
    <row r="817791" spans="14:14">
      <c r="N817791" s="10"/>
    </row>
    <row r="817792" spans="14:14">
      <c r="N817792" s="10"/>
    </row>
    <row r="817793" spans="14:14">
      <c r="N817793" s="10"/>
    </row>
    <row r="817794" spans="14:14">
      <c r="N817794" s="10"/>
    </row>
    <row r="817795" spans="14:14">
      <c r="N817795" s="10"/>
    </row>
    <row r="817796" spans="14:14">
      <c r="N817796" s="10"/>
    </row>
    <row r="817797" spans="14:14">
      <c r="N817797" s="10"/>
    </row>
    <row r="817798" spans="14:14">
      <c r="N817798" s="10"/>
    </row>
    <row r="817799" spans="14:14">
      <c r="N817799" s="10"/>
    </row>
    <row r="817800" spans="14:14">
      <c r="N817800" s="10"/>
    </row>
    <row r="817801" spans="14:14">
      <c r="N817801" s="10"/>
    </row>
    <row r="817802" spans="14:14">
      <c r="N817802" s="10"/>
    </row>
    <row r="817803" spans="14:14">
      <c r="N817803" s="10"/>
    </row>
    <row r="817804" spans="14:14">
      <c r="N817804" s="10"/>
    </row>
    <row r="817805" spans="14:14">
      <c r="N817805" s="10"/>
    </row>
    <row r="817806" spans="14:14">
      <c r="N817806" s="10"/>
    </row>
    <row r="817807" spans="14:14">
      <c r="N817807" s="10"/>
    </row>
    <row r="817808" spans="14:14">
      <c r="N817808" s="10"/>
    </row>
    <row r="817809" spans="14:14">
      <c r="N817809" s="10"/>
    </row>
    <row r="817810" spans="14:14">
      <c r="N817810" s="10"/>
    </row>
    <row r="817811" spans="14:14">
      <c r="N817811" s="10"/>
    </row>
    <row r="817812" spans="14:14">
      <c r="N817812" s="10"/>
    </row>
    <row r="817813" spans="14:14">
      <c r="N817813" s="10"/>
    </row>
    <row r="817814" spans="14:14">
      <c r="N817814" s="10"/>
    </row>
    <row r="817815" spans="14:14">
      <c r="N817815" s="10"/>
    </row>
    <row r="817816" spans="14:14">
      <c r="N817816" s="10"/>
    </row>
    <row r="817817" spans="14:14">
      <c r="N817817" s="10"/>
    </row>
    <row r="817818" spans="14:14">
      <c r="N817818" s="10"/>
    </row>
    <row r="817819" spans="14:14">
      <c r="N817819" s="10"/>
    </row>
    <row r="817820" spans="14:14">
      <c r="N817820" s="10"/>
    </row>
    <row r="817821" spans="14:14">
      <c r="N817821" s="10"/>
    </row>
    <row r="817822" spans="14:14">
      <c r="N817822" s="10"/>
    </row>
    <row r="817823" spans="14:14">
      <c r="N817823" s="10"/>
    </row>
    <row r="817824" spans="14:14">
      <c r="N817824" s="10"/>
    </row>
    <row r="817825" spans="14:14">
      <c r="N817825" s="10"/>
    </row>
    <row r="817826" spans="14:14">
      <c r="N817826" s="10"/>
    </row>
    <row r="817827" spans="14:14">
      <c r="N817827" s="10"/>
    </row>
    <row r="817828" spans="14:14">
      <c r="N817828" s="10"/>
    </row>
    <row r="817829" spans="14:14">
      <c r="N817829" s="10"/>
    </row>
    <row r="817830" spans="14:14">
      <c r="N817830" s="10"/>
    </row>
    <row r="817831" spans="14:14">
      <c r="N817831" s="10"/>
    </row>
    <row r="817832" spans="14:14">
      <c r="N817832" s="10"/>
    </row>
    <row r="817833" spans="14:14">
      <c r="N817833" s="10"/>
    </row>
    <row r="817834" spans="14:14">
      <c r="N817834" s="10"/>
    </row>
    <row r="817835" spans="14:14">
      <c r="N817835" s="10"/>
    </row>
    <row r="817836" spans="14:14">
      <c r="N817836" s="10"/>
    </row>
    <row r="817837" spans="14:14">
      <c r="N817837" s="10"/>
    </row>
    <row r="817838" spans="14:14">
      <c r="N817838" s="10"/>
    </row>
    <row r="817839" spans="14:14">
      <c r="N817839" s="10"/>
    </row>
    <row r="817840" spans="14:14">
      <c r="N817840" s="10"/>
    </row>
    <row r="817841" spans="14:14">
      <c r="N817841" s="10"/>
    </row>
    <row r="817842" spans="14:14">
      <c r="N817842" s="10"/>
    </row>
    <row r="817843" spans="14:14">
      <c r="N817843" s="10"/>
    </row>
    <row r="817844" spans="14:14">
      <c r="N817844" s="10"/>
    </row>
    <row r="817845" spans="14:14">
      <c r="N817845" s="10"/>
    </row>
    <row r="817846" spans="14:14">
      <c r="N817846" s="10"/>
    </row>
    <row r="817847" spans="14:14">
      <c r="N817847" s="10"/>
    </row>
    <row r="817848" spans="14:14">
      <c r="N817848" s="10"/>
    </row>
    <row r="817849" spans="14:14">
      <c r="N817849" s="10"/>
    </row>
    <row r="817850" spans="14:14">
      <c r="N817850" s="10"/>
    </row>
    <row r="817851" spans="14:14">
      <c r="N817851" s="10"/>
    </row>
    <row r="817852" spans="14:14">
      <c r="N817852" s="10"/>
    </row>
    <row r="817853" spans="14:14">
      <c r="N817853" s="10"/>
    </row>
    <row r="817854" spans="14:14">
      <c r="N817854" s="10"/>
    </row>
    <row r="817855" spans="14:14">
      <c r="N817855" s="10"/>
    </row>
    <row r="817856" spans="14:14">
      <c r="N817856" s="10"/>
    </row>
    <row r="817857" spans="14:14">
      <c r="N817857" s="10"/>
    </row>
    <row r="817858" spans="14:14">
      <c r="N817858" s="10"/>
    </row>
    <row r="817859" spans="14:14">
      <c r="N817859" s="10"/>
    </row>
    <row r="817860" spans="14:14">
      <c r="N817860" s="10"/>
    </row>
    <row r="817861" spans="14:14">
      <c r="N817861" s="10"/>
    </row>
    <row r="817862" spans="14:14">
      <c r="N817862" s="10"/>
    </row>
    <row r="817863" spans="14:14">
      <c r="N817863" s="10"/>
    </row>
    <row r="817864" spans="14:14">
      <c r="N817864" s="10"/>
    </row>
    <row r="817865" spans="14:14">
      <c r="N817865" s="10"/>
    </row>
    <row r="817866" spans="14:14">
      <c r="N817866" s="10"/>
    </row>
    <row r="817867" spans="14:14">
      <c r="N817867" s="10"/>
    </row>
    <row r="817868" spans="14:14">
      <c r="N817868" s="10"/>
    </row>
    <row r="817869" spans="14:14">
      <c r="N817869" s="10"/>
    </row>
    <row r="817870" spans="14:14">
      <c r="N817870" s="10"/>
    </row>
    <row r="817871" spans="14:14">
      <c r="N817871" s="10"/>
    </row>
    <row r="817872" spans="14:14">
      <c r="N817872" s="10"/>
    </row>
    <row r="817873" spans="14:14">
      <c r="N817873" s="10"/>
    </row>
    <row r="817874" spans="14:14">
      <c r="N817874" s="10"/>
    </row>
    <row r="817875" spans="14:14">
      <c r="N817875" s="10"/>
    </row>
    <row r="817876" spans="14:14">
      <c r="N817876" s="10"/>
    </row>
    <row r="817877" spans="14:14">
      <c r="N817877" s="10"/>
    </row>
    <row r="817878" spans="14:14">
      <c r="N817878" s="10"/>
    </row>
    <row r="817879" spans="14:14">
      <c r="N817879" s="10"/>
    </row>
    <row r="817880" spans="14:14">
      <c r="N817880" s="10"/>
    </row>
    <row r="817881" spans="14:14">
      <c r="N817881" s="10"/>
    </row>
    <row r="817882" spans="14:14">
      <c r="N817882" s="10"/>
    </row>
    <row r="817883" spans="14:14">
      <c r="N817883" s="10"/>
    </row>
    <row r="817884" spans="14:14">
      <c r="N817884" s="10"/>
    </row>
    <row r="817885" spans="14:14">
      <c r="N817885" s="10"/>
    </row>
    <row r="817886" spans="14:14">
      <c r="N817886" s="10"/>
    </row>
    <row r="817887" spans="14:14">
      <c r="N817887" s="10"/>
    </row>
    <row r="817888" spans="14:14">
      <c r="N817888" s="10"/>
    </row>
    <row r="817889" spans="14:14">
      <c r="N817889" s="10"/>
    </row>
    <row r="817890" spans="14:14">
      <c r="N817890" s="10"/>
    </row>
    <row r="817891" spans="14:14">
      <c r="N817891" s="10"/>
    </row>
    <row r="817892" spans="14:14">
      <c r="N817892" s="10"/>
    </row>
    <row r="817893" spans="14:14">
      <c r="N817893" s="10"/>
    </row>
    <row r="817894" spans="14:14">
      <c r="N817894" s="10"/>
    </row>
    <row r="817895" spans="14:14">
      <c r="N817895" s="10"/>
    </row>
    <row r="817896" spans="14:14">
      <c r="N817896" s="10"/>
    </row>
    <row r="817897" spans="14:14">
      <c r="N817897" s="10"/>
    </row>
    <row r="817898" spans="14:14">
      <c r="N817898" s="10"/>
    </row>
    <row r="817899" spans="14:14">
      <c r="N817899" s="10"/>
    </row>
    <row r="817900" spans="14:14">
      <c r="N817900" s="10"/>
    </row>
    <row r="817901" spans="14:14">
      <c r="N817901" s="10"/>
    </row>
    <row r="817902" spans="14:14">
      <c r="N817902" s="10"/>
    </row>
    <row r="817903" spans="14:14">
      <c r="N817903" s="10"/>
    </row>
    <row r="817904" spans="14:14">
      <c r="N817904" s="10"/>
    </row>
    <row r="817905" spans="14:14">
      <c r="N817905" s="10"/>
    </row>
    <row r="817906" spans="14:14">
      <c r="N817906" s="10"/>
    </row>
    <row r="817907" spans="14:14">
      <c r="N817907" s="10"/>
    </row>
    <row r="817908" spans="14:14">
      <c r="N817908" s="10"/>
    </row>
    <row r="817909" spans="14:14">
      <c r="N817909" s="10"/>
    </row>
    <row r="817910" spans="14:14">
      <c r="N817910" s="10"/>
    </row>
    <row r="817911" spans="14:14">
      <c r="N817911" s="10"/>
    </row>
    <row r="817912" spans="14:14">
      <c r="N817912" s="10"/>
    </row>
    <row r="817913" spans="14:14">
      <c r="N817913" s="10"/>
    </row>
    <row r="817914" spans="14:14">
      <c r="N817914" s="10"/>
    </row>
    <row r="817915" spans="14:14">
      <c r="N817915" s="10"/>
    </row>
    <row r="817916" spans="14:14">
      <c r="N817916" s="10"/>
    </row>
    <row r="817917" spans="14:14">
      <c r="N817917" s="10"/>
    </row>
    <row r="817918" spans="14:14">
      <c r="N817918" s="10"/>
    </row>
    <row r="817919" spans="14:14">
      <c r="N817919" s="10"/>
    </row>
    <row r="817920" spans="14:14">
      <c r="N817920" s="10"/>
    </row>
    <row r="817921" spans="14:14">
      <c r="N817921" s="10"/>
    </row>
    <row r="817922" spans="14:14">
      <c r="N817922" s="10"/>
    </row>
    <row r="817923" spans="14:14">
      <c r="N817923" s="10"/>
    </row>
    <row r="817924" spans="14:14">
      <c r="N817924" s="10"/>
    </row>
    <row r="817925" spans="14:14">
      <c r="N817925" s="10"/>
    </row>
    <row r="817926" spans="14:14">
      <c r="N817926" s="10"/>
    </row>
    <row r="817927" spans="14:14">
      <c r="N817927" s="10"/>
    </row>
    <row r="817928" spans="14:14">
      <c r="N817928" s="10"/>
    </row>
    <row r="817929" spans="14:14">
      <c r="N817929" s="10"/>
    </row>
    <row r="817930" spans="14:14">
      <c r="N817930" s="10"/>
    </row>
    <row r="817931" spans="14:14">
      <c r="N817931" s="10"/>
    </row>
    <row r="817932" spans="14:14">
      <c r="N817932" s="10"/>
    </row>
    <row r="817933" spans="14:14">
      <c r="N817933" s="10"/>
    </row>
    <row r="817934" spans="14:14">
      <c r="N817934" s="10"/>
    </row>
    <row r="817935" spans="14:14">
      <c r="N817935" s="10"/>
    </row>
    <row r="817936" spans="14:14">
      <c r="N817936" s="10"/>
    </row>
    <row r="817937" spans="14:14">
      <c r="N817937" s="10"/>
    </row>
    <row r="817938" spans="14:14">
      <c r="N817938" s="10"/>
    </row>
    <row r="817939" spans="14:14">
      <c r="N817939" s="10"/>
    </row>
    <row r="817940" spans="14:14">
      <c r="N817940" s="10"/>
    </row>
    <row r="817941" spans="14:14">
      <c r="N817941" s="10"/>
    </row>
    <row r="817942" spans="14:14">
      <c r="N817942" s="10"/>
    </row>
    <row r="817943" spans="14:14">
      <c r="N817943" s="10"/>
    </row>
    <row r="817944" spans="14:14">
      <c r="N817944" s="10"/>
    </row>
    <row r="817945" spans="14:14">
      <c r="N817945" s="10"/>
    </row>
    <row r="817946" spans="14:14">
      <c r="N817946" s="10"/>
    </row>
    <row r="817947" spans="14:14">
      <c r="N817947" s="10"/>
    </row>
    <row r="817948" spans="14:14">
      <c r="N817948" s="10"/>
    </row>
    <row r="817949" spans="14:14">
      <c r="N817949" s="10"/>
    </row>
    <row r="817950" spans="14:14">
      <c r="N817950" s="10"/>
    </row>
    <row r="817951" spans="14:14">
      <c r="N817951" s="10"/>
    </row>
    <row r="817952" spans="14:14">
      <c r="N817952" s="10"/>
    </row>
    <row r="817953" spans="14:14">
      <c r="N817953" s="10"/>
    </row>
    <row r="817954" spans="14:14">
      <c r="N817954" s="10"/>
    </row>
    <row r="817955" spans="14:14">
      <c r="N817955" s="10"/>
    </row>
    <row r="817956" spans="14:14">
      <c r="N817956" s="10"/>
    </row>
    <row r="817957" spans="14:14">
      <c r="N817957" s="10"/>
    </row>
    <row r="817958" spans="14:14">
      <c r="N817958" s="10"/>
    </row>
    <row r="817959" spans="14:14">
      <c r="N817959" s="10"/>
    </row>
    <row r="817960" spans="14:14">
      <c r="N817960" s="10"/>
    </row>
    <row r="817961" spans="14:14">
      <c r="N817961" s="10"/>
    </row>
    <row r="817962" spans="14:14">
      <c r="N817962" s="10"/>
    </row>
    <row r="817963" spans="14:14">
      <c r="N817963" s="10"/>
    </row>
    <row r="817964" spans="14:14">
      <c r="N817964" s="10"/>
    </row>
    <row r="817965" spans="14:14">
      <c r="N817965" s="10"/>
    </row>
    <row r="817966" spans="14:14">
      <c r="N817966" s="10"/>
    </row>
    <row r="817967" spans="14:14">
      <c r="N817967" s="10"/>
    </row>
    <row r="817968" spans="14:14">
      <c r="N817968" s="10"/>
    </row>
    <row r="817969" spans="14:14">
      <c r="N817969" s="10"/>
    </row>
    <row r="817970" spans="14:14">
      <c r="N817970" s="10"/>
    </row>
    <row r="817971" spans="14:14">
      <c r="N817971" s="10"/>
    </row>
    <row r="817972" spans="14:14">
      <c r="N817972" s="10"/>
    </row>
    <row r="817973" spans="14:14">
      <c r="N817973" s="10"/>
    </row>
    <row r="817974" spans="14:14">
      <c r="N817974" s="10"/>
    </row>
    <row r="817975" spans="14:14">
      <c r="N817975" s="10"/>
    </row>
    <row r="817976" spans="14:14">
      <c r="N817976" s="10"/>
    </row>
    <row r="817977" spans="14:14">
      <c r="N817977" s="10"/>
    </row>
    <row r="817978" spans="14:14">
      <c r="N817978" s="10"/>
    </row>
    <row r="817979" spans="14:14">
      <c r="N817979" s="10"/>
    </row>
    <row r="817980" spans="14:14">
      <c r="N817980" s="10"/>
    </row>
    <row r="817981" spans="14:14">
      <c r="N817981" s="10"/>
    </row>
    <row r="817982" spans="14:14">
      <c r="N817982" s="10"/>
    </row>
    <row r="817983" spans="14:14">
      <c r="N817983" s="10"/>
    </row>
    <row r="817984" spans="14:14">
      <c r="N817984" s="10"/>
    </row>
    <row r="817985" spans="14:14">
      <c r="N817985" s="10"/>
    </row>
    <row r="817986" spans="14:14">
      <c r="N817986" s="10"/>
    </row>
    <row r="817987" spans="14:14">
      <c r="N817987" s="10"/>
    </row>
    <row r="817988" spans="14:14">
      <c r="N817988" s="10"/>
    </row>
    <row r="817989" spans="14:14">
      <c r="N817989" s="10"/>
    </row>
    <row r="817990" spans="14:14">
      <c r="N817990" s="10"/>
    </row>
    <row r="817991" spans="14:14">
      <c r="N817991" s="10"/>
    </row>
    <row r="817992" spans="14:14">
      <c r="N817992" s="10"/>
    </row>
    <row r="817993" spans="14:14">
      <c r="N817993" s="10"/>
    </row>
    <row r="817994" spans="14:14">
      <c r="N817994" s="10"/>
    </row>
    <row r="817995" spans="14:14">
      <c r="N817995" s="10"/>
    </row>
    <row r="817996" spans="14:14">
      <c r="N817996" s="10"/>
    </row>
    <row r="817997" spans="14:14">
      <c r="N817997" s="10"/>
    </row>
    <row r="817998" spans="14:14">
      <c r="N817998" s="10"/>
    </row>
    <row r="817999" spans="14:14">
      <c r="N817999" s="10"/>
    </row>
    <row r="818000" spans="14:14">
      <c r="N818000" s="10"/>
    </row>
    <row r="818001" spans="14:14">
      <c r="N818001" s="10"/>
    </row>
    <row r="818002" spans="14:14">
      <c r="N818002" s="10"/>
    </row>
    <row r="818003" spans="14:14">
      <c r="N818003" s="10"/>
    </row>
    <row r="818004" spans="14:14">
      <c r="N818004" s="10"/>
    </row>
    <row r="818005" spans="14:14">
      <c r="N818005" s="10"/>
    </row>
    <row r="818006" spans="14:14">
      <c r="N818006" s="10"/>
    </row>
    <row r="818007" spans="14:14">
      <c r="N818007" s="10"/>
    </row>
    <row r="818008" spans="14:14">
      <c r="N818008" s="10"/>
    </row>
    <row r="818009" spans="14:14">
      <c r="N818009" s="10"/>
    </row>
    <row r="818010" spans="14:14">
      <c r="N818010" s="10"/>
    </row>
    <row r="818011" spans="14:14">
      <c r="N818011" s="10"/>
    </row>
    <row r="818012" spans="14:14">
      <c r="N818012" s="10"/>
    </row>
    <row r="818013" spans="14:14">
      <c r="N818013" s="10"/>
    </row>
    <row r="818014" spans="14:14">
      <c r="N818014" s="10"/>
    </row>
    <row r="818015" spans="14:14">
      <c r="N818015" s="10"/>
    </row>
    <row r="818016" spans="14:14">
      <c r="N818016" s="10"/>
    </row>
    <row r="818017" spans="14:14">
      <c r="N818017" s="10"/>
    </row>
    <row r="818018" spans="14:14">
      <c r="N818018" s="10"/>
    </row>
    <row r="818019" spans="14:14">
      <c r="N818019" s="10"/>
    </row>
    <row r="818020" spans="14:14">
      <c r="N818020" s="10"/>
    </row>
    <row r="818021" spans="14:14">
      <c r="N818021" s="10"/>
    </row>
    <row r="818022" spans="14:14">
      <c r="N818022" s="10"/>
    </row>
    <row r="818023" spans="14:14">
      <c r="N818023" s="10"/>
    </row>
    <row r="818024" spans="14:14">
      <c r="N818024" s="10"/>
    </row>
    <row r="818025" spans="14:14">
      <c r="N818025" s="10"/>
    </row>
    <row r="818026" spans="14:14">
      <c r="N818026" s="10"/>
    </row>
    <row r="818027" spans="14:14">
      <c r="N818027" s="10"/>
    </row>
    <row r="818028" spans="14:14">
      <c r="N818028" s="10"/>
    </row>
    <row r="818029" spans="14:14">
      <c r="N818029" s="10"/>
    </row>
    <row r="818030" spans="14:14">
      <c r="N818030" s="10"/>
    </row>
    <row r="818031" spans="14:14">
      <c r="N818031" s="10"/>
    </row>
    <row r="818032" spans="14:14">
      <c r="N818032" s="10"/>
    </row>
    <row r="818033" spans="14:14">
      <c r="N818033" s="10"/>
    </row>
    <row r="818034" spans="14:14">
      <c r="N818034" s="10"/>
    </row>
    <row r="818035" spans="14:14">
      <c r="N818035" s="10"/>
    </row>
    <row r="818036" spans="14:14">
      <c r="N818036" s="10"/>
    </row>
    <row r="818037" spans="14:14">
      <c r="N818037" s="10"/>
    </row>
    <row r="818038" spans="14:14">
      <c r="N818038" s="10"/>
    </row>
    <row r="818039" spans="14:14">
      <c r="N818039" s="10"/>
    </row>
    <row r="818040" spans="14:14">
      <c r="N818040" s="10"/>
    </row>
    <row r="818041" spans="14:14">
      <c r="N818041" s="10"/>
    </row>
    <row r="818042" spans="14:14">
      <c r="N818042" s="10"/>
    </row>
    <row r="818043" spans="14:14">
      <c r="N818043" s="10"/>
    </row>
    <row r="818044" spans="14:14">
      <c r="N818044" s="10"/>
    </row>
    <row r="818045" spans="14:14">
      <c r="N818045" s="10"/>
    </row>
    <row r="818046" spans="14:14">
      <c r="N818046" s="10"/>
    </row>
    <row r="818047" spans="14:14">
      <c r="N818047" s="10"/>
    </row>
    <row r="818048" spans="14:14">
      <c r="N818048" s="10"/>
    </row>
    <row r="818049" spans="14:14">
      <c r="N818049" s="10"/>
    </row>
    <row r="818050" spans="14:14">
      <c r="N818050" s="10"/>
    </row>
    <row r="818051" spans="14:14">
      <c r="N818051" s="10"/>
    </row>
    <row r="818052" spans="14:14">
      <c r="N818052" s="10"/>
    </row>
    <row r="818053" spans="14:14">
      <c r="N818053" s="10"/>
    </row>
    <row r="818054" spans="14:14">
      <c r="N818054" s="10"/>
    </row>
    <row r="818055" spans="14:14">
      <c r="N818055" s="10"/>
    </row>
    <row r="818056" spans="14:14">
      <c r="N818056" s="10"/>
    </row>
    <row r="818057" spans="14:14">
      <c r="N818057" s="10"/>
    </row>
    <row r="818058" spans="14:14">
      <c r="N818058" s="10"/>
    </row>
    <row r="818059" spans="14:14">
      <c r="N818059" s="10"/>
    </row>
    <row r="818060" spans="14:14">
      <c r="N818060" s="10"/>
    </row>
    <row r="818061" spans="14:14">
      <c r="N818061" s="10"/>
    </row>
    <row r="818062" spans="14:14">
      <c r="N818062" s="10"/>
    </row>
    <row r="818063" spans="14:14">
      <c r="N818063" s="10"/>
    </row>
    <row r="818064" spans="14:14">
      <c r="N818064" s="10"/>
    </row>
    <row r="818065" spans="14:14">
      <c r="N818065" s="10"/>
    </row>
    <row r="818066" spans="14:14">
      <c r="N818066" s="10"/>
    </row>
    <row r="818067" spans="14:14">
      <c r="N818067" s="10"/>
    </row>
    <row r="818068" spans="14:14">
      <c r="N818068" s="10"/>
    </row>
    <row r="818069" spans="14:14">
      <c r="N818069" s="10"/>
    </row>
    <row r="818070" spans="14:14">
      <c r="N818070" s="10"/>
    </row>
    <row r="818071" spans="14:14">
      <c r="N818071" s="10"/>
    </row>
    <row r="818072" spans="14:14">
      <c r="N818072" s="10"/>
    </row>
    <row r="818073" spans="14:14">
      <c r="N818073" s="10"/>
    </row>
    <row r="818074" spans="14:14">
      <c r="N818074" s="10"/>
    </row>
    <row r="818075" spans="14:14">
      <c r="N818075" s="10"/>
    </row>
    <row r="818076" spans="14:14">
      <c r="N818076" s="10"/>
    </row>
    <row r="818077" spans="14:14">
      <c r="N818077" s="10"/>
    </row>
    <row r="818078" spans="14:14">
      <c r="N818078" s="10"/>
    </row>
    <row r="818079" spans="14:14">
      <c r="N818079" s="10"/>
    </row>
    <row r="818080" spans="14:14">
      <c r="N818080" s="10"/>
    </row>
    <row r="818081" spans="14:14">
      <c r="N818081" s="10"/>
    </row>
    <row r="818082" spans="14:14">
      <c r="N818082" s="10"/>
    </row>
    <row r="818083" spans="14:14">
      <c r="N818083" s="10"/>
    </row>
    <row r="818084" spans="14:14">
      <c r="N818084" s="10"/>
    </row>
    <row r="818085" spans="14:14">
      <c r="N818085" s="10"/>
    </row>
    <row r="818086" spans="14:14">
      <c r="N818086" s="10"/>
    </row>
    <row r="818087" spans="14:14">
      <c r="N818087" s="10"/>
    </row>
    <row r="818088" spans="14:14">
      <c r="N818088" s="10"/>
    </row>
    <row r="818089" spans="14:14">
      <c r="N818089" s="10"/>
    </row>
    <row r="818090" spans="14:14">
      <c r="N818090" s="10"/>
    </row>
    <row r="818091" spans="14:14">
      <c r="N818091" s="10"/>
    </row>
    <row r="818092" spans="14:14">
      <c r="N818092" s="10"/>
    </row>
    <row r="818093" spans="14:14">
      <c r="N818093" s="10"/>
    </row>
    <row r="818094" spans="14:14">
      <c r="N818094" s="10"/>
    </row>
    <row r="818095" spans="14:14">
      <c r="N818095" s="10"/>
    </row>
    <row r="818096" spans="14:14">
      <c r="N818096" s="10"/>
    </row>
    <row r="818097" spans="14:14">
      <c r="N818097" s="10"/>
    </row>
    <row r="818098" spans="14:14">
      <c r="N818098" s="10"/>
    </row>
    <row r="818099" spans="14:14">
      <c r="N818099" s="10"/>
    </row>
    <row r="818100" spans="14:14">
      <c r="N818100" s="10"/>
    </row>
    <row r="818101" spans="14:14">
      <c r="N818101" s="10"/>
    </row>
    <row r="818102" spans="14:14">
      <c r="N818102" s="10"/>
    </row>
    <row r="818103" spans="14:14">
      <c r="N818103" s="10"/>
    </row>
    <row r="818104" spans="14:14">
      <c r="N818104" s="10"/>
    </row>
    <row r="818105" spans="14:14">
      <c r="N818105" s="10"/>
    </row>
    <row r="818106" spans="14:14">
      <c r="N818106" s="10"/>
    </row>
    <row r="818107" spans="14:14">
      <c r="N818107" s="10"/>
    </row>
    <row r="818108" spans="14:14">
      <c r="N818108" s="10"/>
    </row>
    <row r="818109" spans="14:14">
      <c r="N818109" s="10"/>
    </row>
    <row r="818110" spans="14:14">
      <c r="N818110" s="10"/>
    </row>
    <row r="818111" spans="14:14">
      <c r="N818111" s="10"/>
    </row>
    <row r="818112" spans="14:14">
      <c r="N818112" s="10"/>
    </row>
    <row r="818113" spans="14:14">
      <c r="N818113" s="10"/>
    </row>
    <row r="818114" spans="14:14">
      <c r="N818114" s="10"/>
    </row>
    <row r="818115" spans="14:14">
      <c r="N818115" s="10"/>
    </row>
    <row r="818116" spans="14:14">
      <c r="N818116" s="10"/>
    </row>
    <row r="818117" spans="14:14">
      <c r="N818117" s="10"/>
    </row>
    <row r="818118" spans="14:14">
      <c r="N818118" s="10"/>
    </row>
    <row r="818119" spans="14:14">
      <c r="N818119" s="10"/>
    </row>
    <row r="818120" spans="14:14">
      <c r="N818120" s="10"/>
    </row>
    <row r="818121" spans="14:14">
      <c r="N818121" s="10"/>
    </row>
    <row r="818122" spans="14:14">
      <c r="N818122" s="10"/>
    </row>
    <row r="818123" spans="14:14">
      <c r="N818123" s="10"/>
    </row>
    <row r="818124" spans="14:14">
      <c r="N818124" s="10"/>
    </row>
    <row r="818125" spans="14:14">
      <c r="N818125" s="10"/>
    </row>
    <row r="818126" spans="14:14">
      <c r="N818126" s="10"/>
    </row>
    <row r="818127" spans="14:14">
      <c r="N818127" s="10"/>
    </row>
    <row r="818128" spans="14:14">
      <c r="N818128" s="10"/>
    </row>
    <row r="818129" spans="14:14">
      <c r="N818129" s="10"/>
    </row>
    <row r="818130" spans="14:14">
      <c r="N818130" s="10"/>
    </row>
    <row r="818131" spans="14:14">
      <c r="N818131" s="10"/>
    </row>
    <row r="818132" spans="14:14">
      <c r="N818132" s="10"/>
    </row>
    <row r="818133" spans="14:14">
      <c r="N818133" s="10"/>
    </row>
    <row r="818134" spans="14:14">
      <c r="N818134" s="10"/>
    </row>
    <row r="818135" spans="14:14">
      <c r="N818135" s="10"/>
    </row>
    <row r="818136" spans="14:14">
      <c r="N818136" s="10"/>
    </row>
    <row r="818137" spans="14:14">
      <c r="N818137" s="10"/>
    </row>
    <row r="818138" spans="14:14">
      <c r="N818138" s="10"/>
    </row>
    <row r="818139" spans="14:14">
      <c r="N818139" s="10"/>
    </row>
    <row r="818140" spans="14:14">
      <c r="N818140" s="10"/>
    </row>
    <row r="818141" spans="14:14">
      <c r="N818141" s="10"/>
    </row>
    <row r="818142" spans="14:14">
      <c r="N818142" s="10"/>
    </row>
    <row r="818143" spans="14:14">
      <c r="N818143" s="10"/>
    </row>
    <row r="818144" spans="14:14">
      <c r="N818144" s="10"/>
    </row>
    <row r="818145" spans="14:14">
      <c r="N818145" s="10"/>
    </row>
    <row r="818146" spans="14:14">
      <c r="N818146" s="10"/>
    </row>
    <row r="818147" spans="14:14">
      <c r="N818147" s="10"/>
    </row>
    <row r="818148" spans="14:14">
      <c r="N818148" s="10"/>
    </row>
    <row r="818149" spans="14:14">
      <c r="N818149" s="10"/>
    </row>
    <row r="818150" spans="14:14">
      <c r="N818150" s="10"/>
    </row>
    <row r="818151" spans="14:14">
      <c r="N818151" s="10"/>
    </row>
    <row r="818152" spans="14:14">
      <c r="N818152" s="10"/>
    </row>
    <row r="818153" spans="14:14">
      <c r="N818153" s="10"/>
    </row>
    <row r="818154" spans="14:14">
      <c r="N818154" s="10"/>
    </row>
    <row r="818155" spans="14:14">
      <c r="N818155" s="10"/>
    </row>
    <row r="818156" spans="14:14">
      <c r="N818156" s="10"/>
    </row>
    <row r="818157" spans="14:14">
      <c r="N818157" s="10"/>
    </row>
    <row r="818158" spans="14:14">
      <c r="N818158" s="10"/>
    </row>
    <row r="818159" spans="14:14">
      <c r="N818159" s="10"/>
    </row>
    <row r="818160" spans="14:14">
      <c r="N818160" s="10"/>
    </row>
    <row r="818161" spans="14:14">
      <c r="N818161" s="10"/>
    </row>
    <row r="818162" spans="14:14">
      <c r="N818162" s="10"/>
    </row>
    <row r="818163" spans="14:14">
      <c r="N818163" s="10"/>
    </row>
    <row r="818164" spans="14:14">
      <c r="N818164" s="10"/>
    </row>
    <row r="818165" spans="14:14">
      <c r="N818165" s="10"/>
    </row>
    <row r="818166" spans="14:14">
      <c r="N818166" s="10"/>
    </row>
    <row r="818167" spans="14:14">
      <c r="N818167" s="10"/>
    </row>
    <row r="818168" spans="14:14">
      <c r="N818168" s="10"/>
    </row>
    <row r="818169" spans="14:14">
      <c r="N818169" s="10"/>
    </row>
    <row r="818170" spans="14:14">
      <c r="N818170" s="10"/>
    </row>
    <row r="818171" spans="14:14">
      <c r="N818171" s="10"/>
    </row>
    <row r="818172" spans="14:14">
      <c r="N818172" s="10"/>
    </row>
    <row r="818173" spans="14:14">
      <c r="N818173" s="10"/>
    </row>
    <row r="818174" spans="14:14">
      <c r="N818174" s="10"/>
    </row>
    <row r="818175" spans="14:14">
      <c r="N818175" s="10"/>
    </row>
    <row r="818176" spans="14:14">
      <c r="N818176" s="10"/>
    </row>
    <row r="818177" spans="14:14">
      <c r="N818177" s="10"/>
    </row>
    <row r="818178" spans="14:14">
      <c r="N818178" s="10"/>
    </row>
    <row r="818179" spans="14:14">
      <c r="N818179" s="10"/>
    </row>
    <row r="818180" spans="14:14">
      <c r="N818180" s="10"/>
    </row>
    <row r="818181" spans="14:14">
      <c r="N818181" s="10"/>
    </row>
    <row r="818182" spans="14:14">
      <c r="N818182" s="10"/>
    </row>
    <row r="818183" spans="14:14">
      <c r="N818183" s="10"/>
    </row>
    <row r="818184" spans="14:14">
      <c r="N818184" s="10"/>
    </row>
    <row r="818185" spans="14:14">
      <c r="N818185" s="10"/>
    </row>
    <row r="818186" spans="14:14">
      <c r="N818186" s="10"/>
    </row>
    <row r="818187" spans="14:14">
      <c r="N818187" s="10"/>
    </row>
    <row r="818188" spans="14:14">
      <c r="N818188" s="10"/>
    </row>
    <row r="818189" spans="14:14">
      <c r="N818189" s="10"/>
    </row>
    <row r="818190" spans="14:14">
      <c r="N818190" s="10"/>
    </row>
    <row r="818191" spans="14:14">
      <c r="N818191" s="10"/>
    </row>
    <row r="818192" spans="14:14">
      <c r="N818192" s="10"/>
    </row>
    <row r="818193" spans="14:14">
      <c r="N818193" s="10"/>
    </row>
    <row r="818194" spans="14:14">
      <c r="N818194" s="10"/>
    </row>
    <row r="818195" spans="14:14">
      <c r="N818195" s="10"/>
    </row>
    <row r="818196" spans="14:14">
      <c r="N818196" s="10"/>
    </row>
    <row r="818197" spans="14:14">
      <c r="N818197" s="10"/>
    </row>
    <row r="818198" spans="14:14">
      <c r="N818198" s="10"/>
    </row>
    <row r="818199" spans="14:14">
      <c r="N818199" s="10"/>
    </row>
    <row r="818200" spans="14:14">
      <c r="N818200" s="10"/>
    </row>
    <row r="818201" spans="14:14">
      <c r="N818201" s="10"/>
    </row>
    <row r="818202" spans="14:14">
      <c r="N818202" s="10"/>
    </row>
    <row r="818203" spans="14:14">
      <c r="N818203" s="10"/>
    </row>
    <row r="818204" spans="14:14">
      <c r="N818204" s="10"/>
    </row>
    <row r="818205" spans="14:14">
      <c r="N818205" s="10"/>
    </row>
    <row r="818206" spans="14:14">
      <c r="N818206" s="10"/>
    </row>
    <row r="818207" spans="14:14">
      <c r="N818207" s="10"/>
    </row>
    <row r="818208" spans="14:14">
      <c r="N818208" s="10"/>
    </row>
    <row r="818209" spans="14:14">
      <c r="N818209" s="10"/>
    </row>
    <row r="818210" spans="14:14">
      <c r="N818210" s="10"/>
    </row>
    <row r="818211" spans="14:14">
      <c r="N818211" s="10"/>
    </row>
    <row r="818212" spans="14:14">
      <c r="N818212" s="10"/>
    </row>
    <row r="818213" spans="14:14">
      <c r="N818213" s="10"/>
    </row>
    <row r="818214" spans="14:14">
      <c r="N818214" s="10"/>
    </row>
    <row r="818215" spans="14:14">
      <c r="N818215" s="10"/>
    </row>
    <row r="818216" spans="14:14">
      <c r="N818216" s="10"/>
    </row>
    <row r="818217" spans="14:14">
      <c r="N818217" s="10"/>
    </row>
    <row r="818218" spans="14:14">
      <c r="N818218" s="10"/>
    </row>
    <row r="818219" spans="14:14">
      <c r="N818219" s="10"/>
    </row>
    <row r="818220" spans="14:14">
      <c r="N818220" s="10"/>
    </row>
    <row r="818221" spans="14:14">
      <c r="N818221" s="10"/>
    </row>
    <row r="818222" spans="14:14">
      <c r="N818222" s="10"/>
    </row>
    <row r="818223" spans="14:14">
      <c r="N818223" s="10"/>
    </row>
    <row r="818224" spans="14:14">
      <c r="N818224" s="10"/>
    </row>
    <row r="818225" spans="14:14">
      <c r="N818225" s="10"/>
    </row>
    <row r="818226" spans="14:14">
      <c r="N818226" s="10"/>
    </row>
    <row r="818227" spans="14:14">
      <c r="N818227" s="10"/>
    </row>
    <row r="818228" spans="14:14">
      <c r="N818228" s="10"/>
    </row>
    <row r="818229" spans="14:14">
      <c r="N818229" s="10"/>
    </row>
    <row r="818230" spans="14:14">
      <c r="N818230" s="10"/>
    </row>
    <row r="818231" spans="14:14">
      <c r="N818231" s="10"/>
    </row>
    <row r="818232" spans="14:14">
      <c r="N818232" s="10"/>
    </row>
    <row r="818233" spans="14:14">
      <c r="N818233" s="10"/>
    </row>
    <row r="818234" spans="14:14">
      <c r="N818234" s="10"/>
    </row>
    <row r="818235" spans="14:14">
      <c r="N818235" s="10"/>
    </row>
    <row r="818236" spans="14:14">
      <c r="N818236" s="10"/>
    </row>
    <row r="818237" spans="14:14">
      <c r="N818237" s="10"/>
    </row>
    <row r="818238" spans="14:14">
      <c r="N818238" s="10"/>
    </row>
    <row r="818239" spans="14:14">
      <c r="N818239" s="10"/>
    </row>
    <row r="818240" spans="14:14">
      <c r="N818240" s="10"/>
    </row>
    <row r="818241" spans="14:14">
      <c r="N818241" s="10"/>
    </row>
    <row r="818242" spans="14:14">
      <c r="N818242" s="10"/>
    </row>
    <row r="818243" spans="14:14">
      <c r="N818243" s="10"/>
    </row>
    <row r="818244" spans="14:14">
      <c r="N818244" s="10"/>
    </row>
    <row r="818245" spans="14:14">
      <c r="N818245" s="10"/>
    </row>
    <row r="818246" spans="14:14">
      <c r="N818246" s="10"/>
    </row>
    <row r="818247" spans="14:14">
      <c r="N818247" s="10"/>
    </row>
    <row r="818248" spans="14:14">
      <c r="N818248" s="10"/>
    </row>
    <row r="818249" spans="14:14">
      <c r="N818249" s="10"/>
    </row>
    <row r="818250" spans="14:14">
      <c r="N818250" s="10"/>
    </row>
    <row r="818251" spans="14:14">
      <c r="N818251" s="10"/>
    </row>
    <row r="818252" spans="14:14">
      <c r="N818252" s="10"/>
    </row>
    <row r="818253" spans="14:14">
      <c r="N818253" s="10"/>
    </row>
    <row r="818254" spans="14:14">
      <c r="N818254" s="10"/>
    </row>
    <row r="818255" spans="14:14">
      <c r="N818255" s="10"/>
    </row>
    <row r="818256" spans="14:14">
      <c r="N818256" s="10"/>
    </row>
    <row r="818257" spans="14:14">
      <c r="N818257" s="10"/>
    </row>
    <row r="818258" spans="14:14">
      <c r="N818258" s="10"/>
    </row>
    <row r="818259" spans="14:14">
      <c r="N818259" s="10"/>
    </row>
    <row r="818260" spans="14:14">
      <c r="N818260" s="10"/>
    </row>
    <row r="818261" spans="14:14">
      <c r="N818261" s="10"/>
    </row>
    <row r="818262" spans="14:14">
      <c r="N818262" s="10"/>
    </row>
    <row r="818263" spans="14:14">
      <c r="N818263" s="10"/>
    </row>
    <row r="818264" spans="14:14">
      <c r="N818264" s="10"/>
    </row>
    <row r="818265" spans="14:14">
      <c r="N818265" s="10"/>
    </row>
    <row r="818266" spans="14:14">
      <c r="N818266" s="10"/>
    </row>
    <row r="818267" spans="14:14">
      <c r="N818267" s="10"/>
    </row>
    <row r="818268" spans="14:14">
      <c r="N818268" s="10"/>
    </row>
    <row r="818269" spans="14:14">
      <c r="N818269" s="10"/>
    </row>
    <row r="818270" spans="14:14">
      <c r="N818270" s="10"/>
    </row>
    <row r="818271" spans="14:14">
      <c r="N818271" s="10"/>
    </row>
    <row r="818272" spans="14:14">
      <c r="N818272" s="10"/>
    </row>
    <row r="818273" spans="14:14">
      <c r="N818273" s="10"/>
    </row>
    <row r="818274" spans="14:14">
      <c r="N818274" s="10"/>
    </row>
    <row r="818275" spans="14:14">
      <c r="N818275" s="10"/>
    </row>
    <row r="818276" spans="14:14">
      <c r="N818276" s="10"/>
    </row>
    <row r="818277" spans="14:14">
      <c r="N818277" s="10"/>
    </row>
    <row r="818278" spans="14:14">
      <c r="N818278" s="10"/>
    </row>
    <row r="818279" spans="14:14">
      <c r="N818279" s="10"/>
    </row>
    <row r="818280" spans="14:14">
      <c r="N818280" s="10"/>
    </row>
    <row r="818281" spans="14:14">
      <c r="N818281" s="10"/>
    </row>
    <row r="818282" spans="14:14">
      <c r="N818282" s="10"/>
    </row>
    <row r="818283" spans="14:14">
      <c r="N818283" s="10"/>
    </row>
    <row r="818284" spans="14:14">
      <c r="N818284" s="10"/>
    </row>
    <row r="818285" spans="14:14">
      <c r="N818285" s="10"/>
    </row>
    <row r="818286" spans="14:14">
      <c r="N818286" s="10"/>
    </row>
    <row r="818287" spans="14:14">
      <c r="N818287" s="10"/>
    </row>
    <row r="818288" spans="14:14">
      <c r="N818288" s="10"/>
    </row>
    <row r="818289" spans="14:14">
      <c r="N818289" s="10"/>
    </row>
    <row r="818290" spans="14:14">
      <c r="N818290" s="10"/>
    </row>
    <row r="818291" spans="14:14">
      <c r="N818291" s="10"/>
    </row>
    <row r="818292" spans="14:14">
      <c r="N818292" s="10"/>
    </row>
    <row r="818293" spans="14:14">
      <c r="N818293" s="10"/>
    </row>
    <row r="818294" spans="14:14">
      <c r="N818294" s="10"/>
    </row>
    <row r="818295" spans="14:14">
      <c r="N818295" s="10"/>
    </row>
    <row r="818296" spans="14:14">
      <c r="N818296" s="10"/>
    </row>
    <row r="818297" spans="14:14">
      <c r="N818297" s="10"/>
    </row>
    <row r="818298" spans="14:14">
      <c r="N818298" s="10"/>
    </row>
    <row r="818299" spans="14:14">
      <c r="N818299" s="10"/>
    </row>
    <row r="818300" spans="14:14">
      <c r="N818300" s="10"/>
    </row>
    <row r="818301" spans="14:14">
      <c r="N818301" s="10"/>
    </row>
    <row r="818302" spans="14:14">
      <c r="N818302" s="10"/>
    </row>
    <row r="818303" spans="14:14">
      <c r="N818303" s="10"/>
    </row>
    <row r="818304" spans="14:14">
      <c r="N818304" s="10"/>
    </row>
    <row r="818305" spans="14:14">
      <c r="N818305" s="10"/>
    </row>
    <row r="818306" spans="14:14">
      <c r="N818306" s="10"/>
    </row>
    <row r="818307" spans="14:14">
      <c r="N818307" s="10"/>
    </row>
    <row r="818308" spans="14:14">
      <c r="N818308" s="10"/>
    </row>
    <row r="818309" spans="14:14">
      <c r="N818309" s="10"/>
    </row>
    <row r="818310" spans="14:14">
      <c r="N818310" s="10"/>
    </row>
    <row r="818311" spans="14:14">
      <c r="N818311" s="10"/>
    </row>
    <row r="818312" spans="14:14">
      <c r="N818312" s="10"/>
    </row>
    <row r="818313" spans="14:14">
      <c r="N818313" s="10"/>
    </row>
    <row r="818314" spans="14:14">
      <c r="N818314" s="10"/>
    </row>
    <row r="818315" spans="14:14">
      <c r="N818315" s="10"/>
    </row>
    <row r="818316" spans="14:14">
      <c r="N818316" s="10"/>
    </row>
    <row r="818317" spans="14:14">
      <c r="N818317" s="10"/>
    </row>
    <row r="818318" spans="14:14">
      <c r="N818318" s="10"/>
    </row>
    <row r="818319" spans="14:14">
      <c r="N818319" s="10"/>
    </row>
    <row r="818320" spans="14:14">
      <c r="N818320" s="10"/>
    </row>
    <row r="818321" spans="14:14">
      <c r="N818321" s="10"/>
    </row>
    <row r="818322" spans="14:14">
      <c r="N818322" s="10"/>
    </row>
    <row r="818323" spans="14:14">
      <c r="N818323" s="10"/>
    </row>
    <row r="818324" spans="14:14">
      <c r="N818324" s="10"/>
    </row>
    <row r="818325" spans="14:14">
      <c r="N818325" s="10"/>
    </row>
    <row r="818326" spans="14:14">
      <c r="N818326" s="10"/>
    </row>
    <row r="818327" spans="14:14">
      <c r="N818327" s="10"/>
    </row>
    <row r="818328" spans="14:14">
      <c r="N818328" s="10"/>
    </row>
    <row r="818329" spans="14:14">
      <c r="N818329" s="10"/>
    </row>
    <row r="818330" spans="14:14">
      <c r="N818330" s="10"/>
    </row>
    <row r="818331" spans="14:14">
      <c r="N818331" s="10"/>
    </row>
    <row r="818332" spans="14:14">
      <c r="N818332" s="10"/>
    </row>
    <row r="818333" spans="14:14">
      <c r="N818333" s="10"/>
    </row>
    <row r="818334" spans="14:14">
      <c r="N818334" s="10"/>
    </row>
    <row r="818335" spans="14:14">
      <c r="N818335" s="10"/>
    </row>
    <row r="818336" spans="14:14">
      <c r="N818336" s="10"/>
    </row>
    <row r="818337" spans="14:14">
      <c r="N818337" s="10"/>
    </row>
    <row r="818338" spans="14:14">
      <c r="N818338" s="10"/>
    </row>
    <row r="818339" spans="14:14">
      <c r="N818339" s="10"/>
    </row>
    <row r="818340" spans="14:14">
      <c r="N818340" s="10"/>
    </row>
    <row r="818341" spans="14:14">
      <c r="N818341" s="10"/>
    </row>
    <row r="818342" spans="14:14">
      <c r="N818342" s="10"/>
    </row>
    <row r="818343" spans="14:14">
      <c r="N818343" s="10"/>
    </row>
    <row r="818344" spans="14:14">
      <c r="N818344" s="10"/>
    </row>
    <row r="818345" spans="14:14">
      <c r="N818345" s="10"/>
    </row>
    <row r="818346" spans="14:14">
      <c r="N818346" s="10"/>
    </row>
    <row r="818347" spans="14:14">
      <c r="N818347" s="10"/>
    </row>
    <row r="818348" spans="14:14">
      <c r="N818348" s="10"/>
    </row>
    <row r="818349" spans="14:14">
      <c r="N818349" s="10"/>
    </row>
    <row r="818350" spans="14:14">
      <c r="N818350" s="10"/>
    </row>
    <row r="818351" spans="14:14">
      <c r="N818351" s="10"/>
    </row>
    <row r="818352" spans="14:14">
      <c r="N818352" s="10"/>
    </row>
    <row r="818353" spans="14:14">
      <c r="N818353" s="10"/>
    </row>
    <row r="818354" spans="14:14">
      <c r="N818354" s="10"/>
    </row>
    <row r="818355" spans="14:14">
      <c r="N818355" s="10"/>
    </row>
    <row r="818356" spans="14:14">
      <c r="N818356" s="10"/>
    </row>
    <row r="818357" spans="14:14">
      <c r="N818357" s="10"/>
    </row>
    <row r="818358" spans="14:14">
      <c r="N818358" s="10"/>
    </row>
    <row r="818359" spans="14:14">
      <c r="N818359" s="10"/>
    </row>
    <row r="818360" spans="14:14">
      <c r="N818360" s="10"/>
    </row>
    <row r="818361" spans="14:14">
      <c r="N818361" s="10"/>
    </row>
    <row r="818362" spans="14:14">
      <c r="N818362" s="10"/>
    </row>
    <row r="818363" spans="14:14">
      <c r="N818363" s="10"/>
    </row>
    <row r="818364" spans="14:14">
      <c r="N818364" s="10"/>
    </row>
    <row r="818365" spans="14:14">
      <c r="N818365" s="10"/>
    </row>
    <row r="818366" spans="14:14">
      <c r="N818366" s="10"/>
    </row>
    <row r="818367" spans="14:14">
      <c r="N818367" s="10"/>
    </row>
    <row r="818368" spans="14:14">
      <c r="N818368" s="10"/>
    </row>
    <row r="818369" spans="14:14">
      <c r="N818369" s="10"/>
    </row>
    <row r="818370" spans="14:14">
      <c r="N818370" s="10"/>
    </row>
    <row r="818371" spans="14:14">
      <c r="N818371" s="10"/>
    </row>
    <row r="818372" spans="14:14">
      <c r="N818372" s="10"/>
    </row>
    <row r="818373" spans="14:14">
      <c r="N818373" s="10"/>
    </row>
    <row r="818374" spans="14:14">
      <c r="N818374" s="10"/>
    </row>
    <row r="818375" spans="14:14">
      <c r="N818375" s="10"/>
    </row>
    <row r="818376" spans="14:14">
      <c r="N818376" s="10"/>
    </row>
    <row r="818377" spans="14:14">
      <c r="N818377" s="10"/>
    </row>
    <row r="818378" spans="14:14">
      <c r="N818378" s="10"/>
    </row>
    <row r="818379" spans="14:14">
      <c r="N818379" s="10"/>
    </row>
    <row r="818380" spans="14:14">
      <c r="N818380" s="10"/>
    </row>
    <row r="818381" spans="14:14">
      <c r="N818381" s="10"/>
    </row>
    <row r="818382" spans="14:14">
      <c r="N818382" s="10"/>
    </row>
    <row r="818383" spans="14:14">
      <c r="N818383" s="10"/>
    </row>
    <row r="818384" spans="14:14">
      <c r="N818384" s="10"/>
    </row>
    <row r="818385" spans="14:14">
      <c r="N818385" s="10"/>
    </row>
    <row r="818386" spans="14:14">
      <c r="N818386" s="10"/>
    </row>
    <row r="818387" spans="14:14">
      <c r="N818387" s="10"/>
    </row>
    <row r="818388" spans="14:14">
      <c r="N818388" s="10"/>
    </row>
    <row r="818389" spans="14:14">
      <c r="N818389" s="10"/>
    </row>
    <row r="818390" spans="14:14">
      <c r="N818390" s="10"/>
    </row>
    <row r="818391" spans="14:14">
      <c r="N818391" s="10"/>
    </row>
    <row r="818392" spans="14:14">
      <c r="N818392" s="10"/>
    </row>
    <row r="818393" spans="14:14">
      <c r="N818393" s="10"/>
    </row>
    <row r="818394" spans="14:14">
      <c r="N818394" s="10"/>
    </row>
    <row r="818395" spans="14:14">
      <c r="N818395" s="10"/>
    </row>
    <row r="818396" spans="14:14">
      <c r="N818396" s="10"/>
    </row>
    <row r="818397" spans="14:14">
      <c r="N818397" s="10"/>
    </row>
    <row r="818398" spans="14:14">
      <c r="N818398" s="10"/>
    </row>
    <row r="818399" spans="14:14">
      <c r="N818399" s="10"/>
    </row>
    <row r="818400" spans="14:14">
      <c r="N818400" s="10"/>
    </row>
    <row r="818401" spans="14:14">
      <c r="N818401" s="10"/>
    </row>
    <row r="818402" spans="14:14">
      <c r="N818402" s="10"/>
    </row>
    <row r="818403" spans="14:14">
      <c r="N818403" s="10"/>
    </row>
    <row r="818404" spans="14:14">
      <c r="N818404" s="10"/>
    </row>
    <row r="818405" spans="14:14">
      <c r="N818405" s="10"/>
    </row>
    <row r="818406" spans="14:14">
      <c r="N818406" s="10"/>
    </row>
    <row r="818407" spans="14:14">
      <c r="N818407" s="10"/>
    </row>
    <row r="818408" spans="14:14">
      <c r="N818408" s="10"/>
    </row>
    <row r="818409" spans="14:14">
      <c r="N818409" s="10"/>
    </row>
    <row r="818410" spans="14:14">
      <c r="N818410" s="10"/>
    </row>
    <row r="818411" spans="14:14">
      <c r="N818411" s="10"/>
    </row>
    <row r="818412" spans="14:14">
      <c r="N818412" s="10"/>
    </row>
    <row r="818413" spans="14:14">
      <c r="N818413" s="10"/>
    </row>
    <row r="818414" spans="14:14">
      <c r="N818414" s="10"/>
    </row>
    <row r="818415" spans="14:14">
      <c r="N818415" s="10"/>
    </row>
    <row r="818416" spans="14:14">
      <c r="N818416" s="10"/>
    </row>
    <row r="818417" spans="14:14">
      <c r="N818417" s="10"/>
    </row>
    <row r="818418" spans="14:14">
      <c r="N818418" s="10"/>
    </row>
    <row r="818419" spans="14:14">
      <c r="N818419" s="10"/>
    </row>
    <row r="818420" spans="14:14">
      <c r="N818420" s="10"/>
    </row>
    <row r="818421" spans="14:14">
      <c r="N818421" s="10"/>
    </row>
    <row r="818422" spans="14:14">
      <c r="N818422" s="10"/>
    </row>
    <row r="818423" spans="14:14">
      <c r="N818423" s="10"/>
    </row>
    <row r="818424" spans="14:14">
      <c r="N818424" s="10"/>
    </row>
    <row r="818425" spans="14:14">
      <c r="N818425" s="10"/>
    </row>
    <row r="818426" spans="14:14">
      <c r="N818426" s="10"/>
    </row>
    <row r="818427" spans="14:14">
      <c r="N818427" s="10"/>
    </row>
    <row r="818428" spans="14:14">
      <c r="N818428" s="10"/>
    </row>
    <row r="818429" spans="14:14">
      <c r="N818429" s="10"/>
    </row>
    <row r="818430" spans="14:14">
      <c r="N818430" s="10"/>
    </row>
    <row r="818431" spans="14:14">
      <c r="N818431" s="10"/>
    </row>
    <row r="818432" spans="14:14">
      <c r="N818432" s="10"/>
    </row>
    <row r="818433" spans="14:14">
      <c r="N818433" s="10"/>
    </row>
    <row r="818434" spans="14:14">
      <c r="N818434" s="10"/>
    </row>
    <row r="818435" spans="14:14">
      <c r="N818435" s="10"/>
    </row>
    <row r="818436" spans="14:14">
      <c r="N818436" s="10"/>
    </row>
    <row r="818437" spans="14:14">
      <c r="N818437" s="10"/>
    </row>
    <row r="818438" spans="14:14">
      <c r="N818438" s="10"/>
    </row>
    <row r="818439" spans="14:14">
      <c r="N818439" s="10"/>
    </row>
    <row r="818440" spans="14:14">
      <c r="N818440" s="10"/>
    </row>
    <row r="818441" spans="14:14">
      <c r="N818441" s="10"/>
    </row>
    <row r="818442" spans="14:14">
      <c r="N818442" s="10"/>
    </row>
    <row r="818443" spans="14:14">
      <c r="N818443" s="10"/>
    </row>
    <row r="818444" spans="14:14">
      <c r="N818444" s="10"/>
    </row>
    <row r="818445" spans="14:14">
      <c r="N818445" s="10"/>
    </row>
    <row r="818446" spans="14:14">
      <c r="N818446" s="10"/>
    </row>
    <row r="818447" spans="14:14">
      <c r="N818447" s="10"/>
    </row>
    <row r="818448" spans="14:14">
      <c r="N818448" s="10"/>
    </row>
    <row r="818449" spans="14:14">
      <c r="N818449" s="10"/>
    </row>
    <row r="818450" spans="14:14">
      <c r="N818450" s="10"/>
    </row>
    <row r="818451" spans="14:14">
      <c r="N818451" s="10"/>
    </row>
    <row r="818452" spans="14:14">
      <c r="N818452" s="10"/>
    </row>
    <row r="818453" spans="14:14">
      <c r="N818453" s="10"/>
    </row>
    <row r="818454" spans="14:14">
      <c r="N818454" s="10"/>
    </row>
    <row r="818455" spans="14:14">
      <c r="N818455" s="10"/>
    </row>
    <row r="818456" spans="14:14">
      <c r="N818456" s="10"/>
    </row>
    <row r="818457" spans="14:14">
      <c r="N818457" s="10"/>
    </row>
    <row r="818458" spans="14:14">
      <c r="N818458" s="10"/>
    </row>
    <row r="818459" spans="14:14">
      <c r="N818459" s="10"/>
    </row>
    <row r="818460" spans="14:14">
      <c r="N818460" s="10"/>
    </row>
    <row r="818461" spans="14:14">
      <c r="N818461" s="10"/>
    </row>
    <row r="818462" spans="14:14">
      <c r="N818462" s="10"/>
    </row>
    <row r="818463" spans="14:14">
      <c r="N818463" s="10"/>
    </row>
    <row r="818464" spans="14:14">
      <c r="N818464" s="10"/>
    </row>
    <row r="818465" spans="14:14">
      <c r="N818465" s="10"/>
    </row>
    <row r="818466" spans="14:14">
      <c r="N818466" s="10"/>
    </row>
    <row r="818467" spans="14:14">
      <c r="N818467" s="10"/>
    </row>
    <row r="818468" spans="14:14">
      <c r="N818468" s="10"/>
    </row>
    <row r="818469" spans="14:14">
      <c r="N818469" s="10"/>
    </row>
    <row r="818470" spans="14:14">
      <c r="N818470" s="10"/>
    </row>
    <row r="818471" spans="14:14">
      <c r="N818471" s="10"/>
    </row>
    <row r="818472" spans="14:14">
      <c r="N818472" s="10"/>
    </row>
    <row r="818473" spans="14:14">
      <c r="N818473" s="10"/>
    </row>
    <row r="818474" spans="14:14">
      <c r="N818474" s="10"/>
    </row>
    <row r="818475" spans="14:14">
      <c r="N818475" s="10"/>
    </row>
    <row r="818476" spans="14:14">
      <c r="N818476" s="10"/>
    </row>
    <row r="818477" spans="14:14">
      <c r="N818477" s="10"/>
    </row>
    <row r="818478" spans="14:14">
      <c r="N818478" s="10"/>
    </row>
    <row r="818479" spans="14:14">
      <c r="N818479" s="10"/>
    </row>
    <row r="818480" spans="14:14">
      <c r="N818480" s="10"/>
    </row>
    <row r="818481" spans="14:14">
      <c r="N818481" s="10"/>
    </row>
    <row r="818482" spans="14:14">
      <c r="N818482" s="10"/>
    </row>
    <row r="818483" spans="14:14">
      <c r="N818483" s="10"/>
    </row>
    <row r="818484" spans="14:14">
      <c r="N818484" s="10"/>
    </row>
    <row r="818485" spans="14:14">
      <c r="N818485" s="10"/>
    </row>
    <row r="818486" spans="14:14">
      <c r="N818486" s="10"/>
    </row>
    <row r="818487" spans="14:14">
      <c r="N818487" s="10"/>
    </row>
    <row r="818488" spans="14:14">
      <c r="N818488" s="10"/>
    </row>
    <row r="818489" spans="14:14">
      <c r="N818489" s="10"/>
    </row>
    <row r="818490" spans="14:14">
      <c r="N818490" s="10"/>
    </row>
    <row r="818491" spans="14:14">
      <c r="N818491" s="10"/>
    </row>
    <row r="818492" spans="14:14">
      <c r="N818492" s="10"/>
    </row>
    <row r="818493" spans="14:14">
      <c r="N818493" s="10"/>
    </row>
    <row r="818494" spans="14:14">
      <c r="N818494" s="10"/>
    </row>
    <row r="818495" spans="14:14">
      <c r="N818495" s="10"/>
    </row>
    <row r="818496" spans="14:14">
      <c r="N818496" s="10"/>
    </row>
    <row r="818497" spans="14:14">
      <c r="N818497" s="10"/>
    </row>
    <row r="818498" spans="14:14">
      <c r="N818498" s="10"/>
    </row>
    <row r="818499" spans="14:14">
      <c r="N818499" s="10"/>
    </row>
    <row r="818500" spans="14:14">
      <c r="N818500" s="10"/>
    </row>
    <row r="818501" spans="14:14">
      <c r="N818501" s="10"/>
    </row>
    <row r="818502" spans="14:14">
      <c r="N818502" s="10"/>
    </row>
    <row r="818503" spans="14:14">
      <c r="N818503" s="10"/>
    </row>
    <row r="818504" spans="14:14">
      <c r="N818504" s="10"/>
    </row>
    <row r="818505" spans="14:14">
      <c r="N818505" s="10"/>
    </row>
    <row r="818506" spans="14:14">
      <c r="N818506" s="10"/>
    </row>
    <row r="818507" spans="14:14">
      <c r="N818507" s="10"/>
    </row>
    <row r="818508" spans="14:14">
      <c r="N818508" s="10"/>
    </row>
    <row r="818509" spans="14:14">
      <c r="N818509" s="10"/>
    </row>
    <row r="818510" spans="14:14">
      <c r="N818510" s="10"/>
    </row>
    <row r="818511" spans="14:14">
      <c r="N818511" s="10"/>
    </row>
    <row r="818512" spans="14:14">
      <c r="N818512" s="10"/>
    </row>
    <row r="818513" spans="14:14">
      <c r="N818513" s="10"/>
    </row>
    <row r="818514" spans="14:14">
      <c r="N818514" s="10"/>
    </row>
    <row r="818515" spans="14:14">
      <c r="N818515" s="10"/>
    </row>
    <row r="818516" spans="14:14">
      <c r="N818516" s="10"/>
    </row>
    <row r="818517" spans="14:14">
      <c r="N818517" s="10"/>
    </row>
    <row r="818518" spans="14:14">
      <c r="N818518" s="10"/>
    </row>
    <row r="818519" spans="14:14">
      <c r="N818519" s="10"/>
    </row>
    <row r="818520" spans="14:14">
      <c r="N818520" s="10"/>
    </row>
    <row r="818521" spans="14:14">
      <c r="N818521" s="10"/>
    </row>
    <row r="818522" spans="14:14">
      <c r="N818522" s="10"/>
    </row>
    <row r="818523" spans="14:14">
      <c r="N818523" s="10"/>
    </row>
    <row r="818524" spans="14:14">
      <c r="N818524" s="10"/>
    </row>
    <row r="818525" spans="14:14">
      <c r="N818525" s="10"/>
    </row>
    <row r="818526" spans="14:14">
      <c r="N818526" s="10"/>
    </row>
    <row r="818527" spans="14:14">
      <c r="N818527" s="10"/>
    </row>
    <row r="818528" spans="14:14">
      <c r="N818528" s="10"/>
    </row>
    <row r="818529" spans="14:14">
      <c r="N818529" s="10"/>
    </row>
    <row r="818530" spans="14:14">
      <c r="N818530" s="10"/>
    </row>
    <row r="818531" spans="14:14">
      <c r="N818531" s="10"/>
    </row>
    <row r="818532" spans="14:14">
      <c r="N818532" s="10"/>
    </row>
    <row r="818533" spans="14:14">
      <c r="N818533" s="10"/>
    </row>
    <row r="818534" spans="14:14">
      <c r="N818534" s="10"/>
    </row>
    <row r="818535" spans="14:14">
      <c r="N818535" s="10"/>
    </row>
    <row r="818536" spans="14:14">
      <c r="N818536" s="10"/>
    </row>
    <row r="818537" spans="14:14">
      <c r="N818537" s="10"/>
    </row>
    <row r="818538" spans="14:14">
      <c r="N818538" s="10"/>
    </row>
    <row r="818539" spans="14:14">
      <c r="N818539" s="10"/>
    </row>
    <row r="818540" spans="14:14">
      <c r="N818540" s="10"/>
    </row>
    <row r="818541" spans="14:14">
      <c r="N818541" s="10"/>
    </row>
    <row r="818542" spans="14:14">
      <c r="N818542" s="10"/>
    </row>
    <row r="818543" spans="14:14">
      <c r="N818543" s="10"/>
    </row>
    <row r="818544" spans="14:14">
      <c r="N818544" s="10"/>
    </row>
    <row r="818545" spans="14:14">
      <c r="N818545" s="10"/>
    </row>
    <row r="818546" spans="14:14">
      <c r="N818546" s="10"/>
    </row>
    <row r="818547" spans="14:14">
      <c r="N818547" s="10"/>
    </row>
    <row r="818548" spans="14:14">
      <c r="N818548" s="10"/>
    </row>
    <row r="818549" spans="14:14">
      <c r="N818549" s="10"/>
    </row>
    <row r="818550" spans="14:14">
      <c r="N818550" s="10"/>
    </row>
    <row r="818551" spans="14:14">
      <c r="N818551" s="10"/>
    </row>
    <row r="818552" spans="14:14">
      <c r="N818552" s="10"/>
    </row>
    <row r="818553" spans="14:14">
      <c r="N818553" s="10"/>
    </row>
    <row r="818554" spans="14:14">
      <c r="N818554" s="10"/>
    </row>
    <row r="818555" spans="14:14">
      <c r="N818555" s="10"/>
    </row>
    <row r="818556" spans="14:14">
      <c r="N818556" s="10"/>
    </row>
    <row r="818557" spans="14:14">
      <c r="N818557" s="10"/>
    </row>
    <row r="818558" spans="14:14">
      <c r="N818558" s="10"/>
    </row>
    <row r="818559" spans="14:14">
      <c r="N818559" s="10"/>
    </row>
    <row r="818560" spans="14:14">
      <c r="N818560" s="10"/>
    </row>
    <row r="818561" spans="14:14">
      <c r="N818561" s="10"/>
    </row>
    <row r="818562" spans="14:14">
      <c r="N818562" s="10"/>
    </row>
    <row r="818563" spans="14:14">
      <c r="N818563" s="10"/>
    </row>
    <row r="818564" spans="14:14">
      <c r="N818564" s="10"/>
    </row>
    <row r="818565" spans="14:14">
      <c r="N818565" s="10"/>
    </row>
    <row r="818566" spans="14:14">
      <c r="N818566" s="10"/>
    </row>
    <row r="818567" spans="14:14">
      <c r="N818567" s="10"/>
    </row>
    <row r="818568" spans="14:14">
      <c r="N818568" s="10"/>
    </row>
    <row r="818569" spans="14:14">
      <c r="N818569" s="10"/>
    </row>
    <row r="818570" spans="14:14">
      <c r="N818570" s="10"/>
    </row>
    <row r="818571" spans="14:14">
      <c r="N818571" s="10"/>
    </row>
    <row r="818572" spans="14:14">
      <c r="N818572" s="10"/>
    </row>
    <row r="818573" spans="14:14">
      <c r="N818573" s="10"/>
    </row>
    <row r="818574" spans="14:14">
      <c r="N818574" s="10"/>
    </row>
    <row r="818575" spans="14:14">
      <c r="N818575" s="10"/>
    </row>
    <row r="818576" spans="14:14">
      <c r="N818576" s="10"/>
    </row>
    <row r="818577" spans="14:14">
      <c r="N818577" s="10"/>
    </row>
    <row r="818578" spans="14:14">
      <c r="N818578" s="10"/>
    </row>
    <row r="818579" spans="14:14">
      <c r="N818579" s="10"/>
    </row>
    <row r="818580" spans="14:14">
      <c r="N818580" s="10"/>
    </row>
    <row r="818581" spans="14:14">
      <c r="N818581" s="10"/>
    </row>
    <row r="818582" spans="14:14">
      <c r="N818582" s="10"/>
    </row>
    <row r="818583" spans="14:14">
      <c r="N818583" s="10"/>
    </row>
    <row r="818584" spans="14:14">
      <c r="N818584" s="10"/>
    </row>
    <row r="818585" spans="14:14">
      <c r="N818585" s="10"/>
    </row>
    <row r="818586" spans="14:14">
      <c r="N818586" s="10"/>
    </row>
    <row r="818587" spans="14:14">
      <c r="N818587" s="10"/>
    </row>
    <row r="818588" spans="14:14">
      <c r="N818588" s="10"/>
    </row>
    <row r="818589" spans="14:14">
      <c r="N818589" s="10"/>
    </row>
    <row r="818590" spans="14:14">
      <c r="N818590" s="10"/>
    </row>
    <row r="818591" spans="14:14">
      <c r="N818591" s="10"/>
    </row>
    <row r="818592" spans="14:14">
      <c r="N818592" s="10"/>
    </row>
    <row r="818593" spans="14:14">
      <c r="N818593" s="10"/>
    </row>
    <row r="818594" spans="14:14">
      <c r="N818594" s="10"/>
    </row>
    <row r="818595" spans="14:14">
      <c r="N818595" s="10"/>
    </row>
    <row r="818596" spans="14:14">
      <c r="N818596" s="10"/>
    </row>
    <row r="818597" spans="14:14">
      <c r="N818597" s="10"/>
    </row>
    <row r="818598" spans="14:14">
      <c r="N818598" s="10"/>
    </row>
    <row r="818599" spans="14:14">
      <c r="N818599" s="10"/>
    </row>
    <row r="818600" spans="14:14">
      <c r="N818600" s="10"/>
    </row>
    <row r="818601" spans="14:14">
      <c r="N818601" s="10"/>
    </row>
    <row r="818602" spans="14:14">
      <c r="N818602" s="10"/>
    </row>
    <row r="818603" spans="14:14">
      <c r="N818603" s="10"/>
    </row>
    <row r="818604" spans="14:14">
      <c r="N818604" s="10"/>
    </row>
    <row r="818605" spans="14:14">
      <c r="N818605" s="10"/>
    </row>
    <row r="818606" spans="14:14">
      <c r="N818606" s="10"/>
    </row>
    <row r="818607" spans="14:14">
      <c r="N818607" s="10"/>
    </row>
    <row r="818608" spans="14:14">
      <c r="N818608" s="10"/>
    </row>
    <row r="818609" spans="14:14">
      <c r="N818609" s="10"/>
    </row>
    <row r="818610" spans="14:14">
      <c r="N818610" s="10"/>
    </row>
    <row r="818611" spans="14:14">
      <c r="N818611" s="10"/>
    </row>
    <row r="818612" spans="14:14">
      <c r="N818612" s="10"/>
    </row>
    <row r="818613" spans="14:14">
      <c r="N818613" s="10"/>
    </row>
    <row r="818614" spans="14:14">
      <c r="N818614" s="10"/>
    </row>
    <row r="818615" spans="14:14">
      <c r="N818615" s="10"/>
    </row>
    <row r="818616" spans="14:14">
      <c r="N818616" s="10"/>
    </row>
    <row r="818617" spans="14:14">
      <c r="N818617" s="10"/>
    </row>
    <row r="818618" spans="14:14">
      <c r="N818618" s="10"/>
    </row>
    <row r="818619" spans="14:14">
      <c r="N818619" s="10"/>
    </row>
    <row r="818620" spans="14:14">
      <c r="N818620" s="10"/>
    </row>
    <row r="818621" spans="14:14">
      <c r="N818621" s="10"/>
    </row>
    <row r="818622" spans="14:14">
      <c r="N818622" s="10"/>
    </row>
    <row r="818623" spans="14:14">
      <c r="N818623" s="10"/>
    </row>
    <row r="818624" spans="14:14">
      <c r="N818624" s="10"/>
    </row>
    <row r="818625" spans="14:14">
      <c r="N818625" s="10"/>
    </row>
    <row r="818626" spans="14:14">
      <c r="N818626" s="10"/>
    </row>
    <row r="818627" spans="14:14">
      <c r="N818627" s="10"/>
    </row>
    <row r="818628" spans="14:14">
      <c r="N818628" s="10"/>
    </row>
    <row r="818629" spans="14:14">
      <c r="N818629" s="10"/>
    </row>
    <row r="818630" spans="14:14">
      <c r="N818630" s="10"/>
    </row>
    <row r="818631" spans="14:14">
      <c r="N818631" s="10"/>
    </row>
    <row r="818632" spans="14:14">
      <c r="N818632" s="10"/>
    </row>
    <row r="818633" spans="14:14">
      <c r="N818633" s="10"/>
    </row>
    <row r="818634" spans="14:14">
      <c r="N818634" s="10"/>
    </row>
    <row r="818635" spans="14:14">
      <c r="N818635" s="10"/>
    </row>
    <row r="818636" spans="14:14">
      <c r="N818636" s="10"/>
    </row>
    <row r="818637" spans="14:14">
      <c r="N818637" s="10"/>
    </row>
    <row r="818638" spans="14:14">
      <c r="N818638" s="10"/>
    </row>
    <row r="818639" spans="14:14">
      <c r="N818639" s="10"/>
    </row>
    <row r="818640" spans="14:14">
      <c r="N818640" s="10"/>
    </row>
    <row r="818641" spans="14:14">
      <c r="N818641" s="10"/>
    </row>
    <row r="818642" spans="14:14">
      <c r="N818642" s="10"/>
    </row>
    <row r="818643" spans="14:14">
      <c r="N818643" s="10"/>
    </row>
    <row r="818644" spans="14:14">
      <c r="N818644" s="10"/>
    </row>
    <row r="818645" spans="14:14">
      <c r="N818645" s="10"/>
    </row>
    <row r="818646" spans="14:14">
      <c r="N818646" s="10"/>
    </row>
    <row r="818647" spans="14:14">
      <c r="N818647" s="10"/>
    </row>
    <row r="818648" spans="14:14">
      <c r="N818648" s="10"/>
    </row>
    <row r="818649" spans="14:14">
      <c r="N818649" s="10"/>
    </row>
    <row r="818650" spans="14:14">
      <c r="N818650" s="10"/>
    </row>
    <row r="818651" spans="14:14">
      <c r="N818651" s="10"/>
    </row>
    <row r="818652" spans="14:14">
      <c r="N818652" s="10"/>
    </row>
    <row r="818653" spans="14:14">
      <c r="N818653" s="10"/>
    </row>
    <row r="818654" spans="14:14">
      <c r="N818654" s="10"/>
    </row>
    <row r="818655" spans="14:14">
      <c r="N818655" s="10"/>
    </row>
    <row r="818656" spans="14:14">
      <c r="N818656" s="10"/>
    </row>
    <row r="818657" spans="14:14">
      <c r="N818657" s="10"/>
    </row>
    <row r="818658" spans="14:14">
      <c r="N818658" s="10"/>
    </row>
    <row r="818659" spans="14:14">
      <c r="N818659" s="10"/>
    </row>
    <row r="818660" spans="14:14">
      <c r="N818660" s="10"/>
    </row>
    <row r="818661" spans="14:14">
      <c r="N818661" s="10"/>
    </row>
    <row r="818662" spans="14:14">
      <c r="N818662" s="10"/>
    </row>
    <row r="818663" spans="14:14">
      <c r="N818663" s="10"/>
    </row>
    <row r="818664" spans="14:14">
      <c r="N818664" s="10"/>
    </row>
    <row r="818665" spans="14:14">
      <c r="N818665" s="10"/>
    </row>
    <row r="818666" spans="14:14">
      <c r="N818666" s="10"/>
    </row>
    <row r="818667" spans="14:14">
      <c r="N818667" s="10"/>
    </row>
    <row r="818668" spans="14:14">
      <c r="N818668" s="10"/>
    </row>
    <row r="818669" spans="14:14">
      <c r="N818669" s="10"/>
    </row>
    <row r="818670" spans="14:14">
      <c r="N818670" s="10"/>
    </row>
    <row r="818671" spans="14:14">
      <c r="N818671" s="10"/>
    </row>
    <row r="818672" spans="14:14">
      <c r="N818672" s="10"/>
    </row>
    <row r="818673" spans="14:14">
      <c r="N818673" s="10"/>
    </row>
    <row r="818674" spans="14:14">
      <c r="N818674" s="10"/>
    </row>
    <row r="818675" spans="14:14">
      <c r="N818675" s="10"/>
    </row>
    <row r="818676" spans="14:14">
      <c r="N818676" s="10"/>
    </row>
    <row r="818677" spans="14:14">
      <c r="N818677" s="10"/>
    </row>
    <row r="818678" spans="14:14">
      <c r="N818678" s="10"/>
    </row>
    <row r="818679" spans="14:14">
      <c r="N818679" s="10"/>
    </row>
    <row r="818680" spans="14:14">
      <c r="N818680" s="10"/>
    </row>
    <row r="818681" spans="14:14">
      <c r="N818681" s="10"/>
    </row>
    <row r="818682" spans="14:14">
      <c r="N818682" s="10"/>
    </row>
    <row r="818683" spans="14:14">
      <c r="N818683" s="10"/>
    </row>
    <row r="818684" spans="14:14">
      <c r="N818684" s="10"/>
    </row>
    <row r="818685" spans="14:14">
      <c r="N818685" s="10"/>
    </row>
    <row r="818686" spans="14:14">
      <c r="N818686" s="10"/>
    </row>
    <row r="818687" spans="14:14">
      <c r="N818687" s="10"/>
    </row>
    <row r="818688" spans="14:14">
      <c r="N818688" s="10"/>
    </row>
    <row r="818689" spans="14:14">
      <c r="N818689" s="10"/>
    </row>
    <row r="818690" spans="14:14">
      <c r="N818690" s="10"/>
    </row>
    <row r="818691" spans="14:14">
      <c r="N818691" s="10"/>
    </row>
    <row r="818692" spans="14:14">
      <c r="N818692" s="10"/>
    </row>
    <row r="818693" spans="14:14">
      <c r="N818693" s="10"/>
    </row>
    <row r="818694" spans="14:14">
      <c r="N818694" s="10"/>
    </row>
    <row r="818695" spans="14:14">
      <c r="N818695" s="10"/>
    </row>
    <row r="818696" spans="14:14">
      <c r="N818696" s="10"/>
    </row>
    <row r="818697" spans="14:14">
      <c r="N818697" s="10"/>
    </row>
    <row r="818698" spans="14:14">
      <c r="N818698" s="10"/>
    </row>
    <row r="818699" spans="14:14">
      <c r="N818699" s="10"/>
    </row>
    <row r="818700" spans="14:14">
      <c r="N818700" s="10"/>
    </row>
    <row r="818701" spans="14:14">
      <c r="N818701" s="10"/>
    </row>
    <row r="818702" spans="14:14">
      <c r="N818702" s="10"/>
    </row>
    <row r="818703" spans="14:14">
      <c r="N818703" s="10"/>
    </row>
    <row r="818704" spans="14:14">
      <c r="N818704" s="10"/>
    </row>
    <row r="818705" spans="14:14">
      <c r="N818705" s="10"/>
    </row>
    <row r="818706" spans="14:14">
      <c r="N818706" s="10"/>
    </row>
    <row r="818707" spans="14:14">
      <c r="N818707" s="10"/>
    </row>
    <row r="818708" spans="14:14">
      <c r="N818708" s="10"/>
    </row>
    <row r="818709" spans="14:14">
      <c r="N818709" s="10"/>
    </row>
    <row r="818710" spans="14:14">
      <c r="N818710" s="10"/>
    </row>
    <row r="818711" spans="14:14">
      <c r="N818711" s="10"/>
    </row>
    <row r="818712" spans="14:14">
      <c r="N818712" s="10"/>
    </row>
    <row r="818713" spans="14:14">
      <c r="N818713" s="10"/>
    </row>
    <row r="818714" spans="14:14">
      <c r="N818714" s="10"/>
    </row>
    <row r="818715" spans="14:14">
      <c r="N818715" s="10"/>
    </row>
    <row r="818716" spans="14:14">
      <c r="N818716" s="10"/>
    </row>
    <row r="818717" spans="14:14">
      <c r="N818717" s="10"/>
    </row>
    <row r="818718" spans="14:14">
      <c r="N818718" s="10"/>
    </row>
    <row r="818719" spans="14:14">
      <c r="N818719" s="10"/>
    </row>
    <row r="818720" spans="14:14">
      <c r="N818720" s="10"/>
    </row>
    <row r="818721" spans="14:14">
      <c r="N818721" s="10"/>
    </row>
    <row r="818722" spans="14:14">
      <c r="N818722" s="10"/>
    </row>
    <row r="818723" spans="14:14">
      <c r="N818723" s="10"/>
    </row>
    <row r="818724" spans="14:14">
      <c r="N818724" s="10"/>
    </row>
    <row r="818725" spans="14:14">
      <c r="N818725" s="10"/>
    </row>
    <row r="818726" spans="14:14">
      <c r="N818726" s="10"/>
    </row>
    <row r="818727" spans="14:14">
      <c r="N818727" s="10"/>
    </row>
    <row r="818728" spans="14:14">
      <c r="N818728" s="10"/>
    </row>
    <row r="818729" spans="14:14">
      <c r="N818729" s="10"/>
    </row>
    <row r="818730" spans="14:14">
      <c r="N818730" s="10"/>
    </row>
    <row r="818731" spans="14:14">
      <c r="N818731" s="10"/>
    </row>
    <row r="818732" spans="14:14">
      <c r="N818732" s="10"/>
    </row>
    <row r="818733" spans="14:14">
      <c r="N818733" s="10"/>
    </row>
    <row r="818734" spans="14:14">
      <c r="N818734" s="10"/>
    </row>
    <row r="818735" spans="14:14">
      <c r="N818735" s="10"/>
    </row>
    <row r="818736" spans="14:14">
      <c r="N818736" s="10"/>
    </row>
    <row r="818737" spans="14:14">
      <c r="N818737" s="10"/>
    </row>
    <row r="818738" spans="14:14">
      <c r="N818738" s="10"/>
    </row>
    <row r="818739" spans="14:14">
      <c r="N818739" s="10"/>
    </row>
    <row r="818740" spans="14:14">
      <c r="N818740" s="10"/>
    </row>
    <row r="818741" spans="14:14">
      <c r="N818741" s="10"/>
    </row>
    <row r="818742" spans="14:14">
      <c r="N818742" s="10"/>
    </row>
    <row r="818743" spans="14:14">
      <c r="N818743" s="10"/>
    </row>
    <row r="818744" spans="14:14">
      <c r="N818744" s="10"/>
    </row>
    <row r="818745" spans="14:14">
      <c r="N818745" s="10"/>
    </row>
    <row r="818746" spans="14:14">
      <c r="N818746" s="10"/>
    </row>
    <row r="818747" spans="14:14">
      <c r="N818747" s="10"/>
    </row>
    <row r="818748" spans="14:14">
      <c r="N818748" s="10"/>
    </row>
    <row r="818749" spans="14:14">
      <c r="N818749" s="10"/>
    </row>
    <row r="818750" spans="14:14">
      <c r="N818750" s="10"/>
    </row>
    <row r="818751" spans="14:14">
      <c r="N818751" s="10"/>
    </row>
    <row r="818752" spans="14:14">
      <c r="N818752" s="10"/>
    </row>
    <row r="818753" spans="14:14">
      <c r="N818753" s="10"/>
    </row>
    <row r="818754" spans="14:14">
      <c r="N818754" s="10"/>
    </row>
    <row r="818755" spans="14:14">
      <c r="N818755" s="10"/>
    </row>
    <row r="818756" spans="14:14">
      <c r="N818756" s="10"/>
    </row>
    <row r="818757" spans="14:14">
      <c r="N818757" s="10"/>
    </row>
    <row r="818758" spans="14:14">
      <c r="N818758" s="10"/>
    </row>
    <row r="818759" spans="14:14">
      <c r="N818759" s="10"/>
    </row>
    <row r="818760" spans="14:14">
      <c r="N818760" s="10"/>
    </row>
    <row r="818761" spans="14:14">
      <c r="N818761" s="10"/>
    </row>
    <row r="818762" spans="14:14">
      <c r="N818762" s="10"/>
    </row>
    <row r="818763" spans="14:14">
      <c r="N818763" s="10"/>
    </row>
    <row r="818764" spans="14:14">
      <c r="N818764" s="10"/>
    </row>
    <row r="818765" spans="14:14">
      <c r="N818765" s="10"/>
    </row>
    <row r="818766" spans="14:14">
      <c r="N818766" s="10"/>
    </row>
    <row r="818767" spans="14:14">
      <c r="N818767" s="10"/>
    </row>
    <row r="818768" spans="14:14">
      <c r="N818768" s="10"/>
    </row>
    <row r="818769" spans="14:14">
      <c r="N818769" s="10"/>
    </row>
    <row r="818770" spans="14:14">
      <c r="N818770" s="10"/>
    </row>
    <row r="818771" spans="14:14">
      <c r="N818771" s="10"/>
    </row>
    <row r="818772" spans="14:14">
      <c r="N818772" s="10"/>
    </row>
    <row r="818773" spans="14:14">
      <c r="N818773" s="10"/>
    </row>
    <row r="818774" spans="14:14">
      <c r="N818774" s="10"/>
    </row>
    <row r="818775" spans="14:14">
      <c r="N818775" s="10"/>
    </row>
    <row r="818776" spans="14:14">
      <c r="N818776" s="10"/>
    </row>
    <row r="818777" spans="14:14">
      <c r="N818777" s="10"/>
    </row>
    <row r="818778" spans="14:14">
      <c r="N818778" s="10"/>
    </row>
    <row r="818779" spans="14:14">
      <c r="N818779" s="10"/>
    </row>
    <row r="818780" spans="14:14">
      <c r="N818780" s="10"/>
    </row>
    <row r="818781" spans="14:14">
      <c r="N818781" s="10"/>
    </row>
    <row r="818782" spans="14:14">
      <c r="N818782" s="10"/>
    </row>
    <row r="818783" spans="14:14">
      <c r="N818783" s="10"/>
    </row>
    <row r="818784" spans="14:14">
      <c r="N818784" s="10"/>
    </row>
    <row r="818785" spans="14:14">
      <c r="N818785" s="10"/>
    </row>
    <row r="818786" spans="14:14">
      <c r="N818786" s="10"/>
    </row>
    <row r="818787" spans="14:14">
      <c r="N818787" s="10"/>
    </row>
    <row r="818788" spans="14:14">
      <c r="N818788" s="10"/>
    </row>
    <row r="818789" spans="14:14">
      <c r="N818789" s="10"/>
    </row>
    <row r="818790" spans="14:14">
      <c r="N818790" s="10"/>
    </row>
    <row r="818791" spans="14:14">
      <c r="N818791" s="10"/>
    </row>
    <row r="818792" spans="14:14">
      <c r="N818792" s="10"/>
    </row>
    <row r="818793" spans="14:14">
      <c r="N818793" s="10"/>
    </row>
    <row r="818794" spans="14:14">
      <c r="N818794" s="10"/>
    </row>
    <row r="818795" spans="14:14">
      <c r="N818795" s="10"/>
    </row>
    <row r="818796" spans="14:14">
      <c r="N818796" s="10"/>
    </row>
    <row r="818797" spans="14:14">
      <c r="N818797" s="10"/>
    </row>
    <row r="818798" spans="14:14">
      <c r="N818798" s="10"/>
    </row>
    <row r="818799" spans="14:14">
      <c r="N818799" s="10"/>
    </row>
    <row r="818800" spans="14:14">
      <c r="N818800" s="10"/>
    </row>
    <row r="818801" spans="14:14">
      <c r="N818801" s="10"/>
    </row>
    <row r="818802" spans="14:14">
      <c r="N818802" s="10"/>
    </row>
    <row r="818803" spans="14:14">
      <c r="N818803" s="10"/>
    </row>
    <row r="818804" spans="14:14">
      <c r="N818804" s="10"/>
    </row>
    <row r="818805" spans="14:14">
      <c r="N818805" s="10"/>
    </row>
    <row r="818806" spans="14:14">
      <c r="N818806" s="10"/>
    </row>
    <row r="818807" spans="14:14">
      <c r="N818807" s="10"/>
    </row>
    <row r="818808" spans="14:14">
      <c r="N818808" s="10"/>
    </row>
    <row r="818809" spans="14:14">
      <c r="N818809" s="10"/>
    </row>
    <row r="818810" spans="14:14">
      <c r="N818810" s="10"/>
    </row>
    <row r="818811" spans="14:14">
      <c r="N818811" s="10"/>
    </row>
    <row r="818812" spans="14:14">
      <c r="N818812" s="10"/>
    </row>
    <row r="818813" spans="14:14">
      <c r="N818813" s="10"/>
    </row>
    <row r="818814" spans="14:14">
      <c r="N818814" s="10"/>
    </row>
    <row r="818815" spans="14:14">
      <c r="N818815" s="10"/>
    </row>
    <row r="818816" spans="14:14">
      <c r="N818816" s="10"/>
    </row>
    <row r="818817" spans="14:14">
      <c r="N818817" s="10"/>
    </row>
    <row r="818818" spans="14:14">
      <c r="N818818" s="10"/>
    </row>
    <row r="818819" spans="14:14">
      <c r="N818819" s="10"/>
    </row>
    <row r="818820" spans="14:14">
      <c r="N818820" s="10"/>
    </row>
    <row r="818821" spans="14:14">
      <c r="N818821" s="10"/>
    </row>
    <row r="818822" spans="14:14">
      <c r="N818822" s="10"/>
    </row>
    <row r="818823" spans="14:14">
      <c r="N818823" s="10"/>
    </row>
    <row r="818824" spans="14:14">
      <c r="N818824" s="10"/>
    </row>
    <row r="818825" spans="14:14">
      <c r="N818825" s="10"/>
    </row>
    <row r="818826" spans="14:14">
      <c r="N818826" s="10"/>
    </row>
    <row r="818827" spans="14:14">
      <c r="N818827" s="10"/>
    </row>
    <row r="818828" spans="14:14">
      <c r="N818828" s="10"/>
    </row>
    <row r="818829" spans="14:14">
      <c r="N818829" s="10"/>
    </row>
    <row r="818830" spans="14:14">
      <c r="N818830" s="10"/>
    </row>
    <row r="818831" spans="14:14">
      <c r="N818831" s="10"/>
    </row>
    <row r="818832" spans="14:14">
      <c r="N818832" s="10"/>
    </row>
    <row r="818833" spans="14:14">
      <c r="N818833" s="10"/>
    </row>
    <row r="818834" spans="14:14">
      <c r="N818834" s="10"/>
    </row>
    <row r="818835" spans="14:14">
      <c r="N818835" s="10"/>
    </row>
    <row r="818836" spans="14:14">
      <c r="N818836" s="10"/>
    </row>
    <row r="818837" spans="14:14">
      <c r="N818837" s="10"/>
    </row>
    <row r="818838" spans="14:14">
      <c r="N818838" s="10"/>
    </row>
    <row r="818839" spans="14:14">
      <c r="N818839" s="10"/>
    </row>
    <row r="818840" spans="14:14">
      <c r="N818840" s="10"/>
    </row>
    <row r="818841" spans="14:14">
      <c r="N818841" s="10"/>
    </row>
    <row r="818842" spans="14:14">
      <c r="N818842" s="10"/>
    </row>
    <row r="818843" spans="14:14">
      <c r="N818843" s="10"/>
    </row>
    <row r="818844" spans="14:14">
      <c r="N818844" s="10"/>
    </row>
    <row r="818845" spans="14:14">
      <c r="N818845" s="10"/>
    </row>
    <row r="818846" spans="14:14">
      <c r="N818846" s="10"/>
    </row>
    <row r="818847" spans="14:14">
      <c r="N818847" s="10"/>
    </row>
    <row r="818848" spans="14:14">
      <c r="N818848" s="10"/>
    </row>
    <row r="818849" spans="14:14">
      <c r="N818849" s="10"/>
    </row>
    <row r="818850" spans="14:14">
      <c r="N818850" s="10"/>
    </row>
    <row r="818851" spans="14:14">
      <c r="N818851" s="10"/>
    </row>
    <row r="818852" spans="14:14">
      <c r="N818852" s="10"/>
    </row>
    <row r="818853" spans="14:14">
      <c r="N818853" s="10"/>
    </row>
    <row r="818854" spans="14:14">
      <c r="N818854" s="10"/>
    </row>
    <row r="818855" spans="14:14">
      <c r="N818855" s="10"/>
    </row>
    <row r="818856" spans="14:14">
      <c r="N818856" s="10"/>
    </row>
    <row r="818857" spans="14:14">
      <c r="N818857" s="10"/>
    </row>
    <row r="818858" spans="14:14">
      <c r="N818858" s="10"/>
    </row>
    <row r="818859" spans="14:14">
      <c r="N818859" s="10"/>
    </row>
    <row r="818860" spans="14:14">
      <c r="N818860" s="10"/>
    </row>
    <row r="818861" spans="14:14">
      <c r="N818861" s="10"/>
    </row>
    <row r="818862" spans="14:14">
      <c r="N818862" s="10"/>
    </row>
    <row r="818863" spans="14:14">
      <c r="N818863" s="10"/>
    </row>
    <row r="818864" spans="14:14">
      <c r="N818864" s="10"/>
    </row>
    <row r="818865" spans="14:14">
      <c r="N818865" s="10"/>
    </row>
    <row r="818866" spans="14:14">
      <c r="N818866" s="10"/>
    </row>
    <row r="818867" spans="14:14">
      <c r="N818867" s="10"/>
    </row>
    <row r="818868" spans="14:14">
      <c r="N818868" s="10"/>
    </row>
    <row r="818869" spans="14:14">
      <c r="N818869" s="10"/>
    </row>
    <row r="818870" spans="14:14">
      <c r="N818870" s="10"/>
    </row>
    <row r="818871" spans="14:14">
      <c r="N818871" s="10"/>
    </row>
    <row r="818872" spans="14:14">
      <c r="N818872" s="10"/>
    </row>
    <row r="818873" spans="14:14">
      <c r="N818873" s="10"/>
    </row>
    <row r="818874" spans="14:14">
      <c r="N818874" s="10"/>
    </row>
    <row r="818875" spans="14:14">
      <c r="N818875" s="10"/>
    </row>
    <row r="818876" spans="14:14">
      <c r="N818876" s="10"/>
    </row>
    <row r="818877" spans="14:14">
      <c r="N818877" s="10"/>
    </row>
    <row r="818878" spans="14:14">
      <c r="N818878" s="10"/>
    </row>
    <row r="818879" spans="14:14">
      <c r="N818879" s="10"/>
    </row>
    <row r="818880" spans="14:14">
      <c r="N818880" s="10"/>
    </row>
    <row r="818881" spans="14:14">
      <c r="N818881" s="10"/>
    </row>
    <row r="818882" spans="14:14">
      <c r="N818882" s="10"/>
    </row>
    <row r="818883" spans="14:14">
      <c r="N818883" s="10"/>
    </row>
    <row r="818884" spans="14:14">
      <c r="N818884" s="10"/>
    </row>
    <row r="818885" spans="14:14">
      <c r="N818885" s="10"/>
    </row>
    <row r="818886" spans="14:14">
      <c r="N818886" s="10"/>
    </row>
    <row r="818887" spans="14:14">
      <c r="N818887" s="10"/>
    </row>
    <row r="818888" spans="14:14">
      <c r="N818888" s="10"/>
    </row>
    <row r="818889" spans="14:14">
      <c r="N818889" s="10"/>
    </row>
    <row r="818890" spans="14:14">
      <c r="N818890" s="10"/>
    </row>
    <row r="818891" spans="14:14">
      <c r="N818891" s="10"/>
    </row>
    <row r="818892" spans="14:14">
      <c r="N818892" s="10"/>
    </row>
    <row r="818893" spans="14:14">
      <c r="N818893" s="10"/>
    </row>
    <row r="818894" spans="14:14">
      <c r="N818894" s="10"/>
    </row>
    <row r="818895" spans="14:14">
      <c r="N818895" s="10"/>
    </row>
    <row r="818896" spans="14:14">
      <c r="N818896" s="10"/>
    </row>
    <row r="818897" spans="14:14">
      <c r="N818897" s="10"/>
    </row>
    <row r="818898" spans="14:14">
      <c r="N818898" s="10"/>
    </row>
    <row r="818899" spans="14:14">
      <c r="N818899" s="10"/>
    </row>
    <row r="818900" spans="14:14">
      <c r="N818900" s="10"/>
    </row>
    <row r="818901" spans="14:14">
      <c r="N818901" s="10"/>
    </row>
    <row r="818902" spans="14:14">
      <c r="N818902" s="10"/>
    </row>
    <row r="818903" spans="14:14">
      <c r="N818903" s="10"/>
    </row>
    <row r="818904" spans="14:14">
      <c r="N818904" s="10"/>
    </row>
    <row r="818905" spans="14:14">
      <c r="N818905" s="10"/>
    </row>
    <row r="818906" spans="14:14">
      <c r="N818906" s="10"/>
    </row>
    <row r="818907" spans="14:14">
      <c r="N818907" s="10"/>
    </row>
    <row r="818908" spans="14:14">
      <c r="N818908" s="10"/>
    </row>
    <row r="818909" spans="14:14">
      <c r="N818909" s="10"/>
    </row>
    <row r="818910" spans="14:14">
      <c r="N818910" s="10"/>
    </row>
    <row r="818911" spans="14:14">
      <c r="N818911" s="10"/>
    </row>
    <row r="818912" spans="14:14">
      <c r="N818912" s="10"/>
    </row>
    <row r="818913" spans="14:14">
      <c r="N818913" s="10"/>
    </row>
    <row r="818914" spans="14:14">
      <c r="N818914" s="10"/>
    </row>
    <row r="818915" spans="14:14">
      <c r="N818915" s="10"/>
    </row>
    <row r="818916" spans="14:14">
      <c r="N818916" s="10"/>
    </row>
    <row r="818917" spans="14:14">
      <c r="N818917" s="10"/>
    </row>
    <row r="818918" spans="14:14">
      <c r="N818918" s="10"/>
    </row>
    <row r="818919" spans="14:14">
      <c r="N818919" s="10"/>
    </row>
    <row r="818920" spans="14:14">
      <c r="N818920" s="10"/>
    </row>
    <row r="818921" spans="14:14">
      <c r="N818921" s="10"/>
    </row>
    <row r="818922" spans="14:14">
      <c r="N818922" s="10"/>
    </row>
    <row r="818923" spans="14:14">
      <c r="N818923" s="10"/>
    </row>
    <row r="818924" spans="14:14">
      <c r="N818924" s="10"/>
    </row>
    <row r="818925" spans="14:14">
      <c r="N818925" s="10"/>
    </row>
    <row r="818926" spans="14:14">
      <c r="N818926" s="10"/>
    </row>
    <row r="818927" spans="14:14">
      <c r="N818927" s="10"/>
    </row>
    <row r="818928" spans="14:14">
      <c r="N818928" s="10"/>
    </row>
    <row r="818929" spans="14:14">
      <c r="N818929" s="10"/>
    </row>
    <row r="818930" spans="14:14">
      <c r="N818930" s="10"/>
    </row>
    <row r="818931" spans="14:14">
      <c r="N818931" s="10"/>
    </row>
    <row r="818932" spans="14:14">
      <c r="N818932" s="10"/>
    </row>
    <row r="818933" spans="14:14">
      <c r="N818933" s="10"/>
    </row>
    <row r="818934" spans="14:14">
      <c r="N818934" s="10"/>
    </row>
    <row r="818935" spans="14:14">
      <c r="N818935" s="10"/>
    </row>
    <row r="818936" spans="14:14">
      <c r="N818936" s="10"/>
    </row>
    <row r="818937" spans="14:14">
      <c r="N818937" s="10"/>
    </row>
    <row r="818938" spans="14:14">
      <c r="N818938" s="10"/>
    </row>
    <row r="818939" spans="14:14">
      <c r="N818939" s="10"/>
    </row>
    <row r="818940" spans="14:14">
      <c r="N818940" s="10"/>
    </row>
    <row r="818941" spans="14:14">
      <c r="N818941" s="10"/>
    </row>
    <row r="818942" spans="14:14">
      <c r="N818942" s="10"/>
    </row>
    <row r="818943" spans="14:14">
      <c r="N818943" s="10"/>
    </row>
    <row r="818944" spans="14:14">
      <c r="N818944" s="10"/>
    </row>
    <row r="818945" spans="14:14">
      <c r="N818945" s="10"/>
    </row>
    <row r="818946" spans="14:14">
      <c r="N818946" s="10"/>
    </row>
    <row r="818947" spans="14:14">
      <c r="N818947" s="10"/>
    </row>
    <row r="818948" spans="14:14">
      <c r="N818948" s="10"/>
    </row>
    <row r="818949" spans="14:14">
      <c r="N818949" s="10"/>
    </row>
    <row r="818950" spans="14:14">
      <c r="N818950" s="10"/>
    </row>
    <row r="818951" spans="14:14">
      <c r="N818951" s="10"/>
    </row>
    <row r="818952" spans="14:14">
      <c r="N818952" s="10"/>
    </row>
    <row r="818953" spans="14:14">
      <c r="N818953" s="10"/>
    </row>
    <row r="818954" spans="14:14">
      <c r="N818954" s="10"/>
    </row>
    <row r="818955" spans="14:14">
      <c r="N818955" s="10"/>
    </row>
    <row r="818956" spans="14:14">
      <c r="N818956" s="10"/>
    </row>
    <row r="818957" spans="14:14">
      <c r="N818957" s="10"/>
    </row>
    <row r="818958" spans="14:14">
      <c r="N818958" s="10"/>
    </row>
    <row r="818959" spans="14:14">
      <c r="N818959" s="10"/>
    </row>
    <row r="818960" spans="14:14">
      <c r="N818960" s="10"/>
    </row>
    <row r="818961" spans="14:14">
      <c r="N818961" s="10"/>
    </row>
    <row r="818962" spans="14:14">
      <c r="N818962" s="10"/>
    </row>
    <row r="818963" spans="14:14">
      <c r="N818963" s="10"/>
    </row>
    <row r="818964" spans="14:14">
      <c r="N818964" s="10"/>
    </row>
    <row r="818965" spans="14:14">
      <c r="N818965" s="10"/>
    </row>
    <row r="818966" spans="14:14">
      <c r="N818966" s="10"/>
    </row>
    <row r="818967" spans="14:14">
      <c r="N818967" s="10"/>
    </row>
    <row r="818968" spans="14:14">
      <c r="N818968" s="10"/>
    </row>
    <row r="818969" spans="14:14">
      <c r="N818969" s="10"/>
    </row>
    <row r="818970" spans="14:14">
      <c r="N818970" s="10"/>
    </row>
    <row r="818971" spans="14:14">
      <c r="N818971" s="10"/>
    </row>
    <row r="818972" spans="14:14">
      <c r="N818972" s="10"/>
    </row>
    <row r="818973" spans="14:14">
      <c r="N818973" s="10"/>
    </row>
    <row r="818974" spans="14:14">
      <c r="N818974" s="10"/>
    </row>
    <row r="818975" spans="14:14">
      <c r="N818975" s="10"/>
    </row>
    <row r="818976" spans="14:14">
      <c r="N818976" s="10"/>
    </row>
    <row r="818977" spans="14:14">
      <c r="N818977" s="10"/>
    </row>
    <row r="818978" spans="14:14">
      <c r="N818978" s="10"/>
    </row>
    <row r="818979" spans="14:14">
      <c r="N818979" s="10"/>
    </row>
    <row r="818980" spans="14:14">
      <c r="N818980" s="10"/>
    </row>
    <row r="818981" spans="14:14">
      <c r="N818981" s="10"/>
    </row>
    <row r="818982" spans="14:14">
      <c r="N818982" s="10"/>
    </row>
    <row r="818983" spans="14:14">
      <c r="N818983" s="10"/>
    </row>
    <row r="818984" spans="14:14">
      <c r="N818984" s="10"/>
    </row>
    <row r="818985" spans="14:14">
      <c r="N818985" s="10"/>
    </row>
    <row r="818986" spans="14:14">
      <c r="N818986" s="10"/>
    </row>
    <row r="818987" spans="14:14">
      <c r="N818987" s="10"/>
    </row>
    <row r="818988" spans="14:14">
      <c r="N818988" s="10"/>
    </row>
    <row r="818989" spans="14:14">
      <c r="N818989" s="10"/>
    </row>
    <row r="818990" spans="14:14">
      <c r="N818990" s="10"/>
    </row>
    <row r="818991" spans="14:14">
      <c r="N818991" s="10"/>
    </row>
    <row r="818992" spans="14:14">
      <c r="N818992" s="10"/>
    </row>
    <row r="818993" spans="14:14">
      <c r="N818993" s="10"/>
    </row>
    <row r="818994" spans="14:14">
      <c r="N818994" s="10"/>
    </row>
    <row r="818995" spans="14:14">
      <c r="N818995" s="10"/>
    </row>
    <row r="818996" spans="14:14">
      <c r="N818996" s="10"/>
    </row>
    <row r="818997" spans="14:14">
      <c r="N818997" s="10"/>
    </row>
    <row r="818998" spans="14:14">
      <c r="N818998" s="10"/>
    </row>
    <row r="818999" spans="14:14">
      <c r="N818999" s="10"/>
    </row>
    <row r="819000" spans="14:14">
      <c r="N819000" s="10"/>
    </row>
    <row r="819001" spans="14:14">
      <c r="N819001" s="10"/>
    </row>
    <row r="819002" spans="14:14">
      <c r="N819002" s="10"/>
    </row>
    <row r="819003" spans="14:14">
      <c r="N819003" s="10"/>
    </row>
    <row r="819004" spans="14:14">
      <c r="N819004" s="10"/>
    </row>
    <row r="819005" spans="14:14">
      <c r="N819005" s="10"/>
    </row>
    <row r="819006" spans="14:14">
      <c r="N819006" s="10"/>
    </row>
    <row r="819007" spans="14:14">
      <c r="N819007" s="10"/>
    </row>
    <row r="819008" spans="14:14">
      <c r="N819008" s="10"/>
    </row>
    <row r="819009" spans="14:14">
      <c r="N819009" s="10"/>
    </row>
    <row r="819010" spans="14:14">
      <c r="N819010" s="10"/>
    </row>
    <row r="819011" spans="14:14">
      <c r="N819011" s="10"/>
    </row>
    <row r="819012" spans="14:14">
      <c r="N819012" s="10"/>
    </row>
    <row r="819013" spans="14:14">
      <c r="N819013" s="10"/>
    </row>
    <row r="819014" spans="14:14">
      <c r="N819014" s="10"/>
    </row>
    <row r="819015" spans="14:14">
      <c r="N819015" s="10"/>
    </row>
    <row r="819016" spans="14:14">
      <c r="N819016" s="10"/>
    </row>
    <row r="819017" spans="14:14">
      <c r="N819017" s="10"/>
    </row>
    <row r="819018" spans="14:14">
      <c r="N819018" s="10"/>
    </row>
    <row r="819019" spans="14:14">
      <c r="N819019" s="10"/>
    </row>
    <row r="819020" spans="14:14">
      <c r="N819020" s="10"/>
    </row>
    <row r="819021" spans="14:14">
      <c r="N819021" s="10"/>
    </row>
    <row r="819022" spans="14:14">
      <c r="N819022" s="10"/>
    </row>
    <row r="819023" spans="14:14">
      <c r="N819023" s="10"/>
    </row>
    <row r="819024" spans="14:14">
      <c r="N819024" s="10"/>
    </row>
    <row r="819025" spans="14:14">
      <c r="N819025" s="10"/>
    </row>
    <row r="819026" spans="14:14">
      <c r="N819026" s="10"/>
    </row>
    <row r="819027" spans="14:14">
      <c r="N819027" s="10"/>
    </row>
    <row r="819028" spans="14:14">
      <c r="N819028" s="10"/>
    </row>
    <row r="819029" spans="14:14">
      <c r="N819029" s="10"/>
    </row>
    <row r="819030" spans="14:14">
      <c r="N819030" s="10"/>
    </row>
    <row r="819031" spans="14:14">
      <c r="N819031" s="10"/>
    </row>
    <row r="819032" spans="14:14">
      <c r="N819032" s="10"/>
    </row>
    <row r="819033" spans="14:14">
      <c r="N819033" s="10"/>
    </row>
    <row r="819034" spans="14:14">
      <c r="N819034" s="10"/>
    </row>
    <row r="819035" spans="14:14">
      <c r="N819035" s="10"/>
    </row>
    <row r="819036" spans="14:14">
      <c r="N819036" s="10"/>
    </row>
    <row r="819037" spans="14:14">
      <c r="N819037" s="10"/>
    </row>
    <row r="819038" spans="14:14">
      <c r="N819038" s="10"/>
    </row>
    <row r="819039" spans="14:14">
      <c r="N819039" s="10"/>
    </row>
    <row r="819040" spans="14:14">
      <c r="N819040" s="10"/>
    </row>
    <row r="819041" spans="14:14">
      <c r="N819041" s="10"/>
    </row>
    <row r="819042" spans="14:14">
      <c r="N819042" s="10"/>
    </row>
    <row r="819043" spans="14:14">
      <c r="N819043" s="10"/>
    </row>
    <row r="819044" spans="14:14">
      <c r="N819044" s="10"/>
    </row>
    <row r="819045" spans="14:14">
      <c r="N819045" s="10"/>
    </row>
    <row r="819046" spans="14:14">
      <c r="N819046" s="10"/>
    </row>
    <row r="819047" spans="14:14">
      <c r="N819047" s="10"/>
    </row>
    <row r="819048" spans="14:14">
      <c r="N819048" s="10"/>
    </row>
    <row r="819049" spans="14:14">
      <c r="N819049" s="10"/>
    </row>
    <row r="819050" spans="14:14">
      <c r="N819050" s="10"/>
    </row>
    <row r="819051" spans="14:14">
      <c r="N819051" s="10"/>
    </row>
    <row r="819052" spans="14:14">
      <c r="N819052" s="10"/>
    </row>
    <row r="819053" spans="14:14">
      <c r="N819053" s="10"/>
    </row>
    <row r="819054" spans="14:14">
      <c r="N819054" s="10"/>
    </row>
    <row r="819055" spans="14:14">
      <c r="N819055" s="10"/>
    </row>
    <row r="819056" spans="14:14">
      <c r="N819056" s="10"/>
    </row>
    <row r="819057" spans="14:14">
      <c r="N819057" s="10"/>
    </row>
    <row r="819058" spans="14:14">
      <c r="N819058" s="10"/>
    </row>
    <row r="819059" spans="14:14">
      <c r="N819059" s="10"/>
    </row>
    <row r="819060" spans="14:14">
      <c r="N819060" s="10"/>
    </row>
    <row r="819061" spans="14:14">
      <c r="N819061" s="10"/>
    </row>
    <row r="819062" spans="14:14">
      <c r="N819062" s="10"/>
    </row>
    <row r="819063" spans="14:14">
      <c r="N819063" s="10"/>
    </row>
    <row r="819064" spans="14:14">
      <c r="N819064" s="10"/>
    </row>
    <row r="819065" spans="14:14">
      <c r="N819065" s="10"/>
    </row>
    <row r="819066" spans="14:14">
      <c r="N819066" s="10"/>
    </row>
    <row r="819067" spans="14:14">
      <c r="N819067" s="10"/>
    </row>
    <row r="819068" spans="14:14">
      <c r="N819068" s="10"/>
    </row>
    <row r="819069" spans="14:14">
      <c r="N819069" s="10"/>
    </row>
    <row r="819070" spans="14:14">
      <c r="N819070" s="10"/>
    </row>
    <row r="819071" spans="14:14">
      <c r="N819071" s="10"/>
    </row>
    <row r="819072" spans="14:14">
      <c r="N819072" s="10"/>
    </row>
    <row r="819073" spans="14:14">
      <c r="N819073" s="10"/>
    </row>
    <row r="819074" spans="14:14">
      <c r="N819074" s="10"/>
    </row>
    <row r="819075" spans="14:14">
      <c r="N819075" s="10"/>
    </row>
    <row r="819076" spans="14:14">
      <c r="N819076" s="10"/>
    </row>
    <row r="819077" spans="14:14">
      <c r="N819077" s="10"/>
    </row>
    <row r="819078" spans="14:14">
      <c r="N819078" s="10"/>
    </row>
    <row r="819079" spans="14:14">
      <c r="N819079" s="10"/>
    </row>
    <row r="819080" spans="14:14">
      <c r="N819080" s="10"/>
    </row>
    <row r="819081" spans="14:14">
      <c r="N819081" s="10"/>
    </row>
    <row r="819082" spans="14:14">
      <c r="N819082" s="10"/>
    </row>
    <row r="819083" spans="14:14">
      <c r="N819083" s="10"/>
    </row>
    <row r="819084" spans="14:14">
      <c r="N819084" s="10"/>
    </row>
    <row r="819085" spans="14:14">
      <c r="N819085" s="10"/>
    </row>
    <row r="819086" spans="14:14">
      <c r="N819086" s="10"/>
    </row>
    <row r="819087" spans="14:14">
      <c r="N819087" s="10"/>
    </row>
    <row r="819088" spans="14:14">
      <c r="N819088" s="10"/>
    </row>
    <row r="819089" spans="14:14">
      <c r="N819089" s="10"/>
    </row>
    <row r="819090" spans="14:14">
      <c r="N819090" s="10"/>
    </row>
    <row r="819091" spans="14:14">
      <c r="N819091" s="10"/>
    </row>
    <row r="819092" spans="14:14">
      <c r="N819092" s="10"/>
    </row>
    <row r="819093" spans="14:14">
      <c r="N819093" s="10"/>
    </row>
    <row r="819094" spans="14:14">
      <c r="N819094" s="10"/>
    </row>
    <row r="819095" spans="14:14">
      <c r="N819095" s="10"/>
    </row>
    <row r="819096" spans="14:14">
      <c r="N819096" s="10"/>
    </row>
    <row r="819097" spans="14:14">
      <c r="N819097" s="10"/>
    </row>
    <row r="819098" spans="14:14">
      <c r="N819098" s="10"/>
    </row>
    <row r="819099" spans="14:14">
      <c r="N819099" s="10"/>
    </row>
    <row r="819100" spans="14:14">
      <c r="N819100" s="10"/>
    </row>
    <row r="819101" spans="14:14">
      <c r="N819101" s="10"/>
    </row>
    <row r="819102" spans="14:14">
      <c r="N819102" s="10"/>
    </row>
    <row r="819103" spans="14:14">
      <c r="N819103" s="10"/>
    </row>
    <row r="819104" spans="14:14">
      <c r="N819104" s="10"/>
    </row>
    <row r="819105" spans="14:14">
      <c r="N819105" s="10"/>
    </row>
    <row r="819106" spans="14:14">
      <c r="N819106" s="10"/>
    </row>
    <row r="819107" spans="14:14">
      <c r="N819107" s="10"/>
    </row>
    <row r="819108" spans="14:14">
      <c r="N819108" s="10"/>
    </row>
    <row r="819109" spans="14:14">
      <c r="N819109" s="10"/>
    </row>
    <row r="819110" spans="14:14">
      <c r="N819110" s="10"/>
    </row>
    <row r="819111" spans="14:14">
      <c r="N819111" s="10"/>
    </row>
    <row r="819112" spans="14:14">
      <c r="N819112" s="10"/>
    </row>
    <row r="819113" spans="14:14">
      <c r="N819113" s="10"/>
    </row>
    <row r="819114" spans="14:14">
      <c r="N819114" s="10"/>
    </row>
    <row r="819115" spans="14:14">
      <c r="N819115" s="10"/>
    </row>
    <row r="819116" spans="14:14">
      <c r="N819116" s="10"/>
    </row>
    <row r="819117" spans="14:14">
      <c r="N819117" s="10"/>
    </row>
    <row r="819118" spans="14:14">
      <c r="N819118" s="10"/>
    </row>
    <row r="819119" spans="14:14">
      <c r="N819119" s="10"/>
    </row>
    <row r="819120" spans="14:14">
      <c r="N819120" s="10"/>
    </row>
    <row r="819121" spans="14:14">
      <c r="N819121" s="10"/>
    </row>
    <row r="819122" spans="14:14">
      <c r="N819122" s="10"/>
    </row>
    <row r="819123" spans="14:14">
      <c r="N819123" s="10"/>
    </row>
    <row r="819124" spans="14:14">
      <c r="N819124" s="10"/>
    </row>
    <row r="819125" spans="14:14">
      <c r="N819125" s="10"/>
    </row>
    <row r="819126" spans="14:14">
      <c r="N819126" s="10"/>
    </row>
    <row r="819127" spans="14:14">
      <c r="N819127" s="10"/>
    </row>
    <row r="819128" spans="14:14">
      <c r="N819128" s="10"/>
    </row>
    <row r="819129" spans="14:14">
      <c r="N819129" s="10"/>
    </row>
    <row r="819130" spans="14:14">
      <c r="N819130" s="10"/>
    </row>
    <row r="819131" spans="14:14">
      <c r="N819131" s="10"/>
    </row>
    <row r="819132" spans="14:14">
      <c r="N819132" s="10"/>
    </row>
    <row r="819133" spans="14:14">
      <c r="N819133" s="10"/>
    </row>
    <row r="819134" spans="14:14">
      <c r="N819134" s="10"/>
    </row>
    <row r="819135" spans="14:14">
      <c r="N819135" s="10"/>
    </row>
    <row r="819136" spans="14:14">
      <c r="N819136" s="10"/>
    </row>
    <row r="819137" spans="14:14">
      <c r="N819137" s="10"/>
    </row>
    <row r="819138" spans="14:14">
      <c r="N819138" s="10"/>
    </row>
    <row r="819139" spans="14:14">
      <c r="N819139" s="10"/>
    </row>
    <row r="819140" spans="14:14">
      <c r="N819140" s="10"/>
    </row>
    <row r="819141" spans="14:14">
      <c r="N819141" s="10"/>
    </row>
    <row r="819142" spans="14:14">
      <c r="N819142" s="10"/>
    </row>
    <row r="819143" spans="14:14">
      <c r="N819143" s="10"/>
    </row>
    <row r="819144" spans="14:14">
      <c r="N819144" s="10"/>
    </row>
    <row r="819145" spans="14:14">
      <c r="N819145" s="10"/>
    </row>
    <row r="819146" spans="14:14">
      <c r="N819146" s="10"/>
    </row>
    <row r="819147" spans="14:14">
      <c r="N819147" s="10"/>
    </row>
    <row r="819148" spans="14:14">
      <c r="N819148" s="10"/>
    </row>
    <row r="819149" spans="14:14">
      <c r="N819149" s="10"/>
    </row>
    <row r="819150" spans="14:14">
      <c r="N819150" s="10"/>
    </row>
    <row r="819151" spans="14:14">
      <c r="N819151" s="10"/>
    </row>
    <row r="819152" spans="14:14">
      <c r="N819152" s="10"/>
    </row>
    <row r="819153" spans="14:14">
      <c r="N819153" s="10"/>
    </row>
    <row r="819154" spans="14:14">
      <c r="N819154" s="10"/>
    </row>
    <row r="819155" spans="14:14">
      <c r="N819155" s="10"/>
    </row>
    <row r="819156" spans="14:14">
      <c r="N819156" s="10"/>
    </row>
    <row r="819157" spans="14:14">
      <c r="N819157" s="10"/>
    </row>
    <row r="819158" spans="14:14">
      <c r="N819158" s="10"/>
    </row>
    <row r="819159" spans="14:14">
      <c r="N819159" s="10"/>
    </row>
    <row r="819160" spans="14:14">
      <c r="N819160" s="10"/>
    </row>
    <row r="819161" spans="14:14">
      <c r="N819161" s="10"/>
    </row>
    <row r="819162" spans="14:14">
      <c r="N819162" s="10"/>
    </row>
    <row r="819163" spans="14:14">
      <c r="N819163" s="10"/>
    </row>
    <row r="819164" spans="14:14">
      <c r="N819164" s="10"/>
    </row>
    <row r="819165" spans="14:14">
      <c r="N819165" s="10"/>
    </row>
    <row r="819166" spans="14:14">
      <c r="N819166" s="10"/>
    </row>
    <row r="819167" spans="14:14">
      <c r="N819167" s="10"/>
    </row>
    <row r="819168" spans="14:14">
      <c r="N819168" s="10"/>
    </row>
    <row r="819169" spans="14:14">
      <c r="N819169" s="10"/>
    </row>
    <row r="819170" spans="14:14">
      <c r="N819170" s="10"/>
    </row>
    <row r="819171" spans="14:14">
      <c r="N819171" s="10"/>
    </row>
    <row r="819172" spans="14:14">
      <c r="N819172" s="10"/>
    </row>
    <row r="819173" spans="14:14">
      <c r="N819173" s="10"/>
    </row>
    <row r="819174" spans="14:14">
      <c r="N819174" s="10"/>
    </row>
    <row r="819175" spans="14:14">
      <c r="N819175" s="10"/>
    </row>
    <row r="819176" spans="14:14">
      <c r="N819176" s="10"/>
    </row>
    <row r="819177" spans="14:14">
      <c r="N819177" s="10"/>
    </row>
    <row r="819178" spans="14:14">
      <c r="N819178" s="10"/>
    </row>
    <row r="819179" spans="14:14">
      <c r="N819179" s="10"/>
    </row>
    <row r="819180" spans="14:14">
      <c r="N819180" s="10"/>
    </row>
    <row r="819181" spans="14:14">
      <c r="N819181" s="10"/>
    </row>
    <row r="819182" spans="14:14">
      <c r="N819182" s="10"/>
    </row>
    <row r="819183" spans="14:14">
      <c r="N819183" s="10"/>
    </row>
    <row r="819184" spans="14:14">
      <c r="N819184" s="10"/>
    </row>
    <row r="819185" spans="14:14">
      <c r="N819185" s="10"/>
    </row>
    <row r="819186" spans="14:14">
      <c r="N819186" s="10"/>
    </row>
    <row r="819187" spans="14:14">
      <c r="N819187" s="10"/>
    </row>
    <row r="819188" spans="14:14">
      <c r="N819188" s="10"/>
    </row>
    <row r="819189" spans="14:14">
      <c r="N819189" s="10"/>
    </row>
    <row r="819190" spans="14:14">
      <c r="N819190" s="10"/>
    </row>
    <row r="819191" spans="14:14">
      <c r="N819191" s="10"/>
    </row>
    <row r="819192" spans="14:14">
      <c r="N819192" s="10"/>
    </row>
    <row r="819193" spans="14:14">
      <c r="N819193" s="10"/>
    </row>
    <row r="819194" spans="14:14">
      <c r="N819194" s="10"/>
    </row>
    <row r="819195" spans="14:14">
      <c r="N819195" s="10"/>
    </row>
    <row r="819196" spans="14:14">
      <c r="N819196" s="10"/>
    </row>
    <row r="819197" spans="14:14">
      <c r="N819197" s="10"/>
    </row>
    <row r="819198" spans="14:14">
      <c r="N819198" s="10"/>
    </row>
    <row r="819199" spans="14:14">
      <c r="N819199" s="10"/>
    </row>
    <row r="819200" spans="14:14">
      <c r="N819200" s="10"/>
    </row>
    <row r="819201" spans="14:14">
      <c r="N819201" s="10"/>
    </row>
    <row r="819202" spans="14:14">
      <c r="N819202" s="10"/>
    </row>
    <row r="819203" spans="14:14">
      <c r="N819203" s="10"/>
    </row>
    <row r="819204" spans="14:14">
      <c r="N819204" s="10"/>
    </row>
    <row r="819205" spans="14:14">
      <c r="N819205" s="10"/>
    </row>
    <row r="819206" spans="14:14">
      <c r="N819206" s="10"/>
    </row>
    <row r="819207" spans="14:14">
      <c r="N819207" s="10"/>
    </row>
    <row r="819208" spans="14:14">
      <c r="N819208" s="10"/>
    </row>
    <row r="819209" spans="14:14">
      <c r="N819209" s="10"/>
    </row>
    <row r="819210" spans="14:14">
      <c r="N819210" s="10"/>
    </row>
    <row r="819211" spans="14:14">
      <c r="N819211" s="10"/>
    </row>
    <row r="819212" spans="14:14">
      <c r="N819212" s="10"/>
    </row>
    <row r="819213" spans="14:14">
      <c r="N819213" s="10"/>
    </row>
    <row r="819214" spans="14:14">
      <c r="N819214" s="10"/>
    </row>
    <row r="819215" spans="14:14">
      <c r="N819215" s="10"/>
    </row>
    <row r="819216" spans="14:14">
      <c r="N819216" s="10"/>
    </row>
    <row r="819217" spans="14:14">
      <c r="N819217" s="10"/>
    </row>
    <row r="819218" spans="14:14">
      <c r="N819218" s="10"/>
    </row>
    <row r="819219" spans="14:14">
      <c r="N819219" s="10"/>
    </row>
    <row r="819220" spans="14:14">
      <c r="N819220" s="10"/>
    </row>
    <row r="819221" spans="14:14">
      <c r="N819221" s="10"/>
    </row>
    <row r="819222" spans="14:14">
      <c r="N819222" s="10"/>
    </row>
    <row r="819223" spans="14:14">
      <c r="N819223" s="10"/>
    </row>
    <row r="819224" spans="14:14">
      <c r="N819224" s="10"/>
    </row>
    <row r="819225" spans="14:14">
      <c r="N819225" s="10"/>
    </row>
    <row r="819226" spans="14:14">
      <c r="N819226" s="10"/>
    </row>
    <row r="819227" spans="14:14">
      <c r="N819227" s="10"/>
    </row>
    <row r="819228" spans="14:14">
      <c r="N819228" s="10"/>
    </row>
    <row r="819229" spans="14:14">
      <c r="N819229" s="10"/>
    </row>
    <row r="819230" spans="14:14">
      <c r="N819230" s="10"/>
    </row>
    <row r="819231" spans="14:14">
      <c r="N819231" s="10"/>
    </row>
    <row r="819232" spans="14:14">
      <c r="N819232" s="10"/>
    </row>
    <row r="819233" spans="14:14">
      <c r="N819233" s="10"/>
    </row>
    <row r="819234" spans="14:14">
      <c r="N819234" s="10"/>
    </row>
    <row r="819235" spans="14:14">
      <c r="N819235" s="10"/>
    </row>
    <row r="819236" spans="14:14">
      <c r="N819236" s="10"/>
    </row>
    <row r="819237" spans="14:14">
      <c r="N819237" s="10"/>
    </row>
    <row r="819238" spans="14:14">
      <c r="N819238" s="10"/>
    </row>
    <row r="819239" spans="14:14">
      <c r="N819239" s="10"/>
    </row>
    <row r="819240" spans="14:14">
      <c r="N819240" s="10"/>
    </row>
    <row r="819241" spans="14:14">
      <c r="N819241" s="10"/>
    </row>
    <row r="819242" spans="14:14">
      <c r="N819242" s="10"/>
    </row>
    <row r="819243" spans="14:14">
      <c r="N819243" s="10"/>
    </row>
    <row r="819244" spans="14:14">
      <c r="N819244" s="10"/>
    </row>
    <row r="819245" spans="14:14">
      <c r="N819245" s="10"/>
    </row>
    <row r="819246" spans="14:14">
      <c r="N819246" s="10"/>
    </row>
    <row r="819247" spans="14:14">
      <c r="N819247" s="10"/>
    </row>
    <row r="819248" spans="14:14">
      <c r="N819248" s="10"/>
    </row>
    <row r="819249" spans="14:14">
      <c r="N819249" s="10"/>
    </row>
    <row r="819250" spans="14:14">
      <c r="N819250" s="10"/>
    </row>
    <row r="819251" spans="14:14">
      <c r="N819251" s="10"/>
    </row>
    <row r="819252" spans="14:14">
      <c r="N819252" s="10"/>
    </row>
    <row r="819253" spans="14:14">
      <c r="N819253" s="10"/>
    </row>
    <row r="819254" spans="14:14">
      <c r="N819254" s="10"/>
    </row>
    <row r="819255" spans="14:14">
      <c r="N819255" s="10"/>
    </row>
    <row r="819256" spans="14:14">
      <c r="N819256" s="10"/>
    </row>
    <row r="819257" spans="14:14">
      <c r="N819257" s="10"/>
    </row>
    <row r="819258" spans="14:14">
      <c r="N819258" s="10"/>
    </row>
    <row r="819259" spans="14:14">
      <c r="N819259" s="10"/>
    </row>
    <row r="819260" spans="14:14">
      <c r="N819260" s="10"/>
    </row>
    <row r="819261" spans="14:14">
      <c r="N819261" s="10"/>
    </row>
    <row r="819262" spans="14:14">
      <c r="N819262" s="10"/>
    </row>
    <row r="819263" spans="14:14">
      <c r="N819263" s="10"/>
    </row>
    <row r="819264" spans="14:14">
      <c r="N819264" s="10"/>
    </row>
    <row r="819265" spans="14:14">
      <c r="N819265" s="10"/>
    </row>
    <row r="819266" spans="14:14">
      <c r="N819266" s="10"/>
    </row>
    <row r="819267" spans="14:14">
      <c r="N819267" s="10"/>
    </row>
    <row r="819268" spans="14:14">
      <c r="N819268" s="10"/>
    </row>
    <row r="819269" spans="14:14">
      <c r="N819269" s="10"/>
    </row>
    <row r="819270" spans="14:14">
      <c r="N819270" s="10"/>
    </row>
    <row r="819271" spans="14:14">
      <c r="N819271" s="10"/>
    </row>
    <row r="819272" spans="14:14">
      <c r="N819272" s="10"/>
    </row>
    <row r="819273" spans="14:14">
      <c r="N819273" s="10"/>
    </row>
    <row r="819274" spans="14:14">
      <c r="N819274" s="10"/>
    </row>
    <row r="819275" spans="14:14">
      <c r="N819275" s="10"/>
    </row>
    <row r="819276" spans="14:14">
      <c r="N819276" s="10"/>
    </row>
    <row r="819277" spans="14:14">
      <c r="N819277" s="10"/>
    </row>
    <row r="819278" spans="14:14">
      <c r="N819278" s="10"/>
    </row>
    <row r="819279" spans="14:14">
      <c r="N819279" s="10"/>
    </row>
    <row r="819280" spans="14:14">
      <c r="N819280" s="10"/>
    </row>
    <row r="819281" spans="14:14">
      <c r="N819281" s="10"/>
    </row>
    <row r="819282" spans="14:14">
      <c r="N819282" s="10"/>
    </row>
    <row r="819283" spans="14:14">
      <c r="N819283" s="10"/>
    </row>
    <row r="819284" spans="14:14">
      <c r="N819284" s="10"/>
    </row>
    <row r="819285" spans="14:14">
      <c r="N819285" s="10"/>
    </row>
    <row r="819286" spans="14:14">
      <c r="N819286" s="10"/>
    </row>
    <row r="819287" spans="14:14">
      <c r="N819287" s="10"/>
    </row>
    <row r="819288" spans="14:14">
      <c r="N819288" s="10"/>
    </row>
    <row r="819289" spans="14:14">
      <c r="N819289" s="10"/>
    </row>
    <row r="819290" spans="14:14">
      <c r="N819290" s="10"/>
    </row>
    <row r="819291" spans="14:14">
      <c r="N819291" s="10"/>
    </row>
    <row r="819292" spans="14:14">
      <c r="N819292" s="10"/>
    </row>
    <row r="819293" spans="14:14">
      <c r="N819293" s="10"/>
    </row>
    <row r="819294" spans="14:14">
      <c r="N819294" s="10"/>
    </row>
    <row r="819295" spans="14:14">
      <c r="N819295" s="10"/>
    </row>
    <row r="819296" spans="14:14">
      <c r="N819296" s="10"/>
    </row>
    <row r="819297" spans="14:14">
      <c r="N819297" s="10"/>
    </row>
    <row r="819298" spans="14:14">
      <c r="N819298" s="10"/>
    </row>
    <row r="819299" spans="14:14">
      <c r="N819299" s="10"/>
    </row>
    <row r="819300" spans="14:14">
      <c r="N819300" s="10"/>
    </row>
    <row r="819301" spans="14:14">
      <c r="N819301" s="10"/>
    </row>
    <row r="819302" spans="14:14">
      <c r="N819302" s="10"/>
    </row>
    <row r="819303" spans="14:14">
      <c r="N819303" s="10"/>
    </row>
    <row r="819304" spans="14:14">
      <c r="N819304" s="10"/>
    </row>
    <row r="819305" spans="14:14">
      <c r="N819305" s="10"/>
    </row>
    <row r="819306" spans="14:14">
      <c r="N819306" s="10"/>
    </row>
    <row r="819307" spans="14:14">
      <c r="N819307" s="10"/>
    </row>
    <row r="819308" spans="14:14">
      <c r="N819308" s="10"/>
    </row>
    <row r="819309" spans="14:14">
      <c r="N819309" s="10"/>
    </row>
    <row r="819310" spans="14:14">
      <c r="N819310" s="10"/>
    </row>
    <row r="819311" spans="14:14">
      <c r="N819311" s="10"/>
    </row>
    <row r="819312" spans="14:14">
      <c r="N819312" s="10"/>
    </row>
    <row r="819313" spans="14:14">
      <c r="N819313" s="10"/>
    </row>
    <row r="819314" spans="14:14">
      <c r="N819314" s="10"/>
    </row>
    <row r="819315" spans="14:14">
      <c r="N819315" s="10"/>
    </row>
    <row r="819316" spans="14:14">
      <c r="N819316" s="10"/>
    </row>
    <row r="819317" spans="14:14">
      <c r="N819317" s="10"/>
    </row>
    <row r="819318" spans="14:14">
      <c r="N819318" s="10"/>
    </row>
    <row r="819319" spans="14:14">
      <c r="N819319" s="10"/>
    </row>
    <row r="819320" spans="14:14">
      <c r="N819320" s="10"/>
    </row>
    <row r="819321" spans="14:14">
      <c r="N819321" s="10"/>
    </row>
    <row r="819322" spans="14:14">
      <c r="N819322" s="10"/>
    </row>
    <row r="819323" spans="14:14">
      <c r="N819323" s="10"/>
    </row>
    <row r="819324" spans="14:14">
      <c r="N819324" s="10"/>
    </row>
    <row r="819325" spans="14:14">
      <c r="N819325" s="10"/>
    </row>
    <row r="819326" spans="14:14">
      <c r="N819326" s="10"/>
    </row>
    <row r="819327" spans="14:14">
      <c r="N819327" s="10"/>
    </row>
    <row r="819328" spans="14:14">
      <c r="N819328" s="10"/>
    </row>
    <row r="819329" spans="14:14">
      <c r="N819329" s="10"/>
    </row>
    <row r="819330" spans="14:14">
      <c r="N819330" s="10"/>
    </row>
    <row r="819331" spans="14:14">
      <c r="N819331" s="10"/>
    </row>
    <row r="819332" spans="14:14">
      <c r="N819332" s="10"/>
    </row>
    <row r="819333" spans="14:14">
      <c r="N819333" s="10"/>
    </row>
    <row r="819334" spans="14:14">
      <c r="N819334" s="10"/>
    </row>
    <row r="819335" spans="14:14">
      <c r="N819335" s="10"/>
    </row>
    <row r="819336" spans="14:14">
      <c r="N819336" s="10"/>
    </row>
    <row r="819337" spans="14:14">
      <c r="N819337" s="10"/>
    </row>
    <row r="819338" spans="14:14">
      <c r="N819338" s="10"/>
    </row>
    <row r="819339" spans="14:14">
      <c r="N819339" s="10"/>
    </row>
    <row r="819340" spans="14:14">
      <c r="N819340" s="10"/>
    </row>
    <row r="819341" spans="14:14">
      <c r="N819341" s="10"/>
    </row>
    <row r="819342" spans="14:14">
      <c r="N819342" s="10"/>
    </row>
    <row r="819343" spans="14:14">
      <c r="N819343" s="10"/>
    </row>
    <row r="819344" spans="14:14">
      <c r="N819344" s="10"/>
    </row>
    <row r="819345" spans="14:14">
      <c r="N819345" s="10"/>
    </row>
    <row r="819346" spans="14:14">
      <c r="N819346" s="10"/>
    </row>
    <row r="819347" spans="14:14">
      <c r="N819347" s="10"/>
    </row>
    <row r="819348" spans="14:14">
      <c r="N819348" s="10"/>
    </row>
    <row r="819349" spans="14:14">
      <c r="N819349" s="10"/>
    </row>
    <row r="819350" spans="14:14">
      <c r="N819350" s="10"/>
    </row>
    <row r="819351" spans="14:14">
      <c r="N819351" s="10"/>
    </row>
    <row r="819352" spans="14:14">
      <c r="N819352" s="10"/>
    </row>
    <row r="819353" spans="14:14">
      <c r="N819353" s="10"/>
    </row>
    <row r="819354" spans="14:14">
      <c r="N819354" s="10"/>
    </row>
    <row r="819355" spans="14:14">
      <c r="N819355" s="10"/>
    </row>
    <row r="819356" spans="14:14">
      <c r="N819356" s="10"/>
    </row>
    <row r="819357" spans="14:14">
      <c r="N819357" s="10"/>
    </row>
    <row r="819358" spans="14:14">
      <c r="N819358" s="10"/>
    </row>
    <row r="819359" spans="14:14">
      <c r="N819359" s="10"/>
    </row>
    <row r="819360" spans="14:14">
      <c r="N819360" s="10"/>
    </row>
    <row r="819361" spans="14:14">
      <c r="N819361" s="10"/>
    </row>
    <row r="819362" spans="14:14">
      <c r="N819362" s="10"/>
    </row>
    <row r="819363" spans="14:14">
      <c r="N819363" s="10"/>
    </row>
    <row r="819364" spans="14:14">
      <c r="N819364" s="10"/>
    </row>
    <row r="819365" spans="14:14">
      <c r="N819365" s="10"/>
    </row>
    <row r="819366" spans="14:14">
      <c r="N819366" s="10"/>
    </row>
    <row r="819367" spans="14:14">
      <c r="N819367" s="10"/>
    </row>
    <row r="819368" spans="14:14">
      <c r="N819368" s="10"/>
    </row>
    <row r="819369" spans="14:14">
      <c r="N819369" s="10"/>
    </row>
    <row r="819370" spans="14:14">
      <c r="N819370" s="10"/>
    </row>
    <row r="819371" spans="14:14">
      <c r="N819371" s="10"/>
    </row>
    <row r="819372" spans="14:14">
      <c r="N819372" s="10"/>
    </row>
    <row r="819373" spans="14:14">
      <c r="N819373" s="10"/>
    </row>
    <row r="819374" spans="14:14">
      <c r="N819374" s="10"/>
    </row>
    <row r="819375" spans="14:14">
      <c r="N819375" s="10"/>
    </row>
    <row r="819376" spans="14:14">
      <c r="N819376" s="10"/>
    </row>
    <row r="819377" spans="14:14">
      <c r="N819377" s="10"/>
    </row>
    <row r="819378" spans="14:14">
      <c r="N819378" s="10"/>
    </row>
    <row r="819379" spans="14:14">
      <c r="N819379" s="10"/>
    </row>
    <row r="819380" spans="14:14">
      <c r="N819380" s="10"/>
    </row>
    <row r="819381" spans="14:14">
      <c r="N819381" s="10"/>
    </row>
    <row r="819382" spans="14:14">
      <c r="N819382" s="10"/>
    </row>
    <row r="819383" spans="14:14">
      <c r="N819383" s="10"/>
    </row>
    <row r="819384" spans="14:14">
      <c r="N819384" s="10"/>
    </row>
    <row r="819385" spans="14:14">
      <c r="N819385" s="10"/>
    </row>
    <row r="819386" spans="14:14">
      <c r="N819386" s="10"/>
    </row>
    <row r="819387" spans="14:14">
      <c r="N819387" s="10"/>
    </row>
    <row r="819388" spans="14:14">
      <c r="N819388" s="10"/>
    </row>
    <row r="819389" spans="14:14">
      <c r="N819389" s="10"/>
    </row>
    <row r="819390" spans="14:14">
      <c r="N819390" s="10"/>
    </row>
    <row r="819391" spans="14:14">
      <c r="N819391" s="10"/>
    </row>
    <row r="819392" spans="14:14">
      <c r="N819392" s="10"/>
    </row>
    <row r="819393" spans="14:14">
      <c r="N819393" s="10"/>
    </row>
    <row r="819394" spans="14:14">
      <c r="N819394" s="10"/>
    </row>
    <row r="819395" spans="14:14">
      <c r="N819395" s="10"/>
    </row>
    <row r="819396" spans="14:14">
      <c r="N819396" s="10"/>
    </row>
    <row r="819397" spans="14:14">
      <c r="N819397" s="10"/>
    </row>
    <row r="819398" spans="14:14">
      <c r="N819398" s="10"/>
    </row>
    <row r="819399" spans="14:14">
      <c r="N819399" s="10"/>
    </row>
    <row r="819400" spans="14:14">
      <c r="N819400" s="10"/>
    </row>
    <row r="819401" spans="14:14">
      <c r="N819401" s="10"/>
    </row>
    <row r="819402" spans="14:14">
      <c r="N819402" s="10"/>
    </row>
    <row r="819403" spans="14:14">
      <c r="N819403" s="10"/>
    </row>
    <row r="819404" spans="14:14">
      <c r="N819404" s="10"/>
    </row>
    <row r="819405" spans="14:14">
      <c r="N819405" s="10"/>
    </row>
    <row r="819406" spans="14:14">
      <c r="N819406" s="10"/>
    </row>
    <row r="819407" spans="14:14">
      <c r="N819407" s="10"/>
    </row>
    <row r="819408" spans="14:14">
      <c r="N819408" s="10"/>
    </row>
    <row r="819409" spans="14:14">
      <c r="N819409" s="10"/>
    </row>
    <row r="819410" spans="14:14">
      <c r="N819410" s="10"/>
    </row>
    <row r="819411" spans="14:14">
      <c r="N819411" s="10"/>
    </row>
    <row r="819412" spans="14:14">
      <c r="N819412" s="10"/>
    </row>
    <row r="819413" spans="14:14">
      <c r="N819413" s="10"/>
    </row>
    <row r="819414" spans="14:14">
      <c r="N819414" s="10"/>
    </row>
    <row r="819415" spans="14:14">
      <c r="N819415" s="10"/>
    </row>
    <row r="819416" spans="14:14">
      <c r="N819416" s="10"/>
    </row>
    <row r="819417" spans="14:14">
      <c r="N819417" s="10"/>
    </row>
    <row r="819418" spans="14:14">
      <c r="N819418" s="10"/>
    </row>
    <row r="819419" spans="14:14">
      <c r="N819419" s="10"/>
    </row>
    <row r="819420" spans="14:14">
      <c r="N819420" s="10"/>
    </row>
    <row r="819421" spans="14:14">
      <c r="N819421" s="10"/>
    </row>
    <row r="819422" spans="14:14">
      <c r="N819422" s="10"/>
    </row>
    <row r="819423" spans="14:14">
      <c r="N819423" s="10"/>
    </row>
    <row r="819424" spans="14:14">
      <c r="N819424" s="10"/>
    </row>
    <row r="819425" spans="14:14">
      <c r="N819425" s="10"/>
    </row>
    <row r="819426" spans="14:14">
      <c r="N819426" s="10"/>
    </row>
    <row r="819427" spans="14:14">
      <c r="N819427" s="10"/>
    </row>
    <row r="819428" spans="14:14">
      <c r="N819428" s="10"/>
    </row>
    <row r="819429" spans="14:14">
      <c r="N819429" s="10"/>
    </row>
    <row r="819430" spans="14:14">
      <c r="N819430" s="10"/>
    </row>
    <row r="819431" spans="14:14">
      <c r="N819431" s="10"/>
    </row>
    <row r="819432" spans="14:14">
      <c r="N819432" s="10"/>
    </row>
    <row r="819433" spans="14:14">
      <c r="N819433" s="10"/>
    </row>
    <row r="819434" spans="14:14">
      <c r="N819434" s="10"/>
    </row>
    <row r="819435" spans="14:14">
      <c r="N819435" s="10"/>
    </row>
    <row r="819436" spans="14:14">
      <c r="N819436" s="10"/>
    </row>
    <row r="819437" spans="14:14">
      <c r="N819437" s="10"/>
    </row>
    <row r="819438" spans="14:14">
      <c r="N819438" s="10"/>
    </row>
    <row r="819439" spans="14:14">
      <c r="N819439" s="10"/>
    </row>
    <row r="819440" spans="14:14">
      <c r="N819440" s="10"/>
    </row>
    <row r="819441" spans="14:14">
      <c r="N819441" s="10"/>
    </row>
    <row r="819442" spans="14:14">
      <c r="N819442" s="10"/>
    </row>
    <row r="819443" spans="14:14">
      <c r="N819443" s="10"/>
    </row>
    <row r="819444" spans="14:14">
      <c r="N819444" s="10"/>
    </row>
    <row r="819445" spans="14:14">
      <c r="N819445" s="10"/>
    </row>
    <row r="819446" spans="14:14">
      <c r="N819446" s="10"/>
    </row>
    <row r="819447" spans="14:14">
      <c r="N819447" s="10"/>
    </row>
    <row r="819448" spans="14:14">
      <c r="N819448" s="10"/>
    </row>
    <row r="819449" spans="14:14">
      <c r="N819449" s="10"/>
    </row>
    <row r="819450" spans="14:14">
      <c r="N819450" s="10"/>
    </row>
    <row r="819451" spans="14:14">
      <c r="N819451" s="10"/>
    </row>
    <row r="819452" spans="14:14">
      <c r="N819452" s="10"/>
    </row>
    <row r="819453" spans="14:14">
      <c r="N819453" s="10"/>
    </row>
    <row r="819454" spans="14:14">
      <c r="N819454" s="10"/>
    </row>
    <row r="819455" spans="14:14">
      <c r="N819455" s="10"/>
    </row>
    <row r="819456" spans="14:14">
      <c r="N819456" s="10"/>
    </row>
    <row r="819457" spans="14:14">
      <c r="N819457" s="10"/>
    </row>
    <row r="819458" spans="14:14">
      <c r="N819458" s="10"/>
    </row>
    <row r="819459" spans="14:14">
      <c r="N819459" s="10"/>
    </row>
    <row r="819460" spans="14:14">
      <c r="N819460" s="10"/>
    </row>
    <row r="819461" spans="14:14">
      <c r="N819461" s="10"/>
    </row>
    <row r="819462" spans="14:14">
      <c r="N819462" s="10"/>
    </row>
    <row r="819463" spans="14:14">
      <c r="N819463" s="10"/>
    </row>
    <row r="819464" spans="14:14">
      <c r="N819464" s="10"/>
    </row>
    <row r="819465" spans="14:14">
      <c r="N819465" s="10"/>
    </row>
    <row r="819466" spans="14:14">
      <c r="N819466" s="10"/>
    </row>
    <row r="819467" spans="14:14">
      <c r="N819467" s="10"/>
    </row>
    <row r="819468" spans="14:14">
      <c r="N819468" s="10"/>
    </row>
    <row r="819469" spans="14:14">
      <c r="N819469" s="10"/>
    </row>
    <row r="819470" spans="14:14">
      <c r="N819470" s="10"/>
    </row>
    <row r="819471" spans="14:14">
      <c r="N819471" s="10"/>
    </row>
    <row r="819472" spans="14:14">
      <c r="N819472" s="10"/>
    </row>
    <row r="819473" spans="14:14">
      <c r="N819473" s="10"/>
    </row>
    <row r="819474" spans="14:14">
      <c r="N819474" s="10"/>
    </row>
    <row r="819475" spans="14:14">
      <c r="N819475" s="10"/>
    </row>
    <row r="819476" spans="14:14">
      <c r="N819476" s="10"/>
    </row>
    <row r="819477" spans="14:14">
      <c r="N819477" s="10"/>
    </row>
    <row r="819478" spans="14:14">
      <c r="N819478" s="10"/>
    </row>
    <row r="819479" spans="14:14">
      <c r="N819479" s="10"/>
    </row>
    <row r="819480" spans="14:14">
      <c r="N819480" s="10"/>
    </row>
    <row r="819481" spans="14:14">
      <c r="N819481" s="10"/>
    </row>
    <row r="819482" spans="14:14">
      <c r="N819482" s="10"/>
    </row>
    <row r="819483" spans="14:14">
      <c r="N819483" s="10"/>
    </row>
    <row r="819484" spans="14:14">
      <c r="N819484" s="10"/>
    </row>
    <row r="819485" spans="14:14">
      <c r="N819485" s="10"/>
    </row>
    <row r="819486" spans="14:14">
      <c r="N819486" s="10"/>
    </row>
    <row r="819487" spans="14:14">
      <c r="N819487" s="10"/>
    </row>
    <row r="819488" spans="14:14">
      <c r="N819488" s="10"/>
    </row>
    <row r="819489" spans="14:14">
      <c r="N819489" s="10"/>
    </row>
    <row r="819490" spans="14:14">
      <c r="N819490" s="10"/>
    </row>
    <row r="819491" spans="14:14">
      <c r="N819491" s="10"/>
    </row>
    <row r="819492" spans="14:14">
      <c r="N819492" s="10"/>
    </row>
    <row r="819493" spans="14:14">
      <c r="N819493" s="10"/>
    </row>
    <row r="819494" spans="14:14">
      <c r="N819494" s="10"/>
    </row>
    <row r="819495" spans="14:14">
      <c r="N819495" s="10"/>
    </row>
    <row r="819496" spans="14:14">
      <c r="N819496" s="10"/>
    </row>
    <row r="819497" spans="14:14">
      <c r="N819497" s="10"/>
    </row>
    <row r="819498" spans="14:14">
      <c r="N819498" s="10"/>
    </row>
    <row r="819499" spans="14:14">
      <c r="N819499" s="10"/>
    </row>
    <row r="819500" spans="14:14">
      <c r="N819500" s="10"/>
    </row>
    <row r="819501" spans="14:14">
      <c r="N819501" s="10"/>
    </row>
    <row r="819502" spans="14:14">
      <c r="N819502" s="10"/>
    </row>
    <row r="819503" spans="14:14">
      <c r="N819503" s="10"/>
    </row>
    <row r="819504" spans="14:14">
      <c r="N819504" s="10"/>
    </row>
    <row r="819505" spans="14:14">
      <c r="N819505" s="10"/>
    </row>
    <row r="819506" spans="14:14">
      <c r="N819506" s="10"/>
    </row>
    <row r="819507" spans="14:14">
      <c r="N819507" s="10"/>
    </row>
    <row r="819508" spans="14:14">
      <c r="N819508" s="10"/>
    </row>
    <row r="819509" spans="14:14">
      <c r="N819509" s="10"/>
    </row>
    <row r="819510" spans="14:14">
      <c r="N819510" s="10"/>
    </row>
    <row r="819511" spans="14:14">
      <c r="N819511" s="10"/>
    </row>
    <row r="819512" spans="14:14">
      <c r="N819512" s="10"/>
    </row>
    <row r="819513" spans="14:14">
      <c r="N819513" s="10"/>
    </row>
    <row r="819514" spans="14:14">
      <c r="N819514" s="10"/>
    </row>
    <row r="819515" spans="14:14">
      <c r="N819515" s="10"/>
    </row>
    <row r="819516" spans="14:14">
      <c r="N819516" s="10"/>
    </row>
    <row r="819517" spans="14:14">
      <c r="N819517" s="10"/>
    </row>
    <row r="819518" spans="14:14">
      <c r="N819518" s="10"/>
    </row>
    <row r="819519" spans="14:14">
      <c r="N819519" s="10"/>
    </row>
    <row r="819520" spans="14:14">
      <c r="N819520" s="10"/>
    </row>
    <row r="819521" spans="14:14">
      <c r="N819521" s="10"/>
    </row>
    <row r="819522" spans="14:14">
      <c r="N819522" s="10"/>
    </row>
    <row r="819523" spans="14:14">
      <c r="N819523" s="10"/>
    </row>
    <row r="819524" spans="14:14">
      <c r="N819524" s="10"/>
    </row>
    <row r="819525" spans="14:14">
      <c r="N819525" s="10"/>
    </row>
    <row r="819526" spans="14:14">
      <c r="N819526" s="10"/>
    </row>
    <row r="819527" spans="14:14">
      <c r="N819527" s="10"/>
    </row>
    <row r="819528" spans="14:14">
      <c r="N819528" s="10"/>
    </row>
    <row r="819529" spans="14:14">
      <c r="N819529" s="10"/>
    </row>
    <row r="819530" spans="14:14">
      <c r="N819530" s="10"/>
    </row>
    <row r="819531" spans="14:14">
      <c r="N819531" s="10"/>
    </row>
    <row r="819532" spans="14:14">
      <c r="N819532" s="10"/>
    </row>
    <row r="819533" spans="14:14">
      <c r="N819533" s="10"/>
    </row>
    <row r="819534" spans="14:14">
      <c r="N819534" s="10"/>
    </row>
    <row r="819535" spans="14:14">
      <c r="N819535" s="10"/>
    </row>
    <row r="819536" spans="14:14">
      <c r="N819536" s="10"/>
    </row>
    <row r="819537" spans="14:14">
      <c r="N819537" s="10"/>
    </row>
    <row r="819538" spans="14:14">
      <c r="N819538" s="10"/>
    </row>
    <row r="819539" spans="14:14">
      <c r="N819539" s="10"/>
    </row>
    <row r="819540" spans="14:14">
      <c r="N819540" s="10"/>
    </row>
    <row r="819541" spans="14:14">
      <c r="N819541" s="10"/>
    </row>
    <row r="819542" spans="14:14">
      <c r="N819542" s="10"/>
    </row>
    <row r="819543" spans="14:14">
      <c r="N819543" s="10"/>
    </row>
    <row r="819544" spans="14:14">
      <c r="N819544" s="10"/>
    </row>
    <row r="819545" spans="14:14">
      <c r="N819545" s="10"/>
    </row>
    <row r="819546" spans="14:14">
      <c r="N819546" s="10"/>
    </row>
    <row r="819547" spans="14:14">
      <c r="N819547" s="10"/>
    </row>
    <row r="819548" spans="14:14">
      <c r="N819548" s="10"/>
    </row>
    <row r="819549" spans="14:14">
      <c r="N819549" s="10"/>
    </row>
    <row r="819550" spans="14:14">
      <c r="N819550" s="10"/>
    </row>
    <row r="819551" spans="14:14">
      <c r="N819551" s="10"/>
    </row>
    <row r="819552" spans="14:14">
      <c r="N819552" s="10"/>
    </row>
    <row r="819553" spans="14:14">
      <c r="N819553" s="10"/>
    </row>
    <row r="819554" spans="14:14">
      <c r="N819554" s="10"/>
    </row>
    <row r="819555" spans="14:14">
      <c r="N819555" s="10"/>
    </row>
    <row r="819556" spans="14:14">
      <c r="N819556" s="10"/>
    </row>
    <row r="819557" spans="14:14">
      <c r="N819557" s="10"/>
    </row>
    <row r="819558" spans="14:14">
      <c r="N819558" s="10"/>
    </row>
    <row r="819559" spans="14:14">
      <c r="N819559" s="10"/>
    </row>
    <row r="819560" spans="14:14">
      <c r="N819560" s="10"/>
    </row>
    <row r="819561" spans="14:14">
      <c r="N819561" s="10"/>
    </row>
    <row r="819562" spans="14:14">
      <c r="N819562" s="10"/>
    </row>
    <row r="819563" spans="14:14">
      <c r="N819563" s="10"/>
    </row>
    <row r="819564" spans="14:14">
      <c r="N819564" s="10"/>
    </row>
    <row r="819565" spans="14:14">
      <c r="N819565" s="10"/>
    </row>
    <row r="819566" spans="14:14">
      <c r="N819566" s="10"/>
    </row>
    <row r="819567" spans="14:14">
      <c r="N819567" s="10"/>
    </row>
    <row r="819568" spans="14:14">
      <c r="N819568" s="10"/>
    </row>
    <row r="819569" spans="14:14">
      <c r="N819569" s="10"/>
    </row>
    <row r="819570" spans="14:14">
      <c r="N819570" s="10"/>
    </row>
    <row r="819571" spans="14:14">
      <c r="N819571" s="10"/>
    </row>
    <row r="819572" spans="14:14">
      <c r="N819572" s="10"/>
    </row>
    <row r="819573" spans="14:14">
      <c r="N819573" s="10"/>
    </row>
    <row r="819574" spans="14:14">
      <c r="N819574" s="10"/>
    </row>
    <row r="819575" spans="14:14">
      <c r="N819575" s="10"/>
    </row>
    <row r="819576" spans="14:14">
      <c r="N819576" s="10"/>
    </row>
    <row r="819577" spans="14:14">
      <c r="N819577" s="10"/>
    </row>
    <row r="819578" spans="14:14">
      <c r="N819578" s="10"/>
    </row>
    <row r="819579" spans="14:14">
      <c r="N819579" s="10"/>
    </row>
    <row r="819580" spans="14:14">
      <c r="N819580" s="10"/>
    </row>
    <row r="819581" spans="14:14">
      <c r="N819581" s="10"/>
    </row>
    <row r="819582" spans="14:14">
      <c r="N819582" s="10"/>
    </row>
    <row r="819583" spans="14:14">
      <c r="N819583" s="10"/>
    </row>
    <row r="819584" spans="14:14">
      <c r="N819584" s="10"/>
    </row>
    <row r="819585" spans="14:14">
      <c r="N819585" s="10"/>
    </row>
    <row r="819586" spans="14:14">
      <c r="N819586" s="10"/>
    </row>
    <row r="819587" spans="14:14">
      <c r="N819587" s="10"/>
    </row>
    <row r="819588" spans="14:14">
      <c r="N819588" s="10"/>
    </row>
    <row r="819589" spans="14:14">
      <c r="N819589" s="10"/>
    </row>
    <row r="819590" spans="14:14">
      <c r="N819590" s="10"/>
    </row>
    <row r="819591" spans="14:14">
      <c r="N819591" s="10"/>
    </row>
    <row r="819592" spans="14:14">
      <c r="N819592" s="10"/>
    </row>
    <row r="819593" spans="14:14">
      <c r="N819593" s="10"/>
    </row>
    <row r="819594" spans="14:14">
      <c r="N819594" s="10"/>
    </row>
    <row r="819595" spans="14:14">
      <c r="N819595" s="10"/>
    </row>
    <row r="819596" spans="14:14">
      <c r="N819596" s="10"/>
    </row>
    <row r="819597" spans="14:14">
      <c r="N819597" s="10"/>
    </row>
    <row r="819598" spans="14:14">
      <c r="N819598" s="10"/>
    </row>
    <row r="819599" spans="14:14">
      <c r="N819599" s="10"/>
    </row>
    <row r="819600" spans="14:14">
      <c r="N819600" s="10"/>
    </row>
    <row r="819601" spans="14:14">
      <c r="N819601" s="10"/>
    </row>
    <row r="819602" spans="14:14">
      <c r="N819602" s="10"/>
    </row>
    <row r="819603" spans="14:14">
      <c r="N819603" s="10"/>
    </row>
    <row r="819604" spans="14:14">
      <c r="N819604" s="10"/>
    </row>
    <row r="819605" spans="14:14">
      <c r="N819605" s="10"/>
    </row>
    <row r="819606" spans="14:14">
      <c r="N819606" s="10"/>
    </row>
    <row r="819607" spans="14:14">
      <c r="N819607" s="10"/>
    </row>
    <row r="819608" spans="14:14">
      <c r="N819608" s="10"/>
    </row>
    <row r="819609" spans="14:14">
      <c r="N819609" s="10"/>
    </row>
    <row r="819610" spans="14:14">
      <c r="N819610" s="10"/>
    </row>
    <row r="819611" spans="14:14">
      <c r="N819611" s="10"/>
    </row>
    <row r="819612" spans="14:14">
      <c r="N819612" s="10"/>
    </row>
    <row r="819613" spans="14:14">
      <c r="N819613" s="10"/>
    </row>
    <row r="819614" spans="14:14">
      <c r="N819614" s="10"/>
    </row>
    <row r="819615" spans="14:14">
      <c r="N819615" s="10"/>
    </row>
    <row r="819616" spans="14:14">
      <c r="N819616" s="10"/>
    </row>
    <row r="819617" spans="14:14">
      <c r="N819617" s="10"/>
    </row>
    <row r="819618" spans="14:14">
      <c r="N819618" s="10"/>
    </row>
    <row r="819619" spans="14:14">
      <c r="N819619" s="10"/>
    </row>
    <row r="819620" spans="14:14">
      <c r="N819620" s="10"/>
    </row>
    <row r="819621" spans="14:14">
      <c r="N819621" s="10"/>
    </row>
    <row r="819622" spans="14:14">
      <c r="N819622" s="10"/>
    </row>
    <row r="819623" spans="14:14">
      <c r="N819623" s="10"/>
    </row>
    <row r="819624" spans="14:14">
      <c r="N819624" s="10"/>
    </row>
    <row r="819625" spans="14:14">
      <c r="N819625" s="10"/>
    </row>
    <row r="819626" spans="14:14">
      <c r="N819626" s="10"/>
    </row>
    <row r="819627" spans="14:14">
      <c r="N819627" s="10"/>
    </row>
    <row r="819628" spans="14:14">
      <c r="N819628" s="10"/>
    </row>
    <row r="819629" spans="14:14">
      <c r="N819629" s="10"/>
    </row>
    <row r="819630" spans="14:14">
      <c r="N819630" s="10"/>
    </row>
    <row r="819631" spans="14:14">
      <c r="N819631" s="10"/>
    </row>
    <row r="819632" spans="14:14">
      <c r="N819632" s="10"/>
    </row>
    <row r="819633" spans="14:14">
      <c r="N819633" s="10"/>
    </row>
    <row r="819634" spans="14:14">
      <c r="N819634" s="10"/>
    </row>
    <row r="819635" spans="14:14">
      <c r="N819635" s="10"/>
    </row>
    <row r="819636" spans="14:14">
      <c r="N819636" s="10"/>
    </row>
    <row r="819637" spans="14:14">
      <c r="N819637" s="10"/>
    </row>
    <row r="819638" spans="14:14">
      <c r="N819638" s="10"/>
    </row>
    <row r="819639" spans="14:14">
      <c r="N819639" s="10"/>
    </row>
    <row r="819640" spans="14:14">
      <c r="N819640" s="10"/>
    </row>
    <row r="819641" spans="14:14">
      <c r="N819641" s="10"/>
    </row>
    <row r="819642" spans="14:14">
      <c r="N819642" s="10"/>
    </row>
    <row r="819643" spans="14:14">
      <c r="N819643" s="10"/>
    </row>
    <row r="819644" spans="14:14">
      <c r="N819644" s="10"/>
    </row>
    <row r="819645" spans="14:14">
      <c r="N819645" s="10"/>
    </row>
    <row r="819646" spans="14:14">
      <c r="N819646" s="10"/>
    </row>
    <row r="819647" spans="14:14">
      <c r="N819647" s="10"/>
    </row>
    <row r="819648" spans="14:14">
      <c r="N819648" s="10"/>
    </row>
    <row r="819649" spans="14:14">
      <c r="N819649" s="10"/>
    </row>
    <row r="819650" spans="14:14">
      <c r="N819650" s="10"/>
    </row>
    <row r="819651" spans="14:14">
      <c r="N819651" s="10"/>
    </row>
    <row r="819652" spans="14:14">
      <c r="N819652" s="10"/>
    </row>
    <row r="819653" spans="14:14">
      <c r="N819653" s="10"/>
    </row>
    <row r="819654" spans="14:14">
      <c r="N819654" s="10"/>
    </row>
    <row r="819655" spans="14:14">
      <c r="N819655" s="10"/>
    </row>
    <row r="819656" spans="14:14">
      <c r="N819656" s="10"/>
    </row>
    <row r="819657" spans="14:14">
      <c r="N819657" s="10"/>
    </row>
    <row r="819658" spans="14:14">
      <c r="N819658" s="10"/>
    </row>
    <row r="819659" spans="14:14">
      <c r="N819659" s="10"/>
    </row>
    <row r="819660" spans="14:14">
      <c r="N819660" s="10"/>
    </row>
    <row r="819661" spans="14:14">
      <c r="N819661" s="10"/>
    </row>
    <row r="819662" spans="14:14">
      <c r="N819662" s="10"/>
    </row>
    <row r="819663" spans="14:14">
      <c r="N819663" s="10"/>
    </row>
    <row r="819664" spans="14:14">
      <c r="N819664" s="10"/>
    </row>
    <row r="819665" spans="14:14">
      <c r="N819665" s="10"/>
    </row>
    <row r="819666" spans="14:14">
      <c r="N819666" s="10"/>
    </row>
    <row r="819667" spans="14:14">
      <c r="N819667" s="10"/>
    </row>
    <row r="819668" spans="14:14">
      <c r="N819668" s="10"/>
    </row>
    <row r="819669" spans="14:14">
      <c r="N819669" s="10"/>
    </row>
    <row r="819670" spans="14:14">
      <c r="N819670" s="10"/>
    </row>
    <row r="819671" spans="14:14">
      <c r="N819671" s="10"/>
    </row>
    <row r="819672" spans="14:14">
      <c r="N819672" s="10"/>
    </row>
    <row r="819673" spans="14:14">
      <c r="N819673" s="10"/>
    </row>
    <row r="819674" spans="14:14">
      <c r="N819674" s="10"/>
    </row>
    <row r="819675" spans="14:14">
      <c r="N819675" s="10"/>
    </row>
    <row r="819676" spans="14:14">
      <c r="N819676" s="10"/>
    </row>
    <row r="819677" spans="14:14">
      <c r="N819677" s="10"/>
    </row>
    <row r="819678" spans="14:14">
      <c r="N819678" s="10"/>
    </row>
    <row r="819679" spans="14:14">
      <c r="N819679" s="10"/>
    </row>
    <row r="819680" spans="14:14">
      <c r="N819680" s="10"/>
    </row>
    <row r="819681" spans="14:14">
      <c r="N819681" s="10"/>
    </row>
    <row r="819682" spans="14:14">
      <c r="N819682" s="10"/>
    </row>
    <row r="819683" spans="14:14">
      <c r="N819683" s="10"/>
    </row>
    <row r="819684" spans="14:14">
      <c r="N819684" s="10"/>
    </row>
    <row r="819685" spans="14:14">
      <c r="N819685" s="10"/>
    </row>
    <row r="819686" spans="14:14">
      <c r="N819686" s="10"/>
    </row>
    <row r="819687" spans="14:14">
      <c r="N819687" s="10"/>
    </row>
    <row r="819688" spans="14:14">
      <c r="N819688" s="10"/>
    </row>
    <row r="819689" spans="14:14">
      <c r="N819689" s="10"/>
    </row>
    <row r="819690" spans="14:14">
      <c r="N819690" s="10"/>
    </row>
    <row r="819691" spans="14:14">
      <c r="N819691" s="10"/>
    </row>
    <row r="819692" spans="14:14">
      <c r="N819692" s="10"/>
    </row>
    <row r="819693" spans="14:14">
      <c r="N819693" s="10"/>
    </row>
    <row r="819694" spans="14:14">
      <c r="N819694" s="10"/>
    </row>
    <row r="819695" spans="14:14">
      <c r="N819695" s="10"/>
    </row>
    <row r="819696" spans="14:14">
      <c r="N819696" s="10"/>
    </row>
    <row r="819697" spans="14:14">
      <c r="N819697" s="10"/>
    </row>
    <row r="819698" spans="14:14">
      <c r="N819698" s="10"/>
    </row>
    <row r="819699" spans="14:14">
      <c r="N819699" s="10"/>
    </row>
    <row r="819700" spans="14:14">
      <c r="N819700" s="10"/>
    </row>
    <row r="819701" spans="14:14">
      <c r="N819701" s="10"/>
    </row>
    <row r="819702" spans="14:14">
      <c r="N819702" s="10"/>
    </row>
    <row r="819703" spans="14:14">
      <c r="N819703" s="10"/>
    </row>
    <row r="819704" spans="14:14">
      <c r="N819704" s="10"/>
    </row>
    <row r="819705" spans="14:14">
      <c r="N819705" s="10"/>
    </row>
    <row r="819706" spans="14:14">
      <c r="N819706" s="10"/>
    </row>
    <row r="819707" spans="14:14">
      <c r="N819707" s="10"/>
    </row>
    <row r="819708" spans="14:14">
      <c r="N819708" s="10"/>
    </row>
    <row r="819709" spans="14:14">
      <c r="N819709" s="10"/>
    </row>
    <row r="819710" spans="14:14">
      <c r="N819710" s="10"/>
    </row>
    <row r="819711" spans="14:14">
      <c r="N819711" s="10"/>
    </row>
    <row r="819712" spans="14:14">
      <c r="N819712" s="10"/>
    </row>
    <row r="819713" spans="14:14">
      <c r="N819713" s="10"/>
    </row>
    <row r="819714" spans="14:14">
      <c r="N819714" s="10"/>
    </row>
    <row r="819715" spans="14:14">
      <c r="N819715" s="10"/>
    </row>
    <row r="819716" spans="14:14">
      <c r="N819716" s="10"/>
    </row>
    <row r="819717" spans="14:14">
      <c r="N819717" s="10"/>
    </row>
    <row r="819718" spans="14:14">
      <c r="N819718" s="10"/>
    </row>
    <row r="819719" spans="14:14">
      <c r="N819719" s="10"/>
    </row>
    <row r="819720" spans="14:14">
      <c r="N819720" s="10"/>
    </row>
    <row r="819721" spans="14:14">
      <c r="N819721" s="10"/>
    </row>
    <row r="819722" spans="14:14">
      <c r="N819722" s="10"/>
    </row>
    <row r="819723" spans="14:14">
      <c r="N819723" s="10"/>
    </row>
    <row r="819724" spans="14:14">
      <c r="N819724" s="10"/>
    </row>
    <row r="819725" spans="14:14">
      <c r="N819725" s="10"/>
    </row>
    <row r="819726" spans="14:14">
      <c r="N819726" s="10"/>
    </row>
    <row r="819727" spans="14:14">
      <c r="N819727" s="10"/>
    </row>
    <row r="819728" spans="14:14">
      <c r="N819728" s="10"/>
    </row>
    <row r="819729" spans="14:14">
      <c r="N819729" s="10"/>
    </row>
    <row r="819730" spans="14:14">
      <c r="N819730" s="10"/>
    </row>
    <row r="819731" spans="14:14">
      <c r="N819731" s="10"/>
    </row>
    <row r="819732" spans="14:14">
      <c r="N819732" s="10"/>
    </row>
    <row r="819733" spans="14:14">
      <c r="N819733" s="10"/>
    </row>
    <row r="819734" spans="14:14">
      <c r="N819734" s="10"/>
    </row>
    <row r="819735" spans="14:14">
      <c r="N819735" s="10"/>
    </row>
    <row r="819736" spans="14:14">
      <c r="N819736" s="10"/>
    </row>
    <row r="819737" spans="14:14">
      <c r="N819737" s="10"/>
    </row>
    <row r="819738" spans="14:14">
      <c r="N819738" s="10"/>
    </row>
    <row r="819739" spans="14:14">
      <c r="N819739" s="10"/>
    </row>
    <row r="819740" spans="14:14">
      <c r="N819740" s="10"/>
    </row>
    <row r="819741" spans="14:14">
      <c r="N819741" s="10"/>
    </row>
    <row r="819742" spans="14:14">
      <c r="N819742" s="10"/>
    </row>
    <row r="819743" spans="14:14">
      <c r="N819743" s="10"/>
    </row>
    <row r="819744" spans="14:14">
      <c r="N819744" s="10"/>
    </row>
    <row r="819745" spans="14:14">
      <c r="N819745" s="10"/>
    </row>
    <row r="819746" spans="14:14">
      <c r="N819746" s="10"/>
    </row>
    <row r="819747" spans="14:14">
      <c r="N819747" s="10"/>
    </row>
    <row r="819748" spans="14:14">
      <c r="N819748" s="10"/>
    </row>
    <row r="819749" spans="14:14">
      <c r="N819749" s="10"/>
    </row>
    <row r="819750" spans="14:14">
      <c r="N819750" s="10"/>
    </row>
    <row r="819751" spans="14:14">
      <c r="N819751" s="10"/>
    </row>
    <row r="819752" spans="14:14">
      <c r="N819752" s="10"/>
    </row>
    <row r="819753" spans="14:14">
      <c r="N819753" s="10"/>
    </row>
    <row r="819754" spans="14:14">
      <c r="N819754" s="10"/>
    </row>
    <row r="819755" spans="14:14">
      <c r="N819755" s="10"/>
    </row>
    <row r="819756" spans="14:14">
      <c r="N819756" s="10"/>
    </row>
    <row r="819757" spans="14:14">
      <c r="N819757" s="10"/>
    </row>
    <row r="819758" spans="14:14">
      <c r="N819758" s="10"/>
    </row>
    <row r="819759" spans="14:14">
      <c r="N819759" s="10"/>
    </row>
    <row r="819760" spans="14:14">
      <c r="N819760" s="10"/>
    </row>
    <row r="819761" spans="14:14">
      <c r="N819761" s="10"/>
    </row>
    <row r="819762" spans="14:14">
      <c r="N819762" s="10"/>
    </row>
    <row r="819763" spans="14:14">
      <c r="N819763" s="10"/>
    </row>
    <row r="819764" spans="14:14">
      <c r="N819764" s="10"/>
    </row>
    <row r="819765" spans="14:14">
      <c r="N819765" s="10"/>
    </row>
    <row r="819766" spans="14:14">
      <c r="N819766" s="10"/>
    </row>
    <row r="819767" spans="14:14">
      <c r="N819767" s="10"/>
    </row>
    <row r="819768" spans="14:14">
      <c r="N819768" s="10"/>
    </row>
    <row r="819769" spans="14:14">
      <c r="N819769" s="10"/>
    </row>
    <row r="819770" spans="14:14">
      <c r="N819770" s="10"/>
    </row>
    <row r="819771" spans="14:14">
      <c r="N819771" s="10"/>
    </row>
    <row r="819772" spans="14:14">
      <c r="N819772" s="10"/>
    </row>
    <row r="819773" spans="14:14">
      <c r="N819773" s="10"/>
    </row>
    <row r="819774" spans="14:14">
      <c r="N819774" s="10"/>
    </row>
    <row r="819775" spans="14:14">
      <c r="N819775" s="10"/>
    </row>
    <row r="819776" spans="14:14">
      <c r="N819776" s="10"/>
    </row>
    <row r="819777" spans="14:14">
      <c r="N819777" s="10"/>
    </row>
    <row r="819778" spans="14:14">
      <c r="N819778" s="10"/>
    </row>
    <row r="819779" spans="14:14">
      <c r="N819779" s="10"/>
    </row>
    <row r="819780" spans="14:14">
      <c r="N819780" s="10"/>
    </row>
    <row r="819781" spans="14:14">
      <c r="N819781" s="10"/>
    </row>
    <row r="819782" spans="14:14">
      <c r="N819782" s="10"/>
    </row>
    <row r="819783" spans="14:14">
      <c r="N819783" s="10"/>
    </row>
    <row r="819784" spans="14:14">
      <c r="N819784" s="10"/>
    </row>
    <row r="819785" spans="14:14">
      <c r="N819785" s="10"/>
    </row>
    <row r="819786" spans="14:14">
      <c r="N819786" s="10"/>
    </row>
    <row r="819787" spans="14:14">
      <c r="N819787" s="10"/>
    </row>
    <row r="819788" spans="14:14">
      <c r="N819788" s="10"/>
    </row>
    <row r="819789" spans="14:14">
      <c r="N819789" s="10"/>
    </row>
    <row r="819790" spans="14:14">
      <c r="N819790" s="10"/>
    </row>
    <row r="819791" spans="14:14">
      <c r="N819791" s="10"/>
    </row>
    <row r="819792" spans="14:14">
      <c r="N819792" s="10"/>
    </row>
    <row r="819793" spans="14:14">
      <c r="N819793" s="10"/>
    </row>
    <row r="819794" spans="14:14">
      <c r="N819794" s="10"/>
    </row>
    <row r="819795" spans="14:14">
      <c r="N819795" s="10"/>
    </row>
    <row r="819796" spans="14:14">
      <c r="N819796" s="10"/>
    </row>
    <row r="819797" spans="14:14">
      <c r="N819797" s="10"/>
    </row>
    <row r="819798" spans="14:14">
      <c r="N819798" s="10"/>
    </row>
    <row r="819799" spans="14:14">
      <c r="N819799" s="10"/>
    </row>
    <row r="819800" spans="14:14">
      <c r="N819800" s="10"/>
    </row>
    <row r="819801" spans="14:14">
      <c r="N819801" s="10"/>
    </row>
    <row r="819802" spans="14:14">
      <c r="N819802" s="10"/>
    </row>
    <row r="819803" spans="14:14">
      <c r="N819803" s="10"/>
    </row>
    <row r="819804" spans="14:14">
      <c r="N819804" s="10"/>
    </row>
    <row r="819805" spans="14:14">
      <c r="N819805" s="10"/>
    </row>
    <row r="819806" spans="14:14">
      <c r="N819806" s="10"/>
    </row>
    <row r="819807" spans="14:14">
      <c r="N819807" s="10"/>
    </row>
    <row r="819808" spans="14:14">
      <c r="N819808" s="10"/>
    </row>
    <row r="819809" spans="14:14">
      <c r="N819809" s="10"/>
    </row>
    <row r="819810" spans="14:14">
      <c r="N819810" s="10"/>
    </row>
    <row r="819811" spans="14:14">
      <c r="N819811" s="10"/>
    </row>
    <row r="819812" spans="14:14">
      <c r="N819812" s="10"/>
    </row>
    <row r="819813" spans="14:14">
      <c r="N819813" s="10"/>
    </row>
    <row r="819814" spans="14:14">
      <c r="N819814" s="10"/>
    </row>
    <row r="819815" spans="14:14">
      <c r="N819815" s="10"/>
    </row>
    <row r="819816" spans="14:14">
      <c r="N819816" s="10"/>
    </row>
    <row r="819817" spans="14:14">
      <c r="N819817" s="10"/>
    </row>
    <row r="819818" spans="14:14">
      <c r="N819818" s="10"/>
    </row>
    <row r="819819" spans="14:14">
      <c r="N819819" s="10"/>
    </row>
    <row r="819820" spans="14:14">
      <c r="N819820" s="10"/>
    </row>
    <row r="819821" spans="14:14">
      <c r="N819821" s="10"/>
    </row>
    <row r="819822" spans="14:14">
      <c r="N819822" s="10"/>
    </row>
    <row r="819823" spans="14:14">
      <c r="N819823" s="10"/>
    </row>
    <row r="819824" spans="14:14">
      <c r="N819824" s="10"/>
    </row>
    <row r="819825" spans="14:14">
      <c r="N819825" s="10"/>
    </row>
    <row r="819826" spans="14:14">
      <c r="N819826" s="10"/>
    </row>
    <row r="819827" spans="14:14">
      <c r="N819827" s="10"/>
    </row>
    <row r="819828" spans="14:14">
      <c r="N819828" s="10"/>
    </row>
    <row r="819829" spans="14:14">
      <c r="N819829" s="10"/>
    </row>
    <row r="819830" spans="14:14">
      <c r="N819830" s="10"/>
    </row>
    <row r="819831" spans="14:14">
      <c r="N819831" s="10"/>
    </row>
    <row r="819832" spans="14:14">
      <c r="N819832" s="10"/>
    </row>
    <row r="819833" spans="14:14">
      <c r="N819833" s="10"/>
    </row>
    <row r="819834" spans="14:14">
      <c r="N819834" s="10"/>
    </row>
    <row r="819835" spans="14:14">
      <c r="N819835" s="10"/>
    </row>
    <row r="819836" spans="14:14">
      <c r="N819836" s="10"/>
    </row>
    <row r="819837" spans="14:14">
      <c r="N819837" s="10"/>
    </row>
    <row r="819838" spans="14:14">
      <c r="N819838" s="10"/>
    </row>
    <row r="819839" spans="14:14">
      <c r="N819839" s="10"/>
    </row>
    <row r="819840" spans="14:14">
      <c r="N819840" s="10"/>
    </row>
    <row r="819841" spans="14:14">
      <c r="N819841" s="10"/>
    </row>
    <row r="819842" spans="14:14">
      <c r="N819842" s="10"/>
    </row>
    <row r="819843" spans="14:14">
      <c r="N819843" s="10"/>
    </row>
    <row r="819844" spans="14:14">
      <c r="N819844" s="10"/>
    </row>
    <row r="819845" spans="14:14">
      <c r="N819845" s="10"/>
    </row>
    <row r="819846" spans="14:14">
      <c r="N819846" s="10"/>
    </row>
    <row r="819847" spans="14:14">
      <c r="N819847" s="10"/>
    </row>
    <row r="819848" spans="14:14">
      <c r="N819848" s="10"/>
    </row>
    <row r="819849" spans="14:14">
      <c r="N819849" s="10"/>
    </row>
    <row r="819850" spans="14:14">
      <c r="N819850" s="10"/>
    </row>
    <row r="819851" spans="14:14">
      <c r="N819851" s="10"/>
    </row>
    <row r="819852" spans="14:14">
      <c r="N819852" s="10"/>
    </row>
    <row r="819853" spans="14:14">
      <c r="N819853" s="10"/>
    </row>
    <row r="819854" spans="14:14">
      <c r="N819854" s="10"/>
    </row>
    <row r="819855" spans="14:14">
      <c r="N819855" s="10"/>
    </row>
    <row r="819856" spans="14:14">
      <c r="N819856" s="10"/>
    </row>
    <row r="819857" spans="14:14">
      <c r="N819857" s="10"/>
    </row>
    <row r="819858" spans="14:14">
      <c r="N819858" s="10"/>
    </row>
    <row r="819859" spans="14:14">
      <c r="N819859" s="10"/>
    </row>
    <row r="819860" spans="14:14">
      <c r="N819860" s="10"/>
    </row>
    <row r="819861" spans="14:14">
      <c r="N819861" s="10"/>
    </row>
    <row r="819862" spans="14:14">
      <c r="N819862" s="10"/>
    </row>
    <row r="819863" spans="14:14">
      <c r="N819863" s="10"/>
    </row>
    <row r="819864" spans="14:14">
      <c r="N819864" s="10"/>
    </row>
    <row r="819865" spans="14:14">
      <c r="N819865" s="10"/>
    </row>
    <row r="819866" spans="14:14">
      <c r="N819866" s="10"/>
    </row>
    <row r="819867" spans="14:14">
      <c r="N819867" s="10"/>
    </row>
    <row r="819868" spans="14:14">
      <c r="N819868" s="10"/>
    </row>
    <row r="819869" spans="14:14">
      <c r="N819869" s="10"/>
    </row>
    <row r="819870" spans="14:14">
      <c r="N819870" s="10"/>
    </row>
    <row r="819871" spans="14:14">
      <c r="N819871" s="10"/>
    </row>
    <row r="819872" spans="14:14">
      <c r="N819872" s="10"/>
    </row>
    <row r="819873" spans="14:14">
      <c r="N819873" s="10"/>
    </row>
    <row r="819874" spans="14:14">
      <c r="N819874" s="10"/>
    </row>
    <row r="819875" spans="14:14">
      <c r="N819875" s="10"/>
    </row>
    <row r="819876" spans="14:14">
      <c r="N819876" s="10"/>
    </row>
    <row r="819877" spans="14:14">
      <c r="N819877" s="10"/>
    </row>
    <row r="819878" spans="14:14">
      <c r="N819878" s="10"/>
    </row>
    <row r="819879" spans="14:14">
      <c r="N819879" s="10"/>
    </row>
    <row r="819880" spans="14:14">
      <c r="N819880" s="10"/>
    </row>
    <row r="819881" spans="14:14">
      <c r="N819881" s="10"/>
    </row>
    <row r="819882" spans="14:14">
      <c r="N819882" s="10"/>
    </row>
    <row r="819883" spans="14:14">
      <c r="N819883" s="10"/>
    </row>
    <row r="819884" spans="14:14">
      <c r="N819884" s="10"/>
    </row>
    <row r="819885" spans="14:14">
      <c r="N819885" s="10"/>
    </row>
    <row r="819886" spans="14:14">
      <c r="N819886" s="10"/>
    </row>
    <row r="819887" spans="14:14">
      <c r="N819887" s="10"/>
    </row>
    <row r="819888" spans="14:14">
      <c r="N819888" s="10"/>
    </row>
    <row r="819889" spans="14:14">
      <c r="N819889" s="10"/>
    </row>
    <row r="819890" spans="14:14">
      <c r="N819890" s="10"/>
    </row>
    <row r="819891" spans="14:14">
      <c r="N819891" s="10"/>
    </row>
    <row r="819892" spans="14:14">
      <c r="N819892" s="10"/>
    </row>
    <row r="819893" spans="14:14">
      <c r="N819893" s="10"/>
    </row>
    <row r="819894" spans="14:14">
      <c r="N819894" s="10"/>
    </row>
    <row r="819895" spans="14:14">
      <c r="N819895" s="10"/>
    </row>
    <row r="819896" spans="14:14">
      <c r="N819896" s="10"/>
    </row>
    <row r="819897" spans="14:14">
      <c r="N819897" s="10"/>
    </row>
    <row r="819898" spans="14:14">
      <c r="N819898" s="10"/>
    </row>
    <row r="819899" spans="14:14">
      <c r="N819899" s="10"/>
    </row>
    <row r="819900" spans="14:14">
      <c r="N819900" s="10"/>
    </row>
    <row r="819901" spans="14:14">
      <c r="N819901" s="10"/>
    </row>
    <row r="819902" spans="14:14">
      <c r="N819902" s="10"/>
    </row>
    <row r="819903" spans="14:14">
      <c r="N819903" s="10"/>
    </row>
    <row r="819904" spans="14:14">
      <c r="N819904" s="10"/>
    </row>
    <row r="819905" spans="14:14">
      <c r="N819905" s="10"/>
    </row>
    <row r="819906" spans="14:14">
      <c r="N819906" s="10"/>
    </row>
    <row r="819907" spans="14:14">
      <c r="N819907" s="10"/>
    </row>
    <row r="819908" spans="14:14">
      <c r="N819908" s="10"/>
    </row>
    <row r="819909" spans="14:14">
      <c r="N819909" s="10"/>
    </row>
    <row r="819910" spans="14:14">
      <c r="N819910" s="10"/>
    </row>
    <row r="819911" spans="14:14">
      <c r="N819911" s="10"/>
    </row>
    <row r="819912" spans="14:14">
      <c r="N819912" s="10"/>
    </row>
    <row r="819913" spans="14:14">
      <c r="N819913" s="10"/>
    </row>
    <row r="819914" spans="14:14">
      <c r="N819914" s="10"/>
    </row>
    <row r="819915" spans="14:14">
      <c r="N819915" s="10"/>
    </row>
    <row r="819916" spans="14:14">
      <c r="N819916" s="10"/>
    </row>
    <row r="819917" spans="14:14">
      <c r="N819917" s="10"/>
    </row>
    <row r="819918" spans="14:14">
      <c r="N819918" s="10"/>
    </row>
    <row r="819919" spans="14:14">
      <c r="N819919" s="10"/>
    </row>
    <row r="819920" spans="14:14">
      <c r="N819920" s="10"/>
    </row>
    <row r="819921" spans="14:14">
      <c r="N819921" s="10"/>
    </row>
    <row r="819922" spans="14:14">
      <c r="N819922" s="10"/>
    </row>
    <row r="819923" spans="14:14">
      <c r="N819923" s="10"/>
    </row>
    <row r="819924" spans="14:14">
      <c r="N819924" s="10"/>
    </row>
    <row r="819925" spans="14:14">
      <c r="N819925" s="10"/>
    </row>
    <row r="819926" spans="14:14">
      <c r="N819926" s="10"/>
    </row>
    <row r="819927" spans="14:14">
      <c r="N819927" s="10"/>
    </row>
    <row r="819928" spans="14:14">
      <c r="N819928" s="10"/>
    </row>
    <row r="819929" spans="14:14">
      <c r="N819929" s="10"/>
    </row>
    <row r="819930" spans="14:14">
      <c r="N819930" s="10"/>
    </row>
    <row r="819931" spans="14:14">
      <c r="N819931" s="10"/>
    </row>
    <row r="819932" spans="14:14">
      <c r="N819932" s="10"/>
    </row>
    <row r="819933" spans="14:14">
      <c r="N819933" s="10"/>
    </row>
    <row r="819934" spans="14:14">
      <c r="N819934" s="10"/>
    </row>
    <row r="819935" spans="14:14">
      <c r="N819935" s="10"/>
    </row>
    <row r="819936" spans="14:14">
      <c r="N819936" s="10"/>
    </row>
    <row r="819937" spans="14:14">
      <c r="N819937" s="10"/>
    </row>
    <row r="819938" spans="14:14">
      <c r="N819938" s="10"/>
    </row>
    <row r="819939" spans="14:14">
      <c r="N819939" s="10"/>
    </row>
    <row r="819940" spans="14:14">
      <c r="N819940" s="10"/>
    </row>
    <row r="819941" spans="14:14">
      <c r="N819941" s="10"/>
    </row>
    <row r="819942" spans="14:14">
      <c r="N819942" s="10"/>
    </row>
    <row r="819943" spans="14:14">
      <c r="N819943" s="10"/>
    </row>
    <row r="819944" spans="14:14">
      <c r="N819944" s="10"/>
    </row>
    <row r="819945" spans="14:14">
      <c r="N819945" s="10"/>
    </row>
    <row r="819946" spans="14:14">
      <c r="N819946" s="10"/>
    </row>
    <row r="819947" spans="14:14">
      <c r="N819947" s="10"/>
    </row>
    <row r="819948" spans="14:14">
      <c r="N819948" s="10"/>
    </row>
    <row r="819949" spans="14:14">
      <c r="N819949" s="10"/>
    </row>
    <row r="819950" spans="14:14">
      <c r="N819950" s="10"/>
    </row>
    <row r="819951" spans="14:14">
      <c r="N819951" s="10"/>
    </row>
    <row r="819952" spans="14:14">
      <c r="N819952" s="10"/>
    </row>
    <row r="819953" spans="14:14">
      <c r="N819953" s="10"/>
    </row>
    <row r="819954" spans="14:14">
      <c r="N819954" s="10"/>
    </row>
    <row r="819955" spans="14:14">
      <c r="N819955" s="10"/>
    </row>
    <row r="819956" spans="14:14">
      <c r="N819956" s="10"/>
    </row>
    <row r="819957" spans="14:14">
      <c r="N819957" s="10"/>
    </row>
    <row r="819958" spans="14:14">
      <c r="N819958" s="10"/>
    </row>
    <row r="819959" spans="14:14">
      <c r="N819959" s="10"/>
    </row>
    <row r="819960" spans="14:14">
      <c r="N819960" s="10"/>
    </row>
    <row r="819961" spans="14:14">
      <c r="N819961" s="10"/>
    </row>
    <row r="819962" spans="14:14">
      <c r="N819962" s="10"/>
    </row>
    <row r="819963" spans="14:14">
      <c r="N819963" s="10"/>
    </row>
    <row r="819964" spans="14:14">
      <c r="N819964" s="10"/>
    </row>
    <row r="819965" spans="14:14">
      <c r="N819965" s="10"/>
    </row>
    <row r="819966" spans="14:14">
      <c r="N819966" s="10"/>
    </row>
    <row r="819967" spans="14:14">
      <c r="N819967" s="10"/>
    </row>
    <row r="819968" spans="14:14">
      <c r="N819968" s="10"/>
    </row>
    <row r="819969" spans="14:14">
      <c r="N819969" s="10"/>
    </row>
    <row r="819970" spans="14:14">
      <c r="N819970" s="10"/>
    </row>
    <row r="819971" spans="14:14">
      <c r="N819971" s="10"/>
    </row>
    <row r="819972" spans="14:14">
      <c r="N819972" s="10"/>
    </row>
    <row r="819973" spans="14:14">
      <c r="N819973" s="10"/>
    </row>
    <row r="819974" spans="14:14">
      <c r="N819974" s="10"/>
    </row>
    <row r="819975" spans="14:14">
      <c r="N819975" s="10"/>
    </row>
    <row r="819976" spans="14:14">
      <c r="N819976" s="10"/>
    </row>
    <row r="819977" spans="14:14">
      <c r="N819977" s="10"/>
    </row>
    <row r="819978" spans="14:14">
      <c r="N819978" s="10"/>
    </row>
    <row r="819979" spans="14:14">
      <c r="N819979" s="10"/>
    </row>
    <row r="819980" spans="14:14">
      <c r="N819980" s="10"/>
    </row>
    <row r="819981" spans="14:14">
      <c r="N819981" s="10"/>
    </row>
    <row r="819982" spans="14:14">
      <c r="N819982" s="10"/>
    </row>
    <row r="819983" spans="14:14">
      <c r="N819983" s="10"/>
    </row>
    <row r="819984" spans="14:14">
      <c r="N819984" s="10"/>
    </row>
    <row r="819985" spans="14:14">
      <c r="N819985" s="10"/>
    </row>
    <row r="819986" spans="14:14">
      <c r="N819986" s="10"/>
    </row>
    <row r="819987" spans="14:14">
      <c r="N819987" s="10"/>
    </row>
    <row r="819988" spans="14:14">
      <c r="N819988" s="10"/>
    </row>
    <row r="819989" spans="14:14">
      <c r="N819989" s="10"/>
    </row>
    <row r="819990" spans="14:14">
      <c r="N819990" s="10"/>
    </row>
    <row r="819991" spans="14:14">
      <c r="N819991" s="10"/>
    </row>
    <row r="819992" spans="14:14">
      <c r="N819992" s="10"/>
    </row>
    <row r="819993" spans="14:14">
      <c r="N819993" s="10"/>
    </row>
    <row r="819994" spans="14:14">
      <c r="N819994" s="10"/>
    </row>
    <row r="819995" spans="14:14">
      <c r="N819995" s="10"/>
    </row>
    <row r="819996" spans="14:14">
      <c r="N819996" s="10"/>
    </row>
    <row r="819997" spans="14:14">
      <c r="N819997" s="10"/>
    </row>
    <row r="819998" spans="14:14">
      <c r="N819998" s="10"/>
    </row>
    <row r="819999" spans="14:14">
      <c r="N819999" s="10"/>
    </row>
    <row r="820000" spans="14:14">
      <c r="N820000" s="10"/>
    </row>
    <row r="820001" spans="14:14">
      <c r="N820001" s="10"/>
    </row>
    <row r="820002" spans="14:14">
      <c r="N820002" s="10"/>
    </row>
    <row r="820003" spans="14:14">
      <c r="N820003" s="10"/>
    </row>
    <row r="820004" spans="14:14">
      <c r="N820004" s="10"/>
    </row>
    <row r="820005" spans="14:14">
      <c r="N820005" s="10"/>
    </row>
    <row r="820006" spans="14:14">
      <c r="N820006" s="10"/>
    </row>
    <row r="820007" spans="14:14">
      <c r="N820007" s="10"/>
    </row>
    <row r="820008" spans="14:14">
      <c r="N820008" s="10"/>
    </row>
    <row r="820009" spans="14:14">
      <c r="N820009" s="10"/>
    </row>
    <row r="820010" spans="14:14">
      <c r="N820010" s="10"/>
    </row>
    <row r="820011" spans="14:14">
      <c r="N820011" s="10"/>
    </row>
    <row r="820012" spans="14:14">
      <c r="N820012" s="10"/>
    </row>
    <row r="820013" spans="14:14">
      <c r="N820013" s="10"/>
    </row>
    <row r="820014" spans="14:14">
      <c r="N820014" s="10"/>
    </row>
    <row r="820015" spans="14:14">
      <c r="N820015" s="10"/>
    </row>
    <row r="820016" spans="14:14">
      <c r="N820016" s="10"/>
    </row>
    <row r="820017" spans="14:14">
      <c r="N820017" s="10"/>
    </row>
    <row r="820018" spans="14:14">
      <c r="N820018" s="10"/>
    </row>
    <row r="820019" spans="14:14">
      <c r="N820019" s="10"/>
    </row>
    <row r="820020" spans="14:14">
      <c r="N820020" s="10"/>
    </row>
    <row r="820021" spans="14:14">
      <c r="N820021" s="10"/>
    </row>
    <row r="820022" spans="14:14">
      <c r="N820022" s="10"/>
    </row>
    <row r="820023" spans="14:14">
      <c r="N820023" s="10"/>
    </row>
    <row r="820024" spans="14:14">
      <c r="N820024" s="10"/>
    </row>
    <row r="820025" spans="14:14">
      <c r="N820025" s="10"/>
    </row>
    <row r="820026" spans="14:14">
      <c r="N820026" s="10"/>
    </row>
    <row r="820027" spans="14:14">
      <c r="N820027" s="10"/>
    </row>
    <row r="820028" spans="14:14">
      <c r="N820028" s="10"/>
    </row>
    <row r="820029" spans="14:14">
      <c r="N820029" s="10"/>
    </row>
    <row r="820030" spans="14:14">
      <c r="N820030" s="10"/>
    </row>
    <row r="820031" spans="14:14">
      <c r="N820031" s="10"/>
    </row>
    <row r="820032" spans="14:14">
      <c r="N820032" s="10"/>
    </row>
    <row r="820033" spans="14:14">
      <c r="N820033" s="10"/>
    </row>
    <row r="820034" spans="14:14">
      <c r="N820034" s="10"/>
    </row>
    <row r="820035" spans="14:14">
      <c r="N820035" s="10"/>
    </row>
    <row r="820036" spans="14:14">
      <c r="N820036" s="10"/>
    </row>
    <row r="820037" spans="14:14">
      <c r="N820037" s="10"/>
    </row>
    <row r="820038" spans="14:14">
      <c r="N820038" s="10"/>
    </row>
    <row r="820039" spans="14:14">
      <c r="N820039" s="10"/>
    </row>
    <row r="820040" spans="14:14">
      <c r="N820040" s="10"/>
    </row>
    <row r="820041" spans="14:14">
      <c r="N820041" s="10"/>
    </row>
    <row r="820042" spans="14:14">
      <c r="N820042" s="10"/>
    </row>
    <row r="820043" spans="14:14">
      <c r="N820043" s="10"/>
    </row>
    <row r="820044" spans="14:14">
      <c r="N820044" s="10"/>
    </row>
    <row r="820045" spans="14:14">
      <c r="N820045" s="10"/>
    </row>
    <row r="820046" spans="14:14">
      <c r="N820046" s="10"/>
    </row>
    <row r="820047" spans="14:14">
      <c r="N820047" s="10"/>
    </row>
    <row r="820048" spans="14:14">
      <c r="N820048" s="10"/>
    </row>
    <row r="820049" spans="14:14">
      <c r="N820049" s="10"/>
    </row>
    <row r="820050" spans="14:14">
      <c r="N820050" s="10"/>
    </row>
    <row r="820051" spans="14:14">
      <c r="N820051" s="10"/>
    </row>
    <row r="820052" spans="14:14">
      <c r="N820052" s="10"/>
    </row>
    <row r="820053" spans="14:14">
      <c r="N820053" s="10"/>
    </row>
    <row r="820054" spans="14:14">
      <c r="N820054" s="10"/>
    </row>
    <row r="820055" spans="14:14">
      <c r="N820055" s="10"/>
    </row>
    <row r="820056" spans="14:14">
      <c r="N820056" s="10"/>
    </row>
    <row r="820057" spans="14:14">
      <c r="N820057" s="10"/>
    </row>
    <row r="820058" spans="14:14">
      <c r="N820058" s="10"/>
    </row>
    <row r="820059" spans="14:14">
      <c r="N820059" s="10"/>
    </row>
    <row r="820060" spans="14:14">
      <c r="N820060" s="10"/>
    </row>
    <row r="820061" spans="14:14">
      <c r="N820061" s="10"/>
    </row>
    <row r="820062" spans="14:14">
      <c r="N820062" s="10"/>
    </row>
    <row r="820063" spans="14:14">
      <c r="N820063" s="10"/>
    </row>
    <row r="820064" spans="14:14">
      <c r="N820064" s="10"/>
    </row>
    <row r="820065" spans="14:14">
      <c r="N820065" s="10"/>
    </row>
    <row r="820066" spans="14:14">
      <c r="N820066" s="10"/>
    </row>
    <row r="820067" spans="14:14">
      <c r="N820067" s="10"/>
    </row>
    <row r="820068" spans="14:14">
      <c r="N820068" s="10"/>
    </row>
    <row r="820069" spans="14:14">
      <c r="N820069" s="10"/>
    </row>
    <row r="820070" spans="14:14">
      <c r="N820070" s="10"/>
    </row>
    <row r="820071" spans="14:14">
      <c r="N820071" s="10"/>
    </row>
    <row r="820072" spans="14:14">
      <c r="N820072" s="10"/>
    </row>
    <row r="820073" spans="14:14">
      <c r="N820073" s="10"/>
    </row>
    <row r="820074" spans="14:14">
      <c r="N820074" s="10"/>
    </row>
    <row r="820075" spans="14:14">
      <c r="N820075" s="10"/>
    </row>
    <row r="820076" spans="14:14">
      <c r="N820076" s="10"/>
    </row>
    <row r="820077" spans="14:14">
      <c r="N820077" s="10"/>
    </row>
    <row r="820078" spans="14:14">
      <c r="N820078" s="10"/>
    </row>
    <row r="820079" spans="14:14">
      <c r="N820079" s="10"/>
    </row>
    <row r="820080" spans="14:14">
      <c r="N820080" s="10"/>
    </row>
    <row r="820081" spans="14:14">
      <c r="N820081" s="10"/>
    </row>
    <row r="820082" spans="14:14">
      <c r="N820082" s="10"/>
    </row>
    <row r="820083" spans="14:14">
      <c r="N820083" s="10"/>
    </row>
    <row r="820084" spans="14:14">
      <c r="N820084" s="10"/>
    </row>
    <row r="820085" spans="14:14">
      <c r="N820085" s="10"/>
    </row>
    <row r="820086" spans="14:14">
      <c r="N820086" s="10"/>
    </row>
    <row r="820087" spans="14:14">
      <c r="N820087" s="10"/>
    </row>
    <row r="820088" spans="14:14">
      <c r="N820088" s="10"/>
    </row>
    <row r="820089" spans="14:14">
      <c r="N820089" s="10"/>
    </row>
    <row r="820090" spans="14:14">
      <c r="N820090" s="10"/>
    </row>
    <row r="820091" spans="14:14">
      <c r="N820091" s="10"/>
    </row>
    <row r="820092" spans="14:14">
      <c r="N820092" s="10"/>
    </row>
    <row r="820093" spans="14:14">
      <c r="N820093" s="10"/>
    </row>
    <row r="820094" spans="14:14">
      <c r="N820094" s="10"/>
    </row>
    <row r="820095" spans="14:14">
      <c r="N820095" s="10"/>
    </row>
    <row r="820096" spans="14:14">
      <c r="N820096" s="10"/>
    </row>
    <row r="820097" spans="14:14">
      <c r="N820097" s="10"/>
    </row>
    <row r="820098" spans="14:14">
      <c r="N820098" s="10"/>
    </row>
    <row r="820099" spans="14:14">
      <c r="N820099" s="10"/>
    </row>
    <row r="820100" spans="14:14">
      <c r="N820100" s="10"/>
    </row>
    <row r="820101" spans="14:14">
      <c r="N820101" s="10"/>
    </row>
    <row r="820102" spans="14:14">
      <c r="N820102" s="10"/>
    </row>
    <row r="820103" spans="14:14">
      <c r="N820103" s="10"/>
    </row>
    <row r="820104" spans="14:14">
      <c r="N820104" s="10"/>
    </row>
    <row r="820105" spans="14:14">
      <c r="N820105" s="10"/>
    </row>
    <row r="820106" spans="14:14">
      <c r="N820106" s="10"/>
    </row>
    <row r="820107" spans="14:14">
      <c r="N820107" s="10"/>
    </row>
    <row r="820108" spans="14:14">
      <c r="N820108" s="10"/>
    </row>
    <row r="820109" spans="14:14">
      <c r="N820109" s="10"/>
    </row>
    <row r="820110" spans="14:14">
      <c r="N820110" s="10"/>
    </row>
    <row r="820111" spans="14:14">
      <c r="N820111" s="10"/>
    </row>
    <row r="820112" spans="14:14">
      <c r="N820112" s="10"/>
    </row>
    <row r="820113" spans="14:14">
      <c r="N820113" s="10"/>
    </row>
    <row r="820114" spans="14:14">
      <c r="N820114" s="10"/>
    </row>
    <row r="820115" spans="14:14">
      <c r="N820115" s="10"/>
    </row>
    <row r="820116" spans="14:14">
      <c r="N820116" s="10"/>
    </row>
    <row r="820117" spans="14:14">
      <c r="N820117" s="10"/>
    </row>
    <row r="820118" spans="14:14">
      <c r="N820118" s="10"/>
    </row>
    <row r="820119" spans="14:14">
      <c r="N820119" s="10"/>
    </row>
    <row r="820120" spans="14:14">
      <c r="N820120" s="10"/>
    </row>
    <row r="820121" spans="14:14">
      <c r="N820121" s="10"/>
    </row>
    <row r="820122" spans="14:14">
      <c r="N820122" s="10"/>
    </row>
    <row r="820123" spans="14:14">
      <c r="N820123" s="10"/>
    </row>
    <row r="820124" spans="14:14">
      <c r="N820124" s="10"/>
    </row>
    <row r="820125" spans="14:14">
      <c r="N820125" s="10"/>
    </row>
    <row r="820126" spans="14:14">
      <c r="N820126" s="10"/>
    </row>
    <row r="820127" spans="14:14">
      <c r="N820127" s="10"/>
    </row>
    <row r="820128" spans="14:14">
      <c r="N820128" s="10"/>
    </row>
    <row r="820129" spans="14:14">
      <c r="N820129" s="10"/>
    </row>
    <row r="820130" spans="14:14">
      <c r="N820130" s="10"/>
    </row>
    <row r="820131" spans="14:14">
      <c r="N820131" s="10"/>
    </row>
    <row r="820132" spans="14:14">
      <c r="N820132" s="10"/>
    </row>
    <row r="820133" spans="14:14">
      <c r="N820133" s="10"/>
    </row>
    <row r="820134" spans="14:14">
      <c r="N820134" s="10"/>
    </row>
    <row r="820135" spans="14:14">
      <c r="N820135" s="10"/>
    </row>
    <row r="820136" spans="14:14">
      <c r="N820136" s="10"/>
    </row>
    <row r="820137" spans="14:14">
      <c r="N820137" s="10"/>
    </row>
    <row r="820138" spans="14:14">
      <c r="N820138" s="10"/>
    </row>
    <row r="820139" spans="14:14">
      <c r="N820139" s="10"/>
    </row>
    <row r="820140" spans="14:14">
      <c r="N820140" s="10"/>
    </row>
    <row r="820141" spans="14:14">
      <c r="N820141" s="10"/>
    </row>
    <row r="820142" spans="14:14">
      <c r="N820142" s="10"/>
    </row>
    <row r="820143" spans="14:14">
      <c r="N820143" s="10"/>
    </row>
    <row r="820144" spans="14:14">
      <c r="N820144" s="10"/>
    </row>
    <row r="820145" spans="14:14">
      <c r="N820145" s="10"/>
    </row>
    <row r="820146" spans="14:14">
      <c r="N820146" s="10"/>
    </row>
    <row r="820147" spans="14:14">
      <c r="N820147" s="10"/>
    </row>
    <row r="820148" spans="14:14">
      <c r="N820148" s="10"/>
    </row>
    <row r="820149" spans="14:14">
      <c r="N820149" s="10"/>
    </row>
    <row r="820150" spans="14:14">
      <c r="N820150" s="10"/>
    </row>
    <row r="820151" spans="14:14">
      <c r="N820151" s="10"/>
    </row>
    <row r="820152" spans="14:14">
      <c r="N820152" s="10"/>
    </row>
    <row r="820153" spans="14:14">
      <c r="N820153" s="10"/>
    </row>
    <row r="820154" spans="14:14">
      <c r="N820154" s="10"/>
    </row>
    <row r="820155" spans="14:14">
      <c r="N820155" s="10"/>
    </row>
    <row r="820156" spans="14:14">
      <c r="N820156" s="10"/>
    </row>
    <row r="820157" spans="14:14">
      <c r="N820157" s="10"/>
    </row>
    <row r="820158" spans="14:14">
      <c r="N820158" s="10"/>
    </row>
    <row r="820159" spans="14:14">
      <c r="N820159" s="10"/>
    </row>
    <row r="820160" spans="14:14">
      <c r="N820160" s="10"/>
    </row>
    <row r="820161" spans="14:14">
      <c r="N820161" s="10"/>
    </row>
    <row r="820162" spans="14:14">
      <c r="N820162" s="10"/>
    </row>
    <row r="820163" spans="14:14">
      <c r="N820163" s="10"/>
    </row>
    <row r="820164" spans="14:14">
      <c r="N820164" s="10"/>
    </row>
    <row r="820165" spans="14:14">
      <c r="N820165" s="10"/>
    </row>
    <row r="820166" spans="14:14">
      <c r="N820166" s="10"/>
    </row>
    <row r="820167" spans="14:14">
      <c r="N820167" s="10"/>
    </row>
    <row r="820168" spans="14:14">
      <c r="N820168" s="10"/>
    </row>
    <row r="820169" spans="14:14">
      <c r="N820169" s="10"/>
    </row>
    <row r="820170" spans="14:14">
      <c r="N820170" s="10"/>
    </row>
    <row r="820171" spans="14:14">
      <c r="N820171" s="10"/>
    </row>
    <row r="820172" spans="14:14">
      <c r="N820172" s="10"/>
    </row>
    <row r="820173" spans="14:14">
      <c r="N820173" s="10"/>
    </row>
    <row r="820174" spans="14:14">
      <c r="N820174" s="10"/>
    </row>
    <row r="820175" spans="14:14">
      <c r="N820175" s="10"/>
    </row>
    <row r="820176" spans="14:14">
      <c r="N820176" s="10"/>
    </row>
    <row r="820177" spans="14:14">
      <c r="N820177" s="10"/>
    </row>
    <row r="820178" spans="14:14">
      <c r="N820178" s="10"/>
    </row>
    <row r="820179" spans="14:14">
      <c r="N820179" s="10"/>
    </row>
    <row r="820180" spans="14:14">
      <c r="N820180" s="10"/>
    </row>
    <row r="820181" spans="14:14">
      <c r="N820181" s="10"/>
    </row>
    <row r="820182" spans="14:14">
      <c r="N820182" s="10"/>
    </row>
    <row r="820183" spans="14:14">
      <c r="N820183" s="10"/>
    </row>
    <row r="820184" spans="14:14">
      <c r="N820184" s="10"/>
    </row>
    <row r="820185" spans="14:14">
      <c r="N820185" s="10"/>
    </row>
    <row r="820186" spans="14:14">
      <c r="N820186" s="10"/>
    </row>
    <row r="820187" spans="14:14">
      <c r="N820187" s="10"/>
    </row>
    <row r="820188" spans="14:14">
      <c r="N820188" s="10"/>
    </row>
    <row r="820189" spans="14:14">
      <c r="N820189" s="10"/>
    </row>
    <row r="820190" spans="14:14">
      <c r="N820190" s="10"/>
    </row>
    <row r="820191" spans="14:14">
      <c r="N820191" s="10"/>
    </row>
    <row r="820192" spans="14:14">
      <c r="N820192" s="10"/>
    </row>
    <row r="820193" spans="14:14">
      <c r="N820193" s="10"/>
    </row>
    <row r="820194" spans="14:14">
      <c r="N820194" s="10"/>
    </row>
    <row r="820195" spans="14:14">
      <c r="N820195" s="10"/>
    </row>
    <row r="820196" spans="14:14">
      <c r="N820196" s="10"/>
    </row>
    <row r="820197" spans="14:14">
      <c r="N820197" s="10"/>
    </row>
    <row r="820198" spans="14:14">
      <c r="N820198" s="10"/>
    </row>
    <row r="820199" spans="14:14">
      <c r="N820199" s="10"/>
    </row>
    <row r="820200" spans="14:14">
      <c r="N820200" s="10"/>
    </row>
    <row r="820201" spans="14:14">
      <c r="N820201" s="10"/>
    </row>
    <row r="820202" spans="14:14">
      <c r="N820202" s="10"/>
    </row>
    <row r="820203" spans="14:14">
      <c r="N820203" s="10"/>
    </row>
    <row r="820204" spans="14:14">
      <c r="N820204" s="10"/>
    </row>
    <row r="820205" spans="14:14">
      <c r="N820205" s="10"/>
    </row>
    <row r="820206" spans="14:14">
      <c r="N820206" s="10"/>
    </row>
    <row r="820207" spans="14:14">
      <c r="N820207" s="10"/>
    </row>
    <row r="820208" spans="14:14">
      <c r="N820208" s="10"/>
    </row>
    <row r="820209" spans="14:14">
      <c r="N820209" s="10"/>
    </row>
    <row r="820210" spans="14:14">
      <c r="N820210" s="10"/>
    </row>
    <row r="820211" spans="14:14">
      <c r="N820211" s="10"/>
    </row>
    <row r="820212" spans="14:14">
      <c r="N820212" s="10"/>
    </row>
    <row r="820213" spans="14:14">
      <c r="N820213" s="10"/>
    </row>
    <row r="820214" spans="14:14">
      <c r="N820214" s="10"/>
    </row>
    <row r="820215" spans="14:14">
      <c r="N820215" s="10"/>
    </row>
    <row r="820216" spans="14:14">
      <c r="N820216" s="10"/>
    </row>
    <row r="820217" spans="14:14">
      <c r="N820217" s="10"/>
    </row>
    <row r="820218" spans="14:14">
      <c r="N820218" s="10"/>
    </row>
    <row r="820219" spans="14:14">
      <c r="N820219" s="10"/>
    </row>
    <row r="820220" spans="14:14">
      <c r="N820220" s="10"/>
    </row>
    <row r="820221" spans="14:14">
      <c r="N820221" s="10"/>
    </row>
    <row r="820222" spans="14:14">
      <c r="N820222" s="10"/>
    </row>
    <row r="820223" spans="14:14">
      <c r="N820223" s="10"/>
    </row>
    <row r="820224" spans="14:14">
      <c r="N820224" s="10"/>
    </row>
    <row r="820225" spans="14:14">
      <c r="N820225" s="10"/>
    </row>
    <row r="820226" spans="14:14">
      <c r="N820226" s="10"/>
    </row>
    <row r="820227" spans="14:14">
      <c r="N820227" s="10"/>
    </row>
    <row r="820228" spans="14:14">
      <c r="N820228" s="10"/>
    </row>
    <row r="820229" spans="14:14">
      <c r="N820229" s="10"/>
    </row>
    <row r="820230" spans="14:14">
      <c r="N820230" s="10"/>
    </row>
    <row r="820231" spans="14:14">
      <c r="N820231" s="10"/>
    </row>
    <row r="820232" spans="14:14">
      <c r="N820232" s="10"/>
    </row>
    <row r="820233" spans="14:14">
      <c r="N820233" s="10"/>
    </row>
    <row r="820234" spans="14:14">
      <c r="N820234" s="10"/>
    </row>
    <row r="820235" spans="14:14">
      <c r="N820235" s="10"/>
    </row>
    <row r="820236" spans="14:14">
      <c r="N820236" s="10"/>
    </row>
    <row r="820237" spans="14:14">
      <c r="N820237" s="10"/>
    </row>
    <row r="820238" spans="14:14">
      <c r="N820238" s="10"/>
    </row>
    <row r="820239" spans="14:14">
      <c r="N820239" s="10"/>
    </row>
    <row r="820240" spans="14:14">
      <c r="N820240" s="10"/>
    </row>
    <row r="820241" spans="14:14">
      <c r="N820241" s="10"/>
    </row>
    <row r="820242" spans="14:14">
      <c r="N820242" s="10"/>
    </row>
    <row r="820243" spans="14:14">
      <c r="N820243" s="10"/>
    </row>
    <row r="820244" spans="14:14">
      <c r="N820244" s="10"/>
    </row>
    <row r="820245" spans="14:14">
      <c r="N820245" s="10"/>
    </row>
    <row r="820246" spans="14:14">
      <c r="N820246" s="10"/>
    </row>
    <row r="820247" spans="14:14">
      <c r="N820247" s="10"/>
    </row>
    <row r="820248" spans="14:14">
      <c r="N820248" s="10"/>
    </row>
    <row r="820249" spans="14:14">
      <c r="N820249" s="10"/>
    </row>
    <row r="820250" spans="14:14">
      <c r="N820250" s="10"/>
    </row>
    <row r="820251" spans="14:14">
      <c r="N820251" s="10"/>
    </row>
    <row r="820252" spans="14:14">
      <c r="N820252" s="10"/>
    </row>
    <row r="820253" spans="14:14">
      <c r="N820253" s="10"/>
    </row>
    <row r="820254" spans="14:14">
      <c r="N820254" s="10"/>
    </row>
    <row r="820255" spans="14:14">
      <c r="N820255" s="10"/>
    </row>
    <row r="820256" spans="14:14">
      <c r="N820256" s="10"/>
    </row>
    <row r="820257" spans="14:14">
      <c r="N820257" s="10"/>
    </row>
    <row r="820258" spans="14:14">
      <c r="N820258" s="10"/>
    </row>
    <row r="820259" spans="14:14">
      <c r="N820259" s="10"/>
    </row>
    <row r="820260" spans="14:14">
      <c r="N820260" s="10"/>
    </row>
    <row r="820261" spans="14:14">
      <c r="N820261" s="10"/>
    </row>
    <row r="820262" spans="14:14">
      <c r="N820262" s="10"/>
    </row>
    <row r="820263" spans="14:14">
      <c r="N820263" s="10"/>
    </row>
    <row r="820264" spans="14:14">
      <c r="N820264" s="10"/>
    </row>
    <row r="820265" spans="14:14">
      <c r="N820265" s="10"/>
    </row>
    <row r="820266" spans="14:14">
      <c r="N820266" s="10"/>
    </row>
    <row r="820267" spans="14:14">
      <c r="N820267" s="10"/>
    </row>
    <row r="820268" spans="14:14">
      <c r="N820268" s="10"/>
    </row>
    <row r="820269" spans="14:14">
      <c r="N820269" s="10"/>
    </row>
    <row r="820270" spans="14:14">
      <c r="N820270" s="10"/>
    </row>
    <row r="820271" spans="14:14">
      <c r="N820271" s="10"/>
    </row>
    <row r="820272" spans="14:14">
      <c r="N820272" s="10"/>
    </row>
    <row r="820273" spans="14:14">
      <c r="N820273" s="10"/>
    </row>
    <row r="820274" spans="14:14">
      <c r="N820274" s="10"/>
    </row>
    <row r="820275" spans="14:14">
      <c r="N820275" s="10"/>
    </row>
    <row r="820276" spans="14:14">
      <c r="N820276" s="10"/>
    </row>
    <row r="820277" spans="14:14">
      <c r="N820277" s="10"/>
    </row>
    <row r="820278" spans="14:14">
      <c r="N820278" s="10"/>
    </row>
    <row r="820279" spans="14:14">
      <c r="N820279" s="10"/>
    </row>
    <row r="820280" spans="14:14">
      <c r="N820280" s="10"/>
    </row>
    <row r="820281" spans="14:14">
      <c r="N820281" s="10"/>
    </row>
    <row r="820282" spans="14:14">
      <c r="N820282" s="10"/>
    </row>
    <row r="820283" spans="14:14">
      <c r="N820283" s="10"/>
    </row>
    <row r="820284" spans="14:14">
      <c r="N820284" s="10"/>
    </row>
    <row r="820285" spans="14:14">
      <c r="N820285" s="10"/>
    </row>
    <row r="820286" spans="14:14">
      <c r="N820286" s="10"/>
    </row>
    <row r="820287" spans="14:14">
      <c r="N820287" s="10"/>
    </row>
    <row r="820288" spans="14:14">
      <c r="N820288" s="10"/>
    </row>
    <row r="820289" spans="14:14">
      <c r="N820289" s="10"/>
    </row>
    <row r="820290" spans="14:14">
      <c r="N820290" s="10"/>
    </row>
    <row r="820291" spans="14:14">
      <c r="N820291" s="10"/>
    </row>
    <row r="820292" spans="14:14">
      <c r="N820292" s="10"/>
    </row>
    <row r="820293" spans="14:14">
      <c r="N820293" s="10"/>
    </row>
    <row r="820294" spans="14:14">
      <c r="N820294" s="10"/>
    </row>
    <row r="820295" spans="14:14">
      <c r="N820295" s="10"/>
    </row>
    <row r="820296" spans="14:14">
      <c r="N820296" s="10"/>
    </row>
    <row r="820297" spans="14:14">
      <c r="N820297" s="10"/>
    </row>
    <row r="820298" spans="14:14">
      <c r="N820298" s="10"/>
    </row>
    <row r="820299" spans="14:14">
      <c r="N820299" s="10"/>
    </row>
    <row r="820300" spans="14:14">
      <c r="N820300" s="10"/>
    </row>
    <row r="820301" spans="14:14">
      <c r="N820301" s="10"/>
    </row>
    <row r="820302" spans="14:14">
      <c r="N820302" s="10"/>
    </row>
    <row r="820303" spans="14:14">
      <c r="N820303" s="10"/>
    </row>
    <row r="820304" spans="14:14">
      <c r="N820304" s="10"/>
    </row>
    <row r="820305" spans="14:14">
      <c r="N820305" s="10"/>
    </row>
    <row r="820306" spans="14:14">
      <c r="N820306" s="10"/>
    </row>
    <row r="820307" spans="14:14">
      <c r="N820307" s="10"/>
    </row>
    <row r="820308" spans="14:14">
      <c r="N820308" s="10"/>
    </row>
    <row r="820309" spans="14:14">
      <c r="N820309" s="10"/>
    </row>
    <row r="820310" spans="14:14">
      <c r="N820310" s="10"/>
    </row>
    <row r="820311" spans="14:14">
      <c r="N820311" s="10"/>
    </row>
    <row r="820312" spans="14:14">
      <c r="N820312" s="10"/>
    </row>
    <row r="820313" spans="14:14">
      <c r="N820313" s="10"/>
    </row>
    <row r="820314" spans="14:14">
      <c r="N820314" s="10"/>
    </row>
    <row r="820315" spans="14:14">
      <c r="N820315" s="10"/>
    </row>
    <row r="820316" spans="14:14">
      <c r="N820316" s="10"/>
    </row>
    <row r="820317" spans="14:14">
      <c r="N820317" s="10"/>
    </row>
    <row r="820318" spans="14:14">
      <c r="N820318" s="10"/>
    </row>
    <row r="820319" spans="14:14">
      <c r="N820319" s="10"/>
    </row>
    <row r="820320" spans="14:14">
      <c r="N820320" s="10"/>
    </row>
    <row r="820321" spans="14:14">
      <c r="N820321" s="10"/>
    </row>
    <row r="820322" spans="14:14">
      <c r="N820322" s="10"/>
    </row>
    <row r="820323" spans="14:14">
      <c r="N820323" s="10"/>
    </row>
    <row r="820324" spans="14:14">
      <c r="N820324" s="10"/>
    </row>
    <row r="820325" spans="14:14">
      <c r="N820325" s="10"/>
    </row>
    <row r="820326" spans="14:14">
      <c r="N820326" s="10"/>
    </row>
    <row r="820327" spans="14:14">
      <c r="N820327" s="10"/>
    </row>
    <row r="820328" spans="14:14">
      <c r="N820328" s="10"/>
    </row>
    <row r="820329" spans="14:14">
      <c r="N820329" s="10"/>
    </row>
    <row r="820330" spans="14:14">
      <c r="N820330" s="10"/>
    </row>
    <row r="820331" spans="14:14">
      <c r="N820331" s="10"/>
    </row>
    <row r="820332" spans="14:14">
      <c r="N820332" s="10"/>
    </row>
    <row r="820333" spans="14:14">
      <c r="N820333" s="10"/>
    </row>
    <row r="820334" spans="14:14">
      <c r="N820334" s="10"/>
    </row>
    <row r="820335" spans="14:14">
      <c r="N820335" s="10"/>
    </row>
    <row r="820336" spans="14:14">
      <c r="N820336" s="10"/>
    </row>
    <row r="820337" spans="14:14">
      <c r="N820337" s="10"/>
    </row>
    <row r="820338" spans="14:14">
      <c r="N820338" s="10"/>
    </row>
    <row r="820339" spans="14:14">
      <c r="N820339" s="10"/>
    </row>
    <row r="820340" spans="14:14">
      <c r="N820340" s="10"/>
    </row>
    <row r="820341" spans="14:14">
      <c r="N820341" s="10"/>
    </row>
    <row r="820342" spans="14:14">
      <c r="N820342" s="10"/>
    </row>
    <row r="820343" spans="14:14">
      <c r="N820343" s="10"/>
    </row>
    <row r="820344" spans="14:14">
      <c r="N820344" s="10"/>
    </row>
    <row r="820345" spans="14:14">
      <c r="N820345" s="10"/>
    </row>
    <row r="820346" spans="14:14">
      <c r="N820346" s="10"/>
    </row>
    <row r="820347" spans="14:14">
      <c r="N820347" s="10"/>
    </row>
    <row r="820348" spans="14:14">
      <c r="N820348" s="10"/>
    </row>
    <row r="820349" spans="14:14">
      <c r="N820349" s="10"/>
    </row>
    <row r="820350" spans="14:14">
      <c r="N820350" s="10"/>
    </row>
    <row r="820351" spans="14:14">
      <c r="N820351" s="10"/>
    </row>
    <row r="820352" spans="14:14">
      <c r="N820352" s="10"/>
    </row>
    <row r="820353" spans="14:14">
      <c r="N820353" s="10"/>
    </row>
    <row r="820354" spans="14:14">
      <c r="N820354" s="10"/>
    </row>
    <row r="820355" spans="14:14">
      <c r="N820355" s="10"/>
    </row>
    <row r="820356" spans="14:14">
      <c r="N820356" s="10"/>
    </row>
    <row r="820357" spans="14:14">
      <c r="N820357" s="10"/>
    </row>
    <row r="820358" spans="14:14">
      <c r="N820358" s="10"/>
    </row>
    <row r="820359" spans="14:14">
      <c r="N820359" s="10"/>
    </row>
    <row r="820360" spans="14:14">
      <c r="N820360" s="10"/>
    </row>
    <row r="820361" spans="14:14">
      <c r="N820361" s="10"/>
    </row>
    <row r="820362" spans="14:14">
      <c r="N820362" s="10"/>
    </row>
    <row r="820363" spans="14:14">
      <c r="N820363" s="10"/>
    </row>
    <row r="820364" spans="14:14">
      <c r="N820364" s="10"/>
    </row>
    <row r="820365" spans="14:14">
      <c r="N820365" s="10"/>
    </row>
    <row r="820366" spans="14:14">
      <c r="N820366" s="10"/>
    </row>
    <row r="820367" spans="14:14">
      <c r="N820367" s="10"/>
    </row>
    <row r="820368" spans="14:14">
      <c r="N820368" s="10"/>
    </row>
    <row r="820369" spans="14:14">
      <c r="N820369" s="10"/>
    </row>
    <row r="820370" spans="14:14">
      <c r="N820370" s="10"/>
    </row>
    <row r="820371" spans="14:14">
      <c r="N820371" s="10"/>
    </row>
    <row r="820372" spans="14:14">
      <c r="N820372" s="10"/>
    </row>
    <row r="820373" spans="14:14">
      <c r="N820373" s="10"/>
    </row>
    <row r="820374" spans="14:14">
      <c r="N820374" s="10"/>
    </row>
    <row r="820375" spans="14:14">
      <c r="N820375" s="10"/>
    </row>
    <row r="820376" spans="14:14">
      <c r="N820376" s="10"/>
    </row>
    <row r="820377" spans="14:14">
      <c r="N820377" s="10"/>
    </row>
    <row r="820378" spans="14:14">
      <c r="N820378" s="10"/>
    </row>
    <row r="820379" spans="14:14">
      <c r="N820379" s="10"/>
    </row>
    <row r="820380" spans="14:14">
      <c r="N820380" s="10"/>
    </row>
    <row r="820381" spans="14:14">
      <c r="N820381" s="10"/>
    </row>
    <row r="820382" spans="14:14">
      <c r="N820382" s="10"/>
    </row>
    <row r="820383" spans="14:14">
      <c r="N820383" s="10"/>
    </row>
    <row r="820384" spans="14:14">
      <c r="N820384" s="10"/>
    </row>
    <row r="820385" spans="14:14">
      <c r="N820385" s="10"/>
    </row>
    <row r="820386" spans="14:14">
      <c r="N820386" s="10"/>
    </row>
    <row r="820387" spans="14:14">
      <c r="N820387" s="10"/>
    </row>
    <row r="820388" spans="14:14">
      <c r="N820388" s="10"/>
    </row>
    <row r="820389" spans="14:14">
      <c r="N820389" s="10"/>
    </row>
    <row r="820390" spans="14:14">
      <c r="N820390" s="10"/>
    </row>
    <row r="820391" spans="14:14">
      <c r="N820391" s="10"/>
    </row>
    <row r="820392" spans="14:14">
      <c r="N820392" s="10"/>
    </row>
    <row r="820393" spans="14:14">
      <c r="N820393" s="10"/>
    </row>
    <row r="820394" spans="14:14">
      <c r="N820394" s="10"/>
    </row>
    <row r="820395" spans="14:14">
      <c r="N820395" s="10"/>
    </row>
    <row r="820396" spans="14:14">
      <c r="N820396" s="10"/>
    </row>
    <row r="820397" spans="14:14">
      <c r="N820397" s="10"/>
    </row>
    <row r="820398" spans="14:14">
      <c r="N820398" s="10"/>
    </row>
    <row r="820399" spans="14:14">
      <c r="N820399" s="10"/>
    </row>
    <row r="820400" spans="14:14">
      <c r="N820400" s="10"/>
    </row>
    <row r="820401" spans="14:14">
      <c r="N820401" s="10"/>
    </row>
    <row r="820402" spans="14:14">
      <c r="N820402" s="10"/>
    </row>
    <row r="820403" spans="14:14">
      <c r="N820403" s="10"/>
    </row>
    <row r="820404" spans="14:14">
      <c r="N820404" s="10"/>
    </row>
    <row r="820405" spans="14:14">
      <c r="N820405" s="10"/>
    </row>
    <row r="820406" spans="14:14">
      <c r="N820406" s="10"/>
    </row>
    <row r="820407" spans="14:14">
      <c r="N820407" s="10"/>
    </row>
    <row r="820408" spans="14:14">
      <c r="N820408" s="10"/>
    </row>
    <row r="820409" spans="14:14">
      <c r="N820409" s="10"/>
    </row>
    <row r="820410" spans="14:14">
      <c r="N820410" s="10"/>
    </row>
    <row r="820411" spans="14:14">
      <c r="N820411" s="10"/>
    </row>
    <row r="820412" spans="14:14">
      <c r="N820412" s="10"/>
    </row>
    <row r="820413" spans="14:14">
      <c r="N820413" s="10"/>
    </row>
    <row r="820414" spans="14:14">
      <c r="N820414" s="10"/>
    </row>
    <row r="820415" spans="14:14">
      <c r="N820415" s="10"/>
    </row>
    <row r="820416" spans="14:14">
      <c r="N820416" s="10"/>
    </row>
    <row r="820417" spans="14:14">
      <c r="N820417" s="10"/>
    </row>
    <row r="820418" spans="14:14">
      <c r="N820418" s="10"/>
    </row>
    <row r="820419" spans="14:14">
      <c r="N820419" s="10"/>
    </row>
    <row r="820420" spans="14:14">
      <c r="N820420" s="10"/>
    </row>
    <row r="820421" spans="14:14">
      <c r="N820421" s="10"/>
    </row>
    <row r="820422" spans="14:14">
      <c r="N820422" s="10"/>
    </row>
    <row r="820423" spans="14:14">
      <c r="N820423" s="10"/>
    </row>
    <row r="820424" spans="14:14">
      <c r="N820424" s="10"/>
    </row>
    <row r="820425" spans="14:14">
      <c r="N820425" s="10"/>
    </row>
    <row r="820426" spans="14:14">
      <c r="N820426" s="10"/>
    </row>
    <row r="820427" spans="14:14">
      <c r="N820427" s="10"/>
    </row>
    <row r="820428" spans="14:14">
      <c r="N820428" s="10"/>
    </row>
    <row r="820429" spans="14:14">
      <c r="N820429" s="10"/>
    </row>
    <row r="820430" spans="14:14">
      <c r="N820430" s="10"/>
    </row>
    <row r="820431" spans="14:14">
      <c r="N820431" s="10"/>
    </row>
    <row r="820432" spans="14:14">
      <c r="N820432" s="10"/>
    </row>
    <row r="820433" spans="14:14">
      <c r="N820433" s="10"/>
    </row>
    <row r="820434" spans="14:14">
      <c r="N820434" s="10"/>
    </row>
    <row r="820435" spans="14:14">
      <c r="N820435" s="10"/>
    </row>
    <row r="820436" spans="14:14">
      <c r="N820436" s="10"/>
    </row>
    <row r="820437" spans="14:14">
      <c r="N820437" s="10"/>
    </row>
    <row r="820438" spans="14:14">
      <c r="N820438" s="10"/>
    </row>
    <row r="820439" spans="14:14">
      <c r="N820439" s="10"/>
    </row>
    <row r="820440" spans="14:14">
      <c r="N820440" s="10"/>
    </row>
    <row r="820441" spans="14:14">
      <c r="N820441" s="10"/>
    </row>
    <row r="820442" spans="14:14">
      <c r="N820442" s="10"/>
    </row>
    <row r="820443" spans="14:14">
      <c r="N820443" s="10"/>
    </row>
    <row r="820444" spans="14:14">
      <c r="N820444" s="10"/>
    </row>
    <row r="820445" spans="14:14">
      <c r="N820445" s="10"/>
    </row>
    <row r="820446" spans="14:14">
      <c r="N820446" s="10"/>
    </row>
    <row r="820447" spans="14:14">
      <c r="N820447" s="10"/>
    </row>
    <row r="820448" spans="14:14">
      <c r="N820448" s="10"/>
    </row>
    <row r="820449" spans="14:14">
      <c r="N820449" s="10"/>
    </row>
    <row r="820450" spans="14:14">
      <c r="N820450" s="10"/>
    </row>
    <row r="820451" spans="14:14">
      <c r="N820451" s="10"/>
    </row>
    <row r="820452" spans="14:14">
      <c r="N820452" s="10"/>
    </row>
    <row r="820453" spans="14:14">
      <c r="N820453" s="10"/>
    </row>
    <row r="820454" spans="14:14">
      <c r="N820454" s="10"/>
    </row>
    <row r="820455" spans="14:14">
      <c r="N820455" s="10"/>
    </row>
    <row r="820456" spans="14:14">
      <c r="N820456" s="10"/>
    </row>
    <row r="820457" spans="14:14">
      <c r="N820457" s="10"/>
    </row>
    <row r="820458" spans="14:14">
      <c r="N820458" s="10"/>
    </row>
    <row r="820459" spans="14:14">
      <c r="N820459" s="10"/>
    </row>
    <row r="820460" spans="14:14">
      <c r="N820460" s="10"/>
    </row>
    <row r="820461" spans="14:14">
      <c r="N820461" s="10"/>
    </row>
    <row r="820462" spans="14:14">
      <c r="N820462" s="10"/>
    </row>
    <row r="820463" spans="14:14">
      <c r="N820463" s="10"/>
    </row>
    <row r="820464" spans="14:14">
      <c r="N820464" s="10"/>
    </row>
    <row r="820465" spans="14:14">
      <c r="N820465" s="10"/>
    </row>
    <row r="820466" spans="14:14">
      <c r="N820466" s="10"/>
    </row>
    <row r="820467" spans="14:14">
      <c r="N820467" s="10"/>
    </row>
    <row r="820468" spans="14:14">
      <c r="N820468" s="10"/>
    </row>
    <row r="820469" spans="14:14">
      <c r="N820469" s="10"/>
    </row>
    <row r="820470" spans="14:14">
      <c r="N820470" s="10"/>
    </row>
    <row r="820471" spans="14:14">
      <c r="N820471" s="10"/>
    </row>
    <row r="820472" spans="14:14">
      <c r="N820472" s="10"/>
    </row>
    <row r="820473" spans="14:14">
      <c r="N820473" s="10"/>
    </row>
    <row r="820474" spans="14:14">
      <c r="N820474" s="10"/>
    </row>
    <row r="820475" spans="14:14">
      <c r="N820475" s="10"/>
    </row>
    <row r="820476" spans="14:14">
      <c r="N820476" s="10"/>
    </row>
    <row r="820477" spans="14:14">
      <c r="N820477" s="10"/>
    </row>
    <row r="820478" spans="14:14">
      <c r="N820478" s="10"/>
    </row>
    <row r="820479" spans="14:14">
      <c r="N820479" s="10"/>
    </row>
    <row r="820480" spans="14:14">
      <c r="N820480" s="10"/>
    </row>
    <row r="820481" spans="14:14">
      <c r="N820481" s="10"/>
    </row>
    <row r="820482" spans="14:14">
      <c r="N820482" s="10"/>
    </row>
    <row r="820483" spans="14:14">
      <c r="N820483" s="10"/>
    </row>
    <row r="820484" spans="14:14">
      <c r="N820484" s="10"/>
    </row>
    <row r="820485" spans="14:14">
      <c r="N820485" s="10"/>
    </row>
    <row r="820486" spans="14:14">
      <c r="N820486" s="10"/>
    </row>
    <row r="820487" spans="14:14">
      <c r="N820487" s="10"/>
    </row>
    <row r="820488" spans="14:14">
      <c r="N820488" s="10"/>
    </row>
    <row r="820489" spans="14:14">
      <c r="N820489" s="10"/>
    </row>
    <row r="820490" spans="14:14">
      <c r="N820490" s="10"/>
    </row>
    <row r="820491" spans="14:14">
      <c r="N820491" s="10"/>
    </row>
    <row r="820492" spans="14:14">
      <c r="N820492" s="10"/>
    </row>
    <row r="820493" spans="14:14">
      <c r="N820493" s="10"/>
    </row>
    <row r="820494" spans="14:14">
      <c r="N820494" s="10"/>
    </row>
    <row r="820495" spans="14:14">
      <c r="N820495" s="10"/>
    </row>
    <row r="820496" spans="14:14">
      <c r="N820496" s="10"/>
    </row>
    <row r="820497" spans="14:14">
      <c r="N820497" s="10"/>
    </row>
    <row r="820498" spans="14:14">
      <c r="N820498" s="10"/>
    </row>
    <row r="820499" spans="14:14">
      <c r="N820499" s="10"/>
    </row>
    <row r="820500" spans="14:14">
      <c r="N820500" s="10"/>
    </row>
    <row r="820501" spans="14:14">
      <c r="N820501" s="10"/>
    </row>
    <row r="820502" spans="14:14">
      <c r="N820502" s="10"/>
    </row>
    <row r="820503" spans="14:14">
      <c r="N820503" s="10"/>
    </row>
    <row r="820504" spans="14:14">
      <c r="N820504" s="10"/>
    </row>
    <row r="820505" spans="14:14">
      <c r="N820505" s="10"/>
    </row>
    <row r="820506" spans="14:14">
      <c r="N820506" s="10"/>
    </row>
    <row r="820507" spans="14:14">
      <c r="N820507" s="10"/>
    </row>
    <row r="820508" spans="14:14">
      <c r="N820508" s="10"/>
    </row>
    <row r="820509" spans="14:14">
      <c r="N820509" s="10"/>
    </row>
    <row r="820510" spans="14:14">
      <c r="N820510" s="10"/>
    </row>
    <row r="820511" spans="14:14">
      <c r="N820511" s="10"/>
    </row>
    <row r="820512" spans="14:14">
      <c r="N820512" s="10"/>
    </row>
    <row r="820513" spans="14:14">
      <c r="N820513" s="10"/>
    </row>
    <row r="820514" spans="14:14">
      <c r="N820514" s="10"/>
    </row>
    <row r="820515" spans="14:14">
      <c r="N820515" s="10"/>
    </row>
    <row r="820516" spans="14:14">
      <c r="N820516" s="10"/>
    </row>
    <row r="820517" spans="14:14">
      <c r="N820517" s="10"/>
    </row>
    <row r="820518" spans="14:14">
      <c r="N820518" s="10"/>
    </row>
    <row r="820519" spans="14:14">
      <c r="N820519" s="10"/>
    </row>
    <row r="820520" spans="14:14">
      <c r="N820520" s="10"/>
    </row>
    <row r="820521" spans="14:14">
      <c r="N820521" s="10"/>
    </row>
    <row r="820522" spans="14:14">
      <c r="N820522" s="10"/>
    </row>
    <row r="820523" spans="14:14">
      <c r="N820523" s="10"/>
    </row>
    <row r="820524" spans="14:14">
      <c r="N820524" s="10"/>
    </row>
    <row r="820525" spans="14:14">
      <c r="N820525" s="10"/>
    </row>
    <row r="820526" spans="14:14">
      <c r="N820526" s="10"/>
    </row>
    <row r="820527" spans="14:14">
      <c r="N820527" s="10"/>
    </row>
    <row r="820528" spans="14:14">
      <c r="N820528" s="10"/>
    </row>
    <row r="820529" spans="14:14">
      <c r="N820529" s="10"/>
    </row>
    <row r="820530" spans="14:14">
      <c r="N820530" s="10"/>
    </row>
    <row r="820531" spans="14:14">
      <c r="N820531" s="10"/>
    </row>
    <row r="820532" spans="14:14">
      <c r="N820532" s="10"/>
    </row>
    <row r="820533" spans="14:14">
      <c r="N820533" s="10"/>
    </row>
    <row r="820534" spans="14:14">
      <c r="N820534" s="10"/>
    </row>
    <row r="820535" spans="14:14">
      <c r="N820535" s="10"/>
    </row>
    <row r="820536" spans="14:14">
      <c r="N820536" s="10"/>
    </row>
    <row r="820537" spans="14:14">
      <c r="N820537" s="10"/>
    </row>
    <row r="820538" spans="14:14">
      <c r="N820538" s="10"/>
    </row>
    <row r="820539" spans="14:14">
      <c r="N820539" s="10"/>
    </row>
    <row r="820540" spans="14:14">
      <c r="N820540" s="10"/>
    </row>
    <row r="820541" spans="14:14">
      <c r="N820541" s="10"/>
    </row>
    <row r="820542" spans="14:14">
      <c r="N820542" s="10"/>
    </row>
    <row r="820543" spans="14:14">
      <c r="N820543" s="10"/>
    </row>
    <row r="820544" spans="14:14">
      <c r="N820544" s="10"/>
    </row>
    <row r="820545" spans="14:14">
      <c r="N820545" s="10"/>
    </row>
    <row r="820546" spans="14:14">
      <c r="N820546" s="10"/>
    </row>
    <row r="820547" spans="14:14">
      <c r="N820547" s="10"/>
    </row>
    <row r="820548" spans="14:14">
      <c r="N820548" s="10"/>
    </row>
    <row r="820549" spans="14:14">
      <c r="N820549" s="10"/>
    </row>
    <row r="820550" spans="14:14">
      <c r="N820550" s="10"/>
    </row>
    <row r="820551" spans="14:14">
      <c r="N820551" s="10"/>
    </row>
    <row r="820552" spans="14:14">
      <c r="N820552" s="10"/>
    </row>
    <row r="820553" spans="14:14">
      <c r="N820553" s="10"/>
    </row>
    <row r="820554" spans="14:14">
      <c r="N820554" s="10"/>
    </row>
    <row r="820555" spans="14:14">
      <c r="N820555" s="10"/>
    </row>
    <row r="820556" spans="14:14">
      <c r="N820556" s="10"/>
    </row>
    <row r="820557" spans="14:14">
      <c r="N820557" s="10"/>
    </row>
    <row r="820558" spans="14:14">
      <c r="N820558" s="10"/>
    </row>
    <row r="820559" spans="14:14">
      <c r="N820559" s="10"/>
    </row>
    <row r="820560" spans="14:14">
      <c r="N820560" s="10"/>
    </row>
    <row r="820561" spans="14:14">
      <c r="N820561" s="10"/>
    </row>
    <row r="820562" spans="14:14">
      <c r="N820562" s="10"/>
    </row>
    <row r="820563" spans="14:14">
      <c r="N820563" s="10"/>
    </row>
    <row r="820564" spans="14:14">
      <c r="N820564" s="10"/>
    </row>
    <row r="820565" spans="14:14">
      <c r="N820565" s="10"/>
    </row>
    <row r="820566" spans="14:14">
      <c r="N820566" s="10"/>
    </row>
    <row r="820567" spans="14:14">
      <c r="N820567" s="10"/>
    </row>
    <row r="820568" spans="14:14">
      <c r="N820568" s="10"/>
    </row>
    <row r="820569" spans="14:14">
      <c r="N820569" s="10"/>
    </row>
    <row r="820570" spans="14:14">
      <c r="N820570" s="10"/>
    </row>
    <row r="820571" spans="14:14">
      <c r="N820571" s="10"/>
    </row>
    <row r="820572" spans="14:14">
      <c r="N820572" s="10"/>
    </row>
    <row r="820573" spans="14:14">
      <c r="N820573" s="10"/>
    </row>
    <row r="820574" spans="14:14">
      <c r="N820574" s="10"/>
    </row>
    <row r="820575" spans="14:14">
      <c r="N820575" s="10"/>
    </row>
    <row r="820576" spans="14:14">
      <c r="N820576" s="10"/>
    </row>
    <row r="820577" spans="14:14">
      <c r="N820577" s="10"/>
    </row>
    <row r="820578" spans="14:14">
      <c r="N820578" s="10"/>
    </row>
    <row r="820579" spans="14:14">
      <c r="N820579" s="10"/>
    </row>
    <row r="820580" spans="14:14">
      <c r="N820580" s="10"/>
    </row>
    <row r="820581" spans="14:14">
      <c r="N820581" s="10"/>
    </row>
    <row r="820582" spans="14:14">
      <c r="N820582" s="10"/>
    </row>
    <row r="820583" spans="14:14">
      <c r="N820583" s="10"/>
    </row>
    <row r="820584" spans="14:14">
      <c r="N820584" s="10"/>
    </row>
    <row r="820585" spans="14:14">
      <c r="N820585" s="10"/>
    </row>
    <row r="820586" spans="14:14">
      <c r="N820586" s="10"/>
    </row>
    <row r="820587" spans="14:14">
      <c r="N820587" s="10"/>
    </row>
    <row r="820588" spans="14:14">
      <c r="N820588" s="10"/>
    </row>
    <row r="820589" spans="14:14">
      <c r="N820589" s="10"/>
    </row>
    <row r="820590" spans="14:14">
      <c r="N820590" s="10"/>
    </row>
    <row r="820591" spans="14:14">
      <c r="N820591" s="10"/>
    </row>
    <row r="820592" spans="14:14">
      <c r="N820592" s="10"/>
    </row>
    <row r="820593" spans="14:14">
      <c r="N820593" s="10"/>
    </row>
    <row r="820594" spans="14:14">
      <c r="N820594" s="10"/>
    </row>
    <row r="820595" spans="14:14">
      <c r="N820595" s="10"/>
    </row>
    <row r="820596" spans="14:14">
      <c r="N820596" s="10"/>
    </row>
    <row r="820597" spans="14:14">
      <c r="N820597" s="10"/>
    </row>
    <row r="820598" spans="14:14">
      <c r="N820598" s="10"/>
    </row>
    <row r="820599" spans="14:14">
      <c r="N820599" s="10"/>
    </row>
    <row r="820600" spans="14:14">
      <c r="N820600" s="10"/>
    </row>
    <row r="820601" spans="14:14">
      <c r="N820601" s="10"/>
    </row>
    <row r="820602" spans="14:14">
      <c r="N820602" s="10"/>
    </row>
    <row r="820603" spans="14:14">
      <c r="N820603" s="10"/>
    </row>
    <row r="820604" spans="14:14">
      <c r="N820604" s="10"/>
    </row>
    <row r="820605" spans="14:14">
      <c r="N820605" s="10"/>
    </row>
    <row r="820606" spans="14:14">
      <c r="N820606" s="10"/>
    </row>
    <row r="820607" spans="14:14">
      <c r="N820607" s="10"/>
    </row>
    <row r="820608" spans="14:14">
      <c r="N820608" s="10"/>
    </row>
    <row r="820609" spans="14:14">
      <c r="N820609" s="10"/>
    </row>
    <row r="820610" spans="14:14">
      <c r="N820610" s="10"/>
    </row>
    <row r="820611" spans="14:14">
      <c r="N820611" s="10"/>
    </row>
    <row r="820612" spans="14:14">
      <c r="N820612" s="10"/>
    </row>
    <row r="820613" spans="14:14">
      <c r="N820613" s="10"/>
    </row>
    <row r="820614" spans="14:14">
      <c r="N820614" s="10"/>
    </row>
    <row r="820615" spans="14:14">
      <c r="N820615" s="10"/>
    </row>
    <row r="820616" spans="14:14">
      <c r="N820616" s="10"/>
    </row>
    <row r="820617" spans="14:14">
      <c r="N820617" s="10"/>
    </row>
    <row r="820618" spans="14:14">
      <c r="N820618" s="10"/>
    </row>
    <row r="820619" spans="14:14">
      <c r="N820619" s="10"/>
    </row>
    <row r="820620" spans="14:14">
      <c r="N820620" s="10"/>
    </row>
    <row r="820621" spans="14:14">
      <c r="N820621" s="10"/>
    </row>
    <row r="820622" spans="14:14">
      <c r="N820622" s="10"/>
    </row>
    <row r="820623" spans="14:14">
      <c r="N820623" s="10"/>
    </row>
    <row r="820624" spans="14:14">
      <c r="N820624" s="10"/>
    </row>
    <row r="820625" spans="14:14">
      <c r="N820625" s="10"/>
    </row>
    <row r="820626" spans="14:14">
      <c r="N820626" s="10"/>
    </row>
    <row r="820627" spans="14:14">
      <c r="N820627" s="10"/>
    </row>
    <row r="820628" spans="14:14">
      <c r="N820628" s="10"/>
    </row>
    <row r="820629" spans="14:14">
      <c r="N820629" s="10"/>
    </row>
    <row r="820630" spans="14:14">
      <c r="N820630" s="10"/>
    </row>
    <row r="820631" spans="14:14">
      <c r="N820631" s="10"/>
    </row>
    <row r="820632" spans="14:14">
      <c r="N820632" s="10"/>
    </row>
    <row r="820633" spans="14:14">
      <c r="N820633" s="10"/>
    </row>
    <row r="820634" spans="14:14">
      <c r="N820634" s="10"/>
    </row>
    <row r="820635" spans="14:14">
      <c r="N820635" s="10"/>
    </row>
    <row r="820636" spans="14:14">
      <c r="N820636" s="10"/>
    </row>
    <row r="820637" spans="14:14">
      <c r="N820637" s="10"/>
    </row>
    <row r="820638" spans="14:14">
      <c r="N820638" s="10"/>
    </row>
    <row r="820639" spans="14:14">
      <c r="N820639" s="10"/>
    </row>
    <row r="820640" spans="14:14">
      <c r="N820640" s="10"/>
    </row>
    <row r="820641" spans="14:14">
      <c r="N820641" s="10"/>
    </row>
    <row r="820642" spans="14:14">
      <c r="N820642" s="10"/>
    </row>
    <row r="820643" spans="14:14">
      <c r="N820643" s="10"/>
    </row>
    <row r="820644" spans="14:14">
      <c r="N820644" s="10"/>
    </row>
    <row r="820645" spans="14:14">
      <c r="N820645" s="10"/>
    </row>
    <row r="820646" spans="14:14">
      <c r="N820646" s="10"/>
    </row>
    <row r="820647" spans="14:14">
      <c r="N820647" s="10"/>
    </row>
    <row r="820648" spans="14:14">
      <c r="N820648" s="10"/>
    </row>
    <row r="820649" spans="14:14">
      <c r="N820649" s="10"/>
    </row>
    <row r="820650" spans="14:14">
      <c r="N820650" s="10"/>
    </row>
    <row r="820651" spans="14:14">
      <c r="N820651" s="10"/>
    </row>
    <row r="820652" spans="14:14">
      <c r="N820652" s="10"/>
    </row>
    <row r="820653" spans="14:14">
      <c r="N820653" s="10"/>
    </row>
    <row r="820654" spans="14:14">
      <c r="N820654" s="10"/>
    </row>
    <row r="820655" spans="14:14">
      <c r="N820655" s="10"/>
    </row>
    <row r="820656" spans="14:14">
      <c r="N820656" s="10"/>
    </row>
    <row r="820657" spans="14:14">
      <c r="N820657" s="10"/>
    </row>
    <row r="820658" spans="14:14">
      <c r="N820658" s="10"/>
    </row>
    <row r="820659" spans="14:14">
      <c r="N820659" s="10"/>
    </row>
    <row r="820660" spans="14:14">
      <c r="N820660" s="10"/>
    </row>
    <row r="820661" spans="14:14">
      <c r="N820661" s="10"/>
    </row>
    <row r="820662" spans="14:14">
      <c r="N820662" s="10"/>
    </row>
    <row r="820663" spans="14:14">
      <c r="N820663" s="10"/>
    </row>
    <row r="820664" spans="14:14">
      <c r="N820664" s="10"/>
    </row>
    <row r="820665" spans="14:14">
      <c r="N820665" s="10"/>
    </row>
    <row r="820666" spans="14:14">
      <c r="N820666" s="10"/>
    </row>
    <row r="820667" spans="14:14">
      <c r="N820667" s="10"/>
    </row>
    <row r="820668" spans="14:14">
      <c r="N820668" s="10"/>
    </row>
    <row r="820669" spans="14:14">
      <c r="N820669" s="10"/>
    </row>
    <row r="820670" spans="14:14">
      <c r="N820670" s="10"/>
    </row>
    <row r="820671" spans="14:14">
      <c r="N820671" s="10"/>
    </row>
    <row r="820672" spans="14:14">
      <c r="N820672" s="10"/>
    </row>
    <row r="820673" spans="14:14">
      <c r="N820673" s="10"/>
    </row>
    <row r="820674" spans="14:14">
      <c r="N820674" s="10"/>
    </row>
    <row r="820675" spans="14:14">
      <c r="N820675" s="10"/>
    </row>
    <row r="820676" spans="14:14">
      <c r="N820676" s="10"/>
    </row>
    <row r="820677" spans="14:14">
      <c r="N820677" s="10"/>
    </row>
    <row r="820678" spans="14:14">
      <c r="N820678" s="10"/>
    </row>
    <row r="820679" spans="14:14">
      <c r="N820679" s="10"/>
    </row>
    <row r="820680" spans="14:14">
      <c r="N820680" s="10"/>
    </row>
    <row r="820681" spans="14:14">
      <c r="N820681" s="10"/>
    </row>
    <row r="820682" spans="14:14">
      <c r="N820682" s="10"/>
    </row>
    <row r="820683" spans="14:14">
      <c r="N820683" s="10"/>
    </row>
    <row r="820684" spans="14:14">
      <c r="N820684" s="10"/>
    </row>
    <row r="820685" spans="14:14">
      <c r="N820685" s="10"/>
    </row>
    <row r="820686" spans="14:14">
      <c r="N820686" s="10"/>
    </row>
    <row r="820687" spans="14:14">
      <c r="N820687" s="10"/>
    </row>
    <row r="820688" spans="14:14">
      <c r="N820688" s="10"/>
    </row>
    <row r="820689" spans="14:14">
      <c r="N820689" s="10"/>
    </row>
    <row r="820690" spans="14:14">
      <c r="N820690" s="10"/>
    </row>
    <row r="820691" spans="14:14">
      <c r="N820691" s="10"/>
    </row>
    <row r="820692" spans="14:14">
      <c r="N820692" s="10"/>
    </row>
    <row r="820693" spans="14:14">
      <c r="N820693" s="10"/>
    </row>
    <row r="820694" spans="14:14">
      <c r="N820694" s="10"/>
    </row>
    <row r="820695" spans="14:14">
      <c r="N820695" s="10"/>
    </row>
    <row r="820696" spans="14:14">
      <c r="N820696" s="10"/>
    </row>
    <row r="820697" spans="14:14">
      <c r="N820697" s="10"/>
    </row>
    <row r="820698" spans="14:14">
      <c r="N820698" s="10"/>
    </row>
    <row r="820699" spans="14:14">
      <c r="N820699" s="10"/>
    </row>
    <row r="820700" spans="14:14">
      <c r="N820700" s="10"/>
    </row>
    <row r="820701" spans="14:14">
      <c r="N820701" s="10"/>
    </row>
    <row r="820702" spans="14:14">
      <c r="N820702" s="10"/>
    </row>
    <row r="820703" spans="14:14">
      <c r="N820703" s="10"/>
    </row>
    <row r="820704" spans="14:14">
      <c r="N820704" s="10"/>
    </row>
    <row r="820705" spans="14:14">
      <c r="N820705" s="10"/>
    </row>
    <row r="820706" spans="14:14">
      <c r="N820706" s="10"/>
    </row>
    <row r="820707" spans="14:14">
      <c r="N820707" s="10"/>
    </row>
    <row r="820708" spans="14:14">
      <c r="N820708" s="10"/>
    </row>
    <row r="820709" spans="14:14">
      <c r="N820709" s="10"/>
    </row>
    <row r="820710" spans="14:14">
      <c r="N820710" s="10"/>
    </row>
    <row r="820711" spans="14:14">
      <c r="N820711" s="10"/>
    </row>
    <row r="820712" spans="14:14">
      <c r="N820712" s="10"/>
    </row>
    <row r="820713" spans="14:14">
      <c r="N820713" s="10"/>
    </row>
    <row r="820714" spans="14:14">
      <c r="N820714" s="10"/>
    </row>
    <row r="820715" spans="14:14">
      <c r="N820715" s="10"/>
    </row>
    <row r="820716" spans="14:14">
      <c r="N820716" s="10"/>
    </row>
    <row r="820717" spans="14:14">
      <c r="N820717" s="10"/>
    </row>
    <row r="820718" spans="14:14">
      <c r="N820718" s="10"/>
    </row>
    <row r="820719" spans="14:14">
      <c r="N820719" s="10"/>
    </row>
    <row r="820720" spans="14:14">
      <c r="N820720" s="10"/>
    </row>
    <row r="820721" spans="14:14">
      <c r="N820721" s="10"/>
    </row>
    <row r="820722" spans="14:14">
      <c r="N820722" s="10"/>
    </row>
    <row r="820723" spans="14:14">
      <c r="N820723" s="10"/>
    </row>
    <row r="820724" spans="14:14">
      <c r="N820724" s="10"/>
    </row>
    <row r="820725" spans="14:14">
      <c r="N820725" s="10"/>
    </row>
    <row r="820726" spans="14:14">
      <c r="N820726" s="10"/>
    </row>
    <row r="820727" spans="14:14">
      <c r="N820727" s="10"/>
    </row>
    <row r="820728" spans="14:14">
      <c r="N820728" s="10"/>
    </row>
    <row r="820729" spans="14:14">
      <c r="N820729" s="10"/>
    </row>
    <row r="820730" spans="14:14">
      <c r="N820730" s="10"/>
    </row>
    <row r="820731" spans="14:14">
      <c r="N820731" s="10"/>
    </row>
    <row r="820732" spans="14:14">
      <c r="N820732" s="10"/>
    </row>
    <row r="820733" spans="14:14">
      <c r="N820733" s="10"/>
    </row>
    <row r="820734" spans="14:14">
      <c r="N820734" s="10"/>
    </row>
    <row r="820735" spans="14:14">
      <c r="N820735" s="10"/>
    </row>
    <row r="820736" spans="14:14">
      <c r="N820736" s="10"/>
    </row>
    <row r="820737" spans="14:14">
      <c r="N820737" s="10"/>
    </row>
    <row r="820738" spans="14:14">
      <c r="N820738" s="10"/>
    </row>
    <row r="820739" spans="14:14">
      <c r="N820739" s="10"/>
    </row>
    <row r="820740" spans="14:14">
      <c r="N820740" s="10"/>
    </row>
    <row r="820741" spans="14:14">
      <c r="N820741" s="10"/>
    </row>
    <row r="820742" spans="14:14">
      <c r="N820742" s="10"/>
    </row>
    <row r="820743" spans="14:14">
      <c r="N820743" s="10"/>
    </row>
    <row r="820744" spans="14:14">
      <c r="N820744" s="10"/>
    </row>
    <row r="820745" spans="14:14">
      <c r="N820745" s="10"/>
    </row>
    <row r="820746" spans="14:14">
      <c r="N820746" s="10"/>
    </row>
    <row r="820747" spans="14:14">
      <c r="N820747" s="10"/>
    </row>
    <row r="820748" spans="14:14">
      <c r="N820748" s="10"/>
    </row>
    <row r="820749" spans="14:14">
      <c r="N820749" s="10"/>
    </row>
    <row r="820750" spans="14:14">
      <c r="N820750" s="10"/>
    </row>
    <row r="820751" spans="14:14">
      <c r="N820751" s="10"/>
    </row>
    <row r="820752" spans="14:14">
      <c r="N820752" s="10"/>
    </row>
    <row r="820753" spans="14:14">
      <c r="N820753" s="10"/>
    </row>
    <row r="820754" spans="14:14">
      <c r="N820754" s="10"/>
    </row>
    <row r="820755" spans="14:14">
      <c r="N820755" s="10"/>
    </row>
    <row r="820756" spans="14:14">
      <c r="N820756" s="10"/>
    </row>
    <row r="820757" spans="14:14">
      <c r="N820757" s="10"/>
    </row>
    <row r="820758" spans="14:14">
      <c r="N820758" s="10"/>
    </row>
    <row r="820759" spans="14:14">
      <c r="N820759" s="10"/>
    </row>
    <row r="820760" spans="14:14">
      <c r="N820760" s="10"/>
    </row>
    <row r="820761" spans="14:14">
      <c r="N820761" s="10"/>
    </row>
    <row r="820762" spans="14:14">
      <c r="N820762" s="10"/>
    </row>
    <row r="820763" spans="14:14">
      <c r="N820763" s="10"/>
    </row>
    <row r="820764" spans="14:14">
      <c r="N820764" s="10"/>
    </row>
    <row r="820765" spans="14:14">
      <c r="N820765" s="10"/>
    </row>
    <row r="820766" spans="14:14">
      <c r="N820766" s="10"/>
    </row>
    <row r="820767" spans="14:14">
      <c r="N820767" s="10"/>
    </row>
    <row r="820768" spans="14:14">
      <c r="N820768" s="10"/>
    </row>
    <row r="820769" spans="14:14">
      <c r="N820769" s="10"/>
    </row>
    <row r="820770" spans="14:14">
      <c r="N820770" s="10"/>
    </row>
    <row r="820771" spans="14:14">
      <c r="N820771" s="10"/>
    </row>
    <row r="820772" spans="14:14">
      <c r="N820772" s="10"/>
    </row>
    <row r="820773" spans="14:14">
      <c r="N820773" s="10"/>
    </row>
    <row r="820774" spans="14:14">
      <c r="N820774" s="10"/>
    </row>
    <row r="820775" spans="14:14">
      <c r="N820775" s="10"/>
    </row>
    <row r="820776" spans="14:14">
      <c r="N820776" s="10"/>
    </row>
    <row r="820777" spans="14:14">
      <c r="N820777" s="10"/>
    </row>
    <row r="820778" spans="14:14">
      <c r="N820778" s="10"/>
    </row>
    <row r="820779" spans="14:14">
      <c r="N820779" s="10"/>
    </row>
    <row r="820780" spans="14:14">
      <c r="N820780" s="10"/>
    </row>
    <row r="820781" spans="14:14">
      <c r="N820781" s="10"/>
    </row>
    <row r="820782" spans="14:14">
      <c r="N820782" s="10"/>
    </row>
    <row r="820783" spans="14:14">
      <c r="N820783" s="10"/>
    </row>
    <row r="820784" spans="14:14">
      <c r="N820784" s="10"/>
    </row>
    <row r="820785" spans="14:14">
      <c r="N820785" s="10"/>
    </row>
    <row r="820786" spans="14:14">
      <c r="N820786" s="10"/>
    </row>
    <row r="820787" spans="14:14">
      <c r="N820787" s="10"/>
    </row>
    <row r="820788" spans="14:14">
      <c r="N820788" s="10"/>
    </row>
    <row r="820789" spans="14:14">
      <c r="N820789" s="10"/>
    </row>
    <row r="820790" spans="14:14">
      <c r="N820790" s="10"/>
    </row>
    <row r="820791" spans="14:14">
      <c r="N820791" s="10"/>
    </row>
    <row r="820792" spans="14:14">
      <c r="N820792" s="10"/>
    </row>
    <row r="820793" spans="14:14">
      <c r="N820793" s="10"/>
    </row>
    <row r="820794" spans="14:14">
      <c r="N820794" s="10"/>
    </row>
    <row r="820795" spans="14:14">
      <c r="N820795" s="10"/>
    </row>
    <row r="820796" spans="14:14">
      <c r="N820796" s="10"/>
    </row>
    <row r="820797" spans="14:14">
      <c r="N820797" s="10"/>
    </row>
    <row r="820798" spans="14:14">
      <c r="N820798" s="10"/>
    </row>
    <row r="820799" spans="14:14">
      <c r="N820799" s="10"/>
    </row>
    <row r="820800" spans="14:14">
      <c r="N820800" s="10"/>
    </row>
    <row r="820801" spans="14:14">
      <c r="N820801" s="10"/>
    </row>
    <row r="820802" spans="14:14">
      <c r="N820802" s="10"/>
    </row>
    <row r="820803" spans="14:14">
      <c r="N820803" s="10"/>
    </row>
    <row r="820804" spans="14:14">
      <c r="N820804" s="10"/>
    </row>
    <row r="820805" spans="14:14">
      <c r="N820805" s="10"/>
    </row>
    <row r="820806" spans="14:14">
      <c r="N820806" s="10"/>
    </row>
    <row r="820807" spans="14:14">
      <c r="N820807" s="10"/>
    </row>
    <row r="820808" spans="14:14">
      <c r="N820808" s="10"/>
    </row>
    <row r="820809" spans="14:14">
      <c r="N820809" s="10"/>
    </row>
    <row r="820810" spans="14:14">
      <c r="N820810" s="10"/>
    </row>
    <row r="820811" spans="14:14">
      <c r="N820811" s="10"/>
    </row>
    <row r="820812" spans="14:14">
      <c r="N820812" s="10"/>
    </row>
    <row r="820813" spans="14:14">
      <c r="N820813" s="10"/>
    </row>
    <row r="820814" spans="14:14">
      <c r="N820814" s="10"/>
    </row>
    <row r="820815" spans="14:14">
      <c r="N820815" s="10"/>
    </row>
    <row r="820816" spans="14:14">
      <c r="N820816" s="10"/>
    </row>
    <row r="820817" spans="14:14">
      <c r="N820817" s="10"/>
    </row>
    <row r="820818" spans="14:14">
      <c r="N820818" s="10"/>
    </row>
    <row r="820819" spans="14:14">
      <c r="N820819" s="10"/>
    </row>
    <row r="820820" spans="14:14">
      <c r="N820820" s="10"/>
    </row>
    <row r="820821" spans="14:14">
      <c r="N820821" s="10"/>
    </row>
    <row r="820822" spans="14:14">
      <c r="N820822" s="10"/>
    </row>
    <row r="820823" spans="14:14">
      <c r="N820823" s="10"/>
    </row>
    <row r="820824" spans="14:14">
      <c r="N820824" s="10"/>
    </row>
    <row r="820825" spans="14:14">
      <c r="N820825" s="10"/>
    </row>
    <row r="820826" spans="14:14">
      <c r="N820826" s="10"/>
    </row>
    <row r="820827" spans="14:14">
      <c r="N820827" s="10"/>
    </row>
    <row r="820828" spans="14:14">
      <c r="N820828" s="10"/>
    </row>
    <row r="820829" spans="14:14">
      <c r="N820829" s="10"/>
    </row>
    <row r="820830" spans="14:14">
      <c r="N820830" s="10"/>
    </row>
    <row r="820831" spans="14:14">
      <c r="N820831" s="10"/>
    </row>
    <row r="820832" spans="14:14">
      <c r="N820832" s="10"/>
    </row>
    <row r="820833" spans="14:14">
      <c r="N820833" s="10"/>
    </row>
    <row r="820834" spans="14:14">
      <c r="N820834" s="10"/>
    </row>
    <row r="820835" spans="14:14">
      <c r="N820835" s="10"/>
    </row>
    <row r="820836" spans="14:14">
      <c r="N820836" s="10"/>
    </row>
    <row r="820837" spans="14:14">
      <c r="N820837" s="10"/>
    </row>
    <row r="820838" spans="14:14">
      <c r="N820838" s="10"/>
    </row>
    <row r="820839" spans="14:14">
      <c r="N820839" s="10"/>
    </row>
    <row r="820840" spans="14:14">
      <c r="N820840" s="10"/>
    </row>
    <row r="820841" spans="14:14">
      <c r="N820841" s="10"/>
    </row>
    <row r="820842" spans="14:14">
      <c r="N820842" s="10"/>
    </row>
    <row r="820843" spans="14:14">
      <c r="N820843" s="10"/>
    </row>
    <row r="820844" spans="14:14">
      <c r="N820844" s="10"/>
    </row>
    <row r="820845" spans="14:14">
      <c r="N820845" s="10"/>
    </row>
    <row r="820846" spans="14:14">
      <c r="N820846" s="10"/>
    </row>
    <row r="820847" spans="14:14">
      <c r="N820847" s="10"/>
    </row>
    <row r="820848" spans="14:14">
      <c r="N820848" s="10"/>
    </row>
    <row r="820849" spans="14:14">
      <c r="N820849" s="10"/>
    </row>
    <row r="820850" spans="14:14">
      <c r="N820850" s="10"/>
    </row>
    <row r="820851" spans="14:14">
      <c r="N820851" s="10"/>
    </row>
    <row r="820852" spans="14:14">
      <c r="N820852" s="10"/>
    </row>
    <row r="820853" spans="14:14">
      <c r="N820853" s="10"/>
    </row>
    <row r="820854" spans="14:14">
      <c r="N820854" s="10"/>
    </row>
    <row r="820855" spans="14:14">
      <c r="N820855" s="10"/>
    </row>
    <row r="820856" spans="14:14">
      <c r="N820856" s="10"/>
    </row>
    <row r="820857" spans="14:14">
      <c r="N820857" s="10"/>
    </row>
    <row r="820858" spans="14:14">
      <c r="N820858" s="10"/>
    </row>
    <row r="820859" spans="14:14">
      <c r="N820859" s="10"/>
    </row>
    <row r="820860" spans="14:14">
      <c r="N820860" s="10"/>
    </row>
    <row r="820861" spans="14:14">
      <c r="N820861" s="10"/>
    </row>
    <row r="820862" spans="14:14">
      <c r="N820862" s="10"/>
    </row>
    <row r="820863" spans="14:14">
      <c r="N820863" s="10"/>
    </row>
    <row r="820864" spans="14:14">
      <c r="N820864" s="10"/>
    </row>
    <row r="820865" spans="14:14">
      <c r="N820865" s="10"/>
    </row>
    <row r="820866" spans="14:14">
      <c r="N820866" s="10"/>
    </row>
    <row r="820867" spans="14:14">
      <c r="N820867" s="10"/>
    </row>
    <row r="820868" spans="14:14">
      <c r="N820868" s="10"/>
    </row>
    <row r="820869" spans="14:14">
      <c r="N820869" s="10"/>
    </row>
    <row r="820870" spans="14:14">
      <c r="N820870" s="10"/>
    </row>
    <row r="820871" spans="14:14">
      <c r="N820871" s="10"/>
    </row>
    <row r="820872" spans="14:14">
      <c r="N820872" s="10"/>
    </row>
    <row r="820873" spans="14:14">
      <c r="N820873" s="10"/>
    </row>
    <row r="820874" spans="14:14">
      <c r="N820874" s="10"/>
    </row>
    <row r="820875" spans="14:14">
      <c r="N820875" s="10"/>
    </row>
    <row r="820876" spans="14:14">
      <c r="N820876" s="10"/>
    </row>
    <row r="820877" spans="14:14">
      <c r="N820877" s="10"/>
    </row>
    <row r="820878" spans="14:14">
      <c r="N820878" s="10"/>
    </row>
    <row r="820879" spans="14:14">
      <c r="N820879" s="10"/>
    </row>
    <row r="820880" spans="14:14">
      <c r="N820880" s="10"/>
    </row>
    <row r="820881" spans="14:14">
      <c r="N820881" s="10"/>
    </row>
    <row r="820882" spans="14:14">
      <c r="N820882" s="10"/>
    </row>
    <row r="820883" spans="14:14">
      <c r="N820883" s="10"/>
    </row>
    <row r="820884" spans="14:14">
      <c r="N820884" s="10"/>
    </row>
    <row r="820885" spans="14:14">
      <c r="N820885" s="10"/>
    </row>
    <row r="820886" spans="14:14">
      <c r="N820886" s="10"/>
    </row>
    <row r="820887" spans="14:14">
      <c r="N820887" s="10"/>
    </row>
    <row r="820888" spans="14:14">
      <c r="N820888" s="10"/>
    </row>
    <row r="820889" spans="14:14">
      <c r="N820889" s="10"/>
    </row>
    <row r="820890" spans="14:14">
      <c r="N820890" s="10"/>
    </row>
    <row r="820891" spans="14:14">
      <c r="N820891" s="10"/>
    </row>
    <row r="820892" spans="14:14">
      <c r="N820892" s="10"/>
    </row>
    <row r="820893" spans="14:14">
      <c r="N820893" s="10"/>
    </row>
    <row r="820894" spans="14:14">
      <c r="N820894" s="10"/>
    </row>
    <row r="820895" spans="14:14">
      <c r="N820895" s="10"/>
    </row>
    <row r="820896" spans="14:14">
      <c r="N820896" s="10"/>
    </row>
    <row r="820897" spans="14:14">
      <c r="N820897" s="10"/>
    </row>
    <row r="820898" spans="14:14">
      <c r="N820898" s="10"/>
    </row>
    <row r="820899" spans="14:14">
      <c r="N820899" s="10"/>
    </row>
    <row r="820900" spans="14:14">
      <c r="N820900" s="10"/>
    </row>
    <row r="820901" spans="14:14">
      <c r="N820901" s="10"/>
    </row>
    <row r="820902" spans="14:14">
      <c r="N820902" s="10"/>
    </row>
    <row r="820903" spans="14:14">
      <c r="N820903" s="10"/>
    </row>
    <row r="820904" spans="14:14">
      <c r="N820904" s="10"/>
    </row>
    <row r="820905" spans="14:14">
      <c r="N820905" s="10"/>
    </row>
    <row r="820906" spans="14:14">
      <c r="N820906" s="10"/>
    </row>
    <row r="820907" spans="14:14">
      <c r="N820907" s="10"/>
    </row>
    <row r="820908" spans="14:14">
      <c r="N820908" s="10"/>
    </row>
    <row r="820909" spans="14:14">
      <c r="N820909" s="10"/>
    </row>
    <row r="820910" spans="14:14">
      <c r="N820910" s="10"/>
    </row>
    <row r="820911" spans="14:14">
      <c r="N820911" s="10"/>
    </row>
    <row r="820912" spans="14:14">
      <c r="N820912" s="10"/>
    </row>
    <row r="820913" spans="14:14">
      <c r="N820913" s="10"/>
    </row>
    <row r="820914" spans="14:14">
      <c r="N820914" s="10"/>
    </row>
    <row r="820915" spans="14:14">
      <c r="N820915" s="10"/>
    </row>
    <row r="820916" spans="14:14">
      <c r="N820916" s="10"/>
    </row>
    <row r="820917" spans="14:14">
      <c r="N820917" s="10"/>
    </row>
    <row r="820918" spans="14:14">
      <c r="N820918" s="10"/>
    </row>
    <row r="820919" spans="14:14">
      <c r="N820919" s="10"/>
    </row>
    <row r="820920" spans="14:14">
      <c r="N820920" s="10"/>
    </row>
    <row r="820921" spans="14:14">
      <c r="N820921" s="10"/>
    </row>
    <row r="820922" spans="14:14">
      <c r="N820922" s="10"/>
    </row>
    <row r="820923" spans="14:14">
      <c r="N820923" s="10"/>
    </row>
    <row r="820924" spans="14:14">
      <c r="N820924" s="10"/>
    </row>
    <row r="820925" spans="14:14">
      <c r="N820925" s="10"/>
    </row>
    <row r="820926" spans="14:14">
      <c r="N820926" s="10"/>
    </row>
    <row r="820927" spans="14:14">
      <c r="N820927" s="10"/>
    </row>
    <row r="820928" spans="14:14">
      <c r="N820928" s="10"/>
    </row>
    <row r="820929" spans="14:14">
      <c r="N820929" s="10"/>
    </row>
    <row r="820930" spans="14:14">
      <c r="N820930" s="10"/>
    </row>
    <row r="820931" spans="14:14">
      <c r="N820931" s="10"/>
    </row>
    <row r="820932" spans="14:14">
      <c r="N820932" s="10"/>
    </row>
    <row r="820933" spans="14:14">
      <c r="N820933" s="10"/>
    </row>
    <row r="820934" spans="14:14">
      <c r="N820934" s="10"/>
    </row>
    <row r="820935" spans="14:14">
      <c r="N820935" s="10"/>
    </row>
    <row r="820936" spans="14:14">
      <c r="N820936" s="10"/>
    </row>
    <row r="820937" spans="14:14">
      <c r="N820937" s="10"/>
    </row>
    <row r="820938" spans="14:14">
      <c r="N820938" s="10"/>
    </row>
    <row r="820939" spans="14:14">
      <c r="N820939" s="10"/>
    </row>
    <row r="820940" spans="14:14">
      <c r="N820940" s="10"/>
    </row>
    <row r="820941" spans="14:14">
      <c r="N820941" s="10"/>
    </row>
    <row r="820942" spans="14:14">
      <c r="N820942" s="10"/>
    </row>
    <row r="820943" spans="14:14">
      <c r="N820943" s="10"/>
    </row>
    <row r="820944" spans="14:14">
      <c r="N820944" s="10"/>
    </row>
    <row r="820945" spans="14:14">
      <c r="N820945" s="10"/>
    </row>
    <row r="820946" spans="14:14">
      <c r="N820946" s="10"/>
    </row>
    <row r="820947" spans="14:14">
      <c r="N820947" s="10"/>
    </row>
    <row r="820948" spans="14:14">
      <c r="N820948" s="10"/>
    </row>
    <row r="820949" spans="14:14">
      <c r="N820949" s="10"/>
    </row>
    <row r="820950" spans="14:14">
      <c r="N820950" s="10"/>
    </row>
    <row r="820951" spans="14:14">
      <c r="N820951" s="10"/>
    </row>
    <row r="820952" spans="14:14">
      <c r="N820952" s="10"/>
    </row>
    <row r="820953" spans="14:14">
      <c r="N820953" s="10"/>
    </row>
    <row r="820954" spans="14:14">
      <c r="N820954" s="10"/>
    </row>
    <row r="820955" spans="14:14">
      <c r="N820955" s="10"/>
    </row>
    <row r="820956" spans="14:14">
      <c r="N820956" s="10"/>
    </row>
    <row r="820957" spans="14:14">
      <c r="N820957" s="10"/>
    </row>
    <row r="820958" spans="14:14">
      <c r="N820958" s="10"/>
    </row>
    <row r="820959" spans="14:14">
      <c r="N820959" s="10"/>
    </row>
    <row r="820960" spans="14:14">
      <c r="N820960" s="10"/>
    </row>
    <row r="820961" spans="14:14">
      <c r="N820961" s="10"/>
    </row>
    <row r="820962" spans="14:14">
      <c r="N820962" s="10"/>
    </row>
    <row r="820963" spans="14:14">
      <c r="N820963" s="10"/>
    </row>
    <row r="820964" spans="14:14">
      <c r="N820964" s="10"/>
    </row>
    <row r="820965" spans="14:14">
      <c r="N820965" s="10"/>
    </row>
    <row r="820966" spans="14:14">
      <c r="N820966" s="10"/>
    </row>
    <row r="820967" spans="14:14">
      <c r="N820967" s="10"/>
    </row>
    <row r="820968" spans="14:14">
      <c r="N820968" s="10"/>
    </row>
    <row r="820969" spans="14:14">
      <c r="N820969" s="10"/>
    </row>
    <row r="820970" spans="14:14">
      <c r="N820970" s="10"/>
    </row>
    <row r="820971" spans="14:14">
      <c r="N820971" s="10"/>
    </row>
    <row r="820972" spans="14:14">
      <c r="N820972" s="10"/>
    </row>
    <row r="820973" spans="14:14">
      <c r="N820973" s="10"/>
    </row>
    <row r="820974" spans="14:14">
      <c r="N820974" s="10"/>
    </row>
    <row r="820975" spans="14:14">
      <c r="N820975" s="10"/>
    </row>
    <row r="820976" spans="14:14">
      <c r="N820976" s="10"/>
    </row>
    <row r="820977" spans="14:14">
      <c r="N820977" s="10"/>
    </row>
    <row r="820978" spans="14:14">
      <c r="N820978" s="10"/>
    </row>
    <row r="820979" spans="14:14">
      <c r="N820979" s="10"/>
    </row>
    <row r="820980" spans="14:14">
      <c r="N820980" s="10"/>
    </row>
    <row r="820981" spans="14:14">
      <c r="N820981" s="10"/>
    </row>
    <row r="820982" spans="14:14">
      <c r="N820982" s="10"/>
    </row>
    <row r="820983" spans="14:14">
      <c r="N820983" s="10"/>
    </row>
    <row r="820984" spans="14:14">
      <c r="N820984" s="10"/>
    </row>
    <row r="820985" spans="14:14">
      <c r="N820985" s="10"/>
    </row>
    <row r="820986" spans="14:14">
      <c r="N820986" s="10"/>
    </row>
    <row r="820987" spans="14:14">
      <c r="N820987" s="10"/>
    </row>
    <row r="820988" spans="14:14">
      <c r="N820988" s="10"/>
    </row>
    <row r="820989" spans="14:14">
      <c r="N820989" s="10"/>
    </row>
    <row r="820990" spans="14:14">
      <c r="N820990" s="10"/>
    </row>
    <row r="820991" spans="14:14">
      <c r="N820991" s="10"/>
    </row>
    <row r="820992" spans="14:14">
      <c r="N820992" s="10"/>
    </row>
    <row r="820993" spans="14:14">
      <c r="N820993" s="10"/>
    </row>
    <row r="820994" spans="14:14">
      <c r="N820994" s="10"/>
    </row>
    <row r="820995" spans="14:14">
      <c r="N820995" s="10"/>
    </row>
    <row r="820996" spans="14:14">
      <c r="N820996" s="10"/>
    </row>
    <row r="820997" spans="14:14">
      <c r="N820997" s="10"/>
    </row>
    <row r="820998" spans="14:14">
      <c r="N820998" s="10"/>
    </row>
    <row r="820999" spans="14:14">
      <c r="N820999" s="10"/>
    </row>
    <row r="821000" spans="14:14">
      <c r="N821000" s="10"/>
    </row>
    <row r="821001" spans="14:14">
      <c r="N821001" s="10"/>
    </row>
    <row r="821002" spans="14:14">
      <c r="N821002" s="10"/>
    </row>
    <row r="821003" spans="14:14">
      <c r="N821003" s="10"/>
    </row>
    <row r="821004" spans="14:14">
      <c r="N821004" s="10"/>
    </row>
    <row r="821005" spans="14:14">
      <c r="N821005" s="10"/>
    </row>
    <row r="821006" spans="14:14">
      <c r="N821006" s="10"/>
    </row>
    <row r="821007" spans="14:14">
      <c r="N821007" s="10"/>
    </row>
    <row r="821008" spans="14:14">
      <c r="N821008" s="10"/>
    </row>
    <row r="821009" spans="14:14">
      <c r="N821009" s="10"/>
    </row>
    <row r="821010" spans="14:14">
      <c r="N821010" s="10"/>
    </row>
    <row r="821011" spans="14:14">
      <c r="N821011" s="10"/>
    </row>
    <row r="821012" spans="14:14">
      <c r="N821012" s="10"/>
    </row>
    <row r="821013" spans="14:14">
      <c r="N821013" s="10"/>
    </row>
    <row r="821014" spans="14:14">
      <c r="N821014" s="10"/>
    </row>
    <row r="821015" spans="14:14">
      <c r="N821015" s="10"/>
    </row>
    <row r="821016" spans="14:14">
      <c r="N821016" s="10"/>
    </row>
    <row r="821017" spans="14:14">
      <c r="N821017" s="10"/>
    </row>
    <row r="821018" spans="14:14">
      <c r="N821018" s="10"/>
    </row>
    <row r="821019" spans="14:14">
      <c r="N821019" s="10"/>
    </row>
    <row r="821020" spans="14:14">
      <c r="N821020" s="10"/>
    </row>
    <row r="821021" spans="14:14">
      <c r="N821021" s="10"/>
    </row>
    <row r="821022" spans="14:14">
      <c r="N821022" s="10"/>
    </row>
    <row r="821023" spans="14:14">
      <c r="N821023" s="10"/>
    </row>
    <row r="821024" spans="14:14">
      <c r="N821024" s="10"/>
    </row>
    <row r="821025" spans="14:14">
      <c r="N821025" s="10"/>
    </row>
    <row r="821026" spans="14:14">
      <c r="N821026" s="10"/>
    </row>
    <row r="821027" spans="14:14">
      <c r="N821027" s="10"/>
    </row>
    <row r="821028" spans="14:14">
      <c r="N821028" s="10"/>
    </row>
    <row r="821029" spans="14:14">
      <c r="N821029" s="10"/>
    </row>
    <row r="821030" spans="14:14">
      <c r="N821030" s="10"/>
    </row>
    <row r="821031" spans="14:14">
      <c r="N821031" s="10"/>
    </row>
    <row r="821032" spans="14:14">
      <c r="N821032" s="10"/>
    </row>
    <row r="821033" spans="14:14">
      <c r="N821033" s="10"/>
    </row>
    <row r="821034" spans="14:14">
      <c r="N821034" s="10"/>
    </row>
    <row r="821035" spans="14:14">
      <c r="N821035" s="10"/>
    </row>
    <row r="821036" spans="14:14">
      <c r="N821036" s="10"/>
    </row>
    <row r="821037" spans="14:14">
      <c r="N821037" s="10"/>
    </row>
    <row r="821038" spans="14:14">
      <c r="N821038" s="10"/>
    </row>
    <row r="821039" spans="14:14">
      <c r="N821039" s="10"/>
    </row>
    <row r="821040" spans="14:14">
      <c r="N821040" s="10"/>
    </row>
    <row r="821041" spans="14:14">
      <c r="N821041" s="10"/>
    </row>
    <row r="821042" spans="14:14">
      <c r="N821042" s="10"/>
    </row>
    <row r="821043" spans="14:14">
      <c r="N821043" s="10"/>
    </row>
    <row r="821044" spans="14:14">
      <c r="N821044" s="10"/>
    </row>
    <row r="821045" spans="14:14">
      <c r="N821045" s="10"/>
    </row>
    <row r="821046" spans="14:14">
      <c r="N821046" s="10"/>
    </row>
    <row r="821047" spans="14:14">
      <c r="N821047" s="10"/>
    </row>
    <row r="821048" spans="14:14">
      <c r="N821048" s="10"/>
    </row>
    <row r="821049" spans="14:14">
      <c r="N821049" s="10"/>
    </row>
    <row r="821050" spans="14:14">
      <c r="N821050" s="10"/>
    </row>
    <row r="821051" spans="14:14">
      <c r="N821051" s="10"/>
    </row>
    <row r="821052" spans="14:14">
      <c r="N821052" s="10"/>
    </row>
    <row r="821053" spans="14:14">
      <c r="N821053" s="10"/>
    </row>
    <row r="821054" spans="14:14">
      <c r="N821054" s="10"/>
    </row>
    <row r="821055" spans="14:14">
      <c r="N821055" s="10"/>
    </row>
    <row r="821056" spans="14:14">
      <c r="N821056" s="10"/>
    </row>
    <row r="821057" spans="14:14">
      <c r="N821057" s="10"/>
    </row>
    <row r="821058" spans="14:14">
      <c r="N821058" s="10"/>
    </row>
    <row r="821059" spans="14:14">
      <c r="N821059" s="10"/>
    </row>
    <row r="821060" spans="14:14">
      <c r="N821060" s="10"/>
    </row>
    <row r="821061" spans="14:14">
      <c r="N821061" s="10"/>
    </row>
    <row r="821062" spans="14:14">
      <c r="N821062" s="10"/>
    </row>
    <row r="821063" spans="14:14">
      <c r="N821063" s="10"/>
    </row>
    <row r="821064" spans="14:14">
      <c r="N821064" s="10"/>
    </row>
    <row r="821065" spans="14:14">
      <c r="N821065" s="10"/>
    </row>
    <row r="821066" spans="14:14">
      <c r="N821066" s="10"/>
    </row>
    <row r="821067" spans="14:14">
      <c r="N821067" s="10"/>
    </row>
    <row r="821068" spans="14:14">
      <c r="N821068" s="10"/>
    </row>
    <row r="821069" spans="14:14">
      <c r="N821069" s="10"/>
    </row>
    <row r="821070" spans="14:14">
      <c r="N821070" s="10"/>
    </row>
    <row r="821071" spans="14:14">
      <c r="N821071" s="10"/>
    </row>
    <row r="821072" spans="14:14">
      <c r="N821072" s="10"/>
    </row>
    <row r="821073" spans="14:14">
      <c r="N821073" s="10"/>
    </row>
    <row r="821074" spans="14:14">
      <c r="N821074" s="10"/>
    </row>
    <row r="821075" spans="14:14">
      <c r="N821075" s="10"/>
    </row>
    <row r="821076" spans="14:14">
      <c r="N821076" s="10"/>
    </row>
    <row r="821077" spans="14:14">
      <c r="N821077" s="10"/>
    </row>
    <row r="821078" spans="14:14">
      <c r="N821078" s="10"/>
    </row>
    <row r="821079" spans="14:14">
      <c r="N821079" s="10"/>
    </row>
    <row r="821080" spans="14:14">
      <c r="N821080" s="10"/>
    </row>
    <row r="821081" spans="14:14">
      <c r="N821081" s="10"/>
    </row>
    <row r="821082" spans="14:14">
      <c r="N821082" s="10"/>
    </row>
    <row r="821083" spans="14:14">
      <c r="N821083" s="10"/>
    </row>
    <row r="821084" spans="14:14">
      <c r="N821084" s="10"/>
    </row>
    <row r="821085" spans="14:14">
      <c r="N821085" s="10"/>
    </row>
    <row r="821086" spans="14:14">
      <c r="N821086" s="10"/>
    </row>
    <row r="821087" spans="14:14">
      <c r="N821087" s="10"/>
    </row>
    <row r="821088" spans="14:14">
      <c r="N821088" s="10"/>
    </row>
    <row r="821089" spans="14:14">
      <c r="N821089" s="10"/>
    </row>
    <row r="821090" spans="14:14">
      <c r="N821090" s="10"/>
    </row>
    <row r="821091" spans="14:14">
      <c r="N821091" s="10"/>
    </row>
    <row r="821092" spans="14:14">
      <c r="N821092" s="10"/>
    </row>
    <row r="821093" spans="14:14">
      <c r="N821093" s="10"/>
    </row>
    <row r="821094" spans="14:14">
      <c r="N821094" s="10"/>
    </row>
    <row r="821095" spans="14:14">
      <c r="N821095" s="10"/>
    </row>
    <row r="821096" spans="14:14">
      <c r="N821096" s="10"/>
    </row>
    <row r="821097" spans="14:14">
      <c r="N821097" s="10"/>
    </row>
    <row r="821098" spans="14:14">
      <c r="N821098" s="10"/>
    </row>
    <row r="821099" spans="14:14">
      <c r="N821099" s="10"/>
    </row>
    <row r="821100" spans="14:14">
      <c r="N821100" s="10"/>
    </row>
    <row r="821101" spans="14:14">
      <c r="N821101" s="10"/>
    </row>
    <row r="821102" spans="14:14">
      <c r="N821102" s="10"/>
    </row>
    <row r="821103" spans="14:14">
      <c r="N821103" s="10"/>
    </row>
    <row r="821104" spans="14:14">
      <c r="N821104" s="10"/>
    </row>
    <row r="821105" spans="14:14">
      <c r="N821105" s="10"/>
    </row>
    <row r="821106" spans="14:14">
      <c r="N821106" s="10"/>
    </row>
    <row r="821107" spans="14:14">
      <c r="N821107" s="10"/>
    </row>
    <row r="821108" spans="14:14">
      <c r="N821108" s="10"/>
    </row>
    <row r="821109" spans="14:14">
      <c r="N821109" s="10"/>
    </row>
    <row r="821110" spans="14:14">
      <c r="N821110" s="10"/>
    </row>
    <row r="821111" spans="14:14">
      <c r="N821111" s="10"/>
    </row>
    <row r="821112" spans="14:14">
      <c r="N821112" s="10"/>
    </row>
    <row r="821113" spans="14:14">
      <c r="N821113" s="10"/>
    </row>
    <row r="821114" spans="14:14">
      <c r="N821114" s="10"/>
    </row>
    <row r="821115" spans="14:14">
      <c r="N821115" s="10"/>
    </row>
    <row r="821116" spans="14:14">
      <c r="N821116" s="10"/>
    </row>
    <row r="821117" spans="14:14">
      <c r="N821117" s="10"/>
    </row>
    <row r="821118" spans="14:14">
      <c r="N821118" s="10"/>
    </row>
    <row r="821119" spans="14:14">
      <c r="N821119" s="10"/>
    </row>
    <row r="821120" spans="14:14">
      <c r="N821120" s="10"/>
    </row>
    <row r="821121" spans="14:14">
      <c r="N821121" s="10"/>
    </row>
    <row r="821122" spans="14:14">
      <c r="N821122" s="10"/>
    </row>
    <row r="821123" spans="14:14">
      <c r="N821123" s="10"/>
    </row>
    <row r="821124" spans="14:14">
      <c r="N821124" s="10"/>
    </row>
    <row r="821125" spans="14:14">
      <c r="N821125" s="10"/>
    </row>
    <row r="821126" spans="14:14">
      <c r="N821126" s="10"/>
    </row>
    <row r="821127" spans="14:14">
      <c r="N821127" s="10"/>
    </row>
    <row r="821128" spans="14:14">
      <c r="N821128" s="10"/>
    </row>
    <row r="821129" spans="14:14">
      <c r="N821129" s="10"/>
    </row>
    <row r="821130" spans="14:14">
      <c r="N821130" s="10"/>
    </row>
    <row r="821131" spans="14:14">
      <c r="N821131" s="10"/>
    </row>
    <row r="821132" spans="14:14">
      <c r="N821132" s="10"/>
    </row>
    <row r="821133" spans="14:14">
      <c r="N821133" s="10"/>
    </row>
    <row r="821134" spans="14:14">
      <c r="N821134" s="10"/>
    </row>
    <row r="821135" spans="14:14">
      <c r="N821135" s="10"/>
    </row>
    <row r="821136" spans="14:14">
      <c r="N821136" s="10"/>
    </row>
    <row r="821137" spans="14:14">
      <c r="N821137" s="10"/>
    </row>
    <row r="821138" spans="14:14">
      <c r="N821138" s="10"/>
    </row>
    <row r="821139" spans="14:14">
      <c r="N821139" s="10"/>
    </row>
    <row r="821140" spans="14:14">
      <c r="N821140" s="10"/>
    </row>
    <row r="821141" spans="14:14">
      <c r="N821141" s="10"/>
    </row>
    <row r="821142" spans="14:14">
      <c r="N821142" s="10"/>
    </row>
    <row r="821143" spans="14:14">
      <c r="N821143" s="10"/>
    </row>
    <row r="821144" spans="14:14">
      <c r="N821144" s="10"/>
    </row>
    <row r="821145" spans="14:14">
      <c r="N821145" s="10"/>
    </row>
    <row r="821146" spans="14:14">
      <c r="N821146" s="10"/>
    </row>
    <row r="821147" spans="14:14">
      <c r="N821147" s="10"/>
    </row>
    <row r="821148" spans="14:14">
      <c r="N821148" s="10"/>
    </row>
    <row r="821149" spans="14:14">
      <c r="N821149" s="10"/>
    </row>
    <row r="821150" spans="14:14">
      <c r="N821150" s="10"/>
    </row>
    <row r="821151" spans="14:14">
      <c r="N821151" s="10"/>
    </row>
    <row r="821152" spans="14:14">
      <c r="N821152" s="10"/>
    </row>
    <row r="821153" spans="14:14">
      <c r="N821153" s="10"/>
    </row>
    <row r="821154" spans="14:14">
      <c r="N821154" s="10"/>
    </row>
    <row r="821155" spans="14:14">
      <c r="N821155" s="10"/>
    </row>
    <row r="821156" spans="14:14">
      <c r="N821156" s="10"/>
    </row>
    <row r="821157" spans="14:14">
      <c r="N821157" s="10"/>
    </row>
    <row r="821158" spans="14:14">
      <c r="N821158" s="10"/>
    </row>
    <row r="821159" spans="14:14">
      <c r="N821159" s="10"/>
    </row>
    <row r="821160" spans="14:14">
      <c r="N821160" s="10"/>
    </row>
    <row r="821161" spans="14:14">
      <c r="N821161" s="10"/>
    </row>
    <row r="821162" spans="14:14">
      <c r="N821162" s="10"/>
    </row>
    <row r="821163" spans="14:14">
      <c r="N821163" s="10"/>
    </row>
    <row r="821164" spans="14:14">
      <c r="N821164" s="10"/>
    </row>
    <row r="821165" spans="14:14">
      <c r="N821165" s="10"/>
    </row>
    <row r="821166" spans="14:14">
      <c r="N821166" s="10"/>
    </row>
    <row r="821167" spans="14:14">
      <c r="N821167" s="10"/>
    </row>
    <row r="821168" spans="14:14">
      <c r="N821168" s="10"/>
    </row>
    <row r="821169" spans="14:14">
      <c r="N821169" s="10"/>
    </row>
    <row r="821170" spans="14:14">
      <c r="N821170" s="10"/>
    </row>
    <row r="821171" spans="14:14">
      <c r="N821171" s="10"/>
    </row>
    <row r="821172" spans="14:14">
      <c r="N821172" s="10"/>
    </row>
    <row r="821173" spans="14:14">
      <c r="N821173" s="10"/>
    </row>
    <row r="821174" spans="14:14">
      <c r="N821174" s="10"/>
    </row>
    <row r="821175" spans="14:14">
      <c r="N821175" s="10"/>
    </row>
    <row r="821176" spans="14:14">
      <c r="N821176" s="10"/>
    </row>
    <row r="821177" spans="14:14">
      <c r="N821177" s="10"/>
    </row>
    <row r="821178" spans="14:14">
      <c r="N821178" s="10"/>
    </row>
    <row r="821179" spans="14:14">
      <c r="N821179" s="10"/>
    </row>
    <row r="821180" spans="14:14">
      <c r="N821180" s="10"/>
    </row>
    <row r="821181" spans="14:14">
      <c r="N821181" s="10"/>
    </row>
    <row r="821182" spans="14:14">
      <c r="N821182" s="10"/>
    </row>
    <row r="821183" spans="14:14">
      <c r="N821183" s="10"/>
    </row>
    <row r="821184" spans="14:14">
      <c r="N821184" s="10"/>
    </row>
    <row r="821185" spans="14:14">
      <c r="N821185" s="10"/>
    </row>
    <row r="821186" spans="14:14">
      <c r="N821186" s="10"/>
    </row>
    <row r="821187" spans="14:14">
      <c r="N821187" s="10"/>
    </row>
    <row r="821188" spans="14:14">
      <c r="N821188" s="10"/>
    </row>
    <row r="821189" spans="14:14">
      <c r="N821189" s="10"/>
    </row>
    <row r="821190" spans="14:14">
      <c r="N821190" s="10"/>
    </row>
    <row r="821191" spans="14:14">
      <c r="N821191" s="10"/>
    </row>
    <row r="821192" spans="14:14">
      <c r="N821192" s="10"/>
    </row>
    <row r="821193" spans="14:14">
      <c r="N821193" s="10"/>
    </row>
    <row r="821194" spans="14:14">
      <c r="N821194" s="10"/>
    </row>
    <row r="821195" spans="14:14">
      <c r="N821195" s="10"/>
    </row>
    <row r="821196" spans="14:14">
      <c r="N821196" s="10"/>
    </row>
    <row r="821197" spans="14:14">
      <c r="N821197" s="10"/>
    </row>
    <row r="821198" spans="14:14">
      <c r="N821198" s="10"/>
    </row>
    <row r="821199" spans="14:14">
      <c r="N821199" s="10"/>
    </row>
    <row r="821200" spans="14:14">
      <c r="N821200" s="10"/>
    </row>
    <row r="821201" spans="14:14">
      <c r="N821201" s="10"/>
    </row>
    <row r="821202" spans="14:14">
      <c r="N821202" s="10"/>
    </row>
    <row r="821203" spans="14:14">
      <c r="N821203" s="10"/>
    </row>
    <row r="821204" spans="14:14">
      <c r="N821204" s="10"/>
    </row>
    <row r="821205" spans="14:14">
      <c r="N821205" s="10"/>
    </row>
    <row r="821206" spans="14:14">
      <c r="N821206" s="10"/>
    </row>
    <row r="821207" spans="14:14">
      <c r="N821207" s="10"/>
    </row>
    <row r="821208" spans="14:14">
      <c r="N821208" s="10"/>
    </row>
    <row r="821209" spans="14:14">
      <c r="N821209" s="10"/>
    </row>
    <row r="821210" spans="14:14">
      <c r="N821210" s="10"/>
    </row>
    <row r="821211" spans="14:14">
      <c r="N821211" s="10"/>
    </row>
    <row r="821212" spans="14:14">
      <c r="N821212" s="10"/>
    </row>
    <row r="821213" spans="14:14">
      <c r="N821213" s="10"/>
    </row>
    <row r="821214" spans="14:14">
      <c r="N821214" s="10"/>
    </row>
    <row r="821215" spans="14:14">
      <c r="N821215" s="10"/>
    </row>
    <row r="821216" spans="14:14">
      <c r="N821216" s="10"/>
    </row>
    <row r="821217" spans="14:14">
      <c r="N821217" s="10"/>
    </row>
    <row r="821218" spans="14:14">
      <c r="N821218" s="10"/>
    </row>
    <row r="821219" spans="14:14">
      <c r="N821219" s="10"/>
    </row>
    <row r="821220" spans="14:14">
      <c r="N821220" s="10"/>
    </row>
    <row r="821221" spans="14:14">
      <c r="N821221" s="10"/>
    </row>
    <row r="821222" spans="14:14">
      <c r="N821222" s="10"/>
    </row>
    <row r="821223" spans="14:14">
      <c r="N821223" s="10"/>
    </row>
    <row r="821224" spans="14:14">
      <c r="N821224" s="10"/>
    </row>
    <row r="821225" spans="14:14">
      <c r="N821225" s="10"/>
    </row>
    <row r="821226" spans="14:14">
      <c r="N821226" s="10"/>
    </row>
    <row r="821227" spans="14:14">
      <c r="N821227" s="10"/>
    </row>
    <row r="821228" spans="14:14">
      <c r="N821228" s="10"/>
    </row>
    <row r="821229" spans="14:14">
      <c r="N821229" s="10"/>
    </row>
    <row r="821230" spans="14:14">
      <c r="N821230" s="10"/>
    </row>
    <row r="821231" spans="14:14">
      <c r="N821231" s="10"/>
    </row>
    <row r="821232" spans="14:14">
      <c r="N821232" s="10"/>
    </row>
    <row r="821233" spans="14:14">
      <c r="N821233" s="10"/>
    </row>
    <row r="821234" spans="14:14">
      <c r="N821234" s="10"/>
    </row>
    <row r="821235" spans="14:14">
      <c r="N821235" s="10"/>
    </row>
    <row r="821236" spans="14:14">
      <c r="N821236" s="10"/>
    </row>
    <row r="821237" spans="14:14">
      <c r="N821237" s="10"/>
    </row>
    <row r="821238" spans="14:14">
      <c r="N821238" s="10"/>
    </row>
    <row r="821239" spans="14:14">
      <c r="N821239" s="10"/>
    </row>
    <row r="821240" spans="14:14">
      <c r="N821240" s="10"/>
    </row>
    <row r="821241" spans="14:14">
      <c r="N821241" s="10"/>
    </row>
    <row r="821242" spans="14:14">
      <c r="N821242" s="10"/>
    </row>
    <row r="821243" spans="14:14">
      <c r="N821243" s="10"/>
    </row>
    <row r="821244" spans="14:14">
      <c r="N821244" s="10"/>
    </row>
    <row r="821245" spans="14:14">
      <c r="N821245" s="10"/>
    </row>
    <row r="821246" spans="14:14">
      <c r="N821246" s="10"/>
    </row>
    <row r="821247" spans="14:14">
      <c r="N821247" s="10"/>
    </row>
    <row r="821248" spans="14:14">
      <c r="N821248" s="10"/>
    </row>
    <row r="821249" spans="14:14">
      <c r="N821249" s="10"/>
    </row>
    <row r="821250" spans="14:14">
      <c r="N821250" s="10"/>
    </row>
    <row r="821251" spans="14:14">
      <c r="N821251" s="10"/>
    </row>
    <row r="821252" spans="14:14">
      <c r="N821252" s="10"/>
    </row>
    <row r="821253" spans="14:14">
      <c r="N821253" s="10"/>
    </row>
    <row r="821254" spans="14:14">
      <c r="N821254" s="10"/>
    </row>
    <row r="821255" spans="14:14">
      <c r="N821255" s="10"/>
    </row>
    <row r="821256" spans="14:14">
      <c r="N821256" s="10"/>
    </row>
    <row r="821257" spans="14:14">
      <c r="N821257" s="10"/>
    </row>
    <row r="821258" spans="14:14">
      <c r="N821258" s="10"/>
    </row>
    <row r="821259" spans="14:14">
      <c r="N821259" s="10"/>
    </row>
    <row r="821260" spans="14:14">
      <c r="N821260" s="10"/>
    </row>
    <row r="821261" spans="14:14">
      <c r="N821261" s="10"/>
    </row>
    <row r="821262" spans="14:14">
      <c r="N821262" s="10"/>
    </row>
    <row r="821263" spans="14:14">
      <c r="N821263" s="10"/>
    </row>
    <row r="821264" spans="14:14">
      <c r="N821264" s="10"/>
    </row>
    <row r="821265" spans="14:14">
      <c r="N821265" s="10"/>
    </row>
    <row r="821266" spans="14:14">
      <c r="N821266" s="10"/>
    </row>
    <row r="821267" spans="14:14">
      <c r="N821267" s="10"/>
    </row>
    <row r="821268" spans="14:14">
      <c r="N821268" s="10"/>
    </row>
    <row r="821269" spans="14:14">
      <c r="N821269" s="10"/>
    </row>
    <row r="821270" spans="14:14">
      <c r="N821270" s="10"/>
    </row>
    <row r="821271" spans="14:14">
      <c r="N821271" s="10"/>
    </row>
    <row r="821272" spans="14:14">
      <c r="N821272" s="10"/>
    </row>
    <row r="821273" spans="14:14">
      <c r="N821273" s="10"/>
    </row>
    <row r="821274" spans="14:14">
      <c r="N821274" s="10"/>
    </row>
    <row r="821275" spans="14:14">
      <c r="N821275" s="10"/>
    </row>
    <row r="821276" spans="14:14">
      <c r="N821276" s="10"/>
    </row>
    <row r="821277" spans="14:14">
      <c r="N821277" s="10"/>
    </row>
    <row r="821278" spans="14:14">
      <c r="N821278" s="10"/>
    </row>
    <row r="821279" spans="14:14">
      <c r="N821279" s="10"/>
    </row>
    <row r="821280" spans="14:14">
      <c r="N821280" s="10"/>
    </row>
    <row r="821281" spans="14:14">
      <c r="N821281" s="10"/>
    </row>
    <row r="821282" spans="14:14">
      <c r="N821282" s="10"/>
    </row>
    <row r="821283" spans="14:14">
      <c r="N821283" s="10"/>
    </row>
    <row r="821284" spans="14:14">
      <c r="N821284" s="10"/>
    </row>
    <row r="821285" spans="14:14">
      <c r="N821285" s="10"/>
    </row>
    <row r="821286" spans="14:14">
      <c r="N821286" s="10"/>
    </row>
    <row r="821287" spans="14:14">
      <c r="N821287" s="10"/>
    </row>
    <row r="821288" spans="14:14">
      <c r="N821288" s="10"/>
    </row>
    <row r="821289" spans="14:14">
      <c r="N821289" s="10"/>
    </row>
    <row r="821290" spans="14:14">
      <c r="N821290" s="10"/>
    </row>
    <row r="821291" spans="14:14">
      <c r="N821291" s="10"/>
    </row>
    <row r="821292" spans="14:14">
      <c r="N821292" s="10"/>
    </row>
    <row r="821293" spans="14:14">
      <c r="N821293" s="10"/>
    </row>
    <row r="821294" spans="14:14">
      <c r="N821294" s="10"/>
    </row>
    <row r="821295" spans="14:14">
      <c r="N821295" s="10"/>
    </row>
    <row r="821296" spans="14:14">
      <c r="N821296" s="10"/>
    </row>
    <row r="821297" spans="14:14">
      <c r="N821297" s="10"/>
    </row>
    <row r="821298" spans="14:14">
      <c r="N821298" s="10"/>
    </row>
    <row r="821299" spans="14:14">
      <c r="N821299" s="10"/>
    </row>
    <row r="821300" spans="14:14">
      <c r="N821300" s="10"/>
    </row>
    <row r="821301" spans="14:14">
      <c r="N821301" s="10"/>
    </row>
    <row r="821302" spans="14:14">
      <c r="N821302" s="10"/>
    </row>
    <row r="821303" spans="14:14">
      <c r="N821303" s="10"/>
    </row>
    <row r="821304" spans="14:14">
      <c r="N821304" s="10"/>
    </row>
    <row r="821305" spans="14:14">
      <c r="N821305" s="10"/>
    </row>
    <row r="821306" spans="14:14">
      <c r="N821306" s="10"/>
    </row>
    <row r="821307" spans="14:14">
      <c r="N821307" s="10"/>
    </row>
    <row r="821308" spans="14:14">
      <c r="N821308" s="10"/>
    </row>
    <row r="821309" spans="14:14">
      <c r="N821309" s="10"/>
    </row>
    <row r="821310" spans="14:14">
      <c r="N821310" s="10"/>
    </row>
    <row r="821311" spans="14:14">
      <c r="N821311" s="10"/>
    </row>
    <row r="821312" spans="14:14">
      <c r="N821312" s="10"/>
    </row>
    <row r="821313" spans="14:14">
      <c r="N821313" s="10"/>
    </row>
    <row r="821314" spans="14:14">
      <c r="N821314" s="10"/>
    </row>
    <row r="821315" spans="14:14">
      <c r="N821315" s="10"/>
    </row>
    <row r="821316" spans="14:14">
      <c r="N821316" s="10"/>
    </row>
    <row r="821317" spans="14:14">
      <c r="N821317" s="10"/>
    </row>
    <row r="821318" spans="14:14">
      <c r="N821318" s="10"/>
    </row>
    <row r="821319" spans="14:14">
      <c r="N821319" s="10"/>
    </row>
    <row r="821320" spans="14:14">
      <c r="N821320" s="10"/>
    </row>
    <row r="821321" spans="14:14">
      <c r="N821321" s="10"/>
    </row>
    <row r="821322" spans="14:14">
      <c r="N821322" s="10"/>
    </row>
    <row r="821323" spans="14:14">
      <c r="N821323" s="10"/>
    </row>
    <row r="821324" spans="14:14">
      <c r="N821324" s="10"/>
    </row>
    <row r="821325" spans="14:14">
      <c r="N821325" s="10"/>
    </row>
    <row r="821326" spans="14:14">
      <c r="N821326" s="10"/>
    </row>
    <row r="821327" spans="14:14">
      <c r="N821327" s="10"/>
    </row>
    <row r="821328" spans="14:14">
      <c r="N821328" s="10"/>
    </row>
    <row r="821329" spans="14:14">
      <c r="N821329" s="10"/>
    </row>
    <row r="821330" spans="14:14">
      <c r="N821330" s="10"/>
    </row>
    <row r="821331" spans="14:14">
      <c r="N821331" s="10"/>
    </row>
    <row r="821332" spans="14:14">
      <c r="N821332" s="10"/>
    </row>
    <row r="821333" spans="14:14">
      <c r="N821333" s="10"/>
    </row>
    <row r="821334" spans="14:14">
      <c r="N821334" s="10"/>
    </row>
    <row r="821335" spans="14:14">
      <c r="N821335" s="10"/>
    </row>
    <row r="821336" spans="14:14">
      <c r="N821336" s="10"/>
    </row>
    <row r="821337" spans="14:14">
      <c r="N821337" s="10"/>
    </row>
    <row r="821338" spans="14:14">
      <c r="N821338" s="10"/>
    </row>
    <row r="821339" spans="14:14">
      <c r="N821339" s="10"/>
    </row>
    <row r="821340" spans="14:14">
      <c r="N821340" s="10"/>
    </row>
    <row r="821341" spans="14:14">
      <c r="N821341" s="10"/>
    </row>
    <row r="821342" spans="14:14">
      <c r="N821342" s="10"/>
    </row>
    <row r="821343" spans="14:14">
      <c r="N821343" s="10"/>
    </row>
    <row r="821344" spans="14:14">
      <c r="N821344" s="10"/>
    </row>
    <row r="821345" spans="14:14">
      <c r="N821345" s="10"/>
    </row>
    <row r="821346" spans="14:14">
      <c r="N821346" s="10"/>
    </row>
    <row r="821347" spans="14:14">
      <c r="N821347" s="10"/>
    </row>
    <row r="821348" spans="14:14">
      <c r="N821348" s="10"/>
    </row>
    <row r="821349" spans="14:14">
      <c r="N821349" s="10"/>
    </row>
    <row r="821350" spans="14:14">
      <c r="N821350" s="10"/>
    </row>
    <row r="821351" spans="14:14">
      <c r="N821351" s="10"/>
    </row>
    <row r="821352" spans="14:14">
      <c r="N821352" s="10"/>
    </row>
    <row r="821353" spans="14:14">
      <c r="N821353" s="10"/>
    </row>
    <row r="821354" spans="14:14">
      <c r="N821354" s="10"/>
    </row>
    <row r="821355" spans="14:14">
      <c r="N821355" s="10"/>
    </row>
    <row r="821356" spans="14:14">
      <c r="N821356" s="10"/>
    </row>
    <row r="821357" spans="14:14">
      <c r="N821357" s="10"/>
    </row>
    <row r="821358" spans="14:14">
      <c r="N821358" s="10"/>
    </row>
    <row r="821359" spans="14:14">
      <c r="N821359" s="10"/>
    </row>
    <row r="821360" spans="14:14">
      <c r="N821360" s="10"/>
    </row>
    <row r="821361" spans="14:14">
      <c r="N821361" s="10"/>
    </row>
    <row r="821362" spans="14:14">
      <c r="N821362" s="10"/>
    </row>
    <row r="821363" spans="14:14">
      <c r="N821363" s="10"/>
    </row>
    <row r="821364" spans="14:14">
      <c r="N821364" s="10"/>
    </row>
    <row r="821365" spans="14:14">
      <c r="N821365" s="10"/>
    </row>
    <row r="821366" spans="14:14">
      <c r="N821366" s="10"/>
    </row>
    <row r="821367" spans="14:14">
      <c r="N821367" s="10"/>
    </row>
    <row r="821368" spans="14:14">
      <c r="N821368" s="10"/>
    </row>
    <row r="821369" spans="14:14">
      <c r="N821369" s="10"/>
    </row>
    <row r="821370" spans="14:14">
      <c r="N821370" s="10"/>
    </row>
    <row r="821371" spans="14:14">
      <c r="N821371" s="10"/>
    </row>
    <row r="821372" spans="14:14">
      <c r="N821372" s="10"/>
    </row>
    <row r="821373" spans="14:14">
      <c r="N821373" s="10"/>
    </row>
    <row r="821374" spans="14:14">
      <c r="N821374" s="10"/>
    </row>
    <row r="821375" spans="14:14">
      <c r="N821375" s="10"/>
    </row>
    <row r="821376" spans="14:14">
      <c r="N821376" s="10"/>
    </row>
    <row r="821377" spans="14:14">
      <c r="N821377" s="10"/>
    </row>
    <row r="821378" spans="14:14">
      <c r="N821378" s="10"/>
    </row>
    <row r="821379" spans="14:14">
      <c r="N821379" s="10"/>
    </row>
    <row r="821380" spans="14:14">
      <c r="N821380" s="10"/>
    </row>
    <row r="821381" spans="14:14">
      <c r="N821381" s="10"/>
    </row>
    <row r="821382" spans="14:14">
      <c r="N821382" s="10"/>
    </row>
    <row r="821383" spans="14:14">
      <c r="N821383" s="10"/>
    </row>
    <row r="821384" spans="14:14">
      <c r="N821384" s="10"/>
    </row>
    <row r="821385" spans="14:14">
      <c r="N821385" s="10"/>
    </row>
    <row r="821386" spans="14:14">
      <c r="N821386" s="10"/>
    </row>
    <row r="821387" spans="14:14">
      <c r="N821387" s="10"/>
    </row>
    <row r="821388" spans="14:14">
      <c r="N821388" s="10"/>
    </row>
    <row r="821389" spans="14:14">
      <c r="N821389" s="10"/>
    </row>
    <row r="821390" spans="14:14">
      <c r="N821390" s="10"/>
    </row>
    <row r="821391" spans="14:14">
      <c r="N821391" s="10"/>
    </row>
    <row r="821392" spans="14:14">
      <c r="N821392" s="10"/>
    </row>
    <row r="821393" spans="14:14">
      <c r="N821393" s="10"/>
    </row>
    <row r="821394" spans="14:14">
      <c r="N821394" s="10"/>
    </row>
    <row r="821395" spans="14:14">
      <c r="N821395" s="10"/>
    </row>
    <row r="821396" spans="14:14">
      <c r="N821396" s="10"/>
    </row>
    <row r="821397" spans="14:14">
      <c r="N821397" s="10"/>
    </row>
    <row r="821398" spans="14:14">
      <c r="N821398" s="10"/>
    </row>
    <row r="821399" spans="14:14">
      <c r="N821399" s="10"/>
    </row>
    <row r="821400" spans="14:14">
      <c r="N821400" s="10"/>
    </row>
    <row r="821401" spans="14:14">
      <c r="N821401" s="10"/>
    </row>
    <row r="821402" spans="14:14">
      <c r="N821402" s="10"/>
    </row>
    <row r="821403" spans="14:14">
      <c r="N821403" s="10"/>
    </row>
    <row r="821404" spans="14:14">
      <c r="N821404" s="10"/>
    </row>
    <row r="821405" spans="14:14">
      <c r="N821405" s="10"/>
    </row>
    <row r="821406" spans="14:14">
      <c r="N821406" s="10"/>
    </row>
    <row r="821407" spans="14:14">
      <c r="N821407" s="10"/>
    </row>
    <row r="821408" spans="14:14">
      <c r="N821408" s="10"/>
    </row>
    <row r="821409" spans="14:14">
      <c r="N821409" s="10"/>
    </row>
    <row r="821410" spans="14:14">
      <c r="N821410" s="10"/>
    </row>
    <row r="821411" spans="14:14">
      <c r="N821411" s="10"/>
    </row>
    <row r="821412" spans="14:14">
      <c r="N821412" s="10"/>
    </row>
    <row r="821413" spans="14:14">
      <c r="N821413" s="10"/>
    </row>
    <row r="821414" spans="14:14">
      <c r="N821414" s="10"/>
    </row>
    <row r="821415" spans="14:14">
      <c r="N821415" s="10"/>
    </row>
    <row r="821416" spans="14:14">
      <c r="N821416" s="10"/>
    </row>
    <row r="821417" spans="14:14">
      <c r="N821417" s="10"/>
    </row>
    <row r="821418" spans="14:14">
      <c r="N821418" s="10"/>
    </row>
    <row r="821419" spans="14:14">
      <c r="N821419" s="10"/>
    </row>
    <row r="821420" spans="14:14">
      <c r="N821420" s="10"/>
    </row>
    <row r="821421" spans="14:14">
      <c r="N821421" s="10"/>
    </row>
    <row r="821422" spans="14:14">
      <c r="N821422" s="10"/>
    </row>
    <row r="821423" spans="14:14">
      <c r="N821423" s="10"/>
    </row>
    <row r="821424" spans="14:14">
      <c r="N821424" s="10"/>
    </row>
    <row r="821425" spans="14:14">
      <c r="N821425" s="10"/>
    </row>
    <row r="821426" spans="14:14">
      <c r="N821426" s="10"/>
    </row>
    <row r="821427" spans="14:14">
      <c r="N821427" s="10"/>
    </row>
    <row r="821428" spans="14:14">
      <c r="N821428" s="10"/>
    </row>
    <row r="821429" spans="14:14">
      <c r="N821429" s="10"/>
    </row>
    <row r="821430" spans="14:14">
      <c r="N821430" s="10"/>
    </row>
    <row r="821431" spans="14:14">
      <c r="N821431" s="10"/>
    </row>
    <row r="821432" spans="14:14">
      <c r="N821432" s="10"/>
    </row>
    <row r="821433" spans="14:14">
      <c r="N821433" s="10"/>
    </row>
    <row r="821434" spans="14:14">
      <c r="N821434" s="10"/>
    </row>
    <row r="821435" spans="14:14">
      <c r="N821435" s="10"/>
    </row>
    <row r="821436" spans="14:14">
      <c r="N821436" s="10"/>
    </row>
    <row r="821437" spans="14:14">
      <c r="N821437" s="10"/>
    </row>
    <row r="821438" spans="14:14">
      <c r="N821438" s="10"/>
    </row>
    <row r="821439" spans="14:14">
      <c r="N821439" s="10"/>
    </row>
    <row r="821440" spans="14:14">
      <c r="N821440" s="10"/>
    </row>
    <row r="821441" spans="14:14">
      <c r="N821441" s="10"/>
    </row>
    <row r="821442" spans="14:14">
      <c r="N821442" s="10"/>
    </row>
    <row r="821443" spans="14:14">
      <c r="N821443" s="10"/>
    </row>
    <row r="821444" spans="14:14">
      <c r="N821444" s="10"/>
    </row>
    <row r="821445" spans="14:14">
      <c r="N821445" s="10"/>
    </row>
    <row r="821446" spans="14:14">
      <c r="N821446" s="10"/>
    </row>
    <row r="821447" spans="14:14">
      <c r="N821447" s="10"/>
    </row>
    <row r="821448" spans="14:14">
      <c r="N821448" s="10"/>
    </row>
    <row r="821449" spans="14:14">
      <c r="N821449" s="10"/>
    </row>
    <row r="821450" spans="14:14">
      <c r="N821450" s="10"/>
    </row>
    <row r="821451" spans="14:14">
      <c r="N821451" s="10"/>
    </row>
    <row r="821452" spans="14:14">
      <c r="N821452" s="10"/>
    </row>
    <row r="821453" spans="14:14">
      <c r="N821453" s="10"/>
    </row>
    <row r="821454" spans="14:14">
      <c r="N821454" s="10"/>
    </row>
    <row r="821455" spans="14:14">
      <c r="N821455" s="10"/>
    </row>
    <row r="821456" spans="14:14">
      <c r="N821456" s="10"/>
    </row>
    <row r="821457" spans="14:14">
      <c r="N821457" s="10"/>
    </row>
    <row r="821458" spans="14:14">
      <c r="N821458" s="10"/>
    </row>
    <row r="821459" spans="14:14">
      <c r="N821459" s="10"/>
    </row>
    <row r="821460" spans="14:14">
      <c r="N821460" s="10"/>
    </row>
    <row r="821461" spans="14:14">
      <c r="N821461" s="10"/>
    </row>
    <row r="821462" spans="14:14">
      <c r="N821462" s="10"/>
    </row>
    <row r="821463" spans="14:14">
      <c r="N821463" s="10"/>
    </row>
    <row r="821464" spans="14:14">
      <c r="N821464" s="10"/>
    </row>
    <row r="821465" spans="14:14">
      <c r="N821465" s="10"/>
    </row>
    <row r="821466" spans="14:14">
      <c r="N821466" s="10"/>
    </row>
    <row r="821467" spans="14:14">
      <c r="N821467" s="10"/>
    </row>
    <row r="821468" spans="14:14">
      <c r="N821468" s="10"/>
    </row>
    <row r="821469" spans="14:14">
      <c r="N821469" s="10"/>
    </row>
    <row r="821470" spans="14:14">
      <c r="N821470" s="10"/>
    </row>
    <row r="821471" spans="14:14">
      <c r="N821471" s="10"/>
    </row>
    <row r="821472" spans="14:14">
      <c r="N821472" s="10"/>
    </row>
    <row r="821473" spans="14:14">
      <c r="N821473" s="10"/>
    </row>
    <row r="821474" spans="14:14">
      <c r="N821474" s="10"/>
    </row>
    <row r="821475" spans="14:14">
      <c r="N821475" s="10"/>
    </row>
    <row r="821476" spans="14:14">
      <c r="N821476" s="10"/>
    </row>
    <row r="821477" spans="14:14">
      <c r="N821477" s="10"/>
    </row>
    <row r="821478" spans="14:14">
      <c r="N821478" s="10"/>
    </row>
    <row r="821479" spans="14:14">
      <c r="N821479" s="10"/>
    </row>
    <row r="821480" spans="14:14">
      <c r="N821480" s="10"/>
    </row>
    <row r="821481" spans="14:14">
      <c r="N821481" s="10"/>
    </row>
    <row r="821482" spans="14:14">
      <c r="N821482" s="10"/>
    </row>
    <row r="821483" spans="14:14">
      <c r="N821483" s="10"/>
    </row>
    <row r="821484" spans="14:14">
      <c r="N821484" s="10"/>
    </row>
    <row r="821485" spans="14:14">
      <c r="N821485" s="10"/>
    </row>
    <row r="821486" spans="14:14">
      <c r="N821486" s="10"/>
    </row>
    <row r="821487" spans="14:14">
      <c r="N821487" s="10"/>
    </row>
    <row r="821488" spans="14:14">
      <c r="N821488" s="10"/>
    </row>
    <row r="821489" spans="14:14">
      <c r="N821489" s="10"/>
    </row>
    <row r="821490" spans="14:14">
      <c r="N821490" s="10"/>
    </row>
    <row r="821491" spans="14:14">
      <c r="N821491" s="10"/>
    </row>
    <row r="821492" spans="14:14">
      <c r="N821492" s="10"/>
    </row>
    <row r="821493" spans="14:14">
      <c r="N821493" s="10"/>
    </row>
    <row r="821494" spans="14:14">
      <c r="N821494" s="10"/>
    </row>
    <row r="821495" spans="14:14">
      <c r="N821495" s="10"/>
    </row>
    <row r="821496" spans="14:14">
      <c r="N821496" s="10"/>
    </row>
    <row r="821497" spans="14:14">
      <c r="N821497" s="10"/>
    </row>
    <row r="821498" spans="14:14">
      <c r="N821498" s="10"/>
    </row>
    <row r="821499" spans="14:14">
      <c r="N821499" s="10"/>
    </row>
    <row r="821500" spans="14:14">
      <c r="N821500" s="10"/>
    </row>
    <row r="821501" spans="14:14">
      <c r="N821501" s="10"/>
    </row>
    <row r="821502" spans="14:14">
      <c r="N821502" s="10"/>
    </row>
    <row r="821503" spans="14:14">
      <c r="N821503" s="10"/>
    </row>
    <row r="821504" spans="14:14">
      <c r="N821504" s="10"/>
    </row>
    <row r="821505" spans="14:14">
      <c r="N821505" s="10"/>
    </row>
    <row r="821506" spans="14:14">
      <c r="N821506" s="10"/>
    </row>
    <row r="821507" spans="14:14">
      <c r="N821507" s="10"/>
    </row>
    <row r="821508" spans="14:14">
      <c r="N821508" s="10"/>
    </row>
    <row r="821509" spans="14:14">
      <c r="N821509" s="10"/>
    </row>
    <row r="821510" spans="14:14">
      <c r="N821510" s="10"/>
    </row>
    <row r="821511" spans="14:14">
      <c r="N821511" s="10"/>
    </row>
    <row r="821512" spans="14:14">
      <c r="N821512" s="10"/>
    </row>
    <row r="821513" spans="14:14">
      <c r="N821513" s="10"/>
    </row>
    <row r="821514" spans="14:14">
      <c r="N821514" s="10"/>
    </row>
    <row r="821515" spans="14:14">
      <c r="N821515" s="10"/>
    </row>
    <row r="821516" spans="14:14">
      <c r="N821516" s="10"/>
    </row>
    <row r="821517" spans="14:14">
      <c r="N821517" s="10"/>
    </row>
    <row r="821518" spans="14:14">
      <c r="N821518" s="10"/>
    </row>
    <row r="821519" spans="14:14">
      <c r="N821519" s="10"/>
    </row>
    <row r="821520" spans="14:14">
      <c r="N821520" s="10"/>
    </row>
    <row r="821521" spans="14:14">
      <c r="N821521" s="10"/>
    </row>
    <row r="821522" spans="14:14">
      <c r="N821522" s="10"/>
    </row>
    <row r="821523" spans="14:14">
      <c r="N821523" s="10"/>
    </row>
    <row r="821524" spans="14:14">
      <c r="N821524" s="10"/>
    </row>
    <row r="821525" spans="14:14">
      <c r="N821525" s="10"/>
    </row>
    <row r="821526" spans="14:14">
      <c r="N821526" s="10"/>
    </row>
    <row r="821527" spans="14:14">
      <c r="N821527" s="10"/>
    </row>
    <row r="821528" spans="14:14">
      <c r="N821528" s="10"/>
    </row>
    <row r="821529" spans="14:14">
      <c r="N821529" s="10"/>
    </row>
    <row r="821530" spans="14:14">
      <c r="N821530" s="10"/>
    </row>
    <row r="821531" spans="14:14">
      <c r="N821531" s="10"/>
    </row>
    <row r="821532" spans="14:14">
      <c r="N821532" s="10"/>
    </row>
    <row r="821533" spans="14:14">
      <c r="N821533" s="10"/>
    </row>
    <row r="821534" spans="14:14">
      <c r="N821534" s="10"/>
    </row>
    <row r="821535" spans="14:14">
      <c r="N821535" s="10"/>
    </row>
    <row r="821536" spans="14:14">
      <c r="N821536" s="10"/>
    </row>
    <row r="821537" spans="14:14">
      <c r="N821537" s="10"/>
    </row>
    <row r="821538" spans="14:14">
      <c r="N821538" s="10"/>
    </row>
    <row r="821539" spans="14:14">
      <c r="N821539" s="10"/>
    </row>
    <row r="821540" spans="14:14">
      <c r="N821540" s="10"/>
    </row>
    <row r="821541" spans="14:14">
      <c r="N821541" s="10"/>
    </row>
    <row r="821542" spans="14:14">
      <c r="N821542" s="10"/>
    </row>
    <row r="821543" spans="14:14">
      <c r="N821543" s="10"/>
    </row>
    <row r="821544" spans="14:14">
      <c r="N821544" s="10"/>
    </row>
    <row r="821545" spans="14:14">
      <c r="N821545" s="10"/>
    </row>
    <row r="821546" spans="14:14">
      <c r="N821546" s="10"/>
    </row>
    <row r="821547" spans="14:14">
      <c r="N821547" s="10"/>
    </row>
    <row r="821548" spans="14:14">
      <c r="N821548" s="10"/>
    </row>
    <row r="821549" spans="14:14">
      <c r="N821549" s="10"/>
    </row>
    <row r="821550" spans="14:14">
      <c r="N821550" s="10"/>
    </row>
    <row r="821551" spans="14:14">
      <c r="N821551" s="10"/>
    </row>
    <row r="821552" spans="14:14">
      <c r="N821552" s="10"/>
    </row>
    <row r="821553" spans="14:14">
      <c r="N821553" s="10"/>
    </row>
    <row r="821554" spans="14:14">
      <c r="N821554" s="10"/>
    </row>
    <row r="821555" spans="14:14">
      <c r="N821555" s="10"/>
    </row>
    <row r="821556" spans="14:14">
      <c r="N821556" s="10"/>
    </row>
    <row r="821557" spans="14:14">
      <c r="N821557" s="10"/>
    </row>
    <row r="821558" spans="14:14">
      <c r="N821558" s="10"/>
    </row>
    <row r="821559" spans="14:14">
      <c r="N821559" s="10"/>
    </row>
    <row r="821560" spans="14:14">
      <c r="N821560" s="10"/>
    </row>
    <row r="821561" spans="14:14">
      <c r="N821561" s="10"/>
    </row>
    <row r="821562" spans="14:14">
      <c r="N821562" s="10"/>
    </row>
    <row r="821563" spans="14:14">
      <c r="N821563" s="10"/>
    </row>
    <row r="821564" spans="14:14">
      <c r="N821564" s="10"/>
    </row>
    <row r="821565" spans="14:14">
      <c r="N821565" s="10"/>
    </row>
    <row r="821566" spans="14:14">
      <c r="N821566" s="10"/>
    </row>
    <row r="821567" spans="14:14">
      <c r="N821567" s="10"/>
    </row>
    <row r="821568" spans="14:14">
      <c r="N821568" s="10"/>
    </row>
    <row r="821569" spans="14:14">
      <c r="N821569" s="10"/>
    </row>
    <row r="821570" spans="14:14">
      <c r="N821570" s="10"/>
    </row>
    <row r="821571" spans="14:14">
      <c r="N821571" s="10"/>
    </row>
    <row r="821572" spans="14:14">
      <c r="N821572" s="10"/>
    </row>
    <row r="821573" spans="14:14">
      <c r="N821573" s="10"/>
    </row>
    <row r="821574" spans="14:14">
      <c r="N821574" s="10"/>
    </row>
    <row r="821575" spans="14:14">
      <c r="N821575" s="10"/>
    </row>
    <row r="821576" spans="14:14">
      <c r="N821576" s="10"/>
    </row>
    <row r="821577" spans="14:14">
      <c r="N821577" s="10"/>
    </row>
    <row r="821578" spans="14:14">
      <c r="N821578" s="10"/>
    </row>
    <row r="821579" spans="14:14">
      <c r="N821579" s="10"/>
    </row>
    <row r="821580" spans="14:14">
      <c r="N821580" s="10"/>
    </row>
    <row r="821581" spans="14:14">
      <c r="N821581" s="10"/>
    </row>
    <row r="821582" spans="14:14">
      <c r="N821582" s="10"/>
    </row>
    <row r="821583" spans="14:14">
      <c r="N821583" s="10"/>
    </row>
    <row r="821584" spans="14:14">
      <c r="N821584" s="10"/>
    </row>
    <row r="821585" spans="14:14">
      <c r="N821585" s="10"/>
    </row>
    <row r="821586" spans="14:14">
      <c r="N821586" s="10"/>
    </row>
    <row r="821587" spans="14:14">
      <c r="N821587" s="10"/>
    </row>
    <row r="821588" spans="14:14">
      <c r="N821588" s="10"/>
    </row>
    <row r="821589" spans="14:14">
      <c r="N821589" s="10"/>
    </row>
    <row r="821590" spans="14:14">
      <c r="N821590" s="10"/>
    </row>
    <row r="821591" spans="14:14">
      <c r="N821591" s="10"/>
    </row>
    <row r="821592" spans="14:14">
      <c r="N821592" s="10"/>
    </row>
    <row r="821593" spans="14:14">
      <c r="N821593" s="10"/>
    </row>
    <row r="821594" spans="14:14">
      <c r="N821594" s="10"/>
    </row>
    <row r="821595" spans="14:14">
      <c r="N821595" s="10"/>
    </row>
    <row r="821596" spans="14:14">
      <c r="N821596" s="10"/>
    </row>
    <row r="821597" spans="14:14">
      <c r="N821597" s="10"/>
    </row>
    <row r="821598" spans="14:14">
      <c r="N821598" s="10"/>
    </row>
    <row r="821599" spans="14:14">
      <c r="N821599" s="10"/>
    </row>
    <row r="821600" spans="14:14">
      <c r="N821600" s="10"/>
    </row>
    <row r="821601" spans="14:14">
      <c r="N821601" s="10"/>
    </row>
    <row r="821602" spans="14:14">
      <c r="N821602" s="10"/>
    </row>
    <row r="821603" spans="14:14">
      <c r="N821603" s="10"/>
    </row>
    <row r="821604" spans="14:14">
      <c r="N821604" s="10"/>
    </row>
    <row r="821605" spans="14:14">
      <c r="N821605" s="10"/>
    </row>
    <row r="821606" spans="14:14">
      <c r="N821606" s="10"/>
    </row>
    <row r="821607" spans="14:14">
      <c r="N821607" s="10"/>
    </row>
    <row r="821608" spans="14:14">
      <c r="N821608" s="10"/>
    </row>
    <row r="821609" spans="14:14">
      <c r="N821609" s="10"/>
    </row>
    <row r="821610" spans="14:14">
      <c r="N821610" s="10"/>
    </row>
    <row r="821611" spans="14:14">
      <c r="N821611" s="10"/>
    </row>
    <row r="821612" spans="14:14">
      <c r="N821612" s="10"/>
    </row>
    <row r="821613" spans="14:14">
      <c r="N821613" s="10"/>
    </row>
    <row r="821614" spans="14:14">
      <c r="N821614" s="10"/>
    </row>
    <row r="821615" spans="14:14">
      <c r="N821615" s="10"/>
    </row>
    <row r="821616" spans="14:14">
      <c r="N821616" s="10"/>
    </row>
    <row r="821617" spans="14:14">
      <c r="N821617" s="10"/>
    </row>
    <row r="821618" spans="14:14">
      <c r="N821618" s="10"/>
    </row>
    <row r="821619" spans="14:14">
      <c r="N821619" s="10"/>
    </row>
    <row r="821620" spans="14:14">
      <c r="N821620" s="10"/>
    </row>
    <row r="821621" spans="14:14">
      <c r="N821621" s="10"/>
    </row>
    <row r="821622" spans="14:14">
      <c r="N821622" s="10"/>
    </row>
    <row r="821623" spans="14:14">
      <c r="N821623" s="10"/>
    </row>
    <row r="821624" spans="14:14">
      <c r="N821624" s="10"/>
    </row>
    <row r="821625" spans="14:14">
      <c r="N821625" s="10"/>
    </row>
    <row r="821626" spans="14:14">
      <c r="N821626" s="10"/>
    </row>
    <row r="821627" spans="14:14">
      <c r="N821627" s="10"/>
    </row>
    <row r="821628" spans="14:14">
      <c r="N821628" s="10"/>
    </row>
    <row r="821629" spans="14:14">
      <c r="N821629" s="10"/>
    </row>
    <row r="821630" spans="14:14">
      <c r="N821630" s="10"/>
    </row>
    <row r="821631" spans="14:14">
      <c r="N821631" s="10"/>
    </row>
    <row r="821632" spans="14:14">
      <c r="N821632" s="10"/>
    </row>
    <row r="821633" spans="14:14">
      <c r="N821633" s="10"/>
    </row>
    <row r="821634" spans="14:14">
      <c r="N821634" s="10"/>
    </row>
    <row r="821635" spans="14:14">
      <c r="N821635" s="10"/>
    </row>
    <row r="821636" spans="14:14">
      <c r="N821636" s="10"/>
    </row>
    <row r="821637" spans="14:14">
      <c r="N821637" s="10"/>
    </row>
    <row r="821638" spans="14:14">
      <c r="N821638" s="10"/>
    </row>
    <row r="821639" spans="14:14">
      <c r="N821639" s="10"/>
    </row>
    <row r="821640" spans="14:14">
      <c r="N821640" s="10"/>
    </row>
    <row r="821641" spans="14:14">
      <c r="N821641" s="10"/>
    </row>
    <row r="821642" spans="14:14">
      <c r="N821642" s="10"/>
    </row>
    <row r="821643" spans="14:14">
      <c r="N821643" s="10"/>
    </row>
    <row r="821644" spans="14:14">
      <c r="N821644" s="10"/>
    </row>
    <row r="821645" spans="14:14">
      <c r="N821645" s="10"/>
    </row>
    <row r="821646" spans="14:14">
      <c r="N821646" s="10"/>
    </row>
    <row r="821647" spans="14:14">
      <c r="N821647" s="10"/>
    </row>
    <row r="821648" spans="14:14">
      <c r="N821648" s="10"/>
    </row>
    <row r="821649" spans="14:14">
      <c r="N821649" s="10"/>
    </row>
    <row r="821650" spans="14:14">
      <c r="N821650" s="10"/>
    </row>
    <row r="821651" spans="14:14">
      <c r="N821651" s="10"/>
    </row>
    <row r="821652" spans="14:14">
      <c r="N821652" s="10"/>
    </row>
    <row r="821653" spans="14:14">
      <c r="N821653" s="10"/>
    </row>
    <row r="821654" spans="14:14">
      <c r="N821654" s="10"/>
    </row>
    <row r="821655" spans="14:14">
      <c r="N821655" s="10"/>
    </row>
    <row r="821656" spans="14:14">
      <c r="N821656" s="10"/>
    </row>
    <row r="821657" spans="14:14">
      <c r="N821657" s="10"/>
    </row>
    <row r="821658" spans="14:14">
      <c r="N821658" s="10"/>
    </row>
    <row r="821659" spans="14:14">
      <c r="N821659" s="10"/>
    </row>
    <row r="821660" spans="14:14">
      <c r="N821660" s="10"/>
    </row>
    <row r="821661" spans="14:14">
      <c r="N821661" s="10"/>
    </row>
    <row r="821662" spans="14:14">
      <c r="N821662" s="10"/>
    </row>
    <row r="821663" spans="14:14">
      <c r="N821663" s="10"/>
    </row>
    <row r="821664" spans="14:14">
      <c r="N821664" s="10"/>
    </row>
    <row r="821665" spans="14:14">
      <c r="N821665" s="10"/>
    </row>
    <row r="821666" spans="14:14">
      <c r="N821666" s="10"/>
    </row>
    <row r="821667" spans="14:14">
      <c r="N821667" s="10"/>
    </row>
    <row r="821668" spans="14:14">
      <c r="N821668" s="10"/>
    </row>
    <row r="821669" spans="14:14">
      <c r="N821669" s="10"/>
    </row>
    <row r="821670" spans="14:14">
      <c r="N821670" s="10"/>
    </row>
    <row r="821671" spans="14:14">
      <c r="N821671" s="10"/>
    </row>
    <row r="821672" spans="14:14">
      <c r="N821672" s="10"/>
    </row>
    <row r="821673" spans="14:14">
      <c r="N821673" s="10"/>
    </row>
    <row r="821674" spans="14:14">
      <c r="N821674" s="10"/>
    </row>
    <row r="821675" spans="14:14">
      <c r="N821675" s="10"/>
    </row>
    <row r="821676" spans="14:14">
      <c r="N821676" s="10"/>
    </row>
    <row r="821677" spans="14:14">
      <c r="N821677" s="10"/>
    </row>
    <row r="821678" spans="14:14">
      <c r="N821678" s="10"/>
    </row>
    <row r="821679" spans="14:14">
      <c r="N821679" s="10"/>
    </row>
    <row r="821680" spans="14:14">
      <c r="N821680" s="10"/>
    </row>
    <row r="821681" spans="14:14">
      <c r="N821681" s="10"/>
    </row>
    <row r="821682" spans="14:14">
      <c r="N821682" s="10"/>
    </row>
    <row r="821683" spans="14:14">
      <c r="N821683" s="10"/>
    </row>
    <row r="821684" spans="14:14">
      <c r="N821684" s="10"/>
    </row>
    <row r="821685" spans="14:14">
      <c r="N821685" s="10"/>
    </row>
    <row r="821686" spans="14:14">
      <c r="N821686" s="10"/>
    </row>
    <row r="821687" spans="14:14">
      <c r="N821687" s="10"/>
    </row>
    <row r="821688" spans="14:14">
      <c r="N821688" s="10"/>
    </row>
    <row r="821689" spans="14:14">
      <c r="N821689" s="10"/>
    </row>
    <row r="821690" spans="14:14">
      <c r="N821690" s="10"/>
    </row>
    <row r="821691" spans="14:14">
      <c r="N821691" s="10"/>
    </row>
    <row r="821692" spans="14:14">
      <c r="N821692" s="10"/>
    </row>
    <row r="821693" spans="14:14">
      <c r="N821693" s="10"/>
    </row>
    <row r="821694" spans="14:14">
      <c r="N821694" s="10"/>
    </row>
    <row r="821695" spans="14:14">
      <c r="N821695" s="10"/>
    </row>
    <row r="821696" spans="14:14">
      <c r="N821696" s="10"/>
    </row>
    <row r="821697" spans="14:14">
      <c r="N821697" s="10"/>
    </row>
    <row r="821698" spans="14:14">
      <c r="N821698" s="10"/>
    </row>
    <row r="821699" spans="14:14">
      <c r="N821699" s="10"/>
    </row>
    <row r="821700" spans="14:14">
      <c r="N821700" s="10"/>
    </row>
    <row r="821701" spans="14:14">
      <c r="N821701" s="10"/>
    </row>
    <row r="821702" spans="14:14">
      <c r="N821702" s="10"/>
    </row>
    <row r="821703" spans="14:14">
      <c r="N821703" s="10"/>
    </row>
    <row r="821704" spans="14:14">
      <c r="N821704" s="10"/>
    </row>
    <row r="821705" spans="14:14">
      <c r="N821705" s="10"/>
    </row>
    <row r="821706" spans="14:14">
      <c r="N821706" s="10"/>
    </row>
    <row r="821707" spans="14:14">
      <c r="N821707" s="10"/>
    </row>
    <row r="821708" spans="14:14">
      <c r="N821708" s="10"/>
    </row>
    <row r="821709" spans="14:14">
      <c r="N821709" s="10"/>
    </row>
    <row r="821710" spans="14:14">
      <c r="N821710" s="10"/>
    </row>
    <row r="821711" spans="14:14">
      <c r="N821711" s="10"/>
    </row>
    <row r="821712" spans="14:14">
      <c r="N821712" s="10"/>
    </row>
    <row r="821713" spans="14:14">
      <c r="N821713" s="10"/>
    </row>
    <row r="821714" spans="14:14">
      <c r="N821714" s="10"/>
    </row>
    <row r="821715" spans="14:14">
      <c r="N821715" s="10"/>
    </row>
    <row r="821716" spans="14:14">
      <c r="N821716" s="10"/>
    </row>
    <row r="821717" spans="14:14">
      <c r="N821717" s="10"/>
    </row>
    <row r="821718" spans="14:14">
      <c r="N821718" s="10"/>
    </row>
    <row r="821719" spans="14:14">
      <c r="N821719" s="10"/>
    </row>
    <row r="821720" spans="14:14">
      <c r="N821720" s="10"/>
    </row>
    <row r="821721" spans="14:14">
      <c r="N821721" s="10"/>
    </row>
    <row r="821722" spans="14:14">
      <c r="N821722" s="10"/>
    </row>
    <row r="821723" spans="14:14">
      <c r="N821723" s="10"/>
    </row>
    <row r="821724" spans="14:14">
      <c r="N821724" s="10"/>
    </row>
    <row r="821725" spans="14:14">
      <c r="N821725" s="10"/>
    </row>
    <row r="821726" spans="14:14">
      <c r="N821726" s="10"/>
    </row>
    <row r="821727" spans="14:14">
      <c r="N821727" s="10"/>
    </row>
    <row r="821728" spans="14:14">
      <c r="N821728" s="10"/>
    </row>
    <row r="821729" spans="14:14">
      <c r="N821729" s="10"/>
    </row>
    <row r="821730" spans="14:14">
      <c r="N821730" s="10"/>
    </row>
    <row r="821731" spans="14:14">
      <c r="N821731" s="10"/>
    </row>
    <row r="821732" spans="14:14">
      <c r="N821732" s="10"/>
    </row>
    <row r="821733" spans="14:14">
      <c r="N821733" s="10"/>
    </row>
    <row r="821734" spans="14:14">
      <c r="N821734" s="10"/>
    </row>
    <row r="821735" spans="14:14">
      <c r="N821735" s="10"/>
    </row>
    <row r="821736" spans="14:14">
      <c r="N821736" s="10"/>
    </row>
    <row r="821737" spans="14:14">
      <c r="N821737" s="10"/>
    </row>
    <row r="821738" spans="14:14">
      <c r="N821738" s="10"/>
    </row>
    <row r="821739" spans="14:14">
      <c r="N821739" s="10"/>
    </row>
    <row r="821740" spans="14:14">
      <c r="N821740" s="10"/>
    </row>
    <row r="821741" spans="14:14">
      <c r="N821741" s="10"/>
    </row>
    <row r="821742" spans="14:14">
      <c r="N821742" s="10"/>
    </row>
    <row r="821743" spans="14:14">
      <c r="N821743" s="10"/>
    </row>
    <row r="821744" spans="14:14">
      <c r="N821744" s="10"/>
    </row>
    <row r="821745" spans="14:14">
      <c r="N821745" s="10"/>
    </row>
    <row r="821746" spans="14:14">
      <c r="N821746" s="10"/>
    </row>
    <row r="821747" spans="14:14">
      <c r="N821747" s="10"/>
    </row>
    <row r="821748" spans="14:14">
      <c r="N821748" s="10"/>
    </row>
    <row r="821749" spans="14:14">
      <c r="N821749" s="10"/>
    </row>
    <row r="821750" spans="14:14">
      <c r="N821750" s="10"/>
    </row>
    <row r="821751" spans="14:14">
      <c r="N821751" s="10"/>
    </row>
    <row r="821752" spans="14:14">
      <c r="N821752" s="10"/>
    </row>
    <row r="821753" spans="14:14">
      <c r="N821753" s="10"/>
    </row>
    <row r="821754" spans="14:14">
      <c r="N821754" s="10"/>
    </row>
    <row r="821755" spans="14:14">
      <c r="N821755" s="10"/>
    </row>
    <row r="821756" spans="14:14">
      <c r="N821756" s="10"/>
    </row>
    <row r="821757" spans="14:14">
      <c r="N821757" s="10"/>
    </row>
    <row r="821758" spans="14:14">
      <c r="N821758" s="10"/>
    </row>
    <row r="821759" spans="14:14">
      <c r="N821759" s="10"/>
    </row>
    <row r="821760" spans="14:14">
      <c r="N821760" s="10"/>
    </row>
    <row r="821761" spans="14:14">
      <c r="N821761" s="10"/>
    </row>
    <row r="821762" spans="14:14">
      <c r="N821762" s="10"/>
    </row>
    <row r="821763" spans="14:14">
      <c r="N821763" s="10"/>
    </row>
    <row r="821764" spans="14:14">
      <c r="N821764" s="10"/>
    </row>
    <row r="821765" spans="14:14">
      <c r="N821765" s="10"/>
    </row>
    <row r="821766" spans="14:14">
      <c r="N821766" s="10"/>
    </row>
    <row r="821767" spans="14:14">
      <c r="N821767" s="10"/>
    </row>
    <row r="821768" spans="14:14">
      <c r="N821768" s="10"/>
    </row>
    <row r="821769" spans="14:14">
      <c r="N821769" s="10"/>
    </row>
    <row r="821770" spans="14:14">
      <c r="N821770" s="10"/>
    </row>
    <row r="821771" spans="14:14">
      <c r="N821771" s="10"/>
    </row>
    <row r="821772" spans="14:14">
      <c r="N821772" s="10"/>
    </row>
    <row r="821773" spans="14:14">
      <c r="N821773" s="10"/>
    </row>
    <row r="821774" spans="14:14">
      <c r="N821774" s="10"/>
    </row>
    <row r="821775" spans="14:14">
      <c r="N821775" s="10"/>
    </row>
    <row r="821776" spans="14:14">
      <c r="N821776" s="10"/>
    </row>
    <row r="821777" spans="14:14">
      <c r="N821777" s="10"/>
    </row>
    <row r="821778" spans="14:14">
      <c r="N821778" s="10"/>
    </row>
    <row r="821779" spans="14:14">
      <c r="N821779" s="10"/>
    </row>
    <row r="821780" spans="14:14">
      <c r="N821780" s="10"/>
    </row>
    <row r="821781" spans="14:14">
      <c r="N821781" s="10"/>
    </row>
    <row r="821782" spans="14:14">
      <c r="N821782" s="10"/>
    </row>
    <row r="821783" spans="14:14">
      <c r="N821783" s="10"/>
    </row>
    <row r="821784" spans="14:14">
      <c r="N821784" s="10"/>
    </row>
    <row r="821785" spans="14:14">
      <c r="N821785" s="10"/>
    </row>
    <row r="821786" spans="14:14">
      <c r="N821786" s="10"/>
    </row>
    <row r="821787" spans="14:14">
      <c r="N821787" s="10"/>
    </row>
    <row r="821788" spans="14:14">
      <c r="N821788" s="10"/>
    </row>
    <row r="821789" spans="14:14">
      <c r="N821789" s="10"/>
    </row>
    <row r="821790" spans="14:14">
      <c r="N821790" s="10"/>
    </row>
    <row r="821791" spans="14:14">
      <c r="N821791" s="10"/>
    </row>
    <row r="821792" spans="14:14">
      <c r="N821792" s="10"/>
    </row>
    <row r="821793" spans="14:14">
      <c r="N821793" s="10"/>
    </row>
    <row r="821794" spans="14:14">
      <c r="N821794" s="10"/>
    </row>
    <row r="821795" spans="14:14">
      <c r="N821795" s="10"/>
    </row>
    <row r="821796" spans="14:14">
      <c r="N821796" s="10"/>
    </row>
    <row r="821797" spans="14:14">
      <c r="N821797" s="10"/>
    </row>
    <row r="821798" spans="14:14">
      <c r="N821798" s="10"/>
    </row>
    <row r="821799" spans="14:14">
      <c r="N821799" s="10"/>
    </row>
    <row r="821800" spans="14:14">
      <c r="N821800" s="10"/>
    </row>
    <row r="821801" spans="14:14">
      <c r="N821801" s="10"/>
    </row>
    <row r="821802" spans="14:14">
      <c r="N821802" s="10"/>
    </row>
    <row r="821803" spans="14:14">
      <c r="N821803" s="10"/>
    </row>
    <row r="821804" spans="14:14">
      <c r="N821804" s="10"/>
    </row>
    <row r="821805" spans="14:14">
      <c r="N821805" s="10"/>
    </row>
    <row r="821806" spans="14:14">
      <c r="N821806" s="10"/>
    </row>
    <row r="821807" spans="14:14">
      <c r="N821807" s="10"/>
    </row>
    <row r="821808" spans="14:14">
      <c r="N821808" s="10"/>
    </row>
    <row r="821809" spans="14:14">
      <c r="N821809" s="10"/>
    </row>
    <row r="821810" spans="14:14">
      <c r="N821810" s="10"/>
    </row>
    <row r="821811" spans="14:14">
      <c r="N821811" s="10"/>
    </row>
    <row r="821812" spans="14:14">
      <c r="N821812" s="10"/>
    </row>
    <row r="821813" spans="14:14">
      <c r="N821813" s="10"/>
    </row>
    <row r="821814" spans="14:14">
      <c r="N821814" s="10"/>
    </row>
    <row r="821815" spans="14:14">
      <c r="N821815" s="10"/>
    </row>
    <row r="821816" spans="14:14">
      <c r="N821816" s="10"/>
    </row>
    <row r="821817" spans="14:14">
      <c r="N821817" s="10"/>
    </row>
    <row r="821818" spans="14:14">
      <c r="N821818" s="10"/>
    </row>
    <row r="821819" spans="14:14">
      <c r="N821819" s="10"/>
    </row>
    <row r="821820" spans="14:14">
      <c r="N821820" s="10"/>
    </row>
    <row r="821821" spans="14:14">
      <c r="N821821" s="10"/>
    </row>
    <row r="821822" spans="14:14">
      <c r="N821822" s="10"/>
    </row>
    <row r="821823" spans="14:14">
      <c r="N821823" s="10"/>
    </row>
    <row r="821824" spans="14:14">
      <c r="N821824" s="10"/>
    </row>
    <row r="821825" spans="14:14">
      <c r="N821825" s="10"/>
    </row>
    <row r="821826" spans="14:14">
      <c r="N821826" s="10"/>
    </row>
    <row r="821827" spans="14:14">
      <c r="N821827" s="10"/>
    </row>
    <row r="821828" spans="14:14">
      <c r="N821828" s="10"/>
    </row>
    <row r="821829" spans="14:14">
      <c r="N821829" s="10"/>
    </row>
    <row r="821830" spans="14:14">
      <c r="N821830" s="10"/>
    </row>
    <row r="821831" spans="14:14">
      <c r="N821831" s="10"/>
    </row>
    <row r="821832" spans="14:14">
      <c r="N821832" s="10"/>
    </row>
    <row r="821833" spans="14:14">
      <c r="N821833" s="10"/>
    </row>
    <row r="821834" spans="14:14">
      <c r="N821834" s="10"/>
    </row>
    <row r="821835" spans="14:14">
      <c r="N821835" s="10"/>
    </row>
    <row r="821836" spans="14:14">
      <c r="N821836" s="10"/>
    </row>
    <row r="821837" spans="14:14">
      <c r="N821837" s="10"/>
    </row>
    <row r="821838" spans="14:14">
      <c r="N821838" s="10"/>
    </row>
    <row r="821839" spans="14:14">
      <c r="N821839" s="10"/>
    </row>
    <row r="821840" spans="14:14">
      <c r="N821840" s="10"/>
    </row>
    <row r="821841" spans="14:14">
      <c r="N821841" s="10"/>
    </row>
    <row r="821842" spans="14:14">
      <c r="N821842" s="10"/>
    </row>
    <row r="821843" spans="14:14">
      <c r="N821843" s="10"/>
    </row>
    <row r="821844" spans="14:14">
      <c r="N821844" s="10"/>
    </row>
    <row r="821845" spans="14:14">
      <c r="N821845" s="10"/>
    </row>
    <row r="821846" spans="14:14">
      <c r="N821846" s="10"/>
    </row>
    <row r="821847" spans="14:14">
      <c r="N821847" s="10"/>
    </row>
    <row r="821848" spans="14:14">
      <c r="N821848" s="10"/>
    </row>
    <row r="821849" spans="14:14">
      <c r="N821849" s="10"/>
    </row>
    <row r="821850" spans="14:14">
      <c r="N821850" s="10"/>
    </row>
    <row r="821851" spans="14:14">
      <c r="N821851" s="10"/>
    </row>
    <row r="821852" spans="14:14">
      <c r="N821852" s="10"/>
    </row>
    <row r="821853" spans="14:14">
      <c r="N821853" s="10"/>
    </row>
    <row r="821854" spans="14:14">
      <c r="N821854" s="10"/>
    </row>
    <row r="821855" spans="14:14">
      <c r="N821855" s="10"/>
    </row>
    <row r="821856" spans="14:14">
      <c r="N821856" s="10"/>
    </row>
    <row r="821857" spans="14:14">
      <c r="N821857" s="10"/>
    </row>
    <row r="821858" spans="14:14">
      <c r="N821858" s="10"/>
    </row>
    <row r="821859" spans="14:14">
      <c r="N821859" s="10"/>
    </row>
    <row r="821860" spans="14:14">
      <c r="N821860" s="10"/>
    </row>
    <row r="821861" spans="14:14">
      <c r="N821861" s="10"/>
    </row>
    <row r="821862" spans="14:14">
      <c r="N821862" s="10"/>
    </row>
    <row r="821863" spans="14:14">
      <c r="N821863" s="10"/>
    </row>
    <row r="821864" spans="14:14">
      <c r="N821864" s="10"/>
    </row>
    <row r="821865" spans="14:14">
      <c r="N821865" s="10"/>
    </row>
    <row r="821866" spans="14:14">
      <c r="N821866" s="10"/>
    </row>
    <row r="821867" spans="14:14">
      <c r="N821867" s="10"/>
    </row>
    <row r="821868" spans="14:14">
      <c r="N821868" s="10"/>
    </row>
    <row r="821869" spans="14:14">
      <c r="N821869" s="10"/>
    </row>
    <row r="821870" spans="14:14">
      <c r="N821870" s="10"/>
    </row>
    <row r="821871" spans="14:14">
      <c r="N821871" s="10"/>
    </row>
    <row r="821872" spans="14:14">
      <c r="N821872" s="10"/>
    </row>
    <row r="821873" spans="14:14">
      <c r="N821873" s="10"/>
    </row>
    <row r="821874" spans="14:14">
      <c r="N821874" s="10"/>
    </row>
    <row r="821875" spans="14:14">
      <c r="N821875" s="10"/>
    </row>
    <row r="821876" spans="14:14">
      <c r="N821876" s="10"/>
    </row>
    <row r="821877" spans="14:14">
      <c r="N821877" s="10"/>
    </row>
    <row r="821878" spans="14:14">
      <c r="N821878" s="10"/>
    </row>
    <row r="821879" spans="14:14">
      <c r="N821879" s="10"/>
    </row>
    <row r="821880" spans="14:14">
      <c r="N821880" s="10"/>
    </row>
    <row r="821881" spans="14:14">
      <c r="N821881" s="10"/>
    </row>
    <row r="821882" spans="14:14">
      <c r="N821882" s="10"/>
    </row>
    <row r="821883" spans="14:14">
      <c r="N821883" s="10"/>
    </row>
    <row r="821884" spans="14:14">
      <c r="N821884" s="10"/>
    </row>
    <row r="821885" spans="14:14">
      <c r="N821885" s="10"/>
    </row>
    <row r="821886" spans="14:14">
      <c r="N821886" s="10"/>
    </row>
    <row r="821887" spans="14:14">
      <c r="N821887" s="10"/>
    </row>
    <row r="821888" spans="14:14">
      <c r="N821888" s="10"/>
    </row>
    <row r="821889" spans="14:14">
      <c r="N821889" s="10"/>
    </row>
    <row r="821890" spans="14:14">
      <c r="N821890" s="10"/>
    </row>
    <row r="821891" spans="14:14">
      <c r="N821891" s="10"/>
    </row>
    <row r="821892" spans="14:14">
      <c r="N821892" s="10"/>
    </row>
    <row r="821893" spans="14:14">
      <c r="N821893" s="10"/>
    </row>
    <row r="821894" spans="14:14">
      <c r="N821894" s="10"/>
    </row>
    <row r="821895" spans="14:14">
      <c r="N821895" s="10"/>
    </row>
    <row r="821896" spans="14:14">
      <c r="N821896" s="10"/>
    </row>
    <row r="821897" spans="14:14">
      <c r="N821897" s="10"/>
    </row>
    <row r="821898" spans="14:14">
      <c r="N821898" s="10"/>
    </row>
    <row r="821899" spans="14:14">
      <c r="N821899" s="10"/>
    </row>
    <row r="821900" spans="14:14">
      <c r="N821900" s="10"/>
    </row>
    <row r="821901" spans="14:14">
      <c r="N821901" s="10"/>
    </row>
    <row r="821902" spans="14:14">
      <c r="N821902" s="10"/>
    </row>
    <row r="821903" spans="14:14">
      <c r="N821903" s="10"/>
    </row>
    <row r="821904" spans="14:14">
      <c r="N821904" s="10"/>
    </row>
    <row r="821905" spans="14:14">
      <c r="N821905" s="10"/>
    </row>
    <row r="821906" spans="14:14">
      <c r="N821906" s="10"/>
    </row>
    <row r="821907" spans="14:14">
      <c r="N821907" s="10"/>
    </row>
    <row r="821908" spans="14:14">
      <c r="N821908" s="10"/>
    </row>
    <row r="821909" spans="14:14">
      <c r="N821909" s="10"/>
    </row>
    <row r="821910" spans="14:14">
      <c r="N821910" s="10"/>
    </row>
    <row r="821911" spans="14:14">
      <c r="N821911" s="10"/>
    </row>
    <row r="821912" spans="14:14">
      <c r="N821912" s="10"/>
    </row>
    <row r="821913" spans="14:14">
      <c r="N821913" s="10"/>
    </row>
    <row r="821914" spans="14:14">
      <c r="N821914" s="10"/>
    </row>
    <row r="821915" spans="14:14">
      <c r="N821915" s="10"/>
    </row>
    <row r="821916" spans="14:14">
      <c r="N821916" s="10"/>
    </row>
    <row r="821917" spans="14:14">
      <c r="N821917" s="10"/>
    </row>
    <row r="821918" spans="14:14">
      <c r="N821918" s="10"/>
    </row>
    <row r="821919" spans="14:14">
      <c r="N821919" s="10"/>
    </row>
    <row r="821920" spans="14:14">
      <c r="N821920" s="10"/>
    </row>
    <row r="821921" spans="14:14">
      <c r="N821921" s="10"/>
    </row>
    <row r="821922" spans="14:14">
      <c r="N821922" s="10"/>
    </row>
    <row r="821923" spans="14:14">
      <c r="N821923" s="10"/>
    </row>
    <row r="821924" spans="14:14">
      <c r="N821924" s="10"/>
    </row>
    <row r="821925" spans="14:14">
      <c r="N821925" s="10"/>
    </row>
    <row r="821926" spans="14:14">
      <c r="N821926" s="10"/>
    </row>
    <row r="821927" spans="14:14">
      <c r="N821927" s="10"/>
    </row>
    <row r="821928" spans="14:14">
      <c r="N821928" s="10"/>
    </row>
    <row r="821929" spans="14:14">
      <c r="N821929" s="10"/>
    </row>
    <row r="821930" spans="14:14">
      <c r="N821930" s="10"/>
    </row>
    <row r="821931" spans="14:14">
      <c r="N821931" s="10"/>
    </row>
    <row r="821932" spans="14:14">
      <c r="N821932" s="10"/>
    </row>
    <row r="821933" spans="14:14">
      <c r="N821933" s="10"/>
    </row>
    <row r="821934" spans="14:14">
      <c r="N821934" s="10"/>
    </row>
    <row r="821935" spans="14:14">
      <c r="N821935" s="10"/>
    </row>
    <row r="821936" spans="14:14">
      <c r="N821936" s="10"/>
    </row>
    <row r="821937" spans="14:14">
      <c r="N821937" s="10"/>
    </row>
    <row r="821938" spans="14:14">
      <c r="N821938" s="10"/>
    </row>
    <row r="821939" spans="14:14">
      <c r="N821939" s="10"/>
    </row>
    <row r="821940" spans="14:14">
      <c r="N821940" s="10"/>
    </row>
    <row r="821941" spans="14:14">
      <c r="N821941" s="10"/>
    </row>
    <row r="821942" spans="14:14">
      <c r="N821942" s="10"/>
    </row>
    <row r="821943" spans="14:14">
      <c r="N821943" s="10"/>
    </row>
    <row r="821944" spans="14:14">
      <c r="N821944" s="10"/>
    </row>
    <row r="821945" spans="14:14">
      <c r="N821945" s="10"/>
    </row>
    <row r="821946" spans="14:14">
      <c r="N821946" s="10"/>
    </row>
    <row r="821947" spans="14:14">
      <c r="N821947" s="10"/>
    </row>
    <row r="821948" spans="14:14">
      <c r="N821948" s="10"/>
    </row>
    <row r="821949" spans="14:14">
      <c r="N821949" s="10"/>
    </row>
    <row r="821950" spans="14:14">
      <c r="N821950" s="10"/>
    </row>
    <row r="821951" spans="14:14">
      <c r="N821951" s="10"/>
    </row>
    <row r="821952" spans="14:14">
      <c r="N821952" s="10"/>
    </row>
    <row r="821953" spans="14:14">
      <c r="N821953" s="10"/>
    </row>
    <row r="821954" spans="14:14">
      <c r="N821954" s="10"/>
    </row>
    <row r="821955" spans="14:14">
      <c r="N821955" s="10"/>
    </row>
    <row r="821956" spans="14:14">
      <c r="N821956" s="10"/>
    </row>
    <row r="821957" spans="14:14">
      <c r="N821957" s="10"/>
    </row>
    <row r="821958" spans="14:14">
      <c r="N821958" s="10"/>
    </row>
    <row r="821959" spans="14:14">
      <c r="N821959" s="10"/>
    </row>
    <row r="821960" spans="14:14">
      <c r="N821960" s="10"/>
    </row>
    <row r="821961" spans="14:14">
      <c r="N821961" s="10"/>
    </row>
    <row r="821962" spans="14:14">
      <c r="N821962" s="10"/>
    </row>
    <row r="821963" spans="14:14">
      <c r="N821963" s="10"/>
    </row>
    <row r="821964" spans="14:14">
      <c r="N821964" s="10"/>
    </row>
    <row r="821965" spans="14:14">
      <c r="N821965" s="10"/>
    </row>
    <row r="821966" spans="14:14">
      <c r="N821966" s="10"/>
    </row>
    <row r="821967" spans="14:14">
      <c r="N821967" s="10"/>
    </row>
    <row r="821968" spans="14:14">
      <c r="N821968" s="10"/>
    </row>
    <row r="821969" spans="14:14">
      <c r="N821969" s="10"/>
    </row>
    <row r="821970" spans="14:14">
      <c r="N821970" s="10"/>
    </row>
    <row r="821971" spans="14:14">
      <c r="N821971" s="10"/>
    </row>
    <row r="821972" spans="14:14">
      <c r="N821972" s="10"/>
    </row>
    <row r="821973" spans="14:14">
      <c r="N821973" s="10"/>
    </row>
    <row r="821974" spans="14:14">
      <c r="N821974" s="10"/>
    </row>
    <row r="821975" spans="14:14">
      <c r="N821975" s="10"/>
    </row>
    <row r="821976" spans="14:14">
      <c r="N821976" s="10"/>
    </row>
    <row r="821977" spans="14:14">
      <c r="N821977" s="10"/>
    </row>
    <row r="821978" spans="14:14">
      <c r="N821978" s="10"/>
    </row>
    <row r="821979" spans="14:14">
      <c r="N821979" s="10"/>
    </row>
    <row r="821980" spans="14:14">
      <c r="N821980" s="10"/>
    </row>
    <row r="821981" spans="14:14">
      <c r="N821981" s="10"/>
    </row>
    <row r="821982" spans="14:14">
      <c r="N821982" s="10"/>
    </row>
    <row r="821983" spans="14:14">
      <c r="N821983" s="10"/>
    </row>
    <row r="821984" spans="14:14">
      <c r="N821984" s="10"/>
    </row>
    <row r="821985" spans="14:14">
      <c r="N821985" s="10"/>
    </row>
    <row r="821986" spans="14:14">
      <c r="N821986" s="10"/>
    </row>
    <row r="821987" spans="14:14">
      <c r="N821987" s="10"/>
    </row>
    <row r="821988" spans="14:14">
      <c r="N821988" s="10"/>
    </row>
    <row r="821989" spans="14:14">
      <c r="N821989" s="10"/>
    </row>
    <row r="821990" spans="14:14">
      <c r="N821990" s="10"/>
    </row>
    <row r="821991" spans="14:14">
      <c r="N821991" s="10"/>
    </row>
    <row r="821992" spans="14:14">
      <c r="N821992" s="10"/>
    </row>
    <row r="821993" spans="14:14">
      <c r="N821993" s="10"/>
    </row>
    <row r="821994" spans="14:14">
      <c r="N821994" s="10"/>
    </row>
    <row r="821995" spans="14:14">
      <c r="N821995" s="10"/>
    </row>
    <row r="821996" spans="14:14">
      <c r="N821996" s="10"/>
    </row>
    <row r="821997" spans="14:14">
      <c r="N821997" s="10"/>
    </row>
    <row r="821998" spans="14:14">
      <c r="N821998" s="10"/>
    </row>
    <row r="821999" spans="14:14">
      <c r="N821999" s="10"/>
    </row>
    <row r="822000" spans="14:14">
      <c r="N822000" s="10"/>
    </row>
    <row r="822001" spans="14:14">
      <c r="N822001" s="10"/>
    </row>
    <row r="822002" spans="14:14">
      <c r="N822002" s="10"/>
    </row>
    <row r="822003" spans="14:14">
      <c r="N822003" s="10"/>
    </row>
    <row r="822004" spans="14:14">
      <c r="N822004" s="10"/>
    </row>
    <row r="822005" spans="14:14">
      <c r="N822005" s="10"/>
    </row>
    <row r="822006" spans="14:14">
      <c r="N822006" s="10"/>
    </row>
    <row r="822007" spans="14:14">
      <c r="N822007" s="10"/>
    </row>
    <row r="822008" spans="14:14">
      <c r="N822008" s="10"/>
    </row>
    <row r="822009" spans="14:14">
      <c r="N822009" s="10"/>
    </row>
    <row r="822010" spans="14:14">
      <c r="N822010" s="10"/>
    </row>
    <row r="822011" spans="14:14">
      <c r="N822011" s="10"/>
    </row>
    <row r="822012" spans="14:14">
      <c r="N822012" s="10"/>
    </row>
    <row r="822013" spans="14:14">
      <c r="N822013" s="10"/>
    </row>
    <row r="822014" spans="14:14">
      <c r="N822014" s="10"/>
    </row>
    <row r="822015" spans="14:14">
      <c r="N822015" s="10"/>
    </row>
    <row r="822016" spans="14:14">
      <c r="N822016" s="10"/>
    </row>
    <row r="822017" spans="14:14">
      <c r="N822017" s="10"/>
    </row>
    <row r="822018" spans="14:14">
      <c r="N822018" s="10"/>
    </row>
    <row r="822019" spans="14:14">
      <c r="N822019" s="10"/>
    </row>
    <row r="822020" spans="14:14">
      <c r="N822020" s="10"/>
    </row>
    <row r="822021" spans="14:14">
      <c r="N822021" s="10"/>
    </row>
    <row r="822022" spans="14:14">
      <c r="N822022" s="10"/>
    </row>
    <row r="822023" spans="14:14">
      <c r="N822023" s="10"/>
    </row>
    <row r="822024" spans="14:14">
      <c r="N822024" s="10"/>
    </row>
    <row r="822025" spans="14:14">
      <c r="N822025" s="10"/>
    </row>
    <row r="822026" spans="14:14">
      <c r="N822026" s="10"/>
    </row>
    <row r="822027" spans="14:14">
      <c r="N822027" s="10"/>
    </row>
    <row r="822028" spans="14:14">
      <c r="N822028" s="10"/>
    </row>
    <row r="822029" spans="14:14">
      <c r="N822029" s="10"/>
    </row>
    <row r="822030" spans="14:14">
      <c r="N822030" s="10"/>
    </row>
    <row r="822031" spans="14:14">
      <c r="N822031" s="10"/>
    </row>
    <row r="822032" spans="14:14">
      <c r="N822032" s="10"/>
    </row>
    <row r="822033" spans="14:14">
      <c r="N822033" s="10"/>
    </row>
    <row r="822034" spans="14:14">
      <c r="N822034" s="10"/>
    </row>
    <row r="822035" spans="14:14">
      <c r="N822035" s="10"/>
    </row>
    <row r="822036" spans="14:14">
      <c r="N822036" s="10"/>
    </row>
    <row r="822037" spans="14:14">
      <c r="N822037" s="10"/>
    </row>
    <row r="822038" spans="14:14">
      <c r="N822038" s="10"/>
    </row>
    <row r="822039" spans="14:14">
      <c r="N822039" s="10"/>
    </row>
    <row r="822040" spans="14:14">
      <c r="N822040" s="10"/>
    </row>
    <row r="822041" spans="14:14">
      <c r="N822041" s="10"/>
    </row>
    <row r="822042" spans="14:14">
      <c r="N822042" s="10"/>
    </row>
    <row r="822043" spans="14:14">
      <c r="N822043" s="10"/>
    </row>
    <row r="822044" spans="14:14">
      <c r="N822044" s="10"/>
    </row>
    <row r="822045" spans="14:14">
      <c r="N822045" s="10"/>
    </row>
    <row r="822046" spans="14:14">
      <c r="N822046" s="10"/>
    </row>
    <row r="822047" spans="14:14">
      <c r="N822047" s="10"/>
    </row>
    <row r="822048" spans="14:14">
      <c r="N822048" s="10"/>
    </row>
    <row r="822049" spans="14:14">
      <c r="N822049" s="10"/>
    </row>
    <row r="822050" spans="14:14">
      <c r="N822050" s="10"/>
    </row>
    <row r="822051" spans="14:14">
      <c r="N822051" s="10"/>
    </row>
    <row r="822052" spans="14:14">
      <c r="N822052" s="10"/>
    </row>
    <row r="822053" spans="14:14">
      <c r="N822053" s="10"/>
    </row>
    <row r="822054" spans="14:14">
      <c r="N822054" s="10"/>
    </row>
    <row r="822055" spans="14:14">
      <c r="N822055" s="10"/>
    </row>
    <row r="822056" spans="14:14">
      <c r="N822056" s="10"/>
    </row>
    <row r="822057" spans="14:14">
      <c r="N822057" s="10"/>
    </row>
    <row r="822058" spans="14:14">
      <c r="N822058" s="10"/>
    </row>
    <row r="822059" spans="14:14">
      <c r="N822059" s="10"/>
    </row>
    <row r="822060" spans="14:14">
      <c r="N822060" s="10"/>
    </row>
    <row r="822061" spans="14:14">
      <c r="N822061" s="10"/>
    </row>
    <row r="822062" spans="14:14">
      <c r="N822062" s="10"/>
    </row>
    <row r="822063" spans="14:14">
      <c r="N822063" s="10"/>
    </row>
    <row r="822064" spans="14:14">
      <c r="N822064" s="10"/>
    </row>
    <row r="822065" spans="14:14">
      <c r="N822065" s="10"/>
    </row>
    <row r="822066" spans="14:14">
      <c r="N822066" s="10"/>
    </row>
    <row r="822067" spans="14:14">
      <c r="N822067" s="10"/>
    </row>
    <row r="822068" spans="14:14">
      <c r="N822068" s="10"/>
    </row>
    <row r="822069" spans="14:14">
      <c r="N822069" s="10"/>
    </row>
    <row r="822070" spans="14:14">
      <c r="N822070" s="10"/>
    </row>
    <row r="822071" spans="14:14">
      <c r="N822071" s="10"/>
    </row>
    <row r="822072" spans="14:14">
      <c r="N822072" s="10"/>
    </row>
    <row r="822073" spans="14:14">
      <c r="N822073" s="10"/>
    </row>
    <row r="822074" spans="14:14">
      <c r="N822074" s="10"/>
    </row>
    <row r="822075" spans="14:14">
      <c r="N822075" s="10"/>
    </row>
    <row r="822076" spans="14:14">
      <c r="N822076" s="10"/>
    </row>
    <row r="822077" spans="14:14">
      <c r="N822077" s="10"/>
    </row>
    <row r="822078" spans="14:14">
      <c r="N822078" s="10"/>
    </row>
    <row r="822079" spans="14:14">
      <c r="N822079" s="10"/>
    </row>
    <row r="822080" spans="14:14">
      <c r="N822080" s="10"/>
    </row>
    <row r="822081" spans="14:14">
      <c r="N822081" s="10"/>
    </row>
    <row r="822082" spans="14:14">
      <c r="N822082" s="10"/>
    </row>
    <row r="822083" spans="14:14">
      <c r="N822083" s="10"/>
    </row>
    <row r="822084" spans="14:14">
      <c r="N822084" s="10"/>
    </row>
    <row r="822085" spans="14:14">
      <c r="N822085" s="10"/>
    </row>
    <row r="822086" spans="14:14">
      <c r="N822086" s="10"/>
    </row>
    <row r="822087" spans="14:14">
      <c r="N822087" s="10"/>
    </row>
    <row r="822088" spans="14:14">
      <c r="N822088" s="10"/>
    </row>
    <row r="822089" spans="14:14">
      <c r="N822089" s="10"/>
    </row>
    <row r="822090" spans="14:14">
      <c r="N822090" s="10"/>
    </row>
    <row r="822091" spans="14:14">
      <c r="N822091" s="10"/>
    </row>
    <row r="822092" spans="14:14">
      <c r="N822092" s="10"/>
    </row>
    <row r="822093" spans="14:14">
      <c r="N822093" s="10"/>
    </row>
    <row r="822094" spans="14:14">
      <c r="N822094" s="10"/>
    </row>
    <row r="822095" spans="14:14">
      <c r="N822095" s="10"/>
    </row>
    <row r="822096" spans="14:14">
      <c r="N822096" s="10"/>
    </row>
    <row r="822097" spans="14:14">
      <c r="N822097" s="10"/>
    </row>
    <row r="822098" spans="14:14">
      <c r="N822098" s="10"/>
    </row>
    <row r="822099" spans="14:14">
      <c r="N822099" s="10"/>
    </row>
    <row r="822100" spans="14:14">
      <c r="N822100" s="10"/>
    </row>
    <row r="822101" spans="14:14">
      <c r="N822101" s="10"/>
    </row>
    <row r="822102" spans="14:14">
      <c r="N822102" s="10"/>
    </row>
    <row r="822103" spans="14:14">
      <c r="N822103" s="10"/>
    </row>
    <row r="822104" spans="14:14">
      <c r="N822104" s="10"/>
    </row>
    <row r="822105" spans="14:14">
      <c r="N822105" s="10"/>
    </row>
    <row r="822106" spans="14:14">
      <c r="N822106" s="10"/>
    </row>
    <row r="822107" spans="14:14">
      <c r="N822107" s="10"/>
    </row>
    <row r="822108" spans="14:14">
      <c r="N822108" s="10"/>
    </row>
    <row r="822109" spans="14:14">
      <c r="N822109" s="10"/>
    </row>
    <row r="822110" spans="14:14">
      <c r="N822110" s="10"/>
    </row>
    <row r="822111" spans="14:14">
      <c r="N822111" s="10"/>
    </row>
    <row r="822112" spans="14:14">
      <c r="N822112" s="10"/>
    </row>
    <row r="822113" spans="14:14">
      <c r="N822113" s="10"/>
    </row>
    <row r="822114" spans="14:14">
      <c r="N822114" s="10"/>
    </row>
    <row r="822115" spans="14:14">
      <c r="N822115" s="10"/>
    </row>
    <row r="822116" spans="14:14">
      <c r="N822116" s="10"/>
    </row>
    <row r="822117" spans="14:14">
      <c r="N822117" s="10"/>
    </row>
    <row r="822118" spans="14:14">
      <c r="N822118" s="10"/>
    </row>
    <row r="822119" spans="14:14">
      <c r="N822119" s="10"/>
    </row>
    <row r="822120" spans="14:14">
      <c r="N822120" s="10"/>
    </row>
    <row r="822121" spans="14:14">
      <c r="N822121" s="10"/>
    </row>
    <row r="822122" spans="14:14">
      <c r="N822122" s="10"/>
    </row>
    <row r="822123" spans="14:14">
      <c r="N822123" s="10"/>
    </row>
    <row r="822124" spans="14:14">
      <c r="N822124" s="10"/>
    </row>
    <row r="822125" spans="14:14">
      <c r="N822125" s="10"/>
    </row>
    <row r="822126" spans="14:14">
      <c r="N822126" s="10"/>
    </row>
    <row r="822127" spans="14:14">
      <c r="N822127" s="10"/>
    </row>
    <row r="822128" spans="14:14">
      <c r="N822128" s="10"/>
    </row>
    <row r="822129" spans="14:14">
      <c r="N822129" s="10"/>
    </row>
    <row r="822130" spans="14:14">
      <c r="N822130" s="10"/>
    </row>
    <row r="822131" spans="14:14">
      <c r="N822131" s="10"/>
    </row>
    <row r="822132" spans="14:14">
      <c r="N822132" s="10"/>
    </row>
    <row r="822133" spans="14:14">
      <c r="N822133" s="10"/>
    </row>
    <row r="822134" spans="14:14">
      <c r="N822134" s="10"/>
    </row>
    <row r="822135" spans="14:14">
      <c r="N822135" s="10"/>
    </row>
    <row r="822136" spans="14:14">
      <c r="N822136" s="10"/>
    </row>
    <row r="822137" spans="14:14">
      <c r="N822137" s="10"/>
    </row>
    <row r="822138" spans="14:14">
      <c r="N822138" s="10"/>
    </row>
    <row r="822139" spans="14:14">
      <c r="N822139" s="10"/>
    </row>
    <row r="822140" spans="14:14">
      <c r="N822140" s="10"/>
    </row>
    <row r="822141" spans="14:14">
      <c r="N822141" s="10"/>
    </row>
    <row r="822142" spans="14:14">
      <c r="N822142" s="10"/>
    </row>
    <row r="822143" spans="14:14">
      <c r="N822143" s="10"/>
    </row>
    <row r="822144" spans="14:14">
      <c r="N822144" s="10"/>
    </row>
    <row r="822145" spans="14:14">
      <c r="N822145" s="10"/>
    </row>
    <row r="822146" spans="14:14">
      <c r="N822146" s="10"/>
    </row>
    <row r="822147" spans="14:14">
      <c r="N822147" s="10"/>
    </row>
    <row r="822148" spans="14:14">
      <c r="N822148" s="10"/>
    </row>
    <row r="822149" spans="14:14">
      <c r="N822149" s="10"/>
    </row>
    <row r="822150" spans="14:14">
      <c r="N822150" s="10"/>
    </row>
    <row r="822151" spans="14:14">
      <c r="N822151" s="10"/>
    </row>
    <row r="822152" spans="14:14">
      <c r="N822152" s="10"/>
    </row>
    <row r="822153" spans="14:14">
      <c r="N822153" s="10"/>
    </row>
    <row r="822154" spans="14:14">
      <c r="N822154" s="10"/>
    </row>
    <row r="822155" spans="14:14">
      <c r="N822155" s="10"/>
    </row>
    <row r="822156" spans="14:14">
      <c r="N822156" s="10"/>
    </row>
    <row r="822157" spans="14:14">
      <c r="N822157" s="10"/>
    </row>
    <row r="822158" spans="14:14">
      <c r="N822158" s="10"/>
    </row>
    <row r="822159" spans="14:14">
      <c r="N822159" s="10"/>
    </row>
    <row r="822160" spans="14:14">
      <c r="N822160" s="10"/>
    </row>
    <row r="822161" spans="14:14">
      <c r="N822161" s="10"/>
    </row>
    <row r="822162" spans="14:14">
      <c r="N822162" s="10"/>
    </row>
    <row r="822163" spans="14:14">
      <c r="N822163" s="10"/>
    </row>
    <row r="822164" spans="14:14">
      <c r="N822164" s="10"/>
    </row>
    <row r="822165" spans="14:14">
      <c r="N822165" s="10"/>
    </row>
    <row r="822166" spans="14:14">
      <c r="N822166" s="10"/>
    </row>
    <row r="822167" spans="14:14">
      <c r="N822167" s="10"/>
    </row>
    <row r="822168" spans="14:14">
      <c r="N822168" s="10"/>
    </row>
    <row r="822169" spans="14:14">
      <c r="N822169" s="10"/>
    </row>
    <row r="822170" spans="14:14">
      <c r="N822170" s="10"/>
    </row>
    <row r="822171" spans="14:14">
      <c r="N822171" s="10"/>
    </row>
    <row r="822172" spans="14:14">
      <c r="N822172" s="10"/>
    </row>
    <row r="822173" spans="14:14">
      <c r="N822173" s="10"/>
    </row>
    <row r="822174" spans="14:14">
      <c r="N822174" s="10"/>
    </row>
    <row r="822175" spans="14:14">
      <c r="N822175" s="10"/>
    </row>
    <row r="822176" spans="14:14">
      <c r="N822176" s="10"/>
    </row>
    <row r="822177" spans="14:14">
      <c r="N822177" s="10"/>
    </row>
    <row r="822178" spans="14:14">
      <c r="N822178" s="10"/>
    </row>
    <row r="822179" spans="14:14">
      <c r="N822179" s="10"/>
    </row>
    <row r="822180" spans="14:14">
      <c r="N822180" s="10"/>
    </row>
    <row r="822181" spans="14:14">
      <c r="N822181" s="10"/>
    </row>
    <row r="822182" spans="14:14">
      <c r="N822182" s="10"/>
    </row>
    <row r="822183" spans="14:14">
      <c r="N822183" s="10"/>
    </row>
    <row r="822184" spans="14:14">
      <c r="N822184" s="10"/>
    </row>
    <row r="822185" spans="14:14">
      <c r="N822185" s="10"/>
    </row>
    <row r="822186" spans="14:14">
      <c r="N822186" s="10"/>
    </row>
    <row r="822187" spans="14:14">
      <c r="N822187" s="10"/>
    </row>
    <row r="822188" spans="14:14">
      <c r="N822188" s="10"/>
    </row>
    <row r="822189" spans="14:14">
      <c r="N822189" s="10"/>
    </row>
    <row r="822190" spans="14:14">
      <c r="N822190" s="10"/>
    </row>
    <row r="822191" spans="14:14">
      <c r="N822191" s="10"/>
    </row>
    <row r="822192" spans="14:14">
      <c r="N822192" s="10"/>
    </row>
    <row r="822193" spans="14:14">
      <c r="N822193" s="10"/>
    </row>
    <row r="822194" spans="14:14">
      <c r="N822194" s="10"/>
    </row>
    <row r="822195" spans="14:14">
      <c r="N822195" s="10"/>
    </row>
    <row r="822196" spans="14:14">
      <c r="N822196" s="10"/>
    </row>
    <row r="822197" spans="14:14">
      <c r="N822197" s="10"/>
    </row>
    <row r="822198" spans="14:14">
      <c r="N822198" s="10"/>
    </row>
    <row r="822199" spans="14:14">
      <c r="N822199" s="10"/>
    </row>
    <row r="822200" spans="14:14">
      <c r="N822200" s="10"/>
    </row>
    <row r="822201" spans="14:14">
      <c r="N822201" s="10"/>
    </row>
    <row r="822202" spans="14:14">
      <c r="N822202" s="10"/>
    </row>
    <row r="822203" spans="14:14">
      <c r="N822203" s="10"/>
    </row>
    <row r="822204" spans="14:14">
      <c r="N822204" s="10"/>
    </row>
    <row r="822205" spans="14:14">
      <c r="N822205" s="10"/>
    </row>
    <row r="822206" spans="14:14">
      <c r="N822206" s="10"/>
    </row>
    <row r="822207" spans="14:14">
      <c r="N822207" s="10"/>
    </row>
    <row r="822208" spans="14:14">
      <c r="N822208" s="10"/>
    </row>
    <row r="822209" spans="14:14">
      <c r="N822209" s="10"/>
    </row>
    <row r="822210" spans="14:14">
      <c r="N822210" s="10"/>
    </row>
    <row r="822211" spans="14:14">
      <c r="N822211" s="10"/>
    </row>
    <row r="822212" spans="14:14">
      <c r="N822212" s="10"/>
    </row>
    <row r="822213" spans="14:14">
      <c r="N822213" s="10"/>
    </row>
    <row r="822214" spans="14:14">
      <c r="N822214" s="10"/>
    </row>
    <row r="822215" spans="14:14">
      <c r="N822215" s="10"/>
    </row>
    <row r="822216" spans="14:14">
      <c r="N822216" s="10"/>
    </row>
    <row r="822217" spans="14:14">
      <c r="N822217" s="10"/>
    </row>
    <row r="822218" spans="14:14">
      <c r="N822218" s="10"/>
    </row>
    <row r="822219" spans="14:14">
      <c r="N822219" s="10"/>
    </row>
    <row r="822220" spans="14:14">
      <c r="N822220" s="10"/>
    </row>
    <row r="822221" spans="14:14">
      <c r="N822221" s="10"/>
    </row>
    <row r="822222" spans="14:14">
      <c r="N822222" s="10"/>
    </row>
    <row r="822223" spans="14:14">
      <c r="N822223" s="10"/>
    </row>
    <row r="822224" spans="14:14">
      <c r="N822224" s="10"/>
    </row>
    <row r="822225" spans="14:14">
      <c r="N822225" s="10"/>
    </row>
    <row r="822226" spans="14:14">
      <c r="N822226" s="10"/>
    </row>
    <row r="822227" spans="14:14">
      <c r="N822227" s="10"/>
    </row>
    <row r="822228" spans="14:14">
      <c r="N822228" s="10"/>
    </row>
    <row r="822229" spans="14:14">
      <c r="N822229" s="10"/>
    </row>
    <row r="822230" spans="14:14">
      <c r="N822230" s="10"/>
    </row>
    <row r="822231" spans="14:14">
      <c r="N822231" s="10"/>
    </row>
    <row r="822232" spans="14:14">
      <c r="N822232" s="10"/>
    </row>
    <row r="822233" spans="14:14">
      <c r="N822233" s="10"/>
    </row>
    <row r="822234" spans="14:14">
      <c r="N822234" s="10"/>
    </row>
    <row r="822235" spans="14:14">
      <c r="N822235" s="10"/>
    </row>
    <row r="822236" spans="14:14">
      <c r="N822236" s="10"/>
    </row>
    <row r="822237" spans="14:14">
      <c r="N822237" s="10"/>
    </row>
    <row r="822238" spans="14:14">
      <c r="N822238" s="10"/>
    </row>
    <row r="822239" spans="14:14">
      <c r="N822239" s="10"/>
    </row>
    <row r="822240" spans="14:14">
      <c r="N822240" s="10"/>
    </row>
    <row r="822241" spans="14:14">
      <c r="N822241" s="10"/>
    </row>
    <row r="822242" spans="14:14">
      <c r="N822242" s="10"/>
    </row>
    <row r="822243" spans="14:14">
      <c r="N822243" s="10"/>
    </row>
    <row r="822244" spans="14:14">
      <c r="N822244" s="10"/>
    </row>
    <row r="822245" spans="14:14">
      <c r="N822245" s="10"/>
    </row>
    <row r="822246" spans="14:14">
      <c r="N822246" s="10"/>
    </row>
    <row r="822247" spans="14:14">
      <c r="N822247" s="10"/>
    </row>
    <row r="822248" spans="14:14">
      <c r="N822248" s="10"/>
    </row>
    <row r="822249" spans="14:14">
      <c r="N822249" s="10"/>
    </row>
    <row r="822250" spans="14:14">
      <c r="N822250" s="10"/>
    </row>
    <row r="822251" spans="14:14">
      <c r="N822251" s="10"/>
    </row>
    <row r="822252" spans="14:14">
      <c r="N822252" s="10"/>
    </row>
    <row r="822253" spans="14:14">
      <c r="N822253" s="10"/>
    </row>
    <row r="822254" spans="14:14">
      <c r="N822254" s="10"/>
    </row>
    <row r="822255" spans="14:14">
      <c r="N822255" s="10"/>
    </row>
    <row r="822256" spans="14:14">
      <c r="N822256" s="10"/>
    </row>
    <row r="822257" spans="14:14">
      <c r="N822257" s="10"/>
    </row>
    <row r="822258" spans="14:14">
      <c r="N822258" s="10"/>
    </row>
    <row r="822259" spans="14:14">
      <c r="N822259" s="10"/>
    </row>
    <row r="822260" spans="14:14">
      <c r="N822260" s="10"/>
    </row>
    <row r="822261" spans="14:14">
      <c r="N822261" s="10"/>
    </row>
    <row r="822262" spans="14:14">
      <c r="N822262" s="10"/>
    </row>
    <row r="822263" spans="14:14">
      <c r="N822263" s="10"/>
    </row>
    <row r="822264" spans="14:14">
      <c r="N822264" s="10"/>
    </row>
    <row r="822265" spans="14:14">
      <c r="N822265" s="10"/>
    </row>
    <row r="822266" spans="14:14">
      <c r="N822266" s="10"/>
    </row>
    <row r="822267" spans="14:14">
      <c r="N822267" s="10"/>
    </row>
    <row r="822268" spans="14:14">
      <c r="N822268" s="10"/>
    </row>
    <row r="822269" spans="14:14">
      <c r="N822269" s="10"/>
    </row>
    <row r="822270" spans="14:14">
      <c r="N822270" s="10"/>
    </row>
    <row r="822271" spans="14:14">
      <c r="N822271" s="10"/>
    </row>
    <row r="822272" spans="14:14">
      <c r="N822272" s="10"/>
    </row>
    <row r="822273" spans="14:14">
      <c r="N822273" s="10"/>
    </row>
    <row r="822274" spans="14:14">
      <c r="N822274" s="10"/>
    </row>
    <row r="822275" spans="14:14">
      <c r="N822275" s="10"/>
    </row>
    <row r="822276" spans="14:14">
      <c r="N822276" s="10"/>
    </row>
    <row r="822277" spans="14:14">
      <c r="N822277" s="10"/>
    </row>
    <row r="822278" spans="14:14">
      <c r="N822278" s="10"/>
    </row>
    <row r="822279" spans="14:14">
      <c r="N822279" s="10"/>
    </row>
    <row r="822280" spans="14:14">
      <c r="N822280" s="10"/>
    </row>
    <row r="822281" spans="14:14">
      <c r="N822281" s="10"/>
    </row>
    <row r="822282" spans="14:14">
      <c r="N822282" s="10"/>
    </row>
    <row r="822283" spans="14:14">
      <c r="N822283" s="10"/>
    </row>
    <row r="822284" spans="14:14">
      <c r="N822284" s="10"/>
    </row>
    <row r="822285" spans="14:14">
      <c r="N822285" s="10"/>
    </row>
    <row r="822286" spans="14:14">
      <c r="N822286" s="10"/>
    </row>
    <row r="822287" spans="14:14">
      <c r="N822287" s="10"/>
    </row>
    <row r="822288" spans="14:14">
      <c r="N822288" s="10"/>
    </row>
    <row r="822289" spans="14:14">
      <c r="N822289" s="10"/>
    </row>
    <row r="822290" spans="14:14">
      <c r="N822290" s="10"/>
    </row>
    <row r="822291" spans="14:14">
      <c r="N822291" s="10"/>
    </row>
    <row r="822292" spans="14:14">
      <c r="N822292" s="10"/>
    </row>
    <row r="822293" spans="14:14">
      <c r="N822293" s="10"/>
    </row>
    <row r="822294" spans="14:14">
      <c r="N822294" s="10"/>
    </row>
    <row r="822295" spans="14:14">
      <c r="N822295" s="10"/>
    </row>
    <row r="822296" spans="14:14">
      <c r="N822296" s="10"/>
    </row>
    <row r="822297" spans="14:14">
      <c r="N822297" s="10"/>
    </row>
    <row r="822298" spans="14:14">
      <c r="N822298" s="10"/>
    </row>
    <row r="822299" spans="14:14">
      <c r="N822299" s="10"/>
    </row>
    <row r="822300" spans="14:14">
      <c r="N822300" s="10"/>
    </row>
    <row r="822301" spans="14:14">
      <c r="N822301" s="10"/>
    </row>
    <row r="822302" spans="14:14">
      <c r="N822302" s="10"/>
    </row>
    <row r="822303" spans="14:14">
      <c r="N822303" s="10"/>
    </row>
    <row r="822304" spans="14:14">
      <c r="N822304" s="10"/>
    </row>
    <row r="822305" spans="14:14">
      <c r="N822305" s="10"/>
    </row>
    <row r="822306" spans="14:14">
      <c r="N822306" s="10"/>
    </row>
    <row r="822307" spans="14:14">
      <c r="N822307" s="10"/>
    </row>
    <row r="822308" spans="14:14">
      <c r="N822308" s="10"/>
    </row>
    <row r="822309" spans="14:14">
      <c r="N822309" s="10"/>
    </row>
    <row r="822310" spans="14:14">
      <c r="N822310" s="10"/>
    </row>
    <row r="822311" spans="14:14">
      <c r="N822311" s="10"/>
    </row>
    <row r="822312" spans="14:14">
      <c r="N822312" s="10"/>
    </row>
    <row r="822313" spans="14:14">
      <c r="N822313" s="10"/>
    </row>
    <row r="822314" spans="14:14">
      <c r="N822314" s="10"/>
    </row>
    <row r="822315" spans="14:14">
      <c r="N822315" s="10"/>
    </row>
    <row r="822316" spans="14:14">
      <c r="N822316" s="10"/>
    </row>
    <row r="822317" spans="14:14">
      <c r="N822317" s="10"/>
    </row>
    <row r="822318" spans="14:14">
      <c r="N822318" s="10"/>
    </row>
    <row r="822319" spans="14:14">
      <c r="N822319" s="10"/>
    </row>
    <row r="822320" spans="14:14">
      <c r="N822320" s="10"/>
    </row>
    <row r="822321" spans="14:14">
      <c r="N822321" s="10"/>
    </row>
    <row r="822322" spans="14:14">
      <c r="N822322" s="10"/>
    </row>
    <row r="822323" spans="14:14">
      <c r="N822323" s="10"/>
    </row>
    <row r="822324" spans="14:14">
      <c r="N822324" s="10"/>
    </row>
    <row r="822325" spans="14:14">
      <c r="N822325" s="10"/>
    </row>
    <row r="822326" spans="14:14">
      <c r="N822326" s="10"/>
    </row>
    <row r="822327" spans="14:14">
      <c r="N822327" s="10"/>
    </row>
    <row r="822328" spans="14:14">
      <c r="N822328" s="10"/>
    </row>
    <row r="822329" spans="14:14">
      <c r="N822329" s="10"/>
    </row>
    <row r="822330" spans="14:14">
      <c r="N822330" s="10"/>
    </row>
    <row r="822331" spans="14:14">
      <c r="N822331" s="10"/>
    </row>
    <row r="822332" spans="14:14">
      <c r="N822332" s="10"/>
    </row>
    <row r="822333" spans="14:14">
      <c r="N822333" s="10"/>
    </row>
    <row r="822334" spans="14:14">
      <c r="N822334" s="10"/>
    </row>
    <row r="822335" spans="14:14">
      <c r="N822335" s="10"/>
    </row>
    <row r="822336" spans="14:14">
      <c r="N822336" s="10"/>
    </row>
    <row r="822337" spans="14:14">
      <c r="N822337" s="10"/>
    </row>
    <row r="822338" spans="14:14">
      <c r="N822338" s="10"/>
    </row>
    <row r="822339" spans="14:14">
      <c r="N822339" s="10"/>
    </row>
    <row r="822340" spans="14:14">
      <c r="N822340" s="10"/>
    </row>
    <row r="822341" spans="14:14">
      <c r="N822341" s="10"/>
    </row>
    <row r="822342" spans="14:14">
      <c r="N822342" s="10"/>
    </row>
    <row r="822343" spans="14:14">
      <c r="N822343" s="10"/>
    </row>
    <row r="822344" spans="14:14">
      <c r="N822344" s="10"/>
    </row>
    <row r="822345" spans="14:14">
      <c r="N822345" s="10"/>
    </row>
    <row r="822346" spans="14:14">
      <c r="N822346" s="10"/>
    </row>
    <row r="822347" spans="14:14">
      <c r="N822347" s="10"/>
    </row>
    <row r="822348" spans="14:14">
      <c r="N822348" s="10"/>
    </row>
    <row r="822349" spans="14:14">
      <c r="N822349" s="10"/>
    </row>
    <row r="822350" spans="14:14">
      <c r="N822350" s="10"/>
    </row>
    <row r="822351" spans="14:14">
      <c r="N822351" s="10"/>
    </row>
    <row r="822352" spans="14:14">
      <c r="N822352" s="10"/>
    </row>
    <row r="822353" spans="14:14">
      <c r="N822353" s="10"/>
    </row>
    <row r="822354" spans="14:14">
      <c r="N822354" s="10"/>
    </row>
    <row r="822355" spans="14:14">
      <c r="N822355" s="10"/>
    </row>
    <row r="822356" spans="14:14">
      <c r="N822356" s="10"/>
    </row>
    <row r="822357" spans="14:14">
      <c r="N822357" s="10"/>
    </row>
    <row r="822358" spans="14:14">
      <c r="N822358" s="10"/>
    </row>
    <row r="822359" spans="14:14">
      <c r="N822359" s="10"/>
    </row>
    <row r="822360" spans="14:14">
      <c r="N822360" s="10"/>
    </row>
    <row r="822361" spans="14:14">
      <c r="N822361" s="10"/>
    </row>
    <row r="822362" spans="14:14">
      <c r="N822362" s="10"/>
    </row>
    <row r="822363" spans="14:14">
      <c r="N822363" s="10"/>
    </row>
    <row r="822364" spans="14:14">
      <c r="N822364" s="10"/>
    </row>
    <row r="822365" spans="14:14">
      <c r="N822365" s="10"/>
    </row>
    <row r="822366" spans="14:14">
      <c r="N822366" s="10"/>
    </row>
    <row r="822367" spans="14:14">
      <c r="N822367" s="10"/>
    </row>
    <row r="822368" spans="14:14">
      <c r="N822368" s="10"/>
    </row>
    <row r="822369" spans="14:14">
      <c r="N822369" s="10"/>
    </row>
    <row r="822370" spans="14:14">
      <c r="N822370" s="10"/>
    </row>
    <row r="822371" spans="14:14">
      <c r="N822371" s="10"/>
    </row>
    <row r="822372" spans="14:14">
      <c r="N822372" s="10"/>
    </row>
    <row r="822373" spans="14:14">
      <c r="N822373" s="10"/>
    </row>
    <row r="822374" spans="14:14">
      <c r="N822374" s="10"/>
    </row>
    <row r="822375" spans="14:14">
      <c r="N822375" s="10"/>
    </row>
    <row r="822376" spans="14:14">
      <c r="N822376" s="10"/>
    </row>
    <row r="822377" spans="14:14">
      <c r="N822377" s="10"/>
    </row>
    <row r="822378" spans="14:14">
      <c r="N822378" s="10"/>
    </row>
    <row r="822379" spans="14:14">
      <c r="N822379" s="10"/>
    </row>
    <row r="822380" spans="14:14">
      <c r="N822380" s="10"/>
    </row>
    <row r="822381" spans="14:14">
      <c r="N822381" s="10"/>
    </row>
    <row r="822382" spans="14:14">
      <c r="N822382" s="10"/>
    </row>
    <row r="822383" spans="14:14">
      <c r="N822383" s="10"/>
    </row>
    <row r="822384" spans="14:14">
      <c r="N822384" s="10"/>
    </row>
    <row r="822385" spans="14:14">
      <c r="N822385" s="10"/>
    </row>
    <row r="822386" spans="14:14">
      <c r="N822386" s="10"/>
    </row>
    <row r="822387" spans="14:14">
      <c r="N822387" s="10"/>
    </row>
    <row r="822388" spans="14:14">
      <c r="N822388" s="10"/>
    </row>
    <row r="822389" spans="14:14">
      <c r="N822389" s="10"/>
    </row>
    <row r="822390" spans="14:14">
      <c r="N822390" s="10"/>
    </row>
    <row r="822391" spans="14:14">
      <c r="N822391" s="10"/>
    </row>
    <row r="822392" spans="14:14">
      <c r="N822392" s="10"/>
    </row>
    <row r="822393" spans="14:14">
      <c r="N822393" s="10"/>
    </row>
    <row r="822394" spans="14:14">
      <c r="N822394" s="10"/>
    </row>
    <row r="822395" spans="14:14">
      <c r="N822395" s="10"/>
    </row>
    <row r="822396" spans="14:14">
      <c r="N822396" s="10"/>
    </row>
    <row r="822397" spans="14:14">
      <c r="N822397" s="10"/>
    </row>
    <row r="822398" spans="14:14">
      <c r="N822398" s="10"/>
    </row>
    <row r="822399" spans="14:14">
      <c r="N822399" s="10"/>
    </row>
    <row r="822400" spans="14:14">
      <c r="N822400" s="10"/>
    </row>
    <row r="822401" spans="14:14">
      <c r="N822401" s="10"/>
    </row>
    <row r="822402" spans="14:14">
      <c r="N822402" s="10"/>
    </row>
    <row r="822403" spans="14:14">
      <c r="N822403" s="10"/>
    </row>
    <row r="822404" spans="14:14">
      <c r="N822404" s="10"/>
    </row>
    <row r="822405" spans="14:14">
      <c r="N822405" s="10"/>
    </row>
    <row r="822406" spans="14:14">
      <c r="N822406" s="10"/>
    </row>
    <row r="822407" spans="14:14">
      <c r="N822407" s="10"/>
    </row>
    <row r="822408" spans="14:14">
      <c r="N822408" s="10"/>
    </row>
    <row r="822409" spans="14:14">
      <c r="N822409" s="10"/>
    </row>
    <row r="822410" spans="14:14">
      <c r="N822410" s="10"/>
    </row>
    <row r="822411" spans="14:14">
      <c r="N822411" s="10"/>
    </row>
    <row r="822412" spans="14:14">
      <c r="N822412" s="10"/>
    </row>
    <row r="822413" spans="14:14">
      <c r="N822413" s="10"/>
    </row>
    <row r="822414" spans="14:14">
      <c r="N822414" s="10"/>
    </row>
    <row r="822415" spans="14:14">
      <c r="N822415" s="10"/>
    </row>
    <row r="822416" spans="14:14">
      <c r="N822416" s="10"/>
    </row>
    <row r="822417" spans="14:14">
      <c r="N822417" s="10"/>
    </row>
    <row r="822418" spans="14:14">
      <c r="N822418" s="10"/>
    </row>
    <row r="822419" spans="14:14">
      <c r="N822419" s="10"/>
    </row>
    <row r="822420" spans="14:14">
      <c r="N822420" s="10"/>
    </row>
    <row r="822421" spans="14:14">
      <c r="N822421" s="10"/>
    </row>
    <row r="822422" spans="14:14">
      <c r="N822422" s="10"/>
    </row>
    <row r="822423" spans="14:14">
      <c r="N822423" s="10"/>
    </row>
    <row r="822424" spans="14:14">
      <c r="N822424" s="10"/>
    </row>
    <row r="822425" spans="14:14">
      <c r="N822425" s="10"/>
    </row>
    <row r="822426" spans="14:14">
      <c r="N822426" s="10"/>
    </row>
    <row r="822427" spans="14:14">
      <c r="N822427" s="10"/>
    </row>
    <row r="822428" spans="14:14">
      <c r="N822428" s="10"/>
    </row>
    <row r="822429" spans="14:14">
      <c r="N822429" s="10"/>
    </row>
    <row r="822430" spans="14:14">
      <c r="N822430" s="10"/>
    </row>
    <row r="822431" spans="14:14">
      <c r="N822431" s="10"/>
    </row>
    <row r="822432" spans="14:14">
      <c r="N822432" s="10"/>
    </row>
    <row r="822433" spans="14:14">
      <c r="N822433" s="10"/>
    </row>
    <row r="822434" spans="14:14">
      <c r="N822434" s="10"/>
    </row>
    <row r="822435" spans="14:14">
      <c r="N822435" s="10"/>
    </row>
    <row r="822436" spans="14:14">
      <c r="N822436" s="10"/>
    </row>
    <row r="822437" spans="14:14">
      <c r="N822437" s="10"/>
    </row>
    <row r="822438" spans="14:14">
      <c r="N822438" s="10"/>
    </row>
    <row r="822439" spans="14:14">
      <c r="N822439" s="10"/>
    </row>
    <row r="822440" spans="14:14">
      <c r="N822440" s="10"/>
    </row>
    <row r="822441" spans="14:14">
      <c r="N822441" s="10"/>
    </row>
    <row r="822442" spans="14:14">
      <c r="N822442" s="10"/>
    </row>
    <row r="822443" spans="14:14">
      <c r="N822443" s="10"/>
    </row>
    <row r="822444" spans="14:14">
      <c r="N822444" s="10"/>
    </row>
    <row r="822445" spans="14:14">
      <c r="N822445" s="10"/>
    </row>
    <row r="822446" spans="14:14">
      <c r="N822446" s="10"/>
    </row>
    <row r="822447" spans="14:14">
      <c r="N822447" s="10"/>
    </row>
    <row r="822448" spans="14:14">
      <c r="N822448" s="10"/>
    </row>
    <row r="822449" spans="14:14">
      <c r="N822449" s="10"/>
    </row>
    <row r="822450" spans="14:14">
      <c r="N822450" s="10"/>
    </row>
    <row r="822451" spans="14:14">
      <c r="N822451" s="10"/>
    </row>
    <row r="822452" spans="14:14">
      <c r="N822452" s="10"/>
    </row>
    <row r="822453" spans="14:14">
      <c r="N822453" s="10"/>
    </row>
    <row r="822454" spans="14:14">
      <c r="N822454" s="10"/>
    </row>
    <row r="822455" spans="14:14">
      <c r="N822455" s="10"/>
    </row>
    <row r="822456" spans="14:14">
      <c r="N822456" s="10"/>
    </row>
    <row r="822457" spans="14:14">
      <c r="N822457" s="10"/>
    </row>
    <row r="822458" spans="14:14">
      <c r="N822458" s="10"/>
    </row>
    <row r="822459" spans="14:14">
      <c r="N822459" s="10"/>
    </row>
    <row r="822460" spans="14:14">
      <c r="N822460" s="10"/>
    </row>
    <row r="822461" spans="14:14">
      <c r="N822461" s="10"/>
    </row>
    <row r="822462" spans="14:14">
      <c r="N822462" s="10"/>
    </row>
    <row r="822463" spans="14:14">
      <c r="N822463" s="10"/>
    </row>
    <row r="822464" spans="14:14">
      <c r="N822464" s="10"/>
    </row>
    <row r="822465" spans="14:14">
      <c r="N822465" s="10"/>
    </row>
    <row r="822466" spans="14:14">
      <c r="N822466" s="10"/>
    </row>
    <row r="822467" spans="14:14">
      <c r="N822467" s="10"/>
    </row>
    <row r="822468" spans="14:14">
      <c r="N822468" s="10"/>
    </row>
    <row r="822469" spans="14:14">
      <c r="N822469" s="10"/>
    </row>
    <row r="822470" spans="14:14">
      <c r="N822470" s="10"/>
    </row>
    <row r="822471" spans="14:14">
      <c r="N822471" s="10"/>
    </row>
    <row r="822472" spans="14:14">
      <c r="N822472" s="10"/>
    </row>
    <row r="822473" spans="14:14">
      <c r="N822473" s="10"/>
    </row>
    <row r="822474" spans="14:14">
      <c r="N822474" s="10"/>
    </row>
    <row r="822475" spans="14:14">
      <c r="N822475" s="10"/>
    </row>
    <row r="822476" spans="14:14">
      <c r="N822476" s="10"/>
    </row>
    <row r="822477" spans="14:14">
      <c r="N822477" s="10"/>
    </row>
    <row r="822478" spans="14:14">
      <c r="N822478" s="10"/>
    </row>
    <row r="822479" spans="14:14">
      <c r="N822479" s="10"/>
    </row>
    <row r="822480" spans="14:14">
      <c r="N822480" s="10"/>
    </row>
    <row r="822481" spans="14:14">
      <c r="N822481" s="10"/>
    </row>
    <row r="822482" spans="14:14">
      <c r="N822482" s="10"/>
    </row>
    <row r="822483" spans="14:14">
      <c r="N822483" s="10"/>
    </row>
    <row r="822484" spans="14:14">
      <c r="N822484" s="10"/>
    </row>
    <row r="822485" spans="14:14">
      <c r="N822485" s="10"/>
    </row>
    <row r="822486" spans="14:14">
      <c r="N822486" s="10"/>
    </row>
    <row r="822487" spans="14:14">
      <c r="N822487" s="10"/>
    </row>
    <row r="822488" spans="14:14">
      <c r="N822488" s="10"/>
    </row>
    <row r="822489" spans="14:14">
      <c r="N822489" s="10"/>
    </row>
    <row r="822490" spans="14:14">
      <c r="N822490" s="10"/>
    </row>
    <row r="822491" spans="14:14">
      <c r="N822491" s="10"/>
    </row>
    <row r="822492" spans="14:14">
      <c r="N822492" s="10"/>
    </row>
    <row r="822493" spans="14:14">
      <c r="N822493" s="10"/>
    </row>
    <row r="822494" spans="14:14">
      <c r="N822494" s="10"/>
    </row>
    <row r="822495" spans="14:14">
      <c r="N822495" s="10"/>
    </row>
    <row r="822496" spans="14:14">
      <c r="N822496" s="10"/>
    </row>
    <row r="822497" spans="14:14">
      <c r="N822497" s="10"/>
    </row>
    <row r="822498" spans="14:14">
      <c r="N822498" s="10"/>
    </row>
    <row r="822499" spans="14:14">
      <c r="N822499" s="10"/>
    </row>
    <row r="822500" spans="14:14">
      <c r="N822500" s="10"/>
    </row>
    <row r="822501" spans="14:14">
      <c r="N822501" s="10"/>
    </row>
    <row r="822502" spans="14:14">
      <c r="N822502" s="10"/>
    </row>
    <row r="822503" spans="14:14">
      <c r="N822503" s="10"/>
    </row>
    <row r="822504" spans="14:14">
      <c r="N822504" s="10"/>
    </row>
    <row r="822505" spans="14:14">
      <c r="N822505" s="10"/>
    </row>
    <row r="822506" spans="14:14">
      <c r="N822506" s="10"/>
    </row>
    <row r="822507" spans="14:14">
      <c r="N822507" s="10"/>
    </row>
    <row r="822508" spans="14:14">
      <c r="N822508" s="10"/>
    </row>
    <row r="822509" spans="14:14">
      <c r="N822509" s="10"/>
    </row>
    <row r="822510" spans="14:14">
      <c r="N822510" s="10"/>
    </row>
    <row r="822511" spans="14:14">
      <c r="N822511" s="10"/>
    </row>
    <row r="822512" spans="14:14">
      <c r="N822512" s="10"/>
    </row>
    <row r="822513" spans="14:14">
      <c r="N822513" s="10"/>
    </row>
    <row r="822514" spans="14:14">
      <c r="N822514" s="10"/>
    </row>
    <row r="822515" spans="14:14">
      <c r="N822515" s="10"/>
    </row>
    <row r="822516" spans="14:14">
      <c r="N822516" s="10"/>
    </row>
    <row r="822517" spans="14:14">
      <c r="N822517" s="10"/>
    </row>
    <row r="822518" spans="14:14">
      <c r="N822518" s="10"/>
    </row>
    <row r="822519" spans="14:14">
      <c r="N822519" s="10"/>
    </row>
    <row r="822520" spans="14:14">
      <c r="N822520" s="10"/>
    </row>
    <row r="822521" spans="14:14">
      <c r="N822521" s="10"/>
    </row>
    <row r="822522" spans="14:14">
      <c r="N822522" s="10"/>
    </row>
    <row r="822523" spans="14:14">
      <c r="N822523" s="10"/>
    </row>
    <row r="822524" spans="14:14">
      <c r="N822524" s="10"/>
    </row>
    <row r="822525" spans="14:14">
      <c r="N822525" s="10"/>
    </row>
    <row r="822526" spans="14:14">
      <c r="N822526" s="10"/>
    </row>
    <row r="822527" spans="14:14">
      <c r="N822527" s="10"/>
    </row>
    <row r="822528" spans="14:14">
      <c r="N822528" s="10"/>
    </row>
    <row r="822529" spans="14:14">
      <c r="N822529" s="10"/>
    </row>
    <row r="822530" spans="14:14">
      <c r="N822530" s="10"/>
    </row>
    <row r="822531" spans="14:14">
      <c r="N822531" s="10"/>
    </row>
    <row r="822532" spans="14:14">
      <c r="N822532" s="10"/>
    </row>
    <row r="822533" spans="14:14">
      <c r="N822533" s="10"/>
    </row>
    <row r="822534" spans="14:14">
      <c r="N822534" s="10"/>
    </row>
    <row r="822535" spans="14:14">
      <c r="N822535" s="10"/>
    </row>
    <row r="822536" spans="14:14">
      <c r="N822536" s="10"/>
    </row>
    <row r="822537" spans="14:14">
      <c r="N822537" s="10"/>
    </row>
    <row r="822538" spans="14:14">
      <c r="N822538" s="10"/>
    </row>
    <row r="822539" spans="14:14">
      <c r="N822539" s="10"/>
    </row>
    <row r="822540" spans="14:14">
      <c r="N822540" s="10"/>
    </row>
    <row r="822541" spans="14:14">
      <c r="N822541" s="10"/>
    </row>
    <row r="822542" spans="14:14">
      <c r="N822542" s="10"/>
    </row>
    <row r="822543" spans="14:14">
      <c r="N822543" s="10"/>
    </row>
    <row r="822544" spans="14:14">
      <c r="N822544" s="10"/>
    </row>
    <row r="822545" spans="14:14">
      <c r="N822545" s="10"/>
    </row>
    <row r="822546" spans="14:14">
      <c r="N822546" s="10"/>
    </row>
    <row r="822547" spans="14:14">
      <c r="N822547" s="10"/>
    </row>
    <row r="822548" spans="14:14">
      <c r="N822548" s="10"/>
    </row>
    <row r="822549" spans="14:14">
      <c r="N822549" s="10"/>
    </row>
    <row r="822550" spans="14:14">
      <c r="N822550" s="10"/>
    </row>
    <row r="822551" spans="14:14">
      <c r="N822551" s="10"/>
    </row>
    <row r="822552" spans="14:14">
      <c r="N822552" s="10"/>
    </row>
    <row r="822553" spans="14:14">
      <c r="N822553" s="10"/>
    </row>
    <row r="822554" spans="14:14">
      <c r="N822554" s="10"/>
    </row>
    <row r="822555" spans="14:14">
      <c r="N822555" s="10"/>
    </row>
    <row r="822556" spans="14:14">
      <c r="N822556" s="10"/>
    </row>
    <row r="822557" spans="14:14">
      <c r="N822557" s="10"/>
    </row>
    <row r="822558" spans="14:14">
      <c r="N822558" s="10"/>
    </row>
    <row r="822559" spans="14:14">
      <c r="N822559" s="10"/>
    </row>
    <row r="822560" spans="14:14">
      <c r="N822560" s="10"/>
    </row>
    <row r="822561" spans="14:14">
      <c r="N822561" s="10"/>
    </row>
    <row r="822562" spans="14:14">
      <c r="N822562" s="10"/>
    </row>
    <row r="822563" spans="14:14">
      <c r="N822563" s="10"/>
    </row>
    <row r="822564" spans="14:14">
      <c r="N822564" s="10"/>
    </row>
    <row r="822565" spans="14:14">
      <c r="N822565" s="10"/>
    </row>
    <row r="822566" spans="14:14">
      <c r="N822566" s="10"/>
    </row>
    <row r="822567" spans="14:14">
      <c r="N822567" s="10"/>
    </row>
    <row r="822568" spans="14:14">
      <c r="N822568" s="10"/>
    </row>
    <row r="822569" spans="14:14">
      <c r="N822569" s="10"/>
    </row>
    <row r="822570" spans="14:14">
      <c r="N822570" s="10"/>
    </row>
    <row r="822571" spans="14:14">
      <c r="N822571" s="10"/>
    </row>
    <row r="822572" spans="14:14">
      <c r="N822572" s="10"/>
    </row>
    <row r="822573" spans="14:14">
      <c r="N822573" s="10"/>
    </row>
    <row r="822574" spans="14:14">
      <c r="N822574" s="10"/>
    </row>
    <row r="822575" spans="14:14">
      <c r="N822575" s="10"/>
    </row>
    <row r="822576" spans="14:14">
      <c r="N822576" s="10"/>
    </row>
    <row r="822577" spans="14:14">
      <c r="N822577" s="10"/>
    </row>
    <row r="822578" spans="14:14">
      <c r="N822578" s="10"/>
    </row>
    <row r="822579" spans="14:14">
      <c r="N822579" s="10"/>
    </row>
    <row r="822580" spans="14:14">
      <c r="N822580" s="10"/>
    </row>
    <row r="822581" spans="14:14">
      <c r="N822581" s="10"/>
    </row>
    <row r="822582" spans="14:14">
      <c r="N822582" s="10"/>
    </row>
    <row r="822583" spans="14:14">
      <c r="N822583" s="10"/>
    </row>
    <row r="822584" spans="14:14">
      <c r="N822584" s="10"/>
    </row>
    <row r="822585" spans="14:14">
      <c r="N822585" s="10"/>
    </row>
    <row r="822586" spans="14:14">
      <c r="N822586" s="10"/>
    </row>
    <row r="822587" spans="14:14">
      <c r="N822587" s="10"/>
    </row>
    <row r="822588" spans="14:14">
      <c r="N822588" s="10"/>
    </row>
    <row r="822589" spans="14:14">
      <c r="N822589" s="10"/>
    </row>
    <row r="822590" spans="14:14">
      <c r="N822590" s="10"/>
    </row>
    <row r="822591" spans="14:14">
      <c r="N822591" s="10"/>
    </row>
    <row r="822592" spans="14:14">
      <c r="N822592" s="10"/>
    </row>
    <row r="822593" spans="14:14">
      <c r="N822593" s="10"/>
    </row>
    <row r="822594" spans="14:14">
      <c r="N822594" s="10"/>
    </row>
    <row r="822595" spans="14:14">
      <c r="N822595" s="10"/>
    </row>
    <row r="822596" spans="14:14">
      <c r="N822596" s="10"/>
    </row>
    <row r="822597" spans="14:14">
      <c r="N822597" s="10"/>
    </row>
    <row r="822598" spans="14:14">
      <c r="N822598" s="10"/>
    </row>
    <row r="822599" spans="14:14">
      <c r="N822599" s="10"/>
    </row>
    <row r="822600" spans="14:14">
      <c r="N822600" s="10"/>
    </row>
    <row r="822601" spans="14:14">
      <c r="N822601" s="10"/>
    </row>
    <row r="822602" spans="14:14">
      <c r="N822602" s="10"/>
    </row>
    <row r="822603" spans="14:14">
      <c r="N822603" s="10"/>
    </row>
    <row r="822604" spans="14:14">
      <c r="N822604" s="10"/>
    </row>
    <row r="822605" spans="14:14">
      <c r="N822605" s="10"/>
    </row>
    <row r="822606" spans="14:14">
      <c r="N822606" s="10"/>
    </row>
    <row r="822607" spans="14:14">
      <c r="N822607" s="10"/>
    </row>
    <row r="822608" spans="14:14">
      <c r="N822608" s="10"/>
    </row>
    <row r="822609" spans="14:14">
      <c r="N822609" s="10"/>
    </row>
    <row r="822610" spans="14:14">
      <c r="N822610" s="10"/>
    </row>
    <row r="822611" spans="14:14">
      <c r="N822611" s="10"/>
    </row>
    <row r="822612" spans="14:14">
      <c r="N822612" s="10"/>
    </row>
    <row r="822613" spans="14:14">
      <c r="N822613" s="10"/>
    </row>
    <row r="822614" spans="14:14">
      <c r="N822614" s="10"/>
    </row>
    <row r="822615" spans="14:14">
      <c r="N822615" s="10"/>
    </row>
    <row r="822616" spans="14:14">
      <c r="N822616" s="10"/>
    </row>
    <row r="822617" spans="14:14">
      <c r="N822617" s="10"/>
    </row>
    <row r="822618" spans="14:14">
      <c r="N822618" s="10"/>
    </row>
    <row r="822619" spans="14:14">
      <c r="N822619" s="10"/>
    </row>
    <row r="822620" spans="14:14">
      <c r="N822620" s="10"/>
    </row>
    <row r="822621" spans="14:14">
      <c r="N822621" s="10"/>
    </row>
    <row r="822622" spans="14:14">
      <c r="N822622" s="10"/>
    </row>
    <row r="822623" spans="14:14">
      <c r="N822623" s="10"/>
    </row>
    <row r="822624" spans="14:14">
      <c r="N822624" s="10"/>
    </row>
    <row r="822625" spans="14:14">
      <c r="N822625" s="10"/>
    </row>
    <row r="822626" spans="14:14">
      <c r="N822626" s="10"/>
    </row>
    <row r="822627" spans="14:14">
      <c r="N822627" s="10"/>
    </row>
    <row r="822628" spans="14:14">
      <c r="N822628" s="10"/>
    </row>
    <row r="822629" spans="14:14">
      <c r="N822629" s="10"/>
    </row>
    <row r="822630" spans="14:14">
      <c r="N822630" s="10"/>
    </row>
    <row r="822631" spans="14:14">
      <c r="N822631" s="10"/>
    </row>
    <row r="822632" spans="14:14">
      <c r="N822632" s="10"/>
    </row>
    <row r="822633" spans="14:14">
      <c r="N822633" s="10"/>
    </row>
    <row r="822634" spans="14:14">
      <c r="N822634" s="10"/>
    </row>
    <row r="822635" spans="14:14">
      <c r="N822635" s="10"/>
    </row>
    <row r="822636" spans="14:14">
      <c r="N822636" s="10"/>
    </row>
    <row r="822637" spans="14:14">
      <c r="N822637" s="10"/>
    </row>
    <row r="822638" spans="14:14">
      <c r="N822638" s="10"/>
    </row>
    <row r="822639" spans="14:14">
      <c r="N822639" s="10"/>
    </row>
    <row r="822640" spans="14:14">
      <c r="N822640" s="10"/>
    </row>
    <row r="822641" spans="14:14">
      <c r="N822641" s="10"/>
    </row>
    <row r="822642" spans="14:14">
      <c r="N822642" s="10"/>
    </row>
    <row r="822643" spans="14:14">
      <c r="N822643" s="10"/>
    </row>
    <row r="822644" spans="14:14">
      <c r="N822644" s="10"/>
    </row>
    <row r="822645" spans="14:14">
      <c r="N822645" s="10"/>
    </row>
    <row r="822646" spans="14:14">
      <c r="N822646" s="10"/>
    </row>
    <row r="822647" spans="14:14">
      <c r="N822647" s="10"/>
    </row>
    <row r="822648" spans="14:14">
      <c r="N822648" s="10"/>
    </row>
    <row r="822649" spans="14:14">
      <c r="N822649" s="10"/>
    </row>
    <row r="822650" spans="14:14">
      <c r="N822650" s="10"/>
    </row>
    <row r="822651" spans="14:14">
      <c r="N822651" s="10"/>
    </row>
    <row r="822652" spans="14:14">
      <c r="N822652" s="10"/>
    </row>
    <row r="822653" spans="14:14">
      <c r="N822653" s="10"/>
    </row>
    <row r="822654" spans="14:14">
      <c r="N822654" s="10"/>
    </row>
    <row r="822655" spans="14:14">
      <c r="N822655" s="10"/>
    </row>
    <row r="822656" spans="14:14">
      <c r="N822656" s="10"/>
    </row>
    <row r="822657" spans="14:14">
      <c r="N822657" s="10"/>
    </row>
    <row r="822658" spans="14:14">
      <c r="N822658" s="10"/>
    </row>
    <row r="822659" spans="14:14">
      <c r="N822659" s="10"/>
    </row>
    <row r="822660" spans="14:14">
      <c r="N822660" s="10"/>
    </row>
    <row r="822661" spans="14:14">
      <c r="N822661" s="10"/>
    </row>
    <row r="822662" spans="14:14">
      <c r="N822662" s="10"/>
    </row>
    <row r="822663" spans="14:14">
      <c r="N822663" s="10"/>
    </row>
    <row r="822664" spans="14:14">
      <c r="N822664" s="10"/>
    </row>
    <row r="822665" spans="14:14">
      <c r="N822665" s="10"/>
    </row>
    <row r="822666" spans="14:14">
      <c r="N822666" s="10"/>
    </row>
    <row r="822667" spans="14:14">
      <c r="N822667" s="10"/>
    </row>
    <row r="822668" spans="14:14">
      <c r="N822668" s="10"/>
    </row>
    <row r="822669" spans="14:14">
      <c r="N822669" s="10"/>
    </row>
    <row r="822670" spans="14:14">
      <c r="N822670" s="10"/>
    </row>
    <row r="822671" spans="14:14">
      <c r="N822671" s="10"/>
    </row>
    <row r="822672" spans="14:14">
      <c r="N822672" s="10"/>
    </row>
    <row r="822673" spans="14:14">
      <c r="N822673" s="10"/>
    </row>
    <row r="822674" spans="14:14">
      <c r="N822674" s="10"/>
    </row>
    <row r="822675" spans="14:14">
      <c r="N822675" s="10"/>
    </row>
    <row r="822676" spans="14:14">
      <c r="N822676" s="10"/>
    </row>
    <row r="822677" spans="14:14">
      <c r="N822677" s="10"/>
    </row>
    <row r="822678" spans="14:14">
      <c r="N822678" s="10"/>
    </row>
    <row r="822679" spans="14:14">
      <c r="N822679" s="10"/>
    </row>
    <row r="822680" spans="14:14">
      <c r="N822680" s="10"/>
    </row>
    <row r="822681" spans="14:14">
      <c r="N822681" s="10"/>
    </row>
    <row r="822682" spans="14:14">
      <c r="N822682" s="10"/>
    </row>
    <row r="822683" spans="14:14">
      <c r="N822683" s="10"/>
    </row>
    <row r="822684" spans="14:14">
      <c r="N822684" s="10"/>
    </row>
    <row r="822685" spans="14:14">
      <c r="N822685" s="10"/>
    </row>
    <row r="822686" spans="14:14">
      <c r="N822686" s="10"/>
    </row>
    <row r="822687" spans="14:14">
      <c r="N822687" s="10"/>
    </row>
    <row r="822688" spans="14:14">
      <c r="N822688" s="10"/>
    </row>
    <row r="822689" spans="14:14">
      <c r="N822689" s="10"/>
    </row>
    <row r="822690" spans="14:14">
      <c r="N822690" s="10"/>
    </row>
    <row r="822691" spans="14:14">
      <c r="N822691" s="10"/>
    </row>
    <row r="822692" spans="14:14">
      <c r="N822692" s="10"/>
    </row>
    <row r="822693" spans="14:14">
      <c r="N822693" s="10"/>
    </row>
    <row r="822694" spans="14:14">
      <c r="N822694" s="10"/>
    </row>
    <row r="822695" spans="14:14">
      <c r="N822695" s="10"/>
    </row>
    <row r="822696" spans="14:14">
      <c r="N822696" s="10"/>
    </row>
    <row r="822697" spans="14:14">
      <c r="N822697" s="10"/>
    </row>
    <row r="822698" spans="14:14">
      <c r="N822698" s="10"/>
    </row>
    <row r="822699" spans="14:14">
      <c r="N822699" s="10"/>
    </row>
    <row r="822700" spans="14:14">
      <c r="N822700" s="10"/>
    </row>
    <row r="822701" spans="14:14">
      <c r="N822701" s="10"/>
    </row>
    <row r="822702" spans="14:14">
      <c r="N822702" s="10"/>
    </row>
    <row r="822703" spans="14:14">
      <c r="N822703" s="10"/>
    </row>
    <row r="822704" spans="14:14">
      <c r="N822704" s="10"/>
    </row>
    <row r="822705" spans="14:14">
      <c r="N822705" s="10"/>
    </row>
    <row r="822706" spans="14:14">
      <c r="N822706" s="10"/>
    </row>
    <row r="822707" spans="14:14">
      <c r="N822707" s="10"/>
    </row>
    <row r="822708" spans="14:14">
      <c r="N822708" s="10"/>
    </row>
    <row r="822709" spans="14:14">
      <c r="N822709" s="10"/>
    </row>
    <row r="822710" spans="14:14">
      <c r="N822710" s="10"/>
    </row>
    <row r="822711" spans="14:14">
      <c r="N822711" s="10"/>
    </row>
    <row r="822712" spans="14:14">
      <c r="N822712" s="10"/>
    </row>
    <row r="822713" spans="14:14">
      <c r="N822713" s="10"/>
    </row>
    <row r="822714" spans="14:14">
      <c r="N822714" s="10"/>
    </row>
    <row r="822715" spans="14:14">
      <c r="N822715" s="10"/>
    </row>
    <row r="822716" spans="14:14">
      <c r="N822716" s="10"/>
    </row>
    <row r="822717" spans="14:14">
      <c r="N822717" s="10"/>
    </row>
    <row r="822718" spans="14:14">
      <c r="N822718" s="10"/>
    </row>
    <row r="822719" spans="14:14">
      <c r="N822719" s="10"/>
    </row>
    <row r="822720" spans="14:14">
      <c r="N822720" s="10"/>
    </row>
    <row r="822721" spans="14:14">
      <c r="N822721" s="10"/>
    </row>
    <row r="822722" spans="14:14">
      <c r="N822722" s="10"/>
    </row>
    <row r="822723" spans="14:14">
      <c r="N822723" s="10"/>
    </row>
    <row r="822724" spans="14:14">
      <c r="N822724" s="10"/>
    </row>
    <row r="822725" spans="14:14">
      <c r="N822725" s="10"/>
    </row>
    <row r="822726" spans="14:14">
      <c r="N822726" s="10"/>
    </row>
    <row r="822727" spans="14:14">
      <c r="N822727" s="10"/>
    </row>
    <row r="822728" spans="14:14">
      <c r="N822728" s="10"/>
    </row>
    <row r="822729" spans="14:14">
      <c r="N822729" s="10"/>
    </row>
    <row r="822730" spans="14:14">
      <c r="N822730" s="10"/>
    </row>
    <row r="822731" spans="14:14">
      <c r="N822731" s="10"/>
    </row>
    <row r="822732" spans="14:14">
      <c r="N822732" s="10"/>
    </row>
    <row r="822733" spans="14:14">
      <c r="N822733" s="10"/>
    </row>
    <row r="822734" spans="14:14">
      <c r="N822734" s="10"/>
    </row>
    <row r="822735" spans="14:14">
      <c r="N822735" s="10"/>
    </row>
    <row r="822736" spans="14:14">
      <c r="N822736" s="10"/>
    </row>
    <row r="822737" spans="14:14">
      <c r="N822737" s="10"/>
    </row>
    <row r="822738" spans="14:14">
      <c r="N822738" s="10"/>
    </row>
    <row r="822739" spans="14:14">
      <c r="N822739" s="10"/>
    </row>
    <row r="822740" spans="14:14">
      <c r="N822740" s="10"/>
    </row>
    <row r="822741" spans="14:14">
      <c r="N822741" s="10"/>
    </row>
    <row r="822742" spans="14:14">
      <c r="N822742" s="10"/>
    </row>
    <row r="822743" spans="14:14">
      <c r="N822743" s="10"/>
    </row>
    <row r="822744" spans="14:14">
      <c r="N822744" s="10"/>
    </row>
    <row r="822745" spans="14:14">
      <c r="N822745" s="10"/>
    </row>
    <row r="822746" spans="14:14">
      <c r="N822746" s="10"/>
    </row>
    <row r="822747" spans="14:14">
      <c r="N822747" s="10"/>
    </row>
    <row r="822748" spans="14:14">
      <c r="N822748" s="10"/>
    </row>
    <row r="822749" spans="14:14">
      <c r="N822749" s="10"/>
    </row>
    <row r="822750" spans="14:14">
      <c r="N822750" s="10"/>
    </row>
    <row r="822751" spans="14:14">
      <c r="N822751" s="10"/>
    </row>
    <row r="822752" spans="14:14">
      <c r="N822752" s="10"/>
    </row>
    <row r="822753" spans="14:14">
      <c r="N822753" s="10"/>
    </row>
    <row r="822754" spans="14:14">
      <c r="N822754" s="10"/>
    </row>
    <row r="822755" spans="14:14">
      <c r="N822755" s="10"/>
    </row>
    <row r="822756" spans="14:14">
      <c r="N822756" s="10"/>
    </row>
    <row r="822757" spans="14:14">
      <c r="N822757" s="10"/>
    </row>
    <row r="822758" spans="14:14">
      <c r="N822758" s="10"/>
    </row>
    <row r="822759" spans="14:14">
      <c r="N822759" s="10"/>
    </row>
    <row r="822760" spans="14:14">
      <c r="N822760" s="10"/>
    </row>
    <row r="822761" spans="14:14">
      <c r="N822761" s="10"/>
    </row>
    <row r="822762" spans="14:14">
      <c r="N822762" s="10"/>
    </row>
    <row r="822763" spans="14:14">
      <c r="N822763" s="10"/>
    </row>
    <row r="822764" spans="14:14">
      <c r="N822764" s="10"/>
    </row>
    <row r="822765" spans="14:14">
      <c r="N822765" s="10"/>
    </row>
    <row r="822766" spans="14:14">
      <c r="N822766" s="10"/>
    </row>
    <row r="822767" spans="14:14">
      <c r="N822767" s="10"/>
    </row>
    <row r="822768" spans="14:14">
      <c r="N822768" s="10"/>
    </row>
    <row r="822769" spans="14:14">
      <c r="N822769" s="10"/>
    </row>
    <row r="822770" spans="14:14">
      <c r="N822770" s="10"/>
    </row>
    <row r="822771" spans="14:14">
      <c r="N822771" s="10"/>
    </row>
    <row r="822772" spans="14:14">
      <c r="N822772" s="10"/>
    </row>
    <row r="822773" spans="14:14">
      <c r="N822773" s="10"/>
    </row>
    <row r="822774" spans="14:14">
      <c r="N822774" s="10"/>
    </row>
    <row r="822775" spans="14:14">
      <c r="N822775" s="10"/>
    </row>
    <row r="822776" spans="14:14">
      <c r="N822776" s="10"/>
    </row>
    <row r="822777" spans="14:14">
      <c r="N822777" s="10"/>
    </row>
    <row r="822778" spans="14:14">
      <c r="N822778" s="10"/>
    </row>
    <row r="822779" spans="14:14">
      <c r="N822779" s="10"/>
    </row>
    <row r="822780" spans="14:14">
      <c r="N822780" s="10"/>
    </row>
    <row r="822781" spans="14:14">
      <c r="N822781" s="10"/>
    </row>
    <row r="822782" spans="14:14">
      <c r="N822782" s="10"/>
    </row>
    <row r="822783" spans="14:14">
      <c r="N822783" s="10"/>
    </row>
    <row r="822784" spans="14:14">
      <c r="N822784" s="10"/>
    </row>
    <row r="822785" spans="14:14">
      <c r="N822785" s="10"/>
    </row>
    <row r="822786" spans="14:14">
      <c r="N822786" s="10"/>
    </row>
    <row r="822787" spans="14:14">
      <c r="N822787" s="10"/>
    </row>
    <row r="822788" spans="14:14">
      <c r="N822788" s="10"/>
    </row>
    <row r="822789" spans="14:14">
      <c r="N822789" s="10"/>
    </row>
    <row r="822790" spans="14:14">
      <c r="N822790" s="10"/>
    </row>
    <row r="822791" spans="14:14">
      <c r="N822791" s="10"/>
    </row>
    <row r="822792" spans="14:14">
      <c r="N822792" s="10"/>
    </row>
    <row r="822793" spans="14:14">
      <c r="N822793" s="10"/>
    </row>
    <row r="822794" spans="14:14">
      <c r="N822794" s="10"/>
    </row>
    <row r="822795" spans="14:14">
      <c r="N822795" s="10"/>
    </row>
    <row r="822796" spans="14:14">
      <c r="N822796" s="10"/>
    </row>
    <row r="822797" spans="14:14">
      <c r="N822797" s="10"/>
    </row>
    <row r="822798" spans="14:14">
      <c r="N822798" s="10"/>
    </row>
    <row r="822799" spans="14:14">
      <c r="N822799" s="10"/>
    </row>
    <row r="822800" spans="14:14">
      <c r="N822800" s="10"/>
    </row>
    <row r="822801" spans="14:14">
      <c r="N822801" s="10"/>
    </row>
    <row r="822802" spans="14:14">
      <c r="N822802" s="10"/>
    </row>
    <row r="822803" spans="14:14">
      <c r="N822803" s="10"/>
    </row>
    <row r="822804" spans="14:14">
      <c r="N822804" s="10"/>
    </row>
    <row r="822805" spans="14:14">
      <c r="N822805" s="10"/>
    </row>
    <row r="822806" spans="14:14">
      <c r="N822806" s="10"/>
    </row>
    <row r="822807" spans="14:14">
      <c r="N822807" s="10"/>
    </row>
    <row r="822808" spans="14:14">
      <c r="N822808" s="10"/>
    </row>
    <row r="822809" spans="14:14">
      <c r="N822809" s="10"/>
    </row>
    <row r="822810" spans="14:14">
      <c r="N822810" s="10"/>
    </row>
    <row r="822811" spans="14:14">
      <c r="N822811" s="10"/>
    </row>
    <row r="822812" spans="14:14">
      <c r="N822812" s="10"/>
    </row>
    <row r="822813" spans="14:14">
      <c r="N822813" s="10"/>
    </row>
    <row r="822814" spans="14:14">
      <c r="N822814" s="10"/>
    </row>
    <row r="822815" spans="14:14">
      <c r="N822815" s="10"/>
    </row>
    <row r="822816" spans="14:14">
      <c r="N822816" s="10"/>
    </row>
    <row r="822817" spans="14:14">
      <c r="N822817" s="10"/>
    </row>
    <row r="822818" spans="14:14">
      <c r="N822818" s="10"/>
    </row>
    <row r="822819" spans="14:14">
      <c r="N822819" s="10"/>
    </row>
    <row r="822820" spans="14:14">
      <c r="N822820" s="10"/>
    </row>
    <row r="822821" spans="14:14">
      <c r="N822821" s="10"/>
    </row>
    <row r="822822" spans="14:14">
      <c r="N822822" s="10"/>
    </row>
    <row r="822823" spans="14:14">
      <c r="N822823" s="10"/>
    </row>
    <row r="822824" spans="14:14">
      <c r="N822824" s="10"/>
    </row>
    <row r="822825" spans="14:14">
      <c r="N822825" s="10"/>
    </row>
    <row r="822826" spans="14:14">
      <c r="N822826" s="10"/>
    </row>
    <row r="822827" spans="14:14">
      <c r="N822827" s="10"/>
    </row>
    <row r="822828" spans="14:14">
      <c r="N822828" s="10"/>
    </row>
    <row r="822829" spans="14:14">
      <c r="N822829" s="10"/>
    </row>
    <row r="822830" spans="14:14">
      <c r="N822830" s="10"/>
    </row>
    <row r="822831" spans="14:14">
      <c r="N822831" s="10"/>
    </row>
    <row r="822832" spans="14:14">
      <c r="N822832" s="10"/>
    </row>
    <row r="822833" spans="14:14">
      <c r="N822833" s="10"/>
    </row>
    <row r="822834" spans="14:14">
      <c r="N822834" s="10"/>
    </row>
    <row r="822835" spans="14:14">
      <c r="N822835" s="10"/>
    </row>
    <row r="822836" spans="14:14">
      <c r="N822836" s="10"/>
    </row>
    <row r="822837" spans="14:14">
      <c r="N822837" s="10"/>
    </row>
    <row r="822838" spans="14:14">
      <c r="N822838" s="10"/>
    </row>
    <row r="822839" spans="14:14">
      <c r="N822839" s="10"/>
    </row>
    <row r="822840" spans="14:14">
      <c r="N822840" s="10"/>
    </row>
    <row r="822841" spans="14:14">
      <c r="N822841" s="10"/>
    </row>
    <row r="822842" spans="14:14">
      <c r="N822842" s="10"/>
    </row>
    <row r="822843" spans="14:14">
      <c r="N822843" s="10"/>
    </row>
    <row r="822844" spans="14:14">
      <c r="N822844" s="10"/>
    </row>
    <row r="822845" spans="14:14">
      <c r="N822845" s="10"/>
    </row>
    <row r="822846" spans="14:14">
      <c r="N822846" s="10"/>
    </row>
    <row r="822847" spans="14:14">
      <c r="N822847" s="10"/>
    </row>
    <row r="822848" spans="14:14">
      <c r="N822848" s="10"/>
    </row>
    <row r="822849" spans="14:14">
      <c r="N822849" s="10"/>
    </row>
    <row r="822850" spans="14:14">
      <c r="N822850" s="10"/>
    </row>
    <row r="822851" spans="14:14">
      <c r="N822851" s="10"/>
    </row>
    <row r="822852" spans="14:14">
      <c r="N822852" s="10"/>
    </row>
    <row r="822853" spans="14:14">
      <c r="N822853" s="10"/>
    </row>
    <row r="822854" spans="14:14">
      <c r="N822854" s="10"/>
    </row>
    <row r="822855" spans="14:14">
      <c r="N822855" s="10"/>
    </row>
    <row r="822856" spans="14:14">
      <c r="N822856" s="10"/>
    </row>
    <row r="822857" spans="14:14">
      <c r="N822857" s="10"/>
    </row>
    <row r="822858" spans="14:14">
      <c r="N822858" s="10"/>
    </row>
    <row r="822859" spans="14:14">
      <c r="N822859" s="10"/>
    </row>
    <row r="822860" spans="14:14">
      <c r="N822860" s="10"/>
    </row>
    <row r="822861" spans="14:14">
      <c r="N822861" s="10"/>
    </row>
    <row r="822862" spans="14:14">
      <c r="N822862" s="10"/>
    </row>
    <row r="822863" spans="14:14">
      <c r="N822863" s="10"/>
    </row>
    <row r="822864" spans="14:14">
      <c r="N822864" s="10"/>
    </row>
    <row r="822865" spans="14:14">
      <c r="N822865" s="10"/>
    </row>
    <row r="822866" spans="14:14">
      <c r="N822866" s="10"/>
    </row>
    <row r="822867" spans="14:14">
      <c r="N822867" s="10"/>
    </row>
    <row r="822868" spans="14:14">
      <c r="N822868" s="10"/>
    </row>
    <row r="822869" spans="14:14">
      <c r="N822869" s="10"/>
    </row>
    <row r="822870" spans="14:14">
      <c r="N822870" s="10"/>
    </row>
    <row r="822871" spans="14:14">
      <c r="N822871" s="10"/>
    </row>
    <row r="822872" spans="14:14">
      <c r="N822872" s="10"/>
    </row>
    <row r="822873" spans="14:14">
      <c r="N822873" s="10"/>
    </row>
    <row r="822874" spans="14:14">
      <c r="N822874" s="10"/>
    </row>
    <row r="822875" spans="14:14">
      <c r="N822875" s="10"/>
    </row>
    <row r="822876" spans="14:14">
      <c r="N822876" s="10"/>
    </row>
    <row r="822877" spans="14:14">
      <c r="N822877" s="10"/>
    </row>
    <row r="822878" spans="14:14">
      <c r="N822878" s="10"/>
    </row>
    <row r="822879" spans="14:14">
      <c r="N822879" s="10"/>
    </row>
    <row r="822880" spans="14:14">
      <c r="N822880" s="10"/>
    </row>
    <row r="822881" spans="14:14">
      <c r="N822881" s="10"/>
    </row>
    <row r="822882" spans="14:14">
      <c r="N822882" s="10"/>
    </row>
    <row r="822883" spans="14:14">
      <c r="N822883" s="10"/>
    </row>
    <row r="822884" spans="14:14">
      <c r="N822884" s="10"/>
    </row>
    <row r="822885" spans="14:14">
      <c r="N822885" s="10"/>
    </row>
    <row r="822886" spans="14:14">
      <c r="N822886" s="10"/>
    </row>
    <row r="822887" spans="14:14">
      <c r="N822887" s="10"/>
    </row>
    <row r="822888" spans="14:14">
      <c r="N822888" s="10"/>
    </row>
    <row r="822889" spans="14:14">
      <c r="N822889" s="10"/>
    </row>
    <row r="822890" spans="14:14">
      <c r="N822890" s="10"/>
    </row>
    <row r="822891" spans="14:14">
      <c r="N822891" s="10"/>
    </row>
    <row r="822892" spans="14:14">
      <c r="N822892" s="10"/>
    </row>
    <row r="822893" spans="14:14">
      <c r="N822893" s="10"/>
    </row>
    <row r="822894" spans="14:14">
      <c r="N822894" s="10"/>
    </row>
    <row r="822895" spans="14:14">
      <c r="N822895" s="10"/>
    </row>
    <row r="822896" spans="14:14">
      <c r="N822896" s="10"/>
    </row>
    <row r="822897" spans="14:14">
      <c r="N822897" s="10"/>
    </row>
    <row r="822898" spans="14:14">
      <c r="N822898" s="10"/>
    </row>
    <row r="822899" spans="14:14">
      <c r="N822899" s="10"/>
    </row>
    <row r="822900" spans="14:14">
      <c r="N822900" s="10"/>
    </row>
    <row r="822901" spans="14:14">
      <c r="N822901" s="10"/>
    </row>
    <row r="822902" spans="14:14">
      <c r="N822902" s="10"/>
    </row>
    <row r="822903" spans="14:14">
      <c r="N822903" s="10"/>
    </row>
    <row r="822904" spans="14:14">
      <c r="N822904" s="10"/>
    </row>
    <row r="822905" spans="14:14">
      <c r="N822905" s="10"/>
    </row>
    <row r="822906" spans="14:14">
      <c r="N822906" s="10"/>
    </row>
    <row r="822907" spans="14:14">
      <c r="N822907" s="10"/>
    </row>
    <row r="822908" spans="14:14">
      <c r="N822908" s="10"/>
    </row>
    <row r="822909" spans="14:14">
      <c r="N822909" s="10"/>
    </row>
    <row r="822910" spans="14:14">
      <c r="N822910" s="10"/>
    </row>
    <row r="822911" spans="14:14">
      <c r="N822911" s="10"/>
    </row>
    <row r="822912" spans="14:14">
      <c r="N822912" s="10"/>
    </row>
    <row r="822913" spans="14:14">
      <c r="N822913" s="10"/>
    </row>
    <row r="822914" spans="14:14">
      <c r="N822914" s="10"/>
    </row>
    <row r="822915" spans="14:14">
      <c r="N822915" s="10"/>
    </row>
    <row r="822916" spans="14:14">
      <c r="N822916" s="10"/>
    </row>
    <row r="822917" spans="14:14">
      <c r="N822917" s="10"/>
    </row>
    <row r="822918" spans="14:14">
      <c r="N822918" s="10"/>
    </row>
    <row r="822919" spans="14:14">
      <c r="N822919" s="10"/>
    </row>
    <row r="822920" spans="14:14">
      <c r="N822920" s="10"/>
    </row>
    <row r="822921" spans="14:14">
      <c r="N822921" s="10"/>
    </row>
    <row r="822922" spans="14:14">
      <c r="N822922" s="10"/>
    </row>
    <row r="822923" spans="14:14">
      <c r="N822923" s="10"/>
    </row>
    <row r="822924" spans="14:14">
      <c r="N822924" s="10"/>
    </row>
    <row r="822925" spans="14:14">
      <c r="N822925" s="10"/>
    </row>
    <row r="822926" spans="14:14">
      <c r="N822926" s="10"/>
    </row>
    <row r="822927" spans="14:14">
      <c r="N822927" s="10"/>
    </row>
    <row r="822928" spans="14:14">
      <c r="N822928" s="10"/>
    </row>
    <row r="822929" spans="14:14">
      <c r="N822929" s="10"/>
    </row>
    <row r="822930" spans="14:14">
      <c r="N822930" s="10"/>
    </row>
    <row r="822931" spans="14:14">
      <c r="N822931" s="10"/>
    </row>
    <row r="822932" spans="14:14">
      <c r="N822932" s="10"/>
    </row>
    <row r="822933" spans="14:14">
      <c r="N822933" s="10"/>
    </row>
    <row r="822934" spans="14:14">
      <c r="N822934" s="10"/>
    </row>
    <row r="822935" spans="14:14">
      <c r="N822935" s="10"/>
    </row>
    <row r="822936" spans="14:14">
      <c r="N822936" s="10"/>
    </row>
    <row r="822937" spans="14:14">
      <c r="N822937" s="10"/>
    </row>
    <row r="822938" spans="14:14">
      <c r="N822938" s="10"/>
    </row>
    <row r="822939" spans="14:14">
      <c r="N822939" s="10"/>
    </row>
    <row r="822940" spans="14:14">
      <c r="N822940" s="10"/>
    </row>
    <row r="822941" spans="14:14">
      <c r="N822941" s="10"/>
    </row>
    <row r="822942" spans="14:14">
      <c r="N822942" s="10"/>
    </row>
    <row r="822943" spans="14:14">
      <c r="N822943" s="10"/>
    </row>
    <row r="822944" spans="14:14">
      <c r="N822944" s="10"/>
    </row>
    <row r="822945" spans="14:14">
      <c r="N822945" s="10"/>
    </row>
    <row r="822946" spans="14:14">
      <c r="N822946" s="10"/>
    </row>
    <row r="822947" spans="14:14">
      <c r="N822947" s="10"/>
    </row>
    <row r="822948" spans="14:14">
      <c r="N822948" s="10"/>
    </row>
    <row r="822949" spans="14:14">
      <c r="N822949" s="10"/>
    </row>
    <row r="822950" spans="14:14">
      <c r="N822950" s="10"/>
    </row>
    <row r="822951" spans="14:14">
      <c r="N822951" s="10"/>
    </row>
    <row r="822952" spans="14:14">
      <c r="N822952" s="10"/>
    </row>
    <row r="822953" spans="14:14">
      <c r="N822953" s="10"/>
    </row>
    <row r="822954" spans="14:14">
      <c r="N822954" s="10"/>
    </row>
    <row r="822955" spans="14:14">
      <c r="N822955" s="10"/>
    </row>
    <row r="822956" spans="14:14">
      <c r="N822956" s="10"/>
    </row>
    <row r="822957" spans="14:14">
      <c r="N822957" s="10"/>
    </row>
    <row r="822958" spans="14:14">
      <c r="N822958" s="10"/>
    </row>
    <row r="822959" spans="14:14">
      <c r="N822959" s="10"/>
    </row>
    <row r="822960" spans="14:14">
      <c r="N822960" s="10"/>
    </row>
    <row r="822961" spans="14:14">
      <c r="N822961" s="10"/>
    </row>
    <row r="822962" spans="14:14">
      <c r="N822962" s="10"/>
    </row>
    <row r="822963" spans="14:14">
      <c r="N822963" s="10"/>
    </row>
    <row r="822964" spans="14:14">
      <c r="N822964" s="10"/>
    </row>
    <row r="822965" spans="14:14">
      <c r="N822965" s="10"/>
    </row>
    <row r="822966" spans="14:14">
      <c r="N822966" s="10"/>
    </row>
    <row r="822967" spans="14:14">
      <c r="N822967" s="10"/>
    </row>
    <row r="822968" spans="14:14">
      <c r="N822968" s="10"/>
    </row>
    <row r="822969" spans="14:14">
      <c r="N822969" s="10"/>
    </row>
    <row r="822970" spans="14:14">
      <c r="N822970" s="10"/>
    </row>
    <row r="822971" spans="14:14">
      <c r="N822971" s="10"/>
    </row>
    <row r="822972" spans="14:14">
      <c r="N822972" s="10"/>
    </row>
    <row r="822973" spans="14:14">
      <c r="N822973" s="10"/>
    </row>
    <row r="822974" spans="14:14">
      <c r="N822974" s="10"/>
    </row>
    <row r="822975" spans="14:14">
      <c r="N822975" s="10"/>
    </row>
    <row r="822976" spans="14:14">
      <c r="N822976" s="10"/>
    </row>
    <row r="822977" spans="14:14">
      <c r="N822977" s="10"/>
    </row>
    <row r="822978" spans="14:14">
      <c r="N822978" s="10"/>
    </row>
    <row r="822979" spans="14:14">
      <c r="N822979" s="10"/>
    </row>
    <row r="822980" spans="14:14">
      <c r="N822980" s="10"/>
    </row>
    <row r="822981" spans="14:14">
      <c r="N822981" s="10"/>
    </row>
    <row r="822982" spans="14:14">
      <c r="N822982" s="10"/>
    </row>
    <row r="822983" spans="14:14">
      <c r="N822983" s="10"/>
    </row>
    <row r="822984" spans="14:14">
      <c r="N822984" s="10"/>
    </row>
    <row r="822985" spans="14:14">
      <c r="N822985" s="10"/>
    </row>
    <row r="822986" spans="14:14">
      <c r="N822986" s="10"/>
    </row>
    <row r="822987" spans="14:14">
      <c r="N822987" s="10"/>
    </row>
    <row r="822988" spans="14:14">
      <c r="N822988" s="10"/>
    </row>
    <row r="822989" spans="14:14">
      <c r="N822989" s="10"/>
    </row>
    <row r="822990" spans="14:14">
      <c r="N822990" s="10"/>
    </row>
    <row r="822991" spans="14:14">
      <c r="N822991" s="10"/>
    </row>
    <row r="822992" spans="14:14">
      <c r="N822992" s="10"/>
    </row>
    <row r="822993" spans="14:14">
      <c r="N822993" s="10"/>
    </row>
    <row r="822994" spans="14:14">
      <c r="N822994" s="10"/>
    </row>
    <row r="822995" spans="14:14">
      <c r="N822995" s="10"/>
    </row>
    <row r="822996" spans="14:14">
      <c r="N822996" s="10"/>
    </row>
    <row r="822997" spans="14:14">
      <c r="N822997" s="10"/>
    </row>
    <row r="822998" spans="14:14">
      <c r="N822998" s="10"/>
    </row>
    <row r="822999" spans="14:14">
      <c r="N822999" s="10"/>
    </row>
    <row r="823000" spans="14:14">
      <c r="N823000" s="10"/>
    </row>
    <row r="823001" spans="14:14">
      <c r="N823001" s="10"/>
    </row>
    <row r="823002" spans="14:14">
      <c r="N823002" s="10"/>
    </row>
    <row r="823003" spans="14:14">
      <c r="N823003" s="10"/>
    </row>
    <row r="823004" spans="14:14">
      <c r="N823004" s="10"/>
    </row>
    <row r="823005" spans="14:14">
      <c r="N823005" s="10"/>
    </row>
    <row r="823006" spans="14:14">
      <c r="N823006" s="10"/>
    </row>
    <row r="823007" spans="14:14">
      <c r="N823007" s="10"/>
    </row>
    <row r="823008" spans="14:14">
      <c r="N823008" s="10"/>
    </row>
    <row r="823009" spans="14:14">
      <c r="N823009" s="10"/>
    </row>
    <row r="823010" spans="14:14">
      <c r="N823010" s="10"/>
    </row>
    <row r="823011" spans="14:14">
      <c r="N823011" s="10"/>
    </row>
    <row r="823012" spans="14:14">
      <c r="N823012" s="10"/>
    </row>
    <row r="823013" spans="14:14">
      <c r="N823013" s="10"/>
    </row>
    <row r="823014" spans="14:14">
      <c r="N823014" s="10"/>
    </row>
    <row r="823015" spans="14:14">
      <c r="N823015" s="10"/>
    </row>
    <row r="823016" spans="14:14">
      <c r="N823016" s="10"/>
    </row>
    <row r="823017" spans="14:14">
      <c r="N823017" s="10"/>
    </row>
    <row r="823018" spans="14:14">
      <c r="N823018" s="10"/>
    </row>
    <row r="823019" spans="14:14">
      <c r="N823019" s="10"/>
    </row>
    <row r="823020" spans="14:14">
      <c r="N823020" s="10"/>
    </row>
    <row r="823021" spans="14:14">
      <c r="N823021" s="10"/>
    </row>
    <row r="823022" spans="14:14">
      <c r="N823022" s="10"/>
    </row>
    <row r="823023" spans="14:14">
      <c r="N823023" s="10"/>
    </row>
    <row r="823024" spans="14:14">
      <c r="N823024" s="10"/>
    </row>
    <row r="823025" spans="14:14">
      <c r="N823025" s="10"/>
    </row>
    <row r="823026" spans="14:14">
      <c r="N823026" s="10"/>
    </row>
    <row r="823027" spans="14:14">
      <c r="N823027" s="10"/>
    </row>
    <row r="823028" spans="14:14">
      <c r="N823028" s="10"/>
    </row>
    <row r="823029" spans="14:14">
      <c r="N823029" s="10"/>
    </row>
    <row r="823030" spans="14:14">
      <c r="N823030" s="10"/>
    </row>
    <row r="823031" spans="14:14">
      <c r="N823031" s="10"/>
    </row>
    <row r="823032" spans="14:14">
      <c r="N823032" s="10"/>
    </row>
    <row r="823033" spans="14:14">
      <c r="N823033" s="10"/>
    </row>
    <row r="823034" spans="14:14">
      <c r="N823034" s="10"/>
    </row>
    <row r="823035" spans="14:14">
      <c r="N823035" s="10"/>
    </row>
    <row r="823036" spans="14:14">
      <c r="N823036" s="10"/>
    </row>
    <row r="823037" spans="14:14">
      <c r="N823037" s="10"/>
    </row>
    <row r="823038" spans="14:14">
      <c r="N823038" s="10"/>
    </row>
    <row r="823039" spans="14:14">
      <c r="N823039" s="10"/>
    </row>
    <row r="823040" spans="14:14">
      <c r="N823040" s="10"/>
    </row>
    <row r="823041" spans="14:14">
      <c r="N823041" s="10"/>
    </row>
    <row r="823042" spans="14:14">
      <c r="N823042" s="10"/>
    </row>
    <row r="823043" spans="14:14">
      <c r="N823043" s="10"/>
    </row>
    <row r="823044" spans="14:14">
      <c r="N823044" s="10"/>
    </row>
    <row r="823045" spans="14:14">
      <c r="N823045" s="10"/>
    </row>
    <row r="823046" spans="14:14">
      <c r="N823046" s="10"/>
    </row>
    <row r="823047" spans="14:14">
      <c r="N823047" s="10"/>
    </row>
    <row r="823048" spans="14:14">
      <c r="N823048" s="10"/>
    </row>
    <row r="823049" spans="14:14">
      <c r="N823049" s="10"/>
    </row>
    <row r="823050" spans="14:14">
      <c r="N823050" s="10"/>
    </row>
    <row r="823051" spans="14:14">
      <c r="N823051" s="10"/>
    </row>
    <row r="823052" spans="14:14">
      <c r="N823052" s="10"/>
    </row>
    <row r="823053" spans="14:14">
      <c r="N823053" s="10"/>
    </row>
    <row r="823054" spans="14:14">
      <c r="N823054" s="10"/>
    </row>
    <row r="823055" spans="14:14">
      <c r="N823055" s="10"/>
    </row>
    <row r="823056" spans="14:14">
      <c r="N823056" s="10"/>
    </row>
    <row r="823057" spans="14:14">
      <c r="N823057" s="10"/>
    </row>
    <row r="823058" spans="14:14">
      <c r="N823058" s="10"/>
    </row>
    <row r="823059" spans="14:14">
      <c r="N823059" s="10"/>
    </row>
    <row r="823060" spans="14:14">
      <c r="N823060" s="10"/>
    </row>
    <row r="823061" spans="14:14">
      <c r="N823061" s="10"/>
    </row>
    <row r="823062" spans="14:14">
      <c r="N823062" s="10"/>
    </row>
    <row r="823063" spans="14:14">
      <c r="N823063" s="10"/>
    </row>
    <row r="823064" spans="14:14">
      <c r="N823064" s="10"/>
    </row>
    <row r="823065" spans="14:14">
      <c r="N823065" s="10"/>
    </row>
    <row r="823066" spans="14:14">
      <c r="N823066" s="10"/>
    </row>
    <row r="823067" spans="14:14">
      <c r="N823067" s="10"/>
    </row>
    <row r="823068" spans="14:14">
      <c r="N823068" s="10"/>
    </row>
    <row r="823069" spans="14:14">
      <c r="N823069" s="10"/>
    </row>
    <row r="823070" spans="14:14">
      <c r="N823070" s="10"/>
    </row>
    <row r="823071" spans="14:14">
      <c r="N823071" s="10"/>
    </row>
    <row r="823072" spans="14:14">
      <c r="N823072" s="10"/>
    </row>
    <row r="823073" spans="14:14">
      <c r="N823073" s="10"/>
    </row>
    <row r="823074" spans="14:14">
      <c r="N823074" s="10"/>
    </row>
    <row r="823075" spans="14:14">
      <c r="N823075" s="10"/>
    </row>
    <row r="823076" spans="14:14">
      <c r="N823076" s="10"/>
    </row>
    <row r="823077" spans="14:14">
      <c r="N823077" s="10"/>
    </row>
    <row r="823078" spans="14:14">
      <c r="N823078" s="10"/>
    </row>
    <row r="823079" spans="14:14">
      <c r="N823079" s="10"/>
    </row>
    <row r="823080" spans="14:14">
      <c r="N823080" s="10"/>
    </row>
    <row r="823081" spans="14:14">
      <c r="N823081" s="10"/>
    </row>
    <row r="823082" spans="14:14">
      <c r="N823082" s="10"/>
    </row>
    <row r="823083" spans="14:14">
      <c r="N823083" s="10"/>
    </row>
    <row r="823084" spans="14:14">
      <c r="N823084" s="10"/>
    </row>
    <row r="823085" spans="14:14">
      <c r="N823085" s="10"/>
    </row>
    <row r="823086" spans="14:14">
      <c r="N823086" s="10"/>
    </row>
    <row r="823087" spans="14:14">
      <c r="N823087" s="10"/>
    </row>
    <row r="823088" spans="14:14">
      <c r="N823088" s="10"/>
    </row>
    <row r="823089" spans="14:14">
      <c r="N823089" s="10"/>
    </row>
    <row r="823090" spans="14:14">
      <c r="N823090" s="10"/>
    </row>
    <row r="823091" spans="14:14">
      <c r="N823091" s="10"/>
    </row>
    <row r="823092" spans="14:14">
      <c r="N823092" s="10"/>
    </row>
    <row r="823093" spans="14:14">
      <c r="N823093" s="10"/>
    </row>
    <row r="823094" spans="14:14">
      <c r="N823094" s="10"/>
    </row>
    <row r="823095" spans="14:14">
      <c r="N823095" s="10"/>
    </row>
    <row r="823096" spans="14:14">
      <c r="N823096" s="10"/>
    </row>
    <row r="823097" spans="14:14">
      <c r="N823097" s="10"/>
    </row>
    <row r="823098" spans="14:14">
      <c r="N823098" s="10"/>
    </row>
    <row r="823099" spans="14:14">
      <c r="N823099" s="10"/>
    </row>
    <row r="823100" spans="14:14">
      <c r="N823100" s="10"/>
    </row>
    <row r="823101" spans="14:14">
      <c r="N823101" s="10"/>
    </row>
    <row r="823102" spans="14:14">
      <c r="N823102" s="10"/>
    </row>
    <row r="823103" spans="14:14">
      <c r="N823103" s="10"/>
    </row>
    <row r="823104" spans="14:14">
      <c r="N823104" s="10"/>
    </row>
    <row r="823105" spans="14:14">
      <c r="N823105" s="10"/>
    </row>
    <row r="823106" spans="14:14">
      <c r="N823106" s="10"/>
    </row>
    <row r="823107" spans="14:14">
      <c r="N823107" s="10"/>
    </row>
    <row r="823108" spans="14:14">
      <c r="N823108" s="10"/>
    </row>
    <row r="823109" spans="14:14">
      <c r="N823109" s="10"/>
    </row>
    <row r="823110" spans="14:14">
      <c r="N823110" s="10"/>
    </row>
    <row r="823111" spans="14:14">
      <c r="N823111" s="10"/>
    </row>
    <row r="823112" spans="14:14">
      <c r="N823112" s="10"/>
    </row>
    <row r="823113" spans="14:14">
      <c r="N823113" s="10"/>
    </row>
    <row r="823114" spans="14:14">
      <c r="N823114" s="10"/>
    </row>
    <row r="823115" spans="14:14">
      <c r="N823115" s="10"/>
    </row>
    <row r="823116" spans="14:14">
      <c r="N823116" s="10"/>
    </row>
    <row r="823117" spans="14:14">
      <c r="N823117" s="10"/>
    </row>
    <row r="823118" spans="14:14">
      <c r="N823118" s="10"/>
    </row>
    <row r="823119" spans="14:14">
      <c r="N823119" s="10"/>
    </row>
    <row r="823120" spans="14:14">
      <c r="N823120" s="10"/>
    </row>
    <row r="823121" spans="14:14">
      <c r="N823121" s="10"/>
    </row>
    <row r="823122" spans="14:14">
      <c r="N823122" s="10"/>
    </row>
    <row r="823123" spans="14:14">
      <c r="N823123" s="10"/>
    </row>
    <row r="823124" spans="14:14">
      <c r="N823124" s="10"/>
    </row>
    <row r="823125" spans="14:14">
      <c r="N823125" s="10"/>
    </row>
    <row r="823126" spans="14:14">
      <c r="N823126" s="10"/>
    </row>
    <row r="823127" spans="14:14">
      <c r="N823127" s="10"/>
    </row>
    <row r="823128" spans="14:14">
      <c r="N823128" s="10"/>
    </row>
    <row r="823129" spans="14:14">
      <c r="N823129" s="10"/>
    </row>
    <row r="823130" spans="14:14">
      <c r="N823130" s="10"/>
    </row>
    <row r="823131" spans="14:14">
      <c r="N823131" s="10"/>
    </row>
    <row r="823132" spans="14:14">
      <c r="N823132" s="10"/>
    </row>
    <row r="823133" spans="14:14">
      <c r="N823133" s="10"/>
    </row>
    <row r="823134" spans="14:14">
      <c r="N823134" s="10"/>
    </row>
    <row r="823135" spans="14:14">
      <c r="N823135" s="10"/>
    </row>
    <row r="823136" spans="14:14">
      <c r="N823136" s="10"/>
    </row>
    <row r="823137" spans="14:14">
      <c r="N823137" s="10"/>
    </row>
    <row r="823138" spans="14:14">
      <c r="N823138" s="10"/>
    </row>
    <row r="823139" spans="14:14">
      <c r="N823139" s="10"/>
    </row>
    <row r="823140" spans="14:14">
      <c r="N823140" s="10"/>
    </row>
    <row r="823141" spans="14:14">
      <c r="N823141" s="10"/>
    </row>
    <row r="823142" spans="14:14">
      <c r="N823142" s="10"/>
    </row>
    <row r="823143" spans="14:14">
      <c r="N823143" s="10"/>
    </row>
    <row r="823144" spans="14:14">
      <c r="N823144" s="10"/>
    </row>
    <row r="823145" spans="14:14">
      <c r="N823145" s="10"/>
    </row>
    <row r="823146" spans="14:14">
      <c r="N823146" s="10"/>
    </row>
    <row r="823147" spans="14:14">
      <c r="N823147" s="10"/>
    </row>
    <row r="823148" spans="14:14">
      <c r="N823148" s="10"/>
    </row>
    <row r="823149" spans="14:14">
      <c r="N823149" s="10"/>
    </row>
    <row r="823150" spans="14:14">
      <c r="N823150" s="10"/>
    </row>
    <row r="823151" spans="14:14">
      <c r="N823151" s="10"/>
    </row>
    <row r="823152" spans="14:14">
      <c r="N823152" s="10"/>
    </row>
    <row r="823153" spans="14:14">
      <c r="N823153" s="10"/>
    </row>
    <row r="823154" spans="14:14">
      <c r="N823154" s="10"/>
    </row>
    <row r="823155" spans="14:14">
      <c r="N823155" s="10"/>
    </row>
    <row r="823156" spans="14:14">
      <c r="N823156" s="10"/>
    </row>
    <row r="823157" spans="14:14">
      <c r="N823157" s="10"/>
    </row>
    <row r="823158" spans="14:14">
      <c r="N823158" s="10"/>
    </row>
    <row r="823159" spans="14:14">
      <c r="N823159" s="10"/>
    </row>
    <row r="823160" spans="14:14">
      <c r="N823160" s="10"/>
    </row>
    <row r="823161" spans="14:14">
      <c r="N823161" s="10"/>
    </row>
    <row r="823162" spans="14:14">
      <c r="N823162" s="10"/>
    </row>
    <row r="823163" spans="14:14">
      <c r="N823163" s="10"/>
    </row>
    <row r="823164" spans="14:14">
      <c r="N823164" s="10"/>
    </row>
    <row r="823165" spans="14:14">
      <c r="N823165" s="10"/>
    </row>
    <row r="823166" spans="14:14">
      <c r="N823166" s="10"/>
    </row>
    <row r="823167" spans="14:14">
      <c r="N823167" s="10"/>
    </row>
    <row r="823168" spans="14:14">
      <c r="N823168" s="10"/>
    </row>
    <row r="823169" spans="14:14">
      <c r="N823169" s="10"/>
    </row>
    <row r="823170" spans="14:14">
      <c r="N823170" s="10"/>
    </row>
    <row r="823171" spans="14:14">
      <c r="N823171" s="10"/>
    </row>
    <row r="823172" spans="14:14">
      <c r="N823172" s="10"/>
    </row>
    <row r="823173" spans="14:14">
      <c r="N823173" s="10"/>
    </row>
    <row r="823174" spans="14:14">
      <c r="N823174" s="10"/>
    </row>
    <row r="823175" spans="14:14">
      <c r="N823175" s="10"/>
    </row>
    <row r="823176" spans="14:14">
      <c r="N823176" s="10"/>
    </row>
    <row r="823177" spans="14:14">
      <c r="N823177" s="10"/>
    </row>
    <row r="823178" spans="14:14">
      <c r="N823178" s="10"/>
    </row>
    <row r="823179" spans="14:14">
      <c r="N823179" s="10"/>
    </row>
    <row r="823180" spans="14:14">
      <c r="N823180" s="10"/>
    </row>
    <row r="823181" spans="14:14">
      <c r="N823181" s="10"/>
    </row>
    <row r="823182" spans="14:14">
      <c r="N823182" s="10"/>
    </row>
    <row r="823183" spans="14:14">
      <c r="N823183" s="10"/>
    </row>
    <row r="823184" spans="14:14">
      <c r="N823184" s="10"/>
    </row>
    <row r="823185" spans="14:14">
      <c r="N823185" s="10"/>
    </row>
    <row r="823186" spans="14:14">
      <c r="N823186" s="10"/>
    </row>
    <row r="823187" spans="14:14">
      <c r="N823187" s="10"/>
    </row>
    <row r="823188" spans="14:14">
      <c r="N823188" s="10"/>
    </row>
    <row r="823189" spans="14:14">
      <c r="N823189" s="10"/>
    </row>
    <row r="823190" spans="14:14">
      <c r="N823190" s="10"/>
    </row>
    <row r="823191" spans="14:14">
      <c r="N823191" s="10"/>
    </row>
    <row r="823192" spans="14:14">
      <c r="N823192" s="10"/>
    </row>
    <row r="823193" spans="14:14">
      <c r="N823193" s="10"/>
    </row>
    <row r="823194" spans="14:14">
      <c r="N823194" s="10"/>
    </row>
    <row r="823195" spans="14:14">
      <c r="N823195" s="10"/>
    </row>
    <row r="823196" spans="14:14">
      <c r="N823196" s="10"/>
    </row>
    <row r="823197" spans="14:14">
      <c r="N823197" s="10"/>
    </row>
    <row r="823198" spans="14:14">
      <c r="N823198" s="10"/>
    </row>
    <row r="823199" spans="14:14">
      <c r="N823199" s="10"/>
    </row>
    <row r="823200" spans="14:14">
      <c r="N823200" s="10"/>
    </row>
    <row r="823201" spans="14:14">
      <c r="N823201" s="10"/>
    </row>
    <row r="823202" spans="14:14">
      <c r="N823202" s="10"/>
    </row>
    <row r="823203" spans="14:14">
      <c r="N823203" s="10"/>
    </row>
    <row r="823204" spans="14:14">
      <c r="N823204" s="10"/>
    </row>
    <row r="823205" spans="14:14">
      <c r="N823205" s="10"/>
    </row>
    <row r="823206" spans="14:14">
      <c r="N823206" s="10"/>
    </row>
    <row r="823207" spans="14:14">
      <c r="N823207" s="10"/>
    </row>
    <row r="823208" spans="14:14">
      <c r="N823208" s="10"/>
    </row>
    <row r="823209" spans="14:14">
      <c r="N823209" s="10"/>
    </row>
    <row r="823210" spans="14:14">
      <c r="N823210" s="10"/>
    </row>
    <row r="823211" spans="14:14">
      <c r="N823211" s="10"/>
    </row>
    <row r="823212" spans="14:14">
      <c r="N823212" s="10"/>
    </row>
    <row r="823213" spans="14:14">
      <c r="N823213" s="10"/>
    </row>
    <row r="823214" spans="14:14">
      <c r="N823214" s="10"/>
    </row>
    <row r="823215" spans="14:14">
      <c r="N823215" s="10"/>
    </row>
    <row r="823216" spans="14:14">
      <c r="N823216" s="10"/>
    </row>
    <row r="823217" spans="14:14">
      <c r="N823217" s="10"/>
    </row>
    <row r="823218" spans="14:14">
      <c r="N823218" s="10"/>
    </row>
    <row r="823219" spans="14:14">
      <c r="N823219" s="10"/>
    </row>
    <row r="823220" spans="14:14">
      <c r="N823220" s="10"/>
    </row>
    <row r="823221" spans="14:14">
      <c r="N823221" s="10"/>
    </row>
    <row r="823222" spans="14:14">
      <c r="N823222" s="10"/>
    </row>
    <row r="823223" spans="14:14">
      <c r="N823223" s="10"/>
    </row>
    <row r="823224" spans="14:14">
      <c r="N823224" s="10"/>
    </row>
    <row r="823225" spans="14:14">
      <c r="N823225" s="10"/>
    </row>
    <row r="823226" spans="14:14">
      <c r="N823226" s="10"/>
    </row>
    <row r="823227" spans="14:14">
      <c r="N823227" s="10"/>
    </row>
    <row r="823228" spans="14:14">
      <c r="N823228" s="10"/>
    </row>
    <row r="823229" spans="14:14">
      <c r="N823229" s="10"/>
    </row>
    <row r="823230" spans="14:14">
      <c r="N823230" s="10"/>
    </row>
    <row r="823231" spans="14:14">
      <c r="N823231" s="10"/>
    </row>
    <row r="823232" spans="14:14">
      <c r="N823232" s="10"/>
    </row>
    <row r="823233" spans="14:14">
      <c r="N823233" s="10"/>
    </row>
    <row r="823234" spans="14:14">
      <c r="N823234" s="10"/>
    </row>
    <row r="823235" spans="14:14">
      <c r="N823235" s="10"/>
    </row>
    <row r="823236" spans="14:14">
      <c r="N823236" s="10"/>
    </row>
    <row r="823237" spans="14:14">
      <c r="N823237" s="10"/>
    </row>
    <row r="823238" spans="14:14">
      <c r="N823238" s="10"/>
    </row>
    <row r="823239" spans="14:14">
      <c r="N823239" s="10"/>
    </row>
    <row r="823240" spans="14:14">
      <c r="N823240" s="10"/>
    </row>
    <row r="823241" spans="14:14">
      <c r="N823241" s="10"/>
    </row>
    <row r="823242" spans="14:14">
      <c r="N823242" s="10"/>
    </row>
    <row r="823243" spans="14:14">
      <c r="N823243" s="10"/>
    </row>
    <row r="823244" spans="14:14">
      <c r="N823244" s="10"/>
    </row>
    <row r="823245" spans="14:14">
      <c r="N823245" s="10"/>
    </row>
    <row r="823246" spans="14:14">
      <c r="N823246" s="10"/>
    </row>
    <row r="823247" spans="14:14">
      <c r="N823247" s="10"/>
    </row>
    <row r="823248" spans="14:14">
      <c r="N823248" s="10"/>
    </row>
    <row r="823249" spans="14:14">
      <c r="N823249" s="10"/>
    </row>
    <row r="823250" spans="14:14">
      <c r="N823250" s="10"/>
    </row>
    <row r="823251" spans="14:14">
      <c r="N823251" s="10"/>
    </row>
    <row r="823252" spans="14:14">
      <c r="N823252" s="10"/>
    </row>
    <row r="823253" spans="14:14">
      <c r="N823253" s="10"/>
    </row>
    <row r="823254" spans="14:14">
      <c r="N823254" s="10"/>
    </row>
    <row r="823255" spans="14:14">
      <c r="N823255" s="10"/>
    </row>
    <row r="823256" spans="14:14">
      <c r="N823256" s="10"/>
    </row>
    <row r="823257" spans="14:14">
      <c r="N823257" s="10"/>
    </row>
    <row r="823258" spans="14:14">
      <c r="N823258" s="10"/>
    </row>
    <row r="823259" spans="14:14">
      <c r="N823259" s="10"/>
    </row>
    <row r="823260" spans="14:14">
      <c r="N823260" s="10"/>
    </row>
    <row r="823261" spans="14:14">
      <c r="N823261" s="10"/>
    </row>
    <row r="823262" spans="14:14">
      <c r="N823262" s="10"/>
    </row>
    <row r="823263" spans="14:14">
      <c r="N823263" s="10"/>
    </row>
    <row r="823264" spans="14:14">
      <c r="N823264" s="10"/>
    </row>
    <row r="823265" spans="14:14">
      <c r="N823265" s="10"/>
    </row>
    <row r="823266" spans="14:14">
      <c r="N823266" s="10"/>
    </row>
    <row r="823267" spans="14:14">
      <c r="N823267" s="10"/>
    </row>
    <row r="823268" spans="14:14">
      <c r="N823268" s="10"/>
    </row>
    <row r="823269" spans="14:14">
      <c r="N823269" s="10"/>
    </row>
    <row r="823270" spans="14:14">
      <c r="N823270" s="10"/>
    </row>
    <row r="823271" spans="14:14">
      <c r="N823271" s="10"/>
    </row>
    <row r="823272" spans="14:14">
      <c r="N823272" s="10"/>
    </row>
    <row r="823273" spans="14:14">
      <c r="N823273" s="10"/>
    </row>
    <row r="823274" spans="14:14">
      <c r="N823274" s="10"/>
    </row>
    <row r="823275" spans="14:14">
      <c r="N823275" s="10"/>
    </row>
    <row r="823276" spans="14:14">
      <c r="N823276" s="10"/>
    </row>
    <row r="823277" spans="14:14">
      <c r="N823277" s="10"/>
    </row>
    <row r="823278" spans="14:14">
      <c r="N823278" s="10"/>
    </row>
    <row r="823279" spans="14:14">
      <c r="N823279" s="10"/>
    </row>
    <row r="823280" spans="14:14">
      <c r="N823280" s="10"/>
    </row>
    <row r="823281" spans="14:14">
      <c r="N823281" s="10"/>
    </row>
    <row r="823282" spans="14:14">
      <c r="N823282" s="10"/>
    </row>
    <row r="823283" spans="14:14">
      <c r="N823283" s="10"/>
    </row>
    <row r="823284" spans="14:14">
      <c r="N823284" s="10"/>
    </row>
    <row r="823285" spans="14:14">
      <c r="N823285" s="10"/>
    </row>
    <row r="823286" spans="14:14">
      <c r="N823286" s="10"/>
    </row>
    <row r="823287" spans="14:14">
      <c r="N823287" s="10"/>
    </row>
    <row r="823288" spans="14:14">
      <c r="N823288" s="10"/>
    </row>
    <row r="823289" spans="14:14">
      <c r="N823289" s="10"/>
    </row>
    <row r="823290" spans="14:14">
      <c r="N823290" s="10"/>
    </row>
    <row r="823291" spans="14:14">
      <c r="N823291" s="10"/>
    </row>
    <row r="823292" spans="14:14">
      <c r="N823292" s="10"/>
    </row>
    <row r="823293" spans="14:14">
      <c r="N823293" s="10"/>
    </row>
    <row r="823294" spans="14:14">
      <c r="N823294" s="10"/>
    </row>
    <row r="823295" spans="14:14">
      <c r="N823295" s="10"/>
    </row>
    <row r="823296" spans="14:14">
      <c r="N823296" s="10"/>
    </row>
    <row r="823297" spans="14:14">
      <c r="N823297" s="10"/>
    </row>
    <row r="823298" spans="14:14">
      <c r="N823298" s="10"/>
    </row>
    <row r="823299" spans="14:14">
      <c r="N823299" s="10"/>
    </row>
    <row r="823300" spans="14:14">
      <c r="N823300" s="10"/>
    </row>
    <row r="823301" spans="14:14">
      <c r="N823301" s="10"/>
    </row>
    <row r="823302" spans="14:14">
      <c r="N823302" s="10"/>
    </row>
    <row r="823303" spans="14:14">
      <c r="N823303" s="10"/>
    </row>
    <row r="823304" spans="14:14">
      <c r="N823304" s="10"/>
    </row>
    <row r="823305" spans="14:14">
      <c r="N823305" s="10"/>
    </row>
    <row r="823306" spans="14:14">
      <c r="N823306" s="10"/>
    </row>
    <row r="823307" spans="14:14">
      <c r="N823307" s="10"/>
    </row>
    <row r="823308" spans="14:14">
      <c r="N823308" s="10"/>
    </row>
    <row r="823309" spans="14:14">
      <c r="N823309" s="10"/>
    </row>
    <row r="823310" spans="14:14">
      <c r="N823310" s="10"/>
    </row>
    <row r="823311" spans="14:14">
      <c r="N823311" s="10"/>
    </row>
    <row r="823312" spans="14:14">
      <c r="N823312" s="10"/>
    </row>
    <row r="823313" spans="14:14">
      <c r="N823313" s="10"/>
    </row>
    <row r="823314" spans="14:14">
      <c r="N823314" s="10"/>
    </row>
    <row r="823315" spans="14:14">
      <c r="N823315" s="10"/>
    </row>
    <row r="823316" spans="14:14">
      <c r="N823316" s="10"/>
    </row>
    <row r="823317" spans="14:14">
      <c r="N823317" s="10"/>
    </row>
    <row r="823318" spans="14:14">
      <c r="N823318" s="10"/>
    </row>
    <row r="823319" spans="14:14">
      <c r="N823319" s="10"/>
    </row>
    <row r="823320" spans="14:14">
      <c r="N823320" s="10"/>
    </row>
    <row r="823321" spans="14:14">
      <c r="N823321" s="10"/>
    </row>
    <row r="823322" spans="14:14">
      <c r="N823322" s="10"/>
    </row>
    <row r="823323" spans="14:14">
      <c r="N823323" s="10"/>
    </row>
    <row r="823324" spans="14:14">
      <c r="N823324" s="10"/>
    </row>
    <row r="823325" spans="14:14">
      <c r="N823325" s="10"/>
    </row>
    <row r="823326" spans="14:14">
      <c r="N823326" s="10"/>
    </row>
    <row r="823327" spans="14:14">
      <c r="N823327" s="10"/>
    </row>
    <row r="823328" spans="14:14">
      <c r="N823328" s="10"/>
    </row>
    <row r="823329" spans="14:14">
      <c r="N823329" s="10"/>
    </row>
    <row r="823330" spans="14:14">
      <c r="N823330" s="10"/>
    </row>
    <row r="823331" spans="14:14">
      <c r="N823331" s="10"/>
    </row>
    <row r="823332" spans="14:14">
      <c r="N823332" s="10"/>
    </row>
    <row r="823333" spans="14:14">
      <c r="N823333" s="10"/>
    </row>
    <row r="823334" spans="14:14">
      <c r="N823334" s="10"/>
    </row>
    <row r="823335" spans="14:14">
      <c r="N823335" s="10"/>
    </row>
    <row r="823336" spans="14:14">
      <c r="N823336" s="10"/>
    </row>
    <row r="823337" spans="14:14">
      <c r="N823337" s="10"/>
    </row>
    <row r="823338" spans="14:14">
      <c r="N823338" s="10"/>
    </row>
    <row r="823339" spans="14:14">
      <c r="N823339" s="10"/>
    </row>
    <row r="823340" spans="14:14">
      <c r="N823340" s="10"/>
    </row>
    <row r="823341" spans="14:14">
      <c r="N823341" s="10"/>
    </row>
    <row r="823342" spans="14:14">
      <c r="N823342" s="10"/>
    </row>
    <row r="823343" spans="14:14">
      <c r="N823343" s="10"/>
    </row>
    <row r="823344" spans="14:14">
      <c r="N823344" s="10"/>
    </row>
    <row r="823345" spans="14:14">
      <c r="N823345" s="10"/>
    </row>
    <row r="823346" spans="14:14">
      <c r="N823346" s="10"/>
    </row>
    <row r="823347" spans="14:14">
      <c r="N823347" s="10"/>
    </row>
    <row r="823348" spans="14:14">
      <c r="N823348" s="10"/>
    </row>
    <row r="823349" spans="14:14">
      <c r="N823349" s="10"/>
    </row>
    <row r="823350" spans="14:14">
      <c r="N823350" s="10"/>
    </row>
    <row r="823351" spans="14:14">
      <c r="N823351" s="10"/>
    </row>
    <row r="823352" spans="14:14">
      <c r="N823352" s="10"/>
    </row>
    <row r="823353" spans="14:14">
      <c r="N823353" s="10"/>
    </row>
    <row r="823354" spans="14:14">
      <c r="N823354" s="10"/>
    </row>
    <row r="823355" spans="14:14">
      <c r="N823355" s="10"/>
    </row>
    <row r="823356" spans="14:14">
      <c r="N823356" s="10"/>
    </row>
    <row r="823357" spans="14:14">
      <c r="N823357" s="10"/>
    </row>
    <row r="823358" spans="14:14">
      <c r="N823358" s="10"/>
    </row>
    <row r="823359" spans="14:14">
      <c r="N823359" s="10"/>
    </row>
    <row r="823360" spans="14:14">
      <c r="N823360" s="10"/>
    </row>
    <row r="823361" spans="14:14">
      <c r="N823361" s="10"/>
    </row>
    <row r="823362" spans="14:14">
      <c r="N823362" s="10"/>
    </row>
    <row r="823363" spans="14:14">
      <c r="N823363" s="10"/>
    </row>
    <row r="823364" spans="14:14">
      <c r="N823364" s="10"/>
    </row>
    <row r="823365" spans="14:14">
      <c r="N823365" s="10"/>
    </row>
    <row r="823366" spans="14:14">
      <c r="N823366" s="10"/>
    </row>
    <row r="823367" spans="14:14">
      <c r="N823367" s="10"/>
    </row>
    <row r="823368" spans="14:14">
      <c r="N823368" s="10"/>
    </row>
    <row r="823369" spans="14:14">
      <c r="N823369" s="10"/>
    </row>
    <row r="823370" spans="14:14">
      <c r="N823370" s="10"/>
    </row>
    <row r="823371" spans="14:14">
      <c r="N823371" s="10"/>
    </row>
    <row r="823372" spans="14:14">
      <c r="N823372" s="10"/>
    </row>
    <row r="823373" spans="14:14">
      <c r="N823373" s="10"/>
    </row>
    <row r="823374" spans="14:14">
      <c r="N823374" s="10"/>
    </row>
    <row r="823375" spans="14:14">
      <c r="N823375" s="10"/>
    </row>
    <row r="823376" spans="14:14">
      <c r="N823376" s="10"/>
    </row>
    <row r="823377" spans="14:14">
      <c r="N823377" s="10"/>
    </row>
    <row r="823378" spans="14:14">
      <c r="N823378" s="10"/>
    </row>
    <row r="823379" spans="14:14">
      <c r="N823379" s="10"/>
    </row>
    <row r="823380" spans="14:14">
      <c r="N823380" s="10"/>
    </row>
    <row r="823381" spans="14:14">
      <c r="N823381" s="10"/>
    </row>
    <row r="823382" spans="14:14">
      <c r="N823382" s="10"/>
    </row>
    <row r="823383" spans="14:14">
      <c r="N823383" s="10"/>
    </row>
    <row r="823384" spans="14:14">
      <c r="N823384" s="10"/>
    </row>
    <row r="823385" spans="14:14">
      <c r="N823385" s="10"/>
    </row>
    <row r="823386" spans="14:14">
      <c r="N823386" s="10"/>
    </row>
    <row r="823387" spans="14:14">
      <c r="N823387" s="10"/>
    </row>
    <row r="823388" spans="14:14">
      <c r="N823388" s="10"/>
    </row>
    <row r="823389" spans="14:14">
      <c r="N823389" s="10"/>
    </row>
    <row r="823390" spans="14:14">
      <c r="N823390" s="10"/>
    </row>
    <row r="823391" spans="14:14">
      <c r="N823391" s="10"/>
    </row>
    <row r="823392" spans="14:14">
      <c r="N823392" s="10"/>
    </row>
    <row r="823393" spans="14:14">
      <c r="N823393" s="10"/>
    </row>
    <row r="823394" spans="14:14">
      <c r="N823394" s="10"/>
    </row>
    <row r="823395" spans="14:14">
      <c r="N823395" s="10"/>
    </row>
    <row r="823396" spans="14:14">
      <c r="N823396" s="10"/>
    </row>
    <row r="823397" spans="14:14">
      <c r="N823397" s="10"/>
    </row>
    <row r="823398" spans="14:14">
      <c r="N823398" s="10"/>
    </row>
    <row r="823399" spans="14:14">
      <c r="N823399" s="10"/>
    </row>
    <row r="823400" spans="14:14">
      <c r="N823400" s="10"/>
    </row>
    <row r="823401" spans="14:14">
      <c r="N823401" s="10"/>
    </row>
    <row r="823402" spans="14:14">
      <c r="N823402" s="10"/>
    </row>
    <row r="823403" spans="14:14">
      <c r="N823403" s="10"/>
    </row>
    <row r="823404" spans="14:14">
      <c r="N823404" s="10"/>
    </row>
    <row r="823405" spans="14:14">
      <c r="N823405" s="10"/>
    </row>
    <row r="823406" spans="14:14">
      <c r="N823406" s="10"/>
    </row>
    <row r="823407" spans="14:14">
      <c r="N823407" s="10"/>
    </row>
    <row r="823408" spans="14:14">
      <c r="N823408" s="10"/>
    </row>
    <row r="823409" spans="14:14">
      <c r="N823409" s="10"/>
    </row>
    <row r="823410" spans="14:14">
      <c r="N823410" s="10"/>
    </row>
    <row r="823411" spans="14:14">
      <c r="N823411" s="10"/>
    </row>
    <row r="823412" spans="14:14">
      <c r="N823412" s="10"/>
    </row>
    <row r="823413" spans="14:14">
      <c r="N823413" s="10"/>
    </row>
    <row r="823414" spans="14:14">
      <c r="N823414" s="10"/>
    </row>
    <row r="823415" spans="14:14">
      <c r="N823415" s="10"/>
    </row>
    <row r="823416" spans="14:14">
      <c r="N823416" s="10"/>
    </row>
    <row r="823417" spans="14:14">
      <c r="N823417" s="10"/>
    </row>
    <row r="823418" spans="14:14">
      <c r="N823418" s="10"/>
    </row>
    <row r="823419" spans="14:14">
      <c r="N823419" s="10"/>
    </row>
    <row r="823420" spans="14:14">
      <c r="N823420" s="10"/>
    </row>
    <row r="823421" spans="14:14">
      <c r="N823421" s="10"/>
    </row>
    <row r="823422" spans="14:14">
      <c r="N823422" s="10"/>
    </row>
    <row r="823423" spans="14:14">
      <c r="N823423" s="10"/>
    </row>
    <row r="823424" spans="14:14">
      <c r="N823424" s="10"/>
    </row>
    <row r="823425" spans="14:14">
      <c r="N823425" s="10"/>
    </row>
    <row r="823426" spans="14:14">
      <c r="N823426" s="10"/>
    </row>
    <row r="823427" spans="14:14">
      <c r="N823427" s="10"/>
    </row>
    <row r="823428" spans="14:14">
      <c r="N823428" s="10"/>
    </row>
    <row r="823429" spans="14:14">
      <c r="N823429" s="10"/>
    </row>
    <row r="823430" spans="14:14">
      <c r="N823430" s="10"/>
    </row>
    <row r="823431" spans="14:14">
      <c r="N823431" s="10"/>
    </row>
    <row r="823432" spans="14:14">
      <c r="N823432" s="10"/>
    </row>
    <row r="823433" spans="14:14">
      <c r="N823433" s="10"/>
    </row>
    <row r="823434" spans="14:14">
      <c r="N823434" s="10"/>
    </row>
    <row r="823435" spans="14:14">
      <c r="N823435" s="10"/>
    </row>
    <row r="823436" spans="14:14">
      <c r="N823436" s="10"/>
    </row>
    <row r="823437" spans="14:14">
      <c r="N823437" s="10"/>
    </row>
    <row r="823438" spans="14:14">
      <c r="N823438" s="10"/>
    </row>
    <row r="823439" spans="14:14">
      <c r="N823439" s="10"/>
    </row>
    <row r="823440" spans="14:14">
      <c r="N823440" s="10"/>
    </row>
    <row r="823441" spans="14:14">
      <c r="N823441" s="10"/>
    </row>
    <row r="823442" spans="14:14">
      <c r="N823442" s="10"/>
    </row>
    <row r="823443" spans="14:14">
      <c r="N823443" s="10"/>
    </row>
    <row r="823444" spans="14:14">
      <c r="N823444" s="10"/>
    </row>
    <row r="823445" spans="14:14">
      <c r="N823445" s="10"/>
    </row>
    <row r="823446" spans="14:14">
      <c r="N823446" s="10"/>
    </row>
    <row r="823447" spans="14:14">
      <c r="N823447" s="10"/>
    </row>
    <row r="823448" spans="14:14">
      <c r="N823448" s="10"/>
    </row>
    <row r="823449" spans="14:14">
      <c r="N823449" s="10"/>
    </row>
    <row r="823450" spans="14:14">
      <c r="N823450" s="10"/>
    </row>
    <row r="823451" spans="14:14">
      <c r="N823451" s="10"/>
    </row>
    <row r="823452" spans="14:14">
      <c r="N823452" s="10"/>
    </row>
    <row r="823453" spans="14:14">
      <c r="N823453" s="10"/>
    </row>
    <row r="823454" spans="14:14">
      <c r="N823454" s="10"/>
    </row>
    <row r="823455" spans="14:14">
      <c r="N823455" s="10"/>
    </row>
    <row r="823456" spans="14:14">
      <c r="N823456" s="10"/>
    </row>
    <row r="823457" spans="14:14">
      <c r="N823457" s="10"/>
    </row>
    <row r="823458" spans="14:14">
      <c r="N823458" s="10"/>
    </row>
    <row r="823459" spans="14:14">
      <c r="N823459" s="10"/>
    </row>
    <row r="823460" spans="14:14">
      <c r="N823460" s="10"/>
    </row>
    <row r="823461" spans="14:14">
      <c r="N823461" s="10"/>
    </row>
    <row r="823462" spans="14:14">
      <c r="N823462" s="10"/>
    </row>
    <row r="823463" spans="14:14">
      <c r="N823463" s="10"/>
    </row>
    <row r="823464" spans="14:14">
      <c r="N823464" s="10"/>
    </row>
    <row r="823465" spans="14:14">
      <c r="N823465" s="10"/>
    </row>
    <row r="823466" spans="14:14">
      <c r="N823466" s="10"/>
    </row>
    <row r="823467" spans="14:14">
      <c r="N823467" s="10"/>
    </row>
    <row r="823468" spans="14:14">
      <c r="N823468" s="10"/>
    </row>
    <row r="823469" spans="14:14">
      <c r="N823469" s="10"/>
    </row>
    <row r="823470" spans="14:14">
      <c r="N823470" s="10"/>
    </row>
    <row r="823471" spans="14:14">
      <c r="N823471" s="10"/>
    </row>
    <row r="823472" spans="14:14">
      <c r="N823472" s="10"/>
    </row>
    <row r="823473" spans="14:14">
      <c r="N823473" s="10"/>
    </row>
    <row r="823474" spans="14:14">
      <c r="N823474" s="10"/>
    </row>
    <row r="823475" spans="14:14">
      <c r="N823475" s="10"/>
    </row>
    <row r="823476" spans="14:14">
      <c r="N823476" s="10"/>
    </row>
    <row r="823477" spans="14:14">
      <c r="N823477" s="10"/>
    </row>
    <row r="823478" spans="14:14">
      <c r="N823478" s="10"/>
    </row>
    <row r="823479" spans="14:14">
      <c r="N823479" s="10"/>
    </row>
    <row r="823480" spans="14:14">
      <c r="N823480" s="10"/>
    </row>
    <row r="823481" spans="14:14">
      <c r="N823481" s="10"/>
    </row>
    <row r="823482" spans="14:14">
      <c r="N823482" s="10"/>
    </row>
    <row r="823483" spans="14:14">
      <c r="N823483" s="10"/>
    </row>
    <row r="823484" spans="14:14">
      <c r="N823484" s="10"/>
    </row>
    <row r="823485" spans="14:14">
      <c r="N823485" s="10"/>
    </row>
    <row r="823486" spans="14:14">
      <c r="N823486" s="10"/>
    </row>
    <row r="823487" spans="14:14">
      <c r="N823487" s="10"/>
    </row>
    <row r="823488" spans="14:14">
      <c r="N823488" s="10"/>
    </row>
    <row r="823489" spans="14:14">
      <c r="N823489" s="10"/>
    </row>
    <row r="823490" spans="14:14">
      <c r="N823490" s="10"/>
    </row>
    <row r="823491" spans="14:14">
      <c r="N823491" s="10"/>
    </row>
    <row r="823492" spans="14:14">
      <c r="N823492" s="10"/>
    </row>
    <row r="823493" spans="14:14">
      <c r="N823493" s="10"/>
    </row>
    <row r="823494" spans="14:14">
      <c r="N823494" s="10"/>
    </row>
    <row r="823495" spans="14:14">
      <c r="N823495" s="10"/>
    </row>
    <row r="823496" spans="14:14">
      <c r="N823496" s="10"/>
    </row>
    <row r="823497" spans="14:14">
      <c r="N823497" s="10"/>
    </row>
    <row r="823498" spans="14:14">
      <c r="N823498" s="10"/>
    </row>
    <row r="823499" spans="14:14">
      <c r="N823499" s="10"/>
    </row>
    <row r="823500" spans="14:14">
      <c r="N823500" s="10"/>
    </row>
    <row r="823501" spans="14:14">
      <c r="N823501" s="10"/>
    </row>
    <row r="823502" spans="14:14">
      <c r="N823502" s="10"/>
    </row>
    <row r="823503" spans="14:14">
      <c r="N823503" s="10"/>
    </row>
    <row r="823504" spans="14:14">
      <c r="N823504" s="10"/>
    </row>
    <row r="823505" spans="14:14">
      <c r="N823505" s="10"/>
    </row>
    <row r="823506" spans="14:14">
      <c r="N823506" s="10"/>
    </row>
    <row r="823507" spans="14:14">
      <c r="N823507" s="10"/>
    </row>
    <row r="823508" spans="14:14">
      <c r="N823508" s="10"/>
    </row>
    <row r="823509" spans="14:14">
      <c r="N823509" s="10"/>
    </row>
    <row r="823510" spans="14:14">
      <c r="N823510" s="10"/>
    </row>
    <row r="823511" spans="14:14">
      <c r="N823511" s="10"/>
    </row>
    <row r="823512" spans="14:14">
      <c r="N823512" s="10"/>
    </row>
    <row r="823513" spans="14:14">
      <c r="N823513" s="10"/>
    </row>
    <row r="823514" spans="14:14">
      <c r="N823514" s="10"/>
    </row>
    <row r="823515" spans="14:14">
      <c r="N823515" s="10"/>
    </row>
    <row r="823516" spans="14:14">
      <c r="N823516" s="10"/>
    </row>
    <row r="823517" spans="14:14">
      <c r="N823517" s="10"/>
    </row>
    <row r="823518" spans="14:14">
      <c r="N823518" s="10"/>
    </row>
    <row r="823519" spans="14:14">
      <c r="N823519" s="10"/>
    </row>
    <row r="823520" spans="14:14">
      <c r="N823520" s="10"/>
    </row>
    <row r="823521" spans="14:14">
      <c r="N823521" s="10"/>
    </row>
    <row r="823522" spans="14:14">
      <c r="N823522" s="10"/>
    </row>
    <row r="823523" spans="14:14">
      <c r="N823523" s="10"/>
    </row>
    <row r="823524" spans="14:14">
      <c r="N823524" s="10"/>
    </row>
    <row r="823525" spans="14:14">
      <c r="N823525" s="10"/>
    </row>
    <row r="823526" spans="14:14">
      <c r="N823526" s="10"/>
    </row>
    <row r="823527" spans="14:14">
      <c r="N823527" s="10"/>
    </row>
    <row r="823528" spans="14:14">
      <c r="N823528" s="10"/>
    </row>
    <row r="823529" spans="14:14">
      <c r="N823529" s="10"/>
    </row>
    <row r="823530" spans="14:14">
      <c r="N823530" s="10"/>
    </row>
    <row r="823531" spans="14:14">
      <c r="N823531" s="10"/>
    </row>
    <row r="823532" spans="14:14">
      <c r="N823532" s="10"/>
    </row>
    <row r="823533" spans="14:14">
      <c r="N823533" s="10"/>
    </row>
    <row r="823534" spans="14:14">
      <c r="N823534" s="10"/>
    </row>
    <row r="823535" spans="14:14">
      <c r="N823535" s="10"/>
    </row>
    <row r="823536" spans="14:14">
      <c r="N823536" s="10"/>
    </row>
    <row r="823537" spans="14:14">
      <c r="N823537" s="10"/>
    </row>
    <row r="823538" spans="14:14">
      <c r="N823538" s="10"/>
    </row>
    <row r="823539" spans="14:14">
      <c r="N823539" s="10"/>
    </row>
    <row r="823540" spans="14:14">
      <c r="N823540" s="10"/>
    </row>
    <row r="823541" spans="14:14">
      <c r="N823541" s="10"/>
    </row>
    <row r="823542" spans="14:14">
      <c r="N823542" s="10"/>
    </row>
    <row r="823543" spans="14:14">
      <c r="N823543" s="10"/>
    </row>
    <row r="823544" spans="14:14">
      <c r="N823544" s="10"/>
    </row>
    <row r="823545" spans="14:14">
      <c r="N823545" s="10"/>
    </row>
    <row r="823546" spans="14:14">
      <c r="N823546" s="10"/>
    </row>
    <row r="823547" spans="14:14">
      <c r="N823547" s="10"/>
    </row>
    <row r="823548" spans="14:14">
      <c r="N823548" s="10"/>
    </row>
    <row r="823549" spans="14:14">
      <c r="N823549" s="10"/>
    </row>
    <row r="823550" spans="14:14">
      <c r="N823550" s="10"/>
    </row>
    <row r="823551" spans="14:14">
      <c r="N823551" s="10"/>
    </row>
    <row r="823552" spans="14:14">
      <c r="N823552" s="10"/>
    </row>
    <row r="823553" spans="14:14">
      <c r="N823553" s="10"/>
    </row>
    <row r="823554" spans="14:14">
      <c r="N823554" s="10"/>
    </row>
    <row r="823555" spans="14:14">
      <c r="N823555" s="10"/>
    </row>
    <row r="823556" spans="14:14">
      <c r="N823556" s="10"/>
    </row>
    <row r="823557" spans="14:14">
      <c r="N823557" s="10"/>
    </row>
    <row r="823558" spans="14:14">
      <c r="N823558" s="10"/>
    </row>
    <row r="823559" spans="14:14">
      <c r="N823559" s="10"/>
    </row>
    <row r="823560" spans="14:14">
      <c r="N823560" s="10"/>
    </row>
    <row r="823561" spans="14:14">
      <c r="N823561" s="10"/>
    </row>
    <row r="823562" spans="14:14">
      <c r="N823562" s="10"/>
    </row>
    <row r="823563" spans="14:14">
      <c r="N823563" s="10"/>
    </row>
    <row r="823564" spans="14:14">
      <c r="N823564" s="10"/>
    </row>
    <row r="823565" spans="14:14">
      <c r="N823565" s="10"/>
    </row>
    <row r="823566" spans="14:14">
      <c r="N823566" s="10"/>
    </row>
    <row r="823567" spans="14:14">
      <c r="N823567" s="10"/>
    </row>
    <row r="823568" spans="14:14">
      <c r="N823568" s="10"/>
    </row>
    <row r="823569" spans="14:14">
      <c r="N823569" s="10"/>
    </row>
    <row r="823570" spans="14:14">
      <c r="N823570" s="10"/>
    </row>
    <row r="823571" spans="14:14">
      <c r="N823571" s="10"/>
    </row>
    <row r="823572" spans="14:14">
      <c r="N823572" s="10"/>
    </row>
    <row r="823573" spans="14:14">
      <c r="N823573" s="10"/>
    </row>
    <row r="823574" spans="14:14">
      <c r="N823574" s="10"/>
    </row>
    <row r="823575" spans="14:14">
      <c r="N823575" s="10"/>
    </row>
    <row r="823576" spans="14:14">
      <c r="N823576" s="10"/>
    </row>
    <row r="823577" spans="14:14">
      <c r="N823577" s="10"/>
    </row>
    <row r="823578" spans="14:14">
      <c r="N823578" s="10"/>
    </row>
    <row r="823579" spans="14:14">
      <c r="N823579" s="10"/>
    </row>
    <row r="823580" spans="14:14">
      <c r="N823580" s="10"/>
    </row>
    <row r="823581" spans="14:14">
      <c r="N823581" s="10"/>
    </row>
    <row r="823582" spans="14:14">
      <c r="N823582" s="10"/>
    </row>
    <row r="823583" spans="14:14">
      <c r="N823583" s="10"/>
    </row>
    <row r="823584" spans="14:14">
      <c r="N823584" s="10"/>
    </row>
    <row r="823585" spans="14:14">
      <c r="N823585" s="10"/>
    </row>
    <row r="823586" spans="14:14">
      <c r="N823586" s="10"/>
    </row>
    <row r="823587" spans="14:14">
      <c r="N823587" s="10"/>
    </row>
    <row r="823588" spans="14:14">
      <c r="N823588" s="10"/>
    </row>
    <row r="823589" spans="14:14">
      <c r="N823589" s="10"/>
    </row>
    <row r="823590" spans="14:14">
      <c r="N823590" s="10"/>
    </row>
    <row r="823591" spans="14:14">
      <c r="N823591" s="10"/>
    </row>
    <row r="823592" spans="14:14">
      <c r="N823592" s="10"/>
    </row>
    <row r="823593" spans="14:14">
      <c r="N823593" s="10"/>
    </row>
    <row r="823594" spans="14:14">
      <c r="N823594" s="10"/>
    </row>
    <row r="823595" spans="14:14">
      <c r="N823595" s="10"/>
    </row>
    <row r="823596" spans="14:14">
      <c r="N823596" s="10"/>
    </row>
    <row r="823597" spans="14:14">
      <c r="N823597" s="10"/>
    </row>
    <row r="823598" spans="14:14">
      <c r="N823598" s="10"/>
    </row>
    <row r="823599" spans="14:14">
      <c r="N823599" s="10"/>
    </row>
    <row r="823600" spans="14:14">
      <c r="N823600" s="10"/>
    </row>
    <row r="823601" spans="14:14">
      <c r="N823601" s="10"/>
    </row>
    <row r="823602" spans="14:14">
      <c r="N823602" s="10"/>
    </row>
    <row r="823603" spans="14:14">
      <c r="N823603" s="10"/>
    </row>
    <row r="823604" spans="14:14">
      <c r="N823604" s="10"/>
    </row>
    <row r="823605" spans="14:14">
      <c r="N823605" s="10"/>
    </row>
    <row r="823606" spans="14:14">
      <c r="N823606" s="10"/>
    </row>
    <row r="823607" spans="14:14">
      <c r="N823607" s="10"/>
    </row>
    <row r="823608" spans="14:14">
      <c r="N823608" s="10"/>
    </row>
    <row r="823609" spans="14:14">
      <c r="N823609" s="10"/>
    </row>
    <row r="823610" spans="14:14">
      <c r="N823610" s="10"/>
    </row>
    <row r="823611" spans="14:14">
      <c r="N823611" s="10"/>
    </row>
    <row r="823612" spans="14:14">
      <c r="N823612" s="10"/>
    </row>
    <row r="823613" spans="14:14">
      <c r="N823613" s="10"/>
    </row>
    <row r="823614" spans="14:14">
      <c r="N823614" s="10"/>
    </row>
    <row r="823615" spans="14:14">
      <c r="N823615" s="10"/>
    </row>
    <row r="823616" spans="14:14">
      <c r="N823616" s="10"/>
    </row>
    <row r="823617" spans="14:14">
      <c r="N823617" s="10"/>
    </row>
    <row r="823618" spans="14:14">
      <c r="N823618" s="10"/>
    </row>
    <row r="823619" spans="14:14">
      <c r="N823619" s="10"/>
    </row>
    <row r="823620" spans="14:14">
      <c r="N823620" s="10"/>
    </row>
    <row r="823621" spans="14:14">
      <c r="N823621" s="10"/>
    </row>
    <row r="823622" spans="14:14">
      <c r="N823622" s="10"/>
    </row>
    <row r="823623" spans="14:14">
      <c r="N823623" s="10"/>
    </row>
    <row r="823624" spans="14:14">
      <c r="N823624" s="10"/>
    </row>
    <row r="823625" spans="14:14">
      <c r="N823625" s="10"/>
    </row>
    <row r="823626" spans="14:14">
      <c r="N823626" s="10"/>
    </row>
    <row r="823627" spans="14:14">
      <c r="N823627" s="10"/>
    </row>
    <row r="823628" spans="14:14">
      <c r="N823628" s="10"/>
    </row>
    <row r="823629" spans="14:14">
      <c r="N823629" s="10"/>
    </row>
    <row r="823630" spans="14:14">
      <c r="N823630" s="10"/>
    </row>
    <row r="823631" spans="14:14">
      <c r="N823631" s="10"/>
    </row>
    <row r="823632" spans="14:14">
      <c r="N823632" s="10"/>
    </row>
    <row r="823633" spans="14:14">
      <c r="N823633" s="10"/>
    </row>
    <row r="823634" spans="14:14">
      <c r="N823634" s="10"/>
    </row>
    <row r="823635" spans="14:14">
      <c r="N823635" s="10"/>
    </row>
    <row r="823636" spans="14:14">
      <c r="N823636" s="10"/>
    </row>
    <row r="823637" spans="14:14">
      <c r="N823637" s="10"/>
    </row>
    <row r="823638" spans="14:14">
      <c r="N823638" s="10"/>
    </row>
    <row r="823639" spans="14:14">
      <c r="N823639" s="10"/>
    </row>
    <row r="823640" spans="14:14">
      <c r="N823640" s="10"/>
    </row>
    <row r="823641" spans="14:14">
      <c r="N823641" s="10"/>
    </row>
    <row r="823642" spans="14:14">
      <c r="N823642" s="10"/>
    </row>
    <row r="823643" spans="14:14">
      <c r="N823643" s="10"/>
    </row>
    <row r="823644" spans="14:14">
      <c r="N823644" s="10"/>
    </row>
    <row r="823645" spans="14:14">
      <c r="N823645" s="10"/>
    </row>
    <row r="823646" spans="14:14">
      <c r="N823646" s="10"/>
    </row>
    <row r="823647" spans="14:14">
      <c r="N823647" s="10"/>
    </row>
    <row r="823648" spans="14:14">
      <c r="N823648" s="10"/>
    </row>
    <row r="823649" spans="14:14">
      <c r="N823649" s="10"/>
    </row>
    <row r="823650" spans="14:14">
      <c r="N823650" s="10"/>
    </row>
    <row r="823651" spans="14:14">
      <c r="N823651" s="10"/>
    </row>
    <row r="823652" spans="14:14">
      <c r="N823652" s="10"/>
    </row>
    <row r="823653" spans="14:14">
      <c r="N823653" s="10"/>
    </row>
    <row r="823654" spans="14:14">
      <c r="N823654" s="10"/>
    </row>
    <row r="823655" spans="14:14">
      <c r="N823655" s="10"/>
    </row>
    <row r="823656" spans="14:14">
      <c r="N823656" s="10"/>
    </row>
    <row r="823657" spans="14:14">
      <c r="N823657" s="10"/>
    </row>
    <row r="823658" spans="14:14">
      <c r="N823658" s="10"/>
    </row>
    <row r="823659" spans="14:14">
      <c r="N823659" s="10"/>
    </row>
    <row r="823660" spans="14:14">
      <c r="N823660" s="10"/>
    </row>
    <row r="823661" spans="14:14">
      <c r="N823661" s="10"/>
    </row>
    <row r="823662" spans="14:14">
      <c r="N823662" s="10"/>
    </row>
    <row r="823663" spans="14:14">
      <c r="N823663" s="10"/>
    </row>
    <row r="823664" spans="14:14">
      <c r="N823664" s="10"/>
    </row>
    <row r="823665" spans="14:14">
      <c r="N823665" s="10"/>
    </row>
    <row r="823666" spans="14:14">
      <c r="N823666" s="10"/>
    </row>
    <row r="823667" spans="14:14">
      <c r="N823667" s="10"/>
    </row>
    <row r="823668" spans="14:14">
      <c r="N823668" s="10"/>
    </row>
    <row r="823669" spans="14:14">
      <c r="N823669" s="10"/>
    </row>
    <row r="823670" spans="14:14">
      <c r="N823670" s="10"/>
    </row>
    <row r="823671" spans="14:14">
      <c r="N823671" s="10"/>
    </row>
    <row r="823672" spans="14:14">
      <c r="N823672" s="10"/>
    </row>
    <row r="823673" spans="14:14">
      <c r="N823673" s="10"/>
    </row>
    <row r="823674" spans="14:14">
      <c r="N823674" s="10"/>
    </row>
    <row r="823675" spans="14:14">
      <c r="N823675" s="10"/>
    </row>
    <row r="823676" spans="14:14">
      <c r="N823676" s="10"/>
    </row>
    <row r="823677" spans="14:14">
      <c r="N823677" s="10"/>
    </row>
    <row r="823678" spans="14:14">
      <c r="N823678" s="10"/>
    </row>
    <row r="823679" spans="14:14">
      <c r="N823679" s="10"/>
    </row>
    <row r="823680" spans="14:14">
      <c r="N823680" s="10"/>
    </row>
    <row r="823681" spans="14:14">
      <c r="N823681" s="10"/>
    </row>
    <row r="823682" spans="14:14">
      <c r="N823682" s="10"/>
    </row>
    <row r="823683" spans="14:14">
      <c r="N823683" s="10"/>
    </row>
    <row r="823684" spans="14:14">
      <c r="N823684" s="10"/>
    </row>
    <row r="823685" spans="14:14">
      <c r="N823685" s="10"/>
    </row>
    <row r="823686" spans="14:14">
      <c r="N823686" s="10"/>
    </row>
    <row r="823687" spans="14:14">
      <c r="N823687" s="10"/>
    </row>
    <row r="823688" spans="14:14">
      <c r="N823688" s="10"/>
    </row>
    <row r="823689" spans="14:14">
      <c r="N823689" s="10"/>
    </row>
    <row r="823690" spans="14:14">
      <c r="N823690" s="10"/>
    </row>
    <row r="823691" spans="14:14">
      <c r="N823691" s="10"/>
    </row>
    <row r="823692" spans="14:14">
      <c r="N823692" s="10"/>
    </row>
    <row r="823693" spans="14:14">
      <c r="N823693" s="10"/>
    </row>
    <row r="823694" spans="14:14">
      <c r="N823694" s="10"/>
    </row>
    <row r="823695" spans="14:14">
      <c r="N823695" s="10"/>
    </row>
    <row r="823696" spans="14:14">
      <c r="N823696" s="10"/>
    </row>
    <row r="823697" spans="14:14">
      <c r="N823697" s="10"/>
    </row>
    <row r="823698" spans="14:14">
      <c r="N823698" s="10"/>
    </row>
    <row r="823699" spans="14:14">
      <c r="N823699" s="10"/>
    </row>
    <row r="823700" spans="14:14">
      <c r="N823700" s="10"/>
    </row>
    <row r="823701" spans="14:14">
      <c r="N823701" s="10"/>
    </row>
    <row r="823702" spans="14:14">
      <c r="N823702" s="10"/>
    </row>
    <row r="823703" spans="14:14">
      <c r="N823703" s="10"/>
    </row>
    <row r="823704" spans="14:14">
      <c r="N823704" s="10"/>
    </row>
    <row r="823705" spans="14:14">
      <c r="N823705" s="10"/>
    </row>
    <row r="823706" spans="14:14">
      <c r="N823706" s="10"/>
    </row>
    <row r="823707" spans="14:14">
      <c r="N823707" s="10"/>
    </row>
    <row r="823708" spans="14:14">
      <c r="N823708" s="10"/>
    </row>
    <row r="823709" spans="14:14">
      <c r="N823709" s="10"/>
    </row>
    <row r="823710" spans="14:14">
      <c r="N823710" s="10"/>
    </row>
    <row r="823711" spans="14:14">
      <c r="N823711" s="10"/>
    </row>
    <row r="823712" spans="14:14">
      <c r="N823712" s="10"/>
    </row>
    <row r="823713" spans="14:14">
      <c r="N823713" s="10"/>
    </row>
    <row r="823714" spans="14:14">
      <c r="N823714" s="10"/>
    </row>
    <row r="823715" spans="14:14">
      <c r="N823715" s="10"/>
    </row>
    <row r="823716" spans="14:14">
      <c r="N823716" s="10"/>
    </row>
    <row r="823717" spans="14:14">
      <c r="N823717" s="10"/>
    </row>
    <row r="823718" spans="14:14">
      <c r="N823718" s="10"/>
    </row>
    <row r="823719" spans="14:14">
      <c r="N823719" s="10"/>
    </row>
    <row r="823720" spans="14:14">
      <c r="N823720" s="10"/>
    </row>
    <row r="823721" spans="14:14">
      <c r="N823721" s="10"/>
    </row>
    <row r="823722" spans="14:14">
      <c r="N823722" s="10"/>
    </row>
    <row r="823723" spans="14:14">
      <c r="N823723" s="10"/>
    </row>
    <row r="823724" spans="14:14">
      <c r="N823724" s="10"/>
    </row>
    <row r="823725" spans="14:14">
      <c r="N823725" s="10"/>
    </row>
    <row r="823726" spans="14:14">
      <c r="N823726" s="10"/>
    </row>
    <row r="823727" spans="14:14">
      <c r="N823727" s="10"/>
    </row>
    <row r="823728" spans="14:14">
      <c r="N823728" s="10"/>
    </row>
    <row r="823729" spans="14:14">
      <c r="N823729" s="10"/>
    </row>
    <row r="823730" spans="14:14">
      <c r="N823730" s="10"/>
    </row>
    <row r="823731" spans="14:14">
      <c r="N823731" s="10"/>
    </row>
    <row r="823732" spans="14:14">
      <c r="N823732" s="10"/>
    </row>
    <row r="823733" spans="14:14">
      <c r="N823733" s="10"/>
    </row>
    <row r="823734" spans="14:14">
      <c r="N823734" s="10"/>
    </row>
    <row r="823735" spans="14:14">
      <c r="N823735" s="10"/>
    </row>
    <row r="823736" spans="14:14">
      <c r="N823736" s="10"/>
    </row>
    <row r="823737" spans="14:14">
      <c r="N823737" s="10"/>
    </row>
    <row r="823738" spans="14:14">
      <c r="N823738" s="10"/>
    </row>
    <row r="823739" spans="14:14">
      <c r="N823739" s="10"/>
    </row>
    <row r="823740" spans="14:14">
      <c r="N823740" s="10"/>
    </row>
    <row r="823741" spans="14:14">
      <c r="N823741" s="10"/>
    </row>
    <row r="823742" spans="14:14">
      <c r="N823742" s="10"/>
    </row>
    <row r="823743" spans="14:14">
      <c r="N823743" s="10"/>
    </row>
    <row r="823744" spans="14:14">
      <c r="N823744" s="10"/>
    </row>
    <row r="823745" spans="14:14">
      <c r="N823745" s="10"/>
    </row>
    <row r="823746" spans="14:14">
      <c r="N823746" s="10"/>
    </row>
    <row r="823747" spans="14:14">
      <c r="N823747" s="10"/>
    </row>
    <row r="823748" spans="14:14">
      <c r="N823748" s="10"/>
    </row>
    <row r="823749" spans="14:14">
      <c r="N823749" s="10"/>
    </row>
    <row r="823750" spans="14:14">
      <c r="N823750" s="10"/>
    </row>
    <row r="823751" spans="14:14">
      <c r="N823751" s="10"/>
    </row>
    <row r="823752" spans="14:14">
      <c r="N823752" s="10"/>
    </row>
    <row r="823753" spans="14:14">
      <c r="N823753" s="10"/>
    </row>
    <row r="823754" spans="14:14">
      <c r="N823754" s="10"/>
    </row>
    <row r="823755" spans="14:14">
      <c r="N823755" s="10"/>
    </row>
    <row r="823756" spans="14:14">
      <c r="N823756" s="10"/>
    </row>
    <row r="823757" spans="14:14">
      <c r="N823757" s="10"/>
    </row>
    <row r="823758" spans="14:14">
      <c r="N823758" s="10"/>
    </row>
    <row r="823759" spans="14:14">
      <c r="N823759" s="10"/>
    </row>
    <row r="823760" spans="14:14">
      <c r="N823760" s="10"/>
    </row>
    <row r="823761" spans="14:14">
      <c r="N823761" s="10"/>
    </row>
    <row r="823762" spans="14:14">
      <c r="N823762" s="10"/>
    </row>
    <row r="823763" spans="14:14">
      <c r="N823763" s="10"/>
    </row>
    <row r="823764" spans="14:14">
      <c r="N823764" s="10"/>
    </row>
    <row r="823765" spans="14:14">
      <c r="N823765" s="10"/>
    </row>
    <row r="823766" spans="14:14">
      <c r="N823766" s="10"/>
    </row>
    <row r="823767" spans="14:14">
      <c r="N823767" s="10"/>
    </row>
    <row r="823768" spans="14:14">
      <c r="N823768" s="10"/>
    </row>
    <row r="823769" spans="14:14">
      <c r="N823769" s="10"/>
    </row>
    <row r="823770" spans="14:14">
      <c r="N823770" s="10"/>
    </row>
    <row r="823771" spans="14:14">
      <c r="N823771" s="10"/>
    </row>
    <row r="823772" spans="14:14">
      <c r="N823772" s="10"/>
    </row>
    <row r="823773" spans="14:14">
      <c r="N823773" s="10"/>
    </row>
    <row r="823774" spans="14:14">
      <c r="N823774" s="10"/>
    </row>
    <row r="823775" spans="14:14">
      <c r="N823775" s="10"/>
    </row>
    <row r="823776" spans="14:14">
      <c r="N823776" s="10"/>
    </row>
    <row r="823777" spans="14:14">
      <c r="N823777" s="10"/>
    </row>
    <row r="823778" spans="14:14">
      <c r="N823778" s="10"/>
    </row>
    <row r="823779" spans="14:14">
      <c r="N823779" s="10"/>
    </row>
    <row r="823780" spans="14:14">
      <c r="N823780" s="10"/>
    </row>
    <row r="823781" spans="14:14">
      <c r="N823781" s="10"/>
    </row>
    <row r="823782" spans="14:14">
      <c r="N823782" s="10"/>
    </row>
    <row r="823783" spans="14:14">
      <c r="N823783" s="10"/>
    </row>
    <row r="823784" spans="14:14">
      <c r="N823784" s="10"/>
    </row>
    <row r="823785" spans="14:14">
      <c r="N823785" s="10"/>
    </row>
    <row r="823786" spans="14:14">
      <c r="N823786" s="10"/>
    </row>
    <row r="823787" spans="14:14">
      <c r="N823787" s="10"/>
    </row>
    <row r="823788" spans="14:14">
      <c r="N823788" s="10"/>
    </row>
    <row r="823789" spans="14:14">
      <c r="N823789" s="10"/>
    </row>
    <row r="823790" spans="14:14">
      <c r="N823790" s="10"/>
    </row>
    <row r="823791" spans="14:14">
      <c r="N823791" s="10"/>
    </row>
    <row r="823792" spans="14:14">
      <c r="N823792" s="10"/>
    </row>
    <row r="823793" spans="14:14">
      <c r="N823793" s="10"/>
    </row>
    <row r="823794" spans="14:14">
      <c r="N823794" s="10"/>
    </row>
    <row r="823795" spans="14:14">
      <c r="N823795" s="10"/>
    </row>
    <row r="823796" spans="14:14">
      <c r="N823796" s="10"/>
    </row>
    <row r="823797" spans="14:14">
      <c r="N823797" s="10"/>
    </row>
    <row r="823798" spans="14:14">
      <c r="N823798" s="10"/>
    </row>
    <row r="823799" spans="14:14">
      <c r="N823799" s="10"/>
    </row>
    <row r="823800" spans="14:14">
      <c r="N823800" s="10"/>
    </row>
    <row r="823801" spans="14:14">
      <c r="N823801" s="10"/>
    </row>
    <row r="823802" spans="14:14">
      <c r="N823802" s="10"/>
    </row>
    <row r="823803" spans="14:14">
      <c r="N823803" s="10"/>
    </row>
    <row r="823804" spans="14:14">
      <c r="N823804" s="10"/>
    </row>
    <row r="823805" spans="14:14">
      <c r="N823805" s="10"/>
    </row>
    <row r="823806" spans="14:14">
      <c r="N823806" s="10"/>
    </row>
    <row r="823807" spans="14:14">
      <c r="N823807" s="10"/>
    </row>
    <row r="823808" spans="14:14">
      <c r="N823808" s="10"/>
    </row>
    <row r="823809" spans="14:14">
      <c r="N823809" s="10"/>
    </row>
    <row r="823810" spans="14:14">
      <c r="N823810" s="10"/>
    </row>
    <row r="823811" spans="14:14">
      <c r="N823811" s="10"/>
    </row>
    <row r="823812" spans="14:14">
      <c r="N823812" s="10"/>
    </row>
    <row r="823813" spans="14:14">
      <c r="N823813" s="10"/>
    </row>
    <row r="823814" spans="14:14">
      <c r="N823814" s="10"/>
    </row>
    <row r="823815" spans="14:14">
      <c r="N823815" s="10"/>
    </row>
    <row r="823816" spans="14:14">
      <c r="N823816" s="10"/>
    </row>
    <row r="823817" spans="14:14">
      <c r="N823817" s="10"/>
    </row>
    <row r="823818" spans="14:14">
      <c r="N823818" s="10"/>
    </row>
    <row r="823819" spans="14:14">
      <c r="N823819" s="10"/>
    </row>
    <row r="823820" spans="14:14">
      <c r="N823820" s="10"/>
    </row>
    <row r="823821" spans="14:14">
      <c r="N823821" s="10"/>
    </row>
    <row r="823822" spans="14:14">
      <c r="N823822" s="10"/>
    </row>
    <row r="823823" spans="14:14">
      <c r="N823823" s="10"/>
    </row>
    <row r="823824" spans="14:14">
      <c r="N823824" s="10"/>
    </row>
    <row r="823825" spans="14:14">
      <c r="N823825" s="10"/>
    </row>
    <row r="823826" spans="14:14">
      <c r="N823826" s="10"/>
    </row>
    <row r="823827" spans="14:14">
      <c r="N823827" s="10"/>
    </row>
    <row r="823828" spans="14:14">
      <c r="N823828" s="10"/>
    </row>
    <row r="823829" spans="14:14">
      <c r="N823829" s="10"/>
    </row>
    <row r="823830" spans="14:14">
      <c r="N823830" s="10"/>
    </row>
    <row r="823831" spans="14:14">
      <c r="N823831" s="10"/>
    </row>
    <row r="823832" spans="14:14">
      <c r="N823832" s="10"/>
    </row>
    <row r="823833" spans="14:14">
      <c r="N823833" s="10"/>
    </row>
    <row r="823834" spans="14:14">
      <c r="N823834" s="10"/>
    </row>
    <row r="823835" spans="14:14">
      <c r="N823835" s="10"/>
    </row>
    <row r="823836" spans="14:14">
      <c r="N823836" s="10"/>
    </row>
    <row r="823837" spans="14:14">
      <c r="N823837" s="10"/>
    </row>
    <row r="823838" spans="14:14">
      <c r="N823838" s="10"/>
    </row>
    <row r="823839" spans="14:14">
      <c r="N823839" s="10"/>
    </row>
    <row r="823840" spans="14:14">
      <c r="N823840" s="10"/>
    </row>
    <row r="823841" spans="14:14">
      <c r="N823841" s="10"/>
    </row>
    <row r="823842" spans="14:14">
      <c r="N823842" s="10"/>
    </row>
    <row r="823843" spans="14:14">
      <c r="N823843" s="10"/>
    </row>
    <row r="823844" spans="14:14">
      <c r="N823844" s="10"/>
    </row>
    <row r="823845" spans="14:14">
      <c r="N823845" s="10"/>
    </row>
    <row r="823846" spans="14:14">
      <c r="N823846" s="10"/>
    </row>
    <row r="823847" spans="14:14">
      <c r="N823847" s="10"/>
    </row>
    <row r="823848" spans="14:14">
      <c r="N823848" s="10"/>
    </row>
    <row r="823849" spans="14:14">
      <c r="N823849" s="10"/>
    </row>
    <row r="823850" spans="14:14">
      <c r="N823850" s="10"/>
    </row>
    <row r="823851" spans="14:14">
      <c r="N823851" s="10"/>
    </row>
    <row r="823852" spans="14:14">
      <c r="N823852" s="10"/>
    </row>
    <row r="823853" spans="14:14">
      <c r="N823853" s="10"/>
    </row>
    <row r="823854" spans="14:14">
      <c r="N823854" s="10"/>
    </row>
    <row r="823855" spans="14:14">
      <c r="N823855" s="10"/>
    </row>
    <row r="823856" spans="14:14">
      <c r="N823856" s="10"/>
    </row>
    <row r="823857" spans="14:14">
      <c r="N823857" s="10"/>
    </row>
    <row r="823858" spans="14:14">
      <c r="N823858" s="10"/>
    </row>
    <row r="823859" spans="14:14">
      <c r="N823859" s="10"/>
    </row>
    <row r="823860" spans="14:14">
      <c r="N823860" s="10"/>
    </row>
    <row r="823861" spans="14:14">
      <c r="N823861" s="10"/>
    </row>
    <row r="823862" spans="14:14">
      <c r="N823862" s="10"/>
    </row>
    <row r="823863" spans="14:14">
      <c r="N823863" s="10"/>
    </row>
    <row r="823864" spans="14:14">
      <c r="N823864" s="10"/>
    </row>
    <row r="823865" spans="14:14">
      <c r="N823865" s="10"/>
    </row>
    <row r="823866" spans="14:14">
      <c r="N823866" s="10"/>
    </row>
    <row r="823867" spans="14:14">
      <c r="N823867" s="10"/>
    </row>
    <row r="823868" spans="14:14">
      <c r="N823868" s="10"/>
    </row>
    <row r="823869" spans="14:14">
      <c r="N823869" s="10"/>
    </row>
    <row r="823870" spans="14:14">
      <c r="N823870" s="10"/>
    </row>
    <row r="823871" spans="14:14">
      <c r="N823871" s="10"/>
    </row>
    <row r="823872" spans="14:14">
      <c r="N823872" s="10"/>
    </row>
    <row r="823873" spans="14:14">
      <c r="N823873" s="10"/>
    </row>
    <row r="823874" spans="14:14">
      <c r="N823874" s="10"/>
    </row>
    <row r="823875" spans="14:14">
      <c r="N823875" s="10"/>
    </row>
    <row r="823876" spans="14:14">
      <c r="N823876" s="10"/>
    </row>
    <row r="823877" spans="14:14">
      <c r="N823877" s="10"/>
    </row>
    <row r="823878" spans="14:14">
      <c r="N823878" s="10"/>
    </row>
    <row r="823879" spans="14:14">
      <c r="N823879" s="10"/>
    </row>
    <row r="823880" spans="14:14">
      <c r="N823880" s="10"/>
    </row>
    <row r="823881" spans="14:14">
      <c r="N823881" s="10"/>
    </row>
    <row r="823882" spans="14:14">
      <c r="N823882" s="10"/>
    </row>
    <row r="823883" spans="14:14">
      <c r="N823883" s="10"/>
    </row>
    <row r="823884" spans="14:14">
      <c r="N823884" s="10"/>
    </row>
    <row r="823885" spans="14:14">
      <c r="N823885" s="10"/>
    </row>
    <row r="823886" spans="14:14">
      <c r="N823886" s="10"/>
    </row>
    <row r="823887" spans="14:14">
      <c r="N823887" s="10"/>
    </row>
    <row r="823888" spans="14:14">
      <c r="N823888" s="10"/>
    </row>
    <row r="823889" spans="14:14">
      <c r="N823889" s="10"/>
    </row>
    <row r="823890" spans="14:14">
      <c r="N823890" s="10"/>
    </row>
    <row r="823891" spans="14:14">
      <c r="N823891" s="10"/>
    </row>
    <row r="823892" spans="14:14">
      <c r="N823892" s="10"/>
    </row>
    <row r="823893" spans="14:14">
      <c r="N823893" s="10"/>
    </row>
    <row r="823894" spans="14:14">
      <c r="N823894" s="10"/>
    </row>
    <row r="823895" spans="14:14">
      <c r="N823895" s="10"/>
    </row>
    <row r="823896" spans="14:14">
      <c r="N823896" s="10"/>
    </row>
    <row r="823897" spans="14:14">
      <c r="N823897" s="10"/>
    </row>
    <row r="823898" spans="14:14">
      <c r="N823898" s="10"/>
    </row>
    <row r="823899" spans="14:14">
      <c r="N823899" s="10"/>
    </row>
    <row r="823900" spans="14:14">
      <c r="N823900" s="10"/>
    </row>
    <row r="823901" spans="14:14">
      <c r="N823901" s="10"/>
    </row>
    <row r="823902" spans="14:14">
      <c r="N823902" s="10"/>
    </row>
    <row r="823903" spans="14:14">
      <c r="N823903" s="10"/>
    </row>
    <row r="823904" spans="14:14">
      <c r="N823904" s="10"/>
    </row>
    <row r="823905" spans="14:14">
      <c r="N823905" s="10"/>
    </row>
    <row r="823906" spans="14:14">
      <c r="N823906" s="10"/>
    </row>
    <row r="823907" spans="14:14">
      <c r="N823907" s="10"/>
    </row>
    <row r="823908" spans="14:14">
      <c r="N823908" s="10"/>
    </row>
    <row r="823909" spans="14:14">
      <c r="N823909" s="10"/>
    </row>
    <row r="823910" spans="14:14">
      <c r="N823910" s="10"/>
    </row>
    <row r="823911" spans="14:14">
      <c r="N823911" s="10"/>
    </row>
    <row r="823912" spans="14:14">
      <c r="N823912" s="10"/>
    </row>
    <row r="823913" spans="14:14">
      <c r="N823913" s="10"/>
    </row>
    <row r="823914" spans="14:14">
      <c r="N823914" s="10"/>
    </row>
    <row r="823915" spans="14:14">
      <c r="N823915" s="10"/>
    </row>
    <row r="823916" spans="14:14">
      <c r="N823916" s="10"/>
    </row>
    <row r="823917" spans="14:14">
      <c r="N823917" s="10"/>
    </row>
    <row r="823918" spans="14:14">
      <c r="N823918" s="10"/>
    </row>
    <row r="823919" spans="14:14">
      <c r="N823919" s="10"/>
    </row>
    <row r="823920" spans="14:14">
      <c r="N823920" s="10"/>
    </row>
    <row r="823921" spans="14:14">
      <c r="N823921" s="10"/>
    </row>
    <row r="823922" spans="14:14">
      <c r="N823922" s="10"/>
    </row>
    <row r="823923" spans="14:14">
      <c r="N823923" s="10"/>
    </row>
    <row r="823924" spans="14:14">
      <c r="N823924" s="10"/>
    </row>
    <row r="823925" spans="14:14">
      <c r="N823925" s="10"/>
    </row>
    <row r="823926" spans="14:14">
      <c r="N823926" s="10"/>
    </row>
    <row r="823927" spans="14:14">
      <c r="N823927" s="10"/>
    </row>
    <row r="823928" spans="14:14">
      <c r="N823928" s="10"/>
    </row>
    <row r="823929" spans="14:14">
      <c r="N823929" s="10"/>
    </row>
    <row r="823930" spans="14:14">
      <c r="N823930" s="10"/>
    </row>
    <row r="823931" spans="14:14">
      <c r="N823931" s="10"/>
    </row>
    <row r="823932" spans="14:14">
      <c r="N823932" s="10"/>
    </row>
    <row r="823933" spans="14:14">
      <c r="N823933" s="10"/>
    </row>
    <row r="823934" spans="14:14">
      <c r="N823934" s="10"/>
    </row>
    <row r="823935" spans="14:14">
      <c r="N823935" s="10"/>
    </row>
    <row r="823936" spans="14:14">
      <c r="N823936" s="10"/>
    </row>
    <row r="823937" spans="14:14">
      <c r="N823937" s="10"/>
    </row>
    <row r="823938" spans="14:14">
      <c r="N823938" s="10"/>
    </row>
    <row r="823939" spans="14:14">
      <c r="N823939" s="10"/>
    </row>
    <row r="823940" spans="14:14">
      <c r="N823940" s="10"/>
    </row>
    <row r="823941" spans="14:14">
      <c r="N823941" s="10"/>
    </row>
    <row r="823942" spans="14:14">
      <c r="N823942" s="10"/>
    </row>
    <row r="823943" spans="14:14">
      <c r="N823943" s="10"/>
    </row>
    <row r="823944" spans="14:14">
      <c r="N823944" s="10"/>
    </row>
    <row r="823945" spans="14:14">
      <c r="N823945" s="10"/>
    </row>
    <row r="823946" spans="14:14">
      <c r="N823946" s="10"/>
    </row>
    <row r="823947" spans="14:14">
      <c r="N823947" s="10"/>
    </row>
    <row r="823948" spans="14:14">
      <c r="N823948" s="10"/>
    </row>
    <row r="823949" spans="14:14">
      <c r="N823949" s="10"/>
    </row>
    <row r="823950" spans="14:14">
      <c r="N823950" s="10"/>
    </row>
    <row r="823951" spans="14:14">
      <c r="N823951" s="10"/>
    </row>
    <row r="823952" spans="14:14">
      <c r="N823952" s="10"/>
    </row>
    <row r="823953" spans="14:14">
      <c r="N823953" s="10"/>
    </row>
    <row r="823954" spans="14:14">
      <c r="N823954" s="10"/>
    </row>
    <row r="823955" spans="14:14">
      <c r="N823955" s="10"/>
    </row>
    <row r="823956" spans="14:14">
      <c r="N823956" s="10"/>
    </row>
    <row r="823957" spans="14:14">
      <c r="N823957" s="10"/>
    </row>
    <row r="823958" spans="14:14">
      <c r="N823958" s="10"/>
    </row>
    <row r="823959" spans="14:14">
      <c r="N823959" s="10"/>
    </row>
    <row r="823960" spans="14:14">
      <c r="N823960" s="10"/>
    </row>
    <row r="823961" spans="14:14">
      <c r="N823961" s="10"/>
    </row>
    <row r="823962" spans="14:14">
      <c r="N823962" s="10"/>
    </row>
    <row r="823963" spans="14:14">
      <c r="N823963" s="10"/>
    </row>
    <row r="823964" spans="14:14">
      <c r="N823964" s="10"/>
    </row>
    <row r="823965" spans="14:14">
      <c r="N823965" s="10"/>
    </row>
    <row r="823966" spans="14:14">
      <c r="N823966" s="10"/>
    </row>
    <row r="823967" spans="14:14">
      <c r="N823967" s="10"/>
    </row>
    <row r="823968" spans="14:14">
      <c r="N823968" s="10"/>
    </row>
    <row r="823969" spans="14:14">
      <c r="N823969" s="10"/>
    </row>
    <row r="823970" spans="14:14">
      <c r="N823970" s="10"/>
    </row>
    <row r="823971" spans="14:14">
      <c r="N823971" s="10"/>
    </row>
    <row r="823972" spans="14:14">
      <c r="N823972" s="10"/>
    </row>
    <row r="823973" spans="14:14">
      <c r="N823973" s="10"/>
    </row>
    <row r="823974" spans="14:14">
      <c r="N823974" s="10"/>
    </row>
    <row r="823975" spans="14:14">
      <c r="N823975" s="10"/>
    </row>
    <row r="823976" spans="14:14">
      <c r="N823976" s="10"/>
    </row>
    <row r="823977" spans="14:14">
      <c r="N823977" s="10"/>
    </row>
    <row r="823978" spans="14:14">
      <c r="N823978" s="10"/>
    </row>
    <row r="823979" spans="14:14">
      <c r="N823979" s="10"/>
    </row>
    <row r="823980" spans="14:14">
      <c r="N823980" s="10"/>
    </row>
    <row r="823981" spans="14:14">
      <c r="N823981" s="10"/>
    </row>
    <row r="823982" spans="14:14">
      <c r="N823982" s="10"/>
    </row>
    <row r="823983" spans="14:14">
      <c r="N823983" s="10"/>
    </row>
    <row r="823984" spans="14:14">
      <c r="N823984" s="10"/>
    </row>
    <row r="823985" spans="14:14">
      <c r="N823985" s="10"/>
    </row>
    <row r="823986" spans="14:14">
      <c r="N823986" s="10"/>
    </row>
    <row r="823987" spans="14:14">
      <c r="N823987" s="10"/>
    </row>
    <row r="823988" spans="14:14">
      <c r="N823988" s="10"/>
    </row>
    <row r="823989" spans="14:14">
      <c r="N823989" s="10"/>
    </row>
    <row r="823990" spans="14:14">
      <c r="N823990" s="10"/>
    </row>
    <row r="823991" spans="14:14">
      <c r="N823991" s="10"/>
    </row>
    <row r="823992" spans="14:14">
      <c r="N823992" s="10"/>
    </row>
    <row r="823993" spans="14:14">
      <c r="N823993" s="10"/>
    </row>
    <row r="823994" spans="14:14">
      <c r="N823994" s="10"/>
    </row>
    <row r="823995" spans="14:14">
      <c r="N823995" s="10"/>
    </row>
    <row r="823996" spans="14:14">
      <c r="N823996" s="10"/>
    </row>
    <row r="823997" spans="14:14">
      <c r="N823997" s="10"/>
    </row>
    <row r="823998" spans="14:14">
      <c r="N823998" s="10"/>
    </row>
    <row r="823999" spans="14:14">
      <c r="N823999" s="10"/>
    </row>
    <row r="824000" spans="14:14">
      <c r="N824000" s="10"/>
    </row>
    <row r="824001" spans="14:14">
      <c r="N824001" s="10"/>
    </row>
    <row r="824002" spans="14:14">
      <c r="N824002" s="10"/>
    </row>
    <row r="824003" spans="14:14">
      <c r="N824003" s="10"/>
    </row>
    <row r="824004" spans="14:14">
      <c r="N824004" s="10"/>
    </row>
    <row r="824005" spans="14:14">
      <c r="N824005" s="10"/>
    </row>
    <row r="824006" spans="14:14">
      <c r="N824006" s="10"/>
    </row>
    <row r="824007" spans="14:14">
      <c r="N824007" s="10"/>
    </row>
    <row r="824008" spans="14:14">
      <c r="N824008" s="10"/>
    </row>
    <row r="824009" spans="14:14">
      <c r="N824009" s="10"/>
    </row>
    <row r="824010" spans="14:14">
      <c r="N824010" s="10"/>
    </row>
    <row r="824011" spans="14:14">
      <c r="N824011" s="10"/>
    </row>
    <row r="824012" spans="14:14">
      <c r="N824012" s="10"/>
    </row>
    <row r="824013" spans="14:14">
      <c r="N824013" s="10"/>
    </row>
    <row r="824014" spans="14:14">
      <c r="N824014" s="10"/>
    </row>
    <row r="824015" spans="14:14">
      <c r="N824015" s="10"/>
    </row>
    <row r="824016" spans="14:14">
      <c r="N824016" s="10"/>
    </row>
    <row r="824017" spans="14:14">
      <c r="N824017" s="10"/>
    </row>
    <row r="824018" spans="14:14">
      <c r="N824018" s="10"/>
    </row>
    <row r="824019" spans="14:14">
      <c r="N824019" s="10"/>
    </row>
    <row r="824020" spans="14:14">
      <c r="N824020" s="10"/>
    </row>
    <row r="824021" spans="14:14">
      <c r="N824021" s="10"/>
    </row>
    <row r="824022" spans="14:14">
      <c r="N824022" s="10"/>
    </row>
    <row r="824023" spans="14:14">
      <c r="N824023" s="10"/>
    </row>
    <row r="824024" spans="14:14">
      <c r="N824024" s="10"/>
    </row>
    <row r="824025" spans="14:14">
      <c r="N824025" s="10"/>
    </row>
    <row r="824026" spans="14:14">
      <c r="N824026" s="10"/>
    </row>
    <row r="824027" spans="14:14">
      <c r="N824027" s="10"/>
    </row>
    <row r="824028" spans="14:14">
      <c r="N824028" s="10"/>
    </row>
    <row r="824029" spans="14:14">
      <c r="N824029" s="10"/>
    </row>
    <row r="824030" spans="14:14">
      <c r="N824030" s="10"/>
    </row>
    <row r="824031" spans="14:14">
      <c r="N824031" s="10"/>
    </row>
    <row r="824032" spans="14:14">
      <c r="N824032" s="10"/>
    </row>
    <row r="824033" spans="14:14">
      <c r="N824033" s="10"/>
    </row>
    <row r="824034" spans="14:14">
      <c r="N824034" s="10"/>
    </row>
    <row r="824035" spans="14:14">
      <c r="N824035" s="10"/>
    </row>
    <row r="824036" spans="14:14">
      <c r="N824036" s="10"/>
    </row>
    <row r="824037" spans="14:14">
      <c r="N824037" s="10"/>
    </row>
    <row r="824038" spans="14:14">
      <c r="N824038" s="10"/>
    </row>
    <row r="824039" spans="14:14">
      <c r="N824039" s="10"/>
    </row>
    <row r="824040" spans="14:14">
      <c r="N824040" s="10"/>
    </row>
    <row r="824041" spans="14:14">
      <c r="N824041" s="10"/>
    </row>
    <row r="824042" spans="14:14">
      <c r="N824042" s="10"/>
    </row>
    <row r="824043" spans="14:14">
      <c r="N824043" s="10"/>
    </row>
    <row r="824044" spans="14:14">
      <c r="N824044" s="10"/>
    </row>
    <row r="824045" spans="14:14">
      <c r="N824045" s="10"/>
    </row>
    <row r="824046" spans="14:14">
      <c r="N824046" s="10"/>
    </row>
    <row r="824047" spans="14:14">
      <c r="N824047" s="10"/>
    </row>
    <row r="824048" spans="14:14">
      <c r="N824048" s="10"/>
    </row>
    <row r="824049" spans="14:14">
      <c r="N824049" s="10"/>
    </row>
    <row r="824050" spans="14:14">
      <c r="N824050" s="10"/>
    </row>
    <row r="824051" spans="14:14">
      <c r="N824051" s="10"/>
    </row>
    <row r="824052" spans="14:14">
      <c r="N824052" s="10"/>
    </row>
    <row r="824053" spans="14:14">
      <c r="N824053" s="10"/>
    </row>
    <row r="824054" spans="14:14">
      <c r="N824054" s="10"/>
    </row>
    <row r="824055" spans="14:14">
      <c r="N824055" s="10"/>
    </row>
    <row r="824056" spans="14:14">
      <c r="N824056" s="10"/>
    </row>
    <row r="824057" spans="14:14">
      <c r="N824057" s="10"/>
    </row>
    <row r="824058" spans="14:14">
      <c r="N824058" s="10"/>
    </row>
    <row r="824059" spans="14:14">
      <c r="N824059" s="10"/>
    </row>
    <row r="824060" spans="14:14">
      <c r="N824060" s="10"/>
    </row>
    <row r="824061" spans="14:14">
      <c r="N824061" s="10"/>
    </row>
    <row r="824062" spans="14:14">
      <c r="N824062" s="10"/>
    </row>
    <row r="824063" spans="14:14">
      <c r="N824063" s="10"/>
    </row>
    <row r="824064" spans="14:14">
      <c r="N824064" s="10"/>
    </row>
    <row r="824065" spans="14:14">
      <c r="N824065" s="10"/>
    </row>
    <row r="824066" spans="14:14">
      <c r="N824066" s="10"/>
    </row>
    <row r="824067" spans="14:14">
      <c r="N824067" s="10"/>
    </row>
    <row r="824068" spans="14:14">
      <c r="N824068" s="10"/>
    </row>
    <row r="824069" spans="14:14">
      <c r="N824069" s="10"/>
    </row>
    <row r="824070" spans="14:14">
      <c r="N824070" s="10"/>
    </row>
    <row r="824071" spans="14:14">
      <c r="N824071" s="10"/>
    </row>
    <row r="824072" spans="14:14">
      <c r="N824072" s="10"/>
    </row>
    <row r="824073" spans="14:14">
      <c r="N824073" s="10"/>
    </row>
    <row r="824074" spans="14:14">
      <c r="N824074" s="10"/>
    </row>
    <row r="824075" spans="14:14">
      <c r="N824075" s="10"/>
    </row>
    <row r="824076" spans="14:14">
      <c r="N824076" s="10"/>
    </row>
    <row r="824077" spans="14:14">
      <c r="N824077" s="10"/>
    </row>
    <row r="824078" spans="14:14">
      <c r="N824078" s="10"/>
    </row>
    <row r="824079" spans="14:14">
      <c r="N824079" s="10"/>
    </row>
    <row r="824080" spans="14:14">
      <c r="N824080" s="10"/>
    </row>
    <row r="824081" spans="14:14">
      <c r="N824081" s="10"/>
    </row>
    <row r="824082" spans="14:14">
      <c r="N824082" s="10"/>
    </row>
    <row r="824083" spans="14:14">
      <c r="N824083" s="10"/>
    </row>
    <row r="824084" spans="14:14">
      <c r="N824084" s="10"/>
    </row>
    <row r="824085" spans="14:14">
      <c r="N824085" s="10"/>
    </row>
    <row r="824086" spans="14:14">
      <c r="N824086" s="10"/>
    </row>
    <row r="824087" spans="14:14">
      <c r="N824087" s="10"/>
    </row>
    <row r="824088" spans="14:14">
      <c r="N824088" s="10"/>
    </row>
    <row r="824089" spans="14:14">
      <c r="N824089" s="10"/>
    </row>
    <row r="824090" spans="14:14">
      <c r="N824090" s="10"/>
    </row>
    <row r="824091" spans="14:14">
      <c r="N824091" s="10"/>
    </row>
    <row r="824092" spans="14:14">
      <c r="N824092" s="10"/>
    </row>
    <row r="824093" spans="14:14">
      <c r="N824093" s="10"/>
    </row>
    <row r="824094" spans="14:14">
      <c r="N824094" s="10"/>
    </row>
    <row r="824095" spans="14:14">
      <c r="N824095" s="10"/>
    </row>
    <row r="824096" spans="14:14">
      <c r="N824096" s="10"/>
    </row>
    <row r="824097" spans="14:14">
      <c r="N824097" s="10"/>
    </row>
    <row r="824098" spans="14:14">
      <c r="N824098" s="10"/>
    </row>
    <row r="824099" spans="14:14">
      <c r="N824099" s="10"/>
    </row>
    <row r="824100" spans="14:14">
      <c r="N824100" s="10"/>
    </row>
    <row r="824101" spans="14:14">
      <c r="N824101" s="10"/>
    </row>
    <row r="824102" spans="14:14">
      <c r="N824102" s="10"/>
    </row>
    <row r="824103" spans="14:14">
      <c r="N824103" s="10"/>
    </row>
    <row r="824104" spans="14:14">
      <c r="N824104" s="10"/>
    </row>
    <row r="824105" spans="14:14">
      <c r="N824105" s="10"/>
    </row>
    <row r="824106" spans="14:14">
      <c r="N824106" s="10"/>
    </row>
    <row r="824107" spans="14:14">
      <c r="N824107" s="10"/>
    </row>
    <row r="824108" spans="14:14">
      <c r="N824108" s="10"/>
    </row>
    <row r="824109" spans="14:14">
      <c r="N824109" s="10"/>
    </row>
    <row r="824110" spans="14:14">
      <c r="N824110" s="10"/>
    </row>
    <row r="824111" spans="14:14">
      <c r="N824111" s="10"/>
    </row>
    <row r="824112" spans="14:14">
      <c r="N824112" s="10"/>
    </row>
    <row r="824113" spans="14:14">
      <c r="N824113" s="10"/>
    </row>
    <row r="824114" spans="14:14">
      <c r="N824114" s="10"/>
    </row>
    <row r="824115" spans="14:14">
      <c r="N824115" s="10"/>
    </row>
    <row r="824116" spans="14:14">
      <c r="N824116" s="10"/>
    </row>
    <row r="824117" spans="14:14">
      <c r="N824117" s="10"/>
    </row>
    <row r="824118" spans="14:14">
      <c r="N824118" s="10"/>
    </row>
    <row r="824119" spans="14:14">
      <c r="N824119" s="10"/>
    </row>
    <row r="824120" spans="14:14">
      <c r="N824120" s="10"/>
    </row>
    <row r="824121" spans="14:14">
      <c r="N824121" s="10"/>
    </row>
    <row r="824122" spans="14:14">
      <c r="N824122" s="10"/>
    </row>
    <row r="824123" spans="14:14">
      <c r="N824123" s="10"/>
    </row>
    <row r="824124" spans="14:14">
      <c r="N824124" s="10"/>
    </row>
    <row r="824125" spans="14:14">
      <c r="N824125" s="10"/>
    </row>
    <row r="824126" spans="14:14">
      <c r="N824126" s="10"/>
    </row>
    <row r="824127" spans="14:14">
      <c r="N824127" s="10"/>
    </row>
    <row r="824128" spans="14:14">
      <c r="N824128" s="10"/>
    </row>
    <row r="824129" spans="14:14">
      <c r="N824129" s="10"/>
    </row>
    <row r="824130" spans="14:14">
      <c r="N824130" s="10"/>
    </row>
    <row r="824131" spans="14:14">
      <c r="N824131" s="10"/>
    </row>
    <row r="824132" spans="14:14">
      <c r="N824132" s="10"/>
    </row>
    <row r="824133" spans="14:14">
      <c r="N824133" s="10"/>
    </row>
    <row r="824134" spans="14:14">
      <c r="N824134" s="10"/>
    </row>
    <row r="824135" spans="14:14">
      <c r="N824135" s="10"/>
    </row>
    <row r="824136" spans="14:14">
      <c r="N824136" s="10"/>
    </row>
    <row r="824137" spans="14:14">
      <c r="N824137" s="10"/>
    </row>
    <row r="824138" spans="14:14">
      <c r="N824138" s="10"/>
    </row>
    <row r="824139" spans="14:14">
      <c r="N824139" s="10"/>
    </row>
    <row r="824140" spans="14:14">
      <c r="N824140" s="10"/>
    </row>
    <row r="824141" spans="14:14">
      <c r="N824141" s="10"/>
    </row>
    <row r="824142" spans="14:14">
      <c r="N824142" s="10"/>
    </row>
    <row r="824143" spans="14:14">
      <c r="N824143" s="10"/>
    </row>
    <row r="824144" spans="14:14">
      <c r="N824144" s="10"/>
    </row>
    <row r="824145" spans="14:14">
      <c r="N824145" s="10"/>
    </row>
    <row r="824146" spans="14:14">
      <c r="N824146" s="10"/>
    </row>
    <row r="824147" spans="14:14">
      <c r="N824147" s="10"/>
    </row>
    <row r="824148" spans="14:14">
      <c r="N824148" s="10"/>
    </row>
    <row r="824149" spans="14:14">
      <c r="N824149" s="10"/>
    </row>
    <row r="824150" spans="14:14">
      <c r="N824150" s="10"/>
    </row>
    <row r="824151" spans="14:14">
      <c r="N824151" s="10"/>
    </row>
    <row r="824152" spans="14:14">
      <c r="N824152" s="10"/>
    </row>
    <row r="824153" spans="14:14">
      <c r="N824153" s="10"/>
    </row>
    <row r="824154" spans="14:14">
      <c r="N824154" s="10"/>
    </row>
    <row r="824155" spans="14:14">
      <c r="N824155" s="10"/>
    </row>
    <row r="824156" spans="14:14">
      <c r="N824156" s="10"/>
    </row>
    <row r="824157" spans="14:14">
      <c r="N824157" s="10"/>
    </row>
    <row r="824158" spans="14:14">
      <c r="N824158" s="10"/>
    </row>
    <row r="824159" spans="14:14">
      <c r="N824159" s="10"/>
    </row>
    <row r="824160" spans="14:14">
      <c r="N824160" s="10"/>
    </row>
    <row r="824161" spans="14:14">
      <c r="N824161" s="10"/>
    </row>
    <row r="824162" spans="14:14">
      <c r="N824162" s="10"/>
    </row>
    <row r="824163" spans="14:14">
      <c r="N824163" s="10"/>
    </row>
    <row r="824164" spans="14:14">
      <c r="N824164" s="10"/>
    </row>
    <row r="824165" spans="14:14">
      <c r="N824165" s="10"/>
    </row>
    <row r="824166" spans="14:14">
      <c r="N824166" s="10"/>
    </row>
    <row r="824167" spans="14:14">
      <c r="N824167" s="10"/>
    </row>
    <row r="824168" spans="14:14">
      <c r="N824168" s="10"/>
    </row>
    <row r="824169" spans="14:14">
      <c r="N824169" s="10"/>
    </row>
    <row r="824170" spans="14:14">
      <c r="N824170" s="10"/>
    </row>
    <row r="824171" spans="14:14">
      <c r="N824171" s="10"/>
    </row>
    <row r="824172" spans="14:14">
      <c r="N824172" s="10"/>
    </row>
    <row r="824173" spans="14:14">
      <c r="N824173" s="10"/>
    </row>
    <row r="824174" spans="14:14">
      <c r="N824174" s="10"/>
    </row>
    <row r="824175" spans="14:14">
      <c r="N824175" s="10"/>
    </row>
    <row r="824176" spans="14:14">
      <c r="N824176" s="10"/>
    </row>
    <row r="824177" spans="14:14">
      <c r="N824177" s="10"/>
    </row>
    <row r="824178" spans="14:14">
      <c r="N824178" s="10"/>
    </row>
    <row r="824179" spans="14:14">
      <c r="N824179" s="10"/>
    </row>
    <row r="824180" spans="14:14">
      <c r="N824180" s="10"/>
    </row>
    <row r="824181" spans="14:14">
      <c r="N824181" s="10"/>
    </row>
    <row r="824182" spans="14:14">
      <c r="N824182" s="10"/>
    </row>
    <row r="824183" spans="14:14">
      <c r="N824183" s="10"/>
    </row>
    <row r="824184" spans="14:14">
      <c r="N824184" s="10"/>
    </row>
    <row r="824185" spans="14:14">
      <c r="N824185" s="10"/>
    </row>
    <row r="824186" spans="14:14">
      <c r="N824186" s="10"/>
    </row>
    <row r="824187" spans="14:14">
      <c r="N824187" s="10"/>
    </row>
    <row r="824188" spans="14:14">
      <c r="N824188" s="10"/>
    </row>
    <row r="824189" spans="14:14">
      <c r="N824189" s="10"/>
    </row>
    <row r="824190" spans="14:14">
      <c r="N824190" s="10"/>
    </row>
    <row r="824191" spans="14:14">
      <c r="N824191" s="10"/>
    </row>
    <row r="824192" spans="14:14">
      <c r="N824192" s="10"/>
    </row>
    <row r="824193" spans="14:14">
      <c r="N824193" s="10"/>
    </row>
    <row r="824194" spans="14:14">
      <c r="N824194" s="10"/>
    </row>
    <row r="824195" spans="14:14">
      <c r="N824195" s="10"/>
    </row>
    <row r="824196" spans="14:14">
      <c r="N824196" s="10"/>
    </row>
    <row r="824197" spans="14:14">
      <c r="N824197" s="10"/>
    </row>
    <row r="824198" spans="14:14">
      <c r="N824198" s="10"/>
    </row>
    <row r="824199" spans="14:14">
      <c r="N824199" s="10"/>
    </row>
    <row r="824200" spans="14:14">
      <c r="N824200" s="10"/>
    </row>
    <row r="824201" spans="14:14">
      <c r="N824201" s="10"/>
    </row>
    <row r="824202" spans="14:14">
      <c r="N824202" s="10"/>
    </row>
    <row r="824203" spans="14:14">
      <c r="N824203" s="10"/>
    </row>
    <row r="824204" spans="14:14">
      <c r="N824204" s="10"/>
    </row>
    <row r="824205" spans="14:14">
      <c r="N824205" s="10"/>
    </row>
    <row r="824206" spans="14:14">
      <c r="N824206" s="10"/>
    </row>
    <row r="824207" spans="14:14">
      <c r="N824207" s="10"/>
    </row>
    <row r="824208" spans="14:14">
      <c r="N824208" s="10"/>
    </row>
    <row r="824209" spans="14:14">
      <c r="N824209" s="10"/>
    </row>
    <row r="824210" spans="14:14">
      <c r="N824210" s="10"/>
    </row>
    <row r="824211" spans="14:14">
      <c r="N824211" s="10"/>
    </row>
    <row r="824212" spans="14:14">
      <c r="N824212" s="10"/>
    </row>
    <row r="824213" spans="14:14">
      <c r="N824213" s="10"/>
    </row>
    <row r="824214" spans="14:14">
      <c r="N824214" s="10"/>
    </row>
    <row r="824215" spans="14:14">
      <c r="N824215" s="10"/>
    </row>
    <row r="824216" spans="14:14">
      <c r="N824216" s="10"/>
    </row>
    <row r="824217" spans="14:14">
      <c r="N824217" s="10"/>
    </row>
    <row r="824218" spans="14:14">
      <c r="N824218" s="10"/>
    </row>
    <row r="824219" spans="14:14">
      <c r="N824219" s="10"/>
    </row>
    <row r="824220" spans="14:14">
      <c r="N824220" s="10"/>
    </row>
    <row r="824221" spans="14:14">
      <c r="N824221" s="10"/>
    </row>
    <row r="824222" spans="14:14">
      <c r="N824222" s="10"/>
    </row>
    <row r="824223" spans="14:14">
      <c r="N824223" s="10"/>
    </row>
    <row r="824224" spans="14:14">
      <c r="N824224" s="10"/>
    </row>
    <row r="824225" spans="14:14">
      <c r="N824225" s="10"/>
    </row>
    <row r="824226" spans="14:14">
      <c r="N824226" s="10"/>
    </row>
    <row r="824227" spans="14:14">
      <c r="N824227" s="10"/>
    </row>
    <row r="824228" spans="14:14">
      <c r="N824228" s="10"/>
    </row>
    <row r="824229" spans="14:14">
      <c r="N824229" s="10"/>
    </row>
    <row r="824230" spans="14:14">
      <c r="N824230" s="10"/>
    </row>
    <row r="824231" spans="14:14">
      <c r="N824231" s="10"/>
    </row>
    <row r="824232" spans="14:14">
      <c r="N824232" s="10"/>
    </row>
    <row r="824233" spans="14:14">
      <c r="N824233" s="10"/>
    </row>
    <row r="824234" spans="14:14">
      <c r="N824234" s="10"/>
    </row>
    <row r="824235" spans="14:14">
      <c r="N824235" s="10"/>
    </row>
    <row r="824236" spans="14:14">
      <c r="N824236" s="10"/>
    </row>
    <row r="824237" spans="14:14">
      <c r="N824237" s="10"/>
    </row>
    <row r="824238" spans="14:14">
      <c r="N824238" s="10"/>
    </row>
    <row r="824239" spans="14:14">
      <c r="N824239" s="10"/>
    </row>
    <row r="824240" spans="14:14">
      <c r="N824240" s="10"/>
    </row>
    <row r="824241" spans="14:14">
      <c r="N824241" s="10"/>
    </row>
    <row r="824242" spans="14:14">
      <c r="N824242" s="10"/>
    </row>
    <row r="824243" spans="14:14">
      <c r="N824243" s="10"/>
    </row>
    <row r="824244" spans="14:14">
      <c r="N824244" s="10"/>
    </row>
    <row r="824245" spans="14:14">
      <c r="N824245" s="10"/>
    </row>
    <row r="824246" spans="14:14">
      <c r="N824246" s="10"/>
    </row>
    <row r="824247" spans="14:14">
      <c r="N824247" s="10"/>
    </row>
    <row r="824248" spans="14:14">
      <c r="N824248" s="10"/>
    </row>
    <row r="824249" spans="14:14">
      <c r="N824249" s="10"/>
    </row>
    <row r="824250" spans="14:14">
      <c r="N824250" s="10"/>
    </row>
    <row r="824251" spans="14:14">
      <c r="N824251" s="10"/>
    </row>
    <row r="824252" spans="14:14">
      <c r="N824252" s="10"/>
    </row>
    <row r="824253" spans="14:14">
      <c r="N824253" s="10"/>
    </row>
    <row r="824254" spans="14:14">
      <c r="N824254" s="10"/>
    </row>
    <row r="824255" spans="14:14">
      <c r="N824255" s="10"/>
    </row>
    <row r="824256" spans="14:14">
      <c r="N824256" s="10"/>
    </row>
    <row r="824257" spans="14:14">
      <c r="N824257" s="10"/>
    </row>
    <row r="824258" spans="14:14">
      <c r="N824258" s="10"/>
    </row>
    <row r="824259" spans="14:14">
      <c r="N824259" s="10"/>
    </row>
    <row r="824260" spans="14:14">
      <c r="N824260" s="10"/>
    </row>
    <row r="824261" spans="14:14">
      <c r="N824261" s="10"/>
    </row>
    <row r="824262" spans="14:14">
      <c r="N824262" s="10"/>
    </row>
    <row r="824263" spans="14:14">
      <c r="N824263" s="10"/>
    </row>
    <row r="824264" spans="14:14">
      <c r="N824264" s="10"/>
    </row>
    <row r="824265" spans="14:14">
      <c r="N824265" s="10"/>
    </row>
    <row r="824266" spans="14:14">
      <c r="N824266" s="10"/>
    </row>
    <row r="824267" spans="14:14">
      <c r="N824267" s="10"/>
    </row>
    <row r="824268" spans="14:14">
      <c r="N824268" s="10"/>
    </row>
    <row r="824269" spans="14:14">
      <c r="N824269" s="10"/>
    </row>
    <row r="824270" spans="14:14">
      <c r="N824270" s="10"/>
    </row>
    <row r="824271" spans="14:14">
      <c r="N824271" s="10"/>
    </row>
    <row r="824272" spans="14:14">
      <c r="N824272" s="10"/>
    </row>
    <row r="824273" spans="14:14">
      <c r="N824273" s="10"/>
    </row>
    <row r="824274" spans="14:14">
      <c r="N824274" s="10"/>
    </row>
    <row r="824275" spans="14:14">
      <c r="N824275" s="10"/>
    </row>
    <row r="824276" spans="14:14">
      <c r="N824276" s="10"/>
    </row>
    <row r="824277" spans="14:14">
      <c r="N824277" s="10"/>
    </row>
    <row r="824278" spans="14:14">
      <c r="N824278" s="10"/>
    </row>
    <row r="824279" spans="14:14">
      <c r="N824279" s="10"/>
    </row>
    <row r="824280" spans="14:14">
      <c r="N824280" s="10"/>
    </row>
    <row r="824281" spans="14:14">
      <c r="N824281" s="10"/>
    </row>
    <row r="824282" spans="14:14">
      <c r="N824282" s="10"/>
    </row>
    <row r="824283" spans="14:14">
      <c r="N824283" s="10"/>
    </row>
    <row r="824284" spans="14:14">
      <c r="N824284" s="10"/>
    </row>
    <row r="824285" spans="14:14">
      <c r="N824285" s="10"/>
    </row>
    <row r="824286" spans="14:14">
      <c r="N824286" s="10"/>
    </row>
    <row r="824287" spans="14:14">
      <c r="N824287" s="10"/>
    </row>
    <row r="824288" spans="14:14">
      <c r="N824288" s="10"/>
    </row>
    <row r="824289" spans="14:14">
      <c r="N824289" s="10"/>
    </row>
    <row r="824290" spans="14:14">
      <c r="N824290" s="10"/>
    </row>
    <row r="824291" spans="14:14">
      <c r="N824291" s="10"/>
    </row>
    <row r="824292" spans="14:14">
      <c r="N824292" s="10"/>
    </row>
    <row r="824293" spans="14:14">
      <c r="N824293" s="10"/>
    </row>
    <row r="824294" spans="14:14">
      <c r="N824294" s="10"/>
    </row>
    <row r="824295" spans="14:14">
      <c r="N824295" s="10"/>
    </row>
    <row r="824296" spans="14:14">
      <c r="N824296" s="10"/>
    </row>
    <row r="824297" spans="14:14">
      <c r="N824297" s="10"/>
    </row>
    <row r="824298" spans="14:14">
      <c r="N824298" s="10"/>
    </row>
    <row r="824299" spans="14:14">
      <c r="N824299" s="10"/>
    </row>
    <row r="824300" spans="14:14">
      <c r="N824300" s="10"/>
    </row>
    <row r="824301" spans="14:14">
      <c r="N824301" s="10"/>
    </row>
    <row r="824302" spans="14:14">
      <c r="N824302" s="10"/>
    </row>
    <row r="824303" spans="14:14">
      <c r="N824303" s="10"/>
    </row>
    <row r="824304" spans="14:14">
      <c r="N824304" s="10"/>
    </row>
    <row r="824305" spans="14:14">
      <c r="N824305" s="10"/>
    </row>
    <row r="824306" spans="14:14">
      <c r="N824306" s="10"/>
    </row>
    <row r="824307" spans="14:14">
      <c r="N824307" s="10"/>
    </row>
    <row r="824308" spans="14:14">
      <c r="N824308" s="10"/>
    </row>
    <row r="824309" spans="14:14">
      <c r="N824309" s="10"/>
    </row>
    <row r="824310" spans="14:14">
      <c r="N824310" s="10"/>
    </row>
    <row r="824311" spans="14:14">
      <c r="N824311" s="10"/>
    </row>
    <row r="824312" spans="14:14">
      <c r="N824312" s="10"/>
    </row>
    <row r="824313" spans="14:14">
      <c r="N824313" s="10"/>
    </row>
    <row r="824314" spans="14:14">
      <c r="N824314" s="10"/>
    </row>
    <row r="824315" spans="14:14">
      <c r="N824315" s="10"/>
    </row>
    <row r="824316" spans="14:14">
      <c r="N824316" s="10"/>
    </row>
    <row r="824317" spans="14:14">
      <c r="N824317" s="10"/>
    </row>
    <row r="824318" spans="14:14">
      <c r="N824318" s="10"/>
    </row>
    <row r="824319" spans="14:14">
      <c r="N824319" s="10"/>
    </row>
    <row r="824320" spans="14:14">
      <c r="N824320" s="10"/>
    </row>
    <row r="824321" spans="14:14">
      <c r="N824321" s="10"/>
    </row>
    <row r="824322" spans="14:14">
      <c r="N824322" s="10"/>
    </row>
    <row r="824323" spans="14:14">
      <c r="N824323" s="10"/>
    </row>
    <row r="824324" spans="14:14">
      <c r="N824324" s="10"/>
    </row>
    <row r="824325" spans="14:14">
      <c r="N824325" s="10"/>
    </row>
    <row r="824326" spans="14:14">
      <c r="N824326" s="10"/>
    </row>
    <row r="824327" spans="14:14">
      <c r="N824327" s="10"/>
    </row>
    <row r="824328" spans="14:14">
      <c r="N824328" s="10"/>
    </row>
    <row r="824329" spans="14:14">
      <c r="N824329" s="10"/>
    </row>
    <row r="824330" spans="14:14">
      <c r="N824330" s="10"/>
    </row>
    <row r="824331" spans="14:14">
      <c r="N824331" s="10"/>
    </row>
    <row r="824332" spans="14:14">
      <c r="N824332" s="10"/>
    </row>
    <row r="824333" spans="14:14">
      <c r="N824333" s="10"/>
    </row>
    <row r="824334" spans="14:14">
      <c r="N824334" s="10"/>
    </row>
    <row r="824335" spans="14:14">
      <c r="N824335" s="10"/>
    </row>
    <row r="824336" spans="14:14">
      <c r="N824336" s="10"/>
    </row>
    <row r="824337" spans="14:14">
      <c r="N824337" s="10"/>
    </row>
    <row r="824338" spans="14:14">
      <c r="N824338" s="10"/>
    </row>
    <row r="824339" spans="14:14">
      <c r="N824339" s="10"/>
    </row>
    <row r="824340" spans="14:14">
      <c r="N824340" s="10"/>
    </row>
    <row r="824341" spans="14:14">
      <c r="N824341" s="10"/>
    </row>
    <row r="824342" spans="14:14">
      <c r="N824342" s="10"/>
    </row>
    <row r="824343" spans="14:14">
      <c r="N824343" s="10"/>
    </row>
    <row r="824344" spans="14:14">
      <c r="N824344" s="10"/>
    </row>
    <row r="824345" spans="14:14">
      <c r="N824345" s="10"/>
    </row>
    <row r="824346" spans="14:14">
      <c r="N824346" s="10"/>
    </row>
    <row r="824347" spans="14:14">
      <c r="N824347" s="10"/>
    </row>
    <row r="824348" spans="14:14">
      <c r="N824348" s="10"/>
    </row>
    <row r="824349" spans="14:14">
      <c r="N824349" s="10"/>
    </row>
    <row r="824350" spans="14:14">
      <c r="N824350" s="10"/>
    </row>
    <row r="824351" spans="14:14">
      <c r="N824351" s="10"/>
    </row>
    <row r="824352" spans="14:14">
      <c r="N824352" s="10"/>
    </row>
    <row r="824353" spans="14:14">
      <c r="N824353" s="10"/>
    </row>
    <row r="824354" spans="14:14">
      <c r="N824354" s="10"/>
    </row>
    <row r="824355" spans="14:14">
      <c r="N824355" s="10"/>
    </row>
    <row r="824356" spans="14:14">
      <c r="N824356" s="10"/>
    </row>
    <row r="824357" spans="14:14">
      <c r="N824357" s="10"/>
    </row>
    <row r="824358" spans="14:14">
      <c r="N824358" s="10"/>
    </row>
    <row r="824359" spans="14:14">
      <c r="N824359" s="10"/>
    </row>
    <row r="824360" spans="14:14">
      <c r="N824360" s="10"/>
    </row>
    <row r="824361" spans="14:14">
      <c r="N824361" s="10"/>
    </row>
    <row r="824362" spans="14:14">
      <c r="N824362" s="10"/>
    </row>
    <row r="824363" spans="14:14">
      <c r="N824363" s="10"/>
    </row>
    <row r="824364" spans="14:14">
      <c r="N824364" s="10"/>
    </row>
    <row r="824365" spans="14:14">
      <c r="N824365" s="10"/>
    </row>
    <row r="824366" spans="14:14">
      <c r="N824366" s="10"/>
    </row>
    <row r="824367" spans="14:14">
      <c r="N824367" s="10"/>
    </row>
    <row r="824368" spans="14:14">
      <c r="N824368" s="10"/>
    </row>
    <row r="824369" spans="14:14">
      <c r="N824369" s="10"/>
    </row>
    <row r="824370" spans="14:14">
      <c r="N824370" s="10"/>
    </row>
    <row r="824371" spans="14:14">
      <c r="N824371" s="10"/>
    </row>
    <row r="824372" spans="14:14">
      <c r="N824372" s="10"/>
    </row>
    <row r="824373" spans="14:14">
      <c r="N824373" s="10"/>
    </row>
    <row r="824374" spans="14:14">
      <c r="N824374" s="10"/>
    </row>
    <row r="824375" spans="14:14">
      <c r="N824375" s="10"/>
    </row>
    <row r="824376" spans="14:14">
      <c r="N824376" s="10"/>
    </row>
    <row r="824377" spans="14:14">
      <c r="N824377" s="10"/>
    </row>
    <row r="824378" spans="14:14">
      <c r="N824378" s="10"/>
    </row>
    <row r="824379" spans="14:14">
      <c r="N824379" s="10"/>
    </row>
    <row r="824380" spans="14:14">
      <c r="N824380" s="10"/>
    </row>
    <row r="824381" spans="14:14">
      <c r="N824381" s="10"/>
    </row>
    <row r="824382" spans="14:14">
      <c r="N824382" s="10"/>
    </row>
    <row r="824383" spans="14:14">
      <c r="N824383" s="10"/>
    </row>
    <row r="824384" spans="14:14">
      <c r="N824384" s="10"/>
    </row>
    <row r="824385" spans="14:14">
      <c r="N824385" s="10"/>
    </row>
    <row r="824386" spans="14:14">
      <c r="N824386" s="10"/>
    </row>
    <row r="824387" spans="14:14">
      <c r="N824387" s="10"/>
    </row>
    <row r="824388" spans="14:14">
      <c r="N824388" s="10"/>
    </row>
    <row r="824389" spans="14:14">
      <c r="N824389" s="10"/>
    </row>
    <row r="824390" spans="14:14">
      <c r="N824390" s="10"/>
    </row>
    <row r="824391" spans="14:14">
      <c r="N824391" s="10"/>
    </row>
    <row r="824392" spans="14:14">
      <c r="N824392" s="10"/>
    </row>
    <row r="824393" spans="14:14">
      <c r="N824393" s="10"/>
    </row>
    <row r="824394" spans="14:14">
      <c r="N824394" s="10"/>
    </row>
    <row r="824395" spans="14:14">
      <c r="N824395" s="10"/>
    </row>
    <row r="824396" spans="14:14">
      <c r="N824396" s="10"/>
    </row>
    <row r="824397" spans="14:14">
      <c r="N824397" s="10"/>
    </row>
    <row r="824398" spans="14:14">
      <c r="N824398" s="10"/>
    </row>
    <row r="824399" spans="14:14">
      <c r="N824399" s="10"/>
    </row>
    <row r="824400" spans="14:14">
      <c r="N824400" s="10"/>
    </row>
    <row r="824401" spans="14:14">
      <c r="N824401" s="10"/>
    </row>
    <row r="824402" spans="14:14">
      <c r="N824402" s="10"/>
    </row>
    <row r="824403" spans="14:14">
      <c r="N824403" s="10"/>
    </row>
    <row r="824404" spans="14:14">
      <c r="N824404" s="10"/>
    </row>
    <row r="824405" spans="14:14">
      <c r="N824405" s="10"/>
    </row>
    <row r="824406" spans="14:14">
      <c r="N824406" s="10"/>
    </row>
    <row r="824407" spans="14:14">
      <c r="N824407" s="10"/>
    </row>
    <row r="824408" spans="14:14">
      <c r="N824408" s="10"/>
    </row>
    <row r="824409" spans="14:14">
      <c r="N824409" s="10"/>
    </row>
    <row r="824410" spans="14:14">
      <c r="N824410" s="10"/>
    </row>
    <row r="824411" spans="14:14">
      <c r="N824411" s="10"/>
    </row>
    <row r="824412" spans="14:14">
      <c r="N824412" s="10"/>
    </row>
    <row r="824413" spans="14:14">
      <c r="N824413" s="10"/>
    </row>
    <row r="824414" spans="14:14">
      <c r="N824414" s="10"/>
    </row>
    <row r="824415" spans="14:14">
      <c r="N824415" s="10"/>
    </row>
    <row r="824416" spans="14:14">
      <c r="N824416" s="10"/>
    </row>
    <row r="824417" spans="14:14">
      <c r="N824417" s="10"/>
    </row>
    <row r="824418" spans="14:14">
      <c r="N824418" s="10"/>
    </row>
    <row r="824419" spans="14:14">
      <c r="N824419" s="10"/>
    </row>
    <row r="824420" spans="14:14">
      <c r="N824420" s="10"/>
    </row>
    <row r="824421" spans="14:14">
      <c r="N824421" s="10"/>
    </row>
    <row r="824422" spans="14:14">
      <c r="N824422" s="10"/>
    </row>
    <row r="824423" spans="14:14">
      <c r="N824423" s="10"/>
    </row>
    <row r="824424" spans="14:14">
      <c r="N824424" s="10"/>
    </row>
    <row r="824425" spans="14:14">
      <c r="N824425" s="10"/>
    </row>
    <row r="824426" spans="14:14">
      <c r="N824426" s="10"/>
    </row>
    <row r="824427" spans="14:14">
      <c r="N824427" s="10"/>
    </row>
    <row r="824428" spans="14:14">
      <c r="N824428" s="10"/>
    </row>
    <row r="824429" spans="14:14">
      <c r="N824429" s="10"/>
    </row>
    <row r="824430" spans="14:14">
      <c r="N824430" s="10"/>
    </row>
    <row r="824431" spans="14:14">
      <c r="N824431" s="10"/>
    </row>
    <row r="824432" spans="14:14">
      <c r="N824432" s="10"/>
    </row>
    <row r="824433" spans="14:14">
      <c r="N824433" s="10"/>
    </row>
    <row r="824434" spans="14:14">
      <c r="N824434" s="10"/>
    </row>
    <row r="824435" spans="14:14">
      <c r="N824435" s="10"/>
    </row>
    <row r="824436" spans="14:14">
      <c r="N824436" s="10"/>
    </row>
    <row r="824437" spans="14:14">
      <c r="N824437" s="10"/>
    </row>
    <row r="824438" spans="14:14">
      <c r="N824438" s="10"/>
    </row>
    <row r="824439" spans="14:14">
      <c r="N824439" s="10"/>
    </row>
    <row r="824440" spans="14:14">
      <c r="N824440" s="10"/>
    </row>
    <row r="824441" spans="14:14">
      <c r="N824441" s="10"/>
    </row>
    <row r="824442" spans="14:14">
      <c r="N824442" s="10"/>
    </row>
    <row r="824443" spans="14:14">
      <c r="N824443" s="10"/>
    </row>
    <row r="824444" spans="14:14">
      <c r="N824444" s="10"/>
    </row>
    <row r="824445" spans="14:14">
      <c r="N824445" s="10"/>
    </row>
    <row r="824446" spans="14:14">
      <c r="N824446" s="10"/>
    </row>
    <row r="824447" spans="14:14">
      <c r="N824447" s="10"/>
    </row>
    <row r="824448" spans="14:14">
      <c r="N824448" s="10"/>
    </row>
    <row r="824449" spans="14:14">
      <c r="N824449" s="10"/>
    </row>
    <row r="824450" spans="14:14">
      <c r="N824450" s="10"/>
    </row>
    <row r="824451" spans="14:14">
      <c r="N824451" s="10"/>
    </row>
    <row r="824452" spans="14:14">
      <c r="N824452" s="10"/>
    </row>
    <row r="824453" spans="14:14">
      <c r="N824453" s="10"/>
    </row>
    <row r="824454" spans="14:14">
      <c r="N824454" s="10"/>
    </row>
    <row r="824455" spans="14:14">
      <c r="N824455" s="10"/>
    </row>
    <row r="824456" spans="14:14">
      <c r="N824456" s="10"/>
    </row>
    <row r="824457" spans="14:14">
      <c r="N824457" s="10"/>
    </row>
    <row r="824458" spans="14:14">
      <c r="N824458" s="10"/>
    </row>
    <row r="824459" spans="14:14">
      <c r="N824459" s="10"/>
    </row>
    <row r="824460" spans="14:14">
      <c r="N824460" s="10"/>
    </row>
    <row r="824461" spans="14:14">
      <c r="N824461" s="10"/>
    </row>
    <row r="824462" spans="14:14">
      <c r="N824462" s="10"/>
    </row>
    <row r="824463" spans="14:14">
      <c r="N824463" s="10"/>
    </row>
    <row r="824464" spans="14:14">
      <c r="N824464" s="10"/>
    </row>
    <row r="824465" spans="14:14">
      <c r="N824465" s="10"/>
    </row>
    <row r="824466" spans="14:14">
      <c r="N824466" s="10"/>
    </row>
    <row r="824467" spans="14:14">
      <c r="N824467" s="10"/>
    </row>
    <row r="824468" spans="14:14">
      <c r="N824468" s="10"/>
    </row>
    <row r="824469" spans="14:14">
      <c r="N824469" s="10"/>
    </row>
    <row r="824470" spans="14:14">
      <c r="N824470" s="10"/>
    </row>
    <row r="824471" spans="14:14">
      <c r="N824471" s="10"/>
    </row>
    <row r="824472" spans="14:14">
      <c r="N824472" s="10"/>
    </row>
    <row r="824473" spans="14:14">
      <c r="N824473" s="10"/>
    </row>
    <row r="824474" spans="14:14">
      <c r="N824474" s="10"/>
    </row>
    <row r="824475" spans="14:14">
      <c r="N824475" s="10"/>
    </row>
    <row r="824476" spans="14:14">
      <c r="N824476" s="10"/>
    </row>
    <row r="824477" spans="14:14">
      <c r="N824477" s="10"/>
    </row>
    <row r="824478" spans="14:14">
      <c r="N824478" s="10"/>
    </row>
    <row r="824479" spans="14:14">
      <c r="N824479" s="10"/>
    </row>
    <row r="824480" spans="14:14">
      <c r="N824480" s="10"/>
    </row>
    <row r="824481" spans="14:14">
      <c r="N824481" s="10"/>
    </row>
    <row r="824482" spans="14:14">
      <c r="N824482" s="10"/>
    </row>
    <row r="824483" spans="14:14">
      <c r="N824483" s="10"/>
    </row>
    <row r="824484" spans="14:14">
      <c r="N824484" s="10"/>
    </row>
    <row r="824485" spans="14:14">
      <c r="N824485" s="10"/>
    </row>
    <row r="824486" spans="14:14">
      <c r="N824486" s="10"/>
    </row>
    <row r="824487" spans="14:14">
      <c r="N824487" s="10"/>
    </row>
    <row r="824488" spans="14:14">
      <c r="N824488" s="10"/>
    </row>
    <row r="824489" spans="14:14">
      <c r="N824489" s="10"/>
    </row>
    <row r="824490" spans="14:14">
      <c r="N824490" s="10"/>
    </row>
    <row r="824491" spans="14:14">
      <c r="N824491" s="10"/>
    </row>
    <row r="824492" spans="14:14">
      <c r="N824492" s="10"/>
    </row>
    <row r="824493" spans="14:14">
      <c r="N824493" s="10"/>
    </row>
    <row r="824494" spans="14:14">
      <c r="N824494" s="10"/>
    </row>
    <row r="824495" spans="14:14">
      <c r="N824495" s="10"/>
    </row>
    <row r="824496" spans="14:14">
      <c r="N824496" s="10"/>
    </row>
    <row r="824497" spans="14:14">
      <c r="N824497" s="10"/>
    </row>
    <row r="824498" spans="14:14">
      <c r="N824498" s="10"/>
    </row>
    <row r="824499" spans="14:14">
      <c r="N824499" s="10"/>
    </row>
    <row r="824500" spans="14:14">
      <c r="N824500" s="10"/>
    </row>
    <row r="824501" spans="14:14">
      <c r="N824501" s="10"/>
    </row>
    <row r="824502" spans="14:14">
      <c r="N824502" s="10"/>
    </row>
    <row r="824503" spans="14:14">
      <c r="N824503" s="10"/>
    </row>
    <row r="824504" spans="14:14">
      <c r="N824504" s="10"/>
    </row>
    <row r="824505" spans="14:14">
      <c r="N824505" s="10"/>
    </row>
    <row r="824506" spans="14:14">
      <c r="N824506" s="10"/>
    </row>
    <row r="824507" spans="14:14">
      <c r="N824507" s="10"/>
    </row>
    <row r="824508" spans="14:14">
      <c r="N824508" s="10"/>
    </row>
    <row r="824509" spans="14:14">
      <c r="N824509" s="10"/>
    </row>
    <row r="824510" spans="14:14">
      <c r="N824510" s="10"/>
    </row>
    <row r="824511" spans="14:14">
      <c r="N824511" s="10"/>
    </row>
    <row r="824512" spans="14:14">
      <c r="N824512" s="10"/>
    </row>
    <row r="824513" spans="14:14">
      <c r="N824513" s="10"/>
    </row>
    <row r="824514" spans="14:14">
      <c r="N824514" s="10"/>
    </row>
    <row r="824515" spans="14:14">
      <c r="N824515" s="10"/>
    </row>
    <row r="824516" spans="14:14">
      <c r="N824516" s="10"/>
    </row>
    <row r="824517" spans="14:14">
      <c r="N824517" s="10"/>
    </row>
    <row r="824518" spans="14:14">
      <c r="N824518" s="10"/>
    </row>
    <row r="824519" spans="14:14">
      <c r="N824519" s="10"/>
    </row>
    <row r="824520" spans="14:14">
      <c r="N824520" s="10"/>
    </row>
    <row r="824521" spans="14:14">
      <c r="N824521" s="10"/>
    </row>
    <row r="824522" spans="14:14">
      <c r="N824522" s="10"/>
    </row>
    <row r="824523" spans="14:14">
      <c r="N824523" s="10"/>
    </row>
    <row r="824524" spans="14:14">
      <c r="N824524" s="10"/>
    </row>
    <row r="824525" spans="14:14">
      <c r="N824525" s="10"/>
    </row>
    <row r="824526" spans="14:14">
      <c r="N824526" s="10"/>
    </row>
    <row r="824527" spans="14:14">
      <c r="N824527" s="10"/>
    </row>
    <row r="824528" spans="14:14">
      <c r="N824528" s="10"/>
    </row>
    <row r="824529" spans="14:14">
      <c r="N824529" s="10"/>
    </row>
    <row r="824530" spans="14:14">
      <c r="N824530" s="10"/>
    </row>
    <row r="824531" spans="14:14">
      <c r="N824531" s="10"/>
    </row>
    <row r="824532" spans="14:14">
      <c r="N824532" s="10"/>
    </row>
    <row r="824533" spans="14:14">
      <c r="N824533" s="10"/>
    </row>
    <row r="824534" spans="14:14">
      <c r="N824534" s="10"/>
    </row>
    <row r="824535" spans="14:14">
      <c r="N824535" s="10"/>
    </row>
    <row r="824536" spans="14:14">
      <c r="N824536" s="10"/>
    </row>
    <row r="824537" spans="14:14">
      <c r="N824537" s="10"/>
    </row>
    <row r="824538" spans="14:14">
      <c r="N824538" s="10"/>
    </row>
    <row r="824539" spans="14:14">
      <c r="N824539" s="10"/>
    </row>
    <row r="824540" spans="14:14">
      <c r="N824540" s="10"/>
    </row>
    <row r="824541" spans="14:14">
      <c r="N824541" s="10"/>
    </row>
    <row r="824542" spans="14:14">
      <c r="N824542" s="10"/>
    </row>
    <row r="824543" spans="14:14">
      <c r="N824543" s="10"/>
    </row>
    <row r="824544" spans="14:14">
      <c r="N824544" s="10"/>
    </row>
    <row r="824545" spans="14:14">
      <c r="N824545" s="10"/>
    </row>
    <row r="824546" spans="14:14">
      <c r="N824546" s="10"/>
    </row>
    <row r="824547" spans="14:14">
      <c r="N824547" s="10"/>
    </row>
    <row r="824548" spans="14:14">
      <c r="N824548" s="10"/>
    </row>
    <row r="824549" spans="14:14">
      <c r="N824549" s="10"/>
    </row>
    <row r="824550" spans="14:14">
      <c r="N824550" s="10"/>
    </row>
    <row r="824551" spans="14:14">
      <c r="N824551" s="10"/>
    </row>
    <row r="824552" spans="14:14">
      <c r="N824552" s="10"/>
    </row>
    <row r="824553" spans="14:14">
      <c r="N824553" s="10"/>
    </row>
    <row r="824554" spans="14:14">
      <c r="N824554" s="10"/>
    </row>
    <row r="824555" spans="14:14">
      <c r="N824555" s="10"/>
    </row>
    <row r="824556" spans="14:14">
      <c r="N824556" s="10"/>
    </row>
    <row r="824557" spans="14:14">
      <c r="N824557" s="10"/>
    </row>
    <row r="824558" spans="14:14">
      <c r="N824558" s="10"/>
    </row>
    <row r="824559" spans="14:14">
      <c r="N824559" s="10"/>
    </row>
    <row r="824560" spans="14:14">
      <c r="N824560" s="10"/>
    </row>
    <row r="824561" spans="14:14">
      <c r="N824561" s="10"/>
    </row>
    <row r="824562" spans="14:14">
      <c r="N824562" s="10"/>
    </row>
    <row r="824563" spans="14:14">
      <c r="N824563" s="10"/>
    </row>
    <row r="824564" spans="14:14">
      <c r="N824564" s="10"/>
    </row>
    <row r="824565" spans="14:14">
      <c r="N824565" s="10"/>
    </row>
    <row r="824566" spans="14:14">
      <c r="N824566" s="10"/>
    </row>
    <row r="824567" spans="14:14">
      <c r="N824567" s="10"/>
    </row>
    <row r="824568" spans="14:14">
      <c r="N824568" s="10"/>
    </row>
    <row r="824569" spans="14:14">
      <c r="N824569" s="10"/>
    </row>
    <row r="824570" spans="14:14">
      <c r="N824570" s="10"/>
    </row>
    <row r="824571" spans="14:14">
      <c r="N824571" s="10"/>
    </row>
    <row r="824572" spans="14:14">
      <c r="N824572" s="10"/>
    </row>
    <row r="824573" spans="14:14">
      <c r="N824573" s="10"/>
    </row>
    <row r="824574" spans="14:14">
      <c r="N824574" s="10"/>
    </row>
    <row r="824575" spans="14:14">
      <c r="N824575" s="10"/>
    </row>
    <row r="824576" spans="14:14">
      <c r="N824576" s="10"/>
    </row>
    <row r="824577" spans="14:14">
      <c r="N824577" s="10"/>
    </row>
    <row r="824578" spans="14:14">
      <c r="N824578" s="10"/>
    </row>
    <row r="824579" spans="14:14">
      <c r="N824579" s="10"/>
    </row>
    <row r="824580" spans="14:14">
      <c r="N824580" s="10"/>
    </row>
    <row r="824581" spans="14:14">
      <c r="N824581" s="10"/>
    </row>
    <row r="824582" spans="14:14">
      <c r="N824582" s="10"/>
    </row>
    <row r="824583" spans="14:14">
      <c r="N824583" s="10"/>
    </row>
    <row r="824584" spans="14:14">
      <c r="N824584" s="10"/>
    </row>
    <row r="824585" spans="14:14">
      <c r="N824585" s="10"/>
    </row>
    <row r="824586" spans="14:14">
      <c r="N824586" s="10"/>
    </row>
    <row r="824587" spans="14:14">
      <c r="N824587" s="10"/>
    </row>
    <row r="824588" spans="14:14">
      <c r="N824588" s="10"/>
    </row>
    <row r="824589" spans="14:14">
      <c r="N824589" s="10"/>
    </row>
    <row r="824590" spans="14:14">
      <c r="N824590" s="10"/>
    </row>
    <row r="824591" spans="14:14">
      <c r="N824591" s="10"/>
    </row>
    <row r="824592" spans="14:14">
      <c r="N824592" s="10"/>
    </row>
    <row r="824593" spans="14:14">
      <c r="N824593" s="10"/>
    </row>
    <row r="824594" spans="14:14">
      <c r="N824594" s="10"/>
    </row>
    <row r="824595" spans="14:14">
      <c r="N824595" s="10"/>
    </row>
    <row r="824596" spans="14:14">
      <c r="N824596" s="10"/>
    </row>
    <row r="824597" spans="14:14">
      <c r="N824597" s="10"/>
    </row>
    <row r="824598" spans="14:14">
      <c r="N824598" s="10"/>
    </row>
    <row r="824599" spans="14:14">
      <c r="N824599" s="10"/>
    </row>
    <row r="824600" spans="14:14">
      <c r="N824600" s="10"/>
    </row>
    <row r="824601" spans="14:14">
      <c r="N824601" s="10"/>
    </row>
    <row r="824602" spans="14:14">
      <c r="N824602" s="10"/>
    </row>
    <row r="824603" spans="14:14">
      <c r="N824603" s="10"/>
    </row>
    <row r="824604" spans="14:14">
      <c r="N824604" s="10"/>
    </row>
    <row r="824605" spans="14:14">
      <c r="N824605" s="10"/>
    </row>
    <row r="824606" spans="14:14">
      <c r="N824606" s="10"/>
    </row>
    <row r="824607" spans="14:14">
      <c r="N824607" s="10"/>
    </row>
    <row r="824608" spans="14:14">
      <c r="N824608" s="10"/>
    </row>
    <row r="824609" spans="14:14">
      <c r="N824609" s="10"/>
    </row>
    <row r="824610" spans="14:14">
      <c r="N824610" s="10"/>
    </row>
    <row r="824611" spans="14:14">
      <c r="N824611" s="10"/>
    </row>
    <row r="824612" spans="14:14">
      <c r="N824612" s="10"/>
    </row>
    <row r="824613" spans="14:14">
      <c r="N824613" s="10"/>
    </row>
    <row r="824614" spans="14:14">
      <c r="N824614" s="10"/>
    </row>
    <row r="824615" spans="14:14">
      <c r="N824615" s="10"/>
    </row>
    <row r="824616" spans="14:14">
      <c r="N824616" s="10"/>
    </row>
    <row r="824617" spans="14:14">
      <c r="N824617" s="10"/>
    </row>
    <row r="824618" spans="14:14">
      <c r="N824618" s="10"/>
    </row>
    <row r="824619" spans="14:14">
      <c r="N824619" s="10"/>
    </row>
    <row r="824620" spans="14:14">
      <c r="N824620" s="10"/>
    </row>
    <row r="824621" spans="14:14">
      <c r="N824621" s="10"/>
    </row>
    <row r="824622" spans="14:14">
      <c r="N824622" s="10"/>
    </row>
    <row r="824623" spans="14:14">
      <c r="N824623" s="10"/>
    </row>
    <row r="824624" spans="14:14">
      <c r="N824624" s="10"/>
    </row>
    <row r="824625" spans="14:14">
      <c r="N824625" s="10"/>
    </row>
    <row r="824626" spans="14:14">
      <c r="N824626" s="10"/>
    </row>
    <row r="824627" spans="14:14">
      <c r="N824627" s="10"/>
    </row>
    <row r="824628" spans="14:14">
      <c r="N824628" s="10"/>
    </row>
    <row r="824629" spans="14:14">
      <c r="N824629" s="10"/>
    </row>
    <row r="824630" spans="14:14">
      <c r="N824630" s="10"/>
    </row>
    <row r="824631" spans="14:14">
      <c r="N824631" s="10"/>
    </row>
    <row r="824632" spans="14:14">
      <c r="N824632" s="10"/>
    </row>
    <row r="824633" spans="14:14">
      <c r="N824633" s="10"/>
    </row>
    <row r="824634" spans="14:14">
      <c r="N824634" s="10"/>
    </row>
    <row r="824635" spans="14:14">
      <c r="N824635" s="10"/>
    </row>
    <row r="824636" spans="14:14">
      <c r="N824636" s="10"/>
    </row>
    <row r="824637" spans="14:14">
      <c r="N824637" s="10"/>
    </row>
    <row r="824638" spans="14:14">
      <c r="N824638" s="10"/>
    </row>
    <row r="824639" spans="14:14">
      <c r="N824639" s="10"/>
    </row>
    <row r="824640" spans="14:14">
      <c r="N824640" s="10"/>
    </row>
    <row r="824641" spans="14:14">
      <c r="N824641" s="10"/>
    </row>
    <row r="824642" spans="14:14">
      <c r="N824642" s="10"/>
    </row>
    <row r="824643" spans="14:14">
      <c r="N824643" s="10"/>
    </row>
    <row r="824644" spans="14:14">
      <c r="N824644" s="10"/>
    </row>
    <row r="824645" spans="14:14">
      <c r="N824645" s="10"/>
    </row>
    <row r="824646" spans="14:14">
      <c r="N824646" s="10"/>
    </row>
    <row r="824647" spans="14:14">
      <c r="N824647" s="10"/>
    </row>
    <row r="824648" spans="14:14">
      <c r="N824648" s="10"/>
    </row>
    <row r="824649" spans="14:14">
      <c r="N824649" s="10"/>
    </row>
    <row r="824650" spans="14:14">
      <c r="N824650" s="10"/>
    </row>
    <row r="824651" spans="14:14">
      <c r="N824651" s="10"/>
    </row>
    <row r="824652" spans="14:14">
      <c r="N824652" s="10"/>
    </row>
    <row r="824653" spans="14:14">
      <c r="N824653" s="10"/>
    </row>
    <row r="824654" spans="14:14">
      <c r="N824654" s="10"/>
    </row>
    <row r="824655" spans="14:14">
      <c r="N824655" s="10"/>
    </row>
    <row r="824656" spans="14:14">
      <c r="N824656" s="10"/>
    </row>
    <row r="824657" spans="14:14">
      <c r="N824657" s="10"/>
    </row>
    <row r="824658" spans="14:14">
      <c r="N824658" s="10"/>
    </row>
    <row r="824659" spans="14:14">
      <c r="N824659" s="10"/>
    </row>
    <row r="824660" spans="14:14">
      <c r="N824660" s="10"/>
    </row>
    <row r="824661" spans="14:14">
      <c r="N824661" s="10"/>
    </row>
    <row r="824662" spans="14:14">
      <c r="N824662" s="10"/>
    </row>
    <row r="824663" spans="14:14">
      <c r="N824663" s="10"/>
    </row>
    <row r="824664" spans="14:14">
      <c r="N824664" s="10"/>
    </row>
    <row r="824665" spans="14:14">
      <c r="N824665" s="10"/>
    </row>
    <row r="824666" spans="14:14">
      <c r="N824666" s="10"/>
    </row>
    <row r="824667" spans="14:14">
      <c r="N824667" s="10"/>
    </row>
    <row r="824668" spans="14:14">
      <c r="N824668" s="10"/>
    </row>
    <row r="824669" spans="14:14">
      <c r="N824669" s="10"/>
    </row>
    <row r="824670" spans="14:14">
      <c r="N824670" s="10"/>
    </row>
    <row r="824671" spans="14:14">
      <c r="N824671" s="10"/>
    </row>
    <row r="824672" spans="14:14">
      <c r="N824672" s="10"/>
    </row>
    <row r="824673" spans="14:14">
      <c r="N824673" s="10"/>
    </row>
    <row r="824674" spans="14:14">
      <c r="N824674" s="10"/>
    </row>
    <row r="824675" spans="14:14">
      <c r="N824675" s="10"/>
    </row>
    <row r="824676" spans="14:14">
      <c r="N824676" s="10"/>
    </row>
    <row r="824677" spans="14:14">
      <c r="N824677" s="10"/>
    </row>
    <row r="824678" spans="14:14">
      <c r="N824678" s="10"/>
    </row>
    <row r="824679" spans="14:14">
      <c r="N824679" s="10"/>
    </row>
    <row r="824680" spans="14:14">
      <c r="N824680" s="10"/>
    </row>
    <row r="824681" spans="14:14">
      <c r="N824681" s="10"/>
    </row>
    <row r="824682" spans="14:14">
      <c r="N824682" s="10"/>
    </row>
    <row r="824683" spans="14:14">
      <c r="N824683" s="10"/>
    </row>
    <row r="824684" spans="14:14">
      <c r="N824684" s="10"/>
    </row>
    <row r="824685" spans="14:14">
      <c r="N824685" s="10"/>
    </row>
    <row r="824686" spans="14:14">
      <c r="N824686" s="10"/>
    </row>
    <row r="824687" spans="14:14">
      <c r="N824687" s="10"/>
    </row>
    <row r="824688" spans="14:14">
      <c r="N824688" s="10"/>
    </row>
    <row r="824689" spans="14:14">
      <c r="N824689" s="10"/>
    </row>
    <row r="824690" spans="14:14">
      <c r="N824690" s="10"/>
    </row>
    <row r="824691" spans="14:14">
      <c r="N824691" s="10"/>
    </row>
    <row r="824692" spans="14:14">
      <c r="N824692" s="10"/>
    </row>
    <row r="824693" spans="14:14">
      <c r="N824693" s="10"/>
    </row>
    <row r="824694" spans="14:14">
      <c r="N824694" s="10"/>
    </row>
    <row r="824695" spans="14:14">
      <c r="N824695" s="10"/>
    </row>
    <row r="824696" spans="14:14">
      <c r="N824696" s="10"/>
    </row>
    <row r="824697" spans="14:14">
      <c r="N824697" s="10"/>
    </row>
    <row r="824698" spans="14:14">
      <c r="N824698" s="10"/>
    </row>
    <row r="824699" spans="14:14">
      <c r="N824699" s="10"/>
    </row>
    <row r="824700" spans="14:14">
      <c r="N824700" s="10"/>
    </row>
    <row r="824701" spans="14:14">
      <c r="N824701" s="10"/>
    </row>
    <row r="824702" spans="14:14">
      <c r="N824702" s="10"/>
    </row>
    <row r="824703" spans="14:14">
      <c r="N824703" s="10"/>
    </row>
    <row r="824704" spans="14:14">
      <c r="N824704" s="10"/>
    </row>
    <row r="824705" spans="14:14">
      <c r="N824705" s="10"/>
    </row>
    <row r="824706" spans="14:14">
      <c r="N824706" s="10"/>
    </row>
    <row r="824707" spans="14:14">
      <c r="N824707" s="10"/>
    </row>
    <row r="824708" spans="14:14">
      <c r="N824708" s="10"/>
    </row>
    <row r="824709" spans="14:14">
      <c r="N824709" s="10"/>
    </row>
    <row r="824710" spans="14:14">
      <c r="N824710" s="10"/>
    </row>
    <row r="824711" spans="14:14">
      <c r="N824711" s="10"/>
    </row>
    <row r="824712" spans="14:14">
      <c r="N824712" s="10"/>
    </row>
    <row r="824713" spans="14:14">
      <c r="N824713" s="10"/>
    </row>
    <row r="824714" spans="14:14">
      <c r="N824714" s="10"/>
    </row>
    <row r="824715" spans="14:14">
      <c r="N824715" s="10"/>
    </row>
    <row r="824716" spans="14:14">
      <c r="N824716" s="10"/>
    </row>
    <row r="824717" spans="14:14">
      <c r="N824717" s="10"/>
    </row>
    <row r="824718" spans="14:14">
      <c r="N824718" s="10"/>
    </row>
    <row r="824719" spans="14:14">
      <c r="N824719" s="10"/>
    </row>
    <row r="824720" spans="14:14">
      <c r="N824720" s="10"/>
    </row>
    <row r="824721" spans="14:14">
      <c r="N824721" s="10"/>
    </row>
    <row r="824722" spans="14:14">
      <c r="N824722" s="10"/>
    </row>
    <row r="824723" spans="14:14">
      <c r="N824723" s="10"/>
    </row>
    <row r="824724" spans="14:14">
      <c r="N824724" s="10"/>
    </row>
    <row r="824725" spans="14:14">
      <c r="N824725" s="10"/>
    </row>
    <row r="824726" spans="14:14">
      <c r="N824726" s="10"/>
    </row>
    <row r="824727" spans="14:14">
      <c r="N824727" s="10"/>
    </row>
    <row r="824728" spans="14:14">
      <c r="N824728" s="10"/>
    </row>
    <row r="824729" spans="14:14">
      <c r="N824729" s="10"/>
    </row>
    <row r="824730" spans="14:14">
      <c r="N824730" s="10"/>
    </row>
    <row r="824731" spans="14:14">
      <c r="N824731" s="10"/>
    </row>
    <row r="824732" spans="14:14">
      <c r="N824732" s="10"/>
    </row>
    <row r="824733" spans="14:14">
      <c r="N824733" s="10"/>
    </row>
    <row r="824734" spans="14:14">
      <c r="N824734" s="10"/>
    </row>
    <row r="824735" spans="14:14">
      <c r="N824735" s="10"/>
    </row>
    <row r="824736" spans="14:14">
      <c r="N824736" s="10"/>
    </row>
    <row r="824737" spans="14:14">
      <c r="N824737" s="10"/>
    </row>
    <row r="824738" spans="14:14">
      <c r="N824738" s="10"/>
    </row>
    <row r="824739" spans="14:14">
      <c r="N824739" s="10"/>
    </row>
    <row r="824740" spans="14:14">
      <c r="N824740" s="10"/>
    </row>
    <row r="824741" spans="14:14">
      <c r="N824741" s="10"/>
    </row>
    <row r="824742" spans="14:14">
      <c r="N824742" s="10"/>
    </row>
    <row r="824743" spans="14:14">
      <c r="N824743" s="10"/>
    </row>
    <row r="824744" spans="14:14">
      <c r="N824744" s="10"/>
    </row>
    <row r="824745" spans="14:14">
      <c r="N824745" s="10"/>
    </row>
    <row r="824746" spans="14:14">
      <c r="N824746" s="10"/>
    </row>
    <row r="824747" spans="14:14">
      <c r="N824747" s="10"/>
    </row>
    <row r="824748" spans="14:14">
      <c r="N824748" s="10"/>
    </row>
    <row r="824749" spans="14:14">
      <c r="N824749" s="10"/>
    </row>
    <row r="824750" spans="14:14">
      <c r="N824750" s="10"/>
    </row>
    <row r="824751" spans="14:14">
      <c r="N824751" s="10"/>
    </row>
    <row r="824752" spans="14:14">
      <c r="N824752" s="10"/>
    </row>
    <row r="824753" spans="14:14">
      <c r="N824753" s="10"/>
    </row>
    <row r="824754" spans="14:14">
      <c r="N824754" s="10"/>
    </row>
    <row r="824755" spans="14:14">
      <c r="N824755" s="10"/>
    </row>
    <row r="824756" spans="14:14">
      <c r="N824756" s="10"/>
    </row>
    <row r="824757" spans="14:14">
      <c r="N824757" s="10"/>
    </row>
    <row r="824758" spans="14:14">
      <c r="N824758" s="10"/>
    </row>
    <row r="824759" spans="14:14">
      <c r="N824759" s="10"/>
    </row>
    <row r="824760" spans="14:14">
      <c r="N824760" s="10"/>
    </row>
    <row r="824761" spans="14:14">
      <c r="N824761" s="10"/>
    </row>
    <row r="824762" spans="14:14">
      <c r="N824762" s="10"/>
    </row>
    <row r="824763" spans="14:14">
      <c r="N824763" s="10"/>
    </row>
    <row r="824764" spans="14:14">
      <c r="N824764" s="10"/>
    </row>
    <row r="824765" spans="14:14">
      <c r="N824765" s="10"/>
    </row>
    <row r="824766" spans="14:14">
      <c r="N824766" s="10"/>
    </row>
    <row r="824767" spans="14:14">
      <c r="N824767" s="10"/>
    </row>
    <row r="824768" spans="14:14">
      <c r="N824768" s="10"/>
    </row>
    <row r="824769" spans="14:14">
      <c r="N824769" s="10"/>
    </row>
    <row r="824770" spans="14:14">
      <c r="N824770" s="10"/>
    </row>
    <row r="824771" spans="14:14">
      <c r="N824771" s="10"/>
    </row>
    <row r="824772" spans="14:14">
      <c r="N824772" s="10"/>
    </row>
    <row r="824773" spans="14:14">
      <c r="N824773" s="10"/>
    </row>
    <row r="824774" spans="14:14">
      <c r="N824774" s="10"/>
    </row>
    <row r="824775" spans="14:14">
      <c r="N824775" s="10"/>
    </row>
    <row r="824776" spans="14:14">
      <c r="N824776" s="10"/>
    </row>
    <row r="824777" spans="14:14">
      <c r="N824777" s="10"/>
    </row>
    <row r="824778" spans="14:14">
      <c r="N824778" s="10"/>
    </row>
    <row r="824779" spans="14:14">
      <c r="N824779" s="10"/>
    </row>
    <row r="824780" spans="14:14">
      <c r="N824780" s="10"/>
    </row>
    <row r="824781" spans="14:14">
      <c r="N824781" s="10"/>
    </row>
    <row r="824782" spans="14:14">
      <c r="N824782" s="10"/>
    </row>
    <row r="824783" spans="14:14">
      <c r="N824783" s="10"/>
    </row>
    <row r="824784" spans="14:14">
      <c r="N824784" s="10"/>
    </row>
    <row r="824785" spans="14:14">
      <c r="N824785" s="10"/>
    </row>
    <row r="824786" spans="14:14">
      <c r="N824786" s="10"/>
    </row>
    <row r="824787" spans="14:14">
      <c r="N824787" s="10"/>
    </row>
    <row r="824788" spans="14:14">
      <c r="N824788" s="10"/>
    </row>
    <row r="824789" spans="14:14">
      <c r="N824789" s="10"/>
    </row>
    <row r="824790" spans="14:14">
      <c r="N824790" s="10"/>
    </row>
    <row r="824791" spans="14:14">
      <c r="N824791" s="10"/>
    </row>
    <row r="824792" spans="14:14">
      <c r="N824792" s="10"/>
    </row>
    <row r="824793" spans="14:14">
      <c r="N824793" s="10"/>
    </row>
    <row r="824794" spans="14:14">
      <c r="N824794" s="10"/>
    </row>
    <row r="824795" spans="14:14">
      <c r="N824795" s="10"/>
    </row>
    <row r="824796" spans="14:14">
      <c r="N824796" s="10"/>
    </row>
    <row r="824797" spans="14:14">
      <c r="N824797" s="10"/>
    </row>
    <row r="824798" spans="14:14">
      <c r="N824798" s="10"/>
    </row>
    <row r="824799" spans="14:14">
      <c r="N824799" s="10"/>
    </row>
    <row r="824800" spans="14:14">
      <c r="N824800" s="10"/>
    </row>
    <row r="824801" spans="14:14">
      <c r="N824801" s="10"/>
    </row>
    <row r="824802" spans="14:14">
      <c r="N824802" s="10"/>
    </row>
    <row r="824803" spans="14:14">
      <c r="N824803" s="10"/>
    </row>
    <row r="824804" spans="14:14">
      <c r="N824804" s="10"/>
    </row>
    <row r="824805" spans="14:14">
      <c r="N824805" s="10"/>
    </row>
    <row r="824806" spans="14:14">
      <c r="N824806" s="10"/>
    </row>
    <row r="824807" spans="14:14">
      <c r="N824807" s="10"/>
    </row>
    <row r="824808" spans="14:14">
      <c r="N824808" s="10"/>
    </row>
    <row r="824809" spans="14:14">
      <c r="N824809" s="10"/>
    </row>
    <row r="824810" spans="14:14">
      <c r="N824810" s="10"/>
    </row>
    <row r="824811" spans="14:14">
      <c r="N824811" s="10"/>
    </row>
    <row r="824812" spans="14:14">
      <c r="N824812" s="10"/>
    </row>
    <row r="824813" spans="14:14">
      <c r="N824813" s="10"/>
    </row>
    <row r="824814" spans="14:14">
      <c r="N824814" s="10"/>
    </row>
    <row r="824815" spans="14:14">
      <c r="N824815" s="10"/>
    </row>
    <row r="824816" spans="14:14">
      <c r="N824816" s="10"/>
    </row>
    <row r="824817" spans="14:14">
      <c r="N824817" s="10"/>
    </row>
    <row r="824818" spans="14:14">
      <c r="N824818" s="10"/>
    </row>
    <row r="824819" spans="14:14">
      <c r="N824819" s="10"/>
    </row>
    <row r="824820" spans="14:14">
      <c r="N824820" s="10"/>
    </row>
    <row r="824821" spans="14:14">
      <c r="N824821" s="10"/>
    </row>
    <row r="824822" spans="14:14">
      <c r="N824822" s="10"/>
    </row>
    <row r="824823" spans="14:14">
      <c r="N824823" s="10"/>
    </row>
    <row r="824824" spans="14:14">
      <c r="N824824" s="10"/>
    </row>
    <row r="824825" spans="14:14">
      <c r="N824825" s="10"/>
    </row>
    <row r="824826" spans="14:14">
      <c r="N824826" s="10"/>
    </row>
    <row r="824827" spans="14:14">
      <c r="N824827" s="10"/>
    </row>
    <row r="824828" spans="14:14">
      <c r="N824828" s="10"/>
    </row>
    <row r="824829" spans="14:14">
      <c r="N824829" s="10"/>
    </row>
    <row r="824830" spans="14:14">
      <c r="N824830" s="10"/>
    </row>
    <row r="824831" spans="14:14">
      <c r="N824831" s="10"/>
    </row>
    <row r="824832" spans="14:14">
      <c r="N824832" s="10"/>
    </row>
    <row r="824833" spans="14:14">
      <c r="N824833" s="10"/>
    </row>
    <row r="824834" spans="14:14">
      <c r="N824834" s="10"/>
    </row>
    <row r="824835" spans="14:14">
      <c r="N824835" s="10"/>
    </row>
    <row r="824836" spans="14:14">
      <c r="N824836" s="10"/>
    </row>
    <row r="824837" spans="14:14">
      <c r="N824837" s="10"/>
    </row>
    <row r="824838" spans="14:14">
      <c r="N824838" s="10"/>
    </row>
    <row r="824839" spans="14:14">
      <c r="N824839" s="10"/>
    </row>
    <row r="824840" spans="14:14">
      <c r="N824840" s="10"/>
    </row>
    <row r="824841" spans="14:14">
      <c r="N824841" s="10"/>
    </row>
    <row r="824842" spans="14:14">
      <c r="N824842" s="10"/>
    </row>
    <row r="824843" spans="14:14">
      <c r="N824843" s="10"/>
    </row>
    <row r="824844" spans="14:14">
      <c r="N824844" s="10"/>
    </row>
    <row r="824845" spans="14:14">
      <c r="N824845" s="10"/>
    </row>
    <row r="824846" spans="14:14">
      <c r="N824846" s="10"/>
    </row>
    <row r="824847" spans="14:14">
      <c r="N824847" s="10"/>
    </row>
    <row r="824848" spans="14:14">
      <c r="N824848" s="10"/>
    </row>
    <row r="824849" spans="14:14">
      <c r="N824849" s="10"/>
    </row>
    <row r="824850" spans="14:14">
      <c r="N824850" s="10"/>
    </row>
    <row r="824851" spans="14:14">
      <c r="N824851" s="10"/>
    </row>
    <row r="824852" spans="14:14">
      <c r="N824852" s="10"/>
    </row>
    <row r="824853" spans="14:14">
      <c r="N824853" s="10"/>
    </row>
    <row r="824854" spans="14:14">
      <c r="N824854" s="10"/>
    </row>
    <row r="824855" spans="14:14">
      <c r="N824855" s="10"/>
    </row>
    <row r="824856" spans="14:14">
      <c r="N824856" s="10"/>
    </row>
    <row r="824857" spans="14:14">
      <c r="N824857" s="10"/>
    </row>
    <row r="824858" spans="14:14">
      <c r="N824858" s="10"/>
    </row>
    <row r="824859" spans="14:14">
      <c r="N824859" s="10"/>
    </row>
    <row r="824860" spans="14:14">
      <c r="N824860" s="10"/>
    </row>
    <row r="824861" spans="14:14">
      <c r="N824861" s="10"/>
    </row>
    <row r="824862" spans="14:14">
      <c r="N824862" s="10"/>
    </row>
    <row r="824863" spans="14:14">
      <c r="N824863" s="10"/>
    </row>
    <row r="824864" spans="14:14">
      <c r="N824864" s="10"/>
    </row>
    <row r="824865" spans="14:14">
      <c r="N824865" s="10"/>
    </row>
    <row r="824866" spans="14:14">
      <c r="N824866" s="10"/>
    </row>
    <row r="824867" spans="14:14">
      <c r="N824867" s="10"/>
    </row>
    <row r="824868" spans="14:14">
      <c r="N824868" s="10"/>
    </row>
    <row r="824869" spans="14:14">
      <c r="N824869" s="10"/>
    </row>
    <row r="824870" spans="14:14">
      <c r="N824870" s="10"/>
    </row>
    <row r="824871" spans="14:14">
      <c r="N824871" s="10"/>
    </row>
    <row r="824872" spans="14:14">
      <c r="N824872" s="10"/>
    </row>
    <row r="824873" spans="14:14">
      <c r="N824873" s="10"/>
    </row>
    <row r="824874" spans="14:14">
      <c r="N824874" s="10"/>
    </row>
    <row r="824875" spans="14:14">
      <c r="N824875" s="10"/>
    </row>
    <row r="824876" spans="14:14">
      <c r="N824876" s="10"/>
    </row>
    <row r="824877" spans="14:14">
      <c r="N824877" s="10"/>
    </row>
    <row r="824878" spans="14:14">
      <c r="N824878" s="10"/>
    </row>
    <row r="824879" spans="14:14">
      <c r="N824879" s="10"/>
    </row>
    <row r="824880" spans="14:14">
      <c r="N824880" s="10"/>
    </row>
    <row r="824881" spans="14:14">
      <c r="N824881" s="10"/>
    </row>
    <row r="824882" spans="14:14">
      <c r="N824882" s="10"/>
    </row>
    <row r="824883" spans="14:14">
      <c r="N824883" s="10"/>
    </row>
    <row r="824884" spans="14:14">
      <c r="N824884" s="10"/>
    </row>
    <row r="824885" spans="14:14">
      <c r="N824885" s="10"/>
    </row>
    <row r="824886" spans="14:14">
      <c r="N824886" s="10"/>
    </row>
    <row r="824887" spans="14:14">
      <c r="N824887" s="10"/>
    </row>
    <row r="824888" spans="14:14">
      <c r="N824888" s="10"/>
    </row>
    <row r="824889" spans="14:14">
      <c r="N824889" s="10"/>
    </row>
    <row r="824890" spans="14:14">
      <c r="N824890" s="10"/>
    </row>
    <row r="824891" spans="14:14">
      <c r="N824891" s="10"/>
    </row>
    <row r="824892" spans="14:14">
      <c r="N824892" s="10"/>
    </row>
    <row r="824893" spans="14:14">
      <c r="N824893" s="10"/>
    </row>
    <row r="824894" spans="14:14">
      <c r="N824894" s="10"/>
    </row>
    <row r="824895" spans="14:14">
      <c r="N824895" s="10"/>
    </row>
    <row r="824896" spans="14:14">
      <c r="N824896" s="10"/>
    </row>
    <row r="824897" spans="14:14">
      <c r="N824897" s="10"/>
    </row>
    <row r="824898" spans="14:14">
      <c r="N824898" s="10"/>
    </row>
    <row r="824899" spans="14:14">
      <c r="N824899" s="10"/>
    </row>
    <row r="824900" spans="14:14">
      <c r="N824900" s="10"/>
    </row>
    <row r="824901" spans="14:14">
      <c r="N824901" s="10"/>
    </row>
    <row r="824902" spans="14:14">
      <c r="N824902" s="10"/>
    </row>
    <row r="824903" spans="14:14">
      <c r="N824903" s="10"/>
    </row>
    <row r="824904" spans="14:14">
      <c r="N824904" s="10"/>
    </row>
    <row r="824905" spans="14:14">
      <c r="N824905" s="10"/>
    </row>
    <row r="824906" spans="14:14">
      <c r="N824906" s="10"/>
    </row>
    <row r="824907" spans="14:14">
      <c r="N824907" s="10"/>
    </row>
    <row r="824908" spans="14:14">
      <c r="N824908" s="10"/>
    </row>
    <row r="824909" spans="14:14">
      <c r="N824909" s="10"/>
    </row>
    <row r="824910" spans="14:14">
      <c r="N824910" s="10"/>
    </row>
    <row r="824911" spans="14:14">
      <c r="N824911" s="10"/>
    </row>
    <row r="824912" spans="14:14">
      <c r="N824912" s="10"/>
    </row>
    <row r="824913" spans="14:14">
      <c r="N824913" s="10"/>
    </row>
    <row r="824914" spans="14:14">
      <c r="N824914" s="10"/>
    </row>
    <row r="824915" spans="14:14">
      <c r="N824915" s="10"/>
    </row>
    <row r="824916" spans="14:14">
      <c r="N824916" s="10"/>
    </row>
    <row r="824917" spans="14:14">
      <c r="N824917" s="10"/>
    </row>
    <row r="824918" spans="14:14">
      <c r="N824918" s="10"/>
    </row>
    <row r="824919" spans="14:14">
      <c r="N824919" s="10"/>
    </row>
    <row r="824920" spans="14:14">
      <c r="N824920" s="10"/>
    </row>
    <row r="824921" spans="14:14">
      <c r="N824921" s="10"/>
    </row>
    <row r="824922" spans="14:14">
      <c r="N824922" s="10"/>
    </row>
    <row r="824923" spans="14:14">
      <c r="N824923" s="10"/>
    </row>
    <row r="824924" spans="14:14">
      <c r="N824924" s="10"/>
    </row>
    <row r="824925" spans="14:14">
      <c r="N824925" s="10"/>
    </row>
    <row r="824926" spans="14:14">
      <c r="N824926" s="10"/>
    </row>
    <row r="824927" spans="14:14">
      <c r="N824927" s="10"/>
    </row>
    <row r="824928" spans="14:14">
      <c r="N824928" s="10"/>
    </row>
    <row r="824929" spans="14:14">
      <c r="N824929" s="10"/>
    </row>
    <row r="824930" spans="14:14">
      <c r="N824930" s="10"/>
    </row>
    <row r="824931" spans="14:14">
      <c r="N824931" s="10"/>
    </row>
    <row r="824932" spans="14:14">
      <c r="N824932" s="10"/>
    </row>
    <row r="824933" spans="14:14">
      <c r="N824933" s="10"/>
    </row>
    <row r="824934" spans="14:14">
      <c r="N824934" s="10"/>
    </row>
    <row r="824935" spans="14:14">
      <c r="N824935" s="10"/>
    </row>
    <row r="824936" spans="14:14">
      <c r="N824936" s="10"/>
    </row>
    <row r="824937" spans="14:14">
      <c r="N824937" s="10"/>
    </row>
    <row r="824938" spans="14:14">
      <c r="N824938" s="10"/>
    </row>
    <row r="824939" spans="14:14">
      <c r="N824939" s="10"/>
    </row>
    <row r="824940" spans="14:14">
      <c r="N824940" s="10"/>
    </row>
    <row r="824941" spans="14:14">
      <c r="N824941" s="10"/>
    </row>
    <row r="824942" spans="14:14">
      <c r="N824942" s="10"/>
    </row>
    <row r="824943" spans="14:14">
      <c r="N824943" s="10"/>
    </row>
    <row r="824944" spans="14:14">
      <c r="N824944" s="10"/>
    </row>
    <row r="824945" spans="14:14">
      <c r="N824945" s="10"/>
    </row>
    <row r="824946" spans="14:14">
      <c r="N824946" s="10"/>
    </row>
    <row r="824947" spans="14:14">
      <c r="N824947" s="10"/>
    </row>
    <row r="824948" spans="14:14">
      <c r="N824948" s="10"/>
    </row>
    <row r="824949" spans="14:14">
      <c r="N824949" s="10"/>
    </row>
    <row r="824950" spans="14:14">
      <c r="N824950" s="10"/>
    </row>
    <row r="824951" spans="14:14">
      <c r="N824951" s="10"/>
    </row>
    <row r="824952" spans="14:14">
      <c r="N824952" s="10"/>
    </row>
    <row r="824953" spans="14:14">
      <c r="N824953" s="10"/>
    </row>
    <row r="824954" spans="14:14">
      <c r="N824954" s="10"/>
    </row>
    <row r="824955" spans="14:14">
      <c r="N824955" s="10"/>
    </row>
    <row r="824956" spans="14:14">
      <c r="N824956" s="10"/>
    </row>
    <row r="824957" spans="14:14">
      <c r="N824957" s="10"/>
    </row>
    <row r="824958" spans="14:14">
      <c r="N824958" s="10"/>
    </row>
    <row r="824959" spans="14:14">
      <c r="N824959" s="10"/>
    </row>
    <row r="824960" spans="14:14">
      <c r="N824960" s="10"/>
    </row>
    <row r="824961" spans="14:14">
      <c r="N824961" s="10"/>
    </row>
    <row r="824962" spans="14:14">
      <c r="N824962" s="10"/>
    </row>
    <row r="824963" spans="14:14">
      <c r="N824963" s="10"/>
    </row>
    <row r="824964" spans="14:14">
      <c r="N824964" s="10"/>
    </row>
    <row r="824965" spans="14:14">
      <c r="N824965" s="10"/>
    </row>
    <row r="824966" spans="14:14">
      <c r="N824966" s="10"/>
    </row>
    <row r="824967" spans="14:14">
      <c r="N824967" s="10"/>
    </row>
    <row r="824968" spans="14:14">
      <c r="N824968" s="10"/>
    </row>
    <row r="824969" spans="14:14">
      <c r="N824969" s="10"/>
    </row>
    <row r="824970" spans="14:14">
      <c r="N824970" s="10"/>
    </row>
    <row r="824971" spans="14:14">
      <c r="N824971" s="10"/>
    </row>
    <row r="824972" spans="14:14">
      <c r="N824972" s="10"/>
    </row>
    <row r="824973" spans="14:14">
      <c r="N824973" s="10"/>
    </row>
    <row r="824974" spans="14:14">
      <c r="N824974" s="10"/>
    </row>
    <row r="824975" spans="14:14">
      <c r="N824975" s="10"/>
    </row>
    <row r="824976" spans="14:14">
      <c r="N824976" s="10"/>
    </row>
    <row r="824977" spans="14:14">
      <c r="N824977" s="10"/>
    </row>
    <row r="824978" spans="14:14">
      <c r="N824978" s="10"/>
    </row>
    <row r="824979" spans="14:14">
      <c r="N824979" s="10"/>
    </row>
    <row r="824980" spans="14:14">
      <c r="N824980" s="10"/>
    </row>
    <row r="824981" spans="14:14">
      <c r="N824981" s="10"/>
    </row>
    <row r="824982" spans="14:14">
      <c r="N824982" s="10"/>
    </row>
    <row r="824983" spans="14:14">
      <c r="N824983" s="10"/>
    </row>
    <row r="824984" spans="14:14">
      <c r="N824984" s="10"/>
    </row>
    <row r="824985" spans="14:14">
      <c r="N824985" s="10"/>
    </row>
    <row r="824986" spans="14:14">
      <c r="N824986" s="10"/>
    </row>
    <row r="824987" spans="14:14">
      <c r="N824987" s="10"/>
    </row>
    <row r="824988" spans="14:14">
      <c r="N824988" s="10"/>
    </row>
    <row r="824989" spans="14:14">
      <c r="N824989" s="10"/>
    </row>
    <row r="824990" spans="14:14">
      <c r="N824990" s="10"/>
    </row>
    <row r="824991" spans="14:14">
      <c r="N824991" s="10"/>
    </row>
    <row r="824992" spans="14:14">
      <c r="N824992" s="10"/>
    </row>
    <row r="824993" spans="14:14">
      <c r="N824993" s="10"/>
    </row>
    <row r="824994" spans="14:14">
      <c r="N824994" s="10"/>
    </row>
    <row r="824995" spans="14:14">
      <c r="N824995" s="10"/>
    </row>
    <row r="824996" spans="14:14">
      <c r="N824996" s="10"/>
    </row>
    <row r="824997" spans="14:14">
      <c r="N824997" s="10"/>
    </row>
    <row r="824998" spans="14:14">
      <c r="N824998" s="10"/>
    </row>
    <row r="824999" spans="14:14">
      <c r="N824999" s="10"/>
    </row>
    <row r="825000" spans="14:14">
      <c r="N825000" s="10"/>
    </row>
    <row r="825001" spans="14:14">
      <c r="N825001" s="10"/>
    </row>
    <row r="825002" spans="14:14">
      <c r="N825002" s="10"/>
    </row>
    <row r="825003" spans="14:14">
      <c r="N825003" s="10"/>
    </row>
    <row r="825004" spans="14:14">
      <c r="N825004" s="10"/>
    </row>
    <row r="825005" spans="14:14">
      <c r="N825005" s="10"/>
    </row>
    <row r="825006" spans="14:14">
      <c r="N825006" s="10"/>
    </row>
    <row r="825007" spans="14:14">
      <c r="N825007" s="10"/>
    </row>
    <row r="825008" spans="14:14">
      <c r="N825008" s="10"/>
    </row>
    <row r="825009" spans="14:14">
      <c r="N825009" s="10"/>
    </row>
    <row r="825010" spans="14:14">
      <c r="N825010" s="10"/>
    </row>
    <row r="825011" spans="14:14">
      <c r="N825011" s="10"/>
    </row>
    <row r="825012" spans="14:14">
      <c r="N825012" s="10"/>
    </row>
    <row r="825013" spans="14:14">
      <c r="N825013" s="10"/>
    </row>
    <row r="825014" spans="14:14">
      <c r="N825014" s="10"/>
    </row>
    <row r="825015" spans="14:14">
      <c r="N825015" s="10"/>
    </row>
    <row r="825016" spans="14:14">
      <c r="N825016" s="10"/>
    </row>
    <row r="825017" spans="14:14">
      <c r="N825017" s="10"/>
    </row>
    <row r="825018" spans="14:14">
      <c r="N825018" s="10"/>
    </row>
    <row r="825019" spans="14:14">
      <c r="N825019" s="10"/>
    </row>
    <row r="825020" spans="14:14">
      <c r="N825020" s="10"/>
    </row>
    <row r="825021" spans="14:14">
      <c r="N825021" s="10"/>
    </row>
    <row r="825022" spans="14:14">
      <c r="N825022" s="10"/>
    </row>
    <row r="825023" spans="14:14">
      <c r="N825023" s="10"/>
    </row>
    <row r="825024" spans="14:14">
      <c r="N825024" s="10"/>
    </row>
    <row r="825025" spans="14:14">
      <c r="N825025" s="10"/>
    </row>
    <row r="825026" spans="14:14">
      <c r="N825026" s="10"/>
    </row>
    <row r="825027" spans="14:14">
      <c r="N825027" s="10"/>
    </row>
    <row r="825028" spans="14:14">
      <c r="N825028" s="10"/>
    </row>
    <row r="825029" spans="14:14">
      <c r="N825029" s="10"/>
    </row>
    <row r="825030" spans="14:14">
      <c r="N825030" s="10"/>
    </row>
    <row r="825031" spans="14:14">
      <c r="N825031" s="10"/>
    </row>
    <row r="825032" spans="14:14">
      <c r="N825032" s="10"/>
    </row>
    <row r="825033" spans="14:14">
      <c r="N825033" s="10"/>
    </row>
    <row r="825034" spans="14:14">
      <c r="N825034" s="10"/>
    </row>
    <row r="825035" spans="14:14">
      <c r="N825035" s="10"/>
    </row>
    <row r="825036" spans="14:14">
      <c r="N825036" s="10"/>
    </row>
    <row r="825037" spans="14:14">
      <c r="N825037" s="10"/>
    </row>
    <row r="825038" spans="14:14">
      <c r="N825038" s="10"/>
    </row>
    <row r="825039" spans="14:14">
      <c r="N825039" s="10"/>
    </row>
    <row r="825040" spans="14:14">
      <c r="N825040" s="10"/>
    </row>
    <row r="825041" spans="14:14">
      <c r="N825041" s="10"/>
    </row>
    <row r="825042" spans="14:14">
      <c r="N825042" s="10"/>
    </row>
    <row r="825043" spans="14:14">
      <c r="N825043" s="10"/>
    </row>
    <row r="825044" spans="14:14">
      <c r="N825044" s="10"/>
    </row>
    <row r="825045" spans="14:14">
      <c r="N825045" s="10"/>
    </row>
    <row r="825046" spans="14:14">
      <c r="N825046" s="10"/>
    </row>
    <row r="825047" spans="14:14">
      <c r="N825047" s="10"/>
    </row>
    <row r="825048" spans="14:14">
      <c r="N825048" s="10"/>
    </row>
    <row r="825049" spans="14:14">
      <c r="N825049" s="10"/>
    </row>
    <row r="825050" spans="14:14">
      <c r="N825050" s="10"/>
    </row>
    <row r="825051" spans="14:14">
      <c r="N825051" s="10"/>
    </row>
    <row r="825052" spans="14:14">
      <c r="N825052" s="10"/>
    </row>
    <row r="825053" spans="14:14">
      <c r="N825053" s="10"/>
    </row>
    <row r="825054" spans="14:14">
      <c r="N825054" s="10"/>
    </row>
    <row r="825055" spans="14:14">
      <c r="N825055" s="10"/>
    </row>
    <row r="825056" spans="14:14">
      <c r="N825056" s="10"/>
    </row>
    <row r="825057" spans="14:14">
      <c r="N825057" s="10"/>
    </row>
    <row r="825058" spans="14:14">
      <c r="N825058" s="10"/>
    </row>
    <row r="825059" spans="14:14">
      <c r="N825059" s="10"/>
    </row>
    <row r="825060" spans="14:14">
      <c r="N825060" s="10"/>
    </row>
    <row r="825061" spans="14:14">
      <c r="N825061" s="10"/>
    </row>
    <row r="825062" spans="14:14">
      <c r="N825062" s="10"/>
    </row>
    <row r="825063" spans="14:14">
      <c r="N825063" s="10"/>
    </row>
    <row r="825064" spans="14:14">
      <c r="N825064" s="10"/>
    </row>
    <row r="825065" spans="14:14">
      <c r="N825065" s="10"/>
    </row>
    <row r="825066" spans="14:14">
      <c r="N825066" s="10"/>
    </row>
    <row r="825067" spans="14:14">
      <c r="N825067" s="10"/>
    </row>
    <row r="825068" spans="14:14">
      <c r="N825068" s="10"/>
    </row>
    <row r="825069" spans="14:14">
      <c r="N825069" s="10"/>
    </row>
    <row r="825070" spans="14:14">
      <c r="N825070" s="10"/>
    </row>
    <row r="825071" spans="14:14">
      <c r="N825071" s="10"/>
    </row>
    <row r="825072" spans="14:14">
      <c r="N825072" s="10"/>
    </row>
    <row r="825073" spans="14:14">
      <c r="N825073" s="10"/>
    </row>
    <row r="825074" spans="14:14">
      <c r="N825074" s="10"/>
    </row>
    <row r="825075" spans="14:14">
      <c r="N825075" s="10"/>
    </row>
    <row r="825076" spans="14:14">
      <c r="N825076" s="10"/>
    </row>
    <row r="825077" spans="14:14">
      <c r="N825077" s="10"/>
    </row>
    <row r="825078" spans="14:14">
      <c r="N825078" s="10"/>
    </row>
    <row r="825079" spans="14:14">
      <c r="N825079" s="10"/>
    </row>
    <row r="825080" spans="14:14">
      <c r="N825080" s="10"/>
    </row>
    <row r="825081" spans="14:14">
      <c r="N825081" s="10"/>
    </row>
    <row r="825082" spans="14:14">
      <c r="N825082" s="10"/>
    </row>
    <row r="825083" spans="14:14">
      <c r="N825083" s="10"/>
    </row>
    <row r="825084" spans="14:14">
      <c r="N825084" s="10"/>
    </row>
    <row r="825085" spans="14:14">
      <c r="N825085" s="10"/>
    </row>
    <row r="825086" spans="14:14">
      <c r="N825086" s="10"/>
    </row>
    <row r="825087" spans="14:14">
      <c r="N825087" s="10"/>
    </row>
    <row r="825088" spans="14:14">
      <c r="N825088" s="10"/>
    </row>
    <row r="825089" spans="14:14">
      <c r="N825089" s="10"/>
    </row>
    <row r="825090" spans="14:14">
      <c r="N825090" s="10"/>
    </row>
    <row r="825091" spans="14:14">
      <c r="N825091" s="10"/>
    </row>
    <row r="825092" spans="14:14">
      <c r="N825092" s="10"/>
    </row>
    <row r="825093" spans="14:14">
      <c r="N825093" s="10"/>
    </row>
    <row r="825094" spans="14:14">
      <c r="N825094" s="10"/>
    </row>
    <row r="825095" spans="14:14">
      <c r="N825095" s="10"/>
    </row>
    <row r="825096" spans="14:14">
      <c r="N825096" s="10"/>
    </row>
    <row r="825097" spans="14:14">
      <c r="N825097" s="10"/>
    </row>
    <row r="825098" spans="14:14">
      <c r="N825098" s="10"/>
    </row>
    <row r="825099" spans="14:14">
      <c r="N825099" s="10"/>
    </row>
    <row r="825100" spans="14:14">
      <c r="N825100" s="10"/>
    </row>
    <row r="825101" spans="14:14">
      <c r="N825101" s="10"/>
    </row>
    <row r="825102" spans="14:14">
      <c r="N825102" s="10"/>
    </row>
    <row r="825103" spans="14:14">
      <c r="N825103" s="10"/>
    </row>
    <row r="825104" spans="14:14">
      <c r="N825104" s="10"/>
    </row>
    <row r="825105" spans="14:14">
      <c r="N825105" s="10"/>
    </row>
    <row r="825106" spans="14:14">
      <c r="N825106" s="10"/>
    </row>
    <row r="825107" spans="14:14">
      <c r="N825107" s="10"/>
    </row>
    <row r="825108" spans="14:14">
      <c r="N825108" s="10"/>
    </row>
    <row r="825109" spans="14:14">
      <c r="N825109" s="10"/>
    </row>
    <row r="825110" spans="14:14">
      <c r="N825110" s="10"/>
    </row>
    <row r="825111" spans="14:14">
      <c r="N825111" s="10"/>
    </row>
    <row r="825112" spans="14:14">
      <c r="N825112" s="10"/>
    </row>
    <row r="825113" spans="14:14">
      <c r="N825113" s="10"/>
    </row>
    <row r="825114" spans="14:14">
      <c r="N825114" s="10"/>
    </row>
    <row r="825115" spans="14:14">
      <c r="N825115" s="10"/>
    </row>
    <row r="825116" spans="14:14">
      <c r="N825116" s="10"/>
    </row>
    <row r="825117" spans="14:14">
      <c r="N825117" s="10"/>
    </row>
    <row r="825118" spans="14:14">
      <c r="N825118" s="10"/>
    </row>
    <row r="825119" spans="14:14">
      <c r="N825119" s="10"/>
    </row>
    <row r="825120" spans="14:14">
      <c r="N825120" s="10"/>
    </row>
    <row r="825121" spans="14:14">
      <c r="N825121" s="10"/>
    </row>
    <row r="825122" spans="14:14">
      <c r="N825122" s="10"/>
    </row>
    <row r="825123" spans="14:14">
      <c r="N825123" s="10"/>
    </row>
    <row r="825124" spans="14:14">
      <c r="N825124" s="10"/>
    </row>
    <row r="825125" spans="14:14">
      <c r="N825125" s="10"/>
    </row>
    <row r="825126" spans="14:14">
      <c r="N825126" s="10"/>
    </row>
    <row r="825127" spans="14:14">
      <c r="N825127" s="10"/>
    </row>
    <row r="825128" spans="14:14">
      <c r="N825128" s="10"/>
    </row>
    <row r="825129" spans="14:14">
      <c r="N825129" s="10"/>
    </row>
    <row r="825130" spans="14:14">
      <c r="N825130" s="10"/>
    </row>
    <row r="825131" spans="14:14">
      <c r="N825131" s="10"/>
    </row>
    <row r="825132" spans="14:14">
      <c r="N825132" s="10"/>
    </row>
    <row r="825133" spans="14:14">
      <c r="N825133" s="10"/>
    </row>
    <row r="825134" spans="14:14">
      <c r="N825134" s="10"/>
    </row>
    <row r="825135" spans="14:14">
      <c r="N825135" s="10"/>
    </row>
    <row r="825136" spans="14:14">
      <c r="N825136" s="10"/>
    </row>
    <row r="825137" spans="14:14">
      <c r="N825137" s="10"/>
    </row>
    <row r="825138" spans="14:14">
      <c r="N825138" s="10"/>
    </row>
    <row r="825139" spans="14:14">
      <c r="N825139" s="10"/>
    </row>
    <row r="825140" spans="14:14">
      <c r="N825140" s="10"/>
    </row>
    <row r="825141" spans="14:14">
      <c r="N825141" s="10"/>
    </row>
    <row r="825142" spans="14:14">
      <c r="N825142" s="10"/>
    </row>
    <row r="825143" spans="14:14">
      <c r="N825143" s="10"/>
    </row>
    <row r="825144" spans="14:14">
      <c r="N825144" s="10"/>
    </row>
    <row r="825145" spans="14:14">
      <c r="N825145" s="10"/>
    </row>
    <row r="825146" spans="14:14">
      <c r="N825146" s="10"/>
    </row>
    <row r="825147" spans="14:14">
      <c r="N825147" s="10"/>
    </row>
    <row r="825148" spans="14:14">
      <c r="N825148" s="10"/>
    </row>
    <row r="825149" spans="14:14">
      <c r="N825149" s="10"/>
    </row>
    <row r="825150" spans="14:14">
      <c r="N825150" s="10"/>
    </row>
    <row r="825151" spans="14:14">
      <c r="N825151" s="10"/>
    </row>
    <row r="825152" spans="14:14">
      <c r="N825152" s="10"/>
    </row>
    <row r="825153" spans="14:14">
      <c r="N825153" s="10"/>
    </row>
    <row r="825154" spans="14:14">
      <c r="N825154" s="10"/>
    </row>
    <row r="825155" spans="14:14">
      <c r="N825155" s="10"/>
    </row>
    <row r="825156" spans="14:14">
      <c r="N825156" s="10"/>
    </row>
    <row r="825157" spans="14:14">
      <c r="N825157" s="10"/>
    </row>
    <row r="825158" spans="14:14">
      <c r="N825158" s="10"/>
    </row>
    <row r="825159" spans="14:14">
      <c r="N825159" s="10"/>
    </row>
    <row r="825160" spans="14:14">
      <c r="N825160" s="10"/>
    </row>
    <row r="825161" spans="14:14">
      <c r="N825161" s="10"/>
    </row>
    <row r="825162" spans="14:14">
      <c r="N825162" s="10"/>
    </row>
    <row r="825163" spans="14:14">
      <c r="N825163" s="10"/>
    </row>
    <row r="825164" spans="14:14">
      <c r="N825164" s="10"/>
    </row>
    <row r="825165" spans="14:14">
      <c r="N825165" s="10"/>
    </row>
    <row r="825166" spans="14:14">
      <c r="N825166" s="10"/>
    </row>
    <row r="825167" spans="14:14">
      <c r="N825167" s="10"/>
    </row>
    <row r="825168" spans="14:14">
      <c r="N825168" s="10"/>
    </row>
    <row r="825169" spans="14:14">
      <c r="N825169" s="10"/>
    </row>
    <row r="825170" spans="14:14">
      <c r="N825170" s="10"/>
    </row>
    <row r="825171" spans="14:14">
      <c r="N825171" s="10"/>
    </row>
    <row r="825172" spans="14:14">
      <c r="N825172" s="10"/>
    </row>
    <row r="825173" spans="14:14">
      <c r="N825173" s="10"/>
    </row>
    <row r="825174" spans="14:14">
      <c r="N825174" s="10"/>
    </row>
    <row r="825175" spans="14:14">
      <c r="N825175" s="10"/>
    </row>
    <row r="825176" spans="14:14">
      <c r="N825176" s="10"/>
    </row>
    <row r="825177" spans="14:14">
      <c r="N825177" s="10"/>
    </row>
    <row r="825178" spans="14:14">
      <c r="N825178" s="10"/>
    </row>
    <row r="825179" spans="14:14">
      <c r="N825179" s="10"/>
    </row>
    <row r="825180" spans="14:14">
      <c r="N825180" s="10"/>
    </row>
    <row r="825181" spans="14:14">
      <c r="N825181" s="10"/>
    </row>
    <row r="825182" spans="14:14">
      <c r="N825182" s="10"/>
    </row>
    <row r="825183" spans="14:14">
      <c r="N825183" s="10"/>
    </row>
    <row r="825184" spans="14:14">
      <c r="N825184" s="10"/>
    </row>
    <row r="825185" spans="14:14">
      <c r="N825185" s="10"/>
    </row>
    <row r="825186" spans="14:14">
      <c r="N825186" s="10"/>
    </row>
    <row r="825187" spans="14:14">
      <c r="N825187" s="10"/>
    </row>
    <row r="825188" spans="14:14">
      <c r="N825188" s="10"/>
    </row>
    <row r="825189" spans="14:14">
      <c r="N825189" s="10"/>
    </row>
    <row r="825190" spans="14:14">
      <c r="N825190" s="10"/>
    </row>
    <row r="825191" spans="14:14">
      <c r="N825191" s="10"/>
    </row>
    <row r="825192" spans="14:14">
      <c r="N825192" s="10"/>
    </row>
    <row r="825193" spans="14:14">
      <c r="N825193" s="10"/>
    </row>
    <row r="825194" spans="14:14">
      <c r="N825194" s="10"/>
    </row>
    <row r="825195" spans="14:14">
      <c r="N825195" s="10"/>
    </row>
    <row r="825196" spans="14:14">
      <c r="N825196" s="10"/>
    </row>
    <row r="825197" spans="14:14">
      <c r="N825197" s="10"/>
    </row>
    <row r="825198" spans="14:14">
      <c r="N825198" s="10"/>
    </row>
    <row r="825199" spans="14:14">
      <c r="N825199" s="10"/>
    </row>
    <row r="825200" spans="14:14">
      <c r="N825200" s="10"/>
    </row>
    <row r="825201" spans="14:14">
      <c r="N825201" s="10"/>
    </row>
    <row r="825202" spans="14:14">
      <c r="N825202" s="10"/>
    </row>
    <row r="825203" spans="14:14">
      <c r="N825203" s="10"/>
    </row>
    <row r="825204" spans="14:14">
      <c r="N825204" s="10"/>
    </row>
    <row r="825205" spans="14:14">
      <c r="N825205" s="10"/>
    </row>
    <row r="825206" spans="14:14">
      <c r="N825206" s="10"/>
    </row>
    <row r="825207" spans="14:14">
      <c r="N825207" s="10"/>
    </row>
    <row r="825208" spans="14:14">
      <c r="N825208" s="10"/>
    </row>
    <row r="825209" spans="14:14">
      <c r="N825209" s="10"/>
    </row>
    <row r="825210" spans="14:14">
      <c r="N825210" s="10"/>
    </row>
    <row r="825211" spans="14:14">
      <c r="N825211" s="10"/>
    </row>
    <row r="825212" spans="14:14">
      <c r="N825212" s="10"/>
    </row>
    <row r="825213" spans="14:14">
      <c r="N825213" s="10"/>
    </row>
    <row r="825214" spans="14:14">
      <c r="N825214" s="10"/>
    </row>
    <row r="825215" spans="14:14">
      <c r="N825215" s="10"/>
    </row>
    <row r="825216" spans="14:14">
      <c r="N825216" s="10"/>
    </row>
    <row r="825217" spans="14:14">
      <c r="N825217" s="10"/>
    </row>
    <row r="825218" spans="14:14">
      <c r="N825218" s="10"/>
    </row>
    <row r="825219" spans="14:14">
      <c r="N825219" s="10"/>
    </row>
    <row r="825220" spans="14:14">
      <c r="N825220" s="10"/>
    </row>
    <row r="825221" spans="14:14">
      <c r="N825221" s="10"/>
    </row>
    <row r="825222" spans="14:14">
      <c r="N825222" s="10"/>
    </row>
    <row r="825223" spans="14:14">
      <c r="N825223" s="10"/>
    </row>
    <row r="825224" spans="14:14">
      <c r="N825224" s="10"/>
    </row>
    <row r="825225" spans="14:14">
      <c r="N825225" s="10"/>
    </row>
    <row r="825226" spans="14:14">
      <c r="N825226" s="10"/>
    </row>
    <row r="825227" spans="14:14">
      <c r="N825227" s="10"/>
    </row>
    <row r="825228" spans="14:14">
      <c r="N825228" s="10"/>
    </row>
    <row r="825229" spans="14:14">
      <c r="N825229" s="10"/>
    </row>
    <row r="825230" spans="14:14">
      <c r="N825230" s="10"/>
    </row>
    <row r="825231" spans="14:14">
      <c r="N825231" s="10"/>
    </row>
    <row r="825232" spans="14:14">
      <c r="N825232" s="10"/>
    </row>
    <row r="825233" spans="14:14">
      <c r="N825233" s="10"/>
    </row>
    <row r="825234" spans="14:14">
      <c r="N825234" s="10"/>
    </row>
    <row r="825235" spans="14:14">
      <c r="N825235" s="10"/>
    </row>
    <row r="825236" spans="14:14">
      <c r="N825236" s="10"/>
    </row>
    <row r="825237" spans="14:14">
      <c r="N825237" s="10"/>
    </row>
    <row r="825238" spans="14:14">
      <c r="N825238" s="10"/>
    </row>
    <row r="825239" spans="14:14">
      <c r="N825239" s="10"/>
    </row>
    <row r="825240" spans="14:14">
      <c r="N825240" s="10"/>
    </row>
    <row r="825241" spans="14:14">
      <c r="N825241" s="10"/>
    </row>
    <row r="825242" spans="14:14">
      <c r="N825242" s="10"/>
    </row>
    <row r="825243" spans="14:14">
      <c r="N825243" s="10"/>
    </row>
    <row r="825244" spans="14:14">
      <c r="N825244" s="10"/>
    </row>
    <row r="825245" spans="14:14">
      <c r="N825245" s="10"/>
    </row>
    <row r="825246" spans="14:14">
      <c r="N825246" s="10"/>
    </row>
    <row r="825247" spans="14:14">
      <c r="N825247" s="10"/>
    </row>
    <row r="825248" spans="14:14">
      <c r="N825248" s="10"/>
    </row>
    <row r="825249" spans="14:14">
      <c r="N825249" s="10"/>
    </row>
    <row r="825250" spans="14:14">
      <c r="N825250" s="10"/>
    </row>
    <row r="825251" spans="14:14">
      <c r="N825251" s="10"/>
    </row>
    <row r="825252" spans="14:14">
      <c r="N825252" s="10"/>
    </row>
    <row r="825253" spans="14:14">
      <c r="N825253" s="10"/>
    </row>
    <row r="825254" spans="14:14">
      <c r="N825254" s="10"/>
    </row>
    <row r="825255" spans="14:14">
      <c r="N825255" s="10"/>
    </row>
    <row r="825256" spans="14:14">
      <c r="N825256" s="10"/>
    </row>
    <row r="825257" spans="14:14">
      <c r="N825257" s="10"/>
    </row>
    <row r="825258" spans="14:14">
      <c r="N825258" s="10"/>
    </row>
    <row r="825259" spans="14:14">
      <c r="N825259" s="10"/>
    </row>
    <row r="825260" spans="14:14">
      <c r="N825260" s="10"/>
    </row>
    <row r="825261" spans="14:14">
      <c r="N825261" s="10"/>
    </row>
    <row r="825262" spans="14:14">
      <c r="N825262" s="10"/>
    </row>
    <row r="825263" spans="14:14">
      <c r="N825263" s="10"/>
    </row>
    <row r="825264" spans="14:14">
      <c r="N825264" s="10"/>
    </row>
    <row r="825265" spans="14:14">
      <c r="N825265" s="10"/>
    </row>
    <row r="825266" spans="14:14">
      <c r="N825266" s="10"/>
    </row>
    <row r="825267" spans="14:14">
      <c r="N825267" s="10"/>
    </row>
    <row r="825268" spans="14:14">
      <c r="N825268" s="10"/>
    </row>
    <row r="825269" spans="14:14">
      <c r="N825269" s="10"/>
    </row>
    <row r="825270" spans="14:14">
      <c r="N825270" s="10"/>
    </row>
    <row r="825271" spans="14:14">
      <c r="N825271" s="10"/>
    </row>
    <row r="825272" spans="14:14">
      <c r="N825272" s="10"/>
    </row>
    <row r="825273" spans="14:14">
      <c r="N825273" s="10"/>
    </row>
    <row r="825274" spans="14:14">
      <c r="N825274" s="10"/>
    </row>
    <row r="825275" spans="14:14">
      <c r="N825275" s="10"/>
    </row>
    <row r="825276" spans="14:14">
      <c r="N825276" s="10"/>
    </row>
    <row r="825277" spans="14:14">
      <c r="N825277" s="10"/>
    </row>
    <row r="825278" spans="14:14">
      <c r="N825278" s="10"/>
    </row>
    <row r="825279" spans="14:14">
      <c r="N825279" s="10"/>
    </row>
    <row r="825280" spans="14:14">
      <c r="N825280" s="10"/>
    </row>
    <row r="825281" spans="14:14">
      <c r="N825281" s="10"/>
    </row>
    <row r="825282" spans="14:14">
      <c r="N825282" s="10"/>
    </row>
    <row r="825283" spans="14:14">
      <c r="N825283" s="10"/>
    </row>
    <row r="825284" spans="14:14">
      <c r="N825284" s="10"/>
    </row>
    <row r="825285" spans="14:14">
      <c r="N825285" s="10"/>
    </row>
    <row r="825286" spans="14:14">
      <c r="N825286" s="10"/>
    </row>
    <row r="825287" spans="14:14">
      <c r="N825287" s="10"/>
    </row>
    <row r="825288" spans="14:14">
      <c r="N825288" s="10"/>
    </row>
    <row r="825289" spans="14:14">
      <c r="N825289" s="10"/>
    </row>
    <row r="825290" spans="14:14">
      <c r="N825290" s="10"/>
    </row>
    <row r="825291" spans="14:14">
      <c r="N825291" s="10"/>
    </row>
    <row r="825292" spans="14:14">
      <c r="N825292" s="10"/>
    </row>
    <row r="825293" spans="14:14">
      <c r="N825293" s="10"/>
    </row>
    <row r="825294" spans="14:14">
      <c r="N825294" s="10"/>
    </row>
    <row r="825295" spans="14:14">
      <c r="N825295" s="10"/>
    </row>
    <row r="825296" spans="14:14">
      <c r="N825296" s="10"/>
    </row>
    <row r="825297" spans="14:14">
      <c r="N825297" s="10"/>
    </row>
    <row r="825298" spans="14:14">
      <c r="N825298" s="10"/>
    </row>
    <row r="825299" spans="14:14">
      <c r="N825299" s="10"/>
    </row>
    <row r="825300" spans="14:14">
      <c r="N825300" s="10"/>
    </row>
    <row r="825301" spans="14:14">
      <c r="N825301" s="10"/>
    </row>
    <row r="825302" spans="14:14">
      <c r="N825302" s="10"/>
    </row>
    <row r="825303" spans="14:14">
      <c r="N825303" s="10"/>
    </row>
    <row r="825304" spans="14:14">
      <c r="N825304" s="10"/>
    </row>
    <row r="825305" spans="14:14">
      <c r="N825305" s="10"/>
    </row>
    <row r="825306" spans="14:14">
      <c r="N825306" s="10"/>
    </row>
    <row r="825307" spans="14:14">
      <c r="N825307" s="10"/>
    </row>
    <row r="825308" spans="14:14">
      <c r="N825308" s="10"/>
    </row>
    <row r="825309" spans="14:14">
      <c r="N825309" s="10"/>
    </row>
    <row r="825310" spans="14:14">
      <c r="N825310" s="10"/>
    </row>
    <row r="825311" spans="14:14">
      <c r="N825311" s="10"/>
    </row>
    <row r="825312" spans="14:14">
      <c r="N825312" s="10"/>
    </row>
    <row r="825313" spans="14:14">
      <c r="N825313" s="10"/>
    </row>
    <row r="825314" spans="14:14">
      <c r="N825314" s="10"/>
    </row>
    <row r="825315" spans="14:14">
      <c r="N825315" s="10"/>
    </row>
    <row r="825316" spans="14:14">
      <c r="N825316" s="10"/>
    </row>
    <row r="825317" spans="14:14">
      <c r="N825317" s="10"/>
    </row>
    <row r="825318" spans="14:14">
      <c r="N825318" s="10"/>
    </row>
    <row r="825319" spans="14:14">
      <c r="N825319" s="10"/>
    </row>
    <row r="825320" spans="14:14">
      <c r="N825320" s="10"/>
    </row>
    <row r="825321" spans="14:14">
      <c r="N825321" s="10"/>
    </row>
    <row r="825322" spans="14:14">
      <c r="N825322" s="10"/>
    </row>
    <row r="825323" spans="14:14">
      <c r="N825323" s="10"/>
    </row>
    <row r="825324" spans="14:14">
      <c r="N825324" s="10"/>
    </row>
    <row r="825325" spans="14:14">
      <c r="N825325" s="10"/>
    </row>
    <row r="825326" spans="14:14">
      <c r="N825326" s="10"/>
    </row>
    <row r="825327" spans="14:14">
      <c r="N825327" s="10"/>
    </row>
    <row r="825328" spans="14:14">
      <c r="N825328" s="10"/>
    </row>
    <row r="825329" spans="14:14">
      <c r="N825329" s="10"/>
    </row>
    <row r="825330" spans="14:14">
      <c r="N825330" s="10"/>
    </row>
    <row r="825331" spans="14:14">
      <c r="N825331" s="10"/>
    </row>
    <row r="825332" spans="14:14">
      <c r="N825332" s="10"/>
    </row>
    <row r="825333" spans="14:14">
      <c r="N825333" s="10"/>
    </row>
    <row r="825334" spans="14:14">
      <c r="N825334" s="10"/>
    </row>
    <row r="825335" spans="14:14">
      <c r="N825335" s="10"/>
    </row>
    <row r="825336" spans="14:14">
      <c r="N825336" s="10"/>
    </row>
    <row r="825337" spans="14:14">
      <c r="N825337" s="10"/>
    </row>
    <row r="825338" spans="14:14">
      <c r="N825338" s="10"/>
    </row>
    <row r="825339" spans="14:14">
      <c r="N825339" s="10"/>
    </row>
    <row r="825340" spans="14:14">
      <c r="N825340" s="10"/>
    </row>
    <row r="825341" spans="14:14">
      <c r="N825341" s="10"/>
    </row>
    <row r="825342" spans="14:14">
      <c r="N825342" s="10"/>
    </row>
    <row r="825343" spans="14:14">
      <c r="N825343" s="10"/>
    </row>
    <row r="825344" spans="14:14">
      <c r="N825344" s="10"/>
    </row>
    <row r="825345" spans="14:14">
      <c r="N825345" s="10"/>
    </row>
    <row r="825346" spans="14:14">
      <c r="N825346" s="10"/>
    </row>
    <row r="825347" spans="14:14">
      <c r="N825347" s="10"/>
    </row>
    <row r="825348" spans="14:14">
      <c r="N825348" s="10"/>
    </row>
    <row r="825349" spans="14:14">
      <c r="N825349" s="10"/>
    </row>
    <row r="825350" spans="14:14">
      <c r="N825350" s="10"/>
    </row>
    <row r="825351" spans="14:14">
      <c r="N825351" s="10"/>
    </row>
    <row r="825352" spans="14:14">
      <c r="N825352" s="10"/>
    </row>
    <row r="825353" spans="14:14">
      <c r="N825353" s="10"/>
    </row>
    <row r="825354" spans="14:14">
      <c r="N825354" s="10"/>
    </row>
    <row r="825355" spans="14:14">
      <c r="N825355" s="10"/>
    </row>
    <row r="825356" spans="14:14">
      <c r="N825356" s="10"/>
    </row>
    <row r="825357" spans="14:14">
      <c r="N825357" s="10"/>
    </row>
    <row r="825358" spans="14:14">
      <c r="N825358" s="10"/>
    </row>
    <row r="825359" spans="14:14">
      <c r="N825359" s="10"/>
    </row>
    <row r="825360" spans="14:14">
      <c r="N825360" s="10"/>
    </row>
    <row r="825361" spans="14:14">
      <c r="N825361" s="10"/>
    </row>
    <row r="825362" spans="14:14">
      <c r="N825362" s="10"/>
    </row>
    <row r="825363" spans="14:14">
      <c r="N825363" s="10"/>
    </row>
    <row r="825364" spans="14:14">
      <c r="N825364" s="10"/>
    </row>
    <row r="825365" spans="14:14">
      <c r="N825365" s="10"/>
    </row>
    <row r="825366" spans="14:14">
      <c r="N825366" s="10"/>
    </row>
    <row r="825367" spans="14:14">
      <c r="N825367" s="10"/>
    </row>
    <row r="825368" spans="14:14">
      <c r="N825368" s="10"/>
    </row>
    <row r="825369" spans="14:14">
      <c r="N825369" s="10"/>
    </row>
    <row r="825370" spans="14:14">
      <c r="N825370" s="10"/>
    </row>
    <row r="825371" spans="14:14">
      <c r="N825371" s="10"/>
    </row>
    <row r="825372" spans="14:14">
      <c r="N825372" s="10"/>
    </row>
    <row r="825373" spans="14:14">
      <c r="N825373" s="10"/>
    </row>
    <row r="825374" spans="14:14">
      <c r="N825374" s="10"/>
    </row>
    <row r="825375" spans="14:14">
      <c r="N825375" s="10"/>
    </row>
    <row r="825376" spans="14:14">
      <c r="N825376" s="10"/>
    </row>
    <row r="825377" spans="14:14">
      <c r="N825377" s="10"/>
    </row>
    <row r="825378" spans="14:14">
      <c r="N825378" s="10"/>
    </row>
    <row r="825379" spans="14:14">
      <c r="N825379" s="10"/>
    </row>
    <row r="825380" spans="14:14">
      <c r="N825380" s="10"/>
    </row>
    <row r="825381" spans="14:14">
      <c r="N825381" s="10"/>
    </row>
    <row r="825382" spans="14:14">
      <c r="N825382" s="10"/>
    </row>
    <row r="825383" spans="14:14">
      <c r="N825383" s="10"/>
    </row>
    <row r="825384" spans="14:14">
      <c r="N825384" s="10"/>
    </row>
    <row r="825385" spans="14:14">
      <c r="N825385" s="10"/>
    </row>
    <row r="825386" spans="14:14">
      <c r="N825386" s="10"/>
    </row>
    <row r="825387" spans="14:14">
      <c r="N825387" s="10"/>
    </row>
    <row r="825388" spans="14:14">
      <c r="N825388" s="10"/>
    </row>
    <row r="825389" spans="14:14">
      <c r="N825389" s="10"/>
    </row>
    <row r="825390" spans="14:14">
      <c r="N825390" s="10"/>
    </row>
    <row r="825391" spans="14:14">
      <c r="N825391" s="10"/>
    </row>
    <row r="825392" spans="14:14">
      <c r="N825392" s="10"/>
    </row>
    <row r="825393" spans="14:14">
      <c r="N825393" s="10"/>
    </row>
    <row r="825394" spans="14:14">
      <c r="N825394" s="10"/>
    </row>
    <row r="825395" spans="14:14">
      <c r="N825395" s="10"/>
    </row>
    <row r="825396" spans="14:14">
      <c r="N825396" s="10"/>
    </row>
    <row r="825397" spans="14:14">
      <c r="N825397" s="10"/>
    </row>
    <row r="825398" spans="14:14">
      <c r="N825398" s="10"/>
    </row>
    <row r="825399" spans="14:14">
      <c r="N825399" s="10"/>
    </row>
    <row r="825400" spans="14:14">
      <c r="N825400" s="10"/>
    </row>
    <row r="825401" spans="14:14">
      <c r="N825401" s="10"/>
    </row>
    <row r="825402" spans="14:14">
      <c r="N825402" s="10"/>
    </row>
    <row r="825403" spans="14:14">
      <c r="N825403" s="10"/>
    </row>
    <row r="825404" spans="14:14">
      <c r="N825404" s="10"/>
    </row>
    <row r="825405" spans="14:14">
      <c r="N825405" s="10"/>
    </row>
    <row r="825406" spans="14:14">
      <c r="N825406" s="10"/>
    </row>
    <row r="825407" spans="14:14">
      <c r="N825407" s="10"/>
    </row>
    <row r="825408" spans="14:14">
      <c r="N825408" s="10"/>
    </row>
    <row r="825409" spans="14:14">
      <c r="N825409" s="10"/>
    </row>
    <row r="825410" spans="14:14">
      <c r="N825410" s="10"/>
    </row>
    <row r="825411" spans="14:14">
      <c r="N825411" s="10"/>
    </row>
    <row r="825412" spans="14:14">
      <c r="N825412" s="10"/>
    </row>
    <row r="825413" spans="14:14">
      <c r="N825413" s="10"/>
    </row>
    <row r="825414" spans="14:14">
      <c r="N825414" s="10"/>
    </row>
    <row r="825415" spans="14:14">
      <c r="N825415" s="10"/>
    </row>
    <row r="825416" spans="14:14">
      <c r="N825416" s="10"/>
    </row>
    <row r="825417" spans="14:14">
      <c r="N825417" s="10"/>
    </row>
    <row r="825418" spans="14:14">
      <c r="N825418" s="10"/>
    </row>
    <row r="825419" spans="14:14">
      <c r="N825419" s="10"/>
    </row>
    <row r="825420" spans="14:14">
      <c r="N825420" s="10"/>
    </row>
    <row r="825421" spans="14:14">
      <c r="N825421" s="10"/>
    </row>
    <row r="825422" spans="14:14">
      <c r="N825422" s="10"/>
    </row>
    <row r="825423" spans="14:14">
      <c r="N825423" s="10"/>
    </row>
    <row r="825424" spans="14:14">
      <c r="N825424" s="10"/>
    </row>
    <row r="825425" spans="14:14">
      <c r="N825425" s="10"/>
    </row>
    <row r="825426" spans="14:14">
      <c r="N825426" s="10"/>
    </row>
    <row r="825427" spans="14:14">
      <c r="N825427" s="10"/>
    </row>
    <row r="825428" spans="14:14">
      <c r="N825428" s="10"/>
    </row>
    <row r="825429" spans="14:14">
      <c r="N825429" s="10"/>
    </row>
    <row r="825430" spans="14:14">
      <c r="N825430" s="10"/>
    </row>
    <row r="825431" spans="14:14">
      <c r="N825431" s="10"/>
    </row>
    <row r="825432" spans="14:14">
      <c r="N825432" s="10"/>
    </row>
    <row r="825433" spans="14:14">
      <c r="N825433" s="10"/>
    </row>
    <row r="825434" spans="14:14">
      <c r="N825434" s="10"/>
    </row>
    <row r="825435" spans="14:14">
      <c r="N825435" s="10"/>
    </row>
    <row r="825436" spans="14:14">
      <c r="N825436" s="10"/>
    </row>
    <row r="825437" spans="14:14">
      <c r="N825437" s="10"/>
    </row>
    <row r="825438" spans="14:14">
      <c r="N825438" s="10"/>
    </row>
    <row r="825439" spans="14:14">
      <c r="N825439" s="10"/>
    </row>
    <row r="825440" spans="14:14">
      <c r="N825440" s="10"/>
    </row>
    <row r="825441" spans="14:14">
      <c r="N825441" s="10"/>
    </row>
    <row r="825442" spans="14:14">
      <c r="N825442" s="10"/>
    </row>
    <row r="825443" spans="14:14">
      <c r="N825443" s="10"/>
    </row>
    <row r="825444" spans="14:14">
      <c r="N825444" s="10"/>
    </row>
    <row r="825445" spans="14:14">
      <c r="N825445" s="10"/>
    </row>
    <row r="825446" spans="14:14">
      <c r="N825446" s="10"/>
    </row>
    <row r="825447" spans="14:14">
      <c r="N825447" s="10"/>
    </row>
    <row r="825448" spans="14:14">
      <c r="N825448" s="10"/>
    </row>
    <row r="825449" spans="14:14">
      <c r="N825449" s="10"/>
    </row>
    <row r="825450" spans="14:14">
      <c r="N825450" s="10"/>
    </row>
    <row r="825451" spans="14:14">
      <c r="N825451" s="10"/>
    </row>
    <row r="825452" spans="14:14">
      <c r="N825452" s="10"/>
    </row>
    <row r="825453" spans="14:14">
      <c r="N825453" s="10"/>
    </row>
    <row r="825454" spans="14:14">
      <c r="N825454" s="10"/>
    </row>
    <row r="825455" spans="14:14">
      <c r="N825455" s="10"/>
    </row>
    <row r="825456" spans="14:14">
      <c r="N825456" s="10"/>
    </row>
    <row r="825457" spans="14:14">
      <c r="N825457" s="10"/>
    </row>
    <row r="825458" spans="14:14">
      <c r="N825458" s="10"/>
    </row>
    <row r="825459" spans="14:14">
      <c r="N825459" s="10"/>
    </row>
    <row r="825460" spans="14:14">
      <c r="N825460" s="10"/>
    </row>
    <row r="825461" spans="14:14">
      <c r="N825461" s="10"/>
    </row>
    <row r="825462" spans="14:14">
      <c r="N825462" s="10"/>
    </row>
    <row r="825463" spans="14:14">
      <c r="N825463" s="10"/>
    </row>
    <row r="825464" spans="14:14">
      <c r="N825464" s="10"/>
    </row>
    <row r="825465" spans="14:14">
      <c r="N825465" s="10"/>
    </row>
    <row r="825466" spans="14:14">
      <c r="N825466" s="10"/>
    </row>
    <row r="825467" spans="14:14">
      <c r="N825467" s="10"/>
    </row>
    <row r="825468" spans="14:14">
      <c r="N825468" s="10"/>
    </row>
    <row r="825469" spans="14:14">
      <c r="N825469" s="10"/>
    </row>
    <row r="825470" spans="14:14">
      <c r="N825470" s="10"/>
    </row>
    <row r="825471" spans="14:14">
      <c r="N825471" s="10"/>
    </row>
    <row r="825472" spans="14:14">
      <c r="N825472" s="10"/>
    </row>
    <row r="825473" spans="14:14">
      <c r="N825473" s="10"/>
    </row>
    <row r="825474" spans="14:14">
      <c r="N825474" s="10"/>
    </row>
    <row r="825475" spans="14:14">
      <c r="N825475" s="10"/>
    </row>
    <row r="825476" spans="14:14">
      <c r="N825476" s="10"/>
    </row>
    <row r="825477" spans="14:14">
      <c r="N825477" s="10"/>
    </row>
    <row r="825478" spans="14:14">
      <c r="N825478" s="10"/>
    </row>
    <row r="825479" spans="14:14">
      <c r="N825479" s="10"/>
    </row>
    <row r="825480" spans="14:14">
      <c r="N825480" s="10"/>
    </row>
    <row r="825481" spans="14:14">
      <c r="N825481" s="10"/>
    </row>
    <row r="825482" spans="14:14">
      <c r="N825482" s="10"/>
    </row>
    <row r="825483" spans="14:14">
      <c r="N825483" s="10"/>
    </row>
    <row r="825484" spans="14:14">
      <c r="N825484" s="10"/>
    </row>
    <row r="825485" spans="14:14">
      <c r="N825485" s="10"/>
    </row>
    <row r="825486" spans="14:14">
      <c r="N825486" s="10"/>
    </row>
    <row r="825487" spans="14:14">
      <c r="N825487" s="10"/>
    </row>
    <row r="825488" spans="14:14">
      <c r="N825488" s="10"/>
    </row>
    <row r="825489" spans="14:14">
      <c r="N825489" s="10"/>
    </row>
    <row r="825490" spans="14:14">
      <c r="N825490" s="10"/>
    </row>
    <row r="825491" spans="14:14">
      <c r="N825491" s="10"/>
    </row>
    <row r="825492" spans="14:14">
      <c r="N825492" s="10"/>
    </row>
    <row r="825493" spans="14:14">
      <c r="N825493" s="10"/>
    </row>
    <row r="825494" spans="14:14">
      <c r="N825494" s="10"/>
    </row>
    <row r="825495" spans="14:14">
      <c r="N825495" s="10"/>
    </row>
    <row r="825496" spans="14:14">
      <c r="N825496" s="10"/>
    </row>
    <row r="825497" spans="14:14">
      <c r="N825497" s="10"/>
    </row>
    <row r="825498" spans="14:14">
      <c r="N825498" s="10"/>
    </row>
    <row r="825499" spans="14:14">
      <c r="N825499" s="10"/>
    </row>
    <row r="825500" spans="14:14">
      <c r="N825500" s="10"/>
    </row>
    <row r="825501" spans="14:14">
      <c r="N825501" s="10"/>
    </row>
    <row r="825502" spans="14:14">
      <c r="N825502" s="10"/>
    </row>
    <row r="825503" spans="14:14">
      <c r="N825503" s="10"/>
    </row>
    <row r="825504" spans="14:14">
      <c r="N825504" s="10"/>
    </row>
    <row r="825505" spans="14:14">
      <c r="N825505" s="10"/>
    </row>
    <row r="825506" spans="14:14">
      <c r="N825506" s="10"/>
    </row>
    <row r="825507" spans="14:14">
      <c r="N825507" s="10"/>
    </row>
    <row r="825508" spans="14:14">
      <c r="N825508" s="10"/>
    </row>
    <row r="825509" spans="14:14">
      <c r="N825509" s="10"/>
    </row>
    <row r="825510" spans="14:14">
      <c r="N825510" s="10"/>
    </row>
    <row r="825511" spans="14:14">
      <c r="N825511" s="10"/>
    </row>
    <row r="825512" spans="14:14">
      <c r="N825512" s="10"/>
    </row>
    <row r="825513" spans="14:14">
      <c r="N825513" s="10"/>
    </row>
    <row r="825514" spans="14:14">
      <c r="N825514" s="10"/>
    </row>
    <row r="825515" spans="14:14">
      <c r="N825515" s="10"/>
    </row>
    <row r="825516" spans="14:14">
      <c r="N825516" s="10"/>
    </row>
    <row r="825517" spans="14:14">
      <c r="N825517" s="10"/>
    </row>
    <row r="825518" spans="14:14">
      <c r="N825518" s="10"/>
    </row>
    <row r="825519" spans="14:14">
      <c r="N825519" s="10"/>
    </row>
    <row r="825520" spans="14:14">
      <c r="N825520" s="10"/>
    </row>
    <row r="825521" spans="14:14">
      <c r="N825521" s="10"/>
    </row>
    <row r="825522" spans="14:14">
      <c r="N825522" s="10"/>
    </row>
    <row r="825523" spans="14:14">
      <c r="N825523" s="10"/>
    </row>
    <row r="825524" spans="14:14">
      <c r="N825524" s="10"/>
    </row>
    <row r="825525" spans="14:14">
      <c r="N825525" s="10"/>
    </row>
    <row r="825526" spans="14:14">
      <c r="N825526" s="10"/>
    </row>
    <row r="825527" spans="14:14">
      <c r="N825527" s="10"/>
    </row>
    <row r="825528" spans="14:14">
      <c r="N825528" s="10"/>
    </row>
    <row r="825529" spans="14:14">
      <c r="N825529" s="10"/>
    </row>
    <row r="825530" spans="14:14">
      <c r="N825530" s="10"/>
    </row>
    <row r="825531" spans="14:14">
      <c r="N825531" s="10"/>
    </row>
    <row r="825532" spans="14:14">
      <c r="N825532" s="10"/>
    </row>
    <row r="825533" spans="14:14">
      <c r="N825533" s="10"/>
    </row>
    <row r="825534" spans="14:14">
      <c r="N825534" s="10"/>
    </row>
    <row r="825535" spans="14:14">
      <c r="N825535" s="10"/>
    </row>
    <row r="825536" spans="14:14">
      <c r="N825536" s="10"/>
    </row>
    <row r="825537" spans="14:14">
      <c r="N825537" s="10"/>
    </row>
    <row r="825538" spans="14:14">
      <c r="N825538" s="10"/>
    </row>
    <row r="825539" spans="14:14">
      <c r="N825539" s="10"/>
    </row>
    <row r="825540" spans="14:14">
      <c r="N825540" s="10"/>
    </row>
    <row r="825541" spans="14:14">
      <c r="N825541" s="10"/>
    </row>
    <row r="825542" spans="14:14">
      <c r="N825542" s="10"/>
    </row>
    <row r="825543" spans="14:14">
      <c r="N825543" s="10"/>
    </row>
    <row r="825544" spans="14:14">
      <c r="N825544" s="10"/>
    </row>
    <row r="825545" spans="14:14">
      <c r="N825545" s="10"/>
    </row>
    <row r="825546" spans="14:14">
      <c r="N825546" s="10"/>
    </row>
    <row r="825547" spans="14:14">
      <c r="N825547" s="10"/>
    </row>
    <row r="825548" spans="14:14">
      <c r="N825548" s="10"/>
    </row>
    <row r="825549" spans="14:14">
      <c r="N825549" s="10"/>
    </row>
    <row r="825550" spans="14:14">
      <c r="N825550" s="10"/>
    </row>
    <row r="825551" spans="14:14">
      <c r="N825551" s="10"/>
    </row>
    <row r="825552" spans="14:14">
      <c r="N825552" s="10"/>
    </row>
    <row r="825553" spans="14:14">
      <c r="N825553" s="10"/>
    </row>
    <row r="825554" spans="14:14">
      <c r="N825554" s="10"/>
    </row>
    <row r="825555" spans="14:14">
      <c r="N825555" s="10"/>
    </row>
    <row r="825556" spans="14:14">
      <c r="N825556" s="10"/>
    </row>
    <row r="825557" spans="14:14">
      <c r="N825557" s="10"/>
    </row>
    <row r="825558" spans="14:14">
      <c r="N825558" s="10"/>
    </row>
    <row r="825559" spans="14:14">
      <c r="N825559" s="10"/>
    </row>
    <row r="825560" spans="14:14">
      <c r="N825560" s="10"/>
    </row>
    <row r="825561" spans="14:14">
      <c r="N825561" s="10"/>
    </row>
    <row r="825562" spans="14:14">
      <c r="N825562" s="10"/>
    </row>
    <row r="825563" spans="14:14">
      <c r="N825563" s="10"/>
    </row>
    <row r="825564" spans="14:14">
      <c r="N825564" s="10"/>
    </row>
    <row r="825565" spans="14:14">
      <c r="N825565" s="10"/>
    </row>
    <row r="825566" spans="14:14">
      <c r="N825566" s="10"/>
    </row>
    <row r="825567" spans="14:14">
      <c r="N825567" s="10"/>
    </row>
    <row r="825568" spans="14:14">
      <c r="N825568" s="10"/>
    </row>
    <row r="825569" spans="14:14">
      <c r="N825569" s="10"/>
    </row>
    <row r="825570" spans="14:14">
      <c r="N825570" s="10"/>
    </row>
    <row r="825571" spans="14:14">
      <c r="N825571" s="10"/>
    </row>
    <row r="825572" spans="14:14">
      <c r="N825572" s="10"/>
    </row>
    <row r="825573" spans="14:14">
      <c r="N825573" s="10"/>
    </row>
    <row r="825574" spans="14:14">
      <c r="N825574" s="10"/>
    </row>
    <row r="825575" spans="14:14">
      <c r="N825575" s="10"/>
    </row>
    <row r="825576" spans="14:14">
      <c r="N825576" s="10"/>
    </row>
    <row r="825577" spans="14:14">
      <c r="N825577" s="10"/>
    </row>
    <row r="825578" spans="14:14">
      <c r="N825578" s="10"/>
    </row>
    <row r="825579" spans="14:14">
      <c r="N825579" s="10"/>
    </row>
    <row r="825580" spans="14:14">
      <c r="N825580" s="10"/>
    </row>
    <row r="825581" spans="14:14">
      <c r="N825581" s="10"/>
    </row>
    <row r="825582" spans="14:14">
      <c r="N825582" s="10"/>
    </row>
    <row r="825583" spans="14:14">
      <c r="N825583" s="10"/>
    </row>
    <row r="825584" spans="14:14">
      <c r="N825584" s="10"/>
    </row>
    <row r="825585" spans="14:14">
      <c r="N825585" s="10"/>
    </row>
    <row r="825586" spans="14:14">
      <c r="N825586" s="10"/>
    </row>
    <row r="825587" spans="14:14">
      <c r="N825587" s="10"/>
    </row>
    <row r="825588" spans="14:14">
      <c r="N825588" s="10"/>
    </row>
    <row r="825589" spans="14:14">
      <c r="N825589" s="10"/>
    </row>
    <row r="825590" spans="14:14">
      <c r="N825590" s="10"/>
    </row>
    <row r="825591" spans="14:14">
      <c r="N825591" s="10"/>
    </row>
    <row r="825592" spans="14:14">
      <c r="N825592" s="10"/>
    </row>
    <row r="825593" spans="14:14">
      <c r="N825593" s="10"/>
    </row>
    <row r="825594" spans="14:14">
      <c r="N825594" s="10"/>
    </row>
    <row r="825595" spans="14:14">
      <c r="N825595" s="10"/>
    </row>
    <row r="825596" spans="14:14">
      <c r="N825596" s="10"/>
    </row>
    <row r="825597" spans="14:14">
      <c r="N825597" s="10"/>
    </row>
    <row r="825598" spans="14:14">
      <c r="N825598" s="10"/>
    </row>
    <row r="825599" spans="14:14">
      <c r="N825599" s="10"/>
    </row>
    <row r="825600" spans="14:14">
      <c r="N825600" s="10"/>
    </row>
    <row r="825601" spans="14:14">
      <c r="N825601" s="10"/>
    </row>
    <row r="825602" spans="14:14">
      <c r="N825602" s="10"/>
    </row>
    <row r="825603" spans="14:14">
      <c r="N825603" s="10"/>
    </row>
    <row r="825604" spans="14:14">
      <c r="N825604" s="10"/>
    </row>
    <row r="825605" spans="14:14">
      <c r="N825605" s="10"/>
    </row>
    <row r="825606" spans="14:14">
      <c r="N825606" s="10"/>
    </row>
    <row r="825607" spans="14:14">
      <c r="N825607" s="10"/>
    </row>
    <row r="825608" spans="14:14">
      <c r="N825608" s="10"/>
    </row>
    <row r="825609" spans="14:14">
      <c r="N825609" s="10"/>
    </row>
    <row r="825610" spans="14:14">
      <c r="N825610" s="10"/>
    </row>
    <row r="825611" spans="14:14">
      <c r="N825611" s="10"/>
    </row>
    <row r="825612" spans="14:14">
      <c r="N825612" s="10"/>
    </row>
    <row r="825613" spans="14:14">
      <c r="N825613" s="10"/>
    </row>
    <row r="825614" spans="14:14">
      <c r="N825614" s="10"/>
    </row>
    <row r="825615" spans="14:14">
      <c r="N825615" s="10"/>
    </row>
    <row r="825616" spans="14:14">
      <c r="N825616" s="10"/>
    </row>
    <row r="825617" spans="14:14">
      <c r="N825617" s="10"/>
    </row>
    <row r="825618" spans="14:14">
      <c r="N825618" s="10"/>
    </row>
    <row r="825619" spans="14:14">
      <c r="N825619" s="10"/>
    </row>
    <row r="825620" spans="14:14">
      <c r="N825620" s="10"/>
    </row>
    <row r="825621" spans="14:14">
      <c r="N825621" s="10"/>
    </row>
    <row r="825622" spans="14:14">
      <c r="N825622" s="10"/>
    </row>
    <row r="825623" spans="14:14">
      <c r="N825623" s="10"/>
    </row>
    <row r="825624" spans="14:14">
      <c r="N825624" s="10"/>
    </row>
    <row r="825625" spans="14:14">
      <c r="N825625" s="10"/>
    </row>
    <row r="825626" spans="14:14">
      <c r="N825626" s="10"/>
    </row>
    <row r="825627" spans="14:14">
      <c r="N825627" s="10"/>
    </row>
    <row r="825628" spans="14:14">
      <c r="N825628" s="10"/>
    </row>
    <row r="825629" spans="14:14">
      <c r="N825629" s="10"/>
    </row>
    <row r="825630" spans="14:14">
      <c r="N825630" s="10"/>
    </row>
    <row r="825631" spans="14:14">
      <c r="N825631" s="10"/>
    </row>
    <row r="825632" spans="14:14">
      <c r="N825632" s="10"/>
    </row>
    <row r="825633" spans="14:14">
      <c r="N825633" s="10"/>
    </row>
    <row r="825634" spans="14:14">
      <c r="N825634" s="10"/>
    </row>
    <row r="825635" spans="14:14">
      <c r="N825635" s="10"/>
    </row>
    <row r="825636" spans="14:14">
      <c r="N825636" s="10"/>
    </row>
    <row r="825637" spans="14:14">
      <c r="N825637" s="10"/>
    </row>
    <row r="825638" spans="14:14">
      <c r="N825638" s="10"/>
    </row>
    <row r="825639" spans="14:14">
      <c r="N825639" s="10"/>
    </row>
    <row r="825640" spans="14:14">
      <c r="N825640" s="10"/>
    </row>
    <row r="825641" spans="14:14">
      <c r="N825641" s="10"/>
    </row>
    <row r="825642" spans="14:14">
      <c r="N825642" s="10"/>
    </row>
    <row r="825643" spans="14:14">
      <c r="N825643" s="10"/>
    </row>
    <row r="825644" spans="14:14">
      <c r="N825644" s="10"/>
    </row>
    <row r="825645" spans="14:14">
      <c r="N825645" s="10"/>
    </row>
    <row r="825646" spans="14:14">
      <c r="N825646" s="10"/>
    </row>
    <row r="825647" spans="14:14">
      <c r="N825647" s="10"/>
    </row>
    <row r="825648" spans="14:14">
      <c r="N825648" s="10"/>
    </row>
    <row r="825649" spans="14:14">
      <c r="N825649" s="10"/>
    </row>
    <row r="825650" spans="14:14">
      <c r="N825650" s="10"/>
    </row>
    <row r="825651" spans="14:14">
      <c r="N825651" s="10"/>
    </row>
    <row r="825652" spans="14:14">
      <c r="N825652" s="10"/>
    </row>
    <row r="825653" spans="14:14">
      <c r="N825653" s="10"/>
    </row>
    <row r="825654" spans="14:14">
      <c r="N825654" s="10"/>
    </row>
    <row r="825655" spans="14:14">
      <c r="N825655" s="10"/>
    </row>
    <row r="825656" spans="14:14">
      <c r="N825656" s="10"/>
    </row>
    <row r="825657" spans="14:14">
      <c r="N825657" s="10"/>
    </row>
    <row r="825658" spans="14:14">
      <c r="N825658" s="10"/>
    </row>
    <row r="825659" spans="14:14">
      <c r="N825659" s="10"/>
    </row>
    <row r="825660" spans="14:14">
      <c r="N825660" s="10"/>
    </row>
    <row r="825661" spans="14:14">
      <c r="N825661" s="10"/>
    </row>
    <row r="825662" spans="14:14">
      <c r="N825662" s="10"/>
    </row>
    <row r="825663" spans="14:14">
      <c r="N825663" s="10"/>
    </row>
    <row r="825664" spans="14:14">
      <c r="N825664" s="10"/>
    </row>
    <row r="825665" spans="14:14">
      <c r="N825665" s="10"/>
    </row>
    <row r="825666" spans="14:14">
      <c r="N825666" s="10"/>
    </row>
    <row r="825667" spans="14:14">
      <c r="N825667" s="10"/>
    </row>
    <row r="825668" spans="14:14">
      <c r="N825668" s="10"/>
    </row>
    <row r="825669" spans="14:14">
      <c r="N825669" s="10"/>
    </row>
    <row r="825670" spans="14:14">
      <c r="N825670" s="10"/>
    </row>
    <row r="825671" spans="14:14">
      <c r="N825671" s="10"/>
    </row>
    <row r="825672" spans="14:14">
      <c r="N825672" s="10"/>
    </row>
    <row r="825673" spans="14:14">
      <c r="N825673" s="10"/>
    </row>
    <row r="825674" spans="14:14">
      <c r="N825674" s="10"/>
    </row>
    <row r="825675" spans="14:14">
      <c r="N825675" s="10"/>
    </row>
    <row r="825676" spans="14:14">
      <c r="N825676" s="10"/>
    </row>
    <row r="825677" spans="14:14">
      <c r="N825677" s="10"/>
    </row>
    <row r="825678" spans="14:14">
      <c r="N825678" s="10"/>
    </row>
    <row r="825679" spans="14:14">
      <c r="N825679" s="10"/>
    </row>
    <row r="825680" spans="14:14">
      <c r="N825680" s="10"/>
    </row>
    <row r="825681" spans="14:14">
      <c r="N825681" s="10"/>
    </row>
    <row r="825682" spans="14:14">
      <c r="N825682" s="10"/>
    </row>
    <row r="825683" spans="14:14">
      <c r="N825683" s="10"/>
    </row>
    <row r="825684" spans="14:14">
      <c r="N825684" s="10"/>
    </row>
    <row r="825685" spans="14:14">
      <c r="N825685" s="10"/>
    </row>
    <row r="825686" spans="14:14">
      <c r="N825686" s="10"/>
    </row>
    <row r="825687" spans="14:14">
      <c r="N825687" s="10"/>
    </row>
    <row r="825688" spans="14:14">
      <c r="N825688" s="10"/>
    </row>
    <row r="825689" spans="14:14">
      <c r="N825689" s="10"/>
    </row>
    <row r="825690" spans="14:14">
      <c r="N825690" s="10"/>
    </row>
    <row r="825691" spans="14:14">
      <c r="N825691" s="10"/>
    </row>
    <row r="825692" spans="14:14">
      <c r="N825692" s="10"/>
    </row>
    <row r="825693" spans="14:14">
      <c r="N825693" s="10"/>
    </row>
    <row r="825694" spans="14:14">
      <c r="N825694" s="10"/>
    </row>
    <row r="825695" spans="14:14">
      <c r="N825695" s="10"/>
    </row>
    <row r="825696" spans="14:14">
      <c r="N825696" s="10"/>
    </row>
    <row r="825697" spans="14:14">
      <c r="N825697" s="10"/>
    </row>
    <row r="825698" spans="14:14">
      <c r="N825698" s="10"/>
    </row>
    <row r="825699" spans="14:14">
      <c r="N825699" s="10"/>
    </row>
    <row r="825700" spans="14:14">
      <c r="N825700" s="10"/>
    </row>
    <row r="825701" spans="14:14">
      <c r="N825701" s="10"/>
    </row>
    <row r="825702" spans="14:14">
      <c r="N825702" s="10"/>
    </row>
    <row r="825703" spans="14:14">
      <c r="N825703" s="10"/>
    </row>
    <row r="825704" spans="14:14">
      <c r="N825704" s="10"/>
    </row>
    <row r="825705" spans="14:14">
      <c r="N825705" s="10"/>
    </row>
    <row r="825706" spans="14:14">
      <c r="N825706" s="10"/>
    </row>
    <row r="825707" spans="14:14">
      <c r="N825707" s="10"/>
    </row>
    <row r="825708" spans="14:14">
      <c r="N825708" s="10"/>
    </row>
    <row r="825709" spans="14:14">
      <c r="N825709" s="10"/>
    </row>
    <row r="825710" spans="14:14">
      <c r="N825710" s="10"/>
    </row>
    <row r="825711" spans="14:14">
      <c r="N825711" s="10"/>
    </row>
    <row r="825712" spans="14:14">
      <c r="N825712" s="10"/>
    </row>
    <row r="825713" spans="14:14">
      <c r="N825713" s="10"/>
    </row>
    <row r="825714" spans="14:14">
      <c r="N825714" s="10"/>
    </row>
    <row r="825715" spans="14:14">
      <c r="N825715" s="10"/>
    </row>
    <row r="825716" spans="14:14">
      <c r="N825716" s="10"/>
    </row>
    <row r="825717" spans="14:14">
      <c r="N825717" s="10"/>
    </row>
    <row r="825718" spans="14:14">
      <c r="N825718" s="10"/>
    </row>
    <row r="825719" spans="14:14">
      <c r="N825719" s="10"/>
    </row>
    <row r="825720" spans="14:14">
      <c r="N825720" s="10"/>
    </row>
    <row r="825721" spans="14:14">
      <c r="N825721" s="10"/>
    </row>
    <row r="825722" spans="14:14">
      <c r="N825722" s="10"/>
    </row>
    <row r="825723" spans="14:14">
      <c r="N825723" s="10"/>
    </row>
    <row r="825724" spans="14:14">
      <c r="N825724" s="10"/>
    </row>
    <row r="825725" spans="14:14">
      <c r="N825725" s="10"/>
    </row>
    <row r="825726" spans="14:14">
      <c r="N825726" s="10"/>
    </row>
    <row r="825727" spans="14:14">
      <c r="N825727" s="10"/>
    </row>
    <row r="825728" spans="14:14">
      <c r="N825728" s="10"/>
    </row>
    <row r="825729" spans="14:14">
      <c r="N825729" s="10"/>
    </row>
    <row r="825730" spans="14:14">
      <c r="N825730" s="10"/>
    </row>
    <row r="825731" spans="14:14">
      <c r="N825731" s="10"/>
    </row>
    <row r="825732" spans="14:14">
      <c r="N825732" s="10"/>
    </row>
    <row r="825733" spans="14:14">
      <c r="N825733" s="10"/>
    </row>
    <row r="825734" spans="14:14">
      <c r="N825734" s="10"/>
    </row>
    <row r="825735" spans="14:14">
      <c r="N825735" s="10"/>
    </row>
    <row r="825736" spans="14:14">
      <c r="N825736" s="10"/>
    </row>
    <row r="825737" spans="14:14">
      <c r="N825737" s="10"/>
    </row>
    <row r="825738" spans="14:14">
      <c r="N825738" s="10"/>
    </row>
    <row r="825739" spans="14:14">
      <c r="N825739" s="10"/>
    </row>
    <row r="825740" spans="14:14">
      <c r="N825740" s="10"/>
    </row>
    <row r="825741" spans="14:14">
      <c r="N825741" s="10"/>
    </row>
    <row r="825742" spans="14:14">
      <c r="N825742" s="10"/>
    </row>
    <row r="825743" spans="14:14">
      <c r="N825743" s="10"/>
    </row>
    <row r="825744" spans="14:14">
      <c r="N825744" s="10"/>
    </row>
    <row r="825745" spans="14:14">
      <c r="N825745" s="10"/>
    </row>
    <row r="825746" spans="14:14">
      <c r="N825746" s="10"/>
    </row>
    <row r="825747" spans="14:14">
      <c r="N825747" s="10"/>
    </row>
    <row r="825748" spans="14:14">
      <c r="N825748" s="10"/>
    </row>
    <row r="825749" spans="14:14">
      <c r="N825749" s="10"/>
    </row>
    <row r="825750" spans="14:14">
      <c r="N825750" s="10"/>
    </row>
    <row r="825751" spans="14:14">
      <c r="N825751" s="10"/>
    </row>
    <row r="825752" spans="14:14">
      <c r="N825752" s="10"/>
    </row>
    <row r="825753" spans="14:14">
      <c r="N825753" s="10"/>
    </row>
    <row r="825754" spans="14:14">
      <c r="N825754" s="10"/>
    </row>
    <row r="825755" spans="14:14">
      <c r="N825755" s="10"/>
    </row>
    <row r="825756" spans="14:14">
      <c r="N825756" s="10"/>
    </row>
    <row r="825757" spans="14:14">
      <c r="N825757" s="10"/>
    </row>
    <row r="825758" spans="14:14">
      <c r="N825758" s="10"/>
    </row>
    <row r="825759" spans="14:14">
      <c r="N825759" s="10"/>
    </row>
    <row r="825760" spans="14:14">
      <c r="N825760" s="10"/>
    </row>
    <row r="825761" spans="14:14">
      <c r="N825761" s="10"/>
    </row>
    <row r="825762" spans="14:14">
      <c r="N825762" s="10"/>
    </row>
    <row r="825763" spans="14:14">
      <c r="N825763" s="10"/>
    </row>
    <row r="825764" spans="14:14">
      <c r="N825764" s="10"/>
    </row>
    <row r="825765" spans="14:14">
      <c r="N825765" s="10"/>
    </row>
    <row r="825766" spans="14:14">
      <c r="N825766" s="10"/>
    </row>
    <row r="825767" spans="14:14">
      <c r="N825767" s="10"/>
    </row>
    <row r="825768" spans="14:14">
      <c r="N825768" s="10"/>
    </row>
    <row r="825769" spans="14:14">
      <c r="N825769" s="10"/>
    </row>
    <row r="825770" spans="14:14">
      <c r="N825770" s="10"/>
    </row>
    <row r="825771" spans="14:14">
      <c r="N825771" s="10"/>
    </row>
    <row r="825772" spans="14:14">
      <c r="N825772" s="10"/>
    </row>
    <row r="825773" spans="14:14">
      <c r="N825773" s="10"/>
    </row>
    <row r="825774" spans="14:14">
      <c r="N825774" s="10"/>
    </row>
    <row r="825775" spans="14:14">
      <c r="N825775" s="10"/>
    </row>
    <row r="825776" spans="14:14">
      <c r="N825776" s="10"/>
    </row>
    <row r="825777" spans="14:14">
      <c r="N825777" s="10"/>
    </row>
    <row r="825778" spans="14:14">
      <c r="N825778" s="10"/>
    </row>
    <row r="825779" spans="14:14">
      <c r="N825779" s="10"/>
    </row>
    <row r="825780" spans="14:14">
      <c r="N825780" s="10"/>
    </row>
    <row r="825781" spans="14:14">
      <c r="N825781" s="10"/>
    </row>
    <row r="825782" spans="14:14">
      <c r="N825782" s="10"/>
    </row>
    <row r="825783" spans="14:14">
      <c r="N825783" s="10"/>
    </row>
    <row r="825784" spans="14:14">
      <c r="N825784" s="10"/>
    </row>
    <row r="825785" spans="14:14">
      <c r="N825785" s="10"/>
    </row>
    <row r="825786" spans="14:14">
      <c r="N825786" s="10"/>
    </row>
    <row r="825787" spans="14:14">
      <c r="N825787" s="10"/>
    </row>
    <row r="825788" spans="14:14">
      <c r="N825788" s="10"/>
    </row>
    <row r="825789" spans="14:14">
      <c r="N825789" s="10"/>
    </row>
    <row r="825790" spans="14:14">
      <c r="N825790" s="10"/>
    </row>
    <row r="825791" spans="14:14">
      <c r="N825791" s="10"/>
    </row>
    <row r="825792" spans="14:14">
      <c r="N825792" s="10"/>
    </row>
    <row r="825793" spans="14:14">
      <c r="N825793" s="10"/>
    </row>
    <row r="825794" spans="14:14">
      <c r="N825794" s="10"/>
    </row>
    <row r="825795" spans="14:14">
      <c r="N825795" s="10"/>
    </row>
    <row r="825796" spans="14:14">
      <c r="N825796" s="10"/>
    </row>
    <row r="825797" spans="14:14">
      <c r="N825797" s="10"/>
    </row>
    <row r="825798" spans="14:14">
      <c r="N825798" s="10"/>
    </row>
    <row r="825799" spans="14:14">
      <c r="N825799" s="10"/>
    </row>
    <row r="825800" spans="14:14">
      <c r="N825800" s="10"/>
    </row>
    <row r="825801" spans="14:14">
      <c r="N825801" s="10"/>
    </row>
    <row r="825802" spans="14:14">
      <c r="N825802" s="10"/>
    </row>
    <row r="825803" spans="14:14">
      <c r="N825803" s="10"/>
    </row>
    <row r="825804" spans="14:14">
      <c r="N825804" s="10"/>
    </row>
    <row r="825805" spans="14:14">
      <c r="N825805" s="10"/>
    </row>
    <row r="825806" spans="14:14">
      <c r="N825806" s="10"/>
    </row>
    <row r="825807" spans="14:14">
      <c r="N825807" s="10"/>
    </row>
    <row r="825808" spans="14:14">
      <c r="N825808" s="10"/>
    </row>
    <row r="825809" spans="14:14">
      <c r="N825809" s="10"/>
    </row>
    <row r="825810" spans="14:14">
      <c r="N825810" s="10"/>
    </row>
    <row r="825811" spans="14:14">
      <c r="N825811" s="10"/>
    </row>
    <row r="825812" spans="14:14">
      <c r="N825812" s="10"/>
    </row>
    <row r="825813" spans="14:14">
      <c r="N825813" s="10"/>
    </row>
    <row r="825814" spans="14:14">
      <c r="N825814" s="10"/>
    </row>
    <row r="825815" spans="14:14">
      <c r="N825815" s="10"/>
    </row>
    <row r="825816" spans="14:14">
      <c r="N825816" s="10"/>
    </row>
    <row r="825817" spans="14:14">
      <c r="N825817" s="10"/>
    </row>
    <row r="825818" spans="14:14">
      <c r="N825818" s="10"/>
    </row>
    <row r="825819" spans="14:14">
      <c r="N825819" s="10"/>
    </row>
    <row r="825820" spans="14:14">
      <c r="N825820" s="10"/>
    </row>
    <row r="825821" spans="14:14">
      <c r="N825821" s="10"/>
    </row>
    <row r="825822" spans="14:14">
      <c r="N825822" s="10"/>
    </row>
    <row r="825823" spans="14:14">
      <c r="N825823" s="10"/>
    </row>
    <row r="825824" spans="14:14">
      <c r="N825824" s="10"/>
    </row>
    <row r="825825" spans="14:14">
      <c r="N825825" s="10"/>
    </row>
    <row r="825826" spans="14:14">
      <c r="N825826" s="10"/>
    </row>
    <row r="825827" spans="14:14">
      <c r="N825827" s="10"/>
    </row>
    <row r="825828" spans="14:14">
      <c r="N825828" s="10"/>
    </row>
    <row r="825829" spans="14:14">
      <c r="N825829" s="10"/>
    </row>
    <row r="825830" spans="14:14">
      <c r="N825830" s="10"/>
    </row>
    <row r="825831" spans="14:14">
      <c r="N825831" s="10"/>
    </row>
    <row r="825832" spans="14:14">
      <c r="N825832" s="10"/>
    </row>
    <row r="825833" spans="14:14">
      <c r="N825833" s="10"/>
    </row>
    <row r="825834" spans="14:14">
      <c r="N825834" s="10"/>
    </row>
    <row r="825835" spans="14:14">
      <c r="N825835" s="10"/>
    </row>
    <row r="825836" spans="14:14">
      <c r="N825836" s="10"/>
    </row>
    <row r="825837" spans="14:14">
      <c r="N825837" s="10"/>
    </row>
    <row r="825838" spans="14:14">
      <c r="N825838" s="10"/>
    </row>
    <row r="825839" spans="14:14">
      <c r="N825839" s="10"/>
    </row>
    <row r="825840" spans="14:14">
      <c r="N825840" s="10"/>
    </row>
    <row r="825841" spans="14:14">
      <c r="N825841" s="10"/>
    </row>
    <row r="825842" spans="14:14">
      <c r="N825842" s="10"/>
    </row>
    <row r="825843" spans="14:14">
      <c r="N825843" s="10"/>
    </row>
    <row r="825844" spans="14:14">
      <c r="N825844" s="10"/>
    </row>
    <row r="825845" spans="14:14">
      <c r="N825845" s="10"/>
    </row>
    <row r="825846" spans="14:14">
      <c r="N825846" s="10"/>
    </row>
    <row r="825847" spans="14:14">
      <c r="N825847" s="10"/>
    </row>
    <row r="825848" spans="14:14">
      <c r="N825848" s="10"/>
    </row>
    <row r="825849" spans="14:14">
      <c r="N825849" s="10"/>
    </row>
    <row r="825850" spans="14:14">
      <c r="N825850" s="10"/>
    </row>
    <row r="825851" spans="14:14">
      <c r="N825851" s="10"/>
    </row>
    <row r="825852" spans="14:14">
      <c r="N825852" s="10"/>
    </row>
    <row r="825853" spans="14:14">
      <c r="N825853" s="10"/>
    </row>
    <row r="825854" spans="14:14">
      <c r="N825854" s="10"/>
    </row>
    <row r="825855" spans="14:14">
      <c r="N825855" s="10"/>
    </row>
    <row r="825856" spans="14:14">
      <c r="N825856" s="10"/>
    </row>
    <row r="825857" spans="14:14">
      <c r="N825857" s="10"/>
    </row>
    <row r="825858" spans="14:14">
      <c r="N825858" s="10"/>
    </row>
    <row r="825859" spans="14:14">
      <c r="N825859" s="10"/>
    </row>
    <row r="825860" spans="14:14">
      <c r="N825860" s="10"/>
    </row>
    <row r="825861" spans="14:14">
      <c r="N825861" s="10"/>
    </row>
    <row r="825862" spans="14:14">
      <c r="N825862" s="10"/>
    </row>
    <row r="825863" spans="14:14">
      <c r="N825863" s="10"/>
    </row>
    <row r="825864" spans="14:14">
      <c r="N825864" s="10"/>
    </row>
    <row r="825865" spans="14:14">
      <c r="N825865" s="10"/>
    </row>
    <row r="825866" spans="14:14">
      <c r="N825866" s="10"/>
    </row>
    <row r="825867" spans="14:14">
      <c r="N825867" s="10"/>
    </row>
    <row r="825868" spans="14:14">
      <c r="N825868" s="10"/>
    </row>
    <row r="825869" spans="14:14">
      <c r="N825869" s="10"/>
    </row>
    <row r="825870" spans="14:14">
      <c r="N825870" s="10"/>
    </row>
    <row r="825871" spans="14:14">
      <c r="N825871" s="10"/>
    </row>
    <row r="825872" spans="14:14">
      <c r="N825872" s="10"/>
    </row>
    <row r="825873" spans="14:14">
      <c r="N825873" s="10"/>
    </row>
    <row r="825874" spans="14:14">
      <c r="N825874" s="10"/>
    </row>
    <row r="825875" spans="14:14">
      <c r="N825875" s="10"/>
    </row>
    <row r="825876" spans="14:14">
      <c r="N825876" s="10"/>
    </row>
    <row r="825877" spans="14:14">
      <c r="N825877" s="10"/>
    </row>
    <row r="825878" spans="14:14">
      <c r="N825878" s="10"/>
    </row>
    <row r="825879" spans="14:14">
      <c r="N825879" s="10"/>
    </row>
    <row r="825880" spans="14:14">
      <c r="N825880" s="10"/>
    </row>
    <row r="825881" spans="14:14">
      <c r="N825881" s="10"/>
    </row>
    <row r="825882" spans="14:14">
      <c r="N825882" s="10"/>
    </row>
    <row r="825883" spans="14:14">
      <c r="N825883" s="10"/>
    </row>
    <row r="825884" spans="14:14">
      <c r="N825884" s="10"/>
    </row>
    <row r="825885" spans="14:14">
      <c r="N825885" s="10"/>
    </row>
    <row r="825886" spans="14:14">
      <c r="N825886" s="10"/>
    </row>
    <row r="825887" spans="14:14">
      <c r="N825887" s="10"/>
    </row>
    <row r="825888" spans="14:14">
      <c r="N825888" s="10"/>
    </row>
    <row r="825889" spans="14:14">
      <c r="N825889" s="10"/>
    </row>
    <row r="825890" spans="14:14">
      <c r="N825890" s="10"/>
    </row>
    <row r="825891" spans="14:14">
      <c r="N825891" s="10"/>
    </row>
    <row r="825892" spans="14:14">
      <c r="N825892" s="10"/>
    </row>
    <row r="825893" spans="14:14">
      <c r="N825893" s="10"/>
    </row>
    <row r="825894" spans="14:14">
      <c r="N825894" s="10"/>
    </row>
    <row r="825895" spans="14:14">
      <c r="N825895" s="10"/>
    </row>
    <row r="825896" spans="14:14">
      <c r="N825896" s="10"/>
    </row>
    <row r="825897" spans="14:14">
      <c r="N825897" s="10"/>
    </row>
    <row r="825898" spans="14:14">
      <c r="N825898" s="10"/>
    </row>
    <row r="825899" spans="14:14">
      <c r="N825899" s="10"/>
    </row>
    <row r="825900" spans="14:14">
      <c r="N825900" s="10"/>
    </row>
    <row r="825901" spans="14:14">
      <c r="N825901" s="10"/>
    </row>
    <row r="825902" spans="14:14">
      <c r="N825902" s="10"/>
    </row>
    <row r="825903" spans="14:14">
      <c r="N825903" s="10"/>
    </row>
    <row r="825904" spans="14:14">
      <c r="N825904" s="10"/>
    </row>
    <row r="825905" spans="14:14">
      <c r="N825905" s="10"/>
    </row>
    <row r="825906" spans="14:14">
      <c r="N825906" s="10"/>
    </row>
    <row r="825907" spans="14:14">
      <c r="N825907" s="10"/>
    </row>
    <row r="825908" spans="14:14">
      <c r="N825908" s="10"/>
    </row>
    <row r="825909" spans="14:14">
      <c r="N825909" s="10"/>
    </row>
    <row r="825910" spans="14:14">
      <c r="N825910" s="10"/>
    </row>
    <row r="825911" spans="14:14">
      <c r="N825911" s="10"/>
    </row>
    <row r="825912" spans="14:14">
      <c r="N825912" s="10"/>
    </row>
    <row r="825913" spans="14:14">
      <c r="N825913" s="10"/>
    </row>
    <row r="825914" spans="14:14">
      <c r="N825914" s="10"/>
    </row>
    <row r="825915" spans="14:14">
      <c r="N825915" s="10"/>
    </row>
    <row r="825916" spans="14:14">
      <c r="N825916" s="10"/>
    </row>
    <row r="825917" spans="14:14">
      <c r="N825917" s="10"/>
    </row>
    <row r="825918" spans="14:14">
      <c r="N825918" s="10"/>
    </row>
    <row r="825919" spans="14:14">
      <c r="N825919" s="10"/>
    </row>
    <row r="825920" spans="14:14">
      <c r="N825920" s="10"/>
    </row>
    <row r="825921" spans="14:14">
      <c r="N825921" s="10"/>
    </row>
    <row r="825922" spans="14:14">
      <c r="N825922" s="10"/>
    </row>
    <row r="825923" spans="14:14">
      <c r="N825923" s="10"/>
    </row>
    <row r="825924" spans="14:14">
      <c r="N825924" s="10"/>
    </row>
    <row r="825925" spans="14:14">
      <c r="N825925" s="10"/>
    </row>
    <row r="825926" spans="14:14">
      <c r="N825926" s="10"/>
    </row>
    <row r="825927" spans="14:14">
      <c r="N825927" s="10"/>
    </row>
    <row r="825928" spans="14:14">
      <c r="N825928" s="10"/>
    </row>
    <row r="825929" spans="14:14">
      <c r="N825929" s="10"/>
    </row>
    <row r="825930" spans="14:14">
      <c r="N825930" s="10"/>
    </row>
    <row r="825931" spans="14:14">
      <c r="N825931" s="10"/>
    </row>
    <row r="825932" spans="14:14">
      <c r="N825932" s="10"/>
    </row>
    <row r="825933" spans="14:14">
      <c r="N825933" s="10"/>
    </row>
    <row r="825934" spans="14:14">
      <c r="N825934" s="10"/>
    </row>
    <row r="825935" spans="14:14">
      <c r="N825935" s="10"/>
    </row>
    <row r="825936" spans="14:14">
      <c r="N825936" s="10"/>
    </row>
    <row r="825937" spans="14:14">
      <c r="N825937" s="10"/>
    </row>
    <row r="825938" spans="14:14">
      <c r="N825938" s="10"/>
    </row>
    <row r="825939" spans="14:14">
      <c r="N825939" s="10"/>
    </row>
    <row r="825940" spans="14:14">
      <c r="N825940" s="10"/>
    </row>
    <row r="825941" spans="14:14">
      <c r="N825941" s="10"/>
    </row>
    <row r="825942" spans="14:14">
      <c r="N825942" s="10"/>
    </row>
    <row r="825943" spans="14:14">
      <c r="N825943" s="10"/>
    </row>
    <row r="825944" spans="14:14">
      <c r="N825944" s="10"/>
    </row>
    <row r="825945" spans="14:14">
      <c r="N825945" s="10"/>
    </row>
    <row r="825946" spans="14:14">
      <c r="N825946" s="10"/>
    </row>
    <row r="825947" spans="14:14">
      <c r="N825947" s="10"/>
    </row>
    <row r="825948" spans="14:14">
      <c r="N825948" s="10"/>
    </row>
    <row r="825949" spans="14:14">
      <c r="N825949" s="10"/>
    </row>
    <row r="825950" spans="14:14">
      <c r="N825950" s="10"/>
    </row>
    <row r="825951" spans="14:14">
      <c r="N825951" s="10"/>
    </row>
    <row r="825952" spans="14:14">
      <c r="N825952" s="10"/>
    </row>
    <row r="825953" spans="14:14">
      <c r="N825953" s="10"/>
    </row>
    <row r="825954" spans="14:14">
      <c r="N825954" s="10"/>
    </row>
    <row r="825955" spans="14:14">
      <c r="N825955" s="10"/>
    </row>
    <row r="825956" spans="14:14">
      <c r="N825956" s="10"/>
    </row>
    <row r="825957" spans="14:14">
      <c r="N825957" s="10"/>
    </row>
    <row r="825958" spans="14:14">
      <c r="N825958" s="10"/>
    </row>
    <row r="825959" spans="14:14">
      <c r="N825959" s="10"/>
    </row>
    <row r="825960" spans="14:14">
      <c r="N825960" s="10"/>
    </row>
    <row r="825961" spans="14:14">
      <c r="N825961" s="10"/>
    </row>
    <row r="825962" spans="14:14">
      <c r="N825962" s="10"/>
    </row>
    <row r="825963" spans="14:14">
      <c r="N825963" s="10"/>
    </row>
    <row r="825964" spans="14:14">
      <c r="N825964" s="10"/>
    </row>
    <row r="825965" spans="14:14">
      <c r="N825965" s="10"/>
    </row>
    <row r="825966" spans="14:14">
      <c r="N825966" s="10"/>
    </row>
    <row r="825967" spans="14:14">
      <c r="N825967" s="10"/>
    </row>
    <row r="825968" spans="14:14">
      <c r="N825968" s="10"/>
    </row>
    <row r="825969" spans="14:14">
      <c r="N825969" s="10"/>
    </row>
    <row r="825970" spans="14:14">
      <c r="N825970" s="10"/>
    </row>
    <row r="825971" spans="14:14">
      <c r="N825971" s="10"/>
    </row>
    <row r="825972" spans="14:14">
      <c r="N825972" s="10"/>
    </row>
    <row r="825973" spans="14:14">
      <c r="N825973" s="10"/>
    </row>
    <row r="825974" spans="14:14">
      <c r="N825974" s="10"/>
    </row>
    <row r="825975" spans="14:14">
      <c r="N825975" s="10"/>
    </row>
    <row r="825976" spans="14:14">
      <c r="N825976" s="10"/>
    </row>
    <row r="825977" spans="14:14">
      <c r="N825977" s="10"/>
    </row>
    <row r="825978" spans="14:14">
      <c r="N825978" s="10"/>
    </row>
    <row r="825979" spans="14:14">
      <c r="N825979" s="10"/>
    </row>
    <row r="825980" spans="14:14">
      <c r="N825980" s="10"/>
    </row>
    <row r="825981" spans="14:14">
      <c r="N825981" s="10"/>
    </row>
    <row r="825982" spans="14:14">
      <c r="N825982" s="10"/>
    </row>
    <row r="825983" spans="14:14">
      <c r="N825983" s="10"/>
    </row>
    <row r="825984" spans="14:14">
      <c r="N825984" s="10"/>
    </row>
    <row r="825985" spans="14:14">
      <c r="N825985" s="10"/>
    </row>
    <row r="825986" spans="14:14">
      <c r="N825986" s="10"/>
    </row>
    <row r="825987" spans="14:14">
      <c r="N825987" s="10"/>
    </row>
    <row r="825988" spans="14:14">
      <c r="N825988" s="10"/>
    </row>
    <row r="825989" spans="14:14">
      <c r="N825989" s="10"/>
    </row>
    <row r="825990" spans="14:14">
      <c r="N825990" s="10"/>
    </row>
    <row r="825991" spans="14:14">
      <c r="N825991" s="10"/>
    </row>
    <row r="825992" spans="14:14">
      <c r="N825992" s="10"/>
    </row>
    <row r="825993" spans="14:14">
      <c r="N825993" s="10"/>
    </row>
    <row r="825994" spans="14:14">
      <c r="N825994" s="10"/>
    </row>
    <row r="825995" spans="14:14">
      <c r="N825995" s="10"/>
    </row>
    <row r="825996" spans="14:14">
      <c r="N825996" s="10"/>
    </row>
    <row r="825997" spans="14:14">
      <c r="N825997" s="10"/>
    </row>
    <row r="825998" spans="14:14">
      <c r="N825998" s="10"/>
    </row>
    <row r="825999" spans="14:14">
      <c r="N825999" s="10"/>
    </row>
    <row r="826000" spans="14:14">
      <c r="N826000" s="10"/>
    </row>
    <row r="826001" spans="14:14">
      <c r="N826001" s="10"/>
    </row>
    <row r="826002" spans="14:14">
      <c r="N826002" s="10"/>
    </row>
    <row r="826003" spans="14:14">
      <c r="N826003" s="10"/>
    </row>
    <row r="826004" spans="14:14">
      <c r="N826004" s="10"/>
    </row>
    <row r="826005" spans="14:14">
      <c r="N826005" s="10"/>
    </row>
    <row r="826006" spans="14:14">
      <c r="N826006" s="10"/>
    </row>
    <row r="826007" spans="14:14">
      <c r="N826007" s="10"/>
    </row>
    <row r="826008" spans="14:14">
      <c r="N826008" s="10"/>
    </row>
    <row r="826009" spans="14:14">
      <c r="N826009" s="10"/>
    </row>
    <row r="826010" spans="14:14">
      <c r="N826010" s="10"/>
    </row>
    <row r="826011" spans="14:14">
      <c r="N826011" s="10"/>
    </row>
    <row r="826012" spans="14:14">
      <c r="N826012" s="10"/>
    </row>
    <row r="826013" spans="14:14">
      <c r="N826013" s="10"/>
    </row>
    <row r="826014" spans="14:14">
      <c r="N826014" s="10"/>
    </row>
    <row r="826015" spans="14:14">
      <c r="N826015" s="10"/>
    </row>
    <row r="826016" spans="14:14">
      <c r="N826016" s="10"/>
    </row>
    <row r="826017" spans="14:14">
      <c r="N826017" s="10"/>
    </row>
    <row r="826018" spans="14:14">
      <c r="N826018" s="10"/>
    </row>
    <row r="826019" spans="14:14">
      <c r="N826019" s="10"/>
    </row>
    <row r="826020" spans="14:14">
      <c r="N826020" s="10"/>
    </row>
    <row r="826021" spans="14:14">
      <c r="N826021" s="10"/>
    </row>
    <row r="826022" spans="14:14">
      <c r="N826022" s="10"/>
    </row>
    <row r="826023" spans="14:14">
      <c r="N826023" s="10"/>
    </row>
    <row r="826024" spans="14:14">
      <c r="N826024" s="10"/>
    </row>
    <row r="826025" spans="14:14">
      <c r="N826025" s="10"/>
    </row>
    <row r="826026" spans="14:14">
      <c r="N826026" s="10"/>
    </row>
    <row r="826027" spans="14:14">
      <c r="N826027" s="10"/>
    </row>
    <row r="826028" spans="14:14">
      <c r="N826028" s="10"/>
    </row>
    <row r="826029" spans="14:14">
      <c r="N826029" s="10"/>
    </row>
    <row r="826030" spans="14:14">
      <c r="N826030" s="10"/>
    </row>
    <row r="826031" spans="14:14">
      <c r="N826031" s="10"/>
    </row>
    <row r="826032" spans="14:14">
      <c r="N826032" s="10"/>
    </row>
    <row r="826033" spans="14:14">
      <c r="N826033" s="10"/>
    </row>
    <row r="826034" spans="14:14">
      <c r="N826034" s="10"/>
    </row>
    <row r="826035" spans="14:14">
      <c r="N826035" s="10"/>
    </row>
    <row r="826036" spans="14:14">
      <c r="N826036" s="10"/>
    </row>
    <row r="826037" spans="14:14">
      <c r="N826037" s="10"/>
    </row>
    <row r="826038" spans="14:14">
      <c r="N826038" s="10"/>
    </row>
    <row r="826039" spans="14:14">
      <c r="N826039" s="10"/>
    </row>
    <row r="826040" spans="14:14">
      <c r="N826040" s="10"/>
    </row>
    <row r="826041" spans="14:14">
      <c r="N826041" s="10"/>
    </row>
    <row r="826042" spans="14:14">
      <c r="N826042" s="10"/>
    </row>
    <row r="826043" spans="14:14">
      <c r="N826043" s="10"/>
    </row>
    <row r="826044" spans="14:14">
      <c r="N826044" s="10"/>
    </row>
    <row r="826045" spans="14:14">
      <c r="N826045" s="10"/>
    </row>
    <row r="826046" spans="14:14">
      <c r="N826046" s="10"/>
    </row>
    <row r="826047" spans="14:14">
      <c r="N826047" s="10"/>
    </row>
    <row r="826048" spans="14:14">
      <c r="N826048" s="10"/>
    </row>
    <row r="826049" spans="14:14">
      <c r="N826049" s="10"/>
    </row>
    <row r="826050" spans="14:14">
      <c r="N826050" s="10"/>
    </row>
    <row r="826051" spans="14:14">
      <c r="N826051" s="10"/>
    </row>
    <row r="826052" spans="14:14">
      <c r="N826052" s="10"/>
    </row>
    <row r="826053" spans="14:14">
      <c r="N826053" s="10"/>
    </row>
    <row r="826054" spans="14:14">
      <c r="N826054" s="10"/>
    </row>
    <row r="826055" spans="14:14">
      <c r="N826055" s="10"/>
    </row>
    <row r="826056" spans="14:14">
      <c r="N826056" s="10"/>
    </row>
    <row r="826057" spans="14:14">
      <c r="N826057" s="10"/>
    </row>
    <row r="826058" spans="14:14">
      <c r="N826058" s="10"/>
    </row>
    <row r="826059" spans="14:14">
      <c r="N826059" s="10"/>
    </row>
    <row r="826060" spans="14:14">
      <c r="N826060" s="10"/>
    </row>
    <row r="826061" spans="14:14">
      <c r="N826061" s="10"/>
    </row>
    <row r="826062" spans="14:14">
      <c r="N826062" s="10"/>
    </row>
    <row r="826063" spans="14:14">
      <c r="N826063" s="10"/>
    </row>
    <row r="826064" spans="14:14">
      <c r="N826064" s="10"/>
    </row>
    <row r="826065" spans="14:14">
      <c r="N826065" s="10"/>
    </row>
    <row r="826066" spans="14:14">
      <c r="N826066" s="10"/>
    </row>
    <row r="826067" spans="14:14">
      <c r="N826067" s="10"/>
    </row>
    <row r="826068" spans="14:14">
      <c r="N826068" s="10"/>
    </row>
    <row r="826069" spans="14:14">
      <c r="N826069" s="10"/>
    </row>
    <row r="826070" spans="14:14">
      <c r="N826070" s="10"/>
    </row>
    <row r="826071" spans="14:14">
      <c r="N826071" s="10"/>
    </row>
    <row r="826072" spans="14:14">
      <c r="N826072" s="10"/>
    </row>
    <row r="826073" spans="14:14">
      <c r="N826073" s="10"/>
    </row>
    <row r="826074" spans="14:14">
      <c r="N826074" s="10"/>
    </row>
    <row r="826075" spans="14:14">
      <c r="N826075" s="10"/>
    </row>
    <row r="826076" spans="14:14">
      <c r="N826076" s="10"/>
    </row>
    <row r="826077" spans="14:14">
      <c r="N826077" s="10"/>
    </row>
    <row r="826078" spans="14:14">
      <c r="N826078" s="10"/>
    </row>
    <row r="826079" spans="14:14">
      <c r="N826079" s="10"/>
    </row>
    <row r="826080" spans="14:14">
      <c r="N826080" s="10"/>
    </row>
    <row r="826081" spans="14:14">
      <c r="N826081" s="10"/>
    </row>
    <row r="826082" spans="14:14">
      <c r="N826082" s="10"/>
    </row>
    <row r="826083" spans="14:14">
      <c r="N826083" s="10"/>
    </row>
    <row r="826084" spans="14:14">
      <c r="N826084" s="10"/>
    </row>
    <row r="826085" spans="14:14">
      <c r="N826085" s="10"/>
    </row>
    <row r="826086" spans="14:14">
      <c r="N826086" s="10"/>
    </row>
    <row r="826087" spans="14:14">
      <c r="N826087" s="10"/>
    </row>
    <row r="826088" spans="14:14">
      <c r="N826088" s="10"/>
    </row>
    <row r="826089" spans="14:14">
      <c r="N826089" s="10"/>
    </row>
    <row r="826090" spans="14:14">
      <c r="N826090" s="10"/>
    </row>
    <row r="826091" spans="14:14">
      <c r="N826091" s="10"/>
    </row>
    <row r="826092" spans="14:14">
      <c r="N826092" s="10"/>
    </row>
    <row r="826093" spans="14:14">
      <c r="N826093" s="10"/>
    </row>
    <row r="826094" spans="14:14">
      <c r="N826094" s="10"/>
    </row>
    <row r="826095" spans="14:14">
      <c r="N826095" s="10"/>
    </row>
    <row r="826096" spans="14:14">
      <c r="N826096" s="10"/>
    </row>
    <row r="826097" spans="14:14">
      <c r="N826097" s="10"/>
    </row>
    <row r="826098" spans="14:14">
      <c r="N826098" s="10"/>
    </row>
    <row r="826099" spans="14:14">
      <c r="N826099" s="10"/>
    </row>
    <row r="826100" spans="14:14">
      <c r="N826100" s="10"/>
    </row>
    <row r="826101" spans="14:14">
      <c r="N826101" s="10"/>
    </row>
    <row r="826102" spans="14:14">
      <c r="N826102" s="10"/>
    </row>
    <row r="826103" spans="14:14">
      <c r="N826103" s="10"/>
    </row>
    <row r="826104" spans="14:14">
      <c r="N826104" s="10"/>
    </row>
    <row r="826105" spans="14:14">
      <c r="N826105" s="10"/>
    </row>
    <row r="826106" spans="14:14">
      <c r="N826106" s="10"/>
    </row>
    <row r="826107" spans="14:14">
      <c r="N826107" s="10"/>
    </row>
    <row r="826108" spans="14:14">
      <c r="N826108" s="10"/>
    </row>
    <row r="826109" spans="14:14">
      <c r="N826109" s="10"/>
    </row>
    <row r="826110" spans="14:14">
      <c r="N826110" s="10"/>
    </row>
    <row r="826111" spans="14:14">
      <c r="N826111" s="10"/>
    </row>
    <row r="826112" spans="14:14">
      <c r="N826112" s="10"/>
    </row>
    <row r="826113" spans="14:14">
      <c r="N826113" s="10"/>
    </row>
    <row r="826114" spans="14:14">
      <c r="N826114" s="10"/>
    </row>
    <row r="826115" spans="14:14">
      <c r="N826115" s="10"/>
    </row>
    <row r="826116" spans="14:14">
      <c r="N826116" s="10"/>
    </row>
    <row r="826117" spans="14:14">
      <c r="N826117" s="10"/>
    </row>
    <row r="826118" spans="14:14">
      <c r="N826118" s="10"/>
    </row>
    <row r="826119" spans="14:14">
      <c r="N826119" s="10"/>
    </row>
    <row r="826120" spans="14:14">
      <c r="N826120" s="10"/>
    </row>
    <row r="826121" spans="14:14">
      <c r="N826121" s="10"/>
    </row>
    <row r="826122" spans="14:14">
      <c r="N826122" s="10"/>
    </row>
    <row r="826123" spans="14:14">
      <c r="N826123" s="10"/>
    </row>
    <row r="826124" spans="14:14">
      <c r="N826124" s="10"/>
    </row>
    <row r="826125" spans="14:14">
      <c r="N826125" s="10"/>
    </row>
    <row r="826126" spans="14:14">
      <c r="N826126" s="10"/>
    </row>
    <row r="826127" spans="14:14">
      <c r="N826127" s="10"/>
    </row>
    <row r="826128" spans="14:14">
      <c r="N826128" s="10"/>
    </row>
    <row r="826129" spans="14:14">
      <c r="N826129" s="10"/>
    </row>
    <row r="826130" spans="14:14">
      <c r="N826130" s="10"/>
    </row>
    <row r="826131" spans="14:14">
      <c r="N826131" s="10"/>
    </row>
    <row r="826132" spans="14:14">
      <c r="N826132" s="10"/>
    </row>
    <row r="826133" spans="14:14">
      <c r="N826133" s="10"/>
    </row>
    <row r="826134" spans="14:14">
      <c r="N826134" s="10"/>
    </row>
    <row r="826135" spans="14:14">
      <c r="N826135" s="10"/>
    </row>
    <row r="826136" spans="14:14">
      <c r="N826136" s="10"/>
    </row>
    <row r="826137" spans="14:14">
      <c r="N826137" s="10"/>
    </row>
    <row r="826138" spans="14:14">
      <c r="N826138" s="10"/>
    </row>
    <row r="826139" spans="14:14">
      <c r="N826139" s="10"/>
    </row>
    <row r="826140" spans="14:14">
      <c r="N826140" s="10"/>
    </row>
    <row r="826141" spans="14:14">
      <c r="N826141" s="10"/>
    </row>
    <row r="826142" spans="14:14">
      <c r="N826142" s="10"/>
    </row>
    <row r="826143" spans="14:14">
      <c r="N826143" s="10"/>
    </row>
    <row r="826144" spans="14:14">
      <c r="N826144" s="10"/>
    </row>
    <row r="826145" spans="14:14">
      <c r="N826145" s="10"/>
    </row>
    <row r="826146" spans="14:14">
      <c r="N826146" s="10"/>
    </row>
    <row r="826147" spans="14:14">
      <c r="N826147" s="10"/>
    </row>
    <row r="826148" spans="14:14">
      <c r="N826148" s="10"/>
    </row>
    <row r="826149" spans="14:14">
      <c r="N826149" s="10"/>
    </row>
    <row r="826150" spans="14:14">
      <c r="N826150" s="10"/>
    </row>
    <row r="826151" spans="14:14">
      <c r="N826151" s="10"/>
    </row>
    <row r="826152" spans="14:14">
      <c r="N826152" s="10"/>
    </row>
    <row r="826153" spans="14:14">
      <c r="N826153" s="10"/>
    </row>
    <row r="826154" spans="14:14">
      <c r="N826154" s="10"/>
    </row>
    <row r="826155" spans="14:14">
      <c r="N826155" s="10"/>
    </row>
    <row r="826156" spans="14:14">
      <c r="N826156" s="10"/>
    </row>
    <row r="826157" spans="14:14">
      <c r="N826157" s="10"/>
    </row>
    <row r="826158" spans="14:14">
      <c r="N826158" s="10"/>
    </row>
    <row r="826159" spans="14:14">
      <c r="N826159" s="10"/>
    </row>
    <row r="826160" spans="14:14">
      <c r="N826160" s="10"/>
    </row>
    <row r="826161" spans="14:14">
      <c r="N826161" s="10"/>
    </row>
    <row r="826162" spans="14:14">
      <c r="N826162" s="10"/>
    </row>
    <row r="826163" spans="14:14">
      <c r="N826163" s="10"/>
    </row>
    <row r="826164" spans="14:14">
      <c r="N826164" s="10"/>
    </row>
    <row r="826165" spans="14:14">
      <c r="N826165" s="10"/>
    </row>
    <row r="826166" spans="14:14">
      <c r="N826166" s="10"/>
    </row>
    <row r="826167" spans="14:14">
      <c r="N826167" s="10"/>
    </row>
    <row r="826168" spans="14:14">
      <c r="N826168" s="10"/>
    </row>
    <row r="826169" spans="14:14">
      <c r="N826169" s="10"/>
    </row>
    <row r="826170" spans="14:14">
      <c r="N826170" s="10"/>
    </row>
    <row r="826171" spans="14:14">
      <c r="N826171" s="10"/>
    </row>
    <row r="826172" spans="14:14">
      <c r="N826172" s="10"/>
    </row>
    <row r="826173" spans="14:14">
      <c r="N826173" s="10"/>
    </row>
    <row r="826174" spans="14:14">
      <c r="N826174" s="10"/>
    </row>
    <row r="826175" spans="14:14">
      <c r="N826175" s="10"/>
    </row>
    <row r="826176" spans="14:14">
      <c r="N826176" s="10"/>
    </row>
    <row r="826177" spans="14:14">
      <c r="N826177" s="10"/>
    </row>
    <row r="826178" spans="14:14">
      <c r="N826178" s="10"/>
    </row>
    <row r="826179" spans="14:14">
      <c r="N826179" s="10"/>
    </row>
    <row r="826180" spans="14:14">
      <c r="N826180" s="10"/>
    </row>
    <row r="826181" spans="14:14">
      <c r="N826181" s="10"/>
    </row>
    <row r="826182" spans="14:14">
      <c r="N826182" s="10"/>
    </row>
    <row r="826183" spans="14:14">
      <c r="N826183" s="10"/>
    </row>
    <row r="826184" spans="14:14">
      <c r="N826184" s="10"/>
    </row>
    <row r="826185" spans="14:14">
      <c r="N826185" s="10"/>
    </row>
    <row r="826186" spans="14:14">
      <c r="N826186" s="10"/>
    </row>
    <row r="826187" spans="14:14">
      <c r="N826187" s="10"/>
    </row>
    <row r="826188" spans="14:14">
      <c r="N826188" s="10"/>
    </row>
    <row r="826189" spans="14:14">
      <c r="N826189" s="10"/>
    </row>
    <row r="826190" spans="14:14">
      <c r="N826190" s="10"/>
    </row>
    <row r="826191" spans="14:14">
      <c r="N826191" s="10"/>
    </row>
    <row r="826192" spans="14:14">
      <c r="N826192" s="10"/>
    </row>
    <row r="826193" spans="14:14">
      <c r="N826193" s="10"/>
    </row>
    <row r="826194" spans="14:14">
      <c r="N826194" s="10"/>
    </row>
    <row r="826195" spans="14:14">
      <c r="N826195" s="10"/>
    </row>
    <row r="826196" spans="14:14">
      <c r="N826196" s="10"/>
    </row>
    <row r="826197" spans="14:14">
      <c r="N826197" s="10"/>
    </row>
    <row r="826198" spans="14:14">
      <c r="N826198" s="10"/>
    </row>
    <row r="826199" spans="14:14">
      <c r="N826199" s="10"/>
    </row>
    <row r="826200" spans="14:14">
      <c r="N826200" s="10"/>
    </row>
    <row r="826201" spans="14:14">
      <c r="N826201" s="10"/>
    </row>
    <row r="826202" spans="14:14">
      <c r="N826202" s="10"/>
    </row>
    <row r="826203" spans="14:14">
      <c r="N826203" s="10"/>
    </row>
    <row r="826204" spans="14:14">
      <c r="N826204" s="10"/>
    </row>
    <row r="826205" spans="14:14">
      <c r="N826205" s="10"/>
    </row>
    <row r="826206" spans="14:14">
      <c r="N826206" s="10"/>
    </row>
    <row r="826207" spans="14:14">
      <c r="N826207" s="10"/>
    </row>
    <row r="826208" spans="14:14">
      <c r="N826208" s="10"/>
    </row>
    <row r="826209" spans="14:14">
      <c r="N826209" s="10"/>
    </row>
    <row r="826210" spans="14:14">
      <c r="N826210" s="10"/>
    </row>
    <row r="826211" spans="14:14">
      <c r="N826211" s="10"/>
    </row>
    <row r="826212" spans="14:14">
      <c r="N826212" s="10"/>
    </row>
    <row r="826213" spans="14:14">
      <c r="N826213" s="10"/>
    </row>
    <row r="826214" spans="14:14">
      <c r="N826214" s="10"/>
    </row>
    <row r="826215" spans="14:14">
      <c r="N826215" s="10"/>
    </row>
    <row r="826216" spans="14:14">
      <c r="N826216" s="10"/>
    </row>
    <row r="826217" spans="14:14">
      <c r="N826217" s="10"/>
    </row>
    <row r="826218" spans="14:14">
      <c r="N826218" s="10"/>
    </row>
    <row r="826219" spans="14:14">
      <c r="N826219" s="10"/>
    </row>
    <row r="826220" spans="14:14">
      <c r="N826220" s="10"/>
    </row>
    <row r="826221" spans="14:14">
      <c r="N826221" s="10"/>
    </row>
    <row r="826222" spans="14:14">
      <c r="N826222" s="10"/>
    </row>
    <row r="826223" spans="14:14">
      <c r="N826223" s="10"/>
    </row>
    <row r="826224" spans="14:14">
      <c r="N826224" s="10"/>
    </row>
    <row r="826225" spans="14:14">
      <c r="N826225" s="10"/>
    </row>
    <row r="826226" spans="14:14">
      <c r="N826226" s="10"/>
    </row>
    <row r="826227" spans="14:14">
      <c r="N826227" s="10"/>
    </row>
    <row r="826228" spans="14:14">
      <c r="N826228" s="10"/>
    </row>
    <row r="826229" spans="14:14">
      <c r="N826229" s="10"/>
    </row>
    <row r="826230" spans="14:14">
      <c r="N826230" s="10"/>
    </row>
    <row r="826231" spans="14:14">
      <c r="N826231" s="10"/>
    </row>
    <row r="826232" spans="14:14">
      <c r="N826232" s="10"/>
    </row>
    <row r="826233" spans="14:14">
      <c r="N826233" s="10"/>
    </row>
    <row r="826234" spans="14:14">
      <c r="N826234" s="10"/>
    </row>
    <row r="826235" spans="14:14">
      <c r="N826235" s="10"/>
    </row>
    <row r="826236" spans="14:14">
      <c r="N826236" s="10"/>
    </row>
    <row r="826237" spans="14:14">
      <c r="N826237" s="10"/>
    </row>
    <row r="826238" spans="14:14">
      <c r="N826238" s="10"/>
    </row>
    <row r="826239" spans="14:14">
      <c r="N826239" s="10"/>
    </row>
    <row r="826240" spans="14:14">
      <c r="N826240" s="10"/>
    </row>
    <row r="826241" spans="14:14">
      <c r="N826241" s="10"/>
    </row>
    <row r="826242" spans="14:14">
      <c r="N826242" s="10"/>
    </row>
    <row r="826243" spans="14:14">
      <c r="N826243" s="10"/>
    </row>
    <row r="826244" spans="14:14">
      <c r="N826244" s="10"/>
    </row>
    <row r="826245" spans="14:14">
      <c r="N826245" s="10"/>
    </row>
    <row r="826246" spans="14:14">
      <c r="N826246" s="10"/>
    </row>
    <row r="826247" spans="14:14">
      <c r="N826247" s="10"/>
    </row>
    <row r="826248" spans="14:14">
      <c r="N826248" s="10"/>
    </row>
    <row r="826249" spans="14:14">
      <c r="N826249" s="10"/>
    </row>
    <row r="826250" spans="14:14">
      <c r="N826250" s="10"/>
    </row>
    <row r="826251" spans="14:14">
      <c r="N826251" s="10"/>
    </row>
    <row r="826252" spans="14:14">
      <c r="N826252" s="10"/>
    </row>
    <row r="826253" spans="14:14">
      <c r="N826253" s="10"/>
    </row>
    <row r="826254" spans="14:14">
      <c r="N826254" s="10"/>
    </row>
    <row r="826255" spans="14:14">
      <c r="N826255" s="10"/>
    </row>
    <row r="826256" spans="14:14">
      <c r="N826256" s="10"/>
    </row>
    <row r="826257" spans="14:14">
      <c r="N826257" s="10"/>
    </row>
    <row r="826258" spans="14:14">
      <c r="N826258" s="10"/>
    </row>
    <row r="826259" spans="14:14">
      <c r="N826259" s="10"/>
    </row>
    <row r="826260" spans="14:14">
      <c r="N826260" s="10"/>
    </row>
    <row r="826261" spans="14:14">
      <c r="N826261" s="10"/>
    </row>
    <row r="826262" spans="14:14">
      <c r="N826262" s="10"/>
    </row>
    <row r="826263" spans="14:14">
      <c r="N826263" s="10"/>
    </row>
    <row r="826264" spans="14:14">
      <c r="N826264" s="10"/>
    </row>
    <row r="826265" spans="14:14">
      <c r="N826265" s="10"/>
    </row>
    <row r="826266" spans="14:14">
      <c r="N826266" s="10"/>
    </row>
    <row r="826267" spans="14:14">
      <c r="N826267" s="10"/>
    </row>
    <row r="826268" spans="14:14">
      <c r="N826268" s="10"/>
    </row>
    <row r="826269" spans="14:14">
      <c r="N826269" s="10"/>
    </row>
    <row r="826270" spans="14:14">
      <c r="N826270" s="10"/>
    </row>
    <row r="826271" spans="14:14">
      <c r="N826271" s="10"/>
    </row>
    <row r="826272" spans="14:14">
      <c r="N826272" s="10"/>
    </row>
    <row r="826273" spans="14:14">
      <c r="N826273" s="10"/>
    </row>
    <row r="826274" spans="14:14">
      <c r="N826274" s="10"/>
    </row>
    <row r="826275" spans="14:14">
      <c r="N826275" s="10"/>
    </row>
    <row r="826276" spans="14:14">
      <c r="N826276" s="10"/>
    </row>
    <row r="826277" spans="14:14">
      <c r="N826277" s="10"/>
    </row>
    <row r="826278" spans="14:14">
      <c r="N826278" s="10"/>
    </row>
    <row r="826279" spans="14:14">
      <c r="N826279" s="10"/>
    </row>
    <row r="826280" spans="14:14">
      <c r="N826280" s="10"/>
    </row>
    <row r="826281" spans="14:14">
      <c r="N826281" s="10"/>
    </row>
    <row r="826282" spans="14:14">
      <c r="N826282" s="10"/>
    </row>
    <row r="826283" spans="14:14">
      <c r="N826283" s="10"/>
    </row>
    <row r="826284" spans="14:14">
      <c r="N826284" s="10"/>
    </row>
    <row r="826285" spans="14:14">
      <c r="N826285" s="10"/>
    </row>
    <row r="826286" spans="14:14">
      <c r="N826286" s="10"/>
    </row>
    <row r="826287" spans="14:14">
      <c r="N826287" s="10"/>
    </row>
    <row r="826288" spans="14:14">
      <c r="N826288" s="10"/>
    </row>
    <row r="826289" spans="14:14">
      <c r="N826289" s="10"/>
    </row>
    <row r="826290" spans="14:14">
      <c r="N826290" s="10"/>
    </row>
    <row r="826291" spans="14:14">
      <c r="N826291" s="10"/>
    </row>
    <row r="826292" spans="14:14">
      <c r="N826292" s="10"/>
    </row>
    <row r="826293" spans="14:14">
      <c r="N826293" s="10"/>
    </row>
    <row r="826294" spans="14:14">
      <c r="N826294" s="10"/>
    </row>
    <row r="826295" spans="14:14">
      <c r="N826295" s="10"/>
    </row>
    <row r="826296" spans="14:14">
      <c r="N826296" s="10"/>
    </row>
    <row r="826297" spans="14:14">
      <c r="N826297" s="10"/>
    </row>
    <row r="826298" spans="14:14">
      <c r="N826298" s="10"/>
    </row>
    <row r="826299" spans="14:14">
      <c r="N826299" s="10"/>
    </row>
    <row r="826300" spans="14:14">
      <c r="N826300" s="10"/>
    </row>
    <row r="826301" spans="14:14">
      <c r="N826301" s="10"/>
    </row>
    <row r="826302" spans="14:14">
      <c r="N826302" s="10"/>
    </row>
    <row r="826303" spans="14:14">
      <c r="N826303" s="10"/>
    </row>
    <row r="826304" spans="14:14">
      <c r="N826304" s="10"/>
    </row>
    <row r="826305" spans="14:14">
      <c r="N826305" s="10"/>
    </row>
    <row r="826306" spans="14:14">
      <c r="N826306" s="10"/>
    </row>
    <row r="826307" spans="14:14">
      <c r="N826307" s="10"/>
    </row>
    <row r="826308" spans="14:14">
      <c r="N826308" s="10"/>
    </row>
    <row r="826309" spans="14:14">
      <c r="N826309" s="10"/>
    </row>
    <row r="826310" spans="14:14">
      <c r="N826310" s="10"/>
    </row>
    <row r="826311" spans="14:14">
      <c r="N826311" s="10"/>
    </row>
    <row r="826312" spans="14:14">
      <c r="N826312" s="10"/>
    </row>
    <row r="826313" spans="14:14">
      <c r="N826313" s="10"/>
    </row>
    <row r="826314" spans="14:14">
      <c r="N826314" s="10"/>
    </row>
    <row r="826315" spans="14:14">
      <c r="N826315" s="10"/>
    </row>
    <row r="826316" spans="14:14">
      <c r="N826316" s="10"/>
    </row>
    <row r="826317" spans="14:14">
      <c r="N826317" s="10"/>
    </row>
    <row r="826318" spans="14:14">
      <c r="N826318" s="10"/>
    </row>
    <row r="826319" spans="14:14">
      <c r="N826319" s="10"/>
    </row>
    <row r="826320" spans="14:14">
      <c r="N826320" s="10"/>
    </row>
    <row r="826321" spans="14:14">
      <c r="N826321" s="10"/>
    </row>
    <row r="826322" spans="14:14">
      <c r="N826322" s="10"/>
    </row>
    <row r="826323" spans="14:14">
      <c r="N826323" s="10"/>
    </row>
    <row r="826324" spans="14:14">
      <c r="N826324" s="10"/>
    </row>
    <row r="826325" spans="14:14">
      <c r="N826325" s="10"/>
    </row>
    <row r="826326" spans="14:14">
      <c r="N826326" s="10"/>
    </row>
    <row r="826327" spans="14:14">
      <c r="N826327" s="10"/>
    </row>
    <row r="826328" spans="14:14">
      <c r="N826328" s="10"/>
    </row>
    <row r="826329" spans="14:14">
      <c r="N826329" s="10"/>
    </row>
    <row r="826330" spans="14:14">
      <c r="N826330" s="10"/>
    </row>
    <row r="826331" spans="14:14">
      <c r="N826331" s="10"/>
    </row>
    <row r="826332" spans="14:14">
      <c r="N826332" s="10"/>
    </row>
    <row r="826333" spans="14:14">
      <c r="N826333" s="10"/>
    </row>
    <row r="826334" spans="14:14">
      <c r="N826334" s="10"/>
    </row>
    <row r="826335" spans="14:14">
      <c r="N826335" s="10"/>
    </row>
    <row r="826336" spans="14:14">
      <c r="N826336" s="10"/>
    </row>
    <row r="826337" spans="14:14">
      <c r="N826337" s="10"/>
    </row>
    <row r="826338" spans="14:14">
      <c r="N826338" s="10"/>
    </row>
    <row r="826339" spans="14:14">
      <c r="N826339" s="10"/>
    </row>
    <row r="826340" spans="14:14">
      <c r="N826340" s="10"/>
    </row>
    <row r="826341" spans="14:14">
      <c r="N826341" s="10"/>
    </row>
    <row r="826342" spans="14:14">
      <c r="N826342" s="10"/>
    </row>
    <row r="826343" spans="14:14">
      <c r="N826343" s="10"/>
    </row>
    <row r="826344" spans="14:14">
      <c r="N826344" s="10"/>
    </row>
    <row r="826345" spans="14:14">
      <c r="N826345" s="10"/>
    </row>
    <row r="826346" spans="14:14">
      <c r="N826346" s="10"/>
    </row>
    <row r="826347" spans="14:14">
      <c r="N826347" s="10"/>
    </row>
    <row r="826348" spans="14:14">
      <c r="N826348" s="10"/>
    </row>
    <row r="826349" spans="14:14">
      <c r="N826349" s="10"/>
    </row>
    <row r="826350" spans="14:14">
      <c r="N826350" s="10"/>
    </row>
    <row r="826351" spans="14:14">
      <c r="N826351" s="10"/>
    </row>
    <row r="826352" spans="14:14">
      <c r="N826352" s="10"/>
    </row>
    <row r="826353" spans="14:14">
      <c r="N826353" s="10"/>
    </row>
    <row r="826354" spans="14:14">
      <c r="N826354" s="10"/>
    </row>
    <row r="826355" spans="14:14">
      <c r="N826355" s="10"/>
    </row>
    <row r="826356" spans="14:14">
      <c r="N826356" s="10"/>
    </row>
    <row r="826357" spans="14:14">
      <c r="N826357" s="10"/>
    </row>
    <row r="826358" spans="14:14">
      <c r="N826358" s="10"/>
    </row>
    <row r="826359" spans="14:14">
      <c r="N826359" s="10"/>
    </row>
    <row r="826360" spans="14:14">
      <c r="N826360" s="10"/>
    </row>
    <row r="826361" spans="14:14">
      <c r="N826361" s="10"/>
    </row>
    <row r="826362" spans="14:14">
      <c r="N826362" s="10"/>
    </row>
    <row r="826363" spans="14:14">
      <c r="N826363" s="10"/>
    </row>
    <row r="826364" spans="14:14">
      <c r="N826364" s="10"/>
    </row>
    <row r="826365" spans="14:14">
      <c r="N826365" s="10"/>
    </row>
    <row r="826366" spans="14:14">
      <c r="N826366" s="10"/>
    </row>
    <row r="826367" spans="14:14">
      <c r="N826367" s="10"/>
    </row>
    <row r="826368" spans="14:14">
      <c r="N826368" s="10"/>
    </row>
    <row r="826369" spans="14:14">
      <c r="N826369" s="10"/>
    </row>
    <row r="826370" spans="14:14">
      <c r="N826370" s="10"/>
    </row>
    <row r="826371" spans="14:14">
      <c r="N826371" s="10"/>
    </row>
    <row r="826372" spans="14:14">
      <c r="N826372" s="10"/>
    </row>
    <row r="826373" spans="14:14">
      <c r="N826373" s="10"/>
    </row>
    <row r="826374" spans="14:14">
      <c r="N826374" s="10"/>
    </row>
    <row r="826375" spans="14:14">
      <c r="N826375" s="10"/>
    </row>
    <row r="826376" spans="14:14">
      <c r="N826376" s="10"/>
    </row>
    <row r="826377" spans="14:14">
      <c r="N826377" s="10"/>
    </row>
    <row r="826378" spans="14:14">
      <c r="N826378" s="10"/>
    </row>
    <row r="826379" spans="14:14">
      <c r="N826379" s="10"/>
    </row>
    <row r="826380" spans="14:14">
      <c r="N826380" s="10"/>
    </row>
    <row r="826381" spans="14:14">
      <c r="N826381" s="10"/>
    </row>
    <row r="826382" spans="14:14">
      <c r="N826382" s="10"/>
    </row>
    <row r="826383" spans="14:14">
      <c r="N826383" s="10"/>
    </row>
    <row r="826384" spans="14:14">
      <c r="N826384" s="10"/>
    </row>
    <row r="826385" spans="14:14">
      <c r="N826385" s="10"/>
    </row>
    <row r="826386" spans="14:14">
      <c r="N826386" s="10"/>
    </row>
    <row r="826387" spans="14:14">
      <c r="N826387" s="10"/>
    </row>
    <row r="826388" spans="14:14">
      <c r="N826388" s="10"/>
    </row>
    <row r="826389" spans="14:14">
      <c r="N826389" s="10"/>
    </row>
    <row r="826390" spans="14:14">
      <c r="N826390" s="10"/>
    </row>
    <row r="826391" spans="14:14">
      <c r="N826391" s="10"/>
    </row>
    <row r="826392" spans="14:14">
      <c r="N826392" s="10"/>
    </row>
    <row r="826393" spans="14:14">
      <c r="N826393" s="10"/>
    </row>
    <row r="826394" spans="14:14">
      <c r="N826394" s="10"/>
    </row>
    <row r="826395" spans="14:14">
      <c r="N826395" s="10"/>
    </row>
    <row r="826396" spans="14:14">
      <c r="N826396" s="10"/>
    </row>
    <row r="826397" spans="14:14">
      <c r="N826397" s="10"/>
    </row>
    <row r="826398" spans="14:14">
      <c r="N826398" s="10"/>
    </row>
    <row r="826399" spans="14:14">
      <c r="N826399" s="10"/>
    </row>
    <row r="826400" spans="14:14">
      <c r="N826400" s="10"/>
    </row>
    <row r="826401" spans="14:14">
      <c r="N826401" s="10"/>
    </row>
    <row r="826402" spans="14:14">
      <c r="N826402" s="10"/>
    </row>
    <row r="826403" spans="14:14">
      <c r="N826403" s="10"/>
    </row>
    <row r="826404" spans="14:14">
      <c r="N826404" s="10"/>
    </row>
    <row r="826405" spans="14:14">
      <c r="N826405" s="10"/>
    </row>
    <row r="826406" spans="14:14">
      <c r="N826406" s="10"/>
    </row>
    <row r="826407" spans="14:14">
      <c r="N826407" s="10"/>
    </row>
    <row r="826408" spans="14:14">
      <c r="N826408" s="10"/>
    </row>
    <row r="826409" spans="14:14">
      <c r="N826409" s="10"/>
    </row>
    <row r="826410" spans="14:14">
      <c r="N826410" s="10"/>
    </row>
    <row r="826411" spans="14:14">
      <c r="N826411" s="10"/>
    </row>
    <row r="826412" spans="14:14">
      <c r="N826412" s="10"/>
    </row>
    <row r="826413" spans="14:14">
      <c r="N826413" s="10"/>
    </row>
    <row r="826414" spans="14:14">
      <c r="N826414" s="10"/>
    </row>
    <row r="826415" spans="14:14">
      <c r="N826415" s="10"/>
    </row>
    <row r="826416" spans="14:14">
      <c r="N826416" s="10"/>
    </row>
    <row r="826417" spans="14:14">
      <c r="N826417" s="10"/>
    </row>
    <row r="826418" spans="14:14">
      <c r="N826418" s="10"/>
    </row>
    <row r="826419" spans="14:14">
      <c r="N826419" s="10"/>
    </row>
    <row r="826420" spans="14:14">
      <c r="N826420" s="10"/>
    </row>
    <row r="826421" spans="14:14">
      <c r="N826421" s="10"/>
    </row>
    <row r="826422" spans="14:14">
      <c r="N826422" s="10"/>
    </row>
    <row r="826423" spans="14:14">
      <c r="N826423" s="10"/>
    </row>
    <row r="826424" spans="14:14">
      <c r="N826424" s="10"/>
    </row>
    <row r="826425" spans="14:14">
      <c r="N826425" s="10"/>
    </row>
    <row r="826426" spans="14:14">
      <c r="N826426" s="10"/>
    </row>
    <row r="826427" spans="14:14">
      <c r="N826427" s="10"/>
    </row>
    <row r="826428" spans="14:14">
      <c r="N826428" s="10"/>
    </row>
    <row r="826429" spans="14:14">
      <c r="N826429" s="10"/>
    </row>
    <row r="826430" spans="14:14">
      <c r="N826430" s="10"/>
    </row>
    <row r="826431" spans="14:14">
      <c r="N826431" s="10"/>
    </row>
    <row r="826432" spans="14:14">
      <c r="N826432" s="10"/>
    </row>
    <row r="826433" spans="14:14">
      <c r="N826433" s="10"/>
    </row>
    <row r="826434" spans="14:14">
      <c r="N826434" s="10"/>
    </row>
    <row r="826435" spans="14:14">
      <c r="N826435" s="10"/>
    </row>
    <row r="826436" spans="14:14">
      <c r="N826436" s="10"/>
    </row>
    <row r="826437" spans="14:14">
      <c r="N826437" s="10"/>
    </row>
    <row r="826438" spans="14:14">
      <c r="N826438" s="10"/>
    </row>
    <row r="826439" spans="14:14">
      <c r="N826439" s="10"/>
    </row>
    <row r="826440" spans="14:14">
      <c r="N826440" s="10"/>
    </row>
    <row r="826441" spans="14:14">
      <c r="N826441" s="10"/>
    </row>
    <row r="826442" spans="14:14">
      <c r="N826442" s="10"/>
    </row>
    <row r="826443" spans="14:14">
      <c r="N826443" s="10"/>
    </row>
    <row r="826444" spans="14:14">
      <c r="N826444" s="10"/>
    </row>
    <row r="826445" spans="14:14">
      <c r="N826445" s="10"/>
    </row>
    <row r="826446" spans="14:14">
      <c r="N826446" s="10"/>
    </row>
    <row r="826447" spans="14:14">
      <c r="N826447" s="10"/>
    </row>
    <row r="826448" spans="14:14">
      <c r="N826448" s="10"/>
    </row>
    <row r="826449" spans="14:14">
      <c r="N826449" s="10"/>
    </row>
    <row r="826450" spans="14:14">
      <c r="N826450" s="10"/>
    </row>
    <row r="826451" spans="14:14">
      <c r="N826451" s="10"/>
    </row>
    <row r="826452" spans="14:14">
      <c r="N826452" s="10"/>
    </row>
    <row r="826453" spans="14:14">
      <c r="N826453" s="10"/>
    </row>
    <row r="826454" spans="14:14">
      <c r="N826454" s="10"/>
    </row>
    <row r="826455" spans="14:14">
      <c r="N826455" s="10"/>
    </row>
    <row r="826456" spans="14:14">
      <c r="N826456" s="10"/>
    </row>
    <row r="826457" spans="14:14">
      <c r="N826457" s="10"/>
    </row>
    <row r="826458" spans="14:14">
      <c r="N826458" s="10"/>
    </row>
    <row r="826459" spans="14:14">
      <c r="N826459" s="10"/>
    </row>
    <row r="826460" spans="14:14">
      <c r="N826460" s="10"/>
    </row>
    <row r="826461" spans="14:14">
      <c r="N826461" s="10"/>
    </row>
    <row r="826462" spans="14:14">
      <c r="N826462" s="10"/>
    </row>
    <row r="826463" spans="14:14">
      <c r="N826463" s="10"/>
    </row>
    <row r="826464" spans="14:14">
      <c r="N826464" s="10"/>
    </row>
    <row r="826465" spans="14:14">
      <c r="N826465" s="10"/>
    </row>
    <row r="826466" spans="14:14">
      <c r="N826466" s="10"/>
    </row>
    <row r="826467" spans="14:14">
      <c r="N826467" s="10"/>
    </row>
    <row r="826468" spans="14:14">
      <c r="N826468" s="10"/>
    </row>
    <row r="826469" spans="14:14">
      <c r="N826469" s="10"/>
    </row>
    <row r="826470" spans="14:14">
      <c r="N826470" s="10"/>
    </row>
    <row r="826471" spans="14:14">
      <c r="N826471" s="10"/>
    </row>
    <row r="826472" spans="14:14">
      <c r="N826472" s="10"/>
    </row>
    <row r="826473" spans="14:14">
      <c r="N826473" s="10"/>
    </row>
    <row r="826474" spans="14:14">
      <c r="N826474" s="10"/>
    </row>
    <row r="826475" spans="14:14">
      <c r="N826475" s="10"/>
    </row>
    <row r="826476" spans="14:14">
      <c r="N826476" s="10"/>
    </row>
    <row r="826477" spans="14:14">
      <c r="N826477" s="10"/>
    </row>
    <row r="826478" spans="14:14">
      <c r="N826478" s="10"/>
    </row>
    <row r="826479" spans="14:14">
      <c r="N826479" s="10"/>
    </row>
    <row r="826480" spans="14:14">
      <c r="N826480" s="10"/>
    </row>
    <row r="826481" spans="14:14">
      <c r="N826481" s="10"/>
    </row>
    <row r="826482" spans="14:14">
      <c r="N826482" s="10"/>
    </row>
    <row r="826483" spans="14:14">
      <c r="N826483" s="10"/>
    </row>
    <row r="826484" spans="14:14">
      <c r="N826484" s="10"/>
    </row>
    <row r="826485" spans="14:14">
      <c r="N826485" s="10"/>
    </row>
    <row r="826486" spans="14:14">
      <c r="N826486" s="10"/>
    </row>
    <row r="826487" spans="14:14">
      <c r="N826487" s="10"/>
    </row>
    <row r="826488" spans="14:14">
      <c r="N826488" s="10"/>
    </row>
    <row r="826489" spans="14:14">
      <c r="N826489" s="10"/>
    </row>
    <row r="826490" spans="14:14">
      <c r="N826490" s="10"/>
    </row>
    <row r="826491" spans="14:14">
      <c r="N826491" s="10"/>
    </row>
    <row r="826492" spans="14:14">
      <c r="N826492" s="10"/>
    </row>
    <row r="826493" spans="14:14">
      <c r="N826493" s="10"/>
    </row>
    <row r="826494" spans="14:14">
      <c r="N826494" s="10"/>
    </row>
    <row r="826495" spans="14:14">
      <c r="N826495" s="10"/>
    </row>
    <row r="826496" spans="14:14">
      <c r="N826496" s="10"/>
    </row>
    <row r="826497" spans="14:14">
      <c r="N826497" s="10"/>
    </row>
    <row r="826498" spans="14:14">
      <c r="N826498" s="10"/>
    </row>
    <row r="826499" spans="14:14">
      <c r="N826499" s="10"/>
    </row>
    <row r="826500" spans="14:14">
      <c r="N826500" s="10"/>
    </row>
    <row r="826501" spans="14:14">
      <c r="N826501" s="10"/>
    </row>
    <row r="826502" spans="14:14">
      <c r="N826502" s="10"/>
    </row>
    <row r="826503" spans="14:14">
      <c r="N826503" s="10"/>
    </row>
    <row r="826504" spans="14:14">
      <c r="N826504" s="10"/>
    </row>
    <row r="826505" spans="14:14">
      <c r="N826505" s="10"/>
    </row>
    <row r="826506" spans="14:14">
      <c r="N826506" s="10"/>
    </row>
    <row r="826507" spans="14:14">
      <c r="N826507" s="10"/>
    </row>
    <row r="826508" spans="14:14">
      <c r="N826508" s="10"/>
    </row>
    <row r="826509" spans="14:14">
      <c r="N826509" s="10"/>
    </row>
    <row r="826510" spans="14:14">
      <c r="N826510" s="10"/>
    </row>
    <row r="826511" spans="14:14">
      <c r="N826511" s="10"/>
    </row>
    <row r="826512" spans="14:14">
      <c r="N826512" s="10"/>
    </row>
    <row r="826513" spans="14:14">
      <c r="N826513" s="10"/>
    </row>
    <row r="826514" spans="14:14">
      <c r="N826514" s="10"/>
    </row>
    <row r="826515" spans="14:14">
      <c r="N826515" s="10"/>
    </row>
    <row r="826516" spans="14:14">
      <c r="N826516" s="10"/>
    </row>
    <row r="826517" spans="14:14">
      <c r="N826517" s="10"/>
    </row>
    <row r="826518" spans="14:14">
      <c r="N826518" s="10"/>
    </row>
    <row r="826519" spans="14:14">
      <c r="N826519" s="10"/>
    </row>
    <row r="826520" spans="14:14">
      <c r="N826520" s="10"/>
    </row>
    <row r="826521" spans="14:14">
      <c r="N826521" s="10"/>
    </row>
    <row r="826522" spans="14:14">
      <c r="N826522" s="10"/>
    </row>
    <row r="826523" spans="14:14">
      <c r="N826523" s="10"/>
    </row>
    <row r="826524" spans="14:14">
      <c r="N826524" s="10"/>
    </row>
    <row r="826525" spans="14:14">
      <c r="N826525" s="10"/>
    </row>
    <row r="826526" spans="14:14">
      <c r="N826526" s="10"/>
    </row>
    <row r="826527" spans="14:14">
      <c r="N826527" s="10"/>
    </row>
    <row r="826528" spans="14:14">
      <c r="N826528" s="10"/>
    </row>
    <row r="826529" spans="14:14">
      <c r="N826529" s="10"/>
    </row>
    <row r="826530" spans="14:14">
      <c r="N826530" s="10"/>
    </row>
    <row r="826531" spans="14:14">
      <c r="N826531" s="10"/>
    </row>
    <row r="826532" spans="14:14">
      <c r="N826532" s="10"/>
    </row>
    <row r="826533" spans="14:14">
      <c r="N826533" s="10"/>
    </row>
    <row r="826534" spans="14:14">
      <c r="N826534" s="10"/>
    </row>
    <row r="826535" spans="14:14">
      <c r="N826535" s="10"/>
    </row>
    <row r="826536" spans="14:14">
      <c r="N826536" s="10"/>
    </row>
    <row r="826537" spans="14:14">
      <c r="N826537" s="10"/>
    </row>
    <row r="826538" spans="14:14">
      <c r="N826538" s="10"/>
    </row>
    <row r="826539" spans="14:14">
      <c r="N826539" s="10"/>
    </row>
    <row r="826540" spans="14:14">
      <c r="N826540" s="10"/>
    </row>
    <row r="826541" spans="14:14">
      <c r="N826541" s="10"/>
    </row>
    <row r="826542" spans="14:14">
      <c r="N826542" s="10"/>
    </row>
    <row r="826543" spans="14:14">
      <c r="N826543" s="10"/>
    </row>
    <row r="826544" spans="14:14">
      <c r="N826544" s="10"/>
    </row>
    <row r="826545" spans="14:14">
      <c r="N826545" s="10"/>
    </row>
    <row r="826546" spans="14:14">
      <c r="N826546" s="10"/>
    </row>
    <row r="826547" spans="14:14">
      <c r="N826547" s="10"/>
    </row>
    <row r="826548" spans="14:14">
      <c r="N826548" s="10"/>
    </row>
    <row r="826549" spans="14:14">
      <c r="N826549" s="10"/>
    </row>
    <row r="826550" spans="14:14">
      <c r="N826550" s="10"/>
    </row>
    <row r="826551" spans="14:14">
      <c r="N826551" s="10"/>
    </row>
    <row r="826552" spans="14:14">
      <c r="N826552" s="10"/>
    </row>
    <row r="826553" spans="14:14">
      <c r="N826553" s="10"/>
    </row>
    <row r="826554" spans="14:14">
      <c r="N826554" s="10"/>
    </row>
    <row r="826555" spans="14:14">
      <c r="N826555" s="10"/>
    </row>
    <row r="826556" spans="14:14">
      <c r="N826556" s="10"/>
    </row>
    <row r="826557" spans="14:14">
      <c r="N826557" s="10"/>
    </row>
    <row r="826558" spans="14:14">
      <c r="N826558" s="10"/>
    </row>
    <row r="826559" spans="14:14">
      <c r="N826559" s="10"/>
    </row>
    <row r="826560" spans="14:14">
      <c r="N826560" s="10"/>
    </row>
    <row r="826561" spans="14:14">
      <c r="N826561" s="10"/>
    </row>
    <row r="826562" spans="14:14">
      <c r="N826562" s="10"/>
    </row>
    <row r="826563" spans="14:14">
      <c r="N826563" s="10"/>
    </row>
    <row r="826564" spans="14:14">
      <c r="N826564" s="10"/>
    </row>
    <row r="826565" spans="14:14">
      <c r="N826565" s="10"/>
    </row>
    <row r="826566" spans="14:14">
      <c r="N826566" s="10"/>
    </row>
    <row r="826567" spans="14:14">
      <c r="N826567" s="10"/>
    </row>
    <row r="826568" spans="14:14">
      <c r="N826568" s="10"/>
    </row>
    <row r="826569" spans="14:14">
      <c r="N826569" s="10"/>
    </row>
    <row r="826570" spans="14:14">
      <c r="N826570" s="10"/>
    </row>
    <row r="826571" spans="14:14">
      <c r="N826571" s="10"/>
    </row>
    <row r="826572" spans="14:14">
      <c r="N826572" s="10"/>
    </row>
    <row r="826573" spans="14:14">
      <c r="N826573" s="10"/>
    </row>
    <row r="826574" spans="14:14">
      <c r="N826574" s="10"/>
    </row>
    <row r="826575" spans="14:14">
      <c r="N826575" s="10"/>
    </row>
    <row r="826576" spans="14:14">
      <c r="N826576" s="10"/>
    </row>
    <row r="826577" spans="14:14">
      <c r="N826577" s="10"/>
    </row>
    <row r="826578" spans="14:14">
      <c r="N826578" s="10"/>
    </row>
    <row r="826579" spans="14:14">
      <c r="N826579" s="10"/>
    </row>
    <row r="826580" spans="14:14">
      <c r="N826580" s="10"/>
    </row>
    <row r="826581" spans="14:14">
      <c r="N826581" s="10"/>
    </row>
    <row r="826582" spans="14:14">
      <c r="N826582" s="10"/>
    </row>
    <row r="826583" spans="14:14">
      <c r="N826583" s="10"/>
    </row>
    <row r="826584" spans="14:14">
      <c r="N826584" s="10"/>
    </row>
    <row r="826585" spans="14:14">
      <c r="N826585" s="10"/>
    </row>
    <row r="826586" spans="14:14">
      <c r="N826586" s="10"/>
    </row>
    <row r="826587" spans="14:14">
      <c r="N826587" s="10"/>
    </row>
    <row r="826588" spans="14:14">
      <c r="N826588" s="10"/>
    </row>
    <row r="826589" spans="14:14">
      <c r="N826589" s="10"/>
    </row>
    <row r="826590" spans="14:14">
      <c r="N826590" s="10"/>
    </row>
    <row r="826591" spans="14:14">
      <c r="N826591" s="10"/>
    </row>
    <row r="826592" spans="14:14">
      <c r="N826592" s="10"/>
    </row>
    <row r="826593" spans="14:14">
      <c r="N826593" s="10"/>
    </row>
    <row r="826594" spans="14:14">
      <c r="N826594" s="10"/>
    </row>
    <row r="826595" spans="14:14">
      <c r="N826595" s="10"/>
    </row>
    <row r="826596" spans="14:14">
      <c r="N826596" s="10"/>
    </row>
    <row r="826597" spans="14:14">
      <c r="N826597" s="10"/>
    </row>
    <row r="826598" spans="14:14">
      <c r="N826598" s="10"/>
    </row>
    <row r="826599" spans="14:14">
      <c r="N826599" s="10"/>
    </row>
    <row r="826600" spans="14:14">
      <c r="N826600" s="10"/>
    </row>
    <row r="826601" spans="14:14">
      <c r="N826601" s="10"/>
    </row>
    <row r="826602" spans="14:14">
      <c r="N826602" s="10"/>
    </row>
    <row r="826603" spans="14:14">
      <c r="N826603" s="10"/>
    </row>
    <row r="826604" spans="14:14">
      <c r="N826604" s="10"/>
    </row>
    <row r="826605" spans="14:14">
      <c r="N826605" s="10"/>
    </row>
    <row r="826606" spans="14:14">
      <c r="N826606" s="10"/>
    </row>
    <row r="826607" spans="14:14">
      <c r="N826607" s="10"/>
    </row>
    <row r="826608" spans="14:14">
      <c r="N826608" s="10"/>
    </row>
    <row r="826609" spans="14:14">
      <c r="N826609" s="10"/>
    </row>
    <row r="826610" spans="14:14">
      <c r="N826610" s="10"/>
    </row>
    <row r="826611" spans="14:14">
      <c r="N826611" s="10"/>
    </row>
    <row r="826612" spans="14:14">
      <c r="N826612" s="10"/>
    </row>
    <row r="826613" spans="14:14">
      <c r="N826613" s="10"/>
    </row>
    <row r="826614" spans="14:14">
      <c r="N826614" s="10"/>
    </row>
    <row r="826615" spans="14:14">
      <c r="N826615" s="10"/>
    </row>
    <row r="826616" spans="14:14">
      <c r="N826616" s="10"/>
    </row>
    <row r="826617" spans="14:14">
      <c r="N826617" s="10"/>
    </row>
    <row r="826618" spans="14:14">
      <c r="N826618" s="10"/>
    </row>
    <row r="826619" spans="14:14">
      <c r="N826619" s="10"/>
    </row>
    <row r="826620" spans="14:14">
      <c r="N826620" s="10"/>
    </row>
    <row r="826621" spans="14:14">
      <c r="N826621" s="10"/>
    </row>
    <row r="826622" spans="14:14">
      <c r="N826622" s="10"/>
    </row>
    <row r="826623" spans="14:14">
      <c r="N826623" s="10"/>
    </row>
    <row r="826624" spans="14:14">
      <c r="N826624" s="10"/>
    </row>
    <row r="826625" spans="14:14">
      <c r="N826625" s="10"/>
    </row>
    <row r="826626" spans="14:14">
      <c r="N826626" s="10"/>
    </row>
    <row r="826627" spans="14:14">
      <c r="N826627" s="10"/>
    </row>
    <row r="826628" spans="14:14">
      <c r="N826628" s="10"/>
    </row>
    <row r="826629" spans="14:14">
      <c r="N826629" s="10"/>
    </row>
    <row r="826630" spans="14:14">
      <c r="N826630" s="10"/>
    </row>
    <row r="826631" spans="14:14">
      <c r="N826631" s="10"/>
    </row>
    <row r="826632" spans="14:14">
      <c r="N826632" s="10"/>
    </row>
    <row r="826633" spans="14:14">
      <c r="N826633" s="10"/>
    </row>
    <row r="826634" spans="14:14">
      <c r="N826634" s="10"/>
    </row>
    <row r="826635" spans="14:14">
      <c r="N826635" s="10"/>
    </row>
    <row r="826636" spans="14:14">
      <c r="N826636" s="10"/>
    </row>
    <row r="826637" spans="14:14">
      <c r="N826637" s="10"/>
    </row>
    <row r="826638" spans="14:14">
      <c r="N826638" s="10"/>
    </row>
    <row r="826639" spans="14:14">
      <c r="N826639" s="10"/>
    </row>
    <row r="826640" spans="14:14">
      <c r="N826640" s="10"/>
    </row>
    <row r="826641" spans="14:14">
      <c r="N826641" s="10"/>
    </row>
    <row r="826642" spans="14:14">
      <c r="N826642" s="10"/>
    </row>
    <row r="826643" spans="14:14">
      <c r="N826643" s="10"/>
    </row>
    <row r="826644" spans="14:14">
      <c r="N826644" s="10"/>
    </row>
    <row r="826645" spans="14:14">
      <c r="N826645" s="10"/>
    </row>
    <row r="826646" spans="14:14">
      <c r="N826646" s="10"/>
    </row>
    <row r="826647" spans="14:14">
      <c r="N826647" s="10"/>
    </row>
    <row r="826648" spans="14:14">
      <c r="N826648" s="10"/>
    </row>
    <row r="826649" spans="14:14">
      <c r="N826649" s="10"/>
    </row>
    <row r="826650" spans="14:14">
      <c r="N826650" s="10"/>
    </row>
    <row r="826651" spans="14:14">
      <c r="N826651" s="10"/>
    </row>
    <row r="826652" spans="14:14">
      <c r="N826652" s="10"/>
    </row>
    <row r="826653" spans="14:14">
      <c r="N826653" s="10"/>
    </row>
    <row r="826654" spans="14:14">
      <c r="N826654" s="10"/>
    </row>
    <row r="826655" spans="14:14">
      <c r="N826655" s="10"/>
    </row>
    <row r="826656" spans="14:14">
      <c r="N826656" s="10"/>
    </row>
    <row r="826657" spans="14:14">
      <c r="N826657" s="10"/>
    </row>
    <row r="826658" spans="14:14">
      <c r="N826658" s="10"/>
    </row>
    <row r="826659" spans="14:14">
      <c r="N826659" s="10"/>
    </row>
    <row r="826660" spans="14:14">
      <c r="N826660" s="10"/>
    </row>
    <row r="826661" spans="14:14">
      <c r="N826661" s="10"/>
    </row>
    <row r="826662" spans="14:14">
      <c r="N826662" s="10"/>
    </row>
    <row r="826663" spans="14:14">
      <c r="N826663" s="10"/>
    </row>
    <row r="826664" spans="14:14">
      <c r="N826664" s="10"/>
    </row>
    <row r="826665" spans="14:14">
      <c r="N826665" s="10"/>
    </row>
    <row r="826666" spans="14:14">
      <c r="N826666" s="10"/>
    </row>
    <row r="826667" spans="14:14">
      <c r="N826667" s="10"/>
    </row>
    <row r="826668" spans="14:14">
      <c r="N826668" s="10"/>
    </row>
    <row r="826669" spans="14:14">
      <c r="N826669" s="10"/>
    </row>
    <row r="826670" spans="14:14">
      <c r="N826670" s="10"/>
    </row>
    <row r="826671" spans="14:14">
      <c r="N826671" s="10"/>
    </row>
    <row r="826672" spans="14:14">
      <c r="N826672" s="10"/>
    </row>
    <row r="826673" spans="14:14">
      <c r="N826673" s="10"/>
    </row>
    <row r="826674" spans="14:14">
      <c r="N826674" s="10"/>
    </row>
    <row r="826675" spans="14:14">
      <c r="N826675" s="10"/>
    </row>
    <row r="826676" spans="14:14">
      <c r="N826676" s="10"/>
    </row>
    <row r="826677" spans="14:14">
      <c r="N826677" s="10"/>
    </row>
    <row r="826678" spans="14:14">
      <c r="N826678" s="10"/>
    </row>
    <row r="826679" spans="14:14">
      <c r="N826679" s="10"/>
    </row>
    <row r="826680" spans="14:14">
      <c r="N826680" s="10"/>
    </row>
    <row r="826681" spans="14:14">
      <c r="N826681" s="10"/>
    </row>
    <row r="826682" spans="14:14">
      <c r="N826682" s="10"/>
    </row>
    <row r="826683" spans="14:14">
      <c r="N826683" s="10"/>
    </row>
    <row r="826684" spans="14:14">
      <c r="N826684" s="10"/>
    </row>
    <row r="826685" spans="14:14">
      <c r="N826685" s="10"/>
    </row>
    <row r="826686" spans="14:14">
      <c r="N826686" s="10"/>
    </row>
    <row r="826687" spans="14:14">
      <c r="N826687" s="10"/>
    </row>
    <row r="826688" spans="14:14">
      <c r="N826688" s="10"/>
    </row>
    <row r="826689" spans="14:14">
      <c r="N826689" s="10"/>
    </row>
    <row r="826690" spans="14:14">
      <c r="N826690" s="10"/>
    </row>
    <row r="826691" spans="14:14">
      <c r="N826691" s="10"/>
    </row>
    <row r="826692" spans="14:14">
      <c r="N826692" s="10"/>
    </row>
    <row r="826693" spans="14:14">
      <c r="N826693" s="10"/>
    </row>
    <row r="826694" spans="14:14">
      <c r="N826694" s="10"/>
    </row>
    <row r="826695" spans="14:14">
      <c r="N826695" s="10"/>
    </row>
    <row r="826696" spans="14:14">
      <c r="N826696" s="10"/>
    </row>
    <row r="826697" spans="14:14">
      <c r="N826697" s="10"/>
    </row>
    <row r="826698" spans="14:14">
      <c r="N826698" s="10"/>
    </row>
    <row r="826699" spans="14:14">
      <c r="N826699" s="10"/>
    </row>
    <row r="826700" spans="14:14">
      <c r="N826700" s="10"/>
    </row>
    <row r="826701" spans="14:14">
      <c r="N826701" s="10"/>
    </row>
    <row r="826702" spans="14:14">
      <c r="N826702" s="10"/>
    </row>
    <row r="826703" spans="14:14">
      <c r="N826703" s="10"/>
    </row>
    <row r="826704" spans="14:14">
      <c r="N826704" s="10"/>
    </row>
    <row r="826705" spans="14:14">
      <c r="N826705" s="10"/>
    </row>
    <row r="826706" spans="14:14">
      <c r="N826706" s="10"/>
    </row>
    <row r="826707" spans="14:14">
      <c r="N826707" s="10"/>
    </row>
    <row r="826708" spans="14:14">
      <c r="N826708" s="10"/>
    </row>
    <row r="826709" spans="14:14">
      <c r="N826709" s="10"/>
    </row>
    <row r="826710" spans="14:14">
      <c r="N826710" s="10"/>
    </row>
    <row r="826711" spans="14:14">
      <c r="N826711" s="10"/>
    </row>
    <row r="826712" spans="14:14">
      <c r="N826712" s="10"/>
    </row>
    <row r="826713" spans="14:14">
      <c r="N826713" s="10"/>
    </row>
    <row r="826714" spans="14:14">
      <c r="N826714" s="10"/>
    </row>
    <row r="826715" spans="14:14">
      <c r="N826715" s="10"/>
    </row>
    <row r="826716" spans="14:14">
      <c r="N826716" s="10"/>
    </row>
    <row r="826717" spans="14:14">
      <c r="N826717" s="10"/>
    </row>
    <row r="826718" spans="14:14">
      <c r="N826718" s="10"/>
    </row>
    <row r="826719" spans="14:14">
      <c r="N826719" s="10"/>
    </row>
    <row r="826720" spans="14:14">
      <c r="N826720" s="10"/>
    </row>
    <row r="826721" spans="14:14">
      <c r="N826721" s="10"/>
    </row>
    <row r="826722" spans="14:14">
      <c r="N826722" s="10"/>
    </row>
    <row r="826723" spans="14:14">
      <c r="N826723" s="10"/>
    </row>
    <row r="826724" spans="14:14">
      <c r="N826724" s="10"/>
    </row>
    <row r="826725" spans="14:14">
      <c r="N826725" s="10"/>
    </row>
    <row r="826726" spans="14:14">
      <c r="N826726" s="10"/>
    </row>
    <row r="826727" spans="14:14">
      <c r="N826727" s="10"/>
    </row>
    <row r="826728" spans="14:14">
      <c r="N826728" s="10"/>
    </row>
    <row r="826729" spans="14:14">
      <c r="N826729" s="10"/>
    </row>
    <row r="826730" spans="14:14">
      <c r="N826730" s="10"/>
    </row>
    <row r="826731" spans="14:14">
      <c r="N826731" s="10"/>
    </row>
    <row r="826732" spans="14:14">
      <c r="N826732" s="10"/>
    </row>
    <row r="826733" spans="14:14">
      <c r="N826733" s="10"/>
    </row>
    <row r="826734" spans="14:14">
      <c r="N826734" s="10"/>
    </row>
    <row r="826735" spans="14:14">
      <c r="N826735" s="10"/>
    </row>
    <row r="826736" spans="14:14">
      <c r="N826736" s="10"/>
    </row>
    <row r="826737" spans="14:14">
      <c r="N826737" s="10"/>
    </row>
    <row r="826738" spans="14:14">
      <c r="N826738" s="10"/>
    </row>
    <row r="826739" spans="14:14">
      <c r="N826739" s="10"/>
    </row>
    <row r="826740" spans="14:14">
      <c r="N826740" s="10"/>
    </row>
    <row r="826741" spans="14:14">
      <c r="N826741" s="10"/>
    </row>
    <row r="826742" spans="14:14">
      <c r="N826742" s="10"/>
    </row>
    <row r="826743" spans="14:14">
      <c r="N826743" s="10"/>
    </row>
    <row r="826744" spans="14:14">
      <c r="N826744" s="10"/>
    </row>
    <row r="826745" spans="14:14">
      <c r="N826745" s="10"/>
    </row>
    <row r="826746" spans="14:14">
      <c r="N826746" s="10"/>
    </row>
    <row r="826747" spans="14:14">
      <c r="N826747" s="10"/>
    </row>
    <row r="826748" spans="14:14">
      <c r="N826748" s="10"/>
    </row>
    <row r="826749" spans="14:14">
      <c r="N826749" s="10"/>
    </row>
    <row r="826750" spans="14:14">
      <c r="N826750" s="10"/>
    </row>
    <row r="826751" spans="14:14">
      <c r="N826751" s="10"/>
    </row>
    <row r="826752" spans="14:14">
      <c r="N826752" s="10"/>
    </row>
    <row r="826753" spans="14:14">
      <c r="N826753" s="10"/>
    </row>
    <row r="826754" spans="14:14">
      <c r="N826754" s="10"/>
    </row>
    <row r="826755" spans="14:14">
      <c r="N826755" s="10"/>
    </row>
    <row r="826756" spans="14:14">
      <c r="N826756" s="10"/>
    </row>
    <row r="826757" spans="14:14">
      <c r="N826757" s="10"/>
    </row>
    <row r="826758" spans="14:14">
      <c r="N826758" s="10"/>
    </row>
    <row r="826759" spans="14:14">
      <c r="N826759" s="10"/>
    </row>
    <row r="826760" spans="14:14">
      <c r="N826760" s="10"/>
    </row>
    <row r="826761" spans="14:14">
      <c r="N826761" s="10"/>
    </row>
    <row r="826762" spans="14:14">
      <c r="N826762" s="10"/>
    </row>
    <row r="826763" spans="14:14">
      <c r="N826763" s="10"/>
    </row>
    <row r="826764" spans="14:14">
      <c r="N826764" s="10"/>
    </row>
    <row r="826765" spans="14:14">
      <c r="N826765" s="10"/>
    </row>
    <row r="826766" spans="14:14">
      <c r="N826766" s="10"/>
    </row>
    <row r="826767" spans="14:14">
      <c r="N826767" s="10"/>
    </row>
    <row r="826768" spans="14:14">
      <c r="N826768" s="10"/>
    </row>
    <row r="826769" spans="14:14">
      <c r="N826769" s="10"/>
    </row>
    <row r="826770" spans="14:14">
      <c r="N826770" s="10"/>
    </row>
    <row r="826771" spans="14:14">
      <c r="N826771" s="10"/>
    </row>
    <row r="826772" spans="14:14">
      <c r="N826772" s="10"/>
    </row>
    <row r="826773" spans="14:14">
      <c r="N826773" s="10"/>
    </row>
    <row r="826774" spans="14:14">
      <c r="N826774" s="10"/>
    </row>
    <row r="826775" spans="14:14">
      <c r="N826775" s="10"/>
    </row>
    <row r="826776" spans="14:14">
      <c r="N826776" s="10"/>
    </row>
    <row r="826777" spans="14:14">
      <c r="N826777" s="10"/>
    </row>
    <row r="826778" spans="14:14">
      <c r="N826778" s="10"/>
    </row>
    <row r="826779" spans="14:14">
      <c r="N826779" s="10"/>
    </row>
    <row r="826780" spans="14:14">
      <c r="N826780" s="10"/>
    </row>
    <row r="826781" spans="14:14">
      <c r="N826781" s="10"/>
    </row>
    <row r="826782" spans="14:14">
      <c r="N826782" s="10"/>
    </row>
    <row r="826783" spans="14:14">
      <c r="N826783" s="10"/>
    </row>
    <row r="826784" spans="14:14">
      <c r="N826784" s="10"/>
    </row>
    <row r="826785" spans="14:14">
      <c r="N826785" s="10"/>
    </row>
    <row r="826786" spans="14:14">
      <c r="N826786" s="10"/>
    </row>
    <row r="826787" spans="14:14">
      <c r="N826787" s="10"/>
    </row>
    <row r="826788" spans="14:14">
      <c r="N826788" s="10"/>
    </row>
    <row r="826789" spans="14:14">
      <c r="N826789" s="10"/>
    </row>
    <row r="826790" spans="14:14">
      <c r="N826790" s="10"/>
    </row>
    <row r="826791" spans="14:14">
      <c r="N826791" s="10"/>
    </row>
    <row r="826792" spans="14:14">
      <c r="N826792" s="10"/>
    </row>
    <row r="826793" spans="14:14">
      <c r="N826793" s="10"/>
    </row>
    <row r="826794" spans="14:14">
      <c r="N826794" s="10"/>
    </row>
    <row r="826795" spans="14:14">
      <c r="N826795" s="10"/>
    </row>
    <row r="826796" spans="14:14">
      <c r="N826796" s="10"/>
    </row>
    <row r="826797" spans="14:14">
      <c r="N826797" s="10"/>
    </row>
    <row r="826798" spans="14:14">
      <c r="N826798" s="10"/>
    </row>
    <row r="826799" spans="14:14">
      <c r="N826799" s="10"/>
    </row>
    <row r="826800" spans="14:14">
      <c r="N826800" s="10"/>
    </row>
    <row r="826801" spans="14:14">
      <c r="N826801" s="10"/>
    </row>
    <row r="826802" spans="14:14">
      <c r="N826802" s="10"/>
    </row>
    <row r="826803" spans="14:14">
      <c r="N826803" s="10"/>
    </row>
    <row r="826804" spans="14:14">
      <c r="N826804" s="10"/>
    </row>
    <row r="826805" spans="14:14">
      <c r="N826805" s="10"/>
    </row>
    <row r="826806" spans="14:14">
      <c r="N826806" s="10"/>
    </row>
    <row r="826807" spans="14:14">
      <c r="N826807" s="10"/>
    </row>
    <row r="826808" spans="14:14">
      <c r="N826808" s="10"/>
    </row>
    <row r="826809" spans="14:14">
      <c r="N826809" s="10"/>
    </row>
    <row r="826810" spans="14:14">
      <c r="N826810" s="10"/>
    </row>
    <row r="826811" spans="14:14">
      <c r="N826811" s="10"/>
    </row>
    <row r="826812" spans="14:14">
      <c r="N826812" s="10"/>
    </row>
    <row r="826813" spans="14:14">
      <c r="N826813" s="10"/>
    </row>
    <row r="826814" spans="14:14">
      <c r="N826814" s="10"/>
    </row>
    <row r="826815" spans="14:14">
      <c r="N826815" s="10"/>
    </row>
    <row r="826816" spans="14:14">
      <c r="N826816" s="10"/>
    </row>
    <row r="826817" spans="14:14">
      <c r="N826817" s="10"/>
    </row>
    <row r="826818" spans="14:14">
      <c r="N826818" s="10"/>
    </row>
    <row r="826819" spans="14:14">
      <c r="N826819" s="10"/>
    </row>
    <row r="826820" spans="14:14">
      <c r="N826820" s="10"/>
    </row>
    <row r="826821" spans="14:14">
      <c r="N826821" s="10"/>
    </row>
    <row r="826822" spans="14:14">
      <c r="N826822" s="10"/>
    </row>
    <row r="826823" spans="14:14">
      <c r="N826823" s="10"/>
    </row>
    <row r="826824" spans="14:14">
      <c r="N826824" s="10"/>
    </row>
    <row r="826825" spans="14:14">
      <c r="N826825" s="10"/>
    </row>
    <row r="826826" spans="14:14">
      <c r="N826826" s="10"/>
    </row>
    <row r="826827" spans="14:14">
      <c r="N826827" s="10"/>
    </row>
    <row r="826828" spans="14:14">
      <c r="N826828" s="10"/>
    </row>
    <row r="826829" spans="14:14">
      <c r="N826829" s="10"/>
    </row>
    <row r="826830" spans="14:14">
      <c r="N826830" s="10"/>
    </row>
    <row r="826831" spans="14:14">
      <c r="N826831" s="10"/>
    </row>
    <row r="826832" spans="14:14">
      <c r="N826832" s="10"/>
    </row>
    <row r="826833" spans="14:14">
      <c r="N826833" s="10"/>
    </row>
    <row r="826834" spans="14:14">
      <c r="N826834" s="10"/>
    </row>
    <row r="826835" spans="14:14">
      <c r="N826835" s="10"/>
    </row>
    <row r="826836" spans="14:14">
      <c r="N826836" s="10"/>
    </row>
    <row r="826837" spans="14:14">
      <c r="N826837" s="10"/>
    </row>
    <row r="826838" spans="14:14">
      <c r="N826838" s="10"/>
    </row>
    <row r="826839" spans="14:14">
      <c r="N826839" s="10"/>
    </row>
    <row r="826840" spans="14:14">
      <c r="N826840" s="10"/>
    </row>
    <row r="826841" spans="14:14">
      <c r="N826841" s="10"/>
    </row>
    <row r="826842" spans="14:14">
      <c r="N826842" s="10"/>
    </row>
    <row r="826843" spans="14:14">
      <c r="N826843" s="10"/>
    </row>
    <row r="826844" spans="14:14">
      <c r="N826844" s="10"/>
    </row>
    <row r="826845" spans="14:14">
      <c r="N826845" s="10"/>
    </row>
    <row r="826846" spans="14:14">
      <c r="N826846" s="10"/>
    </row>
    <row r="826847" spans="14:14">
      <c r="N826847" s="10"/>
    </row>
    <row r="826848" spans="14:14">
      <c r="N826848" s="10"/>
    </row>
    <row r="826849" spans="14:14">
      <c r="N826849" s="10"/>
    </row>
    <row r="826850" spans="14:14">
      <c r="N826850" s="10"/>
    </row>
    <row r="826851" spans="14:14">
      <c r="N826851" s="10"/>
    </row>
    <row r="826852" spans="14:14">
      <c r="N826852" s="10"/>
    </row>
    <row r="826853" spans="14:14">
      <c r="N826853" s="10"/>
    </row>
    <row r="826854" spans="14:14">
      <c r="N826854" s="10"/>
    </row>
    <row r="826855" spans="14:14">
      <c r="N826855" s="10"/>
    </row>
    <row r="826856" spans="14:14">
      <c r="N826856" s="10"/>
    </row>
    <row r="826857" spans="14:14">
      <c r="N826857" s="10"/>
    </row>
    <row r="826858" spans="14:14">
      <c r="N826858" s="10"/>
    </row>
    <row r="826859" spans="14:14">
      <c r="N826859" s="10"/>
    </row>
    <row r="826860" spans="14:14">
      <c r="N826860" s="10"/>
    </row>
    <row r="826861" spans="14:14">
      <c r="N826861" s="10"/>
    </row>
    <row r="826862" spans="14:14">
      <c r="N826862" s="10"/>
    </row>
    <row r="826863" spans="14:14">
      <c r="N826863" s="10"/>
    </row>
    <row r="826864" spans="14:14">
      <c r="N826864" s="10"/>
    </row>
    <row r="826865" spans="14:14">
      <c r="N826865" s="10"/>
    </row>
    <row r="826866" spans="14:14">
      <c r="N826866" s="10"/>
    </row>
    <row r="826867" spans="14:14">
      <c r="N826867" s="10"/>
    </row>
    <row r="826868" spans="14:14">
      <c r="N826868" s="10"/>
    </row>
    <row r="826869" spans="14:14">
      <c r="N826869" s="10"/>
    </row>
    <row r="826870" spans="14:14">
      <c r="N826870" s="10"/>
    </row>
    <row r="826871" spans="14:14">
      <c r="N826871" s="10"/>
    </row>
    <row r="826872" spans="14:14">
      <c r="N826872" s="10"/>
    </row>
    <row r="826873" spans="14:14">
      <c r="N826873" s="10"/>
    </row>
    <row r="826874" spans="14:14">
      <c r="N826874" s="10"/>
    </row>
    <row r="826875" spans="14:14">
      <c r="N826875" s="10"/>
    </row>
    <row r="826876" spans="14:14">
      <c r="N826876" s="10"/>
    </row>
    <row r="826877" spans="14:14">
      <c r="N826877" s="10"/>
    </row>
    <row r="826878" spans="14:14">
      <c r="N826878" s="10"/>
    </row>
    <row r="826879" spans="14:14">
      <c r="N826879" s="10"/>
    </row>
    <row r="826880" spans="14:14">
      <c r="N826880" s="10"/>
    </row>
    <row r="826881" spans="14:14">
      <c r="N826881" s="10"/>
    </row>
    <row r="826882" spans="14:14">
      <c r="N826882" s="10"/>
    </row>
    <row r="826883" spans="14:14">
      <c r="N826883" s="10"/>
    </row>
    <row r="826884" spans="14:14">
      <c r="N826884" s="10"/>
    </row>
    <row r="826885" spans="14:14">
      <c r="N826885" s="10"/>
    </row>
    <row r="826886" spans="14:14">
      <c r="N826886" s="10"/>
    </row>
    <row r="826887" spans="14:14">
      <c r="N826887" s="10"/>
    </row>
    <row r="826888" spans="14:14">
      <c r="N826888" s="10"/>
    </row>
    <row r="826889" spans="14:14">
      <c r="N826889" s="10"/>
    </row>
    <row r="826890" spans="14:14">
      <c r="N826890" s="10"/>
    </row>
    <row r="826891" spans="14:14">
      <c r="N826891" s="10"/>
    </row>
    <row r="826892" spans="14:14">
      <c r="N826892" s="10"/>
    </row>
    <row r="826893" spans="14:14">
      <c r="N826893" s="10"/>
    </row>
    <row r="826894" spans="14:14">
      <c r="N826894" s="10"/>
    </row>
    <row r="826895" spans="14:14">
      <c r="N826895" s="10"/>
    </row>
    <row r="826896" spans="14:14">
      <c r="N826896" s="10"/>
    </row>
    <row r="826897" spans="14:14">
      <c r="N826897" s="10"/>
    </row>
    <row r="826898" spans="14:14">
      <c r="N826898" s="10"/>
    </row>
    <row r="826899" spans="14:14">
      <c r="N826899" s="10"/>
    </row>
    <row r="826900" spans="14:14">
      <c r="N826900" s="10"/>
    </row>
    <row r="826901" spans="14:14">
      <c r="N826901" s="10"/>
    </row>
    <row r="826902" spans="14:14">
      <c r="N826902" s="10"/>
    </row>
    <row r="826903" spans="14:14">
      <c r="N826903" s="10"/>
    </row>
    <row r="826904" spans="14:14">
      <c r="N826904" s="10"/>
    </row>
    <row r="826905" spans="14:14">
      <c r="N826905" s="10"/>
    </row>
    <row r="826906" spans="14:14">
      <c r="N826906" s="10"/>
    </row>
    <row r="826907" spans="14:14">
      <c r="N826907" s="10"/>
    </row>
    <row r="826908" spans="14:14">
      <c r="N826908" s="10"/>
    </row>
    <row r="826909" spans="14:14">
      <c r="N826909" s="10"/>
    </row>
    <row r="826910" spans="14:14">
      <c r="N826910" s="10"/>
    </row>
    <row r="826911" spans="14:14">
      <c r="N826911" s="10"/>
    </row>
    <row r="826912" spans="14:14">
      <c r="N826912" s="10"/>
    </row>
    <row r="826913" spans="14:14">
      <c r="N826913" s="10"/>
    </row>
    <row r="826914" spans="14:14">
      <c r="N826914" s="10"/>
    </row>
    <row r="826915" spans="14:14">
      <c r="N826915" s="10"/>
    </row>
    <row r="826916" spans="14:14">
      <c r="N826916" s="10"/>
    </row>
    <row r="826917" spans="14:14">
      <c r="N826917" s="10"/>
    </row>
    <row r="826918" spans="14:14">
      <c r="N826918" s="10"/>
    </row>
    <row r="826919" spans="14:14">
      <c r="N826919" s="10"/>
    </row>
    <row r="826920" spans="14:14">
      <c r="N826920" s="10"/>
    </row>
    <row r="826921" spans="14:14">
      <c r="N826921" s="10"/>
    </row>
    <row r="826922" spans="14:14">
      <c r="N826922" s="10"/>
    </row>
    <row r="826923" spans="14:14">
      <c r="N826923" s="10"/>
    </row>
    <row r="826924" spans="14:14">
      <c r="N826924" s="10"/>
    </row>
    <row r="826925" spans="14:14">
      <c r="N826925" s="10"/>
    </row>
    <row r="826926" spans="14:14">
      <c r="N826926" s="10"/>
    </row>
    <row r="826927" spans="14:14">
      <c r="N826927" s="10"/>
    </row>
    <row r="826928" spans="14:14">
      <c r="N826928" s="10"/>
    </row>
    <row r="826929" spans="14:14">
      <c r="N826929" s="10"/>
    </row>
    <row r="826930" spans="14:14">
      <c r="N826930" s="10"/>
    </row>
    <row r="826931" spans="14:14">
      <c r="N826931" s="10"/>
    </row>
    <row r="826932" spans="14:14">
      <c r="N826932" s="10"/>
    </row>
    <row r="826933" spans="14:14">
      <c r="N826933" s="10"/>
    </row>
    <row r="826934" spans="14:14">
      <c r="N826934" s="10"/>
    </row>
    <row r="826935" spans="14:14">
      <c r="N826935" s="10"/>
    </row>
    <row r="826936" spans="14:14">
      <c r="N826936" s="10"/>
    </row>
    <row r="826937" spans="14:14">
      <c r="N826937" s="10"/>
    </row>
    <row r="826938" spans="14:14">
      <c r="N826938" s="10"/>
    </row>
    <row r="826939" spans="14:14">
      <c r="N826939" s="10"/>
    </row>
    <row r="826940" spans="14:14">
      <c r="N826940" s="10"/>
    </row>
    <row r="826941" spans="14:14">
      <c r="N826941" s="10"/>
    </row>
    <row r="826942" spans="14:14">
      <c r="N826942" s="10"/>
    </row>
    <row r="826943" spans="14:14">
      <c r="N826943" s="10"/>
    </row>
    <row r="826944" spans="14:14">
      <c r="N826944" s="10"/>
    </row>
    <row r="826945" spans="14:14">
      <c r="N826945" s="10"/>
    </row>
    <row r="826946" spans="14:14">
      <c r="N826946" s="10"/>
    </row>
    <row r="826947" spans="14:14">
      <c r="N826947" s="10"/>
    </row>
    <row r="826948" spans="14:14">
      <c r="N826948" s="10"/>
    </row>
    <row r="826949" spans="14:14">
      <c r="N826949" s="10"/>
    </row>
    <row r="826950" spans="14:14">
      <c r="N826950" s="10"/>
    </row>
    <row r="826951" spans="14:14">
      <c r="N826951" s="10"/>
    </row>
    <row r="826952" spans="14:14">
      <c r="N826952" s="10"/>
    </row>
    <row r="826953" spans="14:14">
      <c r="N826953" s="10"/>
    </row>
    <row r="826954" spans="14:14">
      <c r="N826954" s="10"/>
    </row>
    <row r="826955" spans="14:14">
      <c r="N826955" s="10"/>
    </row>
    <row r="826956" spans="14:14">
      <c r="N826956" s="10"/>
    </row>
    <row r="826957" spans="14:14">
      <c r="N826957" s="10"/>
    </row>
    <row r="826958" spans="14:14">
      <c r="N826958" s="10"/>
    </row>
    <row r="826959" spans="14:14">
      <c r="N826959" s="10"/>
    </row>
    <row r="826960" spans="14:14">
      <c r="N826960" s="10"/>
    </row>
    <row r="826961" spans="14:14">
      <c r="N826961" s="10"/>
    </row>
    <row r="826962" spans="14:14">
      <c r="N826962" s="10"/>
    </row>
    <row r="826963" spans="14:14">
      <c r="N826963" s="10"/>
    </row>
    <row r="826964" spans="14:14">
      <c r="N826964" s="10"/>
    </row>
    <row r="826965" spans="14:14">
      <c r="N826965" s="10"/>
    </row>
    <row r="826966" spans="14:14">
      <c r="N826966" s="10"/>
    </row>
    <row r="826967" spans="14:14">
      <c r="N826967" s="10"/>
    </row>
    <row r="826968" spans="14:14">
      <c r="N826968" s="10"/>
    </row>
    <row r="826969" spans="14:14">
      <c r="N826969" s="10"/>
    </row>
    <row r="826970" spans="14:14">
      <c r="N826970" s="10"/>
    </row>
    <row r="826971" spans="14:14">
      <c r="N826971" s="10"/>
    </row>
    <row r="826972" spans="14:14">
      <c r="N826972" s="10"/>
    </row>
    <row r="826973" spans="14:14">
      <c r="N826973" s="10"/>
    </row>
    <row r="826974" spans="14:14">
      <c r="N826974" s="10"/>
    </row>
    <row r="826975" spans="14:14">
      <c r="N826975" s="10"/>
    </row>
    <row r="826976" spans="14:14">
      <c r="N826976" s="10"/>
    </row>
    <row r="826977" spans="14:14">
      <c r="N826977" s="10"/>
    </row>
    <row r="826978" spans="14:14">
      <c r="N826978" s="10"/>
    </row>
    <row r="826979" spans="14:14">
      <c r="N826979" s="10"/>
    </row>
    <row r="826980" spans="14:14">
      <c r="N826980" s="10"/>
    </row>
    <row r="826981" spans="14:14">
      <c r="N826981" s="10"/>
    </row>
    <row r="826982" spans="14:14">
      <c r="N826982" s="10"/>
    </row>
    <row r="826983" spans="14:14">
      <c r="N826983" s="10"/>
    </row>
    <row r="826984" spans="14:14">
      <c r="N826984" s="10"/>
    </row>
    <row r="826985" spans="14:14">
      <c r="N826985" s="10"/>
    </row>
    <row r="826986" spans="14:14">
      <c r="N826986" s="10"/>
    </row>
    <row r="826987" spans="14:14">
      <c r="N826987" s="10"/>
    </row>
    <row r="826988" spans="14:14">
      <c r="N826988" s="10"/>
    </row>
    <row r="826989" spans="14:14">
      <c r="N826989" s="10"/>
    </row>
    <row r="826990" spans="14:14">
      <c r="N826990" s="10"/>
    </row>
    <row r="826991" spans="14:14">
      <c r="N826991" s="10"/>
    </row>
    <row r="826992" spans="14:14">
      <c r="N826992" s="10"/>
    </row>
    <row r="826993" spans="14:14">
      <c r="N826993" s="10"/>
    </row>
    <row r="826994" spans="14:14">
      <c r="N826994" s="10"/>
    </row>
    <row r="826995" spans="14:14">
      <c r="N826995" s="10"/>
    </row>
    <row r="826996" spans="14:14">
      <c r="N826996" s="10"/>
    </row>
    <row r="826997" spans="14:14">
      <c r="N826997" s="10"/>
    </row>
    <row r="826998" spans="14:14">
      <c r="N826998" s="10"/>
    </row>
    <row r="826999" spans="14:14">
      <c r="N826999" s="10"/>
    </row>
    <row r="827000" spans="14:14">
      <c r="N827000" s="10"/>
    </row>
    <row r="827001" spans="14:14">
      <c r="N827001" s="10"/>
    </row>
    <row r="827002" spans="14:14">
      <c r="N827002" s="10"/>
    </row>
    <row r="827003" spans="14:14">
      <c r="N827003" s="10"/>
    </row>
    <row r="827004" spans="14:14">
      <c r="N827004" s="10"/>
    </row>
    <row r="827005" spans="14:14">
      <c r="N827005" s="10"/>
    </row>
    <row r="827006" spans="14:14">
      <c r="N827006" s="10"/>
    </row>
    <row r="827007" spans="14:14">
      <c r="N827007" s="10"/>
    </row>
    <row r="827008" spans="14:14">
      <c r="N827008" s="10"/>
    </row>
    <row r="827009" spans="14:14">
      <c r="N827009" s="10"/>
    </row>
    <row r="827010" spans="14:14">
      <c r="N827010" s="10"/>
    </row>
    <row r="827011" spans="14:14">
      <c r="N827011" s="10"/>
    </row>
    <row r="827012" spans="14:14">
      <c r="N827012" s="10"/>
    </row>
    <row r="827013" spans="14:14">
      <c r="N827013" s="10"/>
    </row>
    <row r="827014" spans="14:14">
      <c r="N827014" s="10"/>
    </row>
    <row r="827015" spans="14:14">
      <c r="N827015" s="10"/>
    </row>
    <row r="827016" spans="14:14">
      <c r="N827016" s="10"/>
    </row>
    <row r="827017" spans="14:14">
      <c r="N827017" s="10"/>
    </row>
    <row r="827018" spans="14:14">
      <c r="N827018" s="10"/>
    </row>
    <row r="827019" spans="14:14">
      <c r="N827019" s="10"/>
    </row>
    <row r="827020" spans="14:14">
      <c r="N827020" s="10"/>
    </row>
    <row r="827021" spans="14:14">
      <c r="N827021" s="10"/>
    </row>
    <row r="827022" spans="14:14">
      <c r="N827022" s="10"/>
    </row>
    <row r="827023" spans="14:14">
      <c r="N827023" s="10"/>
    </row>
    <row r="827024" spans="14:14">
      <c r="N827024" s="10"/>
    </row>
    <row r="827025" spans="14:14">
      <c r="N827025" s="10"/>
    </row>
    <row r="827026" spans="14:14">
      <c r="N827026" s="10"/>
    </row>
    <row r="827027" spans="14:14">
      <c r="N827027" s="10"/>
    </row>
    <row r="827028" spans="14:14">
      <c r="N827028" s="10"/>
    </row>
    <row r="827029" spans="14:14">
      <c r="N827029" s="10"/>
    </row>
    <row r="827030" spans="14:14">
      <c r="N827030" s="10"/>
    </row>
    <row r="827031" spans="14:14">
      <c r="N827031" s="10"/>
    </row>
    <row r="827032" spans="14:14">
      <c r="N827032" s="10"/>
    </row>
    <row r="827033" spans="14:14">
      <c r="N827033" s="10"/>
    </row>
    <row r="827034" spans="14:14">
      <c r="N827034" s="10"/>
    </row>
    <row r="827035" spans="14:14">
      <c r="N827035" s="10"/>
    </row>
    <row r="827036" spans="14:14">
      <c r="N827036" s="10"/>
    </row>
    <row r="827037" spans="14:14">
      <c r="N827037" s="10"/>
    </row>
    <row r="827038" spans="14:14">
      <c r="N827038" s="10"/>
    </row>
    <row r="827039" spans="14:14">
      <c r="N827039" s="10"/>
    </row>
    <row r="827040" spans="14:14">
      <c r="N827040" s="10"/>
    </row>
    <row r="827041" spans="14:14">
      <c r="N827041" s="10"/>
    </row>
    <row r="827042" spans="14:14">
      <c r="N827042" s="10"/>
    </row>
    <row r="827043" spans="14:14">
      <c r="N827043" s="10"/>
    </row>
    <row r="827044" spans="14:14">
      <c r="N827044" s="10"/>
    </row>
    <row r="827045" spans="14:14">
      <c r="N827045" s="10"/>
    </row>
    <row r="827046" spans="14:14">
      <c r="N827046" s="10"/>
    </row>
    <row r="827047" spans="14:14">
      <c r="N827047" s="10"/>
    </row>
    <row r="827048" spans="14:14">
      <c r="N827048" s="10"/>
    </row>
    <row r="827049" spans="14:14">
      <c r="N827049" s="10"/>
    </row>
    <row r="827050" spans="14:14">
      <c r="N827050" s="10"/>
    </row>
    <row r="827051" spans="14:14">
      <c r="N827051" s="10"/>
    </row>
    <row r="827052" spans="14:14">
      <c r="N827052" s="10"/>
    </row>
    <row r="827053" spans="14:14">
      <c r="N827053" s="10"/>
    </row>
    <row r="827054" spans="14:14">
      <c r="N827054" s="10"/>
    </row>
    <row r="827055" spans="14:14">
      <c r="N827055" s="10"/>
    </row>
    <row r="827056" spans="14:14">
      <c r="N827056" s="10"/>
    </row>
    <row r="827057" spans="14:14">
      <c r="N827057" s="10"/>
    </row>
    <row r="827058" spans="14:14">
      <c r="N827058" s="10"/>
    </row>
    <row r="827059" spans="14:14">
      <c r="N827059" s="10"/>
    </row>
    <row r="827060" spans="14:14">
      <c r="N827060" s="10"/>
    </row>
    <row r="827061" spans="14:14">
      <c r="N827061" s="10"/>
    </row>
    <row r="827062" spans="14:14">
      <c r="N827062" s="10"/>
    </row>
    <row r="827063" spans="14:14">
      <c r="N827063" s="10"/>
    </row>
    <row r="827064" spans="14:14">
      <c r="N827064" s="10"/>
    </row>
    <row r="827065" spans="14:14">
      <c r="N827065" s="10"/>
    </row>
    <row r="827066" spans="14:14">
      <c r="N827066" s="10"/>
    </row>
    <row r="827067" spans="14:14">
      <c r="N827067" s="10"/>
    </row>
    <row r="827068" spans="14:14">
      <c r="N827068" s="10"/>
    </row>
    <row r="827069" spans="14:14">
      <c r="N827069" s="10"/>
    </row>
    <row r="827070" spans="14:14">
      <c r="N827070" s="10"/>
    </row>
    <row r="827071" spans="14:14">
      <c r="N827071" s="10"/>
    </row>
    <row r="827072" spans="14:14">
      <c r="N827072" s="10"/>
    </row>
    <row r="827073" spans="14:14">
      <c r="N827073" s="10"/>
    </row>
    <row r="827074" spans="14:14">
      <c r="N827074" s="10"/>
    </row>
    <row r="827075" spans="14:14">
      <c r="N827075" s="10"/>
    </row>
    <row r="827076" spans="14:14">
      <c r="N827076" s="10"/>
    </row>
    <row r="827077" spans="14:14">
      <c r="N827077" s="10"/>
    </row>
    <row r="827078" spans="14:14">
      <c r="N827078" s="10"/>
    </row>
    <row r="827079" spans="14:14">
      <c r="N827079" s="10"/>
    </row>
    <row r="827080" spans="14:14">
      <c r="N827080" s="10"/>
    </row>
    <row r="827081" spans="14:14">
      <c r="N827081" s="10"/>
    </row>
    <row r="827082" spans="14:14">
      <c r="N827082" s="10"/>
    </row>
    <row r="827083" spans="14:14">
      <c r="N827083" s="10"/>
    </row>
    <row r="827084" spans="14:14">
      <c r="N827084" s="10"/>
    </row>
    <row r="827085" spans="14:14">
      <c r="N827085" s="10"/>
    </row>
    <row r="827086" spans="14:14">
      <c r="N827086" s="10"/>
    </row>
    <row r="827087" spans="14:14">
      <c r="N827087" s="10"/>
    </row>
    <row r="827088" spans="14:14">
      <c r="N827088" s="10"/>
    </row>
    <row r="827089" spans="14:14">
      <c r="N827089" s="10"/>
    </row>
    <row r="827090" spans="14:14">
      <c r="N827090" s="10"/>
    </row>
    <row r="827091" spans="14:14">
      <c r="N827091" s="10"/>
    </row>
    <row r="827092" spans="14:14">
      <c r="N827092" s="10"/>
    </row>
    <row r="827093" spans="14:14">
      <c r="N827093" s="10"/>
    </row>
    <row r="827094" spans="14:14">
      <c r="N827094" s="10"/>
    </row>
    <row r="827095" spans="14:14">
      <c r="N827095" s="10"/>
    </row>
    <row r="827096" spans="14:14">
      <c r="N827096" s="10"/>
    </row>
    <row r="827097" spans="14:14">
      <c r="N827097" s="10"/>
    </row>
    <row r="827098" spans="14:14">
      <c r="N827098" s="10"/>
    </row>
    <row r="827099" spans="14:14">
      <c r="N827099" s="10"/>
    </row>
    <row r="827100" spans="14:14">
      <c r="N827100" s="10"/>
    </row>
    <row r="827101" spans="14:14">
      <c r="N827101" s="10"/>
    </row>
    <row r="827102" spans="14:14">
      <c r="N827102" s="10"/>
    </row>
    <row r="827103" spans="14:14">
      <c r="N827103" s="10"/>
    </row>
    <row r="827104" spans="14:14">
      <c r="N827104" s="10"/>
    </row>
    <row r="827105" spans="14:14">
      <c r="N827105" s="10"/>
    </row>
    <row r="827106" spans="14:14">
      <c r="N827106" s="10"/>
    </row>
    <row r="827107" spans="14:14">
      <c r="N827107" s="10"/>
    </row>
    <row r="827108" spans="14:14">
      <c r="N827108" s="10"/>
    </row>
    <row r="827109" spans="14:14">
      <c r="N827109" s="10"/>
    </row>
    <row r="827110" spans="14:14">
      <c r="N827110" s="10"/>
    </row>
    <row r="827111" spans="14:14">
      <c r="N827111" s="10"/>
    </row>
    <row r="827112" spans="14:14">
      <c r="N827112" s="10"/>
    </row>
    <row r="827113" spans="14:14">
      <c r="N827113" s="10"/>
    </row>
    <row r="827114" spans="14:14">
      <c r="N827114" s="10"/>
    </row>
    <row r="827115" spans="14:14">
      <c r="N827115" s="10"/>
    </row>
    <row r="827116" spans="14:14">
      <c r="N827116" s="10"/>
    </row>
    <row r="827117" spans="14:14">
      <c r="N827117" s="10"/>
    </row>
    <row r="827118" spans="14:14">
      <c r="N827118" s="10"/>
    </row>
    <row r="827119" spans="14:14">
      <c r="N827119" s="10"/>
    </row>
    <row r="827120" spans="14:14">
      <c r="N827120" s="10"/>
    </row>
    <row r="827121" spans="14:14">
      <c r="N827121" s="10"/>
    </row>
    <row r="827122" spans="14:14">
      <c r="N827122" s="10"/>
    </row>
    <row r="827123" spans="14:14">
      <c r="N827123" s="10"/>
    </row>
    <row r="827124" spans="14:14">
      <c r="N827124" s="10"/>
    </row>
    <row r="827125" spans="14:14">
      <c r="N827125" s="10"/>
    </row>
    <row r="827126" spans="14:14">
      <c r="N827126" s="10"/>
    </row>
    <row r="827127" spans="14:14">
      <c r="N827127" s="10"/>
    </row>
    <row r="827128" spans="14:14">
      <c r="N827128" s="10"/>
    </row>
    <row r="827129" spans="14:14">
      <c r="N827129" s="10"/>
    </row>
    <row r="827130" spans="14:14">
      <c r="N827130" s="10"/>
    </row>
    <row r="827131" spans="14:14">
      <c r="N827131" s="10"/>
    </row>
    <row r="827132" spans="14:14">
      <c r="N827132" s="10"/>
    </row>
    <row r="827133" spans="14:14">
      <c r="N827133" s="10"/>
    </row>
    <row r="827134" spans="14:14">
      <c r="N827134" s="10"/>
    </row>
    <row r="827135" spans="14:14">
      <c r="N827135" s="10"/>
    </row>
    <row r="827136" spans="14:14">
      <c r="N827136" s="10"/>
    </row>
    <row r="827137" spans="14:14">
      <c r="N827137" s="10"/>
    </row>
    <row r="827138" spans="14:14">
      <c r="N827138" s="10"/>
    </row>
    <row r="827139" spans="14:14">
      <c r="N827139" s="10"/>
    </row>
    <row r="827140" spans="14:14">
      <c r="N827140" s="10"/>
    </row>
    <row r="827141" spans="14:14">
      <c r="N827141" s="10"/>
    </row>
    <row r="827142" spans="14:14">
      <c r="N827142" s="10"/>
    </row>
    <row r="827143" spans="14:14">
      <c r="N827143" s="10"/>
    </row>
    <row r="827144" spans="14:14">
      <c r="N827144" s="10"/>
    </row>
    <row r="827145" spans="14:14">
      <c r="N827145" s="10"/>
    </row>
    <row r="827146" spans="14:14">
      <c r="N827146" s="10"/>
    </row>
    <row r="827147" spans="14:14">
      <c r="N827147" s="10"/>
    </row>
    <row r="827148" spans="14:14">
      <c r="N827148" s="10"/>
    </row>
    <row r="827149" spans="14:14">
      <c r="N827149" s="10"/>
    </row>
    <row r="827150" spans="14:14">
      <c r="N827150" s="10"/>
    </row>
    <row r="827151" spans="14:14">
      <c r="N827151" s="10"/>
    </row>
    <row r="827152" spans="14:14">
      <c r="N827152" s="10"/>
    </row>
    <row r="827153" spans="14:14">
      <c r="N827153" s="10"/>
    </row>
    <row r="827154" spans="14:14">
      <c r="N827154" s="10"/>
    </row>
    <row r="827155" spans="14:14">
      <c r="N827155" s="10"/>
    </row>
    <row r="827156" spans="14:14">
      <c r="N827156" s="10"/>
    </row>
    <row r="827157" spans="14:14">
      <c r="N827157" s="10"/>
    </row>
    <row r="827158" spans="14:14">
      <c r="N827158" s="10"/>
    </row>
    <row r="827159" spans="14:14">
      <c r="N827159" s="10"/>
    </row>
    <row r="827160" spans="14:14">
      <c r="N827160" s="10"/>
    </row>
    <row r="827161" spans="14:14">
      <c r="N827161" s="10"/>
    </row>
    <row r="827162" spans="14:14">
      <c r="N827162" s="10"/>
    </row>
    <row r="827163" spans="14:14">
      <c r="N827163" s="10"/>
    </row>
    <row r="827164" spans="14:14">
      <c r="N827164" s="10"/>
    </row>
    <row r="827165" spans="14:14">
      <c r="N827165" s="10"/>
    </row>
    <row r="827166" spans="14:14">
      <c r="N827166" s="10"/>
    </row>
    <row r="827167" spans="14:14">
      <c r="N827167" s="10"/>
    </row>
    <row r="827168" spans="14:14">
      <c r="N827168" s="10"/>
    </row>
    <row r="827169" spans="14:14">
      <c r="N827169" s="10"/>
    </row>
    <row r="827170" spans="14:14">
      <c r="N827170" s="10"/>
    </row>
    <row r="827171" spans="14:14">
      <c r="N827171" s="10"/>
    </row>
    <row r="827172" spans="14:14">
      <c r="N827172" s="10"/>
    </row>
    <row r="827173" spans="14:14">
      <c r="N827173" s="10"/>
    </row>
    <row r="827174" spans="14:14">
      <c r="N827174" s="10"/>
    </row>
    <row r="827175" spans="14:14">
      <c r="N827175" s="10"/>
    </row>
    <row r="827176" spans="14:14">
      <c r="N827176" s="10"/>
    </row>
    <row r="827177" spans="14:14">
      <c r="N827177" s="10"/>
    </row>
    <row r="827178" spans="14:14">
      <c r="N827178" s="10"/>
    </row>
    <row r="827179" spans="14:14">
      <c r="N827179" s="10"/>
    </row>
    <row r="827180" spans="14:14">
      <c r="N827180" s="10"/>
    </row>
    <row r="827181" spans="14:14">
      <c r="N827181" s="10"/>
    </row>
    <row r="827182" spans="14:14">
      <c r="N827182" s="10"/>
    </row>
    <row r="827183" spans="14:14">
      <c r="N827183" s="10"/>
    </row>
    <row r="827184" spans="14:14">
      <c r="N827184" s="10"/>
    </row>
    <row r="827185" spans="14:14">
      <c r="N827185" s="10"/>
    </row>
    <row r="827186" spans="14:14">
      <c r="N827186" s="10"/>
    </row>
    <row r="827187" spans="14:14">
      <c r="N827187" s="10"/>
    </row>
    <row r="827188" spans="14:14">
      <c r="N827188" s="10"/>
    </row>
    <row r="827189" spans="14:14">
      <c r="N827189" s="10"/>
    </row>
    <row r="827190" spans="14:14">
      <c r="N827190" s="10"/>
    </row>
    <row r="827191" spans="14:14">
      <c r="N827191" s="10"/>
    </row>
    <row r="827192" spans="14:14">
      <c r="N827192" s="10"/>
    </row>
    <row r="827193" spans="14:14">
      <c r="N827193" s="10"/>
    </row>
    <row r="827194" spans="14:14">
      <c r="N827194" s="10"/>
    </row>
    <row r="827195" spans="14:14">
      <c r="N827195" s="10"/>
    </row>
    <row r="827196" spans="14:14">
      <c r="N827196" s="10"/>
    </row>
    <row r="827197" spans="14:14">
      <c r="N827197" s="10"/>
    </row>
    <row r="827198" spans="14:14">
      <c r="N827198" s="10"/>
    </row>
    <row r="827199" spans="14:14">
      <c r="N827199" s="10"/>
    </row>
    <row r="827200" spans="14:14">
      <c r="N827200" s="10"/>
    </row>
    <row r="827201" spans="14:14">
      <c r="N827201" s="10"/>
    </row>
    <row r="827202" spans="14:14">
      <c r="N827202" s="10"/>
    </row>
    <row r="827203" spans="14:14">
      <c r="N827203" s="10"/>
    </row>
    <row r="827204" spans="14:14">
      <c r="N827204" s="10"/>
    </row>
    <row r="827205" spans="14:14">
      <c r="N827205" s="10"/>
    </row>
    <row r="827206" spans="14:14">
      <c r="N827206" s="10"/>
    </row>
    <row r="827207" spans="14:14">
      <c r="N827207" s="10"/>
    </row>
    <row r="827208" spans="14:14">
      <c r="N827208" s="10"/>
    </row>
    <row r="827209" spans="14:14">
      <c r="N827209" s="10"/>
    </row>
    <row r="827210" spans="14:14">
      <c r="N827210" s="10"/>
    </row>
    <row r="827211" spans="14:14">
      <c r="N827211" s="10"/>
    </row>
    <row r="827212" spans="14:14">
      <c r="N827212" s="10"/>
    </row>
    <row r="827213" spans="14:14">
      <c r="N827213" s="10"/>
    </row>
    <row r="827214" spans="14:14">
      <c r="N827214" s="10"/>
    </row>
    <row r="827215" spans="14:14">
      <c r="N827215" s="10"/>
    </row>
    <row r="827216" spans="14:14">
      <c r="N827216" s="10"/>
    </row>
    <row r="827217" spans="14:14">
      <c r="N827217" s="10"/>
    </row>
    <row r="827218" spans="14:14">
      <c r="N827218" s="10"/>
    </row>
    <row r="827219" spans="14:14">
      <c r="N827219" s="10"/>
    </row>
    <row r="827220" spans="14:14">
      <c r="N827220" s="10"/>
    </row>
    <row r="827221" spans="14:14">
      <c r="N827221" s="10"/>
    </row>
    <row r="827222" spans="14:14">
      <c r="N827222" s="10"/>
    </row>
    <row r="827223" spans="14:14">
      <c r="N827223" s="10"/>
    </row>
    <row r="827224" spans="14:14">
      <c r="N827224" s="10"/>
    </row>
    <row r="827225" spans="14:14">
      <c r="N827225" s="10"/>
    </row>
    <row r="827226" spans="14:14">
      <c r="N827226" s="10"/>
    </row>
    <row r="827227" spans="14:14">
      <c r="N827227" s="10"/>
    </row>
    <row r="827228" spans="14:14">
      <c r="N827228" s="10"/>
    </row>
    <row r="827229" spans="14:14">
      <c r="N827229" s="10"/>
    </row>
    <row r="827230" spans="14:14">
      <c r="N827230" s="10"/>
    </row>
    <row r="827231" spans="14:14">
      <c r="N827231" s="10"/>
    </row>
    <row r="827232" spans="14:14">
      <c r="N827232" s="10"/>
    </row>
    <row r="827233" spans="14:14">
      <c r="N827233" s="10"/>
    </row>
    <row r="827234" spans="14:14">
      <c r="N827234" s="10"/>
    </row>
    <row r="827235" spans="14:14">
      <c r="N827235" s="10"/>
    </row>
    <row r="827236" spans="14:14">
      <c r="N827236" s="10"/>
    </row>
    <row r="827237" spans="14:14">
      <c r="N827237" s="10"/>
    </row>
    <row r="827238" spans="14:14">
      <c r="N827238" s="10"/>
    </row>
    <row r="827239" spans="14:14">
      <c r="N827239" s="10"/>
    </row>
    <row r="827240" spans="14:14">
      <c r="N827240" s="10"/>
    </row>
    <row r="827241" spans="14:14">
      <c r="N827241" s="10"/>
    </row>
    <row r="827242" spans="14:14">
      <c r="N827242" s="10"/>
    </row>
    <row r="827243" spans="14:14">
      <c r="N827243" s="10"/>
    </row>
    <row r="827244" spans="14:14">
      <c r="N827244" s="10"/>
    </row>
    <row r="827245" spans="14:14">
      <c r="N827245" s="10"/>
    </row>
    <row r="827246" spans="14:14">
      <c r="N827246" s="10"/>
    </row>
    <row r="827247" spans="14:14">
      <c r="N827247" s="10"/>
    </row>
    <row r="827248" spans="14:14">
      <c r="N827248" s="10"/>
    </row>
    <row r="827249" spans="14:14">
      <c r="N827249" s="10"/>
    </row>
    <row r="827250" spans="14:14">
      <c r="N827250" s="10"/>
    </row>
    <row r="827251" spans="14:14">
      <c r="N827251" s="10"/>
    </row>
    <row r="827252" spans="14:14">
      <c r="N827252" s="10"/>
    </row>
    <row r="827253" spans="14:14">
      <c r="N827253" s="10"/>
    </row>
    <row r="827254" spans="14:14">
      <c r="N827254" s="10"/>
    </row>
    <row r="827255" spans="14:14">
      <c r="N827255" s="10"/>
    </row>
    <row r="827256" spans="14:14">
      <c r="N827256" s="10"/>
    </row>
    <row r="827257" spans="14:14">
      <c r="N827257" s="10"/>
    </row>
    <row r="827258" spans="14:14">
      <c r="N827258" s="10"/>
    </row>
    <row r="827259" spans="14:14">
      <c r="N827259" s="10"/>
    </row>
    <row r="827260" spans="14:14">
      <c r="N827260" s="10"/>
    </row>
    <row r="827261" spans="14:14">
      <c r="N827261" s="10"/>
    </row>
    <row r="827262" spans="14:14">
      <c r="N827262" s="10"/>
    </row>
    <row r="827263" spans="14:14">
      <c r="N827263" s="10"/>
    </row>
    <row r="827264" spans="14:14">
      <c r="N827264" s="10"/>
    </row>
    <row r="827265" spans="14:14">
      <c r="N827265" s="10"/>
    </row>
    <row r="827266" spans="14:14">
      <c r="N827266" s="10"/>
    </row>
    <row r="827267" spans="14:14">
      <c r="N827267" s="10"/>
    </row>
    <row r="827268" spans="14:14">
      <c r="N827268" s="10"/>
    </row>
    <row r="827269" spans="14:14">
      <c r="N827269" s="10"/>
    </row>
    <row r="827270" spans="14:14">
      <c r="N827270" s="10"/>
    </row>
    <row r="827271" spans="14:14">
      <c r="N827271" s="10"/>
    </row>
    <row r="827272" spans="14:14">
      <c r="N827272" s="10"/>
    </row>
    <row r="827273" spans="14:14">
      <c r="N827273" s="10"/>
    </row>
    <row r="827274" spans="14:14">
      <c r="N827274" s="10"/>
    </row>
    <row r="827275" spans="14:14">
      <c r="N827275" s="10"/>
    </row>
    <row r="827276" spans="14:14">
      <c r="N827276" s="10"/>
    </row>
    <row r="827277" spans="14:14">
      <c r="N827277" s="10"/>
    </row>
    <row r="827278" spans="14:14">
      <c r="N827278" s="10"/>
    </row>
    <row r="827279" spans="14:14">
      <c r="N827279" s="10"/>
    </row>
    <row r="827280" spans="14:14">
      <c r="N827280" s="10"/>
    </row>
    <row r="827281" spans="14:14">
      <c r="N827281" s="10"/>
    </row>
    <row r="827282" spans="14:14">
      <c r="N827282" s="10"/>
    </row>
    <row r="827283" spans="14:14">
      <c r="N827283" s="10"/>
    </row>
    <row r="827284" spans="14:14">
      <c r="N827284" s="10"/>
    </row>
    <row r="827285" spans="14:14">
      <c r="N827285" s="10"/>
    </row>
    <row r="827286" spans="14:14">
      <c r="N827286" s="10"/>
    </row>
    <row r="827287" spans="14:14">
      <c r="N827287" s="10"/>
    </row>
    <row r="827288" spans="14:14">
      <c r="N827288" s="10"/>
    </row>
    <row r="827289" spans="14:14">
      <c r="N827289" s="10"/>
    </row>
    <row r="827290" spans="14:14">
      <c r="N827290" s="10"/>
    </row>
    <row r="827291" spans="14:14">
      <c r="N827291" s="10"/>
    </row>
    <row r="827292" spans="14:14">
      <c r="N827292" s="10"/>
    </row>
    <row r="827293" spans="14:14">
      <c r="N827293" s="10"/>
    </row>
    <row r="827294" spans="14:14">
      <c r="N827294" s="10"/>
    </row>
    <row r="827295" spans="14:14">
      <c r="N827295" s="10"/>
    </row>
    <row r="827296" spans="14:14">
      <c r="N827296" s="10"/>
    </row>
    <row r="827297" spans="14:14">
      <c r="N827297" s="10"/>
    </row>
    <row r="827298" spans="14:14">
      <c r="N827298" s="10"/>
    </row>
    <row r="827299" spans="14:14">
      <c r="N827299" s="10"/>
    </row>
    <row r="827300" spans="14:14">
      <c r="N827300" s="10"/>
    </row>
    <row r="827301" spans="14:14">
      <c r="N827301" s="10"/>
    </row>
    <row r="827302" spans="14:14">
      <c r="N827302" s="10"/>
    </row>
    <row r="827303" spans="14:14">
      <c r="N827303" s="10"/>
    </row>
    <row r="827304" spans="14:14">
      <c r="N827304" s="10"/>
    </row>
    <row r="827305" spans="14:14">
      <c r="N827305" s="10"/>
    </row>
    <row r="827306" spans="14:14">
      <c r="N827306" s="10"/>
    </row>
    <row r="827307" spans="14:14">
      <c r="N827307" s="10"/>
    </row>
    <row r="827308" spans="14:14">
      <c r="N827308" s="10"/>
    </row>
    <row r="827309" spans="14:14">
      <c r="N827309" s="10"/>
    </row>
    <row r="827310" spans="14:14">
      <c r="N827310" s="10"/>
    </row>
    <row r="827311" spans="14:14">
      <c r="N827311" s="10"/>
    </row>
    <row r="827312" spans="14:14">
      <c r="N827312" s="10"/>
    </row>
    <row r="827313" spans="14:14">
      <c r="N827313" s="10"/>
    </row>
    <row r="827314" spans="14:14">
      <c r="N827314" s="10"/>
    </row>
    <row r="827315" spans="14:14">
      <c r="N827315" s="10"/>
    </row>
    <row r="827316" spans="14:14">
      <c r="N827316" s="10"/>
    </row>
    <row r="827317" spans="14:14">
      <c r="N827317" s="10"/>
    </row>
    <row r="827318" spans="14:14">
      <c r="N827318" s="10"/>
    </row>
    <row r="827319" spans="14:14">
      <c r="N827319" s="10"/>
    </row>
    <row r="827320" spans="14:14">
      <c r="N827320" s="10"/>
    </row>
    <row r="827321" spans="14:14">
      <c r="N827321" s="10"/>
    </row>
    <row r="827322" spans="14:14">
      <c r="N827322" s="10"/>
    </row>
    <row r="827323" spans="14:14">
      <c r="N827323" s="10"/>
    </row>
    <row r="827324" spans="14:14">
      <c r="N827324" s="10"/>
    </row>
    <row r="827325" spans="14:14">
      <c r="N827325" s="10"/>
    </row>
    <row r="827326" spans="14:14">
      <c r="N827326" s="10"/>
    </row>
    <row r="827327" spans="14:14">
      <c r="N827327" s="10"/>
    </row>
    <row r="827328" spans="14:14">
      <c r="N827328" s="10"/>
    </row>
    <row r="827329" spans="14:14">
      <c r="N827329" s="10"/>
    </row>
    <row r="827330" spans="14:14">
      <c r="N827330" s="10"/>
    </row>
    <row r="827331" spans="14:14">
      <c r="N827331" s="10"/>
    </row>
    <row r="827332" spans="14:14">
      <c r="N827332" s="10"/>
    </row>
    <row r="827333" spans="14:14">
      <c r="N827333" s="10"/>
    </row>
    <row r="827334" spans="14:14">
      <c r="N827334" s="10"/>
    </row>
    <row r="827335" spans="14:14">
      <c r="N827335" s="10"/>
    </row>
    <row r="827336" spans="14:14">
      <c r="N827336" s="10"/>
    </row>
    <row r="827337" spans="14:14">
      <c r="N827337" s="10"/>
    </row>
    <row r="827338" spans="14:14">
      <c r="N827338" s="10"/>
    </row>
    <row r="827339" spans="14:14">
      <c r="N827339" s="10"/>
    </row>
    <row r="827340" spans="14:14">
      <c r="N827340" s="10"/>
    </row>
    <row r="827341" spans="14:14">
      <c r="N827341" s="10"/>
    </row>
    <row r="827342" spans="14:14">
      <c r="N827342" s="10"/>
    </row>
    <row r="827343" spans="14:14">
      <c r="N827343" s="10"/>
    </row>
    <row r="827344" spans="14:14">
      <c r="N827344" s="10"/>
    </row>
    <row r="827345" spans="14:14">
      <c r="N827345" s="10"/>
    </row>
    <row r="827346" spans="14:14">
      <c r="N827346" s="10"/>
    </row>
    <row r="827347" spans="14:14">
      <c r="N827347" s="10"/>
    </row>
    <row r="827348" spans="14:14">
      <c r="N827348" s="10"/>
    </row>
    <row r="827349" spans="14:14">
      <c r="N827349" s="10"/>
    </row>
    <row r="827350" spans="14:14">
      <c r="N827350" s="10"/>
    </row>
    <row r="827351" spans="14:14">
      <c r="N827351" s="10"/>
    </row>
    <row r="827352" spans="14:14">
      <c r="N827352" s="10"/>
    </row>
    <row r="827353" spans="14:14">
      <c r="N827353" s="10"/>
    </row>
    <row r="827354" spans="14:14">
      <c r="N827354" s="10"/>
    </row>
    <row r="827355" spans="14:14">
      <c r="N827355" s="10"/>
    </row>
    <row r="827356" spans="14:14">
      <c r="N827356" s="10"/>
    </row>
    <row r="827357" spans="14:14">
      <c r="N827357" s="10"/>
    </row>
    <row r="827358" spans="14:14">
      <c r="N827358" s="10"/>
    </row>
    <row r="827359" spans="14:14">
      <c r="N827359" s="10"/>
    </row>
    <row r="827360" spans="14:14">
      <c r="N827360" s="10"/>
    </row>
    <row r="827361" spans="14:14">
      <c r="N827361" s="10"/>
    </row>
    <row r="827362" spans="14:14">
      <c r="N827362" s="10"/>
    </row>
    <row r="827363" spans="14:14">
      <c r="N827363" s="10"/>
    </row>
    <row r="827364" spans="14:14">
      <c r="N827364" s="10"/>
    </row>
    <row r="827365" spans="14:14">
      <c r="N827365" s="10"/>
    </row>
    <row r="827366" spans="14:14">
      <c r="N827366" s="10"/>
    </row>
    <row r="827367" spans="14:14">
      <c r="N827367" s="10"/>
    </row>
    <row r="827368" spans="14:14">
      <c r="N827368" s="10"/>
    </row>
    <row r="827369" spans="14:14">
      <c r="N827369" s="10"/>
    </row>
    <row r="827370" spans="14:14">
      <c r="N827370" s="10"/>
    </row>
    <row r="827371" spans="14:14">
      <c r="N827371" s="10"/>
    </row>
    <row r="827372" spans="14:14">
      <c r="N827372" s="10"/>
    </row>
    <row r="827373" spans="14:14">
      <c r="N827373" s="10"/>
    </row>
    <row r="827374" spans="14:14">
      <c r="N827374" s="10"/>
    </row>
    <row r="827375" spans="14:14">
      <c r="N827375" s="10"/>
    </row>
    <row r="827376" spans="14:14">
      <c r="N827376" s="10"/>
    </row>
    <row r="827377" spans="14:14">
      <c r="N827377" s="10"/>
    </row>
    <row r="827378" spans="14:14">
      <c r="N827378" s="10"/>
    </row>
    <row r="827379" spans="14:14">
      <c r="N827379" s="10"/>
    </row>
    <row r="827380" spans="14:14">
      <c r="N827380" s="10"/>
    </row>
    <row r="827381" spans="14:14">
      <c r="N827381" s="10"/>
    </row>
    <row r="827382" spans="14:14">
      <c r="N827382" s="10"/>
    </row>
    <row r="827383" spans="14:14">
      <c r="N827383" s="10"/>
    </row>
    <row r="827384" spans="14:14">
      <c r="N827384" s="10"/>
    </row>
    <row r="827385" spans="14:14">
      <c r="N827385" s="10"/>
    </row>
    <row r="827386" spans="14:14">
      <c r="N827386" s="10"/>
    </row>
    <row r="827387" spans="14:14">
      <c r="N827387" s="10"/>
    </row>
    <row r="827388" spans="14:14">
      <c r="N827388" s="10"/>
    </row>
    <row r="827389" spans="14:14">
      <c r="N827389" s="10"/>
    </row>
    <row r="827390" spans="14:14">
      <c r="N827390" s="10"/>
    </row>
    <row r="827391" spans="14:14">
      <c r="N827391" s="10"/>
    </row>
    <row r="827392" spans="14:14">
      <c r="N827392" s="10"/>
    </row>
    <row r="827393" spans="14:14">
      <c r="N827393" s="10"/>
    </row>
    <row r="827394" spans="14:14">
      <c r="N827394" s="10"/>
    </row>
    <row r="827395" spans="14:14">
      <c r="N827395" s="10"/>
    </row>
    <row r="827396" spans="14:14">
      <c r="N827396" s="10"/>
    </row>
    <row r="827397" spans="14:14">
      <c r="N827397" s="10"/>
    </row>
    <row r="827398" spans="14:14">
      <c r="N827398" s="10"/>
    </row>
    <row r="827399" spans="14:14">
      <c r="N827399" s="10"/>
    </row>
    <row r="827400" spans="14:14">
      <c r="N827400" s="10"/>
    </row>
    <row r="827401" spans="14:14">
      <c r="N827401" s="10"/>
    </row>
    <row r="827402" spans="14:14">
      <c r="N827402" s="10"/>
    </row>
    <row r="827403" spans="14:14">
      <c r="N827403" s="10"/>
    </row>
    <row r="827404" spans="14:14">
      <c r="N827404" s="10"/>
    </row>
    <row r="827405" spans="14:14">
      <c r="N827405" s="10"/>
    </row>
    <row r="827406" spans="14:14">
      <c r="N827406" s="10"/>
    </row>
    <row r="827407" spans="14:14">
      <c r="N827407" s="10"/>
    </row>
    <row r="827408" spans="14:14">
      <c r="N827408" s="10"/>
    </row>
    <row r="827409" spans="14:14">
      <c r="N827409" s="10"/>
    </row>
    <row r="827410" spans="14:14">
      <c r="N827410" s="10"/>
    </row>
    <row r="827411" spans="14:14">
      <c r="N827411" s="10"/>
    </row>
    <row r="827412" spans="14:14">
      <c r="N827412" s="10"/>
    </row>
    <row r="827413" spans="14:14">
      <c r="N827413" s="10"/>
    </row>
    <row r="827414" spans="14:14">
      <c r="N827414" s="10"/>
    </row>
    <row r="827415" spans="14:14">
      <c r="N827415" s="10"/>
    </row>
    <row r="827416" spans="14:14">
      <c r="N827416" s="10"/>
    </row>
    <row r="827417" spans="14:14">
      <c r="N827417" s="10"/>
    </row>
    <row r="827418" spans="14:14">
      <c r="N827418" s="10"/>
    </row>
    <row r="827419" spans="14:14">
      <c r="N827419" s="10"/>
    </row>
    <row r="827420" spans="14:14">
      <c r="N827420" s="10"/>
    </row>
    <row r="827421" spans="14:14">
      <c r="N827421" s="10"/>
    </row>
    <row r="827422" spans="14:14">
      <c r="N827422" s="10"/>
    </row>
    <row r="827423" spans="14:14">
      <c r="N827423" s="10"/>
    </row>
    <row r="827424" spans="14:14">
      <c r="N827424" s="10"/>
    </row>
    <row r="827425" spans="14:14">
      <c r="N827425" s="10"/>
    </row>
    <row r="827426" spans="14:14">
      <c r="N827426" s="10"/>
    </row>
    <row r="827427" spans="14:14">
      <c r="N827427" s="10"/>
    </row>
    <row r="827428" spans="14:14">
      <c r="N827428" s="10"/>
    </row>
    <row r="827429" spans="14:14">
      <c r="N827429" s="10"/>
    </row>
    <row r="827430" spans="14:14">
      <c r="N827430" s="10"/>
    </row>
    <row r="827431" spans="14:14">
      <c r="N827431" s="10"/>
    </row>
    <row r="827432" spans="14:14">
      <c r="N827432" s="10"/>
    </row>
    <row r="827433" spans="14:14">
      <c r="N827433" s="10"/>
    </row>
    <row r="827434" spans="14:14">
      <c r="N827434" s="10"/>
    </row>
    <row r="827435" spans="14:14">
      <c r="N827435" s="10"/>
    </row>
    <row r="827436" spans="14:14">
      <c r="N827436" s="10"/>
    </row>
    <row r="827437" spans="14:14">
      <c r="N827437" s="10"/>
    </row>
    <row r="827438" spans="14:14">
      <c r="N827438" s="10"/>
    </row>
    <row r="827439" spans="14:14">
      <c r="N827439" s="10"/>
    </row>
    <row r="827440" spans="14:14">
      <c r="N827440" s="10"/>
    </row>
    <row r="827441" spans="14:14">
      <c r="N827441" s="10"/>
    </row>
    <row r="827442" spans="14:14">
      <c r="N827442" s="10"/>
    </row>
    <row r="827443" spans="14:14">
      <c r="N827443" s="10"/>
    </row>
    <row r="827444" spans="14:14">
      <c r="N827444" s="10"/>
    </row>
    <row r="827445" spans="14:14">
      <c r="N827445" s="10"/>
    </row>
    <row r="827446" spans="14:14">
      <c r="N827446" s="10"/>
    </row>
    <row r="827447" spans="14:14">
      <c r="N827447" s="10"/>
    </row>
    <row r="827448" spans="14:14">
      <c r="N827448" s="10"/>
    </row>
    <row r="827449" spans="14:14">
      <c r="N827449" s="10"/>
    </row>
    <row r="827450" spans="14:14">
      <c r="N827450" s="10"/>
    </row>
    <row r="827451" spans="14:14">
      <c r="N827451" s="10"/>
    </row>
    <row r="827452" spans="14:14">
      <c r="N827452" s="10"/>
    </row>
    <row r="827453" spans="14:14">
      <c r="N827453" s="10"/>
    </row>
    <row r="827454" spans="14:14">
      <c r="N827454" s="10"/>
    </row>
    <row r="827455" spans="14:14">
      <c r="N827455" s="10"/>
    </row>
    <row r="827456" spans="14:14">
      <c r="N827456" s="10"/>
    </row>
    <row r="827457" spans="14:14">
      <c r="N827457" s="10"/>
    </row>
    <row r="827458" spans="14:14">
      <c r="N827458" s="10"/>
    </row>
    <row r="827459" spans="14:14">
      <c r="N827459" s="10"/>
    </row>
    <row r="827460" spans="14:14">
      <c r="N827460" s="10"/>
    </row>
    <row r="827461" spans="14:14">
      <c r="N827461" s="10"/>
    </row>
    <row r="827462" spans="14:14">
      <c r="N827462" s="10"/>
    </row>
    <row r="827463" spans="14:14">
      <c r="N827463" s="10"/>
    </row>
    <row r="827464" spans="14:14">
      <c r="N827464" s="10"/>
    </row>
    <row r="827465" spans="14:14">
      <c r="N827465" s="10"/>
    </row>
    <row r="827466" spans="14:14">
      <c r="N827466" s="10"/>
    </row>
    <row r="827467" spans="14:14">
      <c r="N827467" s="10"/>
    </row>
    <row r="827468" spans="14:14">
      <c r="N827468" s="10"/>
    </row>
    <row r="827469" spans="14:14">
      <c r="N827469" s="10"/>
    </row>
    <row r="827470" spans="14:14">
      <c r="N827470" s="10"/>
    </row>
    <row r="827471" spans="14:14">
      <c r="N827471" s="10"/>
    </row>
    <row r="827472" spans="14:14">
      <c r="N827472" s="10"/>
    </row>
    <row r="827473" spans="14:14">
      <c r="N827473" s="10"/>
    </row>
    <row r="827474" spans="14:14">
      <c r="N827474" s="10"/>
    </row>
    <row r="827475" spans="14:14">
      <c r="N827475" s="10"/>
    </row>
    <row r="827476" spans="14:14">
      <c r="N827476" s="10"/>
    </row>
    <row r="827477" spans="14:14">
      <c r="N827477" s="10"/>
    </row>
    <row r="827478" spans="14:14">
      <c r="N827478" s="10"/>
    </row>
    <row r="827479" spans="14:14">
      <c r="N827479" s="10"/>
    </row>
    <row r="827480" spans="14:14">
      <c r="N827480" s="10"/>
    </row>
    <row r="827481" spans="14:14">
      <c r="N827481" s="10"/>
    </row>
    <row r="827482" spans="14:14">
      <c r="N827482" s="10"/>
    </row>
    <row r="827483" spans="14:14">
      <c r="N827483" s="10"/>
    </row>
    <row r="827484" spans="14:14">
      <c r="N827484" s="10"/>
    </row>
    <row r="827485" spans="14:14">
      <c r="N827485" s="10"/>
    </row>
    <row r="827486" spans="14:14">
      <c r="N827486" s="10"/>
    </row>
    <row r="827487" spans="14:14">
      <c r="N827487" s="10"/>
    </row>
    <row r="827488" spans="14:14">
      <c r="N827488" s="10"/>
    </row>
    <row r="827489" spans="14:14">
      <c r="N827489" s="10"/>
    </row>
    <row r="827490" spans="14:14">
      <c r="N827490" s="10"/>
    </row>
    <row r="827491" spans="14:14">
      <c r="N827491" s="10"/>
    </row>
    <row r="827492" spans="14:14">
      <c r="N827492" s="10"/>
    </row>
    <row r="827493" spans="14:14">
      <c r="N827493" s="10"/>
    </row>
    <row r="827494" spans="14:14">
      <c r="N827494" s="10"/>
    </row>
    <row r="827495" spans="14:14">
      <c r="N827495" s="10"/>
    </row>
    <row r="827496" spans="14:14">
      <c r="N827496" s="10"/>
    </row>
    <row r="827497" spans="14:14">
      <c r="N827497" s="10"/>
    </row>
    <row r="827498" spans="14:14">
      <c r="N827498" s="10"/>
    </row>
    <row r="827499" spans="14:14">
      <c r="N827499" s="10"/>
    </row>
    <row r="827500" spans="14:14">
      <c r="N827500" s="10"/>
    </row>
    <row r="827501" spans="14:14">
      <c r="N827501" s="10"/>
    </row>
    <row r="827502" spans="14:14">
      <c r="N827502" s="10"/>
    </row>
    <row r="827503" spans="14:14">
      <c r="N827503" s="10"/>
    </row>
    <row r="827504" spans="14:14">
      <c r="N827504" s="10"/>
    </row>
    <row r="827505" spans="14:14">
      <c r="N827505" s="10"/>
    </row>
    <row r="827506" spans="14:14">
      <c r="N827506" s="10"/>
    </row>
    <row r="827507" spans="14:14">
      <c r="N827507" s="10"/>
    </row>
    <row r="827508" spans="14:14">
      <c r="N827508" s="10"/>
    </row>
    <row r="827509" spans="14:14">
      <c r="N827509" s="10"/>
    </row>
    <row r="827510" spans="14:14">
      <c r="N827510" s="10"/>
    </row>
    <row r="827511" spans="14:14">
      <c r="N827511" s="10"/>
    </row>
    <row r="827512" spans="14:14">
      <c r="N827512" s="10"/>
    </row>
    <row r="827513" spans="14:14">
      <c r="N827513" s="10"/>
    </row>
    <row r="827514" spans="14:14">
      <c r="N827514" s="10"/>
    </row>
    <row r="827515" spans="14:14">
      <c r="N827515" s="10"/>
    </row>
    <row r="827516" spans="14:14">
      <c r="N827516" s="10"/>
    </row>
    <row r="827517" spans="14:14">
      <c r="N827517" s="10"/>
    </row>
    <row r="827518" spans="14:14">
      <c r="N827518" s="10"/>
    </row>
    <row r="827519" spans="14:14">
      <c r="N827519" s="10"/>
    </row>
    <row r="827520" spans="14:14">
      <c r="N827520" s="10"/>
    </row>
    <row r="827521" spans="14:14">
      <c r="N827521" s="10"/>
    </row>
    <row r="827522" spans="14:14">
      <c r="N827522" s="10"/>
    </row>
    <row r="827523" spans="14:14">
      <c r="N827523" s="10"/>
    </row>
    <row r="827524" spans="14:14">
      <c r="N827524" s="10"/>
    </row>
    <row r="827525" spans="14:14">
      <c r="N827525" s="10"/>
    </row>
    <row r="827526" spans="14:14">
      <c r="N827526" s="10"/>
    </row>
    <row r="827527" spans="14:14">
      <c r="N827527" s="10"/>
    </row>
    <row r="827528" spans="14:14">
      <c r="N827528" s="10"/>
    </row>
    <row r="827529" spans="14:14">
      <c r="N827529" s="10"/>
    </row>
    <row r="827530" spans="14:14">
      <c r="N827530" s="10"/>
    </row>
    <row r="827531" spans="14:14">
      <c r="N827531" s="10"/>
    </row>
    <row r="827532" spans="14:14">
      <c r="N827532" s="10"/>
    </row>
    <row r="827533" spans="14:14">
      <c r="N827533" s="10"/>
    </row>
    <row r="827534" spans="14:14">
      <c r="N827534" s="10"/>
    </row>
    <row r="827535" spans="14:14">
      <c r="N827535" s="10"/>
    </row>
    <row r="827536" spans="14:14">
      <c r="N827536" s="10"/>
    </row>
    <row r="827537" spans="14:14">
      <c r="N827537" s="10"/>
    </row>
    <row r="827538" spans="14:14">
      <c r="N827538" s="10"/>
    </row>
    <row r="827539" spans="14:14">
      <c r="N827539" s="10"/>
    </row>
    <row r="827540" spans="14:14">
      <c r="N827540" s="10"/>
    </row>
    <row r="827541" spans="14:14">
      <c r="N827541" s="10"/>
    </row>
    <row r="827542" spans="14:14">
      <c r="N827542" s="10"/>
    </row>
    <row r="827543" spans="14:14">
      <c r="N827543" s="10"/>
    </row>
    <row r="827544" spans="14:14">
      <c r="N827544" s="10"/>
    </row>
    <row r="827545" spans="14:14">
      <c r="N827545" s="10"/>
    </row>
    <row r="827546" spans="14:14">
      <c r="N827546" s="10"/>
    </row>
    <row r="827547" spans="14:14">
      <c r="N827547" s="10"/>
    </row>
    <row r="827548" spans="14:14">
      <c r="N827548" s="10"/>
    </row>
    <row r="827549" spans="14:14">
      <c r="N827549" s="10"/>
    </row>
    <row r="827550" spans="14:14">
      <c r="N827550" s="10"/>
    </row>
    <row r="827551" spans="14:14">
      <c r="N827551" s="10"/>
    </row>
    <row r="827552" spans="14:14">
      <c r="N827552" s="10"/>
    </row>
    <row r="827553" spans="14:14">
      <c r="N827553" s="10"/>
    </row>
    <row r="827554" spans="14:14">
      <c r="N827554" s="10"/>
    </row>
    <row r="827555" spans="14:14">
      <c r="N827555" s="10"/>
    </row>
    <row r="827556" spans="14:14">
      <c r="N827556" s="10"/>
    </row>
    <row r="827557" spans="14:14">
      <c r="N827557" s="10"/>
    </row>
    <row r="827558" spans="14:14">
      <c r="N827558" s="10"/>
    </row>
    <row r="827559" spans="14:14">
      <c r="N827559" s="10"/>
    </row>
    <row r="827560" spans="14:14">
      <c r="N827560" s="10"/>
    </row>
    <row r="827561" spans="14:14">
      <c r="N827561" s="10"/>
    </row>
    <row r="827562" spans="14:14">
      <c r="N827562" s="10"/>
    </row>
    <row r="827563" spans="14:14">
      <c r="N827563" s="10"/>
    </row>
    <row r="827564" spans="14:14">
      <c r="N827564" s="10"/>
    </row>
    <row r="827565" spans="14:14">
      <c r="N827565" s="10"/>
    </row>
    <row r="827566" spans="14:14">
      <c r="N827566" s="10"/>
    </row>
    <row r="827567" spans="14:14">
      <c r="N827567" s="10"/>
    </row>
    <row r="827568" spans="14:14">
      <c r="N827568" s="10"/>
    </row>
    <row r="827569" spans="14:14">
      <c r="N827569" s="10"/>
    </row>
    <row r="827570" spans="14:14">
      <c r="N827570" s="10"/>
    </row>
    <row r="827571" spans="14:14">
      <c r="N827571" s="10"/>
    </row>
    <row r="827572" spans="14:14">
      <c r="N827572" s="10"/>
    </row>
    <row r="827573" spans="14:14">
      <c r="N827573" s="10"/>
    </row>
    <row r="827574" spans="14:14">
      <c r="N827574" s="10"/>
    </row>
    <row r="827575" spans="14:14">
      <c r="N827575" s="10"/>
    </row>
    <row r="827576" spans="14:14">
      <c r="N827576" s="10"/>
    </row>
    <row r="827577" spans="14:14">
      <c r="N827577" s="10"/>
    </row>
    <row r="827578" spans="14:14">
      <c r="N827578" s="10"/>
    </row>
    <row r="827579" spans="14:14">
      <c r="N827579" s="10"/>
    </row>
    <row r="827580" spans="14:14">
      <c r="N827580" s="10"/>
    </row>
    <row r="827581" spans="14:14">
      <c r="N827581" s="10"/>
    </row>
    <row r="827582" spans="14:14">
      <c r="N827582" s="10"/>
    </row>
    <row r="827583" spans="14:14">
      <c r="N827583" s="10"/>
    </row>
    <row r="827584" spans="14:14">
      <c r="N827584" s="10"/>
    </row>
    <row r="827585" spans="14:14">
      <c r="N827585" s="10"/>
    </row>
    <row r="827586" spans="14:14">
      <c r="N827586" s="10"/>
    </row>
    <row r="827587" spans="14:14">
      <c r="N827587" s="10"/>
    </row>
    <row r="827588" spans="14:14">
      <c r="N827588" s="10"/>
    </row>
    <row r="827589" spans="14:14">
      <c r="N827589" s="10"/>
    </row>
    <row r="827590" spans="14:14">
      <c r="N827590" s="10"/>
    </row>
    <row r="827591" spans="14:14">
      <c r="N827591" s="10"/>
    </row>
    <row r="827592" spans="14:14">
      <c r="N827592" s="10"/>
    </row>
    <row r="827593" spans="14:14">
      <c r="N827593" s="10"/>
    </row>
    <row r="827594" spans="14:14">
      <c r="N827594" s="10"/>
    </row>
    <row r="827595" spans="14:14">
      <c r="N827595" s="10"/>
    </row>
    <row r="827596" spans="14:14">
      <c r="N827596" s="10"/>
    </row>
    <row r="827597" spans="14:14">
      <c r="N827597" s="10"/>
    </row>
    <row r="827598" spans="14:14">
      <c r="N827598" s="10"/>
    </row>
    <row r="827599" spans="14:14">
      <c r="N827599" s="10"/>
    </row>
    <row r="827600" spans="14:14">
      <c r="N827600" s="10"/>
    </row>
    <row r="827601" spans="14:14">
      <c r="N827601" s="10"/>
    </row>
    <row r="827602" spans="14:14">
      <c r="N827602" s="10"/>
    </row>
    <row r="827603" spans="14:14">
      <c r="N827603" s="10"/>
    </row>
    <row r="827604" spans="14:14">
      <c r="N827604" s="10"/>
    </row>
    <row r="827605" spans="14:14">
      <c r="N827605" s="10"/>
    </row>
    <row r="827606" spans="14:14">
      <c r="N827606" s="10"/>
    </row>
    <row r="827607" spans="14:14">
      <c r="N827607" s="10"/>
    </row>
    <row r="827608" spans="14:14">
      <c r="N827608" s="10"/>
    </row>
    <row r="827609" spans="14:14">
      <c r="N827609" s="10"/>
    </row>
    <row r="827610" spans="14:14">
      <c r="N827610" s="10"/>
    </row>
    <row r="827611" spans="14:14">
      <c r="N827611" s="10"/>
    </row>
    <row r="827612" spans="14:14">
      <c r="N827612" s="10"/>
    </row>
    <row r="827613" spans="14:14">
      <c r="N827613" s="10"/>
    </row>
    <row r="827614" spans="14:14">
      <c r="N827614" s="10"/>
    </row>
    <row r="827615" spans="14:14">
      <c r="N827615" s="10"/>
    </row>
    <row r="827616" spans="14:14">
      <c r="N827616" s="10"/>
    </row>
    <row r="827617" spans="14:14">
      <c r="N827617" s="10"/>
    </row>
    <row r="827618" spans="14:14">
      <c r="N827618" s="10"/>
    </row>
    <row r="827619" spans="14:14">
      <c r="N827619" s="10"/>
    </row>
    <row r="827620" spans="14:14">
      <c r="N827620" s="10"/>
    </row>
    <row r="827621" spans="14:14">
      <c r="N827621" s="10"/>
    </row>
    <row r="827622" spans="14:14">
      <c r="N827622" s="10"/>
    </row>
    <row r="827623" spans="14:14">
      <c r="N827623" s="10"/>
    </row>
    <row r="827624" spans="14:14">
      <c r="N827624" s="10"/>
    </row>
    <row r="827625" spans="14:14">
      <c r="N827625" s="10"/>
    </row>
    <row r="827626" spans="14:14">
      <c r="N827626" s="10"/>
    </row>
    <row r="827627" spans="14:14">
      <c r="N827627" s="10"/>
    </row>
    <row r="827628" spans="14:14">
      <c r="N827628" s="10"/>
    </row>
    <row r="827629" spans="14:14">
      <c r="N827629" s="10"/>
    </row>
    <row r="827630" spans="14:14">
      <c r="N827630" s="10"/>
    </row>
    <row r="827631" spans="14:14">
      <c r="N827631" s="10"/>
    </row>
    <row r="827632" spans="14:14">
      <c r="N827632" s="10"/>
    </row>
    <row r="827633" spans="14:14">
      <c r="N827633" s="10"/>
    </row>
    <row r="827634" spans="14:14">
      <c r="N827634" s="10"/>
    </row>
    <row r="827635" spans="14:14">
      <c r="N827635" s="10"/>
    </row>
    <row r="827636" spans="14:14">
      <c r="N827636" s="10"/>
    </row>
    <row r="827637" spans="14:14">
      <c r="N827637" s="10"/>
    </row>
    <row r="827638" spans="14:14">
      <c r="N827638" s="10"/>
    </row>
    <row r="827639" spans="14:14">
      <c r="N827639" s="10"/>
    </row>
    <row r="827640" spans="14:14">
      <c r="N827640" s="10"/>
    </row>
    <row r="827641" spans="14:14">
      <c r="N827641" s="10"/>
    </row>
    <row r="827642" spans="14:14">
      <c r="N827642" s="10"/>
    </row>
    <row r="827643" spans="14:14">
      <c r="N827643" s="10"/>
    </row>
    <row r="827644" spans="14:14">
      <c r="N827644" s="10"/>
    </row>
    <row r="827645" spans="14:14">
      <c r="N827645" s="10"/>
    </row>
    <row r="827646" spans="14:14">
      <c r="N827646" s="10"/>
    </row>
    <row r="827647" spans="14:14">
      <c r="N827647" s="10"/>
    </row>
    <row r="827648" spans="14:14">
      <c r="N827648" s="10"/>
    </row>
    <row r="827649" spans="14:14">
      <c r="N827649" s="10"/>
    </row>
    <row r="827650" spans="14:14">
      <c r="N827650" s="10"/>
    </row>
    <row r="827651" spans="14:14">
      <c r="N827651" s="10"/>
    </row>
    <row r="827652" spans="14:14">
      <c r="N827652" s="10"/>
    </row>
    <row r="827653" spans="14:14">
      <c r="N827653" s="10"/>
    </row>
    <row r="827654" spans="14:14">
      <c r="N827654" s="10"/>
    </row>
    <row r="827655" spans="14:14">
      <c r="N827655" s="10"/>
    </row>
    <row r="827656" spans="14:14">
      <c r="N827656" s="10"/>
    </row>
    <row r="827657" spans="14:14">
      <c r="N827657" s="10"/>
    </row>
    <row r="827658" spans="14:14">
      <c r="N827658" s="10"/>
    </row>
    <row r="827659" spans="14:14">
      <c r="N827659" s="10"/>
    </row>
    <row r="827660" spans="14:14">
      <c r="N827660" s="10"/>
    </row>
    <row r="827661" spans="14:14">
      <c r="N827661" s="10"/>
    </row>
    <row r="827662" spans="14:14">
      <c r="N827662" s="10"/>
    </row>
    <row r="827663" spans="14:14">
      <c r="N827663" s="10"/>
    </row>
    <row r="827664" spans="14:14">
      <c r="N827664" s="10"/>
    </row>
    <row r="827665" spans="14:14">
      <c r="N827665" s="10"/>
    </row>
    <row r="827666" spans="14:14">
      <c r="N827666" s="10"/>
    </row>
    <row r="827667" spans="14:14">
      <c r="N827667" s="10"/>
    </row>
    <row r="827668" spans="14:14">
      <c r="N827668" s="10"/>
    </row>
    <row r="827669" spans="14:14">
      <c r="N827669" s="10"/>
    </row>
    <row r="827670" spans="14:14">
      <c r="N827670" s="10"/>
    </row>
    <row r="827671" spans="14:14">
      <c r="N827671" s="10"/>
    </row>
    <row r="827672" spans="14:14">
      <c r="N827672" s="10"/>
    </row>
    <row r="827673" spans="14:14">
      <c r="N827673" s="10"/>
    </row>
    <row r="827674" spans="14:14">
      <c r="N827674" s="10"/>
    </row>
    <row r="827675" spans="14:14">
      <c r="N827675" s="10"/>
    </row>
    <row r="827676" spans="14:14">
      <c r="N827676" s="10"/>
    </row>
    <row r="827677" spans="14:14">
      <c r="N827677" s="10"/>
    </row>
    <row r="827678" spans="14:14">
      <c r="N827678" s="10"/>
    </row>
    <row r="827679" spans="14:14">
      <c r="N827679" s="10"/>
    </row>
    <row r="827680" spans="14:14">
      <c r="N827680" s="10"/>
    </row>
    <row r="827681" spans="14:14">
      <c r="N827681" s="10"/>
    </row>
    <row r="827682" spans="14:14">
      <c r="N827682" s="10"/>
    </row>
    <row r="827683" spans="14:14">
      <c r="N827683" s="10"/>
    </row>
    <row r="827684" spans="14:14">
      <c r="N827684" s="10"/>
    </row>
    <row r="827685" spans="14:14">
      <c r="N827685" s="10"/>
    </row>
    <row r="827686" spans="14:14">
      <c r="N827686" s="10"/>
    </row>
    <row r="827687" spans="14:14">
      <c r="N827687" s="10"/>
    </row>
    <row r="827688" spans="14:14">
      <c r="N827688" s="10"/>
    </row>
    <row r="827689" spans="14:14">
      <c r="N827689" s="10"/>
    </row>
    <row r="827690" spans="14:14">
      <c r="N827690" s="10"/>
    </row>
    <row r="827691" spans="14:14">
      <c r="N827691" s="10"/>
    </row>
    <row r="827692" spans="14:14">
      <c r="N827692" s="10"/>
    </row>
    <row r="827693" spans="14:14">
      <c r="N827693" s="10"/>
    </row>
    <row r="827694" spans="14:14">
      <c r="N827694" s="10"/>
    </row>
    <row r="827695" spans="14:14">
      <c r="N827695" s="10"/>
    </row>
    <row r="827696" spans="14:14">
      <c r="N827696" s="10"/>
    </row>
    <row r="827697" spans="14:14">
      <c r="N827697" s="10"/>
    </row>
    <row r="827698" spans="14:14">
      <c r="N827698" s="10"/>
    </row>
    <row r="827699" spans="14:14">
      <c r="N827699" s="10"/>
    </row>
    <row r="827700" spans="14:14">
      <c r="N827700" s="10"/>
    </row>
    <row r="827701" spans="14:14">
      <c r="N827701" s="10"/>
    </row>
    <row r="827702" spans="14:14">
      <c r="N827702" s="10"/>
    </row>
    <row r="827703" spans="14:14">
      <c r="N827703" s="10"/>
    </row>
    <row r="827704" spans="14:14">
      <c r="N827704" s="10"/>
    </row>
    <row r="827705" spans="14:14">
      <c r="N827705" s="10"/>
    </row>
    <row r="827706" spans="14:14">
      <c r="N827706" s="10"/>
    </row>
    <row r="827707" spans="14:14">
      <c r="N827707" s="10"/>
    </row>
    <row r="827708" spans="14:14">
      <c r="N827708" s="10"/>
    </row>
    <row r="827709" spans="14:14">
      <c r="N827709" s="10"/>
    </row>
    <row r="827710" spans="14:14">
      <c r="N827710" s="10"/>
    </row>
    <row r="827711" spans="14:14">
      <c r="N827711" s="10"/>
    </row>
    <row r="827712" spans="14:14">
      <c r="N827712" s="10"/>
    </row>
    <row r="827713" spans="14:14">
      <c r="N827713" s="10"/>
    </row>
    <row r="827714" spans="14:14">
      <c r="N827714" s="10"/>
    </row>
    <row r="827715" spans="14:14">
      <c r="N827715" s="10"/>
    </row>
    <row r="827716" spans="14:14">
      <c r="N827716" s="10"/>
    </row>
    <row r="827717" spans="14:14">
      <c r="N827717" s="10"/>
    </row>
    <row r="827718" spans="14:14">
      <c r="N827718" s="10"/>
    </row>
    <row r="827719" spans="14:14">
      <c r="N827719" s="10"/>
    </row>
    <row r="827720" spans="14:14">
      <c r="N827720" s="10"/>
    </row>
    <row r="827721" spans="14:14">
      <c r="N827721" s="10"/>
    </row>
    <row r="827722" spans="14:14">
      <c r="N827722" s="10"/>
    </row>
    <row r="827723" spans="14:14">
      <c r="N827723" s="10"/>
    </row>
    <row r="827724" spans="14:14">
      <c r="N827724" s="10"/>
    </row>
    <row r="827725" spans="14:14">
      <c r="N827725" s="10"/>
    </row>
    <row r="827726" spans="14:14">
      <c r="N827726" s="10"/>
    </row>
    <row r="827727" spans="14:14">
      <c r="N827727" s="10"/>
    </row>
    <row r="827728" spans="14:14">
      <c r="N827728" s="10"/>
    </row>
    <row r="827729" spans="14:14">
      <c r="N827729" s="10"/>
    </row>
    <row r="827730" spans="14:14">
      <c r="N827730" s="10"/>
    </row>
    <row r="827731" spans="14:14">
      <c r="N827731" s="10"/>
    </row>
    <row r="827732" spans="14:14">
      <c r="N827732" s="10"/>
    </row>
    <row r="827733" spans="14:14">
      <c r="N827733" s="10"/>
    </row>
    <row r="827734" spans="14:14">
      <c r="N827734" s="10"/>
    </row>
    <row r="827735" spans="14:14">
      <c r="N827735" s="10"/>
    </row>
    <row r="827736" spans="14:14">
      <c r="N827736" s="10"/>
    </row>
    <row r="827737" spans="14:14">
      <c r="N827737" s="10"/>
    </row>
    <row r="827738" spans="14:14">
      <c r="N827738" s="10"/>
    </row>
    <row r="827739" spans="14:14">
      <c r="N827739" s="10"/>
    </row>
    <row r="827740" spans="14:14">
      <c r="N827740" s="10"/>
    </row>
    <row r="827741" spans="14:14">
      <c r="N827741" s="10"/>
    </row>
    <row r="827742" spans="14:14">
      <c r="N827742" s="10"/>
    </row>
    <row r="827743" spans="14:14">
      <c r="N827743" s="10"/>
    </row>
    <row r="827744" spans="14:14">
      <c r="N827744" s="10"/>
    </row>
    <row r="827745" spans="14:14">
      <c r="N827745" s="10"/>
    </row>
    <row r="827746" spans="14:14">
      <c r="N827746" s="10"/>
    </row>
    <row r="827747" spans="14:14">
      <c r="N827747" s="10"/>
    </row>
    <row r="827748" spans="14:14">
      <c r="N827748" s="10"/>
    </row>
    <row r="827749" spans="14:14">
      <c r="N827749" s="10"/>
    </row>
    <row r="827750" spans="14:14">
      <c r="N827750" s="10"/>
    </row>
    <row r="827751" spans="14:14">
      <c r="N827751" s="10"/>
    </row>
    <row r="827752" spans="14:14">
      <c r="N827752" s="10"/>
    </row>
    <row r="827753" spans="14:14">
      <c r="N827753" s="10"/>
    </row>
    <row r="827754" spans="14:14">
      <c r="N827754" s="10"/>
    </row>
    <row r="827755" spans="14:14">
      <c r="N827755" s="10"/>
    </row>
    <row r="827756" spans="14:14">
      <c r="N827756" s="10"/>
    </row>
    <row r="827757" spans="14:14">
      <c r="N827757" s="10"/>
    </row>
    <row r="827758" spans="14:14">
      <c r="N827758" s="10"/>
    </row>
    <row r="827759" spans="14:14">
      <c r="N827759" s="10"/>
    </row>
    <row r="827760" spans="14:14">
      <c r="N827760" s="10"/>
    </row>
    <row r="827761" spans="14:14">
      <c r="N827761" s="10"/>
    </row>
    <row r="827762" spans="14:14">
      <c r="N827762" s="10"/>
    </row>
    <row r="827763" spans="14:14">
      <c r="N827763" s="10"/>
    </row>
    <row r="827764" spans="14:14">
      <c r="N827764" s="10"/>
    </row>
    <row r="827765" spans="14:14">
      <c r="N827765" s="10"/>
    </row>
    <row r="827766" spans="14:14">
      <c r="N827766" s="10"/>
    </row>
    <row r="827767" spans="14:14">
      <c r="N827767" s="10"/>
    </row>
    <row r="827768" spans="14:14">
      <c r="N827768" s="10"/>
    </row>
    <row r="827769" spans="14:14">
      <c r="N827769" s="10"/>
    </row>
    <row r="827770" spans="14:14">
      <c r="N827770" s="10"/>
    </row>
    <row r="827771" spans="14:14">
      <c r="N827771" s="10"/>
    </row>
    <row r="827772" spans="14:14">
      <c r="N827772" s="10"/>
    </row>
    <row r="827773" spans="14:14">
      <c r="N827773" s="10"/>
    </row>
    <row r="827774" spans="14:14">
      <c r="N827774" s="10"/>
    </row>
    <row r="827775" spans="14:14">
      <c r="N827775" s="10"/>
    </row>
    <row r="827776" spans="14:14">
      <c r="N827776" s="10"/>
    </row>
    <row r="827777" spans="14:14">
      <c r="N827777" s="10"/>
    </row>
    <row r="827778" spans="14:14">
      <c r="N827778" s="10"/>
    </row>
    <row r="827779" spans="14:14">
      <c r="N827779" s="10"/>
    </row>
    <row r="827780" spans="14:14">
      <c r="N827780" s="10"/>
    </row>
    <row r="827781" spans="14:14">
      <c r="N827781" s="10"/>
    </row>
    <row r="827782" spans="14:14">
      <c r="N827782" s="10"/>
    </row>
    <row r="827783" spans="14:14">
      <c r="N827783" s="10"/>
    </row>
    <row r="827784" spans="14:14">
      <c r="N827784" s="10"/>
    </row>
    <row r="827785" spans="14:14">
      <c r="N827785" s="10"/>
    </row>
    <row r="827786" spans="14:14">
      <c r="N827786" s="10"/>
    </row>
    <row r="827787" spans="14:14">
      <c r="N827787" s="10"/>
    </row>
    <row r="827788" spans="14:14">
      <c r="N827788" s="10"/>
    </row>
    <row r="827789" spans="14:14">
      <c r="N827789" s="10"/>
    </row>
    <row r="827790" spans="14:14">
      <c r="N827790" s="10"/>
    </row>
    <row r="827791" spans="14:14">
      <c r="N827791" s="10"/>
    </row>
    <row r="827792" spans="14:14">
      <c r="N827792" s="10"/>
    </row>
    <row r="827793" spans="14:14">
      <c r="N827793" s="10"/>
    </row>
    <row r="827794" spans="14:14">
      <c r="N827794" s="10"/>
    </row>
    <row r="827795" spans="14:14">
      <c r="N827795" s="10"/>
    </row>
    <row r="827796" spans="14:14">
      <c r="N827796" s="10"/>
    </row>
    <row r="827797" spans="14:14">
      <c r="N827797" s="10"/>
    </row>
    <row r="827798" spans="14:14">
      <c r="N827798" s="10"/>
    </row>
    <row r="827799" spans="14:14">
      <c r="N827799" s="10"/>
    </row>
    <row r="827800" spans="14:14">
      <c r="N827800" s="10"/>
    </row>
    <row r="827801" spans="14:14">
      <c r="N827801" s="10"/>
    </row>
    <row r="827802" spans="14:14">
      <c r="N827802" s="10"/>
    </row>
    <row r="827803" spans="14:14">
      <c r="N827803" s="10"/>
    </row>
    <row r="827804" spans="14:14">
      <c r="N827804" s="10"/>
    </row>
    <row r="827805" spans="14:14">
      <c r="N827805" s="10"/>
    </row>
    <row r="827806" spans="14:14">
      <c r="N827806" s="10"/>
    </row>
    <row r="827807" spans="14:14">
      <c r="N827807" s="10"/>
    </row>
    <row r="827808" spans="14:14">
      <c r="N827808" s="10"/>
    </row>
    <row r="827809" spans="14:14">
      <c r="N827809" s="10"/>
    </row>
    <row r="827810" spans="14:14">
      <c r="N827810" s="10"/>
    </row>
    <row r="827811" spans="14:14">
      <c r="N827811" s="10"/>
    </row>
    <row r="827812" spans="14:14">
      <c r="N827812" s="10"/>
    </row>
    <row r="827813" spans="14:14">
      <c r="N827813" s="10"/>
    </row>
    <row r="827814" spans="14:14">
      <c r="N827814" s="10"/>
    </row>
    <row r="827815" spans="14:14">
      <c r="N827815" s="10"/>
    </row>
    <row r="827816" spans="14:14">
      <c r="N827816" s="10"/>
    </row>
    <row r="827817" spans="14:14">
      <c r="N827817" s="10"/>
    </row>
    <row r="827818" spans="14:14">
      <c r="N827818" s="10"/>
    </row>
    <row r="827819" spans="14:14">
      <c r="N827819" s="10"/>
    </row>
    <row r="827820" spans="14:14">
      <c r="N827820" s="10"/>
    </row>
    <row r="827821" spans="14:14">
      <c r="N827821" s="10"/>
    </row>
    <row r="827822" spans="14:14">
      <c r="N827822" s="10"/>
    </row>
    <row r="827823" spans="14:14">
      <c r="N827823" s="10"/>
    </row>
    <row r="827824" spans="14:14">
      <c r="N827824" s="10"/>
    </row>
    <row r="827825" spans="14:14">
      <c r="N827825" s="10"/>
    </row>
    <row r="827826" spans="14:14">
      <c r="N827826" s="10"/>
    </row>
    <row r="827827" spans="14:14">
      <c r="N827827" s="10"/>
    </row>
    <row r="827828" spans="14:14">
      <c r="N827828" s="10"/>
    </row>
    <row r="827829" spans="14:14">
      <c r="N827829" s="10"/>
    </row>
    <row r="827830" spans="14:14">
      <c r="N827830" s="10"/>
    </row>
    <row r="827831" spans="14:14">
      <c r="N827831" s="10"/>
    </row>
    <row r="827832" spans="14:14">
      <c r="N827832" s="10"/>
    </row>
    <row r="827833" spans="14:14">
      <c r="N827833" s="10"/>
    </row>
    <row r="827834" spans="14:14">
      <c r="N827834" s="10"/>
    </row>
    <row r="827835" spans="14:14">
      <c r="N827835" s="10"/>
    </row>
    <row r="827836" spans="14:14">
      <c r="N827836" s="10"/>
    </row>
    <row r="827837" spans="14:14">
      <c r="N827837" s="10"/>
    </row>
    <row r="827838" spans="14:14">
      <c r="N827838" s="10"/>
    </row>
    <row r="827839" spans="14:14">
      <c r="N827839" s="10"/>
    </row>
    <row r="827840" spans="14:14">
      <c r="N827840" s="10"/>
    </row>
    <row r="827841" spans="14:14">
      <c r="N827841" s="10"/>
    </row>
    <row r="827842" spans="14:14">
      <c r="N827842" s="10"/>
    </row>
    <row r="827843" spans="14:14">
      <c r="N827843" s="10"/>
    </row>
    <row r="827844" spans="14:14">
      <c r="N827844" s="10"/>
    </row>
    <row r="827845" spans="14:14">
      <c r="N827845" s="10"/>
    </row>
    <row r="827846" spans="14:14">
      <c r="N827846" s="10"/>
    </row>
    <row r="827847" spans="14:14">
      <c r="N827847" s="10"/>
    </row>
    <row r="827848" spans="14:14">
      <c r="N827848" s="10"/>
    </row>
    <row r="827849" spans="14:14">
      <c r="N827849" s="10"/>
    </row>
    <row r="827850" spans="14:14">
      <c r="N827850" s="10"/>
    </row>
    <row r="827851" spans="14:14">
      <c r="N827851" s="10"/>
    </row>
    <row r="827852" spans="14:14">
      <c r="N827852" s="10"/>
    </row>
    <row r="827853" spans="14:14">
      <c r="N827853" s="10"/>
    </row>
    <row r="827854" spans="14:14">
      <c r="N827854" s="10"/>
    </row>
    <row r="827855" spans="14:14">
      <c r="N827855" s="10"/>
    </row>
    <row r="827856" spans="14:14">
      <c r="N827856" s="10"/>
    </row>
    <row r="827857" spans="14:14">
      <c r="N827857" s="10"/>
    </row>
    <row r="827858" spans="14:14">
      <c r="N827858" s="10"/>
    </row>
    <row r="827859" spans="14:14">
      <c r="N827859" s="10"/>
    </row>
    <row r="827860" spans="14:14">
      <c r="N827860" s="10"/>
    </row>
    <row r="827861" spans="14:14">
      <c r="N827861" s="10"/>
    </row>
    <row r="827862" spans="14:14">
      <c r="N827862" s="10"/>
    </row>
    <row r="827863" spans="14:14">
      <c r="N827863" s="10"/>
    </row>
    <row r="827864" spans="14:14">
      <c r="N827864" s="10"/>
    </row>
    <row r="827865" spans="14:14">
      <c r="N827865" s="10"/>
    </row>
    <row r="827866" spans="14:14">
      <c r="N827866" s="10"/>
    </row>
    <row r="827867" spans="14:14">
      <c r="N827867" s="10"/>
    </row>
    <row r="827868" spans="14:14">
      <c r="N827868" s="10"/>
    </row>
    <row r="827869" spans="14:14">
      <c r="N827869" s="10"/>
    </row>
    <row r="827870" spans="14:14">
      <c r="N827870" s="10"/>
    </row>
    <row r="827871" spans="14:14">
      <c r="N827871" s="10"/>
    </row>
    <row r="827872" spans="14:14">
      <c r="N827872" s="10"/>
    </row>
    <row r="827873" spans="14:14">
      <c r="N827873" s="10"/>
    </row>
    <row r="827874" spans="14:14">
      <c r="N827874" s="10"/>
    </row>
    <row r="827875" spans="14:14">
      <c r="N827875" s="10"/>
    </row>
    <row r="827876" spans="14:14">
      <c r="N827876" s="10"/>
    </row>
    <row r="827877" spans="14:14">
      <c r="N827877" s="10"/>
    </row>
    <row r="827878" spans="14:14">
      <c r="N827878" s="10"/>
    </row>
    <row r="827879" spans="14:14">
      <c r="N827879" s="10"/>
    </row>
    <row r="827880" spans="14:14">
      <c r="N827880" s="10"/>
    </row>
    <row r="827881" spans="14:14">
      <c r="N827881" s="10"/>
    </row>
    <row r="827882" spans="14:14">
      <c r="N827882" s="10"/>
    </row>
    <row r="827883" spans="14:14">
      <c r="N827883" s="10"/>
    </row>
    <row r="827884" spans="14:14">
      <c r="N827884" s="10"/>
    </row>
    <row r="827885" spans="14:14">
      <c r="N827885" s="10"/>
    </row>
    <row r="827886" spans="14:14">
      <c r="N827886" s="10"/>
    </row>
    <row r="827887" spans="14:14">
      <c r="N827887" s="10"/>
    </row>
    <row r="827888" spans="14:14">
      <c r="N827888" s="10"/>
    </row>
    <row r="827889" spans="14:14">
      <c r="N827889" s="10"/>
    </row>
    <row r="827890" spans="14:14">
      <c r="N827890" s="10"/>
    </row>
    <row r="827891" spans="14:14">
      <c r="N827891" s="10"/>
    </row>
    <row r="827892" spans="14:14">
      <c r="N827892" s="10"/>
    </row>
    <row r="827893" spans="14:14">
      <c r="N827893" s="10"/>
    </row>
    <row r="827894" spans="14:14">
      <c r="N827894" s="10"/>
    </row>
    <row r="827895" spans="14:14">
      <c r="N827895" s="10"/>
    </row>
    <row r="827896" spans="14:14">
      <c r="N827896" s="10"/>
    </row>
    <row r="827897" spans="14:14">
      <c r="N827897" s="10"/>
    </row>
    <row r="827898" spans="14:14">
      <c r="N827898" s="10"/>
    </row>
    <row r="827899" spans="14:14">
      <c r="N827899" s="10"/>
    </row>
    <row r="827900" spans="14:14">
      <c r="N827900" s="10"/>
    </row>
    <row r="827901" spans="14:14">
      <c r="N827901" s="10"/>
    </row>
    <row r="827902" spans="14:14">
      <c r="N827902" s="10"/>
    </row>
    <row r="827903" spans="14:14">
      <c r="N827903" s="10"/>
    </row>
    <row r="827904" spans="14:14">
      <c r="N827904" s="10"/>
    </row>
    <row r="827905" spans="14:14">
      <c r="N827905" s="10"/>
    </row>
    <row r="827906" spans="14:14">
      <c r="N827906" s="10"/>
    </row>
    <row r="827907" spans="14:14">
      <c r="N827907" s="10"/>
    </row>
    <row r="827908" spans="14:14">
      <c r="N827908" s="10"/>
    </row>
    <row r="827909" spans="14:14">
      <c r="N827909" s="10"/>
    </row>
    <row r="827910" spans="14:14">
      <c r="N827910" s="10"/>
    </row>
    <row r="827911" spans="14:14">
      <c r="N827911" s="10"/>
    </row>
    <row r="827912" spans="14:14">
      <c r="N827912" s="10"/>
    </row>
    <row r="827913" spans="14:14">
      <c r="N827913" s="10"/>
    </row>
    <row r="827914" spans="14:14">
      <c r="N827914" s="10"/>
    </row>
    <row r="827915" spans="14:14">
      <c r="N827915" s="10"/>
    </row>
    <row r="827916" spans="14:14">
      <c r="N827916" s="10"/>
    </row>
    <row r="827917" spans="14:14">
      <c r="N827917" s="10"/>
    </row>
    <row r="827918" spans="14:14">
      <c r="N827918" s="10"/>
    </row>
    <row r="827919" spans="14:14">
      <c r="N827919" s="10"/>
    </row>
    <row r="827920" spans="14:14">
      <c r="N827920" s="10"/>
    </row>
    <row r="827921" spans="14:14">
      <c r="N827921" s="10"/>
    </row>
    <row r="827922" spans="14:14">
      <c r="N827922" s="10"/>
    </row>
    <row r="827923" spans="14:14">
      <c r="N827923" s="10"/>
    </row>
    <row r="827924" spans="14:14">
      <c r="N827924" s="10"/>
    </row>
    <row r="827925" spans="14:14">
      <c r="N827925" s="10"/>
    </row>
    <row r="827926" spans="14:14">
      <c r="N827926" s="10"/>
    </row>
    <row r="827927" spans="14:14">
      <c r="N827927" s="10"/>
    </row>
    <row r="827928" spans="14:14">
      <c r="N827928" s="10"/>
    </row>
    <row r="827929" spans="14:14">
      <c r="N827929" s="10"/>
    </row>
    <row r="827930" spans="14:14">
      <c r="N827930" s="10"/>
    </row>
    <row r="827931" spans="14:14">
      <c r="N827931" s="10"/>
    </row>
    <row r="827932" spans="14:14">
      <c r="N827932" s="10"/>
    </row>
    <row r="827933" spans="14:14">
      <c r="N827933" s="10"/>
    </row>
    <row r="827934" spans="14:14">
      <c r="N827934" s="10"/>
    </row>
    <row r="827935" spans="14:14">
      <c r="N827935" s="10"/>
    </row>
    <row r="827936" spans="14:14">
      <c r="N827936" s="10"/>
    </row>
    <row r="827937" spans="14:14">
      <c r="N827937" s="10"/>
    </row>
    <row r="827938" spans="14:14">
      <c r="N827938" s="10"/>
    </row>
    <row r="827939" spans="14:14">
      <c r="N827939" s="10"/>
    </row>
    <row r="827940" spans="14:14">
      <c r="N827940" s="10"/>
    </row>
    <row r="827941" spans="14:14">
      <c r="N827941" s="10"/>
    </row>
    <row r="827942" spans="14:14">
      <c r="N827942" s="10"/>
    </row>
    <row r="827943" spans="14:14">
      <c r="N827943" s="10"/>
    </row>
    <row r="827944" spans="14:14">
      <c r="N827944" s="10"/>
    </row>
    <row r="827945" spans="14:14">
      <c r="N827945" s="10"/>
    </row>
    <row r="827946" spans="14:14">
      <c r="N827946" s="10"/>
    </row>
    <row r="827947" spans="14:14">
      <c r="N827947" s="10"/>
    </row>
    <row r="827948" spans="14:14">
      <c r="N827948" s="10"/>
    </row>
    <row r="827949" spans="14:14">
      <c r="N827949" s="10"/>
    </row>
    <row r="827950" spans="14:14">
      <c r="N827950" s="10"/>
    </row>
    <row r="827951" spans="14:14">
      <c r="N827951" s="10"/>
    </row>
    <row r="827952" spans="14:14">
      <c r="N827952" s="10"/>
    </row>
    <row r="827953" spans="14:14">
      <c r="N827953" s="10"/>
    </row>
    <row r="827954" spans="14:14">
      <c r="N827954" s="10"/>
    </row>
    <row r="827955" spans="14:14">
      <c r="N827955" s="10"/>
    </row>
    <row r="827956" spans="14:14">
      <c r="N827956" s="10"/>
    </row>
    <row r="827957" spans="14:14">
      <c r="N827957" s="10"/>
    </row>
    <row r="827958" spans="14:14">
      <c r="N827958" s="10"/>
    </row>
    <row r="827959" spans="14:14">
      <c r="N827959" s="10"/>
    </row>
    <row r="827960" spans="14:14">
      <c r="N827960" s="10"/>
    </row>
    <row r="827961" spans="14:14">
      <c r="N827961" s="10"/>
    </row>
    <row r="827962" spans="14:14">
      <c r="N827962" s="10"/>
    </row>
    <row r="827963" spans="14:14">
      <c r="N827963" s="10"/>
    </row>
    <row r="827964" spans="14:14">
      <c r="N827964" s="10"/>
    </row>
    <row r="827965" spans="14:14">
      <c r="N827965" s="10"/>
    </row>
    <row r="827966" spans="14:14">
      <c r="N827966" s="10"/>
    </row>
    <row r="827967" spans="14:14">
      <c r="N827967" s="10"/>
    </row>
    <row r="827968" spans="14:14">
      <c r="N827968" s="10"/>
    </row>
    <row r="827969" spans="14:14">
      <c r="N827969" s="10"/>
    </row>
    <row r="827970" spans="14:14">
      <c r="N827970" s="10"/>
    </row>
    <row r="827971" spans="14:14">
      <c r="N827971" s="10"/>
    </row>
    <row r="827972" spans="14:14">
      <c r="N827972" s="10"/>
    </row>
    <row r="827973" spans="14:14">
      <c r="N827973" s="10"/>
    </row>
    <row r="827974" spans="14:14">
      <c r="N827974" s="10"/>
    </row>
    <row r="827975" spans="14:14">
      <c r="N827975" s="10"/>
    </row>
    <row r="827976" spans="14:14">
      <c r="N827976" s="10"/>
    </row>
    <row r="827977" spans="14:14">
      <c r="N827977" s="10"/>
    </row>
    <row r="827978" spans="14:14">
      <c r="N827978" s="10"/>
    </row>
    <row r="827979" spans="14:14">
      <c r="N827979" s="10"/>
    </row>
    <row r="827980" spans="14:14">
      <c r="N827980" s="10"/>
    </row>
    <row r="827981" spans="14:14">
      <c r="N827981" s="10"/>
    </row>
    <row r="827982" spans="14:14">
      <c r="N827982" s="10"/>
    </row>
    <row r="827983" spans="14:14">
      <c r="N827983" s="10"/>
    </row>
    <row r="827984" spans="14:14">
      <c r="N827984" s="10"/>
    </row>
    <row r="827985" spans="14:14">
      <c r="N827985" s="10"/>
    </row>
    <row r="827986" spans="14:14">
      <c r="N827986" s="10"/>
    </row>
    <row r="827987" spans="14:14">
      <c r="N827987" s="10"/>
    </row>
    <row r="827988" spans="14:14">
      <c r="N827988" s="10"/>
    </row>
    <row r="827989" spans="14:14">
      <c r="N827989" s="10"/>
    </row>
    <row r="827990" spans="14:14">
      <c r="N827990" s="10"/>
    </row>
    <row r="827991" spans="14:14">
      <c r="N827991" s="10"/>
    </row>
    <row r="827992" spans="14:14">
      <c r="N827992" s="10"/>
    </row>
    <row r="827993" spans="14:14">
      <c r="N827993" s="10"/>
    </row>
    <row r="827994" spans="14:14">
      <c r="N827994" s="10"/>
    </row>
    <row r="827995" spans="14:14">
      <c r="N827995" s="10"/>
    </row>
    <row r="827996" spans="14:14">
      <c r="N827996" s="10"/>
    </row>
    <row r="827997" spans="14:14">
      <c r="N827997" s="10"/>
    </row>
    <row r="827998" spans="14:14">
      <c r="N827998" s="10"/>
    </row>
    <row r="827999" spans="14:14">
      <c r="N827999" s="10"/>
    </row>
    <row r="828000" spans="14:14">
      <c r="N828000" s="10"/>
    </row>
    <row r="828001" spans="14:14">
      <c r="N828001" s="10"/>
    </row>
    <row r="828002" spans="14:14">
      <c r="N828002" s="10"/>
    </row>
    <row r="828003" spans="14:14">
      <c r="N828003" s="10"/>
    </row>
    <row r="828004" spans="14:14">
      <c r="N828004" s="10"/>
    </row>
    <row r="828005" spans="14:14">
      <c r="N828005" s="10"/>
    </row>
    <row r="828006" spans="14:14">
      <c r="N828006" s="10"/>
    </row>
    <row r="828007" spans="14:14">
      <c r="N828007" s="10"/>
    </row>
    <row r="828008" spans="14:14">
      <c r="N828008" s="10"/>
    </row>
    <row r="828009" spans="14:14">
      <c r="N828009" s="10"/>
    </row>
    <row r="828010" spans="14:14">
      <c r="N828010" s="10"/>
    </row>
    <row r="828011" spans="14:14">
      <c r="N828011" s="10"/>
    </row>
    <row r="828012" spans="14:14">
      <c r="N828012" s="10"/>
    </row>
    <row r="828013" spans="14:14">
      <c r="N828013" s="10"/>
    </row>
    <row r="828014" spans="14:14">
      <c r="N828014" s="10"/>
    </row>
    <row r="828015" spans="14:14">
      <c r="N828015" s="10"/>
    </row>
    <row r="828016" spans="14:14">
      <c r="N828016" s="10"/>
    </row>
    <row r="828017" spans="14:14">
      <c r="N828017" s="10"/>
    </row>
    <row r="828018" spans="14:14">
      <c r="N828018" s="10"/>
    </row>
    <row r="828019" spans="14:14">
      <c r="N828019" s="10"/>
    </row>
    <row r="828020" spans="14:14">
      <c r="N828020" s="10"/>
    </row>
    <row r="828021" spans="14:14">
      <c r="N828021" s="10"/>
    </row>
    <row r="828022" spans="14:14">
      <c r="N828022" s="10"/>
    </row>
    <row r="828023" spans="14:14">
      <c r="N828023" s="10"/>
    </row>
    <row r="828024" spans="14:14">
      <c r="N828024" s="10"/>
    </row>
    <row r="828025" spans="14:14">
      <c r="N828025" s="10"/>
    </row>
    <row r="828026" spans="14:14">
      <c r="N828026" s="10"/>
    </row>
    <row r="828027" spans="14:14">
      <c r="N828027" s="10"/>
    </row>
    <row r="828028" spans="14:14">
      <c r="N828028" s="10"/>
    </row>
    <row r="828029" spans="14:14">
      <c r="N828029" s="10"/>
    </row>
    <row r="828030" spans="14:14">
      <c r="N828030" s="10"/>
    </row>
    <row r="828031" spans="14:14">
      <c r="N828031" s="10"/>
    </row>
    <row r="828032" spans="14:14">
      <c r="N828032" s="10"/>
    </row>
    <row r="828033" spans="14:14">
      <c r="N828033" s="10"/>
    </row>
    <row r="828034" spans="14:14">
      <c r="N828034" s="10"/>
    </row>
    <row r="828035" spans="14:14">
      <c r="N828035" s="10"/>
    </row>
    <row r="828036" spans="14:14">
      <c r="N828036" s="10"/>
    </row>
    <row r="828037" spans="14:14">
      <c r="N828037" s="10"/>
    </row>
    <row r="828038" spans="14:14">
      <c r="N828038" s="10"/>
    </row>
    <row r="828039" spans="14:14">
      <c r="N828039" s="10"/>
    </row>
    <row r="828040" spans="14:14">
      <c r="N828040" s="10"/>
    </row>
    <row r="828041" spans="14:14">
      <c r="N828041" s="10"/>
    </row>
    <row r="828042" spans="14:14">
      <c r="N828042" s="10"/>
    </row>
    <row r="828043" spans="14:14">
      <c r="N828043" s="10"/>
    </row>
    <row r="828044" spans="14:14">
      <c r="N828044" s="10"/>
    </row>
    <row r="828045" spans="14:14">
      <c r="N828045" s="10"/>
    </row>
    <row r="828046" spans="14:14">
      <c r="N828046" s="10"/>
    </row>
    <row r="828047" spans="14:14">
      <c r="N828047" s="10"/>
    </row>
    <row r="828048" spans="14:14">
      <c r="N828048" s="10"/>
    </row>
    <row r="828049" spans="14:14">
      <c r="N828049" s="10"/>
    </row>
    <row r="828050" spans="14:14">
      <c r="N828050" s="10"/>
    </row>
    <row r="828051" spans="14:14">
      <c r="N828051" s="10"/>
    </row>
    <row r="828052" spans="14:14">
      <c r="N828052" s="10"/>
    </row>
    <row r="828053" spans="14:14">
      <c r="N828053" s="10"/>
    </row>
    <row r="828054" spans="14:14">
      <c r="N828054" s="10"/>
    </row>
    <row r="828055" spans="14:14">
      <c r="N828055" s="10"/>
    </row>
    <row r="828056" spans="14:14">
      <c r="N828056" s="10"/>
    </row>
    <row r="828057" spans="14:14">
      <c r="N828057" s="10"/>
    </row>
    <row r="828058" spans="14:14">
      <c r="N828058" s="10"/>
    </row>
    <row r="828059" spans="14:14">
      <c r="N828059" s="10"/>
    </row>
    <row r="828060" spans="14:14">
      <c r="N828060" s="10"/>
    </row>
    <row r="828061" spans="14:14">
      <c r="N828061" s="10"/>
    </row>
    <row r="828062" spans="14:14">
      <c r="N828062" s="10"/>
    </row>
    <row r="828063" spans="14:14">
      <c r="N828063" s="10"/>
    </row>
    <row r="828064" spans="14:14">
      <c r="N828064" s="10"/>
    </row>
    <row r="828065" spans="14:14">
      <c r="N828065" s="10"/>
    </row>
    <row r="828066" spans="14:14">
      <c r="N828066" s="10"/>
    </row>
    <row r="828067" spans="14:14">
      <c r="N828067" s="10"/>
    </row>
    <row r="828068" spans="14:14">
      <c r="N828068" s="10"/>
    </row>
    <row r="828069" spans="14:14">
      <c r="N828069" s="10"/>
    </row>
    <row r="828070" spans="14:14">
      <c r="N828070" s="10"/>
    </row>
    <row r="828071" spans="14:14">
      <c r="N828071" s="10"/>
    </row>
    <row r="828072" spans="14:14">
      <c r="N828072" s="10"/>
    </row>
    <row r="828073" spans="14:14">
      <c r="N828073" s="10"/>
    </row>
    <row r="828074" spans="14:14">
      <c r="N828074" s="10"/>
    </row>
    <row r="828075" spans="14:14">
      <c r="N828075" s="10"/>
    </row>
    <row r="828076" spans="14:14">
      <c r="N828076" s="10"/>
    </row>
    <row r="828077" spans="14:14">
      <c r="N828077" s="10"/>
    </row>
    <row r="828078" spans="14:14">
      <c r="N828078" s="10"/>
    </row>
    <row r="828079" spans="14:14">
      <c r="N828079" s="10"/>
    </row>
    <row r="828080" spans="14:14">
      <c r="N828080" s="10"/>
    </row>
    <row r="828081" spans="14:14">
      <c r="N828081" s="10"/>
    </row>
    <row r="828082" spans="14:14">
      <c r="N828082" s="10"/>
    </row>
    <row r="828083" spans="14:14">
      <c r="N828083" s="10"/>
    </row>
    <row r="828084" spans="14:14">
      <c r="N828084" s="10"/>
    </row>
    <row r="828085" spans="14:14">
      <c r="N828085" s="10"/>
    </row>
    <row r="828086" spans="14:14">
      <c r="N828086" s="10"/>
    </row>
    <row r="828087" spans="14:14">
      <c r="N828087" s="10"/>
    </row>
    <row r="828088" spans="14:14">
      <c r="N828088" s="10"/>
    </row>
    <row r="828089" spans="14:14">
      <c r="N828089" s="10"/>
    </row>
    <row r="828090" spans="14:14">
      <c r="N828090" s="10"/>
    </row>
    <row r="828091" spans="14:14">
      <c r="N828091" s="10"/>
    </row>
    <row r="828092" spans="14:14">
      <c r="N828092" s="10"/>
    </row>
    <row r="828093" spans="14:14">
      <c r="N828093" s="10"/>
    </row>
    <row r="828094" spans="14:14">
      <c r="N828094" s="10"/>
    </row>
    <row r="828095" spans="14:14">
      <c r="N828095" s="10"/>
    </row>
    <row r="828096" spans="14:14">
      <c r="N828096" s="10"/>
    </row>
    <row r="828097" spans="14:14">
      <c r="N828097" s="10"/>
    </row>
    <row r="828098" spans="14:14">
      <c r="N828098" s="10"/>
    </row>
    <row r="828099" spans="14:14">
      <c r="N828099" s="10"/>
    </row>
    <row r="828100" spans="14:14">
      <c r="N828100" s="10"/>
    </row>
    <row r="828101" spans="14:14">
      <c r="N828101" s="10"/>
    </row>
    <row r="828102" spans="14:14">
      <c r="N828102" s="10"/>
    </row>
    <row r="828103" spans="14:14">
      <c r="N828103" s="10"/>
    </row>
    <row r="828104" spans="14:14">
      <c r="N828104" s="10"/>
    </row>
    <row r="828105" spans="14:14">
      <c r="N828105" s="10"/>
    </row>
    <row r="828106" spans="14:14">
      <c r="N828106" s="10"/>
    </row>
    <row r="828107" spans="14:14">
      <c r="N828107" s="10"/>
    </row>
    <row r="828108" spans="14:14">
      <c r="N828108" s="10"/>
    </row>
    <row r="828109" spans="14:14">
      <c r="N828109" s="10"/>
    </row>
    <row r="828110" spans="14:14">
      <c r="N828110" s="10"/>
    </row>
    <row r="828111" spans="14:14">
      <c r="N828111" s="10"/>
    </row>
    <row r="828112" spans="14:14">
      <c r="N828112" s="10"/>
    </row>
    <row r="828113" spans="14:14">
      <c r="N828113" s="10"/>
    </row>
    <row r="828114" spans="14:14">
      <c r="N828114" s="10"/>
    </row>
    <row r="828115" spans="14:14">
      <c r="N828115" s="10"/>
    </row>
    <row r="828116" spans="14:14">
      <c r="N828116" s="10"/>
    </row>
    <row r="828117" spans="14:14">
      <c r="N828117" s="10"/>
    </row>
    <row r="828118" spans="14:14">
      <c r="N828118" s="10"/>
    </row>
    <row r="828119" spans="14:14">
      <c r="N828119" s="10"/>
    </row>
    <row r="828120" spans="14:14">
      <c r="N828120" s="10"/>
    </row>
    <row r="828121" spans="14:14">
      <c r="N828121" s="10"/>
    </row>
    <row r="828122" spans="14:14">
      <c r="N828122" s="10"/>
    </row>
    <row r="828123" spans="14:14">
      <c r="N828123" s="10"/>
    </row>
    <row r="828124" spans="14:14">
      <c r="N828124" s="10"/>
    </row>
    <row r="828125" spans="14:14">
      <c r="N828125" s="10"/>
    </row>
    <row r="828126" spans="14:14">
      <c r="N828126" s="10"/>
    </row>
    <row r="828127" spans="14:14">
      <c r="N828127" s="10"/>
    </row>
    <row r="828128" spans="14:14">
      <c r="N828128" s="10"/>
    </row>
    <row r="828129" spans="14:14">
      <c r="N828129" s="10"/>
    </row>
    <row r="828130" spans="14:14">
      <c r="N828130" s="10"/>
    </row>
    <row r="828131" spans="14:14">
      <c r="N828131" s="10"/>
    </row>
    <row r="828132" spans="14:14">
      <c r="N828132" s="10"/>
    </row>
    <row r="828133" spans="14:14">
      <c r="N828133" s="10"/>
    </row>
    <row r="828134" spans="14:14">
      <c r="N828134" s="10"/>
    </row>
    <row r="828135" spans="14:14">
      <c r="N828135" s="10"/>
    </row>
    <row r="828136" spans="14:14">
      <c r="N828136" s="10"/>
    </row>
    <row r="828137" spans="14:14">
      <c r="N828137" s="10"/>
    </row>
    <row r="828138" spans="14:14">
      <c r="N828138" s="10"/>
    </row>
    <row r="828139" spans="14:14">
      <c r="N828139" s="10"/>
    </row>
    <row r="828140" spans="14:14">
      <c r="N828140" s="10"/>
    </row>
    <row r="828141" spans="14:14">
      <c r="N828141" s="10"/>
    </row>
    <row r="828142" spans="14:14">
      <c r="N828142" s="10"/>
    </row>
    <row r="828143" spans="14:14">
      <c r="N828143" s="10"/>
    </row>
    <row r="828144" spans="14:14">
      <c r="N828144" s="10"/>
    </row>
    <row r="828145" spans="14:14">
      <c r="N828145" s="10"/>
    </row>
    <row r="828146" spans="14:14">
      <c r="N828146" s="10"/>
    </row>
    <row r="828147" spans="14:14">
      <c r="N828147" s="10"/>
    </row>
    <row r="828148" spans="14:14">
      <c r="N828148" s="10"/>
    </row>
    <row r="828149" spans="14:14">
      <c r="N828149" s="10"/>
    </row>
    <row r="828150" spans="14:14">
      <c r="N828150" s="10"/>
    </row>
    <row r="828151" spans="14:14">
      <c r="N828151" s="10"/>
    </row>
    <row r="828152" spans="14:14">
      <c r="N828152" s="10"/>
    </row>
    <row r="828153" spans="14:14">
      <c r="N828153" s="10"/>
    </row>
    <row r="828154" spans="14:14">
      <c r="N828154" s="10"/>
    </row>
    <row r="828155" spans="14:14">
      <c r="N828155" s="10"/>
    </row>
    <row r="828156" spans="14:14">
      <c r="N828156" s="10"/>
    </row>
    <row r="828157" spans="14:14">
      <c r="N828157" s="10"/>
    </row>
    <row r="828158" spans="14:14">
      <c r="N828158" s="10"/>
    </row>
    <row r="828159" spans="14:14">
      <c r="N828159" s="10"/>
    </row>
    <row r="828160" spans="14:14">
      <c r="N828160" s="10"/>
    </row>
    <row r="828161" spans="14:14">
      <c r="N828161" s="10"/>
    </row>
    <row r="828162" spans="14:14">
      <c r="N828162" s="10"/>
    </row>
    <row r="828163" spans="14:14">
      <c r="N828163" s="10"/>
    </row>
    <row r="828164" spans="14:14">
      <c r="N828164" s="10"/>
    </row>
    <row r="828165" spans="14:14">
      <c r="N828165" s="10"/>
    </row>
    <row r="828166" spans="14:14">
      <c r="N828166" s="10"/>
    </row>
    <row r="828167" spans="14:14">
      <c r="N828167" s="10"/>
    </row>
    <row r="828168" spans="14:14">
      <c r="N828168" s="10"/>
    </row>
    <row r="828169" spans="14:14">
      <c r="N828169" s="10"/>
    </row>
    <row r="828170" spans="14:14">
      <c r="N828170" s="10"/>
    </row>
    <row r="828171" spans="14:14">
      <c r="N828171" s="10"/>
    </row>
    <row r="828172" spans="14:14">
      <c r="N828172" s="10"/>
    </row>
    <row r="828173" spans="14:14">
      <c r="N828173" s="10"/>
    </row>
    <row r="828174" spans="14:14">
      <c r="N828174" s="10"/>
    </row>
    <row r="828175" spans="14:14">
      <c r="N828175" s="10"/>
    </row>
    <row r="828176" spans="14:14">
      <c r="N828176" s="10"/>
    </row>
    <row r="828177" spans="14:14">
      <c r="N828177" s="10"/>
    </row>
    <row r="828178" spans="14:14">
      <c r="N828178" s="10"/>
    </row>
    <row r="828179" spans="14:14">
      <c r="N828179" s="10"/>
    </row>
    <row r="828180" spans="14:14">
      <c r="N828180" s="10"/>
    </row>
    <row r="828181" spans="14:14">
      <c r="N828181" s="10"/>
    </row>
    <row r="828182" spans="14:14">
      <c r="N828182" s="10"/>
    </row>
    <row r="828183" spans="14:14">
      <c r="N828183" s="10"/>
    </row>
    <row r="828184" spans="14:14">
      <c r="N828184" s="10"/>
    </row>
    <row r="828185" spans="14:14">
      <c r="N828185" s="10"/>
    </row>
    <row r="828186" spans="14:14">
      <c r="N828186" s="10"/>
    </row>
    <row r="828187" spans="14:14">
      <c r="N828187" s="10"/>
    </row>
    <row r="828188" spans="14:14">
      <c r="N828188" s="10"/>
    </row>
    <row r="828189" spans="14:14">
      <c r="N828189" s="10"/>
    </row>
    <row r="828190" spans="14:14">
      <c r="N828190" s="10"/>
    </row>
    <row r="828191" spans="14:14">
      <c r="N828191" s="10"/>
    </row>
    <row r="828192" spans="14:14">
      <c r="N828192" s="10"/>
    </row>
    <row r="828193" spans="14:14">
      <c r="N828193" s="10"/>
    </row>
    <row r="828194" spans="14:14">
      <c r="N828194" s="10"/>
    </row>
    <row r="828195" spans="14:14">
      <c r="N828195" s="10"/>
    </row>
    <row r="828196" spans="14:14">
      <c r="N828196" s="10"/>
    </row>
    <row r="828197" spans="14:14">
      <c r="N828197" s="10"/>
    </row>
    <row r="828198" spans="14:14">
      <c r="N828198" s="10"/>
    </row>
    <row r="828199" spans="14:14">
      <c r="N828199" s="10"/>
    </row>
    <row r="828200" spans="14:14">
      <c r="N828200" s="10"/>
    </row>
    <row r="828201" spans="14:14">
      <c r="N828201" s="10"/>
    </row>
    <row r="828202" spans="14:14">
      <c r="N828202" s="10"/>
    </row>
    <row r="828203" spans="14:14">
      <c r="N828203" s="10"/>
    </row>
    <row r="828204" spans="14:14">
      <c r="N828204" s="10"/>
    </row>
    <row r="828205" spans="14:14">
      <c r="N828205" s="10"/>
    </row>
    <row r="828206" spans="14:14">
      <c r="N828206" s="10"/>
    </row>
    <row r="828207" spans="14:14">
      <c r="N828207" s="10"/>
    </row>
    <row r="828208" spans="14:14">
      <c r="N828208" s="10"/>
    </row>
    <row r="828209" spans="14:14">
      <c r="N828209" s="10"/>
    </row>
    <row r="828210" spans="14:14">
      <c r="N828210" s="10"/>
    </row>
    <row r="828211" spans="14:14">
      <c r="N828211" s="10"/>
    </row>
    <row r="828212" spans="14:14">
      <c r="N828212" s="10"/>
    </row>
    <row r="828213" spans="14:14">
      <c r="N828213" s="10"/>
    </row>
    <row r="828214" spans="14:14">
      <c r="N828214" s="10"/>
    </row>
    <row r="828215" spans="14:14">
      <c r="N828215" s="10"/>
    </row>
    <row r="828216" spans="14:14">
      <c r="N828216" s="10"/>
    </row>
    <row r="828217" spans="14:14">
      <c r="N828217" s="10"/>
    </row>
    <row r="828218" spans="14:14">
      <c r="N828218" s="10"/>
    </row>
    <row r="828219" spans="14:14">
      <c r="N828219" s="10"/>
    </row>
    <row r="828220" spans="14:14">
      <c r="N828220" s="10"/>
    </row>
    <row r="828221" spans="14:14">
      <c r="N828221" s="10"/>
    </row>
    <row r="828222" spans="14:14">
      <c r="N828222" s="10"/>
    </row>
    <row r="828223" spans="14:14">
      <c r="N828223" s="10"/>
    </row>
    <row r="828224" spans="14:14">
      <c r="N828224" s="10"/>
    </row>
    <row r="828225" spans="14:14">
      <c r="N828225" s="10"/>
    </row>
    <row r="828226" spans="14:14">
      <c r="N828226" s="10"/>
    </row>
    <row r="828227" spans="14:14">
      <c r="N828227" s="10"/>
    </row>
    <row r="828228" spans="14:14">
      <c r="N828228" s="10"/>
    </row>
    <row r="828229" spans="14:14">
      <c r="N828229" s="10"/>
    </row>
    <row r="828230" spans="14:14">
      <c r="N828230" s="10"/>
    </row>
    <row r="828231" spans="14:14">
      <c r="N828231" s="10"/>
    </row>
    <row r="828232" spans="14:14">
      <c r="N828232" s="10"/>
    </row>
    <row r="828233" spans="14:14">
      <c r="N828233" s="10"/>
    </row>
    <row r="828234" spans="14:14">
      <c r="N828234" s="10"/>
    </row>
    <row r="828235" spans="14:14">
      <c r="N828235" s="10"/>
    </row>
    <row r="828236" spans="14:14">
      <c r="N828236" s="10"/>
    </row>
    <row r="828237" spans="14:14">
      <c r="N828237" s="10"/>
    </row>
    <row r="828238" spans="14:14">
      <c r="N828238" s="10"/>
    </row>
    <row r="828239" spans="14:14">
      <c r="N828239" s="10"/>
    </row>
    <row r="828240" spans="14:14">
      <c r="N828240" s="10"/>
    </row>
    <row r="828241" spans="14:14">
      <c r="N828241" s="10"/>
    </row>
    <row r="828242" spans="14:14">
      <c r="N828242" s="10"/>
    </row>
    <row r="828243" spans="14:14">
      <c r="N828243" s="10"/>
    </row>
    <row r="828244" spans="14:14">
      <c r="N828244" s="10"/>
    </row>
    <row r="828245" spans="14:14">
      <c r="N828245" s="10"/>
    </row>
    <row r="828246" spans="14:14">
      <c r="N828246" s="10"/>
    </row>
    <row r="828247" spans="14:14">
      <c r="N828247" s="10"/>
    </row>
    <row r="828248" spans="14:14">
      <c r="N828248" s="10"/>
    </row>
    <row r="828249" spans="14:14">
      <c r="N828249" s="10"/>
    </row>
    <row r="828250" spans="14:14">
      <c r="N828250" s="10"/>
    </row>
    <row r="828251" spans="14:14">
      <c r="N828251" s="10"/>
    </row>
    <row r="828252" spans="14:14">
      <c r="N828252" s="10"/>
    </row>
    <row r="828253" spans="14:14">
      <c r="N828253" s="10"/>
    </row>
    <row r="828254" spans="14:14">
      <c r="N828254" s="10"/>
    </row>
    <row r="828255" spans="14:14">
      <c r="N828255" s="10"/>
    </row>
    <row r="828256" spans="14:14">
      <c r="N828256" s="10"/>
    </row>
    <row r="828257" spans="14:14">
      <c r="N828257" s="10"/>
    </row>
    <row r="828258" spans="14:14">
      <c r="N828258" s="10"/>
    </row>
    <row r="828259" spans="14:14">
      <c r="N828259" s="10"/>
    </row>
    <row r="828260" spans="14:14">
      <c r="N828260" s="10"/>
    </row>
    <row r="828261" spans="14:14">
      <c r="N828261" s="10"/>
    </row>
    <row r="828262" spans="14:14">
      <c r="N828262" s="10"/>
    </row>
    <row r="828263" spans="14:14">
      <c r="N828263" s="10"/>
    </row>
    <row r="828264" spans="14:14">
      <c r="N828264" s="10"/>
    </row>
    <row r="828265" spans="14:14">
      <c r="N828265" s="10"/>
    </row>
    <row r="828266" spans="14:14">
      <c r="N828266" s="10"/>
    </row>
    <row r="828267" spans="14:14">
      <c r="N828267" s="10"/>
    </row>
    <row r="828268" spans="14:14">
      <c r="N828268" s="10"/>
    </row>
    <row r="828269" spans="14:14">
      <c r="N828269" s="10"/>
    </row>
    <row r="828270" spans="14:14">
      <c r="N828270" s="10"/>
    </row>
    <row r="828271" spans="14:14">
      <c r="N828271" s="10"/>
    </row>
    <row r="828272" spans="14:14">
      <c r="N828272" s="10"/>
    </row>
    <row r="828273" spans="14:14">
      <c r="N828273" s="10"/>
    </row>
    <row r="828274" spans="14:14">
      <c r="N828274" s="10"/>
    </row>
    <row r="828275" spans="14:14">
      <c r="N828275" s="10"/>
    </row>
    <row r="828276" spans="14:14">
      <c r="N828276" s="10"/>
    </row>
    <row r="828277" spans="14:14">
      <c r="N828277" s="10"/>
    </row>
    <row r="828278" spans="14:14">
      <c r="N828278" s="10"/>
    </row>
    <row r="828279" spans="14:14">
      <c r="N828279" s="10"/>
    </row>
    <row r="828280" spans="14:14">
      <c r="N828280" s="10"/>
    </row>
    <row r="828281" spans="14:14">
      <c r="N828281" s="10"/>
    </row>
    <row r="828282" spans="14:14">
      <c r="N828282" s="10"/>
    </row>
    <row r="828283" spans="14:14">
      <c r="N828283" s="10"/>
    </row>
    <row r="828284" spans="14:14">
      <c r="N828284" s="10"/>
    </row>
    <row r="828285" spans="14:14">
      <c r="N828285" s="10"/>
    </row>
    <row r="828286" spans="14:14">
      <c r="N828286" s="10"/>
    </row>
    <row r="828287" spans="14:14">
      <c r="N828287" s="10"/>
    </row>
    <row r="828288" spans="14:14">
      <c r="N828288" s="10"/>
    </row>
    <row r="828289" spans="14:14">
      <c r="N828289" s="10"/>
    </row>
    <row r="828290" spans="14:14">
      <c r="N828290" s="10"/>
    </row>
    <row r="828291" spans="14:14">
      <c r="N828291" s="10"/>
    </row>
    <row r="828292" spans="14:14">
      <c r="N828292" s="10"/>
    </row>
    <row r="828293" spans="14:14">
      <c r="N828293" s="10"/>
    </row>
    <row r="828294" spans="14:14">
      <c r="N828294" s="10"/>
    </row>
    <row r="828295" spans="14:14">
      <c r="N828295" s="10"/>
    </row>
    <row r="828296" spans="14:14">
      <c r="N828296" s="10"/>
    </row>
    <row r="828297" spans="14:14">
      <c r="N828297" s="10"/>
    </row>
    <row r="828298" spans="14:14">
      <c r="N828298" s="10"/>
    </row>
    <row r="828299" spans="14:14">
      <c r="N828299" s="10"/>
    </row>
    <row r="828300" spans="14:14">
      <c r="N828300" s="10"/>
    </row>
    <row r="828301" spans="14:14">
      <c r="N828301" s="10"/>
    </row>
    <row r="828302" spans="14:14">
      <c r="N828302" s="10"/>
    </row>
    <row r="828303" spans="14:14">
      <c r="N828303" s="10"/>
    </row>
    <row r="828304" spans="14:14">
      <c r="N828304" s="10"/>
    </row>
    <row r="828305" spans="14:14">
      <c r="N828305" s="10"/>
    </row>
    <row r="828306" spans="14:14">
      <c r="N828306" s="10"/>
    </row>
    <row r="828307" spans="14:14">
      <c r="N828307" s="10"/>
    </row>
    <row r="828308" spans="14:14">
      <c r="N828308" s="10"/>
    </row>
    <row r="828309" spans="14:14">
      <c r="N828309" s="10"/>
    </row>
    <row r="828310" spans="14:14">
      <c r="N828310" s="10"/>
    </row>
    <row r="828311" spans="14:14">
      <c r="N828311" s="10"/>
    </row>
    <row r="828312" spans="14:14">
      <c r="N828312" s="10"/>
    </row>
    <row r="828313" spans="14:14">
      <c r="N828313" s="10"/>
    </row>
    <row r="828314" spans="14:14">
      <c r="N828314" s="10"/>
    </row>
    <row r="828315" spans="14:14">
      <c r="N828315" s="10"/>
    </row>
    <row r="828316" spans="14:14">
      <c r="N828316" s="10"/>
    </row>
    <row r="828317" spans="14:14">
      <c r="N828317" s="10"/>
    </row>
    <row r="828318" spans="14:14">
      <c r="N828318" s="10"/>
    </row>
    <row r="828319" spans="14:14">
      <c r="N828319" s="10"/>
    </row>
    <row r="828320" spans="14:14">
      <c r="N828320" s="10"/>
    </row>
    <row r="828321" spans="14:14">
      <c r="N828321" s="10"/>
    </row>
    <row r="828322" spans="14:14">
      <c r="N828322" s="10"/>
    </row>
    <row r="828323" spans="14:14">
      <c r="N828323" s="10"/>
    </row>
    <row r="828324" spans="14:14">
      <c r="N828324" s="10"/>
    </row>
    <row r="828325" spans="14:14">
      <c r="N828325" s="10"/>
    </row>
    <row r="828326" spans="14:14">
      <c r="N828326" s="10"/>
    </row>
    <row r="828327" spans="14:14">
      <c r="N828327" s="10"/>
    </row>
    <row r="828328" spans="14:14">
      <c r="N828328" s="10"/>
    </row>
    <row r="828329" spans="14:14">
      <c r="N828329" s="10"/>
    </row>
    <row r="828330" spans="14:14">
      <c r="N828330" s="10"/>
    </row>
    <row r="828331" spans="14:14">
      <c r="N828331" s="10"/>
    </row>
    <row r="828332" spans="14:14">
      <c r="N828332" s="10"/>
    </row>
    <row r="828333" spans="14:14">
      <c r="N828333" s="10"/>
    </row>
    <row r="828334" spans="14:14">
      <c r="N828334" s="10"/>
    </row>
    <row r="828335" spans="14:14">
      <c r="N828335" s="10"/>
    </row>
    <row r="828336" spans="14:14">
      <c r="N828336" s="10"/>
    </row>
    <row r="828337" spans="14:14">
      <c r="N828337" s="10"/>
    </row>
    <row r="828338" spans="14:14">
      <c r="N828338" s="10"/>
    </row>
    <row r="828339" spans="14:14">
      <c r="N828339" s="10"/>
    </row>
    <row r="828340" spans="14:14">
      <c r="N828340" s="10"/>
    </row>
    <row r="828341" spans="14:14">
      <c r="N828341" s="10"/>
    </row>
    <row r="828342" spans="14:14">
      <c r="N828342" s="10"/>
    </row>
    <row r="828343" spans="14:14">
      <c r="N828343" s="10"/>
    </row>
    <row r="828344" spans="14:14">
      <c r="N828344" s="10"/>
    </row>
    <row r="828345" spans="14:14">
      <c r="N828345" s="10"/>
    </row>
    <row r="828346" spans="14:14">
      <c r="N828346" s="10"/>
    </row>
    <row r="828347" spans="14:14">
      <c r="N828347" s="10"/>
    </row>
    <row r="828348" spans="14:14">
      <c r="N828348" s="10"/>
    </row>
    <row r="828349" spans="14:14">
      <c r="N828349" s="10"/>
    </row>
    <row r="828350" spans="14:14">
      <c r="N828350" s="10"/>
    </row>
    <row r="828351" spans="14:14">
      <c r="N828351" s="10"/>
    </row>
    <row r="828352" spans="14:14">
      <c r="N828352" s="10"/>
    </row>
    <row r="828353" spans="14:14">
      <c r="N828353" s="10"/>
    </row>
    <row r="828354" spans="14:14">
      <c r="N828354" s="10"/>
    </row>
    <row r="828355" spans="14:14">
      <c r="N828355" s="10"/>
    </row>
    <row r="828356" spans="14:14">
      <c r="N828356" s="10"/>
    </row>
    <row r="828357" spans="14:14">
      <c r="N828357" s="10"/>
    </row>
    <row r="828358" spans="14:14">
      <c r="N828358" s="10"/>
    </row>
    <row r="828359" spans="14:14">
      <c r="N828359" s="10"/>
    </row>
    <row r="828360" spans="14:14">
      <c r="N828360" s="10"/>
    </row>
    <row r="828361" spans="14:14">
      <c r="N828361" s="10"/>
    </row>
    <row r="828362" spans="14:14">
      <c r="N828362" s="10"/>
    </row>
    <row r="828363" spans="14:14">
      <c r="N828363" s="10"/>
    </row>
    <row r="828364" spans="14:14">
      <c r="N828364" s="10"/>
    </row>
    <row r="828365" spans="14:14">
      <c r="N828365" s="10"/>
    </row>
    <row r="828366" spans="14:14">
      <c r="N828366" s="10"/>
    </row>
    <row r="828367" spans="14:14">
      <c r="N828367" s="10"/>
    </row>
    <row r="828368" spans="14:14">
      <c r="N828368" s="10"/>
    </row>
    <row r="828369" spans="14:14">
      <c r="N828369" s="10"/>
    </row>
    <row r="828370" spans="14:14">
      <c r="N828370" s="10"/>
    </row>
    <row r="828371" spans="14:14">
      <c r="N828371" s="10"/>
    </row>
    <row r="828372" spans="14:14">
      <c r="N828372" s="10"/>
    </row>
    <row r="828373" spans="14:14">
      <c r="N828373" s="10"/>
    </row>
    <row r="828374" spans="14:14">
      <c r="N828374" s="10"/>
    </row>
    <row r="828375" spans="14:14">
      <c r="N828375" s="10"/>
    </row>
    <row r="828376" spans="14:14">
      <c r="N828376" s="10"/>
    </row>
    <row r="828377" spans="14:14">
      <c r="N828377" s="10"/>
    </row>
    <row r="828378" spans="14:14">
      <c r="N828378" s="10"/>
    </row>
    <row r="828379" spans="14:14">
      <c r="N828379" s="10"/>
    </row>
    <row r="828380" spans="14:14">
      <c r="N828380" s="10"/>
    </row>
    <row r="828381" spans="14:14">
      <c r="N828381" s="10"/>
    </row>
    <row r="828382" spans="14:14">
      <c r="N828382" s="10"/>
    </row>
    <row r="828383" spans="14:14">
      <c r="N828383" s="10"/>
    </row>
    <row r="828384" spans="14:14">
      <c r="N828384" s="10"/>
    </row>
    <row r="828385" spans="14:14">
      <c r="N828385" s="10"/>
    </row>
    <row r="828386" spans="14:14">
      <c r="N828386" s="10"/>
    </row>
    <row r="828387" spans="14:14">
      <c r="N828387" s="10"/>
    </row>
    <row r="828388" spans="14:14">
      <c r="N828388" s="10"/>
    </row>
    <row r="828389" spans="14:14">
      <c r="N828389" s="10"/>
    </row>
    <row r="828390" spans="14:14">
      <c r="N828390" s="10"/>
    </row>
    <row r="828391" spans="14:14">
      <c r="N828391" s="10"/>
    </row>
    <row r="828392" spans="14:14">
      <c r="N828392" s="10"/>
    </row>
    <row r="828393" spans="14:14">
      <c r="N828393" s="10"/>
    </row>
    <row r="828394" spans="14:14">
      <c r="N828394" s="10"/>
    </row>
    <row r="828395" spans="14:14">
      <c r="N828395" s="10"/>
    </row>
    <row r="828396" spans="14:14">
      <c r="N828396" s="10"/>
    </row>
    <row r="828397" spans="14:14">
      <c r="N828397" s="10"/>
    </row>
    <row r="828398" spans="14:14">
      <c r="N828398" s="10"/>
    </row>
    <row r="828399" spans="14:14">
      <c r="N828399" s="10"/>
    </row>
    <row r="828400" spans="14:14">
      <c r="N828400" s="10"/>
    </row>
    <row r="828401" spans="14:14">
      <c r="N828401" s="10"/>
    </row>
    <row r="828402" spans="14:14">
      <c r="N828402" s="10"/>
    </row>
    <row r="828403" spans="14:14">
      <c r="N828403" s="10"/>
    </row>
    <row r="828404" spans="14:14">
      <c r="N828404" s="10"/>
    </row>
    <row r="828405" spans="14:14">
      <c r="N828405" s="10"/>
    </row>
    <row r="828406" spans="14:14">
      <c r="N828406" s="10"/>
    </row>
    <row r="828407" spans="14:14">
      <c r="N828407" s="10"/>
    </row>
    <row r="828408" spans="14:14">
      <c r="N828408" s="10"/>
    </row>
    <row r="828409" spans="14:14">
      <c r="N828409" s="10"/>
    </row>
    <row r="828410" spans="14:14">
      <c r="N828410" s="10"/>
    </row>
    <row r="828411" spans="14:14">
      <c r="N828411" s="10"/>
    </row>
    <row r="828412" spans="14:14">
      <c r="N828412" s="10"/>
    </row>
    <row r="828413" spans="14:14">
      <c r="N828413" s="10"/>
    </row>
    <row r="828414" spans="14:14">
      <c r="N828414" s="10"/>
    </row>
    <row r="828415" spans="14:14">
      <c r="N828415" s="10"/>
    </row>
    <row r="828416" spans="14:14">
      <c r="N828416" s="10"/>
    </row>
    <row r="828417" spans="14:14">
      <c r="N828417" s="10"/>
    </row>
    <row r="828418" spans="14:14">
      <c r="N828418" s="10"/>
    </row>
    <row r="828419" spans="14:14">
      <c r="N828419" s="10"/>
    </row>
    <row r="828420" spans="14:14">
      <c r="N828420" s="10"/>
    </row>
    <row r="828421" spans="14:14">
      <c r="N828421" s="10"/>
    </row>
    <row r="828422" spans="14:14">
      <c r="N828422" s="10"/>
    </row>
    <row r="828423" spans="14:14">
      <c r="N828423" s="10"/>
    </row>
    <row r="828424" spans="14:14">
      <c r="N828424" s="10"/>
    </row>
    <row r="828425" spans="14:14">
      <c r="N828425" s="10"/>
    </row>
    <row r="828426" spans="14:14">
      <c r="N828426" s="10"/>
    </row>
    <row r="828427" spans="14:14">
      <c r="N828427" s="10"/>
    </row>
    <row r="828428" spans="14:14">
      <c r="N828428" s="10"/>
    </row>
    <row r="828429" spans="14:14">
      <c r="N828429" s="10"/>
    </row>
    <row r="828430" spans="14:14">
      <c r="N828430" s="10"/>
    </row>
    <row r="828431" spans="14:14">
      <c r="N828431" s="10"/>
    </row>
    <row r="828432" spans="14:14">
      <c r="N828432" s="10"/>
    </row>
    <row r="828433" spans="14:14">
      <c r="N828433" s="10"/>
    </row>
    <row r="828434" spans="14:14">
      <c r="N828434" s="10"/>
    </row>
    <row r="828435" spans="14:14">
      <c r="N828435" s="10"/>
    </row>
    <row r="828436" spans="14:14">
      <c r="N828436" s="10"/>
    </row>
    <row r="828437" spans="14:14">
      <c r="N828437" s="10"/>
    </row>
    <row r="828438" spans="14:14">
      <c r="N828438" s="10"/>
    </row>
    <row r="828439" spans="14:14">
      <c r="N828439" s="10"/>
    </row>
    <row r="828440" spans="14:14">
      <c r="N828440" s="10"/>
    </row>
    <row r="828441" spans="14:14">
      <c r="N828441" s="10"/>
    </row>
    <row r="828442" spans="14:14">
      <c r="N828442" s="10"/>
    </row>
    <row r="828443" spans="14:14">
      <c r="N828443" s="10"/>
    </row>
    <row r="828444" spans="14:14">
      <c r="N828444" s="10"/>
    </row>
    <row r="828445" spans="14:14">
      <c r="N828445" s="10"/>
    </row>
    <row r="828446" spans="14:14">
      <c r="N828446" s="10"/>
    </row>
    <row r="828447" spans="14:14">
      <c r="N828447" s="10"/>
    </row>
    <row r="828448" spans="14:14">
      <c r="N828448" s="10"/>
    </row>
    <row r="828449" spans="14:14">
      <c r="N828449" s="10"/>
    </row>
    <row r="828450" spans="14:14">
      <c r="N828450" s="10"/>
    </row>
    <row r="828451" spans="14:14">
      <c r="N828451" s="10"/>
    </row>
    <row r="828452" spans="14:14">
      <c r="N828452" s="10"/>
    </row>
    <row r="828453" spans="14:14">
      <c r="N828453" s="10"/>
    </row>
    <row r="828454" spans="14:14">
      <c r="N828454" s="10"/>
    </row>
    <row r="828455" spans="14:14">
      <c r="N828455" s="10"/>
    </row>
    <row r="828456" spans="14:14">
      <c r="N828456" s="10"/>
    </row>
    <row r="828457" spans="14:14">
      <c r="N828457" s="10"/>
    </row>
    <row r="828458" spans="14:14">
      <c r="N828458" s="10"/>
    </row>
    <row r="828459" spans="14:14">
      <c r="N828459" s="10"/>
    </row>
    <row r="828460" spans="14:14">
      <c r="N828460" s="10"/>
    </row>
    <row r="828461" spans="14:14">
      <c r="N828461" s="10"/>
    </row>
    <row r="828462" spans="14:14">
      <c r="N828462" s="10"/>
    </row>
    <row r="828463" spans="14:14">
      <c r="N828463" s="10"/>
    </row>
    <row r="828464" spans="14:14">
      <c r="N828464" s="10"/>
    </row>
    <row r="828465" spans="14:14">
      <c r="N828465" s="10"/>
    </row>
    <row r="828466" spans="14:14">
      <c r="N828466" s="10"/>
    </row>
    <row r="828467" spans="14:14">
      <c r="N828467" s="10"/>
    </row>
    <row r="828468" spans="14:14">
      <c r="N828468" s="10"/>
    </row>
    <row r="828469" spans="14:14">
      <c r="N828469" s="10"/>
    </row>
    <row r="828470" spans="14:14">
      <c r="N828470" s="10"/>
    </row>
    <row r="828471" spans="14:14">
      <c r="N828471" s="10"/>
    </row>
    <row r="828472" spans="14:14">
      <c r="N828472" s="10"/>
    </row>
    <row r="828473" spans="14:14">
      <c r="N828473" s="10"/>
    </row>
    <row r="828474" spans="14:14">
      <c r="N828474" s="10"/>
    </row>
    <row r="828475" spans="14:14">
      <c r="N828475" s="10"/>
    </row>
    <row r="828476" spans="14:14">
      <c r="N828476" s="10"/>
    </row>
    <row r="828477" spans="14:14">
      <c r="N828477" s="10"/>
    </row>
    <row r="828478" spans="14:14">
      <c r="N828478" s="10"/>
    </row>
    <row r="828479" spans="14:14">
      <c r="N828479" s="10"/>
    </row>
    <row r="828480" spans="14:14">
      <c r="N828480" s="10"/>
    </row>
    <row r="828481" spans="14:14">
      <c r="N828481" s="10"/>
    </row>
    <row r="828482" spans="14:14">
      <c r="N828482" s="10"/>
    </row>
    <row r="828483" spans="14:14">
      <c r="N828483" s="10"/>
    </row>
    <row r="828484" spans="14:14">
      <c r="N828484" s="10"/>
    </row>
    <row r="828485" spans="14:14">
      <c r="N828485" s="10"/>
    </row>
    <row r="828486" spans="14:14">
      <c r="N828486" s="10"/>
    </row>
    <row r="828487" spans="14:14">
      <c r="N828487" s="10"/>
    </row>
    <row r="828488" spans="14:14">
      <c r="N828488" s="10"/>
    </row>
    <row r="828489" spans="14:14">
      <c r="N828489" s="10"/>
    </row>
    <row r="828490" spans="14:14">
      <c r="N828490" s="10"/>
    </row>
    <row r="828491" spans="14:14">
      <c r="N828491" s="10"/>
    </row>
    <row r="828492" spans="14:14">
      <c r="N828492" s="10"/>
    </row>
    <row r="828493" spans="14:14">
      <c r="N828493" s="10"/>
    </row>
    <row r="828494" spans="14:14">
      <c r="N828494" s="10"/>
    </row>
    <row r="828495" spans="14:14">
      <c r="N828495" s="10"/>
    </row>
    <row r="828496" spans="14:14">
      <c r="N828496" s="10"/>
    </row>
    <row r="828497" spans="14:14">
      <c r="N828497" s="10"/>
    </row>
    <row r="828498" spans="14:14">
      <c r="N828498" s="10"/>
    </row>
    <row r="828499" spans="14:14">
      <c r="N828499" s="10"/>
    </row>
    <row r="828500" spans="14:14">
      <c r="N828500" s="10"/>
    </row>
    <row r="828501" spans="14:14">
      <c r="N828501" s="10"/>
    </row>
    <row r="828502" spans="14:14">
      <c r="N828502" s="10"/>
    </row>
    <row r="828503" spans="14:14">
      <c r="N828503" s="10"/>
    </row>
    <row r="828504" spans="14:14">
      <c r="N828504" s="10"/>
    </row>
    <row r="828505" spans="14:14">
      <c r="N828505" s="10"/>
    </row>
    <row r="828506" spans="14:14">
      <c r="N828506" s="10"/>
    </row>
    <row r="828507" spans="14:14">
      <c r="N828507" s="10"/>
    </row>
    <row r="828508" spans="14:14">
      <c r="N828508" s="10"/>
    </row>
    <row r="828509" spans="14:14">
      <c r="N828509" s="10"/>
    </row>
    <row r="828510" spans="14:14">
      <c r="N828510" s="10"/>
    </row>
    <row r="828511" spans="14:14">
      <c r="N828511" s="10"/>
    </row>
    <row r="828512" spans="14:14">
      <c r="N828512" s="10"/>
    </row>
    <row r="828513" spans="14:14">
      <c r="N828513" s="10"/>
    </row>
    <row r="828514" spans="14:14">
      <c r="N828514" s="10"/>
    </row>
    <row r="828515" spans="14:14">
      <c r="N828515" s="10"/>
    </row>
    <row r="828516" spans="14:14">
      <c r="N828516" s="10"/>
    </row>
    <row r="828517" spans="14:14">
      <c r="N828517" s="10"/>
    </row>
    <row r="828518" spans="14:14">
      <c r="N828518" s="10"/>
    </row>
    <row r="828519" spans="14:14">
      <c r="N828519" s="10"/>
    </row>
    <row r="828520" spans="14:14">
      <c r="N828520" s="10"/>
    </row>
    <row r="828521" spans="14:14">
      <c r="N828521" s="10"/>
    </row>
    <row r="828522" spans="14:14">
      <c r="N828522" s="10"/>
    </row>
    <row r="828523" spans="14:14">
      <c r="N828523" s="10"/>
    </row>
    <row r="828524" spans="14:14">
      <c r="N828524" s="10"/>
    </row>
    <row r="828525" spans="14:14">
      <c r="N828525" s="10"/>
    </row>
    <row r="828526" spans="14:14">
      <c r="N828526" s="10"/>
    </row>
    <row r="828527" spans="14:14">
      <c r="N828527" s="10"/>
    </row>
    <row r="828528" spans="14:14">
      <c r="N828528" s="10"/>
    </row>
    <row r="828529" spans="14:14">
      <c r="N828529" s="10"/>
    </row>
    <row r="828530" spans="14:14">
      <c r="N828530" s="10"/>
    </row>
    <row r="828531" spans="14:14">
      <c r="N828531" s="10"/>
    </row>
    <row r="828532" spans="14:14">
      <c r="N828532" s="10"/>
    </row>
    <row r="828533" spans="14:14">
      <c r="N828533" s="10"/>
    </row>
    <row r="828534" spans="14:14">
      <c r="N828534" s="10"/>
    </row>
    <row r="828535" spans="14:14">
      <c r="N828535" s="10"/>
    </row>
    <row r="828536" spans="14:14">
      <c r="N828536" s="10"/>
    </row>
    <row r="828537" spans="14:14">
      <c r="N828537" s="10"/>
    </row>
    <row r="828538" spans="14:14">
      <c r="N828538" s="10"/>
    </row>
    <row r="828539" spans="14:14">
      <c r="N828539" s="10"/>
    </row>
    <row r="828540" spans="14:14">
      <c r="N828540" s="10"/>
    </row>
    <row r="828541" spans="14:14">
      <c r="N828541" s="10"/>
    </row>
    <row r="828542" spans="14:14">
      <c r="N828542" s="10"/>
    </row>
    <row r="828543" spans="14:14">
      <c r="N828543" s="10"/>
    </row>
    <row r="828544" spans="14:14">
      <c r="N828544" s="10"/>
    </row>
    <row r="828545" spans="14:14">
      <c r="N828545" s="10"/>
    </row>
    <row r="828546" spans="14:14">
      <c r="N828546" s="10"/>
    </row>
    <row r="828547" spans="14:14">
      <c r="N828547" s="10"/>
    </row>
    <row r="828548" spans="14:14">
      <c r="N828548" s="10"/>
    </row>
    <row r="828549" spans="14:14">
      <c r="N828549" s="10"/>
    </row>
    <row r="828550" spans="14:14">
      <c r="N828550" s="10"/>
    </row>
    <row r="828551" spans="14:14">
      <c r="N828551" s="10"/>
    </row>
    <row r="828552" spans="14:14">
      <c r="N828552" s="10"/>
    </row>
    <row r="828553" spans="14:14">
      <c r="N828553" s="10"/>
    </row>
    <row r="828554" spans="14:14">
      <c r="N828554" s="10"/>
    </row>
    <row r="828555" spans="14:14">
      <c r="N828555" s="10"/>
    </row>
    <row r="828556" spans="14:14">
      <c r="N828556" s="10"/>
    </row>
    <row r="828557" spans="14:14">
      <c r="N828557" s="10"/>
    </row>
    <row r="828558" spans="14:14">
      <c r="N828558" s="10"/>
    </row>
    <row r="828559" spans="14:14">
      <c r="N828559" s="10"/>
    </row>
    <row r="828560" spans="14:14">
      <c r="N828560" s="10"/>
    </row>
    <row r="828561" spans="14:14">
      <c r="N828561" s="10"/>
    </row>
    <row r="828562" spans="14:14">
      <c r="N828562" s="10"/>
    </row>
    <row r="828563" spans="14:14">
      <c r="N828563" s="10"/>
    </row>
    <row r="828564" spans="14:14">
      <c r="N828564" s="10"/>
    </row>
    <row r="828565" spans="14:14">
      <c r="N828565" s="10"/>
    </row>
    <row r="828566" spans="14:14">
      <c r="N828566" s="10"/>
    </row>
    <row r="828567" spans="14:14">
      <c r="N828567" s="10"/>
    </row>
    <row r="828568" spans="14:14">
      <c r="N828568" s="10"/>
    </row>
    <row r="828569" spans="14:14">
      <c r="N828569" s="10"/>
    </row>
    <row r="828570" spans="14:14">
      <c r="N828570" s="10"/>
    </row>
    <row r="828571" spans="14:14">
      <c r="N828571" s="10"/>
    </row>
    <row r="828572" spans="14:14">
      <c r="N828572" s="10"/>
    </row>
    <row r="828573" spans="14:14">
      <c r="N828573" s="10"/>
    </row>
    <row r="828574" spans="14:14">
      <c r="N828574" s="10"/>
    </row>
    <row r="828575" spans="14:14">
      <c r="N828575" s="10"/>
    </row>
    <row r="828576" spans="14:14">
      <c r="N828576" s="10"/>
    </row>
    <row r="828577" spans="14:14">
      <c r="N828577" s="10"/>
    </row>
    <row r="828578" spans="14:14">
      <c r="N828578" s="10"/>
    </row>
    <row r="828579" spans="14:14">
      <c r="N828579" s="10"/>
    </row>
    <row r="828580" spans="14:14">
      <c r="N828580" s="10"/>
    </row>
    <row r="828581" spans="14:14">
      <c r="N828581" s="10"/>
    </row>
    <row r="828582" spans="14:14">
      <c r="N828582" s="10"/>
    </row>
    <row r="828583" spans="14:14">
      <c r="N828583" s="10"/>
    </row>
    <row r="828584" spans="14:14">
      <c r="N828584" s="10"/>
    </row>
    <row r="828585" spans="14:14">
      <c r="N828585" s="10"/>
    </row>
    <row r="828586" spans="14:14">
      <c r="N828586" s="10"/>
    </row>
    <row r="828587" spans="14:14">
      <c r="N828587" s="10"/>
    </row>
    <row r="828588" spans="14:14">
      <c r="N828588" s="10"/>
    </row>
    <row r="828589" spans="14:14">
      <c r="N828589" s="10"/>
    </row>
    <row r="828590" spans="14:14">
      <c r="N828590" s="10"/>
    </row>
    <row r="828591" spans="14:14">
      <c r="N828591" s="10"/>
    </row>
    <row r="828592" spans="14:14">
      <c r="N828592" s="10"/>
    </row>
    <row r="828593" spans="14:14">
      <c r="N828593" s="10"/>
    </row>
    <row r="828594" spans="14:14">
      <c r="N828594" s="10"/>
    </row>
    <row r="828595" spans="14:14">
      <c r="N828595" s="10"/>
    </row>
    <row r="828596" spans="14:14">
      <c r="N828596" s="10"/>
    </row>
    <row r="828597" spans="14:14">
      <c r="N828597" s="10"/>
    </row>
    <row r="828598" spans="14:14">
      <c r="N828598" s="10"/>
    </row>
    <row r="828599" spans="14:14">
      <c r="N828599" s="10"/>
    </row>
    <row r="828600" spans="14:14">
      <c r="N828600" s="10"/>
    </row>
    <row r="828601" spans="14:14">
      <c r="N828601" s="10"/>
    </row>
    <row r="828602" spans="14:14">
      <c r="N828602" s="10"/>
    </row>
    <row r="828603" spans="14:14">
      <c r="N828603" s="10"/>
    </row>
    <row r="828604" spans="14:14">
      <c r="N828604" s="10"/>
    </row>
    <row r="828605" spans="14:14">
      <c r="N828605" s="10"/>
    </row>
    <row r="828606" spans="14:14">
      <c r="N828606" s="10"/>
    </row>
    <row r="828607" spans="14:14">
      <c r="N828607" s="10"/>
    </row>
    <row r="828608" spans="14:14">
      <c r="N828608" s="10"/>
    </row>
    <row r="828609" spans="14:14">
      <c r="N828609" s="10"/>
    </row>
    <row r="828610" spans="14:14">
      <c r="N828610" s="10"/>
    </row>
    <row r="828611" spans="14:14">
      <c r="N828611" s="10"/>
    </row>
    <row r="828612" spans="14:14">
      <c r="N828612" s="10"/>
    </row>
    <row r="828613" spans="14:14">
      <c r="N828613" s="10"/>
    </row>
    <row r="828614" spans="14:14">
      <c r="N828614" s="10"/>
    </row>
    <row r="828615" spans="14:14">
      <c r="N828615" s="10"/>
    </row>
    <row r="828616" spans="14:14">
      <c r="N828616" s="10"/>
    </row>
    <row r="828617" spans="14:14">
      <c r="N828617" s="10"/>
    </row>
    <row r="828618" spans="14:14">
      <c r="N828618" s="10"/>
    </row>
    <row r="828619" spans="14:14">
      <c r="N828619" s="10"/>
    </row>
    <row r="828620" spans="14:14">
      <c r="N828620" s="10"/>
    </row>
    <row r="828621" spans="14:14">
      <c r="N828621" s="10"/>
    </row>
    <row r="828622" spans="14:14">
      <c r="N828622" s="10"/>
    </row>
    <row r="828623" spans="14:14">
      <c r="N828623" s="10"/>
    </row>
    <row r="828624" spans="14:14">
      <c r="N828624" s="10"/>
    </row>
    <row r="828625" spans="14:14">
      <c r="N828625" s="10"/>
    </row>
    <row r="828626" spans="14:14">
      <c r="N828626" s="10"/>
    </row>
    <row r="828627" spans="14:14">
      <c r="N828627" s="10"/>
    </row>
    <row r="828628" spans="14:14">
      <c r="N828628" s="10"/>
    </row>
    <row r="828629" spans="14:14">
      <c r="N828629" s="10"/>
    </row>
    <row r="828630" spans="14:14">
      <c r="N828630" s="10"/>
    </row>
    <row r="828631" spans="14:14">
      <c r="N828631" s="10"/>
    </row>
    <row r="828632" spans="14:14">
      <c r="N828632" s="10"/>
    </row>
    <row r="828633" spans="14:14">
      <c r="N828633" s="10"/>
    </row>
    <row r="828634" spans="14:14">
      <c r="N828634" s="10"/>
    </row>
    <row r="828635" spans="14:14">
      <c r="N828635" s="10"/>
    </row>
    <row r="828636" spans="14:14">
      <c r="N828636" s="10"/>
    </row>
    <row r="828637" spans="14:14">
      <c r="N828637" s="10"/>
    </row>
    <row r="828638" spans="14:14">
      <c r="N828638" s="10"/>
    </row>
    <row r="828639" spans="14:14">
      <c r="N828639" s="10"/>
    </row>
    <row r="828640" spans="14:14">
      <c r="N828640" s="10"/>
    </row>
    <row r="828641" spans="14:14">
      <c r="N828641" s="10"/>
    </row>
    <row r="828642" spans="14:14">
      <c r="N828642" s="10"/>
    </row>
    <row r="828643" spans="14:14">
      <c r="N828643" s="10"/>
    </row>
    <row r="828644" spans="14:14">
      <c r="N828644" s="10"/>
    </row>
    <row r="828645" spans="14:14">
      <c r="N828645" s="10"/>
    </row>
    <row r="828646" spans="14:14">
      <c r="N828646" s="10"/>
    </row>
    <row r="828647" spans="14:14">
      <c r="N828647" s="10"/>
    </row>
    <row r="828648" spans="14:14">
      <c r="N828648" s="10"/>
    </row>
    <row r="828649" spans="14:14">
      <c r="N828649" s="10"/>
    </row>
    <row r="828650" spans="14:14">
      <c r="N828650" s="10"/>
    </row>
    <row r="828651" spans="14:14">
      <c r="N828651" s="10"/>
    </row>
    <row r="828652" spans="14:14">
      <c r="N828652" s="10"/>
    </row>
    <row r="828653" spans="14:14">
      <c r="N828653" s="10"/>
    </row>
    <row r="828654" spans="14:14">
      <c r="N828654" s="10"/>
    </row>
    <row r="828655" spans="14:14">
      <c r="N828655" s="10"/>
    </row>
    <row r="828656" spans="14:14">
      <c r="N828656" s="10"/>
    </row>
    <row r="828657" spans="14:14">
      <c r="N828657" s="10"/>
    </row>
    <row r="828658" spans="14:14">
      <c r="N828658" s="10"/>
    </row>
    <row r="828659" spans="14:14">
      <c r="N828659" s="10"/>
    </row>
    <row r="828660" spans="14:14">
      <c r="N828660" s="10"/>
    </row>
    <row r="828661" spans="14:14">
      <c r="N828661" s="10"/>
    </row>
    <row r="828662" spans="14:14">
      <c r="N828662" s="10"/>
    </row>
    <row r="828663" spans="14:14">
      <c r="N828663" s="10"/>
    </row>
    <row r="828664" spans="14:14">
      <c r="N828664" s="10"/>
    </row>
    <row r="828665" spans="14:14">
      <c r="N828665" s="10"/>
    </row>
    <row r="828666" spans="14:14">
      <c r="N828666" s="10"/>
    </row>
    <row r="828667" spans="14:14">
      <c r="N828667" s="10"/>
    </row>
    <row r="828668" spans="14:14">
      <c r="N828668" s="10"/>
    </row>
    <row r="828669" spans="14:14">
      <c r="N828669" s="10"/>
    </row>
    <row r="828670" spans="14:14">
      <c r="N828670" s="10"/>
    </row>
    <row r="828671" spans="14:14">
      <c r="N828671" s="10"/>
    </row>
    <row r="828672" spans="14:14">
      <c r="N828672" s="10"/>
    </row>
    <row r="828673" spans="14:14">
      <c r="N828673" s="10"/>
    </row>
    <row r="828674" spans="14:14">
      <c r="N828674" s="10"/>
    </row>
    <row r="828675" spans="14:14">
      <c r="N828675" s="10"/>
    </row>
    <row r="828676" spans="14:14">
      <c r="N828676" s="10"/>
    </row>
    <row r="828677" spans="14:14">
      <c r="N828677" s="10"/>
    </row>
    <row r="828678" spans="14:14">
      <c r="N828678" s="10"/>
    </row>
    <row r="828679" spans="14:14">
      <c r="N828679" s="10"/>
    </row>
    <row r="828680" spans="14:14">
      <c r="N828680" s="10"/>
    </row>
    <row r="828681" spans="14:14">
      <c r="N828681" s="10"/>
    </row>
    <row r="828682" spans="14:14">
      <c r="N828682" s="10"/>
    </row>
    <row r="828683" spans="14:14">
      <c r="N828683" s="10"/>
    </row>
    <row r="828684" spans="14:14">
      <c r="N828684" s="10"/>
    </row>
    <row r="828685" spans="14:14">
      <c r="N828685" s="10"/>
    </row>
    <row r="828686" spans="14:14">
      <c r="N828686" s="10"/>
    </row>
    <row r="828687" spans="14:14">
      <c r="N828687" s="10"/>
    </row>
    <row r="828688" spans="14:14">
      <c r="N828688" s="10"/>
    </row>
    <row r="828689" spans="14:14">
      <c r="N828689" s="10"/>
    </row>
    <row r="828690" spans="14:14">
      <c r="N828690" s="10"/>
    </row>
    <row r="828691" spans="14:14">
      <c r="N828691" s="10"/>
    </row>
    <row r="828692" spans="14:14">
      <c r="N828692" s="10"/>
    </row>
    <row r="828693" spans="14:14">
      <c r="N828693" s="10"/>
    </row>
    <row r="828694" spans="14:14">
      <c r="N828694" s="10"/>
    </row>
    <row r="828695" spans="14:14">
      <c r="N828695" s="10"/>
    </row>
    <row r="828696" spans="14:14">
      <c r="N828696" s="10"/>
    </row>
    <row r="828697" spans="14:14">
      <c r="N828697" s="10"/>
    </row>
    <row r="828698" spans="14:14">
      <c r="N828698" s="10"/>
    </row>
    <row r="828699" spans="14:14">
      <c r="N828699" s="10"/>
    </row>
    <row r="828700" spans="14:14">
      <c r="N828700" s="10"/>
    </row>
    <row r="828701" spans="14:14">
      <c r="N828701" s="10"/>
    </row>
    <row r="828702" spans="14:14">
      <c r="N828702" s="10"/>
    </row>
    <row r="828703" spans="14:14">
      <c r="N828703" s="10"/>
    </row>
    <row r="828704" spans="14:14">
      <c r="N828704" s="10"/>
    </row>
    <row r="828705" spans="14:14">
      <c r="N828705" s="10"/>
    </row>
    <row r="828706" spans="14:14">
      <c r="N828706" s="10"/>
    </row>
    <row r="828707" spans="14:14">
      <c r="N828707" s="10"/>
    </row>
    <row r="828708" spans="14:14">
      <c r="N828708" s="10"/>
    </row>
    <row r="828709" spans="14:14">
      <c r="N828709" s="10"/>
    </row>
    <row r="828710" spans="14:14">
      <c r="N828710" s="10"/>
    </row>
    <row r="828711" spans="14:14">
      <c r="N828711" s="10"/>
    </row>
    <row r="828712" spans="14:14">
      <c r="N828712" s="10"/>
    </row>
    <row r="828713" spans="14:14">
      <c r="N828713" s="10"/>
    </row>
    <row r="828714" spans="14:14">
      <c r="N828714" s="10"/>
    </row>
    <row r="828715" spans="14:14">
      <c r="N828715" s="10"/>
    </row>
    <row r="828716" spans="14:14">
      <c r="N828716" s="10"/>
    </row>
    <row r="828717" spans="14:14">
      <c r="N828717" s="10"/>
    </row>
    <row r="828718" spans="14:14">
      <c r="N828718" s="10"/>
    </row>
    <row r="828719" spans="14:14">
      <c r="N828719" s="10"/>
    </row>
    <row r="828720" spans="14:14">
      <c r="N828720" s="10"/>
    </row>
    <row r="828721" spans="14:14">
      <c r="N828721" s="10"/>
    </row>
    <row r="828722" spans="14:14">
      <c r="N828722" s="10"/>
    </row>
    <row r="828723" spans="14:14">
      <c r="N828723" s="10"/>
    </row>
    <row r="828724" spans="14:14">
      <c r="N828724" s="10"/>
    </row>
    <row r="828725" spans="14:14">
      <c r="N828725" s="10"/>
    </row>
    <row r="828726" spans="14:14">
      <c r="N828726" s="10"/>
    </row>
    <row r="828727" spans="14:14">
      <c r="N828727" s="10"/>
    </row>
    <row r="828728" spans="14:14">
      <c r="N828728" s="10"/>
    </row>
    <row r="828729" spans="14:14">
      <c r="N828729" s="10"/>
    </row>
    <row r="828730" spans="14:14">
      <c r="N828730" s="10"/>
    </row>
    <row r="828731" spans="14:14">
      <c r="N828731" s="10"/>
    </row>
    <row r="828732" spans="14:14">
      <c r="N828732" s="10"/>
    </row>
    <row r="828733" spans="14:14">
      <c r="N828733" s="10"/>
    </row>
    <row r="828734" spans="14:14">
      <c r="N828734" s="10"/>
    </row>
    <row r="828735" spans="14:14">
      <c r="N828735" s="10"/>
    </row>
    <row r="828736" spans="14:14">
      <c r="N828736" s="10"/>
    </row>
    <row r="828737" spans="14:14">
      <c r="N828737" s="10"/>
    </row>
    <row r="828738" spans="14:14">
      <c r="N828738" s="10"/>
    </row>
    <row r="828739" spans="14:14">
      <c r="N828739" s="10"/>
    </row>
    <row r="828740" spans="14:14">
      <c r="N828740" s="10"/>
    </row>
    <row r="828741" spans="14:14">
      <c r="N828741" s="10"/>
    </row>
    <row r="828742" spans="14:14">
      <c r="N828742" s="10"/>
    </row>
    <row r="828743" spans="14:14">
      <c r="N828743" s="10"/>
    </row>
    <row r="828744" spans="14:14">
      <c r="N828744" s="10"/>
    </row>
    <row r="828745" spans="14:14">
      <c r="N828745" s="10"/>
    </row>
    <row r="828746" spans="14:14">
      <c r="N828746" s="10"/>
    </row>
    <row r="828747" spans="14:14">
      <c r="N828747" s="10"/>
    </row>
    <row r="828748" spans="14:14">
      <c r="N828748" s="10"/>
    </row>
    <row r="828749" spans="14:14">
      <c r="N828749" s="10"/>
    </row>
    <row r="828750" spans="14:14">
      <c r="N828750" s="10"/>
    </row>
    <row r="828751" spans="14:14">
      <c r="N828751" s="10"/>
    </row>
    <row r="828752" spans="14:14">
      <c r="N828752" s="10"/>
    </row>
    <row r="828753" spans="14:14">
      <c r="N828753" s="10"/>
    </row>
    <row r="828754" spans="14:14">
      <c r="N828754" s="10"/>
    </row>
    <row r="828755" spans="14:14">
      <c r="N828755" s="10"/>
    </row>
    <row r="828756" spans="14:14">
      <c r="N828756" s="10"/>
    </row>
    <row r="828757" spans="14:14">
      <c r="N828757" s="10"/>
    </row>
    <row r="828758" spans="14:14">
      <c r="N828758" s="10"/>
    </row>
    <row r="828759" spans="14:14">
      <c r="N828759" s="10"/>
    </row>
    <row r="828760" spans="14:14">
      <c r="N828760" s="10"/>
    </row>
    <row r="828761" spans="14:14">
      <c r="N828761" s="10"/>
    </row>
    <row r="828762" spans="14:14">
      <c r="N828762" s="10"/>
    </row>
    <row r="828763" spans="14:14">
      <c r="N828763" s="10"/>
    </row>
    <row r="828764" spans="14:14">
      <c r="N828764" s="10"/>
    </row>
    <row r="828765" spans="14:14">
      <c r="N828765" s="10"/>
    </row>
    <row r="828766" spans="14:14">
      <c r="N828766" s="10"/>
    </row>
    <row r="828767" spans="14:14">
      <c r="N828767" s="10"/>
    </row>
    <row r="828768" spans="14:14">
      <c r="N828768" s="10"/>
    </row>
    <row r="828769" spans="14:14">
      <c r="N828769" s="10"/>
    </row>
    <row r="828770" spans="14:14">
      <c r="N828770" s="10"/>
    </row>
    <row r="828771" spans="14:14">
      <c r="N828771" s="10"/>
    </row>
    <row r="828772" spans="14:14">
      <c r="N828772" s="10"/>
    </row>
    <row r="828773" spans="14:14">
      <c r="N828773" s="10"/>
    </row>
    <row r="828774" spans="14:14">
      <c r="N828774" s="10"/>
    </row>
    <row r="828775" spans="14:14">
      <c r="N828775" s="10"/>
    </row>
    <row r="828776" spans="14:14">
      <c r="N828776" s="10"/>
    </row>
    <row r="828777" spans="14:14">
      <c r="N828777" s="10"/>
    </row>
    <row r="828778" spans="14:14">
      <c r="N828778" s="10"/>
    </row>
    <row r="828779" spans="14:14">
      <c r="N828779" s="10"/>
    </row>
    <row r="828780" spans="14:14">
      <c r="N828780" s="10"/>
    </row>
    <row r="828781" spans="14:14">
      <c r="N828781" s="10"/>
    </row>
    <row r="828782" spans="14:14">
      <c r="N828782" s="10"/>
    </row>
    <row r="828783" spans="14:14">
      <c r="N828783" s="10"/>
    </row>
    <row r="828784" spans="14:14">
      <c r="N828784" s="10"/>
    </row>
    <row r="828785" spans="14:14">
      <c r="N828785" s="10"/>
    </row>
    <row r="828786" spans="14:14">
      <c r="N828786" s="10"/>
    </row>
    <row r="828787" spans="14:14">
      <c r="N828787" s="10"/>
    </row>
    <row r="828788" spans="14:14">
      <c r="N828788" s="10"/>
    </row>
    <row r="828789" spans="14:14">
      <c r="N828789" s="10"/>
    </row>
    <row r="828790" spans="14:14">
      <c r="N828790" s="10"/>
    </row>
    <row r="828791" spans="14:14">
      <c r="N828791" s="10"/>
    </row>
    <row r="828792" spans="14:14">
      <c r="N828792" s="10"/>
    </row>
    <row r="828793" spans="14:14">
      <c r="N828793" s="10"/>
    </row>
    <row r="828794" spans="14:14">
      <c r="N828794" s="10"/>
    </row>
    <row r="828795" spans="14:14">
      <c r="N828795" s="10"/>
    </row>
    <row r="828796" spans="14:14">
      <c r="N828796" s="10"/>
    </row>
    <row r="828797" spans="14:14">
      <c r="N828797" s="10"/>
    </row>
    <row r="828798" spans="14:14">
      <c r="N828798" s="10"/>
    </row>
    <row r="828799" spans="14:14">
      <c r="N828799" s="10"/>
    </row>
    <row r="828800" spans="14:14">
      <c r="N828800" s="10"/>
    </row>
    <row r="828801" spans="14:14">
      <c r="N828801" s="10"/>
    </row>
    <row r="828802" spans="14:14">
      <c r="N828802" s="10"/>
    </row>
    <row r="828803" spans="14:14">
      <c r="N828803" s="10"/>
    </row>
    <row r="828804" spans="14:14">
      <c r="N828804" s="10"/>
    </row>
    <row r="828805" spans="14:14">
      <c r="N828805" s="10"/>
    </row>
    <row r="828806" spans="14:14">
      <c r="N828806" s="10"/>
    </row>
    <row r="828807" spans="14:14">
      <c r="N828807" s="10"/>
    </row>
    <row r="828808" spans="14:14">
      <c r="N828808" s="10"/>
    </row>
    <row r="828809" spans="14:14">
      <c r="N828809" s="10"/>
    </row>
    <row r="828810" spans="14:14">
      <c r="N828810" s="10"/>
    </row>
    <row r="828811" spans="14:14">
      <c r="N828811" s="10"/>
    </row>
    <row r="828812" spans="14:14">
      <c r="N828812" s="10"/>
    </row>
    <row r="828813" spans="14:14">
      <c r="N828813" s="10"/>
    </row>
    <row r="828814" spans="14:14">
      <c r="N828814" s="10"/>
    </row>
    <row r="828815" spans="14:14">
      <c r="N828815" s="10"/>
    </row>
    <row r="828816" spans="14:14">
      <c r="N828816" s="10"/>
    </row>
    <row r="828817" spans="14:14">
      <c r="N828817" s="10"/>
    </row>
    <row r="828818" spans="14:14">
      <c r="N828818" s="10"/>
    </row>
    <row r="828819" spans="14:14">
      <c r="N828819" s="10"/>
    </row>
    <row r="828820" spans="14:14">
      <c r="N828820" s="10"/>
    </row>
    <row r="828821" spans="14:14">
      <c r="N828821" s="10"/>
    </row>
    <row r="828822" spans="14:14">
      <c r="N828822" s="10"/>
    </row>
    <row r="828823" spans="14:14">
      <c r="N828823" s="10"/>
    </row>
    <row r="828824" spans="14:14">
      <c r="N828824" s="10"/>
    </row>
    <row r="828825" spans="14:14">
      <c r="N828825" s="10"/>
    </row>
    <row r="828826" spans="14:14">
      <c r="N828826" s="10"/>
    </row>
    <row r="828827" spans="14:14">
      <c r="N828827" s="10"/>
    </row>
    <row r="828828" spans="14:14">
      <c r="N828828" s="10"/>
    </row>
    <row r="828829" spans="14:14">
      <c r="N828829" s="10"/>
    </row>
    <row r="828830" spans="14:14">
      <c r="N828830" s="10"/>
    </row>
    <row r="828831" spans="14:14">
      <c r="N828831" s="10"/>
    </row>
    <row r="828832" spans="14:14">
      <c r="N828832" s="10"/>
    </row>
    <row r="828833" spans="14:14">
      <c r="N828833" s="10"/>
    </row>
    <row r="828834" spans="14:14">
      <c r="N828834" s="10"/>
    </row>
    <row r="828835" spans="14:14">
      <c r="N828835" s="10"/>
    </row>
    <row r="828836" spans="14:14">
      <c r="N828836" s="10"/>
    </row>
    <row r="828837" spans="14:14">
      <c r="N828837" s="10"/>
    </row>
    <row r="828838" spans="14:14">
      <c r="N828838" s="10"/>
    </row>
    <row r="828839" spans="14:14">
      <c r="N828839" s="10"/>
    </row>
    <row r="828840" spans="14:14">
      <c r="N828840" s="10"/>
    </row>
    <row r="828841" spans="14:14">
      <c r="N828841" s="10"/>
    </row>
    <row r="828842" spans="14:14">
      <c r="N828842" s="10"/>
    </row>
    <row r="828843" spans="14:14">
      <c r="N828843" s="10"/>
    </row>
    <row r="828844" spans="14:14">
      <c r="N828844" s="10"/>
    </row>
    <row r="828845" spans="14:14">
      <c r="N828845" s="10"/>
    </row>
    <row r="828846" spans="14:14">
      <c r="N828846" s="10"/>
    </row>
    <row r="828847" spans="14:14">
      <c r="N828847" s="10"/>
    </row>
    <row r="828848" spans="14:14">
      <c r="N828848" s="10"/>
    </row>
    <row r="828849" spans="14:14">
      <c r="N828849" s="10"/>
    </row>
    <row r="828850" spans="14:14">
      <c r="N828850" s="10"/>
    </row>
    <row r="828851" spans="14:14">
      <c r="N828851" s="10"/>
    </row>
    <row r="828852" spans="14:14">
      <c r="N828852" s="10"/>
    </row>
    <row r="828853" spans="14:14">
      <c r="N828853" s="10"/>
    </row>
    <row r="828854" spans="14:14">
      <c r="N828854" s="10"/>
    </row>
    <row r="828855" spans="14:14">
      <c r="N828855" s="10"/>
    </row>
    <row r="828856" spans="14:14">
      <c r="N828856" s="10"/>
    </row>
    <row r="828857" spans="14:14">
      <c r="N828857" s="10"/>
    </row>
    <row r="828858" spans="14:14">
      <c r="N828858" s="10"/>
    </row>
    <row r="828859" spans="14:14">
      <c r="N828859" s="10"/>
    </row>
    <row r="828860" spans="14:14">
      <c r="N828860" s="10"/>
    </row>
    <row r="828861" spans="14:14">
      <c r="N828861" s="10"/>
    </row>
    <row r="828862" spans="14:14">
      <c r="N828862" s="10"/>
    </row>
    <row r="828863" spans="14:14">
      <c r="N828863" s="10"/>
    </row>
    <row r="828864" spans="14:14">
      <c r="N828864" s="10"/>
    </row>
    <row r="828865" spans="14:14">
      <c r="N828865" s="10"/>
    </row>
    <row r="828866" spans="14:14">
      <c r="N828866" s="10"/>
    </row>
    <row r="828867" spans="14:14">
      <c r="N828867" s="10"/>
    </row>
    <row r="828868" spans="14:14">
      <c r="N828868" s="10"/>
    </row>
    <row r="828869" spans="14:14">
      <c r="N828869" s="10"/>
    </row>
    <row r="828870" spans="14:14">
      <c r="N828870" s="10"/>
    </row>
    <row r="828871" spans="14:14">
      <c r="N828871" s="10"/>
    </row>
    <row r="828872" spans="14:14">
      <c r="N828872" s="10"/>
    </row>
    <row r="828873" spans="14:14">
      <c r="N828873" s="10"/>
    </row>
    <row r="828874" spans="14:14">
      <c r="N828874" s="10"/>
    </row>
    <row r="828875" spans="14:14">
      <c r="N828875" s="10"/>
    </row>
    <row r="828876" spans="14:14">
      <c r="N828876" s="10"/>
    </row>
    <row r="828877" spans="14:14">
      <c r="N828877" s="10"/>
    </row>
    <row r="828878" spans="14:14">
      <c r="N828878" s="10"/>
    </row>
    <row r="828879" spans="14:14">
      <c r="N828879" s="10"/>
    </row>
    <row r="828880" spans="14:14">
      <c r="N828880" s="10"/>
    </row>
    <row r="828881" spans="14:14">
      <c r="N828881" s="10"/>
    </row>
    <row r="828882" spans="14:14">
      <c r="N828882" s="10"/>
    </row>
    <row r="828883" spans="14:14">
      <c r="N828883" s="10"/>
    </row>
    <row r="828884" spans="14:14">
      <c r="N828884" s="10"/>
    </row>
    <row r="828885" spans="14:14">
      <c r="N828885" s="10"/>
    </row>
    <row r="828886" spans="14:14">
      <c r="N828886" s="10"/>
    </row>
    <row r="828887" spans="14:14">
      <c r="N828887" s="10"/>
    </row>
    <row r="828888" spans="14:14">
      <c r="N828888" s="10"/>
    </row>
    <row r="828889" spans="14:14">
      <c r="N828889" s="10"/>
    </row>
    <row r="828890" spans="14:14">
      <c r="N828890" s="10"/>
    </row>
    <row r="828891" spans="14:14">
      <c r="N828891" s="10"/>
    </row>
    <row r="828892" spans="14:14">
      <c r="N828892" s="10"/>
    </row>
    <row r="828893" spans="14:14">
      <c r="N828893" s="10"/>
    </row>
    <row r="828894" spans="14:14">
      <c r="N828894" s="10"/>
    </row>
    <row r="828895" spans="14:14">
      <c r="N828895" s="10"/>
    </row>
    <row r="828896" spans="14:14">
      <c r="N828896" s="10"/>
    </row>
    <row r="828897" spans="14:14">
      <c r="N828897" s="10"/>
    </row>
    <row r="828898" spans="14:14">
      <c r="N828898" s="10"/>
    </row>
    <row r="828899" spans="14:14">
      <c r="N828899" s="10"/>
    </row>
    <row r="828900" spans="14:14">
      <c r="N828900" s="10"/>
    </row>
    <row r="828901" spans="14:14">
      <c r="N828901" s="10"/>
    </row>
    <row r="828902" spans="14:14">
      <c r="N828902" s="10"/>
    </row>
    <row r="828903" spans="14:14">
      <c r="N828903" s="10"/>
    </row>
    <row r="828904" spans="14:14">
      <c r="N828904" s="10"/>
    </row>
    <row r="828905" spans="14:14">
      <c r="N828905" s="10"/>
    </row>
    <row r="828906" spans="14:14">
      <c r="N828906" s="10"/>
    </row>
    <row r="828907" spans="14:14">
      <c r="N828907" s="10"/>
    </row>
    <row r="828908" spans="14:14">
      <c r="N828908" s="10"/>
    </row>
    <row r="828909" spans="14:14">
      <c r="N828909" s="10"/>
    </row>
    <row r="828910" spans="14:14">
      <c r="N828910" s="10"/>
    </row>
    <row r="828911" spans="14:14">
      <c r="N828911" s="10"/>
    </row>
    <row r="828912" spans="14:14">
      <c r="N828912" s="10"/>
    </row>
    <row r="828913" spans="14:14">
      <c r="N828913" s="10"/>
    </row>
    <row r="828914" spans="14:14">
      <c r="N828914" s="10"/>
    </row>
    <row r="828915" spans="14:14">
      <c r="N828915" s="10"/>
    </row>
    <row r="828916" spans="14:14">
      <c r="N828916" s="10"/>
    </row>
    <row r="828917" spans="14:14">
      <c r="N828917" s="10"/>
    </row>
    <row r="828918" spans="14:14">
      <c r="N828918" s="10"/>
    </row>
    <row r="828919" spans="14:14">
      <c r="N828919" s="10"/>
    </row>
    <row r="828920" spans="14:14">
      <c r="N828920" s="10"/>
    </row>
    <row r="828921" spans="14:14">
      <c r="N828921" s="10"/>
    </row>
    <row r="828922" spans="14:14">
      <c r="N828922" s="10"/>
    </row>
    <row r="828923" spans="14:14">
      <c r="N828923" s="10"/>
    </row>
    <row r="828924" spans="14:14">
      <c r="N828924" s="10"/>
    </row>
    <row r="828925" spans="14:14">
      <c r="N828925" s="10"/>
    </row>
    <row r="828926" spans="14:14">
      <c r="N828926" s="10"/>
    </row>
    <row r="828927" spans="14:14">
      <c r="N828927" s="10"/>
    </row>
    <row r="828928" spans="14:14">
      <c r="N828928" s="10"/>
    </row>
    <row r="828929" spans="14:14">
      <c r="N828929" s="10"/>
    </row>
    <row r="828930" spans="14:14">
      <c r="N828930" s="10"/>
    </row>
    <row r="828931" spans="14:14">
      <c r="N828931" s="10"/>
    </row>
    <row r="828932" spans="14:14">
      <c r="N828932" s="10"/>
    </row>
    <row r="828933" spans="14:14">
      <c r="N828933" s="10"/>
    </row>
    <row r="828934" spans="14:14">
      <c r="N828934" s="10"/>
    </row>
    <row r="828935" spans="14:14">
      <c r="N828935" s="10"/>
    </row>
    <row r="828936" spans="14:14">
      <c r="N828936" s="10"/>
    </row>
    <row r="828937" spans="14:14">
      <c r="N828937" s="10"/>
    </row>
    <row r="828938" spans="14:14">
      <c r="N828938" s="10"/>
    </row>
    <row r="828939" spans="14:14">
      <c r="N828939" s="10"/>
    </row>
    <row r="828940" spans="14:14">
      <c r="N828940" s="10"/>
    </row>
    <row r="828941" spans="14:14">
      <c r="N828941" s="10"/>
    </row>
    <row r="828942" spans="14:14">
      <c r="N828942" s="10"/>
    </row>
    <row r="828943" spans="14:14">
      <c r="N828943" s="10"/>
    </row>
    <row r="828944" spans="14:14">
      <c r="N828944" s="10"/>
    </row>
    <row r="828945" spans="14:14">
      <c r="N828945" s="10"/>
    </row>
    <row r="828946" spans="14:14">
      <c r="N828946" s="10"/>
    </row>
    <row r="828947" spans="14:14">
      <c r="N828947" s="10"/>
    </row>
    <row r="828948" spans="14:14">
      <c r="N828948" s="10"/>
    </row>
    <row r="828949" spans="14:14">
      <c r="N828949" s="10"/>
    </row>
    <row r="828950" spans="14:14">
      <c r="N828950" s="10"/>
    </row>
    <row r="828951" spans="14:14">
      <c r="N828951" s="10"/>
    </row>
    <row r="828952" spans="14:14">
      <c r="N828952" s="10"/>
    </row>
    <row r="828953" spans="14:14">
      <c r="N828953" s="10"/>
    </row>
    <row r="828954" spans="14:14">
      <c r="N828954" s="10"/>
    </row>
    <row r="828955" spans="14:14">
      <c r="N828955" s="10"/>
    </row>
    <row r="828956" spans="14:14">
      <c r="N828956" s="10"/>
    </row>
    <row r="828957" spans="14:14">
      <c r="N828957" s="10"/>
    </row>
    <row r="828958" spans="14:14">
      <c r="N828958" s="10"/>
    </row>
    <row r="828959" spans="14:14">
      <c r="N828959" s="10"/>
    </row>
    <row r="828960" spans="14:14">
      <c r="N828960" s="10"/>
    </row>
    <row r="828961" spans="14:14">
      <c r="N828961" s="10"/>
    </row>
    <row r="828962" spans="14:14">
      <c r="N828962" s="10"/>
    </row>
    <row r="828963" spans="14:14">
      <c r="N828963" s="10"/>
    </row>
    <row r="828964" spans="14:14">
      <c r="N828964" s="10"/>
    </row>
    <row r="828965" spans="14:14">
      <c r="N828965" s="10"/>
    </row>
    <row r="828966" spans="14:14">
      <c r="N828966" s="10"/>
    </row>
    <row r="828967" spans="14:14">
      <c r="N828967" s="10"/>
    </row>
    <row r="828968" spans="14:14">
      <c r="N828968" s="10"/>
    </row>
    <row r="828969" spans="14:14">
      <c r="N828969" s="10"/>
    </row>
    <row r="828970" spans="14:14">
      <c r="N828970" s="10"/>
    </row>
    <row r="828971" spans="14:14">
      <c r="N828971" s="10"/>
    </row>
    <row r="828972" spans="14:14">
      <c r="N828972" s="10"/>
    </row>
    <row r="828973" spans="14:14">
      <c r="N828973" s="10"/>
    </row>
    <row r="828974" spans="14:14">
      <c r="N828974" s="10"/>
    </row>
    <row r="828975" spans="14:14">
      <c r="N828975" s="10"/>
    </row>
    <row r="828976" spans="14:14">
      <c r="N828976" s="10"/>
    </row>
    <row r="828977" spans="14:14">
      <c r="N828977" s="10"/>
    </row>
    <row r="828978" spans="14:14">
      <c r="N828978" s="10"/>
    </row>
    <row r="828979" spans="14:14">
      <c r="N828979" s="10"/>
    </row>
    <row r="828980" spans="14:14">
      <c r="N828980" s="10"/>
    </row>
    <row r="828981" spans="14:14">
      <c r="N828981" s="10"/>
    </row>
    <row r="828982" spans="14:14">
      <c r="N828982" s="10"/>
    </row>
    <row r="828983" spans="14:14">
      <c r="N828983" s="10"/>
    </row>
    <row r="828984" spans="14:14">
      <c r="N828984" s="10"/>
    </row>
    <row r="828985" spans="14:14">
      <c r="N828985" s="10"/>
    </row>
    <row r="828986" spans="14:14">
      <c r="N828986" s="10"/>
    </row>
    <row r="828987" spans="14:14">
      <c r="N828987" s="10"/>
    </row>
    <row r="828988" spans="14:14">
      <c r="N828988" s="10"/>
    </row>
    <row r="828989" spans="14:14">
      <c r="N828989" s="10"/>
    </row>
    <row r="828990" spans="14:14">
      <c r="N828990" s="10"/>
    </row>
    <row r="828991" spans="14:14">
      <c r="N828991" s="10"/>
    </row>
    <row r="828992" spans="14:14">
      <c r="N828992" s="10"/>
    </row>
    <row r="828993" spans="14:14">
      <c r="N828993" s="10"/>
    </row>
    <row r="828994" spans="14:14">
      <c r="N828994" s="10"/>
    </row>
    <row r="828995" spans="14:14">
      <c r="N828995" s="10"/>
    </row>
    <row r="828996" spans="14:14">
      <c r="N828996" s="10"/>
    </row>
    <row r="828997" spans="14:14">
      <c r="N828997" s="10"/>
    </row>
    <row r="828998" spans="14:14">
      <c r="N828998" s="10"/>
    </row>
    <row r="828999" spans="14:14">
      <c r="N828999" s="10"/>
    </row>
    <row r="829000" spans="14:14">
      <c r="N829000" s="10"/>
    </row>
    <row r="829001" spans="14:14">
      <c r="N829001" s="10"/>
    </row>
    <row r="829002" spans="14:14">
      <c r="N829002" s="10"/>
    </row>
    <row r="829003" spans="14:14">
      <c r="N829003" s="10"/>
    </row>
    <row r="829004" spans="14:14">
      <c r="N829004" s="10"/>
    </row>
    <row r="829005" spans="14:14">
      <c r="N829005" s="10"/>
    </row>
    <row r="829006" spans="14:14">
      <c r="N829006" s="10"/>
    </row>
    <row r="829007" spans="14:14">
      <c r="N829007" s="10"/>
    </row>
    <row r="829008" spans="14:14">
      <c r="N829008" s="10"/>
    </row>
    <row r="829009" spans="14:14">
      <c r="N829009" s="10"/>
    </row>
    <row r="829010" spans="14:14">
      <c r="N829010" s="10"/>
    </row>
    <row r="829011" spans="14:14">
      <c r="N829011" s="10"/>
    </row>
    <row r="829012" spans="14:14">
      <c r="N829012" s="10"/>
    </row>
    <row r="829013" spans="14:14">
      <c r="N829013" s="10"/>
    </row>
    <row r="829014" spans="14:14">
      <c r="N829014" s="10"/>
    </row>
    <row r="829015" spans="14:14">
      <c r="N829015" s="10"/>
    </row>
    <row r="829016" spans="14:14">
      <c r="N829016" s="10"/>
    </row>
    <row r="829017" spans="14:14">
      <c r="N829017" s="10"/>
    </row>
    <row r="829018" spans="14:14">
      <c r="N829018" s="10"/>
    </row>
    <row r="829019" spans="14:14">
      <c r="N829019" s="10"/>
    </row>
    <row r="829020" spans="14:14">
      <c r="N829020" s="10"/>
    </row>
    <row r="829021" spans="14:14">
      <c r="N829021" s="10"/>
    </row>
    <row r="829022" spans="14:14">
      <c r="N829022" s="10"/>
    </row>
    <row r="829023" spans="14:14">
      <c r="N829023" s="10"/>
    </row>
    <row r="829024" spans="14:14">
      <c r="N829024" s="10"/>
    </row>
    <row r="829025" spans="14:14">
      <c r="N829025" s="10"/>
    </row>
    <row r="829026" spans="14:14">
      <c r="N829026" s="10"/>
    </row>
    <row r="829027" spans="14:14">
      <c r="N829027" s="10"/>
    </row>
    <row r="829028" spans="14:14">
      <c r="N829028" s="10"/>
    </row>
    <row r="829029" spans="14:14">
      <c r="N829029" s="10"/>
    </row>
    <row r="829030" spans="14:14">
      <c r="N829030" s="10"/>
    </row>
    <row r="829031" spans="14:14">
      <c r="N829031" s="10"/>
    </row>
    <row r="829032" spans="14:14">
      <c r="N829032" s="10"/>
    </row>
    <row r="829033" spans="14:14">
      <c r="N829033" s="10"/>
    </row>
    <row r="829034" spans="14:14">
      <c r="N829034" s="10"/>
    </row>
    <row r="829035" spans="14:14">
      <c r="N829035" s="10"/>
    </row>
    <row r="829036" spans="14:14">
      <c r="N829036" s="10"/>
    </row>
    <row r="829037" spans="14:14">
      <c r="N829037" s="10"/>
    </row>
    <row r="829038" spans="14:14">
      <c r="N829038" s="10"/>
    </row>
    <row r="829039" spans="14:14">
      <c r="N829039" s="10"/>
    </row>
    <row r="829040" spans="14:14">
      <c r="N829040" s="10"/>
    </row>
    <row r="829041" spans="14:14">
      <c r="N829041" s="10"/>
    </row>
    <row r="829042" spans="14:14">
      <c r="N829042" s="10"/>
    </row>
    <row r="829043" spans="14:14">
      <c r="N829043" s="10"/>
    </row>
    <row r="829044" spans="14:14">
      <c r="N829044" s="10"/>
    </row>
    <row r="829045" spans="14:14">
      <c r="N829045" s="10"/>
    </row>
    <row r="829046" spans="14:14">
      <c r="N829046" s="10"/>
    </row>
    <row r="829047" spans="14:14">
      <c r="N829047" s="10"/>
    </row>
    <row r="829048" spans="14:14">
      <c r="N829048" s="10"/>
    </row>
    <row r="829049" spans="14:14">
      <c r="N829049" s="10"/>
    </row>
    <row r="829050" spans="14:14">
      <c r="N829050" s="10"/>
    </row>
    <row r="829051" spans="14:14">
      <c r="N829051" s="10"/>
    </row>
    <row r="829052" spans="14:14">
      <c r="N829052" s="10"/>
    </row>
    <row r="829053" spans="14:14">
      <c r="N829053" s="10"/>
    </row>
    <row r="829054" spans="14:14">
      <c r="N829054" s="10"/>
    </row>
    <row r="829055" spans="14:14">
      <c r="N829055" s="10"/>
    </row>
    <row r="829056" spans="14:14">
      <c r="N829056" s="10"/>
    </row>
    <row r="829057" spans="14:14">
      <c r="N829057" s="10"/>
    </row>
    <row r="829058" spans="14:14">
      <c r="N829058" s="10"/>
    </row>
    <row r="829059" spans="14:14">
      <c r="N829059" s="10"/>
    </row>
    <row r="829060" spans="14:14">
      <c r="N829060" s="10"/>
    </row>
    <row r="829061" spans="14:14">
      <c r="N829061" s="10"/>
    </row>
    <row r="829062" spans="14:14">
      <c r="N829062" s="10"/>
    </row>
    <row r="829063" spans="14:14">
      <c r="N829063" s="10"/>
    </row>
    <row r="829064" spans="14:14">
      <c r="N829064" s="10"/>
    </row>
    <row r="829065" spans="14:14">
      <c r="N829065" s="10"/>
    </row>
    <row r="829066" spans="14:14">
      <c r="N829066" s="10"/>
    </row>
    <row r="829067" spans="14:14">
      <c r="N829067" s="10"/>
    </row>
    <row r="829068" spans="14:14">
      <c r="N829068" s="10"/>
    </row>
    <row r="829069" spans="14:14">
      <c r="N829069" s="10"/>
    </row>
    <row r="829070" spans="14:14">
      <c r="N829070" s="10"/>
    </row>
    <row r="829071" spans="14:14">
      <c r="N829071" s="10"/>
    </row>
    <row r="829072" spans="14:14">
      <c r="N829072" s="10"/>
    </row>
    <row r="829073" spans="14:14">
      <c r="N829073" s="10"/>
    </row>
    <row r="829074" spans="14:14">
      <c r="N829074" s="10"/>
    </row>
    <row r="829075" spans="14:14">
      <c r="N829075" s="10"/>
    </row>
    <row r="829076" spans="14:14">
      <c r="N829076" s="10"/>
    </row>
    <row r="829077" spans="14:14">
      <c r="N829077" s="10"/>
    </row>
    <row r="829078" spans="14:14">
      <c r="N829078" s="10"/>
    </row>
    <row r="829079" spans="14:14">
      <c r="N829079" s="10"/>
    </row>
    <row r="829080" spans="14:14">
      <c r="N829080" s="10"/>
    </row>
    <row r="829081" spans="14:14">
      <c r="N829081" s="10"/>
    </row>
    <row r="829082" spans="14:14">
      <c r="N829082" s="10"/>
    </row>
    <row r="829083" spans="14:14">
      <c r="N829083" s="10"/>
    </row>
    <row r="829084" spans="14:14">
      <c r="N829084" s="10"/>
    </row>
    <row r="829085" spans="14:14">
      <c r="N829085" s="10"/>
    </row>
    <row r="829086" spans="14:14">
      <c r="N829086" s="10"/>
    </row>
    <row r="829087" spans="14:14">
      <c r="N829087" s="10"/>
    </row>
    <row r="829088" spans="14:14">
      <c r="N829088" s="10"/>
    </row>
    <row r="829089" spans="14:14">
      <c r="N829089" s="10"/>
    </row>
    <row r="829090" spans="14:14">
      <c r="N829090" s="10"/>
    </row>
    <row r="829091" spans="14:14">
      <c r="N829091" s="10"/>
    </row>
    <row r="829092" spans="14:14">
      <c r="N829092" s="10"/>
    </row>
    <row r="829093" spans="14:14">
      <c r="N829093" s="10"/>
    </row>
    <row r="829094" spans="14:14">
      <c r="N829094" s="10"/>
    </row>
    <row r="829095" spans="14:14">
      <c r="N829095" s="10"/>
    </row>
    <row r="829096" spans="14:14">
      <c r="N829096" s="10"/>
    </row>
    <row r="829097" spans="14:14">
      <c r="N829097" s="10"/>
    </row>
    <row r="829098" spans="14:14">
      <c r="N829098" s="10"/>
    </row>
    <row r="829099" spans="14:14">
      <c r="N829099" s="10"/>
    </row>
    <row r="829100" spans="14:14">
      <c r="N829100" s="10"/>
    </row>
    <row r="829101" spans="14:14">
      <c r="N829101" s="10"/>
    </row>
    <row r="829102" spans="14:14">
      <c r="N829102" s="10"/>
    </row>
    <row r="829103" spans="14:14">
      <c r="N829103" s="10"/>
    </row>
    <row r="829104" spans="14:14">
      <c r="N829104" s="10"/>
    </row>
    <row r="829105" spans="14:14">
      <c r="N829105" s="10"/>
    </row>
    <row r="829106" spans="14:14">
      <c r="N829106" s="10"/>
    </row>
    <row r="829107" spans="14:14">
      <c r="N829107" s="10"/>
    </row>
    <row r="829108" spans="14:14">
      <c r="N829108" s="10"/>
    </row>
    <row r="829109" spans="14:14">
      <c r="N829109" s="10"/>
    </row>
    <row r="829110" spans="14:14">
      <c r="N829110" s="10"/>
    </row>
    <row r="829111" spans="14:14">
      <c r="N829111" s="10"/>
    </row>
    <row r="829112" spans="14:14">
      <c r="N829112" s="10"/>
    </row>
    <row r="829113" spans="14:14">
      <c r="N829113" s="10"/>
    </row>
    <row r="829114" spans="14:14">
      <c r="N829114" s="10"/>
    </row>
    <row r="829115" spans="14:14">
      <c r="N829115" s="10"/>
    </row>
    <row r="829116" spans="14:14">
      <c r="N829116" s="10"/>
    </row>
    <row r="829117" spans="14:14">
      <c r="N829117" s="10"/>
    </row>
    <row r="829118" spans="14:14">
      <c r="N829118" s="10"/>
    </row>
    <row r="829119" spans="14:14">
      <c r="N829119" s="10"/>
    </row>
    <row r="829120" spans="14:14">
      <c r="N829120" s="10"/>
    </row>
    <row r="829121" spans="14:14">
      <c r="N829121" s="10"/>
    </row>
    <row r="829122" spans="14:14">
      <c r="N829122" s="10"/>
    </row>
    <row r="829123" spans="14:14">
      <c r="N829123" s="10"/>
    </row>
    <row r="829124" spans="14:14">
      <c r="N829124" s="10"/>
    </row>
    <row r="829125" spans="14:14">
      <c r="N829125" s="10"/>
    </row>
    <row r="829126" spans="14:14">
      <c r="N829126" s="10"/>
    </row>
    <row r="829127" spans="14:14">
      <c r="N829127" s="10"/>
    </row>
    <row r="829128" spans="14:14">
      <c r="N829128" s="10"/>
    </row>
    <row r="829129" spans="14:14">
      <c r="N829129" s="10"/>
    </row>
    <row r="829130" spans="14:14">
      <c r="N829130" s="10"/>
    </row>
    <row r="829131" spans="14:14">
      <c r="N829131" s="10"/>
    </row>
    <row r="829132" spans="14:14">
      <c r="N829132" s="10"/>
    </row>
    <row r="829133" spans="14:14">
      <c r="N829133" s="10"/>
    </row>
    <row r="829134" spans="14:14">
      <c r="N829134" s="10"/>
    </row>
    <row r="829135" spans="14:14">
      <c r="N829135" s="10"/>
    </row>
    <row r="829136" spans="14:14">
      <c r="N829136" s="10"/>
    </row>
    <row r="829137" spans="14:14">
      <c r="N829137" s="10"/>
    </row>
    <row r="829138" spans="14:14">
      <c r="N829138" s="10"/>
    </row>
    <row r="829139" spans="14:14">
      <c r="N829139" s="10"/>
    </row>
    <row r="829140" spans="14:14">
      <c r="N829140" s="10"/>
    </row>
    <row r="829141" spans="14:14">
      <c r="N829141" s="10"/>
    </row>
    <row r="829142" spans="14:14">
      <c r="N829142" s="10"/>
    </row>
    <row r="829143" spans="14:14">
      <c r="N829143" s="10"/>
    </row>
    <row r="829144" spans="14:14">
      <c r="N829144" s="10"/>
    </row>
    <row r="829145" spans="14:14">
      <c r="N829145" s="10"/>
    </row>
    <row r="829146" spans="14:14">
      <c r="N829146" s="10"/>
    </row>
    <row r="829147" spans="14:14">
      <c r="N829147" s="10"/>
    </row>
    <row r="829148" spans="14:14">
      <c r="N829148" s="10"/>
    </row>
    <row r="829149" spans="14:14">
      <c r="N829149" s="10"/>
    </row>
    <row r="829150" spans="14:14">
      <c r="N829150" s="10"/>
    </row>
    <row r="829151" spans="14:14">
      <c r="N829151" s="10"/>
    </row>
    <row r="829152" spans="14:14">
      <c r="N829152" s="10"/>
    </row>
    <row r="829153" spans="14:14">
      <c r="N829153" s="10"/>
    </row>
    <row r="829154" spans="14:14">
      <c r="N829154" s="10"/>
    </row>
    <row r="829155" spans="14:14">
      <c r="N829155" s="10"/>
    </row>
    <row r="829156" spans="14:14">
      <c r="N829156" s="10"/>
    </row>
    <row r="829157" spans="14:14">
      <c r="N829157" s="10"/>
    </row>
    <row r="829158" spans="14:14">
      <c r="N829158" s="10"/>
    </row>
    <row r="829159" spans="14:14">
      <c r="N829159" s="10"/>
    </row>
    <row r="829160" spans="14:14">
      <c r="N829160" s="10"/>
    </row>
    <row r="829161" spans="14:14">
      <c r="N829161" s="10"/>
    </row>
    <row r="829162" spans="14:14">
      <c r="N829162" s="10"/>
    </row>
    <row r="829163" spans="14:14">
      <c r="N829163" s="10"/>
    </row>
    <row r="829164" spans="14:14">
      <c r="N829164" s="10"/>
    </row>
    <row r="829165" spans="14:14">
      <c r="N829165" s="10"/>
    </row>
    <row r="829166" spans="14:14">
      <c r="N829166" s="10"/>
    </row>
    <row r="829167" spans="14:14">
      <c r="N829167" s="10"/>
    </row>
    <row r="829168" spans="14:14">
      <c r="N829168" s="10"/>
    </row>
    <row r="829169" spans="14:14">
      <c r="N829169" s="10"/>
    </row>
    <row r="829170" spans="14:14">
      <c r="N829170" s="10"/>
    </row>
    <row r="829171" spans="14:14">
      <c r="N829171" s="10"/>
    </row>
    <row r="829172" spans="14:14">
      <c r="N829172" s="10"/>
    </row>
    <row r="829173" spans="14:14">
      <c r="N829173" s="10"/>
    </row>
    <row r="829174" spans="14:14">
      <c r="N829174" s="10"/>
    </row>
    <row r="829175" spans="14:14">
      <c r="N829175" s="10"/>
    </row>
    <row r="829176" spans="14:14">
      <c r="N829176" s="10"/>
    </row>
    <row r="829177" spans="14:14">
      <c r="N829177" s="10"/>
    </row>
    <row r="829178" spans="14:14">
      <c r="N829178" s="10"/>
    </row>
    <row r="829179" spans="14:14">
      <c r="N829179" s="10"/>
    </row>
    <row r="829180" spans="14:14">
      <c r="N829180" s="10"/>
    </row>
    <row r="829181" spans="14:14">
      <c r="N829181" s="10"/>
    </row>
    <row r="829182" spans="14:14">
      <c r="N829182" s="10"/>
    </row>
    <row r="829183" spans="14:14">
      <c r="N829183" s="10"/>
    </row>
    <row r="829184" spans="14:14">
      <c r="N829184" s="10"/>
    </row>
    <row r="829185" spans="14:14">
      <c r="N829185" s="10"/>
    </row>
    <row r="829186" spans="14:14">
      <c r="N829186" s="10"/>
    </row>
    <row r="829187" spans="14:14">
      <c r="N829187" s="10"/>
    </row>
    <row r="829188" spans="14:14">
      <c r="N829188" s="10"/>
    </row>
    <row r="829189" spans="14:14">
      <c r="N829189" s="10"/>
    </row>
    <row r="829190" spans="14:14">
      <c r="N829190" s="10"/>
    </row>
    <row r="829191" spans="14:14">
      <c r="N829191" s="10"/>
    </row>
    <row r="829192" spans="14:14">
      <c r="N829192" s="10"/>
    </row>
    <row r="829193" spans="14:14">
      <c r="N829193" s="10"/>
    </row>
    <row r="829194" spans="14:14">
      <c r="N829194" s="10"/>
    </row>
    <row r="829195" spans="14:14">
      <c r="N829195" s="10"/>
    </row>
    <row r="829196" spans="14:14">
      <c r="N829196" s="10"/>
    </row>
    <row r="829197" spans="14:14">
      <c r="N829197" s="10"/>
    </row>
    <row r="829198" spans="14:14">
      <c r="N829198" s="10"/>
    </row>
    <row r="829199" spans="14:14">
      <c r="N829199" s="10"/>
    </row>
    <row r="829200" spans="14:14">
      <c r="N829200" s="10"/>
    </row>
    <row r="829201" spans="14:14">
      <c r="N829201" s="10"/>
    </row>
    <row r="829202" spans="14:14">
      <c r="N829202" s="10"/>
    </row>
    <row r="829203" spans="14:14">
      <c r="N829203" s="10"/>
    </row>
    <row r="829204" spans="14:14">
      <c r="N829204" s="10"/>
    </row>
    <row r="829205" spans="14:14">
      <c r="N829205" s="10"/>
    </row>
    <row r="829206" spans="14:14">
      <c r="N829206" s="10"/>
    </row>
    <row r="829207" spans="14:14">
      <c r="N829207" s="10"/>
    </row>
    <row r="829208" spans="14:14">
      <c r="N829208" s="10"/>
    </row>
    <row r="829209" spans="14:14">
      <c r="N829209" s="10"/>
    </row>
    <row r="829210" spans="14:14">
      <c r="N829210" s="10"/>
    </row>
    <row r="829211" spans="14:14">
      <c r="N829211" s="10"/>
    </row>
    <row r="829212" spans="14:14">
      <c r="N829212" s="10"/>
    </row>
    <row r="829213" spans="14:14">
      <c r="N829213" s="10"/>
    </row>
    <row r="829214" spans="14:14">
      <c r="N829214" s="10"/>
    </row>
    <row r="829215" spans="14:14">
      <c r="N829215" s="10"/>
    </row>
    <row r="829216" spans="14:14">
      <c r="N829216" s="10"/>
    </row>
    <row r="829217" spans="14:14">
      <c r="N829217" s="10"/>
    </row>
    <row r="829218" spans="14:14">
      <c r="N829218" s="10"/>
    </row>
    <row r="829219" spans="14:14">
      <c r="N829219" s="10"/>
    </row>
    <row r="829220" spans="14:14">
      <c r="N829220" s="10"/>
    </row>
    <row r="829221" spans="14:14">
      <c r="N829221" s="10"/>
    </row>
    <row r="829222" spans="14:14">
      <c r="N829222" s="10"/>
    </row>
    <row r="829223" spans="14:14">
      <c r="N829223" s="10"/>
    </row>
    <row r="829224" spans="14:14">
      <c r="N829224" s="10"/>
    </row>
    <row r="829225" spans="14:14">
      <c r="N829225" s="10"/>
    </row>
    <row r="829226" spans="14:14">
      <c r="N829226" s="10"/>
    </row>
    <row r="829227" spans="14:14">
      <c r="N829227" s="10"/>
    </row>
    <row r="829228" spans="14:14">
      <c r="N829228" s="10"/>
    </row>
    <row r="829229" spans="14:14">
      <c r="N829229" s="10"/>
    </row>
    <row r="829230" spans="14:14">
      <c r="N829230" s="10"/>
    </row>
    <row r="829231" spans="14:14">
      <c r="N829231" s="10"/>
    </row>
    <row r="829232" spans="14:14">
      <c r="N829232" s="10"/>
    </row>
    <row r="829233" spans="14:14">
      <c r="N829233" s="10"/>
    </row>
    <row r="829234" spans="14:14">
      <c r="N829234" s="10"/>
    </row>
    <row r="829235" spans="14:14">
      <c r="N829235" s="10"/>
    </row>
    <row r="829236" spans="14:14">
      <c r="N829236" s="10"/>
    </row>
    <row r="829237" spans="14:14">
      <c r="N829237" s="10"/>
    </row>
    <row r="829238" spans="14:14">
      <c r="N829238" s="10"/>
    </row>
    <row r="829239" spans="14:14">
      <c r="N829239" s="10"/>
    </row>
    <row r="829240" spans="14:14">
      <c r="N829240" s="10"/>
    </row>
    <row r="829241" spans="14:14">
      <c r="N829241" s="10"/>
    </row>
    <row r="829242" spans="14:14">
      <c r="N829242" s="10"/>
    </row>
    <row r="829243" spans="14:14">
      <c r="N829243" s="10"/>
    </row>
    <row r="829244" spans="14:14">
      <c r="N829244" s="10"/>
    </row>
    <row r="829245" spans="14:14">
      <c r="N829245" s="10"/>
    </row>
    <row r="829246" spans="14:14">
      <c r="N829246" s="10"/>
    </row>
    <row r="829247" spans="14:14">
      <c r="N829247" s="10"/>
    </row>
    <row r="829248" spans="14:14">
      <c r="N829248" s="10"/>
    </row>
    <row r="829249" spans="14:14">
      <c r="N829249" s="10"/>
    </row>
    <row r="829250" spans="14:14">
      <c r="N829250" s="10"/>
    </row>
    <row r="829251" spans="14:14">
      <c r="N829251" s="10"/>
    </row>
    <row r="829252" spans="14:14">
      <c r="N829252" s="10"/>
    </row>
    <row r="829253" spans="14:14">
      <c r="N829253" s="10"/>
    </row>
    <row r="829254" spans="14:14">
      <c r="N829254" s="10"/>
    </row>
    <row r="829255" spans="14:14">
      <c r="N829255" s="10"/>
    </row>
    <row r="829256" spans="14:14">
      <c r="N829256" s="10"/>
    </row>
    <row r="829257" spans="14:14">
      <c r="N829257" s="10"/>
    </row>
    <row r="829258" spans="14:14">
      <c r="N829258" s="10"/>
    </row>
    <row r="829259" spans="14:14">
      <c r="N829259" s="10"/>
    </row>
    <row r="829260" spans="14:14">
      <c r="N829260" s="10"/>
    </row>
    <row r="829261" spans="14:14">
      <c r="N829261" s="10"/>
    </row>
    <row r="829262" spans="14:14">
      <c r="N829262" s="10"/>
    </row>
    <row r="829263" spans="14:14">
      <c r="N829263" s="10"/>
    </row>
    <row r="829264" spans="14:14">
      <c r="N829264" s="10"/>
    </row>
    <row r="829265" spans="14:14">
      <c r="N829265" s="10"/>
    </row>
    <row r="829266" spans="14:14">
      <c r="N829266" s="10"/>
    </row>
    <row r="829267" spans="14:14">
      <c r="N829267" s="10"/>
    </row>
    <row r="829268" spans="14:14">
      <c r="N829268" s="10"/>
    </row>
    <row r="829269" spans="14:14">
      <c r="N829269" s="10"/>
    </row>
    <row r="829270" spans="14:14">
      <c r="N829270" s="10"/>
    </row>
    <row r="829271" spans="14:14">
      <c r="N829271" s="10"/>
    </row>
    <row r="829272" spans="14:14">
      <c r="N829272" s="10"/>
    </row>
    <row r="829273" spans="14:14">
      <c r="N829273" s="10"/>
    </row>
    <row r="829274" spans="14:14">
      <c r="N829274" s="10"/>
    </row>
    <row r="829275" spans="14:14">
      <c r="N829275" s="10"/>
    </row>
    <row r="829276" spans="14:14">
      <c r="N829276" s="10"/>
    </row>
    <row r="829277" spans="14:14">
      <c r="N829277" s="10"/>
    </row>
    <row r="829278" spans="14:14">
      <c r="N829278" s="10"/>
    </row>
    <row r="829279" spans="14:14">
      <c r="N829279" s="10"/>
    </row>
    <row r="829280" spans="14:14">
      <c r="N829280" s="10"/>
    </row>
    <row r="829281" spans="14:14">
      <c r="N829281" s="10"/>
    </row>
    <row r="829282" spans="14:14">
      <c r="N829282" s="10"/>
    </row>
    <row r="829283" spans="14:14">
      <c r="N829283" s="10"/>
    </row>
    <row r="829284" spans="14:14">
      <c r="N829284" s="10"/>
    </row>
    <row r="829285" spans="14:14">
      <c r="N829285" s="10"/>
    </row>
    <row r="829286" spans="14:14">
      <c r="N829286" s="10"/>
    </row>
    <row r="829287" spans="14:14">
      <c r="N829287" s="10"/>
    </row>
    <row r="829288" spans="14:14">
      <c r="N829288" s="10"/>
    </row>
    <row r="829289" spans="14:14">
      <c r="N829289" s="10"/>
    </row>
    <row r="829290" spans="14:14">
      <c r="N829290" s="10"/>
    </row>
    <row r="829291" spans="14:14">
      <c r="N829291" s="10"/>
    </row>
    <row r="829292" spans="14:14">
      <c r="N829292" s="10"/>
    </row>
    <row r="829293" spans="14:14">
      <c r="N829293" s="10"/>
    </row>
    <row r="829294" spans="14:14">
      <c r="N829294" s="10"/>
    </row>
    <row r="829295" spans="14:14">
      <c r="N829295" s="10"/>
    </row>
    <row r="829296" spans="14:14">
      <c r="N829296" s="10"/>
    </row>
    <row r="829297" spans="14:14">
      <c r="N829297" s="10"/>
    </row>
    <row r="829298" spans="14:14">
      <c r="N829298" s="10"/>
    </row>
    <row r="829299" spans="14:14">
      <c r="N829299" s="10"/>
    </row>
    <row r="829300" spans="14:14">
      <c r="N829300" s="10"/>
    </row>
    <row r="829301" spans="14:14">
      <c r="N829301" s="10"/>
    </row>
    <row r="829302" spans="14:14">
      <c r="N829302" s="10"/>
    </row>
    <row r="829303" spans="14:14">
      <c r="N829303" s="10"/>
    </row>
    <row r="829304" spans="14:14">
      <c r="N829304" s="10"/>
    </row>
    <row r="829305" spans="14:14">
      <c r="N829305" s="10"/>
    </row>
    <row r="829306" spans="14:14">
      <c r="N829306" s="10"/>
    </row>
    <row r="829307" spans="14:14">
      <c r="N829307" s="10"/>
    </row>
    <row r="829308" spans="14:14">
      <c r="N829308" s="10"/>
    </row>
    <row r="829309" spans="14:14">
      <c r="N829309" s="10"/>
    </row>
    <row r="829310" spans="14:14">
      <c r="N829310" s="10"/>
    </row>
    <row r="829311" spans="14:14">
      <c r="N829311" s="10"/>
    </row>
    <row r="829312" spans="14:14">
      <c r="N829312" s="10"/>
    </row>
    <row r="829313" spans="14:14">
      <c r="N829313" s="10"/>
    </row>
    <row r="829314" spans="14:14">
      <c r="N829314" s="10"/>
    </row>
    <row r="829315" spans="14:14">
      <c r="N829315" s="10"/>
    </row>
    <row r="829316" spans="14:14">
      <c r="N829316" s="10"/>
    </row>
    <row r="829317" spans="14:14">
      <c r="N829317" s="10"/>
    </row>
    <row r="829318" spans="14:14">
      <c r="N829318" s="10"/>
    </row>
    <row r="829319" spans="14:14">
      <c r="N829319" s="10"/>
    </row>
    <row r="829320" spans="14:14">
      <c r="N829320" s="10"/>
    </row>
    <row r="829321" spans="14:14">
      <c r="N829321" s="10"/>
    </row>
    <row r="829322" spans="14:14">
      <c r="N829322" s="10"/>
    </row>
    <row r="829323" spans="14:14">
      <c r="N829323" s="10"/>
    </row>
    <row r="829324" spans="14:14">
      <c r="N829324" s="10"/>
    </row>
    <row r="829325" spans="14:14">
      <c r="N829325" s="10"/>
    </row>
    <row r="829326" spans="14:14">
      <c r="N829326" s="10"/>
    </row>
    <row r="829327" spans="14:14">
      <c r="N829327" s="10"/>
    </row>
    <row r="829328" spans="14:14">
      <c r="N829328" s="10"/>
    </row>
    <row r="829329" spans="14:14">
      <c r="N829329" s="10"/>
    </row>
    <row r="829330" spans="14:14">
      <c r="N829330" s="10"/>
    </row>
    <row r="829331" spans="14:14">
      <c r="N829331" s="10"/>
    </row>
    <row r="829332" spans="14:14">
      <c r="N829332" s="10"/>
    </row>
    <row r="829333" spans="14:14">
      <c r="N829333" s="10"/>
    </row>
    <row r="829334" spans="14:14">
      <c r="N829334" s="10"/>
    </row>
    <row r="829335" spans="14:14">
      <c r="N829335" s="10"/>
    </row>
    <row r="829336" spans="14:14">
      <c r="N829336" s="10"/>
    </row>
    <row r="829337" spans="14:14">
      <c r="N829337" s="10"/>
    </row>
    <row r="829338" spans="14:14">
      <c r="N829338" s="10"/>
    </row>
    <row r="829339" spans="14:14">
      <c r="N829339" s="10"/>
    </row>
    <row r="829340" spans="14:14">
      <c r="N829340" s="10"/>
    </row>
    <row r="829341" spans="14:14">
      <c r="N829341" s="10"/>
    </row>
    <row r="829342" spans="14:14">
      <c r="N829342" s="10"/>
    </row>
    <row r="829343" spans="14:14">
      <c r="N829343" s="10"/>
    </row>
    <row r="829344" spans="14:14">
      <c r="N829344" s="10"/>
    </row>
    <row r="829345" spans="14:14">
      <c r="N829345" s="10"/>
    </row>
    <row r="829346" spans="14:14">
      <c r="N829346" s="10"/>
    </row>
    <row r="829347" spans="14:14">
      <c r="N829347" s="10"/>
    </row>
    <row r="829348" spans="14:14">
      <c r="N829348" s="10"/>
    </row>
    <row r="829349" spans="14:14">
      <c r="N829349" s="10"/>
    </row>
    <row r="829350" spans="14:14">
      <c r="N829350" s="10"/>
    </row>
    <row r="829351" spans="14:14">
      <c r="N829351" s="10"/>
    </row>
    <row r="829352" spans="14:14">
      <c r="N829352" s="10"/>
    </row>
    <row r="829353" spans="14:14">
      <c r="N829353" s="10"/>
    </row>
    <row r="829354" spans="14:14">
      <c r="N829354" s="10"/>
    </row>
    <row r="829355" spans="14:14">
      <c r="N829355" s="10"/>
    </row>
    <row r="829356" spans="14:14">
      <c r="N829356" s="10"/>
    </row>
    <row r="829357" spans="14:14">
      <c r="N829357" s="10"/>
    </row>
    <row r="829358" spans="14:14">
      <c r="N829358" s="10"/>
    </row>
    <row r="829359" spans="14:14">
      <c r="N829359" s="10"/>
    </row>
    <row r="829360" spans="14:14">
      <c r="N829360" s="10"/>
    </row>
    <row r="829361" spans="14:14">
      <c r="N829361" s="10"/>
    </row>
    <row r="829362" spans="14:14">
      <c r="N829362" s="10"/>
    </row>
    <row r="829363" spans="14:14">
      <c r="N829363" s="10"/>
    </row>
    <row r="829364" spans="14:14">
      <c r="N829364" s="10"/>
    </row>
    <row r="829365" spans="14:14">
      <c r="N829365" s="10"/>
    </row>
    <row r="829366" spans="14:14">
      <c r="N829366" s="10"/>
    </row>
    <row r="829367" spans="14:14">
      <c r="N829367" s="10"/>
    </row>
    <row r="829368" spans="14:14">
      <c r="N829368" s="10"/>
    </row>
    <row r="829369" spans="14:14">
      <c r="N829369" s="10"/>
    </row>
    <row r="829370" spans="14:14">
      <c r="N829370" s="10"/>
    </row>
    <row r="829371" spans="14:14">
      <c r="N829371" s="10"/>
    </row>
    <row r="829372" spans="14:14">
      <c r="N829372" s="10"/>
    </row>
    <row r="829373" spans="14:14">
      <c r="N829373" s="10"/>
    </row>
    <row r="829374" spans="14:14">
      <c r="N829374" s="10"/>
    </row>
    <row r="829375" spans="14:14">
      <c r="N829375" s="10"/>
    </row>
    <row r="829376" spans="14:14">
      <c r="N829376" s="10"/>
    </row>
    <row r="829377" spans="14:14">
      <c r="N829377" s="10"/>
    </row>
    <row r="829378" spans="14:14">
      <c r="N829378" s="10"/>
    </row>
    <row r="829379" spans="14:14">
      <c r="N829379" s="10"/>
    </row>
    <row r="829380" spans="14:14">
      <c r="N829380" s="10"/>
    </row>
    <row r="829381" spans="14:14">
      <c r="N829381" s="10"/>
    </row>
    <row r="829382" spans="14:14">
      <c r="N829382" s="10"/>
    </row>
    <row r="829383" spans="14:14">
      <c r="N829383" s="10"/>
    </row>
    <row r="829384" spans="14:14">
      <c r="N829384" s="10"/>
    </row>
    <row r="829385" spans="14:14">
      <c r="N829385" s="10"/>
    </row>
    <row r="829386" spans="14:14">
      <c r="N829386" s="10"/>
    </row>
    <row r="829387" spans="14:14">
      <c r="N829387" s="10"/>
    </row>
    <row r="829388" spans="14:14">
      <c r="N829388" s="10"/>
    </row>
    <row r="829389" spans="14:14">
      <c r="N829389" s="10"/>
    </row>
    <row r="829390" spans="14:14">
      <c r="N829390" s="10"/>
    </row>
    <row r="829391" spans="14:14">
      <c r="N829391" s="10"/>
    </row>
    <row r="829392" spans="14:14">
      <c r="N829392" s="10"/>
    </row>
    <row r="829393" spans="14:14">
      <c r="N829393" s="10"/>
    </row>
    <row r="829394" spans="14:14">
      <c r="N829394" s="10"/>
    </row>
    <row r="829395" spans="14:14">
      <c r="N829395" s="10"/>
    </row>
    <row r="829396" spans="14:14">
      <c r="N829396" s="10"/>
    </row>
    <row r="829397" spans="14:14">
      <c r="N829397" s="10"/>
    </row>
    <row r="829398" spans="14:14">
      <c r="N829398" s="10"/>
    </row>
    <row r="829399" spans="14:14">
      <c r="N829399" s="10"/>
    </row>
    <row r="829400" spans="14:14">
      <c r="N829400" s="10"/>
    </row>
    <row r="829401" spans="14:14">
      <c r="N829401" s="10"/>
    </row>
    <row r="829402" spans="14:14">
      <c r="N829402" s="10"/>
    </row>
    <row r="829403" spans="14:14">
      <c r="N829403" s="10"/>
    </row>
    <row r="829404" spans="14:14">
      <c r="N829404" s="10"/>
    </row>
    <row r="829405" spans="14:14">
      <c r="N829405" s="10"/>
    </row>
    <row r="829406" spans="14:14">
      <c r="N829406" s="10"/>
    </row>
    <row r="829407" spans="14:14">
      <c r="N829407" s="10"/>
    </row>
    <row r="829408" spans="14:14">
      <c r="N829408" s="10"/>
    </row>
    <row r="829409" spans="14:14">
      <c r="N829409" s="10"/>
    </row>
    <row r="829410" spans="14:14">
      <c r="N829410" s="10"/>
    </row>
    <row r="829411" spans="14:14">
      <c r="N829411" s="10"/>
    </row>
    <row r="829412" spans="14:14">
      <c r="N829412" s="10"/>
    </row>
    <row r="829413" spans="14:14">
      <c r="N829413" s="10"/>
    </row>
    <row r="829414" spans="14:14">
      <c r="N829414" s="10"/>
    </row>
    <row r="829415" spans="14:14">
      <c r="N829415" s="10"/>
    </row>
    <row r="829416" spans="14:14">
      <c r="N829416" s="10"/>
    </row>
    <row r="829417" spans="14:14">
      <c r="N829417" s="10"/>
    </row>
    <row r="829418" spans="14:14">
      <c r="N829418" s="10"/>
    </row>
    <row r="829419" spans="14:14">
      <c r="N829419" s="10"/>
    </row>
    <row r="829420" spans="14:14">
      <c r="N829420" s="10"/>
    </row>
    <row r="829421" spans="14:14">
      <c r="N829421" s="10"/>
    </row>
    <row r="829422" spans="14:14">
      <c r="N829422" s="10"/>
    </row>
    <row r="829423" spans="14:14">
      <c r="N829423" s="10"/>
    </row>
    <row r="829424" spans="14:14">
      <c r="N829424" s="10"/>
    </row>
    <row r="829425" spans="14:14">
      <c r="N829425" s="10"/>
    </row>
    <row r="829426" spans="14:14">
      <c r="N829426" s="10"/>
    </row>
    <row r="829427" spans="14:14">
      <c r="N829427" s="10"/>
    </row>
    <row r="829428" spans="14:14">
      <c r="N829428" s="10"/>
    </row>
    <row r="829429" spans="14:14">
      <c r="N829429" s="10"/>
    </row>
    <row r="829430" spans="14:14">
      <c r="N829430" s="10"/>
    </row>
    <row r="829431" spans="14:14">
      <c r="N829431" s="10"/>
    </row>
    <row r="829432" spans="14:14">
      <c r="N829432" s="10"/>
    </row>
    <row r="829433" spans="14:14">
      <c r="N829433" s="10"/>
    </row>
    <row r="829434" spans="14:14">
      <c r="N829434" s="10"/>
    </row>
    <row r="829435" spans="14:14">
      <c r="N829435" s="10"/>
    </row>
    <row r="829436" spans="14:14">
      <c r="N829436" s="10"/>
    </row>
    <row r="829437" spans="14:14">
      <c r="N829437" s="10"/>
    </row>
    <row r="829438" spans="14:14">
      <c r="N829438" s="10"/>
    </row>
    <row r="829439" spans="14:14">
      <c r="N829439" s="10"/>
    </row>
    <row r="829440" spans="14:14">
      <c r="N829440" s="10"/>
    </row>
    <row r="829441" spans="14:14">
      <c r="N829441" s="10"/>
    </row>
    <row r="829442" spans="14:14">
      <c r="N829442" s="10"/>
    </row>
    <row r="829443" spans="14:14">
      <c r="N829443" s="10"/>
    </row>
    <row r="829444" spans="14:14">
      <c r="N829444" s="10"/>
    </row>
    <row r="829445" spans="14:14">
      <c r="N829445" s="10"/>
    </row>
    <row r="829446" spans="14:14">
      <c r="N829446" s="10"/>
    </row>
    <row r="829447" spans="14:14">
      <c r="N829447" s="10"/>
    </row>
    <row r="829448" spans="14:14">
      <c r="N829448" s="10"/>
    </row>
    <row r="829449" spans="14:14">
      <c r="N829449" s="10"/>
    </row>
    <row r="829450" spans="14:14">
      <c r="N829450" s="10"/>
    </row>
    <row r="829451" spans="14:14">
      <c r="N829451" s="10"/>
    </row>
    <row r="829452" spans="14:14">
      <c r="N829452" s="10"/>
    </row>
    <row r="829453" spans="14:14">
      <c r="N829453" s="10"/>
    </row>
    <row r="829454" spans="14:14">
      <c r="N829454" s="10"/>
    </row>
    <row r="829455" spans="14:14">
      <c r="N829455" s="10"/>
    </row>
    <row r="829456" spans="14:14">
      <c r="N829456" s="10"/>
    </row>
    <row r="829457" spans="14:14">
      <c r="N829457" s="10"/>
    </row>
    <row r="829458" spans="14:14">
      <c r="N829458" s="10"/>
    </row>
    <row r="829459" spans="14:14">
      <c r="N829459" s="10"/>
    </row>
    <row r="829460" spans="14:14">
      <c r="N829460" s="10"/>
    </row>
    <row r="829461" spans="14:14">
      <c r="N829461" s="10"/>
    </row>
    <row r="829462" spans="14:14">
      <c r="N829462" s="10"/>
    </row>
    <row r="829463" spans="14:14">
      <c r="N829463" s="10"/>
    </row>
    <row r="829464" spans="14:14">
      <c r="N829464" s="10"/>
    </row>
    <row r="829465" spans="14:14">
      <c r="N829465" s="10"/>
    </row>
    <row r="829466" spans="14:14">
      <c r="N829466" s="10"/>
    </row>
    <row r="829467" spans="14:14">
      <c r="N829467" s="10"/>
    </row>
    <row r="829468" spans="14:14">
      <c r="N829468" s="10"/>
    </row>
    <row r="829469" spans="14:14">
      <c r="N829469" s="10"/>
    </row>
    <row r="829470" spans="14:14">
      <c r="N829470" s="10"/>
    </row>
    <row r="829471" spans="14:14">
      <c r="N829471" s="10"/>
    </row>
    <row r="829472" spans="14:14">
      <c r="N829472" s="10"/>
    </row>
    <row r="829473" spans="14:14">
      <c r="N829473" s="10"/>
    </row>
    <row r="829474" spans="14:14">
      <c r="N829474" s="10"/>
    </row>
    <row r="829475" spans="14:14">
      <c r="N829475" s="10"/>
    </row>
    <row r="829476" spans="14:14">
      <c r="N829476" s="10"/>
    </row>
    <row r="829477" spans="14:14">
      <c r="N829477" s="10"/>
    </row>
    <row r="829478" spans="14:14">
      <c r="N829478" s="10"/>
    </row>
    <row r="829479" spans="14:14">
      <c r="N829479" s="10"/>
    </row>
    <row r="829480" spans="14:14">
      <c r="N829480" s="10"/>
    </row>
    <row r="829481" spans="14:14">
      <c r="N829481" s="10"/>
    </row>
    <row r="829482" spans="14:14">
      <c r="N829482" s="10"/>
    </row>
    <row r="829483" spans="14:14">
      <c r="N829483" s="10"/>
    </row>
    <row r="829484" spans="14:14">
      <c r="N829484" s="10"/>
    </row>
    <row r="829485" spans="14:14">
      <c r="N829485" s="10"/>
    </row>
    <row r="829486" spans="14:14">
      <c r="N829486" s="10"/>
    </row>
    <row r="829487" spans="14:14">
      <c r="N829487" s="10"/>
    </row>
    <row r="829488" spans="14:14">
      <c r="N829488" s="10"/>
    </row>
    <row r="829489" spans="14:14">
      <c r="N829489" s="10"/>
    </row>
    <row r="829490" spans="14:14">
      <c r="N829490" s="10"/>
    </row>
    <row r="829491" spans="14:14">
      <c r="N829491" s="10"/>
    </row>
    <row r="829492" spans="14:14">
      <c r="N829492" s="10"/>
    </row>
    <row r="829493" spans="14:14">
      <c r="N829493" s="10"/>
    </row>
    <row r="829494" spans="14:14">
      <c r="N829494" s="10"/>
    </row>
    <row r="829495" spans="14:14">
      <c r="N829495" s="10"/>
    </row>
    <row r="829496" spans="14:14">
      <c r="N829496" s="10"/>
    </row>
    <row r="829497" spans="14:14">
      <c r="N829497" s="10"/>
    </row>
    <row r="829498" spans="14:14">
      <c r="N829498" s="10"/>
    </row>
    <row r="829499" spans="14:14">
      <c r="N829499" s="10"/>
    </row>
    <row r="829500" spans="14:14">
      <c r="N829500" s="10"/>
    </row>
    <row r="829501" spans="14:14">
      <c r="N829501" s="10"/>
    </row>
    <row r="829502" spans="14:14">
      <c r="N829502" s="10"/>
    </row>
    <row r="829503" spans="14:14">
      <c r="N829503" s="10"/>
    </row>
    <row r="829504" spans="14:14">
      <c r="N829504" s="10"/>
    </row>
    <row r="829505" spans="14:14">
      <c r="N829505" s="10"/>
    </row>
    <row r="829506" spans="14:14">
      <c r="N829506" s="10"/>
    </row>
    <row r="829507" spans="14:14">
      <c r="N829507" s="10"/>
    </row>
    <row r="829508" spans="14:14">
      <c r="N829508" s="10"/>
    </row>
    <row r="829509" spans="14:14">
      <c r="N829509" s="10"/>
    </row>
    <row r="829510" spans="14:14">
      <c r="N829510" s="10"/>
    </row>
    <row r="829511" spans="14:14">
      <c r="N829511" s="10"/>
    </row>
    <row r="829512" spans="14:14">
      <c r="N829512" s="10"/>
    </row>
    <row r="829513" spans="14:14">
      <c r="N829513" s="10"/>
    </row>
    <row r="829514" spans="14:14">
      <c r="N829514" s="10"/>
    </row>
    <row r="829515" spans="14:14">
      <c r="N829515" s="10"/>
    </row>
    <row r="829516" spans="14:14">
      <c r="N829516" s="10"/>
    </row>
    <row r="829517" spans="14:14">
      <c r="N829517" s="10"/>
    </row>
    <row r="829518" spans="14:14">
      <c r="N829518" s="10"/>
    </row>
    <row r="829519" spans="14:14">
      <c r="N829519" s="10"/>
    </row>
    <row r="829520" spans="14:14">
      <c r="N829520" s="10"/>
    </row>
    <row r="829521" spans="14:14">
      <c r="N829521" s="10"/>
    </row>
    <row r="829522" spans="14:14">
      <c r="N829522" s="10"/>
    </row>
    <row r="829523" spans="14:14">
      <c r="N829523" s="10"/>
    </row>
    <row r="829524" spans="14:14">
      <c r="N829524" s="10"/>
    </row>
    <row r="829525" spans="14:14">
      <c r="N829525" s="10"/>
    </row>
    <row r="829526" spans="14:14">
      <c r="N829526" s="10"/>
    </row>
    <row r="829527" spans="14:14">
      <c r="N829527" s="10"/>
    </row>
    <row r="829528" spans="14:14">
      <c r="N829528" s="10"/>
    </row>
    <row r="829529" spans="14:14">
      <c r="N829529" s="10"/>
    </row>
    <row r="829530" spans="14:14">
      <c r="N829530" s="10"/>
    </row>
    <row r="829531" spans="14:14">
      <c r="N829531" s="10"/>
    </row>
    <row r="829532" spans="14:14">
      <c r="N829532" s="10"/>
    </row>
    <row r="829533" spans="14:14">
      <c r="N829533" s="10"/>
    </row>
    <row r="829534" spans="14:14">
      <c r="N829534" s="10"/>
    </row>
    <row r="829535" spans="14:14">
      <c r="N829535" s="10"/>
    </row>
    <row r="829536" spans="14:14">
      <c r="N829536" s="10"/>
    </row>
    <row r="829537" spans="14:14">
      <c r="N829537" s="10"/>
    </row>
    <row r="829538" spans="14:14">
      <c r="N829538" s="10"/>
    </row>
    <row r="829539" spans="14:14">
      <c r="N829539" s="10"/>
    </row>
    <row r="829540" spans="14:14">
      <c r="N829540" s="10"/>
    </row>
    <row r="829541" spans="14:14">
      <c r="N829541" s="10"/>
    </row>
    <row r="829542" spans="14:14">
      <c r="N829542" s="10"/>
    </row>
    <row r="829543" spans="14:14">
      <c r="N829543" s="10"/>
    </row>
    <row r="829544" spans="14:14">
      <c r="N829544" s="10"/>
    </row>
    <row r="829545" spans="14:14">
      <c r="N829545" s="10"/>
    </row>
    <row r="829546" spans="14:14">
      <c r="N829546" s="10"/>
    </row>
    <row r="829547" spans="14:14">
      <c r="N829547" s="10"/>
    </row>
    <row r="829548" spans="14:14">
      <c r="N829548" s="10"/>
    </row>
    <row r="829549" spans="14:14">
      <c r="N829549" s="10"/>
    </row>
    <row r="829550" spans="14:14">
      <c r="N829550" s="10"/>
    </row>
    <row r="829551" spans="14:14">
      <c r="N829551" s="10"/>
    </row>
    <row r="829552" spans="14:14">
      <c r="N829552" s="10"/>
    </row>
    <row r="829553" spans="14:14">
      <c r="N829553" s="10"/>
    </row>
    <row r="829554" spans="14:14">
      <c r="N829554" s="10"/>
    </row>
    <row r="829555" spans="14:14">
      <c r="N829555" s="10"/>
    </row>
    <row r="829556" spans="14:14">
      <c r="N829556" s="10"/>
    </row>
    <row r="829557" spans="14:14">
      <c r="N829557" s="10"/>
    </row>
    <row r="829558" spans="14:14">
      <c r="N829558" s="10"/>
    </row>
    <row r="829559" spans="14:14">
      <c r="N829559" s="10"/>
    </row>
    <row r="829560" spans="14:14">
      <c r="N829560" s="10"/>
    </row>
    <row r="829561" spans="14:14">
      <c r="N829561" s="10"/>
    </row>
    <row r="829562" spans="14:14">
      <c r="N829562" s="10"/>
    </row>
    <row r="829563" spans="14:14">
      <c r="N829563" s="10"/>
    </row>
    <row r="829564" spans="14:14">
      <c r="N829564" s="10"/>
    </row>
    <row r="829565" spans="14:14">
      <c r="N829565" s="10"/>
    </row>
    <row r="829566" spans="14:14">
      <c r="N829566" s="10"/>
    </row>
    <row r="829567" spans="14:14">
      <c r="N829567" s="10"/>
    </row>
    <row r="829568" spans="14:14">
      <c r="N829568" s="10"/>
    </row>
    <row r="829569" spans="14:14">
      <c r="N829569" s="10"/>
    </row>
    <row r="829570" spans="14:14">
      <c r="N829570" s="10"/>
    </row>
    <row r="829571" spans="14:14">
      <c r="N829571" s="10"/>
    </row>
    <row r="829572" spans="14:14">
      <c r="N829572" s="10"/>
    </row>
    <row r="829573" spans="14:14">
      <c r="N829573" s="10"/>
    </row>
    <row r="829574" spans="14:14">
      <c r="N829574" s="10"/>
    </row>
    <row r="829575" spans="14:14">
      <c r="N829575" s="10"/>
    </row>
    <row r="829576" spans="14:14">
      <c r="N829576" s="10"/>
    </row>
    <row r="829577" spans="14:14">
      <c r="N829577" s="10"/>
    </row>
    <row r="829578" spans="14:14">
      <c r="N829578" s="10"/>
    </row>
    <row r="829579" spans="14:14">
      <c r="N829579" s="10"/>
    </row>
    <row r="829580" spans="14:14">
      <c r="N829580" s="10"/>
    </row>
    <row r="829581" spans="14:14">
      <c r="N829581" s="10"/>
    </row>
    <row r="829582" spans="14:14">
      <c r="N829582" s="10"/>
    </row>
    <row r="829583" spans="14:14">
      <c r="N829583" s="10"/>
    </row>
    <row r="829584" spans="14:14">
      <c r="N829584" s="10"/>
    </row>
    <row r="829585" spans="14:14">
      <c r="N829585" s="10"/>
    </row>
    <row r="829586" spans="14:14">
      <c r="N829586" s="10"/>
    </row>
    <row r="829587" spans="14:14">
      <c r="N829587" s="10"/>
    </row>
    <row r="829588" spans="14:14">
      <c r="N829588" s="10"/>
    </row>
    <row r="829589" spans="14:14">
      <c r="N829589" s="10"/>
    </row>
    <row r="829590" spans="14:14">
      <c r="N829590" s="10"/>
    </row>
    <row r="829591" spans="14:14">
      <c r="N829591" s="10"/>
    </row>
    <row r="829592" spans="14:14">
      <c r="N829592" s="10"/>
    </row>
    <row r="829593" spans="14:14">
      <c r="N829593" s="10"/>
    </row>
    <row r="829594" spans="14:14">
      <c r="N829594" s="10"/>
    </row>
    <row r="829595" spans="14:14">
      <c r="N829595" s="10"/>
    </row>
    <row r="829596" spans="14:14">
      <c r="N829596" s="10"/>
    </row>
    <row r="829597" spans="14:14">
      <c r="N829597" s="10"/>
    </row>
    <row r="829598" spans="14:14">
      <c r="N829598" s="10"/>
    </row>
    <row r="829599" spans="14:14">
      <c r="N829599" s="10"/>
    </row>
    <row r="829600" spans="14:14">
      <c r="N829600" s="10"/>
    </row>
    <row r="829601" spans="14:14">
      <c r="N829601" s="10"/>
    </row>
    <row r="829602" spans="14:14">
      <c r="N829602" s="10"/>
    </row>
    <row r="829603" spans="14:14">
      <c r="N829603" s="10"/>
    </row>
    <row r="829604" spans="14:14">
      <c r="N829604" s="10"/>
    </row>
    <row r="829605" spans="14:14">
      <c r="N829605" s="10"/>
    </row>
    <row r="829606" spans="14:14">
      <c r="N829606" s="10"/>
    </row>
    <row r="829607" spans="14:14">
      <c r="N829607" s="10"/>
    </row>
    <row r="829608" spans="14:14">
      <c r="N829608" s="10"/>
    </row>
    <row r="829609" spans="14:14">
      <c r="N829609" s="10"/>
    </row>
    <row r="829610" spans="14:14">
      <c r="N829610" s="10"/>
    </row>
    <row r="829611" spans="14:14">
      <c r="N829611" s="10"/>
    </row>
    <row r="829612" spans="14:14">
      <c r="N829612" s="10"/>
    </row>
    <row r="829613" spans="14:14">
      <c r="N829613" s="10"/>
    </row>
    <row r="829614" spans="14:14">
      <c r="N829614" s="10"/>
    </row>
    <row r="829615" spans="14:14">
      <c r="N829615" s="10"/>
    </row>
    <row r="829616" spans="14:14">
      <c r="N829616" s="10"/>
    </row>
    <row r="829617" spans="14:14">
      <c r="N829617" s="10"/>
    </row>
    <row r="829618" spans="14:14">
      <c r="N829618" s="10"/>
    </row>
    <row r="829619" spans="14:14">
      <c r="N829619" s="10"/>
    </row>
    <row r="829620" spans="14:14">
      <c r="N829620" s="10"/>
    </row>
    <row r="829621" spans="14:14">
      <c r="N829621" s="10"/>
    </row>
    <row r="829622" spans="14:14">
      <c r="N829622" s="10"/>
    </row>
    <row r="829623" spans="14:14">
      <c r="N829623" s="10"/>
    </row>
    <row r="829624" spans="14:14">
      <c r="N829624" s="10"/>
    </row>
    <row r="829625" spans="14:14">
      <c r="N829625" s="10"/>
    </row>
    <row r="829626" spans="14:14">
      <c r="N829626" s="10"/>
    </row>
    <row r="829627" spans="14:14">
      <c r="N829627" s="10"/>
    </row>
    <row r="829628" spans="14:14">
      <c r="N829628" s="10"/>
    </row>
    <row r="829629" spans="14:14">
      <c r="N829629" s="10"/>
    </row>
    <row r="829630" spans="14:14">
      <c r="N829630" s="10"/>
    </row>
    <row r="829631" spans="14:14">
      <c r="N829631" s="10"/>
    </row>
    <row r="829632" spans="14:14">
      <c r="N829632" s="10"/>
    </row>
    <row r="829633" spans="14:14">
      <c r="N829633" s="10"/>
    </row>
    <row r="829634" spans="14:14">
      <c r="N829634" s="10"/>
    </row>
    <row r="829635" spans="14:14">
      <c r="N829635" s="10"/>
    </row>
    <row r="829636" spans="14:14">
      <c r="N829636" s="10"/>
    </row>
    <row r="829637" spans="14:14">
      <c r="N829637" s="10"/>
    </row>
    <row r="829638" spans="14:14">
      <c r="N829638" s="10"/>
    </row>
    <row r="829639" spans="14:14">
      <c r="N829639" s="10"/>
    </row>
    <row r="829640" spans="14:14">
      <c r="N829640" s="10"/>
    </row>
    <row r="829641" spans="14:14">
      <c r="N829641" s="10"/>
    </row>
    <row r="829642" spans="14:14">
      <c r="N829642" s="10"/>
    </row>
    <row r="829643" spans="14:14">
      <c r="N829643" s="10"/>
    </row>
    <row r="829644" spans="14:14">
      <c r="N829644" s="10"/>
    </row>
    <row r="829645" spans="14:14">
      <c r="N829645" s="10"/>
    </row>
    <row r="829646" spans="14:14">
      <c r="N829646" s="10"/>
    </row>
    <row r="829647" spans="14:14">
      <c r="N829647" s="10"/>
    </row>
    <row r="829648" spans="14:14">
      <c r="N829648" s="10"/>
    </row>
    <row r="829649" spans="14:14">
      <c r="N829649" s="10"/>
    </row>
    <row r="829650" spans="14:14">
      <c r="N829650" s="10"/>
    </row>
    <row r="829651" spans="14:14">
      <c r="N829651" s="10"/>
    </row>
    <row r="829652" spans="14:14">
      <c r="N829652" s="10"/>
    </row>
    <row r="829653" spans="14:14">
      <c r="N829653" s="10"/>
    </row>
    <row r="829654" spans="14:14">
      <c r="N829654" s="10"/>
    </row>
    <row r="829655" spans="14:14">
      <c r="N829655" s="10"/>
    </row>
    <row r="829656" spans="14:14">
      <c r="N829656" s="10"/>
    </row>
    <row r="829657" spans="14:14">
      <c r="N829657" s="10"/>
    </row>
    <row r="829658" spans="14:14">
      <c r="N829658" s="10"/>
    </row>
    <row r="829659" spans="14:14">
      <c r="N829659" s="10"/>
    </row>
    <row r="829660" spans="14:14">
      <c r="N829660" s="10"/>
    </row>
    <row r="829661" spans="14:14">
      <c r="N829661" s="10"/>
    </row>
    <row r="829662" spans="14:14">
      <c r="N829662" s="10"/>
    </row>
    <row r="829663" spans="14:14">
      <c r="N829663" s="10"/>
    </row>
    <row r="829664" spans="14:14">
      <c r="N829664" s="10"/>
    </row>
    <row r="829665" spans="14:14">
      <c r="N829665" s="10"/>
    </row>
    <row r="829666" spans="14:14">
      <c r="N829666" s="10"/>
    </row>
    <row r="829667" spans="14:14">
      <c r="N829667" s="10"/>
    </row>
    <row r="829668" spans="14:14">
      <c r="N829668" s="10"/>
    </row>
    <row r="829669" spans="14:14">
      <c r="N829669" s="10"/>
    </row>
    <row r="829670" spans="14:14">
      <c r="N829670" s="10"/>
    </row>
    <row r="829671" spans="14:14">
      <c r="N829671" s="10"/>
    </row>
    <row r="829672" spans="14:14">
      <c r="N829672" s="10"/>
    </row>
    <row r="829673" spans="14:14">
      <c r="N829673" s="10"/>
    </row>
    <row r="829674" spans="14:14">
      <c r="N829674" s="10"/>
    </row>
    <row r="829675" spans="14:14">
      <c r="N829675" s="10"/>
    </row>
    <row r="829676" spans="14:14">
      <c r="N829676" s="10"/>
    </row>
    <row r="829677" spans="14:14">
      <c r="N829677" s="10"/>
    </row>
    <row r="829678" spans="14:14">
      <c r="N829678" s="10"/>
    </row>
    <row r="829679" spans="14:14">
      <c r="N829679" s="10"/>
    </row>
    <row r="829680" spans="14:14">
      <c r="N829680" s="10"/>
    </row>
    <row r="829681" spans="14:14">
      <c r="N829681" s="10"/>
    </row>
    <row r="829682" spans="14:14">
      <c r="N829682" s="10"/>
    </row>
    <row r="829683" spans="14:14">
      <c r="N829683" s="10"/>
    </row>
    <row r="829684" spans="14:14">
      <c r="N829684" s="10"/>
    </row>
    <row r="829685" spans="14:14">
      <c r="N829685" s="10"/>
    </row>
    <row r="829686" spans="14:14">
      <c r="N829686" s="10"/>
    </row>
    <row r="829687" spans="14:14">
      <c r="N829687" s="10"/>
    </row>
    <row r="829688" spans="14:14">
      <c r="N829688" s="10"/>
    </row>
    <row r="829689" spans="14:14">
      <c r="N829689" s="10"/>
    </row>
    <row r="829690" spans="14:14">
      <c r="N829690" s="10"/>
    </row>
    <row r="829691" spans="14:14">
      <c r="N829691" s="10"/>
    </row>
    <row r="829692" spans="14:14">
      <c r="N829692" s="10"/>
    </row>
    <row r="829693" spans="14:14">
      <c r="N829693" s="10"/>
    </row>
    <row r="829694" spans="14:14">
      <c r="N829694" s="10"/>
    </row>
    <row r="829695" spans="14:14">
      <c r="N829695" s="10"/>
    </row>
    <row r="829696" spans="14:14">
      <c r="N829696" s="10"/>
    </row>
    <row r="829697" spans="14:14">
      <c r="N829697" s="10"/>
    </row>
    <row r="829698" spans="14:14">
      <c r="N829698" s="10"/>
    </row>
    <row r="829699" spans="14:14">
      <c r="N829699" s="10"/>
    </row>
    <row r="829700" spans="14:14">
      <c r="N829700" s="10"/>
    </row>
    <row r="829701" spans="14:14">
      <c r="N829701" s="10"/>
    </row>
    <row r="829702" spans="14:14">
      <c r="N829702" s="10"/>
    </row>
    <row r="829703" spans="14:14">
      <c r="N829703" s="10"/>
    </row>
    <row r="829704" spans="14:14">
      <c r="N829704" s="10"/>
    </row>
    <row r="829705" spans="14:14">
      <c r="N829705" s="10"/>
    </row>
    <row r="829706" spans="14:14">
      <c r="N829706" s="10"/>
    </row>
    <row r="829707" spans="14:14">
      <c r="N829707" s="10"/>
    </row>
    <row r="829708" spans="14:14">
      <c r="N829708" s="10"/>
    </row>
    <row r="829709" spans="14:14">
      <c r="N829709" s="10"/>
    </row>
    <row r="829710" spans="14:14">
      <c r="N829710" s="10"/>
    </row>
    <row r="829711" spans="14:14">
      <c r="N829711" s="10"/>
    </row>
    <row r="829712" spans="14:14">
      <c r="N829712" s="10"/>
    </row>
    <row r="829713" spans="14:14">
      <c r="N829713" s="10"/>
    </row>
    <row r="829714" spans="14:14">
      <c r="N829714" s="10"/>
    </row>
    <row r="829715" spans="14:14">
      <c r="N829715" s="10"/>
    </row>
    <row r="829716" spans="14:14">
      <c r="N829716" s="10"/>
    </row>
    <row r="829717" spans="14:14">
      <c r="N829717" s="10"/>
    </row>
    <row r="829718" spans="14:14">
      <c r="N829718" s="10"/>
    </row>
    <row r="829719" spans="14:14">
      <c r="N829719" s="10"/>
    </row>
    <row r="829720" spans="14:14">
      <c r="N829720" s="10"/>
    </row>
    <row r="829721" spans="14:14">
      <c r="N829721" s="10"/>
    </row>
    <row r="829722" spans="14:14">
      <c r="N829722" s="10"/>
    </row>
    <row r="829723" spans="14:14">
      <c r="N829723" s="10"/>
    </row>
    <row r="829724" spans="14:14">
      <c r="N829724" s="10"/>
    </row>
    <row r="829725" spans="14:14">
      <c r="N829725" s="10"/>
    </row>
    <row r="829726" spans="14:14">
      <c r="N829726" s="10"/>
    </row>
    <row r="829727" spans="14:14">
      <c r="N829727" s="10"/>
    </row>
    <row r="829728" spans="14:14">
      <c r="N829728" s="10"/>
    </row>
    <row r="829729" spans="14:14">
      <c r="N829729" s="10"/>
    </row>
    <row r="829730" spans="14:14">
      <c r="N829730" s="10"/>
    </row>
    <row r="829731" spans="14:14">
      <c r="N829731" s="10"/>
    </row>
    <row r="829732" spans="14:14">
      <c r="N829732" s="10"/>
    </row>
    <row r="829733" spans="14:14">
      <c r="N829733" s="10"/>
    </row>
    <row r="829734" spans="14:14">
      <c r="N829734" s="10"/>
    </row>
    <row r="829735" spans="14:14">
      <c r="N829735" s="10"/>
    </row>
    <row r="829736" spans="14:14">
      <c r="N829736" s="10"/>
    </row>
    <row r="829737" spans="14:14">
      <c r="N829737" s="10"/>
    </row>
    <row r="829738" spans="14:14">
      <c r="N829738" s="10"/>
    </row>
    <row r="829739" spans="14:14">
      <c r="N829739" s="10"/>
    </row>
    <row r="829740" spans="14:14">
      <c r="N829740" s="10"/>
    </row>
    <row r="829741" spans="14:14">
      <c r="N829741" s="10"/>
    </row>
    <row r="829742" spans="14:14">
      <c r="N829742" s="10"/>
    </row>
    <row r="829743" spans="14:14">
      <c r="N829743" s="10"/>
    </row>
    <row r="829744" spans="14:14">
      <c r="N829744" s="10"/>
    </row>
    <row r="829745" spans="14:14">
      <c r="N829745" s="10"/>
    </row>
    <row r="829746" spans="14:14">
      <c r="N829746" s="10"/>
    </row>
    <row r="829747" spans="14:14">
      <c r="N829747" s="10"/>
    </row>
    <row r="829748" spans="14:14">
      <c r="N829748" s="10"/>
    </row>
    <row r="829749" spans="14:14">
      <c r="N829749" s="10"/>
    </row>
    <row r="829750" spans="14:14">
      <c r="N829750" s="10"/>
    </row>
    <row r="829751" spans="14:14">
      <c r="N829751" s="10"/>
    </row>
    <row r="829752" spans="14:14">
      <c r="N829752" s="10"/>
    </row>
    <row r="829753" spans="14:14">
      <c r="N829753" s="10"/>
    </row>
    <row r="829754" spans="14:14">
      <c r="N829754" s="10"/>
    </row>
    <row r="829755" spans="14:14">
      <c r="N829755" s="10"/>
    </row>
    <row r="829756" spans="14:14">
      <c r="N829756" s="10"/>
    </row>
    <row r="829757" spans="14:14">
      <c r="N829757" s="10"/>
    </row>
    <row r="829758" spans="14:14">
      <c r="N829758" s="10"/>
    </row>
    <row r="829759" spans="14:14">
      <c r="N829759" s="10"/>
    </row>
    <row r="829760" spans="14:14">
      <c r="N829760" s="10"/>
    </row>
    <row r="829761" spans="14:14">
      <c r="N829761" s="10"/>
    </row>
    <row r="829762" spans="14:14">
      <c r="N829762" s="10"/>
    </row>
    <row r="829763" spans="14:14">
      <c r="N829763" s="10"/>
    </row>
    <row r="829764" spans="14:14">
      <c r="N829764" s="10"/>
    </row>
    <row r="829765" spans="14:14">
      <c r="N829765" s="10"/>
    </row>
    <row r="829766" spans="14:14">
      <c r="N829766" s="10"/>
    </row>
    <row r="829767" spans="14:14">
      <c r="N829767" s="10"/>
    </row>
    <row r="829768" spans="14:14">
      <c r="N829768" s="10"/>
    </row>
    <row r="829769" spans="14:14">
      <c r="N829769" s="10"/>
    </row>
    <row r="829770" spans="14:14">
      <c r="N829770" s="10"/>
    </row>
    <row r="829771" spans="14:14">
      <c r="N829771" s="10"/>
    </row>
    <row r="829772" spans="14:14">
      <c r="N829772" s="10"/>
    </row>
    <row r="829773" spans="14:14">
      <c r="N829773" s="10"/>
    </row>
    <row r="829774" spans="14:14">
      <c r="N829774" s="10"/>
    </row>
    <row r="829775" spans="14:14">
      <c r="N829775" s="10"/>
    </row>
    <row r="829776" spans="14:14">
      <c r="N829776" s="10"/>
    </row>
    <row r="829777" spans="14:14">
      <c r="N829777" s="10"/>
    </row>
    <row r="829778" spans="14:14">
      <c r="N829778" s="10"/>
    </row>
    <row r="829779" spans="14:14">
      <c r="N829779" s="10"/>
    </row>
    <row r="829780" spans="14:14">
      <c r="N829780" s="10"/>
    </row>
    <row r="829781" spans="14:14">
      <c r="N829781" s="10"/>
    </row>
    <row r="829782" spans="14:14">
      <c r="N829782" s="10"/>
    </row>
    <row r="829783" spans="14:14">
      <c r="N829783" s="10"/>
    </row>
    <row r="829784" spans="14:14">
      <c r="N829784" s="10"/>
    </row>
    <row r="829785" spans="14:14">
      <c r="N829785" s="10"/>
    </row>
    <row r="829786" spans="14:14">
      <c r="N829786" s="10"/>
    </row>
    <row r="829787" spans="14:14">
      <c r="N829787" s="10"/>
    </row>
    <row r="829788" spans="14:14">
      <c r="N829788" s="10"/>
    </row>
    <row r="829789" spans="14:14">
      <c r="N829789" s="10"/>
    </row>
    <row r="829790" spans="14:14">
      <c r="N829790" s="10"/>
    </row>
    <row r="829791" spans="14:14">
      <c r="N829791" s="10"/>
    </row>
    <row r="829792" spans="14:14">
      <c r="N829792" s="10"/>
    </row>
    <row r="829793" spans="14:14">
      <c r="N829793" s="10"/>
    </row>
    <row r="829794" spans="14:14">
      <c r="N829794" s="10"/>
    </row>
    <row r="829795" spans="14:14">
      <c r="N829795" s="10"/>
    </row>
    <row r="829796" spans="14:14">
      <c r="N829796" s="10"/>
    </row>
    <row r="829797" spans="14:14">
      <c r="N829797" s="10"/>
    </row>
    <row r="829798" spans="14:14">
      <c r="N829798" s="10"/>
    </row>
    <row r="829799" spans="14:14">
      <c r="N829799" s="10"/>
    </row>
    <row r="829800" spans="14:14">
      <c r="N829800" s="10"/>
    </row>
    <row r="829801" spans="14:14">
      <c r="N829801" s="10"/>
    </row>
    <row r="829802" spans="14:14">
      <c r="N829802" s="10"/>
    </row>
    <row r="829803" spans="14:14">
      <c r="N829803" s="10"/>
    </row>
    <row r="829804" spans="14:14">
      <c r="N829804" s="10"/>
    </row>
    <row r="829805" spans="14:14">
      <c r="N829805" s="10"/>
    </row>
    <row r="829806" spans="14:14">
      <c r="N829806" s="10"/>
    </row>
    <row r="829807" spans="14:14">
      <c r="N829807" s="10"/>
    </row>
    <row r="829808" spans="14:14">
      <c r="N829808" s="10"/>
    </row>
    <row r="829809" spans="14:14">
      <c r="N829809" s="10"/>
    </row>
    <row r="829810" spans="14:14">
      <c r="N829810" s="10"/>
    </row>
    <row r="829811" spans="14:14">
      <c r="N829811" s="10"/>
    </row>
    <row r="829812" spans="14:14">
      <c r="N829812" s="10"/>
    </row>
    <row r="829813" spans="14:14">
      <c r="N829813" s="10"/>
    </row>
    <row r="829814" spans="14:14">
      <c r="N829814" s="10"/>
    </row>
    <row r="829815" spans="14:14">
      <c r="N829815" s="10"/>
    </row>
    <row r="829816" spans="14:14">
      <c r="N829816" s="10"/>
    </row>
    <row r="829817" spans="14:14">
      <c r="N829817" s="10"/>
    </row>
    <row r="829818" spans="14:14">
      <c r="N829818" s="10"/>
    </row>
    <row r="829819" spans="14:14">
      <c r="N829819" s="10"/>
    </row>
    <row r="829820" spans="14:14">
      <c r="N829820" s="10"/>
    </row>
    <row r="829821" spans="14:14">
      <c r="N829821" s="10"/>
    </row>
    <row r="829822" spans="14:14">
      <c r="N829822" s="10"/>
    </row>
    <row r="829823" spans="14:14">
      <c r="N829823" s="10"/>
    </row>
    <row r="829824" spans="14:14">
      <c r="N829824" s="10"/>
    </row>
    <row r="829825" spans="14:14">
      <c r="N829825" s="10"/>
    </row>
    <row r="829826" spans="14:14">
      <c r="N829826" s="10"/>
    </row>
    <row r="829827" spans="14:14">
      <c r="N829827" s="10"/>
    </row>
    <row r="829828" spans="14:14">
      <c r="N829828" s="10"/>
    </row>
    <row r="829829" spans="14:14">
      <c r="N829829" s="10"/>
    </row>
    <row r="829830" spans="14:14">
      <c r="N829830" s="10"/>
    </row>
    <row r="829831" spans="14:14">
      <c r="N829831" s="10"/>
    </row>
    <row r="829832" spans="14:14">
      <c r="N829832" s="10"/>
    </row>
    <row r="829833" spans="14:14">
      <c r="N829833" s="10"/>
    </row>
    <row r="829834" spans="14:14">
      <c r="N829834" s="10"/>
    </row>
    <row r="829835" spans="14:14">
      <c r="N829835" s="10"/>
    </row>
    <row r="829836" spans="14:14">
      <c r="N829836" s="10"/>
    </row>
    <row r="829837" spans="14:14">
      <c r="N829837" s="10"/>
    </row>
    <row r="829838" spans="14:14">
      <c r="N829838" s="10"/>
    </row>
    <row r="829839" spans="14:14">
      <c r="N829839" s="10"/>
    </row>
    <row r="829840" spans="14:14">
      <c r="N829840" s="10"/>
    </row>
    <row r="829841" spans="14:14">
      <c r="N829841" s="10"/>
    </row>
    <row r="829842" spans="14:14">
      <c r="N829842" s="10"/>
    </row>
    <row r="829843" spans="14:14">
      <c r="N829843" s="10"/>
    </row>
    <row r="829844" spans="14:14">
      <c r="N829844" s="10"/>
    </row>
    <row r="829845" spans="14:14">
      <c r="N829845" s="10"/>
    </row>
    <row r="829846" spans="14:14">
      <c r="N829846" s="10"/>
    </row>
    <row r="829847" spans="14:14">
      <c r="N829847" s="10"/>
    </row>
    <row r="829848" spans="14:14">
      <c r="N829848" s="10"/>
    </row>
    <row r="829849" spans="14:14">
      <c r="N829849" s="10"/>
    </row>
    <row r="829850" spans="14:14">
      <c r="N829850" s="10"/>
    </row>
    <row r="829851" spans="14:14">
      <c r="N829851" s="10"/>
    </row>
    <row r="829852" spans="14:14">
      <c r="N829852" s="10"/>
    </row>
    <row r="829853" spans="14:14">
      <c r="N829853" s="10"/>
    </row>
    <row r="829854" spans="14:14">
      <c r="N829854" s="10"/>
    </row>
    <row r="829855" spans="14:14">
      <c r="N829855" s="10"/>
    </row>
    <row r="829856" spans="14:14">
      <c r="N829856" s="10"/>
    </row>
    <row r="829857" spans="14:14">
      <c r="N829857" s="10"/>
    </row>
    <row r="829858" spans="14:14">
      <c r="N829858" s="10"/>
    </row>
    <row r="829859" spans="14:14">
      <c r="N829859" s="10"/>
    </row>
    <row r="829860" spans="14:14">
      <c r="N829860" s="10"/>
    </row>
    <row r="829861" spans="14:14">
      <c r="N829861" s="10"/>
    </row>
    <row r="829862" spans="14:14">
      <c r="N829862" s="10"/>
    </row>
    <row r="829863" spans="14:14">
      <c r="N829863" s="10"/>
    </row>
    <row r="829864" spans="14:14">
      <c r="N829864" s="10"/>
    </row>
    <row r="829865" spans="14:14">
      <c r="N829865" s="10"/>
    </row>
    <row r="829866" spans="14:14">
      <c r="N829866" s="10"/>
    </row>
    <row r="829867" spans="14:14">
      <c r="N829867" s="10"/>
    </row>
    <row r="829868" spans="14:14">
      <c r="N829868" s="10"/>
    </row>
    <row r="829869" spans="14:14">
      <c r="N829869" s="10"/>
    </row>
    <row r="829870" spans="14:14">
      <c r="N829870" s="10"/>
    </row>
    <row r="829871" spans="14:14">
      <c r="N829871" s="10"/>
    </row>
    <row r="829872" spans="14:14">
      <c r="N829872" s="10"/>
    </row>
    <row r="829873" spans="14:14">
      <c r="N829873" s="10"/>
    </row>
    <row r="829874" spans="14:14">
      <c r="N829874" s="10"/>
    </row>
    <row r="829875" spans="14:14">
      <c r="N829875" s="10"/>
    </row>
    <row r="829876" spans="14:14">
      <c r="N829876" s="10"/>
    </row>
    <row r="829877" spans="14:14">
      <c r="N829877" s="10"/>
    </row>
    <row r="829878" spans="14:14">
      <c r="N829878" s="10"/>
    </row>
    <row r="829879" spans="14:14">
      <c r="N829879" s="10"/>
    </row>
    <row r="829880" spans="14:14">
      <c r="N829880" s="10"/>
    </row>
    <row r="829881" spans="14:14">
      <c r="N829881" s="10"/>
    </row>
    <row r="829882" spans="14:14">
      <c r="N829882" s="10"/>
    </row>
    <row r="829883" spans="14:14">
      <c r="N829883" s="10"/>
    </row>
    <row r="829884" spans="14:14">
      <c r="N829884" s="10"/>
    </row>
    <row r="829885" spans="14:14">
      <c r="N829885" s="10"/>
    </row>
    <row r="829886" spans="14:14">
      <c r="N829886" s="10"/>
    </row>
    <row r="829887" spans="14:14">
      <c r="N829887" s="10"/>
    </row>
    <row r="829888" spans="14:14">
      <c r="N829888" s="10"/>
    </row>
    <row r="829889" spans="14:14">
      <c r="N829889" s="10"/>
    </row>
    <row r="829890" spans="14:14">
      <c r="N829890" s="10"/>
    </row>
    <row r="829891" spans="14:14">
      <c r="N829891" s="10"/>
    </row>
    <row r="829892" spans="14:14">
      <c r="N829892" s="10"/>
    </row>
    <row r="829893" spans="14:14">
      <c r="N829893" s="10"/>
    </row>
    <row r="829894" spans="14:14">
      <c r="N829894" s="10"/>
    </row>
    <row r="829895" spans="14:14">
      <c r="N829895" s="10"/>
    </row>
    <row r="829896" spans="14:14">
      <c r="N829896" s="10"/>
    </row>
    <row r="829897" spans="14:14">
      <c r="N829897" s="10"/>
    </row>
    <row r="829898" spans="14:14">
      <c r="N829898" s="10"/>
    </row>
    <row r="829899" spans="14:14">
      <c r="N829899" s="10"/>
    </row>
    <row r="829900" spans="14:14">
      <c r="N829900" s="10"/>
    </row>
    <row r="829901" spans="14:14">
      <c r="N829901" s="10"/>
    </row>
    <row r="829902" spans="14:14">
      <c r="N829902" s="10"/>
    </row>
    <row r="829903" spans="14:14">
      <c r="N829903" s="10"/>
    </row>
    <row r="829904" spans="14:14">
      <c r="N829904" s="10"/>
    </row>
    <row r="829905" spans="14:14">
      <c r="N829905" s="10"/>
    </row>
    <row r="829906" spans="14:14">
      <c r="N829906" s="10"/>
    </row>
    <row r="829907" spans="14:14">
      <c r="N829907" s="10"/>
    </row>
    <row r="829908" spans="14:14">
      <c r="N829908" s="10"/>
    </row>
    <row r="829909" spans="14:14">
      <c r="N829909" s="10"/>
    </row>
    <row r="829910" spans="14:14">
      <c r="N829910" s="10"/>
    </row>
    <row r="829911" spans="14:14">
      <c r="N829911" s="10"/>
    </row>
    <row r="829912" spans="14:14">
      <c r="N829912" s="10"/>
    </row>
    <row r="829913" spans="14:14">
      <c r="N829913" s="10"/>
    </row>
    <row r="829914" spans="14:14">
      <c r="N829914" s="10"/>
    </row>
    <row r="829915" spans="14:14">
      <c r="N829915" s="10"/>
    </row>
    <row r="829916" spans="14:14">
      <c r="N829916" s="10"/>
    </row>
    <row r="829917" spans="14:14">
      <c r="N829917" s="10"/>
    </row>
    <row r="829918" spans="14:14">
      <c r="N829918" s="10"/>
    </row>
    <row r="829919" spans="14:14">
      <c r="N829919" s="10"/>
    </row>
    <row r="829920" spans="14:14">
      <c r="N829920" s="10"/>
    </row>
    <row r="829921" spans="14:14">
      <c r="N829921" s="10"/>
    </row>
    <row r="829922" spans="14:14">
      <c r="N829922" s="10"/>
    </row>
    <row r="829923" spans="14:14">
      <c r="N829923" s="10"/>
    </row>
    <row r="829924" spans="14:14">
      <c r="N829924" s="10"/>
    </row>
    <row r="829925" spans="14:14">
      <c r="N829925" s="10"/>
    </row>
    <row r="829926" spans="14:14">
      <c r="N829926" s="10"/>
    </row>
    <row r="829927" spans="14:14">
      <c r="N829927" s="10"/>
    </row>
    <row r="829928" spans="14:14">
      <c r="N829928" s="10"/>
    </row>
    <row r="829929" spans="14:14">
      <c r="N829929" s="10"/>
    </row>
    <row r="829930" spans="14:14">
      <c r="N829930" s="10"/>
    </row>
    <row r="829931" spans="14:14">
      <c r="N829931" s="10"/>
    </row>
    <row r="829932" spans="14:14">
      <c r="N829932" s="10"/>
    </row>
    <row r="829933" spans="14:14">
      <c r="N829933" s="10"/>
    </row>
    <row r="829934" spans="14:14">
      <c r="N829934" s="10"/>
    </row>
    <row r="829935" spans="14:14">
      <c r="N829935" s="10"/>
    </row>
    <row r="829936" spans="14:14">
      <c r="N829936" s="10"/>
    </row>
    <row r="829937" spans="14:14">
      <c r="N829937" s="10"/>
    </row>
    <row r="829938" spans="14:14">
      <c r="N829938" s="10"/>
    </row>
    <row r="829939" spans="14:14">
      <c r="N829939" s="10"/>
    </row>
    <row r="829940" spans="14:14">
      <c r="N829940" s="10"/>
    </row>
    <row r="829941" spans="14:14">
      <c r="N829941" s="10"/>
    </row>
    <row r="829942" spans="14:14">
      <c r="N829942" s="10"/>
    </row>
    <row r="829943" spans="14:14">
      <c r="N829943" s="10"/>
    </row>
    <row r="829944" spans="14:14">
      <c r="N829944" s="10"/>
    </row>
    <row r="829945" spans="14:14">
      <c r="N829945" s="10"/>
    </row>
    <row r="829946" spans="14:14">
      <c r="N829946" s="10"/>
    </row>
    <row r="829947" spans="14:14">
      <c r="N829947" s="10"/>
    </row>
    <row r="829948" spans="14:14">
      <c r="N829948" s="10"/>
    </row>
    <row r="829949" spans="14:14">
      <c r="N829949" s="10"/>
    </row>
    <row r="829950" spans="14:14">
      <c r="N829950" s="10"/>
    </row>
    <row r="829951" spans="14:14">
      <c r="N829951" s="10"/>
    </row>
    <row r="829952" spans="14:14">
      <c r="N829952" s="10"/>
    </row>
    <row r="829953" spans="14:14">
      <c r="N829953" s="10"/>
    </row>
    <row r="829954" spans="14:14">
      <c r="N829954" s="10"/>
    </row>
    <row r="829955" spans="14:14">
      <c r="N829955" s="10"/>
    </row>
    <row r="829956" spans="14:14">
      <c r="N829956" s="10"/>
    </row>
    <row r="829957" spans="14:14">
      <c r="N829957" s="10"/>
    </row>
    <row r="829958" spans="14:14">
      <c r="N829958" s="10"/>
    </row>
    <row r="829959" spans="14:14">
      <c r="N829959" s="10"/>
    </row>
    <row r="829960" spans="14:14">
      <c r="N829960" s="10"/>
    </row>
    <row r="829961" spans="14:14">
      <c r="N829961" s="10"/>
    </row>
    <row r="829962" spans="14:14">
      <c r="N829962" s="10"/>
    </row>
    <row r="829963" spans="14:14">
      <c r="N829963" s="10"/>
    </row>
    <row r="829964" spans="14:14">
      <c r="N829964" s="10"/>
    </row>
    <row r="829965" spans="14:14">
      <c r="N829965" s="10"/>
    </row>
    <row r="829966" spans="14:14">
      <c r="N829966" s="10"/>
    </row>
    <row r="829967" spans="14:14">
      <c r="N829967" s="10"/>
    </row>
    <row r="829968" spans="14:14">
      <c r="N829968" s="10"/>
    </row>
    <row r="829969" spans="14:14">
      <c r="N829969" s="10"/>
    </row>
    <row r="829970" spans="14:14">
      <c r="N829970" s="10"/>
    </row>
    <row r="829971" spans="14:14">
      <c r="N829971" s="10"/>
    </row>
    <row r="829972" spans="14:14">
      <c r="N829972" s="10"/>
    </row>
    <row r="829973" spans="14:14">
      <c r="N829973" s="10"/>
    </row>
    <row r="829974" spans="14:14">
      <c r="N829974" s="10"/>
    </row>
    <row r="829975" spans="14:14">
      <c r="N829975" s="10"/>
    </row>
    <row r="829976" spans="14:14">
      <c r="N829976" s="10"/>
    </row>
    <row r="829977" spans="14:14">
      <c r="N829977" s="10"/>
    </row>
    <row r="829978" spans="14:14">
      <c r="N829978" s="10"/>
    </row>
    <row r="829979" spans="14:14">
      <c r="N829979" s="10"/>
    </row>
    <row r="829980" spans="14:14">
      <c r="N829980" s="10"/>
    </row>
    <row r="829981" spans="14:14">
      <c r="N829981" s="10"/>
    </row>
    <row r="829982" spans="14:14">
      <c r="N829982" s="10"/>
    </row>
    <row r="829983" spans="14:14">
      <c r="N829983" s="10"/>
    </row>
    <row r="829984" spans="14:14">
      <c r="N829984" s="10"/>
    </row>
    <row r="829985" spans="14:14">
      <c r="N829985" s="10"/>
    </row>
    <row r="829986" spans="14:14">
      <c r="N829986" s="10"/>
    </row>
    <row r="829987" spans="14:14">
      <c r="N829987" s="10"/>
    </row>
    <row r="829988" spans="14:14">
      <c r="N829988" s="10"/>
    </row>
    <row r="829989" spans="14:14">
      <c r="N829989" s="10"/>
    </row>
    <row r="829990" spans="14:14">
      <c r="N829990" s="10"/>
    </row>
    <row r="829991" spans="14:14">
      <c r="N829991" s="10"/>
    </row>
    <row r="829992" spans="14:14">
      <c r="N829992" s="10"/>
    </row>
    <row r="829993" spans="14:14">
      <c r="N829993" s="10"/>
    </row>
    <row r="829994" spans="14:14">
      <c r="N829994" s="10"/>
    </row>
    <row r="829995" spans="14:14">
      <c r="N829995" s="10"/>
    </row>
    <row r="829996" spans="14:14">
      <c r="N829996" s="10"/>
    </row>
    <row r="829997" spans="14:14">
      <c r="N829997" s="10"/>
    </row>
    <row r="829998" spans="14:14">
      <c r="N829998" s="10"/>
    </row>
    <row r="829999" spans="14:14">
      <c r="N829999" s="10"/>
    </row>
    <row r="830000" spans="14:14">
      <c r="N830000" s="10"/>
    </row>
    <row r="830001" spans="14:14">
      <c r="N830001" s="10"/>
    </row>
    <row r="830002" spans="14:14">
      <c r="N830002" s="10"/>
    </row>
    <row r="830003" spans="14:14">
      <c r="N830003" s="10"/>
    </row>
    <row r="830004" spans="14:14">
      <c r="N830004" s="10"/>
    </row>
    <row r="830005" spans="14:14">
      <c r="N830005" s="10"/>
    </row>
    <row r="830006" spans="14:14">
      <c r="N830006" s="10"/>
    </row>
    <row r="830007" spans="14:14">
      <c r="N830007" s="10"/>
    </row>
    <row r="830008" spans="14:14">
      <c r="N830008" s="10"/>
    </row>
    <row r="830009" spans="14:14">
      <c r="N830009" s="10"/>
    </row>
    <row r="830010" spans="14:14">
      <c r="N830010" s="10"/>
    </row>
    <row r="830011" spans="14:14">
      <c r="N830011" s="10"/>
    </row>
    <row r="830012" spans="14:14">
      <c r="N830012" s="10"/>
    </row>
    <row r="830013" spans="14:14">
      <c r="N830013" s="10"/>
    </row>
    <row r="830014" spans="14:14">
      <c r="N830014" s="10"/>
    </row>
    <row r="830015" spans="14:14">
      <c r="N830015" s="10"/>
    </row>
    <row r="830016" spans="14:14">
      <c r="N830016" s="10"/>
    </row>
    <row r="830017" spans="14:14">
      <c r="N830017" s="10"/>
    </row>
    <row r="830018" spans="14:14">
      <c r="N830018" s="10"/>
    </row>
    <row r="830019" spans="14:14">
      <c r="N830019" s="10"/>
    </row>
    <row r="830020" spans="14:14">
      <c r="N830020" s="10"/>
    </row>
    <row r="830021" spans="14:14">
      <c r="N830021" s="10"/>
    </row>
    <row r="830022" spans="14:14">
      <c r="N830022" s="10"/>
    </row>
    <row r="830023" spans="14:14">
      <c r="N830023" s="10"/>
    </row>
    <row r="830024" spans="14:14">
      <c r="N830024" s="10"/>
    </row>
    <row r="830025" spans="14:14">
      <c r="N830025" s="10"/>
    </row>
    <row r="830026" spans="14:14">
      <c r="N830026" s="10"/>
    </row>
    <row r="830027" spans="14:14">
      <c r="N830027" s="10"/>
    </row>
    <row r="830028" spans="14:14">
      <c r="N830028" s="10"/>
    </row>
    <row r="830029" spans="14:14">
      <c r="N830029" s="10"/>
    </row>
    <row r="830030" spans="14:14">
      <c r="N830030" s="10"/>
    </row>
    <row r="830031" spans="14:14">
      <c r="N830031" s="10"/>
    </row>
    <row r="830032" spans="14:14">
      <c r="N830032" s="10"/>
    </row>
    <row r="830033" spans="14:14">
      <c r="N830033" s="10"/>
    </row>
    <row r="830034" spans="14:14">
      <c r="N830034" s="10"/>
    </row>
    <row r="830035" spans="14:14">
      <c r="N830035" s="10"/>
    </row>
    <row r="830036" spans="14:14">
      <c r="N830036" s="10"/>
    </row>
    <row r="830037" spans="14:14">
      <c r="N830037" s="10"/>
    </row>
    <row r="830038" spans="14:14">
      <c r="N830038" s="10"/>
    </row>
    <row r="830039" spans="14:14">
      <c r="N830039" s="10"/>
    </row>
    <row r="830040" spans="14:14">
      <c r="N830040" s="10"/>
    </row>
    <row r="830041" spans="14:14">
      <c r="N830041" s="10"/>
    </row>
    <row r="830042" spans="14:14">
      <c r="N830042" s="10"/>
    </row>
    <row r="830043" spans="14:14">
      <c r="N830043" s="10"/>
    </row>
    <row r="830044" spans="14:14">
      <c r="N830044" s="10"/>
    </row>
    <row r="830045" spans="14:14">
      <c r="N830045" s="10"/>
    </row>
    <row r="830046" spans="14:14">
      <c r="N830046" s="10"/>
    </row>
    <row r="830047" spans="14:14">
      <c r="N830047" s="10"/>
    </row>
    <row r="830048" spans="14:14">
      <c r="N830048" s="10"/>
    </row>
    <row r="830049" spans="14:14">
      <c r="N830049" s="10"/>
    </row>
    <row r="830050" spans="14:14">
      <c r="N830050" s="10"/>
    </row>
    <row r="830051" spans="14:14">
      <c r="N830051" s="10"/>
    </row>
    <row r="830052" spans="14:14">
      <c r="N830052" s="10"/>
    </row>
    <row r="830053" spans="14:14">
      <c r="N830053" s="10"/>
    </row>
    <row r="830054" spans="14:14">
      <c r="N830054" s="10"/>
    </row>
    <row r="830055" spans="14:14">
      <c r="N830055" s="10"/>
    </row>
    <row r="830056" spans="14:14">
      <c r="N830056" s="10"/>
    </row>
    <row r="830057" spans="14:14">
      <c r="N830057" s="10"/>
    </row>
    <row r="830058" spans="14:14">
      <c r="N830058" s="10"/>
    </row>
    <row r="830059" spans="14:14">
      <c r="N830059" s="10"/>
    </row>
    <row r="830060" spans="14:14">
      <c r="N830060" s="10"/>
    </row>
    <row r="830061" spans="14:14">
      <c r="N830061" s="10"/>
    </row>
    <row r="830062" spans="14:14">
      <c r="N830062" s="10"/>
    </row>
    <row r="830063" spans="14:14">
      <c r="N830063" s="10"/>
    </row>
    <row r="830064" spans="14:14">
      <c r="N830064" s="10"/>
    </row>
    <row r="830065" spans="14:14">
      <c r="N830065" s="10"/>
    </row>
    <row r="830066" spans="14:14">
      <c r="N830066" s="10"/>
    </row>
    <row r="830067" spans="14:14">
      <c r="N830067" s="10"/>
    </row>
    <row r="830068" spans="14:14">
      <c r="N830068" s="10"/>
    </row>
    <row r="830069" spans="14:14">
      <c r="N830069" s="10"/>
    </row>
    <row r="830070" spans="14:14">
      <c r="N830070" s="10"/>
    </row>
    <row r="830071" spans="14:14">
      <c r="N830071" s="10"/>
    </row>
    <row r="830072" spans="14:14">
      <c r="N830072" s="10"/>
    </row>
    <row r="830073" spans="14:14">
      <c r="N830073" s="10"/>
    </row>
    <row r="830074" spans="14:14">
      <c r="N830074" s="10"/>
    </row>
    <row r="830075" spans="14:14">
      <c r="N830075" s="10"/>
    </row>
    <row r="830076" spans="14:14">
      <c r="N830076" s="10"/>
    </row>
    <row r="830077" spans="14:14">
      <c r="N830077" s="10"/>
    </row>
    <row r="830078" spans="14:14">
      <c r="N830078" s="10"/>
    </row>
    <row r="830079" spans="14:14">
      <c r="N830079" s="10"/>
    </row>
    <row r="830080" spans="14:14">
      <c r="N830080" s="10"/>
    </row>
    <row r="830081" spans="14:14">
      <c r="N830081" s="10"/>
    </row>
    <row r="830082" spans="14:14">
      <c r="N830082" s="10"/>
    </row>
    <row r="830083" spans="14:14">
      <c r="N830083" s="10"/>
    </row>
    <row r="830084" spans="14:14">
      <c r="N830084" s="10"/>
    </row>
    <row r="830085" spans="14:14">
      <c r="N830085" s="10"/>
    </row>
    <row r="830086" spans="14:14">
      <c r="N830086" s="10"/>
    </row>
    <row r="830087" spans="14:14">
      <c r="N830087" s="10"/>
    </row>
    <row r="830088" spans="14:14">
      <c r="N830088" s="10"/>
    </row>
    <row r="830089" spans="14:14">
      <c r="N830089" s="10"/>
    </row>
    <row r="830090" spans="14:14">
      <c r="N830090" s="10"/>
    </row>
    <row r="830091" spans="14:14">
      <c r="N830091" s="10"/>
    </row>
    <row r="830092" spans="14:14">
      <c r="N830092" s="10"/>
    </row>
    <row r="830093" spans="14:14">
      <c r="N830093" s="10"/>
    </row>
    <row r="830094" spans="14:14">
      <c r="N830094" s="10"/>
    </row>
    <row r="830095" spans="14:14">
      <c r="N830095" s="10"/>
    </row>
    <row r="830096" spans="14:14">
      <c r="N830096" s="10"/>
    </row>
    <row r="830097" spans="14:14">
      <c r="N830097" s="10"/>
    </row>
    <row r="830098" spans="14:14">
      <c r="N830098" s="10"/>
    </row>
    <row r="830099" spans="14:14">
      <c r="N830099" s="10"/>
    </row>
    <row r="830100" spans="14:14">
      <c r="N830100" s="10"/>
    </row>
    <row r="830101" spans="14:14">
      <c r="N830101" s="10"/>
    </row>
    <row r="830102" spans="14:14">
      <c r="N830102" s="10"/>
    </row>
    <row r="830103" spans="14:14">
      <c r="N830103" s="10"/>
    </row>
    <row r="830104" spans="14:14">
      <c r="N830104" s="10"/>
    </row>
    <row r="830105" spans="14:14">
      <c r="N830105" s="10"/>
    </row>
    <row r="830106" spans="14:14">
      <c r="N830106" s="10"/>
    </row>
    <row r="830107" spans="14:14">
      <c r="N830107" s="10"/>
    </row>
    <row r="830108" spans="14:14">
      <c r="N830108" s="10"/>
    </row>
    <row r="830109" spans="14:14">
      <c r="N830109" s="10"/>
    </row>
    <row r="830110" spans="14:14">
      <c r="N830110" s="10"/>
    </row>
    <row r="830111" spans="14:14">
      <c r="N830111" s="10"/>
    </row>
    <row r="830112" spans="14:14">
      <c r="N830112" s="10"/>
    </row>
    <row r="830113" spans="14:14">
      <c r="N830113" s="10"/>
    </row>
    <row r="830114" spans="14:14">
      <c r="N830114" s="10"/>
    </row>
    <row r="830115" spans="14:14">
      <c r="N830115" s="10"/>
    </row>
    <row r="830116" spans="14:14">
      <c r="N830116" s="10"/>
    </row>
    <row r="830117" spans="14:14">
      <c r="N830117" s="10"/>
    </row>
    <row r="830118" spans="14:14">
      <c r="N830118" s="10"/>
    </row>
    <row r="830119" spans="14:14">
      <c r="N830119" s="10"/>
    </row>
    <row r="830120" spans="14:14">
      <c r="N830120" s="10"/>
    </row>
    <row r="830121" spans="14:14">
      <c r="N830121" s="10"/>
    </row>
    <row r="830122" spans="14:14">
      <c r="N830122" s="10"/>
    </row>
    <row r="830123" spans="14:14">
      <c r="N830123" s="10"/>
    </row>
    <row r="830124" spans="14:14">
      <c r="N830124" s="10"/>
    </row>
    <row r="830125" spans="14:14">
      <c r="N830125" s="10"/>
    </row>
    <row r="830126" spans="14:14">
      <c r="N830126" s="10"/>
    </row>
    <row r="830127" spans="14:14">
      <c r="N830127" s="10"/>
    </row>
    <row r="830128" spans="14:14">
      <c r="N830128" s="10"/>
    </row>
    <row r="830129" spans="14:14">
      <c r="N830129" s="10"/>
    </row>
    <row r="830130" spans="14:14">
      <c r="N830130" s="10"/>
    </row>
    <row r="830131" spans="14:14">
      <c r="N830131" s="10"/>
    </row>
    <row r="830132" spans="14:14">
      <c r="N830132" s="10"/>
    </row>
    <row r="830133" spans="14:14">
      <c r="N830133" s="10"/>
    </row>
    <row r="830134" spans="14:14">
      <c r="N830134" s="10"/>
    </row>
    <row r="830135" spans="14:14">
      <c r="N830135" s="10"/>
    </row>
    <row r="830136" spans="14:14">
      <c r="N830136" s="10"/>
    </row>
    <row r="830137" spans="14:14">
      <c r="N830137" s="10"/>
    </row>
    <row r="830138" spans="14:14">
      <c r="N830138" s="10"/>
    </row>
    <row r="830139" spans="14:14">
      <c r="N830139" s="10"/>
    </row>
    <row r="830140" spans="14:14">
      <c r="N830140" s="10"/>
    </row>
    <row r="830141" spans="14:14">
      <c r="N830141" s="10"/>
    </row>
    <row r="830142" spans="14:14">
      <c r="N830142" s="10"/>
    </row>
    <row r="830143" spans="14:14">
      <c r="N830143" s="10"/>
    </row>
    <row r="830144" spans="14:14">
      <c r="N830144" s="10"/>
    </row>
    <row r="830145" spans="14:14">
      <c r="N830145" s="10"/>
    </row>
    <row r="830146" spans="14:14">
      <c r="N830146" s="10"/>
    </row>
    <row r="830147" spans="14:14">
      <c r="N830147" s="10"/>
    </row>
    <row r="830148" spans="14:14">
      <c r="N830148" s="10"/>
    </row>
    <row r="830149" spans="14:14">
      <c r="N830149" s="10"/>
    </row>
    <row r="830150" spans="14:14">
      <c r="N830150" s="10"/>
    </row>
    <row r="830151" spans="14:14">
      <c r="N830151" s="10"/>
    </row>
    <row r="830152" spans="14:14">
      <c r="N830152" s="10"/>
    </row>
    <row r="830153" spans="14:14">
      <c r="N830153" s="10"/>
    </row>
    <row r="830154" spans="14:14">
      <c r="N830154" s="10"/>
    </row>
    <row r="830155" spans="14:14">
      <c r="N830155" s="10"/>
    </row>
    <row r="830156" spans="14:14">
      <c r="N830156" s="10"/>
    </row>
    <row r="830157" spans="14:14">
      <c r="N830157" s="10"/>
    </row>
    <row r="830158" spans="14:14">
      <c r="N830158" s="10"/>
    </row>
    <row r="830159" spans="14:14">
      <c r="N830159" s="10"/>
    </row>
    <row r="830160" spans="14:14">
      <c r="N830160" s="10"/>
    </row>
    <row r="830161" spans="14:14">
      <c r="N830161" s="10"/>
    </row>
    <row r="830162" spans="14:14">
      <c r="N830162" s="10"/>
    </row>
    <row r="830163" spans="14:14">
      <c r="N830163" s="10"/>
    </row>
    <row r="830164" spans="14:14">
      <c r="N830164" s="10"/>
    </row>
    <row r="830165" spans="14:14">
      <c r="N830165" s="10"/>
    </row>
    <row r="830166" spans="14:14">
      <c r="N830166" s="10"/>
    </row>
    <row r="830167" spans="14:14">
      <c r="N830167" s="10"/>
    </row>
    <row r="830168" spans="14:14">
      <c r="N830168" s="10"/>
    </row>
    <row r="830169" spans="14:14">
      <c r="N830169" s="10"/>
    </row>
    <row r="830170" spans="14:14">
      <c r="N830170" s="10"/>
    </row>
    <row r="830171" spans="14:14">
      <c r="N830171" s="10"/>
    </row>
    <row r="830172" spans="14:14">
      <c r="N830172" s="10"/>
    </row>
    <row r="830173" spans="14:14">
      <c r="N830173" s="10"/>
    </row>
    <row r="830174" spans="14:14">
      <c r="N830174" s="10"/>
    </row>
    <row r="830175" spans="14:14">
      <c r="N830175" s="10"/>
    </row>
    <row r="830176" spans="14:14">
      <c r="N830176" s="10"/>
    </row>
    <row r="830177" spans="14:14">
      <c r="N830177" s="10"/>
    </row>
    <row r="830178" spans="14:14">
      <c r="N830178" s="10"/>
    </row>
    <row r="830179" spans="14:14">
      <c r="N830179" s="10"/>
    </row>
    <row r="830180" spans="14:14">
      <c r="N830180" s="10"/>
    </row>
    <row r="830181" spans="14:14">
      <c r="N830181" s="10"/>
    </row>
    <row r="830182" spans="14:14">
      <c r="N830182" s="10"/>
    </row>
    <row r="830183" spans="14:14">
      <c r="N830183" s="10"/>
    </row>
    <row r="830184" spans="14:14">
      <c r="N830184" s="10"/>
    </row>
    <row r="830185" spans="14:14">
      <c r="N830185" s="10"/>
    </row>
    <row r="830186" spans="14:14">
      <c r="N830186" s="10"/>
    </row>
    <row r="830187" spans="14:14">
      <c r="N830187" s="10"/>
    </row>
    <row r="830188" spans="14:14">
      <c r="N830188" s="10"/>
    </row>
    <row r="830189" spans="14:14">
      <c r="N830189" s="10"/>
    </row>
    <row r="830190" spans="14:14">
      <c r="N830190" s="10"/>
    </row>
    <row r="830191" spans="14:14">
      <c r="N830191" s="10"/>
    </row>
    <row r="830192" spans="14:14">
      <c r="N830192" s="10"/>
    </row>
    <row r="830193" spans="14:14">
      <c r="N830193" s="10"/>
    </row>
    <row r="830194" spans="14:14">
      <c r="N830194" s="10"/>
    </row>
    <row r="830195" spans="14:14">
      <c r="N830195" s="10"/>
    </row>
    <row r="830196" spans="14:14">
      <c r="N830196" s="10"/>
    </row>
    <row r="830197" spans="14:14">
      <c r="N830197" s="10"/>
    </row>
    <row r="830198" spans="14:14">
      <c r="N830198" s="10"/>
    </row>
    <row r="830199" spans="14:14">
      <c r="N830199" s="10"/>
    </row>
    <row r="830200" spans="14:14">
      <c r="N830200" s="10"/>
    </row>
    <row r="830201" spans="14:14">
      <c r="N830201" s="10"/>
    </row>
    <row r="830202" spans="14:14">
      <c r="N830202" s="10"/>
    </row>
    <row r="830203" spans="14:14">
      <c r="N830203" s="10"/>
    </row>
    <row r="830204" spans="14:14">
      <c r="N830204" s="10"/>
    </row>
    <row r="830205" spans="14:14">
      <c r="N830205" s="10"/>
    </row>
    <row r="830206" spans="14:14">
      <c r="N830206" s="10"/>
    </row>
    <row r="830207" spans="14:14">
      <c r="N830207" s="10"/>
    </row>
    <row r="830208" spans="14:14">
      <c r="N830208" s="10"/>
    </row>
    <row r="830209" spans="14:14">
      <c r="N830209" s="10"/>
    </row>
    <row r="830210" spans="14:14">
      <c r="N830210" s="10"/>
    </row>
    <row r="830211" spans="14:14">
      <c r="N830211" s="10"/>
    </row>
    <row r="830212" spans="14:14">
      <c r="N830212" s="10"/>
    </row>
    <row r="830213" spans="14:14">
      <c r="N830213" s="10"/>
    </row>
    <row r="830214" spans="14:14">
      <c r="N830214" s="10"/>
    </row>
    <row r="830215" spans="14:14">
      <c r="N830215" s="10"/>
    </row>
    <row r="830216" spans="14:14">
      <c r="N830216" s="10"/>
    </row>
    <row r="830217" spans="14:14">
      <c r="N830217" s="10"/>
    </row>
    <row r="830218" spans="14:14">
      <c r="N830218" s="10"/>
    </row>
    <row r="830219" spans="14:14">
      <c r="N830219" s="10"/>
    </row>
    <row r="830220" spans="14:14">
      <c r="N830220" s="10"/>
    </row>
    <row r="830221" spans="14:14">
      <c r="N830221" s="10"/>
    </row>
    <row r="830222" spans="14:14">
      <c r="N830222" s="10"/>
    </row>
    <row r="830223" spans="14:14">
      <c r="N830223" s="10"/>
    </row>
    <row r="830224" spans="14:14">
      <c r="N830224" s="10"/>
    </row>
    <row r="830225" spans="14:14">
      <c r="N830225" s="10"/>
    </row>
    <row r="830226" spans="14:14">
      <c r="N830226" s="10"/>
    </row>
    <row r="830227" spans="14:14">
      <c r="N830227" s="10"/>
    </row>
    <row r="830228" spans="14:14">
      <c r="N830228" s="10"/>
    </row>
    <row r="830229" spans="14:14">
      <c r="N830229" s="10"/>
    </row>
    <row r="830230" spans="14:14">
      <c r="N830230" s="10"/>
    </row>
    <row r="830231" spans="14:14">
      <c r="N830231" s="10"/>
    </row>
    <row r="830232" spans="14:14">
      <c r="N830232" s="10"/>
    </row>
    <row r="830233" spans="14:14">
      <c r="N830233" s="10"/>
    </row>
    <row r="830234" spans="14:14">
      <c r="N830234" s="10"/>
    </row>
    <row r="830235" spans="14:14">
      <c r="N830235" s="10"/>
    </row>
    <row r="830236" spans="14:14">
      <c r="N830236" s="10"/>
    </row>
    <row r="830237" spans="14:14">
      <c r="N830237" s="10"/>
    </row>
    <row r="830238" spans="14:14">
      <c r="N830238" s="10"/>
    </row>
    <row r="830239" spans="14:14">
      <c r="N830239" s="10"/>
    </row>
    <row r="830240" spans="14:14">
      <c r="N830240" s="10"/>
    </row>
    <row r="830241" spans="14:14">
      <c r="N830241" s="10"/>
    </row>
    <row r="830242" spans="14:14">
      <c r="N830242" s="10"/>
    </row>
    <row r="830243" spans="14:14">
      <c r="N830243" s="10"/>
    </row>
    <row r="830244" spans="14:14">
      <c r="N830244" s="10"/>
    </row>
    <row r="830245" spans="14:14">
      <c r="N830245" s="10"/>
    </row>
    <row r="830246" spans="14:14">
      <c r="N830246" s="10"/>
    </row>
    <row r="830247" spans="14:14">
      <c r="N830247" s="10"/>
    </row>
    <row r="830248" spans="14:14">
      <c r="N830248" s="10"/>
    </row>
    <row r="830249" spans="14:14">
      <c r="N830249" s="10"/>
    </row>
    <row r="830250" spans="14:14">
      <c r="N830250" s="10"/>
    </row>
    <row r="830251" spans="14:14">
      <c r="N830251" s="10"/>
    </row>
    <row r="830252" spans="14:14">
      <c r="N830252" s="10"/>
    </row>
    <row r="830253" spans="14:14">
      <c r="N830253" s="10"/>
    </row>
    <row r="830254" spans="14:14">
      <c r="N830254" s="10"/>
    </row>
    <row r="830255" spans="14:14">
      <c r="N830255" s="10"/>
    </row>
    <row r="830256" spans="14:14">
      <c r="N830256" s="10"/>
    </row>
    <row r="830257" spans="14:14">
      <c r="N830257" s="10"/>
    </row>
    <row r="830258" spans="14:14">
      <c r="N830258" s="10"/>
    </row>
    <row r="830259" spans="14:14">
      <c r="N830259" s="10"/>
    </row>
    <row r="830260" spans="14:14">
      <c r="N830260" s="10"/>
    </row>
    <row r="830261" spans="14:14">
      <c r="N830261" s="10"/>
    </row>
    <row r="830262" spans="14:14">
      <c r="N830262" s="10"/>
    </row>
    <row r="830263" spans="14:14">
      <c r="N830263" s="10"/>
    </row>
    <row r="830264" spans="14:14">
      <c r="N830264" s="10"/>
    </row>
    <row r="830265" spans="14:14">
      <c r="N830265" s="10"/>
    </row>
    <row r="830266" spans="14:14">
      <c r="N830266" s="10"/>
    </row>
    <row r="830267" spans="14:14">
      <c r="N830267" s="10"/>
    </row>
    <row r="830268" spans="14:14">
      <c r="N830268" s="10"/>
    </row>
    <row r="830269" spans="14:14">
      <c r="N830269" s="10"/>
    </row>
    <row r="830270" spans="14:14">
      <c r="N830270" s="10"/>
    </row>
    <row r="830271" spans="14:14">
      <c r="N830271" s="10"/>
    </row>
    <row r="830272" spans="14:14">
      <c r="N830272" s="10"/>
    </row>
    <row r="830273" spans="14:14">
      <c r="N830273" s="10"/>
    </row>
    <row r="830274" spans="14:14">
      <c r="N830274" s="10"/>
    </row>
    <row r="830275" spans="14:14">
      <c r="N830275" s="10"/>
    </row>
    <row r="830276" spans="14:14">
      <c r="N830276" s="10"/>
    </row>
    <row r="830277" spans="14:14">
      <c r="N830277" s="10"/>
    </row>
    <row r="830278" spans="14:14">
      <c r="N830278" s="10"/>
    </row>
    <row r="830279" spans="14:14">
      <c r="N830279" s="10"/>
    </row>
    <row r="830280" spans="14:14">
      <c r="N830280" s="10"/>
    </row>
    <row r="830281" spans="14:14">
      <c r="N830281" s="10"/>
    </row>
    <row r="830282" spans="14:14">
      <c r="N830282" s="10"/>
    </row>
    <row r="830283" spans="14:14">
      <c r="N830283" s="10"/>
    </row>
    <row r="830284" spans="14:14">
      <c r="N830284" s="10"/>
    </row>
    <row r="830285" spans="14:14">
      <c r="N830285" s="10"/>
    </row>
    <row r="830286" spans="14:14">
      <c r="N830286" s="10"/>
    </row>
    <row r="830287" spans="14:14">
      <c r="N830287" s="10"/>
    </row>
    <row r="830288" spans="14:14">
      <c r="N830288" s="10"/>
    </row>
    <row r="830289" spans="14:14">
      <c r="N830289" s="10"/>
    </row>
    <row r="830290" spans="14:14">
      <c r="N830290" s="10"/>
    </row>
    <row r="830291" spans="14:14">
      <c r="N830291" s="10"/>
    </row>
    <row r="830292" spans="14:14">
      <c r="N830292" s="10"/>
    </row>
    <row r="830293" spans="14:14">
      <c r="N830293" s="10"/>
    </row>
    <row r="830294" spans="14:14">
      <c r="N830294" s="10"/>
    </row>
    <row r="830295" spans="14:14">
      <c r="N830295" s="10"/>
    </row>
    <row r="830296" spans="14:14">
      <c r="N830296" s="10"/>
    </row>
    <row r="830297" spans="14:14">
      <c r="N830297" s="10"/>
    </row>
    <row r="830298" spans="14:14">
      <c r="N830298" s="10"/>
    </row>
    <row r="830299" spans="14:14">
      <c r="N830299" s="10"/>
    </row>
    <row r="830300" spans="14:14">
      <c r="N830300" s="10"/>
    </row>
    <row r="830301" spans="14:14">
      <c r="N830301" s="10"/>
    </row>
    <row r="830302" spans="14:14">
      <c r="N830302" s="10"/>
    </row>
    <row r="830303" spans="14:14">
      <c r="N830303" s="10"/>
    </row>
    <row r="830304" spans="14:14">
      <c r="N830304" s="10"/>
    </row>
    <row r="830305" spans="14:14">
      <c r="N830305" s="10"/>
    </row>
    <row r="830306" spans="14:14">
      <c r="N830306" s="10"/>
    </row>
    <row r="830307" spans="14:14">
      <c r="N830307" s="10"/>
    </row>
    <row r="830308" spans="14:14">
      <c r="N830308" s="10"/>
    </row>
    <row r="830309" spans="14:14">
      <c r="N830309" s="10"/>
    </row>
    <row r="830310" spans="14:14">
      <c r="N830310" s="10"/>
    </row>
    <row r="830311" spans="14:14">
      <c r="N830311" s="10"/>
    </row>
    <row r="830312" spans="14:14">
      <c r="N830312" s="10"/>
    </row>
    <row r="830313" spans="14:14">
      <c r="N830313" s="10"/>
    </row>
    <row r="830314" spans="14:14">
      <c r="N830314" s="10"/>
    </row>
    <row r="830315" spans="14:14">
      <c r="N830315" s="10"/>
    </row>
    <row r="830316" spans="14:14">
      <c r="N830316" s="10"/>
    </row>
    <row r="830317" spans="14:14">
      <c r="N830317" s="10"/>
    </row>
    <row r="830318" spans="14:14">
      <c r="N830318" s="10"/>
    </row>
    <row r="830319" spans="14:14">
      <c r="N830319" s="10"/>
    </row>
    <row r="830320" spans="14:14">
      <c r="N830320" s="10"/>
    </row>
    <row r="830321" spans="14:14">
      <c r="N830321" s="10"/>
    </row>
    <row r="830322" spans="14:14">
      <c r="N830322" s="10"/>
    </row>
    <row r="830323" spans="14:14">
      <c r="N830323" s="10"/>
    </row>
    <row r="830324" spans="14:14">
      <c r="N830324" s="10"/>
    </row>
    <row r="830325" spans="14:14">
      <c r="N830325" s="10"/>
    </row>
    <row r="830326" spans="14:14">
      <c r="N830326" s="10"/>
    </row>
    <row r="830327" spans="14:14">
      <c r="N830327" s="10"/>
    </row>
    <row r="830328" spans="14:14">
      <c r="N830328" s="10"/>
    </row>
    <row r="830329" spans="14:14">
      <c r="N830329" s="10"/>
    </row>
    <row r="830330" spans="14:14">
      <c r="N830330" s="10"/>
    </row>
    <row r="830331" spans="14:14">
      <c r="N830331" s="10"/>
    </row>
    <row r="830332" spans="14:14">
      <c r="N830332" s="10"/>
    </row>
    <row r="830333" spans="14:14">
      <c r="N830333" s="10"/>
    </row>
    <row r="830334" spans="14:14">
      <c r="N830334" s="10"/>
    </row>
    <row r="830335" spans="14:14">
      <c r="N830335" s="10"/>
    </row>
    <row r="830336" spans="14:14">
      <c r="N830336" s="10"/>
    </row>
    <row r="830337" spans="14:14">
      <c r="N830337" s="10"/>
    </row>
    <row r="830338" spans="14:14">
      <c r="N830338" s="10"/>
    </row>
    <row r="830339" spans="14:14">
      <c r="N830339" s="10"/>
    </row>
    <row r="830340" spans="14:14">
      <c r="N830340" s="10"/>
    </row>
    <row r="830341" spans="14:14">
      <c r="N830341" s="10"/>
    </row>
    <row r="830342" spans="14:14">
      <c r="N830342" s="10"/>
    </row>
    <row r="830343" spans="14:14">
      <c r="N830343" s="10"/>
    </row>
    <row r="830344" spans="14:14">
      <c r="N830344" s="10"/>
    </row>
    <row r="830345" spans="14:14">
      <c r="N830345" s="10"/>
    </row>
    <row r="830346" spans="14:14">
      <c r="N830346" s="10"/>
    </row>
    <row r="830347" spans="14:14">
      <c r="N830347" s="10"/>
    </row>
    <row r="830348" spans="14:14">
      <c r="N830348" s="10"/>
    </row>
    <row r="830349" spans="14:14">
      <c r="N830349" s="10"/>
    </row>
    <row r="830350" spans="14:14">
      <c r="N830350" s="10"/>
    </row>
    <row r="830351" spans="14:14">
      <c r="N830351" s="10"/>
    </row>
    <row r="830352" spans="14:14">
      <c r="N830352" s="10"/>
    </row>
    <row r="830353" spans="14:14">
      <c r="N830353" s="10"/>
    </row>
    <row r="830354" spans="14:14">
      <c r="N830354" s="10"/>
    </row>
    <row r="830355" spans="14:14">
      <c r="N830355" s="10"/>
    </row>
    <row r="830356" spans="14:14">
      <c r="N830356" s="10"/>
    </row>
    <row r="830357" spans="14:14">
      <c r="N830357" s="10"/>
    </row>
    <row r="830358" spans="14:14">
      <c r="N830358" s="10"/>
    </row>
    <row r="830359" spans="14:14">
      <c r="N830359" s="10"/>
    </row>
    <row r="830360" spans="14:14">
      <c r="N830360" s="10"/>
    </row>
    <row r="830361" spans="14:14">
      <c r="N830361" s="10"/>
    </row>
    <row r="830362" spans="14:14">
      <c r="N830362" s="10"/>
    </row>
    <row r="830363" spans="14:14">
      <c r="N830363" s="10"/>
    </row>
    <row r="830364" spans="14:14">
      <c r="N830364" s="10"/>
    </row>
    <row r="830365" spans="14:14">
      <c r="N830365" s="10"/>
    </row>
    <row r="830366" spans="14:14">
      <c r="N830366" s="10"/>
    </row>
    <row r="830367" spans="14:14">
      <c r="N830367" s="10"/>
    </row>
    <row r="830368" spans="14:14">
      <c r="N830368" s="10"/>
    </row>
    <row r="830369" spans="14:14">
      <c r="N830369" s="10"/>
    </row>
    <row r="830370" spans="14:14">
      <c r="N830370" s="10"/>
    </row>
    <row r="830371" spans="14:14">
      <c r="N830371" s="10"/>
    </row>
    <row r="830372" spans="14:14">
      <c r="N830372" s="10"/>
    </row>
    <row r="830373" spans="14:14">
      <c r="N830373" s="10"/>
    </row>
    <row r="830374" spans="14:14">
      <c r="N830374" s="10"/>
    </row>
    <row r="830375" spans="14:14">
      <c r="N830375" s="10"/>
    </row>
    <row r="830376" spans="14:14">
      <c r="N830376" s="10"/>
    </row>
    <row r="830377" spans="14:14">
      <c r="N830377" s="10"/>
    </row>
    <row r="830378" spans="14:14">
      <c r="N830378" s="10"/>
    </row>
    <row r="830379" spans="14:14">
      <c r="N830379" s="10"/>
    </row>
    <row r="830380" spans="14:14">
      <c r="N830380" s="10"/>
    </row>
    <row r="830381" spans="14:14">
      <c r="N830381" s="10"/>
    </row>
    <row r="830382" spans="14:14">
      <c r="N830382" s="10"/>
    </row>
    <row r="830383" spans="14:14">
      <c r="N830383" s="10"/>
    </row>
    <row r="830384" spans="14:14">
      <c r="N830384" s="10"/>
    </row>
    <row r="830385" spans="14:14">
      <c r="N830385" s="10"/>
    </row>
    <row r="830386" spans="14:14">
      <c r="N830386" s="10"/>
    </row>
    <row r="830387" spans="14:14">
      <c r="N830387" s="10"/>
    </row>
    <row r="830388" spans="14:14">
      <c r="N830388" s="10"/>
    </row>
    <row r="830389" spans="14:14">
      <c r="N830389" s="10"/>
    </row>
    <row r="830390" spans="14:14">
      <c r="N830390" s="10"/>
    </row>
    <row r="830391" spans="14:14">
      <c r="N830391" s="10"/>
    </row>
    <row r="830392" spans="14:14">
      <c r="N830392" s="10"/>
    </row>
    <row r="830393" spans="14:14">
      <c r="N830393" s="10"/>
    </row>
    <row r="830394" spans="14:14">
      <c r="N830394" s="10"/>
    </row>
    <row r="830395" spans="14:14">
      <c r="N830395" s="10"/>
    </row>
    <row r="830396" spans="14:14">
      <c r="N830396" s="10"/>
    </row>
    <row r="830397" spans="14:14">
      <c r="N830397" s="10"/>
    </row>
    <row r="830398" spans="14:14">
      <c r="N830398" s="10"/>
    </row>
    <row r="830399" spans="14:14">
      <c r="N830399" s="10"/>
    </row>
    <row r="830400" spans="14:14">
      <c r="N830400" s="10"/>
    </row>
    <row r="830401" spans="14:14">
      <c r="N830401" s="10"/>
    </row>
    <row r="830402" spans="14:14">
      <c r="N830402" s="10"/>
    </row>
    <row r="830403" spans="14:14">
      <c r="N830403" s="10"/>
    </row>
    <row r="830404" spans="14:14">
      <c r="N830404" s="10"/>
    </row>
    <row r="830405" spans="14:14">
      <c r="N830405" s="10"/>
    </row>
    <row r="830406" spans="14:14">
      <c r="N830406" s="10"/>
    </row>
    <row r="830407" spans="14:14">
      <c r="N830407" s="10"/>
    </row>
    <row r="830408" spans="14:14">
      <c r="N830408" s="10"/>
    </row>
    <row r="830409" spans="14:14">
      <c r="N830409" s="10"/>
    </row>
    <row r="830410" spans="14:14">
      <c r="N830410" s="10"/>
    </row>
    <row r="830411" spans="14:14">
      <c r="N830411" s="10"/>
    </row>
    <row r="830412" spans="14:14">
      <c r="N830412" s="10"/>
    </row>
    <row r="830413" spans="14:14">
      <c r="N830413" s="10"/>
    </row>
    <row r="830414" spans="14:14">
      <c r="N830414" s="10"/>
    </row>
    <row r="830415" spans="14:14">
      <c r="N830415" s="10"/>
    </row>
    <row r="830416" spans="14:14">
      <c r="N830416" s="10"/>
    </row>
    <row r="830417" spans="14:14">
      <c r="N830417" s="10"/>
    </row>
    <row r="830418" spans="14:14">
      <c r="N830418" s="10"/>
    </row>
    <row r="830419" spans="14:14">
      <c r="N830419" s="10"/>
    </row>
    <row r="830420" spans="14:14">
      <c r="N830420" s="10"/>
    </row>
    <row r="830421" spans="14:14">
      <c r="N830421" s="10"/>
    </row>
    <row r="830422" spans="14:14">
      <c r="N830422" s="10"/>
    </row>
    <row r="830423" spans="14:14">
      <c r="N830423" s="10"/>
    </row>
    <row r="830424" spans="14:14">
      <c r="N830424" s="10"/>
    </row>
    <row r="830425" spans="14:14">
      <c r="N830425" s="10"/>
    </row>
    <row r="830426" spans="14:14">
      <c r="N830426" s="10"/>
    </row>
    <row r="830427" spans="14:14">
      <c r="N830427" s="10"/>
    </row>
    <row r="830428" spans="14:14">
      <c r="N830428" s="10"/>
    </row>
    <row r="830429" spans="14:14">
      <c r="N830429" s="10"/>
    </row>
    <row r="830430" spans="14:14">
      <c r="N830430" s="10"/>
    </row>
    <row r="830431" spans="14:14">
      <c r="N830431" s="10"/>
    </row>
    <row r="830432" spans="14:14">
      <c r="N830432" s="10"/>
    </row>
    <row r="830433" spans="14:14">
      <c r="N830433" s="10"/>
    </row>
    <row r="830434" spans="14:14">
      <c r="N830434" s="10"/>
    </row>
    <row r="830435" spans="14:14">
      <c r="N830435" s="10"/>
    </row>
    <row r="830436" spans="14:14">
      <c r="N830436" s="10"/>
    </row>
    <row r="830437" spans="14:14">
      <c r="N830437" s="10"/>
    </row>
    <row r="830438" spans="14:14">
      <c r="N830438" s="10"/>
    </row>
    <row r="830439" spans="14:14">
      <c r="N830439" s="10"/>
    </row>
    <row r="830440" spans="14:14">
      <c r="N830440" s="10"/>
    </row>
    <row r="830441" spans="14:14">
      <c r="N830441" s="10"/>
    </row>
    <row r="830442" spans="14:14">
      <c r="N830442" s="10"/>
    </row>
    <row r="830443" spans="14:14">
      <c r="N830443" s="10"/>
    </row>
    <row r="830444" spans="14:14">
      <c r="N830444" s="10"/>
    </row>
    <row r="830445" spans="14:14">
      <c r="N830445" s="10"/>
    </row>
    <row r="830446" spans="14:14">
      <c r="N830446" s="10"/>
    </row>
    <row r="830447" spans="14:14">
      <c r="N830447" s="10"/>
    </row>
    <row r="830448" spans="14:14">
      <c r="N830448" s="10"/>
    </row>
    <row r="830449" spans="14:14">
      <c r="N830449" s="10"/>
    </row>
    <row r="830450" spans="14:14">
      <c r="N830450" s="10"/>
    </row>
    <row r="830451" spans="14:14">
      <c r="N830451" s="10"/>
    </row>
    <row r="830452" spans="14:14">
      <c r="N830452" s="10"/>
    </row>
    <row r="830453" spans="14:14">
      <c r="N830453" s="10"/>
    </row>
    <row r="830454" spans="14:14">
      <c r="N830454" s="10"/>
    </row>
    <row r="830455" spans="14:14">
      <c r="N830455" s="10"/>
    </row>
    <row r="830456" spans="14:14">
      <c r="N830456" s="10"/>
    </row>
    <row r="830457" spans="14:14">
      <c r="N830457" s="10"/>
    </row>
    <row r="830458" spans="14:14">
      <c r="N830458" s="10"/>
    </row>
    <row r="830459" spans="14:14">
      <c r="N830459" s="10"/>
    </row>
    <row r="830460" spans="14:14">
      <c r="N830460" s="10"/>
    </row>
    <row r="830461" spans="14:14">
      <c r="N830461" s="10"/>
    </row>
    <row r="830462" spans="14:14">
      <c r="N830462" s="10"/>
    </row>
    <row r="830463" spans="14:14">
      <c r="N830463" s="10"/>
    </row>
    <row r="830464" spans="14:14">
      <c r="N830464" s="10"/>
    </row>
    <row r="830465" spans="14:14">
      <c r="N830465" s="10"/>
    </row>
    <row r="830466" spans="14:14">
      <c r="N830466" s="10"/>
    </row>
    <row r="830467" spans="14:14">
      <c r="N830467" s="10"/>
    </row>
    <row r="830468" spans="14:14">
      <c r="N830468" s="10"/>
    </row>
    <row r="830469" spans="14:14">
      <c r="N830469" s="10"/>
    </row>
    <row r="830470" spans="14:14">
      <c r="N830470" s="10"/>
    </row>
    <row r="830471" spans="14:14">
      <c r="N830471" s="10"/>
    </row>
    <row r="830472" spans="14:14">
      <c r="N830472" s="10"/>
    </row>
    <row r="830473" spans="14:14">
      <c r="N830473" s="10"/>
    </row>
    <row r="830474" spans="14:14">
      <c r="N830474" s="10"/>
    </row>
    <row r="830475" spans="14:14">
      <c r="N830475" s="10"/>
    </row>
    <row r="830476" spans="14:14">
      <c r="N830476" s="10"/>
    </row>
    <row r="830477" spans="14:14">
      <c r="N830477" s="10"/>
    </row>
    <row r="830478" spans="14:14">
      <c r="N830478" s="10"/>
    </row>
    <row r="830479" spans="14:14">
      <c r="N830479" s="10"/>
    </row>
    <row r="830480" spans="14:14">
      <c r="N830480" s="10"/>
    </row>
    <row r="830481" spans="14:14">
      <c r="N830481" s="10"/>
    </row>
    <row r="830482" spans="14:14">
      <c r="N830482" s="10"/>
    </row>
    <row r="830483" spans="14:14">
      <c r="N830483" s="10"/>
    </row>
    <row r="830484" spans="14:14">
      <c r="N830484" s="10"/>
    </row>
    <row r="830485" spans="14:14">
      <c r="N830485" s="10"/>
    </row>
    <row r="830486" spans="14:14">
      <c r="N830486" s="10"/>
    </row>
    <row r="830487" spans="14:14">
      <c r="N830487" s="10"/>
    </row>
    <row r="830488" spans="14:14">
      <c r="N830488" s="10"/>
    </row>
    <row r="830489" spans="14:14">
      <c r="N830489" s="10"/>
    </row>
    <row r="830490" spans="14:14">
      <c r="N830490" s="10"/>
    </row>
    <row r="830491" spans="14:14">
      <c r="N830491" s="10"/>
    </row>
    <row r="830492" spans="14:14">
      <c r="N830492" s="10"/>
    </row>
    <row r="830493" spans="14:14">
      <c r="N830493" s="10"/>
    </row>
    <row r="830494" spans="14:14">
      <c r="N830494" s="10"/>
    </row>
    <row r="830495" spans="14:14">
      <c r="N830495" s="10"/>
    </row>
    <row r="830496" spans="14:14">
      <c r="N830496" s="10"/>
    </row>
    <row r="830497" spans="14:14">
      <c r="N830497" s="10"/>
    </row>
    <row r="830498" spans="14:14">
      <c r="N830498" s="10"/>
    </row>
    <row r="830499" spans="14:14">
      <c r="N830499" s="10"/>
    </row>
    <row r="830500" spans="14:14">
      <c r="N830500" s="10"/>
    </row>
    <row r="830501" spans="14:14">
      <c r="N830501" s="10"/>
    </row>
    <row r="830502" spans="14:14">
      <c r="N830502" s="10"/>
    </row>
    <row r="830503" spans="14:14">
      <c r="N830503" s="10"/>
    </row>
    <row r="830504" spans="14:14">
      <c r="N830504" s="10"/>
    </row>
    <row r="830505" spans="14:14">
      <c r="N830505" s="10"/>
    </row>
    <row r="830506" spans="14:14">
      <c r="N830506" s="10"/>
    </row>
    <row r="830507" spans="14:14">
      <c r="N830507" s="10"/>
    </row>
    <row r="830508" spans="14:14">
      <c r="N830508" s="10"/>
    </row>
    <row r="830509" spans="14:14">
      <c r="N830509" s="10"/>
    </row>
    <row r="830510" spans="14:14">
      <c r="N830510" s="10"/>
    </row>
    <row r="830511" spans="14:14">
      <c r="N830511" s="10"/>
    </row>
    <row r="830512" spans="14:14">
      <c r="N830512" s="10"/>
    </row>
    <row r="830513" spans="14:14">
      <c r="N830513" s="10"/>
    </row>
    <row r="830514" spans="14:14">
      <c r="N830514" s="10"/>
    </row>
    <row r="830515" spans="14:14">
      <c r="N830515" s="10"/>
    </row>
    <row r="830516" spans="14:14">
      <c r="N830516" s="10"/>
    </row>
    <row r="830517" spans="14:14">
      <c r="N830517" s="10"/>
    </row>
    <row r="830518" spans="14:14">
      <c r="N830518" s="10"/>
    </row>
    <row r="830519" spans="14:14">
      <c r="N830519" s="10"/>
    </row>
    <row r="830520" spans="14:14">
      <c r="N830520" s="10"/>
    </row>
    <row r="830521" spans="14:14">
      <c r="N830521" s="10"/>
    </row>
    <row r="830522" spans="14:14">
      <c r="N830522" s="10"/>
    </row>
    <row r="830523" spans="14:14">
      <c r="N830523" s="10"/>
    </row>
    <row r="830524" spans="14:14">
      <c r="N830524" s="10"/>
    </row>
    <row r="830525" spans="14:14">
      <c r="N830525" s="10"/>
    </row>
    <row r="830526" spans="14:14">
      <c r="N830526" s="10"/>
    </row>
    <row r="830527" spans="14:14">
      <c r="N830527" s="10"/>
    </row>
    <row r="830528" spans="14:14">
      <c r="N830528" s="10"/>
    </row>
    <row r="830529" spans="14:14">
      <c r="N830529" s="10"/>
    </row>
    <row r="830530" spans="14:14">
      <c r="N830530" s="10"/>
    </row>
    <row r="830531" spans="14:14">
      <c r="N830531" s="10"/>
    </row>
    <row r="830532" spans="14:14">
      <c r="N830532" s="10"/>
    </row>
    <row r="830533" spans="14:14">
      <c r="N830533" s="10"/>
    </row>
    <row r="830534" spans="14:14">
      <c r="N830534" s="10"/>
    </row>
    <row r="830535" spans="14:14">
      <c r="N830535" s="10"/>
    </row>
    <row r="830536" spans="14:14">
      <c r="N830536" s="10"/>
    </row>
    <row r="830537" spans="14:14">
      <c r="N830537" s="10"/>
    </row>
    <row r="830538" spans="14:14">
      <c r="N830538" s="10"/>
    </row>
    <row r="830539" spans="14:14">
      <c r="N830539" s="10"/>
    </row>
    <row r="830540" spans="14:14">
      <c r="N830540" s="10"/>
    </row>
    <row r="830541" spans="14:14">
      <c r="N830541" s="10"/>
    </row>
    <row r="830542" spans="14:14">
      <c r="N830542" s="10"/>
    </row>
    <row r="830543" spans="14:14">
      <c r="N830543" s="10"/>
    </row>
    <row r="830544" spans="14:14">
      <c r="N830544" s="10"/>
    </row>
    <row r="830545" spans="14:14">
      <c r="N830545" s="10"/>
    </row>
    <row r="830546" spans="14:14">
      <c r="N830546" s="10"/>
    </row>
    <row r="830547" spans="14:14">
      <c r="N830547" s="10"/>
    </row>
    <row r="830548" spans="14:14">
      <c r="N830548" s="10"/>
    </row>
    <row r="830549" spans="14:14">
      <c r="N830549" s="10"/>
    </row>
    <row r="830550" spans="14:14">
      <c r="N830550" s="10"/>
    </row>
    <row r="830551" spans="14:14">
      <c r="N830551" s="10"/>
    </row>
    <row r="830552" spans="14:14">
      <c r="N830552" s="10"/>
    </row>
    <row r="830553" spans="14:14">
      <c r="N830553" s="10"/>
    </row>
    <row r="830554" spans="14:14">
      <c r="N830554" s="10"/>
    </row>
    <row r="830555" spans="14:14">
      <c r="N830555" s="10"/>
    </row>
    <row r="830556" spans="14:14">
      <c r="N830556" s="10"/>
    </row>
    <row r="830557" spans="14:14">
      <c r="N830557" s="10"/>
    </row>
    <row r="830558" spans="14:14">
      <c r="N830558" s="10"/>
    </row>
    <row r="830559" spans="14:14">
      <c r="N830559" s="10"/>
    </row>
    <row r="830560" spans="14:14">
      <c r="N830560" s="10"/>
    </row>
    <row r="830561" spans="14:14">
      <c r="N830561" s="10"/>
    </row>
    <row r="830562" spans="14:14">
      <c r="N830562" s="10"/>
    </row>
    <row r="830563" spans="14:14">
      <c r="N830563" s="10"/>
    </row>
    <row r="830564" spans="14:14">
      <c r="N830564" s="10"/>
    </row>
    <row r="830565" spans="14:14">
      <c r="N830565" s="10"/>
    </row>
    <row r="830566" spans="14:14">
      <c r="N830566" s="10"/>
    </row>
    <row r="830567" spans="14:14">
      <c r="N830567" s="10"/>
    </row>
    <row r="830568" spans="14:14">
      <c r="N830568" s="10"/>
    </row>
    <row r="830569" spans="14:14">
      <c r="N830569" s="10"/>
    </row>
    <row r="830570" spans="14:14">
      <c r="N830570" s="10"/>
    </row>
    <row r="830571" spans="14:14">
      <c r="N830571" s="10"/>
    </row>
    <row r="830572" spans="14:14">
      <c r="N830572" s="10"/>
    </row>
    <row r="830573" spans="14:14">
      <c r="N830573" s="10"/>
    </row>
    <row r="830574" spans="14:14">
      <c r="N830574" s="10"/>
    </row>
    <row r="830575" spans="14:14">
      <c r="N830575" s="10"/>
    </row>
    <row r="830576" spans="14:14">
      <c r="N830576" s="10"/>
    </row>
    <row r="830577" spans="14:14">
      <c r="N830577" s="10"/>
    </row>
    <row r="830578" spans="14:14">
      <c r="N830578" s="10"/>
    </row>
    <row r="830579" spans="14:14">
      <c r="N830579" s="10"/>
    </row>
    <row r="830580" spans="14:14">
      <c r="N830580" s="10"/>
    </row>
    <row r="830581" spans="14:14">
      <c r="N830581" s="10"/>
    </row>
    <row r="830582" spans="14:14">
      <c r="N830582" s="10"/>
    </row>
    <row r="830583" spans="14:14">
      <c r="N830583" s="10"/>
    </row>
    <row r="830584" spans="14:14">
      <c r="N830584" s="10"/>
    </row>
    <row r="830585" spans="14:14">
      <c r="N830585" s="10"/>
    </row>
    <row r="830586" spans="14:14">
      <c r="N830586" s="10"/>
    </row>
    <row r="830587" spans="14:14">
      <c r="N830587" s="10"/>
    </row>
    <row r="830588" spans="14:14">
      <c r="N830588" s="10"/>
    </row>
    <row r="830589" spans="14:14">
      <c r="N830589" s="10"/>
    </row>
    <row r="830590" spans="14:14">
      <c r="N830590" s="10"/>
    </row>
    <row r="830591" spans="14:14">
      <c r="N830591" s="10"/>
    </row>
    <row r="830592" spans="14:14">
      <c r="N830592" s="10"/>
    </row>
    <row r="830593" spans="14:14">
      <c r="N830593" s="10"/>
    </row>
    <row r="830594" spans="14:14">
      <c r="N830594" s="10"/>
    </row>
    <row r="830595" spans="14:14">
      <c r="N830595" s="10"/>
    </row>
    <row r="830596" spans="14:14">
      <c r="N830596" s="10"/>
    </row>
    <row r="830597" spans="14:14">
      <c r="N830597" s="10"/>
    </row>
    <row r="830598" spans="14:14">
      <c r="N830598" s="10"/>
    </row>
    <row r="830599" spans="14:14">
      <c r="N830599" s="10"/>
    </row>
    <row r="830600" spans="14:14">
      <c r="N830600" s="10"/>
    </row>
    <row r="830601" spans="14:14">
      <c r="N830601" s="10"/>
    </row>
    <row r="830602" spans="14:14">
      <c r="N830602" s="10"/>
    </row>
    <row r="830603" spans="14:14">
      <c r="N830603" s="10"/>
    </row>
    <row r="830604" spans="14:14">
      <c r="N830604" s="10"/>
    </row>
    <row r="830605" spans="14:14">
      <c r="N830605" s="10"/>
    </row>
    <row r="830606" spans="14:14">
      <c r="N830606" s="10"/>
    </row>
    <row r="830607" spans="14:14">
      <c r="N830607" s="10"/>
    </row>
    <row r="830608" spans="14:14">
      <c r="N830608" s="10"/>
    </row>
    <row r="830609" spans="14:14">
      <c r="N830609" s="10"/>
    </row>
    <row r="830610" spans="14:14">
      <c r="N830610" s="10"/>
    </row>
    <row r="830611" spans="14:14">
      <c r="N830611" s="10"/>
    </row>
    <row r="830612" spans="14:14">
      <c r="N830612" s="10"/>
    </row>
    <row r="830613" spans="14:14">
      <c r="N830613" s="10"/>
    </row>
    <row r="830614" spans="14:14">
      <c r="N830614" s="10"/>
    </row>
    <row r="830615" spans="14:14">
      <c r="N830615" s="10"/>
    </row>
    <row r="830616" spans="14:14">
      <c r="N830616" s="10"/>
    </row>
    <row r="830617" spans="14:14">
      <c r="N830617" s="10"/>
    </row>
    <row r="830618" spans="14:14">
      <c r="N830618" s="10"/>
    </row>
    <row r="830619" spans="14:14">
      <c r="N830619" s="10"/>
    </row>
    <row r="830620" spans="14:14">
      <c r="N830620" s="10"/>
    </row>
    <row r="830621" spans="14:14">
      <c r="N830621" s="10"/>
    </row>
    <row r="830622" spans="14:14">
      <c r="N830622" s="10"/>
    </row>
    <row r="830623" spans="14:14">
      <c r="N830623" s="10"/>
    </row>
    <row r="830624" spans="14:14">
      <c r="N830624" s="10"/>
    </row>
    <row r="830625" spans="14:14">
      <c r="N830625" s="10"/>
    </row>
    <row r="830626" spans="14:14">
      <c r="N830626" s="10"/>
    </row>
    <row r="830627" spans="14:14">
      <c r="N830627" s="10"/>
    </row>
    <row r="830628" spans="14:14">
      <c r="N830628" s="10"/>
    </row>
    <row r="830629" spans="14:14">
      <c r="N830629" s="10"/>
    </row>
    <row r="830630" spans="14:14">
      <c r="N830630" s="10"/>
    </row>
    <row r="830631" spans="14:14">
      <c r="N830631" s="10"/>
    </row>
    <row r="830632" spans="14:14">
      <c r="N830632" s="10"/>
    </row>
    <row r="830633" spans="14:14">
      <c r="N830633" s="10"/>
    </row>
    <row r="830634" spans="14:14">
      <c r="N830634" s="10"/>
    </row>
    <row r="830635" spans="14:14">
      <c r="N830635" s="10"/>
    </row>
    <row r="830636" spans="14:14">
      <c r="N830636" s="10"/>
    </row>
    <row r="830637" spans="14:14">
      <c r="N830637" s="10"/>
    </row>
    <row r="830638" spans="14:14">
      <c r="N830638" s="10"/>
    </row>
    <row r="830639" spans="14:14">
      <c r="N830639" s="10"/>
    </row>
    <row r="830640" spans="14:14">
      <c r="N830640" s="10"/>
    </row>
    <row r="830641" spans="14:14">
      <c r="N830641" s="10"/>
    </row>
    <row r="830642" spans="14:14">
      <c r="N830642" s="10"/>
    </row>
    <row r="830643" spans="14:14">
      <c r="N830643" s="10"/>
    </row>
    <row r="830644" spans="14:14">
      <c r="N830644" s="10"/>
    </row>
    <row r="830645" spans="14:14">
      <c r="N830645" s="10"/>
    </row>
    <row r="830646" spans="14:14">
      <c r="N830646" s="10"/>
    </row>
    <row r="830647" spans="14:14">
      <c r="N830647" s="10"/>
    </row>
    <row r="830648" spans="14:14">
      <c r="N830648" s="10"/>
    </row>
    <row r="830649" spans="14:14">
      <c r="N830649" s="10"/>
    </row>
    <row r="830650" spans="14:14">
      <c r="N830650" s="10"/>
    </row>
    <row r="830651" spans="14:14">
      <c r="N830651" s="10"/>
    </row>
    <row r="830652" spans="14:14">
      <c r="N830652" s="10"/>
    </row>
    <row r="830653" spans="14:14">
      <c r="N830653" s="10"/>
    </row>
    <row r="830654" spans="14:14">
      <c r="N830654" s="10"/>
    </row>
    <row r="830655" spans="14:14">
      <c r="N830655" s="10"/>
    </row>
    <row r="830656" spans="14:14">
      <c r="N830656" s="10"/>
    </row>
    <row r="830657" spans="14:14">
      <c r="N830657" s="10"/>
    </row>
    <row r="830658" spans="14:14">
      <c r="N830658" s="10"/>
    </row>
    <row r="830659" spans="14:14">
      <c r="N830659" s="10"/>
    </row>
    <row r="830660" spans="14:14">
      <c r="N830660" s="10"/>
    </row>
    <row r="830661" spans="14:14">
      <c r="N830661" s="10"/>
    </row>
    <row r="830662" spans="14:14">
      <c r="N830662" s="10"/>
    </row>
    <row r="830663" spans="14:14">
      <c r="N830663" s="10"/>
    </row>
    <row r="830664" spans="14:14">
      <c r="N830664" s="10"/>
    </row>
    <row r="830665" spans="14:14">
      <c r="N830665" s="10"/>
    </row>
    <row r="830666" spans="14:14">
      <c r="N830666" s="10"/>
    </row>
    <row r="830667" spans="14:14">
      <c r="N830667" s="10"/>
    </row>
    <row r="830668" spans="14:14">
      <c r="N830668" s="10"/>
    </row>
    <row r="830669" spans="14:14">
      <c r="N830669" s="10"/>
    </row>
    <row r="830670" spans="14:14">
      <c r="N830670" s="10"/>
    </row>
    <row r="830671" spans="14:14">
      <c r="N830671" s="10"/>
    </row>
    <row r="830672" spans="14:14">
      <c r="N830672" s="10"/>
    </row>
    <row r="830673" spans="14:14">
      <c r="N830673" s="10"/>
    </row>
    <row r="830674" spans="14:14">
      <c r="N830674" s="10"/>
    </row>
    <row r="830675" spans="14:14">
      <c r="N830675" s="10"/>
    </row>
    <row r="830676" spans="14:14">
      <c r="N830676" s="10"/>
    </row>
    <row r="830677" spans="14:14">
      <c r="N830677" s="10"/>
    </row>
    <row r="830678" spans="14:14">
      <c r="N830678" s="10"/>
    </row>
    <row r="830679" spans="14:14">
      <c r="N830679" s="10"/>
    </row>
    <row r="830680" spans="14:14">
      <c r="N830680" s="10"/>
    </row>
    <row r="830681" spans="14:14">
      <c r="N830681" s="10"/>
    </row>
    <row r="830682" spans="14:14">
      <c r="N830682" s="10"/>
    </row>
    <row r="830683" spans="14:14">
      <c r="N830683" s="10"/>
    </row>
    <row r="830684" spans="14:14">
      <c r="N830684" s="10"/>
    </row>
    <row r="830685" spans="14:14">
      <c r="N830685" s="10"/>
    </row>
    <row r="830686" spans="14:14">
      <c r="N830686" s="10"/>
    </row>
    <row r="830687" spans="14:14">
      <c r="N830687" s="10"/>
    </row>
    <row r="830688" spans="14:14">
      <c r="N830688" s="10"/>
    </row>
    <row r="830689" spans="14:14">
      <c r="N830689" s="10"/>
    </row>
    <row r="830690" spans="14:14">
      <c r="N830690" s="10"/>
    </row>
    <row r="830691" spans="14:14">
      <c r="N830691" s="10"/>
    </row>
    <row r="830692" spans="14:14">
      <c r="N830692" s="10"/>
    </row>
    <row r="830693" spans="14:14">
      <c r="N830693" s="10"/>
    </row>
    <row r="830694" spans="14:14">
      <c r="N830694" s="10"/>
    </row>
    <row r="830695" spans="14:14">
      <c r="N830695" s="10"/>
    </row>
    <row r="830696" spans="14:14">
      <c r="N830696" s="10"/>
    </row>
    <row r="830697" spans="14:14">
      <c r="N830697" s="10"/>
    </row>
    <row r="830698" spans="14:14">
      <c r="N830698" s="10"/>
    </row>
    <row r="830699" spans="14:14">
      <c r="N830699" s="10"/>
    </row>
    <row r="830700" spans="14:14">
      <c r="N830700" s="10"/>
    </row>
    <row r="830701" spans="14:14">
      <c r="N830701" s="10"/>
    </row>
    <row r="830702" spans="14:14">
      <c r="N830702" s="10"/>
    </row>
    <row r="830703" spans="14:14">
      <c r="N830703" s="10"/>
    </row>
    <row r="830704" spans="14:14">
      <c r="N830704" s="10"/>
    </row>
    <row r="830705" spans="14:14">
      <c r="N830705" s="10"/>
    </row>
    <row r="830706" spans="14:14">
      <c r="N830706" s="10"/>
    </row>
    <row r="830707" spans="14:14">
      <c r="N830707" s="10"/>
    </row>
    <row r="830708" spans="14:14">
      <c r="N830708" s="10"/>
    </row>
    <row r="830709" spans="14:14">
      <c r="N830709" s="10"/>
    </row>
    <row r="830710" spans="14:14">
      <c r="N830710" s="10"/>
    </row>
    <row r="830711" spans="14:14">
      <c r="N830711" s="10"/>
    </row>
    <row r="830712" spans="14:14">
      <c r="N830712" s="10"/>
    </row>
    <row r="830713" spans="14:14">
      <c r="N830713" s="10"/>
    </row>
    <row r="830714" spans="14:14">
      <c r="N830714" s="10"/>
    </row>
    <row r="830715" spans="14:14">
      <c r="N830715" s="10"/>
    </row>
    <row r="830716" spans="14:14">
      <c r="N830716" s="10"/>
    </row>
    <row r="830717" spans="14:14">
      <c r="N830717" s="10"/>
    </row>
    <row r="830718" spans="14:14">
      <c r="N830718" s="10"/>
    </row>
    <row r="830719" spans="14:14">
      <c r="N830719" s="10"/>
    </row>
    <row r="830720" spans="14:14">
      <c r="N830720" s="10"/>
    </row>
    <row r="830721" spans="14:14">
      <c r="N830721" s="10"/>
    </row>
    <row r="830722" spans="14:14">
      <c r="N830722" s="10"/>
    </row>
    <row r="830723" spans="14:14">
      <c r="N830723" s="10"/>
    </row>
    <row r="830724" spans="14:14">
      <c r="N830724" s="10"/>
    </row>
    <row r="830725" spans="14:14">
      <c r="N830725" s="10"/>
    </row>
    <row r="830726" spans="14:14">
      <c r="N830726" s="10"/>
    </row>
    <row r="830727" spans="14:14">
      <c r="N830727" s="10"/>
    </row>
    <row r="830728" spans="14:14">
      <c r="N830728" s="10"/>
    </row>
    <row r="830729" spans="14:14">
      <c r="N830729" s="10"/>
    </row>
    <row r="830730" spans="14:14">
      <c r="N830730" s="10"/>
    </row>
    <row r="830731" spans="14:14">
      <c r="N830731" s="10"/>
    </row>
    <row r="830732" spans="14:14">
      <c r="N830732" s="10"/>
    </row>
    <row r="830733" spans="14:14">
      <c r="N830733" s="10"/>
    </row>
    <row r="830734" spans="14:14">
      <c r="N830734" s="10"/>
    </row>
    <row r="830735" spans="14:14">
      <c r="N830735" s="10"/>
    </row>
    <row r="830736" spans="14:14">
      <c r="N830736" s="10"/>
    </row>
    <row r="830737" spans="14:14">
      <c r="N830737" s="10"/>
    </row>
    <row r="830738" spans="14:14">
      <c r="N830738" s="10"/>
    </row>
    <row r="830739" spans="14:14">
      <c r="N830739" s="10"/>
    </row>
    <row r="830740" spans="14:14">
      <c r="N830740" s="10"/>
    </row>
    <row r="830741" spans="14:14">
      <c r="N830741" s="10"/>
    </row>
    <row r="830742" spans="14:14">
      <c r="N830742" s="10"/>
    </row>
    <row r="830743" spans="14:14">
      <c r="N830743" s="10"/>
    </row>
    <row r="830744" spans="14:14">
      <c r="N830744" s="10"/>
    </row>
    <row r="830745" spans="14:14">
      <c r="N830745" s="10"/>
    </row>
    <row r="830746" spans="14:14">
      <c r="N830746" s="10"/>
    </row>
    <row r="830747" spans="14:14">
      <c r="N830747" s="10"/>
    </row>
    <row r="830748" spans="14:14">
      <c r="N830748" s="10"/>
    </row>
    <row r="830749" spans="14:14">
      <c r="N830749" s="10"/>
    </row>
    <row r="830750" spans="14:14">
      <c r="N830750" s="10"/>
    </row>
    <row r="830751" spans="14:14">
      <c r="N830751" s="10"/>
    </row>
    <row r="830752" spans="14:14">
      <c r="N830752" s="10"/>
    </row>
    <row r="830753" spans="14:14">
      <c r="N830753" s="10"/>
    </row>
    <row r="830754" spans="14:14">
      <c r="N830754" s="10"/>
    </row>
    <row r="830755" spans="14:14">
      <c r="N830755" s="10"/>
    </row>
    <row r="830756" spans="14:14">
      <c r="N830756" s="10"/>
    </row>
    <row r="830757" spans="14:14">
      <c r="N830757" s="10"/>
    </row>
    <row r="830758" spans="14:14">
      <c r="N830758" s="10"/>
    </row>
    <row r="830759" spans="14:14">
      <c r="N830759" s="10"/>
    </row>
    <row r="830760" spans="14:14">
      <c r="N830760" s="10"/>
    </row>
    <row r="830761" spans="14:14">
      <c r="N830761" s="10"/>
    </row>
    <row r="830762" spans="14:14">
      <c r="N830762" s="10"/>
    </row>
    <row r="830763" spans="14:14">
      <c r="N830763" s="10"/>
    </row>
    <row r="830764" spans="14:14">
      <c r="N830764" s="10"/>
    </row>
    <row r="830765" spans="14:14">
      <c r="N830765" s="10"/>
    </row>
    <row r="830766" spans="14:14">
      <c r="N830766" s="10"/>
    </row>
    <row r="830767" spans="14:14">
      <c r="N830767" s="10"/>
    </row>
    <row r="830768" spans="14:14">
      <c r="N830768" s="10"/>
    </row>
    <row r="830769" spans="14:14">
      <c r="N830769" s="10"/>
    </row>
    <row r="830770" spans="14:14">
      <c r="N830770" s="10"/>
    </row>
    <row r="830771" spans="14:14">
      <c r="N830771" s="10"/>
    </row>
    <row r="830772" spans="14:14">
      <c r="N830772" s="10"/>
    </row>
    <row r="830773" spans="14:14">
      <c r="N830773" s="10"/>
    </row>
    <row r="830774" spans="14:14">
      <c r="N830774" s="10"/>
    </row>
    <row r="830775" spans="14:14">
      <c r="N830775" s="10"/>
    </row>
    <row r="830776" spans="14:14">
      <c r="N830776" s="10"/>
    </row>
    <row r="830777" spans="14:14">
      <c r="N830777" s="10"/>
    </row>
    <row r="830778" spans="14:14">
      <c r="N830778" s="10"/>
    </row>
    <row r="830779" spans="14:14">
      <c r="N830779" s="10"/>
    </row>
    <row r="830780" spans="14:14">
      <c r="N830780" s="10"/>
    </row>
    <row r="830781" spans="14:14">
      <c r="N830781" s="10"/>
    </row>
    <row r="830782" spans="14:14">
      <c r="N830782" s="10"/>
    </row>
    <row r="830783" spans="14:14">
      <c r="N830783" s="10"/>
    </row>
    <row r="830784" spans="14:14">
      <c r="N830784" s="10"/>
    </row>
    <row r="830785" spans="14:14">
      <c r="N830785" s="10"/>
    </row>
    <row r="830786" spans="14:14">
      <c r="N830786" s="10"/>
    </row>
    <row r="830787" spans="14:14">
      <c r="N830787" s="10"/>
    </row>
    <row r="830788" spans="14:14">
      <c r="N830788" s="10"/>
    </row>
    <row r="830789" spans="14:14">
      <c r="N830789" s="10"/>
    </row>
    <row r="830790" spans="14:14">
      <c r="N830790" s="10"/>
    </row>
    <row r="830791" spans="14:14">
      <c r="N830791" s="10"/>
    </row>
    <row r="830792" spans="14:14">
      <c r="N830792" s="10"/>
    </row>
    <row r="830793" spans="14:14">
      <c r="N830793" s="10"/>
    </row>
    <row r="830794" spans="14:14">
      <c r="N830794" s="10"/>
    </row>
    <row r="830795" spans="14:14">
      <c r="N830795" s="10"/>
    </row>
    <row r="830796" spans="14:14">
      <c r="N830796" s="10"/>
    </row>
    <row r="830797" spans="14:14">
      <c r="N830797" s="10"/>
    </row>
    <row r="830798" spans="14:14">
      <c r="N830798" s="10"/>
    </row>
    <row r="830799" spans="14:14">
      <c r="N830799" s="10"/>
    </row>
    <row r="830800" spans="14:14">
      <c r="N830800" s="10"/>
    </row>
    <row r="830801" spans="14:14">
      <c r="N830801" s="10"/>
    </row>
    <row r="830802" spans="14:14">
      <c r="N830802" s="10"/>
    </row>
    <row r="830803" spans="14:14">
      <c r="N830803" s="10"/>
    </row>
    <row r="830804" spans="14:14">
      <c r="N830804" s="10"/>
    </row>
    <row r="830805" spans="14:14">
      <c r="N830805" s="10"/>
    </row>
    <row r="830806" spans="14:14">
      <c r="N830806" s="10"/>
    </row>
    <row r="830807" spans="14:14">
      <c r="N830807" s="10"/>
    </row>
    <row r="830808" spans="14:14">
      <c r="N830808" s="10"/>
    </row>
    <row r="830809" spans="14:14">
      <c r="N830809" s="10"/>
    </row>
    <row r="830810" spans="14:14">
      <c r="N830810" s="10"/>
    </row>
    <row r="830811" spans="14:14">
      <c r="N830811" s="10"/>
    </row>
    <row r="830812" spans="14:14">
      <c r="N830812" s="10"/>
    </row>
    <row r="830813" spans="14:14">
      <c r="N830813" s="10"/>
    </row>
    <row r="830814" spans="14:14">
      <c r="N830814" s="10"/>
    </row>
    <row r="830815" spans="14:14">
      <c r="N830815" s="10"/>
    </row>
    <row r="830816" spans="14:14">
      <c r="N830816" s="10"/>
    </row>
    <row r="830817" spans="14:14">
      <c r="N830817" s="10"/>
    </row>
    <row r="830818" spans="14:14">
      <c r="N830818" s="10"/>
    </row>
    <row r="830819" spans="14:14">
      <c r="N830819" s="10"/>
    </row>
    <row r="830820" spans="14:14">
      <c r="N830820" s="10"/>
    </row>
    <row r="830821" spans="14:14">
      <c r="N830821" s="10"/>
    </row>
    <row r="830822" spans="14:14">
      <c r="N830822" s="10"/>
    </row>
    <row r="830823" spans="14:14">
      <c r="N830823" s="10"/>
    </row>
    <row r="830824" spans="14:14">
      <c r="N830824" s="10"/>
    </row>
    <row r="830825" spans="14:14">
      <c r="N830825" s="10"/>
    </row>
    <row r="830826" spans="14:14">
      <c r="N830826" s="10"/>
    </row>
    <row r="830827" spans="14:14">
      <c r="N830827" s="10"/>
    </row>
    <row r="830828" spans="14:14">
      <c r="N830828" s="10"/>
    </row>
    <row r="830829" spans="14:14">
      <c r="N830829" s="10"/>
    </row>
    <row r="830830" spans="14:14">
      <c r="N830830" s="10"/>
    </row>
    <row r="830831" spans="14:14">
      <c r="N830831" s="10"/>
    </row>
    <row r="830832" spans="14:14">
      <c r="N830832" s="10"/>
    </row>
    <row r="830833" spans="14:14">
      <c r="N830833" s="10"/>
    </row>
    <row r="830834" spans="14:14">
      <c r="N830834" s="10"/>
    </row>
    <row r="830835" spans="14:14">
      <c r="N830835" s="10"/>
    </row>
    <row r="830836" spans="14:14">
      <c r="N830836" s="10"/>
    </row>
    <row r="830837" spans="14:14">
      <c r="N830837" s="10"/>
    </row>
    <row r="830838" spans="14:14">
      <c r="N830838" s="10"/>
    </row>
    <row r="830839" spans="14:14">
      <c r="N830839" s="10"/>
    </row>
    <row r="830840" spans="14:14">
      <c r="N830840" s="10"/>
    </row>
    <row r="830841" spans="14:14">
      <c r="N830841" s="10"/>
    </row>
    <row r="830842" spans="14:14">
      <c r="N830842" s="10"/>
    </row>
    <row r="830843" spans="14:14">
      <c r="N830843" s="10"/>
    </row>
    <row r="830844" spans="14:14">
      <c r="N830844" s="10"/>
    </row>
    <row r="830845" spans="14:14">
      <c r="N830845" s="10"/>
    </row>
    <row r="830846" spans="14:14">
      <c r="N830846" s="10"/>
    </row>
    <row r="830847" spans="14:14">
      <c r="N830847" s="10"/>
    </row>
    <row r="830848" spans="14:14">
      <c r="N830848" s="10"/>
    </row>
    <row r="830849" spans="14:14">
      <c r="N830849" s="10"/>
    </row>
    <row r="830850" spans="14:14">
      <c r="N830850" s="10"/>
    </row>
    <row r="830851" spans="14:14">
      <c r="N830851" s="10"/>
    </row>
    <row r="830852" spans="14:14">
      <c r="N830852" s="10"/>
    </row>
    <row r="830853" spans="14:14">
      <c r="N830853" s="10"/>
    </row>
    <row r="830854" spans="14:14">
      <c r="N830854" s="10"/>
    </row>
    <row r="830855" spans="14:14">
      <c r="N830855" s="10"/>
    </row>
    <row r="830856" spans="14:14">
      <c r="N830856" s="10"/>
    </row>
    <row r="830857" spans="14:14">
      <c r="N830857" s="10"/>
    </row>
    <row r="830858" spans="14:14">
      <c r="N830858" s="10"/>
    </row>
    <row r="830859" spans="14:14">
      <c r="N830859" s="10"/>
    </row>
    <row r="830860" spans="14:14">
      <c r="N830860" s="10"/>
    </row>
    <row r="830861" spans="14:14">
      <c r="N830861" s="10"/>
    </row>
    <row r="830862" spans="14:14">
      <c r="N830862" s="10"/>
    </row>
    <row r="830863" spans="14:14">
      <c r="N830863" s="10"/>
    </row>
    <row r="830864" spans="14:14">
      <c r="N830864" s="10"/>
    </row>
    <row r="830865" spans="14:14">
      <c r="N830865" s="10"/>
    </row>
    <row r="830866" spans="14:14">
      <c r="N830866" s="10"/>
    </row>
    <row r="830867" spans="14:14">
      <c r="N830867" s="10"/>
    </row>
    <row r="830868" spans="14:14">
      <c r="N830868" s="10"/>
    </row>
    <row r="830869" spans="14:14">
      <c r="N830869" s="10"/>
    </row>
    <row r="830870" spans="14:14">
      <c r="N830870" s="10"/>
    </row>
    <row r="830871" spans="14:14">
      <c r="N830871" s="10"/>
    </row>
    <row r="830872" spans="14:14">
      <c r="N830872" s="10"/>
    </row>
    <row r="830873" spans="14:14">
      <c r="N830873" s="10"/>
    </row>
    <row r="830874" spans="14:14">
      <c r="N830874" s="10"/>
    </row>
    <row r="830875" spans="14:14">
      <c r="N830875" s="10"/>
    </row>
    <row r="830876" spans="14:14">
      <c r="N830876" s="10"/>
    </row>
    <row r="830877" spans="14:14">
      <c r="N830877" s="10"/>
    </row>
    <row r="830878" spans="14:14">
      <c r="N830878" s="10"/>
    </row>
    <row r="830879" spans="14:14">
      <c r="N830879" s="10"/>
    </row>
    <row r="830880" spans="14:14">
      <c r="N830880" s="10"/>
    </row>
    <row r="830881" spans="14:14">
      <c r="N830881" s="10"/>
    </row>
    <row r="830882" spans="14:14">
      <c r="N830882" s="10"/>
    </row>
    <row r="830883" spans="14:14">
      <c r="N830883" s="10"/>
    </row>
    <row r="830884" spans="14:14">
      <c r="N830884" s="10"/>
    </row>
    <row r="830885" spans="14:14">
      <c r="N830885" s="10"/>
    </row>
    <row r="830886" spans="14:14">
      <c r="N830886" s="10"/>
    </row>
    <row r="830887" spans="14:14">
      <c r="N830887" s="10"/>
    </row>
    <row r="830888" spans="14:14">
      <c r="N830888" s="10"/>
    </row>
    <row r="830889" spans="14:14">
      <c r="N830889" s="10"/>
    </row>
    <row r="830890" spans="14:14">
      <c r="N830890" s="10"/>
    </row>
    <row r="830891" spans="14:14">
      <c r="N830891" s="10"/>
    </row>
    <row r="830892" spans="14:14">
      <c r="N830892" s="10"/>
    </row>
    <row r="830893" spans="14:14">
      <c r="N830893" s="10"/>
    </row>
    <row r="830894" spans="14:14">
      <c r="N830894" s="10"/>
    </row>
    <row r="830895" spans="14:14">
      <c r="N830895" s="10"/>
    </row>
    <row r="830896" spans="14:14">
      <c r="N830896" s="10"/>
    </row>
    <row r="830897" spans="14:14">
      <c r="N830897" s="10"/>
    </row>
    <row r="830898" spans="14:14">
      <c r="N830898" s="10"/>
    </row>
    <row r="830899" spans="14:14">
      <c r="N830899" s="10"/>
    </row>
    <row r="830900" spans="14:14">
      <c r="N830900" s="10"/>
    </row>
    <row r="830901" spans="14:14">
      <c r="N830901" s="10"/>
    </row>
    <row r="830902" spans="14:14">
      <c r="N830902" s="10"/>
    </row>
    <row r="830903" spans="14:14">
      <c r="N830903" s="10"/>
    </row>
    <row r="830904" spans="14:14">
      <c r="N830904" s="10"/>
    </row>
    <row r="830905" spans="14:14">
      <c r="N830905" s="10"/>
    </row>
    <row r="830906" spans="14:14">
      <c r="N830906" s="10"/>
    </row>
    <row r="830907" spans="14:14">
      <c r="N830907" s="10"/>
    </row>
    <row r="830908" spans="14:14">
      <c r="N830908" s="10"/>
    </row>
    <row r="830909" spans="14:14">
      <c r="N830909" s="10"/>
    </row>
    <row r="830910" spans="14:14">
      <c r="N830910" s="10"/>
    </row>
    <row r="830911" spans="14:14">
      <c r="N830911" s="10"/>
    </row>
    <row r="830912" spans="14:14">
      <c r="N830912" s="10"/>
    </row>
    <row r="830913" spans="14:14">
      <c r="N830913" s="10"/>
    </row>
    <row r="830914" spans="14:14">
      <c r="N830914" s="10"/>
    </row>
    <row r="830915" spans="14:14">
      <c r="N830915" s="10"/>
    </row>
    <row r="830916" spans="14:14">
      <c r="N830916" s="10"/>
    </row>
    <row r="830917" spans="14:14">
      <c r="N830917" s="10"/>
    </row>
    <row r="830918" spans="14:14">
      <c r="N830918" s="10"/>
    </row>
    <row r="830919" spans="14:14">
      <c r="N830919" s="10"/>
    </row>
    <row r="830920" spans="14:14">
      <c r="N830920" s="10"/>
    </row>
    <row r="830921" spans="14:14">
      <c r="N830921" s="10"/>
    </row>
    <row r="830922" spans="14:14">
      <c r="N830922" s="10"/>
    </row>
    <row r="830923" spans="14:14">
      <c r="N830923" s="10"/>
    </row>
    <row r="830924" spans="14:14">
      <c r="N830924" s="10"/>
    </row>
    <row r="830925" spans="14:14">
      <c r="N830925" s="10"/>
    </row>
    <row r="830926" spans="14:14">
      <c r="N830926" s="10"/>
    </row>
    <row r="830927" spans="14:14">
      <c r="N830927" s="10"/>
    </row>
    <row r="830928" spans="14:14">
      <c r="N830928" s="10"/>
    </row>
    <row r="830929" spans="14:14">
      <c r="N830929" s="10"/>
    </row>
    <row r="830930" spans="14:14">
      <c r="N830930" s="10"/>
    </row>
    <row r="830931" spans="14:14">
      <c r="N830931" s="10"/>
    </row>
    <row r="830932" spans="14:14">
      <c r="N830932" s="10"/>
    </row>
    <row r="830933" spans="14:14">
      <c r="N830933" s="10"/>
    </row>
    <row r="830934" spans="14:14">
      <c r="N830934" s="10"/>
    </row>
    <row r="830935" spans="14:14">
      <c r="N830935" s="10"/>
    </row>
    <row r="830936" spans="14:14">
      <c r="N830936" s="10"/>
    </row>
    <row r="830937" spans="14:14">
      <c r="N830937" s="10"/>
    </row>
    <row r="830938" spans="14:14">
      <c r="N830938" s="10"/>
    </row>
    <row r="830939" spans="14:14">
      <c r="N830939" s="10"/>
    </row>
    <row r="830940" spans="14:14">
      <c r="N830940" s="10"/>
    </row>
    <row r="830941" spans="14:14">
      <c r="N830941" s="10"/>
    </row>
    <row r="830942" spans="14:14">
      <c r="N830942" s="10"/>
    </row>
    <row r="830943" spans="14:14">
      <c r="N830943" s="10"/>
    </row>
    <row r="830944" spans="14:14">
      <c r="N830944" s="10"/>
    </row>
    <row r="830945" spans="14:14">
      <c r="N830945" s="10"/>
    </row>
    <row r="830946" spans="14:14">
      <c r="N830946" s="10"/>
    </row>
    <row r="830947" spans="14:14">
      <c r="N830947" s="10"/>
    </row>
    <row r="830948" spans="14:14">
      <c r="N830948" s="10"/>
    </row>
    <row r="830949" spans="14:14">
      <c r="N830949" s="10"/>
    </row>
    <row r="830950" spans="14:14">
      <c r="N830950" s="10"/>
    </row>
    <row r="830951" spans="14:14">
      <c r="N830951" s="10"/>
    </row>
    <row r="830952" spans="14:14">
      <c r="N830952" s="10"/>
    </row>
    <row r="830953" spans="14:14">
      <c r="N830953" s="10"/>
    </row>
    <row r="830954" spans="14:14">
      <c r="N830954" s="10"/>
    </row>
    <row r="830955" spans="14:14">
      <c r="N830955" s="10"/>
    </row>
    <row r="830956" spans="14:14">
      <c r="N830956" s="10"/>
    </row>
    <row r="830957" spans="14:14">
      <c r="N830957" s="10"/>
    </row>
    <row r="830958" spans="14:14">
      <c r="N830958" s="10"/>
    </row>
    <row r="830959" spans="14:14">
      <c r="N830959" s="10"/>
    </row>
    <row r="830960" spans="14:14">
      <c r="N830960" s="10"/>
    </row>
    <row r="830961" spans="14:14">
      <c r="N830961" s="10"/>
    </row>
    <row r="830962" spans="14:14">
      <c r="N830962" s="10"/>
    </row>
    <row r="830963" spans="14:14">
      <c r="N830963" s="10"/>
    </row>
    <row r="830964" spans="14:14">
      <c r="N830964" s="10"/>
    </row>
    <row r="830965" spans="14:14">
      <c r="N830965" s="10"/>
    </row>
    <row r="830966" spans="14:14">
      <c r="N830966" s="10"/>
    </row>
    <row r="830967" spans="14:14">
      <c r="N830967" s="10"/>
    </row>
    <row r="830968" spans="14:14">
      <c r="N830968" s="10"/>
    </row>
    <row r="830969" spans="14:14">
      <c r="N830969" s="10"/>
    </row>
    <row r="830970" spans="14:14">
      <c r="N830970" s="10"/>
    </row>
    <row r="830971" spans="14:14">
      <c r="N830971" s="10"/>
    </row>
    <row r="830972" spans="14:14">
      <c r="N830972" s="10"/>
    </row>
    <row r="830973" spans="14:14">
      <c r="N830973" s="10"/>
    </row>
    <row r="830974" spans="14:14">
      <c r="N830974" s="10"/>
    </row>
    <row r="830975" spans="14:14">
      <c r="N830975" s="10"/>
    </row>
    <row r="830976" spans="14:14">
      <c r="N830976" s="10"/>
    </row>
    <row r="830977" spans="14:14">
      <c r="N830977" s="10"/>
    </row>
    <row r="830978" spans="14:14">
      <c r="N830978" s="10"/>
    </row>
    <row r="830979" spans="14:14">
      <c r="N830979" s="10"/>
    </row>
    <row r="830980" spans="14:14">
      <c r="N830980" s="10"/>
    </row>
    <row r="830981" spans="14:14">
      <c r="N830981" s="10"/>
    </row>
    <row r="830982" spans="14:14">
      <c r="N830982" s="10"/>
    </row>
    <row r="830983" spans="14:14">
      <c r="N830983" s="10"/>
    </row>
    <row r="830984" spans="14:14">
      <c r="N830984" s="10"/>
    </row>
    <row r="830985" spans="14:14">
      <c r="N830985" s="10"/>
    </row>
    <row r="830986" spans="14:14">
      <c r="N830986" s="10"/>
    </row>
    <row r="830987" spans="14:14">
      <c r="N830987" s="10"/>
    </row>
    <row r="830988" spans="14:14">
      <c r="N830988" s="10"/>
    </row>
    <row r="830989" spans="14:14">
      <c r="N830989" s="10"/>
    </row>
    <row r="830990" spans="14:14">
      <c r="N830990" s="10"/>
    </row>
    <row r="830991" spans="14:14">
      <c r="N830991" s="10"/>
    </row>
    <row r="830992" spans="14:14">
      <c r="N830992" s="10"/>
    </row>
    <row r="830993" spans="14:14">
      <c r="N830993" s="10"/>
    </row>
    <row r="830994" spans="14:14">
      <c r="N830994" s="10"/>
    </row>
    <row r="830995" spans="14:14">
      <c r="N830995" s="10"/>
    </row>
    <row r="830996" spans="14:14">
      <c r="N830996" s="10"/>
    </row>
    <row r="830997" spans="14:14">
      <c r="N830997" s="10"/>
    </row>
    <row r="830998" spans="14:14">
      <c r="N830998" s="10"/>
    </row>
    <row r="830999" spans="14:14">
      <c r="N830999" s="10"/>
    </row>
    <row r="831000" spans="14:14">
      <c r="N831000" s="10"/>
    </row>
    <row r="831001" spans="14:14">
      <c r="N831001" s="10"/>
    </row>
    <row r="831002" spans="14:14">
      <c r="N831002" s="10"/>
    </row>
    <row r="831003" spans="14:14">
      <c r="N831003" s="10"/>
    </row>
    <row r="831004" spans="14:14">
      <c r="N831004" s="10"/>
    </row>
    <row r="831005" spans="14:14">
      <c r="N831005" s="10"/>
    </row>
    <row r="831006" spans="14:14">
      <c r="N831006" s="10"/>
    </row>
    <row r="831007" spans="14:14">
      <c r="N831007" s="10"/>
    </row>
    <row r="831008" spans="14:14">
      <c r="N831008" s="10"/>
    </row>
    <row r="831009" spans="14:14">
      <c r="N831009" s="10"/>
    </row>
    <row r="831010" spans="14:14">
      <c r="N831010" s="10"/>
    </row>
    <row r="831011" spans="14:14">
      <c r="N831011" s="10"/>
    </row>
    <row r="831012" spans="14:14">
      <c r="N831012" s="10"/>
    </row>
    <row r="831013" spans="14:14">
      <c r="N831013" s="10"/>
    </row>
    <row r="831014" spans="14:14">
      <c r="N831014" s="10"/>
    </row>
    <row r="831015" spans="14:14">
      <c r="N831015" s="10"/>
    </row>
    <row r="831016" spans="14:14">
      <c r="N831016" s="10"/>
    </row>
    <row r="831017" spans="14:14">
      <c r="N831017" s="10"/>
    </row>
    <row r="831018" spans="14:14">
      <c r="N831018" s="10"/>
    </row>
    <row r="831019" spans="14:14">
      <c r="N831019" s="10"/>
    </row>
    <row r="831020" spans="14:14">
      <c r="N831020" s="10"/>
    </row>
    <row r="831021" spans="14:14">
      <c r="N831021" s="10"/>
    </row>
    <row r="831022" spans="14:14">
      <c r="N831022" s="10"/>
    </row>
    <row r="831023" spans="14:14">
      <c r="N831023" s="10"/>
    </row>
    <row r="831024" spans="14:14">
      <c r="N831024" s="10"/>
    </row>
    <row r="831025" spans="14:14">
      <c r="N831025" s="10"/>
    </row>
    <row r="831026" spans="14:14">
      <c r="N831026" s="10"/>
    </row>
    <row r="831027" spans="14:14">
      <c r="N831027" s="10"/>
    </row>
    <row r="831028" spans="14:14">
      <c r="N831028" s="10"/>
    </row>
    <row r="831029" spans="14:14">
      <c r="N831029" s="10"/>
    </row>
    <row r="831030" spans="14:14">
      <c r="N831030" s="10"/>
    </row>
    <row r="831031" spans="14:14">
      <c r="N831031" s="10"/>
    </row>
    <row r="831032" spans="14:14">
      <c r="N831032" s="10"/>
    </row>
    <row r="831033" spans="14:14">
      <c r="N831033" s="10"/>
    </row>
    <row r="831034" spans="14:14">
      <c r="N831034" s="10"/>
    </row>
    <row r="831035" spans="14:14">
      <c r="N831035" s="10"/>
    </row>
    <row r="831036" spans="14:14">
      <c r="N831036" s="10"/>
    </row>
    <row r="831037" spans="14:14">
      <c r="N831037" s="10"/>
    </row>
    <row r="831038" spans="14:14">
      <c r="N831038" s="10"/>
    </row>
    <row r="831039" spans="14:14">
      <c r="N831039" s="10"/>
    </row>
    <row r="831040" spans="14:14">
      <c r="N831040" s="10"/>
    </row>
    <row r="831041" spans="14:14">
      <c r="N831041" s="10"/>
    </row>
    <row r="831042" spans="14:14">
      <c r="N831042" s="10"/>
    </row>
    <row r="831043" spans="14:14">
      <c r="N831043" s="10"/>
    </row>
    <row r="831044" spans="14:14">
      <c r="N831044" s="10"/>
    </row>
    <row r="831045" spans="14:14">
      <c r="N831045" s="10"/>
    </row>
    <row r="831046" spans="14:14">
      <c r="N831046" s="10"/>
    </row>
    <row r="831047" spans="14:14">
      <c r="N831047" s="10"/>
    </row>
    <row r="831048" spans="14:14">
      <c r="N831048" s="10"/>
    </row>
    <row r="831049" spans="14:14">
      <c r="N831049" s="10"/>
    </row>
    <row r="831050" spans="14:14">
      <c r="N831050" s="10"/>
    </row>
    <row r="831051" spans="14:14">
      <c r="N831051" s="10"/>
    </row>
    <row r="831052" spans="14:14">
      <c r="N831052" s="10"/>
    </row>
    <row r="831053" spans="14:14">
      <c r="N831053" s="10"/>
    </row>
    <row r="831054" spans="14:14">
      <c r="N831054" s="10"/>
    </row>
    <row r="831055" spans="14:14">
      <c r="N831055" s="10"/>
    </row>
    <row r="831056" spans="14:14">
      <c r="N831056" s="10"/>
    </row>
    <row r="831057" spans="14:14">
      <c r="N831057" s="10"/>
    </row>
    <row r="831058" spans="14:14">
      <c r="N831058" s="10"/>
    </row>
    <row r="831059" spans="14:14">
      <c r="N831059" s="10"/>
    </row>
    <row r="831060" spans="14:14">
      <c r="N831060" s="10"/>
    </row>
    <row r="831061" spans="14:14">
      <c r="N831061" s="10"/>
    </row>
    <row r="831062" spans="14:14">
      <c r="N831062" s="10"/>
    </row>
    <row r="831063" spans="14:14">
      <c r="N831063" s="10"/>
    </row>
    <row r="831064" spans="14:14">
      <c r="N831064" s="10"/>
    </row>
    <row r="831065" spans="14:14">
      <c r="N831065" s="10"/>
    </row>
    <row r="831066" spans="14:14">
      <c r="N831066" s="10"/>
    </row>
    <row r="831067" spans="14:14">
      <c r="N831067" s="10"/>
    </row>
    <row r="831068" spans="14:14">
      <c r="N831068" s="10"/>
    </row>
    <row r="831069" spans="14:14">
      <c r="N831069" s="10"/>
    </row>
    <row r="831070" spans="14:14">
      <c r="N831070" s="10"/>
    </row>
    <row r="831071" spans="14:14">
      <c r="N831071" s="10"/>
    </row>
    <row r="831072" spans="14:14">
      <c r="N831072" s="10"/>
    </row>
    <row r="831073" spans="14:14">
      <c r="N831073" s="10"/>
    </row>
    <row r="831074" spans="14:14">
      <c r="N831074" s="10"/>
    </row>
    <row r="831075" spans="14:14">
      <c r="N831075" s="10"/>
    </row>
    <row r="831076" spans="14:14">
      <c r="N831076" s="10"/>
    </row>
    <row r="831077" spans="14:14">
      <c r="N831077" s="10"/>
    </row>
    <row r="831078" spans="14:14">
      <c r="N831078" s="10"/>
    </row>
    <row r="831079" spans="14:14">
      <c r="N831079" s="10"/>
    </row>
    <row r="831080" spans="14:14">
      <c r="N831080" s="10"/>
    </row>
    <row r="831081" spans="14:14">
      <c r="N831081" s="10"/>
    </row>
    <row r="831082" spans="14:14">
      <c r="N831082" s="10"/>
    </row>
    <row r="831083" spans="14:14">
      <c r="N831083" s="10"/>
    </row>
    <row r="831084" spans="14:14">
      <c r="N831084" s="10"/>
    </row>
    <row r="831085" spans="14:14">
      <c r="N831085" s="10"/>
    </row>
    <row r="831086" spans="14:14">
      <c r="N831086" s="10"/>
    </row>
    <row r="831087" spans="14:14">
      <c r="N831087" s="10"/>
    </row>
    <row r="831088" spans="14:14">
      <c r="N831088" s="10"/>
    </row>
    <row r="831089" spans="14:14">
      <c r="N831089" s="10"/>
    </row>
    <row r="831090" spans="14:14">
      <c r="N831090" s="10"/>
    </row>
    <row r="831091" spans="14:14">
      <c r="N831091" s="10"/>
    </row>
    <row r="831092" spans="14:14">
      <c r="N831092" s="10"/>
    </row>
    <row r="831093" spans="14:14">
      <c r="N831093" s="10"/>
    </row>
    <row r="831094" spans="14:14">
      <c r="N831094" s="10"/>
    </row>
    <row r="831095" spans="14:14">
      <c r="N831095" s="10"/>
    </row>
    <row r="831096" spans="14:14">
      <c r="N831096" s="10"/>
    </row>
    <row r="831097" spans="14:14">
      <c r="N831097" s="10"/>
    </row>
    <row r="831098" spans="14:14">
      <c r="N831098" s="10"/>
    </row>
    <row r="831099" spans="14:14">
      <c r="N831099" s="10"/>
    </row>
    <row r="831100" spans="14:14">
      <c r="N831100" s="10"/>
    </row>
    <row r="831101" spans="14:14">
      <c r="N831101" s="10"/>
    </row>
    <row r="831102" spans="14:14">
      <c r="N831102" s="10"/>
    </row>
    <row r="831103" spans="14:14">
      <c r="N831103" s="10"/>
    </row>
    <row r="831104" spans="14:14">
      <c r="N831104" s="10"/>
    </row>
    <row r="831105" spans="14:14">
      <c r="N831105" s="10"/>
    </row>
    <row r="831106" spans="14:14">
      <c r="N831106" s="10"/>
    </row>
    <row r="831107" spans="14:14">
      <c r="N831107" s="10"/>
    </row>
    <row r="831108" spans="14:14">
      <c r="N831108" s="10"/>
    </row>
    <row r="831109" spans="14:14">
      <c r="N831109" s="10"/>
    </row>
    <row r="831110" spans="14:14">
      <c r="N831110" s="10"/>
    </row>
    <row r="831111" spans="14:14">
      <c r="N831111" s="10"/>
    </row>
    <row r="831112" spans="14:14">
      <c r="N831112" s="10"/>
    </row>
    <row r="831113" spans="14:14">
      <c r="N831113" s="10"/>
    </row>
    <row r="831114" spans="14:14">
      <c r="N831114" s="10"/>
    </row>
    <row r="831115" spans="14:14">
      <c r="N831115" s="10"/>
    </row>
    <row r="831116" spans="14:14">
      <c r="N831116" s="10"/>
    </row>
    <row r="831117" spans="14:14">
      <c r="N831117" s="10"/>
    </row>
    <row r="831118" spans="14:14">
      <c r="N831118" s="10"/>
    </row>
    <row r="831119" spans="14:14">
      <c r="N831119" s="10"/>
    </row>
    <row r="831120" spans="14:14">
      <c r="N831120" s="10"/>
    </row>
    <row r="831121" spans="14:14">
      <c r="N831121" s="10"/>
    </row>
    <row r="831122" spans="14:14">
      <c r="N831122" s="10"/>
    </row>
    <row r="831123" spans="14:14">
      <c r="N831123" s="10"/>
    </row>
    <row r="831124" spans="14:14">
      <c r="N831124" s="10"/>
    </row>
    <row r="831125" spans="14:14">
      <c r="N831125" s="10"/>
    </row>
    <row r="831126" spans="14:14">
      <c r="N831126" s="10"/>
    </row>
    <row r="831127" spans="14:14">
      <c r="N831127" s="10"/>
    </row>
    <row r="831128" spans="14:14">
      <c r="N831128" s="10"/>
    </row>
    <row r="831129" spans="14:14">
      <c r="N831129" s="10"/>
    </row>
    <row r="831130" spans="14:14">
      <c r="N831130" s="10"/>
    </row>
    <row r="831131" spans="14:14">
      <c r="N831131" s="10"/>
    </row>
    <row r="831132" spans="14:14">
      <c r="N831132" s="10"/>
    </row>
    <row r="831133" spans="14:14">
      <c r="N831133" s="10"/>
    </row>
    <row r="831134" spans="14:14">
      <c r="N831134" s="10"/>
    </row>
    <row r="831135" spans="14:14">
      <c r="N831135" s="10"/>
    </row>
    <row r="831136" spans="14:14">
      <c r="N831136" s="10"/>
    </row>
    <row r="831137" spans="14:14">
      <c r="N831137" s="10"/>
    </row>
    <row r="831138" spans="14:14">
      <c r="N831138" s="10"/>
    </row>
    <row r="831139" spans="14:14">
      <c r="N831139" s="10"/>
    </row>
    <row r="831140" spans="14:14">
      <c r="N831140" s="10"/>
    </row>
    <row r="831141" spans="14:14">
      <c r="N831141" s="10"/>
    </row>
    <row r="831142" spans="14:14">
      <c r="N831142" s="10"/>
    </row>
    <row r="831143" spans="14:14">
      <c r="N831143" s="10"/>
    </row>
    <row r="831144" spans="14:14">
      <c r="N831144" s="10"/>
    </row>
    <row r="831145" spans="14:14">
      <c r="N831145" s="10"/>
    </row>
    <row r="831146" spans="14:14">
      <c r="N831146" s="10"/>
    </row>
    <row r="831147" spans="14:14">
      <c r="N831147" s="10"/>
    </row>
    <row r="831148" spans="14:14">
      <c r="N831148" s="10"/>
    </row>
    <row r="831149" spans="14:14">
      <c r="N831149" s="10"/>
    </row>
    <row r="831150" spans="14:14">
      <c r="N831150" s="10"/>
    </row>
    <row r="831151" spans="14:14">
      <c r="N831151" s="10"/>
    </row>
    <row r="831152" spans="14:14">
      <c r="N831152" s="10"/>
    </row>
    <row r="831153" spans="14:14">
      <c r="N831153" s="10"/>
    </row>
    <row r="831154" spans="14:14">
      <c r="N831154" s="10"/>
    </row>
    <row r="831155" spans="14:14">
      <c r="N831155" s="10"/>
    </row>
    <row r="831156" spans="14:14">
      <c r="N831156" s="10"/>
    </row>
    <row r="831157" spans="14:14">
      <c r="N831157" s="10"/>
    </row>
    <row r="831158" spans="14:14">
      <c r="N831158" s="10"/>
    </row>
    <row r="831159" spans="14:14">
      <c r="N831159" s="10"/>
    </row>
    <row r="831160" spans="14:14">
      <c r="N831160" s="10"/>
    </row>
    <row r="831161" spans="14:14">
      <c r="N831161" s="10"/>
    </row>
    <row r="831162" spans="14:14">
      <c r="N831162" s="10"/>
    </row>
    <row r="831163" spans="14:14">
      <c r="N831163" s="10"/>
    </row>
    <row r="831164" spans="14:14">
      <c r="N831164" s="10"/>
    </row>
    <row r="831165" spans="14:14">
      <c r="N831165" s="10"/>
    </row>
    <row r="831166" spans="14:14">
      <c r="N831166" s="10"/>
    </row>
    <row r="831167" spans="14:14">
      <c r="N831167" s="10"/>
    </row>
    <row r="831168" spans="14:14">
      <c r="N831168" s="10"/>
    </row>
    <row r="831169" spans="14:14">
      <c r="N831169" s="10"/>
    </row>
    <row r="831170" spans="14:14">
      <c r="N831170" s="10"/>
    </row>
    <row r="831171" spans="14:14">
      <c r="N831171" s="10"/>
    </row>
    <row r="831172" spans="14:14">
      <c r="N831172" s="10"/>
    </row>
    <row r="831173" spans="14:14">
      <c r="N831173" s="10"/>
    </row>
    <row r="831174" spans="14:14">
      <c r="N831174" s="10"/>
    </row>
    <row r="831175" spans="14:14">
      <c r="N831175" s="10"/>
    </row>
    <row r="831176" spans="14:14">
      <c r="N831176" s="10"/>
    </row>
    <row r="831177" spans="14:14">
      <c r="N831177" s="10"/>
    </row>
    <row r="831178" spans="14:14">
      <c r="N831178" s="10"/>
    </row>
    <row r="831179" spans="14:14">
      <c r="N831179" s="10"/>
    </row>
    <row r="831180" spans="14:14">
      <c r="N831180" s="10"/>
    </row>
    <row r="831181" spans="14:14">
      <c r="N831181" s="10"/>
    </row>
    <row r="831182" spans="14:14">
      <c r="N831182" s="10"/>
    </row>
    <row r="831183" spans="14:14">
      <c r="N831183" s="10"/>
    </row>
    <row r="831184" spans="14:14">
      <c r="N831184" s="10"/>
    </row>
    <row r="831185" spans="14:14">
      <c r="N831185" s="10"/>
    </row>
    <row r="831186" spans="14:14">
      <c r="N831186" s="10"/>
    </row>
    <row r="831187" spans="14:14">
      <c r="N831187" s="10"/>
    </row>
    <row r="831188" spans="14:14">
      <c r="N831188" s="10"/>
    </row>
    <row r="831189" spans="14:14">
      <c r="N831189" s="10"/>
    </row>
    <row r="831190" spans="14:14">
      <c r="N831190" s="10"/>
    </row>
    <row r="831191" spans="14:14">
      <c r="N831191" s="10"/>
    </row>
    <row r="831192" spans="14:14">
      <c r="N831192" s="10"/>
    </row>
    <row r="831193" spans="14:14">
      <c r="N831193" s="10"/>
    </row>
    <row r="831194" spans="14:14">
      <c r="N831194" s="10"/>
    </row>
    <row r="831195" spans="14:14">
      <c r="N831195" s="10"/>
    </row>
    <row r="831196" spans="14:14">
      <c r="N831196" s="10"/>
    </row>
    <row r="831197" spans="14:14">
      <c r="N831197" s="10"/>
    </row>
    <row r="831198" spans="14:14">
      <c r="N831198" s="10"/>
    </row>
    <row r="831199" spans="14:14">
      <c r="N831199" s="10"/>
    </row>
    <row r="831200" spans="14:14">
      <c r="N831200" s="10"/>
    </row>
    <row r="831201" spans="14:14">
      <c r="N831201" s="10"/>
    </row>
    <row r="831202" spans="14:14">
      <c r="N831202" s="10"/>
    </row>
    <row r="831203" spans="14:14">
      <c r="N831203" s="10"/>
    </row>
    <row r="831204" spans="14:14">
      <c r="N831204" s="10"/>
    </row>
    <row r="831205" spans="14:14">
      <c r="N831205" s="10"/>
    </row>
    <row r="831206" spans="14:14">
      <c r="N831206" s="10"/>
    </row>
    <row r="831207" spans="14:14">
      <c r="N831207" s="10"/>
    </row>
    <row r="831208" spans="14:14">
      <c r="N831208" s="10"/>
    </row>
    <row r="831209" spans="14:14">
      <c r="N831209" s="10"/>
    </row>
    <row r="831210" spans="14:14">
      <c r="N831210" s="10"/>
    </row>
    <row r="831211" spans="14:14">
      <c r="N831211" s="10"/>
    </row>
    <row r="831212" spans="14:14">
      <c r="N831212" s="10"/>
    </row>
    <row r="831213" spans="14:14">
      <c r="N831213" s="10"/>
    </row>
    <row r="831214" spans="14:14">
      <c r="N831214" s="10"/>
    </row>
    <row r="831215" spans="14:14">
      <c r="N831215" s="10"/>
    </row>
    <row r="831216" spans="14:14">
      <c r="N831216" s="10"/>
    </row>
    <row r="831217" spans="14:14">
      <c r="N831217" s="10"/>
    </row>
    <row r="831218" spans="14:14">
      <c r="N831218" s="10"/>
    </row>
    <row r="831219" spans="14:14">
      <c r="N831219" s="10"/>
    </row>
    <row r="831220" spans="14:14">
      <c r="N831220" s="10"/>
    </row>
    <row r="831221" spans="14:14">
      <c r="N831221" s="10"/>
    </row>
    <row r="831222" spans="14:14">
      <c r="N831222" s="10"/>
    </row>
    <row r="831223" spans="14:14">
      <c r="N831223" s="10"/>
    </row>
    <row r="831224" spans="14:14">
      <c r="N831224" s="10"/>
    </row>
    <row r="831225" spans="14:14">
      <c r="N831225" s="10"/>
    </row>
    <row r="831226" spans="14:14">
      <c r="N831226" s="10"/>
    </row>
    <row r="831227" spans="14:14">
      <c r="N831227" s="10"/>
    </row>
    <row r="831228" spans="14:14">
      <c r="N831228" s="10"/>
    </row>
    <row r="831229" spans="14:14">
      <c r="N831229" s="10"/>
    </row>
    <row r="831230" spans="14:14">
      <c r="N831230" s="10"/>
    </row>
    <row r="831231" spans="14:14">
      <c r="N831231" s="10"/>
    </row>
    <row r="831232" spans="14:14">
      <c r="N831232" s="10"/>
    </row>
    <row r="831233" spans="14:14">
      <c r="N831233" s="10"/>
    </row>
    <row r="831234" spans="14:14">
      <c r="N831234" s="10"/>
    </row>
    <row r="831235" spans="14:14">
      <c r="N831235" s="10"/>
    </row>
    <row r="831236" spans="14:14">
      <c r="N831236" s="10"/>
    </row>
    <row r="831237" spans="14:14">
      <c r="N831237" s="10"/>
    </row>
    <row r="831238" spans="14:14">
      <c r="N831238" s="10"/>
    </row>
    <row r="831239" spans="14:14">
      <c r="N831239" s="10"/>
    </row>
    <row r="831240" spans="14:14">
      <c r="N831240" s="10"/>
    </row>
    <row r="831241" spans="14:14">
      <c r="N831241" s="10"/>
    </row>
    <row r="831242" spans="14:14">
      <c r="N831242" s="10"/>
    </row>
    <row r="831243" spans="14:14">
      <c r="N831243" s="10"/>
    </row>
    <row r="831244" spans="14:14">
      <c r="N831244" s="10"/>
    </row>
    <row r="831245" spans="14:14">
      <c r="N831245" s="10"/>
    </row>
    <row r="831246" spans="14:14">
      <c r="N831246" s="10"/>
    </row>
    <row r="831247" spans="14:14">
      <c r="N831247" s="10"/>
    </row>
    <row r="831248" spans="14:14">
      <c r="N831248" s="10"/>
    </row>
    <row r="831249" spans="14:14">
      <c r="N831249" s="10"/>
    </row>
    <row r="831250" spans="14:14">
      <c r="N831250" s="10"/>
    </row>
    <row r="831251" spans="14:14">
      <c r="N831251" s="10"/>
    </row>
    <row r="831252" spans="14:14">
      <c r="N831252" s="10"/>
    </row>
    <row r="831253" spans="14:14">
      <c r="N831253" s="10"/>
    </row>
    <row r="831254" spans="14:14">
      <c r="N831254" s="10"/>
    </row>
    <row r="831255" spans="14:14">
      <c r="N831255" s="10"/>
    </row>
    <row r="831256" spans="14:14">
      <c r="N831256" s="10"/>
    </row>
    <row r="831257" spans="14:14">
      <c r="N831257" s="10"/>
    </row>
    <row r="831258" spans="14:14">
      <c r="N831258" s="10"/>
    </row>
    <row r="831259" spans="14:14">
      <c r="N831259" s="10"/>
    </row>
    <row r="831260" spans="14:14">
      <c r="N831260" s="10"/>
    </row>
    <row r="831261" spans="14:14">
      <c r="N831261" s="10"/>
    </row>
    <row r="831262" spans="14:14">
      <c r="N831262" s="10"/>
    </row>
    <row r="831263" spans="14:14">
      <c r="N831263" s="10"/>
    </row>
    <row r="831264" spans="14:14">
      <c r="N831264" s="10"/>
    </row>
    <row r="831265" spans="14:14">
      <c r="N831265" s="10"/>
    </row>
    <row r="831266" spans="14:14">
      <c r="N831266" s="10"/>
    </row>
    <row r="831267" spans="14:14">
      <c r="N831267" s="10"/>
    </row>
    <row r="831268" spans="14:14">
      <c r="N831268" s="10"/>
    </row>
    <row r="831269" spans="14:14">
      <c r="N831269" s="10"/>
    </row>
    <row r="831270" spans="14:14">
      <c r="N831270" s="10"/>
    </row>
    <row r="831271" spans="14:14">
      <c r="N831271" s="10"/>
    </row>
    <row r="831272" spans="14:14">
      <c r="N831272" s="10"/>
    </row>
    <row r="831273" spans="14:14">
      <c r="N831273" s="10"/>
    </row>
    <row r="831274" spans="14:14">
      <c r="N831274" s="10"/>
    </row>
    <row r="831275" spans="14:14">
      <c r="N831275" s="10"/>
    </row>
    <row r="831276" spans="14:14">
      <c r="N831276" s="10"/>
    </row>
    <row r="831277" spans="14:14">
      <c r="N831277" s="10"/>
    </row>
    <row r="831278" spans="14:14">
      <c r="N831278" s="10"/>
    </row>
    <row r="831279" spans="14:14">
      <c r="N831279" s="10"/>
    </row>
    <row r="831280" spans="14:14">
      <c r="N831280" s="10"/>
    </row>
    <row r="831281" spans="14:14">
      <c r="N831281" s="10"/>
    </row>
    <row r="831282" spans="14:14">
      <c r="N831282" s="10"/>
    </row>
    <row r="831283" spans="14:14">
      <c r="N831283" s="10"/>
    </row>
    <row r="831284" spans="14:14">
      <c r="N831284" s="10"/>
    </row>
    <row r="831285" spans="14:14">
      <c r="N831285" s="10"/>
    </row>
    <row r="831286" spans="14:14">
      <c r="N831286" s="10"/>
    </row>
    <row r="831287" spans="14:14">
      <c r="N831287" s="10"/>
    </row>
    <row r="831288" spans="14:14">
      <c r="N831288" s="10"/>
    </row>
    <row r="831289" spans="14:14">
      <c r="N831289" s="10"/>
    </row>
    <row r="831290" spans="14:14">
      <c r="N831290" s="10"/>
    </row>
    <row r="831291" spans="14:14">
      <c r="N831291" s="10"/>
    </row>
    <row r="831292" spans="14:14">
      <c r="N831292" s="10"/>
    </row>
    <row r="831293" spans="14:14">
      <c r="N831293" s="10"/>
    </row>
    <row r="831294" spans="14:14">
      <c r="N831294" s="10"/>
    </row>
    <row r="831295" spans="14:14">
      <c r="N831295" s="10"/>
    </row>
    <row r="831296" spans="14:14">
      <c r="N831296" s="10"/>
    </row>
    <row r="831297" spans="14:14">
      <c r="N831297" s="10"/>
    </row>
    <row r="831298" spans="14:14">
      <c r="N831298" s="10"/>
    </row>
    <row r="831299" spans="14:14">
      <c r="N831299" s="10"/>
    </row>
    <row r="831300" spans="14:14">
      <c r="N831300" s="10"/>
    </row>
    <row r="831301" spans="14:14">
      <c r="N831301" s="10"/>
    </row>
    <row r="831302" spans="14:14">
      <c r="N831302" s="10"/>
    </row>
    <row r="831303" spans="14:14">
      <c r="N831303" s="10"/>
    </row>
    <row r="831304" spans="14:14">
      <c r="N831304" s="10"/>
    </row>
    <row r="831305" spans="14:14">
      <c r="N831305" s="10"/>
    </row>
    <row r="831306" spans="14:14">
      <c r="N831306" s="10"/>
    </row>
    <row r="831307" spans="14:14">
      <c r="N831307" s="10"/>
    </row>
    <row r="831308" spans="14:14">
      <c r="N831308" s="10"/>
    </row>
    <row r="831309" spans="14:14">
      <c r="N831309" s="10"/>
    </row>
    <row r="831310" spans="14:14">
      <c r="N831310" s="10"/>
    </row>
    <row r="831311" spans="14:14">
      <c r="N831311" s="10"/>
    </row>
    <row r="831312" spans="14:14">
      <c r="N831312" s="10"/>
    </row>
    <row r="831313" spans="14:14">
      <c r="N831313" s="10"/>
    </row>
    <row r="831314" spans="14:14">
      <c r="N831314" s="10"/>
    </row>
    <row r="831315" spans="14:14">
      <c r="N831315" s="10"/>
    </row>
    <row r="831316" spans="14:14">
      <c r="N831316" s="10"/>
    </row>
    <row r="831317" spans="14:14">
      <c r="N831317" s="10"/>
    </row>
    <row r="831318" spans="14:14">
      <c r="N831318" s="10"/>
    </row>
    <row r="831319" spans="14:14">
      <c r="N831319" s="10"/>
    </row>
    <row r="831320" spans="14:14">
      <c r="N831320" s="10"/>
    </row>
    <row r="831321" spans="14:14">
      <c r="N831321" s="10"/>
    </row>
    <row r="831322" spans="14:14">
      <c r="N831322" s="10"/>
    </row>
    <row r="831323" spans="14:14">
      <c r="N831323" s="10"/>
    </row>
    <row r="831324" spans="14:14">
      <c r="N831324" s="10"/>
    </row>
    <row r="831325" spans="14:14">
      <c r="N831325" s="10"/>
    </row>
    <row r="831326" spans="14:14">
      <c r="N831326" s="10"/>
    </row>
    <row r="831327" spans="14:14">
      <c r="N831327" s="10"/>
    </row>
    <row r="831328" spans="14:14">
      <c r="N831328" s="10"/>
    </row>
    <row r="831329" spans="14:14">
      <c r="N831329" s="10"/>
    </row>
    <row r="831330" spans="14:14">
      <c r="N831330" s="10"/>
    </row>
    <row r="831331" spans="14:14">
      <c r="N831331" s="10"/>
    </row>
    <row r="831332" spans="14:14">
      <c r="N831332" s="10"/>
    </row>
    <row r="831333" spans="14:14">
      <c r="N831333" s="10"/>
    </row>
    <row r="831334" spans="14:14">
      <c r="N831334" s="10"/>
    </row>
    <row r="831335" spans="14:14">
      <c r="N831335" s="10"/>
    </row>
    <row r="831336" spans="14:14">
      <c r="N831336" s="10"/>
    </row>
    <row r="831337" spans="14:14">
      <c r="N831337" s="10"/>
    </row>
    <row r="831338" spans="14:14">
      <c r="N831338" s="10"/>
    </row>
    <row r="831339" spans="14:14">
      <c r="N831339" s="10"/>
    </row>
    <row r="831340" spans="14:14">
      <c r="N831340" s="10"/>
    </row>
    <row r="831341" spans="14:14">
      <c r="N831341" s="10"/>
    </row>
    <row r="831342" spans="14:14">
      <c r="N831342" s="10"/>
    </row>
    <row r="831343" spans="14:14">
      <c r="N831343" s="10"/>
    </row>
    <row r="831344" spans="14:14">
      <c r="N831344" s="10"/>
    </row>
    <row r="831345" spans="14:14">
      <c r="N831345" s="10"/>
    </row>
    <row r="831346" spans="14:14">
      <c r="N831346" s="10"/>
    </row>
    <row r="831347" spans="14:14">
      <c r="N831347" s="10"/>
    </row>
    <row r="831348" spans="14:14">
      <c r="N831348" s="10"/>
    </row>
    <row r="831349" spans="14:14">
      <c r="N831349" s="10"/>
    </row>
    <row r="831350" spans="14:14">
      <c r="N831350" s="10"/>
    </row>
    <row r="831351" spans="14:14">
      <c r="N831351" s="10"/>
    </row>
    <row r="831352" spans="14:14">
      <c r="N831352" s="10"/>
    </row>
    <row r="831353" spans="14:14">
      <c r="N831353" s="10"/>
    </row>
    <row r="831354" spans="14:14">
      <c r="N831354" s="10"/>
    </row>
    <row r="831355" spans="14:14">
      <c r="N831355" s="10"/>
    </row>
    <row r="831356" spans="14:14">
      <c r="N831356" s="10"/>
    </row>
    <row r="831357" spans="14:14">
      <c r="N831357" s="10"/>
    </row>
    <row r="831358" spans="14:14">
      <c r="N831358" s="10"/>
    </row>
    <row r="831359" spans="14:14">
      <c r="N831359" s="10"/>
    </row>
    <row r="831360" spans="14:14">
      <c r="N831360" s="10"/>
    </row>
    <row r="831361" spans="14:14">
      <c r="N831361" s="10"/>
    </row>
    <row r="831362" spans="14:14">
      <c r="N831362" s="10"/>
    </row>
    <row r="831363" spans="14:14">
      <c r="N831363" s="10"/>
    </row>
    <row r="831364" spans="14:14">
      <c r="N831364" s="10"/>
    </row>
    <row r="831365" spans="14:14">
      <c r="N831365" s="10"/>
    </row>
    <row r="831366" spans="14:14">
      <c r="N831366" s="10"/>
    </row>
    <row r="831367" spans="14:14">
      <c r="N831367" s="10"/>
    </row>
    <row r="831368" spans="14:14">
      <c r="N831368" s="10"/>
    </row>
    <row r="831369" spans="14:14">
      <c r="N831369" s="10"/>
    </row>
    <row r="831370" spans="14:14">
      <c r="N831370" s="10"/>
    </row>
    <row r="831371" spans="14:14">
      <c r="N831371" s="10"/>
    </row>
    <row r="831372" spans="14:14">
      <c r="N831372" s="10"/>
    </row>
    <row r="831373" spans="14:14">
      <c r="N831373" s="10"/>
    </row>
    <row r="831374" spans="14:14">
      <c r="N831374" s="10"/>
    </row>
    <row r="831375" spans="14:14">
      <c r="N831375" s="10"/>
    </row>
    <row r="831376" spans="14:14">
      <c r="N831376" s="10"/>
    </row>
    <row r="831377" spans="14:14">
      <c r="N831377" s="10"/>
    </row>
    <row r="831378" spans="14:14">
      <c r="N831378" s="10"/>
    </row>
    <row r="831379" spans="14:14">
      <c r="N831379" s="10"/>
    </row>
    <row r="831380" spans="14:14">
      <c r="N831380" s="10"/>
    </row>
    <row r="831381" spans="14:14">
      <c r="N831381" s="10"/>
    </row>
    <row r="831382" spans="14:14">
      <c r="N831382" s="10"/>
    </row>
    <row r="831383" spans="14:14">
      <c r="N831383" s="10"/>
    </row>
    <row r="831384" spans="14:14">
      <c r="N831384" s="10"/>
    </row>
    <row r="831385" spans="14:14">
      <c r="N831385" s="10"/>
    </row>
    <row r="831386" spans="14:14">
      <c r="N831386" s="10"/>
    </row>
    <row r="831387" spans="14:14">
      <c r="N831387" s="10"/>
    </row>
    <row r="831388" spans="14:14">
      <c r="N831388" s="10"/>
    </row>
    <row r="831389" spans="14:14">
      <c r="N831389" s="10"/>
    </row>
    <row r="831390" spans="14:14">
      <c r="N831390" s="10"/>
    </row>
    <row r="831391" spans="14:14">
      <c r="N831391" s="10"/>
    </row>
    <row r="831392" spans="14:14">
      <c r="N831392" s="10"/>
    </row>
    <row r="831393" spans="14:14">
      <c r="N831393" s="10"/>
    </row>
    <row r="831394" spans="14:14">
      <c r="N831394" s="10"/>
    </row>
    <row r="831395" spans="14:14">
      <c r="N831395" s="10"/>
    </row>
    <row r="831396" spans="14:14">
      <c r="N831396" s="10"/>
    </row>
    <row r="831397" spans="14:14">
      <c r="N831397" s="10"/>
    </row>
    <row r="831398" spans="14:14">
      <c r="N831398" s="10"/>
    </row>
    <row r="831399" spans="14:14">
      <c r="N831399" s="10"/>
    </row>
    <row r="831400" spans="14:14">
      <c r="N831400" s="10"/>
    </row>
    <row r="831401" spans="14:14">
      <c r="N831401" s="10"/>
    </row>
    <row r="831402" spans="14:14">
      <c r="N831402" s="10"/>
    </row>
    <row r="831403" spans="14:14">
      <c r="N831403" s="10"/>
    </row>
    <row r="831404" spans="14:14">
      <c r="N831404" s="10"/>
    </row>
    <row r="831405" spans="14:14">
      <c r="N831405" s="10"/>
    </row>
    <row r="831406" spans="14:14">
      <c r="N831406" s="10"/>
    </row>
    <row r="831407" spans="14:14">
      <c r="N831407" s="10"/>
    </row>
    <row r="831408" spans="14:14">
      <c r="N831408" s="10"/>
    </row>
    <row r="831409" spans="14:14">
      <c r="N831409" s="10"/>
    </row>
    <row r="831410" spans="14:14">
      <c r="N831410" s="10"/>
    </row>
    <row r="831411" spans="14:14">
      <c r="N831411" s="10"/>
    </row>
    <row r="831412" spans="14:14">
      <c r="N831412" s="10"/>
    </row>
    <row r="831413" spans="14:14">
      <c r="N831413" s="10"/>
    </row>
    <row r="831414" spans="14:14">
      <c r="N831414" s="10"/>
    </row>
    <row r="831415" spans="14:14">
      <c r="N831415" s="10"/>
    </row>
    <row r="831416" spans="14:14">
      <c r="N831416" s="10"/>
    </row>
    <row r="831417" spans="14:14">
      <c r="N831417" s="10"/>
    </row>
    <row r="831418" spans="14:14">
      <c r="N831418" s="10"/>
    </row>
    <row r="831419" spans="14:14">
      <c r="N831419" s="10"/>
    </row>
    <row r="831420" spans="14:14">
      <c r="N831420" s="10"/>
    </row>
    <row r="831421" spans="14:14">
      <c r="N831421" s="10"/>
    </row>
    <row r="831422" spans="14:14">
      <c r="N831422" s="10"/>
    </row>
    <row r="831423" spans="14:14">
      <c r="N831423" s="10"/>
    </row>
    <row r="831424" spans="14:14">
      <c r="N831424" s="10"/>
    </row>
    <row r="831425" spans="14:14">
      <c r="N831425" s="10"/>
    </row>
    <row r="831426" spans="14:14">
      <c r="N831426" s="10"/>
    </row>
    <row r="831427" spans="14:14">
      <c r="N831427" s="10"/>
    </row>
    <row r="831428" spans="14:14">
      <c r="N831428" s="10"/>
    </row>
    <row r="831429" spans="14:14">
      <c r="N831429" s="10"/>
    </row>
    <row r="831430" spans="14:14">
      <c r="N831430" s="10"/>
    </row>
    <row r="831431" spans="14:14">
      <c r="N831431" s="10"/>
    </row>
    <row r="831432" spans="14:14">
      <c r="N831432" s="10"/>
    </row>
    <row r="831433" spans="14:14">
      <c r="N831433" s="10"/>
    </row>
    <row r="831434" spans="14:14">
      <c r="N831434" s="10"/>
    </row>
    <row r="831435" spans="14:14">
      <c r="N831435" s="10"/>
    </row>
    <row r="831436" spans="14:14">
      <c r="N831436" s="10"/>
    </row>
    <row r="831437" spans="14:14">
      <c r="N831437" s="10"/>
    </row>
    <row r="831438" spans="14:14">
      <c r="N831438" s="10"/>
    </row>
    <row r="831439" spans="14:14">
      <c r="N831439" s="10"/>
    </row>
    <row r="831440" spans="14:14">
      <c r="N831440" s="10"/>
    </row>
    <row r="831441" spans="14:14">
      <c r="N831441" s="10"/>
    </row>
    <row r="831442" spans="14:14">
      <c r="N831442" s="10"/>
    </row>
    <row r="831443" spans="14:14">
      <c r="N831443" s="10"/>
    </row>
    <row r="831444" spans="14:14">
      <c r="N831444" s="10"/>
    </row>
    <row r="831445" spans="14:14">
      <c r="N831445" s="10"/>
    </row>
    <row r="831446" spans="14:14">
      <c r="N831446" s="10"/>
    </row>
    <row r="831447" spans="14:14">
      <c r="N831447" s="10"/>
    </row>
    <row r="831448" spans="14:14">
      <c r="N831448" s="10"/>
    </row>
    <row r="831449" spans="14:14">
      <c r="N831449" s="10"/>
    </row>
    <row r="831450" spans="14:14">
      <c r="N831450" s="10"/>
    </row>
    <row r="831451" spans="14:14">
      <c r="N831451" s="10"/>
    </row>
    <row r="831452" spans="14:14">
      <c r="N831452" s="10"/>
    </row>
    <row r="831453" spans="14:14">
      <c r="N831453" s="10"/>
    </row>
    <row r="831454" spans="14:14">
      <c r="N831454" s="10"/>
    </row>
    <row r="831455" spans="14:14">
      <c r="N831455" s="10"/>
    </row>
    <row r="831456" spans="14:14">
      <c r="N831456" s="10"/>
    </row>
    <row r="831457" spans="14:14">
      <c r="N831457" s="10"/>
    </row>
    <row r="831458" spans="14:14">
      <c r="N831458" s="10"/>
    </row>
    <row r="831459" spans="14:14">
      <c r="N831459" s="10"/>
    </row>
    <row r="831460" spans="14:14">
      <c r="N831460" s="10"/>
    </row>
    <row r="831461" spans="14:14">
      <c r="N831461" s="10"/>
    </row>
    <row r="831462" spans="14:14">
      <c r="N831462" s="10"/>
    </row>
    <row r="831463" spans="14:14">
      <c r="N831463" s="10"/>
    </row>
    <row r="831464" spans="14:14">
      <c r="N831464" s="10"/>
    </row>
    <row r="831465" spans="14:14">
      <c r="N831465" s="10"/>
    </row>
    <row r="831466" spans="14:14">
      <c r="N831466" s="10"/>
    </row>
    <row r="831467" spans="14:14">
      <c r="N831467" s="10"/>
    </row>
    <row r="831468" spans="14:14">
      <c r="N831468" s="10"/>
    </row>
    <row r="831469" spans="14:14">
      <c r="N831469" s="10"/>
    </row>
    <row r="831470" spans="14:14">
      <c r="N831470" s="10"/>
    </row>
    <row r="831471" spans="14:14">
      <c r="N831471" s="10"/>
    </row>
    <row r="831472" spans="14:14">
      <c r="N831472" s="10"/>
    </row>
    <row r="831473" spans="14:14">
      <c r="N831473" s="10"/>
    </row>
    <row r="831474" spans="14:14">
      <c r="N831474" s="10"/>
    </row>
    <row r="831475" spans="14:14">
      <c r="N831475" s="10"/>
    </row>
    <row r="831476" spans="14:14">
      <c r="N831476" s="10"/>
    </row>
    <row r="831477" spans="14:14">
      <c r="N831477" s="10"/>
    </row>
    <row r="831478" spans="14:14">
      <c r="N831478" s="10"/>
    </row>
    <row r="831479" spans="14:14">
      <c r="N831479" s="10"/>
    </row>
    <row r="831480" spans="14:14">
      <c r="N831480" s="10"/>
    </row>
    <row r="831481" spans="14:14">
      <c r="N831481" s="10"/>
    </row>
    <row r="831482" spans="14:14">
      <c r="N831482" s="10"/>
    </row>
    <row r="831483" spans="14:14">
      <c r="N831483" s="10"/>
    </row>
    <row r="831484" spans="14:14">
      <c r="N831484" s="10"/>
    </row>
    <row r="831485" spans="14:14">
      <c r="N831485" s="10"/>
    </row>
    <row r="831486" spans="14:14">
      <c r="N831486" s="10"/>
    </row>
    <row r="831487" spans="14:14">
      <c r="N831487" s="10"/>
    </row>
    <row r="831488" spans="14:14">
      <c r="N831488" s="10"/>
    </row>
    <row r="831489" spans="14:14">
      <c r="N831489" s="10"/>
    </row>
    <row r="831490" spans="14:14">
      <c r="N831490" s="10"/>
    </row>
    <row r="831491" spans="14:14">
      <c r="N831491" s="10"/>
    </row>
    <row r="831492" spans="14:14">
      <c r="N831492" s="10"/>
    </row>
    <row r="831493" spans="14:14">
      <c r="N831493" s="10"/>
    </row>
    <row r="831494" spans="14:14">
      <c r="N831494" s="10"/>
    </row>
    <row r="831495" spans="14:14">
      <c r="N831495" s="10"/>
    </row>
    <row r="831496" spans="14:14">
      <c r="N831496" s="10"/>
    </row>
    <row r="831497" spans="14:14">
      <c r="N831497" s="10"/>
    </row>
    <row r="831498" spans="14:14">
      <c r="N831498" s="10"/>
    </row>
    <row r="831499" spans="14:14">
      <c r="N831499" s="10"/>
    </row>
    <row r="831500" spans="14:14">
      <c r="N831500" s="10"/>
    </row>
    <row r="831501" spans="14:14">
      <c r="N831501" s="10"/>
    </row>
    <row r="831502" spans="14:14">
      <c r="N831502" s="10"/>
    </row>
    <row r="831503" spans="14:14">
      <c r="N831503" s="10"/>
    </row>
    <row r="831504" spans="14:14">
      <c r="N831504" s="10"/>
    </row>
    <row r="831505" spans="14:14">
      <c r="N831505" s="10"/>
    </row>
    <row r="831506" spans="14:14">
      <c r="N831506" s="10"/>
    </row>
    <row r="831507" spans="14:14">
      <c r="N831507" s="10"/>
    </row>
    <row r="831508" spans="14:14">
      <c r="N831508" s="10"/>
    </row>
    <row r="831509" spans="14:14">
      <c r="N831509" s="10"/>
    </row>
    <row r="831510" spans="14:14">
      <c r="N831510" s="10"/>
    </row>
    <row r="831511" spans="14:14">
      <c r="N831511" s="10"/>
    </row>
    <row r="831512" spans="14:14">
      <c r="N831512" s="10"/>
    </row>
    <row r="831513" spans="14:14">
      <c r="N831513" s="10"/>
    </row>
    <row r="831514" spans="14:14">
      <c r="N831514" s="10"/>
    </row>
    <row r="831515" spans="14:14">
      <c r="N831515" s="10"/>
    </row>
    <row r="831516" spans="14:14">
      <c r="N831516" s="10"/>
    </row>
    <row r="831517" spans="14:14">
      <c r="N831517" s="10"/>
    </row>
    <row r="831518" spans="14:14">
      <c r="N831518" s="10"/>
    </row>
    <row r="831519" spans="14:14">
      <c r="N831519" s="10"/>
    </row>
    <row r="831520" spans="14:14">
      <c r="N831520" s="10"/>
    </row>
    <row r="831521" spans="14:14">
      <c r="N831521" s="10"/>
    </row>
    <row r="831522" spans="14:14">
      <c r="N831522" s="10"/>
    </row>
    <row r="831523" spans="14:14">
      <c r="N831523" s="10"/>
    </row>
    <row r="831524" spans="14:14">
      <c r="N831524" s="10"/>
    </row>
    <row r="831525" spans="14:14">
      <c r="N831525" s="10"/>
    </row>
    <row r="831526" spans="14:14">
      <c r="N831526" s="10"/>
    </row>
    <row r="831527" spans="14:14">
      <c r="N831527" s="10"/>
    </row>
    <row r="831528" spans="14:14">
      <c r="N831528" s="10"/>
    </row>
    <row r="831529" spans="14:14">
      <c r="N831529" s="10"/>
    </row>
    <row r="831530" spans="14:14">
      <c r="N831530" s="10"/>
    </row>
    <row r="831531" spans="14:14">
      <c r="N831531" s="10"/>
    </row>
    <row r="831532" spans="14:14">
      <c r="N831532" s="10"/>
    </row>
    <row r="831533" spans="14:14">
      <c r="N831533" s="10"/>
    </row>
    <row r="831534" spans="14:14">
      <c r="N831534" s="10"/>
    </row>
    <row r="831535" spans="14:14">
      <c r="N831535" s="10"/>
    </row>
    <row r="831536" spans="14:14">
      <c r="N831536" s="10"/>
    </row>
    <row r="831537" spans="14:14">
      <c r="N831537" s="10"/>
    </row>
    <row r="831538" spans="14:14">
      <c r="N831538" s="10"/>
    </row>
    <row r="831539" spans="14:14">
      <c r="N831539" s="10"/>
    </row>
    <row r="831540" spans="14:14">
      <c r="N831540" s="10"/>
    </row>
    <row r="831541" spans="14:14">
      <c r="N831541" s="10"/>
    </row>
    <row r="831542" spans="14:14">
      <c r="N831542" s="10"/>
    </row>
    <row r="831543" spans="14:14">
      <c r="N831543" s="10"/>
    </row>
    <row r="831544" spans="14:14">
      <c r="N831544" s="10"/>
    </row>
    <row r="831545" spans="14:14">
      <c r="N831545" s="10"/>
    </row>
    <row r="831546" spans="14:14">
      <c r="N831546" s="10"/>
    </row>
    <row r="831547" spans="14:14">
      <c r="N831547" s="10"/>
    </row>
    <row r="831548" spans="14:14">
      <c r="N831548" s="10"/>
    </row>
    <row r="831549" spans="14:14">
      <c r="N831549" s="10"/>
    </row>
    <row r="831550" spans="14:14">
      <c r="N831550" s="10"/>
    </row>
    <row r="831551" spans="14:14">
      <c r="N831551" s="10"/>
    </row>
    <row r="831552" spans="14:14">
      <c r="N831552" s="10"/>
    </row>
    <row r="831553" spans="14:14">
      <c r="N831553" s="10"/>
    </row>
    <row r="831554" spans="14:14">
      <c r="N831554" s="10"/>
    </row>
    <row r="831555" spans="14:14">
      <c r="N831555" s="10"/>
    </row>
    <row r="831556" spans="14:14">
      <c r="N831556" s="10"/>
    </row>
    <row r="831557" spans="14:14">
      <c r="N831557" s="10"/>
    </row>
    <row r="831558" spans="14:14">
      <c r="N831558" s="10"/>
    </row>
    <row r="831559" spans="14:14">
      <c r="N831559" s="10"/>
    </row>
    <row r="831560" spans="14:14">
      <c r="N831560" s="10"/>
    </row>
    <row r="831561" spans="14:14">
      <c r="N831561" s="10"/>
    </row>
    <row r="831562" spans="14:14">
      <c r="N831562" s="10"/>
    </row>
    <row r="831563" spans="14:14">
      <c r="N831563" s="10"/>
    </row>
    <row r="831564" spans="14:14">
      <c r="N831564" s="10"/>
    </row>
    <row r="831565" spans="14:14">
      <c r="N831565" s="10"/>
    </row>
    <row r="831566" spans="14:14">
      <c r="N831566" s="10"/>
    </row>
    <row r="831567" spans="14:14">
      <c r="N831567" s="10"/>
    </row>
    <row r="831568" spans="14:14">
      <c r="N831568" s="10"/>
    </row>
    <row r="831569" spans="14:14">
      <c r="N831569" s="10"/>
    </row>
    <row r="831570" spans="14:14">
      <c r="N831570" s="10"/>
    </row>
    <row r="831571" spans="14:14">
      <c r="N831571" s="10"/>
    </row>
    <row r="831572" spans="14:14">
      <c r="N831572" s="10"/>
    </row>
    <row r="831573" spans="14:14">
      <c r="N831573" s="10"/>
    </row>
    <row r="831574" spans="14:14">
      <c r="N831574" s="10"/>
    </row>
    <row r="831575" spans="14:14">
      <c r="N831575" s="10"/>
    </row>
    <row r="831576" spans="14:14">
      <c r="N831576" s="10"/>
    </row>
    <row r="831577" spans="14:14">
      <c r="N831577" s="10"/>
    </row>
    <row r="831578" spans="14:14">
      <c r="N831578" s="10"/>
    </row>
    <row r="831579" spans="14:14">
      <c r="N831579" s="10"/>
    </row>
    <row r="831580" spans="14:14">
      <c r="N831580" s="10"/>
    </row>
    <row r="831581" spans="14:14">
      <c r="N831581" s="10"/>
    </row>
    <row r="831582" spans="14:14">
      <c r="N831582" s="10"/>
    </row>
    <row r="831583" spans="14:14">
      <c r="N831583" s="10"/>
    </row>
    <row r="831584" spans="14:14">
      <c r="N831584" s="10"/>
    </row>
    <row r="831585" spans="14:14">
      <c r="N831585" s="10"/>
    </row>
    <row r="831586" spans="14:14">
      <c r="N831586" s="10"/>
    </row>
    <row r="831587" spans="14:14">
      <c r="N831587" s="10"/>
    </row>
    <row r="831588" spans="14:14">
      <c r="N831588" s="10"/>
    </row>
    <row r="831589" spans="14:14">
      <c r="N831589" s="10"/>
    </row>
    <row r="831590" spans="14:14">
      <c r="N831590" s="10"/>
    </row>
    <row r="831591" spans="14:14">
      <c r="N831591" s="10"/>
    </row>
    <row r="831592" spans="14:14">
      <c r="N831592" s="10"/>
    </row>
    <row r="831593" spans="14:14">
      <c r="N831593" s="10"/>
    </row>
    <row r="831594" spans="14:14">
      <c r="N831594" s="10"/>
    </row>
    <row r="831595" spans="14:14">
      <c r="N831595" s="10"/>
    </row>
    <row r="831596" spans="14:14">
      <c r="N831596" s="10"/>
    </row>
    <row r="831597" spans="14:14">
      <c r="N831597" s="10"/>
    </row>
    <row r="831598" spans="14:14">
      <c r="N831598" s="10"/>
    </row>
    <row r="831599" spans="14:14">
      <c r="N831599" s="10"/>
    </row>
    <row r="831600" spans="14:14">
      <c r="N831600" s="10"/>
    </row>
    <row r="831601" spans="14:14">
      <c r="N831601" s="10"/>
    </row>
    <row r="831602" spans="14:14">
      <c r="N831602" s="10"/>
    </row>
    <row r="831603" spans="14:14">
      <c r="N831603" s="10"/>
    </row>
    <row r="831604" spans="14:14">
      <c r="N831604" s="10"/>
    </row>
    <row r="831605" spans="14:14">
      <c r="N831605" s="10"/>
    </row>
    <row r="831606" spans="14:14">
      <c r="N831606" s="10"/>
    </row>
    <row r="831607" spans="14:14">
      <c r="N831607" s="10"/>
    </row>
    <row r="831608" spans="14:14">
      <c r="N831608" s="10"/>
    </row>
    <row r="831609" spans="14:14">
      <c r="N831609" s="10"/>
    </row>
    <row r="831610" spans="14:14">
      <c r="N831610" s="10"/>
    </row>
    <row r="831611" spans="14:14">
      <c r="N831611" s="10"/>
    </row>
    <row r="831612" spans="14:14">
      <c r="N831612" s="10"/>
    </row>
    <row r="831613" spans="14:14">
      <c r="N831613" s="10"/>
    </row>
    <row r="831614" spans="14:14">
      <c r="N831614" s="10"/>
    </row>
    <row r="831615" spans="14:14">
      <c r="N831615" s="10"/>
    </row>
    <row r="831616" spans="14:14">
      <c r="N831616" s="10"/>
    </row>
    <row r="831617" spans="14:14">
      <c r="N831617" s="10"/>
    </row>
    <row r="831618" spans="14:14">
      <c r="N831618" s="10"/>
    </row>
    <row r="831619" spans="14:14">
      <c r="N831619" s="10"/>
    </row>
    <row r="831620" spans="14:14">
      <c r="N831620" s="10"/>
    </row>
    <row r="831621" spans="14:14">
      <c r="N831621" s="10"/>
    </row>
    <row r="831622" spans="14:14">
      <c r="N831622" s="10"/>
    </row>
    <row r="831623" spans="14:14">
      <c r="N831623" s="10"/>
    </row>
    <row r="831624" spans="14:14">
      <c r="N831624" s="10"/>
    </row>
    <row r="831625" spans="14:14">
      <c r="N831625" s="10"/>
    </row>
    <row r="831626" spans="14:14">
      <c r="N831626" s="10"/>
    </row>
    <row r="831627" spans="14:14">
      <c r="N831627" s="10"/>
    </row>
    <row r="831628" spans="14:14">
      <c r="N831628" s="10"/>
    </row>
    <row r="831629" spans="14:14">
      <c r="N831629" s="10"/>
    </row>
    <row r="831630" spans="14:14">
      <c r="N831630" s="10"/>
    </row>
    <row r="831631" spans="14:14">
      <c r="N831631" s="10"/>
    </row>
    <row r="831632" spans="14:14">
      <c r="N831632" s="10"/>
    </row>
    <row r="831633" spans="14:14">
      <c r="N831633" s="10"/>
    </row>
    <row r="831634" spans="14:14">
      <c r="N831634" s="10"/>
    </row>
    <row r="831635" spans="14:14">
      <c r="N831635" s="10"/>
    </row>
    <row r="831636" spans="14:14">
      <c r="N831636" s="10"/>
    </row>
    <row r="831637" spans="14:14">
      <c r="N831637" s="10"/>
    </row>
    <row r="831638" spans="14:14">
      <c r="N831638" s="10"/>
    </row>
    <row r="831639" spans="14:14">
      <c r="N831639" s="10"/>
    </row>
    <row r="831640" spans="14:14">
      <c r="N831640" s="10"/>
    </row>
    <row r="831641" spans="14:14">
      <c r="N831641" s="10"/>
    </row>
    <row r="831642" spans="14:14">
      <c r="N831642" s="10"/>
    </row>
    <row r="831643" spans="14:14">
      <c r="N831643" s="10"/>
    </row>
    <row r="831644" spans="14:14">
      <c r="N831644" s="10"/>
    </row>
    <row r="831645" spans="14:14">
      <c r="N831645" s="10"/>
    </row>
    <row r="831646" spans="14:14">
      <c r="N831646" s="10"/>
    </row>
    <row r="831647" spans="14:14">
      <c r="N831647" s="10"/>
    </row>
    <row r="831648" spans="14:14">
      <c r="N831648" s="10"/>
    </row>
    <row r="831649" spans="14:14">
      <c r="N831649" s="10"/>
    </row>
    <row r="831650" spans="14:14">
      <c r="N831650" s="10"/>
    </row>
    <row r="831651" spans="14:14">
      <c r="N831651" s="10"/>
    </row>
    <row r="831652" spans="14:14">
      <c r="N831652" s="10"/>
    </row>
    <row r="831653" spans="14:14">
      <c r="N831653" s="10"/>
    </row>
    <row r="831654" spans="14:14">
      <c r="N831654" s="10"/>
    </row>
    <row r="831655" spans="14:14">
      <c r="N831655" s="10"/>
    </row>
    <row r="831656" spans="14:14">
      <c r="N831656" s="10"/>
    </row>
    <row r="831657" spans="14:14">
      <c r="N831657" s="10"/>
    </row>
    <row r="831658" spans="14:14">
      <c r="N831658" s="10"/>
    </row>
    <row r="831659" spans="14:14">
      <c r="N831659" s="10"/>
    </row>
    <row r="831660" spans="14:14">
      <c r="N831660" s="10"/>
    </row>
    <row r="831661" spans="14:14">
      <c r="N831661" s="10"/>
    </row>
    <row r="831662" spans="14:14">
      <c r="N831662" s="10"/>
    </row>
    <row r="831663" spans="14:14">
      <c r="N831663" s="10"/>
    </row>
    <row r="831664" spans="14:14">
      <c r="N831664" s="10"/>
    </row>
    <row r="831665" spans="14:14">
      <c r="N831665" s="10"/>
    </row>
    <row r="831666" spans="14:14">
      <c r="N831666" s="10"/>
    </row>
    <row r="831667" spans="14:14">
      <c r="N831667" s="10"/>
    </row>
    <row r="831668" spans="14:14">
      <c r="N831668" s="10"/>
    </row>
    <row r="831669" spans="14:14">
      <c r="N831669" s="10"/>
    </row>
    <row r="831670" spans="14:14">
      <c r="N831670" s="10"/>
    </row>
    <row r="831671" spans="14:14">
      <c r="N831671" s="10"/>
    </row>
    <row r="831672" spans="14:14">
      <c r="N831672" s="10"/>
    </row>
    <row r="831673" spans="14:14">
      <c r="N831673" s="10"/>
    </row>
    <row r="831674" spans="14:14">
      <c r="N831674" s="10"/>
    </row>
    <row r="831675" spans="14:14">
      <c r="N831675" s="10"/>
    </row>
    <row r="831676" spans="14:14">
      <c r="N831676" s="10"/>
    </row>
    <row r="831677" spans="14:14">
      <c r="N831677" s="10"/>
    </row>
    <row r="831678" spans="14:14">
      <c r="N831678" s="10"/>
    </row>
    <row r="831679" spans="14:14">
      <c r="N831679" s="10"/>
    </row>
    <row r="831680" spans="14:14">
      <c r="N831680" s="10"/>
    </row>
    <row r="831681" spans="14:14">
      <c r="N831681" s="10"/>
    </row>
    <row r="831682" spans="14:14">
      <c r="N831682" s="10"/>
    </row>
    <row r="831683" spans="14:14">
      <c r="N831683" s="10"/>
    </row>
    <row r="831684" spans="14:14">
      <c r="N831684" s="10"/>
    </row>
    <row r="831685" spans="14:14">
      <c r="N831685" s="10"/>
    </row>
    <row r="831686" spans="14:14">
      <c r="N831686" s="10"/>
    </row>
    <row r="831687" spans="14:14">
      <c r="N831687" s="10"/>
    </row>
    <row r="831688" spans="14:14">
      <c r="N831688" s="10"/>
    </row>
    <row r="831689" spans="14:14">
      <c r="N831689" s="10"/>
    </row>
    <row r="831690" spans="14:14">
      <c r="N831690" s="10"/>
    </row>
    <row r="831691" spans="14:14">
      <c r="N831691" s="10"/>
    </row>
    <row r="831692" spans="14:14">
      <c r="N831692" s="10"/>
    </row>
    <row r="831693" spans="14:14">
      <c r="N831693" s="10"/>
    </row>
    <row r="831694" spans="14:14">
      <c r="N831694" s="10"/>
    </row>
    <row r="831695" spans="14:14">
      <c r="N831695" s="10"/>
    </row>
    <row r="831696" spans="14:14">
      <c r="N831696" s="10"/>
    </row>
    <row r="831697" spans="14:14">
      <c r="N831697" s="10"/>
    </row>
    <row r="831698" spans="14:14">
      <c r="N831698" s="10"/>
    </row>
    <row r="831699" spans="14:14">
      <c r="N831699" s="10"/>
    </row>
    <row r="831700" spans="14:14">
      <c r="N831700" s="10"/>
    </row>
    <row r="831701" spans="14:14">
      <c r="N831701" s="10"/>
    </row>
    <row r="831702" spans="14:14">
      <c r="N831702" s="10"/>
    </row>
    <row r="831703" spans="14:14">
      <c r="N831703" s="10"/>
    </row>
    <row r="831704" spans="14:14">
      <c r="N831704" s="10"/>
    </row>
    <row r="831705" spans="14:14">
      <c r="N831705" s="10"/>
    </row>
    <row r="831706" spans="14:14">
      <c r="N831706" s="10"/>
    </row>
    <row r="831707" spans="14:14">
      <c r="N831707" s="10"/>
    </row>
    <row r="831708" spans="14:14">
      <c r="N831708" s="10"/>
    </row>
    <row r="831709" spans="14:14">
      <c r="N831709" s="10"/>
    </row>
    <row r="831710" spans="14:14">
      <c r="N831710" s="10"/>
    </row>
    <row r="831711" spans="14:14">
      <c r="N831711" s="10"/>
    </row>
    <row r="831712" spans="14:14">
      <c r="N831712" s="10"/>
    </row>
    <row r="831713" spans="14:14">
      <c r="N831713" s="10"/>
    </row>
    <row r="831714" spans="14:14">
      <c r="N831714" s="10"/>
    </row>
    <row r="831715" spans="14:14">
      <c r="N831715" s="10"/>
    </row>
    <row r="831716" spans="14:14">
      <c r="N831716" s="10"/>
    </row>
    <row r="831717" spans="14:14">
      <c r="N831717" s="10"/>
    </row>
    <row r="831718" spans="14:14">
      <c r="N831718" s="10"/>
    </row>
    <row r="831719" spans="14:14">
      <c r="N831719" s="10"/>
    </row>
    <row r="831720" spans="14:14">
      <c r="N831720" s="10"/>
    </row>
    <row r="831721" spans="14:14">
      <c r="N831721" s="10"/>
    </row>
    <row r="831722" spans="14:14">
      <c r="N831722" s="10"/>
    </row>
    <row r="831723" spans="14:14">
      <c r="N831723" s="10"/>
    </row>
    <row r="831724" spans="14:14">
      <c r="N831724" s="10"/>
    </row>
    <row r="831725" spans="14:14">
      <c r="N831725" s="10"/>
    </row>
    <row r="831726" spans="14:14">
      <c r="N831726" s="10"/>
    </row>
    <row r="831727" spans="14:14">
      <c r="N831727" s="10"/>
    </row>
    <row r="831728" spans="14:14">
      <c r="N831728" s="10"/>
    </row>
    <row r="831729" spans="14:14">
      <c r="N831729" s="10"/>
    </row>
    <row r="831730" spans="14:14">
      <c r="N831730" s="10"/>
    </row>
    <row r="831731" spans="14:14">
      <c r="N831731" s="10"/>
    </row>
    <row r="831732" spans="14:14">
      <c r="N831732" s="10"/>
    </row>
    <row r="831733" spans="14:14">
      <c r="N831733" s="10"/>
    </row>
    <row r="831734" spans="14:14">
      <c r="N831734" s="10"/>
    </row>
    <row r="831735" spans="14:14">
      <c r="N831735" s="10"/>
    </row>
    <row r="831736" spans="14:14">
      <c r="N831736" s="10"/>
    </row>
    <row r="831737" spans="14:14">
      <c r="N831737" s="10"/>
    </row>
    <row r="831738" spans="14:14">
      <c r="N831738" s="10"/>
    </row>
    <row r="831739" spans="14:14">
      <c r="N831739" s="10"/>
    </row>
    <row r="831740" spans="14:14">
      <c r="N831740" s="10"/>
    </row>
    <row r="831741" spans="14:14">
      <c r="N831741" s="10"/>
    </row>
    <row r="831742" spans="14:14">
      <c r="N831742" s="10"/>
    </row>
    <row r="831743" spans="14:14">
      <c r="N831743" s="10"/>
    </row>
    <row r="831744" spans="14:14">
      <c r="N831744" s="10"/>
    </row>
    <row r="831745" spans="14:14">
      <c r="N831745" s="10"/>
    </row>
    <row r="831746" spans="14:14">
      <c r="N831746" s="10"/>
    </row>
    <row r="831747" spans="14:14">
      <c r="N831747" s="10"/>
    </row>
    <row r="831748" spans="14:14">
      <c r="N831748" s="10"/>
    </row>
    <row r="831749" spans="14:14">
      <c r="N831749" s="10"/>
    </row>
    <row r="831750" spans="14:14">
      <c r="N831750" s="10"/>
    </row>
    <row r="831751" spans="14:14">
      <c r="N831751" s="10"/>
    </row>
    <row r="831752" spans="14:14">
      <c r="N831752" s="10"/>
    </row>
    <row r="831753" spans="14:14">
      <c r="N831753" s="10"/>
    </row>
    <row r="831754" spans="14:14">
      <c r="N831754" s="10"/>
    </row>
    <row r="831755" spans="14:14">
      <c r="N831755" s="10"/>
    </row>
    <row r="831756" spans="14:14">
      <c r="N831756" s="10"/>
    </row>
    <row r="831757" spans="14:14">
      <c r="N831757" s="10"/>
    </row>
    <row r="831758" spans="14:14">
      <c r="N831758" s="10"/>
    </row>
    <row r="831759" spans="14:14">
      <c r="N831759" s="10"/>
    </row>
    <row r="831760" spans="14:14">
      <c r="N831760" s="10"/>
    </row>
    <row r="831761" spans="14:14">
      <c r="N831761" s="10"/>
    </row>
    <row r="831762" spans="14:14">
      <c r="N831762" s="10"/>
    </row>
    <row r="831763" spans="14:14">
      <c r="N831763" s="10"/>
    </row>
    <row r="831764" spans="14:14">
      <c r="N831764" s="10"/>
    </row>
    <row r="831765" spans="14:14">
      <c r="N831765" s="10"/>
    </row>
    <row r="831766" spans="14:14">
      <c r="N831766" s="10"/>
    </row>
    <row r="831767" spans="14:14">
      <c r="N831767" s="10"/>
    </row>
    <row r="831768" spans="14:14">
      <c r="N831768" s="10"/>
    </row>
    <row r="831769" spans="14:14">
      <c r="N831769" s="10"/>
    </row>
    <row r="831770" spans="14:14">
      <c r="N831770" s="10"/>
    </row>
    <row r="831771" spans="14:14">
      <c r="N831771" s="10"/>
    </row>
    <row r="831772" spans="14:14">
      <c r="N831772" s="10"/>
    </row>
    <row r="831773" spans="14:14">
      <c r="N831773" s="10"/>
    </row>
    <row r="831774" spans="14:14">
      <c r="N831774" s="10"/>
    </row>
    <row r="831775" spans="14:14">
      <c r="N831775" s="10"/>
    </row>
    <row r="831776" spans="14:14">
      <c r="N831776" s="10"/>
    </row>
    <row r="831777" spans="14:14">
      <c r="N831777" s="10"/>
    </row>
    <row r="831778" spans="14:14">
      <c r="N831778" s="10"/>
    </row>
    <row r="831779" spans="14:14">
      <c r="N831779" s="10"/>
    </row>
    <row r="831780" spans="14:14">
      <c r="N831780" s="10"/>
    </row>
    <row r="831781" spans="14:14">
      <c r="N831781" s="10"/>
    </row>
    <row r="831782" spans="14:14">
      <c r="N831782" s="10"/>
    </row>
    <row r="831783" spans="14:14">
      <c r="N831783" s="10"/>
    </row>
    <row r="831784" spans="14:14">
      <c r="N831784" s="10"/>
    </row>
    <row r="831785" spans="14:14">
      <c r="N831785" s="10"/>
    </row>
    <row r="831786" spans="14:14">
      <c r="N831786" s="10"/>
    </row>
    <row r="831787" spans="14:14">
      <c r="N831787" s="10"/>
    </row>
    <row r="831788" spans="14:14">
      <c r="N831788" s="10"/>
    </row>
    <row r="831789" spans="14:14">
      <c r="N831789" s="10"/>
    </row>
    <row r="831790" spans="14:14">
      <c r="N831790" s="10"/>
    </row>
    <row r="831791" spans="14:14">
      <c r="N831791" s="10"/>
    </row>
    <row r="831792" spans="14:14">
      <c r="N831792" s="10"/>
    </row>
    <row r="831793" spans="14:14">
      <c r="N831793" s="10"/>
    </row>
    <row r="831794" spans="14:14">
      <c r="N831794" s="10"/>
    </row>
    <row r="831795" spans="14:14">
      <c r="N831795" s="10"/>
    </row>
    <row r="831796" spans="14:14">
      <c r="N831796" s="10"/>
    </row>
    <row r="831797" spans="14:14">
      <c r="N831797" s="10"/>
    </row>
    <row r="831798" spans="14:14">
      <c r="N831798" s="10"/>
    </row>
    <row r="831799" spans="14:14">
      <c r="N831799" s="10"/>
    </row>
    <row r="831800" spans="14:14">
      <c r="N831800" s="10"/>
    </row>
    <row r="831801" spans="14:14">
      <c r="N831801" s="10"/>
    </row>
    <row r="831802" spans="14:14">
      <c r="N831802" s="10"/>
    </row>
    <row r="831803" spans="14:14">
      <c r="N831803" s="10"/>
    </row>
    <row r="831804" spans="14:14">
      <c r="N831804" s="10"/>
    </row>
    <row r="831805" spans="14:14">
      <c r="N831805" s="10"/>
    </row>
    <row r="831806" spans="14:14">
      <c r="N831806" s="10"/>
    </row>
    <row r="831807" spans="14:14">
      <c r="N831807" s="10"/>
    </row>
    <row r="831808" spans="14:14">
      <c r="N831808" s="10"/>
    </row>
    <row r="831809" spans="14:14">
      <c r="N831809" s="10"/>
    </row>
    <row r="831810" spans="14:14">
      <c r="N831810" s="10"/>
    </row>
    <row r="831811" spans="14:14">
      <c r="N831811" s="10"/>
    </row>
    <row r="831812" spans="14:14">
      <c r="N831812" s="10"/>
    </row>
    <row r="831813" spans="14:14">
      <c r="N831813" s="10"/>
    </row>
    <row r="831814" spans="14:14">
      <c r="N831814" s="10"/>
    </row>
    <row r="831815" spans="14:14">
      <c r="N831815" s="10"/>
    </row>
    <row r="831816" spans="14:14">
      <c r="N831816" s="10"/>
    </row>
    <row r="831817" spans="14:14">
      <c r="N831817" s="10"/>
    </row>
    <row r="831818" spans="14:14">
      <c r="N831818" s="10"/>
    </row>
    <row r="831819" spans="14:14">
      <c r="N831819" s="10"/>
    </row>
    <row r="831820" spans="14:14">
      <c r="N831820" s="10"/>
    </row>
    <row r="831821" spans="14:14">
      <c r="N831821" s="10"/>
    </row>
    <row r="831822" spans="14:14">
      <c r="N831822" s="10"/>
    </row>
    <row r="831823" spans="14:14">
      <c r="N831823" s="10"/>
    </row>
    <row r="831824" spans="14:14">
      <c r="N831824" s="10"/>
    </row>
    <row r="831825" spans="14:14">
      <c r="N831825" s="10"/>
    </row>
    <row r="831826" spans="14:14">
      <c r="N831826" s="10"/>
    </row>
    <row r="831827" spans="14:14">
      <c r="N831827" s="10"/>
    </row>
    <row r="831828" spans="14:14">
      <c r="N831828" s="10"/>
    </row>
    <row r="831829" spans="14:14">
      <c r="N831829" s="10"/>
    </row>
    <row r="831830" spans="14:14">
      <c r="N831830" s="10"/>
    </row>
    <row r="831831" spans="14:14">
      <c r="N831831" s="10"/>
    </row>
    <row r="831832" spans="14:14">
      <c r="N831832" s="10"/>
    </row>
    <row r="831833" spans="14:14">
      <c r="N831833" s="10"/>
    </row>
    <row r="831834" spans="14:14">
      <c r="N831834" s="10"/>
    </row>
    <row r="831835" spans="14:14">
      <c r="N831835" s="10"/>
    </row>
    <row r="831836" spans="14:14">
      <c r="N831836" s="10"/>
    </row>
    <row r="831837" spans="14:14">
      <c r="N831837" s="10"/>
    </row>
    <row r="831838" spans="14:14">
      <c r="N831838" s="10"/>
    </row>
    <row r="831839" spans="14:14">
      <c r="N831839" s="10"/>
    </row>
    <row r="831840" spans="14:14">
      <c r="N831840" s="10"/>
    </row>
    <row r="831841" spans="14:14">
      <c r="N831841" s="10"/>
    </row>
    <row r="831842" spans="14:14">
      <c r="N831842" s="10"/>
    </row>
    <row r="831843" spans="14:14">
      <c r="N831843" s="10"/>
    </row>
    <row r="831844" spans="14:14">
      <c r="N831844" s="10"/>
    </row>
    <row r="831845" spans="14:14">
      <c r="N831845" s="10"/>
    </row>
    <row r="831846" spans="14:14">
      <c r="N831846" s="10"/>
    </row>
    <row r="831847" spans="14:14">
      <c r="N831847" s="10"/>
    </row>
    <row r="831848" spans="14:14">
      <c r="N831848" s="10"/>
    </row>
    <row r="831849" spans="14:14">
      <c r="N831849" s="10"/>
    </row>
    <row r="831850" spans="14:14">
      <c r="N831850" s="10"/>
    </row>
    <row r="831851" spans="14:14">
      <c r="N831851" s="10"/>
    </row>
    <row r="831852" spans="14:14">
      <c r="N831852" s="10"/>
    </row>
    <row r="831853" spans="14:14">
      <c r="N831853" s="10"/>
    </row>
    <row r="831854" spans="14:14">
      <c r="N831854" s="10"/>
    </row>
    <row r="831855" spans="14:14">
      <c r="N831855" s="10"/>
    </row>
    <row r="831856" spans="14:14">
      <c r="N831856" s="10"/>
    </row>
    <row r="831857" spans="14:14">
      <c r="N831857" s="10"/>
    </row>
    <row r="831858" spans="14:14">
      <c r="N831858" s="10"/>
    </row>
    <row r="831859" spans="14:14">
      <c r="N831859" s="10"/>
    </row>
    <row r="831860" spans="14:14">
      <c r="N831860" s="10"/>
    </row>
    <row r="831861" spans="14:14">
      <c r="N831861" s="10"/>
    </row>
    <row r="831862" spans="14:14">
      <c r="N831862" s="10"/>
    </row>
    <row r="831863" spans="14:14">
      <c r="N831863" s="10"/>
    </row>
    <row r="831864" spans="14:14">
      <c r="N831864" s="10"/>
    </row>
    <row r="831865" spans="14:14">
      <c r="N831865" s="10"/>
    </row>
    <row r="831866" spans="14:14">
      <c r="N831866" s="10"/>
    </row>
    <row r="831867" spans="14:14">
      <c r="N831867" s="10"/>
    </row>
    <row r="831868" spans="14:14">
      <c r="N831868" s="10"/>
    </row>
    <row r="831869" spans="14:14">
      <c r="N831869" s="10"/>
    </row>
    <row r="831870" spans="14:14">
      <c r="N831870" s="10"/>
    </row>
    <row r="831871" spans="14:14">
      <c r="N831871" s="10"/>
    </row>
    <row r="831872" spans="14:14">
      <c r="N831872" s="10"/>
    </row>
    <row r="831873" spans="14:14">
      <c r="N831873" s="10"/>
    </row>
    <row r="831874" spans="14:14">
      <c r="N831874" s="10"/>
    </row>
    <row r="831875" spans="14:14">
      <c r="N831875" s="10"/>
    </row>
    <row r="831876" spans="14:14">
      <c r="N831876" s="10"/>
    </row>
    <row r="831877" spans="14:14">
      <c r="N831877" s="10"/>
    </row>
    <row r="831878" spans="14:14">
      <c r="N831878" s="10"/>
    </row>
    <row r="831879" spans="14:14">
      <c r="N831879" s="10"/>
    </row>
    <row r="831880" spans="14:14">
      <c r="N831880" s="10"/>
    </row>
    <row r="831881" spans="14:14">
      <c r="N831881" s="10"/>
    </row>
    <row r="831882" spans="14:14">
      <c r="N831882" s="10"/>
    </row>
    <row r="831883" spans="14:14">
      <c r="N831883" s="10"/>
    </row>
    <row r="831884" spans="14:14">
      <c r="N831884" s="10"/>
    </row>
    <row r="831885" spans="14:14">
      <c r="N831885" s="10"/>
    </row>
    <row r="831886" spans="14:14">
      <c r="N831886" s="10"/>
    </row>
    <row r="831887" spans="14:14">
      <c r="N831887" s="10"/>
    </row>
    <row r="831888" spans="14:14">
      <c r="N831888" s="10"/>
    </row>
    <row r="831889" spans="14:14">
      <c r="N831889" s="10"/>
    </row>
    <row r="831890" spans="14:14">
      <c r="N831890" s="10"/>
    </row>
    <row r="831891" spans="14:14">
      <c r="N831891" s="10"/>
    </row>
    <row r="831892" spans="14:14">
      <c r="N831892" s="10"/>
    </row>
    <row r="831893" spans="14:14">
      <c r="N831893" s="10"/>
    </row>
    <row r="831894" spans="14:14">
      <c r="N831894" s="10"/>
    </row>
    <row r="831895" spans="14:14">
      <c r="N831895" s="10"/>
    </row>
    <row r="831896" spans="14:14">
      <c r="N831896" s="10"/>
    </row>
    <row r="831897" spans="14:14">
      <c r="N831897" s="10"/>
    </row>
    <row r="831898" spans="14:14">
      <c r="N831898" s="10"/>
    </row>
    <row r="831899" spans="14:14">
      <c r="N831899" s="10"/>
    </row>
    <row r="831900" spans="14:14">
      <c r="N831900" s="10"/>
    </row>
    <row r="831901" spans="14:14">
      <c r="N831901" s="10"/>
    </row>
    <row r="831902" spans="14:14">
      <c r="N831902" s="10"/>
    </row>
    <row r="831903" spans="14:14">
      <c r="N831903" s="10"/>
    </row>
    <row r="831904" spans="14:14">
      <c r="N831904" s="10"/>
    </row>
    <row r="831905" spans="14:14">
      <c r="N831905" s="10"/>
    </row>
    <row r="831906" spans="14:14">
      <c r="N831906" s="10"/>
    </row>
    <row r="831907" spans="14:14">
      <c r="N831907" s="10"/>
    </row>
    <row r="831908" spans="14:14">
      <c r="N831908" s="10"/>
    </row>
    <row r="831909" spans="14:14">
      <c r="N831909" s="10"/>
    </row>
    <row r="831910" spans="14:14">
      <c r="N831910" s="10"/>
    </row>
    <row r="831911" spans="14:14">
      <c r="N831911" s="10"/>
    </row>
    <row r="831912" spans="14:14">
      <c r="N831912" s="10"/>
    </row>
    <row r="831913" spans="14:14">
      <c r="N831913" s="10"/>
    </row>
    <row r="831914" spans="14:14">
      <c r="N831914" s="10"/>
    </row>
    <row r="831915" spans="14:14">
      <c r="N831915" s="10"/>
    </row>
    <row r="831916" spans="14:14">
      <c r="N831916" s="10"/>
    </row>
    <row r="831917" spans="14:14">
      <c r="N831917" s="10"/>
    </row>
    <row r="831918" spans="14:14">
      <c r="N831918" s="10"/>
    </row>
    <row r="831919" spans="14:14">
      <c r="N831919" s="10"/>
    </row>
    <row r="831920" spans="14:14">
      <c r="N831920" s="10"/>
    </row>
    <row r="831921" spans="14:14">
      <c r="N831921" s="10"/>
    </row>
    <row r="831922" spans="14:14">
      <c r="N831922" s="10"/>
    </row>
    <row r="831923" spans="14:14">
      <c r="N831923" s="10"/>
    </row>
    <row r="831924" spans="14:14">
      <c r="N831924" s="10"/>
    </row>
    <row r="831925" spans="14:14">
      <c r="N831925" s="10"/>
    </row>
    <row r="831926" spans="14:14">
      <c r="N831926" s="10"/>
    </row>
    <row r="831927" spans="14:14">
      <c r="N831927" s="10"/>
    </row>
    <row r="831928" spans="14:14">
      <c r="N831928" s="10"/>
    </row>
    <row r="831929" spans="14:14">
      <c r="N831929" s="10"/>
    </row>
    <row r="831930" spans="14:14">
      <c r="N831930" s="10"/>
    </row>
    <row r="831931" spans="14:14">
      <c r="N831931" s="10"/>
    </row>
    <row r="831932" spans="14:14">
      <c r="N831932" s="10"/>
    </row>
    <row r="831933" spans="14:14">
      <c r="N831933" s="10"/>
    </row>
    <row r="831934" spans="14:14">
      <c r="N831934" s="10"/>
    </row>
    <row r="831935" spans="14:14">
      <c r="N831935" s="10"/>
    </row>
    <row r="831936" spans="14:14">
      <c r="N831936" s="10"/>
    </row>
    <row r="831937" spans="14:14">
      <c r="N831937" s="10"/>
    </row>
    <row r="831938" spans="14:14">
      <c r="N831938" s="10"/>
    </row>
    <row r="831939" spans="14:14">
      <c r="N831939" s="10"/>
    </row>
    <row r="831940" spans="14:14">
      <c r="N831940" s="10"/>
    </row>
    <row r="831941" spans="14:14">
      <c r="N831941" s="10"/>
    </row>
    <row r="831942" spans="14:14">
      <c r="N831942" s="10"/>
    </row>
    <row r="831943" spans="14:14">
      <c r="N831943" s="10"/>
    </row>
    <row r="831944" spans="14:14">
      <c r="N831944" s="10"/>
    </row>
    <row r="831945" spans="14:14">
      <c r="N831945" s="10"/>
    </row>
    <row r="831946" spans="14:14">
      <c r="N831946" s="10"/>
    </row>
    <row r="831947" spans="14:14">
      <c r="N831947" s="10"/>
    </row>
    <row r="831948" spans="14:14">
      <c r="N831948" s="10"/>
    </row>
    <row r="831949" spans="14:14">
      <c r="N831949" s="10"/>
    </row>
    <row r="831950" spans="14:14">
      <c r="N831950" s="10"/>
    </row>
    <row r="831951" spans="14:14">
      <c r="N831951" s="10"/>
    </row>
    <row r="831952" spans="14:14">
      <c r="N831952" s="10"/>
    </row>
    <row r="831953" spans="14:14">
      <c r="N831953" s="10"/>
    </row>
    <row r="831954" spans="14:14">
      <c r="N831954" s="10"/>
    </row>
    <row r="831955" spans="14:14">
      <c r="N831955" s="10"/>
    </row>
    <row r="831956" spans="14:14">
      <c r="N831956" s="10"/>
    </row>
    <row r="831957" spans="14:14">
      <c r="N831957" s="10"/>
    </row>
    <row r="831958" spans="14:14">
      <c r="N831958" s="10"/>
    </row>
    <row r="831959" spans="14:14">
      <c r="N831959" s="10"/>
    </row>
    <row r="831960" spans="14:14">
      <c r="N831960" s="10"/>
    </row>
    <row r="831961" spans="14:14">
      <c r="N831961" s="10"/>
    </row>
    <row r="831962" spans="14:14">
      <c r="N831962" s="10"/>
    </row>
    <row r="831963" spans="14:14">
      <c r="N831963" s="10"/>
    </row>
    <row r="831964" spans="14:14">
      <c r="N831964" s="10"/>
    </row>
    <row r="831965" spans="14:14">
      <c r="N831965" s="10"/>
    </row>
    <row r="831966" spans="14:14">
      <c r="N831966" s="10"/>
    </row>
    <row r="831967" spans="14:14">
      <c r="N831967" s="10"/>
    </row>
    <row r="831968" spans="14:14">
      <c r="N831968" s="10"/>
    </row>
    <row r="831969" spans="14:14">
      <c r="N831969" s="10"/>
    </row>
    <row r="831970" spans="14:14">
      <c r="N831970" s="10"/>
    </row>
    <row r="831971" spans="14:14">
      <c r="N831971" s="10"/>
    </row>
    <row r="831972" spans="14:14">
      <c r="N831972" s="10"/>
    </row>
    <row r="831973" spans="14:14">
      <c r="N831973" s="10"/>
    </row>
    <row r="831974" spans="14:14">
      <c r="N831974" s="10"/>
    </row>
    <row r="831975" spans="14:14">
      <c r="N831975" s="10"/>
    </row>
    <row r="831976" spans="14:14">
      <c r="N831976" s="10"/>
    </row>
    <row r="831977" spans="14:14">
      <c r="N831977" s="10"/>
    </row>
    <row r="831978" spans="14:14">
      <c r="N831978" s="10"/>
    </row>
    <row r="831979" spans="14:14">
      <c r="N831979" s="10"/>
    </row>
    <row r="831980" spans="14:14">
      <c r="N831980" s="10"/>
    </row>
    <row r="831981" spans="14:14">
      <c r="N831981" s="10"/>
    </row>
    <row r="831982" spans="14:14">
      <c r="N831982" s="10"/>
    </row>
    <row r="831983" spans="14:14">
      <c r="N831983" s="10"/>
    </row>
    <row r="831984" spans="14:14">
      <c r="N831984" s="10"/>
    </row>
    <row r="831985" spans="14:14">
      <c r="N831985" s="10"/>
    </row>
    <row r="831986" spans="14:14">
      <c r="N831986" s="10"/>
    </row>
    <row r="831987" spans="14:14">
      <c r="N831987" s="10"/>
    </row>
    <row r="831988" spans="14:14">
      <c r="N831988" s="10"/>
    </row>
    <row r="831989" spans="14:14">
      <c r="N831989" s="10"/>
    </row>
    <row r="831990" spans="14:14">
      <c r="N831990" s="10"/>
    </row>
    <row r="831991" spans="14:14">
      <c r="N831991" s="10"/>
    </row>
    <row r="831992" spans="14:14">
      <c r="N831992" s="10"/>
    </row>
    <row r="831993" spans="14:14">
      <c r="N831993" s="10"/>
    </row>
    <row r="831994" spans="14:14">
      <c r="N831994" s="10"/>
    </row>
    <row r="831995" spans="14:14">
      <c r="N831995" s="10"/>
    </row>
    <row r="831996" spans="14:14">
      <c r="N831996" s="10"/>
    </row>
    <row r="831997" spans="14:14">
      <c r="N831997" s="10"/>
    </row>
    <row r="831998" spans="14:14">
      <c r="N831998" s="10"/>
    </row>
    <row r="831999" spans="14:14">
      <c r="N831999" s="10"/>
    </row>
    <row r="832000" spans="14:14">
      <c r="N832000" s="10"/>
    </row>
    <row r="832001" spans="14:14">
      <c r="N832001" s="10"/>
    </row>
    <row r="832002" spans="14:14">
      <c r="N832002" s="10"/>
    </row>
    <row r="832003" spans="14:14">
      <c r="N832003" s="10"/>
    </row>
    <row r="832004" spans="14:14">
      <c r="N832004" s="10"/>
    </row>
    <row r="832005" spans="14:14">
      <c r="N832005" s="10"/>
    </row>
    <row r="832006" spans="14:14">
      <c r="N832006" s="10"/>
    </row>
    <row r="832007" spans="14:14">
      <c r="N832007" s="10"/>
    </row>
    <row r="832008" spans="14:14">
      <c r="N832008" s="10"/>
    </row>
    <row r="832009" spans="14:14">
      <c r="N832009" s="10"/>
    </row>
    <row r="832010" spans="14:14">
      <c r="N832010" s="10"/>
    </row>
    <row r="832011" spans="14:14">
      <c r="N832011" s="10"/>
    </row>
    <row r="832012" spans="14:14">
      <c r="N832012" s="10"/>
    </row>
    <row r="832013" spans="14:14">
      <c r="N832013" s="10"/>
    </row>
    <row r="832014" spans="14:14">
      <c r="N832014" s="10"/>
    </row>
    <row r="832015" spans="14:14">
      <c r="N832015" s="10"/>
    </row>
    <row r="832016" spans="14:14">
      <c r="N832016" s="10"/>
    </row>
    <row r="832017" spans="14:14">
      <c r="N832017" s="10"/>
    </row>
    <row r="832018" spans="14:14">
      <c r="N832018" s="10"/>
    </row>
    <row r="832019" spans="14:14">
      <c r="N832019" s="10"/>
    </row>
    <row r="832020" spans="14:14">
      <c r="N832020" s="10"/>
    </row>
    <row r="832021" spans="14:14">
      <c r="N832021" s="10"/>
    </row>
    <row r="832022" spans="14:14">
      <c r="N832022" s="10"/>
    </row>
    <row r="832023" spans="14:14">
      <c r="N832023" s="10"/>
    </row>
    <row r="832024" spans="14:14">
      <c r="N832024" s="10"/>
    </row>
    <row r="832025" spans="14:14">
      <c r="N832025" s="10"/>
    </row>
    <row r="832026" spans="14:14">
      <c r="N832026" s="10"/>
    </row>
    <row r="832027" spans="14:14">
      <c r="N832027" s="10"/>
    </row>
    <row r="832028" spans="14:14">
      <c r="N832028" s="10"/>
    </row>
    <row r="832029" spans="14:14">
      <c r="N832029" s="10"/>
    </row>
    <row r="832030" spans="14:14">
      <c r="N832030" s="10"/>
    </row>
    <row r="832031" spans="14:14">
      <c r="N832031" s="10"/>
    </row>
    <row r="832032" spans="14:14">
      <c r="N832032" s="10"/>
    </row>
    <row r="832033" spans="14:14">
      <c r="N832033" s="10"/>
    </row>
    <row r="832034" spans="14:14">
      <c r="N832034" s="10"/>
    </row>
    <row r="832035" spans="14:14">
      <c r="N832035" s="10"/>
    </row>
    <row r="832036" spans="14:14">
      <c r="N832036" s="10"/>
    </row>
    <row r="832037" spans="14:14">
      <c r="N832037" s="10"/>
    </row>
    <row r="832038" spans="14:14">
      <c r="N832038" s="10"/>
    </row>
    <row r="832039" spans="14:14">
      <c r="N832039" s="10"/>
    </row>
    <row r="832040" spans="14:14">
      <c r="N832040" s="10"/>
    </row>
    <row r="832041" spans="14:14">
      <c r="N832041" s="10"/>
    </row>
    <row r="832042" spans="14:14">
      <c r="N832042" s="10"/>
    </row>
    <row r="832043" spans="14:14">
      <c r="N832043" s="10"/>
    </row>
    <row r="832044" spans="14:14">
      <c r="N832044" s="10"/>
    </row>
    <row r="832045" spans="14:14">
      <c r="N832045" s="10"/>
    </row>
    <row r="832046" spans="14:14">
      <c r="N832046" s="10"/>
    </row>
    <row r="832047" spans="14:14">
      <c r="N832047" s="10"/>
    </row>
    <row r="832048" spans="14:14">
      <c r="N832048" s="10"/>
    </row>
    <row r="832049" spans="14:14">
      <c r="N832049" s="10"/>
    </row>
    <row r="832050" spans="14:14">
      <c r="N832050" s="10"/>
    </row>
    <row r="832051" spans="14:14">
      <c r="N832051" s="10"/>
    </row>
    <row r="832052" spans="14:14">
      <c r="N832052" s="10"/>
    </row>
    <row r="832053" spans="14:14">
      <c r="N832053" s="10"/>
    </row>
    <row r="832054" spans="14:14">
      <c r="N832054" s="10"/>
    </row>
    <row r="832055" spans="14:14">
      <c r="N832055" s="10"/>
    </row>
    <row r="832056" spans="14:14">
      <c r="N832056" s="10"/>
    </row>
    <row r="832057" spans="14:14">
      <c r="N832057" s="10"/>
    </row>
    <row r="832058" spans="14:14">
      <c r="N832058" s="10"/>
    </row>
    <row r="832059" spans="14:14">
      <c r="N832059" s="10"/>
    </row>
    <row r="832060" spans="14:14">
      <c r="N832060" s="10"/>
    </row>
    <row r="832061" spans="14:14">
      <c r="N832061" s="10"/>
    </row>
    <row r="832062" spans="14:14">
      <c r="N832062" s="10"/>
    </row>
    <row r="832063" spans="14:14">
      <c r="N832063" s="10"/>
    </row>
    <row r="832064" spans="14:14">
      <c r="N832064" s="10"/>
    </row>
    <row r="832065" spans="14:14">
      <c r="N832065" s="10"/>
    </row>
    <row r="832066" spans="14:14">
      <c r="N832066" s="10"/>
    </row>
    <row r="832067" spans="14:14">
      <c r="N832067" s="10"/>
    </row>
    <row r="832068" spans="14:14">
      <c r="N832068" s="10"/>
    </row>
    <row r="832069" spans="14:14">
      <c r="N832069" s="10"/>
    </row>
    <row r="832070" spans="14:14">
      <c r="N832070" s="10"/>
    </row>
    <row r="832071" spans="14:14">
      <c r="N832071" s="10"/>
    </row>
    <row r="832072" spans="14:14">
      <c r="N832072" s="10"/>
    </row>
    <row r="832073" spans="14:14">
      <c r="N832073" s="10"/>
    </row>
    <row r="832074" spans="14:14">
      <c r="N832074" s="10"/>
    </row>
    <row r="832075" spans="14:14">
      <c r="N832075" s="10"/>
    </row>
    <row r="832076" spans="14:14">
      <c r="N832076" s="10"/>
    </row>
    <row r="832077" spans="14:14">
      <c r="N832077" s="10"/>
    </row>
    <row r="832078" spans="14:14">
      <c r="N832078" s="10"/>
    </row>
    <row r="832079" spans="14:14">
      <c r="N832079" s="10"/>
    </row>
    <row r="832080" spans="14:14">
      <c r="N832080" s="10"/>
    </row>
    <row r="832081" spans="14:14">
      <c r="N832081" s="10"/>
    </row>
    <row r="832082" spans="14:14">
      <c r="N832082" s="10"/>
    </row>
    <row r="832083" spans="14:14">
      <c r="N832083" s="10"/>
    </row>
    <row r="832084" spans="14:14">
      <c r="N832084" s="10"/>
    </row>
    <row r="832085" spans="14:14">
      <c r="N832085" s="10"/>
    </row>
    <row r="832086" spans="14:14">
      <c r="N832086" s="10"/>
    </row>
    <row r="832087" spans="14:14">
      <c r="N832087" s="10"/>
    </row>
    <row r="832088" spans="14:14">
      <c r="N832088" s="10"/>
    </row>
    <row r="832089" spans="14:14">
      <c r="N832089" s="10"/>
    </row>
    <row r="832090" spans="14:14">
      <c r="N832090" s="10"/>
    </row>
    <row r="832091" spans="14:14">
      <c r="N832091" s="10"/>
    </row>
    <row r="832092" spans="14:14">
      <c r="N832092" s="10"/>
    </row>
    <row r="832093" spans="14:14">
      <c r="N832093" s="10"/>
    </row>
    <row r="832094" spans="14:14">
      <c r="N832094" s="10"/>
    </row>
    <row r="832095" spans="14:14">
      <c r="N832095" s="10"/>
    </row>
    <row r="832096" spans="14:14">
      <c r="N832096" s="10"/>
    </row>
    <row r="832097" spans="14:14">
      <c r="N832097" s="10"/>
    </row>
    <row r="832098" spans="14:14">
      <c r="N832098" s="10"/>
    </row>
    <row r="832099" spans="14:14">
      <c r="N832099" s="10"/>
    </row>
    <row r="832100" spans="14:14">
      <c r="N832100" s="10"/>
    </row>
    <row r="832101" spans="14:14">
      <c r="N832101" s="10"/>
    </row>
    <row r="832102" spans="14:14">
      <c r="N832102" s="10"/>
    </row>
    <row r="832103" spans="14:14">
      <c r="N832103" s="10"/>
    </row>
    <row r="832104" spans="14:14">
      <c r="N832104" s="10"/>
    </row>
    <row r="832105" spans="14:14">
      <c r="N832105" s="10"/>
    </row>
    <row r="832106" spans="14:14">
      <c r="N832106" s="10"/>
    </row>
    <row r="832107" spans="14:14">
      <c r="N832107" s="10"/>
    </row>
    <row r="832108" spans="14:14">
      <c r="N832108" s="10"/>
    </row>
    <row r="832109" spans="14:14">
      <c r="N832109" s="10"/>
    </row>
    <row r="832110" spans="14:14">
      <c r="N832110" s="10"/>
    </row>
    <row r="832111" spans="14:14">
      <c r="N832111" s="10"/>
    </row>
    <row r="832112" spans="14:14">
      <c r="N832112" s="10"/>
    </row>
    <row r="832113" spans="14:14">
      <c r="N832113" s="10"/>
    </row>
    <row r="832114" spans="14:14">
      <c r="N832114" s="10"/>
    </row>
    <row r="832115" spans="14:14">
      <c r="N832115" s="10"/>
    </row>
    <row r="832116" spans="14:14">
      <c r="N832116" s="10"/>
    </row>
    <row r="832117" spans="14:14">
      <c r="N832117" s="10"/>
    </row>
    <row r="832118" spans="14:14">
      <c r="N832118" s="10"/>
    </row>
    <row r="832119" spans="14:14">
      <c r="N832119" s="10"/>
    </row>
    <row r="832120" spans="14:14">
      <c r="N832120" s="10"/>
    </row>
    <row r="832121" spans="14:14">
      <c r="N832121" s="10"/>
    </row>
    <row r="832122" spans="14:14">
      <c r="N832122" s="10"/>
    </row>
    <row r="832123" spans="14:14">
      <c r="N832123" s="10"/>
    </row>
    <row r="832124" spans="14:14">
      <c r="N832124" s="10"/>
    </row>
    <row r="832125" spans="14:14">
      <c r="N832125" s="10"/>
    </row>
    <row r="832126" spans="14:14">
      <c r="N832126" s="10"/>
    </row>
    <row r="832127" spans="14:14">
      <c r="N832127" s="10"/>
    </row>
    <row r="832128" spans="14:14">
      <c r="N832128" s="10"/>
    </row>
    <row r="832129" spans="14:14">
      <c r="N832129" s="10"/>
    </row>
    <row r="832130" spans="14:14">
      <c r="N832130" s="10"/>
    </row>
    <row r="832131" spans="14:14">
      <c r="N832131" s="10"/>
    </row>
    <row r="832132" spans="14:14">
      <c r="N832132" s="10"/>
    </row>
    <row r="832133" spans="14:14">
      <c r="N832133" s="10"/>
    </row>
    <row r="832134" spans="14:14">
      <c r="N832134" s="10"/>
    </row>
    <row r="832135" spans="14:14">
      <c r="N832135" s="10"/>
    </row>
    <row r="832136" spans="14:14">
      <c r="N832136" s="10"/>
    </row>
    <row r="832137" spans="14:14">
      <c r="N832137" s="10"/>
    </row>
    <row r="832138" spans="14:14">
      <c r="N832138" s="10"/>
    </row>
    <row r="832139" spans="14:14">
      <c r="N832139" s="10"/>
    </row>
    <row r="832140" spans="14:14">
      <c r="N832140" s="10"/>
    </row>
    <row r="832141" spans="14:14">
      <c r="N832141" s="10"/>
    </row>
    <row r="832142" spans="14:14">
      <c r="N832142" s="10"/>
    </row>
    <row r="832143" spans="14:14">
      <c r="N832143" s="10"/>
    </row>
    <row r="832144" spans="14:14">
      <c r="N832144" s="10"/>
    </row>
    <row r="832145" spans="14:14">
      <c r="N832145" s="10"/>
    </row>
    <row r="832146" spans="14:14">
      <c r="N832146" s="10"/>
    </row>
    <row r="832147" spans="14:14">
      <c r="N832147" s="10"/>
    </row>
    <row r="832148" spans="14:14">
      <c r="N832148" s="10"/>
    </row>
    <row r="832149" spans="14:14">
      <c r="N832149" s="10"/>
    </row>
    <row r="832150" spans="14:14">
      <c r="N832150" s="10"/>
    </row>
    <row r="832151" spans="14:14">
      <c r="N832151" s="10"/>
    </row>
    <row r="832152" spans="14:14">
      <c r="N832152" s="10"/>
    </row>
    <row r="832153" spans="14:14">
      <c r="N832153" s="10"/>
    </row>
    <row r="832154" spans="14:14">
      <c r="N832154" s="10"/>
    </row>
    <row r="832155" spans="14:14">
      <c r="N832155" s="10"/>
    </row>
    <row r="832156" spans="14:14">
      <c r="N832156" s="10"/>
    </row>
    <row r="832157" spans="14:14">
      <c r="N832157" s="10"/>
    </row>
    <row r="832158" spans="14:14">
      <c r="N832158" s="10"/>
    </row>
    <row r="832159" spans="14:14">
      <c r="N832159" s="10"/>
    </row>
    <row r="832160" spans="14:14">
      <c r="N832160" s="10"/>
    </row>
    <row r="832161" spans="14:14">
      <c r="N832161" s="10"/>
    </row>
    <row r="832162" spans="14:14">
      <c r="N832162" s="10"/>
    </row>
    <row r="832163" spans="14:14">
      <c r="N832163" s="10"/>
    </row>
    <row r="832164" spans="14:14">
      <c r="N832164" s="10"/>
    </row>
    <row r="832165" spans="14:14">
      <c r="N832165" s="10"/>
    </row>
    <row r="832166" spans="14:14">
      <c r="N832166" s="10"/>
    </row>
    <row r="832167" spans="14:14">
      <c r="N832167" s="10"/>
    </row>
    <row r="832168" spans="14:14">
      <c r="N832168" s="10"/>
    </row>
    <row r="832169" spans="14:14">
      <c r="N832169" s="10"/>
    </row>
    <row r="832170" spans="14:14">
      <c r="N832170" s="10"/>
    </row>
    <row r="832171" spans="14:14">
      <c r="N832171" s="10"/>
    </row>
    <row r="832172" spans="14:14">
      <c r="N832172" s="10"/>
    </row>
    <row r="832173" spans="14:14">
      <c r="N832173" s="10"/>
    </row>
    <row r="832174" spans="14:14">
      <c r="N832174" s="10"/>
    </row>
    <row r="832175" spans="14:14">
      <c r="N832175" s="10"/>
    </row>
    <row r="832176" spans="14:14">
      <c r="N832176" s="10"/>
    </row>
    <row r="832177" spans="14:14">
      <c r="N832177" s="10"/>
    </row>
    <row r="832178" spans="14:14">
      <c r="N832178" s="10"/>
    </row>
    <row r="832179" spans="14:14">
      <c r="N832179" s="10"/>
    </row>
    <row r="832180" spans="14:14">
      <c r="N832180" s="10"/>
    </row>
    <row r="832181" spans="14:14">
      <c r="N832181" s="10"/>
    </row>
    <row r="832182" spans="14:14">
      <c r="N832182" s="10"/>
    </row>
    <row r="832183" spans="14:14">
      <c r="N832183" s="10"/>
    </row>
    <row r="832184" spans="14:14">
      <c r="N832184" s="10"/>
    </row>
    <row r="832185" spans="14:14">
      <c r="N832185" s="10"/>
    </row>
    <row r="832186" spans="14:14">
      <c r="N832186" s="10"/>
    </row>
    <row r="832187" spans="14:14">
      <c r="N832187" s="10"/>
    </row>
    <row r="832188" spans="14:14">
      <c r="N832188" s="10"/>
    </row>
    <row r="832189" spans="14:14">
      <c r="N832189" s="10"/>
    </row>
    <row r="832190" spans="14:14">
      <c r="N832190" s="10"/>
    </row>
    <row r="832191" spans="14:14">
      <c r="N832191" s="10"/>
    </row>
    <row r="832192" spans="14:14">
      <c r="N832192" s="10"/>
    </row>
    <row r="832193" spans="14:14">
      <c r="N832193" s="10"/>
    </row>
    <row r="832194" spans="14:14">
      <c r="N832194" s="10"/>
    </row>
    <row r="832195" spans="14:14">
      <c r="N832195" s="10"/>
    </row>
    <row r="832196" spans="14:14">
      <c r="N832196" s="10"/>
    </row>
    <row r="832197" spans="14:14">
      <c r="N832197" s="10"/>
    </row>
    <row r="832198" spans="14:14">
      <c r="N832198" s="10"/>
    </row>
    <row r="832199" spans="14:14">
      <c r="N832199" s="10"/>
    </row>
    <row r="832200" spans="14:14">
      <c r="N832200" s="10"/>
    </row>
    <row r="832201" spans="14:14">
      <c r="N832201" s="10"/>
    </row>
    <row r="832202" spans="14:14">
      <c r="N832202" s="10"/>
    </row>
    <row r="832203" spans="14:14">
      <c r="N832203" s="10"/>
    </row>
    <row r="832204" spans="14:14">
      <c r="N832204" s="10"/>
    </row>
    <row r="832205" spans="14:14">
      <c r="N832205" s="10"/>
    </row>
    <row r="832206" spans="14:14">
      <c r="N832206" s="10"/>
    </row>
    <row r="832207" spans="14:14">
      <c r="N832207" s="10"/>
    </row>
    <row r="832208" spans="14:14">
      <c r="N832208" s="10"/>
    </row>
    <row r="832209" spans="14:14">
      <c r="N832209" s="10"/>
    </row>
    <row r="832210" spans="14:14">
      <c r="N832210" s="10"/>
    </row>
    <row r="832211" spans="14:14">
      <c r="N832211" s="10"/>
    </row>
    <row r="832212" spans="14:14">
      <c r="N832212" s="10"/>
    </row>
    <row r="832213" spans="14:14">
      <c r="N832213" s="10"/>
    </row>
    <row r="832214" spans="14:14">
      <c r="N832214" s="10"/>
    </row>
    <row r="832215" spans="14:14">
      <c r="N832215" s="10"/>
    </row>
    <row r="832216" spans="14:14">
      <c r="N832216" s="10"/>
    </row>
    <row r="832217" spans="14:14">
      <c r="N832217" s="10"/>
    </row>
    <row r="832218" spans="14:14">
      <c r="N832218" s="10"/>
    </row>
    <row r="832219" spans="14:14">
      <c r="N832219" s="10"/>
    </row>
    <row r="832220" spans="14:14">
      <c r="N832220" s="10"/>
    </row>
    <row r="832221" spans="14:14">
      <c r="N832221" s="10"/>
    </row>
    <row r="832222" spans="14:14">
      <c r="N832222" s="10"/>
    </row>
    <row r="832223" spans="14:14">
      <c r="N832223" s="10"/>
    </row>
    <row r="832224" spans="14:14">
      <c r="N832224" s="10"/>
    </row>
    <row r="832225" spans="14:14">
      <c r="N832225" s="10"/>
    </row>
    <row r="832226" spans="14:14">
      <c r="N832226" s="10"/>
    </row>
    <row r="832227" spans="14:14">
      <c r="N832227" s="10"/>
    </row>
    <row r="832228" spans="14:14">
      <c r="N832228" s="10"/>
    </row>
    <row r="832229" spans="14:14">
      <c r="N832229" s="10"/>
    </row>
    <row r="832230" spans="14:14">
      <c r="N832230" s="10"/>
    </row>
    <row r="832231" spans="14:14">
      <c r="N832231" s="10"/>
    </row>
    <row r="832232" spans="14:14">
      <c r="N832232" s="10"/>
    </row>
    <row r="832233" spans="14:14">
      <c r="N832233" s="10"/>
    </row>
    <row r="832234" spans="14:14">
      <c r="N832234" s="10"/>
    </row>
    <row r="832235" spans="14:14">
      <c r="N832235" s="10"/>
    </row>
    <row r="832236" spans="14:14">
      <c r="N832236" s="10"/>
    </row>
    <row r="832237" spans="14:14">
      <c r="N832237" s="10"/>
    </row>
    <row r="832238" spans="14:14">
      <c r="N832238" s="10"/>
    </row>
    <row r="832239" spans="14:14">
      <c r="N832239" s="10"/>
    </row>
    <row r="832240" spans="14:14">
      <c r="N832240" s="10"/>
    </row>
    <row r="832241" spans="14:14">
      <c r="N832241" s="10"/>
    </row>
    <row r="832242" spans="14:14">
      <c r="N832242" s="10"/>
    </row>
    <row r="832243" spans="14:14">
      <c r="N832243" s="10"/>
    </row>
    <row r="832244" spans="14:14">
      <c r="N832244" s="10"/>
    </row>
    <row r="832245" spans="14:14">
      <c r="N832245" s="10"/>
    </row>
    <row r="832246" spans="14:14">
      <c r="N832246" s="10"/>
    </row>
    <row r="832247" spans="14:14">
      <c r="N832247" s="10"/>
    </row>
    <row r="832248" spans="14:14">
      <c r="N832248" s="10"/>
    </row>
    <row r="832249" spans="14:14">
      <c r="N832249" s="10"/>
    </row>
    <row r="832250" spans="14:14">
      <c r="N832250" s="10"/>
    </row>
    <row r="832251" spans="14:14">
      <c r="N832251" s="10"/>
    </row>
    <row r="832252" spans="14:14">
      <c r="N832252" s="10"/>
    </row>
    <row r="832253" spans="14:14">
      <c r="N832253" s="10"/>
    </row>
    <row r="832254" spans="14:14">
      <c r="N832254" s="10"/>
    </row>
    <row r="832255" spans="14:14">
      <c r="N832255" s="10"/>
    </row>
    <row r="832256" spans="14:14">
      <c r="N832256" s="10"/>
    </row>
    <row r="832257" spans="14:14">
      <c r="N832257" s="10"/>
    </row>
    <row r="832258" spans="14:14">
      <c r="N832258" s="10"/>
    </row>
    <row r="832259" spans="14:14">
      <c r="N832259" s="10"/>
    </row>
    <row r="832260" spans="14:14">
      <c r="N832260" s="10"/>
    </row>
    <row r="832261" spans="14:14">
      <c r="N832261" s="10"/>
    </row>
    <row r="832262" spans="14:14">
      <c r="N832262" s="10"/>
    </row>
    <row r="832263" spans="14:14">
      <c r="N832263" s="10"/>
    </row>
    <row r="832264" spans="14:14">
      <c r="N832264" s="10"/>
    </row>
    <row r="832265" spans="14:14">
      <c r="N832265" s="10"/>
    </row>
    <row r="832266" spans="14:14">
      <c r="N832266" s="10"/>
    </row>
    <row r="832267" spans="14:14">
      <c r="N832267" s="10"/>
    </row>
    <row r="832268" spans="14:14">
      <c r="N832268" s="10"/>
    </row>
    <row r="832269" spans="14:14">
      <c r="N832269" s="10"/>
    </row>
    <row r="832270" spans="14:14">
      <c r="N832270" s="10"/>
    </row>
    <row r="832271" spans="14:14">
      <c r="N832271" s="10"/>
    </row>
    <row r="832272" spans="14:14">
      <c r="N832272" s="10"/>
    </row>
    <row r="832273" spans="14:14">
      <c r="N832273" s="10"/>
    </row>
    <row r="832274" spans="14:14">
      <c r="N832274" s="10"/>
    </row>
    <row r="832275" spans="14:14">
      <c r="N832275" s="10"/>
    </row>
    <row r="832276" spans="14:14">
      <c r="N832276" s="10"/>
    </row>
    <row r="832277" spans="14:14">
      <c r="N832277" s="10"/>
    </row>
    <row r="832278" spans="14:14">
      <c r="N832278" s="10"/>
    </row>
    <row r="832279" spans="14:14">
      <c r="N832279" s="10"/>
    </row>
    <row r="832280" spans="14:14">
      <c r="N832280" s="10"/>
    </row>
    <row r="832281" spans="14:14">
      <c r="N832281" s="10"/>
    </row>
    <row r="832282" spans="14:14">
      <c r="N832282" s="10"/>
    </row>
    <row r="832283" spans="14:14">
      <c r="N832283" s="10"/>
    </row>
    <row r="832284" spans="14:14">
      <c r="N832284" s="10"/>
    </row>
    <row r="832285" spans="14:14">
      <c r="N832285" s="10"/>
    </row>
    <row r="832286" spans="14:14">
      <c r="N832286" s="10"/>
    </row>
    <row r="832287" spans="14:14">
      <c r="N832287" s="10"/>
    </row>
    <row r="832288" spans="14:14">
      <c r="N832288" s="10"/>
    </row>
    <row r="832289" spans="14:14">
      <c r="N832289" s="10"/>
    </row>
    <row r="832290" spans="14:14">
      <c r="N832290" s="10"/>
    </row>
    <row r="832291" spans="14:14">
      <c r="N832291" s="10"/>
    </row>
    <row r="832292" spans="14:14">
      <c r="N832292" s="10"/>
    </row>
    <row r="832293" spans="14:14">
      <c r="N832293" s="10"/>
    </row>
    <row r="832294" spans="14:14">
      <c r="N832294" s="10"/>
    </row>
    <row r="832295" spans="14:14">
      <c r="N832295" s="10"/>
    </row>
    <row r="832296" spans="14:14">
      <c r="N832296" s="10"/>
    </row>
    <row r="832297" spans="14:14">
      <c r="N832297" s="10"/>
    </row>
    <row r="832298" spans="14:14">
      <c r="N832298" s="10"/>
    </row>
    <row r="832299" spans="14:14">
      <c r="N832299" s="10"/>
    </row>
    <row r="832300" spans="14:14">
      <c r="N832300" s="10"/>
    </row>
    <row r="832301" spans="14:14">
      <c r="N832301" s="10"/>
    </row>
    <row r="832302" spans="14:14">
      <c r="N832302" s="10"/>
    </row>
    <row r="832303" spans="14:14">
      <c r="N832303" s="10"/>
    </row>
    <row r="832304" spans="14:14">
      <c r="N832304" s="10"/>
    </row>
    <row r="832305" spans="14:14">
      <c r="N832305" s="10"/>
    </row>
    <row r="832306" spans="14:14">
      <c r="N832306" s="10"/>
    </row>
    <row r="832307" spans="14:14">
      <c r="N832307" s="10"/>
    </row>
    <row r="832308" spans="14:14">
      <c r="N832308" s="10"/>
    </row>
    <row r="832309" spans="14:14">
      <c r="N832309" s="10"/>
    </row>
    <row r="832310" spans="14:14">
      <c r="N832310" s="10"/>
    </row>
    <row r="832311" spans="14:14">
      <c r="N832311" s="10"/>
    </row>
    <row r="832312" spans="14:14">
      <c r="N832312" s="10"/>
    </row>
    <row r="832313" spans="14:14">
      <c r="N832313" s="10"/>
    </row>
    <row r="832314" spans="14:14">
      <c r="N832314" s="10"/>
    </row>
    <row r="832315" spans="14:14">
      <c r="N832315" s="10"/>
    </row>
    <row r="832316" spans="14:14">
      <c r="N832316" s="10"/>
    </row>
    <row r="832317" spans="14:14">
      <c r="N832317" s="10"/>
    </row>
    <row r="832318" spans="14:14">
      <c r="N832318" s="10"/>
    </row>
    <row r="832319" spans="14:14">
      <c r="N832319" s="10"/>
    </row>
    <row r="832320" spans="14:14">
      <c r="N832320" s="10"/>
    </row>
    <row r="832321" spans="14:14">
      <c r="N832321" s="10"/>
    </row>
    <row r="832322" spans="14:14">
      <c r="N832322" s="10"/>
    </row>
    <row r="832323" spans="14:14">
      <c r="N832323" s="10"/>
    </row>
    <row r="832324" spans="14:14">
      <c r="N832324" s="10"/>
    </row>
    <row r="832325" spans="14:14">
      <c r="N832325" s="10"/>
    </row>
    <row r="832326" spans="14:14">
      <c r="N832326" s="10"/>
    </row>
    <row r="832327" spans="14:14">
      <c r="N832327" s="10"/>
    </row>
    <row r="832328" spans="14:14">
      <c r="N832328" s="10"/>
    </row>
    <row r="832329" spans="14:14">
      <c r="N832329" s="10"/>
    </row>
    <row r="832330" spans="14:14">
      <c r="N832330" s="10"/>
    </row>
    <row r="832331" spans="14:14">
      <c r="N832331" s="10"/>
    </row>
    <row r="832332" spans="14:14">
      <c r="N832332" s="10"/>
    </row>
    <row r="832333" spans="14:14">
      <c r="N832333" s="10"/>
    </row>
    <row r="832334" spans="14:14">
      <c r="N832334" s="10"/>
    </row>
    <row r="832335" spans="14:14">
      <c r="N832335" s="10"/>
    </row>
    <row r="832336" spans="14:14">
      <c r="N832336" s="10"/>
    </row>
    <row r="832337" spans="14:14">
      <c r="N832337" s="10"/>
    </row>
    <row r="832338" spans="14:14">
      <c r="N832338" s="10"/>
    </row>
    <row r="832339" spans="14:14">
      <c r="N832339" s="10"/>
    </row>
    <row r="832340" spans="14:14">
      <c r="N832340" s="10"/>
    </row>
    <row r="832341" spans="14:14">
      <c r="N832341" s="10"/>
    </row>
    <row r="832342" spans="14:14">
      <c r="N832342" s="10"/>
    </row>
    <row r="832343" spans="14:14">
      <c r="N832343" s="10"/>
    </row>
    <row r="832344" spans="14:14">
      <c r="N832344" s="10"/>
    </row>
    <row r="832345" spans="14:14">
      <c r="N832345" s="10"/>
    </row>
    <row r="832346" spans="14:14">
      <c r="N832346" s="10"/>
    </row>
    <row r="832347" spans="14:14">
      <c r="N832347" s="10"/>
    </row>
    <row r="832348" spans="14:14">
      <c r="N832348" s="10"/>
    </row>
    <row r="832349" spans="14:14">
      <c r="N832349" s="10"/>
    </row>
    <row r="832350" spans="14:14">
      <c r="N832350" s="10"/>
    </row>
    <row r="832351" spans="14:14">
      <c r="N832351" s="10"/>
    </row>
    <row r="832352" spans="14:14">
      <c r="N832352" s="10"/>
    </row>
    <row r="832353" spans="14:14">
      <c r="N832353" s="10"/>
    </row>
    <row r="832354" spans="14:14">
      <c r="N832354" s="10"/>
    </row>
    <row r="832355" spans="14:14">
      <c r="N832355" s="10"/>
    </row>
    <row r="832356" spans="14:14">
      <c r="N832356" s="10"/>
    </row>
    <row r="832357" spans="14:14">
      <c r="N832357" s="10"/>
    </row>
    <row r="832358" spans="14:14">
      <c r="N832358" s="10"/>
    </row>
    <row r="832359" spans="14:14">
      <c r="N832359" s="10"/>
    </row>
    <row r="832360" spans="14:14">
      <c r="N832360" s="10"/>
    </row>
    <row r="832361" spans="14:14">
      <c r="N832361" s="10"/>
    </row>
    <row r="832362" spans="14:14">
      <c r="N832362" s="10"/>
    </row>
    <row r="832363" spans="14:14">
      <c r="N832363" s="10"/>
    </row>
    <row r="832364" spans="14:14">
      <c r="N832364" s="10"/>
    </row>
    <row r="832365" spans="14:14">
      <c r="N832365" s="10"/>
    </row>
    <row r="832366" spans="14:14">
      <c r="N832366" s="10"/>
    </row>
    <row r="832367" spans="14:14">
      <c r="N832367" s="10"/>
    </row>
    <row r="832368" spans="14:14">
      <c r="N832368" s="10"/>
    </row>
    <row r="832369" spans="14:14">
      <c r="N832369" s="10"/>
    </row>
    <row r="832370" spans="14:14">
      <c r="N832370" s="10"/>
    </row>
    <row r="832371" spans="14:14">
      <c r="N832371" s="10"/>
    </row>
    <row r="832372" spans="14:14">
      <c r="N832372" s="10"/>
    </row>
    <row r="832373" spans="14:14">
      <c r="N832373" s="10"/>
    </row>
    <row r="832374" spans="14:14">
      <c r="N832374" s="10"/>
    </row>
    <row r="832375" spans="14:14">
      <c r="N832375" s="10"/>
    </row>
    <row r="832376" spans="14:14">
      <c r="N832376" s="10"/>
    </row>
    <row r="832377" spans="14:14">
      <c r="N832377" s="10"/>
    </row>
    <row r="832378" spans="14:14">
      <c r="N832378" s="10"/>
    </row>
    <row r="832379" spans="14:14">
      <c r="N832379" s="10"/>
    </row>
    <row r="832380" spans="14:14">
      <c r="N832380" s="10"/>
    </row>
    <row r="832381" spans="14:14">
      <c r="N832381" s="10"/>
    </row>
    <row r="832382" spans="14:14">
      <c r="N832382" s="10"/>
    </row>
    <row r="832383" spans="14:14">
      <c r="N832383" s="10"/>
    </row>
    <row r="832384" spans="14:14">
      <c r="N832384" s="10"/>
    </row>
    <row r="832385" spans="14:14">
      <c r="N832385" s="10"/>
    </row>
    <row r="832386" spans="14:14">
      <c r="N832386" s="10"/>
    </row>
    <row r="832387" spans="14:14">
      <c r="N832387" s="10"/>
    </row>
    <row r="832388" spans="14:14">
      <c r="N832388" s="10"/>
    </row>
    <row r="832389" spans="14:14">
      <c r="N832389" s="10"/>
    </row>
    <row r="832390" spans="14:14">
      <c r="N832390" s="10"/>
    </row>
    <row r="832391" spans="14:14">
      <c r="N832391" s="10"/>
    </row>
    <row r="832392" spans="14:14">
      <c r="N832392" s="10"/>
    </row>
    <row r="832393" spans="14:14">
      <c r="N832393" s="10"/>
    </row>
    <row r="832394" spans="14:14">
      <c r="N832394" s="10"/>
    </row>
    <row r="832395" spans="14:14">
      <c r="N832395" s="10"/>
    </row>
    <row r="832396" spans="14:14">
      <c r="N832396" s="10"/>
    </row>
    <row r="832397" spans="14:14">
      <c r="N832397" s="10"/>
    </row>
    <row r="832398" spans="14:14">
      <c r="N832398" s="10"/>
    </row>
    <row r="832399" spans="14:14">
      <c r="N832399" s="10"/>
    </row>
    <row r="832400" spans="14:14">
      <c r="N832400" s="10"/>
    </row>
    <row r="832401" spans="14:14">
      <c r="N832401" s="10"/>
    </row>
    <row r="832402" spans="14:14">
      <c r="N832402" s="10"/>
    </row>
    <row r="832403" spans="14:14">
      <c r="N832403" s="10"/>
    </row>
    <row r="832404" spans="14:14">
      <c r="N832404" s="10"/>
    </row>
    <row r="832405" spans="14:14">
      <c r="N832405" s="10"/>
    </row>
    <row r="832406" spans="14:14">
      <c r="N832406" s="10"/>
    </row>
    <row r="832407" spans="14:14">
      <c r="N832407" s="10"/>
    </row>
    <row r="832408" spans="14:14">
      <c r="N832408" s="10"/>
    </row>
    <row r="832409" spans="14:14">
      <c r="N832409" s="10"/>
    </row>
    <row r="832410" spans="14:14">
      <c r="N832410" s="10"/>
    </row>
    <row r="832411" spans="14:14">
      <c r="N832411" s="10"/>
    </row>
    <row r="832412" spans="14:14">
      <c r="N832412" s="10"/>
    </row>
    <row r="832413" spans="14:14">
      <c r="N832413" s="10"/>
    </row>
    <row r="832414" spans="14:14">
      <c r="N832414" s="10"/>
    </row>
    <row r="832415" spans="14:14">
      <c r="N832415" s="10"/>
    </row>
    <row r="832416" spans="14:14">
      <c r="N832416" s="10"/>
    </row>
    <row r="832417" spans="14:14">
      <c r="N832417" s="10"/>
    </row>
    <row r="832418" spans="14:14">
      <c r="N832418" s="10"/>
    </row>
    <row r="832419" spans="14:14">
      <c r="N832419" s="10"/>
    </row>
    <row r="832420" spans="14:14">
      <c r="N832420" s="10"/>
    </row>
    <row r="832421" spans="14:14">
      <c r="N832421" s="10"/>
    </row>
    <row r="832422" spans="14:14">
      <c r="N832422" s="10"/>
    </row>
    <row r="832423" spans="14:14">
      <c r="N832423" s="10"/>
    </row>
    <row r="832424" spans="14:14">
      <c r="N832424" s="10"/>
    </row>
    <row r="832425" spans="14:14">
      <c r="N832425" s="10"/>
    </row>
    <row r="832426" spans="14:14">
      <c r="N832426" s="10"/>
    </row>
    <row r="832427" spans="14:14">
      <c r="N832427" s="10"/>
    </row>
    <row r="832428" spans="14:14">
      <c r="N832428" s="10"/>
    </row>
    <row r="832429" spans="14:14">
      <c r="N832429" s="10"/>
    </row>
    <row r="832430" spans="14:14">
      <c r="N832430" s="10"/>
    </row>
    <row r="832431" spans="14:14">
      <c r="N832431" s="10"/>
    </row>
    <row r="832432" spans="14:14">
      <c r="N832432" s="10"/>
    </row>
    <row r="832433" spans="14:14">
      <c r="N832433" s="10"/>
    </row>
    <row r="832434" spans="14:14">
      <c r="N832434" s="10"/>
    </row>
    <row r="832435" spans="14:14">
      <c r="N832435" s="10"/>
    </row>
    <row r="832436" spans="14:14">
      <c r="N832436" s="10"/>
    </row>
    <row r="832437" spans="14:14">
      <c r="N832437" s="10"/>
    </row>
    <row r="832438" spans="14:14">
      <c r="N832438" s="10"/>
    </row>
    <row r="832439" spans="14:14">
      <c r="N832439" s="10"/>
    </row>
    <row r="832440" spans="14:14">
      <c r="N832440" s="10"/>
    </row>
    <row r="832441" spans="14:14">
      <c r="N832441" s="10"/>
    </row>
    <row r="832442" spans="14:14">
      <c r="N832442" s="10"/>
    </row>
    <row r="832443" spans="14:14">
      <c r="N832443" s="10"/>
    </row>
    <row r="832444" spans="14:14">
      <c r="N832444" s="10"/>
    </row>
    <row r="832445" spans="14:14">
      <c r="N832445" s="10"/>
    </row>
    <row r="832446" spans="14:14">
      <c r="N832446" s="10"/>
    </row>
    <row r="832447" spans="14:14">
      <c r="N832447" s="10"/>
    </row>
    <row r="832448" spans="14:14">
      <c r="N832448" s="10"/>
    </row>
    <row r="832449" spans="14:14">
      <c r="N832449" s="10"/>
    </row>
    <row r="832450" spans="14:14">
      <c r="N832450" s="10"/>
    </row>
    <row r="832451" spans="14:14">
      <c r="N832451" s="10"/>
    </row>
    <row r="832452" spans="14:14">
      <c r="N832452" s="10"/>
    </row>
    <row r="832453" spans="14:14">
      <c r="N832453" s="10"/>
    </row>
    <row r="832454" spans="14:14">
      <c r="N832454" s="10"/>
    </row>
    <row r="832455" spans="14:14">
      <c r="N832455" s="10"/>
    </row>
    <row r="832456" spans="14:14">
      <c r="N832456" s="10"/>
    </row>
    <row r="832457" spans="14:14">
      <c r="N832457" s="10"/>
    </row>
    <row r="832458" spans="14:14">
      <c r="N832458" s="10"/>
    </row>
    <row r="832459" spans="14:14">
      <c r="N832459" s="10"/>
    </row>
    <row r="832460" spans="14:14">
      <c r="N832460" s="10"/>
    </row>
    <row r="832461" spans="14:14">
      <c r="N832461" s="10"/>
    </row>
    <row r="832462" spans="14:14">
      <c r="N832462" s="10"/>
    </row>
    <row r="832463" spans="14:14">
      <c r="N832463" s="10"/>
    </row>
    <row r="832464" spans="14:14">
      <c r="N832464" s="10"/>
    </row>
    <row r="832465" spans="14:14">
      <c r="N832465" s="10"/>
    </row>
    <row r="832466" spans="14:14">
      <c r="N832466" s="10"/>
    </row>
    <row r="832467" spans="14:14">
      <c r="N832467" s="10"/>
    </row>
    <row r="832468" spans="14:14">
      <c r="N832468" s="10"/>
    </row>
    <row r="832469" spans="14:14">
      <c r="N832469" s="10"/>
    </row>
    <row r="832470" spans="14:14">
      <c r="N832470" s="10"/>
    </row>
    <row r="832471" spans="14:14">
      <c r="N832471" s="10"/>
    </row>
    <row r="832472" spans="14:14">
      <c r="N832472" s="10"/>
    </row>
    <row r="832473" spans="14:14">
      <c r="N832473" s="10"/>
    </row>
    <row r="832474" spans="14:14">
      <c r="N832474" s="10"/>
    </row>
    <row r="832475" spans="14:14">
      <c r="N832475" s="10"/>
    </row>
    <row r="832476" spans="14:14">
      <c r="N832476" s="10"/>
    </row>
    <row r="832477" spans="14:14">
      <c r="N832477" s="10"/>
    </row>
    <row r="832478" spans="14:14">
      <c r="N832478" s="10"/>
    </row>
    <row r="832479" spans="14:14">
      <c r="N832479" s="10"/>
    </row>
    <row r="832480" spans="14:14">
      <c r="N832480" s="10"/>
    </row>
    <row r="832481" spans="14:14">
      <c r="N832481" s="10"/>
    </row>
    <row r="832482" spans="14:14">
      <c r="N832482" s="10"/>
    </row>
    <row r="832483" spans="14:14">
      <c r="N832483" s="10"/>
    </row>
    <row r="832484" spans="14:14">
      <c r="N832484" s="10"/>
    </row>
    <row r="832485" spans="14:14">
      <c r="N832485" s="10"/>
    </row>
    <row r="832486" spans="14:14">
      <c r="N832486" s="10"/>
    </row>
    <row r="832487" spans="14:14">
      <c r="N832487" s="10"/>
    </row>
    <row r="832488" spans="14:14">
      <c r="N832488" s="10"/>
    </row>
    <row r="832489" spans="14:14">
      <c r="N832489" s="10"/>
    </row>
    <row r="832490" spans="14:14">
      <c r="N832490" s="10"/>
    </row>
    <row r="832491" spans="14:14">
      <c r="N832491" s="10"/>
    </row>
    <row r="832492" spans="14:14">
      <c r="N832492" s="10"/>
    </row>
    <row r="832493" spans="14:14">
      <c r="N832493" s="10"/>
    </row>
    <row r="832494" spans="14:14">
      <c r="N832494" s="10"/>
    </row>
    <row r="832495" spans="14:14">
      <c r="N832495" s="10"/>
    </row>
    <row r="832496" spans="14:14">
      <c r="N832496" s="10"/>
    </row>
    <row r="832497" spans="14:14">
      <c r="N832497" s="10"/>
    </row>
    <row r="832498" spans="14:14">
      <c r="N832498" s="10"/>
    </row>
    <row r="832499" spans="14:14">
      <c r="N832499" s="10"/>
    </row>
    <row r="832500" spans="14:14">
      <c r="N832500" s="10"/>
    </row>
    <row r="832501" spans="14:14">
      <c r="N832501" s="10"/>
    </row>
    <row r="832502" spans="14:14">
      <c r="N832502" s="10"/>
    </row>
    <row r="832503" spans="14:14">
      <c r="N832503" s="10"/>
    </row>
    <row r="832504" spans="14:14">
      <c r="N832504" s="10"/>
    </row>
    <row r="832505" spans="14:14">
      <c r="N832505" s="10"/>
    </row>
    <row r="832506" spans="14:14">
      <c r="N832506" s="10"/>
    </row>
    <row r="832507" spans="14:14">
      <c r="N832507" s="10"/>
    </row>
    <row r="832508" spans="14:14">
      <c r="N832508" s="10"/>
    </row>
    <row r="832509" spans="14:14">
      <c r="N832509" s="10"/>
    </row>
    <row r="832510" spans="14:14">
      <c r="N832510" s="10"/>
    </row>
    <row r="832511" spans="14:14">
      <c r="N832511" s="10"/>
    </row>
    <row r="832512" spans="14:14">
      <c r="N832512" s="10"/>
    </row>
    <row r="832513" spans="14:14">
      <c r="N832513" s="10"/>
    </row>
    <row r="832514" spans="14:14">
      <c r="N832514" s="10"/>
    </row>
    <row r="832515" spans="14:14">
      <c r="N832515" s="10"/>
    </row>
    <row r="832516" spans="14:14">
      <c r="N832516" s="10"/>
    </row>
    <row r="832517" spans="14:14">
      <c r="N832517" s="10"/>
    </row>
    <row r="832518" spans="14:14">
      <c r="N832518" s="10"/>
    </row>
    <row r="832519" spans="14:14">
      <c r="N832519" s="10"/>
    </row>
    <row r="832520" spans="14:14">
      <c r="N832520" s="10"/>
    </row>
    <row r="832521" spans="14:14">
      <c r="N832521" s="10"/>
    </row>
    <row r="832522" spans="14:14">
      <c r="N832522" s="10"/>
    </row>
    <row r="832523" spans="14:14">
      <c r="N832523" s="10"/>
    </row>
    <row r="832524" spans="14:14">
      <c r="N832524" s="10"/>
    </row>
    <row r="832525" spans="14:14">
      <c r="N832525" s="10"/>
    </row>
    <row r="832526" spans="14:14">
      <c r="N832526" s="10"/>
    </row>
    <row r="832527" spans="14:14">
      <c r="N832527" s="10"/>
    </row>
    <row r="832528" spans="14:14">
      <c r="N832528" s="10"/>
    </row>
    <row r="832529" spans="14:14">
      <c r="N832529" s="10"/>
    </row>
    <row r="832530" spans="14:14">
      <c r="N832530" s="10"/>
    </row>
    <row r="832531" spans="14:14">
      <c r="N832531" s="10"/>
    </row>
    <row r="832532" spans="14:14">
      <c r="N832532" s="10"/>
    </row>
    <row r="832533" spans="14:14">
      <c r="N832533" s="10"/>
    </row>
    <row r="832534" spans="14:14">
      <c r="N832534" s="10"/>
    </row>
    <row r="832535" spans="14:14">
      <c r="N832535" s="10"/>
    </row>
    <row r="832536" spans="14:14">
      <c r="N832536" s="10"/>
    </row>
    <row r="832537" spans="14:14">
      <c r="N832537" s="10"/>
    </row>
    <row r="832538" spans="14:14">
      <c r="N832538" s="10"/>
    </row>
    <row r="832539" spans="14:14">
      <c r="N832539" s="10"/>
    </row>
    <row r="832540" spans="14:14">
      <c r="N832540" s="10"/>
    </row>
    <row r="832541" spans="14:14">
      <c r="N832541" s="10"/>
    </row>
    <row r="832542" spans="14:14">
      <c r="N832542" s="10"/>
    </row>
    <row r="832543" spans="14:14">
      <c r="N832543" s="10"/>
    </row>
    <row r="832544" spans="14:14">
      <c r="N832544" s="10"/>
    </row>
    <row r="832545" spans="14:14">
      <c r="N832545" s="10"/>
    </row>
    <row r="832546" spans="14:14">
      <c r="N832546" s="10"/>
    </row>
    <row r="832547" spans="14:14">
      <c r="N832547" s="10"/>
    </row>
    <row r="832548" spans="14:14">
      <c r="N832548" s="10"/>
    </row>
    <row r="832549" spans="14:14">
      <c r="N832549" s="10"/>
    </row>
    <row r="832550" spans="14:14">
      <c r="N832550" s="10"/>
    </row>
    <row r="832551" spans="14:14">
      <c r="N832551" s="10"/>
    </row>
    <row r="832552" spans="14:14">
      <c r="N832552" s="10"/>
    </row>
    <row r="832553" spans="14:14">
      <c r="N832553" s="10"/>
    </row>
    <row r="832554" spans="14:14">
      <c r="N832554" s="10"/>
    </row>
    <row r="832555" spans="14:14">
      <c r="N832555" s="10"/>
    </row>
    <row r="832556" spans="14:14">
      <c r="N832556" s="10"/>
    </row>
    <row r="832557" spans="14:14">
      <c r="N832557" s="10"/>
    </row>
    <row r="832558" spans="14:14">
      <c r="N832558" s="10"/>
    </row>
    <row r="832559" spans="14:14">
      <c r="N832559" s="10"/>
    </row>
    <row r="832560" spans="14:14">
      <c r="N832560" s="10"/>
    </row>
    <row r="832561" spans="14:14">
      <c r="N832561" s="10"/>
    </row>
    <row r="832562" spans="14:14">
      <c r="N832562" s="10"/>
    </row>
    <row r="832563" spans="14:14">
      <c r="N832563" s="10"/>
    </row>
    <row r="832564" spans="14:14">
      <c r="N832564" s="10"/>
    </row>
    <row r="832565" spans="14:14">
      <c r="N832565" s="10"/>
    </row>
    <row r="832566" spans="14:14">
      <c r="N832566" s="10"/>
    </row>
    <row r="832567" spans="14:14">
      <c r="N832567" s="10"/>
    </row>
    <row r="832568" spans="14:14">
      <c r="N832568" s="10"/>
    </row>
    <row r="832569" spans="14:14">
      <c r="N832569" s="10"/>
    </row>
    <row r="832570" spans="14:14">
      <c r="N832570" s="10"/>
    </row>
    <row r="832571" spans="14:14">
      <c r="N832571" s="10"/>
    </row>
    <row r="832572" spans="14:14">
      <c r="N832572" s="10"/>
    </row>
    <row r="832573" spans="14:14">
      <c r="N832573" s="10"/>
    </row>
    <row r="832574" spans="14:14">
      <c r="N832574" s="10"/>
    </row>
    <row r="832575" spans="14:14">
      <c r="N832575" s="10"/>
    </row>
    <row r="832576" spans="14:14">
      <c r="N832576" s="10"/>
    </row>
    <row r="832577" spans="14:14">
      <c r="N832577" s="10"/>
    </row>
    <row r="832578" spans="14:14">
      <c r="N832578" s="10"/>
    </row>
    <row r="832579" spans="14:14">
      <c r="N832579" s="10"/>
    </row>
    <row r="832580" spans="14:14">
      <c r="N832580" s="10"/>
    </row>
    <row r="832581" spans="14:14">
      <c r="N832581" s="10"/>
    </row>
    <row r="832582" spans="14:14">
      <c r="N832582" s="10"/>
    </row>
    <row r="832583" spans="14:14">
      <c r="N832583" s="10"/>
    </row>
    <row r="832584" spans="14:14">
      <c r="N832584" s="10"/>
    </row>
    <row r="832585" spans="14:14">
      <c r="N832585" s="10"/>
    </row>
    <row r="832586" spans="14:14">
      <c r="N832586" s="10"/>
    </row>
    <row r="832587" spans="14:14">
      <c r="N832587" s="10"/>
    </row>
    <row r="832588" spans="14:14">
      <c r="N832588" s="10"/>
    </row>
    <row r="832589" spans="14:14">
      <c r="N832589" s="10"/>
    </row>
    <row r="832590" spans="14:14">
      <c r="N832590" s="10"/>
    </row>
    <row r="832591" spans="14:14">
      <c r="N832591" s="10"/>
    </row>
    <row r="832592" spans="14:14">
      <c r="N832592" s="10"/>
    </row>
    <row r="832593" spans="14:14">
      <c r="N832593" s="10"/>
    </row>
    <row r="832594" spans="14:14">
      <c r="N832594" s="10"/>
    </row>
    <row r="832595" spans="14:14">
      <c r="N832595" s="10"/>
    </row>
    <row r="832596" spans="14:14">
      <c r="N832596" s="10"/>
    </row>
    <row r="832597" spans="14:14">
      <c r="N832597" s="10"/>
    </row>
    <row r="832598" spans="14:14">
      <c r="N832598" s="10"/>
    </row>
    <row r="832599" spans="14:14">
      <c r="N832599" s="10"/>
    </row>
    <row r="832600" spans="14:14">
      <c r="N832600" s="10"/>
    </row>
    <row r="832601" spans="14:14">
      <c r="N832601" s="10"/>
    </row>
    <row r="832602" spans="14:14">
      <c r="N832602" s="10"/>
    </row>
    <row r="832603" spans="14:14">
      <c r="N832603" s="10"/>
    </row>
    <row r="832604" spans="14:14">
      <c r="N832604" s="10"/>
    </row>
    <row r="832605" spans="14:14">
      <c r="N832605" s="10"/>
    </row>
    <row r="832606" spans="14:14">
      <c r="N832606" s="10"/>
    </row>
    <row r="832607" spans="14:14">
      <c r="N832607" s="10"/>
    </row>
    <row r="832608" spans="14:14">
      <c r="N832608" s="10"/>
    </row>
    <row r="832609" spans="14:14">
      <c r="N832609" s="10"/>
    </row>
    <row r="832610" spans="14:14">
      <c r="N832610" s="10"/>
    </row>
    <row r="832611" spans="14:14">
      <c r="N832611" s="10"/>
    </row>
    <row r="832612" spans="14:14">
      <c r="N832612" s="10"/>
    </row>
    <row r="832613" spans="14:14">
      <c r="N832613" s="10"/>
    </row>
    <row r="832614" spans="14:14">
      <c r="N832614" s="10"/>
    </row>
    <row r="832615" spans="14:14">
      <c r="N832615" s="10"/>
    </row>
    <row r="832616" spans="14:14">
      <c r="N832616" s="10"/>
    </row>
    <row r="832617" spans="14:14">
      <c r="N832617" s="10"/>
    </row>
    <row r="832618" spans="14:14">
      <c r="N832618" s="10"/>
    </row>
    <row r="832619" spans="14:14">
      <c r="N832619" s="10"/>
    </row>
    <row r="832620" spans="14:14">
      <c r="N832620" s="10"/>
    </row>
    <row r="832621" spans="14:14">
      <c r="N832621" s="10"/>
    </row>
    <row r="832622" spans="14:14">
      <c r="N832622" s="10"/>
    </row>
    <row r="832623" spans="14:14">
      <c r="N832623" s="10"/>
    </row>
    <row r="832624" spans="14:14">
      <c r="N832624" s="10"/>
    </row>
    <row r="832625" spans="14:14">
      <c r="N832625" s="10"/>
    </row>
    <row r="832626" spans="14:14">
      <c r="N832626" s="10"/>
    </row>
    <row r="832627" spans="14:14">
      <c r="N832627" s="10"/>
    </row>
    <row r="832628" spans="14:14">
      <c r="N832628" s="10"/>
    </row>
    <row r="832629" spans="14:14">
      <c r="N832629" s="10"/>
    </row>
    <row r="832630" spans="14:14">
      <c r="N832630" s="10"/>
    </row>
    <row r="832631" spans="14:14">
      <c r="N832631" s="10"/>
    </row>
    <row r="832632" spans="14:14">
      <c r="N832632" s="10"/>
    </row>
    <row r="832633" spans="14:14">
      <c r="N832633" s="10"/>
    </row>
    <row r="832634" spans="14:14">
      <c r="N832634" s="10"/>
    </row>
    <row r="832635" spans="14:14">
      <c r="N832635" s="10"/>
    </row>
    <row r="832636" spans="14:14">
      <c r="N832636" s="10"/>
    </row>
    <row r="832637" spans="14:14">
      <c r="N832637" s="10"/>
    </row>
    <row r="832638" spans="14:14">
      <c r="N832638" s="10"/>
    </row>
    <row r="832639" spans="14:14">
      <c r="N832639" s="10"/>
    </row>
    <row r="832640" spans="14:14">
      <c r="N832640" s="10"/>
    </row>
    <row r="832641" spans="14:14">
      <c r="N832641" s="10"/>
    </row>
    <row r="832642" spans="14:14">
      <c r="N832642" s="10"/>
    </row>
    <row r="832643" spans="14:14">
      <c r="N832643" s="10"/>
    </row>
    <row r="832644" spans="14:14">
      <c r="N832644" s="10"/>
    </row>
    <row r="832645" spans="14:14">
      <c r="N832645" s="10"/>
    </row>
    <row r="832646" spans="14:14">
      <c r="N832646" s="10"/>
    </row>
    <row r="832647" spans="14:14">
      <c r="N832647" s="10"/>
    </row>
    <row r="832648" spans="14:14">
      <c r="N832648" s="10"/>
    </row>
    <row r="832649" spans="14:14">
      <c r="N832649" s="10"/>
    </row>
    <row r="832650" spans="14:14">
      <c r="N832650" s="10"/>
    </row>
    <row r="832651" spans="14:14">
      <c r="N832651" s="10"/>
    </row>
    <row r="832652" spans="14:14">
      <c r="N832652" s="10"/>
    </row>
    <row r="832653" spans="14:14">
      <c r="N832653" s="10"/>
    </row>
    <row r="832654" spans="14:14">
      <c r="N832654" s="10"/>
    </row>
    <row r="832655" spans="14:14">
      <c r="N832655" s="10"/>
    </row>
    <row r="832656" spans="14:14">
      <c r="N832656" s="10"/>
    </row>
    <row r="832657" spans="14:14">
      <c r="N832657" s="10"/>
    </row>
    <row r="832658" spans="14:14">
      <c r="N832658" s="10"/>
    </row>
    <row r="832659" spans="14:14">
      <c r="N832659" s="10"/>
    </row>
    <row r="832660" spans="14:14">
      <c r="N832660" s="10"/>
    </row>
    <row r="832661" spans="14:14">
      <c r="N832661" s="10"/>
    </row>
    <row r="832662" spans="14:14">
      <c r="N832662" s="10"/>
    </row>
    <row r="832663" spans="14:14">
      <c r="N832663" s="10"/>
    </row>
    <row r="832664" spans="14:14">
      <c r="N832664" s="10"/>
    </row>
    <row r="832665" spans="14:14">
      <c r="N832665" s="10"/>
    </row>
    <row r="832666" spans="14:14">
      <c r="N832666" s="10"/>
    </row>
    <row r="832667" spans="14:14">
      <c r="N832667" s="10"/>
    </row>
    <row r="832668" spans="14:14">
      <c r="N832668" s="10"/>
    </row>
    <row r="832669" spans="14:14">
      <c r="N832669" s="10"/>
    </row>
    <row r="832670" spans="14:14">
      <c r="N832670" s="10"/>
    </row>
    <row r="832671" spans="14:14">
      <c r="N832671" s="10"/>
    </row>
    <row r="832672" spans="14:14">
      <c r="N832672" s="10"/>
    </row>
    <row r="832673" spans="14:14">
      <c r="N832673" s="10"/>
    </row>
    <row r="832674" spans="14:14">
      <c r="N832674" s="10"/>
    </row>
    <row r="832675" spans="14:14">
      <c r="N832675" s="10"/>
    </row>
    <row r="832676" spans="14:14">
      <c r="N832676" s="10"/>
    </row>
    <row r="832677" spans="14:14">
      <c r="N832677" s="10"/>
    </row>
    <row r="832678" spans="14:14">
      <c r="N832678" s="10"/>
    </row>
    <row r="832679" spans="14:14">
      <c r="N832679" s="10"/>
    </row>
    <row r="832680" spans="14:14">
      <c r="N832680" s="10"/>
    </row>
    <row r="832681" spans="14:14">
      <c r="N832681" s="10"/>
    </row>
    <row r="832682" spans="14:14">
      <c r="N832682" s="10"/>
    </row>
    <row r="832683" spans="14:14">
      <c r="N832683" s="10"/>
    </row>
    <row r="832684" spans="14:14">
      <c r="N832684" s="10"/>
    </row>
    <row r="832685" spans="14:14">
      <c r="N832685" s="10"/>
    </row>
    <row r="832686" spans="14:14">
      <c r="N832686" s="10"/>
    </row>
    <row r="832687" spans="14:14">
      <c r="N832687" s="10"/>
    </row>
    <row r="832688" spans="14:14">
      <c r="N832688" s="10"/>
    </row>
    <row r="832689" spans="14:14">
      <c r="N832689" s="10"/>
    </row>
    <row r="832690" spans="14:14">
      <c r="N832690" s="10"/>
    </row>
    <row r="832691" spans="14:14">
      <c r="N832691" s="10"/>
    </row>
    <row r="832692" spans="14:14">
      <c r="N832692" s="10"/>
    </row>
    <row r="832693" spans="14:14">
      <c r="N832693" s="10"/>
    </row>
    <row r="832694" spans="14:14">
      <c r="N832694" s="10"/>
    </row>
    <row r="832695" spans="14:14">
      <c r="N832695" s="10"/>
    </row>
    <row r="832696" spans="14:14">
      <c r="N832696" s="10"/>
    </row>
    <row r="832697" spans="14:14">
      <c r="N832697" s="10"/>
    </row>
    <row r="832698" spans="14:14">
      <c r="N832698" s="10"/>
    </row>
    <row r="832699" spans="14:14">
      <c r="N832699" s="10"/>
    </row>
    <row r="832700" spans="14:14">
      <c r="N832700" s="10"/>
    </row>
    <row r="832701" spans="14:14">
      <c r="N832701" s="10"/>
    </row>
    <row r="832702" spans="14:14">
      <c r="N832702" s="10"/>
    </row>
    <row r="832703" spans="14:14">
      <c r="N832703" s="10"/>
    </row>
    <row r="832704" spans="14:14">
      <c r="N832704" s="10"/>
    </row>
    <row r="832705" spans="14:14">
      <c r="N832705" s="10"/>
    </row>
    <row r="832706" spans="14:14">
      <c r="N832706" s="10"/>
    </row>
    <row r="832707" spans="14:14">
      <c r="N832707" s="10"/>
    </row>
    <row r="832708" spans="14:14">
      <c r="N832708" s="10"/>
    </row>
    <row r="832709" spans="14:14">
      <c r="N832709" s="10"/>
    </row>
    <row r="832710" spans="14:14">
      <c r="N832710" s="10"/>
    </row>
    <row r="832711" spans="14:14">
      <c r="N832711" s="10"/>
    </row>
    <row r="832712" spans="14:14">
      <c r="N832712" s="10"/>
    </row>
    <row r="832713" spans="14:14">
      <c r="N832713" s="10"/>
    </row>
    <row r="832714" spans="14:14">
      <c r="N832714" s="10"/>
    </row>
    <row r="832715" spans="14:14">
      <c r="N832715" s="10"/>
    </row>
    <row r="832716" spans="14:14">
      <c r="N832716" s="10"/>
    </row>
    <row r="832717" spans="14:14">
      <c r="N832717" s="10"/>
    </row>
    <row r="832718" spans="14:14">
      <c r="N832718" s="10"/>
    </row>
    <row r="832719" spans="14:14">
      <c r="N832719" s="10"/>
    </row>
    <row r="832720" spans="14:14">
      <c r="N832720" s="10"/>
    </row>
    <row r="832721" spans="14:14">
      <c r="N832721" s="10"/>
    </row>
    <row r="832722" spans="14:14">
      <c r="N832722" s="10"/>
    </row>
    <row r="832723" spans="14:14">
      <c r="N832723" s="10"/>
    </row>
    <row r="832724" spans="14:14">
      <c r="N832724" s="10"/>
    </row>
    <row r="832725" spans="14:14">
      <c r="N832725" s="10"/>
    </row>
    <row r="832726" spans="14:14">
      <c r="N832726" s="10"/>
    </row>
    <row r="832727" spans="14:14">
      <c r="N832727" s="10"/>
    </row>
    <row r="832728" spans="14:14">
      <c r="N832728" s="10"/>
    </row>
    <row r="832729" spans="14:14">
      <c r="N832729" s="10"/>
    </row>
    <row r="832730" spans="14:14">
      <c r="N832730" s="10"/>
    </row>
    <row r="832731" spans="14:14">
      <c r="N832731" s="10"/>
    </row>
    <row r="832732" spans="14:14">
      <c r="N832732" s="10"/>
    </row>
    <row r="832733" spans="14:14">
      <c r="N832733" s="10"/>
    </row>
    <row r="832734" spans="14:14">
      <c r="N832734" s="10"/>
    </row>
    <row r="832735" spans="14:14">
      <c r="N832735" s="10"/>
    </row>
    <row r="832736" spans="14:14">
      <c r="N832736" s="10"/>
    </row>
    <row r="832737" spans="14:14">
      <c r="N832737" s="10"/>
    </row>
    <row r="832738" spans="14:14">
      <c r="N832738" s="10"/>
    </row>
    <row r="832739" spans="14:14">
      <c r="N832739" s="10"/>
    </row>
    <row r="832740" spans="14:14">
      <c r="N832740" s="10"/>
    </row>
    <row r="832741" spans="14:14">
      <c r="N832741" s="10"/>
    </row>
    <row r="832742" spans="14:14">
      <c r="N832742" s="10"/>
    </row>
    <row r="832743" spans="14:14">
      <c r="N832743" s="10"/>
    </row>
    <row r="832744" spans="14:14">
      <c r="N832744" s="10"/>
    </row>
    <row r="832745" spans="14:14">
      <c r="N832745" s="10"/>
    </row>
    <row r="832746" spans="14:14">
      <c r="N832746" s="10"/>
    </row>
    <row r="832747" spans="14:14">
      <c r="N832747" s="10"/>
    </row>
    <row r="832748" spans="14:14">
      <c r="N832748" s="10"/>
    </row>
    <row r="832749" spans="14:14">
      <c r="N832749" s="10"/>
    </row>
    <row r="832750" spans="14:14">
      <c r="N832750" s="10"/>
    </row>
    <row r="832751" spans="14:14">
      <c r="N832751" s="10"/>
    </row>
    <row r="832752" spans="14:14">
      <c r="N832752" s="10"/>
    </row>
    <row r="832753" spans="14:14">
      <c r="N832753" s="10"/>
    </row>
    <row r="832754" spans="14:14">
      <c r="N832754" s="10"/>
    </row>
    <row r="832755" spans="14:14">
      <c r="N832755" s="10"/>
    </row>
    <row r="832756" spans="14:14">
      <c r="N832756" s="10"/>
    </row>
    <row r="832757" spans="14:14">
      <c r="N832757" s="10"/>
    </row>
    <row r="832758" spans="14:14">
      <c r="N832758" s="10"/>
    </row>
    <row r="832759" spans="14:14">
      <c r="N832759" s="10"/>
    </row>
    <row r="832760" spans="14:14">
      <c r="N832760" s="10"/>
    </row>
    <row r="832761" spans="14:14">
      <c r="N832761" s="10"/>
    </row>
    <row r="832762" spans="14:14">
      <c r="N832762" s="10"/>
    </row>
    <row r="832763" spans="14:14">
      <c r="N832763" s="10"/>
    </row>
    <row r="832764" spans="14:14">
      <c r="N832764" s="10"/>
    </row>
    <row r="832765" spans="14:14">
      <c r="N832765" s="10"/>
    </row>
    <row r="832766" spans="14:14">
      <c r="N832766" s="10"/>
    </row>
    <row r="832767" spans="14:14">
      <c r="N832767" s="10"/>
    </row>
    <row r="832768" spans="14:14">
      <c r="N832768" s="10"/>
    </row>
    <row r="832769" spans="14:14">
      <c r="N832769" s="10"/>
    </row>
    <row r="832770" spans="14:14">
      <c r="N832770" s="10"/>
    </row>
    <row r="832771" spans="14:14">
      <c r="N832771" s="10"/>
    </row>
    <row r="832772" spans="14:14">
      <c r="N832772" s="10"/>
    </row>
    <row r="832773" spans="14:14">
      <c r="N832773" s="10"/>
    </row>
    <row r="832774" spans="14:14">
      <c r="N832774" s="10"/>
    </row>
    <row r="832775" spans="14:14">
      <c r="N832775" s="10"/>
    </row>
    <row r="832776" spans="14:14">
      <c r="N832776" s="10"/>
    </row>
    <row r="832777" spans="14:14">
      <c r="N832777" s="10"/>
    </row>
    <row r="832778" spans="14:14">
      <c r="N832778" s="10"/>
    </row>
    <row r="832779" spans="14:14">
      <c r="N832779" s="10"/>
    </row>
    <row r="832780" spans="14:14">
      <c r="N832780" s="10"/>
    </row>
    <row r="832781" spans="14:14">
      <c r="N832781" s="10"/>
    </row>
    <row r="832782" spans="14:14">
      <c r="N832782" s="10"/>
    </row>
    <row r="832783" spans="14:14">
      <c r="N832783" s="10"/>
    </row>
    <row r="832784" spans="14:14">
      <c r="N832784" s="10"/>
    </row>
    <row r="832785" spans="14:14">
      <c r="N832785" s="10"/>
    </row>
    <row r="832786" spans="14:14">
      <c r="N832786" s="10"/>
    </row>
    <row r="832787" spans="14:14">
      <c r="N832787" s="10"/>
    </row>
    <row r="832788" spans="14:14">
      <c r="N832788" s="10"/>
    </row>
    <row r="832789" spans="14:14">
      <c r="N832789" s="10"/>
    </row>
    <row r="832790" spans="14:14">
      <c r="N832790" s="10"/>
    </row>
    <row r="832791" spans="14:14">
      <c r="N832791" s="10"/>
    </row>
    <row r="832792" spans="14:14">
      <c r="N832792" s="10"/>
    </row>
    <row r="832793" spans="14:14">
      <c r="N832793" s="10"/>
    </row>
    <row r="832794" spans="14:14">
      <c r="N832794" s="10"/>
    </row>
    <row r="832795" spans="14:14">
      <c r="N832795" s="10"/>
    </row>
    <row r="832796" spans="14:14">
      <c r="N832796" s="10"/>
    </row>
    <row r="832797" spans="14:14">
      <c r="N832797" s="10"/>
    </row>
    <row r="832798" spans="14:14">
      <c r="N832798" s="10"/>
    </row>
    <row r="832799" spans="14:14">
      <c r="N832799" s="10"/>
    </row>
    <row r="832800" spans="14:14">
      <c r="N832800" s="10"/>
    </row>
    <row r="832801" spans="14:14">
      <c r="N832801" s="10"/>
    </row>
    <row r="832802" spans="14:14">
      <c r="N832802" s="10"/>
    </row>
    <row r="832803" spans="14:14">
      <c r="N832803" s="10"/>
    </row>
    <row r="832804" spans="14:14">
      <c r="N832804" s="10"/>
    </row>
    <row r="832805" spans="14:14">
      <c r="N832805" s="10"/>
    </row>
    <row r="832806" spans="14:14">
      <c r="N832806" s="10"/>
    </row>
    <row r="832807" spans="14:14">
      <c r="N832807" s="10"/>
    </row>
    <row r="832808" spans="14:14">
      <c r="N832808" s="10"/>
    </row>
    <row r="832809" spans="14:14">
      <c r="N832809" s="10"/>
    </row>
    <row r="832810" spans="14:14">
      <c r="N832810" s="10"/>
    </row>
    <row r="832811" spans="14:14">
      <c r="N832811" s="10"/>
    </row>
    <row r="832812" spans="14:14">
      <c r="N832812" s="10"/>
    </row>
    <row r="832813" spans="14:14">
      <c r="N832813" s="10"/>
    </row>
    <row r="832814" spans="14:14">
      <c r="N832814" s="10"/>
    </row>
    <row r="832815" spans="14:14">
      <c r="N832815" s="10"/>
    </row>
    <row r="832816" spans="14:14">
      <c r="N832816" s="10"/>
    </row>
    <row r="832817" spans="14:14">
      <c r="N832817" s="10"/>
    </row>
    <row r="832818" spans="14:14">
      <c r="N832818" s="10"/>
    </row>
    <row r="832819" spans="14:14">
      <c r="N832819" s="10"/>
    </row>
    <row r="832820" spans="14:14">
      <c r="N832820" s="10"/>
    </row>
    <row r="832821" spans="14:14">
      <c r="N832821" s="10"/>
    </row>
    <row r="832822" spans="14:14">
      <c r="N832822" s="10"/>
    </row>
    <row r="832823" spans="14:14">
      <c r="N832823" s="10"/>
    </row>
    <row r="832824" spans="14:14">
      <c r="N832824" s="10"/>
    </row>
    <row r="832825" spans="14:14">
      <c r="N832825" s="10"/>
    </row>
    <row r="832826" spans="14:14">
      <c r="N832826" s="10"/>
    </row>
    <row r="832827" spans="14:14">
      <c r="N832827" s="10"/>
    </row>
    <row r="832828" spans="14:14">
      <c r="N832828" s="10"/>
    </row>
    <row r="832829" spans="14:14">
      <c r="N832829" s="10"/>
    </row>
    <row r="832830" spans="14:14">
      <c r="N832830" s="10"/>
    </row>
    <row r="832831" spans="14:14">
      <c r="N832831" s="10"/>
    </row>
    <row r="832832" spans="14:14">
      <c r="N832832" s="10"/>
    </row>
    <row r="832833" spans="14:14">
      <c r="N832833" s="10"/>
    </row>
    <row r="832834" spans="14:14">
      <c r="N832834" s="10"/>
    </row>
    <row r="832835" spans="14:14">
      <c r="N832835" s="10"/>
    </row>
    <row r="832836" spans="14:14">
      <c r="N832836" s="10"/>
    </row>
    <row r="832837" spans="14:14">
      <c r="N832837" s="10"/>
    </row>
    <row r="832838" spans="14:14">
      <c r="N832838" s="10"/>
    </row>
    <row r="832839" spans="14:14">
      <c r="N832839" s="10"/>
    </row>
    <row r="832840" spans="14:14">
      <c r="N832840" s="10"/>
    </row>
    <row r="832841" spans="14:14">
      <c r="N832841" s="10"/>
    </row>
    <row r="832842" spans="14:14">
      <c r="N832842" s="10"/>
    </row>
    <row r="832843" spans="14:14">
      <c r="N832843" s="10"/>
    </row>
    <row r="832844" spans="14:14">
      <c r="N832844" s="10"/>
    </row>
    <row r="832845" spans="14:14">
      <c r="N832845" s="10"/>
    </row>
    <row r="832846" spans="14:14">
      <c r="N832846" s="10"/>
    </row>
    <row r="832847" spans="14:14">
      <c r="N832847" s="10"/>
    </row>
    <row r="832848" spans="14:14">
      <c r="N832848" s="10"/>
    </row>
    <row r="832849" spans="14:14">
      <c r="N832849" s="10"/>
    </row>
    <row r="832850" spans="14:14">
      <c r="N832850" s="10"/>
    </row>
    <row r="832851" spans="14:14">
      <c r="N832851" s="10"/>
    </row>
    <row r="832852" spans="14:14">
      <c r="N832852" s="10"/>
    </row>
    <row r="832853" spans="14:14">
      <c r="N832853" s="10"/>
    </row>
    <row r="832854" spans="14:14">
      <c r="N832854" s="10"/>
    </row>
    <row r="832855" spans="14:14">
      <c r="N832855" s="10"/>
    </row>
    <row r="832856" spans="14:14">
      <c r="N832856" s="10"/>
    </row>
    <row r="832857" spans="14:14">
      <c r="N832857" s="10"/>
    </row>
    <row r="832858" spans="14:14">
      <c r="N832858" s="10"/>
    </row>
    <row r="832859" spans="14:14">
      <c r="N832859" s="10"/>
    </row>
    <row r="832860" spans="14:14">
      <c r="N832860" s="10"/>
    </row>
    <row r="832861" spans="14:14">
      <c r="N832861" s="10"/>
    </row>
    <row r="832862" spans="14:14">
      <c r="N832862" s="10"/>
    </row>
    <row r="832863" spans="14:14">
      <c r="N832863" s="10"/>
    </row>
    <row r="832864" spans="14:14">
      <c r="N832864" s="10"/>
    </row>
    <row r="832865" spans="14:14">
      <c r="N832865" s="10"/>
    </row>
    <row r="832866" spans="14:14">
      <c r="N832866" s="10"/>
    </row>
    <row r="832867" spans="14:14">
      <c r="N832867" s="10"/>
    </row>
    <row r="832868" spans="14:14">
      <c r="N832868" s="10"/>
    </row>
    <row r="832869" spans="14:14">
      <c r="N832869" s="10"/>
    </row>
    <row r="832870" spans="14:14">
      <c r="N832870" s="10"/>
    </row>
    <row r="832871" spans="14:14">
      <c r="N832871" s="10"/>
    </row>
    <row r="832872" spans="14:14">
      <c r="N832872" s="10"/>
    </row>
    <row r="832873" spans="14:14">
      <c r="N832873" s="10"/>
    </row>
    <row r="832874" spans="14:14">
      <c r="N832874" s="10"/>
    </row>
    <row r="832875" spans="14:14">
      <c r="N832875" s="10"/>
    </row>
    <row r="832876" spans="14:14">
      <c r="N832876" s="10"/>
    </row>
    <row r="832877" spans="14:14">
      <c r="N832877" s="10"/>
    </row>
    <row r="832878" spans="14:14">
      <c r="N832878" s="10"/>
    </row>
    <row r="832879" spans="14:14">
      <c r="N832879" s="10"/>
    </row>
    <row r="832880" spans="14:14">
      <c r="N832880" s="10"/>
    </row>
    <row r="832881" spans="14:14">
      <c r="N832881" s="10"/>
    </row>
    <row r="832882" spans="14:14">
      <c r="N832882" s="10"/>
    </row>
    <row r="832883" spans="14:14">
      <c r="N832883" s="10"/>
    </row>
    <row r="832884" spans="14:14">
      <c r="N832884" s="10"/>
    </row>
    <row r="832885" spans="14:14">
      <c r="N832885" s="10"/>
    </row>
    <row r="832886" spans="14:14">
      <c r="N832886" s="10"/>
    </row>
    <row r="832887" spans="14:14">
      <c r="N832887" s="10"/>
    </row>
    <row r="832888" spans="14:14">
      <c r="N832888" s="10"/>
    </row>
    <row r="832889" spans="14:14">
      <c r="N832889" s="10"/>
    </row>
    <row r="832890" spans="14:14">
      <c r="N832890" s="10"/>
    </row>
    <row r="832891" spans="14:14">
      <c r="N832891" s="10"/>
    </row>
    <row r="832892" spans="14:14">
      <c r="N832892" s="10"/>
    </row>
    <row r="832893" spans="14:14">
      <c r="N832893" s="10"/>
    </row>
    <row r="832894" spans="14:14">
      <c r="N832894" s="10"/>
    </row>
    <row r="832895" spans="14:14">
      <c r="N832895" s="10"/>
    </row>
    <row r="832896" spans="14:14">
      <c r="N832896" s="10"/>
    </row>
    <row r="832897" spans="14:14">
      <c r="N832897" s="10"/>
    </row>
    <row r="832898" spans="14:14">
      <c r="N832898" s="10"/>
    </row>
    <row r="832899" spans="14:14">
      <c r="N832899" s="10"/>
    </row>
    <row r="832900" spans="14:14">
      <c r="N832900" s="10"/>
    </row>
    <row r="832901" spans="14:14">
      <c r="N832901" s="10"/>
    </row>
    <row r="832902" spans="14:14">
      <c r="N832902" s="10"/>
    </row>
    <row r="832903" spans="14:14">
      <c r="N832903" s="10"/>
    </row>
    <row r="832904" spans="14:14">
      <c r="N832904" s="10"/>
    </row>
    <row r="832905" spans="14:14">
      <c r="N832905" s="10"/>
    </row>
    <row r="832906" spans="14:14">
      <c r="N832906" s="10"/>
    </row>
    <row r="832907" spans="14:14">
      <c r="N832907" s="10"/>
    </row>
    <row r="832908" spans="14:14">
      <c r="N832908" s="10"/>
    </row>
    <row r="832909" spans="14:14">
      <c r="N832909" s="10"/>
    </row>
    <row r="832910" spans="14:14">
      <c r="N832910" s="10"/>
    </row>
    <row r="832911" spans="14:14">
      <c r="N832911" s="10"/>
    </row>
    <row r="832912" spans="14:14">
      <c r="N832912" s="10"/>
    </row>
    <row r="832913" spans="14:14">
      <c r="N832913" s="10"/>
    </row>
    <row r="832914" spans="14:14">
      <c r="N832914" s="10"/>
    </row>
    <row r="832915" spans="14:14">
      <c r="N832915" s="10"/>
    </row>
    <row r="832916" spans="14:14">
      <c r="N832916" s="10"/>
    </row>
    <row r="832917" spans="14:14">
      <c r="N832917" s="10"/>
    </row>
    <row r="832918" spans="14:14">
      <c r="N832918" s="10"/>
    </row>
    <row r="832919" spans="14:14">
      <c r="N832919" s="10"/>
    </row>
    <row r="832920" spans="14:14">
      <c r="N832920" s="10"/>
    </row>
    <row r="832921" spans="14:14">
      <c r="N832921" s="10"/>
    </row>
    <row r="832922" spans="14:14">
      <c r="N832922" s="10"/>
    </row>
    <row r="832923" spans="14:14">
      <c r="N832923" s="10"/>
    </row>
    <row r="832924" spans="14:14">
      <c r="N832924" s="10"/>
    </row>
    <row r="832925" spans="14:14">
      <c r="N832925" s="10"/>
    </row>
    <row r="832926" spans="14:14">
      <c r="N832926" s="10"/>
    </row>
    <row r="832927" spans="14:14">
      <c r="N832927" s="10"/>
    </row>
    <row r="832928" spans="14:14">
      <c r="N832928" s="10"/>
    </row>
    <row r="832929" spans="14:14">
      <c r="N832929" s="10"/>
    </row>
    <row r="832930" spans="14:14">
      <c r="N832930" s="10"/>
    </row>
    <row r="832931" spans="14:14">
      <c r="N832931" s="10"/>
    </row>
    <row r="832932" spans="14:14">
      <c r="N832932" s="10"/>
    </row>
    <row r="832933" spans="14:14">
      <c r="N832933" s="10"/>
    </row>
    <row r="832934" spans="14:14">
      <c r="N832934" s="10"/>
    </row>
    <row r="832935" spans="14:14">
      <c r="N832935" s="10"/>
    </row>
    <row r="832936" spans="14:14">
      <c r="N832936" s="10"/>
    </row>
    <row r="832937" spans="14:14">
      <c r="N832937" s="10"/>
    </row>
    <row r="832938" spans="14:14">
      <c r="N832938" s="10"/>
    </row>
    <row r="832939" spans="14:14">
      <c r="N832939" s="10"/>
    </row>
    <row r="832940" spans="14:14">
      <c r="N832940" s="10"/>
    </row>
    <row r="832941" spans="14:14">
      <c r="N832941" s="10"/>
    </row>
    <row r="832942" spans="14:14">
      <c r="N832942" s="10"/>
    </row>
    <row r="832943" spans="14:14">
      <c r="N832943" s="10"/>
    </row>
    <row r="832944" spans="14:14">
      <c r="N832944" s="10"/>
    </row>
    <row r="832945" spans="14:14">
      <c r="N832945" s="10"/>
    </row>
    <row r="832946" spans="14:14">
      <c r="N832946" s="10"/>
    </row>
    <row r="832947" spans="14:14">
      <c r="N832947" s="10"/>
    </row>
    <row r="832948" spans="14:14">
      <c r="N832948" s="10"/>
    </row>
    <row r="832949" spans="14:14">
      <c r="N832949" s="10"/>
    </row>
    <row r="832950" spans="14:14">
      <c r="N832950" s="10"/>
    </row>
    <row r="832951" spans="14:14">
      <c r="N832951" s="10"/>
    </row>
    <row r="832952" spans="14:14">
      <c r="N832952" s="10"/>
    </row>
    <row r="832953" spans="14:14">
      <c r="N832953" s="10"/>
    </row>
    <row r="832954" spans="14:14">
      <c r="N832954" s="10"/>
    </row>
    <row r="832955" spans="14:14">
      <c r="N832955" s="10"/>
    </row>
    <row r="832956" spans="14:14">
      <c r="N832956" s="10"/>
    </row>
    <row r="832957" spans="14:14">
      <c r="N832957" s="10"/>
    </row>
    <row r="832958" spans="14:14">
      <c r="N832958" s="10"/>
    </row>
    <row r="832959" spans="14:14">
      <c r="N832959" s="10"/>
    </row>
    <row r="832960" spans="14:14">
      <c r="N832960" s="10"/>
    </row>
    <row r="832961" spans="14:14">
      <c r="N832961" s="10"/>
    </row>
    <row r="832962" spans="14:14">
      <c r="N832962" s="10"/>
    </row>
    <row r="832963" spans="14:14">
      <c r="N832963" s="10"/>
    </row>
    <row r="832964" spans="14:14">
      <c r="N832964" s="10"/>
    </row>
    <row r="832965" spans="14:14">
      <c r="N832965" s="10"/>
    </row>
    <row r="832966" spans="14:14">
      <c r="N832966" s="10"/>
    </row>
    <row r="832967" spans="14:14">
      <c r="N832967" s="10"/>
    </row>
    <row r="832968" spans="14:14">
      <c r="N832968" s="10"/>
    </row>
    <row r="832969" spans="14:14">
      <c r="N832969" s="10"/>
    </row>
    <row r="832970" spans="14:14">
      <c r="N832970" s="10"/>
    </row>
    <row r="832971" spans="14:14">
      <c r="N832971" s="10"/>
    </row>
    <row r="832972" spans="14:14">
      <c r="N832972" s="10"/>
    </row>
    <row r="832973" spans="14:14">
      <c r="N832973" s="10"/>
    </row>
    <row r="832974" spans="14:14">
      <c r="N832974" s="10"/>
    </row>
    <row r="832975" spans="14:14">
      <c r="N832975" s="10"/>
    </row>
    <row r="832976" spans="14:14">
      <c r="N832976" s="10"/>
    </row>
    <row r="832977" spans="14:14">
      <c r="N832977" s="10"/>
    </row>
    <row r="832978" spans="14:14">
      <c r="N832978" s="10"/>
    </row>
    <row r="832979" spans="14:14">
      <c r="N832979" s="10"/>
    </row>
    <row r="832980" spans="14:14">
      <c r="N832980" s="10"/>
    </row>
    <row r="832981" spans="14:14">
      <c r="N832981" s="10"/>
    </row>
    <row r="832982" spans="14:14">
      <c r="N832982" s="10"/>
    </row>
    <row r="832983" spans="14:14">
      <c r="N832983" s="10"/>
    </row>
    <row r="832984" spans="14:14">
      <c r="N832984" s="10"/>
    </row>
    <row r="832985" spans="14:14">
      <c r="N832985" s="10"/>
    </row>
    <row r="832986" spans="14:14">
      <c r="N832986" s="10"/>
    </row>
    <row r="832987" spans="14:14">
      <c r="N832987" s="10"/>
    </row>
    <row r="832988" spans="14:14">
      <c r="N832988" s="10"/>
    </row>
    <row r="832989" spans="14:14">
      <c r="N832989" s="10"/>
    </row>
    <row r="832990" spans="14:14">
      <c r="N832990" s="10"/>
    </row>
    <row r="832991" spans="14:14">
      <c r="N832991" s="10"/>
    </row>
    <row r="832992" spans="14:14">
      <c r="N832992" s="10"/>
    </row>
    <row r="832993" spans="14:14">
      <c r="N832993" s="10"/>
    </row>
    <row r="832994" spans="14:14">
      <c r="N832994" s="10"/>
    </row>
    <row r="832995" spans="14:14">
      <c r="N832995" s="10"/>
    </row>
    <row r="832996" spans="14:14">
      <c r="N832996" s="10"/>
    </row>
    <row r="832997" spans="14:14">
      <c r="N832997" s="10"/>
    </row>
    <row r="832998" spans="14:14">
      <c r="N832998" s="10"/>
    </row>
    <row r="832999" spans="14:14">
      <c r="N832999" s="10"/>
    </row>
    <row r="833000" spans="14:14">
      <c r="N833000" s="10"/>
    </row>
    <row r="833001" spans="14:14">
      <c r="N833001" s="10"/>
    </row>
    <row r="833002" spans="14:14">
      <c r="N833002" s="10"/>
    </row>
    <row r="833003" spans="14:14">
      <c r="N833003" s="10"/>
    </row>
    <row r="833004" spans="14:14">
      <c r="N833004" s="10"/>
    </row>
    <row r="833005" spans="14:14">
      <c r="N833005" s="10"/>
    </row>
    <row r="833006" spans="14:14">
      <c r="N833006" s="10"/>
    </row>
    <row r="833007" spans="14:14">
      <c r="N833007" s="10"/>
    </row>
    <row r="833008" spans="14:14">
      <c r="N833008" s="10"/>
    </row>
    <row r="833009" spans="14:14">
      <c r="N833009" s="10"/>
    </row>
    <row r="833010" spans="14:14">
      <c r="N833010" s="10"/>
    </row>
    <row r="833011" spans="14:14">
      <c r="N833011" s="10"/>
    </row>
    <row r="833012" spans="14:14">
      <c r="N833012" s="10"/>
    </row>
    <row r="833013" spans="14:14">
      <c r="N833013" s="10"/>
    </row>
    <row r="833014" spans="14:14">
      <c r="N833014" s="10"/>
    </row>
    <row r="833015" spans="14:14">
      <c r="N833015" s="10"/>
    </row>
    <row r="833016" spans="14:14">
      <c r="N833016" s="10"/>
    </row>
    <row r="833017" spans="14:14">
      <c r="N833017" s="10"/>
    </row>
    <row r="833018" spans="14:14">
      <c r="N833018" s="10"/>
    </row>
    <row r="833019" spans="14:14">
      <c r="N833019" s="10"/>
    </row>
    <row r="833020" spans="14:14">
      <c r="N833020" s="10"/>
    </row>
    <row r="833021" spans="14:14">
      <c r="N833021" s="10"/>
    </row>
    <row r="833022" spans="14:14">
      <c r="N833022" s="10"/>
    </row>
    <row r="833023" spans="14:14">
      <c r="N833023" s="10"/>
    </row>
    <row r="833024" spans="14:14">
      <c r="N833024" s="10"/>
    </row>
    <row r="833025" spans="14:14">
      <c r="N833025" s="10"/>
    </row>
    <row r="833026" spans="14:14">
      <c r="N833026" s="10"/>
    </row>
    <row r="833027" spans="14:14">
      <c r="N833027" s="10"/>
    </row>
    <row r="833028" spans="14:14">
      <c r="N833028" s="10"/>
    </row>
    <row r="833029" spans="14:14">
      <c r="N833029" s="10"/>
    </row>
    <row r="833030" spans="14:14">
      <c r="N833030" s="10"/>
    </row>
    <row r="833031" spans="14:14">
      <c r="N833031" s="10"/>
    </row>
    <row r="833032" spans="14:14">
      <c r="N833032" s="10"/>
    </row>
    <row r="833033" spans="14:14">
      <c r="N833033" s="10"/>
    </row>
    <row r="833034" spans="14:14">
      <c r="N833034" s="10"/>
    </row>
    <row r="833035" spans="14:14">
      <c r="N833035" s="10"/>
    </row>
    <row r="833036" spans="14:14">
      <c r="N833036" s="10"/>
    </row>
    <row r="833037" spans="14:14">
      <c r="N833037" s="10"/>
    </row>
    <row r="833038" spans="14:14">
      <c r="N833038" s="10"/>
    </row>
    <row r="833039" spans="14:14">
      <c r="N833039" s="10"/>
    </row>
    <row r="833040" spans="14:14">
      <c r="N833040" s="10"/>
    </row>
    <row r="833041" spans="14:14">
      <c r="N833041" s="10"/>
    </row>
    <row r="833042" spans="14:14">
      <c r="N833042" s="10"/>
    </row>
    <row r="833043" spans="14:14">
      <c r="N833043" s="10"/>
    </row>
    <row r="833044" spans="14:14">
      <c r="N833044" s="10"/>
    </row>
    <row r="833045" spans="14:14">
      <c r="N833045" s="10"/>
    </row>
    <row r="833046" spans="14:14">
      <c r="N833046" s="10"/>
    </row>
    <row r="833047" spans="14:14">
      <c r="N833047" s="10"/>
    </row>
    <row r="833048" spans="14:14">
      <c r="N833048" s="10"/>
    </row>
    <row r="833049" spans="14:14">
      <c r="N833049" s="10"/>
    </row>
    <row r="833050" spans="14:14">
      <c r="N833050" s="10"/>
    </row>
    <row r="833051" spans="14:14">
      <c r="N833051" s="10"/>
    </row>
    <row r="833052" spans="14:14">
      <c r="N833052" s="10"/>
    </row>
    <row r="833053" spans="14:14">
      <c r="N833053" s="10"/>
    </row>
    <row r="833054" spans="14:14">
      <c r="N833054" s="10"/>
    </row>
    <row r="833055" spans="14:14">
      <c r="N833055" s="10"/>
    </row>
    <row r="833056" spans="14:14">
      <c r="N833056" s="10"/>
    </row>
    <row r="833057" spans="14:14">
      <c r="N833057" s="10"/>
    </row>
    <row r="833058" spans="14:14">
      <c r="N833058" s="10"/>
    </row>
    <row r="833059" spans="14:14">
      <c r="N833059" s="10"/>
    </row>
    <row r="833060" spans="14:14">
      <c r="N833060" s="10"/>
    </row>
    <row r="833061" spans="14:14">
      <c r="N833061" s="10"/>
    </row>
    <row r="833062" spans="14:14">
      <c r="N833062" s="10"/>
    </row>
    <row r="833063" spans="14:14">
      <c r="N833063" s="10"/>
    </row>
    <row r="833064" spans="14:14">
      <c r="N833064" s="10"/>
    </row>
    <row r="833065" spans="14:14">
      <c r="N833065" s="10"/>
    </row>
    <row r="833066" spans="14:14">
      <c r="N833066" s="10"/>
    </row>
    <row r="833067" spans="14:14">
      <c r="N833067" s="10"/>
    </row>
    <row r="833068" spans="14:14">
      <c r="N833068" s="10"/>
    </row>
    <row r="833069" spans="14:14">
      <c r="N833069" s="10"/>
    </row>
    <row r="833070" spans="14:14">
      <c r="N833070" s="10"/>
    </row>
    <row r="833071" spans="14:14">
      <c r="N833071" s="10"/>
    </row>
    <row r="833072" spans="14:14">
      <c r="N833072" s="10"/>
    </row>
    <row r="833073" spans="14:14">
      <c r="N833073" s="10"/>
    </row>
    <row r="833074" spans="14:14">
      <c r="N833074" s="10"/>
    </row>
    <row r="833075" spans="14:14">
      <c r="N833075" s="10"/>
    </row>
    <row r="833076" spans="14:14">
      <c r="N833076" s="10"/>
    </row>
    <row r="833077" spans="14:14">
      <c r="N833077" s="10"/>
    </row>
    <row r="833078" spans="14:14">
      <c r="N833078" s="10"/>
    </row>
    <row r="833079" spans="14:14">
      <c r="N833079" s="10"/>
    </row>
    <row r="833080" spans="14:14">
      <c r="N833080" s="10"/>
    </row>
    <row r="833081" spans="14:14">
      <c r="N833081" s="10"/>
    </row>
    <row r="833082" spans="14:14">
      <c r="N833082" s="10"/>
    </row>
    <row r="833083" spans="14:14">
      <c r="N833083" s="10"/>
    </row>
    <row r="833084" spans="14:14">
      <c r="N833084" s="10"/>
    </row>
    <row r="833085" spans="14:14">
      <c r="N833085" s="10"/>
    </row>
    <row r="833086" spans="14:14">
      <c r="N833086" s="10"/>
    </row>
    <row r="833087" spans="14:14">
      <c r="N833087" s="10"/>
    </row>
    <row r="833088" spans="14:14">
      <c r="N833088" s="10"/>
    </row>
    <row r="833089" spans="14:14">
      <c r="N833089" s="10"/>
    </row>
    <row r="833090" spans="14:14">
      <c r="N833090" s="10"/>
    </row>
    <row r="833091" spans="14:14">
      <c r="N833091" s="10"/>
    </row>
    <row r="833092" spans="14:14">
      <c r="N833092" s="10"/>
    </row>
    <row r="833093" spans="14:14">
      <c r="N833093" s="10"/>
    </row>
    <row r="833094" spans="14:14">
      <c r="N833094" s="10"/>
    </row>
    <row r="833095" spans="14:14">
      <c r="N833095" s="10"/>
    </row>
    <row r="833096" spans="14:14">
      <c r="N833096" s="10"/>
    </row>
    <row r="833097" spans="14:14">
      <c r="N833097" s="10"/>
    </row>
    <row r="833098" spans="14:14">
      <c r="N833098" s="10"/>
    </row>
    <row r="833099" spans="14:14">
      <c r="N833099" s="10"/>
    </row>
    <row r="833100" spans="14:14">
      <c r="N833100" s="10"/>
    </row>
    <row r="833101" spans="14:14">
      <c r="N833101" s="10"/>
    </row>
    <row r="833102" spans="14:14">
      <c r="N833102" s="10"/>
    </row>
    <row r="833103" spans="14:14">
      <c r="N833103" s="10"/>
    </row>
    <row r="833104" spans="14:14">
      <c r="N833104" s="10"/>
    </row>
    <row r="833105" spans="14:14">
      <c r="N833105" s="10"/>
    </row>
    <row r="833106" spans="14:14">
      <c r="N833106" s="10"/>
    </row>
    <row r="833107" spans="14:14">
      <c r="N833107" s="10"/>
    </row>
    <row r="833108" spans="14:14">
      <c r="N833108" s="10"/>
    </row>
    <row r="833109" spans="14:14">
      <c r="N833109" s="10"/>
    </row>
    <row r="833110" spans="14:14">
      <c r="N833110" s="10"/>
    </row>
    <row r="833111" spans="14:14">
      <c r="N833111" s="10"/>
    </row>
    <row r="833112" spans="14:14">
      <c r="N833112" s="10"/>
    </row>
    <row r="833113" spans="14:14">
      <c r="N833113" s="10"/>
    </row>
    <row r="833114" spans="14:14">
      <c r="N833114" s="10"/>
    </row>
    <row r="833115" spans="14:14">
      <c r="N833115" s="10"/>
    </row>
    <row r="833116" spans="14:14">
      <c r="N833116" s="10"/>
    </row>
    <row r="833117" spans="14:14">
      <c r="N833117" s="10"/>
    </row>
    <row r="833118" spans="14:14">
      <c r="N833118" s="10"/>
    </row>
    <row r="833119" spans="14:14">
      <c r="N833119" s="10"/>
    </row>
    <row r="833120" spans="14:14">
      <c r="N833120" s="10"/>
    </row>
    <row r="833121" spans="14:14">
      <c r="N833121" s="10"/>
    </row>
    <row r="833122" spans="14:14">
      <c r="N833122" s="10"/>
    </row>
    <row r="833123" spans="14:14">
      <c r="N833123" s="10"/>
    </row>
    <row r="833124" spans="14:14">
      <c r="N833124" s="10"/>
    </row>
    <row r="833125" spans="14:14">
      <c r="N833125" s="10"/>
    </row>
    <row r="833126" spans="14:14">
      <c r="N833126" s="10"/>
    </row>
    <row r="833127" spans="14:14">
      <c r="N833127" s="10"/>
    </row>
    <row r="833128" spans="14:14">
      <c r="N833128" s="10"/>
    </row>
    <row r="833129" spans="14:14">
      <c r="N833129" s="10"/>
    </row>
    <row r="833130" spans="14:14">
      <c r="N833130" s="10"/>
    </row>
    <row r="833131" spans="14:14">
      <c r="N833131" s="10"/>
    </row>
    <row r="833132" spans="14:14">
      <c r="N833132" s="10"/>
    </row>
    <row r="833133" spans="14:14">
      <c r="N833133" s="10"/>
    </row>
    <row r="833134" spans="14:14">
      <c r="N833134" s="10"/>
    </row>
    <row r="833135" spans="14:14">
      <c r="N833135" s="10"/>
    </row>
    <row r="833136" spans="14:14">
      <c r="N833136" s="10"/>
    </row>
    <row r="833137" spans="14:14">
      <c r="N833137" s="10"/>
    </row>
    <row r="833138" spans="14:14">
      <c r="N833138" s="10"/>
    </row>
    <row r="833139" spans="14:14">
      <c r="N833139" s="10"/>
    </row>
    <row r="833140" spans="14:14">
      <c r="N833140" s="10"/>
    </row>
    <row r="833141" spans="14:14">
      <c r="N833141" s="10"/>
    </row>
    <row r="833142" spans="14:14">
      <c r="N833142" s="10"/>
    </row>
    <row r="833143" spans="14:14">
      <c r="N833143" s="10"/>
    </row>
    <row r="833144" spans="14:14">
      <c r="N833144" s="10"/>
    </row>
    <row r="833145" spans="14:14">
      <c r="N833145" s="10"/>
    </row>
    <row r="833146" spans="14:14">
      <c r="N833146" s="10"/>
    </row>
    <row r="833147" spans="14:14">
      <c r="N833147" s="10"/>
    </row>
    <row r="833148" spans="14:14">
      <c r="N833148" s="10"/>
    </row>
    <row r="833149" spans="14:14">
      <c r="N833149" s="10"/>
    </row>
    <row r="833150" spans="14:14">
      <c r="N833150" s="10"/>
    </row>
    <row r="833151" spans="14:14">
      <c r="N833151" s="10"/>
    </row>
    <row r="833152" spans="14:14">
      <c r="N833152" s="10"/>
    </row>
    <row r="833153" spans="14:14">
      <c r="N833153" s="10"/>
    </row>
    <row r="833154" spans="14:14">
      <c r="N833154" s="10"/>
    </row>
    <row r="833155" spans="14:14">
      <c r="N833155" s="10"/>
    </row>
    <row r="833156" spans="14:14">
      <c r="N833156" s="10"/>
    </row>
    <row r="833157" spans="14:14">
      <c r="N833157" s="10"/>
    </row>
    <row r="833158" spans="14:14">
      <c r="N833158" s="10"/>
    </row>
    <row r="833159" spans="14:14">
      <c r="N833159" s="10"/>
    </row>
    <row r="833160" spans="14:14">
      <c r="N833160" s="10"/>
    </row>
    <row r="833161" spans="14:14">
      <c r="N833161" s="10"/>
    </row>
    <row r="833162" spans="14:14">
      <c r="N833162" s="10"/>
    </row>
    <row r="833163" spans="14:14">
      <c r="N833163" s="10"/>
    </row>
    <row r="833164" spans="14:14">
      <c r="N833164" s="10"/>
    </row>
    <row r="833165" spans="14:14">
      <c r="N833165" s="10"/>
    </row>
    <row r="833166" spans="14:14">
      <c r="N833166" s="10"/>
    </row>
    <row r="833167" spans="14:14">
      <c r="N833167" s="10"/>
    </row>
    <row r="833168" spans="14:14">
      <c r="N833168" s="10"/>
    </row>
    <row r="833169" spans="14:14">
      <c r="N833169" s="10"/>
    </row>
    <row r="833170" spans="14:14">
      <c r="N833170" s="10"/>
    </row>
    <row r="833171" spans="14:14">
      <c r="N833171" s="10"/>
    </row>
    <row r="833172" spans="14:14">
      <c r="N833172" s="10"/>
    </row>
    <row r="833173" spans="14:14">
      <c r="N833173" s="10"/>
    </row>
    <row r="833174" spans="14:14">
      <c r="N833174" s="10"/>
    </row>
    <row r="833175" spans="14:14">
      <c r="N833175" s="10"/>
    </row>
    <row r="833176" spans="14:14">
      <c r="N833176" s="10"/>
    </row>
    <row r="833177" spans="14:14">
      <c r="N833177" s="10"/>
    </row>
    <row r="833178" spans="14:14">
      <c r="N833178" s="10"/>
    </row>
    <row r="833179" spans="14:14">
      <c r="N833179" s="10"/>
    </row>
    <row r="833180" spans="14:14">
      <c r="N833180" s="10"/>
    </row>
    <row r="833181" spans="14:14">
      <c r="N833181" s="10"/>
    </row>
    <row r="833182" spans="14:14">
      <c r="N833182" s="10"/>
    </row>
    <row r="833183" spans="14:14">
      <c r="N833183" s="10"/>
    </row>
    <row r="833184" spans="14:14">
      <c r="N833184" s="10"/>
    </row>
    <row r="833185" spans="14:14">
      <c r="N833185" s="10"/>
    </row>
    <row r="833186" spans="14:14">
      <c r="N833186" s="10"/>
    </row>
    <row r="833187" spans="14:14">
      <c r="N833187" s="10"/>
    </row>
    <row r="833188" spans="14:14">
      <c r="N833188" s="10"/>
    </row>
    <row r="833189" spans="14:14">
      <c r="N833189" s="10"/>
    </row>
    <row r="833190" spans="14:14">
      <c r="N833190" s="10"/>
    </row>
    <row r="833191" spans="14:14">
      <c r="N833191" s="10"/>
    </row>
    <row r="833192" spans="14:14">
      <c r="N833192" s="10"/>
    </row>
    <row r="833193" spans="14:14">
      <c r="N833193" s="10"/>
    </row>
    <row r="833194" spans="14:14">
      <c r="N833194" s="10"/>
    </row>
    <row r="833195" spans="14:14">
      <c r="N833195" s="10"/>
    </row>
    <row r="833196" spans="14:14">
      <c r="N833196" s="10"/>
    </row>
    <row r="833197" spans="14:14">
      <c r="N833197" s="10"/>
    </row>
    <row r="833198" spans="14:14">
      <c r="N833198" s="10"/>
    </row>
    <row r="833199" spans="14:14">
      <c r="N833199" s="10"/>
    </row>
    <row r="833200" spans="14:14">
      <c r="N833200" s="10"/>
    </row>
    <row r="833201" spans="14:14">
      <c r="N833201" s="10"/>
    </row>
    <row r="833202" spans="14:14">
      <c r="N833202" s="10"/>
    </row>
    <row r="833203" spans="14:14">
      <c r="N833203" s="10"/>
    </row>
    <row r="833204" spans="14:14">
      <c r="N833204" s="10"/>
    </row>
    <row r="833205" spans="14:14">
      <c r="N833205" s="10"/>
    </row>
    <row r="833206" spans="14:14">
      <c r="N833206" s="10"/>
    </row>
    <row r="833207" spans="14:14">
      <c r="N833207" s="10"/>
    </row>
    <row r="833208" spans="14:14">
      <c r="N833208" s="10"/>
    </row>
    <row r="833209" spans="14:14">
      <c r="N833209" s="10"/>
    </row>
    <row r="833210" spans="14:14">
      <c r="N833210" s="10"/>
    </row>
    <row r="833211" spans="14:14">
      <c r="N833211" s="10"/>
    </row>
    <row r="833212" spans="14:14">
      <c r="N833212" s="10"/>
    </row>
    <row r="833213" spans="14:14">
      <c r="N833213" s="10"/>
    </row>
    <row r="833214" spans="14:14">
      <c r="N833214" s="10"/>
    </row>
    <row r="833215" spans="14:14">
      <c r="N833215" s="10"/>
    </row>
    <row r="833216" spans="14:14">
      <c r="N833216" s="10"/>
    </row>
    <row r="833217" spans="14:14">
      <c r="N833217" s="10"/>
    </row>
    <row r="833218" spans="14:14">
      <c r="N833218" s="10"/>
    </row>
    <row r="833219" spans="14:14">
      <c r="N833219" s="10"/>
    </row>
    <row r="833220" spans="14:14">
      <c r="N833220" s="10"/>
    </row>
    <row r="833221" spans="14:14">
      <c r="N833221" s="10"/>
    </row>
    <row r="833222" spans="14:14">
      <c r="N833222" s="10"/>
    </row>
    <row r="833223" spans="14:14">
      <c r="N833223" s="10"/>
    </row>
    <row r="833224" spans="14:14">
      <c r="N833224" s="10"/>
    </row>
    <row r="833225" spans="14:14">
      <c r="N833225" s="10"/>
    </row>
    <row r="833226" spans="14:14">
      <c r="N833226" s="10"/>
    </row>
    <row r="833227" spans="14:14">
      <c r="N833227" s="10"/>
    </row>
    <row r="833228" spans="14:14">
      <c r="N833228" s="10"/>
    </row>
    <row r="833229" spans="14:14">
      <c r="N833229" s="10"/>
    </row>
    <row r="833230" spans="14:14">
      <c r="N833230" s="10"/>
    </row>
    <row r="833231" spans="14:14">
      <c r="N833231" s="10"/>
    </row>
    <row r="833232" spans="14:14">
      <c r="N833232" s="10"/>
    </row>
    <row r="833233" spans="14:14">
      <c r="N833233" s="10"/>
    </row>
    <row r="833234" spans="14:14">
      <c r="N833234" s="10"/>
    </row>
    <row r="833235" spans="14:14">
      <c r="N833235" s="10"/>
    </row>
    <row r="833236" spans="14:14">
      <c r="N833236" s="10"/>
    </row>
    <row r="833237" spans="14:14">
      <c r="N833237" s="10"/>
    </row>
    <row r="833238" spans="14:14">
      <c r="N833238" s="10"/>
    </row>
    <row r="833239" spans="14:14">
      <c r="N833239" s="10"/>
    </row>
    <row r="833240" spans="14:14">
      <c r="N833240" s="10"/>
    </row>
    <row r="833241" spans="14:14">
      <c r="N833241" s="10"/>
    </row>
    <row r="833242" spans="14:14">
      <c r="N833242" s="10"/>
    </row>
    <row r="833243" spans="14:14">
      <c r="N833243" s="10"/>
    </row>
    <row r="833244" spans="14:14">
      <c r="N833244" s="10"/>
    </row>
    <row r="833245" spans="14:14">
      <c r="N833245" s="10"/>
    </row>
    <row r="833246" spans="14:14">
      <c r="N833246" s="10"/>
    </row>
    <row r="833247" spans="14:14">
      <c r="N833247" s="10"/>
    </row>
    <row r="833248" spans="14:14">
      <c r="N833248" s="10"/>
    </row>
    <row r="833249" spans="14:14">
      <c r="N833249" s="10"/>
    </row>
    <row r="833250" spans="14:14">
      <c r="N833250" s="10"/>
    </row>
    <row r="833251" spans="14:14">
      <c r="N833251" s="10"/>
    </row>
    <row r="833252" spans="14:14">
      <c r="N833252" s="10"/>
    </row>
    <row r="833253" spans="14:14">
      <c r="N833253" s="10"/>
    </row>
    <row r="833254" spans="14:14">
      <c r="N833254" s="10"/>
    </row>
    <row r="833255" spans="14:14">
      <c r="N833255" s="10"/>
    </row>
    <row r="833256" spans="14:14">
      <c r="N833256" s="10"/>
    </row>
    <row r="833257" spans="14:14">
      <c r="N833257" s="10"/>
    </row>
    <row r="833258" spans="14:14">
      <c r="N833258" s="10"/>
    </row>
    <row r="833259" spans="14:14">
      <c r="N833259" s="10"/>
    </row>
    <row r="833260" spans="14:14">
      <c r="N833260" s="10"/>
    </row>
    <row r="833261" spans="14:14">
      <c r="N833261" s="10"/>
    </row>
    <row r="833262" spans="14:14">
      <c r="N833262" s="10"/>
    </row>
    <row r="833263" spans="14:14">
      <c r="N833263" s="10"/>
    </row>
    <row r="833264" spans="14:14">
      <c r="N833264" s="10"/>
    </row>
    <row r="833265" spans="14:14">
      <c r="N833265" s="10"/>
    </row>
    <row r="833266" spans="14:14">
      <c r="N833266" s="10"/>
    </row>
    <row r="833267" spans="14:14">
      <c r="N833267" s="10"/>
    </row>
    <row r="833268" spans="14:14">
      <c r="N833268" s="10"/>
    </row>
    <row r="833269" spans="14:14">
      <c r="N833269" s="10"/>
    </row>
    <row r="833270" spans="14:14">
      <c r="N833270" s="10"/>
    </row>
    <row r="833271" spans="14:14">
      <c r="N833271" s="10"/>
    </row>
    <row r="833272" spans="14:14">
      <c r="N833272" s="10"/>
    </row>
    <row r="833273" spans="14:14">
      <c r="N833273" s="10"/>
    </row>
    <row r="833274" spans="14:14">
      <c r="N833274" s="10"/>
    </row>
    <row r="833275" spans="14:14">
      <c r="N833275" s="10"/>
    </row>
    <row r="833276" spans="14:14">
      <c r="N833276" s="10"/>
    </row>
    <row r="833277" spans="14:14">
      <c r="N833277" s="10"/>
    </row>
    <row r="833278" spans="14:14">
      <c r="N833278" s="10"/>
    </row>
    <row r="833279" spans="14:14">
      <c r="N833279" s="10"/>
    </row>
    <row r="833280" spans="14:14">
      <c r="N833280" s="10"/>
    </row>
    <row r="833281" spans="14:14">
      <c r="N833281" s="10"/>
    </row>
    <row r="833282" spans="14:14">
      <c r="N833282" s="10"/>
    </row>
    <row r="833283" spans="14:14">
      <c r="N833283" s="10"/>
    </row>
    <row r="833284" spans="14:14">
      <c r="N833284" s="10"/>
    </row>
    <row r="833285" spans="14:14">
      <c r="N833285" s="10"/>
    </row>
    <row r="833286" spans="14:14">
      <c r="N833286" s="10"/>
    </row>
    <row r="833287" spans="14:14">
      <c r="N833287" s="10"/>
    </row>
    <row r="833288" spans="14:14">
      <c r="N833288" s="10"/>
    </row>
    <row r="833289" spans="14:14">
      <c r="N833289" s="10"/>
    </row>
    <row r="833290" spans="14:14">
      <c r="N833290" s="10"/>
    </row>
    <row r="833291" spans="14:14">
      <c r="N833291" s="10"/>
    </row>
    <row r="833292" spans="14:14">
      <c r="N833292" s="10"/>
    </row>
    <row r="833293" spans="14:14">
      <c r="N833293" s="10"/>
    </row>
    <row r="833294" spans="14:14">
      <c r="N833294" s="10"/>
    </row>
    <row r="833295" spans="14:14">
      <c r="N833295" s="10"/>
    </row>
    <row r="833296" spans="14:14">
      <c r="N833296" s="10"/>
    </row>
    <row r="833297" spans="14:14">
      <c r="N833297" s="10"/>
    </row>
    <row r="833298" spans="14:14">
      <c r="N833298" s="10"/>
    </row>
    <row r="833299" spans="14:14">
      <c r="N833299" s="10"/>
    </row>
    <row r="833300" spans="14:14">
      <c r="N833300" s="10"/>
    </row>
    <row r="833301" spans="14:14">
      <c r="N833301" s="10"/>
    </row>
    <row r="833302" spans="14:14">
      <c r="N833302" s="10"/>
    </row>
    <row r="833303" spans="14:14">
      <c r="N833303" s="10"/>
    </row>
    <row r="833304" spans="14:14">
      <c r="N833304" s="10"/>
    </row>
    <row r="833305" spans="14:14">
      <c r="N833305" s="10"/>
    </row>
    <row r="833306" spans="14:14">
      <c r="N833306" s="10"/>
    </row>
    <row r="833307" spans="14:14">
      <c r="N833307" s="10"/>
    </row>
    <row r="833308" spans="14:14">
      <c r="N833308" s="10"/>
    </row>
    <row r="833309" spans="14:14">
      <c r="N833309" s="10"/>
    </row>
    <row r="833310" spans="14:14">
      <c r="N833310" s="10"/>
    </row>
    <row r="833311" spans="14:14">
      <c r="N833311" s="10"/>
    </row>
    <row r="833312" spans="14:14">
      <c r="N833312" s="10"/>
    </row>
    <row r="833313" spans="14:14">
      <c r="N833313" s="10"/>
    </row>
    <row r="833314" spans="14:14">
      <c r="N833314" s="10"/>
    </row>
    <row r="833315" spans="14:14">
      <c r="N833315" s="10"/>
    </row>
    <row r="833316" spans="14:14">
      <c r="N833316" s="10"/>
    </row>
    <row r="833317" spans="14:14">
      <c r="N833317" s="10"/>
    </row>
    <row r="833318" spans="14:14">
      <c r="N833318" s="10"/>
    </row>
    <row r="833319" spans="14:14">
      <c r="N833319" s="10"/>
    </row>
    <row r="833320" spans="14:14">
      <c r="N833320" s="10"/>
    </row>
    <row r="833321" spans="14:14">
      <c r="N833321" s="10"/>
    </row>
    <row r="833322" spans="14:14">
      <c r="N833322" s="10"/>
    </row>
    <row r="833323" spans="14:14">
      <c r="N833323" s="10"/>
    </row>
    <row r="833324" spans="14:14">
      <c r="N833324" s="10"/>
    </row>
    <row r="833325" spans="14:14">
      <c r="N833325" s="10"/>
    </row>
    <row r="833326" spans="14:14">
      <c r="N833326" s="10"/>
    </row>
    <row r="833327" spans="14:14">
      <c r="N833327" s="10"/>
    </row>
    <row r="833328" spans="14:14">
      <c r="N833328" s="10"/>
    </row>
    <row r="833329" spans="14:14">
      <c r="N833329" s="10"/>
    </row>
    <row r="833330" spans="14:14">
      <c r="N833330" s="10"/>
    </row>
    <row r="833331" spans="14:14">
      <c r="N833331" s="10"/>
    </row>
    <row r="833332" spans="14:14">
      <c r="N833332" s="10"/>
    </row>
    <row r="833333" spans="14:14">
      <c r="N833333" s="10"/>
    </row>
    <row r="833334" spans="14:14">
      <c r="N833334" s="10"/>
    </row>
    <row r="833335" spans="14:14">
      <c r="N833335" s="10"/>
    </row>
    <row r="833336" spans="14:14">
      <c r="N833336" s="10"/>
    </row>
    <row r="833337" spans="14:14">
      <c r="N833337" s="10"/>
    </row>
    <row r="833338" spans="14:14">
      <c r="N833338" s="10"/>
    </row>
    <row r="833339" spans="14:14">
      <c r="N833339" s="10"/>
    </row>
    <row r="833340" spans="14:14">
      <c r="N833340" s="10"/>
    </row>
    <row r="833341" spans="14:14">
      <c r="N833341" s="10"/>
    </row>
    <row r="833342" spans="14:14">
      <c r="N833342" s="10"/>
    </row>
    <row r="833343" spans="14:14">
      <c r="N833343" s="10"/>
    </row>
    <row r="833344" spans="14:14">
      <c r="N833344" s="10"/>
    </row>
    <row r="833345" spans="14:14">
      <c r="N833345" s="10"/>
    </row>
    <row r="833346" spans="14:14">
      <c r="N833346" s="10"/>
    </row>
    <row r="833347" spans="14:14">
      <c r="N833347" s="10"/>
    </row>
    <row r="833348" spans="14:14">
      <c r="N833348" s="10"/>
    </row>
    <row r="833349" spans="14:14">
      <c r="N833349" s="10"/>
    </row>
    <row r="833350" spans="14:14">
      <c r="N833350" s="10"/>
    </row>
    <row r="833351" spans="14:14">
      <c r="N833351" s="10"/>
    </row>
    <row r="833352" spans="14:14">
      <c r="N833352" s="10"/>
    </row>
    <row r="833353" spans="14:14">
      <c r="N833353" s="10"/>
    </row>
    <row r="833354" spans="14:14">
      <c r="N833354" s="10"/>
    </row>
    <row r="833355" spans="14:14">
      <c r="N833355" s="10"/>
    </row>
    <row r="833356" spans="14:14">
      <c r="N833356" s="10"/>
    </row>
    <row r="833357" spans="14:14">
      <c r="N833357" s="10"/>
    </row>
    <row r="833358" spans="14:14">
      <c r="N833358" s="10"/>
    </row>
    <row r="833359" spans="14:14">
      <c r="N833359" s="10"/>
    </row>
    <row r="833360" spans="14:14">
      <c r="N833360" s="10"/>
    </row>
    <row r="833361" spans="14:14">
      <c r="N833361" s="10"/>
    </row>
    <row r="833362" spans="14:14">
      <c r="N833362" s="10"/>
    </row>
    <row r="833363" spans="14:14">
      <c r="N833363" s="10"/>
    </row>
    <row r="833364" spans="14:14">
      <c r="N833364" s="10"/>
    </row>
    <row r="833365" spans="14:14">
      <c r="N833365" s="10"/>
    </row>
    <row r="833366" spans="14:14">
      <c r="N833366" s="10"/>
    </row>
    <row r="833367" spans="14:14">
      <c r="N833367" s="10"/>
    </row>
    <row r="833368" spans="14:14">
      <c r="N833368" s="10"/>
    </row>
    <row r="833369" spans="14:14">
      <c r="N833369" s="10"/>
    </row>
    <row r="833370" spans="14:14">
      <c r="N833370" s="10"/>
    </row>
    <row r="833371" spans="14:14">
      <c r="N833371" s="10"/>
    </row>
    <row r="833372" spans="14:14">
      <c r="N833372" s="10"/>
    </row>
    <row r="833373" spans="14:14">
      <c r="N833373" s="10"/>
    </row>
    <row r="833374" spans="14:14">
      <c r="N833374" s="10"/>
    </row>
    <row r="833375" spans="14:14">
      <c r="N833375" s="10"/>
    </row>
    <row r="833376" spans="14:14">
      <c r="N833376" s="10"/>
    </row>
    <row r="833377" spans="14:14">
      <c r="N833377" s="10"/>
    </row>
    <row r="833378" spans="14:14">
      <c r="N833378" s="10"/>
    </row>
    <row r="833379" spans="14:14">
      <c r="N833379" s="10"/>
    </row>
    <row r="833380" spans="14:14">
      <c r="N833380" s="10"/>
    </row>
    <row r="833381" spans="14:14">
      <c r="N833381" s="10"/>
    </row>
    <row r="833382" spans="14:14">
      <c r="N833382" s="10"/>
    </row>
    <row r="833383" spans="14:14">
      <c r="N833383" s="10"/>
    </row>
    <row r="833384" spans="14:14">
      <c r="N833384" s="10"/>
    </row>
    <row r="833385" spans="14:14">
      <c r="N833385" s="10"/>
    </row>
    <row r="833386" spans="14:14">
      <c r="N833386" s="10"/>
    </row>
    <row r="833387" spans="14:14">
      <c r="N833387" s="10"/>
    </row>
    <row r="833388" spans="14:14">
      <c r="N833388" s="10"/>
    </row>
    <row r="833389" spans="14:14">
      <c r="N833389" s="10"/>
    </row>
    <row r="833390" spans="14:14">
      <c r="N833390" s="10"/>
    </row>
    <row r="833391" spans="14:14">
      <c r="N833391" s="10"/>
    </row>
    <row r="833392" spans="14:14">
      <c r="N833392" s="10"/>
    </row>
    <row r="833393" spans="14:14">
      <c r="N833393" s="10"/>
    </row>
    <row r="833394" spans="14:14">
      <c r="N833394" s="10"/>
    </row>
    <row r="833395" spans="14:14">
      <c r="N833395" s="10"/>
    </row>
    <row r="833396" spans="14:14">
      <c r="N833396" s="10"/>
    </row>
    <row r="833397" spans="14:14">
      <c r="N833397" s="10"/>
    </row>
    <row r="833398" spans="14:14">
      <c r="N833398" s="10"/>
    </row>
    <row r="833399" spans="14:14">
      <c r="N833399" s="10"/>
    </row>
    <row r="833400" spans="14:14">
      <c r="N833400" s="10"/>
    </row>
    <row r="833401" spans="14:14">
      <c r="N833401" s="10"/>
    </row>
    <row r="833402" spans="14:14">
      <c r="N833402" s="10"/>
    </row>
    <row r="833403" spans="14:14">
      <c r="N833403" s="10"/>
    </row>
    <row r="833404" spans="14:14">
      <c r="N833404" s="10"/>
    </row>
    <row r="833405" spans="14:14">
      <c r="N833405" s="10"/>
    </row>
    <row r="833406" spans="14:14">
      <c r="N833406" s="10"/>
    </row>
    <row r="833407" spans="14:14">
      <c r="N833407" s="10"/>
    </row>
    <row r="833408" spans="14:14">
      <c r="N833408" s="10"/>
    </row>
    <row r="833409" spans="14:14">
      <c r="N833409" s="10"/>
    </row>
    <row r="833410" spans="14:14">
      <c r="N833410" s="10"/>
    </row>
    <row r="833411" spans="14:14">
      <c r="N833411" s="10"/>
    </row>
    <row r="833412" spans="14:14">
      <c r="N833412" s="10"/>
    </row>
    <row r="833413" spans="14:14">
      <c r="N833413" s="10"/>
    </row>
    <row r="833414" spans="14:14">
      <c r="N833414" s="10"/>
    </row>
    <row r="833415" spans="14:14">
      <c r="N833415" s="10"/>
    </row>
    <row r="833416" spans="14:14">
      <c r="N833416" s="10"/>
    </row>
    <row r="833417" spans="14:14">
      <c r="N833417" s="10"/>
    </row>
    <row r="833418" spans="14:14">
      <c r="N833418" s="10"/>
    </row>
    <row r="833419" spans="14:14">
      <c r="N833419" s="10"/>
    </row>
    <row r="833420" spans="14:14">
      <c r="N833420" s="10"/>
    </row>
    <row r="833421" spans="14:14">
      <c r="N833421" s="10"/>
    </row>
    <row r="833422" spans="14:14">
      <c r="N833422" s="10"/>
    </row>
    <row r="833423" spans="14:14">
      <c r="N833423" s="10"/>
    </row>
    <row r="833424" spans="14:14">
      <c r="N833424" s="10"/>
    </row>
    <row r="833425" spans="14:14">
      <c r="N833425" s="10"/>
    </row>
    <row r="833426" spans="14:14">
      <c r="N833426" s="10"/>
    </row>
    <row r="833427" spans="14:14">
      <c r="N833427" s="10"/>
    </row>
    <row r="833428" spans="14:14">
      <c r="N833428" s="10"/>
    </row>
    <row r="833429" spans="14:14">
      <c r="N833429" s="10"/>
    </row>
    <row r="833430" spans="14:14">
      <c r="N833430" s="10"/>
    </row>
    <row r="833431" spans="14:14">
      <c r="N833431" s="10"/>
    </row>
    <row r="833432" spans="14:14">
      <c r="N833432" s="10"/>
    </row>
    <row r="833433" spans="14:14">
      <c r="N833433" s="10"/>
    </row>
    <row r="833434" spans="14:14">
      <c r="N833434" s="10"/>
    </row>
    <row r="833435" spans="14:14">
      <c r="N833435" s="10"/>
    </row>
    <row r="833436" spans="14:14">
      <c r="N833436" s="10"/>
    </row>
    <row r="833437" spans="14:14">
      <c r="N833437" s="10"/>
    </row>
    <row r="833438" spans="14:14">
      <c r="N833438" s="10"/>
    </row>
    <row r="833439" spans="14:14">
      <c r="N833439" s="10"/>
    </row>
    <row r="833440" spans="14:14">
      <c r="N833440" s="10"/>
    </row>
    <row r="833441" spans="14:14">
      <c r="N833441" s="10"/>
    </row>
    <row r="833442" spans="14:14">
      <c r="N833442" s="10"/>
    </row>
    <row r="833443" spans="14:14">
      <c r="N833443" s="10"/>
    </row>
    <row r="833444" spans="14:14">
      <c r="N833444" s="10"/>
    </row>
    <row r="833445" spans="14:14">
      <c r="N833445" s="10"/>
    </row>
    <row r="833446" spans="14:14">
      <c r="N833446" s="10"/>
    </row>
    <row r="833447" spans="14:14">
      <c r="N833447" s="10"/>
    </row>
    <row r="833448" spans="14:14">
      <c r="N833448" s="10"/>
    </row>
    <row r="833449" spans="14:14">
      <c r="N833449" s="10"/>
    </row>
    <row r="833450" spans="14:14">
      <c r="N833450" s="10"/>
    </row>
    <row r="833451" spans="14:14">
      <c r="N833451" s="10"/>
    </row>
    <row r="833452" spans="14:14">
      <c r="N833452" s="10"/>
    </row>
    <row r="833453" spans="14:14">
      <c r="N833453" s="10"/>
    </row>
    <row r="833454" spans="14:14">
      <c r="N833454" s="10"/>
    </row>
    <row r="833455" spans="14:14">
      <c r="N833455" s="10"/>
    </row>
    <row r="833456" spans="14:14">
      <c r="N833456" s="10"/>
    </row>
    <row r="833457" spans="14:14">
      <c r="N833457" s="10"/>
    </row>
    <row r="833458" spans="14:14">
      <c r="N833458" s="10"/>
    </row>
    <row r="833459" spans="14:14">
      <c r="N833459" s="10"/>
    </row>
    <row r="833460" spans="14:14">
      <c r="N833460" s="10"/>
    </row>
    <row r="833461" spans="14:14">
      <c r="N833461" s="10"/>
    </row>
    <row r="833462" spans="14:14">
      <c r="N833462" s="10"/>
    </row>
    <row r="833463" spans="14:14">
      <c r="N833463" s="10"/>
    </row>
    <row r="833464" spans="14:14">
      <c r="N833464" s="10"/>
    </row>
    <row r="833465" spans="14:14">
      <c r="N833465" s="10"/>
    </row>
    <row r="833466" spans="14:14">
      <c r="N833466" s="10"/>
    </row>
    <row r="833467" spans="14:14">
      <c r="N833467" s="10"/>
    </row>
    <row r="833468" spans="14:14">
      <c r="N833468" s="10"/>
    </row>
    <row r="833469" spans="14:14">
      <c r="N833469" s="10"/>
    </row>
    <row r="833470" spans="14:14">
      <c r="N833470" s="10"/>
    </row>
    <row r="833471" spans="14:14">
      <c r="N833471" s="10"/>
    </row>
    <row r="833472" spans="14:14">
      <c r="N833472" s="10"/>
    </row>
    <row r="833473" spans="14:14">
      <c r="N833473" s="10"/>
    </row>
    <row r="833474" spans="14:14">
      <c r="N833474" s="10"/>
    </row>
    <row r="833475" spans="14:14">
      <c r="N833475" s="10"/>
    </row>
    <row r="833476" spans="14:14">
      <c r="N833476" s="10"/>
    </row>
    <row r="833477" spans="14:14">
      <c r="N833477" s="10"/>
    </row>
    <row r="833478" spans="14:14">
      <c r="N833478" s="10"/>
    </row>
    <row r="833479" spans="14:14">
      <c r="N833479" s="10"/>
    </row>
    <row r="833480" spans="14:14">
      <c r="N833480" s="10"/>
    </row>
    <row r="833481" spans="14:14">
      <c r="N833481" s="10"/>
    </row>
    <row r="833482" spans="14:14">
      <c r="N833482" s="10"/>
    </row>
    <row r="833483" spans="14:14">
      <c r="N833483" s="10"/>
    </row>
    <row r="833484" spans="14:14">
      <c r="N833484" s="10"/>
    </row>
    <row r="833485" spans="14:14">
      <c r="N833485" s="10"/>
    </row>
    <row r="833486" spans="14:14">
      <c r="N833486" s="10"/>
    </row>
    <row r="833487" spans="14:14">
      <c r="N833487" s="10"/>
    </row>
    <row r="833488" spans="14:14">
      <c r="N833488" s="10"/>
    </row>
    <row r="833489" spans="14:14">
      <c r="N833489" s="10"/>
    </row>
    <row r="833490" spans="14:14">
      <c r="N833490" s="10"/>
    </row>
    <row r="833491" spans="14:14">
      <c r="N833491" s="10"/>
    </row>
    <row r="833492" spans="14:14">
      <c r="N833492" s="10"/>
    </row>
    <row r="833493" spans="14:14">
      <c r="N833493" s="10"/>
    </row>
    <row r="833494" spans="14:14">
      <c r="N833494" s="10"/>
    </row>
    <row r="833495" spans="14:14">
      <c r="N833495" s="10"/>
    </row>
    <row r="833496" spans="14:14">
      <c r="N833496" s="10"/>
    </row>
    <row r="833497" spans="14:14">
      <c r="N833497" s="10"/>
    </row>
    <row r="833498" spans="14:14">
      <c r="N833498" s="10"/>
    </row>
    <row r="833499" spans="14:14">
      <c r="N833499" s="10"/>
    </row>
    <row r="833500" spans="14:14">
      <c r="N833500" s="10"/>
    </row>
    <row r="833501" spans="14:14">
      <c r="N833501" s="10"/>
    </row>
    <row r="833502" spans="14:14">
      <c r="N833502" s="10"/>
    </row>
    <row r="833503" spans="14:14">
      <c r="N833503" s="10"/>
    </row>
    <row r="833504" spans="14:14">
      <c r="N833504" s="10"/>
    </row>
    <row r="833505" spans="14:14">
      <c r="N833505" s="10"/>
    </row>
    <row r="833506" spans="14:14">
      <c r="N833506" s="10"/>
    </row>
    <row r="833507" spans="14:14">
      <c r="N833507" s="10"/>
    </row>
    <row r="833508" spans="14:14">
      <c r="N833508" s="10"/>
    </row>
    <row r="833509" spans="14:14">
      <c r="N833509" s="10"/>
    </row>
    <row r="833510" spans="14:14">
      <c r="N833510" s="10"/>
    </row>
    <row r="833511" spans="14:14">
      <c r="N833511" s="10"/>
    </row>
    <row r="833512" spans="14:14">
      <c r="N833512" s="10"/>
    </row>
    <row r="833513" spans="14:14">
      <c r="N833513" s="10"/>
    </row>
    <row r="833514" spans="14:14">
      <c r="N833514" s="10"/>
    </row>
    <row r="833515" spans="14:14">
      <c r="N833515" s="10"/>
    </row>
    <row r="833516" spans="14:14">
      <c r="N833516" s="10"/>
    </row>
    <row r="833517" spans="14:14">
      <c r="N833517" s="10"/>
    </row>
    <row r="833518" spans="14:14">
      <c r="N833518" s="10"/>
    </row>
    <row r="833519" spans="14:14">
      <c r="N833519" s="10"/>
    </row>
    <row r="833520" spans="14:14">
      <c r="N833520" s="10"/>
    </row>
    <row r="833521" spans="14:14">
      <c r="N833521" s="10"/>
    </row>
    <row r="833522" spans="14:14">
      <c r="N833522" s="10"/>
    </row>
    <row r="833523" spans="14:14">
      <c r="N833523" s="10"/>
    </row>
    <row r="833524" spans="14:14">
      <c r="N833524" s="10"/>
    </row>
    <row r="833525" spans="14:14">
      <c r="N833525" s="10"/>
    </row>
    <row r="833526" spans="14:14">
      <c r="N833526" s="10"/>
    </row>
    <row r="833527" spans="14:14">
      <c r="N833527" s="10"/>
    </row>
    <row r="833528" spans="14:14">
      <c r="N833528" s="10"/>
    </row>
    <row r="833529" spans="14:14">
      <c r="N833529" s="10"/>
    </row>
    <row r="833530" spans="14:14">
      <c r="N833530" s="10"/>
    </row>
    <row r="833531" spans="14:14">
      <c r="N833531" s="10"/>
    </row>
    <row r="833532" spans="14:14">
      <c r="N833532" s="10"/>
    </row>
    <row r="833533" spans="14:14">
      <c r="N833533" s="10"/>
    </row>
    <row r="833534" spans="14:14">
      <c r="N833534" s="10"/>
    </row>
    <row r="833535" spans="14:14">
      <c r="N833535" s="10"/>
    </row>
    <row r="833536" spans="14:14">
      <c r="N833536" s="10"/>
    </row>
    <row r="833537" spans="14:14">
      <c r="N833537" s="10"/>
    </row>
    <row r="833538" spans="14:14">
      <c r="N833538" s="10"/>
    </row>
    <row r="833539" spans="14:14">
      <c r="N833539" s="10"/>
    </row>
    <row r="833540" spans="14:14">
      <c r="N833540" s="10"/>
    </row>
    <row r="833541" spans="14:14">
      <c r="N833541" s="10"/>
    </row>
    <row r="833542" spans="14:14">
      <c r="N833542" s="10"/>
    </row>
    <row r="833543" spans="14:14">
      <c r="N833543" s="10"/>
    </row>
    <row r="833544" spans="14:14">
      <c r="N833544" s="10"/>
    </row>
    <row r="833545" spans="14:14">
      <c r="N833545" s="10"/>
    </row>
    <row r="833546" spans="14:14">
      <c r="N833546" s="10"/>
    </row>
    <row r="833547" spans="14:14">
      <c r="N833547" s="10"/>
    </row>
    <row r="833548" spans="14:14">
      <c r="N833548" s="10"/>
    </row>
    <row r="833549" spans="14:14">
      <c r="N833549" s="10"/>
    </row>
    <row r="833550" spans="14:14">
      <c r="N833550" s="10"/>
    </row>
    <row r="833551" spans="14:14">
      <c r="N833551" s="10"/>
    </row>
    <row r="833552" spans="14:14">
      <c r="N833552" s="10"/>
    </row>
    <row r="833553" spans="14:14">
      <c r="N833553" s="10"/>
    </row>
    <row r="833554" spans="14:14">
      <c r="N833554" s="10"/>
    </row>
    <row r="833555" spans="14:14">
      <c r="N833555" s="10"/>
    </row>
    <row r="833556" spans="14:14">
      <c r="N833556" s="10"/>
    </row>
    <row r="833557" spans="14:14">
      <c r="N833557" s="10"/>
    </row>
    <row r="833558" spans="14:14">
      <c r="N833558" s="10"/>
    </row>
    <row r="833559" spans="14:14">
      <c r="N833559" s="10"/>
    </row>
    <row r="833560" spans="14:14">
      <c r="N833560" s="10"/>
    </row>
    <row r="833561" spans="14:14">
      <c r="N833561" s="10"/>
    </row>
    <row r="833562" spans="14:14">
      <c r="N833562" s="10"/>
    </row>
    <row r="833563" spans="14:14">
      <c r="N833563" s="10"/>
    </row>
    <row r="833564" spans="14:14">
      <c r="N833564" s="10"/>
    </row>
    <row r="833565" spans="14:14">
      <c r="N833565" s="10"/>
    </row>
    <row r="833566" spans="14:14">
      <c r="N833566" s="10"/>
    </row>
    <row r="833567" spans="14:14">
      <c r="N833567" s="10"/>
    </row>
    <row r="833568" spans="14:14">
      <c r="N833568" s="10"/>
    </row>
    <row r="833569" spans="14:14">
      <c r="N833569" s="10"/>
    </row>
    <row r="833570" spans="14:14">
      <c r="N833570" s="10"/>
    </row>
    <row r="833571" spans="14:14">
      <c r="N833571" s="10"/>
    </row>
    <row r="833572" spans="14:14">
      <c r="N833572" s="10"/>
    </row>
    <row r="833573" spans="14:14">
      <c r="N833573" s="10"/>
    </row>
    <row r="833574" spans="14:14">
      <c r="N833574" s="10"/>
    </row>
    <row r="833575" spans="14:14">
      <c r="N833575" s="10"/>
    </row>
    <row r="833576" spans="14:14">
      <c r="N833576" s="10"/>
    </row>
    <row r="833577" spans="14:14">
      <c r="N833577" s="10"/>
    </row>
    <row r="833578" spans="14:14">
      <c r="N833578" s="10"/>
    </row>
    <row r="833579" spans="14:14">
      <c r="N833579" s="10"/>
    </row>
    <row r="833580" spans="14:14">
      <c r="N833580" s="10"/>
    </row>
    <row r="833581" spans="14:14">
      <c r="N833581" s="10"/>
    </row>
    <row r="833582" spans="14:14">
      <c r="N833582" s="10"/>
    </row>
    <row r="833583" spans="14:14">
      <c r="N833583" s="10"/>
    </row>
    <row r="833584" spans="14:14">
      <c r="N833584" s="10"/>
    </row>
    <row r="833585" spans="14:14">
      <c r="N833585" s="10"/>
    </row>
    <row r="833586" spans="14:14">
      <c r="N833586" s="10"/>
    </row>
    <row r="833587" spans="14:14">
      <c r="N833587" s="10"/>
    </row>
    <row r="833588" spans="14:14">
      <c r="N833588" s="10"/>
    </row>
    <row r="833589" spans="14:14">
      <c r="N833589" s="10"/>
    </row>
    <row r="833590" spans="14:14">
      <c r="N833590" s="10"/>
    </row>
    <row r="833591" spans="14:14">
      <c r="N833591" s="10"/>
    </row>
    <row r="833592" spans="14:14">
      <c r="N833592" s="10"/>
    </row>
    <row r="833593" spans="14:14">
      <c r="N833593" s="10"/>
    </row>
    <row r="833594" spans="14:14">
      <c r="N833594" s="10"/>
    </row>
    <row r="833595" spans="14:14">
      <c r="N833595" s="10"/>
    </row>
    <row r="833596" spans="14:14">
      <c r="N833596" s="10"/>
    </row>
    <row r="833597" spans="14:14">
      <c r="N833597" s="10"/>
    </row>
    <row r="833598" spans="14:14">
      <c r="N833598" s="10"/>
    </row>
    <row r="833599" spans="14:14">
      <c r="N833599" s="10"/>
    </row>
    <row r="833600" spans="14:14">
      <c r="N833600" s="10"/>
    </row>
    <row r="833601" spans="14:14">
      <c r="N833601" s="10"/>
    </row>
    <row r="833602" spans="14:14">
      <c r="N833602" s="10"/>
    </row>
    <row r="833603" spans="14:14">
      <c r="N833603" s="10"/>
    </row>
    <row r="833604" spans="14:14">
      <c r="N833604" s="10"/>
    </row>
    <row r="833605" spans="14:14">
      <c r="N833605" s="10"/>
    </row>
    <row r="833606" spans="14:14">
      <c r="N833606" s="10"/>
    </row>
    <row r="833607" spans="14:14">
      <c r="N833607" s="10"/>
    </row>
    <row r="833608" spans="14:14">
      <c r="N833608" s="10"/>
    </row>
    <row r="833609" spans="14:14">
      <c r="N833609" s="10"/>
    </row>
    <row r="833610" spans="14:14">
      <c r="N833610" s="10"/>
    </row>
    <row r="833611" spans="14:14">
      <c r="N833611" s="10"/>
    </row>
    <row r="833612" spans="14:14">
      <c r="N833612" s="10"/>
    </row>
    <row r="833613" spans="14:14">
      <c r="N833613" s="10"/>
    </row>
    <row r="833614" spans="14:14">
      <c r="N833614" s="10"/>
    </row>
    <row r="833615" spans="14:14">
      <c r="N833615" s="10"/>
    </row>
    <row r="833616" spans="14:14">
      <c r="N833616" s="10"/>
    </row>
    <row r="833617" spans="14:14">
      <c r="N833617" s="10"/>
    </row>
    <row r="833618" spans="14:14">
      <c r="N833618" s="10"/>
    </row>
    <row r="833619" spans="14:14">
      <c r="N833619" s="10"/>
    </row>
    <row r="833620" spans="14:14">
      <c r="N833620" s="10"/>
    </row>
    <row r="833621" spans="14:14">
      <c r="N833621" s="10"/>
    </row>
    <row r="833622" spans="14:14">
      <c r="N833622" s="10"/>
    </row>
    <row r="833623" spans="14:14">
      <c r="N833623" s="10"/>
    </row>
    <row r="833624" spans="14:14">
      <c r="N833624" s="10"/>
    </row>
    <row r="833625" spans="14:14">
      <c r="N833625" s="10"/>
    </row>
    <row r="833626" spans="14:14">
      <c r="N833626" s="10"/>
    </row>
    <row r="833627" spans="14:14">
      <c r="N833627" s="10"/>
    </row>
    <row r="833628" spans="14:14">
      <c r="N833628" s="10"/>
    </row>
    <row r="833629" spans="14:14">
      <c r="N833629" s="10"/>
    </row>
    <row r="833630" spans="14:14">
      <c r="N833630" s="10"/>
    </row>
    <row r="833631" spans="14:14">
      <c r="N833631" s="10"/>
    </row>
    <row r="833632" spans="14:14">
      <c r="N833632" s="10"/>
    </row>
    <row r="833633" spans="14:14">
      <c r="N833633" s="10"/>
    </row>
    <row r="833634" spans="14:14">
      <c r="N833634" s="10"/>
    </row>
    <row r="833635" spans="14:14">
      <c r="N833635" s="10"/>
    </row>
    <row r="833636" spans="14:14">
      <c r="N833636" s="10"/>
    </row>
    <row r="833637" spans="14:14">
      <c r="N833637" s="10"/>
    </row>
    <row r="833638" spans="14:14">
      <c r="N833638" s="10"/>
    </row>
    <row r="833639" spans="14:14">
      <c r="N833639" s="10"/>
    </row>
    <row r="833640" spans="14:14">
      <c r="N833640" s="10"/>
    </row>
    <row r="833641" spans="14:14">
      <c r="N833641" s="10"/>
    </row>
    <row r="833642" spans="14:14">
      <c r="N833642" s="10"/>
    </row>
    <row r="833643" spans="14:14">
      <c r="N833643" s="10"/>
    </row>
    <row r="833644" spans="14:14">
      <c r="N833644" s="10"/>
    </row>
    <row r="833645" spans="14:14">
      <c r="N833645" s="10"/>
    </row>
    <row r="833646" spans="14:14">
      <c r="N833646" s="10"/>
    </row>
    <row r="833647" spans="14:14">
      <c r="N833647" s="10"/>
    </row>
    <row r="833648" spans="14:14">
      <c r="N833648" s="10"/>
    </row>
    <row r="833649" spans="14:14">
      <c r="N833649" s="10"/>
    </row>
    <row r="833650" spans="14:14">
      <c r="N833650" s="10"/>
    </row>
    <row r="833651" spans="14:14">
      <c r="N833651" s="10"/>
    </row>
    <row r="833652" spans="14:14">
      <c r="N833652" s="10"/>
    </row>
    <row r="833653" spans="14:14">
      <c r="N833653" s="10"/>
    </row>
    <row r="833654" spans="14:14">
      <c r="N833654" s="10"/>
    </row>
    <row r="833655" spans="14:14">
      <c r="N833655" s="10"/>
    </row>
    <row r="833656" spans="14:14">
      <c r="N833656" s="10"/>
    </row>
    <row r="833657" spans="14:14">
      <c r="N833657" s="10"/>
    </row>
    <row r="833658" spans="14:14">
      <c r="N833658" s="10"/>
    </row>
    <row r="833659" spans="14:14">
      <c r="N833659" s="10"/>
    </row>
    <row r="833660" spans="14:14">
      <c r="N833660" s="10"/>
    </row>
    <row r="833661" spans="14:14">
      <c r="N833661" s="10"/>
    </row>
    <row r="833662" spans="14:14">
      <c r="N833662" s="10"/>
    </row>
    <row r="833663" spans="14:14">
      <c r="N833663" s="10"/>
    </row>
    <row r="833664" spans="14:14">
      <c r="N833664" s="10"/>
    </row>
    <row r="833665" spans="14:14">
      <c r="N833665" s="10"/>
    </row>
    <row r="833666" spans="14:14">
      <c r="N833666" s="10"/>
    </row>
    <row r="833667" spans="14:14">
      <c r="N833667" s="10"/>
    </row>
    <row r="833668" spans="14:14">
      <c r="N833668" s="10"/>
    </row>
    <row r="833669" spans="14:14">
      <c r="N833669" s="10"/>
    </row>
    <row r="833670" spans="14:14">
      <c r="N833670" s="10"/>
    </row>
    <row r="833671" spans="14:14">
      <c r="N833671" s="10"/>
    </row>
    <row r="833672" spans="14:14">
      <c r="N833672" s="10"/>
    </row>
    <row r="833673" spans="14:14">
      <c r="N833673" s="10"/>
    </row>
    <row r="833674" spans="14:14">
      <c r="N833674" s="10"/>
    </row>
    <row r="833675" spans="14:14">
      <c r="N833675" s="10"/>
    </row>
    <row r="833676" spans="14:14">
      <c r="N833676" s="10"/>
    </row>
    <row r="833677" spans="14:14">
      <c r="N833677" s="10"/>
    </row>
    <row r="833678" spans="14:14">
      <c r="N833678" s="10"/>
    </row>
    <row r="833679" spans="14:14">
      <c r="N833679" s="10"/>
    </row>
    <row r="833680" spans="14:14">
      <c r="N833680" s="10"/>
    </row>
    <row r="833681" spans="14:14">
      <c r="N833681" s="10"/>
    </row>
    <row r="833682" spans="14:14">
      <c r="N833682" s="10"/>
    </row>
    <row r="833683" spans="14:14">
      <c r="N833683" s="10"/>
    </row>
    <row r="833684" spans="14:14">
      <c r="N833684" s="10"/>
    </row>
    <row r="833685" spans="14:14">
      <c r="N833685" s="10"/>
    </row>
    <row r="833686" spans="14:14">
      <c r="N833686" s="10"/>
    </row>
    <row r="833687" spans="14:14">
      <c r="N833687" s="10"/>
    </row>
    <row r="833688" spans="14:14">
      <c r="N833688" s="10"/>
    </row>
    <row r="833689" spans="14:14">
      <c r="N833689" s="10"/>
    </row>
    <row r="833690" spans="14:14">
      <c r="N833690" s="10"/>
    </row>
    <row r="833691" spans="14:14">
      <c r="N833691" s="10"/>
    </row>
    <row r="833692" spans="14:14">
      <c r="N833692" s="10"/>
    </row>
    <row r="833693" spans="14:14">
      <c r="N833693" s="10"/>
    </row>
    <row r="833694" spans="14:14">
      <c r="N833694" s="10"/>
    </row>
    <row r="833695" spans="14:14">
      <c r="N833695" s="10"/>
    </row>
    <row r="833696" spans="14:14">
      <c r="N833696" s="10"/>
    </row>
    <row r="833697" spans="14:14">
      <c r="N833697" s="10"/>
    </row>
    <row r="833698" spans="14:14">
      <c r="N833698" s="10"/>
    </row>
    <row r="833699" spans="14:14">
      <c r="N833699" s="10"/>
    </row>
    <row r="833700" spans="14:14">
      <c r="N833700" s="10"/>
    </row>
    <row r="833701" spans="14:14">
      <c r="N833701" s="10"/>
    </row>
    <row r="833702" spans="14:14">
      <c r="N833702" s="10"/>
    </row>
    <row r="833703" spans="14:14">
      <c r="N833703" s="10"/>
    </row>
    <row r="833704" spans="14:14">
      <c r="N833704" s="10"/>
    </row>
    <row r="833705" spans="14:14">
      <c r="N833705" s="10"/>
    </row>
    <row r="833706" spans="14:14">
      <c r="N833706" s="10"/>
    </row>
    <row r="833707" spans="14:14">
      <c r="N833707" s="10"/>
    </row>
    <row r="833708" spans="14:14">
      <c r="N833708" s="10"/>
    </row>
    <row r="833709" spans="14:14">
      <c r="N833709" s="10"/>
    </row>
    <row r="833710" spans="14:14">
      <c r="N833710" s="10"/>
    </row>
    <row r="833711" spans="14:14">
      <c r="N833711" s="10"/>
    </row>
    <row r="833712" spans="14:14">
      <c r="N833712" s="10"/>
    </row>
    <row r="833713" spans="14:14">
      <c r="N833713" s="10"/>
    </row>
    <row r="833714" spans="14:14">
      <c r="N833714" s="10"/>
    </row>
    <row r="833715" spans="14:14">
      <c r="N833715" s="10"/>
    </row>
    <row r="833716" spans="14:14">
      <c r="N833716" s="10"/>
    </row>
    <row r="833717" spans="14:14">
      <c r="N833717" s="10"/>
    </row>
    <row r="833718" spans="14:14">
      <c r="N833718" s="10"/>
    </row>
    <row r="833719" spans="14:14">
      <c r="N833719" s="10"/>
    </row>
    <row r="833720" spans="14:14">
      <c r="N833720" s="10"/>
    </row>
    <row r="833721" spans="14:14">
      <c r="N833721" s="10"/>
    </row>
    <row r="833722" spans="14:14">
      <c r="N833722" s="10"/>
    </row>
    <row r="833723" spans="14:14">
      <c r="N833723" s="10"/>
    </row>
    <row r="833724" spans="14:14">
      <c r="N833724" s="10"/>
    </row>
    <row r="833725" spans="14:14">
      <c r="N833725" s="10"/>
    </row>
    <row r="833726" spans="14:14">
      <c r="N833726" s="10"/>
    </row>
    <row r="833727" spans="14:14">
      <c r="N833727" s="10"/>
    </row>
    <row r="833728" spans="14:14">
      <c r="N833728" s="10"/>
    </row>
    <row r="833729" spans="14:14">
      <c r="N833729" s="10"/>
    </row>
    <row r="833730" spans="14:14">
      <c r="N833730" s="10"/>
    </row>
    <row r="833731" spans="14:14">
      <c r="N833731" s="10"/>
    </row>
    <row r="833732" spans="14:14">
      <c r="N833732" s="10"/>
    </row>
    <row r="833733" spans="14:14">
      <c r="N833733" s="10"/>
    </row>
    <row r="833734" spans="14:14">
      <c r="N833734" s="10"/>
    </row>
    <row r="833735" spans="14:14">
      <c r="N833735" s="10"/>
    </row>
    <row r="833736" spans="14:14">
      <c r="N833736" s="10"/>
    </row>
    <row r="833737" spans="14:14">
      <c r="N833737" s="10"/>
    </row>
    <row r="833738" spans="14:14">
      <c r="N833738" s="10"/>
    </row>
    <row r="833739" spans="14:14">
      <c r="N833739" s="10"/>
    </row>
    <row r="833740" spans="14:14">
      <c r="N833740" s="10"/>
    </row>
    <row r="833741" spans="14:14">
      <c r="N833741" s="10"/>
    </row>
    <row r="833742" spans="14:14">
      <c r="N833742" s="10"/>
    </row>
    <row r="833743" spans="14:14">
      <c r="N833743" s="10"/>
    </row>
    <row r="833744" spans="14:14">
      <c r="N833744" s="10"/>
    </row>
    <row r="833745" spans="14:14">
      <c r="N833745" s="10"/>
    </row>
    <row r="833746" spans="14:14">
      <c r="N833746" s="10"/>
    </row>
    <row r="833747" spans="14:14">
      <c r="N833747" s="10"/>
    </row>
    <row r="833748" spans="14:14">
      <c r="N833748" s="10"/>
    </row>
    <row r="833749" spans="14:14">
      <c r="N833749" s="10"/>
    </row>
    <row r="833750" spans="14:14">
      <c r="N833750" s="10"/>
    </row>
    <row r="833751" spans="14:14">
      <c r="N833751" s="10"/>
    </row>
    <row r="833752" spans="14:14">
      <c r="N833752" s="10"/>
    </row>
    <row r="833753" spans="14:14">
      <c r="N833753" s="10"/>
    </row>
    <row r="833754" spans="14:14">
      <c r="N833754" s="10"/>
    </row>
    <row r="833755" spans="14:14">
      <c r="N833755" s="10"/>
    </row>
    <row r="833756" spans="14:14">
      <c r="N833756" s="10"/>
    </row>
    <row r="833757" spans="14:14">
      <c r="N833757" s="10"/>
    </row>
    <row r="833758" spans="14:14">
      <c r="N833758" s="10"/>
    </row>
    <row r="833759" spans="14:14">
      <c r="N833759" s="10"/>
    </row>
    <row r="833760" spans="14:14">
      <c r="N833760" s="10"/>
    </row>
    <row r="833761" spans="14:14">
      <c r="N833761" s="10"/>
    </row>
    <row r="833762" spans="14:14">
      <c r="N833762" s="10"/>
    </row>
    <row r="833763" spans="14:14">
      <c r="N833763" s="10"/>
    </row>
    <row r="833764" spans="14:14">
      <c r="N833764" s="10"/>
    </row>
    <row r="833765" spans="14:14">
      <c r="N833765" s="10"/>
    </row>
    <row r="833766" spans="14:14">
      <c r="N833766" s="10"/>
    </row>
    <row r="833767" spans="14:14">
      <c r="N833767" s="10"/>
    </row>
    <row r="833768" spans="14:14">
      <c r="N833768" s="10"/>
    </row>
    <row r="833769" spans="14:14">
      <c r="N833769" s="10"/>
    </row>
    <row r="833770" spans="14:14">
      <c r="N833770" s="10"/>
    </row>
    <row r="833771" spans="14:14">
      <c r="N833771" s="10"/>
    </row>
    <row r="833772" spans="14:14">
      <c r="N833772" s="10"/>
    </row>
    <row r="833773" spans="14:14">
      <c r="N833773" s="10"/>
    </row>
    <row r="833774" spans="14:14">
      <c r="N833774" s="10"/>
    </row>
    <row r="833775" spans="14:14">
      <c r="N833775" s="10"/>
    </row>
    <row r="833776" spans="14:14">
      <c r="N833776" s="10"/>
    </row>
    <row r="833777" spans="14:14">
      <c r="N833777" s="10"/>
    </row>
    <row r="833778" spans="14:14">
      <c r="N833778" s="10"/>
    </row>
    <row r="833779" spans="14:14">
      <c r="N833779" s="10"/>
    </row>
    <row r="833780" spans="14:14">
      <c r="N833780" s="10"/>
    </row>
    <row r="833781" spans="14:14">
      <c r="N833781" s="10"/>
    </row>
    <row r="833782" spans="14:14">
      <c r="N833782" s="10"/>
    </row>
    <row r="833783" spans="14:14">
      <c r="N833783" s="10"/>
    </row>
    <row r="833784" spans="14:14">
      <c r="N833784" s="10"/>
    </row>
    <row r="833785" spans="14:14">
      <c r="N833785" s="10"/>
    </row>
    <row r="833786" spans="14:14">
      <c r="N833786" s="10"/>
    </row>
    <row r="833787" spans="14:14">
      <c r="N833787" s="10"/>
    </row>
    <row r="833788" spans="14:14">
      <c r="N833788" s="10"/>
    </row>
    <row r="833789" spans="14:14">
      <c r="N833789" s="10"/>
    </row>
    <row r="833790" spans="14:14">
      <c r="N833790" s="10"/>
    </row>
    <row r="833791" spans="14:14">
      <c r="N833791" s="10"/>
    </row>
    <row r="833792" spans="14:14">
      <c r="N833792" s="10"/>
    </row>
    <row r="833793" spans="14:14">
      <c r="N833793" s="10"/>
    </row>
    <row r="833794" spans="14:14">
      <c r="N833794" s="10"/>
    </row>
    <row r="833795" spans="14:14">
      <c r="N833795" s="10"/>
    </row>
    <row r="833796" spans="14:14">
      <c r="N833796" s="10"/>
    </row>
    <row r="833797" spans="14:14">
      <c r="N833797" s="10"/>
    </row>
    <row r="833798" spans="14:14">
      <c r="N833798" s="10"/>
    </row>
    <row r="833799" spans="14:14">
      <c r="N833799" s="10"/>
    </row>
    <row r="833800" spans="14:14">
      <c r="N833800" s="10"/>
    </row>
    <row r="833801" spans="14:14">
      <c r="N833801" s="10"/>
    </row>
    <row r="833802" spans="14:14">
      <c r="N833802" s="10"/>
    </row>
    <row r="833803" spans="14:14">
      <c r="N833803" s="10"/>
    </row>
    <row r="833804" spans="14:14">
      <c r="N833804" s="10"/>
    </row>
    <row r="833805" spans="14:14">
      <c r="N833805" s="10"/>
    </row>
    <row r="833806" spans="14:14">
      <c r="N833806" s="10"/>
    </row>
    <row r="833807" spans="14:14">
      <c r="N833807" s="10"/>
    </row>
    <row r="833808" spans="14:14">
      <c r="N833808" s="10"/>
    </row>
    <row r="833809" spans="14:14">
      <c r="N833809" s="10"/>
    </row>
    <row r="833810" spans="14:14">
      <c r="N833810" s="10"/>
    </row>
    <row r="833811" spans="14:14">
      <c r="N833811" s="10"/>
    </row>
    <row r="833812" spans="14:14">
      <c r="N833812" s="10"/>
    </row>
    <row r="833813" spans="14:14">
      <c r="N833813" s="10"/>
    </row>
    <row r="833814" spans="14:14">
      <c r="N833814" s="10"/>
    </row>
    <row r="833815" spans="14:14">
      <c r="N833815" s="10"/>
    </row>
    <row r="833816" spans="14:14">
      <c r="N833816" s="10"/>
    </row>
    <row r="833817" spans="14:14">
      <c r="N833817" s="10"/>
    </row>
    <row r="833818" spans="14:14">
      <c r="N833818" s="10"/>
    </row>
    <row r="833819" spans="14:14">
      <c r="N833819" s="10"/>
    </row>
    <row r="833820" spans="14:14">
      <c r="N833820" s="10"/>
    </row>
    <row r="833821" spans="14:14">
      <c r="N833821" s="10"/>
    </row>
    <row r="833822" spans="14:14">
      <c r="N833822" s="10"/>
    </row>
    <row r="833823" spans="14:14">
      <c r="N833823" s="10"/>
    </row>
    <row r="833824" spans="14:14">
      <c r="N833824" s="10"/>
    </row>
    <row r="833825" spans="14:14">
      <c r="N833825" s="10"/>
    </row>
    <row r="833826" spans="14:14">
      <c r="N833826" s="10"/>
    </row>
    <row r="833827" spans="14:14">
      <c r="N833827" s="10"/>
    </row>
    <row r="833828" spans="14:14">
      <c r="N833828" s="10"/>
    </row>
    <row r="833829" spans="14:14">
      <c r="N833829" s="10"/>
    </row>
    <row r="833830" spans="14:14">
      <c r="N833830" s="10"/>
    </row>
    <row r="833831" spans="14:14">
      <c r="N833831" s="10"/>
    </row>
    <row r="833832" spans="14:14">
      <c r="N833832" s="10"/>
    </row>
    <row r="833833" spans="14:14">
      <c r="N833833" s="10"/>
    </row>
    <row r="833834" spans="14:14">
      <c r="N833834" s="10"/>
    </row>
    <row r="833835" spans="14:14">
      <c r="N833835" s="10"/>
    </row>
    <row r="833836" spans="14:14">
      <c r="N833836" s="10"/>
    </row>
    <row r="833837" spans="14:14">
      <c r="N833837" s="10"/>
    </row>
    <row r="833838" spans="14:14">
      <c r="N833838" s="10"/>
    </row>
    <row r="833839" spans="14:14">
      <c r="N833839" s="10"/>
    </row>
    <row r="833840" spans="14:14">
      <c r="N833840" s="10"/>
    </row>
    <row r="833841" spans="14:14">
      <c r="N833841" s="10"/>
    </row>
    <row r="833842" spans="14:14">
      <c r="N833842" s="10"/>
    </row>
    <row r="833843" spans="14:14">
      <c r="N833843" s="10"/>
    </row>
    <row r="833844" spans="14:14">
      <c r="N833844" s="10"/>
    </row>
    <row r="833845" spans="14:14">
      <c r="N833845" s="10"/>
    </row>
    <row r="833846" spans="14:14">
      <c r="N833846" s="10"/>
    </row>
    <row r="833847" spans="14:14">
      <c r="N833847" s="10"/>
    </row>
    <row r="833848" spans="14:14">
      <c r="N833848" s="10"/>
    </row>
    <row r="833849" spans="14:14">
      <c r="N833849" s="10"/>
    </row>
    <row r="833850" spans="14:14">
      <c r="N833850" s="10"/>
    </row>
    <row r="833851" spans="14:14">
      <c r="N833851" s="10"/>
    </row>
    <row r="833852" spans="14:14">
      <c r="N833852" s="10"/>
    </row>
    <row r="833853" spans="14:14">
      <c r="N833853" s="10"/>
    </row>
    <row r="833854" spans="14:14">
      <c r="N833854" s="10"/>
    </row>
    <row r="833855" spans="14:14">
      <c r="N833855" s="10"/>
    </row>
    <row r="833856" spans="14:14">
      <c r="N833856" s="10"/>
    </row>
    <row r="833857" spans="14:14">
      <c r="N833857" s="10"/>
    </row>
    <row r="833858" spans="14:14">
      <c r="N833858" s="10"/>
    </row>
    <row r="833859" spans="14:14">
      <c r="N833859" s="10"/>
    </row>
    <row r="833860" spans="14:14">
      <c r="N833860" s="10"/>
    </row>
    <row r="833861" spans="14:14">
      <c r="N833861" s="10"/>
    </row>
    <row r="833862" spans="14:14">
      <c r="N833862" s="10"/>
    </row>
    <row r="833863" spans="14:14">
      <c r="N833863" s="10"/>
    </row>
    <row r="833864" spans="14:14">
      <c r="N833864" s="10"/>
    </row>
    <row r="833865" spans="14:14">
      <c r="N833865" s="10"/>
    </row>
    <row r="833866" spans="14:14">
      <c r="N833866" s="10"/>
    </row>
    <row r="833867" spans="14:14">
      <c r="N833867" s="10"/>
    </row>
    <row r="833868" spans="14:14">
      <c r="N833868" s="10"/>
    </row>
    <row r="833869" spans="14:14">
      <c r="N833869" s="10"/>
    </row>
    <row r="833870" spans="14:14">
      <c r="N833870" s="10"/>
    </row>
    <row r="833871" spans="14:14">
      <c r="N833871" s="10"/>
    </row>
    <row r="833872" spans="14:14">
      <c r="N833872" s="10"/>
    </row>
    <row r="833873" spans="14:14">
      <c r="N833873" s="10"/>
    </row>
    <row r="833874" spans="14:14">
      <c r="N833874" s="10"/>
    </row>
    <row r="833875" spans="14:14">
      <c r="N833875" s="10"/>
    </row>
    <row r="833876" spans="14:14">
      <c r="N833876" s="10"/>
    </row>
    <row r="833877" spans="14:14">
      <c r="N833877" s="10"/>
    </row>
    <row r="833878" spans="14:14">
      <c r="N833878" s="10"/>
    </row>
    <row r="833879" spans="14:14">
      <c r="N833879" s="10"/>
    </row>
    <row r="833880" spans="14:14">
      <c r="N833880" s="10"/>
    </row>
    <row r="833881" spans="14:14">
      <c r="N833881" s="10"/>
    </row>
    <row r="833882" spans="14:14">
      <c r="N833882" s="10"/>
    </row>
    <row r="833883" spans="14:14">
      <c r="N833883" s="10"/>
    </row>
    <row r="833884" spans="14:14">
      <c r="N833884" s="10"/>
    </row>
    <row r="833885" spans="14:14">
      <c r="N833885" s="10"/>
    </row>
    <row r="833886" spans="14:14">
      <c r="N833886" s="10"/>
    </row>
    <row r="833887" spans="14:14">
      <c r="N833887" s="10"/>
    </row>
    <row r="833888" spans="14:14">
      <c r="N833888" s="10"/>
    </row>
    <row r="833889" spans="14:14">
      <c r="N833889" s="10"/>
    </row>
    <row r="833890" spans="14:14">
      <c r="N833890" s="10"/>
    </row>
    <row r="833891" spans="14:14">
      <c r="N833891" s="10"/>
    </row>
    <row r="833892" spans="14:14">
      <c r="N833892" s="10"/>
    </row>
    <row r="833893" spans="14:14">
      <c r="N833893" s="10"/>
    </row>
    <row r="833894" spans="14:14">
      <c r="N833894" s="10"/>
    </row>
    <row r="833895" spans="14:14">
      <c r="N833895" s="10"/>
    </row>
    <row r="833896" spans="14:14">
      <c r="N833896" s="10"/>
    </row>
    <row r="833897" spans="14:14">
      <c r="N833897" s="10"/>
    </row>
    <row r="833898" spans="14:14">
      <c r="N833898" s="10"/>
    </row>
    <row r="833899" spans="14:14">
      <c r="N833899" s="10"/>
    </row>
    <row r="833900" spans="14:14">
      <c r="N833900" s="10"/>
    </row>
    <row r="833901" spans="14:14">
      <c r="N833901" s="10"/>
    </row>
    <row r="833902" spans="14:14">
      <c r="N833902" s="10"/>
    </row>
    <row r="833903" spans="14:14">
      <c r="N833903" s="10"/>
    </row>
    <row r="833904" spans="14:14">
      <c r="N833904" s="10"/>
    </row>
    <row r="833905" spans="14:14">
      <c r="N833905" s="10"/>
    </row>
    <row r="833906" spans="14:14">
      <c r="N833906" s="10"/>
    </row>
    <row r="833907" spans="14:14">
      <c r="N833907" s="10"/>
    </row>
    <row r="833908" spans="14:14">
      <c r="N833908" s="10"/>
    </row>
    <row r="833909" spans="14:14">
      <c r="N833909" s="10"/>
    </row>
    <row r="833910" spans="14:14">
      <c r="N833910" s="10"/>
    </row>
    <row r="833911" spans="14:14">
      <c r="N833911" s="10"/>
    </row>
    <row r="833912" spans="14:14">
      <c r="N833912" s="10"/>
    </row>
    <row r="833913" spans="14:14">
      <c r="N833913" s="10"/>
    </row>
    <row r="833914" spans="14:14">
      <c r="N833914" s="10"/>
    </row>
    <row r="833915" spans="14:14">
      <c r="N833915" s="10"/>
    </row>
    <row r="833916" spans="14:14">
      <c r="N833916" s="10"/>
    </row>
    <row r="833917" spans="14:14">
      <c r="N833917" s="10"/>
    </row>
    <row r="833918" spans="14:14">
      <c r="N833918" s="10"/>
    </row>
    <row r="833919" spans="14:14">
      <c r="N833919" s="10"/>
    </row>
    <row r="833920" spans="14:14">
      <c r="N833920" s="10"/>
    </row>
    <row r="833921" spans="14:14">
      <c r="N833921" s="10"/>
    </row>
    <row r="833922" spans="14:14">
      <c r="N833922" s="10"/>
    </row>
    <row r="833923" spans="14:14">
      <c r="N833923" s="10"/>
    </row>
    <row r="833924" spans="14:14">
      <c r="N833924" s="10"/>
    </row>
    <row r="833925" spans="14:14">
      <c r="N833925" s="10"/>
    </row>
    <row r="833926" spans="14:14">
      <c r="N833926" s="10"/>
    </row>
    <row r="833927" spans="14:14">
      <c r="N833927" s="10"/>
    </row>
    <row r="833928" spans="14:14">
      <c r="N833928" s="10"/>
    </row>
    <row r="833929" spans="14:14">
      <c r="N833929" s="10"/>
    </row>
    <row r="833930" spans="14:14">
      <c r="N833930" s="10"/>
    </row>
    <row r="833931" spans="14:14">
      <c r="N833931" s="10"/>
    </row>
    <row r="833932" spans="14:14">
      <c r="N833932" s="10"/>
    </row>
    <row r="833933" spans="14:14">
      <c r="N833933" s="10"/>
    </row>
    <row r="833934" spans="14:14">
      <c r="N833934" s="10"/>
    </row>
    <row r="833935" spans="14:14">
      <c r="N833935" s="10"/>
    </row>
    <row r="833936" spans="14:14">
      <c r="N833936" s="10"/>
    </row>
    <row r="833937" spans="14:14">
      <c r="N833937" s="10"/>
    </row>
    <row r="833938" spans="14:14">
      <c r="N833938" s="10"/>
    </row>
    <row r="833939" spans="14:14">
      <c r="N833939" s="10"/>
    </row>
    <row r="833940" spans="14:14">
      <c r="N833940" s="10"/>
    </row>
    <row r="833941" spans="14:14">
      <c r="N833941" s="10"/>
    </row>
    <row r="833942" spans="14:14">
      <c r="N833942" s="10"/>
    </row>
    <row r="833943" spans="14:14">
      <c r="N833943" s="10"/>
    </row>
    <row r="833944" spans="14:14">
      <c r="N833944" s="10"/>
    </row>
    <row r="833945" spans="14:14">
      <c r="N833945" s="10"/>
    </row>
    <row r="833946" spans="14:14">
      <c r="N833946" s="10"/>
    </row>
    <row r="833947" spans="14:14">
      <c r="N833947" s="10"/>
    </row>
    <row r="833948" spans="14:14">
      <c r="N833948" s="10"/>
    </row>
    <row r="833949" spans="14:14">
      <c r="N833949" s="10"/>
    </row>
    <row r="833950" spans="14:14">
      <c r="N833950" s="10"/>
    </row>
    <row r="833951" spans="14:14">
      <c r="N833951" s="10"/>
    </row>
    <row r="833952" spans="14:14">
      <c r="N833952" s="10"/>
    </row>
    <row r="833953" spans="14:14">
      <c r="N833953" s="10"/>
    </row>
    <row r="833954" spans="14:14">
      <c r="N833954" s="10"/>
    </row>
    <row r="833955" spans="14:14">
      <c r="N833955" s="10"/>
    </row>
    <row r="833956" spans="14:14">
      <c r="N833956" s="10"/>
    </row>
    <row r="833957" spans="14:14">
      <c r="N833957" s="10"/>
    </row>
    <row r="833958" spans="14:14">
      <c r="N833958" s="10"/>
    </row>
    <row r="833959" spans="14:14">
      <c r="N833959" s="10"/>
    </row>
    <row r="833960" spans="14:14">
      <c r="N833960" s="10"/>
    </row>
    <row r="833961" spans="14:14">
      <c r="N833961" s="10"/>
    </row>
    <row r="833962" spans="14:14">
      <c r="N833962" s="10"/>
    </row>
    <row r="833963" spans="14:14">
      <c r="N833963" s="10"/>
    </row>
    <row r="833964" spans="14:14">
      <c r="N833964" s="10"/>
    </row>
    <row r="833965" spans="14:14">
      <c r="N833965" s="10"/>
    </row>
    <row r="833966" spans="14:14">
      <c r="N833966" s="10"/>
    </row>
    <row r="833967" spans="14:14">
      <c r="N833967" s="10"/>
    </row>
    <row r="833968" spans="14:14">
      <c r="N833968" s="10"/>
    </row>
    <row r="833969" spans="14:14">
      <c r="N833969" s="10"/>
    </row>
    <row r="833970" spans="14:14">
      <c r="N833970" s="10"/>
    </row>
    <row r="833971" spans="14:14">
      <c r="N833971" s="10"/>
    </row>
    <row r="833972" spans="14:14">
      <c r="N833972" s="10"/>
    </row>
    <row r="833973" spans="14:14">
      <c r="N833973" s="10"/>
    </row>
    <row r="833974" spans="14:14">
      <c r="N833974" s="10"/>
    </row>
    <row r="833975" spans="14:14">
      <c r="N833975" s="10"/>
    </row>
    <row r="833976" spans="14:14">
      <c r="N833976" s="10"/>
    </row>
    <row r="833977" spans="14:14">
      <c r="N833977" s="10"/>
    </row>
    <row r="833978" spans="14:14">
      <c r="N833978" s="10"/>
    </row>
    <row r="833979" spans="14:14">
      <c r="N833979" s="10"/>
    </row>
    <row r="833980" spans="14:14">
      <c r="N833980" s="10"/>
    </row>
    <row r="833981" spans="14:14">
      <c r="N833981" s="10"/>
    </row>
    <row r="833982" spans="14:14">
      <c r="N833982" s="10"/>
    </row>
    <row r="833983" spans="14:14">
      <c r="N833983" s="10"/>
    </row>
    <row r="833984" spans="14:14">
      <c r="N833984" s="10"/>
    </row>
    <row r="833985" spans="14:14">
      <c r="N833985" s="10"/>
    </row>
    <row r="833986" spans="14:14">
      <c r="N833986" s="10"/>
    </row>
    <row r="833987" spans="14:14">
      <c r="N833987" s="10"/>
    </row>
    <row r="833988" spans="14:14">
      <c r="N833988" s="10"/>
    </row>
    <row r="833989" spans="14:14">
      <c r="N833989" s="10"/>
    </row>
    <row r="833990" spans="14:14">
      <c r="N833990" s="10"/>
    </row>
    <row r="833991" spans="14:14">
      <c r="N833991" s="10"/>
    </row>
    <row r="833992" spans="14:14">
      <c r="N833992" s="10"/>
    </row>
    <row r="833993" spans="14:14">
      <c r="N833993" s="10"/>
    </row>
    <row r="833994" spans="14:14">
      <c r="N833994" s="10"/>
    </row>
    <row r="833995" spans="14:14">
      <c r="N833995" s="10"/>
    </row>
    <row r="833996" spans="14:14">
      <c r="N833996" s="10"/>
    </row>
    <row r="833997" spans="14:14">
      <c r="N833997" s="10"/>
    </row>
    <row r="833998" spans="14:14">
      <c r="N833998" s="10"/>
    </row>
    <row r="833999" spans="14:14">
      <c r="N833999" s="10"/>
    </row>
    <row r="834000" spans="14:14">
      <c r="N834000" s="10"/>
    </row>
    <row r="834001" spans="14:14">
      <c r="N834001" s="10"/>
    </row>
    <row r="834002" spans="14:14">
      <c r="N834002" s="10"/>
    </row>
    <row r="834003" spans="14:14">
      <c r="N834003" s="10"/>
    </row>
    <row r="834004" spans="14:14">
      <c r="N834004" s="10"/>
    </row>
    <row r="834005" spans="14:14">
      <c r="N834005" s="10"/>
    </row>
    <row r="834006" spans="14:14">
      <c r="N834006" s="10"/>
    </row>
    <row r="834007" spans="14:14">
      <c r="N834007" s="10"/>
    </row>
    <row r="834008" spans="14:14">
      <c r="N834008" s="10"/>
    </row>
    <row r="834009" spans="14:14">
      <c r="N834009" s="10"/>
    </row>
    <row r="834010" spans="14:14">
      <c r="N834010" s="10"/>
    </row>
    <row r="834011" spans="14:14">
      <c r="N834011" s="10"/>
    </row>
    <row r="834012" spans="14:14">
      <c r="N834012" s="10"/>
    </row>
    <row r="834013" spans="14:14">
      <c r="N834013" s="10"/>
    </row>
    <row r="834014" spans="14:14">
      <c r="N834014" s="10"/>
    </row>
    <row r="834015" spans="14:14">
      <c r="N834015" s="10"/>
    </row>
    <row r="834016" spans="14:14">
      <c r="N834016" s="10"/>
    </row>
    <row r="834017" spans="14:14">
      <c r="N834017" s="10"/>
    </row>
    <row r="834018" spans="14:14">
      <c r="N834018" s="10"/>
    </row>
    <row r="834019" spans="14:14">
      <c r="N834019" s="10"/>
    </row>
    <row r="834020" spans="14:14">
      <c r="N834020" s="10"/>
    </row>
    <row r="834021" spans="14:14">
      <c r="N834021" s="10"/>
    </row>
    <row r="834022" spans="14:14">
      <c r="N834022" s="10"/>
    </row>
    <row r="834023" spans="14:14">
      <c r="N834023" s="10"/>
    </row>
    <row r="834024" spans="14:14">
      <c r="N834024" s="10"/>
    </row>
    <row r="834025" spans="14:14">
      <c r="N834025" s="10"/>
    </row>
    <row r="834026" spans="14:14">
      <c r="N834026" s="10"/>
    </row>
    <row r="834027" spans="14:14">
      <c r="N834027" s="10"/>
    </row>
    <row r="834028" spans="14:14">
      <c r="N834028" s="10"/>
    </row>
    <row r="834029" spans="14:14">
      <c r="N834029" s="10"/>
    </row>
    <row r="834030" spans="14:14">
      <c r="N834030" s="10"/>
    </row>
    <row r="834031" spans="14:14">
      <c r="N834031" s="10"/>
    </row>
    <row r="834032" spans="14:14">
      <c r="N834032" s="10"/>
    </row>
    <row r="834033" spans="14:14">
      <c r="N834033" s="10"/>
    </row>
    <row r="834034" spans="14:14">
      <c r="N834034" s="10"/>
    </row>
    <row r="834035" spans="14:14">
      <c r="N834035" s="10"/>
    </row>
    <row r="834036" spans="14:14">
      <c r="N834036" s="10"/>
    </row>
    <row r="834037" spans="14:14">
      <c r="N834037" s="10"/>
    </row>
    <row r="834038" spans="14:14">
      <c r="N834038" s="10"/>
    </row>
    <row r="834039" spans="14:14">
      <c r="N834039" s="10"/>
    </row>
    <row r="834040" spans="14:14">
      <c r="N834040" s="10"/>
    </row>
    <row r="834041" spans="14:14">
      <c r="N834041" s="10"/>
    </row>
    <row r="834042" spans="14:14">
      <c r="N834042" s="10"/>
    </row>
    <row r="834043" spans="14:14">
      <c r="N834043" s="10"/>
    </row>
    <row r="834044" spans="14:14">
      <c r="N834044" s="10"/>
    </row>
    <row r="834045" spans="14:14">
      <c r="N834045" s="10"/>
    </row>
    <row r="834046" spans="14:14">
      <c r="N834046" s="10"/>
    </row>
    <row r="834047" spans="14:14">
      <c r="N834047" s="10"/>
    </row>
    <row r="834048" spans="14:14">
      <c r="N834048" s="10"/>
    </row>
    <row r="834049" spans="14:14">
      <c r="N834049" s="10"/>
    </row>
    <row r="834050" spans="14:14">
      <c r="N834050" s="10"/>
    </row>
    <row r="834051" spans="14:14">
      <c r="N834051" s="10"/>
    </row>
    <row r="834052" spans="14:14">
      <c r="N834052" s="10"/>
    </row>
    <row r="834053" spans="14:14">
      <c r="N834053" s="10"/>
    </row>
    <row r="834054" spans="14:14">
      <c r="N834054" s="10"/>
    </row>
    <row r="834055" spans="14:14">
      <c r="N834055" s="10"/>
    </row>
    <row r="834056" spans="14:14">
      <c r="N834056" s="10"/>
    </row>
    <row r="834057" spans="14:14">
      <c r="N834057" s="10"/>
    </row>
    <row r="834058" spans="14:14">
      <c r="N834058" s="10"/>
    </row>
    <row r="834059" spans="14:14">
      <c r="N834059" s="10"/>
    </row>
    <row r="834060" spans="14:14">
      <c r="N834060" s="10"/>
    </row>
    <row r="834061" spans="14:14">
      <c r="N834061" s="10"/>
    </row>
    <row r="834062" spans="14:14">
      <c r="N834062" s="10"/>
    </row>
    <row r="834063" spans="14:14">
      <c r="N834063" s="10"/>
    </row>
    <row r="834064" spans="14:14">
      <c r="N834064" s="10"/>
    </row>
    <row r="834065" spans="14:14">
      <c r="N834065" s="10"/>
    </row>
    <row r="834066" spans="14:14">
      <c r="N834066" s="10"/>
    </row>
    <row r="834067" spans="14:14">
      <c r="N834067" s="10"/>
    </row>
    <row r="834068" spans="14:14">
      <c r="N834068" s="10"/>
    </row>
    <row r="834069" spans="14:14">
      <c r="N834069" s="10"/>
    </row>
    <row r="834070" spans="14:14">
      <c r="N834070" s="10"/>
    </row>
    <row r="834071" spans="14:14">
      <c r="N834071" s="10"/>
    </row>
    <row r="834072" spans="14:14">
      <c r="N834072" s="10"/>
    </row>
    <row r="834073" spans="14:14">
      <c r="N834073" s="10"/>
    </row>
    <row r="834074" spans="14:14">
      <c r="N834074" s="10"/>
    </row>
    <row r="834075" spans="14:14">
      <c r="N834075" s="10"/>
    </row>
    <row r="834076" spans="14:14">
      <c r="N834076" s="10"/>
    </row>
    <row r="834077" spans="14:14">
      <c r="N834077" s="10"/>
    </row>
    <row r="834078" spans="14:14">
      <c r="N834078" s="10"/>
    </row>
    <row r="834079" spans="14:14">
      <c r="N834079" s="10"/>
    </row>
    <row r="834080" spans="14:14">
      <c r="N834080" s="10"/>
    </row>
    <row r="834081" spans="14:14">
      <c r="N834081" s="10"/>
    </row>
    <row r="834082" spans="14:14">
      <c r="N834082" s="10"/>
    </row>
    <row r="834083" spans="14:14">
      <c r="N834083" s="10"/>
    </row>
    <row r="834084" spans="14:14">
      <c r="N834084" s="10"/>
    </row>
    <row r="834085" spans="14:14">
      <c r="N834085" s="10"/>
    </row>
    <row r="834086" spans="14:14">
      <c r="N834086" s="10"/>
    </row>
    <row r="834087" spans="14:14">
      <c r="N834087" s="10"/>
    </row>
    <row r="834088" spans="14:14">
      <c r="N834088" s="10"/>
    </row>
    <row r="834089" spans="14:14">
      <c r="N834089" s="10"/>
    </row>
    <row r="834090" spans="14:14">
      <c r="N834090" s="10"/>
    </row>
    <row r="834091" spans="14:14">
      <c r="N834091" s="10"/>
    </row>
    <row r="834092" spans="14:14">
      <c r="N834092" s="10"/>
    </row>
    <row r="834093" spans="14:14">
      <c r="N834093" s="10"/>
    </row>
    <row r="834094" spans="14:14">
      <c r="N834094" s="10"/>
    </row>
    <row r="834095" spans="14:14">
      <c r="N834095" s="10"/>
    </row>
    <row r="834096" spans="14:14">
      <c r="N834096" s="10"/>
    </row>
    <row r="834097" spans="14:14">
      <c r="N834097" s="10"/>
    </row>
    <row r="834098" spans="14:14">
      <c r="N834098" s="10"/>
    </row>
    <row r="834099" spans="14:14">
      <c r="N834099" s="10"/>
    </row>
    <row r="834100" spans="14:14">
      <c r="N834100" s="10"/>
    </row>
    <row r="834101" spans="14:14">
      <c r="N834101" s="10"/>
    </row>
    <row r="834102" spans="14:14">
      <c r="N834102" s="10"/>
    </row>
    <row r="834103" spans="14:14">
      <c r="N834103" s="10"/>
    </row>
    <row r="834104" spans="14:14">
      <c r="N834104" s="10"/>
    </row>
    <row r="834105" spans="14:14">
      <c r="N834105" s="10"/>
    </row>
    <row r="834106" spans="14:14">
      <c r="N834106" s="10"/>
    </row>
    <row r="834107" spans="14:14">
      <c r="N834107" s="10"/>
    </row>
    <row r="834108" spans="14:14">
      <c r="N834108" s="10"/>
    </row>
    <row r="834109" spans="14:14">
      <c r="N834109" s="10"/>
    </row>
    <row r="834110" spans="14:14">
      <c r="N834110" s="10"/>
    </row>
    <row r="834111" spans="14:14">
      <c r="N834111" s="10"/>
    </row>
    <row r="834112" spans="14:14">
      <c r="N834112" s="10"/>
    </row>
    <row r="834113" spans="14:14">
      <c r="N834113" s="10"/>
    </row>
    <row r="834114" spans="14:14">
      <c r="N834114" s="10"/>
    </row>
    <row r="834115" spans="14:14">
      <c r="N834115" s="10"/>
    </row>
    <row r="834116" spans="14:14">
      <c r="N834116" s="10"/>
    </row>
    <row r="834117" spans="14:14">
      <c r="N834117" s="10"/>
    </row>
    <row r="834118" spans="14:14">
      <c r="N834118" s="10"/>
    </row>
    <row r="834119" spans="14:14">
      <c r="N834119" s="10"/>
    </row>
    <row r="834120" spans="14:14">
      <c r="N834120" s="10"/>
    </row>
    <row r="834121" spans="14:14">
      <c r="N834121" s="10"/>
    </row>
    <row r="834122" spans="14:14">
      <c r="N834122" s="10"/>
    </row>
    <row r="834123" spans="14:14">
      <c r="N834123" s="10"/>
    </row>
    <row r="834124" spans="14:14">
      <c r="N834124" s="10"/>
    </row>
    <row r="834125" spans="14:14">
      <c r="N834125" s="10"/>
    </row>
    <row r="834126" spans="14:14">
      <c r="N834126" s="10"/>
    </row>
    <row r="834127" spans="14:14">
      <c r="N834127" s="10"/>
    </row>
    <row r="834128" spans="14:14">
      <c r="N834128" s="10"/>
    </row>
    <row r="834129" spans="14:14">
      <c r="N834129" s="10"/>
    </row>
    <row r="834130" spans="14:14">
      <c r="N834130" s="10"/>
    </row>
    <row r="834131" spans="14:14">
      <c r="N834131" s="10"/>
    </row>
    <row r="834132" spans="14:14">
      <c r="N834132" s="10"/>
    </row>
    <row r="834133" spans="14:14">
      <c r="N834133" s="10"/>
    </row>
    <row r="834134" spans="14:14">
      <c r="N834134" s="10"/>
    </row>
    <row r="834135" spans="14:14">
      <c r="N834135" s="10"/>
    </row>
    <row r="834136" spans="14:14">
      <c r="N834136" s="10"/>
    </row>
    <row r="834137" spans="14:14">
      <c r="N834137" s="10"/>
    </row>
    <row r="834138" spans="14:14">
      <c r="N834138" s="10"/>
    </row>
    <row r="834139" spans="14:14">
      <c r="N834139" s="10"/>
    </row>
    <row r="834140" spans="14:14">
      <c r="N834140" s="10"/>
    </row>
    <row r="834141" spans="14:14">
      <c r="N834141" s="10"/>
    </row>
    <row r="834142" spans="14:14">
      <c r="N834142" s="10"/>
    </row>
    <row r="834143" spans="14:14">
      <c r="N834143" s="10"/>
    </row>
    <row r="834144" spans="14:14">
      <c r="N834144" s="10"/>
    </row>
    <row r="834145" spans="14:14">
      <c r="N834145" s="10"/>
    </row>
    <row r="834146" spans="14:14">
      <c r="N834146" s="10"/>
    </row>
    <row r="834147" spans="14:14">
      <c r="N834147" s="10"/>
    </row>
    <row r="834148" spans="14:14">
      <c r="N834148" s="10"/>
    </row>
    <row r="834149" spans="14:14">
      <c r="N834149" s="10"/>
    </row>
    <row r="834150" spans="14:14">
      <c r="N834150" s="10"/>
    </row>
    <row r="834151" spans="14:14">
      <c r="N834151" s="10"/>
    </row>
    <row r="834152" spans="14:14">
      <c r="N834152" s="10"/>
    </row>
    <row r="834153" spans="14:14">
      <c r="N834153" s="10"/>
    </row>
    <row r="834154" spans="14:14">
      <c r="N834154" s="10"/>
    </row>
    <row r="834155" spans="14:14">
      <c r="N834155" s="10"/>
    </row>
    <row r="834156" spans="14:14">
      <c r="N834156" s="10"/>
    </row>
    <row r="834157" spans="14:14">
      <c r="N834157" s="10"/>
    </row>
    <row r="834158" spans="14:14">
      <c r="N834158" s="10"/>
    </row>
    <row r="834159" spans="14:14">
      <c r="N834159" s="10"/>
    </row>
    <row r="834160" spans="14:14">
      <c r="N834160" s="10"/>
    </row>
    <row r="834161" spans="14:14">
      <c r="N834161" s="10"/>
    </row>
    <row r="834162" spans="14:14">
      <c r="N834162" s="10"/>
    </row>
    <row r="834163" spans="14:14">
      <c r="N834163" s="10"/>
    </row>
    <row r="834164" spans="14:14">
      <c r="N834164" s="10"/>
    </row>
    <row r="834165" spans="14:14">
      <c r="N834165" s="10"/>
    </row>
    <row r="834166" spans="14:14">
      <c r="N834166" s="10"/>
    </row>
    <row r="834167" spans="14:14">
      <c r="N834167" s="10"/>
    </row>
    <row r="834168" spans="14:14">
      <c r="N834168" s="10"/>
    </row>
    <row r="834169" spans="14:14">
      <c r="N834169" s="10"/>
    </row>
    <row r="834170" spans="14:14">
      <c r="N834170" s="10"/>
    </row>
    <row r="834171" spans="14:14">
      <c r="N834171" s="10"/>
    </row>
    <row r="834172" spans="14:14">
      <c r="N834172" s="10"/>
    </row>
    <row r="834173" spans="14:14">
      <c r="N834173" s="10"/>
    </row>
    <row r="834174" spans="14:14">
      <c r="N834174" s="10"/>
    </row>
    <row r="834175" spans="14:14">
      <c r="N834175" s="10"/>
    </row>
    <row r="834176" spans="14:14">
      <c r="N834176" s="10"/>
    </row>
    <row r="834177" spans="14:14">
      <c r="N834177" s="10"/>
    </row>
    <row r="834178" spans="14:14">
      <c r="N834178" s="10"/>
    </row>
    <row r="834179" spans="14:14">
      <c r="N834179" s="10"/>
    </row>
    <row r="834180" spans="14:14">
      <c r="N834180" s="10"/>
    </row>
    <row r="834181" spans="14:14">
      <c r="N834181" s="10"/>
    </row>
    <row r="834182" spans="14:14">
      <c r="N834182" s="10"/>
    </row>
    <row r="834183" spans="14:14">
      <c r="N834183" s="10"/>
    </row>
    <row r="834184" spans="14:14">
      <c r="N834184" s="10"/>
    </row>
    <row r="834185" spans="14:14">
      <c r="N834185" s="10"/>
    </row>
    <row r="834186" spans="14:14">
      <c r="N834186" s="10"/>
    </row>
    <row r="834187" spans="14:14">
      <c r="N834187" s="10"/>
    </row>
    <row r="834188" spans="14:14">
      <c r="N834188" s="10"/>
    </row>
    <row r="834189" spans="14:14">
      <c r="N834189" s="10"/>
    </row>
    <row r="834190" spans="14:14">
      <c r="N834190" s="10"/>
    </row>
    <row r="834191" spans="14:14">
      <c r="N834191" s="10"/>
    </row>
    <row r="834192" spans="14:14">
      <c r="N834192" s="10"/>
    </row>
    <row r="834193" spans="14:14">
      <c r="N834193" s="10"/>
    </row>
    <row r="834194" spans="14:14">
      <c r="N834194" s="10"/>
    </row>
    <row r="834195" spans="14:14">
      <c r="N834195" s="10"/>
    </row>
    <row r="834196" spans="14:14">
      <c r="N834196" s="10"/>
    </row>
    <row r="834197" spans="14:14">
      <c r="N834197" s="10"/>
    </row>
    <row r="834198" spans="14:14">
      <c r="N834198" s="10"/>
    </row>
    <row r="834199" spans="14:14">
      <c r="N834199" s="10"/>
    </row>
    <row r="834200" spans="14:14">
      <c r="N834200" s="10"/>
    </row>
    <row r="834201" spans="14:14">
      <c r="N834201" s="10"/>
    </row>
    <row r="834202" spans="14:14">
      <c r="N834202" s="10"/>
    </row>
    <row r="834203" spans="14:14">
      <c r="N834203" s="10"/>
    </row>
    <row r="834204" spans="14:14">
      <c r="N834204" s="10"/>
    </row>
    <row r="834205" spans="14:14">
      <c r="N834205" s="10"/>
    </row>
    <row r="834206" spans="14:14">
      <c r="N834206" s="10"/>
    </row>
    <row r="834207" spans="14:14">
      <c r="N834207" s="10"/>
    </row>
    <row r="834208" spans="14:14">
      <c r="N834208" s="10"/>
    </row>
    <row r="834209" spans="14:14">
      <c r="N834209" s="10"/>
    </row>
    <row r="834210" spans="14:14">
      <c r="N834210" s="10"/>
    </row>
    <row r="834211" spans="14:14">
      <c r="N834211" s="10"/>
    </row>
    <row r="834212" spans="14:14">
      <c r="N834212" s="10"/>
    </row>
    <row r="834213" spans="14:14">
      <c r="N834213" s="10"/>
    </row>
    <row r="834214" spans="14:14">
      <c r="N834214" s="10"/>
    </row>
    <row r="834215" spans="14:14">
      <c r="N834215" s="10"/>
    </row>
    <row r="834216" spans="14:14">
      <c r="N834216" s="10"/>
    </row>
    <row r="834217" spans="14:14">
      <c r="N834217" s="10"/>
    </row>
    <row r="834218" spans="14:14">
      <c r="N834218" s="10"/>
    </row>
    <row r="834219" spans="14:14">
      <c r="N834219" s="10"/>
    </row>
    <row r="834220" spans="14:14">
      <c r="N834220" s="10"/>
    </row>
    <row r="834221" spans="14:14">
      <c r="N834221" s="10"/>
    </row>
    <row r="834222" spans="14:14">
      <c r="N834222" s="10"/>
    </row>
    <row r="834223" spans="14:14">
      <c r="N834223" s="10"/>
    </row>
    <row r="834224" spans="14:14">
      <c r="N834224" s="10"/>
    </row>
    <row r="834225" spans="14:14">
      <c r="N834225" s="10"/>
    </row>
    <row r="834226" spans="14:14">
      <c r="N834226" s="10"/>
    </row>
    <row r="834227" spans="14:14">
      <c r="N834227" s="10"/>
    </row>
    <row r="834228" spans="14:14">
      <c r="N834228" s="10"/>
    </row>
    <row r="834229" spans="14:14">
      <c r="N834229" s="10"/>
    </row>
    <row r="834230" spans="14:14">
      <c r="N834230" s="10"/>
    </row>
    <row r="834231" spans="14:14">
      <c r="N834231" s="10"/>
    </row>
    <row r="834232" spans="14:14">
      <c r="N834232" s="10"/>
    </row>
    <row r="834233" spans="14:14">
      <c r="N834233" s="10"/>
    </row>
    <row r="834234" spans="14:14">
      <c r="N834234" s="10"/>
    </row>
    <row r="834235" spans="14:14">
      <c r="N834235" s="10"/>
    </row>
    <row r="834236" spans="14:14">
      <c r="N834236" s="10"/>
    </row>
    <row r="834237" spans="14:14">
      <c r="N834237" s="10"/>
    </row>
    <row r="834238" spans="14:14">
      <c r="N834238" s="10"/>
    </row>
    <row r="834239" spans="14:14">
      <c r="N834239" s="10"/>
    </row>
    <row r="834240" spans="14:14">
      <c r="N834240" s="10"/>
    </row>
    <row r="834241" spans="14:14">
      <c r="N834241" s="10"/>
    </row>
    <row r="834242" spans="14:14">
      <c r="N834242" s="10"/>
    </row>
    <row r="834243" spans="14:14">
      <c r="N834243" s="10"/>
    </row>
    <row r="834244" spans="14:14">
      <c r="N834244" s="10"/>
    </row>
    <row r="834245" spans="14:14">
      <c r="N834245" s="10"/>
    </row>
    <row r="834246" spans="14:14">
      <c r="N834246" s="10"/>
    </row>
    <row r="834247" spans="14:14">
      <c r="N834247" s="10"/>
    </row>
    <row r="834248" spans="14:14">
      <c r="N834248" s="10"/>
    </row>
    <row r="834249" spans="14:14">
      <c r="N834249" s="10"/>
    </row>
    <row r="834250" spans="14:14">
      <c r="N834250" s="10"/>
    </row>
    <row r="834251" spans="14:14">
      <c r="N834251" s="10"/>
    </row>
    <row r="834252" spans="14:14">
      <c r="N834252" s="10"/>
    </row>
    <row r="834253" spans="14:14">
      <c r="N834253" s="10"/>
    </row>
    <row r="834254" spans="14:14">
      <c r="N834254" s="10"/>
    </row>
    <row r="834255" spans="14:14">
      <c r="N834255" s="10"/>
    </row>
    <row r="834256" spans="14:14">
      <c r="N834256" s="10"/>
    </row>
    <row r="834257" spans="14:14">
      <c r="N834257" s="10"/>
    </row>
    <row r="834258" spans="14:14">
      <c r="N834258" s="10"/>
    </row>
    <row r="834259" spans="14:14">
      <c r="N834259" s="10"/>
    </row>
    <row r="834260" spans="14:14">
      <c r="N834260" s="10"/>
    </row>
    <row r="834261" spans="14:14">
      <c r="N834261" s="10"/>
    </row>
    <row r="834262" spans="14:14">
      <c r="N834262" s="10"/>
    </row>
    <row r="834263" spans="14:14">
      <c r="N834263" s="10"/>
    </row>
    <row r="834264" spans="14:14">
      <c r="N834264" s="10"/>
    </row>
    <row r="834265" spans="14:14">
      <c r="N834265" s="10"/>
    </row>
    <row r="834266" spans="14:14">
      <c r="N834266" s="10"/>
    </row>
    <row r="834267" spans="14:14">
      <c r="N834267" s="10"/>
    </row>
    <row r="834268" spans="14:14">
      <c r="N834268" s="10"/>
    </row>
    <row r="834269" spans="14:14">
      <c r="N834269" s="10"/>
    </row>
    <row r="834270" spans="14:14">
      <c r="N834270" s="10"/>
    </row>
    <row r="834271" spans="14:14">
      <c r="N834271" s="10"/>
    </row>
    <row r="834272" spans="14:14">
      <c r="N834272" s="10"/>
    </row>
    <row r="834273" spans="14:14">
      <c r="N834273" s="10"/>
    </row>
    <row r="834274" spans="14:14">
      <c r="N834274" s="10"/>
    </row>
    <row r="834275" spans="14:14">
      <c r="N834275" s="10"/>
    </row>
    <row r="834276" spans="14:14">
      <c r="N834276" s="10"/>
    </row>
    <row r="834277" spans="14:14">
      <c r="N834277" s="10"/>
    </row>
    <row r="834278" spans="14:14">
      <c r="N834278" s="10"/>
    </row>
    <row r="834279" spans="14:14">
      <c r="N834279" s="10"/>
    </row>
    <row r="834280" spans="14:14">
      <c r="N834280" s="10"/>
    </row>
    <row r="834281" spans="14:14">
      <c r="N834281" s="10"/>
    </row>
    <row r="834282" spans="14:14">
      <c r="N834282" s="10"/>
    </row>
    <row r="834283" spans="14:14">
      <c r="N834283" s="10"/>
    </row>
    <row r="834284" spans="14:14">
      <c r="N834284" s="10"/>
    </row>
    <row r="834285" spans="14:14">
      <c r="N834285" s="10"/>
    </row>
    <row r="834286" spans="14:14">
      <c r="N834286" s="10"/>
    </row>
    <row r="834287" spans="14:14">
      <c r="N834287" s="10"/>
    </row>
    <row r="834288" spans="14:14">
      <c r="N834288" s="10"/>
    </row>
    <row r="834289" spans="14:14">
      <c r="N834289" s="10"/>
    </row>
    <row r="834290" spans="14:14">
      <c r="N834290" s="10"/>
    </row>
    <row r="834291" spans="14:14">
      <c r="N834291" s="10"/>
    </row>
    <row r="834292" spans="14:14">
      <c r="N834292" s="10"/>
    </row>
    <row r="834293" spans="14:14">
      <c r="N834293" s="10"/>
    </row>
    <row r="834294" spans="14:14">
      <c r="N834294" s="10"/>
    </row>
    <row r="834295" spans="14:14">
      <c r="N834295" s="10"/>
    </row>
    <row r="834296" spans="14:14">
      <c r="N834296" s="10"/>
    </row>
    <row r="834297" spans="14:14">
      <c r="N834297" s="10"/>
    </row>
    <row r="834298" spans="14:14">
      <c r="N834298" s="10"/>
    </row>
    <row r="834299" spans="14:14">
      <c r="N834299" s="10"/>
    </row>
    <row r="834300" spans="14:14">
      <c r="N834300" s="10"/>
    </row>
    <row r="834301" spans="14:14">
      <c r="N834301" s="10"/>
    </row>
    <row r="834302" spans="14:14">
      <c r="N834302" s="10"/>
    </row>
    <row r="834303" spans="14:14">
      <c r="N834303" s="10"/>
    </row>
    <row r="834304" spans="14:14">
      <c r="N834304" s="10"/>
    </row>
    <row r="834305" spans="14:14">
      <c r="N834305" s="10"/>
    </row>
    <row r="834306" spans="14:14">
      <c r="N834306" s="10"/>
    </row>
    <row r="834307" spans="14:14">
      <c r="N834307" s="10"/>
    </row>
    <row r="834308" spans="14:14">
      <c r="N834308" s="10"/>
    </row>
    <row r="834309" spans="14:14">
      <c r="N834309" s="10"/>
    </row>
    <row r="834310" spans="14:14">
      <c r="N834310" s="10"/>
    </row>
    <row r="834311" spans="14:14">
      <c r="N834311" s="10"/>
    </row>
    <row r="834312" spans="14:14">
      <c r="N834312" s="10"/>
    </row>
    <row r="834313" spans="14:14">
      <c r="N834313" s="10"/>
    </row>
    <row r="834314" spans="14:14">
      <c r="N834314" s="10"/>
    </row>
    <row r="834315" spans="14:14">
      <c r="N834315" s="10"/>
    </row>
    <row r="834316" spans="14:14">
      <c r="N834316" s="10"/>
    </row>
    <row r="834317" spans="14:14">
      <c r="N834317" s="10"/>
    </row>
    <row r="834318" spans="14:14">
      <c r="N834318" s="10"/>
    </row>
    <row r="834319" spans="14:14">
      <c r="N834319" s="10"/>
    </row>
    <row r="834320" spans="14:14">
      <c r="N834320" s="10"/>
    </row>
    <row r="834321" spans="14:14">
      <c r="N834321" s="10"/>
    </row>
    <row r="834322" spans="14:14">
      <c r="N834322" s="10"/>
    </row>
    <row r="834323" spans="14:14">
      <c r="N834323" s="10"/>
    </row>
    <row r="834324" spans="14:14">
      <c r="N834324" s="10"/>
    </row>
    <row r="834325" spans="14:14">
      <c r="N834325" s="10"/>
    </row>
    <row r="834326" spans="14:14">
      <c r="N834326" s="10"/>
    </row>
    <row r="834327" spans="14:14">
      <c r="N834327" s="10"/>
    </row>
    <row r="834328" spans="14:14">
      <c r="N834328" s="10"/>
    </row>
    <row r="834329" spans="14:14">
      <c r="N834329" s="10"/>
    </row>
    <row r="834330" spans="14:14">
      <c r="N834330" s="10"/>
    </row>
    <row r="834331" spans="14:14">
      <c r="N834331" s="10"/>
    </row>
    <row r="834332" spans="14:14">
      <c r="N834332" s="10"/>
    </row>
    <row r="834333" spans="14:14">
      <c r="N834333" s="10"/>
    </row>
    <row r="834334" spans="14:14">
      <c r="N834334" s="10"/>
    </row>
    <row r="834335" spans="14:14">
      <c r="N834335" s="10"/>
    </row>
    <row r="834336" spans="14:14">
      <c r="N834336" s="10"/>
    </row>
    <row r="834337" spans="14:14">
      <c r="N834337" s="10"/>
    </row>
    <row r="834338" spans="14:14">
      <c r="N834338" s="10"/>
    </row>
    <row r="834339" spans="14:14">
      <c r="N834339" s="10"/>
    </row>
    <row r="834340" spans="14:14">
      <c r="N834340" s="10"/>
    </row>
    <row r="834341" spans="14:14">
      <c r="N834341" s="10"/>
    </row>
    <row r="834342" spans="14:14">
      <c r="N834342" s="10"/>
    </row>
    <row r="834343" spans="14:14">
      <c r="N834343" s="10"/>
    </row>
    <row r="834344" spans="14:14">
      <c r="N834344" s="10"/>
    </row>
    <row r="834345" spans="14:14">
      <c r="N834345" s="10"/>
    </row>
    <row r="834346" spans="14:14">
      <c r="N834346" s="10"/>
    </row>
    <row r="834347" spans="14:14">
      <c r="N834347" s="10"/>
    </row>
    <row r="834348" spans="14:14">
      <c r="N834348" s="10"/>
    </row>
    <row r="834349" spans="14:14">
      <c r="N834349" s="10"/>
    </row>
    <row r="834350" spans="14:14">
      <c r="N834350" s="10"/>
    </row>
    <row r="834351" spans="14:14">
      <c r="N834351" s="10"/>
    </row>
    <row r="834352" spans="14:14">
      <c r="N834352" s="10"/>
    </row>
    <row r="834353" spans="14:14">
      <c r="N834353" s="10"/>
    </row>
    <row r="834354" spans="14:14">
      <c r="N834354" s="10"/>
    </row>
    <row r="834355" spans="14:14">
      <c r="N834355" s="10"/>
    </row>
    <row r="834356" spans="14:14">
      <c r="N834356" s="10"/>
    </row>
    <row r="834357" spans="14:14">
      <c r="N834357" s="10"/>
    </row>
    <row r="834358" spans="14:14">
      <c r="N834358" s="10"/>
    </row>
    <row r="834359" spans="14:14">
      <c r="N834359" s="10"/>
    </row>
    <row r="834360" spans="14:14">
      <c r="N834360" s="10"/>
    </row>
    <row r="834361" spans="14:14">
      <c r="N834361" s="10"/>
    </row>
    <row r="834362" spans="14:14">
      <c r="N834362" s="10"/>
    </row>
    <row r="834363" spans="14:14">
      <c r="N834363" s="10"/>
    </row>
    <row r="834364" spans="14:14">
      <c r="N834364" s="10"/>
    </row>
    <row r="834365" spans="14:14">
      <c r="N834365" s="10"/>
    </row>
    <row r="834366" spans="14:14">
      <c r="N834366" s="10"/>
    </row>
    <row r="834367" spans="14:14">
      <c r="N834367" s="10"/>
    </row>
    <row r="834368" spans="14:14">
      <c r="N834368" s="10"/>
    </row>
    <row r="834369" spans="14:14">
      <c r="N834369" s="10"/>
    </row>
    <row r="834370" spans="14:14">
      <c r="N834370" s="10"/>
    </row>
    <row r="834371" spans="14:14">
      <c r="N834371" s="10"/>
    </row>
    <row r="834372" spans="14:14">
      <c r="N834372" s="10"/>
    </row>
    <row r="834373" spans="14:14">
      <c r="N834373" s="10"/>
    </row>
    <row r="834374" spans="14:14">
      <c r="N834374" s="10"/>
    </row>
    <row r="834375" spans="14:14">
      <c r="N834375" s="10"/>
    </row>
    <row r="834376" spans="14:14">
      <c r="N834376" s="10"/>
    </row>
    <row r="834377" spans="14:14">
      <c r="N834377" s="10"/>
    </row>
    <row r="834378" spans="14:14">
      <c r="N834378" s="10"/>
    </row>
    <row r="834379" spans="14:14">
      <c r="N834379" s="10"/>
    </row>
    <row r="834380" spans="14:14">
      <c r="N834380" s="10"/>
    </row>
    <row r="834381" spans="14:14">
      <c r="N834381" s="10"/>
    </row>
    <row r="834382" spans="14:14">
      <c r="N834382" s="10"/>
    </row>
    <row r="834383" spans="14:14">
      <c r="N834383" s="10"/>
    </row>
    <row r="834384" spans="14:14">
      <c r="N834384" s="10"/>
    </row>
    <row r="834385" spans="14:14">
      <c r="N834385" s="10"/>
    </row>
    <row r="834386" spans="14:14">
      <c r="N834386" s="10"/>
    </row>
    <row r="834387" spans="14:14">
      <c r="N834387" s="10"/>
    </row>
    <row r="834388" spans="14:14">
      <c r="N834388" s="10"/>
    </row>
    <row r="834389" spans="14:14">
      <c r="N834389" s="10"/>
    </row>
    <row r="834390" spans="14:14">
      <c r="N834390" s="10"/>
    </row>
    <row r="834391" spans="14:14">
      <c r="N834391" s="10"/>
    </row>
    <row r="834392" spans="14:14">
      <c r="N834392" s="10"/>
    </row>
    <row r="834393" spans="14:14">
      <c r="N834393" s="10"/>
    </row>
    <row r="834394" spans="14:14">
      <c r="N834394" s="10"/>
    </row>
    <row r="834395" spans="14:14">
      <c r="N834395" s="10"/>
    </row>
    <row r="834396" spans="14:14">
      <c r="N834396" s="10"/>
    </row>
    <row r="834397" spans="14:14">
      <c r="N834397" s="10"/>
    </row>
    <row r="834398" spans="14:14">
      <c r="N834398" s="10"/>
    </row>
    <row r="834399" spans="14:14">
      <c r="N834399" s="10"/>
    </row>
    <row r="834400" spans="14:14">
      <c r="N834400" s="10"/>
    </row>
    <row r="834401" spans="14:14">
      <c r="N834401" s="10"/>
    </row>
    <row r="834402" spans="14:14">
      <c r="N834402" s="10"/>
    </row>
    <row r="834403" spans="14:14">
      <c r="N834403" s="10"/>
    </row>
    <row r="834404" spans="14:14">
      <c r="N834404" s="10"/>
    </row>
    <row r="834405" spans="14:14">
      <c r="N834405" s="10"/>
    </row>
    <row r="834406" spans="14:14">
      <c r="N834406" s="10"/>
    </row>
    <row r="834407" spans="14:14">
      <c r="N834407" s="10"/>
    </row>
    <row r="834408" spans="14:14">
      <c r="N834408" s="10"/>
    </row>
    <row r="834409" spans="14:14">
      <c r="N834409" s="10"/>
    </row>
    <row r="834410" spans="14:14">
      <c r="N834410" s="10"/>
    </row>
    <row r="834411" spans="14:14">
      <c r="N834411" s="10"/>
    </row>
    <row r="834412" spans="14:14">
      <c r="N834412" s="10"/>
    </row>
    <row r="834413" spans="14:14">
      <c r="N834413" s="10"/>
    </row>
    <row r="834414" spans="14:14">
      <c r="N834414" s="10"/>
    </row>
    <row r="834415" spans="14:14">
      <c r="N834415" s="10"/>
    </row>
    <row r="834416" spans="14:14">
      <c r="N834416" s="10"/>
    </row>
    <row r="834417" spans="14:14">
      <c r="N834417" s="10"/>
    </row>
    <row r="834418" spans="14:14">
      <c r="N834418" s="10"/>
    </row>
    <row r="834419" spans="14:14">
      <c r="N834419" s="10"/>
    </row>
    <row r="834420" spans="14:14">
      <c r="N834420" s="10"/>
    </row>
    <row r="834421" spans="14:14">
      <c r="N834421" s="10"/>
    </row>
    <row r="834422" spans="14:14">
      <c r="N834422" s="10"/>
    </row>
    <row r="834423" spans="14:14">
      <c r="N834423" s="10"/>
    </row>
    <row r="834424" spans="14:14">
      <c r="N834424" s="10"/>
    </row>
    <row r="834425" spans="14:14">
      <c r="N834425" s="10"/>
    </row>
    <row r="834426" spans="14:14">
      <c r="N834426" s="10"/>
    </row>
    <row r="834427" spans="14:14">
      <c r="N834427" s="10"/>
    </row>
    <row r="834428" spans="14:14">
      <c r="N834428" s="10"/>
    </row>
    <row r="834429" spans="14:14">
      <c r="N834429" s="10"/>
    </row>
    <row r="834430" spans="14:14">
      <c r="N834430" s="10"/>
    </row>
    <row r="834431" spans="14:14">
      <c r="N834431" s="10"/>
    </row>
    <row r="834432" spans="14:14">
      <c r="N834432" s="10"/>
    </row>
    <row r="834433" spans="14:14">
      <c r="N834433" s="10"/>
    </row>
    <row r="834434" spans="14:14">
      <c r="N834434" s="10"/>
    </row>
    <row r="834435" spans="14:14">
      <c r="N834435" s="10"/>
    </row>
    <row r="834436" spans="14:14">
      <c r="N834436" s="10"/>
    </row>
    <row r="834437" spans="14:14">
      <c r="N834437" s="10"/>
    </row>
    <row r="834438" spans="14:14">
      <c r="N834438" s="10"/>
    </row>
    <row r="834439" spans="14:14">
      <c r="N834439" s="10"/>
    </row>
    <row r="834440" spans="14:14">
      <c r="N834440" s="10"/>
    </row>
    <row r="834441" spans="14:14">
      <c r="N834441" s="10"/>
    </row>
    <row r="834442" spans="14:14">
      <c r="N834442" s="10"/>
    </row>
    <row r="834443" spans="14:14">
      <c r="N834443" s="10"/>
    </row>
    <row r="834444" spans="14:14">
      <c r="N834444" s="10"/>
    </row>
    <row r="834445" spans="14:14">
      <c r="N834445" s="10"/>
    </row>
    <row r="834446" spans="14:14">
      <c r="N834446" s="10"/>
    </row>
    <row r="834447" spans="14:14">
      <c r="N834447" s="10"/>
    </row>
    <row r="834448" spans="14:14">
      <c r="N834448" s="10"/>
    </row>
    <row r="834449" spans="14:14">
      <c r="N834449" s="10"/>
    </row>
    <row r="834450" spans="14:14">
      <c r="N834450" s="10"/>
    </row>
    <row r="834451" spans="14:14">
      <c r="N834451" s="10"/>
    </row>
    <row r="834452" spans="14:14">
      <c r="N834452" s="10"/>
    </row>
    <row r="834453" spans="14:14">
      <c r="N834453" s="10"/>
    </row>
    <row r="834454" spans="14:14">
      <c r="N834454" s="10"/>
    </row>
    <row r="834455" spans="14:14">
      <c r="N834455" s="10"/>
    </row>
    <row r="834456" spans="14:14">
      <c r="N834456" s="10"/>
    </row>
    <row r="834457" spans="14:14">
      <c r="N834457" s="10"/>
    </row>
    <row r="834458" spans="14:14">
      <c r="N834458" s="10"/>
    </row>
    <row r="834459" spans="14:14">
      <c r="N834459" s="10"/>
    </row>
    <row r="834460" spans="14:14">
      <c r="N834460" s="10"/>
    </row>
    <row r="834461" spans="14:14">
      <c r="N834461" s="10"/>
    </row>
    <row r="834462" spans="14:14">
      <c r="N834462" s="10"/>
    </row>
    <row r="834463" spans="14:14">
      <c r="N834463" s="10"/>
    </row>
    <row r="834464" spans="14:14">
      <c r="N834464" s="10"/>
    </row>
    <row r="834465" spans="14:14">
      <c r="N834465" s="10"/>
    </row>
    <row r="834466" spans="14:14">
      <c r="N834466" s="10"/>
    </row>
    <row r="834467" spans="14:14">
      <c r="N834467" s="10"/>
    </row>
    <row r="834468" spans="14:14">
      <c r="N834468" s="10"/>
    </row>
    <row r="834469" spans="14:14">
      <c r="N834469" s="10"/>
    </row>
    <row r="834470" spans="14:14">
      <c r="N834470" s="10"/>
    </row>
    <row r="834471" spans="14:14">
      <c r="N834471" s="10"/>
    </row>
    <row r="834472" spans="14:14">
      <c r="N834472" s="10"/>
    </row>
    <row r="834473" spans="14:14">
      <c r="N834473" s="10"/>
    </row>
    <row r="834474" spans="14:14">
      <c r="N834474" s="10"/>
    </row>
    <row r="834475" spans="14:14">
      <c r="N834475" s="10"/>
    </row>
    <row r="834476" spans="14:14">
      <c r="N834476" s="10"/>
    </row>
    <row r="834477" spans="14:14">
      <c r="N834477" s="10"/>
    </row>
    <row r="834478" spans="14:14">
      <c r="N834478" s="10"/>
    </row>
    <row r="834479" spans="14:14">
      <c r="N834479" s="10"/>
    </row>
    <row r="834480" spans="14:14">
      <c r="N834480" s="10"/>
    </row>
    <row r="834481" spans="14:14">
      <c r="N834481" s="10"/>
    </row>
    <row r="834482" spans="14:14">
      <c r="N834482" s="10"/>
    </row>
    <row r="834483" spans="14:14">
      <c r="N834483" s="10"/>
    </row>
    <row r="834484" spans="14:14">
      <c r="N834484" s="10"/>
    </row>
    <row r="834485" spans="14:14">
      <c r="N834485" s="10"/>
    </row>
    <row r="834486" spans="14:14">
      <c r="N834486" s="10"/>
    </row>
    <row r="834487" spans="14:14">
      <c r="N834487" s="10"/>
    </row>
    <row r="834488" spans="14:14">
      <c r="N834488" s="10"/>
    </row>
    <row r="834489" spans="14:14">
      <c r="N834489" s="10"/>
    </row>
    <row r="834490" spans="14:14">
      <c r="N834490" s="10"/>
    </row>
    <row r="834491" spans="14:14">
      <c r="N834491" s="10"/>
    </row>
    <row r="834492" spans="14:14">
      <c r="N834492" s="10"/>
    </row>
    <row r="834493" spans="14:14">
      <c r="N834493" s="10"/>
    </row>
    <row r="834494" spans="14:14">
      <c r="N834494" s="10"/>
    </row>
    <row r="834495" spans="14:14">
      <c r="N834495" s="10"/>
    </row>
    <row r="834496" spans="14:14">
      <c r="N834496" s="10"/>
    </row>
    <row r="834497" spans="14:14">
      <c r="N834497" s="10"/>
    </row>
    <row r="834498" spans="14:14">
      <c r="N834498" s="10"/>
    </row>
    <row r="834499" spans="14:14">
      <c r="N834499" s="10"/>
    </row>
    <row r="834500" spans="14:14">
      <c r="N834500" s="10"/>
    </row>
    <row r="834501" spans="14:14">
      <c r="N834501" s="10"/>
    </row>
    <row r="834502" spans="14:14">
      <c r="N834502" s="10"/>
    </row>
    <row r="834503" spans="14:14">
      <c r="N834503" s="10"/>
    </row>
    <row r="834504" spans="14:14">
      <c r="N834504" s="10"/>
    </row>
    <row r="834505" spans="14:14">
      <c r="N834505" s="10"/>
    </row>
    <row r="834506" spans="14:14">
      <c r="N834506" s="10"/>
    </row>
    <row r="834507" spans="14:14">
      <c r="N834507" s="10"/>
    </row>
    <row r="834508" spans="14:14">
      <c r="N834508" s="10"/>
    </row>
    <row r="834509" spans="14:14">
      <c r="N834509" s="10"/>
    </row>
    <row r="834510" spans="14:14">
      <c r="N834510" s="10"/>
    </row>
    <row r="834511" spans="14:14">
      <c r="N834511" s="10"/>
    </row>
    <row r="834512" spans="14:14">
      <c r="N834512" s="10"/>
    </row>
    <row r="834513" spans="14:14">
      <c r="N834513" s="10"/>
    </row>
    <row r="834514" spans="14:14">
      <c r="N834514" s="10"/>
    </row>
    <row r="834515" spans="14:14">
      <c r="N834515" s="10"/>
    </row>
    <row r="834516" spans="14:14">
      <c r="N834516" s="10"/>
    </row>
    <row r="834517" spans="14:14">
      <c r="N834517" s="10"/>
    </row>
    <row r="834518" spans="14:14">
      <c r="N834518" s="10"/>
    </row>
    <row r="834519" spans="14:14">
      <c r="N834519" s="10"/>
    </row>
    <row r="834520" spans="14:14">
      <c r="N834520" s="10"/>
    </row>
    <row r="834521" spans="14:14">
      <c r="N834521" s="10"/>
    </row>
    <row r="834522" spans="14:14">
      <c r="N834522" s="10"/>
    </row>
    <row r="834523" spans="14:14">
      <c r="N834523" s="10"/>
    </row>
    <row r="834524" spans="14:14">
      <c r="N834524" s="10"/>
    </row>
    <row r="834525" spans="14:14">
      <c r="N834525" s="10"/>
    </row>
    <row r="834526" spans="14:14">
      <c r="N834526" s="10"/>
    </row>
    <row r="834527" spans="14:14">
      <c r="N834527" s="10"/>
    </row>
    <row r="834528" spans="14:14">
      <c r="N834528" s="10"/>
    </row>
    <row r="834529" spans="14:14">
      <c r="N834529" s="10"/>
    </row>
    <row r="834530" spans="14:14">
      <c r="N834530" s="10"/>
    </row>
    <row r="834531" spans="14:14">
      <c r="N834531" s="10"/>
    </row>
    <row r="834532" spans="14:14">
      <c r="N834532" s="10"/>
    </row>
    <row r="834533" spans="14:14">
      <c r="N834533" s="10"/>
    </row>
    <row r="834534" spans="14:14">
      <c r="N834534" s="10"/>
    </row>
    <row r="834535" spans="14:14">
      <c r="N834535" s="10"/>
    </row>
    <row r="834536" spans="14:14">
      <c r="N834536" s="10"/>
    </row>
    <row r="834537" spans="14:14">
      <c r="N834537" s="10"/>
    </row>
    <row r="834538" spans="14:14">
      <c r="N834538" s="10"/>
    </row>
    <row r="834539" spans="14:14">
      <c r="N834539" s="10"/>
    </row>
    <row r="834540" spans="14:14">
      <c r="N834540" s="10"/>
    </row>
    <row r="834541" spans="14:14">
      <c r="N834541" s="10"/>
    </row>
    <row r="834542" spans="14:14">
      <c r="N834542" s="10"/>
    </row>
    <row r="834543" spans="14:14">
      <c r="N834543" s="10"/>
    </row>
    <row r="834544" spans="14:14">
      <c r="N834544" s="10"/>
    </row>
    <row r="834545" spans="14:14">
      <c r="N834545" s="10"/>
    </row>
    <row r="834546" spans="14:14">
      <c r="N834546" s="10"/>
    </row>
    <row r="834547" spans="14:14">
      <c r="N834547" s="10"/>
    </row>
    <row r="834548" spans="14:14">
      <c r="N834548" s="10"/>
    </row>
    <row r="834549" spans="14:14">
      <c r="N834549" s="10"/>
    </row>
    <row r="834550" spans="14:14">
      <c r="N834550" s="10"/>
    </row>
    <row r="834551" spans="14:14">
      <c r="N834551" s="10"/>
    </row>
    <row r="834552" spans="14:14">
      <c r="N834552" s="10"/>
    </row>
    <row r="834553" spans="14:14">
      <c r="N834553" s="10"/>
    </row>
    <row r="834554" spans="14:14">
      <c r="N834554" s="10"/>
    </row>
    <row r="834555" spans="14:14">
      <c r="N834555" s="10"/>
    </row>
    <row r="834556" spans="14:14">
      <c r="N834556" s="10"/>
    </row>
    <row r="834557" spans="14:14">
      <c r="N834557" s="10"/>
    </row>
    <row r="834558" spans="14:14">
      <c r="N834558" s="10"/>
    </row>
    <row r="834559" spans="14:14">
      <c r="N834559" s="10"/>
    </row>
    <row r="834560" spans="14:14">
      <c r="N834560" s="10"/>
    </row>
    <row r="834561" spans="14:14">
      <c r="N834561" s="10"/>
    </row>
    <row r="834562" spans="14:14">
      <c r="N834562" s="10"/>
    </row>
    <row r="834563" spans="14:14">
      <c r="N834563" s="10"/>
    </row>
    <row r="834564" spans="14:14">
      <c r="N834564" s="10"/>
    </row>
    <row r="834565" spans="14:14">
      <c r="N834565" s="10"/>
    </row>
    <row r="834566" spans="14:14">
      <c r="N834566" s="10"/>
    </row>
    <row r="834567" spans="14:14">
      <c r="N834567" s="10"/>
    </row>
    <row r="834568" spans="14:14">
      <c r="N834568" s="10"/>
    </row>
    <row r="834569" spans="14:14">
      <c r="N834569" s="10"/>
    </row>
    <row r="834570" spans="14:14">
      <c r="N834570" s="10"/>
    </row>
    <row r="834571" spans="14:14">
      <c r="N834571" s="10"/>
    </row>
    <row r="834572" spans="14:14">
      <c r="N834572" s="10"/>
    </row>
    <row r="834573" spans="14:14">
      <c r="N834573" s="10"/>
    </row>
    <row r="834574" spans="14:14">
      <c r="N834574" s="10"/>
    </row>
    <row r="834575" spans="14:14">
      <c r="N834575" s="10"/>
    </row>
    <row r="834576" spans="14:14">
      <c r="N834576" s="10"/>
    </row>
    <row r="834577" spans="14:14">
      <c r="N834577" s="10"/>
    </row>
    <row r="834578" spans="14:14">
      <c r="N834578" s="10"/>
    </row>
    <row r="834579" spans="14:14">
      <c r="N834579" s="10"/>
    </row>
    <row r="834580" spans="14:14">
      <c r="N834580" s="10"/>
    </row>
    <row r="834581" spans="14:14">
      <c r="N834581" s="10"/>
    </row>
    <row r="834582" spans="14:14">
      <c r="N834582" s="10"/>
    </row>
    <row r="834583" spans="14:14">
      <c r="N834583" s="10"/>
    </row>
    <row r="834584" spans="14:14">
      <c r="N834584" s="10"/>
    </row>
    <row r="834585" spans="14:14">
      <c r="N834585" s="10"/>
    </row>
    <row r="834586" spans="14:14">
      <c r="N834586" s="10"/>
    </row>
    <row r="834587" spans="14:14">
      <c r="N834587" s="10"/>
    </row>
    <row r="834588" spans="14:14">
      <c r="N834588" s="10"/>
    </row>
    <row r="834589" spans="14:14">
      <c r="N834589" s="10"/>
    </row>
    <row r="834590" spans="14:14">
      <c r="N834590" s="10"/>
    </row>
    <row r="834591" spans="14:14">
      <c r="N834591" s="10"/>
    </row>
    <row r="834592" spans="14:14">
      <c r="N834592" s="10"/>
    </row>
    <row r="834593" spans="14:14">
      <c r="N834593" s="10"/>
    </row>
    <row r="834594" spans="14:14">
      <c r="N834594" s="10"/>
    </row>
    <row r="834595" spans="14:14">
      <c r="N834595" s="10"/>
    </row>
    <row r="834596" spans="14:14">
      <c r="N834596" s="10"/>
    </row>
    <row r="834597" spans="14:14">
      <c r="N834597" s="10"/>
    </row>
    <row r="834598" spans="14:14">
      <c r="N834598" s="10"/>
    </row>
    <row r="834599" spans="14:14">
      <c r="N834599" s="10"/>
    </row>
    <row r="834600" spans="14:14">
      <c r="N834600" s="10"/>
    </row>
    <row r="834601" spans="14:14">
      <c r="N834601" s="10"/>
    </row>
    <row r="834602" spans="14:14">
      <c r="N834602" s="10"/>
    </row>
    <row r="834603" spans="14:14">
      <c r="N834603" s="10"/>
    </row>
    <row r="834604" spans="14:14">
      <c r="N834604" s="10"/>
    </row>
    <row r="834605" spans="14:14">
      <c r="N834605" s="10"/>
    </row>
    <row r="834606" spans="14:14">
      <c r="N834606" s="10"/>
    </row>
    <row r="834607" spans="14:14">
      <c r="N834607" s="10"/>
    </row>
    <row r="834608" spans="14:14">
      <c r="N834608" s="10"/>
    </row>
    <row r="834609" spans="14:14">
      <c r="N834609" s="10"/>
    </row>
    <row r="834610" spans="14:14">
      <c r="N834610" s="10"/>
    </row>
    <row r="834611" spans="14:14">
      <c r="N834611" s="10"/>
    </row>
    <row r="834612" spans="14:14">
      <c r="N834612" s="10"/>
    </row>
    <row r="834613" spans="14:14">
      <c r="N834613" s="10"/>
    </row>
    <row r="834614" spans="14:14">
      <c r="N834614" s="10"/>
    </row>
    <row r="834615" spans="14:14">
      <c r="N834615" s="10"/>
    </row>
    <row r="834616" spans="14:14">
      <c r="N834616" s="10"/>
    </row>
    <row r="834617" spans="14:14">
      <c r="N834617" s="10"/>
    </row>
    <row r="834618" spans="14:14">
      <c r="N834618" s="10"/>
    </row>
    <row r="834619" spans="14:14">
      <c r="N834619" s="10"/>
    </row>
    <row r="834620" spans="14:14">
      <c r="N834620" s="10"/>
    </row>
    <row r="834621" spans="14:14">
      <c r="N834621" s="10"/>
    </row>
    <row r="834622" spans="14:14">
      <c r="N834622" s="10"/>
    </row>
    <row r="834623" spans="14:14">
      <c r="N834623" s="10"/>
    </row>
    <row r="834624" spans="14:14">
      <c r="N834624" s="10"/>
    </row>
    <row r="834625" spans="14:14">
      <c r="N834625" s="10"/>
    </row>
    <row r="834626" spans="14:14">
      <c r="N834626" s="10"/>
    </row>
    <row r="834627" spans="14:14">
      <c r="N834627" s="10"/>
    </row>
    <row r="834628" spans="14:14">
      <c r="N834628" s="10"/>
    </row>
    <row r="834629" spans="14:14">
      <c r="N834629" s="10"/>
    </row>
    <row r="834630" spans="14:14">
      <c r="N834630" s="10"/>
    </row>
    <row r="834631" spans="14:14">
      <c r="N834631" s="10"/>
    </row>
    <row r="834632" spans="14:14">
      <c r="N834632" s="10"/>
    </row>
    <row r="834633" spans="14:14">
      <c r="N834633" s="10"/>
    </row>
    <row r="834634" spans="14:14">
      <c r="N834634" s="10"/>
    </row>
    <row r="834635" spans="14:14">
      <c r="N834635" s="10"/>
    </row>
    <row r="834636" spans="14:14">
      <c r="N834636" s="10"/>
    </row>
    <row r="834637" spans="14:14">
      <c r="N834637" s="10"/>
    </row>
    <row r="834638" spans="14:14">
      <c r="N834638" s="10"/>
    </row>
    <row r="834639" spans="14:14">
      <c r="N834639" s="10"/>
    </row>
    <row r="834640" spans="14:14">
      <c r="N834640" s="10"/>
    </row>
    <row r="834641" spans="14:14">
      <c r="N834641" s="10"/>
    </row>
    <row r="834642" spans="14:14">
      <c r="N834642" s="10"/>
    </row>
    <row r="834643" spans="14:14">
      <c r="N834643" s="10"/>
    </row>
    <row r="834644" spans="14:14">
      <c r="N834644" s="10"/>
    </row>
    <row r="834645" spans="14:14">
      <c r="N834645" s="10"/>
    </row>
    <row r="834646" spans="14:14">
      <c r="N834646" s="10"/>
    </row>
    <row r="834647" spans="14:14">
      <c r="N834647" s="10"/>
    </row>
    <row r="834648" spans="14:14">
      <c r="N834648" s="10"/>
    </row>
    <row r="834649" spans="14:14">
      <c r="N834649" s="10"/>
    </row>
    <row r="834650" spans="14:14">
      <c r="N834650" s="10"/>
    </row>
    <row r="834651" spans="14:14">
      <c r="N834651" s="10"/>
    </row>
    <row r="834652" spans="14:14">
      <c r="N834652" s="10"/>
    </row>
    <row r="834653" spans="14:14">
      <c r="N834653" s="10"/>
    </row>
    <row r="834654" spans="14:14">
      <c r="N834654" s="10"/>
    </row>
    <row r="834655" spans="14:14">
      <c r="N834655" s="10"/>
    </row>
    <row r="834656" spans="14:14">
      <c r="N834656" s="10"/>
    </row>
    <row r="834657" spans="14:14">
      <c r="N834657" s="10"/>
    </row>
    <row r="834658" spans="14:14">
      <c r="N834658" s="10"/>
    </row>
    <row r="834659" spans="14:14">
      <c r="N834659" s="10"/>
    </row>
    <row r="834660" spans="14:14">
      <c r="N834660" s="10"/>
    </row>
    <row r="834661" spans="14:14">
      <c r="N834661" s="10"/>
    </row>
    <row r="834662" spans="14:14">
      <c r="N834662" s="10"/>
    </row>
    <row r="834663" spans="14:14">
      <c r="N834663" s="10"/>
    </row>
    <row r="834664" spans="14:14">
      <c r="N834664" s="10"/>
    </row>
    <row r="834665" spans="14:14">
      <c r="N834665" s="10"/>
    </row>
    <row r="834666" spans="14:14">
      <c r="N834666" s="10"/>
    </row>
    <row r="834667" spans="14:14">
      <c r="N834667" s="10"/>
    </row>
    <row r="834668" spans="14:14">
      <c r="N834668" s="10"/>
    </row>
    <row r="834669" spans="14:14">
      <c r="N834669" s="10"/>
    </row>
    <row r="834670" spans="14:14">
      <c r="N834670" s="10"/>
    </row>
    <row r="834671" spans="14:14">
      <c r="N834671" s="10"/>
    </row>
    <row r="834672" spans="14:14">
      <c r="N834672" s="10"/>
    </row>
    <row r="834673" spans="14:14">
      <c r="N834673" s="10"/>
    </row>
    <row r="834674" spans="14:14">
      <c r="N834674" s="10"/>
    </row>
    <row r="834675" spans="14:14">
      <c r="N834675" s="10"/>
    </row>
    <row r="834676" spans="14:14">
      <c r="N834676" s="10"/>
    </row>
    <row r="834677" spans="14:14">
      <c r="N834677" s="10"/>
    </row>
    <row r="834678" spans="14:14">
      <c r="N834678" s="10"/>
    </row>
    <row r="834679" spans="14:14">
      <c r="N834679" s="10"/>
    </row>
    <row r="834680" spans="14:14">
      <c r="N834680" s="10"/>
    </row>
    <row r="834681" spans="14:14">
      <c r="N834681" s="10"/>
    </row>
    <row r="834682" spans="14:14">
      <c r="N834682" s="10"/>
    </row>
    <row r="834683" spans="14:14">
      <c r="N834683" s="10"/>
    </row>
    <row r="834684" spans="14:14">
      <c r="N834684" s="10"/>
    </row>
    <row r="834685" spans="14:14">
      <c r="N834685" s="10"/>
    </row>
    <row r="834686" spans="14:14">
      <c r="N834686" s="10"/>
    </row>
    <row r="834687" spans="14:14">
      <c r="N834687" s="10"/>
    </row>
    <row r="834688" spans="14:14">
      <c r="N834688" s="10"/>
    </row>
    <row r="834689" spans="14:14">
      <c r="N834689" s="10"/>
    </row>
    <row r="834690" spans="14:14">
      <c r="N834690" s="10"/>
    </row>
    <row r="834691" spans="14:14">
      <c r="N834691" s="10"/>
    </row>
    <row r="834692" spans="14:14">
      <c r="N834692" s="10"/>
    </row>
    <row r="834693" spans="14:14">
      <c r="N834693" s="10"/>
    </row>
    <row r="834694" spans="14:14">
      <c r="N834694" s="10"/>
    </row>
    <row r="834695" spans="14:14">
      <c r="N834695" s="10"/>
    </row>
    <row r="834696" spans="14:14">
      <c r="N834696" s="10"/>
    </row>
    <row r="834697" spans="14:14">
      <c r="N834697" s="10"/>
    </row>
    <row r="834698" spans="14:14">
      <c r="N834698" s="10"/>
    </row>
    <row r="834699" spans="14:14">
      <c r="N834699" s="10"/>
    </row>
    <row r="834700" spans="14:14">
      <c r="N834700" s="10"/>
    </row>
    <row r="834701" spans="14:14">
      <c r="N834701" s="10"/>
    </row>
    <row r="834702" spans="14:14">
      <c r="N834702" s="10"/>
    </row>
    <row r="834703" spans="14:14">
      <c r="N834703" s="10"/>
    </row>
    <row r="834704" spans="14:14">
      <c r="N834704" s="10"/>
    </row>
    <row r="834705" spans="14:14">
      <c r="N834705" s="10"/>
    </row>
    <row r="834706" spans="14:14">
      <c r="N834706" s="10"/>
    </row>
    <row r="834707" spans="14:14">
      <c r="N834707" s="10"/>
    </row>
    <row r="834708" spans="14:14">
      <c r="N834708" s="10"/>
    </row>
    <row r="834709" spans="14:14">
      <c r="N834709" s="10"/>
    </row>
    <row r="834710" spans="14:14">
      <c r="N834710" s="10"/>
    </row>
    <row r="834711" spans="14:14">
      <c r="N834711" s="10"/>
    </row>
    <row r="834712" spans="14:14">
      <c r="N834712" s="10"/>
    </row>
    <row r="834713" spans="14:14">
      <c r="N834713" s="10"/>
    </row>
    <row r="834714" spans="14:14">
      <c r="N834714" s="10"/>
    </row>
    <row r="834715" spans="14:14">
      <c r="N834715" s="10"/>
    </row>
    <row r="834716" spans="14:14">
      <c r="N834716" s="10"/>
    </row>
    <row r="834717" spans="14:14">
      <c r="N834717" s="10"/>
    </row>
    <row r="834718" spans="14:14">
      <c r="N834718" s="10"/>
    </row>
    <row r="834719" spans="14:14">
      <c r="N834719" s="10"/>
    </row>
    <row r="834720" spans="14:14">
      <c r="N834720" s="10"/>
    </row>
    <row r="834721" spans="14:14">
      <c r="N834721" s="10"/>
    </row>
    <row r="834722" spans="14:14">
      <c r="N834722" s="10"/>
    </row>
    <row r="834723" spans="14:14">
      <c r="N834723" s="10"/>
    </row>
    <row r="834724" spans="14:14">
      <c r="N834724" s="10"/>
    </row>
    <row r="834725" spans="14:14">
      <c r="N834725" s="10"/>
    </row>
    <row r="834726" spans="14:14">
      <c r="N834726" s="10"/>
    </row>
    <row r="834727" spans="14:14">
      <c r="N834727" s="10"/>
    </row>
    <row r="834728" spans="14:14">
      <c r="N834728" s="10"/>
    </row>
    <row r="834729" spans="14:14">
      <c r="N834729" s="10"/>
    </row>
    <row r="834730" spans="14:14">
      <c r="N834730" s="10"/>
    </row>
    <row r="834731" spans="14:14">
      <c r="N834731" s="10"/>
    </row>
    <row r="834732" spans="14:14">
      <c r="N834732" s="10"/>
    </row>
    <row r="834733" spans="14:14">
      <c r="N834733" s="10"/>
    </row>
    <row r="834734" spans="14:14">
      <c r="N834734" s="10"/>
    </row>
    <row r="834735" spans="14:14">
      <c r="N834735" s="10"/>
    </row>
    <row r="834736" spans="14:14">
      <c r="N834736" s="10"/>
    </row>
    <row r="834737" spans="14:14">
      <c r="N834737" s="10"/>
    </row>
    <row r="834738" spans="14:14">
      <c r="N834738" s="10"/>
    </row>
    <row r="834739" spans="14:14">
      <c r="N834739" s="10"/>
    </row>
    <row r="834740" spans="14:14">
      <c r="N834740" s="10"/>
    </row>
    <row r="834741" spans="14:14">
      <c r="N834741" s="10"/>
    </row>
    <row r="834742" spans="14:14">
      <c r="N834742" s="10"/>
    </row>
    <row r="834743" spans="14:14">
      <c r="N834743" s="10"/>
    </row>
    <row r="834744" spans="14:14">
      <c r="N834744" s="10"/>
    </row>
    <row r="834745" spans="14:14">
      <c r="N834745" s="10"/>
    </row>
    <row r="834746" spans="14:14">
      <c r="N834746" s="10"/>
    </row>
    <row r="834747" spans="14:14">
      <c r="N834747" s="10"/>
    </row>
    <row r="834748" spans="14:14">
      <c r="N834748" s="10"/>
    </row>
    <row r="834749" spans="14:14">
      <c r="N834749" s="10"/>
    </row>
    <row r="834750" spans="14:14">
      <c r="N834750" s="10"/>
    </row>
    <row r="834751" spans="14:14">
      <c r="N834751" s="10"/>
    </row>
    <row r="834752" spans="14:14">
      <c r="N834752" s="10"/>
    </row>
    <row r="834753" spans="14:14">
      <c r="N834753" s="10"/>
    </row>
    <row r="834754" spans="14:14">
      <c r="N834754" s="10"/>
    </row>
    <row r="834755" spans="14:14">
      <c r="N834755" s="10"/>
    </row>
    <row r="834756" spans="14:14">
      <c r="N834756" s="10"/>
    </row>
    <row r="834757" spans="14:14">
      <c r="N834757" s="10"/>
    </row>
    <row r="834758" spans="14:14">
      <c r="N834758" s="10"/>
    </row>
    <row r="834759" spans="14:14">
      <c r="N834759" s="10"/>
    </row>
    <row r="834760" spans="14:14">
      <c r="N834760" s="10"/>
    </row>
    <row r="834761" spans="14:14">
      <c r="N834761" s="10"/>
    </row>
    <row r="834762" spans="14:14">
      <c r="N834762" s="10"/>
    </row>
    <row r="834763" spans="14:14">
      <c r="N834763" s="10"/>
    </row>
    <row r="834764" spans="14:14">
      <c r="N834764" s="10"/>
    </row>
    <row r="834765" spans="14:14">
      <c r="N834765" s="10"/>
    </row>
    <row r="834766" spans="14:14">
      <c r="N834766" s="10"/>
    </row>
    <row r="834767" spans="14:14">
      <c r="N834767" s="10"/>
    </row>
    <row r="834768" spans="14:14">
      <c r="N834768" s="10"/>
    </row>
    <row r="834769" spans="14:14">
      <c r="N834769" s="10"/>
    </row>
    <row r="834770" spans="14:14">
      <c r="N834770" s="10"/>
    </row>
    <row r="834771" spans="14:14">
      <c r="N834771" s="10"/>
    </row>
    <row r="834772" spans="14:14">
      <c r="N834772" s="10"/>
    </row>
    <row r="834773" spans="14:14">
      <c r="N834773" s="10"/>
    </row>
    <row r="834774" spans="14:14">
      <c r="N834774" s="10"/>
    </row>
    <row r="834775" spans="14:14">
      <c r="N834775" s="10"/>
    </row>
    <row r="834776" spans="14:14">
      <c r="N834776" s="10"/>
    </row>
    <row r="834777" spans="14:14">
      <c r="N834777" s="10"/>
    </row>
    <row r="834778" spans="14:14">
      <c r="N834778" s="10"/>
    </row>
    <row r="834779" spans="14:14">
      <c r="N834779" s="10"/>
    </row>
    <row r="834780" spans="14:14">
      <c r="N834780" s="10"/>
    </row>
    <row r="834781" spans="14:14">
      <c r="N834781" s="10"/>
    </row>
    <row r="834782" spans="14:14">
      <c r="N834782" s="10"/>
    </row>
    <row r="834783" spans="14:14">
      <c r="N834783" s="10"/>
    </row>
    <row r="834784" spans="14:14">
      <c r="N834784" s="10"/>
    </row>
    <row r="834785" spans="14:14">
      <c r="N834785" s="10"/>
    </row>
    <row r="834786" spans="14:14">
      <c r="N834786" s="10"/>
    </row>
    <row r="834787" spans="14:14">
      <c r="N834787" s="10"/>
    </row>
    <row r="834788" spans="14:14">
      <c r="N834788" s="10"/>
    </row>
    <row r="834789" spans="14:14">
      <c r="N834789" s="10"/>
    </row>
    <row r="834790" spans="14:14">
      <c r="N834790" s="10"/>
    </row>
    <row r="834791" spans="14:14">
      <c r="N834791" s="10"/>
    </row>
    <row r="834792" spans="14:14">
      <c r="N834792" s="10"/>
    </row>
    <row r="834793" spans="14:14">
      <c r="N834793" s="10"/>
    </row>
    <row r="834794" spans="14:14">
      <c r="N834794" s="10"/>
    </row>
    <row r="834795" spans="14:14">
      <c r="N834795" s="10"/>
    </row>
    <row r="834796" spans="14:14">
      <c r="N834796" s="10"/>
    </row>
    <row r="834797" spans="14:14">
      <c r="N834797" s="10"/>
    </row>
    <row r="834798" spans="14:14">
      <c r="N834798" s="10"/>
    </row>
    <row r="834799" spans="14:14">
      <c r="N834799" s="10"/>
    </row>
    <row r="834800" spans="14:14">
      <c r="N834800" s="10"/>
    </row>
    <row r="834801" spans="14:14">
      <c r="N834801" s="10"/>
    </row>
    <row r="834802" spans="14:14">
      <c r="N834802" s="10"/>
    </row>
    <row r="834803" spans="14:14">
      <c r="N834803" s="10"/>
    </row>
    <row r="834804" spans="14:14">
      <c r="N834804" s="10"/>
    </row>
    <row r="834805" spans="14:14">
      <c r="N834805" s="10"/>
    </row>
    <row r="834806" spans="14:14">
      <c r="N834806" s="10"/>
    </row>
    <row r="834807" spans="14:14">
      <c r="N834807" s="10"/>
    </row>
    <row r="834808" spans="14:14">
      <c r="N834808" s="10"/>
    </row>
    <row r="834809" spans="14:14">
      <c r="N834809" s="10"/>
    </row>
    <row r="834810" spans="14:14">
      <c r="N834810" s="10"/>
    </row>
    <row r="834811" spans="14:14">
      <c r="N834811" s="10"/>
    </row>
    <row r="834812" spans="14:14">
      <c r="N834812" s="10"/>
    </row>
    <row r="834813" spans="14:14">
      <c r="N834813" s="10"/>
    </row>
    <row r="834814" spans="14:14">
      <c r="N834814" s="10"/>
    </row>
    <row r="834815" spans="14:14">
      <c r="N834815" s="10"/>
    </row>
    <row r="834816" spans="14:14">
      <c r="N834816" s="10"/>
    </row>
    <row r="834817" spans="14:14">
      <c r="N834817" s="10"/>
    </row>
    <row r="834818" spans="14:14">
      <c r="N834818" s="10"/>
    </row>
    <row r="834819" spans="14:14">
      <c r="N834819" s="10"/>
    </row>
    <row r="834820" spans="14:14">
      <c r="N834820" s="10"/>
    </row>
    <row r="834821" spans="14:14">
      <c r="N834821" s="10"/>
    </row>
    <row r="834822" spans="14:14">
      <c r="N834822" s="10"/>
    </row>
    <row r="834823" spans="14:14">
      <c r="N834823" s="10"/>
    </row>
    <row r="834824" spans="14:14">
      <c r="N834824" s="10"/>
    </row>
    <row r="834825" spans="14:14">
      <c r="N834825" s="10"/>
    </row>
    <row r="834826" spans="14:14">
      <c r="N834826" s="10"/>
    </row>
    <row r="834827" spans="14:14">
      <c r="N834827" s="10"/>
    </row>
    <row r="834828" spans="14:14">
      <c r="N834828" s="10"/>
    </row>
    <row r="834829" spans="14:14">
      <c r="N834829" s="10"/>
    </row>
    <row r="834830" spans="14:14">
      <c r="N834830" s="10"/>
    </row>
    <row r="834831" spans="14:14">
      <c r="N834831" s="10"/>
    </row>
    <row r="834832" spans="14:14">
      <c r="N834832" s="10"/>
    </row>
    <row r="834833" spans="14:14">
      <c r="N834833" s="10"/>
    </row>
    <row r="834834" spans="14:14">
      <c r="N834834" s="10"/>
    </row>
    <row r="834835" spans="14:14">
      <c r="N834835" s="10"/>
    </row>
    <row r="834836" spans="14:14">
      <c r="N834836" s="10"/>
    </row>
    <row r="834837" spans="14:14">
      <c r="N834837" s="10"/>
    </row>
    <row r="834838" spans="14:14">
      <c r="N834838" s="10"/>
    </row>
    <row r="834839" spans="14:14">
      <c r="N834839" s="10"/>
    </row>
    <row r="834840" spans="14:14">
      <c r="N834840" s="10"/>
    </row>
    <row r="834841" spans="14:14">
      <c r="N834841" s="10"/>
    </row>
    <row r="834842" spans="14:14">
      <c r="N834842" s="10"/>
    </row>
    <row r="834843" spans="14:14">
      <c r="N834843" s="10"/>
    </row>
    <row r="834844" spans="14:14">
      <c r="N834844" s="10"/>
    </row>
    <row r="834845" spans="14:14">
      <c r="N834845" s="10"/>
    </row>
    <row r="834846" spans="14:14">
      <c r="N834846" s="10"/>
    </row>
    <row r="834847" spans="14:14">
      <c r="N834847" s="10"/>
    </row>
    <row r="834848" spans="14:14">
      <c r="N834848" s="10"/>
    </row>
    <row r="834849" spans="14:14">
      <c r="N834849" s="10"/>
    </row>
    <row r="834850" spans="14:14">
      <c r="N834850" s="10"/>
    </row>
    <row r="834851" spans="14:14">
      <c r="N834851" s="10"/>
    </row>
    <row r="834852" spans="14:14">
      <c r="N834852" s="10"/>
    </row>
    <row r="834853" spans="14:14">
      <c r="N834853" s="10"/>
    </row>
    <row r="834854" spans="14:14">
      <c r="N834854" s="10"/>
    </row>
    <row r="834855" spans="14:14">
      <c r="N834855" s="10"/>
    </row>
    <row r="834856" spans="14:14">
      <c r="N834856" s="10"/>
    </row>
    <row r="834857" spans="14:14">
      <c r="N834857" s="10"/>
    </row>
    <row r="834858" spans="14:14">
      <c r="N834858" s="10"/>
    </row>
    <row r="834859" spans="14:14">
      <c r="N834859" s="10"/>
    </row>
    <row r="834860" spans="14:14">
      <c r="N834860" s="10"/>
    </row>
    <row r="834861" spans="14:14">
      <c r="N834861" s="10"/>
    </row>
    <row r="834862" spans="14:14">
      <c r="N834862" s="10"/>
    </row>
    <row r="834863" spans="14:14">
      <c r="N834863" s="10"/>
    </row>
    <row r="834864" spans="14:14">
      <c r="N834864" s="10"/>
    </row>
    <row r="834865" spans="14:14">
      <c r="N834865" s="10"/>
    </row>
    <row r="834866" spans="14:14">
      <c r="N834866" s="10"/>
    </row>
    <row r="834867" spans="14:14">
      <c r="N834867" s="10"/>
    </row>
    <row r="834868" spans="14:14">
      <c r="N834868" s="10"/>
    </row>
    <row r="834869" spans="14:14">
      <c r="N834869" s="10"/>
    </row>
    <row r="834870" spans="14:14">
      <c r="N834870" s="10"/>
    </row>
    <row r="834871" spans="14:14">
      <c r="N834871" s="10"/>
    </row>
    <row r="834872" spans="14:14">
      <c r="N834872" s="10"/>
    </row>
    <row r="834873" spans="14:14">
      <c r="N834873" s="10"/>
    </row>
    <row r="834874" spans="14:14">
      <c r="N834874" s="10"/>
    </row>
    <row r="834875" spans="14:14">
      <c r="N834875" s="10"/>
    </row>
    <row r="834876" spans="14:14">
      <c r="N834876" s="10"/>
    </row>
    <row r="834877" spans="14:14">
      <c r="N834877" s="10"/>
    </row>
    <row r="834878" spans="14:14">
      <c r="N834878" s="10"/>
    </row>
    <row r="834879" spans="14:14">
      <c r="N834879" s="10"/>
    </row>
    <row r="834880" spans="14:14">
      <c r="N834880" s="10"/>
    </row>
    <row r="834881" spans="14:14">
      <c r="N834881" s="10"/>
    </row>
    <row r="834882" spans="14:14">
      <c r="N834882" s="10"/>
    </row>
    <row r="834883" spans="14:14">
      <c r="N834883" s="10"/>
    </row>
    <row r="834884" spans="14:14">
      <c r="N834884" s="10"/>
    </row>
    <row r="834885" spans="14:14">
      <c r="N834885" s="10"/>
    </row>
    <row r="834886" spans="14:14">
      <c r="N834886" s="10"/>
    </row>
    <row r="834887" spans="14:14">
      <c r="N834887" s="10"/>
    </row>
    <row r="834888" spans="14:14">
      <c r="N834888" s="10"/>
    </row>
    <row r="834889" spans="14:14">
      <c r="N834889" s="10"/>
    </row>
    <row r="834890" spans="14:14">
      <c r="N834890" s="10"/>
    </row>
    <row r="834891" spans="14:14">
      <c r="N834891" s="10"/>
    </row>
    <row r="834892" spans="14:14">
      <c r="N834892" s="10"/>
    </row>
    <row r="834893" spans="14:14">
      <c r="N834893" s="10"/>
    </row>
    <row r="834894" spans="14:14">
      <c r="N834894" s="10"/>
    </row>
    <row r="834895" spans="14:14">
      <c r="N834895" s="10"/>
    </row>
    <row r="834896" spans="14:14">
      <c r="N834896" s="10"/>
    </row>
    <row r="834897" spans="14:14">
      <c r="N834897" s="10"/>
    </row>
    <row r="834898" spans="14:14">
      <c r="N834898" s="10"/>
    </row>
    <row r="834899" spans="14:14">
      <c r="N834899" s="10"/>
    </row>
    <row r="834900" spans="14:14">
      <c r="N834900" s="10"/>
    </row>
    <row r="834901" spans="14:14">
      <c r="N834901" s="10"/>
    </row>
    <row r="834902" spans="14:14">
      <c r="N834902" s="10"/>
    </row>
    <row r="834903" spans="14:14">
      <c r="N834903" s="10"/>
    </row>
    <row r="834904" spans="14:14">
      <c r="N834904" s="10"/>
    </row>
    <row r="834905" spans="14:14">
      <c r="N834905" s="10"/>
    </row>
    <row r="834906" spans="14:14">
      <c r="N834906" s="10"/>
    </row>
    <row r="834907" spans="14:14">
      <c r="N834907" s="10"/>
    </row>
    <row r="834908" spans="14:14">
      <c r="N834908" s="10"/>
    </row>
    <row r="834909" spans="14:14">
      <c r="N834909" s="10"/>
    </row>
    <row r="834910" spans="14:14">
      <c r="N834910" s="10"/>
    </row>
    <row r="834911" spans="14:14">
      <c r="N834911" s="10"/>
    </row>
    <row r="834912" spans="14:14">
      <c r="N834912" s="10"/>
    </row>
    <row r="834913" spans="14:14">
      <c r="N834913" s="10"/>
    </row>
    <row r="834914" spans="14:14">
      <c r="N834914" s="10"/>
    </row>
    <row r="834915" spans="14:14">
      <c r="N834915" s="10"/>
    </row>
    <row r="834916" spans="14:14">
      <c r="N834916" s="10"/>
    </row>
    <row r="834917" spans="14:14">
      <c r="N834917" s="10"/>
    </row>
    <row r="834918" spans="14:14">
      <c r="N834918" s="10"/>
    </row>
    <row r="834919" spans="14:14">
      <c r="N834919" s="10"/>
    </row>
    <row r="834920" spans="14:14">
      <c r="N834920" s="10"/>
    </row>
    <row r="834921" spans="14:14">
      <c r="N834921" s="10"/>
    </row>
    <row r="834922" spans="14:14">
      <c r="N834922" s="10"/>
    </row>
    <row r="834923" spans="14:14">
      <c r="N834923" s="10"/>
    </row>
    <row r="834924" spans="14:14">
      <c r="N834924" s="10"/>
    </row>
    <row r="834925" spans="14:14">
      <c r="N834925" s="10"/>
    </row>
    <row r="834926" spans="14:14">
      <c r="N834926" s="10"/>
    </row>
    <row r="834927" spans="14:14">
      <c r="N834927" s="10"/>
    </row>
    <row r="834928" spans="14:14">
      <c r="N834928" s="10"/>
    </row>
    <row r="834929" spans="14:14">
      <c r="N834929" s="10"/>
    </row>
    <row r="834930" spans="14:14">
      <c r="N834930" s="10"/>
    </row>
    <row r="834931" spans="14:14">
      <c r="N834931" s="10"/>
    </row>
    <row r="834932" spans="14:14">
      <c r="N834932" s="10"/>
    </row>
    <row r="834933" spans="14:14">
      <c r="N834933" s="10"/>
    </row>
    <row r="834934" spans="14:14">
      <c r="N834934" s="10"/>
    </row>
    <row r="834935" spans="14:14">
      <c r="N834935" s="10"/>
    </row>
    <row r="834936" spans="14:14">
      <c r="N834936" s="10"/>
    </row>
    <row r="834937" spans="14:14">
      <c r="N834937" s="10"/>
    </row>
    <row r="834938" spans="14:14">
      <c r="N834938" s="10"/>
    </row>
    <row r="834939" spans="14:14">
      <c r="N834939" s="10"/>
    </row>
    <row r="834940" spans="14:14">
      <c r="N834940" s="10"/>
    </row>
    <row r="834941" spans="14:14">
      <c r="N834941" s="10"/>
    </row>
    <row r="834942" spans="14:14">
      <c r="N834942" s="10"/>
    </row>
    <row r="834943" spans="14:14">
      <c r="N834943" s="10"/>
    </row>
    <row r="834944" spans="14:14">
      <c r="N834944" s="10"/>
    </row>
    <row r="834945" spans="14:14">
      <c r="N834945" s="10"/>
    </row>
    <row r="834946" spans="14:14">
      <c r="N834946" s="10"/>
    </row>
    <row r="834947" spans="14:14">
      <c r="N834947" s="10"/>
    </row>
    <row r="834948" spans="14:14">
      <c r="N834948" s="10"/>
    </row>
    <row r="834949" spans="14:14">
      <c r="N834949" s="10"/>
    </row>
    <row r="834950" spans="14:14">
      <c r="N834950" s="10"/>
    </row>
    <row r="834951" spans="14:14">
      <c r="N834951" s="10"/>
    </row>
    <row r="834952" spans="14:14">
      <c r="N834952" s="10"/>
    </row>
    <row r="834953" spans="14:14">
      <c r="N834953" s="10"/>
    </row>
    <row r="834954" spans="14:14">
      <c r="N834954" s="10"/>
    </row>
    <row r="834955" spans="14:14">
      <c r="N834955" s="10"/>
    </row>
    <row r="834956" spans="14:14">
      <c r="N834956" s="10"/>
    </row>
    <row r="834957" spans="14:14">
      <c r="N834957" s="10"/>
    </row>
    <row r="834958" spans="14:14">
      <c r="N834958" s="10"/>
    </row>
    <row r="834959" spans="14:14">
      <c r="N834959" s="10"/>
    </row>
    <row r="834960" spans="14:14">
      <c r="N834960" s="10"/>
    </row>
    <row r="834961" spans="14:14">
      <c r="N834961" s="10"/>
    </row>
    <row r="834962" spans="14:14">
      <c r="N834962" s="10"/>
    </row>
    <row r="834963" spans="14:14">
      <c r="N834963" s="10"/>
    </row>
    <row r="834964" spans="14:14">
      <c r="N834964" s="10"/>
    </row>
    <row r="834965" spans="14:14">
      <c r="N834965" s="10"/>
    </row>
    <row r="834966" spans="14:14">
      <c r="N834966" s="10"/>
    </row>
    <row r="834967" spans="14:14">
      <c r="N834967" s="10"/>
    </row>
    <row r="834968" spans="14:14">
      <c r="N834968" s="10"/>
    </row>
    <row r="834969" spans="14:14">
      <c r="N834969" s="10"/>
    </row>
    <row r="834970" spans="14:14">
      <c r="N834970" s="10"/>
    </row>
    <row r="834971" spans="14:14">
      <c r="N834971" s="10"/>
    </row>
    <row r="834972" spans="14:14">
      <c r="N834972" s="10"/>
    </row>
    <row r="834973" spans="14:14">
      <c r="N834973" s="10"/>
    </row>
    <row r="834974" spans="14:14">
      <c r="N834974" s="10"/>
    </row>
    <row r="834975" spans="14:14">
      <c r="N834975" s="10"/>
    </row>
    <row r="834976" spans="14:14">
      <c r="N834976" s="10"/>
    </row>
    <row r="834977" spans="14:14">
      <c r="N834977" s="10"/>
    </row>
    <row r="834978" spans="14:14">
      <c r="N834978" s="10"/>
    </row>
    <row r="834979" spans="14:14">
      <c r="N834979" s="10"/>
    </row>
    <row r="834980" spans="14:14">
      <c r="N834980" s="10"/>
    </row>
    <row r="834981" spans="14:14">
      <c r="N834981" s="10"/>
    </row>
    <row r="834982" spans="14:14">
      <c r="N834982" s="10"/>
    </row>
    <row r="834983" spans="14:14">
      <c r="N834983" s="10"/>
    </row>
    <row r="834984" spans="14:14">
      <c r="N834984" s="10"/>
    </row>
    <row r="834985" spans="14:14">
      <c r="N834985" s="10"/>
    </row>
    <row r="834986" spans="14:14">
      <c r="N834986" s="10"/>
    </row>
    <row r="834987" spans="14:14">
      <c r="N834987" s="10"/>
    </row>
    <row r="834988" spans="14:14">
      <c r="N834988" s="10"/>
    </row>
    <row r="834989" spans="14:14">
      <c r="N834989" s="10"/>
    </row>
    <row r="834990" spans="14:14">
      <c r="N834990" s="10"/>
    </row>
    <row r="834991" spans="14:14">
      <c r="N834991" s="10"/>
    </row>
    <row r="834992" spans="14:14">
      <c r="N834992" s="10"/>
    </row>
    <row r="834993" spans="14:14">
      <c r="N834993" s="10"/>
    </row>
    <row r="834994" spans="14:14">
      <c r="N834994" s="10"/>
    </row>
    <row r="834995" spans="14:14">
      <c r="N834995" s="10"/>
    </row>
    <row r="834996" spans="14:14">
      <c r="N834996" s="10"/>
    </row>
    <row r="834997" spans="14:14">
      <c r="N834997" s="10"/>
    </row>
    <row r="834998" spans="14:14">
      <c r="N834998" s="10"/>
    </row>
    <row r="834999" spans="14:14">
      <c r="N834999" s="10"/>
    </row>
    <row r="835000" spans="14:14">
      <c r="N835000" s="10"/>
    </row>
    <row r="835001" spans="14:14">
      <c r="N835001" s="10"/>
    </row>
    <row r="835002" spans="14:14">
      <c r="N835002" s="10"/>
    </row>
    <row r="835003" spans="14:14">
      <c r="N835003" s="10"/>
    </row>
    <row r="835004" spans="14:14">
      <c r="N835004" s="10"/>
    </row>
    <row r="835005" spans="14:14">
      <c r="N835005" s="10"/>
    </row>
    <row r="835006" spans="14:14">
      <c r="N835006" s="10"/>
    </row>
    <row r="835007" spans="14:14">
      <c r="N835007" s="10"/>
    </row>
    <row r="835008" spans="14:14">
      <c r="N835008" s="10"/>
    </row>
    <row r="835009" spans="14:14">
      <c r="N835009" s="10"/>
    </row>
    <row r="835010" spans="14:14">
      <c r="N835010" s="10"/>
    </row>
    <row r="835011" spans="14:14">
      <c r="N835011" s="10"/>
    </row>
    <row r="835012" spans="14:14">
      <c r="N835012" s="10"/>
    </row>
    <row r="835013" spans="14:14">
      <c r="N835013" s="10"/>
    </row>
    <row r="835014" spans="14:14">
      <c r="N835014" s="10"/>
    </row>
    <row r="835015" spans="14:14">
      <c r="N835015" s="10"/>
    </row>
    <row r="835016" spans="14:14">
      <c r="N835016" s="10"/>
    </row>
    <row r="835017" spans="14:14">
      <c r="N835017" s="10"/>
    </row>
    <row r="835018" spans="14:14">
      <c r="N835018" s="10"/>
    </row>
    <row r="835019" spans="14:14">
      <c r="N835019" s="10"/>
    </row>
    <row r="835020" spans="14:14">
      <c r="N835020" s="10"/>
    </row>
    <row r="835021" spans="14:14">
      <c r="N835021" s="10"/>
    </row>
    <row r="835022" spans="14:14">
      <c r="N835022" s="10"/>
    </row>
    <row r="835023" spans="14:14">
      <c r="N835023" s="10"/>
    </row>
    <row r="835024" spans="14:14">
      <c r="N835024" s="10"/>
    </row>
    <row r="835025" spans="14:14">
      <c r="N835025" s="10"/>
    </row>
    <row r="835026" spans="14:14">
      <c r="N835026" s="10"/>
    </row>
    <row r="835027" spans="14:14">
      <c r="N835027" s="10"/>
    </row>
    <row r="835028" spans="14:14">
      <c r="N835028" s="10"/>
    </row>
    <row r="835029" spans="14:14">
      <c r="N835029" s="10"/>
    </row>
    <row r="835030" spans="14:14">
      <c r="N835030" s="10"/>
    </row>
    <row r="835031" spans="14:14">
      <c r="N835031" s="10"/>
    </row>
    <row r="835032" spans="14:14">
      <c r="N835032" s="10"/>
    </row>
    <row r="835033" spans="14:14">
      <c r="N835033" s="10"/>
    </row>
    <row r="835034" spans="14:14">
      <c r="N835034" s="10"/>
    </row>
    <row r="835035" spans="14:14">
      <c r="N835035" s="10"/>
    </row>
    <row r="835036" spans="14:14">
      <c r="N835036" s="10"/>
    </row>
    <row r="835037" spans="14:14">
      <c r="N835037" s="10"/>
    </row>
    <row r="835038" spans="14:14">
      <c r="N835038" s="10"/>
    </row>
    <row r="835039" spans="14:14">
      <c r="N835039" s="10"/>
    </row>
    <row r="835040" spans="14:14">
      <c r="N835040" s="10"/>
    </row>
    <row r="835041" spans="14:14">
      <c r="N835041" s="10"/>
    </row>
    <row r="835042" spans="14:14">
      <c r="N835042" s="10"/>
    </row>
    <row r="835043" spans="14:14">
      <c r="N835043" s="10"/>
    </row>
    <row r="835044" spans="14:14">
      <c r="N835044" s="10"/>
    </row>
    <row r="835045" spans="14:14">
      <c r="N835045" s="10"/>
    </row>
    <row r="835046" spans="14:14">
      <c r="N835046" s="10"/>
    </row>
    <row r="835047" spans="14:14">
      <c r="N835047" s="10"/>
    </row>
    <row r="835048" spans="14:14">
      <c r="N835048" s="10"/>
    </row>
    <row r="835049" spans="14:14">
      <c r="N835049" s="10"/>
    </row>
    <row r="835050" spans="14:14">
      <c r="N835050" s="10"/>
    </row>
    <row r="835051" spans="14:14">
      <c r="N835051" s="10"/>
    </row>
    <row r="835052" spans="14:14">
      <c r="N835052" s="10"/>
    </row>
    <row r="835053" spans="14:14">
      <c r="N835053" s="10"/>
    </row>
    <row r="835054" spans="14:14">
      <c r="N835054" s="10"/>
    </row>
    <row r="835055" spans="14:14">
      <c r="N835055" s="10"/>
    </row>
    <row r="835056" spans="14:14">
      <c r="N835056" s="10"/>
    </row>
    <row r="835057" spans="14:14">
      <c r="N835057" s="10"/>
    </row>
    <row r="835058" spans="14:14">
      <c r="N835058" s="10"/>
    </row>
    <row r="835059" spans="14:14">
      <c r="N835059" s="10"/>
    </row>
    <row r="835060" spans="14:14">
      <c r="N835060" s="10"/>
    </row>
    <row r="835061" spans="14:14">
      <c r="N835061" s="10"/>
    </row>
    <row r="835062" spans="14:14">
      <c r="N835062" s="10"/>
    </row>
    <row r="835063" spans="14:14">
      <c r="N835063" s="10"/>
    </row>
    <row r="835064" spans="14:14">
      <c r="N835064" s="10"/>
    </row>
    <row r="835065" spans="14:14">
      <c r="N835065" s="10"/>
    </row>
    <row r="835066" spans="14:14">
      <c r="N835066" s="10"/>
    </row>
    <row r="835067" spans="14:14">
      <c r="N835067" s="10"/>
    </row>
    <row r="835068" spans="14:14">
      <c r="N835068" s="10"/>
    </row>
    <row r="835069" spans="14:14">
      <c r="N835069" s="10"/>
    </row>
    <row r="835070" spans="14:14">
      <c r="N835070" s="10"/>
    </row>
    <row r="835071" spans="14:14">
      <c r="N835071" s="10"/>
    </row>
    <row r="835072" spans="14:14">
      <c r="N835072" s="10"/>
    </row>
    <row r="835073" spans="14:14">
      <c r="N835073" s="10"/>
    </row>
    <row r="835074" spans="14:14">
      <c r="N835074" s="10"/>
    </row>
    <row r="835075" spans="14:14">
      <c r="N835075" s="10"/>
    </row>
    <row r="835076" spans="14:14">
      <c r="N835076" s="10"/>
    </row>
    <row r="835077" spans="14:14">
      <c r="N835077" s="10"/>
    </row>
    <row r="835078" spans="14:14">
      <c r="N835078" s="10"/>
    </row>
    <row r="835079" spans="14:14">
      <c r="N835079" s="10"/>
    </row>
    <row r="835080" spans="14:14">
      <c r="N835080" s="10"/>
    </row>
    <row r="835081" spans="14:14">
      <c r="N835081" s="10"/>
    </row>
    <row r="835082" spans="14:14">
      <c r="N835082" s="10"/>
    </row>
    <row r="835083" spans="14:14">
      <c r="N835083" s="10"/>
    </row>
    <row r="835084" spans="14:14">
      <c r="N835084" s="10"/>
    </row>
    <row r="835085" spans="14:14">
      <c r="N835085" s="10"/>
    </row>
    <row r="835086" spans="14:14">
      <c r="N835086" s="10"/>
    </row>
    <row r="835087" spans="14:14">
      <c r="N835087" s="10"/>
    </row>
    <row r="835088" spans="14:14">
      <c r="N835088" s="10"/>
    </row>
    <row r="835089" spans="14:14">
      <c r="N835089" s="10"/>
    </row>
    <row r="835090" spans="14:14">
      <c r="N835090" s="10"/>
    </row>
    <row r="835091" spans="14:14">
      <c r="N835091" s="10"/>
    </row>
    <row r="835092" spans="14:14">
      <c r="N835092" s="10"/>
    </row>
    <row r="835093" spans="14:14">
      <c r="N835093" s="10"/>
    </row>
    <row r="835094" spans="14:14">
      <c r="N835094" s="10"/>
    </row>
    <row r="835095" spans="14:14">
      <c r="N835095" s="10"/>
    </row>
    <row r="835096" spans="14:14">
      <c r="N835096" s="10"/>
    </row>
    <row r="835097" spans="14:14">
      <c r="N835097" s="10"/>
    </row>
    <row r="835098" spans="14:14">
      <c r="N835098" s="10"/>
    </row>
    <row r="835099" spans="14:14">
      <c r="N835099" s="10"/>
    </row>
    <row r="835100" spans="14:14">
      <c r="N835100" s="10"/>
    </row>
    <row r="835101" spans="14:14">
      <c r="N835101" s="10"/>
    </row>
    <row r="835102" spans="14:14">
      <c r="N835102" s="10"/>
    </row>
    <row r="835103" spans="14:14">
      <c r="N835103" s="10"/>
    </row>
    <row r="835104" spans="14:14">
      <c r="N835104" s="10"/>
    </row>
    <row r="835105" spans="14:14">
      <c r="N835105" s="10"/>
    </row>
    <row r="835106" spans="14:14">
      <c r="N835106" s="10"/>
    </row>
    <row r="835107" spans="14:14">
      <c r="N835107" s="10"/>
    </row>
    <row r="835108" spans="14:14">
      <c r="N835108" s="10"/>
    </row>
    <row r="835109" spans="14:14">
      <c r="N835109" s="10"/>
    </row>
    <row r="835110" spans="14:14">
      <c r="N835110" s="10"/>
    </row>
    <row r="835111" spans="14:14">
      <c r="N835111" s="10"/>
    </row>
    <row r="835112" spans="14:14">
      <c r="N835112" s="10"/>
    </row>
    <row r="835113" spans="14:14">
      <c r="N835113" s="10"/>
    </row>
    <row r="835114" spans="14:14">
      <c r="N835114" s="10"/>
    </row>
    <row r="835115" spans="14:14">
      <c r="N835115" s="10"/>
    </row>
    <row r="835116" spans="14:14">
      <c r="N835116" s="10"/>
    </row>
    <row r="835117" spans="14:14">
      <c r="N835117" s="10"/>
    </row>
    <row r="835118" spans="14:14">
      <c r="N835118" s="10"/>
    </row>
    <row r="835119" spans="14:14">
      <c r="N835119" s="10"/>
    </row>
    <row r="835120" spans="14:14">
      <c r="N835120" s="10"/>
    </row>
    <row r="835121" spans="14:14">
      <c r="N835121" s="10"/>
    </row>
    <row r="835122" spans="14:14">
      <c r="N835122" s="10"/>
    </row>
    <row r="835123" spans="14:14">
      <c r="N835123" s="10"/>
    </row>
    <row r="835124" spans="14:14">
      <c r="N835124" s="10"/>
    </row>
    <row r="835125" spans="14:14">
      <c r="N835125" s="10"/>
    </row>
    <row r="835126" spans="14:14">
      <c r="N835126" s="10"/>
    </row>
    <row r="835127" spans="14:14">
      <c r="N835127" s="10"/>
    </row>
    <row r="835128" spans="14:14">
      <c r="N835128" s="10"/>
    </row>
    <row r="835129" spans="14:14">
      <c r="N835129" s="10"/>
    </row>
    <row r="835130" spans="14:14">
      <c r="N835130" s="10"/>
    </row>
    <row r="835131" spans="14:14">
      <c r="N835131" s="10"/>
    </row>
    <row r="835132" spans="14:14">
      <c r="N835132" s="10"/>
    </row>
    <row r="835133" spans="14:14">
      <c r="N835133" s="10"/>
    </row>
    <row r="835134" spans="14:14">
      <c r="N835134" s="10"/>
    </row>
    <row r="835135" spans="14:14">
      <c r="N835135" s="10"/>
    </row>
    <row r="835136" spans="14:14">
      <c r="N835136" s="10"/>
    </row>
    <row r="835137" spans="14:14">
      <c r="N835137" s="10"/>
    </row>
    <row r="835138" spans="14:14">
      <c r="N835138" s="10"/>
    </row>
    <row r="835139" spans="14:14">
      <c r="N835139" s="10"/>
    </row>
    <row r="835140" spans="14:14">
      <c r="N835140" s="10"/>
    </row>
    <row r="835141" spans="14:14">
      <c r="N835141" s="10"/>
    </row>
    <row r="835142" spans="14:14">
      <c r="N835142" s="10"/>
    </row>
    <row r="835143" spans="14:14">
      <c r="N835143" s="10"/>
    </row>
    <row r="835144" spans="14:14">
      <c r="N835144" s="10"/>
    </row>
    <row r="835145" spans="14:14">
      <c r="N835145" s="10"/>
    </row>
    <row r="835146" spans="14:14">
      <c r="N835146" s="10"/>
    </row>
    <row r="835147" spans="14:14">
      <c r="N835147" s="10"/>
    </row>
    <row r="835148" spans="14:14">
      <c r="N835148" s="10"/>
    </row>
    <row r="835149" spans="14:14">
      <c r="N835149" s="10"/>
    </row>
    <row r="835150" spans="14:14">
      <c r="N835150" s="10"/>
    </row>
    <row r="835151" spans="14:14">
      <c r="N835151" s="10"/>
    </row>
    <row r="835152" spans="14:14">
      <c r="N835152" s="10"/>
    </row>
    <row r="835153" spans="14:14">
      <c r="N835153" s="10"/>
    </row>
    <row r="835154" spans="14:14">
      <c r="N835154" s="10"/>
    </row>
    <row r="835155" spans="14:14">
      <c r="N835155" s="10"/>
    </row>
    <row r="835156" spans="14:14">
      <c r="N835156" s="10"/>
    </row>
    <row r="835157" spans="14:14">
      <c r="N835157" s="10"/>
    </row>
    <row r="835158" spans="14:14">
      <c r="N835158" s="10"/>
    </row>
    <row r="835159" spans="14:14">
      <c r="N835159" s="10"/>
    </row>
    <row r="835160" spans="14:14">
      <c r="N835160" s="10"/>
    </row>
    <row r="835161" spans="14:14">
      <c r="N835161" s="10"/>
    </row>
    <row r="835162" spans="14:14">
      <c r="N835162" s="10"/>
    </row>
    <row r="835163" spans="14:14">
      <c r="N835163" s="10"/>
    </row>
    <row r="835164" spans="14:14">
      <c r="N835164" s="10"/>
    </row>
    <row r="835165" spans="14:14">
      <c r="N835165" s="10"/>
    </row>
    <row r="835166" spans="14:14">
      <c r="N835166" s="10"/>
    </row>
    <row r="835167" spans="14:14">
      <c r="N835167" s="10"/>
    </row>
    <row r="835168" spans="14:14">
      <c r="N835168" s="10"/>
    </row>
    <row r="835169" spans="14:14">
      <c r="N835169" s="10"/>
    </row>
    <row r="835170" spans="14:14">
      <c r="N835170" s="10"/>
    </row>
    <row r="835171" spans="14:14">
      <c r="N835171" s="10"/>
    </row>
    <row r="835172" spans="14:14">
      <c r="N835172" s="10"/>
    </row>
    <row r="835173" spans="14:14">
      <c r="N835173" s="10"/>
    </row>
    <row r="835174" spans="14:14">
      <c r="N835174" s="10"/>
    </row>
    <row r="835175" spans="14:14">
      <c r="N835175" s="10"/>
    </row>
    <row r="835176" spans="14:14">
      <c r="N835176" s="10"/>
    </row>
    <row r="835177" spans="14:14">
      <c r="N835177" s="10"/>
    </row>
    <row r="835178" spans="14:14">
      <c r="N835178" s="10"/>
    </row>
    <row r="835179" spans="14:14">
      <c r="N835179" s="10"/>
    </row>
    <row r="835180" spans="14:14">
      <c r="N835180" s="10"/>
    </row>
    <row r="835181" spans="14:14">
      <c r="N835181" s="10"/>
    </row>
    <row r="835182" spans="14:14">
      <c r="N835182" s="10"/>
    </row>
    <row r="835183" spans="14:14">
      <c r="N835183" s="10"/>
    </row>
    <row r="835184" spans="14:14">
      <c r="N835184" s="10"/>
    </row>
    <row r="835185" spans="14:14">
      <c r="N835185" s="10"/>
    </row>
    <row r="835186" spans="14:14">
      <c r="N835186" s="10"/>
    </row>
    <row r="835187" spans="14:14">
      <c r="N835187" s="10"/>
    </row>
    <row r="835188" spans="14:14">
      <c r="N835188" s="10"/>
    </row>
    <row r="835189" spans="14:14">
      <c r="N835189" s="10"/>
    </row>
    <row r="835190" spans="14:14">
      <c r="N835190" s="10"/>
    </row>
    <row r="835191" spans="14:14">
      <c r="N835191" s="10"/>
    </row>
    <row r="835192" spans="14:14">
      <c r="N835192" s="10"/>
    </row>
    <row r="835193" spans="14:14">
      <c r="N835193" s="10"/>
    </row>
    <row r="835194" spans="14:14">
      <c r="N835194" s="10"/>
    </row>
    <row r="835195" spans="14:14">
      <c r="N835195" s="10"/>
    </row>
    <row r="835196" spans="14:14">
      <c r="N835196" s="10"/>
    </row>
    <row r="835197" spans="14:14">
      <c r="N835197" s="10"/>
    </row>
    <row r="835198" spans="14:14">
      <c r="N835198" s="10"/>
    </row>
    <row r="835199" spans="14:14">
      <c r="N835199" s="10"/>
    </row>
    <row r="835200" spans="14:14">
      <c r="N835200" s="10"/>
    </row>
    <row r="835201" spans="14:14">
      <c r="N835201" s="10"/>
    </row>
    <row r="835202" spans="14:14">
      <c r="N835202" s="10"/>
    </row>
    <row r="835203" spans="14:14">
      <c r="N835203" s="10"/>
    </row>
    <row r="835204" spans="14:14">
      <c r="N835204" s="10"/>
    </row>
    <row r="835205" spans="14:14">
      <c r="N835205" s="10"/>
    </row>
    <row r="835206" spans="14:14">
      <c r="N835206" s="10"/>
    </row>
    <row r="835207" spans="14:14">
      <c r="N835207" s="10"/>
    </row>
    <row r="835208" spans="14:14">
      <c r="N835208" s="10"/>
    </row>
    <row r="835209" spans="14:14">
      <c r="N835209" s="10"/>
    </row>
    <row r="835210" spans="14:14">
      <c r="N835210" s="10"/>
    </row>
    <row r="835211" spans="14:14">
      <c r="N835211" s="10"/>
    </row>
    <row r="835212" spans="14:14">
      <c r="N835212" s="10"/>
    </row>
    <row r="835213" spans="14:14">
      <c r="N835213" s="10"/>
    </row>
    <row r="835214" spans="14:14">
      <c r="N835214" s="10"/>
    </row>
    <row r="835215" spans="14:14">
      <c r="N835215" s="10"/>
    </row>
    <row r="835216" spans="14:14">
      <c r="N835216" s="10"/>
    </row>
    <row r="835217" spans="14:14">
      <c r="N835217" s="10"/>
    </row>
    <row r="835218" spans="14:14">
      <c r="N835218" s="10"/>
    </row>
    <row r="835219" spans="14:14">
      <c r="N835219" s="10"/>
    </row>
    <row r="835220" spans="14:14">
      <c r="N835220" s="10"/>
    </row>
    <row r="835221" spans="14:14">
      <c r="N835221" s="10"/>
    </row>
    <row r="835222" spans="14:14">
      <c r="N835222" s="10"/>
    </row>
    <row r="835223" spans="14:14">
      <c r="N835223" s="10"/>
    </row>
    <row r="835224" spans="14:14">
      <c r="N835224" s="10"/>
    </row>
    <row r="835225" spans="14:14">
      <c r="N835225" s="10"/>
    </row>
    <row r="835226" spans="14:14">
      <c r="N835226" s="10"/>
    </row>
    <row r="835227" spans="14:14">
      <c r="N835227" s="10"/>
    </row>
    <row r="835228" spans="14:14">
      <c r="N835228" s="10"/>
    </row>
    <row r="835229" spans="14:14">
      <c r="N835229" s="10"/>
    </row>
    <row r="835230" spans="14:14">
      <c r="N835230" s="10"/>
    </row>
    <row r="835231" spans="14:14">
      <c r="N835231" s="10"/>
    </row>
    <row r="835232" spans="14:14">
      <c r="N835232" s="10"/>
    </row>
    <row r="835233" spans="14:14">
      <c r="N835233" s="10"/>
    </row>
    <row r="835234" spans="14:14">
      <c r="N835234" s="10"/>
    </row>
    <row r="835235" spans="14:14">
      <c r="N835235" s="10"/>
    </row>
    <row r="835236" spans="14:14">
      <c r="N835236" s="10"/>
    </row>
    <row r="835237" spans="14:14">
      <c r="N835237" s="10"/>
    </row>
    <row r="835238" spans="14:14">
      <c r="N835238" s="10"/>
    </row>
    <row r="835239" spans="14:14">
      <c r="N835239" s="10"/>
    </row>
    <row r="835240" spans="14:14">
      <c r="N835240" s="10"/>
    </row>
    <row r="835241" spans="14:14">
      <c r="N835241" s="10"/>
    </row>
    <row r="835242" spans="14:14">
      <c r="N835242" s="10"/>
    </row>
    <row r="835243" spans="14:14">
      <c r="N835243" s="10"/>
    </row>
    <row r="835244" spans="14:14">
      <c r="N835244" s="10"/>
    </row>
    <row r="835245" spans="14:14">
      <c r="N835245" s="10"/>
    </row>
    <row r="835246" spans="14:14">
      <c r="N835246" s="10"/>
    </row>
    <row r="835247" spans="14:14">
      <c r="N835247" s="10"/>
    </row>
    <row r="835248" spans="14:14">
      <c r="N835248" s="10"/>
    </row>
    <row r="835249" spans="14:14">
      <c r="N835249" s="10"/>
    </row>
    <row r="835250" spans="14:14">
      <c r="N835250" s="10"/>
    </row>
    <row r="835251" spans="14:14">
      <c r="N835251" s="10"/>
    </row>
    <row r="835252" spans="14:14">
      <c r="N835252" s="10"/>
    </row>
    <row r="835253" spans="14:14">
      <c r="N835253" s="10"/>
    </row>
    <row r="835254" spans="14:14">
      <c r="N835254" s="10"/>
    </row>
    <row r="835255" spans="14:14">
      <c r="N835255" s="10"/>
    </row>
    <row r="835256" spans="14:14">
      <c r="N835256" s="10"/>
    </row>
    <row r="835257" spans="14:14">
      <c r="N835257" s="10"/>
    </row>
    <row r="835258" spans="14:14">
      <c r="N835258" s="10"/>
    </row>
    <row r="835259" spans="14:14">
      <c r="N835259" s="10"/>
    </row>
    <row r="835260" spans="14:14">
      <c r="N835260" s="10"/>
    </row>
    <row r="835261" spans="14:14">
      <c r="N835261" s="10"/>
    </row>
    <row r="835262" spans="14:14">
      <c r="N835262" s="10"/>
    </row>
    <row r="835263" spans="14:14">
      <c r="N835263" s="10"/>
    </row>
    <row r="835264" spans="14:14">
      <c r="N835264" s="10"/>
    </row>
    <row r="835265" spans="14:14">
      <c r="N835265" s="10"/>
    </row>
    <row r="835266" spans="14:14">
      <c r="N835266" s="10"/>
    </row>
    <row r="835267" spans="14:14">
      <c r="N835267" s="10"/>
    </row>
    <row r="835268" spans="14:14">
      <c r="N835268" s="10"/>
    </row>
    <row r="835269" spans="14:14">
      <c r="N835269" s="10"/>
    </row>
    <row r="835270" spans="14:14">
      <c r="N835270" s="10"/>
    </row>
    <row r="835271" spans="14:14">
      <c r="N835271" s="10"/>
    </row>
    <row r="835272" spans="14:14">
      <c r="N835272" s="10"/>
    </row>
    <row r="835273" spans="14:14">
      <c r="N835273" s="10"/>
    </row>
    <row r="835274" spans="14:14">
      <c r="N835274" s="10"/>
    </row>
    <row r="835275" spans="14:14">
      <c r="N835275" s="10"/>
    </row>
    <row r="835276" spans="14:14">
      <c r="N835276" s="10"/>
    </row>
    <row r="835277" spans="14:14">
      <c r="N835277" s="10"/>
    </row>
    <row r="835278" spans="14:14">
      <c r="N835278" s="10"/>
    </row>
    <row r="835279" spans="14:14">
      <c r="N835279" s="10"/>
    </row>
    <row r="835280" spans="14:14">
      <c r="N835280" s="10"/>
    </row>
    <row r="835281" spans="14:14">
      <c r="N835281" s="10"/>
    </row>
    <row r="835282" spans="14:14">
      <c r="N835282" s="10"/>
    </row>
    <row r="835283" spans="14:14">
      <c r="N835283" s="10"/>
    </row>
    <row r="835284" spans="14:14">
      <c r="N835284" s="10"/>
    </row>
    <row r="835285" spans="14:14">
      <c r="N835285" s="10"/>
    </row>
    <row r="835286" spans="14:14">
      <c r="N835286" s="10"/>
    </row>
    <row r="835287" spans="14:14">
      <c r="N835287" s="10"/>
    </row>
    <row r="835288" spans="14:14">
      <c r="N835288" s="10"/>
    </row>
    <row r="835289" spans="14:14">
      <c r="N835289" s="10"/>
    </row>
    <row r="835290" spans="14:14">
      <c r="N835290" s="10"/>
    </row>
    <row r="835291" spans="14:14">
      <c r="N835291" s="10"/>
    </row>
    <row r="835292" spans="14:14">
      <c r="N835292" s="10"/>
    </row>
    <row r="835293" spans="14:14">
      <c r="N835293" s="10"/>
    </row>
    <row r="835294" spans="14:14">
      <c r="N835294" s="10"/>
    </row>
    <row r="835295" spans="14:14">
      <c r="N835295" s="10"/>
    </row>
    <row r="835296" spans="14:14">
      <c r="N835296" s="10"/>
    </row>
    <row r="835297" spans="14:14">
      <c r="N835297" s="10"/>
    </row>
    <row r="835298" spans="14:14">
      <c r="N835298" s="10"/>
    </row>
    <row r="835299" spans="14:14">
      <c r="N835299" s="10"/>
    </row>
    <row r="835300" spans="14:14">
      <c r="N835300" s="10"/>
    </row>
    <row r="835301" spans="14:14">
      <c r="N835301" s="10"/>
    </row>
    <row r="835302" spans="14:14">
      <c r="N835302" s="10"/>
    </row>
    <row r="835303" spans="14:14">
      <c r="N835303" s="10"/>
    </row>
    <row r="835304" spans="14:14">
      <c r="N835304" s="10"/>
    </row>
    <row r="835305" spans="14:14">
      <c r="N835305" s="10"/>
    </row>
    <row r="835306" spans="14:14">
      <c r="N835306" s="10"/>
    </row>
    <row r="835307" spans="14:14">
      <c r="N835307" s="10"/>
    </row>
    <row r="835308" spans="14:14">
      <c r="N835308" s="10"/>
    </row>
    <row r="835309" spans="14:14">
      <c r="N835309" s="10"/>
    </row>
    <row r="835310" spans="14:14">
      <c r="N835310" s="10"/>
    </row>
    <row r="835311" spans="14:14">
      <c r="N835311" s="10"/>
    </row>
    <row r="835312" spans="14:14">
      <c r="N835312" s="10"/>
    </row>
    <row r="835313" spans="14:14">
      <c r="N835313" s="10"/>
    </row>
    <row r="835314" spans="14:14">
      <c r="N835314" s="10"/>
    </row>
    <row r="835315" spans="14:14">
      <c r="N835315" s="10"/>
    </row>
    <row r="835316" spans="14:14">
      <c r="N835316" s="10"/>
    </row>
    <row r="835317" spans="14:14">
      <c r="N835317" s="10"/>
    </row>
    <row r="835318" spans="14:14">
      <c r="N835318" s="10"/>
    </row>
    <row r="835319" spans="14:14">
      <c r="N835319" s="10"/>
    </row>
    <row r="835320" spans="14:14">
      <c r="N835320" s="10"/>
    </row>
    <row r="835321" spans="14:14">
      <c r="N835321" s="10"/>
    </row>
    <row r="835322" spans="14:14">
      <c r="N835322" s="10"/>
    </row>
    <row r="835323" spans="14:14">
      <c r="N835323" s="10"/>
    </row>
    <row r="835324" spans="14:14">
      <c r="N835324" s="10"/>
    </row>
    <row r="835325" spans="14:14">
      <c r="N835325" s="10"/>
    </row>
    <row r="835326" spans="14:14">
      <c r="N835326" s="10"/>
    </row>
    <row r="835327" spans="14:14">
      <c r="N835327" s="10"/>
    </row>
    <row r="835328" spans="14:14">
      <c r="N835328" s="10"/>
    </row>
    <row r="835329" spans="14:14">
      <c r="N835329" s="10"/>
    </row>
    <row r="835330" spans="14:14">
      <c r="N835330" s="10"/>
    </row>
    <row r="835331" spans="14:14">
      <c r="N835331" s="10"/>
    </row>
    <row r="835332" spans="14:14">
      <c r="N835332" s="10"/>
    </row>
    <row r="835333" spans="14:14">
      <c r="N835333" s="10"/>
    </row>
    <row r="835334" spans="14:14">
      <c r="N835334" s="10"/>
    </row>
    <row r="835335" spans="14:14">
      <c r="N835335" s="10"/>
    </row>
    <row r="835336" spans="14:14">
      <c r="N835336" s="10"/>
    </row>
    <row r="835337" spans="14:14">
      <c r="N835337" s="10"/>
    </row>
    <row r="835338" spans="14:14">
      <c r="N835338" s="10"/>
    </row>
    <row r="835339" spans="14:14">
      <c r="N835339" s="10"/>
    </row>
    <row r="835340" spans="14:14">
      <c r="N835340" s="10"/>
    </row>
    <row r="835341" spans="14:14">
      <c r="N835341" s="10"/>
    </row>
    <row r="835342" spans="14:14">
      <c r="N835342" s="10"/>
    </row>
    <row r="835343" spans="14:14">
      <c r="N835343" s="10"/>
    </row>
    <row r="835344" spans="14:14">
      <c r="N835344" s="10"/>
    </row>
    <row r="835345" spans="14:14">
      <c r="N835345" s="10"/>
    </row>
    <row r="835346" spans="14:14">
      <c r="N835346" s="10"/>
    </row>
    <row r="835347" spans="14:14">
      <c r="N835347" s="10"/>
    </row>
    <row r="835348" spans="14:14">
      <c r="N835348" s="10"/>
    </row>
    <row r="835349" spans="14:14">
      <c r="N835349" s="10"/>
    </row>
    <row r="835350" spans="14:14">
      <c r="N835350" s="10"/>
    </row>
    <row r="835351" spans="14:14">
      <c r="N835351" s="10"/>
    </row>
    <row r="835352" spans="14:14">
      <c r="N835352" s="10"/>
    </row>
    <row r="835353" spans="14:14">
      <c r="N835353" s="10"/>
    </row>
    <row r="835354" spans="14:14">
      <c r="N835354" s="10"/>
    </row>
    <row r="835355" spans="14:14">
      <c r="N835355" s="10"/>
    </row>
    <row r="835356" spans="14:14">
      <c r="N835356" s="10"/>
    </row>
    <row r="835357" spans="14:14">
      <c r="N835357" s="10"/>
    </row>
    <row r="835358" spans="14:14">
      <c r="N835358" s="10"/>
    </row>
    <row r="835359" spans="14:14">
      <c r="N835359" s="10"/>
    </row>
    <row r="835360" spans="14:14">
      <c r="N835360" s="10"/>
    </row>
    <row r="835361" spans="14:14">
      <c r="N835361" s="10"/>
    </row>
    <row r="835362" spans="14:14">
      <c r="N835362" s="10"/>
    </row>
    <row r="835363" spans="14:14">
      <c r="N835363" s="10"/>
    </row>
    <row r="835364" spans="14:14">
      <c r="N835364" s="10"/>
    </row>
    <row r="835365" spans="14:14">
      <c r="N835365" s="10"/>
    </row>
    <row r="835366" spans="14:14">
      <c r="N835366" s="10"/>
    </row>
    <row r="835367" spans="14:14">
      <c r="N835367" s="10"/>
    </row>
    <row r="835368" spans="14:14">
      <c r="N835368" s="10"/>
    </row>
    <row r="835369" spans="14:14">
      <c r="N835369" s="10"/>
    </row>
    <row r="835370" spans="14:14">
      <c r="N835370" s="10"/>
    </row>
    <row r="835371" spans="14:14">
      <c r="N835371" s="10"/>
    </row>
    <row r="835372" spans="14:14">
      <c r="N835372" s="10"/>
    </row>
    <row r="835373" spans="14:14">
      <c r="N835373" s="10"/>
    </row>
    <row r="835374" spans="14:14">
      <c r="N835374" s="10"/>
    </row>
    <row r="835375" spans="14:14">
      <c r="N835375" s="10"/>
    </row>
    <row r="835376" spans="14:14">
      <c r="N835376" s="10"/>
    </row>
    <row r="835377" spans="14:14">
      <c r="N835377" s="10"/>
    </row>
    <row r="835378" spans="14:14">
      <c r="N835378" s="10"/>
    </row>
    <row r="835379" spans="14:14">
      <c r="N835379" s="10"/>
    </row>
    <row r="835380" spans="14:14">
      <c r="N835380" s="10"/>
    </row>
    <row r="835381" spans="14:14">
      <c r="N835381" s="10"/>
    </row>
    <row r="835382" spans="14:14">
      <c r="N835382" s="10"/>
    </row>
    <row r="835383" spans="14:14">
      <c r="N835383" s="10"/>
    </row>
    <row r="835384" spans="14:14">
      <c r="N835384" s="10"/>
    </row>
    <row r="835385" spans="14:14">
      <c r="N835385" s="10"/>
    </row>
    <row r="835386" spans="14:14">
      <c r="N835386" s="10"/>
    </row>
    <row r="835387" spans="14:14">
      <c r="N835387" s="10"/>
    </row>
    <row r="835388" spans="14:14">
      <c r="N835388" s="10"/>
    </row>
    <row r="835389" spans="14:14">
      <c r="N835389" s="10"/>
    </row>
    <row r="835390" spans="14:14">
      <c r="N835390" s="10"/>
    </row>
    <row r="835391" spans="14:14">
      <c r="N835391" s="10"/>
    </row>
    <row r="835392" spans="14:14">
      <c r="N835392" s="10"/>
    </row>
    <row r="835393" spans="14:14">
      <c r="N835393" s="10"/>
    </row>
    <row r="835394" spans="14:14">
      <c r="N835394" s="10"/>
    </row>
    <row r="835395" spans="14:14">
      <c r="N835395" s="10"/>
    </row>
    <row r="835396" spans="14:14">
      <c r="N835396" s="10"/>
    </row>
    <row r="835397" spans="14:14">
      <c r="N835397" s="10"/>
    </row>
    <row r="835398" spans="14:14">
      <c r="N835398" s="10"/>
    </row>
    <row r="835399" spans="14:14">
      <c r="N835399" s="10"/>
    </row>
    <row r="835400" spans="14:14">
      <c r="N835400" s="10"/>
    </row>
    <row r="835401" spans="14:14">
      <c r="N835401" s="10"/>
    </row>
    <row r="835402" spans="14:14">
      <c r="N835402" s="10"/>
    </row>
    <row r="835403" spans="14:14">
      <c r="N835403" s="10"/>
    </row>
    <row r="835404" spans="14:14">
      <c r="N835404" s="10"/>
    </row>
    <row r="835405" spans="14:14">
      <c r="N835405" s="10"/>
    </row>
    <row r="835406" spans="14:14">
      <c r="N835406" s="10"/>
    </row>
    <row r="835407" spans="14:14">
      <c r="N835407" s="10"/>
    </row>
    <row r="835408" spans="14:14">
      <c r="N835408" s="10"/>
    </row>
    <row r="835409" spans="14:14">
      <c r="N835409" s="10"/>
    </row>
    <row r="835410" spans="14:14">
      <c r="N835410" s="10"/>
    </row>
    <row r="835411" spans="14:14">
      <c r="N835411" s="10"/>
    </row>
    <row r="835412" spans="14:14">
      <c r="N835412" s="10"/>
    </row>
    <row r="835413" spans="14:14">
      <c r="N835413" s="10"/>
    </row>
    <row r="835414" spans="14:14">
      <c r="N835414" s="10"/>
    </row>
    <row r="835415" spans="14:14">
      <c r="N835415" s="10"/>
    </row>
    <row r="835416" spans="14:14">
      <c r="N835416" s="10"/>
    </row>
    <row r="835417" spans="14:14">
      <c r="N835417" s="10"/>
    </row>
    <row r="835418" spans="14:14">
      <c r="N835418" s="10"/>
    </row>
    <row r="835419" spans="14:14">
      <c r="N835419" s="10"/>
    </row>
    <row r="835420" spans="14:14">
      <c r="N835420" s="10"/>
    </row>
    <row r="835421" spans="14:14">
      <c r="N835421" s="10"/>
    </row>
    <row r="835422" spans="14:14">
      <c r="N835422" s="10"/>
    </row>
    <row r="835423" spans="14:14">
      <c r="N835423" s="10"/>
    </row>
    <row r="835424" spans="14:14">
      <c r="N835424" s="10"/>
    </row>
    <row r="835425" spans="14:14">
      <c r="N835425" s="10"/>
    </row>
    <row r="835426" spans="14:14">
      <c r="N835426" s="10"/>
    </row>
    <row r="835427" spans="14:14">
      <c r="N835427" s="10"/>
    </row>
    <row r="835428" spans="14:14">
      <c r="N835428" s="10"/>
    </row>
    <row r="835429" spans="14:14">
      <c r="N835429" s="10"/>
    </row>
    <row r="835430" spans="14:14">
      <c r="N835430" s="10"/>
    </row>
    <row r="835431" spans="14:14">
      <c r="N835431" s="10"/>
    </row>
    <row r="835432" spans="14:14">
      <c r="N835432" s="10"/>
    </row>
    <row r="835433" spans="14:14">
      <c r="N835433" s="10"/>
    </row>
    <row r="835434" spans="14:14">
      <c r="N835434" s="10"/>
    </row>
    <row r="835435" spans="14:14">
      <c r="N835435" s="10"/>
    </row>
    <row r="835436" spans="14:14">
      <c r="N835436" s="10"/>
    </row>
    <row r="835437" spans="14:14">
      <c r="N835437" s="10"/>
    </row>
    <row r="835438" spans="14:14">
      <c r="N835438" s="10"/>
    </row>
    <row r="835439" spans="14:14">
      <c r="N835439" s="10"/>
    </row>
    <row r="835440" spans="14:14">
      <c r="N835440" s="10"/>
    </row>
    <row r="835441" spans="14:14">
      <c r="N835441" s="10"/>
    </row>
    <row r="835442" spans="14:14">
      <c r="N835442" s="10"/>
    </row>
    <row r="835443" spans="14:14">
      <c r="N835443" s="10"/>
    </row>
    <row r="835444" spans="14:14">
      <c r="N835444" s="10"/>
    </row>
    <row r="835445" spans="14:14">
      <c r="N835445" s="10"/>
    </row>
    <row r="835446" spans="14:14">
      <c r="N835446" s="10"/>
    </row>
    <row r="835447" spans="14:14">
      <c r="N835447" s="10"/>
    </row>
    <row r="835448" spans="14:14">
      <c r="N835448" s="10"/>
    </row>
    <row r="835449" spans="14:14">
      <c r="N835449" s="10"/>
    </row>
    <row r="835450" spans="14:14">
      <c r="N835450" s="10"/>
    </row>
    <row r="835451" spans="14:14">
      <c r="N835451" s="10"/>
    </row>
    <row r="835452" spans="14:14">
      <c r="N835452" s="10"/>
    </row>
    <row r="835453" spans="14:14">
      <c r="N835453" s="10"/>
    </row>
    <row r="835454" spans="14:14">
      <c r="N835454" s="10"/>
    </row>
    <row r="835455" spans="14:14">
      <c r="N835455" s="10"/>
    </row>
    <row r="835456" spans="14:14">
      <c r="N835456" s="10"/>
    </row>
    <row r="835457" spans="14:14">
      <c r="N835457" s="10"/>
    </row>
    <row r="835458" spans="14:14">
      <c r="N835458" s="10"/>
    </row>
    <row r="835459" spans="14:14">
      <c r="N835459" s="10"/>
    </row>
    <row r="835460" spans="14:14">
      <c r="N835460" s="10"/>
    </row>
    <row r="835461" spans="14:14">
      <c r="N835461" s="10"/>
    </row>
    <row r="835462" spans="14:14">
      <c r="N835462" s="10"/>
    </row>
    <row r="835463" spans="14:14">
      <c r="N835463" s="10"/>
    </row>
    <row r="835464" spans="14:14">
      <c r="N835464" s="10"/>
    </row>
    <row r="835465" spans="14:14">
      <c r="N835465" s="10"/>
    </row>
    <row r="835466" spans="14:14">
      <c r="N835466" s="10"/>
    </row>
    <row r="835467" spans="14:14">
      <c r="N835467" s="10"/>
    </row>
    <row r="835468" spans="14:14">
      <c r="N835468" s="10"/>
    </row>
    <row r="835469" spans="14:14">
      <c r="N835469" s="10"/>
    </row>
    <row r="835470" spans="14:14">
      <c r="N835470" s="10"/>
    </row>
    <row r="835471" spans="14:14">
      <c r="N835471" s="10"/>
    </row>
    <row r="835472" spans="14:14">
      <c r="N835472" s="10"/>
    </row>
    <row r="835473" spans="14:14">
      <c r="N835473" s="10"/>
    </row>
    <row r="835474" spans="14:14">
      <c r="N835474" s="10"/>
    </row>
    <row r="835475" spans="14:14">
      <c r="N835475" s="10"/>
    </row>
    <row r="835476" spans="14:14">
      <c r="N835476" s="10"/>
    </row>
    <row r="835477" spans="14:14">
      <c r="N835477" s="10"/>
    </row>
    <row r="835478" spans="14:14">
      <c r="N835478" s="10"/>
    </row>
    <row r="835479" spans="14:14">
      <c r="N835479" s="10"/>
    </row>
    <row r="835480" spans="14:14">
      <c r="N835480" s="10"/>
    </row>
    <row r="835481" spans="14:14">
      <c r="N835481" s="10"/>
    </row>
    <row r="835482" spans="14:14">
      <c r="N835482" s="10"/>
    </row>
    <row r="835483" spans="14:14">
      <c r="N835483" s="10"/>
    </row>
    <row r="835484" spans="14:14">
      <c r="N835484" s="10"/>
    </row>
    <row r="835485" spans="14:14">
      <c r="N835485" s="10"/>
    </row>
    <row r="835486" spans="14:14">
      <c r="N835486" s="10"/>
    </row>
    <row r="835487" spans="14:14">
      <c r="N835487" s="10"/>
    </row>
    <row r="835488" spans="14:14">
      <c r="N835488" s="10"/>
    </row>
    <row r="835489" spans="14:14">
      <c r="N835489" s="10"/>
    </row>
    <row r="835490" spans="14:14">
      <c r="N835490" s="10"/>
    </row>
    <row r="835491" spans="14:14">
      <c r="N835491" s="10"/>
    </row>
    <row r="835492" spans="14:14">
      <c r="N835492" s="10"/>
    </row>
    <row r="835493" spans="14:14">
      <c r="N835493" s="10"/>
    </row>
    <row r="835494" spans="14:14">
      <c r="N835494" s="10"/>
    </row>
    <row r="835495" spans="14:14">
      <c r="N835495" s="10"/>
    </row>
    <row r="835496" spans="14:14">
      <c r="N835496" s="10"/>
    </row>
    <row r="835497" spans="14:14">
      <c r="N835497" s="10"/>
    </row>
    <row r="835498" spans="14:14">
      <c r="N835498" s="10"/>
    </row>
    <row r="835499" spans="14:14">
      <c r="N835499" s="10"/>
    </row>
    <row r="835500" spans="14:14">
      <c r="N835500" s="10"/>
    </row>
    <row r="835501" spans="14:14">
      <c r="N835501" s="10"/>
    </row>
    <row r="835502" spans="14:14">
      <c r="N835502" s="10"/>
    </row>
    <row r="835503" spans="14:14">
      <c r="N835503" s="10"/>
    </row>
    <row r="835504" spans="14:14">
      <c r="N835504" s="10"/>
    </row>
    <row r="835505" spans="14:14">
      <c r="N835505" s="10"/>
    </row>
    <row r="835506" spans="14:14">
      <c r="N835506" s="10"/>
    </row>
    <row r="835507" spans="14:14">
      <c r="N835507" s="10"/>
    </row>
    <row r="835508" spans="14:14">
      <c r="N835508" s="10"/>
    </row>
    <row r="835509" spans="14:14">
      <c r="N835509" s="10"/>
    </row>
    <row r="835510" spans="14:14">
      <c r="N835510" s="10"/>
    </row>
    <row r="835511" spans="14:14">
      <c r="N835511" s="10"/>
    </row>
    <row r="835512" spans="14:14">
      <c r="N835512" s="10"/>
    </row>
    <row r="835513" spans="14:14">
      <c r="N835513" s="10"/>
    </row>
    <row r="835514" spans="14:14">
      <c r="N835514" s="10"/>
    </row>
    <row r="835515" spans="14:14">
      <c r="N835515" s="10"/>
    </row>
    <row r="835516" spans="14:14">
      <c r="N835516" s="10"/>
    </row>
    <row r="835517" spans="14:14">
      <c r="N835517" s="10"/>
    </row>
    <row r="835518" spans="14:14">
      <c r="N835518" s="10"/>
    </row>
    <row r="835519" spans="14:14">
      <c r="N835519" s="10"/>
    </row>
    <row r="835520" spans="14:14">
      <c r="N835520" s="10"/>
    </row>
    <row r="835521" spans="14:14">
      <c r="N835521" s="10"/>
    </row>
    <row r="835522" spans="14:14">
      <c r="N835522" s="10"/>
    </row>
    <row r="835523" spans="14:14">
      <c r="N835523" s="10"/>
    </row>
    <row r="835524" spans="14:14">
      <c r="N835524" s="10"/>
    </row>
    <row r="835525" spans="14:14">
      <c r="N835525" s="10"/>
    </row>
    <row r="835526" spans="14:14">
      <c r="N835526" s="10"/>
    </row>
    <row r="835527" spans="14:14">
      <c r="N835527" s="10"/>
    </row>
    <row r="835528" spans="14:14">
      <c r="N835528" s="10"/>
    </row>
    <row r="835529" spans="14:14">
      <c r="N835529" s="10"/>
    </row>
    <row r="835530" spans="14:14">
      <c r="N835530" s="10"/>
    </row>
    <row r="835531" spans="14:14">
      <c r="N835531" s="10"/>
    </row>
    <row r="835532" spans="14:14">
      <c r="N835532" s="10"/>
    </row>
    <row r="835533" spans="14:14">
      <c r="N835533" s="10"/>
    </row>
    <row r="835534" spans="14:14">
      <c r="N835534" s="10"/>
    </row>
    <row r="835535" spans="14:14">
      <c r="N835535" s="10"/>
    </row>
    <row r="835536" spans="14:14">
      <c r="N835536" s="10"/>
    </row>
    <row r="835537" spans="14:14">
      <c r="N835537" s="10"/>
    </row>
    <row r="835538" spans="14:14">
      <c r="N835538" s="10"/>
    </row>
    <row r="835539" spans="14:14">
      <c r="N835539" s="10"/>
    </row>
    <row r="835540" spans="14:14">
      <c r="N835540" s="10"/>
    </row>
    <row r="835541" spans="14:14">
      <c r="N835541" s="10"/>
    </row>
    <row r="835542" spans="14:14">
      <c r="N835542" s="10"/>
    </row>
    <row r="835543" spans="14:14">
      <c r="N835543" s="10"/>
    </row>
    <row r="835544" spans="14:14">
      <c r="N835544" s="10"/>
    </row>
    <row r="835545" spans="14:14">
      <c r="N835545" s="10"/>
    </row>
    <row r="835546" spans="14:14">
      <c r="N835546" s="10"/>
    </row>
    <row r="835547" spans="14:14">
      <c r="N835547" s="10"/>
    </row>
    <row r="835548" spans="14:14">
      <c r="N835548" s="10"/>
    </row>
    <row r="835549" spans="14:14">
      <c r="N835549" s="10"/>
    </row>
    <row r="835550" spans="14:14">
      <c r="N835550" s="10"/>
    </row>
    <row r="835551" spans="14:14">
      <c r="N835551" s="10"/>
    </row>
    <row r="835552" spans="14:14">
      <c r="N835552" s="10"/>
    </row>
    <row r="835553" spans="14:14">
      <c r="N835553" s="10"/>
    </row>
    <row r="835554" spans="14:14">
      <c r="N835554" s="10"/>
    </row>
    <row r="835555" spans="14:14">
      <c r="N835555" s="10"/>
    </row>
    <row r="835556" spans="14:14">
      <c r="N835556" s="10"/>
    </row>
    <row r="835557" spans="14:14">
      <c r="N835557" s="10"/>
    </row>
    <row r="835558" spans="14:14">
      <c r="N835558" s="10"/>
    </row>
    <row r="835559" spans="14:14">
      <c r="N835559" s="10"/>
    </row>
    <row r="835560" spans="14:14">
      <c r="N835560" s="10"/>
    </row>
    <row r="835561" spans="14:14">
      <c r="N835561" s="10"/>
    </row>
    <row r="835562" spans="14:14">
      <c r="N835562" s="10"/>
    </row>
    <row r="835563" spans="14:14">
      <c r="N835563" s="10"/>
    </row>
    <row r="835564" spans="14:14">
      <c r="N835564" s="10"/>
    </row>
    <row r="835565" spans="14:14">
      <c r="N835565" s="10"/>
    </row>
    <row r="835566" spans="14:14">
      <c r="N835566" s="10"/>
    </row>
    <row r="835567" spans="14:14">
      <c r="N835567" s="10"/>
    </row>
    <row r="835568" spans="14:14">
      <c r="N835568" s="10"/>
    </row>
    <row r="835569" spans="14:14">
      <c r="N835569" s="10"/>
    </row>
    <row r="835570" spans="14:14">
      <c r="N835570" s="10"/>
    </row>
    <row r="835571" spans="14:14">
      <c r="N835571" s="10"/>
    </row>
    <row r="835572" spans="14:14">
      <c r="N835572" s="10"/>
    </row>
    <row r="835573" spans="14:14">
      <c r="N835573" s="10"/>
    </row>
    <row r="835574" spans="14:14">
      <c r="N835574" s="10"/>
    </row>
    <row r="835575" spans="14:14">
      <c r="N835575" s="10"/>
    </row>
    <row r="835576" spans="14:14">
      <c r="N835576" s="10"/>
    </row>
    <row r="835577" spans="14:14">
      <c r="N835577" s="10"/>
    </row>
    <row r="835578" spans="14:14">
      <c r="N835578" s="10"/>
    </row>
    <row r="835579" spans="14:14">
      <c r="N835579" s="10"/>
    </row>
    <row r="835580" spans="14:14">
      <c r="N835580" s="10"/>
    </row>
    <row r="835581" spans="14:14">
      <c r="N835581" s="10"/>
    </row>
    <row r="835582" spans="14:14">
      <c r="N835582" s="10"/>
    </row>
    <row r="835583" spans="14:14">
      <c r="N835583" s="10"/>
    </row>
    <row r="835584" spans="14:14">
      <c r="N835584" s="10"/>
    </row>
    <row r="835585" spans="14:14">
      <c r="N835585" s="10"/>
    </row>
    <row r="835586" spans="14:14">
      <c r="N835586" s="10"/>
    </row>
    <row r="835587" spans="14:14">
      <c r="N835587" s="10"/>
    </row>
    <row r="835588" spans="14:14">
      <c r="N835588" s="10"/>
    </row>
    <row r="835589" spans="14:14">
      <c r="N835589" s="10"/>
    </row>
    <row r="835590" spans="14:14">
      <c r="N835590" s="10"/>
    </row>
    <row r="835591" spans="14:14">
      <c r="N835591" s="10"/>
    </row>
    <row r="835592" spans="14:14">
      <c r="N835592" s="10"/>
    </row>
    <row r="835593" spans="14:14">
      <c r="N835593" s="10"/>
    </row>
    <row r="835594" spans="14:14">
      <c r="N835594" s="10"/>
    </row>
    <row r="835595" spans="14:14">
      <c r="N835595" s="10"/>
    </row>
    <row r="835596" spans="14:14">
      <c r="N835596" s="10"/>
    </row>
    <row r="835597" spans="14:14">
      <c r="N835597" s="10"/>
    </row>
    <row r="835598" spans="14:14">
      <c r="N835598" s="10"/>
    </row>
    <row r="835599" spans="14:14">
      <c r="N835599" s="10"/>
    </row>
    <row r="835600" spans="14:14">
      <c r="N835600" s="10"/>
    </row>
    <row r="835601" spans="14:14">
      <c r="N835601" s="10"/>
    </row>
    <row r="835602" spans="14:14">
      <c r="N835602" s="10"/>
    </row>
    <row r="835603" spans="14:14">
      <c r="N835603" s="10"/>
    </row>
    <row r="835604" spans="14:14">
      <c r="N835604" s="10"/>
    </row>
    <row r="835605" spans="14:14">
      <c r="N835605" s="10"/>
    </row>
    <row r="835606" spans="14:14">
      <c r="N835606" s="10"/>
    </row>
    <row r="835607" spans="14:14">
      <c r="N835607" s="10"/>
    </row>
    <row r="835608" spans="14:14">
      <c r="N835608" s="10"/>
    </row>
    <row r="835609" spans="14:14">
      <c r="N835609" s="10"/>
    </row>
    <row r="835610" spans="14:14">
      <c r="N835610" s="10"/>
    </row>
    <row r="835611" spans="14:14">
      <c r="N835611" s="10"/>
    </row>
    <row r="835612" spans="14:14">
      <c r="N835612" s="10"/>
    </row>
    <row r="835613" spans="14:14">
      <c r="N835613" s="10"/>
    </row>
    <row r="835614" spans="14:14">
      <c r="N835614" s="10"/>
    </row>
    <row r="835615" spans="14:14">
      <c r="N835615" s="10"/>
    </row>
    <row r="835616" spans="14:14">
      <c r="N835616" s="10"/>
    </row>
    <row r="835617" spans="14:14">
      <c r="N835617" s="10"/>
    </row>
    <row r="835618" spans="14:14">
      <c r="N835618" s="10"/>
    </row>
    <row r="835619" spans="14:14">
      <c r="N835619" s="10"/>
    </row>
    <row r="835620" spans="14:14">
      <c r="N835620" s="10"/>
    </row>
    <row r="835621" spans="14:14">
      <c r="N835621" s="10"/>
    </row>
    <row r="835622" spans="14:14">
      <c r="N835622" s="10"/>
    </row>
    <row r="835623" spans="14:14">
      <c r="N835623" s="10"/>
    </row>
    <row r="835624" spans="14:14">
      <c r="N835624" s="10"/>
    </row>
    <row r="835625" spans="14:14">
      <c r="N835625" s="10"/>
    </row>
    <row r="835626" spans="14:14">
      <c r="N835626" s="10"/>
    </row>
    <row r="835627" spans="14:14">
      <c r="N835627" s="10"/>
    </row>
    <row r="835628" spans="14:14">
      <c r="N835628" s="10"/>
    </row>
    <row r="835629" spans="14:14">
      <c r="N835629" s="10"/>
    </row>
    <row r="835630" spans="14:14">
      <c r="N835630" s="10"/>
    </row>
    <row r="835631" spans="14:14">
      <c r="N835631" s="10"/>
    </row>
    <row r="835632" spans="14:14">
      <c r="N835632" s="10"/>
    </row>
    <row r="835633" spans="14:14">
      <c r="N835633" s="10"/>
    </row>
    <row r="835634" spans="14:14">
      <c r="N835634" s="10"/>
    </row>
    <row r="835635" spans="14:14">
      <c r="N835635" s="10"/>
    </row>
    <row r="835636" spans="14:14">
      <c r="N835636" s="10"/>
    </row>
    <row r="835637" spans="14:14">
      <c r="N835637" s="10"/>
    </row>
    <row r="835638" spans="14:14">
      <c r="N835638" s="10"/>
    </row>
    <row r="835639" spans="14:14">
      <c r="N835639" s="10"/>
    </row>
    <row r="835640" spans="14:14">
      <c r="N835640" s="10"/>
    </row>
    <row r="835641" spans="14:14">
      <c r="N835641" s="10"/>
    </row>
    <row r="835642" spans="14:14">
      <c r="N835642" s="10"/>
    </row>
    <row r="835643" spans="14:14">
      <c r="N835643" s="10"/>
    </row>
    <row r="835644" spans="14:14">
      <c r="N835644" s="10"/>
    </row>
    <row r="835645" spans="14:14">
      <c r="N835645" s="10"/>
    </row>
    <row r="835646" spans="14:14">
      <c r="N835646" s="10"/>
    </row>
    <row r="835647" spans="14:14">
      <c r="N835647" s="10"/>
    </row>
    <row r="835648" spans="14:14">
      <c r="N835648" s="10"/>
    </row>
    <row r="835649" spans="14:14">
      <c r="N835649" s="10"/>
    </row>
    <row r="835650" spans="14:14">
      <c r="N835650" s="10"/>
    </row>
    <row r="835651" spans="14:14">
      <c r="N835651" s="10"/>
    </row>
    <row r="835652" spans="14:14">
      <c r="N835652" s="10"/>
    </row>
    <row r="835653" spans="14:14">
      <c r="N835653" s="10"/>
    </row>
    <row r="835654" spans="14:14">
      <c r="N835654" s="10"/>
    </row>
    <row r="835655" spans="14:14">
      <c r="N835655" s="10"/>
    </row>
    <row r="835656" spans="14:14">
      <c r="N835656" s="10"/>
    </row>
    <row r="835657" spans="14:14">
      <c r="N835657" s="10"/>
    </row>
    <row r="835658" spans="14:14">
      <c r="N835658" s="10"/>
    </row>
    <row r="835659" spans="14:14">
      <c r="N835659" s="10"/>
    </row>
    <row r="835660" spans="14:14">
      <c r="N835660" s="10"/>
    </row>
    <row r="835661" spans="14:14">
      <c r="N835661" s="10"/>
    </row>
    <row r="835662" spans="14:14">
      <c r="N835662" s="10"/>
    </row>
    <row r="835663" spans="14:14">
      <c r="N835663" s="10"/>
    </row>
    <row r="835664" spans="14:14">
      <c r="N835664" s="10"/>
    </row>
    <row r="835665" spans="14:14">
      <c r="N835665" s="10"/>
    </row>
    <row r="835666" spans="14:14">
      <c r="N835666" s="10"/>
    </row>
    <row r="835667" spans="14:14">
      <c r="N835667" s="10"/>
    </row>
    <row r="835668" spans="14:14">
      <c r="N835668" s="10"/>
    </row>
    <row r="835669" spans="14:14">
      <c r="N835669" s="10"/>
    </row>
    <row r="835670" spans="14:14">
      <c r="N835670" s="10"/>
    </row>
    <row r="835671" spans="14:14">
      <c r="N835671" s="10"/>
    </row>
    <row r="835672" spans="14:14">
      <c r="N835672" s="10"/>
    </row>
    <row r="835673" spans="14:14">
      <c r="N835673" s="10"/>
    </row>
    <row r="835674" spans="14:14">
      <c r="N835674" s="10"/>
    </row>
    <row r="835675" spans="14:14">
      <c r="N835675" s="10"/>
    </row>
    <row r="835676" spans="14:14">
      <c r="N835676" s="10"/>
    </row>
    <row r="835677" spans="14:14">
      <c r="N835677" s="10"/>
    </row>
    <row r="835678" spans="14:14">
      <c r="N835678" s="10"/>
    </row>
    <row r="835679" spans="14:14">
      <c r="N835679" s="10"/>
    </row>
    <row r="835680" spans="14:14">
      <c r="N835680" s="10"/>
    </row>
    <row r="835681" spans="14:14">
      <c r="N835681" s="10"/>
    </row>
    <row r="835682" spans="14:14">
      <c r="N835682" s="10"/>
    </row>
    <row r="835683" spans="14:14">
      <c r="N835683" s="10"/>
    </row>
    <row r="835684" spans="14:14">
      <c r="N835684" s="10"/>
    </row>
    <row r="835685" spans="14:14">
      <c r="N835685" s="10"/>
    </row>
    <row r="835686" spans="14:14">
      <c r="N835686" s="10"/>
    </row>
    <row r="835687" spans="14:14">
      <c r="N835687" s="10"/>
    </row>
    <row r="835688" spans="14:14">
      <c r="N835688" s="10"/>
    </row>
    <row r="835689" spans="14:14">
      <c r="N835689" s="10"/>
    </row>
    <row r="835690" spans="14:14">
      <c r="N835690" s="10"/>
    </row>
    <row r="835691" spans="14:14">
      <c r="N835691" s="10"/>
    </row>
    <row r="835692" spans="14:14">
      <c r="N835692" s="10"/>
    </row>
    <row r="835693" spans="14:14">
      <c r="N835693" s="10"/>
    </row>
    <row r="835694" spans="14:14">
      <c r="N835694" s="10"/>
    </row>
    <row r="835695" spans="14:14">
      <c r="N835695" s="10"/>
    </row>
    <row r="835696" spans="14:14">
      <c r="N835696" s="10"/>
    </row>
    <row r="835697" spans="14:14">
      <c r="N835697" s="10"/>
    </row>
    <row r="835698" spans="14:14">
      <c r="N835698" s="10"/>
    </row>
    <row r="835699" spans="14:14">
      <c r="N835699" s="10"/>
    </row>
    <row r="835700" spans="14:14">
      <c r="N835700" s="10"/>
    </row>
    <row r="835701" spans="14:14">
      <c r="N835701" s="10"/>
    </row>
    <row r="835702" spans="14:14">
      <c r="N835702" s="10"/>
    </row>
    <row r="835703" spans="14:14">
      <c r="N835703" s="10"/>
    </row>
    <row r="835704" spans="14:14">
      <c r="N835704" s="10"/>
    </row>
    <row r="835705" spans="14:14">
      <c r="N835705" s="10"/>
    </row>
    <row r="835706" spans="14:14">
      <c r="N835706" s="10"/>
    </row>
    <row r="835707" spans="14:14">
      <c r="N835707" s="10"/>
    </row>
    <row r="835708" spans="14:14">
      <c r="N835708" s="10"/>
    </row>
    <row r="835709" spans="14:14">
      <c r="N835709" s="10"/>
    </row>
    <row r="835710" spans="14:14">
      <c r="N835710" s="10"/>
    </row>
    <row r="835711" spans="14:14">
      <c r="N835711" s="10"/>
    </row>
    <row r="835712" spans="14:14">
      <c r="N835712" s="10"/>
    </row>
    <row r="835713" spans="14:14">
      <c r="N835713" s="10"/>
    </row>
    <row r="835714" spans="14:14">
      <c r="N835714" s="10"/>
    </row>
    <row r="835715" spans="14:14">
      <c r="N835715" s="10"/>
    </row>
    <row r="835716" spans="14:14">
      <c r="N835716" s="10"/>
    </row>
    <row r="835717" spans="14:14">
      <c r="N835717" s="10"/>
    </row>
    <row r="835718" spans="14:14">
      <c r="N835718" s="10"/>
    </row>
    <row r="835719" spans="14:14">
      <c r="N835719" s="10"/>
    </row>
    <row r="835720" spans="14:14">
      <c r="N835720" s="10"/>
    </row>
    <row r="835721" spans="14:14">
      <c r="N835721" s="10"/>
    </row>
    <row r="835722" spans="14:14">
      <c r="N835722" s="10"/>
    </row>
    <row r="835723" spans="14:14">
      <c r="N835723" s="10"/>
    </row>
    <row r="835724" spans="14:14">
      <c r="N835724" s="10"/>
    </row>
    <row r="835725" spans="14:14">
      <c r="N835725" s="10"/>
    </row>
    <row r="835726" spans="14:14">
      <c r="N835726" s="10"/>
    </row>
    <row r="835727" spans="14:14">
      <c r="N835727" s="10"/>
    </row>
    <row r="835728" spans="14:14">
      <c r="N835728" s="10"/>
    </row>
    <row r="835729" spans="14:14">
      <c r="N835729" s="10"/>
    </row>
    <row r="835730" spans="14:14">
      <c r="N835730" s="10"/>
    </row>
    <row r="835731" spans="14:14">
      <c r="N835731" s="10"/>
    </row>
    <row r="835732" spans="14:14">
      <c r="N835732" s="10"/>
    </row>
    <row r="835733" spans="14:14">
      <c r="N835733" s="10"/>
    </row>
    <row r="835734" spans="14:14">
      <c r="N835734" s="10"/>
    </row>
    <row r="835735" spans="14:14">
      <c r="N835735" s="10"/>
    </row>
    <row r="835736" spans="14:14">
      <c r="N835736" s="10"/>
    </row>
    <row r="835737" spans="14:14">
      <c r="N835737" s="10"/>
    </row>
    <row r="835738" spans="14:14">
      <c r="N835738" s="10"/>
    </row>
    <row r="835739" spans="14:14">
      <c r="N835739" s="10"/>
    </row>
    <row r="835740" spans="14:14">
      <c r="N835740" s="10"/>
    </row>
    <row r="835741" spans="14:14">
      <c r="N835741" s="10"/>
    </row>
    <row r="835742" spans="14:14">
      <c r="N835742" s="10"/>
    </row>
    <row r="835743" spans="14:14">
      <c r="N835743" s="10"/>
    </row>
    <row r="835744" spans="14:14">
      <c r="N835744" s="10"/>
    </row>
    <row r="835745" spans="14:14">
      <c r="N835745" s="10"/>
    </row>
    <row r="835746" spans="14:14">
      <c r="N835746" s="10"/>
    </row>
    <row r="835747" spans="14:14">
      <c r="N835747" s="10"/>
    </row>
    <row r="835748" spans="14:14">
      <c r="N835748" s="10"/>
    </row>
    <row r="835749" spans="14:14">
      <c r="N835749" s="10"/>
    </row>
    <row r="835750" spans="14:14">
      <c r="N835750" s="10"/>
    </row>
    <row r="835751" spans="14:14">
      <c r="N835751" s="10"/>
    </row>
    <row r="835752" spans="14:14">
      <c r="N835752" s="10"/>
    </row>
    <row r="835753" spans="14:14">
      <c r="N835753" s="10"/>
    </row>
    <row r="835754" spans="14:14">
      <c r="N835754" s="10"/>
    </row>
    <row r="835755" spans="14:14">
      <c r="N835755" s="10"/>
    </row>
    <row r="835756" spans="14:14">
      <c r="N835756" s="10"/>
    </row>
    <row r="835757" spans="14:14">
      <c r="N835757" s="10"/>
    </row>
    <row r="835758" spans="14:14">
      <c r="N835758" s="10"/>
    </row>
    <row r="835759" spans="14:14">
      <c r="N835759" s="10"/>
    </row>
    <row r="835760" spans="14:14">
      <c r="N835760" s="10"/>
    </row>
    <row r="835761" spans="14:14">
      <c r="N835761" s="10"/>
    </row>
    <row r="835762" spans="14:14">
      <c r="N835762" s="10"/>
    </row>
    <row r="835763" spans="14:14">
      <c r="N835763" s="10"/>
    </row>
    <row r="835764" spans="14:14">
      <c r="N835764" s="10"/>
    </row>
    <row r="835765" spans="14:14">
      <c r="N835765" s="10"/>
    </row>
    <row r="835766" spans="14:14">
      <c r="N835766" s="10"/>
    </row>
    <row r="835767" spans="14:14">
      <c r="N835767" s="10"/>
    </row>
    <row r="835768" spans="14:14">
      <c r="N835768" s="10"/>
    </row>
    <row r="835769" spans="14:14">
      <c r="N835769" s="10"/>
    </row>
    <row r="835770" spans="14:14">
      <c r="N835770" s="10"/>
    </row>
    <row r="835771" spans="14:14">
      <c r="N835771" s="10"/>
    </row>
    <row r="835772" spans="14:14">
      <c r="N835772" s="10"/>
    </row>
    <row r="835773" spans="14:14">
      <c r="N835773" s="10"/>
    </row>
    <row r="835774" spans="14:14">
      <c r="N835774" s="10"/>
    </row>
    <row r="835775" spans="14:14">
      <c r="N835775" s="10"/>
    </row>
    <row r="835776" spans="14:14">
      <c r="N835776" s="10"/>
    </row>
    <row r="835777" spans="14:14">
      <c r="N835777" s="10"/>
    </row>
    <row r="835778" spans="14:14">
      <c r="N835778" s="10"/>
    </row>
    <row r="835779" spans="14:14">
      <c r="N835779" s="10"/>
    </row>
    <row r="835780" spans="14:14">
      <c r="N835780" s="10"/>
    </row>
    <row r="835781" spans="14:14">
      <c r="N835781" s="10"/>
    </row>
    <row r="835782" spans="14:14">
      <c r="N835782" s="10"/>
    </row>
    <row r="835783" spans="14:14">
      <c r="N835783" s="10"/>
    </row>
    <row r="835784" spans="14:14">
      <c r="N835784" s="10"/>
    </row>
    <row r="835785" spans="14:14">
      <c r="N835785" s="10"/>
    </row>
    <row r="835786" spans="14:14">
      <c r="N835786" s="10"/>
    </row>
    <row r="835787" spans="14:14">
      <c r="N835787" s="10"/>
    </row>
    <row r="835788" spans="14:14">
      <c r="N835788" s="10"/>
    </row>
    <row r="835789" spans="14:14">
      <c r="N835789" s="10"/>
    </row>
    <row r="835790" spans="14:14">
      <c r="N835790" s="10"/>
    </row>
    <row r="835791" spans="14:14">
      <c r="N835791" s="10"/>
    </row>
    <row r="835792" spans="14:14">
      <c r="N835792" s="10"/>
    </row>
    <row r="835793" spans="14:14">
      <c r="N835793" s="10"/>
    </row>
    <row r="835794" spans="14:14">
      <c r="N835794" s="10"/>
    </row>
    <row r="835795" spans="14:14">
      <c r="N835795" s="10"/>
    </row>
    <row r="835796" spans="14:14">
      <c r="N835796" s="10"/>
    </row>
    <row r="835797" spans="14:14">
      <c r="N835797" s="10"/>
    </row>
    <row r="835798" spans="14:14">
      <c r="N835798" s="10"/>
    </row>
    <row r="835799" spans="14:14">
      <c r="N835799" s="10"/>
    </row>
    <row r="835800" spans="14:14">
      <c r="N835800" s="10"/>
    </row>
    <row r="835801" spans="14:14">
      <c r="N835801" s="10"/>
    </row>
    <row r="835802" spans="14:14">
      <c r="N835802" s="10"/>
    </row>
    <row r="835803" spans="14:14">
      <c r="N835803" s="10"/>
    </row>
    <row r="835804" spans="14:14">
      <c r="N835804" s="10"/>
    </row>
    <row r="835805" spans="14:14">
      <c r="N835805" s="10"/>
    </row>
    <row r="835806" spans="14:14">
      <c r="N835806" s="10"/>
    </row>
    <row r="835807" spans="14:14">
      <c r="N835807" s="10"/>
    </row>
    <row r="835808" spans="14:14">
      <c r="N835808" s="10"/>
    </row>
    <row r="835809" spans="14:14">
      <c r="N835809" s="10"/>
    </row>
    <row r="835810" spans="14:14">
      <c r="N835810" s="10"/>
    </row>
    <row r="835811" spans="14:14">
      <c r="N835811" s="10"/>
    </row>
    <row r="835812" spans="14:14">
      <c r="N835812" s="10"/>
    </row>
    <row r="835813" spans="14:14">
      <c r="N835813" s="10"/>
    </row>
    <row r="835814" spans="14:14">
      <c r="N835814" s="10"/>
    </row>
    <row r="835815" spans="14:14">
      <c r="N835815" s="10"/>
    </row>
    <row r="835816" spans="14:14">
      <c r="N835816" s="10"/>
    </row>
    <row r="835817" spans="14:14">
      <c r="N835817" s="10"/>
    </row>
    <row r="835818" spans="14:14">
      <c r="N835818" s="10"/>
    </row>
    <row r="835819" spans="14:14">
      <c r="N835819" s="10"/>
    </row>
    <row r="835820" spans="14:14">
      <c r="N835820" s="10"/>
    </row>
    <row r="835821" spans="14:14">
      <c r="N835821" s="10"/>
    </row>
    <row r="835822" spans="14:14">
      <c r="N835822" s="10"/>
    </row>
    <row r="835823" spans="14:14">
      <c r="N835823" s="10"/>
    </row>
    <row r="835824" spans="14:14">
      <c r="N835824" s="10"/>
    </row>
    <row r="835825" spans="14:14">
      <c r="N835825" s="10"/>
    </row>
    <row r="835826" spans="14:14">
      <c r="N835826" s="10"/>
    </row>
    <row r="835827" spans="14:14">
      <c r="N835827" s="10"/>
    </row>
    <row r="835828" spans="14:14">
      <c r="N835828" s="10"/>
    </row>
    <row r="835829" spans="14:14">
      <c r="N835829" s="10"/>
    </row>
    <row r="835830" spans="14:14">
      <c r="N835830" s="10"/>
    </row>
    <row r="835831" spans="14:14">
      <c r="N835831" s="10"/>
    </row>
    <row r="835832" spans="14:14">
      <c r="N835832" s="10"/>
    </row>
    <row r="835833" spans="14:14">
      <c r="N835833" s="10"/>
    </row>
    <row r="835834" spans="14:14">
      <c r="N835834" s="10"/>
    </row>
    <row r="835835" spans="14:14">
      <c r="N835835" s="10"/>
    </row>
    <row r="835836" spans="14:14">
      <c r="N835836" s="10"/>
    </row>
    <row r="835837" spans="14:14">
      <c r="N835837" s="10"/>
    </row>
    <row r="835838" spans="14:14">
      <c r="N835838" s="10"/>
    </row>
    <row r="835839" spans="14:14">
      <c r="N835839" s="10"/>
    </row>
    <row r="835840" spans="14:14">
      <c r="N835840" s="10"/>
    </row>
    <row r="835841" spans="14:14">
      <c r="N835841" s="10"/>
    </row>
    <row r="835842" spans="14:14">
      <c r="N835842" s="10"/>
    </row>
    <row r="835843" spans="14:14">
      <c r="N835843" s="10"/>
    </row>
    <row r="835844" spans="14:14">
      <c r="N835844" s="10"/>
    </row>
    <row r="835845" spans="14:14">
      <c r="N835845" s="10"/>
    </row>
    <row r="835846" spans="14:14">
      <c r="N835846" s="10"/>
    </row>
    <row r="835847" spans="14:14">
      <c r="N835847" s="10"/>
    </row>
    <row r="835848" spans="14:14">
      <c r="N835848" s="10"/>
    </row>
    <row r="835849" spans="14:14">
      <c r="N835849" s="10"/>
    </row>
    <row r="835850" spans="14:14">
      <c r="N835850" s="10"/>
    </row>
    <row r="835851" spans="14:14">
      <c r="N835851" s="10"/>
    </row>
    <row r="835852" spans="14:14">
      <c r="N835852" s="10"/>
    </row>
    <row r="835853" spans="14:14">
      <c r="N835853" s="10"/>
    </row>
    <row r="835854" spans="14:14">
      <c r="N835854" s="10"/>
    </row>
    <row r="835855" spans="14:14">
      <c r="N835855" s="10"/>
    </row>
    <row r="835856" spans="14:14">
      <c r="N835856" s="10"/>
    </row>
    <row r="835857" spans="14:14">
      <c r="N835857" s="10"/>
    </row>
    <row r="835858" spans="14:14">
      <c r="N835858" s="10"/>
    </row>
    <row r="835859" spans="14:14">
      <c r="N835859" s="10"/>
    </row>
    <row r="835860" spans="14:14">
      <c r="N835860" s="10"/>
    </row>
    <row r="835861" spans="14:14">
      <c r="N835861" s="10"/>
    </row>
    <row r="835862" spans="14:14">
      <c r="N835862" s="10"/>
    </row>
    <row r="835863" spans="14:14">
      <c r="N835863" s="10"/>
    </row>
    <row r="835864" spans="14:14">
      <c r="N835864" s="10"/>
    </row>
    <row r="835865" spans="14:14">
      <c r="N835865" s="10"/>
    </row>
    <row r="835866" spans="14:14">
      <c r="N835866" s="10"/>
    </row>
    <row r="835867" spans="14:14">
      <c r="N835867" s="10"/>
    </row>
    <row r="835868" spans="14:14">
      <c r="N835868" s="10"/>
    </row>
    <row r="835869" spans="14:14">
      <c r="N835869" s="10"/>
    </row>
    <row r="835870" spans="14:14">
      <c r="N835870" s="10"/>
    </row>
    <row r="835871" spans="14:14">
      <c r="N835871" s="10"/>
    </row>
    <row r="835872" spans="14:14">
      <c r="N835872" s="10"/>
    </row>
    <row r="835873" spans="14:14">
      <c r="N835873" s="10"/>
    </row>
    <row r="835874" spans="14:14">
      <c r="N835874" s="10"/>
    </row>
    <row r="835875" spans="14:14">
      <c r="N835875" s="10"/>
    </row>
    <row r="835876" spans="14:14">
      <c r="N835876" s="10"/>
    </row>
    <row r="835877" spans="14:14">
      <c r="N835877" s="10"/>
    </row>
    <row r="835878" spans="14:14">
      <c r="N835878" s="10"/>
    </row>
    <row r="835879" spans="14:14">
      <c r="N835879" s="10"/>
    </row>
    <row r="835880" spans="14:14">
      <c r="N835880" s="10"/>
    </row>
    <row r="835881" spans="14:14">
      <c r="N835881" s="10"/>
    </row>
    <row r="835882" spans="14:14">
      <c r="N835882" s="10"/>
    </row>
    <row r="835883" spans="14:14">
      <c r="N835883" s="10"/>
    </row>
    <row r="835884" spans="14:14">
      <c r="N835884" s="10"/>
    </row>
    <row r="835885" spans="14:14">
      <c r="N835885" s="10"/>
    </row>
    <row r="835886" spans="14:14">
      <c r="N835886" s="10"/>
    </row>
    <row r="835887" spans="14:14">
      <c r="N835887" s="10"/>
    </row>
    <row r="835888" spans="14:14">
      <c r="N835888" s="10"/>
    </row>
    <row r="835889" spans="14:14">
      <c r="N835889" s="10"/>
    </row>
    <row r="835890" spans="14:14">
      <c r="N835890" s="10"/>
    </row>
    <row r="835891" spans="14:14">
      <c r="N835891" s="10"/>
    </row>
    <row r="835892" spans="14:14">
      <c r="N835892" s="10"/>
    </row>
    <row r="835893" spans="14:14">
      <c r="N835893" s="10"/>
    </row>
    <row r="835894" spans="14:14">
      <c r="N835894" s="10"/>
    </row>
    <row r="835895" spans="14:14">
      <c r="N835895" s="10"/>
    </row>
    <row r="835896" spans="14:14">
      <c r="N835896" s="10"/>
    </row>
    <row r="835897" spans="14:14">
      <c r="N835897" s="10"/>
    </row>
    <row r="835898" spans="14:14">
      <c r="N835898" s="10"/>
    </row>
    <row r="835899" spans="14:14">
      <c r="N835899" s="10"/>
    </row>
    <row r="835900" spans="14:14">
      <c r="N835900" s="10"/>
    </row>
    <row r="835901" spans="14:14">
      <c r="N835901" s="10"/>
    </row>
    <row r="835902" spans="14:14">
      <c r="N835902" s="10"/>
    </row>
    <row r="835903" spans="14:14">
      <c r="N835903" s="10"/>
    </row>
    <row r="835904" spans="14:14">
      <c r="N835904" s="10"/>
    </row>
    <row r="835905" spans="14:14">
      <c r="N835905" s="10"/>
    </row>
    <row r="835906" spans="14:14">
      <c r="N835906" s="10"/>
    </row>
    <row r="835907" spans="14:14">
      <c r="N835907" s="10"/>
    </row>
    <row r="835908" spans="14:14">
      <c r="N835908" s="10"/>
    </row>
    <row r="835909" spans="14:14">
      <c r="N835909" s="10"/>
    </row>
    <row r="835910" spans="14:14">
      <c r="N835910" s="10"/>
    </row>
    <row r="835911" spans="14:14">
      <c r="N835911" s="10"/>
    </row>
    <row r="835912" spans="14:14">
      <c r="N835912" s="10"/>
    </row>
    <row r="835913" spans="14:14">
      <c r="N835913" s="10"/>
    </row>
    <row r="835914" spans="14:14">
      <c r="N835914" s="10"/>
    </row>
    <row r="835915" spans="14:14">
      <c r="N835915" s="10"/>
    </row>
    <row r="835916" spans="14:14">
      <c r="N835916" s="10"/>
    </row>
    <row r="835917" spans="14:14">
      <c r="N835917" s="10"/>
    </row>
    <row r="835918" spans="14:14">
      <c r="N835918" s="10"/>
    </row>
    <row r="835919" spans="14:14">
      <c r="N835919" s="10"/>
    </row>
    <row r="835920" spans="14:14">
      <c r="N835920" s="10"/>
    </row>
    <row r="835921" spans="14:14">
      <c r="N835921" s="10"/>
    </row>
    <row r="835922" spans="14:14">
      <c r="N835922" s="10"/>
    </row>
    <row r="835923" spans="14:14">
      <c r="N835923" s="10"/>
    </row>
    <row r="835924" spans="14:14">
      <c r="N835924" s="10"/>
    </row>
    <row r="835925" spans="14:14">
      <c r="N835925" s="10"/>
    </row>
    <row r="835926" spans="14:14">
      <c r="N835926" s="10"/>
    </row>
    <row r="835927" spans="14:14">
      <c r="N835927" s="10"/>
    </row>
    <row r="835928" spans="14:14">
      <c r="N835928" s="10"/>
    </row>
    <row r="835929" spans="14:14">
      <c r="N835929" s="10"/>
    </row>
    <row r="835930" spans="14:14">
      <c r="N835930" s="10"/>
    </row>
    <row r="835931" spans="14:14">
      <c r="N835931" s="10"/>
    </row>
    <row r="835932" spans="14:14">
      <c r="N835932" s="10"/>
    </row>
    <row r="835933" spans="14:14">
      <c r="N835933" s="10"/>
    </row>
    <row r="835934" spans="14:14">
      <c r="N835934" s="10"/>
    </row>
    <row r="835935" spans="14:14">
      <c r="N835935" s="10"/>
    </row>
    <row r="835936" spans="14:14">
      <c r="N835936" s="10"/>
    </row>
    <row r="835937" spans="14:14">
      <c r="N835937" s="10"/>
    </row>
    <row r="835938" spans="14:14">
      <c r="N835938" s="10"/>
    </row>
    <row r="835939" spans="14:14">
      <c r="N835939" s="10"/>
    </row>
    <row r="835940" spans="14:14">
      <c r="N835940" s="10"/>
    </row>
    <row r="835941" spans="14:14">
      <c r="N835941" s="10"/>
    </row>
    <row r="835942" spans="14:14">
      <c r="N835942" s="10"/>
    </row>
    <row r="835943" spans="14:14">
      <c r="N835943" s="10"/>
    </row>
    <row r="835944" spans="14:14">
      <c r="N835944" s="10"/>
    </row>
    <row r="835945" spans="14:14">
      <c r="N835945" s="10"/>
    </row>
    <row r="835946" spans="14:14">
      <c r="N835946" s="10"/>
    </row>
    <row r="835947" spans="14:14">
      <c r="N835947" s="10"/>
    </row>
    <row r="835948" spans="14:14">
      <c r="N835948" s="10"/>
    </row>
    <row r="835949" spans="14:14">
      <c r="N835949" s="10"/>
    </row>
    <row r="835950" spans="14:14">
      <c r="N835950" s="10"/>
    </row>
    <row r="835951" spans="14:14">
      <c r="N835951" s="10"/>
    </row>
    <row r="835952" spans="14:14">
      <c r="N835952" s="10"/>
    </row>
    <row r="835953" spans="14:14">
      <c r="N835953" s="10"/>
    </row>
    <row r="835954" spans="14:14">
      <c r="N835954" s="10"/>
    </row>
    <row r="835955" spans="14:14">
      <c r="N835955" s="10"/>
    </row>
    <row r="835956" spans="14:14">
      <c r="N835956" s="10"/>
    </row>
    <row r="835957" spans="14:14">
      <c r="N835957" s="10"/>
    </row>
    <row r="835958" spans="14:14">
      <c r="N835958" s="10"/>
    </row>
    <row r="835959" spans="14:14">
      <c r="N835959" s="10"/>
    </row>
    <row r="835960" spans="14:14">
      <c r="N835960" s="10"/>
    </row>
    <row r="835961" spans="14:14">
      <c r="N835961" s="10"/>
    </row>
    <row r="835962" spans="14:14">
      <c r="N835962" s="10"/>
    </row>
    <row r="835963" spans="14:14">
      <c r="N835963" s="10"/>
    </row>
    <row r="835964" spans="14:14">
      <c r="N835964" s="10"/>
    </row>
    <row r="835965" spans="14:14">
      <c r="N835965" s="10"/>
    </row>
    <row r="835966" spans="14:14">
      <c r="N835966" s="10"/>
    </row>
    <row r="835967" spans="14:14">
      <c r="N835967" s="10"/>
    </row>
    <row r="835968" spans="14:14">
      <c r="N835968" s="10"/>
    </row>
    <row r="835969" spans="14:14">
      <c r="N835969" s="10"/>
    </row>
    <row r="835970" spans="14:14">
      <c r="N835970" s="10"/>
    </row>
    <row r="835971" spans="14:14">
      <c r="N835971" s="10"/>
    </row>
    <row r="835972" spans="14:14">
      <c r="N835972" s="10"/>
    </row>
    <row r="835973" spans="14:14">
      <c r="N835973" s="10"/>
    </row>
    <row r="835974" spans="14:14">
      <c r="N835974" s="10"/>
    </row>
    <row r="835975" spans="14:14">
      <c r="N835975" s="10"/>
    </row>
    <row r="835976" spans="14:14">
      <c r="N835976" s="10"/>
    </row>
    <row r="835977" spans="14:14">
      <c r="N835977" s="10"/>
    </row>
    <row r="835978" spans="14:14">
      <c r="N835978" s="10"/>
    </row>
    <row r="835979" spans="14:14">
      <c r="N835979" s="10"/>
    </row>
    <row r="835980" spans="14:14">
      <c r="N835980" s="10"/>
    </row>
    <row r="835981" spans="14:14">
      <c r="N835981" s="10"/>
    </row>
    <row r="835982" spans="14:14">
      <c r="N835982" s="10"/>
    </row>
    <row r="835983" spans="14:14">
      <c r="N835983" s="10"/>
    </row>
    <row r="835984" spans="14:14">
      <c r="N835984" s="10"/>
    </row>
    <row r="835985" spans="14:14">
      <c r="N835985" s="10"/>
    </row>
    <row r="835986" spans="14:14">
      <c r="N835986" s="10"/>
    </row>
    <row r="835987" spans="14:14">
      <c r="N835987" s="10"/>
    </row>
    <row r="835988" spans="14:14">
      <c r="N835988" s="10"/>
    </row>
    <row r="835989" spans="14:14">
      <c r="N835989" s="10"/>
    </row>
    <row r="835990" spans="14:14">
      <c r="N835990" s="10"/>
    </row>
    <row r="835991" spans="14:14">
      <c r="N835991" s="10"/>
    </row>
    <row r="835992" spans="14:14">
      <c r="N835992" s="10"/>
    </row>
    <row r="835993" spans="14:14">
      <c r="N835993" s="10"/>
    </row>
    <row r="835994" spans="14:14">
      <c r="N835994" s="10"/>
    </row>
    <row r="835995" spans="14:14">
      <c r="N835995" s="10"/>
    </row>
    <row r="835996" spans="14:14">
      <c r="N835996" s="10"/>
    </row>
    <row r="835997" spans="14:14">
      <c r="N835997" s="10"/>
    </row>
    <row r="835998" spans="14:14">
      <c r="N835998" s="10"/>
    </row>
    <row r="835999" spans="14:14">
      <c r="N835999" s="10"/>
    </row>
    <row r="836000" spans="14:14">
      <c r="N836000" s="10"/>
    </row>
    <row r="836001" spans="14:14">
      <c r="N836001" s="10"/>
    </row>
    <row r="836002" spans="14:14">
      <c r="N836002" s="10"/>
    </row>
    <row r="836003" spans="14:14">
      <c r="N836003" s="10"/>
    </row>
    <row r="836004" spans="14:14">
      <c r="N836004" s="10"/>
    </row>
    <row r="836005" spans="14:14">
      <c r="N836005" s="10"/>
    </row>
    <row r="836006" spans="14:14">
      <c r="N836006" s="10"/>
    </row>
    <row r="836007" spans="14:14">
      <c r="N836007" s="10"/>
    </row>
    <row r="836008" spans="14:14">
      <c r="N836008" s="10"/>
    </row>
    <row r="836009" spans="14:14">
      <c r="N836009" s="10"/>
    </row>
    <row r="836010" spans="14:14">
      <c r="N836010" s="10"/>
    </row>
    <row r="836011" spans="14:14">
      <c r="N836011" s="10"/>
    </row>
    <row r="836012" spans="14:14">
      <c r="N836012" s="10"/>
    </row>
    <row r="836013" spans="14:14">
      <c r="N836013" s="10"/>
    </row>
    <row r="836014" spans="14:14">
      <c r="N836014" s="10"/>
    </row>
    <row r="836015" spans="14:14">
      <c r="N836015" s="10"/>
    </row>
    <row r="836016" spans="14:14">
      <c r="N836016" s="10"/>
    </row>
    <row r="836017" spans="14:14">
      <c r="N836017" s="10"/>
    </row>
    <row r="836018" spans="14:14">
      <c r="N836018" s="10"/>
    </row>
    <row r="836019" spans="14:14">
      <c r="N836019" s="10"/>
    </row>
    <row r="836020" spans="14:14">
      <c r="N836020" s="10"/>
    </row>
    <row r="836021" spans="14:14">
      <c r="N836021" s="10"/>
    </row>
    <row r="836022" spans="14:14">
      <c r="N836022" s="10"/>
    </row>
    <row r="836023" spans="14:14">
      <c r="N836023" s="10"/>
    </row>
    <row r="836024" spans="14:14">
      <c r="N836024" s="10"/>
    </row>
    <row r="836025" spans="14:14">
      <c r="N836025" s="10"/>
    </row>
    <row r="836026" spans="14:14">
      <c r="N836026" s="10"/>
    </row>
    <row r="836027" spans="14:14">
      <c r="N836027" s="10"/>
    </row>
    <row r="836028" spans="14:14">
      <c r="N836028" s="10"/>
    </row>
    <row r="836029" spans="14:14">
      <c r="N836029" s="10"/>
    </row>
    <row r="836030" spans="14:14">
      <c r="N836030" s="10"/>
    </row>
    <row r="836031" spans="14:14">
      <c r="N836031" s="10"/>
    </row>
    <row r="836032" spans="14:14">
      <c r="N836032" s="10"/>
    </row>
    <row r="836033" spans="14:14">
      <c r="N836033" s="10"/>
    </row>
    <row r="836034" spans="14:14">
      <c r="N836034" s="10"/>
    </row>
    <row r="836035" spans="14:14">
      <c r="N836035" s="10"/>
    </row>
    <row r="836036" spans="14:14">
      <c r="N836036" s="10"/>
    </row>
    <row r="836037" spans="14:14">
      <c r="N836037" s="10"/>
    </row>
    <row r="836038" spans="14:14">
      <c r="N836038" s="10"/>
    </row>
    <row r="836039" spans="14:14">
      <c r="N836039" s="10"/>
    </row>
    <row r="836040" spans="14:14">
      <c r="N836040" s="10"/>
    </row>
    <row r="836041" spans="14:14">
      <c r="N836041" s="10"/>
    </row>
    <row r="836042" spans="14:14">
      <c r="N836042" s="10"/>
    </row>
    <row r="836043" spans="14:14">
      <c r="N836043" s="10"/>
    </row>
    <row r="836044" spans="14:14">
      <c r="N836044" s="10"/>
    </row>
    <row r="836045" spans="14:14">
      <c r="N836045" s="10"/>
    </row>
    <row r="836046" spans="14:14">
      <c r="N836046" s="10"/>
    </row>
    <row r="836047" spans="14:14">
      <c r="N836047" s="10"/>
    </row>
    <row r="836048" spans="14:14">
      <c r="N836048" s="10"/>
    </row>
    <row r="836049" spans="14:14">
      <c r="N836049" s="10"/>
    </row>
    <row r="836050" spans="14:14">
      <c r="N836050" s="10"/>
    </row>
    <row r="836051" spans="14:14">
      <c r="N836051" s="10"/>
    </row>
    <row r="836052" spans="14:14">
      <c r="N836052" s="10"/>
    </row>
    <row r="836053" spans="14:14">
      <c r="N836053" s="10"/>
    </row>
    <row r="836054" spans="14:14">
      <c r="N836054" s="10"/>
    </row>
    <row r="836055" spans="14:14">
      <c r="N836055" s="10"/>
    </row>
    <row r="836056" spans="14:14">
      <c r="N836056" s="10"/>
    </row>
    <row r="836057" spans="14:14">
      <c r="N836057" s="10"/>
    </row>
    <row r="836058" spans="14:14">
      <c r="N836058" s="10"/>
    </row>
    <row r="836059" spans="14:14">
      <c r="N836059" s="10"/>
    </row>
    <row r="836060" spans="14:14">
      <c r="N836060" s="10"/>
    </row>
    <row r="836061" spans="14:14">
      <c r="N836061" s="10"/>
    </row>
    <row r="836062" spans="14:14">
      <c r="N836062" s="10"/>
    </row>
    <row r="836063" spans="14:14">
      <c r="N836063" s="10"/>
    </row>
    <row r="836064" spans="14:14">
      <c r="N836064" s="10"/>
    </row>
    <row r="836065" spans="14:14">
      <c r="N836065" s="10"/>
    </row>
    <row r="836066" spans="14:14">
      <c r="N836066" s="10"/>
    </row>
    <row r="836067" spans="14:14">
      <c r="N836067" s="10"/>
    </row>
    <row r="836068" spans="14:14">
      <c r="N836068" s="10"/>
    </row>
    <row r="836069" spans="14:14">
      <c r="N836069" s="10"/>
    </row>
    <row r="836070" spans="14:14">
      <c r="N836070" s="10"/>
    </row>
    <row r="836071" spans="14:14">
      <c r="N836071" s="10"/>
    </row>
    <row r="836072" spans="14:14">
      <c r="N836072" s="10"/>
    </row>
    <row r="836073" spans="14:14">
      <c r="N836073" s="10"/>
    </row>
    <row r="836074" spans="14:14">
      <c r="N836074" s="10"/>
    </row>
    <row r="836075" spans="14:14">
      <c r="N836075" s="10"/>
    </row>
    <row r="836076" spans="14:14">
      <c r="N836076" s="10"/>
    </row>
    <row r="836077" spans="14:14">
      <c r="N836077" s="10"/>
    </row>
    <row r="836078" spans="14:14">
      <c r="N836078" s="10"/>
    </row>
    <row r="836079" spans="14:14">
      <c r="N836079" s="10"/>
    </row>
    <row r="836080" spans="14:14">
      <c r="N836080" s="10"/>
    </row>
    <row r="836081" spans="14:14">
      <c r="N836081" s="10"/>
    </row>
    <row r="836082" spans="14:14">
      <c r="N836082" s="10"/>
    </row>
    <row r="836083" spans="14:14">
      <c r="N836083" s="10"/>
    </row>
    <row r="836084" spans="14:14">
      <c r="N836084" s="10"/>
    </row>
    <row r="836085" spans="14:14">
      <c r="N836085" s="10"/>
    </row>
    <row r="836086" spans="14:14">
      <c r="N836086" s="10"/>
    </row>
    <row r="836087" spans="14:14">
      <c r="N836087" s="10"/>
    </row>
    <row r="836088" spans="14:14">
      <c r="N836088" s="10"/>
    </row>
    <row r="836089" spans="14:14">
      <c r="N836089" s="10"/>
    </row>
    <row r="836090" spans="14:14">
      <c r="N836090" s="10"/>
    </row>
    <row r="836091" spans="14:14">
      <c r="N836091" s="10"/>
    </row>
    <row r="836092" spans="14:14">
      <c r="N836092" s="10"/>
    </row>
    <row r="836093" spans="14:14">
      <c r="N836093" s="10"/>
    </row>
    <row r="836094" spans="14:14">
      <c r="N836094" s="10"/>
    </row>
    <row r="836095" spans="14:14">
      <c r="N836095" s="10"/>
    </row>
    <row r="836096" spans="14:14">
      <c r="N836096" s="10"/>
    </row>
    <row r="836097" spans="14:14">
      <c r="N836097" s="10"/>
    </row>
    <row r="836098" spans="14:14">
      <c r="N836098" s="10"/>
    </row>
    <row r="836099" spans="14:14">
      <c r="N836099" s="10"/>
    </row>
    <row r="836100" spans="14:14">
      <c r="N836100" s="10"/>
    </row>
    <row r="836101" spans="14:14">
      <c r="N836101" s="10"/>
    </row>
    <row r="836102" spans="14:14">
      <c r="N836102" s="10"/>
    </row>
    <row r="836103" spans="14:14">
      <c r="N836103" s="10"/>
    </row>
    <row r="836104" spans="14:14">
      <c r="N836104" s="10"/>
    </row>
    <row r="836105" spans="14:14">
      <c r="N836105" s="10"/>
    </row>
    <row r="836106" spans="14:14">
      <c r="N836106" s="10"/>
    </row>
    <row r="836107" spans="14:14">
      <c r="N836107" s="10"/>
    </row>
    <row r="836108" spans="14:14">
      <c r="N836108" s="10"/>
    </row>
    <row r="836109" spans="14:14">
      <c r="N836109" s="10"/>
    </row>
    <row r="836110" spans="14:14">
      <c r="N836110" s="10"/>
    </row>
    <row r="836111" spans="14:14">
      <c r="N836111" s="10"/>
    </row>
    <row r="836112" spans="14:14">
      <c r="N836112" s="10"/>
    </row>
    <row r="836113" spans="14:14">
      <c r="N836113" s="10"/>
    </row>
    <row r="836114" spans="14:14">
      <c r="N836114" s="10"/>
    </row>
    <row r="836115" spans="14:14">
      <c r="N836115" s="10"/>
    </row>
    <row r="836116" spans="14:14">
      <c r="N836116" s="10"/>
    </row>
    <row r="836117" spans="14:14">
      <c r="N836117" s="10"/>
    </row>
    <row r="836118" spans="14:14">
      <c r="N836118" s="10"/>
    </row>
    <row r="836119" spans="14:14">
      <c r="N836119" s="10"/>
    </row>
    <row r="836120" spans="14:14">
      <c r="N836120" s="10"/>
    </row>
    <row r="836121" spans="14:14">
      <c r="N836121" s="10"/>
    </row>
    <row r="836122" spans="14:14">
      <c r="N836122" s="10"/>
    </row>
    <row r="836123" spans="14:14">
      <c r="N836123" s="10"/>
    </row>
    <row r="836124" spans="14:14">
      <c r="N836124" s="10"/>
    </row>
    <row r="836125" spans="14:14">
      <c r="N836125" s="10"/>
    </row>
    <row r="836126" spans="14:14">
      <c r="N836126" s="10"/>
    </row>
    <row r="836127" spans="14:14">
      <c r="N836127" s="10"/>
    </row>
    <row r="836128" spans="14:14">
      <c r="N836128" s="10"/>
    </row>
    <row r="836129" spans="14:14">
      <c r="N836129" s="10"/>
    </row>
    <row r="836130" spans="14:14">
      <c r="N836130" s="10"/>
    </row>
    <row r="836131" spans="14:14">
      <c r="N836131" s="10"/>
    </row>
    <row r="836132" spans="14:14">
      <c r="N836132" s="10"/>
    </row>
    <row r="836133" spans="14:14">
      <c r="N836133" s="10"/>
    </row>
    <row r="836134" spans="14:14">
      <c r="N836134" s="10"/>
    </row>
    <row r="836135" spans="14:14">
      <c r="N836135" s="10"/>
    </row>
    <row r="836136" spans="14:14">
      <c r="N836136" s="10"/>
    </row>
    <row r="836137" spans="14:14">
      <c r="N836137" s="10"/>
    </row>
    <row r="836138" spans="14:14">
      <c r="N836138" s="10"/>
    </row>
    <row r="836139" spans="14:14">
      <c r="N836139" s="10"/>
    </row>
    <row r="836140" spans="14:14">
      <c r="N836140" s="10"/>
    </row>
    <row r="836141" spans="14:14">
      <c r="N836141" s="10"/>
    </row>
    <row r="836142" spans="14:14">
      <c r="N836142" s="10"/>
    </row>
    <row r="836143" spans="14:14">
      <c r="N836143" s="10"/>
    </row>
    <row r="836144" spans="14:14">
      <c r="N836144" s="10"/>
    </row>
    <row r="836145" spans="14:14">
      <c r="N836145" s="10"/>
    </row>
    <row r="836146" spans="14:14">
      <c r="N836146" s="10"/>
    </row>
    <row r="836147" spans="14:14">
      <c r="N836147" s="10"/>
    </row>
    <row r="836148" spans="14:14">
      <c r="N836148" s="10"/>
    </row>
    <row r="836149" spans="14:14">
      <c r="N836149" s="10"/>
    </row>
    <row r="836150" spans="14:14">
      <c r="N836150" s="10"/>
    </row>
    <row r="836151" spans="14:14">
      <c r="N836151" s="10"/>
    </row>
    <row r="836152" spans="14:14">
      <c r="N836152" s="10"/>
    </row>
    <row r="836153" spans="14:14">
      <c r="N836153" s="10"/>
    </row>
    <row r="836154" spans="14:14">
      <c r="N836154" s="10"/>
    </row>
    <row r="836155" spans="14:14">
      <c r="N836155" s="10"/>
    </row>
    <row r="836156" spans="14:14">
      <c r="N836156" s="10"/>
    </row>
    <row r="836157" spans="14:14">
      <c r="N836157" s="10"/>
    </row>
    <row r="836158" spans="14:14">
      <c r="N836158" s="10"/>
    </row>
    <row r="836159" spans="14:14">
      <c r="N836159" s="10"/>
    </row>
    <row r="836160" spans="14:14">
      <c r="N836160" s="10"/>
    </row>
    <row r="836161" spans="14:14">
      <c r="N836161" s="10"/>
    </row>
    <row r="836162" spans="14:14">
      <c r="N836162" s="10"/>
    </row>
    <row r="836163" spans="14:14">
      <c r="N836163" s="10"/>
    </row>
    <row r="836164" spans="14:14">
      <c r="N836164" s="10"/>
    </row>
    <row r="836165" spans="14:14">
      <c r="N836165" s="10"/>
    </row>
    <row r="836166" spans="14:14">
      <c r="N836166" s="10"/>
    </row>
    <row r="836167" spans="14:14">
      <c r="N836167" s="10"/>
    </row>
    <row r="836168" spans="14:14">
      <c r="N836168" s="10"/>
    </row>
    <row r="836169" spans="14:14">
      <c r="N836169" s="10"/>
    </row>
    <row r="836170" spans="14:14">
      <c r="N836170" s="10"/>
    </row>
    <row r="836171" spans="14:14">
      <c r="N836171" s="10"/>
    </row>
    <row r="836172" spans="14:14">
      <c r="N836172" s="10"/>
    </row>
    <row r="836173" spans="14:14">
      <c r="N836173" s="10"/>
    </row>
    <row r="836174" spans="14:14">
      <c r="N836174" s="10"/>
    </row>
    <row r="836175" spans="14:14">
      <c r="N836175" s="10"/>
    </row>
    <row r="836176" spans="14:14">
      <c r="N836176" s="10"/>
    </row>
    <row r="836177" spans="14:14">
      <c r="N836177" s="10"/>
    </row>
    <row r="836178" spans="14:14">
      <c r="N836178" s="10"/>
    </row>
    <row r="836179" spans="14:14">
      <c r="N836179" s="10"/>
    </row>
    <row r="836180" spans="14:14">
      <c r="N836180" s="10"/>
    </row>
    <row r="836181" spans="14:14">
      <c r="N836181" s="10"/>
    </row>
    <row r="836182" spans="14:14">
      <c r="N836182" s="10"/>
    </row>
    <row r="836183" spans="14:14">
      <c r="N836183" s="10"/>
    </row>
    <row r="836184" spans="14:14">
      <c r="N836184" s="10"/>
    </row>
    <row r="836185" spans="14:14">
      <c r="N836185" s="10"/>
    </row>
    <row r="836186" spans="14:14">
      <c r="N836186" s="10"/>
    </row>
    <row r="836187" spans="14:14">
      <c r="N836187" s="10"/>
    </row>
    <row r="836188" spans="14:14">
      <c r="N836188" s="10"/>
    </row>
    <row r="836189" spans="14:14">
      <c r="N836189" s="10"/>
    </row>
    <row r="836190" spans="14:14">
      <c r="N836190" s="10"/>
    </row>
    <row r="836191" spans="14:14">
      <c r="N836191" s="10"/>
    </row>
    <row r="836192" spans="14:14">
      <c r="N836192" s="10"/>
    </row>
    <row r="836193" spans="14:14">
      <c r="N836193" s="10"/>
    </row>
    <row r="836194" spans="14:14">
      <c r="N836194" s="10"/>
    </row>
    <row r="836195" spans="14:14">
      <c r="N836195" s="10"/>
    </row>
    <row r="836196" spans="14:14">
      <c r="N836196" s="10"/>
    </row>
    <row r="836197" spans="14:14">
      <c r="N836197" s="10"/>
    </row>
    <row r="836198" spans="14:14">
      <c r="N836198" s="10"/>
    </row>
    <row r="836199" spans="14:14">
      <c r="N836199" s="10"/>
    </row>
    <row r="836200" spans="14:14">
      <c r="N836200" s="10"/>
    </row>
    <row r="836201" spans="14:14">
      <c r="N836201" s="10"/>
    </row>
    <row r="836202" spans="14:14">
      <c r="N836202" s="10"/>
    </row>
    <row r="836203" spans="14:14">
      <c r="N836203" s="10"/>
    </row>
    <row r="836204" spans="14:14">
      <c r="N836204" s="10"/>
    </row>
    <row r="836205" spans="14:14">
      <c r="N836205" s="10"/>
    </row>
    <row r="836206" spans="14:14">
      <c r="N836206" s="10"/>
    </row>
    <row r="836207" spans="14:14">
      <c r="N836207" s="10"/>
    </row>
    <row r="836208" spans="14:14">
      <c r="N836208" s="10"/>
    </row>
    <row r="836209" spans="14:14">
      <c r="N836209" s="10"/>
    </row>
    <row r="836210" spans="14:14">
      <c r="N836210" s="10"/>
    </row>
    <row r="836211" spans="14:14">
      <c r="N836211" s="10"/>
    </row>
    <row r="836212" spans="14:14">
      <c r="N836212" s="10"/>
    </row>
    <row r="836213" spans="14:14">
      <c r="N836213" s="10"/>
    </row>
    <row r="836214" spans="14:14">
      <c r="N836214" s="10"/>
    </row>
    <row r="836215" spans="14:14">
      <c r="N836215" s="10"/>
    </row>
    <row r="836216" spans="14:14">
      <c r="N836216" s="10"/>
    </row>
    <row r="836217" spans="14:14">
      <c r="N836217" s="10"/>
    </row>
    <row r="836218" spans="14:14">
      <c r="N836218" s="10"/>
    </row>
    <row r="836219" spans="14:14">
      <c r="N836219" s="10"/>
    </row>
    <row r="836220" spans="14:14">
      <c r="N836220" s="10"/>
    </row>
    <row r="836221" spans="14:14">
      <c r="N836221" s="10"/>
    </row>
    <row r="836222" spans="14:14">
      <c r="N836222" s="10"/>
    </row>
    <row r="836223" spans="14:14">
      <c r="N836223" s="10"/>
    </row>
    <row r="836224" spans="14:14">
      <c r="N836224" s="10"/>
    </row>
    <row r="836225" spans="14:14">
      <c r="N836225" s="10"/>
    </row>
    <row r="836226" spans="14:14">
      <c r="N836226" s="10"/>
    </row>
    <row r="836227" spans="14:14">
      <c r="N836227" s="10"/>
    </row>
    <row r="836228" spans="14:14">
      <c r="N836228" s="10"/>
    </row>
    <row r="836229" spans="14:14">
      <c r="N836229" s="10"/>
    </row>
    <row r="836230" spans="14:14">
      <c r="N836230" s="10"/>
    </row>
    <row r="836231" spans="14:14">
      <c r="N836231" s="10"/>
    </row>
    <row r="836232" spans="14:14">
      <c r="N836232" s="10"/>
    </row>
    <row r="836233" spans="14:14">
      <c r="N836233" s="10"/>
    </row>
    <row r="836234" spans="14:14">
      <c r="N836234" s="10"/>
    </row>
    <row r="836235" spans="14:14">
      <c r="N836235" s="10"/>
    </row>
    <row r="836236" spans="14:14">
      <c r="N836236" s="10"/>
    </row>
    <row r="836237" spans="14:14">
      <c r="N836237" s="10"/>
    </row>
    <row r="836238" spans="14:14">
      <c r="N836238" s="10"/>
    </row>
    <row r="836239" spans="14:14">
      <c r="N836239" s="10"/>
    </row>
    <row r="836240" spans="14:14">
      <c r="N836240" s="10"/>
    </row>
    <row r="836241" spans="14:14">
      <c r="N836241" s="10"/>
    </row>
    <row r="836242" spans="14:14">
      <c r="N836242" s="10"/>
    </row>
    <row r="836243" spans="14:14">
      <c r="N836243" s="10"/>
    </row>
    <row r="836244" spans="14:14">
      <c r="N836244" s="10"/>
    </row>
    <row r="836245" spans="14:14">
      <c r="N836245" s="10"/>
    </row>
    <row r="836246" spans="14:14">
      <c r="N836246" s="10"/>
    </row>
    <row r="836247" spans="14:14">
      <c r="N836247" s="10"/>
    </row>
    <row r="836248" spans="14:14">
      <c r="N836248" s="10"/>
    </row>
    <row r="836249" spans="14:14">
      <c r="N836249" s="10"/>
    </row>
    <row r="836250" spans="14:14">
      <c r="N836250" s="10"/>
    </row>
    <row r="836251" spans="14:14">
      <c r="N836251" s="10"/>
    </row>
    <row r="836252" spans="14:14">
      <c r="N836252" s="10"/>
    </row>
    <row r="836253" spans="14:14">
      <c r="N836253" s="10"/>
    </row>
    <row r="836254" spans="14:14">
      <c r="N836254" s="10"/>
    </row>
    <row r="836255" spans="14:14">
      <c r="N836255" s="10"/>
    </row>
    <row r="836256" spans="14:14">
      <c r="N836256" s="10"/>
    </row>
    <row r="836257" spans="14:14">
      <c r="N836257" s="10"/>
    </row>
    <row r="836258" spans="14:14">
      <c r="N836258" s="10"/>
    </row>
    <row r="836259" spans="14:14">
      <c r="N836259" s="10"/>
    </row>
    <row r="836260" spans="14:14">
      <c r="N836260" s="10"/>
    </row>
    <row r="836261" spans="14:14">
      <c r="N836261" s="10"/>
    </row>
    <row r="836262" spans="14:14">
      <c r="N836262" s="10"/>
    </row>
    <row r="836263" spans="14:14">
      <c r="N836263" s="10"/>
    </row>
    <row r="836264" spans="14:14">
      <c r="N836264" s="10"/>
    </row>
    <row r="836265" spans="14:14">
      <c r="N836265" s="10"/>
    </row>
    <row r="836266" spans="14:14">
      <c r="N836266" s="10"/>
    </row>
    <row r="836267" spans="14:14">
      <c r="N836267" s="10"/>
    </row>
    <row r="836268" spans="14:14">
      <c r="N836268" s="10"/>
    </row>
    <row r="836269" spans="14:14">
      <c r="N836269" s="10"/>
    </row>
    <row r="836270" spans="14:14">
      <c r="N836270" s="10"/>
    </row>
    <row r="836271" spans="14:14">
      <c r="N836271" s="10"/>
    </row>
    <row r="836272" spans="14:14">
      <c r="N836272" s="10"/>
    </row>
    <row r="836273" spans="14:14">
      <c r="N836273" s="10"/>
    </row>
    <row r="836274" spans="14:14">
      <c r="N836274" s="10"/>
    </row>
    <row r="836275" spans="14:14">
      <c r="N836275" s="10"/>
    </row>
    <row r="836276" spans="14:14">
      <c r="N836276" s="10"/>
    </row>
    <row r="836277" spans="14:14">
      <c r="N836277" s="10"/>
    </row>
    <row r="836278" spans="14:14">
      <c r="N836278" s="10"/>
    </row>
    <row r="836279" spans="14:14">
      <c r="N836279" s="10"/>
    </row>
    <row r="836280" spans="14:14">
      <c r="N836280" s="10"/>
    </row>
    <row r="836281" spans="14:14">
      <c r="N836281" s="10"/>
    </row>
    <row r="836282" spans="14:14">
      <c r="N836282" s="10"/>
    </row>
    <row r="836283" spans="14:14">
      <c r="N836283" s="10"/>
    </row>
    <row r="836284" spans="14:14">
      <c r="N836284" s="10"/>
    </row>
    <row r="836285" spans="14:14">
      <c r="N836285" s="10"/>
    </row>
    <row r="836286" spans="14:14">
      <c r="N836286" s="10"/>
    </row>
    <row r="836287" spans="14:14">
      <c r="N836287" s="10"/>
    </row>
    <row r="836288" spans="14:14">
      <c r="N836288" s="10"/>
    </row>
    <row r="836289" spans="14:14">
      <c r="N836289" s="10"/>
    </row>
    <row r="836290" spans="14:14">
      <c r="N836290" s="10"/>
    </row>
    <row r="836291" spans="14:14">
      <c r="N836291" s="10"/>
    </row>
    <row r="836292" spans="14:14">
      <c r="N836292" s="10"/>
    </row>
    <row r="836293" spans="14:14">
      <c r="N836293" s="10"/>
    </row>
    <row r="836294" spans="14:14">
      <c r="N836294" s="10"/>
    </row>
    <row r="836295" spans="14:14">
      <c r="N836295" s="10"/>
    </row>
    <row r="836296" spans="14:14">
      <c r="N836296" s="10"/>
    </row>
    <row r="836297" spans="14:14">
      <c r="N836297" s="10"/>
    </row>
    <row r="836298" spans="14:14">
      <c r="N836298" s="10"/>
    </row>
    <row r="836299" spans="14:14">
      <c r="N836299" s="10"/>
    </row>
    <row r="836300" spans="14:14">
      <c r="N836300" s="10"/>
    </row>
    <row r="836301" spans="14:14">
      <c r="N836301" s="10"/>
    </row>
    <row r="836302" spans="14:14">
      <c r="N836302" s="10"/>
    </row>
    <row r="836303" spans="14:14">
      <c r="N836303" s="10"/>
    </row>
    <row r="836304" spans="14:14">
      <c r="N836304" s="10"/>
    </row>
    <row r="836305" spans="14:14">
      <c r="N836305" s="10"/>
    </row>
    <row r="836306" spans="14:14">
      <c r="N836306" s="10"/>
    </row>
    <row r="836307" spans="14:14">
      <c r="N836307" s="10"/>
    </row>
    <row r="836308" spans="14:14">
      <c r="N836308" s="10"/>
    </row>
    <row r="836309" spans="14:14">
      <c r="N836309" s="10"/>
    </row>
    <row r="836310" spans="14:14">
      <c r="N836310" s="10"/>
    </row>
    <row r="836311" spans="14:14">
      <c r="N836311" s="10"/>
    </row>
    <row r="836312" spans="14:14">
      <c r="N836312" s="10"/>
    </row>
    <row r="836313" spans="14:14">
      <c r="N836313" s="10"/>
    </row>
    <row r="836314" spans="14:14">
      <c r="N836314" s="10"/>
    </row>
    <row r="836315" spans="14:14">
      <c r="N836315" s="10"/>
    </row>
    <row r="836316" spans="14:14">
      <c r="N836316" s="10"/>
    </row>
    <row r="836317" spans="14:14">
      <c r="N836317" s="10"/>
    </row>
    <row r="836318" spans="14:14">
      <c r="N836318" s="10"/>
    </row>
    <row r="836319" spans="14:14">
      <c r="N836319" s="10"/>
    </row>
    <row r="836320" spans="14:14">
      <c r="N836320" s="10"/>
    </row>
    <row r="836321" spans="14:14">
      <c r="N836321" s="10"/>
    </row>
    <row r="836322" spans="14:14">
      <c r="N836322" s="10"/>
    </row>
    <row r="836323" spans="14:14">
      <c r="N836323" s="10"/>
    </row>
    <row r="836324" spans="14:14">
      <c r="N836324" s="10"/>
    </row>
    <row r="836325" spans="14:14">
      <c r="N836325" s="10"/>
    </row>
    <row r="836326" spans="14:14">
      <c r="N836326" s="10"/>
    </row>
    <row r="836327" spans="14:14">
      <c r="N836327" s="10"/>
    </row>
    <row r="836328" spans="14:14">
      <c r="N836328" s="10"/>
    </row>
    <row r="836329" spans="14:14">
      <c r="N836329" s="10"/>
    </row>
    <row r="836330" spans="14:14">
      <c r="N836330" s="10"/>
    </row>
    <row r="836331" spans="14:14">
      <c r="N836331" s="10"/>
    </row>
    <row r="836332" spans="14:14">
      <c r="N836332" s="10"/>
    </row>
    <row r="836333" spans="14:14">
      <c r="N836333" s="10"/>
    </row>
    <row r="836334" spans="14:14">
      <c r="N836334" s="10"/>
    </row>
    <row r="836335" spans="14:14">
      <c r="N836335" s="10"/>
    </row>
    <row r="836336" spans="14:14">
      <c r="N836336" s="10"/>
    </row>
    <row r="836337" spans="14:14">
      <c r="N836337" s="10"/>
    </row>
    <row r="836338" spans="14:14">
      <c r="N836338" s="10"/>
    </row>
    <row r="836339" spans="14:14">
      <c r="N836339" s="10"/>
    </row>
    <row r="836340" spans="14:14">
      <c r="N836340" s="10"/>
    </row>
    <row r="836341" spans="14:14">
      <c r="N836341" s="10"/>
    </row>
    <row r="836342" spans="14:14">
      <c r="N836342" s="10"/>
    </row>
    <row r="836343" spans="14:14">
      <c r="N836343" s="10"/>
    </row>
    <row r="836344" spans="14:14">
      <c r="N836344" s="10"/>
    </row>
    <row r="836345" spans="14:14">
      <c r="N836345" s="10"/>
    </row>
    <row r="836346" spans="14:14">
      <c r="N836346" s="10"/>
    </row>
    <row r="836347" spans="14:14">
      <c r="N836347" s="10"/>
    </row>
    <row r="836348" spans="14:14">
      <c r="N836348" s="10"/>
    </row>
    <row r="836349" spans="14:14">
      <c r="N836349" s="10"/>
    </row>
    <row r="836350" spans="14:14">
      <c r="N836350" s="10"/>
    </row>
    <row r="836351" spans="14:14">
      <c r="N836351" s="10"/>
    </row>
    <row r="836352" spans="14:14">
      <c r="N836352" s="10"/>
    </row>
    <row r="836353" spans="14:14">
      <c r="N836353" s="10"/>
    </row>
    <row r="836354" spans="14:14">
      <c r="N836354" s="10"/>
    </row>
    <row r="836355" spans="14:14">
      <c r="N836355" s="10"/>
    </row>
    <row r="836356" spans="14:14">
      <c r="N836356" s="10"/>
    </row>
    <row r="836357" spans="14:14">
      <c r="N836357" s="10"/>
    </row>
    <row r="836358" spans="14:14">
      <c r="N836358" s="10"/>
    </row>
    <row r="836359" spans="14:14">
      <c r="N836359" s="10"/>
    </row>
    <row r="836360" spans="14:14">
      <c r="N836360" s="10"/>
    </row>
    <row r="836361" spans="14:14">
      <c r="N836361" s="10"/>
    </row>
    <row r="836362" spans="14:14">
      <c r="N836362" s="10"/>
    </row>
    <row r="836363" spans="14:14">
      <c r="N836363" s="10"/>
    </row>
    <row r="836364" spans="14:14">
      <c r="N836364" s="10"/>
    </row>
    <row r="836365" spans="14:14">
      <c r="N836365" s="10"/>
    </row>
    <row r="836366" spans="14:14">
      <c r="N836366" s="10"/>
    </row>
    <row r="836367" spans="14:14">
      <c r="N836367" s="10"/>
    </row>
    <row r="836368" spans="14:14">
      <c r="N836368" s="10"/>
    </row>
    <row r="836369" spans="14:14">
      <c r="N836369" s="10"/>
    </row>
    <row r="836370" spans="14:14">
      <c r="N836370" s="10"/>
    </row>
    <row r="836371" spans="14:14">
      <c r="N836371" s="10"/>
    </row>
    <row r="836372" spans="14:14">
      <c r="N836372" s="10"/>
    </row>
    <row r="836373" spans="14:14">
      <c r="N836373" s="10"/>
    </row>
    <row r="836374" spans="14:14">
      <c r="N836374" s="10"/>
    </row>
    <row r="836375" spans="14:14">
      <c r="N836375" s="10"/>
    </row>
    <row r="836376" spans="14:14">
      <c r="N836376" s="10"/>
    </row>
    <row r="836377" spans="14:14">
      <c r="N836377" s="10"/>
    </row>
    <row r="836378" spans="14:14">
      <c r="N836378" s="10"/>
    </row>
    <row r="836379" spans="14:14">
      <c r="N836379" s="10"/>
    </row>
    <row r="836380" spans="14:14">
      <c r="N836380" s="10"/>
    </row>
    <row r="836381" spans="14:14">
      <c r="N836381" s="10"/>
    </row>
    <row r="836382" spans="14:14">
      <c r="N836382" s="10"/>
    </row>
    <row r="836383" spans="14:14">
      <c r="N836383" s="10"/>
    </row>
    <row r="836384" spans="14:14">
      <c r="N836384" s="10"/>
    </row>
    <row r="836385" spans="14:14">
      <c r="N836385" s="10"/>
    </row>
    <row r="836386" spans="14:14">
      <c r="N836386" s="10"/>
    </row>
    <row r="836387" spans="14:14">
      <c r="N836387" s="10"/>
    </row>
    <row r="836388" spans="14:14">
      <c r="N836388" s="10"/>
    </row>
    <row r="836389" spans="14:14">
      <c r="N836389" s="10"/>
    </row>
    <row r="836390" spans="14:14">
      <c r="N836390" s="10"/>
    </row>
    <row r="836391" spans="14:14">
      <c r="N836391" s="10"/>
    </row>
    <row r="836392" spans="14:14">
      <c r="N836392" s="10"/>
    </row>
    <row r="836393" spans="14:14">
      <c r="N836393" s="10"/>
    </row>
    <row r="836394" spans="14:14">
      <c r="N836394" s="10"/>
    </row>
    <row r="836395" spans="14:14">
      <c r="N836395" s="10"/>
    </row>
    <row r="836396" spans="14:14">
      <c r="N836396" s="10"/>
    </row>
    <row r="836397" spans="14:14">
      <c r="N836397" s="10"/>
    </row>
    <row r="836398" spans="14:14">
      <c r="N836398" s="10"/>
    </row>
    <row r="836399" spans="14:14">
      <c r="N836399" s="10"/>
    </row>
    <row r="836400" spans="14:14">
      <c r="N836400" s="10"/>
    </row>
    <row r="836401" spans="14:14">
      <c r="N836401" s="10"/>
    </row>
    <row r="836402" spans="14:14">
      <c r="N836402" s="10"/>
    </row>
    <row r="836403" spans="14:14">
      <c r="N836403" s="10"/>
    </row>
    <row r="836404" spans="14:14">
      <c r="N836404" s="10"/>
    </row>
    <row r="836405" spans="14:14">
      <c r="N836405" s="10"/>
    </row>
    <row r="836406" spans="14:14">
      <c r="N836406" s="10"/>
    </row>
    <row r="836407" spans="14:14">
      <c r="N836407" s="10"/>
    </row>
    <row r="836408" spans="14:14">
      <c r="N836408" s="10"/>
    </row>
    <row r="836409" spans="14:14">
      <c r="N836409" s="10"/>
    </row>
    <row r="836410" spans="14:14">
      <c r="N836410" s="10"/>
    </row>
    <row r="836411" spans="14:14">
      <c r="N836411" s="10"/>
    </row>
    <row r="836412" spans="14:14">
      <c r="N836412" s="10"/>
    </row>
    <row r="836413" spans="14:14">
      <c r="N836413" s="10"/>
    </row>
    <row r="836414" spans="14:14">
      <c r="N836414" s="10"/>
    </row>
    <row r="836415" spans="14:14">
      <c r="N836415" s="10"/>
    </row>
    <row r="836416" spans="14:14">
      <c r="N836416" s="10"/>
    </row>
    <row r="836417" spans="14:14">
      <c r="N836417" s="10"/>
    </row>
    <row r="836418" spans="14:14">
      <c r="N836418" s="10"/>
    </row>
    <row r="836419" spans="14:14">
      <c r="N836419" s="10"/>
    </row>
    <row r="836420" spans="14:14">
      <c r="N836420" s="10"/>
    </row>
    <row r="836421" spans="14:14">
      <c r="N836421" s="10"/>
    </row>
    <row r="836422" spans="14:14">
      <c r="N836422" s="10"/>
    </row>
    <row r="836423" spans="14:14">
      <c r="N836423" s="10"/>
    </row>
    <row r="836424" spans="14:14">
      <c r="N836424" s="10"/>
    </row>
    <row r="836425" spans="14:14">
      <c r="N836425" s="10"/>
    </row>
    <row r="836426" spans="14:14">
      <c r="N836426" s="10"/>
    </row>
    <row r="836427" spans="14:14">
      <c r="N836427" s="10"/>
    </row>
    <row r="836428" spans="14:14">
      <c r="N836428" s="10"/>
    </row>
    <row r="836429" spans="14:14">
      <c r="N836429" s="10"/>
    </row>
    <row r="836430" spans="14:14">
      <c r="N836430" s="10"/>
    </row>
    <row r="836431" spans="14:14">
      <c r="N836431" s="10"/>
    </row>
    <row r="836432" spans="14:14">
      <c r="N836432" s="10"/>
    </row>
    <row r="836433" spans="14:14">
      <c r="N836433" s="10"/>
    </row>
    <row r="836434" spans="14:14">
      <c r="N836434" s="10"/>
    </row>
    <row r="836435" spans="14:14">
      <c r="N836435" s="10"/>
    </row>
    <row r="836436" spans="14:14">
      <c r="N836436" s="10"/>
    </row>
    <row r="836437" spans="14:14">
      <c r="N836437" s="10"/>
    </row>
    <row r="836438" spans="14:14">
      <c r="N836438" s="10"/>
    </row>
    <row r="836439" spans="14:14">
      <c r="N836439" s="10"/>
    </row>
    <row r="836440" spans="14:14">
      <c r="N836440" s="10"/>
    </row>
    <row r="836441" spans="14:14">
      <c r="N836441" s="10"/>
    </row>
    <row r="836442" spans="14:14">
      <c r="N836442" s="10"/>
    </row>
    <row r="836443" spans="14:14">
      <c r="N836443" s="10"/>
    </row>
    <row r="836444" spans="14:14">
      <c r="N836444" s="10"/>
    </row>
    <row r="836445" spans="14:14">
      <c r="N836445" s="10"/>
    </row>
    <row r="836446" spans="14:14">
      <c r="N836446" s="10"/>
    </row>
    <row r="836447" spans="14:14">
      <c r="N836447" s="10"/>
    </row>
    <row r="836448" spans="14:14">
      <c r="N836448" s="10"/>
    </row>
    <row r="836449" spans="14:14">
      <c r="N836449" s="10"/>
    </row>
    <row r="836450" spans="14:14">
      <c r="N836450" s="10"/>
    </row>
    <row r="836451" spans="14:14">
      <c r="N836451" s="10"/>
    </row>
    <row r="836452" spans="14:14">
      <c r="N836452" s="10"/>
    </row>
    <row r="836453" spans="14:14">
      <c r="N836453" s="10"/>
    </row>
    <row r="836454" spans="14:14">
      <c r="N836454" s="10"/>
    </row>
    <row r="836455" spans="14:14">
      <c r="N836455" s="10"/>
    </row>
    <row r="836456" spans="14:14">
      <c r="N836456" s="10"/>
    </row>
    <row r="836457" spans="14:14">
      <c r="N836457" s="10"/>
    </row>
    <row r="836458" spans="14:14">
      <c r="N836458" s="10"/>
    </row>
    <row r="836459" spans="14:14">
      <c r="N836459" s="10"/>
    </row>
    <row r="836460" spans="14:14">
      <c r="N836460" s="10"/>
    </row>
    <row r="836461" spans="14:14">
      <c r="N836461" s="10"/>
    </row>
    <row r="836462" spans="14:14">
      <c r="N836462" s="10"/>
    </row>
    <row r="836463" spans="14:14">
      <c r="N836463" s="10"/>
    </row>
    <row r="836464" spans="14:14">
      <c r="N836464" s="10"/>
    </row>
    <row r="836465" spans="14:14">
      <c r="N836465" s="10"/>
    </row>
    <row r="836466" spans="14:14">
      <c r="N836466" s="10"/>
    </row>
    <row r="836467" spans="14:14">
      <c r="N836467" s="10"/>
    </row>
    <row r="836468" spans="14:14">
      <c r="N836468" s="10"/>
    </row>
    <row r="836469" spans="14:14">
      <c r="N836469" s="10"/>
    </row>
    <row r="836470" spans="14:14">
      <c r="N836470" s="10"/>
    </row>
    <row r="836471" spans="14:14">
      <c r="N836471" s="10"/>
    </row>
    <row r="836472" spans="14:14">
      <c r="N836472" s="10"/>
    </row>
    <row r="836473" spans="14:14">
      <c r="N836473" s="10"/>
    </row>
    <row r="836474" spans="14:14">
      <c r="N836474" s="10"/>
    </row>
    <row r="836475" spans="14:14">
      <c r="N836475" s="10"/>
    </row>
    <row r="836476" spans="14:14">
      <c r="N836476" s="10"/>
    </row>
    <row r="836477" spans="14:14">
      <c r="N836477" s="10"/>
    </row>
    <row r="836478" spans="14:14">
      <c r="N836478" s="10"/>
    </row>
    <row r="836479" spans="14:14">
      <c r="N836479" s="10"/>
    </row>
    <row r="836480" spans="14:14">
      <c r="N836480" s="10"/>
    </row>
    <row r="836481" spans="14:14">
      <c r="N836481" s="10"/>
    </row>
    <row r="836482" spans="14:14">
      <c r="N836482" s="10"/>
    </row>
    <row r="836483" spans="14:14">
      <c r="N836483" s="10"/>
    </row>
    <row r="836484" spans="14:14">
      <c r="N836484" s="10"/>
    </row>
    <row r="836485" spans="14:14">
      <c r="N836485" s="10"/>
    </row>
    <row r="836486" spans="14:14">
      <c r="N836486" s="10"/>
    </row>
    <row r="836487" spans="14:14">
      <c r="N836487" s="10"/>
    </row>
    <row r="836488" spans="14:14">
      <c r="N836488" s="10"/>
    </row>
    <row r="836489" spans="14:14">
      <c r="N836489" s="10"/>
    </row>
    <row r="836490" spans="14:14">
      <c r="N836490" s="10"/>
    </row>
    <row r="836491" spans="14:14">
      <c r="N836491" s="10"/>
    </row>
    <row r="836492" spans="14:14">
      <c r="N836492" s="10"/>
    </row>
    <row r="836493" spans="14:14">
      <c r="N836493" s="10"/>
    </row>
    <row r="836494" spans="14:14">
      <c r="N836494" s="10"/>
    </row>
    <row r="836495" spans="14:14">
      <c r="N836495" s="10"/>
    </row>
    <row r="836496" spans="14:14">
      <c r="N836496" s="10"/>
    </row>
    <row r="836497" spans="14:14">
      <c r="N836497" s="10"/>
    </row>
    <row r="836498" spans="14:14">
      <c r="N836498" s="10"/>
    </row>
    <row r="836499" spans="14:14">
      <c r="N836499" s="10"/>
    </row>
    <row r="836500" spans="14:14">
      <c r="N836500" s="10"/>
    </row>
    <row r="836501" spans="14:14">
      <c r="N836501" s="10"/>
    </row>
    <row r="836502" spans="14:14">
      <c r="N836502" s="10"/>
    </row>
    <row r="836503" spans="14:14">
      <c r="N836503" s="10"/>
    </row>
    <row r="836504" spans="14:14">
      <c r="N836504" s="10"/>
    </row>
    <row r="836505" spans="14:14">
      <c r="N836505" s="10"/>
    </row>
    <row r="836506" spans="14:14">
      <c r="N836506" s="10"/>
    </row>
    <row r="836507" spans="14:14">
      <c r="N836507" s="10"/>
    </row>
    <row r="836508" spans="14:14">
      <c r="N836508" s="10"/>
    </row>
    <row r="836509" spans="14:14">
      <c r="N836509" s="10"/>
    </row>
    <row r="836510" spans="14:14">
      <c r="N836510" s="10"/>
    </row>
    <row r="836511" spans="14:14">
      <c r="N836511" s="10"/>
    </row>
    <row r="836512" spans="14:14">
      <c r="N836512" s="10"/>
    </row>
    <row r="836513" spans="14:14">
      <c r="N836513" s="10"/>
    </row>
    <row r="836514" spans="14:14">
      <c r="N836514" s="10"/>
    </row>
    <row r="836515" spans="14:14">
      <c r="N836515" s="10"/>
    </row>
    <row r="836516" spans="14:14">
      <c r="N836516" s="10"/>
    </row>
    <row r="836517" spans="14:14">
      <c r="N836517" s="10"/>
    </row>
    <row r="836518" spans="14:14">
      <c r="N836518" s="10"/>
    </row>
    <row r="836519" spans="14:14">
      <c r="N836519" s="10"/>
    </row>
    <row r="836520" spans="14:14">
      <c r="N836520" s="10"/>
    </row>
    <row r="836521" spans="14:14">
      <c r="N836521" s="10"/>
    </row>
    <row r="836522" spans="14:14">
      <c r="N836522" s="10"/>
    </row>
    <row r="836523" spans="14:14">
      <c r="N836523" s="10"/>
    </row>
    <row r="836524" spans="14:14">
      <c r="N836524" s="10"/>
    </row>
    <row r="836525" spans="14:14">
      <c r="N836525" s="10"/>
    </row>
    <row r="836526" spans="14:14">
      <c r="N836526" s="10"/>
    </row>
    <row r="836527" spans="14:14">
      <c r="N836527" s="10"/>
    </row>
    <row r="836528" spans="14:14">
      <c r="N836528" s="10"/>
    </row>
    <row r="836529" spans="14:14">
      <c r="N836529" s="10"/>
    </row>
    <row r="836530" spans="14:14">
      <c r="N836530" s="10"/>
    </row>
    <row r="836531" spans="14:14">
      <c r="N836531" s="10"/>
    </row>
    <row r="836532" spans="14:14">
      <c r="N836532" s="10"/>
    </row>
    <row r="836533" spans="14:14">
      <c r="N836533" s="10"/>
    </row>
    <row r="836534" spans="14:14">
      <c r="N836534" s="10"/>
    </row>
    <row r="836535" spans="14:14">
      <c r="N836535" s="10"/>
    </row>
    <row r="836536" spans="14:14">
      <c r="N836536" s="10"/>
    </row>
    <row r="836537" spans="14:14">
      <c r="N836537" s="10"/>
    </row>
    <row r="836538" spans="14:14">
      <c r="N836538" s="10"/>
    </row>
    <row r="836539" spans="14:14">
      <c r="N836539" s="10"/>
    </row>
    <row r="836540" spans="14:14">
      <c r="N836540" s="10"/>
    </row>
    <row r="836541" spans="14:14">
      <c r="N836541" s="10"/>
    </row>
    <row r="836542" spans="14:14">
      <c r="N836542" s="10"/>
    </row>
    <row r="836543" spans="14:14">
      <c r="N836543" s="10"/>
    </row>
    <row r="836544" spans="14:14">
      <c r="N836544" s="10"/>
    </row>
    <row r="836545" spans="14:14">
      <c r="N836545" s="10"/>
    </row>
    <row r="836546" spans="14:14">
      <c r="N836546" s="10"/>
    </row>
    <row r="836547" spans="14:14">
      <c r="N836547" s="10"/>
    </row>
    <row r="836548" spans="14:14">
      <c r="N836548" s="10"/>
    </row>
    <row r="836549" spans="14:14">
      <c r="N836549" s="10"/>
    </row>
    <row r="836550" spans="14:14">
      <c r="N836550" s="10"/>
    </row>
    <row r="836551" spans="14:14">
      <c r="N836551" s="10"/>
    </row>
    <row r="836552" spans="14:14">
      <c r="N836552" s="10"/>
    </row>
    <row r="836553" spans="14:14">
      <c r="N836553" s="10"/>
    </row>
    <row r="836554" spans="14:14">
      <c r="N836554" s="10"/>
    </row>
    <row r="836555" spans="14:14">
      <c r="N836555" s="10"/>
    </row>
    <row r="836556" spans="14:14">
      <c r="N836556" s="10"/>
    </row>
    <row r="836557" spans="14:14">
      <c r="N836557" s="10"/>
    </row>
    <row r="836558" spans="14:14">
      <c r="N836558" s="10"/>
    </row>
    <row r="836559" spans="14:14">
      <c r="N836559" s="10"/>
    </row>
    <row r="836560" spans="14:14">
      <c r="N836560" s="10"/>
    </row>
    <row r="836561" spans="14:14">
      <c r="N836561" s="10"/>
    </row>
    <row r="836562" spans="14:14">
      <c r="N836562" s="10"/>
    </row>
    <row r="836563" spans="14:14">
      <c r="N836563" s="10"/>
    </row>
    <row r="836564" spans="14:14">
      <c r="N836564" s="10"/>
    </row>
    <row r="836565" spans="14:14">
      <c r="N836565" s="10"/>
    </row>
    <row r="836566" spans="14:14">
      <c r="N836566" s="10"/>
    </row>
    <row r="836567" spans="14:14">
      <c r="N836567" s="10"/>
    </row>
    <row r="836568" spans="14:14">
      <c r="N836568" s="10"/>
    </row>
    <row r="836569" spans="14:14">
      <c r="N836569" s="10"/>
    </row>
    <row r="836570" spans="14:14">
      <c r="N836570" s="10"/>
    </row>
    <row r="836571" spans="14:14">
      <c r="N836571" s="10"/>
    </row>
    <row r="836572" spans="14:14">
      <c r="N836572" s="10"/>
    </row>
    <row r="836573" spans="14:14">
      <c r="N836573" s="10"/>
    </row>
    <row r="836574" spans="14:14">
      <c r="N836574" s="10"/>
    </row>
    <row r="836575" spans="14:14">
      <c r="N836575" s="10"/>
    </row>
    <row r="836576" spans="14:14">
      <c r="N836576" s="10"/>
    </row>
    <row r="836577" spans="14:14">
      <c r="N836577" s="10"/>
    </row>
    <row r="836578" spans="14:14">
      <c r="N836578" s="10"/>
    </row>
    <row r="836579" spans="14:14">
      <c r="N836579" s="10"/>
    </row>
    <row r="836580" spans="14:14">
      <c r="N836580" s="10"/>
    </row>
    <row r="836581" spans="14:14">
      <c r="N836581" s="10"/>
    </row>
    <row r="836582" spans="14:14">
      <c r="N836582" s="10"/>
    </row>
    <row r="836583" spans="14:14">
      <c r="N836583" s="10"/>
    </row>
    <row r="836584" spans="14:14">
      <c r="N836584" s="10"/>
    </row>
    <row r="836585" spans="14:14">
      <c r="N836585" s="10"/>
    </row>
    <row r="836586" spans="14:14">
      <c r="N836586" s="10"/>
    </row>
    <row r="836587" spans="14:14">
      <c r="N836587" s="10"/>
    </row>
    <row r="836588" spans="14:14">
      <c r="N836588" s="10"/>
    </row>
    <row r="836589" spans="14:14">
      <c r="N836589" s="10"/>
    </row>
    <row r="836590" spans="14:14">
      <c r="N836590" s="10"/>
    </row>
    <row r="836591" spans="14:14">
      <c r="N836591" s="10"/>
    </row>
    <row r="836592" spans="14:14">
      <c r="N836592" s="10"/>
    </row>
    <row r="836593" spans="14:14">
      <c r="N836593" s="10"/>
    </row>
    <row r="836594" spans="14:14">
      <c r="N836594" s="10"/>
    </row>
    <row r="836595" spans="14:14">
      <c r="N836595" s="10"/>
    </row>
    <row r="836596" spans="14:14">
      <c r="N836596" s="10"/>
    </row>
    <row r="836597" spans="14:14">
      <c r="N836597" s="10"/>
    </row>
    <row r="836598" spans="14:14">
      <c r="N836598" s="10"/>
    </row>
    <row r="836599" spans="14:14">
      <c r="N836599" s="10"/>
    </row>
    <row r="836600" spans="14:14">
      <c r="N836600" s="10"/>
    </row>
    <row r="836601" spans="14:14">
      <c r="N836601" s="10"/>
    </row>
    <row r="836602" spans="14:14">
      <c r="N836602" s="10"/>
    </row>
    <row r="836603" spans="14:14">
      <c r="N836603" s="10"/>
    </row>
    <row r="836604" spans="14:14">
      <c r="N836604" s="10"/>
    </row>
    <row r="836605" spans="14:14">
      <c r="N836605" s="10"/>
    </row>
    <row r="836606" spans="14:14">
      <c r="N836606" s="10"/>
    </row>
    <row r="836607" spans="14:14">
      <c r="N836607" s="10"/>
    </row>
    <row r="836608" spans="14:14">
      <c r="N836608" s="10"/>
    </row>
    <row r="836609" spans="14:14">
      <c r="N836609" s="10"/>
    </row>
    <row r="836610" spans="14:14">
      <c r="N836610" s="10"/>
    </row>
    <row r="836611" spans="14:14">
      <c r="N836611" s="10"/>
    </row>
    <row r="836612" spans="14:14">
      <c r="N836612" s="10"/>
    </row>
    <row r="836613" spans="14:14">
      <c r="N836613" s="10"/>
    </row>
    <row r="836614" spans="14:14">
      <c r="N836614" s="10"/>
    </row>
    <row r="836615" spans="14:14">
      <c r="N836615" s="10"/>
    </row>
    <row r="836616" spans="14:14">
      <c r="N836616" s="10"/>
    </row>
    <row r="836617" spans="14:14">
      <c r="N836617" s="10"/>
    </row>
    <row r="836618" spans="14:14">
      <c r="N836618" s="10"/>
    </row>
    <row r="836619" spans="14:14">
      <c r="N836619" s="10"/>
    </row>
    <row r="836620" spans="14:14">
      <c r="N836620" s="10"/>
    </row>
    <row r="836621" spans="14:14">
      <c r="N836621" s="10"/>
    </row>
    <row r="836622" spans="14:14">
      <c r="N836622" s="10"/>
    </row>
    <row r="836623" spans="14:14">
      <c r="N836623" s="10"/>
    </row>
    <row r="836624" spans="14:14">
      <c r="N836624" s="10"/>
    </row>
    <row r="836625" spans="14:14">
      <c r="N836625" s="10"/>
    </row>
    <row r="836626" spans="14:14">
      <c r="N836626" s="10"/>
    </row>
    <row r="836627" spans="14:14">
      <c r="N836627" s="10"/>
    </row>
    <row r="836628" spans="14:14">
      <c r="N836628" s="10"/>
    </row>
    <row r="836629" spans="14:14">
      <c r="N836629" s="10"/>
    </row>
    <row r="836630" spans="14:14">
      <c r="N836630" s="10"/>
    </row>
    <row r="836631" spans="14:14">
      <c r="N836631" s="10"/>
    </row>
    <row r="836632" spans="14:14">
      <c r="N836632" s="10"/>
    </row>
    <row r="836633" spans="14:14">
      <c r="N836633" s="10"/>
    </row>
    <row r="836634" spans="14:14">
      <c r="N836634" s="10"/>
    </row>
    <row r="836635" spans="14:14">
      <c r="N836635" s="10"/>
    </row>
    <row r="836636" spans="14:14">
      <c r="N836636" s="10"/>
    </row>
    <row r="836637" spans="14:14">
      <c r="N836637" s="10"/>
    </row>
    <row r="836638" spans="14:14">
      <c r="N836638" s="10"/>
    </row>
    <row r="836639" spans="14:14">
      <c r="N836639" s="10"/>
    </row>
    <row r="836640" spans="14:14">
      <c r="N836640" s="10"/>
    </row>
    <row r="836641" spans="14:14">
      <c r="N836641" s="10"/>
    </row>
    <row r="836642" spans="14:14">
      <c r="N836642" s="10"/>
    </row>
    <row r="836643" spans="14:14">
      <c r="N836643" s="10"/>
    </row>
    <row r="836644" spans="14:14">
      <c r="N836644" s="10"/>
    </row>
    <row r="836645" spans="14:14">
      <c r="N836645" s="10"/>
    </row>
    <row r="836646" spans="14:14">
      <c r="N836646" s="10"/>
    </row>
    <row r="836647" spans="14:14">
      <c r="N836647" s="10"/>
    </row>
    <row r="836648" spans="14:14">
      <c r="N836648" s="10"/>
    </row>
    <row r="836649" spans="14:14">
      <c r="N836649" s="10"/>
    </row>
    <row r="836650" spans="14:14">
      <c r="N836650" s="10"/>
    </row>
    <row r="836651" spans="14:14">
      <c r="N836651" s="10"/>
    </row>
    <row r="836652" spans="14:14">
      <c r="N836652" s="10"/>
    </row>
    <row r="836653" spans="14:14">
      <c r="N836653" s="10"/>
    </row>
    <row r="836654" spans="14:14">
      <c r="N836654" s="10"/>
    </row>
    <row r="836655" spans="14:14">
      <c r="N836655" s="10"/>
    </row>
    <row r="836656" spans="14:14">
      <c r="N836656" s="10"/>
    </row>
    <row r="836657" spans="14:14">
      <c r="N836657" s="10"/>
    </row>
    <row r="836658" spans="14:14">
      <c r="N836658" s="10"/>
    </row>
    <row r="836659" spans="14:14">
      <c r="N836659" s="10"/>
    </row>
    <row r="836660" spans="14:14">
      <c r="N836660" s="10"/>
    </row>
    <row r="836661" spans="14:14">
      <c r="N836661" s="10"/>
    </row>
    <row r="836662" spans="14:14">
      <c r="N836662" s="10"/>
    </row>
    <row r="836663" spans="14:14">
      <c r="N836663" s="10"/>
    </row>
    <row r="836664" spans="14:14">
      <c r="N836664" s="10"/>
    </row>
    <row r="836665" spans="14:14">
      <c r="N836665" s="10"/>
    </row>
    <row r="836666" spans="14:14">
      <c r="N836666" s="10"/>
    </row>
    <row r="836667" spans="14:14">
      <c r="N836667" s="10"/>
    </row>
    <row r="836668" spans="14:14">
      <c r="N836668" s="10"/>
    </row>
    <row r="836669" spans="14:14">
      <c r="N836669" s="10"/>
    </row>
    <row r="836670" spans="14:14">
      <c r="N836670" s="10"/>
    </row>
    <row r="836671" spans="14:14">
      <c r="N836671" s="10"/>
    </row>
    <row r="836672" spans="14:14">
      <c r="N836672" s="10"/>
    </row>
    <row r="836673" spans="14:14">
      <c r="N836673" s="10"/>
    </row>
    <row r="836674" spans="14:14">
      <c r="N836674" s="10"/>
    </row>
    <row r="836675" spans="14:14">
      <c r="N836675" s="10"/>
    </row>
    <row r="836676" spans="14:14">
      <c r="N836676" s="10"/>
    </row>
    <row r="836677" spans="14:14">
      <c r="N836677" s="10"/>
    </row>
    <row r="836678" spans="14:14">
      <c r="N836678" s="10"/>
    </row>
    <row r="836679" spans="14:14">
      <c r="N836679" s="10"/>
    </row>
    <row r="836680" spans="14:14">
      <c r="N836680" s="10"/>
    </row>
    <row r="836681" spans="14:14">
      <c r="N836681" s="10"/>
    </row>
    <row r="836682" spans="14:14">
      <c r="N836682" s="10"/>
    </row>
    <row r="836683" spans="14:14">
      <c r="N836683" s="10"/>
    </row>
    <row r="836684" spans="14:14">
      <c r="N836684" s="10"/>
    </row>
    <row r="836685" spans="14:14">
      <c r="N836685" s="10"/>
    </row>
    <row r="836686" spans="14:14">
      <c r="N836686" s="10"/>
    </row>
    <row r="836687" spans="14:14">
      <c r="N836687" s="10"/>
    </row>
    <row r="836688" spans="14:14">
      <c r="N836688" s="10"/>
    </row>
    <row r="836689" spans="14:14">
      <c r="N836689" s="10"/>
    </row>
    <row r="836690" spans="14:14">
      <c r="N836690" s="10"/>
    </row>
    <row r="836691" spans="14:14">
      <c r="N836691" s="10"/>
    </row>
    <row r="836692" spans="14:14">
      <c r="N836692" s="10"/>
    </row>
    <row r="836693" spans="14:14">
      <c r="N836693" s="10"/>
    </row>
    <row r="836694" spans="14:14">
      <c r="N836694" s="10"/>
    </row>
    <row r="836695" spans="14:14">
      <c r="N836695" s="10"/>
    </row>
    <row r="836696" spans="14:14">
      <c r="N836696" s="10"/>
    </row>
    <row r="836697" spans="14:14">
      <c r="N836697" s="10"/>
    </row>
    <row r="836698" spans="14:14">
      <c r="N836698" s="10"/>
    </row>
    <row r="836699" spans="14:14">
      <c r="N836699" s="10"/>
    </row>
    <row r="836700" spans="14:14">
      <c r="N836700" s="10"/>
    </row>
    <row r="836701" spans="14:14">
      <c r="N836701" s="10"/>
    </row>
    <row r="836702" spans="14:14">
      <c r="N836702" s="10"/>
    </row>
    <row r="836703" spans="14:14">
      <c r="N836703" s="10"/>
    </row>
    <row r="836704" spans="14:14">
      <c r="N836704" s="10"/>
    </row>
    <row r="836705" spans="14:14">
      <c r="N836705" s="10"/>
    </row>
    <row r="836706" spans="14:14">
      <c r="N836706" s="10"/>
    </row>
    <row r="836707" spans="14:14">
      <c r="N836707" s="10"/>
    </row>
    <row r="836708" spans="14:14">
      <c r="N836708" s="10"/>
    </row>
    <row r="836709" spans="14:14">
      <c r="N836709" s="10"/>
    </row>
    <row r="836710" spans="14:14">
      <c r="N836710" s="10"/>
    </row>
    <row r="836711" spans="14:14">
      <c r="N836711" s="10"/>
    </row>
    <row r="836712" spans="14:14">
      <c r="N836712" s="10"/>
    </row>
    <row r="836713" spans="14:14">
      <c r="N836713" s="10"/>
    </row>
    <row r="836714" spans="14:14">
      <c r="N836714" s="10"/>
    </row>
    <row r="836715" spans="14:14">
      <c r="N836715" s="10"/>
    </row>
    <row r="836716" spans="14:14">
      <c r="N836716" s="10"/>
    </row>
    <row r="836717" spans="14:14">
      <c r="N836717" s="10"/>
    </row>
    <row r="836718" spans="14:14">
      <c r="N836718" s="10"/>
    </row>
    <row r="836719" spans="14:14">
      <c r="N836719" s="10"/>
    </row>
    <row r="836720" spans="14:14">
      <c r="N836720" s="10"/>
    </row>
    <row r="836721" spans="14:14">
      <c r="N836721" s="10"/>
    </row>
    <row r="836722" spans="14:14">
      <c r="N836722" s="10"/>
    </row>
    <row r="836723" spans="14:14">
      <c r="N836723" s="10"/>
    </row>
    <row r="836724" spans="14:14">
      <c r="N836724" s="10"/>
    </row>
    <row r="836725" spans="14:14">
      <c r="N836725" s="10"/>
    </row>
    <row r="836726" spans="14:14">
      <c r="N836726" s="10"/>
    </row>
    <row r="836727" spans="14:14">
      <c r="N836727" s="10"/>
    </row>
    <row r="836728" spans="14:14">
      <c r="N836728" s="10"/>
    </row>
    <row r="836729" spans="14:14">
      <c r="N836729" s="10"/>
    </row>
    <row r="836730" spans="14:14">
      <c r="N836730" s="10"/>
    </row>
    <row r="836731" spans="14:14">
      <c r="N836731" s="10"/>
    </row>
    <row r="836732" spans="14:14">
      <c r="N836732" s="10"/>
    </row>
    <row r="836733" spans="14:14">
      <c r="N836733" s="10"/>
    </row>
    <row r="836734" spans="14:14">
      <c r="N836734" s="10"/>
    </row>
    <row r="836735" spans="14:14">
      <c r="N836735" s="10"/>
    </row>
    <row r="836736" spans="14:14">
      <c r="N836736" s="10"/>
    </row>
    <row r="836737" spans="14:14">
      <c r="N836737" s="10"/>
    </row>
    <row r="836738" spans="14:14">
      <c r="N836738" s="10"/>
    </row>
    <row r="836739" spans="14:14">
      <c r="N836739" s="10"/>
    </row>
    <row r="836740" spans="14:14">
      <c r="N836740" s="10"/>
    </row>
    <row r="836741" spans="14:14">
      <c r="N836741" s="10"/>
    </row>
    <row r="836742" spans="14:14">
      <c r="N836742" s="10"/>
    </row>
    <row r="836743" spans="14:14">
      <c r="N836743" s="10"/>
    </row>
    <row r="836744" spans="14:14">
      <c r="N836744" s="10"/>
    </row>
    <row r="836745" spans="14:14">
      <c r="N836745" s="10"/>
    </row>
    <row r="836746" spans="14:14">
      <c r="N836746" s="10"/>
    </row>
    <row r="836747" spans="14:14">
      <c r="N836747" s="10"/>
    </row>
    <row r="836748" spans="14:14">
      <c r="N836748" s="10"/>
    </row>
    <row r="836749" spans="14:14">
      <c r="N836749" s="10"/>
    </row>
    <row r="836750" spans="14:14">
      <c r="N836750" s="10"/>
    </row>
    <row r="836751" spans="14:14">
      <c r="N836751" s="10"/>
    </row>
    <row r="836752" spans="14:14">
      <c r="N836752" s="10"/>
    </row>
    <row r="836753" spans="14:14">
      <c r="N836753" s="10"/>
    </row>
    <row r="836754" spans="14:14">
      <c r="N836754" s="10"/>
    </row>
    <row r="836755" spans="14:14">
      <c r="N836755" s="10"/>
    </row>
    <row r="836756" spans="14:14">
      <c r="N836756" s="10"/>
    </row>
    <row r="836757" spans="14:14">
      <c r="N836757" s="10"/>
    </row>
    <row r="836758" spans="14:14">
      <c r="N836758" s="10"/>
    </row>
    <row r="836759" spans="14:14">
      <c r="N836759" s="10"/>
    </row>
    <row r="836760" spans="14:14">
      <c r="N836760" s="10"/>
    </row>
    <row r="836761" spans="14:14">
      <c r="N836761" s="10"/>
    </row>
    <row r="836762" spans="14:14">
      <c r="N836762" s="10"/>
    </row>
    <row r="836763" spans="14:14">
      <c r="N836763" s="10"/>
    </row>
    <row r="836764" spans="14:14">
      <c r="N836764" s="10"/>
    </row>
    <row r="836765" spans="14:14">
      <c r="N836765" s="10"/>
    </row>
    <row r="836766" spans="14:14">
      <c r="N836766" s="10"/>
    </row>
    <row r="836767" spans="14:14">
      <c r="N836767" s="10"/>
    </row>
    <row r="836768" spans="14:14">
      <c r="N836768" s="10"/>
    </row>
    <row r="836769" spans="14:14">
      <c r="N836769" s="10"/>
    </row>
    <row r="836770" spans="14:14">
      <c r="N836770" s="10"/>
    </row>
    <row r="836771" spans="14:14">
      <c r="N836771" s="10"/>
    </row>
    <row r="836772" spans="14:14">
      <c r="N836772" s="10"/>
    </row>
    <row r="836773" spans="14:14">
      <c r="N836773" s="10"/>
    </row>
    <row r="836774" spans="14:14">
      <c r="N836774" s="10"/>
    </row>
    <row r="836775" spans="14:14">
      <c r="N836775" s="10"/>
    </row>
    <row r="836776" spans="14:14">
      <c r="N836776" s="10"/>
    </row>
    <row r="836777" spans="14:14">
      <c r="N836777" s="10"/>
    </row>
    <row r="836778" spans="14:14">
      <c r="N836778" s="10"/>
    </row>
    <row r="836779" spans="14:14">
      <c r="N836779" s="10"/>
    </row>
    <row r="836780" spans="14:14">
      <c r="N836780" s="10"/>
    </row>
    <row r="836781" spans="14:14">
      <c r="N836781" s="10"/>
    </row>
    <row r="836782" spans="14:14">
      <c r="N836782" s="10"/>
    </row>
    <row r="836783" spans="14:14">
      <c r="N836783" s="10"/>
    </row>
    <row r="836784" spans="14:14">
      <c r="N836784" s="10"/>
    </row>
    <row r="836785" spans="14:14">
      <c r="N836785" s="10"/>
    </row>
    <row r="836786" spans="14:14">
      <c r="N836786" s="10"/>
    </row>
    <row r="836787" spans="14:14">
      <c r="N836787" s="10"/>
    </row>
    <row r="836788" spans="14:14">
      <c r="N836788" s="10"/>
    </row>
    <row r="836789" spans="14:14">
      <c r="N836789" s="10"/>
    </row>
    <row r="836790" spans="14:14">
      <c r="N836790" s="10"/>
    </row>
    <row r="836791" spans="14:14">
      <c r="N836791" s="10"/>
    </row>
    <row r="836792" spans="14:14">
      <c r="N836792" s="10"/>
    </row>
    <row r="836793" spans="14:14">
      <c r="N836793" s="10"/>
    </row>
    <row r="836794" spans="14:14">
      <c r="N836794" s="10"/>
    </row>
    <row r="836795" spans="14:14">
      <c r="N836795" s="10"/>
    </row>
    <row r="836796" spans="14:14">
      <c r="N836796" s="10"/>
    </row>
    <row r="836797" spans="14:14">
      <c r="N836797" s="10"/>
    </row>
    <row r="836798" spans="14:14">
      <c r="N836798" s="10"/>
    </row>
    <row r="836799" spans="14:14">
      <c r="N836799" s="10"/>
    </row>
    <row r="836800" spans="14:14">
      <c r="N836800" s="10"/>
    </row>
    <row r="836801" spans="14:14">
      <c r="N836801" s="10"/>
    </row>
    <row r="836802" spans="14:14">
      <c r="N836802" s="10"/>
    </row>
    <row r="836803" spans="14:14">
      <c r="N836803" s="10"/>
    </row>
    <row r="836804" spans="14:14">
      <c r="N836804" s="10"/>
    </row>
    <row r="836805" spans="14:14">
      <c r="N836805" s="10"/>
    </row>
    <row r="836806" spans="14:14">
      <c r="N836806" s="10"/>
    </row>
    <row r="836807" spans="14:14">
      <c r="N836807" s="10"/>
    </row>
    <row r="836808" spans="14:14">
      <c r="N836808" s="10"/>
    </row>
    <row r="836809" spans="14:14">
      <c r="N836809" s="10"/>
    </row>
    <row r="836810" spans="14:14">
      <c r="N836810" s="10"/>
    </row>
    <row r="836811" spans="14:14">
      <c r="N836811" s="10"/>
    </row>
    <row r="836812" spans="14:14">
      <c r="N836812" s="10"/>
    </row>
    <row r="836813" spans="14:14">
      <c r="N836813" s="10"/>
    </row>
    <row r="836814" spans="14:14">
      <c r="N836814" s="10"/>
    </row>
    <row r="836815" spans="14:14">
      <c r="N836815" s="10"/>
    </row>
    <row r="836816" spans="14:14">
      <c r="N836816" s="10"/>
    </row>
    <row r="836817" spans="14:14">
      <c r="N836817" s="10"/>
    </row>
    <row r="836818" spans="14:14">
      <c r="N836818" s="10"/>
    </row>
    <row r="836819" spans="14:14">
      <c r="N836819" s="10"/>
    </row>
    <row r="836820" spans="14:14">
      <c r="N836820" s="10"/>
    </row>
    <row r="836821" spans="14:14">
      <c r="N836821" s="10"/>
    </row>
    <row r="836822" spans="14:14">
      <c r="N836822" s="10"/>
    </row>
    <row r="836823" spans="14:14">
      <c r="N836823" s="10"/>
    </row>
    <row r="836824" spans="14:14">
      <c r="N836824" s="10"/>
    </row>
    <row r="836825" spans="14:14">
      <c r="N836825" s="10"/>
    </row>
    <row r="836826" spans="14:14">
      <c r="N836826" s="10"/>
    </row>
    <row r="836827" spans="14:14">
      <c r="N836827" s="10"/>
    </row>
    <row r="836828" spans="14:14">
      <c r="N836828" s="10"/>
    </row>
    <row r="836829" spans="14:14">
      <c r="N836829" s="10"/>
    </row>
    <row r="836830" spans="14:14">
      <c r="N836830" s="10"/>
    </row>
    <row r="836831" spans="14:14">
      <c r="N836831" s="10"/>
    </row>
    <row r="836832" spans="14:14">
      <c r="N836832" s="10"/>
    </row>
    <row r="836833" spans="14:14">
      <c r="N836833" s="10"/>
    </row>
    <row r="836834" spans="14:14">
      <c r="N836834" s="10"/>
    </row>
    <row r="836835" spans="14:14">
      <c r="N836835" s="10"/>
    </row>
    <row r="836836" spans="14:14">
      <c r="N836836" s="10"/>
    </row>
    <row r="836837" spans="14:14">
      <c r="N836837" s="10"/>
    </row>
    <row r="836838" spans="14:14">
      <c r="N836838" s="10"/>
    </row>
    <row r="836839" spans="14:14">
      <c r="N836839" s="10"/>
    </row>
    <row r="836840" spans="14:14">
      <c r="N836840" s="10"/>
    </row>
    <row r="836841" spans="14:14">
      <c r="N836841" s="10"/>
    </row>
    <row r="836842" spans="14:14">
      <c r="N836842" s="10"/>
    </row>
    <row r="836843" spans="14:14">
      <c r="N836843" s="10"/>
    </row>
    <row r="836844" spans="14:14">
      <c r="N836844" s="10"/>
    </row>
    <row r="836845" spans="14:14">
      <c r="N836845" s="10"/>
    </row>
    <row r="836846" spans="14:14">
      <c r="N836846" s="10"/>
    </row>
    <row r="836847" spans="14:14">
      <c r="N836847" s="10"/>
    </row>
    <row r="836848" spans="14:14">
      <c r="N836848" s="10"/>
    </row>
    <row r="836849" spans="14:14">
      <c r="N836849" s="10"/>
    </row>
    <row r="836850" spans="14:14">
      <c r="N836850" s="10"/>
    </row>
    <row r="836851" spans="14:14">
      <c r="N836851" s="10"/>
    </row>
    <row r="836852" spans="14:14">
      <c r="N836852" s="10"/>
    </row>
    <row r="836853" spans="14:14">
      <c r="N836853" s="10"/>
    </row>
    <row r="836854" spans="14:14">
      <c r="N836854" s="10"/>
    </row>
    <row r="836855" spans="14:14">
      <c r="N836855" s="10"/>
    </row>
    <row r="836856" spans="14:14">
      <c r="N836856" s="10"/>
    </row>
    <row r="836857" spans="14:14">
      <c r="N836857" s="10"/>
    </row>
    <row r="836858" spans="14:14">
      <c r="N836858" s="10"/>
    </row>
    <row r="836859" spans="14:14">
      <c r="N836859" s="10"/>
    </row>
    <row r="836860" spans="14:14">
      <c r="N836860" s="10"/>
    </row>
    <row r="836861" spans="14:14">
      <c r="N836861" s="10"/>
    </row>
    <row r="836862" spans="14:14">
      <c r="N836862" s="10"/>
    </row>
    <row r="836863" spans="14:14">
      <c r="N836863" s="10"/>
    </row>
    <row r="836864" spans="14:14">
      <c r="N836864" s="10"/>
    </row>
    <row r="836865" spans="14:14">
      <c r="N836865" s="10"/>
    </row>
    <row r="836866" spans="14:14">
      <c r="N836866" s="10"/>
    </row>
    <row r="836867" spans="14:14">
      <c r="N836867" s="10"/>
    </row>
    <row r="836868" spans="14:14">
      <c r="N836868" s="10"/>
    </row>
    <row r="836869" spans="14:14">
      <c r="N836869" s="10"/>
    </row>
    <row r="836870" spans="14:14">
      <c r="N836870" s="10"/>
    </row>
    <row r="836871" spans="14:14">
      <c r="N836871" s="10"/>
    </row>
    <row r="836872" spans="14:14">
      <c r="N836872" s="10"/>
    </row>
    <row r="836873" spans="14:14">
      <c r="N836873" s="10"/>
    </row>
    <row r="836874" spans="14:14">
      <c r="N836874" s="10"/>
    </row>
    <row r="836875" spans="14:14">
      <c r="N836875" s="10"/>
    </row>
    <row r="836876" spans="14:14">
      <c r="N836876" s="10"/>
    </row>
    <row r="836877" spans="14:14">
      <c r="N836877" s="10"/>
    </row>
    <row r="836878" spans="14:14">
      <c r="N836878" s="10"/>
    </row>
    <row r="836879" spans="14:14">
      <c r="N836879" s="10"/>
    </row>
    <row r="836880" spans="14:14">
      <c r="N836880" s="10"/>
    </row>
    <row r="836881" spans="14:14">
      <c r="N836881" s="10"/>
    </row>
    <row r="836882" spans="14:14">
      <c r="N836882" s="10"/>
    </row>
    <row r="836883" spans="14:14">
      <c r="N836883" s="10"/>
    </row>
    <row r="836884" spans="14:14">
      <c r="N836884" s="10"/>
    </row>
    <row r="836885" spans="14:14">
      <c r="N836885" s="10"/>
    </row>
    <row r="836886" spans="14:14">
      <c r="N836886" s="10"/>
    </row>
    <row r="836887" spans="14:14">
      <c r="N836887" s="10"/>
    </row>
    <row r="836888" spans="14:14">
      <c r="N836888" s="10"/>
    </row>
    <row r="836889" spans="14:14">
      <c r="N836889" s="10"/>
    </row>
    <row r="836890" spans="14:14">
      <c r="N836890" s="10"/>
    </row>
    <row r="836891" spans="14:14">
      <c r="N836891" s="10"/>
    </row>
    <row r="836892" spans="14:14">
      <c r="N836892" s="10"/>
    </row>
    <row r="836893" spans="14:14">
      <c r="N836893" s="10"/>
    </row>
    <row r="836894" spans="14:14">
      <c r="N836894" s="10"/>
    </row>
    <row r="836895" spans="14:14">
      <c r="N836895" s="10"/>
    </row>
    <row r="836896" spans="14:14">
      <c r="N836896" s="10"/>
    </row>
    <row r="836897" spans="14:14">
      <c r="N836897" s="10"/>
    </row>
    <row r="836898" spans="14:14">
      <c r="N836898" s="10"/>
    </row>
    <row r="836899" spans="14:14">
      <c r="N836899" s="10"/>
    </row>
    <row r="836900" spans="14:14">
      <c r="N836900" s="10"/>
    </row>
    <row r="836901" spans="14:14">
      <c r="N836901" s="10"/>
    </row>
    <row r="836902" spans="14:14">
      <c r="N836902" s="10"/>
    </row>
    <row r="836903" spans="14:14">
      <c r="N836903" s="10"/>
    </row>
    <row r="836904" spans="14:14">
      <c r="N836904" s="10"/>
    </row>
    <row r="836905" spans="14:14">
      <c r="N836905" s="10"/>
    </row>
    <row r="836906" spans="14:14">
      <c r="N836906" s="10"/>
    </row>
    <row r="836907" spans="14:14">
      <c r="N836907" s="10"/>
    </row>
    <row r="836908" spans="14:14">
      <c r="N836908" s="10"/>
    </row>
    <row r="836909" spans="14:14">
      <c r="N836909" s="10"/>
    </row>
    <row r="836910" spans="14:14">
      <c r="N836910" s="10"/>
    </row>
    <row r="836911" spans="14:14">
      <c r="N836911" s="10"/>
    </row>
    <row r="836912" spans="14:14">
      <c r="N836912" s="10"/>
    </row>
    <row r="836913" spans="14:14">
      <c r="N836913" s="10"/>
    </row>
    <row r="836914" spans="14:14">
      <c r="N836914" s="10"/>
    </row>
    <row r="836915" spans="14:14">
      <c r="N836915" s="10"/>
    </row>
    <row r="836916" spans="14:14">
      <c r="N836916" s="10"/>
    </row>
    <row r="836917" spans="14:14">
      <c r="N836917" s="10"/>
    </row>
    <row r="836918" spans="14:14">
      <c r="N836918" s="10"/>
    </row>
    <row r="836919" spans="14:14">
      <c r="N836919" s="10"/>
    </row>
    <row r="836920" spans="14:14">
      <c r="N836920" s="10"/>
    </row>
    <row r="836921" spans="14:14">
      <c r="N836921" s="10"/>
    </row>
    <row r="836922" spans="14:14">
      <c r="N836922" s="10"/>
    </row>
    <row r="836923" spans="14:14">
      <c r="N836923" s="10"/>
    </row>
    <row r="836924" spans="14:14">
      <c r="N836924" s="10"/>
    </row>
    <row r="836925" spans="14:14">
      <c r="N836925" s="10"/>
    </row>
    <row r="836926" spans="14:14">
      <c r="N836926" s="10"/>
    </row>
    <row r="836927" spans="14:14">
      <c r="N836927" s="10"/>
    </row>
    <row r="836928" spans="14:14">
      <c r="N836928" s="10"/>
    </row>
    <row r="836929" spans="14:14">
      <c r="N836929" s="10"/>
    </row>
    <row r="836930" spans="14:14">
      <c r="N836930" s="10"/>
    </row>
    <row r="836931" spans="14:14">
      <c r="N836931" s="10"/>
    </row>
    <row r="836932" spans="14:14">
      <c r="N836932" s="10"/>
    </row>
    <row r="836933" spans="14:14">
      <c r="N836933" s="10"/>
    </row>
    <row r="836934" spans="14:14">
      <c r="N836934" s="10"/>
    </row>
    <row r="836935" spans="14:14">
      <c r="N836935" s="10"/>
    </row>
    <row r="836936" spans="14:14">
      <c r="N836936" s="10"/>
    </row>
    <row r="836937" spans="14:14">
      <c r="N836937" s="10"/>
    </row>
    <row r="836938" spans="14:14">
      <c r="N836938" s="10"/>
    </row>
    <row r="836939" spans="14:14">
      <c r="N836939" s="10"/>
    </row>
    <row r="836940" spans="14:14">
      <c r="N836940" s="10"/>
    </row>
    <row r="836941" spans="14:14">
      <c r="N836941" s="10"/>
    </row>
    <row r="836942" spans="14:14">
      <c r="N836942" s="10"/>
    </row>
    <row r="836943" spans="14:14">
      <c r="N836943" s="10"/>
    </row>
    <row r="836944" spans="14:14">
      <c r="N836944" s="10"/>
    </row>
    <row r="836945" spans="14:14">
      <c r="N836945" s="10"/>
    </row>
    <row r="836946" spans="14:14">
      <c r="N836946" s="10"/>
    </row>
    <row r="836947" spans="14:14">
      <c r="N836947" s="10"/>
    </row>
    <row r="836948" spans="14:14">
      <c r="N836948" s="10"/>
    </row>
    <row r="836949" spans="14:14">
      <c r="N836949" s="10"/>
    </row>
    <row r="836950" spans="14:14">
      <c r="N836950" s="10"/>
    </row>
    <row r="836951" spans="14:14">
      <c r="N836951" s="10"/>
    </row>
    <row r="836952" spans="14:14">
      <c r="N836952" s="10"/>
    </row>
    <row r="836953" spans="14:14">
      <c r="N836953" s="10"/>
    </row>
    <row r="836954" spans="14:14">
      <c r="N836954" s="10"/>
    </row>
    <row r="836955" spans="14:14">
      <c r="N836955" s="10"/>
    </row>
    <row r="836956" spans="14:14">
      <c r="N836956" s="10"/>
    </row>
    <row r="836957" spans="14:14">
      <c r="N836957" s="10"/>
    </row>
    <row r="836958" spans="14:14">
      <c r="N836958" s="10"/>
    </row>
    <row r="836959" spans="14:14">
      <c r="N836959" s="10"/>
    </row>
    <row r="836960" spans="14:14">
      <c r="N836960" s="10"/>
    </row>
    <row r="836961" spans="14:14">
      <c r="N836961" s="10"/>
    </row>
    <row r="836962" spans="14:14">
      <c r="N836962" s="10"/>
    </row>
    <row r="836963" spans="14:14">
      <c r="N836963" s="10"/>
    </row>
    <row r="836964" spans="14:14">
      <c r="N836964" s="10"/>
    </row>
    <row r="836965" spans="14:14">
      <c r="N836965" s="10"/>
    </row>
    <row r="836966" spans="14:14">
      <c r="N836966" s="10"/>
    </row>
    <row r="836967" spans="14:14">
      <c r="N836967" s="10"/>
    </row>
    <row r="836968" spans="14:14">
      <c r="N836968" s="10"/>
    </row>
    <row r="836969" spans="14:14">
      <c r="N836969" s="10"/>
    </row>
    <row r="836970" spans="14:14">
      <c r="N836970" s="10"/>
    </row>
    <row r="836971" spans="14:14">
      <c r="N836971" s="10"/>
    </row>
    <row r="836972" spans="14:14">
      <c r="N836972" s="10"/>
    </row>
    <row r="836973" spans="14:14">
      <c r="N836973" s="10"/>
    </row>
    <row r="836974" spans="14:14">
      <c r="N836974" s="10"/>
    </row>
    <row r="836975" spans="14:14">
      <c r="N836975" s="10"/>
    </row>
    <row r="836976" spans="14:14">
      <c r="N836976" s="10"/>
    </row>
    <row r="836977" spans="14:14">
      <c r="N836977" s="10"/>
    </row>
    <row r="836978" spans="14:14">
      <c r="N836978" s="10"/>
    </row>
    <row r="836979" spans="14:14">
      <c r="N836979" s="10"/>
    </row>
    <row r="836980" spans="14:14">
      <c r="N836980" s="10"/>
    </row>
    <row r="836981" spans="14:14">
      <c r="N836981" s="10"/>
    </row>
    <row r="836982" spans="14:14">
      <c r="N836982" s="10"/>
    </row>
    <row r="836983" spans="14:14">
      <c r="N836983" s="10"/>
    </row>
    <row r="836984" spans="14:14">
      <c r="N836984" s="10"/>
    </row>
    <row r="836985" spans="14:14">
      <c r="N836985" s="10"/>
    </row>
    <row r="836986" spans="14:14">
      <c r="N836986" s="10"/>
    </row>
    <row r="836987" spans="14:14">
      <c r="N836987" s="10"/>
    </row>
    <row r="836988" spans="14:14">
      <c r="N836988" s="10"/>
    </row>
    <row r="836989" spans="14:14">
      <c r="N836989" s="10"/>
    </row>
    <row r="836990" spans="14:14">
      <c r="N836990" s="10"/>
    </row>
    <row r="836991" spans="14:14">
      <c r="N836991" s="10"/>
    </row>
    <row r="836992" spans="14:14">
      <c r="N836992" s="10"/>
    </row>
    <row r="836993" spans="14:14">
      <c r="N836993" s="10"/>
    </row>
    <row r="836994" spans="14:14">
      <c r="N836994" s="10"/>
    </row>
    <row r="836995" spans="14:14">
      <c r="N836995" s="10"/>
    </row>
    <row r="836996" spans="14:14">
      <c r="N836996" s="10"/>
    </row>
    <row r="836997" spans="14:14">
      <c r="N836997" s="10"/>
    </row>
    <row r="836998" spans="14:14">
      <c r="N836998" s="10"/>
    </row>
    <row r="836999" spans="14:14">
      <c r="N836999" s="10"/>
    </row>
    <row r="837000" spans="14:14">
      <c r="N837000" s="10"/>
    </row>
    <row r="837001" spans="14:14">
      <c r="N837001" s="10"/>
    </row>
    <row r="837002" spans="14:14">
      <c r="N837002" s="10"/>
    </row>
    <row r="837003" spans="14:14">
      <c r="N837003" s="10"/>
    </row>
    <row r="837004" spans="14:14">
      <c r="N837004" s="10"/>
    </row>
    <row r="837005" spans="14:14">
      <c r="N837005" s="10"/>
    </row>
    <row r="837006" spans="14:14">
      <c r="N837006" s="10"/>
    </row>
    <row r="837007" spans="14:14">
      <c r="N837007" s="10"/>
    </row>
    <row r="837008" spans="14:14">
      <c r="N837008" s="10"/>
    </row>
    <row r="837009" spans="14:14">
      <c r="N837009" s="10"/>
    </row>
    <row r="837010" spans="14:14">
      <c r="N837010" s="10"/>
    </row>
    <row r="837011" spans="14:14">
      <c r="N837011" s="10"/>
    </row>
    <row r="837012" spans="14:14">
      <c r="N837012" s="10"/>
    </row>
    <row r="837013" spans="14:14">
      <c r="N837013" s="10"/>
    </row>
    <row r="837014" spans="14:14">
      <c r="N837014" s="10"/>
    </row>
    <row r="837015" spans="14:14">
      <c r="N837015" s="10"/>
    </row>
    <row r="837016" spans="14:14">
      <c r="N837016" s="10"/>
    </row>
    <row r="837017" spans="14:14">
      <c r="N837017" s="10"/>
    </row>
    <row r="837018" spans="14:14">
      <c r="N837018" s="10"/>
    </row>
    <row r="837019" spans="14:14">
      <c r="N837019" s="10"/>
    </row>
    <row r="837020" spans="14:14">
      <c r="N837020" s="10"/>
    </row>
    <row r="837021" spans="14:14">
      <c r="N837021" s="10"/>
    </row>
    <row r="837022" spans="14:14">
      <c r="N837022" s="10"/>
    </row>
    <row r="837023" spans="14:14">
      <c r="N837023" s="10"/>
    </row>
    <row r="837024" spans="14:14">
      <c r="N837024" s="10"/>
    </row>
    <row r="837025" spans="14:14">
      <c r="N837025" s="10"/>
    </row>
    <row r="837026" spans="14:14">
      <c r="N837026" s="10"/>
    </row>
    <row r="837027" spans="14:14">
      <c r="N837027" s="10"/>
    </row>
    <row r="837028" spans="14:14">
      <c r="N837028" s="10"/>
    </row>
    <row r="837029" spans="14:14">
      <c r="N837029" s="10"/>
    </row>
    <row r="837030" spans="14:14">
      <c r="N837030" s="10"/>
    </row>
    <row r="837031" spans="14:14">
      <c r="N837031" s="10"/>
    </row>
    <row r="837032" spans="14:14">
      <c r="N837032" s="10"/>
    </row>
    <row r="837033" spans="14:14">
      <c r="N837033" s="10"/>
    </row>
    <row r="837034" spans="14:14">
      <c r="N837034" s="10"/>
    </row>
    <row r="837035" spans="14:14">
      <c r="N837035" s="10"/>
    </row>
    <row r="837036" spans="14:14">
      <c r="N837036" s="10"/>
    </row>
    <row r="837037" spans="14:14">
      <c r="N837037" s="10"/>
    </row>
    <row r="837038" spans="14:14">
      <c r="N837038" s="10"/>
    </row>
    <row r="837039" spans="14:14">
      <c r="N837039" s="10"/>
    </row>
    <row r="837040" spans="14:14">
      <c r="N837040" s="10"/>
    </row>
    <row r="837041" spans="14:14">
      <c r="N837041" s="10"/>
    </row>
    <row r="837042" spans="14:14">
      <c r="N837042" s="10"/>
    </row>
    <row r="837043" spans="14:14">
      <c r="N837043" s="10"/>
    </row>
    <row r="837044" spans="14:14">
      <c r="N837044" s="10"/>
    </row>
    <row r="837045" spans="14:14">
      <c r="N837045" s="10"/>
    </row>
    <row r="837046" spans="14:14">
      <c r="N837046" s="10"/>
    </row>
    <row r="837047" spans="14:14">
      <c r="N837047" s="10"/>
    </row>
    <row r="837048" spans="14:14">
      <c r="N837048" s="10"/>
    </row>
    <row r="837049" spans="14:14">
      <c r="N837049" s="10"/>
    </row>
    <row r="837050" spans="14:14">
      <c r="N837050" s="10"/>
    </row>
    <row r="837051" spans="14:14">
      <c r="N837051" s="10"/>
    </row>
    <row r="837052" spans="14:14">
      <c r="N837052" s="10"/>
    </row>
    <row r="837053" spans="14:14">
      <c r="N837053" s="10"/>
    </row>
    <row r="837054" spans="14:14">
      <c r="N837054" s="10"/>
    </row>
    <row r="837055" spans="14:14">
      <c r="N837055" s="10"/>
    </row>
    <row r="837056" spans="14:14">
      <c r="N837056" s="10"/>
    </row>
    <row r="837057" spans="14:14">
      <c r="N837057" s="10"/>
    </row>
    <row r="837058" spans="14:14">
      <c r="N837058" s="10"/>
    </row>
    <row r="837059" spans="14:14">
      <c r="N837059" s="10"/>
    </row>
    <row r="837060" spans="14:14">
      <c r="N837060" s="10"/>
    </row>
    <row r="837061" spans="14:14">
      <c r="N837061" s="10"/>
    </row>
    <row r="837062" spans="14:14">
      <c r="N837062" s="10"/>
    </row>
    <row r="837063" spans="14:14">
      <c r="N837063" s="10"/>
    </row>
    <row r="837064" spans="14:14">
      <c r="N837064" s="10"/>
    </row>
    <row r="837065" spans="14:14">
      <c r="N837065" s="10"/>
    </row>
    <row r="837066" spans="14:14">
      <c r="N837066" s="10"/>
    </row>
    <row r="837067" spans="14:14">
      <c r="N837067" s="10"/>
    </row>
    <row r="837068" spans="14:14">
      <c r="N837068" s="10"/>
    </row>
    <row r="837069" spans="14:14">
      <c r="N837069" s="10"/>
    </row>
    <row r="837070" spans="14:14">
      <c r="N837070" s="10"/>
    </row>
    <row r="837071" spans="14:14">
      <c r="N837071" s="10"/>
    </row>
    <row r="837072" spans="14:14">
      <c r="N837072" s="10"/>
    </row>
    <row r="837073" spans="14:14">
      <c r="N837073" s="10"/>
    </row>
    <row r="837074" spans="14:14">
      <c r="N837074" s="10"/>
    </row>
    <row r="837075" spans="14:14">
      <c r="N837075" s="10"/>
    </row>
    <row r="837076" spans="14:14">
      <c r="N837076" s="10"/>
    </row>
    <row r="837077" spans="14:14">
      <c r="N837077" s="10"/>
    </row>
    <row r="837078" spans="14:14">
      <c r="N837078" s="10"/>
    </row>
    <row r="837079" spans="14:14">
      <c r="N837079" s="10"/>
    </row>
    <row r="837080" spans="14:14">
      <c r="N837080" s="10"/>
    </row>
    <row r="837081" spans="14:14">
      <c r="N837081" s="10"/>
    </row>
    <row r="837082" spans="14:14">
      <c r="N837082" s="10"/>
    </row>
    <row r="837083" spans="14:14">
      <c r="N837083" s="10"/>
    </row>
    <row r="837084" spans="14:14">
      <c r="N837084" s="10"/>
    </row>
    <row r="837085" spans="14:14">
      <c r="N837085" s="10"/>
    </row>
    <row r="837086" spans="14:14">
      <c r="N837086" s="10"/>
    </row>
    <row r="837087" spans="14:14">
      <c r="N837087" s="10"/>
    </row>
    <row r="837088" spans="14:14">
      <c r="N837088" s="10"/>
    </row>
    <row r="837089" spans="14:14">
      <c r="N837089" s="10"/>
    </row>
    <row r="837090" spans="14:14">
      <c r="N837090" s="10"/>
    </row>
    <row r="837091" spans="14:14">
      <c r="N837091" s="10"/>
    </row>
    <row r="837092" spans="14:14">
      <c r="N837092" s="10"/>
    </row>
    <row r="837093" spans="14:14">
      <c r="N837093" s="10"/>
    </row>
    <row r="837094" spans="14:14">
      <c r="N837094" s="10"/>
    </row>
    <row r="837095" spans="14:14">
      <c r="N837095" s="10"/>
    </row>
    <row r="837096" spans="14:14">
      <c r="N837096" s="10"/>
    </row>
    <row r="837097" spans="14:14">
      <c r="N837097" s="10"/>
    </row>
    <row r="837098" spans="14:14">
      <c r="N837098" s="10"/>
    </row>
    <row r="837099" spans="14:14">
      <c r="N837099" s="10"/>
    </row>
    <row r="837100" spans="14:14">
      <c r="N837100" s="10"/>
    </row>
    <row r="837101" spans="14:14">
      <c r="N837101" s="10"/>
    </row>
    <row r="837102" spans="14:14">
      <c r="N837102" s="10"/>
    </row>
    <row r="837103" spans="14:14">
      <c r="N837103" s="10"/>
    </row>
    <row r="837104" spans="14:14">
      <c r="N837104" s="10"/>
    </row>
    <row r="837105" spans="14:14">
      <c r="N837105" s="10"/>
    </row>
    <row r="837106" spans="14:14">
      <c r="N837106" s="10"/>
    </row>
    <row r="837107" spans="14:14">
      <c r="N837107" s="10"/>
    </row>
    <row r="837108" spans="14:14">
      <c r="N837108" s="10"/>
    </row>
    <row r="837109" spans="14:14">
      <c r="N837109" s="10"/>
    </row>
    <row r="837110" spans="14:14">
      <c r="N837110" s="10"/>
    </row>
    <row r="837111" spans="14:14">
      <c r="N837111" s="10"/>
    </row>
    <row r="837112" spans="14:14">
      <c r="N837112" s="10"/>
    </row>
    <row r="837113" spans="14:14">
      <c r="N837113" s="10"/>
    </row>
    <row r="837114" spans="14:14">
      <c r="N837114" s="10"/>
    </row>
    <row r="837115" spans="14:14">
      <c r="N837115" s="10"/>
    </row>
    <row r="837116" spans="14:14">
      <c r="N837116" s="10"/>
    </row>
    <row r="837117" spans="14:14">
      <c r="N837117" s="10"/>
    </row>
    <row r="837118" spans="14:14">
      <c r="N837118" s="10"/>
    </row>
    <row r="837119" spans="14:14">
      <c r="N837119" s="10"/>
    </row>
    <row r="837120" spans="14:14">
      <c r="N837120" s="10"/>
    </row>
    <row r="837121" spans="14:14">
      <c r="N837121" s="10"/>
    </row>
    <row r="837122" spans="14:14">
      <c r="N837122" s="10"/>
    </row>
    <row r="837123" spans="14:14">
      <c r="N837123" s="10"/>
    </row>
    <row r="837124" spans="14:14">
      <c r="N837124" s="10"/>
    </row>
    <row r="837125" spans="14:14">
      <c r="N837125" s="10"/>
    </row>
    <row r="837126" spans="14:14">
      <c r="N837126" s="10"/>
    </row>
    <row r="837127" spans="14:14">
      <c r="N837127" s="10"/>
    </row>
    <row r="837128" spans="14:14">
      <c r="N837128" s="10"/>
    </row>
    <row r="837129" spans="14:14">
      <c r="N837129" s="10"/>
    </row>
    <row r="837130" spans="14:14">
      <c r="N837130" s="10"/>
    </row>
    <row r="837131" spans="14:14">
      <c r="N837131" s="10"/>
    </row>
    <row r="837132" spans="14:14">
      <c r="N837132" s="10"/>
    </row>
    <row r="837133" spans="14:14">
      <c r="N837133" s="10"/>
    </row>
    <row r="837134" spans="14:14">
      <c r="N837134" s="10"/>
    </row>
    <row r="837135" spans="14:14">
      <c r="N837135" s="10"/>
    </row>
    <row r="837136" spans="14:14">
      <c r="N837136" s="10"/>
    </row>
    <row r="837137" spans="14:14">
      <c r="N837137" s="10"/>
    </row>
    <row r="837138" spans="14:14">
      <c r="N837138" s="10"/>
    </row>
    <row r="837139" spans="14:14">
      <c r="N837139" s="10"/>
    </row>
    <row r="837140" spans="14:14">
      <c r="N837140" s="10"/>
    </row>
    <row r="837141" spans="14:14">
      <c r="N837141" s="10"/>
    </row>
    <row r="837142" spans="14:14">
      <c r="N837142" s="10"/>
    </row>
    <row r="837143" spans="14:14">
      <c r="N837143" s="10"/>
    </row>
    <row r="837144" spans="14:14">
      <c r="N837144" s="10"/>
    </row>
    <row r="837145" spans="14:14">
      <c r="N837145" s="10"/>
    </row>
    <row r="837146" spans="14:14">
      <c r="N837146" s="10"/>
    </row>
    <row r="837147" spans="14:14">
      <c r="N837147" s="10"/>
    </row>
    <row r="837148" spans="14:14">
      <c r="N837148" s="10"/>
    </row>
    <row r="837149" spans="14:14">
      <c r="N837149" s="10"/>
    </row>
    <row r="837150" spans="14:14">
      <c r="N837150" s="10"/>
    </row>
    <row r="837151" spans="14:14">
      <c r="N837151" s="10"/>
    </row>
    <row r="837152" spans="14:14">
      <c r="N837152" s="10"/>
    </row>
    <row r="837153" spans="14:14">
      <c r="N837153" s="10"/>
    </row>
    <row r="837154" spans="14:14">
      <c r="N837154" s="10"/>
    </row>
    <row r="837155" spans="14:14">
      <c r="N837155" s="10"/>
    </row>
    <row r="837156" spans="14:14">
      <c r="N837156" s="10"/>
    </row>
    <row r="837157" spans="14:14">
      <c r="N837157" s="10"/>
    </row>
    <row r="837158" spans="14:14">
      <c r="N837158" s="10"/>
    </row>
    <row r="837159" spans="14:14">
      <c r="N837159" s="10"/>
    </row>
    <row r="837160" spans="14:14">
      <c r="N837160" s="10"/>
    </row>
    <row r="837161" spans="14:14">
      <c r="N837161" s="10"/>
    </row>
    <row r="837162" spans="14:14">
      <c r="N837162" s="10"/>
    </row>
    <row r="837163" spans="14:14">
      <c r="N837163" s="10"/>
    </row>
    <row r="837164" spans="14:14">
      <c r="N837164" s="10"/>
    </row>
    <row r="837165" spans="14:14">
      <c r="N837165" s="10"/>
    </row>
    <row r="837166" spans="14:14">
      <c r="N837166" s="10"/>
    </row>
    <row r="837167" spans="14:14">
      <c r="N837167" s="10"/>
    </row>
    <row r="837168" spans="14:14">
      <c r="N837168" s="10"/>
    </row>
    <row r="837169" spans="14:14">
      <c r="N837169" s="10"/>
    </row>
    <row r="837170" spans="14:14">
      <c r="N837170" s="10"/>
    </row>
    <row r="837171" spans="14:14">
      <c r="N837171" s="10"/>
    </row>
    <row r="837172" spans="14:14">
      <c r="N837172" s="10"/>
    </row>
    <row r="837173" spans="14:14">
      <c r="N837173" s="10"/>
    </row>
    <row r="837174" spans="14:14">
      <c r="N837174" s="10"/>
    </row>
    <row r="837175" spans="14:14">
      <c r="N837175" s="10"/>
    </row>
    <row r="837176" spans="14:14">
      <c r="N837176" s="10"/>
    </row>
    <row r="837177" spans="14:14">
      <c r="N837177" s="10"/>
    </row>
    <row r="837178" spans="14:14">
      <c r="N837178" s="10"/>
    </row>
    <row r="837179" spans="14:14">
      <c r="N837179" s="10"/>
    </row>
    <row r="837180" spans="14:14">
      <c r="N837180" s="10"/>
    </row>
    <row r="837181" spans="14:14">
      <c r="N837181" s="10"/>
    </row>
    <row r="837182" spans="14:14">
      <c r="N837182" s="10"/>
    </row>
    <row r="837183" spans="14:14">
      <c r="N837183" s="10"/>
    </row>
    <row r="837184" spans="14:14">
      <c r="N837184" s="10"/>
    </row>
    <row r="837185" spans="14:14">
      <c r="N837185" s="10"/>
    </row>
    <row r="837186" spans="14:14">
      <c r="N837186" s="10"/>
    </row>
    <row r="837187" spans="14:14">
      <c r="N837187" s="10"/>
    </row>
    <row r="837188" spans="14:14">
      <c r="N837188" s="10"/>
    </row>
    <row r="837189" spans="14:14">
      <c r="N837189" s="10"/>
    </row>
    <row r="837190" spans="14:14">
      <c r="N837190" s="10"/>
    </row>
    <row r="837191" spans="14:14">
      <c r="N837191" s="10"/>
    </row>
    <row r="837192" spans="14:14">
      <c r="N837192" s="10"/>
    </row>
    <row r="837193" spans="14:14">
      <c r="N837193" s="10"/>
    </row>
    <row r="837194" spans="14:14">
      <c r="N837194" s="10"/>
    </row>
    <row r="837195" spans="14:14">
      <c r="N837195" s="10"/>
    </row>
    <row r="837196" spans="14:14">
      <c r="N837196" s="10"/>
    </row>
    <row r="837197" spans="14:14">
      <c r="N837197" s="10"/>
    </row>
    <row r="837198" spans="14:14">
      <c r="N837198" s="10"/>
    </row>
    <row r="837199" spans="14:14">
      <c r="N837199" s="10"/>
    </row>
    <row r="837200" spans="14:14">
      <c r="N837200" s="10"/>
    </row>
    <row r="837201" spans="14:14">
      <c r="N837201" s="10"/>
    </row>
    <row r="837202" spans="14:14">
      <c r="N837202" s="10"/>
    </row>
    <row r="837203" spans="14:14">
      <c r="N837203" s="10"/>
    </row>
    <row r="837204" spans="14:14">
      <c r="N837204" s="10"/>
    </row>
    <row r="837205" spans="14:14">
      <c r="N837205" s="10"/>
    </row>
    <row r="837206" spans="14:14">
      <c r="N837206" s="10"/>
    </row>
    <row r="837207" spans="14:14">
      <c r="N837207" s="10"/>
    </row>
    <row r="837208" spans="14:14">
      <c r="N837208" s="10"/>
    </row>
    <row r="837209" spans="14:14">
      <c r="N837209" s="10"/>
    </row>
    <row r="837210" spans="14:14">
      <c r="N837210" s="10"/>
    </row>
    <row r="837211" spans="14:14">
      <c r="N837211" s="10"/>
    </row>
    <row r="837212" spans="14:14">
      <c r="N837212" s="10"/>
    </row>
    <row r="837213" spans="14:14">
      <c r="N837213" s="10"/>
    </row>
    <row r="837214" spans="14:14">
      <c r="N837214" s="10"/>
    </row>
    <row r="837215" spans="14:14">
      <c r="N837215" s="10"/>
    </row>
    <row r="837216" spans="14:14">
      <c r="N837216" s="10"/>
    </row>
    <row r="837217" spans="14:14">
      <c r="N837217" s="10"/>
    </row>
    <row r="837218" spans="14:14">
      <c r="N837218" s="10"/>
    </row>
    <row r="837219" spans="14:14">
      <c r="N837219" s="10"/>
    </row>
    <row r="837220" spans="14:14">
      <c r="N837220" s="10"/>
    </row>
    <row r="837221" spans="14:14">
      <c r="N837221" s="10"/>
    </row>
    <row r="837222" spans="14:14">
      <c r="N837222" s="10"/>
    </row>
    <row r="837223" spans="14:14">
      <c r="N837223" s="10"/>
    </row>
    <row r="837224" spans="14:14">
      <c r="N837224" s="10"/>
    </row>
    <row r="837225" spans="14:14">
      <c r="N837225" s="10"/>
    </row>
    <row r="837226" spans="14:14">
      <c r="N837226" s="10"/>
    </row>
    <row r="837227" spans="14:14">
      <c r="N837227" s="10"/>
    </row>
    <row r="837228" spans="14:14">
      <c r="N837228" s="10"/>
    </row>
    <row r="837229" spans="14:14">
      <c r="N837229" s="10"/>
    </row>
    <row r="837230" spans="14:14">
      <c r="N837230" s="10"/>
    </row>
    <row r="837231" spans="14:14">
      <c r="N837231" s="10"/>
    </row>
    <row r="837232" spans="14:14">
      <c r="N837232" s="10"/>
    </row>
    <row r="837233" spans="14:14">
      <c r="N837233" s="10"/>
    </row>
    <row r="837234" spans="14:14">
      <c r="N837234" s="10"/>
    </row>
    <row r="837235" spans="14:14">
      <c r="N837235" s="10"/>
    </row>
    <row r="837236" spans="14:14">
      <c r="N837236" s="10"/>
    </row>
    <row r="837237" spans="14:14">
      <c r="N837237" s="10"/>
    </row>
    <row r="837238" spans="14:14">
      <c r="N837238" s="10"/>
    </row>
    <row r="837239" spans="14:14">
      <c r="N837239" s="10"/>
    </row>
    <row r="837240" spans="14:14">
      <c r="N837240" s="10"/>
    </row>
    <row r="837241" spans="14:14">
      <c r="N837241" s="10"/>
    </row>
    <row r="837242" spans="14:14">
      <c r="N837242" s="10"/>
    </row>
    <row r="837243" spans="14:14">
      <c r="N837243" s="10"/>
    </row>
    <row r="837244" spans="14:14">
      <c r="N837244" s="10"/>
    </row>
    <row r="837245" spans="14:14">
      <c r="N837245" s="10"/>
    </row>
    <row r="837246" spans="14:14">
      <c r="N837246" s="10"/>
    </row>
    <row r="837247" spans="14:14">
      <c r="N837247" s="10"/>
    </row>
    <row r="837248" spans="14:14">
      <c r="N837248" s="10"/>
    </row>
    <row r="837249" spans="14:14">
      <c r="N837249" s="10"/>
    </row>
    <row r="837250" spans="14:14">
      <c r="N837250" s="10"/>
    </row>
    <row r="837251" spans="14:14">
      <c r="N837251" s="10"/>
    </row>
    <row r="837252" spans="14:14">
      <c r="N837252" s="10"/>
    </row>
    <row r="837253" spans="14:14">
      <c r="N837253" s="10"/>
    </row>
    <row r="837254" spans="14:14">
      <c r="N837254" s="10"/>
    </row>
    <row r="837255" spans="14:14">
      <c r="N837255" s="10"/>
    </row>
    <row r="837256" spans="14:14">
      <c r="N837256" s="10"/>
    </row>
    <row r="837257" spans="14:14">
      <c r="N837257" s="10"/>
    </row>
    <row r="837258" spans="14:14">
      <c r="N837258" s="10"/>
    </row>
    <row r="837259" spans="14:14">
      <c r="N837259" s="10"/>
    </row>
    <row r="837260" spans="14:14">
      <c r="N837260" s="10"/>
    </row>
    <row r="837261" spans="14:14">
      <c r="N837261" s="10"/>
    </row>
    <row r="837262" spans="14:14">
      <c r="N837262" s="10"/>
    </row>
    <row r="837263" spans="14:14">
      <c r="N837263" s="10"/>
    </row>
    <row r="837264" spans="14:14">
      <c r="N837264" s="10"/>
    </row>
    <row r="837265" spans="14:14">
      <c r="N837265" s="10"/>
    </row>
    <row r="837266" spans="14:14">
      <c r="N837266" s="10"/>
    </row>
    <row r="837267" spans="14:14">
      <c r="N837267" s="10"/>
    </row>
    <row r="837268" spans="14:14">
      <c r="N837268" s="10"/>
    </row>
    <row r="837269" spans="14:14">
      <c r="N837269" s="10"/>
    </row>
    <row r="837270" spans="14:14">
      <c r="N837270" s="10"/>
    </row>
    <row r="837271" spans="14:14">
      <c r="N837271" s="10"/>
    </row>
    <row r="837272" spans="14:14">
      <c r="N837272" s="10"/>
    </row>
    <row r="837273" spans="14:14">
      <c r="N837273" s="10"/>
    </row>
    <row r="837274" spans="14:14">
      <c r="N837274" s="10"/>
    </row>
    <row r="837275" spans="14:14">
      <c r="N837275" s="10"/>
    </row>
    <row r="837276" spans="14:14">
      <c r="N837276" s="10"/>
    </row>
    <row r="837277" spans="14:14">
      <c r="N837277" s="10"/>
    </row>
    <row r="837278" spans="14:14">
      <c r="N837278" s="10"/>
    </row>
    <row r="837279" spans="14:14">
      <c r="N837279" s="10"/>
    </row>
    <row r="837280" spans="14:14">
      <c r="N837280" s="10"/>
    </row>
    <row r="837281" spans="14:14">
      <c r="N837281" s="10"/>
    </row>
    <row r="837282" spans="14:14">
      <c r="N837282" s="10"/>
    </row>
    <row r="837283" spans="14:14">
      <c r="N837283" s="10"/>
    </row>
    <row r="837284" spans="14:14">
      <c r="N837284" s="10"/>
    </row>
    <row r="837285" spans="14:14">
      <c r="N837285" s="10"/>
    </row>
    <row r="837286" spans="14:14">
      <c r="N837286" s="10"/>
    </row>
    <row r="837287" spans="14:14">
      <c r="N837287" s="10"/>
    </row>
    <row r="837288" spans="14:14">
      <c r="N837288" s="10"/>
    </row>
    <row r="837289" spans="14:14">
      <c r="N837289" s="10"/>
    </row>
    <row r="837290" spans="14:14">
      <c r="N837290" s="10"/>
    </row>
    <row r="837291" spans="14:14">
      <c r="N837291" s="10"/>
    </row>
    <row r="837292" spans="14:14">
      <c r="N837292" s="10"/>
    </row>
    <row r="837293" spans="14:14">
      <c r="N837293" s="10"/>
    </row>
    <row r="837294" spans="14:14">
      <c r="N837294" s="10"/>
    </row>
    <row r="837295" spans="14:14">
      <c r="N837295" s="10"/>
    </row>
    <row r="837296" spans="14:14">
      <c r="N837296" s="10"/>
    </row>
    <row r="837297" spans="14:14">
      <c r="N837297" s="10"/>
    </row>
    <row r="837298" spans="14:14">
      <c r="N837298" s="10"/>
    </row>
    <row r="837299" spans="14:14">
      <c r="N837299" s="10"/>
    </row>
    <row r="837300" spans="14:14">
      <c r="N837300" s="10"/>
    </row>
    <row r="837301" spans="14:14">
      <c r="N837301" s="10"/>
    </row>
    <row r="837302" spans="14:14">
      <c r="N837302" s="10"/>
    </row>
    <row r="837303" spans="14:14">
      <c r="N837303" s="10"/>
    </row>
    <row r="837304" spans="14:14">
      <c r="N837304" s="10"/>
    </row>
    <row r="837305" spans="14:14">
      <c r="N837305" s="10"/>
    </row>
    <row r="837306" spans="14:14">
      <c r="N837306" s="10"/>
    </row>
    <row r="837307" spans="14:14">
      <c r="N837307" s="10"/>
    </row>
    <row r="837308" spans="14:14">
      <c r="N837308" s="10"/>
    </row>
    <row r="837309" spans="14:14">
      <c r="N837309" s="10"/>
    </row>
    <row r="837310" spans="14:14">
      <c r="N837310" s="10"/>
    </row>
    <row r="837311" spans="14:14">
      <c r="N837311" s="10"/>
    </row>
    <row r="837312" spans="14:14">
      <c r="N837312" s="10"/>
    </row>
    <row r="837313" spans="14:14">
      <c r="N837313" s="10"/>
    </row>
    <row r="837314" spans="14:14">
      <c r="N837314" s="10"/>
    </row>
    <row r="837315" spans="14:14">
      <c r="N837315" s="10"/>
    </row>
    <row r="837316" spans="14:14">
      <c r="N837316" s="10"/>
    </row>
    <row r="837317" spans="14:14">
      <c r="N837317" s="10"/>
    </row>
    <row r="837318" spans="14:14">
      <c r="N837318" s="10"/>
    </row>
    <row r="837319" spans="14:14">
      <c r="N837319" s="10"/>
    </row>
    <row r="837320" spans="14:14">
      <c r="N837320" s="10"/>
    </row>
    <row r="837321" spans="14:14">
      <c r="N837321" s="10"/>
    </row>
    <row r="837322" spans="14:14">
      <c r="N837322" s="10"/>
    </row>
    <row r="837323" spans="14:14">
      <c r="N837323" s="10"/>
    </row>
    <row r="837324" spans="14:14">
      <c r="N837324" s="10"/>
    </row>
    <row r="837325" spans="14:14">
      <c r="N837325" s="10"/>
    </row>
    <row r="837326" spans="14:14">
      <c r="N837326" s="10"/>
    </row>
    <row r="837327" spans="14:14">
      <c r="N837327" s="10"/>
    </row>
    <row r="837328" spans="14:14">
      <c r="N837328" s="10"/>
    </row>
    <row r="837329" spans="14:14">
      <c r="N837329" s="10"/>
    </row>
    <row r="837330" spans="14:14">
      <c r="N837330" s="10"/>
    </row>
    <row r="837331" spans="14:14">
      <c r="N837331" s="10"/>
    </row>
    <row r="837332" spans="14:14">
      <c r="N837332" s="10"/>
    </row>
    <row r="837333" spans="14:14">
      <c r="N837333" s="10"/>
    </row>
    <row r="837334" spans="14:14">
      <c r="N837334" s="10"/>
    </row>
    <row r="837335" spans="14:14">
      <c r="N837335" s="10"/>
    </row>
    <row r="837336" spans="14:14">
      <c r="N837336" s="10"/>
    </row>
    <row r="837337" spans="14:14">
      <c r="N837337" s="10"/>
    </row>
    <row r="837338" spans="14:14">
      <c r="N837338" s="10"/>
    </row>
    <row r="837339" spans="14:14">
      <c r="N837339" s="10"/>
    </row>
    <row r="837340" spans="14:14">
      <c r="N837340" s="10"/>
    </row>
    <row r="837341" spans="14:14">
      <c r="N837341" s="10"/>
    </row>
    <row r="837342" spans="14:14">
      <c r="N837342" s="10"/>
    </row>
    <row r="837343" spans="14:14">
      <c r="N837343" s="10"/>
    </row>
    <row r="837344" spans="14:14">
      <c r="N837344" s="10"/>
    </row>
    <row r="837345" spans="14:14">
      <c r="N837345" s="10"/>
    </row>
    <row r="837346" spans="14:14">
      <c r="N837346" s="10"/>
    </row>
    <row r="837347" spans="14:14">
      <c r="N837347" s="10"/>
    </row>
    <row r="837348" spans="14:14">
      <c r="N837348" s="10"/>
    </row>
    <row r="837349" spans="14:14">
      <c r="N837349" s="10"/>
    </row>
    <row r="837350" spans="14:14">
      <c r="N837350" s="10"/>
    </row>
    <row r="837351" spans="14:14">
      <c r="N837351" s="10"/>
    </row>
    <row r="837352" spans="14:14">
      <c r="N837352" s="10"/>
    </row>
    <row r="837353" spans="14:14">
      <c r="N837353" s="10"/>
    </row>
    <row r="837354" spans="14:14">
      <c r="N837354" s="10"/>
    </row>
    <row r="837355" spans="14:14">
      <c r="N837355" s="10"/>
    </row>
    <row r="837356" spans="14:14">
      <c r="N837356" s="10"/>
    </row>
    <row r="837357" spans="14:14">
      <c r="N837357" s="10"/>
    </row>
    <row r="837358" spans="14:14">
      <c r="N837358" s="10"/>
    </row>
    <row r="837359" spans="14:14">
      <c r="N837359" s="10"/>
    </row>
    <row r="837360" spans="14:14">
      <c r="N837360" s="10"/>
    </row>
    <row r="837361" spans="14:14">
      <c r="N837361" s="10"/>
    </row>
    <row r="837362" spans="14:14">
      <c r="N837362" s="10"/>
    </row>
    <row r="837363" spans="14:14">
      <c r="N837363" s="10"/>
    </row>
    <row r="837364" spans="14:14">
      <c r="N837364" s="10"/>
    </row>
    <row r="837365" spans="14:14">
      <c r="N837365" s="10"/>
    </row>
    <row r="837366" spans="14:14">
      <c r="N837366" s="10"/>
    </row>
    <row r="837367" spans="14:14">
      <c r="N837367" s="10"/>
    </row>
    <row r="837368" spans="14:14">
      <c r="N837368" s="10"/>
    </row>
    <row r="837369" spans="14:14">
      <c r="N837369" s="10"/>
    </row>
    <row r="837370" spans="14:14">
      <c r="N837370" s="10"/>
    </row>
    <row r="837371" spans="14:14">
      <c r="N837371" s="10"/>
    </row>
    <row r="837372" spans="14:14">
      <c r="N837372" s="10"/>
    </row>
    <row r="837373" spans="14:14">
      <c r="N837373" s="10"/>
    </row>
    <row r="837374" spans="14:14">
      <c r="N837374" s="10"/>
    </row>
    <row r="837375" spans="14:14">
      <c r="N837375" s="10"/>
    </row>
    <row r="837376" spans="14:14">
      <c r="N837376" s="10"/>
    </row>
    <row r="837377" spans="14:14">
      <c r="N837377" s="10"/>
    </row>
    <row r="837378" spans="14:14">
      <c r="N837378" s="10"/>
    </row>
    <row r="837379" spans="14:14">
      <c r="N837379" s="10"/>
    </row>
    <row r="837380" spans="14:14">
      <c r="N837380" s="10"/>
    </row>
    <row r="837381" spans="14:14">
      <c r="N837381" s="10"/>
    </row>
    <row r="837382" spans="14:14">
      <c r="N837382" s="10"/>
    </row>
    <row r="837383" spans="14:14">
      <c r="N837383" s="10"/>
    </row>
    <row r="837384" spans="14:14">
      <c r="N837384" s="10"/>
    </row>
    <row r="837385" spans="14:14">
      <c r="N837385" s="10"/>
    </row>
    <row r="837386" spans="14:14">
      <c r="N837386" s="10"/>
    </row>
    <row r="837387" spans="14:14">
      <c r="N837387" s="10"/>
    </row>
    <row r="837388" spans="14:14">
      <c r="N837388" s="10"/>
    </row>
    <row r="837389" spans="14:14">
      <c r="N837389" s="10"/>
    </row>
    <row r="837390" spans="14:14">
      <c r="N837390" s="10"/>
    </row>
    <row r="837391" spans="14:14">
      <c r="N837391" s="10"/>
    </row>
    <row r="837392" spans="14:14">
      <c r="N837392" s="10"/>
    </row>
    <row r="837393" spans="14:14">
      <c r="N837393" s="10"/>
    </row>
    <row r="837394" spans="14:14">
      <c r="N837394" s="10"/>
    </row>
    <row r="837395" spans="14:14">
      <c r="N837395" s="10"/>
    </row>
    <row r="837396" spans="14:14">
      <c r="N837396" s="10"/>
    </row>
    <row r="837397" spans="14:14">
      <c r="N837397" s="10"/>
    </row>
    <row r="837398" spans="14:14">
      <c r="N837398" s="10"/>
    </row>
    <row r="837399" spans="14:14">
      <c r="N837399" s="10"/>
    </row>
    <row r="837400" spans="14:14">
      <c r="N837400" s="10"/>
    </row>
    <row r="837401" spans="14:14">
      <c r="N837401" s="10"/>
    </row>
    <row r="837402" spans="14:14">
      <c r="N837402" s="10"/>
    </row>
    <row r="837403" spans="14:14">
      <c r="N837403" s="10"/>
    </row>
    <row r="837404" spans="14:14">
      <c r="N837404" s="10"/>
    </row>
    <row r="837405" spans="14:14">
      <c r="N837405" s="10"/>
    </row>
    <row r="837406" spans="14:14">
      <c r="N837406" s="10"/>
    </row>
    <row r="837407" spans="14:14">
      <c r="N837407" s="10"/>
    </row>
    <row r="837408" spans="14:14">
      <c r="N837408" s="10"/>
    </row>
    <row r="837409" spans="14:14">
      <c r="N837409" s="10"/>
    </row>
    <row r="837410" spans="14:14">
      <c r="N837410" s="10"/>
    </row>
    <row r="837411" spans="14:14">
      <c r="N837411" s="10"/>
    </row>
    <row r="837412" spans="14:14">
      <c r="N837412" s="10"/>
    </row>
    <row r="837413" spans="14:14">
      <c r="N837413" s="10"/>
    </row>
    <row r="837414" spans="14:14">
      <c r="N837414" s="10"/>
    </row>
    <row r="837415" spans="14:14">
      <c r="N837415" s="10"/>
    </row>
    <row r="837416" spans="14:14">
      <c r="N837416" s="10"/>
    </row>
    <row r="837417" spans="14:14">
      <c r="N837417" s="10"/>
    </row>
    <row r="837418" spans="14:14">
      <c r="N837418" s="10"/>
    </row>
    <row r="837419" spans="14:14">
      <c r="N837419" s="10"/>
    </row>
    <row r="837420" spans="14:14">
      <c r="N837420" s="10"/>
    </row>
    <row r="837421" spans="14:14">
      <c r="N837421" s="10"/>
    </row>
    <row r="837422" spans="14:14">
      <c r="N837422" s="10"/>
    </row>
    <row r="837423" spans="14:14">
      <c r="N837423" s="10"/>
    </row>
    <row r="837424" spans="14:14">
      <c r="N837424" s="10"/>
    </row>
    <row r="837425" spans="14:14">
      <c r="N837425" s="10"/>
    </row>
    <row r="837426" spans="14:14">
      <c r="N837426" s="10"/>
    </row>
    <row r="837427" spans="14:14">
      <c r="N837427" s="10"/>
    </row>
    <row r="837428" spans="14:14">
      <c r="N837428" s="10"/>
    </row>
    <row r="837429" spans="14:14">
      <c r="N837429" s="10"/>
    </row>
    <row r="837430" spans="14:14">
      <c r="N837430" s="10"/>
    </row>
    <row r="837431" spans="14:14">
      <c r="N837431" s="10"/>
    </row>
    <row r="837432" spans="14:14">
      <c r="N837432" s="10"/>
    </row>
    <row r="837433" spans="14:14">
      <c r="N837433" s="10"/>
    </row>
    <row r="837434" spans="14:14">
      <c r="N837434" s="10"/>
    </row>
    <row r="837435" spans="14:14">
      <c r="N837435" s="10"/>
    </row>
    <row r="837436" spans="14:14">
      <c r="N837436" s="10"/>
    </row>
    <row r="837437" spans="14:14">
      <c r="N837437" s="10"/>
    </row>
    <row r="837438" spans="14:14">
      <c r="N837438" s="10"/>
    </row>
    <row r="837439" spans="14:14">
      <c r="N837439" s="10"/>
    </row>
    <row r="837440" spans="14:14">
      <c r="N837440" s="10"/>
    </row>
    <row r="837441" spans="14:14">
      <c r="N837441" s="10"/>
    </row>
    <row r="837442" spans="14:14">
      <c r="N837442" s="10"/>
    </row>
    <row r="837443" spans="14:14">
      <c r="N837443" s="10"/>
    </row>
    <row r="837444" spans="14:14">
      <c r="N837444" s="10"/>
    </row>
    <row r="837445" spans="14:14">
      <c r="N837445" s="10"/>
    </row>
    <row r="837446" spans="14:14">
      <c r="N837446" s="10"/>
    </row>
    <row r="837447" spans="14:14">
      <c r="N837447" s="10"/>
    </row>
    <row r="837448" spans="14:14">
      <c r="N837448" s="10"/>
    </row>
    <row r="837449" spans="14:14">
      <c r="N837449" s="10"/>
    </row>
    <row r="837450" spans="14:14">
      <c r="N837450" s="10"/>
    </row>
    <row r="837451" spans="14:14">
      <c r="N837451" s="10"/>
    </row>
    <row r="837452" spans="14:14">
      <c r="N837452" s="10"/>
    </row>
    <row r="837453" spans="14:14">
      <c r="N837453" s="10"/>
    </row>
    <row r="837454" spans="14:14">
      <c r="N837454" s="10"/>
    </row>
    <row r="837455" spans="14:14">
      <c r="N837455" s="10"/>
    </row>
    <row r="837456" spans="14:14">
      <c r="N837456" s="10"/>
    </row>
    <row r="837457" spans="14:14">
      <c r="N837457" s="10"/>
    </row>
    <row r="837458" spans="14:14">
      <c r="N837458" s="10"/>
    </row>
    <row r="837459" spans="14:14">
      <c r="N837459" s="10"/>
    </row>
    <row r="837460" spans="14:14">
      <c r="N837460" s="10"/>
    </row>
    <row r="837461" spans="14:14">
      <c r="N837461" s="10"/>
    </row>
    <row r="837462" spans="14:14">
      <c r="N837462" s="10"/>
    </row>
    <row r="837463" spans="14:14">
      <c r="N837463" s="10"/>
    </row>
    <row r="837464" spans="14:14">
      <c r="N837464" s="10"/>
    </row>
    <row r="837465" spans="14:14">
      <c r="N837465" s="10"/>
    </row>
    <row r="837466" spans="14:14">
      <c r="N837466" s="10"/>
    </row>
    <row r="837467" spans="14:14">
      <c r="N837467" s="10"/>
    </row>
    <row r="837468" spans="14:14">
      <c r="N837468" s="10"/>
    </row>
    <row r="837469" spans="14:14">
      <c r="N837469" s="10"/>
    </row>
    <row r="837470" spans="14:14">
      <c r="N837470" s="10"/>
    </row>
    <row r="837471" spans="14:14">
      <c r="N837471" s="10"/>
    </row>
    <row r="837472" spans="14:14">
      <c r="N837472" s="10"/>
    </row>
    <row r="837473" spans="14:14">
      <c r="N837473" s="10"/>
    </row>
    <row r="837474" spans="14:14">
      <c r="N837474" s="10"/>
    </row>
    <row r="837475" spans="14:14">
      <c r="N837475" s="10"/>
    </row>
    <row r="837476" spans="14:14">
      <c r="N837476" s="10"/>
    </row>
    <row r="837477" spans="14:14">
      <c r="N837477" s="10"/>
    </row>
    <row r="837478" spans="14:14">
      <c r="N837478" s="10"/>
    </row>
    <row r="837479" spans="14:14">
      <c r="N837479" s="10"/>
    </row>
    <row r="837480" spans="14:14">
      <c r="N837480" s="10"/>
    </row>
    <row r="837481" spans="14:14">
      <c r="N837481" s="10"/>
    </row>
    <row r="837482" spans="14:14">
      <c r="N837482" s="10"/>
    </row>
    <row r="837483" spans="14:14">
      <c r="N837483" s="10"/>
    </row>
    <row r="837484" spans="14:14">
      <c r="N837484" s="10"/>
    </row>
    <row r="837485" spans="14:14">
      <c r="N837485" s="10"/>
    </row>
    <row r="837486" spans="14:14">
      <c r="N837486" s="10"/>
    </row>
    <row r="837487" spans="14:14">
      <c r="N837487" s="10"/>
    </row>
    <row r="837488" spans="14:14">
      <c r="N837488" s="10"/>
    </row>
    <row r="837489" spans="14:14">
      <c r="N837489" s="10"/>
    </row>
    <row r="837490" spans="14:14">
      <c r="N837490" s="10"/>
    </row>
    <row r="837491" spans="14:14">
      <c r="N837491" s="10"/>
    </row>
    <row r="837492" spans="14:14">
      <c r="N837492" s="10"/>
    </row>
    <row r="837493" spans="14:14">
      <c r="N837493" s="10"/>
    </row>
    <row r="837494" spans="14:14">
      <c r="N837494" s="10"/>
    </row>
    <row r="837495" spans="14:14">
      <c r="N837495" s="10"/>
    </row>
    <row r="837496" spans="14:14">
      <c r="N837496" s="10"/>
    </row>
    <row r="837497" spans="14:14">
      <c r="N837497" s="10"/>
    </row>
    <row r="837498" spans="14:14">
      <c r="N837498" s="10"/>
    </row>
    <row r="837499" spans="14:14">
      <c r="N837499" s="10"/>
    </row>
    <row r="837500" spans="14:14">
      <c r="N837500" s="10"/>
    </row>
    <row r="837501" spans="14:14">
      <c r="N837501" s="10"/>
    </row>
    <row r="837502" spans="14:14">
      <c r="N837502" s="10"/>
    </row>
    <row r="837503" spans="14:14">
      <c r="N837503" s="10"/>
    </row>
    <row r="837504" spans="14:14">
      <c r="N837504" s="10"/>
    </row>
    <row r="837505" spans="14:14">
      <c r="N837505" s="10"/>
    </row>
    <row r="837506" spans="14:14">
      <c r="N837506" s="10"/>
    </row>
    <row r="837507" spans="14:14">
      <c r="N837507" s="10"/>
    </row>
    <row r="837508" spans="14:14">
      <c r="N837508" s="10"/>
    </row>
    <row r="837509" spans="14:14">
      <c r="N837509" s="10"/>
    </row>
    <row r="837510" spans="14:14">
      <c r="N837510" s="10"/>
    </row>
    <row r="837511" spans="14:14">
      <c r="N837511" s="10"/>
    </row>
    <row r="837512" spans="14:14">
      <c r="N837512" s="10"/>
    </row>
    <row r="837513" spans="14:14">
      <c r="N837513" s="10"/>
    </row>
    <row r="837514" spans="14:14">
      <c r="N837514" s="10"/>
    </row>
    <row r="837515" spans="14:14">
      <c r="N837515" s="10"/>
    </row>
    <row r="837516" spans="14:14">
      <c r="N837516" s="10"/>
    </row>
    <row r="837517" spans="14:14">
      <c r="N837517" s="10"/>
    </row>
    <row r="837518" spans="14:14">
      <c r="N837518" s="10"/>
    </row>
    <row r="837519" spans="14:14">
      <c r="N837519" s="10"/>
    </row>
    <row r="837520" spans="14:14">
      <c r="N837520" s="10"/>
    </row>
    <row r="837521" spans="14:14">
      <c r="N837521" s="10"/>
    </row>
    <row r="837522" spans="14:14">
      <c r="N837522" s="10"/>
    </row>
    <row r="837523" spans="14:14">
      <c r="N837523" s="10"/>
    </row>
    <row r="837524" spans="14:14">
      <c r="N837524" s="10"/>
    </row>
    <row r="837525" spans="14:14">
      <c r="N837525" s="10"/>
    </row>
    <row r="837526" spans="14:14">
      <c r="N837526" s="10"/>
    </row>
    <row r="837527" spans="14:14">
      <c r="N837527" s="10"/>
    </row>
    <row r="837528" spans="14:14">
      <c r="N837528" s="10"/>
    </row>
    <row r="837529" spans="14:14">
      <c r="N837529" s="10"/>
    </row>
    <row r="837530" spans="14:14">
      <c r="N837530" s="10"/>
    </row>
    <row r="837531" spans="14:14">
      <c r="N837531" s="10"/>
    </row>
    <row r="837532" spans="14:14">
      <c r="N837532" s="10"/>
    </row>
    <row r="837533" spans="14:14">
      <c r="N837533" s="10"/>
    </row>
    <row r="837534" spans="14:14">
      <c r="N837534" s="10"/>
    </row>
    <row r="837535" spans="14:14">
      <c r="N837535" s="10"/>
    </row>
    <row r="837536" spans="14:14">
      <c r="N837536" s="10"/>
    </row>
    <row r="837537" spans="14:14">
      <c r="N837537" s="10"/>
    </row>
    <row r="837538" spans="14:14">
      <c r="N837538" s="10"/>
    </row>
    <row r="837539" spans="14:14">
      <c r="N837539" s="10"/>
    </row>
    <row r="837540" spans="14:14">
      <c r="N837540" s="10"/>
    </row>
    <row r="837541" spans="14:14">
      <c r="N837541" s="10"/>
    </row>
    <row r="837542" spans="14:14">
      <c r="N837542" s="10"/>
    </row>
    <row r="837543" spans="14:14">
      <c r="N837543" s="10"/>
    </row>
    <row r="837544" spans="14:14">
      <c r="N837544" s="10"/>
    </row>
    <row r="837545" spans="14:14">
      <c r="N837545" s="10"/>
    </row>
    <row r="837546" spans="14:14">
      <c r="N837546" s="10"/>
    </row>
    <row r="837547" spans="14:14">
      <c r="N837547" s="10"/>
    </row>
    <row r="837548" spans="14:14">
      <c r="N837548" s="10"/>
    </row>
    <row r="837549" spans="14:14">
      <c r="N837549" s="10"/>
    </row>
    <row r="837550" spans="14:14">
      <c r="N837550" s="10"/>
    </row>
    <row r="837551" spans="14:14">
      <c r="N837551" s="10"/>
    </row>
    <row r="837552" spans="14:14">
      <c r="N837552" s="10"/>
    </row>
    <row r="837553" spans="14:14">
      <c r="N837553" s="10"/>
    </row>
    <row r="837554" spans="14:14">
      <c r="N837554" s="10"/>
    </row>
    <row r="837555" spans="14:14">
      <c r="N837555" s="10"/>
    </row>
    <row r="837556" spans="14:14">
      <c r="N837556" s="10"/>
    </row>
    <row r="837557" spans="14:14">
      <c r="N837557" s="10"/>
    </row>
    <row r="837558" spans="14:14">
      <c r="N837558" s="10"/>
    </row>
    <row r="837559" spans="14:14">
      <c r="N837559" s="10"/>
    </row>
    <row r="837560" spans="14:14">
      <c r="N837560" s="10"/>
    </row>
    <row r="837561" spans="14:14">
      <c r="N837561" s="10"/>
    </row>
    <row r="837562" spans="14:14">
      <c r="N837562" s="10"/>
    </row>
    <row r="837563" spans="14:14">
      <c r="N837563" s="10"/>
    </row>
    <row r="837564" spans="14:14">
      <c r="N837564" s="10"/>
    </row>
    <row r="837565" spans="14:14">
      <c r="N837565" s="10"/>
    </row>
    <row r="837566" spans="14:14">
      <c r="N837566" s="10"/>
    </row>
    <row r="837567" spans="14:14">
      <c r="N837567" s="10"/>
    </row>
    <row r="837568" spans="14:14">
      <c r="N837568" s="10"/>
    </row>
    <row r="837569" spans="14:14">
      <c r="N837569" s="10"/>
    </row>
    <row r="837570" spans="14:14">
      <c r="N837570" s="10"/>
    </row>
    <row r="837571" spans="14:14">
      <c r="N837571" s="10"/>
    </row>
    <row r="837572" spans="14:14">
      <c r="N837572" s="10"/>
    </row>
    <row r="837573" spans="14:14">
      <c r="N837573" s="10"/>
    </row>
    <row r="837574" spans="14:14">
      <c r="N837574" s="10"/>
    </row>
    <row r="837575" spans="14:14">
      <c r="N837575" s="10"/>
    </row>
    <row r="837576" spans="14:14">
      <c r="N837576" s="10"/>
    </row>
    <row r="837577" spans="14:14">
      <c r="N837577" s="10"/>
    </row>
    <row r="837578" spans="14:14">
      <c r="N837578" s="10"/>
    </row>
    <row r="837579" spans="14:14">
      <c r="N837579" s="10"/>
    </row>
    <row r="837580" spans="14:14">
      <c r="N837580" s="10"/>
    </row>
    <row r="837581" spans="14:14">
      <c r="N837581" s="10"/>
    </row>
    <row r="837582" spans="14:14">
      <c r="N837582" s="10"/>
    </row>
    <row r="837583" spans="14:14">
      <c r="N837583" s="10"/>
    </row>
    <row r="837584" spans="14:14">
      <c r="N837584" s="10"/>
    </row>
    <row r="837585" spans="14:14">
      <c r="N837585" s="10"/>
    </row>
    <row r="837586" spans="14:14">
      <c r="N837586" s="10"/>
    </row>
    <row r="837587" spans="14:14">
      <c r="N837587" s="10"/>
    </row>
    <row r="837588" spans="14:14">
      <c r="N837588" s="10"/>
    </row>
    <row r="837589" spans="14:14">
      <c r="N837589" s="10"/>
    </row>
    <row r="837590" spans="14:14">
      <c r="N837590" s="10"/>
    </row>
    <row r="837591" spans="14:14">
      <c r="N837591" s="10"/>
    </row>
    <row r="837592" spans="14:14">
      <c r="N837592" s="10"/>
    </row>
    <row r="837593" spans="14:14">
      <c r="N837593" s="10"/>
    </row>
    <row r="837594" spans="14:14">
      <c r="N837594" s="10"/>
    </row>
    <row r="837595" spans="14:14">
      <c r="N837595" s="10"/>
    </row>
    <row r="837596" spans="14:14">
      <c r="N837596" s="10"/>
    </row>
    <row r="837597" spans="14:14">
      <c r="N837597" s="10"/>
    </row>
    <row r="837598" spans="14:14">
      <c r="N837598" s="10"/>
    </row>
    <row r="837599" spans="14:14">
      <c r="N837599" s="10"/>
    </row>
    <row r="837600" spans="14:14">
      <c r="N837600" s="10"/>
    </row>
    <row r="837601" spans="14:14">
      <c r="N837601" s="10"/>
    </row>
    <row r="837602" spans="14:14">
      <c r="N837602" s="10"/>
    </row>
    <row r="837603" spans="14:14">
      <c r="N837603" s="10"/>
    </row>
    <row r="837604" spans="14:14">
      <c r="N837604" s="10"/>
    </row>
    <row r="837605" spans="14:14">
      <c r="N837605" s="10"/>
    </row>
    <row r="837606" spans="14:14">
      <c r="N837606" s="10"/>
    </row>
    <row r="837607" spans="14:14">
      <c r="N837607" s="10"/>
    </row>
    <row r="837608" spans="14:14">
      <c r="N837608" s="10"/>
    </row>
    <row r="837609" spans="14:14">
      <c r="N837609" s="10"/>
    </row>
    <row r="837610" spans="14:14">
      <c r="N837610" s="10"/>
    </row>
    <row r="837611" spans="14:14">
      <c r="N837611" s="10"/>
    </row>
    <row r="837612" spans="14:14">
      <c r="N837612" s="10"/>
    </row>
    <row r="837613" spans="14:14">
      <c r="N837613" s="10"/>
    </row>
    <row r="837614" spans="14:14">
      <c r="N837614" s="10"/>
    </row>
    <row r="837615" spans="14:14">
      <c r="N837615" s="10"/>
    </row>
    <row r="837616" spans="14:14">
      <c r="N837616" s="10"/>
    </row>
    <row r="837617" spans="14:14">
      <c r="N837617" s="10"/>
    </row>
    <row r="837618" spans="14:14">
      <c r="N837618" s="10"/>
    </row>
    <row r="837619" spans="14:14">
      <c r="N837619" s="10"/>
    </row>
    <row r="837620" spans="14:14">
      <c r="N837620" s="10"/>
    </row>
    <row r="837621" spans="14:14">
      <c r="N837621" s="10"/>
    </row>
    <row r="837622" spans="14:14">
      <c r="N837622" s="10"/>
    </row>
    <row r="837623" spans="14:14">
      <c r="N837623" s="10"/>
    </row>
    <row r="837624" spans="14:14">
      <c r="N837624" s="10"/>
    </row>
    <row r="837625" spans="14:14">
      <c r="N837625" s="10"/>
    </row>
    <row r="837626" spans="14:14">
      <c r="N837626" s="10"/>
    </row>
    <row r="837627" spans="14:14">
      <c r="N837627" s="10"/>
    </row>
    <row r="837628" spans="14:14">
      <c r="N837628" s="10"/>
    </row>
    <row r="837629" spans="14:14">
      <c r="N837629" s="10"/>
    </row>
    <row r="837630" spans="14:14">
      <c r="N837630" s="10"/>
    </row>
    <row r="837631" spans="14:14">
      <c r="N837631" s="10"/>
    </row>
    <row r="837632" spans="14:14">
      <c r="N837632" s="10"/>
    </row>
    <row r="837633" spans="14:14">
      <c r="N837633" s="10"/>
    </row>
    <row r="837634" spans="14:14">
      <c r="N837634" s="10"/>
    </row>
    <row r="837635" spans="14:14">
      <c r="N837635" s="10"/>
    </row>
    <row r="837636" spans="14:14">
      <c r="N837636" s="10"/>
    </row>
    <row r="837637" spans="14:14">
      <c r="N837637" s="10"/>
    </row>
    <row r="837638" spans="14:14">
      <c r="N837638" s="10"/>
    </row>
    <row r="837639" spans="14:14">
      <c r="N837639" s="10"/>
    </row>
    <row r="837640" spans="14:14">
      <c r="N837640" s="10"/>
    </row>
    <row r="837641" spans="14:14">
      <c r="N837641" s="10"/>
    </row>
    <row r="837642" spans="14:14">
      <c r="N837642" s="10"/>
    </row>
    <row r="837643" spans="14:14">
      <c r="N837643" s="10"/>
    </row>
    <row r="837644" spans="14:14">
      <c r="N837644" s="10"/>
    </row>
    <row r="837645" spans="14:14">
      <c r="N837645" s="10"/>
    </row>
    <row r="837646" spans="14:14">
      <c r="N837646" s="10"/>
    </row>
    <row r="837647" spans="14:14">
      <c r="N837647" s="10"/>
    </row>
    <row r="837648" spans="14:14">
      <c r="N837648" s="10"/>
    </row>
    <row r="837649" spans="14:14">
      <c r="N837649" s="10"/>
    </row>
    <row r="837650" spans="14:14">
      <c r="N837650" s="10"/>
    </row>
    <row r="837651" spans="14:14">
      <c r="N837651" s="10"/>
    </row>
    <row r="837652" spans="14:14">
      <c r="N837652" s="10"/>
    </row>
    <row r="837653" spans="14:14">
      <c r="N837653" s="10"/>
    </row>
    <row r="837654" spans="14:14">
      <c r="N837654" s="10"/>
    </row>
    <row r="837655" spans="14:14">
      <c r="N837655" s="10"/>
    </row>
    <row r="837656" spans="14:14">
      <c r="N837656" s="10"/>
    </row>
    <row r="837657" spans="14:14">
      <c r="N837657" s="10"/>
    </row>
    <row r="837658" spans="14:14">
      <c r="N837658" s="10"/>
    </row>
    <row r="837659" spans="14:14">
      <c r="N837659" s="10"/>
    </row>
    <row r="837660" spans="14:14">
      <c r="N837660" s="10"/>
    </row>
    <row r="837661" spans="14:14">
      <c r="N837661" s="10"/>
    </row>
    <row r="837662" spans="14:14">
      <c r="N837662" s="10"/>
    </row>
    <row r="837663" spans="14:14">
      <c r="N837663" s="10"/>
    </row>
    <row r="837664" spans="14:14">
      <c r="N837664" s="10"/>
    </row>
    <row r="837665" spans="14:14">
      <c r="N837665" s="10"/>
    </row>
    <row r="837666" spans="14:14">
      <c r="N837666" s="10"/>
    </row>
    <row r="837667" spans="14:14">
      <c r="N837667" s="10"/>
    </row>
    <row r="837668" spans="14:14">
      <c r="N837668" s="10"/>
    </row>
    <row r="837669" spans="14:14">
      <c r="N837669" s="10"/>
    </row>
    <row r="837670" spans="14:14">
      <c r="N837670" s="10"/>
    </row>
    <row r="837671" spans="14:14">
      <c r="N837671" s="10"/>
    </row>
    <row r="837672" spans="14:14">
      <c r="N837672" s="10"/>
    </row>
    <row r="837673" spans="14:14">
      <c r="N837673" s="10"/>
    </row>
    <row r="837674" spans="14:14">
      <c r="N837674" s="10"/>
    </row>
    <row r="837675" spans="14:14">
      <c r="N837675" s="10"/>
    </row>
    <row r="837676" spans="14:14">
      <c r="N837676" s="10"/>
    </row>
    <row r="837677" spans="14:14">
      <c r="N837677" s="10"/>
    </row>
    <row r="837678" spans="14:14">
      <c r="N837678" s="10"/>
    </row>
    <row r="837679" spans="14:14">
      <c r="N837679" s="10"/>
    </row>
    <row r="837680" spans="14:14">
      <c r="N837680" s="10"/>
    </row>
    <row r="837681" spans="14:14">
      <c r="N837681" s="10"/>
    </row>
    <row r="837682" spans="14:14">
      <c r="N837682" s="10"/>
    </row>
    <row r="837683" spans="14:14">
      <c r="N837683" s="10"/>
    </row>
    <row r="837684" spans="14:14">
      <c r="N837684" s="10"/>
    </row>
    <row r="837685" spans="14:14">
      <c r="N837685" s="10"/>
    </row>
    <row r="837686" spans="14:14">
      <c r="N837686" s="10"/>
    </row>
    <row r="837687" spans="14:14">
      <c r="N837687" s="10"/>
    </row>
    <row r="837688" spans="14:14">
      <c r="N837688" s="10"/>
    </row>
    <row r="837689" spans="14:14">
      <c r="N837689" s="10"/>
    </row>
    <row r="837690" spans="14:14">
      <c r="N837690" s="10"/>
    </row>
    <row r="837691" spans="14:14">
      <c r="N837691" s="10"/>
    </row>
    <row r="837692" spans="14:14">
      <c r="N837692" s="10"/>
    </row>
    <row r="837693" spans="14:14">
      <c r="N837693" s="10"/>
    </row>
    <row r="837694" spans="14:14">
      <c r="N837694" s="10"/>
    </row>
    <row r="837695" spans="14:14">
      <c r="N837695" s="10"/>
    </row>
    <row r="837696" spans="14:14">
      <c r="N837696" s="10"/>
    </row>
    <row r="837697" spans="14:14">
      <c r="N837697" s="10"/>
    </row>
    <row r="837698" spans="14:14">
      <c r="N837698" s="10"/>
    </row>
    <row r="837699" spans="14:14">
      <c r="N837699" s="10"/>
    </row>
    <row r="837700" spans="14:14">
      <c r="N837700" s="10"/>
    </row>
    <row r="837701" spans="14:14">
      <c r="N837701" s="10"/>
    </row>
    <row r="837702" spans="14:14">
      <c r="N837702" s="10"/>
    </row>
    <row r="837703" spans="14:14">
      <c r="N837703" s="10"/>
    </row>
    <row r="837704" spans="14:14">
      <c r="N837704" s="10"/>
    </row>
    <row r="837705" spans="14:14">
      <c r="N837705" s="10"/>
    </row>
    <row r="837706" spans="14:14">
      <c r="N837706" s="10"/>
    </row>
    <row r="837707" spans="14:14">
      <c r="N837707" s="10"/>
    </row>
    <row r="837708" spans="14:14">
      <c r="N837708" s="10"/>
    </row>
    <row r="837709" spans="14:14">
      <c r="N837709" s="10"/>
    </row>
    <row r="837710" spans="14:14">
      <c r="N837710" s="10"/>
    </row>
    <row r="837711" spans="14:14">
      <c r="N837711" s="10"/>
    </row>
    <row r="837712" spans="14:14">
      <c r="N837712" s="10"/>
    </row>
    <row r="837713" spans="14:14">
      <c r="N837713" s="10"/>
    </row>
    <row r="837714" spans="14:14">
      <c r="N837714" s="10"/>
    </row>
    <row r="837715" spans="14:14">
      <c r="N837715" s="10"/>
    </row>
    <row r="837716" spans="14:14">
      <c r="N837716" s="10"/>
    </row>
    <row r="837717" spans="14:14">
      <c r="N837717" s="10"/>
    </row>
    <row r="837718" spans="14:14">
      <c r="N837718" s="10"/>
    </row>
    <row r="837719" spans="14:14">
      <c r="N837719" s="10"/>
    </row>
    <row r="837720" spans="14:14">
      <c r="N837720" s="10"/>
    </row>
    <row r="837721" spans="14:14">
      <c r="N837721" s="10"/>
    </row>
    <row r="837722" spans="14:14">
      <c r="N837722" s="10"/>
    </row>
    <row r="837723" spans="14:14">
      <c r="N837723" s="10"/>
    </row>
    <row r="837724" spans="14:14">
      <c r="N837724" s="10"/>
    </row>
    <row r="837725" spans="14:14">
      <c r="N837725" s="10"/>
    </row>
    <row r="837726" spans="14:14">
      <c r="N837726" s="10"/>
    </row>
    <row r="837727" spans="14:14">
      <c r="N837727" s="10"/>
    </row>
    <row r="837728" spans="14:14">
      <c r="N837728" s="10"/>
    </row>
    <row r="837729" spans="14:14">
      <c r="N837729" s="10"/>
    </row>
    <row r="837730" spans="14:14">
      <c r="N837730" s="10"/>
    </row>
    <row r="837731" spans="14:14">
      <c r="N837731" s="10"/>
    </row>
    <row r="837732" spans="14:14">
      <c r="N837732" s="10"/>
    </row>
    <row r="837733" spans="14:14">
      <c r="N837733" s="10"/>
    </row>
    <row r="837734" spans="14:14">
      <c r="N837734" s="10"/>
    </row>
    <row r="837735" spans="14:14">
      <c r="N837735" s="10"/>
    </row>
    <row r="837736" spans="14:14">
      <c r="N837736" s="10"/>
    </row>
    <row r="837737" spans="14:14">
      <c r="N837737" s="10"/>
    </row>
    <row r="837738" spans="14:14">
      <c r="N837738" s="10"/>
    </row>
    <row r="837739" spans="14:14">
      <c r="N837739" s="10"/>
    </row>
    <row r="837740" spans="14:14">
      <c r="N837740" s="10"/>
    </row>
    <row r="837741" spans="14:14">
      <c r="N837741" s="10"/>
    </row>
    <row r="837742" spans="14:14">
      <c r="N837742" s="10"/>
    </row>
    <row r="837743" spans="14:14">
      <c r="N837743" s="10"/>
    </row>
    <row r="837744" spans="14:14">
      <c r="N837744" s="10"/>
    </row>
    <row r="837745" spans="14:14">
      <c r="N837745" s="10"/>
    </row>
    <row r="837746" spans="14:14">
      <c r="N837746" s="10"/>
    </row>
    <row r="837747" spans="14:14">
      <c r="N837747" s="10"/>
    </row>
    <row r="837748" spans="14:14">
      <c r="N837748" s="10"/>
    </row>
    <row r="837749" spans="14:14">
      <c r="N837749" s="10"/>
    </row>
    <row r="837750" spans="14:14">
      <c r="N837750" s="10"/>
    </row>
    <row r="837751" spans="14:14">
      <c r="N837751" s="10"/>
    </row>
    <row r="837752" spans="14:14">
      <c r="N837752" s="10"/>
    </row>
    <row r="837753" spans="14:14">
      <c r="N837753" s="10"/>
    </row>
    <row r="837754" spans="14:14">
      <c r="N837754" s="10"/>
    </row>
    <row r="837755" spans="14:14">
      <c r="N837755" s="10"/>
    </row>
    <row r="837756" spans="14:14">
      <c r="N837756" s="10"/>
    </row>
    <row r="837757" spans="14:14">
      <c r="N837757" s="10"/>
    </row>
    <row r="837758" spans="14:14">
      <c r="N837758" s="10"/>
    </row>
    <row r="837759" spans="14:14">
      <c r="N837759" s="10"/>
    </row>
    <row r="837760" spans="14:14">
      <c r="N837760" s="10"/>
    </row>
    <row r="837761" spans="14:14">
      <c r="N837761" s="10"/>
    </row>
    <row r="837762" spans="14:14">
      <c r="N837762" s="10"/>
    </row>
    <row r="837763" spans="14:14">
      <c r="N837763" s="10"/>
    </row>
    <row r="837764" spans="14:14">
      <c r="N837764" s="10"/>
    </row>
    <row r="837765" spans="14:14">
      <c r="N837765" s="10"/>
    </row>
    <row r="837766" spans="14:14">
      <c r="N837766" s="10"/>
    </row>
    <row r="837767" spans="14:14">
      <c r="N837767" s="10"/>
    </row>
    <row r="837768" spans="14:14">
      <c r="N837768" s="10"/>
    </row>
    <row r="837769" spans="14:14">
      <c r="N837769" s="10"/>
    </row>
    <row r="837770" spans="14:14">
      <c r="N837770" s="10"/>
    </row>
    <row r="837771" spans="14:14">
      <c r="N837771" s="10"/>
    </row>
    <row r="837772" spans="14:14">
      <c r="N837772" s="10"/>
    </row>
    <row r="837773" spans="14:14">
      <c r="N837773" s="10"/>
    </row>
    <row r="837774" spans="14:14">
      <c r="N837774" s="10"/>
    </row>
    <row r="837775" spans="14:14">
      <c r="N837775" s="10"/>
    </row>
    <row r="837776" spans="14:14">
      <c r="N837776" s="10"/>
    </row>
    <row r="837777" spans="14:14">
      <c r="N837777" s="10"/>
    </row>
    <row r="837778" spans="14:14">
      <c r="N837778" s="10"/>
    </row>
    <row r="837779" spans="14:14">
      <c r="N837779" s="10"/>
    </row>
    <row r="837780" spans="14:14">
      <c r="N837780" s="10"/>
    </row>
    <row r="837781" spans="14:14">
      <c r="N837781" s="10"/>
    </row>
    <row r="837782" spans="14:14">
      <c r="N837782" s="10"/>
    </row>
    <row r="837783" spans="14:14">
      <c r="N837783" s="10"/>
    </row>
    <row r="837784" spans="14:14">
      <c r="N837784" s="10"/>
    </row>
    <row r="837785" spans="14:14">
      <c r="N837785" s="10"/>
    </row>
    <row r="837786" spans="14:14">
      <c r="N837786" s="10"/>
    </row>
    <row r="837787" spans="14:14">
      <c r="N837787" s="10"/>
    </row>
    <row r="837788" spans="14:14">
      <c r="N837788" s="10"/>
    </row>
    <row r="837789" spans="14:14">
      <c r="N837789" s="10"/>
    </row>
    <row r="837790" spans="14:14">
      <c r="N837790" s="10"/>
    </row>
    <row r="837791" spans="14:14">
      <c r="N837791" s="10"/>
    </row>
    <row r="837792" spans="14:14">
      <c r="N837792" s="10"/>
    </row>
    <row r="837793" spans="14:14">
      <c r="N837793" s="10"/>
    </row>
    <row r="837794" spans="14:14">
      <c r="N837794" s="10"/>
    </row>
    <row r="837795" spans="14:14">
      <c r="N837795" s="10"/>
    </row>
    <row r="837796" spans="14:14">
      <c r="N837796" s="10"/>
    </row>
    <row r="837797" spans="14:14">
      <c r="N837797" s="10"/>
    </row>
    <row r="837798" spans="14:14">
      <c r="N837798" s="10"/>
    </row>
    <row r="837799" spans="14:14">
      <c r="N837799" s="10"/>
    </row>
    <row r="837800" spans="14:14">
      <c r="N837800" s="10"/>
    </row>
    <row r="837801" spans="14:14">
      <c r="N837801" s="10"/>
    </row>
    <row r="837802" spans="14:14">
      <c r="N837802" s="10"/>
    </row>
    <row r="837803" spans="14:14">
      <c r="N837803" s="10"/>
    </row>
    <row r="837804" spans="14:14">
      <c r="N837804" s="10"/>
    </row>
    <row r="837805" spans="14:14">
      <c r="N837805" s="10"/>
    </row>
    <row r="837806" spans="14:14">
      <c r="N837806" s="10"/>
    </row>
    <row r="837807" spans="14:14">
      <c r="N837807" s="10"/>
    </row>
    <row r="837808" spans="14:14">
      <c r="N837808" s="10"/>
    </row>
    <row r="837809" spans="14:14">
      <c r="N837809" s="10"/>
    </row>
    <row r="837810" spans="14:14">
      <c r="N837810" s="10"/>
    </row>
    <row r="837811" spans="14:14">
      <c r="N837811" s="10"/>
    </row>
    <row r="837812" spans="14:14">
      <c r="N837812" s="10"/>
    </row>
    <row r="837813" spans="14:14">
      <c r="N837813" s="10"/>
    </row>
    <row r="837814" spans="14:14">
      <c r="N837814" s="10"/>
    </row>
    <row r="837815" spans="14:14">
      <c r="N837815" s="10"/>
    </row>
    <row r="837816" spans="14:14">
      <c r="N837816" s="10"/>
    </row>
    <row r="837817" spans="14:14">
      <c r="N837817" s="10"/>
    </row>
    <row r="837818" spans="14:14">
      <c r="N837818" s="10"/>
    </row>
    <row r="837819" spans="14:14">
      <c r="N837819" s="10"/>
    </row>
    <row r="837820" spans="14:14">
      <c r="N837820" s="10"/>
    </row>
    <row r="837821" spans="14:14">
      <c r="N837821" s="10"/>
    </row>
    <row r="837822" spans="14:14">
      <c r="N837822" s="10"/>
    </row>
    <row r="837823" spans="14:14">
      <c r="N837823" s="10"/>
    </row>
    <row r="837824" spans="14:14">
      <c r="N837824" s="10"/>
    </row>
    <row r="837825" spans="14:14">
      <c r="N837825" s="10"/>
    </row>
    <row r="837826" spans="14:14">
      <c r="N837826" s="10"/>
    </row>
    <row r="837827" spans="14:14">
      <c r="N837827" s="10"/>
    </row>
    <row r="837828" spans="14:14">
      <c r="N837828" s="10"/>
    </row>
    <row r="837829" spans="14:14">
      <c r="N837829" s="10"/>
    </row>
    <row r="837830" spans="14:14">
      <c r="N837830" s="10"/>
    </row>
    <row r="837831" spans="14:14">
      <c r="N837831" s="10"/>
    </row>
    <row r="837832" spans="14:14">
      <c r="N837832" s="10"/>
    </row>
    <row r="837833" spans="14:14">
      <c r="N837833" s="10"/>
    </row>
    <row r="837834" spans="14:14">
      <c r="N837834" s="10"/>
    </row>
    <row r="837835" spans="14:14">
      <c r="N837835" s="10"/>
    </row>
    <row r="837836" spans="14:14">
      <c r="N837836" s="10"/>
    </row>
    <row r="837837" spans="14:14">
      <c r="N837837" s="10"/>
    </row>
    <row r="837838" spans="14:14">
      <c r="N837838" s="10"/>
    </row>
    <row r="837839" spans="14:14">
      <c r="N837839" s="10"/>
    </row>
    <row r="837840" spans="14:14">
      <c r="N837840" s="10"/>
    </row>
    <row r="837841" spans="14:14">
      <c r="N837841" s="10"/>
    </row>
    <row r="837842" spans="14:14">
      <c r="N837842" s="10"/>
    </row>
    <row r="837843" spans="14:14">
      <c r="N837843" s="10"/>
    </row>
    <row r="837844" spans="14:14">
      <c r="N837844" s="10"/>
    </row>
    <row r="837845" spans="14:14">
      <c r="N837845" s="10"/>
    </row>
    <row r="837846" spans="14:14">
      <c r="N837846" s="10"/>
    </row>
    <row r="837847" spans="14:14">
      <c r="N837847" s="10"/>
    </row>
    <row r="837848" spans="14:14">
      <c r="N837848" s="10"/>
    </row>
    <row r="837849" spans="14:14">
      <c r="N837849" s="10"/>
    </row>
    <row r="837850" spans="14:14">
      <c r="N837850" s="10"/>
    </row>
    <row r="837851" spans="14:14">
      <c r="N837851" s="10"/>
    </row>
    <row r="837852" spans="14:14">
      <c r="N837852" s="10"/>
    </row>
    <row r="837853" spans="14:14">
      <c r="N837853" s="10"/>
    </row>
    <row r="837854" spans="14:14">
      <c r="N837854" s="10"/>
    </row>
    <row r="837855" spans="14:14">
      <c r="N837855" s="10"/>
    </row>
    <row r="837856" spans="14:14">
      <c r="N837856" s="10"/>
    </row>
    <row r="837857" spans="14:14">
      <c r="N837857" s="10"/>
    </row>
    <row r="837858" spans="14:14">
      <c r="N837858" s="10"/>
    </row>
    <row r="837859" spans="14:14">
      <c r="N837859" s="10"/>
    </row>
    <row r="837860" spans="14:14">
      <c r="N837860" s="10"/>
    </row>
    <row r="837861" spans="14:14">
      <c r="N837861" s="10"/>
    </row>
    <row r="837862" spans="14:14">
      <c r="N837862" s="10"/>
    </row>
    <row r="837863" spans="14:14">
      <c r="N837863" s="10"/>
    </row>
    <row r="837864" spans="14:14">
      <c r="N837864" s="10"/>
    </row>
    <row r="837865" spans="14:14">
      <c r="N837865" s="10"/>
    </row>
    <row r="837866" spans="14:14">
      <c r="N837866" s="10"/>
    </row>
    <row r="837867" spans="14:14">
      <c r="N837867" s="10"/>
    </row>
    <row r="837868" spans="14:14">
      <c r="N837868" s="10"/>
    </row>
    <row r="837869" spans="14:14">
      <c r="N837869" s="10"/>
    </row>
    <row r="837870" spans="14:14">
      <c r="N837870" s="10"/>
    </row>
    <row r="837871" spans="14:14">
      <c r="N837871" s="10"/>
    </row>
    <row r="837872" spans="14:14">
      <c r="N837872" s="10"/>
    </row>
    <row r="837873" spans="14:14">
      <c r="N837873" s="10"/>
    </row>
    <row r="837874" spans="14:14">
      <c r="N837874" s="10"/>
    </row>
    <row r="837875" spans="14:14">
      <c r="N837875" s="10"/>
    </row>
    <row r="837876" spans="14:14">
      <c r="N837876" s="10"/>
    </row>
    <row r="837877" spans="14:14">
      <c r="N837877" s="10"/>
    </row>
    <row r="837878" spans="14:14">
      <c r="N837878" s="10"/>
    </row>
    <row r="837879" spans="14:14">
      <c r="N837879" s="10"/>
    </row>
    <row r="837880" spans="14:14">
      <c r="N837880" s="10"/>
    </row>
    <row r="837881" spans="14:14">
      <c r="N837881" s="10"/>
    </row>
    <row r="837882" spans="14:14">
      <c r="N837882" s="10"/>
    </row>
    <row r="837883" spans="14:14">
      <c r="N837883" s="10"/>
    </row>
    <row r="837884" spans="14:14">
      <c r="N837884" s="10"/>
    </row>
    <row r="837885" spans="14:14">
      <c r="N837885" s="10"/>
    </row>
    <row r="837886" spans="14:14">
      <c r="N837886" s="10"/>
    </row>
    <row r="837887" spans="14:14">
      <c r="N837887" s="10"/>
    </row>
    <row r="837888" spans="14:14">
      <c r="N837888" s="10"/>
    </row>
    <row r="837889" spans="14:14">
      <c r="N837889" s="10"/>
    </row>
    <row r="837890" spans="14:14">
      <c r="N837890" s="10"/>
    </row>
    <row r="837891" spans="14:14">
      <c r="N837891" s="10"/>
    </row>
    <row r="837892" spans="14:14">
      <c r="N837892" s="10"/>
    </row>
    <row r="837893" spans="14:14">
      <c r="N837893" s="10"/>
    </row>
    <row r="837894" spans="14:14">
      <c r="N837894" s="10"/>
    </row>
    <row r="837895" spans="14:14">
      <c r="N837895" s="10"/>
    </row>
    <row r="837896" spans="14:14">
      <c r="N837896" s="10"/>
    </row>
    <row r="837897" spans="14:14">
      <c r="N837897" s="10"/>
    </row>
    <row r="837898" spans="14:14">
      <c r="N837898" s="10"/>
    </row>
    <row r="837899" spans="14:14">
      <c r="N837899" s="10"/>
    </row>
    <row r="837900" spans="14:14">
      <c r="N837900" s="10"/>
    </row>
    <row r="837901" spans="14:14">
      <c r="N837901" s="10"/>
    </row>
    <row r="837902" spans="14:14">
      <c r="N837902" s="10"/>
    </row>
    <row r="837903" spans="14:14">
      <c r="N837903" s="10"/>
    </row>
    <row r="837904" spans="14:14">
      <c r="N837904" s="10"/>
    </row>
    <row r="837905" spans="14:14">
      <c r="N837905" s="10"/>
    </row>
    <row r="837906" spans="14:14">
      <c r="N837906" s="10"/>
    </row>
    <row r="837907" spans="14:14">
      <c r="N837907" s="10"/>
    </row>
    <row r="837908" spans="14:14">
      <c r="N837908" s="10"/>
    </row>
    <row r="837909" spans="14:14">
      <c r="N837909" s="10"/>
    </row>
    <row r="837910" spans="14:14">
      <c r="N837910" s="10"/>
    </row>
    <row r="837911" spans="14:14">
      <c r="N837911" s="10"/>
    </row>
    <row r="837912" spans="14:14">
      <c r="N837912" s="10"/>
    </row>
    <row r="837913" spans="14:14">
      <c r="N837913" s="10"/>
    </row>
    <row r="837914" spans="14:14">
      <c r="N837914" s="10"/>
    </row>
    <row r="837915" spans="14:14">
      <c r="N837915" s="10"/>
    </row>
    <row r="837916" spans="14:14">
      <c r="N837916" s="10"/>
    </row>
    <row r="837917" spans="14:14">
      <c r="N837917" s="10"/>
    </row>
    <row r="837918" spans="14:14">
      <c r="N837918" s="10"/>
    </row>
    <row r="837919" spans="14:14">
      <c r="N837919" s="10"/>
    </row>
    <row r="837920" spans="14:14">
      <c r="N837920" s="10"/>
    </row>
    <row r="837921" spans="14:14">
      <c r="N837921" s="10"/>
    </row>
    <row r="837922" spans="14:14">
      <c r="N837922" s="10"/>
    </row>
    <row r="837923" spans="14:14">
      <c r="N837923" s="10"/>
    </row>
    <row r="837924" spans="14:14">
      <c r="N837924" s="10"/>
    </row>
    <row r="837925" spans="14:14">
      <c r="N837925" s="10"/>
    </row>
    <row r="837926" spans="14:14">
      <c r="N837926" s="10"/>
    </row>
    <row r="837927" spans="14:14">
      <c r="N837927" s="10"/>
    </row>
    <row r="837928" spans="14:14">
      <c r="N837928" s="10"/>
    </row>
    <row r="837929" spans="14:14">
      <c r="N837929" s="10"/>
    </row>
    <row r="837930" spans="14:14">
      <c r="N837930" s="10"/>
    </row>
    <row r="837931" spans="14:14">
      <c r="N837931" s="10"/>
    </row>
    <row r="837932" spans="14:14">
      <c r="N837932" s="10"/>
    </row>
    <row r="837933" spans="14:14">
      <c r="N837933" s="10"/>
    </row>
    <row r="837934" spans="14:14">
      <c r="N837934" s="10"/>
    </row>
    <row r="837935" spans="14:14">
      <c r="N837935" s="10"/>
    </row>
    <row r="837936" spans="14:14">
      <c r="N837936" s="10"/>
    </row>
    <row r="837937" spans="14:14">
      <c r="N837937" s="10"/>
    </row>
    <row r="837938" spans="14:14">
      <c r="N837938" s="10"/>
    </row>
    <row r="837939" spans="14:14">
      <c r="N837939" s="10"/>
    </row>
    <row r="837940" spans="14:14">
      <c r="N837940" s="10"/>
    </row>
    <row r="837941" spans="14:14">
      <c r="N837941" s="10"/>
    </row>
    <row r="837942" spans="14:14">
      <c r="N837942" s="10"/>
    </row>
    <row r="837943" spans="14:14">
      <c r="N837943" s="10"/>
    </row>
    <row r="837944" spans="14:14">
      <c r="N837944" s="10"/>
    </row>
    <row r="837945" spans="14:14">
      <c r="N837945" s="10"/>
    </row>
    <row r="837946" spans="14:14">
      <c r="N837946" s="10"/>
    </row>
    <row r="837947" spans="14:14">
      <c r="N837947" s="10"/>
    </row>
    <row r="837948" spans="14:14">
      <c r="N837948" s="10"/>
    </row>
    <row r="837949" spans="14:14">
      <c r="N837949" s="10"/>
    </row>
    <row r="837950" spans="14:14">
      <c r="N837950" s="10"/>
    </row>
    <row r="837951" spans="14:14">
      <c r="N837951" s="10"/>
    </row>
    <row r="837952" spans="14:14">
      <c r="N837952" s="10"/>
    </row>
    <row r="837953" spans="14:14">
      <c r="N837953" s="10"/>
    </row>
    <row r="837954" spans="14:14">
      <c r="N837954" s="10"/>
    </row>
    <row r="837955" spans="14:14">
      <c r="N837955" s="10"/>
    </row>
    <row r="837956" spans="14:14">
      <c r="N837956" s="10"/>
    </row>
    <row r="837957" spans="14:14">
      <c r="N837957" s="10"/>
    </row>
    <row r="837958" spans="14:14">
      <c r="N837958" s="10"/>
    </row>
    <row r="837959" spans="14:14">
      <c r="N837959" s="10"/>
    </row>
    <row r="837960" spans="14:14">
      <c r="N837960" s="10"/>
    </row>
    <row r="837961" spans="14:14">
      <c r="N837961" s="10"/>
    </row>
    <row r="837962" spans="14:14">
      <c r="N837962" s="10"/>
    </row>
    <row r="837963" spans="14:14">
      <c r="N837963" s="10"/>
    </row>
    <row r="837964" spans="14:14">
      <c r="N837964" s="10"/>
    </row>
    <row r="837965" spans="14:14">
      <c r="N837965" s="10"/>
    </row>
    <row r="837966" spans="14:14">
      <c r="N837966" s="10"/>
    </row>
    <row r="837967" spans="14:14">
      <c r="N837967" s="10"/>
    </row>
    <row r="837968" spans="14:14">
      <c r="N837968" s="10"/>
    </row>
    <row r="837969" spans="14:14">
      <c r="N837969" s="10"/>
    </row>
    <row r="837970" spans="14:14">
      <c r="N837970" s="10"/>
    </row>
    <row r="837971" spans="14:14">
      <c r="N837971" s="10"/>
    </row>
    <row r="837972" spans="14:14">
      <c r="N837972" s="10"/>
    </row>
    <row r="837973" spans="14:14">
      <c r="N837973" s="10"/>
    </row>
    <row r="837974" spans="14:14">
      <c r="N837974" s="10"/>
    </row>
    <row r="837975" spans="14:14">
      <c r="N837975" s="10"/>
    </row>
    <row r="837976" spans="14:14">
      <c r="N837976" s="10"/>
    </row>
    <row r="837977" spans="14:14">
      <c r="N837977" s="10"/>
    </row>
    <row r="837978" spans="14:14">
      <c r="N837978" s="10"/>
    </row>
    <row r="837979" spans="14:14">
      <c r="N837979" s="10"/>
    </row>
    <row r="837980" spans="14:14">
      <c r="N837980" s="10"/>
    </row>
    <row r="837981" spans="14:14">
      <c r="N837981" s="10"/>
    </row>
    <row r="837982" spans="14:14">
      <c r="N837982" s="10"/>
    </row>
    <row r="837983" spans="14:14">
      <c r="N837983" s="10"/>
    </row>
    <row r="837984" spans="14:14">
      <c r="N837984" s="10"/>
    </row>
    <row r="837985" spans="14:14">
      <c r="N837985" s="10"/>
    </row>
    <row r="837986" spans="14:14">
      <c r="N837986" s="10"/>
    </row>
    <row r="837987" spans="14:14">
      <c r="N837987" s="10"/>
    </row>
    <row r="837988" spans="14:14">
      <c r="N837988" s="10"/>
    </row>
    <row r="837989" spans="14:14">
      <c r="N837989" s="10"/>
    </row>
    <row r="837990" spans="14:14">
      <c r="N837990" s="10"/>
    </row>
    <row r="837991" spans="14:14">
      <c r="N837991" s="10"/>
    </row>
    <row r="837992" spans="14:14">
      <c r="N837992" s="10"/>
    </row>
    <row r="837993" spans="14:14">
      <c r="N837993" s="10"/>
    </row>
    <row r="837994" spans="14:14">
      <c r="N837994" s="10"/>
    </row>
    <row r="837995" spans="14:14">
      <c r="N837995" s="10"/>
    </row>
    <row r="837996" spans="14:14">
      <c r="N837996" s="10"/>
    </row>
    <row r="837997" spans="14:14">
      <c r="N837997" s="10"/>
    </row>
    <row r="837998" spans="14:14">
      <c r="N837998" s="10"/>
    </row>
    <row r="837999" spans="14:14">
      <c r="N837999" s="10"/>
    </row>
    <row r="838000" spans="14:14">
      <c r="N838000" s="10"/>
    </row>
    <row r="838001" spans="14:14">
      <c r="N838001" s="10"/>
    </row>
    <row r="838002" spans="14:14">
      <c r="N838002" s="10"/>
    </row>
    <row r="838003" spans="14:14">
      <c r="N838003" s="10"/>
    </row>
    <row r="838004" spans="14:14">
      <c r="N838004" s="10"/>
    </row>
    <row r="838005" spans="14:14">
      <c r="N838005" s="10"/>
    </row>
    <row r="838006" spans="14:14">
      <c r="N838006" s="10"/>
    </row>
    <row r="838007" spans="14:14">
      <c r="N838007" s="10"/>
    </row>
    <row r="838008" spans="14:14">
      <c r="N838008" s="10"/>
    </row>
    <row r="838009" spans="14:14">
      <c r="N838009" s="10"/>
    </row>
    <row r="838010" spans="14:14">
      <c r="N838010" s="10"/>
    </row>
    <row r="838011" spans="14:14">
      <c r="N838011" s="10"/>
    </row>
    <row r="838012" spans="14:14">
      <c r="N838012" s="10"/>
    </row>
    <row r="838013" spans="14:14">
      <c r="N838013" s="10"/>
    </row>
    <row r="838014" spans="14:14">
      <c r="N838014" s="10"/>
    </row>
    <row r="838015" spans="14:14">
      <c r="N838015" s="10"/>
    </row>
    <row r="838016" spans="14:14">
      <c r="N838016" s="10"/>
    </row>
    <row r="838017" spans="14:14">
      <c r="N838017" s="10"/>
    </row>
    <row r="838018" spans="14:14">
      <c r="N838018" s="10"/>
    </row>
    <row r="838019" spans="14:14">
      <c r="N838019" s="10"/>
    </row>
    <row r="838020" spans="14:14">
      <c r="N838020" s="10"/>
    </row>
    <row r="838021" spans="14:14">
      <c r="N838021" s="10"/>
    </row>
    <row r="838022" spans="14:14">
      <c r="N838022" s="10"/>
    </row>
    <row r="838023" spans="14:14">
      <c r="N838023" s="10"/>
    </row>
    <row r="838024" spans="14:14">
      <c r="N838024" s="10"/>
    </row>
    <row r="838025" spans="14:14">
      <c r="N838025" s="10"/>
    </row>
    <row r="838026" spans="14:14">
      <c r="N838026" s="10"/>
    </row>
    <row r="838027" spans="14:14">
      <c r="N838027" s="10"/>
    </row>
    <row r="838028" spans="14:14">
      <c r="N838028" s="10"/>
    </row>
    <row r="838029" spans="14:14">
      <c r="N838029" s="10"/>
    </row>
    <row r="838030" spans="14:14">
      <c r="N838030" s="10"/>
    </row>
    <row r="838031" spans="14:14">
      <c r="N838031" s="10"/>
    </row>
    <row r="838032" spans="14:14">
      <c r="N838032" s="10"/>
    </row>
    <row r="838033" spans="14:14">
      <c r="N838033" s="10"/>
    </row>
    <row r="838034" spans="14:14">
      <c r="N838034" s="10"/>
    </row>
    <row r="838035" spans="14:14">
      <c r="N838035" s="10"/>
    </row>
    <row r="838036" spans="14:14">
      <c r="N838036" s="10"/>
    </row>
    <row r="838037" spans="14:14">
      <c r="N838037" s="10"/>
    </row>
    <row r="838038" spans="14:14">
      <c r="N838038" s="10"/>
    </row>
    <row r="838039" spans="14:14">
      <c r="N838039" s="10"/>
    </row>
    <row r="838040" spans="14:14">
      <c r="N838040" s="10"/>
    </row>
    <row r="838041" spans="14:14">
      <c r="N838041" s="10"/>
    </row>
    <row r="838042" spans="14:14">
      <c r="N838042" s="10"/>
    </row>
    <row r="838043" spans="14:14">
      <c r="N838043" s="10"/>
    </row>
    <row r="838044" spans="14:14">
      <c r="N838044" s="10"/>
    </row>
    <row r="838045" spans="14:14">
      <c r="N838045" s="10"/>
    </row>
    <row r="838046" spans="14:14">
      <c r="N838046" s="10"/>
    </row>
    <row r="838047" spans="14:14">
      <c r="N838047" s="10"/>
    </row>
    <row r="838048" spans="14:14">
      <c r="N838048" s="10"/>
    </row>
    <row r="838049" spans="14:14">
      <c r="N838049" s="10"/>
    </row>
    <row r="838050" spans="14:14">
      <c r="N838050" s="10"/>
    </row>
    <row r="838051" spans="14:14">
      <c r="N838051" s="10"/>
    </row>
    <row r="838052" spans="14:14">
      <c r="N838052" s="10"/>
    </row>
    <row r="838053" spans="14:14">
      <c r="N838053" s="10"/>
    </row>
    <row r="838054" spans="14:14">
      <c r="N838054" s="10"/>
    </row>
    <row r="838055" spans="14:14">
      <c r="N838055" s="10"/>
    </row>
    <row r="838056" spans="14:14">
      <c r="N838056" s="10"/>
    </row>
    <row r="838057" spans="14:14">
      <c r="N838057" s="10"/>
    </row>
    <row r="838058" spans="14:14">
      <c r="N838058" s="10"/>
    </row>
    <row r="838059" spans="14:14">
      <c r="N838059" s="10"/>
    </row>
    <row r="838060" spans="14:14">
      <c r="N838060" s="10"/>
    </row>
    <row r="838061" spans="14:14">
      <c r="N838061" s="10"/>
    </row>
    <row r="838062" spans="14:14">
      <c r="N838062" s="10"/>
    </row>
    <row r="838063" spans="14:14">
      <c r="N838063" s="10"/>
    </row>
    <row r="838064" spans="14:14">
      <c r="N838064" s="10"/>
    </row>
    <row r="838065" spans="14:14">
      <c r="N838065" s="10"/>
    </row>
    <row r="838066" spans="14:14">
      <c r="N838066" s="10"/>
    </row>
    <row r="838067" spans="14:14">
      <c r="N838067" s="10"/>
    </row>
    <row r="838068" spans="14:14">
      <c r="N838068" s="10"/>
    </row>
    <row r="838069" spans="14:14">
      <c r="N838069" s="10"/>
    </row>
    <row r="838070" spans="14:14">
      <c r="N838070" s="10"/>
    </row>
    <row r="838071" spans="14:14">
      <c r="N838071" s="10"/>
    </row>
    <row r="838072" spans="14:14">
      <c r="N838072" s="10"/>
    </row>
    <row r="838073" spans="14:14">
      <c r="N838073" s="10"/>
    </row>
    <row r="838074" spans="14:14">
      <c r="N838074" s="10"/>
    </row>
    <row r="838075" spans="14:14">
      <c r="N838075" s="10"/>
    </row>
    <row r="838076" spans="14:14">
      <c r="N838076" s="10"/>
    </row>
    <row r="838077" spans="14:14">
      <c r="N838077" s="10"/>
    </row>
    <row r="838078" spans="14:14">
      <c r="N838078" s="10"/>
    </row>
    <row r="838079" spans="14:14">
      <c r="N838079" s="10"/>
    </row>
    <row r="838080" spans="14:14">
      <c r="N838080" s="10"/>
    </row>
    <row r="838081" spans="14:14">
      <c r="N838081" s="10"/>
    </row>
    <row r="838082" spans="14:14">
      <c r="N838082" s="10"/>
    </row>
    <row r="838083" spans="14:14">
      <c r="N838083" s="10"/>
    </row>
    <row r="838084" spans="14:14">
      <c r="N838084" s="10"/>
    </row>
    <row r="838085" spans="14:14">
      <c r="N838085" s="10"/>
    </row>
    <row r="838086" spans="14:14">
      <c r="N838086" s="10"/>
    </row>
    <row r="838087" spans="14:14">
      <c r="N838087" s="10"/>
    </row>
    <row r="838088" spans="14:14">
      <c r="N838088" s="10"/>
    </row>
    <row r="838089" spans="14:14">
      <c r="N838089" s="10"/>
    </row>
    <row r="838090" spans="14:14">
      <c r="N838090" s="10"/>
    </row>
    <row r="838091" spans="14:14">
      <c r="N838091" s="10"/>
    </row>
    <row r="838092" spans="14:14">
      <c r="N838092" s="10"/>
    </row>
    <row r="838093" spans="14:14">
      <c r="N838093" s="10"/>
    </row>
    <row r="838094" spans="14:14">
      <c r="N838094" s="10"/>
    </row>
    <row r="838095" spans="14:14">
      <c r="N838095" s="10"/>
    </row>
    <row r="838096" spans="14:14">
      <c r="N838096" s="10"/>
    </row>
    <row r="838097" spans="14:14">
      <c r="N838097" s="10"/>
    </row>
    <row r="838098" spans="14:14">
      <c r="N838098" s="10"/>
    </row>
    <row r="838099" spans="14:14">
      <c r="N838099" s="10"/>
    </row>
    <row r="838100" spans="14:14">
      <c r="N838100" s="10"/>
    </row>
    <row r="838101" spans="14:14">
      <c r="N838101" s="10"/>
    </row>
    <row r="838102" spans="14:14">
      <c r="N838102" s="10"/>
    </row>
    <row r="838103" spans="14:14">
      <c r="N838103" s="10"/>
    </row>
    <row r="838104" spans="14:14">
      <c r="N838104" s="10"/>
    </row>
    <row r="838105" spans="14:14">
      <c r="N838105" s="10"/>
    </row>
    <row r="838106" spans="14:14">
      <c r="N838106" s="10"/>
    </row>
    <row r="838107" spans="14:14">
      <c r="N838107" s="10"/>
    </row>
    <row r="838108" spans="14:14">
      <c r="N838108" s="10"/>
    </row>
    <row r="838109" spans="14:14">
      <c r="N838109" s="10"/>
    </row>
    <row r="838110" spans="14:14">
      <c r="N838110" s="10"/>
    </row>
    <row r="838111" spans="14:14">
      <c r="N838111" s="10"/>
    </row>
    <row r="838112" spans="14:14">
      <c r="N838112" s="10"/>
    </row>
    <row r="838113" spans="14:14">
      <c r="N838113" s="10"/>
    </row>
    <row r="838114" spans="14:14">
      <c r="N838114" s="10"/>
    </row>
    <row r="838115" spans="14:14">
      <c r="N838115" s="10"/>
    </row>
    <row r="838116" spans="14:14">
      <c r="N838116" s="10"/>
    </row>
    <row r="838117" spans="14:14">
      <c r="N838117" s="10"/>
    </row>
    <row r="838118" spans="14:14">
      <c r="N838118" s="10"/>
    </row>
    <row r="838119" spans="14:14">
      <c r="N838119" s="10"/>
    </row>
    <row r="838120" spans="14:14">
      <c r="N838120" s="10"/>
    </row>
    <row r="838121" spans="14:14">
      <c r="N838121" s="10"/>
    </row>
    <row r="838122" spans="14:14">
      <c r="N838122" s="10"/>
    </row>
    <row r="838123" spans="14:14">
      <c r="N838123" s="10"/>
    </row>
    <row r="838124" spans="14:14">
      <c r="N838124" s="10"/>
    </row>
    <row r="838125" spans="14:14">
      <c r="N838125" s="10"/>
    </row>
    <row r="838126" spans="14:14">
      <c r="N838126" s="10"/>
    </row>
    <row r="838127" spans="14:14">
      <c r="N838127" s="10"/>
    </row>
    <row r="838128" spans="14:14">
      <c r="N838128" s="10"/>
    </row>
    <row r="838129" spans="14:14">
      <c r="N838129" s="10"/>
    </row>
    <row r="838130" spans="14:14">
      <c r="N838130" s="10"/>
    </row>
    <row r="838131" spans="14:14">
      <c r="N838131" s="10"/>
    </row>
    <row r="838132" spans="14:14">
      <c r="N838132" s="10"/>
    </row>
    <row r="838133" spans="14:14">
      <c r="N838133" s="10"/>
    </row>
    <row r="838134" spans="14:14">
      <c r="N838134" s="10"/>
    </row>
    <row r="838135" spans="14:14">
      <c r="N838135" s="10"/>
    </row>
    <row r="838136" spans="14:14">
      <c r="N838136" s="10"/>
    </row>
    <row r="838137" spans="14:14">
      <c r="N838137" s="10"/>
    </row>
    <row r="838138" spans="14:14">
      <c r="N838138" s="10"/>
    </row>
    <row r="838139" spans="14:14">
      <c r="N838139" s="10"/>
    </row>
    <row r="838140" spans="14:14">
      <c r="N838140" s="10"/>
    </row>
    <row r="838141" spans="14:14">
      <c r="N838141" s="10"/>
    </row>
    <row r="838142" spans="14:14">
      <c r="N838142" s="10"/>
    </row>
    <row r="838143" spans="14:14">
      <c r="N838143" s="10"/>
    </row>
    <row r="838144" spans="14:14">
      <c r="N838144" s="10"/>
    </row>
    <row r="838145" spans="14:14">
      <c r="N838145" s="10"/>
    </row>
    <row r="838146" spans="14:14">
      <c r="N838146" s="10"/>
    </row>
    <row r="838147" spans="14:14">
      <c r="N838147" s="10"/>
    </row>
    <row r="838148" spans="14:14">
      <c r="N838148" s="10"/>
    </row>
    <row r="838149" spans="14:14">
      <c r="N838149" s="10"/>
    </row>
    <row r="838150" spans="14:14">
      <c r="N838150" s="10"/>
    </row>
    <row r="838151" spans="14:14">
      <c r="N838151" s="10"/>
    </row>
    <row r="838152" spans="14:14">
      <c r="N838152" s="10"/>
    </row>
    <row r="838153" spans="14:14">
      <c r="N838153" s="10"/>
    </row>
    <row r="838154" spans="14:14">
      <c r="N838154" s="10"/>
    </row>
    <row r="838155" spans="14:14">
      <c r="N838155" s="10"/>
    </row>
    <row r="838156" spans="14:14">
      <c r="N838156" s="10"/>
    </row>
    <row r="838157" spans="14:14">
      <c r="N838157" s="10"/>
    </row>
    <row r="838158" spans="14:14">
      <c r="N838158" s="10"/>
    </row>
    <row r="838159" spans="14:14">
      <c r="N838159" s="10"/>
    </row>
    <row r="838160" spans="14:14">
      <c r="N838160" s="10"/>
    </row>
    <row r="838161" spans="14:14">
      <c r="N838161" s="10"/>
    </row>
    <row r="838162" spans="14:14">
      <c r="N838162" s="10"/>
    </row>
    <row r="838163" spans="14:14">
      <c r="N838163" s="10"/>
    </row>
    <row r="838164" spans="14:14">
      <c r="N838164" s="10"/>
    </row>
    <row r="838165" spans="14:14">
      <c r="N838165" s="10"/>
    </row>
    <row r="838166" spans="14:14">
      <c r="N838166" s="10"/>
    </row>
    <row r="838167" spans="14:14">
      <c r="N838167" s="10"/>
    </row>
    <row r="838168" spans="14:14">
      <c r="N838168" s="10"/>
    </row>
    <row r="838169" spans="14:14">
      <c r="N838169" s="10"/>
    </row>
    <row r="838170" spans="14:14">
      <c r="N838170" s="10"/>
    </row>
    <row r="838171" spans="14:14">
      <c r="N838171" s="10"/>
    </row>
    <row r="838172" spans="14:14">
      <c r="N838172" s="10"/>
    </row>
    <row r="838173" spans="14:14">
      <c r="N838173" s="10"/>
    </row>
    <row r="838174" spans="14:14">
      <c r="N838174" s="10"/>
    </row>
    <row r="838175" spans="14:14">
      <c r="N838175" s="10"/>
    </row>
    <row r="838176" spans="14:14">
      <c r="N838176" s="10"/>
    </row>
    <row r="838177" spans="14:14">
      <c r="N838177" s="10"/>
    </row>
    <row r="838178" spans="14:14">
      <c r="N838178" s="10"/>
    </row>
    <row r="838179" spans="14:14">
      <c r="N838179" s="10"/>
    </row>
    <row r="838180" spans="14:14">
      <c r="N838180" s="10"/>
    </row>
    <row r="838181" spans="14:14">
      <c r="N838181" s="10"/>
    </row>
    <row r="838182" spans="14:14">
      <c r="N838182" s="10"/>
    </row>
    <row r="838183" spans="14:14">
      <c r="N838183" s="10"/>
    </row>
    <row r="838184" spans="14:14">
      <c r="N838184" s="10"/>
    </row>
    <row r="838185" spans="14:14">
      <c r="N838185" s="10"/>
    </row>
    <row r="838186" spans="14:14">
      <c r="N838186" s="10"/>
    </row>
    <row r="838187" spans="14:14">
      <c r="N838187" s="10"/>
    </row>
    <row r="838188" spans="14:14">
      <c r="N838188" s="10"/>
    </row>
    <row r="838189" spans="14:14">
      <c r="N838189" s="10"/>
    </row>
    <row r="838190" spans="14:14">
      <c r="N838190" s="10"/>
    </row>
    <row r="838191" spans="14:14">
      <c r="N838191" s="10"/>
    </row>
    <row r="838192" spans="14:14">
      <c r="N838192" s="10"/>
    </row>
    <row r="838193" spans="14:14">
      <c r="N838193" s="10"/>
    </row>
    <row r="838194" spans="14:14">
      <c r="N838194" s="10"/>
    </row>
    <row r="838195" spans="14:14">
      <c r="N838195" s="10"/>
    </row>
    <row r="838196" spans="14:14">
      <c r="N838196" s="10"/>
    </row>
    <row r="838197" spans="14:14">
      <c r="N838197" s="10"/>
    </row>
    <row r="838198" spans="14:14">
      <c r="N838198" s="10"/>
    </row>
    <row r="838199" spans="14:14">
      <c r="N838199" s="10"/>
    </row>
    <row r="838200" spans="14:14">
      <c r="N838200" s="10"/>
    </row>
    <row r="838201" spans="14:14">
      <c r="N838201" s="10"/>
    </row>
    <row r="838202" spans="14:14">
      <c r="N838202" s="10"/>
    </row>
    <row r="838203" spans="14:14">
      <c r="N838203" s="10"/>
    </row>
    <row r="838204" spans="14:14">
      <c r="N838204" s="10"/>
    </row>
    <row r="838205" spans="14:14">
      <c r="N838205" s="10"/>
    </row>
    <row r="838206" spans="14:14">
      <c r="N838206" s="10"/>
    </row>
    <row r="838207" spans="14:14">
      <c r="N838207" s="10"/>
    </row>
    <row r="838208" spans="14:14">
      <c r="N838208" s="10"/>
    </row>
    <row r="838209" spans="14:14">
      <c r="N838209" s="10"/>
    </row>
    <row r="838210" spans="14:14">
      <c r="N838210" s="10"/>
    </row>
    <row r="838211" spans="14:14">
      <c r="N838211" s="10"/>
    </row>
    <row r="838212" spans="14:14">
      <c r="N838212" s="10"/>
    </row>
    <row r="838213" spans="14:14">
      <c r="N838213" s="10"/>
    </row>
    <row r="838214" spans="14:14">
      <c r="N838214" s="10"/>
    </row>
    <row r="838215" spans="14:14">
      <c r="N838215" s="10"/>
    </row>
    <row r="838216" spans="14:14">
      <c r="N838216" s="10"/>
    </row>
    <row r="838217" spans="14:14">
      <c r="N838217" s="10"/>
    </row>
    <row r="838218" spans="14:14">
      <c r="N838218" s="10"/>
    </row>
    <row r="838219" spans="14:14">
      <c r="N838219" s="10"/>
    </row>
    <row r="838220" spans="14:14">
      <c r="N838220" s="10"/>
    </row>
    <row r="838221" spans="14:14">
      <c r="N838221" s="10"/>
    </row>
    <row r="838222" spans="14:14">
      <c r="N838222" s="10"/>
    </row>
    <row r="838223" spans="14:14">
      <c r="N838223" s="10"/>
    </row>
    <row r="838224" spans="14:14">
      <c r="N838224" s="10"/>
    </row>
    <row r="838225" spans="14:14">
      <c r="N838225" s="10"/>
    </row>
    <row r="838226" spans="14:14">
      <c r="N838226" s="10"/>
    </row>
    <row r="838227" spans="14:14">
      <c r="N838227" s="10"/>
    </row>
    <row r="838228" spans="14:14">
      <c r="N838228" s="10"/>
    </row>
    <row r="838229" spans="14:14">
      <c r="N838229" s="10"/>
    </row>
    <row r="838230" spans="14:14">
      <c r="N838230" s="10"/>
    </row>
    <row r="838231" spans="14:14">
      <c r="N838231" s="10"/>
    </row>
    <row r="838232" spans="14:14">
      <c r="N838232" s="10"/>
    </row>
    <row r="838233" spans="14:14">
      <c r="N838233" s="10"/>
    </row>
    <row r="838234" spans="14:14">
      <c r="N838234" s="10"/>
    </row>
    <row r="838235" spans="14:14">
      <c r="N838235" s="10"/>
    </row>
    <row r="838236" spans="14:14">
      <c r="N838236" s="10"/>
    </row>
    <row r="838237" spans="14:14">
      <c r="N838237" s="10"/>
    </row>
    <row r="838238" spans="14:14">
      <c r="N838238" s="10"/>
    </row>
    <row r="838239" spans="14:14">
      <c r="N838239" s="10"/>
    </row>
    <row r="838240" spans="14:14">
      <c r="N838240" s="10"/>
    </row>
    <row r="838241" spans="14:14">
      <c r="N838241" s="10"/>
    </row>
    <row r="838242" spans="14:14">
      <c r="N838242" s="10"/>
    </row>
    <row r="838243" spans="14:14">
      <c r="N838243" s="10"/>
    </row>
    <row r="838244" spans="14:14">
      <c r="N838244" s="10"/>
    </row>
    <row r="838245" spans="14:14">
      <c r="N838245" s="10"/>
    </row>
    <row r="838246" spans="14:14">
      <c r="N838246" s="10"/>
    </row>
    <row r="838247" spans="14:14">
      <c r="N838247" s="10"/>
    </row>
    <row r="838248" spans="14:14">
      <c r="N838248" s="10"/>
    </row>
    <row r="838249" spans="14:14">
      <c r="N838249" s="10"/>
    </row>
    <row r="838250" spans="14:14">
      <c r="N838250" s="10"/>
    </row>
    <row r="838251" spans="14:14">
      <c r="N838251" s="10"/>
    </row>
    <row r="838252" spans="14:14">
      <c r="N838252" s="10"/>
    </row>
    <row r="838253" spans="14:14">
      <c r="N838253" s="10"/>
    </row>
    <row r="838254" spans="14:14">
      <c r="N838254" s="10"/>
    </row>
    <row r="838255" spans="14:14">
      <c r="N838255" s="10"/>
    </row>
    <row r="838256" spans="14:14">
      <c r="N838256" s="10"/>
    </row>
    <row r="838257" spans="14:14">
      <c r="N838257" s="10"/>
    </row>
    <row r="838258" spans="14:14">
      <c r="N838258" s="10"/>
    </row>
    <row r="838259" spans="14:14">
      <c r="N838259" s="10"/>
    </row>
    <row r="838260" spans="14:14">
      <c r="N838260" s="10"/>
    </row>
    <row r="838261" spans="14:14">
      <c r="N838261" s="10"/>
    </row>
    <row r="838262" spans="14:14">
      <c r="N838262" s="10"/>
    </row>
    <row r="838263" spans="14:14">
      <c r="N838263" s="10"/>
    </row>
    <row r="838264" spans="14:14">
      <c r="N838264" s="10"/>
    </row>
    <row r="838265" spans="14:14">
      <c r="N838265" s="10"/>
    </row>
    <row r="838266" spans="14:14">
      <c r="N838266" s="10"/>
    </row>
    <row r="838267" spans="14:14">
      <c r="N838267" s="10"/>
    </row>
    <row r="838268" spans="14:14">
      <c r="N838268" s="10"/>
    </row>
    <row r="838269" spans="14:14">
      <c r="N838269" s="10"/>
    </row>
    <row r="838270" spans="14:14">
      <c r="N838270" s="10"/>
    </row>
    <row r="838271" spans="14:14">
      <c r="N838271" s="10"/>
    </row>
    <row r="838272" spans="14:14">
      <c r="N838272" s="10"/>
    </row>
    <row r="838273" spans="14:14">
      <c r="N838273" s="10"/>
    </row>
    <row r="838274" spans="14:14">
      <c r="N838274" s="10"/>
    </row>
    <row r="838275" spans="14:14">
      <c r="N838275" s="10"/>
    </row>
    <row r="838276" spans="14:14">
      <c r="N838276" s="10"/>
    </row>
    <row r="838277" spans="14:14">
      <c r="N838277" s="10"/>
    </row>
    <row r="838278" spans="14:14">
      <c r="N838278" s="10"/>
    </row>
    <row r="838279" spans="14:14">
      <c r="N838279" s="10"/>
    </row>
    <row r="838280" spans="14:14">
      <c r="N838280" s="10"/>
    </row>
    <row r="838281" spans="14:14">
      <c r="N838281" s="10"/>
    </row>
    <row r="838282" spans="14:14">
      <c r="N838282" s="10"/>
    </row>
    <row r="838283" spans="14:14">
      <c r="N838283" s="10"/>
    </row>
    <row r="838284" spans="14:14">
      <c r="N838284" s="10"/>
    </row>
    <row r="838285" spans="14:14">
      <c r="N838285" s="10"/>
    </row>
    <row r="838286" spans="14:14">
      <c r="N838286" s="10"/>
    </row>
    <row r="838287" spans="14:14">
      <c r="N838287" s="10"/>
    </row>
    <row r="838288" spans="14:14">
      <c r="N838288" s="10"/>
    </row>
    <row r="838289" spans="14:14">
      <c r="N838289" s="10"/>
    </row>
    <row r="838290" spans="14:14">
      <c r="N838290" s="10"/>
    </row>
    <row r="838291" spans="14:14">
      <c r="N838291" s="10"/>
    </row>
    <row r="838292" spans="14:14">
      <c r="N838292" s="10"/>
    </row>
    <row r="838293" spans="14:14">
      <c r="N838293" s="10"/>
    </row>
    <row r="838294" spans="14:14">
      <c r="N838294" s="10"/>
    </row>
    <row r="838295" spans="14:14">
      <c r="N838295" s="10"/>
    </row>
    <row r="838296" spans="14:14">
      <c r="N838296" s="10"/>
    </row>
    <row r="838297" spans="14:14">
      <c r="N838297" s="10"/>
    </row>
    <row r="838298" spans="14:14">
      <c r="N838298" s="10"/>
    </row>
    <row r="838299" spans="14:14">
      <c r="N838299" s="10"/>
    </row>
    <row r="838300" spans="14:14">
      <c r="N838300" s="10"/>
    </row>
    <row r="838301" spans="14:14">
      <c r="N838301" s="10"/>
    </row>
    <row r="838302" spans="14:14">
      <c r="N838302" s="10"/>
    </row>
    <row r="838303" spans="14:14">
      <c r="N838303" s="10"/>
    </row>
    <row r="838304" spans="14:14">
      <c r="N838304" s="10"/>
    </row>
    <row r="838305" spans="14:14">
      <c r="N838305" s="10"/>
    </row>
    <row r="838306" spans="14:14">
      <c r="N838306" s="10"/>
    </row>
    <row r="838307" spans="14:14">
      <c r="N838307" s="10"/>
    </row>
    <row r="838308" spans="14:14">
      <c r="N838308" s="10"/>
    </row>
    <row r="838309" spans="14:14">
      <c r="N838309" s="10"/>
    </row>
    <row r="838310" spans="14:14">
      <c r="N838310" s="10"/>
    </row>
    <row r="838311" spans="14:14">
      <c r="N838311" s="10"/>
    </row>
    <row r="838312" spans="14:14">
      <c r="N838312" s="10"/>
    </row>
    <row r="838313" spans="14:14">
      <c r="N838313" s="10"/>
    </row>
    <row r="838314" spans="14:14">
      <c r="N838314" s="10"/>
    </row>
    <row r="838315" spans="14:14">
      <c r="N838315" s="10"/>
    </row>
    <row r="838316" spans="14:14">
      <c r="N838316" s="10"/>
    </row>
    <row r="838317" spans="14:14">
      <c r="N838317" s="10"/>
    </row>
    <row r="838318" spans="14:14">
      <c r="N838318" s="10"/>
    </row>
    <row r="838319" spans="14:14">
      <c r="N838319" s="10"/>
    </row>
    <row r="838320" spans="14:14">
      <c r="N838320" s="10"/>
    </row>
    <row r="838321" spans="14:14">
      <c r="N838321" s="10"/>
    </row>
    <row r="838322" spans="14:14">
      <c r="N838322" s="10"/>
    </row>
    <row r="838323" spans="14:14">
      <c r="N838323" s="10"/>
    </row>
    <row r="838324" spans="14:14">
      <c r="N838324" s="10"/>
    </row>
    <row r="838325" spans="14:14">
      <c r="N838325" s="10"/>
    </row>
    <row r="838326" spans="14:14">
      <c r="N838326" s="10"/>
    </row>
    <row r="838327" spans="14:14">
      <c r="N838327" s="10"/>
    </row>
    <row r="838328" spans="14:14">
      <c r="N838328" s="10"/>
    </row>
    <row r="838329" spans="14:14">
      <c r="N838329" s="10"/>
    </row>
    <row r="838330" spans="14:14">
      <c r="N838330" s="10"/>
    </row>
    <row r="838331" spans="14:14">
      <c r="N838331" s="10"/>
    </row>
    <row r="838332" spans="14:14">
      <c r="N838332" s="10"/>
    </row>
    <row r="838333" spans="14:14">
      <c r="N838333" s="10"/>
    </row>
    <row r="838334" spans="14:14">
      <c r="N838334" s="10"/>
    </row>
    <row r="838335" spans="14:14">
      <c r="N838335" s="10"/>
    </row>
    <row r="838336" spans="14:14">
      <c r="N838336" s="10"/>
    </row>
    <row r="838337" spans="14:14">
      <c r="N838337" s="10"/>
    </row>
    <row r="838338" spans="14:14">
      <c r="N838338" s="10"/>
    </row>
    <row r="838339" spans="14:14">
      <c r="N838339" s="10"/>
    </row>
    <row r="838340" spans="14:14">
      <c r="N838340" s="10"/>
    </row>
    <row r="838341" spans="14:14">
      <c r="N838341" s="10"/>
    </row>
    <row r="838342" spans="14:14">
      <c r="N838342" s="10"/>
    </row>
    <row r="838343" spans="14:14">
      <c r="N838343" s="10"/>
    </row>
    <row r="838344" spans="14:14">
      <c r="N838344" s="10"/>
    </row>
    <row r="838345" spans="14:14">
      <c r="N838345" s="10"/>
    </row>
    <row r="838346" spans="14:14">
      <c r="N838346" s="10"/>
    </row>
    <row r="838347" spans="14:14">
      <c r="N838347" s="10"/>
    </row>
    <row r="838348" spans="14:14">
      <c r="N838348" s="10"/>
    </row>
    <row r="838349" spans="14:14">
      <c r="N838349" s="10"/>
    </row>
    <row r="838350" spans="14:14">
      <c r="N838350" s="10"/>
    </row>
    <row r="838351" spans="14:14">
      <c r="N838351" s="10"/>
    </row>
    <row r="838352" spans="14:14">
      <c r="N838352" s="10"/>
    </row>
    <row r="838353" spans="14:14">
      <c r="N838353" s="10"/>
    </row>
    <row r="838354" spans="14:14">
      <c r="N838354" s="10"/>
    </row>
    <row r="838355" spans="14:14">
      <c r="N838355" s="10"/>
    </row>
    <row r="838356" spans="14:14">
      <c r="N838356" s="10"/>
    </row>
    <row r="838357" spans="14:14">
      <c r="N838357" s="10"/>
    </row>
    <row r="838358" spans="14:14">
      <c r="N838358" s="10"/>
    </row>
    <row r="838359" spans="14:14">
      <c r="N838359" s="10"/>
    </row>
    <row r="838360" spans="14:14">
      <c r="N838360" s="10"/>
    </row>
    <row r="838361" spans="14:14">
      <c r="N838361" s="10"/>
    </row>
    <row r="838362" spans="14:14">
      <c r="N838362" s="10"/>
    </row>
    <row r="838363" spans="14:14">
      <c r="N838363" s="10"/>
    </row>
    <row r="838364" spans="14:14">
      <c r="N838364" s="10"/>
    </row>
    <row r="838365" spans="14:14">
      <c r="N838365" s="10"/>
    </row>
    <row r="838366" spans="14:14">
      <c r="N838366" s="10"/>
    </row>
    <row r="838367" spans="14:14">
      <c r="N838367" s="10"/>
    </row>
    <row r="838368" spans="14:14">
      <c r="N838368" s="10"/>
    </row>
    <row r="838369" spans="14:14">
      <c r="N838369" s="10"/>
    </row>
    <row r="838370" spans="14:14">
      <c r="N838370" s="10"/>
    </row>
    <row r="838371" spans="14:14">
      <c r="N838371" s="10"/>
    </row>
    <row r="838372" spans="14:14">
      <c r="N838372" s="10"/>
    </row>
    <row r="838373" spans="14:14">
      <c r="N838373" s="10"/>
    </row>
    <row r="838374" spans="14:14">
      <c r="N838374" s="10"/>
    </row>
    <row r="838375" spans="14:14">
      <c r="N838375" s="10"/>
    </row>
    <row r="838376" spans="14:14">
      <c r="N838376" s="10"/>
    </row>
    <row r="838377" spans="14:14">
      <c r="N838377" s="10"/>
    </row>
    <row r="838378" spans="14:14">
      <c r="N838378" s="10"/>
    </row>
    <row r="838379" spans="14:14">
      <c r="N838379" s="10"/>
    </row>
    <row r="838380" spans="14:14">
      <c r="N838380" s="10"/>
    </row>
    <row r="838381" spans="14:14">
      <c r="N838381" s="10"/>
    </row>
    <row r="838382" spans="14:14">
      <c r="N838382" s="10"/>
    </row>
    <row r="838383" spans="14:14">
      <c r="N838383" s="10"/>
    </row>
    <row r="838384" spans="14:14">
      <c r="N838384" s="10"/>
    </row>
    <row r="838385" spans="14:14">
      <c r="N838385" s="10"/>
    </row>
    <row r="838386" spans="14:14">
      <c r="N838386" s="10"/>
    </row>
    <row r="838387" spans="14:14">
      <c r="N838387" s="10"/>
    </row>
    <row r="838388" spans="14:14">
      <c r="N838388" s="10"/>
    </row>
    <row r="838389" spans="14:14">
      <c r="N838389" s="10"/>
    </row>
    <row r="838390" spans="14:14">
      <c r="N838390" s="10"/>
    </row>
    <row r="838391" spans="14:14">
      <c r="N838391" s="10"/>
    </row>
    <row r="838392" spans="14:14">
      <c r="N838392" s="10"/>
    </row>
    <row r="838393" spans="14:14">
      <c r="N838393" s="10"/>
    </row>
    <row r="838394" spans="14:14">
      <c r="N838394" s="10"/>
    </row>
    <row r="838395" spans="14:14">
      <c r="N838395" s="10"/>
    </row>
    <row r="838396" spans="14:14">
      <c r="N838396" s="10"/>
    </row>
    <row r="838397" spans="14:14">
      <c r="N838397" s="10"/>
    </row>
    <row r="838398" spans="14:14">
      <c r="N838398" s="10"/>
    </row>
    <row r="838399" spans="14:14">
      <c r="N838399" s="10"/>
    </row>
    <row r="838400" spans="14:14">
      <c r="N838400" s="10"/>
    </row>
    <row r="838401" spans="14:14">
      <c r="N838401" s="10"/>
    </row>
    <row r="838402" spans="14:14">
      <c r="N838402" s="10"/>
    </row>
    <row r="838403" spans="14:14">
      <c r="N838403" s="10"/>
    </row>
    <row r="838404" spans="14:14">
      <c r="N838404" s="10"/>
    </row>
    <row r="838405" spans="14:14">
      <c r="N838405" s="10"/>
    </row>
    <row r="838406" spans="14:14">
      <c r="N838406" s="10"/>
    </row>
    <row r="838407" spans="14:14">
      <c r="N838407" s="10"/>
    </row>
    <row r="838408" spans="14:14">
      <c r="N838408" s="10"/>
    </row>
    <row r="838409" spans="14:14">
      <c r="N838409" s="10"/>
    </row>
    <row r="838410" spans="14:14">
      <c r="N838410" s="10"/>
    </row>
    <row r="838411" spans="14:14">
      <c r="N838411" s="10"/>
    </row>
    <row r="838412" spans="14:14">
      <c r="N838412" s="10"/>
    </row>
    <row r="838413" spans="14:14">
      <c r="N838413" s="10"/>
    </row>
    <row r="838414" spans="14:14">
      <c r="N838414" s="10"/>
    </row>
    <row r="838415" spans="14:14">
      <c r="N838415" s="10"/>
    </row>
    <row r="838416" spans="14:14">
      <c r="N838416" s="10"/>
    </row>
    <row r="838417" spans="14:14">
      <c r="N838417" s="10"/>
    </row>
    <row r="838418" spans="14:14">
      <c r="N838418" s="10"/>
    </row>
    <row r="838419" spans="14:14">
      <c r="N838419" s="10"/>
    </row>
    <row r="838420" spans="14:14">
      <c r="N838420" s="10"/>
    </row>
    <row r="838421" spans="14:14">
      <c r="N838421" s="10"/>
    </row>
    <row r="838422" spans="14:14">
      <c r="N838422" s="10"/>
    </row>
    <row r="838423" spans="14:14">
      <c r="N838423" s="10"/>
    </row>
    <row r="838424" spans="14:14">
      <c r="N838424" s="10"/>
    </row>
    <row r="838425" spans="14:14">
      <c r="N838425" s="10"/>
    </row>
    <row r="838426" spans="14:14">
      <c r="N838426" s="10"/>
    </row>
    <row r="838427" spans="14:14">
      <c r="N838427" s="10"/>
    </row>
    <row r="838428" spans="14:14">
      <c r="N838428" s="10"/>
    </row>
    <row r="838429" spans="14:14">
      <c r="N838429" s="10"/>
    </row>
    <row r="838430" spans="14:14">
      <c r="N838430" s="10"/>
    </row>
    <row r="838431" spans="14:14">
      <c r="N838431" s="10"/>
    </row>
    <row r="838432" spans="14:14">
      <c r="N838432" s="10"/>
    </row>
    <row r="838433" spans="14:14">
      <c r="N838433" s="10"/>
    </row>
    <row r="838434" spans="14:14">
      <c r="N838434" s="10"/>
    </row>
    <row r="838435" spans="14:14">
      <c r="N838435" s="10"/>
    </row>
    <row r="838436" spans="14:14">
      <c r="N838436" s="10"/>
    </row>
    <row r="838437" spans="14:14">
      <c r="N838437" s="10"/>
    </row>
    <row r="838438" spans="14:14">
      <c r="N838438" s="10"/>
    </row>
    <row r="838439" spans="14:14">
      <c r="N838439" s="10"/>
    </row>
    <row r="838440" spans="14:14">
      <c r="N838440" s="10"/>
    </row>
    <row r="838441" spans="14:14">
      <c r="N838441" s="10"/>
    </row>
    <row r="838442" spans="14:14">
      <c r="N838442" s="10"/>
    </row>
    <row r="838443" spans="14:14">
      <c r="N838443" s="10"/>
    </row>
    <row r="838444" spans="14:14">
      <c r="N838444" s="10"/>
    </row>
    <row r="838445" spans="14:14">
      <c r="N838445" s="10"/>
    </row>
    <row r="838446" spans="14:14">
      <c r="N838446" s="10"/>
    </row>
    <row r="838447" spans="14:14">
      <c r="N838447" s="10"/>
    </row>
    <row r="838448" spans="14:14">
      <c r="N838448" s="10"/>
    </row>
    <row r="838449" spans="14:14">
      <c r="N838449" s="10"/>
    </row>
    <row r="838450" spans="14:14">
      <c r="N838450" s="10"/>
    </row>
    <row r="838451" spans="14:14">
      <c r="N838451" s="10"/>
    </row>
    <row r="838452" spans="14:14">
      <c r="N838452" s="10"/>
    </row>
    <row r="838453" spans="14:14">
      <c r="N838453" s="10"/>
    </row>
    <row r="838454" spans="14:14">
      <c r="N838454" s="10"/>
    </row>
    <row r="838455" spans="14:14">
      <c r="N838455" s="10"/>
    </row>
    <row r="838456" spans="14:14">
      <c r="N838456" s="10"/>
    </row>
    <row r="838457" spans="14:14">
      <c r="N838457" s="10"/>
    </row>
    <row r="838458" spans="14:14">
      <c r="N838458" s="10"/>
    </row>
    <row r="838459" spans="14:14">
      <c r="N838459" s="10"/>
    </row>
    <row r="838460" spans="14:14">
      <c r="N838460" s="10"/>
    </row>
    <row r="838461" spans="14:14">
      <c r="N838461" s="10"/>
    </row>
    <row r="838462" spans="14:14">
      <c r="N838462" s="10"/>
    </row>
    <row r="838463" spans="14:14">
      <c r="N838463" s="10"/>
    </row>
    <row r="838464" spans="14:14">
      <c r="N838464" s="10"/>
    </row>
    <row r="838465" spans="14:14">
      <c r="N838465" s="10"/>
    </row>
    <row r="838466" spans="14:14">
      <c r="N838466" s="10"/>
    </row>
    <row r="838467" spans="14:14">
      <c r="N838467" s="10"/>
    </row>
    <row r="838468" spans="14:14">
      <c r="N838468" s="10"/>
    </row>
    <row r="838469" spans="14:14">
      <c r="N838469" s="10"/>
    </row>
    <row r="838470" spans="14:14">
      <c r="N838470" s="10"/>
    </row>
    <row r="838471" spans="14:14">
      <c r="N838471" s="10"/>
    </row>
    <row r="838472" spans="14:14">
      <c r="N838472" s="10"/>
    </row>
    <row r="838473" spans="14:14">
      <c r="N838473" s="10"/>
    </row>
    <row r="838474" spans="14:14">
      <c r="N838474" s="10"/>
    </row>
    <row r="838475" spans="14:14">
      <c r="N838475" s="10"/>
    </row>
    <row r="838476" spans="14:14">
      <c r="N838476" s="10"/>
    </row>
    <row r="838477" spans="14:14">
      <c r="N838477" s="10"/>
    </row>
    <row r="838478" spans="14:14">
      <c r="N838478" s="10"/>
    </row>
    <row r="838479" spans="14:14">
      <c r="N838479" s="10"/>
    </row>
    <row r="838480" spans="14:14">
      <c r="N838480" s="10"/>
    </row>
    <row r="838481" spans="14:14">
      <c r="N838481" s="10"/>
    </row>
    <row r="838482" spans="14:14">
      <c r="N838482" s="10"/>
    </row>
    <row r="838483" spans="14:14">
      <c r="N838483" s="10"/>
    </row>
    <row r="838484" spans="14:14">
      <c r="N838484" s="10"/>
    </row>
    <row r="838485" spans="14:14">
      <c r="N838485" s="10"/>
    </row>
    <row r="838486" spans="14:14">
      <c r="N838486" s="10"/>
    </row>
    <row r="838487" spans="14:14">
      <c r="N838487" s="10"/>
    </row>
    <row r="838488" spans="14:14">
      <c r="N838488" s="10"/>
    </row>
    <row r="838489" spans="14:14">
      <c r="N838489" s="10"/>
    </row>
    <row r="838490" spans="14:14">
      <c r="N838490" s="10"/>
    </row>
    <row r="838491" spans="14:14">
      <c r="N838491" s="10"/>
    </row>
    <row r="838492" spans="14:14">
      <c r="N838492" s="10"/>
    </row>
    <row r="838493" spans="14:14">
      <c r="N838493" s="10"/>
    </row>
    <row r="838494" spans="14:14">
      <c r="N838494" s="10"/>
    </row>
    <row r="838495" spans="14:14">
      <c r="N838495" s="10"/>
    </row>
    <row r="838496" spans="14:14">
      <c r="N838496" s="10"/>
    </row>
    <row r="838497" spans="14:14">
      <c r="N838497" s="10"/>
    </row>
    <row r="838498" spans="14:14">
      <c r="N838498" s="10"/>
    </row>
    <row r="838499" spans="14:14">
      <c r="N838499" s="10"/>
    </row>
    <row r="838500" spans="14:14">
      <c r="N838500" s="10"/>
    </row>
    <row r="838501" spans="14:14">
      <c r="N838501" s="10"/>
    </row>
    <row r="838502" spans="14:14">
      <c r="N838502" s="10"/>
    </row>
    <row r="838503" spans="14:14">
      <c r="N838503" s="10"/>
    </row>
    <row r="838504" spans="14:14">
      <c r="N838504" s="10"/>
    </row>
    <row r="838505" spans="14:14">
      <c r="N838505" s="10"/>
    </row>
    <row r="838506" spans="14:14">
      <c r="N838506" s="10"/>
    </row>
    <row r="838507" spans="14:14">
      <c r="N838507" s="10"/>
    </row>
    <row r="838508" spans="14:14">
      <c r="N838508" s="10"/>
    </row>
    <row r="838509" spans="14:14">
      <c r="N838509" s="10"/>
    </row>
    <row r="838510" spans="14:14">
      <c r="N838510" s="10"/>
    </row>
    <row r="838511" spans="14:14">
      <c r="N838511" s="10"/>
    </row>
    <row r="838512" spans="14:14">
      <c r="N838512" s="10"/>
    </row>
    <row r="838513" spans="14:14">
      <c r="N838513" s="10"/>
    </row>
    <row r="838514" spans="14:14">
      <c r="N838514" s="10"/>
    </row>
    <row r="838515" spans="14:14">
      <c r="N838515" s="10"/>
    </row>
    <row r="838516" spans="14:14">
      <c r="N838516" s="10"/>
    </row>
    <row r="838517" spans="14:14">
      <c r="N838517" s="10"/>
    </row>
    <row r="838518" spans="14:14">
      <c r="N838518" s="10"/>
    </row>
    <row r="838519" spans="14:14">
      <c r="N838519" s="10"/>
    </row>
    <row r="838520" spans="14:14">
      <c r="N838520" s="10"/>
    </row>
    <row r="838521" spans="14:14">
      <c r="N838521" s="10"/>
    </row>
    <row r="838522" spans="14:14">
      <c r="N838522" s="10"/>
    </row>
    <row r="838523" spans="14:14">
      <c r="N838523" s="10"/>
    </row>
    <row r="838524" spans="14:14">
      <c r="N838524" s="10"/>
    </row>
    <row r="838525" spans="14:14">
      <c r="N838525" s="10"/>
    </row>
    <row r="838526" spans="14:14">
      <c r="N838526" s="10"/>
    </row>
    <row r="838527" spans="14:14">
      <c r="N838527" s="10"/>
    </row>
    <row r="838528" spans="14:14">
      <c r="N838528" s="10"/>
    </row>
    <row r="838529" spans="14:14">
      <c r="N838529" s="10"/>
    </row>
    <row r="838530" spans="14:14">
      <c r="N838530" s="10"/>
    </row>
    <row r="838531" spans="14:14">
      <c r="N838531" s="10"/>
    </row>
    <row r="838532" spans="14:14">
      <c r="N838532" s="10"/>
    </row>
    <row r="838533" spans="14:14">
      <c r="N838533" s="10"/>
    </row>
    <row r="838534" spans="14:14">
      <c r="N838534" s="10"/>
    </row>
    <row r="838535" spans="14:14">
      <c r="N838535" s="10"/>
    </row>
    <row r="838536" spans="14:14">
      <c r="N838536" s="10"/>
    </row>
    <row r="838537" spans="14:14">
      <c r="N838537" s="10"/>
    </row>
    <row r="838538" spans="14:14">
      <c r="N838538" s="10"/>
    </row>
    <row r="838539" spans="14:14">
      <c r="N838539" s="10"/>
    </row>
    <row r="838540" spans="14:14">
      <c r="N838540" s="10"/>
    </row>
    <row r="838541" spans="14:14">
      <c r="N838541" s="10"/>
    </row>
    <row r="838542" spans="14:14">
      <c r="N838542" s="10"/>
    </row>
    <row r="838543" spans="14:14">
      <c r="N838543" s="10"/>
    </row>
    <row r="838544" spans="14:14">
      <c r="N838544" s="10"/>
    </row>
    <row r="838545" spans="14:14">
      <c r="N838545" s="10"/>
    </row>
    <row r="838546" spans="14:14">
      <c r="N838546" s="10"/>
    </row>
    <row r="838547" spans="14:14">
      <c r="N838547" s="10"/>
    </row>
    <row r="838548" spans="14:14">
      <c r="N838548" s="10"/>
    </row>
    <row r="838549" spans="14:14">
      <c r="N838549" s="10"/>
    </row>
    <row r="838550" spans="14:14">
      <c r="N838550" s="10"/>
    </row>
    <row r="838551" spans="14:14">
      <c r="N838551" s="10"/>
    </row>
    <row r="838552" spans="14:14">
      <c r="N838552" s="10"/>
    </row>
    <row r="838553" spans="14:14">
      <c r="N838553" s="10"/>
    </row>
    <row r="838554" spans="14:14">
      <c r="N838554" s="10"/>
    </row>
    <row r="838555" spans="14:14">
      <c r="N838555" s="10"/>
    </row>
    <row r="838556" spans="14:14">
      <c r="N838556" s="10"/>
    </row>
    <row r="838557" spans="14:14">
      <c r="N838557" s="10"/>
    </row>
    <row r="838558" spans="14:14">
      <c r="N838558" s="10"/>
    </row>
    <row r="838559" spans="14:14">
      <c r="N838559" s="10"/>
    </row>
    <row r="838560" spans="14:14">
      <c r="N838560" s="10"/>
    </row>
    <row r="838561" spans="14:14">
      <c r="N838561" s="10"/>
    </row>
    <row r="838562" spans="14:14">
      <c r="N838562" s="10"/>
    </row>
    <row r="838563" spans="14:14">
      <c r="N838563" s="10"/>
    </row>
    <row r="838564" spans="14:14">
      <c r="N838564" s="10"/>
    </row>
    <row r="838565" spans="14:14">
      <c r="N838565" s="10"/>
    </row>
    <row r="838566" spans="14:14">
      <c r="N838566" s="10"/>
    </row>
    <row r="838567" spans="14:14">
      <c r="N838567" s="10"/>
    </row>
    <row r="838568" spans="14:14">
      <c r="N838568" s="10"/>
    </row>
    <row r="838569" spans="14:14">
      <c r="N838569" s="10"/>
    </row>
    <row r="838570" spans="14:14">
      <c r="N838570" s="10"/>
    </row>
    <row r="838571" spans="14:14">
      <c r="N838571" s="10"/>
    </row>
    <row r="838572" spans="14:14">
      <c r="N838572" s="10"/>
    </row>
    <row r="838573" spans="14:14">
      <c r="N838573" s="10"/>
    </row>
    <row r="838574" spans="14:14">
      <c r="N838574" s="10"/>
    </row>
    <row r="838575" spans="14:14">
      <c r="N838575" s="10"/>
    </row>
    <row r="838576" spans="14:14">
      <c r="N838576" s="10"/>
    </row>
    <row r="838577" spans="14:14">
      <c r="N838577" s="10"/>
    </row>
    <row r="838578" spans="14:14">
      <c r="N838578" s="10"/>
    </row>
    <row r="838579" spans="14:14">
      <c r="N838579" s="10"/>
    </row>
    <row r="838580" spans="14:14">
      <c r="N838580" s="10"/>
    </row>
    <row r="838581" spans="14:14">
      <c r="N838581" s="10"/>
    </row>
    <row r="838582" spans="14:14">
      <c r="N838582" s="10"/>
    </row>
    <row r="838583" spans="14:14">
      <c r="N838583" s="10"/>
    </row>
    <row r="838584" spans="14:14">
      <c r="N838584" s="10"/>
    </row>
    <row r="838585" spans="14:14">
      <c r="N838585" s="10"/>
    </row>
    <row r="838586" spans="14:14">
      <c r="N838586" s="10"/>
    </row>
    <row r="838587" spans="14:14">
      <c r="N838587" s="10"/>
    </row>
    <row r="838588" spans="14:14">
      <c r="N838588" s="10"/>
    </row>
    <row r="838589" spans="14:14">
      <c r="N838589" s="10"/>
    </row>
    <row r="838590" spans="14:14">
      <c r="N838590" s="10"/>
    </row>
    <row r="838591" spans="14:14">
      <c r="N838591" s="10"/>
    </row>
    <row r="838592" spans="14:14">
      <c r="N838592" s="10"/>
    </row>
    <row r="838593" spans="14:14">
      <c r="N838593" s="10"/>
    </row>
    <row r="838594" spans="14:14">
      <c r="N838594" s="10"/>
    </row>
    <row r="838595" spans="14:14">
      <c r="N838595" s="10"/>
    </row>
    <row r="838596" spans="14:14">
      <c r="N838596" s="10"/>
    </row>
    <row r="838597" spans="14:14">
      <c r="N838597" s="10"/>
    </row>
    <row r="838598" spans="14:14">
      <c r="N838598" s="10"/>
    </row>
    <row r="838599" spans="14:14">
      <c r="N838599" s="10"/>
    </row>
    <row r="838600" spans="14:14">
      <c r="N838600" s="10"/>
    </row>
    <row r="838601" spans="14:14">
      <c r="N838601" s="10"/>
    </row>
    <row r="838602" spans="14:14">
      <c r="N838602" s="10"/>
    </row>
    <row r="838603" spans="14:14">
      <c r="N838603" s="10"/>
    </row>
    <row r="838604" spans="14:14">
      <c r="N838604" s="10"/>
    </row>
    <row r="838605" spans="14:14">
      <c r="N838605" s="10"/>
    </row>
    <row r="838606" spans="14:14">
      <c r="N838606" s="10"/>
    </row>
    <row r="838607" spans="14:14">
      <c r="N838607" s="10"/>
    </row>
    <row r="838608" spans="14:14">
      <c r="N838608" s="10"/>
    </row>
    <row r="838609" spans="14:14">
      <c r="N838609" s="10"/>
    </row>
    <row r="838610" spans="14:14">
      <c r="N838610" s="10"/>
    </row>
    <row r="838611" spans="14:14">
      <c r="N838611" s="10"/>
    </row>
    <row r="838612" spans="14:14">
      <c r="N838612" s="10"/>
    </row>
    <row r="838613" spans="14:14">
      <c r="N838613" s="10"/>
    </row>
    <row r="838614" spans="14:14">
      <c r="N838614" s="10"/>
    </row>
    <row r="838615" spans="14:14">
      <c r="N838615" s="10"/>
    </row>
    <row r="838616" spans="14:14">
      <c r="N838616" s="10"/>
    </row>
    <row r="838617" spans="14:14">
      <c r="N838617" s="10"/>
    </row>
    <row r="838618" spans="14:14">
      <c r="N838618" s="10"/>
    </row>
    <row r="838619" spans="14:14">
      <c r="N838619" s="10"/>
    </row>
    <row r="838620" spans="14:14">
      <c r="N838620" s="10"/>
    </row>
    <row r="838621" spans="14:14">
      <c r="N838621" s="10"/>
    </row>
    <row r="838622" spans="14:14">
      <c r="N838622" s="10"/>
    </row>
    <row r="838623" spans="14:14">
      <c r="N838623" s="10"/>
    </row>
    <row r="838624" spans="14:14">
      <c r="N838624" s="10"/>
    </row>
    <row r="838625" spans="14:14">
      <c r="N838625" s="10"/>
    </row>
    <row r="838626" spans="14:14">
      <c r="N838626" s="10"/>
    </row>
    <row r="838627" spans="14:14">
      <c r="N838627" s="10"/>
    </row>
    <row r="838628" spans="14:14">
      <c r="N838628" s="10"/>
    </row>
    <row r="838629" spans="14:14">
      <c r="N838629" s="10"/>
    </row>
    <row r="838630" spans="14:14">
      <c r="N838630" s="10"/>
    </row>
    <row r="838631" spans="14:14">
      <c r="N838631" s="10"/>
    </row>
    <row r="838632" spans="14:14">
      <c r="N838632" s="10"/>
    </row>
    <row r="838633" spans="14:14">
      <c r="N838633" s="10"/>
    </row>
    <row r="838634" spans="14:14">
      <c r="N838634" s="10"/>
    </row>
    <row r="838635" spans="14:14">
      <c r="N838635" s="10"/>
    </row>
    <row r="838636" spans="14:14">
      <c r="N838636" s="10"/>
    </row>
    <row r="838637" spans="14:14">
      <c r="N838637" s="10"/>
    </row>
    <row r="838638" spans="14:14">
      <c r="N838638" s="10"/>
    </row>
    <row r="838639" spans="14:14">
      <c r="N838639" s="10"/>
    </row>
    <row r="838640" spans="14:14">
      <c r="N838640" s="10"/>
    </row>
    <row r="838641" spans="14:14">
      <c r="N838641" s="10"/>
    </row>
    <row r="838642" spans="14:14">
      <c r="N838642" s="10"/>
    </row>
    <row r="838643" spans="14:14">
      <c r="N838643" s="10"/>
    </row>
    <row r="838644" spans="14:14">
      <c r="N838644" s="10"/>
    </row>
    <row r="838645" spans="14:14">
      <c r="N838645" s="10"/>
    </row>
    <row r="838646" spans="14:14">
      <c r="N838646" s="10"/>
    </row>
    <row r="838647" spans="14:14">
      <c r="N838647" s="10"/>
    </row>
    <row r="838648" spans="14:14">
      <c r="N838648" s="10"/>
    </row>
    <row r="838649" spans="14:14">
      <c r="N838649" s="10"/>
    </row>
    <row r="838650" spans="14:14">
      <c r="N838650" s="10"/>
    </row>
    <row r="838651" spans="14:14">
      <c r="N838651" s="10"/>
    </row>
    <row r="838652" spans="14:14">
      <c r="N838652" s="10"/>
    </row>
    <row r="838653" spans="14:14">
      <c r="N838653" s="10"/>
    </row>
    <row r="838654" spans="14:14">
      <c r="N838654" s="10"/>
    </row>
    <row r="838655" spans="14:14">
      <c r="N838655" s="10"/>
    </row>
    <row r="838656" spans="14:14">
      <c r="N838656" s="10"/>
    </row>
    <row r="838657" spans="14:14">
      <c r="N838657" s="10"/>
    </row>
    <row r="838658" spans="14:14">
      <c r="N838658" s="10"/>
    </row>
    <row r="838659" spans="14:14">
      <c r="N838659" s="10"/>
    </row>
    <row r="838660" spans="14:14">
      <c r="N838660" s="10"/>
    </row>
    <row r="838661" spans="14:14">
      <c r="N838661" s="10"/>
    </row>
    <row r="838662" spans="14:14">
      <c r="N838662" s="10"/>
    </row>
    <row r="838663" spans="14:14">
      <c r="N838663" s="10"/>
    </row>
    <row r="838664" spans="14:14">
      <c r="N838664" s="10"/>
    </row>
    <row r="838665" spans="14:14">
      <c r="N838665" s="10"/>
    </row>
    <row r="838666" spans="14:14">
      <c r="N838666" s="10"/>
    </row>
    <row r="838667" spans="14:14">
      <c r="N838667" s="10"/>
    </row>
    <row r="838668" spans="14:14">
      <c r="N838668" s="10"/>
    </row>
    <row r="838669" spans="14:14">
      <c r="N838669" s="10"/>
    </row>
    <row r="838670" spans="14:14">
      <c r="N838670" s="10"/>
    </row>
    <row r="838671" spans="14:14">
      <c r="N838671" s="10"/>
    </row>
    <row r="838672" spans="14:14">
      <c r="N838672" s="10"/>
    </row>
    <row r="838673" spans="14:14">
      <c r="N838673" s="10"/>
    </row>
    <row r="838674" spans="14:14">
      <c r="N838674" s="10"/>
    </row>
    <row r="838675" spans="14:14">
      <c r="N838675" s="10"/>
    </row>
    <row r="838676" spans="14:14">
      <c r="N838676" s="10"/>
    </row>
    <row r="838677" spans="14:14">
      <c r="N838677" s="10"/>
    </row>
    <row r="838678" spans="14:14">
      <c r="N838678" s="10"/>
    </row>
    <row r="838679" spans="14:14">
      <c r="N838679" s="10"/>
    </row>
    <row r="838680" spans="14:14">
      <c r="N838680" s="10"/>
    </row>
    <row r="838681" spans="14:14">
      <c r="N838681" s="10"/>
    </row>
    <row r="838682" spans="14:14">
      <c r="N838682" s="10"/>
    </row>
    <row r="838683" spans="14:14">
      <c r="N838683" s="10"/>
    </row>
    <row r="838684" spans="14:14">
      <c r="N838684" s="10"/>
    </row>
    <row r="838685" spans="14:14">
      <c r="N838685" s="10"/>
    </row>
    <row r="838686" spans="14:14">
      <c r="N838686" s="10"/>
    </row>
    <row r="838687" spans="14:14">
      <c r="N838687" s="10"/>
    </row>
    <row r="838688" spans="14:14">
      <c r="N838688" s="10"/>
    </row>
    <row r="838689" spans="14:14">
      <c r="N838689" s="10"/>
    </row>
    <row r="838690" spans="14:14">
      <c r="N838690" s="10"/>
    </row>
    <row r="838691" spans="14:14">
      <c r="N838691" s="10"/>
    </row>
    <row r="838692" spans="14:14">
      <c r="N838692" s="10"/>
    </row>
    <row r="838693" spans="14:14">
      <c r="N838693" s="10"/>
    </row>
    <row r="838694" spans="14:14">
      <c r="N838694" s="10"/>
    </row>
    <row r="838695" spans="14:14">
      <c r="N838695" s="10"/>
    </row>
    <row r="838696" spans="14:14">
      <c r="N838696" s="10"/>
    </row>
    <row r="838697" spans="14:14">
      <c r="N838697" s="10"/>
    </row>
    <row r="838698" spans="14:14">
      <c r="N838698" s="10"/>
    </row>
    <row r="838699" spans="14:14">
      <c r="N838699" s="10"/>
    </row>
    <row r="838700" spans="14:14">
      <c r="N838700" s="10"/>
    </row>
    <row r="838701" spans="14:14">
      <c r="N838701" s="10"/>
    </row>
    <row r="838702" spans="14:14">
      <c r="N838702" s="10"/>
    </row>
    <row r="838703" spans="14:14">
      <c r="N838703" s="10"/>
    </row>
    <row r="838704" spans="14:14">
      <c r="N838704" s="10"/>
    </row>
    <row r="838705" spans="14:14">
      <c r="N838705" s="10"/>
    </row>
    <row r="838706" spans="14:14">
      <c r="N838706" s="10"/>
    </row>
    <row r="838707" spans="14:14">
      <c r="N838707" s="10"/>
    </row>
    <row r="838708" spans="14:14">
      <c r="N838708" s="10"/>
    </row>
    <row r="838709" spans="14:14">
      <c r="N838709" s="10"/>
    </row>
    <row r="838710" spans="14:14">
      <c r="N838710" s="10"/>
    </row>
    <row r="838711" spans="14:14">
      <c r="N838711" s="10"/>
    </row>
    <row r="838712" spans="14:14">
      <c r="N838712" s="10"/>
    </row>
    <row r="838713" spans="14:14">
      <c r="N838713" s="10"/>
    </row>
    <row r="838714" spans="14:14">
      <c r="N838714" s="10"/>
    </row>
    <row r="838715" spans="14:14">
      <c r="N838715" s="10"/>
    </row>
    <row r="838716" spans="14:14">
      <c r="N838716" s="10"/>
    </row>
    <row r="838717" spans="14:14">
      <c r="N838717" s="10"/>
    </row>
    <row r="838718" spans="14:14">
      <c r="N838718" s="10"/>
    </row>
    <row r="838719" spans="14:14">
      <c r="N838719" s="10"/>
    </row>
    <row r="838720" spans="14:14">
      <c r="N838720" s="10"/>
    </row>
    <row r="838721" spans="14:14">
      <c r="N838721" s="10"/>
    </row>
    <row r="838722" spans="14:14">
      <c r="N838722" s="10"/>
    </row>
    <row r="838723" spans="14:14">
      <c r="N838723" s="10"/>
    </row>
    <row r="838724" spans="14:14">
      <c r="N838724" s="10"/>
    </row>
    <row r="838725" spans="14:14">
      <c r="N838725" s="10"/>
    </row>
    <row r="838726" spans="14:14">
      <c r="N838726" s="10"/>
    </row>
    <row r="838727" spans="14:14">
      <c r="N838727" s="10"/>
    </row>
    <row r="838728" spans="14:14">
      <c r="N838728" s="10"/>
    </row>
    <row r="838729" spans="14:14">
      <c r="N838729" s="10"/>
    </row>
    <row r="838730" spans="14:14">
      <c r="N838730" s="10"/>
    </row>
    <row r="838731" spans="14:14">
      <c r="N838731" s="10"/>
    </row>
    <row r="838732" spans="14:14">
      <c r="N838732" s="10"/>
    </row>
    <row r="838733" spans="14:14">
      <c r="N838733" s="10"/>
    </row>
    <row r="838734" spans="14:14">
      <c r="N838734" s="10"/>
    </row>
    <row r="838735" spans="14:14">
      <c r="N838735" s="10"/>
    </row>
    <row r="838736" spans="14:14">
      <c r="N838736" s="10"/>
    </row>
    <row r="838737" spans="14:14">
      <c r="N838737" s="10"/>
    </row>
    <row r="838738" spans="14:14">
      <c r="N838738" s="10"/>
    </row>
    <row r="838739" spans="14:14">
      <c r="N838739" s="10"/>
    </row>
    <row r="838740" spans="14:14">
      <c r="N838740" s="10"/>
    </row>
    <row r="838741" spans="14:14">
      <c r="N838741" s="10"/>
    </row>
    <row r="838742" spans="14:14">
      <c r="N838742" s="10"/>
    </row>
    <row r="838743" spans="14:14">
      <c r="N838743" s="10"/>
    </row>
    <row r="838744" spans="14:14">
      <c r="N838744" s="10"/>
    </row>
    <row r="838745" spans="14:14">
      <c r="N838745" s="10"/>
    </row>
    <row r="838746" spans="14:14">
      <c r="N838746" s="10"/>
    </row>
    <row r="838747" spans="14:14">
      <c r="N838747" s="10"/>
    </row>
    <row r="838748" spans="14:14">
      <c r="N838748" s="10"/>
    </row>
    <row r="838749" spans="14:14">
      <c r="N838749" s="10"/>
    </row>
    <row r="838750" spans="14:14">
      <c r="N838750" s="10"/>
    </row>
    <row r="838751" spans="14:14">
      <c r="N838751" s="10"/>
    </row>
    <row r="838752" spans="14:14">
      <c r="N838752" s="10"/>
    </row>
    <row r="838753" spans="14:14">
      <c r="N838753" s="10"/>
    </row>
    <row r="838754" spans="14:14">
      <c r="N838754" s="10"/>
    </row>
    <row r="838755" spans="14:14">
      <c r="N838755" s="10"/>
    </row>
    <row r="838756" spans="14:14">
      <c r="N838756" s="10"/>
    </row>
    <row r="838757" spans="14:14">
      <c r="N838757" s="10"/>
    </row>
    <row r="838758" spans="14:14">
      <c r="N838758" s="10"/>
    </row>
    <row r="838759" spans="14:14">
      <c r="N838759" s="10"/>
    </row>
    <row r="838760" spans="14:14">
      <c r="N838760" s="10"/>
    </row>
    <row r="838761" spans="14:14">
      <c r="N838761" s="10"/>
    </row>
    <row r="838762" spans="14:14">
      <c r="N838762" s="10"/>
    </row>
    <row r="838763" spans="14:14">
      <c r="N838763" s="10"/>
    </row>
    <row r="838764" spans="14:14">
      <c r="N838764" s="10"/>
    </row>
    <row r="838765" spans="14:14">
      <c r="N838765" s="10"/>
    </row>
    <row r="838766" spans="14:14">
      <c r="N838766" s="10"/>
    </row>
    <row r="838767" spans="14:14">
      <c r="N838767" s="10"/>
    </row>
    <row r="838768" spans="14:14">
      <c r="N838768" s="10"/>
    </row>
    <row r="838769" spans="14:14">
      <c r="N838769" s="10"/>
    </row>
    <row r="838770" spans="14:14">
      <c r="N838770" s="10"/>
    </row>
    <row r="838771" spans="14:14">
      <c r="N838771" s="10"/>
    </row>
    <row r="838772" spans="14:14">
      <c r="N838772" s="10"/>
    </row>
    <row r="838773" spans="14:14">
      <c r="N838773" s="10"/>
    </row>
    <row r="838774" spans="14:14">
      <c r="N838774" s="10"/>
    </row>
    <row r="838775" spans="14:14">
      <c r="N838775" s="10"/>
    </row>
    <row r="838776" spans="14:14">
      <c r="N838776" s="10"/>
    </row>
    <row r="838777" spans="14:14">
      <c r="N838777" s="10"/>
    </row>
    <row r="838778" spans="14:14">
      <c r="N838778" s="10"/>
    </row>
    <row r="838779" spans="14:14">
      <c r="N838779" s="10"/>
    </row>
    <row r="838780" spans="14:14">
      <c r="N838780" s="10"/>
    </row>
    <row r="838781" spans="14:14">
      <c r="N838781" s="10"/>
    </row>
    <row r="838782" spans="14:14">
      <c r="N838782" s="10"/>
    </row>
    <row r="838783" spans="14:14">
      <c r="N838783" s="10"/>
    </row>
    <row r="838784" spans="14:14">
      <c r="N838784" s="10"/>
    </row>
    <row r="838785" spans="14:14">
      <c r="N838785" s="10"/>
    </row>
    <row r="838786" spans="14:14">
      <c r="N838786" s="10"/>
    </row>
    <row r="838787" spans="14:14">
      <c r="N838787" s="10"/>
    </row>
    <row r="838788" spans="14:14">
      <c r="N838788" s="10"/>
    </row>
    <row r="838789" spans="14:14">
      <c r="N838789" s="10"/>
    </row>
    <row r="838790" spans="14:14">
      <c r="N838790" s="10"/>
    </row>
    <row r="838791" spans="14:14">
      <c r="N838791" s="10"/>
    </row>
    <row r="838792" spans="14:14">
      <c r="N838792" s="10"/>
    </row>
    <row r="838793" spans="14:14">
      <c r="N838793" s="10"/>
    </row>
    <row r="838794" spans="14:14">
      <c r="N838794" s="10"/>
    </row>
    <row r="838795" spans="14:14">
      <c r="N838795" s="10"/>
    </row>
    <row r="838796" spans="14:14">
      <c r="N838796" s="10"/>
    </row>
    <row r="838797" spans="14:14">
      <c r="N838797" s="10"/>
    </row>
    <row r="838798" spans="14:14">
      <c r="N838798" s="10"/>
    </row>
    <row r="838799" spans="14:14">
      <c r="N838799" s="10"/>
    </row>
    <row r="838800" spans="14:14">
      <c r="N838800" s="10"/>
    </row>
    <row r="838801" spans="14:14">
      <c r="N838801" s="10"/>
    </row>
    <row r="838802" spans="14:14">
      <c r="N838802" s="10"/>
    </row>
    <row r="838803" spans="14:14">
      <c r="N838803" s="10"/>
    </row>
    <row r="838804" spans="14:14">
      <c r="N838804" s="10"/>
    </row>
    <row r="838805" spans="14:14">
      <c r="N838805" s="10"/>
    </row>
    <row r="838806" spans="14:14">
      <c r="N838806" s="10"/>
    </row>
    <row r="838807" spans="14:14">
      <c r="N838807" s="10"/>
    </row>
    <row r="838808" spans="14:14">
      <c r="N838808" s="10"/>
    </row>
    <row r="838809" spans="14:14">
      <c r="N838809" s="10"/>
    </row>
    <row r="838810" spans="14:14">
      <c r="N838810" s="10"/>
    </row>
    <row r="838811" spans="14:14">
      <c r="N838811" s="10"/>
    </row>
    <row r="838812" spans="14:14">
      <c r="N838812" s="10"/>
    </row>
    <row r="838813" spans="14:14">
      <c r="N838813" s="10"/>
    </row>
    <row r="838814" spans="14:14">
      <c r="N838814" s="10"/>
    </row>
    <row r="838815" spans="14:14">
      <c r="N838815" s="10"/>
    </row>
    <row r="838816" spans="14:14">
      <c r="N838816" s="10"/>
    </row>
    <row r="838817" spans="14:14">
      <c r="N838817" s="10"/>
    </row>
    <row r="838818" spans="14:14">
      <c r="N838818" s="10"/>
    </row>
    <row r="838819" spans="14:14">
      <c r="N838819" s="10"/>
    </row>
    <row r="838820" spans="14:14">
      <c r="N838820" s="10"/>
    </row>
    <row r="838821" spans="14:14">
      <c r="N838821" s="10"/>
    </row>
    <row r="838822" spans="14:14">
      <c r="N838822" s="10"/>
    </row>
    <row r="838823" spans="14:14">
      <c r="N838823" s="10"/>
    </row>
    <row r="838824" spans="14:14">
      <c r="N838824" s="10"/>
    </row>
    <row r="838825" spans="14:14">
      <c r="N838825" s="10"/>
    </row>
    <row r="838826" spans="14:14">
      <c r="N838826" s="10"/>
    </row>
    <row r="838827" spans="14:14">
      <c r="N838827" s="10"/>
    </row>
    <row r="838828" spans="14:14">
      <c r="N838828" s="10"/>
    </row>
    <row r="838829" spans="14:14">
      <c r="N838829" s="10"/>
    </row>
    <row r="838830" spans="14:14">
      <c r="N838830" s="10"/>
    </row>
    <row r="838831" spans="14:14">
      <c r="N838831" s="10"/>
    </row>
    <row r="838832" spans="14:14">
      <c r="N838832" s="10"/>
    </row>
    <row r="838833" spans="14:14">
      <c r="N838833" s="10"/>
    </row>
    <row r="838834" spans="14:14">
      <c r="N838834" s="10"/>
    </row>
    <row r="838835" spans="14:14">
      <c r="N838835" s="10"/>
    </row>
    <row r="838836" spans="14:14">
      <c r="N838836" s="10"/>
    </row>
    <row r="838837" spans="14:14">
      <c r="N838837" s="10"/>
    </row>
    <row r="838838" spans="14:14">
      <c r="N838838" s="10"/>
    </row>
    <row r="838839" spans="14:14">
      <c r="N838839" s="10"/>
    </row>
    <row r="838840" spans="14:14">
      <c r="N838840" s="10"/>
    </row>
    <row r="838841" spans="14:14">
      <c r="N838841" s="10"/>
    </row>
    <row r="838842" spans="14:14">
      <c r="N838842" s="10"/>
    </row>
    <row r="838843" spans="14:14">
      <c r="N838843" s="10"/>
    </row>
    <row r="838844" spans="14:14">
      <c r="N838844" s="10"/>
    </row>
    <row r="838845" spans="14:14">
      <c r="N838845" s="10"/>
    </row>
    <row r="838846" spans="14:14">
      <c r="N838846" s="10"/>
    </row>
    <row r="838847" spans="14:14">
      <c r="N838847" s="10"/>
    </row>
    <row r="838848" spans="14:14">
      <c r="N838848" s="10"/>
    </row>
    <row r="838849" spans="14:14">
      <c r="N838849" s="10"/>
    </row>
    <row r="838850" spans="14:14">
      <c r="N838850" s="10"/>
    </row>
    <row r="838851" spans="14:14">
      <c r="N838851" s="10"/>
    </row>
    <row r="838852" spans="14:14">
      <c r="N838852" s="10"/>
    </row>
    <row r="838853" spans="14:14">
      <c r="N838853" s="10"/>
    </row>
    <row r="838854" spans="14:14">
      <c r="N838854" s="10"/>
    </row>
    <row r="838855" spans="14:14">
      <c r="N838855" s="10"/>
    </row>
    <row r="838856" spans="14:14">
      <c r="N838856" s="10"/>
    </row>
    <row r="838857" spans="14:14">
      <c r="N838857" s="10"/>
    </row>
    <row r="838858" spans="14:14">
      <c r="N838858" s="10"/>
    </row>
    <row r="838859" spans="14:14">
      <c r="N838859" s="10"/>
    </row>
    <row r="838860" spans="14:14">
      <c r="N838860" s="10"/>
    </row>
    <row r="838861" spans="14:14">
      <c r="N838861" s="10"/>
    </row>
    <row r="838862" spans="14:14">
      <c r="N838862" s="10"/>
    </row>
    <row r="838863" spans="14:14">
      <c r="N838863" s="10"/>
    </row>
    <row r="838864" spans="14:14">
      <c r="N838864" s="10"/>
    </row>
    <row r="838865" spans="14:14">
      <c r="N838865" s="10"/>
    </row>
    <row r="838866" spans="14:14">
      <c r="N838866" s="10"/>
    </row>
    <row r="838867" spans="14:14">
      <c r="N838867" s="10"/>
    </row>
    <row r="838868" spans="14:14">
      <c r="N838868" s="10"/>
    </row>
    <row r="838869" spans="14:14">
      <c r="N838869" s="10"/>
    </row>
    <row r="838870" spans="14:14">
      <c r="N838870" s="10"/>
    </row>
    <row r="838871" spans="14:14">
      <c r="N838871" s="10"/>
    </row>
    <row r="838872" spans="14:14">
      <c r="N838872" s="10"/>
    </row>
    <row r="838873" spans="14:14">
      <c r="N838873" s="10"/>
    </row>
    <row r="838874" spans="14:14">
      <c r="N838874" s="10"/>
    </row>
    <row r="838875" spans="14:14">
      <c r="N838875" s="10"/>
    </row>
    <row r="838876" spans="14:14">
      <c r="N838876" s="10"/>
    </row>
    <row r="838877" spans="14:14">
      <c r="N838877" s="10"/>
    </row>
    <row r="838878" spans="14:14">
      <c r="N838878" s="10"/>
    </row>
    <row r="838879" spans="14:14">
      <c r="N838879" s="10"/>
    </row>
    <row r="838880" spans="14:14">
      <c r="N838880" s="10"/>
    </row>
    <row r="838881" spans="14:14">
      <c r="N838881" s="10"/>
    </row>
    <row r="838882" spans="14:14">
      <c r="N838882" s="10"/>
    </row>
    <row r="838883" spans="14:14">
      <c r="N838883" s="10"/>
    </row>
    <row r="838884" spans="14:14">
      <c r="N838884" s="10"/>
    </row>
    <row r="838885" spans="14:14">
      <c r="N838885" s="10"/>
    </row>
    <row r="838886" spans="14:14">
      <c r="N838886" s="10"/>
    </row>
    <row r="838887" spans="14:14">
      <c r="N838887" s="10"/>
    </row>
    <row r="838888" spans="14:14">
      <c r="N838888" s="10"/>
    </row>
    <row r="838889" spans="14:14">
      <c r="N838889" s="10"/>
    </row>
    <row r="838890" spans="14:14">
      <c r="N838890" s="10"/>
    </row>
    <row r="838891" spans="14:14">
      <c r="N838891" s="10"/>
    </row>
    <row r="838892" spans="14:14">
      <c r="N838892" s="10"/>
    </row>
    <row r="838893" spans="14:14">
      <c r="N838893" s="10"/>
    </row>
    <row r="838894" spans="14:14">
      <c r="N838894" s="10"/>
    </row>
    <row r="838895" spans="14:14">
      <c r="N838895" s="10"/>
    </row>
    <row r="838896" spans="14:14">
      <c r="N838896" s="10"/>
    </row>
    <row r="838897" spans="14:14">
      <c r="N838897" s="10"/>
    </row>
    <row r="838898" spans="14:14">
      <c r="N838898" s="10"/>
    </row>
    <row r="838899" spans="14:14">
      <c r="N838899" s="10"/>
    </row>
    <row r="838900" spans="14:14">
      <c r="N838900" s="10"/>
    </row>
    <row r="838901" spans="14:14">
      <c r="N838901" s="10"/>
    </row>
    <row r="838902" spans="14:14">
      <c r="N838902" s="10"/>
    </row>
    <row r="838903" spans="14:14">
      <c r="N838903" s="10"/>
    </row>
    <row r="838904" spans="14:14">
      <c r="N838904" s="10"/>
    </row>
    <row r="838905" spans="14:14">
      <c r="N838905" s="10"/>
    </row>
    <row r="838906" spans="14:14">
      <c r="N838906" s="10"/>
    </row>
    <row r="838907" spans="14:14">
      <c r="N838907" s="10"/>
    </row>
    <row r="838908" spans="14:14">
      <c r="N838908" s="10"/>
    </row>
    <row r="838909" spans="14:14">
      <c r="N838909" s="10"/>
    </row>
    <row r="838910" spans="14:14">
      <c r="N838910" s="10"/>
    </row>
    <row r="838911" spans="14:14">
      <c r="N838911" s="10"/>
    </row>
    <row r="838912" spans="14:14">
      <c r="N838912" s="10"/>
    </row>
    <row r="838913" spans="14:14">
      <c r="N838913" s="10"/>
    </row>
    <row r="838914" spans="14:14">
      <c r="N838914" s="10"/>
    </row>
    <row r="838915" spans="14:14">
      <c r="N838915" s="10"/>
    </row>
    <row r="838916" spans="14:14">
      <c r="N838916" s="10"/>
    </row>
    <row r="838917" spans="14:14">
      <c r="N838917" s="10"/>
    </row>
    <row r="838918" spans="14:14">
      <c r="N838918" s="10"/>
    </row>
    <row r="838919" spans="14:14">
      <c r="N838919" s="10"/>
    </row>
    <row r="838920" spans="14:14">
      <c r="N838920" s="10"/>
    </row>
    <row r="838921" spans="14:14">
      <c r="N838921" s="10"/>
    </row>
    <row r="838922" spans="14:14">
      <c r="N838922" s="10"/>
    </row>
    <row r="838923" spans="14:14">
      <c r="N838923" s="10"/>
    </row>
    <row r="838924" spans="14:14">
      <c r="N838924" s="10"/>
    </row>
    <row r="838925" spans="14:14">
      <c r="N838925" s="10"/>
    </row>
    <row r="838926" spans="14:14">
      <c r="N838926" s="10"/>
    </row>
    <row r="838927" spans="14:14">
      <c r="N838927" s="10"/>
    </row>
    <row r="838928" spans="14:14">
      <c r="N838928" s="10"/>
    </row>
    <row r="838929" spans="14:14">
      <c r="N838929" s="10"/>
    </row>
    <row r="838930" spans="14:14">
      <c r="N838930" s="10"/>
    </row>
    <row r="838931" spans="14:14">
      <c r="N838931" s="10"/>
    </row>
    <row r="838932" spans="14:14">
      <c r="N838932" s="10"/>
    </row>
    <row r="838933" spans="14:14">
      <c r="N838933" s="10"/>
    </row>
    <row r="838934" spans="14:14">
      <c r="N838934" s="10"/>
    </row>
    <row r="838935" spans="14:14">
      <c r="N838935" s="10"/>
    </row>
    <row r="838936" spans="14:14">
      <c r="N838936" s="10"/>
    </row>
    <row r="838937" spans="14:14">
      <c r="N838937" s="10"/>
    </row>
    <row r="838938" spans="14:14">
      <c r="N838938" s="10"/>
    </row>
    <row r="838939" spans="14:14">
      <c r="N838939" s="10"/>
    </row>
    <row r="838940" spans="14:14">
      <c r="N838940" s="10"/>
    </row>
    <row r="838941" spans="14:14">
      <c r="N838941" s="10"/>
    </row>
    <row r="838942" spans="14:14">
      <c r="N838942" s="10"/>
    </row>
    <row r="838943" spans="14:14">
      <c r="N838943" s="10"/>
    </row>
    <row r="838944" spans="14:14">
      <c r="N838944" s="10"/>
    </row>
    <row r="838945" spans="14:14">
      <c r="N838945" s="10"/>
    </row>
    <row r="838946" spans="14:14">
      <c r="N838946" s="10"/>
    </row>
    <row r="838947" spans="14:14">
      <c r="N838947" s="10"/>
    </row>
    <row r="838948" spans="14:14">
      <c r="N838948" s="10"/>
    </row>
    <row r="838949" spans="14:14">
      <c r="N838949" s="10"/>
    </row>
    <row r="838950" spans="14:14">
      <c r="N838950" s="10"/>
    </row>
    <row r="838951" spans="14:14">
      <c r="N838951" s="10"/>
    </row>
    <row r="838952" spans="14:14">
      <c r="N838952" s="10"/>
    </row>
    <row r="838953" spans="14:14">
      <c r="N838953" s="10"/>
    </row>
    <row r="838954" spans="14:14">
      <c r="N838954" s="10"/>
    </row>
    <row r="838955" spans="14:14">
      <c r="N838955" s="10"/>
    </row>
    <row r="838956" spans="14:14">
      <c r="N838956" s="10"/>
    </row>
    <row r="838957" spans="14:14">
      <c r="N838957" s="10"/>
    </row>
    <row r="838958" spans="14:14">
      <c r="N838958" s="10"/>
    </row>
    <row r="838959" spans="14:14">
      <c r="N838959" s="10"/>
    </row>
    <row r="838960" spans="14:14">
      <c r="N838960" s="10"/>
    </row>
    <row r="838961" spans="14:14">
      <c r="N838961" s="10"/>
    </row>
    <row r="838962" spans="14:14">
      <c r="N838962" s="10"/>
    </row>
    <row r="838963" spans="14:14">
      <c r="N838963" s="10"/>
    </row>
    <row r="838964" spans="14:14">
      <c r="N838964" s="10"/>
    </row>
    <row r="838965" spans="14:14">
      <c r="N838965" s="10"/>
    </row>
    <row r="838966" spans="14:14">
      <c r="N838966" s="10"/>
    </row>
    <row r="838967" spans="14:14">
      <c r="N838967" s="10"/>
    </row>
    <row r="838968" spans="14:14">
      <c r="N838968" s="10"/>
    </row>
    <row r="838969" spans="14:14">
      <c r="N838969" s="10"/>
    </row>
    <row r="838970" spans="14:14">
      <c r="N838970" s="10"/>
    </row>
    <row r="838971" spans="14:14">
      <c r="N838971" s="10"/>
    </row>
    <row r="838972" spans="14:14">
      <c r="N838972" s="10"/>
    </row>
    <row r="838973" spans="14:14">
      <c r="N838973" s="10"/>
    </row>
    <row r="838974" spans="14:14">
      <c r="N838974" s="10"/>
    </row>
    <row r="838975" spans="14:14">
      <c r="N838975" s="10"/>
    </row>
    <row r="838976" spans="14:14">
      <c r="N838976" s="10"/>
    </row>
    <row r="838977" spans="14:14">
      <c r="N838977" s="10"/>
    </row>
    <row r="838978" spans="14:14">
      <c r="N838978" s="10"/>
    </row>
    <row r="838979" spans="14:14">
      <c r="N838979" s="10"/>
    </row>
    <row r="838980" spans="14:14">
      <c r="N838980" s="10"/>
    </row>
    <row r="838981" spans="14:14">
      <c r="N838981" s="10"/>
    </row>
    <row r="838982" spans="14:14">
      <c r="N838982" s="10"/>
    </row>
    <row r="838983" spans="14:14">
      <c r="N838983" s="10"/>
    </row>
    <row r="838984" spans="14:14">
      <c r="N838984" s="10"/>
    </row>
    <row r="838985" spans="14:14">
      <c r="N838985" s="10"/>
    </row>
    <row r="838986" spans="14:14">
      <c r="N838986" s="10"/>
    </row>
    <row r="838987" spans="14:14">
      <c r="N838987" s="10"/>
    </row>
    <row r="838988" spans="14:14">
      <c r="N838988" s="10"/>
    </row>
    <row r="838989" spans="14:14">
      <c r="N838989" s="10"/>
    </row>
    <row r="838990" spans="14:14">
      <c r="N838990" s="10"/>
    </row>
    <row r="838991" spans="14:14">
      <c r="N838991" s="10"/>
    </row>
    <row r="838992" spans="14:14">
      <c r="N838992" s="10"/>
    </row>
    <row r="838993" spans="14:14">
      <c r="N838993" s="10"/>
    </row>
    <row r="838994" spans="14:14">
      <c r="N838994" s="10"/>
    </row>
    <row r="838995" spans="14:14">
      <c r="N838995" s="10"/>
    </row>
    <row r="838996" spans="14:14">
      <c r="N838996" s="10"/>
    </row>
    <row r="838997" spans="14:14">
      <c r="N838997" s="10"/>
    </row>
    <row r="838998" spans="14:14">
      <c r="N838998" s="10"/>
    </row>
    <row r="838999" spans="14:14">
      <c r="N838999" s="10"/>
    </row>
    <row r="839000" spans="14:14">
      <c r="N839000" s="10"/>
    </row>
    <row r="839001" spans="14:14">
      <c r="N839001" s="10"/>
    </row>
    <row r="839002" spans="14:14">
      <c r="N839002" s="10"/>
    </row>
    <row r="839003" spans="14:14">
      <c r="N839003" s="10"/>
    </row>
    <row r="839004" spans="14:14">
      <c r="N839004" s="10"/>
    </row>
    <row r="839005" spans="14:14">
      <c r="N839005" s="10"/>
    </row>
    <row r="839006" spans="14:14">
      <c r="N839006" s="10"/>
    </row>
    <row r="839007" spans="14:14">
      <c r="N839007" s="10"/>
    </row>
    <row r="839008" spans="14:14">
      <c r="N839008" s="10"/>
    </row>
    <row r="839009" spans="14:14">
      <c r="N839009" s="10"/>
    </row>
    <row r="839010" spans="14:14">
      <c r="N839010" s="10"/>
    </row>
    <row r="839011" spans="14:14">
      <c r="N839011" s="10"/>
    </row>
    <row r="839012" spans="14:14">
      <c r="N839012" s="10"/>
    </row>
    <row r="839013" spans="14:14">
      <c r="N839013" s="10"/>
    </row>
    <row r="839014" spans="14:14">
      <c r="N839014" s="10"/>
    </row>
    <row r="839015" spans="14:14">
      <c r="N839015" s="10"/>
    </row>
    <row r="839016" spans="14:14">
      <c r="N839016" s="10"/>
    </row>
    <row r="839017" spans="14:14">
      <c r="N839017" s="10"/>
    </row>
    <row r="839018" spans="14:14">
      <c r="N839018" s="10"/>
    </row>
    <row r="839019" spans="14:14">
      <c r="N839019" s="10"/>
    </row>
    <row r="839020" spans="14:14">
      <c r="N839020" s="10"/>
    </row>
    <row r="839021" spans="14:14">
      <c r="N839021" s="10"/>
    </row>
    <row r="839022" spans="14:14">
      <c r="N839022" s="10"/>
    </row>
    <row r="839023" spans="14:14">
      <c r="N839023" s="10"/>
    </row>
    <row r="839024" spans="14:14">
      <c r="N839024" s="10"/>
    </row>
    <row r="839025" spans="14:14">
      <c r="N839025" s="10"/>
    </row>
    <row r="839026" spans="14:14">
      <c r="N839026" s="10"/>
    </row>
    <row r="839027" spans="14:14">
      <c r="N839027" s="10"/>
    </row>
    <row r="839028" spans="14:14">
      <c r="N839028" s="10"/>
    </row>
    <row r="839029" spans="14:14">
      <c r="N839029" s="10"/>
    </row>
    <row r="839030" spans="14:14">
      <c r="N839030" s="10"/>
    </row>
    <row r="839031" spans="14:14">
      <c r="N839031" s="10"/>
    </row>
    <row r="839032" spans="14:14">
      <c r="N839032" s="10"/>
    </row>
    <row r="839033" spans="14:14">
      <c r="N839033" s="10"/>
    </row>
    <row r="839034" spans="14:14">
      <c r="N839034" s="10"/>
    </row>
    <row r="839035" spans="14:14">
      <c r="N839035" s="10"/>
    </row>
    <row r="839036" spans="14:14">
      <c r="N839036" s="10"/>
    </row>
    <row r="839037" spans="14:14">
      <c r="N839037" s="10"/>
    </row>
    <row r="839038" spans="14:14">
      <c r="N839038" s="10"/>
    </row>
    <row r="839039" spans="14:14">
      <c r="N839039" s="10"/>
    </row>
    <row r="839040" spans="14:14">
      <c r="N839040" s="10"/>
    </row>
    <row r="839041" spans="14:14">
      <c r="N839041" s="10"/>
    </row>
    <row r="839042" spans="14:14">
      <c r="N839042" s="10"/>
    </row>
    <row r="839043" spans="14:14">
      <c r="N839043" s="10"/>
    </row>
    <row r="839044" spans="14:14">
      <c r="N839044" s="10"/>
    </row>
    <row r="839045" spans="14:14">
      <c r="N839045" s="10"/>
    </row>
    <row r="839046" spans="14:14">
      <c r="N839046" s="10"/>
    </row>
    <row r="839047" spans="14:14">
      <c r="N839047" s="10"/>
    </row>
    <row r="839048" spans="14:14">
      <c r="N839048" s="10"/>
    </row>
    <row r="839049" spans="14:14">
      <c r="N839049" s="10"/>
    </row>
    <row r="839050" spans="14:14">
      <c r="N839050" s="10"/>
    </row>
    <row r="839051" spans="14:14">
      <c r="N839051" s="10"/>
    </row>
    <row r="839052" spans="14:14">
      <c r="N839052" s="10"/>
    </row>
    <row r="839053" spans="14:14">
      <c r="N839053" s="10"/>
    </row>
    <row r="839054" spans="14:14">
      <c r="N839054" s="10"/>
    </row>
    <row r="839055" spans="14:14">
      <c r="N839055" s="10"/>
    </row>
    <row r="839056" spans="14:14">
      <c r="N839056" s="10"/>
    </row>
    <row r="839057" spans="14:14">
      <c r="N839057" s="10"/>
    </row>
    <row r="839058" spans="14:14">
      <c r="N839058" s="10"/>
    </row>
    <row r="839059" spans="14:14">
      <c r="N839059" s="10"/>
    </row>
    <row r="839060" spans="14:14">
      <c r="N839060" s="10"/>
    </row>
    <row r="839061" spans="14:14">
      <c r="N839061" s="10"/>
    </row>
    <row r="839062" spans="14:14">
      <c r="N839062" s="10"/>
    </row>
    <row r="839063" spans="14:14">
      <c r="N839063" s="10"/>
    </row>
    <row r="839064" spans="14:14">
      <c r="N839064" s="10"/>
    </row>
    <row r="839065" spans="14:14">
      <c r="N839065" s="10"/>
    </row>
    <row r="839066" spans="14:14">
      <c r="N839066" s="10"/>
    </row>
    <row r="839067" spans="14:14">
      <c r="N839067" s="10"/>
    </row>
    <row r="839068" spans="14:14">
      <c r="N839068" s="10"/>
    </row>
    <row r="839069" spans="14:14">
      <c r="N839069" s="10"/>
    </row>
    <row r="839070" spans="14:14">
      <c r="N839070" s="10"/>
    </row>
    <row r="839071" spans="14:14">
      <c r="N839071" s="10"/>
    </row>
    <row r="839072" spans="14:14">
      <c r="N839072" s="10"/>
    </row>
    <row r="839073" spans="14:14">
      <c r="N839073" s="10"/>
    </row>
    <row r="839074" spans="14:14">
      <c r="N839074" s="10"/>
    </row>
    <row r="839075" spans="14:14">
      <c r="N839075" s="10"/>
    </row>
    <row r="839076" spans="14:14">
      <c r="N839076" s="10"/>
    </row>
    <row r="839077" spans="14:14">
      <c r="N839077" s="10"/>
    </row>
    <row r="839078" spans="14:14">
      <c r="N839078" s="10"/>
    </row>
    <row r="839079" spans="14:14">
      <c r="N839079" s="10"/>
    </row>
    <row r="839080" spans="14:14">
      <c r="N839080" s="10"/>
    </row>
    <row r="839081" spans="14:14">
      <c r="N839081" s="10"/>
    </row>
    <row r="839082" spans="14:14">
      <c r="N839082" s="10"/>
    </row>
    <row r="839083" spans="14:14">
      <c r="N839083" s="10"/>
    </row>
    <row r="839084" spans="14:14">
      <c r="N839084" s="10"/>
    </row>
    <row r="839085" spans="14:14">
      <c r="N839085" s="10"/>
    </row>
    <row r="839086" spans="14:14">
      <c r="N839086" s="10"/>
    </row>
    <row r="839087" spans="14:14">
      <c r="N839087" s="10"/>
    </row>
    <row r="839088" spans="14:14">
      <c r="N839088" s="10"/>
    </row>
    <row r="839089" spans="14:14">
      <c r="N839089" s="10"/>
    </row>
    <row r="839090" spans="14:14">
      <c r="N839090" s="10"/>
    </row>
    <row r="839091" spans="14:14">
      <c r="N839091" s="10"/>
    </row>
    <row r="839092" spans="14:14">
      <c r="N839092" s="10"/>
    </row>
    <row r="839093" spans="14:14">
      <c r="N839093" s="10"/>
    </row>
    <row r="839094" spans="14:14">
      <c r="N839094" s="10"/>
    </row>
    <row r="839095" spans="14:14">
      <c r="N839095" s="10"/>
    </row>
    <row r="839096" spans="14:14">
      <c r="N839096" s="10"/>
    </row>
    <row r="839097" spans="14:14">
      <c r="N839097" s="10"/>
    </row>
    <row r="839098" spans="14:14">
      <c r="N839098" s="10"/>
    </row>
    <row r="839099" spans="14:14">
      <c r="N839099" s="10"/>
    </row>
    <row r="839100" spans="14:14">
      <c r="N839100" s="10"/>
    </row>
    <row r="839101" spans="14:14">
      <c r="N839101" s="10"/>
    </row>
    <row r="839102" spans="14:14">
      <c r="N839102" s="10"/>
    </row>
    <row r="839103" spans="14:14">
      <c r="N839103" s="10"/>
    </row>
    <row r="839104" spans="14:14">
      <c r="N839104" s="10"/>
    </row>
    <row r="839105" spans="14:14">
      <c r="N839105" s="10"/>
    </row>
    <row r="839106" spans="14:14">
      <c r="N839106" s="10"/>
    </row>
    <row r="839107" spans="14:14">
      <c r="N839107" s="10"/>
    </row>
    <row r="839108" spans="14:14">
      <c r="N839108" s="10"/>
    </row>
    <row r="839109" spans="14:14">
      <c r="N839109" s="10"/>
    </row>
    <row r="839110" spans="14:14">
      <c r="N839110" s="10"/>
    </row>
    <row r="839111" spans="14:14">
      <c r="N839111" s="10"/>
    </row>
    <row r="839112" spans="14:14">
      <c r="N839112" s="10"/>
    </row>
    <row r="839113" spans="14:14">
      <c r="N839113" s="10"/>
    </row>
    <row r="839114" spans="14:14">
      <c r="N839114" s="10"/>
    </row>
    <row r="839115" spans="14:14">
      <c r="N839115" s="10"/>
    </row>
    <row r="839116" spans="14:14">
      <c r="N839116" s="10"/>
    </row>
    <row r="839117" spans="14:14">
      <c r="N839117" s="10"/>
    </row>
    <row r="839118" spans="14:14">
      <c r="N839118" s="10"/>
    </row>
    <row r="839119" spans="14:14">
      <c r="N839119" s="10"/>
    </row>
    <row r="839120" spans="14:14">
      <c r="N839120" s="10"/>
    </row>
    <row r="839121" spans="14:14">
      <c r="N839121" s="10"/>
    </row>
    <row r="839122" spans="14:14">
      <c r="N839122" s="10"/>
    </row>
    <row r="839123" spans="14:14">
      <c r="N839123" s="10"/>
    </row>
    <row r="839124" spans="14:14">
      <c r="N839124" s="10"/>
    </row>
    <row r="839125" spans="14:14">
      <c r="N839125" s="10"/>
    </row>
    <row r="839126" spans="14:14">
      <c r="N839126" s="10"/>
    </row>
    <row r="839127" spans="14:14">
      <c r="N839127" s="10"/>
    </row>
    <row r="839128" spans="14:14">
      <c r="N839128" s="10"/>
    </row>
    <row r="839129" spans="14:14">
      <c r="N839129" s="10"/>
    </row>
    <row r="839130" spans="14:14">
      <c r="N839130" s="10"/>
    </row>
    <row r="839131" spans="14:14">
      <c r="N839131" s="10"/>
    </row>
    <row r="839132" spans="14:14">
      <c r="N839132" s="10"/>
    </row>
    <row r="839133" spans="14:14">
      <c r="N839133" s="10"/>
    </row>
    <row r="839134" spans="14:14">
      <c r="N839134" s="10"/>
    </row>
    <row r="839135" spans="14:14">
      <c r="N839135" s="10"/>
    </row>
    <row r="839136" spans="14:14">
      <c r="N839136" s="10"/>
    </row>
    <row r="839137" spans="14:14">
      <c r="N839137" s="10"/>
    </row>
    <row r="839138" spans="14:14">
      <c r="N839138" s="10"/>
    </row>
    <row r="839139" spans="14:14">
      <c r="N839139" s="10"/>
    </row>
    <row r="839140" spans="14:14">
      <c r="N839140" s="10"/>
    </row>
    <row r="839141" spans="14:14">
      <c r="N839141" s="10"/>
    </row>
    <row r="839142" spans="14:14">
      <c r="N839142" s="10"/>
    </row>
    <row r="839143" spans="14:14">
      <c r="N839143" s="10"/>
    </row>
    <row r="839144" spans="14:14">
      <c r="N839144" s="10"/>
    </row>
    <row r="839145" spans="14:14">
      <c r="N839145" s="10"/>
    </row>
    <row r="839146" spans="14:14">
      <c r="N839146" s="10"/>
    </row>
    <row r="839147" spans="14:14">
      <c r="N839147" s="10"/>
    </row>
    <row r="839148" spans="14:14">
      <c r="N839148" s="10"/>
    </row>
    <row r="839149" spans="14:14">
      <c r="N839149" s="10"/>
    </row>
    <row r="839150" spans="14:14">
      <c r="N839150" s="10"/>
    </row>
    <row r="839151" spans="14:14">
      <c r="N839151" s="10"/>
    </row>
    <row r="839152" spans="14:14">
      <c r="N839152" s="10"/>
    </row>
    <row r="839153" spans="14:14">
      <c r="N839153" s="10"/>
    </row>
    <row r="839154" spans="14:14">
      <c r="N839154" s="10"/>
    </row>
    <row r="839155" spans="14:14">
      <c r="N839155" s="10"/>
    </row>
    <row r="839156" spans="14:14">
      <c r="N839156" s="10"/>
    </row>
    <row r="839157" spans="14:14">
      <c r="N839157" s="10"/>
    </row>
    <row r="839158" spans="14:14">
      <c r="N839158" s="10"/>
    </row>
    <row r="839159" spans="14:14">
      <c r="N839159" s="10"/>
    </row>
    <row r="839160" spans="14:14">
      <c r="N839160" s="10"/>
    </row>
    <row r="839161" spans="14:14">
      <c r="N839161" s="10"/>
    </row>
    <row r="839162" spans="14:14">
      <c r="N839162" s="10"/>
    </row>
    <row r="839163" spans="14:14">
      <c r="N839163" s="10"/>
    </row>
    <row r="839164" spans="14:14">
      <c r="N839164" s="10"/>
    </row>
    <row r="839165" spans="14:14">
      <c r="N839165" s="10"/>
    </row>
    <row r="839166" spans="14:14">
      <c r="N839166" s="10"/>
    </row>
    <row r="839167" spans="14:14">
      <c r="N839167" s="10"/>
    </row>
    <row r="839168" spans="14:14">
      <c r="N839168" s="10"/>
    </row>
    <row r="839169" spans="14:14">
      <c r="N839169" s="10"/>
    </row>
    <row r="839170" spans="14:14">
      <c r="N839170" s="10"/>
    </row>
    <row r="839171" spans="14:14">
      <c r="N839171" s="10"/>
    </row>
    <row r="839172" spans="14:14">
      <c r="N839172" s="10"/>
    </row>
    <row r="839173" spans="14:14">
      <c r="N839173" s="10"/>
    </row>
    <row r="839174" spans="14:14">
      <c r="N839174" s="10"/>
    </row>
    <row r="839175" spans="14:14">
      <c r="N839175" s="10"/>
    </row>
    <row r="839176" spans="14:14">
      <c r="N839176" s="10"/>
    </row>
    <row r="839177" spans="14:14">
      <c r="N839177" s="10"/>
    </row>
    <row r="839178" spans="14:14">
      <c r="N839178" s="10"/>
    </row>
    <row r="839179" spans="14:14">
      <c r="N839179" s="10"/>
    </row>
    <row r="839180" spans="14:14">
      <c r="N839180" s="10"/>
    </row>
    <row r="839181" spans="14:14">
      <c r="N839181" s="10"/>
    </row>
    <row r="839182" spans="14:14">
      <c r="N839182" s="10"/>
    </row>
    <row r="839183" spans="14:14">
      <c r="N839183" s="10"/>
    </row>
    <row r="839184" spans="14:14">
      <c r="N839184" s="10"/>
    </row>
    <row r="839185" spans="14:14">
      <c r="N839185" s="10"/>
    </row>
    <row r="839186" spans="14:14">
      <c r="N839186" s="10"/>
    </row>
    <row r="839187" spans="14:14">
      <c r="N839187" s="10"/>
    </row>
    <row r="839188" spans="14:14">
      <c r="N839188" s="10"/>
    </row>
    <row r="839189" spans="14:14">
      <c r="N839189" s="10"/>
    </row>
    <row r="839190" spans="14:14">
      <c r="N839190" s="10"/>
    </row>
    <row r="839191" spans="14:14">
      <c r="N839191" s="10"/>
    </row>
    <row r="839192" spans="14:14">
      <c r="N839192" s="10"/>
    </row>
    <row r="839193" spans="14:14">
      <c r="N839193" s="10"/>
    </row>
    <row r="839194" spans="14:14">
      <c r="N839194" s="10"/>
    </row>
    <row r="839195" spans="14:14">
      <c r="N839195" s="10"/>
    </row>
    <row r="839196" spans="14:14">
      <c r="N839196" s="10"/>
    </row>
    <row r="839197" spans="14:14">
      <c r="N839197" s="10"/>
    </row>
    <row r="839198" spans="14:14">
      <c r="N839198" s="10"/>
    </row>
    <row r="839199" spans="14:14">
      <c r="N839199" s="10"/>
    </row>
    <row r="839200" spans="14:14">
      <c r="N839200" s="10"/>
    </row>
    <row r="839201" spans="14:14">
      <c r="N839201" s="10"/>
    </row>
    <row r="839202" spans="14:14">
      <c r="N839202" s="10"/>
    </row>
    <row r="839203" spans="14:14">
      <c r="N839203" s="10"/>
    </row>
    <row r="839204" spans="14:14">
      <c r="N839204" s="10"/>
    </row>
    <row r="839205" spans="14:14">
      <c r="N839205" s="10"/>
    </row>
    <row r="839206" spans="14:14">
      <c r="N839206" s="10"/>
    </row>
    <row r="839207" spans="14:14">
      <c r="N839207" s="10"/>
    </row>
    <row r="839208" spans="14:14">
      <c r="N839208" s="10"/>
    </row>
    <row r="839209" spans="14:14">
      <c r="N839209" s="10"/>
    </row>
    <row r="839210" spans="14:14">
      <c r="N839210" s="10"/>
    </row>
    <row r="839211" spans="14:14">
      <c r="N839211" s="10"/>
    </row>
    <row r="839212" spans="14:14">
      <c r="N839212" s="10"/>
    </row>
    <row r="839213" spans="14:14">
      <c r="N839213" s="10"/>
    </row>
    <row r="839214" spans="14:14">
      <c r="N839214" s="10"/>
    </row>
    <row r="839215" spans="14:14">
      <c r="N839215" s="10"/>
    </row>
    <row r="839216" spans="14:14">
      <c r="N839216" s="10"/>
    </row>
    <row r="839217" spans="14:14">
      <c r="N839217" s="10"/>
    </row>
    <row r="839218" spans="14:14">
      <c r="N839218" s="10"/>
    </row>
    <row r="839219" spans="14:14">
      <c r="N839219" s="10"/>
    </row>
    <row r="839220" spans="14:14">
      <c r="N839220" s="10"/>
    </row>
    <row r="839221" spans="14:14">
      <c r="N839221" s="10"/>
    </row>
    <row r="839222" spans="14:14">
      <c r="N839222" s="10"/>
    </row>
    <row r="839223" spans="14:14">
      <c r="N839223" s="10"/>
    </row>
    <row r="839224" spans="14:14">
      <c r="N839224" s="10"/>
    </row>
    <row r="839225" spans="14:14">
      <c r="N839225" s="10"/>
    </row>
    <row r="839226" spans="14:14">
      <c r="N839226" s="10"/>
    </row>
    <row r="839227" spans="14:14">
      <c r="N839227" s="10"/>
    </row>
    <row r="839228" spans="14:14">
      <c r="N839228" s="10"/>
    </row>
    <row r="839229" spans="14:14">
      <c r="N839229" s="10"/>
    </row>
    <row r="839230" spans="14:14">
      <c r="N839230" s="10"/>
    </row>
    <row r="839231" spans="14:14">
      <c r="N839231" s="10"/>
    </row>
    <row r="839232" spans="14:14">
      <c r="N839232" s="10"/>
    </row>
    <row r="839233" spans="14:14">
      <c r="N839233" s="10"/>
    </row>
    <row r="839234" spans="14:14">
      <c r="N839234" s="10"/>
    </row>
    <row r="839235" spans="14:14">
      <c r="N839235" s="10"/>
    </row>
    <row r="839236" spans="14:14">
      <c r="N839236" s="10"/>
    </row>
    <row r="839237" spans="14:14">
      <c r="N839237" s="10"/>
    </row>
    <row r="839238" spans="14:14">
      <c r="N839238" s="10"/>
    </row>
    <row r="839239" spans="14:14">
      <c r="N839239" s="10"/>
    </row>
    <row r="839240" spans="14:14">
      <c r="N839240" s="10"/>
    </row>
    <row r="839241" spans="14:14">
      <c r="N839241" s="10"/>
    </row>
    <row r="839242" spans="14:14">
      <c r="N839242" s="10"/>
    </row>
    <row r="839243" spans="14:14">
      <c r="N839243" s="10"/>
    </row>
    <row r="839244" spans="14:14">
      <c r="N839244" s="10"/>
    </row>
    <row r="839245" spans="14:14">
      <c r="N839245" s="10"/>
    </row>
    <row r="839246" spans="14:14">
      <c r="N839246" s="10"/>
    </row>
    <row r="839247" spans="14:14">
      <c r="N839247" s="10"/>
    </row>
    <row r="839248" spans="14:14">
      <c r="N839248" s="10"/>
    </row>
    <row r="839249" spans="14:14">
      <c r="N839249" s="10"/>
    </row>
    <row r="839250" spans="14:14">
      <c r="N839250" s="10"/>
    </row>
    <row r="839251" spans="14:14">
      <c r="N839251" s="10"/>
    </row>
    <row r="839252" spans="14:14">
      <c r="N839252" s="10"/>
    </row>
    <row r="839253" spans="14:14">
      <c r="N839253" s="10"/>
    </row>
    <row r="839254" spans="14:14">
      <c r="N839254" s="10"/>
    </row>
    <row r="839255" spans="14:14">
      <c r="N839255" s="10"/>
    </row>
    <row r="839256" spans="14:14">
      <c r="N839256" s="10"/>
    </row>
    <row r="839257" spans="14:14">
      <c r="N839257" s="10"/>
    </row>
    <row r="839258" spans="14:14">
      <c r="N839258" s="10"/>
    </row>
    <row r="839259" spans="14:14">
      <c r="N839259" s="10"/>
    </row>
    <row r="839260" spans="14:14">
      <c r="N839260" s="10"/>
    </row>
    <row r="839261" spans="14:14">
      <c r="N839261" s="10"/>
    </row>
    <row r="839262" spans="14:14">
      <c r="N839262" s="10"/>
    </row>
    <row r="839263" spans="14:14">
      <c r="N839263" s="10"/>
    </row>
    <row r="839264" spans="14:14">
      <c r="N839264" s="10"/>
    </row>
    <row r="839265" spans="14:14">
      <c r="N839265" s="10"/>
    </row>
    <row r="839266" spans="14:14">
      <c r="N839266" s="10"/>
    </row>
    <row r="839267" spans="14:14">
      <c r="N839267" s="10"/>
    </row>
    <row r="839268" spans="14:14">
      <c r="N839268" s="10"/>
    </row>
    <row r="839269" spans="14:14">
      <c r="N839269" s="10"/>
    </row>
    <row r="839270" spans="14:14">
      <c r="N839270" s="10"/>
    </row>
    <row r="839271" spans="14:14">
      <c r="N839271" s="10"/>
    </row>
    <row r="839272" spans="14:14">
      <c r="N839272" s="10"/>
    </row>
    <row r="839273" spans="14:14">
      <c r="N839273" s="10"/>
    </row>
    <row r="839274" spans="14:14">
      <c r="N839274" s="10"/>
    </row>
    <row r="839275" spans="14:14">
      <c r="N839275" s="10"/>
    </row>
    <row r="839276" spans="14:14">
      <c r="N839276" s="10"/>
    </row>
    <row r="839277" spans="14:14">
      <c r="N839277" s="10"/>
    </row>
    <row r="839278" spans="14:14">
      <c r="N839278" s="10"/>
    </row>
    <row r="839279" spans="14:14">
      <c r="N839279" s="10"/>
    </row>
    <row r="839280" spans="14:14">
      <c r="N839280" s="10"/>
    </row>
    <row r="839281" spans="14:14">
      <c r="N839281" s="10"/>
    </row>
    <row r="839282" spans="14:14">
      <c r="N839282" s="10"/>
    </row>
    <row r="839283" spans="14:14">
      <c r="N839283" s="10"/>
    </row>
    <row r="839284" spans="14:14">
      <c r="N839284" s="10"/>
    </row>
    <row r="839285" spans="14:14">
      <c r="N839285" s="10"/>
    </row>
    <row r="839286" spans="14:14">
      <c r="N839286" s="10"/>
    </row>
    <row r="839287" spans="14:14">
      <c r="N839287" s="10"/>
    </row>
    <row r="839288" spans="14:14">
      <c r="N839288" s="10"/>
    </row>
    <row r="839289" spans="14:14">
      <c r="N839289" s="10"/>
    </row>
    <row r="839290" spans="14:14">
      <c r="N839290" s="10"/>
    </row>
    <row r="839291" spans="14:14">
      <c r="N839291" s="10"/>
    </row>
    <row r="839292" spans="14:14">
      <c r="N839292" s="10"/>
    </row>
    <row r="839293" spans="14:14">
      <c r="N839293" s="10"/>
    </row>
    <row r="839294" spans="14:14">
      <c r="N839294" s="10"/>
    </row>
    <row r="839295" spans="14:14">
      <c r="N839295" s="10"/>
    </row>
    <row r="839296" spans="14:14">
      <c r="N839296" s="10"/>
    </row>
    <row r="839297" spans="14:14">
      <c r="N839297" s="10"/>
    </row>
    <row r="839298" spans="14:14">
      <c r="N839298" s="10"/>
    </row>
    <row r="839299" spans="14:14">
      <c r="N839299" s="10"/>
    </row>
    <row r="839300" spans="14:14">
      <c r="N839300" s="10"/>
    </row>
    <row r="839301" spans="14:14">
      <c r="N839301" s="10"/>
    </row>
    <row r="839302" spans="14:14">
      <c r="N839302" s="10"/>
    </row>
    <row r="839303" spans="14:14">
      <c r="N839303" s="10"/>
    </row>
    <row r="839304" spans="14:14">
      <c r="N839304" s="10"/>
    </row>
    <row r="839305" spans="14:14">
      <c r="N839305" s="10"/>
    </row>
    <row r="839306" spans="14:14">
      <c r="N839306" s="10"/>
    </row>
    <row r="839307" spans="14:14">
      <c r="N839307" s="10"/>
    </row>
    <row r="839308" spans="14:14">
      <c r="N839308" s="10"/>
    </row>
    <row r="839309" spans="14:14">
      <c r="N839309" s="10"/>
    </row>
    <row r="839310" spans="14:14">
      <c r="N839310" s="10"/>
    </row>
    <row r="839311" spans="14:14">
      <c r="N839311" s="10"/>
    </row>
    <row r="839312" spans="14:14">
      <c r="N839312" s="10"/>
    </row>
    <row r="839313" spans="14:14">
      <c r="N839313" s="10"/>
    </row>
    <row r="839314" spans="14:14">
      <c r="N839314" s="10"/>
    </row>
    <row r="839315" spans="14:14">
      <c r="N839315" s="10"/>
    </row>
    <row r="839316" spans="14:14">
      <c r="N839316" s="10"/>
    </row>
    <row r="839317" spans="14:14">
      <c r="N839317" s="10"/>
    </row>
    <row r="839318" spans="14:14">
      <c r="N839318" s="10"/>
    </row>
    <row r="839319" spans="14:14">
      <c r="N839319" s="10"/>
    </row>
    <row r="839320" spans="14:14">
      <c r="N839320" s="10"/>
    </row>
    <row r="839321" spans="14:14">
      <c r="N839321" s="10"/>
    </row>
    <row r="839322" spans="14:14">
      <c r="N839322" s="10"/>
    </row>
    <row r="839323" spans="14:14">
      <c r="N839323" s="10"/>
    </row>
    <row r="839324" spans="14:14">
      <c r="N839324" s="10"/>
    </row>
    <row r="839325" spans="14:14">
      <c r="N839325" s="10"/>
    </row>
    <row r="839326" spans="14:14">
      <c r="N839326" s="10"/>
    </row>
    <row r="839327" spans="14:14">
      <c r="N839327" s="10"/>
    </row>
    <row r="839328" spans="14:14">
      <c r="N839328" s="10"/>
    </row>
    <row r="839329" spans="14:14">
      <c r="N839329" s="10"/>
    </row>
    <row r="839330" spans="14:14">
      <c r="N839330" s="10"/>
    </row>
    <row r="839331" spans="14:14">
      <c r="N839331" s="10"/>
    </row>
    <row r="839332" spans="14:14">
      <c r="N839332" s="10"/>
    </row>
    <row r="839333" spans="14:14">
      <c r="N839333" s="10"/>
    </row>
    <row r="839334" spans="14:14">
      <c r="N839334" s="10"/>
    </row>
    <row r="839335" spans="14:14">
      <c r="N839335" s="10"/>
    </row>
    <row r="839336" spans="14:14">
      <c r="N839336" s="10"/>
    </row>
    <row r="839337" spans="14:14">
      <c r="N839337" s="10"/>
    </row>
    <row r="839338" spans="14:14">
      <c r="N839338" s="10"/>
    </row>
    <row r="839339" spans="14:14">
      <c r="N839339" s="10"/>
    </row>
    <row r="839340" spans="14:14">
      <c r="N839340" s="10"/>
    </row>
    <row r="839341" spans="14:14">
      <c r="N839341" s="10"/>
    </row>
    <row r="839342" spans="14:14">
      <c r="N839342" s="10"/>
    </row>
    <row r="839343" spans="14:14">
      <c r="N839343" s="10"/>
    </row>
    <row r="839344" spans="14:14">
      <c r="N839344" s="10"/>
    </row>
    <row r="839345" spans="14:14">
      <c r="N839345" s="10"/>
    </row>
    <row r="839346" spans="14:14">
      <c r="N839346" s="10"/>
    </row>
    <row r="839347" spans="14:14">
      <c r="N839347" s="10"/>
    </row>
    <row r="839348" spans="14:14">
      <c r="N839348" s="10"/>
    </row>
    <row r="839349" spans="14:14">
      <c r="N839349" s="10"/>
    </row>
    <row r="839350" spans="14:14">
      <c r="N839350" s="10"/>
    </row>
    <row r="839351" spans="14:14">
      <c r="N839351" s="10"/>
    </row>
    <row r="839352" spans="14:14">
      <c r="N839352" s="10"/>
    </row>
    <row r="839353" spans="14:14">
      <c r="N839353" s="10"/>
    </row>
    <row r="839354" spans="14:14">
      <c r="N839354" s="10"/>
    </row>
    <row r="839355" spans="14:14">
      <c r="N839355" s="10"/>
    </row>
    <row r="839356" spans="14:14">
      <c r="N839356" s="10"/>
    </row>
    <row r="839357" spans="14:14">
      <c r="N839357" s="10"/>
    </row>
    <row r="839358" spans="14:14">
      <c r="N839358" s="10"/>
    </row>
    <row r="839359" spans="14:14">
      <c r="N839359" s="10"/>
    </row>
    <row r="839360" spans="14:14">
      <c r="N839360" s="10"/>
    </row>
    <row r="839361" spans="14:14">
      <c r="N839361" s="10"/>
    </row>
    <row r="839362" spans="14:14">
      <c r="N839362" s="10"/>
    </row>
    <row r="839363" spans="14:14">
      <c r="N839363" s="10"/>
    </row>
    <row r="839364" spans="14:14">
      <c r="N839364" s="10"/>
    </row>
    <row r="839365" spans="14:14">
      <c r="N839365" s="10"/>
    </row>
    <row r="839366" spans="14:14">
      <c r="N839366" s="10"/>
    </row>
    <row r="839367" spans="14:14">
      <c r="N839367" s="10"/>
    </row>
    <row r="839368" spans="14:14">
      <c r="N839368" s="10"/>
    </row>
    <row r="839369" spans="14:14">
      <c r="N839369" s="10"/>
    </row>
    <row r="839370" spans="14:14">
      <c r="N839370" s="10"/>
    </row>
    <row r="839371" spans="14:14">
      <c r="N839371" s="10"/>
    </row>
    <row r="839372" spans="14:14">
      <c r="N839372" s="10"/>
    </row>
    <row r="839373" spans="14:14">
      <c r="N839373" s="10"/>
    </row>
    <row r="839374" spans="14:14">
      <c r="N839374" s="10"/>
    </row>
    <row r="839375" spans="14:14">
      <c r="N839375" s="10"/>
    </row>
    <row r="839376" spans="14:14">
      <c r="N839376" s="10"/>
    </row>
    <row r="839377" spans="14:14">
      <c r="N839377" s="10"/>
    </row>
    <row r="839378" spans="14:14">
      <c r="N839378" s="10"/>
    </row>
    <row r="839379" spans="14:14">
      <c r="N839379" s="10"/>
    </row>
    <row r="839380" spans="14:14">
      <c r="N839380" s="10"/>
    </row>
    <row r="839381" spans="14:14">
      <c r="N839381" s="10"/>
    </row>
    <row r="839382" spans="14:14">
      <c r="N839382" s="10"/>
    </row>
    <row r="839383" spans="14:14">
      <c r="N839383" s="10"/>
    </row>
    <row r="839384" spans="14:14">
      <c r="N839384" s="10"/>
    </row>
    <row r="839385" spans="14:14">
      <c r="N839385" s="10"/>
    </row>
    <row r="839386" spans="14:14">
      <c r="N839386" s="10"/>
    </row>
    <row r="839387" spans="14:14">
      <c r="N839387" s="10"/>
    </row>
    <row r="839388" spans="14:14">
      <c r="N839388" s="10"/>
    </row>
    <row r="839389" spans="14:14">
      <c r="N839389" s="10"/>
    </row>
    <row r="839390" spans="14:14">
      <c r="N839390" s="10"/>
    </row>
    <row r="839391" spans="14:14">
      <c r="N839391" s="10"/>
    </row>
    <row r="839392" spans="14:14">
      <c r="N839392" s="10"/>
    </row>
    <row r="839393" spans="14:14">
      <c r="N839393" s="10"/>
    </row>
    <row r="839394" spans="14:14">
      <c r="N839394" s="10"/>
    </row>
    <row r="839395" spans="14:14">
      <c r="N839395" s="10"/>
    </row>
    <row r="839396" spans="14:14">
      <c r="N839396" s="10"/>
    </row>
    <row r="839397" spans="14:14">
      <c r="N839397" s="10"/>
    </row>
    <row r="839398" spans="14:14">
      <c r="N839398" s="10"/>
    </row>
    <row r="839399" spans="14:14">
      <c r="N839399" s="10"/>
    </row>
    <row r="839400" spans="14:14">
      <c r="N839400" s="10"/>
    </row>
    <row r="839401" spans="14:14">
      <c r="N839401" s="10"/>
    </row>
    <row r="839402" spans="14:14">
      <c r="N839402" s="10"/>
    </row>
    <row r="839403" spans="14:14">
      <c r="N839403" s="10"/>
    </row>
    <row r="839404" spans="14:14">
      <c r="N839404" s="10"/>
    </row>
    <row r="839405" spans="14:14">
      <c r="N839405" s="10"/>
    </row>
    <row r="839406" spans="14:14">
      <c r="N839406" s="10"/>
    </row>
    <row r="839407" spans="14:14">
      <c r="N839407" s="10"/>
    </row>
    <row r="839408" spans="14:14">
      <c r="N839408" s="10"/>
    </row>
    <row r="839409" spans="14:14">
      <c r="N839409" s="10"/>
    </row>
    <row r="839410" spans="14:14">
      <c r="N839410" s="10"/>
    </row>
    <row r="839411" spans="14:14">
      <c r="N839411" s="10"/>
    </row>
    <row r="839412" spans="14:14">
      <c r="N839412" s="10"/>
    </row>
    <row r="839413" spans="14:14">
      <c r="N839413" s="10"/>
    </row>
    <row r="839414" spans="14:14">
      <c r="N839414" s="10"/>
    </row>
    <row r="839415" spans="14:14">
      <c r="N839415" s="10"/>
    </row>
    <row r="839416" spans="14:14">
      <c r="N839416" s="10"/>
    </row>
    <row r="839417" spans="14:14">
      <c r="N839417" s="10"/>
    </row>
    <row r="839418" spans="14:14">
      <c r="N839418" s="10"/>
    </row>
    <row r="839419" spans="14:14">
      <c r="N839419" s="10"/>
    </row>
    <row r="839420" spans="14:14">
      <c r="N839420" s="10"/>
    </row>
    <row r="839421" spans="14:14">
      <c r="N839421" s="10"/>
    </row>
    <row r="839422" spans="14:14">
      <c r="N839422" s="10"/>
    </row>
    <row r="839423" spans="14:14">
      <c r="N839423" s="10"/>
    </row>
    <row r="839424" spans="14:14">
      <c r="N839424" s="10"/>
    </row>
    <row r="839425" spans="14:14">
      <c r="N839425" s="10"/>
    </row>
    <row r="839426" spans="14:14">
      <c r="N839426" s="10"/>
    </row>
    <row r="839427" spans="14:14">
      <c r="N839427" s="10"/>
    </row>
    <row r="839428" spans="14:14">
      <c r="N839428" s="10"/>
    </row>
    <row r="839429" spans="14:14">
      <c r="N839429" s="10"/>
    </row>
    <row r="839430" spans="14:14">
      <c r="N839430" s="10"/>
    </row>
    <row r="839431" spans="14:14">
      <c r="N839431" s="10"/>
    </row>
    <row r="839432" spans="14:14">
      <c r="N839432" s="10"/>
    </row>
    <row r="839433" spans="14:14">
      <c r="N839433" s="10"/>
    </row>
    <row r="839434" spans="14:14">
      <c r="N839434" s="10"/>
    </row>
    <row r="839435" spans="14:14">
      <c r="N839435" s="10"/>
    </row>
    <row r="839436" spans="14:14">
      <c r="N839436" s="10"/>
    </row>
    <row r="839437" spans="14:14">
      <c r="N839437" s="10"/>
    </row>
    <row r="839438" spans="14:14">
      <c r="N839438" s="10"/>
    </row>
    <row r="839439" spans="14:14">
      <c r="N839439" s="10"/>
    </row>
    <row r="839440" spans="14:14">
      <c r="N839440" s="10"/>
    </row>
    <row r="839441" spans="14:14">
      <c r="N839441" s="10"/>
    </row>
    <row r="839442" spans="14:14">
      <c r="N839442" s="10"/>
    </row>
    <row r="839443" spans="14:14">
      <c r="N839443" s="10"/>
    </row>
    <row r="839444" spans="14:14">
      <c r="N839444" s="10"/>
    </row>
    <row r="839445" spans="14:14">
      <c r="N839445" s="10"/>
    </row>
    <row r="839446" spans="14:14">
      <c r="N839446" s="10"/>
    </row>
    <row r="839447" spans="14:14">
      <c r="N839447" s="10"/>
    </row>
    <row r="839448" spans="14:14">
      <c r="N839448" s="10"/>
    </row>
    <row r="839449" spans="14:14">
      <c r="N839449" s="10"/>
    </row>
    <row r="839450" spans="14:14">
      <c r="N839450" s="10"/>
    </row>
    <row r="839451" spans="14:14">
      <c r="N839451" s="10"/>
    </row>
    <row r="839452" spans="14:14">
      <c r="N839452" s="10"/>
    </row>
    <row r="839453" spans="14:14">
      <c r="N839453" s="10"/>
    </row>
    <row r="839454" spans="14:14">
      <c r="N839454" s="10"/>
    </row>
    <row r="839455" spans="14:14">
      <c r="N839455" s="10"/>
    </row>
    <row r="839456" spans="14:14">
      <c r="N839456" s="10"/>
    </row>
    <row r="839457" spans="14:14">
      <c r="N839457" s="10"/>
    </row>
    <row r="839458" spans="14:14">
      <c r="N839458" s="10"/>
    </row>
    <row r="839459" spans="14:14">
      <c r="N839459" s="10"/>
    </row>
    <row r="839460" spans="14:14">
      <c r="N839460" s="10"/>
    </row>
    <row r="839461" spans="14:14">
      <c r="N839461" s="10"/>
    </row>
    <row r="839462" spans="14:14">
      <c r="N839462" s="10"/>
    </row>
    <row r="839463" spans="14:14">
      <c r="N839463" s="10"/>
    </row>
    <row r="839464" spans="14:14">
      <c r="N839464" s="10"/>
    </row>
    <row r="839465" spans="14:14">
      <c r="N839465" s="10"/>
    </row>
    <row r="839466" spans="14:14">
      <c r="N839466" s="10"/>
    </row>
    <row r="839467" spans="14:14">
      <c r="N839467" s="10"/>
    </row>
    <row r="839468" spans="14:14">
      <c r="N839468" s="10"/>
    </row>
    <row r="839469" spans="14:14">
      <c r="N839469" s="10"/>
    </row>
    <row r="839470" spans="14:14">
      <c r="N839470" s="10"/>
    </row>
    <row r="839471" spans="14:14">
      <c r="N839471" s="10"/>
    </row>
    <row r="839472" spans="14:14">
      <c r="N839472" s="10"/>
    </row>
    <row r="839473" spans="14:14">
      <c r="N839473" s="10"/>
    </row>
    <row r="839474" spans="14:14">
      <c r="N839474" s="10"/>
    </row>
    <row r="839475" spans="14:14">
      <c r="N839475" s="10"/>
    </row>
    <row r="839476" spans="14:14">
      <c r="N839476" s="10"/>
    </row>
    <row r="839477" spans="14:14">
      <c r="N839477" s="10"/>
    </row>
    <row r="839478" spans="14:14">
      <c r="N839478" s="10"/>
    </row>
    <row r="839479" spans="14:14">
      <c r="N839479" s="10"/>
    </row>
    <row r="839480" spans="14:14">
      <c r="N839480" s="10"/>
    </row>
    <row r="839481" spans="14:14">
      <c r="N839481" s="10"/>
    </row>
    <row r="839482" spans="14:14">
      <c r="N839482" s="10"/>
    </row>
    <row r="839483" spans="14:14">
      <c r="N839483" s="10"/>
    </row>
    <row r="839484" spans="14:14">
      <c r="N839484" s="10"/>
    </row>
    <row r="839485" spans="14:14">
      <c r="N839485" s="10"/>
    </row>
    <row r="839486" spans="14:14">
      <c r="N839486" s="10"/>
    </row>
    <row r="839487" spans="14:14">
      <c r="N839487" s="10"/>
    </row>
    <row r="839488" spans="14:14">
      <c r="N839488" s="10"/>
    </row>
    <row r="839489" spans="14:14">
      <c r="N839489" s="10"/>
    </row>
    <row r="839490" spans="14:14">
      <c r="N839490" s="10"/>
    </row>
    <row r="839491" spans="14:14">
      <c r="N839491" s="10"/>
    </row>
    <row r="839492" spans="14:14">
      <c r="N839492" s="10"/>
    </row>
    <row r="839493" spans="14:14">
      <c r="N839493" s="10"/>
    </row>
    <row r="839494" spans="14:14">
      <c r="N839494" s="10"/>
    </row>
    <row r="839495" spans="14:14">
      <c r="N839495" s="10"/>
    </row>
    <row r="839496" spans="14:14">
      <c r="N839496" s="10"/>
    </row>
    <row r="839497" spans="14:14">
      <c r="N839497" s="10"/>
    </row>
    <row r="839498" spans="14:14">
      <c r="N839498" s="10"/>
    </row>
    <row r="839499" spans="14:14">
      <c r="N839499" s="10"/>
    </row>
    <row r="839500" spans="14:14">
      <c r="N839500" s="10"/>
    </row>
    <row r="839501" spans="14:14">
      <c r="N839501" s="10"/>
    </row>
    <row r="839502" spans="14:14">
      <c r="N839502" s="10"/>
    </row>
    <row r="839503" spans="14:14">
      <c r="N839503" s="10"/>
    </row>
    <row r="839504" spans="14:14">
      <c r="N839504" s="10"/>
    </row>
    <row r="839505" spans="14:14">
      <c r="N839505" s="10"/>
    </row>
    <row r="839506" spans="14:14">
      <c r="N839506" s="10"/>
    </row>
    <row r="839507" spans="14:14">
      <c r="N839507" s="10"/>
    </row>
    <row r="839508" spans="14:14">
      <c r="N839508" s="10"/>
    </row>
    <row r="839509" spans="14:14">
      <c r="N839509" s="10"/>
    </row>
    <row r="839510" spans="14:14">
      <c r="N839510" s="10"/>
    </row>
    <row r="839511" spans="14:14">
      <c r="N839511" s="10"/>
    </row>
    <row r="839512" spans="14:14">
      <c r="N839512" s="10"/>
    </row>
    <row r="839513" spans="14:14">
      <c r="N839513" s="10"/>
    </row>
    <row r="839514" spans="14:14">
      <c r="N839514" s="10"/>
    </row>
    <row r="839515" spans="14:14">
      <c r="N839515" s="10"/>
    </row>
    <row r="839516" spans="14:14">
      <c r="N839516" s="10"/>
    </row>
    <row r="839517" spans="14:14">
      <c r="N839517" s="10"/>
    </row>
    <row r="839518" spans="14:14">
      <c r="N839518" s="10"/>
    </row>
    <row r="839519" spans="14:14">
      <c r="N839519" s="10"/>
    </row>
    <row r="839520" spans="14:14">
      <c r="N839520" s="10"/>
    </row>
    <row r="839521" spans="14:14">
      <c r="N839521" s="10"/>
    </row>
    <row r="839522" spans="14:14">
      <c r="N839522" s="10"/>
    </row>
    <row r="839523" spans="14:14">
      <c r="N839523" s="10"/>
    </row>
    <row r="839524" spans="14:14">
      <c r="N839524" s="10"/>
    </row>
    <row r="839525" spans="14:14">
      <c r="N839525" s="10"/>
    </row>
    <row r="839526" spans="14:14">
      <c r="N839526" s="10"/>
    </row>
    <row r="839527" spans="14:14">
      <c r="N839527" s="10"/>
    </row>
    <row r="839528" spans="14:14">
      <c r="N839528" s="10"/>
    </row>
    <row r="839529" spans="14:14">
      <c r="N839529" s="10"/>
    </row>
    <row r="839530" spans="14:14">
      <c r="N839530" s="10"/>
    </row>
    <row r="839531" spans="14:14">
      <c r="N839531" s="10"/>
    </row>
    <row r="839532" spans="14:14">
      <c r="N839532" s="10"/>
    </row>
    <row r="839533" spans="14:14">
      <c r="N839533" s="10"/>
    </row>
    <row r="839534" spans="14:14">
      <c r="N839534" s="10"/>
    </row>
    <row r="839535" spans="14:14">
      <c r="N839535" s="10"/>
    </row>
    <row r="839536" spans="14:14">
      <c r="N839536" s="10"/>
    </row>
    <row r="839537" spans="14:14">
      <c r="N839537" s="10"/>
    </row>
    <row r="839538" spans="14:14">
      <c r="N839538" s="10"/>
    </row>
    <row r="839539" spans="14:14">
      <c r="N839539" s="10"/>
    </row>
    <row r="839540" spans="14:14">
      <c r="N839540" s="10"/>
    </row>
    <row r="839541" spans="14:14">
      <c r="N839541" s="10"/>
    </row>
    <row r="839542" spans="14:14">
      <c r="N839542" s="10"/>
    </row>
    <row r="839543" spans="14:14">
      <c r="N839543" s="10"/>
    </row>
    <row r="839544" spans="14:14">
      <c r="N839544" s="10"/>
    </row>
    <row r="839545" spans="14:14">
      <c r="N839545" s="10"/>
    </row>
    <row r="839546" spans="14:14">
      <c r="N839546" s="10"/>
    </row>
    <row r="839547" spans="14:14">
      <c r="N839547" s="10"/>
    </row>
    <row r="839548" spans="14:14">
      <c r="N839548" s="10"/>
    </row>
    <row r="839549" spans="14:14">
      <c r="N839549" s="10"/>
    </row>
    <row r="839550" spans="14:14">
      <c r="N839550" s="10"/>
    </row>
    <row r="839551" spans="14:14">
      <c r="N839551" s="10"/>
    </row>
    <row r="839552" spans="14:14">
      <c r="N839552" s="10"/>
    </row>
    <row r="839553" spans="14:14">
      <c r="N839553" s="10"/>
    </row>
    <row r="839554" spans="14:14">
      <c r="N839554" s="10"/>
    </row>
    <row r="839555" spans="14:14">
      <c r="N839555" s="10"/>
    </row>
    <row r="839556" spans="14:14">
      <c r="N839556" s="10"/>
    </row>
    <row r="839557" spans="14:14">
      <c r="N839557" s="10"/>
    </row>
    <row r="839558" spans="14:14">
      <c r="N839558" s="10"/>
    </row>
    <row r="839559" spans="14:14">
      <c r="N839559" s="10"/>
    </row>
    <row r="839560" spans="14:14">
      <c r="N839560" s="10"/>
    </row>
    <row r="839561" spans="14:14">
      <c r="N839561" s="10"/>
    </row>
    <row r="839562" spans="14:14">
      <c r="N839562" s="10"/>
    </row>
    <row r="839563" spans="14:14">
      <c r="N839563" s="10"/>
    </row>
    <row r="839564" spans="14:14">
      <c r="N839564" s="10"/>
    </row>
    <row r="839565" spans="14:14">
      <c r="N839565" s="10"/>
    </row>
    <row r="839566" spans="14:14">
      <c r="N839566" s="10"/>
    </row>
    <row r="839567" spans="14:14">
      <c r="N839567" s="10"/>
    </row>
    <row r="839568" spans="14:14">
      <c r="N839568" s="10"/>
    </row>
    <row r="839569" spans="14:14">
      <c r="N839569" s="10"/>
    </row>
    <row r="839570" spans="14:14">
      <c r="N839570" s="10"/>
    </row>
    <row r="839571" spans="14:14">
      <c r="N839571" s="10"/>
    </row>
    <row r="839572" spans="14:14">
      <c r="N839572" s="10"/>
    </row>
    <row r="839573" spans="14:14">
      <c r="N839573" s="10"/>
    </row>
    <row r="839574" spans="14:14">
      <c r="N839574" s="10"/>
    </row>
    <row r="839575" spans="14:14">
      <c r="N839575" s="10"/>
    </row>
    <row r="839576" spans="14:14">
      <c r="N839576" s="10"/>
    </row>
    <row r="839577" spans="14:14">
      <c r="N839577" s="10"/>
    </row>
    <row r="839578" spans="14:14">
      <c r="N839578" s="10"/>
    </row>
    <row r="839579" spans="14:14">
      <c r="N839579" s="10"/>
    </row>
    <row r="839580" spans="14:14">
      <c r="N839580" s="10"/>
    </row>
    <row r="839581" spans="14:14">
      <c r="N839581" s="10"/>
    </row>
    <row r="839582" spans="14:14">
      <c r="N839582" s="10"/>
    </row>
    <row r="839583" spans="14:14">
      <c r="N839583" s="10"/>
    </row>
    <row r="839584" spans="14:14">
      <c r="N839584" s="10"/>
    </row>
    <row r="839585" spans="14:14">
      <c r="N839585" s="10"/>
    </row>
    <row r="839586" spans="14:14">
      <c r="N839586" s="10"/>
    </row>
    <row r="839587" spans="14:14">
      <c r="N839587" s="10"/>
    </row>
    <row r="839588" spans="14:14">
      <c r="N839588" s="10"/>
    </row>
    <row r="839589" spans="14:14">
      <c r="N839589" s="10"/>
    </row>
    <row r="839590" spans="14:14">
      <c r="N839590" s="10"/>
    </row>
    <row r="839591" spans="14:14">
      <c r="N839591" s="10"/>
    </row>
    <row r="839592" spans="14:14">
      <c r="N839592" s="10"/>
    </row>
    <row r="839593" spans="14:14">
      <c r="N839593" s="10"/>
    </row>
    <row r="839594" spans="14:14">
      <c r="N839594" s="10"/>
    </row>
    <row r="839595" spans="14:14">
      <c r="N839595" s="10"/>
    </row>
    <row r="839596" spans="14:14">
      <c r="N839596" s="10"/>
    </row>
    <row r="839597" spans="14:14">
      <c r="N839597" s="10"/>
    </row>
    <row r="839598" spans="14:14">
      <c r="N839598" s="10"/>
    </row>
    <row r="839599" spans="14:14">
      <c r="N839599" s="10"/>
    </row>
    <row r="839600" spans="14:14">
      <c r="N839600" s="10"/>
    </row>
    <row r="839601" spans="14:14">
      <c r="N839601" s="10"/>
    </row>
    <row r="839602" spans="14:14">
      <c r="N839602" s="10"/>
    </row>
    <row r="839603" spans="14:14">
      <c r="N839603" s="10"/>
    </row>
    <row r="839604" spans="14:14">
      <c r="N839604" s="10"/>
    </row>
    <row r="839605" spans="14:14">
      <c r="N839605" s="10"/>
    </row>
    <row r="839606" spans="14:14">
      <c r="N839606" s="10"/>
    </row>
    <row r="839607" spans="14:14">
      <c r="N839607" s="10"/>
    </row>
    <row r="839608" spans="14:14">
      <c r="N839608" s="10"/>
    </row>
    <row r="839609" spans="14:14">
      <c r="N839609" s="10"/>
    </row>
    <row r="839610" spans="14:14">
      <c r="N839610" s="10"/>
    </row>
    <row r="839611" spans="14:14">
      <c r="N839611" s="10"/>
    </row>
    <row r="839612" spans="14:14">
      <c r="N839612" s="10"/>
    </row>
    <row r="839613" spans="14:14">
      <c r="N839613" s="10"/>
    </row>
    <row r="839614" spans="14:14">
      <c r="N839614" s="10"/>
    </row>
    <row r="839615" spans="14:14">
      <c r="N839615" s="10"/>
    </row>
    <row r="839616" spans="14:14">
      <c r="N839616" s="10"/>
    </row>
    <row r="839617" spans="14:14">
      <c r="N839617" s="10"/>
    </row>
    <row r="839618" spans="14:14">
      <c r="N839618" s="10"/>
    </row>
    <row r="839619" spans="14:14">
      <c r="N839619" s="10"/>
    </row>
    <row r="839620" spans="14:14">
      <c r="N839620" s="10"/>
    </row>
    <row r="839621" spans="14:14">
      <c r="N839621" s="10"/>
    </row>
    <row r="839622" spans="14:14">
      <c r="N839622" s="10"/>
    </row>
    <row r="839623" spans="14:14">
      <c r="N839623" s="10"/>
    </row>
    <row r="839624" spans="14:14">
      <c r="N839624" s="10"/>
    </row>
    <row r="839625" spans="14:14">
      <c r="N839625" s="10"/>
    </row>
    <row r="839626" spans="14:14">
      <c r="N839626" s="10"/>
    </row>
    <row r="839627" spans="14:14">
      <c r="N839627" s="10"/>
    </row>
    <row r="839628" spans="14:14">
      <c r="N839628" s="10"/>
    </row>
    <row r="839629" spans="14:14">
      <c r="N839629" s="10"/>
    </row>
    <row r="839630" spans="14:14">
      <c r="N839630" s="10"/>
    </row>
    <row r="839631" spans="14:14">
      <c r="N839631" s="10"/>
    </row>
    <row r="839632" spans="14:14">
      <c r="N839632" s="10"/>
    </row>
    <row r="839633" spans="14:14">
      <c r="N839633" s="10"/>
    </row>
    <row r="839634" spans="14:14">
      <c r="N839634" s="10"/>
    </row>
    <row r="839635" spans="14:14">
      <c r="N839635" s="10"/>
    </row>
    <row r="839636" spans="14:14">
      <c r="N839636" s="10"/>
    </row>
    <row r="839637" spans="14:14">
      <c r="N839637" s="10"/>
    </row>
    <row r="839638" spans="14:14">
      <c r="N839638" s="10"/>
    </row>
    <row r="839639" spans="14:14">
      <c r="N839639" s="10"/>
    </row>
    <row r="839640" spans="14:14">
      <c r="N839640" s="10"/>
    </row>
    <row r="839641" spans="14:14">
      <c r="N839641" s="10"/>
    </row>
    <row r="839642" spans="14:14">
      <c r="N839642" s="10"/>
    </row>
    <row r="839643" spans="14:14">
      <c r="N839643" s="10"/>
    </row>
    <row r="839644" spans="14:14">
      <c r="N839644" s="10"/>
    </row>
    <row r="839645" spans="14:14">
      <c r="N839645" s="10"/>
    </row>
    <row r="839646" spans="14:14">
      <c r="N839646" s="10"/>
    </row>
    <row r="839647" spans="14:14">
      <c r="N839647" s="10"/>
    </row>
    <row r="839648" spans="14:14">
      <c r="N839648" s="10"/>
    </row>
    <row r="839649" spans="14:14">
      <c r="N839649" s="10"/>
    </row>
    <row r="839650" spans="14:14">
      <c r="N839650" s="10"/>
    </row>
    <row r="839651" spans="14:14">
      <c r="N839651" s="10"/>
    </row>
    <row r="839652" spans="14:14">
      <c r="N839652" s="10"/>
    </row>
    <row r="839653" spans="14:14">
      <c r="N839653" s="10"/>
    </row>
    <row r="839654" spans="14:14">
      <c r="N839654" s="10"/>
    </row>
    <row r="839655" spans="14:14">
      <c r="N839655" s="10"/>
    </row>
    <row r="839656" spans="14:14">
      <c r="N839656" s="10"/>
    </row>
    <row r="839657" spans="14:14">
      <c r="N839657" s="10"/>
    </row>
    <row r="839658" spans="14:14">
      <c r="N839658" s="10"/>
    </row>
    <row r="839659" spans="14:14">
      <c r="N839659" s="10"/>
    </row>
    <row r="839660" spans="14:14">
      <c r="N839660" s="10"/>
    </row>
    <row r="839661" spans="14:14">
      <c r="N839661" s="10"/>
    </row>
    <row r="839662" spans="14:14">
      <c r="N839662" s="10"/>
    </row>
    <row r="839663" spans="14:14">
      <c r="N839663" s="10"/>
    </row>
    <row r="839664" spans="14:14">
      <c r="N839664" s="10"/>
    </row>
    <row r="839665" spans="14:14">
      <c r="N839665" s="10"/>
    </row>
    <row r="839666" spans="14:14">
      <c r="N839666" s="10"/>
    </row>
    <row r="839667" spans="14:14">
      <c r="N839667" s="10"/>
    </row>
    <row r="839668" spans="14:14">
      <c r="N839668" s="10"/>
    </row>
    <row r="839669" spans="14:14">
      <c r="N839669" s="10"/>
    </row>
    <row r="839670" spans="14:14">
      <c r="N839670" s="10"/>
    </row>
    <row r="839671" spans="14:14">
      <c r="N839671" s="10"/>
    </row>
    <row r="839672" spans="14:14">
      <c r="N839672" s="10"/>
    </row>
    <row r="839673" spans="14:14">
      <c r="N839673" s="10"/>
    </row>
    <row r="839674" spans="14:14">
      <c r="N839674" s="10"/>
    </row>
    <row r="839675" spans="14:14">
      <c r="N839675" s="10"/>
    </row>
    <row r="839676" spans="14:14">
      <c r="N839676" s="10"/>
    </row>
    <row r="839677" spans="14:14">
      <c r="N839677" s="10"/>
    </row>
    <row r="839678" spans="14:14">
      <c r="N839678" s="10"/>
    </row>
    <row r="839679" spans="14:14">
      <c r="N839679" s="10"/>
    </row>
    <row r="839680" spans="14:14">
      <c r="N839680" s="10"/>
    </row>
    <row r="839681" spans="14:14">
      <c r="N839681" s="10"/>
    </row>
    <row r="839682" spans="14:14">
      <c r="N839682" s="10"/>
    </row>
    <row r="839683" spans="14:14">
      <c r="N839683" s="10"/>
    </row>
    <row r="839684" spans="14:14">
      <c r="N839684" s="10"/>
    </row>
    <row r="839685" spans="14:14">
      <c r="N839685" s="10"/>
    </row>
    <row r="839686" spans="14:14">
      <c r="N839686" s="10"/>
    </row>
    <row r="839687" spans="14:14">
      <c r="N839687" s="10"/>
    </row>
    <row r="839688" spans="14:14">
      <c r="N839688" s="10"/>
    </row>
    <row r="839689" spans="14:14">
      <c r="N839689" s="10"/>
    </row>
    <row r="839690" spans="14:14">
      <c r="N839690" s="10"/>
    </row>
    <row r="839691" spans="14:14">
      <c r="N839691" s="10"/>
    </row>
    <row r="839692" spans="14:14">
      <c r="N839692" s="10"/>
    </row>
    <row r="839693" spans="14:14">
      <c r="N839693" s="10"/>
    </row>
    <row r="839694" spans="14:14">
      <c r="N839694" s="10"/>
    </row>
    <row r="839695" spans="14:14">
      <c r="N839695" s="10"/>
    </row>
    <row r="839696" spans="14:14">
      <c r="N839696" s="10"/>
    </row>
    <row r="839697" spans="14:14">
      <c r="N839697" s="10"/>
    </row>
    <row r="839698" spans="14:14">
      <c r="N839698" s="10"/>
    </row>
    <row r="839699" spans="14:14">
      <c r="N839699" s="10"/>
    </row>
    <row r="839700" spans="14:14">
      <c r="N839700" s="10"/>
    </row>
    <row r="839701" spans="14:14">
      <c r="N839701" s="10"/>
    </row>
    <row r="839702" spans="14:14">
      <c r="N839702" s="10"/>
    </row>
    <row r="839703" spans="14:14">
      <c r="N839703" s="10"/>
    </row>
    <row r="839704" spans="14:14">
      <c r="N839704" s="10"/>
    </row>
    <row r="839705" spans="14:14">
      <c r="N839705" s="10"/>
    </row>
    <row r="839706" spans="14:14">
      <c r="N839706" s="10"/>
    </row>
    <row r="839707" spans="14:14">
      <c r="N839707" s="10"/>
    </row>
    <row r="839708" spans="14:14">
      <c r="N839708" s="10"/>
    </row>
    <row r="839709" spans="14:14">
      <c r="N839709" s="10"/>
    </row>
    <row r="839710" spans="14:14">
      <c r="N839710" s="10"/>
    </row>
    <row r="839711" spans="14:14">
      <c r="N839711" s="10"/>
    </row>
    <row r="839712" spans="14:14">
      <c r="N839712" s="10"/>
    </row>
    <row r="839713" spans="14:14">
      <c r="N839713" s="10"/>
    </row>
    <row r="839714" spans="14:14">
      <c r="N839714" s="10"/>
    </row>
    <row r="839715" spans="14:14">
      <c r="N839715" s="10"/>
    </row>
    <row r="839716" spans="14:14">
      <c r="N839716" s="10"/>
    </row>
    <row r="839717" spans="14:14">
      <c r="N839717" s="10"/>
    </row>
    <row r="839718" spans="14:14">
      <c r="N839718" s="10"/>
    </row>
    <row r="839719" spans="14:14">
      <c r="N839719" s="10"/>
    </row>
    <row r="839720" spans="14:14">
      <c r="N839720" s="10"/>
    </row>
    <row r="839721" spans="14:14">
      <c r="N839721" s="10"/>
    </row>
    <row r="839722" spans="14:14">
      <c r="N839722" s="10"/>
    </row>
    <row r="839723" spans="14:14">
      <c r="N839723" s="10"/>
    </row>
    <row r="839724" spans="14:14">
      <c r="N839724" s="10"/>
    </row>
    <row r="839725" spans="14:14">
      <c r="N839725" s="10"/>
    </row>
    <row r="839726" spans="14:14">
      <c r="N839726" s="10"/>
    </row>
    <row r="839727" spans="14:14">
      <c r="N839727" s="10"/>
    </row>
    <row r="839728" spans="14:14">
      <c r="N839728" s="10"/>
    </row>
    <row r="839729" spans="14:14">
      <c r="N839729" s="10"/>
    </row>
    <row r="839730" spans="14:14">
      <c r="N839730" s="10"/>
    </row>
    <row r="839731" spans="14:14">
      <c r="N839731" s="10"/>
    </row>
    <row r="839732" spans="14:14">
      <c r="N839732" s="10"/>
    </row>
    <row r="839733" spans="14:14">
      <c r="N839733" s="10"/>
    </row>
    <row r="839734" spans="14:14">
      <c r="N839734" s="10"/>
    </row>
    <row r="839735" spans="14:14">
      <c r="N839735" s="10"/>
    </row>
    <row r="839736" spans="14:14">
      <c r="N839736" s="10"/>
    </row>
    <row r="839737" spans="14:14">
      <c r="N839737" s="10"/>
    </row>
    <row r="839738" spans="14:14">
      <c r="N839738" s="10"/>
    </row>
    <row r="839739" spans="14:14">
      <c r="N839739" s="10"/>
    </row>
    <row r="839740" spans="14:14">
      <c r="N839740" s="10"/>
    </row>
    <row r="839741" spans="14:14">
      <c r="N839741" s="10"/>
    </row>
    <row r="839742" spans="14:14">
      <c r="N839742" s="10"/>
    </row>
    <row r="839743" spans="14:14">
      <c r="N839743" s="10"/>
    </row>
    <row r="839744" spans="14:14">
      <c r="N839744" s="10"/>
    </row>
    <row r="839745" spans="14:14">
      <c r="N839745" s="10"/>
    </row>
    <row r="839746" spans="14:14">
      <c r="N839746" s="10"/>
    </row>
    <row r="839747" spans="14:14">
      <c r="N839747" s="10"/>
    </row>
    <row r="839748" spans="14:14">
      <c r="N839748" s="10"/>
    </row>
    <row r="839749" spans="14:14">
      <c r="N839749" s="10"/>
    </row>
    <row r="839750" spans="14:14">
      <c r="N839750" s="10"/>
    </row>
    <row r="839751" spans="14:14">
      <c r="N839751" s="10"/>
    </row>
    <row r="839752" spans="14:14">
      <c r="N839752" s="10"/>
    </row>
    <row r="839753" spans="14:14">
      <c r="N839753" s="10"/>
    </row>
    <row r="839754" spans="14:14">
      <c r="N839754" s="10"/>
    </row>
    <row r="839755" spans="14:14">
      <c r="N839755" s="10"/>
    </row>
    <row r="839756" spans="14:14">
      <c r="N839756" s="10"/>
    </row>
    <row r="839757" spans="14:14">
      <c r="N839757" s="10"/>
    </row>
    <row r="839758" spans="14:14">
      <c r="N839758" s="10"/>
    </row>
    <row r="839759" spans="14:14">
      <c r="N839759" s="10"/>
    </row>
    <row r="839760" spans="14:14">
      <c r="N839760" s="10"/>
    </row>
    <row r="839761" spans="14:14">
      <c r="N839761" s="10"/>
    </row>
    <row r="839762" spans="14:14">
      <c r="N839762" s="10"/>
    </row>
    <row r="839763" spans="14:14">
      <c r="N839763" s="10"/>
    </row>
    <row r="839764" spans="14:14">
      <c r="N839764" s="10"/>
    </row>
    <row r="839765" spans="14:14">
      <c r="N839765" s="10"/>
    </row>
    <row r="839766" spans="14:14">
      <c r="N839766" s="10"/>
    </row>
    <row r="839767" spans="14:14">
      <c r="N839767" s="10"/>
    </row>
    <row r="839768" spans="14:14">
      <c r="N839768" s="10"/>
    </row>
    <row r="839769" spans="14:14">
      <c r="N839769" s="10"/>
    </row>
    <row r="839770" spans="14:14">
      <c r="N839770" s="10"/>
    </row>
    <row r="839771" spans="14:14">
      <c r="N839771" s="10"/>
    </row>
    <row r="839772" spans="14:14">
      <c r="N839772" s="10"/>
    </row>
    <row r="839773" spans="14:14">
      <c r="N839773" s="10"/>
    </row>
    <row r="839774" spans="14:14">
      <c r="N839774" s="10"/>
    </row>
    <row r="839775" spans="14:14">
      <c r="N839775" s="10"/>
    </row>
    <row r="839776" spans="14:14">
      <c r="N839776" s="10"/>
    </row>
    <row r="839777" spans="14:14">
      <c r="N839777" s="10"/>
    </row>
    <row r="839778" spans="14:14">
      <c r="N839778" s="10"/>
    </row>
    <row r="839779" spans="14:14">
      <c r="N839779" s="10"/>
    </row>
    <row r="839780" spans="14:14">
      <c r="N839780" s="10"/>
    </row>
    <row r="839781" spans="14:14">
      <c r="N839781" s="10"/>
    </row>
    <row r="839782" spans="14:14">
      <c r="N839782" s="10"/>
    </row>
    <row r="839783" spans="14:14">
      <c r="N839783" s="10"/>
    </row>
    <row r="839784" spans="14:14">
      <c r="N839784" s="10"/>
    </row>
    <row r="839785" spans="14:14">
      <c r="N839785" s="10"/>
    </row>
    <row r="839786" spans="14:14">
      <c r="N839786" s="10"/>
    </row>
    <row r="839787" spans="14:14">
      <c r="N839787" s="10"/>
    </row>
    <row r="839788" spans="14:14">
      <c r="N839788" s="10"/>
    </row>
    <row r="839789" spans="14:14">
      <c r="N839789" s="10"/>
    </row>
    <row r="839790" spans="14:14">
      <c r="N839790" s="10"/>
    </row>
    <row r="839791" spans="14:14">
      <c r="N839791" s="10"/>
    </row>
    <row r="839792" spans="14:14">
      <c r="N839792" s="10"/>
    </row>
    <row r="839793" spans="14:14">
      <c r="N839793" s="10"/>
    </row>
    <row r="839794" spans="14:14">
      <c r="N839794" s="10"/>
    </row>
    <row r="839795" spans="14:14">
      <c r="N839795" s="10"/>
    </row>
    <row r="839796" spans="14:14">
      <c r="N839796" s="10"/>
    </row>
    <row r="839797" spans="14:14">
      <c r="N839797" s="10"/>
    </row>
    <row r="839798" spans="14:14">
      <c r="N839798" s="10"/>
    </row>
    <row r="839799" spans="14:14">
      <c r="N839799" s="10"/>
    </row>
    <row r="839800" spans="14:14">
      <c r="N839800" s="10"/>
    </row>
    <row r="839801" spans="14:14">
      <c r="N839801" s="10"/>
    </row>
    <row r="839802" spans="14:14">
      <c r="N839802" s="10"/>
    </row>
    <row r="839803" spans="14:14">
      <c r="N839803" s="10"/>
    </row>
    <row r="839804" spans="14:14">
      <c r="N839804" s="10"/>
    </row>
    <row r="839805" spans="14:14">
      <c r="N839805" s="10"/>
    </row>
    <row r="839806" spans="14:14">
      <c r="N839806" s="10"/>
    </row>
    <row r="839807" spans="14:14">
      <c r="N839807" s="10"/>
    </row>
    <row r="839808" spans="14:14">
      <c r="N839808" s="10"/>
    </row>
    <row r="839809" spans="14:14">
      <c r="N839809" s="10"/>
    </row>
    <row r="839810" spans="14:14">
      <c r="N839810" s="10"/>
    </row>
    <row r="839811" spans="14:14">
      <c r="N839811" s="10"/>
    </row>
    <row r="839812" spans="14:14">
      <c r="N839812" s="10"/>
    </row>
    <row r="839813" spans="14:14">
      <c r="N839813" s="10"/>
    </row>
    <row r="839814" spans="14:14">
      <c r="N839814" s="10"/>
    </row>
    <row r="839815" spans="14:14">
      <c r="N839815" s="10"/>
    </row>
    <row r="839816" spans="14:14">
      <c r="N839816" s="10"/>
    </row>
    <row r="839817" spans="14:14">
      <c r="N839817" s="10"/>
    </row>
    <row r="839818" spans="14:14">
      <c r="N839818" s="10"/>
    </row>
    <row r="839819" spans="14:14">
      <c r="N839819" s="10"/>
    </row>
    <row r="839820" spans="14:14">
      <c r="N839820" s="10"/>
    </row>
    <row r="839821" spans="14:14">
      <c r="N839821" s="10"/>
    </row>
    <row r="839822" spans="14:14">
      <c r="N839822" s="10"/>
    </row>
    <row r="839823" spans="14:14">
      <c r="N839823" s="10"/>
    </row>
    <row r="839824" spans="14:14">
      <c r="N839824" s="10"/>
    </row>
    <row r="839825" spans="14:14">
      <c r="N839825" s="10"/>
    </row>
    <row r="839826" spans="14:14">
      <c r="N839826" s="10"/>
    </row>
    <row r="839827" spans="14:14">
      <c r="N839827" s="10"/>
    </row>
    <row r="839828" spans="14:14">
      <c r="N839828" s="10"/>
    </row>
    <row r="839829" spans="14:14">
      <c r="N839829" s="10"/>
    </row>
    <row r="839830" spans="14:14">
      <c r="N839830" s="10"/>
    </row>
    <row r="839831" spans="14:14">
      <c r="N839831" s="10"/>
    </row>
    <row r="839832" spans="14:14">
      <c r="N839832" s="10"/>
    </row>
    <row r="839833" spans="14:14">
      <c r="N839833" s="10"/>
    </row>
    <row r="839834" spans="14:14">
      <c r="N839834" s="10"/>
    </row>
    <row r="839835" spans="14:14">
      <c r="N839835" s="10"/>
    </row>
    <row r="839836" spans="14:14">
      <c r="N839836" s="10"/>
    </row>
    <row r="839837" spans="14:14">
      <c r="N839837" s="10"/>
    </row>
    <row r="839838" spans="14:14">
      <c r="N839838" s="10"/>
    </row>
    <row r="839839" spans="14:14">
      <c r="N839839" s="10"/>
    </row>
    <row r="839840" spans="14:14">
      <c r="N839840" s="10"/>
    </row>
    <row r="839841" spans="14:14">
      <c r="N839841" s="10"/>
    </row>
    <row r="839842" spans="14:14">
      <c r="N839842" s="10"/>
    </row>
    <row r="839843" spans="14:14">
      <c r="N839843" s="10"/>
    </row>
    <row r="839844" spans="14:14">
      <c r="N839844" s="10"/>
    </row>
    <row r="839845" spans="14:14">
      <c r="N839845" s="10"/>
    </row>
    <row r="839846" spans="14:14">
      <c r="N839846" s="10"/>
    </row>
    <row r="839847" spans="14:14">
      <c r="N839847" s="10"/>
    </row>
    <row r="839848" spans="14:14">
      <c r="N839848" s="10"/>
    </row>
    <row r="839849" spans="14:14">
      <c r="N839849" s="10"/>
    </row>
    <row r="839850" spans="14:14">
      <c r="N839850" s="10"/>
    </row>
    <row r="839851" spans="14:14">
      <c r="N839851" s="10"/>
    </row>
    <row r="839852" spans="14:14">
      <c r="N839852" s="10"/>
    </row>
    <row r="839853" spans="14:14">
      <c r="N839853" s="10"/>
    </row>
    <row r="839854" spans="14:14">
      <c r="N839854" s="10"/>
    </row>
    <row r="839855" spans="14:14">
      <c r="N839855" s="10"/>
    </row>
    <row r="839856" spans="14:14">
      <c r="N839856" s="10"/>
    </row>
    <row r="839857" spans="14:14">
      <c r="N839857" s="10"/>
    </row>
    <row r="839858" spans="14:14">
      <c r="N839858" s="10"/>
    </row>
    <row r="839859" spans="14:14">
      <c r="N839859" s="10"/>
    </row>
    <row r="839860" spans="14:14">
      <c r="N839860" s="10"/>
    </row>
    <row r="839861" spans="14:14">
      <c r="N839861" s="10"/>
    </row>
    <row r="839862" spans="14:14">
      <c r="N839862" s="10"/>
    </row>
    <row r="839863" spans="14:14">
      <c r="N839863" s="10"/>
    </row>
    <row r="839864" spans="14:14">
      <c r="N839864" s="10"/>
    </row>
    <row r="839865" spans="14:14">
      <c r="N839865" s="10"/>
    </row>
    <row r="839866" spans="14:14">
      <c r="N839866" s="10"/>
    </row>
    <row r="839867" spans="14:14">
      <c r="N839867" s="10"/>
    </row>
    <row r="839868" spans="14:14">
      <c r="N839868" s="10"/>
    </row>
    <row r="839869" spans="14:14">
      <c r="N839869" s="10"/>
    </row>
    <row r="839870" spans="14:14">
      <c r="N839870" s="10"/>
    </row>
    <row r="839871" spans="14:14">
      <c r="N839871" s="10"/>
    </row>
    <row r="839872" spans="14:14">
      <c r="N839872" s="10"/>
    </row>
    <row r="839873" spans="14:14">
      <c r="N839873" s="10"/>
    </row>
    <row r="839874" spans="14:14">
      <c r="N839874" s="10"/>
    </row>
    <row r="839875" spans="14:14">
      <c r="N839875" s="10"/>
    </row>
    <row r="839876" spans="14:14">
      <c r="N839876" s="10"/>
    </row>
    <row r="839877" spans="14:14">
      <c r="N839877" s="10"/>
    </row>
    <row r="839878" spans="14:14">
      <c r="N839878" s="10"/>
    </row>
    <row r="839879" spans="14:14">
      <c r="N839879" s="10"/>
    </row>
    <row r="839880" spans="14:14">
      <c r="N839880" s="10"/>
    </row>
    <row r="839881" spans="14:14">
      <c r="N839881" s="10"/>
    </row>
    <row r="839882" spans="14:14">
      <c r="N839882" s="10"/>
    </row>
    <row r="839883" spans="14:14">
      <c r="N839883" s="10"/>
    </row>
    <row r="839884" spans="14:14">
      <c r="N839884" s="10"/>
    </row>
    <row r="839885" spans="14:14">
      <c r="N839885" s="10"/>
    </row>
    <row r="839886" spans="14:14">
      <c r="N839886" s="10"/>
    </row>
    <row r="839887" spans="14:14">
      <c r="N839887" s="10"/>
    </row>
    <row r="839888" spans="14:14">
      <c r="N839888" s="10"/>
    </row>
    <row r="839889" spans="14:14">
      <c r="N839889" s="10"/>
    </row>
    <row r="839890" spans="14:14">
      <c r="N839890" s="10"/>
    </row>
    <row r="839891" spans="14:14">
      <c r="N839891" s="10"/>
    </row>
    <row r="839892" spans="14:14">
      <c r="N839892" s="10"/>
    </row>
    <row r="839893" spans="14:14">
      <c r="N839893" s="10"/>
    </row>
    <row r="839894" spans="14:14">
      <c r="N839894" s="10"/>
    </row>
    <row r="839895" spans="14:14">
      <c r="N839895" s="10"/>
    </row>
    <row r="839896" spans="14:14">
      <c r="N839896" s="10"/>
    </row>
    <row r="839897" spans="14:14">
      <c r="N839897" s="10"/>
    </row>
    <row r="839898" spans="14:14">
      <c r="N839898" s="10"/>
    </row>
    <row r="839899" spans="14:14">
      <c r="N839899" s="10"/>
    </row>
    <row r="839900" spans="14:14">
      <c r="N839900" s="10"/>
    </row>
    <row r="839901" spans="14:14">
      <c r="N839901" s="10"/>
    </row>
    <row r="839902" spans="14:14">
      <c r="N839902" s="10"/>
    </row>
    <row r="839903" spans="14:14">
      <c r="N839903" s="10"/>
    </row>
    <row r="839904" spans="14:14">
      <c r="N839904" s="10"/>
    </row>
    <row r="839905" spans="14:14">
      <c r="N839905" s="10"/>
    </row>
    <row r="839906" spans="14:14">
      <c r="N839906" s="10"/>
    </row>
    <row r="839907" spans="14:14">
      <c r="N839907" s="10"/>
    </row>
    <row r="839908" spans="14:14">
      <c r="N839908" s="10"/>
    </row>
    <row r="839909" spans="14:14">
      <c r="N839909" s="10"/>
    </row>
    <row r="839910" spans="14:14">
      <c r="N839910" s="10"/>
    </row>
    <row r="839911" spans="14:14">
      <c r="N839911" s="10"/>
    </row>
    <row r="839912" spans="14:14">
      <c r="N839912" s="10"/>
    </row>
    <row r="839913" spans="14:14">
      <c r="N839913" s="10"/>
    </row>
    <row r="839914" spans="14:14">
      <c r="N839914" s="10"/>
    </row>
    <row r="839915" spans="14:14">
      <c r="N839915" s="10"/>
    </row>
    <row r="839916" spans="14:14">
      <c r="N839916" s="10"/>
    </row>
    <row r="839917" spans="14:14">
      <c r="N839917" s="10"/>
    </row>
    <row r="839918" spans="14:14">
      <c r="N839918" s="10"/>
    </row>
    <row r="839919" spans="14:14">
      <c r="N839919" s="10"/>
    </row>
    <row r="839920" spans="14:14">
      <c r="N839920" s="10"/>
    </row>
    <row r="839921" spans="14:14">
      <c r="N839921" s="10"/>
    </row>
    <row r="839922" spans="14:14">
      <c r="N839922" s="10"/>
    </row>
    <row r="839923" spans="14:14">
      <c r="N839923" s="10"/>
    </row>
    <row r="839924" spans="14:14">
      <c r="N839924" s="10"/>
    </row>
    <row r="839925" spans="14:14">
      <c r="N839925" s="10"/>
    </row>
    <row r="839926" spans="14:14">
      <c r="N839926" s="10"/>
    </row>
    <row r="839927" spans="14:14">
      <c r="N839927" s="10"/>
    </row>
    <row r="839928" spans="14:14">
      <c r="N839928" s="10"/>
    </row>
    <row r="839929" spans="14:14">
      <c r="N839929" s="10"/>
    </row>
    <row r="839930" spans="14:14">
      <c r="N839930" s="10"/>
    </row>
    <row r="839931" spans="14:14">
      <c r="N839931" s="10"/>
    </row>
    <row r="839932" spans="14:14">
      <c r="N839932" s="10"/>
    </row>
    <row r="839933" spans="14:14">
      <c r="N839933" s="10"/>
    </row>
    <row r="839934" spans="14:14">
      <c r="N839934" s="10"/>
    </row>
    <row r="839935" spans="14:14">
      <c r="N839935" s="10"/>
    </row>
    <row r="839936" spans="14:14">
      <c r="N839936" s="10"/>
    </row>
    <row r="839937" spans="14:14">
      <c r="N839937" s="10"/>
    </row>
    <row r="839938" spans="14:14">
      <c r="N839938" s="10"/>
    </row>
    <row r="839939" spans="14:14">
      <c r="N839939" s="10"/>
    </row>
    <row r="839940" spans="14:14">
      <c r="N839940" s="10"/>
    </row>
    <row r="839941" spans="14:14">
      <c r="N839941" s="10"/>
    </row>
    <row r="839942" spans="14:14">
      <c r="N839942" s="10"/>
    </row>
    <row r="839943" spans="14:14">
      <c r="N839943" s="10"/>
    </row>
    <row r="839944" spans="14:14">
      <c r="N839944" s="10"/>
    </row>
    <row r="839945" spans="14:14">
      <c r="N839945" s="10"/>
    </row>
    <row r="839946" spans="14:14">
      <c r="N839946" s="10"/>
    </row>
    <row r="839947" spans="14:14">
      <c r="N839947" s="10"/>
    </row>
    <row r="839948" spans="14:14">
      <c r="N839948" s="10"/>
    </row>
    <row r="839949" spans="14:14">
      <c r="N839949" s="10"/>
    </row>
    <row r="839950" spans="14:14">
      <c r="N839950" s="10"/>
    </row>
    <row r="839951" spans="14:14">
      <c r="N839951" s="10"/>
    </row>
    <row r="839952" spans="14:14">
      <c r="N839952" s="10"/>
    </row>
    <row r="839953" spans="14:14">
      <c r="N839953" s="10"/>
    </row>
    <row r="839954" spans="14:14">
      <c r="N839954" s="10"/>
    </row>
    <row r="839955" spans="14:14">
      <c r="N839955" s="10"/>
    </row>
    <row r="839956" spans="14:14">
      <c r="N839956" s="10"/>
    </row>
    <row r="839957" spans="14:14">
      <c r="N839957" s="10"/>
    </row>
    <row r="839958" spans="14:14">
      <c r="N839958" s="10"/>
    </row>
    <row r="839959" spans="14:14">
      <c r="N839959" s="10"/>
    </row>
    <row r="839960" spans="14:14">
      <c r="N839960" s="10"/>
    </row>
    <row r="839961" spans="14:14">
      <c r="N839961" s="10"/>
    </row>
    <row r="839962" spans="14:14">
      <c r="N839962" s="10"/>
    </row>
    <row r="839963" spans="14:14">
      <c r="N839963" s="10"/>
    </row>
    <row r="839964" spans="14:14">
      <c r="N839964" s="10"/>
    </row>
    <row r="839965" spans="14:14">
      <c r="N839965" s="10"/>
    </row>
    <row r="839966" spans="14:14">
      <c r="N839966" s="10"/>
    </row>
    <row r="839967" spans="14:14">
      <c r="N839967" s="10"/>
    </row>
    <row r="839968" spans="14:14">
      <c r="N839968" s="10"/>
    </row>
    <row r="839969" spans="14:14">
      <c r="N839969" s="10"/>
    </row>
    <row r="839970" spans="14:14">
      <c r="N839970" s="10"/>
    </row>
    <row r="839971" spans="14:14">
      <c r="N839971" s="10"/>
    </row>
    <row r="839972" spans="14:14">
      <c r="N839972" s="10"/>
    </row>
    <row r="839973" spans="14:14">
      <c r="N839973" s="10"/>
    </row>
    <row r="839974" spans="14:14">
      <c r="N839974" s="10"/>
    </row>
    <row r="839975" spans="14:14">
      <c r="N839975" s="10"/>
    </row>
    <row r="839976" spans="14:14">
      <c r="N839976" s="10"/>
    </row>
    <row r="839977" spans="14:14">
      <c r="N839977" s="10"/>
    </row>
    <row r="839978" spans="14:14">
      <c r="N839978" s="10"/>
    </row>
    <row r="839979" spans="14:14">
      <c r="N839979" s="10"/>
    </row>
    <row r="839980" spans="14:14">
      <c r="N839980" s="10"/>
    </row>
    <row r="839981" spans="14:14">
      <c r="N839981" s="10"/>
    </row>
    <row r="839982" spans="14:14">
      <c r="N839982" s="10"/>
    </row>
    <row r="839983" spans="14:14">
      <c r="N839983" s="10"/>
    </row>
    <row r="839984" spans="14:14">
      <c r="N839984" s="10"/>
    </row>
    <row r="839985" spans="14:14">
      <c r="N839985" s="10"/>
    </row>
    <row r="839986" spans="14:14">
      <c r="N839986" s="10"/>
    </row>
    <row r="839987" spans="14:14">
      <c r="N839987" s="10"/>
    </row>
    <row r="839988" spans="14:14">
      <c r="N839988" s="10"/>
    </row>
    <row r="839989" spans="14:14">
      <c r="N839989" s="10"/>
    </row>
    <row r="839990" spans="14:14">
      <c r="N839990" s="10"/>
    </row>
    <row r="839991" spans="14:14">
      <c r="N839991" s="10"/>
    </row>
    <row r="839992" spans="14:14">
      <c r="N839992" s="10"/>
    </row>
    <row r="839993" spans="14:14">
      <c r="N839993" s="10"/>
    </row>
    <row r="839994" spans="14:14">
      <c r="N839994" s="10"/>
    </row>
    <row r="839995" spans="14:14">
      <c r="N839995" s="10"/>
    </row>
    <row r="839996" spans="14:14">
      <c r="N839996" s="10"/>
    </row>
    <row r="839997" spans="14:14">
      <c r="N839997" s="10"/>
    </row>
    <row r="839998" spans="14:14">
      <c r="N839998" s="10"/>
    </row>
    <row r="839999" spans="14:14">
      <c r="N839999" s="10"/>
    </row>
    <row r="840000" spans="14:14">
      <c r="N840000" s="10"/>
    </row>
    <row r="840001" spans="14:14">
      <c r="N840001" s="10"/>
    </row>
    <row r="840002" spans="14:14">
      <c r="N840002" s="10"/>
    </row>
    <row r="840003" spans="14:14">
      <c r="N840003" s="10"/>
    </row>
    <row r="840004" spans="14:14">
      <c r="N840004" s="10"/>
    </row>
    <row r="840005" spans="14:14">
      <c r="N840005" s="10"/>
    </row>
    <row r="840006" spans="14:14">
      <c r="N840006" s="10"/>
    </row>
    <row r="840007" spans="14:14">
      <c r="N840007" s="10"/>
    </row>
    <row r="840008" spans="14:14">
      <c r="N840008" s="10"/>
    </row>
    <row r="840009" spans="14:14">
      <c r="N840009" s="10"/>
    </row>
    <row r="840010" spans="14:14">
      <c r="N840010" s="10"/>
    </row>
    <row r="840011" spans="14:14">
      <c r="N840011" s="10"/>
    </row>
    <row r="840012" spans="14:14">
      <c r="N840012" s="10"/>
    </row>
    <row r="840013" spans="14:14">
      <c r="N840013" s="10"/>
    </row>
    <row r="840014" spans="14:14">
      <c r="N840014" s="10"/>
    </row>
    <row r="840015" spans="14:14">
      <c r="N840015" s="10"/>
    </row>
    <row r="840016" spans="14:14">
      <c r="N840016" s="10"/>
    </row>
    <row r="840017" spans="14:14">
      <c r="N840017" s="10"/>
    </row>
    <row r="840018" spans="14:14">
      <c r="N840018" s="10"/>
    </row>
    <row r="840019" spans="14:14">
      <c r="N840019" s="10"/>
    </row>
    <row r="840020" spans="14:14">
      <c r="N840020" s="10"/>
    </row>
    <row r="840021" spans="14:14">
      <c r="N840021" s="10"/>
    </row>
    <row r="840022" spans="14:14">
      <c r="N840022" s="10"/>
    </row>
    <row r="840023" spans="14:14">
      <c r="N840023" s="10"/>
    </row>
    <row r="840024" spans="14:14">
      <c r="N840024" s="10"/>
    </row>
    <row r="840025" spans="14:14">
      <c r="N840025" s="10"/>
    </row>
    <row r="840026" spans="14:14">
      <c r="N840026" s="10"/>
    </row>
    <row r="840027" spans="14:14">
      <c r="N840027" s="10"/>
    </row>
    <row r="840028" spans="14:14">
      <c r="N840028" s="10"/>
    </row>
    <row r="840029" spans="14:14">
      <c r="N840029" s="10"/>
    </row>
    <row r="840030" spans="14:14">
      <c r="N840030" s="10"/>
    </row>
    <row r="840031" spans="14:14">
      <c r="N840031" s="10"/>
    </row>
    <row r="840032" spans="14:14">
      <c r="N840032" s="10"/>
    </row>
    <row r="840033" spans="14:14">
      <c r="N840033" s="10"/>
    </row>
    <row r="840034" spans="14:14">
      <c r="N840034" s="10"/>
    </row>
    <row r="840035" spans="14:14">
      <c r="N840035" s="10"/>
    </row>
    <row r="840036" spans="14:14">
      <c r="N840036" s="10"/>
    </row>
    <row r="840037" spans="14:14">
      <c r="N840037" s="10"/>
    </row>
    <row r="840038" spans="14:14">
      <c r="N840038" s="10"/>
    </row>
    <row r="840039" spans="14:14">
      <c r="N840039" s="10"/>
    </row>
    <row r="840040" spans="14:14">
      <c r="N840040" s="10"/>
    </row>
    <row r="840041" spans="14:14">
      <c r="N840041" s="10"/>
    </row>
    <row r="840042" spans="14:14">
      <c r="N840042" s="10"/>
    </row>
    <row r="840043" spans="14:14">
      <c r="N840043" s="10"/>
    </row>
    <row r="840044" spans="14:14">
      <c r="N840044" s="10"/>
    </row>
    <row r="840045" spans="14:14">
      <c r="N840045" s="10"/>
    </row>
    <row r="840046" spans="14:14">
      <c r="N840046" s="10"/>
    </row>
    <row r="840047" spans="14:14">
      <c r="N840047" s="10"/>
    </row>
    <row r="840048" spans="14:14">
      <c r="N840048" s="10"/>
    </row>
    <row r="840049" spans="14:14">
      <c r="N840049" s="10"/>
    </row>
    <row r="840050" spans="14:14">
      <c r="N840050" s="10"/>
    </row>
    <row r="840051" spans="14:14">
      <c r="N840051" s="10"/>
    </row>
    <row r="840052" spans="14:14">
      <c r="N840052" s="10"/>
    </row>
    <row r="840053" spans="14:14">
      <c r="N840053" s="10"/>
    </row>
    <row r="840054" spans="14:14">
      <c r="N840054" s="10"/>
    </row>
    <row r="840055" spans="14:14">
      <c r="N840055" s="10"/>
    </row>
    <row r="840056" spans="14:14">
      <c r="N840056" s="10"/>
    </row>
    <row r="840057" spans="14:14">
      <c r="N840057" s="10"/>
    </row>
    <row r="840058" spans="14:14">
      <c r="N840058" s="10"/>
    </row>
    <row r="840059" spans="14:14">
      <c r="N840059" s="10"/>
    </row>
    <row r="840060" spans="14:14">
      <c r="N840060" s="10"/>
    </row>
    <row r="840061" spans="14:14">
      <c r="N840061" s="10"/>
    </row>
    <row r="840062" spans="14:14">
      <c r="N840062" s="10"/>
    </row>
    <row r="840063" spans="14:14">
      <c r="N840063" s="10"/>
    </row>
    <row r="840064" spans="14:14">
      <c r="N840064" s="10"/>
    </row>
    <row r="840065" spans="14:14">
      <c r="N840065" s="10"/>
    </row>
    <row r="840066" spans="14:14">
      <c r="N840066" s="10"/>
    </row>
    <row r="840067" spans="14:14">
      <c r="N840067" s="10"/>
    </row>
    <row r="840068" spans="14:14">
      <c r="N840068" s="10"/>
    </row>
    <row r="840069" spans="14:14">
      <c r="N840069" s="10"/>
    </row>
    <row r="840070" spans="14:14">
      <c r="N840070" s="10"/>
    </row>
    <row r="840071" spans="14:14">
      <c r="N840071" s="10"/>
    </row>
    <row r="840072" spans="14:14">
      <c r="N840072" s="10"/>
    </row>
    <row r="840073" spans="14:14">
      <c r="N840073" s="10"/>
    </row>
    <row r="840074" spans="14:14">
      <c r="N840074" s="10"/>
    </row>
    <row r="840075" spans="14:14">
      <c r="N840075" s="10"/>
    </row>
    <row r="840076" spans="14:14">
      <c r="N840076" s="10"/>
    </row>
    <row r="840077" spans="14:14">
      <c r="N840077" s="10"/>
    </row>
    <row r="840078" spans="14:14">
      <c r="N840078" s="10"/>
    </row>
    <row r="840079" spans="14:14">
      <c r="N840079" s="10"/>
    </row>
    <row r="840080" spans="14:14">
      <c r="N840080" s="10"/>
    </row>
    <row r="840081" spans="14:14">
      <c r="N840081" s="10"/>
    </row>
    <row r="840082" spans="14:14">
      <c r="N840082" s="10"/>
    </row>
    <row r="840083" spans="14:14">
      <c r="N840083" s="10"/>
    </row>
    <row r="840084" spans="14:14">
      <c r="N840084" s="10"/>
    </row>
    <row r="840085" spans="14:14">
      <c r="N840085" s="10"/>
    </row>
    <row r="840086" spans="14:14">
      <c r="N840086" s="10"/>
    </row>
    <row r="840087" spans="14:14">
      <c r="N840087" s="10"/>
    </row>
    <row r="840088" spans="14:14">
      <c r="N840088" s="10"/>
    </row>
    <row r="840089" spans="14:14">
      <c r="N840089" s="10"/>
    </row>
    <row r="840090" spans="14:14">
      <c r="N840090" s="10"/>
    </row>
    <row r="840091" spans="14:14">
      <c r="N840091" s="10"/>
    </row>
    <row r="840092" spans="14:14">
      <c r="N840092" s="10"/>
    </row>
    <row r="840093" spans="14:14">
      <c r="N840093" s="10"/>
    </row>
    <row r="840094" spans="14:14">
      <c r="N840094" s="10"/>
    </row>
    <row r="840095" spans="14:14">
      <c r="N840095" s="10"/>
    </row>
    <row r="840096" spans="14:14">
      <c r="N840096" s="10"/>
    </row>
    <row r="840097" spans="14:14">
      <c r="N840097" s="10"/>
    </row>
    <row r="840098" spans="14:14">
      <c r="N840098" s="10"/>
    </row>
    <row r="840099" spans="14:14">
      <c r="N840099" s="10"/>
    </row>
    <row r="840100" spans="14:14">
      <c r="N840100" s="10"/>
    </row>
    <row r="840101" spans="14:14">
      <c r="N840101" s="10"/>
    </row>
    <row r="840102" spans="14:14">
      <c r="N840102" s="10"/>
    </row>
    <row r="840103" spans="14:14">
      <c r="N840103" s="10"/>
    </row>
    <row r="840104" spans="14:14">
      <c r="N840104" s="10"/>
    </row>
    <row r="840105" spans="14:14">
      <c r="N840105" s="10"/>
    </row>
    <row r="840106" spans="14:14">
      <c r="N840106" s="10"/>
    </row>
    <row r="840107" spans="14:14">
      <c r="N840107" s="10"/>
    </row>
    <row r="840108" spans="14:14">
      <c r="N840108" s="10"/>
    </row>
    <row r="840109" spans="14:14">
      <c r="N840109" s="10"/>
    </row>
    <row r="840110" spans="14:14">
      <c r="N840110" s="10"/>
    </row>
    <row r="840111" spans="14:14">
      <c r="N840111" s="10"/>
    </row>
    <row r="840112" spans="14:14">
      <c r="N840112" s="10"/>
    </row>
    <row r="840113" spans="14:14">
      <c r="N840113" s="10"/>
    </row>
    <row r="840114" spans="14:14">
      <c r="N840114" s="10"/>
    </row>
    <row r="840115" spans="14:14">
      <c r="N840115" s="10"/>
    </row>
    <row r="840116" spans="14:14">
      <c r="N840116" s="10"/>
    </row>
    <row r="840117" spans="14:14">
      <c r="N840117" s="10"/>
    </row>
    <row r="840118" spans="14:14">
      <c r="N840118" s="10"/>
    </row>
    <row r="840119" spans="14:14">
      <c r="N840119" s="10"/>
    </row>
    <row r="840120" spans="14:14">
      <c r="N840120" s="10"/>
    </row>
    <row r="840121" spans="14:14">
      <c r="N840121" s="10"/>
    </row>
    <row r="840122" spans="14:14">
      <c r="N840122" s="10"/>
    </row>
    <row r="840123" spans="14:14">
      <c r="N840123" s="10"/>
    </row>
    <row r="840124" spans="14:14">
      <c r="N840124" s="10"/>
    </row>
    <row r="840125" spans="14:14">
      <c r="N840125" s="10"/>
    </row>
    <row r="840126" spans="14:14">
      <c r="N840126" s="10"/>
    </row>
    <row r="840127" spans="14:14">
      <c r="N840127" s="10"/>
    </row>
    <row r="840128" spans="14:14">
      <c r="N840128" s="10"/>
    </row>
    <row r="840129" spans="14:14">
      <c r="N840129" s="10"/>
    </row>
    <row r="840130" spans="14:14">
      <c r="N840130" s="10"/>
    </row>
    <row r="840131" spans="14:14">
      <c r="N840131" s="10"/>
    </row>
    <row r="840132" spans="14:14">
      <c r="N840132" s="10"/>
    </row>
    <row r="840133" spans="14:14">
      <c r="N840133" s="10"/>
    </row>
    <row r="840134" spans="14:14">
      <c r="N840134" s="10"/>
    </row>
    <row r="840135" spans="14:14">
      <c r="N840135" s="10"/>
    </row>
    <row r="840136" spans="14:14">
      <c r="N840136" s="10"/>
    </row>
    <row r="840137" spans="14:14">
      <c r="N840137" s="10"/>
    </row>
    <row r="840138" spans="14:14">
      <c r="N840138" s="10"/>
    </row>
    <row r="840139" spans="14:14">
      <c r="N840139" s="10"/>
    </row>
    <row r="840140" spans="14:14">
      <c r="N840140" s="10"/>
    </row>
    <row r="840141" spans="14:14">
      <c r="N840141" s="10"/>
    </row>
    <row r="840142" spans="14:14">
      <c r="N840142" s="10"/>
    </row>
    <row r="840143" spans="14:14">
      <c r="N840143" s="10"/>
    </row>
    <row r="840144" spans="14:14">
      <c r="N840144" s="10"/>
    </row>
    <row r="840145" spans="14:14">
      <c r="N840145" s="10"/>
    </row>
    <row r="840146" spans="14:14">
      <c r="N840146" s="10"/>
    </row>
    <row r="840147" spans="14:14">
      <c r="N840147" s="10"/>
    </row>
    <row r="840148" spans="14:14">
      <c r="N840148" s="10"/>
    </row>
    <row r="840149" spans="14:14">
      <c r="N840149" s="10"/>
    </row>
    <row r="840150" spans="14:14">
      <c r="N840150" s="10"/>
    </row>
    <row r="840151" spans="14:14">
      <c r="N840151" s="10"/>
    </row>
    <row r="840152" spans="14:14">
      <c r="N840152" s="10"/>
    </row>
    <row r="840153" spans="14:14">
      <c r="N840153" s="10"/>
    </row>
    <row r="840154" spans="14:14">
      <c r="N840154" s="10"/>
    </row>
    <row r="840155" spans="14:14">
      <c r="N840155" s="10"/>
    </row>
    <row r="840156" spans="14:14">
      <c r="N840156" s="10"/>
    </row>
    <row r="840157" spans="14:14">
      <c r="N840157" s="10"/>
    </row>
    <row r="840158" spans="14:14">
      <c r="N840158" s="10"/>
    </row>
    <row r="840159" spans="14:14">
      <c r="N840159" s="10"/>
    </row>
    <row r="840160" spans="14:14">
      <c r="N840160" s="10"/>
    </row>
    <row r="840161" spans="14:14">
      <c r="N840161" s="10"/>
    </row>
    <row r="840162" spans="14:14">
      <c r="N840162" s="10"/>
    </row>
    <row r="840163" spans="14:14">
      <c r="N840163" s="10"/>
    </row>
    <row r="840164" spans="14:14">
      <c r="N840164" s="10"/>
    </row>
    <row r="840165" spans="14:14">
      <c r="N840165" s="10"/>
    </row>
    <row r="840166" spans="14:14">
      <c r="N840166" s="10"/>
    </row>
    <row r="840167" spans="14:14">
      <c r="N840167" s="10"/>
    </row>
    <row r="840168" spans="14:14">
      <c r="N840168" s="10"/>
    </row>
    <row r="840169" spans="14:14">
      <c r="N840169" s="10"/>
    </row>
    <row r="840170" spans="14:14">
      <c r="N840170" s="10"/>
    </row>
    <row r="840171" spans="14:14">
      <c r="N840171" s="10"/>
    </row>
    <row r="840172" spans="14:14">
      <c r="N840172" s="10"/>
    </row>
    <row r="840173" spans="14:14">
      <c r="N840173" s="10"/>
    </row>
    <row r="840174" spans="14:14">
      <c r="N840174" s="10"/>
    </row>
    <row r="840175" spans="14:14">
      <c r="N840175" s="10"/>
    </row>
    <row r="840176" spans="14:14">
      <c r="N840176" s="10"/>
    </row>
    <row r="840177" spans="14:14">
      <c r="N840177" s="10"/>
    </row>
    <row r="840178" spans="14:14">
      <c r="N840178" s="10"/>
    </row>
    <row r="840179" spans="14:14">
      <c r="N840179" s="10"/>
    </row>
    <row r="840180" spans="14:14">
      <c r="N840180" s="10"/>
    </row>
    <row r="840181" spans="14:14">
      <c r="N840181" s="10"/>
    </row>
    <row r="840182" spans="14:14">
      <c r="N840182" s="10"/>
    </row>
    <row r="840183" spans="14:14">
      <c r="N840183" s="10"/>
    </row>
    <row r="840184" spans="14:14">
      <c r="N840184" s="10"/>
    </row>
    <row r="840185" spans="14:14">
      <c r="N840185" s="10"/>
    </row>
    <row r="840186" spans="14:14">
      <c r="N840186" s="10"/>
    </row>
    <row r="840187" spans="14:14">
      <c r="N840187" s="10"/>
    </row>
    <row r="840188" spans="14:14">
      <c r="N840188" s="10"/>
    </row>
    <row r="840189" spans="14:14">
      <c r="N840189" s="10"/>
    </row>
    <row r="840190" spans="14:14">
      <c r="N840190" s="10"/>
    </row>
    <row r="840191" spans="14:14">
      <c r="N840191" s="10"/>
    </row>
    <row r="840192" spans="14:14">
      <c r="N840192" s="10"/>
    </row>
    <row r="840193" spans="14:14">
      <c r="N840193" s="10"/>
    </row>
    <row r="840194" spans="14:14">
      <c r="N840194" s="10"/>
    </row>
    <row r="840195" spans="14:14">
      <c r="N840195" s="10"/>
    </row>
    <row r="840196" spans="14:14">
      <c r="N840196" s="10"/>
    </row>
    <row r="840197" spans="14:14">
      <c r="N840197" s="10"/>
    </row>
    <row r="840198" spans="14:14">
      <c r="N840198" s="10"/>
    </row>
    <row r="840199" spans="14:14">
      <c r="N840199" s="10"/>
    </row>
    <row r="840200" spans="14:14">
      <c r="N840200" s="10"/>
    </row>
    <row r="840201" spans="14:14">
      <c r="N840201" s="10"/>
    </row>
    <row r="840202" spans="14:14">
      <c r="N840202" s="10"/>
    </row>
    <row r="840203" spans="14:14">
      <c r="N840203" s="10"/>
    </row>
    <row r="840204" spans="14:14">
      <c r="N840204" s="10"/>
    </row>
    <row r="840205" spans="14:14">
      <c r="N840205" s="10"/>
    </row>
    <row r="840206" spans="14:14">
      <c r="N840206" s="10"/>
    </row>
    <row r="840207" spans="14:14">
      <c r="N840207" s="10"/>
    </row>
    <row r="840208" spans="14:14">
      <c r="N840208" s="10"/>
    </row>
    <row r="840209" spans="14:14">
      <c r="N840209" s="10"/>
    </row>
    <row r="840210" spans="14:14">
      <c r="N840210" s="10"/>
    </row>
    <row r="840211" spans="14:14">
      <c r="N840211" s="10"/>
    </row>
    <row r="840212" spans="14:14">
      <c r="N840212" s="10"/>
    </row>
    <row r="840213" spans="14:14">
      <c r="N840213" s="10"/>
    </row>
    <row r="840214" spans="14:14">
      <c r="N840214" s="10"/>
    </row>
    <row r="840215" spans="14:14">
      <c r="N840215" s="10"/>
    </row>
    <row r="840216" spans="14:14">
      <c r="N840216" s="10"/>
    </row>
    <row r="840217" spans="14:14">
      <c r="N840217" s="10"/>
    </row>
    <row r="840218" spans="14:14">
      <c r="N840218" s="10"/>
    </row>
    <row r="840219" spans="14:14">
      <c r="N840219" s="10"/>
    </row>
    <row r="840220" spans="14:14">
      <c r="N840220" s="10"/>
    </row>
    <row r="840221" spans="14:14">
      <c r="N840221" s="10"/>
    </row>
    <row r="840222" spans="14:14">
      <c r="N840222" s="10"/>
    </row>
    <row r="840223" spans="14:14">
      <c r="N840223" s="10"/>
    </row>
    <row r="840224" spans="14:14">
      <c r="N840224" s="10"/>
    </row>
    <row r="840225" spans="14:14">
      <c r="N840225" s="10"/>
    </row>
    <row r="840226" spans="14:14">
      <c r="N840226" s="10"/>
    </row>
    <row r="840227" spans="14:14">
      <c r="N840227" s="10"/>
    </row>
    <row r="840228" spans="14:14">
      <c r="N840228" s="10"/>
    </row>
    <row r="840229" spans="14:14">
      <c r="N840229" s="10"/>
    </row>
    <row r="840230" spans="14:14">
      <c r="N840230" s="10"/>
    </row>
    <row r="840231" spans="14:14">
      <c r="N840231" s="10"/>
    </row>
    <row r="840232" spans="14:14">
      <c r="N840232" s="10"/>
    </row>
    <row r="840233" spans="14:14">
      <c r="N840233" s="10"/>
    </row>
    <row r="840234" spans="14:14">
      <c r="N840234" s="10"/>
    </row>
    <row r="840235" spans="14:14">
      <c r="N840235" s="10"/>
    </row>
    <row r="840236" spans="14:14">
      <c r="N840236" s="10"/>
    </row>
    <row r="840237" spans="14:14">
      <c r="N840237" s="10"/>
    </row>
    <row r="840238" spans="14:14">
      <c r="N840238" s="10"/>
    </row>
    <row r="840239" spans="14:14">
      <c r="N840239" s="10"/>
    </row>
    <row r="840240" spans="14:14">
      <c r="N840240" s="10"/>
    </row>
    <row r="840241" spans="14:14">
      <c r="N840241" s="10"/>
    </row>
    <row r="840242" spans="14:14">
      <c r="N840242" s="10"/>
    </row>
    <row r="840243" spans="14:14">
      <c r="N840243" s="10"/>
    </row>
    <row r="840244" spans="14:14">
      <c r="N840244" s="10"/>
    </row>
    <row r="840245" spans="14:14">
      <c r="N840245" s="10"/>
    </row>
    <row r="840246" spans="14:14">
      <c r="N840246" s="10"/>
    </row>
    <row r="840247" spans="14:14">
      <c r="N840247" s="10"/>
    </row>
    <row r="840248" spans="14:14">
      <c r="N840248" s="10"/>
    </row>
    <row r="840249" spans="14:14">
      <c r="N840249" s="10"/>
    </row>
    <row r="840250" spans="14:14">
      <c r="N840250" s="10"/>
    </row>
    <row r="840251" spans="14:14">
      <c r="N840251" s="10"/>
    </row>
    <row r="840252" spans="14:14">
      <c r="N840252" s="10"/>
    </row>
    <row r="840253" spans="14:14">
      <c r="N840253" s="10"/>
    </row>
    <row r="840254" spans="14:14">
      <c r="N840254" s="10"/>
    </row>
    <row r="840255" spans="14:14">
      <c r="N840255" s="10"/>
    </row>
    <row r="840256" spans="14:14">
      <c r="N840256" s="10"/>
    </row>
    <row r="840257" spans="14:14">
      <c r="N840257" s="10"/>
    </row>
    <row r="840258" spans="14:14">
      <c r="N840258" s="10"/>
    </row>
    <row r="840259" spans="14:14">
      <c r="N840259" s="10"/>
    </row>
    <row r="840260" spans="14:14">
      <c r="N840260" s="10"/>
    </row>
    <row r="840261" spans="14:14">
      <c r="N840261" s="10"/>
    </row>
    <row r="840262" spans="14:14">
      <c r="N840262" s="10"/>
    </row>
    <row r="840263" spans="14:14">
      <c r="N840263" s="10"/>
    </row>
    <row r="840264" spans="14:14">
      <c r="N840264" s="10"/>
    </row>
    <row r="840265" spans="14:14">
      <c r="N840265" s="10"/>
    </row>
    <row r="840266" spans="14:14">
      <c r="N840266" s="10"/>
    </row>
    <row r="840267" spans="14:14">
      <c r="N840267" s="10"/>
    </row>
    <row r="840268" spans="14:14">
      <c r="N840268" s="10"/>
    </row>
    <row r="840269" spans="14:14">
      <c r="N840269" s="10"/>
    </row>
    <row r="840270" spans="14:14">
      <c r="N840270" s="10"/>
    </row>
    <row r="840271" spans="14:14">
      <c r="N840271" s="10"/>
    </row>
    <row r="840272" spans="14:14">
      <c r="N840272" s="10"/>
    </row>
    <row r="840273" spans="14:14">
      <c r="N840273" s="10"/>
    </row>
    <row r="840274" spans="14:14">
      <c r="N840274" s="10"/>
    </row>
    <row r="840275" spans="14:14">
      <c r="N840275" s="10"/>
    </row>
    <row r="840276" spans="14:14">
      <c r="N840276" s="10"/>
    </row>
    <row r="840277" spans="14:14">
      <c r="N840277" s="10"/>
    </row>
    <row r="840278" spans="14:14">
      <c r="N840278" s="10"/>
    </row>
    <row r="840279" spans="14:14">
      <c r="N840279" s="10"/>
    </row>
    <row r="840280" spans="14:14">
      <c r="N840280" s="10"/>
    </row>
    <row r="840281" spans="14:14">
      <c r="N840281" s="10"/>
    </row>
    <row r="840282" spans="14:14">
      <c r="N840282" s="10"/>
    </row>
    <row r="840283" spans="14:14">
      <c r="N840283" s="10"/>
    </row>
    <row r="840284" spans="14:14">
      <c r="N840284" s="10"/>
    </row>
    <row r="840285" spans="14:14">
      <c r="N840285" s="10"/>
    </row>
    <row r="840286" spans="14:14">
      <c r="N840286" s="10"/>
    </row>
    <row r="840287" spans="14:14">
      <c r="N840287" s="10"/>
    </row>
    <row r="840288" spans="14:14">
      <c r="N840288" s="10"/>
    </row>
    <row r="840289" spans="14:14">
      <c r="N840289" s="10"/>
    </row>
    <row r="840290" spans="14:14">
      <c r="N840290" s="10"/>
    </row>
    <row r="840291" spans="14:14">
      <c r="N840291" s="10"/>
    </row>
    <row r="840292" spans="14:14">
      <c r="N840292" s="10"/>
    </row>
    <row r="840293" spans="14:14">
      <c r="N840293" s="10"/>
    </row>
    <row r="840294" spans="14:14">
      <c r="N840294" s="10"/>
    </row>
    <row r="840295" spans="14:14">
      <c r="N840295" s="10"/>
    </row>
    <row r="840296" spans="14:14">
      <c r="N840296" s="10"/>
    </row>
    <row r="840297" spans="14:14">
      <c r="N840297" s="10"/>
    </row>
    <row r="840298" spans="14:14">
      <c r="N840298" s="10"/>
    </row>
    <row r="840299" spans="14:14">
      <c r="N840299" s="10"/>
    </row>
    <row r="840300" spans="14:14">
      <c r="N840300" s="10"/>
    </row>
    <row r="840301" spans="14:14">
      <c r="N840301" s="10"/>
    </row>
    <row r="840302" spans="14:14">
      <c r="N840302" s="10"/>
    </row>
    <row r="840303" spans="14:14">
      <c r="N840303" s="10"/>
    </row>
    <row r="840304" spans="14:14">
      <c r="N840304" s="10"/>
    </row>
    <row r="840305" spans="14:14">
      <c r="N840305" s="10"/>
    </row>
    <row r="840306" spans="14:14">
      <c r="N840306" s="10"/>
    </row>
    <row r="840307" spans="14:14">
      <c r="N840307" s="10"/>
    </row>
    <row r="840308" spans="14:14">
      <c r="N840308" s="10"/>
    </row>
    <row r="840309" spans="14:14">
      <c r="N840309" s="10"/>
    </row>
    <row r="840310" spans="14:14">
      <c r="N840310" s="10"/>
    </row>
    <row r="840311" spans="14:14">
      <c r="N840311" s="10"/>
    </row>
    <row r="840312" spans="14:14">
      <c r="N840312" s="10"/>
    </row>
    <row r="840313" spans="14:14">
      <c r="N840313" s="10"/>
    </row>
    <row r="840314" spans="14:14">
      <c r="N840314" s="10"/>
    </row>
    <row r="840315" spans="14:14">
      <c r="N840315" s="10"/>
    </row>
    <row r="840316" spans="14:14">
      <c r="N840316" s="10"/>
    </row>
    <row r="840317" spans="14:14">
      <c r="N840317" s="10"/>
    </row>
    <row r="840318" spans="14:14">
      <c r="N840318" s="10"/>
    </row>
    <row r="840319" spans="14:14">
      <c r="N840319" s="10"/>
    </row>
    <row r="840320" spans="14:14">
      <c r="N840320" s="10"/>
    </row>
    <row r="840321" spans="14:14">
      <c r="N840321" s="10"/>
    </row>
    <row r="840322" spans="14:14">
      <c r="N840322" s="10"/>
    </row>
    <row r="840323" spans="14:14">
      <c r="N840323" s="10"/>
    </row>
    <row r="840324" spans="14:14">
      <c r="N840324" s="10"/>
    </row>
    <row r="840325" spans="14:14">
      <c r="N840325" s="10"/>
    </row>
    <row r="840326" spans="14:14">
      <c r="N840326" s="10"/>
    </row>
    <row r="840327" spans="14:14">
      <c r="N840327" s="10"/>
    </row>
    <row r="840328" spans="14:14">
      <c r="N840328" s="10"/>
    </row>
    <row r="840329" spans="14:14">
      <c r="N840329" s="10"/>
    </row>
    <row r="840330" spans="14:14">
      <c r="N840330" s="10"/>
    </row>
    <row r="840331" spans="14:14">
      <c r="N840331" s="10"/>
    </row>
    <row r="840332" spans="14:14">
      <c r="N840332" s="10"/>
    </row>
    <row r="840333" spans="14:14">
      <c r="N840333" s="10"/>
    </row>
    <row r="840334" spans="14:14">
      <c r="N840334" s="10"/>
    </row>
    <row r="840335" spans="14:14">
      <c r="N840335" s="10"/>
    </row>
    <row r="840336" spans="14:14">
      <c r="N840336" s="10"/>
    </row>
    <row r="840337" spans="14:14">
      <c r="N840337" s="10"/>
    </row>
    <row r="840338" spans="14:14">
      <c r="N840338" s="10"/>
    </row>
    <row r="840339" spans="14:14">
      <c r="N840339" s="10"/>
    </row>
    <row r="840340" spans="14:14">
      <c r="N840340" s="10"/>
    </row>
    <row r="840341" spans="14:14">
      <c r="N840341" s="10"/>
    </row>
    <row r="840342" spans="14:14">
      <c r="N840342" s="10"/>
    </row>
    <row r="840343" spans="14:14">
      <c r="N840343" s="10"/>
    </row>
    <row r="840344" spans="14:14">
      <c r="N840344" s="10"/>
    </row>
    <row r="840345" spans="14:14">
      <c r="N840345" s="10"/>
    </row>
    <row r="840346" spans="14:14">
      <c r="N840346" s="10"/>
    </row>
    <row r="840347" spans="14:14">
      <c r="N840347" s="10"/>
    </row>
    <row r="840348" spans="14:14">
      <c r="N840348" s="10"/>
    </row>
    <row r="840349" spans="14:14">
      <c r="N840349" s="10"/>
    </row>
    <row r="840350" spans="14:14">
      <c r="N840350" s="10"/>
    </row>
    <row r="840351" spans="14:14">
      <c r="N840351" s="10"/>
    </row>
    <row r="840352" spans="14:14">
      <c r="N840352" s="10"/>
    </row>
    <row r="840353" spans="14:14">
      <c r="N840353" s="10"/>
    </row>
    <row r="840354" spans="14:14">
      <c r="N840354" s="10"/>
    </row>
    <row r="840355" spans="14:14">
      <c r="N840355" s="10"/>
    </row>
    <row r="840356" spans="14:14">
      <c r="N840356" s="10"/>
    </row>
    <row r="840357" spans="14:14">
      <c r="N840357" s="10"/>
    </row>
    <row r="840358" spans="14:14">
      <c r="N840358" s="10"/>
    </row>
    <row r="840359" spans="14:14">
      <c r="N840359" s="10"/>
    </row>
    <row r="840360" spans="14:14">
      <c r="N840360" s="10"/>
    </row>
    <row r="840361" spans="14:14">
      <c r="N840361" s="10"/>
    </row>
    <row r="840362" spans="14:14">
      <c r="N840362" s="10"/>
    </row>
    <row r="840363" spans="14:14">
      <c r="N840363" s="10"/>
    </row>
    <row r="840364" spans="14:14">
      <c r="N840364" s="10"/>
    </row>
    <row r="840365" spans="14:14">
      <c r="N840365" s="10"/>
    </row>
    <row r="840366" spans="14:14">
      <c r="N840366" s="10"/>
    </row>
    <row r="840367" spans="14:14">
      <c r="N840367" s="10"/>
    </row>
    <row r="840368" spans="14:14">
      <c r="N840368" s="10"/>
    </row>
    <row r="840369" spans="14:14">
      <c r="N840369" s="10"/>
    </row>
    <row r="840370" spans="14:14">
      <c r="N840370" s="10"/>
    </row>
    <row r="840371" spans="14:14">
      <c r="N840371" s="10"/>
    </row>
    <row r="840372" spans="14:14">
      <c r="N840372" s="10"/>
    </row>
    <row r="840373" spans="14:14">
      <c r="N840373" s="10"/>
    </row>
    <row r="840374" spans="14:14">
      <c r="N840374" s="10"/>
    </row>
    <row r="840375" spans="14:14">
      <c r="N840375" s="10"/>
    </row>
    <row r="840376" spans="14:14">
      <c r="N840376" s="10"/>
    </row>
    <row r="840377" spans="14:14">
      <c r="N840377" s="10"/>
    </row>
    <row r="840378" spans="14:14">
      <c r="N840378" s="10"/>
    </row>
    <row r="840379" spans="14:14">
      <c r="N840379" s="10"/>
    </row>
    <row r="840380" spans="14:14">
      <c r="N840380" s="10"/>
    </row>
    <row r="840381" spans="14:14">
      <c r="N840381" s="10"/>
    </row>
    <row r="840382" spans="14:14">
      <c r="N840382" s="10"/>
    </row>
    <row r="840383" spans="14:14">
      <c r="N840383" s="10"/>
    </row>
    <row r="840384" spans="14:14">
      <c r="N840384" s="10"/>
    </row>
    <row r="840385" spans="14:14">
      <c r="N840385" s="10"/>
    </row>
    <row r="840386" spans="14:14">
      <c r="N840386" s="10"/>
    </row>
    <row r="840387" spans="14:14">
      <c r="N840387" s="10"/>
    </row>
    <row r="840388" spans="14:14">
      <c r="N840388" s="10"/>
    </row>
    <row r="840389" spans="14:14">
      <c r="N840389" s="10"/>
    </row>
    <row r="840390" spans="14:14">
      <c r="N840390" s="10"/>
    </row>
    <row r="840391" spans="14:14">
      <c r="N840391" s="10"/>
    </row>
    <row r="840392" spans="14:14">
      <c r="N840392" s="10"/>
    </row>
    <row r="840393" spans="14:14">
      <c r="N840393" s="10"/>
    </row>
    <row r="840394" spans="14:14">
      <c r="N840394" s="10"/>
    </row>
    <row r="840395" spans="14:14">
      <c r="N840395" s="10"/>
    </row>
    <row r="840396" spans="14:14">
      <c r="N840396" s="10"/>
    </row>
    <row r="840397" spans="14:14">
      <c r="N840397" s="10"/>
    </row>
    <row r="840398" spans="14:14">
      <c r="N840398" s="10"/>
    </row>
    <row r="840399" spans="14:14">
      <c r="N840399" s="10"/>
    </row>
    <row r="840400" spans="14:14">
      <c r="N840400" s="10"/>
    </row>
    <row r="840401" spans="14:14">
      <c r="N840401" s="10"/>
    </row>
    <row r="840402" spans="14:14">
      <c r="N840402" s="10"/>
    </row>
    <row r="840403" spans="14:14">
      <c r="N840403" s="10"/>
    </row>
    <row r="840404" spans="14:14">
      <c r="N840404" s="10"/>
    </row>
    <row r="840405" spans="14:14">
      <c r="N840405" s="10"/>
    </row>
    <row r="840406" spans="14:14">
      <c r="N840406" s="10"/>
    </row>
    <row r="840407" spans="14:14">
      <c r="N840407" s="10"/>
    </row>
    <row r="840408" spans="14:14">
      <c r="N840408" s="10"/>
    </row>
    <row r="840409" spans="14:14">
      <c r="N840409" s="10"/>
    </row>
    <row r="840410" spans="14:14">
      <c r="N840410" s="10"/>
    </row>
    <row r="840411" spans="14:14">
      <c r="N840411" s="10"/>
    </row>
    <row r="840412" spans="14:14">
      <c r="N840412" s="10"/>
    </row>
    <row r="840413" spans="14:14">
      <c r="N840413" s="10"/>
    </row>
    <row r="840414" spans="14:14">
      <c r="N840414" s="10"/>
    </row>
    <row r="840415" spans="14:14">
      <c r="N840415" s="10"/>
    </row>
    <row r="840416" spans="14:14">
      <c r="N840416" s="10"/>
    </row>
    <row r="840417" spans="14:14">
      <c r="N840417" s="10"/>
    </row>
    <row r="840418" spans="14:14">
      <c r="N840418" s="10"/>
    </row>
    <row r="840419" spans="14:14">
      <c r="N840419" s="10"/>
    </row>
    <row r="840420" spans="14:14">
      <c r="N840420" s="10"/>
    </row>
    <row r="840421" spans="14:14">
      <c r="N840421" s="10"/>
    </row>
    <row r="840422" spans="14:14">
      <c r="N840422" s="10"/>
    </row>
    <row r="840423" spans="14:14">
      <c r="N840423" s="10"/>
    </row>
    <row r="840424" spans="14:14">
      <c r="N840424" s="10"/>
    </row>
    <row r="840425" spans="14:14">
      <c r="N840425" s="10"/>
    </row>
    <row r="840426" spans="14:14">
      <c r="N840426" s="10"/>
    </row>
    <row r="840427" spans="14:14">
      <c r="N840427" s="10"/>
    </row>
    <row r="840428" spans="14:14">
      <c r="N840428" s="10"/>
    </row>
    <row r="840429" spans="14:14">
      <c r="N840429" s="10"/>
    </row>
    <row r="840430" spans="14:14">
      <c r="N840430" s="10"/>
    </row>
    <row r="840431" spans="14:14">
      <c r="N840431" s="10"/>
    </row>
    <row r="840432" spans="14:14">
      <c r="N840432" s="10"/>
    </row>
    <row r="840433" spans="14:14">
      <c r="N840433" s="10"/>
    </row>
    <row r="840434" spans="14:14">
      <c r="N840434" s="10"/>
    </row>
    <row r="840435" spans="14:14">
      <c r="N840435" s="10"/>
    </row>
    <row r="840436" spans="14:14">
      <c r="N840436" s="10"/>
    </row>
    <row r="840437" spans="14:14">
      <c r="N840437" s="10"/>
    </row>
    <row r="840438" spans="14:14">
      <c r="N840438" s="10"/>
    </row>
    <row r="840439" spans="14:14">
      <c r="N840439" s="10"/>
    </row>
    <row r="840440" spans="14:14">
      <c r="N840440" s="10"/>
    </row>
    <row r="840441" spans="14:14">
      <c r="N840441" s="10"/>
    </row>
    <row r="840442" spans="14:14">
      <c r="N840442" s="10"/>
    </row>
    <row r="840443" spans="14:14">
      <c r="N840443" s="10"/>
    </row>
    <row r="840444" spans="14:14">
      <c r="N840444" s="10"/>
    </row>
    <row r="840445" spans="14:14">
      <c r="N840445" s="10"/>
    </row>
    <row r="840446" spans="14:14">
      <c r="N840446" s="10"/>
    </row>
    <row r="840447" spans="14:14">
      <c r="N840447" s="10"/>
    </row>
    <row r="840448" spans="14:14">
      <c r="N840448" s="10"/>
    </row>
    <row r="840449" spans="14:14">
      <c r="N840449" s="10"/>
    </row>
    <row r="840450" spans="14:14">
      <c r="N840450" s="10"/>
    </row>
    <row r="840451" spans="14:14">
      <c r="N840451" s="10"/>
    </row>
    <row r="840452" spans="14:14">
      <c r="N840452" s="10"/>
    </row>
    <row r="840453" spans="14:14">
      <c r="N840453" s="10"/>
    </row>
    <row r="840454" spans="14:14">
      <c r="N840454" s="10"/>
    </row>
    <row r="840455" spans="14:14">
      <c r="N840455" s="10"/>
    </row>
    <row r="840456" spans="14:14">
      <c r="N840456" s="10"/>
    </row>
    <row r="840457" spans="14:14">
      <c r="N840457" s="10"/>
    </row>
    <row r="840458" spans="14:14">
      <c r="N840458" s="10"/>
    </row>
    <row r="840459" spans="14:14">
      <c r="N840459" s="10"/>
    </row>
    <row r="840460" spans="14:14">
      <c r="N840460" s="10"/>
    </row>
    <row r="840461" spans="14:14">
      <c r="N840461" s="10"/>
    </row>
    <row r="840462" spans="14:14">
      <c r="N840462" s="10"/>
    </row>
    <row r="840463" spans="14:14">
      <c r="N840463" s="10"/>
    </row>
    <row r="840464" spans="14:14">
      <c r="N840464" s="10"/>
    </row>
    <row r="840465" spans="14:14">
      <c r="N840465" s="10"/>
    </row>
    <row r="840466" spans="14:14">
      <c r="N840466" s="10"/>
    </row>
    <row r="840467" spans="14:14">
      <c r="N840467" s="10"/>
    </row>
    <row r="840468" spans="14:14">
      <c r="N840468" s="10"/>
    </row>
    <row r="840469" spans="14:14">
      <c r="N840469" s="10"/>
    </row>
    <row r="840470" spans="14:14">
      <c r="N840470" s="10"/>
    </row>
    <row r="840471" spans="14:14">
      <c r="N840471" s="10"/>
    </row>
    <row r="840472" spans="14:14">
      <c r="N840472" s="10"/>
    </row>
    <row r="840473" spans="14:14">
      <c r="N840473" s="10"/>
    </row>
    <row r="840474" spans="14:14">
      <c r="N840474" s="10"/>
    </row>
    <row r="840475" spans="14:14">
      <c r="N840475" s="10"/>
    </row>
    <row r="840476" spans="14:14">
      <c r="N840476" s="10"/>
    </row>
    <row r="840477" spans="14:14">
      <c r="N840477" s="10"/>
    </row>
    <row r="840478" spans="14:14">
      <c r="N840478" s="10"/>
    </row>
    <row r="840479" spans="14:14">
      <c r="N840479" s="10"/>
    </row>
    <row r="840480" spans="14:14">
      <c r="N840480" s="10"/>
    </row>
    <row r="840481" spans="14:14">
      <c r="N840481" s="10"/>
    </row>
    <row r="840482" spans="14:14">
      <c r="N840482" s="10"/>
    </row>
    <row r="840483" spans="14:14">
      <c r="N840483" s="10"/>
    </row>
    <row r="840484" spans="14:14">
      <c r="N840484" s="10"/>
    </row>
    <row r="840485" spans="14:14">
      <c r="N840485" s="10"/>
    </row>
    <row r="840486" spans="14:14">
      <c r="N840486" s="10"/>
    </row>
    <row r="840487" spans="14:14">
      <c r="N840487" s="10"/>
    </row>
    <row r="840488" spans="14:14">
      <c r="N840488" s="10"/>
    </row>
    <row r="840489" spans="14:14">
      <c r="N840489" s="10"/>
    </row>
    <row r="840490" spans="14:14">
      <c r="N840490" s="10"/>
    </row>
    <row r="840491" spans="14:14">
      <c r="N840491" s="10"/>
    </row>
    <row r="840492" spans="14:14">
      <c r="N840492" s="10"/>
    </row>
    <row r="840493" spans="14:14">
      <c r="N840493" s="10"/>
    </row>
    <row r="840494" spans="14:14">
      <c r="N840494" s="10"/>
    </row>
    <row r="840495" spans="14:14">
      <c r="N840495" s="10"/>
    </row>
    <row r="840496" spans="14:14">
      <c r="N840496" s="10"/>
    </row>
    <row r="840497" spans="14:14">
      <c r="N840497" s="10"/>
    </row>
    <row r="840498" spans="14:14">
      <c r="N840498" s="10"/>
    </row>
    <row r="840499" spans="14:14">
      <c r="N840499" s="10"/>
    </row>
    <row r="840500" spans="14:14">
      <c r="N840500" s="10"/>
    </row>
    <row r="840501" spans="14:14">
      <c r="N840501" s="10"/>
    </row>
    <row r="840502" spans="14:14">
      <c r="N840502" s="10"/>
    </row>
    <row r="840503" spans="14:14">
      <c r="N840503" s="10"/>
    </row>
    <row r="840504" spans="14:14">
      <c r="N840504" s="10"/>
    </row>
    <row r="840505" spans="14:14">
      <c r="N840505" s="10"/>
    </row>
    <row r="840506" spans="14:14">
      <c r="N840506" s="10"/>
    </row>
    <row r="840507" spans="14:14">
      <c r="N840507" s="10"/>
    </row>
    <row r="840508" spans="14:14">
      <c r="N840508" s="10"/>
    </row>
    <row r="840509" spans="14:14">
      <c r="N840509" s="10"/>
    </row>
    <row r="840510" spans="14:14">
      <c r="N840510" s="10"/>
    </row>
    <row r="840511" spans="14:14">
      <c r="N840511" s="10"/>
    </row>
    <row r="840512" spans="14:14">
      <c r="N840512" s="10"/>
    </row>
    <row r="840513" spans="14:14">
      <c r="N840513" s="10"/>
    </row>
    <row r="840514" spans="14:14">
      <c r="N840514" s="10"/>
    </row>
    <row r="840515" spans="14:14">
      <c r="N840515" s="10"/>
    </row>
    <row r="840516" spans="14:14">
      <c r="N840516" s="10"/>
    </row>
    <row r="840517" spans="14:14">
      <c r="N840517" s="10"/>
    </row>
    <row r="840518" spans="14:14">
      <c r="N840518" s="10"/>
    </row>
    <row r="840519" spans="14:14">
      <c r="N840519" s="10"/>
    </row>
    <row r="840520" spans="14:14">
      <c r="N840520" s="10"/>
    </row>
    <row r="840521" spans="14:14">
      <c r="N840521" s="10"/>
    </row>
    <row r="840522" spans="14:14">
      <c r="N840522" s="10"/>
    </row>
    <row r="840523" spans="14:14">
      <c r="N840523" s="10"/>
    </row>
    <row r="840524" spans="14:14">
      <c r="N840524" s="10"/>
    </row>
    <row r="840525" spans="14:14">
      <c r="N840525" s="10"/>
    </row>
    <row r="840526" spans="14:14">
      <c r="N840526" s="10"/>
    </row>
    <row r="840527" spans="14:14">
      <c r="N840527" s="10"/>
    </row>
    <row r="840528" spans="14:14">
      <c r="N840528" s="10"/>
    </row>
    <row r="840529" spans="14:14">
      <c r="N840529" s="10"/>
    </row>
    <row r="840530" spans="14:14">
      <c r="N840530" s="10"/>
    </row>
    <row r="840531" spans="14:14">
      <c r="N840531" s="10"/>
    </row>
    <row r="840532" spans="14:14">
      <c r="N840532" s="10"/>
    </row>
    <row r="840533" spans="14:14">
      <c r="N840533" s="10"/>
    </row>
    <row r="840534" spans="14:14">
      <c r="N840534" s="10"/>
    </row>
    <row r="840535" spans="14:14">
      <c r="N840535" s="10"/>
    </row>
    <row r="840536" spans="14:14">
      <c r="N840536" s="10"/>
    </row>
    <row r="840537" spans="14:14">
      <c r="N840537" s="10"/>
    </row>
    <row r="840538" spans="14:14">
      <c r="N840538" s="10"/>
    </row>
    <row r="840539" spans="14:14">
      <c r="N840539" s="10"/>
    </row>
    <row r="840540" spans="14:14">
      <c r="N840540" s="10"/>
    </row>
    <row r="840541" spans="14:14">
      <c r="N840541" s="10"/>
    </row>
    <row r="840542" spans="14:14">
      <c r="N840542" s="10"/>
    </row>
    <row r="840543" spans="14:14">
      <c r="N840543" s="10"/>
    </row>
    <row r="840544" spans="14:14">
      <c r="N840544" s="10"/>
    </row>
    <row r="840545" spans="14:14">
      <c r="N840545" s="10"/>
    </row>
    <row r="840546" spans="14:14">
      <c r="N840546" s="10"/>
    </row>
    <row r="840547" spans="14:14">
      <c r="N840547" s="10"/>
    </row>
    <row r="840548" spans="14:14">
      <c r="N840548" s="10"/>
    </row>
    <row r="840549" spans="14:14">
      <c r="N840549" s="10"/>
    </row>
    <row r="840550" spans="14:14">
      <c r="N840550" s="10"/>
    </row>
    <row r="840551" spans="14:14">
      <c r="N840551" s="10"/>
    </row>
    <row r="840552" spans="14:14">
      <c r="N840552" s="10"/>
    </row>
    <row r="840553" spans="14:14">
      <c r="N840553" s="10"/>
    </row>
    <row r="840554" spans="14:14">
      <c r="N840554" s="10"/>
    </row>
    <row r="840555" spans="14:14">
      <c r="N840555" s="10"/>
    </row>
    <row r="840556" spans="14:14">
      <c r="N840556" s="10"/>
    </row>
    <row r="840557" spans="14:14">
      <c r="N840557" s="10"/>
    </row>
    <row r="840558" spans="14:14">
      <c r="N840558" s="10"/>
    </row>
    <row r="840559" spans="14:14">
      <c r="N840559" s="10"/>
    </row>
    <row r="840560" spans="14:14">
      <c r="N840560" s="10"/>
    </row>
    <row r="840561" spans="14:14">
      <c r="N840561" s="10"/>
    </row>
    <row r="840562" spans="14:14">
      <c r="N840562" s="10"/>
    </row>
    <row r="840563" spans="14:14">
      <c r="N840563" s="10"/>
    </row>
    <row r="840564" spans="14:14">
      <c r="N840564" s="10"/>
    </row>
    <row r="840565" spans="14:14">
      <c r="N840565" s="10"/>
    </row>
    <row r="840566" spans="14:14">
      <c r="N840566" s="10"/>
    </row>
    <row r="840567" spans="14:14">
      <c r="N840567" s="10"/>
    </row>
    <row r="840568" spans="14:14">
      <c r="N840568" s="10"/>
    </row>
    <row r="840569" spans="14:14">
      <c r="N840569" s="10"/>
    </row>
    <row r="840570" spans="14:14">
      <c r="N840570" s="10"/>
    </row>
    <row r="840571" spans="14:14">
      <c r="N840571" s="10"/>
    </row>
    <row r="840572" spans="14:14">
      <c r="N840572" s="10"/>
    </row>
    <row r="840573" spans="14:14">
      <c r="N840573" s="10"/>
    </row>
    <row r="840574" spans="14:14">
      <c r="N840574" s="10"/>
    </row>
    <row r="840575" spans="14:14">
      <c r="N840575" s="10"/>
    </row>
    <row r="840576" spans="14:14">
      <c r="N840576" s="10"/>
    </row>
    <row r="840577" spans="14:14">
      <c r="N840577" s="10"/>
    </row>
    <row r="840578" spans="14:14">
      <c r="N840578" s="10"/>
    </row>
    <row r="840579" spans="14:14">
      <c r="N840579" s="10"/>
    </row>
    <row r="840580" spans="14:14">
      <c r="N840580" s="10"/>
    </row>
    <row r="840581" spans="14:14">
      <c r="N840581" s="10"/>
    </row>
    <row r="840582" spans="14:14">
      <c r="N840582" s="10"/>
    </row>
    <row r="840583" spans="14:14">
      <c r="N840583" s="10"/>
    </row>
    <row r="840584" spans="14:14">
      <c r="N840584" s="10"/>
    </row>
    <row r="840585" spans="14:14">
      <c r="N840585" s="10"/>
    </row>
    <row r="840586" spans="14:14">
      <c r="N840586" s="10"/>
    </row>
    <row r="840587" spans="14:14">
      <c r="N840587" s="10"/>
    </row>
    <row r="840588" spans="14:14">
      <c r="N840588" s="10"/>
    </row>
    <row r="840589" spans="14:14">
      <c r="N840589" s="10"/>
    </row>
    <row r="840590" spans="14:14">
      <c r="N840590" s="10"/>
    </row>
    <row r="840591" spans="14:14">
      <c r="N840591" s="10"/>
    </row>
    <row r="840592" spans="14:14">
      <c r="N840592" s="10"/>
    </row>
    <row r="840593" spans="14:14">
      <c r="N840593" s="10"/>
    </row>
    <row r="840594" spans="14:14">
      <c r="N840594" s="10"/>
    </row>
    <row r="840595" spans="14:14">
      <c r="N840595" s="10"/>
    </row>
    <row r="840596" spans="14:14">
      <c r="N840596" s="10"/>
    </row>
    <row r="840597" spans="14:14">
      <c r="N840597" s="10"/>
    </row>
    <row r="840598" spans="14:14">
      <c r="N840598" s="10"/>
    </row>
    <row r="840599" spans="14:14">
      <c r="N840599" s="10"/>
    </row>
    <row r="840600" spans="14:14">
      <c r="N840600" s="10"/>
    </row>
    <row r="840601" spans="14:14">
      <c r="N840601" s="10"/>
    </row>
    <row r="840602" spans="14:14">
      <c r="N840602" s="10"/>
    </row>
    <row r="840603" spans="14:14">
      <c r="N840603" s="10"/>
    </row>
    <row r="840604" spans="14:14">
      <c r="N840604" s="10"/>
    </row>
    <row r="840605" spans="14:14">
      <c r="N840605" s="10"/>
    </row>
    <row r="840606" spans="14:14">
      <c r="N840606" s="10"/>
    </row>
    <row r="840607" spans="14:14">
      <c r="N840607" s="10"/>
    </row>
    <row r="840608" spans="14:14">
      <c r="N840608" s="10"/>
    </row>
    <row r="840609" spans="14:14">
      <c r="N840609" s="10"/>
    </row>
    <row r="840610" spans="14:14">
      <c r="N840610" s="10"/>
    </row>
    <row r="840611" spans="14:14">
      <c r="N840611" s="10"/>
    </row>
    <row r="840612" spans="14:14">
      <c r="N840612" s="10"/>
    </row>
    <row r="840613" spans="14:14">
      <c r="N840613" s="10"/>
    </row>
    <row r="840614" spans="14:14">
      <c r="N840614" s="10"/>
    </row>
    <row r="840615" spans="14:14">
      <c r="N840615" s="10"/>
    </row>
    <row r="840616" spans="14:14">
      <c r="N840616" s="10"/>
    </row>
    <row r="840617" spans="14:14">
      <c r="N840617" s="10"/>
    </row>
    <row r="840618" spans="14:14">
      <c r="N840618" s="10"/>
    </row>
    <row r="840619" spans="14:14">
      <c r="N840619" s="10"/>
    </row>
    <row r="840620" spans="14:14">
      <c r="N840620" s="10"/>
    </row>
    <row r="840621" spans="14:14">
      <c r="N840621" s="10"/>
    </row>
    <row r="840622" spans="14:14">
      <c r="N840622" s="10"/>
    </row>
    <row r="840623" spans="14:14">
      <c r="N840623" s="10"/>
    </row>
    <row r="840624" spans="14:14">
      <c r="N840624" s="10"/>
    </row>
    <row r="840625" spans="14:14">
      <c r="N840625" s="10"/>
    </row>
    <row r="840626" spans="14:14">
      <c r="N840626" s="10"/>
    </row>
    <row r="840627" spans="14:14">
      <c r="N840627" s="10"/>
    </row>
    <row r="840628" spans="14:14">
      <c r="N840628" s="10"/>
    </row>
    <row r="840629" spans="14:14">
      <c r="N840629" s="10"/>
    </row>
    <row r="840630" spans="14:14">
      <c r="N840630" s="10"/>
    </row>
    <row r="840631" spans="14:14">
      <c r="N840631" s="10"/>
    </row>
    <row r="840632" spans="14:14">
      <c r="N840632" s="10"/>
    </row>
    <row r="840633" spans="14:14">
      <c r="N840633" s="10"/>
    </row>
    <row r="840634" spans="14:14">
      <c r="N840634" s="10"/>
    </row>
    <row r="840635" spans="14:14">
      <c r="N840635" s="10"/>
    </row>
    <row r="840636" spans="14:14">
      <c r="N840636" s="10"/>
    </row>
    <row r="840637" spans="14:14">
      <c r="N840637" s="10"/>
    </row>
    <row r="840638" spans="14:14">
      <c r="N840638" s="10"/>
    </row>
    <row r="840639" spans="14:14">
      <c r="N840639" s="10"/>
    </row>
    <row r="840640" spans="14:14">
      <c r="N840640" s="10"/>
    </row>
    <row r="840641" spans="14:14">
      <c r="N840641" s="10"/>
    </row>
    <row r="840642" spans="14:14">
      <c r="N840642" s="10"/>
    </row>
    <row r="840643" spans="14:14">
      <c r="N840643" s="10"/>
    </row>
    <row r="840644" spans="14:14">
      <c r="N840644" s="10"/>
    </row>
    <row r="840645" spans="14:14">
      <c r="N840645" s="10"/>
    </row>
    <row r="840646" spans="14:14">
      <c r="N840646" s="10"/>
    </row>
    <row r="840647" spans="14:14">
      <c r="N840647" s="10"/>
    </row>
    <row r="840648" spans="14:14">
      <c r="N840648" s="10"/>
    </row>
    <row r="840649" spans="14:14">
      <c r="N840649" s="10"/>
    </row>
    <row r="840650" spans="14:14">
      <c r="N840650" s="10"/>
    </row>
    <row r="840651" spans="14:14">
      <c r="N840651" s="10"/>
    </row>
    <row r="840652" spans="14:14">
      <c r="N840652" s="10"/>
    </row>
    <row r="840653" spans="14:14">
      <c r="N840653" s="10"/>
    </row>
    <row r="840654" spans="14:14">
      <c r="N840654" s="10"/>
    </row>
    <row r="840655" spans="14:14">
      <c r="N840655" s="10"/>
    </row>
    <row r="840656" spans="14:14">
      <c r="N840656" s="10"/>
    </row>
    <row r="840657" spans="14:14">
      <c r="N840657" s="10"/>
    </row>
    <row r="840658" spans="14:14">
      <c r="N840658" s="10"/>
    </row>
    <row r="840659" spans="14:14">
      <c r="N840659" s="10"/>
    </row>
    <row r="840660" spans="14:14">
      <c r="N840660" s="10"/>
    </row>
    <row r="840661" spans="14:14">
      <c r="N840661" s="10"/>
    </row>
    <row r="840662" spans="14:14">
      <c r="N840662" s="10"/>
    </row>
    <row r="840663" spans="14:14">
      <c r="N840663" s="10"/>
    </row>
    <row r="840664" spans="14:14">
      <c r="N840664" s="10"/>
    </row>
    <row r="840665" spans="14:14">
      <c r="N840665" s="10"/>
    </row>
    <row r="840666" spans="14:14">
      <c r="N840666" s="10"/>
    </row>
    <row r="840667" spans="14:14">
      <c r="N840667" s="10"/>
    </row>
    <row r="840668" spans="14:14">
      <c r="N840668" s="10"/>
    </row>
    <row r="840669" spans="14:14">
      <c r="N840669" s="10"/>
    </row>
    <row r="840670" spans="14:14">
      <c r="N840670" s="10"/>
    </row>
    <row r="840671" spans="14:14">
      <c r="N840671" s="10"/>
    </row>
    <row r="840672" spans="14:14">
      <c r="N840672" s="10"/>
    </row>
    <row r="840673" spans="14:14">
      <c r="N840673" s="10"/>
    </row>
    <row r="840674" spans="14:14">
      <c r="N840674" s="10"/>
    </row>
    <row r="840675" spans="14:14">
      <c r="N840675" s="10"/>
    </row>
    <row r="840676" spans="14:14">
      <c r="N840676" s="10"/>
    </row>
    <row r="840677" spans="14:14">
      <c r="N840677" s="10"/>
    </row>
    <row r="840678" spans="14:14">
      <c r="N840678" s="10"/>
    </row>
    <row r="840679" spans="14:14">
      <c r="N840679" s="10"/>
    </row>
    <row r="840680" spans="14:14">
      <c r="N840680" s="10"/>
    </row>
    <row r="840681" spans="14:14">
      <c r="N840681" s="10"/>
    </row>
    <row r="840682" spans="14:14">
      <c r="N840682" s="10"/>
    </row>
    <row r="840683" spans="14:14">
      <c r="N840683" s="10"/>
    </row>
    <row r="840684" spans="14:14">
      <c r="N840684" s="10"/>
    </row>
    <row r="840685" spans="14:14">
      <c r="N840685" s="10"/>
    </row>
    <row r="840686" spans="14:14">
      <c r="N840686" s="10"/>
    </row>
    <row r="840687" spans="14:14">
      <c r="N840687" s="10"/>
    </row>
    <row r="840688" spans="14:14">
      <c r="N840688" s="10"/>
    </row>
    <row r="840689" spans="14:14">
      <c r="N840689" s="10"/>
    </row>
    <row r="840690" spans="14:14">
      <c r="N840690" s="10"/>
    </row>
    <row r="840691" spans="14:14">
      <c r="N840691" s="10"/>
    </row>
    <row r="840692" spans="14:14">
      <c r="N840692" s="10"/>
    </row>
    <row r="840693" spans="14:14">
      <c r="N840693" s="10"/>
    </row>
    <row r="840694" spans="14:14">
      <c r="N840694" s="10"/>
    </row>
    <row r="840695" spans="14:14">
      <c r="N840695" s="10"/>
    </row>
    <row r="840696" spans="14:14">
      <c r="N840696" s="10"/>
    </row>
    <row r="840697" spans="14:14">
      <c r="N840697" s="10"/>
    </row>
    <row r="840698" spans="14:14">
      <c r="N840698" s="10"/>
    </row>
    <row r="840699" spans="14:14">
      <c r="N840699" s="10"/>
    </row>
    <row r="840700" spans="14:14">
      <c r="N840700" s="10"/>
    </row>
    <row r="840701" spans="14:14">
      <c r="N840701" s="10"/>
    </row>
    <row r="840702" spans="14:14">
      <c r="N840702" s="10"/>
    </row>
    <row r="840703" spans="14:14">
      <c r="N840703" s="10"/>
    </row>
    <row r="840704" spans="14:14">
      <c r="N840704" s="10"/>
    </row>
    <row r="840705" spans="14:14">
      <c r="N840705" s="10"/>
    </row>
    <row r="840706" spans="14:14">
      <c r="N840706" s="10"/>
    </row>
    <row r="840707" spans="14:14">
      <c r="N840707" s="10"/>
    </row>
    <row r="840708" spans="14:14">
      <c r="N840708" s="10"/>
    </row>
    <row r="840709" spans="14:14">
      <c r="N840709" s="10"/>
    </row>
    <row r="840710" spans="14:14">
      <c r="N840710" s="10"/>
    </row>
    <row r="840711" spans="14:14">
      <c r="N840711" s="10"/>
    </row>
    <row r="840712" spans="14:14">
      <c r="N840712" s="10"/>
    </row>
    <row r="840713" spans="14:14">
      <c r="N840713" s="10"/>
    </row>
    <row r="840714" spans="14:14">
      <c r="N840714" s="10"/>
    </row>
    <row r="840715" spans="14:14">
      <c r="N840715" s="10"/>
    </row>
    <row r="840716" spans="14:14">
      <c r="N840716" s="10"/>
    </row>
    <row r="840717" spans="14:14">
      <c r="N840717" s="10"/>
    </row>
    <row r="840718" spans="14:14">
      <c r="N840718" s="10"/>
    </row>
    <row r="840719" spans="14:14">
      <c r="N840719" s="10"/>
    </row>
    <row r="840720" spans="14:14">
      <c r="N840720" s="10"/>
    </row>
    <row r="840721" spans="14:14">
      <c r="N840721" s="10"/>
    </row>
    <row r="840722" spans="14:14">
      <c r="N840722" s="10"/>
    </row>
    <row r="840723" spans="14:14">
      <c r="N840723" s="10"/>
    </row>
    <row r="840724" spans="14:14">
      <c r="N840724" s="10"/>
    </row>
    <row r="840725" spans="14:14">
      <c r="N840725" s="10"/>
    </row>
    <row r="840726" spans="14:14">
      <c r="N840726" s="10"/>
    </row>
    <row r="840727" spans="14:14">
      <c r="N840727" s="10"/>
    </row>
    <row r="840728" spans="14:14">
      <c r="N840728" s="10"/>
    </row>
    <row r="840729" spans="14:14">
      <c r="N840729" s="10"/>
    </row>
    <row r="840730" spans="14:14">
      <c r="N840730" s="10"/>
    </row>
    <row r="840731" spans="14:14">
      <c r="N840731" s="10"/>
    </row>
    <row r="840732" spans="14:14">
      <c r="N840732" s="10"/>
    </row>
    <row r="840733" spans="14:14">
      <c r="N840733" s="10"/>
    </row>
    <row r="840734" spans="14:14">
      <c r="N840734" s="10"/>
    </row>
    <row r="840735" spans="14:14">
      <c r="N840735" s="10"/>
    </row>
    <row r="840736" spans="14:14">
      <c r="N840736" s="10"/>
    </row>
    <row r="840737" spans="14:14">
      <c r="N840737" s="10"/>
    </row>
    <row r="840738" spans="14:14">
      <c r="N840738" s="10"/>
    </row>
    <row r="840739" spans="14:14">
      <c r="N840739" s="10"/>
    </row>
    <row r="840740" spans="14:14">
      <c r="N840740" s="10"/>
    </row>
    <row r="840741" spans="14:14">
      <c r="N840741" s="10"/>
    </row>
    <row r="840742" spans="14:14">
      <c r="N840742" s="10"/>
    </row>
    <row r="840743" spans="14:14">
      <c r="N840743" s="10"/>
    </row>
    <row r="840744" spans="14:14">
      <c r="N840744" s="10"/>
    </row>
    <row r="840745" spans="14:14">
      <c r="N840745" s="10"/>
    </row>
    <row r="840746" spans="14:14">
      <c r="N840746" s="10"/>
    </row>
    <row r="840747" spans="14:14">
      <c r="N840747" s="10"/>
    </row>
    <row r="840748" spans="14:14">
      <c r="N840748" s="10"/>
    </row>
    <row r="840749" spans="14:14">
      <c r="N840749" s="10"/>
    </row>
    <row r="840750" spans="14:14">
      <c r="N840750" s="10"/>
    </row>
    <row r="840751" spans="14:14">
      <c r="N840751" s="10"/>
    </row>
    <row r="840752" spans="14:14">
      <c r="N840752" s="10"/>
    </row>
    <row r="840753" spans="14:14">
      <c r="N840753" s="10"/>
    </row>
    <row r="840754" spans="14:14">
      <c r="N840754" s="10"/>
    </row>
    <row r="840755" spans="14:14">
      <c r="N840755" s="10"/>
    </row>
    <row r="840756" spans="14:14">
      <c r="N840756" s="10"/>
    </row>
    <row r="840757" spans="14:14">
      <c r="N840757" s="10"/>
    </row>
    <row r="840758" spans="14:14">
      <c r="N840758" s="10"/>
    </row>
    <row r="840759" spans="14:14">
      <c r="N840759" s="10"/>
    </row>
    <row r="840760" spans="14:14">
      <c r="N840760" s="10"/>
    </row>
    <row r="840761" spans="14:14">
      <c r="N840761" s="10"/>
    </row>
    <row r="840762" spans="14:14">
      <c r="N840762" s="10"/>
    </row>
    <row r="840763" spans="14:14">
      <c r="N840763" s="10"/>
    </row>
    <row r="840764" spans="14:14">
      <c r="N840764" s="10"/>
    </row>
    <row r="840765" spans="14:14">
      <c r="N840765" s="10"/>
    </row>
    <row r="840766" spans="14:14">
      <c r="N840766" s="10"/>
    </row>
    <row r="840767" spans="14:14">
      <c r="N840767" s="10"/>
    </row>
    <row r="840768" spans="14:14">
      <c r="N840768" s="10"/>
    </row>
    <row r="840769" spans="14:14">
      <c r="N840769" s="10"/>
    </row>
    <row r="840770" spans="14:14">
      <c r="N840770" s="10"/>
    </row>
    <row r="840771" spans="14:14">
      <c r="N840771" s="10"/>
    </row>
    <row r="840772" spans="14:14">
      <c r="N840772" s="10"/>
    </row>
    <row r="840773" spans="14:14">
      <c r="N840773" s="10"/>
    </row>
    <row r="840774" spans="14:14">
      <c r="N840774" s="10"/>
    </row>
    <row r="840775" spans="14:14">
      <c r="N840775" s="10"/>
    </row>
    <row r="840776" spans="14:14">
      <c r="N840776" s="10"/>
    </row>
    <row r="840777" spans="14:14">
      <c r="N840777" s="10"/>
    </row>
    <row r="840778" spans="14:14">
      <c r="N840778" s="10"/>
    </row>
    <row r="840779" spans="14:14">
      <c r="N840779" s="10"/>
    </row>
    <row r="840780" spans="14:14">
      <c r="N840780" s="10"/>
    </row>
    <row r="840781" spans="14:14">
      <c r="N840781" s="10"/>
    </row>
    <row r="840782" spans="14:14">
      <c r="N840782" s="10"/>
    </row>
    <row r="840783" spans="14:14">
      <c r="N840783" s="10"/>
    </row>
    <row r="840784" spans="14:14">
      <c r="N840784" s="10"/>
    </row>
    <row r="840785" spans="14:14">
      <c r="N840785" s="10"/>
    </row>
    <row r="840786" spans="14:14">
      <c r="N840786" s="10"/>
    </row>
    <row r="840787" spans="14:14">
      <c r="N840787" s="10"/>
    </row>
    <row r="840788" spans="14:14">
      <c r="N840788" s="10"/>
    </row>
    <row r="840789" spans="14:14">
      <c r="N840789" s="10"/>
    </row>
    <row r="840790" spans="14:14">
      <c r="N840790" s="10"/>
    </row>
    <row r="840791" spans="14:14">
      <c r="N840791" s="10"/>
    </row>
    <row r="840792" spans="14:14">
      <c r="N840792" s="10"/>
    </row>
    <row r="840793" spans="14:14">
      <c r="N840793" s="10"/>
    </row>
    <row r="840794" spans="14:14">
      <c r="N840794" s="10"/>
    </row>
    <row r="840795" spans="14:14">
      <c r="N840795" s="10"/>
    </row>
    <row r="840796" spans="14:14">
      <c r="N840796" s="10"/>
    </row>
    <row r="840797" spans="14:14">
      <c r="N840797" s="10"/>
    </row>
    <row r="840798" spans="14:14">
      <c r="N840798" s="10"/>
    </row>
    <row r="840799" spans="14:14">
      <c r="N840799" s="10"/>
    </row>
    <row r="840800" spans="14:14">
      <c r="N840800" s="10"/>
    </row>
    <row r="840801" spans="14:14">
      <c r="N840801" s="10"/>
    </row>
    <row r="840802" spans="14:14">
      <c r="N840802" s="10"/>
    </row>
    <row r="840803" spans="14:14">
      <c r="N840803" s="10"/>
    </row>
    <row r="840804" spans="14:14">
      <c r="N840804" s="10"/>
    </row>
    <row r="840805" spans="14:14">
      <c r="N840805" s="10"/>
    </row>
    <row r="840806" spans="14:14">
      <c r="N840806" s="10"/>
    </row>
    <row r="840807" spans="14:14">
      <c r="N840807" s="10"/>
    </row>
    <row r="840808" spans="14:14">
      <c r="N840808" s="10"/>
    </row>
    <row r="840809" spans="14:14">
      <c r="N840809" s="10"/>
    </row>
    <row r="840810" spans="14:14">
      <c r="N840810" s="10"/>
    </row>
    <row r="840811" spans="14:14">
      <c r="N840811" s="10"/>
    </row>
    <row r="840812" spans="14:14">
      <c r="N840812" s="10"/>
    </row>
    <row r="840813" spans="14:14">
      <c r="N840813" s="10"/>
    </row>
    <row r="840814" spans="14:14">
      <c r="N840814" s="10"/>
    </row>
    <row r="840815" spans="14:14">
      <c r="N840815" s="10"/>
    </row>
    <row r="840816" spans="14:14">
      <c r="N840816" s="10"/>
    </row>
    <row r="840817" spans="14:14">
      <c r="N840817" s="10"/>
    </row>
    <row r="840818" spans="14:14">
      <c r="N840818" s="10"/>
    </row>
    <row r="840819" spans="14:14">
      <c r="N840819" s="10"/>
    </row>
    <row r="840820" spans="14:14">
      <c r="N840820" s="10"/>
    </row>
    <row r="840821" spans="14:14">
      <c r="N840821" s="10"/>
    </row>
    <row r="840822" spans="14:14">
      <c r="N840822" s="10"/>
    </row>
    <row r="840823" spans="14:14">
      <c r="N840823" s="10"/>
    </row>
    <row r="840824" spans="14:14">
      <c r="N840824" s="10"/>
    </row>
    <row r="840825" spans="14:14">
      <c r="N840825" s="10"/>
    </row>
    <row r="840826" spans="14:14">
      <c r="N840826" s="10"/>
    </row>
    <row r="840827" spans="14:14">
      <c r="N840827" s="10"/>
    </row>
    <row r="840828" spans="14:14">
      <c r="N840828" s="10"/>
    </row>
    <row r="840829" spans="14:14">
      <c r="N840829" s="10"/>
    </row>
    <row r="840830" spans="14:14">
      <c r="N840830" s="10"/>
    </row>
    <row r="840831" spans="14:14">
      <c r="N840831" s="10"/>
    </row>
    <row r="840832" spans="14:14">
      <c r="N840832" s="10"/>
    </row>
    <row r="840833" spans="14:14">
      <c r="N840833" s="10"/>
    </row>
    <row r="840834" spans="14:14">
      <c r="N840834" s="10"/>
    </row>
    <row r="840835" spans="14:14">
      <c r="N840835" s="10"/>
    </row>
    <row r="840836" spans="14:14">
      <c r="N840836" s="10"/>
    </row>
    <row r="840837" spans="14:14">
      <c r="N840837" s="10"/>
    </row>
    <row r="840838" spans="14:14">
      <c r="N840838" s="10"/>
    </row>
    <row r="840839" spans="14:14">
      <c r="N840839" s="10"/>
    </row>
    <row r="840840" spans="14:14">
      <c r="N840840" s="10"/>
    </row>
    <row r="840841" spans="14:14">
      <c r="N840841" s="10"/>
    </row>
    <row r="840842" spans="14:14">
      <c r="N840842" s="10"/>
    </row>
    <row r="840843" spans="14:14">
      <c r="N840843" s="10"/>
    </row>
    <row r="840844" spans="14:14">
      <c r="N840844" s="10"/>
    </row>
    <row r="840845" spans="14:14">
      <c r="N840845" s="10"/>
    </row>
    <row r="840846" spans="14:14">
      <c r="N840846" s="10"/>
    </row>
    <row r="840847" spans="14:14">
      <c r="N840847" s="10"/>
    </row>
    <row r="840848" spans="14:14">
      <c r="N840848" s="10"/>
    </row>
    <row r="840849" spans="14:14">
      <c r="N840849" s="10"/>
    </row>
    <row r="840850" spans="14:14">
      <c r="N840850" s="10"/>
    </row>
    <row r="840851" spans="14:14">
      <c r="N840851" s="10"/>
    </row>
    <row r="840852" spans="14:14">
      <c r="N840852" s="10"/>
    </row>
    <row r="840853" spans="14:14">
      <c r="N840853" s="10"/>
    </row>
    <row r="840854" spans="14:14">
      <c r="N840854" s="10"/>
    </row>
    <row r="840855" spans="14:14">
      <c r="N840855" s="10"/>
    </row>
    <row r="840856" spans="14:14">
      <c r="N840856" s="10"/>
    </row>
    <row r="840857" spans="14:14">
      <c r="N840857" s="10"/>
    </row>
    <row r="840858" spans="14:14">
      <c r="N840858" s="10"/>
    </row>
    <row r="840859" spans="14:14">
      <c r="N840859" s="10"/>
    </row>
    <row r="840860" spans="14:14">
      <c r="N840860" s="10"/>
    </row>
    <row r="840861" spans="14:14">
      <c r="N840861" s="10"/>
    </row>
    <row r="840862" spans="14:14">
      <c r="N840862" s="10"/>
    </row>
    <row r="840863" spans="14:14">
      <c r="N840863" s="10"/>
    </row>
    <row r="840864" spans="14:14">
      <c r="N840864" s="10"/>
    </row>
    <row r="840865" spans="14:14">
      <c r="N840865" s="10"/>
    </row>
    <row r="840866" spans="14:14">
      <c r="N840866" s="10"/>
    </row>
    <row r="840867" spans="14:14">
      <c r="N840867" s="10"/>
    </row>
    <row r="840868" spans="14:14">
      <c r="N840868" s="10"/>
    </row>
    <row r="840869" spans="14:14">
      <c r="N840869" s="10"/>
    </row>
    <row r="840870" spans="14:14">
      <c r="N840870" s="10"/>
    </row>
    <row r="840871" spans="14:14">
      <c r="N840871" s="10"/>
    </row>
    <row r="840872" spans="14:14">
      <c r="N840872" s="10"/>
    </row>
    <row r="840873" spans="14:14">
      <c r="N840873" s="10"/>
    </row>
    <row r="840874" spans="14:14">
      <c r="N840874" s="10"/>
    </row>
    <row r="840875" spans="14:14">
      <c r="N840875" s="10"/>
    </row>
    <row r="840876" spans="14:14">
      <c r="N840876" s="10"/>
    </row>
    <row r="840877" spans="14:14">
      <c r="N840877" s="10"/>
    </row>
    <row r="840878" spans="14:14">
      <c r="N840878" s="10"/>
    </row>
    <row r="840879" spans="14:14">
      <c r="N840879" s="10"/>
    </row>
    <row r="840880" spans="14:14">
      <c r="N840880" s="10"/>
    </row>
    <row r="840881" spans="14:14">
      <c r="N840881" s="10"/>
    </row>
    <row r="840882" spans="14:14">
      <c r="N840882" s="10"/>
    </row>
    <row r="840883" spans="14:14">
      <c r="N840883" s="10"/>
    </row>
    <row r="840884" spans="14:14">
      <c r="N840884" s="10"/>
    </row>
    <row r="840885" spans="14:14">
      <c r="N840885" s="10"/>
    </row>
    <row r="840886" spans="14:14">
      <c r="N840886" s="10"/>
    </row>
    <row r="840887" spans="14:14">
      <c r="N840887" s="10"/>
    </row>
    <row r="840888" spans="14:14">
      <c r="N840888" s="10"/>
    </row>
    <row r="840889" spans="14:14">
      <c r="N840889" s="10"/>
    </row>
    <row r="840890" spans="14:14">
      <c r="N840890" s="10"/>
    </row>
    <row r="840891" spans="14:14">
      <c r="N840891" s="10"/>
    </row>
    <row r="840892" spans="14:14">
      <c r="N840892" s="10"/>
    </row>
    <row r="840893" spans="14:14">
      <c r="N840893" s="10"/>
    </row>
    <row r="840894" spans="14:14">
      <c r="N840894" s="10"/>
    </row>
    <row r="840895" spans="14:14">
      <c r="N840895" s="10"/>
    </row>
    <row r="840896" spans="14:14">
      <c r="N840896" s="10"/>
    </row>
    <row r="840897" spans="14:14">
      <c r="N840897" s="10"/>
    </row>
    <row r="840898" spans="14:14">
      <c r="N840898" s="10"/>
    </row>
    <row r="840899" spans="14:14">
      <c r="N840899" s="10"/>
    </row>
    <row r="840900" spans="14:14">
      <c r="N840900" s="10"/>
    </row>
    <row r="840901" spans="14:14">
      <c r="N840901" s="10"/>
    </row>
    <row r="840902" spans="14:14">
      <c r="N840902" s="10"/>
    </row>
    <row r="840903" spans="14:14">
      <c r="N840903" s="10"/>
    </row>
    <row r="840904" spans="14:14">
      <c r="N840904" s="10"/>
    </row>
    <row r="840905" spans="14:14">
      <c r="N840905" s="10"/>
    </row>
    <row r="840906" spans="14:14">
      <c r="N840906" s="10"/>
    </row>
    <row r="840907" spans="14:14">
      <c r="N840907" s="10"/>
    </row>
    <row r="840908" spans="14:14">
      <c r="N840908" s="10"/>
    </row>
    <row r="840909" spans="14:14">
      <c r="N840909" s="10"/>
    </row>
    <row r="840910" spans="14:14">
      <c r="N840910" s="10"/>
    </row>
    <row r="840911" spans="14:14">
      <c r="N840911" s="10"/>
    </row>
    <row r="840912" spans="14:14">
      <c r="N840912" s="10"/>
    </row>
    <row r="840913" spans="14:14">
      <c r="N840913" s="10"/>
    </row>
    <row r="840914" spans="14:14">
      <c r="N840914" s="10"/>
    </row>
    <row r="840915" spans="14:14">
      <c r="N840915" s="10"/>
    </row>
    <row r="840916" spans="14:14">
      <c r="N840916" s="10"/>
    </row>
    <row r="840917" spans="14:14">
      <c r="N840917" s="10"/>
    </row>
    <row r="840918" spans="14:14">
      <c r="N840918" s="10"/>
    </row>
    <row r="840919" spans="14:14">
      <c r="N840919" s="10"/>
    </row>
    <row r="840920" spans="14:14">
      <c r="N840920" s="10"/>
    </row>
    <row r="840921" spans="14:14">
      <c r="N840921" s="10"/>
    </row>
    <row r="840922" spans="14:14">
      <c r="N840922" s="10"/>
    </row>
    <row r="840923" spans="14:14">
      <c r="N840923" s="10"/>
    </row>
    <row r="840924" spans="14:14">
      <c r="N840924" s="10"/>
    </row>
    <row r="840925" spans="14:14">
      <c r="N840925" s="10"/>
    </row>
    <row r="840926" spans="14:14">
      <c r="N840926" s="10"/>
    </row>
    <row r="840927" spans="14:14">
      <c r="N840927" s="10"/>
    </row>
    <row r="840928" spans="14:14">
      <c r="N840928" s="10"/>
    </row>
    <row r="840929" spans="14:14">
      <c r="N840929" s="10"/>
    </row>
    <row r="840930" spans="14:14">
      <c r="N840930" s="10"/>
    </row>
    <row r="840931" spans="14:14">
      <c r="N840931" s="10"/>
    </row>
    <row r="840932" spans="14:14">
      <c r="N840932" s="10"/>
    </row>
    <row r="840933" spans="14:14">
      <c r="N840933" s="10"/>
    </row>
    <row r="840934" spans="14:14">
      <c r="N840934" s="10"/>
    </row>
    <row r="840935" spans="14:14">
      <c r="N840935" s="10"/>
    </row>
    <row r="840936" spans="14:14">
      <c r="N840936" s="10"/>
    </row>
    <row r="840937" spans="14:14">
      <c r="N840937" s="10"/>
    </row>
    <row r="840938" spans="14:14">
      <c r="N840938" s="10"/>
    </row>
    <row r="840939" spans="14:14">
      <c r="N840939" s="10"/>
    </row>
    <row r="840940" spans="14:14">
      <c r="N840940" s="10"/>
    </row>
    <row r="840941" spans="14:14">
      <c r="N840941" s="10"/>
    </row>
    <row r="840942" spans="14:14">
      <c r="N840942" s="10"/>
    </row>
    <row r="840943" spans="14:14">
      <c r="N840943" s="10"/>
    </row>
    <row r="840944" spans="14:14">
      <c r="N840944" s="10"/>
    </row>
    <row r="840945" spans="14:14">
      <c r="N840945" s="10"/>
    </row>
    <row r="840946" spans="14:14">
      <c r="N840946" s="10"/>
    </row>
    <row r="840947" spans="14:14">
      <c r="N840947" s="10"/>
    </row>
    <row r="840948" spans="14:14">
      <c r="N840948" s="10"/>
    </row>
    <row r="840949" spans="14:14">
      <c r="N840949" s="10"/>
    </row>
    <row r="840950" spans="14:14">
      <c r="N840950" s="10"/>
    </row>
    <row r="840951" spans="14:14">
      <c r="N840951" s="10"/>
    </row>
    <row r="840952" spans="14:14">
      <c r="N840952" s="10"/>
    </row>
    <row r="840953" spans="14:14">
      <c r="N840953" s="10"/>
    </row>
    <row r="840954" spans="14:14">
      <c r="N840954" s="10"/>
    </row>
    <row r="840955" spans="14:14">
      <c r="N840955" s="10"/>
    </row>
    <row r="840956" spans="14:14">
      <c r="N840956" s="10"/>
    </row>
    <row r="840957" spans="14:14">
      <c r="N840957" s="10"/>
    </row>
    <row r="840958" spans="14:14">
      <c r="N840958" s="10"/>
    </row>
    <row r="840959" spans="14:14">
      <c r="N840959" s="10"/>
    </row>
    <row r="840960" spans="14:14">
      <c r="N840960" s="10"/>
    </row>
    <row r="840961" spans="14:14">
      <c r="N840961" s="10"/>
    </row>
    <row r="840962" spans="14:14">
      <c r="N840962" s="10"/>
    </row>
    <row r="840963" spans="14:14">
      <c r="N840963" s="10"/>
    </row>
    <row r="840964" spans="14:14">
      <c r="N840964" s="10"/>
    </row>
    <row r="840965" spans="14:14">
      <c r="N840965" s="10"/>
    </row>
    <row r="840966" spans="14:14">
      <c r="N840966" s="10"/>
    </row>
    <row r="840967" spans="14:14">
      <c r="N840967" s="10"/>
    </row>
    <row r="840968" spans="14:14">
      <c r="N840968" s="10"/>
    </row>
    <row r="840969" spans="14:14">
      <c r="N840969" s="10"/>
    </row>
    <row r="840970" spans="14:14">
      <c r="N840970" s="10"/>
    </row>
    <row r="840971" spans="14:14">
      <c r="N840971" s="10"/>
    </row>
    <row r="840972" spans="14:14">
      <c r="N840972" s="10"/>
    </row>
    <row r="840973" spans="14:14">
      <c r="N840973" s="10"/>
    </row>
    <row r="840974" spans="14:14">
      <c r="N840974" s="10"/>
    </row>
    <row r="840975" spans="14:14">
      <c r="N840975" s="10"/>
    </row>
    <row r="840976" spans="14:14">
      <c r="N840976" s="10"/>
    </row>
    <row r="840977" spans="14:14">
      <c r="N840977" s="10"/>
    </row>
    <row r="840978" spans="14:14">
      <c r="N840978" s="10"/>
    </row>
    <row r="840979" spans="14:14">
      <c r="N840979" s="10"/>
    </row>
    <row r="840980" spans="14:14">
      <c r="N840980" s="10"/>
    </row>
    <row r="840981" spans="14:14">
      <c r="N840981" s="10"/>
    </row>
    <row r="840982" spans="14:14">
      <c r="N840982" s="10"/>
    </row>
    <row r="840983" spans="14:14">
      <c r="N840983" s="10"/>
    </row>
    <row r="840984" spans="14:14">
      <c r="N840984" s="10"/>
    </row>
    <row r="840985" spans="14:14">
      <c r="N840985" s="10"/>
    </row>
    <row r="840986" spans="14:14">
      <c r="N840986" s="10"/>
    </row>
    <row r="840987" spans="14:14">
      <c r="N840987" s="10"/>
    </row>
    <row r="840988" spans="14:14">
      <c r="N840988" s="10"/>
    </row>
    <row r="840989" spans="14:14">
      <c r="N840989" s="10"/>
    </row>
    <row r="840990" spans="14:14">
      <c r="N840990" s="10"/>
    </row>
    <row r="840991" spans="14:14">
      <c r="N840991" s="10"/>
    </row>
    <row r="840992" spans="14:14">
      <c r="N840992" s="10"/>
    </row>
    <row r="840993" spans="14:14">
      <c r="N840993" s="10"/>
    </row>
    <row r="840994" spans="14:14">
      <c r="N840994" s="10"/>
    </row>
    <row r="840995" spans="14:14">
      <c r="N840995" s="10"/>
    </row>
    <row r="840996" spans="14:14">
      <c r="N840996" s="10"/>
    </row>
    <row r="840997" spans="14:14">
      <c r="N840997" s="10"/>
    </row>
    <row r="840998" spans="14:14">
      <c r="N840998" s="10"/>
    </row>
    <row r="840999" spans="14:14">
      <c r="N840999" s="10"/>
    </row>
    <row r="841000" spans="14:14">
      <c r="N841000" s="10"/>
    </row>
    <row r="841001" spans="14:14">
      <c r="N841001" s="10"/>
    </row>
    <row r="841002" spans="14:14">
      <c r="N841002" s="10"/>
    </row>
    <row r="841003" spans="14:14">
      <c r="N841003" s="10"/>
    </row>
    <row r="841004" spans="14:14">
      <c r="N841004" s="10"/>
    </row>
    <row r="841005" spans="14:14">
      <c r="N841005" s="10"/>
    </row>
    <row r="841006" spans="14:14">
      <c r="N841006" s="10"/>
    </row>
    <row r="841007" spans="14:14">
      <c r="N841007" s="10"/>
    </row>
    <row r="841008" spans="14:14">
      <c r="N841008" s="10"/>
    </row>
    <row r="841009" spans="14:14">
      <c r="N841009" s="10"/>
    </row>
    <row r="841010" spans="14:14">
      <c r="N841010" s="10"/>
    </row>
    <row r="841011" spans="14:14">
      <c r="N841011" s="10"/>
    </row>
    <row r="841012" spans="14:14">
      <c r="N841012" s="10"/>
    </row>
    <row r="841013" spans="14:14">
      <c r="N841013" s="10"/>
    </row>
    <row r="841014" spans="14:14">
      <c r="N841014" s="10"/>
    </row>
    <row r="841015" spans="14:14">
      <c r="N841015" s="10"/>
    </row>
    <row r="841016" spans="14:14">
      <c r="N841016" s="10"/>
    </row>
    <row r="841017" spans="14:14">
      <c r="N841017" s="10"/>
    </row>
    <row r="841018" spans="14:14">
      <c r="N841018" s="10"/>
    </row>
    <row r="841019" spans="14:14">
      <c r="N841019" s="10"/>
    </row>
    <row r="841020" spans="14:14">
      <c r="N841020" s="10"/>
    </row>
    <row r="841021" spans="14:14">
      <c r="N841021" s="10"/>
    </row>
    <row r="841022" spans="14:14">
      <c r="N841022" s="10"/>
    </row>
    <row r="841023" spans="14:14">
      <c r="N841023" s="10"/>
    </row>
    <row r="841024" spans="14:14">
      <c r="N841024" s="10"/>
    </row>
    <row r="841025" spans="14:14">
      <c r="N841025" s="10"/>
    </row>
    <row r="841026" spans="14:14">
      <c r="N841026" s="10"/>
    </row>
    <row r="841027" spans="14:14">
      <c r="N841027" s="10"/>
    </row>
    <row r="841028" spans="14:14">
      <c r="N841028" s="10"/>
    </row>
    <row r="841029" spans="14:14">
      <c r="N841029" s="10"/>
    </row>
    <row r="841030" spans="14:14">
      <c r="N841030" s="10"/>
    </row>
    <row r="841031" spans="14:14">
      <c r="N841031" s="10"/>
    </row>
    <row r="841032" spans="14:14">
      <c r="N841032" s="10"/>
    </row>
    <row r="841033" spans="14:14">
      <c r="N841033" s="10"/>
    </row>
    <row r="841034" spans="14:14">
      <c r="N841034" s="10"/>
    </row>
    <row r="841035" spans="14:14">
      <c r="N841035" s="10"/>
    </row>
    <row r="841036" spans="14:14">
      <c r="N841036" s="10"/>
    </row>
    <row r="841037" spans="14:14">
      <c r="N841037" s="10"/>
    </row>
    <row r="841038" spans="14:14">
      <c r="N841038" s="10"/>
    </row>
    <row r="841039" spans="14:14">
      <c r="N841039" s="10"/>
    </row>
    <row r="841040" spans="14:14">
      <c r="N841040" s="10"/>
    </row>
    <row r="841041" spans="14:14">
      <c r="N841041" s="10"/>
    </row>
    <row r="841042" spans="14:14">
      <c r="N841042" s="10"/>
    </row>
    <row r="841043" spans="14:14">
      <c r="N841043" s="10"/>
    </row>
    <row r="841044" spans="14:14">
      <c r="N841044" s="10"/>
    </row>
    <row r="841045" spans="14:14">
      <c r="N841045" s="10"/>
    </row>
    <row r="841046" spans="14:14">
      <c r="N841046" s="10"/>
    </row>
    <row r="841047" spans="14:14">
      <c r="N841047" s="10"/>
    </row>
    <row r="841048" spans="14:14">
      <c r="N841048" s="10"/>
    </row>
    <row r="841049" spans="14:14">
      <c r="N841049" s="10"/>
    </row>
    <row r="841050" spans="14:14">
      <c r="N841050" s="10"/>
    </row>
    <row r="841051" spans="14:14">
      <c r="N841051" s="10"/>
    </row>
    <row r="841052" spans="14:14">
      <c r="N841052" s="10"/>
    </row>
    <row r="841053" spans="14:14">
      <c r="N841053" s="10"/>
    </row>
    <row r="841054" spans="14:14">
      <c r="N841054" s="10"/>
    </row>
    <row r="841055" spans="14:14">
      <c r="N841055" s="10"/>
    </row>
    <row r="841056" spans="14:14">
      <c r="N841056" s="10"/>
    </row>
    <row r="841057" spans="14:14">
      <c r="N841057" s="10"/>
    </row>
    <row r="841058" spans="14:14">
      <c r="N841058" s="10"/>
    </row>
    <row r="841059" spans="14:14">
      <c r="N841059" s="10"/>
    </row>
    <row r="841060" spans="14:14">
      <c r="N841060" s="10"/>
    </row>
    <row r="841061" spans="14:14">
      <c r="N841061" s="10"/>
    </row>
    <row r="841062" spans="14:14">
      <c r="N841062" s="10"/>
    </row>
    <row r="841063" spans="14:14">
      <c r="N841063" s="10"/>
    </row>
    <row r="841064" spans="14:14">
      <c r="N841064" s="10"/>
    </row>
    <row r="841065" spans="14:14">
      <c r="N841065" s="10"/>
    </row>
    <row r="841066" spans="14:14">
      <c r="N841066" s="10"/>
    </row>
    <row r="841067" spans="14:14">
      <c r="N841067" s="10"/>
    </row>
    <row r="841068" spans="14:14">
      <c r="N841068" s="10"/>
    </row>
    <row r="841069" spans="14:14">
      <c r="N841069" s="10"/>
    </row>
    <row r="841070" spans="14:14">
      <c r="N841070" s="10"/>
    </row>
    <row r="841071" spans="14:14">
      <c r="N841071" s="10"/>
    </row>
    <row r="841072" spans="14:14">
      <c r="N841072" s="10"/>
    </row>
    <row r="841073" spans="14:14">
      <c r="N841073" s="10"/>
    </row>
    <row r="841074" spans="14:14">
      <c r="N841074" s="10"/>
    </row>
    <row r="841075" spans="14:14">
      <c r="N841075" s="10"/>
    </row>
    <row r="841076" spans="14:14">
      <c r="N841076" s="10"/>
    </row>
    <row r="841077" spans="14:14">
      <c r="N841077" s="10"/>
    </row>
    <row r="841078" spans="14:14">
      <c r="N841078" s="10"/>
    </row>
    <row r="841079" spans="14:14">
      <c r="N841079" s="10"/>
    </row>
    <row r="841080" spans="14:14">
      <c r="N841080" s="10"/>
    </row>
    <row r="841081" spans="14:14">
      <c r="N841081" s="10"/>
    </row>
    <row r="841082" spans="14:14">
      <c r="N841082" s="10"/>
    </row>
    <row r="841083" spans="14:14">
      <c r="N841083" s="10"/>
    </row>
    <row r="841084" spans="14:14">
      <c r="N841084" s="10"/>
    </row>
    <row r="841085" spans="14:14">
      <c r="N841085" s="10"/>
    </row>
    <row r="841086" spans="14:14">
      <c r="N841086" s="10"/>
    </row>
    <row r="841087" spans="14:14">
      <c r="N841087" s="10"/>
    </row>
    <row r="841088" spans="14:14">
      <c r="N841088" s="10"/>
    </row>
    <row r="841089" spans="14:14">
      <c r="N841089" s="10"/>
    </row>
    <row r="841090" spans="14:14">
      <c r="N841090" s="10"/>
    </row>
    <row r="841091" spans="14:14">
      <c r="N841091" s="10"/>
    </row>
    <row r="841092" spans="14:14">
      <c r="N841092" s="10"/>
    </row>
    <row r="841093" spans="14:14">
      <c r="N841093" s="10"/>
    </row>
    <row r="841094" spans="14:14">
      <c r="N841094" s="10"/>
    </row>
    <row r="841095" spans="14:14">
      <c r="N841095" s="10"/>
    </row>
    <row r="841096" spans="14:14">
      <c r="N841096" s="10"/>
    </row>
    <row r="841097" spans="14:14">
      <c r="N841097" s="10"/>
    </row>
    <row r="841098" spans="14:14">
      <c r="N841098" s="10"/>
    </row>
    <row r="841099" spans="14:14">
      <c r="N841099" s="10"/>
    </row>
    <row r="841100" spans="14:14">
      <c r="N841100" s="10"/>
    </row>
    <row r="841101" spans="14:14">
      <c r="N841101" s="10"/>
    </row>
    <row r="841102" spans="14:14">
      <c r="N841102" s="10"/>
    </row>
    <row r="841103" spans="14:14">
      <c r="N841103" s="10"/>
    </row>
    <row r="841104" spans="14:14">
      <c r="N841104" s="10"/>
    </row>
    <row r="841105" spans="14:14">
      <c r="N841105" s="10"/>
    </row>
    <row r="841106" spans="14:14">
      <c r="N841106" s="10"/>
    </row>
    <row r="841107" spans="14:14">
      <c r="N841107" s="10"/>
    </row>
    <row r="841108" spans="14:14">
      <c r="N841108" s="10"/>
    </row>
    <row r="841109" spans="14:14">
      <c r="N841109" s="10"/>
    </row>
    <row r="841110" spans="14:14">
      <c r="N841110" s="10"/>
    </row>
    <row r="841111" spans="14:14">
      <c r="N841111" s="10"/>
    </row>
    <row r="841112" spans="14:14">
      <c r="N841112" s="10"/>
    </row>
    <row r="841113" spans="14:14">
      <c r="N841113" s="10"/>
    </row>
    <row r="841114" spans="14:14">
      <c r="N841114" s="10"/>
    </row>
    <row r="841115" spans="14:14">
      <c r="N841115" s="10"/>
    </row>
    <row r="841116" spans="14:14">
      <c r="N841116" s="10"/>
    </row>
    <row r="841117" spans="14:14">
      <c r="N841117" s="10"/>
    </row>
    <row r="841118" spans="14:14">
      <c r="N841118" s="10"/>
    </row>
    <row r="841119" spans="14:14">
      <c r="N841119" s="10"/>
    </row>
    <row r="841120" spans="14:14">
      <c r="N841120" s="10"/>
    </row>
    <row r="841121" spans="14:14">
      <c r="N841121" s="10"/>
    </row>
    <row r="841122" spans="14:14">
      <c r="N841122" s="10"/>
    </row>
    <row r="841123" spans="14:14">
      <c r="N841123" s="10"/>
    </row>
    <row r="841124" spans="14:14">
      <c r="N841124" s="10"/>
    </row>
    <row r="841125" spans="14:14">
      <c r="N841125" s="10"/>
    </row>
    <row r="841126" spans="14:14">
      <c r="N841126" s="10"/>
    </row>
    <row r="841127" spans="14:14">
      <c r="N841127" s="10"/>
    </row>
    <row r="841128" spans="14:14">
      <c r="N841128" s="10"/>
    </row>
    <row r="841129" spans="14:14">
      <c r="N841129" s="10"/>
    </row>
    <row r="841130" spans="14:14">
      <c r="N841130" s="10"/>
    </row>
    <row r="841131" spans="14:14">
      <c r="N841131" s="10"/>
    </row>
    <row r="841132" spans="14:14">
      <c r="N841132" s="10"/>
    </row>
    <row r="841133" spans="14:14">
      <c r="N841133" s="10"/>
    </row>
    <row r="841134" spans="14:14">
      <c r="N841134" s="10"/>
    </row>
    <row r="841135" spans="14:14">
      <c r="N841135" s="10"/>
    </row>
    <row r="841136" spans="14:14">
      <c r="N841136" s="10"/>
    </row>
    <row r="841137" spans="14:14">
      <c r="N841137" s="10"/>
    </row>
    <row r="841138" spans="14:14">
      <c r="N841138" s="10"/>
    </row>
    <row r="841139" spans="14:14">
      <c r="N841139" s="10"/>
    </row>
    <row r="841140" spans="14:14">
      <c r="N841140" s="10"/>
    </row>
    <row r="841141" spans="14:14">
      <c r="N841141" s="10"/>
    </row>
    <row r="841142" spans="14:14">
      <c r="N841142" s="10"/>
    </row>
    <row r="841143" spans="14:14">
      <c r="N841143" s="10"/>
    </row>
    <row r="841144" spans="14:14">
      <c r="N841144" s="10"/>
    </row>
    <row r="841145" spans="14:14">
      <c r="N841145" s="10"/>
    </row>
    <row r="841146" spans="14:14">
      <c r="N841146" s="10"/>
    </row>
    <row r="841147" spans="14:14">
      <c r="N841147" s="10"/>
    </row>
    <row r="841148" spans="14:14">
      <c r="N841148" s="10"/>
    </row>
    <row r="841149" spans="14:14">
      <c r="N841149" s="10"/>
    </row>
    <row r="841150" spans="14:14">
      <c r="N841150" s="10"/>
    </row>
    <row r="841151" spans="14:14">
      <c r="N841151" s="10"/>
    </row>
    <row r="841152" spans="14:14">
      <c r="N841152" s="10"/>
    </row>
    <row r="841153" spans="14:14">
      <c r="N841153" s="10"/>
    </row>
    <row r="841154" spans="14:14">
      <c r="N841154" s="10"/>
    </row>
    <row r="841155" spans="14:14">
      <c r="N841155" s="10"/>
    </row>
    <row r="841156" spans="14:14">
      <c r="N841156" s="10"/>
    </row>
    <row r="841157" spans="14:14">
      <c r="N841157" s="10"/>
    </row>
    <row r="841158" spans="14:14">
      <c r="N841158" s="10"/>
    </row>
    <row r="841159" spans="14:14">
      <c r="N841159" s="10"/>
    </row>
    <row r="841160" spans="14:14">
      <c r="N841160" s="10"/>
    </row>
    <row r="841161" spans="14:14">
      <c r="N841161" s="10"/>
    </row>
    <row r="841162" spans="14:14">
      <c r="N841162" s="10"/>
    </row>
    <row r="841163" spans="14:14">
      <c r="N841163" s="10"/>
    </row>
    <row r="841164" spans="14:14">
      <c r="N841164" s="10"/>
    </row>
    <row r="841165" spans="14:14">
      <c r="N841165" s="10"/>
    </row>
    <row r="841166" spans="14:14">
      <c r="N841166" s="10"/>
    </row>
    <row r="841167" spans="14:14">
      <c r="N841167" s="10"/>
    </row>
    <row r="841168" spans="14:14">
      <c r="N841168" s="10"/>
    </row>
    <row r="841169" spans="14:14">
      <c r="N841169" s="10"/>
    </row>
    <row r="841170" spans="14:14">
      <c r="N841170" s="10"/>
    </row>
    <row r="841171" spans="14:14">
      <c r="N841171" s="10"/>
    </row>
    <row r="841172" spans="14:14">
      <c r="N841172" s="10"/>
    </row>
    <row r="841173" spans="14:14">
      <c r="N841173" s="10"/>
    </row>
    <row r="841174" spans="14:14">
      <c r="N841174" s="10"/>
    </row>
    <row r="841175" spans="14:14">
      <c r="N841175" s="10"/>
    </row>
    <row r="841176" spans="14:14">
      <c r="N841176" s="10"/>
    </row>
    <row r="841177" spans="14:14">
      <c r="N841177" s="10"/>
    </row>
    <row r="841178" spans="14:14">
      <c r="N841178" s="10"/>
    </row>
    <row r="841179" spans="14:14">
      <c r="N841179" s="10"/>
    </row>
    <row r="841180" spans="14:14">
      <c r="N841180" s="10"/>
    </row>
    <row r="841181" spans="14:14">
      <c r="N841181" s="10"/>
    </row>
    <row r="841182" spans="14:14">
      <c r="N841182" s="10"/>
    </row>
    <row r="841183" spans="14:14">
      <c r="N841183" s="10"/>
    </row>
    <row r="841184" spans="14:14">
      <c r="N841184" s="10"/>
    </row>
    <row r="841185" spans="14:14">
      <c r="N841185" s="10"/>
    </row>
    <row r="841186" spans="14:14">
      <c r="N841186" s="10"/>
    </row>
    <row r="841187" spans="14:14">
      <c r="N841187" s="10"/>
    </row>
    <row r="841188" spans="14:14">
      <c r="N841188" s="10"/>
    </row>
    <row r="841189" spans="14:14">
      <c r="N841189" s="10"/>
    </row>
    <row r="841190" spans="14:14">
      <c r="N841190" s="10"/>
    </row>
    <row r="841191" spans="14:14">
      <c r="N841191" s="10"/>
    </row>
    <row r="841192" spans="14:14">
      <c r="N841192" s="10"/>
    </row>
    <row r="841193" spans="14:14">
      <c r="N841193" s="10"/>
    </row>
    <row r="841194" spans="14:14">
      <c r="N841194" s="10"/>
    </row>
    <row r="841195" spans="14:14">
      <c r="N841195" s="10"/>
    </row>
    <row r="841196" spans="14:14">
      <c r="N841196" s="10"/>
    </row>
    <row r="841197" spans="14:14">
      <c r="N841197" s="10"/>
    </row>
    <row r="841198" spans="14:14">
      <c r="N841198" s="10"/>
    </row>
    <row r="841199" spans="14:14">
      <c r="N841199" s="10"/>
    </row>
    <row r="841200" spans="14:14">
      <c r="N841200" s="10"/>
    </row>
    <row r="841201" spans="14:14">
      <c r="N841201" s="10"/>
    </row>
    <row r="841202" spans="14:14">
      <c r="N841202" s="10"/>
    </row>
    <row r="841203" spans="14:14">
      <c r="N841203" s="10"/>
    </row>
    <row r="841204" spans="14:14">
      <c r="N841204" s="10"/>
    </row>
    <row r="841205" spans="14:14">
      <c r="N841205" s="10"/>
    </row>
    <row r="841206" spans="14:14">
      <c r="N841206" s="10"/>
    </row>
    <row r="841207" spans="14:14">
      <c r="N841207" s="10"/>
    </row>
    <row r="841208" spans="14:14">
      <c r="N841208" s="10"/>
    </row>
    <row r="841209" spans="14:14">
      <c r="N841209" s="10"/>
    </row>
    <row r="841210" spans="14:14">
      <c r="N841210" s="10"/>
    </row>
    <row r="841211" spans="14:14">
      <c r="N841211" s="10"/>
    </row>
    <row r="841212" spans="14:14">
      <c r="N841212" s="10"/>
    </row>
    <row r="841213" spans="14:14">
      <c r="N841213" s="10"/>
    </row>
    <row r="841214" spans="14:14">
      <c r="N841214" s="10"/>
    </row>
    <row r="841215" spans="14:14">
      <c r="N841215" s="10"/>
    </row>
    <row r="841216" spans="14:14">
      <c r="N841216" s="10"/>
    </row>
    <row r="841217" spans="14:14">
      <c r="N841217" s="10"/>
    </row>
    <row r="841218" spans="14:14">
      <c r="N841218" s="10"/>
    </row>
    <row r="841219" spans="14:14">
      <c r="N841219" s="10"/>
    </row>
    <row r="841220" spans="14:14">
      <c r="N841220" s="10"/>
    </row>
    <row r="841221" spans="14:14">
      <c r="N841221" s="10"/>
    </row>
    <row r="841222" spans="14:14">
      <c r="N841222" s="10"/>
    </row>
    <row r="841223" spans="14:14">
      <c r="N841223" s="10"/>
    </row>
    <row r="841224" spans="14:14">
      <c r="N841224" s="10"/>
    </row>
    <row r="841225" spans="14:14">
      <c r="N841225" s="10"/>
    </row>
    <row r="841226" spans="14:14">
      <c r="N841226" s="10"/>
    </row>
    <row r="841227" spans="14:14">
      <c r="N841227" s="10"/>
    </row>
    <row r="841228" spans="14:14">
      <c r="N841228" s="10"/>
    </row>
    <row r="841229" spans="14:14">
      <c r="N841229" s="10"/>
    </row>
    <row r="841230" spans="14:14">
      <c r="N841230" s="10"/>
    </row>
    <row r="841231" spans="14:14">
      <c r="N841231" s="10"/>
    </row>
    <row r="841232" spans="14:14">
      <c r="N841232" s="10"/>
    </row>
    <row r="841233" spans="14:14">
      <c r="N841233" s="10"/>
    </row>
    <row r="841234" spans="14:14">
      <c r="N841234" s="10"/>
    </row>
    <row r="841235" spans="14:14">
      <c r="N841235" s="10"/>
    </row>
    <row r="841236" spans="14:14">
      <c r="N841236" s="10"/>
    </row>
    <row r="841237" spans="14:14">
      <c r="N841237" s="10"/>
    </row>
    <row r="841238" spans="14:14">
      <c r="N841238" s="10"/>
    </row>
    <row r="841239" spans="14:14">
      <c r="N841239" s="10"/>
    </row>
    <row r="841240" spans="14:14">
      <c r="N841240" s="10"/>
    </row>
    <row r="841241" spans="14:14">
      <c r="N841241" s="10"/>
    </row>
    <row r="841242" spans="14:14">
      <c r="N841242" s="10"/>
    </row>
    <row r="841243" spans="14:14">
      <c r="N841243" s="10"/>
    </row>
    <row r="841244" spans="14:14">
      <c r="N841244" s="10"/>
    </row>
    <row r="841245" spans="14:14">
      <c r="N841245" s="10"/>
    </row>
    <row r="841246" spans="14:14">
      <c r="N841246" s="10"/>
    </row>
    <row r="841247" spans="14:14">
      <c r="N841247" s="10"/>
    </row>
    <row r="841248" spans="14:14">
      <c r="N841248" s="10"/>
    </row>
    <row r="841249" spans="14:14">
      <c r="N841249" s="10"/>
    </row>
    <row r="841250" spans="14:14">
      <c r="N841250" s="10"/>
    </row>
    <row r="841251" spans="14:14">
      <c r="N841251" s="10"/>
    </row>
    <row r="841252" spans="14:14">
      <c r="N841252" s="10"/>
    </row>
    <row r="841253" spans="14:14">
      <c r="N841253" s="10"/>
    </row>
    <row r="841254" spans="14:14">
      <c r="N841254" s="10"/>
    </row>
    <row r="841255" spans="14:14">
      <c r="N841255" s="10"/>
    </row>
    <row r="841256" spans="14:14">
      <c r="N841256" s="10"/>
    </row>
    <row r="841257" spans="14:14">
      <c r="N841257" s="10"/>
    </row>
    <row r="841258" spans="14:14">
      <c r="N841258" s="10"/>
    </row>
    <row r="841259" spans="14:14">
      <c r="N841259" s="10"/>
    </row>
    <row r="841260" spans="14:14">
      <c r="N841260" s="10"/>
    </row>
    <row r="841261" spans="14:14">
      <c r="N841261" s="10"/>
    </row>
    <row r="841262" spans="14:14">
      <c r="N841262" s="10"/>
    </row>
    <row r="841263" spans="14:14">
      <c r="N841263" s="10"/>
    </row>
    <row r="841264" spans="14:14">
      <c r="N841264" s="10"/>
    </row>
    <row r="841265" spans="14:14">
      <c r="N841265" s="10"/>
    </row>
    <row r="841266" spans="14:14">
      <c r="N841266" s="10"/>
    </row>
    <row r="841267" spans="14:14">
      <c r="N841267" s="10"/>
    </row>
    <row r="841268" spans="14:14">
      <c r="N841268" s="10"/>
    </row>
    <row r="841269" spans="14:14">
      <c r="N841269" s="10"/>
    </row>
    <row r="841270" spans="14:14">
      <c r="N841270" s="10"/>
    </row>
    <row r="841271" spans="14:14">
      <c r="N841271" s="10"/>
    </row>
    <row r="841272" spans="14:14">
      <c r="N841272" s="10"/>
    </row>
    <row r="841273" spans="14:14">
      <c r="N841273" s="10"/>
    </row>
    <row r="841274" spans="14:14">
      <c r="N841274" s="10"/>
    </row>
    <row r="841275" spans="14:14">
      <c r="N841275" s="10"/>
    </row>
    <row r="841276" spans="14:14">
      <c r="N841276" s="10"/>
    </row>
    <row r="841277" spans="14:14">
      <c r="N841277" s="10"/>
    </row>
    <row r="841278" spans="14:14">
      <c r="N841278" s="10"/>
    </row>
    <row r="841279" spans="14:14">
      <c r="N841279" s="10"/>
    </row>
    <row r="841280" spans="14:14">
      <c r="N841280" s="10"/>
    </row>
    <row r="841281" spans="14:14">
      <c r="N841281" s="10"/>
    </row>
    <row r="841282" spans="14:14">
      <c r="N841282" s="10"/>
    </row>
    <row r="841283" spans="14:14">
      <c r="N841283" s="10"/>
    </row>
    <row r="841284" spans="14:14">
      <c r="N841284" s="10"/>
    </row>
    <row r="841285" spans="14:14">
      <c r="N841285" s="10"/>
    </row>
    <row r="841286" spans="14:14">
      <c r="N841286" s="10"/>
    </row>
    <row r="841287" spans="14:14">
      <c r="N841287" s="10"/>
    </row>
    <row r="841288" spans="14:14">
      <c r="N841288" s="10"/>
    </row>
    <row r="841289" spans="14:14">
      <c r="N841289" s="10"/>
    </row>
    <row r="841290" spans="14:14">
      <c r="N841290" s="10"/>
    </row>
    <row r="841291" spans="14:14">
      <c r="N841291" s="10"/>
    </row>
    <row r="841292" spans="14:14">
      <c r="N841292" s="10"/>
    </row>
    <row r="841293" spans="14:14">
      <c r="N841293" s="10"/>
    </row>
    <row r="841294" spans="14:14">
      <c r="N841294" s="10"/>
    </row>
    <row r="841295" spans="14:14">
      <c r="N841295" s="10"/>
    </row>
    <row r="841296" spans="14:14">
      <c r="N841296" s="10"/>
    </row>
    <row r="841297" spans="14:14">
      <c r="N841297" s="10"/>
    </row>
    <row r="841298" spans="14:14">
      <c r="N841298" s="10"/>
    </row>
    <row r="841299" spans="14:14">
      <c r="N841299" s="10"/>
    </row>
    <row r="841300" spans="14:14">
      <c r="N841300" s="10"/>
    </row>
    <row r="841301" spans="14:14">
      <c r="N841301" s="10"/>
    </row>
    <row r="841302" spans="14:14">
      <c r="N841302" s="10"/>
    </row>
    <row r="841303" spans="14:14">
      <c r="N841303" s="10"/>
    </row>
    <row r="841304" spans="14:14">
      <c r="N841304" s="10"/>
    </row>
    <row r="841305" spans="14:14">
      <c r="N841305" s="10"/>
    </row>
    <row r="841306" spans="14:14">
      <c r="N841306" s="10"/>
    </row>
    <row r="841307" spans="14:14">
      <c r="N841307" s="10"/>
    </row>
    <row r="841308" spans="14:14">
      <c r="N841308" s="10"/>
    </row>
    <row r="841309" spans="14:14">
      <c r="N841309" s="10"/>
    </row>
    <row r="841310" spans="14:14">
      <c r="N841310" s="10"/>
    </row>
    <row r="841311" spans="14:14">
      <c r="N841311" s="10"/>
    </row>
    <row r="841312" spans="14:14">
      <c r="N841312" s="10"/>
    </row>
    <row r="841313" spans="14:14">
      <c r="N841313" s="10"/>
    </row>
    <row r="841314" spans="14:14">
      <c r="N841314" s="10"/>
    </row>
    <row r="841315" spans="14:14">
      <c r="N841315" s="10"/>
    </row>
    <row r="841316" spans="14:14">
      <c r="N841316" s="10"/>
    </row>
    <row r="841317" spans="14:14">
      <c r="N841317" s="10"/>
    </row>
    <row r="841318" spans="14:14">
      <c r="N841318" s="10"/>
    </row>
    <row r="841319" spans="14:14">
      <c r="N841319" s="10"/>
    </row>
    <row r="841320" spans="14:14">
      <c r="N841320" s="10"/>
    </row>
    <row r="841321" spans="14:14">
      <c r="N841321" s="10"/>
    </row>
    <row r="841322" spans="14:14">
      <c r="N841322" s="10"/>
    </row>
    <row r="841323" spans="14:14">
      <c r="N841323" s="10"/>
    </row>
    <row r="841324" spans="14:14">
      <c r="N841324" s="10"/>
    </row>
    <row r="841325" spans="14:14">
      <c r="N841325" s="10"/>
    </row>
    <row r="841326" spans="14:14">
      <c r="N841326" s="10"/>
    </row>
    <row r="841327" spans="14:14">
      <c r="N841327" s="10"/>
    </row>
    <row r="841328" spans="14:14">
      <c r="N841328" s="10"/>
    </row>
    <row r="841329" spans="14:14">
      <c r="N841329" s="10"/>
    </row>
    <row r="841330" spans="14:14">
      <c r="N841330" s="10"/>
    </row>
    <row r="841331" spans="14:14">
      <c r="N841331" s="10"/>
    </row>
    <row r="841332" spans="14:14">
      <c r="N841332" s="10"/>
    </row>
    <row r="841333" spans="14:14">
      <c r="N841333" s="10"/>
    </row>
    <row r="841334" spans="14:14">
      <c r="N841334" s="10"/>
    </row>
    <row r="841335" spans="14:14">
      <c r="N841335" s="10"/>
    </row>
    <row r="841336" spans="14:14">
      <c r="N841336" s="10"/>
    </row>
    <row r="841337" spans="14:14">
      <c r="N841337" s="10"/>
    </row>
    <row r="841338" spans="14:14">
      <c r="N841338" s="10"/>
    </row>
    <row r="841339" spans="14:14">
      <c r="N841339" s="10"/>
    </row>
    <row r="841340" spans="14:14">
      <c r="N841340" s="10"/>
    </row>
    <row r="841341" spans="14:14">
      <c r="N841341" s="10"/>
    </row>
    <row r="841342" spans="14:14">
      <c r="N841342" s="10"/>
    </row>
    <row r="841343" spans="14:14">
      <c r="N841343" s="10"/>
    </row>
    <row r="841344" spans="14:14">
      <c r="N841344" s="10"/>
    </row>
    <row r="841345" spans="14:14">
      <c r="N841345" s="10"/>
    </row>
    <row r="841346" spans="14:14">
      <c r="N841346" s="10"/>
    </row>
    <row r="841347" spans="14:14">
      <c r="N841347" s="10"/>
    </row>
    <row r="841348" spans="14:14">
      <c r="N841348" s="10"/>
    </row>
    <row r="841349" spans="14:14">
      <c r="N841349" s="10"/>
    </row>
    <row r="841350" spans="14:14">
      <c r="N841350" s="10"/>
    </row>
    <row r="841351" spans="14:14">
      <c r="N841351" s="10"/>
    </row>
    <row r="841352" spans="14:14">
      <c r="N841352" s="10"/>
    </row>
    <row r="841353" spans="14:14">
      <c r="N841353" s="10"/>
    </row>
    <row r="841354" spans="14:14">
      <c r="N841354" s="10"/>
    </row>
    <row r="841355" spans="14:14">
      <c r="N841355" s="10"/>
    </row>
    <row r="841356" spans="14:14">
      <c r="N841356" s="10"/>
    </row>
    <row r="841357" spans="14:14">
      <c r="N841357" s="10"/>
    </row>
    <row r="841358" spans="14:14">
      <c r="N841358" s="10"/>
    </row>
    <row r="841359" spans="14:14">
      <c r="N841359" s="10"/>
    </row>
    <row r="841360" spans="14:14">
      <c r="N841360" s="10"/>
    </row>
    <row r="841361" spans="14:14">
      <c r="N841361" s="10"/>
    </row>
    <row r="841362" spans="14:14">
      <c r="N841362" s="10"/>
    </row>
    <row r="841363" spans="14:14">
      <c r="N841363" s="10"/>
    </row>
    <row r="841364" spans="14:14">
      <c r="N841364" s="10"/>
    </row>
    <row r="841365" spans="14:14">
      <c r="N841365" s="10"/>
    </row>
    <row r="841366" spans="14:14">
      <c r="N841366" s="10"/>
    </row>
    <row r="841367" spans="14:14">
      <c r="N841367" s="10"/>
    </row>
    <row r="841368" spans="14:14">
      <c r="N841368" s="10"/>
    </row>
    <row r="841369" spans="14:14">
      <c r="N841369" s="10"/>
    </row>
    <row r="841370" spans="14:14">
      <c r="N841370" s="10"/>
    </row>
    <row r="841371" spans="14:14">
      <c r="N841371" s="10"/>
    </row>
    <row r="841372" spans="14:14">
      <c r="N841372" s="10"/>
    </row>
    <row r="841373" spans="14:14">
      <c r="N841373" s="10"/>
    </row>
    <row r="841374" spans="14:14">
      <c r="N841374" s="10"/>
    </row>
    <row r="841375" spans="14:14">
      <c r="N841375" s="10"/>
    </row>
    <row r="841376" spans="14:14">
      <c r="N841376" s="10"/>
    </row>
    <row r="841377" spans="14:14">
      <c r="N841377" s="10"/>
    </row>
    <row r="841378" spans="14:14">
      <c r="N841378" s="10"/>
    </row>
    <row r="841379" spans="14:14">
      <c r="N841379" s="10"/>
    </row>
    <row r="841380" spans="14:14">
      <c r="N841380" s="10"/>
    </row>
    <row r="841381" spans="14:14">
      <c r="N841381" s="10"/>
    </row>
    <row r="841382" spans="14:14">
      <c r="N841382" s="10"/>
    </row>
    <row r="841383" spans="14:14">
      <c r="N841383" s="10"/>
    </row>
    <row r="841384" spans="14:14">
      <c r="N841384" s="10"/>
    </row>
    <row r="841385" spans="14:14">
      <c r="N841385" s="10"/>
    </row>
    <row r="841386" spans="14:14">
      <c r="N841386" s="10"/>
    </row>
    <row r="841387" spans="14:14">
      <c r="N841387" s="10"/>
    </row>
    <row r="841388" spans="14:14">
      <c r="N841388" s="10"/>
    </row>
    <row r="841389" spans="14:14">
      <c r="N841389" s="10"/>
    </row>
    <row r="841390" spans="14:14">
      <c r="N841390" s="10"/>
    </row>
    <row r="841391" spans="14:14">
      <c r="N841391" s="10"/>
    </row>
    <row r="841392" spans="14:14">
      <c r="N841392" s="10"/>
    </row>
    <row r="841393" spans="14:14">
      <c r="N841393" s="10"/>
    </row>
    <row r="841394" spans="14:14">
      <c r="N841394" s="10"/>
    </row>
    <row r="841395" spans="14:14">
      <c r="N841395" s="10"/>
    </row>
    <row r="841396" spans="14:14">
      <c r="N841396" s="10"/>
    </row>
    <row r="841397" spans="14:14">
      <c r="N841397" s="10"/>
    </row>
    <row r="841398" spans="14:14">
      <c r="N841398" s="10"/>
    </row>
    <row r="841399" spans="14:14">
      <c r="N841399" s="10"/>
    </row>
    <row r="841400" spans="14:14">
      <c r="N841400" s="10"/>
    </row>
    <row r="841401" spans="14:14">
      <c r="N841401" s="10"/>
    </row>
    <row r="841402" spans="14:14">
      <c r="N841402" s="10"/>
    </row>
    <row r="841403" spans="14:14">
      <c r="N841403" s="10"/>
    </row>
    <row r="841404" spans="14:14">
      <c r="N841404" s="10"/>
    </row>
    <row r="841405" spans="14:14">
      <c r="N841405" s="10"/>
    </row>
    <row r="841406" spans="14:14">
      <c r="N841406" s="10"/>
    </row>
    <row r="841407" spans="14:14">
      <c r="N841407" s="10"/>
    </row>
    <row r="841408" spans="14:14">
      <c r="N841408" s="10"/>
    </row>
    <row r="841409" spans="14:14">
      <c r="N841409" s="10"/>
    </row>
    <row r="841410" spans="14:14">
      <c r="N841410" s="10"/>
    </row>
    <row r="841411" spans="14:14">
      <c r="N841411" s="10"/>
    </row>
    <row r="841412" spans="14:14">
      <c r="N841412" s="10"/>
    </row>
    <row r="841413" spans="14:14">
      <c r="N841413" s="10"/>
    </row>
    <row r="841414" spans="14:14">
      <c r="N841414" s="10"/>
    </row>
    <row r="841415" spans="14:14">
      <c r="N841415" s="10"/>
    </row>
    <row r="841416" spans="14:14">
      <c r="N841416" s="10"/>
    </row>
    <row r="841417" spans="14:14">
      <c r="N841417" s="10"/>
    </row>
    <row r="841418" spans="14:14">
      <c r="N841418" s="10"/>
    </row>
    <row r="841419" spans="14:14">
      <c r="N841419" s="10"/>
    </row>
    <row r="841420" spans="14:14">
      <c r="N841420" s="10"/>
    </row>
    <row r="841421" spans="14:14">
      <c r="N841421" s="10"/>
    </row>
    <row r="841422" spans="14:14">
      <c r="N841422" s="10"/>
    </row>
    <row r="841423" spans="14:14">
      <c r="N841423" s="10"/>
    </row>
    <row r="841424" spans="14:14">
      <c r="N841424" s="10"/>
    </row>
    <row r="841425" spans="14:14">
      <c r="N841425" s="10"/>
    </row>
    <row r="841426" spans="14:14">
      <c r="N841426" s="10"/>
    </row>
    <row r="841427" spans="14:14">
      <c r="N841427" s="10"/>
    </row>
    <row r="841428" spans="14:14">
      <c r="N841428" s="10"/>
    </row>
    <row r="841429" spans="14:14">
      <c r="N841429" s="10"/>
    </row>
    <row r="841430" spans="14:14">
      <c r="N841430" s="10"/>
    </row>
    <row r="841431" spans="14:14">
      <c r="N841431" s="10"/>
    </row>
    <row r="841432" spans="14:14">
      <c r="N841432" s="10"/>
    </row>
    <row r="841433" spans="14:14">
      <c r="N841433" s="10"/>
    </row>
    <row r="841434" spans="14:14">
      <c r="N841434" s="10"/>
    </row>
    <row r="841435" spans="14:14">
      <c r="N841435" s="10"/>
    </row>
    <row r="841436" spans="14:14">
      <c r="N841436" s="10"/>
    </row>
    <row r="841437" spans="14:14">
      <c r="N841437" s="10"/>
    </row>
    <row r="841438" spans="14:14">
      <c r="N841438" s="10"/>
    </row>
    <row r="841439" spans="14:14">
      <c r="N841439" s="10"/>
    </row>
    <row r="841440" spans="14:14">
      <c r="N841440" s="10"/>
    </row>
    <row r="841441" spans="14:14">
      <c r="N841441" s="10"/>
    </row>
    <row r="841442" spans="14:14">
      <c r="N841442" s="10"/>
    </row>
    <row r="841443" spans="14:14">
      <c r="N841443" s="10"/>
    </row>
    <row r="841444" spans="14:14">
      <c r="N841444" s="10"/>
    </row>
    <row r="841445" spans="14:14">
      <c r="N841445" s="10"/>
    </row>
    <row r="841446" spans="14:14">
      <c r="N841446" s="10"/>
    </row>
    <row r="841447" spans="14:14">
      <c r="N841447" s="10"/>
    </row>
    <row r="841448" spans="14:14">
      <c r="N841448" s="10"/>
    </row>
    <row r="841449" spans="14:14">
      <c r="N841449" s="10"/>
    </row>
    <row r="841450" spans="14:14">
      <c r="N841450" s="10"/>
    </row>
    <row r="841451" spans="14:14">
      <c r="N841451" s="10"/>
    </row>
    <row r="841452" spans="14:14">
      <c r="N841452" s="10"/>
    </row>
    <row r="841453" spans="14:14">
      <c r="N841453" s="10"/>
    </row>
    <row r="841454" spans="14:14">
      <c r="N841454" s="10"/>
    </row>
    <row r="841455" spans="14:14">
      <c r="N841455" s="10"/>
    </row>
    <row r="841456" spans="14:14">
      <c r="N841456" s="10"/>
    </row>
    <row r="841457" spans="14:14">
      <c r="N841457" s="10"/>
    </row>
    <row r="841458" spans="14:14">
      <c r="N841458" s="10"/>
    </row>
    <row r="841459" spans="14:14">
      <c r="N841459" s="10"/>
    </row>
    <row r="841460" spans="14:14">
      <c r="N841460" s="10"/>
    </row>
    <row r="841461" spans="14:14">
      <c r="N841461" s="10"/>
    </row>
    <row r="841462" spans="14:14">
      <c r="N841462" s="10"/>
    </row>
    <row r="841463" spans="14:14">
      <c r="N841463" s="10"/>
    </row>
    <row r="841464" spans="14:14">
      <c r="N841464" s="10"/>
    </row>
    <row r="841465" spans="14:14">
      <c r="N841465" s="10"/>
    </row>
    <row r="841466" spans="14:14">
      <c r="N841466" s="10"/>
    </row>
    <row r="841467" spans="14:14">
      <c r="N841467" s="10"/>
    </row>
    <row r="841468" spans="14:14">
      <c r="N841468" s="10"/>
    </row>
    <row r="841469" spans="14:14">
      <c r="N841469" s="10"/>
    </row>
    <row r="841470" spans="14:14">
      <c r="N841470" s="10"/>
    </row>
    <row r="841471" spans="14:14">
      <c r="N841471" s="10"/>
    </row>
    <row r="841472" spans="14:14">
      <c r="N841472" s="10"/>
    </row>
    <row r="841473" spans="14:14">
      <c r="N841473" s="10"/>
    </row>
    <row r="841474" spans="14:14">
      <c r="N841474" s="10"/>
    </row>
    <row r="841475" spans="14:14">
      <c r="N841475" s="10"/>
    </row>
    <row r="841476" spans="14:14">
      <c r="N841476" s="10"/>
    </row>
    <row r="841477" spans="14:14">
      <c r="N841477" s="10"/>
    </row>
    <row r="841478" spans="14:14">
      <c r="N841478" s="10"/>
    </row>
    <row r="841479" spans="14:14">
      <c r="N841479" s="10"/>
    </row>
    <row r="841480" spans="14:14">
      <c r="N841480" s="10"/>
    </row>
    <row r="841481" spans="14:14">
      <c r="N841481" s="10"/>
    </row>
    <row r="841482" spans="14:14">
      <c r="N841482" s="10"/>
    </row>
    <row r="841483" spans="14:14">
      <c r="N841483" s="10"/>
    </row>
    <row r="841484" spans="14:14">
      <c r="N841484" s="10"/>
    </row>
    <row r="841485" spans="14:14">
      <c r="N841485" s="10"/>
    </row>
    <row r="841486" spans="14:14">
      <c r="N841486" s="10"/>
    </row>
    <row r="841487" spans="14:14">
      <c r="N841487" s="10"/>
    </row>
    <row r="841488" spans="14:14">
      <c r="N841488" s="10"/>
    </row>
    <row r="841489" spans="14:14">
      <c r="N841489" s="10"/>
    </row>
    <row r="841490" spans="14:14">
      <c r="N841490" s="10"/>
    </row>
    <row r="841491" spans="14:14">
      <c r="N841491" s="10"/>
    </row>
    <row r="841492" spans="14:14">
      <c r="N841492" s="10"/>
    </row>
    <row r="841493" spans="14:14">
      <c r="N841493" s="10"/>
    </row>
    <row r="841494" spans="14:14">
      <c r="N841494" s="10"/>
    </row>
    <row r="841495" spans="14:14">
      <c r="N841495" s="10"/>
    </row>
    <row r="841496" spans="14:14">
      <c r="N841496" s="10"/>
    </row>
    <row r="841497" spans="14:14">
      <c r="N841497" s="10"/>
    </row>
    <row r="841498" spans="14:14">
      <c r="N841498" s="10"/>
    </row>
    <row r="841499" spans="14:14">
      <c r="N841499" s="10"/>
    </row>
    <row r="841500" spans="14:14">
      <c r="N841500" s="10"/>
    </row>
    <row r="841501" spans="14:14">
      <c r="N841501" s="10"/>
    </row>
    <row r="841502" spans="14:14">
      <c r="N841502" s="10"/>
    </row>
    <row r="841503" spans="14:14">
      <c r="N841503" s="10"/>
    </row>
    <row r="841504" spans="14:14">
      <c r="N841504" s="10"/>
    </row>
    <row r="841505" spans="14:14">
      <c r="N841505" s="10"/>
    </row>
    <row r="841506" spans="14:14">
      <c r="N841506" s="10"/>
    </row>
    <row r="841507" spans="14:14">
      <c r="N841507" s="10"/>
    </row>
    <row r="841508" spans="14:14">
      <c r="N841508" s="10"/>
    </row>
    <row r="841509" spans="14:14">
      <c r="N841509" s="10"/>
    </row>
    <row r="841510" spans="14:14">
      <c r="N841510" s="10"/>
    </row>
    <row r="841511" spans="14:14">
      <c r="N841511" s="10"/>
    </row>
    <row r="841512" spans="14:14">
      <c r="N841512" s="10"/>
    </row>
    <row r="841513" spans="14:14">
      <c r="N841513" s="10"/>
    </row>
    <row r="841514" spans="14:14">
      <c r="N841514" s="10"/>
    </row>
    <row r="841515" spans="14:14">
      <c r="N841515" s="10"/>
    </row>
    <row r="841516" spans="14:14">
      <c r="N841516" s="10"/>
    </row>
    <row r="841517" spans="14:14">
      <c r="N841517" s="10"/>
    </row>
    <row r="841518" spans="14:14">
      <c r="N841518" s="10"/>
    </row>
    <row r="841519" spans="14:14">
      <c r="N841519" s="10"/>
    </row>
    <row r="841520" spans="14:14">
      <c r="N841520" s="10"/>
    </row>
    <row r="841521" spans="14:14">
      <c r="N841521" s="10"/>
    </row>
    <row r="841522" spans="14:14">
      <c r="N841522" s="10"/>
    </row>
    <row r="841523" spans="14:14">
      <c r="N841523" s="10"/>
    </row>
    <row r="841524" spans="14:14">
      <c r="N841524" s="10"/>
    </row>
    <row r="841525" spans="14:14">
      <c r="N841525" s="10"/>
    </row>
    <row r="841526" spans="14:14">
      <c r="N841526" s="10"/>
    </row>
    <row r="841527" spans="14:14">
      <c r="N841527" s="10"/>
    </row>
    <row r="841528" spans="14:14">
      <c r="N841528" s="10"/>
    </row>
    <row r="841529" spans="14:14">
      <c r="N841529" s="10"/>
    </row>
    <row r="841530" spans="14:14">
      <c r="N841530" s="10"/>
    </row>
    <row r="841531" spans="14:14">
      <c r="N841531" s="10"/>
    </row>
    <row r="841532" spans="14:14">
      <c r="N841532" s="10"/>
    </row>
    <row r="841533" spans="14:14">
      <c r="N841533" s="10"/>
    </row>
    <row r="841534" spans="14:14">
      <c r="N841534" s="10"/>
    </row>
    <row r="841535" spans="14:14">
      <c r="N841535" s="10"/>
    </row>
    <row r="841536" spans="14:14">
      <c r="N841536" s="10"/>
    </row>
    <row r="841537" spans="14:14">
      <c r="N841537" s="10"/>
    </row>
    <row r="841538" spans="14:14">
      <c r="N841538" s="10"/>
    </row>
    <row r="841539" spans="14:14">
      <c r="N841539" s="10"/>
    </row>
    <row r="841540" spans="14:14">
      <c r="N841540" s="10"/>
    </row>
    <row r="841541" spans="14:14">
      <c r="N841541" s="10"/>
    </row>
    <row r="841542" spans="14:14">
      <c r="N841542" s="10"/>
    </row>
    <row r="841543" spans="14:14">
      <c r="N841543" s="10"/>
    </row>
    <row r="841544" spans="14:14">
      <c r="N841544" s="10"/>
    </row>
    <row r="841545" spans="14:14">
      <c r="N841545" s="10"/>
    </row>
    <row r="841546" spans="14:14">
      <c r="N841546" s="10"/>
    </row>
    <row r="841547" spans="14:14">
      <c r="N841547" s="10"/>
    </row>
    <row r="841548" spans="14:14">
      <c r="N841548" s="10"/>
    </row>
    <row r="841549" spans="14:14">
      <c r="N841549" s="10"/>
    </row>
    <row r="841550" spans="14:14">
      <c r="N841550" s="10"/>
    </row>
    <row r="841551" spans="14:14">
      <c r="N841551" s="10"/>
    </row>
    <row r="841552" spans="14:14">
      <c r="N841552" s="10"/>
    </row>
    <row r="841553" spans="14:14">
      <c r="N841553" s="10"/>
    </row>
    <row r="841554" spans="14:14">
      <c r="N841554" s="10"/>
    </row>
    <row r="841555" spans="14:14">
      <c r="N841555" s="10"/>
    </row>
    <row r="841556" spans="14:14">
      <c r="N841556" s="10"/>
    </row>
    <row r="841557" spans="14:14">
      <c r="N841557" s="10"/>
    </row>
    <row r="841558" spans="14:14">
      <c r="N841558" s="10"/>
    </row>
    <row r="841559" spans="14:14">
      <c r="N841559" s="10"/>
    </row>
    <row r="841560" spans="14:14">
      <c r="N841560" s="10"/>
    </row>
    <row r="841561" spans="14:14">
      <c r="N841561" s="10"/>
    </row>
    <row r="841562" spans="14:14">
      <c r="N841562" s="10"/>
    </row>
    <row r="841563" spans="14:14">
      <c r="N841563" s="10"/>
    </row>
    <row r="841564" spans="14:14">
      <c r="N841564" s="10"/>
    </row>
    <row r="841565" spans="14:14">
      <c r="N841565" s="10"/>
    </row>
    <row r="841566" spans="14:14">
      <c r="N841566" s="10"/>
    </row>
    <row r="841567" spans="14:14">
      <c r="N841567" s="10"/>
    </row>
    <row r="841568" spans="14:14">
      <c r="N841568" s="10"/>
    </row>
    <row r="841569" spans="14:14">
      <c r="N841569" s="10"/>
    </row>
    <row r="841570" spans="14:14">
      <c r="N841570" s="10"/>
    </row>
    <row r="841571" spans="14:14">
      <c r="N841571" s="10"/>
    </row>
    <row r="841572" spans="14:14">
      <c r="N841572" s="10"/>
    </row>
    <row r="841573" spans="14:14">
      <c r="N841573" s="10"/>
    </row>
    <row r="841574" spans="14:14">
      <c r="N841574" s="10"/>
    </row>
    <row r="841575" spans="14:14">
      <c r="N841575" s="10"/>
    </row>
    <row r="841576" spans="14:14">
      <c r="N841576" s="10"/>
    </row>
    <row r="841577" spans="14:14">
      <c r="N841577" s="10"/>
    </row>
    <row r="841578" spans="14:14">
      <c r="N841578" s="10"/>
    </row>
    <row r="841579" spans="14:14">
      <c r="N841579" s="10"/>
    </row>
    <row r="841580" spans="14:14">
      <c r="N841580" s="10"/>
    </row>
    <row r="841581" spans="14:14">
      <c r="N841581" s="10"/>
    </row>
    <row r="841582" spans="14:14">
      <c r="N841582" s="10"/>
    </row>
    <row r="841583" spans="14:14">
      <c r="N841583" s="10"/>
    </row>
    <row r="841584" spans="14:14">
      <c r="N841584" s="10"/>
    </row>
    <row r="841585" spans="14:14">
      <c r="N841585" s="10"/>
    </row>
    <row r="841586" spans="14:14">
      <c r="N841586" s="10"/>
    </row>
    <row r="841587" spans="14:14">
      <c r="N841587" s="10"/>
    </row>
    <row r="841588" spans="14:14">
      <c r="N841588" s="10"/>
    </row>
    <row r="841589" spans="14:14">
      <c r="N841589" s="10"/>
    </row>
    <row r="841590" spans="14:14">
      <c r="N841590" s="10"/>
    </row>
    <row r="841591" spans="14:14">
      <c r="N841591" s="10"/>
    </row>
    <row r="841592" spans="14:14">
      <c r="N841592" s="10"/>
    </row>
    <row r="841593" spans="14:14">
      <c r="N841593" s="10"/>
    </row>
    <row r="841594" spans="14:14">
      <c r="N841594" s="10"/>
    </row>
    <row r="841595" spans="14:14">
      <c r="N841595" s="10"/>
    </row>
    <row r="841596" spans="14:14">
      <c r="N841596" s="10"/>
    </row>
    <row r="841597" spans="14:14">
      <c r="N841597" s="10"/>
    </row>
    <row r="841598" spans="14:14">
      <c r="N841598" s="10"/>
    </row>
    <row r="841599" spans="14:14">
      <c r="N841599" s="10"/>
    </row>
    <row r="841600" spans="14:14">
      <c r="N841600" s="10"/>
    </row>
    <row r="841601" spans="14:14">
      <c r="N841601" s="10"/>
    </row>
    <row r="841602" spans="14:14">
      <c r="N841602" s="10"/>
    </row>
    <row r="841603" spans="14:14">
      <c r="N841603" s="10"/>
    </row>
    <row r="841604" spans="14:14">
      <c r="N841604" s="10"/>
    </row>
    <row r="841605" spans="14:14">
      <c r="N841605" s="10"/>
    </row>
    <row r="841606" spans="14:14">
      <c r="N841606" s="10"/>
    </row>
    <row r="841607" spans="14:14">
      <c r="N841607" s="10"/>
    </row>
    <row r="841608" spans="14:14">
      <c r="N841608" s="10"/>
    </row>
    <row r="841609" spans="14:14">
      <c r="N841609" s="10"/>
    </row>
    <row r="841610" spans="14:14">
      <c r="N841610" s="10"/>
    </row>
    <row r="841611" spans="14:14">
      <c r="N841611" s="10"/>
    </row>
    <row r="841612" spans="14:14">
      <c r="N841612" s="10"/>
    </row>
    <row r="841613" spans="14:14">
      <c r="N841613" s="10"/>
    </row>
    <row r="841614" spans="14:14">
      <c r="N841614" s="10"/>
    </row>
    <row r="841615" spans="14:14">
      <c r="N841615" s="10"/>
    </row>
    <row r="841616" spans="14:14">
      <c r="N841616" s="10"/>
    </row>
    <row r="841617" spans="14:14">
      <c r="N841617" s="10"/>
    </row>
    <row r="841618" spans="14:14">
      <c r="N841618" s="10"/>
    </row>
    <row r="841619" spans="14:14">
      <c r="N841619" s="10"/>
    </row>
    <row r="841620" spans="14:14">
      <c r="N841620" s="10"/>
    </row>
    <row r="841621" spans="14:14">
      <c r="N841621" s="10"/>
    </row>
    <row r="841622" spans="14:14">
      <c r="N841622" s="10"/>
    </row>
    <row r="841623" spans="14:14">
      <c r="N841623" s="10"/>
    </row>
    <row r="841624" spans="14:14">
      <c r="N841624" s="10"/>
    </row>
    <row r="841625" spans="14:14">
      <c r="N841625" s="10"/>
    </row>
    <row r="841626" spans="14:14">
      <c r="N841626" s="10"/>
    </row>
    <row r="841627" spans="14:14">
      <c r="N841627" s="10"/>
    </row>
    <row r="841628" spans="14:14">
      <c r="N841628" s="10"/>
    </row>
    <row r="841629" spans="14:14">
      <c r="N841629" s="10"/>
    </row>
    <row r="841630" spans="14:14">
      <c r="N841630" s="10"/>
    </row>
    <row r="841631" spans="14:14">
      <c r="N841631" s="10"/>
    </row>
    <row r="841632" spans="14:14">
      <c r="N841632" s="10"/>
    </row>
    <row r="841633" spans="14:14">
      <c r="N841633" s="10"/>
    </row>
    <row r="841634" spans="14:14">
      <c r="N841634" s="10"/>
    </row>
    <row r="841635" spans="14:14">
      <c r="N841635" s="10"/>
    </row>
    <row r="841636" spans="14:14">
      <c r="N841636" s="10"/>
    </row>
    <row r="841637" spans="14:14">
      <c r="N841637" s="10"/>
    </row>
    <row r="841638" spans="14:14">
      <c r="N841638" s="10"/>
    </row>
    <row r="841639" spans="14:14">
      <c r="N841639" s="10"/>
    </row>
    <row r="841640" spans="14:14">
      <c r="N841640" s="10"/>
    </row>
    <row r="841641" spans="14:14">
      <c r="N841641" s="10"/>
    </row>
    <row r="841642" spans="14:14">
      <c r="N841642" s="10"/>
    </row>
    <row r="841643" spans="14:14">
      <c r="N841643" s="10"/>
    </row>
    <row r="841644" spans="14:14">
      <c r="N841644" s="10"/>
    </row>
    <row r="841645" spans="14:14">
      <c r="N841645" s="10"/>
    </row>
    <row r="841646" spans="14:14">
      <c r="N841646" s="10"/>
    </row>
    <row r="841647" spans="14:14">
      <c r="N841647" s="10"/>
    </row>
    <row r="841648" spans="14:14">
      <c r="N841648" s="10"/>
    </row>
    <row r="841649" spans="14:14">
      <c r="N841649" s="10"/>
    </row>
    <row r="841650" spans="14:14">
      <c r="N841650" s="10"/>
    </row>
    <row r="841651" spans="14:14">
      <c r="N841651" s="10"/>
    </row>
    <row r="841652" spans="14:14">
      <c r="N841652" s="10"/>
    </row>
    <row r="841653" spans="14:14">
      <c r="N841653" s="10"/>
    </row>
    <row r="841654" spans="14:14">
      <c r="N841654" s="10"/>
    </row>
    <row r="841655" spans="14:14">
      <c r="N841655" s="10"/>
    </row>
    <row r="841656" spans="14:14">
      <c r="N841656" s="10"/>
    </row>
    <row r="841657" spans="14:14">
      <c r="N841657" s="10"/>
    </row>
    <row r="841658" spans="14:14">
      <c r="N841658" s="10"/>
    </row>
    <row r="841659" spans="14:14">
      <c r="N841659" s="10"/>
    </row>
    <row r="841660" spans="14:14">
      <c r="N841660" s="10"/>
    </row>
    <row r="841661" spans="14:14">
      <c r="N841661" s="10"/>
    </row>
    <row r="841662" spans="14:14">
      <c r="N841662" s="10"/>
    </row>
    <row r="841663" spans="14:14">
      <c r="N841663" s="10"/>
    </row>
    <row r="841664" spans="14:14">
      <c r="N841664" s="10"/>
    </row>
    <row r="841665" spans="14:14">
      <c r="N841665" s="10"/>
    </row>
    <row r="841666" spans="14:14">
      <c r="N841666" s="10"/>
    </row>
    <row r="841667" spans="14:14">
      <c r="N841667" s="10"/>
    </row>
    <row r="841668" spans="14:14">
      <c r="N841668" s="10"/>
    </row>
    <row r="841669" spans="14:14">
      <c r="N841669" s="10"/>
    </row>
    <row r="841670" spans="14:14">
      <c r="N841670" s="10"/>
    </row>
    <row r="841671" spans="14:14">
      <c r="N841671" s="10"/>
    </row>
    <row r="841672" spans="14:14">
      <c r="N841672" s="10"/>
    </row>
    <row r="841673" spans="14:14">
      <c r="N841673" s="10"/>
    </row>
    <row r="841674" spans="14:14">
      <c r="N841674" s="10"/>
    </row>
    <row r="841675" spans="14:14">
      <c r="N841675" s="10"/>
    </row>
    <row r="841676" spans="14:14">
      <c r="N841676" s="10"/>
    </row>
    <row r="841677" spans="14:14">
      <c r="N841677" s="10"/>
    </row>
    <row r="841678" spans="14:14">
      <c r="N841678" s="10"/>
    </row>
    <row r="841679" spans="14:14">
      <c r="N841679" s="10"/>
    </row>
    <row r="841680" spans="14:14">
      <c r="N841680" s="10"/>
    </row>
    <row r="841681" spans="14:14">
      <c r="N841681" s="10"/>
    </row>
    <row r="841682" spans="14:14">
      <c r="N841682" s="10"/>
    </row>
    <row r="841683" spans="14:14">
      <c r="N841683" s="10"/>
    </row>
    <row r="841684" spans="14:14">
      <c r="N841684" s="10"/>
    </row>
    <row r="841685" spans="14:14">
      <c r="N841685" s="10"/>
    </row>
    <row r="841686" spans="14:14">
      <c r="N841686" s="10"/>
    </row>
    <row r="841687" spans="14:14">
      <c r="N841687" s="10"/>
    </row>
    <row r="841688" spans="14:14">
      <c r="N841688" s="10"/>
    </row>
    <row r="841689" spans="14:14">
      <c r="N841689" s="10"/>
    </row>
    <row r="841690" spans="14:14">
      <c r="N841690" s="10"/>
    </row>
    <row r="841691" spans="14:14">
      <c r="N841691" s="10"/>
    </row>
    <row r="841692" spans="14:14">
      <c r="N841692" s="10"/>
    </row>
    <row r="841693" spans="14:14">
      <c r="N841693" s="10"/>
    </row>
    <row r="841694" spans="14:14">
      <c r="N841694" s="10"/>
    </row>
    <row r="841695" spans="14:14">
      <c r="N841695" s="10"/>
    </row>
    <row r="841696" spans="14:14">
      <c r="N841696" s="10"/>
    </row>
    <row r="841697" spans="14:14">
      <c r="N841697" s="10"/>
    </row>
    <row r="841698" spans="14:14">
      <c r="N841698" s="10"/>
    </row>
    <row r="841699" spans="14:14">
      <c r="N841699" s="10"/>
    </row>
    <row r="841700" spans="14:14">
      <c r="N841700" s="10"/>
    </row>
    <row r="841701" spans="14:14">
      <c r="N841701" s="10"/>
    </row>
    <row r="841702" spans="14:14">
      <c r="N841702" s="10"/>
    </row>
    <row r="841703" spans="14:14">
      <c r="N841703" s="10"/>
    </row>
    <row r="841704" spans="14:14">
      <c r="N841704" s="10"/>
    </row>
    <row r="841705" spans="14:14">
      <c r="N841705" s="10"/>
    </row>
    <row r="841706" spans="14:14">
      <c r="N841706" s="10"/>
    </row>
    <row r="841707" spans="14:14">
      <c r="N841707" s="10"/>
    </row>
    <row r="841708" spans="14:14">
      <c r="N841708" s="10"/>
    </row>
    <row r="841709" spans="14:14">
      <c r="N841709" s="10"/>
    </row>
    <row r="841710" spans="14:14">
      <c r="N841710" s="10"/>
    </row>
    <row r="841711" spans="14:14">
      <c r="N841711" s="10"/>
    </row>
    <row r="841712" spans="14:14">
      <c r="N841712" s="10"/>
    </row>
    <row r="841713" spans="14:14">
      <c r="N841713" s="10"/>
    </row>
    <row r="841714" spans="14:14">
      <c r="N841714" s="10"/>
    </row>
    <row r="841715" spans="14:14">
      <c r="N841715" s="10"/>
    </row>
    <row r="841716" spans="14:14">
      <c r="N841716" s="10"/>
    </row>
    <row r="841717" spans="14:14">
      <c r="N841717" s="10"/>
    </row>
    <row r="841718" spans="14:14">
      <c r="N841718" s="10"/>
    </row>
    <row r="841719" spans="14:14">
      <c r="N841719" s="10"/>
    </row>
    <row r="841720" spans="14:14">
      <c r="N841720" s="10"/>
    </row>
    <row r="841721" spans="14:14">
      <c r="N841721" s="10"/>
    </row>
    <row r="841722" spans="14:14">
      <c r="N841722" s="10"/>
    </row>
    <row r="841723" spans="14:14">
      <c r="N841723" s="10"/>
    </row>
    <row r="841724" spans="14:14">
      <c r="N841724" s="10"/>
    </row>
    <row r="841725" spans="14:14">
      <c r="N841725" s="10"/>
    </row>
    <row r="841726" spans="14:14">
      <c r="N841726" s="10"/>
    </row>
    <row r="841727" spans="14:14">
      <c r="N841727" s="10"/>
    </row>
    <row r="841728" spans="14:14">
      <c r="N841728" s="10"/>
    </row>
    <row r="841729" spans="14:14">
      <c r="N841729" s="10"/>
    </row>
    <row r="841730" spans="14:14">
      <c r="N841730" s="10"/>
    </row>
    <row r="841731" spans="14:14">
      <c r="N841731" s="10"/>
    </row>
    <row r="841732" spans="14:14">
      <c r="N841732" s="10"/>
    </row>
    <row r="841733" spans="14:14">
      <c r="N841733" s="10"/>
    </row>
    <row r="841734" spans="14:14">
      <c r="N841734" s="10"/>
    </row>
    <row r="841735" spans="14:14">
      <c r="N841735" s="10"/>
    </row>
    <row r="841736" spans="14:14">
      <c r="N841736" s="10"/>
    </row>
    <row r="841737" spans="14:14">
      <c r="N841737" s="10"/>
    </row>
    <row r="841738" spans="14:14">
      <c r="N841738" s="10"/>
    </row>
    <row r="841739" spans="14:14">
      <c r="N841739" s="10"/>
    </row>
    <row r="841740" spans="14:14">
      <c r="N841740" s="10"/>
    </row>
    <row r="841741" spans="14:14">
      <c r="N841741" s="10"/>
    </row>
    <row r="841742" spans="14:14">
      <c r="N841742" s="10"/>
    </row>
    <row r="841743" spans="14:14">
      <c r="N841743" s="10"/>
    </row>
    <row r="841744" spans="14:14">
      <c r="N841744" s="10"/>
    </row>
    <row r="841745" spans="14:14">
      <c r="N841745" s="10"/>
    </row>
    <row r="841746" spans="14:14">
      <c r="N841746" s="10"/>
    </row>
    <row r="841747" spans="14:14">
      <c r="N841747" s="10"/>
    </row>
    <row r="841748" spans="14:14">
      <c r="N841748" s="10"/>
    </row>
    <row r="841749" spans="14:14">
      <c r="N841749" s="10"/>
    </row>
    <row r="841750" spans="14:14">
      <c r="N841750" s="10"/>
    </row>
    <row r="841751" spans="14:14">
      <c r="N841751" s="10"/>
    </row>
    <row r="841752" spans="14:14">
      <c r="N841752" s="10"/>
    </row>
    <row r="841753" spans="14:14">
      <c r="N841753" s="10"/>
    </row>
    <row r="841754" spans="14:14">
      <c r="N841754" s="10"/>
    </row>
    <row r="841755" spans="14:14">
      <c r="N841755" s="10"/>
    </row>
    <row r="841756" spans="14:14">
      <c r="N841756" s="10"/>
    </row>
    <row r="841757" spans="14:14">
      <c r="N841757" s="10"/>
    </row>
    <row r="841758" spans="14:14">
      <c r="N841758" s="10"/>
    </row>
    <row r="841759" spans="14:14">
      <c r="N841759" s="10"/>
    </row>
    <row r="841760" spans="14:14">
      <c r="N841760" s="10"/>
    </row>
    <row r="841761" spans="14:14">
      <c r="N841761" s="10"/>
    </row>
    <row r="841762" spans="14:14">
      <c r="N841762" s="10"/>
    </row>
    <row r="841763" spans="14:14">
      <c r="N841763" s="10"/>
    </row>
    <row r="841764" spans="14:14">
      <c r="N841764" s="10"/>
    </row>
    <row r="841765" spans="14:14">
      <c r="N841765" s="10"/>
    </row>
    <row r="841766" spans="14:14">
      <c r="N841766" s="10"/>
    </row>
    <row r="841767" spans="14:14">
      <c r="N841767" s="10"/>
    </row>
    <row r="841768" spans="14:14">
      <c r="N841768" s="10"/>
    </row>
    <row r="841769" spans="14:14">
      <c r="N841769" s="10"/>
    </row>
    <row r="841770" spans="14:14">
      <c r="N841770" s="10"/>
    </row>
    <row r="841771" spans="14:14">
      <c r="N841771" s="10"/>
    </row>
    <row r="841772" spans="14:14">
      <c r="N841772" s="10"/>
    </row>
    <row r="841773" spans="14:14">
      <c r="N841773" s="10"/>
    </row>
    <row r="841774" spans="14:14">
      <c r="N841774" s="10"/>
    </row>
    <row r="841775" spans="14:14">
      <c r="N841775" s="10"/>
    </row>
    <row r="841776" spans="14:14">
      <c r="N841776" s="10"/>
    </row>
    <row r="841777" spans="14:14">
      <c r="N841777" s="10"/>
    </row>
    <row r="841778" spans="14:14">
      <c r="N841778" s="10"/>
    </row>
    <row r="841779" spans="14:14">
      <c r="N841779" s="10"/>
    </row>
    <row r="841780" spans="14:14">
      <c r="N841780" s="10"/>
    </row>
    <row r="841781" spans="14:14">
      <c r="N841781" s="10"/>
    </row>
    <row r="841782" spans="14:14">
      <c r="N841782" s="10"/>
    </row>
    <row r="841783" spans="14:14">
      <c r="N841783" s="10"/>
    </row>
    <row r="841784" spans="14:14">
      <c r="N841784" s="10"/>
    </row>
    <row r="841785" spans="14:14">
      <c r="N841785" s="10"/>
    </row>
    <row r="841786" spans="14:14">
      <c r="N841786" s="10"/>
    </row>
    <row r="841787" spans="14:14">
      <c r="N841787" s="10"/>
    </row>
    <row r="841788" spans="14:14">
      <c r="N841788" s="10"/>
    </row>
    <row r="841789" spans="14:14">
      <c r="N841789" s="10"/>
    </row>
    <row r="841790" spans="14:14">
      <c r="N841790" s="10"/>
    </row>
    <row r="841791" spans="14:14">
      <c r="N841791" s="10"/>
    </row>
    <row r="841792" spans="14:14">
      <c r="N841792" s="10"/>
    </row>
    <row r="841793" spans="14:14">
      <c r="N841793" s="10"/>
    </row>
    <row r="841794" spans="14:14">
      <c r="N841794" s="10"/>
    </row>
    <row r="841795" spans="14:14">
      <c r="N841795" s="10"/>
    </row>
    <row r="841796" spans="14:14">
      <c r="N841796" s="10"/>
    </row>
    <row r="841797" spans="14:14">
      <c r="N841797" s="10"/>
    </row>
    <row r="841798" spans="14:14">
      <c r="N841798" s="10"/>
    </row>
    <row r="841799" spans="14:14">
      <c r="N841799" s="10"/>
    </row>
    <row r="841800" spans="14:14">
      <c r="N841800" s="10"/>
    </row>
    <row r="841801" spans="14:14">
      <c r="N841801" s="10"/>
    </row>
    <row r="841802" spans="14:14">
      <c r="N841802" s="10"/>
    </row>
    <row r="841803" spans="14:14">
      <c r="N841803" s="10"/>
    </row>
    <row r="841804" spans="14:14">
      <c r="N841804" s="10"/>
    </row>
    <row r="841805" spans="14:14">
      <c r="N841805" s="10"/>
    </row>
    <row r="841806" spans="14:14">
      <c r="N841806" s="10"/>
    </row>
    <row r="841807" spans="14:14">
      <c r="N841807" s="10"/>
    </row>
    <row r="841808" spans="14:14">
      <c r="N841808" s="10"/>
    </row>
    <row r="841809" spans="14:14">
      <c r="N841809" s="10"/>
    </row>
    <row r="841810" spans="14:14">
      <c r="N841810" s="10"/>
    </row>
    <row r="841811" spans="14:14">
      <c r="N841811" s="10"/>
    </row>
    <row r="841812" spans="14:14">
      <c r="N841812" s="10"/>
    </row>
    <row r="841813" spans="14:14">
      <c r="N841813" s="10"/>
    </row>
    <row r="841814" spans="14:14">
      <c r="N841814" s="10"/>
    </row>
    <row r="841815" spans="14:14">
      <c r="N841815" s="10"/>
    </row>
    <row r="841816" spans="14:14">
      <c r="N841816" s="10"/>
    </row>
    <row r="841817" spans="14:14">
      <c r="N841817" s="10"/>
    </row>
    <row r="841818" spans="14:14">
      <c r="N841818" s="10"/>
    </row>
    <row r="841819" spans="14:14">
      <c r="N841819" s="10"/>
    </row>
    <row r="841820" spans="14:14">
      <c r="N841820" s="10"/>
    </row>
    <row r="841821" spans="14:14">
      <c r="N841821" s="10"/>
    </row>
    <row r="841822" spans="14:14">
      <c r="N841822" s="10"/>
    </row>
    <row r="841823" spans="14:14">
      <c r="N841823" s="10"/>
    </row>
    <row r="841824" spans="14:14">
      <c r="N841824" s="10"/>
    </row>
    <row r="841825" spans="14:14">
      <c r="N841825" s="10"/>
    </row>
    <row r="841826" spans="14:14">
      <c r="N841826" s="10"/>
    </row>
    <row r="841827" spans="14:14">
      <c r="N841827" s="10"/>
    </row>
    <row r="841828" spans="14:14">
      <c r="N841828" s="10"/>
    </row>
    <row r="841829" spans="14:14">
      <c r="N841829" s="10"/>
    </row>
    <row r="841830" spans="14:14">
      <c r="N841830" s="10"/>
    </row>
    <row r="841831" spans="14:14">
      <c r="N841831" s="10"/>
    </row>
    <row r="841832" spans="14:14">
      <c r="N841832" s="10"/>
    </row>
    <row r="841833" spans="14:14">
      <c r="N841833" s="10"/>
    </row>
    <row r="841834" spans="14:14">
      <c r="N841834" s="10"/>
    </row>
    <row r="841835" spans="14:14">
      <c r="N841835" s="10"/>
    </row>
    <row r="841836" spans="14:14">
      <c r="N841836" s="10"/>
    </row>
    <row r="841837" spans="14:14">
      <c r="N841837" s="10"/>
    </row>
    <row r="841838" spans="14:14">
      <c r="N841838" s="10"/>
    </row>
    <row r="841839" spans="14:14">
      <c r="N841839" s="10"/>
    </row>
    <row r="841840" spans="14:14">
      <c r="N841840" s="10"/>
    </row>
    <row r="841841" spans="14:14">
      <c r="N841841" s="10"/>
    </row>
    <row r="841842" spans="14:14">
      <c r="N841842" s="10"/>
    </row>
    <row r="841843" spans="14:14">
      <c r="N841843" s="10"/>
    </row>
    <row r="841844" spans="14:14">
      <c r="N841844" s="10"/>
    </row>
    <row r="841845" spans="14:14">
      <c r="N841845" s="10"/>
    </row>
    <row r="841846" spans="14:14">
      <c r="N841846" s="10"/>
    </row>
    <row r="841847" spans="14:14">
      <c r="N841847" s="10"/>
    </row>
    <row r="841848" spans="14:14">
      <c r="N841848" s="10"/>
    </row>
    <row r="841849" spans="14:14">
      <c r="N841849" s="10"/>
    </row>
    <row r="841850" spans="14:14">
      <c r="N841850" s="10"/>
    </row>
    <row r="841851" spans="14:14">
      <c r="N841851" s="10"/>
    </row>
    <row r="841852" spans="14:14">
      <c r="N841852" s="10"/>
    </row>
    <row r="841853" spans="14:14">
      <c r="N841853" s="10"/>
    </row>
    <row r="841854" spans="14:14">
      <c r="N841854" s="10"/>
    </row>
    <row r="841855" spans="14:14">
      <c r="N841855" s="10"/>
    </row>
    <row r="841856" spans="14:14">
      <c r="N841856" s="10"/>
    </row>
    <row r="841857" spans="14:14">
      <c r="N841857" s="10"/>
    </row>
    <row r="841858" spans="14:14">
      <c r="N841858" s="10"/>
    </row>
    <row r="841859" spans="14:14">
      <c r="N841859" s="10"/>
    </row>
    <row r="841860" spans="14:14">
      <c r="N841860" s="10"/>
    </row>
    <row r="841861" spans="14:14">
      <c r="N841861" s="10"/>
    </row>
    <row r="841862" spans="14:14">
      <c r="N841862" s="10"/>
    </row>
    <row r="841863" spans="14:14">
      <c r="N841863" s="10"/>
    </row>
    <row r="841864" spans="14:14">
      <c r="N841864" s="10"/>
    </row>
    <row r="841865" spans="14:14">
      <c r="N841865" s="10"/>
    </row>
    <row r="841866" spans="14:14">
      <c r="N841866" s="10"/>
    </row>
    <row r="841867" spans="14:14">
      <c r="N841867" s="10"/>
    </row>
    <row r="841868" spans="14:14">
      <c r="N841868" s="10"/>
    </row>
    <row r="841869" spans="14:14">
      <c r="N841869" s="10"/>
    </row>
    <row r="841870" spans="14:14">
      <c r="N841870" s="10"/>
    </row>
    <row r="841871" spans="14:14">
      <c r="N841871" s="10"/>
    </row>
    <row r="841872" spans="14:14">
      <c r="N841872" s="10"/>
    </row>
    <row r="841873" spans="14:14">
      <c r="N841873" s="10"/>
    </row>
    <row r="841874" spans="14:14">
      <c r="N841874" s="10"/>
    </row>
    <row r="841875" spans="14:14">
      <c r="N841875" s="10"/>
    </row>
    <row r="841876" spans="14:14">
      <c r="N841876" s="10"/>
    </row>
    <row r="841877" spans="14:14">
      <c r="N841877" s="10"/>
    </row>
    <row r="841878" spans="14:14">
      <c r="N841878" s="10"/>
    </row>
    <row r="841879" spans="14:14">
      <c r="N841879" s="10"/>
    </row>
    <row r="841880" spans="14:14">
      <c r="N841880" s="10"/>
    </row>
    <row r="841881" spans="14:14">
      <c r="N841881" s="10"/>
    </row>
    <row r="841882" spans="14:14">
      <c r="N841882" s="10"/>
    </row>
    <row r="841883" spans="14:14">
      <c r="N841883" s="10"/>
    </row>
    <row r="841884" spans="14:14">
      <c r="N841884" s="10"/>
    </row>
    <row r="841885" spans="14:14">
      <c r="N841885" s="10"/>
    </row>
    <row r="841886" spans="14:14">
      <c r="N841886" s="10"/>
    </row>
    <row r="841887" spans="14:14">
      <c r="N841887" s="10"/>
    </row>
    <row r="841888" spans="14:14">
      <c r="N841888" s="10"/>
    </row>
    <row r="841889" spans="14:14">
      <c r="N841889" s="10"/>
    </row>
    <row r="841890" spans="14:14">
      <c r="N841890" s="10"/>
    </row>
    <row r="841891" spans="14:14">
      <c r="N841891" s="10"/>
    </row>
    <row r="841892" spans="14:14">
      <c r="N841892" s="10"/>
    </row>
    <row r="841893" spans="14:14">
      <c r="N841893" s="10"/>
    </row>
    <row r="841894" spans="14:14">
      <c r="N841894" s="10"/>
    </row>
    <row r="841895" spans="14:14">
      <c r="N841895" s="10"/>
    </row>
    <row r="841896" spans="14:14">
      <c r="N841896" s="10"/>
    </row>
    <row r="841897" spans="14:14">
      <c r="N841897" s="10"/>
    </row>
    <row r="841898" spans="14:14">
      <c r="N841898" s="10"/>
    </row>
    <row r="841899" spans="14:14">
      <c r="N841899" s="10"/>
    </row>
    <row r="841900" spans="14:14">
      <c r="N841900" s="10"/>
    </row>
    <row r="841901" spans="14:14">
      <c r="N841901" s="10"/>
    </row>
    <row r="841902" spans="14:14">
      <c r="N841902" s="10"/>
    </row>
    <row r="841903" spans="14:14">
      <c r="N841903" s="10"/>
    </row>
    <row r="841904" spans="14:14">
      <c r="N841904" s="10"/>
    </row>
    <row r="841905" spans="14:14">
      <c r="N841905" s="10"/>
    </row>
    <row r="841906" spans="14:14">
      <c r="N841906" s="10"/>
    </row>
    <row r="841907" spans="14:14">
      <c r="N841907" s="10"/>
    </row>
    <row r="841908" spans="14:14">
      <c r="N841908" s="10"/>
    </row>
    <row r="841909" spans="14:14">
      <c r="N841909" s="10"/>
    </row>
    <row r="841910" spans="14:14">
      <c r="N841910" s="10"/>
    </row>
    <row r="841911" spans="14:14">
      <c r="N841911" s="10"/>
    </row>
    <row r="841912" spans="14:14">
      <c r="N841912" s="10"/>
    </row>
    <row r="841913" spans="14:14">
      <c r="N841913" s="10"/>
    </row>
    <row r="841914" spans="14:14">
      <c r="N841914" s="10"/>
    </row>
    <row r="841915" spans="14:14">
      <c r="N841915" s="10"/>
    </row>
    <row r="841916" spans="14:14">
      <c r="N841916" s="10"/>
    </row>
    <row r="841917" spans="14:14">
      <c r="N841917" s="10"/>
    </row>
    <row r="841918" spans="14:14">
      <c r="N841918" s="10"/>
    </row>
    <row r="841919" spans="14:14">
      <c r="N841919" s="10"/>
    </row>
    <row r="841920" spans="14:14">
      <c r="N841920" s="10"/>
    </row>
    <row r="841921" spans="14:14">
      <c r="N841921" s="10"/>
    </row>
    <row r="841922" spans="14:14">
      <c r="N841922" s="10"/>
    </row>
    <row r="841923" spans="14:14">
      <c r="N841923" s="10"/>
    </row>
    <row r="841924" spans="14:14">
      <c r="N841924" s="10"/>
    </row>
    <row r="841925" spans="14:14">
      <c r="N841925" s="10"/>
    </row>
    <row r="841926" spans="14:14">
      <c r="N841926" s="10"/>
    </row>
    <row r="841927" spans="14:14">
      <c r="N841927" s="10"/>
    </row>
    <row r="841928" spans="14:14">
      <c r="N841928" s="10"/>
    </row>
    <row r="841929" spans="14:14">
      <c r="N841929" s="10"/>
    </row>
    <row r="841930" spans="14:14">
      <c r="N841930" s="10"/>
    </row>
    <row r="841931" spans="14:14">
      <c r="N841931" s="10"/>
    </row>
    <row r="841932" spans="14:14">
      <c r="N841932" s="10"/>
    </row>
    <row r="841933" spans="14:14">
      <c r="N841933" s="10"/>
    </row>
    <row r="841934" spans="14:14">
      <c r="N841934" s="10"/>
    </row>
    <row r="841935" spans="14:14">
      <c r="N841935" s="10"/>
    </row>
    <row r="841936" spans="14:14">
      <c r="N841936" s="10"/>
    </row>
    <row r="841937" spans="14:14">
      <c r="N841937" s="10"/>
    </row>
    <row r="841938" spans="14:14">
      <c r="N841938" s="10"/>
    </row>
    <row r="841939" spans="14:14">
      <c r="N841939" s="10"/>
    </row>
    <row r="841940" spans="14:14">
      <c r="N841940" s="10"/>
    </row>
    <row r="841941" spans="14:14">
      <c r="N841941" s="10"/>
    </row>
    <row r="841942" spans="14:14">
      <c r="N841942" s="10"/>
    </row>
    <row r="841943" spans="14:14">
      <c r="N841943" s="10"/>
    </row>
    <row r="841944" spans="14:14">
      <c r="N841944" s="10"/>
    </row>
    <row r="841945" spans="14:14">
      <c r="N841945" s="10"/>
    </row>
    <row r="841946" spans="14:14">
      <c r="N841946" s="10"/>
    </row>
    <row r="841947" spans="14:14">
      <c r="N841947" s="10"/>
    </row>
    <row r="841948" spans="14:14">
      <c r="N841948" s="10"/>
    </row>
    <row r="841949" spans="14:14">
      <c r="N841949" s="10"/>
    </row>
    <row r="841950" spans="14:14">
      <c r="N841950" s="10"/>
    </row>
    <row r="841951" spans="14:14">
      <c r="N841951" s="10"/>
    </row>
    <row r="841952" spans="14:14">
      <c r="N841952" s="10"/>
    </row>
    <row r="841953" spans="14:14">
      <c r="N841953" s="10"/>
    </row>
    <row r="841954" spans="14:14">
      <c r="N841954" s="10"/>
    </row>
    <row r="841955" spans="14:14">
      <c r="N841955" s="10"/>
    </row>
    <row r="841956" spans="14:14">
      <c r="N841956" s="10"/>
    </row>
    <row r="841957" spans="14:14">
      <c r="N841957" s="10"/>
    </row>
    <row r="841958" spans="14:14">
      <c r="N841958" s="10"/>
    </row>
    <row r="841959" spans="14:14">
      <c r="N841959" s="10"/>
    </row>
    <row r="841960" spans="14:14">
      <c r="N841960" s="10"/>
    </row>
    <row r="841961" spans="14:14">
      <c r="N841961" s="10"/>
    </row>
    <row r="841962" spans="14:14">
      <c r="N841962" s="10"/>
    </row>
    <row r="841963" spans="14:14">
      <c r="N841963" s="10"/>
    </row>
    <row r="841964" spans="14:14">
      <c r="N841964" s="10"/>
    </row>
    <row r="841965" spans="14:14">
      <c r="N841965" s="10"/>
    </row>
    <row r="841966" spans="14:14">
      <c r="N841966" s="10"/>
    </row>
    <row r="841967" spans="14:14">
      <c r="N841967" s="10"/>
    </row>
    <row r="841968" spans="14:14">
      <c r="N841968" s="10"/>
    </row>
    <row r="841969" spans="14:14">
      <c r="N841969" s="10"/>
    </row>
    <row r="841970" spans="14:14">
      <c r="N841970" s="10"/>
    </row>
    <row r="841971" spans="14:14">
      <c r="N841971" s="10"/>
    </row>
    <row r="841972" spans="14:14">
      <c r="N841972" s="10"/>
    </row>
    <row r="841973" spans="14:14">
      <c r="N841973" s="10"/>
    </row>
    <row r="841974" spans="14:14">
      <c r="N841974" s="10"/>
    </row>
    <row r="841975" spans="14:14">
      <c r="N841975" s="10"/>
    </row>
    <row r="841976" spans="14:14">
      <c r="N841976" s="10"/>
    </row>
    <row r="841977" spans="14:14">
      <c r="N841977" s="10"/>
    </row>
    <row r="841978" spans="14:14">
      <c r="N841978" s="10"/>
    </row>
    <row r="841979" spans="14:14">
      <c r="N841979" s="10"/>
    </row>
    <row r="841980" spans="14:14">
      <c r="N841980" s="10"/>
    </row>
    <row r="841981" spans="14:14">
      <c r="N841981" s="10"/>
    </row>
    <row r="841982" spans="14:14">
      <c r="N841982" s="10"/>
    </row>
    <row r="841983" spans="14:14">
      <c r="N841983" s="10"/>
    </row>
    <row r="841984" spans="14:14">
      <c r="N841984" s="10"/>
    </row>
    <row r="841985" spans="14:14">
      <c r="N841985" s="10"/>
    </row>
    <row r="841986" spans="14:14">
      <c r="N841986" s="10"/>
    </row>
    <row r="841987" spans="14:14">
      <c r="N841987" s="10"/>
    </row>
    <row r="841988" spans="14:14">
      <c r="N841988" s="10"/>
    </row>
    <row r="841989" spans="14:14">
      <c r="N841989" s="10"/>
    </row>
    <row r="841990" spans="14:14">
      <c r="N841990" s="10"/>
    </row>
    <row r="841991" spans="14:14">
      <c r="N841991" s="10"/>
    </row>
    <row r="841992" spans="14:14">
      <c r="N841992" s="10"/>
    </row>
    <row r="841993" spans="14:14">
      <c r="N841993" s="10"/>
    </row>
    <row r="841994" spans="14:14">
      <c r="N841994" s="10"/>
    </row>
    <row r="841995" spans="14:14">
      <c r="N841995" s="10"/>
    </row>
    <row r="841996" spans="14:14">
      <c r="N841996" s="10"/>
    </row>
    <row r="841997" spans="14:14">
      <c r="N841997" s="10"/>
    </row>
    <row r="841998" spans="14:14">
      <c r="N841998" s="10"/>
    </row>
    <row r="841999" spans="14:14">
      <c r="N841999" s="10"/>
    </row>
    <row r="842000" spans="14:14">
      <c r="N842000" s="10"/>
    </row>
    <row r="842001" spans="14:14">
      <c r="N842001" s="10"/>
    </row>
    <row r="842002" spans="14:14">
      <c r="N842002" s="10"/>
    </row>
    <row r="842003" spans="14:14">
      <c r="N842003" s="10"/>
    </row>
    <row r="842004" spans="14:14">
      <c r="N842004" s="10"/>
    </row>
    <row r="842005" spans="14:14">
      <c r="N842005" s="10"/>
    </row>
    <row r="842006" spans="14:14">
      <c r="N842006" s="10"/>
    </row>
    <row r="842007" spans="14:14">
      <c r="N842007" s="10"/>
    </row>
    <row r="842008" spans="14:14">
      <c r="N842008" s="10"/>
    </row>
    <row r="842009" spans="14:14">
      <c r="N842009" s="10"/>
    </row>
    <row r="842010" spans="14:14">
      <c r="N842010" s="10"/>
    </row>
    <row r="842011" spans="14:14">
      <c r="N842011" s="10"/>
    </row>
    <row r="842012" spans="14:14">
      <c r="N842012" s="10"/>
    </row>
    <row r="842013" spans="14:14">
      <c r="N842013" s="10"/>
    </row>
    <row r="842014" spans="14:14">
      <c r="N842014" s="10"/>
    </row>
    <row r="842015" spans="14:14">
      <c r="N842015" s="10"/>
    </row>
    <row r="842016" spans="14:14">
      <c r="N842016" s="10"/>
    </row>
    <row r="842017" spans="14:14">
      <c r="N842017" s="10"/>
    </row>
    <row r="842018" spans="14:14">
      <c r="N842018" s="10"/>
    </row>
    <row r="842019" spans="14:14">
      <c r="N842019" s="10"/>
    </row>
    <row r="842020" spans="14:14">
      <c r="N842020" s="10"/>
    </row>
    <row r="842021" spans="14:14">
      <c r="N842021" s="10"/>
    </row>
    <row r="842022" spans="14:14">
      <c r="N842022" s="10"/>
    </row>
    <row r="842023" spans="14:14">
      <c r="N842023" s="10"/>
    </row>
    <row r="842024" spans="14:14">
      <c r="N842024" s="10"/>
    </row>
    <row r="842025" spans="14:14">
      <c r="N842025" s="10"/>
    </row>
    <row r="842026" spans="14:14">
      <c r="N842026" s="10"/>
    </row>
    <row r="842027" spans="14:14">
      <c r="N842027" s="10"/>
    </row>
    <row r="842028" spans="14:14">
      <c r="N842028" s="10"/>
    </row>
    <row r="842029" spans="14:14">
      <c r="N842029" s="10"/>
    </row>
    <row r="842030" spans="14:14">
      <c r="N842030" s="10"/>
    </row>
    <row r="842031" spans="14:14">
      <c r="N842031" s="10"/>
    </row>
    <row r="842032" spans="14:14">
      <c r="N842032" s="10"/>
    </row>
    <row r="842033" spans="14:14">
      <c r="N842033" s="10"/>
    </row>
    <row r="842034" spans="14:14">
      <c r="N842034" s="10"/>
    </row>
    <row r="842035" spans="14:14">
      <c r="N842035" s="10"/>
    </row>
    <row r="842036" spans="14:14">
      <c r="N842036" s="10"/>
    </row>
    <row r="842037" spans="14:14">
      <c r="N842037" s="10"/>
    </row>
    <row r="842038" spans="14:14">
      <c r="N842038" s="10"/>
    </row>
    <row r="842039" spans="14:14">
      <c r="N842039" s="10"/>
    </row>
    <row r="842040" spans="14:14">
      <c r="N842040" s="10"/>
    </row>
    <row r="842041" spans="14:14">
      <c r="N842041" s="10"/>
    </row>
    <row r="842042" spans="14:14">
      <c r="N842042" s="10"/>
    </row>
    <row r="842043" spans="14:14">
      <c r="N842043" s="10"/>
    </row>
    <row r="842044" spans="14:14">
      <c r="N842044" s="10"/>
    </row>
    <row r="842045" spans="14:14">
      <c r="N842045" s="10"/>
    </row>
    <row r="842046" spans="14:14">
      <c r="N842046" s="10"/>
    </row>
    <row r="842047" spans="14:14">
      <c r="N842047" s="10"/>
    </row>
    <row r="842048" spans="14:14">
      <c r="N842048" s="10"/>
    </row>
    <row r="842049" spans="14:14">
      <c r="N842049" s="10"/>
    </row>
    <row r="842050" spans="14:14">
      <c r="N842050" s="10"/>
    </row>
    <row r="842051" spans="14:14">
      <c r="N842051" s="10"/>
    </row>
    <row r="842052" spans="14:14">
      <c r="N842052" s="10"/>
    </row>
    <row r="842053" spans="14:14">
      <c r="N842053" s="10"/>
    </row>
    <row r="842054" spans="14:14">
      <c r="N842054" s="10"/>
    </row>
    <row r="842055" spans="14:14">
      <c r="N842055" s="10"/>
    </row>
    <row r="842056" spans="14:14">
      <c r="N842056" s="10"/>
    </row>
    <row r="842057" spans="14:14">
      <c r="N842057" s="10"/>
    </row>
    <row r="842058" spans="14:14">
      <c r="N842058" s="10"/>
    </row>
    <row r="842059" spans="14:14">
      <c r="N842059" s="10"/>
    </row>
    <row r="842060" spans="14:14">
      <c r="N842060" s="10"/>
    </row>
    <row r="842061" spans="14:14">
      <c r="N842061" s="10"/>
    </row>
    <row r="842062" spans="14:14">
      <c r="N842062" s="10"/>
    </row>
    <row r="842063" spans="14:14">
      <c r="N842063" s="10"/>
    </row>
    <row r="842064" spans="14:14">
      <c r="N842064" s="10"/>
    </row>
    <row r="842065" spans="14:14">
      <c r="N842065" s="10"/>
    </row>
    <row r="842066" spans="14:14">
      <c r="N842066" s="10"/>
    </row>
    <row r="842067" spans="14:14">
      <c r="N842067" s="10"/>
    </row>
    <row r="842068" spans="14:14">
      <c r="N842068" s="10"/>
    </row>
    <row r="842069" spans="14:14">
      <c r="N842069" s="10"/>
    </row>
    <row r="842070" spans="14:14">
      <c r="N842070" s="10"/>
    </row>
    <row r="842071" spans="14:14">
      <c r="N842071" s="10"/>
    </row>
    <row r="842072" spans="14:14">
      <c r="N842072" s="10"/>
    </row>
    <row r="842073" spans="14:14">
      <c r="N842073" s="10"/>
    </row>
    <row r="842074" spans="14:14">
      <c r="N842074" s="10"/>
    </row>
    <row r="842075" spans="14:14">
      <c r="N842075" s="10"/>
    </row>
    <row r="842076" spans="14:14">
      <c r="N842076" s="10"/>
    </row>
    <row r="842077" spans="14:14">
      <c r="N842077" s="10"/>
    </row>
    <row r="842078" spans="14:14">
      <c r="N842078" s="10"/>
    </row>
    <row r="842079" spans="14:14">
      <c r="N842079" s="10"/>
    </row>
    <row r="842080" spans="14:14">
      <c r="N842080" s="10"/>
    </row>
    <row r="842081" spans="14:14">
      <c r="N842081" s="10"/>
    </row>
    <row r="842082" spans="14:14">
      <c r="N842082" s="10"/>
    </row>
    <row r="842083" spans="14:14">
      <c r="N842083" s="10"/>
    </row>
    <row r="842084" spans="14:14">
      <c r="N842084" s="10"/>
    </row>
    <row r="842085" spans="14:14">
      <c r="N842085" s="10"/>
    </row>
    <row r="842086" spans="14:14">
      <c r="N842086" s="10"/>
    </row>
    <row r="842087" spans="14:14">
      <c r="N842087" s="10"/>
    </row>
    <row r="842088" spans="14:14">
      <c r="N842088" s="10"/>
    </row>
    <row r="842089" spans="14:14">
      <c r="N842089" s="10"/>
    </row>
    <row r="842090" spans="14:14">
      <c r="N842090" s="10"/>
    </row>
    <row r="842091" spans="14:14">
      <c r="N842091" s="10"/>
    </row>
    <row r="842092" spans="14:14">
      <c r="N842092" s="10"/>
    </row>
    <row r="842093" spans="14:14">
      <c r="N842093" s="10"/>
    </row>
    <row r="842094" spans="14:14">
      <c r="N842094" s="10"/>
    </row>
    <row r="842095" spans="14:14">
      <c r="N842095" s="10"/>
    </row>
    <row r="842096" spans="14:14">
      <c r="N842096" s="10"/>
    </row>
    <row r="842097" spans="14:14">
      <c r="N842097" s="10"/>
    </row>
    <row r="842098" spans="14:14">
      <c r="N842098" s="10"/>
    </row>
    <row r="842099" spans="14:14">
      <c r="N842099" s="10"/>
    </row>
    <row r="842100" spans="14:14">
      <c r="N842100" s="10"/>
    </row>
    <row r="842101" spans="14:14">
      <c r="N842101" s="10"/>
    </row>
    <row r="842102" spans="14:14">
      <c r="N842102" s="10"/>
    </row>
    <row r="842103" spans="14:14">
      <c r="N842103" s="10"/>
    </row>
    <row r="842104" spans="14:14">
      <c r="N842104" s="10"/>
    </row>
    <row r="842105" spans="14:14">
      <c r="N842105" s="10"/>
    </row>
    <row r="842106" spans="14:14">
      <c r="N842106" s="10"/>
    </row>
    <row r="842107" spans="14:14">
      <c r="N842107" s="10"/>
    </row>
    <row r="842108" spans="14:14">
      <c r="N842108" s="10"/>
    </row>
    <row r="842109" spans="14:14">
      <c r="N842109" s="10"/>
    </row>
    <row r="842110" spans="14:14">
      <c r="N842110" s="10"/>
    </row>
    <row r="842111" spans="14:14">
      <c r="N842111" s="10"/>
    </row>
    <row r="842112" spans="14:14">
      <c r="N842112" s="10"/>
    </row>
    <row r="842113" spans="14:14">
      <c r="N842113" s="10"/>
    </row>
    <row r="842114" spans="14:14">
      <c r="N842114" s="10"/>
    </row>
    <row r="842115" spans="14:14">
      <c r="N842115" s="10"/>
    </row>
    <row r="842116" spans="14:14">
      <c r="N842116" s="10"/>
    </row>
    <row r="842117" spans="14:14">
      <c r="N842117" s="10"/>
    </row>
    <row r="842118" spans="14:14">
      <c r="N842118" s="10"/>
    </row>
    <row r="842119" spans="14:14">
      <c r="N842119" s="10"/>
    </row>
    <row r="842120" spans="14:14">
      <c r="N842120" s="10"/>
    </row>
    <row r="842121" spans="14:14">
      <c r="N842121" s="10"/>
    </row>
    <row r="842122" spans="14:14">
      <c r="N842122" s="10"/>
    </row>
    <row r="842123" spans="14:14">
      <c r="N842123" s="10"/>
    </row>
    <row r="842124" spans="14:14">
      <c r="N842124" s="10"/>
    </row>
    <row r="842125" spans="14:14">
      <c r="N842125" s="10"/>
    </row>
    <row r="842126" spans="14:14">
      <c r="N842126" s="10"/>
    </row>
    <row r="842127" spans="14:14">
      <c r="N842127" s="10"/>
    </row>
    <row r="842128" spans="14:14">
      <c r="N842128" s="10"/>
    </row>
    <row r="842129" spans="14:14">
      <c r="N842129" s="10"/>
    </row>
    <row r="842130" spans="14:14">
      <c r="N842130" s="10"/>
    </row>
    <row r="842131" spans="14:14">
      <c r="N842131" s="10"/>
    </row>
    <row r="842132" spans="14:14">
      <c r="N842132" s="10"/>
    </row>
    <row r="842133" spans="14:14">
      <c r="N842133" s="10"/>
    </row>
    <row r="842134" spans="14:14">
      <c r="N842134" s="10"/>
    </row>
    <row r="842135" spans="14:14">
      <c r="N842135" s="10"/>
    </row>
    <row r="842136" spans="14:14">
      <c r="N842136" s="10"/>
    </row>
    <row r="842137" spans="14:14">
      <c r="N842137" s="10"/>
    </row>
    <row r="842138" spans="14:14">
      <c r="N842138" s="10"/>
    </row>
    <row r="842139" spans="14:14">
      <c r="N842139" s="10"/>
    </row>
    <row r="842140" spans="14:14">
      <c r="N842140" s="10"/>
    </row>
    <row r="842141" spans="14:14">
      <c r="N842141" s="10"/>
    </row>
    <row r="842142" spans="14:14">
      <c r="N842142" s="10"/>
    </row>
    <row r="842143" spans="14:14">
      <c r="N842143" s="10"/>
    </row>
    <row r="842144" spans="14:14">
      <c r="N842144" s="10"/>
    </row>
    <row r="842145" spans="14:14">
      <c r="N842145" s="10"/>
    </row>
    <row r="842146" spans="14:14">
      <c r="N842146" s="10"/>
    </row>
    <row r="842147" spans="14:14">
      <c r="N842147" s="10"/>
    </row>
    <row r="842148" spans="14:14">
      <c r="N842148" s="10"/>
    </row>
    <row r="842149" spans="14:14">
      <c r="N842149" s="10"/>
    </row>
    <row r="842150" spans="14:14">
      <c r="N842150" s="10"/>
    </row>
    <row r="842151" spans="14:14">
      <c r="N842151" s="10"/>
    </row>
    <row r="842152" spans="14:14">
      <c r="N842152" s="10"/>
    </row>
    <row r="842153" spans="14:14">
      <c r="N842153" s="10"/>
    </row>
    <row r="842154" spans="14:14">
      <c r="N842154" s="10"/>
    </row>
    <row r="842155" spans="14:14">
      <c r="N842155" s="10"/>
    </row>
    <row r="842156" spans="14:14">
      <c r="N842156" s="10"/>
    </row>
    <row r="842157" spans="14:14">
      <c r="N842157" s="10"/>
    </row>
    <row r="842158" spans="14:14">
      <c r="N842158" s="10"/>
    </row>
    <row r="842159" spans="14:14">
      <c r="N842159" s="10"/>
    </row>
    <row r="842160" spans="14:14">
      <c r="N842160" s="10"/>
    </row>
    <row r="842161" spans="14:14">
      <c r="N842161" s="10"/>
    </row>
    <row r="842162" spans="14:14">
      <c r="N842162" s="10"/>
    </row>
    <row r="842163" spans="14:14">
      <c r="N842163" s="10"/>
    </row>
    <row r="842164" spans="14:14">
      <c r="N842164" s="10"/>
    </row>
    <row r="842165" spans="14:14">
      <c r="N842165" s="10"/>
    </row>
    <row r="842166" spans="14:14">
      <c r="N842166" s="10"/>
    </row>
    <row r="842167" spans="14:14">
      <c r="N842167" s="10"/>
    </row>
    <row r="842168" spans="14:14">
      <c r="N842168" s="10"/>
    </row>
    <row r="842169" spans="14:14">
      <c r="N842169" s="10"/>
    </row>
    <row r="842170" spans="14:14">
      <c r="N842170" s="10"/>
    </row>
    <row r="842171" spans="14:14">
      <c r="N842171" s="10"/>
    </row>
    <row r="842172" spans="14:14">
      <c r="N842172" s="10"/>
    </row>
    <row r="842173" spans="14:14">
      <c r="N842173" s="10"/>
    </row>
    <row r="842174" spans="14:14">
      <c r="N842174" s="10"/>
    </row>
    <row r="842175" spans="14:14">
      <c r="N842175" s="10"/>
    </row>
    <row r="842176" spans="14:14">
      <c r="N842176" s="10"/>
    </row>
    <row r="842177" spans="14:14">
      <c r="N842177" s="10"/>
    </row>
    <row r="842178" spans="14:14">
      <c r="N842178" s="10"/>
    </row>
    <row r="842179" spans="14:14">
      <c r="N842179" s="10"/>
    </row>
    <row r="842180" spans="14:14">
      <c r="N842180" s="10"/>
    </row>
    <row r="842181" spans="14:14">
      <c r="N842181" s="10"/>
    </row>
    <row r="842182" spans="14:14">
      <c r="N842182" s="10"/>
    </row>
    <row r="842183" spans="14:14">
      <c r="N842183" s="10"/>
    </row>
    <row r="842184" spans="14:14">
      <c r="N842184" s="10"/>
    </row>
    <row r="842185" spans="14:14">
      <c r="N842185" s="10"/>
    </row>
    <row r="842186" spans="14:14">
      <c r="N842186" s="10"/>
    </row>
    <row r="842187" spans="14:14">
      <c r="N842187" s="10"/>
    </row>
    <row r="842188" spans="14:14">
      <c r="N842188" s="10"/>
    </row>
    <row r="842189" spans="14:14">
      <c r="N842189" s="10"/>
    </row>
    <row r="842190" spans="14:14">
      <c r="N842190" s="10"/>
    </row>
    <row r="842191" spans="14:14">
      <c r="N842191" s="10"/>
    </row>
    <row r="842192" spans="14:14">
      <c r="N842192" s="10"/>
    </row>
    <row r="842193" spans="14:14">
      <c r="N842193" s="10"/>
    </row>
    <row r="842194" spans="14:14">
      <c r="N842194" s="10"/>
    </row>
    <row r="842195" spans="14:14">
      <c r="N842195" s="10"/>
    </row>
    <row r="842196" spans="14:14">
      <c r="N842196" s="10"/>
    </row>
    <row r="842197" spans="14:14">
      <c r="N842197" s="10"/>
    </row>
    <row r="842198" spans="14:14">
      <c r="N842198" s="10"/>
    </row>
    <row r="842199" spans="14:14">
      <c r="N842199" s="10"/>
    </row>
    <row r="842200" spans="14:14">
      <c r="N842200" s="10"/>
    </row>
    <row r="842201" spans="14:14">
      <c r="N842201" s="10"/>
    </row>
    <row r="842202" spans="14:14">
      <c r="N842202" s="10"/>
    </row>
    <row r="842203" spans="14:14">
      <c r="N842203" s="10"/>
    </row>
    <row r="842204" spans="14:14">
      <c r="N842204" s="10"/>
    </row>
    <row r="842205" spans="14:14">
      <c r="N842205" s="10"/>
    </row>
    <row r="842206" spans="14:14">
      <c r="N842206" s="10"/>
    </row>
    <row r="842207" spans="14:14">
      <c r="N842207" s="10"/>
    </row>
    <row r="842208" spans="14:14">
      <c r="N842208" s="10"/>
    </row>
    <row r="842209" spans="14:14">
      <c r="N842209" s="10"/>
    </row>
    <row r="842210" spans="14:14">
      <c r="N842210" s="10"/>
    </row>
    <row r="842211" spans="14:14">
      <c r="N842211" s="10"/>
    </row>
    <row r="842212" spans="14:14">
      <c r="N842212" s="10"/>
    </row>
    <row r="842213" spans="14:14">
      <c r="N842213" s="10"/>
    </row>
    <row r="842214" spans="14:14">
      <c r="N842214" s="10"/>
    </row>
    <row r="842215" spans="14:14">
      <c r="N842215" s="10"/>
    </row>
    <row r="842216" spans="14:14">
      <c r="N842216" s="10"/>
    </row>
    <row r="842217" spans="14:14">
      <c r="N842217" s="10"/>
    </row>
    <row r="842218" spans="14:14">
      <c r="N842218" s="10"/>
    </row>
    <row r="842219" spans="14:14">
      <c r="N842219" s="10"/>
    </row>
    <row r="842220" spans="14:14">
      <c r="N842220" s="10"/>
    </row>
    <row r="842221" spans="14:14">
      <c r="N842221" s="10"/>
    </row>
    <row r="842222" spans="14:14">
      <c r="N842222" s="10"/>
    </row>
    <row r="842223" spans="14:14">
      <c r="N842223" s="10"/>
    </row>
    <row r="842224" spans="14:14">
      <c r="N842224" s="10"/>
    </row>
    <row r="842225" spans="14:14">
      <c r="N842225" s="10"/>
    </row>
    <row r="842226" spans="14:14">
      <c r="N842226" s="10"/>
    </row>
    <row r="842227" spans="14:14">
      <c r="N842227" s="10"/>
    </row>
    <row r="842228" spans="14:14">
      <c r="N842228" s="10"/>
    </row>
    <row r="842229" spans="14:14">
      <c r="N842229" s="10"/>
    </row>
    <row r="842230" spans="14:14">
      <c r="N842230" s="10"/>
    </row>
    <row r="842231" spans="14:14">
      <c r="N842231" s="10"/>
    </row>
    <row r="842232" spans="14:14">
      <c r="N842232" s="10"/>
    </row>
    <row r="842233" spans="14:14">
      <c r="N842233" s="10"/>
    </row>
    <row r="842234" spans="14:14">
      <c r="N842234" s="10"/>
    </row>
    <row r="842235" spans="14:14">
      <c r="N842235" s="10"/>
    </row>
    <row r="842236" spans="14:14">
      <c r="N842236" s="10"/>
    </row>
    <row r="842237" spans="14:14">
      <c r="N842237" s="10"/>
    </row>
    <row r="842238" spans="14:14">
      <c r="N842238" s="10"/>
    </row>
    <row r="842239" spans="14:14">
      <c r="N842239" s="10"/>
    </row>
    <row r="842240" spans="14:14">
      <c r="N842240" s="10"/>
    </row>
    <row r="842241" spans="14:14">
      <c r="N842241" s="10"/>
    </row>
    <row r="842242" spans="14:14">
      <c r="N842242" s="10"/>
    </row>
    <row r="842243" spans="14:14">
      <c r="N842243" s="10"/>
    </row>
    <row r="842244" spans="14:14">
      <c r="N842244" s="10"/>
    </row>
    <row r="842245" spans="14:14">
      <c r="N842245" s="10"/>
    </row>
    <row r="842246" spans="14:14">
      <c r="N842246" s="10"/>
    </row>
    <row r="842247" spans="14:14">
      <c r="N842247" s="10"/>
    </row>
    <row r="842248" spans="14:14">
      <c r="N842248" s="10"/>
    </row>
    <row r="842249" spans="14:14">
      <c r="N842249" s="10"/>
    </row>
    <row r="842250" spans="14:14">
      <c r="N842250" s="10"/>
    </row>
    <row r="842251" spans="14:14">
      <c r="N842251" s="10"/>
    </row>
    <row r="842252" spans="14:14">
      <c r="N842252" s="10"/>
    </row>
    <row r="842253" spans="14:14">
      <c r="N842253" s="10"/>
    </row>
    <row r="842254" spans="14:14">
      <c r="N842254" s="10"/>
    </row>
    <row r="842255" spans="14:14">
      <c r="N842255" s="10"/>
    </row>
    <row r="842256" spans="14:14">
      <c r="N842256" s="10"/>
    </row>
    <row r="842257" spans="14:14">
      <c r="N842257" s="10"/>
    </row>
    <row r="842258" spans="14:14">
      <c r="N842258" s="10"/>
    </row>
    <row r="842259" spans="14:14">
      <c r="N842259" s="10"/>
    </row>
    <row r="842260" spans="14:14">
      <c r="N842260" s="10"/>
    </row>
    <row r="842261" spans="14:14">
      <c r="N842261" s="10"/>
    </row>
    <row r="842262" spans="14:14">
      <c r="N842262" s="10"/>
    </row>
    <row r="842263" spans="14:14">
      <c r="N842263" s="10"/>
    </row>
    <row r="842264" spans="14:14">
      <c r="N842264" s="10"/>
    </row>
    <row r="842265" spans="14:14">
      <c r="N842265" s="10"/>
    </row>
    <row r="842266" spans="14:14">
      <c r="N842266" s="10"/>
    </row>
    <row r="842267" spans="14:14">
      <c r="N842267" s="10"/>
    </row>
    <row r="842268" spans="14:14">
      <c r="N842268" s="10"/>
    </row>
    <row r="842269" spans="14:14">
      <c r="N842269" s="10"/>
    </row>
    <row r="842270" spans="14:14">
      <c r="N842270" s="10"/>
    </row>
    <row r="842271" spans="14:14">
      <c r="N842271" s="10"/>
    </row>
    <row r="842272" spans="14:14">
      <c r="N842272" s="10"/>
    </row>
    <row r="842273" spans="14:14">
      <c r="N842273" s="10"/>
    </row>
    <row r="842274" spans="14:14">
      <c r="N842274" s="10"/>
    </row>
    <row r="842275" spans="14:14">
      <c r="N842275" s="10"/>
    </row>
    <row r="842276" spans="14:14">
      <c r="N842276" s="10"/>
    </row>
    <row r="842277" spans="14:14">
      <c r="N842277" s="10"/>
    </row>
    <row r="842278" spans="14:14">
      <c r="N842278" s="10"/>
    </row>
    <row r="842279" spans="14:14">
      <c r="N842279" s="10"/>
    </row>
    <row r="842280" spans="14:14">
      <c r="N842280" s="10"/>
    </row>
    <row r="842281" spans="14:14">
      <c r="N842281" s="10"/>
    </row>
    <row r="842282" spans="14:14">
      <c r="N842282" s="10"/>
    </row>
    <row r="842283" spans="14:14">
      <c r="N842283" s="10"/>
    </row>
    <row r="842284" spans="14:14">
      <c r="N842284" s="10"/>
    </row>
    <row r="842285" spans="14:14">
      <c r="N842285" s="10"/>
    </row>
    <row r="842286" spans="14:14">
      <c r="N842286" s="10"/>
    </row>
    <row r="842287" spans="14:14">
      <c r="N842287" s="10"/>
    </row>
    <row r="842288" spans="14:14">
      <c r="N842288" s="10"/>
    </row>
    <row r="842289" spans="14:14">
      <c r="N842289" s="10"/>
    </row>
    <row r="842290" spans="14:14">
      <c r="N842290" s="10"/>
    </row>
    <row r="842291" spans="14:14">
      <c r="N842291" s="10"/>
    </row>
    <row r="842292" spans="14:14">
      <c r="N842292" s="10"/>
    </row>
    <row r="842293" spans="14:14">
      <c r="N842293" s="10"/>
    </row>
    <row r="842294" spans="14:14">
      <c r="N842294" s="10"/>
    </row>
    <row r="842295" spans="14:14">
      <c r="N842295" s="10"/>
    </row>
    <row r="842296" spans="14:14">
      <c r="N842296" s="10"/>
    </row>
    <row r="842297" spans="14:14">
      <c r="N842297" s="10"/>
    </row>
    <row r="842298" spans="14:14">
      <c r="N842298" s="10"/>
    </row>
    <row r="842299" spans="14:14">
      <c r="N842299" s="10"/>
    </row>
    <row r="842300" spans="14:14">
      <c r="N842300" s="10"/>
    </row>
    <row r="842301" spans="14:14">
      <c r="N842301" s="10"/>
    </row>
    <row r="842302" spans="14:14">
      <c r="N842302" s="10"/>
    </row>
    <row r="842303" spans="14:14">
      <c r="N842303" s="10"/>
    </row>
    <row r="842304" spans="14:14">
      <c r="N842304" s="10"/>
    </row>
    <row r="842305" spans="14:14">
      <c r="N842305" s="10"/>
    </row>
    <row r="842306" spans="14:14">
      <c r="N842306" s="10"/>
    </row>
    <row r="842307" spans="14:14">
      <c r="N842307" s="10"/>
    </row>
    <row r="842308" spans="14:14">
      <c r="N842308" s="10"/>
    </row>
    <row r="842309" spans="14:14">
      <c r="N842309" s="10"/>
    </row>
    <row r="842310" spans="14:14">
      <c r="N842310" s="10"/>
    </row>
    <row r="842311" spans="14:14">
      <c r="N842311" s="10"/>
    </row>
    <row r="842312" spans="14:14">
      <c r="N842312" s="10"/>
    </row>
    <row r="842313" spans="14:14">
      <c r="N842313" s="10"/>
    </row>
    <row r="842314" spans="14:14">
      <c r="N842314" s="10"/>
    </row>
    <row r="842315" spans="14:14">
      <c r="N842315" s="10"/>
    </row>
    <row r="842316" spans="14:14">
      <c r="N842316" s="10"/>
    </row>
    <row r="842317" spans="14:14">
      <c r="N842317" s="10"/>
    </row>
    <row r="842318" spans="14:14">
      <c r="N842318" s="10"/>
    </row>
    <row r="842319" spans="14:14">
      <c r="N842319" s="10"/>
    </row>
    <row r="842320" spans="14:14">
      <c r="N842320" s="10"/>
    </row>
    <row r="842321" spans="14:14">
      <c r="N842321" s="10"/>
    </row>
    <row r="842322" spans="14:14">
      <c r="N842322" s="10"/>
    </row>
    <row r="842323" spans="14:14">
      <c r="N842323" s="10"/>
    </row>
    <row r="842324" spans="14:14">
      <c r="N842324" s="10"/>
    </row>
    <row r="842325" spans="14:14">
      <c r="N842325" s="10"/>
    </row>
    <row r="842326" spans="14:14">
      <c r="N842326" s="10"/>
    </row>
    <row r="842327" spans="14:14">
      <c r="N842327" s="10"/>
    </row>
    <row r="842328" spans="14:14">
      <c r="N842328" s="10"/>
    </row>
    <row r="842329" spans="14:14">
      <c r="N842329" s="10"/>
    </row>
    <row r="842330" spans="14:14">
      <c r="N842330" s="10"/>
    </row>
    <row r="842331" spans="14:14">
      <c r="N842331" s="10"/>
    </row>
    <row r="842332" spans="14:14">
      <c r="N842332" s="10"/>
    </row>
    <row r="842333" spans="14:14">
      <c r="N842333" s="10"/>
    </row>
    <row r="842334" spans="14:14">
      <c r="N842334" s="10"/>
    </row>
    <row r="842335" spans="14:14">
      <c r="N842335" s="10"/>
    </row>
    <row r="842336" spans="14:14">
      <c r="N842336" s="10"/>
    </row>
    <row r="842337" spans="14:14">
      <c r="N842337" s="10"/>
    </row>
    <row r="842338" spans="14:14">
      <c r="N842338" s="10"/>
    </row>
    <row r="842339" spans="14:14">
      <c r="N842339" s="10"/>
    </row>
    <row r="842340" spans="14:14">
      <c r="N842340" s="10"/>
    </row>
    <row r="842341" spans="14:14">
      <c r="N842341" s="10"/>
    </row>
    <row r="842342" spans="14:14">
      <c r="N842342" s="10"/>
    </row>
    <row r="842343" spans="14:14">
      <c r="N842343" s="10"/>
    </row>
    <row r="842344" spans="14:14">
      <c r="N842344" s="10"/>
    </row>
    <row r="842345" spans="14:14">
      <c r="N842345" s="10"/>
    </row>
    <row r="842346" spans="14:14">
      <c r="N842346" s="10"/>
    </row>
    <row r="842347" spans="14:14">
      <c r="N842347" s="10"/>
    </row>
    <row r="842348" spans="14:14">
      <c r="N842348" s="10"/>
    </row>
    <row r="842349" spans="14:14">
      <c r="N842349" s="10"/>
    </row>
    <row r="842350" spans="14:14">
      <c r="N842350" s="10"/>
    </row>
    <row r="842351" spans="14:14">
      <c r="N842351" s="10"/>
    </row>
    <row r="842352" spans="14:14">
      <c r="N842352" s="10"/>
    </row>
    <row r="842353" spans="14:14">
      <c r="N842353" s="10"/>
    </row>
    <row r="842354" spans="14:14">
      <c r="N842354" s="10"/>
    </row>
    <row r="842355" spans="14:14">
      <c r="N842355" s="10"/>
    </row>
    <row r="842356" spans="14:14">
      <c r="N842356" s="10"/>
    </row>
    <row r="842357" spans="14:14">
      <c r="N842357" s="10"/>
    </row>
    <row r="842358" spans="14:14">
      <c r="N842358" s="10"/>
    </row>
    <row r="842359" spans="14:14">
      <c r="N842359" s="10"/>
    </row>
    <row r="842360" spans="14:14">
      <c r="N842360" s="10"/>
    </row>
    <row r="842361" spans="14:14">
      <c r="N842361" s="10"/>
    </row>
    <row r="842362" spans="14:14">
      <c r="N842362" s="10"/>
    </row>
    <row r="842363" spans="14:14">
      <c r="N842363" s="10"/>
    </row>
    <row r="842364" spans="14:14">
      <c r="N842364" s="10"/>
    </row>
    <row r="842365" spans="14:14">
      <c r="N842365" s="10"/>
    </row>
    <row r="842366" spans="14:14">
      <c r="N842366" s="10"/>
    </row>
    <row r="842367" spans="14:14">
      <c r="N842367" s="10"/>
    </row>
    <row r="842368" spans="14:14">
      <c r="N842368" s="10"/>
    </row>
    <row r="842369" spans="14:14">
      <c r="N842369" s="10"/>
    </row>
    <row r="842370" spans="14:14">
      <c r="N842370" s="10"/>
    </row>
    <row r="842371" spans="14:14">
      <c r="N842371" s="10"/>
    </row>
    <row r="842372" spans="14:14">
      <c r="N842372" s="10"/>
    </row>
    <row r="842373" spans="14:14">
      <c r="N842373" s="10"/>
    </row>
    <row r="842374" spans="14:14">
      <c r="N842374" s="10"/>
    </row>
    <row r="842375" spans="14:14">
      <c r="N842375" s="10"/>
    </row>
    <row r="842376" spans="14:14">
      <c r="N842376" s="10"/>
    </row>
    <row r="842377" spans="14:14">
      <c r="N842377" s="10"/>
    </row>
    <row r="842378" spans="14:14">
      <c r="N842378" s="10"/>
    </row>
    <row r="842379" spans="14:14">
      <c r="N842379" s="10"/>
    </row>
    <row r="842380" spans="14:14">
      <c r="N842380" s="10"/>
    </row>
    <row r="842381" spans="14:14">
      <c r="N842381" s="10"/>
    </row>
    <row r="842382" spans="14:14">
      <c r="N842382" s="10"/>
    </row>
    <row r="842383" spans="14:14">
      <c r="N842383" s="10"/>
    </row>
    <row r="842384" spans="14:14">
      <c r="N842384" s="10"/>
    </row>
    <row r="842385" spans="14:14">
      <c r="N842385" s="10"/>
    </row>
    <row r="842386" spans="14:14">
      <c r="N842386" s="10"/>
    </row>
    <row r="842387" spans="14:14">
      <c r="N842387" s="10"/>
    </row>
    <row r="842388" spans="14:14">
      <c r="N842388" s="10"/>
    </row>
    <row r="842389" spans="14:14">
      <c r="N842389" s="10"/>
    </row>
    <row r="842390" spans="14:14">
      <c r="N842390" s="10"/>
    </row>
    <row r="842391" spans="14:14">
      <c r="N842391" s="10"/>
    </row>
    <row r="842392" spans="14:14">
      <c r="N842392" s="10"/>
    </row>
    <row r="842393" spans="14:14">
      <c r="N842393" s="10"/>
    </row>
    <row r="842394" spans="14:14">
      <c r="N842394" s="10"/>
    </row>
    <row r="842395" spans="14:14">
      <c r="N842395" s="10"/>
    </row>
    <row r="842396" spans="14:14">
      <c r="N842396" s="10"/>
    </row>
    <row r="842397" spans="14:14">
      <c r="N842397" s="10"/>
    </row>
    <row r="842398" spans="14:14">
      <c r="N842398" s="10"/>
    </row>
    <row r="842399" spans="14:14">
      <c r="N842399" s="10"/>
    </row>
    <row r="842400" spans="14:14">
      <c r="N842400" s="10"/>
    </row>
    <row r="842401" spans="14:14">
      <c r="N842401" s="10"/>
    </row>
    <row r="842402" spans="14:14">
      <c r="N842402" s="10"/>
    </row>
    <row r="842403" spans="14:14">
      <c r="N842403" s="10"/>
    </row>
    <row r="842404" spans="14:14">
      <c r="N842404" s="10"/>
    </row>
    <row r="842405" spans="14:14">
      <c r="N842405" s="10"/>
    </row>
    <row r="842406" spans="14:14">
      <c r="N842406" s="10"/>
    </row>
    <row r="842407" spans="14:14">
      <c r="N842407" s="10"/>
    </row>
    <row r="842408" spans="14:14">
      <c r="N842408" s="10"/>
    </row>
    <row r="842409" spans="14:14">
      <c r="N842409" s="10"/>
    </row>
    <row r="842410" spans="14:14">
      <c r="N842410" s="10"/>
    </row>
    <row r="842411" spans="14:14">
      <c r="N842411" s="10"/>
    </row>
    <row r="842412" spans="14:14">
      <c r="N842412" s="10"/>
    </row>
    <row r="842413" spans="14:14">
      <c r="N842413" s="10"/>
    </row>
    <row r="842414" spans="14:14">
      <c r="N842414" s="10"/>
    </row>
    <row r="842415" spans="14:14">
      <c r="N842415" s="10"/>
    </row>
    <row r="842416" spans="14:14">
      <c r="N842416" s="10"/>
    </row>
    <row r="842417" spans="14:14">
      <c r="N842417" s="10"/>
    </row>
    <row r="842418" spans="14:14">
      <c r="N842418" s="10"/>
    </row>
    <row r="842419" spans="14:14">
      <c r="N842419" s="10"/>
    </row>
    <row r="842420" spans="14:14">
      <c r="N842420" s="10"/>
    </row>
    <row r="842421" spans="14:14">
      <c r="N842421" s="10"/>
    </row>
    <row r="842422" spans="14:14">
      <c r="N842422" s="10"/>
    </row>
    <row r="842423" spans="14:14">
      <c r="N842423" s="10"/>
    </row>
    <row r="842424" spans="14:14">
      <c r="N842424" s="10"/>
    </row>
    <row r="842425" spans="14:14">
      <c r="N842425" s="10"/>
    </row>
    <row r="842426" spans="14:14">
      <c r="N842426" s="10"/>
    </row>
    <row r="842427" spans="14:14">
      <c r="N842427" s="10"/>
    </row>
    <row r="842428" spans="14:14">
      <c r="N842428" s="10"/>
    </row>
    <row r="842429" spans="14:14">
      <c r="N842429" s="10"/>
    </row>
    <row r="842430" spans="14:14">
      <c r="N842430" s="10"/>
    </row>
    <row r="842431" spans="14:14">
      <c r="N842431" s="10"/>
    </row>
    <row r="842432" spans="14:14">
      <c r="N842432" s="10"/>
    </row>
    <row r="842433" spans="14:14">
      <c r="N842433" s="10"/>
    </row>
    <row r="842434" spans="14:14">
      <c r="N842434" s="10"/>
    </row>
    <row r="842435" spans="14:14">
      <c r="N842435" s="10"/>
    </row>
    <row r="842436" spans="14:14">
      <c r="N842436" s="10"/>
    </row>
    <row r="842437" spans="14:14">
      <c r="N842437" s="10"/>
    </row>
    <row r="842438" spans="14:14">
      <c r="N842438" s="10"/>
    </row>
    <row r="842439" spans="14:14">
      <c r="N842439" s="10"/>
    </row>
    <row r="842440" spans="14:14">
      <c r="N842440" s="10"/>
    </row>
    <row r="842441" spans="14:14">
      <c r="N842441" s="10"/>
    </row>
    <row r="842442" spans="14:14">
      <c r="N842442" s="10"/>
    </row>
    <row r="842443" spans="14:14">
      <c r="N842443" s="10"/>
    </row>
    <row r="842444" spans="14:14">
      <c r="N842444" s="10"/>
    </row>
    <row r="842445" spans="14:14">
      <c r="N842445" s="10"/>
    </row>
    <row r="842446" spans="14:14">
      <c r="N842446" s="10"/>
    </row>
    <row r="842447" spans="14:14">
      <c r="N842447" s="10"/>
    </row>
    <row r="842448" spans="14:14">
      <c r="N842448" s="10"/>
    </row>
    <row r="842449" spans="14:14">
      <c r="N842449" s="10"/>
    </row>
    <row r="842450" spans="14:14">
      <c r="N842450" s="10"/>
    </row>
    <row r="842451" spans="14:14">
      <c r="N842451" s="10"/>
    </row>
    <row r="842452" spans="14:14">
      <c r="N842452" s="10"/>
    </row>
    <row r="842453" spans="14:14">
      <c r="N842453" s="10"/>
    </row>
    <row r="842454" spans="14:14">
      <c r="N842454" s="10"/>
    </row>
    <row r="842455" spans="14:14">
      <c r="N842455" s="10"/>
    </row>
    <row r="842456" spans="14:14">
      <c r="N842456" s="10"/>
    </row>
    <row r="842457" spans="14:14">
      <c r="N842457" s="10"/>
    </row>
    <row r="842458" spans="14:14">
      <c r="N842458" s="10"/>
    </row>
    <row r="842459" spans="14:14">
      <c r="N842459" s="10"/>
    </row>
    <row r="842460" spans="14:14">
      <c r="N842460" s="10"/>
    </row>
    <row r="842461" spans="14:14">
      <c r="N842461" s="10"/>
    </row>
    <row r="842462" spans="14:14">
      <c r="N842462" s="10"/>
    </row>
    <row r="842463" spans="14:14">
      <c r="N842463" s="10"/>
    </row>
    <row r="842464" spans="14:14">
      <c r="N842464" s="10"/>
    </row>
    <row r="842465" spans="14:14">
      <c r="N842465" s="10"/>
    </row>
    <row r="842466" spans="14:14">
      <c r="N842466" s="10"/>
    </row>
    <row r="842467" spans="14:14">
      <c r="N842467" s="10"/>
    </row>
    <row r="842468" spans="14:14">
      <c r="N842468" s="10"/>
    </row>
    <row r="842469" spans="14:14">
      <c r="N842469" s="10"/>
    </row>
    <row r="842470" spans="14:14">
      <c r="N842470" s="10"/>
    </row>
    <row r="842471" spans="14:14">
      <c r="N842471" s="10"/>
    </row>
    <row r="842472" spans="14:14">
      <c r="N842472" s="10"/>
    </row>
    <row r="842473" spans="14:14">
      <c r="N842473" s="10"/>
    </row>
    <row r="842474" spans="14:14">
      <c r="N842474" s="10"/>
    </row>
    <row r="842475" spans="14:14">
      <c r="N842475" s="10"/>
    </row>
    <row r="842476" spans="14:14">
      <c r="N842476" s="10"/>
    </row>
    <row r="842477" spans="14:14">
      <c r="N842477" s="10"/>
    </row>
    <row r="842478" spans="14:14">
      <c r="N842478" s="10"/>
    </row>
    <row r="842479" spans="14:14">
      <c r="N842479" s="10"/>
    </row>
    <row r="842480" spans="14:14">
      <c r="N842480" s="10"/>
    </row>
    <row r="842481" spans="14:14">
      <c r="N842481" s="10"/>
    </row>
    <row r="842482" spans="14:14">
      <c r="N842482" s="10"/>
    </row>
    <row r="842483" spans="14:14">
      <c r="N842483" s="10"/>
    </row>
    <row r="842484" spans="14:14">
      <c r="N842484" s="10"/>
    </row>
    <row r="842485" spans="14:14">
      <c r="N842485" s="10"/>
    </row>
    <row r="842486" spans="14:14">
      <c r="N842486" s="10"/>
    </row>
    <row r="842487" spans="14:14">
      <c r="N842487" s="10"/>
    </row>
    <row r="842488" spans="14:14">
      <c r="N842488" s="10"/>
    </row>
    <row r="842489" spans="14:14">
      <c r="N842489" s="10"/>
    </row>
    <row r="842490" spans="14:14">
      <c r="N842490" s="10"/>
    </row>
    <row r="842491" spans="14:14">
      <c r="N842491" s="10"/>
    </row>
    <row r="842492" spans="14:14">
      <c r="N842492" s="10"/>
    </row>
    <row r="842493" spans="14:14">
      <c r="N842493" s="10"/>
    </row>
    <row r="842494" spans="14:14">
      <c r="N842494" s="10"/>
    </row>
    <row r="842495" spans="14:14">
      <c r="N842495" s="10"/>
    </row>
    <row r="842496" spans="14:14">
      <c r="N842496" s="10"/>
    </row>
    <row r="842497" spans="14:14">
      <c r="N842497" s="10"/>
    </row>
    <row r="842498" spans="14:14">
      <c r="N842498" s="10"/>
    </row>
    <row r="842499" spans="14:14">
      <c r="N842499" s="10"/>
    </row>
    <row r="842500" spans="14:14">
      <c r="N842500" s="10"/>
    </row>
    <row r="842501" spans="14:14">
      <c r="N842501" s="10"/>
    </row>
    <row r="842502" spans="14:14">
      <c r="N842502" s="10"/>
    </row>
    <row r="842503" spans="14:14">
      <c r="N842503" s="10"/>
    </row>
    <row r="842504" spans="14:14">
      <c r="N842504" s="10"/>
    </row>
    <row r="842505" spans="14:14">
      <c r="N842505" s="10"/>
    </row>
    <row r="842506" spans="14:14">
      <c r="N842506" s="10"/>
    </row>
    <row r="842507" spans="14:14">
      <c r="N842507" s="10"/>
    </row>
    <row r="842508" spans="14:14">
      <c r="N842508" s="10"/>
    </row>
    <row r="842509" spans="14:14">
      <c r="N842509" s="10"/>
    </row>
    <row r="842510" spans="14:14">
      <c r="N842510" s="10"/>
    </row>
    <row r="842511" spans="14:14">
      <c r="N842511" s="10"/>
    </row>
    <row r="842512" spans="14:14">
      <c r="N842512" s="10"/>
    </row>
    <row r="842513" spans="14:14">
      <c r="N842513" s="10"/>
    </row>
    <row r="842514" spans="14:14">
      <c r="N842514" s="10"/>
    </row>
    <row r="842515" spans="14:14">
      <c r="N842515" s="10"/>
    </row>
    <row r="842516" spans="14:14">
      <c r="N842516" s="10"/>
    </row>
    <row r="842517" spans="14:14">
      <c r="N842517" s="10"/>
    </row>
    <row r="842518" spans="14:14">
      <c r="N842518" s="10"/>
    </row>
    <row r="842519" spans="14:14">
      <c r="N842519" s="10"/>
    </row>
    <row r="842520" spans="14:14">
      <c r="N842520" s="10"/>
    </row>
    <row r="842521" spans="14:14">
      <c r="N842521" s="10"/>
    </row>
    <row r="842522" spans="14:14">
      <c r="N842522" s="10"/>
    </row>
    <row r="842523" spans="14:14">
      <c r="N842523" s="10"/>
    </row>
    <row r="842524" spans="14:14">
      <c r="N842524" s="10"/>
    </row>
    <row r="842525" spans="14:14">
      <c r="N842525" s="10"/>
    </row>
    <row r="842526" spans="14:14">
      <c r="N842526" s="10"/>
    </row>
    <row r="842527" spans="14:14">
      <c r="N842527" s="10"/>
    </row>
    <row r="842528" spans="14:14">
      <c r="N842528" s="10"/>
    </row>
    <row r="842529" spans="14:14">
      <c r="N842529" s="10"/>
    </row>
    <row r="842530" spans="14:14">
      <c r="N842530" s="10"/>
    </row>
    <row r="842531" spans="14:14">
      <c r="N842531" s="10"/>
    </row>
    <row r="842532" spans="14:14">
      <c r="N842532" s="10"/>
    </row>
    <row r="842533" spans="14:14">
      <c r="N842533" s="10"/>
    </row>
    <row r="842534" spans="14:14">
      <c r="N842534" s="10"/>
    </row>
    <row r="842535" spans="14:14">
      <c r="N842535" s="10"/>
    </row>
    <row r="842536" spans="14:14">
      <c r="N842536" s="10"/>
    </row>
    <row r="842537" spans="14:14">
      <c r="N842537" s="10"/>
    </row>
    <row r="842538" spans="14:14">
      <c r="N842538" s="10"/>
    </row>
    <row r="842539" spans="14:14">
      <c r="N842539" s="10"/>
    </row>
    <row r="842540" spans="14:14">
      <c r="N842540" s="10"/>
    </row>
    <row r="842541" spans="14:14">
      <c r="N842541" s="10"/>
    </row>
    <row r="842542" spans="14:14">
      <c r="N842542" s="10"/>
    </row>
    <row r="842543" spans="14:14">
      <c r="N842543" s="10"/>
    </row>
    <row r="842544" spans="14:14">
      <c r="N842544" s="10"/>
    </row>
    <row r="842545" spans="14:14">
      <c r="N842545" s="10"/>
    </row>
    <row r="842546" spans="14:14">
      <c r="N842546" s="10"/>
    </row>
    <row r="842547" spans="14:14">
      <c r="N842547" s="10"/>
    </row>
    <row r="842548" spans="14:14">
      <c r="N842548" s="10"/>
    </row>
    <row r="842549" spans="14:14">
      <c r="N842549" s="10"/>
    </row>
    <row r="842550" spans="14:14">
      <c r="N842550" s="10"/>
    </row>
    <row r="842551" spans="14:14">
      <c r="N842551" s="10"/>
    </row>
    <row r="842552" spans="14:14">
      <c r="N842552" s="10"/>
    </row>
    <row r="842553" spans="14:14">
      <c r="N842553" s="10"/>
    </row>
    <row r="842554" spans="14:14">
      <c r="N842554" s="10"/>
    </row>
    <row r="842555" spans="14:14">
      <c r="N842555" s="10"/>
    </row>
    <row r="842556" spans="14:14">
      <c r="N842556" s="10"/>
    </row>
    <row r="842557" spans="14:14">
      <c r="N842557" s="10"/>
    </row>
    <row r="842558" spans="14:14">
      <c r="N842558" s="10"/>
    </row>
    <row r="842559" spans="14:14">
      <c r="N842559" s="10"/>
    </row>
    <row r="842560" spans="14:14">
      <c r="N842560" s="10"/>
    </row>
    <row r="842561" spans="14:14">
      <c r="N842561" s="10"/>
    </row>
    <row r="842562" spans="14:14">
      <c r="N842562" s="10"/>
    </row>
    <row r="842563" spans="14:14">
      <c r="N842563" s="10"/>
    </row>
    <row r="842564" spans="14:14">
      <c r="N842564" s="10"/>
    </row>
    <row r="842565" spans="14:14">
      <c r="N842565" s="10"/>
    </row>
    <row r="842566" spans="14:14">
      <c r="N842566" s="10"/>
    </row>
    <row r="842567" spans="14:14">
      <c r="N842567" s="10"/>
    </row>
    <row r="842568" spans="14:14">
      <c r="N842568" s="10"/>
    </row>
    <row r="842569" spans="14:14">
      <c r="N842569" s="10"/>
    </row>
    <row r="842570" spans="14:14">
      <c r="N842570" s="10"/>
    </row>
    <row r="842571" spans="14:14">
      <c r="N842571" s="10"/>
    </row>
    <row r="842572" spans="14:14">
      <c r="N842572" s="10"/>
    </row>
    <row r="842573" spans="14:14">
      <c r="N842573" s="10"/>
    </row>
    <row r="842574" spans="14:14">
      <c r="N842574" s="10"/>
    </row>
    <row r="842575" spans="14:14">
      <c r="N842575" s="10"/>
    </row>
    <row r="842576" spans="14:14">
      <c r="N842576" s="10"/>
    </row>
    <row r="842577" spans="14:14">
      <c r="N842577" s="10"/>
    </row>
    <row r="842578" spans="14:14">
      <c r="N842578" s="10"/>
    </row>
    <row r="842579" spans="14:14">
      <c r="N842579" s="10"/>
    </row>
    <row r="842580" spans="14:14">
      <c r="N842580" s="10"/>
    </row>
    <row r="842581" spans="14:14">
      <c r="N842581" s="10"/>
    </row>
    <row r="842582" spans="14:14">
      <c r="N842582" s="10"/>
    </row>
    <row r="842583" spans="14:14">
      <c r="N842583" s="10"/>
    </row>
    <row r="842584" spans="14:14">
      <c r="N842584" s="10"/>
    </row>
    <row r="842585" spans="14:14">
      <c r="N842585" s="10"/>
    </row>
    <row r="842586" spans="14:14">
      <c r="N842586" s="10"/>
    </row>
    <row r="842587" spans="14:14">
      <c r="N842587" s="10"/>
    </row>
    <row r="842588" spans="14:14">
      <c r="N842588" s="10"/>
    </row>
    <row r="842589" spans="14:14">
      <c r="N842589" s="10"/>
    </row>
    <row r="842590" spans="14:14">
      <c r="N842590" s="10"/>
    </row>
    <row r="842591" spans="14:14">
      <c r="N842591" s="10"/>
    </row>
    <row r="842592" spans="14:14">
      <c r="N842592" s="10"/>
    </row>
    <row r="842593" spans="14:14">
      <c r="N842593" s="10"/>
    </row>
    <row r="842594" spans="14:14">
      <c r="N842594" s="10"/>
    </row>
    <row r="842595" spans="14:14">
      <c r="N842595" s="10"/>
    </row>
    <row r="842596" spans="14:14">
      <c r="N842596" s="10"/>
    </row>
    <row r="842597" spans="14:14">
      <c r="N842597" s="10"/>
    </row>
    <row r="842598" spans="14:14">
      <c r="N842598" s="10"/>
    </row>
    <row r="842599" spans="14:14">
      <c r="N842599" s="10"/>
    </row>
    <row r="842600" spans="14:14">
      <c r="N842600" s="10"/>
    </row>
    <row r="842601" spans="14:14">
      <c r="N842601" s="10"/>
    </row>
    <row r="842602" spans="14:14">
      <c r="N842602" s="10"/>
    </row>
    <row r="842603" spans="14:14">
      <c r="N842603" s="10"/>
    </row>
    <row r="842604" spans="14:14">
      <c r="N842604" s="10"/>
    </row>
    <row r="842605" spans="14:14">
      <c r="N842605" s="10"/>
    </row>
    <row r="842606" spans="14:14">
      <c r="N842606" s="10"/>
    </row>
    <row r="842607" spans="14:14">
      <c r="N842607" s="10"/>
    </row>
    <row r="842608" spans="14:14">
      <c r="N842608" s="10"/>
    </row>
    <row r="842609" spans="14:14">
      <c r="N842609" s="10"/>
    </row>
    <row r="842610" spans="14:14">
      <c r="N842610" s="10"/>
    </row>
    <row r="842611" spans="14:14">
      <c r="N842611" s="10"/>
    </row>
    <row r="842612" spans="14:14">
      <c r="N842612" s="10"/>
    </row>
    <row r="842613" spans="14:14">
      <c r="N842613" s="10"/>
    </row>
    <row r="842614" spans="14:14">
      <c r="N842614" s="10"/>
    </row>
    <row r="842615" spans="14:14">
      <c r="N842615" s="10"/>
    </row>
    <row r="842616" spans="14:14">
      <c r="N842616" s="10"/>
    </row>
    <row r="842617" spans="14:14">
      <c r="N842617" s="10"/>
    </row>
    <row r="842618" spans="14:14">
      <c r="N842618" s="10"/>
    </row>
    <row r="842619" spans="14:14">
      <c r="N842619" s="10"/>
    </row>
    <row r="842620" spans="14:14">
      <c r="N842620" s="10"/>
    </row>
    <row r="842621" spans="14:14">
      <c r="N842621" s="10"/>
    </row>
    <row r="842622" spans="14:14">
      <c r="N842622" s="10"/>
    </row>
    <row r="842623" spans="14:14">
      <c r="N842623" s="10"/>
    </row>
    <row r="842624" spans="14:14">
      <c r="N842624" s="10"/>
    </row>
    <row r="842625" spans="14:14">
      <c r="N842625" s="10"/>
    </row>
    <row r="842626" spans="14:14">
      <c r="N842626" s="10"/>
    </row>
    <row r="842627" spans="14:14">
      <c r="N842627" s="10"/>
    </row>
    <row r="842628" spans="14:14">
      <c r="N842628" s="10"/>
    </row>
    <row r="842629" spans="14:14">
      <c r="N842629" s="10"/>
    </row>
    <row r="842630" spans="14:14">
      <c r="N842630" s="10"/>
    </row>
    <row r="842631" spans="14:14">
      <c r="N842631" s="10"/>
    </row>
    <row r="842632" spans="14:14">
      <c r="N842632" s="10"/>
    </row>
    <row r="842633" spans="14:14">
      <c r="N842633" s="10"/>
    </row>
    <row r="842634" spans="14:14">
      <c r="N842634" s="10"/>
    </row>
    <row r="842635" spans="14:14">
      <c r="N842635" s="10"/>
    </row>
    <row r="842636" spans="14:14">
      <c r="N842636" s="10"/>
    </row>
    <row r="842637" spans="14:14">
      <c r="N842637" s="10"/>
    </row>
    <row r="842638" spans="14:14">
      <c r="N842638" s="10"/>
    </row>
    <row r="842639" spans="14:14">
      <c r="N842639" s="10"/>
    </row>
    <row r="842640" spans="14:14">
      <c r="N842640" s="10"/>
    </row>
    <row r="842641" spans="14:14">
      <c r="N842641" s="10"/>
    </row>
    <row r="842642" spans="14:14">
      <c r="N842642" s="10"/>
    </row>
    <row r="842643" spans="14:14">
      <c r="N842643" s="10"/>
    </row>
    <row r="842644" spans="14:14">
      <c r="N842644" s="10"/>
    </row>
    <row r="842645" spans="14:14">
      <c r="N842645" s="10"/>
    </row>
    <row r="842646" spans="14:14">
      <c r="N842646" s="10"/>
    </row>
    <row r="842647" spans="14:14">
      <c r="N842647" s="10"/>
    </row>
    <row r="842648" spans="14:14">
      <c r="N842648" s="10"/>
    </row>
    <row r="842649" spans="14:14">
      <c r="N842649" s="10"/>
    </row>
    <row r="842650" spans="14:14">
      <c r="N842650" s="10"/>
    </row>
    <row r="842651" spans="14:14">
      <c r="N842651" s="10"/>
    </row>
    <row r="842652" spans="14:14">
      <c r="N842652" s="10"/>
    </row>
    <row r="842653" spans="14:14">
      <c r="N842653" s="10"/>
    </row>
    <row r="842654" spans="14:14">
      <c r="N842654" s="10"/>
    </row>
    <row r="842655" spans="14:14">
      <c r="N842655" s="10"/>
    </row>
    <row r="842656" spans="14:14">
      <c r="N842656" s="10"/>
    </row>
    <row r="842657" spans="14:14">
      <c r="N842657" s="10"/>
    </row>
    <row r="842658" spans="14:14">
      <c r="N842658" s="10"/>
    </row>
    <row r="842659" spans="14:14">
      <c r="N842659" s="10"/>
    </row>
    <row r="842660" spans="14:14">
      <c r="N842660" s="10"/>
    </row>
    <row r="842661" spans="14:14">
      <c r="N842661" s="10"/>
    </row>
    <row r="842662" spans="14:14">
      <c r="N842662" s="10"/>
    </row>
    <row r="842663" spans="14:14">
      <c r="N842663" s="10"/>
    </row>
    <row r="842664" spans="14:14">
      <c r="N842664" s="10"/>
    </row>
    <row r="842665" spans="14:14">
      <c r="N842665" s="10"/>
    </row>
    <row r="842666" spans="14:14">
      <c r="N842666" s="10"/>
    </row>
    <row r="842667" spans="14:14">
      <c r="N842667" s="10"/>
    </row>
    <row r="842668" spans="14:14">
      <c r="N842668" s="10"/>
    </row>
    <row r="842669" spans="14:14">
      <c r="N842669" s="10"/>
    </row>
    <row r="842670" spans="14:14">
      <c r="N842670" s="10"/>
    </row>
    <row r="842671" spans="14:14">
      <c r="N842671" s="10"/>
    </row>
    <row r="842672" spans="14:14">
      <c r="N842672" s="10"/>
    </row>
    <row r="842673" spans="14:14">
      <c r="N842673" s="10"/>
    </row>
    <row r="842674" spans="14:14">
      <c r="N842674" s="10"/>
    </row>
    <row r="842675" spans="14:14">
      <c r="N842675" s="10"/>
    </row>
    <row r="842676" spans="14:14">
      <c r="N842676" s="10"/>
    </row>
    <row r="842677" spans="14:14">
      <c r="N842677" s="10"/>
    </row>
    <row r="842678" spans="14:14">
      <c r="N842678" s="10"/>
    </row>
    <row r="842679" spans="14:14">
      <c r="N842679" s="10"/>
    </row>
    <row r="842680" spans="14:14">
      <c r="N842680" s="10"/>
    </row>
    <row r="842681" spans="14:14">
      <c r="N842681" s="10"/>
    </row>
    <row r="842682" spans="14:14">
      <c r="N842682" s="10"/>
    </row>
    <row r="842683" spans="14:14">
      <c r="N842683" s="10"/>
    </row>
    <row r="842684" spans="14:14">
      <c r="N842684" s="10"/>
    </row>
    <row r="842685" spans="14:14">
      <c r="N842685" s="10"/>
    </row>
    <row r="842686" spans="14:14">
      <c r="N842686" s="10"/>
    </row>
    <row r="842687" spans="14:14">
      <c r="N842687" s="10"/>
    </row>
    <row r="842688" spans="14:14">
      <c r="N842688" s="10"/>
    </row>
    <row r="842689" spans="14:14">
      <c r="N842689" s="10"/>
    </row>
    <row r="842690" spans="14:14">
      <c r="N842690" s="10"/>
    </row>
    <row r="842691" spans="14:14">
      <c r="N842691" s="10"/>
    </row>
    <row r="842692" spans="14:14">
      <c r="N842692" s="10"/>
    </row>
    <row r="842693" spans="14:14">
      <c r="N842693" s="10"/>
    </row>
    <row r="842694" spans="14:14">
      <c r="N842694" s="10"/>
    </row>
    <row r="842695" spans="14:14">
      <c r="N842695" s="10"/>
    </row>
    <row r="842696" spans="14:14">
      <c r="N842696" s="10"/>
    </row>
    <row r="842697" spans="14:14">
      <c r="N842697" s="10"/>
    </row>
    <row r="842698" spans="14:14">
      <c r="N842698" s="10"/>
    </row>
    <row r="842699" spans="14:14">
      <c r="N842699" s="10"/>
    </row>
    <row r="842700" spans="14:14">
      <c r="N842700" s="10"/>
    </row>
    <row r="842701" spans="14:14">
      <c r="N842701" s="10"/>
    </row>
    <row r="842702" spans="14:14">
      <c r="N842702" s="10"/>
    </row>
    <row r="842703" spans="14:14">
      <c r="N842703" s="10"/>
    </row>
    <row r="842704" spans="14:14">
      <c r="N842704" s="10"/>
    </row>
    <row r="842705" spans="14:14">
      <c r="N842705" s="10"/>
    </row>
    <row r="842706" spans="14:14">
      <c r="N842706" s="10"/>
    </row>
    <row r="842707" spans="14:14">
      <c r="N842707" s="10"/>
    </row>
    <row r="842708" spans="14:14">
      <c r="N842708" s="10"/>
    </row>
    <row r="842709" spans="14:14">
      <c r="N842709" s="10"/>
    </row>
    <row r="842710" spans="14:14">
      <c r="N842710" s="10"/>
    </row>
    <row r="842711" spans="14:14">
      <c r="N842711" s="10"/>
    </row>
    <row r="842712" spans="14:14">
      <c r="N842712" s="10"/>
    </row>
    <row r="842713" spans="14:14">
      <c r="N842713" s="10"/>
    </row>
    <row r="842714" spans="14:14">
      <c r="N842714" s="10"/>
    </row>
    <row r="842715" spans="14:14">
      <c r="N842715" s="10"/>
    </row>
    <row r="842716" spans="14:14">
      <c r="N842716" s="10"/>
    </row>
    <row r="842717" spans="14:14">
      <c r="N842717" s="10"/>
    </row>
    <row r="842718" spans="14:14">
      <c r="N842718" s="10"/>
    </row>
    <row r="842719" spans="14:14">
      <c r="N842719" s="10"/>
    </row>
    <row r="842720" spans="14:14">
      <c r="N842720" s="10"/>
    </row>
    <row r="842721" spans="14:14">
      <c r="N842721" s="10"/>
    </row>
    <row r="842722" spans="14:14">
      <c r="N842722" s="10"/>
    </row>
    <row r="842723" spans="14:14">
      <c r="N842723" s="10"/>
    </row>
    <row r="842724" spans="14:14">
      <c r="N842724" s="10"/>
    </row>
    <row r="842725" spans="14:14">
      <c r="N842725" s="10"/>
    </row>
    <row r="842726" spans="14:14">
      <c r="N842726" s="10"/>
    </row>
    <row r="842727" spans="14:14">
      <c r="N842727" s="10"/>
    </row>
    <row r="842728" spans="14:14">
      <c r="N842728" s="10"/>
    </row>
    <row r="842729" spans="14:14">
      <c r="N842729" s="10"/>
    </row>
    <row r="842730" spans="14:14">
      <c r="N842730" s="10"/>
    </row>
    <row r="842731" spans="14:14">
      <c r="N842731" s="10"/>
    </row>
    <row r="842732" spans="14:14">
      <c r="N842732" s="10"/>
    </row>
    <row r="842733" spans="14:14">
      <c r="N842733" s="10"/>
    </row>
    <row r="842734" spans="14:14">
      <c r="N842734" s="10"/>
    </row>
    <row r="842735" spans="14:14">
      <c r="N842735" s="10"/>
    </row>
    <row r="842736" spans="14:14">
      <c r="N842736" s="10"/>
    </row>
    <row r="842737" spans="14:14">
      <c r="N842737" s="10"/>
    </row>
    <row r="842738" spans="14:14">
      <c r="N842738" s="10"/>
    </row>
    <row r="842739" spans="14:14">
      <c r="N842739" s="10"/>
    </row>
    <row r="842740" spans="14:14">
      <c r="N842740" s="10"/>
    </row>
    <row r="842741" spans="14:14">
      <c r="N842741" s="10"/>
    </row>
    <row r="842742" spans="14:14">
      <c r="N842742" s="10"/>
    </row>
    <row r="842743" spans="14:14">
      <c r="N842743" s="10"/>
    </row>
    <row r="842744" spans="14:14">
      <c r="N842744" s="10"/>
    </row>
    <row r="842745" spans="14:14">
      <c r="N842745" s="10"/>
    </row>
    <row r="842746" spans="14:14">
      <c r="N842746" s="10"/>
    </row>
    <row r="842747" spans="14:14">
      <c r="N842747" s="10"/>
    </row>
    <row r="842748" spans="14:14">
      <c r="N842748" s="10"/>
    </row>
    <row r="842749" spans="14:14">
      <c r="N842749" s="10"/>
    </row>
    <row r="842750" spans="14:14">
      <c r="N842750" s="10"/>
    </row>
    <row r="842751" spans="14:14">
      <c r="N842751" s="10"/>
    </row>
    <row r="842752" spans="14:14">
      <c r="N842752" s="10"/>
    </row>
    <row r="842753" spans="14:14">
      <c r="N842753" s="10"/>
    </row>
    <row r="842754" spans="14:14">
      <c r="N842754" s="10"/>
    </row>
    <row r="842755" spans="14:14">
      <c r="N842755" s="10"/>
    </row>
    <row r="842756" spans="14:14">
      <c r="N842756" s="10"/>
    </row>
    <row r="842757" spans="14:14">
      <c r="N842757" s="10"/>
    </row>
    <row r="842758" spans="14:14">
      <c r="N842758" s="10"/>
    </row>
    <row r="842759" spans="14:14">
      <c r="N842759" s="10"/>
    </row>
    <row r="842760" spans="14:14">
      <c r="N842760" s="10"/>
    </row>
    <row r="842761" spans="14:14">
      <c r="N842761" s="10"/>
    </row>
    <row r="842762" spans="14:14">
      <c r="N842762" s="10"/>
    </row>
    <row r="842763" spans="14:14">
      <c r="N842763" s="10"/>
    </row>
    <row r="842764" spans="14:14">
      <c r="N842764" s="10"/>
    </row>
    <row r="842765" spans="14:14">
      <c r="N842765" s="10"/>
    </row>
    <row r="842766" spans="14:14">
      <c r="N842766" s="10"/>
    </row>
    <row r="842767" spans="14:14">
      <c r="N842767" s="10"/>
    </row>
    <row r="842768" spans="14:14">
      <c r="N842768" s="10"/>
    </row>
    <row r="842769" spans="14:14">
      <c r="N842769" s="10"/>
    </row>
    <row r="842770" spans="14:14">
      <c r="N842770" s="10"/>
    </row>
    <row r="842771" spans="14:14">
      <c r="N842771" s="10"/>
    </row>
    <row r="842772" spans="14:14">
      <c r="N842772" s="10"/>
    </row>
    <row r="842773" spans="14:14">
      <c r="N842773" s="10"/>
    </row>
    <row r="842774" spans="14:14">
      <c r="N842774" s="10"/>
    </row>
    <row r="842775" spans="14:14">
      <c r="N842775" s="10"/>
    </row>
    <row r="842776" spans="14:14">
      <c r="N842776" s="10"/>
    </row>
    <row r="842777" spans="14:14">
      <c r="N842777" s="10"/>
    </row>
    <row r="842778" spans="14:14">
      <c r="N842778" s="10"/>
    </row>
    <row r="842779" spans="14:14">
      <c r="N842779" s="10"/>
    </row>
    <row r="842780" spans="14:14">
      <c r="N842780" s="10"/>
    </row>
    <row r="842781" spans="14:14">
      <c r="N842781" s="10"/>
    </row>
    <row r="842782" spans="14:14">
      <c r="N842782" s="10"/>
    </row>
    <row r="842783" spans="14:14">
      <c r="N842783" s="10"/>
    </row>
    <row r="842784" spans="14:14">
      <c r="N842784" s="10"/>
    </row>
    <row r="842785" spans="14:14">
      <c r="N842785" s="10"/>
    </row>
    <row r="842786" spans="14:14">
      <c r="N842786" s="10"/>
    </row>
    <row r="842787" spans="14:14">
      <c r="N842787" s="10"/>
    </row>
    <row r="842788" spans="14:14">
      <c r="N842788" s="10"/>
    </row>
    <row r="842789" spans="14:14">
      <c r="N842789" s="10"/>
    </row>
    <row r="842790" spans="14:14">
      <c r="N842790" s="10"/>
    </row>
    <row r="842791" spans="14:14">
      <c r="N842791" s="10"/>
    </row>
    <row r="842792" spans="14:14">
      <c r="N842792" s="10"/>
    </row>
    <row r="842793" spans="14:14">
      <c r="N842793" s="10"/>
    </row>
    <row r="842794" spans="14:14">
      <c r="N842794" s="10"/>
    </row>
    <row r="842795" spans="14:14">
      <c r="N842795" s="10"/>
    </row>
    <row r="842796" spans="14:14">
      <c r="N842796" s="10"/>
    </row>
    <row r="842797" spans="14:14">
      <c r="N842797" s="10"/>
    </row>
    <row r="842798" spans="14:14">
      <c r="N842798" s="10"/>
    </row>
    <row r="842799" spans="14:14">
      <c r="N842799" s="10"/>
    </row>
    <row r="842800" spans="14:14">
      <c r="N842800" s="10"/>
    </row>
    <row r="842801" spans="14:14">
      <c r="N842801" s="10"/>
    </row>
    <row r="842802" spans="14:14">
      <c r="N842802" s="10"/>
    </row>
    <row r="842803" spans="14:14">
      <c r="N842803" s="10"/>
    </row>
    <row r="842804" spans="14:14">
      <c r="N842804" s="10"/>
    </row>
    <row r="842805" spans="14:14">
      <c r="N842805" s="10"/>
    </row>
    <row r="842806" spans="14:14">
      <c r="N842806" s="10"/>
    </row>
    <row r="842807" spans="14:14">
      <c r="N842807" s="10"/>
    </row>
    <row r="842808" spans="14:14">
      <c r="N842808" s="10"/>
    </row>
    <row r="842809" spans="14:14">
      <c r="N842809" s="10"/>
    </row>
    <row r="842810" spans="14:14">
      <c r="N842810" s="10"/>
    </row>
    <row r="842811" spans="14:14">
      <c r="N842811" s="10"/>
    </row>
    <row r="842812" spans="14:14">
      <c r="N842812" s="10"/>
    </row>
    <row r="842813" spans="14:14">
      <c r="N842813" s="10"/>
    </row>
    <row r="842814" spans="14:14">
      <c r="N842814" s="10"/>
    </row>
    <row r="842815" spans="14:14">
      <c r="N842815" s="10"/>
    </row>
    <row r="842816" spans="14:14">
      <c r="N842816" s="10"/>
    </row>
    <row r="842817" spans="14:14">
      <c r="N842817" s="10"/>
    </row>
    <row r="842818" spans="14:14">
      <c r="N842818" s="10"/>
    </row>
    <row r="842819" spans="14:14">
      <c r="N842819" s="10"/>
    </row>
    <row r="842820" spans="14:14">
      <c r="N842820" s="10"/>
    </row>
    <row r="842821" spans="14:14">
      <c r="N842821" s="10"/>
    </row>
    <row r="842822" spans="14:14">
      <c r="N842822" s="10"/>
    </row>
    <row r="842823" spans="14:14">
      <c r="N842823" s="10"/>
    </row>
    <row r="842824" spans="14:14">
      <c r="N842824" s="10"/>
    </row>
    <row r="842825" spans="14:14">
      <c r="N842825" s="10"/>
    </row>
    <row r="842826" spans="14:14">
      <c r="N842826" s="10"/>
    </row>
    <row r="842827" spans="14:14">
      <c r="N842827" s="10"/>
    </row>
    <row r="842828" spans="14:14">
      <c r="N842828" s="10"/>
    </row>
    <row r="842829" spans="14:14">
      <c r="N842829" s="10"/>
    </row>
    <row r="842830" spans="14:14">
      <c r="N842830" s="10"/>
    </row>
    <row r="842831" spans="14:14">
      <c r="N842831" s="10"/>
    </row>
    <row r="842832" spans="14:14">
      <c r="N842832" s="10"/>
    </row>
    <row r="842833" spans="14:14">
      <c r="N842833" s="10"/>
    </row>
    <row r="842834" spans="14:14">
      <c r="N842834" s="10"/>
    </row>
    <row r="842835" spans="14:14">
      <c r="N842835" s="10"/>
    </row>
    <row r="842836" spans="14:14">
      <c r="N842836" s="10"/>
    </row>
    <row r="842837" spans="14:14">
      <c r="N842837" s="10"/>
    </row>
    <row r="842838" spans="14:14">
      <c r="N842838" s="10"/>
    </row>
    <row r="842839" spans="14:14">
      <c r="N842839" s="10"/>
    </row>
    <row r="842840" spans="14:14">
      <c r="N842840" s="10"/>
    </row>
    <row r="842841" spans="14:14">
      <c r="N842841" s="10"/>
    </row>
    <row r="842842" spans="14:14">
      <c r="N842842" s="10"/>
    </row>
    <row r="842843" spans="14:14">
      <c r="N842843" s="10"/>
    </row>
    <row r="842844" spans="14:14">
      <c r="N842844" s="10"/>
    </row>
    <row r="842845" spans="14:14">
      <c r="N842845" s="10"/>
    </row>
    <row r="842846" spans="14:14">
      <c r="N842846" s="10"/>
    </row>
    <row r="842847" spans="14:14">
      <c r="N842847" s="10"/>
    </row>
    <row r="842848" spans="14:14">
      <c r="N842848" s="10"/>
    </row>
    <row r="842849" spans="14:14">
      <c r="N842849" s="10"/>
    </row>
    <row r="842850" spans="14:14">
      <c r="N842850" s="10"/>
    </row>
    <row r="842851" spans="14:14">
      <c r="N842851" s="10"/>
    </row>
    <row r="842852" spans="14:14">
      <c r="N842852" s="10"/>
    </row>
    <row r="842853" spans="14:14">
      <c r="N842853" s="10"/>
    </row>
    <row r="842854" spans="14:14">
      <c r="N842854" s="10"/>
    </row>
    <row r="842855" spans="14:14">
      <c r="N842855" s="10"/>
    </row>
    <row r="842856" spans="14:14">
      <c r="N842856" s="10"/>
    </row>
    <row r="842857" spans="14:14">
      <c r="N842857" s="10"/>
    </row>
    <row r="842858" spans="14:14">
      <c r="N842858" s="10"/>
    </row>
    <row r="842859" spans="14:14">
      <c r="N842859" s="10"/>
    </row>
    <row r="842860" spans="14:14">
      <c r="N842860" s="10"/>
    </row>
    <row r="842861" spans="14:14">
      <c r="N842861" s="10"/>
    </row>
    <row r="842862" spans="14:14">
      <c r="N842862" s="10"/>
    </row>
    <row r="842863" spans="14:14">
      <c r="N842863" s="10"/>
    </row>
    <row r="842864" spans="14:14">
      <c r="N842864" s="10"/>
    </row>
    <row r="842865" spans="14:14">
      <c r="N842865" s="10"/>
    </row>
    <row r="842866" spans="14:14">
      <c r="N842866" s="10"/>
    </row>
    <row r="842867" spans="14:14">
      <c r="N842867" s="10"/>
    </row>
    <row r="842868" spans="14:14">
      <c r="N842868" s="10"/>
    </row>
    <row r="842869" spans="14:14">
      <c r="N842869" s="10"/>
    </row>
    <row r="842870" spans="14:14">
      <c r="N842870" s="10"/>
    </row>
    <row r="842871" spans="14:14">
      <c r="N842871" s="10"/>
    </row>
    <row r="842872" spans="14:14">
      <c r="N842872" s="10"/>
    </row>
    <row r="842873" spans="14:14">
      <c r="N842873" s="10"/>
    </row>
    <row r="842874" spans="14:14">
      <c r="N842874" s="10"/>
    </row>
    <row r="842875" spans="14:14">
      <c r="N842875" s="10"/>
    </row>
    <row r="842876" spans="14:14">
      <c r="N842876" s="10"/>
    </row>
    <row r="842877" spans="14:14">
      <c r="N842877" s="10"/>
    </row>
    <row r="842878" spans="14:14">
      <c r="N842878" s="10"/>
    </row>
    <row r="842879" spans="14:14">
      <c r="N842879" s="10"/>
    </row>
    <row r="842880" spans="14:14">
      <c r="N842880" s="10"/>
    </row>
    <row r="842881" spans="14:14">
      <c r="N842881" s="10"/>
    </row>
    <row r="842882" spans="14:14">
      <c r="N842882" s="10"/>
    </row>
    <row r="842883" spans="14:14">
      <c r="N842883" s="10"/>
    </row>
    <row r="842884" spans="14:14">
      <c r="N842884" s="10"/>
    </row>
    <row r="842885" spans="14:14">
      <c r="N842885" s="10"/>
    </row>
    <row r="842886" spans="14:14">
      <c r="N842886" s="10"/>
    </row>
    <row r="842887" spans="14:14">
      <c r="N842887" s="10"/>
    </row>
    <row r="842888" spans="14:14">
      <c r="N842888" s="10"/>
    </row>
    <row r="842889" spans="14:14">
      <c r="N842889" s="10"/>
    </row>
    <row r="842890" spans="14:14">
      <c r="N842890" s="10"/>
    </row>
    <row r="842891" spans="14:14">
      <c r="N842891" s="10"/>
    </row>
    <row r="842892" spans="14:14">
      <c r="N842892" s="10"/>
    </row>
    <row r="842893" spans="14:14">
      <c r="N842893" s="10"/>
    </row>
    <row r="842894" spans="14:14">
      <c r="N842894" s="10"/>
    </row>
    <row r="842895" spans="14:14">
      <c r="N842895" s="10"/>
    </row>
    <row r="842896" spans="14:14">
      <c r="N842896" s="10"/>
    </row>
    <row r="842897" spans="14:14">
      <c r="N842897" s="10"/>
    </row>
    <row r="842898" spans="14:14">
      <c r="N842898" s="10"/>
    </row>
    <row r="842899" spans="14:14">
      <c r="N842899" s="10"/>
    </row>
    <row r="842900" spans="14:14">
      <c r="N842900" s="10"/>
    </row>
    <row r="842901" spans="14:14">
      <c r="N842901" s="10"/>
    </row>
    <row r="842902" spans="14:14">
      <c r="N842902" s="10"/>
    </row>
    <row r="842903" spans="14:14">
      <c r="N842903" s="10"/>
    </row>
    <row r="842904" spans="14:14">
      <c r="N842904" s="10"/>
    </row>
    <row r="842905" spans="14:14">
      <c r="N842905" s="10"/>
    </row>
    <row r="842906" spans="14:14">
      <c r="N842906" s="10"/>
    </row>
    <row r="842907" spans="14:14">
      <c r="N842907" s="10"/>
    </row>
    <row r="842908" spans="14:14">
      <c r="N842908" s="10"/>
    </row>
    <row r="842909" spans="14:14">
      <c r="N842909" s="10"/>
    </row>
    <row r="842910" spans="14:14">
      <c r="N842910" s="10"/>
    </row>
    <row r="842911" spans="14:14">
      <c r="N842911" s="10"/>
    </row>
    <row r="842912" spans="14:14">
      <c r="N842912" s="10"/>
    </row>
    <row r="842913" spans="14:14">
      <c r="N842913" s="10"/>
    </row>
    <row r="842914" spans="14:14">
      <c r="N842914" s="10"/>
    </row>
    <row r="842915" spans="14:14">
      <c r="N842915" s="10"/>
    </row>
    <row r="842916" spans="14:14">
      <c r="N842916" s="10"/>
    </row>
    <row r="842917" spans="14:14">
      <c r="N842917" s="10"/>
    </row>
    <row r="842918" spans="14:14">
      <c r="N842918" s="10"/>
    </row>
    <row r="842919" spans="14:14">
      <c r="N842919" s="10"/>
    </row>
    <row r="842920" spans="14:14">
      <c r="N842920" s="10"/>
    </row>
    <row r="842921" spans="14:14">
      <c r="N842921" s="10"/>
    </row>
    <row r="842922" spans="14:14">
      <c r="N842922" s="10"/>
    </row>
    <row r="842923" spans="14:14">
      <c r="N842923" s="10"/>
    </row>
    <row r="842924" spans="14:14">
      <c r="N842924" s="10"/>
    </row>
    <row r="842925" spans="14:14">
      <c r="N842925" s="10"/>
    </row>
    <row r="842926" spans="14:14">
      <c r="N842926" s="10"/>
    </row>
    <row r="842927" spans="14:14">
      <c r="N842927" s="10"/>
    </row>
    <row r="842928" spans="14:14">
      <c r="N842928" s="10"/>
    </row>
    <row r="842929" spans="14:14">
      <c r="N842929" s="10"/>
    </row>
    <row r="842930" spans="14:14">
      <c r="N842930" s="10"/>
    </row>
    <row r="842931" spans="14:14">
      <c r="N842931" s="10"/>
    </row>
    <row r="842932" spans="14:14">
      <c r="N842932" s="10"/>
    </row>
    <row r="842933" spans="14:14">
      <c r="N842933" s="10"/>
    </row>
    <row r="842934" spans="14:14">
      <c r="N842934" s="10"/>
    </row>
    <row r="842935" spans="14:14">
      <c r="N842935" s="10"/>
    </row>
    <row r="842936" spans="14:14">
      <c r="N842936" s="10"/>
    </row>
    <row r="842937" spans="14:14">
      <c r="N842937" s="10"/>
    </row>
    <row r="842938" spans="14:14">
      <c r="N842938" s="10"/>
    </row>
    <row r="842939" spans="14:14">
      <c r="N842939" s="10"/>
    </row>
    <row r="842940" spans="14:14">
      <c r="N842940" s="10"/>
    </row>
    <row r="842941" spans="14:14">
      <c r="N842941" s="10"/>
    </row>
    <row r="842942" spans="14:14">
      <c r="N842942" s="10"/>
    </row>
    <row r="842943" spans="14:14">
      <c r="N842943" s="10"/>
    </row>
    <row r="842944" spans="14:14">
      <c r="N842944" s="10"/>
    </row>
    <row r="842945" spans="14:14">
      <c r="N842945" s="10"/>
    </row>
    <row r="842946" spans="14:14">
      <c r="N842946" s="10"/>
    </row>
    <row r="842947" spans="14:14">
      <c r="N842947" s="10"/>
    </row>
    <row r="842948" spans="14:14">
      <c r="N842948" s="10"/>
    </row>
    <row r="842949" spans="14:14">
      <c r="N842949" s="10"/>
    </row>
    <row r="842950" spans="14:14">
      <c r="N842950" s="10"/>
    </row>
    <row r="842951" spans="14:14">
      <c r="N842951" s="10"/>
    </row>
    <row r="842952" spans="14:14">
      <c r="N842952" s="10"/>
    </row>
    <row r="842953" spans="14:14">
      <c r="N842953" s="10"/>
    </row>
    <row r="842954" spans="14:14">
      <c r="N842954" s="10"/>
    </row>
    <row r="842955" spans="14:14">
      <c r="N842955" s="10"/>
    </row>
    <row r="842956" spans="14:14">
      <c r="N842956" s="10"/>
    </row>
    <row r="842957" spans="14:14">
      <c r="N842957" s="10"/>
    </row>
    <row r="842958" spans="14:14">
      <c r="N842958" s="10"/>
    </row>
    <row r="842959" spans="14:14">
      <c r="N842959" s="10"/>
    </row>
    <row r="842960" spans="14:14">
      <c r="N842960" s="10"/>
    </row>
    <row r="842961" spans="14:14">
      <c r="N842961" s="10"/>
    </row>
    <row r="842962" spans="14:14">
      <c r="N842962" s="10"/>
    </row>
    <row r="842963" spans="14:14">
      <c r="N842963" s="10"/>
    </row>
    <row r="842964" spans="14:14">
      <c r="N842964" s="10"/>
    </row>
    <row r="842965" spans="14:14">
      <c r="N842965" s="10"/>
    </row>
    <row r="842966" spans="14:14">
      <c r="N842966" s="10"/>
    </row>
    <row r="842967" spans="14:14">
      <c r="N842967" s="10"/>
    </row>
    <row r="842968" spans="14:14">
      <c r="N842968" s="10"/>
    </row>
    <row r="842969" spans="14:14">
      <c r="N842969" s="10"/>
    </row>
    <row r="842970" spans="14:14">
      <c r="N842970" s="10"/>
    </row>
    <row r="842971" spans="14:14">
      <c r="N842971" s="10"/>
    </row>
    <row r="842972" spans="14:14">
      <c r="N842972" s="10"/>
    </row>
    <row r="842973" spans="14:14">
      <c r="N842973" s="10"/>
    </row>
    <row r="842974" spans="14:14">
      <c r="N842974" s="10"/>
    </row>
    <row r="842975" spans="14:14">
      <c r="N842975" s="10"/>
    </row>
    <row r="842976" spans="14:14">
      <c r="N842976" s="10"/>
    </row>
    <row r="842977" spans="14:14">
      <c r="N842977" s="10"/>
    </row>
    <row r="842978" spans="14:14">
      <c r="N842978" s="10"/>
    </row>
    <row r="842979" spans="14:14">
      <c r="N842979" s="10"/>
    </row>
    <row r="842980" spans="14:14">
      <c r="N842980" s="10"/>
    </row>
    <row r="842981" spans="14:14">
      <c r="N842981" s="10"/>
    </row>
    <row r="842982" spans="14:14">
      <c r="N842982" s="10"/>
    </row>
    <row r="842983" spans="14:14">
      <c r="N842983" s="10"/>
    </row>
    <row r="842984" spans="14:14">
      <c r="N842984" s="10"/>
    </row>
    <row r="842985" spans="14:14">
      <c r="N842985" s="10"/>
    </row>
    <row r="842986" spans="14:14">
      <c r="N842986" s="10"/>
    </row>
    <row r="842987" spans="14:14">
      <c r="N842987" s="10"/>
    </row>
    <row r="842988" spans="14:14">
      <c r="N842988" s="10"/>
    </row>
    <row r="842989" spans="14:14">
      <c r="N842989" s="10"/>
    </row>
    <row r="842990" spans="14:14">
      <c r="N842990" s="10"/>
    </row>
    <row r="842991" spans="14:14">
      <c r="N842991" s="10"/>
    </row>
    <row r="842992" spans="14:14">
      <c r="N842992" s="10"/>
    </row>
    <row r="842993" spans="14:14">
      <c r="N842993" s="10"/>
    </row>
    <row r="842994" spans="14:14">
      <c r="N842994" s="10"/>
    </row>
    <row r="842995" spans="14:14">
      <c r="N842995" s="10"/>
    </row>
    <row r="842996" spans="14:14">
      <c r="N842996" s="10"/>
    </row>
    <row r="842997" spans="14:14">
      <c r="N842997" s="10"/>
    </row>
    <row r="842998" spans="14:14">
      <c r="N842998" s="10"/>
    </row>
    <row r="842999" spans="14:14">
      <c r="N842999" s="10"/>
    </row>
    <row r="843000" spans="14:14">
      <c r="N843000" s="10"/>
    </row>
    <row r="843001" spans="14:14">
      <c r="N843001" s="10"/>
    </row>
    <row r="843002" spans="14:14">
      <c r="N843002" s="10"/>
    </row>
    <row r="843003" spans="14:14">
      <c r="N843003" s="10"/>
    </row>
    <row r="843004" spans="14:14">
      <c r="N843004" s="10"/>
    </row>
    <row r="843005" spans="14:14">
      <c r="N843005" s="10"/>
    </row>
    <row r="843006" spans="14:14">
      <c r="N843006" s="10"/>
    </row>
    <row r="843007" spans="14:14">
      <c r="N843007" s="10"/>
    </row>
    <row r="843008" spans="14:14">
      <c r="N843008" s="10"/>
    </row>
    <row r="843009" spans="14:14">
      <c r="N843009" s="10"/>
    </row>
    <row r="843010" spans="14:14">
      <c r="N843010" s="10"/>
    </row>
    <row r="843011" spans="14:14">
      <c r="N843011" s="10"/>
    </row>
    <row r="843012" spans="14:14">
      <c r="N843012" s="10"/>
    </row>
    <row r="843013" spans="14:14">
      <c r="N843013" s="10"/>
    </row>
    <row r="843014" spans="14:14">
      <c r="N843014" s="10"/>
    </row>
    <row r="843015" spans="14:14">
      <c r="N843015" s="10"/>
    </row>
    <row r="843016" spans="14:14">
      <c r="N843016" s="10"/>
    </row>
    <row r="843017" spans="14:14">
      <c r="N843017" s="10"/>
    </row>
    <row r="843018" spans="14:14">
      <c r="N843018" s="10"/>
    </row>
    <row r="843019" spans="14:14">
      <c r="N843019" s="10"/>
    </row>
    <row r="843020" spans="14:14">
      <c r="N843020" s="10"/>
    </row>
    <row r="843021" spans="14:14">
      <c r="N843021" s="10"/>
    </row>
    <row r="843022" spans="14:14">
      <c r="N843022" s="10"/>
    </row>
    <row r="843023" spans="14:14">
      <c r="N843023" s="10"/>
    </row>
    <row r="843024" spans="14:14">
      <c r="N843024" s="10"/>
    </row>
    <row r="843025" spans="14:14">
      <c r="N843025" s="10"/>
    </row>
    <row r="843026" spans="14:14">
      <c r="N843026" s="10"/>
    </row>
    <row r="843027" spans="14:14">
      <c r="N843027" s="10"/>
    </row>
    <row r="843028" spans="14:14">
      <c r="N843028" s="10"/>
    </row>
    <row r="843029" spans="14:14">
      <c r="N843029" s="10"/>
    </row>
    <row r="843030" spans="14:14">
      <c r="N843030" s="10"/>
    </row>
    <row r="843031" spans="14:14">
      <c r="N843031" s="10"/>
    </row>
    <row r="843032" spans="14:14">
      <c r="N843032" s="10"/>
    </row>
    <row r="843033" spans="14:14">
      <c r="N843033" s="10"/>
    </row>
    <row r="843034" spans="14:14">
      <c r="N843034" s="10"/>
    </row>
    <row r="843035" spans="14:14">
      <c r="N843035" s="10"/>
    </row>
    <row r="843036" spans="14:14">
      <c r="N843036" s="10"/>
    </row>
    <row r="843037" spans="14:14">
      <c r="N843037" s="10"/>
    </row>
    <row r="843038" spans="14:14">
      <c r="N843038" s="10"/>
    </row>
    <row r="843039" spans="14:14">
      <c r="N843039" s="10"/>
    </row>
    <row r="843040" spans="14:14">
      <c r="N843040" s="10"/>
    </row>
    <row r="843041" spans="14:14">
      <c r="N843041" s="10"/>
    </row>
    <row r="843042" spans="14:14">
      <c r="N843042" s="10"/>
    </row>
    <row r="843043" spans="14:14">
      <c r="N843043" s="10"/>
    </row>
    <row r="843044" spans="14:14">
      <c r="N843044" s="10"/>
    </row>
    <row r="843045" spans="14:14">
      <c r="N843045" s="10"/>
    </row>
    <row r="843046" spans="14:14">
      <c r="N843046" s="10"/>
    </row>
    <row r="843047" spans="14:14">
      <c r="N843047" s="10"/>
    </row>
    <row r="843048" spans="14:14">
      <c r="N843048" s="10"/>
    </row>
    <row r="843049" spans="14:14">
      <c r="N843049" s="10"/>
    </row>
    <row r="843050" spans="14:14">
      <c r="N843050" s="10"/>
    </row>
    <row r="843051" spans="14:14">
      <c r="N843051" s="10"/>
    </row>
    <row r="843052" spans="14:14">
      <c r="N843052" s="10"/>
    </row>
    <row r="843053" spans="14:14">
      <c r="N843053" s="10"/>
    </row>
    <row r="843054" spans="14:14">
      <c r="N843054" s="10"/>
    </row>
    <row r="843055" spans="14:14">
      <c r="N843055" s="10"/>
    </row>
    <row r="843056" spans="14:14">
      <c r="N843056" s="10"/>
    </row>
    <row r="843057" spans="14:14">
      <c r="N843057" s="10"/>
    </row>
    <row r="843058" spans="14:14">
      <c r="N843058" s="10"/>
    </row>
    <row r="843059" spans="14:14">
      <c r="N843059" s="10"/>
    </row>
    <row r="843060" spans="14:14">
      <c r="N843060" s="10"/>
    </row>
    <row r="843061" spans="14:14">
      <c r="N843061" s="10"/>
    </row>
    <row r="843062" spans="14:14">
      <c r="N843062" s="10"/>
    </row>
    <row r="843063" spans="14:14">
      <c r="N843063" s="10"/>
    </row>
    <row r="843064" spans="14:14">
      <c r="N843064" s="10"/>
    </row>
    <row r="843065" spans="14:14">
      <c r="N843065" s="10"/>
    </row>
    <row r="843066" spans="14:14">
      <c r="N843066" s="10"/>
    </row>
    <row r="843067" spans="14:14">
      <c r="N843067" s="10"/>
    </row>
    <row r="843068" spans="14:14">
      <c r="N843068" s="10"/>
    </row>
    <row r="843069" spans="14:14">
      <c r="N843069" s="10"/>
    </row>
    <row r="843070" spans="14:14">
      <c r="N843070" s="10"/>
    </row>
    <row r="843071" spans="14:14">
      <c r="N843071" s="10"/>
    </row>
    <row r="843072" spans="14:14">
      <c r="N843072" s="10"/>
    </row>
    <row r="843073" spans="14:14">
      <c r="N843073" s="10"/>
    </row>
    <row r="843074" spans="14:14">
      <c r="N843074" s="10"/>
    </row>
    <row r="843075" spans="14:14">
      <c r="N843075" s="10"/>
    </row>
    <row r="843076" spans="14:14">
      <c r="N843076" s="10"/>
    </row>
    <row r="843077" spans="14:14">
      <c r="N843077" s="10"/>
    </row>
    <row r="843078" spans="14:14">
      <c r="N843078" s="10"/>
    </row>
    <row r="843079" spans="14:14">
      <c r="N843079" s="10"/>
    </row>
    <row r="843080" spans="14:14">
      <c r="N843080" s="10"/>
    </row>
    <row r="843081" spans="14:14">
      <c r="N843081" s="10"/>
    </row>
    <row r="843082" spans="14:14">
      <c r="N843082" s="10"/>
    </row>
    <row r="843083" spans="14:14">
      <c r="N843083" s="10"/>
    </row>
    <row r="843084" spans="14:14">
      <c r="N843084" s="10"/>
    </row>
    <row r="843085" spans="14:14">
      <c r="N843085" s="10"/>
    </row>
    <row r="843086" spans="14:14">
      <c r="N843086" s="10"/>
    </row>
    <row r="843087" spans="14:14">
      <c r="N843087" s="10"/>
    </row>
    <row r="843088" spans="14:14">
      <c r="N843088" s="10"/>
    </row>
    <row r="843089" spans="14:14">
      <c r="N843089" s="10"/>
    </row>
    <row r="843090" spans="14:14">
      <c r="N843090" s="10"/>
    </row>
    <row r="843091" spans="14:14">
      <c r="N843091" s="10"/>
    </row>
    <row r="843092" spans="14:14">
      <c r="N843092" s="10"/>
    </row>
    <row r="843093" spans="14:14">
      <c r="N843093" s="10"/>
    </row>
    <row r="843094" spans="14:14">
      <c r="N843094" s="10"/>
    </row>
    <row r="843095" spans="14:14">
      <c r="N843095" s="10"/>
    </row>
    <row r="843096" spans="14:14">
      <c r="N843096" s="10"/>
    </row>
    <row r="843097" spans="14:14">
      <c r="N843097" s="10"/>
    </row>
    <row r="843098" spans="14:14">
      <c r="N843098" s="10"/>
    </row>
    <row r="843099" spans="14:14">
      <c r="N843099" s="10"/>
    </row>
    <row r="843100" spans="14:14">
      <c r="N843100" s="10"/>
    </row>
    <row r="843101" spans="14:14">
      <c r="N843101" s="10"/>
    </row>
    <row r="843102" spans="14:14">
      <c r="N843102" s="10"/>
    </row>
    <row r="843103" spans="14:14">
      <c r="N843103" s="10"/>
    </row>
    <row r="843104" spans="14:14">
      <c r="N843104" s="10"/>
    </row>
    <row r="843105" spans="14:14">
      <c r="N843105" s="10"/>
    </row>
    <row r="843106" spans="14:14">
      <c r="N843106" s="10"/>
    </row>
    <row r="843107" spans="14:14">
      <c r="N843107" s="10"/>
    </row>
    <row r="843108" spans="14:14">
      <c r="N843108" s="10"/>
    </row>
    <row r="843109" spans="14:14">
      <c r="N843109" s="10"/>
    </row>
    <row r="843110" spans="14:14">
      <c r="N843110" s="10"/>
    </row>
    <row r="843111" spans="14:14">
      <c r="N843111" s="10"/>
    </row>
    <row r="843112" spans="14:14">
      <c r="N843112" s="10"/>
    </row>
    <row r="843113" spans="14:14">
      <c r="N843113" s="10"/>
    </row>
    <row r="843114" spans="14:14">
      <c r="N843114" s="10"/>
    </row>
    <row r="843115" spans="14:14">
      <c r="N843115" s="10"/>
    </row>
    <row r="843116" spans="14:14">
      <c r="N843116" s="10"/>
    </row>
    <row r="843117" spans="14:14">
      <c r="N843117" s="10"/>
    </row>
    <row r="843118" spans="14:14">
      <c r="N843118" s="10"/>
    </row>
    <row r="843119" spans="14:14">
      <c r="N843119" s="10"/>
    </row>
    <row r="843120" spans="14:14">
      <c r="N843120" s="10"/>
    </row>
    <row r="843121" spans="14:14">
      <c r="N843121" s="10"/>
    </row>
    <row r="843122" spans="14:14">
      <c r="N843122" s="10"/>
    </row>
    <row r="843123" spans="14:14">
      <c r="N843123" s="10"/>
    </row>
    <row r="843124" spans="14:14">
      <c r="N843124" s="10"/>
    </row>
    <row r="843125" spans="14:14">
      <c r="N843125" s="10"/>
    </row>
    <row r="843126" spans="14:14">
      <c r="N843126" s="10"/>
    </row>
    <row r="843127" spans="14:14">
      <c r="N843127" s="10"/>
    </row>
    <row r="843128" spans="14:14">
      <c r="N843128" s="10"/>
    </row>
    <row r="843129" spans="14:14">
      <c r="N843129" s="10"/>
    </row>
    <row r="843130" spans="14:14">
      <c r="N843130" s="10"/>
    </row>
    <row r="843131" spans="14:14">
      <c r="N843131" s="10"/>
    </row>
    <row r="843132" spans="14:14">
      <c r="N843132" s="10"/>
    </row>
    <row r="843133" spans="14:14">
      <c r="N843133" s="10"/>
    </row>
    <row r="843134" spans="14:14">
      <c r="N843134" s="10"/>
    </row>
    <row r="843135" spans="14:14">
      <c r="N843135" s="10"/>
    </row>
    <row r="843136" spans="14:14">
      <c r="N843136" s="10"/>
    </row>
    <row r="843137" spans="14:14">
      <c r="N843137" s="10"/>
    </row>
    <row r="843138" spans="14:14">
      <c r="N843138" s="10"/>
    </row>
    <row r="843139" spans="14:14">
      <c r="N843139" s="10"/>
    </row>
    <row r="843140" spans="14:14">
      <c r="N843140" s="10"/>
    </row>
    <row r="843141" spans="14:14">
      <c r="N843141" s="10"/>
    </row>
    <row r="843142" spans="14:14">
      <c r="N843142" s="10"/>
    </row>
    <row r="843143" spans="14:14">
      <c r="N843143" s="10"/>
    </row>
    <row r="843144" spans="14:14">
      <c r="N843144" s="10"/>
    </row>
    <row r="843145" spans="14:14">
      <c r="N843145" s="10"/>
    </row>
    <row r="843146" spans="14:14">
      <c r="N843146" s="10"/>
    </row>
    <row r="843147" spans="14:14">
      <c r="N843147" s="10"/>
    </row>
    <row r="843148" spans="14:14">
      <c r="N843148" s="10"/>
    </row>
    <row r="843149" spans="14:14">
      <c r="N843149" s="10"/>
    </row>
    <row r="843150" spans="14:14">
      <c r="N843150" s="10"/>
    </row>
    <row r="843151" spans="14:14">
      <c r="N843151" s="10"/>
    </row>
    <row r="843152" spans="14:14">
      <c r="N843152" s="10"/>
    </row>
    <row r="843153" spans="14:14">
      <c r="N843153" s="10"/>
    </row>
    <row r="843154" spans="14:14">
      <c r="N843154" s="10"/>
    </row>
    <row r="843155" spans="14:14">
      <c r="N843155" s="10"/>
    </row>
    <row r="843156" spans="14:14">
      <c r="N843156" s="10"/>
    </row>
    <row r="843157" spans="14:14">
      <c r="N843157" s="10"/>
    </row>
    <row r="843158" spans="14:14">
      <c r="N843158" s="10"/>
    </row>
    <row r="843159" spans="14:14">
      <c r="N843159" s="10"/>
    </row>
    <row r="843160" spans="14:14">
      <c r="N843160" s="10"/>
    </row>
    <row r="843161" spans="14:14">
      <c r="N843161" s="10"/>
    </row>
    <row r="843162" spans="14:14">
      <c r="N843162" s="10"/>
    </row>
    <row r="843163" spans="14:14">
      <c r="N843163" s="10"/>
    </row>
    <row r="843164" spans="14:14">
      <c r="N843164" s="10"/>
    </row>
    <row r="843165" spans="14:14">
      <c r="N843165" s="10"/>
    </row>
    <row r="843166" spans="14:14">
      <c r="N843166" s="10"/>
    </row>
    <row r="843167" spans="14:14">
      <c r="N843167" s="10"/>
    </row>
    <row r="843168" spans="14:14">
      <c r="N843168" s="10"/>
    </row>
    <row r="843169" spans="14:14">
      <c r="N843169" s="10"/>
    </row>
    <row r="843170" spans="14:14">
      <c r="N843170" s="10"/>
    </row>
    <row r="843171" spans="14:14">
      <c r="N843171" s="10"/>
    </row>
    <row r="843172" spans="14:14">
      <c r="N843172" s="10"/>
    </row>
    <row r="843173" spans="14:14">
      <c r="N843173" s="10"/>
    </row>
    <row r="843174" spans="14:14">
      <c r="N843174" s="10"/>
    </row>
    <row r="843175" spans="14:14">
      <c r="N843175" s="10"/>
    </row>
    <row r="843176" spans="14:14">
      <c r="N843176" s="10"/>
    </row>
    <row r="843177" spans="14:14">
      <c r="N843177" s="10"/>
    </row>
    <row r="843178" spans="14:14">
      <c r="N843178" s="10"/>
    </row>
    <row r="843179" spans="14:14">
      <c r="N843179" s="10"/>
    </row>
    <row r="843180" spans="14:14">
      <c r="N843180" s="10"/>
    </row>
    <row r="843181" spans="14:14">
      <c r="N843181" s="10"/>
    </row>
    <row r="843182" spans="14:14">
      <c r="N843182" s="10"/>
    </row>
    <row r="843183" spans="14:14">
      <c r="N843183" s="10"/>
    </row>
    <row r="843184" spans="14:14">
      <c r="N843184" s="10"/>
    </row>
    <row r="843185" spans="14:14">
      <c r="N843185" s="10"/>
    </row>
    <row r="843186" spans="14:14">
      <c r="N843186" s="10"/>
    </row>
    <row r="843187" spans="14:14">
      <c r="N843187" s="10"/>
    </row>
    <row r="843188" spans="14:14">
      <c r="N843188" s="10"/>
    </row>
    <row r="843189" spans="14:14">
      <c r="N843189" s="10"/>
    </row>
    <row r="843190" spans="14:14">
      <c r="N843190" s="10"/>
    </row>
    <row r="843191" spans="14:14">
      <c r="N843191" s="10"/>
    </row>
    <row r="843192" spans="14:14">
      <c r="N843192" s="10"/>
    </row>
    <row r="843193" spans="14:14">
      <c r="N843193" s="10"/>
    </row>
    <row r="843194" spans="14:14">
      <c r="N843194" s="10"/>
    </row>
    <row r="843195" spans="14:14">
      <c r="N843195" s="10"/>
    </row>
    <row r="843196" spans="14:14">
      <c r="N843196" s="10"/>
    </row>
    <row r="843197" spans="14:14">
      <c r="N843197" s="10"/>
    </row>
    <row r="843198" spans="14:14">
      <c r="N843198" s="10"/>
    </row>
    <row r="843199" spans="14:14">
      <c r="N843199" s="10"/>
    </row>
    <row r="843200" spans="14:14">
      <c r="N843200" s="10"/>
    </row>
    <row r="843201" spans="14:14">
      <c r="N843201" s="10"/>
    </row>
    <row r="843202" spans="14:14">
      <c r="N843202" s="10"/>
    </row>
    <row r="843203" spans="14:14">
      <c r="N843203" s="10"/>
    </row>
    <row r="843204" spans="14:14">
      <c r="N843204" s="10"/>
    </row>
    <row r="843205" spans="14:14">
      <c r="N843205" s="10"/>
    </row>
    <row r="843206" spans="14:14">
      <c r="N843206" s="10"/>
    </row>
    <row r="843207" spans="14:14">
      <c r="N843207" s="10"/>
    </row>
    <row r="843208" spans="14:14">
      <c r="N843208" s="10"/>
    </row>
    <row r="843209" spans="14:14">
      <c r="N843209" s="10"/>
    </row>
    <row r="843210" spans="14:14">
      <c r="N843210" s="10"/>
    </row>
    <row r="843211" spans="14:14">
      <c r="N843211" s="10"/>
    </row>
    <row r="843212" spans="14:14">
      <c r="N843212" s="10"/>
    </row>
    <row r="843213" spans="14:14">
      <c r="N843213" s="10"/>
    </row>
    <row r="843214" spans="14:14">
      <c r="N843214" s="10"/>
    </row>
    <row r="843215" spans="14:14">
      <c r="N843215" s="10"/>
    </row>
    <row r="843216" spans="14:14">
      <c r="N843216" s="10"/>
    </row>
    <row r="843217" spans="14:14">
      <c r="N843217" s="10"/>
    </row>
    <row r="843218" spans="14:14">
      <c r="N843218" s="10"/>
    </row>
    <row r="843219" spans="14:14">
      <c r="N843219" s="10"/>
    </row>
    <row r="843220" spans="14:14">
      <c r="N843220" s="10"/>
    </row>
    <row r="843221" spans="14:14">
      <c r="N843221" s="10"/>
    </row>
    <row r="843222" spans="14:14">
      <c r="N843222" s="10"/>
    </row>
    <row r="843223" spans="14:14">
      <c r="N843223" s="10"/>
    </row>
    <row r="843224" spans="14:14">
      <c r="N843224" s="10"/>
    </row>
    <row r="843225" spans="14:14">
      <c r="N843225" s="10"/>
    </row>
    <row r="843226" spans="14:14">
      <c r="N843226" s="10"/>
    </row>
    <row r="843227" spans="14:14">
      <c r="N843227" s="10"/>
    </row>
    <row r="843228" spans="14:14">
      <c r="N843228" s="10"/>
    </row>
    <row r="843229" spans="14:14">
      <c r="N843229" s="10"/>
    </row>
    <row r="843230" spans="14:14">
      <c r="N843230" s="10"/>
    </row>
    <row r="843231" spans="14:14">
      <c r="N843231" s="10"/>
    </row>
    <row r="843232" spans="14:14">
      <c r="N843232" s="10"/>
    </row>
    <row r="843233" spans="14:14">
      <c r="N843233" s="10"/>
    </row>
    <row r="843234" spans="14:14">
      <c r="N843234" s="10"/>
    </row>
    <row r="843235" spans="14:14">
      <c r="N843235" s="10"/>
    </row>
    <row r="843236" spans="14:14">
      <c r="N843236" s="10"/>
    </row>
    <row r="843237" spans="14:14">
      <c r="N843237" s="10"/>
    </row>
    <row r="843238" spans="14:14">
      <c r="N843238" s="10"/>
    </row>
    <row r="843239" spans="14:14">
      <c r="N843239" s="10"/>
    </row>
    <row r="843240" spans="14:14">
      <c r="N843240" s="10"/>
    </row>
    <row r="843241" spans="14:14">
      <c r="N843241" s="10"/>
    </row>
    <row r="843242" spans="14:14">
      <c r="N843242" s="10"/>
    </row>
    <row r="843243" spans="14:14">
      <c r="N843243" s="10"/>
    </row>
    <row r="843244" spans="14:14">
      <c r="N843244" s="10"/>
    </row>
    <row r="843245" spans="14:14">
      <c r="N843245" s="10"/>
    </row>
    <row r="843246" spans="14:14">
      <c r="N843246" s="10"/>
    </row>
    <row r="843247" spans="14:14">
      <c r="N843247" s="10"/>
    </row>
    <row r="843248" spans="14:14">
      <c r="N843248" s="10"/>
    </row>
    <row r="843249" spans="14:14">
      <c r="N843249" s="10"/>
    </row>
    <row r="843250" spans="14:14">
      <c r="N843250" s="10"/>
    </row>
    <row r="843251" spans="14:14">
      <c r="N843251" s="10"/>
    </row>
    <row r="843252" spans="14:14">
      <c r="N843252" s="10"/>
    </row>
    <row r="843253" spans="14:14">
      <c r="N843253" s="10"/>
    </row>
    <row r="843254" spans="14:14">
      <c r="N843254" s="10"/>
    </row>
    <row r="843255" spans="14:14">
      <c r="N843255" s="10"/>
    </row>
    <row r="843256" spans="14:14">
      <c r="N843256" s="10"/>
    </row>
    <row r="843257" spans="14:14">
      <c r="N843257" s="10"/>
    </row>
    <row r="843258" spans="14:14">
      <c r="N843258" s="10"/>
    </row>
    <row r="843259" spans="14:14">
      <c r="N843259" s="10"/>
    </row>
    <row r="843260" spans="14:14">
      <c r="N843260" s="10"/>
    </row>
    <row r="843261" spans="14:14">
      <c r="N843261" s="10"/>
    </row>
    <row r="843262" spans="14:14">
      <c r="N843262" s="10"/>
    </row>
    <row r="843263" spans="14:14">
      <c r="N843263" s="10"/>
    </row>
    <row r="843264" spans="14:14">
      <c r="N843264" s="10"/>
    </row>
    <row r="843265" spans="14:14">
      <c r="N843265" s="10"/>
    </row>
    <row r="843266" spans="14:14">
      <c r="N843266" s="10"/>
    </row>
    <row r="843267" spans="14:14">
      <c r="N843267" s="10"/>
    </row>
    <row r="843268" spans="14:14">
      <c r="N843268" s="10"/>
    </row>
    <row r="843269" spans="14:14">
      <c r="N843269" s="10"/>
    </row>
    <row r="843270" spans="14:14">
      <c r="N843270" s="10"/>
    </row>
    <row r="843271" spans="14:14">
      <c r="N843271" s="10"/>
    </row>
    <row r="843272" spans="14:14">
      <c r="N843272" s="10"/>
    </row>
    <row r="843273" spans="14:14">
      <c r="N843273" s="10"/>
    </row>
    <row r="843274" spans="14:14">
      <c r="N843274" s="10"/>
    </row>
    <row r="843275" spans="14:14">
      <c r="N843275" s="10"/>
    </row>
    <row r="843276" spans="14:14">
      <c r="N843276" s="10"/>
    </row>
    <row r="843277" spans="14:14">
      <c r="N843277" s="10"/>
    </row>
    <row r="843278" spans="14:14">
      <c r="N843278" s="10"/>
    </row>
    <row r="843279" spans="14:14">
      <c r="N843279" s="10"/>
    </row>
    <row r="843280" spans="14:14">
      <c r="N843280" s="10"/>
    </row>
    <row r="843281" spans="14:14">
      <c r="N843281" s="10"/>
    </row>
    <row r="843282" spans="14:14">
      <c r="N843282" s="10"/>
    </row>
    <row r="843283" spans="14:14">
      <c r="N843283" s="10"/>
    </row>
    <row r="843284" spans="14:14">
      <c r="N843284" s="10"/>
    </row>
    <row r="843285" spans="14:14">
      <c r="N843285" s="10"/>
    </row>
    <row r="843286" spans="14:14">
      <c r="N843286" s="10"/>
    </row>
    <row r="843287" spans="14:14">
      <c r="N843287" s="10"/>
    </row>
    <row r="843288" spans="14:14">
      <c r="N843288" s="10"/>
    </row>
    <row r="843289" spans="14:14">
      <c r="N843289" s="10"/>
    </row>
    <row r="843290" spans="14:14">
      <c r="N843290" s="10"/>
    </row>
    <row r="843291" spans="14:14">
      <c r="N843291" s="10"/>
    </row>
    <row r="843292" spans="14:14">
      <c r="N843292" s="10"/>
    </row>
    <row r="843293" spans="14:14">
      <c r="N843293" s="10"/>
    </row>
    <row r="843294" spans="14:14">
      <c r="N843294" s="10"/>
    </row>
    <row r="843295" spans="14:14">
      <c r="N843295" s="10"/>
    </row>
    <row r="843296" spans="14:14">
      <c r="N843296" s="10"/>
    </row>
    <row r="843297" spans="14:14">
      <c r="N843297" s="10"/>
    </row>
    <row r="843298" spans="14:14">
      <c r="N843298" s="10"/>
    </row>
    <row r="843299" spans="14:14">
      <c r="N843299" s="10"/>
    </row>
    <row r="843300" spans="14:14">
      <c r="N843300" s="10"/>
    </row>
    <row r="843301" spans="14:14">
      <c r="N843301" s="10"/>
    </row>
    <row r="843302" spans="14:14">
      <c r="N843302" s="10"/>
    </row>
    <row r="843303" spans="14:14">
      <c r="N843303" s="10"/>
    </row>
    <row r="843304" spans="14:14">
      <c r="N843304" s="10"/>
    </row>
    <row r="843305" spans="14:14">
      <c r="N843305" s="10"/>
    </row>
    <row r="843306" spans="14:14">
      <c r="N843306" s="10"/>
    </row>
    <row r="843307" spans="14:14">
      <c r="N843307" s="10"/>
    </row>
    <row r="843308" spans="14:14">
      <c r="N843308" s="10"/>
    </row>
    <row r="843309" spans="14:14">
      <c r="N843309" s="10"/>
    </row>
    <row r="843310" spans="14:14">
      <c r="N843310" s="10"/>
    </row>
    <row r="843311" spans="14:14">
      <c r="N843311" s="10"/>
    </row>
    <row r="843312" spans="14:14">
      <c r="N843312" s="10"/>
    </row>
    <row r="843313" spans="14:14">
      <c r="N843313" s="10"/>
    </row>
    <row r="843314" spans="14:14">
      <c r="N843314" s="10"/>
    </row>
    <row r="843315" spans="14:14">
      <c r="N843315" s="10"/>
    </row>
    <row r="843316" spans="14:14">
      <c r="N843316" s="10"/>
    </row>
    <row r="843317" spans="14:14">
      <c r="N843317" s="10"/>
    </row>
    <row r="843318" spans="14:14">
      <c r="N843318" s="10"/>
    </row>
    <row r="843319" spans="14:14">
      <c r="N843319" s="10"/>
    </row>
    <row r="843320" spans="14:14">
      <c r="N843320" s="10"/>
    </row>
    <row r="843321" spans="14:14">
      <c r="N843321" s="10"/>
    </row>
    <row r="843322" spans="14:14">
      <c r="N843322" s="10"/>
    </row>
    <row r="843323" spans="14:14">
      <c r="N843323" s="10"/>
    </row>
    <row r="843324" spans="14:14">
      <c r="N843324" s="10"/>
    </row>
    <row r="843325" spans="14:14">
      <c r="N843325" s="10"/>
    </row>
    <row r="843326" spans="14:14">
      <c r="N843326" s="10"/>
    </row>
    <row r="843327" spans="14:14">
      <c r="N843327" s="10"/>
    </row>
    <row r="843328" spans="14:14">
      <c r="N843328" s="10"/>
    </row>
    <row r="843329" spans="14:14">
      <c r="N843329" s="10"/>
    </row>
    <row r="843330" spans="14:14">
      <c r="N843330" s="10"/>
    </row>
    <row r="843331" spans="14:14">
      <c r="N843331" s="10"/>
    </row>
    <row r="843332" spans="14:14">
      <c r="N843332" s="10"/>
    </row>
    <row r="843333" spans="14:14">
      <c r="N843333" s="10"/>
    </row>
    <row r="843334" spans="14:14">
      <c r="N843334" s="10"/>
    </row>
    <row r="843335" spans="14:14">
      <c r="N843335" s="10"/>
    </row>
    <row r="843336" spans="14:14">
      <c r="N843336" s="10"/>
    </row>
    <row r="843337" spans="14:14">
      <c r="N843337" s="10"/>
    </row>
    <row r="843338" spans="14:14">
      <c r="N843338" s="10"/>
    </row>
    <row r="843339" spans="14:14">
      <c r="N843339" s="10"/>
    </row>
    <row r="843340" spans="14:14">
      <c r="N843340" s="10"/>
    </row>
    <row r="843341" spans="14:14">
      <c r="N843341" s="10"/>
    </row>
    <row r="843342" spans="14:14">
      <c r="N843342" s="10"/>
    </row>
    <row r="843343" spans="14:14">
      <c r="N843343" s="10"/>
    </row>
    <row r="843344" spans="14:14">
      <c r="N843344" s="10"/>
    </row>
    <row r="843345" spans="14:14">
      <c r="N843345" s="10"/>
    </row>
    <row r="843346" spans="14:14">
      <c r="N843346" s="10"/>
    </row>
    <row r="843347" spans="14:14">
      <c r="N843347" s="10"/>
    </row>
    <row r="843348" spans="14:14">
      <c r="N843348" s="10"/>
    </row>
    <row r="843349" spans="14:14">
      <c r="N843349" s="10"/>
    </row>
    <row r="843350" spans="14:14">
      <c r="N843350" s="10"/>
    </row>
    <row r="843351" spans="14:14">
      <c r="N843351" s="10"/>
    </row>
    <row r="843352" spans="14:14">
      <c r="N843352" s="10"/>
    </row>
    <row r="843353" spans="14:14">
      <c r="N843353" s="10"/>
    </row>
    <row r="843354" spans="14:14">
      <c r="N843354" s="10"/>
    </row>
    <row r="843355" spans="14:14">
      <c r="N843355" s="10"/>
    </row>
    <row r="843356" spans="14:14">
      <c r="N843356" s="10"/>
    </row>
    <row r="843357" spans="14:14">
      <c r="N843357" s="10"/>
    </row>
    <row r="843358" spans="14:14">
      <c r="N843358" s="10"/>
    </row>
    <row r="843359" spans="14:14">
      <c r="N843359" s="10"/>
    </row>
    <row r="843360" spans="14:14">
      <c r="N843360" s="10"/>
    </row>
    <row r="843361" spans="14:14">
      <c r="N843361" s="10"/>
    </row>
    <row r="843362" spans="14:14">
      <c r="N843362" s="10"/>
    </row>
    <row r="843363" spans="14:14">
      <c r="N843363" s="10"/>
    </row>
    <row r="843364" spans="14:14">
      <c r="N843364" s="10"/>
    </row>
    <row r="843365" spans="14:14">
      <c r="N843365" s="10"/>
    </row>
    <row r="843366" spans="14:14">
      <c r="N843366" s="10"/>
    </row>
    <row r="843367" spans="14:14">
      <c r="N843367" s="10"/>
    </row>
    <row r="843368" spans="14:14">
      <c r="N843368" s="10"/>
    </row>
    <row r="843369" spans="14:14">
      <c r="N843369" s="10"/>
    </row>
    <row r="843370" spans="14:14">
      <c r="N843370" s="10"/>
    </row>
    <row r="843371" spans="14:14">
      <c r="N843371" s="10"/>
    </row>
    <row r="843372" spans="14:14">
      <c r="N843372" s="10"/>
    </row>
    <row r="843373" spans="14:14">
      <c r="N843373" s="10"/>
    </row>
    <row r="843374" spans="14:14">
      <c r="N843374" s="10"/>
    </row>
    <row r="843375" spans="14:14">
      <c r="N843375" s="10"/>
    </row>
    <row r="843376" spans="14:14">
      <c r="N843376" s="10"/>
    </row>
    <row r="843377" spans="14:14">
      <c r="N843377" s="10"/>
    </row>
    <row r="843378" spans="14:14">
      <c r="N843378" s="10"/>
    </row>
    <row r="843379" spans="14:14">
      <c r="N843379" s="10"/>
    </row>
    <row r="843380" spans="14:14">
      <c r="N843380" s="10"/>
    </row>
    <row r="843381" spans="14:14">
      <c r="N843381" s="10"/>
    </row>
    <row r="843382" spans="14:14">
      <c r="N843382" s="10"/>
    </row>
    <row r="843383" spans="14:14">
      <c r="N843383" s="10"/>
    </row>
    <row r="843384" spans="14:14">
      <c r="N843384" s="10"/>
    </row>
    <row r="843385" spans="14:14">
      <c r="N843385" s="10"/>
    </row>
    <row r="843386" spans="14:14">
      <c r="N843386" s="10"/>
    </row>
    <row r="843387" spans="14:14">
      <c r="N843387" s="10"/>
    </row>
    <row r="843388" spans="14:14">
      <c r="N843388" s="10"/>
    </row>
    <row r="843389" spans="14:14">
      <c r="N843389" s="10"/>
    </row>
    <row r="843390" spans="14:14">
      <c r="N843390" s="10"/>
    </row>
    <row r="843391" spans="14:14">
      <c r="N843391" s="10"/>
    </row>
    <row r="843392" spans="14:14">
      <c r="N843392" s="10"/>
    </row>
    <row r="843393" spans="14:14">
      <c r="N843393" s="10"/>
    </row>
    <row r="843394" spans="14:14">
      <c r="N843394" s="10"/>
    </row>
    <row r="843395" spans="14:14">
      <c r="N843395" s="10"/>
    </row>
    <row r="843396" spans="14:14">
      <c r="N843396" s="10"/>
    </row>
    <row r="843397" spans="14:14">
      <c r="N843397" s="10"/>
    </row>
    <row r="843398" spans="14:14">
      <c r="N843398" s="10"/>
    </row>
    <row r="843399" spans="14:14">
      <c r="N843399" s="10"/>
    </row>
    <row r="843400" spans="14:14">
      <c r="N843400" s="10"/>
    </row>
    <row r="843401" spans="14:14">
      <c r="N843401" s="10"/>
    </row>
    <row r="843402" spans="14:14">
      <c r="N843402" s="10"/>
    </row>
    <row r="843403" spans="14:14">
      <c r="N843403" s="10"/>
    </row>
    <row r="843404" spans="14:14">
      <c r="N843404" s="10"/>
    </row>
    <row r="843405" spans="14:14">
      <c r="N843405" s="10"/>
    </row>
    <row r="843406" spans="14:14">
      <c r="N843406" s="10"/>
    </row>
    <row r="843407" spans="14:14">
      <c r="N843407" s="10"/>
    </row>
    <row r="843408" spans="14:14">
      <c r="N843408" s="10"/>
    </row>
    <row r="843409" spans="14:14">
      <c r="N843409" s="10"/>
    </row>
    <row r="843410" spans="14:14">
      <c r="N843410" s="10"/>
    </row>
    <row r="843411" spans="14:14">
      <c r="N843411" s="10"/>
    </row>
    <row r="843412" spans="14:14">
      <c r="N843412" s="10"/>
    </row>
    <row r="843413" spans="14:14">
      <c r="N843413" s="10"/>
    </row>
    <row r="843414" spans="14:14">
      <c r="N843414" s="10"/>
    </row>
    <row r="843415" spans="14:14">
      <c r="N843415" s="10"/>
    </row>
    <row r="843416" spans="14:14">
      <c r="N843416" s="10"/>
    </row>
    <row r="843417" spans="14:14">
      <c r="N843417" s="10"/>
    </row>
    <row r="843418" spans="14:14">
      <c r="N843418" s="10"/>
    </row>
    <row r="843419" spans="14:14">
      <c r="N843419" s="10"/>
    </row>
    <row r="843420" spans="14:14">
      <c r="N843420" s="10"/>
    </row>
    <row r="843421" spans="14:14">
      <c r="N843421" s="10"/>
    </row>
    <row r="843422" spans="14:14">
      <c r="N843422" s="10"/>
    </row>
    <row r="843423" spans="14:14">
      <c r="N843423" s="10"/>
    </row>
    <row r="843424" spans="14:14">
      <c r="N843424" s="10"/>
    </row>
    <row r="843425" spans="14:14">
      <c r="N843425" s="10"/>
    </row>
    <row r="843426" spans="14:14">
      <c r="N843426" s="10"/>
    </row>
    <row r="843427" spans="14:14">
      <c r="N843427" s="10"/>
    </row>
    <row r="843428" spans="14:14">
      <c r="N843428" s="10"/>
    </row>
    <row r="843429" spans="14:14">
      <c r="N843429" s="10"/>
    </row>
    <row r="843430" spans="14:14">
      <c r="N843430" s="10"/>
    </row>
    <row r="843431" spans="14:14">
      <c r="N843431" s="10"/>
    </row>
    <row r="843432" spans="14:14">
      <c r="N843432" s="10"/>
    </row>
    <row r="843433" spans="14:14">
      <c r="N843433" s="10"/>
    </row>
    <row r="843434" spans="14:14">
      <c r="N843434" s="10"/>
    </row>
    <row r="843435" spans="14:14">
      <c r="N843435" s="10"/>
    </row>
    <row r="843436" spans="14:14">
      <c r="N843436" s="10"/>
    </row>
    <row r="843437" spans="14:14">
      <c r="N843437" s="10"/>
    </row>
    <row r="843438" spans="14:14">
      <c r="N843438" s="10"/>
    </row>
    <row r="843439" spans="14:14">
      <c r="N843439" s="10"/>
    </row>
    <row r="843440" spans="14:14">
      <c r="N843440" s="10"/>
    </row>
    <row r="843441" spans="14:14">
      <c r="N843441" s="10"/>
    </row>
    <row r="843442" spans="14:14">
      <c r="N843442" s="10"/>
    </row>
    <row r="843443" spans="14:14">
      <c r="N843443" s="10"/>
    </row>
    <row r="843444" spans="14:14">
      <c r="N843444" s="10"/>
    </row>
    <row r="843445" spans="14:14">
      <c r="N843445" s="10"/>
    </row>
    <row r="843446" spans="14:14">
      <c r="N843446" s="10"/>
    </row>
    <row r="843447" spans="14:14">
      <c r="N843447" s="10"/>
    </row>
    <row r="843448" spans="14:14">
      <c r="N843448" s="10"/>
    </row>
    <row r="843449" spans="14:14">
      <c r="N843449" s="10"/>
    </row>
    <row r="843450" spans="14:14">
      <c r="N843450" s="10"/>
    </row>
    <row r="843451" spans="14:14">
      <c r="N843451" s="10"/>
    </row>
    <row r="843452" spans="14:14">
      <c r="N843452" s="10"/>
    </row>
    <row r="843453" spans="14:14">
      <c r="N843453" s="10"/>
    </row>
    <row r="843454" spans="14:14">
      <c r="N843454" s="10"/>
    </row>
    <row r="843455" spans="14:14">
      <c r="N843455" s="10"/>
    </row>
    <row r="843456" spans="14:14">
      <c r="N843456" s="10"/>
    </row>
    <row r="843457" spans="14:14">
      <c r="N843457" s="10"/>
    </row>
    <row r="843458" spans="14:14">
      <c r="N843458" s="10"/>
    </row>
    <row r="843459" spans="14:14">
      <c r="N843459" s="10"/>
    </row>
    <row r="843460" spans="14:14">
      <c r="N843460" s="10"/>
    </row>
    <row r="843461" spans="14:14">
      <c r="N843461" s="10"/>
    </row>
    <row r="843462" spans="14:14">
      <c r="N843462" s="10"/>
    </row>
    <row r="843463" spans="14:14">
      <c r="N843463" s="10"/>
    </row>
    <row r="843464" spans="14:14">
      <c r="N843464" s="10"/>
    </row>
    <row r="843465" spans="14:14">
      <c r="N843465" s="10"/>
    </row>
    <row r="843466" spans="14:14">
      <c r="N843466" s="10"/>
    </row>
    <row r="843467" spans="14:14">
      <c r="N843467" s="10"/>
    </row>
    <row r="843468" spans="14:14">
      <c r="N843468" s="10"/>
    </row>
    <row r="843469" spans="14:14">
      <c r="N843469" s="10"/>
    </row>
    <row r="843470" spans="14:14">
      <c r="N843470" s="10"/>
    </row>
    <row r="843471" spans="14:14">
      <c r="N843471" s="10"/>
    </row>
    <row r="843472" spans="14:14">
      <c r="N843472" s="10"/>
    </row>
    <row r="843473" spans="14:14">
      <c r="N843473" s="10"/>
    </row>
    <row r="843474" spans="14:14">
      <c r="N843474" s="10"/>
    </row>
    <row r="843475" spans="14:14">
      <c r="N843475" s="10"/>
    </row>
    <row r="843476" spans="14:14">
      <c r="N843476" s="10"/>
    </row>
    <row r="843477" spans="14:14">
      <c r="N843477" s="10"/>
    </row>
    <row r="843478" spans="14:14">
      <c r="N843478" s="10"/>
    </row>
    <row r="843479" spans="14:14">
      <c r="N843479" s="10"/>
    </row>
    <row r="843480" spans="14:14">
      <c r="N843480" s="10"/>
    </row>
    <row r="843481" spans="14:14">
      <c r="N843481" s="10"/>
    </row>
    <row r="843482" spans="14:14">
      <c r="N843482" s="10"/>
    </row>
    <row r="843483" spans="14:14">
      <c r="N843483" s="10"/>
    </row>
    <row r="843484" spans="14:14">
      <c r="N843484" s="10"/>
    </row>
    <row r="843485" spans="14:14">
      <c r="N843485" s="10"/>
    </row>
    <row r="843486" spans="14:14">
      <c r="N843486" s="10"/>
    </row>
    <row r="843487" spans="14:14">
      <c r="N843487" s="10"/>
    </row>
    <row r="843488" spans="14:14">
      <c r="N843488" s="10"/>
    </row>
    <row r="843489" spans="14:14">
      <c r="N843489" s="10"/>
    </row>
    <row r="843490" spans="14:14">
      <c r="N843490" s="10"/>
    </row>
    <row r="843491" spans="14:14">
      <c r="N843491" s="10"/>
    </row>
    <row r="843492" spans="14:14">
      <c r="N843492" s="10"/>
    </row>
    <row r="843493" spans="14:14">
      <c r="N843493" s="10"/>
    </row>
    <row r="843494" spans="14:14">
      <c r="N843494" s="10"/>
    </row>
    <row r="843495" spans="14:14">
      <c r="N843495" s="10"/>
    </row>
    <row r="843496" spans="14:14">
      <c r="N843496" s="10"/>
    </row>
    <row r="843497" spans="14:14">
      <c r="N843497" s="10"/>
    </row>
    <row r="843498" spans="14:14">
      <c r="N843498" s="10"/>
    </row>
    <row r="843499" spans="14:14">
      <c r="N843499" s="10"/>
    </row>
    <row r="843500" spans="14:14">
      <c r="N843500" s="10"/>
    </row>
    <row r="843501" spans="14:14">
      <c r="N843501" s="10"/>
    </row>
    <row r="843502" spans="14:14">
      <c r="N843502" s="10"/>
    </row>
    <row r="843503" spans="14:14">
      <c r="N843503" s="10"/>
    </row>
    <row r="843504" spans="14:14">
      <c r="N843504" s="10"/>
    </row>
    <row r="843505" spans="14:14">
      <c r="N843505" s="10"/>
    </row>
    <row r="843506" spans="14:14">
      <c r="N843506" s="10"/>
    </row>
    <row r="843507" spans="14:14">
      <c r="N843507" s="10"/>
    </row>
    <row r="843508" spans="14:14">
      <c r="N843508" s="10"/>
    </row>
    <row r="843509" spans="14:14">
      <c r="N843509" s="10"/>
    </row>
    <row r="843510" spans="14:14">
      <c r="N843510" s="10"/>
    </row>
    <row r="843511" spans="14:14">
      <c r="N843511" s="10"/>
    </row>
    <row r="843512" spans="14:14">
      <c r="N843512" s="10"/>
    </row>
    <row r="843513" spans="14:14">
      <c r="N843513" s="10"/>
    </row>
    <row r="843514" spans="14:14">
      <c r="N843514" s="10"/>
    </row>
    <row r="843515" spans="14:14">
      <c r="N843515" s="10"/>
    </row>
    <row r="843516" spans="14:14">
      <c r="N843516" s="10"/>
    </row>
    <row r="843517" spans="14:14">
      <c r="N843517" s="10"/>
    </row>
    <row r="843518" spans="14:14">
      <c r="N843518" s="10"/>
    </row>
    <row r="843519" spans="14:14">
      <c r="N843519" s="10"/>
    </row>
    <row r="843520" spans="14:14">
      <c r="N843520" s="10"/>
    </row>
    <row r="843521" spans="14:14">
      <c r="N843521" s="10"/>
    </row>
    <row r="843522" spans="14:14">
      <c r="N843522" s="10"/>
    </row>
    <row r="843523" spans="14:14">
      <c r="N843523" s="10"/>
    </row>
    <row r="843524" spans="14:14">
      <c r="N843524" s="10"/>
    </row>
    <row r="843525" spans="14:14">
      <c r="N843525" s="10"/>
    </row>
    <row r="843526" spans="14:14">
      <c r="N843526" s="10"/>
    </row>
    <row r="843527" spans="14:14">
      <c r="N843527" s="10"/>
    </row>
    <row r="843528" spans="14:14">
      <c r="N843528" s="10"/>
    </row>
    <row r="843529" spans="14:14">
      <c r="N843529" s="10"/>
    </row>
    <row r="843530" spans="14:14">
      <c r="N843530" s="10"/>
    </row>
    <row r="843531" spans="14:14">
      <c r="N843531" s="10"/>
    </row>
    <row r="843532" spans="14:14">
      <c r="N843532" s="10"/>
    </row>
    <row r="843533" spans="14:14">
      <c r="N843533" s="10"/>
    </row>
    <row r="843534" spans="14:14">
      <c r="N843534" s="10"/>
    </row>
    <row r="843535" spans="14:14">
      <c r="N843535" s="10"/>
    </row>
    <row r="843536" spans="14:14">
      <c r="N843536" s="10"/>
    </row>
    <row r="843537" spans="14:14">
      <c r="N843537" s="10"/>
    </row>
    <row r="843538" spans="14:14">
      <c r="N843538" s="10"/>
    </row>
    <row r="843539" spans="14:14">
      <c r="N843539" s="10"/>
    </row>
    <row r="843540" spans="14:14">
      <c r="N843540" s="10"/>
    </row>
    <row r="843541" spans="14:14">
      <c r="N843541" s="10"/>
    </row>
    <row r="843542" spans="14:14">
      <c r="N843542" s="10"/>
    </row>
    <row r="843543" spans="14:14">
      <c r="N843543" s="10"/>
    </row>
    <row r="843544" spans="14:14">
      <c r="N843544" s="10"/>
    </row>
    <row r="843545" spans="14:14">
      <c r="N843545" s="10"/>
    </row>
    <row r="843546" spans="14:14">
      <c r="N843546" s="10"/>
    </row>
    <row r="843547" spans="14:14">
      <c r="N843547" s="10"/>
    </row>
    <row r="843548" spans="14:14">
      <c r="N843548" s="10"/>
    </row>
    <row r="843549" spans="14:14">
      <c r="N843549" s="10"/>
    </row>
    <row r="843550" spans="14:14">
      <c r="N843550" s="10"/>
    </row>
    <row r="843551" spans="14:14">
      <c r="N843551" s="10"/>
    </row>
    <row r="843552" spans="14:14">
      <c r="N843552" s="10"/>
    </row>
    <row r="843553" spans="14:14">
      <c r="N843553" s="10"/>
    </row>
    <row r="843554" spans="14:14">
      <c r="N843554" s="10"/>
    </row>
    <row r="843555" spans="14:14">
      <c r="N843555" s="10"/>
    </row>
    <row r="843556" spans="14:14">
      <c r="N843556" s="10"/>
    </row>
    <row r="843557" spans="14:14">
      <c r="N843557" s="10"/>
    </row>
    <row r="843558" spans="14:14">
      <c r="N843558" s="10"/>
    </row>
    <row r="843559" spans="14:14">
      <c r="N843559" s="10"/>
    </row>
    <row r="843560" spans="14:14">
      <c r="N843560" s="10"/>
    </row>
    <row r="843561" spans="14:14">
      <c r="N843561" s="10"/>
    </row>
    <row r="843562" spans="14:14">
      <c r="N843562" s="10"/>
    </row>
    <row r="843563" spans="14:14">
      <c r="N843563" s="10"/>
    </row>
    <row r="843564" spans="14:14">
      <c r="N843564" s="10"/>
    </row>
    <row r="843565" spans="14:14">
      <c r="N843565" s="10"/>
    </row>
    <row r="843566" spans="14:14">
      <c r="N843566" s="10"/>
    </row>
    <row r="843567" spans="14:14">
      <c r="N843567" s="10"/>
    </row>
    <row r="843568" spans="14:14">
      <c r="N843568" s="10"/>
    </row>
    <row r="843569" spans="14:14">
      <c r="N843569" s="10"/>
    </row>
    <row r="843570" spans="14:14">
      <c r="N843570" s="10"/>
    </row>
    <row r="843571" spans="14:14">
      <c r="N843571" s="10"/>
    </row>
    <row r="843572" spans="14:14">
      <c r="N843572" s="10"/>
    </row>
    <row r="843573" spans="14:14">
      <c r="N843573" s="10"/>
    </row>
    <row r="843574" spans="14:14">
      <c r="N843574" s="10"/>
    </row>
    <row r="843575" spans="14:14">
      <c r="N843575" s="10"/>
    </row>
    <row r="843576" spans="14:14">
      <c r="N843576" s="10"/>
    </row>
    <row r="843577" spans="14:14">
      <c r="N843577" s="10"/>
    </row>
    <row r="843578" spans="14:14">
      <c r="N843578" s="10"/>
    </row>
    <row r="843579" spans="14:14">
      <c r="N843579" s="10"/>
    </row>
    <row r="843580" spans="14:14">
      <c r="N843580" s="10"/>
    </row>
    <row r="843581" spans="14:14">
      <c r="N843581" s="10"/>
    </row>
    <row r="843582" spans="14:14">
      <c r="N843582" s="10"/>
    </row>
    <row r="843583" spans="14:14">
      <c r="N843583" s="10"/>
    </row>
    <row r="843584" spans="14:14">
      <c r="N843584" s="10"/>
    </row>
    <row r="843585" spans="14:14">
      <c r="N843585" s="10"/>
    </row>
    <row r="843586" spans="14:14">
      <c r="N843586" s="10"/>
    </row>
    <row r="843587" spans="14:14">
      <c r="N843587" s="10"/>
    </row>
    <row r="843588" spans="14:14">
      <c r="N843588" s="10"/>
    </row>
    <row r="843589" spans="14:14">
      <c r="N843589" s="10"/>
    </row>
    <row r="843590" spans="14:14">
      <c r="N843590" s="10"/>
    </row>
    <row r="843591" spans="14:14">
      <c r="N843591" s="10"/>
    </row>
    <row r="843592" spans="14:14">
      <c r="N843592" s="10"/>
    </row>
    <row r="843593" spans="14:14">
      <c r="N843593" s="10"/>
    </row>
    <row r="843594" spans="14:14">
      <c r="N843594" s="10"/>
    </row>
    <row r="843595" spans="14:14">
      <c r="N843595" s="10"/>
    </row>
    <row r="843596" spans="14:14">
      <c r="N843596" s="10"/>
    </row>
    <row r="843597" spans="14:14">
      <c r="N843597" s="10"/>
    </row>
    <row r="843598" spans="14:14">
      <c r="N843598" s="10"/>
    </row>
    <row r="843599" spans="14:14">
      <c r="N843599" s="10"/>
    </row>
    <row r="843600" spans="14:14">
      <c r="N843600" s="10"/>
    </row>
    <row r="843601" spans="14:14">
      <c r="N843601" s="10"/>
    </row>
    <row r="843602" spans="14:14">
      <c r="N843602" s="10"/>
    </row>
    <row r="843603" spans="14:14">
      <c r="N843603" s="10"/>
    </row>
    <row r="843604" spans="14:14">
      <c r="N843604" s="10"/>
    </row>
    <row r="843605" spans="14:14">
      <c r="N843605" s="10"/>
    </row>
    <row r="843606" spans="14:14">
      <c r="N843606" s="10"/>
    </row>
    <row r="843607" spans="14:14">
      <c r="N843607" s="10"/>
    </row>
    <row r="843608" spans="14:14">
      <c r="N843608" s="10"/>
    </row>
    <row r="843609" spans="14:14">
      <c r="N843609" s="10"/>
    </row>
    <row r="843610" spans="14:14">
      <c r="N843610" s="10"/>
    </row>
    <row r="843611" spans="14:14">
      <c r="N843611" s="10"/>
    </row>
    <row r="843612" spans="14:14">
      <c r="N843612" s="10"/>
    </row>
    <row r="843613" spans="14:14">
      <c r="N843613" s="10"/>
    </row>
    <row r="843614" spans="14:14">
      <c r="N843614" s="10"/>
    </row>
    <row r="843615" spans="14:14">
      <c r="N843615" s="10"/>
    </row>
    <row r="843616" spans="14:14">
      <c r="N843616" s="10"/>
    </row>
    <row r="843617" spans="14:14">
      <c r="N843617" s="10"/>
    </row>
    <row r="843618" spans="14:14">
      <c r="N843618" s="10"/>
    </row>
    <row r="843619" spans="14:14">
      <c r="N843619" s="10"/>
    </row>
    <row r="843620" spans="14:14">
      <c r="N843620" s="10"/>
    </row>
    <row r="843621" spans="14:14">
      <c r="N843621" s="10"/>
    </row>
    <row r="843622" spans="14:14">
      <c r="N843622" s="10"/>
    </row>
    <row r="843623" spans="14:14">
      <c r="N843623" s="10"/>
    </row>
    <row r="843624" spans="14:14">
      <c r="N843624" s="10"/>
    </row>
    <row r="843625" spans="14:14">
      <c r="N843625" s="10"/>
    </row>
    <row r="843626" spans="14:14">
      <c r="N843626" s="10"/>
    </row>
    <row r="843627" spans="14:14">
      <c r="N843627" s="10"/>
    </row>
    <row r="843628" spans="14:14">
      <c r="N843628" s="10"/>
    </row>
    <row r="843629" spans="14:14">
      <c r="N843629" s="10"/>
    </row>
    <row r="843630" spans="14:14">
      <c r="N843630" s="10"/>
    </row>
    <row r="843631" spans="14:14">
      <c r="N843631" s="10"/>
    </row>
    <row r="843632" spans="14:14">
      <c r="N843632" s="10"/>
    </row>
    <row r="843633" spans="14:14">
      <c r="N843633" s="10"/>
    </row>
    <row r="843634" spans="14:14">
      <c r="N843634" s="10"/>
    </row>
    <row r="843635" spans="14:14">
      <c r="N843635" s="10"/>
    </row>
    <row r="843636" spans="14:14">
      <c r="N843636" s="10"/>
    </row>
    <row r="843637" spans="14:14">
      <c r="N843637" s="10"/>
    </row>
    <row r="843638" spans="14:14">
      <c r="N843638" s="10"/>
    </row>
    <row r="843639" spans="14:14">
      <c r="N843639" s="10"/>
    </row>
    <row r="843640" spans="14:14">
      <c r="N843640" s="10"/>
    </row>
    <row r="843641" spans="14:14">
      <c r="N843641" s="10"/>
    </row>
    <row r="843642" spans="14:14">
      <c r="N843642" s="10"/>
    </row>
    <row r="843643" spans="14:14">
      <c r="N843643" s="10"/>
    </row>
    <row r="843644" spans="14:14">
      <c r="N843644" s="10"/>
    </row>
    <row r="843645" spans="14:14">
      <c r="N843645" s="10"/>
    </row>
    <row r="843646" spans="14:14">
      <c r="N843646" s="10"/>
    </row>
    <row r="843647" spans="14:14">
      <c r="N843647" s="10"/>
    </row>
    <row r="843648" spans="14:14">
      <c r="N843648" s="10"/>
    </row>
    <row r="843649" spans="14:14">
      <c r="N843649" s="10"/>
    </row>
    <row r="843650" spans="14:14">
      <c r="N843650" s="10"/>
    </row>
    <row r="843651" spans="14:14">
      <c r="N843651" s="10"/>
    </row>
    <row r="843652" spans="14:14">
      <c r="N843652" s="10"/>
    </row>
    <row r="843653" spans="14:14">
      <c r="N843653" s="10"/>
    </row>
    <row r="843654" spans="14:14">
      <c r="N843654" s="10"/>
    </row>
    <row r="843655" spans="14:14">
      <c r="N843655" s="10"/>
    </row>
    <row r="843656" spans="14:14">
      <c r="N843656" s="10"/>
    </row>
    <row r="843657" spans="14:14">
      <c r="N843657" s="10"/>
    </row>
    <row r="843658" spans="14:14">
      <c r="N843658" s="10"/>
    </row>
    <row r="843659" spans="14:14">
      <c r="N843659" s="10"/>
    </row>
    <row r="843660" spans="14:14">
      <c r="N843660" s="10"/>
    </row>
    <row r="843661" spans="14:14">
      <c r="N843661" s="10"/>
    </row>
    <row r="843662" spans="14:14">
      <c r="N843662" s="10"/>
    </row>
    <row r="843663" spans="14:14">
      <c r="N843663" s="10"/>
    </row>
    <row r="843664" spans="14:14">
      <c r="N843664" s="10"/>
    </row>
    <row r="843665" spans="14:14">
      <c r="N843665" s="10"/>
    </row>
    <row r="843666" spans="14:14">
      <c r="N843666" s="10"/>
    </row>
    <row r="843667" spans="14:14">
      <c r="N843667" s="10"/>
    </row>
    <row r="843668" spans="14:14">
      <c r="N843668" s="10"/>
    </row>
    <row r="843669" spans="14:14">
      <c r="N843669" s="10"/>
    </row>
    <row r="843670" spans="14:14">
      <c r="N843670" s="10"/>
    </row>
    <row r="843671" spans="14:14">
      <c r="N843671" s="10"/>
    </row>
    <row r="843672" spans="14:14">
      <c r="N843672" s="10"/>
    </row>
    <row r="843673" spans="14:14">
      <c r="N843673" s="10"/>
    </row>
    <row r="843674" spans="14:14">
      <c r="N843674" s="10"/>
    </row>
    <row r="843675" spans="14:14">
      <c r="N843675" s="10"/>
    </row>
    <row r="843676" spans="14:14">
      <c r="N843676" s="10"/>
    </row>
    <row r="843677" spans="14:14">
      <c r="N843677" s="10"/>
    </row>
    <row r="843678" spans="14:14">
      <c r="N843678" s="10"/>
    </row>
    <row r="843679" spans="14:14">
      <c r="N843679" s="10"/>
    </row>
    <row r="843680" spans="14:14">
      <c r="N843680" s="10"/>
    </row>
    <row r="843681" spans="14:14">
      <c r="N843681" s="10"/>
    </row>
    <row r="843682" spans="14:14">
      <c r="N843682" s="10"/>
    </row>
    <row r="843683" spans="14:14">
      <c r="N843683" s="10"/>
    </row>
    <row r="843684" spans="14:14">
      <c r="N843684" s="10"/>
    </row>
    <row r="843685" spans="14:14">
      <c r="N843685" s="10"/>
    </row>
    <row r="843686" spans="14:14">
      <c r="N843686" s="10"/>
    </row>
    <row r="843687" spans="14:14">
      <c r="N843687" s="10"/>
    </row>
    <row r="843688" spans="14:14">
      <c r="N843688" s="10"/>
    </row>
    <row r="843689" spans="14:14">
      <c r="N843689" s="10"/>
    </row>
    <row r="843690" spans="14:14">
      <c r="N843690" s="10"/>
    </row>
    <row r="843691" spans="14:14">
      <c r="N843691" s="10"/>
    </row>
    <row r="843692" spans="14:14">
      <c r="N843692" s="10"/>
    </row>
    <row r="843693" spans="14:14">
      <c r="N843693" s="10"/>
    </row>
    <row r="843694" spans="14:14">
      <c r="N843694" s="10"/>
    </row>
    <row r="843695" spans="14:14">
      <c r="N843695" s="10"/>
    </row>
    <row r="843696" spans="14:14">
      <c r="N843696" s="10"/>
    </row>
    <row r="843697" spans="14:14">
      <c r="N843697" s="10"/>
    </row>
    <row r="843698" spans="14:14">
      <c r="N843698" s="10"/>
    </row>
    <row r="843699" spans="14:14">
      <c r="N843699" s="10"/>
    </row>
    <row r="843700" spans="14:14">
      <c r="N843700" s="10"/>
    </row>
    <row r="843701" spans="14:14">
      <c r="N843701" s="10"/>
    </row>
    <row r="843702" spans="14:14">
      <c r="N843702" s="10"/>
    </row>
    <row r="843703" spans="14:14">
      <c r="N843703" s="10"/>
    </row>
    <row r="843704" spans="14:14">
      <c r="N843704" s="10"/>
    </row>
    <row r="843705" spans="14:14">
      <c r="N843705" s="10"/>
    </row>
    <row r="843706" spans="14:14">
      <c r="N843706" s="10"/>
    </row>
    <row r="843707" spans="14:14">
      <c r="N843707" s="10"/>
    </row>
    <row r="843708" spans="14:14">
      <c r="N843708" s="10"/>
    </row>
    <row r="843709" spans="14:14">
      <c r="N843709" s="10"/>
    </row>
    <row r="843710" spans="14:14">
      <c r="N843710" s="10"/>
    </row>
    <row r="843711" spans="14:14">
      <c r="N843711" s="10"/>
    </row>
    <row r="843712" spans="14:14">
      <c r="N843712" s="10"/>
    </row>
    <row r="843713" spans="14:14">
      <c r="N843713" s="10"/>
    </row>
    <row r="843714" spans="14:14">
      <c r="N843714" s="10"/>
    </row>
    <row r="843715" spans="14:14">
      <c r="N843715" s="10"/>
    </row>
    <row r="843716" spans="14:14">
      <c r="N843716" s="10"/>
    </row>
    <row r="843717" spans="14:14">
      <c r="N843717" s="10"/>
    </row>
    <row r="843718" spans="14:14">
      <c r="N843718" s="10"/>
    </row>
    <row r="843719" spans="14:14">
      <c r="N843719" s="10"/>
    </row>
    <row r="843720" spans="14:14">
      <c r="N843720" s="10"/>
    </row>
    <row r="843721" spans="14:14">
      <c r="N843721" s="10"/>
    </row>
    <row r="843722" spans="14:14">
      <c r="N843722" s="10"/>
    </row>
    <row r="843723" spans="14:14">
      <c r="N843723" s="10"/>
    </row>
    <row r="843724" spans="14:14">
      <c r="N843724" s="10"/>
    </row>
    <row r="843725" spans="14:14">
      <c r="N843725" s="10"/>
    </row>
    <row r="843726" spans="14:14">
      <c r="N843726" s="10"/>
    </row>
    <row r="843727" spans="14:14">
      <c r="N843727" s="10"/>
    </row>
    <row r="843728" spans="14:14">
      <c r="N843728" s="10"/>
    </row>
    <row r="843729" spans="14:14">
      <c r="N843729" s="10"/>
    </row>
    <row r="843730" spans="14:14">
      <c r="N843730" s="10"/>
    </row>
    <row r="843731" spans="14:14">
      <c r="N843731" s="10"/>
    </row>
    <row r="843732" spans="14:14">
      <c r="N843732" s="10"/>
    </row>
    <row r="843733" spans="14:14">
      <c r="N843733" s="10"/>
    </row>
    <row r="843734" spans="14:14">
      <c r="N843734" s="10"/>
    </row>
    <row r="843735" spans="14:14">
      <c r="N843735" s="10"/>
    </row>
    <row r="843736" spans="14:14">
      <c r="N843736" s="10"/>
    </row>
    <row r="843737" spans="14:14">
      <c r="N843737" s="10"/>
    </row>
    <row r="843738" spans="14:14">
      <c r="N843738" s="10"/>
    </row>
    <row r="843739" spans="14:14">
      <c r="N843739" s="10"/>
    </row>
    <row r="843740" spans="14:14">
      <c r="N843740" s="10"/>
    </row>
    <row r="843741" spans="14:14">
      <c r="N843741" s="10"/>
    </row>
    <row r="843742" spans="14:14">
      <c r="N843742" s="10"/>
    </row>
    <row r="843743" spans="14:14">
      <c r="N843743" s="10"/>
    </row>
    <row r="843744" spans="14:14">
      <c r="N843744" s="10"/>
    </row>
    <row r="843745" spans="14:14">
      <c r="N843745" s="10"/>
    </row>
    <row r="843746" spans="14:14">
      <c r="N843746" s="10"/>
    </row>
    <row r="843747" spans="14:14">
      <c r="N843747" s="10"/>
    </row>
    <row r="843748" spans="14:14">
      <c r="N843748" s="10"/>
    </row>
    <row r="843749" spans="14:14">
      <c r="N843749" s="10"/>
    </row>
    <row r="843750" spans="14:14">
      <c r="N843750" s="10"/>
    </row>
    <row r="843751" spans="14:14">
      <c r="N843751" s="10"/>
    </row>
    <row r="843752" spans="14:14">
      <c r="N843752" s="10"/>
    </row>
    <row r="843753" spans="14:14">
      <c r="N843753" s="10"/>
    </row>
    <row r="843754" spans="14:14">
      <c r="N843754" s="10"/>
    </row>
    <row r="843755" spans="14:14">
      <c r="N843755" s="10"/>
    </row>
    <row r="843756" spans="14:14">
      <c r="N843756" s="10"/>
    </row>
    <row r="843757" spans="14:14">
      <c r="N843757" s="10"/>
    </row>
    <row r="843758" spans="14:14">
      <c r="N843758" s="10"/>
    </row>
    <row r="843759" spans="14:14">
      <c r="N843759" s="10"/>
    </row>
    <row r="843760" spans="14:14">
      <c r="N843760" s="10"/>
    </row>
    <row r="843761" spans="14:14">
      <c r="N843761" s="10"/>
    </row>
    <row r="843762" spans="14:14">
      <c r="N843762" s="10"/>
    </row>
    <row r="843763" spans="14:14">
      <c r="N843763" s="10"/>
    </row>
    <row r="843764" spans="14:14">
      <c r="N843764" s="10"/>
    </row>
    <row r="843765" spans="14:14">
      <c r="N843765" s="10"/>
    </row>
    <row r="843766" spans="14:14">
      <c r="N843766" s="10"/>
    </row>
    <row r="843767" spans="14:14">
      <c r="N843767" s="10"/>
    </row>
    <row r="843768" spans="14:14">
      <c r="N843768" s="10"/>
    </row>
    <row r="843769" spans="14:14">
      <c r="N843769" s="10"/>
    </row>
    <row r="843770" spans="14:14">
      <c r="N843770" s="10"/>
    </row>
    <row r="843771" spans="14:14">
      <c r="N843771" s="10"/>
    </row>
    <row r="843772" spans="14:14">
      <c r="N843772" s="10"/>
    </row>
    <row r="843773" spans="14:14">
      <c r="N843773" s="10"/>
    </row>
    <row r="843774" spans="14:14">
      <c r="N843774" s="10"/>
    </row>
    <row r="843775" spans="14:14">
      <c r="N843775" s="10"/>
    </row>
    <row r="843776" spans="14:14">
      <c r="N843776" s="10"/>
    </row>
    <row r="843777" spans="14:14">
      <c r="N843777" s="10"/>
    </row>
    <row r="843778" spans="14:14">
      <c r="N843778" s="10"/>
    </row>
    <row r="843779" spans="14:14">
      <c r="N843779" s="10"/>
    </row>
    <row r="843780" spans="14:14">
      <c r="N843780" s="10"/>
    </row>
    <row r="843781" spans="14:14">
      <c r="N843781" s="10"/>
    </row>
    <row r="843782" spans="14:14">
      <c r="N843782" s="10"/>
    </row>
    <row r="843783" spans="14:14">
      <c r="N843783" s="10"/>
    </row>
    <row r="843784" spans="14:14">
      <c r="N843784" s="10"/>
    </row>
    <row r="843785" spans="14:14">
      <c r="N843785" s="10"/>
    </row>
    <row r="843786" spans="14:14">
      <c r="N843786" s="10"/>
    </row>
    <row r="843787" spans="14:14">
      <c r="N843787" s="10"/>
    </row>
    <row r="843788" spans="14:14">
      <c r="N843788" s="10"/>
    </row>
    <row r="843789" spans="14:14">
      <c r="N843789" s="10"/>
    </row>
    <row r="843790" spans="14:14">
      <c r="N843790" s="10"/>
    </row>
    <row r="843791" spans="14:14">
      <c r="N843791" s="10"/>
    </row>
    <row r="843792" spans="14:14">
      <c r="N843792" s="10"/>
    </row>
    <row r="843793" spans="14:14">
      <c r="N843793" s="10"/>
    </row>
    <row r="843794" spans="14:14">
      <c r="N843794" s="10"/>
    </row>
    <row r="843795" spans="14:14">
      <c r="N843795" s="10"/>
    </row>
    <row r="843796" spans="14:14">
      <c r="N843796" s="10"/>
    </row>
    <row r="843797" spans="14:14">
      <c r="N843797" s="10"/>
    </row>
    <row r="843798" spans="14:14">
      <c r="N843798" s="10"/>
    </row>
    <row r="843799" spans="14:14">
      <c r="N843799" s="10"/>
    </row>
    <row r="843800" spans="14:14">
      <c r="N843800" s="10"/>
    </row>
    <row r="843801" spans="14:14">
      <c r="N843801" s="10"/>
    </row>
    <row r="843802" spans="14:14">
      <c r="N843802" s="10"/>
    </row>
    <row r="843803" spans="14:14">
      <c r="N843803" s="10"/>
    </row>
    <row r="843804" spans="14:14">
      <c r="N843804" s="10"/>
    </row>
    <row r="843805" spans="14:14">
      <c r="N843805" s="10"/>
    </row>
    <row r="843806" spans="14:14">
      <c r="N843806" s="10"/>
    </row>
    <row r="843807" spans="14:14">
      <c r="N843807" s="10"/>
    </row>
    <row r="843808" spans="14:14">
      <c r="N843808" s="10"/>
    </row>
    <row r="843809" spans="14:14">
      <c r="N843809" s="10"/>
    </row>
    <row r="843810" spans="14:14">
      <c r="N843810" s="10"/>
    </row>
    <row r="843811" spans="14:14">
      <c r="N843811" s="10"/>
    </row>
    <row r="843812" spans="14:14">
      <c r="N843812" s="10"/>
    </row>
    <row r="843813" spans="14:14">
      <c r="N843813" s="10"/>
    </row>
    <row r="843814" spans="14:14">
      <c r="N843814" s="10"/>
    </row>
    <row r="843815" spans="14:14">
      <c r="N843815" s="10"/>
    </row>
    <row r="843816" spans="14:14">
      <c r="N843816" s="10"/>
    </row>
    <row r="843817" spans="14:14">
      <c r="N843817" s="10"/>
    </row>
    <row r="843818" spans="14:14">
      <c r="N843818" s="10"/>
    </row>
    <row r="843819" spans="14:14">
      <c r="N843819" s="10"/>
    </row>
    <row r="843820" spans="14:14">
      <c r="N843820" s="10"/>
    </row>
    <row r="843821" spans="14:14">
      <c r="N843821" s="10"/>
    </row>
    <row r="843822" spans="14:14">
      <c r="N843822" s="10"/>
    </row>
    <row r="843823" spans="14:14">
      <c r="N843823" s="10"/>
    </row>
    <row r="843824" spans="14:14">
      <c r="N843824" s="10"/>
    </row>
    <row r="843825" spans="14:14">
      <c r="N843825" s="10"/>
    </row>
    <row r="843826" spans="14:14">
      <c r="N843826" s="10"/>
    </row>
    <row r="843827" spans="14:14">
      <c r="N843827" s="10"/>
    </row>
    <row r="843828" spans="14:14">
      <c r="N843828" s="10"/>
    </row>
    <row r="843829" spans="14:14">
      <c r="N843829" s="10"/>
    </row>
    <row r="843830" spans="14:14">
      <c r="N843830" s="10"/>
    </row>
    <row r="843831" spans="14:14">
      <c r="N843831" s="10"/>
    </row>
    <row r="843832" spans="14:14">
      <c r="N843832" s="10"/>
    </row>
    <row r="843833" spans="14:14">
      <c r="N843833" s="10"/>
    </row>
    <row r="843834" spans="14:14">
      <c r="N843834" s="10"/>
    </row>
    <row r="843835" spans="14:14">
      <c r="N843835" s="10"/>
    </row>
    <row r="843836" spans="14:14">
      <c r="N843836" s="10"/>
    </row>
    <row r="843837" spans="14:14">
      <c r="N843837" s="10"/>
    </row>
    <row r="843838" spans="14:14">
      <c r="N843838" s="10"/>
    </row>
    <row r="843839" spans="14:14">
      <c r="N843839" s="10"/>
    </row>
    <row r="843840" spans="14:14">
      <c r="N843840" s="10"/>
    </row>
    <row r="843841" spans="14:14">
      <c r="N843841" s="10"/>
    </row>
    <row r="843842" spans="14:14">
      <c r="N843842" s="10"/>
    </row>
    <row r="843843" spans="14:14">
      <c r="N843843" s="10"/>
    </row>
    <row r="843844" spans="14:14">
      <c r="N843844" s="10"/>
    </row>
    <row r="843845" spans="14:14">
      <c r="N843845" s="10"/>
    </row>
    <row r="843846" spans="14:14">
      <c r="N843846" s="10"/>
    </row>
    <row r="843847" spans="14:14">
      <c r="N843847" s="10"/>
    </row>
    <row r="843848" spans="14:14">
      <c r="N843848" s="10"/>
    </row>
    <row r="843849" spans="14:14">
      <c r="N843849" s="10"/>
    </row>
    <row r="843850" spans="14:14">
      <c r="N843850" s="10"/>
    </row>
    <row r="843851" spans="14:14">
      <c r="N843851" s="10"/>
    </row>
    <row r="843852" spans="14:14">
      <c r="N843852" s="10"/>
    </row>
    <row r="843853" spans="14:14">
      <c r="N843853" s="10"/>
    </row>
    <row r="843854" spans="14:14">
      <c r="N843854" s="10"/>
    </row>
    <row r="843855" spans="14:14">
      <c r="N843855" s="10"/>
    </row>
    <row r="843856" spans="14:14">
      <c r="N843856" s="10"/>
    </row>
    <row r="843857" spans="14:14">
      <c r="N843857" s="10"/>
    </row>
    <row r="843858" spans="14:14">
      <c r="N843858" s="10"/>
    </row>
    <row r="843859" spans="14:14">
      <c r="N843859" s="10"/>
    </row>
    <row r="843860" spans="14:14">
      <c r="N843860" s="10"/>
    </row>
    <row r="843861" spans="14:14">
      <c r="N843861" s="10"/>
    </row>
    <row r="843862" spans="14:14">
      <c r="N843862" s="10"/>
    </row>
    <row r="843863" spans="14:14">
      <c r="N843863" s="10"/>
    </row>
    <row r="843864" spans="14:14">
      <c r="N843864" s="10"/>
    </row>
    <row r="843865" spans="14:14">
      <c r="N843865" s="10"/>
    </row>
    <row r="843866" spans="14:14">
      <c r="N843866" s="10"/>
    </row>
    <row r="843867" spans="14:14">
      <c r="N843867" s="10"/>
    </row>
    <row r="843868" spans="14:14">
      <c r="N843868" s="10"/>
    </row>
    <row r="843869" spans="14:14">
      <c r="N843869" s="10"/>
    </row>
    <row r="843870" spans="14:14">
      <c r="N843870" s="10"/>
    </row>
    <row r="843871" spans="14:14">
      <c r="N843871" s="10"/>
    </row>
    <row r="843872" spans="14:14">
      <c r="N843872" s="10"/>
    </row>
    <row r="843873" spans="14:14">
      <c r="N843873" s="10"/>
    </row>
    <row r="843874" spans="14:14">
      <c r="N843874" s="10"/>
    </row>
    <row r="843875" spans="14:14">
      <c r="N843875" s="10"/>
    </row>
    <row r="843876" spans="14:14">
      <c r="N843876" s="10"/>
    </row>
    <row r="843877" spans="14:14">
      <c r="N843877" s="10"/>
    </row>
    <row r="843878" spans="14:14">
      <c r="N843878" s="10"/>
    </row>
    <row r="843879" spans="14:14">
      <c r="N843879" s="10"/>
    </row>
    <row r="843880" spans="14:14">
      <c r="N843880" s="10"/>
    </row>
    <row r="843881" spans="14:14">
      <c r="N843881" s="10"/>
    </row>
    <row r="843882" spans="14:14">
      <c r="N843882" s="10"/>
    </row>
    <row r="843883" spans="14:14">
      <c r="N843883" s="10"/>
    </row>
    <row r="843884" spans="14:14">
      <c r="N843884" s="10"/>
    </row>
    <row r="843885" spans="14:14">
      <c r="N843885" s="10"/>
    </row>
    <row r="843886" spans="14:14">
      <c r="N843886" s="10"/>
    </row>
    <row r="843887" spans="14:14">
      <c r="N843887" s="10"/>
    </row>
    <row r="843888" spans="14:14">
      <c r="N843888" s="10"/>
    </row>
    <row r="843889" spans="14:14">
      <c r="N843889" s="10"/>
    </row>
    <row r="843890" spans="14:14">
      <c r="N843890" s="10"/>
    </row>
    <row r="843891" spans="14:14">
      <c r="N843891" s="10"/>
    </row>
    <row r="843892" spans="14:14">
      <c r="N843892" s="10"/>
    </row>
    <row r="843893" spans="14:14">
      <c r="N843893" s="10"/>
    </row>
    <row r="843894" spans="14:14">
      <c r="N843894" s="10"/>
    </row>
    <row r="843895" spans="14:14">
      <c r="N843895" s="10"/>
    </row>
    <row r="843896" spans="14:14">
      <c r="N843896" s="10"/>
    </row>
    <row r="843897" spans="14:14">
      <c r="N843897" s="10"/>
    </row>
    <row r="843898" spans="14:14">
      <c r="N843898" s="10"/>
    </row>
    <row r="843899" spans="14:14">
      <c r="N843899" s="10"/>
    </row>
    <row r="843900" spans="14:14">
      <c r="N843900" s="10"/>
    </row>
    <row r="843901" spans="14:14">
      <c r="N843901" s="10"/>
    </row>
    <row r="843902" spans="14:14">
      <c r="N843902" s="10"/>
    </row>
    <row r="843903" spans="14:14">
      <c r="N843903" s="10"/>
    </row>
    <row r="843904" spans="14:14">
      <c r="N843904" s="10"/>
    </row>
    <row r="843905" spans="14:14">
      <c r="N843905" s="10"/>
    </row>
    <row r="843906" spans="14:14">
      <c r="N843906" s="10"/>
    </row>
    <row r="843907" spans="14:14">
      <c r="N843907" s="10"/>
    </row>
    <row r="843908" spans="14:14">
      <c r="N843908" s="10"/>
    </row>
    <row r="843909" spans="14:14">
      <c r="N843909" s="10"/>
    </row>
    <row r="843910" spans="14:14">
      <c r="N843910" s="10"/>
    </row>
    <row r="843911" spans="14:14">
      <c r="N843911" s="10"/>
    </row>
    <row r="843912" spans="14:14">
      <c r="N843912" s="10"/>
    </row>
    <row r="843913" spans="14:14">
      <c r="N843913" s="10"/>
    </row>
    <row r="843914" spans="14:14">
      <c r="N843914" s="10"/>
    </row>
    <row r="843915" spans="14:14">
      <c r="N843915" s="10"/>
    </row>
    <row r="843916" spans="14:14">
      <c r="N843916" s="10"/>
    </row>
    <row r="843917" spans="14:14">
      <c r="N843917" s="10"/>
    </row>
    <row r="843918" spans="14:14">
      <c r="N843918" s="10"/>
    </row>
    <row r="843919" spans="14:14">
      <c r="N843919" s="10"/>
    </row>
    <row r="843920" spans="14:14">
      <c r="N843920" s="10"/>
    </row>
    <row r="843921" spans="14:14">
      <c r="N843921" s="10"/>
    </row>
    <row r="843922" spans="14:14">
      <c r="N843922" s="10"/>
    </row>
    <row r="843923" spans="14:14">
      <c r="N843923" s="10"/>
    </row>
    <row r="843924" spans="14:14">
      <c r="N843924" s="10"/>
    </row>
    <row r="843925" spans="14:14">
      <c r="N843925" s="10"/>
    </row>
    <row r="843926" spans="14:14">
      <c r="N843926" s="10"/>
    </row>
    <row r="843927" spans="14:14">
      <c r="N843927" s="10"/>
    </row>
    <row r="843928" spans="14:14">
      <c r="N843928" s="10"/>
    </row>
    <row r="843929" spans="14:14">
      <c r="N843929" s="10"/>
    </row>
    <row r="843930" spans="14:14">
      <c r="N843930" s="10"/>
    </row>
    <row r="843931" spans="14:14">
      <c r="N843931" s="10"/>
    </row>
    <row r="843932" spans="14:14">
      <c r="N843932" s="10"/>
    </row>
    <row r="843933" spans="14:14">
      <c r="N843933" s="10"/>
    </row>
    <row r="843934" spans="14:14">
      <c r="N843934" s="10"/>
    </row>
    <row r="843935" spans="14:14">
      <c r="N843935" s="10"/>
    </row>
    <row r="843936" spans="14:14">
      <c r="N843936" s="10"/>
    </row>
    <row r="843937" spans="14:14">
      <c r="N843937" s="10"/>
    </row>
    <row r="843938" spans="14:14">
      <c r="N843938" s="10"/>
    </row>
    <row r="843939" spans="14:14">
      <c r="N843939" s="10"/>
    </row>
    <row r="843940" spans="14:14">
      <c r="N843940" s="10"/>
    </row>
    <row r="843941" spans="14:14">
      <c r="N843941" s="10"/>
    </row>
    <row r="843942" spans="14:14">
      <c r="N843942" s="10"/>
    </row>
    <row r="843943" spans="14:14">
      <c r="N843943" s="10"/>
    </row>
    <row r="843944" spans="14:14">
      <c r="N843944" s="10"/>
    </row>
    <row r="843945" spans="14:14">
      <c r="N843945" s="10"/>
    </row>
    <row r="843946" spans="14:14">
      <c r="N843946" s="10"/>
    </row>
    <row r="843947" spans="14:14">
      <c r="N843947" s="10"/>
    </row>
    <row r="843948" spans="14:14">
      <c r="N843948" s="10"/>
    </row>
    <row r="843949" spans="14:14">
      <c r="N843949" s="10"/>
    </row>
    <row r="843950" spans="14:14">
      <c r="N843950" s="10"/>
    </row>
    <row r="843951" spans="14:14">
      <c r="N843951" s="10"/>
    </row>
    <row r="843952" spans="14:14">
      <c r="N843952" s="10"/>
    </row>
    <row r="843953" spans="14:14">
      <c r="N843953" s="10"/>
    </row>
    <row r="843954" spans="14:14">
      <c r="N843954" s="10"/>
    </row>
    <row r="843955" spans="14:14">
      <c r="N843955" s="10"/>
    </row>
    <row r="843956" spans="14:14">
      <c r="N843956" s="10"/>
    </row>
    <row r="843957" spans="14:14">
      <c r="N843957" s="10"/>
    </row>
    <row r="843958" spans="14:14">
      <c r="N843958" s="10"/>
    </row>
    <row r="843959" spans="14:14">
      <c r="N843959" s="10"/>
    </row>
    <row r="843960" spans="14:14">
      <c r="N843960" s="10"/>
    </row>
    <row r="843961" spans="14:14">
      <c r="N843961" s="10"/>
    </row>
    <row r="843962" spans="14:14">
      <c r="N843962" s="10"/>
    </row>
    <row r="843963" spans="14:14">
      <c r="N843963" s="10"/>
    </row>
    <row r="843964" spans="14:14">
      <c r="N843964" s="10"/>
    </row>
    <row r="843965" spans="14:14">
      <c r="N843965" s="10"/>
    </row>
    <row r="843966" spans="14:14">
      <c r="N843966" s="10"/>
    </row>
    <row r="843967" spans="14:14">
      <c r="N843967" s="10"/>
    </row>
    <row r="843968" spans="14:14">
      <c r="N843968" s="10"/>
    </row>
    <row r="843969" spans="14:14">
      <c r="N843969" s="10"/>
    </row>
    <row r="843970" spans="14:14">
      <c r="N843970" s="10"/>
    </row>
    <row r="843971" spans="14:14">
      <c r="N843971" s="10"/>
    </row>
    <row r="843972" spans="14:14">
      <c r="N843972" s="10"/>
    </row>
    <row r="843973" spans="14:14">
      <c r="N843973" s="10"/>
    </row>
    <row r="843974" spans="14:14">
      <c r="N843974" s="10"/>
    </row>
    <row r="843975" spans="14:14">
      <c r="N843975" s="10"/>
    </row>
    <row r="843976" spans="14:14">
      <c r="N843976" s="10"/>
    </row>
    <row r="843977" spans="14:14">
      <c r="N843977" s="10"/>
    </row>
    <row r="843978" spans="14:14">
      <c r="N843978" s="10"/>
    </row>
    <row r="843979" spans="14:14">
      <c r="N843979" s="10"/>
    </row>
    <row r="843980" spans="14:14">
      <c r="N843980" s="10"/>
    </row>
    <row r="843981" spans="14:14">
      <c r="N843981" s="10"/>
    </row>
    <row r="843982" spans="14:14">
      <c r="N843982" s="10"/>
    </row>
    <row r="843983" spans="14:14">
      <c r="N843983" s="10"/>
    </row>
    <row r="843984" spans="14:14">
      <c r="N843984" s="10"/>
    </row>
    <row r="843985" spans="14:14">
      <c r="N843985" s="10"/>
    </row>
    <row r="843986" spans="14:14">
      <c r="N843986" s="10"/>
    </row>
    <row r="843987" spans="14:14">
      <c r="N843987" s="10"/>
    </row>
    <row r="843988" spans="14:14">
      <c r="N843988" s="10"/>
    </row>
    <row r="843989" spans="14:14">
      <c r="N843989" s="10"/>
    </row>
    <row r="843990" spans="14:14">
      <c r="N843990" s="10"/>
    </row>
    <row r="843991" spans="14:14">
      <c r="N843991" s="10"/>
    </row>
    <row r="843992" spans="14:14">
      <c r="N843992" s="10"/>
    </row>
    <row r="843993" spans="14:14">
      <c r="N843993" s="10"/>
    </row>
    <row r="843994" spans="14:14">
      <c r="N843994" s="10"/>
    </row>
    <row r="843995" spans="14:14">
      <c r="N843995" s="10"/>
    </row>
    <row r="843996" spans="14:14">
      <c r="N843996" s="10"/>
    </row>
    <row r="843997" spans="14:14">
      <c r="N843997" s="10"/>
    </row>
    <row r="843998" spans="14:14">
      <c r="N843998" s="10"/>
    </row>
    <row r="843999" spans="14:14">
      <c r="N843999" s="10"/>
    </row>
    <row r="844000" spans="14:14">
      <c r="N844000" s="10"/>
    </row>
    <row r="844001" spans="14:14">
      <c r="N844001" s="10"/>
    </row>
    <row r="844002" spans="14:14">
      <c r="N844002" s="10"/>
    </row>
    <row r="844003" spans="14:14">
      <c r="N844003" s="10"/>
    </row>
    <row r="844004" spans="14:14">
      <c r="N844004" s="10"/>
    </row>
    <row r="844005" spans="14:14">
      <c r="N844005" s="10"/>
    </row>
    <row r="844006" spans="14:14">
      <c r="N844006" s="10"/>
    </row>
    <row r="844007" spans="14:14">
      <c r="N844007" s="10"/>
    </row>
    <row r="844008" spans="14:14">
      <c r="N844008" s="10"/>
    </row>
    <row r="844009" spans="14:14">
      <c r="N844009" s="10"/>
    </row>
    <row r="844010" spans="14:14">
      <c r="N844010" s="10"/>
    </row>
    <row r="844011" spans="14:14">
      <c r="N844011" s="10"/>
    </row>
    <row r="844012" spans="14:14">
      <c r="N844012" s="10"/>
    </row>
    <row r="844013" spans="14:14">
      <c r="N844013" s="10"/>
    </row>
    <row r="844014" spans="14:14">
      <c r="N844014" s="10"/>
    </row>
    <row r="844015" spans="14:14">
      <c r="N844015" s="10"/>
    </row>
    <row r="844016" spans="14:14">
      <c r="N844016" s="10"/>
    </row>
    <row r="844017" spans="14:14">
      <c r="N844017" s="10"/>
    </row>
    <row r="844018" spans="14:14">
      <c r="N844018" s="10"/>
    </row>
    <row r="844019" spans="14:14">
      <c r="N844019" s="10"/>
    </row>
    <row r="844020" spans="14:14">
      <c r="N844020" s="10"/>
    </row>
    <row r="844021" spans="14:14">
      <c r="N844021" s="10"/>
    </row>
    <row r="844022" spans="14:14">
      <c r="N844022" s="10"/>
    </row>
    <row r="844023" spans="14:14">
      <c r="N844023" s="10"/>
    </row>
    <row r="844024" spans="14:14">
      <c r="N844024" s="10"/>
    </row>
    <row r="844025" spans="14:14">
      <c r="N844025" s="10"/>
    </row>
    <row r="844026" spans="14:14">
      <c r="N844026" s="10"/>
    </row>
    <row r="844027" spans="14:14">
      <c r="N844027" s="10"/>
    </row>
    <row r="844028" spans="14:14">
      <c r="N844028" s="10"/>
    </row>
    <row r="844029" spans="14:14">
      <c r="N844029" s="10"/>
    </row>
    <row r="844030" spans="14:14">
      <c r="N844030" s="10"/>
    </row>
    <row r="844031" spans="14:14">
      <c r="N844031" s="10"/>
    </row>
    <row r="844032" spans="14:14">
      <c r="N844032" s="10"/>
    </row>
    <row r="844033" spans="14:14">
      <c r="N844033" s="10"/>
    </row>
    <row r="844034" spans="14:14">
      <c r="N844034" s="10"/>
    </row>
    <row r="844035" spans="14:14">
      <c r="N844035" s="10"/>
    </row>
    <row r="844036" spans="14:14">
      <c r="N844036" s="10"/>
    </row>
    <row r="844037" spans="14:14">
      <c r="N844037" s="10"/>
    </row>
    <row r="844038" spans="14:14">
      <c r="N844038" s="10"/>
    </row>
    <row r="844039" spans="14:14">
      <c r="N844039" s="10"/>
    </row>
    <row r="844040" spans="14:14">
      <c r="N844040" s="10"/>
    </row>
    <row r="844041" spans="14:14">
      <c r="N844041" s="10"/>
    </row>
    <row r="844042" spans="14:14">
      <c r="N844042" s="10"/>
    </row>
    <row r="844043" spans="14:14">
      <c r="N844043" s="10"/>
    </row>
    <row r="844044" spans="14:14">
      <c r="N844044" s="10"/>
    </row>
    <row r="844045" spans="14:14">
      <c r="N844045" s="10"/>
    </row>
    <row r="844046" spans="14:14">
      <c r="N844046" s="10"/>
    </row>
    <row r="844047" spans="14:14">
      <c r="N844047" s="10"/>
    </row>
    <row r="844048" spans="14:14">
      <c r="N844048" s="10"/>
    </row>
    <row r="844049" spans="14:14">
      <c r="N844049" s="10"/>
    </row>
    <row r="844050" spans="14:14">
      <c r="N844050" s="10"/>
    </row>
    <row r="844051" spans="14:14">
      <c r="N844051" s="10"/>
    </row>
    <row r="844052" spans="14:14">
      <c r="N844052" s="10"/>
    </row>
    <row r="844053" spans="14:14">
      <c r="N844053" s="10"/>
    </row>
    <row r="844054" spans="14:14">
      <c r="N844054" s="10"/>
    </row>
    <row r="844055" spans="14:14">
      <c r="N844055" s="10"/>
    </row>
    <row r="844056" spans="14:14">
      <c r="N844056" s="10"/>
    </row>
    <row r="844057" spans="14:14">
      <c r="N844057" s="10"/>
    </row>
    <row r="844058" spans="14:14">
      <c r="N844058" s="10"/>
    </row>
    <row r="844059" spans="14:14">
      <c r="N844059" s="10"/>
    </row>
    <row r="844060" spans="14:14">
      <c r="N844060" s="10"/>
    </row>
    <row r="844061" spans="14:14">
      <c r="N844061" s="10"/>
    </row>
    <row r="844062" spans="14:14">
      <c r="N844062" s="10"/>
    </row>
    <row r="844063" spans="14:14">
      <c r="N844063" s="10"/>
    </row>
    <row r="844064" spans="14:14">
      <c r="N844064" s="10"/>
    </row>
    <row r="844065" spans="14:14">
      <c r="N844065" s="10"/>
    </row>
    <row r="844066" spans="14:14">
      <c r="N844066" s="10"/>
    </row>
    <row r="844067" spans="14:14">
      <c r="N844067" s="10"/>
    </row>
    <row r="844068" spans="14:14">
      <c r="N844068" s="10"/>
    </row>
    <row r="844069" spans="14:14">
      <c r="N844069" s="10"/>
    </row>
    <row r="844070" spans="14:14">
      <c r="N844070" s="10"/>
    </row>
    <row r="844071" spans="14:14">
      <c r="N844071" s="10"/>
    </row>
    <row r="844072" spans="14:14">
      <c r="N844072" s="10"/>
    </row>
    <row r="844073" spans="14:14">
      <c r="N844073" s="10"/>
    </row>
    <row r="844074" spans="14:14">
      <c r="N844074" s="10"/>
    </row>
    <row r="844075" spans="14:14">
      <c r="N844075" s="10"/>
    </row>
    <row r="844076" spans="14:14">
      <c r="N844076" s="10"/>
    </row>
    <row r="844077" spans="14:14">
      <c r="N844077" s="10"/>
    </row>
    <row r="844078" spans="14:14">
      <c r="N844078" s="10"/>
    </row>
    <row r="844079" spans="14:14">
      <c r="N844079" s="10"/>
    </row>
    <row r="844080" spans="14:14">
      <c r="N844080" s="10"/>
    </row>
    <row r="844081" spans="14:14">
      <c r="N844081" s="10"/>
    </row>
    <row r="844082" spans="14:14">
      <c r="N844082" s="10"/>
    </row>
    <row r="844083" spans="14:14">
      <c r="N844083" s="10"/>
    </row>
    <row r="844084" spans="14:14">
      <c r="N844084" s="10"/>
    </row>
    <row r="844085" spans="14:14">
      <c r="N844085" s="10"/>
    </row>
    <row r="844086" spans="14:14">
      <c r="N844086" s="10"/>
    </row>
    <row r="844087" spans="14:14">
      <c r="N844087" s="10"/>
    </row>
    <row r="844088" spans="14:14">
      <c r="N844088" s="10"/>
    </row>
    <row r="844089" spans="14:14">
      <c r="N844089" s="10"/>
    </row>
    <row r="844090" spans="14:14">
      <c r="N844090" s="10"/>
    </row>
    <row r="844091" spans="14:14">
      <c r="N844091" s="10"/>
    </row>
    <row r="844092" spans="14:14">
      <c r="N844092" s="10"/>
    </row>
    <row r="844093" spans="14:14">
      <c r="N844093" s="10"/>
    </row>
    <row r="844094" spans="14:14">
      <c r="N844094" s="10"/>
    </row>
    <row r="844095" spans="14:14">
      <c r="N844095" s="10"/>
    </row>
    <row r="844096" spans="14:14">
      <c r="N844096" s="10"/>
    </row>
    <row r="844097" spans="14:14">
      <c r="N844097" s="10"/>
    </row>
    <row r="844098" spans="14:14">
      <c r="N844098" s="10"/>
    </row>
    <row r="844099" spans="14:14">
      <c r="N844099" s="10"/>
    </row>
    <row r="844100" spans="14:14">
      <c r="N844100" s="10"/>
    </row>
    <row r="844101" spans="14:14">
      <c r="N844101" s="10"/>
    </row>
    <row r="844102" spans="14:14">
      <c r="N844102" s="10"/>
    </row>
    <row r="844103" spans="14:14">
      <c r="N844103" s="10"/>
    </row>
    <row r="844104" spans="14:14">
      <c r="N844104" s="10"/>
    </row>
    <row r="844105" spans="14:14">
      <c r="N844105" s="10"/>
    </row>
    <row r="844106" spans="14:14">
      <c r="N844106" s="10"/>
    </row>
    <row r="844107" spans="14:14">
      <c r="N844107" s="10"/>
    </row>
    <row r="844108" spans="14:14">
      <c r="N844108" s="10"/>
    </row>
    <row r="844109" spans="14:14">
      <c r="N844109" s="10"/>
    </row>
    <row r="844110" spans="14:14">
      <c r="N844110" s="10"/>
    </row>
    <row r="844111" spans="14:14">
      <c r="N844111" s="10"/>
    </row>
    <row r="844112" spans="14:14">
      <c r="N844112" s="10"/>
    </row>
    <row r="844113" spans="14:14">
      <c r="N844113" s="10"/>
    </row>
    <row r="844114" spans="14:14">
      <c r="N844114" s="10"/>
    </row>
    <row r="844115" spans="14:14">
      <c r="N844115" s="10"/>
    </row>
    <row r="844116" spans="14:14">
      <c r="N844116" s="10"/>
    </row>
    <row r="844117" spans="14:14">
      <c r="N844117" s="10"/>
    </row>
    <row r="844118" spans="14:14">
      <c r="N844118" s="10"/>
    </row>
    <row r="844119" spans="14:14">
      <c r="N844119" s="10"/>
    </row>
    <row r="844120" spans="14:14">
      <c r="N844120" s="10"/>
    </row>
    <row r="844121" spans="14:14">
      <c r="N844121" s="10"/>
    </row>
    <row r="844122" spans="14:14">
      <c r="N844122" s="10"/>
    </row>
    <row r="844123" spans="14:14">
      <c r="N844123" s="10"/>
    </row>
    <row r="844124" spans="14:14">
      <c r="N844124" s="10"/>
    </row>
    <row r="844125" spans="14:14">
      <c r="N844125" s="10"/>
    </row>
    <row r="844126" spans="14:14">
      <c r="N844126" s="10"/>
    </row>
    <row r="844127" spans="14:14">
      <c r="N844127" s="10"/>
    </row>
    <row r="844128" spans="14:14">
      <c r="N844128" s="10"/>
    </row>
    <row r="844129" spans="14:14">
      <c r="N844129" s="10"/>
    </row>
    <row r="844130" spans="14:14">
      <c r="N844130" s="10"/>
    </row>
    <row r="844131" spans="14:14">
      <c r="N844131" s="10"/>
    </row>
    <row r="844132" spans="14:14">
      <c r="N844132" s="10"/>
    </row>
    <row r="844133" spans="14:14">
      <c r="N844133" s="10"/>
    </row>
    <row r="844134" spans="14:14">
      <c r="N844134" s="10"/>
    </row>
    <row r="844135" spans="14:14">
      <c r="N844135" s="10"/>
    </row>
    <row r="844136" spans="14:14">
      <c r="N844136" s="10"/>
    </row>
    <row r="844137" spans="14:14">
      <c r="N844137" s="10"/>
    </row>
    <row r="844138" spans="14:14">
      <c r="N844138" s="10"/>
    </row>
    <row r="844139" spans="14:14">
      <c r="N844139" s="10"/>
    </row>
    <row r="844140" spans="14:14">
      <c r="N844140" s="10"/>
    </row>
    <row r="844141" spans="14:14">
      <c r="N844141" s="10"/>
    </row>
    <row r="844142" spans="14:14">
      <c r="N844142" s="10"/>
    </row>
    <row r="844143" spans="14:14">
      <c r="N844143" s="10"/>
    </row>
    <row r="844144" spans="14:14">
      <c r="N844144" s="10"/>
    </row>
    <row r="844145" spans="14:14">
      <c r="N844145" s="10"/>
    </row>
    <row r="844146" spans="14:14">
      <c r="N844146" s="10"/>
    </row>
    <row r="844147" spans="14:14">
      <c r="N844147" s="10"/>
    </row>
    <row r="844148" spans="14:14">
      <c r="N844148" s="10"/>
    </row>
    <row r="844149" spans="14:14">
      <c r="N844149" s="10"/>
    </row>
    <row r="844150" spans="14:14">
      <c r="N844150" s="10"/>
    </row>
    <row r="844151" spans="14:14">
      <c r="N844151" s="10"/>
    </row>
    <row r="844152" spans="14:14">
      <c r="N844152" s="10"/>
    </row>
    <row r="844153" spans="14:14">
      <c r="N844153" s="10"/>
    </row>
    <row r="844154" spans="14:14">
      <c r="N844154" s="10"/>
    </row>
    <row r="844155" spans="14:14">
      <c r="N844155" s="10"/>
    </row>
    <row r="844156" spans="14:14">
      <c r="N844156" s="10"/>
    </row>
    <row r="844157" spans="14:14">
      <c r="N844157" s="10"/>
    </row>
    <row r="844158" spans="14:14">
      <c r="N844158" s="10"/>
    </row>
    <row r="844159" spans="14:14">
      <c r="N844159" s="10"/>
    </row>
    <row r="844160" spans="14:14">
      <c r="N844160" s="10"/>
    </row>
    <row r="844161" spans="14:14">
      <c r="N844161" s="10"/>
    </row>
    <row r="844162" spans="14:14">
      <c r="N844162" s="10"/>
    </row>
    <row r="844163" spans="14:14">
      <c r="N844163" s="10"/>
    </row>
    <row r="844164" spans="14:14">
      <c r="N844164" s="10"/>
    </row>
    <row r="844165" spans="14:14">
      <c r="N844165" s="10"/>
    </row>
    <row r="844166" spans="14:14">
      <c r="N844166" s="10"/>
    </row>
    <row r="844167" spans="14:14">
      <c r="N844167" s="10"/>
    </row>
    <row r="844168" spans="14:14">
      <c r="N844168" s="10"/>
    </row>
    <row r="844169" spans="14:14">
      <c r="N844169" s="10"/>
    </row>
    <row r="844170" spans="14:14">
      <c r="N844170" s="10"/>
    </row>
    <row r="844171" spans="14:14">
      <c r="N844171" s="10"/>
    </row>
    <row r="844172" spans="14:14">
      <c r="N844172" s="10"/>
    </row>
    <row r="844173" spans="14:14">
      <c r="N844173" s="10"/>
    </row>
    <row r="844174" spans="14:14">
      <c r="N844174" s="10"/>
    </row>
    <row r="844175" spans="14:14">
      <c r="N844175" s="10"/>
    </row>
    <row r="844176" spans="14:14">
      <c r="N844176" s="10"/>
    </row>
    <row r="844177" spans="14:14">
      <c r="N844177" s="10"/>
    </row>
    <row r="844178" spans="14:14">
      <c r="N844178" s="10"/>
    </row>
    <row r="844179" spans="14:14">
      <c r="N844179" s="10"/>
    </row>
    <row r="844180" spans="14:14">
      <c r="N844180" s="10"/>
    </row>
    <row r="844181" spans="14:14">
      <c r="N844181" s="10"/>
    </row>
    <row r="844182" spans="14:14">
      <c r="N844182" s="10"/>
    </row>
    <row r="844183" spans="14:14">
      <c r="N844183" s="10"/>
    </row>
    <row r="844184" spans="14:14">
      <c r="N844184" s="10"/>
    </row>
    <row r="844185" spans="14:14">
      <c r="N844185" s="10"/>
    </row>
    <row r="844186" spans="14:14">
      <c r="N844186" s="10"/>
    </row>
    <row r="844187" spans="14:14">
      <c r="N844187" s="10"/>
    </row>
    <row r="844188" spans="14:14">
      <c r="N844188" s="10"/>
    </row>
    <row r="844189" spans="14:14">
      <c r="N844189" s="10"/>
    </row>
    <row r="844190" spans="14:14">
      <c r="N844190" s="10"/>
    </row>
    <row r="844191" spans="14:14">
      <c r="N844191" s="10"/>
    </row>
    <row r="844192" spans="14:14">
      <c r="N844192" s="10"/>
    </row>
    <row r="844193" spans="14:14">
      <c r="N844193" s="10"/>
    </row>
    <row r="844194" spans="14:14">
      <c r="N844194" s="10"/>
    </row>
    <row r="844195" spans="14:14">
      <c r="N844195" s="10"/>
    </row>
    <row r="844196" spans="14:14">
      <c r="N844196" s="10"/>
    </row>
    <row r="844197" spans="14:14">
      <c r="N844197" s="10"/>
    </row>
    <row r="844198" spans="14:14">
      <c r="N844198" s="10"/>
    </row>
    <row r="844199" spans="14:14">
      <c r="N844199" s="10"/>
    </row>
    <row r="844200" spans="14:14">
      <c r="N844200" s="10"/>
    </row>
    <row r="844201" spans="14:14">
      <c r="N844201" s="10"/>
    </row>
    <row r="844202" spans="14:14">
      <c r="N844202" s="10"/>
    </row>
    <row r="844203" spans="14:14">
      <c r="N844203" s="10"/>
    </row>
    <row r="844204" spans="14:14">
      <c r="N844204" s="10"/>
    </row>
    <row r="844205" spans="14:14">
      <c r="N844205" s="10"/>
    </row>
    <row r="844206" spans="14:14">
      <c r="N844206" s="10"/>
    </row>
    <row r="844207" spans="14:14">
      <c r="N844207" s="10"/>
    </row>
    <row r="844208" spans="14:14">
      <c r="N844208" s="10"/>
    </row>
    <row r="844209" spans="14:14">
      <c r="N844209" s="10"/>
    </row>
    <row r="844210" spans="14:14">
      <c r="N844210" s="10"/>
    </row>
    <row r="844211" spans="14:14">
      <c r="N844211" s="10"/>
    </row>
    <row r="844212" spans="14:14">
      <c r="N844212" s="10"/>
    </row>
    <row r="844213" spans="14:14">
      <c r="N844213" s="10"/>
    </row>
    <row r="844214" spans="14:14">
      <c r="N844214" s="10"/>
    </row>
    <row r="844215" spans="14:14">
      <c r="N844215" s="10"/>
    </row>
    <row r="844216" spans="14:14">
      <c r="N844216" s="10"/>
    </row>
    <row r="844217" spans="14:14">
      <c r="N844217" s="10"/>
    </row>
    <row r="844218" spans="14:14">
      <c r="N844218" s="10"/>
    </row>
    <row r="844219" spans="14:14">
      <c r="N844219" s="10"/>
    </row>
    <row r="844220" spans="14:14">
      <c r="N844220" s="10"/>
    </row>
    <row r="844221" spans="14:14">
      <c r="N844221" s="10"/>
    </row>
    <row r="844222" spans="14:14">
      <c r="N844222" s="10"/>
    </row>
    <row r="844223" spans="14:14">
      <c r="N844223" s="10"/>
    </row>
    <row r="844224" spans="14:14">
      <c r="N844224" s="10"/>
    </row>
    <row r="844225" spans="14:14">
      <c r="N844225" s="10"/>
    </row>
    <row r="844226" spans="14:14">
      <c r="N844226" s="10"/>
    </row>
    <row r="844227" spans="14:14">
      <c r="N844227" s="10"/>
    </row>
    <row r="844228" spans="14:14">
      <c r="N844228" s="10"/>
    </row>
    <row r="844229" spans="14:14">
      <c r="N844229" s="10"/>
    </row>
    <row r="844230" spans="14:14">
      <c r="N844230" s="10"/>
    </row>
    <row r="844231" spans="14:14">
      <c r="N844231" s="10"/>
    </row>
    <row r="844232" spans="14:14">
      <c r="N844232" s="10"/>
    </row>
    <row r="844233" spans="14:14">
      <c r="N844233" s="10"/>
    </row>
    <row r="844234" spans="14:14">
      <c r="N844234" s="10"/>
    </row>
    <row r="844235" spans="14:14">
      <c r="N844235" s="10"/>
    </row>
    <row r="844236" spans="14:14">
      <c r="N844236" s="10"/>
    </row>
    <row r="844237" spans="14:14">
      <c r="N844237" s="10"/>
    </row>
    <row r="844238" spans="14:14">
      <c r="N844238" s="10"/>
    </row>
    <row r="844239" spans="14:14">
      <c r="N844239" s="10"/>
    </row>
    <row r="844240" spans="14:14">
      <c r="N844240" s="10"/>
    </row>
    <row r="844241" spans="14:14">
      <c r="N844241" s="10"/>
    </row>
    <row r="844242" spans="14:14">
      <c r="N844242" s="10"/>
    </row>
    <row r="844243" spans="14:14">
      <c r="N844243" s="10"/>
    </row>
    <row r="844244" spans="14:14">
      <c r="N844244" s="10"/>
    </row>
    <row r="844245" spans="14:14">
      <c r="N844245" s="10"/>
    </row>
    <row r="844246" spans="14:14">
      <c r="N844246" s="10"/>
    </row>
    <row r="844247" spans="14:14">
      <c r="N844247" s="10"/>
    </row>
    <row r="844248" spans="14:14">
      <c r="N844248" s="10"/>
    </row>
    <row r="844249" spans="14:14">
      <c r="N844249" s="10"/>
    </row>
    <row r="844250" spans="14:14">
      <c r="N844250" s="10"/>
    </row>
    <row r="844251" spans="14:14">
      <c r="N844251" s="10"/>
    </row>
    <row r="844252" spans="14:14">
      <c r="N844252" s="10"/>
    </row>
    <row r="844253" spans="14:14">
      <c r="N844253" s="10"/>
    </row>
    <row r="844254" spans="14:14">
      <c r="N844254" s="10"/>
    </row>
    <row r="844255" spans="14:14">
      <c r="N844255" s="10"/>
    </row>
    <row r="844256" spans="14:14">
      <c r="N844256" s="10"/>
    </row>
    <row r="844257" spans="14:14">
      <c r="N844257" s="10"/>
    </row>
    <row r="844258" spans="14:14">
      <c r="N844258" s="10"/>
    </row>
    <row r="844259" spans="14:14">
      <c r="N844259" s="10"/>
    </row>
    <row r="844260" spans="14:14">
      <c r="N844260" s="10"/>
    </row>
    <row r="844261" spans="14:14">
      <c r="N844261" s="10"/>
    </row>
    <row r="844262" spans="14:14">
      <c r="N844262" s="10"/>
    </row>
    <row r="844263" spans="14:14">
      <c r="N844263" s="10"/>
    </row>
    <row r="844264" spans="14:14">
      <c r="N844264" s="10"/>
    </row>
    <row r="844265" spans="14:14">
      <c r="N844265" s="10"/>
    </row>
    <row r="844266" spans="14:14">
      <c r="N844266" s="10"/>
    </row>
    <row r="844267" spans="14:14">
      <c r="N844267" s="10"/>
    </row>
    <row r="844268" spans="14:14">
      <c r="N844268" s="10"/>
    </row>
    <row r="844269" spans="14:14">
      <c r="N844269" s="10"/>
    </row>
    <row r="844270" spans="14:14">
      <c r="N844270" s="10"/>
    </row>
    <row r="844271" spans="14:14">
      <c r="N844271" s="10"/>
    </row>
    <row r="844272" spans="14:14">
      <c r="N844272" s="10"/>
    </row>
    <row r="844273" spans="14:14">
      <c r="N844273" s="10"/>
    </row>
    <row r="844274" spans="14:14">
      <c r="N844274" s="10"/>
    </row>
    <row r="844275" spans="14:14">
      <c r="N844275" s="10"/>
    </row>
    <row r="844276" spans="14:14">
      <c r="N844276" s="10"/>
    </row>
    <row r="844277" spans="14:14">
      <c r="N844277" s="10"/>
    </row>
    <row r="844278" spans="14:14">
      <c r="N844278" s="10"/>
    </row>
    <row r="844279" spans="14:14">
      <c r="N844279" s="10"/>
    </row>
    <row r="844280" spans="14:14">
      <c r="N844280" s="10"/>
    </row>
    <row r="844281" spans="14:14">
      <c r="N844281" s="10"/>
    </row>
    <row r="844282" spans="14:14">
      <c r="N844282" s="10"/>
    </row>
    <row r="844283" spans="14:14">
      <c r="N844283" s="10"/>
    </row>
    <row r="844284" spans="14:14">
      <c r="N844284" s="10"/>
    </row>
    <row r="844285" spans="14:14">
      <c r="N844285" s="10"/>
    </row>
    <row r="844286" spans="14:14">
      <c r="N844286" s="10"/>
    </row>
    <row r="844287" spans="14:14">
      <c r="N844287" s="10"/>
    </row>
    <row r="844288" spans="14:14">
      <c r="N844288" s="10"/>
    </row>
    <row r="844289" spans="14:14">
      <c r="N844289" s="10"/>
    </row>
    <row r="844290" spans="14:14">
      <c r="N844290" s="10"/>
    </row>
    <row r="844291" spans="14:14">
      <c r="N844291" s="10"/>
    </row>
    <row r="844292" spans="14:14">
      <c r="N844292" s="10"/>
    </row>
    <row r="844293" spans="14:14">
      <c r="N844293" s="10"/>
    </row>
    <row r="844294" spans="14:14">
      <c r="N844294" s="10"/>
    </row>
    <row r="844295" spans="14:14">
      <c r="N844295" s="10"/>
    </row>
    <row r="844296" spans="14:14">
      <c r="N844296" s="10"/>
    </row>
    <row r="844297" spans="14:14">
      <c r="N844297" s="10"/>
    </row>
    <row r="844298" spans="14:14">
      <c r="N844298" s="10"/>
    </row>
    <row r="844299" spans="14:14">
      <c r="N844299" s="10"/>
    </row>
    <row r="844300" spans="14:14">
      <c r="N844300" s="10"/>
    </row>
    <row r="844301" spans="14:14">
      <c r="N844301" s="10"/>
    </row>
    <row r="844302" spans="14:14">
      <c r="N844302" s="10"/>
    </row>
    <row r="844303" spans="14:14">
      <c r="N844303" s="10"/>
    </row>
    <row r="844304" spans="14:14">
      <c r="N844304" s="10"/>
    </row>
    <row r="844305" spans="14:14">
      <c r="N844305" s="10"/>
    </row>
    <row r="844306" spans="14:14">
      <c r="N844306" s="10"/>
    </row>
    <row r="844307" spans="14:14">
      <c r="N844307" s="10"/>
    </row>
    <row r="844308" spans="14:14">
      <c r="N844308" s="10"/>
    </row>
    <row r="844309" spans="14:14">
      <c r="N844309" s="10"/>
    </row>
    <row r="844310" spans="14:14">
      <c r="N844310" s="10"/>
    </row>
    <row r="844311" spans="14:14">
      <c r="N844311" s="10"/>
    </row>
    <row r="844312" spans="14:14">
      <c r="N844312" s="10"/>
    </row>
    <row r="844313" spans="14:14">
      <c r="N844313" s="10"/>
    </row>
    <row r="844314" spans="14:14">
      <c r="N844314" s="10"/>
    </row>
    <row r="844315" spans="14:14">
      <c r="N844315" s="10"/>
    </row>
    <row r="844316" spans="14:14">
      <c r="N844316" s="10"/>
    </row>
    <row r="844317" spans="14:14">
      <c r="N844317" s="10"/>
    </row>
    <row r="844318" spans="14:14">
      <c r="N844318" s="10"/>
    </row>
    <row r="844319" spans="14:14">
      <c r="N844319" s="10"/>
    </row>
    <row r="844320" spans="14:14">
      <c r="N844320" s="10"/>
    </row>
    <row r="844321" spans="14:14">
      <c r="N844321" s="10"/>
    </row>
    <row r="844322" spans="14:14">
      <c r="N844322" s="10"/>
    </row>
    <row r="844323" spans="14:14">
      <c r="N844323" s="10"/>
    </row>
    <row r="844324" spans="14:14">
      <c r="N844324" s="10"/>
    </row>
    <row r="844325" spans="14:14">
      <c r="N844325" s="10"/>
    </row>
    <row r="844326" spans="14:14">
      <c r="N844326" s="10"/>
    </row>
    <row r="844327" spans="14:14">
      <c r="N844327" s="10"/>
    </row>
    <row r="844328" spans="14:14">
      <c r="N844328" s="10"/>
    </row>
    <row r="844329" spans="14:14">
      <c r="N844329" s="10"/>
    </row>
    <row r="844330" spans="14:14">
      <c r="N844330" s="10"/>
    </row>
    <row r="844331" spans="14:14">
      <c r="N844331" s="10"/>
    </row>
    <row r="844332" spans="14:14">
      <c r="N844332" s="10"/>
    </row>
    <row r="844333" spans="14:14">
      <c r="N844333" s="10"/>
    </row>
    <row r="844334" spans="14:14">
      <c r="N844334" s="10"/>
    </row>
    <row r="844335" spans="14:14">
      <c r="N844335" s="10"/>
    </row>
    <row r="844336" spans="14:14">
      <c r="N844336" s="10"/>
    </row>
    <row r="844337" spans="14:14">
      <c r="N844337" s="10"/>
    </row>
    <row r="844338" spans="14:14">
      <c r="N844338" s="10"/>
    </row>
    <row r="844339" spans="14:14">
      <c r="N844339" s="10"/>
    </row>
    <row r="844340" spans="14:14">
      <c r="N844340" s="10"/>
    </row>
    <row r="844341" spans="14:14">
      <c r="N844341" s="10"/>
    </row>
    <row r="844342" spans="14:14">
      <c r="N844342" s="10"/>
    </row>
    <row r="844343" spans="14:14">
      <c r="N844343" s="10"/>
    </row>
    <row r="844344" spans="14:14">
      <c r="N844344" s="10"/>
    </row>
    <row r="844345" spans="14:14">
      <c r="N844345" s="10"/>
    </row>
    <row r="844346" spans="14:14">
      <c r="N844346" s="10"/>
    </row>
    <row r="844347" spans="14:14">
      <c r="N844347" s="10"/>
    </row>
    <row r="844348" spans="14:14">
      <c r="N844348" s="10"/>
    </row>
    <row r="844349" spans="14:14">
      <c r="N844349" s="10"/>
    </row>
    <row r="844350" spans="14:14">
      <c r="N844350" s="10"/>
    </row>
    <row r="844351" spans="14:14">
      <c r="N844351" s="10"/>
    </row>
    <row r="844352" spans="14:14">
      <c r="N844352" s="10"/>
    </row>
    <row r="844353" spans="14:14">
      <c r="N844353" s="10"/>
    </row>
    <row r="844354" spans="14:14">
      <c r="N844354" s="10"/>
    </row>
    <row r="844355" spans="14:14">
      <c r="N844355" s="10"/>
    </row>
    <row r="844356" spans="14:14">
      <c r="N844356" s="10"/>
    </row>
    <row r="844357" spans="14:14">
      <c r="N844357" s="10"/>
    </row>
    <row r="844358" spans="14:14">
      <c r="N844358" s="10"/>
    </row>
    <row r="844359" spans="14:14">
      <c r="N844359" s="10"/>
    </row>
    <row r="844360" spans="14:14">
      <c r="N844360" s="10"/>
    </row>
    <row r="844361" spans="14:14">
      <c r="N844361" s="10"/>
    </row>
    <row r="844362" spans="14:14">
      <c r="N844362" s="10"/>
    </row>
    <row r="844363" spans="14:14">
      <c r="N844363" s="10"/>
    </row>
    <row r="844364" spans="14:14">
      <c r="N844364" s="10"/>
    </row>
    <row r="844365" spans="14:14">
      <c r="N844365" s="10"/>
    </row>
    <row r="844366" spans="14:14">
      <c r="N844366" s="10"/>
    </row>
    <row r="844367" spans="14:14">
      <c r="N844367" s="10"/>
    </row>
    <row r="844368" spans="14:14">
      <c r="N844368" s="10"/>
    </row>
    <row r="844369" spans="14:14">
      <c r="N844369" s="10"/>
    </row>
    <row r="844370" spans="14:14">
      <c r="N844370" s="10"/>
    </row>
    <row r="844371" spans="14:14">
      <c r="N844371" s="10"/>
    </row>
    <row r="844372" spans="14:14">
      <c r="N844372" s="10"/>
    </row>
    <row r="844373" spans="14:14">
      <c r="N844373" s="10"/>
    </row>
    <row r="844374" spans="14:14">
      <c r="N844374" s="10"/>
    </row>
    <row r="844375" spans="14:14">
      <c r="N844375" s="10"/>
    </row>
    <row r="844376" spans="14:14">
      <c r="N844376" s="10"/>
    </row>
    <row r="844377" spans="14:14">
      <c r="N844377" s="10"/>
    </row>
    <row r="844378" spans="14:14">
      <c r="N844378" s="10"/>
    </row>
    <row r="844379" spans="14:14">
      <c r="N844379" s="10"/>
    </row>
    <row r="844380" spans="14:14">
      <c r="N844380" s="10"/>
    </row>
    <row r="844381" spans="14:14">
      <c r="N844381" s="10"/>
    </row>
    <row r="844382" spans="14:14">
      <c r="N844382" s="10"/>
    </row>
    <row r="844383" spans="14:14">
      <c r="N844383" s="10"/>
    </row>
    <row r="844384" spans="14:14">
      <c r="N844384" s="10"/>
    </row>
    <row r="844385" spans="14:14">
      <c r="N844385" s="10"/>
    </row>
    <row r="844386" spans="14:14">
      <c r="N844386" s="10"/>
    </row>
    <row r="844387" spans="14:14">
      <c r="N844387" s="10"/>
    </row>
    <row r="844388" spans="14:14">
      <c r="N844388" s="10"/>
    </row>
    <row r="844389" spans="14:14">
      <c r="N844389" s="10"/>
    </row>
    <row r="844390" spans="14:14">
      <c r="N844390" s="10"/>
    </row>
    <row r="844391" spans="14:14">
      <c r="N844391" s="10"/>
    </row>
    <row r="844392" spans="14:14">
      <c r="N844392" s="10"/>
    </row>
    <row r="844393" spans="14:14">
      <c r="N844393" s="10"/>
    </row>
    <row r="844394" spans="14:14">
      <c r="N844394" s="10"/>
    </row>
    <row r="844395" spans="14:14">
      <c r="N844395" s="10"/>
    </row>
    <row r="844396" spans="14:14">
      <c r="N844396" s="10"/>
    </row>
    <row r="844397" spans="14:14">
      <c r="N844397" s="10"/>
    </row>
    <row r="844398" spans="14:14">
      <c r="N844398" s="10"/>
    </row>
    <row r="844399" spans="14:14">
      <c r="N844399" s="10"/>
    </row>
    <row r="844400" spans="14:14">
      <c r="N844400" s="10"/>
    </row>
    <row r="844401" spans="14:14">
      <c r="N844401" s="10"/>
    </row>
    <row r="844402" spans="14:14">
      <c r="N844402" s="10"/>
    </row>
    <row r="844403" spans="14:14">
      <c r="N844403" s="10"/>
    </row>
    <row r="844404" spans="14:14">
      <c r="N844404" s="10"/>
    </row>
    <row r="844405" spans="14:14">
      <c r="N844405" s="10"/>
    </row>
    <row r="844406" spans="14:14">
      <c r="N844406" s="10"/>
    </row>
    <row r="844407" spans="14:14">
      <c r="N844407" s="10"/>
    </row>
    <row r="844408" spans="14:14">
      <c r="N844408" s="10"/>
    </row>
    <row r="844409" spans="14:14">
      <c r="N844409" s="10"/>
    </row>
    <row r="844410" spans="14:14">
      <c r="N844410" s="10"/>
    </row>
    <row r="844411" spans="14:14">
      <c r="N844411" s="10"/>
    </row>
    <row r="844412" spans="14:14">
      <c r="N844412" s="10"/>
    </row>
    <row r="844413" spans="14:14">
      <c r="N844413" s="10"/>
    </row>
    <row r="844414" spans="14:14">
      <c r="N844414" s="10"/>
    </row>
    <row r="844415" spans="14:14">
      <c r="N844415" s="10"/>
    </row>
    <row r="844416" spans="14:14">
      <c r="N844416" s="10"/>
    </row>
    <row r="844417" spans="14:14">
      <c r="N844417" s="10"/>
    </row>
    <row r="844418" spans="14:14">
      <c r="N844418" s="10"/>
    </row>
    <row r="844419" spans="14:14">
      <c r="N844419" s="10"/>
    </row>
    <row r="844420" spans="14:14">
      <c r="N844420" s="10"/>
    </row>
    <row r="844421" spans="14:14">
      <c r="N844421" s="10"/>
    </row>
    <row r="844422" spans="14:14">
      <c r="N844422" s="10"/>
    </row>
    <row r="844423" spans="14:14">
      <c r="N844423" s="10"/>
    </row>
    <row r="844424" spans="14:14">
      <c r="N844424" s="10"/>
    </row>
    <row r="844425" spans="14:14">
      <c r="N844425" s="10"/>
    </row>
    <row r="844426" spans="14:14">
      <c r="N844426" s="10"/>
    </row>
    <row r="844427" spans="14:14">
      <c r="N844427" s="10"/>
    </row>
    <row r="844428" spans="14:14">
      <c r="N844428" s="10"/>
    </row>
    <row r="844429" spans="14:14">
      <c r="N844429" s="10"/>
    </row>
    <row r="844430" spans="14:14">
      <c r="N844430" s="10"/>
    </row>
    <row r="844431" spans="14:14">
      <c r="N844431" s="10"/>
    </row>
    <row r="844432" spans="14:14">
      <c r="N844432" s="10"/>
    </row>
    <row r="844433" spans="14:14">
      <c r="N844433" s="10"/>
    </row>
    <row r="844434" spans="14:14">
      <c r="N844434" s="10"/>
    </row>
    <row r="844435" spans="14:14">
      <c r="N844435" s="10"/>
    </row>
    <row r="844436" spans="14:14">
      <c r="N844436" s="10"/>
    </row>
    <row r="844437" spans="14:14">
      <c r="N844437" s="10"/>
    </row>
    <row r="844438" spans="14:14">
      <c r="N844438" s="10"/>
    </row>
    <row r="844439" spans="14:14">
      <c r="N844439" s="10"/>
    </row>
    <row r="844440" spans="14:14">
      <c r="N844440" s="10"/>
    </row>
    <row r="844441" spans="14:14">
      <c r="N844441" s="10"/>
    </row>
    <row r="844442" spans="14:14">
      <c r="N844442" s="10"/>
    </row>
    <row r="844443" spans="14:14">
      <c r="N844443" s="10"/>
    </row>
    <row r="844444" spans="14:14">
      <c r="N844444" s="10"/>
    </row>
    <row r="844445" spans="14:14">
      <c r="N844445" s="10"/>
    </row>
    <row r="844446" spans="14:14">
      <c r="N844446" s="10"/>
    </row>
    <row r="844447" spans="14:14">
      <c r="N844447" s="10"/>
    </row>
    <row r="844448" spans="14:14">
      <c r="N844448" s="10"/>
    </row>
    <row r="844449" spans="14:14">
      <c r="N844449" s="10"/>
    </row>
    <row r="844450" spans="14:14">
      <c r="N844450" s="10"/>
    </row>
    <row r="844451" spans="14:14">
      <c r="N844451" s="10"/>
    </row>
    <row r="844452" spans="14:14">
      <c r="N844452" s="10"/>
    </row>
    <row r="844453" spans="14:14">
      <c r="N844453" s="10"/>
    </row>
    <row r="844454" spans="14:14">
      <c r="N844454" s="10"/>
    </row>
    <row r="844455" spans="14:14">
      <c r="N844455" s="10"/>
    </row>
    <row r="844456" spans="14:14">
      <c r="N844456" s="10"/>
    </row>
    <row r="844457" spans="14:14">
      <c r="N844457" s="10"/>
    </row>
    <row r="844458" spans="14:14">
      <c r="N844458" s="10"/>
    </row>
    <row r="844459" spans="14:14">
      <c r="N844459" s="10"/>
    </row>
    <row r="844460" spans="14:14">
      <c r="N844460" s="10"/>
    </row>
    <row r="844461" spans="14:14">
      <c r="N844461" s="10"/>
    </row>
    <row r="844462" spans="14:14">
      <c r="N844462" s="10"/>
    </row>
    <row r="844463" spans="14:14">
      <c r="N844463" s="10"/>
    </row>
    <row r="844464" spans="14:14">
      <c r="N844464" s="10"/>
    </row>
    <row r="844465" spans="14:14">
      <c r="N844465" s="10"/>
    </row>
    <row r="844466" spans="14:14">
      <c r="N844466" s="10"/>
    </row>
    <row r="844467" spans="14:14">
      <c r="N844467" s="10"/>
    </row>
    <row r="844468" spans="14:14">
      <c r="N844468" s="10"/>
    </row>
    <row r="844469" spans="14:14">
      <c r="N844469" s="10"/>
    </row>
    <row r="844470" spans="14:14">
      <c r="N844470" s="10"/>
    </row>
    <row r="844471" spans="14:14">
      <c r="N844471" s="10"/>
    </row>
    <row r="844472" spans="14:14">
      <c r="N844472" s="10"/>
    </row>
    <row r="844473" spans="14:14">
      <c r="N844473" s="10"/>
    </row>
    <row r="844474" spans="14:14">
      <c r="N844474" s="10"/>
    </row>
    <row r="844475" spans="14:14">
      <c r="N844475" s="10"/>
    </row>
    <row r="844476" spans="14:14">
      <c r="N844476" s="10"/>
    </row>
    <row r="844477" spans="14:14">
      <c r="N844477" s="10"/>
    </row>
    <row r="844478" spans="14:14">
      <c r="N844478" s="10"/>
    </row>
    <row r="844479" spans="14:14">
      <c r="N844479" s="10"/>
    </row>
    <row r="844480" spans="14:14">
      <c r="N844480" s="10"/>
    </row>
    <row r="844481" spans="14:14">
      <c r="N844481" s="10"/>
    </row>
    <row r="844482" spans="14:14">
      <c r="N844482" s="10"/>
    </row>
    <row r="844483" spans="14:14">
      <c r="N844483" s="10"/>
    </row>
    <row r="844484" spans="14:14">
      <c r="N844484" s="10"/>
    </row>
    <row r="844485" spans="14:14">
      <c r="N844485" s="10"/>
    </row>
    <row r="844486" spans="14:14">
      <c r="N844486" s="10"/>
    </row>
    <row r="844487" spans="14:14">
      <c r="N844487" s="10"/>
    </row>
    <row r="844488" spans="14:14">
      <c r="N844488" s="10"/>
    </row>
    <row r="844489" spans="14:14">
      <c r="N844489" s="10"/>
    </row>
    <row r="844490" spans="14:14">
      <c r="N844490" s="10"/>
    </row>
    <row r="844491" spans="14:14">
      <c r="N844491" s="10"/>
    </row>
    <row r="844492" spans="14:14">
      <c r="N844492" s="10"/>
    </row>
    <row r="844493" spans="14:14">
      <c r="N844493" s="10"/>
    </row>
    <row r="844494" spans="14:14">
      <c r="N844494" s="10"/>
    </row>
    <row r="844495" spans="14:14">
      <c r="N844495" s="10"/>
    </row>
    <row r="844496" spans="14:14">
      <c r="N844496" s="10"/>
    </row>
    <row r="844497" spans="14:14">
      <c r="N844497" s="10"/>
    </row>
    <row r="844498" spans="14:14">
      <c r="N844498" s="10"/>
    </row>
    <row r="844499" spans="14:14">
      <c r="N844499" s="10"/>
    </row>
    <row r="844500" spans="14:14">
      <c r="N844500" s="10"/>
    </row>
    <row r="844501" spans="14:14">
      <c r="N844501" s="10"/>
    </row>
    <row r="844502" spans="14:14">
      <c r="N844502" s="10"/>
    </row>
    <row r="844503" spans="14:14">
      <c r="N844503" s="10"/>
    </row>
    <row r="844504" spans="14:14">
      <c r="N844504" s="10"/>
    </row>
    <row r="844505" spans="14:14">
      <c r="N844505" s="10"/>
    </row>
    <row r="844506" spans="14:14">
      <c r="N844506" s="10"/>
    </row>
    <row r="844507" spans="14:14">
      <c r="N844507" s="10"/>
    </row>
    <row r="844508" spans="14:14">
      <c r="N844508" s="10"/>
    </row>
    <row r="844509" spans="14:14">
      <c r="N844509" s="10"/>
    </row>
    <row r="844510" spans="14:14">
      <c r="N844510" s="10"/>
    </row>
    <row r="844511" spans="14:14">
      <c r="N844511" s="10"/>
    </row>
    <row r="844512" spans="14:14">
      <c r="N844512" s="10"/>
    </row>
    <row r="844513" spans="14:14">
      <c r="N844513" s="10"/>
    </row>
    <row r="844514" spans="14:14">
      <c r="N844514" s="10"/>
    </row>
    <row r="844515" spans="14:14">
      <c r="N844515" s="10"/>
    </row>
    <row r="844516" spans="14:14">
      <c r="N844516" s="10"/>
    </row>
    <row r="844517" spans="14:14">
      <c r="N844517" s="10"/>
    </row>
    <row r="844518" spans="14:14">
      <c r="N844518" s="10"/>
    </row>
    <row r="844519" spans="14:14">
      <c r="N844519" s="10"/>
    </row>
    <row r="844520" spans="14:14">
      <c r="N844520" s="10"/>
    </row>
    <row r="844521" spans="14:14">
      <c r="N844521" s="10"/>
    </row>
    <row r="844522" spans="14:14">
      <c r="N844522" s="10"/>
    </row>
    <row r="844523" spans="14:14">
      <c r="N844523" s="10"/>
    </row>
    <row r="844524" spans="14:14">
      <c r="N844524" s="10"/>
    </row>
    <row r="844525" spans="14:14">
      <c r="N844525" s="10"/>
    </row>
    <row r="844526" spans="14:14">
      <c r="N844526" s="10"/>
    </row>
    <row r="844527" spans="14:14">
      <c r="N844527" s="10"/>
    </row>
    <row r="844528" spans="14:14">
      <c r="N844528" s="10"/>
    </row>
    <row r="844529" spans="14:14">
      <c r="N844529" s="10"/>
    </row>
    <row r="844530" spans="14:14">
      <c r="N844530" s="10"/>
    </row>
    <row r="844531" spans="14:14">
      <c r="N844531" s="10"/>
    </row>
    <row r="844532" spans="14:14">
      <c r="N844532" s="10"/>
    </row>
    <row r="844533" spans="14:14">
      <c r="N844533" s="10"/>
    </row>
    <row r="844534" spans="14:14">
      <c r="N844534" s="10"/>
    </row>
    <row r="844535" spans="14:14">
      <c r="N844535" s="10"/>
    </row>
    <row r="844536" spans="14:14">
      <c r="N844536" s="10"/>
    </row>
    <row r="844537" spans="14:14">
      <c r="N844537" s="10"/>
    </row>
    <row r="844538" spans="14:14">
      <c r="N844538" s="10"/>
    </row>
    <row r="844539" spans="14:14">
      <c r="N844539" s="10"/>
    </row>
    <row r="844540" spans="14:14">
      <c r="N844540" s="10"/>
    </row>
    <row r="844541" spans="14:14">
      <c r="N844541" s="10"/>
    </row>
    <row r="844542" spans="14:14">
      <c r="N844542" s="10"/>
    </row>
    <row r="844543" spans="14:14">
      <c r="N844543" s="10"/>
    </row>
    <row r="844544" spans="14:14">
      <c r="N844544" s="10"/>
    </row>
    <row r="844545" spans="14:14">
      <c r="N844545" s="10"/>
    </row>
    <row r="844546" spans="14:14">
      <c r="N844546" s="10"/>
    </row>
    <row r="844547" spans="14:14">
      <c r="N844547" s="10"/>
    </row>
    <row r="844548" spans="14:14">
      <c r="N844548" s="10"/>
    </row>
    <row r="844549" spans="14:14">
      <c r="N844549" s="10"/>
    </row>
    <row r="844550" spans="14:14">
      <c r="N844550" s="10"/>
    </row>
    <row r="844551" spans="14:14">
      <c r="N844551" s="10"/>
    </row>
    <row r="844552" spans="14:14">
      <c r="N844552" s="10"/>
    </row>
    <row r="844553" spans="14:14">
      <c r="N844553" s="10"/>
    </row>
    <row r="844554" spans="14:14">
      <c r="N844554" s="10"/>
    </row>
    <row r="844555" spans="14:14">
      <c r="N844555" s="10"/>
    </row>
    <row r="844556" spans="14:14">
      <c r="N844556" s="10"/>
    </row>
    <row r="844557" spans="14:14">
      <c r="N844557" s="10"/>
    </row>
    <row r="844558" spans="14:14">
      <c r="N844558" s="10"/>
    </row>
    <row r="844559" spans="14:14">
      <c r="N844559" s="10"/>
    </row>
    <row r="844560" spans="14:14">
      <c r="N844560" s="10"/>
    </row>
    <row r="844561" spans="14:14">
      <c r="N844561" s="10"/>
    </row>
    <row r="844562" spans="14:14">
      <c r="N844562" s="10"/>
    </row>
    <row r="844563" spans="14:14">
      <c r="N844563" s="10"/>
    </row>
    <row r="844564" spans="14:14">
      <c r="N844564" s="10"/>
    </row>
    <row r="844565" spans="14:14">
      <c r="N844565" s="10"/>
    </row>
    <row r="844566" spans="14:14">
      <c r="N844566" s="10"/>
    </row>
    <row r="844567" spans="14:14">
      <c r="N844567" s="10"/>
    </row>
    <row r="844568" spans="14:14">
      <c r="N844568" s="10"/>
    </row>
    <row r="844569" spans="14:14">
      <c r="N844569" s="10"/>
    </row>
    <row r="844570" spans="14:14">
      <c r="N844570" s="10"/>
    </row>
    <row r="844571" spans="14:14">
      <c r="N844571" s="10"/>
    </row>
    <row r="844572" spans="14:14">
      <c r="N844572" s="10"/>
    </row>
    <row r="844573" spans="14:14">
      <c r="N844573" s="10"/>
    </row>
    <row r="844574" spans="14:14">
      <c r="N844574" s="10"/>
    </row>
    <row r="844575" spans="14:14">
      <c r="N844575" s="10"/>
    </row>
    <row r="844576" spans="14:14">
      <c r="N844576" s="10"/>
    </row>
    <row r="844577" spans="14:14">
      <c r="N844577" s="10"/>
    </row>
    <row r="844578" spans="14:14">
      <c r="N844578" s="10"/>
    </row>
    <row r="844579" spans="14:14">
      <c r="N844579" s="10"/>
    </row>
    <row r="844580" spans="14:14">
      <c r="N844580" s="10"/>
    </row>
    <row r="844581" spans="14:14">
      <c r="N844581" s="10"/>
    </row>
    <row r="844582" spans="14:14">
      <c r="N844582" s="10"/>
    </row>
    <row r="844583" spans="14:14">
      <c r="N844583" s="10"/>
    </row>
    <row r="844584" spans="14:14">
      <c r="N844584" s="10"/>
    </row>
    <row r="844585" spans="14:14">
      <c r="N844585" s="10"/>
    </row>
    <row r="844586" spans="14:14">
      <c r="N844586" s="10"/>
    </row>
    <row r="844587" spans="14:14">
      <c r="N844587" s="10"/>
    </row>
    <row r="844588" spans="14:14">
      <c r="N844588" s="10"/>
    </row>
    <row r="844589" spans="14:14">
      <c r="N844589" s="10"/>
    </row>
    <row r="844590" spans="14:14">
      <c r="N844590" s="10"/>
    </row>
    <row r="844591" spans="14:14">
      <c r="N844591" s="10"/>
    </row>
    <row r="844592" spans="14:14">
      <c r="N844592" s="10"/>
    </row>
    <row r="844593" spans="14:14">
      <c r="N844593" s="10"/>
    </row>
    <row r="844594" spans="14:14">
      <c r="N844594" s="10"/>
    </row>
    <row r="844595" spans="14:14">
      <c r="N844595" s="10"/>
    </row>
    <row r="844596" spans="14:14">
      <c r="N844596" s="10"/>
    </row>
    <row r="844597" spans="14:14">
      <c r="N844597" s="10"/>
    </row>
    <row r="844598" spans="14:14">
      <c r="N844598" s="10"/>
    </row>
    <row r="844599" spans="14:14">
      <c r="N844599" s="10"/>
    </row>
    <row r="844600" spans="14:14">
      <c r="N844600" s="10"/>
    </row>
    <row r="844601" spans="14:14">
      <c r="N844601" s="10"/>
    </row>
    <row r="844602" spans="14:14">
      <c r="N844602" s="10"/>
    </row>
    <row r="844603" spans="14:14">
      <c r="N844603" s="10"/>
    </row>
    <row r="844604" spans="14:14">
      <c r="N844604" s="10"/>
    </row>
    <row r="844605" spans="14:14">
      <c r="N844605" s="10"/>
    </row>
    <row r="844606" spans="14:14">
      <c r="N844606" s="10"/>
    </row>
    <row r="844607" spans="14:14">
      <c r="N844607" s="10"/>
    </row>
    <row r="844608" spans="14:14">
      <c r="N844608" s="10"/>
    </row>
    <row r="844609" spans="14:14">
      <c r="N844609" s="10"/>
    </row>
    <row r="844610" spans="14:14">
      <c r="N844610" s="10"/>
    </row>
    <row r="844611" spans="14:14">
      <c r="N844611" s="10"/>
    </row>
    <row r="844612" spans="14:14">
      <c r="N844612" s="10"/>
    </row>
    <row r="844613" spans="14:14">
      <c r="N844613" s="10"/>
    </row>
    <row r="844614" spans="14:14">
      <c r="N844614" s="10"/>
    </row>
    <row r="844615" spans="14:14">
      <c r="N844615" s="10"/>
    </row>
    <row r="844616" spans="14:14">
      <c r="N844616" s="10"/>
    </row>
    <row r="844617" spans="14:14">
      <c r="N844617" s="10"/>
    </row>
    <row r="844618" spans="14:14">
      <c r="N844618" s="10"/>
    </row>
    <row r="844619" spans="14:14">
      <c r="N844619" s="10"/>
    </row>
    <row r="844620" spans="14:14">
      <c r="N844620" s="10"/>
    </row>
    <row r="844621" spans="14:14">
      <c r="N844621" s="10"/>
    </row>
    <row r="844622" spans="14:14">
      <c r="N844622" s="10"/>
    </row>
    <row r="844623" spans="14:14">
      <c r="N844623" s="10"/>
    </row>
    <row r="844624" spans="14:14">
      <c r="N844624" s="10"/>
    </row>
    <row r="844625" spans="14:14">
      <c r="N844625" s="10"/>
    </row>
    <row r="844626" spans="14:14">
      <c r="N844626" s="10"/>
    </row>
    <row r="844627" spans="14:14">
      <c r="N844627" s="10"/>
    </row>
    <row r="844628" spans="14:14">
      <c r="N844628" s="10"/>
    </row>
    <row r="844629" spans="14:14">
      <c r="N844629" s="10"/>
    </row>
    <row r="844630" spans="14:14">
      <c r="N844630" s="10"/>
    </row>
    <row r="844631" spans="14:14">
      <c r="N844631" s="10"/>
    </row>
    <row r="844632" spans="14:14">
      <c r="N844632" s="10"/>
    </row>
    <row r="844633" spans="14:14">
      <c r="N844633" s="10"/>
    </row>
    <row r="844634" spans="14:14">
      <c r="N844634" s="10"/>
    </row>
    <row r="844635" spans="14:14">
      <c r="N844635" s="10"/>
    </row>
    <row r="844636" spans="14:14">
      <c r="N844636" s="10"/>
    </row>
    <row r="844637" spans="14:14">
      <c r="N844637" s="10"/>
    </row>
    <row r="844638" spans="14:14">
      <c r="N844638" s="10"/>
    </row>
    <row r="844639" spans="14:14">
      <c r="N844639" s="10"/>
    </row>
    <row r="844640" spans="14:14">
      <c r="N844640" s="10"/>
    </row>
    <row r="844641" spans="14:14">
      <c r="N844641" s="10"/>
    </row>
    <row r="844642" spans="14:14">
      <c r="N844642" s="10"/>
    </row>
    <row r="844643" spans="14:14">
      <c r="N844643" s="10"/>
    </row>
    <row r="844644" spans="14:14">
      <c r="N844644" s="10"/>
    </row>
    <row r="844645" spans="14:14">
      <c r="N844645" s="10"/>
    </row>
    <row r="844646" spans="14:14">
      <c r="N844646" s="10"/>
    </row>
    <row r="844647" spans="14:14">
      <c r="N844647" s="10"/>
    </row>
    <row r="844648" spans="14:14">
      <c r="N844648" s="10"/>
    </row>
    <row r="844649" spans="14:14">
      <c r="N844649" s="10"/>
    </row>
    <row r="844650" spans="14:14">
      <c r="N844650" s="10"/>
    </row>
    <row r="844651" spans="14:14">
      <c r="N844651" s="10"/>
    </row>
    <row r="844652" spans="14:14">
      <c r="N844652" s="10"/>
    </row>
    <row r="844653" spans="14:14">
      <c r="N844653" s="10"/>
    </row>
    <row r="844654" spans="14:14">
      <c r="N844654" s="10"/>
    </row>
    <row r="844655" spans="14:14">
      <c r="N844655" s="10"/>
    </row>
    <row r="844656" spans="14:14">
      <c r="N844656" s="10"/>
    </row>
    <row r="844657" spans="14:14">
      <c r="N844657" s="10"/>
    </row>
    <row r="844658" spans="14:14">
      <c r="N844658" s="10"/>
    </row>
    <row r="844659" spans="14:14">
      <c r="N844659" s="10"/>
    </row>
    <row r="844660" spans="14:14">
      <c r="N844660" s="10"/>
    </row>
    <row r="844661" spans="14:14">
      <c r="N844661" s="10"/>
    </row>
    <row r="844662" spans="14:14">
      <c r="N844662" s="10"/>
    </row>
    <row r="844663" spans="14:14">
      <c r="N844663" s="10"/>
    </row>
    <row r="844664" spans="14:14">
      <c r="N844664" s="10"/>
    </row>
    <row r="844665" spans="14:14">
      <c r="N844665" s="10"/>
    </row>
    <row r="844666" spans="14:14">
      <c r="N844666" s="10"/>
    </row>
    <row r="844667" spans="14:14">
      <c r="N844667" s="10"/>
    </row>
    <row r="844668" spans="14:14">
      <c r="N844668" s="10"/>
    </row>
    <row r="844669" spans="14:14">
      <c r="N844669" s="10"/>
    </row>
    <row r="844670" spans="14:14">
      <c r="N844670" s="10"/>
    </row>
    <row r="844671" spans="14:14">
      <c r="N844671" s="10"/>
    </row>
    <row r="844672" spans="14:14">
      <c r="N844672" s="10"/>
    </row>
    <row r="844673" spans="14:14">
      <c r="N844673" s="10"/>
    </row>
    <row r="844674" spans="14:14">
      <c r="N844674" s="10"/>
    </row>
    <row r="844675" spans="14:14">
      <c r="N844675" s="10"/>
    </row>
    <row r="844676" spans="14:14">
      <c r="N844676" s="10"/>
    </row>
    <row r="844677" spans="14:14">
      <c r="N844677" s="10"/>
    </row>
    <row r="844678" spans="14:14">
      <c r="N844678" s="10"/>
    </row>
    <row r="844679" spans="14:14">
      <c r="N844679" s="10"/>
    </row>
    <row r="844680" spans="14:14">
      <c r="N844680" s="10"/>
    </row>
    <row r="844681" spans="14:14">
      <c r="N844681" s="10"/>
    </row>
    <row r="844682" spans="14:14">
      <c r="N844682" s="10"/>
    </row>
    <row r="844683" spans="14:14">
      <c r="N844683" s="10"/>
    </row>
    <row r="844684" spans="14:14">
      <c r="N844684" s="10"/>
    </row>
    <row r="844685" spans="14:14">
      <c r="N844685" s="10"/>
    </row>
    <row r="844686" spans="14:14">
      <c r="N844686" s="10"/>
    </row>
    <row r="844687" spans="14:14">
      <c r="N844687" s="10"/>
    </row>
    <row r="844688" spans="14:14">
      <c r="N844688" s="10"/>
    </row>
    <row r="844689" spans="14:14">
      <c r="N844689" s="10"/>
    </row>
    <row r="844690" spans="14:14">
      <c r="N844690" s="10"/>
    </row>
    <row r="844691" spans="14:14">
      <c r="N844691" s="10"/>
    </row>
    <row r="844692" spans="14:14">
      <c r="N844692" s="10"/>
    </row>
    <row r="844693" spans="14:14">
      <c r="N844693" s="10"/>
    </row>
    <row r="844694" spans="14:14">
      <c r="N844694" s="10"/>
    </row>
    <row r="844695" spans="14:14">
      <c r="N844695" s="10"/>
    </row>
    <row r="844696" spans="14:14">
      <c r="N844696" s="10"/>
    </row>
    <row r="844697" spans="14:14">
      <c r="N844697" s="10"/>
    </row>
    <row r="844698" spans="14:14">
      <c r="N844698" s="10"/>
    </row>
    <row r="844699" spans="14:14">
      <c r="N844699" s="10"/>
    </row>
    <row r="844700" spans="14:14">
      <c r="N844700" s="10"/>
    </row>
    <row r="844701" spans="14:14">
      <c r="N844701" s="10"/>
    </row>
    <row r="844702" spans="14:14">
      <c r="N844702" s="10"/>
    </row>
    <row r="844703" spans="14:14">
      <c r="N844703" s="10"/>
    </row>
    <row r="844704" spans="14:14">
      <c r="N844704" s="10"/>
    </row>
    <row r="844705" spans="14:14">
      <c r="N844705" s="10"/>
    </row>
    <row r="844706" spans="14:14">
      <c r="N844706" s="10"/>
    </row>
    <row r="844707" spans="14:14">
      <c r="N844707" s="10"/>
    </row>
    <row r="844708" spans="14:14">
      <c r="N844708" s="10"/>
    </row>
    <row r="844709" spans="14:14">
      <c r="N844709" s="10"/>
    </row>
    <row r="844710" spans="14:14">
      <c r="N844710" s="10"/>
    </row>
    <row r="844711" spans="14:14">
      <c r="N844711" s="10"/>
    </row>
    <row r="844712" spans="14:14">
      <c r="N844712" s="10"/>
    </row>
    <row r="844713" spans="14:14">
      <c r="N844713" s="10"/>
    </row>
    <row r="844714" spans="14:14">
      <c r="N844714" s="10"/>
    </row>
    <row r="844715" spans="14:14">
      <c r="N844715" s="10"/>
    </row>
    <row r="844716" spans="14:14">
      <c r="N844716" s="10"/>
    </row>
    <row r="844717" spans="14:14">
      <c r="N844717" s="10"/>
    </row>
    <row r="844718" spans="14:14">
      <c r="N844718" s="10"/>
    </row>
    <row r="844719" spans="14:14">
      <c r="N844719" s="10"/>
    </row>
    <row r="844720" spans="14:14">
      <c r="N844720" s="10"/>
    </row>
    <row r="844721" spans="14:14">
      <c r="N844721" s="10"/>
    </row>
    <row r="844722" spans="14:14">
      <c r="N844722" s="10"/>
    </row>
    <row r="844723" spans="14:14">
      <c r="N844723" s="10"/>
    </row>
    <row r="844724" spans="14:14">
      <c r="N844724" s="10"/>
    </row>
    <row r="844725" spans="14:14">
      <c r="N844725" s="10"/>
    </row>
    <row r="844726" spans="14:14">
      <c r="N844726" s="10"/>
    </row>
    <row r="844727" spans="14:14">
      <c r="N844727" s="10"/>
    </row>
    <row r="844728" spans="14:14">
      <c r="N844728" s="10"/>
    </row>
    <row r="844729" spans="14:14">
      <c r="N844729" s="10"/>
    </row>
    <row r="844730" spans="14:14">
      <c r="N844730" s="10"/>
    </row>
    <row r="844731" spans="14:14">
      <c r="N844731" s="10"/>
    </row>
    <row r="844732" spans="14:14">
      <c r="N844732" s="10"/>
    </row>
    <row r="844733" spans="14:14">
      <c r="N844733" s="10"/>
    </row>
    <row r="844734" spans="14:14">
      <c r="N844734" s="10"/>
    </row>
    <row r="844735" spans="14:14">
      <c r="N844735" s="10"/>
    </row>
    <row r="844736" spans="14:14">
      <c r="N844736" s="10"/>
    </row>
    <row r="844737" spans="14:14">
      <c r="N844737" s="10"/>
    </row>
    <row r="844738" spans="14:14">
      <c r="N844738" s="10"/>
    </row>
    <row r="844739" spans="14:14">
      <c r="N844739" s="10"/>
    </row>
    <row r="844740" spans="14:14">
      <c r="N844740" s="10"/>
    </row>
    <row r="844741" spans="14:14">
      <c r="N844741" s="10"/>
    </row>
    <row r="844742" spans="14:14">
      <c r="N844742" s="10"/>
    </row>
    <row r="844743" spans="14:14">
      <c r="N844743" s="10"/>
    </row>
    <row r="844744" spans="14:14">
      <c r="N844744" s="10"/>
    </row>
    <row r="844745" spans="14:14">
      <c r="N844745" s="10"/>
    </row>
    <row r="844746" spans="14:14">
      <c r="N844746" s="10"/>
    </row>
    <row r="844747" spans="14:14">
      <c r="N844747" s="10"/>
    </row>
    <row r="844748" spans="14:14">
      <c r="N844748" s="10"/>
    </row>
    <row r="844749" spans="14:14">
      <c r="N844749" s="10"/>
    </row>
    <row r="844750" spans="14:14">
      <c r="N844750" s="10"/>
    </row>
    <row r="844751" spans="14:14">
      <c r="N844751" s="10"/>
    </row>
    <row r="844752" spans="14:14">
      <c r="N844752" s="10"/>
    </row>
    <row r="844753" spans="14:14">
      <c r="N844753" s="10"/>
    </row>
    <row r="844754" spans="14:14">
      <c r="N844754" s="10"/>
    </row>
    <row r="844755" spans="14:14">
      <c r="N844755" s="10"/>
    </row>
    <row r="844756" spans="14:14">
      <c r="N844756" s="10"/>
    </row>
    <row r="844757" spans="14:14">
      <c r="N844757" s="10"/>
    </row>
    <row r="844758" spans="14:14">
      <c r="N844758" s="10"/>
    </row>
    <row r="844759" spans="14:14">
      <c r="N844759" s="10"/>
    </row>
    <row r="844760" spans="14:14">
      <c r="N844760" s="10"/>
    </row>
    <row r="844761" spans="14:14">
      <c r="N844761" s="10"/>
    </row>
    <row r="844762" spans="14:14">
      <c r="N844762" s="10"/>
    </row>
    <row r="844763" spans="14:14">
      <c r="N844763" s="10"/>
    </row>
    <row r="844764" spans="14:14">
      <c r="N844764" s="10"/>
    </row>
    <row r="844765" spans="14:14">
      <c r="N844765" s="10"/>
    </row>
    <row r="844766" spans="14:14">
      <c r="N844766" s="10"/>
    </row>
    <row r="844767" spans="14:14">
      <c r="N844767" s="10"/>
    </row>
    <row r="844768" spans="14:14">
      <c r="N844768" s="10"/>
    </row>
    <row r="844769" spans="14:14">
      <c r="N844769" s="10"/>
    </row>
    <row r="844770" spans="14:14">
      <c r="N844770" s="10"/>
    </row>
    <row r="844771" spans="14:14">
      <c r="N844771" s="10"/>
    </row>
    <row r="844772" spans="14:14">
      <c r="N844772" s="10"/>
    </row>
    <row r="844773" spans="14:14">
      <c r="N844773" s="10"/>
    </row>
    <row r="844774" spans="14:14">
      <c r="N844774" s="10"/>
    </row>
    <row r="844775" spans="14:14">
      <c r="N844775" s="10"/>
    </row>
    <row r="844776" spans="14:14">
      <c r="N844776" s="10"/>
    </row>
    <row r="844777" spans="14:14">
      <c r="N844777" s="10"/>
    </row>
    <row r="844778" spans="14:14">
      <c r="N844778" s="10"/>
    </row>
    <row r="844779" spans="14:14">
      <c r="N844779" s="10"/>
    </row>
    <row r="844780" spans="14:14">
      <c r="N844780" s="10"/>
    </row>
    <row r="844781" spans="14:14">
      <c r="N844781" s="10"/>
    </row>
    <row r="844782" spans="14:14">
      <c r="N844782" s="10"/>
    </row>
    <row r="844783" spans="14:14">
      <c r="N844783" s="10"/>
    </row>
    <row r="844784" spans="14:14">
      <c r="N844784" s="10"/>
    </row>
    <row r="844785" spans="14:14">
      <c r="N844785" s="10"/>
    </row>
    <row r="844786" spans="14:14">
      <c r="N844786" s="10"/>
    </row>
    <row r="844787" spans="14:14">
      <c r="N844787" s="10"/>
    </row>
    <row r="844788" spans="14:14">
      <c r="N844788" s="10"/>
    </row>
    <row r="844789" spans="14:14">
      <c r="N844789" s="10"/>
    </row>
    <row r="844790" spans="14:14">
      <c r="N844790" s="10"/>
    </row>
    <row r="844791" spans="14:14">
      <c r="N844791" s="10"/>
    </row>
    <row r="844792" spans="14:14">
      <c r="N844792" s="10"/>
    </row>
    <row r="844793" spans="14:14">
      <c r="N844793" s="10"/>
    </row>
    <row r="844794" spans="14:14">
      <c r="N844794" s="10"/>
    </row>
    <row r="844795" spans="14:14">
      <c r="N844795" s="10"/>
    </row>
    <row r="844796" spans="14:14">
      <c r="N844796" s="10"/>
    </row>
    <row r="844797" spans="14:14">
      <c r="N844797" s="10"/>
    </row>
    <row r="844798" spans="14:14">
      <c r="N844798" s="10"/>
    </row>
    <row r="844799" spans="14:14">
      <c r="N844799" s="10"/>
    </row>
    <row r="844800" spans="14:14">
      <c r="N844800" s="10"/>
    </row>
    <row r="844801" spans="14:14">
      <c r="N844801" s="10"/>
    </row>
    <row r="844802" spans="14:14">
      <c r="N844802" s="10"/>
    </row>
    <row r="844803" spans="14:14">
      <c r="N844803" s="10"/>
    </row>
    <row r="844804" spans="14:14">
      <c r="N844804" s="10"/>
    </row>
    <row r="844805" spans="14:14">
      <c r="N844805" s="10"/>
    </row>
    <row r="844806" spans="14:14">
      <c r="N844806" s="10"/>
    </row>
    <row r="844807" spans="14:14">
      <c r="N844807" s="10"/>
    </row>
    <row r="844808" spans="14:14">
      <c r="N844808" s="10"/>
    </row>
    <row r="844809" spans="14:14">
      <c r="N844809" s="10"/>
    </row>
    <row r="844810" spans="14:14">
      <c r="N844810" s="10"/>
    </row>
    <row r="844811" spans="14:14">
      <c r="N844811" s="10"/>
    </row>
    <row r="844812" spans="14:14">
      <c r="N844812" s="10"/>
    </row>
    <row r="844813" spans="14:14">
      <c r="N844813" s="10"/>
    </row>
    <row r="844814" spans="14:14">
      <c r="N844814" s="10"/>
    </row>
    <row r="844815" spans="14:14">
      <c r="N844815" s="10"/>
    </row>
    <row r="844816" spans="14:14">
      <c r="N844816" s="10"/>
    </row>
    <row r="844817" spans="14:14">
      <c r="N844817" s="10"/>
    </row>
    <row r="844818" spans="14:14">
      <c r="N844818" s="10"/>
    </row>
    <row r="844819" spans="14:14">
      <c r="N844819" s="10"/>
    </row>
    <row r="844820" spans="14:14">
      <c r="N844820" s="10"/>
    </row>
    <row r="844821" spans="14:14">
      <c r="N844821" s="10"/>
    </row>
    <row r="844822" spans="14:14">
      <c r="N844822" s="10"/>
    </row>
    <row r="844823" spans="14:14">
      <c r="N844823" s="10"/>
    </row>
    <row r="844824" spans="14:14">
      <c r="N844824" s="10"/>
    </row>
    <row r="844825" spans="14:14">
      <c r="N844825" s="10"/>
    </row>
    <row r="844826" spans="14:14">
      <c r="N844826" s="10"/>
    </row>
    <row r="844827" spans="14:14">
      <c r="N844827" s="10"/>
    </row>
    <row r="844828" spans="14:14">
      <c r="N844828" s="10"/>
    </row>
    <row r="844829" spans="14:14">
      <c r="N844829" s="10"/>
    </row>
    <row r="844830" spans="14:14">
      <c r="N844830" s="10"/>
    </row>
    <row r="844831" spans="14:14">
      <c r="N844831" s="10"/>
    </row>
    <row r="844832" spans="14:14">
      <c r="N844832" s="10"/>
    </row>
    <row r="844833" spans="14:14">
      <c r="N844833" s="10"/>
    </row>
    <row r="844834" spans="14:14">
      <c r="N844834" s="10"/>
    </row>
    <row r="844835" spans="14:14">
      <c r="N844835" s="10"/>
    </row>
    <row r="844836" spans="14:14">
      <c r="N844836" s="10"/>
    </row>
    <row r="844837" spans="14:14">
      <c r="N844837" s="10"/>
    </row>
    <row r="844838" spans="14:14">
      <c r="N844838" s="10"/>
    </row>
    <row r="844839" spans="14:14">
      <c r="N844839" s="10"/>
    </row>
    <row r="844840" spans="14:14">
      <c r="N844840" s="10"/>
    </row>
    <row r="844841" spans="14:14">
      <c r="N844841" s="10"/>
    </row>
    <row r="844842" spans="14:14">
      <c r="N844842" s="10"/>
    </row>
    <row r="844843" spans="14:14">
      <c r="N844843" s="10"/>
    </row>
    <row r="844844" spans="14:14">
      <c r="N844844" s="10"/>
    </row>
    <row r="844845" spans="14:14">
      <c r="N844845" s="10"/>
    </row>
    <row r="844846" spans="14:14">
      <c r="N844846" s="10"/>
    </row>
    <row r="844847" spans="14:14">
      <c r="N844847" s="10"/>
    </row>
    <row r="844848" spans="14:14">
      <c r="N844848" s="10"/>
    </row>
    <row r="844849" spans="14:14">
      <c r="N844849" s="10"/>
    </row>
    <row r="844850" spans="14:14">
      <c r="N844850" s="10"/>
    </row>
    <row r="844851" spans="14:14">
      <c r="N844851" s="10"/>
    </row>
    <row r="844852" spans="14:14">
      <c r="N844852" s="10"/>
    </row>
    <row r="844853" spans="14:14">
      <c r="N844853" s="10"/>
    </row>
    <row r="844854" spans="14:14">
      <c r="N844854" s="10"/>
    </row>
    <row r="844855" spans="14:14">
      <c r="N844855" s="10"/>
    </row>
    <row r="844856" spans="14:14">
      <c r="N844856" s="10"/>
    </row>
    <row r="844857" spans="14:14">
      <c r="N844857" s="10"/>
    </row>
    <row r="844858" spans="14:14">
      <c r="N844858" s="10"/>
    </row>
    <row r="844859" spans="14:14">
      <c r="N844859" s="10"/>
    </row>
    <row r="844860" spans="14:14">
      <c r="N844860" s="10"/>
    </row>
    <row r="844861" spans="14:14">
      <c r="N844861" s="10"/>
    </row>
    <row r="844862" spans="14:14">
      <c r="N844862" s="10"/>
    </row>
    <row r="844863" spans="14:14">
      <c r="N844863" s="10"/>
    </row>
    <row r="844864" spans="14:14">
      <c r="N844864" s="10"/>
    </row>
    <row r="844865" spans="14:14">
      <c r="N844865" s="10"/>
    </row>
    <row r="844866" spans="14:14">
      <c r="N844866" s="10"/>
    </row>
    <row r="844867" spans="14:14">
      <c r="N844867" s="10"/>
    </row>
    <row r="844868" spans="14:14">
      <c r="N844868" s="10"/>
    </row>
    <row r="844869" spans="14:14">
      <c r="N844869" s="10"/>
    </row>
    <row r="844870" spans="14:14">
      <c r="N844870" s="10"/>
    </row>
    <row r="844871" spans="14:14">
      <c r="N844871" s="10"/>
    </row>
    <row r="844872" spans="14:14">
      <c r="N844872" s="10"/>
    </row>
    <row r="844873" spans="14:14">
      <c r="N844873" s="10"/>
    </row>
    <row r="844874" spans="14:14">
      <c r="N844874" s="10"/>
    </row>
    <row r="844875" spans="14:14">
      <c r="N844875" s="10"/>
    </row>
    <row r="844876" spans="14:14">
      <c r="N844876" s="10"/>
    </row>
    <row r="844877" spans="14:14">
      <c r="N844877" s="10"/>
    </row>
    <row r="844878" spans="14:14">
      <c r="N844878" s="10"/>
    </row>
    <row r="844879" spans="14:14">
      <c r="N844879" s="10"/>
    </row>
    <row r="844880" spans="14:14">
      <c r="N844880" s="10"/>
    </row>
    <row r="844881" spans="14:14">
      <c r="N844881" s="10"/>
    </row>
    <row r="844882" spans="14:14">
      <c r="N844882" s="10"/>
    </row>
    <row r="844883" spans="14:14">
      <c r="N844883" s="10"/>
    </row>
    <row r="844884" spans="14:14">
      <c r="N844884" s="10"/>
    </row>
    <row r="844885" spans="14:14">
      <c r="N844885" s="10"/>
    </row>
    <row r="844886" spans="14:14">
      <c r="N844886" s="10"/>
    </row>
    <row r="844887" spans="14:14">
      <c r="N844887" s="10"/>
    </row>
    <row r="844888" spans="14:14">
      <c r="N844888" s="10"/>
    </row>
    <row r="844889" spans="14:14">
      <c r="N844889" s="10"/>
    </row>
    <row r="844890" spans="14:14">
      <c r="N844890" s="10"/>
    </row>
    <row r="844891" spans="14:14">
      <c r="N844891" s="10"/>
    </row>
    <row r="844892" spans="14:14">
      <c r="N844892" s="10"/>
    </row>
    <row r="844893" spans="14:14">
      <c r="N844893" s="10"/>
    </row>
    <row r="844894" spans="14:14">
      <c r="N844894" s="10"/>
    </row>
    <row r="844895" spans="14:14">
      <c r="N844895" s="10"/>
    </row>
    <row r="844896" spans="14:14">
      <c r="N844896" s="10"/>
    </row>
    <row r="844897" spans="14:14">
      <c r="N844897" s="10"/>
    </row>
    <row r="844898" spans="14:14">
      <c r="N844898" s="10"/>
    </row>
    <row r="844899" spans="14:14">
      <c r="N844899" s="10"/>
    </row>
    <row r="844900" spans="14:14">
      <c r="N844900" s="10"/>
    </row>
    <row r="844901" spans="14:14">
      <c r="N844901" s="10"/>
    </row>
    <row r="844902" spans="14:14">
      <c r="N844902" s="10"/>
    </row>
    <row r="844903" spans="14:14">
      <c r="N844903" s="10"/>
    </row>
    <row r="844904" spans="14:14">
      <c r="N844904" s="10"/>
    </row>
    <row r="844905" spans="14:14">
      <c r="N844905" s="10"/>
    </row>
    <row r="844906" spans="14:14">
      <c r="N844906" s="10"/>
    </row>
    <row r="844907" spans="14:14">
      <c r="N844907" s="10"/>
    </row>
    <row r="844908" spans="14:14">
      <c r="N844908" s="10"/>
    </row>
    <row r="844909" spans="14:14">
      <c r="N844909" s="10"/>
    </row>
    <row r="844910" spans="14:14">
      <c r="N844910" s="10"/>
    </row>
    <row r="844911" spans="14:14">
      <c r="N844911" s="10"/>
    </row>
    <row r="844912" spans="14:14">
      <c r="N844912" s="10"/>
    </row>
    <row r="844913" spans="14:14">
      <c r="N844913" s="10"/>
    </row>
    <row r="844914" spans="14:14">
      <c r="N844914" s="10"/>
    </row>
    <row r="844915" spans="14:14">
      <c r="N844915" s="10"/>
    </row>
    <row r="844916" spans="14:14">
      <c r="N844916" s="10"/>
    </row>
    <row r="844917" spans="14:14">
      <c r="N844917" s="10"/>
    </row>
    <row r="844918" spans="14:14">
      <c r="N844918" s="10"/>
    </row>
    <row r="844919" spans="14:14">
      <c r="N844919" s="10"/>
    </row>
    <row r="844920" spans="14:14">
      <c r="N844920" s="10"/>
    </row>
    <row r="844921" spans="14:14">
      <c r="N844921" s="10"/>
    </row>
    <row r="844922" spans="14:14">
      <c r="N844922" s="10"/>
    </row>
    <row r="844923" spans="14:14">
      <c r="N844923" s="10"/>
    </row>
    <row r="844924" spans="14:14">
      <c r="N844924" s="10"/>
    </row>
    <row r="844925" spans="14:14">
      <c r="N844925" s="10"/>
    </row>
    <row r="844926" spans="14:14">
      <c r="N844926" s="10"/>
    </row>
    <row r="844927" spans="14:14">
      <c r="N844927" s="10"/>
    </row>
    <row r="844928" spans="14:14">
      <c r="N844928" s="10"/>
    </row>
    <row r="844929" spans="14:14">
      <c r="N844929" s="10"/>
    </row>
    <row r="844930" spans="14:14">
      <c r="N844930" s="10"/>
    </row>
    <row r="844931" spans="14:14">
      <c r="N844931" s="10"/>
    </row>
    <row r="844932" spans="14:14">
      <c r="N844932" s="10"/>
    </row>
    <row r="844933" spans="14:14">
      <c r="N844933" s="10"/>
    </row>
    <row r="844934" spans="14:14">
      <c r="N844934" s="10"/>
    </row>
    <row r="844935" spans="14:14">
      <c r="N844935" s="10"/>
    </row>
    <row r="844936" spans="14:14">
      <c r="N844936" s="10"/>
    </row>
    <row r="844937" spans="14:14">
      <c r="N844937" s="10"/>
    </row>
    <row r="844938" spans="14:14">
      <c r="N844938" s="10"/>
    </row>
    <row r="844939" spans="14:14">
      <c r="N844939" s="10"/>
    </row>
    <row r="844940" spans="14:14">
      <c r="N844940" s="10"/>
    </row>
    <row r="844941" spans="14:14">
      <c r="N844941" s="10"/>
    </row>
    <row r="844942" spans="14:14">
      <c r="N844942" s="10"/>
    </row>
    <row r="844943" spans="14:14">
      <c r="N844943" s="10"/>
    </row>
    <row r="844944" spans="14:14">
      <c r="N844944" s="10"/>
    </row>
    <row r="844945" spans="14:14">
      <c r="N844945" s="10"/>
    </row>
    <row r="844946" spans="14:14">
      <c r="N844946" s="10"/>
    </row>
    <row r="844947" spans="14:14">
      <c r="N844947" s="10"/>
    </row>
    <row r="844948" spans="14:14">
      <c r="N844948" s="10"/>
    </row>
    <row r="844949" spans="14:14">
      <c r="N844949" s="10"/>
    </row>
    <row r="844950" spans="14:14">
      <c r="N844950" s="10"/>
    </row>
    <row r="844951" spans="14:14">
      <c r="N844951" s="10"/>
    </row>
    <row r="844952" spans="14:14">
      <c r="N844952" s="10"/>
    </row>
    <row r="844953" spans="14:14">
      <c r="N844953" s="10"/>
    </row>
    <row r="844954" spans="14:14">
      <c r="N844954" s="10"/>
    </row>
    <row r="844955" spans="14:14">
      <c r="N844955" s="10"/>
    </row>
    <row r="844956" spans="14:14">
      <c r="N844956" s="10"/>
    </row>
    <row r="844957" spans="14:14">
      <c r="N844957" s="10"/>
    </row>
    <row r="844958" spans="14:14">
      <c r="N844958" s="10"/>
    </row>
    <row r="844959" spans="14:14">
      <c r="N844959" s="10"/>
    </row>
    <row r="844960" spans="14:14">
      <c r="N844960" s="10"/>
    </row>
    <row r="844961" spans="14:14">
      <c r="N844961" s="10"/>
    </row>
    <row r="844962" spans="14:14">
      <c r="N844962" s="10"/>
    </row>
    <row r="844963" spans="14:14">
      <c r="N844963" s="10"/>
    </row>
    <row r="844964" spans="14:14">
      <c r="N844964" s="10"/>
    </row>
    <row r="844965" spans="14:14">
      <c r="N844965" s="10"/>
    </row>
    <row r="844966" spans="14:14">
      <c r="N844966" s="10"/>
    </row>
    <row r="844967" spans="14:14">
      <c r="N844967" s="10"/>
    </row>
    <row r="844968" spans="14:14">
      <c r="N844968" s="10"/>
    </row>
    <row r="844969" spans="14:14">
      <c r="N844969" s="10"/>
    </row>
    <row r="844970" spans="14:14">
      <c r="N844970" s="10"/>
    </row>
    <row r="844971" spans="14:14">
      <c r="N844971" s="10"/>
    </row>
    <row r="844972" spans="14:14">
      <c r="N844972" s="10"/>
    </row>
    <row r="844973" spans="14:14">
      <c r="N844973" s="10"/>
    </row>
    <row r="844974" spans="14:14">
      <c r="N844974" s="10"/>
    </row>
    <row r="844975" spans="14:14">
      <c r="N844975" s="10"/>
    </row>
    <row r="844976" spans="14:14">
      <c r="N844976" s="10"/>
    </row>
    <row r="844977" spans="14:14">
      <c r="N844977" s="10"/>
    </row>
    <row r="844978" spans="14:14">
      <c r="N844978" s="10"/>
    </row>
    <row r="844979" spans="14:14">
      <c r="N844979" s="10"/>
    </row>
    <row r="844980" spans="14:14">
      <c r="N844980" s="10"/>
    </row>
    <row r="844981" spans="14:14">
      <c r="N844981" s="10"/>
    </row>
    <row r="844982" spans="14:14">
      <c r="N844982" s="10"/>
    </row>
    <row r="844983" spans="14:14">
      <c r="N844983" s="10"/>
    </row>
    <row r="844984" spans="14:14">
      <c r="N844984" s="10"/>
    </row>
    <row r="844985" spans="14:14">
      <c r="N844985" s="10"/>
    </row>
    <row r="844986" spans="14:14">
      <c r="N844986" s="10"/>
    </row>
    <row r="844987" spans="14:14">
      <c r="N844987" s="10"/>
    </row>
    <row r="844988" spans="14:14">
      <c r="N844988" s="10"/>
    </row>
    <row r="844989" spans="14:14">
      <c r="N844989" s="10"/>
    </row>
    <row r="844990" spans="14:14">
      <c r="N844990" s="10"/>
    </row>
    <row r="844991" spans="14:14">
      <c r="N844991" s="10"/>
    </row>
    <row r="844992" spans="14:14">
      <c r="N844992" s="10"/>
    </row>
    <row r="844993" spans="14:14">
      <c r="N844993" s="10"/>
    </row>
    <row r="844994" spans="14:14">
      <c r="N844994" s="10"/>
    </row>
    <row r="844995" spans="14:14">
      <c r="N844995" s="10"/>
    </row>
    <row r="844996" spans="14:14">
      <c r="N844996" s="10"/>
    </row>
    <row r="844997" spans="14:14">
      <c r="N844997" s="10"/>
    </row>
    <row r="844998" spans="14:14">
      <c r="N844998" s="10"/>
    </row>
    <row r="844999" spans="14:14">
      <c r="N844999" s="10"/>
    </row>
    <row r="845000" spans="14:14">
      <c r="N845000" s="10"/>
    </row>
    <row r="845001" spans="14:14">
      <c r="N845001" s="10"/>
    </row>
    <row r="845002" spans="14:14">
      <c r="N845002" s="10"/>
    </row>
    <row r="845003" spans="14:14">
      <c r="N845003" s="10"/>
    </row>
    <row r="845004" spans="14:14">
      <c r="N845004" s="10"/>
    </row>
    <row r="845005" spans="14:14">
      <c r="N845005" s="10"/>
    </row>
    <row r="845006" spans="14:14">
      <c r="N845006" s="10"/>
    </row>
    <row r="845007" spans="14:14">
      <c r="N845007" s="10"/>
    </row>
    <row r="845008" spans="14:14">
      <c r="N845008" s="10"/>
    </row>
    <row r="845009" spans="14:14">
      <c r="N845009" s="10"/>
    </row>
    <row r="845010" spans="14:14">
      <c r="N845010" s="10"/>
    </row>
    <row r="845011" spans="14:14">
      <c r="N845011" s="10"/>
    </row>
    <row r="845012" spans="14:14">
      <c r="N845012" s="10"/>
    </row>
    <row r="845013" spans="14:14">
      <c r="N845013" s="10"/>
    </row>
    <row r="845014" spans="14:14">
      <c r="N845014" s="10"/>
    </row>
    <row r="845015" spans="14:14">
      <c r="N845015" s="10"/>
    </row>
    <row r="845016" spans="14:14">
      <c r="N845016" s="10"/>
    </row>
    <row r="845017" spans="14:14">
      <c r="N845017" s="10"/>
    </row>
    <row r="845018" spans="14:14">
      <c r="N845018" s="10"/>
    </row>
    <row r="845019" spans="14:14">
      <c r="N845019" s="10"/>
    </row>
    <row r="845020" spans="14:14">
      <c r="N845020" s="10"/>
    </row>
    <row r="845021" spans="14:14">
      <c r="N845021" s="10"/>
    </row>
    <row r="845022" spans="14:14">
      <c r="N845022" s="10"/>
    </row>
    <row r="845023" spans="14:14">
      <c r="N845023" s="10"/>
    </row>
    <row r="845024" spans="14:14">
      <c r="N845024" s="10"/>
    </row>
    <row r="845025" spans="14:14">
      <c r="N845025" s="10"/>
    </row>
    <row r="845026" spans="14:14">
      <c r="N845026" s="10"/>
    </row>
    <row r="845027" spans="14:14">
      <c r="N845027" s="10"/>
    </row>
    <row r="845028" spans="14:14">
      <c r="N845028" s="10"/>
    </row>
    <row r="845029" spans="14:14">
      <c r="N845029" s="10"/>
    </row>
    <row r="845030" spans="14:14">
      <c r="N845030" s="10"/>
    </row>
    <row r="845031" spans="14:14">
      <c r="N845031" s="10"/>
    </row>
    <row r="845032" spans="14:14">
      <c r="N845032" s="10"/>
    </row>
    <row r="845033" spans="14:14">
      <c r="N845033" s="10"/>
    </row>
    <row r="845034" spans="14:14">
      <c r="N845034" s="10"/>
    </row>
    <row r="845035" spans="14:14">
      <c r="N845035" s="10"/>
    </row>
    <row r="845036" spans="14:14">
      <c r="N845036" s="10"/>
    </row>
    <row r="845037" spans="14:14">
      <c r="N845037" s="10"/>
    </row>
    <row r="845038" spans="14:14">
      <c r="N845038" s="10"/>
    </row>
    <row r="845039" spans="14:14">
      <c r="N845039" s="10"/>
    </row>
    <row r="845040" spans="14:14">
      <c r="N845040" s="10"/>
    </row>
    <row r="845041" spans="14:14">
      <c r="N845041" s="10"/>
    </row>
    <row r="845042" spans="14:14">
      <c r="N845042" s="10"/>
    </row>
    <row r="845043" spans="14:14">
      <c r="N845043" s="10"/>
    </row>
    <row r="845044" spans="14:14">
      <c r="N845044" s="10"/>
    </row>
    <row r="845045" spans="14:14">
      <c r="N845045" s="10"/>
    </row>
    <row r="845046" spans="14:14">
      <c r="N845046" s="10"/>
    </row>
    <row r="845047" spans="14:14">
      <c r="N845047" s="10"/>
    </row>
    <row r="845048" spans="14:14">
      <c r="N845048" s="10"/>
    </row>
    <row r="845049" spans="14:14">
      <c r="N845049" s="10"/>
    </row>
    <row r="845050" spans="14:14">
      <c r="N845050" s="10"/>
    </row>
    <row r="845051" spans="14:14">
      <c r="N845051" s="10"/>
    </row>
    <row r="845052" spans="14:14">
      <c r="N845052" s="10"/>
    </row>
    <row r="845053" spans="14:14">
      <c r="N845053" s="10"/>
    </row>
    <row r="845054" spans="14:14">
      <c r="N845054" s="10"/>
    </row>
    <row r="845055" spans="14:14">
      <c r="N845055" s="10"/>
    </row>
    <row r="845056" spans="14:14">
      <c r="N845056" s="10"/>
    </row>
    <row r="845057" spans="14:14">
      <c r="N845057" s="10"/>
    </row>
    <row r="845058" spans="14:14">
      <c r="N845058" s="10"/>
    </row>
    <row r="845059" spans="14:14">
      <c r="N845059" s="10"/>
    </row>
    <row r="845060" spans="14:14">
      <c r="N845060" s="10"/>
    </row>
    <row r="845061" spans="14:14">
      <c r="N845061" s="10"/>
    </row>
    <row r="845062" spans="14:14">
      <c r="N845062" s="10"/>
    </row>
    <row r="845063" spans="14:14">
      <c r="N845063" s="10"/>
    </row>
    <row r="845064" spans="14:14">
      <c r="N845064" s="10"/>
    </row>
    <row r="845065" spans="14:14">
      <c r="N845065" s="10"/>
    </row>
    <row r="845066" spans="14:14">
      <c r="N845066" s="10"/>
    </row>
    <row r="845067" spans="14:14">
      <c r="N845067" s="10"/>
    </row>
    <row r="845068" spans="14:14">
      <c r="N845068" s="10"/>
    </row>
    <row r="845069" spans="14:14">
      <c r="N845069" s="10"/>
    </row>
    <row r="845070" spans="14:14">
      <c r="N845070" s="10"/>
    </row>
    <row r="845071" spans="14:14">
      <c r="N845071" s="10"/>
    </row>
    <row r="845072" spans="14:14">
      <c r="N845072" s="10"/>
    </row>
    <row r="845073" spans="14:14">
      <c r="N845073" s="10"/>
    </row>
    <row r="845074" spans="14:14">
      <c r="N845074" s="10"/>
    </row>
    <row r="845075" spans="14:14">
      <c r="N845075" s="10"/>
    </row>
    <row r="845076" spans="14:14">
      <c r="N845076" s="10"/>
    </row>
    <row r="845077" spans="14:14">
      <c r="N845077" s="10"/>
    </row>
    <row r="845078" spans="14:14">
      <c r="N845078" s="10"/>
    </row>
    <row r="845079" spans="14:14">
      <c r="N845079" s="10"/>
    </row>
    <row r="845080" spans="14:14">
      <c r="N845080" s="10"/>
    </row>
    <row r="845081" spans="14:14">
      <c r="N845081" s="10"/>
    </row>
    <row r="845082" spans="14:14">
      <c r="N845082" s="10"/>
    </row>
    <row r="845083" spans="14:14">
      <c r="N845083" s="10"/>
    </row>
    <row r="845084" spans="14:14">
      <c r="N845084" s="10"/>
    </row>
    <row r="845085" spans="14:14">
      <c r="N845085" s="10"/>
    </row>
    <row r="845086" spans="14:14">
      <c r="N845086" s="10"/>
    </row>
    <row r="845087" spans="14:14">
      <c r="N845087" s="10"/>
    </row>
    <row r="845088" spans="14:14">
      <c r="N845088" s="10"/>
    </row>
    <row r="845089" spans="14:14">
      <c r="N845089" s="10"/>
    </row>
    <row r="845090" spans="14:14">
      <c r="N845090" s="10"/>
    </row>
    <row r="845091" spans="14:14">
      <c r="N845091" s="10"/>
    </row>
    <row r="845092" spans="14:14">
      <c r="N845092" s="10"/>
    </row>
    <row r="845093" spans="14:14">
      <c r="N845093" s="10"/>
    </row>
    <row r="845094" spans="14:14">
      <c r="N845094" s="10"/>
    </row>
    <row r="845095" spans="14:14">
      <c r="N845095" s="10"/>
    </row>
    <row r="845096" spans="14:14">
      <c r="N845096" s="10"/>
    </row>
    <row r="845097" spans="14:14">
      <c r="N845097" s="10"/>
    </row>
    <row r="845098" spans="14:14">
      <c r="N845098" s="10"/>
    </row>
    <row r="845099" spans="14:14">
      <c r="N845099" s="10"/>
    </row>
    <row r="845100" spans="14:14">
      <c r="N845100" s="10"/>
    </row>
    <row r="845101" spans="14:14">
      <c r="N845101" s="10"/>
    </row>
    <row r="845102" spans="14:14">
      <c r="N845102" s="10"/>
    </row>
    <row r="845103" spans="14:14">
      <c r="N845103" s="10"/>
    </row>
    <row r="845104" spans="14:14">
      <c r="N845104" s="10"/>
    </row>
    <row r="845105" spans="14:14">
      <c r="N845105" s="10"/>
    </row>
    <row r="845106" spans="14:14">
      <c r="N845106" s="10"/>
    </row>
    <row r="845107" spans="14:14">
      <c r="N845107" s="10"/>
    </row>
    <row r="845108" spans="14:14">
      <c r="N845108" s="10"/>
    </row>
    <row r="845109" spans="14:14">
      <c r="N845109" s="10"/>
    </row>
    <row r="845110" spans="14:14">
      <c r="N845110" s="10"/>
    </row>
    <row r="845111" spans="14:14">
      <c r="N845111" s="10"/>
    </row>
    <row r="845112" spans="14:14">
      <c r="N845112" s="10"/>
    </row>
    <row r="845113" spans="14:14">
      <c r="N845113" s="10"/>
    </row>
    <row r="845114" spans="14:14">
      <c r="N845114" s="10"/>
    </row>
    <row r="845115" spans="14:14">
      <c r="N845115" s="10"/>
    </row>
    <row r="845116" spans="14:14">
      <c r="N845116" s="10"/>
    </row>
    <row r="845117" spans="14:14">
      <c r="N845117" s="10"/>
    </row>
    <row r="845118" spans="14:14">
      <c r="N845118" s="10"/>
    </row>
    <row r="845119" spans="14:14">
      <c r="N845119" s="10"/>
    </row>
    <row r="845120" spans="14:14">
      <c r="N845120" s="10"/>
    </row>
    <row r="845121" spans="14:14">
      <c r="N845121" s="10"/>
    </row>
    <row r="845122" spans="14:14">
      <c r="N845122" s="10"/>
    </row>
    <row r="845123" spans="14:14">
      <c r="N845123" s="10"/>
    </row>
    <row r="845124" spans="14:14">
      <c r="N845124" s="10"/>
    </row>
    <row r="845125" spans="14:14">
      <c r="N845125" s="10"/>
    </row>
    <row r="845126" spans="14:14">
      <c r="N845126" s="10"/>
    </row>
    <row r="845127" spans="14:14">
      <c r="N845127" s="10"/>
    </row>
    <row r="845128" spans="14:14">
      <c r="N845128" s="10"/>
    </row>
    <row r="845129" spans="14:14">
      <c r="N845129" s="10"/>
    </row>
    <row r="845130" spans="14:14">
      <c r="N845130" s="10"/>
    </row>
    <row r="845131" spans="14:14">
      <c r="N845131" s="10"/>
    </row>
    <row r="845132" spans="14:14">
      <c r="N845132" s="10"/>
    </row>
    <row r="845133" spans="14:14">
      <c r="N845133" s="10"/>
    </row>
    <row r="845134" spans="14:14">
      <c r="N845134" s="10"/>
    </row>
    <row r="845135" spans="14:14">
      <c r="N845135" s="10"/>
    </row>
    <row r="845136" spans="14:14">
      <c r="N845136" s="10"/>
    </row>
    <row r="845137" spans="14:14">
      <c r="N845137" s="10"/>
    </row>
    <row r="845138" spans="14:14">
      <c r="N845138" s="10"/>
    </row>
    <row r="845139" spans="14:14">
      <c r="N845139" s="10"/>
    </row>
    <row r="845140" spans="14:14">
      <c r="N845140" s="10"/>
    </row>
    <row r="845141" spans="14:14">
      <c r="N845141" s="10"/>
    </row>
    <row r="845142" spans="14:14">
      <c r="N845142" s="10"/>
    </row>
    <row r="845143" spans="14:14">
      <c r="N845143" s="10"/>
    </row>
    <row r="845144" spans="14:14">
      <c r="N845144" s="10"/>
    </row>
    <row r="845145" spans="14:14">
      <c r="N845145" s="10"/>
    </row>
    <row r="845146" spans="14:14">
      <c r="N845146" s="10"/>
    </row>
    <row r="845147" spans="14:14">
      <c r="N845147" s="10"/>
    </row>
    <row r="845148" spans="14:14">
      <c r="N845148" s="10"/>
    </row>
    <row r="845149" spans="14:14">
      <c r="N845149" s="10"/>
    </row>
    <row r="845150" spans="14:14">
      <c r="N845150" s="10"/>
    </row>
    <row r="845151" spans="14:14">
      <c r="N845151" s="10"/>
    </row>
    <row r="845152" spans="14:14">
      <c r="N845152" s="10"/>
    </row>
    <row r="845153" spans="14:14">
      <c r="N845153" s="10"/>
    </row>
    <row r="845154" spans="14:14">
      <c r="N845154" s="10"/>
    </row>
    <row r="845155" spans="14:14">
      <c r="N845155" s="10"/>
    </row>
    <row r="845156" spans="14:14">
      <c r="N845156" s="10"/>
    </row>
    <row r="845157" spans="14:14">
      <c r="N845157" s="10"/>
    </row>
    <row r="845158" spans="14:14">
      <c r="N845158" s="10"/>
    </row>
    <row r="845159" spans="14:14">
      <c r="N845159" s="10"/>
    </row>
    <row r="845160" spans="14:14">
      <c r="N845160" s="10"/>
    </row>
    <row r="845161" spans="14:14">
      <c r="N845161" s="10"/>
    </row>
    <row r="845162" spans="14:14">
      <c r="N845162" s="10"/>
    </row>
    <row r="845163" spans="14:14">
      <c r="N845163" s="10"/>
    </row>
    <row r="845164" spans="14:14">
      <c r="N845164" s="10"/>
    </row>
    <row r="845165" spans="14:14">
      <c r="N845165" s="10"/>
    </row>
    <row r="845166" spans="14:14">
      <c r="N845166" s="10"/>
    </row>
    <row r="845167" spans="14:14">
      <c r="N845167" s="10"/>
    </row>
    <row r="845168" spans="14:14">
      <c r="N845168" s="10"/>
    </row>
    <row r="845169" spans="14:14">
      <c r="N845169" s="10"/>
    </row>
    <row r="845170" spans="14:14">
      <c r="N845170" s="10"/>
    </row>
    <row r="845171" spans="14:14">
      <c r="N845171" s="10"/>
    </row>
    <row r="845172" spans="14:14">
      <c r="N845172" s="10"/>
    </row>
    <row r="845173" spans="14:14">
      <c r="N845173" s="10"/>
    </row>
    <row r="845174" spans="14:14">
      <c r="N845174" s="10"/>
    </row>
    <row r="845175" spans="14:14">
      <c r="N845175" s="10"/>
    </row>
    <row r="845176" spans="14:14">
      <c r="N845176" s="10"/>
    </row>
    <row r="845177" spans="14:14">
      <c r="N845177" s="10"/>
    </row>
    <row r="845178" spans="14:14">
      <c r="N845178" s="10"/>
    </row>
    <row r="845179" spans="14:14">
      <c r="N845179" s="10"/>
    </row>
    <row r="845180" spans="14:14">
      <c r="N845180" s="10"/>
    </row>
    <row r="845181" spans="14:14">
      <c r="N845181" s="10"/>
    </row>
    <row r="845182" spans="14:14">
      <c r="N845182" s="10"/>
    </row>
    <row r="845183" spans="14:14">
      <c r="N845183" s="10"/>
    </row>
    <row r="845184" spans="14:14">
      <c r="N845184" s="10"/>
    </row>
    <row r="845185" spans="14:14">
      <c r="N845185" s="10"/>
    </row>
    <row r="845186" spans="14:14">
      <c r="N845186" s="10"/>
    </row>
    <row r="845187" spans="14:14">
      <c r="N845187" s="10"/>
    </row>
    <row r="845188" spans="14:14">
      <c r="N845188" s="10"/>
    </row>
    <row r="845189" spans="14:14">
      <c r="N845189" s="10"/>
    </row>
    <row r="845190" spans="14:14">
      <c r="N845190" s="10"/>
    </row>
    <row r="845191" spans="14:14">
      <c r="N845191" s="10"/>
    </row>
    <row r="845192" spans="14:14">
      <c r="N845192" s="10"/>
    </row>
    <row r="845193" spans="14:14">
      <c r="N845193" s="10"/>
    </row>
    <row r="845194" spans="14:14">
      <c r="N845194" s="10"/>
    </row>
    <row r="845195" spans="14:14">
      <c r="N845195" s="10"/>
    </row>
    <row r="845196" spans="14:14">
      <c r="N845196" s="10"/>
    </row>
    <row r="845197" spans="14:14">
      <c r="N845197" s="10"/>
    </row>
    <row r="845198" spans="14:14">
      <c r="N845198" s="10"/>
    </row>
    <row r="845199" spans="14:14">
      <c r="N845199" s="10"/>
    </row>
    <row r="845200" spans="14:14">
      <c r="N845200" s="10"/>
    </row>
    <row r="845201" spans="14:14">
      <c r="N845201" s="10"/>
    </row>
    <row r="845202" spans="14:14">
      <c r="N845202" s="10"/>
    </row>
    <row r="845203" spans="14:14">
      <c r="N845203" s="10"/>
    </row>
    <row r="845204" spans="14:14">
      <c r="N845204" s="10"/>
    </row>
    <row r="845205" spans="14:14">
      <c r="N845205" s="10"/>
    </row>
    <row r="845206" spans="14:14">
      <c r="N845206" s="10"/>
    </row>
    <row r="845207" spans="14:14">
      <c r="N845207" s="10"/>
    </row>
    <row r="845208" spans="14:14">
      <c r="N845208" s="10"/>
    </row>
    <row r="845209" spans="14:14">
      <c r="N845209" s="10"/>
    </row>
    <row r="845210" spans="14:14">
      <c r="N845210" s="10"/>
    </row>
    <row r="845211" spans="14:14">
      <c r="N845211" s="10"/>
    </row>
    <row r="845212" spans="14:14">
      <c r="N845212" s="10"/>
    </row>
    <row r="845213" spans="14:14">
      <c r="N845213" s="10"/>
    </row>
    <row r="845214" spans="14:14">
      <c r="N845214" s="10"/>
    </row>
    <row r="845215" spans="14:14">
      <c r="N845215" s="10"/>
    </row>
    <row r="845216" spans="14:14">
      <c r="N845216" s="10"/>
    </row>
    <row r="845217" spans="14:14">
      <c r="N845217" s="10"/>
    </row>
    <row r="845218" spans="14:14">
      <c r="N845218" s="10"/>
    </row>
    <row r="845219" spans="14:14">
      <c r="N845219" s="10"/>
    </row>
    <row r="845220" spans="14:14">
      <c r="N845220" s="10"/>
    </row>
    <row r="845221" spans="14:14">
      <c r="N845221" s="10"/>
    </row>
    <row r="845222" spans="14:14">
      <c r="N845222" s="10"/>
    </row>
    <row r="845223" spans="14:14">
      <c r="N845223" s="10"/>
    </row>
    <row r="845224" spans="14:14">
      <c r="N845224" s="10"/>
    </row>
    <row r="845225" spans="14:14">
      <c r="N845225" s="10"/>
    </row>
    <row r="845226" spans="14:14">
      <c r="N845226" s="10"/>
    </row>
    <row r="845227" spans="14:14">
      <c r="N845227" s="10"/>
    </row>
    <row r="845228" spans="14:14">
      <c r="N845228" s="10"/>
    </row>
    <row r="845229" spans="14:14">
      <c r="N845229" s="10"/>
    </row>
    <row r="845230" spans="14:14">
      <c r="N845230" s="10"/>
    </row>
    <row r="845231" spans="14:14">
      <c r="N845231" s="10"/>
    </row>
    <row r="845232" spans="14:14">
      <c r="N845232" s="10"/>
    </row>
    <row r="845233" spans="14:14">
      <c r="N845233" s="10"/>
    </row>
    <row r="845234" spans="14:14">
      <c r="N845234" s="10"/>
    </row>
    <row r="845235" spans="14:14">
      <c r="N845235" s="10"/>
    </row>
    <row r="845236" spans="14:14">
      <c r="N845236" s="10"/>
    </row>
    <row r="845237" spans="14:14">
      <c r="N845237" s="10"/>
    </row>
    <row r="845238" spans="14:14">
      <c r="N845238" s="10"/>
    </row>
    <row r="845239" spans="14:14">
      <c r="N845239" s="10"/>
    </row>
    <row r="845240" spans="14:14">
      <c r="N845240" s="10"/>
    </row>
    <row r="845241" spans="14:14">
      <c r="N845241" s="10"/>
    </row>
    <row r="845242" spans="14:14">
      <c r="N845242" s="10"/>
    </row>
    <row r="845243" spans="14:14">
      <c r="N845243" s="10"/>
    </row>
    <row r="845244" spans="14:14">
      <c r="N845244" s="10"/>
    </row>
    <row r="845245" spans="14:14">
      <c r="N845245" s="10"/>
    </row>
    <row r="845246" spans="14:14">
      <c r="N845246" s="10"/>
    </row>
    <row r="845247" spans="14:14">
      <c r="N845247" s="10"/>
    </row>
    <row r="845248" spans="14:14">
      <c r="N845248" s="10"/>
    </row>
    <row r="845249" spans="14:14">
      <c r="N845249" s="10"/>
    </row>
    <row r="845250" spans="14:14">
      <c r="N845250" s="10"/>
    </row>
    <row r="845251" spans="14:14">
      <c r="N845251" s="10"/>
    </row>
    <row r="845252" spans="14:14">
      <c r="N845252" s="10"/>
    </row>
    <row r="845253" spans="14:14">
      <c r="N845253" s="10"/>
    </row>
    <row r="845254" spans="14:14">
      <c r="N845254" s="10"/>
    </row>
    <row r="845255" spans="14:14">
      <c r="N845255" s="10"/>
    </row>
    <row r="845256" spans="14:14">
      <c r="N845256" s="10"/>
    </row>
    <row r="845257" spans="14:14">
      <c r="N845257" s="10"/>
    </row>
    <row r="845258" spans="14:14">
      <c r="N845258" s="10"/>
    </row>
    <row r="845259" spans="14:14">
      <c r="N845259" s="10"/>
    </row>
    <row r="845260" spans="14:14">
      <c r="N845260" s="10"/>
    </row>
    <row r="845261" spans="14:14">
      <c r="N845261" s="10"/>
    </row>
    <row r="845262" spans="14:14">
      <c r="N845262" s="10"/>
    </row>
    <row r="845263" spans="14:14">
      <c r="N845263" s="10"/>
    </row>
    <row r="845264" spans="14:14">
      <c r="N845264" s="10"/>
    </row>
    <row r="845265" spans="14:14">
      <c r="N845265" s="10"/>
    </row>
    <row r="845266" spans="14:14">
      <c r="N845266" s="10"/>
    </row>
    <row r="845267" spans="14:14">
      <c r="N845267" s="10"/>
    </row>
    <row r="845268" spans="14:14">
      <c r="N845268" s="10"/>
    </row>
    <row r="845269" spans="14:14">
      <c r="N845269" s="10"/>
    </row>
    <row r="845270" spans="14:14">
      <c r="N845270" s="10"/>
    </row>
    <row r="845271" spans="14:14">
      <c r="N845271" s="10"/>
    </row>
    <row r="845272" spans="14:14">
      <c r="N845272" s="10"/>
    </row>
    <row r="845273" spans="14:14">
      <c r="N845273" s="10"/>
    </row>
    <row r="845274" spans="14:14">
      <c r="N845274" s="10"/>
    </row>
    <row r="845275" spans="14:14">
      <c r="N845275" s="10"/>
    </row>
    <row r="845276" spans="14:14">
      <c r="N845276" s="10"/>
    </row>
    <row r="845277" spans="14:14">
      <c r="N845277" s="10"/>
    </row>
    <row r="845278" spans="14:14">
      <c r="N845278" s="10"/>
    </row>
    <row r="845279" spans="14:14">
      <c r="N845279" s="10"/>
    </row>
    <row r="845280" spans="14:14">
      <c r="N845280" s="10"/>
    </row>
    <row r="845281" spans="14:14">
      <c r="N845281" s="10"/>
    </row>
    <row r="845282" spans="14:14">
      <c r="N845282" s="10"/>
    </row>
    <row r="845283" spans="14:14">
      <c r="N845283" s="10"/>
    </row>
    <row r="845284" spans="14:14">
      <c r="N845284" s="10"/>
    </row>
    <row r="845285" spans="14:14">
      <c r="N845285" s="10"/>
    </row>
    <row r="845286" spans="14:14">
      <c r="N845286" s="10"/>
    </row>
    <row r="845287" spans="14:14">
      <c r="N845287" s="10"/>
    </row>
    <row r="845288" spans="14:14">
      <c r="N845288" s="10"/>
    </row>
    <row r="845289" spans="14:14">
      <c r="N845289" s="10"/>
    </row>
    <row r="845290" spans="14:14">
      <c r="N845290" s="10"/>
    </row>
    <row r="845291" spans="14:14">
      <c r="N845291" s="10"/>
    </row>
    <row r="845292" spans="14:14">
      <c r="N845292" s="10"/>
    </row>
    <row r="845293" spans="14:14">
      <c r="N845293" s="10"/>
    </row>
    <row r="845294" spans="14:14">
      <c r="N845294" s="10"/>
    </row>
    <row r="845295" spans="14:14">
      <c r="N845295" s="10"/>
    </row>
    <row r="845296" spans="14:14">
      <c r="N845296" s="10"/>
    </row>
    <row r="845297" spans="14:14">
      <c r="N845297" s="10"/>
    </row>
    <row r="845298" spans="14:14">
      <c r="N845298" s="10"/>
    </row>
    <row r="845299" spans="14:14">
      <c r="N845299" s="10"/>
    </row>
    <row r="845300" spans="14:14">
      <c r="N845300" s="10"/>
    </row>
    <row r="845301" spans="14:14">
      <c r="N845301" s="10"/>
    </row>
    <row r="845302" spans="14:14">
      <c r="N845302" s="10"/>
    </row>
    <row r="845303" spans="14:14">
      <c r="N845303" s="10"/>
    </row>
    <row r="845304" spans="14:14">
      <c r="N845304" s="10"/>
    </row>
    <row r="845305" spans="14:14">
      <c r="N845305" s="10"/>
    </row>
    <row r="845306" spans="14:14">
      <c r="N845306" s="10"/>
    </row>
    <row r="845307" spans="14:14">
      <c r="N845307" s="10"/>
    </row>
    <row r="845308" spans="14:14">
      <c r="N845308" s="10"/>
    </row>
    <row r="845309" spans="14:14">
      <c r="N845309" s="10"/>
    </row>
    <row r="845310" spans="14:14">
      <c r="N845310" s="10"/>
    </row>
    <row r="845311" spans="14:14">
      <c r="N845311" s="10"/>
    </row>
    <row r="845312" spans="14:14">
      <c r="N845312" s="10"/>
    </row>
    <row r="845313" spans="14:14">
      <c r="N845313" s="10"/>
    </row>
    <row r="845314" spans="14:14">
      <c r="N845314" s="10"/>
    </row>
    <row r="845315" spans="14:14">
      <c r="N845315" s="10"/>
    </row>
    <row r="845316" spans="14:14">
      <c r="N845316" s="10"/>
    </row>
    <row r="845317" spans="14:14">
      <c r="N845317" s="10"/>
    </row>
    <row r="845318" spans="14:14">
      <c r="N845318" s="10"/>
    </row>
    <row r="845319" spans="14:14">
      <c r="N845319" s="10"/>
    </row>
    <row r="845320" spans="14:14">
      <c r="N845320" s="10"/>
    </row>
    <row r="845321" spans="14:14">
      <c r="N845321" s="10"/>
    </row>
    <row r="845322" spans="14:14">
      <c r="N845322" s="10"/>
    </row>
    <row r="845323" spans="14:14">
      <c r="N845323" s="10"/>
    </row>
    <row r="845324" spans="14:14">
      <c r="N845324" s="10"/>
    </row>
    <row r="845325" spans="14:14">
      <c r="N845325" s="10"/>
    </row>
    <row r="845326" spans="14:14">
      <c r="N845326" s="10"/>
    </row>
    <row r="845327" spans="14:14">
      <c r="N845327" s="10"/>
    </row>
    <row r="845328" spans="14:14">
      <c r="N845328" s="10"/>
    </row>
    <row r="845329" spans="14:14">
      <c r="N845329" s="10"/>
    </row>
    <row r="845330" spans="14:14">
      <c r="N845330" s="10"/>
    </row>
    <row r="845331" spans="14:14">
      <c r="N845331" s="10"/>
    </row>
    <row r="845332" spans="14:14">
      <c r="N845332" s="10"/>
    </row>
    <row r="845333" spans="14:14">
      <c r="N845333" s="10"/>
    </row>
    <row r="845334" spans="14:14">
      <c r="N845334" s="10"/>
    </row>
    <row r="845335" spans="14:14">
      <c r="N845335" s="10"/>
    </row>
    <row r="845336" spans="14:14">
      <c r="N845336" s="10"/>
    </row>
    <row r="845337" spans="14:14">
      <c r="N845337" s="10"/>
    </row>
    <row r="845338" spans="14:14">
      <c r="N845338" s="10"/>
    </row>
    <row r="845339" spans="14:14">
      <c r="N845339" s="10"/>
    </row>
    <row r="845340" spans="14:14">
      <c r="N845340" s="10"/>
    </row>
    <row r="845341" spans="14:14">
      <c r="N845341" s="10"/>
    </row>
    <row r="845342" spans="14:14">
      <c r="N845342" s="10"/>
    </row>
    <row r="845343" spans="14:14">
      <c r="N845343" s="10"/>
    </row>
    <row r="845344" spans="14:14">
      <c r="N845344" s="10"/>
    </row>
    <row r="845345" spans="14:14">
      <c r="N845345" s="10"/>
    </row>
    <row r="845346" spans="14:14">
      <c r="N845346" s="10"/>
    </row>
    <row r="845347" spans="14:14">
      <c r="N845347" s="10"/>
    </row>
    <row r="845348" spans="14:14">
      <c r="N845348" s="10"/>
    </row>
    <row r="845349" spans="14:14">
      <c r="N845349" s="10"/>
    </row>
    <row r="845350" spans="14:14">
      <c r="N845350" s="10"/>
    </row>
    <row r="845351" spans="14:14">
      <c r="N845351" s="10"/>
    </row>
    <row r="845352" spans="14:14">
      <c r="N845352" s="10"/>
    </row>
    <row r="845353" spans="14:14">
      <c r="N845353" s="10"/>
    </row>
    <row r="845354" spans="14:14">
      <c r="N845354" s="10"/>
    </row>
    <row r="845355" spans="14:14">
      <c r="N845355" s="10"/>
    </row>
    <row r="845356" spans="14:14">
      <c r="N845356" s="10"/>
    </row>
    <row r="845357" spans="14:14">
      <c r="N845357" s="10"/>
    </row>
    <row r="845358" spans="14:14">
      <c r="N845358" s="10"/>
    </row>
    <row r="845359" spans="14:14">
      <c r="N845359" s="10"/>
    </row>
    <row r="845360" spans="14:14">
      <c r="N845360" s="10"/>
    </row>
    <row r="845361" spans="14:14">
      <c r="N845361" s="10"/>
    </row>
    <row r="845362" spans="14:14">
      <c r="N845362" s="10"/>
    </row>
    <row r="845363" spans="14:14">
      <c r="N845363" s="10"/>
    </row>
    <row r="845364" spans="14:14">
      <c r="N845364" s="10"/>
    </row>
    <row r="845365" spans="14:14">
      <c r="N845365" s="10"/>
    </row>
    <row r="845366" spans="14:14">
      <c r="N845366" s="10"/>
    </row>
    <row r="845367" spans="14:14">
      <c r="N845367" s="10"/>
    </row>
    <row r="845368" spans="14:14">
      <c r="N845368" s="10"/>
    </row>
    <row r="845369" spans="14:14">
      <c r="N845369" s="10"/>
    </row>
    <row r="845370" spans="14:14">
      <c r="N845370" s="10"/>
    </row>
    <row r="845371" spans="14:14">
      <c r="N845371" s="10"/>
    </row>
    <row r="845372" spans="14:14">
      <c r="N845372" s="10"/>
    </row>
    <row r="845373" spans="14:14">
      <c r="N845373" s="10"/>
    </row>
    <row r="845374" spans="14:14">
      <c r="N845374" s="10"/>
    </row>
    <row r="845375" spans="14:14">
      <c r="N845375" s="10"/>
    </row>
    <row r="845376" spans="14:14">
      <c r="N845376" s="10"/>
    </row>
    <row r="845377" spans="14:14">
      <c r="N845377" s="10"/>
    </row>
    <row r="845378" spans="14:14">
      <c r="N845378" s="10"/>
    </row>
    <row r="845379" spans="14:14">
      <c r="N845379" s="10"/>
    </row>
    <row r="845380" spans="14:14">
      <c r="N845380" s="10"/>
    </row>
    <row r="845381" spans="14:14">
      <c r="N845381" s="10"/>
    </row>
    <row r="845382" spans="14:14">
      <c r="N845382" s="10"/>
    </row>
    <row r="845383" spans="14:14">
      <c r="N845383" s="10"/>
    </row>
    <row r="845384" spans="14:14">
      <c r="N845384" s="10"/>
    </row>
    <row r="845385" spans="14:14">
      <c r="N845385" s="10"/>
    </row>
    <row r="845386" spans="14:14">
      <c r="N845386" s="10"/>
    </row>
    <row r="845387" spans="14:14">
      <c r="N845387" s="10"/>
    </row>
    <row r="845388" spans="14:14">
      <c r="N845388" s="10"/>
    </row>
    <row r="845389" spans="14:14">
      <c r="N845389" s="10"/>
    </row>
    <row r="845390" spans="14:14">
      <c r="N845390" s="10"/>
    </row>
    <row r="845391" spans="14:14">
      <c r="N845391" s="10"/>
    </row>
    <row r="845392" spans="14:14">
      <c r="N845392" s="10"/>
    </row>
    <row r="845393" spans="14:14">
      <c r="N845393" s="10"/>
    </row>
    <row r="845394" spans="14:14">
      <c r="N845394" s="10"/>
    </row>
    <row r="845395" spans="14:14">
      <c r="N845395" s="10"/>
    </row>
    <row r="845396" spans="14:14">
      <c r="N845396" s="10"/>
    </row>
    <row r="845397" spans="14:14">
      <c r="N845397" s="10"/>
    </row>
    <row r="845398" spans="14:14">
      <c r="N845398" s="10"/>
    </row>
    <row r="845399" spans="14:14">
      <c r="N845399" s="10"/>
    </row>
    <row r="845400" spans="14:14">
      <c r="N845400" s="10"/>
    </row>
    <row r="845401" spans="14:14">
      <c r="N845401" s="10"/>
    </row>
    <row r="845402" spans="14:14">
      <c r="N845402" s="10"/>
    </row>
    <row r="845403" spans="14:14">
      <c r="N845403" s="10"/>
    </row>
    <row r="845404" spans="14:14">
      <c r="N845404" s="10"/>
    </row>
    <row r="845405" spans="14:14">
      <c r="N845405" s="10"/>
    </row>
    <row r="845406" spans="14:14">
      <c r="N845406" s="10"/>
    </row>
    <row r="845407" spans="14:14">
      <c r="N845407" s="10"/>
    </row>
    <row r="845408" spans="14:14">
      <c r="N845408" s="10"/>
    </row>
    <row r="845409" spans="14:14">
      <c r="N845409" s="10"/>
    </row>
    <row r="845410" spans="14:14">
      <c r="N845410" s="10"/>
    </row>
    <row r="845411" spans="14:14">
      <c r="N845411" s="10"/>
    </row>
    <row r="845412" spans="14:14">
      <c r="N845412" s="10"/>
    </row>
    <row r="845413" spans="14:14">
      <c r="N845413" s="10"/>
    </row>
    <row r="845414" spans="14:14">
      <c r="N845414" s="10"/>
    </row>
    <row r="845415" spans="14:14">
      <c r="N845415" s="10"/>
    </row>
    <row r="845416" spans="14:14">
      <c r="N845416" s="10"/>
    </row>
    <row r="845417" spans="14:14">
      <c r="N845417" s="10"/>
    </row>
    <row r="845418" spans="14:14">
      <c r="N845418" s="10"/>
    </row>
    <row r="845419" spans="14:14">
      <c r="N845419" s="10"/>
    </row>
    <row r="845420" spans="14:14">
      <c r="N845420" s="10"/>
    </row>
    <row r="845421" spans="14:14">
      <c r="N845421" s="10"/>
    </row>
    <row r="845422" spans="14:14">
      <c r="N845422" s="10"/>
    </row>
    <row r="845423" spans="14:14">
      <c r="N845423" s="10"/>
    </row>
    <row r="845424" spans="14:14">
      <c r="N845424" s="10"/>
    </row>
    <row r="845425" spans="14:14">
      <c r="N845425" s="10"/>
    </row>
    <row r="845426" spans="14:14">
      <c r="N845426" s="10"/>
    </row>
    <row r="845427" spans="14:14">
      <c r="N845427" s="10"/>
    </row>
    <row r="845428" spans="14:14">
      <c r="N845428" s="10"/>
    </row>
    <row r="845429" spans="14:14">
      <c r="N845429" s="10"/>
    </row>
    <row r="845430" spans="14:14">
      <c r="N845430" s="10"/>
    </row>
    <row r="845431" spans="14:14">
      <c r="N845431" s="10"/>
    </row>
    <row r="845432" spans="14:14">
      <c r="N845432" s="10"/>
    </row>
    <row r="845433" spans="14:14">
      <c r="N845433" s="10"/>
    </row>
    <row r="845434" spans="14:14">
      <c r="N845434" s="10"/>
    </row>
    <row r="845435" spans="14:14">
      <c r="N845435" s="10"/>
    </row>
    <row r="845436" spans="14:14">
      <c r="N845436" s="10"/>
    </row>
    <row r="845437" spans="14:14">
      <c r="N845437" s="10"/>
    </row>
    <row r="845438" spans="14:14">
      <c r="N845438" s="10"/>
    </row>
    <row r="845439" spans="14:14">
      <c r="N845439" s="10"/>
    </row>
    <row r="845440" spans="14:14">
      <c r="N845440" s="10"/>
    </row>
    <row r="845441" spans="14:14">
      <c r="N845441" s="10"/>
    </row>
    <row r="845442" spans="14:14">
      <c r="N845442" s="10"/>
    </row>
    <row r="845443" spans="14:14">
      <c r="N845443" s="10"/>
    </row>
    <row r="845444" spans="14:14">
      <c r="N845444" s="10"/>
    </row>
    <row r="845445" spans="14:14">
      <c r="N845445" s="10"/>
    </row>
    <row r="845446" spans="14:14">
      <c r="N845446" s="10"/>
    </row>
    <row r="845447" spans="14:14">
      <c r="N845447" s="10"/>
    </row>
    <row r="845448" spans="14:14">
      <c r="N845448" s="10"/>
    </row>
    <row r="845449" spans="14:14">
      <c r="N845449" s="10"/>
    </row>
    <row r="845450" spans="14:14">
      <c r="N845450" s="10"/>
    </row>
    <row r="845451" spans="14:14">
      <c r="N845451" s="10"/>
    </row>
    <row r="845452" spans="14:14">
      <c r="N845452" s="10"/>
    </row>
    <row r="845453" spans="14:14">
      <c r="N845453" s="10"/>
    </row>
    <row r="845454" spans="14:14">
      <c r="N845454" s="10"/>
    </row>
    <row r="845455" spans="14:14">
      <c r="N845455" s="10"/>
    </row>
    <row r="845456" spans="14:14">
      <c r="N845456" s="10"/>
    </row>
    <row r="845457" spans="14:14">
      <c r="N845457" s="10"/>
    </row>
    <row r="845458" spans="14:14">
      <c r="N845458" s="10"/>
    </row>
    <row r="845459" spans="14:14">
      <c r="N845459" s="10"/>
    </row>
    <row r="845460" spans="14:14">
      <c r="N845460" s="10"/>
    </row>
    <row r="845461" spans="14:14">
      <c r="N845461" s="10"/>
    </row>
    <row r="845462" spans="14:14">
      <c r="N845462" s="10"/>
    </row>
    <row r="845463" spans="14:14">
      <c r="N845463" s="10"/>
    </row>
    <row r="845464" spans="14:14">
      <c r="N845464" s="10"/>
    </row>
    <row r="845465" spans="14:14">
      <c r="N845465" s="10"/>
    </row>
    <row r="845466" spans="14:14">
      <c r="N845466" s="10"/>
    </row>
    <row r="845467" spans="14:14">
      <c r="N845467" s="10"/>
    </row>
    <row r="845468" spans="14:14">
      <c r="N845468" s="10"/>
    </row>
    <row r="845469" spans="14:14">
      <c r="N845469" s="10"/>
    </row>
    <row r="845470" spans="14:14">
      <c r="N845470" s="10"/>
    </row>
    <row r="845471" spans="14:14">
      <c r="N845471" s="10"/>
    </row>
    <row r="845472" spans="14:14">
      <c r="N845472" s="10"/>
    </row>
    <row r="845473" spans="14:14">
      <c r="N845473" s="10"/>
    </row>
    <row r="845474" spans="14:14">
      <c r="N845474" s="10"/>
    </row>
    <row r="845475" spans="14:14">
      <c r="N845475" s="10"/>
    </row>
    <row r="845476" spans="14:14">
      <c r="N845476" s="10"/>
    </row>
    <row r="845477" spans="14:14">
      <c r="N845477" s="10"/>
    </row>
    <row r="845478" spans="14:14">
      <c r="N845478" s="10"/>
    </row>
    <row r="845479" spans="14:14">
      <c r="N845479" s="10"/>
    </row>
    <row r="845480" spans="14:14">
      <c r="N845480" s="10"/>
    </row>
    <row r="845481" spans="14:14">
      <c r="N845481" s="10"/>
    </row>
    <row r="845482" spans="14:14">
      <c r="N845482" s="10"/>
    </row>
    <row r="845483" spans="14:14">
      <c r="N845483" s="10"/>
    </row>
    <row r="845484" spans="14:14">
      <c r="N845484" s="10"/>
    </row>
    <row r="845485" spans="14:14">
      <c r="N845485" s="10"/>
    </row>
    <row r="845486" spans="14:14">
      <c r="N845486" s="10"/>
    </row>
    <row r="845487" spans="14:14">
      <c r="N845487" s="10"/>
    </row>
    <row r="845488" spans="14:14">
      <c r="N845488" s="10"/>
    </row>
    <row r="845489" spans="14:14">
      <c r="N845489" s="10"/>
    </row>
    <row r="845490" spans="14:14">
      <c r="N845490" s="10"/>
    </row>
    <row r="845491" spans="14:14">
      <c r="N845491" s="10"/>
    </row>
    <row r="845492" spans="14:14">
      <c r="N845492" s="10"/>
    </row>
    <row r="845493" spans="14:14">
      <c r="N845493" s="10"/>
    </row>
    <row r="845494" spans="14:14">
      <c r="N845494" s="10"/>
    </row>
    <row r="845495" spans="14:14">
      <c r="N845495" s="10"/>
    </row>
    <row r="845496" spans="14:14">
      <c r="N845496" s="10"/>
    </row>
    <row r="845497" spans="14:14">
      <c r="N845497" s="10"/>
    </row>
    <row r="845498" spans="14:14">
      <c r="N845498" s="10"/>
    </row>
    <row r="845499" spans="14:14">
      <c r="N845499" s="10"/>
    </row>
    <row r="845500" spans="14:14">
      <c r="N845500" s="10"/>
    </row>
    <row r="845501" spans="14:14">
      <c r="N845501" s="10"/>
    </row>
    <row r="845502" spans="14:14">
      <c r="N845502" s="10"/>
    </row>
    <row r="845503" spans="14:14">
      <c r="N845503" s="10"/>
    </row>
    <row r="845504" spans="14:14">
      <c r="N845504" s="10"/>
    </row>
    <row r="845505" spans="14:14">
      <c r="N845505" s="10"/>
    </row>
    <row r="845506" spans="14:14">
      <c r="N845506" s="10"/>
    </row>
    <row r="845507" spans="14:14">
      <c r="N845507" s="10"/>
    </row>
    <row r="845508" spans="14:14">
      <c r="N845508" s="10"/>
    </row>
    <row r="845509" spans="14:14">
      <c r="N845509" s="10"/>
    </row>
    <row r="845510" spans="14:14">
      <c r="N845510" s="10"/>
    </row>
    <row r="845511" spans="14:14">
      <c r="N845511" s="10"/>
    </row>
    <row r="845512" spans="14:14">
      <c r="N845512" s="10"/>
    </row>
    <row r="845513" spans="14:14">
      <c r="N845513" s="10"/>
    </row>
    <row r="845514" spans="14:14">
      <c r="N845514" s="10"/>
    </row>
    <row r="845515" spans="14:14">
      <c r="N845515" s="10"/>
    </row>
    <row r="845516" spans="14:14">
      <c r="N845516" s="10"/>
    </row>
    <row r="845517" spans="14:14">
      <c r="N845517" s="10"/>
    </row>
    <row r="845518" spans="14:14">
      <c r="N845518" s="10"/>
    </row>
    <row r="845519" spans="14:14">
      <c r="N845519" s="10"/>
    </row>
    <row r="845520" spans="14:14">
      <c r="N845520" s="10"/>
    </row>
    <row r="845521" spans="14:14">
      <c r="N845521" s="10"/>
    </row>
    <row r="845522" spans="14:14">
      <c r="N845522" s="10"/>
    </row>
    <row r="845523" spans="14:14">
      <c r="N845523" s="10"/>
    </row>
    <row r="845524" spans="14:14">
      <c r="N845524" s="10"/>
    </row>
    <row r="845525" spans="14:14">
      <c r="N845525" s="10"/>
    </row>
    <row r="845526" spans="14:14">
      <c r="N845526" s="10"/>
    </row>
    <row r="845527" spans="14:14">
      <c r="N845527" s="10"/>
    </row>
    <row r="845528" spans="14:14">
      <c r="N845528" s="10"/>
    </row>
    <row r="845529" spans="14:14">
      <c r="N845529" s="10"/>
    </row>
    <row r="845530" spans="14:14">
      <c r="N845530" s="10"/>
    </row>
    <row r="845531" spans="14:14">
      <c r="N845531" s="10"/>
    </row>
    <row r="845532" spans="14:14">
      <c r="N845532" s="10"/>
    </row>
    <row r="845533" spans="14:14">
      <c r="N845533" s="10"/>
    </row>
    <row r="845534" spans="14:14">
      <c r="N845534" s="10"/>
    </row>
    <row r="845535" spans="14:14">
      <c r="N845535" s="10"/>
    </row>
    <row r="845536" spans="14:14">
      <c r="N845536" s="10"/>
    </row>
    <row r="845537" spans="14:14">
      <c r="N845537" s="10"/>
    </row>
    <row r="845538" spans="14:14">
      <c r="N845538" s="10"/>
    </row>
    <row r="845539" spans="14:14">
      <c r="N845539" s="10"/>
    </row>
    <row r="845540" spans="14:14">
      <c r="N845540" s="10"/>
    </row>
    <row r="845541" spans="14:14">
      <c r="N845541" s="10"/>
    </row>
    <row r="845542" spans="14:14">
      <c r="N845542" s="10"/>
    </row>
    <row r="845543" spans="14:14">
      <c r="N845543" s="10"/>
    </row>
    <row r="845544" spans="14:14">
      <c r="N845544" s="10"/>
    </row>
    <row r="845545" spans="14:14">
      <c r="N845545" s="10"/>
    </row>
    <row r="845546" spans="14:14">
      <c r="N845546" s="10"/>
    </row>
    <row r="845547" spans="14:14">
      <c r="N845547" s="10"/>
    </row>
    <row r="845548" spans="14:14">
      <c r="N845548" s="10"/>
    </row>
    <row r="845549" spans="14:14">
      <c r="N845549" s="10"/>
    </row>
    <row r="845550" spans="14:14">
      <c r="N845550" s="10"/>
    </row>
    <row r="845551" spans="14:14">
      <c r="N845551" s="10"/>
    </row>
    <row r="845552" spans="14:14">
      <c r="N845552" s="10"/>
    </row>
    <row r="845553" spans="14:14">
      <c r="N845553" s="10"/>
    </row>
    <row r="845554" spans="14:14">
      <c r="N845554" s="10"/>
    </row>
    <row r="845555" spans="14:14">
      <c r="N845555" s="10"/>
    </row>
    <row r="845556" spans="14:14">
      <c r="N845556" s="10"/>
    </row>
    <row r="845557" spans="14:14">
      <c r="N845557" s="10"/>
    </row>
    <row r="845558" spans="14:14">
      <c r="N845558" s="10"/>
    </row>
    <row r="845559" spans="14:14">
      <c r="N845559" s="10"/>
    </row>
    <row r="845560" spans="14:14">
      <c r="N845560" s="10"/>
    </row>
    <row r="845561" spans="14:14">
      <c r="N845561" s="10"/>
    </row>
    <row r="845562" spans="14:14">
      <c r="N845562" s="10"/>
    </row>
    <row r="845563" spans="14:14">
      <c r="N845563" s="10"/>
    </row>
    <row r="845564" spans="14:14">
      <c r="N845564" s="10"/>
    </row>
    <row r="845565" spans="14:14">
      <c r="N845565" s="10"/>
    </row>
    <row r="845566" spans="14:14">
      <c r="N845566" s="10"/>
    </row>
    <row r="845567" spans="14:14">
      <c r="N845567" s="10"/>
    </row>
    <row r="845568" spans="14:14">
      <c r="N845568" s="10"/>
    </row>
    <row r="845569" spans="14:14">
      <c r="N845569" s="10"/>
    </row>
    <row r="845570" spans="14:14">
      <c r="N845570" s="10"/>
    </row>
    <row r="845571" spans="14:14">
      <c r="N845571" s="10"/>
    </row>
    <row r="845572" spans="14:14">
      <c r="N845572" s="10"/>
    </row>
    <row r="845573" spans="14:14">
      <c r="N845573" s="10"/>
    </row>
    <row r="845574" spans="14:14">
      <c r="N845574" s="10"/>
    </row>
    <row r="845575" spans="14:14">
      <c r="N845575" s="10"/>
    </row>
    <row r="845576" spans="14:14">
      <c r="N845576" s="10"/>
    </row>
    <row r="845577" spans="14:14">
      <c r="N845577" s="10"/>
    </row>
    <row r="845578" spans="14:14">
      <c r="N845578" s="10"/>
    </row>
    <row r="845579" spans="14:14">
      <c r="N845579" s="10"/>
    </row>
    <row r="845580" spans="14:14">
      <c r="N845580" s="10"/>
    </row>
    <row r="845581" spans="14:14">
      <c r="N845581" s="10"/>
    </row>
    <row r="845582" spans="14:14">
      <c r="N845582" s="10"/>
    </row>
    <row r="845583" spans="14:14">
      <c r="N845583" s="10"/>
    </row>
    <row r="845584" spans="14:14">
      <c r="N845584" s="10"/>
    </row>
    <row r="845585" spans="14:14">
      <c r="N845585" s="10"/>
    </row>
    <row r="845586" spans="14:14">
      <c r="N845586" s="10"/>
    </row>
    <row r="845587" spans="14:14">
      <c r="N845587" s="10"/>
    </row>
    <row r="845588" spans="14:14">
      <c r="N845588" s="10"/>
    </row>
    <row r="845589" spans="14:14">
      <c r="N845589" s="10"/>
    </row>
    <row r="845590" spans="14:14">
      <c r="N845590" s="10"/>
    </row>
    <row r="845591" spans="14:14">
      <c r="N845591" s="10"/>
    </row>
    <row r="845592" spans="14:14">
      <c r="N845592" s="10"/>
    </row>
    <row r="845593" spans="14:14">
      <c r="N845593" s="10"/>
    </row>
    <row r="845594" spans="14:14">
      <c r="N845594" s="10"/>
    </row>
    <row r="845595" spans="14:14">
      <c r="N845595" s="10"/>
    </row>
    <row r="845596" spans="14:14">
      <c r="N845596" s="10"/>
    </row>
    <row r="845597" spans="14:14">
      <c r="N845597" s="10"/>
    </row>
    <row r="845598" spans="14:14">
      <c r="N845598" s="10"/>
    </row>
    <row r="845599" spans="14:14">
      <c r="N845599" s="10"/>
    </row>
    <row r="845600" spans="14:14">
      <c r="N845600" s="10"/>
    </row>
    <row r="845601" spans="14:14">
      <c r="N845601" s="10"/>
    </row>
    <row r="845602" spans="14:14">
      <c r="N845602" s="10"/>
    </row>
    <row r="845603" spans="14:14">
      <c r="N845603" s="10"/>
    </row>
    <row r="845604" spans="14:14">
      <c r="N845604" s="10"/>
    </row>
    <row r="845605" spans="14:14">
      <c r="N845605" s="10"/>
    </row>
    <row r="845606" spans="14:14">
      <c r="N845606" s="10"/>
    </row>
    <row r="845607" spans="14:14">
      <c r="N845607" s="10"/>
    </row>
    <row r="845608" spans="14:14">
      <c r="N845608" s="10"/>
    </row>
    <row r="845609" spans="14:14">
      <c r="N845609" s="10"/>
    </row>
    <row r="845610" spans="14:14">
      <c r="N845610" s="10"/>
    </row>
    <row r="845611" spans="14:14">
      <c r="N845611" s="10"/>
    </row>
    <row r="845612" spans="14:14">
      <c r="N845612" s="10"/>
    </row>
    <row r="845613" spans="14:14">
      <c r="N845613" s="10"/>
    </row>
    <row r="845614" spans="14:14">
      <c r="N845614" s="10"/>
    </row>
    <row r="845615" spans="14:14">
      <c r="N845615" s="10"/>
    </row>
    <row r="845616" spans="14:14">
      <c r="N845616" s="10"/>
    </row>
    <row r="845617" spans="14:14">
      <c r="N845617" s="10"/>
    </row>
    <row r="845618" spans="14:14">
      <c r="N845618" s="10"/>
    </row>
    <row r="845619" spans="14:14">
      <c r="N845619" s="10"/>
    </row>
    <row r="845620" spans="14:14">
      <c r="N845620" s="10"/>
    </row>
    <row r="845621" spans="14:14">
      <c r="N845621" s="10"/>
    </row>
    <row r="845622" spans="14:14">
      <c r="N845622" s="10"/>
    </row>
    <row r="845623" spans="14:14">
      <c r="N845623" s="10"/>
    </row>
    <row r="845624" spans="14:14">
      <c r="N845624" s="10"/>
    </row>
    <row r="845625" spans="14:14">
      <c r="N845625" s="10"/>
    </row>
    <row r="845626" spans="14:14">
      <c r="N845626" s="10"/>
    </row>
    <row r="845627" spans="14:14">
      <c r="N845627" s="10"/>
    </row>
    <row r="845628" spans="14:14">
      <c r="N845628" s="10"/>
    </row>
    <row r="845629" spans="14:14">
      <c r="N845629" s="10"/>
    </row>
    <row r="845630" spans="14:14">
      <c r="N845630" s="10"/>
    </row>
    <row r="845631" spans="14:14">
      <c r="N845631" s="10"/>
    </row>
    <row r="845632" spans="14:14">
      <c r="N845632" s="10"/>
    </row>
    <row r="845633" spans="14:14">
      <c r="N845633" s="10"/>
    </row>
    <row r="845634" spans="14:14">
      <c r="N845634" s="10"/>
    </row>
    <row r="845635" spans="14:14">
      <c r="N845635" s="10"/>
    </row>
    <row r="845636" spans="14:14">
      <c r="N845636" s="10"/>
    </row>
    <row r="845637" spans="14:14">
      <c r="N845637" s="10"/>
    </row>
    <row r="845638" spans="14:14">
      <c r="N845638" s="10"/>
    </row>
    <row r="845639" spans="14:14">
      <c r="N845639" s="10"/>
    </row>
    <row r="845640" spans="14:14">
      <c r="N845640" s="10"/>
    </row>
    <row r="845641" spans="14:14">
      <c r="N845641" s="10"/>
    </row>
    <row r="845642" spans="14:14">
      <c r="N845642" s="10"/>
    </row>
    <row r="845643" spans="14:14">
      <c r="N845643" s="10"/>
    </row>
    <row r="845644" spans="14:14">
      <c r="N845644" s="10"/>
    </row>
    <row r="845645" spans="14:14">
      <c r="N845645" s="10"/>
    </row>
    <row r="845646" spans="14:14">
      <c r="N845646" s="10"/>
    </row>
    <row r="845647" spans="14:14">
      <c r="N845647" s="10"/>
    </row>
    <row r="845648" spans="14:14">
      <c r="N845648" s="10"/>
    </row>
    <row r="845649" spans="14:14">
      <c r="N845649" s="10"/>
    </row>
    <row r="845650" spans="14:14">
      <c r="N845650" s="10"/>
    </row>
    <row r="845651" spans="14:14">
      <c r="N845651" s="10"/>
    </row>
    <row r="845652" spans="14:14">
      <c r="N845652" s="10"/>
    </row>
    <row r="845653" spans="14:14">
      <c r="N845653" s="10"/>
    </row>
    <row r="845654" spans="14:14">
      <c r="N845654" s="10"/>
    </row>
    <row r="845655" spans="14:14">
      <c r="N845655" s="10"/>
    </row>
    <row r="845656" spans="14:14">
      <c r="N845656" s="10"/>
    </row>
    <row r="845657" spans="14:14">
      <c r="N845657" s="10"/>
    </row>
    <row r="845658" spans="14:14">
      <c r="N845658" s="10"/>
    </row>
    <row r="845659" spans="14:14">
      <c r="N845659" s="10"/>
    </row>
    <row r="845660" spans="14:14">
      <c r="N845660" s="10"/>
    </row>
    <row r="845661" spans="14:14">
      <c r="N845661" s="10"/>
    </row>
    <row r="845662" spans="14:14">
      <c r="N845662" s="10"/>
    </row>
    <row r="845663" spans="14:14">
      <c r="N845663" s="10"/>
    </row>
    <row r="845664" spans="14:14">
      <c r="N845664" s="10"/>
    </row>
    <row r="845665" spans="14:14">
      <c r="N845665" s="10"/>
    </row>
    <row r="845666" spans="14:14">
      <c r="N845666" s="10"/>
    </row>
    <row r="845667" spans="14:14">
      <c r="N845667" s="10"/>
    </row>
    <row r="845668" spans="14:14">
      <c r="N845668" s="10"/>
    </row>
    <row r="845669" spans="14:14">
      <c r="N845669" s="10"/>
    </row>
    <row r="845670" spans="14:14">
      <c r="N845670" s="10"/>
    </row>
    <row r="845671" spans="14:14">
      <c r="N845671" s="10"/>
    </row>
    <row r="845672" spans="14:14">
      <c r="N845672" s="10"/>
    </row>
    <row r="845673" spans="14:14">
      <c r="N845673" s="10"/>
    </row>
    <row r="845674" spans="14:14">
      <c r="N845674" s="10"/>
    </row>
    <row r="845675" spans="14:14">
      <c r="N845675" s="10"/>
    </row>
    <row r="845676" spans="14:14">
      <c r="N845676" s="10"/>
    </row>
    <row r="845677" spans="14:14">
      <c r="N845677" s="10"/>
    </row>
    <row r="845678" spans="14:14">
      <c r="N845678" s="10"/>
    </row>
    <row r="845679" spans="14:14">
      <c r="N845679" s="10"/>
    </row>
    <row r="845680" spans="14:14">
      <c r="N845680" s="10"/>
    </row>
    <row r="845681" spans="14:14">
      <c r="N845681" s="10"/>
    </row>
    <row r="845682" spans="14:14">
      <c r="N845682" s="10"/>
    </row>
    <row r="845683" spans="14:14">
      <c r="N845683" s="10"/>
    </row>
    <row r="845684" spans="14:14">
      <c r="N845684" s="10"/>
    </row>
    <row r="845685" spans="14:14">
      <c r="N845685" s="10"/>
    </row>
    <row r="845686" spans="14:14">
      <c r="N845686" s="10"/>
    </row>
    <row r="845687" spans="14:14">
      <c r="N845687" s="10"/>
    </row>
    <row r="845688" spans="14:14">
      <c r="N845688" s="10"/>
    </row>
    <row r="845689" spans="14:14">
      <c r="N845689" s="10"/>
    </row>
    <row r="845690" spans="14:14">
      <c r="N845690" s="10"/>
    </row>
    <row r="845691" spans="14:14">
      <c r="N845691" s="10"/>
    </row>
    <row r="845692" spans="14:14">
      <c r="N845692" s="10"/>
    </row>
    <row r="845693" spans="14:14">
      <c r="N845693" s="10"/>
    </row>
    <row r="845694" spans="14:14">
      <c r="N845694" s="10"/>
    </row>
    <row r="845695" spans="14:14">
      <c r="N845695" s="10"/>
    </row>
    <row r="845696" spans="14:14">
      <c r="N845696" s="10"/>
    </row>
    <row r="845697" spans="14:14">
      <c r="N845697" s="10"/>
    </row>
    <row r="845698" spans="14:14">
      <c r="N845698" s="10"/>
    </row>
    <row r="845699" spans="14:14">
      <c r="N845699" s="10"/>
    </row>
    <row r="845700" spans="14:14">
      <c r="N845700" s="10"/>
    </row>
    <row r="845701" spans="14:14">
      <c r="N845701" s="10"/>
    </row>
    <row r="845702" spans="14:14">
      <c r="N845702" s="10"/>
    </row>
    <row r="845703" spans="14:14">
      <c r="N845703" s="10"/>
    </row>
    <row r="845704" spans="14:14">
      <c r="N845704" s="10"/>
    </row>
    <row r="845705" spans="14:14">
      <c r="N845705" s="10"/>
    </row>
    <row r="845706" spans="14:14">
      <c r="N845706" s="10"/>
    </row>
    <row r="845707" spans="14:14">
      <c r="N845707" s="10"/>
    </row>
    <row r="845708" spans="14:14">
      <c r="N845708" s="10"/>
    </row>
    <row r="845709" spans="14:14">
      <c r="N845709" s="10"/>
    </row>
    <row r="845710" spans="14:14">
      <c r="N845710" s="10"/>
    </row>
    <row r="845711" spans="14:14">
      <c r="N845711" s="10"/>
    </row>
    <row r="845712" spans="14:14">
      <c r="N845712" s="10"/>
    </row>
    <row r="845713" spans="14:14">
      <c r="N845713" s="10"/>
    </row>
    <row r="845714" spans="14:14">
      <c r="N845714" s="10"/>
    </row>
    <row r="845715" spans="14:14">
      <c r="N845715" s="10"/>
    </row>
    <row r="845716" spans="14:14">
      <c r="N845716" s="10"/>
    </row>
    <row r="845717" spans="14:14">
      <c r="N845717" s="10"/>
    </row>
    <row r="845718" spans="14:14">
      <c r="N845718" s="10"/>
    </row>
    <row r="845719" spans="14:14">
      <c r="N845719" s="10"/>
    </row>
    <row r="845720" spans="14:14">
      <c r="N845720" s="10"/>
    </row>
    <row r="845721" spans="14:14">
      <c r="N845721" s="10"/>
    </row>
    <row r="845722" spans="14:14">
      <c r="N845722" s="10"/>
    </row>
    <row r="845723" spans="14:14">
      <c r="N845723" s="10"/>
    </row>
    <row r="845724" spans="14:14">
      <c r="N845724" s="10"/>
    </row>
    <row r="845725" spans="14:14">
      <c r="N845725" s="10"/>
    </row>
    <row r="845726" spans="14:14">
      <c r="N845726" s="10"/>
    </row>
    <row r="845727" spans="14:14">
      <c r="N845727" s="10"/>
    </row>
    <row r="845728" spans="14:14">
      <c r="N845728" s="10"/>
    </row>
    <row r="845729" spans="14:14">
      <c r="N845729" s="10"/>
    </row>
    <row r="845730" spans="14:14">
      <c r="N845730" s="10"/>
    </row>
    <row r="845731" spans="14:14">
      <c r="N845731" s="10"/>
    </row>
    <row r="845732" spans="14:14">
      <c r="N845732" s="10"/>
    </row>
    <row r="845733" spans="14:14">
      <c r="N845733" s="10"/>
    </row>
    <row r="845734" spans="14:14">
      <c r="N845734" s="10"/>
    </row>
    <row r="845735" spans="14:14">
      <c r="N845735" s="10"/>
    </row>
    <row r="845736" spans="14:14">
      <c r="N845736" s="10"/>
    </row>
    <row r="845737" spans="14:14">
      <c r="N845737" s="10"/>
    </row>
    <row r="845738" spans="14:14">
      <c r="N845738" s="10"/>
    </row>
    <row r="845739" spans="14:14">
      <c r="N845739" s="10"/>
    </row>
    <row r="845740" spans="14:14">
      <c r="N845740" s="10"/>
    </row>
    <row r="845741" spans="14:14">
      <c r="N845741" s="10"/>
    </row>
    <row r="845742" spans="14:14">
      <c r="N845742" s="10"/>
    </row>
    <row r="845743" spans="14:14">
      <c r="N845743" s="10"/>
    </row>
    <row r="845744" spans="14:14">
      <c r="N845744" s="10"/>
    </row>
    <row r="845745" spans="14:14">
      <c r="N845745" s="10"/>
    </row>
    <row r="845746" spans="14:14">
      <c r="N845746" s="10"/>
    </row>
    <row r="845747" spans="14:14">
      <c r="N845747" s="10"/>
    </row>
    <row r="845748" spans="14:14">
      <c r="N845748" s="10"/>
    </row>
    <row r="845749" spans="14:14">
      <c r="N845749" s="10"/>
    </row>
    <row r="845750" spans="14:14">
      <c r="N845750" s="10"/>
    </row>
    <row r="845751" spans="14:14">
      <c r="N845751" s="10"/>
    </row>
    <row r="845752" spans="14:14">
      <c r="N845752" s="10"/>
    </row>
    <row r="845753" spans="14:14">
      <c r="N845753" s="10"/>
    </row>
    <row r="845754" spans="14:14">
      <c r="N845754" s="10"/>
    </row>
    <row r="845755" spans="14:14">
      <c r="N845755" s="10"/>
    </row>
    <row r="845756" spans="14:14">
      <c r="N845756" s="10"/>
    </row>
    <row r="845757" spans="14:14">
      <c r="N845757" s="10"/>
    </row>
    <row r="845758" spans="14:14">
      <c r="N845758" s="10"/>
    </row>
    <row r="845759" spans="14:14">
      <c r="N845759" s="10"/>
    </row>
    <row r="845760" spans="14:14">
      <c r="N845760" s="10"/>
    </row>
    <row r="845761" spans="14:14">
      <c r="N845761" s="10"/>
    </row>
    <row r="845762" spans="14:14">
      <c r="N845762" s="10"/>
    </row>
    <row r="845763" spans="14:14">
      <c r="N845763" s="10"/>
    </row>
    <row r="845764" spans="14:14">
      <c r="N845764" s="10"/>
    </row>
    <row r="845765" spans="14:14">
      <c r="N845765" s="10"/>
    </row>
    <row r="845766" spans="14:14">
      <c r="N845766" s="10"/>
    </row>
    <row r="845767" spans="14:14">
      <c r="N845767" s="10"/>
    </row>
    <row r="845768" spans="14:14">
      <c r="N845768" s="10"/>
    </row>
    <row r="845769" spans="14:14">
      <c r="N845769" s="10"/>
    </row>
    <row r="845770" spans="14:14">
      <c r="N845770" s="10"/>
    </row>
    <row r="845771" spans="14:14">
      <c r="N845771" s="10"/>
    </row>
    <row r="845772" spans="14:14">
      <c r="N845772" s="10"/>
    </row>
    <row r="845773" spans="14:14">
      <c r="N845773" s="10"/>
    </row>
    <row r="845774" spans="14:14">
      <c r="N845774" s="10"/>
    </row>
    <row r="845775" spans="14:14">
      <c r="N845775" s="10"/>
    </row>
    <row r="845776" spans="14:14">
      <c r="N845776" s="10"/>
    </row>
    <row r="845777" spans="14:14">
      <c r="N845777" s="10"/>
    </row>
    <row r="845778" spans="14:14">
      <c r="N845778" s="10"/>
    </row>
    <row r="845779" spans="14:14">
      <c r="N845779" s="10"/>
    </row>
    <row r="845780" spans="14:14">
      <c r="N845780" s="10"/>
    </row>
    <row r="845781" spans="14:14">
      <c r="N845781" s="10"/>
    </row>
    <row r="845782" spans="14:14">
      <c r="N845782" s="10"/>
    </row>
    <row r="845783" spans="14:14">
      <c r="N845783" s="10"/>
    </row>
    <row r="845784" spans="14:14">
      <c r="N845784" s="10"/>
    </row>
    <row r="845785" spans="14:14">
      <c r="N845785" s="10"/>
    </row>
    <row r="845786" spans="14:14">
      <c r="N845786" s="10"/>
    </row>
    <row r="845787" spans="14:14">
      <c r="N845787" s="10"/>
    </row>
    <row r="845788" spans="14:14">
      <c r="N845788" s="10"/>
    </row>
    <row r="845789" spans="14:14">
      <c r="N845789" s="10"/>
    </row>
    <row r="845790" spans="14:14">
      <c r="N845790" s="10"/>
    </row>
    <row r="845791" spans="14:14">
      <c r="N845791" s="10"/>
    </row>
    <row r="845792" spans="14:14">
      <c r="N845792" s="10"/>
    </row>
    <row r="845793" spans="14:14">
      <c r="N845793" s="10"/>
    </row>
    <row r="845794" spans="14:14">
      <c r="N845794" s="10"/>
    </row>
    <row r="845795" spans="14:14">
      <c r="N845795" s="10"/>
    </row>
    <row r="845796" spans="14:14">
      <c r="N845796" s="10"/>
    </row>
    <row r="845797" spans="14:14">
      <c r="N845797" s="10"/>
    </row>
    <row r="845798" spans="14:14">
      <c r="N845798" s="10"/>
    </row>
    <row r="845799" spans="14:14">
      <c r="N845799" s="10"/>
    </row>
    <row r="845800" spans="14:14">
      <c r="N845800" s="10"/>
    </row>
    <row r="845801" spans="14:14">
      <c r="N845801" s="10"/>
    </row>
    <row r="845802" spans="14:14">
      <c r="N845802" s="10"/>
    </row>
    <row r="845803" spans="14:14">
      <c r="N845803" s="10"/>
    </row>
    <row r="845804" spans="14:14">
      <c r="N845804" s="10"/>
    </row>
    <row r="845805" spans="14:14">
      <c r="N845805" s="10"/>
    </row>
    <row r="845806" spans="14:14">
      <c r="N845806" s="10"/>
    </row>
    <row r="845807" spans="14:14">
      <c r="N845807" s="10"/>
    </row>
    <row r="845808" spans="14:14">
      <c r="N845808" s="10"/>
    </row>
    <row r="845809" spans="14:14">
      <c r="N845809" s="10"/>
    </row>
    <row r="845810" spans="14:14">
      <c r="N845810" s="10"/>
    </row>
    <row r="845811" spans="14:14">
      <c r="N845811" s="10"/>
    </row>
    <row r="845812" spans="14:14">
      <c r="N845812" s="10"/>
    </row>
    <row r="845813" spans="14:14">
      <c r="N845813" s="10"/>
    </row>
    <row r="845814" spans="14:14">
      <c r="N845814" s="10"/>
    </row>
    <row r="845815" spans="14:14">
      <c r="N845815" s="10"/>
    </row>
    <row r="845816" spans="14:14">
      <c r="N845816" s="10"/>
    </row>
    <row r="845817" spans="14:14">
      <c r="N845817" s="10"/>
    </row>
    <row r="845818" spans="14:14">
      <c r="N845818" s="10"/>
    </row>
    <row r="845819" spans="14:14">
      <c r="N845819" s="10"/>
    </row>
    <row r="845820" spans="14:14">
      <c r="N845820" s="10"/>
    </row>
    <row r="845821" spans="14:14">
      <c r="N845821" s="10"/>
    </row>
    <row r="845822" spans="14:14">
      <c r="N845822" s="10"/>
    </row>
    <row r="845823" spans="14:14">
      <c r="N845823" s="10"/>
    </row>
    <row r="845824" spans="14:14">
      <c r="N845824" s="10"/>
    </row>
    <row r="845825" spans="14:14">
      <c r="N845825" s="10"/>
    </row>
    <row r="845826" spans="14:14">
      <c r="N845826" s="10"/>
    </row>
    <row r="845827" spans="14:14">
      <c r="N845827" s="10"/>
    </row>
    <row r="845828" spans="14:14">
      <c r="N845828" s="10"/>
    </row>
    <row r="845829" spans="14:14">
      <c r="N845829" s="10"/>
    </row>
    <row r="845830" spans="14:14">
      <c r="N845830" s="10"/>
    </row>
    <row r="845831" spans="14:14">
      <c r="N845831" s="10"/>
    </row>
    <row r="845832" spans="14:14">
      <c r="N845832" s="10"/>
    </row>
    <row r="845833" spans="14:14">
      <c r="N845833" s="10"/>
    </row>
    <row r="845834" spans="14:14">
      <c r="N845834" s="10"/>
    </row>
    <row r="845835" spans="14:14">
      <c r="N845835" s="10"/>
    </row>
    <row r="845836" spans="14:14">
      <c r="N845836" s="10"/>
    </row>
    <row r="845837" spans="14:14">
      <c r="N845837" s="10"/>
    </row>
    <row r="845838" spans="14:14">
      <c r="N845838" s="10"/>
    </row>
    <row r="845839" spans="14:14">
      <c r="N845839" s="10"/>
    </row>
    <row r="845840" spans="14:14">
      <c r="N845840" s="10"/>
    </row>
    <row r="845841" spans="14:14">
      <c r="N845841" s="10"/>
    </row>
    <row r="845842" spans="14:14">
      <c r="N845842" s="10"/>
    </row>
    <row r="845843" spans="14:14">
      <c r="N845843" s="10"/>
    </row>
    <row r="845844" spans="14:14">
      <c r="N845844" s="10"/>
    </row>
    <row r="845845" spans="14:14">
      <c r="N845845" s="10"/>
    </row>
    <row r="845846" spans="14:14">
      <c r="N845846" s="10"/>
    </row>
    <row r="845847" spans="14:14">
      <c r="N845847" s="10"/>
    </row>
    <row r="845848" spans="14:14">
      <c r="N845848" s="10"/>
    </row>
    <row r="845849" spans="14:14">
      <c r="N845849" s="10"/>
    </row>
    <row r="845850" spans="14:14">
      <c r="N845850" s="10"/>
    </row>
    <row r="845851" spans="14:14">
      <c r="N845851" s="10"/>
    </row>
    <row r="845852" spans="14:14">
      <c r="N845852" s="10"/>
    </row>
    <row r="845853" spans="14:14">
      <c r="N845853" s="10"/>
    </row>
    <row r="845854" spans="14:14">
      <c r="N845854" s="10"/>
    </row>
    <row r="845855" spans="14:14">
      <c r="N845855" s="10"/>
    </row>
    <row r="845856" spans="14:14">
      <c r="N845856" s="10"/>
    </row>
    <row r="845857" spans="14:14">
      <c r="N845857" s="10"/>
    </row>
    <row r="845858" spans="14:14">
      <c r="N845858" s="10"/>
    </row>
    <row r="845859" spans="14:14">
      <c r="N845859" s="10"/>
    </row>
    <row r="845860" spans="14:14">
      <c r="N845860" s="10"/>
    </row>
    <row r="845861" spans="14:14">
      <c r="N845861" s="10"/>
    </row>
    <row r="845862" spans="14:14">
      <c r="N845862" s="10"/>
    </row>
    <row r="845863" spans="14:14">
      <c r="N845863" s="10"/>
    </row>
    <row r="845864" spans="14:14">
      <c r="N845864" s="10"/>
    </row>
    <row r="845865" spans="14:14">
      <c r="N845865" s="10"/>
    </row>
    <row r="845866" spans="14:14">
      <c r="N845866" s="10"/>
    </row>
    <row r="845867" spans="14:14">
      <c r="N845867" s="10"/>
    </row>
    <row r="845868" spans="14:14">
      <c r="N845868" s="10"/>
    </row>
    <row r="845869" spans="14:14">
      <c r="N845869" s="10"/>
    </row>
    <row r="845870" spans="14:14">
      <c r="N845870" s="10"/>
    </row>
    <row r="845871" spans="14:14">
      <c r="N845871" s="10"/>
    </row>
    <row r="845872" spans="14:14">
      <c r="N845872" s="10"/>
    </row>
    <row r="845873" spans="14:14">
      <c r="N845873" s="10"/>
    </row>
    <row r="845874" spans="14:14">
      <c r="N845874" s="10"/>
    </row>
    <row r="845875" spans="14:14">
      <c r="N845875" s="10"/>
    </row>
    <row r="845876" spans="14:14">
      <c r="N845876" s="10"/>
    </row>
    <row r="845877" spans="14:14">
      <c r="N845877" s="10"/>
    </row>
    <row r="845878" spans="14:14">
      <c r="N845878" s="10"/>
    </row>
    <row r="845879" spans="14:14">
      <c r="N845879" s="10"/>
    </row>
    <row r="845880" spans="14:14">
      <c r="N845880" s="10"/>
    </row>
    <row r="845881" spans="14:14">
      <c r="N845881" s="10"/>
    </row>
    <row r="845882" spans="14:14">
      <c r="N845882" s="10"/>
    </row>
    <row r="845883" spans="14:14">
      <c r="N845883" s="10"/>
    </row>
    <row r="845884" spans="14:14">
      <c r="N845884" s="10"/>
    </row>
    <row r="845885" spans="14:14">
      <c r="N845885" s="10"/>
    </row>
    <row r="845886" spans="14:14">
      <c r="N845886" s="10"/>
    </row>
    <row r="845887" spans="14:14">
      <c r="N845887" s="10"/>
    </row>
    <row r="845888" spans="14:14">
      <c r="N845888" s="10"/>
    </row>
    <row r="845889" spans="14:14">
      <c r="N845889" s="10"/>
    </row>
    <row r="845890" spans="14:14">
      <c r="N845890" s="10"/>
    </row>
    <row r="845891" spans="14:14">
      <c r="N845891" s="10"/>
    </row>
    <row r="845892" spans="14:14">
      <c r="N845892" s="10"/>
    </row>
    <row r="845893" spans="14:14">
      <c r="N845893" s="10"/>
    </row>
    <row r="845894" spans="14:14">
      <c r="N845894" s="10"/>
    </row>
    <row r="845895" spans="14:14">
      <c r="N845895" s="10"/>
    </row>
    <row r="845896" spans="14:14">
      <c r="N845896" s="10"/>
    </row>
    <row r="845897" spans="14:14">
      <c r="N845897" s="10"/>
    </row>
    <row r="845898" spans="14:14">
      <c r="N845898" s="10"/>
    </row>
    <row r="845899" spans="14:14">
      <c r="N845899" s="10"/>
    </row>
    <row r="845900" spans="14:14">
      <c r="N845900" s="10"/>
    </row>
    <row r="845901" spans="14:14">
      <c r="N845901" s="10"/>
    </row>
    <row r="845902" spans="14:14">
      <c r="N845902" s="10"/>
    </row>
    <row r="845903" spans="14:14">
      <c r="N845903" s="10"/>
    </row>
    <row r="845904" spans="14:14">
      <c r="N845904" s="10"/>
    </row>
    <row r="845905" spans="14:14">
      <c r="N845905" s="10"/>
    </row>
    <row r="845906" spans="14:14">
      <c r="N845906" s="10"/>
    </row>
    <row r="845907" spans="14:14">
      <c r="N845907" s="10"/>
    </row>
    <row r="845908" spans="14:14">
      <c r="N845908" s="10"/>
    </row>
    <row r="845909" spans="14:14">
      <c r="N845909" s="10"/>
    </row>
    <row r="845910" spans="14:14">
      <c r="N845910" s="10"/>
    </row>
    <row r="845911" spans="14:14">
      <c r="N845911" s="10"/>
    </row>
    <row r="845912" spans="14:14">
      <c r="N845912" s="10"/>
    </row>
    <row r="845913" spans="14:14">
      <c r="N845913" s="10"/>
    </row>
    <row r="845914" spans="14:14">
      <c r="N845914" s="10"/>
    </row>
    <row r="845915" spans="14:14">
      <c r="N845915" s="10"/>
    </row>
    <row r="845916" spans="14:14">
      <c r="N845916" s="10"/>
    </row>
    <row r="845917" spans="14:14">
      <c r="N845917" s="10"/>
    </row>
    <row r="845918" spans="14:14">
      <c r="N845918" s="10"/>
    </row>
    <row r="845919" spans="14:14">
      <c r="N845919" s="10"/>
    </row>
    <row r="845920" spans="14:14">
      <c r="N845920" s="10"/>
    </row>
    <row r="845921" spans="14:14">
      <c r="N845921" s="10"/>
    </row>
    <row r="845922" spans="14:14">
      <c r="N845922" s="10"/>
    </row>
    <row r="845923" spans="14:14">
      <c r="N845923" s="10"/>
    </row>
    <row r="845924" spans="14:14">
      <c r="N845924" s="10"/>
    </row>
    <row r="845925" spans="14:14">
      <c r="N845925" s="10"/>
    </row>
    <row r="845926" spans="14:14">
      <c r="N845926" s="10"/>
    </row>
    <row r="845927" spans="14:14">
      <c r="N845927" s="10"/>
    </row>
    <row r="845928" spans="14:14">
      <c r="N845928" s="10"/>
    </row>
    <row r="845929" spans="14:14">
      <c r="N845929" s="10"/>
    </row>
    <row r="845930" spans="14:14">
      <c r="N845930" s="10"/>
    </row>
    <row r="845931" spans="14:14">
      <c r="N845931" s="10"/>
    </row>
    <row r="845932" spans="14:14">
      <c r="N845932" s="10"/>
    </row>
    <row r="845933" spans="14:14">
      <c r="N845933" s="10"/>
    </row>
    <row r="845934" spans="14:14">
      <c r="N845934" s="10"/>
    </row>
    <row r="845935" spans="14:14">
      <c r="N845935" s="10"/>
    </row>
    <row r="845936" spans="14:14">
      <c r="N845936" s="10"/>
    </row>
    <row r="845937" spans="14:14">
      <c r="N845937" s="10"/>
    </row>
    <row r="845938" spans="14:14">
      <c r="N845938" s="10"/>
    </row>
    <row r="845939" spans="14:14">
      <c r="N845939" s="10"/>
    </row>
    <row r="845940" spans="14:14">
      <c r="N845940" s="10"/>
    </row>
    <row r="845941" spans="14:14">
      <c r="N845941" s="10"/>
    </row>
    <row r="845942" spans="14:14">
      <c r="N845942" s="10"/>
    </row>
    <row r="845943" spans="14:14">
      <c r="N845943" s="10"/>
    </row>
    <row r="845944" spans="14:14">
      <c r="N845944" s="10"/>
    </row>
    <row r="845945" spans="14:14">
      <c r="N845945" s="10"/>
    </row>
    <row r="845946" spans="14:14">
      <c r="N845946" s="10"/>
    </row>
    <row r="845947" spans="14:14">
      <c r="N845947" s="10"/>
    </row>
    <row r="845948" spans="14:14">
      <c r="N845948" s="10"/>
    </row>
    <row r="845949" spans="14:14">
      <c r="N845949" s="10"/>
    </row>
    <row r="845950" spans="14:14">
      <c r="N845950" s="10"/>
    </row>
    <row r="845951" spans="14:14">
      <c r="N845951" s="10"/>
    </row>
    <row r="845952" spans="14:14">
      <c r="N845952" s="10"/>
    </row>
    <row r="845953" spans="14:14">
      <c r="N845953" s="10"/>
    </row>
    <row r="845954" spans="14:14">
      <c r="N845954" s="10"/>
    </row>
    <row r="845955" spans="14:14">
      <c r="N845955" s="10"/>
    </row>
    <row r="845956" spans="14:14">
      <c r="N845956" s="10"/>
    </row>
    <row r="845957" spans="14:14">
      <c r="N845957" s="10"/>
    </row>
    <row r="845958" spans="14:14">
      <c r="N845958" s="10"/>
    </row>
    <row r="845959" spans="14:14">
      <c r="N845959" s="10"/>
    </row>
    <row r="845960" spans="14:14">
      <c r="N845960" s="10"/>
    </row>
    <row r="845961" spans="14:14">
      <c r="N845961" s="10"/>
    </row>
    <row r="845962" spans="14:14">
      <c r="N845962" s="10"/>
    </row>
    <row r="845963" spans="14:14">
      <c r="N845963" s="10"/>
    </row>
    <row r="845964" spans="14:14">
      <c r="N845964" s="10"/>
    </row>
    <row r="845965" spans="14:14">
      <c r="N845965" s="10"/>
    </row>
    <row r="845966" spans="14:14">
      <c r="N845966" s="10"/>
    </row>
    <row r="845967" spans="14:14">
      <c r="N845967" s="10"/>
    </row>
    <row r="845968" spans="14:14">
      <c r="N845968" s="10"/>
    </row>
    <row r="845969" spans="14:14">
      <c r="N845969" s="10"/>
    </row>
    <row r="845970" spans="14:14">
      <c r="N845970" s="10"/>
    </row>
    <row r="845971" spans="14:14">
      <c r="N845971" s="10"/>
    </row>
    <row r="845972" spans="14:14">
      <c r="N845972" s="10"/>
    </row>
    <row r="845973" spans="14:14">
      <c r="N845973" s="10"/>
    </row>
    <row r="845974" spans="14:14">
      <c r="N845974" s="10"/>
    </row>
    <row r="845975" spans="14:14">
      <c r="N845975" s="10"/>
    </row>
    <row r="845976" spans="14:14">
      <c r="N845976" s="10"/>
    </row>
    <row r="845977" spans="14:14">
      <c r="N845977" s="10"/>
    </row>
    <row r="845978" spans="14:14">
      <c r="N845978" s="10"/>
    </row>
    <row r="845979" spans="14:14">
      <c r="N845979" s="10"/>
    </row>
    <row r="845980" spans="14:14">
      <c r="N845980" s="10"/>
    </row>
    <row r="845981" spans="14:14">
      <c r="N845981" s="10"/>
    </row>
    <row r="845982" spans="14:14">
      <c r="N845982" s="10"/>
    </row>
    <row r="845983" spans="14:14">
      <c r="N845983" s="10"/>
    </row>
    <row r="845984" spans="14:14">
      <c r="N845984" s="10"/>
    </row>
    <row r="845985" spans="14:14">
      <c r="N845985" s="10"/>
    </row>
    <row r="845986" spans="14:14">
      <c r="N845986" s="10"/>
    </row>
    <row r="845987" spans="14:14">
      <c r="N845987" s="10"/>
    </row>
    <row r="845988" spans="14:14">
      <c r="N845988" s="10"/>
    </row>
    <row r="845989" spans="14:14">
      <c r="N845989" s="10"/>
    </row>
    <row r="845990" spans="14:14">
      <c r="N845990" s="10"/>
    </row>
    <row r="845991" spans="14:14">
      <c r="N845991" s="10"/>
    </row>
    <row r="845992" spans="14:14">
      <c r="N845992" s="10"/>
    </row>
    <row r="845993" spans="14:14">
      <c r="N845993" s="10"/>
    </row>
    <row r="845994" spans="14:14">
      <c r="N845994" s="10"/>
    </row>
    <row r="845995" spans="14:14">
      <c r="N845995" s="10"/>
    </row>
    <row r="845996" spans="14:14">
      <c r="N845996" s="10"/>
    </row>
    <row r="845997" spans="14:14">
      <c r="N845997" s="10"/>
    </row>
    <row r="845998" spans="14:14">
      <c r="N845998" s="10"/>
    </row>
    <row r="845999" spans="14:14">
      <c r="N845999" s="10"/>
    </row>
    <row r="846000" spans="14:14">
      <c r="N846000" s="10"/>
    </row>
    <row r="846001" spans="14:14">
      <c r="N846001" s="10"/>
    </row>
    <row r="846002" spans="14:14">
      <c r="N846002" s="10"/>
    </row>
    <row r="846003" spans="14:14">
      <c r="N846003" s="10"/>
    </row>
    <row r="846004" spans="14:14">
      <c r="N846004" s="10"/>
    </row>
    <row r="846005" spans="14:14">
      <c r="N846005" s="10"/>
    </row>
    <row r="846006" spans="14:14">
      <c r="N846006" s="10"/>
    </row>
    <row r="846007" spans="14:14">
      <c r="N846007" s="10"/>
    </row>
    <row r="846008" spans="14:14">
      <c r="N846008" s="10"/>
    </row>
    <row r="846009" spans="14:14">
      <c r="N846009" s="10"/>
    </row>
    <row r="846010" spans="14:14">
      <c r="N846010" s="10"/>
    </row>
    <row r="846011" spans="14:14">
      <c r="N846011" s="10"/>
    </row>
    <row r="846012" spans="14:14">
      <c r="N846012" s="10"/>
    </row>
    <row r="846013" spans="14:14">
      <c r="N846013" s="10"/>
    </row>
    <row r="846014" spans="14:14">
      <c r="N846014" s="10"/>
    </row>
    <row r="846015" spans="14:14">
      <c r="N846015" s="10"/>
    </row>
    <row r="846016" spans="14:14">
      <c r="N846016" s="10"/>
    </row>
    <row r="846017" spans="14:14">
      <c r="N846017" s="10"/>
    </row>
    <row r="846018" spans="14:14">
      <c r="N846018" s="10"/>
    </row>
    <row r="846019" spans="14:14">
      <c r="N846019" s="10"/>
    </row>
    <row r="846020" spans="14:14">
      <c r="N846020" s="10"/>
    </row>
    <row r="846021" spans="14:14">
      <c r="N846021" s="10"/>
    </row>
    <row r="846022" spans="14:14">
      <c r="N846022" s="10"/>
    </row>
    <row r="846023" spans="14:14">
      <c r="N846023" s="10"/>
    </row>
    <row r="846024" spans="14:14">
      <c r="N846024" s="10"/>
    </row>
    <row r="846025" spans="14:14">
      <c r="N846025" s="10"/>
    </row>
    <row r="846026" spans="14:14">
      <c r="N846026" s="10"/>
    </row>
    <row r="846027" spans="14:14">
      <c r="N846027" s="10"/>
    </row>
    <row r="846028" spans="14:14">
      <c r="N846028" s="10"/>
    </row>
    <row r="846029" spans="14:14">
      <c r="N846029" s="10"/>
    </row>
    <row r="846030" spans="14:14">
      <c r="N846030" s="10"/>
    </row>
    <row r="846031" spans="14:14">
      <c r="N846031" s="10"/>
    </row>
    <row r="846032" spans="14:14">
      <c r="N846032" s="10"/>
    </row>
    <row r="846033" spans="14:14">
      <c r="N846033" s="10"/>
    </row>
    <row r="846034" spans="14:14">
      <c r="N846034" s="10"/>
    </row>
    <row r="846035" spans="14:14">
      <c r="N846035" s="10"/>
    </row>
    <row r="846036" spans="14:14">
      <c r="N846036" s="10"/>
    </row>
    <row r="846037" spans="14:14">
      <c r="N846037" s="10"/>
    </row>
    <row r="846038" spans="14:14">
      <c r="N846038" s="10"/>
    </row>
    <row r="846039" spans="14:14">
      <c r="N846039" s="10"/>
    </row>
    <row r="846040" spans="14:14">
      <c r="N846040" s="10"/>
    </row>
    <row r="846041" spans="14:14">
      <c r="N846041" s="10"/>
    </row>
    <row r="846042" spans="14:14">
      <c r="N846042" s="10"/>
    </row>
    <row r="846043" spans="14:14">
      <c r="N846043" s="10"/>
    </row>
    <row r="846044" spans="14:14">
      <c r="N846044" s="10"/>
    </row>
    <row r="846045" spans="14:14">
      <c r="N846045" s="10"/>
    </row>
    <row r="846046" spans="14:14">
      <c r="N846046" s="10"/>
    </row>
    <row r="846047" spans="14:14">
      <c r="N846047" s="10"/>
    </row>
    <row r="846048" spans="14:14">
      <c r="N846048" s="10"/>
    </row>
    <row r="846049" spans="14:14">
      <c r="N846049" s="10"/>
    </row>
    <row r="846050" spans="14:14">
      <c r="N846050" s="10"/>
    </row>
    <row r="846051" spans="14:14">
      <c r="N846051" s="10"/>
    </row>
    <row r="846052" spans="14:14">
      <c r="N846052" s="10"/>
    </row>
    <row r="846053" spans="14:14">
      <c r="N846053" s="10"/>
    </row>
    <row r="846054" spans="14:14">
      <c r="N846054" s="10"/>
    </row>
    <row r="846055" spans="14:14">
      <c r="N846055" s="10"/>
    </row>
    <row r="846056" spans="14:14">
      <c r="N846056" s="10"/>
    </row>
    <row r="846057" spans="14:14">
      <c r="N846057" s="10"/>
    </row>
    <row r="846058" spans="14:14">
      <c r="N846058" s="10"/>
    </row>
    <row r="846059" spans="14:14">
      <c r="N846059" s="10"/>
    </row>
    <row r="846060" spans="14:14">
      <c r="N846060" s="10"/>
    </row>
    <row r="846061" spans="14:14">
      <c r="N846061" s="10"/>
    </row>
    <row r="846062" spans="14:14">
      <c r="N846062" s="10"/>
    </row>
    <row r="846063" spans="14:14">
      <c r="N846063" s="10"/>
    </row>
    <row r="846064" spans="14:14">
      <c r="N846064" s="10"/>
    </row>
    <row r="846065" spans="14:14">
      <c r="N846065" s="10"/>
    </row>
    <row r="846066" spans="14:14">
      <c r="N846066" s="10"/>
    </row>
    <row r="846067" spans="14:14">
      <c r="N846067" s="10"/>
    </row>
    <row r="846068" spans="14:14">
      <c r="N846068" s="10"/>
    </row>
    <row r="846069" spans="14:14">
      <c r="N846069" s="10"/>
    </row>
    <row r="846070" spans="14:14">
      <c r="N846070" s="10"/>
    </row>
    <row r="846071" spans="14:14">
      <c r="N846071" s="10"/>
    </row>
    <row r="846072" spans="14:14">
      <c r="N846072" s="10"/>
    </row>
    <row r="846073" spans="14:14">
      <c r="N846073" s="10"/>
    </row>
    <row r="846074" spans="14:14">
      <c r="N846074" s="10"/>
    </row>
    <row r="846075" spans="14:14">
      <c r="N846075" s="10"/>
    </row>
    <row r="846076" spans="14:14">
      <c r="N846076" s="10"/>
    </row>
    <row r="846077" spans="14:14">
      <c r="N846077" s="10"/>
    </row>
    <row r="846078" spans="14:14">
      <c r="N846078" s="10"/>
    </row>
    <row r="846079" spans="14:14">
      <c r="N846079" s="10"/>
    </row>
    <row r="846080" spans="14:14">
      <c r="N846080" s="10"/>
    </row>
    <row r="846081" spans="14:14">
      <c r="N846081" s="10"/>
    </row>
    <row r="846082" spans="14:14">
      <c r="N846082" s="10"/>
    </row>
    <row r="846083" spans="14:14">
      <c r="N846083" s="10"/>
    </row>
    <row r="846084" spans="14:14">
      <c r="N846084" s="10"/>
    </row>
    <row r="846085" spans="14:14">
      <c r="N846085" s="10"/>
    </row>
    <row r="846086" spans="14:14">
      <c r="N846086" s="10"/>
    </row>
    <row r="846087" spans="14:14">
      <c r="N846087" s="10"/>
    </row>
    <row r="846088" spans="14:14">
      <c r="N846088" s="10"/>
    </row>
    <row r="846089" spans="14:14">
      <c r="N846089" s="10"/>
    </row>
    <row r="846090" spans="14:14">
      <c r="N846090" s="10"/>
    </row>
    <row r="846091" spans="14:14">
      <c r="N846091" s="10"/>
    </row>
    <row r="846092" spans="14:14">
      <c r="N846092" s="10"/>
    </row>
    <row r="846093" spans="14:14">
      <c r="N846093" s="10"/>
    </row>
    <row r="846094" spans="14:14">
      <c r="N846094" s="10"/>
    </row>
    <row r="846095" spans="14:14">
      <c r="N846095" s="10"/>
    </row>
    <row r="846096" spans="14:14">
      <c r="N846096" s="10"/>
    </row>
    <row r="846097" spans="14:14">
      <c r="N846097" s="10"/>
    </row>
    <row r="846098" spans="14:14">
      <c r="N846098" s="10"/>
    </row>
    <row r="846099" spans="14:14">
      <c r="N846099" s="10"/>
    </row>
    <row r="846100" spans="14:14">
      <c r="N846100" s="10"/>
    </row>
    <row r="846101" spans="14:14">
      <c r="N846101" s="10"/>
    </row>
    <row r="846102" spans="14:14">
      <c r="N846102" s="10"/>
    </row>
    <row r="846103" spans="14:14">
      <c r="N846103" s="10"/>
    </row>
    <row r="846104" spans="14:14">
      <c r="N846104" s="10"/>
    </row>
    <row r="846105" spans="14:14">
      <c r="N846105" s="10"/>
    </row>
    <row r="846106" spans="14:14">
      <c r="N846106" s="10"/>
    </row>
    <row r="846107" spans="14:14">
      <c r="N846107" s="10"/>
    </row>
    <row r="846108" spans="14:14">
      <c r="N846108" s="10"/>
    </row>
    <row r="846109" spans="14:14">
      <c r="N846109" s="10"/>
    </row>
    <row r="846110" spans="14:14">
      <c r="N846110" s="10"/>
    </row>
    <row r="846111" spans="14:14">
      <c r="N846111" s="10"/>
    </row>
    <row r="846112" spans="14:14">
      <c r="N846112" s="10"/>
    </row>
    <row r="846113" spans="14:14">
      <c r="N846113" s="10"/>
    </row>
    <row r="846114" spans="14:14">
      <c r="N846114" s="10"/>
    </row>
    <row r="846115" spans="14:14">
      <c r="N846115" s="10"/>
    </row>
    <row r="846116" spans="14:14">
      <c r="N846116" s="10"/>
    </row>
    <row r="846117" spans="14:14">
      <c r="N846117" s="10"/>
    </row>
    <row r="846118" spans="14:14">
      <c r="N846118" s="10"/>
    </row>
    <row r="846119" spans="14:14">
      <c r="N846119" s="10"/>
    </row>
    <row r="846120" spans="14:14">
      <c r="N846120" s="10"/>
    </row>
    <row r="846121" spans="14:14">
      <c r="N846121" s="10"/>
    </row>
    <row r="846122" spans="14:14">
      <c r="N846122" s="10"/>
    </row>
    <row r="846123" spans="14:14">
      <c r="N846123" s="10"/>
    </row>
    <row r="846124" spans="14:14">
      <c r="N846124" s="10"/>
    </row>
    <row r="846125" spans="14:14">
      <c r="N846125" s="10"/>
    </row>
    <row r="846126" spans="14:14">
      <c r="N846126" s="10"/>
    </row>
    <row r="846127" spans="14:14">
      <c r="N846127" s="10"/>
    </row>
    <row r="846128" spans="14:14">
      <c r="N846128" s="10"/>
    </row>
    <row r="846129" spans="14:14">
      <c r="N846129" s="10"/>
    </row>
    <row r="846130" spans="14:14">
      <c r="N846130" s="10"/>
    </row>
    <row r="846131" spans="14:14">
      <c r="N846131" s="10"/>
    </row>
    <row r="846132" spans="14:14">
      <c r="N846132" s="10"/>
    </row>
    <row r="846133" spans="14:14">
      <c r="N846133" s="10"/>
    </row>
    <row r="846134" spans="14:14">
      <c r="N846134" s="10"/>
    </row>
    <row r="846135" spans="14:14">
      <c r="N846135" s="10"/>
    </row>
    <row r="846136" spans="14:14">
      <c r="N846136" s="10"/>
    </row>
    <row r="846137" spans="14:14">
      <c r="N846137" s="10"/>
    </row>
    <row r="846138" spans="14:14">
      <c r="N846138" s="10"/>
    </row>
    <row r="846139" spans="14:14">
      <c r="N846139" s="10"/>
    </row>
    <row r="846140" spans="14:14">
      <c r="N846140" s="10"/>
    </row>
    <row r="846141" spans="14:14">
      <c r="N846141" s="10"/>
    </row>
    <row r="846142" spans="14:14">
      <c r="N846142" s="10"/>
    </row>
    <row r="846143" spans="14:14">
      <c r="N846143" s="10"/>
    </row>
    <row r="846144" spans="14:14">
      <c r="N846144" s="10"/>
    </row>
    <row r="846145" spans="14:14">
      <c r="N846145" s="10"/>
    </row>
    <row r="846146" spans="14:14">
      <c r="N846146" s="10"/>
    </row>
    <row r="846147" spans="14:14">
      <c r="N846147" s="10"/>
    </row>
    <row r="846148" spans="14:14">
      <c r="N846148" s="10"/>
    </row>
    <row r="846149" spans="14:14">
      <c r="N846149" s="10"/>
    </row>
    <row r="846150" spans="14:14">
      <c r="N846150" s="10"/>
    </row>
    <row r="846151" spans="14:14">
      <c r="N846151" s="10"/>
    </row>
    <row r="846152" spans="14:14">
      <c r="N846152" s="10"/>
    </row>
    <row r="846153" spans="14:14">
      <c r="N846153" s="10"/>
    </row>
    <row r="846154" spans="14:14">
      <c r="N846154" s="10"/>
    </row>
    <row r="846155" spans="14:14">
      <c r="N846155" s="10"/>
    </row>
    <row r="846156" spans="14:14">
      <c r="N846156" s="10"/>
    </row>
    <row r="846157" spans="14:14">
      <c r="N846157" s="10"/>
    </row>
    <row r="846158" spans="14:14">
      <c r="N846158" s="10"/>
    </row>
    <row r="846159" spans="14:14">
      <c r="N846159" s="10"/>
    </row>
    <row r="846160" spans="14:14">
      <c r="N846160" s="10"/>
    </row>
    <row r="846161" spans="14:14">
      <c r="N846161" s="10"/>
    </row>
    <row r="846162" spans="14:14">
      <c r="N846162" s="10"/>
    </row>
    <row r="846163" spans="14:14">
      <c r="N846163" s="10"/>
    </row>
    <row r="846164" spans="14:14">
      <c r="N846164" s="10"/>
    </row>
    <row r="846165" spans="14:14">
      <c r="N846165" s="10"/>
    </row>
    <row r="846166" spans="14:14">
      <c r="N846166" s="10"/>
    </row>
    <row r="846167" spans="14:14">
      <c r="N846167" s="10"/>
    </row>
    <row r="846168" spans="14:14">
      <c r="N846168" s="10"/>
    </row>
    <row r="846169" spans="14:14">
      <c r="N846169" s="10"/>
    </row>
    <row r="846170" spans="14:14">
      <c r="N846170" s="10"/>
    </row>
    <row r="846171" spans="14:14">
      <c r="N846171" s="10"/>
    </row>
    <row r="846172" spans="14:14">
      <c r="N846172" s="10"/>
    </row>
    <row r="846173" spans="14:14">
      <c r="N846173" s="10"/>
    </row>
    <row r="846174" spans="14:14">
      <c r="N846174" s="10"/>
    </row>
    <row r="846175" spans="14:14">
      <c r="N846175" s="10"/>
    </row>
    <row r="846176" spans="14:14">
      <c r="N846176" s="10"/>
    </row>
    <row r="846177" spans="14:14">
      <c r="N846177" s="10"/>
    </row>
    <row r="846178" spans="14:14">
      <c r="N846178" s="10"/>
    </row>
    <row r="846179" spans="14:14">
      <c r="N846179" s="10"/>
    </row>
    <row r="846180" spans="14:14">
      <c r="N846180" s="10"/>
    </row>
    <row r="846181" spans="14:14">
      <c r="N846181" s="10"/>
    </row>
    <row r="846182" spans="14:14">
      <c r="N846182" s="10"/>
    </row>
    <row r="846183" spans="14:14">
      <c r="N846183" s="10"/>
    </row>
    <row r="846184" spans="14:14">
      <c r="N846184" s="10"/>
    </row>
    <row r="846185" spans="14:14">
      <c r="N846185" s="10"/>
    </row>
    <row r="846186" spans="14:14">
      <c r="N846186" s="10"/>
    </row>
    <row r="846187" spans="14:14">
      <c r="N846187" s="10"/>
    </row>
    <row r="846188" spans="14:14">
      <c r="N846188" s="10"/>
    </row>
    <row r="846189" spans="14:14">
      <c r="N846189" s="10"/>
    </row>
    <row r="846190" spans="14:14">
      <c r="N846190" s="10"/>
    </row>
    <row r="846191" spans="14:14">
      <c r="N846191" s="10"/>
    </row>
    <row r="846192" spans="14:14">
      <c r="N846192" s="10"/>
    </row>
    <row r="846193" spans="14:14">
      <c r="N846193" s="10"/>
    </row>
    <row r="846194" spans="14:14">
      <c r="N846194" s="10"/>
    </row>
    <row r="846195" spans="14:14">
      <c r="N846195" s="10"/>
    </row>
    <row r="846196" spans="14:14">
      <c r="N846196" s="10"/>
    </row>
    <row r="846197" spans="14:14">
      <c r="N846197" s="10"/>
    </row>
    <row r="846198" spans="14:14">
      <c r="N846198" s="10"/>
    </row>
    <row r="846199" spans="14:14">
      <c r="N846199" s="10"/>
    </row>
    <row r="846200" spans="14:14">
      <c r="N846200" s="10"/>
    </row>
    <row r="846201" spans="14:14">
      <c r="N846201" s="10"/>
    </row>
    <row r="846202" spans="14:14">
      <c r="N846202" s="10"/>
    </row>
    <row r="846203" spans="14:14">
      <c r="N846203" s="10"/>
    </row>
    <row r="846204" spans="14:14">
      <c r="N846204" s="10"/>
    </row>
    <row r="846205" spans="14:14">
      <c r="N846205" s="10"/>
    </row>
    <row r="846206" spans="14:14">
      <c r="N846206" s="10"/>
    </row>
    <row r="846207" spans="14:14">
      <c r="N846207" s="10"/>
    </row>
    <row r="846208" spans="14:14">
      <c r="N846208" s="10"/>
    </row>
    <row r="846209" spans="14:14">
      <c r="N846209" s="10"/>
    </row>
    <row r="846210" spans="14:14">
      <c r="N846210" s="10"/>
    </row>
    <row r="846211" spans="14:14">
      <c r="N846211" s="10"/>
    </row>
    <row r="846212" spans="14:14">
      <c r="N846212" s="10"/>
    </row>
    <row r="846213" spans="14:14">
      <c r="N846213" s="10"/>
    </row>
    <row r="846214" spans="14:14">
      <c r="N846214" s="10"/>
    </row>
    <row r="846215" spans="14:14">
      <c r="N846215" s="10"/>
    </row>
    <row r="846216" spans="14:14">
      <c r="N846216" s="10"/>
    </row>
    <row r="846217" spans="14:14">
      <c r="N846217" s="10"/>
    </row>
    <row r="846218" spans="14:14">
      <c r="N846218" s="10"/>
    </row>
    <row r="846219" spans="14:14">
      <c r="N846219" s="10"/>
    </row>
    <row r="846220" spans="14:14">
      <c r="N846220" s="10"/>
    </row>
    <row r="846221" spans="14:14">
      <c r="N846221" s="10"/>
    </row>
    <row r="846222" spans="14:14">
      <c r="N846222" s="10"/>
    </row>
    <row r="846223" spans="14:14">
      <c r="N846223" s="10"/>
    </row>
    <row r="846224" spans="14:14">
      <c r="N846224" s="10"/>
    </row>
    <row r="846225" spans="14:14">
      <c r="N846225" s="10"/>
    </row>
    <row r="846226" spans="14:14">
      <c r="N846226" s="10"/>
    </row>
    <row r="846227" spans="14:14">
      <c r="N846227" s="10"/>
    </row>
    <row r="846228" spans="14:14">
      <c r="N846228" s="10"/>
    </row>
    <row r="846229" spans="14:14">
      <c r="N846229" s="10"/>
    </row>
    <row r="846230" spans="14:14">
      <c r="N846230" s="10"/>
    </row>
    <row r="846231" spans="14:14">
      <c r="N846231" s="10"/>
    </row>
    <row r="846232" spans="14:14">
      <c r="N846232" s="10"/>
    </row>
    <row r="846233" spans="14:14">
      <c r="N846233" s="10"/>
    </row>
    <row r="846234" spans="14:14">
      <c r="N846234" s="10"/>
    </row>
    <row r="846235" spans="14:14">
      <c r="N846235" s="10"/>
    </row>
    <row r="846236" spans="14:14">
      <c r="N846236" s="10"/>
    </row>
    <row r="846237" spans="14:14">
      <c r="N846237" s="10"/>
    </row>
    <row r="846238" spans="14:14">
      <c r="N846238" s="10"/>
    </row>
    <row r="846239" spans="14:14">
      <c r="N846239" s="10"/>
    </row>
    <row r="846240" spans="14:14">
      <c r="N846240" s="10"/>
    </row>
    <row r="846241" spans="14:14">
      <c r="N846241" s="10"/>
    </row>
    <row r="846242" spans="14:14">
      <c r="N846242" s="10"/>
    </row>
    <row r="846243" spans="14:14">
      <c r="N846243" s="10"/>
    </row>
    <row r="846244" spans="14:14">
      <c r="N846244" s="10"/>
    </row>
    <row r="846245" spans="14:14">
      <c r="N846245" s="10"/>
    </row>
    <row r="846246" spans="14:14">
      <c r="N846246" s="10"/>
    </row>
    <row r="846247" spans="14:14">
      <c r="N846247" s="10"/>
    </row>
    <row r="846248" spans="14:14">
      <c r="N846248" s="10"/>
    </row>
    <row r="846249" spans="14:14">
      <c r="N846249" s="10"/>
    </row>
    <row r="846250" spans="14:14">
      <c r="N846250" s="10"/>
    </row>
    <row r="846251" spans="14:14">
      <c r="N846251" s="10"/>
    </row>
    <row r="846252" spans="14:14">
      <c r="N846252" s="10"/>
    </row>
    <row r="846253" spans="14:14">
      <c r="N846253" s="10"/>
    </row>
    <row r="846254" spans="14:14">
      <c r="N846254" s="10"/>
    </row>
    <row r="846255" spans="14:14">
      <c r="N846255" s="10"/>
    </row>
    <row r="846256" spans="14:14">
      <c r="N846256" s="10"/>
    </row>
    <row r="846257" spans="14:14">
      <c r="N846257" s="10"/>
    </row>
    <row r="846258" spans="14:14">
      <c r="N846258" s="10"/>
    </row>
    <row r="846259" spans="14:14">
      <c r="N846259" s="10"/>
    </row>
    <row r="846260" spans="14:14">
      <c r="N846260" s="10"/>
    </row>
    <row r="846261" spans="14:14">
      <c r="N846261" s="10"/>
    </row>
    <row r="846262" spans="14:14">
      <c r="N846262" s="10"/>
    </row>
    <row r="846263" spans="14:14">
      <c r="N846263" s="10"/>
    </row>
    <row r="846264" spans="14:14">
      <c r="N846264" s="10"/>
    </row>
    <row r="846265" spans="14:14">
      <c r="N846265" s="10"/>
    </row>
    <row r="846266" spans="14:14">
      <c r="N846266" s="10"/>
    </row>
    <row r="846267" spans="14:14">
      <c r="N846267" s="10"/>
    </row>
    <row r="846268" spans="14:14">
      <c r="N846268" s="10"/>
    </row>
    <row r="846269" spans="14:14">
      <c r="N846269" s="10"/>
    </row>
    <row r="846270" spans="14:14">
      <c r="N846270" s="10"/>
    </row>
    <row r="846271" spans="14:14">
      <c r="N846271" s="10"/>
    </row>
    <row r="846272" spans="14:14">
      <c r="N846272" s="10"/>
    </row>
    <row r="846273" spans="14:14">
      <c r="N846273" s="10"/>
    </row>
    <row r="846274" spans="14:14">
      <c r="N846274" s="10"/>
    </row>
    <row r="846275" spans="14:14">
      <c r="N846275" s="10"/>
    </row>
    <row r="846276" spans="14:14">
      <c r="N846276" s="10"/>
    </row>
    <row r="846277" spans="14:14">
      <c r="N846277" s="10"/>
    </row>
    <row r="846278" spans="14:14">
      <c r="N846278" s="10"/>
    </row>
    <row r="846279" spans="14:14">
      <c r="N846279" s="10"/>
    </row>
    <row r="846280" spans="14:14">
      <c r="N846280" s="10"/>
    </row>
    <row r="846281" spans="14:14">
      <c r="N846281" s="10"/>
    </row>
    <row r="846282" spans="14:14">
      <c r="N846282" s="10"/>
    </row>
    <row r="846283" spans="14:14">
      <c r="N846283" s="10"/>
    </row>
    <row r="846284" spans="14:14">
      <c r="N846284" s="10"/>
    </row>
    <row r="846285" spans="14:14">
      <c r="N846285" s="10"/>
    </row>
    <row r="846286" spans="14:14">
      <c r="N846286" s="10"/>
    </row>
    <row r="846287" spans="14:14">
      <c r="N846287" s="10"/>
    </row>
    <row r="846288" spans="14:14">
      <c r="N846288" s="10"/>
    </row>
    <row r="846289" spans="14:14">
      <c r="N846289" s="10"/>
    </row>
    <row r="846290" spans="14:14">
      <c r="N846290" s="10"/>
    </row>
    <row r="846291" spans="14:14">
      <c r="N846291" s="10"/>
    </row>
    <row r="846292" spans="14:14">
      <c r="N846292" s="10"/>
    </row>
    <row r="846293" spans="14:14">
      <c r="N846293" s="10"/>
    </row>
    <row r="846294" spans="14:14">
      <c r="N846294" s="10"/>
    </row>
    <row r="846295" spans="14:14">
      <c r="N846295" s="10"/>
    </row>
    <row r="846296" spans="14:14">
      <c r="N846296" s="10"/>
    </row>
    <row r="846297" spans="14:14">
      <c r="N846297" s="10"/>
    </row>
    <row r="846298" spans="14:14">
      <c r="N846298" s="10"/>
    </row>
    <row r="846299" spans="14:14">
      <c r="N846299" s="10"/>
    </row>
    <row r="846300" spans="14:14">
      <c r="N846300" s="10"/>
    </row>
    <row r="846301" spans="14:14">
      <c r="N846301" s="10"/>
    </row>
    <row r="846302" spans="14:14">
      <c r="N846302" s="10"/>
    </row>
    <row r="846303" spans="14:14">
      <c r="N846303" s="10"/>
    </row>
    <row r="846304" spans="14:14">
      <c r="N846304" s="10"/>
    </row>
    <row r="846305" spans="14:14">
      <c r="N846305" s="10"/>
    </row>
    <row r="846306" spans="14:14">
      <c r="N846306" s="10"/>
    </row>
    <row r="846307" spans="14:14">
      <c r="N846307" s="10"/>
    </row>
    <row r="846308" spans="14:14">
      <c r="N846308" s="10"/>
    </row>
    <row r="846309" spans="14:14">
      <c r="N846309" s="10"/>
    </row>
    <row r="846310" spans="14:14">
      <c r="N846310" s="10"/>
    </row>
    <row r="846311" spans="14:14">
      <c r="N846311" s="10"/>
    </row>
    <row r="846312" spans="14:14">
      <c r="N846312" s="10"/>
    </row>
    <row r="846313" spans="14:14">
      <c r="N846313" s="10"/>
    </row>
    <row r="846314" spans="14:14">
      <c r="N846314" s="10"/>
    </row>
    <row r="846315" spans="14:14">
      <c r="N846315" s="10"/>
    </row>
    <row r="846316" spans="14:14">
      <c r="N846316" s="10"/>
    </row>
    <row r="846317" spans="14:14">
      <c r="N846317" s="10"/>
    </row>
    <row r="846318" spans="14:14">
      <c r="N846318" s="10"/>
    </row>
    <row r="846319" spans="14:14">
      <c r="N846319" s="10"/>
    </row>
    <row r="846320" spans="14:14">
      <c r="N846320" s="10"/>
    </row>
    <row r="846321" spans="14:14">
      <c r="N846321" s="10"/>
    </row>
    <row r="846322" spans="14:14">
      <c r="N846322" s="10"/>
    </row>
    <row r="846323" spans="14:14">
      <c r="N846323" s="10"/>
    </row>
    <row r="846324" spans="14:14">
      <c r="N846324" s="10"/>
    </row>
    <row r="846325" spans="14:14">
      <c r="N846325" s="10"/>
    </row>
    <row r="846326" spans="14:14">
      <c r="N846326" s="10"/>
    </row>
    <row r="846327" spans="14:14">
      <c r="N846327" s="10"/>
    </row>
    <row r="846328" spans="14:14">
      <c r="N846328" s="10"/>
    </row>
    <row r="846329" spans="14:14">
      <c r="N846329" s="10"/>
    </row>
    <row r="846330" spans="14:14">
      <c r="N846330" s="10"/>
    </row>
    <row r="846331" spans="14:14">
      <c r="N846331" s="10"/>
    </row>
    <row r="846332" spans="14:14">
      <c r="N846332" s="10"/>
    </row>
    <row r="846333" spans="14:14">
      <c r="N846333" s="10"/>
    </row>
    <row r="846334" spans="14:14">
      <c r="N846334" s="10"/>
    </row>
    <row r="846335" spans="14:14">
      <c r="N846335" s="10"/>
    </row>
    <row r="846336" spans="14:14">
      <c r="N846336" s="10"/>
    </row>
    <row r="846337" spans="14:14">
      <c r="N846337" s="10"/>
    </row>
    <row r="846338" spans="14:14">
      <c r="N846338" s="10"/>
    </row>
    <row r="846339" spans="14:14">
      <c r="N846339" s="10"/>
    </row>
    <row r="846340" spans="14:14">
      <c r="N846340" s="10"/>
    </row>
    <row r="846341" spans="14:14">
      <c r="N846341" s="10"/>
    </row>
    <row r="846342" spans="14:14">
      <c r="N846342" s="10"/>
    </row>
    <row r="846343" spans="14:14">
      <c r="N846343" s="10"/>
    </row>
    <row r="846344" spans="14:14">
      <c r="N846344" s="10"/>
    </row>
    <row r="846345" spans="14:14">
      <c r="N846345" s="10"/>
    </row>
    <row r="846346" spans="14:14">
      <c r="N846346" s="10"/>
    </row>
    <row r="846347" spans="14:14">
      <c r="N846347" s="10"/>
    </row>
    <row r="846348" spans="14:14">
      <c r="N846348" s="10"/>
    </row>
    <row r="846349" spans="14:14">
      <c r="N846349" s="10"/>
    </row>
    <row r="846350" spans="14:14">
      <c r="N846350" s="10"/>
    </row>
    <row r="846351" spans="14:14">
      <c r="N846351" s="10"/>
    </row>
    <row r="846352" spans="14:14">
      <c r="N846352" s="10"/>
    </row>
    <row r="846353" spans="14:14">
      <c r="N846353" s="10"/>
    </row>
    <row r="846354" spans="14:14">
      <c r="N846354" s="10"/>
    </row>
    <row r="846355" spans="14:14">
      <c r="N846355" s="10"/>
    </row>
    <row r="846356" spans="14:14">
      <c r="N846356" s="10"/>
    </row>
    <row r="846357" spans="14:14">
      <c r="N846357" s="10"/>
    </row>
    <row r="846358" spans="14:14">
      <c r="N846358" s="10"/>
    </row>
    <row r="846359" spans="14:14">
      <c r="N846359" s="10"/>
    </row>
    <row r="846360" spans="14:14">
      <c r="N846360" s="10"/>
    </row>
    <row r="846361" spans="14:14">
      <c r="N846361" s="10"/>
    </row>
    <row r="846362" spans="14:14">
      <c r="N846362" s="10"/>
    </row>
    <row r="846363" spans="14:14">
      <c r="N846363" s="10"/>
    </row>
    <row r="846364" spans="14:14">
      <c r="N846364" s="10"/>
    </row>
    <row r="846365" spans="14:14">
      <c r="N846365" s="10"/>
    </row>
    <row r="846366" spans="14:14">
      <c r="N846366" s="10"/>
    </row>
    <row r="846367" spans="14:14">
      <c r="N846367" s="10"/>
    </row>
    <row r="846368" spans="14:14">
      <c r="N846368" s="10"/>
    </row>
    <row r="846369" spans="14:14">
      <c r="N846369" s="10"/>
    </row>
    <row r="846370" spans="14:14">
      <c r="N846370" s="10"/>
    </row>
    <row r="846371" spans="14:14">
      <c r="N846371" s="10"/>
    </row>
    <row r="846372" spans="14:14">
      <c r="N846372" s="10"/>
    </row>
    <row r="846373" spans="14:14">
      <c r="N846373" s="10"/>
    </row>
    <row r="846374" spans="14:14">
      <c r="N846374" s="10"/>
    </row>
    <row r="846375" spans="14:14">
      <c r="N846375" s="10"/>
    </row>
    <row r="846376" spans="14:14">
      <c r="N846376" s="10"/>
    </row>
    <row r="846377" spans="14:14">
      <c r="N846377" s="10"/>
    </row>
    <row r="846378" spans="14:14">
      <c r="N846378" s="10"/>
    </row>
    <row r="846379" spans="14:14">
      <c r="N846379" s="10"/>
    </row>
    <row r="846380" spans="14:14">
      <c r="N846380" s="10"/>
    </row>
    <row r="846381" spans="14:14">
      <c r="N846381" s="10"/>
    </row>
    <row r="846382" spans="14:14">
      <c r="N846382" s="10"/>
    </row>
    <row r="846383" spans="14:14">
      <c r="N846383" s="10"/>
    </row>
    <row r="846384" spans="14:14">
      <c r="N846384" s="10"/>
    </row>
    <row r="846385" spans="14:14">
      <c r="N846385" s="10"/>
    </row>
    <row r="846386" spans="14:14">
      <c r="N846386" s="10"/>
    </row>
    <row r="846387" spans="14:14">
      <c r="N846387" s="10"/>
    </row>
    <row r="846388" spans="14:14">
      <c r="N846388" s="10"/>
    </row>
    <row r="846389" spans="14:14">
      <c r="N846389" s="10"/>
    </row>
    <row r="846390" spans="14:14">
      <c r="N846390" s="10"/>
    </row>
    <row r="846391" spans="14:14">
      <c r="N846391" s="10"/>
    </row>
    <row r="846392" spans="14:14">
      <c r="N846392" s="10"/>
    </row>
    <row r="846393" spans="14:14">
      <c r="N846393" s="10"/>
    </row>
    <row r="846394" spans="14:14">
      <c r="N846394" s="10"/>
    </row>
    <row r="846395" spans="14:14">
      <c r="N846395" s="10"/>
    </row>
    <row r="846396" spans="14:14">
      <c r="N846396" s="10"/>
    </row>
    <row r="846397" spans="14:14">
      <c r="N846397" s="10"/>
    </row>
    <row r="846398" spans="14:14">
      <c r="N846398" s="10"/>
    </row>
    <row r="846399" spans="14:14">
      <c r="N846399" s="10"/>
    </row>
    <row r="846400" spans="14:14">
      <c r="N846400" s="10"/>
    </row>
    <row r="846401" spans="14:14">
      <c r="N846401" s="10"/>
    </row>
    <row r="846402" spans="14:14">
      <c r="N846402" s="10"/>
    </row>
    <row r="846403" spans="14:14">
      <c r="N846403" s="10"/>
    </row>
    <row r="846404" spans="14:14">
      <c r="N846404" s="10"/>
    </row>
    <row r="846405" spans="14:14">
      <c r="N846405" s="10"/>
    </row>
    <row r="846406" spans="14:14">
      <c r="N846406" s="10"/>
    </row>
    <row r="846407" spans="14:14">
      <c r="N846407" s="10"/>
    </row>
    <row r="846408" spans="14:14">
      <c r="N846408" s="10"/>
    </row>
    <row r="846409" spans="14:14">
      <c r="N846409" s="10"/>
    </row>
    <row r="846410" spans="14:14">
      <c r="N846410" s="10"/>
    </row>
    <row r="846411" spans="14:14">
      <c r="N846411" s="10"/>
    </row>
    <row r="846412" spans="14:14">
      <c r="N846412" s="10"/>
    </row>
    <row r="846413" spans="14:14">
      <c r="N846413" s="10"/>
    </row>
    <row r="846414" spans="14:14">
      <c r="N846414" s="10"/>
    </row>
    <row r="846415" spans="14:14">
      <c r="N846415" s="10"/>
    </row>
    <row r="846416" spans="14:14">
      <c r="N846416" s="10"/>
    </row>
    <row r="846417" spans="14:14">
      <c r="N846417" s="10"/>
    </row>
    <row r="846418" spans="14:14">
      <c r="N846418" s="10"/>
    </row>
    <row r="846419" spans="14:14">
      <c r="N846419" s="10"/>
    </row>
    <row r="846420" spans="14:14">
      <c r="N846420" s="10"/>
    </row>
    <row r="846421" spans="14:14">
      <c r="N846421" s="10"/>
    </row>
    <row r="846422" spans="14:14">
      <c r="N846422" s="10"/>
    </row>
    <row r="846423" spans="14:14">
      <c r="N846423" s="10"/>
    </row>
    <row r="846424" spans="14:14">
      <c r="N846424" s="10"/>
    </row>
    <row r="846425" spans="14:14">
      <c r="N846425" s="10"/>
    </row>
    <row r="846426" spans="14:14">
      <c r="N846426" s="10"/>
    </row>
    <row r="846427" spans="14:14">
      <c r="N846427" s="10"/>
    </row>
    <row r="846428" spans="14:14">
      <c r="N846428" s="10"/>
    </row>
    <row r="846429" spans="14:14">
      <c r="N846429" s="10"/>
    </row>
    <row r="846430" spans="14:14">
      <c r="N846430" s="10"/>
    </row>
    <row r="846431" spans="14:14">
      <c r="N846431" s="10"/>
    </row>
    <row r="846432" spans="14:14">
      <c r="N846432" s="10"/>
    </row>
    <row r="846433" spans="14:14">
      <c r="N846433" s="10"/>
    </row>
    <row r="846434" spans="14:14">
      <c r="N846434" s="10"/>
    </row>
    <row r="846435" spans="14:14">
      <c r="N846435" s="10"/>
    </row>
    <row r="846436" spans="14:14">
      <c r="N846436" s="10"/>
    </row>
    <row r="846437" spans="14:14">
      <c r="N846437" s="10"/>
    </row>
    <row r="846438" spans="14:14">
      <c r="N846438" s="10"/>
    </row>
    <row r="846439" spans="14:14">
      <c r="N846439" s="10"/>
    </row>
    <row r="846440" spans="14:14">
      <c r="N846440" s="10"/>
    </row>
    <row r="846441" spans="14:14">
      <c r="N846441" s="10"/>
    </row>
    <row r="846442" spans="14:14">
      <c r="N846442" s="10"/>
    </row>
    <row r="846443" spans="14:14">
      <c r="N846443" s="10"/>
    </row>
    <row r="846444" spans="14:14">
      <c r="N846444" s="10"/>
    </row>
    <row r="846445" spans="14:14">
      <c r="N846445" s="10"/>
    </row>
    <row r="846446" spans="14:14">
      <c r="N846446" s="10"/>
    </row>
    <row r="846447" spans="14:14">
      <c r="N846447" s="10"/>
    </row>
    <row r="846448" spans="14:14">
      <c r="N846448" s="10"/>
    </row>
    <row r="846449" spans="14:14">
      <c r="N846449" s="10"/>
    </row>
    <row r="846450" spans="14:14">
      <c r="N846450" s="10"/>
    </row>
    <row r="846451" spans="14:14">
      <c r="N846451" s="10"/>
    </row>
    <row r="846452" spans="14:14">
      <c r="N846452" s="10"/>
    </row>
    <row r="846453" spans="14:14">
      <c r="N846453" s="10"/>
    </row>
    <row r="846454" spans="14:14">
      <c r="N846454" s="10"/>
    </row>
    <row r="846455" spans="14:14">
      <c r="N846455" s="10"/>
    </row>
    <row r="846456" spans="14:14">
      <c r="N846456" s="10"/>
    </row>
    <row r="846457" spans="14:14">
      <c r="N846457" s="10"/>
    </row>
    <row r="846458" spans="14:14">
      <c r="N846458" s="10"/>
    </row>
    <row r="846459" spans="14:14">
      <c r="N846459" s="10"/>
    </row>
    <row r="846460" spans="14:14">
      <c r="N846460" s="10"/>
    </row>
    <row r="846461" spans="14:14">
      <c r="N846461" s="10"/>
    </row>
    <row r="846462" spans="14:14">
      <c r="N846462" s="10"/>
    </row>
    <row r="846463" spans="14:14">
      <c r="N846463" s="10"/>
    </row>
    <row r="846464" spans="14:14">
      <c r="N846464" s="10"/>
    </row>
    <row r="846465" spans="14:14">
      <c r="N846465" s="10"/>
    </row>
    <row r="846466" spans="14:14">
      <c r="N846466" s="10"/>
    </row>
    <row r="846467" spans="14:14">
      <c r="N846467" s="10"/>
    </row>
    <row r="846468" spans="14:14">
      <c r="N846468" s="10"/>
    </row>
    <row r="846469" spans="14:14">
      <c r="N846469" s="10"/>
    </row>
    <row r="846470" spans="14:14">
      <c r="N846470" s="10"/>
    </row>
    <row r="846471" spans="14:14">
      <c r="N846471" s="10"/>
    </row>
    <row r="846472" spans="14:14">
      <c r="N846472" s="10"/>
    </row>
    <row r="846473" spans="14:14">
      <c r="N846473" s="10"/>
    </row>
    <row r="846474" spans="14:14">
      <c r="N846474" s="10"/>
    </row>
    <row r="846475" spans="14:14">
      <c r="N846475" s="10"/>
    </row>
    <row r="846476" spans="14:14">
      <c r="N846476" s="10"/>
    </row>
    <row r="846477" spans="14:14">
      <c r="N846477" s="10"/>
    </row>
    <row r="846478" spans="14:14">
      <c r="N846478" s="10"/>
    </row>
    <row r="846479" spans="14:14">
      <c r="N846479" s="10"/>
    </row>
    <row r="846480" spans="14:14">
      <c r="N846480" s="10"/>
    </row>
    <row r="846481" spans="14:14">
      <c r="N846481" s="10"/>
    </row>
    <row r="846482" spans="14:14">
      <c r="N846482" s="10"/>
    </row>
    <row r="846483" spans="14:14">
      <c r="N846483" s="10"/>
    </row>
    <row r="846484" spans="14:14">
      <c r="N846484" s="10"/>
    </row>
    <row r="846485" spans="14:14">
      <c r="N846485" s="10"/>
    </row>
    <row r="846486" spans="14:14">
      <c r="N846486" s="10"/>
    </row>
    <row r="846487" spans="14:14">
      <c r="N846487" s="10"/>
    </row>
    <row r="846488" spans="14:14">
      <c r="N846488" s="10"/>
    </row>
    <row r="846489" spans="14:14">
      <c r="N846489" s="10"/>
    </row>
    <row r="846490" spans="14:14">
      <c r="N846490" s="10"/>
    </row>
    <row r="846491" spans="14:14">
      <c r="N846491" s="10"/>
    </row>
    <row r="846492" spans="14:14">
      <c r="N846492" s="10"/>
    </row>
    <row r="846493" spans="14:14">
      <c r="N846493" s="10"/>
    </row>
    <row r="846494" spans="14:14">
      <c r="N846494" s="10"/>
    </row>
    <row r="846495" spans="14:14">
      <c r="N846495" s="10"/>
    </row>
    <row r="846496" spans="14:14">
      <c r="N846496" s="10"/>
    </row>
    <row r="846497" spans="14:14">
      <c r="N846497" s="10"/>
    </row>
    <row r="846498" spans="14:14">
      <c r="N846498" s="10"/>
    </row>
    <row r="846499" spans="14:14">
      <c r="N846499" s="10"/>
    </row>
    <row r="846500" spans="14:14">
      <c r="N846500" s="10"/>
    </row>
    <row r="846501" spans="14:14">
      <c r="N846501" s="10"/>
    </row>
    <row r="846502" spans="14:14">
      <c r="N846502" s="10"/>
    </row>
    <row r="846503" spans="14:14">
      <c r="N846503" s="10"/>
    </row>
    <row r="846504" spans="14:14">
      <c r="N846504" s="10"/>
    </row>
    <row r="846505" spans="14:14">
      <c r="N846505" s="10"/>
    </row>
    <row r="846506" spans="14:14">
      <c r="N846506" s="10"/>
    </row>
    <row r="846507" spans="14:14">
      <c r="N846507" s="10"/>
    </row>
    <row r="846508" spans="14:14">
      <c r="N846508" s="10"/>
    </row>
    <row r="846509" spans="14:14">
      <c r="N846509" s="10"/>
    </row>
    <row r="846510" spans="14:14">
      <c r="N846510" s="10"/>
    </row>
    <row r="846511" spans="14:14">
      <c r="N846511" s="10"/>
    </row>
    <row r="846512" spans="14:14">
      <c r="N846512" s="10"/>
    </row>
    <row r="846513" spans="14:14">
      <c r="N846513" s="10"/>
    </row>
    <row r="846514" spans="14:14">
      <c r="N846514" s="10"/>
    </row>
    <row r="846515" spans="14:14">
      <c r="N846515" s="10"/>
    </row>
    <row r="846516" spans="14:14">
      <c r="N846516" s="10"/>
    </row>
    <row r="846517" spans="14:14">
      <c r="N846517" s="10"/>
    </row>
    <row r="846518" spans="14:14">
      <c r="N846518" s="10"/>
    </row>
    <row r="846519" spans="14:14">
      <c r="N846519" s="10"/>
    </row>
    <row r="846520" spans="14:14">
      <c r="N846520" s="10"/>
    </row>
    <row r="846521" spans="14:14">
      <c r="N846521" s="10"/>
    </row>
    <row r="846522" spans="14:14">
      <c r="N846522" s="10"/>
    </row>
    <row r="846523" spans="14:14">
      <c r="N846523" s="10"/>
    </row>
    <row r="846524" spans="14:14">
      <c r="N846524" s="10"/>
    </row>
    <row r="846525" spans="14:14">
      <c r="N846525" s="10"/>
    </row>
    <row r="846526" spans="14:14">
      <c r="N846526" s="10"/>
    </row>
    <row r="846527" spans="14:14">
      <c r="N846527" s="10"/>
    </row>
    <row r="846528" spans="14:14">
      <c r="N846528" s="10"/>
    </row>
    <row r="846529" spans="14:14">
      <c r="N846529" s="10"/>
    </row>
    <row r="846530" spans="14:14">
      <c r="N846530" s="10"/>
    </row>
    <row r="846531" spans="14:14">
      <c r="N846531" s="10"/>
    </row>
    <row r="846532" spans="14:14">
      <c r="N846532" s="10"/>
    </row>
    <row r="846533" spans="14:14">
      <c r="N846533" s="10"/>
    </row>
    <row r="846534" spans="14:14">
      <c r="N846534" s="10"/>
    </row>
    <row r="846535" spans="14:14">
      <c r="N846535" s="10"/>
    </row>
    <row r="846536" spans="14:14">
      <c r="N846536" s="10"/>
    </row>
    <row r="846537" spans="14:14">
      <c r="N846537" s="10"/>
    </row>
    <row r="846538" spans="14:14">
      <c r="N846538" s="10"/>
    </row>
    <row r="846539" spans="14:14">
      <c r="N846539" s="10"/>
    </row>
    <row r="846540" spans="14:14">
      <c r="N846540" s="10"/>
    </row>
    <row r="846541" spans="14:14">
      <c r="N846541" s="10"/>
    </row>
    <row r="846542" spans="14:14">
      <c r="N846542" s="10"/>
    </row>
    <row r="846543" spans="14:14">
      <c r="N846543" s="10"/>
    </row>
    <row r="846544" spans="14:14">
      <c r="N846544" s="10"/>
    </row>
    <row r="846545" spans="14:14">
      <c r="N846545" s="10"/>
    </row>
    <row r="846546" spans="14:14">
      <c r="N846546" s="10"/>
    </row>
    <row r="846547" spans="14:14">
      <c r="N846547" s="10"/>
    </row>
    <row r="846548" spans="14:14">
      <c r="N846548" s="10"/>
    </row>
    <row r="846549" spans="14:14">
      <c r="N846549" s="10"/>
    </row>
    <row r="846550" spans="14:14">
      <c r="N846550" s="10"/>
    </row>
    <row r="846551" spans="14:14">
      <c r="N846551" s="10"/>
    </row>
    <row r="846552" spans="14:14">
      <c r="N846552" s="10"/>
    </row>
    <row r="846553" spans="14:14">
      <c r="N846553" s="10"/>
    </row>
    <row r="846554" spans="14:14">
      <c r="N846554" s="10"/>
    </row>
    <row r="846555" spans="14:14">
      <c r="N846555" s="10"/>
    </row>
    <row r="846556" spans="14:14">
      <c r="N846556" s="10"/>
    </row>
    <row r="846557" spans="14:14">
      <c r="N846557" s="10"/>
    </row>
    <row r="846558" spans="14:14">
      <c r="N846558" s="10"/>
    </row>
    <row r="846559" spans="14:14">
      <c r="N846559" s="10"/>
    </row>
    <row r="846560" spans="14:14">
      <c r="N846560" s="10"/>
    </row>
    <row r="846561" spans="14:14">
      <c r="N846561" s="10"/>
    </row>
    <row r="846562" spans="14:14">
      <c r="N846562" s="10"/>
    </row>
    <row r="846563" spans="14:14">
      <c r="N846563" s="10"/>
    </row>
    <row r="846564" spans="14:14">
      <c r="N846564" s="10"/>
    </row>
    <row r="846565" spans="14:14">
      <c r="N846565" s="10"/>
    </row>
    <row r="846566" spans="14:14">
      <c r="N846566" s="10"/>
    </row>
    <row r="846567" spans="14:14">
      <c r="N846567" s="10"/>
    </row>
    <row r="846568" spans="14:14">
      <c r="N846568" s="10"/>
    </row>
    <row r="846569" spans="14:14">
      <c r="N846569" s="10"/>
    </row>
    <row r="846570" spans="14:14">
      <c r="N846570" s="10"/>
    </row>
    <row r="846571" spans="14:14">
      <c r="N846571" s="10"/>
    </row>
    <row r="846572" spans="14:14">
      <c r="N846572" s="10"/>
    </row>
    <row r="846573" spans="14:14">
      <c r="N846573" s="10"/>
    </row>
    <row r="846574" spans="14:14">
      <c r="N846574" s="10"/>
    </row>
    <row r="846575" spans="14:14">
      <c r="N846575" s="10"/>
    </row>
    <row r="846576" spans="14:14">
      <c r="N846576" s="10"/>
    </row>
    <row r="846577" spans="14:14">
      <c r="N846577" s="10"/>
    </row>
    <row r="846578" spans="14:14">
      <c r="N846578" s="10"/>
    </row>
    <row r="846579" spans="14:14">
      <c r="N846579" s="10"/>
    </row>
    <row r="846580" spans="14:14">
      <c r="N846580" s="10"/>
    </row>
    <row r="846581" spans="14:14">
      <c r="N846581" s="10"/>
    </row>
    <row r="846582" spans="14:14">
      <c r="N846582" s="10"/>
    </row>
    <row r="846583" spans="14:14">
      <c r="N846583" s="10"/>
    </row>
    <row r="846584" spans="14:14">
      <c r="N846584" s="10"/>
    </row>
    <row r="846585" spans="14:14">
      <c r="N846585" s="10"/>
    </row>
    <row r="846586" spans="14:14">
      <c r="N846586" s="10"/>
    </row>
    <row r="846587" spans="14:14">
      <c r="N846587" s="10"/>
    </row>
    <row r="846588" spans="14:14">
      <c r="N846588" s="10"/>
    </row>
    <row r="846589" spans="14:14">
      <c r="N846589" s="10"/>
    </row>
    <row r="846590" spans="14:14">
      <c r="N846590" s="10"/>
    </row>
    <row r="846591" spans="14:14">
      <c r="N846591" s="10"/>
    </row>
    <row r="846592" spans="14:14">
      <c r="N846592" s="10"/>
    </row>
    <row r="846593" spans="14:14">
      <c r="N846593" s="10"/>
    </row>
    <row r="846594" spans="14:14">
      <c r="N846594" s="10"/>
    </row>
    <row r="846595" spans="14:14">
      <c r="N846595" s="10"/>
    </row>
    <row r="846596" spans="14:14">
      <c r="N846596" s="10"/>
    </row>
    <row r="846597" spans="14:14">
      <c r="N846597" s="10"/>
    </row>
    <row r="846598" spans="14:14">
      <c r="N846598" s="10"/>
    </row>
    <row r="846599" spans="14:14">
      <c r="N846599" s="10"/>
    </row>
    <row r="846600" spans="14:14">
      <c r="N846600" s="10"/>
    </row>
    <row r="846601" spans="14:14">
      <c r="N846601" s="10"/>
    </row>
    <row r="846602" spans="14:14">
      <c r="N846602" s="10"/>
    </row>
    <row r="846603" spans="14:14">
      <c r="N846603" s="10"/>
    </row>
    <row r="846604" spans="14:14">
      <c r="N846604" s="10"/>
    </row>
    <row r="846605" spans="14:14">
      <c r="N846605" s="10"/>
    </row>
    <row r="846606" spans="14:14">
      <c r="N846606" s="10"/>
    </row>
    <row r="846607" spans="14:14">
      <c r="N846607" s="10"/>
    </row>
    <row r="846608" spans="14:14">
      <c r="N846608" s="10"/>
    </row>
    <row r="846609" spans="14:14">
      <c r="N846609" s="10"/>
    </row>
    <row r="846610" spans="14:14">
      <c r="N846610" s="10"/>
    </row>
    <row r="846611" spans="14:14">
      <c r="N846611" s="10"/>
    </row>
    <row r="846612" spans="14:14">
      <c r="N846612" s="10"/>
    </row>
    <row r="846613" spans="14:14">
      <c r="N846613" s="10"/>
    </row>
    <row r="846614" spans="14:14">
      <c r="N846614" s="10"/>
    </row>
    <row r="846615" spans="14:14">
      <c r="N846615" s="10"/>
    </row>
    <row r="846616" spans="14:14">
      <c r="N846616" s="10"/>
    </row>
    <row r="846617" spans="14:14">
      <c r="N846617" s="10"/>
    </row>
    <row r="846618" spans="14:14">
      <c r="N846618" s="10"/>
    </row>
    <row r="846619" spans="14:14">
      <c r="N846619" s="10"/>
    </row>
    <row r="846620" spans="14:14">
      <c r="N846620" s="10"/>
    </row>
    <row r="846621" spans="14:14">
      <c r="N846621" s="10"/>
    </row>
    <row r="846622" spans="14:14">
      <c r="N846622" s="10"/>
    </row>
    <row r="846623" spans="14:14">
      <c r="N846623" s="10"/>
    </row>
    <row r="846624" spans="14:14">
      <c r="N846624" s="10"/>
    </row>
    <row r="846625" spans="14:14">
      <c r="N846625" s="10"/>
    </row>
    <row r="846626" spans="14:14">
      <c r="N846626" s="10"/>
    </row>
    <row r="846627" spans="14:14">
      <c r="N846627" s="10"/>
    </row>
    <row r="846628" spans="14:14">
      <c r="N846628" s="10"/>
    </row>
    <row r="846629" spans="14:14">
      <c r="N846629" s="10"/>
    </row>
    <row r="846630" spans="14:14">
      <c r="N846630" s="10"/>
    </row>
    <row r="846631" spans="14:14">
      <c r="N846631" s="10"/>
    </row>
    <row r="846632" spans="14:14">
      <c r="N846632" s="10"/>
    </row>
    <row r="846633" spans="14:14">
      <c r="N846633" s="10"/>
    </row>
    <row r="846634" spans="14:14">
      <c r="N846634" s="10"/>
    </row>
    <row r="846635" spans="14:14">
      <c r="N846635" s="10"/>
    </row>
    <row r="846636" spans="14:14">
      <c r="N846636" s="10"/>
    </row>
    <row r="846637" spans="14:14">
      <c r="N846637" s="10"/>
    </row>
    <row r="846638" spans="14:14">
      <c r="N846638" s="10"/>
    </row>
    <row r="846639" spans="14:14">
      <c r="N846639" s="10"/>
    </row>
    <row r="846640" spans="14:14">
      <c r="N846640" s="10"/>
    </row>
    <row r="846641" spans="14:14">
      <c r="N846641" s="10"/>
    </row>
    <row r="846642" spans="14:14">
      <c r="N846642" s="10"/>
    </row>
    <row r="846643" spans="14:14">
      <c r="N846643" s="10"/>
    </row>
    <row r="846644" spans="14:14">
      <c r="N846644" s="10"/>
    </row>
    <row r="846645" spans="14:14">
      <c r="N846645" s="10"/>
    </row>
    <row r="846646" spans="14:14">
      <c r="N846646" s="10"/>
    </row>
    <row r="846647" spans="14:14">
      <c r="N846647" s="10"/>
    </row>
    <row r="846648" spans="14:14">
      <c r="N846648" s="10"/>
    </row>
    <row r="846649" spans="14:14">
      <c r="N846649" s="10"/>
    </row>
    <row r="846650" spans="14:14">
      <c r="N846650" s="10"/>
    </row>
    <row r="846651" spans="14:14">
      <c r="N846651" s="10"/>
    </row>
    <row r="846652" spans="14:14">
      <c r="N846652" s="10"/>
    </row>
    <row r="846653" spans="14:14">
      <c r="N846653" s="10"/>
    </row>
    <row r="846654" spans="14:14">
      <c r="N846654" s="10"/>
    </row>
    <row r="846655" spans="14:14">
      <c r="N846655" s="10"/>
    </row>
    <row r="846656" spans="14:14">
      <c r="N846656" s="10"/>
    </row>
    <row r="846657" spans="14:14">
      <c r="N846657" s="10"/>
    </row>
    <row r="846658" spans="14:14">
      <c r="N846658" s="10"/>
    </row>
    <row r="846659" spans="14:14">
      <c r="N846659" s="10"/>
    </row>
    <row r="846660" spans="14:14">
      <c r="N846660" s="10"/>
    </row>
    <row r="846661" spans="14:14">
      <c r="N846661" s="10"/>
    </row>
    <row r="846662" spans="14:14">
      <c r="N846662" s="10"/>
    </row>
    <row r="846663" spans="14:14">
      <c r="N846663" s="10"/>
    </row>
    <row r="846664" spans="14:14">
      <c r="N846664" s="10"/>
    </row>
    <row r="846665" spans="14:14">
      <c r="N846665" s="10"/>
    </row>
    <row r="846666" spans="14:14">
      <c r="N846666" s="10"/>
    </row>
    <row r="846667" spans="14:14">
      <c r="N846667" s="10"/>
    </row>
    <row r="846668" spans="14:14">
      <c r="N846668" s="10"/>
    </row>
    <row r="846669" spans="14:14">
      <c r="N846669" s="10"/>
    </row>
    <row r="846670" spans="14:14">
      <c r="N846670" s="10"/>
    </row>
    <row r="846671" spans="14:14">
      <c r="N846671" s="10"/>
    </row>
    <row r="846672" spans="14:14">
      <c r="N846672" s="10"/>
    </row>
    <row r="846673" spans="14:14">
      <c r="N846673" s="10"/>
    </row>
    <row r="846674" spans="14:14">
      <c r="N846674" s="10"/>
    </row>
    <row r="846675" spans="14:14">
      <c r="N846675" s="10"/>
    </row>
    <row r="846676" spans="14:14">
      <c r="N846676" s="10"/>
    </row>
    <row r="846677" spans="14:14">
      <c r="N846677" s="10"/>
    </row>
    <row r="846678" spans="14:14">
      <c r="N846678" s="10"/>
    </row>
    <row r="846679" spans="14:14">
      <c r="N846679" s="10"/>
    </row>
    <row r="846680" spans="14:14">
      <c r="N846680" s="10"/>
    </row>
    <row r="846681" spans="14:14">
      <c r="N846681" s="10"/>
    </row>
    <row r="846682" spans="14:14">
      <c r="N846682" s="10"/>
    </row>
    <row r="846683" spans="14:14">
      <c r="N846683" s="10"/>
    </row>
    <row r="846684" spans="14:14">
      <c r="N846684" s="10"/>
    </row>
    <row r="846685" spans="14:14">
      <c r="N846685" s="10"/>
    </row>
    <row r="846686" spans="14:14">
      <c r="N846686" s="10"/>
    </row>
    <row r="846687" spans="14:14">
      <c r="N846687" s="10"/>
    </row>
    <row r="846688" spans="14:14">
      <c r="N846688" s="10"/>
    </row>
    <row r="846689" spans="14:14">
      <c r="N846689" s="10"/>
    </row>
    <row r="846690" spans="14:14">
      <c r="N846690" s="10"/>
    </row>
    <row r="846691" spans="14:14">
      <c r="N846691" s="10"/>
    </row>
    <row r="846692" spans="14:14">
      <c r="N846692" s="10"/>
    </row>
    <row r="846693" spans="14:14">
      <c r="N846693" s="10"/>
    </row>
    <row r="846694" spans="14:14">
      <c r="N846694" s="10"/>
    </row>
    <row r="846695" spans="14:14">
      <c r="N846695" s="10"/>
    </row>
    <row r="846696" spans="14:14">
      <c r="N846696" s="10"/>
    </row>
    <row r="846697" spans="14:14">
      <c r="N846697" s="10"/>
    </row>
    <row r="846698" spans="14:14">
      <c r="N846698" s="10"/>
    </row>
    <row r="846699" spans="14:14">
      <c r="N846699" s="10"/>
    </row>
    <row r="846700" spans="14:14">
      <c r="N846700" s="10"/>
    </row>
    <row r="846701" spans="14:14">
      <c r="N846701" s="10"/>
    </row>
    <row r="846702" spans="14:14">
      <c r="N846702" s="10"/>
    </row>
    <row r="846703" spans="14:14">
      <c r="N846703" s="10"/>
    </row>
    <row r="846704" spans="14:14">
      <c r="N846704" s="10"/>
    </row>
    <row r="846705" spans="14:14">
      <c r="N846705" s="10"/>
    </row>
    <row r="846706" spans="14:14">
      <c r="N846706" s="10"/>
    </row>
    <row r="846707" spans="14:14">
      <c r="N846707" s="10"/>
    </row>
    <row r="846708" spans="14:14">
      <c r="N846708" s="10"/>
    </row>
    <row r="846709" spans="14:14">
      <c r="N846709" s="10"/>
    </row>
    <row r="846710" spans="14:14">
      <c r="N846710" s="10"/>
    </row>
    <row r="846711" spans="14:14">
      <c r="N846711" s="10"/>
    </row>
    <row r="846712" spans="14:14">
      <c r="N846712" s="10"/>
    </row>
    <row r="846713" spans="14:14">
      <c r="N846713" s="10"/>
    </row>
    <row r="846714" spans="14:14">
      <c r="N846714" s="10"/>
    </row>
    <row r="846715" spans="14:14">
      <c r="N846715" s="10"/>
    </row>
    <row r="846716" spans="14:14">
      <c r="N846716" s="10"/>
    </row>
    <row r="846717" spans="14:14">
      <c r="N846717" s="10"/>
    </row>
    <row r="846718" spans="14:14">
      <c r="N846718" s="10"/>
    </row>
    <row r="846719" spans="14:14">
      <c r="N846719" s="10"/>
    </row>
    <row r="846720" spans="14:14">
      <c r="N846720" s="10"/>
    </row>
    <row r="846721" spans="14:14">
      <c r="N846721" s="10"/>
    </row>
    <row r="846722" spans="14:14">
      <c r="N846722" s="10"/>
    </row>
    <row r="846723" spans="14:14">
      <c r="N846723" s="10"/>
    </row>
    <row r="846724" spans="14:14">
      <c r="N846724" s="10"/>
    </row>
    <row r="846725" spans="14:14">
      <c r="N846725" s="10"/>
    </row>
    <row r="846726" spans="14:14">
      <c r="N846726" s="10"/>
    </row>
    <row r="846727" spans="14:14">
      <c r="N846727" s="10"/>
    </row>
    <row r="846728" spans="14:14">
      <c r="N846728" s="10"/>
    </row>
    <row r="846729" spans="14:14">
      <c r="N846729" s="10"/>
    </row>
    <row r="846730" spans="14:14">
      <c r="N846730" s="10"/>
    </row>
    <row r="846731" spans="14:14">
      <c r="N846731" s="10"/>
    </row>
    <row r="846732" spans="14:14">
      <c r="N846732" s="10"/>
    </row>
    <row r="846733" spans="14:14">
      <c r="N846733" s="10"/>
    </row>
    <row r="846734" spans="14:14">
      <c r="N846734" s="10"/>
    </row>
    <row r="846735" spans="14:14">
      <c r="N846735" s="10"/>
    </row>
    <row r="846736" spans="14:14">
      <c r="N846736" s="10"/>
    </row>
    <row r="846737" spans="14:14">
      <c r="N846737" s="10"/>
    </row>
    <row r="846738" spans="14:14">
      <c r="N846738" s="10"/>
    </row>
    <row r="846739" spans="14:14">
      <c r="N846739" s="10"/>
    </row>
    <row r="846740" spans="14:14">
      <c r="N846740" s="10"/>
    </row>
    <row r="846741" spans="14:14">
      <c r="N846741" s="10"/>
    </row>
    <row r="846742" spans="14:14">
      <c r="N846742" s="10"/>
    </row>
    <row r="846743" spans="14:14">
      <c r="N846743" s="10"/>
    </row>
    <row r="846744" spans="14:14">
      <c r="N846744" s="10"/>
    </row>
    <row r="846745" spans="14:14">
      <c r="N846745" s="10"/>
    </row>
    <row r="846746" spans="14:14">
      <c r="N846746" s="10"/>
    </row>
    <row r="846747" spans="14:14">
      <c r="N846747" s="10"/>
    </row>
    <row r="846748" spans="14:14">
      <c r="N846748" s="10"/>
    </row>
    <row r="846749" spans="14:14">
      <c r="N846749" s="10"/>
    </row>
    <row r="846750" spans="14:14">
      <c r="N846750" s="10"/>
    </row>
    <row r="846751" spans="14:14">
      <c r="N846751" s="10"/>
    </row>
    <row r="846752" spans="14:14">
      <c r="N846752" s="10"/>
    </row>
    <row r="846753" spans="14:14">
      <c r="N846753" s="10"/>
    </row>
    <row r="846754" spans="14:14">
      <c r="N846754" s="10"/>
    </row>
    <row r="846755" spans="14:14">
      <c r="N846755" s="10"/>
    </row>
    <row r="846756" spans="14:14">
      <c r="N846756" s="10"/>
    </row>
    <row r="846757" spans="14:14">
      <c r="N846757" s="10"/>
    </row>
    <row r="846758" spans="14:14">
      <c r="N846758" s="10"/>
    </row>
    <row r="846759" spans="14:14">
      <c r="N846759" s="10"/>
    </row>
    <row r="846760" spans="14:14">
      <c r="N846760" s="10"/>
    </row>
    <row r="846761" spans="14:14">
      <c r="N846761" s="10"/>
    </row>
    <row r="846762" spans="14:14">
      <c r="N846762" s="10"/>
    </row>
    <row r="846763" spans="14:14">
      <c r="N846763" s="10"/>
    </row>
    <row r="846764" spans="14:14">
      <c r="N846764" s="10"/>
    </row>
    <row r="846765" spans="14:14">
      <c r="N846765" s="10"/>
    </row>
    <row r="846766" spans="14:14">
      <c r="N846766" s="10"/>
    </row>
    <row r="846767" spans="14:14">
      <c r="N846767" s="10"/>
    </row>
    <row r="846768" spans="14:14">
      <c r="N846768" s="10"/>
    </row>
    <row r="846769" spans="14:14">
      <c r="N846769" s="10"/>
    </row>
    <row r="846770" spans="14:14">
      <c r="N846770" s="10"/>
    </row>
    <row r="846771" spans="14:14">
      <c r="N846771" s="10"/>
    </row>
    <row r="846772" spans="14:14">
      <c r="N846772" s="10"/>
    </row>
    <row r="846773" spans="14:14">
      <c r="N846773" s="10"/>
    </row>
    <row r="846774" spans="14:14">
      <c r="N846774" s="10"/>
    </row>
    <row r="846775" spans="14:14">
      <c r="N846775" s="10"/>
    </row>
    <row r="846776" spans="14:14">
      <c r="N846776" s="10"/>
    </row>
    <row r="846777" spans="14:14">
      <c r="N846777" s="10"/>
    </row>
    <row r="846778" spans="14:14">
      <c r="N846778" s="10"/>
    </row>
    <row r="846779" spans="14:14">
      <c r="N846779" s="10"/>
    </row>
    <row r="846780" spans="14:14">
      <c r="N846780" s="10"/>
    </row>
    <row r="846781" spans="14:14">
      <c r="N846781" s="10"/>
    </row>
    <row r="846782" spans="14:14">
      <c r="N846782" s="10"/>
    </row>
    <row r="846783" spans="14:14">
      <c r="N846783" s="10"/>
    </row>
    <row r="846784" spans="14:14">
      <c r="N846784" s="10"/>
    </row>
    <row r="846785" spans="14:14">
      <c r="N846785" s="10"/>
    </row>
    <row r="846786" spans="14:14">
      <c r="N846786" s="10"/>
    </row>
    <row r="846787" spans="14:14">
      <c r="N846787" s="10"/>
    </row>
    <row r="846788" spans="14:14">
      <c r="N846788" s="10"/>
    </row>
    <row r="846789" spans="14:14">
      <c r="N846789" s="10"/>
    </row>
    <row r="846790" spans="14:14">
      <c r="N846790" s="10"/>
    </row>
    <row r="846791" spans="14:14">
      <c r="N846791" s="10"/>
    </row>
    <row r="846792" spans="14:14">
      <c r="N846792" s="10"/>
    </row>
    <row r="846793" spans="14:14">
      <c r="N846793" s="10"/>
    </row>
    <row r="846794" spans="14:14">
      <c r="N846794" s="10"/>
    </row>
    <row r="846795" spans="14:14">
      <c r="N846795" s="10"/>
    </row>
    <row r="846796" spans="14:14">
      <c r="N846796" s="10"/>
    </row>
    <row r="846797" spans="14:14">
      <c r="N846797" s="10"/>
    </row>
    <row r="846798" spans="14:14">
      <c r="N846798" s="10"/>
    </row>
    <row r="846799" spans="14:14">
      <c r="N846799" s="10"/>
    </row>
    <row r="846800" spans="14:14">
      <c r="N846800" s="10"/>
    </row>
    <row r="846801" spans="14:14">
      <c r="N846801" s="10"/>
    </row>
    <row r="846802" spans="14:14">
      <c r="N846802" s="10"/>
    </row>
    <row r="846803" spans="14:14">
      <c r="N846803" s="10"/>
    </row>
    <row r="846804" spans="14:14">
      <c r="N846804" s="10"/>
    </row>
    <row r="846805" spans="14:14">
      <c r="N846805" s="10"/>
    </row>
    <row r="846806" spans="14:14">
      <c r="N846806" s="10"/>
    </row>
    <row r="846807" spans="14:14">
      <c r="N846807" s="10"/>
    </row>
    <row r="846808" spans="14:14">
      <c r="N846808" s="10"/>
    </row>
    <row r="846809" spans="14:14">
      <c r="N846809" s="10"/>
    </row>
    <row r="846810" spans="14:14">
      <c r="N846810" s="10"/>
    </row>
    <row r="846811" spans="14:14">
      <c r="N846811" s="10"/>
    </row>
    <row r="846812" spans="14:14">
      <c r="N846812" s="10"/>
    </row>
    <row r="846813" spans="14:14">
      <c r="N846813" s="10"/>
    </row>
    <row r="846814" spans="14:14">
      <c r="N846814" s="10"/>
    </row>
    <row r="846815" spans="14:14">
      <c r="N846815" s="10"/>
    </row>
    <row r="846816" spans="14:14">
      <c r="N846816" s="10"/>
    </row>
    <row r="846817" spans="14:14">
      <c r="N846817" s="10"/>
    </row>
    <row r="846818" spans="14:14">
      <c r="N846818" s="10"/>
    </row>
    <row r="846819" spans="14:14">
      <c r="N846819" s="10"/>
    </row>
    <row r="846820" spans="14:14">
      <c r="N846820" s="10"/>
    </row>
    <row r="846821" spans="14:14">
      <c r="N846821" s="10"/>
    </row>
    <row r="846822" spans="14:14">
      <c r="N846822" s="10"/>
    </row>
    <row r="846823" spans="14:14">
      <c r="N846823" s="10"/>
    </row>
    <row r="846824" spans="14:14">
      <c r="N846824" s="10"/>
    </row>
    <row r="846825" spans="14:14">
      <c r="N846825" s="10"/>
    </row>
    <row r="846826" spans="14:14">
      <c r="N846826" s="10"/>
    </row>
    <row r="846827" spans="14:14">
      <c r="N846827" s="10"/>
    </row>
    <row r="846828" spans="14:14">
      <c r="N846828" s="10"/>
    </row>
    <row r="846829" spans="14:14">
      <c r="N846829" s="10"/>
    </row>
    <row r="846830" spans="14:14">
      <c r="N846830" s="10"/>
    </row>
    <row r="846831" spans="14:14">
      <c r="N846831" s="10"/>
    </row>
    <row r="846832" spans="14:14">
      <c r="N846832" s="10"/>
    </row>
    <row r="846833" spans="14:14">
      <c r="N846833" s="10"/>
    </row>
    <row r="846834" spans="14:14">
      <c r="N846834" s="10"/>
    </row>
    <row r="846835" spans="14:14">
      <c r="N846835" s="10"/>
    </row>
    <row r="846836" spans="14:14">
      <c r="N846836" s="10"/>
    </row>
    <row r="846837" spans="14:14">
      <c r="N846837" s="10"/>
    </row>
    <row r="846838" spans="14:14">
      <c r="N846838" s="10"/>
    </row>
    <row r="846839" spans="14:14">
      <c r="N846839" s="10"/>
    </row>
    <row r="846840" spans="14:14">
      <c r="N846840" s="10"/>
    </row>
    <row r="846841" spans="14:14">
      <c r="N846841" s="10"/>
    </row>
    <row r="846842" spans="14:14">
      <c r="N846842" s="10"/>
    </row>
    <row r="846843" spans="14:14">
      <c r="N846843" s="10"/>
    </row>
    <row r="846844" spans="14:14">
      <c r="N846844" s="10"/>
    </row>
    <row r="846845" spans="14:14">
      <c r="N846845" s="10"/>
    </row>
    <row r="846846" spans="14:14">
      <c r="N846846" s="10"/>
    </row>
    <row r="846847" spans="14:14">
      <c r="N846847" s="10"/>
    </row>
    <row r="846848" spans="14:14">
      <c r="N846848" s="10"/>
    </row>
    <row r="846849" spans="14:14">
      <c r="N846849" s="10"/>
    </row>
    <row r="846850" spans="14:14">
      <c r="N846850" s="10"/>
    </row>
    <row r="846851" spans="14:14">
      <c r="N846851" s="10"/>
    </row>
    <row r="846852" spans="14:14">
      <c r="N846852" s="10"/>
    </row>
    <row r="846853" spans="14:14">
      <c r="N846853" s="10"/>
    </row>
    <row r="846854" spans="14:14">
      <c r="N846854" s="10"/>
    </row>
    <row r="846855" spans="14:14">
      <c r="N846855" s="10"/>
    </row>
    <row r="846856" spans="14:14">
      <c r="N846856" s="10"/>
    </row>
    <row r="846857" spans="14:14">
      <c r="N846857" s="10"/>
    </row>
    <row r="846858" spans="14:14">
      <c r="N846858" s="10"/>
    </row>
    <row r="846859" spans="14:14">
      <c r="N846859" s="10"/>
    </row>
    <row r="846860" spans="14:14">
      <c r="N846860" s="10"/>
    </row>
    <row r="846861" spans="14:14">
      <c r="N846861" s="10"/>
    </row>
    <row r="846862" spans="14:14">
      <c r="N846862" s="10"/>
    </row>
    <row r="846863" spans="14:14">
      <c r="N846863" s="10"/>
    </row>
    <row r="846864" spans="14:14">
      <c r="N846864" s="10"/>
    </row>
    <row r="846865" spans="14:14">
      <c r="N846865" s="10"/>
    </row>
    <row r="846866" spans="14:14">
      <c r="N846866" s="10"/>
    </row>
    <row r="846867" spans="14:14">
      <c r="N846867" s="10"/>
    </row>
    <row r="846868" spans="14:14">
      <c r="N846868" s="10"/>
    </row>
    <row r="846869" spans="14:14">
      <c r="N846869" s="10"/>
    </row>
    <row r="846870" spans="14:14">
      <c r="N846870" s="10"/>
    </row>
    <row r="846871" spans="14:14">
      <c r="N846871" s="10"/>
    </row>
    <row r="846872" spans="14:14">
      <c r="N846872" s="10"/>
    </row>
    <row r="846873" spans="14:14">
      <c r="N846873" s="10"/>
    </row>
    <row r="846874" spans="14:14">
      <c r="N846874" s="10"/>
    </row>
    <row r="846875" spans="14:14">
      <c r="N846875" s="10"/>
    </row>
    <row r="846876" spans="14:14">
      <c r="N846876" s="10"/>
    </row>
    <row r="846877" spans="14:14">
      <c r="N846877" s="10"/>
    </row>
    <row r="846878" spans="14:14">
      <c r="N846878" s="10"/>
    </row>
    <row r="846879" spans="14:14">
      <c r="N846879" s="10"/>
    </row>
    <row r="846880" spans="14:14">
      <c r="N846880" s="10"/>
    </row>
    <row r="846881" spans="14:14">
      <c r="N846881" s="10"/>
    </row>
    <row r="846882" spans="14:14">
      <c r="N846882" s="10"/>
    </row>
    <row r="846883" spans="14:14">
      <c r="N846883" s="10"/>
    </row>
    <row r="846884" spans="14:14">
      <c r="N846884" s="10"/>
    </row>
    <row r="846885" spans="14:14">
      <c r="N846885" s="10"/>
    </row>
    <row r="846886" spans="14:14">
      <c r="N846886" s="10"/>
    </row>
    <row r="846887" spans="14:14">
      <c r="N846887" s="10"/>
    </row>
    <row r="846888" spans="14:14">
      <c r="N846888" s="10"/>
    </row>
    <row r="846889" spans="14:14">
      <c r="N846889" s="10"/>
    </row>
    <row r="846890" spans="14:14">
      <c r="N846890" s="10"/>
    </row>
    <row r="846891" spans="14:14">
      <c r="N846891" s="10"/>
    </row>
    <row r="846892" spans="14:14">
      <c r="N846892" s="10"/>
    </row>
    <row r="846893" spans="14:14">
      <c r="N846893" s="10"/>
    </row>
    <row r="846894" spans="14:14">
      <c r="N846894" s="10"/>
    </row>
    <row r="846895" spans="14:14">
      <c r="N846895" s="10"/>
    </row>
    <row r="846896" spans="14:14">
      <c r="N846896" s="10"/>
    </row>
    <row r="846897" spans="14:14">
      <c r="N846897" s="10"/>
    </row>
    <row r="846898" spans="14:14">
      <c r="N846898" s="10"/>
    </row>
    <row r="846899" spans="14:14">
      <c r="N846899" s="10"/>
    </row>
    <row r="846900" spans="14:14">
      <c r="N846900" s="10"/>
    </row>
    <row r="846901" spans="14:14">
      <c r="N846901" s="10"/>
    </row>
    <row r="846902" spans="14:14">
      <c r="N846902" s="10"/>
    </row>
    <row r="846903" spans="14:14">
      <c r="N846903" s="10"/>
    </row>
    <row r="846904" spans="14:14">
      <c r="N846904" s="10"/>
    </row>
    <row r="846905" spans="14:14">
      <c r="N846905" s="10"/>
    </row>
    <row r="846906" spans="14:14">
      <c r="N846906" s="10"/>
    </row>
    <row r="846907" spans="14:14">
      <c r="N846907" s="10"/>
    </row>
    <row r="846908" spans="14:14">
      <c r="N846908" s="10"/>
    </row>
    <row r="846909" spans="14:14">
      <c r="N846909" s="10"/>
    </row>
    <row r="846910" spans="14:14">
      <c r="N846910" s="10"/>
    </row>
    <row r="846911" spans="14:14">
      <c r="N846911" s="10"/>
    </row>
    <row r="846912" spans="14:14">
      <c r="N846912" s="10"/>
    </row>
    <row r="846913" spans="14:14">
      <c r="N846913" s="10"/>
    </row>
    <row r="846914" spans="14:14">
      <c r="N846914" s="10"/>
    </row>
    <row r="846915" spans="14:14">
      <c r="N846915" s="10"/>
    </row>
    <row r="846916" spans="14:14">
      <c r="N846916" s="10"/>
    </row>
    <row r="846917" spans="14:14">
      <c r="N846917" s="10"/>
    </row>
    <row r="846918" spans="14:14">
      <c r="N846918" s="10"/>
    </row>
    <row r="846919" spans="14:14">
      <c r="N846919" s="10"/>
    </row>
    <row r="846920" spans="14:14">
      <c r="N846920" s="10"/>
    </row>
    <row r="846921" spans="14:14">
      <c r="N846921" s="10"/>
    </row>
    <row r="846922" spans="14:14">
      <c r="N846922" s="10"/>
    </row>
    <row r="846923" spans="14:14">
      <c r="N846923" s="10"/>
    </row>
    <row r="846924" spans="14:14">
      <c r="N846924" s="10"/>
    </row>
    <row r="846925" spans="14:14">
      <c r="N846925" s="10"/>
    </row>
    <row r="846926" spans="14:14">
      <c r="N846926" s="10"/>
    </row>
    <row r="846927" spans="14:14">
      <c r="N846927" s="10"/>
    </row>
    <row r="846928" spans="14:14">
      <c r="N846928" s="10"/>
    </row>
    <row r="846929" spans="14:14">
      <c r="N846929" s="10"/>
    </row>
    <row r="846930" spans="14:14">
      <c r="N846930" s="10"/>
    </row>
    <row r="846931" spans="14:14">
      <c r="N846931" s="10"/>
    </row>
    <row r="846932" spans="14:14">
      <c r="N846932" s="10"/>
    </row>
    <row r="846933" spans="14:14">
      <c r="N846933" s="10"/>
    </row>
    <row r="846934" spans="14:14">
      <c r="N846934" s="10"/>
    </row>
    <row r="846935" spans="14:14">
      <c r="N846935" s="10"/>
    </row>
    <row r="846936" spans="14:14">
      <c r="N846936" s="10"/>
    </row>
    <row r="846937" spans="14:14">
      <c r="N846937" s="10"/>
    </row>
    <row r="846938" spans="14:14">
      <c r="N846938" s="10"/>
    </row>
    <row r="846939" spans="14:14">
      <c r="N846939" s="10"/>
    </row>
    <row r="846940" spans="14:14">
      <c r="N846940" s="10"/>
    </row>
    <row r="846941" spans="14:14">
      <c r="N846941" s="10"/>
    </row>
    <row r="846942" spans="14:14">
      <c r="N846942" s="10"/>
    </row>
    <row r="846943" spans="14:14">
      <c r="N846943" s="10"/>
    </row>
    <row r="846944" spans="14:14">
      <c r="N846944" s="10"/>
    </row>
    <row r="846945" spans="14:14">
      <c r="N846945" s="10"/>
    </row>
    <row r="846946" spans="14:14">
      <c r="N846946" s="10"/>
    </row>
    <row r="846947" spans="14:14">
      <c r="N846947" s="10"/>
    </row>
    <row r="846948" spans="14:14">
      <c r="N846948" s="10"/>
    </row>
    <row r="846949" spans="14:14">
      <c r="N846949" s="10"/>
    </row>
    <row r="846950" spans="14:14">
      <c r="N846950" s="10"/>
    </row>
    <row r="846951" spans="14:14">
      <c r="N846951" s="10"/>
    </row>
    <row r="846952" spans="14:14">
      <c r="N846952" s="10"/>
    </row>
    <row r="846953" spans="14:14">
      <c r="N846953" s="10"/>
    </row>
    <row r="846954" spans="14:14">
      <c r="N846954" s="10"/>
    </row>
    <row r="846955" spans="14:14">
      <c r="N846955" s="10"/>
    </row>
    <row r="846956" spans="14:14">
      <c r="N846956" s="10"/>
    </row>
    <row r="846957" spans="14:14">
      <c r="N846957" s="10"/>
    </row>
    <row r="846958" spans="14:14">
      <c r="N846958" s="10"/>
    </row>
    <row r="846959" spans="14:14">
      <c r="N846959" s="10"/>
    </row>
    <row r="846960" spans="14:14">
      <c r="N846960" s="10"/>
    </row>
    <row r="846961" spans="14:14">
      <c r="N846961" s="10"/>
    </row>
    <row r="846962" spans="14:14">
      <c r="N846962" s="10"/>
    </row>
    <row r="846963" spans="14:14">
      <c r="N846963" s="10"/>
    </row>
    <row r="846964" spans="14:14">
      <c r="N846964" s="10"/>
    </row>
    <row r="846965" spans="14:14">
      <c r="N846965" s="10"/>
    </row>
    <row r="846966" spans="14:14">
      <c r="N846966" s="10"/>
    </row>
    <row r="846967" spans="14:14">
      <c r="N846967" s="10"/>
    </row>
    <row r="846968" spans="14:14">
      <c r="N846968" s="10"/>
    </row>
    <row r="846969" spans="14:14">
      <c r="N846969" s="10"/>
    </row>
    <row r="846970" spans="14:14">
      <c r="N846970" s="10"/>
    </row>
    <row r="846971" spans="14:14">
      <c r="N846971" s="10"/>
    </row>
    <row r="846972" spans="14:14">
      <c r="N846972" s="10"/>
    </row>
    <row r="846973" spans="14:14">
      <c r="N846973" s="10"/>
    </row>
    <row r="846974" spans="14:14">
      <c r="N846974" s="10"/>
    </row>
    <row r="846975" spans="14:14">
      <c r="N846975" s="10"/>
    </row>
    <row r="846976" spans="14:14">
      <c r="N846976" s="10"/>
    </row>
    <row r="846977" spans="14:14">
      <c r="N846977" s="10"/>
    </row>
    <row r="846978" spans="14:14">
      <c r="N846978" s="10"/>
    </row>
    <row r="846979" spans="14:14">
      <c r="N846979" s="10"/>
    </row>
    <row r="846980" spans="14:14">
      <c r="N846980" s="10"/>
    </row>
    <row r="846981" spans="14:14">
      <c r="N846981" s="10"/>
    </row>
    <row r="846982" spans="14:14">
      <c r="N846982" s="10"/>
    </row>
    <row r="846983" spans="14:14">
      <c r="N846983" s="10"/>
    </row>
    <row r="846984" spans="14:14">
      <c r="N846984" s="10"/>
    </row>
    <row r="846985" spans="14:14">
      <c r="N846985" s="10"/>
    </row>
    <row r="846986" spans="14:14">
      <c r="N846986" s="10"/>
    </row>
    <row r="846987" spans="14:14">
      <c r="N846987" s="10"/>
    </row>
    <row r="846988" spans="14:14">
      <c r="N846988" s="10"/>
    </row>
    <row r="846989" spans="14:14">
      <c r="N846989" s="10"/>
    </row>
    <row r="846990" spans="14:14">
      <c r="N846990" s="10"/>
    </row>
    <row r="846991" spans="14:14">
      <c r="N846991" s="10"/>
    </row>
    <row r="846992" spans="14:14">
      <c r="N846992" s="10"/>
    </row>
    <row r="846993" spans="14:14">
      <c r="N846993" s="10"/>
    </row>
    <row r="846994" spans="14:14">
      <c r="N846994" s="10"/>
    </row>
    <row r="846995" spans="14:14">
      <c r="N846995" s="10"/>
    </row>
    <row r="846996" spans="14:14">
      <c r="N846996" s="10"/>
    </row>
    <row r="846997" spans="14:14">
      <c r="N846997" s="10"/>
    </row>
    <row r="846998" spans="14:14">
      <c r="N846998" s="10"/>
    </row>
    <row r="846999" spans="14:14">
      <c r="N846999" s="10"/>
    </row>
    <row r="847000" spans="14:14">
      <c r="N847000" s="10"/>
    </row>
    <row r="847001" spans="14:14">
      <c r="N847001" s="10"/>
    </row>
    <row r="847002" spans="14:14">
      <c r="N847002" s="10"/>
    </row>
    <row r="847003" spans="14:14">
      <c r="N847003" s="10"/>
    </row>
    <row r="847004" spans="14:14">
      <c r="N847004" s="10"/>
    </row>
    <row r="847005" spans="14:14">
      <c r="N847005" s="10"/>
    </row>
    <row r="847006" spans="14:14">
      <c r="N847006" s="10"/>
    </row>
    <row r="847007" spans="14:14">
      <c r="N847007" s="10"/>
    </row>
    <row r="847008" spans="14:14">
      <c r="N847008" s="10"/>
    </row>
    <row r="847009" spans="14:14">
      <c r="N847009" s="10"/>
    </row>
    <row r="847010" spans="14:14">
      <c r="N847010" s="10"/>
    </row>
    <row r="847011" spans="14:14">
      <c r="N847011" s="10"/>
    </row>
    <row r="847012" spans="14:14">
      <c r="N847012" s="10"/>
    </row>
    <row r="847013" spans="14:14">
      <c r="N847013" s="10"/>
    </row>
    <row r="847014" spans="14:14">
      <c r="N847014" s="10"/>
    </row>
    <row r="847015" spans="14:14">
      <c r="N847015" s="10"/>
    </row>
    <row r="847016" spans="14:14">
      <c r="N847016" s="10"/>
    </row>
    <row r="847017" spans="14:14">
      <c r="N847017" s="10"/>
    </row>
    <row r="847018" spans="14:14">
      <c r="N847018" s="10"/>
    </row>
    <row r="847019" spans="14:14">
      <c r="N847019" s="10"/>
    </row>
    <row r="847020" spans="14:14">
      <c r="N847020" s="10"/>
    </row>
    <row r="847021" spans="14:14">
      <c r="N847021" s="10"/>
    </row>
    <row r="847022" spans="14:14">
      <c r="N847022" s="10"/>
    </row>
    <row r="847023" spans="14:14">
      <c r="N847023" s="10"/>
    </row>
    <row r="847024" spans="14:14">
      <c r="N847024" s="10"/>
    </row>
    <row r="847025" spans="14:14">
      <c r="N847025" s="10"/>
    </row>
    <row r="847026" spans="14:14">
      <c r="N847026" s="10"/>
    </row>
    <row r="847027" spans="14:14">
      <c r="N847027" s="10"/>
    </row>
    <row r="847028" spans="14:14">
      <c r="N847028" s="10"/>
    </row>
    <row r="847029" spans="14:14">
      <c r="N847029" s="10"/>
    </row>
    <row r="847030" spans="14:14">
      <c r="N847030" s="10"/>
    </row>
    <row r="847031" spans="14:14">
      <c r="N847031" s="10"/>
    </row>
    <row r="847032" spans="14:14">
      <c r="N847032" s="10"/>
    </row>
    <row r="847033" spans="14:14">
      <c r="N847033" s="10"/>
    </row>
    <row r="847034" spans="14:14">
      <c r="N847034" s="10"/>
    </row>
    <row r="847035" spans="14:14">
      <c r="N847035" s="10"/>
    </row>
    <row r="847036" spans="14:14">
      <c r="N847036" s="10"/>
    </row>
    <row r="847037" spans="14:14">
      <c r="N847037" s="10"/>
    </row>
    <row r="847038" spans="14:14">
      <c r="N847038" s="10"/>
    </row>
    <row r="847039" spans="14:14">
      <c r="N847039" s="10"/>
    </row>
    <row r="847040" spans="14:14">
      <c r="N847040" s="10"/>
    </row>
    <row r="847041" spans="14:14">
      <c r="N847041" s="10"/>
    </row>
    <row r="847042" spans="14:14">
      <c r="N847042" s="10"/>
    </row>
    <row r="847043" spans="14:14">
      <c r="N847043" s="10"/>
    </row>
    <row r="847044" spans="14:14">
      <c r="N847044" s="10"/>
    </row>
    <row r="847045" spans="14:14">
      <c r="N847045" s="10"/>
    </row>
    <row r="847046" spans="14:14">
      <c r="N847046" s="10"/>
    </row>
    <row r="847047" spans="14:14">
      <c r="N847047" s="10"/>
    </row>
    <row r="847048" spans="14:14">
      <c r="N847048" s="10"/>
    </row>
    <row r="847049" spans="14:14">
      <c r="N847049" s="10"/>
    </row>
    <row r="847050" spans="14:14">
      <c r="N847050" s="10"/>
    </row>
    <row r="847051" spans="14:14">
      <c r="N847051" s="10"/>
    </row>
    <row r="847052" spans="14:14">
      <c r="N847052" s="10"/>
    </row>
    <row r="847053" spans="14:14">
      <c r="N847053" s="10"/>
    </row>
    <row r="847054" spans="14:14">
      <c r="N847054" s="10"/>
    </row>
    <row r="847055" spans="14:14">
      <c r="N847055" s="10"/>
    </row>
    <row r="847056" spans="14:14">
      <c r="N847056" s="10"/>
    </row>
    <row r="847057" spans="14:14">
      <c r="N847057" s="10"/>
    </row>
    <row r="847058" spans="14:14">
      <c r="N847058" s="10"/>
    </row>
    <row r="847059" spans="14:14">
      <c r="N847059" s="10"/>
    </row>
    <row r="847060" spans="14:14">
      <c r="N847060" s="10"/>
    </row>
    <row r="847061" spans="14:14">
      <c r="N847061" s="10"/>
    </row>
    <row r="847062" spans="14:14">
      <c r="N847062" s="10"/>
    </row>
    <row r="847063" spans="14:14">
      <c r="N847063" s="10"/>
    </row>
    <row r="847064" spans="14:14">
      <c r="N847064" s="10"/>
    </row>
    <row r="847065" spans="14:14">
      <c r="N847065" s="10"/>
    </row>
    <row r="847066" spans="14:14">
      <c r="N847066" s="10"/>
    </row>
    <row r="847067" spans="14:14">
      <c r="N847067" s="10"/>
    </row>
    <row r="847068" spans="14:14">
      <c r="N847068" s="10"/>
    </row>
    <row r="847069" spans="14:14">
      <c r="N847069" s="10"/>
    </row>
    <row r="847070" spans="14:14">
      <c r="N847070" s="10"/>
    </row>
    <row r="847071" spans="14:14">
      <c r="N847071" s="10"/>
    </row>
    <row r="847072" spans="14:14">
      <c r="N847072" s="10"/>
    </row>
    <row r="847073" spans="14:14">
      <c r="N847073" s="10"/>
    </row>
    <row r="847074" spans="14:14">
      <c r="N847074" s="10"/>
    </row>
    <row r="847075" spans="14:14">
      <c r="N847075" s="10"/>
    </row>
    <row r="847076" spans="14:14">
      <c r="N847076" s="10"/>
    </row>
    <row r="847077" spans="14:14">
      <c r="N847077" s="10"/>
    </row>
    <row r="847078" spans="14:14">
      <c r="N847078" s="10"/>
    </row>
    <row r="847079" spans="14:14">
      <c r="N847079" s="10"/>
    </row>
    <row r="847080" spans="14:14">
      <c r="N847080" s="10"/>
    </row>
    <row r="847081" spans="14:14">
      <c r="N847081" s="10"/>
    </row>
    <row r="847082" spans="14:14">
      <c r="N847082" s="10"/>
    </row>
    <row r="847083" spans="14:14">
      <c r="N847083" s="10"/>
    </row>
    <row r="847084" spans="14:14">
      <c r="N847084" s="10"/>
    </row>
    <row r="847085" spans="14:14">
      <c r="N847085" s="10"/>
    </row>
    <row r="847086" spans="14:14">
      <c r="N847086" s="10"/>
    </row>
    <row r="847087" spans="14:14">
      <c r="N847087" s="10"/>
    </row>
    <row r="847088" spans="14:14">
      <c r="N847088" s="10"/>
    </row>
    <row r="847089" spans="14:14">
      <c r="N847089" s="10"/>
    </row>
    <row r="847090" spans="14:14">
      <c r="N847090" s="10"/>
    </row>
    <row r="847091" spans="14:14">
      <c r="N847091" s="10"/>
    </row>
    <row r="847092" spans="14:14">
      <c r="N847092" s="10"/>
    </row>
    <row r="847093" spans="14:14">
      <c r="N847093" s="10"/>
    </row>
    <row r="847094" spans="14:14">
      <c r="N847094" s="10"/>
    </row>
    <row r="847095" spans="14:14">
      <c r="N847095" s="10"/>
    </row>
    <row r="847096" spans="14:14">
      <c r="N847096" s="10"/>
    </row>
    <row r="847097" spans="14:14">
      <c r="N847097" s="10"/>
    </row>
    <row r="847098" spans="14:14">
      <c r="N847098" s="10"/>
    </row>
    <row r="847099" spans="14:14">
      <c r="N847099" s="10"/>
    </row>
    <row r="847100" spans="14:14">
      <c r="N847100" s="10"/>
    </row>
    <row r="847101" spans="14:14">
      <c r="N847101" s="10"/>
    </row>
    <row r="847102" spans="14:14">
      <c r="N847102" s="10"/>
    </row>
    <row r="847103" spans="14:14">
      <c r="N847103" s="10"/>
    </row>
    <row r="847104" spans="14:14">
      <c r="N847104" s="10"/>
    </row>
    <row r="847105" spans="14:14">
      <c r="N847105" s="10"/>
    </row>
    <row r="847106" spans="14:14">
      <c r="N847106" s="10"/>
    </row>
    <row r="847107" spans="14:14">
      <c r="N847107" s="10"/>
    </row>
    <row r="847108" spans="14:14">
      <c r="N847108" s="10"/>
    </row>
    <row r="847109" spans="14:14">
      <c r="N847109" s="10"/>
    </row>
    <row r="847110" spans="14:14">
      <c r="N847110" s="10"/>
    </row>
    <row r="847111" spans="14:14">
      <c r="N847111" s="10"/>
    </row>
    <row r="847112" spans="14:14">
      <c r="N847112" s="10"/>
    </row>
    <row r="847113" spans="14:14">
      <c r="N847113" s="10"/>
    </row>
    <row r="847114" spans="14:14">
      <c r="N847114" s="10"/>
    </row>
    <row r="847115" spans="14:14">
      <c r="N847115" s="10"/>
    </row>
    <row r="847116" spans="14:14">
      <c r="N847116" s="10"/>
    </row>
    <row r="847117" spans="14:14">
      <c r="N847117" s="10"/>
    </row>
    <row r="847118" spans="14:14">
      <c r="N847118" s="10"/>
    </row>
    <row r="847119" spans="14:14">
      <c r="N847119" s="10"/>
    </row>
    <row r="847120" spans="14:14">
      <c r="N847120" s="10"/>
    </row>
    <row r="847121" spans="14:14">
      <c r="N847121" s="10"/>
    </row>
    <row r="847122" spans="14:14">
      <c r="N847122" s="10"/>
    </row>
    <row r="847123" spans="14:14">
      <c r="N847123" s="10"/>
    </row>
    <row r="847124" spans="14:14">
      <c r="N847124" s="10"/>
    </row>
    <row r="847125" spans="14:14">
      <c r="N847125" s="10"/>
    </row>
    <row r="847126" spans="14:14">
      <c r="N847126" s="10"/>
    </row>
    <row r="847127" spans="14:14">
      <c r="N847127" s="10"/>
    </row>
    <row r="847128" spans="14:14">
      <c r="N847128" s="10"/>
    </row>
    <row r="847129" spans="14:14">
      <c r="N847129" s="10"/>
    </row>
    <row r="847130" spans="14:14">
      <c r="N847130" s="10"/>
    </row>
    <row r="847131" spans="14:14">
      <c r="N847131" s="10"/>
    </row>
    <row r="847132" spans="14:14">
      <c r="N847132" s="10"/>
    </row>
    <row r="847133" spans="14:14">
      <c r="N847133" s="10"/>
    </row>
    <row r="847134" spans="14:14">
      <c r="N847134" s="10"/>
    </row>
    <row r="847135" spans="14:14">
      <c r="N847135" s="10"/>
    </row>
    <row r="847136" spans="14:14">
      <c r="N847136" s="10"/>
    </row>
    <row r="847137" spans="14:14">
      <c r="N847137" s="10"/>
    </row>
    <row r="847138" spans="14:14">
      <c r="N847138" s="10"/>
    </row>
    <row r="847139" spans="14:14">
      <c r="N847139" s="10"/>
    </row>
    <row r="847140" spans="14:14">
      <c r="N847140" s="10"/>
    </row>
    <row r="847141" spans="14:14">
      <c r="N847141" s="10"/>
    </row>
    <row r="847142" spans="14:14">
      <c r="N847142" s="10"/>
    </row>
    <row r="847143" spans="14:14">
      <c r="N847143" s="10"/>
    </row>
    <row r="847144" spans="14:14">
      <c r="N847144" s="10"/>
    </row>
    <row r="847145" spans="14:14">
      <c r="N847145" s="10"/>
    </row>
    <row r="847146" spans="14:14">
      <c r="N847146" s="10"/>
    </row>
    <row r="847147" spans="14:14">
      <c r="N847147" s="10"/>
    </row>
    <row r="847148" spans="14:14">
      <c r="N847148" s="10"/>
    </row>
    <row r="847149" spans="14:14">
      <c r="N847149" s="10"/>
    </row>
    <row r="847150" spans="14:14">
      <c r="N847150" s="10"/>
    </row>
    <row r="847151" spans="14:14">
      <c r="N847151" s="10"/>
    </row>
    <row r="847152" spans="14:14">
      <c r="N847152" s="10"/>
    </row>
    <row r="847153" spans="14:14">
      <c r="N847153" s="10"/>
    </row>
    <row r="847154" spans="14:14">
      <c r="N847154" s="10"/>
    </row>
    <row r="847155" spans="14:14">
      <c r="N847155" s="10"/>
    </row>
    <row r="847156" spans="14:14">
      <c r="N847156" s="10"/>
    </row>
    <row r="847157" spans="14:14">
      <c r="N847157" s="10"/>
    </row>
    <row r="847158" spans="14:14">
      <c r="N847158" s="10"/>
    </row>
    <row r="847159" spans="14:14">
      <c r="N847159" s="10"/>
    </row>
    <row r="847160" spans="14:14">
      <c r="N847160" s="10"/>
    </row>
    <row r="847161" spans="14:14">
      <c r="N847161" s="10"/>
    </row>
    <row r="847162" spans="14:14">
      <c r="N847162" s="10"/>
    </row>
    <row r="847163" spans="14:14">
      <c r="N847163" s="10"/>
    </row>
    <row r="847164" spans="14:14">
      <c r="N847164" s="10"/>
    </row>
    <row r="847165" spans="14:14">
      <c r="N847165" s="10"/>
    </row>
    <row r="847166" spans="14:14">
      <c r="N847166" s="10"/>
    </row>
    <row r="847167" spans="14:14">
      <c r="N847167" s="10"/>
    </row>
    <row r="847168" spans="14:14">
      <c r="N847168" s="10"/>
    </row>
    <row r="847169" spans="14:14">
      <c r="N847169" s="10"/>
    </row>
    <row r="847170" spans="14:14">
      <c r="N847170" s="10"/>
    </row>
    <row r="847171" spans="14:14">
      <c r="N847171" s="10"/>
    </row>
    <row r="847172" spans="14:14">
      <c r="N847172" s="10"/>
    </row>
    <row r="847173" spans="14:14">
      <c r="N847173" s="10"/>
    </row>
    <row r="847174" spans="14:14">
      <c r="N847174" s="10"/>
    </row>
    <row r="847175" spans="14:14">
      <c r="N847175" s="10"/>
    </row>
    <row r="847176" spans="14:14">
      <c r="N847176" s="10"/>
    </row>
    <row r="847177" spans="14:14">
      <c r="N847177" s="10"/>
    </row>
    <row r="847178" spans="14:14">
      <c r="N847178" s="10"/>
    </row>
    <row r="847179" spans="14:14">
      <c r="N847179" s="10"/>
    </row>
    <row r="847180" spans="14:14">
      <c r="N847180" s="10"/>
    </row>
    <row r="847181" spans="14:14">
      <c r="N847181" s="10"/>
    </row>
    <row r="847182" spans="14:14">
      <c r="N847182" s="10"/>
    </row>
    <row r="847183" spans="14:14">
      <c r="N847183" s="10"/>
    </row>
    <row r="847184" spans="14:14">
      <c r="N847184" s="10"/>
    </row>
    <row r="847185" spans="14:14">
      <c r="N847185" s="10"/>
    </row>
    <row r="847186" spans="14:14">
      <c r="N847186" s="10"/>
    </row>
    <row r="847187" spans="14:14">
      <c r="N847187" s="10"/>
    </row>
    <row r="847188" spans="14:14">
      <c r="N847188" s="10"/>
    </row>
    <row r="847189" spans="14:14">
      <c r="N847189" s="10"/>
    </row>
    <row r="847190" spans="14:14">
      <c r="N847190" s="10"/>
    </row>
    <row r="847191" spans="14:14">
      <c r="N847191" s="10"/>
    </row>
    <row r="847192" spans="14:14">
      <c r="N847192" s="10"/>
    </row>
    <row r="847193" spans="14:14">
      <c r="N847193" s="10"/>
    </row>
    <row r="847194" spans="14:14">
      <c r="N847194" s="10"/>
    </row>
    <row r="847195" spans="14:14">
      <c r="N847195" s="10"/>
    </row>
    <row r="847196" spans="14:14">
      <c r="N847196" s="10"/>
    </row>
    <row r="847197" spans="14:14">
      <c r="N847197" s="10"/>
    </row>
    <row r="847198" spans="14:14">
      <c r="N847198" s="10"/>
    </row>
    <row r="847199" spans="14:14">
      <c r="N847199" s="10"/>
    </row>
    <row r="847200" spans="14:14">
      <c r="N847200" s="10"/>
    </row>
    <row r="847201" spans="14:14">
      <c r="N847201" s="10"/>
    </row>
    <row r="847202" spans="14:14">
      <c r="N847202" s="10"/>
    </row>
    <row r="847203" spans="14:14">
      <c r="N847203" s="10"/>
    </row>
    <row r="847204" spans="14:14">
      <c r="N847204" s="10"/>
    </row>
    <row r="847205" spans="14:14">
      <c r="N847205" s="10"/>
    </row>
    <row r="847206" spans="14:14">
      <c r="N847206" s="10"/>
    </row>
    <row r="847207" spans="14:14">
      <c r="N847207" s="10"/>
    </row>
    <row r="847208" spans="14:14">
      <c r="N847208" s="10"/>
    </row>
    <row r="847209" spans="14:14">
      <c r="N847209" s="10"/>
    </row>
    <row r="847210" spans="14:14">
      <c r="N847210" s="10"/>
    </row>
    <row r="847211" spans="14:14">
      <c r="N847211" s="10"/>
    </row>
    <row r="847212" spans="14:14">
      <c r="N847212" s="10"/>
    </row>
    <row r="847213" spans="14:14">
      <c r="N847213" s="10"/>
    </row>
    <row r="847214" spans="14:14">
      <c r="N847214" s="10"/>
    </row>
    <row r="847215" spans="14:14">
      <c r="N847215" s="10"/>
    </row>
    <row r="847216" spans="14:14">
      <c r="N847216" s="10"/>
    </row>
    <row r="847217" spans="14:14">
      <c r="N847217" s="10"/>
    </row>
    <row r="847218" spans="14:14">
      <c r="N847218" s="10"/>
    </row>
    <row r="847219" spans="14:14">
      <c r="N847219" s="10"/>
    </row>
    <row r="847220" spans="14:14">
      <c r="N847220" s="10"/>
    </row>
    <row r="847221" spans="14:14">
      <c r="N847221" s="10"/>
    </row>
    <row r="847222" spans="14:14">
      <c r="N847222" s="10"/>
    </row>
    <row r="847223" spans="14:14">
      <c r="N847223" s="10"/>
    </row>
    <row r="847224" spans="14:14">
      <c r="N847224" s="10"/>
    </row>
    <row r="847225" spans="14:14">
      <c r="N847225" s="10"/>
    </row>
    <row r="847226" spans="14:14">
      <c r="N847226" s="10"/>
    </row>
    <row r="847227" spans="14:14">
      <c r="N847227" s="10"/>
    </row>
    <row r="847228" spans="14:14">
      <c r="N847228" s="10"/>
    </row>
    <row r="847229" spans="14:14">
      <c r="N847229" s="10"/>
    </row>
    <row r="847230" spans="14:14">
      <c r="N847230" s="10"/>
    </row>
    <row r="847231" spans="14:14">
      <c r="N847231" s="10"/>
    </row>
    <row r="847232" spans="14:14">
      <c r="N847232" s="10"/>
    </row>
    <row r="847233" spans="14:14">
      <c r="N847233" s="10"/>
    </row>
    <row r="847234" spans="14:14">
      <c r="N847234" s="10"/>
    </row>
    <row r="847235" spans="14:14">
      <c r="N847235" s="10"/>
    </row>
    <row r="847236" spans="14:14">
      <c r="N847236" s="10"/>
    </row>
    <row r="847237" spans="14:14">
      <c r="N847237" s="10"/>
    </row>
    <row r="847238" spans="14:14">
      <c r="N847238" s="10"/>
    </row>
    <row r="847239" spans="14:14">
      <c r="N847239" s="10"/>
    </row>
    <row r="847240" spans="14:14">
      <c r="N847240" s="10"/>
    </row>
    <row r="847241" spans="14:14">
      <c r="N847241" s="10"/>
    </row>
    <row r="847242" spans="14:14">
      <c r="N847242" s="10"/>
    </row>
    <row r="847243" spans="14:14">
      <c r="N847243" s="10"/>
    </row>
    <row r="847244" spans="14:14">
      <c r="N847244" s="10"/>
    </row>
    <row r="847245" spans="14:14">
      <c r="N847245" s="10"/>
    </row>
    <row r="847246" spans="14:14">
      <c r="N847246" s="10"/>
    </row>
    <row r="847247" spans="14:14">
      <c r="N847247" s="10"/>
    </row>
    <row r="847248" spans="14:14">
      <c r="N847248" s="10"/>
    </row>
    <row r="847249" spans="14:14">
      <c r="N847249" s="10"/>
    </row>
    <row r="847250" spans="14:14">
      <c r="N847250" s="10"/>
    </row>
    <row r="847251" spans="14:14">
      <c r="N847251" s="10"/>
    </row>
    <row r="847252" spans="14:14">
      <c r="N847252" s="10"/>
    </row>
    <row r="847253" spans="14:14">
      <c r="N847253" s="10"/>
    </row>
    <row r="847254" spans="14:14">
      <c r="N847254" s="10"/>
    </row>
    <row r="847255" spans="14:14">
      <c r="N847255" s="10"/>
    </row>
    <row r="847256" spans="14:14">
      <c r="N847256" s="10"/>
    </row>
    <row r="847257" spans="14:14">
      <c r="N847257" s="10"/>
    </row>
    <row r="847258" spans="14:14">
      <c r="N847258" s="10"/>
    </row>
    <row r="847259" spans="14:14">
      <c r="N847259" s="10"/>
    </row>
    <row r="847260" spans="14:14">
      <c r="N847260" s="10"/>
    </row>
    <row r="847261" spans="14:14">
      <c r="N847261" s="10"/>
    </row>
    <row r="847262" spans="14:14">
      <c r="N847262" s="10"/>
    </row>
    <row r="847263" spans="14:14">
      <c r="N847263" s="10"/>
    </row>
    <row r="847264" spans="14:14">
      <c r="N847264" s="10"/>
    </row>
    <row r="847265" spans="14:14">
      <c r="N847265" s="10"/>
    </row>
    <row r="847266" spans="14:14">
      <c r="N847266" s="10"/>
    </row>
    <row r="847267" spans="14:14">
      <c r="N847267" s="10"/>
    </row>
    <row r="847268" spans="14:14">
      <c r="N847268" s="10"/>
    </row>
    <row r="847269" spans="14:14">
      <c r="N847269" s="10"/>
    </row>
    <row r="847270" spans="14:14">
      <c r="N847270" s="10"/>
    </row>
    <row r="847271" spans="14:14">
      <c r="N847271" s="10"/>
    </row>
    <row r="847272" spans="14:14">
      <c r="N847272" s="10"/>
    </row>
    <row r="847273" spans="14:14">
      <c r="N847273" s="10"/>
    </row>
    <row r="847274" spans="14:14">
      <c r="N847274" s="10"/>
    </row>
    <row r="847275" spans="14:14">
      <c r="N847275" s="10"/>
    </row>
    <row r="847276" spans="14:14">
      <c r="N847276" s="10"/>
    </row>
    <row r="847277" spans="14:14">
      <c r="N847277" s="10"/>
    </row>
    <row r="847278" spans="14:14">
      <c r="N847278" s="10"/>
    </row>
    <row r="847279" spans="14:14">
      <c r="N847279" s="10"/>
    </row>
    <row r="847280" spans="14:14">
      <c r="N847280" s="10"/>
    </row>
    <row r="847281" spans="14:14">
      <c r="N847281" s="10"/>
    </row>
    <row r="847282" spans="14:14">
      <c r="N847282" s="10"/>
    </row>
    <row r="847283" spans="14:14">
      <c r="N847283" s="10"/>
    </row>
    <row r="847284" spans="14:14">
      <c r="N847284" s="10"/>
    </row>
    <row r="847285" spans="14:14">
      <c r="N847285" s="10"/>
    </row>
    <row r="847286" spans="14:14">
      <c r="N847286" s="10"/>
    </row>
    <row r="847287" spans="14:14">
      <c r="N847287" s="10"/>
    </row>
    <row r="847288" spans="14:14">
      <c r="N847288" s="10"/>
    </row>
    <row r="847289" spans="14:14">
      <c r="N847289" s="10"/>
    </row>
    <row r="847290" spans="14:14">
      <c r="N847290" s="10"/>
    </row>
    <row r="847291" spans="14:14">
      <c r="N847291" s="10"/>
    </row>
    <row r="847292" spans="14:14">
      <c r="N847292" s="10"/>
    </row>
    <row r="847293" spans="14:14">
      <c r="N847293" s="10"/>
    </row>
    <row r="847294" spans="14:14">
      <c r="N847294" s="10"/>
    </row>
    <row r="847295" spans="14:14">
      <c r="N847295" s="10"/>
    </row>
    <row r="847296" spans="14:14">
      <c r="N847296" s="10"/>
    </row>
    <row r="847297" spans="14:14">
      <c r="N847297" s="10"/>
    </row>
    <row r="847298" spans="14:14">
      <c r="N847298" s="10"/>
    </row>
    <row r="847299" spans="14:14">
      <c r="N847299" s="10"/>
    </row>
    <row r="847300" spans="14:14">
      <c r="N847300" s="10"/>
    </row>
    <row r="847301" spans="14:14">
      <c r="N847301" s="10"/>
    </row>
    <row r="847302" spans="14:14">
      <c r="N847302" s="10"/>
    </row>
    <row r="847303" spans="14:14">
      <c r="N847303" s="10"/>
    </row>
    <row r="847304" spans="14:14">
      <c r="N847304" s="10"/>
    </row>
    <row r="847305" spans="14:14">
      <c r="N847305" s="10"/>
    </row>
    <row r="847306" spans="14:14">
      <c r="N847306" s="10"/>
    </row>
    <row r="847307" spans="14:14">
      <c r="N847307" s="10"/>
    </row>
    <row r="847308" spans="14:14">
      <c r="N847308" s="10"/>
    </row>
    <row r="847309" spans="14:14">
      <c r="N847309" s="10"/>
    </row>
    <row r="847310" spans="14:14">
      <c r="N847310" s="10"/>
    </row>
    <row r="847311" spans="14:14">
      <c r="N847311" s="10"/>
    </row>
    <row r="847312" spans="14:14">
      <c r="N847312" s="10"/>
    </row>
    <row r="847313" spans="14:14">
      <c r="N847313" s="10"/>
    </row>
    <row r="847314" spans="14:14">
      <c r="N847314" s="10"/>
    </row>
    <row r="847315" spans="14:14">
      <c r="N847315" s="10"/>
    </row>
    <row r="847316" spans="14:14">
      <c r="N847316" s="10"/>
    </row>
    <row r="847317" spans="14:14">
      <c r="N847317" s="10"/>
    </row>
    <row r="847318" spans="14:14">
      <c r="N847318" s="10"/>
    </row>
    <row r="847319" spans="14:14">
      <c r="N847319" s="10"/>
    </row>
    <row r="847320" spans="14:14">
      <c r="N847320" s="10"/>
    </row>
    <row r="847321" spans="14:14">
      <c r="N847321" s="10"/>
    </row>
    <row r="847322" spans="14:14">
      <c r="N847322" s="10"/>
    </row>
    <row r="847323" spans="14:14">
      <c r="N847323" s="10"/>
    </row>
    <row r="847324" spans="14:14">
      <c r="N847324" s="10"/>
    </row>
    <row r="847325" spans="14:14">
      <c r="N847325" s="10"/>
    </row>
    <row r="847326" spans="14:14">
      <c r="N847326" s="10"/>
    </row>
    <row r="847327" spans="14:14">
      <c r="N847327" s="10"/>
    </row>
    <row r="847328" spans="14:14">
      <c r="N847328" s="10"/>
    </row>
    <row r="847329" spans="14:14">
      <c r="N847329" s="10"/>
    </row>
    <row r="847330" spans="14:14">
      <c r="N847330" s="10"/>
    </row>
    <row r="847331" spans="14:14">
      <c r="N847331" s="10"/>
    </row>
    <row r="847332" spans="14:14">
      <c r="N847332" s="10"/>
    </row>
    <row r="847333" spans="14:14">
      <c r="N847333" s="10"/>
    </row>
    <row r="847334" spans="14:14">
      <c r="N847334" s="10"/>
    </row>
    <row r="847335" spans="14:14">
      <c r="N847335" s="10"/>
    </row>
    <row r="847336" spans="14:14">
      <c r="N847336" s="10"/>
    </row>
    <row r="847337" spans="14:14">
      <c r="N847337" s="10"/>
    </row>
    <row r="847338" spans="14:14">
      <c r="N847338" s="10"/>
    </row>
    <row r="847339" spans="14:14">
      <c r="N847339" s="10"/>
    </row>
    <row r="847340" spans="14:14">
      <c r="N847340" s="10"/>
    </row>
    <row r="847341" spans="14:14">
      <c r="N847341" s="10"/>
    </row>
    <row r="847342" spans="14:14">
      <c r="N847342" s="10"/>
    </row>
    <row r="847343" spans="14:14">
      <c r="N847343" s="10"/>
    </row>
    <row r="847344" spans="14:14">
      <c r="N847344" s="10"/>
    </row>
    <row r="847345" spans="14:14">
      <c r="N847345" s="10"/>
    </row>
    <row r="847346" spans="14:14">
      <c r="N847346" s="10"/>
    </row>
    <row r="847347" spans="14:14">
      <c r="N847347" s="10"/>
    </row>
    <row r="847348" spans="14:14">
      <c r="N847348" s="10"/>
    </row>
    <row r="847349" spans="14:14">
      <c r="N847349" s="10"/>
    </row>
    <row r="847350" spans="14:14">
      <c r="N847350" s="10"/>
    </row>
    <row r="847351" spans="14:14">
      <c r="N847351" s="10"/>
    </row>
    <row r="847352" spans="14:14">
      <c r="N847352" s="10"/>
    </row>
    <row r="847353" spans="14:14">
      <c r="N847353" s="10"/>
    </row>
    <row r="847354" spans="14:14">
      <c r="N847354" s="10"/>
    </row>
    <row r="847355" spans="14:14">
      <c r="N847355" s="10"/>
    </row>
    <row r="847356" spans="14:14">
      <c r="N847356" s="10"/>
    </row>
    <row r="847357" spans="14:14">
      <c r="N847357" s="10"/>
    </row>
    <row r="847358" spans="14:14">
      <c r="N847358" s="10"/>
    </row>
    <row r="847359" spans="14:14">
      <c r="N847359" s="10"/>
    </row>
    <row r="847360" spans="14:14">
      <c r="N847360" s="10"/>
    </row>
    <row r="847361" spans="14:14">
      <c r="N847361" s="10"/>
    </row>
    <row r="847362" spans="14:14">
      <c r="N847362" s="10"/>
    </row>
    <row r="847363" spans="14:14">
      <c r="N847363" s="10"/>
    </row>
    <row r="847364" spans="14:14">
      <c r="N847364" s="10"/>
    </row>
    <row r="847365" spans="14:14">
      <c r="N847365" s="10"/>
    </row>
    <row r="847366" spans="14:14">
      <c r="N847366" s="10"/>
    </row>
    <row r="847367" spans="14:14">
      <c r="N847367" s="10"/>
    </row>
    <row r="847368" spans="14:14">
      <c r="N847368" s="10"/>
    </row>
    <row r="847369" spans="14:14">
      <c r="N847369" s="10"/>
    </row>
    <row r="847370" spans="14:14">
      <c r="N847370" s="10"/>
    </row>
    <row r="847371" spans="14:14">
      <c r="N847371" s="10"/>
    </row>
    <row r="847372" spans="14:14">
      <c r="N847372" s="10"/>
    </row>
    <row r="847373" spans="14:14">
      <c r="N847373" s="10"/>
    </row>
    <row r="847374" spans="14:14">
      <c r="N847374" s="10"/>
    </row>
    <row r="847375" spans="14:14">
      <c r="N847375" s="10"/>
    </row>
    <row r="847376" spans="14:14">
      <c r="N847376" s="10"/>
    </row>
    <row r="847377" spans="14:14">
      <c r="N847377" s="10"/>
    </row>
    <row r="847378" spans="14:14">
      <c r="N847378" s="10"/>
    </row>
    <row r="847379" spans="14:14">
      <c r="N847379" s="10"/>
    </row>
    <row r="847380" spans="14:14">
      <c r="N847380" s="10"/>
    </row>
    <row r="847381" spans="14:14">
      <c r="N847381" s="10"/>
    </row>
    <row r="847382" spans="14:14">
      <c r="N847382" s="10"/>
    </row>
    <row r="847383" spans="14:14">
      <c r="N847383" s="10"/>
    </row>
    <row r="847384" spans="14:14">
      <c r="N847384" s="10"/>
    </row>
    <row r="847385" spans="14:14">
      <c r="N847385" s="10"/>
    </row>
    <row r="847386" spans="14:14">
      <c r="N847386" s="10"/>
    </row>
    <row r="847387" spans="14:14">
      <c r="N847387" s="10"/>
    </row>
    <row r="847388" spans="14:14">
      <c r="N847388" s="10"/>
    </row>
    <row r="847389" spans="14:14">
      <c r="N847389" s="10"/>
    </row>
    <row r="847390" spans="14:14">
      <c r="N847390" s="10"/>
    </row>
    <row r="847391" spans="14:14">
      <c r="N847391" s="10"/>
    </row>
    <row r="847392" spans="14:14">
      <c r="N847392" s="10"/>
    </row>
    <row r="847393" spans="14:14">
      <c r="N847393" s="10"/>
    </row>
    <row r="847394" spans="14:14">
      <c r="N847394" s="10"/>
    </row>
    <row r="847395" spans="14:14">
      <c r="N847395" s="10"/>
    </row>
    <row r="847396" spans="14:14">
      <c r="N847396" s="10"/>
    </row>
    <row r="847397" spans="14:14">
      <c r="N847397" s="10"/>
    </row>
    <row r="847398" spans="14:14">
      <c r="N847398" s="10"/>
    </row>
    <row r="847399" spans="14:14">
      <c r="N847399" s="10"/>
    </row>
    <row r="847400" spans="14:14">
      <c r="N847400" s="10"/>
    </row>
    <row r="847401" spans="14:14">
      <c r="N847401" s="10"/>
    </row>
    <row r="847402" spans="14:14">
      <c r="N847402" s="10"/>
    </row>
    <row r="847403" spans="14:14">
      <c r="N847403" s="10"/>
    </row>
    <row r="847404" spans="14:14">
      <c r="N847404" s="10"/>
    </row>
    <row r="847405" spans="14:14">
      <c r="N847405" s="10"/>
    </row>
    <row r="847406" spans="14:14">
      <c r="N847406" s="10"/>
    </row>
    <row r="847407" spans="14:14">
      <c r="N847407" s="10"/>
    </row>
    <row r="847408" spans="14:14">
      <c r="N847408" s="10"/>
    </row>
    <row r="847409" spans="14:14">
      <c r="N847409" s="10"/>
    </row>
    <row r="847410" spans="14:14">
      <c r="N847410" s="10"/>
    </row>
    <row r="847411" spans="14:14">
      <c r="N847411" s="10"/>
    </row>
    <row r="847412" spans="14:14">
      <c r="N847412" s="10"/>
    </row>
    <row r="847413" spans="14:14">
      <c r="N847413" s="10"/>
    </row>
    <row r="847414" spans="14:14">
      <c r="N847414" s="10"/>
    </row>
    <row r="847415" spans="14:14">
      <c r="N847415" s="10"/>
    </row>
    <row r="847416" spans="14:14">
      <c r="N847416" s="10"/>
    </row>
    <row r="847417" spans="14:14">
      <c r="N847417" s="10"/>
    </row>
    <row r="847418" spans="14:14">
      <c r="N847418" s="10"/>
    </row>
    <row r="847419" spans="14:14">
      <c r="N847419" s="10"/>
    </row>
    <row r="847420" spans="14:14">
      <c r="N847420" s="10"/>
    </row>
    <row r="847421" spans="14:14">
      <c r="N847421" s="10"/>
    </row>
    <row r="847422" spans="14:14">
      <c r="N847422" s="10"/>
    </row>
    <row r="847423" spans="14:14">
      <c r="N847423" s="10"/>
    </row>
    <row r="847424" spans="14:14">
      <c r="N847424" s="10"/>
    </row>
    <row r="847425" spans="14:14">
      <c r="N847425" s="10"/>
    </row>
    <row r="847426" spans="14:14">
      <c r="N847426" s="10"/>
    </row>
    <row r="847427" spans="14:14">
      <c r="N847427" s="10"/>
    </row>
    <row r="847428" spans="14:14">
      <c r="N847428" s="10"/>
    </row>
    <row r="847429" spans="14:14">
      <c r="N847429" s="10"/>
    </row>
    <row r="847430" spans="14:14">
      <c r="N847430" s="10"/>
    </row>
    <row r="847431" spans="14:14">
      <c r="N847431" s="10"/>
    </row>
    <row r="847432" spans="14:14">
      <c r="N847432" s="10"/>
    </row>
    <row r="847433" spans="14:14">
      <c r="N847433" s="10"/>
    </row>
    <row r="847434" spans="14:14">
      <c r="N847434" s="10"/>
    </row>
    <row r="847435" spans="14:14">
      <c r="N847435" s="10"/>
    </row>
    <row r="847436" spans="14:14">
      <c r="N847436" s="10"/>
    </row>
    <row r="847437" spans="14:14">
      <c r="N847437" s="10"/>
    </row>
    <row r="847438" spans="14:14">
      <c r="N847438" s="10"/>
    </row>
    <row r="847439" spans="14:14">
      <c r="N847439" s="10"/>
    </row>
    <row r="847440" spans="14:14">
      <c r="N847440" s="10"/>
    </row>
    <row r="847441" spans="14:14">
      <c r="N847441" s="10"/>
    </row>
    <row r="847442" spans="14:14">
      <c r="N847442" s="10"/>
    </row>
    <row r="847443" spans="14:14">
      <c r="N847443" s="10"/>
    </row>
    <row r="847444" spans="14:14">
      <c r="N847444" s="10"/>
    </row>
    <row r="847445" spans="14:14">
      <c r="N847445" s="10"/>
    </row>
    <row r="847446" spans="14:14">
      <c r="N847446" s="10"/>
    </row>
    <row r="847447" spans="14:14">
      <c r="N847447" s="10"/>
    </row>
    <row r="847448" spans="14:14">
      <c r="N847448" s="10"/>
    </row>
    <row r="847449" spans="14:14">
      <c r="N847449" s="10"/>
    </row>
    <row r="847450" spans="14:14">
      <c r="N847450" s="10"/>
    </row>
    <row r="847451" spans="14:14">
      <c r="N847451" s="10"/>
    </row>
    <row r="847452" spans="14:14">
      <c r="N847452" s="10"/>
    </row>
    <row r="847453" spans="14:14">
      <c r="N847453" s="10"/>
    </row>
    <row r="847454" spans="14:14">
      <c r="N847454" s="10"/>
    </row>
    <row r="847455" spans="14:14">
      <c r="N847455" s="10"/>
    </row>
    <row r="847456" spans="14:14">
      <c r="N847456" s="10"/>
    </row>
    <row r="847457" spans="14:14">
      <c r="N847457" s="10"/>
    </row>
    <row r="847458" spans="14:14">
      <c r="N847458" s="10"/>
    </row>
    <row r="847459" spans="14:14">
      <c r="N847459" s="10"/>
    </row>
    <row r="847460" spans="14:14">
      <c r="N847460" s="10"/>
    </row>
    <row r="847461" spans="14:14">
      <c r="N847461" s="10"/>
    </row>
    <row r="847462" spans="14:14">
      <c r="N847462" s="10"/>
    </row>
    <row r="847463" spans="14:14">
      <c r="N847463" s="10"/>
    </row>
    <row r="847464" spans="14:14">
      <c r="N847464" s="10"/>
    </row>
    <row r="847465" spans="14:14">
      <c r="N847465" s="10"/>
    </row>
    <row r="847466" spans="14:14">
      <c r="N847466" s="10"/>
    </row>
    <row r="847467" spans="14:14">
      <c r="N847467" s="10"/>
    </row>
    <row r="847468" spans="14:14">
      <c r="N847468" s="10"/>
    </row>
    <row r="847469" spans="14:14">
      <c r="N847469" s="10"/>
    </row>
    <row r="847470" spans="14:14">
      <c r="N847470" s="10"/>
    </row>
    <row r="847471" spans="14:14">
      <c r="N847471" s="10"/>
    </row>
    <row r="847472" spans="14:14">
      <c r="N847472" s="10"/>
    </row>
    <row r="847473" spans="14:14">
      <c r="N847473" s="10"/>
    </row>
    <row r="847474" spans="14:14">
      <c r="N847474" s="10"/>
    </row>
    <row r="847475" spans="14:14">
      <c r="N847475" s="10"/>
    </row>
    <row r="847476" spans="14:14">
      <c r="N847476" s="10"/>
    </row>
    <row r="847477" spans="14:14">
      <c r="N847477" s="10"/>
    </row>
    <row r="847478" spans="14:14">
      <c r="N847478" s="10"/>
    </row>
    <row r="847479" spans="14:14">
      <c r="N847479" s="10"/>
    </row>
    <row r="847480" spans="14:14">
      <c r="N847480" s="10"/>
    </row>
    <row r="847481" spans="14:14">
      <c r="N847481" s="10"/>
    </row>
    <row r="847482" spans="14:14">
      <c r="N847482" s="10"/>
    </row>
    <row r="847483" spans="14:14">
      <c r="N847483" s="10"/>
    </row>
    <row r="847484" spans="14:14">
      <c r="N847484" s="10"/>
    </row>
    <row r="847485" spans="14:14">
      <c r="N847485" s="10"/>
    </row>
    <row r="847486" spans="14:14">
      <c r="N847486" s="10"/>
    </row>
    <row r="847487" spans="14:14">
      <c r="N847487" s="10"/>
    </row>
    <row r="847488" spans="14:14">
      <c r="N847488" s="10"/>
    </row>
    <row r="847489" spans="14:14">
      <c r="N847489" s="10"/>
    </row>
    <row r="847490" spans="14:14">
      <c r="N847490" s="10"/>
    </row>
    <row r="847491" spans="14:14">
      <c r="N847491" s="10"/>
    </row>
    <row r="847492" spans="14:14">
      <c r="N847492" s="10"/>
    </row>
    <row r="847493" spans="14:14">
      <c r="N847493" s="10"/>
    </row>
    <row r="847494" spans="14:14">
      <c r="N847494" s="10"/>
    </row>
    <row r="847495" spans="14:14">
      <c r="N847495" s="10"/>
    </row>
    <row r="847496" spans="14:14">
      <c r="N847496" s="10"/>
    </row>
    <row r="847497" spans="14:14">
      <c r="N847497" s="10"/>
    </row>
    <row r="847498" spans="14:14">
      <c r="N847498" s="10"/>
    </row>
    <row r="847499" spans="14:14">
      <c r="N847499" s="10"/>
    </row>
    <row r="847500" spans="14:14">
      <c r="N847500" s="10"/>
    </row>
    <row r="847501" spans="14:14">
      <c r="N847501" s="10"/>
    </row>
    <row r="847502" spans="14:14">
      <c r="N847502" s="10"/>
    </row>
    <row r="847503" spans="14:14">
      <c r="N847503" s="10"/>
    </row>
    <row r="847504" spans="14:14">
      <c r="N847504" s="10"/>
    </row>
    <row r="847505" spans="14:14">
      <c r="N847505" s="10"/>
    </row>
    <row r="847506" spans="14:14">
      <c r="N847506" s="10"/>
    </row>
    <row r="847507" spans="14:14">
      <c r="N847507" s="10"/>
    </row>
    <row r="847508" spans="14:14">
      <c r="N847508" s="10"/>
    </row>
    <row r="847509" spans="14:14">
      <c r="N847509" s="10"/>
    </row>
    <row r="847510" spans="14:14">
      <c r="N847510" s="10"/>
    </row>
    <row r="847511" spans="14:14">
      <c r="N847511" s="10"/>
    </row>
    <row r="847512" spans="14:14">
      <c r="N847512" s="10"/>
    </row>
    <row r="847513" spans="14:14">
      <c r="N847513" s="10"/>
    </row>
    <row r="847514" spans="14:14">
      <c r="N847514" s="10"/>
    </row>
    <row r="847515" spans="14:14">
      <c r="N847515" s="10"/>
    </row>
    <row r="847516" spans="14:14">
      <c r="N847516" s="10"/>
    </row>
    <row r="847517" spans="14:14">
      <c r="N847517" s="10"/>
    </row>
    <row r="847518" spans="14:14">
      <c r="N847518" s="10"/>
    </row>
    <row r="847519" spans="14:14">
      <c r="N847519" s="10"/>
    </row>
    <row r="847520" spans="14:14">
      <c r="N847520" s="10"/>
    </row>
    <row r="847521" spans="14:14">
      <c r="N847521" s="10"/>
    </row>
    <row r="847522" spans="14:14">
      <c r="N847522" s="10"/>
    </row>
    <row r="847523" spans="14:14">
      <c r="N847523" s="10"/>
    </row>
    <row r="847524" spans="14:14">
      <c r="N847524" s="10"/>
    </row>
    <row r="847525" spans="14:14">
      <c r="N847525" s="10"/>
    </row>
    <row r="847526" spans="14:14">
      <c r="N847526" s="10"/>
    </row>
    <row r="847527" spans="14:14">
      <c r="N847527" s="10"/>
    </row>
    <row r="847528" spans="14:14">
      <c r="N847528" s="10"/>
    </row>
    <row r="847529" spans="14:14">
      <c r="N847529" s="10"/>
    </row>
    <row r="847530" spans="14:14">
      <c r="N847530" s="10"/>
    </row>
    <row r="847531" spans="14:14">
      <c r="N847531" s="10"/>
    </row>
    <row r="847532" spans="14:14">
      <c r="N847532" s="10"/>
    </row>
    <row r="847533" spans="14:14">
      <c r="N847533" s="10"/>
    </row>
    <row r="847534" spans="14:14">
      <c r="N847534" s="10"/>
    </row>
    <row r="847535" spans="14:14">
      <c r="N847535" s="10"/>
    </row>
    <row r="847536" spans="14:14">
      <c r="N847536" s="10"/>
    </row>
    <row r="847537" spans="14:14">
      <c r="N847537" s="10"/>
    </row>
    <row r="847538" spans="14:14">
      <c r="N847538" s="10"/>
    </row>
    <row r="847539" spans="14:14">
      <c r="N847539" s="10"/>
    </row>
    <row r="847540" spans="14:14">
      <c r="N847540" s="10"/>
    </row>
    <row r="847541" spans="14:14">
      <c r="N847541" s="10"/>
    </row>
    <row r="847542" spans="14:14">
      <c r="N847542" s="10"/>
    </row>
    <row r="847543" spans="14:14">
      <c r="N847543" s="10"/>
    </row>
    <row r="847544" spans="14:14">
      <c r="N847544" s="10"/>
    </row>
    <row r="847545" spans="14:14">
      <c r="N847545" s="10"/>
    </row>
    <row r="847546" spans="14:14">
      <c r="N847546" s="10"/>
    </row>
    <row r="847547" spans="14:14">
      <c r="N847547" s="10"/>
    </row>
    <row r="847548" spans="14:14">
      <c r="N847548" s="10"/>
    </row>
    <row r="847549" spans="14:14">
      <c r="N847549" s="10"/>
    </row>
    <row r="847550" spans="14:14">
      <c r="N847550" s="10"/>
    </row>
    <row r="847551" spans="14:14">
      <c r="N847551" s="10"/>
    </row>
    <row r="847552" spans="14:14">
      <c r="N847552" s="10"/>
    </row>
    <row r="847553" spans="14:14">
      <c r="N847553" s="10"/>
    </row>
    <row r="847554" spans="14:14">
      <c r="N847554" s="10"/>
    </row>
    <row r="847555" spans="14:14">
      <c r="N847555" s="10"/>
    </row>
    <row r="847556" spans="14:14">
      <c r="N847556" s="10"/>
    </row>
    <row r="847557" spans="14:14">
      <c r="N847557" s="10"/>
    </row>
    <row r="847558" spans="14:14">
      <c r="N847558" s="10"/>
    </row>
    <row r="847559" spans="14:14">
      <c r="N847559" s="10"/>
    </row>
    <row r="847560" spans="14:14">
      <c r="N847560" s="10"/>
    </row>
    <row r="847561" spans="14:14">
      <c r="N847561" s="10"/>
    </row>
    <row r="847562" spans="14:14">
      <c r="N847562" s="10"/>
    </row>
    <row r="847563" spans="14:14">
      <c r="N847563" s="10"/>
    </row>
    <row r="847564" spans="14:14">
      <c r="N847564" s="10"/>
    </row>
    <row r="847565" spans="14:14">
      <c r="N847565" s="10"/>
    </row>
    <row r="847566" spans="14:14">
      <c r="N847566" s="10"/>
    </row>
    <row r="847567" spans="14:14">
      <c r="N847567" s="10"/>
    </row>
    <row r="847568" spans="14:14">
      <c r="N847568" s="10"/>
    </row>
    <row r="847569" spans="14:14">
      <c r="N847569" s="10"/>
    </row>
    <row r="847570" spans="14:14">
      <c r="N847570" s="10"/>
    </row>
    <row r="847571" spans="14:14">
      <c r="N847571" s="10"/>
    </row>
    <row r="847572" spans="14:14">
      <c r="N847572" s="10"/>
    </row>
    <row r="847573" spans="14:14">
      <c r="N847573" s="10"/>
    </row>
    <row r="847574" spans="14:14">
      <c r="N847574" s="10"/>
    </row>
    <row r="847575" spans="14:14">
      <c r="N847575" s="10"/>
    </row>
    <row r="847576" spans="14:14">
      <c r="N847576" s="10"/>
    </row>
    <row r="847577" spans="14:14">
      <c r="N847577" s="10"/>
    </row>
    <row r="847578" spans="14:14">
      <c r="N847578" s="10"/>
    </row>
    <row r="847579" spans="14:14">
      <c r="N847579" s="10"/>
    </row>
    <row r="847580" spans="14:14">
      <c r="N847580" s="10"/>
    </row>
    <row r="847581" spans="14:14">
      <c r="N847581" s="10"/>
    </row>
    <row r="847582" spans="14:14">
      <c r="N847582" s="10"/>
    </row>
    <row r="847583" spans="14:14">
      <c r="N847583" s="10"/>
    </row>
    <row r="847584" spans="14:14">
      <c r="N847584" s="10"/>
    </row>
    <row r="847585" spans="14:14">
      <c r="N847585" s="10"/>
    </row>
    <row r="847586" spans="14:14">
      <c r="N847586" s="10"/>
    </row>
    <row r="847587" spans="14:14">
      <c r="N847587" s="10"/>
    </row>
    <row r="847588" spans="14:14">
      <c r="N847588" s="10"/>
    </row>
    <row r="847589" spans="14:14">
      <c r="N847589" s="10"/>
    </row>
    <row r="847590" spans="14:14">
      <c r="N847590" s="10"/>
    </row>
    <row r="847591" spans="14:14">
      <c r="N847591" s="10"/>
    </row>
    <row r="847592" spans="14:14">
      <c r="N847592" s="10"/>
    </row>
    <row r="847593" spans="14:14">
      <c r="N847593" s="10"/>
    </row>
    <row r="847594" spans="14:14">
      <c r="N847594" s="10"/>
    </row>
    <row r="847595" spans="14:14">
      <c r="N847595" s="10"/>
    </row>
    <row r="847596" spans="14:14">
      <c r="N847596" s="10"/>
    </row>
    <row r="847597" spans="14:14">
      <c r="N847597" s="10"/>
    </row>
    <row r="847598" spans="14:14">
      <c r="N847598" s="10"/>
    </row>
    <row r="847599" spans="14:14">
      <c r="N847599" s="10"/>
    </row>
    <row r="847600" spans="14:14">
      <c r="N847600" s="10"/>
    </row>
    <row r="847601" spans="14:14">
      <c r="N847601" s="10"/>
    </row>
    <row r="847602" spans="14:14">
      <c r="N847602" s="10"/>
    </row>
    <row r="847603" spans="14:14">
      <c r="N847603" s="10"/>
    </row>
    <row r="847604" spans="14:14">
      <c r="N847604" s="10"/>
    </row>
    <row r="847605" spans="14:14">
      <c r="N847605" s="10"/>
    </row>
    <row r="847606" spans="14:14">
      <c r="N847606" s="10"/>
    </row>
    <row r="847607" spans="14:14">
      <c r="N847607" s="10"/>
    </row>
    <row r="847608" spans="14:14">
      <c r="N847608" s="10"/>
    </row>
    <row r="847609" spans="14:14">
      <c r="N847609" s="10"/>
    </row>
    <row r="847610" spans="14:14">
      <c r="N847610" s="10"/>
    </row>
    <row r="847611" spans="14:14">
      <c r="N847611" s="10"/>
    </row>
    <row r="847612" spans="14:14">
      <c r="N847612" s="10"/>
    </row>
    <row r="847613" spans="14:14">
      <c r="N847613" s="10"/>
    </row>
    <row r="847614" spans="14:14">
      <c r="N847614" s="10"/>
    </row>
    <row r="847615" spans="14:14">
      <c r="N847615" s="10"/>
    </row>
    <row r="847616" spans="14:14">
      <c r="N847616" s="10"/>
    </row>
    <row r="847617" spans="14:14">
      <c r="N847617" s="10"/>
    </row>
    <row r="847618" spans="14:14">
      <c r="N847618" s="10"/>
    </row>
    <row r="847619" spans="14:14">
      <c r="N847619" s="10"/>
    </row>
    <row r="847620" spans="14:14">
      <c r="N847620" s="10"/>
    </row>
    <row r="847621" spans="14:14">
      <c r="N847621" s="10"/>
    </row>
    <row r="847622" spans="14:14">
      <c r="N847622" s="10"/>
    </row>
    <row r="847623" spans="14:14">
      <c r="N847623" s="10"/>
    </row>
    <row r="847624" spans="14:14">
      <c r="N847624" s="10"/>
    </row>
    <row r="847625" spans="14:14">
      <c r="N847625" s="10"/>
    </row>
    <row r="847626" spans="14:14">
      <c r="N847626" s="10"/>
    </row>
    <row r="847627" spans="14:14">
      <c r="N847627" s="10"/>
    </row>
    <row r="847628" spans="14:14">
      <c r="N847628" s="10"/>
    </row>
    <row r="847629" spans="14:14">
      <c r="N847629" s="10"/>
    </row>
    <row r="847630" spans="14:14">
      <c r="N847630" s="10"/>
    </row>
    <row r="847631" spans="14:14">
      <c r="N847631" s="10"/>
    </row>
    <row r="847632" spans="14:14">
      <c r="N847632" s="10"/>
    </row>
    <row r="847633" spans="14:14">
      <c r="N847633" s="10"/>
    </row>
    <row r="847634" spans="14:14">
      <c r="N847634" s="10"/>
    </row>
    <row r="847635" spans="14:14">
      <c r="N847635" s="10"/>
    </row>
    <row r="847636" spans="14:14">
      <c r="N847636" s="10"/>
    </row>
    <row r="847637" spans="14:14">
      <c r="N847637" s="10"/>
    </row>
    <row r="847638" spans="14:14">
      <c r="N847638" s="10"/>
    </row>
    <row r="847639" spans="14:14">
      <c r="N847639" s="10"/>
    </row>
    <row r="847640" spans="14:14">
      <c r="N847640" s="10"/>
    </row>
    <row r="847641" spans="14:14">
      <c r="N847641" s="10"/>
    </row>
    <row r="847642" spans="14:14">
      <c r="N847642" s="10"/>
    </row>
    <row r="847643" spans="14:14">
      <c r="N847643" s="10"/>
    </row>
    <row r="847644" spans="14:14">
      <c r="N847644" s="10"/>
    </row>
    <row r="847645" spans="14:14">
      <c r="N847645" s="10"/>
    </row>
    <row r="847646" spans="14:14">
      <c r="N847646" s="10"/>
    </row>
    <row r="847647" spans="14:14">
      <c r="N847647" s="10"/>
    </row>
    <row r="847648" spans="14:14">
      <c r="N847648" s="10"/>
    </row>
    <row r="847649" spans="14:14">
      <c r="N847649" s="10"/>
    </row>
    <row r="847650" spans="14:14">
      <c r="N847650" s="10"/>
    </row>
    <row r="847651" spans="14:14">
      <c r="N847651" s="10"/>
    </row>
    <row r="847652" spans="14:14">
      <c r="N847652" s="10"/>
    </row>
    <row r="847653" spans="14:14">
      <c r="N847653" s="10"/>
    </row>
    <row r="847654" spans="14:14">
      <c r="N847654" s="10"/>
    </row>
    <row r="847655" spans="14:14">
      <c r="N847655" s="10"/>
    </row>
    <row r="847656" spans="14:14">
      <c r="N847656" s="10"/>
    </row>
    <row r="847657" spans="14:14">
      <c r="N847657" s="10"/>
    </row>
    <row r="847658" spans="14:14">
      <c r="N847658" s="10"/>
    </row>
    <row r="847659" spans="14:14">
      <c r="N847659" s="10"/>
    </row>
    <row r="847660" spans="14:14">
      <c r="N847660" s="10"/>
    </row>
    <row r="847661" spans="14:14">
      <c r="N847661" s="10"/>
    </row>
    <row r="847662" spans="14:14">
      <c r="N847662" s="10"/>
    </row>
    <row r="847663" spans="14:14">
      <c r="N847663" s="10"/>
    </row>
    <row r="847664" spans="14:14">
      <c r="N847664" s="10"/>
    </row>
    <row r="847665" spans="14:14">
      <c r="N847665" s="10"/>
    </row>
    <row r="847666" spans="14:14">
      <c r="N847666" s="10"/>
    </row>
    <row r="847667" spans="14:14">
      <c r="N847667" s="10"/>
    </row>
    <row r="847668" spans="14:14">
      <c r="N847668" s="10"/>
    </row>
    <row r="847669" spans="14:14">
      <c r="N847669" s="10"/>
    </row>
    <row r="847670" spans="14:14">
      <c r="N847670" s="10"/>
    </row>
    <row r="847671" spans="14:14">
      <c r="N847671" s="10"/>
    </row>
    <row r="847672" spans="14:14">
      <c r="N847672" s="10"/>
    </row>
    <row r="847673" spans="14:14">
      <c r="N847673" s="10"/>
    </row>
    <row r="847674" spans="14:14">
      <c r="N847674" s="10"/>
    </row>
    <row r="847675" spans="14:14">
      <c r="N847675" s="10"/>
    </row>
    <row r="847676" spans="14:14">
      <c r="N847676" s="10"/>
    </row>
    <row r="847677" spans="14:14">
      <c r="N847677" s="10"/>
    </row>
    <row r="847678" spans="14:14">
      <c r="N847678" s="10"/>
    </row>
    <row r="847679" spans="14:14">
      <c r="N847679" s="10"/>
    </row>
    <row r="847680" spans="14:14">
      <c r="N847680" s="10"/>
    </row>
    <row r="847681" spans="14:14">
      <c r="N847681" s="10"/>
    </row>
    <row r="847682" spans="14:14">
      <c r="N847682" s="10"/>
    </row>
    <row r="847683" spans="14:14">
      <c r="N847683" s="10"/>
    </row>
    <row r="847684" spans="14:14">
      <c r="N847684" s="10"/>
    </row>
    <row r="847685" spans="14:14">
      <c r="N847685" s="10"/>
    </row>
    <row r="847686" spans="14:14">
      <c r="N847686" s="10"/>
    </row>
    <row r="847687" spans="14:14">
      <c r="N847687" s="10"/>
    </row>
    <row r="847688" spans="14:14">
      <c r="N847688" s="10"/>
    </row>
    <row r="847689" spans="14:14">
      <c r="N847689" s="10"/>
    </row>
    <row r="847690" spans="14:14">
      <c r="N847690" s="10"/>
    </row>
    <row r="847691" spans="14:14">
      <c r="N847691" s="10"/>
    </row>
    <row r="847692" spans="14:14">
      <c r="N847692" s="10"/>
    </row>
    <row r="847693" spans="14:14">
      <c r="N847693" s="10"/>
    </row>
    <row r="847694" spans="14:14">
      <c r="N847694" s="10"/>
    </row>
    <row r="847695" spans="14:14">
      <c r="N847695" s="10"/>
    </row>
    <row r="847696" spans="14:14">
      <c r="N847696" s="10"/>
    </row>
    <row r="847697" spans="14:14">
      <c r="N847697" s="10"/>
    </row>
    <row r="847698" spans="14:14">
      <c r="N847698" s="10"/>
    </row>
    <row r="847699" spans="14:14">
      <c r="N847699" s="10"/>
    </row>
    <row r="847700" spans="14:14">
      <c r="N847700" s="10"/>
    </row>
    <row r="847701" spans="14:14">
      <c r="N847701" s="10"/>
    </row>
    <row r="847702" spans="14:14">
      <c r="N847702" s="10"/>
    </row>
    <row r="847703" spans="14:14">
      <c r="N847703" s="10"/>
    </row>
    <row r="847704" spans="14:14">
      <c r="N847704" s="10"/>
    </row>
    <row r="847705" spans="14:14">
      <c r="N847705" s="10"/>
    </row>
    <row r="847706" spans="14:14">
      <c r="N847706" s="10"/>
    </row>
    <row r="847707" spans="14:14">
      <c r="N847707" s="10"/>
    </row>
    <row r="847708" spans="14:14">
      <c r="N847708" s="10"/>
    </row>
    <row r="847709" spans="14:14">
      <c r="N847709" s="10"/>
    </row>
    <row r="847710" spans="14:14">
      <c r="N847710" s="10"/>
    </row>
    <row r="847711" spans="14:14">
      <c r="N847711" s="10"/>
    </row>
    <row r="847712" spans="14:14">
      <c r="N847712" s="10"/>
    </row>
    <row r="847713" spans="14:14">
      <c r="N847713" s="10"/>
    </row>
    <row r="847714" spans="14:14">
      <c r="N847714" s="10"/>
    </row>
    <row r="847715" spans="14:14">
      <c r="N847715" s="10"/>
    </row>
    <row r="847716" spans="14:14">
      <c r="N847716" s="10"/>
    </row>
    <row r="847717" spans="14:14">
      <c r="N847717" s="10"/>
    </row>
    <row r="847718" spans="14:14">
      <c r="N847718" s="10"/>
    </row>
    <row r="847719" spans="14:14">
      <c r="N847719" s="10"/>
    </row>
    <row r="847720" spans="14:14">
      <c r="N847720" s="10"/>
    </row>
    <row r="847721" spans="14:14">
      <c r="N847721" s="10"/>
    </row>
    <row r="847722" spans="14:14">
      <c r="N847722" s="10"/>
    </row>
    <row r="847723" spans="14:14">
      <c r="N847723" s="10"/>
    </row>
    <row r="847724" spans="14:14">
      <c r="N847724" s="10"/>
    </row>
    <row r="847725" spans="14:14">
      <c r="N847725" s="10"/>
    </row>
    <row r="847726" spans="14:14">
      <c r="N847726" s="10"/>
    </row>
    <row r="847727" spans="14:14">
      <c r="N847727" s="10"/>
    </row>
    <row r="847728" spans="14:14">
      <c r="N847728" s="10"/>
    </row>
    <row r="847729" spans="14:14">
      <c r="N847729" s="10"/>
    </row>
    <row r="847730" spans="14:14">
      <c r="N847730" s="10"/>
    </row>
    <row r="847731" spans="14:14">
      <c r="N847731" s="10"/>
    </row>
    <row r="847732" spans="14:14">
      <c r="N847732" s="10"/>
    </row>
    <row r="847733" spans="14:14">
      <c r="N847733" s="10"/>
    </row>
    <row r="847734" spans="14:14">
      <c r="N847734" s="10"/>
    </row>
    <row r="847735" spans="14:14">
      <c r="N847735" s="10"/>
    </row>
    <row r="847736" spans="14:14">
      <c r="N847736" s="10"/>
    </row>
    <row r="847737" spans="14:14">
      <c r="N847737" s="10"/>
    </row>
    <row r="847738" spans="14:14">
      <c r="N847738" s="10"/>
    </row>
    <row r="847739" spans="14:14">
      <c r="N847739" s="10"/>
    </row>
    <row r="847740" spans="14:14">
      <c r="N847740" s="10"/>
    </row>
    <row r="847741" spans="14:14">
      <c r="N847741" s="10"/>
    </row>
    <row r="847742" spans="14:14">
      <c r="N847742" s="10"/>
    </row>
    <row r="847743" spans="14:14">
      <c r="N847743" s="10"/>
    </row>
    <row r="847744" spans="14:14">
      <c r="N847744" s="10"/>
    </row>
    <row r="847745" spans="14:14">
      <c r="N847745" s="10"/>
    </row>
    <row r="847746" spans="14:14">
      <c r="N847746" s="10"/>
    </row>
    <row r="847747" spans="14:14">
      <c r="N847747" s="10"/>
    </row>
    <row r="847748" spans="14:14">
      <c r="N847748" s="10"/>
    </row>
    <row r="847749" spans="14:14">
      <c r="N847749" s="10"/>
    </row>
    <row r="847750" spans="14:14">
      <c r="N847750" s="10"/>
    </row>
    <row r="847751" spans="14:14">
      <c r="N847751" s="10"/>
    </row>
    <row r="847752" spans="14:14">
      <c r="N847752" s="10"/>
    </row>
    <row r="847753" spans="14:14">
      <c r="N847753" s="10"/>
    </row>
    <row r="847754" spans="14:14">
      <c r="N847754" s="10"/>
    </row>
    <row r="847755" spans="14:14">
      <c r="N847755" s="10"/>
    </row>
    <row r="847756" spans="14:14">
      <c r="N847756" s="10"/>
    </row>
    <row r="847757" spans="14:14">
      <c r="N847757" s="10"/>
    </row>
    <row r="847758" spans="14:14">
      <c r="N847758" s="10"/>
    </row>
    <row r="847759" spans="14:14">
      <c r="N847759" s="10"/>
    </row>
    <row r="847760" spans="14:14">
      <c r="N847760" s="10"/>
    </row>
    <row r="847761" spans="14:14">
      <c r="N847761" s="10"/>
    </row>
    <row r="847762" spans="14:14">
      <c r="N847762" s="10"/>
    </row>
    <row r="847763" spans="14:14">
      <c r="N847763" s="10"/>
    </row>
    <row r="847764" spans="14:14">
      <c r="N847764" s="10"/>
    </row>
    <row r="847765" spans="14:14">
      <c r="N847765" s="10"/>
    </row>
    <row r="847766" spans="14:14">
      <c r="N847766" s="10"/>
    </row>
    <row r="847767" spans="14:14">
      <c r="N847767" s="10"/>
    </row>
    <row r="847768" spans="14:14">
      <c r="N847768" s="10"/>
    </row>
    <row r="847769" spans="14:14">
      <c r="N847769" s="10"/>
    </row>
    <row r="847770" spans="14:14">
      <c r="N847770" s="10"/>
    </row>
    <row r="847771" spans="14:14">
      <c r="N847771" s="10"/>
    </row>
    <row r="847772" spans="14:14">
      <c r="N847772" s="10"/>
    </row>
    <row r="847773" spans="14:14">
      <c r="N847773" s="10"/>
    </row>
    <row r="847774" spans="14:14">
      <c r="N847774" s="10"/>
    </row>
    <row r="847775" spans="14:14">
      <c r="N847775" s="10"/>
    </row>
    <row r="847776" spans="14:14">
      <c r="N847776" s="10"/>
    </row>
    <row r="847777" spans="14:14">
      <c r="N847777" s="10"/>
    </row>
    <row r="847778" spans="14:14">
      <c r="N847778" s="10"/>
    </row>
    <row r="847779" spans="14:14">
      <c r="N847779" s="10"/>
    </row>
    <row r="847780" spans="14:14">
      <c r="N847780" s="10"/>
    </row>
    <row r="847781" spans="14:14">
      <c r="N847781" s="10"/>
    </row>
    <row r="847782" spans="14:14">
      <c r="N847782" s="10"/>
    </row>
    <row r="847783" spans="14:14">
      <c r="N847783" s="10"/>
    </row>
    <row r="847784" spans="14:14">
      <c r="N847784" s="10"/>
    </row>
    <row r="847785" spans="14:14">
      <c r="N847785" s="10"/>
    </row>
    <row r="847786" spans="14:14">
      <c r="N847786" s="10"/>
    </row>
    <row r="847787" spans="14:14">
      <c r="N847787" s="10"/>
    </row>
    <row r="847788" spans="14:14">
      <c r="N847788" s="10"/>
    </row>
    <row r="847789" spans="14:14">
      <c r="N847789" s="10"/>
    </row>
    <row r="847790" spans="14:14">
      <c r="N847790" s="10"/>
    </row>
    <row r="847791" spans="14:14">
      <c r="N847791" s="10"/>
    </row>
    <row r="847792" spans="14:14">
      <c r="N847792" s="10"/>
    </row>
    <row r="847793" spans="14:14">
      <c r="N847793" s="10"/>
    </row>
    <row r="847794" spans="14:14">
      <c r="N847794" s="10"/>
    </row>
    <row r="847795" spans="14:14">
      <c r="N847795" s="10"/>
    </row>
    <row r="847796" spans="14:14">
      <c r="N847796" s="10"/>
    </row>
    <row r="847797" spans="14:14">
      <c r="N847797" s="10"/>
    </row>
    <row r="847798" spans="14:14">
      <c r="N847798" s="10"/>
    </row>
    <row r="847799" spans="14:14">
      <c r="N847799" s="10"/>
    </row>
    <row r="847800" spans="14:14">
      <c r="N847800" s="10"/>
    </row>
    <row r="847801" spans="14:14">
      <c r="N847801" s="10"/>
    </row>
    <row r="847802" spans="14:14">
      <c r="N847802" s="10"/>
    </row>
    <row r="847803" spans="14:14">
      <c r="N847803" s="10"/>
    </row>
    <row r="847804" spans="14:14">
      <c r="N847804" s="10"/>
    </row>
    <row r="847805" spans="14:14">
      <c r="N847805" s="10"/>
    </row>
    <row r="847806" spans="14:14">
      <c r="N847806" s="10"/>
    </row>
    <row r="847807" spans="14:14">
      <c r="N847807" s="10"/>
    </row>
    <row r="847808" spans="14:14">
      <c r="N847808" s="10"/>
    </row>
    <row r="847809" spans="14:14">
      <c r="N847809" s="10"/>
    </row>
    <row r="847810" spans="14:14">
      <c r="N847810" s="10"/>
    </row>
    <row r="847811" spans="14:14">
      <c r="N847811" s="10"/>
    </row>
    <row r="847812" spans="14:14">
      <c r="N847812" s="10"/>
    </row>
    <row r="847813" spans="14:14">
      <c r="N847813" s="10"/>
    </row>
    <row r="847814" spans="14:14">
      <c r="N847814" s="10"/>
    </row>
    <row r="847815" spans="14:14">
      <c r="N847815" s="10"/>
    </row>
    <row r="847816" spans="14:14">
      <c r="N847816" s="10"/>
    </row>
    <row r="847817" spans="14:14">
      <c r="N847817" s="10"/>
    </row>
    <row r="847818" spans="14:14">
      <c r="N847818" s="10"/>
    </row>
    <row r="847819" spans="14:14">
      <c r="N847819" s="10"/>
    </row>
    <row r="847820" spans="14:14">
      <c r="N847820" s="10"/>
    </row>
    <row r="847821" spans="14:14">
      <c r="N847821" s="10"/>
    </row>
    <row r="847822" spans="14:14">
      <c r="N847822" s="10"/>
    </row>
    <row r="847823" spans="14:14">
      <c r="N847823" s="10"/>
    </row>
    <row r="847824" spans="14:14">
      <c r="N847824" s="10"/>
    </row>
    <row r="847825" spans="14:14">
      <c r="N847825" s="10"/>
    </row>
    <row r="847826" spans="14:14">
      <c r="N847826" s="10"/>
    </row>
    <row r="847827" spans="14:14">
      <c r="N847827" s="10"/>
    </row>
    <row r="847828" spans="14:14">
      <c r="N847828" s="10"/>
    </row>
    <row r="847829" spans="14:14">
      <c r="N847829" s="10"/>
    </row>
    <row r="847830" spans="14:14">
      <c r="N847830" s="10"/>
    </row>
    <row r="847831" spans="14:14">
      <c r="N847831" s="10"/>
    </row>
    <row r="847832" spans="14:14">
      <c r="N847832" s="10"/>
    </row>
    <row r="847833" spans="14:14">
      <c r="N847833" s="10"/>
    </row>
    <row r="847834" spans="14:14">
      <c r="N847834" s="10"/>
    </row>
    <row r="847835" spans="14:14">
      <c r="N847835" s="10"/>
    </row>
    <row r="847836" spans="14:14">
      <c r="N847836" s="10"/>
    </row>
    <row r="847837" spans="14:14">
      <c r="N847837" s="10"/>
    </row>
    <row r="847838" spans="14:14">
      <c r="N847838" s="10"/>
    </row>
    <row r="847839" spans="14:14">
      <c r="N847839" s="10"/>
    </row>
    <row r="847840" spans="14:14">
      <c r="N847840" s="10"/>
    </row>
    <row r="847841" spans="14:14">
      <c r="N847841" s="10"/>
    </row>
    <row r="847842" spans="14:14">
      <c r="N847842" s="10"/>
    </row>
    <row r="847843" spans="14:14">
      <c r="N847843" s="10"/>
    </row>
    <row r="847844" spans="14:14">
      <c r="N847844" s="10"/>
    </row>
    <row r="847845" spans="14:14">
      <c r="N847845" s="10"/>
    </row>
    <row r="847846" spans="14:14">
      <c r="N847846" s="10"/>
    </row>
    <row r="847847" spans="14:14">
      <c r="N847847" s="10"/>
    </row>
    <row r="847848" spans="14:14">
      <c r="N847848" s="10"/>
    </row>
    <row r="847849" spans="14:14">
      <c r="N847849" s="10"/>
    </row>
    <row r="847850" spans="14:14">
      <c r="N847850" s="10"/>
    </row>
    <row r="847851" spans="14:14">
      <c r="N847851" s="10"/>
    </row>
    <row r="847852" spans="14:14">
      <c r="N847852" s="10"/>
    </row>
    <row r="847853" spans="14:14">
      <c r="N847853" s="10"/>
    </row>
    <row r="847854" spans="14:14">
      <c r="N847854" s="10"/>
    </row>
    <row r="847855" spans="14:14">
      <c r="N847855" s="10"/>
    </row>
    <row r="847856" spans="14:14">
      <c r="N847856" s="10"/>
    </row>
    <row r="847857" spans="14:14">
      <c r="N847857" s="10"/>
    </row>
    <row r="847858" spans="14:14">
      <c r="N847858" s="10"/>
    </row>
    <row r="847859" spans="14:14">
      <c r="N847859" s="10"/>
    </row>
    <row r="847860" spans="14:14">
      <c r="N847860" s="10"/>
    </row>
    <row r="847861" spans="14:14">
      <c r="N847861" s="10"/>
    </row>
    <row r="847862" spans="14:14">
      <c r="N847862" s="10"/>
    </row>
    <row r="847863" spans="14:14">
      <c r="N847863" s="10"/>
    </row>
    <row r="847864" spans="14:14">
      <c r="N847864" s="10"/>
    </row>
    <row r="847865" spans="14:14">
      <c r="N847865" s="10"/>
    </row>
    <row r="847866" spans="14:14">
      <c r="N847866" s="10"/>
    </row>
    <row r="847867" spans="14:14">
      <c r="N847867" s="10"/>
    </row>
    <row r="847868" spans="14:14">
      <c r="N847868" s="10"/>
    </row>
    <row r="847869" spans="14:14">
      <c r="N847869" s="10"/>
    </row>
    <row r="847870" spans="14:14">
      <c r="N847870" s="10"/>
    </row>
    <row r="847871" spans="14:14">
      <c r="N847871" s="10"/>
    </row>
    <row r="847872" spans="14:14">
      <c r="N847872" s="10"/>
    </row>
    <row r="847873" spans="14:14">
      <c r="N847873" s="10"/>
    </row>
    <row r="847874" spans="14:14">
      <c r="N847874" s="10"/>
    </row>
    <row r="847875" spans="14:14">
      <c r="N847875" s="10"/>
    </row>
    <row r="847876" spans="14:14">
      <c r="N847876" s="10"/>
    </row>
    <row r="847877" spans="14:14">
      <c r="N847877" s="10"/>
    </row>
    <row r="847878" spans="14:14">
      <c r="N847878" s="10"/>
    </row>
    <row r="847879" spans="14:14">
      <c r="N847879" s="10"/>
    </row>
    <row r="847880" spans="14:14">
      <c r="N847880" s="10"/>
    </row>
    <row r="847881" spans="14:14">
      <c r="N847881" s="10"/>
    </row>
    <row r="847882" spans="14:14">
      <c r="N847882" s="10"/>
    </row>
    <row r="847883" spans="14:14">
      <c r="N847883" s="10"/>
    </row>
    <row r="847884" spans="14:14">
      <c r="N847884" s="10"/>
    </row>
    <row r="847885" spans="14:14">
      <c r="N847885" s="10"/>
    </row>
    <row r="847886" spans="14:14">
      <c r="N847886" s="10"/>
    </row>
    <row r="847887" spans="14:14">
      <c r="N847887" s="10"/>
    </row>
    <row r="847888" spans="14:14">
      <c r="N847888" s="10"/>
    </row>
    <row r="847889" spans="14:14">
      <c r="N847889" s="10"/>
    </row>
    <row r="847890" spans="14:14">
      <c r="N847890" s="10"/>
    </row>
    <row r="847891" spans="14:14">
      <c r="N847891" s="10"/>
    </row>
    <row r="847892" spans="14:14">
      <c r="N847892" s="10"/>
    </row>
    <row r="847893" spans="14:14">
      <c r="N847893" s="10"/>
    </row>
    <row r="847894" spans="14:14">
      <c r="N847894" s="10"/>
    </row>
    <row r="847895" spans="14:14">
      <c r="N847895" s="10"/>
    </row>
    <row r="847896" spans="14:14">
      <c r="N847896" s="10"/>
    </row>
    <row r="847897" spans="14:14">
      <c r="N847897" s="10"/>
    </row>
    <row r="847898" spans="14:14">
      <c r="N847898" s="10"/>
    </row>
    <row r="847899" spans="14:14">
      <c r="N847899" s="10"/>
    </row>
    <row r="847900" spans="14:14">
      <c r="N847900" s="10"/>
    </row>
    <row r="847901" spans="14:14">
      <c r="N847901" s="10"/>
    </row>
    <row r="847902" spans="14:14">
      <c r="N847902" s="10"/>
    </row>
    <row r="847903" spans="14:14">
      <c r="N847903" s="10"/>
    </row>
    <row r="847904" spans="14:14">
      <c r="N847904" s="10"/>
    </row>
    <row r="847905" spans="14:14">
      <c r="N847905" s="10"/>
    </row>
    <row r="847906" spans="14:14">
      <c r="N847906" s="10"/>
    </row>
    <row r="847907" spans="14:14">
      <c r="N847907" s="10"/>
    </row>
    <row r="847908" spans="14:14">
      <c r="N847908" s="10"/>
    </row>
    <row r="847909" spans="14:14">
      <c r="N847909" s="10"/>
    </row>
    <row r="847910" spans="14:14">
      <c r="N847910" s="10"/>
    </row>
    <row r="847911" spans="14:14">
      <c r="N847911" s="10"/>
    </row>
    <row r="847912" spans="14:14">
      <c r="N847912" s="10"/>
    </row>
    <row r="847913" spans="14:14">
      <c r="N847913" s="10"/>
    </row>
    <row r="847914" spans="14:14">
      <c r="N847914" s="10"/>
    </row>
    <row r="847915" spans="14:14">
      <c r="N847915" s="10"/>
    </row>
    <row r="847916" spans="14:14">
      <c r="N847916" s="10"/>
    </row>
    <row r="847917" spans="14:14">
      <c r="N847917" s="10"/>
    </row>
    <row r="847918" spans="14:14">
      <c r="N847918" s="10"/>
    </row>
    <row r="847919" spans="14:14">
      <c r="N847919" s="10"/>
    </row>
    <row r="847920" spans="14:14">
      <c r="N847920" s="10"/>
    </row>
    <row r="847921" spans="14:14">
      <c r="N847921" s="10"/>
    </row>
    <row r="847922" spans="14:14">
      <c r="N847922" s="10"/>
    </row>
    <row r="847923" spans="14:14">
      <c r="N847923" s="10"/>
    </row>
    <row r="847924" spans="14:14">
      <c r="N847924" s="10"/>
    </row>
    <row r="847925" spans="14:14">
      <c r="N847925" s="10"/>
    </row>
    <row r="847926" spans="14:14">
      <c r="N847926" s="10"/>
    </row>
    <row r="847927" spans="14:14">
      <c r="N847927" s="10"/>
    </row>
    <row r="847928" spans="14:14">
      <c r="N847928" s="10"/>
    </row>
    <row r="847929" spans="14:14">
      <c r="N847929" s="10"/>
    </row>
    <row r="847930" spans="14:14">
      <c r="N847930" s="10"/>
    </row>
    <row r="847931" spans="14:14">
      <c r="N847931" s="10"/>
    </row>
    <row r="847932" spans="14:14">
      <c r="N847932" s="10"/>
    </row>
    <row r="847933" spans="14:14">
      <c r="N847933" s="10"/>
    </row>
    <row r="847934" spans="14:14">
      <c r="N847934" s="10"/>
    </row>
    <row r="847935" spans="14:14">
      <c r="N847935" s="10"/>
    </row>
    <row r="847936" spans="14:14">
      <c r="N847936" s="10"/>
    </row>
    <row r="847937" spans="14:14">
      <c r="N847937" s="10"/>
    </row>
    <row r="847938" spans="14:14">
      <c r="N847938" s="10"/>
    </row>
    <row r="847939" spans="14:14">
      <c r="N847939" s="10"/>
    </row>
    <row r="847940" spans="14:14">
      <c r="N847940" s="10"/>
    </row>
    <row r="847941" spans="14:14">
      <c r="N847941" s="10"/>
    </row>
    <row r="847942" spans="14:14">
      <c r="N847942" s="10"/>
    </row>
    <row r="847943" spans="14:14">
      <c r="N847943" s="10"/>
    </row>
    <row r="847944" spans="14:14">
      <c r="N847944" s="10"/>
    </row>
    <row r="847945" spans="14:14">
      <c r="N847945" s="10"/>
    </row>
    <row r="847946" spans="14:14">
      <c r="N847946" s="10"/>
    </row>
    <row r="847947" spans="14:14">
      <c r="N847947" s="10"/>
    </row>
    <row r="847948" spans="14:14">
      <c r="N847948" s="10"/>
    </row>
    <row r="847949" spans="14:14">
      <c r="N847949" s="10"/>
    </row>
    <row r="847950" spans="14:14">
      <c r="N847950" s="10"/>
    </row>
    <row r="847951" spans="14:14">
      <c r="N847951" s="10"/>
    </row>
    <row r="847952" spans="14:14">
      <c r="N847952" s="10"/>
    </row>
    <row r="847953" spans="14:14">
      <c r="N847953" s="10"/>
    </row>
    <row r="847954" spans="14:14">
      <c r="N847954" s="10"/>
    </row>
    <row r="847955" spans="14:14">
      <c r="N847955" s="10"/>
    </row>
    <row r="847956" spans="14:14">
      <c r="N847956" s="10"/>
    </row>
    <row r="847957" spans="14:14">
      <c r="N847957" s="10"/>
    </row>
    <row r="847958" spans="14:14">
      <c r="N847958" s="10"/>
    </row>
    <row r="847959" spans="14:14">
      <c r="N847959" s="10"/>
    </row>
    <row r="847960" spans="14:14">
      <c r="N847960" s="10"/>
    </row>
    <row r="847961" spans="14:14">
      <c r="N847961" s="10"/>
    </row>
    <row r="847962" spans="14:14">
      <c r="N847962" s="10"/>
    </row>
    <row r="847963" spans="14:14">
      <c r="N847963" s="10"/>
    </row>
    <row r="847964" spans="14:14">
      <c r="N847964" s="10"/>
    </row>
    <row r="847965" spans="14:14">
      <c r="N847965" s="10"/>
    </row>
    <row r="847966" spans="14:14">
      <c r="N847966" s="10"/>
    </row>
    <row r="847967" spans="14:14">
      <c r="N847967" s="10"/>
    </row>
    <row r="847968" spans="14:14">
      <c r="N847968" s="10"/>
    </row>
    <row r="847969" spans="14:14">
      <c r="N847969" s="10"/>
    </row>
    <row r="847970" spans="14:14">
      <c r="N847970" s="10"/>
    </row>
    <row r="847971" spans="14:14">
      <c r="N847971" s="10"/>
    </row>
    <row r="847972" spans="14:14">
      <c r="N847972" s="10"/>
    </row>
    <row r="847973" spans="14:14">
      <c r="N847973" s="10"/>
    </row>
    <row r="847974" spans="14:14">
      <c r="N847974" s="10"/>
    </row>
    <row r="847975" spans="14:14">
      <c r="N847975" s="10"/>
    </row>
    <row r="847976" spans="14:14">
      <c r="N847976" s="10"/>
    </row>
    <row r="847977" spans="14:14">
      <c r="N847977" s="10"/>
    </row>
    <row r="847978" spans="14:14">
      <c r="N847978" s="10"/>
    </row>
    <row r="847979" spans="14:14">
      <c r="N847979" s="10"/>
    </row>
    <row r="847980" spans="14:14">
      <c r="N847980" s="10"/>
    </row>
    <row r="847981" spans="14:14">
      <c r="N847981" s="10"/>
    </row>
    <row r="847982" spans="14:14">
      <c r="N847982" s="10"/>
    </row>
    <row r="847983" spans="14:14">
      <c r="N847983" s="10"/>
    </row>
    <row r="847984" spans="14:14">
      <c r="N847984" s="10"/>
    </row>
    <row r="847985" spans="14:14">
      <c r="N847985" s="10"/>
    </row>
    <row r="847986" spans="14:14">
      <c r="N847986" s="10"/>
    </row>
    <row r="847987" spans="14:14">
      <c r="N847987" s="10"/>
    </row>
    <row r="847988" spans="14:14">
      <c r="N847988" s="10"/>
    </row>
    <row r="847989" spans="14:14">
      <c r="N847989" s="10"/>
    </row>
    <row r="847990" spans="14:14">
      <c r="N847990" s="10"/>
    </row>
    <row r="847991" spans="14:14">
      <c r="N847991" s="10"/>
    </row>
    <row r="847992" spans="14:14">
      <c r="N847992" s="10"/>
    </row>
    <row r="847993" spans="14:14">
      <c r="N847993" s="10"/>
    </row>
    <row r="847994" spans="14:14">
      <c r="N847994" s="10"/>
    </row>
    <row r="847995" spans="14:14">
      <c r="N847995" s="10"/>
    </row>
    <row r="847996" spans="14:14">
      <c r="N847996" s="10"/>
    </row>
    <row r="847997" spans="14:14">
      <c r="N847997" s="10"/>
    </row>
    <row r="847998" spans="14:14">
      <c r="N847998" s="10"/>
    </row>
    <row r="847999" spans="14:14">
      <c r="N847999" s="10"/>
    </row>
    <row r="848000" spans="14:14">
      <c r="N848000" s="10"/>
    </row>
    <row r="848001" spans="14:14">
      <c r="N848001" s="10"/>
    </row>
    <row r="848002" spans="14:14">
      <c r="N848002" s="10"/>
    </row>
    <row r="848003" spans="14:14">
      <c r="N848003" s="10"/>
    </row>
    <row r="848004" spans="14:14">
      <c r="N848004" s="10"/>
    </row>
    <row r="848005" spans="14:14">
      <c r="N848005" s="10"/>
    </row>
    <row r="848006" spans="14:14">
      <c r="N848006" s="10"/>
    </row>
    <row r="848007" spans="14:14">
      <c r="N848007" s="10"/>
    </row>
    <row r="848008" spans="14:14">
      <c r="N848008" s="10"/>
    </row>
    <row r="848009" spans="14:14">
      <c r="N848009" s="10"/>
    </row>
    <row r="848010" spans="14:14">
      <c r="N848010" s="10"/>
    </row>
    <row r="848011" spans="14:14">
      <c r="N848011" s="10"/>
    </row>
    <row r="848012" spans="14:14">
      <c r="N848012" s="10"/>
    </row>
    <row r="848013" spans="14:14">
      <c r="N848013" s="10"/>
    </row>
    <row r="848014" spans="14:14">
      <c r="N848014" s="10"/>
    </row>
    <row r="848015" spans="14:14">
      <c r="N848015" s="10"/>
    </row>
    <row r="848016" spans="14:14">
      <c r="N848016" s="10"/>
    </row>
    <row r="848017" spans="14:14">
      <c r="N848017" s="10"/>
    </row>
    <row r="848018" spans="14:14">
      <c r="N848018" s="10"/>
    </row>
    <row r="848019" spans="14:14">
      <c r="N848019" s="10"/>
    </row>
    <row r="848020" spans="14:14">
      <c r="N848020" s="10"/>
    </row>
    <row r="848021" spans="14:14">
      <c r="N848021" s="10"/>
    </row>
    <row r="848022" spans="14:14">
      <c r="N848022" s="10"/>
    </row>
    <row r="848023" spans="14:14">
      <c r="N848023" s="10"/>
    </row>
    <row r="848024" spans="14:14">
      <c r="N848024" s="10"/>
    </row>
    <row r="848025" spans="14:14">
      <c r="N848025" s="10"/>
    </row>
    <row r="848026" spans="14:14">
      <c r="N848026" s="10"/>
    </row>
    <row r="848027" spans="14:14">
      <c r="N848027" s="10"/>
    </row>
    <row r="848028" spans="14:14">
      <c r="N848028" s="10"/>
    </row>
    <row r="848029" spans="14:14">
      <c r="N848029" s="10"/>
    </row>
    <row r="848030" spans="14:14">
      <c r="N848030" s="10"/>
    </row>
    <row r="848031" spans="14:14">
      <c r="N848031" s="10"/>
    </row>
    <row r="848032" spans="14:14">
      <c r="N848032" s="10"/>
    </row>
    <row r="848033" spans="14:14">
      <c r="N848033" s="10"/>
    </row>
    <row r="848034" spans="14:14">
      <c r="N848034" s="10"/>
    </row>
    <row r="848035" spans="14:14">
      <c r="N848035" s="10"/>
    </row>
    <row r="848036" spans="14:14">
      <c r="N848036" s="10"/>
    </row>
    <row r="848037" spans="14:14">
      <c r="N848037" s="10"/>
    </row>
    <row r="848038" spans="14:14">
      <c r="N848038" s="10"/>
    </row>
    <row r="848039" spans="14:14">
      <c r="N848039" s="10"/>
    </row>
    <row r="848040" spans="14:14">
      <c r="N848040" s="10"/>
    </row>
    <row r="848041" spans="14:14">
      <c r="N848041" s="10"/>
    </row>
    <row r="848042" spans="14:14">
      <c r="N848042" s="10"/>
    </row>
    <row r="848043" spans="14:14">
      <c r="N848043" s="10"/>
    </row>
    <row r="848044" spans="14:14">
      <c r="N848044" s="10"/>
    </row>
    <row r="848045" spans="14:14">
      <c r="N848045" s="10"/>
    </row>
    <row r="848046" spans="14:14">
      <c r="N848046" s="10"/>
    </row>
    <row r="848047" spans="14:14">
      <c r="N848047" s="10"/>
    </row>
    <row r="848048" spans="14:14">
      <c r="N848048" s="10"/>
    </row>
    <row r="848049" spans="14:14">
      <c r="N848049" s="10"/>
    </row>
    <row r="848050" spans="14:14">
      <c r="N848050" s="10"/>
    </row>
    <row r="848051" spans="14:14">
      <c r="N848051" s="10"/>
    </row>
    <row r="848052" spans="14:14">
      <c r="N848052" s="10"/>
    </row>
    <row r="848053" spans="14:14">
      <c r="N848053" s="10"/>
    </row>
    <row r="848054" spans="14:14">
      <c r="N848054" s="10"/>
    </row>
    <row r="848055" spans="14:14">
      <c r="N848055" s="10"/>
    </row>
    <row r="848056" spans="14:14">
      <c r="N848056" s="10"/>
    </row>
    <row r="848057" spans="14:14">
      <c r="N848057" s="10"/>
    </row>
    <row r="848058" spans="14:14">
      <c r="N848058" s="10"/>
    </row>
    <row r="848059" spans="14:14">
      <c r="N848059" s="10"/>
    </row>
    <row r="848060" spans="14:14">
      <c r="N848060" s="10"/>
    </row>
    <row r="848061" spans="14:14">
      <c r="N848061" s="10"/>
    </row>
    <row r="848062" spans="14:14">
      <c r="N848062" s="10"/>
    </row>
    <row r="848063" spans="14:14">
      <c r="N848063" s="10"/>
    </row>
    <row r="848064" spans="14:14">
      <c r="N848064" s="10"/>
    </row>
    <row r="848065" spans="14:14">
      <c r="N848065" s="10"/>
    </row>
    <row r="848066" spans="14:14">
      <c r="N848066" s="10"/>
    </row>
    <row r="848067" spans="14:14">
      <c r="N848067" s="10"/>
    </row>
    <row r="848068" spans="14:14">
      <c r="N848068" s="10"/>
    </row>
    <row r="848069" spans="14:14">
      <c r="N848069" s="10"/>
    </row>
    <row r="848070" spans="14:14">
      <c r="N848070" s="10"/>
    </row>
    <row r="848071" spans="14:14">
      <c r="N848071" s="10"/>
    </row>
    <row r="848072" spans="14:14">
      <c r="N848072" s="10"/>
    </row>
    <row r="848073" spans="14:14">
      <c r="N848073" s="10"/>
    </row>
    <row r="848074" spans="14:14">
      <c r="N848074" s="10"/>
    </row>
    <row r="848075" spans="14:14">
      <c r="N848075" s="10"/>
    </row>
    <row r="848076" spans="14:14">
      <c r="N848076" s="10"/>
    </row>
    <row r="848077" spans="14:14">
      <c r="N848077" s="10"/>
    </row>
    <row r="848078" spans="14:14">
      <c r="N848078" s="10"/>
    </row>
    <row r="848079" spans="14:14">
      <c r="N848079" s="10"/>
    </row>
    <row r="848080" spans="14:14">
      <c r="N848080" s="10"/>
    </row>
    <row r="848081" spans="14:14">
      <c r="N848081" s="10"/>
    </row>
    <row r="848082" spans="14:14">
      <c r="N848082" s="10"/>
    </row>
    <row r="848083" spans="14:14">
      <c r="N848083" s="10"/>
    </row>
    <row r="848084" spans="14:14">
      <c r="N848084" s="10"/>
    </row>
    <row r="848085" spans="14:14">
      <c r="N848085" s="10"/>
    </row>
    <row r="848086" spans="14:14">
      <c r="N848086" s="10"/>
    </row>
    <row r="848087" spans="14:14">
      <c r="N848087" s="10"/>
    </row>
    <row r="848088" spans="14:14">
      <c r="N848088" s="10"/>
    </row>
    <row r="848089" spans="14:14">
      <c r="N848089" s="10"/>
    </row>
    <row r="848090" spans="14:14">
      <c r="N848090" s="10"/>
    </row>
    <row r="848091" spans="14:14">
      <c r="N848091" s="10"/>
    </row>
    <row r="848092" spans="14:14">
      <c r="N848092" s="10"/>
    </row>
    <row r="848093" spans="14:14">
      <c r="N848093" s="10"/>
    </row>
    <row r="848094" spans="14:14">
      <c r="N848094" s="10"/>
    </row>
    <row r="848095" spans="14:14">
      <c r="N848095" s="10"/>
    </row>
    <row r="848096" spans="14:14">
      <c r="N848096" s="10"/>
    </row>
    <row r="848097" spans="14:14">
      <c r="N848097" s="10"/>
    </row>
    <row r="848098" spans="14:14">
      <c r="N848098" s="10"/>
    </row>
    <row r="848099" spans="14:14">
      <c r="N848099" s="10"/>
    </row>
    <row r="848100" spans="14:14">
      <c r="N848100" s="10"/>
    </row>
    <row r="848101" spans="14:14">
      <c r="N848101" s="10"/>
    </row>
    <row r="848102" spans="14:14">
      <c r="N848102" s="10"/>
    </row>
    <row r="848103" spans="14:14">
      <c r="N848103" s="10"/>
    </row>
    <row r="848104" spans="14:14">
      <c r="N848104" s="10"/>
    </row>
    <row r="848105" spans="14:14">
      <c r="N848105" s="10"/>
    </row>
    <row r="848106" spans="14:14">
      <c r="N848106" s="10"/>
    </row>
    <row r="848107" spans="14:14">
      <c r="N848107" s="10"/>
    </row>
    <row r="848108" spans="14:14">
      <c r="N848108" s="10"/>
    </row>
    <row r="848109" spans="14:14">
      <c r="N848109" s="10"/>
    </row>
    <row r="848110" spans="14:14">
      <c r="N848110" s="10"/>
    </row>
    <row r="848111" spans="14:14">
      <c r="N848111" s="10"/>
    </row>
    <row r="848112" spans="14:14">
      <c r="N848112" s="10"/>
    </row>
    <row r="848113" spans="14:14">
      <c r="N848113" s="10"/>
    </row>
    <row r="848114" spans="14:14">
      <c r="N848114" s="10"/>
    </row>
    <row r="848115" spans="14:14">
      <c r="N848115" s="10"/>
    </row>
    <row r="848116" spans="14:14">
      <c r="N848116" s="10"/>
    </row>
    <row r="848117" spans="14:14">
      <c r="N848117" s="10"/>
    </row>
    <row r="848118" spans="14:14">
      <c r="N848118" s="10"/>
    </row>
    <row r="848119" spans="14:14">
      <c r="N848119" s="10"/>
    </row>
    <row r="848120" spans="14:14">
      <c r="N848120" s="10"/>
    </row>
    <row r="848121" spans="14:14">
      <c r="N848121" s="10"/>
    </row>
    <row r="848122" spans="14:14">
      <c r="N848122" s="10"/>
    </row>
    <row r="848123" spans="14:14">
      <c r="N848123" s="10"/>
    </row>
    <row r="848124" spans="14:14">
      <c r="N848124" s="10"/>
    </row>
    <row r="848125" spans="14:14">
      <c r="N848125" s="10"/>
    </row>
    <row r="848126" spans="14:14">
      <c r="N848126" s="10"/>
    </row>
    <row r="848127" spans="14:14">
      <c r="N848127" s="10"/>
    </row>
    <row r="848128" spans="14:14">
      <c r="N848128" s="10"/>
    </row>
    <row r="848129" spans="14:14">
      <c r="N848129" s="10"/>
    </row>
    <row r="848130" spans="14:14">
      <c r="N848130" s="10"/>
    </row>
    <row r="848131" spans="14:14">
      <c r="N848131" s="10"/>
    </row>
    <row r="848132" spans="14:14">
      <c r="N848132" s="10"/>
    </row>
    <row r="848133" spans="14:14">
      <c r="N848133" s="10"/>
    </row>
    <row r="848134" spans="14:14">
      <c r="N848134" s="10"/>
    </row>
    <row r="848135" spans="14:14">
      <c r="N848135" s="10"/>
    </row>
    <row r="848136" spans="14:14">
      <c r="N848136" s="10"/>
    </row>
    <row r="848137" spans="14:14">
      <c r="N848137" s="10"/>
    </row>
    <row r="848138" spans="14:14">
      <c r="N848138" s="10"/>
    </row>
    <row r="848139" spans="14:14">
      <c r="N848139" s="10"/>
    </row>
    <row r="848140" spans="14:14">
      <c r="N848140" s="10"/>
    </row>
    <row r="848141" spans="14:14">
      <c r="N848141" s="10"/>
    </row>
    <row r="848142" spans="14:14">
      <c r="N848142" s="10"/>
    </row>
    <row r="848143" spans="14:14">
      <c r="N848143" s="10"/>
    </row>
    <row r="848144" spans="14:14">
      <c r="N848144" s="10"/>
    </row>
    <row r="848145" spans="14:14">
      <c r="N848145" s="10"/>
    </row>
    <row r="848146" spans="14:14">
      <c r="N848146" s="10"/>
    </row>
    <row r="848147" spans="14:14">
      <c r="N848147" s="10"/>
    </row>
    <row r="848148" spans="14:14">
      <c r="N848148" s="10"/>
    </row>
    <row r="848149" spans="14:14">
      <c r="N848149" s="10"/>
    </row>
    <row r="848150" spans="14:14">
      <c r="N848150" s="10"/>
    </row>
    <row r="848151" spans="14:14">
      <c r="N848151" s="10"/>
    </row>
    <row r="848152" spans="14:14">
      <c r="N848152" s="10"/>
    </row>
    <row r="848153" spans="14:14">
      <c r="N848153" s="10"/>
    </row>
    <row r="848154" spans="14:14">
      <c r="N848154" s="10"/>
    </row>
    <row r="848155" spans="14:14">
      <c r="N848155" s="10"/>
    </row>
    <row r="848156" spans="14:14">
      <c r="N848156" s="10"/>
    </row>
    <row r="848157" spans="14:14">
      <c r="N848157" s="10"/>
    </row>
    <row r="848158" spans="14:14">
      <c r="N848158" s="10"/>
    </row>
    <row r="848159" spans="14:14">
      <c r="N848159" s="10"/>
    </row>
    <row r="848160" spans="14:14">
      <c r="N848160" s="10"/>
    </row>
    <row r="848161" spans="14:14">
      <c r="N848161" s="10"/>
    </row>
    <row r="848162" spans="14:14">
      <c r="N848162" s="10"/>
    </row>
    <row r="848163" spans="14:14">
      <c r="N848163" s="10"/>
    </row>
    <row r="848164" spans="14:14">
      <c r="N848164" s="10"/>
    </row>
    <row r="848165" spans="14:14">
      <c r="N848165" s="10"/>
    </row>
    <row r="848166" spans="14:14">
      <c r="N848166" s="10"/>
    </row>
    <row r="848167" spans="14:14">
      <c r="N848167" s="10"/>
    </row>
    <row r="848168" spans="14:14">
      <c r="N848168" s="10"/>
    </row>
    <row r="848169" spans="14:14">
      <c r="N848169" s="10"/>
    </row>
    <row r="848170" spans="14:14">
      <c r="N848170" s="10"/>
    </row>
    <row r="848171" spans="14:14">
      <c r="N848171" s="10"/>
    </row>
    <row r="848172" spans="14:14">
      <c r="N848172" s="10"/>
    </row>
    <row r="848173" spans="14:14">
      <c r="N848173" s="10"/>
    </row>
    <row r="848174" spans="14:14">
      <c r="N848174" s="10"/>
    </row>
    <row r="848175" spans="14:14">
      <c r="N848175" s="10"/>
    </row>
    <row r="848176" spans="14:14">
      <c r="N848176" s="10"/>
    </row>
    <row r="848177" spans="14:14">
      <c r="N848177" s="10"/>
    </row>
    <row r="848178" spans="14:14">
      <c r="N848178" s="10"/>
    </row>
    <row r="848179" spans="14:14">
      <c r="N848179" s="10"/>
    </row>
    <row r="848180" spans="14:14">
      <c r="N848180" s="10"/>
    </row>
    <row r="848181" spans="14:14">
      <c r="N848181" s="10"/>
    </row>
    <row r="848182" spans="14:14">
      <c r="N848182" s="10"/>
    </row>
    <row r="848183" spans="14:14">
      <c r="N848183" s="10"/>
    </row>
    <row r="848184" spans="14:14">
      <c r="N848184" s="10"/>
    </row>
    <row r="848185" spans="14:14">
      <c r="N848185" s="10"/>
    </row>
    <row r="848186" spans="14:14">
      <c r="N848186" s="10"/>
    </row>
    <row r="848187" spans="14:14">
      <c r="N848187" s="10"/>
    </row>
    <row r="848188" spans="14:14">
      <c r="N848188" s="10"/>
    </row>
    <row r="848189" spans="14:14">
      <c r="N848189" s="10"/>
    </row>
    <row r="848190" spans="14:14">
      <c r="N848190" s="10"/>
    </row>
    <row r="848191" spans="14:14">
      <c r="N848191" s="10"/>
    </row>
    <row r="848192" spans="14:14">
      <c r="N848192" s="10"/>
    </row>
    <row r="848193" spans="14:14">
      <c r="N848193" s="10"/>
    </row>
    <row r="848194" spans="14:14">
      <c r="N848194" s="10"/>
    </row>
    <row r="848195" spans="14:14">
      <c r="N848195" s="10"/>
    </row>
    <row r="848196" spans="14:14">
      <c r="N848196" s="10"/>
    </row>
    <row r="848197" spans="14:14">
      <c r="N848197" s="10"/>
    </row>
    <row r="848198" spans="14:14">
      <c r="N848198" s="10"/>
    </row>
    <row r="848199" spans="14:14">
      <c r="N848199" s="10"/>
    </row>
    <row r="848200" spans="14:14">
      <c r="N848200" s="10"/>
    </row>
    <row r="848201" spans="14:14">
      <c r="N848201" s="10"/>
    </row>
    <row r="848202" spans="14:14">
      <c r="N848202" s="10"/>
    </row>
    <row r="848203" spans="14:14">
      <c r="N848203" s="10"/>
    </row>
    <row r="848204" spans="14:14">
      <c r="N848204" s="10"/>
    </row>
    <row r="848205" spans="14:14">
      <c r="N848205" s="10"/>
    </row>
    <row r="848206" spans="14:14">
      <c r="N848206" s="10"/>
    </row>
    <row r="848207" spans="14:14">
      <c r="N848207" s="10"/>
    </row>
    <row r="848208" spans="14:14">
      <c r="N848208" s="10"/>
    </row>
    <row r="848209" spans="14:14">
      <c r="N848209" s="10"/>
    </row>
    <row r="848210" spans="14:14">
      <c r="N848210" s="10"/>
    </row>
    <row r="848211" spans="14:14">
      <c r="N848211" s="10"/>
    </row>
    <row r="848212" spans="14:14">
      <c r="N848212" s="10"/>
    </row>
    <row r="848213" spans="14:14">
      <c r="N848213" s="10"/>
    </row>
    <row r="848214" spans="14:14">
      <c r="N848214" s="10"/>
    </row>
    <row r="848215" spans="14:14">
      <c r="N848215" s="10"/>
    </row>
    <row r="848216" spans="14:14">
      <c r="N848216" s="10"/>
    </row>
    <row r="848217" spans="14:14">
      <c r="N848217" s="10"/>
    </row>
    <row r="848218" spans="14:14">
      <c r="N848218" s="10"/>
    </row>
    <row r="848219" spans="14:14">
      <c r="N848219" s="10"/>
    </row>
    <row r="848220" spans="14:14">
      <c r="N848220" s="10"/>
    </row>
    <row r="848221" spans="14:14">
      <c r="N848221" s="10"/>
    </row>
    <row r="848222" spans="14:14">
      <c r="N848222" s="10"/>
    </row>
    <row r="848223" spans="14:14">
      <c r="N848223" s="10"/>
    </row>
    <row r="848224" spans="14:14">
      <c r="N848224" s="10"/>
    </row>
    <row r="848225" spans="14:14">
      <c r="N848225" s="10"/>
    </row>
    <row r="848226" spans="14:14">
      <c r="N848226" s="10"/>
    </row>
    <row r="848227" spans="14:14">
      <c r="N848227" s="10"/>
    </row>
    <row r="848228" spans="14:14">
      <c r="N848228" s="10"/>
    </row>
    <row r="848229" spans="14:14">
      <c r="N848229" s="10"/>
    </row>
    <row r="848230" spans="14:14">
      <c r="N848230" s="10"/>
    </row>
    <row r="848231" spans="14:14">
      <c r="N848231" s="10"/>
    </row>
    <row r="848232" spans="14:14">
      <c r="N848232" s="10"/>
    </row>
    <row r="848233" spans="14:14">
      <c r="N848233" s="10"/>
    </row>
    <row r="848234" spans="14:14">
      <c r="N848234" s="10"/>
    </row>
    <row r="848235" spans="14:14">
      <c r="N848235" s="10"/>
    </row>
    <row r="848236" spans="14:14">
      <c r="N848236" s="10"/>
    </row>
    <row r="848237" spans="14:14">
      <c r="N848237" s="10"/>
    </row>
    <row r="848238" spans="14:14">
      <c r="N848238" s="10"/>
    </row>
    <row r="848239" spans="14:14">
      <c r="N848239" s="10"/>
    </row>
    <row r="848240" spans="14:14">
      <c r="N848240" s="10"/>
    </row>
    <row r="848241" spans="14:14">
      <c r="N848241" s="10"/>
    </row>
    <row r="848242" spans="14:14">
      <c r="N848242" s="10"/>
    </row>
    <row r="848243" spans="14:14">
      <c r="N848243" s="10"/>
    </row>
    <row r="848244" spans="14:14">
      <c r="N848244" s="10"/>
    </row>
    <row r="848245" spans="14:14">
      <c r="N848245" s="10"/>
    </row>
    <row r="848246" spans="14:14">
      <c r="N848246" s="10"/>
    </row>
    <row r="848247" spans="14:14">
      <c r="N848247" s="10"/>
    </row>
    <row r="848248" spans="14:14">
      <c r="N848248" s="10"/>
    </row>
    <row r="848249" spans="14:14">
      <c r="N848249" s="10"/>
    </row>
    <row r="848250" spans="14:14">
      <c r="N848250" s="10"/>
    </row>
    <row r="848251" spans="14:14">
      <c r="N848251" s="10"/>
    </row>
    <row r="848252" spans="14:14">
      <c r="N848252" s="10"/>
    </row>
    <row r="848253" spans="14:14">
      <c r="N848253" s="10"/>
    </row>
    <row r="848254" spans="14:14">
      <c r="N848254" s="10"/>
    </row>
    <row r="848255" spans="14:14">
      <c r="N848255" s="10"/>
    </row>
    <row r="848256" spans="14:14">
      <c r="N848256" s="10"/>
    </row>
    <row r="848257" spans="14:14">
      <c r="N848257" s="10"/>
    </row>
    <row r="848258" spans="14:14">
      <c r="N848258" s="10"/>
    </row>
    <row r="848259" spans="14:14">
      <c r="N848259" s="10"/>
    </row>
    <row r="848260" spans="14:14">
      <c r="N848260" s="10"/>
    </row>
    <row r="848261" spans="14:14">
      <c r="N848261" s="10"/>
    </row>
    <row r="848262" spans="14:14">
      <c r="N848262" s="10"/>
    </row>
    <row r="848263" spans="14:14">
      <c r="N848263" s="10"/>
    </row>
    <row r="848264" spans="14:14">
      <c r="N848264" s="10"/>
    </row>
    <row r="848265" spans="14:14">
      <c r="N848265" s="10"/>
    </row>
    <row r="848266" spans="14:14">
      <c r="N848266" s="10"/>
    </row>
    <row r="848267" spans="14:14">
      <c r="N848267" s="10"/>
    </row>
    <row r="848268" spans="14:14">
      <c r="N848268" s="10"/>
    </row>
    <row r="848269" spans="14:14">
      <c r="N848269" s="10"/>
    </row>
    <row r="848270" spans="14:14">
      <c r="N848270" s="10"/>
    </row>
    <row r="848271" spans="14:14">
      <c r="N848271" s="10"/>
    </row>
    <row r="848272" spans="14:14">
      <c r="N848272" s="10"/>
    </row>
    <row r="848273" spans="14:14">
      <c r="N848273" s="10"/>
    </row>
    <row r="848274" spans="14:14">
      <c r="N848274" s="10"/>
    </row>
    <row r="848275" spans="14:14">
      <c r="N848275" s="10"/>
    </row>
    <row r="848276" spans="14:14">
      <c r="N848276" s="10"/>
    </row>
    <row r="848277" spans="14:14">
      <c r="N848277" s="10"/>
    </row>
    <row r="848278" spans="14:14">
      <c r="N848278" s="10"/>
    </row>
    <row r="848279" spans="14:14">
      <c r="N848279" s="10"/>
    </row>
    <row r="848280" spans="14:14">
      <c r="N848280" s="10"/>
    </row>
    <row r="848281" spans="14:14">
      <c r="N848281" s="10"/>
    </row>
    <row r="848282" spans="14:14">
      <c r="N848282" s="10"/>
    </row>
    <row r="848283" spans="14:14">
      <c r="N848283" s="10"/>
    </row>
    <row r="848284" spans="14:14">
      <c r="N848284" s="10"/>
    </row>
    <row r="848285" spans="14:14">
      <c r="N848285" s="10"/>
    </row>
    <row r="848286" spans="14:14">
      <c r="N848286" s="10"/>
    </row>
    <row r="848287" spans="14:14">
      <c r="N848287" s="10"/>
    </row>
    <row r="848288" spans="14:14">
      <c r="N848288" s="10"/>
    </row>
    <row r="848289" spans="14:14">
      <c r="N848289" s="10"/>
    </row>
    <row r="848290" spans="14:14">
      <c r="N848290" s="10"/>
    </row>
    <row r="848291" spans="14:14">
      <c r="N848291" s="10"/>
    </row>
    <row r="848292" spans="14:14">
      <c r="N848292" s="10"/>
    </row>
    <row r="848293" spans="14:14">
      <c r="N848293" s="10"/>
    </row>
    <row r="848294" spans="14:14">
      <c r="N848294" s="10"/>
    </row>
    <row r="848295" spans="14:14">
      <c r="N848295" s="10"/>
    </row>
    <row r="848296" spans="14:14">
      <c r="N848296" s="10"/>
    </row>
    <row r="848297" spans="14:14">
      <c r="N848297" s="10"/>
    </row>
    <row r="848298" spans="14:14">
      <c r="N848298" s="10"/>
    </row>
    <row r="848299" spans="14:14">
      <c r="N848299" s="10"/>
    </row>
    <row r="848300" spans="14:14">
      <c r="N848300" s="10"/>
    </row>
    <row r="848301" spans="14:14">
      <c r="N848301" s="10"/>
    </row>
    <row r="848302" spans="14:14">
      <c r="N848302" s="10"/>
    </row>
    <row r="848303" spans="14:14">
      <c r="N848303" s="10"/>
    </row>
    <row r="848304" spans="14:14">
      <c r="N848304" s="10"/>
    </row>
    <row r="848305" spans="14:14">
      <c r="N848305" s="10"/>
    </row>
    <row r="848306" spans="14:14">
      <c r="N848306" s="10"/>
    </row>
    <row r="848307" spans="14:14">
      <c r="N848307" s="10"/>
    </row>
    <row r="848308" spans="14:14">
      <c r="N848308" s="10"/>
    </row>
    <row r="848309" spans="14:14">
      <c r="N848309" s="10"/>
    </row>
    <row r="848310" spans="14:14">
      <c r="N848310" s="10"/>
    </row>
    <row r="848311" spans="14:14">
      <c r="N848311" s="10"/>
    </row>
    <row r="848312" spans="14:14">
      <c r="N848312" s="10"/>
    </row>
    <row r="848313" spans="14:14">
      <c r="N848313" s="10"/>
    </row>
    <row r="848314" spans="14:14">
      <c r="N848314" s="10"/>
    </row>
    <row r="848315" spans="14:14">
      <c r="N848315" s="10"/>
    </row>
    <row r="848316" spans="14:14">
      <c r="N848316" s="10"/>
    </row>
    <row r="848317" spans="14:14">
      <c r="N848317" s="10"/>
    </row>
    <row r="848318" spans="14:14">
      <c r="N848318" s="10"/>
    </row>
    <row r="848319" spans="14:14">
      <c r="N848319" s="10"/>
    </row>
    <row r="848320" spans="14:14">
      <c r="N848320" s="10"/>
    </row>
    <row r="848321" spans="14:14">
      <c r="N848321" s="10"/>
    </row>
    <row r="848322" spans="14:14">
      <c r="N848322" s="10"/>
    </row>
    <row r="848323" spans="14:14">
      <c r="N848323" s="10"/>
    </row>
    <row r="848324" spans="14:14">
      <c r="N848324" s="10"/>
    </row>
    <row r="848325" spans="14:14">
      <c r="N848325" s="10"/>
    </row>
    <row r="848326" spans="14:14">
      <c r="N848326" s="10"/>
    </row>
    <row r="848327" spans="14:14">
      <c r="N848327" s="10"/>
    </row>
    <row r="848328" spans="14:14">
      <c r="N848328" s="10"/>
    </row>
    <row r="848329" spans="14:14">
      <c r="N848329" s="10"/>
    </row>
    <row r="848330" spans="14:14">
      <c r="N848330" s="10"/>
    </row>
    <row r="848331" spans="14:14">
      <c r="N848331" s="10"/>
    </row>
    <row r="848332" spans="14:14">
      <c r="N848332" s="10"/>
    </row>
    <row r="848333" spans="14:14">
      <c r="N848333" s="10"/>
    </row>
    <row r="848334" spans="14:14">
      <c r="N848334" s="10"/>
    </row>
    <row r="848335" spans="14:14">
      <c r="N848335" s="10"/>
    </row>
    <row r="848336" spans="14:14">
      <c r="N848336" s="10"/>
    </row>
    <row r="848337" spans="14:14">
      <c r="N848337" s="10"/>
    </row>
    <row r="848338" spans="14:14">
      <c r="N848338" s="10"/>
    </row>
    <row r="848339" spans="14:14">
      <c r="N848339" s="10"/>
    </row>
    <row r="848340" spans="14:14">
      <c r="N848340" s="10"/>
    </row>
    <row r="848341" spans="14:14">
      <c r="N848341" s="10"/>
    </row>
    <row r="848342" spans="14:14">
      <c r="N848342" s="10"/>
    </row>
    <row r="848343" spans="14:14">
      <c r="N848343" s="10"/>
    </row>
    <row r="848344" spans="14:14">
      <c r="N848344" s="10"/>
    </row>
    <row r="848345" spans="14:14">
      <c r="N848345" s="10"/>
    </row>
    <row r="848346" spans="14:14">
      <c r="N848346" s="10"/>
    </row>
    <row r="848347" spans="14:14">
      <c r="N848347" s="10"/>
    </row>
    <row r="848348" spans="14:14">
      <c r="N848348" s="10"/>
    </row>
    <row r="848349" spans="14:14">
      <c r="N848349" s="10"/>
    </row>
    <row r="848350" spans="14:14">
      <c r="N848350" s="10"/>
    </row>
    <row r="848351" spans="14:14">
      <c r="N848351" s="10"/>
    </row>
    <row r="848352" spans="14:14">
      <c r="N848352" s="10"/>
    </row>
    <row r="848353" spans="14:14">
      <c r="N848353" s="10"/>
    </row>
    <row r="848354" spans="14:14">
      <c r="N848354" s="10"/>
    </row>
    <row r="848355" spans="14:14">
      <c r="N848355" s="10"/>
    </row>
    <row r="848356" spans="14:14">
      <c r="N848356" s="10"/>
    </row>
    <row r="848357" spans="14:14">
      <c r="N848357" s="10"/>
    </row>
    <row r="848358" spans="14:14">
      <c r="N848358" s="10"/>
    </row>
    <row r="848359" spans="14:14">
      <c r="N848359" s="10"/>
    </row>
    <row r="848360" spans="14:14">
      <c r="N848360" s="10"/>
    </row>
    <row r="848361" spans="14:14">
      <c r="N848361" s="10"/>
    </row>
    <row r="848362" spans="14:14">
      <c r="N848362" s="10"/>
    </row>
    <row r="848363" spans="14:14">
      <c r="N848363" s="10"/>
    </row>
    <row r="848364" spans="14:14">
      <c r="N848364" s="10"/>
    </row>
    <row r="848365" spans="14:14">
      <c r="N848365" s="10"/>
    </row>
    <row r="848366" spans="14:14">
      <c r="N848366" s="10"/>
    </row>
    <row r="848367" spans="14:14">
      <c r="N848367" s="10"/>
    </row>
    <row r="848368" spans="14:14">
      <c r="N848368" s="10"/>
    </row>
    <row r="848369" spans="14:14">
      <c r="N848369" s="10"/>
    </row>
    <row r="848370" spans="14:14">
      <c r="N848370" s="10"/>
    </row>
    <row r="848371" spans="14:14">
      <c r="N848371" s="10"/>
    </row>
    <row r="848372" spans="14:14">
      <c r="N848372" s="10"/>
    </row>
    <row r="848373" spans="14:14">
      <c r="N848373" s="10"/>
    </row>
    <row r="848374" spans="14:14">
      <c r="N848374" s="10"/>
    </row>
    <row r="848375" spans="14:14">
      <c r="N848375" s="10"/>
    </row>
    <row r="848376" spans="14:14">
      <c r="N848376" s="10"/>
    </row>
    <row r="848377" spans="14:14">
      <c r="N848377" s="10"/>
    </row>
    <row r="848378" spans="14:14">
      <c r="N848378" s="10"/>
    </row>
    <row r="848379" spans="14:14">
      <c r="N848379" s="10"/>
    </row>
    <row r="848380" spans="14:14">
      <c r="N848380" s="10"/>
    </row>
    <row r="848381" spans="14:14">
      <c r="N848381" s="10"/>
    </row>
    <row r="848382" spans="14:14">
      <c r="N848382" s="10"/>
    </row>
    <row r="848383" spans="14:14">
      <c r="N848383" s="10"/>
    </row>
    <row r="848384" spans="14:14">
      <c r="N848384" s="10"/>
    </row>
    <row r="848385" spans="14:14">
      <c r="N848385" s="10"/>
    </row>
    <row r="848386" spans="14:14">
      <c r="N848386" s="10"/>
    </row>
    <row r="848387" spans="14:14">
      <c r="N848387" s="10"/>
    </row>
    <row r="848388" spans="14:14">
      <c r="N848388" s="10"/>
    </row>
    <row r="848389" spans="14:14">
      <c r="N848389" s="10"/>
    </row>
    <row r="848390" spans="14:14">
      <c r="N848390" s="10"/>
    </row>
    <row r="848391" spans="14:14">
      <c r="N848391" s="10"/>
    </row>
    <row r="848392" spans="14:14">
      <c r="N848392" s="10"/>
    </row>
    <row r="848393" spans="14:14">
      <c r="N848393" s="10"/>
    </row>
    <row r="848394" spans="14:14">
      <c r="N848394" s="10"/>
    </row>
    <row r="848395" spans="14:14">
      <c r="N848395" s="10"/>
    </row>
    <row r="848396" spans="14:14">
      <c r="N848396" s="10"/>
    </row>
    <row r="848397" spans="14:14">
      <c r="N848397" s="10"/>
    </row>
    <row r="848398" spans="14:14">
      <c r="N848398" s="10"/>
    </row>
    <row r="848399" spans="14:14">
      <c r="N848399" s="10"/>
    </row>
    <row r="848400" spans="14:14">
      <c r="N848400" s="10"/>
    </row>
    <row r="848401" spans="14:14">
      <c r="N848401" s="10"/>
    </row>
    <row r="848402" spans="14:14">
      <c r="N848402" s="10"/>
    </row>
    <row r="848403" spans="14:14">
      <c r="N848403" s="10"/>
    </row>
    <row r="848404" spans="14:14">
      <c r="N848404" s="10"/>
    </row>
    <row r="848405" spans="14:14">
      <c r="N848405" s="10"/>
    </row>
    <row r="848406" spans="14:14">
      <c r="N848406" s="10"/>
    </row>
    <row r="848407" spans="14:14">
      <c r="N848407" s="10"/>
    </row>
    <row r="848408" spans="14:14">
      <c r="N848408" s="10"/>
    </row>
    <row r="848409" spans="14:14">
      <c r="N848409" s="10"/>
    </row>
    <row r="848410" spans="14:14">
      <c r="N848410" s="10"/>
    </row>
    <row r="848411" spans="14:14">
      <c r="N848411" s="10"/>
    </row>
    <row r="848412" spans="14:14">
      <c r="N848412" s="10"/>
    </row>
    <row r="848413" spans="14:14">
      <c r="N848413" s="10"/>
    </row>
    <row r="848414" spans="14:14">
      <c r="N848414" s="10"/>
    </row>
    <row r="848415" spans="14:14">
      <c r="N848415" s="10"/>
    </row>
    <row r="848416" spans="14:14">
      <c r="N848416" s="10"/>
    </row>
    <row r="848417" spans="14:14">
      <c r="N848417" s="10"/>
    </row>
    <row r="848418" spans="14:14">
      <c r="N848418" s="10"/>
    </row>
    <row r="848419" spans="14:14">
      <c r="N848419" s="10"/>
    </row>
    <row r="848420" spans="14:14">
      <c r="N848420" s="10"/>
    </row>
    <row r="848421" spans="14:14">
      <c r="N848421" s="10"/>
    </row>
    <row r="848422" spans="14:14">
      <c r="N848422" s="10"/>
    </row>
    <row r="848423" spans="14:14">
      <c r="N848423" s="10"/>
    </row>
    <row r="848424" spans="14:14">
      <c r="N848424" s="10"/>
    </row>
    <row r="848425" spans="14:14">
      <c r="N848425" s="10"/>
    </row>
    <row r="848426" spans="14:14">
      <c r="N848426" s="10"/>
    </row>
    <row r="848427" spans="14:14">
      <c r="N848427" s="10"/>
    </row>
    <row r="848428" spans="14:14">
      <c r="N848428" s="10"/>
    </row>
    <row r="848429" spans="14:14">
      <c r="N848429" s="10"/>
    </row>
    <row r="848430" spans="14:14">
      <c r="N848430" s="10"/>
    </row>
    <row r="848431" spans="14:14">
      <c r="N848431" s="10"/>
    </row>
    <row r="848432" spans="14:14">
      <c r="N848432" s="10"/>
    </row>
    <row r="848433" spans="14:14">
      <c r="N848433" s="10"/>
    </row>
    <row r="848434" spans="14:14">
      <c r="N848434" s="10"/>
    </row>
    <row r="848435" spans="14:14">
      <c r="N848435" s="10"/>
    </row>
    <row r="848436" spans="14:14">
      <c r="N848436" s="10"/>
    </row>
    <row r="848437" spans="14:14">
      <c r="N848437" s="10"/>
    </row>
    <row r="848438" spans="14:14">
      <c r="N848438" s="10"/>
    </row>
    <row r="848439" spans="14:14">
      <c r="N848439" s="10"/>
    </row>
    <row r="848440" spans="14:14">
      <c r="N848440" s="10"/>
    </row>
    <row r="848441" spans="14:14">
      <c r="N848441" s="10"/>
    </row>
    <row r="848442" spans="14:14">
      <c r="N848442" s="10"/>
    </row>
    <row r="848443" spans="14:14">
      <c r="N848443" s="10"/>
    </row>
    <row r="848444" spans="14:14">
      <c r="N848444" s="10"/>
    </row>
    <row r="848445" spans="14:14">
      <c r="N848445" s="10"/>
    </row>
    <row r="848446" spans="14:14">
      <c r="N848446" s="10"/>
    </row>
    <row r="848447" spans="14:14">
      <c r="N848447" s="10"/>
    </row>
    <row r="848448" spans="14:14">
      <c r="N848448" s="10"/>
    </row>
    <row r="848449" spans="14:14">
      <c r="N848449" s="10"/>
    </row>
    <row r="848450" spans="14:14">
      <c r="N848450" s="10"/>
    </row>
    <row r="848451" spans="14:14">
      <c r="N848451" s="10"/>
    </row>
    <row r="848452" spans="14:14">
      <c r="N848452" s="10"/>
    </row>
    <row r="848453" spans="14:14">
      <c r="N848453" s="10"/>
    </row>
    <row r="848454" spans="14:14">
      <c r="N848454" s="10"/>
    </row>
    <row r="848455" spans="14:14">
      <c r="N848455" s="10"/>
    </row>
    <row r="848456" spans="14:14">
      <c r="N848456" s="10"/>
    </row>
    <row r="848457" spans="14:14">
      <c r="N848457" s="10"/>
    </row>
    <row r="848458" spans="14:14">
      <c r="N848458" s="10"/>
    </row>
    <row r="848459" spans="14:14">
      <c r="N848459" s="10"/>
    </row>
    <row r="848460" spans="14:14">
      <c r="N848460" s="10"/>
    </row>
    <row r="848461" spans="14:14">
      <c r="N848461" s="10"/>
    </row>
    <row r="848462" spans="14:14">
      <c r="N848462" s="10"/>
    </row>
    <row r="848463" spans="14:14">
      <c r="N848463" s="10"/>
    </row>
    <row r="848464" spans="14:14">
      <c r="N848464" s="10"/>
    </row>
    <row r="848465" spans="14:14">
      <c r="N848465" s="10"/>
    </row>
    <row r="848466" spans="14:14">
      <c r="N848466" s="10"/>
    </row>
    <row r="848467" spans="14:14">
      <c r="N848467" s="10"/>
    </row>
    <row r="848468" spans="14:14">
      <c r="N848468" s="10"/>
    </row>
    <row r="848469" spans="14:14">
      <c r="N848469" s="10"/>
    </row>
    <row r="848470" spans="14:14">
      <c r="N848470" s="10"/>
    </row>
    <row r="848471" spans="14:14">
      <c r="N848471" s="10"/>
    </row>
    <row r="848472" spans="14:14">
      <c r="N848472" s="10"/>
    </row>
    <row r="848473" spans="14:14">
      <c r="N848473" s="10"/>
    </row>
    <row r="848474" spans="14:14">
      <c r="N848474" s="10"/>
    </row>
    <row r="848475" spans="14:14">
      <c r="N848475" s="10"/>
    </row>
    <row r="848476" spans="14:14">
      <c r="N848476" s="10"/>
    </row>
    <row r="848477" spans="14:14">
      <c r="N848477" s="10"/>
    </row>
    <row r="848478" spans="14:14">
      <c r="N848478" s="10"/>
    </row>
    <row r="848479" spans="14:14">
      <c r="N848479" s="10"/>
    </row>
    <row r="848480" spans="14:14">
      <c r="N848480" s="10"/>
    </row>
    <row r="848481" spans="14:14">
      <c r="N848481" s="10"/>
    </row>
    <row r="848482" spans="14:14">
      <c r="N848482" s="10"/>
    </row>
    <row r="848483" spans="14:14">
      <c r="N848483" s="10"/>
    </row>
    <row r="848484" spans="14:14">
      <c r="N848484" s="10"/>
    </row>
    <row r="848485" spans="14:14">
      <c r="N848485" s="10"/>
    </row>
    <row r="848486" spans="14:14">
      <c r="N848486" s="10"/>
    </row>
    <row r="848487" spans="14:14">
      <c r="N848487" s="10"/>
    </row>
    <row r="848488" spans="14:14">
      <c r="N848488" s="10"/>
    </row>
    <row r="848489" spans="14:14">
      <c r="N848489" s="10"/>
    </row>
    <row r="848490" spans="14:14">
      <c r="N848490" s="10"/>
    </row>
    <row r="848491" spans="14:14">
      <c r="N848491" s="10"/>
    </row>
    <row r="848492" spans="14:14">
      <c r="N848492" s="10"/>
    </row>
    <row r="848493" spans="14:14">
      <c r="N848493" s="10"/>
    </row>
    <row r="848494" spans="14:14">
      <c r="N848494" s="10"/>
    </row>
    <row r="848495" spans="14:14">
      <c r="N848495" s="10"/>
    </row>
    <row r="848496" spans="14:14">
      <c r="N848496" s="10"/>
    </row>
    <row r="848497" spans="14:14">
      <c r="N848497" s="10"/>
    </row>
    <row r="848498" spans="14:14">
      <c r="N848498" s="10"/>
    </row>
    <row r="848499" spans="14:14">
      <c r="N848499" s="10"/>
    </row>
    <row r="848500" spans="14:14">
      <c r="N848500" s="10"/>
    </row>
    <row r="848501" spans="14:14">
      <c r="N848501" s="10"/>
    </row>
    <row r="848502" spans="14:14">
      <c r="N848502" s="10"/>
    </row>
    <row r="848503" spans="14:14">
      <c r="N848503" s="10"/>
    </row>
    <row r="848504" spans="14:14">
      <c r="N848504" s="10"/>
    </row>
    <row r="848505" spans="14:14">
      <c r="N848505" s="10"/>
    </row>
    <row r="848506" spans="14:14">
      <c r="N848506" s="10"/>
    </row>
    <row r="848507" spans="14:14">
      <c r="N848507" s="10"/>
    </row>
    <row r="848508" spans="14:14">
      <c r="N848508" s="10"/>
    </row>
    <row r="848509" spans="14:14">
      <c r="N848509" s="10"/>
    </row>
    <row r="848510" spans="14:14">
      <c r="N848510" s="10"/>
    </row>
    <row r="848511" spans="14:14">
      <c r="N848511" s="10"/>
    </row>
    <row r="848512" spans="14:14">
      <c r="N848512" s="10"/>
    </row>
    <row r="848513" spans="14:14">
      <c r="N848513" s="10"/>
    </row>
    <row r="848514" spans="14:14">
      <c r="N848514" s="10"/>
    </row>
    <row r="848515" spans="14:14">
      <c r="N848515" s="10"/>
    </row>
    <row r="848516" spans="14:14">
      <c r="N848516" s="10"/>
    </row>
    <row r="848517" spans="14:14">
      <c r="N848517" s="10"/>
    </row>
    <row r="848518" spans="14:14">
      <c r="N848518" s="10"/>
    </row>
    <row r="848519" spans="14:14">
      <c r="N848519" s="10"/>
    </row>
    <row r="848520" spans="14:14">
      <c r="N848520" s="10"/>
    </row>
    <row r="848521" spans="14:14">
      <c r="N848521" s="10"/>
    </row>
    <row r="848522" spans="14:14">
      <c r="N848522" s="10"/>
    </row>
    <row r="848523" spans="14:14">
      <c r="N848523" s="10"/>
    </row>
    <row r="848524" spans="14:14">
      <c r="N848524" s="10"/>
    </row>
    <row r="848525" spans="14:14">
      <c r="N848525" s="10"/>
    </row>
    <row r="848526" spans="14:14">
      <c r="N848526" s="10"/>
    </row>
    <row r="848527" spans="14:14">
      <c r="N848527" s="10"/>
    </row>
    <row r="848528" spans="14:14">
      <c r="N848528" s="10"/>
    </row>
    <row r="848529" spans="14:14">
      <c r="N848529" s="10"/>
    </row>
    <row r="848530" spans="14:14">
      <c r="N848530" s="10"/>
    </row>
    <row r="848531" spans="14:14">
      <c r="N848531" s="10"/>
    </row>
    <row r="848532" spans="14:14">
      <c r="N848532" s="10"/>
    </row>
    <row r="848533" spans="14:14">
      <c r="N848533" s="10"/>
    </row>
    <row r="848534" spans="14:14">
      <c r="N848534" s="10"/>
    </row>
    <row r="848535" spans="14:14">
      <c r="N848535" s="10"/>
    </row>
    <row r="848536" spans="14:14">
      <c r="N848536" s="10"/>
    </row>
    <row r="848537" spans="14:14">
      <c r="N848537" s="10"/>
    </row>
    <row r="848538" spans="14:14">
      <c r="N848538" s="10"/>
    </row>
    <row r="848539" spans="14:14">
      <c r="N848539" s="10"/>
    </row>
    <row r="848540" spans="14:14">
      <c r="N848540" s="10"/>
    </row>
    <row r="848541" spans="14:14">
      <c r="N848541" s="10"/>
    </row>
    <row r="848542" spans="14:14">
      <c r="N848542" s="10"/>
    </row>
    <row r="848543" spans="14:14">
      <c r="N848543" s="10"/>
    </row>
    <row r="848544" spans="14:14">
      <c r="N848544" s="10"/>
    </row>
    <row r="848545" spans="14:14">
      <c r="N848545" s="10"/>
    </row>
    <row r="848546" spans="14:14">
      <c r="N848546" s="10"/>
    </row>
    <row r="848547" spans="14:14">
      <c r="N848547" s="10"/>
    </row>
    <row r="848548" spans="14:14">
      <c r="N848548" s="10"/>
    </row>
    <row r="848549" spans="14:14">
      <c r="N848549" s="10"/>
    </row>
    <row r="848550" spans="14:14">
      <c r="N848550" s="10"/>
    </row>
    <row r="848551" spans="14:14">
      <c r="N848551" s="10"/>
    </row>
    <row r="848552" spans="14:14">
      <c r="N848552" s="10"/>
    </row>
    <row r="848553" spans="14:14">
      <c r="N848553" s="10"/>
    </row>
    <row r="848554" spans="14:14">
      <c r="N848554" s="10"/>
    </row>
    <row r="848555" spans="14:14">
      <c r="N848555" s="10"/>
    </row>
    <row r="848556" spans="14:14">
      <c r="N848556" s="10"/>
    </row>
    <row r="848557" spans="14:14">
      <c r="N848557" s="10"/>
    </row>
    <row r="848558" spans="14:14">
      <c r="N848558" s="10"/>
    </row>
    <row r="848559" spans="14:14">
      <c r="N848559" s="10"/>
    </row>
    <row r="848560" spans="14:14">
      <c r="N848560" s="10"/>
    </row>
    <row r="848561" spans="14:14">
      <c r="N848561" s="10"/>
    </row>
    <row r="848562" spans="14:14">
      <c r="N848562" s="10"/>
    </row>
    <row r="848563" spans="14:14">
      <c r="N848563" s="10"/>
    </row>
    <row r="848564" spans="14:14">
      <c r="N848564" s="10"/>
    </row>
    <row r="848565" spans="14:14">
      <c r="N848565" s="10"/>
    </row>
    <row r="848566" spans="14:14">
      <c r="N848566" s="10"/>
    </row>
    <row r="848567" spans="14:14">
      <c r="N848567" s="10"/>
    </row>
    <row r="848568" spans="14:14">
      <c r="N848568" s="10"/>
    </row>
    <row r="848569" spans="14:14">
      <c r="N848569" s="10"/>
    </row>
    <row r="848570" spans="14:14">
      <c r="N848570" s="10"/>
    </row>
    <row r="848571" spans="14:14">
      <c r="N848571" s="10"/>
    </row>
    <row r="848572" spans="14:14">
      <c r="N848572" s="10"/>
    </row>
    <row r="848573" spans="14:14">
      <c r="N848573" s="10"/>
    </row>
    <row r="848574" spans="14:14">
      <c r="N848574" s="10"/>
    </row>
    <row r="848575" spans="14:14">
      <c r="N848575" s="10"/>
    </row>
    <row r="848576" spans="14:14">
      <c r="N848576" s="10"/>
    </row>
    <row r="848577" spans="14:14">
      <c r="N848577" s="10"/>
    </row>
    <row r="848578" spans="14:14">
      <c r="N848578" s="10"/>
    </row>
    <row r="848579" spans="14:14">
      <c r="N848579" s="10"/>
    </row>
    <row r="848580" spans="14:14">
      <c r="N848580" s="10"/>
    </row>
    <row r="848581" spans="14:14">
      <c r="N848581" s="10"/>
    </row>
    <row r="848582" spans="14:14">
      <c r="N848582" s="10"/>
    </row>
    <row r="848583" spans="14:14">
      <c r="N848583" s="10"/>
    </row>
    <row r="848584" spans="14:14">
      <c r="N848584" s="10"/>
    </row>
    <row r="848585" spans="14:14">
      <c r="N848585" s="10"/>
    </row>
    <row r="848586" spans="14:14">
      <c r="N848586" s="10"/>
    </row>
    <row r="848587" spans="14:14">
      <c r="N848587" s="10"/>
    </row>
    <row r="848588" spans="14:14">
      <c r="N848588" s="10"/>
    </row>
    <row r="848589" spans="14:14">
      <c r="N848589" s="10"/>
    </row>
    <row r="848590" spans="14:14">
      <c r="N848590" s="10"/>
    </row>
    <row r="848591" spans="14:14">
      <c r="N848591" s="10"/>
    </row>
    <row r="848592" spans="14:14">
      <c r="N848592" s="10"/>
    </row>
    <row r="848593" spans="14:14">
      <c r="N848593" s="10"/>
    </row>
    <row r="848594" spans="14:14">
      <c r="N848594" s="10"/>
    </row>
    <row r="848595" spans="14:14">
      <c r="N848595" s="10"/>
    </row>
    <row r="848596" spans="14:14">
      <c r="N848596" s="10"/>
    </row>
    <row r="848597" spans="14:14">
      <c r="N848597" s="10"/>
    </row>
    <row r="848598" spans="14:14">
      <c r="N848598" s="10"/>
    </row>
    <row r="848599" spans="14:14">
      <c r="N848599" s="10"/>
    </row>
    <row r="848600" spans="14:14">
      <c r="N848600" s="10"/>
    </row>
    <row r="848601" spans="14:14">
      <c r="N848601" s="10"/>
    </row>
    <row r="848602" spans="14:14">
      <c r="N848602" s="10"/>
    </row>
    <row r="848603" spans="14:14">
      <c r="N848603" s="10"/>
    </row>
    <row r="848604" spans="14:14">
      <c r="N848604" s="10"/>
    </row>
    <row r="848605" spans="14:14">
      <c r="N848605" s="10"/>
    </row>
    <row r="848606" spans="14:14">
      <c r="N848606" s="10"/>
    </row>
    <row r="848607" spans="14:14">
      <c r="N848607" s="10"/>
    </row>
    <row r="848608" spans="14:14">
      <c r="N848608" s="10"/>
    </row>
    <row r="848609" spans="14:14">
      <c r="N848609" s="10"/>
    </row>
    <row r="848610" spans="14:14">
      <c r="N848610" s="10"/>
    </row>
    <row r="848611" spans="14:14">
      <c r="N848611" s="10"/>
    </row>
    <row r="848612" spans="14:14">
      <c r="N848612" s="10"/>
    </row>
    <row r="848613" spans="14:14">
      <c r="N848613" s="10"/>
    </row>
    <row r="848614" spans="14:14">
      <c r="N848614" s="10"/>
    </row>
    <row r="848615" spans="14:14">
      <c r="N848615" s="10"/>
    </row>
    <row r="848616" spans="14:14">
      <c r="N848616" s="10"/>
    </row>
    <row r="848617" spans="14:14">
      <c r="N848617" s="10"/>
    </row>
    <row r="848618" spans="14:14">
      <c r="N848618" s="10"/>
    </row>
    <row r="848619" spans="14:14">
      <c r="N848619" s="10"/>
    </row>
    <row r="848620" spans="14:14">
      <c r="N848620" s="10"/>
    </row>
    <row r="848621" spans="14:14">
      <c r="N848621" s="10"/>
    </row>
    <row r="848622" spans="14:14">
      <c r="N848622" s="10"/>
    </row>
    <row r="848623" spans="14:14">
      <c r="N848623" s="10"/>
    </row>
    <row r="848624" spans="14:14">
      <c r="N848624" s="10"/>
    </row>
    <row r="848625" spans="14:14">
      <c r="N848625" s="10"/>
    </row>
    <row r="848626" spans="14:14">
      <c r="N848626" s="10"/>
    </row>
    <row r="848627" spans="14:14">
      <c r="N848627" s="10"/>
    </row>
    <row r="848628" spans="14:14">
      <c r="N848628" s="10"/>
    </row>
    <row r="848629" spans="14:14">
      <c r="N848629" s="10"/>
    </row>
    <row r="848630" spans="14:14">
      <c r="N848630" s="10"/>
    </row>
    <row r="848631" spans="14:14">
      <c r="N848631" s="10"/>
    </row>
    <row r="848632" spans="14:14">
      <c r="N848632" s="10"/>
    </row>
    <row r="848633" spans="14:14">
      <c r="N848633" s="10"/>
    </row>
    <row r="848634" spans="14:14">
      <c r="N848634" s="10"/>
    </row>
    <row r="848635" spans="14:14">
      <c r="N848635" s="10"/>
    </row>
    <row r="848636" spans="14:14">
      <c r="N848636" s="10"/>
    </row>
    <row r="848637" spans="14:14">
      <c r="N848637" s="10"/>
    </row>
    <row r="848638" spans="14:14">
      <c r="N848638" s="10"/>
    </row>
    <row r="848639" spans="14:14">
      <c r="N848639" s="10"/>
    </row>
    <row r="848640" spans="14:14">
      <c r="N848640" s="10"/>
    </row>
    <row r="848641" spans="14:14">
      <c r="N848641" s="10"/>
    </row>
    <row r="848642" spans="14:14">
      <c r="N848642" s="10"/>
    </row>
    <row r="848643" spans="14:14">
      <c r="N848643" s="10"/>
    </row>
    <row r="848644" spans="14:14">
      <c r="N848644" s="10"/>
    </row>
    <row r="848645" spans="14:14">
      <c r="N848645" s="10"/>
    </row>
    <row r="848646" spans="14:14">
      <c r="N848646" s="10"/>
    </row>
    <row r="848647" spans="14:14">
      <c r="N848647" s="10"/>
    </row>
    <row r="848648" spans="14:14">
      <c r="N848648" s="10"/>
    </row>
    <row r="848649" spans="14:14">
      <c r="N848649" s="10"/>
    </row>
    <row r="848650" spans="14:14">
      <c r="N848650" s="10"/>
    </row>
    <row r="848651" spans="14:14">
      <c r="N848651" s="10"/>
    </row>
    <row r="848652" spans="14:14">
      <c r="N848652" s="10"/>
    </row>
    <row r="848653" spans="14:14">
      <c r="N848653" s="10"/>
    </row>
    <row r="848654" spans="14:14">
      <c r="N848654" s="10"/>
    </row>
    <row r="848655" spans="14:14">
      <c r="N848655" s="10"/>
    </row>
    <row r="848656" spans="14:14">
      <c r="N848656" s="10"/>
    </row>
    <row r="848657" spans="14:14">
      <c r="N848657" s="10"/>
    </row>
    <row r="848658" spans="14:14">
      <c r="N848658" s="10"/>
    </row>
    <row r="848659" spans="14:14">
      <c r="N848659" s="10"/>
    </row>
    <row r="848660" spans="14:14">
      <c r="N848660" s="10"/>
    </row>
    <row r="848661" spans="14:14">
      <c r="N848661" s="10"/>
    </row>
    <row r="848662" spans="14:14">
      <c r="N848662" s="10"/>
    </row>
    <row r="848663" spans="14:14">
      <c r="N848663" s="10"/>
    </row>
    <row r="848664" spans="14:14">
      <c r="N848664" s="10"/>
    </row>
    <row r="848665" spans="14:14">
      <c r="N848665" s="10"/>
    </row>
    <row r="848666" spans="14:14">
      <c r="N848666" s="10"/>
    </row>
    <row r="848667" spans="14:14">
      <c r="N848667" s="10"/>
    </row>
    <row r="848668" spans="14:14">
      <c r="N848668" s="10"/>
    </row>
    <row r="848669" spans="14:14">
      <c r="N848669" s="10"/>
    </row>
    <row r="848670" spans="14:14">
      <c r="N848670" s="10"/>
    </row>
    <row r="848671" spans="14:14">
      <c r="N848671" s="10"/>
    </row>
    <row r="848672" spans="14:14">
      <c r="N848672" s="10"/>
    </row>
    <row r="848673" spans="14:14">
      <c r="N848673" s="10"/>
    </row>
    <row r="848674" spans="14:14">
      <c r="N848674" s="10"/>
    </row>
    <row r="848675" spans="14:14">
      <c r="N848675" s="10"/>
    </row>
    <row r="848676" spans="14:14">
      <c r="N848676" s="10"/>
    </row>
    <row r="848677" spans="14:14">
      <c r="N848677" s="10"/>
    </row>
    <row r="848678" spans="14:14">
      <c r="N848678" s="10"/>
    </row>
    <row r="848679" spans="14:14">
      <c r="N848679" s="10"/>
    </row>
    <row r="848680" spans="14:14">
      <c r="N848680" s="10"/>
    </row>
    <row r="848681" spans="14:14">
      <c r="N848681" s="10"/>
    </row>
    <row r="848682" spans="14:14">
      <c r="N848682" s="10"/>
    </row>
    <row r="848683" spans="14:14">
      <c r="N848683" s="10"/>
    </row>
    <row r="848684" spans="14:14">
      <c r="N848684" s="10"/>
    </row>
    <row r="848685" spans="14:14">
      <c r="N848685" s="10"/>
    </row>
    <row r="848686" spans="14:14">
      <c r="N848686" s="10"/>
    </row>
    <row r="848687" spans="14:14">
      <c r="N848687" s="10"/>
    </row>
    <row r="848688" spans="14:14">
      <c r="N848688" s="10"/>
    </row>
    <row r="848689" spans="14:14">
      <c r="N848689" s="10"/>
    </row>
    <row r="848690" spans="14:14">
      <c r="N848690" s="10"/>
    </row>
    <row r="848691" spans="14:14">
      <c r="N848691" s="10"/>
    </row>
    <row r="848692" spans="14:14">
      <c r="N848692" s="10"/>
    </row>
    <row r="848693" spans="14:14">
      <c r="N848693" s="10"/>
    </row>
    <row r="848694" spans="14:14">
      <c r="N848694" s="10"/>
    </row>
    <row r="848695" spans="14:14">
      <c r="N848695" s="10"/>
    </row>
    <row r="848696" spans="14:14">
      <c r="N848696" s="10"/>
    </row>
    <row r="848697" spans="14:14">
      <c r="N848697" s="10"/>
    </row>
    <row r="848698" spans="14:14">
      <c r="N848698" s="10"/>
    </row>
    <row r="848699" spans="14:14">
      <c r="N848699" s="10"/>
    </row>
    <row r="848700" spans="14:14">
      <c r="N848700" s="10"/>
    </row>
    <row r="848701" spans="14:14">
      <c r="N848701" s="10"/>
    </row>
    <row r="848702" spans="14:14">
      <c r="N848702" s="10"/>
    </row>
    <row r="848703" spans="14:14">
      <c r="N848703" s="10"/>
    </row>
    <row r="848704" spans="14:14">
      <c r="N848704" s="10"/>
    </row>
    <row r="848705" spans="14:14">
      <c r="N848705" s="10"/>
    </row>
    <row r="848706" spans="14:14">
      <c r="N848706" s="10"/>
    </row>
    <row r="848707" spans="14:14">
      <c r="N848707" s="10"/>
    </row>
    <row r="848708" spans="14:14">
      <c r="N848708" s="10"/>
    </row>
    <row r="848709" spans="14:14">
      <c r="N848709" s="10"/>
    </row>
    <row r="848710" spans="14:14">
      <c r="N848710" s="10"/>
    </row>
    <row r="848711" spans="14:14">
      <c r="N848711" s="10"/>
    </row>
    <row r="848712" spans="14:14">
      <c r="N848712" s="10"/>
    </row>
    <row r="848713" spans="14:14">
      <c r="N848713" s="10"/>
    </row>
    <row r="848714" spans="14:14">
      <c r="N848714" s="10"/>
    </row>
    <row r="848715" spans="14:14">
      <c r="N848715" s="10"/>
    </row>
    <row r="848716" spans="14:14">
      <c r="N848716" s="10"/>
    </row>
    <row r="848717" spans="14:14">
      <c r="N848717" s="10"/>
    </row>
    <row r="848718" spans="14:14">
      <c r="N848718" s="10"/>
    </row>
    <row r="848719" spans="14:14">
      <c r="N848719" s="10"/>
    </row>
    <row r="848720" spans="14:14">
      <c r="N848720" s="10"/>
    </row>
    <row r="848721" spans="14:14">
      <c r="N848721" s="10"/>
    </row>
    <row r="848722" spans="14:14">
      <c r="N848722" s="10"/>
    </row>
    <row r="848723" spans="14:14">
      <c r="N848723" s="10"/>
    </row>
    <row r="848724" spans="14:14">
      <c r="N848724" s="10"/>
    </row>
    <row r="848725" spans="14:14">
      <c r="N848725" s="10"/>
    </row>
    <row r="848726" spans="14:14">
      <c r="N848726" s="10"/>
    </row>
    <row r="848727" spans="14:14">
      <c r="N848727" s="10"/>
    </row>
    <row r="848728" spans="14:14">
      <c r="N848728" s="10"/>
    </row>
    <row r="848729" spans="14:14">
      <c r="N848729" s="10"/>
    </row>
    <row r="848730" spans="14:14">
      <c r="N848730" s="10"/>
    </row>
    <row r="848731" spans="14:14">
      <c r="N848731" s="10"/>
    </row>
    <row r="848732" spans="14:14">
      <c r="N848732" s="10"/>
    </row>
    <row r="848733" spans="14:14">
      <c r="N848733" s="10"/>
    </row>
    <row r="848734" spans="14:14">
      <c r="N848734" s="10"/>
    </row>
    <row r="848735" spans="14:14">
      <c r="N848735" s="10"/>
    </row>
    <row r="848736" spans="14:14">
      <c r="N848736" s="10"/>
    </row>
    <row r="848737" spans="14:14">
      <c r="N848737" s="10"/>
    </row>
    <row r="848738" spans="14:14">
      <c r="N848738" s="10"/>
    </row>
    <row r="848739" spans="14:14">
      <c r="N848739" s="10"/>
    </row>
    <row r="848740" spans="14:14">
      <c r="N848740" s="10"/>
    </row>
    <row r="848741" spans="14:14">
      <c r="N848741" s="10"/>
    </row>
    <row r="848742" spans="14:14">
      <c r="N848742" s="10"/>
    </row>
    <row r="848743" spans="14:14">
      <c r="N848743" s="10"/>
    </row>
    <row r="848744" spans="14:14">
      <c r="N848744" s="10"/>
    </row>
    <row r="848745" spans="14:14">
      <c r="N848745" s="10"/>
    </row>
    <row r="848746" spans="14:14">
      <c r="N848746" s="10"/>
    </row>
    <row r="848747" spans="14:14">
      <c r="N848747" s="10"/>
    </row>
    <row r="848748" spans="14:14">
      <c r="N848748" s="10"/>
    </row>
    <row r="848749" spans="14:14">
      <c r="N848749" s="10"/>
    </row>
    <row r="848750" spans="14:14">
      <c r="N848750" s="10"/>
    </row>
    <row r="848751" spans="14:14">
      <c r="N848751" s="10"/>
    </row>
    <row r="848752" spans="14:14">
      <c r="N848752" s="10"/>
    </row>
    <row r="848753" spans="14:14">
      <c r="N848753" s="10"/>
    </row>
    <row r="848754" spans="14:14">
      <c r="N848754" s="10"/>
    </row>
    <row r="848755" spans="14:14">
      <c r="N848755" s="10"/>
    </row>
    <row r="848756" spans="14:14">
      <c r="N848756" s="10"/>
    </row>
    <row r="848757" spans="14:14">
      <c r="N848757" s="10"/>
    </row>
    <row r="848758" spans="14:14">
      <c r="N848758" s="10"/>
    </row>
    <row r="848759" spans="14:14">
      <c r="N848759" s="10"/>
    </row>
    <row r="848760" spans="14:14">
      <c r="N848760" s="10"/>
    </row>
    <row r="848761" spans="14:14">
      <c r="N848761" s="10"/>
    </row>
    <row r="848762" spans="14:14">
      <c r="N848762" s="10"/>
    </row>
    <row r="848763" spans="14:14">
      <c r="N848763" s="10"/>
    </row>
    <row r="848764" spans="14:14">
      <c r="N848764" s="10"/>
    </row>
    <row r="848765" spans="14:14">
      <c r="N848765" s="10"/>
    </row>
    <row r="848766" spans="14:14">
      <c r="N848766" s="10"/>
    </row>
    <row r="848767" spans="14:14">
      <c r="N848767" s="10"/>
    </row>
    <row r="848768" spans="14:14">
      <c r="N848768" s="10"/>
    </row>
    <row r="848769" spans="14:14">
      <c r="N848769" s="10"/>
    </row>
    <row r="848770" spans="14:14">
      <c r="N848770" s="10"/>
    </row>
    <row r="848771" spans="14:14">
      <c r="N848771" s="10"/>
    </row>
    <row r="848772" spans="14:14">
      <c r="N848772" s="10"/>
    </row>
    <row r="848773" spans="14:14">
      <c r="N848773" s="10"/>
    </row>
    <row r="848774" spans="14:14">
      <c r="N848774" s="10"/>
    </row>
    <row r="848775" spans="14:14">
      <c r="N848775" s="10"/>
    </row>
    <row r="848776" spans="14:14">
      <c r="N848776" s="10"/>
    </row>
    <row r="848777" spans="14:14">
      <c r="N848777" s="10"/>
    </row>
    <row r="848778" spans="14:14">
      <c r="N848778" s="10"/>
    </row>
    <row r="848779" spans="14:14">
      <c r="N848779" s="10"/>
    </row>
    <row r="848780" spans="14:14">
      <c r="N848780" s="10"/>
    </row>
    <row r="848781" spans="14:14">
      <c r="N848781" s="10"/>
    </row>
    <row r="848782" spans="14:14">
      <c r="N848782" s="10"/>
    </row>
    <row r="848783" spans="14:14">
      <c r="N848783" s="10"/>
    </row>
    <row r="848784" spans="14:14">
      <c r="N848784" s="10"/>
    </row>
    <row r="848785" spans="14:14">
      <c r="N848785" s="10"/>
    </row>
    <row r="848786" spans="14:14">
      <c r="N848786" s="10"/>
    </row>
    <row r="848787" spans="14:14">
      <c r="N848787" s="10"/>
    </row>
    <row r="848788" spans="14:14">
      <c r="N848788" s="10"/>
    </row>
    <row r="848789" spans="14:14">
      <c r="N848789" s="10"/>
    </row>
    <row r="848790" spans="14:14">
      <c r="N848790" s="10"/>
    </row>
    <row r="848791" spans="14:14">
      <c r="N848791" s="10"/>
    </row>
    <row r="848792" spans="14:14">
      <c r="N848792" s="10"/>
    </row>
    <row r="848793" spans="14:14">
      <c r="N848793" s="10"/>
    </row>
    <row r="848794" spans="14:14">
      <c r="N848794" s="10"/>
    </row>
    <row r="848795" spans="14:14">
      <c r="N848795" s="10"/>
    </row>
    <row r="848796" spans="14:14">
      <c r="N848796" s="10"/>
    </row>
    <row r="848797" spans="14:14">
      <c r="N848797" s="10"/>
    </row>
    <row r="848798" spans="14:14">
      <c r="N848798" s="10"/>
    </row>
    <row r="848799" spans="14:14">
      <c r="N848799" s="10"/>
    </row>
    <row r="848800" spans="14:14">
      <c r="N848800" s="10"/>
    </row>
    <row r="848801" spans="14:14">
      <c r="N848801" s="10"/>
    </row>
    <row r="848802" spans="14:14">
      <c r="N848802" s="10"/>
    </row>
    <row r="848803" spans="14:14">
      <c r="N848803" s="10"/>
    </row>
    <row r="848804" spans="14:14">
      <c r="N848804" s="10"/>
    </row>
    <row r="848805" spans="14:14">
      <c r="N848805" s="10"/>
    </row>
    <row r="848806" spans="14:14">
      <c r="N848806" s="10"/>
    </row>
    <row r="848807" spans="14:14">
      <c r="N848807" s="10"/>
    </row>
    <row r="848808" spans="14:14">
      <c r="N848808" s="10"/>
    </row>
    <row r="848809" spans="14:14">
      <c r="N848809" s="10"/>
    </row>
    <row r="848810" spans="14:14">
      <c r="N848810" s="10"/>
    </row>
    <row r="848811" spans="14:14">
      <c r="N848811" s="10"/>
    </row>
    <row r="848812" spans="14:14">
      <c r="N848812" s="10"/>
    </row>
    <row r="848813" spans="14:14">
      <c r="N848813" s="10"/>
    </row>
    <row r="848814" spans="14:14">
      <c r="N848814" s="10"/>
    </row>
    <row r="848815" spans="14:14">
      <c r="N848815" s="10"/>
    </row>
    <row r="848816" spans="14:14">
      <c r="N848816" s="10"/>
    </row>
    <row r="848817" spans="14:14">
      <c r="N848817" s="10"/>
    </row>
    <row r="848818" spans="14:14">
      <c r="N848818" s="10"/>
    </row>
    <row r="848819" spans="14:14">
      <c r="N848819" s="10"/>
    </row>
    <row r="848820" spans="14:14">
      <c r="N848820" s="10"/>
    </row>
    <row r="848821" spans="14:14">
      <c r="N848821" s="10"/>
    </row>
    <row r="848822" spans="14:14">
      <c r="N848822" s="10"/>
    </row>
    <row r="848823" spans="14:14">
      <c r="N848823" s="10"/>
    </row>
    <row r="848824" spans="14:14">
      <c r="N848824" s="10"/>
    </row>
    <row r="848825" spans="14:14">
      <c r="N848825" s="10"/>
    </row>
    <row r="848826" spans="14:14">
      <c r="N848826" s="10"/>
    </row>
    <row r="848827" spans="14:14">
      <c r="N848827" s="10"/>
    </row>
    <row r="848828" spans="14:14">
      <c r="N848828" s="10"/>
    </row>
    <row r="848829" spans="14:14">
      <c r="N848829" s="10"/>
    </row>
    <row r="848830" spans="14:14">
      <c r="N848830" s="10"/>
    </row>
    <row r="848831" spans="14:14">
      <c r="N848831" s="10"/>
    </row>
    <row r="848832" spans="14:14">
      <c r="N848832" s="10"/>
    </row>
    <row r="848833" spans="14:14">
      <c r="N848833" s="10"/>
    </row>
    <row r="848834" spans="14:14">
      <c r="N848834" s="10"/>
    </row>
    <row r="848835" spans="14:14">
      <c r="N848835" s="10"/>
    </row>
    <row r="848836" spans="14:14">
      <c r="N848836" s="10"/>
    </row>
    <row r="848837" spans="14:14">
      <c r="N848837" s="10"/>
    </row>
    <row r="848838" spans="14:14">
      <c r="N848838" s="10"/>
    </row>
    <row r="848839" spans="14:14">
      <c r="N848839" s="10"/>
    </row>
    <row r="848840" spans="14:14">
      <c r="N848840" s="10"/>
    </row>
    <row r="848841" spans="14:14">
      <c r="N848841" s="10"/>
    </row>
    <row r="848842" spans="14:14">
      <c r="N848842" s="10"/>
    </row>
    <row r="848843" spans="14:14">
      <c r="N848843" s="10"/>
    </row>
    <row r="848844" spans="14:14">
      <c r="N848844" s="10"/>
    </row>
    <row r="848845" spans="14:14">
      <c r="N848845" s="10"/>
    </row>
    <row r="848846" spans="14:14">
      <c r="N848846" s="10"/>
    </row>
    <row r="848847" spans="14:14">
      <c r="N848847" s="10"/>
    </row>
    <row r="848848" spans="14:14">
      <c r="N848848" s="10"/>
    </row>
    <row r="848849" spans="14:14">
      <c r="N848849" s="10"/>
    </row>
    <row r="848850" spans="14:14">
      <c r="N848850" s="10"/>
    </row>
    <row r="848851" spans="14:14">
      <c r="N848851" s="10"/>
    </row>
    <row r="848852" spans="14:14">
      <c r="N848852" s="10"/>
    </row>
    <row r="848853" spans="14:14">
      <c r="N848853" s="10"/>
    </row>
    <row r="848854" spans="14:14">
      <c r="N848854" s="10"/>
    </row>
    <row r="848855" spans="14:14">
      <c r="N848855" s="10"/>
    </row>
    <row r="848856" spans="14:14">
      <c r="N848856" s="10"/>
    </row>
    <row r="848857" spans="14:14">
      <c r="N848857" s="10"/>
    </row>
    <row r="848858" spans="14:14">
      <c r="N848858" s="10"/>
    </row>
    <row r="848859" spans="14:14">
      <c r="N848859" s="10"/>
    </row>
    <row r="848860" spans="14:14">
      <c r="N848860" s="10"/>
    </row>
    <row r="848861" spans="14:14">
      <c r="N848861" s="10"/>
    </row>
    <row r="848862" spans="14:14">
      <c r="N848862" s="10"/>
    </row>
    <row r="848863" spans="14:14">
      <c r="N848863" s="10"/>
    </row>
    <row r="848864" spans="14:14">
      <c r="N848864" s="10"/>
    </row>
    <row r="848865" spans="14:14">
      <c r="N848865" s="10"/>
    </row>
    <row r="848866" spans="14:14">
      <c r="N848866" s="10"/>
    </row>
    <row r="848867" spans="14:14">
      <c r="N848867" s="10"/>
    </row>
    <row r="848868" spans="14:14">
      <c r="N848868" s="10"/>
    </row>
    <row r="848869" spans="14:14">
      <c r="N848869" s="10"/>
    </row>
    <row r="848870" spans="14:14">
      <c r="N848870" s="10"/>
    </row>
    <row r="848871" spans="14:14">
      <c r="N848871" s="10"/>
    </row>
    <row r="848872" spans="14:14">
      <c r="N848872" s="10"/>
    </row>
    <row r="848873" spans="14:14">
      <c r="N848873" s="10"/>
    </row>
    <row r="848874" spans="14:14">
      <c r="N848874" s="10"/>
    </row>
    <row r="848875" spans="14:14">
      <c r="N848875" s="10"/>
    </row>
    <row r="848876" spans="14:14">
      <c r="N848876" s="10"/>
    </row>
    <row r="848877" spans="14:14">
      <c r="N848877" s="10"/>
    </row>
    <row r="848878" spans="14:14">
      <c r="N848878" s="10"/>
    </row>
    <row r="848879" spans="14:14">
      <c r="N848879" s="10"/>
    </row>
    <row r="848880" spans="14:14">
      <c r="N848880" s="10"/>
    </row>
    <row r="848881" spans="14:14">
      <c r="N848881" s="10"/>
    </row>
    <row r="848882" spans="14:14">
      <c r="N848882" s="10"/>
    </row>
    <row r="848883" spans="14:14">
      <c r="N848883" s="10"/>
    </row>
    <row r="848884" spans="14:14">
      <c r="N848884" s="10"/>
    </row>
    <row r="848885" spans="14:14">
      <c r="N848885" s="10"/>
    </row>
    <row r="848886" spans="14:14">
      <c r="N848886" s="10"/>
    </row>
    <row r="848887" spans="14:14">
      <c r="N848887" s="10"/>
    </row>
    <row r="848888" spans="14:14">
      <c r="N848888" s="10"/>
    </row>
    <row r="848889" spans="14:14">
      <c r="N848889" s="10"/>
    </row>
    <row r="848890" spans="14:14">
      <c r="N848890" s="10"/>
    </row>
    <row r="848891" spans="14:14">
      <c r="N848891" s="10"/>
    </row>
    <row r="848892" spans="14:14">
      <c r="N848892" s="10"/>
    </row>
    <row r="848893" spans="14:14">
      <c r="N848893" s="10"/>
    </row>
    <row r="848894" spans="14:14">
      <c r="N848894" s="10"/>
    </row>
    <row r="848895" spans="14:14">
      <c r="N848895" s="10"/>
    </row>
    <row r="848896" spans="14:14">
      <c r="N848896" s="10"/>
    </row>
    <row r="848897" spans="14:14">
      <c r="N848897" s="10"/>
    </row>
    <row r="848898" spans="14:14">
      <c r="N848898" s="10"/>
    </row>
    <row r="848899" spans="14:14">
      <c r="N848899" s="10"/>
    </row>
    <row r="848900" spans="14:14">
      <c r="N848900" s="10"/>
    </row>
    <row r="848901" spans="14:14">
      <c r="N848901" s="10"/>
    </row>
    <row r="848902" spans="14:14">
      <c r="N848902" s="10"/>
    </row>
    <row r="848903" spans="14:14">
      <c r="N848903" s="10"/>
    </row>
    <row r="848904" spans="14:14">
      <c r="N848904" s="10"/>
    </row>
    <row r="848905" spans="14:14">
      <c r="N848905" s="10"/>
    </row>
    <row r="848906" spans="14:14">
      <c r="N848906" s="10"/>
    </row>
    <row r="848907" spans="14:14">
      <c r="N848907" s="10"/>
    </row>
    <row r="848908" spans="14:14">
      <c r="N848908" s="10"/>
    </row>
    <row r="848909" spans="14:14">
      <c r="N848909" s="10"/>
    </row>
    <row r="848910" spans="14:14">
      <c r="N848910" s="10"/>
    </row>
    <row r="848911" spans="14:14">
      <c r="N848911" s="10"/>
    </row>
    <row r="848912" spans="14:14">
      <c r="N848912" s="10"/>
    </row>
    <row r="848913" spans="14:14">
      <c r="N848913" s="10"/>
    </row>
    <row r="848914" spans="14:14">
      <c r="N848914" s="10"/>
    </row>
    <row r="848915" spans="14:14">
      <c r="N848915" s="10"/>
    </row>
    <row r="848916" spans="14:14">
      <c r="N848916" s="10"/>
    </row>
    <row r="848917" spans="14:14">
      <c r="N848917" s="10"/>
    </row>
    <row r="848918" spans="14:14">
      <c r="N848918" s="10"/>
    </row>
    <row r="848919" spans="14:14">
      <c r="N848919" s="10"/>
    </row>
    <row r="848920" spans="14:14">
      <c r="N848920" s="10"/>
    </row>
    <row r="848921" spans="14:14">
      <c r="N848921" s="10"/>
    </row>
    <row r="848922" spans="14:14">
      <c r="N848922" s="10"/>
    </row>
    <row r="848923" spans="14:14">
      <c r="N848923" s="10"/>
    </row>
    <row r="848924" spans="14:14">
      <c r="N848924" s="10"/>
    </row>
    <row r="848925" spans="14:14">
      <c r="N848925" s="10"/>
    </row>
    <row r="848926" spans="14:14">
      <c r="N848926" s="10"/>
    </row>
    <row r="848927" spans="14:14">
      <c r="N848927" s="10"/>
    </row>
    <row r="848928" spans="14:14">
      <c r="N848928" s="10"/>
    </row>
    <row r="848929" spans="14:14">
      <c r="N848929" s="10"/>
    </row>
    <row r="848930" spans="14:14">
      <c r="N848930" s="10"/>
    </row>
    <row r="848931" spans="14:14">
      <c r="N848931" s="10"/>
    </row>
    <row r="848932" spans="14:14">
      <c r="N848932" s="10"/>
    </row>
    <row r="848933" spans="14:14">
      <c r="N848933" s="10"/>
    </row>
    <row r="848934" spans="14:14">
      <c r="N848934" s="10"/>
    </row>
    <row r="848935" spans="14:14">
      <c r="N848935" s="10"/>
    </row>
    <row r="848936" spans="14:14">
      <c r="N848936" s="10"/>
    </row>
    <row r="848937" spans="14:14">
      <c r="N848937" s="10"/>
    </row>
    <row r="848938" spans="14:14">
      <c r="N848938" s="10"/>
    </row>
    <row r="848939" spans="14:14">
      <c r="N848939" s="10"/>
    </row>
    <row r="848940" spans="14:14">
      <c r="N848940" s="10"/>
    </row>
    <row r="848941" spans="14:14">
      <c r="N848941" s="10"/>
    </row>
    <row r="848942" spans="14:14">
      <c r="N848942" s="10"/>
    </row>
    <row r="848943" spans="14:14">
      <c r="N848943" s="10"/>
    </row>
    <row r="848944" spans="14:14">
      <c r="N848944" s="10"/>
    </row>
    <row r="848945" spans="14:14">
      <c r="N848945" s="10"/>
    </row>
    <row r="848946" spans="14:14">
      <c r="N848946" s="10"/>
    </row>
    <row r="848947" spans="14:14">
      <c r="N848947" s="10"/>
    </row>
    <row r="848948" spans="14:14">
      <c r="N848948" s="10"/>
    </row>
    <row r="848949" spans="14:14">
      <c r="N848949" s="10"/>
    </row>
    <row r="848950" spans="14:14">
      <c r="N848950" s="10"/>
    </row>
    <row r="848951" spans="14:14">
      <c r="N848951" s="10"/>
    </row>
    <row r="848952" spans="14:14">
      <c r="N848952" s="10"/>
    </row>
    <row r="848953" spans="14:14">
      <c r="N848953" s="10"/>
    </row>
    <row r="848954" spans="14:14">
      <c r="N848954" s="10"/>
    </row>
    <row r="848955" spans="14:14">
      <c r="N848955" s="10"/>
    </row>
    <row r="848956" spans="14:14">
      <c r="N848956" s="10"/>
    </row>
    <row r="848957" spans="14:14">
      <c r="N848957" s="10"/>
    </row>
    <row r="848958" spans="14:14">
      <c r="N848958" s="10"/>
    </row>
    <row r="848959" spans="14:14">
      <c r="N848959" s="10"/>
    </row>
    <row r="848960" spans="14:14">
      <c r="N848960" s="10"/>
    </row>
    <row r="848961" spans="14:14">
      <c r="N848961" s="10"/>
    </row>
    <row r="848962" spans="14:14">
      <c r="N848962" s="10"/>
    </row>
    <row r="848963" spans="14:14">
      <c r="N848963" s="10"/>
    </row>
    <row r="848964" spans="14:14">
      <c r="N848964" s="10"/>
    </row>
    <row r="848965" spans="14:14">
      <c r="N848965" s="10"/>
    </row>
    <row r="848966" spans="14:14">
      <c r="N848966" s="10"/>
    </row>
    <row r="848967" spans="14:14">
      <c r="N848967" s="10"/>
    </row>
    <row r="848968" spans="14:14">
      <c r="N848968" s="10"/>
    </row>
    <row r="848969" spans="14:14">
      <c r="N848969" s="10"/>
    </row>
    <row r="848970" spans="14:14">
      <c r="N848970" s="10"/>
    </row>
    <row r="848971" spans="14:14">
      <c r="N848971" s="10"/>
    </row>
    <row r="848972" spans="14:14">
      <c r="N848972" s="10"/>
    </row>
    <row r="848973" spans="14:14">
      <c r="N848973" s="10"/>
    </row>
    <row r="848974" spans="14:14">
      <c r="N848974" s="10"/>
    </row>
    <row r="848975" spans="14:14">
      <c r="N848975" s="10"/>
    </row>
    <row r="848976" spans="14:14">
      <c r="N848976" s="10"/>
    </row>
    <row r="848977" spans="14:14">
      <c r="N848977" s="10"/>
    </row>
    <row r="848978" spans="14:14">
      <c r="N848978" s="10"/>
    </row>
    <row r="848979" spans="14:14">
      <c r="N848979" s="10"/>
    </row>
    <row r="848980" spans="14:14">
      <c r="N848980" s="10"/>
    </row>
    <row r="848981" spans="14:14">
      <c r="N848981" s="10"/>
    </row>
    <row r="848982" spans="14:14">
      <c r="N848982" s="10"/>
    </row>
    <row r="848983" spans="14:14">
      <c r="N848983" s="10"/>
    </row>
    <row r="848984" spans="14:14">
      <c r="N848984" s="10"/>
    </row>
    <row r="848985" spans="14:14">
      <c r="N848985" s="10"/>
    </row>
    <row r="848986" spans="14:14">
      <c r="N848986" s="10"/>
    </row>
    <row r="848987" spans="14:14">
      <c r="N848987" s="10"/>
    </row>
    <row r="848988" spans="14:14">
      <c r="N848988" s="10"/>
    </row>
    <row r="848989" spans="14:14">
      <c r="N848989" s="10"/>
    </row>
    <row r="848990" spans="14:14">
      <c r="N848990" s="10"/>
    </row>
    <row r="848991" spans="14:14">
      <c r="N848991" s="10"/>
    </row>
    <row r="848992" spans="14:14">
      <c r="N848992" s="10"/>
    </row>
    <row r="848993" spans="14:14">
      <c r="N848993" s="10"/>
    </row>
    <row r="848994" spans="14:14">
      <c r="N848994" s="10"/>
    </row>
    <row r="848995" spans="14:14">
      <c r="N848995" s="10"/>
    </row>
    <row r="848996" spans="14:14">
      <c r="N848996" s="10"/>
    </row>
    <row r="848997" spans="14:14">
      <c r="N848997" s="10"/>
    </row>
    <row r="848998" spans="14:14">
      <c r="N848998" s="10"/>
    </row>
    <row r="848999" spans="14:14">
      <c r="N848999" s="10"/>
    </row>
    <row r="849000" spans="14:14">
      <c r="N849000" s="10"/>
    </row>
    <row r="849001" spans="14:14">
      <c r="N849001" s="10"/>
    </row>
    <row r="849002" spans="14:14">
      <c r="N849002" s="10"/>
    </row>
    <row r="849003" spans="14:14">
      <c r="N849003" s="10"/>
    </row>
    <row r="849004" spans="14:14">
      <c r="N849004" s="10"/>
    </row>
    <row r="849005" spans="14:14">
      <c r="N849005" s="10"/>
    </row>
    <row r="849006" spans="14:14">
      <c r="N849006" s="10"/>
    </row>
    <row r="849007" spans="14:14">
      <c r="N849007" s="10"/>
    </row>
    <row r="849008" spans="14:14">
      <c r="N849008" s="10"/>
    </row>
    <row r="849009" spans="14:14">
      <c r="N849009" s="10"/>
    </row>
    <row r="849010" spans="14:14">
      <c r="N849010" s="10"/>
    </row>
    <row r="849011" spans="14:14">
      <c r="N849011" s="10"/>
    </row>
    <row r="849012" spans="14:14">
      <c r="N849012" s="10"/>
    </row>
    <row r="849013" spans="14:14">
      <c r="N849013" s="10"/>
    </row>
    <row r="849014" spans="14:14">
      <c r="N849014" s="10"/>
    </row>
    <row r="849015" spans="14:14">
      <c r="N849015" s="10"/>
    </row>
    <row r="849016" spans="14:14">
      <c r="N849016" s="10"/>
    </row>
    <row r="849017" spans="14:14">
      <c r="N849017" s="10"/>
    </row>
    <row r="849018" spans="14:14">
      <c r="N849018" s="10"/>
    </row>
    <row r="849019" spans="14:14">
      <c r="N849019" s="10"/>
    </row>
    <row r="849020" spans="14:14">
      <c r="N849020" s="10"/>
    </row>
    <row r="849021" spans="14:14">
      <c r="N849021" s="10"/>
    </row>
    <row r="849022" spans="14:14">
      <c r="N849022" s="10"/>
    </row>
    <row r="849023" spans="14:14">
      <c r="N849023" s="10"/>
    </row>
    <row r="849024" spans="14:14">
      <c r="N849024" s="10"/>
    </row>
    <row r="849025" spans="14:14">
      <c r="N849025" s="10"/>
    </row>
    <row r="849026" spans="14:14">
      <c r="N849026" s="10"/>
    </row>
    <row r="849027" spans="14:14">
      <c r="N849027" s="10"/>
    </row>
    <row r="849028" spans="14:14">
      <c r="N849028" s="10"/>
    </row>
    <row r="849029" spans="14:14">
      <c r="N849029" s="10"/>
    </row>
    <row r="849030" spans="14:14">
      <c r="N849030" s="10"/>
    </row>
    <row r="849031" spans="14:14">
      <c r="N849031" s="10"/>
    </row>
    <row r="849032" spans="14:14">
      <c r="N849032" s="10"/>
    </row>
    <row r="849033" spans="14:14">
      <c r="N849033" s="10"/>
    </row>
    <row r="849034" spans="14:14">
      <c r="N849034" s="10"/>
    </row>
    <row r="849035" spans="14:14">
      <c r="N849035" s="10"/>
    </row>
    <row r="849036" spans="14:14">
      <c r="N849036" s="10"/>
    </row>
    <row r="849037" spans="14:14">
      <c r="N849037" s="10"/>
    </row>
    <row r="849038" spans="14:14">
      <c r="N849038" s="10"/>
    </row>
    <row r="849039" spans="14:14">
      <c r="N849039" s="10"/>
    </row>
    <row r="849040" spans="14:14">
      <c r="N849040" s="10"/>
    </row>
    <row r="849041" spans="14:14">
      <c r="N849041" s="10"/>
    </row>
    <row r="849042" spans="14:14">
      <c r="N849042" s="10"/>
    </row>
    <row r="849043" spans="14:14">
      <c r="N849043" s="10"/>
    </row>
    <row r="849044" spans="14:14">
      <c r="N849044" s="10"/>
    </row>
    <row r="849045" spans="14:14">
      <c r="N849045" s="10"/>
    </row>
    <row r="849046" spans="14:14">
      <c r="N849046" s="10"/>
    </row>
    <row r="849047" spans="14:14">
      <c r="N849047" s="10"/>
    </row>
    <row r="849048" spans="14:14">
      <c r="N849048" s="10"/>
    </row>
    <row r="849049" spans="14:14">
      <c r="N849049" s="10"/>
    </row>
    <row r="849050" spans="14:14">
      <c r="N849050" s="10"/>
    </row>
    <row r="849051" spans="14:14">
      <c r="N849051" s="10"/>
    </row>
    <row r="849052" spans="14:14">
      <c r="N849052" s="10"/>
    </row>
    <row r="849053" spans="14:14">
      <c r="N849053" s="10"/>
    </row>
    <row r="849054" spans="14:14">
      <c r="N849054" s="10"/>
    </row>
    <row r="849055" spans="14:14">
      <c r="N849055" s="10"/>
    </row>
    <row r="849056" spans="14:14">
      <c r="N849056" s="10"/>
    </row>
    <row r="849057" spans="14:14">
      <c r="N849057" s="10"/>
    </row>
    <row r="849058" spans="14:14">
      <c r="N849058" s="10"/>
    </row>
    <row r="849059" spans="14:14">
      <c r="N849059" s="10"/>
    </row>
    <row r="849060" spans="14:14">
      <c r="N849060" s="10"/>
    </row>
    <row r="849061" spans="14:14">
      <c r="N849061" s="10"/>
    </row>
    <row r="849062" spans="14:14">
      <c r="N849062" s="10"/>
    </row>
    <row r="849063" spans="14:14">
      <c r="N849063" s="10"/>
    </row>
    <row r="849064" spans="14:14">
      <c r="N849064" s="10"/>
    </row>
    <row r="849065" spans="14:14">
      <c r="N849065" s="10"/>
    </row>
    <row r="849066" spans="14:14">
      <c r="N849066" s="10"/>
    </row>
    <row r="849067" spans="14:14">
      <c r="N849067" s="10"/>
    </row>
    <row r="849068" spans="14:14">
      <c r="N849068" s="10"/>
    </row>
    <row r="849069" spans="14:14">
      <c r="N849069" s="10"/>
    </row>
    <row r="849070" spans="14:14">
      <c r="N849070" s="10"/>
    </row>
    <row r="849071" spans="14:14">
      <c r="N849071" s="10"/>
    </row>
    <row r="849072" spans="14:14">
      <c r="N849072" s="10"/>
    </row>
    <row r="849073" spans="14:14">
      <c r="N849073" s="10"/>
    </row>
    <row r="849074" spans="14:14">
      <c r="N849074" s="10"/>
    </row>
    <row r="849075" spans="14:14">
      <c r="N849075" s="10"/>
    </row>
    <row r="849076" spans="14:14">
      <c r="N849076" s="10"/>
    </row>
    <row r="849077" spans="14:14">
      <c r="N849077" s="10"/>
    </row>
    <row r="849078" spans="14:14">
      <c r="N849078" s="10"/>
    </row>
    <row r="849079" spans="14:14">
      <c r="N849079" s="10"/>
    </row>
    <row r="849080" spans="14:14">
      <c r="N849080" s="10"/>
    </row>
    <row r="849081" spans="14:14">
      <c r="N849081" s="10"/>
    </row>
    <row r="849082" spans="14:14">
      <c r="N849082" s="10"/>
    </row>
    <row r="849083" spans="14:14">
      <c r="N849083" s="10"/>
    </row>
    <row r="849084" spans="14:14">
      <c r="N849084" s="10"/>
    </row>
    <row r="849085" spans="14:14">
      <c r="N849085" s="10"/>
    </row>
    <row r="849086" spans="14:14">
      <c r="N849086" s="10"/>
    </row>
    <row r="849087" spans="14:14">
      <c r="N849087" s="10"/>
    </row>
    <row r="849088" spans="14:14">
      <c r="N849088" s="10"/>
    </row>
    <row r="849089" spans="14:14">
      <c r="N849089" s="10"/>
    </row>
    <row r="849090" spans="14:14">
      <c r="N849090" s="10"/>
    </row>
    <row r="849091" spans="14:14">
      <c r="N849091" s="10"/>
    </row>
    <row r="849092" spans="14:14">
      <c r="N849092" s="10"/>
    </row>
    <row r="849093" spans="14:14">
      <c r="N849093" s="10"/>
    </row>
    <row r="849094" spans="14:14">
      <c r="N849094" s="10"/>
    </row>
    <row r="849095" spans="14:14">
      <c r="N849095" s="10"/>
    </row>
    <row r="849096" spans="14:14">
      <c r="N849096" s="10"/>
    </row>
    <row r="849097" spans="14:14">
      <c r="N849097" s="10"/>
    </row>
    <row r="849098" spans="14:14">
      <c r="N849098" s="10"/>
    </row>
    <row r="849099" spans="14:14">
      <c r="N849099" s="10"/>
    </row>
    <row r="849100" spans="14:14">
      <c r="N849100" s="10"/>
    </row>
    <row r="849101" spans="14:14">
      <c r="N849101" s="10"/>
    </row>
    <row r="849102" spans="14:14">
      <c r="N849102" s="10"/>
    </row>
    <row r="849103" spans="14:14">
      <c r="N849103" s="10"/>
    </row>
    <row r="849104" spans="14:14">
      <c r="N849104" s="10"/>
    </row>
    <row r="849105" spans="14:14">
      <c r="N849105" s="10"/>
    </row>
    <row r="849106" spans="14:14">
      <c r="N849106" s="10"/>
    </row>
    <row r="849107" spans="14:14">
      <c r="N849107" s="10"/>
    </row>
    <row r="849108" spans="14:14">
      <c r="N849108" s="10"/>
    </row>
    <row r="849109" spans="14:14">
      <c r="N849109" s="10"/>
    </row>
    <row r="849110" spans="14:14">
      <c r="N849110" s="10"/>
    </row>
    <row r="849111" spans="14:14">
      <c r="N849111" s="10"/>
    </row>
    <row r="849112" spans="14:14">
      <c r="N849112" s="10"/>
    </row>
    <row r="849113" spans="14:14">
      <c r="N849113" s="10"/>
    </row>
    <row r="849114" spans="14:14">
      <c r="N849114" s="10"/>
    </row>
    <row r="849115" spans="14:14">
      <c r="N849115" s="10"/>
    </row>
    <row r="849116" spans="14:14">
      <c r="N849116" s="10"/>
    </row>
    <row r="849117" spans="14:14">
      <c r="N849117" s="10"/>
    </row>
    <row r="849118" spans="14:14">
      <c r="N849118" s="10"/>
    </row>
    <row r="849119" spans="14:14">
      <c r="N849119" s="10"/>
    </row>
    <row r="849120" spans="14:14">
      <c r="N849120" s="10"/>
    </row>
    <row r="849121" spans="14:14">
      <c r="N849121" s="10"/>
    </row>
    <row r="849122" spans="14:14">
      <c r="N849122" s="10"/>
    </row>
    <row r="849123" spans="14:14">
      <c r="N849123" s="10"/>
    </row>
    <row r="849124" spans="14:14">
      <c r="N849124" s="10"/>
    </row>
    <row r="849125" spans="14:14">
      <c r="N849125" s="10"/>
    </row>
    <row r="849126" spans="14:14">
      <c r="N849126" s="10"/>
    </row>
    <row r="849127" spans="14:14">
      <c r="N849127" s="10"/>
    </row>
    <row r="849128" spans="14:14">
      <c r="N849128" s="10"/>
    </row>
    <row r="849129" spans="14:14">
      <c r="N849129" s="10"/>
    </row>
    <row r="849130" spans="14:14">
      <c r="N849130" s="10"/>
    </row>
    <row r="849131" spans="14:14">
      <c r="N849131" s="10"/>
    </row>
    <row r="849132" spans="14:14">
      <c r="N849132" s="10"/>
    </row>
    <row r="849133" spans="14:14">
      <c r="N849133" s="10"/>
    </row>
    <row r="849134" spans="14:14">
      <c r="N849134" s="10"/>
    </row>
    <row r="849135" spans="14:14">
      <c r="N849135" s="10"/>
    </row>
    <row r="849136" spans="14:14">
      <c r="N849136" s="10"/>
    </row>
    <row r="849137" spans="14:14">
      <c r="N849137" s="10"/>
    </row>
    <row r="849138" spans="14:14">
      <c r="N849138" s="10"/>
    </row>
    <row r="849139" spans="14:14">
      <c r="N849139" s="10"/>
    </row>
    <row r="849140" spans="14:14">
      <c r="N849140" s="10"/>
    </row>
    <row r="849141" spans="14:14">
      <c r="N849141" s="10"/>
    </row>
    <row r="849142" spans="14:14">
      <c r="N849142" s="10"/>
    </row>
    <row r="849143" spans="14:14">
      <c r="N849143" s="10"/>
    </row>
    <row r="849144" spans="14:14">
      <c r="N849144" s="10"/>
    </row>
    <row r="849145" spans="14:14">
      <c r="N849145" s="10"/>
    </row>
    <row r="849146" spans="14:14">
      <c r="N849146" s="10"/>
    </row>
    <row r="849147" spans="14:14">
      <c r="N849147" s="10"/>
    </row>
    <row r="849148" spans="14:14">
      <c r="N849148" s="10"/>
    </row>
    <row r="849149" spans="14:14">
      <c r="N849149" s="10"/>
    </row>
    <row r="849150" spans="14:14">
      <c r="N849150" s="10"/>
    </row>
    <row r="849151" spans="14:14">
      <c r="N849151" s="10"/>
    </row>
    <row r="849152" spans="14:14">
      <c r="N849152" s="10"/>
    </row>
    <row r="849153" spans="14:14">
      <c r="N849153" s="10"/>
    </row>
    <row r="849154" spans="14:14">
      <c r="N849154" s="10"/>
    </row>
    <row r="849155" spans="14:14">
      <c r="N849155" s="10"/>
    </row>
    <row r="849156" spans="14:14">
      <c r="N849156" s="10"/>
    </row>
    <row r="849157" spans="14:14">
      <c r="N849157" s="10"/>
    </row>
    <row r="849158" spans="14:14">
      <c r="N849158" s="10"/>
    </row>
    <row r="849159" spans="14:14">
      <c r="N849159" s="10"/>
    </row>
    <row r="849160" spans="14:14">
      <c r="N849160" s="10"/>
    </row>
    <row r="849161" spans="14:14">
      <c r="N849161" s="10"/>
    </row>
    <row r="849162" spans="14:14">
      <c r="N849162" s="10"/>
    </row>
    <row r="849163" spans="14:14">
      <c r="N849163" s="10"/>
    </row>
    <row r="849164" spans="14:14">
      <c r="N849164" s="10"/>
    </row>
    <row r="849165" spans="14:14">
      <c r="N849165" s="10"/>
    </row>
    <row r="849166" spans="14:14">
      <c r="N849166" s="10"/>
    </row>
    <row r="849167" spans="14:14">
      <c r="N849167" s="10"/>
    </row>
    <row r="849168" spans="14:14">
      <c r="N849168" s="10"/>
    </row>
    <row r="849169" spans="14:14">
      <c r="N849169" s="10"/>
    </row>
    <row r="849170" spans="14:14">
      <c r="N849170" s="10"/>
    </row>
    <row r="849171" spans="14:14">
      <c r="N849171" s="10"/>
    </row>
    <row r="849172" spans="14:14">
      <c r="N849172" s="10"/>
    </row>
    <row r="849173" spans="14:14">
      <c r="N849173" s="10"/>
    </row>
    <row r="849174" spans="14:14">
      <c r="N849174" s="10"/>
    </row>
    <row r="849175" spans="14:14">
      <c r="N849175" s="10"/>
    </row>
    <row r="849176" spans="14:14">
      <c r="N849176" s="10"/>
    </row>
    <row r="849177" spans="14:14">
      <c r="N849177" s="10"/>
    </row>
    <row r="849178" spans="14:14">
      <c r="N849178" s="10"/>
    </row>
    <row r="849179" spans="14:14">
      <c r="N849179" s="10"/>
    </row>
    <row r="849180" spans="14:14">
      <c r="N849180" s="10"/>
    </row>
    <row r="849181" spans="14:14">
      <c r="N849181" s="10"/>
    </row>
    <row r="849182" spans="14:14">
      <c r="N849182" s="10"/>
    </row>
    <row r="849183" spans="14:14">
      <c r="N849183" s="10"/>
    </row>
    <row r="849184" spans="14:14">
      <c r="N849184" s="10"/>
    </row>
    <row r="849185" spans="14:14">
      <c r="N849185" s="10"/>
    </row>
    <row r="849186" spans="14:14">
      <c r="N849186" s="10"/>
    </row>
    <row r="849187" spans="14:14">
      <c r="N849187" s="10"/>
    </row>
    <row r="849188" spans="14:14">
      <c r="N849188" s="10"/>
    </row>
    <row r="849189" spans="14:14">
      <c r="N849189" s="10"/>
    </row>
    <row r="849190" spans="14:14">
      <c r="N849190" s="10"/>
    </row>
    <row r="849191" spans="14:14">
      <c r="N849191" s="10"/>
    </row>
    <row r="849192" spans="14:14">
      <c r="N849192" s="10"/>
    </row>
    <row r="849193" spans="14:14">
      <c r="N849193" s="10"/>
    </row>
    <row r="849194" spans="14:14">
      <c r="N849194" s="10"/>
    </row>
    <row r="849195" spans="14:14">
      <c r="N849195" s="10"/>
    </row>
    <row r="849196" spans="14:14">
      <c r="N849196" s="10"/>
    </row>
    <row r="849197" spans="14:14">
      <c r="N849197" s="10"/>
    </row>
    <row r="849198" spans="14:14">
      <c r="N849198" s="10"/>
    </row>
    <row r="849199" spans="14:14">
      <c r="N849199" s="10"/>
    </row>
    <row r="849200" spans="14:14">
      <c r="N849200" s="10"/>
    </row>
    <row r="849201" spans="14:14">
      <c r="N849201" s="10"/>
    </row>
    <row r="849202" spans="14:14">
      <c r="N849202" s="10"/>
    </row>
    <row r="849203" spans="14:14">
      <c r="N849203" s="10"/>
    </row>
    <row r="849204" spans="14:14">
      <c r="N849204" s="10"/>
    </row>
    <row r="849205" spans="14:14">
      <c r="N849205" s="10"/>
    </row>
    <row r="849206" spans="14:14">
      <c r="N849206" s="10"/>
    </row>
    <row r="849207" spans="14:14">
      <c r="N849207" s="10"/>
    </row>
    <row r="849208" spans="14:14">
      <c r="N849208" s="10"/>
    </row>
    <row r="849209" spans="14:14">
      <c r="N849209" s="10"/>
    </row>
    <row r="849210" spans="14:14">
      <c r="N849210" s="10"/>
    </row>
    <row r="849211" spans="14:14">
      <c r="N849211" s="10"/>
    </row>
    <row r="849212" spans="14:14">
      <c r="N849212" s="10"/>
    </row>
    <row r="849213" spans="14:14">
      <c r="N849213" s="10"/>
    </row>
    <row r="849214" spans="14:14">
      <c r="N849214" s="10"/>
    </row>
    <row r="849215" spans="14:14">
      <c r="N849215" s="10"/>
    </row>
    <row r="849216" spans="14:14">
      <c r="N849216" s="10"/>
    </row>
    <row r="849217" spans="14:14">
      <c r="N849217" s="10"/>
    </row>
    <row r="849218" spans="14:14">
      <c r="N849218" s="10"/>
    </row>
    <row r="849219" spans="14:14">
      <c r="N849219" s="10"/>
    </row>
    <row r="849220" spans="14:14">
      <c r="N849220" s="10"/>
    </row>
    <row r="849221" spans="14:14">
      <c r="N849221" s="10"/>
    </row>
    <row r="849222" spans="14:14">
      <c r="N849222" s="10"/>
    </row>
    <row r="849223" spans="14:14">
      <c r="N849223" s="10"/>
    </row>
    <row r="849224" spans="14:14">
      <c r="N849224" s="10"/>
    </row>
    <row r="849225" spans="14:14">
      <c r="N849225" s="10"/>
    </row>
    <row r="849226" spans="14:14">
      <c r="N849226" s="10"/>
    </row>
    <row r="849227" spans="14:14">
      <c r="N849227" s="10"/>
    </row>
    <row r="849228" spans="14:14">
      <c r="N849228" s="10"/>
    </row>
    <row r="849229" spans="14:14">
      <c r="N849229" s="10"/>
    </row>
    <row r="849230" spans="14:14">
      <c r="N849230" s="10"/>
    </row>
    <row r="849231" spans="14:14">
      <c r="N849231" s="10"/>
    </row>
    <row r="849232" spans="14:14">
      <c r="N849232" s="10"/>
    </row>
    <row r="849233" spans="14:14">
      <c r="N849233" s="10"/>
    </row>
    <row r="849234" spans="14:14">
      <c r="N849234" s="10"/>
    </row>
    <row r="849235" spans="14:14">
      <c r="N849235" s="10"/>
    </row>
    <row r="849236" spans="14:14">
      <c r="N849236" s="10"/>
    </row>
    <row r="849237" spans="14:14">
      <c r="N849237" s="10"/>
    </row>
    <row r="849238" spans="14:14">
      <c r="N849238" s="10"/>
    </row>
    <row r="849239" spans="14:14">
      <c r="N849239" s="10"/>
    </row>
    <row r="849240" spans="14:14">
      <c r="N849240" s="10"/>
    </row>
    <row r="849241" spans="14:14">
      <c r="N849241" s="10"/>
    </row>
    <row r="849242" spans="14:14">
      <c r="N849242" s="10"/>
    </row>
    <row r="849243" spans="14:14">
      <c r="N849243" s="10"/>
    </row>
    <row r="849244" spans="14:14">
      <c r="N849244" s="10"/>
    </row>
    <row r="849245" spans="14:14">
      <c r="N849245" s="10"/>
    </row>
    <row r="849246" spans="14:14">
      <c r="N849246" s="10"/>
    </row>
    <row r="849247" spans="14:14">
      <c r="N849247" s="10"/>
    </row>
    <row r="849248" spans="14:14">
      <c r="N849248" s="10"/>
    </row>
    <row r="849249" spans="14:14">
      <c r="N849249" s="10"/>
    </row>
    <row r="849250" spans="14:14">
      <c r="N849250" s="10"/>
    </row>
    <row r="849251" spans="14:14">
      <c r="N849251" s="10"/>
    </row>
    <row r="849252" spans="14:14">
      <c r="N849252" s="10"/>
    </row>
    <row r="849253" spans="14:14">
      <c r="N849253" s="10"/>
    </row>
    <row r="849254" spans="14:14">
      <c r="N849254" s="10"/>
    </row>
    <row r="849255" spans="14:14">
      <c r="N849255" s="10"/>
    </row>
    <row r="849256" spans="14:14">
      <c r="N849256" s="10"/>
    </row>
    <row r="849257" spans="14:14">
      <c r="N849257" s="10"/>
    </row>
    <row r="849258" spans="14:14">
      <c r="N849258" s="10"/>
    </row>
    <row r="849259" spans="14:14">
      <c r="N849259" s="10"/>
    </row>
    <row r="849260" spans="14:14">
      <c r="N849260" s="10"/>
    </row>
    <row r="849261" spans="14:14">
      <c r="N849261" s="10"/>
    </row>
    <row r="849262" spans="14:14">
      <c r="N849262" s="10"/>
    </row>
    <row r="849263" spans="14:14">
      <c r="N849263" s="10"/>
    </row>
    <row r="849264" spans="14:14">
      <c r="N849264" s="10"/>
    </row>
    <row r="849265" spans="14:14">
      <c r="N849265" s="10"/>
    </row>
    <row r="849266" spans="14:14">
      <c r="N849266" s="10"/>
    </row>
    <row r="849267" spans="14:14">
      <c r="N849267" s="10"/>
    </row>
    <row r="849268" spans="14:14">
      <c r="N849268" s="10"/>
    </row>
    <row r="849269" spans="14:14">
      <c r="N849269" s="10"/>
    </row>
    <row r="849270" spans="14:14">
      <c r="N849270" s="10"/>
    </row>
    <row r="849271" spans="14:14">
      <c r="N849271" s="10"/>
    </row>
    <row r="849272" spans="14:14">
      <c r="N849272" s="10"/>
    </row>
    <row r="849273" spans="14:14">
      <c r="N849273" s="10"/>
    </row>
    <row r="849274" spans="14:14">
      <c r="N849274" s="10"/>
    </row>
    <row r="849275" spans="14:14">
      <c r="N849275" s="10"/>
    </row>
    <row r="849276" spans="14:14">
      <c r="N849276" s="10"/>
    </row>
    <row r="849277" spans="14:14">
      <c r="N849277" s="10"/>
    </row>
    <row r="849278" spans="14:14">
      <c r="N849278" s="10"/>
    </row>
    <row r="849279" spans="14:14">
      <c r="N849279" s="10"/>
    </row>
    <row r="849280" spans="14:14">
      <c r="N849280" s="10"/>
    </row>
    <row r="849281" spans="14:14">
      <c r="N849281" s="10"/>
    </row>
    <row r="849282" spans="14:14">
      <c r="N849282" s="10"/>
    </row>
    <row r="849283" spans="14:14">
      <c r="N849283" s="10"/>
    </row>
    <row r="849284" spans="14:14">
      <c r="N849284" s="10"/>
    </row>
    <row r="849285" spans="14:14">
      <c r="N849285" s="10"/>
    </row>
    <row r="849286" spans="14:14">
      <c r="N849286" s="10"/>
    </row>
    <row r="849287" spans="14:14">
      <c r="N849287" s="10"/>
    </row>
    <row r="849288" spans="14:14">
      <c r="N849288" s="10"/>
    </row>
    <row r="849289" spans="14:14">
      <c r="N849289" s="10"/>
    </row>
    <row r="849290" spans="14:14">
      <c r="N849290" s="10"/>
    </row>
    <row r="849291" spans="14:14">
      <c r="N849291" s="10"/>
    </row>
    <row r="849292" spans="14:14">
      <c r="N849292" s="10"/>
    </row>
    <row r="849293" spans="14:14">
      <c r="N849293" s="10"/>
    </row>
    <row r="849294" spans="14:14">
      <c r="N849294" s="10"/>
    </row>
    <row r="849295" spans="14:14">
      <c r="N849295" s="10"/>
    </row>
    <row r="849296" spans="14:14">
      <c r="N849296" s="10"/>
    </row>
    <row r="849297" spans="14:14">
      <c r="N849297" s="10"/>
    </row>
    <row r="849298" spans="14:14">
      <c r="N849298" s="10"/>
    </row>
    <row r="849299" spans="14:14">
      <c r="N849299" s="10"/>
    </row>
    <row r="849300" spans="14:14">
      <c r="N849300" s="10"/>
    </row>
    <row r="849301" spans="14:14">
      <c r="N849301" s="10"/>
    </row>
    <row r="849302" spans="14:14">
      <c r="N849302" s="10"/>
    </row>
    <row r="849303" spans="14:14">
      <c r="N849303" s="10"/>
    </row>
    <row r="849304" spans="14:14">
      <c r="N849304" s="10"/>
    </row>
    <row r="849305" spans="14:14">
      <c r="N849305" s="10"/>
    </row>
    <row r="849306" spans="14:14">
      <c r="N849306" s="10"/>
    </row>
    <row r="849307" spans="14:14">
      <c r="N849307" s="10"/>
    </row>
    <row r="849308" spans="14:14">
      <c r="N849308" s="10"/>
    </row>
    <row r="849309" spans="14:14">
      <c r="N849309" s="10"/>
    </row>
    <row r="849310" spans="14:14">
      <c r="N849310" s="10"/>
    </row>
    <row r="849311" spans="14:14">
      <c r="N849311" s="10"/>
    </row>
    <row r="849312" spans="14:14">
      <c r="N849312" s="10"/>
    </row>
    <row r="849313" spans="14:14">
      <c r="N849313" s="10"/>
    </row>
    <row r="849314" spans="14:14">
      <c r="N849314" s="10"/>
    </row>
    <row r="849315" spans="14:14">
      <c r="N849315" s="10"/>
    </row>
    <row r="849316" spans="14:14">
      <c r="N849316" s="10"/>
    </row>
    <row r="849317" spans="14:14">
      <c r="N849317" s="10"/>
    </row>
    <row r="849318" spans="14:14">
      <c r="N849318" s="10"/>
    </row>
    <row r="849319" spans="14:14">
      <c r="N849319" s="10"/>
    </row>
    <row r="849320" spans="14:14">
      <c r="N849320" s="10"/>
    </row>
    <row r="849321" spans="14:14">
      <c r="N849321" s="10"/>
    </row>
    <row r="849322" spans="14:14">
      <c r="N849322" s="10"/>
    </row>
    <row r="849323" spans="14:14">
      <c r="N849323" s="10"/>
    </row>
    <row r="849324" spans="14:14">
      <c r="N849324" s="10"/>
    </row>
    <row r="849325" spans="14:14">
      <c r="N849325" s="10"/>
    </row>
    <row r="849326" spans="14:14">
      <c r="N849326" s="10"/>
    </row>
    <row r="849327" spans="14:14">
      <c r="N849327" s="10"/>
    </row>
    <row r="849328" spans="14:14">
      <c r="N849328" s="10"/>
    </row>
    <row r="849329" spans="14:14">
      <c r="N849329" s="10"/>
    </row>
    <row r="849330" spans="14:14">
      <c r="N849330" s="10"/>
    </row>
    <row r="849331" spans="14:14">
      <c r="N849331" s="10"/>
    </row>
    <row r="849332" spans="14:14">
      <c r="N849332" s="10"/>
    </row>
    <row r="849333" spans="14:14">
      <c r="N849333" s="10"/>
    </row>
    <row r="849334" spans="14:14">
      <c r="N849334" s="10"/>
    </row>
    <row r="849335" spans="14:14">
      <c r="N849335" s="10"/>
    </row>
    <row r="849336" spans="14:14">
      <c r="N849336" s="10"/>
    </row>
    <row r="849337" spans="14:14">
      <c r="N849337" s="10"/>
    </row>
    <row r="849338" spans="14:14">
      <c r="N849338" s="10"/>
    </row>
    <row r="849339" spans="14:14">
      <c r="N849339" s="10"/>
    </row>
    <row r="849340" spans="14:14">
      <c r="N849340" s="10"/>
    </row>
    <row r="849341" spans="14:14">
      <c r="N849341" s="10"/>
    </row>
    <row r="849342" spans="14:14">
      <c r="N849342" s="10"/>
    </row>
    <row r="849343" spans="14:14">
      <c r="N849343" s="10"/>
    </row>
    <row r="849344" spans="14:14">
      <c r="N849344" s="10"/>
    </row>
    <row r="849345" spans="14:14">
      <c r="N849345" s="10"/>
    </row>
    <row r="849346" spans="14:14">
      <c r="N849346" s="10"/>
    </row>
    <row r="849347" spans="14:14">
      <c r="N849347" s="10"/>
    </row>
    <row r="849348" spans="14:14">
      <c r="N849348" s="10"/>
    </row>
    <row r="849349" spans="14:14">
      <c r="N849349" s="10"/>
    </row>
    <row r="849350" spans="14:14">
      <c r="N849350" s="10"/>
    </row>
    <row r="849351" spans="14:14">
      <c r="N849351" s="10"/>
    </row>
    <row r="849352" spans="14:14">
      <c r="N849352" s="10"/>
    </row>
    <row r="849353" spans="14:14">
      <c r="N849353" s="10"/>
    </row>
    <row r="849354" spans="14:14">
      <c r="N849354" s="10"/>
    </row>
    <row r="849355" spans="14:14">
      <c r="N849355" s="10"/>
    </row>
    <row r="849356" spans="14:14">
      <c r="N849356" s="10"/>
    </row>
    <row r="849357" spans="14:14">
      <c r="N849357" s="10"/>
    </row>
    <row r="849358" spans="14:14">
      <c r="N849358" s="10"/>
    </row>
    <row r="849359" spans="14:14">
      <c r="N849359" s="10"/>
    </row>
    <row r="849360" spans="14:14">
      <c r="N849360" s="10"/>
    </row>
    <row r="849361" spans="14:14">
      <c r="N849361" s="10"/>
    </row>
    <row r="849362" spans="14:14">
      <c r="N849362" s="10"/>
    </row>
    <row r="849363" spans="14:14">
      <c r="N849363" s="10"/>
    </row>
    <row r="849364" spans="14:14">
      <c r="N849364" s="10"/>
    </row>
    <row r="849365" spans="14:14">
      <c r="N849365" s="10"/>
    </row>
    <row r="849366" spans="14:14">
      <c r="N849366" s="10"/>
    </row>
    <row r="849367" spans="14:14">
      <c r="N849367" s="10"/>
    </row>
    <row r="849368" spans="14:14">
      <c r="N849368" s="10"/>
    </row>
    <row r="849369" spans="14:14">
      <c r="N849369" s="10"/>
    </row>
    <row r="849370" spans="14:14">
      <c r="N849370" s="10"/>
    </row>
    <row r="849371" spans="14:14">
      <c r="N849371" s="10"/>
    </row>
    <row r="849372" spans="14:14">
      <c r="N849372" s="10"/>
    </row>
    <row r="849373" spans="14:14">
      <c r="N849373" s="10"/>
    </row>
    <row r="849374" spans="14:14">
      <c r="N849374" s="10"/>
    </row>
    <row r="849375" spans="14:14">
      <c r="N849375" s="10"/>
    </row>
    <row r="849376" spans="14:14">
      <c r="N849376" s="10"/>
    </row>
    <row r="849377" spans="14:14">
      <c r="N849377" s="10"/>
    </row>
    <row r="849378" spans="14:14">
      <c r="N849378" s="10"/>
    </row>
    <row r="849379" spans="14:14">
      <c r="N849379" s="10"/>
    </row>
    <row r="849380" spans="14:14">
      <c r="N849380" s="10"/>
    </row>
    <row r="849381" spans="14:14">
      <c r="N849381" s="10"/>
    </row>
    <row r="849382" spans="14:14">
      <c r="N849382" s="10"/>
    </row>
    <row r="849383" spans="14:14">
      <c r="N849383" s="10"/>
    </row>
    <row r="849384" spans="14:14">
      <c r="N849384" s="10"/>
    </row>
    <row r="849385" spans="14:14">
      <c r="N849385" s="10"/>
    </row>
    <row r="849386" spans="14:14">
      <c r="N849386" s="10"/>
    </row>
    <row r="849387" spans="14:14">
      <c r="N849387" s="10"/>
    </row>
    <row r="849388" spans="14:14">
      <c r="N849388" s="10"/>
    </row>
    <row r="849389" spans="14:14">
      <c r="N849389" s="10"/>
    </row>
    <row r="849390" spans="14:14">
      <c r="N849390" s="10"/>
    </row>
    <row r="849391" spans="14:14">
      <c r="N849391" s="10"/>
    </row>
    <row r="849392" spans="14:14">
      <c r="N849392" s="10"/>
    </row>
    <row r="849393" spans="14:14">
      <c r="N849393" s="10"/>
    </row>
    <row r="849394" spans="14:14">
      <c r="N849394" s="10"/>
    </row>
    <row r="849395" spans="14:14">
      <c r="N849395" s="10"/>
    </row>
    <row r="849396" spans="14:14">
      <c r="N849396" s="10"/>
    </row>
    <row r="849397" spans="14:14">
      <c r="N849397" s="10"/>
    </row>
    <row r="849398" spans="14:14">
      <c r="N849398" s="10"/>
    </row>
    <row r="849399" spans="14:14">
      <c r="N849399" s="10"/>
    </row>
    <row r="849400" spans="14:14">
      <c r="N849400" s="10"/>
    </row>
    <row r="849401" spans="14:14">
      <c r="N849401" s="10"/>
    </row>
    <row r="849402" spans="14:14">
      <c r="N849402" s="10"/>
    </row>
    <row r="849403" spans="14:14">
      <c r="N849403" s="10"/>
    </row>
    <row r="849404" spans="14:14">
      <c r="N849404" s="10"/>
    </row>
    <row r="849405" spans="14:14">
      <c r="N849405" s="10"/>
    </row>
    <row r="849406" spans="14:14">
      <c r="N849406" s="10"/>
    </row>
    <row r="849407" spans="14:14">
      <c r="N849407" s="10"/>
    </row>
    <row r="849408" spans="14:14">
      <c r="N849408" s="10"/>
    </row>
    <row r="849409" spans="14:14">
      <c r="N849409" s="10"/>
    </row>
    <row r="849410" spans="14:14">
      <c r="N849410" s="10"/>
    </row>
    <row r="849411" spans="14:14">
      <c r="N849411" s="10"/>
    </row>
    <row r="849412" spans="14:14">
      <c r="N849412" s="10"/>
    </row>
    <row r="849413" spans="14:14">
      <c r="N849413" s="10"/>
    </row>
    <row r="849414" spans="14:14">
      <c r="N849414" s="10"/>
    </row>
    <row r="849415" spans="14:14">
      <c r="N849415" s="10"/>
    </row>
    <row r="849416" spans="14:14">
      <c r="N849416" s="10"/>
    </row>
    <row r="849417" spans="14:14">
      <c r="N849417" s="10"/>
    </row>
    <row r="849418" spans="14:14">
      <c r="N849418" s="10"/>
    </row>
    <row r="849419" spans="14:14">
      <c r="N849419" s="10"/>
    </row>
    <row r="849420" spans="14:14">
      <c r="N849420" s="10"/>
    </row>
    <row r="849421" spans="14:14">
      <c r="N849421" s="10"/>
    </row>
    <row r="849422" spans="14:14">
      <c r="N849422" s="10"/>
    </row>
    <row r="849423" spans="14:14">
      <c r="N849423" s="10"/>
    </row>
    <row r="849424" spans="14:14">
      <c r="N849424" s="10"/>
    </row>
    <row r="849425" spans="14:14">
      <c r="N849425" s="10"/>
    </row>
    <row r="849426" spans="14:14">
      <c r="N849426" s="10"/>
    </row>
    <row r="849427" spans="14:14">
      <c r="N849427" s="10"/>
    </row>
    <row r="849428" spans="14:14">
      <c r="N849428" s="10"/>
    </row>
    <row r="849429" spans="14:14">
      <c r="N849429" s="10"/>
    </row>
    <row r="849430" spans="14:14">
      <c r="N849430" s="10"/>
    </row>
    <row r="849431" spans="14:14">
      <c r="N849431" s="10"/>
    </row>
    <row r="849432" spans="14:14">
      <c r="N849432" s="10"/>
    </row>
    <row r="849433" spans="14:14">
      <c r="N849433" s="10"/>
    </row>
    <row r="849434" spans="14:14">
      <c r="N849434" s="10"/>
    </row>
    <row r="849435" spans="14:14">
      <c r="N849435" s="10"/>
    </row>
    <row r="849436" spans="14:14">
      <c r="N849436" s="10"/>
    </row>
    <row r="849437" spans="14:14">
      <c r="N849437" s="10"/>
    </row>
    <row r="849438" spans="14:14">
      <c r="N849438" s="10"/>
    </row>
    <row r="849439" spans="14:14">
      <c r="N849439" s="10"/>
    </row>
    <row r="849440" spans="14:14">
      <c r="N849440" s="10"/>
    </row>
    <row r="849441" spans="14:14">
      <c r="N849441" s="10"/>
    </row>
    <row r="849442" spans="14:14">
      <c r="N849442" s="10"/>
    </row>
    <row r="849443" spans="14:14">
      <c r="N849443" s="10"/>
    </row>
    <row r="849444" spans="14:14">
      <c r="N849444" s="10"/>
    </row>
    <row r="849445" spans="14:14">
      <c r="N849445" s="10"/>
    </row>
    <row r="849446" spans="14:14">
      <c r="N849446" s="10"/>
    </row>
    <row r="849447" spans="14:14">
      <c r="N849447" s="10"/>
    </row>
    <row r="849448" spans="14:14">
      <c r="N849448" s="10"/>
    </row>
    <row r="849449" spans="14:14">
      <c r="N849449" s="10"/>
    </row>
    <row r="849450" spans="14:14">
      <c r="N849450" s="10"/>
    </row>
    <row r="849451" spans="14:14">
      <c r="N849451" s="10"/>
    </row>
    <row r="849452" spans="14:14">
      <c r="N849452" s="10"/>
    </row>
    <row r="849453" spans="14:14">
      <c r="N849453" s="10"/>
    </row>
    <row r="849454" spans="14:14">
      <c r="N849454" s="10"/>
    </row>
    <row r="849455" spans="14:14">
      <c r="N849455" s="10"/>
    </row>
    <row r="849456" spans="14:14">
      <c r="N849456" s="10"/>
    </row>
    <row r="849457" spans="14:14">
      <c r="N849457" s="10"/>
    </row>
    <row r="849458" spans="14:14">
      <c r="N849458" s="10"/>
    </row>
    <row r="849459" spans="14:14">
      <c r="N849459" s="10"/>
    </row>
    <row r="849460" spans="14:14">
      <c r="N849460" s="10"/>
    </row>
    <row r="849461" spans="14:14">
      <c r="N849461" s="10"/>
    </row>
    <row r="849462" spans="14:14">
      <c r="N849462" s="10"/>
    </row>
    <row r="849463" spans="14:14">
      <c r="N849463" s="10"/>
    </row>
    <row r="849464" spans="14:14">
      <c r="N849464" s="10"/>
    </row>
    <row r="849465" spans="14:14">
      <c r="N849465" s="10"/>
    </row>
    <row r="849466" spans="14:14">
      <c r="N849466" s="10"/>
    </row>
    <row r="849467" spans="14:14">
      <c r="N849467" s="10"/>
    </row>
    <row r="849468" spans="14:14">
      <c r="N849468" s="10"/>
    </row>
    <row r="849469" spans="14:14">
      <c r="N849469" s="10"/>
    </row>
    <row r="849470" spans="14:14">
      <c r="N849470" s="10"/>
    </row>
    <row r="849471" spans="14:14">
      <c r="N849471" s="10"/>
    </row>
    <row r="849472" spans="14:14">
      <c r="N849472" s="10"/>
    </row>
    <row r="849473" spans="14:14">
      <c r="N849473" s="10"/>
    </row>
    <row r="849474" spans="14:14">
      <c r="N849474" s="10"/>
    </row>
    <row r="849475" spans="14:14">
      <c r="N849475" s="10"/>
    </row>
    <row r="849476" spans="14:14">
      <c r="N849476" s="10"/>
    </row>
    <row r="849477" spans="14:14">
      <c r="N849477" s="10"/>
    </row>
    <row r="849478" spans="14:14">
      <c r="N849478" s="10"/>
    </row>
    <row r="849479" spans="14:14">
      <c r="N849479" s="10"/>
    </row>
    <row r="849480" spans="14:14">
      <c r="N849480" s="10"/>
    </row>
    <row r="849481" spans="14:14">
      <c r="N849481" s="10"/>
    </row>
    <row r="849482" spans="14:14">
      <c r="N849482" s="10"/>
    </row>
    <row r="849483" spans="14:14">
      <c r="N849483" s="10"/>
    </row>
    <row r="849484" spans="14:14">
      <c r="N849484" s="10"/>
    </row>
    <row r="849485" spans="14:14">
      <c r="N849485" s="10"/>
    </row>
    <row r="849486" spans="14:14">
      <c r="N849486" s="10"/>
    </row>
    <row r="849487" spans="14:14">
      <c r="N849487" s="10"/>
    </row>
    <row r="849488" spans="14:14">
      <c r="N849488" s="10"/>
    </row>
    <row r="849489" spans="14:14">
      <c r="N849489" s="10"/>
    </row>
    <row r="849490" spans="14:14">
      <c r="N849490" s="10"/>
    </row>
    <row r="849491" spans="14:14">
      <c r="N849491" s="10"/>
    </row>
    <row r="849492" spans="14:14">
      <c r="N849492" s="10"/>
    </row>
    <row r="849493" spans="14:14">
      <c r="N849493" s="10"/>
    </row>
    <row r="849494" spans="14:14">
      <c r="N849494" s="10"/>
    </row>
    <row r="849495" spans="14:14">
      <c r="N849495" s="10"/>
    </row>
    <row r="849496" spans="14:14">
      <c r="N849496" s="10"/>
    </row>
    <row r="849497" spans="14:14">
      <c r="N849497" s="10"/>
    </row>
    <row r="849498" spans="14:14">
      <c r="N849498" s="10"/>
    </row>
    <row r="849499" spans="14:14">
      <c r="N849499" s="10"/>
    </row>
    <row r="849500" spans="14:14">
      <c r="N849500" s="10"/>
    </row>
    <row r="849501" spans="14:14">
      <c r="N849501" s="10"/>
    </row>
    <row r="849502" spans="14:14">
      <c r="N849502" s="10"/>
    </row>
    <row r="849503" spans="14:14">
      <c r="N849503" s="10"/>
    </row>
    <row r="849504" spans="14:14">
      <c r="N849504" s="10"/>
    </row>
    <row r="849505" spans="14:14">
      <c r="N849505" s="10"/>
    </row>
    <row r="849506" spans="14:14">
      <c r="N849506" s="10"/>
    </row>
    <row r="849507" spans="14:14">
      <c r="N849507" s="10"/>
    </row>
    <row r="849508" spans="14:14">
      <c r="N849508" s="10"/>
    </row>
    <row r="849509" spans="14:14">
      <c r="N849509" s="10"/>
    </row>
    <row r="849510" spans="14:14">
      <c r="N849510" s="10"/>
    </row>
    <row r="849511" spans="14:14">
      <c r="N849511" s="10"/>
    </row>
    <row r="849512" spans="14:14">
      <c r="N849512" s="10"/>
    </row>
    <row r="849513" spans="14:14">
      <c r="N849513" s="10"/>
    </row>
    <row r="849514" spans="14:14">
      <c r="N849514" s="10"/>
    </row>
    <row r="849515" spans="14:14">
      <c r="N849515" s="10"/>
    </row>
    <row r="849516" spans="14:14">
      <c r="N849516" s="10"/>
    </row>
    <row r="849517" spans="14:14">
      <c r="N849517" s="10"/>
    </row>
    <row r="849518" spans="14:14">
      <c r="N849518" s="10"/>
    </row>
    <row r="849519" spans="14:14">
      <c r="N849519" s="10"/>
    </row>
    <row r="849520" spans="14:14">
      <c r="N849520" s="10"/>
    </row>
    <row r="849521" spans="14:14">
      <c r="N849521" s="10"/>
    </row>
    <row r="849522" spans="14:14">
      <c r="N849522" s="10"/>
    </row>
    <row r="849523" spans="14:14">
      <c r="N849523" s="10"/>
    </row>
    <row r="849524" spans="14:14">
      <c r="N849524" s="10"/>
    </row>
    <row r="849525" spans="14:14">
      <c r="N849525" s="10"/>
    </row>
    <row r="849526" spans="14:14">
      <c r="N849526" s="10"/>
    </row>
    <row r="849527" spans="14:14">
      <c r="N849527" s="10"/>
    </row>
    <row r="849528" spans="14:14">
      <c r="N849528" s="10"/>
    </row>
    <row r="849529" spans="14:14">
      <c r="N849529" s="10"/>
    </row>
    <row r="849530" spans="14:14">
      <c r="N849530" s="10"/>
    </row>
    <row r="849531" spans="14:14">
      <c r="N849531" s="10"/>
    </row>
    <row r="849532" spans="14:14">
      <c r="N849532" s="10"/>
    </row>
    <row r="849533" spans="14:14">
      <c r="N849533" s="10"/>
    </row>
    <row r="849534" spans="14:14">
      <c r="N849534" s="10"/>
    </row>
    <row r="849535" spans="14:14">
      <c r="N849535" s="10"/>
    </row>
    <row r="849536" spans="14:14">
      <c r="N849536" s="10"/>
    </row>
    <row r="849537" spans="14:14">
      <c r="N849537" s="10"/>
    </row>
    <row r="849538" spans="14:14">
      <c r="N849538" s="10"/>
    </row>
    <row r="849539" spans="14:14">
      <c r="N849539" s="10"/>
    </row>
    <row r="849540" spans="14:14">
      <c r="N849540" s="10"/>
    </row>
    <row r="849541" spans="14:14">
      <c r="N849541" s="10"/>
    </row>
    <row r="849542" spans="14:14">
      <c r="N849542" s="10"/>
    </row>
    <row r="849543" spans="14:14">
      <c r="N849543" s="10"/>
    </row>
    <row r="849544" spans="14:14">
      <c r="N849544" s="10"/>
    </row>
    <row r="849545" spans="14:14">
      <c r="N849545" s="10"/>
    </row>
    <row r="849546" spans="14:14">
      <c r="N849546" s="10"/>
    </row>
    <row r="849547" spans="14:14">
      <c r="N849547" s="10"/>
    </row>
    <row r="849548" spans="14:14">
      <c r="N849548" s="10"/>
    </row>
    <row r="849549" spans="14:14">
      <c r="N849549" s="10"/>
    </row>
    <row r="849550" spans="14:14">
      <c r="N849550" s="10"/>
    </row>
    <row r="849551" spans="14:14">
      <c r="N849551" s="10"/>
    </row>
    <row r="849552" spans="14:14">
      <c r="N849552" s="10"/>
    </row>
    <row r="849553" spans="14:14">
      <c r="N849553" s="10"/>
    </row>
    <row r="849554" spans="14:14">
      <c r="N849554" s="10"/>
    </row>
    <row r="849555" spans="14:14">
      <c r="N849555" s="10"/>
    </row>
    <row r="849556" spans="14:14">
      <c r="N849556" s="10"/>
    </row>
    <row r="849557" spans="14:14">
      <c r="N849557" s="10"/>
    </row>
    <row r="849558" spans="14:14">
      <c r="N849558" s="10"/>
    </row>
    <row r="849559" spans="14:14">
      <c r="N849559" s="10"/>
    </row>
    <row r="849560" spans="14:14">
      <c r="N849560" s="10"/>
    </row>
    <row r="849561" spans="14:14">
      <c r="N849561" s="10"/>
    </row>
    <row r="849562" spans="14:14">
      <c r="N849562" s="10"/>
    </row>
    <row r="849563" spans="14:14">
      <c r="N849563" s="10"/>
    </row>
    <row r="849564" spans="14:14">
      <c r="N849564" s="10"/>
    </row>
    <row r="849565" spans="14:14">
      <c r="N849565" s="10"/>
    </row>
    <row r="849566" spans="14:14">
      <c r="N849566" s="10"/>
    </row>
    <row r="849567" spans="14:14">
      <c r="N849567" s="10"/>
    </row>
    <row r="849568" spans="14:14">
      <c r="N849568" s="10"/>
    </row>
    <row r="849569" spans="14:14">
      <c r="N849569" s="10"/>
    </row>
    <row r="849570" spans="14:14">
      <c r="N849570" s="10"/>
    </row>
    <row r="849571" spans="14:14">
      <c r="N849571" s="10"/>
    </row>
    <row r="849572" spans="14:14">
      <c r="N849572" s="10"/>
    </row>
    <row r="849573" spans="14:14">
      <c r="N849573" s="10"/>
    </row>
    <row r="849574" spans="14:14">
      <c r="N849574" s="10"/>
    </row>
    <row r="849575" spans="14:14">
      <c r="N849575" s="10"/>
    </row>
    <row r="849576" spans="14:14">
      <c r="N849576" s="10"/>
    </row>
    <row r="849577" spans="14:14">
      <c r="N849577" s="10"/>
    </row>
    <row r="849578" spans="14:14">
      <c r="N849578" s="10"/>
    </row>
    <row r="849579" spans="14:14">
      <c r="N849579" s="10"/>
    </row>
    <row r="849580" spans="14:14">
      <c r="N849580" s="10"/>
    </row>
    <row r="849581" spans="14:14">
      <c r="N849581" s="10"/>
    </row>
    <row r="849582" spans="14:14">
      <c r="N849582" s="10"/>
    </row>
    <row r="849583" spans="14:14">
      <c r="N849583" s="10"/>
    </row>
    <row r="849584" spans="14:14">
      <c r="N849584" s="10"/>
    </row>
    <row r="849585" spans="14:14">
      <c r="N849585" s="10"/>
    </row>
    <row r="849586" spans="14:14">
      <c r="N849586" s="10"/>
    </row>
    <row r="849587" spans="14:14">
      <c r="N849587" s="10"/>
    </row>
    <row r="849588" spans="14:14">
      <c r="N849588" s="10"/>
    </row>
    <row r="849589" spans="14:14">
      <c r="N849589" s="10"/>
    </row>
    <row r="849590" spans="14:14">
      <c r="N849590" s="10"/>
    </row>
    <row r="849591" spans="14:14">
      <c r="N849591" s="10"/>
    </row>
    <row r="849592" spans="14:14">
      <c r="N849592" s="10"/>
    </row>
    <row r="849593" spans="14:14">
      <c r="N849593" s="10"/>
    </row>
    <row r="849594" spans="14:14">
      <c r="N849594" s="10"/>
    </row>
    <row r="849595" spans="14:14">
      <c r="N849595" s="10"/>
    </row>
    <row r="849596" spans="14:14">
      <c r="N849596" s="10"/>
    </row>
    <row r="849597" spans="14:14">
      <c r="N849597" s="10"/>
    </row>
    <row r="849598" spans="14:14">
      <c r="N849598" s="10"/>
    </row>
    <row r="849599" spans="14:14">
      <c r="N849599" s="10"/>
    </row>
    <row r="849600" spans="14:14">
      <c r="N849600" s="10"/>
    </row>
    <row r="849601" spans="14:14">
      <c r="N849601" s="10"/>
    </row>
    <row r="849602" spans="14:14">
      <c r="N849602" s="10"/>
    </row>
    <row r="849603" spans="14:14">
      <c r="N849603" s="10"/>
    </row>
    <row r="849604" spans="14:14">
      <c r="N849604" s="10"/>
    </row>
    <row r="849605" spans="14:14">
      <c r="N849605" s="10"/>
    </row>
    <row r="849606" spans="14:14">
      <c r="N849606" s="10"/>
    </row>
    <row r="849607" spans="14:14">
      <c r="N849607" s="10"/>
    </row>
    <row r="849608" spans="14:14">
      <c r="N849608" s="10"/>
    </row>
    <row r="849609" spans="14:14">
      <c r="N849609" s="10"/>
    </row>
    <row r="849610" spans="14:14">
      <c r="N849610" s="10"/>
    </row>
    <row r="849611" spans="14:14">
      <c r="N849611" s="10"/>
    </row>
    <row r="849612" spans="14:14">
      <c r="N849612" s="10"/>
    </row>
    <row r="849613" spans="14:14">
      <c r="N849613" s="10"/>
    </row>
    <row r="849614" spans="14:14">
      <c r="N849614" s="10"/>
    </row>
    <row r="849615" spans="14:14">
      <c r="N849615" s="10"/>
    </row>
    <row r="849616" spans="14:14">
      <c r="N849616" s="10"/>
    </row>
    <row r="849617" spans="14:14">
      <c r="N849617" s="10"/>
    </row>
    <row r="849618" spans="14:14">
      <c r="N849618" s="10"/>
    </row>
    <row r="849619" spans="14:14">
      <c r="N849619" s="10"/>
    </row>
    <row r="849620" spans="14:14">
      <c r="N849620" s="10"/>
    </row>
    <row r="849621" spans="14:14">
      <c r="N849621" s="10"/>
    </row>
    <row r="849622" spans="14:14">
      <c r="N849622" s="10"/>
    </row>
    <row r="849623" spans="14:14">
      <c r="N849623" s="10"/>
    </row>
    <row r="849624" spans="14:14">
      <c r="N849624" s="10"/>
    </row>
    <row r="849625" spans="14:14">
      <c r="N849625" s="10"/>
    </row>
    <row r="849626" spans="14:14">
      <c r="N849626" s="10"/>
    </row>
    <row r="849627" spans="14:14">
      <c r="N849627" s="10"/>
    </row>
    <row r="849628" spans="14:14">
      <c r="N849628" s="10"/>
    </row>
    <row r="849629" spans="14:14">
      <c r="N849629" s="10"/>
    </row>
    <row r="849630" spans="14:14">
      <c r="N849630" s="10"/>
    </row>
    <row r="849631" spans="14:14">
      <c r="N849631" s="10"/>
    </row>
    <row r="849632" spans="14:14">
      <c r="N849632" s="10"/>
    </row>
    <row r="849633" spans="14:14">
      <c r="N849633" s="10"/>
    </row>
    <row r="849634" spans="14:14">
      <c r="N849634" s="10"/>
    </row>
    <row r="849635" spans="14:14">
      <c r="N849635" s="10"/>
    </row>
    <row r="849636" spans="14:14">
      <c r="N849636" s="10"/>
    </row>
    <row r="849637" spans="14:14">
      <c r="N849637" s="10"/>
    </row>
    <row r="849638" spans="14:14">
      <c r="N849638" s="10"/>
    </row>
    <row r="849639" spans="14:14">
      <c r="N849639" s="10"/>
    </row>
    <row r="849640" spans="14:14">
      <c r="N849640" s="10"/>
    </row>
    <row r="849641" spans="14:14">
      <c r="N849641" s="10"/>
    </row>
    <row r="849642" spans="14:14">
      <c r="N849642" s="10"/>
    </row>
    <row r="849643" spans="14:14">
      <c r="N849643" s="10"/>
    </row>
    <row r="849644" spans="14:14">
      <c r="N849644" s="10"/>
    </row>
    <row r="849645" spans="14:14">
      <c r="N849645" s="10"/>
    </row>
    <row r="849646" spans="14:14">
      <c r="N849646" s="10"/>
    </row>
    <row r="849647" spans="14:14">
      <c r="N849647" s="10"/>
    </row>
    <row r="849648" spans="14:14">
      <c r="N849648" s="10"/>
    </row>
    <row r="849649" spans="14:14">
      <c r="N849649" s="10"/>
    </row>
    <row r="849650" spans="14:14">
      <c r="N849650" s="10"/>
    </row>
    <row r="849651" spans="14:14">
      <c r="N849651" s="10"/>
    </row>
    <row r="849652" spans="14:14">
      <c r="N849652" s="10"/>
    </row>
    <row r="849653" spans="14:14">
      <c r="N849653" s="10"/>
    </row>
    <row r="849654" spans="14:14">
      <c r="N849654" s="10"/>
    </row>
    <row r="849655" spans="14:14">
      <c r="N849655" s="10"/>
    </row>
    <row r="849656" spans="14:14">
      <c r="N849656" s="10"/>
    </row>
    <row r="849657" spans="14:14">
      <c r="N849657" s="10"/>
    </row>
    <row r="849658" spans="14:14">
      <c r="N849658" s="10"/>
    </row>
    <row r="849659" spans="14:14">
      <c r="N849659" s="10"/>
    </row>
    <row r="849660" spans="14:14">
      <c r="N849660" s="10"/>
    </row>
    <row r="849661" spans="14:14">
      <c r="N849661" s="10"/>
    </row>
    <row r="849662" spans="14:14">
      <c r="N849662" s="10"/>
    </row>
    <row r="849663" spans="14:14">
      <c r="N849663" s="10"/>
    </row>
    <row r="849664" spans="14:14">
      <c r="N849664" s="10"/>
    </row>
    <row r="849665" spans="14:14">
      <c r="N849665" s="10"/>
    </row>
    <row r="849666" spans="14:14">
      <c r="N849666" s="10"/>
    </row>
    <row r="849667" spans="14:14">
      <c r="N849667" s="10"/>
    </row>
    <row r="849668" spans="14:14">
      <c r="N849668" s="10"/>
    </row>
    <row r="849669" spans="14:14">
      <c r="N849669" s="10"/>
    </row>
    <row r="849670" spans="14:14">
      <c r="N849670" s="10"/>
    </row>
    <row r="849671" spans="14:14">
      <c r="N849671" s="10"/>
    </row>
    <row r="849672" spans="14:14">
      <c r="N849672" s="10"/>
    </row>
    <row r="849673" spans="14:14">
      <c r="N849673" s="10"/>
    </row>
    <row r="849674" spans="14:14">
      <c r="N849674" s="10"/>
    </row>
    <row r="849675" spans="14:14">
      <c r="N849675" s="10"/>
    </row>
    <row r="849676" spans="14:14">
      <c r="N849676" s="10"/>
    </row>
    <row r="849677" spans="14:14">
      <c r="N849677" s="10"/>
    </row>
    <row r="849678" spans="14:14">
      <c r="N849678" s="10"/>
    </row>
    <row r="849679" spans="14:14">
      <c r="N849679" s="10"/>
    </row>
    <row r="849680" spans="14:14">
      <c r="N849680" s="10"/>
    </row>
    <row r="849681" spans="14:14">
      <c r="N849681" s="10"/>
    </row>
    <row r="849682" spans="14:14">
      <c r="N849682" s="10"/>
    </row>
    <row r="849683" spans="14:14">
      <c r="N849683" s="10"/>
    </row>
    <row r="849684" spans="14:14">
      <c r="N849684" s="10"/>
    </row>
    <row r="849685" spans="14:14">
      <c r="N849685" s="10"/>
    </row>
    <row r="849686" spans="14:14">
      <c r="N849686" s="10"/>
    </row>
    <row r="849687" spans="14:14">
      <c r="N849687" s="10"/>
    </row>
    <row r="849688" spans="14:14">
      <c r="N849688" s="10"/>
    </row>
    <row r="849689" spans="14:14">
      <c r="N849689" s="10"/>
    </row>
    <row r="849690" spans="14:14">
      <c r="N849690" s="10"/>
    </row>
    <row r="849691" spans="14:14">
      <c r="N849691" s="10"/>
    </row>
    <row r="849692" spans="14:14">
      <c r="N849692" s="10"/>
    </row>
    <row r="849693" spans="14:14">
      <c r="N849693" s="10"/>
    </row>
    <row r="849694" spans="14:14">
      <c r="N849694" s="10"/>
    </row>
    <row r="849695" spans="14:14">
      <c r="N849695" s="10"/>
    </row>
    <row r="849696" spans="14:14">
      <c r="N849696" s="10"/>
    </row>
    <row r="849697" spans="14:14">
      <c r="N849697" s="10"/>
    </row>
    <row r="849698" spans="14:14">
      <c r="N849698" s="10"/>
    </row>
    <row r="849699" spans="14:14">
      <c r="N849699" s="10"/>
    </row>
    <row r="849700" spans="14:14">
      <c r="N849700" s="10"/>
    </row>
    <row r="849701" spans="14:14">
      <c r="N849701" s="10"/>
    </row>
    <row r="849702" spans="14:14">
      <c r="N849702" s="10"/>
    </row>
    <row r="849703" spans="14:14">
      <c r="N849703" s="10"/>
    </row>
    <row r="849704" spans="14:14">
      <c r="N849704" s="10"/>
    </row>
    <row r="849705" spans="14:14">
      <c r="N849705" s="10"/>
    </row>
    <row r="849706" spans="14:14">
      <c r="N849706" s="10"/>
    </row>
    <row r="849707" spans="14:14">
      <c r="N849707" s="10"/>
    </row>
    <row r="849708" spans="14:14">
      <c r="N849708" s="10"/>
    </row>
    <row r="849709" spans="14:14">
      <c r="N849709" s="10"/>
    </row>
    <row r="849710" spans="14:14">
      <c r="N849710" s="10"/>
    </row>
    <row r="849711" spans="14:14">
      <c r="N849711" s="10"/>
    </row>
    <row r="849712" spans="14:14">
      <c r="N849712" s="10"/>
    </row>
    <row r="849713" spans="14:14">
      <c r="N849713" s="10"/>
    </row>
    <row r="849714" spans="14:14">
      <c r="N849714" s="10"/>
    </row>
    <row r="849715" spans="14:14">
      <c r="N849715" s="10"/>
    </row>
    <row r="849716" spans="14:14">
      <c r="N849716" s="10"/>
    </row>
    <row r="849717" spans="14:14">
      <c r="N849717" s="10"/>
    </row>
    <row r="849718" spans="14:14">
      <c r="N849718" s="10"/>
    </row>
    <row r="849719" spans="14:14">
      <c r="N849719" s="10"/>
    </row>
    <row r="849720" spans="14:14">
      <c r="N849720" s="10"/>
    </row>
    <row r="849721" spans="14:14">
      <c r="N849721" s="10"/>
    </row>
    <row r="849722" spans="14:14">
      <c r="N849722" s="10"/>
    </row>
    <row r="849723" spans="14:14">
      <c r="N849723" s="10"/>
    </row>
    <row r="849724" spans="14:14">
      <c r="N849724" s="10"/>
    </row>
    <row r="849725" spans="14:14">
      <c r="N849725" s="10"/>
    </row>
    <row r="849726" spans="14:14">
      <c r="N849726" s="10"/>
    </row>
    <row r="849727" spans="14:14">
      <c r="N849727" s="10"/>
    </row>
    <row r="849728" spans="14:14">
      <c r="N849728" s="10"/>
    </row>
    <row r="849729" spans="14:14">
      <c r="N849729" s="10"/>
    </row>
    <row r="849730" spans="14:14">
      <c r="N849730" s="10"/>
    </row>
    <row r="849731" spans="14:14">
      <c r="N849731" s="10"/>
    </row>
    <row r="849732" spans="14:14">
      <c r="N849732" s="10"/>
    </row>
    <row r="849733" spans="14:14">
      <c r="N849733" s="10"/>
    </row>
    <row r="849734" spans="14:14">
      <c r="N849734" s="10"/>
    </row>
    <row r="849735" spans="14:14">
      <c r="N849735" s="10"/>
    </row>
    <row r="849736" spans="14:14">
      <c r="N849736" s="10"/>
    </row>
    <row r="849737" spans="14:14">
      <c r="N849737" s="10"/>
    </row>
    <row r="849738" spans="14:14">
      <c r="N849738" s="10"/>
    </row>
    <row r="849739" spans="14:14">
      <c r="N849739" s="10"/>
    </row>
    <row r="849740" spans="14:14">
      <c r="N849740" s="10"/>
    </row>
    <row r="849741" spans="14:14">
      <c r="N849741" s="10"/>
    </row>
    <row r="849742" spans="14:14">
      <c r="N849742" s="10"/>
    </row>
    <row r="849743" spans="14:14">
      <c r="N849743" s="10"/>
    </row>
    <row r="849744" spans="14:14">
      <c r="N849744" s="10"/>
    </row>
    <row r="849745" spans="14:14">
      <c r="N849745" s="10"/>
    </row>
    <row r="849746" spans="14:14">
      <c r="N849746" s="10"/>
    </row>
    <row r="849747" spans="14:14">
      <c r="N849747" s="10"/>
    </row>
    <row r="849748" spans="14:14">
      <c r="N849748" s="10"/>
    </row>
    <row r="849749" spans="14:14">
      <c r="N849749" s="10"/>
    </row>
    <row r="849750" spans="14:14">
      <c r="N849750" s="10"/>
    </row>
    <row r="849751" spans="14:14">
      <c r="N849751" s="10"/>
    </row>
    <row r="849752" spans="14:14">
      <c r="N849752" s="10"/>
    </row>
    <row r="849753" spans="14:14">
      <c r="N849753" s="10"/>
    </row>
    <row r="849754" spans="14:14">
      <c r="N849754" s="10"/>
    </row>
    <row r="849755" spans="14:14">
      <c r="N849755" s="10"/>
    </row>
    <row r="849756" spans="14:14">
      <c r="N849756" s="10"/>
    </row>
    <row r="849757" spans="14:14">
      <c r="N849757" s="10"/>
    </row>
    <row r="849758" spans="14:14">
      <c r="N849758" s="10"/>
    </row>
    <row r="849759" spans="14:14">
      <c r="N849759" s="10"/>
    </row>
    <row r="849760" spans="14:14">
      <c r="N849760" s="10"/>
    </row>
    <row r="849761" spans="14:14">
      <c r="N849761" s="10"/>
    </row>
    <row r="849762" spans="14:14">
      <c r="N849762" s="10"/>
    </row>
    <row r="849763" spans="14:14">
      <c r="N849763" s="10"/>
    </row>
    <row r="849764" spans="14:14">
      <c r="N849764" s="10"/>
    </row>
    <row r="849765" spans="14:14">
      <c r="N849765" s="10"/>
    </row>
    <row r="849766" spans="14:14">
      <c r="N849766" s="10"/>
    </row>
    <row r="849767" spans="14:14">
      <c r="N849767" s="10"/>
    </row>
    <row r="849768" spans="14:14">
      <c r="N849768" s="10"/>
    </row>
    <row r="849769" spans="14:14">
      <c r="N849769" s="10"/>
    </row>
    <row r="849770" spans="14:14">
      <c r="N849770" s="10"/>
    </row>
    <row r="849771" spans="14:14">
      <c r="N849771" s="10"/>
    </row>
    <row r="849772" spans="14:14">
      <c r="N849772" s="10"/>
    </row>
    <row r="849773" spans="14:14">
      <c r="N849773" s="10"/>
    </row>
    <row r="849774" spans="14:14">
      <c r="N849774" s="10"/>
    </row>
    <row r="849775" spans="14:14">
      <c r="N849775" s="10"/>
    </row>
    <row r="849776" spans="14:14">
      <c r="N849776" s="10"/>
    </row>
    <row r="849777" spans="14:14">
      <c r="N849777" s="10"/>
    </row>
    <row r="849778" spans="14:14">
      <c r="N849778" s="10"/>
    </row>
    <row r="849779" spans="14:14">
      <c r="N849779" s="10"/>
    </row>
    <row r="849780" spans="14:14">
      <c r="N849780" s="10"/>
    </row>
    <row r="849781" spans="14:14">
      <c r="N849781" s="10"/>
    </row>
    <row r="849782" spans="14:14">
      <c r="N849782" s="10"/>
    </row>
    <row r="849783" spans="14:14">
      <c r="N849783" s="10"/>
    </row>
    <row r="849784" spans="14:14">
      <c r="N849784" s="10"/>
    </row>
    <row r="849785" spans="14:14">
      <c r="N849785" s="10"/>
    </row>
    <row r="849786" spans="14:14">
      <c r="N849786" s="10"/>
    </row>
    <row r="849787" spans="14:14">
      <c r="N849787" s="10"/>
    </row>
    <row r="849788" spans="14:14">
      <c r="N849788" s="10"/>
    </row>
    <row r="849789" spans="14:14">
      <c r="N849789" s="10"/>
    </row>
    <row r="849790" spans="14:14">
      <c r="N849790" s="10"/>
    </row>
    <row r="849791" spans="14:14">
      <c r="N849791" s="10"/>
    </row>
    <row r="849792" spans="14:14">
      <c r="N849792" s="10"/>
    </row>
    <row r="849793" spans="14:14">
      <c r="N849793" s="10"/>
    </row>
    <row r="849794" spans="14:14">
      <c r="N849794" s="10"/>
    </row>
    <row r="849795" spans="14:14">
      <c r="N849795" s="10"/>
    </row>
    <row r="849796" spans="14:14">
      <c r="N849796" s="10"/>
    </row>
    <row r="849797" spans="14:14">
      <c r="N849797" s="10"/>
    </row>
    <row r="849798" spans="14:14">
      <c r="N849798" s="10"/>
    </row>
    <row r="849799" spans="14:14">
      <c r="N849799" s="10"/>
    </row>
    <row r="849800" spans="14:14">
      <c r="N849800" s="10"/>
    </row>
    <row r="849801" spans="14:14">
      <c r="N849801" s="10"/>
    </row>
    <row r="849802" spans="14:14">
      <c r="N849802" s="10"/>
    </row>
    <row r="849803" spans="14:14">
      <c r="N849803" s="10"/>
    </row>
    <row r="849804" spans="14:14">
      <c r="N849804" s="10"/>
    </row>
    <row r="849805" spans="14:14">
      <c r="N849805" s="10"/>
    </row>
    <row r="849806" spans="14:14">
      <c r="N849806" s="10"/>
    </row>
    <row r="849807" spans="14:14">
      <c r="N849807" s="10"/>
    </row>
    <row r="849808" spans="14:14">
      <c r="N849808" s="10"/>
    </row>
    <row r="849809" spans="14:14">
      <c r="N849809" s="10"/>
    </row>
    <row r="849810" spans="14:14">
      <c r="N849810" s="10"/>
    </row>
    <row r="849811" spans="14:14">
      <c r="N849811" s="10"/>
    </row>
    <row r="849812" spans="14:14">
      <c r="N849812" s="10"/>
    </row>
    <row r="849813" spans="14:14">
      <c r="N849813" s="10"/>
    </row>
    <row r="849814" spans="14:14">
      <c r="N849814" s="10"/>
    </row>
    <row r="849815" spans="14:14">
      <c r="N849815" s="10"/>
    </row>
    <row r="849816" spans="14:14">
      <c r="N849816" s="10"/>
    </row>
    <row r="849817" spans="14:14">
      <c r="N849817" s="10"/>
    </row>
    <row r="849818" spans="14:14">
      <c r="N849818" s="10"/>
    </row>
    <row r="849819" spans="14:14">
      <c r="N849819" s="10"/>
    </row>
    <row r="849820" spans="14:14">
      <c r="N849820" s="10"/>
    </row>
    <row r="849821" spans="14:14">
      <c r="N849821" s="10"/>
    </row>
    <row r="849822" spans="14:14">
      <c r="N849822" s="10"/>
    </row>
    <row r="849823" spans="14:14">
      <c r="N849823" s="10"/>
    </row>
    <row r="849824" spans="14:14">
      <c r="N849824" s="10"/>
    </row>
    <row r="849825" spans="14:14">
      <c r="N849825" s="10"/>
    </row>
    <row r="849826" spans="14:14">
      <c r="N849826" s="10"/>
    </row>
    <row r="849827" spans="14:14">
      <c r="N849827" s="10"/>
    </row>
    <row r="849828" spans="14:14">
      <c r="N849828" s="10"/>
    </row>
    <row r="849829" spans="14:14">
      <c r="N849829" s="10"/>
    </row>
    <row r="849830" spans="14:14">
      <c r="N849830" s="10"/>
    </row>
    <row r="849831" spans="14:14">
      <c r="N849831" s="10"/>
    </row>
    <row r="849832" spans="14:14">
      <c r="N849832" s="10"/>
    </row>
    <row r="849833" spans="14:14">
      <c r="N849833" s="10"/>
    </row>
    <row r="849834" spans="14:14">
      <c r="N849834" s="10"/>
    </row>
    <row r="849835" spans="14:14">
      <c r="N849835" s="10"/>
    </row>
    <row r="849836" spans="14:14">
      <c r="N849836" s="10"/>
    </row>
    <row r="849837" spans="14:14">
      <c r="N849837" s="10"/>
    </row>
    <row r="849838" spans="14:14">
      <c r="N849838" s="10"/>
    </row>
    <row r="849839" spans="14:14">
      <c r="N849839" s="10"/>
    </row>
    <row r="849840" spans="14:14">
      <c r="N849840" s="10"/>
    </row>
    <row r="849841" spans="14:14">
      <c r="N849841" s="10"/>
    </row>
    <row r="849842" spans="14:14">
      <c r="N849842" s="10"/>
    </row>
    <row r="849843" spans="14:14">
      <c r="N849843" s="10"/>
    </row>
    <row r="849844" spans="14:14">
      <c r="N849844" s="10"/>
    </row>
    <row r="849845" spans="14:14">
      <c r="N849845" s="10"/>
    </row>
    <row r="849846" spans="14:14">
      <c r="N849846" s="10"/>
    </row>
    <row r="849847" spans="14:14">
      <c r="N849847" s="10"/>
    </row>
    <row r="849848" spans="14:14">
      <c r="N849848" s="10"/>
    </row>
    <row r="849849" spans="14:14">
      <c r="N849849" s="10"/>
    </row>
    <row r="849850" spans="14:14">
      <c r="N849850" s="10"/>
    </row>
    <row r="849851" spans="14:14">
      <c r="N849851" s="10"/>
    </row>
    <row r="849852" spans="14:14">
      <c r="N849852" s="10"/>
    </row>
    <row r="849853" spans="14:14">
      <c r="N849853" s="10"/>
    </row>
    <row r="849854" spans="14:14">
      <c r="N849854" s="10"/>
    </row>
    <row r="849855" spans="14:14">
      <c r="N849855" s="10"/>
    </row>
    <row r="849856" spans="14:14">
      <c r="N849856" s="10"/>
    </row>
    <row r="849857" spans="14:14">
      <c r="N849857" s="10"/>
    </row>
    <row r="849858" spans="14:14">
      <c r="N849858" s="10"/>
    </row>
    <row r="849859" spans="14:14">
      <c r="N849859" s="10"/>
    </row>
    <row r="849860" spans="14:14">
      <c r="N849860" s="10"/>
    </row>
    <row r="849861" spans="14:14">
      <c r="N849861" s="10"/>
    </row>
    <row r="849862" spans="14:14">
      <c r="N849862" s="10"/>
    </row>
    <row r="849863" spans="14:14">
      <c r="N849863" s="10"/>
    </row>
    <row r="849864" spans="14:14">
      <c r="N849864" s="10"/>
    </row>
    <row r="849865" spans="14:14">
      <c r="N849865" s="10"/>
    </row>
    <row r="849866" spans="14:14">
      <c r="N849866" s="10"/>
    </row>
    <row r="849867" spans="14:14">
      <c r="N849867" s="10"/>
    </row>
    <row r="849868" spans="14:14">
      <c r="N849868" s="10"/>
    </row>
    <row r="849869" spans="14:14">
      <c r="N849869" s="10"/>
    </row>
    <row r="849870" spans="14:14">
      <c r="N849870" s="10"/>
    </row>
    <row r="849871" spans="14:14">
      <c r="N849871" s="10"/>
    </row>
    <row r="849872" spans="14:14">
      <c r="N849872" s="10"/>
    </row>
    <row r="849873" spans="14:14">
      <c r="N849873" s="10"/>
    </row>
    <row r="849874" spans="14:14">
      <c r="N849874" s="10"/>
    </row>
    <row r="849875" spans="14:14">
      <c r="N849875" s="10"/>
    </row>
    <row r="849876" spans="14:14">
      <c r="N849876" s="10"/>
    </row>
    <row r="849877" spans="14:14">
      <c r="N849877" s="10"/>
    </row>
    <row r="849878" spans="14:14">
      <c r="N849878" s="10"/>
    </row>
    <row r="849879" spans="14:14">
      <c r="N849879" s="10"/>
    </row>
    <row r="849880" spans="14:14">
      <c r="N849880" s="10"/>
    </row>
    <row r="849881" spans="14:14">
      <c r="N849881" s="10"/>
    </row>
    <row r="849882" spans="14:14">
      <c r="N849882" s="10"/>
    </row>
    <row r="849883" spans="14:14">
      <c r="N849883" s="10"/>
    </row>
    <row r="849884" spans="14:14">
      <c r="N849884" s="10"/>
    </row>
    <row r="849885" spans="14:14">
      <c r="N849885" s="10"/>
    </row>
    <row r="849886" spans="14:14">
      <c r="N849886" s="10"/>
    </row>
    <row r="849887" spans="14:14">
      <c r="N849887" s="10"/>
    </row>
    <row r="849888" spans="14:14">
      <c r="N849888" s="10"/>
    </row>
    <row r="849889" spans="14:14">
      <c r="N849889" s="10"/>
    </row>
    <row r="849890" spans="14:14">
      <c r="N849890" s="10"/>
    </row>
    <row r="849891" spans="14:14">
      <c r="N849891" s="10"/>
    </row>
    <row r="849892" spans="14:14">
      <c r="N849892" s="10"/>
    </row>
    <row r="849893" spans="14:14">
      <c r="N849893" s="10"/>
    </row>
    <row r="849894" spans="14:14">
      <c r="N849894" s="10"/>
    </row>
    <row r="849895" spans="14:14">
      <c r="N849895" s="10"/>
    </row>
    <row r="849896" spans="14:14">
      <c r="N849896" s="10"/>
    </row>
    <row r="849897" spans="14:14">
      <c r="N849897" s="10"/>
    </row>
    <row r="849898" spans="14:14">
      <c r="N849898" s="10"/>
    </row>
    <row r="849899" spans="14:14">
      <c r="N849899" s="10"/>
    </row>
    <row r="849900" spans="14:14">
      <c r="N849900" s="10"/>
    </row>
    <row r="849901" spans="14:14">
      <c r="N849901" s="10"/>
    </row>
    <row r="849902" spans="14:14">
      <c r="N849902" s="10"/>
    </row>
    <row r="849903" spans="14:14">
      <c r="N849903" s="10"/>
    </row>
    <row r="849904" spans="14:14">
      <c r="N849904" s="10"/>
    </row>
    <row r="849905" spans="14:14">
      <c r="N849905" s="10"/>
    </row>
    <row r="849906" spans="14:14">
      <c r="N849906" s="10"/>
    </row>
    <row r="849907" spans="14:14">
      <c r="N849907" s="10"/>
    </row>
    <row r="849908" spans="14:14">
      <c r="N849908" s="10"/>
    </row>
    <row r="849909" spans="14:14">
      <c r="N849909" s="10"/>
    </row>
    <row r="849910" spans="14:14">
      <c r="N849910" s="10"/>
    </row>
    <row r="849911" spans="14:14">
      <c r="N849911" s="10"/>
    </row>
    <row r="849912" spans="14:14">
      <c r="N849912" s="10"/>
    </row>
    <row r="849913" spans="14:14">
      <c r="N849913" s="10"/>
    </row>
    <row r="849914" spans="14:14">
      <c r="N849914" s="10"/>
    </row>
    <row r="849915" spans="14:14">
      <c r="N849915" s="10"/>
    </row>
    <row r="849916" spans="14:14">
      <c r="N849916" s="10"/>
    </row>
    <row r="849917" spans="14:14">
      <c r="N849917" s="10"/>
    </row>
    <row r="849918" spans="14:14">
      <c r="N849918" s="10"/>
    </row>
    <row r="849919" spans="14:14">
      <c r="N849919" s="10"/>
    </row>
    <row r="849920" spans="14:14">
      <c r="N849920" s="10"/>
    </row>
    <row r="849921" spans="14:14">
      <c r="N849921" s="10"/>
    </row>
    <row r="849922" spans="14:14">
      <c r="N849922" s="10"/>
    </row>
    <row r="849923" spans="14:14">
      <c r="N849923" s="10"/>
    </row>
    <row r="849924" spans="14:14">
      <c r="N849924" s="10"/>
    </row>
    <row r="849925" spans="14:14">
      <c r="N849925" s="10"/>
    </row>
    <row r="849926" spans="14:14">
      <c r="N849926" s="10"/>
    </row>
    <row r="849927" spans="14:14">
      <c r="N849927" s="10"/>
    </row>
    <row r="849928" spans="14:14">
      <c r="N849928" s="10"/>
    </row>
    <row r="849929" spans="14:14">
      <c r="N849929" s="10"/>
    </row>
    <row r="849930" spans="14:14">
      <c r="N849930" s="10"/>
    </row>
    <row r="849931" spans="14:14">
      <c r="N849931" s="10"/>
    </row>
    <row r="849932" spans="14:14">
      <c r="N849932" s="10"/>
    </row>
    <row r="849933" spans="14:14">
      <c r="N849933" s="10"/>
    </row>
    <row r="849934" spans="14:14">
      <c r="N849934" s="10"/>
    </row>
    <row r="849935" spans="14:14">
      <c r="N849935" s="10"/>
    </row>
    <row r="849936" spans="14:14">
      <c r="N849936" s="10"/>
    </row>
    <row r="849937" spans="14:14">
      <c r="N849937" s="10"/>
    </row>
    <row r="849938" spans="14:14">
      <c r="N849938" s="10"/>
    </row>
    <row r="849939" spans="14:14">
      <c r="N849939" s="10"/>
    </row>
    <row r="849940" spans="14:14">
      <c r="N849940" s="10"/>
    </row>
    <row r="849941" spans="14:14">
      <c r="N849941" s="10"/>
    </row>
    <row r="849942" spans="14:14">
      <c r="N849942" s="10"/>
    </row>
    <row r="849943" spans="14:14">
      <c r="N849943" s="10"/>
    </row>
    <row r="849944" spans="14:14">
      <c r="N849944" s="10"/>
    </row>
    <row r="849945" spans="14:14">
      <c r="N849945" s="10"/>
    </row>
    <row r="849946" spans="14:14">
      <c r="N849946" s="10"/>
    </row>
    <row r="849947" spans="14:14">
      <c r="N849947" s="10"/>
    </row>
    <row r="849948" spans="14:14">
      <c r="N849948" s="10"/>
    </row>
    <row r="849949" spans="14:14">
      <c r="N849949" s="10"/>
    </row>
    <row r="849950" spans="14:14">
      <c r="N849950" s="10"/>
    </row>
    <row r="849951" spans="14:14">
      <c r="N849951" s="10"/>
    </row>
    <row r="849952" spans="14:14">
      <c r="N849952" s="10"/>
    </row>
    <row r="849953" spans="14:14">
      <c r="N849953" s="10"/>
    </row>
    <row r="849954" spans="14:14">
      <c r="N849954" s="10"/>
    </row>
    <row r="849955" spans="14:14">
      <c r="N849955" s="10"/>
    </row>
    <row r="849956" spans="14:14">
      <c r="N849956" s="10"/>
    </row>
    <row r="849957" spans="14:14">
      <c r="N849957" s="10"/>
    </row>
    <row r="849958" spans="14:14">
      <c r="N849958" s="10"/>
    </row>
    <row r="849959" spans="14:14">
      <c r="N849959" s="10"/>
    </row>
    <row r="849960" spans="14:14">
      <c r="N849960" s="10"/>
    </row>
    <row r="849961" spans="14:14">
      <c r="N849961" s="10"/>
    </row>
    <row r="849962" spans="14:14">
      <c r="N849962" s="10"/>
    </row>
    <row r="849963" spans="14:14">
      <c r="N849963" s="10"/>
    </row>
    <row r="849964" spans="14:14">
      <c r="N849964" s="10"/>
    </row>
    <row r="849965" spans="14:14">
      <c r="N849965" s="10"/>
    </row>
    <row r="849966" spans="14:14">
      <c r="N849966" s="10"/>
    </row>
    <row r="849967" spans="14:14">
      <c r="N849967" s="10"/>
    </row>
    <row r="849968" spans="14:14">
      <c r="N849968" s="10"/>
    </row>
    <row r="849969" spans="14:14">
      <c r="N849969" s="10"/>
    </row>
    <row r="849970" spans="14:14">
      <c r="N849970" s="10"/>
    </row>
    <row r="849971" spans="14:14">
      <c r="N849971" s="10"/>
    </row>
    <row r="849972" spans="14:14">
      <c r="N849972" s="10"/>
    </row>
    <row r="849973" spans="14:14">
      <c r="N849973" s="10"/>
    </row>
    <row r="849974" spans="14:14">
      <c r="N849974" s="10"/>
    </row>
    <row r="849975" spans="14:14">
      <c r="N849975" s="10"/>
    </row>
    <row r="849976" spans="14:14">
      <c r="N849976" s="10"/>
    </row>
    <row r="849977" spans="14:14">
      <c r="N849977" s="10"/>
    </row>
    <row r="849978" spans="14:14">
      <c r="N849978" s="10"/>
    </row>
    <row r="849979" spans="14:14">
      <c r="N849979" s="10"/>
    </row>
    <row r="849980" spans="14:14">
      <c r="N849980" s="10"/>
    </row>
    <row r="849981" spans="14:14">
      <c r="N849981" s="10"/>
    </row>
    <row r="849982" spans="14:14">
      <c r="N849982" s="10"/>
    </row>
    <row r="849983" spans="14:14">
      <c r="N849983" s="10"/>
    </row>
    <row r="849984" spans="14:14">
      <c r="N849984" s="10"/>
    </row>
    <row r="849985" spans="14:14">
      <c r="N849985" s="10"/>
    </row>
    <row r="849986" spans="14:14">
      <c r="N849986" s="10"/>
    </row>
    <row r="849987" spans="14:14">
      <c r="N849987" s="10"/>
    </row>
    <row r="849988" spans="14:14">
      <c r="N849988" s="10"/>
    </row>
    <row r="849989" spans="14:14">
      <c r="N849989" s="10"/>
    </row>
    <row r="849990" spans="14:14">
      <c r="N849990" s="10"/>
    </row>
    <row r="849991" spans="14:14">
      <c r="N849991" s="10"/>
    </row>
    <row r="849992" spans="14:14">
      <c r="N849992" s="10"/>
    </row>
    <row r="849993" spans="14:14">
      <c r="N849993" s="10"/>
    </row>
    <row r="849994" spans="14:14">
      <c r="N849994" s="10"/>
    </row>
    <row r="849995" spans="14:14">
      <c r="N849995" s="10"/>
    </row>
    <row r="849996" spans="14:14">
      <c r="N849996" s="10"/>
    </row>
    <row r="849997" spans="14:14">
      <c r="N849997" s="10"/>
    </row>
    <row r="849998" spans="14:14">
      <c r="N849998" s="10"/>
    </row>
    <row r="849999" spans="14:14">
      <c r="N849999" s="10"/>
    </row>
    <row r="850000" spans="14:14">
      <c r="N850000" s="10"/>
    </row>
    <row r="850001" spans="14:14">
      <c r="N850001" s="10"/>
    </row>
    <row r="850002" spans="14:14">
      <c r="N850002" s="10"/>
    </row>
    <row r="850003" spans="14:14">
      <c r="N850003" s="10"/>
    </row>
    <row r="850004" spans="14:14">
      <c r="N850004" s="10"/>
    </row>
    <row r="850005" spans="14:14">
      <c r="N850005" s="10"/>
    </row>
    <row r="850006" spans="14:14">
      <c r="N850006" s="10"/>
    </row>
    <row r="850007" spans="14:14">
      <c r="N850007" s="10"/>
    </row>
    <row r="850008" spans="14:14">
      <c r="N850008" s="10"/>
    </row>
    <row r="850009" spans="14:14">
      <c r="N850009" s="10"/>
    </row>
    <row r="850010" spans="14:14">
      <c r="N850010" s="10"/>
    </row>
    <row r="850011" spans="14:14">
      <c r="N850011" s="10"/>
    </row>
    <row r="850012" spans="14:14">
      <c r="N850012" s="10"/>
    </row>
    <row r="850013" spans="14:14">
      <c r="N850013" s="10"/>
    </row>
    <row r="850014" spans="14:14">
      <c r="N850014" s="10"/>
    </row>
    <row r="850015" spans="14:14">
      <c r="N850015" s="10"/>
    </row>
    <row r="850016" spans="14:14">
      <c r="N850016" s="10"/>
    </row>
    <row r="850017" spans="14:14">
      <c r="N850017" s="10"/>
    </row>
    <row r="850018" spans="14:14">
      <c r="N850018" s="10"/>
    </row>
    <row r="850019" spans="14:14">
      <c r="N850019" s="10"/>
    </row>
    <row r="850020" spans="14:14">
      <c r="N850020" s="10"/>
    </row>
    <row r="850021" spans="14:14">
      <c r="N850021" s="10"/>
    </row>
    <row r="850022" spans="14:14">
      <c r="N850022" s="10"/>
    </row>
    <row r="850023" spans="14:14">
      <c r="N850023" s="10"/>
    </row>
    <row r="850024" spans="14:14">
      <c r="N850024" s="10"/>
    </row>
    <row r="850025" spans="14:14">
      <c r="N850025" s="10"/>
    </row>
    <row r="850026" spans="14:14">
      <c r="N850026" s="10"/>
    </row>
    <row r="850027" spans="14:14">
      <c r="N850027" s="10"/>
    </row>
    <row r="850028" spans="14:14">
      <c r="N850028" s="10"/>
    </row>
    <row r="850029" spans="14:14">
      <c r="N850029" s="10"/>
    </row>
    <row r="850030" spans="14:14">
      <c r="N850030" s="10"/>
    </row>
    <row r="850031" spans="14:14">
      <c r="N850031" s="10"/>
    </row>
    <row r="850032" spans="14:14">
      <c r="N850032" s="10"/>
    </row>
    <row r="850033" spans="14:14">
      <c r="N850033" s="10"/>
    </row>
    <row r="850034" spans="14:14">
      <c r="N850034" s="10"/>
    </row>
    <row r="850035" spans="14:14">
      <c r="N850035" s="10"/>
    </row>
    <row r="850036" spans="14:14">
      <c r="N850036" s="10"/>
    </row>
    <row r="850037" spans="14:14">
      <c r="N850037" s="10"/>
    </row>
    <row r="850038" spans="14:14">
      <c r="N850038" s="10"/>
    </row>
    <row r="850039" spans="14:14">
      <c r="N850039" s="10"/>
    </row>
    <row r="850040" spans="14:14">
      <c r="N850040" s="10"/>
    </row>
    <row r="850041" spans="14:14">
      <c r="N850041" s="10"/>
    </row>
    <row r="850042" spans="14:14">
      <c r="N850042" s="10"/>
    </row>
    <row r="850043" spans="14:14">
      <c r="N850043" s="10"/>
    </row>
    <row r="850044" spans="14:14">
      <c r="N850044" s="10"/>
    </row>
    <row r="850045" spans="14:14">
      <c r="N850045" s="10"/>
    </row>
    <row r="850046" spans="14:14">
      <c r="N850046" s="10"/>
    </row>
    <row r="850047" spans="14:14">
      <c r="N850047" s="10"/>
    </row>
    <row r="850048" spans="14:14">
      <c r="N850048" s="10"/>
    </row>
    <row r="850049" spans="14:14">
      <c r="N850049" s="10"/>
    </row>
    <row r="850050" spans="14:14">
      <c r="N850050" s="10"/>
    </row>
    <row r="850051" spans="14:14">
      <c r="N850051" s="10"/>
    </row>
    <row r="850052" spans="14:14">
      <c r="N850052" s="10"/>
    </row>
    <row r="850053" spans="14:14">
      <c r="N850053" s="10"/>
    </row>
    <row r="850054" spans="14:14">
      <c r="N850054" s="10"/>
    </row>
    <row r="850055" spans="14:14">
      <c r="N850055" s="10"/>
    </row>
    <row r="850056" spans="14:14">
      <c r="N850056" s="10"/>
    </row>
    <row r="850057" spans="14:14">
      <c r="N850057" s="10"/>
    </row>
    <row r="850058" spans="14:14">
      <c r="N850058" s="10"/>
    </row>
    <row r="850059" spans="14:14">
      <c r="N850059" s="10"/>
    </row>
    <row r="850060" spans="14:14">
      <c r="N850060" s="10"/>
    </row>
    <row r="850061" spans="14:14">
      <c r="N850061" s="10"/>
    </row>
    <row r="850062" spans="14:14">
      <c r="N850062" s="10"/>
    </row>
    <row r="850063" spans="14:14">
      <c r="N850063" s="10"/>
    </row>
    <row r="850064" spans="14:14">
      <c r="N850064" s="10"/>
    </row>
    <row r="850065" spans="14:14">
      <c r="N850065" s="10"/>
    </row>
    <row r="850066" spans="14:14">
      <c r="N850066" s="10"/>
    </row>
    <row r="850067" spans="14:14">
      <c r="N850067" s="10"/>
    </row>
    <row r="850068" spans="14:14">
      <c r="N850068" s="10"/>
    </row>
    <row r="850069" spans="14:14">
      <c r="N850069" s="10"/>
    </row>
    <row r="850070" spans="14:14">
      <c r="N850070" s="10"/>
    </row>
    <row r="850071" spans="14:14">
      <c r="N850071" s="10"/>
    </row>
    <row r="850072" spans="14:14">
      <c r="N850072" s="10"/>
    </row>
    <row r="850073" spans="14:14">
      <c r="N850073" s="10"/>
    </row>
    <row r="850074" spans="14:14">
      <c r="N850074" s="10"/>
    </row>
    <row r="850075" spans="14:14">
      <c r="N850075" s="10"/>
    </row>
    <row r="850076" spans="14:14">
      <c r="N850076" s="10"/>
    </row>
    <row r="850077" spans="14:14">
      <c r="N850077" s="10"/>
    </row>
    <row r="850078" spans="14:14">
      <c r="N850078" s="10"/>
    </row>
    <row r="850079" spans="14:14">
      <c r="N850079" s="10"/>
    </row>
    <row r="850080" spans="14:14">
      <c r="N850080" s="10"/>
    </row>
    <row r="850081" spans="14:14">
      <c r="N850081" s="10"/>
    </row>
    <row r="850082" spans="14:14">
      <c r="N850082" s="10"/>
    </row>
    <row r="850083" spans="14:14">
      <c r="N850083" s="10"/>
    </row>
    <row r="850084" spans="14:14">
      <c r="N850084" s="10"/>
    </row>
    <row r="850085" spans="14:14">
      <c r="N850085" s="10"/>
    </row>
    <row r="850086" spans="14:14">
      <c r="N850086" s="10"/>
    </row>
    <row r="850087" spans="14:14">
      <c r="N850087" s="10"/>
    </row>
    <row r="850088" spans="14:14">
      <c r="N850088" s="10"/>
    </row>
    <row r="850089" spans="14:14">
      <c r="N850089" s="10"/>
    </row>
    <row r="850090" spans="14:14">
      <c r="N850090" s="10"/>
    </row>
    <row r="850091" spans="14:14">
      <c r="N850091" s="10"/>
    </row>
    <row r="850092" spans="14:14">
      <c r="N850092" s="10"/>
    </row>
    <row r="850093" spans="14:14">
      <c r="N850093" s="10"/>
    </row>
    <row r="850094" spans="14:14">
      <c r="N850094" s="10"/>
    </row>
    <row r="850095" spans="14:14">
      <c r="N850095" s="10"/>
    </row>
    <row r="850096" spans="14:14">
      <c r="N850096" s="10"/>
    </row>
    <row r="850097" spans="14:14">
      <c r="N850097" s="10"/>
    </row>
    <row r="850098" spans="14:14">
      <c r="N850098" s="10"/>
    </row>
    <row r="850099" spans="14:14">
      <c r="N850099" s="10"/>
    </row>
    <row r="850100" spans="14:14">
      <c r="N850100" s="10"/>
    </row>
    <row r="850101" spans="14:14">
      <c r="N850101" s="10"/>
    </row>
    <row r="850102" spans="14:14">
      <c r="N850102" s="10"/>
    </row>
    <row r="850103" spans="14:14">
      <c r="N850103" s="10"/>
    </row>
    <row r="850104" spans="14:14">
      <c r="N850104" s="10"/>
    </row>
    <row r="850105" spans="14:14">
      <c r="N850105" s="10"/>
    </row>
    <row r="850106" spans="14:14">
      <c r="N850106" s="10"/>
    </row>
    <row r="850107" spans="14:14">
      <c r="N850107" s="10"/>
    </row>
    <row r="850108" spans="14:14">
      <c r="N850108" s="10"/>
    </row>
    <row r="850109" spans="14:14">
      <c r="N850109" s="10"/>
    </row>
    <row r="850110" spans="14:14">
      <c r="N850110" s="10"/>
    </row>
    <row r="850111" spans="14:14">
      <c r="N850111" s="10"/>
    </row>
    <row r="850112" spans="14:14">
      <c r="N850112" s="10"/>
    </row>
    <row r="850113" spans="14:14">
      <c r="N850113" s="10"/>
    </row>
    <row r="850114" spans="14:14">
      <c r="N850114" s="10"/>
    </row>
    <row r="850115" spans="14:14">
      <c r="N850115" s="10"/>
    </row>
    <row r="850116" spans="14:14">
      <c r="N850116" s="10"/>
    </row>
    <row r="850117" spans="14:14">
      <c r="N850117" s="10"/>
    </row>
    <row r="850118" spans="14:14">
      <c r="N850118" s="10"/>
    </row>
    <row r="850119" spans="14:14">
      <c r="N850119" s="10"/>
    </row>
    <row r="850120" spans="14:14">
      <c r="N850120" s="10"/>
    </row>
    <row r="850121" spans="14:14">
      <c r="N850121" s="10"/>
    </row>
    <row r="850122" spans="14:14">
      <c r="N850122" s="10"/>
    </row>
    <row r="850123" spans="14:14">
      <c r="N850123" s="10"/>
    </row>
    <row r="850124" spans="14:14">
      <c r="N850124" s="10"/>
    </row>
    <row r="850125" spans="14:14">
      <c r="N850125" s="10"/>
    </row>
    <row r="850126" spans="14:14">
      <c r="N850126" s="10"/>
    </row>
    <row r="850127" spans="14:14">
      <c r="N850127" s="10"/>
    </row>
    <row r="850128" spans="14:14">
      <c r="N850128" s="10"/>
    </row>
    <row r="850129" spans="14:14">
      <c r="N850129" s="10"/>
    </row>
    <row r="850130" spans="14:14">
      <c r="N850130" s="10"/>
    </row>
    <row r="850131" spans="14:14">
      <c r="N850131" s="10"/>
    </row>
    <row r="850132" spans="14:14">
      <c r="N850132" s="10"/>
    </row>
    <row r="850133" spans="14:14">
      <c r="N850133" s="10"/>
    </row>
    <row r="850134" spans="14:14">
      <c r="N850134" s="10"/>
    </row>
    <row r="850135" spans="14:14">
      <c r="N850135" s="10"/>
    </row>
    <row r="850136" spans="14:14">
      <c r="N850136" s="10"/>
    </row>
    <row r="850137" spans="14:14">
      <c r="N850137" s="10"/>
    </row>
    <row r="850138" spans="14:14">
      <c r="N850138" s="10"/>
    </row>
    <row r="850139" spans="14:14">
      <c r="N850139" s="10"/>
    </row>
    <row r="850140" spans="14:14">
      <c r="N850140" s="10"/>
    </row>
    <row r="850141" spans="14:14">
      <c r="N850141" s="10"/>
    </row>
    <row r="850142" spans="14:14">
      <c r="N850142" s="10"/>
    </row>
    <row r="850143" spans="14:14">
      <c r="N850143" s="10"/>
    </row>
    <row r="850144" spans="14:14">
      <c r="N850144" s="10"/>
    </row>
    <row r="850145" spans="14:14">
      <c r="N850145" s="10"/>
    </row>
    <row r="850146" spans="14:14">
      <c r="N850146" s="10"/>
    </row>
    <row r="850147" spans="14:14">
      <c r="N850147" s="10"/>
    </row>
    <row r="850148" spans="14:14">
      <c r="N850148" s="10"/>
    </row>
    <row r="850149" spans="14:14">
      <c r="N850149" s="10"/>
    </row>
    <row r="850150" spans="14:14">
      <c r="N850150" s="10"/>
    </row>
    <row r="850151" spans="14:14">
      <c r="N850151" s="10"/>
    </row>
    <row r="850152" spans="14:14">
      <c r="N850152" s="10"/>
    </row>
    <row r="850153" spans="14:14">
      <c r="N850153" s="10"/>
    </row>
    <row r="850154" spans="14:14">
      <c r="N850154" s="10"/>
    </row>
    <row r="850155" spans="14:14">
      <c r="N850155" s="10"/>
    </row>
    <row r="850156" spans="14:14">
      <c r="N850156" s="10"/>
    </row>
    <row r="850157" spans="14:14">
      <c r="N850157" s="10"/>
    </row>
    <row r="850158" spans="14:14">
      <c r="N850158" s="10"/>
    </row>
    <row r="850159" spans="14:14">
      <c r="N850159" s="10"/>
    </row>
    <row r="850160" spans="14:14">
      <c r="N850160" s="10"/>
    </row>
    <row r="850161" spans="14:14">
      <c r="N850161" s="10"/>
    </row>
    <row r="850162" spans="14:14">
      <c r="N850162" s="10"/>
    </row>
    <row r="850163" spans="14:14">
      <c r="N850163" s="10"/>
    </row>
    <row r="850164" spans="14:14">
      <c r="N850164" s="10"/>
    </row>
    <row r="850165" spans="14:14">
      <c r="N850165" s="10"/>
    </row>
    <row r="850166" spans="14:14">
      <c r="N850166" s="10"/>
    </row>
    <row r="850167" spans="14:14">
      <c r="N850167" s="10"/>
    </row>
    <row r="850168" spans="14:14">
      <c r="N850168" s="10"/>
    </row>
    <row r="850169" spans="14:14">
      <c r="N850169" s="10"/>
    </row>
    <row r="850170" spans="14:14">
      <c r="N850170" s="10"/>
    </row>
    <row r="850171" spans="14:14">
      <c r="N850171" s="10"/>
    </row>
    <row r="850172" spans="14:14">
      <c r="N850172" s="10"/>
    </row>
    <row r="850173" spans="14:14">
      <c r="N850173" s="10"/>
    </row>
    <row r="850174" spans="14:14">
      <c r="N850174" s="10"/>
    </row>
    <row r="850175" spans="14:14">
      <c r="N850175" s="10"/>
    </row>
    <row r="850176" spans="14:14">
      <c r="N850176" s="10"/>
    </row>
    <row r="850177" spans="14:14">
      <c r="N850177" s="10"/>
    </row>
    <row r="850178" spans="14:14">
      <c r="N850178" s="10"/>
    </row>
    <row r="850179" spans="14:14">
      <c r="N850179" s="10"/>
    </row>
    <row r="850180" spans="14:14">
      <c r="N850180" s="10"/>
    </row>
    <row r="850181" spans="14:14">
      <c r="N850181" s="10"/>
    </row>
    <row r="850182" spans="14:14">
      <c r="N850182" s="10"/>
    </row>
    <row r="850183" spans="14:14">
      <c r="N850183" s="10"/>
    </row>
    <row r="850184" spans="14:14">
      <c r="N850184" s="10"/>
    </row>
    <row r="850185" spans="14:14">
      <c r="N850185" s="10"/>
    </row>
    <row r="850186" spans="14:14">
      <c r="N850186" s="10"/>
    </row>
    <row r="850187" spans="14:14">
      <c r="N850187" s="10"/>
    </row>
    <row r="850188" spans="14:14">
      <c r="N850188" s="10"/>
    </row>
    <row r="850189" spans="14:14">
      <c r="N850189" s="10"/>
    </row>
    <row r="850190" spans="14:14">
      <c r="N850190" s="10"/>
    </row>
    <row r="850191" spans="14:14">
      <c r="N850191" s="10"/>
    </row>
    <row r="850192" spans="14:14">
      <c r="N850192" s="10"/>
    </row>
    <row r="850193" spans="14:14">
      <c r="N850193" s="10"/>
    </row>
    <row r="850194" spans="14:14">
      <c r="N850194" s="10"/>
    </row>
    <row r="850195" spans="14:14">
      <c r="N850195" s="10"/>
    </row>
    <row r="850196" spans="14:14">
      <c r="N850196" s="10"/>
    </row>
    <row r="850197" spans="14:14">
      <c r="N850197" s="10"/>
    </row>
    <row r="850198" spans="14:14">
      <c r="N850198" s="10"/>
    </row>
    <row r="850199" spans="14:14">
      <c r="N850199" s="10"/>
    </row>
    <row r="850200" spans="14:14">
      <c r="N850200" s="10"/>
    </row>
    <row r="850201" spans="14:14">
      <c r="N850201" s="10"/>
    </row>
    <row r="850202" spans="14:14">
      <c r="N850202" s="10"/>
    </row>
    <row r="850203" spans="14:14">
      <c r="N850203" s="10"/>
    </row>
    <row r="850204" spans="14:14">
      <c r="N850204" s="10"/>
    </row>
    <row r="850205" spans="14:14">
      <c r="N850205" s="10"/>
    </row>
    <row r="850206" spans="14:14">
      <c r="N850206" s="10"/>
    </row>
    <row r="850207" spans="14:14">
      <c r="N850207" s="10"/>
    </row>
    <row r="850208" spans="14:14">
      <c r="N850208" s="10"/>
    </row>
    <row r="850209" spans="14:14">
      <c r="N850209" s="10"/>
    </row>
    <row r="850210" spans="14:14">
      <c r="N850210" s="10"/>
    </row>
    <row r="850211" spans="14:14">
      <c r="N850211" s="10"/>
    </row>
    <row r="850212" spans="14:14">
      <c r="N850212" s="10"/>
    </row>
    <row r="850213" spans="14:14">
      <c r="N850213" s="10"/>
    </row>
    <row r="850214" spans="14:14">
      <c r="N850214" s="10"/>
    </row>
    <row r="850215" spans="14:14">
      <c r="N850215" s="10"/>
    </row>
    <row r="850216" spans="14:14">
      <c r="N850216" s="10"/>
    </row>
    <row r="850217" spans="14:14">
      <c r="N850217" s="10"/>
    </row>
    <row r="850218" spans="14:14">
      <c r="N850218" s="10"/>
    </row>
    <row r="850219" spans="14:14">
      <c r="N850219" s="10"/>
    </row>
    <row r="850220" spans="14:14">
      <c r="N850220" s="10"/>
    </row>
    <row r="850221" spans="14:14">
      <c r="N850221" s="10"/>
    </row>
    <row r="850222" spans="14:14">
      <c r="N850222" s="10"/>
    </row>
    <row r="850223" spans="14:14">
      <c r="N850223" s="10"/>
    </row>
    <row r="850224" spans="14:14">
      <c r="N850224" s="10"/>
    </row>
    <row r="850225" spans="14:14">
      <c r="N850225" s="10"/>
    </row>
    <row r="850226" spans="14:14">
      <c r="N850226" s="10"/>
    </row>
    <row r="850227" spans="14:14">
      <c r="N850227" s="10"/>
    </row>
    <row r="850228" spans="14:14">
      <c r="N850228" s="10"/>
    </row>
    <row r="850229" spans="14:14">
      <c r="N850229" s="10"/>
    </row>
    <row r="850230" spans="14:14">
      <c r="N850230" s="10"/>
    </row>
    <row r="850231" spans="14:14">
      <c r="N850231" s="10"/>
    </row>
    <row r="850232" spans="14:14">
      <c r="N850232" s="10"/>
    </row>
    <row r="850233" spans="14:14">
      <c r="N850233" s="10"/>
    </row>
    <row r="850234" spans="14:14">
      <c r="N850234" s="10"/>
    </row>
    <row r="850235" spans="14:14">
      <c r="N850235" s="10"/>
    </row>
    <row r="850236" spans="14:14">
      <c r="N850236" s="10"/>
    </row>
    <row r="850237" spans="14:14">
      <c r="N850237" s="10"/>
    </row>
    <row r="850238" spans="14:14">
      <c r="N850238" s="10"/>
    </row>
    <row r="850239" spans="14:14">
      <c r="N850239" s="10"/>
    </row>
    <row r="850240" spans="14:14">
      <c r="N850240" s="10"/>
    </row>
    <row r="850241" spans="14:14">
      <c r="N850241" s="10"/>
    </row>
    <row r="850242" spans="14:14">
      <c r="N850242" s="10"/>
    </row>
    <row r="850243" spans="14:14">
      <c r="N850243" s="10"/>
    </row>
    <row r="850244" spans="14:14">
      <c r="N850244" s="10"/>
    </row>
    <row r="850245" spans="14:14">
      <c r="N850245" s="10"/>
    </row>
    <row r="850246" spans="14:14">
      <c r="N850246" s="10"/>
    </row>
    <row r="850247" spans="14:14">
      <c r="N850247" s="10"/>
    </row>
    <row r="850248" spans="14:14">
      <c r="N850248" s="10"/>
    </row>
    <row r="850249" spans="14:14">
      <c r="N850249" s="10"/>
    </row>
    <row r="850250" spans="14:14">
      <c r="N850250" s="10"/>
    </row>
    <row r="850251" spans="14:14">
      <c r="N850251" s="10"/>
    </row>
    <row r="850252" spans="14:14">
      <c r="N850252" s="10"/>
    </row>
    <row r="850253" spans="14:14">
      <c r="N850253" s="10"/>
    </row>
    <row r="850254" spans="14:14">
      <c r="N850254" s="10"/>
    </row>
    <row r="850255" spans="14:14">
      <c r="N850255" s="10"/>
    </row>
    <row r="850256" spans="14:14">
      <c r="N850256" s="10"/>
    </row>
    <row r="850257" spans="14:14">
      <c r="N850257" s="10"/>
    </row>
    <row r="850258" spans="14:14">
      <c r="N850258" s="10"/>
    </row>
    <row r="850259" spans="14:14">
      <c r="N850259" s="10"/>
    </row>
    <row r="850260" spans="14:14">
      <c r="N850260" s="10"/>
    </row>
    <row r="850261" spans="14:14">
      <c r="N850261" s="10"/>
    </row>
    <row r="850262" spans="14:14">
      <c r="N850262" s="10"/>
    </row>
    <row r="850263" spans="14:14">
      <c r="N850263" s="10"/>
    </row>
    <row r="850264" spans="14:14">
      <c r="N850264" s="10"/>
    </row>
    <row r="850265" spans="14:14">
      <c r="N850265" s="10"/>
    </row>
    <row r="850266" spans="14:14">
      <c r="N850266" s="10"/>
    </row>
    <row r="850267" spans="14:14">
      <c r="N850267" s="10"/>
    </row>
    <row r="850268" spans="14:14">
      <c r="N850268" s="10"/>
    </row>
    <row r="850269" spans="14:14">
      <c r="N850269" s="10"/>
    </row>
    <row r="850270" spans="14:14">
      <c r="N850270" s="10"/>
    </row>
    <row r="850271" spans="14:14">
      <c r="N850271" s="10"/>
    </row>
    <row r="850272" spans="14:14">
      <c r="N850272" s="10"/>
    </row>
    <row r="850273" spans="14:14">
      <c r="N850273" s="10"/>
    </row>
    <row r="850274" spans="14:14">
      <c r="N850274" s="10"/>
    </row>
    <row r="850275" spans="14:14">
      <c r="N850275" s="10"/>
    </row>
    <row r="850276" spans="14:14">
      <c r="N850276" s="10"/>
    </row>
    <row r="850277" spans="14:14">
      <c r="N850277" s="10"/>
    </row>
    <row r="850278" spans="14:14">
      <c r="N850278" s="10"/>
    </row>
    <row r="850279" spans="14:14">
      <c r="N850279" s="10"/>
    </row>
    <row r="850280" spans="14:14">
      <c r="N850280" s="10"/>
    </row>
    <row r="850281" spans="14:14">
      <c r="N850281" s="10"/>
    </row>
    <row r="850282" spans="14:14">
      <c r="N850282" s="10"/>
    </row>
    <row r="850283" spans="14:14">
      <c r="N850283" s="10"/>
    </row>
    <row r="850284" spans="14:14">
      <c r="N850284" s="10"/>
    </row>
    <row r="850285" spans="14:14">
      <c r="N850285" s="10"/>
    </row>
    <row r="850286" spans="14:14">
      <c r="N850286" s="10"/>
    </row>
    <row r="850287" spans="14:14">
      <c r="N850287" s="10"/>
    </row>
    <row r="850288" spans="14:14">
      <c r="N850288" s="10"/>
    </row>
    <row r="850289" spans="14:14">
      <c r="N850289" s="10"/>
    </row>
    <row r="850290" spans="14:14">
      <c r="N850290" s="10"/>
    </row>
    <row r="850291" spans="14:14">
      <c r="N850291" s="10"/>
    </row>
    <row r="850292" spans="14:14">
      <c r="N850292" s="10"/>
    </row>
    <row r="850293" spans="14:14">
      <c r="N850293" s="10"/>
    </row>
    <row r="850294" spans="14:14">
      <c r="N850294" s="10"/>
    </row>
    <row r="850295" spans="14:14">
      <c r="N850295" s="10"/>
    </row>
    <row r="850296" spans="14:14">
      <c r="N850296" s="10"/>
    </row>
    <row r="850297" spans="14:14">
      <c r="N850297" s="10"/>
    </row>
    <row r="850298" spans="14:14">
      <c r="N850298" s="10"/>
    </row>
    <row r="850299" spans="14:14">
      <c r="N850299" s="10"/>
    </row>
    <row r="850300" spans="14:14">
      <c r="N850300" s="10"/>
    </row>
    <row r="850301" spans="14:14">
      <c r="N850301" s="10"/>
    </row>
    <row r="850302" spans="14:14">
      <c r="N850302" s="10"/>
    </row>
    <row r="850303" spans="14:14">
      <c r="N850303" s="10"/>
    </row>
    <row r="850304" spans="14:14">
      <c r="N850304" s="10"/>
    </row>
    <row r="850305" spans="14:14">
      <c r="N850305" s="10"/>
    </row>
    <row r="850306" spans="14:14">
      <c r="N850306" s="10"/>
    </row>
    <row r="850307" spans="14:14">
      <c r="N850307" s="10"/>
    </row>
    <row r="850308" spans="14:14">
      <c r="N850308" s="10"/>
    </row>
    <row r="850309" spans="14:14">
      <c r="N850309" s="10"/>
    </row>
    <row r="850310" spans="14:14">
      <c r="N850310" s="10"/>
    </row>
    <row r="850311" spans="14:14">
      <c r="N850311" s="10"/>
    </row>
    <row r="850312" spans="14:14">
      <c r="N850312" s="10"/>
    </row>
    <row r="850313" spans="14:14">
      <c r="N850313" s="10"/>
    </row>
    <row r="850314" spans="14:14">
      <c r="N850314" s="10"/>
    </row>
    <row r="850315" spans="14:14">
      <c r="N850315" s="10"/>
    </row>
    <row r="850316" spans="14:14">
      <c r="N850316" s="10"/>
    </row>
    <row r="850317" spans="14:14">
      <c r="N850317" s="10"/>
    </row>
    <row r="850318" spans="14:14">
      <c r="N850318" s="10"/>
    </row>
    <row r="850319" spans="14:14">
      <c r="N850319" s="10"/>
    </row>
    <row r="850320" spans="14:14">
      <c r="N850320" s="10"/>
    </row>
    <row r="850321" spans="14:14">
      <c r="N850321" s="10"/>
    </row>
    <row r="850322" spans="14:14">
      <c r="N850322" s="10"/>
    </row>
    <row r="850323" spans="14:14">
      <c r="N850323" s="10"/>
    </row>
    <row r="850324" spans="14:14">
      <c r="N850324" s="10"/>
    </row>
    <row r="850325" spans="14:14">
      <c r="N850325" s="10"/>
    </row>
    <row r="850326" spans="14:14">
      <c r="N850326" s="10"/>
    </row>
    <row r="850327" spans="14:14">
      <c r="N850327" s="10"/>
    </row>
    <row r="850328" spans="14:14">
      <c r="N850328" s="10"/>
    </row>
    <row r="850329" spans="14:14">
      <c r="N850329" s="10"/>
    </row>
    <row r="850330" spans="14:14">
      <c r="N850330" s="10"/>
    </row>
    <row r="850331" spans="14:14">
      <c r="N850331" s="10"/>
    </row>
    <row r="850332" spans="14:14">
      <c r="N850332" s="10"/>
    </row>
    <row r="850333" spans="14:14">
      <c r="N850333" s="10"/>
    </row>
    <row r="850334" spans="14:14">
      <c r="N850334" s="10"/>
    </row>
    <row r="850335" spans="14:14">
      <c r="N850335" s="10"/>
    </row>
    <row r="850336" spans="14:14">
      <c r="N850336" s="10"/>
    </row>
    <row r="850337" spans="14:14">
      <c r="N850337" s="10"/>
    </row>
    <row r="850338" spans="14:14">
      <c r="N850338" s="10"/>
    </row>
    <row r="850339" spans="14:14">
      <c r="N850339" s="10"/>
    </row>
    <row r="850340" spans="14:14">
      <c r="N850340" s="10"/>
    </row>
    <row r="850341" spans="14:14">
      <c r="N850341" s="10"/>
    </row>
    <row r="850342" spans="14:14">
      <c r="N850342" s="10"/>
    </row>
    <row r="850343" spans="14:14">
      <c r="N850343" s="10"/>
    </row>
    <row r="850344" spans="14:14">
      <c r="N850344" s="10"/>
    </row>
    <row r="850345" spans="14:14">
      <c r="N850345" s="10"/>
    </row>
    <row r="850346" spans="14:14">
      <c r="N850346" s="10"/>
    </row>
    <row r="850347" spans="14:14">
      <c r="N850347" s="10"/>
    </row>
    <row r="850348" spans="14:14">
      <c r="N850348" s="10"/>
    </row>
    <row r="850349" spans="14:14">
      <c r="N850349" s="10"/>
    </row>
    <row r="850350" spans="14:14">
      <c r="N850350" s="10"/>
    </row>
    <row r="850351" spans="14:14">
      <c r="N850351" s="10"/>
    </row>
    <row r="850352" spans="14:14">
      <c r="N850352" s="10"/>
    </row>
    <row r="850353" spans="14:14">
      <c r="N850353" s="10"/>
    </row>
    <row r="850354" spans="14:14">
      <c r="N850354" s="10"/>
    </row>
    <row r="850355" spans="14:14">
      <c r="N850355" s="10"/>
    </row>
    <row r="850356" spans="14:14">
      <c r="N850356" s="10"/>
    </row>
    <row r="850357" spans="14:14">
      <c r="N850357" s="10"/>
    </row>
    <row r="850358" spans="14:14">
      <c r="N850358" s="10"/>
    </row>
    <row r="850359" spans="14:14">
      <c r="N850359" s="10"/>
    </row>
    <row r="850360" spans="14:14">
      <c r="N850360" s="10"/>
    </row>
    <row r="850361" spans="14:14">
      <c r="N850361" s="10"/>
    </row>
    <row r="850362" spans="14:14">
      <c r="N850362" s="10"/>
    </row>
    <row r="850363" spans="14:14">
      <c r="N850363" s="10"/>
    </row>
    <row r="850364" spans="14:14">
      <c r="N850364" s="10"/>
    </row>
    <row r="850365" spans="14:14">
      <c r="N850365" s="10"/>
    </row>
    <row r="850366" spans="14:14">
      <c r="N850366" s="10"/>
    </row>
    <row r="850367" spans="14:14">
      <c r="N850367" s="10"/>
    </row>
    <row r="850368" spans="14:14">
      <c r="N850368" s="10"/>
    </row>
    <row r="850369" spans="14:14">
      <c r="N850369" s="10"/>
    </row>
    <row r="850370" spans="14:14">
      <c r="N850370" s="10"/>
    </row>
    <row r="850371" spans="14:14">
      <c r="N850371" s="10"/>
    </row>
    <row r="850372" spans="14:14">
      <c r="N850372" s="10"/>
    </row>
    <row r="850373" spans="14:14">
      <c r="N850373" s="10"/>
    </row>
    <row r="850374" spans="14:14">
      <c r="N850374" s="10"/>
    </row>
    <row r="850375" spans="14:14">
      <c r="N850375" s="10"/>
    </row>
    <row r="850376" spans="14:14">
      <c r="N850376" s="10"/>
    </row>
    <row r="850377" spans="14:14">
      <c r="N850377" s="10"/>
    </row>
    <row r="850378" spans="14:14">
      <c r="N850378" s="10"/>
    </row>
    <row r="850379" spans="14:14">
      <c r="N850379" s="10"/>
    </row>
    <row r="850380" spans="14:14">
      <c r="N850380" s="10"/>
    </row>
    <row r="850381" spans="14:14">
      <c r="N850381" s="10"/>
    </row>
    <row r="850382" spans="14:14">
      <c r="N850382" s="10"/>
    </row>
    <row r="850383" spans="14:14">
      <c r="N850383" s="10"/>
    </row>
    <row r="850384" spans="14:14">
      <c r="N850384" s="10"/>
    </row>
    <row r="850385" spans="14:14">
      <c r="N850385" s="10"/>
    </row>
    <row r="850386" spans="14:14">
      <c r="N850386" s="10"/>
    </row>
    <row r="850387" spans="14:14">
      <c r="N850387" s="10"/>
    </row>
    <row r="850388" spans="14:14">
      <c r="N850388" s="10"/>
    </row>
    <row r="850389" spans="14:14">
      <c r="N850389" s="10"/>
    </row>
    <row r="850390" spans="14:14">
      <c r="N850390" s="10"/>
    </row>
    <row r="850391" spans="14:14">
      <c r="N850391" s="10"/>
    </row>
    <row r="850392" spans="14:14">
      <c r="N850392" s="10"/>
    </row>
    <row r="850393" spans="14:14">
      <c r="N850393" s="10"/>
    </row>
    <row r="850394" spans="14:14">
      <c r="N850394" s="10"/>
    </row>
    <row r="850395" spans="14:14">
      <c r="N850395" s="10"/>
    </row>
    <row r="850396" spans="14:14">
      <c r="N850396" s="10"/>
    </row>
    <row r="850397" spans="14:14">
      <c r="N850397" s="10"/>
    </row>
    <row r="850398" spans="14:14">
      <c r="N850398" s="10"/>
    </row>
    <row r="850399" spans="14:14">
      <c r="N850399" s="10"/>
    </row>
    <row r="850400" spans="14:14">
      <c r="N850400" s="10"/>
    </row>
    <row r="850401" spans="14:14">
      <c r="N850401" s="10"/>
    </row>
    <row r="850402" spans="14:14">
      <c r="N850402" s="10"/>
    </row>
    <row r="850403" spans="14:14">
      <c r="N850403" s="10"/>
    </row>
    <row r="850404" spans="14:14">
      <c r="N850404" s="10"/>
    </row>
    <row r="850405" spans="14:14">
      <c r="N850405" s="10"/>
    </row>
    <row r="850406" spans="14:14">
      <c r="N850406" s="10"/>
    </row>
    <row r="850407" spans="14:14">
      <c r="N850407" s="10"/>
    </row>
    <row r="850408" spans="14:14">
      <c r="N850408" s="10"/>
    </row>
    <row r="850409" spans="14:14">
      <c r="N850409" s="10"/>
    </row>
    <row r="850410" spans="14:14">
      <c r="N850410" s="10"/>
    </row>
    <row r="850411" spans="14:14">
      <c r="N850411" s="10"/>
    </row>
    <row r="850412" spans="14:14">
      <c r="N850412" s="10"/>
    </row>
    <row r="850413" spans="14:14">
      <c r="N850413" s="10"/>
    </row>
    <row r="850414" spans="14:14">
      <c r="N850414" s="10"/>
    </row>
    <row r="850415" spans="14:14">
      <c r="N850415" s="10"/>
    </row>
    <row r="850416" spans="14:14">
      <c r="N850416" s="10"/>
    </row>
    <row r="850417" spans="14:14">
      <c r="N850417" s="10"/>
    </row>
    <row r="850418" spans="14:14">
      <c r="N850418" s="10"/>
    </row>
    <row r="850419" spans="14:14">
      <c r="N850419" s="10"/>
    </row>
    <row r="850420" spans="14:14">
      <c r="N850420" s="10"/>
    </row>
    <row r="850421" spans="14:14">
      <c r="N850421" s="10"/>
    </row>
    <row r="850422" spans="14:14">
      <c r="N850422" s="10"/>
    </row>
    <row r="850423" spans="14:14">
      <c r="N850423" s="10"/>
    </row>
    <row r="850424" spans="14:14">
      <c r="N850424" s="10"/>
    </row>
    <row r="850425" spans="14:14">
      <c r="N850425" s="10"/>
    </row>
    <row r="850426" spans="14:14">
      <c r="N850426" s="10"/>
    </row>
    <row r="850427" spans="14:14">
      <c r="N850427" s="10"/>
    </row>
    <row r="850428" spans="14:14">
      <c r="N850428" s="10"/>
    </row>
    <row r="850429" spans="14:14">
      <c r="N850429" s="10"/>
    </row>
    <row r="850430" spans="14:14">
      <c r="N850430" s="10"/>
    </row>
    <row r="850431" spans="14:14">
      <c r="N850431" s="10"/>
    </row>
    <row r="850432" spans="14:14">
      <c r="N850432" s="10"/>
    </row>
    <row r="850433" spans="14:14">
      <c r="N850433" s="10"/>
    </row>
    <row r="850434" spans="14:14">
      <c r="N850434" s="10"/>
    </row>
    <row r="850435" spans="14:14">
      <c r="N850435" s="10"/>
    </row>
    <row r="850436" spans="14:14">
      <c r="N850436" s="10"/>
    </row>
    <row r="850437" spans="14:14">
      <c r="N850437" s="10"/>
    </row>
    <row r="850438" spans="14:14">
      <c r="N850438" s="10"/>
    </row>
    <row r="850439" spans="14:14">
      <c r="N850439" s="10"/>
    </row>
    <row r="850440" spans="14:14">
      <c r="N850440" s="10"/>
    </row>
    <row r="850441" spans="14:14">
      <c r="N850441" s="10"/>
    </row>
    <row r="850442" spans="14:14">
      <c r="N850442" s="10"/>
    </row>
    <row r="850443" spans="14:14">
      <c r="N850443" s="10"/>
    </row>
    <row r="850444" spans="14:14">
      <c r="N850444" s="10"/>
    </row>
    <row r="850445" spans="14:14">
      <c r="N850445" s="10"/>
    </row>
    <row r="850446" spans="14:14">
      <c r="N850446" s="10"/>
    </row>
    <row r="850447" spans="14:14">
      <c r="N850447" s="10"/>
    </row>
    <row r="850448" spans="14:14">
      <c r="N850448" s="10"/>
    </row>
    <row r="850449" spans="14:14">
      <c r="N850449" s="10"/>
    </row>
    <row r="850450" spans="14:14">
      <c r="N850450" s="10"/>
    </row>
    <row r="850451" spans="14:14">
      <c r="N850451" s="10"/>
    </row>
    <row r="850452" spans="14:14">
      <c r="N850452" s="10"/>
    </row>
    <row r="850453" spans="14:14">
      <c r="N850453" s="10"/>
    </row>
    <row r="850454" spans="14:14">
      <c r="N850454" s="10"/>
    </row>
    <row r="850455" spans="14:14">
      <c r="N850455" s="10"/>
    </row>
    <row r="850456" spans="14:14">
      <c r="N850456" s="10"/>
    </row>
    <row r="850457" spans="14:14">
      <c r="N850457" s="10"/>
    </row>
    <row r="850458" spans="14:14">
      <c r="N850458" s="10"/>
    </row>
    <row r="850459" spans="14:14">
      <c r="N850459" s="10"/>
    </row>
    <row r="850460" spans="14:14">
      <c r="N850460" s="10"/>
    </row>
    <row r="850461" spans="14:14">
      <c r="N850461" s="10"/>
    </row>
    <row r="850462" spans="14:14">
      <c r="N850462" s="10"/>
    </row>
    <row r="850463" spans="14:14">
      <c r="N850463" s="10"/>
    </row>
    <row r="850464" spans="14:14">
      <c r="N850464" s="10"/>
    </row>
    <row r="850465" spans="14:14">
      <c r="N850465" s="10"/>
    </row>
    <row r="850466" spans="14:14">
      <c r="N850466" s="10"/>
    </row>
    <row r="850467" spans="14:14">
      <c r="N850467" s="10"/>
    </row>
    <row r="850468" spans="14:14">
      <c r="N850468" s="10"/>
    </row>
    <row r="850469" spans="14:14">
      <c r="N850469" s="10"/>
    </row>
    <row r="850470" spans="14:14">
      <c r="N850470" s="10"/>
    </row>
    <row r="850471" spans="14:14">
      <c r="N850471" s="10"/>
    </row>
    <row r="850472" spans="14:14">
      <c r="N850472" s="10"/>
    </row>
    <row r="850473" spans="14:14">
      <c r="N850473" s="10"/>
    </row>
    <row r="850474" spans="14:14">
      <c r="N850474" s="10"/>
    </row>
    <row r="850475" spans="14:14">
      <c r="N850475" s="10"/>
    </row>
    <row r="850476" spans="14:14">
      <c r="N850476" s="10"/>
    </row>
    <row r="850477" spans="14:14">
      <c r="N850477" s="10"/>
    </row>
    <row r="850478" spans="14:14">
      <c r="N850478" s="10"/>
    </row>
    <row r="850479" spans="14:14">
      <c r="N850479" s="10"/>
    </row>
    <row r="850480" spans="14:14">
      <c r="N850480" s="10"/>
    </row>
    <row r="850481" spans="14:14">
      <c r="N850481" s="10"/>
    </row>
    <row r="850482" spans="14:14">
      <c r="N850482" s="10"/>
    </row>
    <row r="850483" spans="14:14">
      <c r="N850483" s="10"/>
    </row>
    <row r="850484" spans="14:14">
      <c r="N850484" s="10"/>
    </row>
    <row r="850485" spans="14:14">
      <c r="N850485" s="10"/>
    </row>
    <row r="850486" spans="14:14">
      <c r="N850486" s="10"/>
    </row>
    <row r="850487" spans="14:14">
      <c r="N850487" s="10"/>
    </row>
    <row r="850488" spans="14:14">
      <c r="N850488" s="10"/>
    </row>
    <row r="850489" spans="14:14">
      <c r="N850489" s="10"/>
    </row>
    <row r="850490" spans="14:14">
      <c r="N850490" s="10"/>
    </row>
    <row r="850491" spans="14:14">
      <c r="N850491" s="10"/>
    </row>
    <row r="850492" spans="14:14">
      <c r="N850492" s="10"/>
    </row>
    <row r="850493" spans="14:14">
      <c r="N850493" s="10"/>
    </row>
    <row r="850494" spans="14:14">
      <c r="N850494" s="10"/>
    </row>
    <row r="850495" spans="14:14">
      <c r="N850495" s="10"/>
    </row>
    <row r="850496" spans="14:14">
      <c r="N850496" s="10"/>
    </row>
    <row r="850497" spans="14:14">
      <c r="N850497" s="10"/>
    </row>
    <row r="850498" spans="14:14">
      <c r="N850498" s="10"/>
    </row>
    <row r="850499" spans="14:14">
      <c r="N850499" s="10"/>
    </row>
    <row r="850500" spans="14:14">
      <c r="N850500" s="10"/>
    </row>
    <row r="850501" spans="14:14">
      <c r="N850501" s="10"/>
    </row>
    <row r="850502" spans="14:14">
      <c r="N850502" s="10"/>
    </row>
    <row r="850503" spans="14:14">
      <c r="N850503" s="10"/>
    </row>
    <row r="850504" spans="14:14">
      <c r="N850504" s="10"/>
    </row>
    <row r="850505" spans="14:14">
      <c r="N850505" s="10"/>
    </row>
    <row r="850506" spans="14:14">
      <c r="N850506" s="10"/>
    </row>
    <row r="850507" spans="14:14">
      <c r="N850507" s="10"/>
    </row>
    <row r="850508" spans="14:14">
      <c r="N850508" s="10"/>
    </row>
    <row r="850509" spans="14:14">
      <c r="N850509" s="10"/>
    </row>
    <row r="850510" spans="14:14">
      <c r="N850510" s="10"/>
    </row>
    <row r="850511" spans="14:14">
      <c r="N850511" s="10"/>
    </row>
    <row r="850512" spans="14:14">
      <c r="N850512" s="10"/>
    </row>
    <row r="850513" spans="14:14">
      <c r="N850513" s="10"/>
    </row>
    <row r="850514" spans="14:14">
      <c r="N850514" s="10"/>
    </row>
    <row r="850515" spans="14:14">
      <c r="N850515" s="10"/>
    </row>
    <row r="850516" spans="14:14">
      <c r="N850516" s="10"/>
    </row>
    <row r="850517" spans="14:14">
      <c r="N850517" s="10"/>
    </row>
    <row r="850518" spans="14:14">
      <c r="N850518" s="10"/>
    </row>
    <row r="850519" spans="14:14">
      <c r="N850519" s="10"/>
    </row>
    <row r="850520" spans="14:14">
      <c r="N850520" s="10"/>
    </row>
    <row r="850521" spans="14:14">
      <c r="N850521" s="10"/>
    </row>
    <row r="850522" spans="14:14">
      <c r="N850522" s="10"/>
    </row>
    <row r="850523" spans="14:14">
      <c r="N850523" s="10"/>
    </row>
    <row r="850524" spans="14:14">
      <c r="N850524" s="10"/>
    </row>
    <row r="850525" spans="14:14">
      <c r="N850525" s="10"/>
    </row>
    <row r="850526" spans="14:14">
      <c r="N850526" s="10"/>
    </row>
    <row r="850527" spans="14:14">
      <c r="N850527" s="10"/>
    </row>
    <row r="850528" spans="14:14">
      <c r="N850528" s="10"/>
    </row>
    <row r="850529" spans="14:14">
      <c r="N850529" s="10"/>
    </row>
    <row r="850530" spans="14:14">
      <c r="N850530" s="10"/>
    </row>
    <row r="850531" spans="14:14">
      <c r="N850531" s="10"/>
    </row>
    <row r="850532" spans="14:14">
      <c r="N850532" s="10"/>
    </row>
    <row r="850533" spans="14:14">
      <c r="N850533" s="10"/>
    </row>
    <row r="850534" spans="14:14">
      <c r="N850534" s="10"/>
    </row>
    <row r="850535" spans="14:14">
      <c r="N850535" s="10"/>
    </row>
    <row r="850536" spans="14:14">
      <c r="N850536" s="10"/>
    </row>
    <row r="850537" spans="14:14">
      <c r="N850537" s="10"/>
    </row>
    <row r="850538" spans="14:14">
      <c r="N850538" s="10"/>
    </row>
    <row r="850539" spans="14:14">
      <c r="N850539" s="10"/>
    </row>
    <row r="850540" spans="14:14">
      <c r="N850540" s="10"/>
    </row>
    <row r="850541" spans="14:14">
      <c r="N850541" s="10"/>
    </row>
    <row r="850542" spans="14:14">
      <c r="N850542" s="10"/>
    </row>
    <row r="850543" spans="14:14">
      <c r="N850543" s="10"/>
    </row>
    <row r="850544" spans="14:14">
      <c r="N850544" s="10"/>
    </row>
    <row r="850545" spans="14:14">
      <c r="N850545" s="10"/>
    </row>
    <row r="850546" spans="14:14">
      <c r="N850546" s="10"/>
    </row>
    <row r="850547" spans="14:14">
      <c r="N850547" s="10"/>
    </row>
    <row r="850548" spans="14:14">
      <c r="N850548" s="10"/>
    </row>
    <row r="850549" spans="14:14">
      <c r="N850549" s="10"/>
    </row>
    <row r="850550" spans="14:14">
      <c r="N850550" s="10"/>
    </row>
    <row r="850551" spans="14:14">
      <c r="N850551" s="10"/>
    </row>
    <row r="850552" spans="14:14">
      <c r="N850552" s="10"/>
    </row>
    <row r="850553" spans="14:14">
      <c r="N850553" s="10"/>
    </row>
    <row r="850554" spans="14:14">
      <c r="N850554" s="10"/>
    </row>
    <row r="850555" spans="14:14">
      <c r="N850555" s="10"/>
    </row>
    <row r="850556" spans="14:14">
      <c r="N850556" s="10"/>
    </row>
    <row r="850557" spans="14:14">
      <c r="N850557" s="10"/>
    </row>
    <row r="850558" spans="14:14">
      <c r="N850558" s="10"/>
    </row>
    <row r="850559" spans="14:14">
      <c r="N850559" s="10"/>
    </row>
    <row r="850560" spans="14:14">
      <c r="N850560" s="10"/>
    </row>
    <row r="850561" spans="14:14">
      <c r="N850561" s="10"/>
    </row>
    <row r="850562" spans="14:14">
      <c r="N850562" s="10"/>
    </row>
    <row r="850563" spans="14:14">
      <c r="N850563" s="10"/>
    </row>
    <row r="850564" spans="14:14">
      <c r="N850564" s="10"/>
    </row>
    <row r="850565" spans="14:14">
      <c r="N850565" s="10"/>
    </row>
    <row r="850566" spans="14:14">
      <c r="N850566" s="10"/>
    </row>
    <row r="850567" spans="14:14">
      <c r="N850567" s="10"/>
    </row>
    <row r="850568" spans="14:14">
      <c r="N850568" s="10"/>
    </row>
    <row r="850569" spans="14:14">
      <c r="N850569" s="10"/>
    </row>
    <row r="850570" spans="14:14">
      <c r="N850570" s="10"/>
    </row>
    <row r="850571" spans="14:14">
      <c r="N850571" s="10"/>
    </row>
    <row r="850572" spans="14:14">
      <c r="N850572" s="10"/>
    </row>
    <row r="850573" spans="14:14">
      <c r="N850573" s="10"/>
    </row>
    <row r="850574" spans="14:14">
      <c r="N850574" s="10"/>
    </row>
    <row r="850575" spans="14:14">
      <c r="N850575" s="10"/>
    </row>
    <row r="850576" spans="14:14">
      <c r="N850576" s="10"/>
    </row>
    <row r="850577" spans="14:14">
      <c r="N850577" s="10"/>
    </row>
    <row r="850578" spans="14:14">
      <c r="N850578" s="10"/>
    </row>
    <row r="850579" spans="14:14">
      <c r="N850579" s="10"/>
    </row>
    <row r="850580" spans="14:14">
      <c r="N850580" s="10"/>
    </row>
    <row r="850581" spans="14:14">
      <c r="N850581" s="10"/>
    </row>
    <row r="850582" spans="14:14">
      <c r="N850582" s="10"/>
    </row>
    <row r="850583" spans="14:14">
      <c r="N850583" s="10"/>
    </row>
    <row r="850584" spans="14:14">
      <c r="N850584" s="10"/>
    </row>
    <row r="850585" spans="14:14">
      <c r="N850585" s="10"/>
    </row>
    <row r="850586" spans="14:14">
      <c r="N850586" s="10"/>
    </row>
    <row r="850587" spans="14:14">
      <c r="N850587" s="10"/>
    </row>
    <row r="850588" spans="14:14">
      <c r="N850588" s="10"/>
    </row>
    <row r="850589" spans="14:14">
      <c r="N850589" s="10"/>
    </row>
    <row r="850590" spans="14:14">
      <c r="N850590" s="10"/>
    </row>
    <row r="850591" spans="14:14">
      <c r="N850591" s="10"/>
    </row>
    <row r="850592" spans="14:14">
      <c r="N850592" s="10"/>
    </row>
    <row r="850593" spans="14:14">
      <c r="N850593" s="10"/>
    </row>
    <row r="850594" spans="14:14">
      <c r="N850594" s="10"/>
    </row>
    <row r="850595" spans="14:14">
      <c r="N850595" s="10"/>
    </row>
    <row r="850596" spans="14:14">
      <c r="N850596" s="10"/>
    </row>
    <row r="850597" spans="14:14">
      <c r="N850597" s="10"/>
    </row>
    <row r="850598" spans="14:14">
      <c r="N850598" s="10"/>
    </row>
    <row r="850599" spans="14:14">
      <c r="N850599" s="10"/>
    </row>
    <row r="850600" spans="14:14">
      <c r="N850600" s="10"/>
    </row>
    <row r="850601" spans="14:14">
      <c r="N850601" s="10"/>
    </row>
    <row r="850602" spans="14:14">
      <c r="N850602" s="10"/>
    </row>
    <row r="850603" spans="14:14">
      <c r="N850603" s="10"/>
    </row>
    <row r="850604" spans="14:14">
      <c r="N850604" s="10"/>
    </row>
    <row r="850605" spans="14:14">
      <c r="N850605" s="10"/>
    </row>
    <row r="850606" spans="14:14">
      <c r="N850606" s="10"/>
    </row>
    <row r="850607" spans="14:14">
      <c r="N850607" s="10"/>
    </row>
    <row r="850608" spans="14:14">
      <c r="N850608" s="10"/>
    </row>
    <row r="850609" spans="14:14">
      <c r="N850609" s="10"/>
    </row>
    <row r="850610" spans="14:14">
      <c r="N850610" s="10"/>
    </row>
    <row r="850611" spans="14:14">
      <c r="N850611" s="10"/>
    </row>
    <row r="850612" spans="14:14">
      <c r="N850612" s="10"/>
    </row>
    <row r="850613" spans="14:14">
      <c r="N850613" s="10"/>
    </row>
    <row r="850614" spans="14:14">
      <c r="N850614" s="10"/>
    </row>
    <row r="850615" spans="14:14">
      <c r="N850615" s="10"/>
    </row>
    <row r="850616" spans="14:14">
      <c r="N850616" s="10"/>
    </row>
    <row r="850617" spans="14:14">
      <c r="N850617" s="10"/>
    </row>
    <row r="850618" spans="14:14">
      <c r="N850618" s="10"/>
    </row>
    <row r="850619" spans="14:14">
      <c r="N850619" s="10"/>
    </row>
    <row r="850620" spans="14:14">
      <c r="N850620" s="10"/>
    </row>
    <row r="850621" spans="14:14">
      <c r="N850621" s="10"/>
    </row>
    <row r="850622" spans="14:14">
      <c r="N850622" s="10"/>
    </row>
    <row r="850623" spans="14:14">
      <c r="N850623" s="10"/>
    </row>
    <row r="850624" spans="14:14">
      <c r="N850624" s="10"/>
    </row>
    <row r="850625" spans="14:14">
      <c r="N850625" s="10"/>
    </row>
    <row r="850626" spans="14:14">
      <c r="N850626" s="10"/>
    </row>
    <row r="850627" spans="14:14">
      <c r="N850627" s="10"/>
    </row>
    <row r="850628" spans="14:14">
      <c r="N850628" s="10"/>
    </row>
    <row r="850629" spans="14:14">
      <c r="N850629" s="10"/>
    </row>
    <row r="850630" spans="14:14">
      <c r="N850630" s="10"/>
    </row>
    <row r="850631" spans="14:14">
      <c r="N850631" s="10"/>
    </row>
    <row r="850632" spans="14:14">
      <c r="N850632" s="10"/>
    </row>
    <row r="850633" spans="14:14">
      <c r="N850633" s="10"/>
    </row>
    <row r="850634" spans="14:14">
      <c r="N850634" s="10"/>
    </row>
    <row r="850635" spans="14:14">
      <c r="N850635" s="10"/>
    </row>
    <row r="850636" spans="14:14">
      <c r="N850636" s="10"/>
    </row>
    <row r="850637" spans="14:14">
      <c r="N850637" s="10"/>
    </row>
    <row r="850638" spans="14:14">
      <c r="N850638" s="10"/>
    </row>
    <row r="850639" spans="14:14">
      <c r="N850639" s="10"/>
    </row>
    <row r="850640" spans="14:14">
      <c r="N850640" s="10"/>
    </row>
    <row r="850641" spans="14:14">
      <c r="N850641" s="10"/>
    </row>
    <row r="850642" spans="14:14">
      <c r="N850642" s="10"/>
    </row>
    <row r="850643" spans="14:14">
      <c r="N850643" s="10"/>
    </row>
    <row r="850644" spans="14:14">
      <c r="N850644" s="10"/>
    </row>
    <row r="850645" spans="14:14">
      <c r="N850645" s="10"/>
    </row>
    <row r="850646" spans="14:14">
      <c r="N850646" s="10"/>
    </row>
    <row r="850647" spans="14:14">
      <c r="N850647" s="10"/>
    </row>
    <row r="850648" spans="14:14">
      <c r="N850648" s="10"/>
    </row>
    <row r="850649" spans="14:14">
      <c r="N850649" s="10"/>
    </row>
    <row r="850650" spans="14:14">
      <c r="N850650" s="10"/>
    </row>
    <row r="850651" spans="14:14">
      <c r="N850651" s="10"/>
    </row>
    <row r="850652" spans="14:14">
      <c r="N850652" s="10"/>
    </row>
    <row r="850653" spans="14:14">
      <c r="N850653" s="10"/>
    </row>
    <row r="850654" spans="14:14">
      <c r="N850654" s="10"/>
    </row>
    <row r="850655" spans="14:14">
      <c r="N850655" s="10"/>
    </row>
    <row r="850656" spans="14:14">
      <c r="N850656" s="10"/>
    </row>
    <row r="850657" spans="14:14">
      <c r="N850657" s="10"/>
    </row>
    <row r="850658" spans="14:14">
      <c r="N850658" s="10"/>
    </row>
    <row r="850659" spans="14:14">
      <c r="N850659" s="10"/>
    </row>
    <row r="850660" spans="14:14">
      <c r="N850660" s="10"/>
    </row>
    <row r="850661" spans="14:14">
      <c r="N850661" s="10"/>
    </row>
    <row r="850662" spans="14:14">
      <c r="N850662" s="10"/>
    </row>
    <row r="850663" spans="14:14">
      <c r="N850663" s="10"/>
    </row>
    <row r="850664" spans="14:14">
      <c r="N850664" s="10"/>
    </row>
    <row r="850665" spans="14:14">
      <c r="N850665" s="10"/>
    </row>
    <row r="850666" spans="14:14">
      <c r="N850666" s="10"/>
    </row>
    <row r="850667" spans="14:14">
      <c r="N850667" s="10"/>
    </row>
    <row r="850668" spans="14:14">
      <c r="N850668" s="10"/>
    </row>
    <row r="850669" spans="14:14">
      <c r="N850669" s="10"/>
    </row>
    <row r="850670" spans="14:14">
      <c r="N850670" s="10"/>
    </row>
    <row r="850671" spans="14:14">
      <c r="N850671" s="10"/>
    </row>
    <row r="850672" spans="14:14">
      <c r="N850672" s="10"/>
    </row>
    <row r="850673" spans="14:14">
      <c r="N850673" s="10"/>
    </row>
    <row r="850674" spans="14:14">
      <c r="N850674" s="10"/>
    </row>
    <row r="850675" spans="14:14">
      <c r="N850675" s="10"/>
    </row>
    <row r="850676" spans="14:14">
      <c r="N850676" s="10"/>
    </row>
    <row r="850677" spans="14:14">
      <c r="N850677" s="10"/>
    </row>
    <row r="850678" spans="14:14">
      <c r="N850678" s="10"/>
    </row>
    <row r="850679" spans="14:14">
      <c r="N850679" s="10"/>
    </row>
    <row r="850680" spans="14:14">
      <c r="N850680" s="10"/>
    </row>
    <row r="850681" spans="14:14">
      <c r="N850681" s="10"/>
    </row>
    <row r="850682" spans="14:14">
      <c r="N850682" s="10"/>
    </row>
    <row r="850683" spans="14:14">
      <c r="N850683" s="10"/>
    </row>
    <row r="850684" spans="14:14">
      <c r="N850684" s="10"/>
    </row>
    <row r="850685" spans="14:14">
      <c r="N850685" s="10"/>
    </row>
    <row r="850686" spans="14:14">
      <c r="N850686" s="10"/>
    </row>
    <row r="850687" spans="14:14">
      <c r="N850687" s="10"/>
    </row>
    <row r="850688" spans="14:14">
      <c r="N850688" s="10"/>
    </row>
    <row r="850689" spans="14:14">
      <c r="N850689" s="10"/>
    </row>
    <row r="850690" spans="14:14">
      <c r="N850690" s="10"/>
    </row>
    <row r="850691" spans="14:14">
      <c r="N850691" s="10"/>
    </row>
    <row r="850692" spans="14:14">
      <c r="N850692" s="10"/>
    </row>
    <row r="850693" spans="14:14">
      <c r="N850693" s="10"/>
    </row>
    <row r="850694" spans="14:14">
      <c r="N850694" s="10"/>
    </row>
    <row r="850695" spans="14:14">
      <c r="N850695" s="10"/>
    </row>
    <row r="850696" spans="14:14">
      <c r="N850696" s="10"/>
    </row>
    <row r="850697" spans="14:14">
      <c r="N850697" s="10"/>
    </row>
    <row r="850698" spans="14:14">
      <c r="N850698" s="10"/>
    </row>
    <row r="850699" spans="14:14">
      <c r="N850699" s="10"/>
    </row>
    <row r="850700" spans="14:14">
      <c r="N850700" s="10"/>
    </row>
    <row r="850701" spans="14:14">
      <c r="N850701" s="10"/>
    </row>
    <row r="850702" spans="14:14">
      <c r="N850702" s="10"/>
    </row>
    <row r="850703" spans="14:14">
      <c r="N850703" s="10"/>
    </row>
    <row r="850704" spans="14:14">
      <c r="N850704" s="10"/>
    </row>
    <row r="850705" spans="14:14">
      <c r="N850705" s="10"/>
    </row>
    <row r="850706" spans="14:14">
      <c r="N850706" s="10"/>
    </row>
    <row r="850707" spans="14:14">
      <c r="N850707" s="10"/>
    </row>
    <row r="850708" spans="14:14">
      <c r="N850708" s="10"/>
    </row>
    <row r="850709" spans="14:14">
      <c r="N850709" s="10"/>
    </row>
    <row r="850710" spans="14:14">
      <c r="N850710" s="10"/>
    </row>
    <row r="850711" spans="14:14">
      <c r="N850711" s="10"/>
    </row>
    <row r="850712" spans="14:14">
      <c r="N850712" s="10"/>
    </row>
    <row r="850713" spans="14:14">
      <c r="N850713" s="10"/>
    </row>
    <row r="850714" spans="14:14">
      <c r="N850714" s="10"/>
    </row>
    <row r="850715" spans="14:14">
      <c r="N850715" s="10"/>
    </row>
    <row r="850716" spans="14:14">
      <c r="N850716" s="10"/>
    </row>
    <row r="850717" spans="14:14">
      <c r="N850717" s="10"/>
    </row>
    <row r="850718" spans="14:14">
      <c r="N850718" s="10"/>
    </row>
    <row r="850719" spans="14:14">
      <c r="N850719" s="10"/>
    </row>
    <row r="850720" spans="14:14">
      <c r="N850720" s="10"/>
    </row>
    <row r="850721" spans="14:14">
      <c r="N850721" s="10"/>
    </row>
    <row r="850722" spans="14:14">
      <c r="N850722" s="10"/>
    </row>
    <row r="850723" spans="14:14">
      <c r="N850723" s="10"/>
    </row>
    <row r="850724" spans="14:14">
      <c r="N850724" s="10"/>
    </row>
    <row r="850725" spans="14:14">
      <c r="N850725" s="10"/>
    </row>
    <row r="850726" spans="14:14">
      <c r="N850726" s="10"/>
    </row>
    <row r="850727" spans="14:14">
      <c r="N850727" s="10"/>
    </row>
    <row r="850728" spans="14:14">
      <c r="N850728" s="10"/>
    </row>
    <row r="850729" spans="14:14">
      <c r="N850729" s="10"/>
    </row>
    <row r="850730" spans="14:14">
      <c r="N850730" s="10"/>
    </row>
    <row r="850731" spans="14:14">
      <c r="N850731" s="10"/>
    </row>
    <row r="850732" spans="14:14">
      <c r="N850732" s="10"/>
    </row>
    <row r="850733" spans="14:14">
      <c r="N850733" s="10"/>
    </row>
    <row r="850734" spans="14:14">
      <c r="N850734" s="10"/>
    </row>
    <row r="850735" spans="14:14">
      <c r="N850735" s="10"/>
    </row>
    <row r="850736" spans="14:14">
      <c r="N850736" s="10"/>
    </row>
    <row r="850737" spans="14:14">
      <c r="N850737" s="10"/>
    </row>
    <row r="850738" spans="14:14">
      <c r="N850738" s="10"/>
    </row>
    <row r="850739" spans="14:14">
      <c r="N850739" s="10"/>
    </row>
    <row r="850740" spans="14:14">
      <c r="N850740" s="10"/>
    </row>
    <row r="850741" spans="14:14">
      <c r="N850741" s="10"/>
    </row>
    <row r="850742" spans="14:14">
      <c r="N850742" s="10"/>
    </row>
    <row r="850743" spans="14:14">
      <c r="N850743" s="10"/>
    </row>
    <row r="850744" spans="14:14">
      <c r="N850744" s="10"/>
    </row>
    <row r="850745" spans="14:14">
      <c r="N850745" s="10"/>
    </row>
    <row r="850746" spans="14:14">
      <c r="N850746" s="10"/>
    </row>
    <row r="850747" spans="14:14">
      <c r="N850747" s="10"/>
    </row>
    <row r="850748" spans="14:14">
      <c r="N850748" s="10"/>
    </row>
    <row r="850749" spans="14:14">
      <c r="N850749" s="10"/>
    </row>
    <row r="850750" spans="14:14">
      <c r="N850750" s="10"/>
    </row>
    <row r="850751" spans="14:14">
      <c r="N850751" s="10"/>
    </row>
    <row r="850752" spans="14:14">
      <c r="N850752" s="10"/>
    </row>
    <row r="850753" spans="14:14">
      <c r="N850753" s="10"/>
    </row>
    <row r="850754" spans="14:14">
      <c r="N850754" s="10"/>
    </row>
    <row r="850755" spans="14:14">
      <c r="N850755" s="10"/>
    </row>
    <row r="850756" spans="14:14">
      <c r="N850756" s="10"/>
    </row>
    <row r="850757" spans="14:14">
      <c r="N850757" s="10"/>
    </row>
    <row r="850758" spans="14:14">
      <c r="N850758" s="10"/>
    </row>
    <row r="850759" spans="14:14">
      <c r="N850759" s="10"/>
    </row>
    <row r="850760" spans="14:14">
      <c r="N850760" s="10"/>
    </row>
    <row r="850761" spans="14:14">
      <c r="N850761" s="10"/>
    </row>
    <row r="850762" spans="14:14">
      <c r="N850762" s="10"/>
    </row>
    <row r="850763" spans="14:14">
      <c r="N850763" s="10"/>
    </row>
    <row r="850764" spans="14:14">
      <c r="N850764" s="10"/>
    </row>
    <row r="850765" spans="14:14">
      <c r="N850765" s="10"/>
    </row>
    <row r="850766" spans="14:14">
      <c r="N850766" s="10"/>
    </row>
    <row r="850767" spans="14:14">
      <c r="N850767" s="10"/>
    </row>
    <row r="850768" spans="14:14">
      <c r="N850768" s="10"/>
    </row>
    <row r="850769" spans="14:14">
      <c r="N850769" s="10"/>
    </row>
    <row r="850770" spans="14:14">
      <c r="N850770" s="10"/>
    </row>
    <row r="850771" spans="14:14">
      <c r="N850771" s="10"/>
    </row>
    <row r="850772" spans="14:14">
      <c r="N850772" s="10"/>
    </row>
    <row r="850773" spans="14:14">
      <c r="N850773" s="10"/>
    </row>
    <row r="850774" spans="14:14">
      <c r="N850774" s="10"/>
    </row>
    <row r="850775" spans="14:14">
      <c r="N850775" s="10"/>
    </row>
    <row r="850776" spans="14:14">
      <c r="N850776" s="10"/>
    </row>
    <row r="850777" spans="14:14">
      <c r="N850777" s="10"/>
    </row>
    <row r="850778" spans="14:14">
      <c r="N850778" s="10"/>
    </row>
    <row r="850779" spans="14:14">
      <c r="N850779" s="10"/>
    </row>
    <row r="850780" spans="14:14">
      <c r="N850780" s="10"/>
    </row>
    <row r="850781" spans="14:14">
      <c r="N850781" s="10"/>
    </row>
    <row r="850782" spans="14:14">
      <c r="N850782" s="10"/>
    </row>
    <row r="850783" spans="14:14">
      <c r="N850783" s="10"/>
    </row>
    <row r="850784" spans="14:14">
      <c r="N850784" s="10"/>
    </row>
    <row r="850785" spans="14:14">
      <c r="N850785" s="10"/>
    </row>
    <row r="850786" spans="14:14">
      <c r="N850786" s="10"/>
    </row>
    <row r="850787" spans="14:14">
      <c r="N850787" s="10"/>
    </row>
    <row r="850788" spans="14:14">
      <c r="N850788" s="10"/>
    </row>
    <row r="850789" spans="14:14">
      <c r="N850789" s="10"/>
    </row>
    <row r="850790" spans="14:14">
      <c r="N850790" s="10"/>
    </row>
    <row r="850791" spans="14:14">
      <c r="N850791" s="10"/>
    </row>
    <row r="850792" spans="14:14">
      <c r="N850792" s="10"/>
    </row>
    <row r="850793" spans="14:14">
      <c r="N850793" s="10"/>
    </row>
    <row r="850794" spans="14:14">
      <c r="N850794" s="10"/>
    </row>
    <row r="850795" spans="14:14">
      <c r="N850795" s="10"/>
    </row>
    <row r="850796" spans="14:14">
      <c r="N850796" s="10"/>
    </row>
    <row r="850797" spans="14:14">
      <c r="N850797" s="10"/>
    </row>
    <row r="850798" spans="14:14">
      <c r="N850798" s="10"/>
    </row>
    <row r="850799" spans="14:14">
      <c r="N850799" s="10"/>
    </row>
    <row r="850800" spans="14:14">
      <c r="N850800" s="10"/>
    </row>
    <row r="850801" spans="14:14">
      <c r="N850801" s="10"/>
    </row>
    <row r="850802" spans="14:14">
      <c r="N850802" s="10"/>
    </row>
    <row r="850803" spans="14:14">
      <c r="N850803" s="10"/>
    </row>
    <row r="850804" spans="14:14">
      <c r="N850804" s="10"/>
    </row>
    <row r="850805" spans="14:14">
      <c r="N850805" s="10"/>
    </row>
    <row r="850806" spans="14:14">
      <c r="N850806" s="10"/>
    </row>
    <row r="850807" spans="14:14">
      <c r="N850807" s="10"/>
    </row>
    <row r="850808" spans="14:14">
      <c r="N850808" s="10"/>
    </row>
    <row r="850809" spans="14:14">
      <c r="N850809" s="10"/>
    </row>
    <row r="850810" spans="14:14">
      <c r="N850810" s="10"/>
    </row>
    <row r="850811" spans="14:14">
      <c r="N850811" s="10"/>
    </row>
    <row r="850812" spans="14:14">
      <c r="N850812" s="10"/>
    </row>
    <row r="850813" spans="14:14">
      <c r="N850813" s="10"/>
    </row>
    <row r="850814" spans="14:14">
      <c r="N850814" s="10"/>
    </row>
    <row r="850815" spans="14:14">
      <c r="N850815" s="10"/>
    </row>
    <row r="850816" spans="14:14">
      <c r="N850816" s="10"/>
    </row>
    <row r="850817" spans="14:14">
      <c r="N850817" s="10"/>
    </row>
    <row r="850818" spans="14:14">
      <c r="N850818" s="10"/>
    </row>
    <row r="850819" spans="14:14">
      <c r="N850819" s="10"/>
    </row>
    <row r="850820" spans="14:14">
      <c r="N850820" s="10"/>
    </row>
    <row r="850821" spans="14:14">
      <c r="N850821" s="10"/>
    </row>
    <row r="850822" spans="14:14">
      <c r="N850822" s="10"/>
    </row>
    <row r="850823" spans="14:14">
      <c r="N850823" s="10"/>
    </row>
    <row r="850824" spans="14:14">
      <c r="N850824" s="10"/>
    </row>
    <row r="850825" spans="14:14">
      <c r="N850825" s="10"/>
    </row>
    <row r="850826" spans="14:14">
      <c r="N850826" s="10"/>
    </row>
    <row r="850827" spans="14:14">
      <c r="N850827" s="10"/>
    </row>
    <row r="850828" spans="14:14">
      <c r="N850828" s="10"/>
    </row>
    <row r="850829" spans="14:14">
      <c r="N850829" s="10"/>
    </row>
    <row r="850830" spans="14:14">
      <c r="N850830" s="10"/>
    </row>
    <row r="850831" spans="14:14">
      <c r="N850831" s="10"/>
    </row>
    <row r="850832" spans="14:14">
      <c r="N850832" s="10"/>
    </row>
    <row r="850833" spans="14:14">
      <c r="N850833" s="10"/>
    </row>
    <row r="850834" spans="14:14">
      <c r="N850834" s="10"/>
    </row>
    <row r="850835" spans="14:14">
      <c r="N850835" s="10"/>
    </row>
    <row r="850836" spans="14:14">
      <c r="N850836" s="10"/>
    </row>
    <row r="850837" spans="14:14">
      <c r="N850837" s="10"/>
    </row>
    <row r="850838" spans="14:14">
      <c r="N850838" s="10"/>
    </row>
    <row r="850839" spans="14:14">
      <c r="N850839" s="10"/>
    </row>
    <row r="850840" spans="14:14">
      <c r="N850840" s="10"/>
    </row>
    <row r="850841" spans="14:14">
      <c r="N850841" s="10"/>
    </row>
    <row r="850842" spans="14:14">
      <c r="N850842" s="10"/>
    </row>
    <row r="850843" spans="14:14">
      <c r="N850843" s="10"/>
    </row>
    <row r="850844" spans="14:14">
      <c r="N850844" s="10"/>
    </row>
    <row r="850845" spans="14:14">
      <c r="N850845" s="10"/>
    </row>
    <row r="850846" spans="14:14">
      <c r="N850846" s="10"/>
    </row>
    <row r="850847" spans="14:14">
      <c r="N850847" s="10"/>
    </row>
    <row r="850848" spans="14:14">
      <c r="N850848" s="10"/>
    </row>
    <row r="850849" spans="14:14">
      <c r="N850849" s="10"/>
    </row>
    <row r="850850" spans="14:14">
      <c r="N850850" s="10"/>
    </row>
    <row r="850851" spans="14:14">
      <c r="N850851" s="10"/>
    </row>
    <row r="850852" spans="14:14">
      <c r="N850852" s="10"/>
    </row>
    <row r="850853" spans="14:14">
      <c r="N850853" s="10"/>
    </row>
    <row r="850854" spans="14:14">
      <c r="N850854" s="10"/>
    </row>
    <row r="850855" spans="14:14">
      <c r="N850855" s="10"/>
    </row>
    <row r="850856" spans="14:14">
      <c r="N850856" s="10"/>
    </row>
    <row r="850857" spans="14:14">
      <c r="N850857" s="10"/>
    </row>
    <row r="850858" spans="14:14">
      <c r="N850858" s="10"/>
    </row>
    <row r="850859" spans="14:14">
      <c r="N850859" s="10"/>
    </row>
    <row r="850860" spans="14:14">
      <c r="N850860" s="10"/>
    </row>
    <row r="850861" spans="14:14">
      <c r="N850861" s="10"/>
    </row>
    <row r="850862" spans="14:14">
      <c r="N850862" s="10"/>
    </row>
    <row r="850863" spans="14:14">
      <c r="N850863" s="10"/>
    </row>
    <row r="850864" spans="14:14">
      <c r="N850864" s="10"/>
    </row>
    <row r="850865" spans="14:14">
      <c r="N850865" s="10"/>
    </row>
    <row r="850866" spans="14:14">
      <c r="N850866" s="10"/>
    </row>
    <row r="850867" spans="14:14">
      <c r="N850867" s="10"/>
    </row>
    <row r="850868" spans="14:14">
      <c r="N850868" s="10"/>
    </row>
    <row r="850869" spans="14:14">
      <c r="N850869" s="10"/>
    </row>
    <row r="850870" spans="14:14">
      <c r="N850870" s="10"/>
    </row>
    <row r="850871" spans="14:14">
      <c r="N850871" s="10"/>
    </row>
    <row r="850872" spans="14:14">
      <c r="N850872" s="10"/>
    </row>
    <row r="850873" spans="14:14">
      <c r="N850873" s="10"/>
    </row>
    <row r="850874" spans="14:14">
      <c r="N850874" s="10"/>
    </row>
    <row r="850875" spans="14:14">
      <c r="N850875" s="10"/>
    </row>
    <row r="850876" spans="14:14">
      <c r="N850876" s="10"/>
    </row>
    <row r="850877" spans="14:14">
      <c r="N850877" s="10"/>
    </row>
    <row r="850878" spans="14:14">
      <c r="N850878" s="10"/>
    </row>
    <row r="850879" spans="14:14">
      <c r="N850879" s="10"/>
    </row>
    <row r="850880" spans="14:14">
      <c r="N850880" s="10"/>
    </row>
    <row r="850881" spans="14:14">
      <c r="N850881" s="10"/>
    </row>
    <row r="850882" spans="14:14">
      <c r="N850882" s="10"/>
    </row>
    <row r="850883" spans="14:14">
      <c r="N850883" s="10"/>
    </row>
    <row r="850884" spans="14:14">
      <c r="N850884" s="10"/>
    </row>
    <row r="850885" spans="14:14">
      <c r="N850885" s="10"/>
    </row>
    <row r="850886" spans="14:14">
      <c r="N850886" s="10"/>
    </row>
    <row r="850887" spans="14:14">
      <c r="N850887" s="10"/>
    </row>
    <row r="850888" spans="14:14">
      <c r="N850888" s="10"/>
    </row>
    <row r="850889" spans="14:14">
      <c r="N850889" s="10"/>
    </row>
    <row r="850890" spans="14:14">
      <c r="N850890" s="10"/>
    </row>
    <row r="850891" spans="14:14">
      <c r="N850891" s="10"/>
    </row>
    <row r="850892" spans="14:14">
      <c r="N850892" s="10"/>
    </row>
    <row r="850893" spans="14:14">
      <c r="N850893" s="10"/>
    </row>
    <row r="850894" spans="14:14">
      <c r="N850894" s="10"/>
    </row>
    <row r="850895" spans="14:14">
      <c r="N850895" s="10"/>
    </row>
    <row r="850896" spans="14:14">
      <c r="N850896" s="10"/>
    </row>
    <row r="850897" spans="14:14">
      <c r="N850897" s="10"/>
    </row>
    <row r="850898" spans="14:14">
      <c r="N850898" s="10"/>
    </row>
    <row r="850899" spans="14:14">
      <c r="N850899" s="10"/>
    </row>
    <row r="850900" spans="14:14">
      <c r="N850900" s="10"/>
    </row>
    <row r="850901" spans="14:14">
      <c r="N850901" s="10"/>
    </row>
    <row r="850902" spans="14:14">
      <c r="N850902" s="10"/>
    </row>
    <row r="850903" spans="14:14">
      <c r="N850903" s="10"/>
    </row>
    <row r="850904" spans="14:14">
      <c r="N850904" s="10"/>
    </row>
    <row r="850905" spans="14:14">
      <c r="N850905" s="10"/>
    </row>
    <row r="850906" spans="14:14">
      <c r="N850906" s="10"/>
    </row>
    <row r="850907" spans="14:14">
      <c r="N850907" s="10"/>
    </row>
    <row r="850908" spans="14:14">
      <c r="N850908" s="10"/>
    </row>
    <row r="850909" spans="14:14">
      <c r="N850909" s="10"/>
    </row>
    <row r="850910" spans="14:14">
      <c r="N850910" s="10"/>
    </row>
    <row r="850911" spans="14:14">
      <c r="N850911" s="10"/>
    </row>
    <row r="850912" spans="14:14">
      <c r="N850912" s="10"/>
    </row>
    <row r="850913" spans="14:14">
      <c r="N850913" s="10"/>
    </row>
    <row r="850914" spans="14:14">
      <c r="N850914" s="10"/>
    </row>
    <row r="850915" spans="14:14">
      <c r="N850915" s="10"/>
    </row>
    <row r="850916" spans="14:14">
      <c r="N850916" s="10"/>
    </row>
    <row r="850917" spans="14:14">
      <c r="N850917" s="10"/>
    </row>
    <row r="850918" spans="14:14">
      <c r="N850918" s="10"/>
    </row>
    <row r="850919" spans="14:14">
      <c r="N850919" s="10"/>
    </row>
    <row r="850920" spans="14:14">
      <c r="N850920" s="10"/>
    </row>
    <row r="850921" spans="14:14">
      <c r="N850921" s="10"/>
    </row>
    <row r="850922" spans="14:14">
      <c r="N850922" s="10"/>
    </row>
    <row r="850923" spans="14:14">
      <c r="N850923" s="10"/>
    </row>
    <row r="850924" spans="14:14">
      <c r="N850924" s="10"/>
    </row>
    <row r="850925" spans="14:14">
      <c r="N850925" s="10"/>
    </row>
    <row r="850926" spans="14:14">
      <c r="N850926" s="10"/>
    </row>
    <row r="850927" spans="14:14">
      <c r="N850927" s="10"/>
    </row>
    <row r="850928" spans="14:14">
      <c r="N850928" s="10"/>
    </row>
    <row r="850929" spans="14:14">
      <c r="N850929" s="10"/>
    </row>
    <row r="850930" spans="14:14">
      <c r="N850930" s="10"/>
    </row>
    <row r="850931" spans="14:14">
      <c r="N850931" s="10"/>
    </row>
    <row r="850932" spans="14:14">
      <c r="N850932" s="10"/>
    </row>
    <row r="850933" spans="14:14">
      <c r="N850933" s="10"/>
    </row>
    <row r="850934" spans="14:14">
      <c r="N850934" s="10"/>
    </row>
    <row r="850935" spans="14:14">
      <c r="N850935" s="10"/>
    </row>
    <row r="850936" spans="14:14">
      <c r="N850936" s="10"/>
    </row>
    <row r="850937" spans="14:14">
      <c r="N850937" s="10"/>
    </row>
    <row r="850938" spans="14:14">
      <c r="N850938" s="10"/>
    </row>
    <row r="850939" spans="14:14">
      <c r="N850939" s="10"/>
    </row>
    <row r="850940" spans="14:14">
      <c r="N850940" s="10"/>
    </row>
    <row r="850941" spans="14:14">
      <c r="N850941" s="10"/>
    </row>
    <row r="850942" spans="14:14">
      <c r="N850942" s="10"/>
    </row>
    <row r="850943" spans="14:14">
      <c r="N850943" s="10"/>
    </row>
    <row r="850944" spans="14:14">
      <c r="N850944" s="10"/>
    </row>
    <row r="850945" spans="14:14">
      <c r="N850945" s="10"/>
    </row>
    <row r="850946" spans="14:14">
      <c r="N850946" s="10"/>
    </row>
    <row r="850947" spans="14:14">
      <c r="N850947" s="10"/>
    </row>
    <row r="850948" spans="14:14">
      <c r="N850948" s="10"/>
    </row>
    <row r="850949" spans="14:14">
      <c r="N850949" s="10"/>
    </row>
    <row r="850950" spans="14:14">
      <c r="N850950" s="10"/>
    </row>
    <row r="850951" spans="14:14">
      <c r="N850951" s="10"/>
    </row>
    <row r="850952" spans="14:14">
      <c r="N850952" s="10"/>
    </row>
    <row r="850953" spans="14:14">
      <c r="N850953" s="10"/>
    </row>
    <row r="850954" spans="14:14">
      <c r="N850954" s="10"/>
    </row>
    <row r="850955" spans="14:14">
      <c r="N850955" s="10"/>
    </row>
    <row r="850956" spans="14:14">
      <c r="N850956" s="10"/>
    </row>
    <row r="850957" spans="14:14">
      <c r="N850957" s="10"/>
    </row>
    <row r="850958" spans="14:14">
      <c r="N850958" s="10"/>
    </row>
    <row r="850959" spans="14:14">
      <c r="N850959" s="10"/>
    </row>
    <row r="850960" spans="14:14">
      <c r="N850960" s="10"/>
    </row>
    <row r="850961" spans="14:14">
      <c r="N850961" s="10"/>
    </row>
    <row r="850962" spans="14:14">
      <c r="N850962" s="10"/>
    </row>
    <row r="850963" spans="14:14">
      <c r="N850963" s="10"/>
    </row>
    <row r="850964" spans="14:14">
      <c r="N850964" s="10"/>
    </row>
    <row r="850965" spans="14:14">
      <c r="N850965" s="10"/>
    </row>
    <row r="850966" spans="14:14">
      <c r="N850966" s="10"/>
    </row>
    <row r="850967" spans="14:14">
      <c r="N850967" s="10"/>
    </row>
    <row r="850968" spans="14:14">
      <c r="N850968" s="10"/>
    </row>
    <row r="850969" spans="14:14">
      <c r="N850969" s="10"/>
    </row>
    <row r="850970" spans="14:14">
      <c r="N850970" s="10"/>
    </row>
    <row r="850971" spans="14:14">
      <c r="N850971" s="10"/>
    </row>
    <row r="850972" spans="14:14">
      <c r="N850972" s="10"/>
    </row>
    <row r="850973" spans="14:14">
      <c r="N850973" s="10"/>
    </row>
    <row r="850974" spans="14:14">
      <c r="N850974" s="10"/>
    </row>
    <row r="850975" spans="14:14">
      <c r="N850975" s="10"/>
    </row>
    <row r="850976" spans="14:14">
      <c r="N850976" s="10"/>
    </row>
    <row r="850977" spans="14:14">
      <c r="N850977" s="10"/>
    </row>
    <row r="850978" spans="14:14">
      <c r="N850978" s="10"/>
    </row>
    <row r="850979" spans="14:14">
      <c r="N850979" s="10"/>
    </row>
    <row r="850980" spans="14:14">
      <c r="N850980" s="10"/>
    </row>
    <row r="850981" spans="14:14">
      <c r="N850981" s="10"/>
    </row>
    <row r="850982" spans="14:14">
      <c r="N850982" s="10"/>
    </row>
    <row r="850983" spans="14:14">
      <c r="N850983" s="10"/>
    </row>
    <row r="850984" spans="14:14">
      <c r="N850984" s="10"/>
    </row>
    <row r="850985" spans="14:14">
      <c r="N850985" s="10"/>
    </row>
    <row r="850986" spans="14:14">
      <c r="N850986" s="10"/>
    </row>
    <row r="850987" spans="14:14">
      <c r="N850987" s="10"/>
    </row>
    <row r="850988" spans="14:14">
      <c r="N850988" s="10"/>
    </row>
    <row r="850989" spans="14:14">
      <c r="N850989" s="10"/>
    </row>
    <row r="850990" spans="14:14">
      <c r="N850990" s="10"/>
    </row>
    <row r="850991" spans="14:14">
      <c r="N850991" s="10"/>
    </row>
    <row r="850992" spans="14:14">
      <c r="N850992" s="10"/>
    </row>
    <row r="850993" spans="14:14">
      <c r="N850993" s="10"/>
    </row>
    <row r="850994" spans="14:14">
      <c r="N850994" s="10"/>
    </row>
    <row r="850995" spans="14:14">
      <c r="N850995" s="10"/>
    </row>
    <row r="850996" spans="14:14">
      <c r="N850996" s="10"/>
    </row>
    <row r="850997" spans="14:14">
      <c r="N850997" s="10"/>
    </row>
    <row r="850998" spans="14:14">
      <c r="N850998" s="10"/>
    </row>
    <row r="850999" spans="14:14">
      <c r="N850999" s="10"/>
    </row>
    <row r="851000" spans="14:14">
      <c r="N851000" s="10"/>
    </row>
    <row r="851001" spans="14:14">
      <c r="N851001" s="10"/>
    </row>
    <row r="851002" spans="14:14">
      <c r="N851002" s="10"/>
    </row>
    <row r="851003" spans="14:14">
      <c r="N851003" s="10"/>
    </row>
    <row r="851004" spans="14:14">
      <c r="N851004" s="10"/>
    </row>
    <row r="851005" spans="14:14">
      <c r="N851005" s="10"/>
    </row>
    <row r="851006" spans="14:14">
      <c r="N851006" s="10"/>
    </row>
    <row r="851007" spans="14:14">
      <c r="N851007" s="10"/>
    </row>
    <row r="851008" spans="14:14">
      <c r="N851008" s="10"/>
    </row>
    <row r="851009" spans="14:14">
      <c r="N851009" s="10"/>
    </row>
    <row r="851010" spans="14:14">
      <c r="N851010" s="10"/>
    </row>
    <row r="851011" spans="14:14">
      <c r="N851011" s="10"/>
    </row>
    <row r="851012" spans="14:14">
      <c r="N851012" s="10"/>
    </row>
    <row r="851013" spans="14:14">
      <c r="N851013" s="10"/>
    </row>
    <row r="851014" spans="14:14">
      <c r="N851014" s="10"/>
    </row>
    <row r="851015" spans="14:14">
      <c r="N851015" s="10"/>
    </row>
    <row r="851016" spans="14:14">
      <c r="N851016" s="10"/>
    </row>
    <row r="851017" spans="14:14">
      <c r="N851017" s="10"/>
    </row>
    <row r="851018" spans="14:14">
      <c r="N851018" s="10"/>
    </row>
    <row r="851019" spans="14:14">
      <c r="N851019" s="10"/>
    </row>
    <row r="851020" spans="14:14">
      <c r="N851020" s="10"/>
    </row>
    <row r="851021" spans="14:14">
      <c r="N851021" s="10"/>
    </row>
    <row r="851022" spans="14:14">
      <c r="N851022" s="10"/>
    </row>
    <row r="851023" spans="14:14">
      <c r="N851023" s="10"/>
    </row>
    <row r="851024" spans="14:14">
      <c r="N851024" s="10"/>
    </row>
    <row r="851025" spans="14:14">
      <c r="N851025" s="10"/>
    </row>
    <row r="851026" spans="14:14">
      <c r="N851026" s="10"/>
    </row>
    <row r="851027" spans="14:14">
      <c r="N851027" s="10"/>
    </row>
    <row r="851028" spans="14:14">
      <c r="N851028" s="10"/>
    </row>
    <row r="851029" spans="14:14">
      <c r="N851029" s="10"/>
    </row>
    <row r="851030" spans="14:14">
      <c r="N851030" s="10"/>
    </row>
    <row r="851031" spans="14:14">
      <c r="N851031" s="10"/>
    </row>
    <row r="851032" spans="14:14">
      <c r="N851032" s="10"/>
    </row>
    <row r="851033" spans="14:14">
      <c r="N851033" s="10"/>
    </row>
    <row r="851034" spans="14:14">
      <c r="N851034" s="10"/>
    </row>
    <row r="851035" spans="14:14">
      <c r="N851035" s="10"/>
    </row>
    <row r="851036" spans="14:14">
      <c r="N851036" s="10"/>
    </row>
    <row r="851037" spans="14:14">
      <c r="N851037" s="10"/>
    </row>
    <row r="851038" spans="14:14">
      <c r="N851038" s="10"/>
    </row>
    <row r="851039" spans="14:14">
      <c r="N851039" s="10"/>
    </row>
    <row r="851040" spans="14:14">
      <c r="N851040" s="10"/>
    </row>
    <row r="851041" spans="14:14">
      <c r="N851041" s="10"/>
    </row>
    <row r="851042" spans="14:14">
      <c r="N851042" s="10"/>
    </row>
    <row r="851043" spans="14:14">
      <c r="N851043" s="10"/>
    </row>
    <row r="851044" spans="14:14">
      <c r="N851044" s="10"/>
    </row>
    <row r="851045" spans="14:14">
      <c r="N851045" s="10"/>
    </row>
    <row r="851046" spans="14:14">
      <c r="N851046" s="10"/>
    </row>
    <row r="851047" spans="14:14">
      <c r="N851047" s="10"/>
    </row>
    <row r="851048" spans="14:14">
      <c r="N851048" s="10"/>
    </row>
    <row r="851049" spans="14:14">
      <c r="N851049" s="10"/>
    </row>
    <row r="851050" spans="14:14">
      <c r="N851050" s="10"/>
    </row>
    <row r="851051" spans="14:14">
      <c r="N851051" s="10"/>
    </row>
    <row r="851052" spans="14:14">
      <c r="N851052" s="10"/>
    </row>
    <row r="851053" spans="14:14">
      <c r="N851053" s="10"/>
    </row>
    <row r="851054" spans="14:14">
      <c r="N851054" s="10"/>
    </row>
    <row r="851055" spans="14:14">
      <c r="N851055" s="10"/>
    </row>
    <row r="851056" spans="14:14">
      <c r="N851056" s="10"/>
    </row>
    <row r="851057" spans="14:14">
      <c r="N851057" s="10"/>
    </row>
    <row r="851058" spans="14:14">
      <c r="N851058" s="10"/>
    </row>
    <row r="851059" spans="14:14">
      <c r="N851059" s="10"/>
    </row>
    <row r="851060" spans="14:14">
      <c r="N851060" s="10"/>
    </row>
    <row r="851061" spans="14:14">
      <c r="N851061" s="10"/>
    </row>
    <row r="851062" spans="14:14">
      <c r="N851062" s="10"/>
    </row>
    <row r="851063" spans="14:14">
      <c r="N851063" s="10"/>
    </row>
    <row r="851064" spans="14:14">
      <c r="N851064" s="10"/>
    </row>
    <row r="851065" spans="14:14">
      <c r="N851065" s="10"/>
    </row>
    <row r="851066" spans="14:14">
      <c r="N851066" s="10"/>
    </row>
    <row r="851067" spans="14:14">
      <c r="N851067" s="10"/>
    </row>
    <row r="851068" spans="14:14">
      <c r="N851068" s="10"/>
    </row>
    <row r="851069" spans="14:14">
      <c r="N851069" s="10"/>
    </row>
    <row r="851070" spans="14:14">
      <c r="N851070" s="10"/>
    </row>
    <row r="851071" spans="14:14">
      <c r="N851071" s="10"/>
    </row>
    <row r="851072" spans="14:14">
      <c r="N851072" s="10"/>
    </row>
    <row r="851073" spans="14:14">
      <c r="N851073" s="10"/>
    </row>
    <row r="851074" spans="14:14">
      <c r="N851074" s="10"/>
    </row>
    <row r="851075" spans="14:14">
      <c r="N851075" s="10"/>
    </row>
    <row r="851076" spans="14:14">
      <c r="N851076" s="10"/>
    </row>
    <row r="851077" spans="14:14">
      <c r="N851077" s="10"/>
    </row>
    <row r="851078" spans="14:14">
      <c r="N851078" s="10"/>
    </row>
    <row r="851079" spans="14:14">
      <c r="N851079" s="10"/>
    </row>
    <row r="851080" spans="14:14">
      <c r="N851080" s="10"/>
    </row>
    <row r="851081" spans="14:14">
      <c r="N851081" s="10"/>
    </row>
    <row r="851082" spans="14:14">
      <c r="N851082" s="10"/>
    </row>
    <row r="851083" spans="14:14">
      <c r="N851083" s="10"/>
    </row>
    <row r="851084" spans="14:14">
      <c r="N851084" s="10"/>
    </row>
    <row r="851085" spans="14:14">
      <c r="N851085" s="10"/>
    </row>
    <row r="851086" spans="14:14">
      <c r="N851086" s="10"/>
    </row>
    <row r="851087" spans="14:14">
      <c r="N851087" s="10"/>
    </row>
    <row r="851088" spans="14:14">
      <c r="N851088" s="10"/>
    </row>
    <row r="851089" spans="14:14">
      <c r="N851089" s="10"/>
    </row>
    <row r="851090" spans="14:14">
      <c r="N851090" s="10"/>
    </row>
    <row r="851091" spans="14:14">
      <c r="N851091" s="10"/>
    </row>
    <row r="851092" spans="14:14">
      <c r="N851092" s="10"/>
    </row>
    <row r="851093" spans="14:14">
      <c r="N851093" s="10"/>
    </row>
    <row r="851094" spans="14:14">
      <c r="N851094" s="10"/>
    </row>
    <row r="851095" spans="14:14">
      <c r="N851095" s="10"/>
    </row>
    <row r="851096" spans="14:14">
      <c r="N851096" s="10"/>
    </row>
    <row r="851097" spans="14:14">
      <c r="N851097" s="10"/>
    </row>
    <row r="851098" spans="14:14">
      <c r="N851098" s="10"/>
    </row>
    <row r="851099" spans="14:14">
      <c r="N851099" s="10"/>
    </row>
    <row r="851100" spans="14:14">
      <c r="N851100" s="10"/>
    </row>
    <row r="851101" spans="14:14">
      <c r="N851101" s="10"/>
    </row>
    <row r="851102" spans="14:14">
      <c r="N851102" s="10"/>
    </row>
    <row r="851103" spans="14:14">
      <c r="N851103" s="10"/>
    </row>
    <row r="851104" spans="14:14">
      <c r="N851104" s="10"/>
    </row>
    <row r="851105" spans="14:14">
      <c r="N851105" s="10"/>
    </row>
    <row r="851106" spans="14:14">
      <c r="N851106" s="10"/>
    </row>
    <row r="851107" spans="14:14">
      <c r="N851107" s="10"/>
    </row>
    <row r="851108" spans="14:14">
      <c r="N851108" s="10"/>
    </row>
    <row r="851109" spans="14:14">
      <c r="N851109" s="10"/>
    </row>
    <row r="851110" spans="14:14">
      <c r="N851110" s="10"/>
    </row>
    <row r="851111" spans="14:14">
      <c r="N851111" s="10"/>
    </row>
    <row r="851112" spans="14:14">
      <c r="N851112" s="10"/>
    </row>
    <row r="851113" spans="14:14">
      <c r="N851113" s="10"/>
    </row>
    <row r="851114" spans="14:14">
      <c r="N851114" s="10"/>
    </row>
    <row r="851115" spans="14:14">
      <c r="N851115" s="10"/>
    </row>
    <row r="851116" spans="14:14">
      <c r="N851116" s="10"/>
    </row>
    <row r="851117" spans="14:14">
      <c r="N851117" s="10"/>
    </row>
    <row r="851118" spans="14:14">
      <c r="N851118" s="10"/>
    </row>
    <row r="851119" spans="14:14">
      <c r="N851119" s="10"/>
    </row>
    <row r="851120" spans="14:14">
      <c r="N851120" s="10"/>
    </row>
    <row r="851121" spans="14:14">
      <c r="N851121" s="10"/>
    </row>
    <row r="851122" spans="14:14">
      <c r="N851122" s="10"/>
    </row>
    <row r="851123" spans="14:14">
      <c r="N851123" s="10"/>
    </row>
    <row r="851124" spans="14:14">
      <c r="N851124" s="10"/>
    </row>
    <row r="851125" spans="14:14">
      <c r="N851125" s="10"/>
    </row>
    <row r="851126" spans="14:14">
      <c r="N851126" s="10"/>
    </row>
    <row r="851127" spans="14:14">
      <c r="N851127" s="10"/>
    </row>
    <row r="851128" spans="14:14">
      <c r="N851128" s="10"/>
    </row>
    <row r="851129" spans="14:14">
      <c r="N851129" s="10"/>
    </row>
    <row r="851130" spans="14:14">
      <c r="N851130" s="10"/>
    </row>
    <row r="851131" spans="14:14">
      <c r="N851131" s="10"/>
    </row>
    <row r="851132" spans="14:14">
      <c r="N851132" s="10"/>
    </row>
    <row r="851133" spans="14:14">
      <c r="N851133" s="10"/>
    </row>
    <row r="851134" spans="14:14">
      <c r="N851134" s="10"/>
    </row>
    <row r="851135" spans="14:14">
      <c r="N851135" s="10"/>
    </row>
    <row r="851136" spans="14:14">
      <c r="N851136" s="10"/>
    </row>
    <row r="851137" spans="14:14">
      <c r="N851137" s="10"/>
    </row>
    <row r="851138" spans="14:14">
      <c r="N851138" s="10"/>
    </row>
    <row r="851139" spans="14:14">
      <c r="N851139" s="10"/>
    </row>
    <row r="851140" spans="14:14">
      <c r="N851140" s="10"/>
    </row>
    <row r="851141" spans="14:14">
      <c r="N851141" s="10"/>
    </row>
    <row r="851142" spans="14:14">
      <c r="N851142" s="10"/>
    </row>
    <row r="851143" spans="14:14">
      <c r="N851143" s="10"/>
    </row>
    <row r="851144" spans="14:14">
      <c r="N851144" s="10"/>
    </row>
    <row r="851145" spans="14:14">
      <c r="N851145" s="10"/>
    </row>
    <row r="851146" spans="14:14">
      <c r="N851146" s="10"/>
    </row>
    <row r="851147" spans="14:14">
      <c r="N851147" s="10"/>
    </row>
    <row r="851148" spans="14:14">
      <c r="N851148" s="10"/>
    </row>
    <row r="851149" spans="14:14">
      <c r="N851149" s="10"/>
    </row>
    <row r="851150" spans="14:14">
      <c r="N851150" s="10"/>
    </row>
    <row r="851151" spans="14:14">
      <c r="N851151" s="10"/>
    </row>
    <row r="851152" spans="14:14">
      <c r="N851152" s="10"/>
    </row>
    <row r="851153" spans="14:14">
      <c r="N851153" s="10"/>
    </row>
    <row r="851154" spans="14:14">
      <c r="N851154" s="10"/>
    </row>
    <row r="851155" spans="14:14">
      <c r="N851155" s="10"/>
    </row>
    <row r="851156" spans="14:14">
      <c r="N851156" s="10"/>
    </row>
    <row r="851157" spans="14:14">
      <c r="N851157" s="10"/>
    </row>
    <row r="851158" spans="14:14">
      <c r="N851158" s="10"/>
    </row>
    <row r="851159" spans="14:14">
      <c r="N851159" s="10"/>
    </row>
    <row r="851160" spans="14:14">
      <c r="N851160" s="10"/>
    </row>
    <row r="851161" spans="14:14">
      <c r="N851161" s="10"/>
    </row>
    <row r="851162" spans="14:14">
      <c r="N851162" s="10"/>
    </row>
    <row r="851163" spans="14:14">
      <c r="N851163" s="10"/>
    </row>
    <row r="851164" spans="14:14">
      <c r="N851164" s="10"/>
    </row>
    <row r="851165" spans="14:14">
      <c r="N851165" s="10"/>
    </row>
    <row r="851166" spans="14:14">
      <c r="N851166" s="10"/>
    </row>
    <row r="851167" spans="14:14">
      <c r="N851167" s="10"/>
    </row>
    <row r="851168" spans="14:14">
      <c r="N851168" s="10"/>
    </row>
    <row r="851169" spans="14:14">
      <c r="N851169" s="10"/>
    </row>
    <row r="851170" spans="14:14">
      <c r="N851170" s="10"/>
    </row>
    <row r="851171" spans="14:14">
      <c r="N851171" s="10"/>
    </row>
    <row r="851172" spans="14:14">
      <c r="N851172" s="10"/>
    </row>
    <row r="851173" spans="14:14">
      <c r="N851173" s="10"/>
    </row>
    <row r="851174" spans="14:14">
      <c r="N851174" s="10"/>
    </row>
    <row r="851175" spans="14:14">
      <c r="N851175" s="10"/>
    </row>
    <row r="851176" spans="14:14">
      <c r="N851176" s="10"/>
    </row>
    <row r="851177" spans="14:14">
      <c r="N851177" s="10"/>
    </row>
    <row r="851178" spans="14:14">
      <c r="N851178" s="10"/>
    </row>
    <row r="851179" spans="14:14">
      <c r="N851179" s="10"/>
    </row>
    <row r="851180" spans="14:14">
      <c r="N851180" s="10"/>
    </row>
    <row r="851181" spans="14:14">
      <c r="N851181" s="10"/>
    </row>
    <row r="851182" spans="14:14">
      <c r="N851182" s="10"/>
    </row>
    <row r="851183" spans="14:14">
      <c r="N851183" s="10"/>
    </row>
    <row r="851184" spans="14:14">
      <c r="N851184" s="10"/>
    </row>
    <row r="851185" spans="14:14">
      <c r="N851185" s="10"/>
    </row>
    <row r="851186" spans="14:14">
      <c r="N851186" s="10"/>
    </row>
    <row r="851187" spans="14:14">
      <c r="N851187" s="10"/>
    </row>
    <row r="851188" spans="14:14">
      <c r="N851188" s="10"/>
    </row>
    <row r="851189" spans="14:14">
      <c r="N851189" s="10"/>
    </row>
    <row r="851190" spans="14:14">
      <c r="N851190" s="10"/>
    </row>
    <row r="851191" spans="14:14">
      <c r="N851191" s="10"/>
    </row>
    <row r="851192" spans="14:14">
      <c r="N851192" s="10"/>
    </row>
    <row r="851193" spans="14:14">
      <c r="N851193" s="10"/>
    </row>
    <row r="851194" spans="14:14">
      <c r="N851194" s="10"/>
    </row>
    <row r="851195" spans="14:14">
      <c r="N851195" s="10"/>
    </row>
    <row r="851196" spans="14:14">
      <c r="N851196" s="10"/>
    </row>
    <row r="851197" spans="14:14">
      <c r="N851197" s="10"/>
    </row>
    <row r="851198" spans="14:14">
      <c r="N851198" s="10"/>
    </row>
    <row r="851199" spans="14:14">
      <c r="N851199" s="10"/>
    </row>
    <row r="851200" spans="14:14">
      <c r="N851200" s="10"/>
    </row>
    <row r="851201" spans="14:14">
      <c r="N851201" s="10"/>
    </row>
    <row r="851202" spans="14:14">
      <c r="N851202" s="10"/>
    </row>
    <row r="851203" spans="14:14">
      <c r="N851203" s="10"/>
    </row>
    <row r="851204" spans="14:14">
      <c r="N851204" s="10"/>
    </row>
    <row r="851205" spans="14:14">
      <c r="N851205" s="10"/>
    </row>
    <row r="851206" spans="14:14">
      <c r="N851206" s="10"/>
    </row>
    <row r="851207" spans="14:14">
      <c r="N851207" s="10"/>
    </row>
    <row r="851208" spans="14:14">
      <c r="N851208" s="10"/>
    </row>
    <row r="851209" spans="14:14">
      <c r="N851209" s="10"/>
    </row>
    <row r="851210" spans="14:14">
      <c r="N851210" s="10"/>
    </row>
    <row r="851211" spans="14:14">
      <c r="N851211" s="10"/>
    </row>
    <row r="851212" spans="14:14">
      <c r="N851212" s="10"/>
    </row>
    <row r="851213" spans="14:14">
      <c r="N851213" s="10"/>
    </row>
    <row r="851214" spans="14:14">
      <c r="N851214" s="10"/>
    </row>
    <row r="851215" spans="14:14">
      <c r="N851215" s="10"/>
    </row>
    <row r="851216" spans="14:14">
      <c r="N851216" s="10"/>
    </row>
    <row r="851217" spans="14:14">
      <c r="N851217" s="10"/>
    </row>
    <row r="851218" spans="14:14">
      <c r="N851218" s="10"/>
    </row>
    <row r="851219" spans="14:14">
      <c r="N851219" s="10"/>
    </row>
    <row r="851220" spans="14:14">
      <c r="N851220" s="10"/>
    </row>
    <row r="851221" spans="14:14">
      <c r="N851221" s="10"/>
    </row>
    <row r="851222" spans="14:14">
      <c r="N851222" s="10"/>
    </row>
    <row r="851223" spans="14:14">
      <c r="N851223" s="10"/>
    </row>
    <row r="851224" spans="14:14">
      <c r="N851224" s="10"/>
    </row>
    <row r="851225" spans="14:14">
      <c r="N851225" s="10"/>
    </row>
    <row r="851226" spans="14:14">
      <c r="N851226" s="10"/>
    </row>
    <row r="851227" spans="14:14">
      <c r="N851227" s="10"/>
    </row>
    <row r="851228" spans="14:14">
      <c r="N851228" s="10"/>
    </row>
    <row r="851229" spans="14:14">
      <c r="N851229" s="10"/>
    </row>
    <row r="851230" spans="14:14">
      <c r="N851230" s="10"/>
    </row>
    <row r="851231" spans="14:14">
      <c r="N851231" s="10"/>
    </row>
    <row r="851232" spans="14:14">
      <c r="N851232" s="10"/>
    </row>
    <row r="851233" spans="14:14">
      <c r="N851233" s="10"/>
    </row>
    <row r="851234" spans="14:14">
      <c r="N851234" s="10"/>
    </row>
    <row r="851235" spans="14:14">
      <c r="N851235" s="10"/>
    </row>
    <row r="851236" spans="14:14">
      <c r="N851236" s="10"/>
    </row>
    <row r="851237" spans="14:14">
      <c r="N851237" s="10"/>
    </row>
    <row r="851238" spans="14:14">
      <c r="N851238" s="10"/>
    </row>
    <row r="851239" spans="14:14">
      <c r="N851239" s="10"/>
    </row>
    <row r="851240" spans="14:14">
      <c r="N851240" s="10"/>
    </row>
    <row r="851241" spans="14:14">
      <c r="N851241" s="10"/>
    </row>
    <row r="851242" spans="14:14">
      <c r="N851242" s="10"/>
    </row>
    <row r="851243" spans="14:14">
      <c r="N851243" s="10"/>
    </row>
    <row r="851244" spans="14:14">
      <c r="N851244" s="10"/>
    </row>
    <row r="851245" spans="14:14">
      <c r="N851245" s="10"/>
    </row>
    <row r="851246" spans="14:14">
      <c r="N851246" s="10"/>
    </row>
    <row r="851247" spans="14:14">
      <c r="N851247" s="10"/>
    </row>
    <row r="851248" spans="14:14">
      <c r="N851248" s="10"/>
    </row>
    <row r="851249" spans="14:14">
      <c r="N851249" s="10"/>
    </row>
    <row r="851250" spans="14:14">
      <c r="N851250" s="10"/>
    </row>
    <row r="851251" spans="14:14">
      <c r="N851251" s="10"/>
    </row>
    <row r="851252" spans="14:14">
      <c r="N851252" s="10"/>
    </row>
    <row r="851253" spans="14:14">
      <c r="N851253" s="10"/>
    </row>
    <row r="851254" spans="14:14">
      <c r="N851254" s="10"/>
    </row>
    <row r="851255" spans="14:14">
      <c r="N851255" s="10"/>
    </row>
    <row r="851256" spans="14:14">
      <c r="N851256" s="10"/>
    </row>
    <row r="851257" spans="14:14">
      <c r="N851257" s="10"/>
    </row>
    <row r="851258" spans="14:14">
      <c r="N851258" s="10"/>
    </row>
    <row r="851259" spans="14:14">
      <c r="N851259" s="10"/>
    </row>
    <row r="851260" spans="14:14">
      <c r="N851260" s="10"/>
    </row>
    <row r="851261" spans="14:14">
      <c r="N851261" s="10"/>
    </row>
    <row r="851262" spans="14:14">
      <c r="N851262" s="10"/>
    </row>
    <row r="851263" spans="14:14">
      <c r="N851263" s="10"/>
    </row>
    <row r="851264" spans="14:14">
      <c r="N851264" s="10"/>
    </row>
    <row r="851265" spans="14:14">
      <c r="N851265" s="10"/>
    </row>
    <row r="851266" spans="14:14">
      <c r="N851266" s="10"/>
    </row>
    <row r="851267" spans="14:14">
      <c r="N851267" s="10"/>
    </row>
    <row r="851268" spans="14:14">
      <c r="N851268" s="10"/>
    </row>
    <row r="851269" spans="14:14">
      <c r="N851269" s="10"/>
    </row>
    <row r="851270" spans="14:14">
      <c r="N851270" s="10"/>
    </row>
    <row r="851271" spans="14:14">
      <c r="N851271" s="10"/>
    </row>
    <row r="851272" spans="14:14">
      <c r="N851272" s="10"/>
    </row>
    <row r="851273" spans="14:14">
      <c r="N851273" s="10"/>
    </row>
    <row r="851274" spans="14:14">
      <c r="N851274" s="10"/>
    </row>
    <row r="851275" spans="14:14">
      <c r="N851275" s="10"/>
    </row>
    <row r="851276" spans="14:14">
      <c r="N851276" s="10"/>
    </row>
    <row r="851277" spans="14:14">
      <c r="N851277" s="10"/>
    </row>
    <row r="851278" spans="14:14">
      <c r="N851278" s="10"/>
    </row>
    <row r="851279" spans="14:14">
      <c r="N851279" s="10"/>
    </row>
    <row r="851280" spans="14:14">
      <c r="N851280" s="10"/>
    </row>
    <row r="851281" spans="14:14">
      <c r="N851281" s="10"/>
    </row>
    <row r="851282" spans="14:14">
      <c r="N851282" s="10"/>
    </row>
    <row r="851283" spans="14:14">
      <c r="N851283" s="10"/>
    </row>
    <row r="851284" spans="14:14">
      <c r="N851284" s="10"/>
    </row>
    <row r="851285" spans="14:14">
      <c r="N851285" s="10"/>
    </row>
    <row r="851286" spans="14:14">
      <c r="N851286" s="10"/>
    </row>
    <row r="851287" spans="14:14">
      <c r="N851287" s="10"/>
    </row>
    <row r="851288" spans="14:14">
      <c r="N851288" s="10"/>
    </row>
    <row r="851289" spans="14:14">
      <c r="N851289" s="10"/>
    </row>
    <row r="851290" spans="14:14">
      <c r="N851290" s="10"/>
    </row>
    <row r="851291" spans="14:14">
      <c r="N851291" s="10"/>
    </row>
    <row r="851292" spans="14:14">
      <c r="N851292" s="10"/>
    </row>
    <row r="851293" spans="14:14">
      <c r="N851293" s="10"/>
    </row>
    <row r="851294" spans="14:14">
      <c r="N851294" s="10"/>
    </row>
    <row r="851295" spans="14:14">
      <c r="N851295" s="10"/>
    </row>
    <row r="851296" spans="14:14">
      <c r="N851296" s="10"/>
    </row>
    <row r="851297" spans="14:14">
      <c r="N851297" s="10"/>
    </row>
    <row r="851298" spans="14:14">
      <c r="N851298" s="10"/>
    </row>
    <row r="851299" spans="14:14">
      <c r="N851299" s="10"/>
    </row>
    <row r="851300" spans="14:14">
      <c r="N851300" s="10"/>
    </row>
    <row r="851301" spans="14:14">
      <c r="N851301" s="10"/>
    </row>
    <row r="851302" spans="14:14">
      <c r="N851302" s="10"/>
    </row>
    <row r="851303" spans="14:14">
      <c r="N851303" s="10"/>
    </row>
    <row r="851304" spans="14:14">
      <c r="N851304" s="10"/>
    </row>
    <row r="851305" spans="14:14">
      <c r="N851305" s="10"/>
    </row>
    <row r="851306" spans="14:14">
      <c r="N851306" s="10"/>
    </row>
    <row r="851307" spans="14:14">
      <c r="N851307" s="10"/>
    </row>
    <row r="851308" spans="14:14">
      <c r="N851308" s="10"/>
    </row>
    <row r="851309" spans="14:14">
      <c r="N851309" s="10"/>
    </row>
    <row r="851310" spans="14:14">
      <c r="N851310" s="10"/>
    </row>
    <row r="851311" spans="14:14">
      <c r="N851311" s="10"/>
    </row>
    <row r="851312" spans="14:14">
      <c r="N851312" s="10"/>
    </row>
    <row r="851313" spans="14:14">
      <c r="N851313" s="10"/>
    </row>
    <row r="851314" spans="14:14">
      <c r="N851314" s="10"/>
    </row>
    <row r="851315" spans="14:14">
      <c r="N851315" s="10"/>
    </row>
    <row r="851316" spans="14:14">
      <c r="N851316" s="10"/>
    </row>
    <row r="851317" spans="14:14">
      <c r="N851317" s="10"/>
    </row>
    <row r="851318" spans="14:14">
      <c r="N851318" s="10"/>
    </row>
    <row r="851319" spans="14:14">
      <c r="N851319" s="10"/>
    </row>
    <row r="851320" spans="14:14">
      <c r="N851320" s="10"/>
    </row>
    <row r="851321" spans="14:14">
      <c r="N851321" s="10"/>
    </row>
    <row r="851322" spans="14:14">
      <c r="N851322" s="10"/>
    </row>
    <row r="851323" spans="14:14">
      <c r="N851323" s="10"/>
    </row>
    <row r="851324" spans="14:14">
      <c r="N851324" s="10"/>
    </row>
    <row r="851325" spans="14:14">
      <c r="N851325" s="10"/>
    </row>
    <row r="851326" spans="14:14">
      <c r="N851326" s="10"/>
    </row>
    <row r="851327" spans="14:14">
      <c r="N851327" s="10"/>
    </row>
    <row r="851328" spans="14:14">
      <c r="N851328" s="10"/>
    </row>
    <row r="851329" spans="14:14">
      <c r="N851329" s="10"/>
    </row>
    <row r="851330" spans="14:14">
      <c r="N851330" s="10"/>
    </row>
    <row r="851331" spans="14:14">
      <c r="N851331" s="10"/>
    </row>
    <row r="851332" spans="14:14">
      <c r="N851332" s="10"/>
    </row>
    <row r="851333" spans="14:14">
      <c r="N851333" s="10"/>
    </row>
    <row r="851334" spans="14:14">
      <c r="N851334" s="10"/>
    </row>
    <row r="851335" spans="14:14">
      <c r="N851335" s="10"/>
    </row>
    <row r="851336" spans="14:14">
      <c r="N851336" s="10"/>
    </row>
    <row r="851337" spans="14:14">
      <c r="N851337" s="10"/>
    </row>
    <row r="851338" spans="14:14">
      <c r="N851338" s="10"/>
    </row>
    <row r="851339" spans="14:14">
      <c r="N851339" s="10"/>
    </row>
    <row r="851340" spans="14:14">
      <c r="N851340" s="10"/>
    </row>
    <row r="851341" spans="14:14">
      <c r="N851341" s="10"/>
    </row>
    <row r="851342" spans="14:14">
      <c r="N851342" s="10"/>
    </row>
    <row r="851343" spans="14:14">
      <c r="N851343" s="10"/>
    </row>
    <row r="851344" spans="14:14">
      <c r="N851344" s="10"/>
    </row>
    <row r="851345" spans="14:14">
      <c r="N851345" s="10"/>
    </row>
    <row r="851346" spans="14:14">
      <c r="N851346" s="10"/>
    </row>
    <row r="851347" spans="14:14">
      <c r="N851347" s="10"/>
    </row>
    <row r="851348" spans="14:14">
      <c r="N851348" s="10"/>
    </row>
    <row r="851349" spans="14:14">
      <c r="N851349" s="10"/>
    </row>
    <row r="851350" spans="14:14">
      <c r="N851350" s="10"/>
    </row>
    <row r="851351" spans="14:14">
      <c r="N851351" s="10"/>
    </row>
    <row r="851352" spans="14:14">
      <c r="N851352" s="10"/>
    </row>
    <row r="851353" spans="14:14">
      <c r="N851353" s="10"/>
    </row>
    <row r="851354" spans="14:14">
      <c r="N851354" s="10"/>
    </row>
    <row r="851355" spans="14:14">
      <c r="N851355" s="10"/>
    </row>
    <row r="851356" spans="14:14">
      <c r="N851356" s="10"/>
    </row>
    <row r="851357" spans="14:14">
      <c r="N851357" s="10"/>
    </row>
    <row r="851358" spans="14:14">
      <c r="N851358" s="10"/>
    </row>
    <row r="851359" spans="14:14">
      <c r="N851359" s="10"/>
    </row>
    <row r="851360" spans="14:14">
      <c r="N851360" s="10"/>
    </row>
    <row r="851361" spans="14:14">
      <c r="N851361" s="10"/>
    </row>
    <row r="851362" spans="14:14">
      <c r="N851362" s="10"/>
    </row>
    <row r="851363" spans="14:14">
      <c r="N851363" s="10"/>
    </row>
    <row r="851364" spans="14:14">
      <c r="N851364" s="10"/>
    </row>
    <row r="851365" spans="14:14">
      <c r="N851365" s="10"/>
    </row>
    <row r="851366" spans="14:14">
      <c r="N851366" s="10"/>
    </row>
    <row r="851367" spans="14:14">
      <c r="N851367" s="10"/>
    </row>
    <row r="851368" spans="14:14">
      <c r="N851368" s="10"/>
    </row>
    <row r="851369" spans="14:14">
      <c r="N851369" s="10"/>
    </row>
    <row r="851370" spans="14:14">
      <c r="N851370" s="10"/>
    </row>
    <row r="851371" spans="14:14">
      <c r="N851371" s="10"/>
    </row>
    <row r="851372" spans="14:14">
      <c r="N851372" s="10"/>
    </row>
    <row r="851373" spans="14:14">
      <c r="N851373" s="10"/>
    </row>
    <row r="851374" spans="14:14">
      <c r="N851374" s="10"/>
    </row>
    <row r="851375" spans="14:14">
      <c r="N851375" s="10"/>
    </row>
    <row r="851376" spans="14:14">
      <c r="N851376" s="10"/>
    </row>
    <row r="851377" spans="14:14">
      <c r="N851377" s="10"/>
    </row>
    <row r="851378" spans="14:14">
      <c r="N851378" s="10"/>
    </row>
    <row r="851379" spans="14:14">
      <c r="N851379" s="10"/>
    </row>
    <row r="851380" spans="14:14">
      <c r="N851380" s="10"/>
    </row>
    <row r="851381" spans="14:14">
      <c r="N851381" s="10"/>
    </row>
    <row r="851382" spans="14:14">
      <c r="N851382" s="10"/>
    </row>
    <row r="851383" spans="14:14">
      <c r="N851383" s="10"/>
    </row>
    <row r="851384" spans="14:14">
      <c r="N851384" s="10"/>
    </row>
    <row r="851385" spans="14:14">
      <c r="N851385" s="10"/>
    </row>
    <row r="851386" spans="14:14">
      <c r="N851386" s="10"/>
    </row>
    <row r="851387" spans="14:14">
      <c r="N851387" s="10"/>
    </row>
    <row r="851388" spans="14:14">
      <c r="N851388" s="10"/>
    </row>
    <row r="851389" spans="14:14">
      <c r="N851389" s="10"/>
    </row>
    <row r="851390" spans="14:14">
      <c r="N851390" s="10"/>
    </row>
    <row r="851391" spans="14:14">
      <c r="N851391" s="10"/>
    </row>
    <row r="851392" spans="14:14">
      <c r="N851392" s="10"/>
    </row>
    <row r="851393" spans="14:14">
      <c r="N851393" s="10"/>
    </row>
    <row r="851394" spans="14:14">
      <c r="N851394" s="10"/>
    </row>
    <row r="851395" spans="14:14">
      <c r="N851395" s="10"/>
    </row>
    <row r="851396" spans="14:14">
      <c r="N851396" s="10"/>
    </row>
    <row r="851397" spans="14:14">
      <c r="N851397" s="10"/>
    </row>
    <row r="851398" spans="14:14">
      <c r="N851398" s="10"/>
    </row>
    <row r="851399" spans="14:14">
      <c r="N851399" s="10"/>
    </row>
    <row r="851400" spans="14:14">
      <c r="N851400" s="10"/>
    </row>
    <row r="851401" spans="14:14">
      <c r="N851401" s="10"/>
    </row>
    <row r="851402" spans="14:14">
      <c r="N851402" s="10"/>
    </row>
    <row r="851403" spans="14:14">
      <c r="N851403" s="10"/>
    </row>
    <row r="851404" spans="14:14">
      <c r="N851404" s="10"/>
    </row>
    <row r="851405" spans="14:14">
      <c r="N851405" s="10"/>
    </row>
    <row r="851406" spans="14:14">
      <c r="N851406" s="10"/>
    </row>
    <row r="851407" spans="14:14">
      <c r="N851407" s="10"/>
    </row>
    <row r="851408" spans="14:14">
      <c r="N851408" s="10"/>
    </row>
    <row r="851409" spans="14:14">
      <c r="N851409" s="10"/>
    </row>
    <row r="851410" spans="14:14">
      <c r="N851410" s="10"/>
    </row>
    <row r="851411" spans="14:14">
      <c r="N851411" s="10"/>
    </row>
    <row r="851412" spans="14:14">
      <c r="N851412" s="10"/>
    </row>
    <row r="851413" spans="14:14">
      <c r="N851413" s="10"/>
    </row>
    <row r="851414" spans="14:14">
      <c r="N851414" s="10"/>
    </row>
    <row r="851415" spans="14:14">
      <c r="N851415" s="10"/>
    </row>
    <row r="851416" spans="14:14">
      <c r="N851416" s="10"/>
    </row>
    <row r="851417" spans="14:14">
      <c r="N851417" s="10"/>
    </row>
    <row r="851418" spans="14:14">
      <c r="N851418" s="10"/>
    </row>
    <row r="851419" spans="14:14">
      <c r="N851419" s="10"/>
    </row>
    <row r="851420" spans="14:14">
      <c r="N851420" s="10"/>
    </row>
    <row r="851421" spans="14:14">
      <c r="N851421" s="10"/>
    </row>
    <row r="851422" spans="14:14">
      <c r="N851422" s="10"/>
    </row>
    <row r="851423" spans="14:14">
      <c r="N851423" s="10"/>
    </row>
    <row r="851424" spans="14:14">
      <c r="N851424" s="10"/>
    </row>
    <row r="851425" spans="14:14">
      <c r="N851425" s="10"/>
    </row>
    <row r="851426" spans="14:14">
      <c r="N851426" s="10"/>
    </row>
    <row r="851427" spans="14:14">
      <c r="N851427" s="10"/>
    </row>
    <row r="851428" spans="14:14">
      <c r="N851428" s="10"/>
    </row>
    <row r="851429" spans="14:14">
      <c r="N851429" s="10"/>
    </row>
    <row r="851430" spans="14:14">
      <c r="N851430" s="10"/>
    </row>
    <row r="851431" spans="14:14">
      <c r="N851431" s="10"/>
    </row>
    <row r="851432" spans="14:14">
      <c r="N851432" s="10"/>
    </row>
    <row r="851433" spans="14:14">
      <c r="N851433" s="10"/>
    </row>
    <row r="851434" spans="14:14">
      <c r="N851434" s="10"/>
    </row>
    <row r="851435" spans="14:14">
      <c r="N851435" s="10"/>
    </row>
    <row r="851436" spans="14:14">
      <c r="N851436" s="10"/>
    </row>
    <row r="851437" spans="14:14">
      <c r="N851437" s="10"/>
    </row>
    <row r="851438" spans="14:14">
      <c r="N851438" s="10"/>
    </row>
    <row r="851439" spans="14:14">
      <c r="N851439" s="10"/>
    </row>
    <row r="851440" spans="14:14">
      <c r="N851440" s="10"/>
    </row>
    <row r="851441" spans="14:14">
      <c r="N851441" s="10"/>
    </row>
    <row r="851442" spans="14:14">
      <c r="N851442" s="10"/>
    </row>
    <row r="851443" spans="14:14">
      <c r="N851443" s="10"/>
    </row>
    <row r="851444" spans="14:14">
      <c r="N851444" s="10"/>
    </row>
    <row r="851445" spans="14:14">
      <c r="N851445" s="10"/>
    </row>
    <row r="851446" spans="14:14">
      <c r="N851446" s="10"/>
    </row>
    <row r="851447" spans="14:14">
      <c r="N851447" s="10"/>
    </row>
    <row r="851448" spans="14:14">
      <c r="N851448" s="10"/>
    </row>
    <row r="851449" spans="14:14">
      <c r="N851449" s="10"/>
    </row>
    <row r="851450" spans="14:14">
      <c r="N851450" s="10"/>
    </row>
    <row r="851451" spans="14:14">
      <c r="N851451" s="10"/>
    </row>
    <row r="851452" spans="14:14">
      <c r="N851452" s="10"/>
    </row>
    <row r="851453" spans="14:14">
      <c r="N851453" s="10"/>
    </row>
    <row r="851454" spans="14:14">
      <c r="N851454" s="10"/>
    </row>
    <row r="851455" spans="14:14">
      <c r="N851455" s="10"/>
    </row>
    <row r="851456" spans="14:14">
      <c r="N851456" s="10"/>
    </row>
    <row r="851457" spans="14:14">
      <c r="N851457" s="10"/>
    </row>
    <row r="851458" spans="14:14">
      <c r="N851458" s="10"/>
    </row>
    <row r="851459" spans="14:14">
      <c r="N851459" s="10"/>
    </row>
    <row r="851460" spans="14:14">
      <c r="N851460" s="10"/>
    </row>
    <row r="851461" spans="14:14">
      <c r="N851461" s="10"/>
    </row>
    <row r="851462" spans="14:14">
      <c r="N851462" s="10"/>
    </row>
    <row r="851463" spans="14:14">
      <c r="N851463" s="10"/>
    </row>
    <row r="851464" spans="14:14">
      <c r="N851464" s="10"/>
    </row>
    <row r="851465" spans="14:14">
      <c r="N851465" s="10"/>
    </row>
    <row r="851466" spans="14:14">
      <c r="N851466" s="10"/>
    </row>
    <row r="851467" spans="14:14">
      <c r="N851467" s="10"/>
    </row>
    <row r="851468" spans="14:14">
      <c r="N851468" s="10"/>
    </row>
    <row r="851469" spans="14:14">
      <c r="N851469" s="10"/>
    </row>
    <row r="851470" spans="14:14">
      <c r="N851470" s="10"/>
    </row>
    <row r="851471" spans="14:14">
      <c r="N851471" s="10"/>
    </row>
    <row r="851472" spans="14:14">
      <c r="N851472" s="10"/>
    </row>
    <row r="851473" spans="14:14">
      <c r="N851473" s="10"/>
    </row>
    <row r="851474" spans="14:14">
      <c r="N851474" s="10"/>
    </row>
    <row r="851475" spans="14:14">
      <c r="N851475" s="10"/>
    </row>
    <row r="851476" spans="14:14">
      <c r="N851476" s="10"/>
    </row>
    <row r="851477" spans="14:14">
      <c r="N851477" s="10"/>
    </row>
    <row r="851478" spans="14:14">
      <c r="N851478" s="10"/>
    </row>
    <row r="851479" spans="14:14">
      <c r="N851479" s="10"/>
    </row>
    <row r="851480" spans="14:14">
      <c r="N851480" s="10"/>
    </row>
    <row r="851481" spans="14:14">
      <c r="N851481" s="10"/>
    </row>
    <row r="851482" spans="14:14">
      <c r="N851482" s="10"/>
    </row>
    <row r="851483" spans="14:14">
      <c r="N851483" s="10"/>
    </row>
    <row r="851484" spans="14:14">
      <c r="N851484" s="10"/>
    </row>
    <row r="851485" spans="14:14">
      <c r="N851485" s="10"/>
    </row>
    <row r="851486" spans="14:14">
      <c r="N851486" s="10"/>
    </row>
    <row r="851487" spans="14:14">
      <c r="N851487" s="10"/>
    </row>
    <row r="851488" spans="14:14">
      <c r="N851488" s="10"/>
    </row>
    <row r="851489" spans="14:14">
      <c r="N851489" s="10"/>
    </row>
    <row r="851490" spans="14:14">
      <c r="N851490" s="10"/>
    </row>
    <row r="851491" spans="14:14">
      <c r="N851491" s="10"/>
    </row>
    <row r="851492" spans="14:14">
      <c r="N851492" s="10"/>
    </row>
    <row r="851493" spans="14:14">
      <c r="N851493" s="10"/>
    </row>
    <row r="851494" spans="14:14">
      <c r="N851494" s="10"/>
    </row>
    <row r="851495" spans="14:14">
      <c r="N851495" s="10"/>
    </row>
    <row r="851496" spans="14:14">
      <c r="N851496" s="10"/>
    </row>
    <row r="851497" spans="14:14">
      <c r="N851497" s="10"/>
    </row>
    <row r="851498" spans="14:14">
      <c r="N851498" s="10"/>
    </row>
    <row r="851499" spans="14:14">
      <c r="N851499" s="10"/>
    </row>
    <row r="851500" spans="14:14">
      <c r="N851500" s="10"/>
    </row>
    <row r="851501" spans="14:14">
      <c r="N851501" s="10"/>
    </row>
    <row r="851502" spans="14:14">
      <c r="N851502" s="10"/>
    </row>
    <row r="851503" spans="14:14">
      <c r="N851503" s="10"/>
    </row>
    <row r="851504" spans="14:14">
      <c r="N851504" s="10"/>
    </row>
    <row r="851505" spans="14:14">
      <c r="N851505" s="10"/>
    </row>
    <row r="851506" spans="14:14">
      <c r="N851506" s="10"/>
    </row>
    <row r="851507" spans="14:14">
      <c r="N851507" s="10"/>
    </row>
    <row r="851508" spans="14:14">
      <c r="N851508" s="10"/>
    </row>
    <row r="851509" spans="14:14">
      <c r="N851509" s="10"/>
    </row>
    <row r="851510" spans="14:14">
      <c r="N851510" s="10"/>
    </row>
    <row r="851511" spans="14:14">
      <c r="N851511" s="10"/>
    </row>
    <row r="851512" spans="14:14">
      <c r="N851512" s="10"/>
    </row>
    <row r="851513" spans="14:14">
      <c r="N851513" s="10"/>
    </row>
    <row r="851514" spans="14:14">
      <c r="N851514" s="10"/>
    </row>
    <row r="851515" spans="14:14">
      <c r="N851515" s="10"/>
    </row>
    <row r="851516" spans="14:14">
      <c r="N851516" s="10"/>
    </row>
    <row r="851517" spans="14:14">
      <c r="N851517" s="10"/>
    </row>
    <row r="851518" spans="14:14">
      <c r="N851518" s="10"/>
    </row>
    <row r="851519" spans="14:14">
      <c r="N851519" s="10"/>
    </row>
    <row r="851520" spans="14:14">
      <c r="N851520" s="10"/>
    </row>
    <row r="851521" spans="14:14">
      <c r="N851521" s="10"/>
    </row>
    <row r="851522" spans="14:14">
      <c r="N851522" s="10"/>
    </row>
    <row r="851523" spans="14:14">
      <c r="N851523" s="10"/>
    </row>
    <row r="851524" spans="14:14">
      <c r="N851524" s="10"/>
    </row>
    <row r="851525" spans="14:14">
      <c r="N851525" s="10"/>
    </row>
    <row r="851526" spans="14:14">
      <c r="N851526" s="10"/>
    </row>
    <row r="851527" spans="14:14">
      <c r="N851527" s="10"/>
    </row>
    <row r="851528" spans="14:14">
      <c r="N851528" s="10"/>
    </row>
    <row r="851529" spans="14:14">
      <c r="N851529" s="10"/>
    </row>
    <row r="851530" spans="14:14">
      <c r="N851530" s="10"/>
    </row>
    <row r="851531" spans="14:14">
      <c r="N851531" s="10"/>
    </row>
    <row r="851532" spans="14:14">
      <c r="N851532" s="10"/>
    </row>
    <row r="851533" spans="14:14">
      <c r="N851533" s="10"/>
    </row>
    <row r="851534" spans="14:14">
      <c r="N851534" s="10"/>
    </row>
    <row r="851535" spans="14:14">
      <c r="N851535" s="10"/>
    </row>
    <row r="851536" spans="14:14">
      <c r="N851536" s="10"/>
    </row>
    <row r="851537" spans="14:14">
      <c r="N851537" s="10"/>
    </row>
    <row r="851538" spans="14:14">
      <c r="N851538" s="10"/>
    </row>
    <row r="851539" spans="14:14">
      <c r="N851539" s="10"/>
    </row>
    <row r="851540" spans="14:14">
      <c r="N851540" s="10"/>
    </row>
    <row r="851541" spans="14:14">
      <c r="N851541" s="10"/>
    </row>
    <row r="851542" spans="14:14">
      <c r="N851542" s="10"/>
    </row>
    <row r="851543" spans="14:14">
      <c r="N851543" s="10"/>
    </row>
    <row r="851544" spans="14:14">
      <c r="N851544" s="10"/>
    </row>
    <row r="851545" spans="14:14">
      <c r="N851545" s="10"/>
    </row>
    <row r="851546" spans="14:14">
      <c r="N851546" s="10"/>
    </row>
    <row r="851547" spans="14:14">
      <c r="N851547" s="10"/>
    </row>
    <row r="851548" spans="14:14">
      <c r="N851548" s="10"/>
    </row>
    <row r="851549" spans="14:14">
      <c r="N851549" s="10"/>
    </row>
    <row r="851550" spans="14:14">
      <c r="N851550" s="10"/>
    </row>
    <row r="851551" spans="14:14">
      <c r="N851551" s="10"/>
    </row>
    <row r="851552" spans="14:14">
      <c r="N851552" s="10"/>
    </row>
    <row r="851553" spans="14:14">
      <c r="N851553" s="10"/>
    </row>
    <row r="851554" spans="14:14">
      <c r="N851554" s="10"/>
    </row>
    <row r="851555" spans="14:14">
      <c r="N851555" s="10"/>
    </row>
    <row r="851556" spans="14:14">
      <c r="N851556" s="10"/>
    </row>
    <row r="851557" spans="14:14">
      <c r="N851557" s="10"/>
    </row>
    <row r="851558" spans="14:14">
      <c r="N851558" s="10"/>
    </row>
    <row r="851559" spans="14:14">
      <c r="N851559" s="10"/>
    </row>
    <row r="851560" spans="14:14">
      <c r="N851560" s="10"/>
    </row>
    <row r="851561" spans="14:14">
      <c r="N851561" s="10"/>
    </row>
    <row r="851562" spans="14:14">
      <c r="N851562" s="10"/>
    </row>
    <row r="851563" spans="14:14">
      <c r="N851563" s="10"/>
    </row>
    <row r="851564" spans="14:14">
      <c r="N851564" s="10"/>
    </row>
    <row r="851565" spans="14:14">
      <c r="N851565" s="10"/>
    </row>
    <row r="851566" spans="14:14">
      <c r="N851566" s="10"/>
    </row>
    <row r="851567" spans="14:14">
      <c r="N851567" s="10"/>
    </row>
    <row r="851568" spans="14:14">
      <c r="N851568" s="10"/>
    </row>
    <row r="851569" spans="14:14">
      <c r="N851569" s="10"/>
    </row>
    <row r="851570" spans="14:14">
      <c r="N851570" s="10"/>
    </row>
    <row r="851571" spans="14:14">
      <c r="N851571" s="10"/>
    </row>
    <row r="851572" spans="14:14">
      <c r="N851572" s="10"/>
    </row>
    <row r="851573" spans="14:14">
      <c r="N851573" s="10"/>
    </row>
    <row r="851574" spans="14:14">
      <c r="N851574" s="10"/>
    </row>
    <row r="851575" spans="14:14">
      <c r="N851575" s="10"/>
    </row>
    <row r="851576" spans="14:14">
      <c r="N851576" s="10"/>
    </row>
    <row r="851577" spans="14:14">
      <c r="N851577" s="10"/>
    </row>
    <row r="851578" spans="14:14">
      <c r="N851578" s="10"/>
    </row>
    <row r="851579" spans="14:14">
      <c r="N851579" s="10"/>
    </row>
    <row r="851580" spans="14:14">
      <c r="N851580" s="10"/>
    </row>
    <row r="851581" spans="14:14">
      <c r="N851581" s="10"/>
    </row>
    <row r="851582" spans="14:14">
      <c r="N851582" s="10"/>
    </row>
    <row r="851583" spans="14:14">
      <c r="N851583" s="10"/>
    </row>
    <row r="851584" spans="14:14">
      <c r="N851584" s="10"/>
    </row>
    <row r="851585" spans="14:14">
      <c r="N851585" s="10"/>
    </row>
    <row r="851586" spans="14:14">
      <c r="N851586" s="10"/>
    </row>
    <row r="851587" spans="14:14">
      <c r="N851587" s="10"/>
    </row>
    <row r="851588" spans="14:14">
      <c r="N851588" s="10"/>
    </row>
    <row r="851589" spans="14:14">
      <c r="N851589" s="10"/>
    </row>
    <row r="851590" spans="14:14">
      <c r="N851590" s="10"/>
    </row>
    <row r="851591" spans="14:14">
      <c r="N851591" s="10"/>
    </row>
    <row r="851592" spans="14:14">
      <c r="N851592" s="10"/>
    </row>
    <row r="851593" spans="14:14">
      <c r="N851593" s="10"/>
    </row>
    <row r="851594" spans="14:14">
      <c r="N851594" s="10"/>
    </row>
    <row r="851595" spans="14:14">
      <c r="N851595" s="10"/>
    </row>
    <row r="851596" spans="14:14">
      <c r="N851596" s="10"/>
    </row>
    <row r="851597" spans="14:14">
      <c r="N851597" s="10"/>
    </row>
    <row r="851598" spans="14:14">
      <c r="N851598" s="10"/>
    </row>
    <row r="851599" spans="14:14">
      <c r="N851599" s="10"/>
    </row>
    <row r="851600" spans="14:14">
      <c r="N851600" s="10"/>
    </row>
    <row r="851601" spans="14:14">
      <c r="N851601" s="10"/>
    </row>
    <row r="851602" spans="14:14">
      <c r="N851602" s="10"/>
    </row>
    <row r="851603" spans="14:14">
      <c r="N851603" s="10"/>
    </row>
    <row r="851604" spans="14:14">
      <c r="N851604" s="10"/>
    </row>
    <row r="851605" spans="14:14">
      <c r="N851605" s="10"/>
    </row>
    <row r="851606" spans="14:14">
      <c r="N851606" s="10"/>
    </row>
    <row r="851607" spans="14:14">
      <c r="N851607" s="10"/>
    </row>
    <row r="851608" spans="14:14">
      <c r="N851608" s="10"/>
    </row>
    <row r="851609" spans="14:14">
      <c r="N851609" s="10"/>
    </row>
    <row r="851610" spans="14:14">
      <c r="N851610" s="10"/>
    </row>
    <row r="851611" spans="14:14">
      <c r="N851611" s="10"/>
    </row>
    <row r="851612" spans="14:14">
      <c r="N851612" s="10"/>
    </row>
    <row r="851613" spans="14:14">
      <c r="N851613" s="10"/>
    </row>
    <row r="851614" spans="14:14">
      <c r="N851614" s="10"/>
    </row>
    <row r="851615" spans="14:14">
      <c r="N851615" s="10"/>
    </row>
    <row r="851616" spans="14:14">
      <c r="N851616" s="10"/>
    </row>
    <row r="851617" spans="14:14">
      <c r="N851617" s="10"/>
    </row>
    <row r="851618" spans="14:14">
      <c r="N851618" s="10"/>
    </row>
    <row r="851619" spans="14:14">
      <c r="N851619" s="10"/>
    </row>
    <row r="851620" spans="14:14">
      <c r="N851620" s="10"/>
    </row>
    <row r="851621" spans="14:14">
      <c r="N851621" s="10"/>
    </row>
    <row r="851622" spans="14:14">
      <c r="N851622" s="10"/>
    </row>
    <row r="851623" spans="14:14">
      <c r="N851623" s="10"/>
    </row>
    <row r="851624" spans="14:14">
      <c r="N851624" s="10"/>
    </row>
    <row r="851625" spans="14:14">
      <c r="N851625" s="10"/>
    </row>
    <row r="851626" spans="14:14">
      <c r="N851626" s="10"/>
    </row>
    <row r="851627" spans="14:14">
      <c r="N851627" s="10"/>
    </row>
    <row r="851628" spans="14:14">
      <c r="N851628" s="10"/>
    </row>
    <row r="851629" spans="14:14">
      <c r="N851629" s="10"/>
    </row>
    <row r="851630" spans="14:14">
      <c r="N851630" s="10"/>
    </row>
    <row r="851631" spans="14:14">
      <c r="N851631" s="10"/>
    </row>
    <row r="851632" spans="14:14">
      <c r="N851632" s="10"/>
    </row>
    <row r="851633" spans="14:14">
      <c r="N851633" s="10"/>
    </row>
    <row r="851634" spans="14:14">
      <c r="N851634" s="10"/>
    </row>
    <row r="851635" spans="14:14">
      <c r="N851635" s="10"/>
    </row>
    <row r="851636" spans="14:14">
      <c r="N851636" s="10"/>
    </row>
    <row r="851637" spans="14:14">
      <c r="N851637" s="10"/>
    </row>
    <row r="851638" spans="14:14">
      <c r="N851638" s="10"/>
    </row>
    <row r="851639" spans="14:14">
      <c r="N851639" s="10"/>
    </row>
    <row r="851640" spans="14:14">
      <c r="N851640" s="10"/>
    </row>
    <row r="851641" spans="14:14">
      <c r="N851641" s="10"/>
    </row>
    <row r="851642" spans="14:14">
      <c r="N851642" s="10"/>
    </row>
    <row r="851643" spans="14:14">
      <c r="N851643" s="10"/>
    </row>
    <row r="851644" spans="14:14">
      <c r="N851644" s="10"/>
    </row>
    <row r="851645" spans="14:14">
      <c r="N851645" s="10"/>
    </row>
    <row r="851646" spans="14:14">
      <c r="N851646" s="10"/>
    </row>
    <row r="851647" spans="14:14">
      <c r="N851647" s="10"/>
    </row>
    <row r="851648" spans="14:14">
      <c r="N851648" s="10"/>
    </row>
    <row r="851649" spans="14:14">
      <c r="N851649" s="10"/>
    </row>
    <row r="851650" spans="14:14">
      <c r="N851650" s="10"/>
    </row>
    <row r="851651" spans="14:14">
      <c r="N851651" s="10"/>
    </row>
    <row r="851652" spans="14:14">
      <c r="N851652" s="10"/>
    </row>
    <row r="851653" spans="14:14">
      <c r="N851653" s="10"/>
    </row>
    <row r="851654" spans="14:14">
      <c r="N851654" s="10"/>
    </row>
    <row r="851655" spans="14:14">
      <c r="N851655" s="10"/>
    </row>
    <row r="851656" spans="14:14">
      <c r="N851656" s="10"/>
    </row>
    <row r="851657" spans="14:14">
      <c r="N851657" s="10"/>
    </row>
    <row r="851658" spans="14:14">
      <c r="N851658" s="10"/>
    </row>
    <row r="851659" spans="14:14">
      <c r="N851659" s="10"/>
    </row>
    <row r="851660" spans="14:14">
      <c r="N851660" s="10"/>
    </row>
    <row r="851661" spans="14:14">
      <c r="N851661" s="10"/>
    </row>
    <row r="851662" spans="14:14">
      <c r="N851662" s="10"/>
    </row>
    <row r="851663" spans="14:14">
      <c r="N851663" s="10"/>
    </row>
    <row r="851664" spans="14:14">
      <c r="N851664" s="10"/>
    </row>
    <row r="851665" spans="14:14">
      <c r="N851665" s="10"/>
    </row>
    <row r="851666" spans="14:14">
      <c r="N851666" s="10"/>
    </row>
    <row r="851667" spans="14:14">
      <c r="N851667" s="10"/>
    </row>
    <row r="851668" spans="14:14">
      <c r="N851668" s="10"/>
    </row>
    <row r="851669" spans="14:14">
      <c r="N851669" s="10"/>
    </row>
    <row r="851670" spans="14:14">
      <c r="N851670" s="10"/>
    </row>
    <row r="851671" spans="14:14">
      <c r="N851671" s="10"/>
    </row>
    <row r="851672" spans="14:14">
      <c r="N851672" s="10"/>
    </row>
    <row r="851673" spans="14:14">
      <c r="N851673" s="10"/>
    </row>
    <row r="851674" spans="14:14">
      <c r="N851674" s="10"/>
    </row>
    <row r="851675" spans="14:14">
      <c r="N851675" s="10"/>
    </row>
    <row r="851676" spans="14:14">
      <c r="N851676" s="10"/>
    </row>
    <row r="851677" spans="14:14">
      <c r="N851677" s="10"/>
    </row>
    <row r="851678" spans="14:14">
      <c r="N851678" s="10"/>
    </row>
    <row r="851679" spans="14:14">
      <c r="N851679" s="10"/>
    </row>
    <row r="851680" spans="14:14">
      <c r="N851680" s="10"/>
    </row>
    <row r="851681" spans="14:14">
      <c r="N851681" s="10"/>
    </row>
    <row r="851682" spans="14:14">
      <c r="N851682" s="10"/>
    </row>
    <row r="851683" spans="14:14">
      <c r="N851683" s="10"/>
    </row>
    <row r="851684" spans="14:14">
      <c r="N851684" s="10"/>
    </row>
    <row r="851685" spans="14:14">
      <c r="N851685" s="10"/>
    </row>
    <row r="851686" spans="14:14">
      <c r="N851686" s="10"/>
    </row>
    <row r="851687" spans="14:14">
      <c r="N851687" s="10"/>
    </row>
    <row r="851688" spans="14:14">
      <c r="N851688" s="10"/>
    </row>
    <row r="851689" spans="14:14">
      <c r="N851689" s="10"/>
    </row>
    <row r="851690" spans="14:14">
      <c r="N851690" s="10"/>
    </row>
    <row r="851691" spans="14:14">
      <c r="N851691" s="10"/>
    </row>
    <row r="851692" spans="14:14">
      <c r="N851692" s="10"/>
    </row>
    <row r="851693" spans="14:14">
      <c r="N851693" s="10"/>
    </row>
    <row r="851694" spans="14:14">
      <c r="N851694" s="10"/>
    </row>
    <row r="851695" spans="14:14">
      <c r="N851695" s="10"/>
    </row>
    <row r="851696" spans="14:14">
      <c r="N851696" s="10"/>
    </row>
    <row r="851697" spans="14:14">
      <c r="N851697" s="10"/>
    </row>
    <row r="851698" spans="14:14">
      <c r="N851698" s="10"/>
    </row>
    <row r="851699" spans="14:14">
      <c r="N851699" s="10"/>
    </row>
    <row r="851700" spans="14:14">
      <c r="N851700" s="10"/>
    </row>
    <row r="851701" spans="14:14">
      <c r="N851701" s="10"/>
    </row>
    <row r="851702" spans="14:14">
      <c r="N851702" s="10"/>
    </row>
    <row r="851703" spans="14:14">
      <c r="N851703" s="10"/>
    </row>
    <row r="851704" spans="14:14">
      <c r="N851704" s="10"/>
    </row>
    <row r="851705" spans="14:14">
      <c r="N851705" s="10"/>
    </row>
    <row r="851706" spans="14:14">
      <c r="N851706" s="10"/>
    </row>
    <row r="851707" spans="14:14">
      <c r="N851707" s="10"/>
    </row>
    <row r="851708" spans="14:14">
      <c r="N851708" s="10"/>
    </row>
    <row r="851709" spans="14:14">
      <c r="N851709" s="10"/>
    </row>
    <row r="851710" spans="14:14">
      <c r="N851710" s="10"/>
    </row>
    <row r="851711" spans="14:14">
      <c r="N851711" s="10"/>
    </row>
    <row r="851712" spans="14:14">
      <c r="N851712" s="10"/>
    </row>
    <row r="851713" spans="14:14">
      <c r="N851713" s="10"/>
    </row>
    <row r="851714" spans="14:14">
      <c r="N851714" s="10"/>
    </row>
    <row r="851715" spans="14:14">
      <c r="N851715" s="10"/>
    </row>
    <row r="851716" spans="14:14">
      <c r="N851716" s="10"/>
    </row>
    <row r="851717" spans="14:14">
      <c r="N851717" s="10"/>
    </row>
    <row r="851718" spans="14:14">
      <c r="N851718" s="10"/>
    </row>
    <row r="851719" spans="14:14">
      <c r="N851719" s="10"/>
    </row>
    <row r="851720" spans="14:14">
      <c r="N851720" s="10"/>
    </row>
    <row r="851721" spans="14:14">
      <c r="N851721" s="10"/>
    </row>
    <row r="851722" spans="14:14">
      <c r="N851722" s="10"/>
    </row>
    <row r="851723" spans="14:14">
      <c r="N851723" s="10"/>
    </row>
    <row r="851724" spans="14:14">
      <c r="N851724" s="10"/>
    </row>
    <row r="851725" spans="14:14">
      <c r="N851725" s="10"/>
    </row>
    <row r="851726" spans="14:14">
      <c r="N851726" s="10"/>
    </row>
    <row r="851727" spans="14:14">
      <c r="N851727" s="10"/>
    </row>
    <row r="851728" spans="14:14">
      <c r="N851728" s="10"/>
    </row>
    <row r="851729" spans="14:14">
      <c r="N851729" s="10"/>
    </row>
    <row r="851730" spans="14:14">
      <c r="N851730" s="10"/>
    </row>
    <row r="851731" spans="14:14">
      <c r="N851731" s="10"/>
    </row>
    <row r="851732" spans="14:14">
      <c r="N851732" s="10"/>
    </row>
    <row r="851733" spans="14:14">
      <c r="N851733" s="10"/>
    </row>
    <row r="851734" spans="14:14">
      <c r="N851734" s="10"/>
    </row>
    <row r="851735" spans="14:14">
      <c r="N851735" s="10"/>
    </row>
    <row r="851736" spans="14:14">
      <c r="N851736" s="10"/>
    </row>
    <row r="851737" spans="14:14">
      <c r="N851737" s="10"/>
    </row>
    <row r="851738" spans="14:14">
      <c r="N851738" s="10"/>
    </row>
    <row r="851739" spans="14:14">
      <c r="N851739" s="10"/>
    </row>
    <row r="851740" spans="14:14">
      <c r="N851740" s="10"/>
    </row>
    <row r="851741" spans="14:14">
      <c r="N851741" s="10"/>
    </row>
    <row r="851742" spans="14:14">
      <c r="N851742" s="10"/>
    </row>
    <row r="851743" spans="14:14">
      <c r="N851743" s="10"/>
    </row>
    <row r="851744" spans="14:14">
      <c r="N851744" s="10"/>
    </row>
    <row r="851745" spans="14:14">
      <c r="N851745" s="10"/>
    </row>
    <row r="851746" spans="14:14">
      <c r="N851746" s="10"/>
    </row>
    <row r="851747" spans="14:14">
      <c r="N851747" s="10"/>
    </row>
    <row r="851748" spans="14:14">
      <c r="N851748" s="10"/>
    </row>
    <row r="851749" spans="14:14">
      <c r="N851749" s="10"/>
    </row>
    <row r="851750" spans="14:14">
      <c r="N851750" s="10"/>
    </row>
    <row r="851751" spans="14:14">
      <c r="N851751" s="10"/>
    </row>
    <row r="851752" spans="14:14">
      <c r="N851752" s="10"/>
    </row>
    <row r="851753" spans="14:14">
      <c r="N851753" s="10"/>
    </row>
    <row r="851754" spans="14:14">
      <c r="N851754" s="10"/>
    </row>
    <row r="851755" spans="14:14">
      <c r="N851755" s="10"/>
    </row>
    <row r="851756" spans="14:14">
      <c r="N851756" s="10"/>
    </row>
    <row r="851757" spans="14:14">
      <c r="N851757" s="10"/>
    </row>
    <row r="851758" spans="14:14">
      <c r="N851758" s="10"/>
    </row>
    <row r="851759" spans="14:14">
      <c r="N851759" s="10"/>
    </row>
    <row r="851760" spans="14:14">
      <c r="N851760" s="10"/>
    </row>
    <row r="851761" spans="14:14">
      <c r="N851761" s="10"/>
    </row>
    <row r="851762" spans="14:14">
      <c r="N851762" s="10"/>
    </row>
    <row r="851763" spans="14:14">
      <c r="N851763" s="10"/>
    </row>
    <row r="851764" spans="14:14">
      <c r="N851764" s="10"/>
    </row>
    <row r="851765" spans="14:14">
      <c r="N851765" s="10"/>
    </row>
    <row r="851766" spans="14:14">
      <c r="N851766" s="10"/>
    </row>
    <row r="851767" spans="14:14">
      <c r="N851767" s="10"/>
    </row>
    <row r="851768" spans="14:14">
      <c r="N851768" s="10"/>
    </row>
    <row r="851769" spans="14:14">
      <c r="N851769" s="10"/>
    </row>
    <row r="851770" spans="14:14">
      <c r="N851770" s="10"/>
    </row>
    <row r="851771" spans="14:14">
      <c r="N851771" s="10"/>
    </row>
    <row r="851772" spans="14:14">
      <c r="N851772" s="10"/>
    </row>
    <row r="851773" spans="14:14">
      <c r="N851773" s="10"/>
    </row>
    <row r="851774" spans="14:14">
      <c r="N851774" s="10"/>
    </row>
    <row r="851775" spans="14:14">
      <c r="N851775" s="10"/>
    </row>
    <row r="851776" spans="14:14">
      <c r="N851776" s="10"/>
    </row>
    <row r="851777" spans="14:14">
      <c r="N851777" s="10"/>
    </row>
    <row r="851778" spans="14:14">
      <c r="N851778" s="10"/>
    </row>
    <row r="851779" spans="14:14">
      <c r="N851779" s="10"/>
    </row>
    <row r="851780" spans="14:14">
      <c r="N851780" s="10"/>
    </row>
    <row r="851781" spans="14:14">
      <c r="N851781" s="10"/>
    </row>
    <row r="851782" spans="14:14">
      <c r="N851782" s="10"/>
    </row>
    <row r="851783" spans="14:14">
      <c r="N851783" s="10"/>
    </row>
    <row r="851784" spans="14:14">
      <c r="N851784" s="10"/>
    </row>
    <row r="851785" spans="14:14">
      <c r="N851785" s="10"/>
    </row>
    <row r="851786" spans="14:14">
      <c r="N851786" s="10"/>
    </row>
    <row r="851787" spans="14:14">
      <c r="N851787" s="10"/>
    </row>
    <row r="851788" spans="14:14">
      <c r="N851788" s="10"/>
    </row>
    <row r="851789" spans="14:14">
      <c r="N851789" s="10"/>
    </row>
    <row r="851790" spans="14:14">
      <c r="N851790" s="10"/>
    </row>
    <row r="851791" spans="14:14">
      <c r="N851791" s="10"/>
    </row>
    <row r="851792" spans="14:14">
      <c r="N851792" s="10"/>
    </row>
    <row r="851793" spans="14:14">
      <c r="N851793" s="10"/>
    </row>
    <row r="851794" spans="14:14">
      <c r="N851794" s="10"/>
    </row>
    <row r="851795" spans="14:14">
      <c r="N851795" s="10"/>
    </row>
    <row r="851796" spans="14:14">
      <c r="N851796" s="10"/>
    </row>
    <row r="851797" spans="14:14">
      <c r="N851797" s="10"/>
    </row>
    <row r="851798" spans="14:14">
      <c r="N851798" s="10"/>
    </row>
    <row r="851799" spans="14:14">
      <c r="N851799" s="10"/>
    </row>
    <row r="851800" spans="14:14">
      <c r="N851800" s="10"/>
    </row>
    <row r="851801" spans="14:14">
      <c r="N851801" s="10"/>
    </row>
    <row r="851802" spans="14:14">
      <c r="N851802" s="10"/>
    </row>
    <row r="851803" spans="14:14">
      <c r="N851803" s="10"/>
    </row>
    <row r="851804" spans="14:14">
      <c r="N851804" s="10"/>
    </row>
    <row r="851805" spans="14:14">
      <c r="N851805" s="10"/>
    </row>
    <row r="851806" spans="14:14">
      <c r="N851806" s="10"/>
    </row>
    <row r="851807" spans="14:14">
      <c r="N851807" s="10"/>
    </row>
    <row r="851808" spans="14:14">
      <c r="N851808" s="10"/>
    </row>
    <row r="851809" spans="14:14">
      <c r="N851809" s="10"/>
    </row>
    <row r="851810" spans="14:14">
      <c r="N851810" s="10"/>
    </row>
    <row r="851811" spans="14:14">
      <c r="N851811" s="10"/>
    </row>
    <row r="851812" spans="14:14">
      <c r="N851812" s="10"/>
    </row>
    <row r="851813" spans="14:14">
      <c r="N851813" s="10"/>
    </row>
    <row r="851814" spans="14:14">
      <c r="N851814" s="10"/>
    </row>
    <row r="851815" spans="14:14">
      <c r="N851815" s="10"/>
    </row>
    <row r="851816" spans="14:14">
      <c r="N851816" s="10"/>
    </row>
    <row r="851817" spans="14:14">
      <c r="N851817" s="10"/>
    </row>
    <row r="851818" spans="14:14">
      <c r="N851818" s="10"/>
    </row>
    <row r="851819" spans="14:14">
      <c r="N851819" s="10"/>
    </row>
    <row r="851820" spans="14:14">
      <c r="N851820" s="10"/>
    </row>
    <row r="851821" spans="14:14">
      <c r="N851821" s="10"/>
    </row>
    <row r="851822" spans="14:14">
      <c r="N851822" s="10"/>
    </row>
    <row r="851823" spans="14:14">
      <c r="N851823" s="10"/>
    </row>
    <row r="851824" spans="14:14">
      <c r="N851824" s="10"/>
    </row>
    <row r="851825" spans="14:14">
      <c r="N851825" s="10"/>
    </row>
    <row r="851826" spans="14:14">
      <c r="N851826" s="10"/>
    </row>
    <row r="851827" spans="14:14">
      <c r="N851827" s="10"/>
    </row>
    <row r="851828" spans="14:14">
      <c r="N851828" s="10"/>
    </row>
    <row r="851829" spans="14:14">
      <c r="N851829" s="10"/>
    </row>
    <row r="851830" spans="14:14">
      <c r="N851830" s="10"/>
    </row>
    <row r="851831" spans="14:14">
      <c r="N851831" s="10"/>
    </row>
    <row r="851832" spans="14:14">
      <c r="N851832" s="10"/>
    </row>
    <row r="851833" spans="14:14">
      <c r="N851833" s="10"/>
    </row>
    <row r="851834" spans="14:14">
      <c r="N851834" s="10"/>
    </row>
    <row r="851835" spans="14:14">
      <c r="N851835" s="10"/>
    </row>
    <row r="851836" spans="14:14">
      <c r="N851836" s="10"/>
    </row>
    <row r="851837" spans="14:14">
      <c r="N851837" s="10"/>
    </row>
    <row r="851838" spans="14:14">
      <c r="N851838" s="10"/>
    </row>
    <row r="851839" spans="14:14">
      <c r="N851839" s="10"/>
    </row>
    <row r="851840" spans="14:14">
      <c r="N851840" s="10"/>
    </row>
    <row r="851841" spans="14:14">
      <c r="N851841" s="10"/>
    </row>
    <row r="851842" spans="14:14">
      <c r="N851842" s="10"/>
    </row>
    <row r="851843" spans="14:14">
      <c r="N851843" s="10"/>
    </row>
    <row r="851844" spans="14:14">
      <c r="N851844" s="10"/>
    </row>
    <row r="851845" spans="14:14">
      <c r="N851845" s="10"/>
    </row>
    <row r="851846" spans="14:14">
      <c r="N851846" s="10"/>
    </row>
    <row r="851847" spans="14:14">
      <c r="N851847" s="10"/>
    </row>
    <row r="851848" spans="14:14">
      <c r="N851848" s="10"/>
    </row>
    <row r="851849" spans="14:14">
      <c r="N851849" s="10"/>
    </row>
    <row r="851850" spans="14:14">
      <c r="N851850" s="10"/>
    </row>
    <row r="851851" spans="14:14">
      <c r="N851851" s="10"/>
    </row>
    <row r="851852" spans="14:14">
      <c r="N851852" s="10"/>
    </row>
    <row r="851853" spans="14:14">
      <c r="N851853" s="10"/>
    </row>
    <row r="851854" spans="14:14">
      <c r="N851854" s="10"/>
    </row>
    <row r="851855" spans="14:14">
      <c r="N851855" s="10"/>
    </row>
    <row r="851856" spans="14:14">
      <c r="N851856" s="10"/>
    </row>
    <row r="851857" spans="14:14">
      <c r="N851857" s="10"/>
    </row>
    <row r="851858" spans="14:14">
      <c r="N851858" s="10"/>
    </row>
    <row r="851859" spans="14:14">
      <c r="N851859" s="10"/>
    </row>
    <row r="851860" spans="14:14">
      <c r="N851860" s="10"/>
    </row>
    <row r="851861" spans="14:14">
      <c r="N851861" s="10"/>
    </row>
    <row r="851862" spans="14:14">
      <c r="N851862" s="10"/>
    </row>
    <row r="851863" spans="14:14">
      <c r="N851863" s="10"/>
    </row>
    <row r="851864" spans="14:14">
      <c r="N851864" s="10"/>
    </row>
    <row r="851865" spans="14:14">
      <c r="N851865" s="10"/>
    </row>
    <row r="851866" spans="14:14">
      <c r="N851866" s="10"/>
    </row>
    <row r="851867" spans="14:14">
      <c r="N851867" s="10"/>
    </row>
    <row r="851868" spans="14:14">
      <c r="N851868" s="10"/>
    </row>
    <row r="851869" spans="14:14">
      <c r="N851869" s="10"/>
    </row>
    <row r="851870" spans="14:14">
      <c r="N851870" s="10"/>
    </row>
    <row r="851871" spans="14:14">
      <c r="N851871" s="10"/>
    </row>
    <row r="851872" spans="14:14">
      <c r="N851872" s="10"/>
    </row>
    <row r="851873" spans="14:14">
      <c r="N851873" s="10"/>
    </row>
    <row r="851874" spans="14:14">
      <c r="N851874" s="10"/>
    </row>
    <row r="851875" spans="14:14">
      <c r="N851875" s="10"/>
    </row>
    <row r="851876" spans="14:14">
      <c r="N851876" s="10"/>
    </row>
    <row r="851877" spans="14:14">
      <c r="N851877" s="10"/>
    </row>
    <row r="851878" spans="14:14">
      <c r="N851878" s="10"/>
    </row>
    <row r="851879" spans="14:14">
      <c r="N851879" s="10"/>
    </row>
    <row r="851880" spans="14:14">
      <c r="N851880" s="10"/>
    </row>
    <row r="851881" spans="14:14">
      <c r="N851881" s="10"/>
    </row>
    <row r="851882" spans="14:14">
      <c r="N851882" s="10"/>
    </row>
    <row r="851883" spans="14:14">
      <c r="N851883" s="10"/>
    </row>
    <row r="851884" spans="14:14">
      <c r="N851884" s="10"/>
    </row>
    <row r="851885" spans="14:14">
      <c r="N851885" s="10"/>
    </row>
    <row r="851886" spans="14:14">
      <c r="N851886" s="10"/>
    </row>
    <row r="851887" spans="14:14">
      <c r="N851887" s="10"/>
    </row>
    <row r="851888" spans="14:14">
      <c r="N851888" s="10"/>
    </row>
    <row r="851889" spans="14:14">
      <c r="N851889" s="10"/>
    </row>
    <row r="851890" spans="14:14">
      <c r="N851890" s="10"/>
    </row>
    <row r="851891" spans="14:14">
      <c r="N851891" s="10"/>
    </row>
    <row r="851892" spans="14:14">
      <c r="N851892" s="10"/>
    </row>
    <row r="851893" spans="14:14">
      <c r="N851893" s="10"/>
    </row>
    <row r="851894" spans="14:14">
      <c r="N851894" s="10"/>
    </row>
    <row r="851895" spans="14:14">
      <c r="N851895" s="10"/>
    </row>
    <row r="851896" spans="14:14">
      <c r="N851896" s="10"/>
    </row>
    <row r="851897" spans="14:14">
      <c r="N851897" s="10"/>
    </row>
    <row r="851898" spans="14:14">
      <c r="N851898" s="10"/>
    </row>
    <row r="851899" spans="14:14">
      <c r="N851899" s="10"/>
    </row>
    <row r="851900" spans="14:14">
      <c r="N851900" s="10"/>
    </row>
    <row r="851901" spans="14:14">
      <c r="N851901" s="10"/>
    </row>
    <row r="851902" spans="14:14">
      <c r="N851902" s="10"/>
    </row>
    <row r="851903" spans="14:14">
      <c r="N851903" s="10"/>
    </row>
    <row r="851904" spans="14:14">
      <c r="N851904" s="10"/>
    </row>
    <row r="851905" spans="14:14">
      <c r="N851905" s="10"/>
    </row>
    <row r="851906" spans="14:14">
      <c r="N851906" s="10"/>
    </row>
    <row r="851907" spans="14:14">
      <c r="N851907" s="10"/>
    </row>
    <row r="851908" spans="14:14">
      <c r="N851908" s="10"/>
    </row>
    <row r="851909" spans="14:14">
      <c r="N851909" s="10"/>
    </row>
    <row r="851910" spans="14:14">
      <c r="N851910" s="10"/>
    </row>
    <row r="851911" spans="14:14">
      <c r="N851911" s="10"/>
    </row>
    <row r="851912" spans="14:14">
      <c r="N851912" s="10"/>
    </row>
    <row r="851913" spans="14:14">
      <c r="N851913" s="10"/>
    </row>
    <row r="851914" spans="14:14">
      <c r="N851914" s="10"/>
    </row>
    <row r="851915" spans="14:14">
      <c r="N851915" s="10"/>
    </row>
    <row r="851916" spans="14:14">
      <c r="N851916" s="10"/>
    </row>
    <row r="851917" spans="14:14">
      <c r="N851917" s="10"/>
    </row>
    <row r="851918" spans="14:14">
      <c r="N851918" s="10"/>
    </row>
    <row r="851919" spans="14:14">
      <c r="N851919" s="10"/>
    </row>
    <row r="851920" spans="14:14">
      <c r="N851920" s="10"/>
    </row>
    <row r="851921" spans="14:14">
      <c r="N851921" s="10"/>
    </row>
    <row r="851922" spans="14:14">
      <c r="N851922" s="10"/>
    </row>
    <row r="851923" spans="14:14">
      <c r="N851923" s="10"/>
    </row>
    <row r="851924" spans="14:14">
      <c r="N851924" s="10"/>
    </row>
    <row r="851925" spans="14:14">
      <c r="N851925" s="10"/>
    </row>
    <row r="851926" spans="14:14">
      <c r="N851926" s="10"/>
    </row>
    <row r="851927" spans="14:14">
      <c r="N851927" s="10"/>
    </row>
    <row r="851928" spans="14:14">
      <c r="N851928" s="10"/>
    </row>
    <row r="851929" spans="14:14">
      <c r="N851929" s="10"/>
    </row>
    <row r="851930" spans="14:14">
      <c r="N851930" s="10"/>
    </row>
    <row r="851931" spans="14:14">
      <c r="N851931" s="10"/>
    </row>
    <row r="851932" spans="14:14">
      <c r="N851932" s="10"/>
    </row>
    <row r="851933" spans="14:14">
      <c r="N851933" s="10"/>
    </row>
    <row r="851934" spans="14:14">
      <c r="N851934" s="10"/>
    </row>
    <row r="851935" spans="14:14">
      <c r="N851935" s="10"/>
    </row>
    <row r="851936" spans="14:14">
      <c r="N851936" s="10"/>
    </row>
    <row r="851937" spans="14:14">
      <c r="N851937" s="10"/>
    </row>
    <row r="851938" spans="14:14">
      <c r="N851938" s="10"/>
    </row>
    <row r="851939" spans="14:14">
      <c r="N851939" s="10"/>
    </row>
    <row r="851940" spans="14:14">
      <c r="N851940" s="10"/>
    </row>
    <row r="851941" spans="14:14">
      <c r="N851941" s="10"/>
    </row>
    <row r="851942" spans="14:14">
      <c r="N851942" s="10"/>
    </row>
    <row r="851943" spans="14:14">
      <c r="N851943" s="10"/>
    </row>
    <row r="851944" spans="14:14">
      <c r="N851944" s="10"/>
    </row>
    <row r="851945" spans="14:14">
      <c r="N851945" s="10"/>
    </row>
    <row r="851946" spans="14:14">
      <c r="N851946" s="10"/>
    </row>
    <row r="851947" spans="14:14">
      <c r="N851947" s="10"/>
    </row>
    <row r="851948" spans="14:14">
      <c r="N851948" s="10"/>
    </row>
    <row r="851949" spans="14:14">
      <c r="N851949" s="10"/>
    </row>
    <row r="851950" spans="14:14">
      <c r="N851950" s="10"/>
    </row>
    <row r="851951" spans="14:14">
      <c r="N851951" s="10"/>
    </row>
    <row r="851952" spans="14:14">
      <c r="N851952" s="10"/>
    </row>
    <row r="851953" spans="14:14">
      <c r="N851953" s="10"/>
    </row>
    <row r="851954" spans="14:14">
      <c r="N851954" s="10"/>
    </row>
    <row r="851955" spans="14:14">
      <c r="N851955" s="10"/>
    </row>
    <row r="851956" spans="14:14">
      <c r="N851956" s="10"/>
    </row>
    <row r="851957" spans="14:14">
      <c r="N851957" s="10"/>
    </row>
    <row r="851958" spans="14:14">
      <c r="N851958" s="10"/>
    </row>
    <row r="851959" spans="14:14">
      <c r="N851959" s="10"/>
    </row>
    <row r="851960" spans="14:14">
      <c r="N851960" s="10"/>
    </row>
    <row r="851961" spans="14:14">
      <c r="N851961" s="10"/>
    </row>
    <row r="851962" spans="14:14">
      <c r="N851962" s="10"/>
    </row>
    <row r="851963" spans="14:14">
      <c r="N851963" s="10"/>
    </row>
    <row r="851964" spans="14:14">
      <c r="N851964" s="10"/>
    </row>
    <row r="851965" spans="14:14">
      <c r="N851965" s="10"/>
    </row>
    <row r="851966" spans="14:14">
      <c r="N851966" s="10"/>
    </row>
    <row r="851967" spans="14:14">
      <c r="N851967" s="10"/>
    </row>
    <row r="851968" spans="14:14">
      <c r="N851968" s="10"/>
    </row>
    <row r="851969" spans="14:14">
      <c r="N851969" s="10"/>
    </row>
    <row r="851970" spans="14:14">
      <c r="N851970" s="10"/>
    </row>
    <row r="851971" spans="14:14">
      <c r="N851971" s="10"/>
    </row>
    <row r="851972" spans="14:14">
      <c r="N851972" s="10"/>
    </row>
    <row r="851973" spans="14:14">
      <c r="N851973" s="10"/>
    </row>
    <row r="851974" spans="14:14">
      <c r="N851974" s="10"/>
    </row>
    <row r="851975" spans="14:14">
      <c r="N851975" s="10"/>
    </row>
    <row r="851976" spans="14:14">
      <c r="N851976" s="10"/>
    </row>
    <row r="851977" spans="14:14">
      <c r="N851977" s="10"/>
    </row>
    <row r="851978" spans="14:14">
      <c r="N851978" s="10"/>
    </row>
    <row r="851979" spans="14:14">
      <c r="N851979" s="10"/>
    </row>
    <row r="851980" spans="14:14">
      <c r="N851980" s="10"/>
    </row>
    <row r="851981" spans="14:14">
      <c r="N851981" s="10"/>
    </row>
    <row r="851982" spans="14:14">
      <c r="N851982" s="10"/>
    </row>
    <row r="851983" spans="14:14">
      <c r="N851983" s="10"/>
    </row>
    <row r="851984" spans="14:14">
      <c r="N851984" s="10"/>
    </row>
    <row r="851985" spans="14:14">
      <c r="N851985" s="10"/>
    </row>
    <row r="851986" spans="14:14">
      <c r="N851986" s="10"/>
    </row>
    <row r="851987" spans="14:14">
      <c r="N851987" s="10"/>
    </row>
    <row r="851988" spans="14:14">
      <c r="N851988" s="10"/>
    </row>
    <row r="851989" spans="14:14">
      <c r="N851989" s="10"/>
    </row>
    <row r="851990" spans="14:14">
      <c r="N851990" s="10"/>
    </row>
    <row r="851991" spans="14:14">
      <c r="N851991" s="10"/>
    </row>
    <row r="851992" spans="14:14">
      <c r="N851992" s="10"/>
    </row>
    <row r="851993" spans="14:14">
      <c r="N851993" s="10"/>
    </row>
    <row r="851994" spans="14:14">
      <c r="N851994" s="10"/>
    </row>
    <row r="851995" spans="14:14">
      <c r="N851995" s="10"/>
    </row>
    <row r="851996" spans="14:14">
      <c r="N851996" s="10"/>
    </row>
    <row r="851997" spans="14:14">
      <c r="N851997" s="10"/>
    </row>
    <row r="851998" spans="14:14">
      <c r="N851998" s="10"/>
    </row>
    <row r="851999" spans="14:14">
      <c r="N851999" s="10"/>
    </row>
    <row r="852000" spans="14:14">
      <c r="N852000" s="10"/>
    </row>
    <row r="852001" spans="14:14">
      <c r="N852001" s="10"/>
    </row>
    <row r="852002" spans="14:14">
      <c r="N852002" s="10"/>
    </row>
    <row r="852003" spans="14:14">
      <c r="N852003" s="10"/>
    </row>
    <row r="852004" spans="14:14">
      <c r="N852004" s="10"/>
    </row>
    <row r="852005" spans="14:14">
      <c r="N852005" s="10"/>
    </row>
    <row r="852006" spans="14:14">
      <c r="N852006" s="10"/>
    </row>
    <row r="852007" spans="14:14">
      <c r="N852007" s="10"/>
    </row>
    <row r="852008" spans="14:14">
      <c r="N852008" s="10"/>
    </row>
    <row r="852009" spans="14:14">
      <c r="N852009" s="10"/>
    </row>
    <row r="852010" spans="14:14">
      <c r="N852010" s="10"/>
    </row>
    <row r="852011" spans="14:14">
      <c r="N852011" s="10"/>
    </row>
    <row r="852012" spans="14:14">
      <c r="N852012" s="10"/>
    </row>
    <row r="852013" spans="14:14">
      <c r="N852013" s="10"/>
    </row>
    <row r="852014" spans="14:14">
      <c r="N852014" s="10"/>
    </row>
    <row r="852015" spans="14:14">
      <c r="N852015" s="10"/>
    </row>
    <row r="852016" spans="14:14">
      <c r="N852016" s="10"/>
    </row>
    <row r="852017" spans="14:14">
      <c r="N852017" s="10"/>
    </row>
    <row r="852018" spans="14:14">
      <c r="N852018" s="10"/>
    </row>
    <row r="852019" spans="14:14">
      <c r="N852019" s="10"/>
    </row>
    <row r="852020" spans="14:14">
      <c r="N852020" s="10"/>
    </row>
    <row r="852021" spans="14:14">
      <c r="N852021" s="10"/>
    </row>
    <row r="852022" spans="14:14">
      <c r="N852022" s="10"/>
    </row>
    <row r="852023" spans="14:14">
      <c r="N852023" s="10"/>
    </row>
    <row r="852024" spans="14:14">
      <c r="N852024" s="10"/>
    </row>
    <row r="852025" spans="14:14">
      <c r="N852025" s="10"/>
    </row>
    <row r="852026" spans="14:14">
      <c r="N852026" s="10"/>
    </row>
    <row r="852027" spans="14:14">
      <c r="N852027" s="10"/>
    </row>
    <row r="852028" spans="14:14">
      <c r="N852028" s="10"/>
    </row>
    <row r="852029" spans="14:14">
      <c r="N852029" s="10"/>
    </row>
    <row r="852030" spans="14:14">
      <c r="N852030" s="10"/>
    </row>
    <row r="852031" spans="14:14">
      <c r="N852031" s="10"/>
    </row>
    <row r="852032" spans="14:14">
      <c r="N852032" s="10"/>
    </row>
    <row r="852033" spans="14:14">
      <c r="N852033" s="10"/>
    </row>
    <row r="852034" spans="14:14">
      <c r="N852034" s="10"/>
    </row>
    <row r="852035" spans="14:14">
      <c r="N852035" s="10"/>
    </row>
    <row r="852036" spans="14:14">
      <c r="N852036" s="10"/>
    </row>
    <row r="852037" spans="14:14">
      <c r="N852037" s="10"/>
    </row>
    <row r="852038" spans="14:14">
      <c r="N852038" s="10"/>
    </row>
    <row r="852039" spans="14:14">
      <c r="N852039" s="10"/>
    </row>
    <row r="852040" spans="14:14">
      <c r="N852040" s="10"/>
    </row>
    <row r="852041" spans="14:14">
      <c r="N852041" s="10"/>
    </row>
    <row r="852042" spans="14:14">
      <c r="N852042" s="10"/>
    </row>
    <row r="852043" spans="14:14">
      <c r="N852043" s="10"/>
    </row>
    <row r="852044" spans="14:14">
      <c r="N852044" s="10"/>
    </row>
    <row r="852045" spans="14:14">
      <c r="N852045" s="10"/>
    </row>
    <row r="852046" spans="14:14">
      <c r="N852046" s="10"/>
    </row>
    <row r="852047" spans="14:14">
      <c r="N852047" s="10"/>
    </row>
    <row r="852048" spans="14:14">
      <c r="N852048" s="10"/>
    </row>
    <row r="852049" spans="14:14">
      <c r="N852049" s="10"/>
    </row>
    <row r="852050" spans="14:14">
      <c r="N852050" s="10"/>
    </row>
    <row r="852051" spans="14:14">
      <c r="N852051" s="10"/>
    </row>
    <row r="852052" spans="14:14">
      <c r="N852052" s="10"/>
    </row>
    <row r="852053" spans="14:14">
      <c r="N852053" s="10"/>
    </row>
    <row r="852054" spans="14:14">
      <c r="N852054" s="10"/>
    </row>
    <row r="852055" spans="14:14">
      <c r="N852055" s="10"/>
    </row>
    <row r="852056" spans="14:14">
      <c r="N852056" s="10"/>
    </row>
    <row r="852057" spans="14:14">
      <c r="N852057" s="10"/>
    </row>
    <row r="852058" spans="14:14">
      <c r="N852058" s="10"/>
    </row>
    <row r="852059" spans="14:14">
      <c r="N852059" s="10"/>
    </row>
    <row r="852060" spans="14:14">
      <c r="N852060" s="10"/>
    </row>
    <row r="852061" spans="14:14">
      <c r="N852061" s="10"/>
    </row>
    <row r="852062" spans="14:14">
      <c r="N852062" s="10"/>
    </row>
    <row r="852063" spans="14:14">
      <c r="N852063" s="10"/>
    </row>
    <row r="852064" spans="14:14">
      <c r="N852064" s="10"/>
    </row>
    <row r="852065" spans="14:14">
      <c r="N852065" s="10"/>
    </row>
    <row r="852066" spans="14:14">
      <c r="N852066" s="10"/>
    </row>
    <row r="852067" spans="14:14">
      <c r="N852067" s="10"/>
    </row>
    <row r="852068" spans="14:14">
      <c r="N852068" s="10"/>
    </row>
    <row r="852069" spans="14:14">
      <c r="N852069" s="10"/>
    </row>
    <row r="852070" spans="14:14">
      <c r="N852070" s="10"/>
    </row>
    <row r="852071" spans="14:14">
      <c r="N852071" s="10"/>
    </row>
    <row r="852072" spans="14:14">
      <c r="N852072" s="10"/>
    </row>
    <row r="852073" spans="14:14">
      <c r="N852073" s="10"/>
    </row>
    <row r="852074" spans="14:14">
      <c r="N852074" s="10"/>
    </row>
    <row r="852075" spans="14:14">
      <c r="N852075" s="10"/>
    </row>
    <row r="852076" spans="14:14">
      <c r="N852076" s="10"/>
    </row>
    <row r="852077" spans="14:14">
      <c r="N852077" s="10"/>
    </row>
    <row r="852078" spans="14:14">
      <c r="N852078" s="10"/>
    </row>
    <row r="852079" spans="14:14">
      <c r="N852079" s="10"/>
    </row>
    <row r="852080" spans="14:14">
      <c r="N852080" s="10"/>
    </row>
    <row r="852081" spans="14:14">
      <c r="N852081" s="10"/>
    </row>
    <row r="852082" spans="14:14">
      <c r="N852082" s="10"/>
    </row>
    <row r="852083" spans="14:14">
      <c r="N852083" s="10"/>
    </row>
    <row r="852084" spans="14:14">
      <c r="N852084" s="10"/>
    </row>
    <row r="852085" spans="14:14">
      <c r="N852085" s="10"/>
    </row>
    <row r="852086" spans="14:14">
      <c r="N852086" s="10"/>
    </row>
    <row r="852087" spans="14:14">
      <c r="N852087" s="10"/>
    </row>
    <row r="852088" spans="14:14">
      <c r="N852088" s="10"/>
    </row>
    <row r="852089" spans="14:14">
      <c r="N852089" s="10"/>
    </row>
    <row r="852090" spans="14:14">
      <c r="N852090" s="10"/>
    </row>
    <row r="852091" spans="14:14">
      <c r="N852091" s="10"/>
    </row>
    <row r="852092" spans="14:14">
      <c r="N852092" s="10"/>
    </row>
    <row r="852093" spans="14:14">
      <c r="N852093" s="10"/>
    </row>
    <row r="852094" spans="14:14">
      <c r="N852094" s="10"/>
    </row>
    <row r="852095" spans="14:14">
      <c r="N852095" s="10"/>
    </row>
    <row r="852096" spans="14:14">
      <c r="N852096" s="10"/>
    </row>
    <row r="852097" spans="14:14">
      <c r="N852097" s="10"/>
    </row>
    <row r="852098" spans="14:14">
      <c r="N852098" s="10"/>
    </row>
    <row r="852099" spans="14:14">
      <c r="N852099" s="10"/>
    </row>
    <row r="852100" spans="14:14">
      <c r="N852100" s="10"/>
    </row>
    <row r="852101" spans="14:14">
      <c r="N852101" s="10"/>
    </row>
    <row r="852102" spans="14:14">
      <c r="N852102" s="10"/>
    </row>
    <row r="852103" spans="14:14">
      <c r="N852103" s="10"/>
    </row>
    <row r="852104" spans="14:14">
      <c r="N852104" s="10"/>
    </row>
    <row r="852105" spans="14:14">
      <c r="N852105" s="10"/>
    </row>
    <row r="852106" spans="14:14">
      <c r="N852106" s="10"/>
    </row>
    <row r="852107" spans="14:14">
      <c r="N852107" s="10"/>
    </row>
    <row r="852108" spans="14:14">
      <c r="N852108" s="10"/>
    </row>
    <row r="852109" spans="14:14">
      <c r="N852109" s="10"/>
    </row>
    <row r="852110" spans="14:14">
      <c r="N852110" s="10"/>
    </row>
    <row r="852111" spans="14:14">
      <c r="N852111" s="10"/>
    </row>
    <row r="852112" spans="14:14">
      <c r="N852112" s="10"/>
    </row>
    <row r="852113" spans="14:14">
      <c r="N852113" s="10"/>
    </row>
    <row r="852114" spans="14:14">
      <c r="N852114" s="10"/>
    </row>
    <row r="852115" spans="14:14">
      <c r="N852115" s="10"/>
    </row>
    <row r="852116" spans="14:14">
      <c r="N852116" s="10"/>
    </row>
    <row r="852117" spans="14:14">
      <c r="N852117" s="10"/>
    </row>
    <row r="852118" spans="14:14">
      <c r="N852118" s="10"/>
    </row>
    <row r="852119" spans="14:14">
      <c r="N852119" s="10"/>
    </row>
    <row r="852120" spans="14:14">
      <c r="N852120" s="10"/>
    </row>
    <row r="852121" spans="14:14">
      <c r="N852121" s="10"/>
    </row>
    <row r="852122" spans="14:14">
      <c r="N852122" s="10"/>
    </row>
    <row r="852123" spans="14:14">
      <c r="N852123" s="10"/>
    </row>
    <row r="852124" spans="14:14">
      <c r="N852124" s="10"/>
    </row>
    <row r="852125" spans="14:14">
      <c r="N852125" s="10"/>
    </row>
    <row r="852126" spans="14:14">
      <c r="N852126" s="10"/>
    </row>
    <row r="852127" spans="14:14">
      <c r="N852127" s="10"/>
    </row>
    <row r="852128" spans="14:14">
      <c r="N852128" s="10"/>
    </row>
    <row r="852129" spans="14:14">
      <c r="N852129" s="10"/>
    </row>
    <row r="852130" spans="14:14">
      <c r="N852130" s="10"/>
    </row>
    <row r="852131" spans="14:14">
      <c r="N852131" s="10"/>
    </row>
    <row r="852132" spans="14:14">
      <c r="N852132" s="10"/>
    </row>
    <row r="852133" spans="14:14">
      <c r="N852133" s="10"/>
    </row>
    <row r="852134" spans="14:14">
      <c r="N852134" s="10"/>
    </row>
    <row r="852135" spans="14:14">
      <c r="N852135" s="10"/>
    </row>
    <row r="852136" spans="14:14">
      <c r="N852136" s="10"/>
    </row>
    <row r="852137" spans="14:14">
      <c r="N852137" s="10"/>
    </row>
    <row r="852138" spans="14:14">
      <c r="N852138" s="10"/>
    </row>
    <row r="852139" spans="14:14">
      <c r="N852139" s="10"/>
    </row>
    <row r="852140" spans="14:14">
      <c r="N852140" s="10"/>
    </row>
    <row r="852141" spans="14:14">
      <c r="N852141" s="10"/>
    </row>
    <row r="852142" spans="14:14">
      <c r="N852142" s="10"/>
    </row>
    <row r="852143" spans="14:14">
      <c r="N852143" s="10"/>
    </row>
    <row r="852144" spans="14:14">
      <c r="N852144" s="10"/>
    </row>
    <row r="852145" spans="14:14">
      <c r="N852145" s="10"/>
    </row>
    <row r="852146" spans="14:14">
      <c r="N852146" s="10"/>
    </row>
    <row r="852147" spans="14:14">
      <c r="N852147" s="10"/>
    </row>
    <row r="852148" spans="14:14">
      <c r="N852148" s="10"/>
    </row>
    <row r="852149" spans="14:14">
      <c r="N852149" s="10"/>
    </row>
    <row r="852150" spans="14:14">
      <c r="N852150" s="10"/>
    </row>
    <row r="852151" spans="14:14">
      <c r="N852151" s="10"/>
    </row>
    <row r="852152" spans="14:14">
      <c r="N852152" s="10"/>
    </row>
    <row r="852153" spans="14:14">
      <c r="N852153" s="10"/>
    </row>
    <row r="852154" spans="14:14">
      <c r="N852154" s="10"/>
    </row>
    <row r="852155" spans="14:14">
      <c r="N852155" s="10"/>
    </row>
    <row r="852156" spans="14:14">
      <c r="N852156" s="10"/>
    </row>
    <row r="852157" spans="14:14">
      <c r="N852157" s="10"/>
    </row>
    <row r="852158" spans="14:14">
      <c r="N852158" s="10"/>
    </row>
    <row r="852159" spans="14:14">
      <c r="N852159" s="10"/>
    </row>
    <row r="852160" spans="14:14">
      <c r="N852160" s="10"/>
    </row>
    <row r="852161" spans="14:14">
      <c r="N852161" s="10"/>
    </row>
    <row r="852162" spans="14:14">
      <c r="N852162" s="10"/>
    </row>
    <row r="852163" spans="14:14">
      <c r="N852163" s="10"/>
    </row>
    <row r="852164" spans="14:14">
      <c r="N852164" s="10"/>
    </row>
    <row r="852165" spans="14:14">
      <c r="N852165" s="10"/>
    </row>
    <row r="852166" spans="14:14">
      <c r="N852166" s="10"/>
    </row>
    <row r="852167" spans="14:14">
      <c r="N852167" s="10"/>
    </row>
    <row r="852168" spans="14:14">
      <c r="N852168" s="10"/>
    </row>
    <row r="852169" spans="14:14">
      <c r="N852169" s="10"/>
    </row>
    <row r="852170" spans="14:14">
      <c r="N852170" s="10"/>
    </row>
    <row r="852171" spans="14:14">
      <c r="N852171" s="10"/>
    </row>
    <row r="852172" spans="14:14">
      <c r="N852172" s="10"/>
    </row>
    <row r="852173" spans="14:14">
      <c r="N852173" s="10"/>
    </row>
    <row r="852174" spans="14:14">
      <c r="N852174" s="10"/>
    </row>
    <row r="852175" spans="14:14">
      <c r="N852175" s="10"/>
    </row>
    <row r="852176" spans="14:14">
      <c r="N852176" s="10"/>
    </row>
    <row r="852177" spans="14:14">
      <c r="N852177" s="10"/>
    </row>
    <row r="852178" spans="14:14">
      <c r="N852178" s="10"/>
    </row>
    <row r="852179" spans="14:14">
      <c r="N852179" s="10"/>
    </row>
    <row r="852180" spans="14:14">
      <c r="N852180" s="10"/>
    </row>
    <row r="852181" spans="14:14">
      <c r="N852181" s="10"/>
    </row>
    <row r="852182" spans="14:14">
      <c r="N852182" s="10"/>
    </row>
    <row r="852183" spans="14:14">
      <c r="N852183" s="10"/>
    </row>
    <row r="852184" spans="14:14">
      <c r="N852184" s="10"/>
    </row>
    <row r="852185" spans="14:14">
      <c r="N852185" s="10"/>
    </row>
    <row r="852186" spans="14:14">
      <c r="N852186" s="10"/>
    </row>
    <row r="852187" spans="14:14">
      <c r="N852187" s="10"/>
    </row>
    <row r="852188" spans="14:14">
      <c r="N852188" s="10"/>
    </row>
    <row r="852189" spans="14:14">
      <c r="N852189" s="10"/>
    </row>
    <row r="852190" spans="14:14">
      <c r="N852190" s="10"/>
    </row>
    <row r="852191" spans="14:14">
      <c r="N852191" s="10"/>
    </row>
    <row r="852192" spans="14:14">
      <c r="N852192" s="10"/>
    </row>
    <row r="852193" spans="14:14">
      <c r="N852193" s="10"/>
    </row>
    <row r="852194" spans="14:14">
      <c r="N852194" s="10"/>
    </row>
    <row r="852195" spans="14:14">
      <c r="N852195" s="10"/>
    </row>
    <row r="852196" spans="14:14">
      <c r="N852196" s="10"/>
    </row>
    <row r="852197" spans="14:14">
      <c r="N852197" s="10"/>
    </row>
    <row r="852198" spans="14:14">
      <c r="N852198" s="10"/>
    </row>
    <row r="852199" spans="14:14">
      <c r="N852199" s="10"/>
    </row>
    <row r="852200" spans="14:14">
      <c r="N852200" s="10"/>
    </row>
    <row r="852201" spans="14:14">
      <c r="N852201" s="10"/>
    </row>
    <row r="852202" spans="14:14">
      <c r="N852202" s="10"/>
    </row>
    <row r="852203" spans="14:14">
      <c r="N852203" s="10"/>
    </row>
    <row r="852204" spans="14:14">
      <c r="N852204" s="10"/>
    </row>
    <row r="852205" spans="14:14">
      <c r="N852205" s="10"/>
    </row>
    <row r="852206" spans="14:14">
      <c r="N852206" s="10"/>
    </row>
    <row r="852207" spans="14:14">
      <c r="N852207" s="10"/>
    </row>
    <row r="852208" spans="14:14">
      <c r="N852208" s="10"/>
    </row>
    <row r="852209" spans="14:14">
      <c r="N852209" s="10"/>
    </row>
    <row r="852210" spans="14:14">
      <c r="N852210" s="10"/>
    </row>
    <row r="852211" spans="14:14">
      <c r="N852211" s="10"/>
    </row>
    <row r="852212" spans="14:14">
      <c r="N852212" s="10"/>
    </row>
    <row r="852213" spans="14:14">
      <c r="N852213" s="10"/>
    </row>
    <row r="852214" spans="14:14">
      <c r="N852214" s="10"/>
    </row>
    <row r="852215" spans="14:14">
      <c r="N852215" s="10"/>
    </row>
    <row r="852216" spans="14:14">
      <c r="N852216" s="10"/>
    </row>
    <row r="852217" spans="14:14">
      <c r="N852217" s="10"/>
    </row>
    <row r="852218" spans="14:14">
      <c r="N852218" s="10"/>
    </row>
    <row r="852219" spans="14:14">
      <c r="N852219" s="10"/>
    </row>
    <row r="852220" spans="14:14">
      <c r="N852220" s="10"/>
    </row>
    <row r="852221" spans="14:14">
      <c r="N852221" s="10"/>
    </row>
    <row r="852222" spans="14:14">
      <c r="N852222" s="10"/>
    </row>
    <row r="852223" spans="14:14">
      <c r="N852223" s="10"/>
    </row>
    <row r="852224" spans="14:14">
      <c r="N852224" s="10"/>
    </row>
    <row r="852225" spans="14:14">
      <c r="N852225" s="10"/>
    </row>
    <row r="852226" spans="14:14">
      <c r="N852226" s="10"/>
    </row>
    <row r="852227" spans="14:14">
      <c r="N852227" s="10"/>
    </row>
    <row r="852228" spans="14:14">
      <c r="N852228" s="10"/>
    </row>
    <row r="852229" spans="14:14">
      <c r="N852229" s="10"/>
    </row>
    <row r="852230" spans="14:14">
      <c r="N852230" s="10"/>
    </row>
    <row r="852231" spans="14:14">
      <c r="N852231" s="10"/>
    </row>
    <row r="852232" spans="14:14">
      <c r="N852232" s="10"/>
    </row>
    <row r="852233" spans="14:14">
      <c r="N852233" s="10"/>
    </row>
    <row r="852234" spans="14:14">
      <c r="N852234" s="10"/>
    </row>
    <row r="852235" spans="14:14">
      <c r="N852235" s="10"/>
    </row>
    <row r="852236" spans="14:14">
      <c r="N852236" s="10"/>
    </row>
    <row r="852237" spans="14:14">
      <c r="N852237" s="10"/>
    </row>
    <row r="852238" spans="14:14">
      <c r="N852238" s="10"/>
    </row>
    <row r="852239" spans="14:14">
      <c r="N852239" s="10"/>
    </row>
    <row r="852240" spans="14:14">
      <c r="N852240" s="10"/>
    </row>
    <row r="852241" spans="14:14">
      <c r="N852241" s="10"/>
    </row>
    <row r="852242" spans="14:14">
      <c r="N852242" s="10"/>
    </row>
    <row r="852243" spans="14:14">
      <c r="N852243" s="10"/>
    </row>
    <row r="852244" spans="14:14">
      <c r="N852244" s="10"/>
    </row>
    <row r="852245" spans="14:14">
      <c r="N852245" s="10"/>
    </row>
    <row r="852246" spans="14:14">
      <c r="N852246" s="10"/>
    </row>
    <row r="852247" spans="14:14">
      <c r="N852247" s="10"/>
    </row>
    <row r="852248" spans="14:14">
      <c r="N852248" s="10"/>
    </row>
    <row r="852249" spans="14:14">
      <c r="N852249" s="10"/>
    </row>
    <row r="852250" spans="14:14">
      <c r="N852250" s="10"/>
    </row>
    <row r="852251" spans="14:14">
      <c r="N852251" s="10"/>
    </row>
    <row r="852252" spans="14:14">
      <c r="N852252" s="10"/>
    </row>
    <row r="852253" spans="14:14">
      <c r="N852253" s="10"/>
    </row>
    <row r="852254" spans="14:14">
      <c r="N852254" s="10"/>
    </row>
    <row r="852255" spans="14:14">
      <c r="N852255" s="10"/>
    </row>
    <row r="852256" spans="14:14">
      <c r="N852256" s="10"/>
    </row>
    <row r="852257" spans="14:14">
      <c r="N852257" s="10"/>
    </row>
    <row r="852258" spans="14:14">
      <c r="N852258" s="10"/>
    </row>
    <row r="852259" spans="14:14">
      <c r="N852259" s="10"/>
    </row>
    <row r="852260" spans="14:14">
      <c r="N852260" s="10"/>
    </row>
    <row r="852261" spans="14:14">
      <c r="N852261" s="10"/>
    </row>
    <row r="852262" spans="14:14">
      <c r="N852262" s="10"/>
    </row>
    <row r="852263" spans="14:14">
      <c r="N852263" s="10"/>
    </row>
    <row r="852264" spans="14:14">
      <c r="N852264" s="10"/>
    </row>
    <row r="852265" spans="14:14">
      <c r="N852265" s="10"/>
    </row>
    <row r="852266" spans="14:14">
      <c r="N852266" s="10"/>
    </row>
    <row r="852267" spans="14:14">
      <c r="N852267" s="10"/>
    </row>
    <row r="852268" spans="14:14">
      <c r="N852268" s="10"/>
    </row>
    <row r="852269" spans="14:14">
      <c r="N852269" s="10"/>
    </row>
    <row r="852270" spans="14:14">
      <c r="N852270" s="10"/>
    </row>
    <row r="852271" spans="14:14">
      <c r="N852271" s="10"/>
    </row>
    <row r="852272" spans="14:14">
      <c r="N852272" s="10"/>
    </row>
    <row r="852273" spans="14:14">
      <c r="N852273" s="10"/>
    </row>
    <row r="852274" spans="14:14">
      <c r="N852274" s="10"/>
    </row>
    <row r="852275" spans="14:14">
      <c r="N852275" s="10"/>
    </row>
    <row r="852276" spans="14:14">
      <c r="N852276" s="10"/>
    </row>
    <row r="852277" spans="14:14">
      <c r="N852277" s="10"/>
    </row>
    <row r="852278" spans="14:14">
      <c r="N852278" s="10"/>
    </row>
    <row r="852279" spans="14:14">
      <c r="N852279" s="10"/>
    </row>
    <row r="852280" spans="14:14">
      <c r="N852280" s="10"/>
    </row>
    <row r="852281" spans="14:14">
      <c r="N852281" s="10"/>
    </row>
    <row r="852282" spans="14:14">
      <c r="N852282" s="10"/>
    </row>
    <row r="852283" spans="14:14">
      <c r="N852283" s="10"/>
    </row>
    <row r="852284" spans="14:14">
      <c r="N852284" s="10"/>
    </row>
    <row r="852285" spans="14:14">
      <c r="N852285" s="10"/>
    </row>
    <row r="852286" spans="14:14">
      <c r="N852286" s="10"/>
    </row>
    <row r="852287" spans="14:14">
      <c r="N852287" s="10"/>
    </row>
    <row r="852288" spans="14:14">
      <c r="N852288" s="10"/>
    </row>
    <row r="852289" spans="14:14">
      <c r="N852289" s="10"/>
    </row>
    <row r="852290" spans="14:14">
      <c r="N852290" s="10"/>
    </row>
    <row r="852291" spans="14:14">
      <c r="N852291" s="10"/>
    </row>
    <row r="852292" spans="14:14">
      <c r="N852292" s="10"/>
    </row>
    <row r="852293" spans="14:14">
      <c r="N852293" s="10"/>
    </row>
    <row r="852294" spans="14:14">
      <c r="N852294" s="10"/>
    </row>
    <row r="852295" spans="14:14">
      <c r="N852295" s="10"/>
    </row>
    <row r="852296" spans="14:14">
      <c r="N852296" s="10"/>
    </row>
    <row r="852297" spans="14:14">
      <c r="N852297" s="10"/>
    </row>
    <row r="852298" spans="14:14">
      <c r="N852298" s="10"/>
    </row>
    <row r="852299" spans="14:14">
      <c r="N852299" s="10"/>
    </row>
    <row r="852300" spans="14:14">
      <c r="N852300" s="10"/>
    </row>
    <row r="852301" spans="14:14">
      <c r="N852301" s="10"/>
    </row>
    <row r="852302" spans="14:14">
      <c r="N852302" s="10"/>
    </row>
    <row r="852303" spans="14:14">
      <c r="N852303" s="10"/>
    </row>
    <row r="852304" spans="14:14">
      <c r="N852304" s="10"/>
    </row>
    <row r="852305" spans="14:14">
      <c r="N852305" s="10"/>
    </row>
    <row r="852306" spans="14:14">
      <c r="N852306" s="10"/>
    </row>
    <row r="852307" spans="14:14">
      <c r="N852307" s="10"/>
    </row>
    <row r="852308" spans="14:14">
      <c r="N852308" s="10"/>
    </row>
    <row r="852309" spans="14:14">
      <c r="N852309" s="10"/>
    </row>
    <row r="852310" spans="14:14">
      <c r="N852310" s="10"/>
    </row>
    <row r="852311" spans="14:14">
      <c r="N852311" s="10"/>
    </row>
    <row r="852312" spans="14:14">
      <c r="N852312" s="10"/>
    </row>
    <row r="852313" spans="14:14">
      <c r="N852313" s="10"/>
    </row>
    <row r="852314" spans="14:14">
      <c r="N852314" s="10"/>
    </row>
    <row r="852315" spans="14:14">
      <c r="N852315" s="10"/>
    </row>
    <row r="852316" spans="14:14">
      <c r="N852316" s="10"/>
    </row>
    <row r="852317" spans="14:14">
      <c r="N852317" s="10"/>
    </row>
    <row r="852318" spans="14:14">
      <c r="N852318" s="10"/>
    </row>
    <row r="852319" spans="14:14">
      <c r="N852319" s="10"/>
    </row>
    <row r="852320" spans="14:14">
      <c r="N852320" s="10"/>
    </row>
    <row r="852321" spans="14:14">
      <c r="N852321" s="10"/>
    </row>
    <row r="852322" spans="14:14">
      <c r="N852322" s="10"/>
    </row>
    <row r="852323" spans="14:14">
      <c r="N852323" s="10"/>
    </row>
    <row r="852324" spans="14:14">
      <c r="N852324" s="10"/>
    </row>
    <row r="852325" spans="14:14">
      <c r="N852325" s="10"/>
    </row>
    <row r="852326" spans="14:14">
      <c r="N852326" s="10"/>
    </row>
    <row r="852327" spans="14:14">
      <c r="N852327" s="10"/>
    </row>
    <row r="852328" spans="14:14">
      <c r="N852328" s="10"/>
    </row>
    <row r="852329" spans="14:14">
      <c r="N852329" s="10"/>
    </row>
    <row r="852330" spans="14:14">
      <c r="N852330" s="10"/>
    </row>
    <row r="852331" spans="14:14">
      <c r="N852331" s="10"/>
    </row>
    <row r="852332" spans="14:14">
      <c r="N852332" s="10"/>
    </row>
    <row r="852333" spans="14:14">
      <c r="N852333" s="10"/>
    </row>
    <row r="852334" spans="14:14">
      <c r="N852334" s="10"/>
    </row>
    <row r="852335" spans="14:14">
      <c r="N852335" s="10"/>
    </row>
    <row r="852336" spans="14:14">
      <c r="N852336" s="10"/>
    </row>
    <row r="852337" spans="14:14">
      <c r="N852337" s="10"/>
    </row>
    <row r="852338" spans="14:14">
      <c r="N852338" s="10"/>
    </row>
    <row r="852339" spans="14:14">
      <c r="N852339" s="10"/>
    </row>
    <row r="852340" spans="14:14">
      <c r="N852340" s="10"/>
    </row>
    <row r="852341" spans="14:14">
      <c r="N852341" s="10"/>
    </row>
    <row r="852342" spans="14:14">
      <c r="N852342" s="10"/>
    </row>
    <row r="852343" spans="14:14">
      <c r="N852343" s="10"/>
    </row>
    <row r="852344" spans="14:14">
      <c r="N852344" s="10"/>
    </row>
    <row r="852345" spans="14:14">
      <c r="N852345" s="10"/>
    </row>
    <row r="852346" spans="14:14">
      <c r="N852346" s="10"/>
    </row>
    <row r="852347" spans="14:14">
      <c r="N852347" s="10"/>
    </row>
    <row r="852348" spans="14:14">
      <c r="N852348" s="10"/>
    </row>
    <row r="852349" spans="14:14">
      <c r="N852349" s="10"/>
    </row>
    <row r="852350" spans="14:14">
      <c r="N852350" s="10"/>
    </row>
    <row r="852351" spans="14:14">
      <c r="N852351" s="10"/>
    </row>
    <row r="852352" spans="14:14">
      <c r="N852352" s="10"/>
    </row>
    <row r="852353" spans="14:14">
      <c r="N852353" s="10"/>
    </row>
    <row r="852354" spans="14:14">
      <c r="N852354" s="10"/>
    </row>
    <row r="852355" spans="14:14">
      <c r="N852355" s="10"/>
    </row>
    <row r="852356" spans="14:14">
      <c r="N852356" s="10"/>
    </row>
    <row r="852357" spans="14:14">
      <c r="N852357" s="10"/>
    </row>
    <row r="852358" spans="14:14">
      <c r="N852358" s="10"/>
    </row>
    <row r="852359" spans="14:14">
      <c r="N852359" s="10"/>
    </row>
    <row r="852360" spans="14:14">
      <c r="N852360" s="10"/>
    </row>
    <row r="852361" spans="14:14">
      <c r="N852361" s="10"/>
    </row>
    <row r="852362" spans="14:14">
      <c r="N852362" s="10"/>
    </row>
    <row r="852363" spans="14:14">
      <c r="N852363" s="10"/>
    </row>
    <row r="852364" spans="14:14">
      <c r="N852364" s="10"/>
    </row>
    <row r="852365" spans="14:14">
      <c r="N852365" s="10"/>
    </row>
    <row r="852366" spans="14:14">
      <c r="N852366" s="10"/>
    </row>
    <row r="852367" spans="14:14">
      <c r="N852367" s="10"/>
    </row>
    <row r="852368" spans="14:14">
      <c r="N852368" s="10"/>
    </row>
    <row r="852369" spans="14:14">
      <c r="N852369" s="10"/>
    </row>
    <row r="852370" spans="14:14">
      <c r="N852370" s="10"/>
    </row>
    <row r="852371" spans="14:14">
      <c r="N852371" s="10"/>
    </row>
    <row r="852372" spans="14:14">
      <c r="N852372" s="10"/>
    </row>
    <row r="852373" spans="14:14">
      <c r="N852373" s="10"/>
    </row>
    <row r="852374" spans="14:14">
      <c r="N852374" s="10"/>
    </row>
    <row r="852375" spans="14:14">
      <c r="N852375" s="10"/>
    </row>
    <row r="852376" spans="14:14">
      <c r="N852376" s="10"/>
    </row>
    <row r="852377" spans="14:14">
      <c r="N852377" s="10"/>
    </row>
    <row r="852378" spans="14:14">
      <c r="N852378" s="10"/>
    </row>
    <row r="852379" spans="14:14">
      <c r="N852379" s="10"/>
    </row>
    <row r="852380" spans="14:14">
      <c r="N852380" s="10"/>
    </row>
    <row r="852381" spans="14:14">
      <c r="N852381" s="10"/>
    </row>
    <row r="852382" spans="14:14">
      <c r="N852382" s="10"/>
    </row>
    <row r="852383" spans="14:14">
      <c r="N852383" s="10"/>
    </row>
    <row r="852384" spans="14:14">
      <c r="N852384" s="10"/>
    </row>
    <row r="852385" spans="14:14">
      <c r="N852385" s="10"/>
    </row>
    <row r="852386" spans="14:14">
      <c r="N852386" s="10"/>
    </row>
    <row r="852387" spans="14:14">
      <c r="N852387" s="10"/>
    </row>
    <row r="852388" spans="14:14">
      <c r="N852388" s="10"/>
    </row>
    <row r="852389" spans="14:14">
      <c r="N852389" s="10"/>
    </row>
    <row r="852390" spans="14:14">
      <c r="N852390" s="10"/>
    </row>
    <row r="852391" spans="14:14">
      <c r="N852391" s="10"/>
    </row>
    <row r="852392" spans="14:14">
      <c r="N852392" s="10"/>
    </row>
    <row r="852393" spans="14:14">
      <c r="N852393" s="10"/>
    </row>
    <row r="852394" spans="14:14">
      <c r="N852394" s="10"/>
    </row>
    <row r="852395" spans="14:14">
      <c r="N852395" s="10"/>
    </row>
    <row r="852396" spans="14:14">
      <c r="N852396" s="10"/>
    </row>
    <row r="852397" spans="14:14">
      <c r="N852397" s="10"/>
    </row>
    <row r="852398" spans="14:14">
      <c r="N852398" s="10"/>
    </row>
    <row r="852399" spans="14:14">
      <c r="N852399" s="10"/>
    </row>
    <row r="852400" spans="14:14">
      <c r="N852400" s="10"/>
    </row>
    <row r="852401" spans="14:14">
      <c r="N852401" s="10"/>
    </row>
    <row r="852402" spans="14:14">
      <c r="N852402" s="10"/>
    </row>
    <row r="852403" spans="14:14">
      <c r="N852403" s="10"/>
    </row>
    <row r="852404" spans="14:14">
      <c r="N852404" s="10"/>
    </row>
    <row r="852405" spans="14:14">
      <c r="N852405" s="10"/>
    </row>
    <row r="852406" spans="14:14">
      <c r="N852406" s="10"/>
    </row>
    <row r="852407" spans="14:14">
      <c r="N852407" s="10"/>
    </row>
    <row r="852408" spans="14:14">
      <c r="N852408" s="10"/>
    </row>
    <row r="852409" spans="14:14">
      <c r="N852409" s="10"/>
    </row>
    <row r="852410" spans="14:14">
      <c r="N852410" s="10"/>
    </row>
    <row r="852411" spans="14:14">
      <c r="N852411" s="10"/>
    </row>
    <row r="852412" spans="14:14">
      <c r="N852412" s="10"/>
    </row>
    <row r="852413" spans="14:14">
      <c r="N852413" s="10"/>
    </row>
    <row r="852414" spans="14:14">
      <c r="N852414" s="10"/>
    </row>
    <row r="852415" spans="14:14">
      <c r="N852415" s="10"/>
    </row>
    <row r="852416" spans="14:14">
      <c r="N852416" s="10"/>
    </row>
    <row r="852417" spans="14:14">
      <c r="N852417" s="10"/>
    </row>
    <row r="852418" spans="14:14">
      <c r="N852418" s="10"/>
    </row>
    <row r="852419" spans="14:14">
      <c r="N852419" s="10"/>
    </row>
    <row r="852420" spans="14:14">
      <c r="N852420" s="10"/>
    </row>
    <row r="852421" spans="14:14">
      <c r="N852421" s="10"/>
    </row>
    <row r="852422" spans="14:14">
      <c r="N852422" s="10"/>
    </row>
    <row r="852423" spans="14:14">
      <c r="N852423" s="10"/>
    </row>
    <row r="852424" spans="14:14">
      <c r="N852424" s="10"/>
    </row>
    <row r="852425" spans="14:14">
      <c r="N852425" s="10"/>
    </row>
    <row r="852426" spans="14:14">
      <c r="N852426" s="10"/>
    </row>
    <row r="852427" spans="14:14">
      <c r="N852427" s="10"/>
    </row>
    <row r="852428" spans="14:14">
      <c r="N852428" s="10"/>
    </row>
    <row r="852429" spans="14:14">
      <c r="N852429" s="10"/>
    </row>
    <row r="852430" spans="14:14">
      <c r="N852430" s="10"/>
    </row>
    <row r="852431" spans="14:14">
      <c r="N852431" s="10"/>
    </row>
    <row r="852432" spans="14:14">
      <c r="N852432" s="10"/>
    </row>
    <row r="852433" spans="14:14">
      <c r="N852433" s="10"/>
    </row>
    <row r="852434" spans="14:14">
      <c r="N852434" s="10"/>
    </row>
    <row r="852435" spans="14:14">
      <c r="N852435" s="10"/>
    </row>
    <row r="852436" spans="14:14">
      <c r="N852436" s="10"/>
    </row>
    <row r="852437" spans="14:14">
      <c r="N852437" s="10"/>
    </row>
    <row r="852438" spans="14:14">
      <c r="N852438" s="10"/>
    </row>
    <row r="852439" spans="14:14">
      <c r="N852439" s="10"/>
    </row>
    <row r="852440" spans="14:14">
      <c r="N852440" s="10"/>
    </row>
    <row r="852441" spans="14:14">
      <c r="N852441" s="10"/>
    </row>
    <row r="852442" spans="14:14">
      <c r="N852442" s="10"/>
    </row>
    <row r="852443" spans="14:14">
      <c r="N852443" s="10"/>
    </row>
    <row r="852444" spans="14:14">
      <c r="N852444" s="10"/>
    </row>
    <row r="852445" spans="14:14">
      <c r="N852445" s="10"/>
    </row>
    <row r="852446" spans="14:14">
      <c r="N852446" s="10"/>
    </row>
    <row r="852447" spans="14:14">
      <c r="N852447" s="10"/>
    </row>
    <row r="852448" spans="14:14">
      <c r="N852448" s="10"/>
    </row>
    <row r="852449" spans="14:14">
      <c r="N852449" s="10"/>
    </row>
    <row r="852450" spans="14:14">
      <c r="N852450" s="10"/>
    </row>
    <row r="852451" spans="14:14">
      <c r="N852451" s="10"/>
    </row>
    <row r="852452" spans="14:14">
      <c r="N852452" s="10"/>
    </row>
    <row r="852453" spans="14:14">
      <c r="N852453" s="10"/>
    </row>
    <row r="852454" spans="14:14">
      <c r="N852454" s="10"/>
    </row>
    <row r="852455" spans="14:14">
      <c r="N852455" s="10"/>
    </row>
    <row r="852456" spans="14:14">
      <c r="N852456" s="10"/>
    </row>
    <row r="852457" spans="14:14">
      <c r="N852457" s="10"/>
    </row>
    <row r="852458" spans="14:14">
      <c r="N852458" s="10"/>
    </row>
    <row r="852459" spans="14:14">
      <c r="N852459" s="10"/>
    </row>
    <row r="852460" spans="14:14">
      <c r="N852460" s="10"/>
    </row>
    <row r="852461" spans="14:14">
      <c r="N852461" s="10"/>
    </row>
    <row r="852462" spans="14:14">
      <c r="N852462" s="10"/>
    </row>
    <row r="852463" spans="14:14">
      <c r="N852463" s="10"/>
    </row>
    <row r="852464" spans="14:14">
      <c r="N852464" s="10"/>
    </row>
    <row r="852465" spans="14:14">
      <c r="N852465" s="10"/>
    </row>
    <row r="852466" spans="14:14">
      <c r="N852466" s="10"/>
    </row>
    <row r="852467" spans="14:14">
      <c r="N852467" s="10"/>
    </row>
    <row r="852468" spans="14:14">
      <c r="N852468" s="10"/>
    </row>
    <row r="852469" spans="14:14">
      <c r="N852469" s="10"/>
    </row>
    <row r="852470" spans="14:14">
      <c r="N852470" s="10"/>
    </row>
    <row r="852471" spans="14:14">
      <c r="N852471" s="10"/>
    </row>
    <row r="852472" spans="14:14">
      <c r="N852472" s="10"/>
    </row>
    <row r="852473" spans="14:14">
      <c r="N852473" s="10"/>
    </row>
    <row r="852474" spans="14:14">
      <c r="N852474" s="10"/>
    </row>
    <row r="852475" spans="14:14">
      <c r="N852475" s="10"/>
    </row>
    <row r="852476" spans="14:14">
      <c r="N852476" s="10"/>
    </row>
    <row r="852477" spans="14:14">
      <c r="N852477" s="10"/>
    </row>
    <row r="852478" spans="14:14">
      <c r="N852478" s="10"/>
    </row>
    <row r="852479" spans="14:14">
      <c r="N852479" s="10"/>
    </row>
    <row r="852480" spans="14:14">
      <c r="N852480" s="10"/>
    </row>
    <row r="852481" spans="14:14">
      <c r="N852481" s="10"/>
    </row>
    <row r="852482" spans="14:14">
      <c r="N852482" s="10"/>
    </row>
    <row r="852483" spans="14:14">
      <c r="N852483" s="10"/>
    </row>
    <row r="852484" spans="14:14">
      <c r="N852484" s="10"/>
    </row>
    <row r="852485" spans="14:14">
      <c r="N852485" s="10"/>
    </row>
    <row r="852486" spans="14:14">
      <c r="N852486" s="10"/>
    </row>
    <row r="852487" spans="14:14">
      <c r="N852487" s="10"/>
    </row>
    <row r="852488" spans="14:14">
      <c r="N852488" s="10"/>
    </row>
    <row r="852489" spans="14:14">
      <c r="N852489" s="10"/>
    </row>
    <row r="852490" spans="14:14">
      <c r="N852490" s="10"/>
    </row>
    <row r="852491" spans="14:14">
      <c r="N852491" s="10"/>
    </row>
    <row r="852492" spans="14:14">
      <c r="N852492" s="10"/>
    </row>
    <row r="852493" spans="14:14">
      <c r="N852493" s="10"/>
    </row>
    <row r="852494" spans="14:14">
      <c r="N852494" s="10"/>
    </row>
    <row r="852495" spans="14:14">
      <c r="N852495" s="10"/>
    </row>
    <row r="852496" spans="14:14">
      <c r="N852496" s="10"/>
    </row>
    <row r="852497" spans="14:14">
      <c r="N852497" s="10"/>
    </row>
    <row r="852498" spans="14:14">
      <c r="N852498" s="10"/>
    </row>
    <row r="852499" spans="14:14">
      <c r="N852499" s="10"/>
    </row>
    <row r="852500" spans="14:14">
      <c r="N852500" s="10"/>
    </row>
    <row r="852501" spans="14:14">
      <c r="N852501" s="10"/>
    </row>
    <row r="852502" spans="14:14">
      <c r="N852502" s="10"/>
    </row>
    <row r="852503" spans="14:14">
      <c r="N852503" s="10"/>
    </row>
    <row r="852504" spans="14:14">
      <c r="N852504" s="10"/>
    </row>
    <row r="852505" spans="14:14">
      <c r="N852505" s="10"/>
    </row>
    <row r="852506" spans="14:14">
      <c r="N852506" s="10"/>
    </row>
    <row r="852507" spans="14:14">
      <c r="N852507" s="10"/>
    </row>
    <row r="852508" spans="14:14">
      <c r="N852508" s="10"/>
    </row>
    <row r="852509" spans="14:14">
      <c r="N852509" s="10"/>
    </row>
    <row r="852510" spans="14:14">
      <c r="N852510" s="10"/>
    </row>
    <row r="852511" spans="14:14">
      <c r="N852511" s="10"/>
    </row>
    <row r="852512" spans="14:14">
      <c r="N852512" s="10"/>
    </row>
    <row r="852513" spans="14:14">
      <c r="N852513" s="10"/>
    </row>
    <row r="852514" spans="14:14">
      <c r="N852514" s="10"/>
    </row>
    <row r="852515" spans="14:14">
      <c r="N852515" s="10"/>
    </row>
    <row r="852516" spans="14:14">
      <c r="N852516" s="10"/>
    </row>
    <row r="852517" spans="14:14">
      <c r="N852517" s="10"/>
    </row>
    <row r="852518" spans="14:14">
      <c r="N852518" s="10"/>
    </row>
    <row r="852519" spans="14:14">
      <c r="N852519" s="10"/>
    </row>
    <row r="852520" spans="14:14">
      <c r="N852520" s="10"/>
    </row>
    <row r="852521" spans="14:14">
      <c r="N852521" s="10"/>
    </row>
    <row r="852522" spans="14:14">
      <c r="N852522" s="10"/>
    </row>
    <row r="852523" spans="14:14">
      <c r="N852523" s="10"/>
    </row>
    <row r="852524" spans="14:14">
      <c r="N852524" s="10"/>
    </row>
    <row r="852525" spans="14:14">
      <c r="N852525" s="10"/>
    </row>
    <row r="852526" spans="14:14">
      <c r="N852526" s="10"/>
    </row>
    <row r="852527" spans="14:14">
      <c r="N852527" s="10"/>
    </row>
    <row r="852528" spans="14:14">
      <c r="N852528" s="10"/>
    </row>
    <row r="852529" spans="14:14">
      <c r="N852529" s="10"/>
    </row>
    <row r="852530" spans="14:14">
      <c r="N852530" s="10"/>
    </row>
    <row r="852531" spans="14:14">
      <c r="N852531" s="10"/>
    </row>
    <row r="852532" spans="14:14">
      <c r="N852532" s="10"/>
    </row>
    <row r="852533" spans="14:14">
      <c r="N852533" s="10"/>
    </row>
    <row r="852534" spans="14:14">
      <c r="N852534" s="10"/>
    </row>
    <row r="852535" spans="14:14">
      <c r="N852535" s="10"/>
    </row>
    <row r="852536" spans="14:14">
      <c r="N852536" s="10"/>
    </row>
    <row r="852537" spans="14:14">
      <c r="N852537" s="10"/>
    </row>
    <row r="852538" spans="14:14">
      <c r="N852538" s="10"/>
    </row>
    <row r="852539" spans="14:14">
      <c r="N852539" s="10"/>
    </row>
    <row r="852540" spans="14:14">
      <c r="N852540" s="10"/>
    </row>
    <row r="852541" spans="14:14">
      <c r="N852541" s="10"/>
    </row>
    <row r="852542" spans="14:14">
      <c r="N852542" s="10"/>
    </row>
    <row r="852543" spans="14:14">
      <c r="N852543" s="10"/>
    </row>
    <row r="852544" spans="14:14">
      <c r="N852544" s="10"/>
    </row>
    <row r="852545" spans="14:14">
      <c r="N852545" s="10"/>
    </row>
    <row r="852546" spans="14:14">
      <c r="N852546" s="10"/>
    </row>
    <row r="852547" spans="14:14">
      <c r="N852547" s="10"/>
    </row>
    <row r="852548" spans="14:14">
      <c r="N852548" s="10"/>
    </row>
    <row r="852549" spans="14:14">
      <c r="N852549" s="10"/>
    </row>
    <row r="852550" spans="14:14">
      <c r="N852550" s="10"/>
    </row>
    <row r="852551" spans="14:14">
      <c r="N852551" s="10"/>
    </row>
    <row r="852552" spans="14:14">
      <c r="N852552" s="10"/>
    </row>
    <row r="852553" spans="14:14">
      <c r="N852553" s="10"/>
    </row>
    <row r="852554" spans="14:14">
      <c r="N852554" s="10"/>
    </row>
    <row r="852555" spans="14:14">
      <c r="N852555" s="10"/>
    </row>
    <row r="852556" spans="14:14">
      <c r="N852556" s="10"/>
    </row>
    <row r="852557" spans="14:14">
      <c r="N852557" s="10"/>
    </row>
    <row r="852558" spans="14:14">
      <c r="N852558" s="10"/>
    </row>
    <row r="852559" spans="14:14">
      <c r="N852559" s="10"/>
    </row>
    <row r="852560" spans="14:14">
      <c r="N852560" s="10"/>
    </row>
    <row r="852561" spans="14:14">
      <c r="N852561" s="10"/>
    </row>
    <row r="852562" spans="14:14">
      <c r="N852562" s="10"/>
    </row>
    <row r="852563" spans="14:14">
      <c r="N852563" s="10"/>
    </row>
    <row r="852564" spans="14:14">
      <c r="N852564" s="10"/>
    </row>
    <row r="852565" spans="14:14">
      <c r="N852565" s="10"/>
    </row>
    <row r="852566" spans="14:14">
      <c r="N852566" s="10"/>
    </row>
    <row r="852567" spans="14:14">
      <c r="N852567" s="10"/>
    </row>
    <row r="852568" spans="14:14">
      <c r="N852568" s="10"/>
    </row>
    <row r="852569" spans="14:14">
      <c r="N852569" s="10"/>
    </row>
    <row r="852570" spans="14:14">
      <c r="N852570" s="10"/>
    </row>
    <row r="852571" spans="14:14">
      <c r="N852571" s="10"/>
    </row>
    <row r="852572" spans="14:14">
      <c r="N852572" s="10"/>
    </row>
    <row r="852573" spans="14:14">
      <c r="N852573" s="10"/>
    </row>
    <row r="852574" spans="14:14">
      <c r="N852574" s="10"/>
    </row>
    <row r="852575" spans="14:14">
      <c r="N852575" s="10"/>
    </row>
    <row r="852576" spans="14:14">
      <c r="N852576" s="10"/>
    </row>
    <row r="852577" spans="14:14">
      <c r="N852577" s="10"/>
    </row>
    <row r="852578" spans="14:14">
      <c r="N852578" s="10"/>
    </row>
    <row r="852579" spans="14:14">
      <c r="N852579" s="10"/>
    </row>
    <row r="852580" spans="14:14">
      <c r="N852580" s="10"/>
    </row>
    <row r="852581" spans="14:14">
      <c r="N852581" s="10"/>
    </row>
    <row r="852582" spans="14:14">
      <c r="N852582" s="10"/>
    </row>
    <row r="852583" spans="14:14">
      <c r="N852583" s="10"/>
    </row>
    <row r="852584" spans="14:14">
      <c r="N852584" s="10"/>
    </row>
    <row r="852585" spans="14:14">
      <c r="N852585" s="10"/>
    </row>
    <row r="852586" spans="14:14">
      <c r="N852586" s="10"/>
    </row>
    <row r="852587" spans="14:14">
      <c r="N852587" s="10"/>
    </row>
    <row r="852588" spans="14:14">
      <c r="N852588" s="10"/>
    </row>
    <row r="852589" spans="14:14">
      <c r="N852589" s="10"/>
    </row>
    <row r="852590" spans="14:14">
      <c r="N852590" s="10"/>
    </row>
    <row r="852591" spans="14:14">
      <c r="N852591" s="10"/>
    </row>
    <row r="852592" spans="14:14">
      <c r="N852592" s="10"/>
    </row>
    <row r="852593" spans="14:14">
      <c r="N852593" s="10"/>
    </row>
    <row r="852594" spans="14:14">
      <c r="N852594" s="10"/>
    </row>
    <row r="852595" spans="14:14">
      <c r="N852595" s="10"/>
    </row>
    <row r="852596" spans="14:14">
      <c r="N852596" s="10"/>
    </row>
    <row r="852597" spans="14:14">
      <c r="N852597" s="10"/>
    </row>
    <row r="852598" spans="14:14">
      <c r="N852598" s="10"/>
    </row>
    <row r="852599" spans="14:14">
      <c r="N852599" s="10"/>
    </row>
    <row r="852600" spans="14:14">
      <c r="N852600" s="10"/>
    </row>
    <row r="852601" spans="14:14">
      <c r="N852601" s="10"/>
    </row>
    <row r="852602" spans="14:14">
      <c r="N852602" s="10"/>
    </row>
    <row r="852603" spans="14:14">
      <c r="N852603" s="10"/>
    </row>
    <row r="852604" spans="14:14">
      <c r="N852604" s="10"/>
    </row>
    <row r="852605" spans="14:14">
      <c r="N852605" s="10"/>
    </row>
    <row r="852606" spans="14:14">
      <c r="N852606" s="10"/>
    </row>
    <row r="852607" spans="14:14">
      <c r="N852607" s="10"/>
    </row>
    <row r="852608" spans="14:14">
      <c r="N852608" s="10"/>
    </row>
    <row r="852609" spans="14:14">
      <c r="N852609" s="10"/>
    </row>
    <row r="852610" spans="14:14">
      <c r="N852610" s="10"/>
    </row>
    <row r="852611" spans="14:14">
      <c r="N852611" s="10"/>
    </row>
    <row r="852612" spans="14:14">
      <c r="N852612" s="10"/>
    </row>
    <row r="852613" spans="14:14">
      <c r="N852613" s="10"/>
    </row>
    <row r="852614" spans="14:14">
      <c r="N852614" s="10"/>
    </row>
    <row r="852615" spans="14:14">
      <c r="N852615" s="10"/>
    </row>
    <row r="852616" spans="14:14">
      <c r="N852616" s="10"/>
    </row>
    <row r="852617" spans="14:14">
      <c r="N852617" s="10"/>
    </row>
    <row r="852618" spans="14:14">
      <c r="N852618" s="10"/>
    </row>
    <row r="852619" spans="14:14">
      <c r="N852619" s="10"/>
    </row>
    <row r="852620" spans="14:14">
      <c r="N852620" s="10"/>
    </row>
    <row r="852621" spans="14:14">
      <c r="N852621" s="10"/>
    </row>
    <row r="852622" spans="14:14">
      <c r="N852622" s="10"/>
    </row>
    <row r="852623" spans="14:14">
      <c r="N852623" s="10"/>
    </row>
    <row r="852624" spans="14:14">
      <c r="N852624" s="10"/>
    </row>
    <row r="852625" spans="14:14">
      <c r="N852625" s="10"/>
    </row>
    <row r="852626" spans="14:14">
      <c r="N852626" s="10"/>
    </row>
    <row r="852627" spans="14:14">
      <c r="N852627" s="10"/>
    </row>
    <row r="852628" spans="14:14">
      <c r="N852628" s="10"/>
    </row>
    <row r="852629" spans="14:14">
      <c r="N852629" s="10"/>
    </row>
    <row r="852630" spans="14:14">
      <c r="N852630" s="10"/>
    </row>
    <row r="852631" spans="14:14">
      <c r="N852631" s="10"/>
    </row>
    <row r="852632" spans="14:14">
      <c r="N852632" s="10"/>
    </row>
    <row r="852633" spans="14:14">
      <c r="N852633" s="10"/>
    </row>
    <row r="852634" spans="14:14">
      <c r="N852634" s="10"/>
    </row>
    <row r="852635" spans="14:14">
      <c r="N852635" s="10"/>
    </row>
    <row r="852636" spans="14:14">
      <c r="N852636" s="10"/>
    </row>
    <row r="852637" spans="14:14">
      <c r="N852637" s="10"/>
    </row>
    <row r="852638" spans="14:14">
      <c r="N852638" s="10"/>
    </row>
    <row r="852639" spans="14:14">
      <c r="N852639" s="10"/>
    </row>
    <row r="852640" spans="14:14">
      <c r="N852640" s="10"/>
    </row>
    <row r="852641" spans="14:14">
      <c r="N852641" s="10"/>
    </row>
    <row r="852642" spans="14:14">
      <c r="N852642" s="10"/>
    </row>
    <row r="852643" spans="14:14">
      <c r="N852643" s="10"/>
    </row>
    <row r="852644" spans="14:14">
      <c r="N852644" s="10"/>
    </row>
    <row r="852645" spans="14:14">
      <c r="N852645" s="10"/>
    </row>
    <row r="852646" spans="14:14">
      <c r="N852646" s="10"/>
    </row>
    <row r="852647" spans="14:14">
      <c r="N852647" s="10"/>
    </row>
    <row r="852648" spans="14:14">
      <c r="N852648" s="10"/>
    </row>
    <row r="852649" spans="14:14">
      <c r="N852649" s="10"/>
    </row>
    <row r="852650" spans="14:14">
      <c r="N852650" s="10"/>
    </row>
    <row r="852651" spans="14:14">
      <c r="N852651" s="10"/>
    </row>
    <row r="852652" spans="14:14">
      <c r="N852652" s="10"/>
    </row>
    <row r="852653" spans="14:14">
      <c r="N852653" s="10"/>
    </row>
    <row r="852654" spans="14:14">
      <c r="N852654" s="10"/>
    </row>
    <row r="852655" spans="14:14">
      <c r="N852655" s="10"/>
    </row>
    <row r="852656" spans="14:14">
      <c r="N852656" s="10"/>
    </row>
    <row r="852657" spans="14:14">
      <c r="N852657" s="10"/>
    </row>
    <row r="852658" spans="14:14">
      <c r="N852658" s="10"/>
    </row>
    <row r="852659" spans="14:14">
      <c r="N852659" s="10"/>
    </row>
    <row r="852660" spans="14:14">
      <c r="N852660" s="10"/>
    </row>
    <row r="852661" spans="14:14">
      <c r="N852661" s="10"/>
    </row>
    <row r="852662" spans="14:14">
      <c r="N852662" s="10"/>
    </row>
    <row r="852663" spans="14:14">
      <c r="N852663" s="10"/>
    </row>
    <row r="852664" spans="14:14">
      <c r="N852664" s="10"/>
    </row>
    <row r="852665" spans="14:14">
      <c r="N852665" s="10"/>
    </row>
    <row r="852666" spans="14:14">
      <c r="N852666" s="10"/>
    </row>
    <row r="852667" spans="14:14">
      <c r="N852667" s="10"/>
    </row>
    <row r="852668" spans="14:14">
      <c r="N852668" s="10"/>
    </row>
    <row r="852669" spans="14:14">
      <c r="N852669" s="10"/>
    </row>
    <row r="852670" spans="14:14">
      <c r="N852670" s="10"/>
    </row>
    <row r="852671" spans="14:14">
      <c r="N852671" s="10"/>
    </row>
    <row r="852672" spans="14:14">
      <c r="N852672" s="10"/>
    </row>
    <row r="852673" spans="14:14">
      <c r="N852673" s="10"/>
    </row>
    <row r="852674" spans="14:14">
      <c r="N852674" s="10"/>
    </row>
    <row r="852675" spans="14:14">
      <c r="N852675" s="10"/>
    </row>
    <row r="852676" spans="14:14">
      <c r="N852676" s="10"/>
    </row>
    <row r="852677" spans="14:14">
      <c r="N852677" s="10"/>
    </row>
    <row r="852678" spans="14:14">
      <c r="N852678" s="10"/>
    </row>
    <row r="852679" spans="14:14">
      <c r="N852679" s="10"/>
    </row>
    <row r="852680" spans="14:14">
      <c r="N852680" s="10"/>
    </row>
    <row r="852681" spans="14:14">
      <c r="N852681" s="10"/>
    </row>
    <row r="852682" spans="14:14">
      <c r="N852682" s="10"/>
    </row>
    <row r="852683" spans="14:14">
      <c r="N852683" s="10"/>
    </row>
    <row r="852684" spans="14:14">
      <c r="N852684" s="10"/>
    </row>
    <row r="852685" spans="14:14">
      <c r="N852685" s="10"/>
    </row>
    <row r="852686" spans="14:14">
      <c r="N852686" s="10"/>
    </row>
    <row r="852687" spans="14:14">
      <c r="N852687" s="10"/>
    </row>
    <row r="852688" spans="14:14">
      <c r="N852688" s="10"/>
    </row>
    <row r="852689" spans="14:14">
      <c r="N852689" s="10"/>
    </row>
    <row r="852690" spans="14:14">
      <c r="N852690" s="10"/>
    </row>
    <row r="852691" spans="14:14">
      <c r="N852691" s="10"/>
    </row>
    <row r="852692" spans="14:14">
      <c r="N852692" s="10"/>
    </row>
    <row r="852693" spans="14:14">
      <c r="N852693" s="10"/>
    </row>
    <row r="852694" spans="14:14">
      <c r="N852694" s="10"/>
    </row>
    <row r="852695" spans="14:14">
      <c r="N852695" s="10"/>
    </row>
    <row r="852696" spans="14:14">
      <c r="N852696" s="10"/>
    </row>
    <row r="852697" spans="14:14">
      <c r="N852697" s="10"/>
    </row>
    <row r="852698" spans="14:14">
      <c r="N852698" s="10"/>
    </row>
    <row r="852699" spans="14:14">
      <c r="N852699" s="10"/>
    </row>
    <row r="852700" spans="14:14">
      <c r="N852700" s="10"/>
    </row>
    <row r="852701" spans="14:14">
      <c r="N852701" s="10"/>
    </row>
    <row r="852702" spans="14:14">
      <c r="N852702" s="10"/>
    </row>
    <row r="852703" spans="14:14">
      <c r="N852703" s="10"/>
    </row>
    <row r="852704" spans="14:14">
      <c r="N852704" s="10"/>
    </row>
    <row r="852705" spans="14:14">
      <c r="N852705" s="10"/>
    </row>
    <row r="852706" spans="14:14">
      <c r="N852706" s="10"/>
    </row>
    <row r="852707" spans="14:14">
      <c r="N852707" s="10"/>
    </row>
    <row r="852708" spans="14:14">
      <c r="N852708" s="10"/>
    </row>
    <row r="852709" spans="14:14">
      <c r="N852709" s="10"/>
    </row>
    <row r="852710" spans="14:14">
      <c r="N852710" s="10"/>
    </row>
    <row r="852711" spans="14:14">
      <c r="N852711" s="10"/>
    </row>
    <row r="852712" spans="14:14">
      <c r="N852712" s="10"/>
    </row>
    <row r="852713" spans="14:14">
      <c r="N852713" s="10"/>
    </row>
    <row r="852714" spans="14:14">
      <c r="N852714" s="10"/>
    </row>
    <row r="852715" spans="14:14">
      <c r="N852715" s="10"/>
    </row>
    <row r="852716" spans="14:14">
      <c r="N852716" s="10"/>
    </row>
    <row r="852717" spans="14:14">
      <c r="N852717" s="10"/>
    </row>
    <row r="852718" spans="14:14">
      <c r="N852718" s="10"/>
    </row>
    <row r="852719" spans="14:14">
      <c r="N852719" s="10"/>
    </row>
    <row r="852720" spans="14:14">
      <c r="N852720" s="10"/>
    </row>
    <row r="852721" spans="14:14">
      <c r="N852721" s="10"/>
    </row>
    <row r="852722" spans="14:14">
      <c r="N852722" s="10"/>
    </row>
    <row r="852723" spans="14:14">
      <c r="N852723" s="10"/>
    </row>
    <row r="852724" spans="14:14">
      <c r="N852724" s="10"/>
    </row>
    <row r="852725" spans="14:14">
      <c r="N852725" s="10"/>
    </row>
    <row r="852726" spans="14:14">
      <c r="N852726" s="10"/>
    </row>
    <row r="852727" spans="14:14">
      <c r="N852727" s="10"/>
    </row>
    <row r="852728" spans="14:14">
      <c r="N852728" s="10"/>
    </row>
    <row r="852729" spans="14:14">
      <c r="N852729" s="10"/>
    </row>
    <row r="852730" spans="14:14">
      <c r="N852730" s="10"/>
    </row>
    <row r="852731" spans="14:14">
      <c r="N852731" s="10"/>
    </row>
    <row r="852732" spans="14:14">
      <c r="N852732" s="10"/>
    </row>
    <row r="852733" spans="14:14">
      <c r="N852733" s="10"/>
    </row>
    <row r="852734" spans="14:14">
      <c r="N852734" s="10"/>
    </row>
    <row r="852735" spans="14:14">
      <c r="N852735" s="10"/>
    </row>
    <row r="852736" spans="14:14">
      <c r="N852736" s="10"/>
    </row>
    <row r="852737" spans="14:14">
      <c r="N852737" s="10"/>
    </row>
    <row r="852738" spans="14:14">
      <c r="N852738" s="10"/>
    </row>
    <row r="852739" spans="14:14">
      <c r="N852739" s="10"/>
    </row>
    <row r="852740" spans="14:14">
      <c r="N852740" s="10"/>
    </row>
    <row r="852741" spans="14:14">
      <c r="N852741" s="10"/>
    </row>
    <row r="852742" spans="14:14">
      <c r="N852742" s="10"/>
    </row>
    <row r="852743" spans="14:14">
      <c r="N852743" s="10"/>
    </row>
    <row r="852744" spans="14:14">
      <c r="N852744" s="10"/>
    </row>
    <row r="852745" spans="14:14">
      <c r="N852745" s="10"/>
    </row>
    <row r="852746" spans="14:14">
      <c r="N852746" s="10"/>
    </row>
    <row r="852747" spans="14:14">
      <c r="N852747" s="10"/>
    </row>
    <row r="852748" spans="14:14">
      <c r="N852748" s="10"/>
    </row>
    <row r="852749" spans="14:14">
      <c r="N852749" s="10"/>
    </row>
    <row r="852750" spans="14:14">
      <c r="N852750" s="10"/>
    </row>
    <row r="852751" spans="14:14">
      <c r="N852751" s="10"/>
    </row>
    <row r="852752" spans="14:14">
      <c r="N852752" s="10"/>
    </row>
    <row r="852753" spans="14:14">
      <c r="N852753" s="10"/>
    </row>
    <row r="852754" spans="14:14">
      <c r="N852754" s="10"/>
    </row>
    <row r="852755" spans="14:14">
      <c r="N852755" s="10"/>
    </row>
    <row r="852756" spans="14:14">
      <c r="N852756" s="10"/>
    </row>
    <row r="852757" spans="14:14">
      <c r="N852757" s="10"/>
    </row>
    <row r="852758" spans="14:14">
      <c r="N852758" s="10"/>
    </row>
    <row r="852759" spans="14:14">
      <c r="N852759" s="10"/>
    </row>
    <row r="852760" spans="14:14">
      <c r="N852760" s="10"/>
    </row>
    <row r="852761" spans="14:14">
      <c r="N852761" s="10"/>
    </row>
    <row r="852762" spans="14:14">
      <c r="N852762" s="10"/>
    </row>
    <row r="852763" spans="14:14">
      <c r="N852763" s="10"/>
    </row>
    <row r="852764" spans="14:14">
      <c r="N852764" s="10"/>
    </row>
    <row r="852765" spans="14:14">
      <c r="N852765" s="10"/>
    </row>
    <row r="852766" spans="14:14">
      <c r="N852766" s="10"/>
    </row>
    <row r="852767" spans="14:14">
      <c r="N852767" s="10"/>
    </row>
    <row r="852768" spans="14:14">
      <c r="N852768" s="10"/>
    </row>
    <row r="852769" spans="14:14">
      <c r="N852769" s="10"/>
    </row>
    <row r="852770" spans="14:14">
      <c r="N852770" s="10"/>
    </row>
    <row r="852771" spans="14:14">
      <c r="N852771" s="10"/>
    </row>
    <row r="852772" spans="14:14">
      <c r="N852772" s="10"/>
    </row>
    <row r="852773" spans="14:14">
      <c r="N852773" s="10"/>
    </row>
    <row r="852774" spans="14:14">
      <c r="N852774" s="10"/>
    </row>
    <row r="852775" spans="14:14">
      <c r="N852775" s="10"/>
    </row>
    <row r="852776" spans="14:14">
      <c r="N852776" s="10"/>
    </row>
    <row r="852777" spans="14:14">
      <c r="N852777" s="10"/>
    </row>
    <row r="852778" spans="14:14">
      <c r="N852778" s="10"/>
    </row>
    <row r="852779" spans="14:14">
      <c r="N852779" s="10"/>
    </row>
    <row r="852780" spans="14:14">
      <c r="N852780" s="10"/>
    </row>
    <row r="852781" spans="14:14">
      <c r="N852781" s="10"/>
    </row>
    <row r="852782" spans="14:14">
      <c r="N852782" s="10"/>
    </row>
    <row r="852783" spans="14:14">
      <c r="N852783" s="10"/>
    </row>
    <row r="852784" spans="14:14">
      <c r="N852784" s="10"/>
    </row>
    <row r="852785" spans="14:14">
      <c r="N852785" s="10"/>
    </row>
    <row r="852786" spans="14:14">
      <c r="N852786" s="10"/>
    </row>
    <row r="852787" spans="14:14">
      <c r="N852787" s="10"/>
    </row>
    <row r="852788" spans="14:14">
      <c r="N852788" s="10"/>
    </row>
    <row r="852789" spans="14:14">
      <c r="N852789" s="10"/>
    </row>
    <row r="852790" spans="14:14">
      <c r="N852790" s="10"/>
    </row>
    <row r="852791" spans="14:14">
      <c r="N852791" s="10"/>
    </row>
    <row r="852792" spans="14:14">
      <c r="N852792" s="10"/>
    </row>
    <row r="852793" spans="14:14">
      <c r="N852793" s="10"/>
    </row>
    <row r="852794" spans="14:14">
      <c r="N852794" s="10"/>
    </row>
    <row r="852795" spans="14:14">
      <c r="N852795" s="10"/>
    </row>
    <row r="852796" spans="14:14">
      <c r="N852796" s="10"/>
    </row>
    <row r="852797" spans="14:14">
      <c r="N852797" s="10"/>
    </row>
    <row r="852798" spans="14:14">
      <c r="N852798" s="10"/>
    </row>
    <row r="852799" spans="14:14">
      <c r="N852799" s="10"/>
    </row>
    <row r="852800" spans="14:14">
      <c r="N852800" s="10"/>
    </row>
    <row r="852801" spans="14:14">
      <c r="N852801" s="10"/>
    </row>
    <row r="852802" spans="14:14">
      <c r="N852802" s="10"/>
    </row>
    <row r="852803" spans="14:14">
      <c r="N852803" s="10"/>
    </row>
    <row r="852804" spans="14:14">
      <c r="N852804" s="10"/>
    </row>
    <row r="852805" spans="14:14">
      <c r="N852805" s="10"/>
    </row>
    <row r="852806" spans="14:14">
      <c r="N852806" s="10"/>
    </row>
    <row r="852807" spans="14:14">
      <c r="N852807" s="10"/>
    </row>
    <row r="852808" spans="14:14">
      <c r="N852808" s="10"/>
    </row>
    <row r="852809" spans="14:14">
      <c r="N852809" s="10"/>
    </row>
    <row r="852810" spans="14:14">
      <c r="N852810" s="10"/>
    </row>
    <row r="852811" spans="14:14">
      <c r="N852811" s="10"/>
    </row>
    <row r="852812" spans="14:14">
      <c r="N852812" s="10"/>
    </row>
    <row r="852813" spans="14:14">
      <c r="N852813" s="10"/>
    </row>
    <row r="852814" spans="14:14">
      <c r="N852814" s="10"/>
    </row>
    <row r="852815" spans="14:14">
      <c r="N852815" s="10"/>
    </row>
    <row r="852816" spans="14:14">
      <c r="N852816" s="10"/>
    </row>
    <row r="852817" spans="14:14">
      <c r="N852817" s="10"/>
    </row>
    <row r="852818" spans="14:14">
      <c r="N852818" s="10"/>
    </row>
    <row r="852819" spans="14:14">
      <c r="N852819" s="10"/>
    </row>
    <row r="852820" spans="14:14">
      <c r="N852820" s="10"/>
    </row>
    <row r="852821" spans="14:14">
      <c r="N852821" s="10"/>
    </row>
    <row r="852822" spans="14:14">
      <c r="N852822" s="10"/>
    </row>
    <row r="852823" spans="14:14">
      <c r="N852823" s="10"/>
    </row>
    <row r="852824" spans="14:14">
      <c r="N852824" s="10"/>
    </row>
    <row r="852825" spans="14:14">
      <c r="N852825" s="10"/>
    </row>
    <row r="852826" spans="14:14">
      <c r="N852826" s="10"/>
    </row>
    <row r="852827" spans="14:14">
      <c r="N852827" s="10"/>
    </row>
    <row r="852828" spans="14:14">
      <c r="N852828" s="10"/>
    </row>
    <row r="852829" spans="14:14">
      <c r="N852829" s="10"/>
    </row>
    <row r="852830" spans="14:14">
      <c r="N852830" s="10"/>
    </row>
    <row r="852831" spans="14:14">
      <c r="N852831" s="10"/>
    </row>
    <row r="852832" spans="14:14">
      <c r="N852832" s="10"/>
    </row>
    <row r="852833" spans="14:14">
      <c r="N852833" s="10"/>
    </row>
    <row r="852834" spans="14:14">
      <c r="N852834" s="10"/>
    </row>
    <row r="852835" spans="14:14">
      <c r="N852835" s="10"/>
    </row>
    <row r="852836" spans="14:14">
      <c r="N852836" s="10"/>
    </row>
    <row r="852837" spans="14:14">
      <c r="N852837" s="10"/>
    </row>
    <row r="852838" spans="14:14">
      <c r="N852838" s="10"/>
    </row>
    <row r="852839" spans="14:14">
      <c r="N852839" s="10"/>
    </row>
    <row r="852840" spans="14:14">
      <c r="N852840" s="10"/>
    </row>
    <row r="852841" spans="14:14">
      <c r="N852841" s="10"/>
    </row>
    <row r="852842" spans="14:14">
      <c r="N852842" s="10"/>
    </row>
    <row r="852843" spans="14:14">
      <c r="N852843" s="10"/>
    </row>
    <row r="852844" spans="14:14">
      <c r="N852844" s="10"/>
    </row>
    <row r="852845" spans="14:14">
      <c r="N852845" s="10"/>
    </row>
    <row r="852846" spans="14:14">
      <c r="N852846" s="10"/>
    </row>
    <row r="852847" spans="14:14">
      <c r="N852847" s="10"/>
    </row>
    <row r="852848" spans="14:14">
      <c r="N852848" s="10"/>
    </row>
    <row r="852849" spans="14:14">
      <c r="N852849" s="10"/>
    </row>
    <row r="852850" spans="14:14">
      <c r="N852850" s="10"/>
    </row>
    <row r="852851" spans="14:14">
      <c r="N852851" s="10"/>
    </row>
    <row r="852852" spans="14:14">
      <c r="N852852" s="10"/>
    </row>
    <row r="852853" spans="14:14">
      <c r="N852853" s="10"/>
    </row>
    <row r="852854" spans="14:14">
      <c r="N852854" s="10"/>
    </row>
    <row r="852855" spans="14:14">
      <c r="N852855" s="10"/>
    </row>
    <row r="852856" spans="14:14">
      <c r="N852856" s="10"/>
    </row>
    <row r="852857" spans="14:14">
      <c r="N852857" s="10"/>
    </row>
    <row r="852858" spans="14:14">
      <c r="N852858" s="10"/>
    </row>
    <row r="852859" spans="14:14">
      <c r="N852859" s="10"/>
    </row>
    <row r="852860" spans="14:14">
      <c r="N852860" s="10"/>
    </row>
    <row r="852861" spans="14:14">
      <c r="N852861" s="10"/>
    </row>
    <row r="852862" spans="14:14">
      <c r="N852862" s="10"/>
    </row>
    <row r="852863" spans="14:14">
      <c r="N852863" s="10"/>
    </row>
    <row r="852864" spans="14:14">
      <c r="N852864" s="10"/>
    </row>
    <row r="852865" spans="14:14">
      <c r="N852865" s="10"/>
    </row>
    <row r="852866" spans="14:14">
      <c r="N852866" s="10"/>
    </row>
    <row r="852867" spans="14:14">
      <c r="N852867" s="10"/>
    </row>
    <row r="852868" spans="14:14">
      <c r="N852868" s="10"/>
    </row>
    <row r="852869" spans="14:14">
      <c r="N852869" s="10"/>
    </row>
    <row r="852870" spans="14:14">
      <c r="N852870" s="10"/>
    </row>
    <row r="852871" spans="14:14">
      <c r="N852871" s="10"/>
    </row>
    <row r="852872" spans="14:14">
      <c r="N852872" s="10"/>
    </row>
    <row r="852873" spans="14:14">
      <c r="N852873" s="10"/>
    </row>
    <row r="852874" spans="14:14">
      <c r="N852874" s="10"/>
    </row>
    <row r="852875" spans="14:14">
      <c r="N852875" s="10"/>
    </row>
    <row r="852876" spans="14:14">
      <c r="N852876" s="10"/>
    </row>
    <row r="852877" spans="14:14">
      <c r="N852877" s="10"/>
    </row>
    <row r="852878" spans="14:14">
      <c r="N852878" s="10"/>
    </row>
    <row r="852879" spans="14:14">
      <c r="N852879" s="10"/>
    </row>
    <row r="852880" spans="14:14">
      <c r="N852880" s="10"/>
    </row>
    <row r="852881" spans="14:14">
      <c r="N852881" s="10"/>
    </row>
    <row r="852882" spans="14:14">
      <c r="N852882" s="10"/>
    </row>
    <row r="852883" spans="14:14">
      <c r="N852883" s="10"/>
    </row>
    <row r="852884" spans="14:14">
      <c r="N852884" s="10"/>
    </row>
    <row r="852885" spans="14:14">
      <c r="N852885" s="10"/>
    </row>
    <row r="852886" spans="14:14">
      <c r="N852886" s="10"/>
    </row>
    <row r="852887" spans="14:14">
      <c r="N852887" s="10"/>
    </row>
    <row r="852888" spans="14:14">
      <c r="N852888" s="10"/>
    </row>
    <row r="852889" spans="14:14">
      <c r="N852889" s="10"/>
    </row>
    <row r="852890" spans="14:14">
      <c r="N852890" s="10"/>
    </row>
    <row r="852891" spans="14:14">
      <c r="N852891" s="10"/>
    </row>
    <row r="852892" spans="14:14">
      <c r="N852892" s="10"/>
    </row>
    <row r="852893" spans="14:14">
      <c r="N852893" s="10"/>
    </row>
    <row r="852894" spans="14:14">
      <c r="N852894" s="10"/>
    </row>
    <row r="852895" spans="14:14">
      <c r="N852895" s="10"/>
    </row>
    <row r="852896" spans="14:14">
      <c r="N852896" s="10"/>
    </row>
    <row r="852897" spans="14:14">
      <c r="N852897" s="10"/>
    </row>
    <row r="852898" spans="14:14">
      <c r="N852898" s="10"/>
    </row>
    <row r="852899" spans="14:14">
      <c r="N852899" s="10"/>
    </row>
    <row r="852900" spans="14:14">
      <c r="N852900" s="10"/>
    </row>
    <row r="852901" spans="14:14">
      <c r="N852901" s="10"/>
    </row>
    <row r="852902" spans="14:14">
      <c r="N852902" s="10"/>
    </row>
    <row r="852903" spans="14:14">
      <c r="N852903" s="10"/>
    </row>
    <row r="852904" spans="14:14">
      <c r="N852904" s="10"/>
    </row>
    <row r="852905" spans="14:14">
      <c r="N852905" s="10"/>
    </row>
    <row r="852906" spans="14:14">
      <c r="N852906" s="10"/>
    </row>
    <row r="852907" spans="14:14">
      <c r="N852907" s="10"/>
    </row>
    <row r="852908" spans="14:14">
      <c r="N852908" s="10"/>
    </row>
    <row r="852909" spans="14:14">
      <c r="N852909" s="10"/>
    </row>
    <row r="852910" spans="14:14">
      <c r="N852910" s="10"/>
    </row>
    <row r="852911" spans="14:14">
      <c r="N852911" s="10"/>
    </row>
    <row r="852912" spans="14:14">
      <c r="N852912" s="10"/>
    </row>
    <row r="852913" spans="14:14">
      <c r="N852913" s="10"/>
    </row>
    <row r="852914" spans="14:14">
      <c r="N852914" s="10"/>
    </row>
    <row r="852915" spans="14:14">
      <c r="N852915" s="10"/>
    </row>
    <row r="852916" spans="14:14">
      <c r="N852916" s="10"/>
    </row>
    <row r="852917" spans="14:14">
      <c r="N852917" s="10"/>
    </row>
    <row r="852918" spans="14:14">
      <c r="N852918" s="10"/>
    </row>
    <row r="852919" spans="14:14">
      <c r="N852919" s="10"/>
    </row>
    <row r="852920" spans="14:14">
      <c r="N852920" s="10"/>
    </row>
    <row r="852921" spans="14:14">
      <c r="N852921" s="10"/>
    </row>
    <row r="852922" spans="14:14">
      <c r="N852922" s="10"/>
    </row>
    <row r="852923" spans="14:14">
      <c r="N852923" s="10"/>
    </row>
    <row r="852924" spans="14:14">
      <c r="N852924" s="10"/>
    </row>
    <row r="852925" spans="14:14">
      <c r="N852925" s="10"/>
    </row>
    <row r="852926" spans="14:14">
      <c r="N852926" s="10"/>
    </row>
    <row r="852927" spans="14:14">
      <c r="N852927" s="10"/>
    </row>
    <row r="852928" spans="14:14">
      <c r="N852928" s="10"/>
    </row>
    <row r="852929" spans="14:14">
      <c r="N852929" s="10"/>
    </row>
    <row r="852930" spans="14:14">
      <c r="N852930" s="10"/>
    </row>
    <row r="852931" spans="14:14">
      <c r="N852931" s="10"/>
    </row>
    <row r="852932" spans="14:14">
      <c r="N852932" s="10"/>
    </row>
    <row r="852933" spans="14:14">
      <c r="N852933" s="10"/>
    </row>
    <row r="852934" spans="14:14">
      <c r="N852934" s="10"/>
    </row>
    <row r="852935" spans="14:14">
      <c r="N852935" s="10"/>
    </row>
    <row r="852936" spans="14:14">
      <c r="N852936" s="10"/>
    </row>
    <row r="852937" spans="14:14">
      <c r="N852937" s="10"/>
    </row>
    <row r="852938" spans="14:14">
      <c r="N852938" s="10"/>
    </row>
    <row r="852939" spans="14:14">
      <c r="N852939" s="10"/>
    </row>
    <row r="852940" spans="14:14">
      <c r="N852940" s="10"/>
    </row>
    <row r="852941" spans="14:14">
      <c r="N852941" s="10"/>
    </row>
    <row r="852942" spans="14:14">
      <c r="N852942" s="10"/>
    </row>
    <row r="852943" spans="14:14">
      <c r="N852943" s="10"/>
    </row>
    <row r="852944" spans="14:14">
      <c r="N852944" s="10"/>
    </row>
    <row r="852945" spans="14:14">
      <c r="N852945" s="10"/>
    </row>
    <row r="852946" spans="14:14">
      <c r="N852946" s="10"/>
    </row>
    <row r="852947" spans="14:14">
      <c r="N852947" s="10"/>
    </row>
    <row r="852948" spans="14:14">
      <c r="N852948" s="10"/>
    </row>
    <row r="852949" spans="14:14">
      <c r="N852949" s="10"/>
    </row>
    <row r="852950" spans="14:14">
      <c r="N852950" s="10"/>
    </row>
    <row r="852951" spans="14:14">
      <c r="N852951" s="10"/>
    </row>
    <row r="852952" spans="14:14">
      <c r="N852952" s="10"/>
    </row>
    <row r="852953" spans="14:14">
      <c r="N852953" s="10"/>
    </row>
    <row r="852954" spans="14:14">
      <c r="N852954" s="10"/>
    </row>
    <row r="852955" spans="14:14">
      <c r="N852955" s="10"/>
    </row>
    <row r="852956" spans="14:14">
      <c r="N852956" s="10"/>
    </row>
    <row r="852957" spans="14:14">
      <c r="N852957" s="10"/>
    </row>
    <row r="852958" spans="14:14">
      <c r="N852958" s="10"/>
    </row>
    <row r="852959" spans="14:14">
      <c r="N852959" s="10"/>
    </row>
    <row r="852960" spans="14:14">
      <c r="N852960" s="10"/>
    </row>
    <row r="852961" spans="14:14">
      <c r="N852961" s="10"/>
    </row>
    <row r="852962" spans="14:14">
      <c r="N852962" s="10"/>
    </row>
    <row r="852963" spans="14:14">
      <c r="N852963" s="10"/>
    </row>
    <row r="852964" spans="14:14">
      <c r="N852964" s="10"/>
    </row>
    <row r="852965" spans="14:14">
      <c r="N852965" s="10"/>
    </row>
    <row r="852966" spans="14:14">
      <c r="N852966" s="10"/>
    </row>
    <row r="852967" spans="14:14">
      <c r="N852967" s="10"/>
    </row>
    <row r="852968" spans="14:14">
      <c r="N852968" s="10"/>
    </row>
    <row r="852969" spans="14:14">
      <c r="N852969" s="10"/>
    </row>
    <row r="852970" spans="14:14">
      <c r="N852970" s="10"/>
    </row>
    <row r="852971" spans="14:14">
      <c r="N852971" s="10"/>
    </row>
    <row r="852972" spans="14:14">
      <c r="N852972" s="10"/>
    </row>
    <row r="852973" spans="14:14">
      <c r="N852973" s="10"/>
    </row>
    <row r="852974" spans="14:14">
      <c r="N852974" s="10"/>
    </row>
    <row r="852975" spans="14:14">
      <c r="N852975" s="10"/>
    </row>
    <row r="852976" spans="14:14">
      <c r="N852976" s="10"/>
    </row>
    <row r="852977" spans="14:14">
      <c r="N852977" s="10"/>
    </row>
    <row r="852978" spans="14:14">
      <c r="N852978" s="10"/>
    </row>
    <row r="852979" spans="14:14">
      <c r="N852979" s="10"/>
    </row>
    <row r="852980" spans="14:14">
      <c r="N852980" s="10"/>
    </row>
    <row r="852981" spans="14:14">
      <c r="N852981" s="10"/>
    </row>
    <row r="852982" spans="14:14">
      <c r="N852982" s="10"/>
    </row>
    <row r="852983" spans="14:14">
      <c r="N852983" s="10"/>
    </row>
    <row r="852984" spans="14:14">
      <c r="N852984" s="10"/>
    </row>
    <row r="852985" spans="14:14">
      <c r="N852985" s="10"/>
    </row>
    <row r="852986" spans="14:14">
      <c r="N852986" s="10"/>
    </row>
    <row r="852987" spans="14:14">
      <c r="N852987" s="10"/>
    </row>
    <row r="852988" spans="14:14">
      <c r="N852988" s="10"/>
    </row>
    <row r="852989" spans="14:14">
      <c r="N852989" s="10"/>
    </row>
    <row r="852990" spans="14:14">
      <c r="N852990" s="10"/>
    </row>
    <row r="852991" spans="14:14">
      <c r="N852991" s="10"/>
    </row>
    <row r="852992" spans="14:14">
      <c r="N852992" s="10"/>
    </row>
    <row r="852993" spans="14:14">
      <c r="N852993" s="10"/>
    </row>
    <row r="852994" spans="14:14">
      <c r="N852994" s="10"/>
    </row>
    <row r="852995" spans="14:14">
      <c r="N852995" s="10"/>
    </row>
    <row r="852996" spans="14:14">
      <c r="N852996" s="10"/>
    </row>
    <row r="852997" spans="14:14">
      <c r="N852997" s="10"/>
    </row>
    <row r="852998" spans="14:14">
      <c r="N852998" s="10"/>
    </row>
    <row r="852999" spans="14:14">
      <c r="N852999" s="10"/>
    </row>
    <row r="853000" spans="14:14">
      <c r="N853000" s="10"/>
    </row>
    <row r="853001" spans="14:14">
      <c r="N853001" s="10"/>
    </row>
    <row r="853002" spans="14:14">
      <c r="N853002" s="10"/>
    </row>
    <row r="853003" spans="14:14">
      <c r="N853003" s="10"/>
    </row>
    <row r="853004" spans="14:14">
      <c r="N853004" s="10"/>
    </row>
    <row r="853005" spans="14:14">
      <c r="N853005" s="10"/>
    </row>
    <row r="853006" spans="14:14">
      <c r="N853006" s="10"/>
    </row>
    <row r="853007" spans="14:14">
      <c r="N853007" s="10"/>
    </row>
    <row r="853008" spans="14:14">
      <c r="N853008" s="10"/>
    </row>
    <row r="853009" spans="14:14">
      <c r="N853009" s="10"/>
    </row>
    <row r="853010" spans="14:14">
      <c r="N853010" s="10"/>
    </row>
    <row r="853011" spans="14:14">
      <c r="N853011" s="10"/>
    </row>
    <row r="853012" spans="14:14">
      <c r="N853012" s="10"/>
    </row>
    <row r="853013" spans="14:14">
      <c r="N853013" s="10"/>
    </row>
    <row r="853014" spans="14:14">
      <c r="N853014" s="10"/>
    </row>
    <row r="853015" spans="14:14">
      <c r="N853015" s="10"/>
    </row>
    <row r="853016" spans="14:14">
      <c r="N853016" s="10"/>
    </row>
    <row r="853017" spans="14:14">
      <c r="N853017" s="10"/>
    </row>
    <row r="853018" spans="14:14">
      <c r="N853018" s="10"/>
    </row>
    <row r="853019" spans="14:14">
      <c r="N853019" s="10"/>
    </row>
    <row r="853020" spans="14:14">
      <c r="N853020" s="10"/>
    </row>
    <row r="853021" spans="14:14">
      <c r="N853021" s="10"/>
    </row>
    <row r="853022" spans="14:14">
      <c r="N853022" s="10"/>
    </row>
    <row r="853023" spans="14:14">
      <c r="N853023" s="10"/>
    </row>
    <row r="853024" spans="14:14">
      <c r="N853024" s="10"/>
    </row>
    <row r="853025" spans="14:14">
      <c r="N853025" s="10"/>
    </row>
    <row r="853026" spans="14:14">
      <c r="N853026" s="10"/>
    </row>
    <row r="853027" spans="14:14">
      <c r="N853027" s="10"/>
    </row>
    <row r="853028" spans="14:14">
      <c r="N853028" s="10"/>
    </row>
    <row r="853029" spans="14:14">
      <c r="N853029" s="10"/>
    </row>
    <row r="853030" spans="14:14">
      <c r="N853030" s="10"/>
    </row>
    <row r="853031" spans="14:14">
      <c r="N853031" s="10"/>
    </row>
    <row r="853032" spans="14:14">
      <c r="N853032" s="10"/>
    </row>
    <row r="853033" spans="14:14">
      <c r="N853033" s="10"/>
    </row>
    <row r="853034" spans="14:14">
      <c r="N853034" s="10"/>
    </row>
    <row r="853035" spans="14:14">
      <c r="N853035" s="10"/>
    </row>
    <row r="853036" spans="14:14">
      <c r="N853036" s="10"/>
    </row>
    <row r="853037" spans="14:14">
      <c r="N853037" s="10"/>
    </row>
    <row r="853038" spans="14:14">
      <c r="N853038" s="10"/>
    </row>
    <row r="853039" spans="14:14">
      <c r="N853039" s="10"/>
    </row>
    <row r="853040" spans="14:14">
      <c r="N853040" s="10"/>
    </row>
    <row r="853041" spans="14:14">
      <c r="N853041" s="10"/>
    </row>
    <row r="853042" spans="14:14">
      <c r="N853042" s="10"/>
    </row>
    <row r="853043" spans="14:14">
      <c r="N853043" s="10"/>
    </row>
    <row r="853044" spans="14:14">
      <c r="N853044" s="10"/>
    </row>
    <row r="853045" spans="14:14">
      <c r="N853045" s="10"/>
    </row>
    <row r="853046" spans="14:14">
      <c r="N853046" s="10"/>
    </row>
    <row r="853047" spans="14:14">
      <c r="N853047" s="10"/>
    </row>
    <row r="853048" spans="14:14">
      <c r="N853048" s="10"/>
    </row>
    <row r="853049" spans="14:14">
      <c r="N853049" s="10"/>
    </row>
    <row r="853050" spans="14:14">
      <c r="N853050" s="10"/>
    </row>
    <row r="853051" spans="14:14">
      <c r="N853051" s="10"/>
    </row>
    <row r="853052" spans="14:14">
      <c r="N853052" s="10"/>
    </row>
    <row r="853053" spans="14:14">
      <c r="N853053" s="10"/>
    </row>
    <row r="853054" spans="14:14">
      <c r="N853054" s="10"/>
    </row>
    <row r="853055" spans="14:14">
      <c r="N853055" s="10"/>
    </row>
    <row r="853056" spans="14:14">
      <c r="N853056" s="10"/>
    </row>
    <row r="853057" spans="14:14">
      <c r="N853057" s="10"/>
    </row>
    <row r="853058" spans="14:14">
      <c r="N853058" s="10"/>
    </row>
    <row r="853059" spans="14:14">
      <c r="N853059" s="10"/>
    </row>
    <row r="853060" spans="14:14">
      <c r="N853060" s="10"/>
    </row>
    <row r="853061" spans="14:14">
      <c r="N853061" s="10"/>
    </row>
    <row r="853062" spans="14:14">
      <c r="N853062" s="10"/>
    </row>
    <row r="853063" spans="14:14">
      <c r="N853063" s="10"/>
    </row>
    <row r="853064" spans="14:14">
      <c r="N853064" s="10"/>
    </row>
    <row r="853065" spans="14:14">
      <c r="N853065" s="10"/>
    </row>
    <row r="853066" spans="14:14">
      <c r="N853066" s="10"/>
    </row>
    <row r="853067" spans="14:14">
      <c r="N853067" s="10"/>
    </row>
    <row r="853068" spans="14:14">
      <c r="N853068" s="10"/>
    </row>
    <row r="853069" spans="14:14">
      <c r="N853069" s="10"/>
    </row>
    <row r="853070" spans="14:14">
      <c r="N853070" s="10"/>
    </row>
    <row r="853071" spans="14:14">
      <c r="N853071" s="10"/>
    </row>
    <row r="853072" spans="14:14">
      <c r="N853072" s="10"/>
    </row>
    <row r="853073" spans="14:14">
      <c r="N853073" s="10"/>
    </row>
    <row r="853074" spans="14:14">
      <c r="N853074" s="10"/>
    </row>
    <row r="853075" spans="14:14">
      <c r="N853075" s="10"/>
    </row>
    <row r="853076" spans="14:14">
      <c r="N853076" s="10"/>
    </row>
    <row r="853077" spans="14:14">
      <c r="N853077" s="10"/>
    </row>
    <row r="853078" spans="14:14">
      <c r="N853078" s="10"/>
    </row>
    <row r="853079" spans="14:14">
      <c r="N853079" s="10"/>
    </row>
    <row r="853080" spans="14:14">
      <c r="N853080" s="10"/>
    </row>
    <row r="853081" spans="14:14">
      <c r="N853081" s="10"/>
    </row>
    <row r="853082" spans="14:14">
      <c r="N853082" s="10"/>
    </row>
    <row r="853083" spans="14:14">
      <c r="N853083" s="10"/>
    </row>
    <row r="853084" spans="14:14">
      <c r="N853084" s="10"/>
    </row>
    <row r="853085" spans="14:14">
      <c r="N853085" s="10"/>
    </row>
    <row r="853086" spans="14:14">
      <c r="N853086" s="10"/>
    </row>
    <row r="853087" spans="14:14">
      <c r="N853087" s="10"/>
    </row>
    <row r="853088" spans="14:14">
      <c r="N853088" s="10"/>
    </row>
    <row r="853089" spans="14:14">
      <c r="N853089" s="10"/>
    </row>
    <row r="853090" spans="14:14">
      <c r="N853090" s="10"/>
    </row>
    <row r="853091" spans="14:14">
      <c r="N853091" s="10"/>
    </row>
    <row r="853092" spans="14:14">
      <c r="N853092" s="10"/>
    </row>
    <row r="853093" spans="14:14">
      <c r="N853093" s="10"/>
    </row>
    <row r="853094" spans="14:14">
      <c r="N853094" s="10"/>
    </row>
    <row r="853095" spans="14:14">
      <c r="N853095" s="10"/>
    </row>
    <row r="853096" spans="14:14">
      <c r="N853096" s="10"/>
    </row>
    <row r="853097" spans="14:14">
      <c r="N853097" s="10"/>
    </row>
    <row r="853098" spans="14:14">
      <c r="N853098" s="10"/>
    </row>
    <row r="853099" spans="14:14">
      <c r="N853099" s="10"/>
    </row>
    <row r="853100" spans="14:14">
      <c r="N853100" s="10"/>
    </row>
    <row r="853101" spans="14:14">
      <c r="N853101" s="10"/>
    </row>
    <row r="853102" spans="14:14">
      <c r="N853102" s="10"/>
    </row>
    <row r="853103" spans="14:14">
      <c r="N853103" s="10"/>
    </row>
    <row r="853104" spans="14:14">
      <c r="N853104" s="10"/>
    </row>
    <row r="853105" spans="14:14">
      <c r="N853105" s="10"/>
    </row>
    <row r="853106" spans="14:14">
      <c r="N853106" s="10"/>
    </row>
    <row r="853107" spans="14:14">
      <c r="N853107" s="10"/>
    </row>
    <row r="853108" spans="14:14">
      <c r="N853108" s="10"/>
    </row>
    <row r="853109" spans="14:14">
      <c r="N853109" s="10"/>
    </row>
    <row r="853110" spans="14:14">
      <c r="N853110" s="10"/>
    </row>
    <row r="853111" spans="14:14">
      <c r="N853111" s="10"/>
    </row>
    <row r="853112" spans="14:14">
      <c r="N853112" s="10"/>
    </row>
    <row r="853113" spans="14:14">
      <c r="N853113" s="10"/>
    </row>
    <row r="853114" spans="14:14">
      <c r="N853114" s="10"/>
    </row>
    <row r="853115" spans="14:14">
      <c r="N853115" s="10"/>
    </row>
    <row r="853116" spans="14:14">
      <c r="N853116" s="10"/>
    </row>
    <row r="853117" spans="14:14">
      <c r="N853117" s="10"/>
    </row>
    <row r="853118" spans="14:14">
      <c r="N853118" s="10"/>
    </row>
    <row r="853119" spans="14:14">
      <c r="N853119" s="10"/>
    </row>
    <row r="853120" spans="14:14">
      <c r="N853120" s="10"/>
    </row>
    <row r="853121" spans="14:14">
      <c r="N853121" s="10"/>
    </row>
    <row r="853122" spans="14:14">
      <c r="N853122" s="10"/>
    </row>
    <row r="853123" spans="14:14">
      <c r="N853123" s="10"/>
    </row>
    <row r="853124" spans="14:14">
      <c r="N853124" s="10"/>
    </row>
    <row r="853125" spans="14:14">
      <c r="N853125" s="10"/>
    </row>
    <row r="853126" spans="14:14">
      <c r="N853126" s="10"/>
    </row>
    <row r="853127" spans="14:14">
      <c r="N853127" s="10"/>
    </row>
    <row r="853128" spans="14:14">
      <c r="N853128" s="10"/>
    </row>
    <row r="853129" spans="14:14">
      <c r="N853129" s="10"/>
    </row>
    <row r="853130" spans="14:14">
      <c r="N853130" s="10"/>
    </row>
    <row r="853131" spans="14:14">
      <c r="N853131" s="10"/>
    </row>
    <row r="853132" spans="14:14">
      <c r="N853132" s="10"/>
    </row>
    <row r="853133" spans="14:14">
      <c r="N853133" s="10"/>
    </row>
    <row r="853134" spans="14:14">
      <c r="N853134" s="10"/>
    </row>
    <row r="853135" spans="14:14">
      <c r="N853135" s="10"/>
    </row>
    <row r="853136" spans="14:14">
      <c r="N853136" s="10"/>
    </row>
    <row r="853137" spans="14:14">
      <c r="N853137" s="10"/>
    </row>
    <row r="853138" spans="14:14">
      <c r="N853138" s="10"/>
    </row>
    <row r="853139" spans="14:14">
      <c r="N853139" s="10"/>
    </row>
    <row r="853140" spans="14:14">
      <c r="N853140" s="10"/>
    </row>
    <row r="853141" spans="14:14">
      <c r="N853141" s="10"/>
    </row>
    <row r="853142" spans="14:14">
      <c r="N853142" s="10"/>
    </row>
    <row r="853143" spans="14:14">
      <c r="N853143" s="10"/>
    </row>
    <row r="853144" spans="14:14">
      <c r="N853144" s="10"/>
    </row>
    <row r="853145" spans="14:14">
      <c r="N853145" s="10"/>
    </row>
    <row r="853146" spans="14:14">
      <c r="N853146" s="10"/>
    </row>
    <row r="853147" spans="14:14">
      <c r="N853147" s="10"/>
    </row>
    <row r="853148" spans="14:14">
      <c r="N853148" s="10"/>
    </row>
    <row r="853149" spans="14:14">
      <c r="N853149" s="10"/>
    </row>
    <row r="853150" spans="14:14">
      <c r="N853150" s="10"/>
    </row>
    <row r="853151" spans="14:14">
      <c r="N853151" s="10"/>
    </row>
    <row r="853152" spans="14:14">
      <c r="N853152" s="10"/>
    </row>
    <row r="853153" spans="14:14">
      <c r="N853153" s="10"/>
    </row>
    <row r="853154" spans="14:14">
      <c r="N853154" s="10"/>
    </row>
    <row r="853155" spans="14:14">
      <c r="N853155" s="10"/>
    </row>
    <row r="853156" spans="14:14">
      <c r="N853156" s="10"/>
    </row>
    <row r="853157" spans="14:14">
      <c r="N853157" s="10"/>
    </row>
    <row r="853158" spans="14:14">
      <c r="N853158" s="10"/>
    </row>
    <row r="853159" spans="14:14">
      <c r="N853159" s="10"/>
    </row>
    <row r="853160" spans="14:14">
      <c r="N853160" s="10"/>
    </row>
    <row r="853161" spans="14:14">
      <c r="N853161" s="10"/>
    </row>
    <row r="853162" spans="14:14">
      <c r="N853162" s="10"/>
    </row>
    <row r="853163" spans="14:14">
      <c r="N853163" s="10"/>
    </row>
    <row r="853164" spans="14:14">
      <c r="N853164" s="10"/>
    </row>
    <row r="853165" spans="14:14">
      <c r="N853165" s="10"/>
    </row>
    <row r="853166" spans="14:14">
      <c r="N853166" s="10"/>
    </row>
    <row r="853167" spans="14:14">
      <c r="N853167" s="10"/>
    </row>
    <row r="853168" spans="14:14">
      <c r="N853168" s="10"/>
    </row>
    <row r="853169" spans="14:14">
      <c r="N853169" s="10"/>
    </row>
    <row r="853170" spans="14:14">
      <c r="N853170" s="10"/>
    </row>
    <row r="853171" spans="14:14">
      <c r="N853171" s="10"/>
    </row>
    <row r="853172" spans="14:14">
      <c r="N853172" s="10"/>
    </row>
    <row r="853173" spans="14:14">
      <c r="N853173" s="10"/>
    </row>
    <row r="853174" spans="14:14">
      <c r="N853174" s="10"/>
    </row>
    <row r="853175" spans="14:14">
      <c r="N853175" s="10"/>
    </row>
    <row r="853176" spans="14:14">
      <c r="N853176" s="10"/>
    </row>
    <row r="853177" spans="14:14">
      <c r="N853177" s="10"/>
    </row>
    <row r="853178" spans="14:14">
      <c r="N853178" s="10"/>
    </row>
    <row r="853179" spans="14:14">
      <c r="N853179" s="10"/>
    </row>
    <row r="853180" spans="14:14">
      <c r="N853180" s="10"/>
    </row>
    <row r="853181" spans="14:14">
      <c r="N853181" s="10"/>
    </row>
    <row r="853182" spans="14:14">
      <c r="N853182" s="10"/>
    </row>
    <row r="853183" spans="14:14">
      <c r="N853183" s="10"/>
    </row>
    <row r="853184" spans="14:14">
      <c r="N853184" s="10"/>
    </row>
    <row r="853185" spans="14:14">
      <c r="N853185" s="10"/>
    </row>
    <row r="853186" spans="14:14">
      <c r="N853186" s="10"/>
    </row>
    <row r="853187" spans="14:14">
      <c r="N853187" s="10"/>
    </row>
    <row r="853188" spans="14:14">
      <c r="N853188" s="10"/>
    </row>
    <row r="853189" spans="14:14">
      <c r="N853189" s="10"/>
    </row>
    <row r="853190" spans="14:14">
      <c r="N853190" s="10"/>
    </row>
    <row r="853191" spans="14:14">
      <c r="N853191" s="10"/>
    </row>
    <row r="853192" spans="14:14">
      <c r="N853192" s="10"/>
    </row>
    <row r="853193" spans="14:14">
      <c r="N853193" s="10"/>
    </row>
    <row r="853194" spans="14:14">
      <c r="N853194" s="10"/>
    </row>
    <row r="853195" spans="14:14">
      <c r="N853195" s="10"/>
    </row>
    <row r="853196" spans="14:14">
      <c r="N853196" s="10"/>
    </row>
    <row r="853197" spans="14:14">
      <c r="N853197" s="10"/>
    </row>
    <row r="853198" spans="14:14">
      <c r="N853198" s="10"/>
    </row>
    <row r="853199" spans="14:14">
      <c r="N853199" s="10"/>
    </row>
    <row r="853200" spans="14:14">
      <c r="N853200" s="10"/>
    </row>
    <row r="853201" spans="14:14">
      <c r="N853201" s="10"/>
    </row>
    <row r="853202" spans="14:14">
      <c r="N853202" s="10"/>
    </row>
    <row r="853203" spans="14:14">
      <c r="N853203" s="10"/>
    </row>
    <row r="853204" spans="14:14">
      <c r="N853204" s="10"/>
    </row>
    <row r="853205" spans="14:14">
      <c r="N853205" s="10"/>
    </row>
    <row r="853206" spans="14:14">
      <c r="N853206" s="10"/>
    </row>
    <row r="853207" spans="14:14">
      <c r="N853207" s="10"/>
    </row>
    <row r="853208" spans="14:14">
      <c r="N853208" s="10"/>
    </row>
    <row r="853209" spans="14:14">
      <c r="N853209" s="10"/>
    </row>
    <row r="853210" spans="14:14">
      <c r="N853210" s="10"/>
    </row>
    <row r="853211" spans="14:14">
      <c r="N853211" s="10"/>
    </row>
    <row r="853212" spans="14:14">
      <c r="N853212" s="10"/>
    </row>
    <row r="853213" spans="14:14">
      <c r="N853213" s="10"/>
    </row>
    <row r="853214" spans="14:14">
      <c r="N853214" s="10"/>
    </row>
    <row r="853215" spans="14:14">
      <c r="N853215" s="10"/>
    </row>
    <row r="853216" spans="14:14">
      <c r="N853216" s="10"/>
    </row>
    <row r="853217" spans="14:14">
      <c r="N853217" s="10"/>
    </row>
    <row r="853218" spans="14:14">
      <c r="N853218" s="10"/>
    </row>
    <row r="853219" spans="14:14">
      <c r="N853219" s="10"/>
    </row>
    <row r="853220" spans="14:14">
      <c r="N853220" s="10"/>
    </row>
    <row r="853221" spans="14:14">
      <c r="N853221" s="10"/>
    </row>
    <row r="853222" spans="14:14">
      <c r="N853222" s="10"/>
    </row>
    <row r="853223" spans="14:14">
      <c r="N853223" s="10"/>
    </row>
    <row r="853224" spans="14:14">
      <c r="N853224" s="10"/>
    </row>
    <row r="853225" spans="14:14">
      <c r="N853225" s="10"/>
    </row>
    <row r="853226" spans="14:14">
      <c r="N853226" s="10"/>
    </row>
    <row r="853227" spans="14:14">
      <c r="N853227" s="10"/>
    </row>
    <row r="853228" spans="14:14">
      <c r="N853228" s="10"/>
    </row>
    <row r="853229" spans="14:14">
      <c r="N853229" s="10"/>
    </row>
    <row r="853230" spans="14:14">
      <c r="N853230" s="10"/>
    </row>
    <row r="853231" spans="14:14">
      <c r="N853231" s="10"/>
    </row>
    <row r="853232" spans="14:14">
      <c r="N853232" s="10"/>
    </row>
    <row r="853233" spans="14:14">
      <c r="N853233" s="10"/>
    </row>
    <row r="853234" spans="14:14">
      <c r="N853234" s="10"/>
    </row>
    <row r="853235" spans="14:14">
      <c r="N853235" s="10"/>
    </row>
    <row r="853236" spans="14:14">
      <c r="N853236" s="10"/>
    </row>
    <row r="853237" spans="14:14">
      <c r="N853237" s="10"/>
    </row>
    <row r="853238" spans="14:14">
      <c r="N853238" s="10"/>
    </row>
    <row r="853239" spans="14:14">
      <c r="N853239" s="10"/>
    </row>
    <row r="853240" spans="14:14">
      <c r="N853240" s="10"/>
    </row>
    <row r="853241" spans="14:14">
      <c r="N853241" s="10"/>
    </row>
    <row r="853242" spans="14:14">
      <c r="N853242" s="10"/>
    </row>
    <row r="853243" spans="14:14">
      <c r="N853243" s="10"/>
    </row>
    <row r="853244" spans="14:14">
      <c r="N853244" s="10"/>
    </row>
    <row r="853245" spans="14:14">
      <c r="N853245" s="10"/>
    </row>
    <row r="853246" spans="14:14">
      <c r="N853246" s="10"/>
    </row>
    <row r="853247" spans="14:14">
      <c r="N853247" s="10"/>
    </row>
    <row r="853248" spans="14:14">
      <c r="N853248" s="10"/>
    </row>
    <row r="853249" spans="14:14">
      <c r="N853249" s="10"/>
    </row>
    <row r="853250" spans="14:14">
      <c r="N853250" s="10"/>
    </row>
    <row r="853251" spans="14:14">
      <c r="N853251" s="10"/>
    </row>
    <row r="853252" spans="14:14">
      <c r="N853252" s="10"/>
    </row>
    <row r="853253" spans="14:14">
      <c r="N853253" s="10"/>
    </row>
    <row r="853254" spans="14:14">
      <c r="N853254" s="10"/>
    </row>
    <row r="853255" spans="14:14">
      <c r="N853255" s="10"/>
    </row>
    <row r="853256" spans="14:14">
      <c r="N853256" s="10"/>
    </row>
    <row r="853257" spans="14:14">
      <c r="N853257" s="10"/>
    </row>
    <row r="853258" spans="14:14">
      <c r="N853258" s="10"/>
    </row>
    <row r="853259" spans="14:14">
      <c r="N853259" s="10"/>
    </row>
    <row r="853260" spans="14:14">
      <c r="N853260" s="10"/>
    </row>
    <row r="853261" spans="14:14">
      <c r="N853261" s="10"/>
    </row>
    <row r="853262" spans="14:14">
      <c r="N853262" s="10"/>
    </row>
    <row r="853263" spans="14:14">
      <c r="N853263" s="10"/>
    </row>
    <row r="853264" spans="14:14">
      <c r="N853264" s="10"/>
    </row>
    <row r="853265" spans="14:14">
      <c r="N853265" s="10"/>
    </row>
    <row r="853266" spans="14:14">
      <c r="N853266" s="10"/>
    </row>
    <row r="853267" spans="14:14">
      <c r="N853267" s="10"/>
    </row>
    <row r="853268" spans="14:14">
      <c r="N853268" s="10"/>
    </row>
    <row r="853269" spans="14:14">
      <c r="N853269" s="10"/>
    </row>
    <row r="853270" spans="14:14">
      <c r="N853270" s="10"/>
    </row>
    <row r="853271" spans="14:14">
      <c r="N853271" s="10"/>
    </row>
    <row r="853272" spans="14:14">
      <c r="N853272" s="10"/>
    </row>
    <row r="853273" spans="14:14">
      <c r="N853273" s="10"/>
    </row>
    <row r="853274" spans="14:14">
      <c r="N853274" s="10"/>
    </row>
    <row r="853275" spans="14:14">
      <c r="N853275" s="10"/>
    </row>
    <row r="853276" spans="14:14">
      <c r="N853276" s="10"/>
    </row>
    <row r="853277" spans="14:14">
      <c r="N853277" s="10"/>
    </row>
    <row r="853278" spans="14:14">
      <c r="N853278" s="10"/>
    </row>
    <row r="853279" spans="14:14">
      <c r="N853279" s="10"/>
    </row>
    <row r="853280" spans="14:14">
      <c r="N853280" s="10"/>
    </row>
    <row r="853281" spans="14:14">
      <c r="N853281" s="10"/>
    </row>
    <row r="853282" spans="14:14">
      <c r="N853282" s="10"/>
    </row>
    <row r="853283" spans="14:14">
      <c r="N853283" s="10"/>
    </row>
    <row r="853284" spans="14:14">
      <c r="N853284" s="10"/>
    </row>
    <row r="853285" spans="14:14">
      <c r="N853285" s="10"/>
    </row>
    <row r="853286" spans="14:14">
      <c r="N853286" s="10"/>
    </row>
    <row r="853287" spans="14:14">
      <c r="N853287" s="10"/>
    </row>
    <row r="853288" spans="14:14">
      <c r="N853288" s="10"/>
    </row>
    <row r="853289" spans="14:14">
      <c r="N853289" s="10"/>
    </row>
    <row r="853290" spans="14:14">
      <c r="N853290" s="10"/>
    </row>
    <row r="853291" spans="14:14">
      <c r="N853291" s="10"/>
    </row>
    <row r="853292" spans="14:14">
      <c r="N853292" s="10"/>
    </row>
    <row r="853293" spans="14:14">
      <c r="N853293" s="10"/>
    </row>
    <row r="853294" spans="14:14">
      <c r="N853294" s="10"/>
    </row>
    <row r="853295" spans="14:14">
      <c r="N853295" s="10"/>
    </row>
    <row r="853296" spans="14:14">
      <c r="N853296" s="10"/>
    </row>
    <row r="853297" spans="14:14">
      <c r="N853297" s="10"/>
    </row>
    <row r="853298" spans="14:14">
      <c r="N853298" s="10"/>
    </row>
    <row r="853299" spans="14:14">
      <c r="N853299" s="10"/>
    </row>
    <row r="853300" spans="14:14">
      <c r="N853300" s="10"/>
    </row>
    <row r="853301" spans="14:14">
      <c r="N853301" s="10"/>
    </row>
    <row r="853302" spans="14:14">
      <c r="N853302" s="10"/>
    </row>
    <row r="853303" spans="14:14">
      <c r="N853303" s="10"/>
    </row>
    <row r="853304" spans="14:14">
      <c r="N853304" s="10"/>
    </row>
    <row r="853305" spans="14:14">
      <c r="N853305" s="10"/>
    </row>
    <row r="853306" spans="14:14">
      <c r="N853306" s="10"/>
    </row>
    <row r="853307" spans="14:14">
      <c r="N853307" s="10"/>
    </row>
    <row r="853308" spans="14:14">
      <c r="N853308" s="10"/>
    </row>
    <row r="853309" spans="14:14">
      <c r="N853309" s="10"/>
    </row>
    <row r="853310" spans="14:14">
      <c r="N853310" s="10"/>
    </row>
    <row r="853311" spans="14:14">
      <c r="N853311" s="10"/>
    </row>
    <row r="853312" spans="14:14">
      <c r="N853312" s="10"/>
    </row>
    <row r="853313" spans="14:14">
      <c r="N853313" s="10"/>
    </row>
    <row r="853314" spans="14:14">
      <c r="N853314" s="10"/>
    </row>
    <row r="853315" spans="14:14">
      <c r="N853315" s="10"/>
    </row>
    <row r="853316" spans="14:14">
      <c r="N853316" s="10"/>
    </row>
    <row r="853317" spans="14:14">
      <c r="N853317" s="10"/>
    </row>
    <row r="853318" spans="14:14">
      <c r="N853318" s="10"/>
    </row>
    <row r="853319" spans="14:14">
      <c r="N853319" s="10"/>
    </row>
    <row r="853320" spans="14:14">
      <c r="N853320" s="10"/>
    </row>
    <row r="853321" spans="14:14">
      <c r="N853321" s="10"/>
    </row>
    <row r="853322" spans="14:14">
      <c r="N853322" s="10"/>
    </row>
    <row r="853323" spans="14:14">
      <c r="N853323" s="10"/>
    </row>
    <row r="853324" spans="14:14">
      <c r="N853324" s="10"/>
    </row>
    <row r="853325" spans="14:14">
      <c r="N853325" s="10"/>
    </row>
    <row r="853326" spans="14:14">
      <c r="N853326" s="10"/>
    </row>
    <row r="853327" spans="14:14">
      <c r="N853327" s="10"/>
    </row>
    <row r="853328" spans="14:14">
      <c r="N853328" s="10"/>
    </row>
    <row r="853329" spans="14:14">
      <c r="N853329" s="10"/>
    </row>
    <row r="853330" spans="14:14">
      <c r="N853330" s="10"/>
    </row>
    <row r="853331" spans="14:14">
      <c r="N853331" s="10"/>
    </row>
    <row r="853332" spans="14:14">
      <c r="N853332" s="10"/>
    </row>
    <row r="853333" spans="14:14">
      <c r="N853333" s="10"/>
    </row>
    <row r="853334" spans="14:14">
      <c r="N853334" s="10"/>
    </row>
    <row r="853335" spans="14:14">
      <c r="N853335" s="10"/>
    </row>
    <row r="853336" spans="14:14">
      <c r="N853336" s="10"/>
    </row>
    <row r="853337" spans="14:14">
      <c r="N853337" s="10"/>
    </row>
    <row r="853338" spans="14:14">
      <c r="N853338" s="10"/>
    </row>
    <row r="853339" spans="14:14">
      <c r="N853339" s="10"/>
    </row>
    <row r="853340" spans="14:14">
      <c r="N853340" s="10"/>
    </row>
    <row r="853341" spans="14:14">
      <c r="N853341" s="10"/>
    </row>
    <row r="853342" spans="14:14">
      <c r="N853342" s="10"/>
    </row>
    <row r="853343" spans="14:14">
      <c r="N853343" s="10"/>
    </row>
    <row r="853344" spans="14:14">
      <c r="N853344" s="10"/>
    </row>
    <row r="853345" spans="14:14">
      <c r="N853345" s="10"/>
    </row>
    <row r="853346" spans="14:14">
      <c r="N853346" s="10"/>
    </row>
    <row r="853347" spans="14:14">
      <c r="N853347" s="10"/>
    </row>
    <row r="853348" spans="14:14">
      <c r="N853348" s="10"/>
    </row>
    <row r="853349" spans="14:14">
      <c r="N853349" s="10"/>
    </row>
    <row r="853350" spans="14:14">
      <c r="N853350" s="10"/>
    </row>
    <row r="853351" spans="14:14">
      <c r="N853351" s="10"/>
    </row>
    <row r="853352" spans="14:14">
      <c r="N853352" s="10"/>
    </row>
    <row r="853353" spans="14:14">
      <c r="N853353" s="10"/>
    </row>
    <row r="853354" spans="14:14">
      <c r="N853354" s="10"/>
    </row>
    <row r="853355" spans="14:14">
      <c r="N853355" s="10"/>
    </row>
    <row r="853356" spans="14:14">
      <c r="N853356" s="10"/>
    </row>
    <row r="853357" spans="14:14">
      <c r="N853357" s="10"/>
    </row>
    <row r="853358" spans="14:14">
      <c r="N853358" s="10"/>
    </row>
    <row r="853359" spans="14:14">
      <c r="N853359" s="10"/>
    </row>
    <row r="853360" spans="14:14">
      <c r="N853360" s="10"/>
    </row>
    <row r="853361" spans="14:14">
      <c r="N853361" s="10"/>
    </row>
    <row r="853362" spans="14:14">
      <c r="N853362" s="10"/>
    </row>
    <row r="853363" spans="14:14">
      <c r="N853363" s="10"/>
    </row>
    <row r="853364" spans="14:14">
      <c r="N853364" s="10"/>
    </row>
    <row r="853365" spans="14:14">
      <c r="N853365" s="10"/>
    </row>
    <row r="853366" spans="14:14">
      <c r="N853366" s="10"/>
    </row>
    <row r="853367" spans="14:14">
      <c r="N853367" s="10"/>
    </row>
    <row r="853368" spans="14:14">
      <c r="N853368" s="10"/>
    </row>
    <row r="853369" spans="14:14">
      <c r="N853369" s="10"/>
    </row>
    <row r="853370" spans="14:14">
      <c r="N853370" s="10"/>
    </row>
    <row r="853371" spans="14:14">
      <c r="N853371" s="10"/>
    </row>
    <row r="853372" spans="14:14">
      <c r="N853372" s="10"/>
    </row>
    <row r="853373" spans="14:14">
      <c r="N853373" s="10"/>
    </row>
    <row r="853374" spans="14:14">
      <c r="N853374" s="10"/>
    </row>
    <row r="853375" spans="14:14">
      <c r="N853375" s="10"/>
    </row>
    <row r="853376" spans="14:14">
      <c r="N853376" s="10"/>
    </row>
    <row r="853377" spans="14:14">
      <c r="N853377" s="10"/>
    </row>
    <row r="853378" spans="14:14">
      <c r="N853378" s="10"/>
    </row>
    <row r="853379" spans="14:14">
      <c r="N853379" s="10"/>
    </row>
    <row r="853380" spans="14:14">
      <c r="N853380" s="10"/>
    </row>
    <row r="853381" spans="14:14">
      <c r="N853381" s="10"/>
    </row>
    <row r="853382" spans="14:14">
      <c r="N853382" s="10"/>
    </row>
    <row r="853383" spans="14:14">
      <c r="N853383" s="10"/>
    </row>
    <row r="853384" spans="14:14">
      <c r="N853384" s="10"/>
    </row>
    <row r="853385" spans="14:14">
      <c r="N853385" s="10"/>
    </row>
    <row r="853386" spans="14:14">
      <c r="N853386" s="10"/>
    </row>
    <row r="853387" spans="14:14">
      <c r="N853387" s="10"/>
    </row>
    <row r="853388" spans="14:14">
      <c r="N853388" s="10"/>
    </row>
    <row r="853389" spans="14:14">
      <c r="N853389" s="10"/>
    </row>
    <row r="853390" spans="14:14">
      <c r="N853390" s="10"/>
    </row>
    <row r="853391" spans="14:14">
      <c r="N853391" s="10"/>
    </row>
    <row r="853392" spans="14:14">
      <c r="N853392" s="10"/>
    </row>
    <row r="853393" spans="14:14">
      <c r="N853393" s="10"/>
    </row>
    <row r="853394" spans="14:14">
      <c r="N853394" s="10"/>
    </row>
    <row r="853395" spans="14:14">
      <c r="N853395" s="10"/>
    </row>
    <row r="853396" spans="14:14">
      <c r="N853396" s="10"/>
    </row>
    <row r="853397" spans="14:14">
      <c r="N853397" s="10"/>
    </row>
    <row r="853398" spans="14:14">
      <c r="N853398" s="10"/>
    </row>
    <row r="853399" spans="14:14">
      <c r="N853399" s="10"/>
    </row>
    <row r="853400" spans="14:14">
      <c r="N853400" s="10"/>
    </row>
    <row r="853401" spans="14:14">
      <c r="N853401" s="10"/>
    </row>
    <row r="853402" spans="14:14">
      <c r="N853402" s="10"/>
    </row>
    <row r="853403" spans="14:14">
      <c r="N853403" s="10"/>
    </row>
    <row r="853404" spans="14:14">
      <c r="N853404" s="10"/>
    </row>
    <row r="853405" spans="14:14">
      <c r="N853405" s="10"/>
    </row>
    <row r="853406" spans="14:14">
      <c r="N853406" s="10"/>
    </row>
    <row r="853407" spans="14:14">
      <c r="N853407" s="10"/>
    </row>
    <row r="853408" spans="14:14">
      <c r="N853408" s="10"/>
    </row>
    <row r="853409" spans="14:14">
      <c r="N853409" s="10"/>
    </row>
    <row r="853410" spans="14:14">
      <c r="N853410" s="10"/>
    </row>
    <row r="853411" spans="14:14">
      <c r="N853411" s="10"/>
    </row>
    <row r="853412" spans="14:14">
      <c r="N853412" s="10"/>
    </row>
    <row r="853413" spans="14:14">
      <c r="N853413" s="10"/>
    </row>
    <row r="853414" spans="14:14">
      <c r="N853414" s="10"/>
    </row>
    <row r="853415" spans="14:14">
      <c r="N853415" s="10"/>
    </row>
    <row r="853416" spans="14:14">
      <c r="N853416" s="10"/>
    </row>
    <row r="853417" spans="14:14">
      <c r="N853417" s="10"/>
    </row>
    <row r="853418" spans="14:14">
      <c r="N853418" s="10"/>
    </row>
    <row r="853419" spans="14:14">
      <c r="N853419" s="10"/>
    </row>
    <row r="853420" spans="14:14">
      <c r="N853420" s="10"/>
    </row>
    <row r="853421" spans="14:14">
      <c r="N853421" s="10"/>
    </row>
    <row r="853422" spans="14:14">
      <c r="N853422" s="10"/>
    </row>
    <row r="853423" spans="14:14">
      <c r="N853423" s="10"/>
    </row>
    <row r="853424" spans="14:14">
      <c r="N853424" s="10"/>
    </row>
    <row r="853425" spans="14:14">
      <c r="N853425" s="10"/>
    </row>
    <row r="853426" spans="14:14">
      <c r="N853426" s="10"/>
    </row>
    <row r="853427" spans="14:14">
      <c r="N853427" s="10"/>
    </row>
    <row r="853428" spans="14:14">
      <c r="N853428" s="10"/>
    </row>
    <row r="853429" spans="14:14">
      <c r="N853429" s="10"/>
    </row>
    <row r="853430" spans="14:14">
      <c r="N853430" s="10"/>
    </row>
    <row r="853431" spans="14:14">
      <c r="N853431" s="10"/>
    </row>
    <row r="853432" spans="14:14">
      <c r="N853432" s="10"/>
    </row>
    <row r="853433" spans="14:14">
      <c r="N853433" s="10"/>
    </row>
    <row r="853434" spans="14:14">
      <c r="N853434" s="10"/>
    </row>
    <row r="853435" spans="14:14">
      <c r="N853435" s="10"/>
    </row>
    <row r="853436" spans="14:14">
      <c r="N853436" s="10"/>
    </row>
    <row r="853437" spans="14:14">
      <c r="N853437" s="10"/>
    </row>
    <row r="853438" spans="14:14">
      <c r="N853438" s="10"/>
    </row>
    <row r="853439" spans="14:14">
      <c r="N853439" s="10"/>
    </row>
    <row r="853440" spans="14:14">
      <c r="N853440" s="10"/>
    </row>
    <row r="853441" spans="14:14">
      <c r="N853441" s="10"/>
    </row>
    <row r="853442" spans="14:14">
      <c r="N853442" s="10"/>
    </row>
    <row r="853443" spans="14:14">
      <c r="N853443" s="10"/>
    </row>
    <row r="853444" spans="14:14">
      <c r="N853444" s="10"/>
    </row>
    <row r="853445" spans="14:14">
      <c r="N853445" s="10"/>
    </row>
    <row r="853446" spans="14:14">
      <c r="N853446" s="10"/>
    </row>
    <row r="853447" spans="14:14">
      <c r="N853447" s="10"/>
    </row>
    <row r="853448" spans="14:14">
      <c r="N853448" s="10"/>
    </row>
    <row r="853449" spans="14:14">
      <c r="N853449" s="10"/>
    </row>
    <row r="853450" spans="14:14">
      <c r="N853450" s="10"/>
    </row>
    <row r="853451" spans="14:14">
      <c r="N853451" s="10"/>
    </row>
    <row r="853452" spans="14:14">
      <c r="N853452" s="10"/>
    </row>
    <row r="853453" spans="14:14">
      <c r="N853453" s="10"/>
    </row>
    <row r="853454" spans="14:14">
      <c r="N853454" s="10"/>
    </row>
    <row r="853455" spans="14:14">
      <c r="N853455" s="10"/>
    </row>
    <row r="853456" spans="14:14">
      <c r="N853456" s="10"/>
    </row>
    <row r="853457" spans="14:14">
      <c r="N853457" s="10"/>
    </row>
    <row r="853458" spans="14:14">
      <c r="N853458" s="10"/>
    </row>
    <row r="853459" spans="14:14">
      <c r="N853459" s="10"/>
    </row>
    <row r="853460" spans="14:14">
      <c r="N853460" s="10"/>
    </row>
    <row r="853461" spans="14:14">
      <c r="N853461" s="10"/>
    </row>
    <row r="853462" spans="14:14">
      <c r="N853462" s="10"/>
    </row>
    <row r="853463" spans="14:14">
      <c r="N853463" s="10"/>
    </row>
    <row r="853464" spans="14:14">
      <c r="N853464" s="10"/>
    </row>
    <row r="853465" spans="14:14">
      <c r="N853465" s="10"/>
    </row>
    <row r="853466" spans="14:14">
      <c r="N853466" s="10"/>
    </row>
    <row r="853467" spans="14:14">
      <c r="N853467" s="10"/>
    </row>
    <row r="853468" spans="14:14">
      <c r="N853468" s="10"/>
    </row>
    <row r="853469" spans="14:14">
      <c r="N853469" s="10"/>
    </row>
    <row r="853470" spans="14:14">
      <c r="N853470" s="10"/>
    </row>
    <row r="853471" spans="14:14">
      <c r="N853471" s="10"/>
    </row>
    <row r="853472" spans="14:14">
      <c r="N853472" s="10"/>
    </row>
    <row r="853473" spans="14:14">
      <c r="N853473" s="10"/>
    </row>
    <row r="853474" spans="14:14">
      <c r="N853474" s="10"/>
    </row>
    <row r="853475" spans="14:14">
      <c r="N853475" s="10"/>
    </row>
    <row r="853476" spans="14:14">
      <c r="N853476" s="10"/>
    </row>
    <row r="853477" spans="14:14">
      <c r="N853477" s="10"/>
    </row>
    <row r="853478" spans="14:14">
      <c r="N853478" s="10"/>
    </row>
    <row r="853479" spans="14:14">
      <c r="N853479" s="10"/>
    </row>
    <row r="853480" spans="14:14">
      <c r="N853480" s="10"/>
    </row>
    <row r="853481" spans="14:14">
      <c r="N853481" s="10"/>
    </row>
    <row r="853482" spans="14:14">
      <c r="N853482" s="10"/>
    </row>
    <row r="853483" spans="14:14">
      <c r="N853483" s="10"/>
    </row>
    <row r="853484" spans="14:14">
      <c r="N853484" s="10"/>
    </row>
    <row r="853485" spans="14:14">
      <c r="N853485" s="10"/>
    </row>
    <row r="853486" spans="14:14">
      <c r="N853486" s="10"/>
    </row>
    <row r="853487" spans="14:14">
      <c r="N853487" s="10"/>
    </row>
    <row r="853488" spans="14:14">
      <c r="N853488" s="10"/>
    </row>
    <row r="853489" spans="14:14">
      <c r="N853489" s="10"/>
    </row>
    <row r="853490" spans="14:14">
      <c r="N853490" s="10"/>
    </row>
    <row r="853491" spans="14:14">
      <c r="N853491" s="10"/>
    </row>
    <row r="853492" spans="14:14">
      <c r="N853492" s="10"/>
    </row>
    <row r="853493" spans="14:14">
      <c r="N853493" s="10"/>
    </row>
    <row r="853494" spans="14:14">
      <c r="N853494" s="10"/>
    </row>
    <row r="853495" spans="14:14">
      <c r="N853495" s="10"/>
    </row>
    <row r="853496" spans="14:14">
      <c r="N853496" s="10"/>
    </row>
    <row r="853497" spans="14:14">
      <c r="N853497" s="10"/>
    </row>
    <row r="853498" spans="14:14">
      <c r="N853498" s="10"/>
    </row>
    <row r="853499" spans="14:14">
      <c r="N853499" s="10"/>
    </row>
    <row r="853500" spans="14:14">
      <c r="N853500" s="10"/>
    </row>
    <row r="853501" spans="14:14">
      <c r="N853501" s="10"/>
    </row>
    <row r="853502" spans="14:14">
      <c r="N853502" s="10"/>
    </row>
    <row r="853503" spans="14:14">
      <c r="N853503" s="10"/>
    </row>
    <row r="853504" spans="14:14">
      <c r="N853504" s="10"/>
    </row>
    <row r="853505" spans="14:14">
      <c r="N853505" s="10"/>
    </row>
    <row r="853506" spans="14:14">
      <c r="N853506" s="10"/>
    </row>
    <row r="853507" spans="14:14">
      <c r="N853507" s="10"/>
    </row>
    <row r="853508" spans="14:14">
      <c r="N853508" s="10"/>
    </row>
    <row r="853509" spans="14:14">
      <c r="N853509" s="10"/>
    </row>
    <row r="853510" spans="14:14">
      <c r="N853510" s="10"/>
    </row>
    <row r="853511" spans="14:14">
      <c r="N853511" s="10"/>
    </row>
    <row r="853512" spans="14:14">
      <c r="N853512" s="10"/>
    </row>
    <row r="853513" spans="14:14">
      <c r="N853513" s="10"/>
    </row>
    <row r="853514" spans="14:14">
      <c r="N853514" s="10"/>
    </row>
    <row r="853515" spans="14:14">
      <c r="N853515" s="10"/>
    </row>
    <row r="853516" spans="14:14">
      <c r="N853516" s="10"/>
    </row>
    <row r="853517" spans="14:14">
      <c r="N853517" s="10"/>
    </row>
    <row r="853518" spans="14:14">
      <c r="N853518" s="10"/>
    </row>
    <row r="853519" spans="14:14">
      <c r="N853519" s="10"/>
    </row>
    <row r="853520" spans="14:14">
      <c r="N853520" s="10"/>
    </row>
    <row r="853521" spans="14:14">
      <c r="N853521" s="10"/>
    </row>
    <row r="853522" spans="14:14">
      <c r="N853522" s="10"/>
    </row>
    <row r="853523" spans="14:14">
      <c r="N853523" s="10"/>
    </row>
    <row r="853524" spans="14:14">
      <c r="N853524" s="10"/>
    </row>
    <row r="853525" spans="14:14">
      <c r="N853525" s="10"/>
    </row>
    <row r="853526" spans="14:14">
      <c r="N853526" s="10"/>
    </row>
    <row r="853527" spans="14:14">
      <c r="N853527" s="10"/>
    </row>
    <row r="853528" spans="14:14">
      <c r="N853528" s="10"/>
    </row>
    <row r="853529" spans="14:14">
      <c r="N853529" s="10"/>
    </row>
    <row r="853530" spans="14:14">
      <c r="N853530" s="10"/>
    </row>
    <row r="853531" spans="14:14">
      <c r="N853531" s="10"/>
    </row>
    <row r="853532" spans="14:14">
      <c r="N853532" s="10"/>
    </row>
    <row r="853533" spans="14:14">
      <c r="N853533" s="10"/>
    </row>
    <row r="853534" spans="14:14">
      <c r="N853534" s="10"/>
    </row>
    <row r="853535" spans="14:14">
      <c r="N853535" s="10"/>
    </row>
    <row r="853536" spans="14:14">
      <c r="N853536" s="10"/>
    </row>
    <row r="853537" spans="14:14">
      <c r="N853537" s="10"/>
    </row>
    <row r="853538" spans="14:14">
      <c r="N853538" s="10"/>
    </row>
    <row r="853539" spans="14:14">
      <c r="N853539" s="10"/>
    </row>
    <row r="853540" spans="14:14">
      <c r="N853540" s="10"/>
    </row>
    <row r="853541" spans="14:14">
      <c r="N853541" s="10"/>
    </row>
    <row r="853542" spans="14:14">
      <c r="N853542" s="10"/>
    </row>
    <row r="853543" spans="14:14">
      <c r="N853543" s="10"/>
    </row>
    <row r="853544" spans="14:14">
      <c r="N853544" s="10"/>
    </row>
    <row r="853545" spans="14:14">
      <c r="N853545" s="10"/>
    </row>
    <row r="853546" spans="14:14">
      <c r="N853546" s="10"/>
    </row>
    <row r="853547" spans="14:14">
      <c r="N853547" s="10"/>
    </row>
    <row r="853548" spans="14:14">
      <c r="N853548" s="10"/>
    </row>
    <row r="853549" spans="14:14">
      <c r="N853549" s="10"/>
    </row>
    <row r="853550" spans="14:14">
      <c r="N853550" s="10"/>
    </row>
    <row r="853551" spans="14:14">
      <c r="N853551" s="10"/>
    </row>
    <row r="853552" spans="14:14">
      <c r="N853552" s="10"/>
    </row>
    <row r="853553" spans="14:14">
      <c r="N853553" s="10"/>
    </row>
    <row r="853554" spans="14:14">
      <c r="N853554" s="10"/>
    </row>
    <row r="853555" spans="14:14">
      <c r="N853555" s="10"/>
    </row>
    <row r="853556" spans="14:14">
      <c r="N853556" s="10"/>
    </row>
    <row r="853557" spans="14:14">
      <c r="N853557" s="10"/>
    </row>
    <row r="853558" spans="14:14">
      <c r="N853558" s="10"/>
    </row>
    <row r="853559" spans="14:14">
      <c r="N853559" s="10"/>
    </row>
    <row r="853560" spans="14:14">
      <c r="N853560" s="10"/>
    </row>
    <row r="853561" spans="14:14">
      <c r="N853561" s="10"/>
    </row>
    <row r="853562" spans="14:14">
      <c r="N853562" s="10"/>
    </row>
    <row r="853563" spans="14:14">
      <c r="N853563" s="10"/>
    </row>
    <row r="853564" spans="14:14">
      <c r="N853564" s="10"/>
    </row>
    <row r="853565" spans="14:14">
      <c r="N853565" s="10"/>
    </row>
    <row r="853566" spans="14:14">
      <c r="N853566" s="10"/>
    </row>
    <row r="853567" spans="14:14">
      <c r="N853567" s="10"/>
    </row>
    <row r="853568" spans="14:14">
      <c r="N853568" s="10"/>
    </row>
    <row r="853569" spans="14:14">
      <c r="N853569" s="10"/>
    </row>
    <row r="853570" spans="14:14">
      <c r="N853570" s="10"/>
    </row>
    <row r="853571" spans="14:14">
      <c r="N853571" s="10"/>
    </row>
    <row r="853572" spans="14:14">
      <c r="N853572" s="10"/>
    </row>
    <row r="853573" spans="14:14">
      <c r="N853573" s="10"/>
    </row>
    <row r="853574" spans="14:14">
      <c r="N853574" s="10"/>
    </row>
    <row r="853575" spans="14:14">
      <c r="N853575" s="10"/>
    </row>
    <row r="853576" spans="14:14">
      <c r="N853576" s="10"/>
    </row>
    <row r="853577" spans="14:14">
      <c r="N853577" s="10"/>
    </row>
    <row r="853578" spans="14:14">
      <c r="N853578" s="10"/>
    </row>
    <row r="853579" spans="14:14">
      <c r="N853579" s="10"/>
    </row>
    <row r="853580" spans="14:14">
      <c r="N853580" s="10"/>
    </row>
    <row r="853581" spans="14:14">
      <c r="N853581" s="10"/>
    </row>
    <row r="853582" spans="14:14">
      <c r="N853582" s="10"/>
    </row>
    <row r="853583" spans="14:14">
      <c r="N853583" s="10"/>
    </row>
    <row r="853584" spans="14:14">
      <c r="N853584" s="10"/>
    </row>
    <row r="853585" spans="14:14">
      <c r="N853585" s="10"/>
    </row>
    <row r="853586" spans="14:14">
      <c r="N853586" s="10"/>
    </row>
    <row r="853587" spans="14:14">
      <c r="N853587" s="10"/>
    </row>
    <row r="853588" spans="14:14">
      <c r="N853588" s="10"/>
    </row>
    <row r="853589" spans="14:14">
      <c r="N853589" s="10"/>
    </row>
    <row r="853590" spans="14:14">
      <c r="N853590" s="10"/>
    </row>
    <row r="853591" spans="14:14">
      <c r="N853591" s="10"/>
    </row>
    <row r="853592" spans="14:14">
      <c r="N853592" s="10"/>
    </row>
    <row r="853593" spans="14:14">
      <c r="N853593" s="10"/>
    </row>
    <row r="853594" spans="14:14">
      <c r="N853594" s="10"/>
    </row>
    <row r="853595" spans="14:14">
      <c r="N853595" s="10"/>
    </row>
    <row r="853596" spans="14:14">
      <c r="N853596" s="10"/>
    </row>
    <row r="853597" spans="14:14">
      <c r="N853597" s="10"/>
    </row>
    <row r="853598" spans="14:14">
      <c r="N853598" s="10"/>
    </row>
    <row r="853599" spans="14:14">
      <c r="N853599" s="10"/>
    </row>
    <row r="853600" spans="14:14">
      <c r="N853600" s="10"/>
    </row>
    <row r="853601" spans="14:14">
      <c r="N853601" s="10"/>
    </row>
    <row r="853602" spans="14:14">
      <c r="N853602" s="10"/>
    </row>
    <row r="853603" spans="14:14">
      <c r="N853603" s="10"/>
    </row>
    <row r="853604" spans="14:14">
      <c r="N853604" s="10"/>
    </row>
    <row r="853605" spans="14:14">
      <c r="N853605" s="10"/>
    </row>
    <row r="853606" spans="14:14">
      <c r="N853606" s="10"/>
    </row>
    <row r="853607" spans="14:14">
      <c r="N853607" s="10"/>
    </row>
    <row r="853608" spans="14:14">
      <c r="N853608" s="10"/>
    </row>
    <row r="853609" spans="14:14">
      <c r="N853609" s="10"/>
    </row>
    <row r="853610" spans="14:14">
      <c r="N853610" s="10"/>
    </row>
    <row r="853611" spans="14:14">
      <c r="N853611" s="10"/>
    </row>
    <row r="853612" spans="14:14">
      <c r="N853612" s="10"/>
    </row>
    <row r="853613" spans="14:14">
      <c r="N853613" s="10"/>
    </row>
    <row r="853614" spans="14:14">
      <c r="N853614" s="10"/>
    </row>
    <row r="853615" spans="14:14">
      <c r="N853615" s="10"/>
    </row>
    <row r="853616" spans="14:14">
      <c r="N853616" s="10"/>
    </row>
    <row r="853617" spans="14:14">
      <c r="N853617" s="10"/>
    </row>
    <row r="853618" spans="14:14">
      <c r="N853618" s="10"/>
    </row>
    <row r="853619" spans="14:14">
      <c r="N853619" s="10"/>
    </row>
    <row r="853620" spans="14:14">
      <c r="N853620" s="10"/>
    </row>
    <row r="853621" spans="14:14">
      <c r="N853621" s="10"/>
    </row>
    <row r="853622" spans="14:14">
      <c r="N853622" s="10"/>
    </row>
    <row r="853623" spans="14:14">
      <c r="N853623" s="10"/>
    </row>
    <row r="853624" spans="14:14">
      <c r="N853624" s="10"/>
    </row>
    <row r="853625" spans="14:14">
      <c r="N853625" s="10"/>
    </row>
    <row r="853626" spans="14:14">
      <c r="N853626" s="10"/>
    </row>
    <row r="853627" spans="14:14">
      <c r="N853627" s="10"/>
    </row>
    <row r="853628" spans="14:14">
      <c r="N853628" s="10"/>
    </row>
    <row r="853629" spans="14:14">
      <c r="N853629" s="10"/>
    </row>
    <row r="853630" spans="14:14">
      <c r="N853630" s="10"/>
    </row>
    <row r="853631" spans="14:14">
      <c r="N853631" s="10"/>
    </row>
    <row r="853632" spans="14:14">
      <c r="N853632" s="10"/>
    </row>
    <row r="853633" spans="14:14">
      <c r="N853633" s="10"/>
    </row>
    <row r="853634" spans="14:14">
      <c r="N853634" s="10"/>
    </row>
    <row r="853635" spans="14:14">
      <c r="N853635" s="10"/>
    </row>
    <row r="853636" spans="14:14">
      <c r="N853636" s="10"/>
    </row>
    <row r="853637" spans="14:14">
      <c r="N853637" s="10"/>
    </row>
    <row r="853638" spans="14:14">
      <c r="N853638" s="10"/>
    </row>
    <row r="853639" spans="14:14">
      <c r="N853639" s="10"/>
    </row>
    <row r="853640" spans="14:14">
      <c r="N853640" s="10"/>
    </row>
    <row r="853641" spans="14:14">
      <c r="N853641" s="10"/>
    </row>
    <row r="853642" spans="14:14">
      <c r="N853642" s="10"/>
    </row>
    <row r="853643" spans="14:14">
      <c r="N853643" s="10"/>
    </row>
    <row r="853644" spans="14:14">
      <c r="N853644" s="10"/>
    </row>
    <row r="853645" spans="14:14">
      <c r="N853645" s="10"/>
    </row>
    <row r="853646" spans="14:14">
      <c r="N853646" s="10"/>
    </row>
    <row r="853647" spans="14:14">
      <c r="N853647" s="10"/>
    </row>
    <row r="853648" spans="14:14">
      <c r="N853648" s="10"/>
    </row>
    <row r="853649" spans="14:14">
      <c r="N853649" s="10"/>
    </row>
    <row r="853650" spans="14:14">
      <c r="N853650" s="10"/>
    </row>
    <row r="853651" spans="14:14">
      <c r="N853651" s="10"/>
    </row>
    <row r="853652" spans="14:14">
      <c r="N853652" s="10"/>
    </row>
    <row r="853653" spans="14:14">
      <c r="N853653" s="10"/>
    </row>
    <row r="853654" spans="14:14">
      <c r="N853654" s="10"/>
    </row>
    <row r="853655" spans="14:14">
      <c r="N853655" s="10"/>
    </row>
    <row r="853656" spans="14:14">
      <c r="N853656" s="10"/>
    </row>
    <row r="853657" spans="14:14">
      <c r="N853657" s="10"/>
    </row>
    <row r="853658" spans="14:14">
      <c r="N853658" s="10"/>
    </row>
    <row r="853659" spans="14:14">
      <c r="N853659" s="10"/>
    </row>
    <row r="853660" spans="14:14">
      <c r="N853660" s="10"/>
    </row>
    <row r="853661" spans="14:14">
      <c r="N853661" s="10"/>
    </row>
    <row r="853662" spans="14:14">
      <c r="N853662" s="10"/>
    </row>
    <row r="853663" spans="14:14">
      <c r="N853663" s="10"/>
    </row>
    <row r="853664" spans="14:14">
      <c r="N853664" s="10"/>
    </row>
    <row r="853665" spans="14:14">
      <c r="N853665" s="10"/>
    </row>
    <row r="853666" spans="14:14">
      <c r="N853666" s="10"/>
    </row>
    <row r="853667" spans="14:14">
      <c r="N853667" s="10"/>
    </row>
    <row r="853668" spans="14:14">
      <c r="N853668" s="10"/>
    </row>
    <row r="853669" spans="14:14">
      <c r="N853669" s="10"/>
    </row>
    <row r="853670" spans="14:14">
      <c r="N853670" s="10"/>
    </row>
    <row r="853671" spans="14:14">
      <c r="N853671" s="10"/>
    </row>
    <row r="853672" spans="14:14">
      <c r="N853672" s="10"/>
    </row>
    <row r="853673" spans="14:14">
      <c r="N853673" s="10"/>
    </row>
    <row r="853674" spans="14:14">
      <c r="N853674" s="10"/>
    </row>
    <row r="853675" spans="14:14">
      <c r="N853675" s="10"/>
    </row>
    <row r="853676" spans="14:14">
      <c r="N853676" s="10"/>
    </row>
    <row r="853677" spans="14:14">
      <c r="N853677" s="10"/>
    </row>
    <row r="853678" spans="14:14">
      <c r="N853678" s="10"/>
    </row>
    <row r="853679" spans="14:14">
      <c r="N853679" s="10"/>
    </row>
    <row r="853680" spans="14:14">
      <c r="N853680" s="10"/>
    </row>
    <row r="853681" spans="14:14">
      <c r="N853681" s="10"/>
    </row>
    <row r="853682" spans="14:14">
      <c r="N853682" s="10"/>
    </row>
    <row r="853683" spans="14:14">
      <c r="N853683" s="10"/>
    </row>
    <row r="853684" spans="14:14">
      <c r="N853684" s="10"/>
    </row>
    <row r="853685" spans="14:14">
      <c r="N853685" s="10"/>
    </row>
    <row r="853686" spans="14:14">
      <c r="N853686" s="10"/>
    </row>
    <row r="853687" spans="14:14">
      <c r="N853687" s="10"/>
    </row>
    <row r="853688" spans="14:14">
      <c r="N853688" s="10"/>
    </row>
    <row r="853689" spans="14:14">
      <c r="N853689" s="10"/>
    </row>
    <row r="853690" spans="14:14">
      <c r="N853690" s="10"/>
    </row>
    <row r="853691" spans="14:14">
      <c r="N853691" s="10"/>
    </row>
    <row r="853692" spans="14:14">
      <c r="N853692" s="10"/>
    </row>
    <row r="853693" spans="14:14">
      <c r="N853693" s="10"/>
    </row>
    <row r="853694" spans="14:14">
      <c r="N853694" s="10"/>
    </row>
    <row r="853695" spans="14:14">
      <c r="N853695" s="10"/>
    </row>
    <row r="853696" spans="14:14">
      <c r="N853696" s="10"/>
    </row>
    <row r="853697" spans="14:14">
      <c r="N853697" s="10"/>
    </row>
    <row r="853698" spans="14:14">
      <c r="N853698" s="10"/>
    </row>
    <row r="853699" spans="14:14">
      <c r="N853699" s="10"/>
    </row>
    <row r="853700" spans="14:14">
      <c r="N853700" s="10"/>
    </row>
    <row r="853701" spans="14:14">
      <c r="N853701" s="10"/>
    </row>
    <row r="853702" spans="14:14">
      <c r="N853702" s="10"/>
    </row>
    <row r="853703" spans="14:14">
      <c r="N853703" s="10"/>
    </row>
    <row r="853704" spans="14:14">
      <c r="N853704" s="10"/>
    </row>
    <row r="853705" spans="14:14">
      <c r="N853705" s="10"/>
    </row>
    <row r="853706" spans="14:14">
      <c r="N853706" s="10"/>
    </row>
    <row r="853707" spans="14:14">
      <c r="N853707" s="10"/>
    </row>
    <row r="853708" spans="14:14">
      <c r="N853708" s="10"/>
    </row>
    <row r="853709" spans="14:14">
      <c r="N853709" s="10"/>
    </row>
    <row r="853710" spans="14:14">
      <c r="N853710" s="10"/>
    </row>
    <row r="853711" spans="14:14">
      <c r="N853711" s="10"/>
    </row>
    <row r="853712" spans="14:14">
      <c r="N853712" s="10"/>
    </row>
    <row r="853713" spans="14:14">
      <c r="N853713" s="10"/>
    </row>
    <row r="853714" spans="14:14">
      <c r="N853714" s="10"/>
    </row>
    <row r="853715" spans="14:14">
      <c r="N853715" s="10"/>
    </row>
    <row r="853716" spans="14:14">
      <c r="N853716" s="10"/>
    </row>
    <row r="853717" spans="14:14">
      <c r="N853717" s="10"/>
    </row>
    <row r="853718" spans="14:14">
      <c r="N853718" s="10"/>
    </row>
    <row r="853719" spans="14:14">
      <c r="N853719" s="10"/>
    </row>
    <row r="853720" spans="14:14">
      <c r="N853720" s="10"/>
    </row>
    <row r="853721" spans="14:14">
      <c r="N853721" s="10"/>
    </row>
    <row r="853722" spans="14:14">
      <c r="N853722" s="10"/>
    </row>
    <row r="853723" spans="14:14">
      <c r="N853723" s="10"/>
    </row>
    <row r="853724" spans="14:14">
      <c r="N853724" s="10"/>
    </row>
    <row r="853725" spans="14:14">
      <c r="N853725" s="10"/>
    </row>
    <row r="853726" spans="14:14">
      <c r="N853726" s="10"/>
    </row>
    <row r="853727" spans="14:14">
      <c r="N853727" s="10"/>
    </row>
    <row r="853728" spans="14:14">
      <c r="N853728" s="10"/>
    </row>
    <row r="853729" spans="14:14">
      <c r="N853729" s="10"/>
    </row>
    <row r="853730" spans="14:14">
      <c r="N853730" s="10"/>
    </row>
    <row r="853731" spans="14:14">
      <c r="N853731" s="10"/>
    </row>
    <row r="853732" spans="14:14">
      <c r="N853732" s="10"/>
    </row>
    <row r="853733" spans="14:14">
      <c r="N853733" s="10"/>
    </row>
    <row r="853734" spans="14:14">
      <c r="N853734" s="10"/>
    </row>
    <row r="853735" spans="14:14">
      <c r="N853735" s="10"/>
    </row>
    <row r="853736" spans="14:14">
      <c r="N853736" s="10"/>
    </row>
    <row r="853737" spans="14:14">
      <c r="N853737" s="10"/>
    </row>
    <row r="853738" spans="14:14">
      <c r="N853738" s="10"/>
    </row>
    <row r="853739" spans="14:14">
      <c r="N853739" s="10"/>
    </row>
    <row r="853740" spans="14:14">
      <c r="N853740" s="10"/>
    </row>
    <row r="853741" spans="14:14">
      <c r="N853741" s="10"/>
    </row>
    <row r="853742" spans="14:14">
      <c r="N853742" s="10"/>
    </row>
    <row r="853743" spans="14:14">
      <c r="N853743" s="10"/>
    </row>
    <row r="853744" spans="14:14">
      <c r="N853744" s="10"/>
    </row>
    <row r="853745" spans="14:14">
      <c r="N853745" s="10"/>
    </row>
    <row r="853746" spans="14:14">
      <c r="N853746" s="10"/>
    </row>
    <row r="853747" spans="14:14">
      <c r="N853747" s="10"/>
    </row>
    <row r="853748" spans="14:14">
      <c r="N853748" s="10"/>
    </row>
    <row r="853749" spans="14:14">
      <c r="N853749" s="10"/>
    </row>
    <row r="853750" spans="14:14">
      <c r="N853750" s="10"/>
    </row>
    <row r="853751" spans="14:14">
      <c r="N853751" s="10"/>
    </row>
    <row r="853752" spans="14:14">
      <c r="N853752" s="10"/>
    </row>
    <row r="853753" spans="14:14">
      <c r="N853753" s="10"/>
    </row>
    <row r="853754" spans="14:14">
      <c r="N853754" s="10"/>
    </row>
    <row r="853755" spans="14:14">
      <c r="N853755" s="10"/>
    </row>
    <row r="853756" spans="14:14">
      <c r="N853756" s="10"/>
    </row>
    <row r="853757" spans="14:14">
      <c r="N853757" s="10"/>
    </row>
    <row r="853758" spans="14:14">
      <c r="N853758" s="10"/>
    </row>
    <row r="853759" spans="14:14">
      <c r="N853759" s="10"/>
    </row>
    <row r="853760" spans="14:14">
      <c r="N853760" s="10"/>
    </row>
    <row r="853761" spans="14:14">
      <c r="N853761" s="10"/>
    </row>
    <row r="853762" spans="14:14">
      <c r="N853762" s="10"/>
    </row>
    <row r="853763" spans="14:14">
      <c r="N853763" s="10"/>
    </row>
    <row r="853764" spans="14:14">
      <c r="N853764" s="10"/>
    </row>
    <row r="853765" spans="14:14">
      <c r="N853765" s="10"/>
    </row>
    <row r="853766" spans="14:14">
      <c r="N853766" s="10"/>
    </row>
    <row r="853767" spans="14:14">
      <c r="N853767" s="10"/>
    </row>
    <row r="853768" spans="14:14">
      <c r="N853768" s="10"/>
    </row>
    <row r="853769" spans="14:14">
      <c r="N853769" s="10"/>
    </row>
    <row r="853770" spans="14:14">
      <c r="N853770" s="10"/>
    </row>
    <row r="853771" spans="14:14">
      <c r="N853771" s="10"/>
    </row>
    <row r="853772" spans="14:14">
      <c r="N853772" s="10"/>
    </row>
    <row r="853773" spans="14:14">
      <c r="N853773" s="10"/>
    </row>
    <row r="853774" spans="14:14">
      <c r="N853774" s="10"/>
    </row>
    <row r="853775" spans="14:14">
      <c r="N853775" s="10"/>
    </row>
    <row r="853776" spans="14:14">
      <c r="N853776" s="10"/>
    </row>
    <row r="853777" spans="14:14">
      <c r="N853777" s="10"/>
    </row>
    <row r="853778" spans="14:14">
      <c r="N853778" s="10"/>
    </row>
    <row r="853779" spans="14:14">
      <c r="N853779" s="10"/>
    </row>
    <row r="853780" spans="14:14">
      <c r="N853780" s="10"/>
    </row>
    <row r="853781" spans="14:14">
      <c r="N853781" s="10"/>
    </row>
    <row r="853782" spans="14:14">
      <c r="N853782" s="10"/>
    </row>
    <row r="853783" spans="14:14">
      <c r="N853783" s="10"/>
    </row>
    <row r="853784" spans="14:14">
      <c r="N853784" s="10"/>
    </row>
    <row r="853785" spans="14:14">
      <c r="N853785" s="10"/>
    </row>
    <row r="853786" spans="14:14">
      <c r="N853786" s="10"/>
    </row>
    <row r="853787" spans="14:14">
      <c r="N853787" s="10"/>
    </row>
    <row r="853788" spans="14:14">
      <c r="N853788" s="10"/>
    </row>
    <row r="853789" spans="14:14">
      <c r="N853789" s="10"/>
    </row>
    <row r="853790" spans="14:14">
      <c r="N853790" s="10"/>
    </row>
    <row r="853791" spans="14:14">
      <c r="N853791" s="10"/>
    </row>
    <row r="853792" spans="14:14">
      <c r="N853792" s="10"/>
    </row>
    <row r="853793" spans="14:14">
      <c r="N853793" s="10"/>
    </row>
    <row r="853794" spans="14:14">
      <c r="N853794" s="10"/>
    </row>
    <row r="853795" spans="14:14">
      <c r="N853795" s="10"/>
    </row>
    <row r="853796" spans="14:14">
      <c r="N853796" s="10"/>
    </row>
    <row r="853797" spans="14:14">
      <c r="N853797" s="10"/>
    </row>
    <row r="853798" spans="14:14">
      <c r="N853798" s="10"/>
    </row>
    <row r="853799" spans="14:14">
      <c r="N853799" s="10"/>
    </row>
    <row r="853800" spans="14:14">
      <c r="N853800" s="10"/>
    </row>
    <row r="853801" spans="14:14">
      <c r="N853801" s="10"/>
    </row>
    <row r="853802" spans="14:14">
      <c r="N853802" s="10"/>
    </row>
    <row r="853803" spans="14:14">
      <c r="N853803" s="10"/>
    </row>
    <row r="853804" spans="14:14">
      <c r="N853804" s="10"/>
    </row>
    <row r="853805" spans="14:14">
      <c r="N853805" s="10"/>
    </row>
    <row r="853806" spans="14:14">
      <c r="N853806" s="10"/>
    </row>
    <row r="853807" spans="14:14">
      <c r="N853807" s="10"/>
    </row>
    <row r="853808" spans="14:14">
      <c r="N853808" s="10"/>
    </row>
    <row r="853809" spans="14:14">
      <c r="N853809" s="10"/>
    </row>
    <row r="853810" spans="14:14">
      <c r="N853810" s="10"/>
    </row>
    <row r="853811" spans="14:14">
      <c r="N853811" s="10"/>
    </row>
    <row r="853812" spans="14:14">
      <c r="N853812" s="10"/>
    </row>
    <row r="853813" spans="14:14">
      <c r="N853813" s="10"/>
    </row>
    <row r="853814" spans="14:14">
      <c r="N853814" s="10"/>
    </row>
    <row r="853815" spans="14:14">
      <c r="N853815" s="10"/>
    </row>
    <row r="853816" spans="14:14">
      <c r="N853816" s="10"/>
    </row>
    <row r="853817" spans="14:14">
      <c r="N853817" s="10"/>
    </row>
    <row r="853818" spans="14:14">
      <c r="N853818" s="10"/>
    </row>
    <row r="853819" spans="14:14">
      <c r="N853819" s="10"/>
    </row>
    <row r="853820" spans="14:14">
      <c r="N853820" s="10"/>
    </row>
    <row r="853821" spans="14:14">
      <c r="N853821" s="10"/>
    </row>
    <row r="853822" spans="14:14">
      <c r="N853822" s="10"/>
    </row>
    <row r="853823" spans="14:14">
      <c r="N853823" s="10"/>
    </row>
    <row r="853824" spans="14:14">
      <c r="N853824" s="10"/>
    </row>
    <row r="853825" spans="14:14">
      <c r="N853825" s="10"/>
    </row>
    <row r="853826" spans="14:14">
      <c r="N853826" s="10"/>
    </row>
    <row r="853827" spans="14:14">
      <c r="N853827" s="10"/>
    </row>
    <row r="853828" spans="14:14">
      <c r="N853828" s="10"/>
    </row>
    <row r="853829" spans="14:14">
      <c r="N853829" s="10"/>
    </row>
    <row r="853830" spans="14:14">
      <c r="N853830" s="10"/>
    </row>
    <row r="853831" spans="14:14">
      <c r="N853831" s="10"/>
    </row>
    <row r="853832" spans="14:14">
      <c r="N853832" s="10"/>
    </row>
    <row r="853833" spans="14:14">
      <c r="N853833" s="10"/>
    </row>
    <row r="853834" spans="14:14">
      <c r="N853834" s="10"/>
    </row>
    <row r="853835" spans="14:14">
      <c r="N853835" s="10"/>
    </row>
    <row r="853836" spans="14:14">
      <c r="N853836" s="10"/>
    </row>
    <row r="853837" spans="14:14">
      <c r="N853837" s="10"/>
    </row>
    <row r="853838" spans="14:14">
      <c r="N853838" s="10"/>
    </row>
    <row r="853839" spans="14:14">
      <c r="N853839" s="10"/>
    </row>
    <row r="853840" spans="14:14">
      <c r="N853840" s="10"/>
    </row>
    <row r="853841" spans="14:14">
      <c r="N853841" s="10"/>
    </row>
    <row r="853842" spans="14:14">
      <c r="N853842" s="10"/>
    </row>
    <row r="853843" spans="14:14">
      <c r="N853843" s="10"/>
    </row>
    <row r="853844" spans="14:14">
      <c r="N853844" s="10"/>
    </row>
    <row r="853845" spans="14:14">
      <c r="N853845" s="10"/>
    </row>
    <row r="853846" spans="14:14">
      <c r="N853846" s="10"/>
    </row>
    <row r="853847" spans="14:14">
      <c r="N853847" s="10"/>
    </row>
    <row r="853848" spans="14:14">
      <c r="N853848" s="10"/>
    </row>
    <row r="853849" spans="14:14">
      <c r="N853849" s="10"/>
    </row>
    <row r="853850" spans="14:14">
      <c r="N853850" s="10"/>
    </row>
    <row r="853851" spans="14:14">
      <c r="N853851" s="10"/>
    </row>
    <row r="853852" spans="14:14">
      <c r="N853852" s="10"/>
    </row>
    <row r="853853" spans="14:14">
      <c r="N853853" s="10"/>
    </row>
    <row r="853854" spans="14:14">
      <c r="N853854" s="10"/>
    </row>
    <row r="853855" spans="14:14">
      <c r="N853855" s="10"/>
    </row>
    <row r="853856" spans="14:14">
      <c r="N853856" s="10"/>
    </row>
    <row r="853857" spans="14:14">
      <c r="N853857" s="10"/>
    </row>
    <row r="853858" spans="14:14">
      <c r="N853858" s="10"/>
    </row>
    <row r="853859" spans="14:14">
      <c r="N853859" s="10"/>
    </row>
    <row r="853860" spans="14:14">
      <c r="N853860" s="10"/>
    </row>
    <row r="853861" spans="14:14">
      <c r="N853861" s="10"/>
    </row>
    <row r="853862" spans="14:14">
      <c r="N853862" s="10"/>
    </row>
    <row r="853863" spans="14:14">
      <c r="N853863" s="10"/>
    </row>
    <row r="853864" spans="14:14">
      <c r="N853864" s="10"/>
    </row>
    <row r="853865" spans="14:14">
      <c r="N853865" s="10"/>
    </row>
    <row r="853866" spans="14:14">
      <c r="N853866" s="10"/>
    </row>
    <row r="853867" spans="14:14">
      <c r="N853867" s="10"/>
    </row>
    <row r="853868" spans="14:14">
      <c r="N853868" s="10"/>
    </row>
    <row r="853869" spans="14:14">
      <c r="N853869" s="10"/>
    </row>
    <row r="853870" spans="14:14">
      <c r="N853870" s="10"/>
    </row>
    <row r="853871" spans="14:14">
      <c r="N853871" s="10"/>
    </row>
    <row r="853872" spans="14:14">
      <c r="N853872" s="10"/>
    </row>
    <row r="853873" spans="14:14">
      <c r="N853873" s="10"/>
    </row>
    <row r="853874" spans="14:14">
      <c r="N853874" s="10"/>
    </row>
    <row r="853875" spans="14:14">
      <c r="N853875" s="10"/>
    </row>
    <row r="853876" spans="14:14">
      <c r="N853876" s="10"/>
    </row>
    <row r="853877" spans="14:14">
      <c r="N853877" s="10"/>
    </row>
    <row r="853878" spans="14:14">
      <c r="N853878" s="10"/>
    </row>
    <row r="853879" spans="14:14">
      <c r="N853879" s="10"/>
    </row>
    <row r="853880" spans="14:14">
      <c r="N853880" s="10"/>
    </row>
    <row r="853881" spans="14:14">
      <c r="N853881" s="10"/>
    </row>
    <row r="853882" spans="14:14">
      <c r="N853882" s="10"/>
    </row>
    <row r="853883" spans="14:14">
      <c r="N853883" s="10"/>
    </row>
    <row r="853884" spans="14:14">
      <c r="N853884" s="10"/>
    </row>
    <row r="853885" spans="14:14">
      <c r="N853885" s="10"/>
    </row>
    <row r="853886" spans="14:14">
      <c r="N853886" s="10"/>
    </row>
    <row r="853887" spans="14:14">
      <c r="N853887" s="10"/>
    </row>
    <row r="853888" spans="14:14">
      <c r="N853888" s="10"/>
    </row>
    <row r="853889" spans="14:14">
      <c r="N853889" s="10"/>
    </row>
    <row r="853890" spans="14:14">
      <c r="N853890" s="10"/>
    </row>
    <row r="853891" spans="14:14">
      <c r="N853891" s="10"/>
    </row>
    <row r="853892" spans="14:14">
      <c r="N853892" s="10"/>
    </row>
    <row r="853893" spans="14:14">
      <c r="N853893" s="10"/>
    </row>
    <row r="853894" spans="14:14">
      <c r="N853894" s="10"/>
    </row>
    <row r="853895" spans="14:14">
      <c r="N853895" s="10"/>
    </row>
    <row r="853896" spans="14:14">
      <c r="N853896" s="10"/>
    </row>
    <row r="853897" spans="14:14">
      <c r="N853897" s="10"/>
    </row>
    <row r="853898" spans="14:14">
      <c r="N853898" s="10"/>
    </row>
    <row r="853899" spans="14:14">
      <c r="N853899" s="10"/>
    </row>
    <row r="853900" spans="14:14">
      <c r="N853900" s="10"/>
    </row>
    <row r="853901" spans="14:14">
      <c r="N853901" s="10"/>
    </row>
    <row r="853902" spans="14:14">
      <c r="N853902" s="10"/>
    </row>
    <row r="853903" spans="14:14">
      <c r="N853903" s="10"/>
    </row>
    <row r="853904" spans="14:14">
      <c r="N853904" s="10"/>
    </row>
    <row r="853905" spans="14:14">
      <c r="N853905" s="10"/>
    </row>
    <row r="853906" spans="14:14">
      <c r="N853906" s="10"/>
    </row>
    <row r="853907" spans="14:14">
      <c r="N853907" s="10"/>
    </row>
    <row r="853908" spans="14:14">
      <c r="N853908" s="10"/>
    </row>
    <row r="853909" spans="14:14">
      <c r="N853909" s="10"/>
    </row>
    <row r="853910" spans="14:14">
      <c r="N853910" s="10"/>
    </row>
    <row r="853911" spans="14:14">
      <c r="N853911" s="10"/>
    </row>
    <row r="853912" spans="14:14">
      <c r="N853912" s="10"/>
    </row>
    <row r="853913" spans="14:14">
      <c r="N853913" s="10"/>
    </row>
    <row r="853914" spans="14:14">
      <c r="N853914" s="10"/>
    </row>
    <row r="853915" spans="14:14">
      <c r="N853915" s="10"/>
    </row>
    <row r="853916" spans="14:14">
      <c r="N853916" s="10"/>
    </row>
    <row r="853917" spans="14:14">
      <c r="N853917" s="10"/>
    </row>
    <row r="853918" spans="14:14">
      <c r="N853918" s="10"/>
    </row>
    <row r="853919" spans="14:14">
      <c r="N853919" s="10"/>
    </row>
    <row r="853920" spans="14:14">
      <c r="N853920" s="10"/>
    </row>
    <row r="853921" spans="14:14">
      <c r="N853921" s="10"/>
    </row>
    <row r="853922" spans="14:14">
      <c r="N853922" s="10"/>
    </row>
    <row r="853923" spans="14:14">
      <c r="N853923" s="10"/>
    </row>
    <row r="853924" spans="14:14">
      <c r="N853924" s="10"/>
    </row>
    <row r="853925" spans="14:14">
      <c r="N853925" s="10"/>
    </row>
    <row r="853926" spans="14:14">
      <c r="N853926" s="10"/>
    </row>
    <row r="853927" spans="14:14">
      <c r="N853927" s="10"/>
    </row>
    <row r="853928" spans="14:14">
      <c r="N853928" s="10"/>
    </row>
    <row r="853929" spans="14:14">
      <c r="N853929" s="10"/>
    </row>
    <row r="853930" spans="14:14">
      <c r="N853930" s="10"/>
    </row>
    <row r="853931" spans="14:14">
      <c r="N853931" s="10"/>
    </row>
    <row r="853932" spans="14:14">
      <c r="N853932" s="10"/>
    </row>
    <row r="853933" spans="14:14">
      <c r="N853933" s="10"/>
    </row>
    <row r="853934" spans="14:14">
      <c r="N853934" s="10"/>
    </row>
    <row r="853935" spans="14:14">
      <c r="N853935" s="10"/>
    </row>
    <row r="853936" spans="14:14">
      <c r="N853936" s="10"/>
    </row>
    <row r="853937" spans="14:14">
      <c r="N853937" s="10"/>
    </row>
    <row r="853938" spans="14:14">
      <c r="N853938" s="10"/>
    </row>
    <row r="853939" spans="14:14">
      <c r="N853939" s="10"/>
    </row>
    <row r="853940" spans="14:14">
      <c r="N853940" s="10"/>
    </row>
    <row r="853941" spans="14:14">
      <c r="N853941" s="10"/>
    </row>
    <row r="853942" spans="14:14">
      <c r="N853942" s="10"/>
    </row>
    <row r="853943" spans="14:14">
      <c r="N853943" s="10"/>
    </row>
    <row r="853944" spans="14:14">
      <c r="N853944" s="10"/>
    </row>
    <row r="853945" spans="14:14">
      <c r="N853945" s="10"/>
    </row>
    <row r="853946" spans="14:14">
      <c r="N853946" s="10"/>
    </row>
    <row r="853947" spans="14:14">
      <c r="N853947" s="10"/>
    </row>
    <row r="853948" spans="14:14">
      <c r="N853948" s="10"/>
    </row>
    <row r="853949" spans="14:14">
      <c r="N853949" s="10"/>
    </row>
    <row r="853950" spans="14:14">
      <c r="N853950" s="10"/>
    </row>
    <row r="853951" spans="14:14">
      <c r="N853951" s="10"/>
    </row>
    <row r="853952" spans="14:14">
      <c r="N853952" s="10"/>
    </row>
    <row r="853953" spans="14:14">
      <c r="N853953" s="10"/>
    </row>
    <row r="853954" spans="14:14">
      <c r="N853954" s="10"/>
    </row>
    <row r="853955" spans="14:14">
      <c r="N853955" s="10"/>
    </row>
    <row r="853956" spans="14:14">
      <c r="N853956" s="10"/>
    </row>
    <row r="853957" spans="14:14">
      <c r="N853957" s="10"/>
    </row>
    <row r="853958" spans="14:14">
      <c r="N853958" s="10"/>
    </row>
    <row r="853959" spans="14:14">
      <c r="N853959" s="10"/>
    </row>
    <row r="853960" spans="14:14">
      <c r="N853960" s="10"/>
    </row>
    <row r="853961" spans="14:14">
      <c r="N853961" s="10"/>
    </row>
    <row r="853962" spans="14:14">
      <c r="N853962" s="10"/>
    </row>
    <row r="853963" spans="14:14">
      <c r="N853963" s="10"/>
    </row>
    <row r="853964" spans="14:14">
      <c r="N853964" s="10"/>
    </row>
    <row r="853965" spans="14:14">
      <c r="N853965" s="10"/>
    </row>
    <row r="853966" spans="14:14">
      <c r="N853966" s="10"/>
    </row>
    <row r="853967" spans="14:14">
      <c r="N853967" s="10"/>
    </row>
    <row r="853968" spans="14:14">
      <c r="N853968" s="10"/>
    </row>
    <row r="853969" spans="14:14">
      <c r="N853969" s="10"/>
    </row>
    <row r="853970" spans="14:14">
      <c r="N853970" s="10"/>
    </row>
    <row r="853971" spans="14:14">
      <c r="N853971" s="10"/>
    </row>
    <row r="853972" spans="14:14">
      <c r="N853972" s="10"/>
    </row>
    <row r="853973" spans="14:14">
      <c r="N853973" s="10"/>
    </row>
    <row r="853974" spans="14:14">
      <c r="N853974" s="10"/>
    </row>
    <row r="853975" spans="14:14">
      <c r="N853975" s="10"/>
    </row>
    <row r="853976" spans="14:14">
      <c r="N853976" s="10"/>
    </row>
    <row r="853977" spans="14:14">
      <c r="N853977" s="10"/>
    </row>
    <row r="853978" spans="14:14">
      <c r="N853978" s="10"/>
    </row>
    <row r="853979" spans="14:14">
      <c r="N853979" s="10"/>
    </row>
    <row r="853980" spans="14:14">
      <c r="N853980" s="10"/>
    </row>
    <row r="853981" spans="14:14">
      <c r="N853981" s="10"/>
    </row>
    <row r="853982" spans="14:14">
      <c r="N853982" s="10"/>
    </row>
    <row r="853983" spans="14:14">
      <c r="N853983" s="10"/>
    </row>
    <row r="853984" spans="14:14">
      <c r="N853984" s="10"/>
    </row>
    <row r="853985" spans="14:14">
      <c r="N853985" s="10"/>
    </row>
    <row r="853986" spans="14:14">
      <c r="N853986" s="10"/>
    </row>
    <row r="853987" spans="14:14">
      <c r="N853987" s="10"/>
    </row>
    <row r="853988" spans="14:14">
      <c r="N853988" s="10"/>
    </row>
    <row r="853989" spans="14:14">
      <c r="N853989" s="10"/>
    </row>
    <row r="853990" spans="14:14">
      <c r="N853990" s="10"/>
    </row>
    <row r="853991" spans="14:14">
      <c r="N853991" s="10"/>
    </row>
    <row r="853992" spans="14:14">
      <c r="N853992" s="10"/>
    </row>
    <row r="853993" spans="14:14">
      <c r="N853993" s="10"/>
    </row>
    <row r="853994" spans="14:14">
      <c r="N853994" s="10"/>
    </row>
    <row r="853995" spans="14:14">
      <c r="N853995" s="10"/>
    </row>
    <row r="853996" spans="14:14">
      <c r="N853996" s="10"/>
    </row>
    <row r="853997" spans="14:14">
      <c r="N853997" s="10"/>
    </row>
    <row r="853998" spans="14:14">
      <c r="N853998" s="10"/>
    </row>
    <row r="853999" spans="14:14">
      <c r="N853999" s="10"/>
    </row>
    <row r="854000" spans="14:14">
      <c r="N854000" s="10"/>
    </row>
    <row r="854001" spans="14:14">
      <c r="N854001" s="10"/>
    </row>
    <row r="854002" spans="14:14">
      <c r="N854002" s="10"/>
    </row>
    <row r="854003" spans="14:14">
      <c r="N854003" s="10"/>
    </row>
    <row r="854004" spans="14:14">
      <c r="N854004" s="10"/>
    </row>
    <row r="854005" spans="14:14">
      <c r="N854005" s="10"/>
    </row>
    <row r="854006" spans="14:14">
      <c r="N854006" s="10"/>
    </row>
    <row r="854007" spans="14:14">
      <c r="N854007" s="10"/>
    </row>
    <row r="854008" spans="14:14">
      <c r="N854008" s="10"/>
    </row>
    <row r="854009" spans="14:14">
      <c r="N854009" s="10"/>
    </row>
    <row r="854010" spans="14:14">
      <c r="N854010" s="10"/>
    </row>
    <row r="854011" spans="14:14">
      <c r="N854011" s="10"/>
    </row>
    <row r="854012" spans="14:14">
      <c r="N854012" s="10"/>
    </row>
    <row r="854013" spans="14:14">
      <c r="N854013" s="10"/>
    </row>
    <row r="854014" spans="14:14">
      <c r="N854014" s="10"/>
    </row>
    <row r="854015" spans="14:14">
      <c r="N854015" s="10"/>
    </row>
    <row r="854016" spans="14:14">
      <c r="N854016" s="10"/>
    </row>
    <row r="854017" spans="14:14">
      <c r="N854017" s="10"/>
    </row>
    <row r="854018" spans="14:14">
      <c r="N854018" s="10"/>
    </row>
    <row r="854019" spans="14:14">
      <c r="N854019" s="10"/>
    </row>
    <row r="854020" spans="14:14">
      <c r="N854020" s="10"/>
    </row>
    <row r="854021" spans="14:14">
      <c r="N854021" s="10"/>
    </row>
    <row r="854022" spans="14:14">
      <c r="N854022" s="10"/>
    </row>
    <row r="854023" spans="14:14">
      <c r="N854023" s="10"/>
    </row>
    <row r="854024" spans="14:14">
      <c r="N854024" s="10"/>
    </row>
    <row r="854025" spans="14:14">
      <c r="N854025" s="10"/>
    </row>
    <row r="854026" spans="14:14">
      <c r="N854026" s="10"/>
    </row>
    <row r="854027" spans="14:14">
      <c r="N854027" s="10"/>
    </row>
    <row r="854028" spans="14:14">
      <c r="N854028" s="10"/>
    </row>
    <row r="854029" spans="14:14">
      <c r="N854029" s="10"/>
    </row>
    <row r="854030" spans="14:14">
      <c r="N854030" s="10"/>
    </row>
    <row r="854031" spans="14:14">
      <c r="N854031" s="10"/>
    </row>
    <row r="854032" spans="14:14">
      <c r="N854032" s="10"/>
    </row>
    <row r="854033" spans="14:14">
      <c r="N854033" s="10"/>
    </row>
    <row r="854034" spans="14:14">
      <c r="N854034" s="10"/>
    </row>
    <row r="854035" spans="14:14">
      <c r="N854035" s="10"/>
    </row>
    <row r="854036" spans="14:14">
      <c r="N854036" s="10"/>
    </row>
    <row r="854037" spans="14:14">
      <c r="N854037" s="10"/>
    </row>
    <row r="854038" spans="14:14">
      <c r="N854038" s="10"/>
    </row>
    <row r="854039" spans="14:14">
      <c r="N854039" s="10"/>
    </row>
    <row r="854040" spans="14:14">
      <c r="N854040" s="10"/>
    </row>
    <row r="854041" spans="14:14">
      <c r="N854041" s="10"/>
    </row>
    <row r="854042" spans="14:14">
      <c r="N854042" s="10"/>
    </row>
    <row r="854043" spans="14:14">
      <c r="N854043" s="10"/>
    </row>
    <row r="854044" spans="14:14">
      <c r="N854044" s="10"/>
    </row>
    <row r="854045" spans="14:14">
      <c r="N854045" s="10"/>
    </row>
    <row r="854046" spans="14:14">
      <c r="N854046" s="10"/>
    </row>
    <row r="854047" spans="14:14">
      <c r="N854047" s="10"/>
    </row>
    <row r="854048" spans="14:14">
      <c r="N854048" s="10"/>
    </row>
    <row r="854049" spans="14:14">
      <c r="N854049" s="10"/>
    </row>
    <row r="854050" spans="14:14">
      <c r="N854050" s="10"/>
    </row>
    <row r="854051" spans="14:14">
      <c r="N854051" s="10"/>
    </row>
    <row r="854052" spans="14:14">
      <c r="N854052" s="10"/>
    </row>
    <row r="854053" spans="14:14">
      <c r="N854053" s="10"/>
    </row>
    <row r="854054" spans="14:14">
      <c r="N854054" s="10"/>
    </row>
    <row r="854055" spans="14:14">
      <c r="N854055" s="10"/>
    </row>
    <row r="854056" spans="14:14">
      <c r="N854056" s="10"/>
    </row>
    <row r="854057" spans="14:14">
      <c r="N854057" s="10"/>
    </row>
    <row r="854058" spans="14:14">
      <c r="N854058" s="10"/>
    </row>
    <row r="854059" spans="14:14">
      <c r="N854059" s="10"/>
    </row>
    <row r="854060" spans="14:14">
      <c r="N854060" s="10"/>
    </row>
    <row r="854061" spans="14:14">
      <c r="N854061" s="10"/>
    </row>
    <row r="854062" spans="14:14">
      <c r="N854062" s="10"/>
    </row>
    <row r="854063" spans="14:14">
      <c r="N854063" s="10"/>
    </row>
    <row r="854064" spans="14:14">
      <c r="N854064" s="10"/>
    </row>
    <row r="854065" spans="14:14">
      <c r="N854065" s="10"/>
    </row>
    <row r="854066" spans="14:14">
      <c r="N854066" s="10"/>
    </row>
    <row r="854067" spans="14:14">
      <c r="N854067" s="10"/>
    </row>
    <row r="854068" spans="14:14">
      <c r="N854068" s="10"/>
    </row>
    <row r="854069" spans="14:14">
      <c r="N854069" s="10"/>
    </row>
    <row r="854070" spans="14:14">
      <c r="N854070" s="10"/>
    </row>
    <row r="854071" spans="14:14">
      <c r="N854071" s="10"/>
    </row>
    <row r="854072" spans="14:14">
      <c r="N854072" s="10"/>
    </row>
    <row r="854073" spans="14:14">
      <c r="N854073" s="10"/>
    </row>
    <row r="854074" spans="14:14">
      <c r="N854074" s="10"/>
    </row>
    <row r="854075" spans="14:14">
      <c r="N854075" s="10"/>
    </row>
    <row r="854076" spans="14:14">
      <c r="N854076" s="10"/>
    </row>
    <row r="854077" spans="14:14">
      <c r="N854077" s="10"/>
    </row>
    <row r="854078" spans="14:14">
      <c r="N854078" s="10"/>
    </row>
    <row r="854079" spans="14:14">
      <c r="N854079" s="10"/>
    </row>
    <row r="854080" spans="14:14">
      <c r="N854080" s="10"/>
    </row>
    <row r="854081" spans="14:14">
      <c r="N854081" s="10"/>
    </row>
    <row r="854082" spans="14:14">
      <c r="N854082" s="10"/>
    </row>
    <row r="854083" spans="14:14">
      <c r="N854083" s="10"/>
    </row>
    <row r="854084" spans="14:14">
      <c r="N854084" s="10"/>
    </row>
    <row r="854085" spans="14:14">
      <c r="N854085" s="10"/>
    </row>
    <row r="854086" spans="14:14">
      <c r="N854086" s="10"/>
    </row>
    <row r="854087" spans="14:14">
      <c r="N854087" s="10"/>
    </row>
    <row r="854088" spans="14:14">
      <c r="N854088" s="10"/>
    </row>
    <row r="854089" spans="14:14">
      <c r="N854089" s="10"/>
    </row>
    <row r="854090" spans="14:14">
      <c r="N854090" s="10"/>
    </row>
    <row r="854091" spans="14:14">
      <c r="N854091" s="10"/>
    </row>
    <row r="854092" spans="14:14">
      <c r="N854092" s="10"/>
    </row>
    <row r="854093" spans="14:14">
      <c r="N854093" s="10"/>
    </row>
    <row r="854094" spans="14:14">
      <c r="N854094" s="10"/>
    </row>
    <row r="854095" spans="14:14">
      <c r="N854095" s="10"/>
    </row>
    <row r="854096" spans="14:14">
      <c r="N854096" s="10"/>
    </row>
    <row r="854097" spans="14:14">
      <c r="N854097" s="10"/>
    </row>
    <row r="854098" spans="14:14">
      <c r="N854098" s="10"/>
    </row>
    <row r="854099" spans="14:14">
      <c r="N854099" s="10"/>
    </row>
    <row r="854100" spans="14:14">
      <c r="N854100" s="10"/>
    </row>
    <row r="854101" spans="14:14">
      <c r="N854101" s="10"/>
    </row>
    <row r="854102" spans="14:14">
      <c r="N854102" s="10"/>
    </row>
    <row r="854103" spans="14:14">
      <c r="N854103" s="10"/>
    </row>
    <row r="854104" spans="14:14">
      <c r="N854104" s="10"/>
    </row>
    <row r="854105" spans="14:14">
      <c r="N854105" s="10"/>
    </row>
    <row r="854106" spans="14:14">
      <c r="N854106" s="10"/>
    </row>
    <row r="854107" spans="14:14">
      <c r="N854107" s="10"/>
    </row>
    <row r="854108" spans="14:14">
      <c r="N854108" s="10"/>
    </row>
    <row r="854109" spans="14:14">
      <c r="N854109" s="10"/>
    </row>
    <row r="854110" spans="14:14">
      <c r="N854110" s="10"/>
    </row>
    <row r="854111" spans="14:14">
      <c r="N854111" s="10"/>
    </row>
    <row r="854112" spans="14:14">
      <c r="N854112" s="10"/>
    </row>
    <row r="854113" spans="14:14">
      <c r="N854113" s="10"/>
    </row>
    <row r="854114" spans="14:14">
      <c r="N854114" s="10"/>
    </row>
    <row r="854115" spans="14:14">
      <c r="N854115" s="10"/>
    </row>
    <row r="854116" spans="14:14">
      <c r="N854116" s="10"/>
    </row>
    <row r="854117" spans="14:14">
      <c r="N854117" s="10"/>
    </row>
    <row r="854118" spans="14:14">
      <c r="N854118" s="10"/>
    </row>
    <row r="854119" spans="14:14">
      <c r="N854119" s="10"/>
    </row>
    <row r="854120" spans="14:14">
      <c r="N854120" s="10"/>
    </row>
    <row r="854121" spans="14:14">
      <c r="N854121" s="10"/>
    </row>
    <row r="854122" spans="14:14">
      <c r="N854122" s="10"/>
    </row>
    <row r="854123" spans="14:14">
      <c r="N854123" s="10"/>
    </row>
    <row r="854124" spans="14:14">
      <c r="N854124" s="10"/>
    </row>
    <row r="854125" spans="14:14">
      <c r="N854125" s="10"/>
    </row>
    <row r="854126" spans="14:14">
      <c r="N854126" s="10"/>
    </row>
    <row r="854127" spans="14:14">
      <c r="N854127" s="10"/>
    </row>
    <row r="854128" spans="14:14">
      <c r="N854128" s="10"/>
    </row>
    <row r="854129" spans="14:14">
      <c r="N854129" s="10"/>
    </row>
    <row r="854130" spans="14:14">
      <c r="N854130" s="10"/>
    </row>
    <row r="854131" spans="14:14">
      <c r="N854131" s="10"/>
    </row>
    <row r="854132" spans="14:14">
      <c r="N854132" s="10"/>
    </row>
    <row r="854133" spans="14:14">
      <c r="N854133" s="10"/>
    </row>
    <row r="854134" spans="14:14">
      <c r="N854134" s="10"/>
    </row>
    <row r="854135" spans="14:14">
      <c r="N854135" s="10"/>
    </row>
    <row r="854136" spans="14:14">
      <c r="N854136" s="10"/>
    </row>
    <row r="854137" spans="14:14">
      <c r="N854137" s="10"/>
    </row>
    <row r="854138" spans="14:14">
      <c r="N854138" s="10"/>
    </row>
    <row r="854139" spans="14:14">
      <c r="N854139" s="10"/>
    </row>
    <row r="854140" spans="14:14">
      <c r="N854140" s="10"/>
    </row>
    <row r="854141" spans="14:14">
      <c r="N854141" s="10"/>
    </row>
    <row r="854142" spans="14:14">
      <c r="N854142" s="10"/>
    </row>
    <row r="854143" spans="14:14">
      <c r="N854143" s="10"/>
    </row>
    <row r="854144" spans="14:14">
      <c r="N854144" s="10"/>
    </row>
    <row r="854145" spans="14:14">
      <c r="N854145" s="10"/>
    </row>
    <row r="854146" spans="14:14">
      <c r="N854146" s="10"/>
    </row>
    <row r="854147" spans="14:14">
      <c r="N854147" s="10"/>
    </row>
    <row r="854148" spans="14:14">
      <c r="N854148" s="10"/>
    </row>
    <row r="854149" spans="14:14">
      <c r="N854149" s="10"/>
    </row>
    <row r="854150" spans="14:14">
      <c r="N854150" s="10"/>
    </row>
    <row r="854151" spans="14:14">
      <c r="N854151" s="10"/>
    </row>
    <row r="854152" spans="14:14">
      <c r="N854152" s="10"/>
    </row>
    <row r="854153" spans="14:14">
      <c r="N854153" s="10"/>
    </row>
    <row r="854154" spans="14:14">
      <c r="N854154" s="10"/>
    </row>
    <row r="854155" spans="14:14">
      <c r="N854155" s="10"/>
    </row>
    <row r="854156" spans="14:14">
      <c r="N854156" s="10"/>
    </row>
    <row r="854157" spans="14:14">
      <c r="N854157" s="10"/>
    </row>
    <row r="854158" spans="14:14">
      <c r="N854158" s="10"/>
    </row>
    <row r="854159" spans="14:14">
      <c r="N854159" s="10"/>
    </row>
    <row r="854160" spans="14:14">
      <c r="N854160" s="10"/>
    </row>
    <row r="854161" spans="14:14">
      <c r="N854161" s="10"/>
    </row>
    <row r="854162" spans="14:14">
      <c r="N854162" s="10"/>
    </row>
    <row r="854163" spans="14:14">
      <c r="N854163" s="10"/>
    </row>
    <row r="854164" spans="14:14">
      <c r="N854164" s="10"/>
    </row>
    <row r="854165" spans="14:14">
      <c r="N854165" s="10"/>
    </row>
    <row r="854166" spans="14:14">
      <c r="N854166" s="10"/>
    </row>
    <row r="854167" spans="14:14">
      <c r="N854167" s="10"/>
    </row>
    <row r="854168" spans="14:14">
      <c r="N854168" s="10"/>
    </row>
    <row r="854169" spans="14:14">
      <c r="N854169" s="10"/>
    </row>
    <row r="854170" spans="14:14">
      <c r="N854170" s="10"/>
    </row>
    <row r="854171" spans="14:14">
      <c r="N854171" s="10"/>
    </row>
    <row r="854172" spans="14:14">
      <c r="N854172" s="10"/>
    </row>
    <row r="854173" spans="14:14">
      <c r="N854173" s="10"/>
    </row>
    <row r="854174" spans="14:14">
      <c r="N854174" s="10"/>
    </row>
    <row r="854175" spans="14:14">
      <c r="N854175" s="10"/>
    </row>
    <row r="854176" spans="14:14">
      <c r="N854176" s="10"/>
    </row>
    <row r="854177" spans="14:14">
      <c r="N854177" s="10"/>
    </row>
    <row r="854178" spans="14:14">
      <c r="N854178" s="10"/>
    </row>
    <row r="854179" spans="14:14">
      <c r="N854179" s="10"/>
    </row>
    <row r="854180" spans="14:14">
      <c r="N854180" s="10"/>
    </row>
    <row r="854181" spans="14:14">
      <c r="N854181" s="10"/>
    </row>
    <row r="854182" spans="14:14">
      <c r="N854182" s="10"/>
    </row>
    <row r="854183" spans="14:14">
      <c r="N854183" s="10"/>
    </row>
    <row r="854184" spans="14:14">
      <c r="N854184" s="10"/>
    </row>
    <row r="854185" spans="14:14">
      <c r="N854185" s="10"/>
    </row>
    <row r="854186" spans="14:14">
      <c r="N854186" s="10"/>
    </row>
    <row r="854187" spans="14:14">
      <c r="N854187" s="10"/>
    </row>
    <row r="854188" spans="14:14">
      <c r="N854188" s="10"/>
    </row>
    <row r="854189" spans="14:14">
      <c r="N854189" s="10"/>
    </row>
    <row r="854190" spans="14:14">
      <c r="N854190" s="10"/>
    </row>
    <row r="854191" spans="14:14">
      <c r="N854191" s="10"/>
    </row>
    <row r="854192" spans="14:14">
      <c r="N854192" s="10"/>
    </row>
    <row r="854193" spans="14:14">
      <c r="N854193" s="10"/>
    </row>
    <row r="854194" spans="14:14">
      <c r="N854194" s="10"/>
    </row>
    <row r="854195" spans="14:14">
      <c r="N854195" s="10"/>
    </row>
    <row r="854196" spans="14:14">
      <c r="N854196" s="10"/>
    </row>
    <row r="854197" spans="14:14">
      <c r="N854197" s="10"/>
    </row>
    <row r="854198" spans="14:14">
      <c r="N854198" s="10"/>
    </row>
    <row r="854199" spans="14:14">
      <c r="N854199" s="10"/>
    </row>
    <row r="854200" spans="14:14">
      <c r="N854200" s="10"/>
    </row>
    <row r="854201" spans="14:14">
      <c r="N854201" s="10"/>
    </row>
    <row r="854202" spans="14:14">
      <c r="N854202" s="10"/>
    </row>
    <row r="854203" spans="14:14">
      <c r="N854203" s="10"/>
    </row>
    <row r="854204" spans="14:14">
      <c r="N854204" s="10"/>
    </row>
    <row r="854205" spans="14:14">
      <c r="N854205" s="10"/>
    </row>
    <row r="854206" spans="14:14">
      <c r="N854206" s="10"/>
    </row>
    <row r="854207" spans="14:14">
      <c r="N854207" s="10"/>
    </row>
    <row r="854208" spans="14:14">
      <c r="N854208" s="10"/>
    </row>
    <row r="854209" spans="14:14">
      <c r="N854209" s="10"/>
    </row>
    <row r="854210" spans="14:14">
      <c r="N854210" s="10"/>
    </row>
    <row r="854211" spans="14:14">
      <c r="N854211" s="10"/>
    </row>
    <row r="854212" spans="14:14">
      <c r="N854212" s="10"/>
    </row>
    <row r="854213" spans="14:14">
      <c r="N854213" s="10"/>
    </row>
    <row r="854214" spans="14:14">
      <c r="N854214" s="10"/>
    </row>
    <row r="854215" spans="14:14">
      <c r="N854215" s="10"/>
    </row>
    <row r="854216" spans="14:14">
      <c r="N854216" s="10"/>
    </row>
    <row r="854217" spans="14:14">
      <c r="N854217" s="10"/>
    </row>
    <row r="854218" spans="14:14">
      <c r="N854218" s="10"/>
    </row>
    <row r="854219" spans="14:14">
      <c r="N854219" s="10"/>
    </row>
    <row r="854220" spans="14:14">
      <c r="N854220" s="10"/>
    </row>
    <row r="854221" spans="14:14">
      <c r="N854221" s="10"/>
    </row>
    <row r="854222" spans="14:14">
      <c r="N854222" s="10"/>
    </row>
    <row r="854223" spans="14:14">
      <c r="N854223" s="10"/>
    </row>
    <row r="854224" spans="14:14">
      <c r="N854224" s="10"/>
    </row>
    <row r="854225" spans="14:14">
      <c r="N854225" s="10"/>
    </row>
    <row r="854226" spans="14:14">
      <c r="N854226" s="10"/>
    </row>
    <row r="854227" spans="14:14">
      <c r="N854227" s="10"/>
    </row>
    <row r="854228" spans="14:14">
      <c r="N854228" s="10"/>
    </row>
    <row r="854229" spans="14:14">
      <c r="N854229" s="10"/>
    </row>
    <row r="854230" spans="14:14">
      <c r="N854230" s="10"/>
    </row>
    <row r="854231" spans="14:14">
      <c r="N854231" s="10"/>
    </row>
    <row r="854232" spans="14:14">
      <c r="N854232" s="10"/>
    </row>
    <row r="854233" spans="14:14">
      <c r="N854233" s="10"/>
    </row>
    <row r="854234" spans="14:14">
      <c r="N854234" s="10"/>
    </row>
    <row r="854235" spans="14:14">
      <c r="N854235" s="10"/>
    </row>
    <row r="854236" spans="14:14">
      <c r="N854236" s="10"/>
    </row>
    <row r="854237" spans="14:14">
      <c r="N854237" s="10"/>
    </row>
    <row r="854238" spans="14:14">
      <c r="N854238" s="10"/>
    </row>
    <row r="854239" spans="14:14">
      <c r="N854239" s="10"/>
    </row>
    <row r="854240" spans="14:14">
      <c r="N854240" s="10"/>
    </row>
    <row r="854241" spans="14:14">
      <c r="N854241" s="10"/>
    </row>
    <row r="854242" spans="14:14">
      <c r="N854242" s="10"/>
    </row>
    <row r="854243" spans="14:14">
      <c r="N854243" s="10"/>
    </row>
    <row r="854244" spans="14:14">
      <c r="N854244" s="10"/>
    </row>
    <row r="854245" spans="14:14">
      <c r="N854245" s="10"/>
    </row>
    <row r="854246" spans="14:14">
      <c r="N854246" s="10"/>
    </row>
    <row r="854247" spans="14:14">
      <c r="N854247" s="10"/>
    </row>
    <row r="854248" spans="14:14">
      <c r="N854248" s="10"/>
    </row>
    <row r="854249" spans="14:14">
      <c r="N854249" s="10"/>
    </row>
    <row r="854250" spans="14:14">
      <c r="N854250" s="10"/>
    </row>
    <row r="854251" spans="14:14">
      <c r="N854251" s="10"/>
    </row>
    <row r="854252" spans="14:14">
      <c r="N854252" s="10"/>
    </row>
    <row r="854253" spans="14:14">
      <c r="N854253" s="10"/>
    </row>
    <row r="854254" spans="14:14">
      <c r="N854254" s="10"/>
    </row>
    <row r="854255" spans="14:14">
      <c r="N854255" s="10"/>
    </row>
    <row r="854256" spans="14:14">
      <c r="N854256" s="10"/>
    </row>
    <row r="854257" spans="14:14">
      <c r="N854257" s="10"/>
    </row>
    <row r="854258" spans="14:14">
      <c r="N854258" s="10"/>
    </row>
    <row r="854259" spans="14:14">
      <c r="N854259" s="10"/>
    </row>
    <row r="854260" spans="14:14">
      <c r="N854260" s="10"/>
    </row>
    <row r="854261" spans="14:14">
      <c r="N854261" s="10"/>
    </row>
    <row r="854262" spans="14:14">
      <c r="N854262" s="10"/>
    </row>
    <row r="854263" spans="14:14">
      <c r="N854263" s="10"/>
    </row>
    <row r="854264" spans="14:14">
      <c r="N854264" s="10"/>
    </row>
    <row r="854265" spans="14:14">
      <c r="N854265" s="10"/>
    </row>
    <row r="854266" spans="14:14">
      <c r="N854266" s="10"/>
    </row>
    <row r="854267" spans="14:14">
      <c r="N854267" s="10"/>
    </row>
    <row r="854268" spans="14:14">
      <c r="N854268" s="10"/>
    </row>
    <row r="854269" spans="14:14">
      <c r="N854269" s="10"/>
    </row>
    <row r="854270" spans="14:14">
      <c r="N854270" s="10"/>
    </row>
    <row r="854271" spans="14:14">
      <c r="N854271" s="10"/>
    </row>
    <row r="854272" spans="14:14">
      <c r="N854272" s="10"/>
    </row>
    <row r="854273" spans="14:14">
      <c r="N854273" s="10"/>
    </row>
    <row r="854274" spans="14:14">
      <c r="N854274" s="10"/>
    </row>
    <row r="854275" spans="14:14">
      <c r="N854275" s="10"/>
    </row>
    <row r="854276" spans="14:14">
      <c r="N854276" s="10"/>
    </row>
    <row r="854277" spans="14:14">
      <c r="N854277" s="10"/>
    </row>
    <row r="854278" spans="14:14">
      <c r="N854278" s="10"/>
    </row>
    <row r="854279" spans="14:14">
      <c r="N854279" s="10"/>
    </row>
    <row r="854280" spans="14:14">
      <c r="N854280" s="10"/>
    </row>
    <row r="854281" spans="14:14">
      <c r="N854281" s="10"/>
    </row>
    <row r="854282" spans="14:14">
      <c r="N854282" s="10"/>
    </row>
    <row r="854283" spans="14:14">
      <c r="N854283" s="10"/>
    </row>
    <row r="854284" spans="14:14">
      <c r="N854284" s="10"/>
    </row>
    <row r="854285" spans="14:14">
      <c r="N854285" s="10"/>
    </row>
    <row r="854286" spans="14:14">
      <c r="N854286" s="10"/>
    </row>
    <row r="854287" spans="14:14">
      <c r="N854287" s="10"/>
    </row>
    <row r="854288" spans="14:14">
      <c r="N854288" s="10"/>
    </row>
    <row r="854289" spans="14:14">
      <c r="N854289" s="10"/>
    </row>
    <row r="854290" spans="14:14">
      <c r="N854290" s="10"/>
    </row>
    <row r="854291" spans="14:14">
      <c r="N854291" s="10"/>
    </row>
    <row r="854292" spans="14:14">
      <c r="N854292" s="10"/>
    </row>
    <row r="854293" spans="14:14">
      <c r="N854293" s="10"/>
    </row>
    <row r="854294" spans="14:14">
      <c r="N854294" s="10"/>
    </row>
    <row r="854295" spans="14:14">
      <c r="N854295" s="10"/>
    </row>
    <row r="854296" spans="14:14">
      <c r="N854296" s="10"/>
    </row>
    <row r="854297" spans="14:14">
      <c r="N854297" s="10"/>
    </row>
    <row r="854298" spans="14:14">
      <c r="N854298" s="10"/>
    </row>
    <row r="854299" spans="14:14">
      <c r="N854299" s="10"/>
    </row>
    <row r="854300" spans="14:14">
      <c r="N854300" s="10"/>
    </row>
    <row r="854301" spans="14:14">
      <c r="N854301" s="10"/>
    </row>
    <row r="854302" spans="14:14">
      <c r="N854302" s="10"/>
    </row>
    <row r="854303" spans="14:14">
      <c r="N854303" s="10"/>
    </row>
    <row r="854304" spans="14:14">
      <c r="N854304" s="10"/>
    </row>
    <row r="854305" spans="14:14">
      <c r="N854305" s="10"/>
    </row>
    <row r="854306" spans="14:14">
      <c r="N854306" s="10"/>
    </row>
    <row r="854307" spans="14:14">
      <c r="N854307" s="10"/>
    </row>
    <row r="854308" spans="14:14">
      <c r="N854308" s="10"/>
    </row>
    <row r="854309" spans="14:14">
      <c r="N854309" s="10"/>
    </row>
    <row r="854310" spans="14:14">
      <c r="N854310" s="10"/>
    </row>
    <row r="854311" spans="14:14">
      <c r="N854311" s="10"/>
    </row>
    <row r="854312" spans="14:14">
      <c r="N854312" s="10"/>
    </row>
    <row r="854313" spans="14:14">
      <c r="N854313" s="10"/>
    </row>
    <row r="854314" spans="14:14">
      <c r="N854314" s="10"/>
    </row>
    <row r="854315" spans="14:14">
      <c r="N854315" s="10"/>
    </row>
    <row r="854316" spans="14:14">
      <c r="N854316" s="10"/>
    </row>
    <row r="854317" spans="14:14">
      <c r="N854317" s="10"/>
    </row>
    <row r="854318" spans="14:14">
      <c r="N854318" s="10"/>
    </row>
    <row r="854319" spans="14:14">
      <c r="N854319" s="10"/>
    </row>
    <row r="854320" spans="14:14">
      <c r="N854320" s="10"/>
    </row>
    <row r="854321" spans="14:14">
      <c r="N854321" s="10"/>
    </row>
    <row r="854322" spans="14:14">
      <c r="N854322" s="10"/>
    </row>
    <row r="854323" spans="14:14">
      <c r="N854323" s="10"/>
    </row>
    <row r="854324" spans="14:14">
      <c r="N854324" s="10"/>
    </row>
    <row r="854325" spans="14:14">
      <c r="N854325" s="10"/>
    </row>
    <row r="854326" spans="14:14">
      <c r="N854326" s="10"/>
    </row>
    <row r="854327" spans="14:14">
      <c r="N854327" s="10"/>
    </row>
    <row r="854328" spans="14:14">
      <c r="N854328" s="10"/>
    </row>
    <row r="854329" spans="14:14">
      <c r="N854329" s="10"/>
    </row>
    <row r="854330" spans="14:14">
      <c r="N854330" s="10"/>
    </row>
    <row r="854331" spans="14:14">
      <c r="N854331" s="10"/>
    </row>
    <row r="854332" spans="14:14">
      <c r="N854332" s="10"/>
    </row>
    <row r="854333" spans="14:14">
      <c r="N854333" s="10"/>
    </row>
    <row r="854334" spans="14:14">
      <c r="N854334" s="10"/>
    </row>
    <row r="854335" spans="14:14">
      <c r="N854335" s="10"/>
    </row>
    <row r="854336" spans="14:14">
      <c r="N854336" s="10"/>
    </row>
    <row r="854337" spans="14:14">
      <c r="N854337" s="10"/>
    </row>
    <row r="854338" spans="14:14">
      <c r="N854338" s="10"/>
    </row>
    <row r="854339" spans="14:14">
      <c r="N854339" s="10"/>
    </row>
    <row r="854340" spans="14:14">
      <c r="N854340" s="10"/>
    </row>
    <row r="854341" spans="14:14">
      <c r="N854341" s="10"/>
    </row>
    <row r="854342" spans="14:14">
      <c r="N854342" s="10"/>
    </row>
    <row r="854343" spans="14:14">
      <c r="N854343" s="10"/>
    </row>
    <row r="854344" spans="14:14">
      <c r="N854344" s="10"/>
    </row>
    <row r="854345" spans="14:14">
      <c r="N854345" s="10"/>
    </row>
    <row r="854346" spans="14:14">
      <c r="N854346" s="10"/>
    </row>
    <row r="854347" spans="14:14">
      <c r="N854347" s="10"/>
    </row>
    <row r="854348" spans="14:14">
      <c r="N854348" s="10"/>
    </row>
    <row r="854349" spans="14:14">
      <c r="N854349" s="10"/>
    </row>
    <row r="854350" spans="14:14">
      <c r="N854350" s="10"/>
    </row>
    <row r="854351" spans="14:14">
      <c r="N854351" s="10"/>
    </row>
    <row r="854352" spans="14:14">
      <c r="N854352" s="10"/>
    </row>
    <row r="854353" spans="14:14">
      <c r="N854353" s="10"/>
    </row>
    <row r="854354" spans="14:14">
      <c r="N854354" s="10"/>
    </row>
    <row r="854355" spans="14:14">
      <c r="N854355" s="10"/>
    </row>
    <row r="854356" spans="14:14">
      <c r="N854356" s="10"/>
    </row>
    <row r="854357" spans="14:14">
      <c r="N854357" s="10"/>
    </row>
    <row r="854358" spans="14:14">
      <c r="N854358" s="10"/>
    </row>
    <row r="854359" spans="14:14">
      <c r="N854359" s="10"/>
    </row>
    <row r="854360" spans="14:14">
      <c r="N854360" s="10"/>
    </row>
    <row r="854361" spans="14:14">
      <c r="N854361" s="10"/>
    </row>
    <row r="854362" spans="14:14">
      <c r="N854362" s="10"/>
    </row>
    <row r="854363" spans="14:14">
      <c r="N854363" s="10"/>
    </row>
    <row r="854364" spans="14:14">
      <c r="N854364" s="10"/>
    </row>
    <row r="854365" spans="14:14">
      <c r="N854365" s="10"/>
    </row>
    <row r="854366" spans="14:14">
      <c r="N854366" s="10"/>
    </row>
    <row r="854367" spans="14:14">
      <c r="N854367" s="10"/>
    </row>
    <row r="854368" spans="14:14">
      <c r="N854368" s="10"/>
    </row>
    <row r="854369" spans="14:14">
      <c r="N854369" s="10"/>
    </row>
    <row r="854370" spans="14:14">
      <c r="N854370" s="10"/>
    </row>
    <row r="854371" spans="14:14">
      <c r="N854371" s="10"/>
    </row>
    <row r="854372" spans="14:14">
      <c r="N854372" s="10"/>
    </row>
    <row r="854373" spans="14:14">
      <c r="N854373" s="10"/>
    </row>
    <row r="854374" spans="14:14">
      <c r="N854374" s="10"/>
    </row>
    <row r="854375" spans="14:14">
      <c r="N854375" s="10"/>
    </row>
    <row r="854376" spans="14:14">
      <c r="N854376" s="10"/>
    </row>
    <row r="854377" spans="14:14">
      <c r="N854377" s="10"/>
    </row>
    <row r="854378" spans="14:14">
      <c r="N854378" s="10"/>
    </row>
    <row r="854379" spans="14:14">
      <c r="N854379" s="10"/>
    </row>
    <row r="854380" spans="14:14">
      <c r="N854380" s="10"/>
    </row>
    <row r="854381" spans="14:14">
      <c r="N854381" s="10"/>
    </row>
    <row r="854382" spans="14:14">
      <c r="N854382" s="10"/>
    </row>
    <row r="854383" spans="14:14">
      <c r="N854383" s="10"/>
    </row>
    <row r="854384" spans="14:14">
      <c r="N854384" s="10"/>
    </row>
    <row r="854385" spans="14:14">
      <c r="N854385" s="10"/>
    </row>
    <row r="854386" spans="14:14">
      <c r="N854386" s="10"/>
    </row>
    <row r="854387" spans="14:14">
      <c r="N854387" s="10"/>
    </row>
    <row r="854388" spans="14:14">
      <c r="N854388" s="10"/>
    </row>
    <row r="854389" spans="14:14">
      <c r="N854389" s="10"/>
    </row>
    <row r="854390" spans="14:14">
      <c r="N854390" s="10"/>
    </row>
    <row r="854391" spans="14:14">
      <c r="N854391" s="10"/>
    </row>
    <row r="854392" spans="14:14">
      <c r="N854392" s="10"/>
    </row>
    <row r="854393" spans="14:14">
      <c r="N854393" s="10"/>
    </row>
    <row r="854394" spans="14:14">
      <c r="N854394" s="10"/>
    </row>
    <row r="854395" spans="14:14">
      <c r="N854395" s="10"/>
    </row>
    <row r="854396" spans="14:14">
      <c r="N854396" s="10"/>
    </row>
    <row r="854397" spans="14:14">
      <c r="N854397" s="10"/>
    </row>
    <row r="854398" spans="14:14">
      <c r="N854398" s="10"/>
    </row>
    <row r="854399" spans="14:14">
      <c r="N854399" s="10"/>
    </row>
    <row r="854400" spans="14:14">
      <c r="N854400" s="10"/>
    </row>
    <row r="854401" spans="14:14">
      <c r="N854401" s="10"/>
    </row>
    <row r="854402" spans="14:14">
      <c r="N854402" s="10"/>
    </row>
    <row r="854403" spans="14:14">
      <c r="N854403" s="10"/>
    </row>
    <row r="854404" spans="14:14">
      <c r="N854404" s="10"/>
    </row>
    <row r="854405" spans="14:14">
      <c r="N854405" s="10"/>
    </row>
    <row r="854406" spans="14:14">
      <c r="N854406" s="10"/>
    </row>
    <row r="854407" spans="14:14">
      <c r="N854407" s="10"/>
    </row>
    <row r="854408" spans="14:14">
      <c r="N854408" s="10"/>
    </row>
    <row r="854409" spans="14:14">
      <c r="N854409" s="10"/>
    </row>
    <row r="854410" spans="14:14">
      <c r="N854410" s="10"/>
    </row>
    <row r="854411" spans="14:14">
      <c r="N854411" s="10"/>
    </row>
    <row r="854412" spans="14:14">
      <c r="N854412" s="10"/>
    </row>
    <row r="854413" spans="14:14">
      <c r="N854413" s="10"/>
    </row>
    <row r="854414" spans="14:14">
      <c r="N854414" s="10"/>
    </row>
    <row r="854415" spans="14:14">
      <c r="N854415" s="10"/>
    </row>
    <row r="854416" spans="14:14">
      <c r="N854416" s="10"/>
    </row>
    <row r="854417" spans="14:14">
      <c r="N854417" s="10"/>
    </row>
    <row r="854418" spans="14:14">
      <c r="N854418" s="10"/>
    </row>
    <row r="854419" spans="14:14">
      <c r="N854419" s="10"/>
    </row>
    <row r="854420" spans="14:14">
      <c r="N854420" s="10"/>
    </row>
    <row r="854421" spans="14:14">
      <c r="N854421" s="10"/>
    </row>
    <row r="854422" spans="14:14">
      <c r="N854422" s="10"/>
    </row>
    <row r="854423" spans="14:14">
      <c r="N854423" s="10"/>
    </row>
    <row r="854424" spans="14:14">
      <c r="N854424" s="10"/>
    </row>
    <row r="854425" spans="14:14">
      <c r="N854425" s="10"/>
    </row>
    <row r="854426" spans="14:14">
      <c r="N854426" s="10"/>
    </row>
    <row r="854427" spans="14:14">
      <c r="N854427" s="10"/>
    </row>
    <row r="854428" spans="14:14">
      <c r="N854428" s="10"/>
    </row>
    <row r="854429" spans="14:14">
      <c r="N854429" s="10"/>
    </row>
    <row r="854430" spans="14:14">
      <c r="N854430" s="10"/>
    </row>
    <row r="854431" spans="14:14">
      <c r="N854431" s="10"/>
    </row>
    <row r="854432" spans="14:14">
      <c r="N854432" s="10"/>
    </row>
    <row r="854433" spans="14:14">
      <c r="N854433" s="10"/>
    </row>
    <row r="854434" spans="14:14">
      <c r="N854434" s="10"/>
    </row>
    <row r="854435" spans="14:14">
      <c r="N854435" s="10"/>
    </row>
    <row r="854436" spans="14:14">
      <c r="N854436" s="10"/>
    </row>
    <row r="854437" spans="14:14">
      <c r="N854437" s="10"/>
    </row>
    <row r="854438" spans="14:14">
      <c r="N854438" s="10"/>
    </row>
    <row r="854439" spans="14:14">
      <c r="N854439" s="10"/>
    </row>
    <row r="854440" spans="14:14">
      <c r="N854440" s="10"/>
    </row>
    <row r="854441" spans="14:14">
      <c r="N854441" s="10"/>
    </row>
    <row r="854442" spans="14:14">
      <c r="N854442" s="10"/>
    </row>
    <row r="854443" spans="14:14">
      <c r="N854443" s="10"/>
    </row>
    <row r="854444" spans="14:14">
      <c r="N854444" s="10"/>
    </row>
    <row r="854445" spans="14:14">
      <c r="N854445" s="10"/>
    </row>
    <row r="854446" spans="14:14">
      <c r="N854446" s="10"/>
    </row>
    <row r="854447" spans="14:14">
      <c r="N854447" s="10"/>
    </row>
    <row r="854448" spans="14:14">
      <c r="N854448" s="10"/>
    </row>
    <row r="854449" spans="14:14">
      <c r="N854449" s="10"/>
    </row>
    <row r="854450" spans="14:14">
      <c r="N854450" s="10"/>
    </row>
    <row r="854451" spans="14:14">
      <c r="N854451" s="10"/>
    </row>
    <row r="854452" spans="14:14">
      <c r="N854452" s="10"/>
    </row>
    <row r="854453" spans="14:14">
      <c r="N854453" s="10"/>
    </row>
    <row r="854454" spans="14:14">
      <c r="N854454" s="10"/>
    </row>
    <row r="854455" spans="14:14">
      <c r="N854455" s="10"/>
    </row>
    <row r="854456" spans="14:14">
      <c r="N854456" s="10"/>
    </row>
    <row r="854457" spans="14:14">
      <c r="N854457" s="10"/>
    </row>
    <row r="854458" spans="14:14">
      <c r="N854458" s="10"/>
    </row>
    <row r="854459" spans="14:14">
      <c r="N854459" s="10"/>
    </row>
    <row r="854460" spans="14:14">
      <c r="N854460" s="10"/>
    </row>
    <row r="854461" spans="14:14">
      <c r="N854461" s="10"/>
    </row>
    <row r="854462" spans="14:14">
      <c r="N854462" s="10"/>
    </row>
    <row r="854463" spans="14:14">
      <c r="N854463" s="10"/>
    </row>
    <row r="854464" spans="14:14">
      <c r="N854464" s="10"/>
    </row>
    <row r="854465" spans="14:14">
      <c r="N854465" s="10"/>
    </row>
    <row r="854466" spans="14:14">
      <c r="N854466" s="10"/>
    </row>
    <row r="854467" spans="14:14">
      <c r="N854467" s="10"/>
    </row>
    <row r="854468" spans="14:14">
      <c r="N854468" s="10"/>
    </row>
    <row r="854469" spans="14:14">
      <c r="N854469" s="10"/>
    </row>
    <row r="854470" spans="14:14">
      <c r="N854470" s="10"/>
    </row>
    <row r="854471" spans="14:14">
      <c r="N854471" s="10"/>
    </row>
    <row r="854472" spans="14:14">
      <c r="N854472" s="10"/>
    </row>
    <row r="854473" spans="14:14">
      <c r="N854473" s="10"/>
    </row>
    <row r="854474" spans="14:14">
      <c r="N854474" s="10"/>
    </row>
    <row r="854475" spans="14:14">
      <c r="N854475" s="10"/>
    </row>
    <row r="854476" spans="14:14">
      <c r="N854476" s="10"/>
    </row>
    <row r="854477" spans="14:14">
      <c r="N854477" s="10"/>
    </row>
    <row r="854478" spans="14:14">
      <c r="N854478" s="10"/>
    </row>
    <row r="854479" spans="14:14">
      <c r="N854479" s="10"/>
    </row>
    <row r="854480" spans="14:14">
      <c r="N854480" s="10"/>
    </row>
    <row r="854481" spans="14:14">
      <c r="N854481" s="10"/>
    </row>
    <row r="854482" spans="14:14">
      <c r="N854482" s="10"/>
    </row>
    <row r="854483" spans="14:14">
      <c r="N854483" s="10"/>
    </row>
    <row r="854484" spans="14:14">
      <c r="N854484" s="10"/>
    </row>
    <row r="854485" spans="14:14">
      <c r="N854485" s="10"/>
    </row>
    <row r="854486" spans="14:14">
      <c r="N854486" s="10"/>
    </row>
    <row r="854487" spans="14:14">
      <c r="N854487" s="10"/>
    </row>
    <row r="854488" spans="14:14">
      <c r="N854488" s="10"/>
    </row>
    <row r="854489" spans="14:14">
      <c r="N854489" s="10"/>
    </row>
    <row r="854490" spans="14:14">
      <c r="N854490" s="10"/>
    </row>
    <row r="854491" spans="14:14">
      <c r="N854491" s="10"/>
    </row>
    <row r="854492" spans="14:14">
      <c r="N854492" s="10"/>
    </row>
    <row r="854493" spans="14:14">
      <c r="N854493" s="10"/>
    </row>
    <row r="854494" spans="14:14">
      <c r="N854494" s="10"/>
    </row>
    <row r="854495" spans="14:14">
      <c r="N854495" s="10"/>
    </row>
    <row r="854496" spans="14:14">
      <c r="N854496" s="10"/>
    </row>
    <row r="854497" spans="14:14">
      <c r="N854497" s="10"/>
    </row>
    <row r="854498" spans="14:14">
      <c r="N854498" s="10"/>
    </row>
    <row r="854499" spans="14:14">
      <c r="N854499" s="10"/>
    </row>
    <row r="854500" spans="14:14">
      <c r="N854500" s="10"/>
    </row>
    <row r="854501" spans="14:14">
      <c r="N854501" s="10"/>
    </row>
    <row r="854502" spans="14:14">
      <c r="N854502" s="10"/>
    </row>
    <row r="854503" spans="14:14">
      <c r="N854503" s="10"/>
    </row>
    <row r="854504" spans="14:14">
      <c r="N854504" s="10"/>
    </row>
    <row r="854505" spans="14:14">
      <c r="N854505" s="10"/>
    </row>
    <row r="854506" spans="14:14">
      <c r="N854506" s="10"/>
    </row>
    <row r="854507" spans="14:14">
      <c r="N854507" s="10"/>
    </row>
    <row r="854508" spans="14:14">
      <c r="N854508" s="10"/>
    </row>
    <row r="854509" spans="14:14">
      <c r="N854509" s="10"/>
    </row>
    <row r="854510" spans="14:14">
      <c r="N854510" s="10"/>
    </row>
    <row r="854511" spans="14:14">
      <c r="N854511" s="10"/>
    </row>
    <row r="854512" spans="14:14">
      <c r="N854512" s="10"/>
    </row>
    <row r="854513" spans="14:14">
      <c r="N854513" s="10"/>
    </row>
    <row r="854514" spans="14:14">
      <c r="N854514" s="10"/>
    </row>
    <row r="854515" spans="14:14">
      <c r="N854515" s="10"/>
    </row>
    <row r="854516" spans="14:14">
      <c r="N854516" s="10"/>
    </row>
    <row r="854517" spans="14:14">
      <c r="N854517" s="10"/>
    </row>
    <row r="854518" spans="14:14">
      <c r="N854518" s="10"/>
    </row>
    <row r="854519" spans="14:14">
      <c r="N854519" s="10"/>
    </row>
    <row r="854520" spans="14:14">
      <c r="N854520" s="10"/>
    </row>
    <row r="854521" spans="14:14">
      <c r="N854521" s="10"/>
    </row>
    <row r="854522" spans="14:14">
      <c r="N854522" s="10"/>
    </row>
    <row r="854523" spans="14:14">
      <c r="N854523" s="10"/>
    </row>
    <row r="854524" spans="14:14">
      <c r="N854524" s="10"/>
    </row>
    <row r="854525" spans="14:14">
      <c r="N854525" s="10"/>
    </row>
    <row r="854526" spans="14:14">
      <c r="N854526" s="10"/>
    </row>
    <row r="854527" spans="14:14">
      <c r="N854527" s="10"/>
    </row>
    <row r="854528" spans="14:14">
      <c r="N854528" s="10"/>
    </row>
    <row r="854529" spans="14:14">
      <c r="N854529" s="10"/>
    </row>
    <row r="854530" spans="14:14">
      <c r="N854530" s="10"/>
    </row>
    <row r="854531" spans="14:14">
      <c r="N854531" s="10"/>
    </row>
    <row r="854532" spans="14:14">
      <c r="N854532" s="10"/>
    </row>
    <row r="854533" spans="14:14">
      <c r="N854533" s="10"/>
    </row>
    <row r="854534" spans="14:14">
      <c r="N854534" s="10"/>
    </row>
    <row r="854535" spans="14:14">
      <c r="N854535" s="10"/>
    </row>
    <row r="854536" spans="14:14">
      <c r="N854536" s="10"/>
    </row>
    <row r="854537" spans="14:14">
      <c r="N854537" s="10"/>
    </row>
    <row r="854538" spans="14:14">
      <c r="N854538" s="10"/>
    </row>
    <row r="854539" spans="14:14">
      <c r="N854539" s="10"/>
    </row>
    <row r="854540" spans="14:14">
      <c r="N854540" s="10"/>
    </row>
    <row r="854541" spans="14:14">
      <c r="N854541" s="10"/>
    </row>
    <row r="854542" spans="14:14">
      <c r="N854542" s="10"/>
    </row>
    <row r="854543" spans="14:14">
      <c r="N854543" s="10"/>
    </row>
    <row r="854544" spans="14:14">
      <c r="N854544" s="10"/>
    </row>
    <row r="854545" spans="14:14">
      <c r="N854545" s="10"/>
    </row>
    <row r="854546" spans="14:14">
      <c r="N854546" s="10"/>
    </row>
    <row r="854547" spans="14:14">
      <c r="N854547" s="10"/>
    </row>
    <row r="854548" spans="14:14">
      <c r="N854548" s="10"/>
    </row>
    <row r="854549" spans="14:14">
      <c r="N854549" s="10"/>
    </row>
    <row r="854550" spans="14:14">
      <c r="N854550" s="10"/>
    </row>
    <row r="854551" spans="14:14">
      <c r="N854551" s="10"/>
    </row>
    <row r="854552" spans="14:14">
      <c r="N854552" s="10"/>
    </row>
    <row r="854553" spans="14:14">
      <c r="N854553" s="10"/>
    </row>
    <row r="854554" spans="14:14">
      <c r="N854554" s="10"/>
    </row>
    <row r="854555" spans="14:14">
      <c r="N854555" s="10"/>
    </row>
    <row r="854556" spans="14:14">
      <c r="N854556" s="10"/>
    </row>
    <row r="854557" spans="14:14">
      <c r="N854557" s="10"/>
    </row>
    <row r="854558" spans="14:14">
      <c r="N854558" s="10"/>
    </row>
    <row r="854559" spans="14:14">
      <c r="N854559" s="10"/>
    </row>
    <row r="854560" spans="14:14">
      <c r="N854560" s="10"/>
    </row>
    <row r="854561" spans="14:14">
      <c r="N854561" s="10"/>
    </row>
    <row r="854562" spans="14:14">
      <c r="N854562" s="10"/>
    </row>
    <row r="854563" spans="14:14">
      <c r="N854563" s="10"/>
    </row>
    <row r="854564" spans="14:14">
      <c r="N854564" s="10"/>
    </row>
    <row r="854565" spans="14:14">
      <c r="N854565" s="10"/>
    </row>
    <row r="854566" spans="14:14">
      <c r="N854566" s="10"/>
    </row>
    <row r="854567" spans="14:14">
      <c r="N854567" s="10"/>
    </row>
    <row r="854568" spans="14:14">
      <c r="N854568" s="10"/>
    </row>
    <row r="854569" spans="14:14">
      <c r="N854569" s="10"/>
    </row>
    <row r="854570" spans="14:14">
      <c r="N854570" s="10"/>
    </row>
    <row r="854571" spans="14:14">
      <c r="N854571" s="10"/>
    </row>
    <row r="854572" spans="14:14">
      <c r="N854572" s="10"/>
    </row>
    <row r="854573" spans="14:14">
      <c r="N854573" s="10"/>
    </row>
    <row r="854574" spans="14:14">
      <c r="N854574" s="10"/>
    </row>
    <row r="854575" spans="14:14">
      <c r="N854575" s="10"/>
    </row>
    <row r="854576" spans="14:14">
      <c r="N854576" s="10"/>
    </row>
    <row r="854577" spans="14:14">
      <c r="N854577" s="10"/>
    </row>
    <row r="854578" spans="14:14">
      <c r="N854578" s="10"/>
    </row>
    <row r="854579" spans="14:14">
      <c r="N854579" s="10"/>
    </row>
    <row r="854580" spans="14:14">
      <c r="N854580" s="10"/>
    </row>
    <row r="854581" spans="14:14">
      <c r="N854581" s="10"/>
    </row>
    <row r="854582" spans="14:14">
      <c r="N854582" s="10"/>
    </row>
    <row r="854583" spans="14:14">
      <c r="N854583" s="10"/>
    </row>
    <row r="854584" spans="14:14">
      <c r="N854584" s="10"/>
    </row>
    <row r="854585" spans="14:14">
      <c r="N854585" s="10"/>
    </row>
    <row r="854586" spans="14:14">
      <c r="N854586" s="10"/>
    </row>
    <row r="854587" spans="14:14">
      <c r="N854587" s="10"/>
    </row>
    <row r="854588" spans="14:14">
      <c r="N854588" s="10"/>
    </row>
    <row r="854589" spans="14:14">
      <c r="N854589" s="10"/>
    </row>
    <row r="854590" spans="14:14">
      <c r="N854590" s="10"/>
    </row>
    <row r="854591" spans="14:14">
      <c r="N854591" s="10"/>
    </row>
    <row r="854592" spans="14:14">
      <c r="N854592" s="10"/>
    </row>
    <row r="854593" spans="14:14">
      <c r="N854593" s="10"/>
    </row>
    <row r="854594" spans="14:14">
      <c r="N854594" s="10"/>
    </row>
    <row r="854595" spans="14:14">
      <c r="N854595" s="10"/>
    </row>
    <row r="854596" spans="14:14">
      <c r="N854596" s="10"/>
    </row>
    <row r="854597" spans="14:14">
      <c r="N854597" s="10"/>
    </row>
    <row r="854598" spans="14:14">
      <c r="N854598" s="10"/>
    </row>
    <row r="854599" spans="14:14">
      <c r="N854599" s="10"/>
    </row>
    <row r="854600" spans="14:14">
      <c r="N854600" s="10"/>
    </row>
    <row r="854601" spans="14:14">
      <c r="N854601" s="10"/>
    </row>
    <row r="854602" spans="14:14">
      <c r="N854602" s="10"/>
    </row>
    <row r="854603" spans="14:14">
      <c r="N854603" s="10"/>
    </row>
    <row r="854604" spans="14:14">
      <c r="N854604" s="10"/>
    </row>
    <row r="854605" spans="14:14">
      <c r="N854605" s="10"/>
    </row>
    <row r="854606" spans="14:14">
      <c r="N854606" s="10"/>
    </row>
    <row r="854607" spans="14:14">
      <c r="N854607" s="10"/>
    </row>
    <row r="854608" spans="14:14">
      <c r="N854608" s="10"/>
    </row>
    <row r="854609" spans="14:14">
      <c r="N854609" s="10"/>
    </row>
    <row r="854610" spans="14:14">
      <c r="N854610" s="10"/>
    </row>
    <row r="854611" spans="14:14">
      <c r="N854611" s="10"/>
    </row>
    <row r="854612" spans="14:14">
      <c r="N854612" s="10"/>
    </row>
    <row r="854613" spans="14:14">
      <c r="N854613" s="10"/>
    </row>
    <row r="854614" spans="14:14">
      <c r="N854614" s="10"/>
    </row>
    <row r="854615" spans="14:14">
      <c r="N854615" s="10"/>
    </row>
    <row r="854616" spans="14:14">
      <c r="N854616" s="10"/>
    </row>
    <row r="854617" spans="14:14">
      <c r="N854617" s="10"/>
    </row>
    <row r="854618" spans="14:14">
      <c r="N854618" s="10"/>
    </row>
    <row r="854619" spans="14:14">
      <c r="N854619" s="10"/>
    </row>
    <row r="854620" spans="14:14">
      <c r="N854620" s="10"/>
    </row>
    <row r="854621" spans="14:14">
      <c r="N854621" s="10"/>
    </row>
    <row r="854622" spans="14:14">
      <c r="N854622" s="10"/>
    </row>
    <row r="854623" spans="14:14">
      <c r="N854623" s="10"/>
    </row>
    <row r="854624" spans="14:14">
      <c r="N854624" s="10"/>
    </row>
    <row r="854625" spans="14:14">
      <c r="N854625" s="10"/>
    </row>
    <row r="854626" spans="14:14">
      <c r="N854626" s="10"/>
    </row>
    <row r="854627" spans="14:14">
      <c r="N854627" s="10"/>
    </row>
    <row r="854628" spans="14:14">
      <c r="N854628" s="10"/>
    </row>
    <row r="854629" spans="14:14">
      <c r="N854629" s="10"/>
    </row>
    <row r="854630" spans="14:14">
      <c r="N854630" s="10"/>
    </row>
    <row r="854631" spans="14:14">
      <c r="N854631" s="10"/>
    </row>
    <row r="854632" spans="14:14">
      <c r="N854632" s="10"/>
    </row>
    <row r="854633" spans="14:14">
      <c r="N854633" s="10"/>
    </row>
    <row r="854634" spans="14:14">
      <c r="N854634" s="10"/>
    </row>
    <row r="854635" spans="14:14">
      <c r="N854635" s="10"/>
    </row>
    <row r="854636" spans="14:14">
      <c r="N854636" s="10"/>
    </row>
    <row r="854637" spans="14:14">
      <c r="N854637" s="10"/>
    </row>
    <row r="854638" spans="14:14">
      <c r="N854638" s="10"/>
    </row>
    <row r="854639" spans="14:14">
      <c r="N854639" s="10"/>
    </row>
    <row r="854640" spans="14:14">
      <c r="N854640" s="10"/>
    </row>
    <row r="854641" spans="14:14">
      <c r="N854641" s="10"/>
    </row>
    <row r="854642" spans="14:14">
      <c r="N854642" s="10"/>
    </row>
    <row r="854643" spans="14:14">
      <c r="N854643" s="10"/>
    </row>
    <row r="854644" spans="14:14">
      <c r="N854644" s="10"/>
    </row>
    <row r="854645" spans="14:14">
      <c r="N854645" s="10"/>
    </row>
    <row r="854646" spans="14:14">
      <c r="N854646" s="10"/>
    </row>
    <row r="854647" spans="14:14">
      <c r="N854647" s="10"/>
    </row>
    <row r="854648" spans="14:14">
      <c r="N854648" s="10"/>
    </row>
    <row r="854649" spans="14:14">
      <c r="N854649" s="10"/>
    </row>
    <row r="854650" spans="14:14">
      <c r="N854650" s="10"/>
    </row>
    <row r="854651" spans="14:14">
      <c r="N854651" s="10"/>
    </row>
    <row r="854652" spans="14:14">
      <c r="N854652" s="10"/>
    </row>
    <row r="854653" spans="14:14">
      <c r="N854653" s="10"/>
    </row>
    <row r="854654" spans="14:14">
      <c r="N854654" s="10"/>
    </row>
    <row r="854655" spans="14:14">
      <c r="N854655" s="10"/>
    </row>
    <row r="854656" spans="14:14">
      <c r="N854656" s="10"/>
    </row>
    <row r="854657" spans="14:14">
      <c r="N854657" s="10"/>
    </row>
    <row r="854658" spans="14:14">
      <c r="N854658" s="10"/>
    </row>
    <row r="854659" spans="14:14">
      <c r="N854659" s="10"/>
    </row>
    <row r="854660" spans="14:14">
      <c r="N854660" s="10"/>
    </row>
    <row r="854661" spans="14:14">
      <c r="N854661" s="10"/>
    </row>
    <row r="854662" spans="14:14">
      <c r="N854662" s="10"/>
    </row>
    <row r="854663" spans="14:14">
      <c r="N854663" s="10"/>
    </row>
    <row r="854664" spans="14:14">
      <c r="N854664" s="10"/>
    </row>
    <row r="854665" spans="14:14">
      <c r="N854665" s="10"/>
    </row>
    <row r="854666" spans="14:14">
      <c r="N854666" s="10"/>
    </row>
    <row r="854667" spans="14:14">
      <c r="N854667" s="10"/>
    </row>
    <row r="854668" spans="14:14">
      <c r="N854668" s="10"/>
    </row>
    <row r="854669" spans="14:14">
      <c r="N854669" s="10"/>
    </row>
    <row r="854670" spans="14:14">
      <c r="N854670" s="10"/>
    </row>
    <row r="854671" spans="14:14">
      <c r="N854671" s="10"/>
    </row>
    <row r="854672" spans="14:14">
      <c r="N854672" s="10"/>
    </row>
    <row r="854673" spans="14:14">
      <c r="N854673" s="10"/>
    </row>
    <row r="854674" spans="14:14">
      <c r="N854674" s="10"/>
    </row>
    <row r="854675" spans="14:14">
      <c r="N854675" s="10"/>
    </row>
    <row r="854676" spans="14:14">
      <c r="N854676" s="10"/>
    </row>
    <row r="854677" spans="14:14">
      <c r="N854677" s="10"/>
    </row>
    <row r="854678" spans="14:14">
      <c r="N854678" s="10"/>
    </row>
    <row r="854679" spans="14:14">
      <c r="N854679" s="10"/>
    </row>
    <row r="854680" spans="14:14">
      <c r="N854680" s="10"/>
    </row>
    <row r="854681" spans="14:14">
      <c r="N854681" s="10"/>
    </row>
    <row r="854682" spans="14:14">
      <c r="N854682" s="10"/>
    </row>
    <row r="854683" spans="14:14">
      <c r="N854683" s="10"/>
    </row>
    <row r="854684" spans="14:14">
      <c r="N854684" s="10"/>
    </row>
    <row r="854685" spans="14:14">
      <c r="N854685" s="10"/>
    </row>
    <row r="854686" spans="14:14">
      <c r="N854686" s="10"/>
    </row>
    <row r="854687" spans="14:14">
      <c r="N854687" s="10"/>
    </row>
    <row r="854688" spans="14:14">
      <c r="N854688" s="10"/>
    </row>
    <row r="854689" spans="14:14">
      <c r="N854689" s="10"/>
    </row>
    <row r="854690" spans="14:14">
      <c r="N854690" s="10"/>
    </row>
    <row r="854691" spans="14:14">
      <c r="N854691" s="10"/>
    </row>
    <row r="854692" spans="14:14">
      <c r="N854692" s="10"/>
    </row>
    <row r="854693" spans="14:14">
      <c r="N854693" s="10"/>
    </row>
    <row r="854694" spans="14:14">
      <c r="N854694" s="10"/>
    </row>
    <row r="854695" spans="14:14">
      <c r="N854695" s="10"/>
    </row>
    <row r="854696" spans="14:14">
      <c r="N854696" s="10"/>
    </row>
    <row r="854697" spans="14:14">
      <c r="N854697" s="10"/>
    </row>
    <row r="854698" spans="14:14">
      <c r="N854698" s="10"/>
    </row>
    <row r="854699" spans="14:14">
      <c r="N854699" s="10"/>
    </row>
    <row r="854700" spans="14:14">
      <c r="N854700" s="10"/>
    </row>
    <row r="854701" spans="14:14">
      <c r="N854701" s="10"/>
    </row>
    <row r="854702" spans="14:14">
      <c r="N854702" s="10"/>
    </row>
    <row r="854703" spans="14:14">
      <c r="N854703" s="10"/>
    </row>
    <row r="854704" spans="14:14">
      <c r="N854704" s="10"/>
    </row>
    <row r="854705" spans="14:14">
      <c r="N854705" s="10"/>
    </row>
    <row r="854706" spans="14:14">
      <c r="N854706" s="10"/>
    </row>
    <row r="854707" spans="14:14">
      <c r="N854707" s="10"/>
    </row>
    <row r="854708" spans="14:14">
      <c r="N854708" s="10"/>
    </row>
    <row r="854709" spans="14:14">
      <c r="N854709" s="10"/>
    </row>
    <row r="854710" spans="14:14">
      <c r="N854710" s="10"/>
    </row>
    <row r="854711" spans="14:14">
      <c r="N854711" s="10"/>
    </row>
    <row r="854712" spans="14:14">
      <c r="N854712" s="10"/>
    </row>
    <row r="854713" spans="14:14">
      <c r="N854713" s="10"/>
    </row>
    <row r="854714" spans="14:14">
      <c r="N854714" s="10"/>
    </row>
    <row r="854715" spans="14:14">
      <c r="N854715" s="10"/>
    </row>
    <row r="854716" spans="14:14">
      <c r="N854716" s="10"/>
    </row>
    <row r="854717" spans="14:14">
      <c r="N854717" s="10"/>
    </row>
    <row r="854718" spans="14:14">
      <c r="N854718" s="10"/>
    </row>
    <row r="854719" spans="14:14">
      <c r="N854719" s="10"/>
    </row>
    <row r="854720" spans="14:14">
      <c r="N854720" s="10"/>
    </row>
    <row r="854721" spans="14:14">
      <c r="N854721" s="10"/>
    </row>
    <row r="854722" spans="14:14">
      <c r="N854722" s="10"/>
    </row>
    <row r="854723" spans="14:14">
      <c r="N854723" s="10"/>
    </row>
    <row r="854724" spans="14:14">
      <c r="N854724" s="10"/>
    </row>
    <row r="854725" spans="14:14">
      <c r="N854725" s="10"/>
    </row>
    <row r="854726" spans="14:14">
      <c r="N854726" s="10"/>
    </row>
    <row r="854727" spans="14:14">
      <c r="N854727" s="10"/>
    </row>
    <row r="854728" spans="14:14">
      <c r="N854728" s="10"/>
    </row>
    <row r="854729" spans="14:14">
      <c r="N854729" s="10"/>
    </row>
    <row r="854730" spans="14:14">
      <c r="N854730" s="10"/>
    </row>
    <row r="854731" spans="14:14">
      <c r="N854731" s="10"/>
    </row>
    <row r="854732" spans="14:14">
      <c r="N854732" s="10"/>
    </row>
    <row r="854733" spans="14:14">
      <c r="N854733" s="10"/>
    </row>
    <row r="854734" spans="14:14">
      <c r="N854734" s="10"/>
    </row>
    <row r="854735" spans="14:14">
      <c r="N854735" s="10"/>
    </row>
    <row r="854736" spans="14:14">
      <c r="N854736" s="10"/>
    </row>
    <row r="854737" spans="14:14">
      <c r="N854737" s="10"/>
    </row>
    <row r="854738" spans="14:14">
      <c r="N854738" s="10"/>
    </row>
    <row r="854739" spans="14:14">
      <c r="N854739" s="10"/>
    </row>
    <row r="854740" spans="14:14">
      <c r="N854740" s="10"/>
    </row>
    <row r="854741" spans="14:14">
      <c r="N854741" s="10"/>
    </row>
    <row r="854742" spans="14:14">
      <c r="N854742" s="10"/>
    </row>
    <row r="854743" spans="14:14">
      <c r="N854743" s="10"/>
    </row>
    <row r="854744" spans="14:14">
      <c r="N854744" s="10"/>
    </row>
    <row r="854745" spans="14:14">
      <c r="N854745" s="10"/>
    </row>
    <row r="854746" spans="14:14">
      <c r="N854746" s="10"/>
    </row>
    <row r="854747" spans="14:14">
      <c r="N854747" s="10"/>
    </row>
    <row r="854748" spans="14:14">
      <c r="N854748" s="10"/>
    </row>
    <row r="854749" spans="14:14">
      <c r="N854749" s="10"/>
    </row>
    <row r="854750" spans="14:14">
      <c r="N854750" s="10"/>
    </row>
    <row r="854751" spans="14:14">
      <c r="N854751" s="10"/>
    </row>
    <row r="854752" spans="14:14">
      <c r="N854752" s="10"/>
    </row>
    <row r="854753" spans="14:14">
      <c r="N854753" s="10"/>
    </row>
    <row r="854754" spans="14:14">
      <c r="N854754" s="10"/>
    </row>
    <row r="854755" spans="14:14">
      <c r="N854755" s="10"/>
    </row>
    <row r="854756" spans="14:14">
      <c r="N854756" s="10"/>
    </row>
    <row r="854757" spans="14:14">
      <c r="N854757" s="10"/>
    </row>
    <row r="854758" spans="14:14">
      <c r="N854758" s="10"/>
    </row>
    <row r="854759" spans="14:14">
      <c r="N854759" s="10"/>
    </row>
    <row r="854760" spans="14:14">
      <c r="N854760" s="10"/>
    </row>
    <row r="854761" spans="14:14">
      <c r="N854761" s="10"/>
    </row>
    <row r="854762" spans="14:14">
      <c r="N854762" s="10"/>
    </row>
    <row r="854763" spans="14:14">
      <c r="N854763" s="10"/>
    </row>
    <row r="854764" spans="14:14">
      <c r="N854764" s="10"/>
    </row>
    <row r="854765" spans="14:14">
      <c r="N854765" s="10"/>
    </row>
    <row r="854766" spans="14:14">
      <c r="N854766" s="10"/>
    </row>
    <row r="854767" spans="14:14">
      <c r="N854767" s="10"/>
    </row>
    <row r="854768" spans="14:14">
      <c r="N854768" s="10"/>
    </row>
    <row r="854769" spans="14:14">
      <c r="N854769" s="10"/>
    </row>
    <row r="854770" spans="14:14">
      <c r="N854770" s="10"/>
    </row>
    <row r="854771" spans="14:14">
      <c r="N854771" s="10"/>
    </row>
    <row r="854772" spans="14:14">
      <c r="N854772" s="10"/>
    </row>
    <row r="854773" spans="14:14">
      <c r="N854773" s="10"/>
    </row>
    <row r="854774" spans="14:14">
      <c r="N854774" s="10"/>
    </row>
    <row r="854775" spans="14:14">
      <c r="N854775" s="10"/>
    </row>
    <row r="854776" spans="14:14">
      <c r="N854776" s="10"/>
    </row>
    <row r="854777" spans="14:14">
      <c r="N854777" s="10"/>
    </row>
    <row r="854778" spans="14:14">
      <c r="N854778" s="10"/>
    </row>
    <row r="854779" spans="14:14">
      <c r="N854779" s="10"/>
    </row>
    <row r="854780" spans="14:14">
      <c r="N854780" s="10"/>
    </row>
    <row r="854781" spans="14:14">
      <c r="N854781" s="10"/>
    </row>
    <row r="854782" spans="14:14">
      <c r="N854782" s="10"/>
    </row>
    <row r="854783" spans="14:14">
      <c r="N854783" s="10"/>
    </row>
    <row r="854784" spans="14:14">
      <c r="N854784" s="10"/>
    </row>
    <row r="854785" spans="14:14">
      <c r="N854785" s="10"/>
    </row>
    <row r="854786" spans="14:14">
      <c r="N854786" s="10"/>
    </row>
    <row r="854787" spans="14:14">
      <c r="N854787" s="10"/>
    </row>
    <row r="854788" spans="14:14">
      <c r="N854788" s="10"/>
    </row>
    <row r="854789" spans="14:14">
      <c r="N854789" s="10"/>
    </row>
    <row r="854790" spans="14:14">
      <c r="N854790" s="10"/>
    </row>
    <row r="854791" spans="14:14">
      <c r="N854791" s="10"/>
    </row>
    <row r="854792" spans="14:14">
      <c r="N854792" s="10"/>
    </row>
    <row r="854793" spans="14:14">
      <c r="N854793" s="10"/>
    </row>
    <row r="854794" spans="14:14">
      <c r="N854794" s="10"/>
    </row>
    <row r="854795" spans="14:14">
      <c r="N854795" s="10"/>
    </row>
    <row r="854796" spans="14:14">
      <c r="N854796" s="10"/>
    </row>
    <row r="854797" spans="14:14">
      <c r="N854797" s="10"/>
    </row>
    <row r="854798" spans="14:14">
      <c r="N854798" s="10"/>
    </row>
    <row r="854799" spans="14:14">
      <c r="N854799" s="10"/>
    </row>
    <row r="854800" spans="14:14">
      <c r="N854800" s="10"/>
    </row>
    <row r="854801" spans="14:14">
      <c r="N854801" s="10"/>
    </row>
    <row r="854802" spans="14:14">
      <c r="N854802" s="10"/>
    </row>
    <row r="854803" spans="14:14">
      <c r="N854803" s="10"/>
    </row>
    <row r="854804" spans="14:14">
      <c r="N854804" s="10"/>
    </row>
    <row r="854805" spans="14:14">
      <c r="N854805" s="10"/>
    </row>
    <row r="854806" spans="14:14">
      <c r="N854806" s="10"/>
    </row>
    <row r="854807" spans="14:14">
      <c r="N854807" s="10"/>
    </row>
    <row r="854808" spans="14:14">
      <c r="N854808" s="10"/>
    </row>
    <row r="854809" spans="14:14">
      <c r="N854809" s="10"/>
    </row>
    <row r="854810" spans="14:14">
      <c r="N854810" s="10"/>
    </row>
    <row r="854811" spans="14:14">
      <c r="N854811" s="10"/>
    </row>
    <row r="854812" spans="14:14">
      <c r="N854812" s="10"/>
    </row>
    <row r="854813" spans="14:14">
      <c r="N854813" s="10"/>
    </row>
    <row r="854814" spans="14:14">
      <c r="N854814" s="10"/>
    </row>
    <row r="854815" spans="14:14">
      <c r="N854815" s="10"/>
    </row>
    <row r="854816" spans="14:14">
      <c r="N854816" s="10"/>
    </row>
    <row r="854817" spans="14:14">
      <c r="N854817" s="10"/>
    </row>
    <row r="854818" spans="14:14">
      <c r="N854818" s="10"/>
    </row>
    <row r="854819" spans="14:14">
      <c r="N854819" s="10"/>
    </row>
    <row r="854820" spans="14:14">
      <c r="N854820" s="10"/>
    </row>
    <row r="854821" spans="14:14">
      <c r="N854821" s="10"/>
    </row>
    <row r="854822" spans="14:14">
      <c r="N854822" s="10"/>
    </row>
    <row r="854823" spans="14:14">
      <c r="N854823" s="10"/>
    </row>
    <row r="854824" spans="14:14">
      <c r="N854824" s="10"/>
    </row>
    <row r="854825" spans="14:14">
      <c r="N854825" s="10"/>
    </row>
    <row r="854826" spans="14:14">
      <c r="N854826" s="10"/>
    </row>
    <row r="854827" spans="14:14">
      <c r="N854827" s="10"/>
    </row>
    <row r="854828" spans="14:14">
      <c r="N854828" s="10"/>
    </row>
    <row r="854829" spans="14:14">
      <c r="N854829" s="10"/>
    </row>
    <row r="854830" spans="14:14">
      <c r="N854830" s="10"/>
    </row>
    <row r="854831" spans="14:14">
      <c r="N854831" s="10"/>
    </row>
    <row r="854832" spans="14:14">
      <c r="N854832" s="10"/>
    </row>
    <row r="854833" spans="14:14">
      <c r="N854833" s="10"/>
    </row>
    <row r="854834" spans="14:14">
      <c r="N854834" s="10"/>
    </row>
    <row r="854835" spans="14:14">
      <c r="N854835" s="10"/>
    </row>
    <row r="854836" spans="14:14">
      <c r="N854836" s="10"/>
    </row>
    <row r="854837" spans="14:14">
      <c r="N854837" s="10"/>
    </row>
    <row r="854838" spans="14:14">
      <c r="N854838" s="10"/>
    </row>
    <row r="854839" spans="14:14">
      <c r="N854839" s="10"/>
    </row>
    <row r="854840" spans="14:14">
      <c r="N854840" s="10"/>
    </row>
    <row r="854841" spans="14:14">
      <c r="N854841" s="10"/>
    </row>
    <row r="854842" spans="14:14">
      <c r="N854842" s="10"/>
    </row>
    <row r="854843" spans="14:14">
      <c r="N854843" s="10"/>
    </row>
    <row r="854844" spans="14:14">
      <c r="N854844" s="10"/>
    </row>
    <row r="854845" spans="14:14">
      <c r="N854845" s="10"/>
    </row>
    <row r="854846" spans="14:14">
      <c r="N854846" s="10"/>
    </row>
    <row r="854847" spans="14:14">
      <c r="N854847" s="10"/>
    </row>
    <row r="854848" spans="14:14">
      <c r="N854848" s="10"/>
    </row>
    <row r="854849" spans="14:14">
      <c r="N854849" s="10"/>
    </row>
    <row r="854850" spans="14:14">
      <c r="N854850" s="10"/>
    </row>
    <row r="854851" spans="14:14">
      <c r="N854851" s="10"/>
    </row>
    <row r="854852" spans="14:14">
      <c r="N854852" s="10"/>
    </row>
    <row r="854853" spans="14:14">
      <c r="N854853" s="10"/>
    </row>
    <row r="854854" spans="14:14">
      <c r="N854854" s="10"/>
    </row>
    <row r="854855" spans="14:14">
      <c r="N854855" s="10"/>
    </row>
    <row r="854856" spans="14:14">
      <c r="N854856" s="10"/>
    </row>
    <row r="854857" spans="14:14">
      <c r="N854857" s="10"/>
    </row>
    <row r="854858" spans="14:14">
      <c r="N854858" s="10"/>
    </row>
    <row r="854859" spans="14:14">
      <c r="N854859" s="10"/>
    </row>
    <row r="854860" spans="14:14">
      <c r="N854860" s="10"/>
    </row>
    <row r="854861" spans="14:14">
      <c r="N854861" s="10"/>
    </row>
    <row r="854862" spans="14:14">
      <c r="N854862" s="10"/>
    </row>
    <row r="854863" spans="14:14">
      <c r="N854863" s="10"/>
    </row>
    <row r="854864" spans="14:14">
      <c r="N854864" s="10"/>
    </row>
    <row r="854865" spans="14:14">
      <c r="N854865" s="10"/>
    </row>
    <row r="854866" spans="14:14">
      <c r="N854866" s="10"/>
    </row>
    <row r="854867" spans="14:14">
      <c r="N854867" s="10"/>
    </row>
    <row r="854868" spans="14:14">
      <c r="N854868" s="10"/>
    </row>
    <row r="854869" spans="14:14">
      <c r="N854869" s="10"/>
    </row>
    <row r="854870" spans="14:14">
      <c r="N854870" s="10"/>
    </row>
    <row r="854871" spans="14:14">
      <c r="N854871" s="10"/>
    </row>
    <row r="854872" spans="14:14">
      <c r="N854872" s="10"/>
    </row>
    <row r="854873" spans="14:14">
      <c r="N854873" s="10"/>
    </row>
    <row r="854874" spans="14:14">
      <c r="N854874" s="10"/>
    </row>
    <row r="854875" spans="14:14">
      <c r="N854875" s="10"/>
    </row>
    <row r="854876" spans="14:14">
      <c r="N854876" s="10"/>
    </row>
    <row r="854877" spans="14:14">
      <c r="N854877" s="10"/>
    </row>
    <row r="854878" spans="14:14">
      <c r="N854878" s="10"/>
    </row>
    <row r="854879" spans="14:14">
      <c r="N854879" s="10"/>
    </row>
    <row r="854880" spans="14:14">
      <c r="N854880" s="10"/>
    </row>
    <row r="854881" spans="14:14">
      <c r="N854881" s="10"/>
    </row>
    <row r="854882" spans="14:14">
      <c r="N854882" s="10"/>
    </row>
    <row r="854883" spans="14:14">
      <c r="N854883" s="10"/>
    </row>
    <row r="854884" spans="14:14">
      <c r="N854884" s="10"/>
    </row>
    <row r="854885" spans="14:14">
      <c r="N854885" s="10"/>
    </row>
    <row r="854886" spans="14:14">
      <c r="N854886" s="10"/>
    </row>
    <row r="854887" spans="14:14">
      <c r="N854887" s="10"/>
    </row>
    <row r="854888" spans="14:14">
      <c r="N854888" s="10"/>
    </row>
    <row r="854889" spans="14:14">
      <c r="N854889" s="10"/>
    </row>
    <row r="854890" spans="14:14">
      <c r="N854890" s="10"/>
    </row>
    <row r="854891" spans="14:14">
      <c r="N854891" s="10"/>
    </row>
    <row r="854892" spans="14:14">
      <c r="N854892" s="10"/>
    </row>
    <row r="854893" spans="14:14">
      <c r="N854893" s="10"/>
    </row>
    <row r="854894" spans="14:14">
      <c r="N854894" s="10"/>
    </row>
    <row r="854895" spans="14:14">
      <c r="N854895" s="10"/>
    </row>
    <row r="854896" spans="14:14">
      <c r="N854896" s="10"/>
    </row>
    <row r="854897" spans="14:14">
      <c r="N854897" s="10"/>
    </row>
    <row r="854898" spans="14:14">
      <c r="N854898" s="10"/>
    </row>
    <row r="854899" spans="14:14">
      <c r="N854899" s="10"/>
    </row>
    <row r="854900" spans="14:14">
      <c r="N854900" s="10"/>
    </row>
    <row r="854901" spans="14:14">
      <c r="N854901" s="10"/>
    </row>
    <row r="854902" spans="14:14">
      <c r="N854902" s="10"/>
    </row>
    <row r="854903" spans="14:14">
      <c r="N854903" s="10"/>
    </row>
    <row r="854904" spans="14:14">
      <c r="N854904" s="10"/>
    </row>
    <row r="854905" spans="14:14">
      <c r="N854905" s="10"/>
    </row>
    <row r="854906" spans="14:14">
      <c r="N854906" s="10"/>
    </row>
    <row r="854907" spans="14:14">
      <c r="N854907" s="10"/>
    </row>
    <row r="854908" spans="14:14">
      <c r="N854908" s="10"/>
    </row>
    <row r="854909" spans="14:14">
      <c r="N854909" s="10"/>
    </row>
    <row r="854910" spans="14:14">
      <c r="N854910" s="10"/>
    </row>
    <row r="854911" spans="14:14">
      <c r="N854911" s="10"/>
    </row>
    <row r="854912" spans="14:14">
      <c r="N854912" s="10"/>
    </row>
    <row r="854913" spans="14:14">
      <c r="N854913" s="10"/>
    </row>
    <row r="854914" spans="14:14">
      <c r="N854914" s="10"/>
    </row>
    <row r="854915" spans="14:14">
      <c r="N854915" s="10"/>
    </row>
    <row r="854916" spans="14:14">
      <c r="N854916" s="10"/>
    </row>
    <row r="854917" spans="14:14">
      <c r="N854917" s="10"/>
    </row>
    <row r="854918" spans="14:14">
      <c r="N854918" s="10"/>
    </row>
    <row r="854919" spans="14:14">
      <c r="N854919" s="10"/>
    </row>
    <row r="854920" spans="14:14">
      <c r="N854920" s="10"/>
    </row>
    <row r="854921" spans="14:14">
      <c r="N854921" s="10"/>
    </row>
    <row r="854922" spans="14:14">
      <c r="N854922" s="10"/>
    </row>
    <row r="854923" spans="14:14">
      <c r="N854923" s="10"/>
    </row>
    <row r="854924" spans="14:14">
      <c r="N854924" s="10"/>
    </row>
    <row r="854925" spans="14:14">
      <c r="N854925" s="10"/>
    </row>
    <row r="854926" spans="14:14">
      <c r="N854926" s="10"/>
    </row>
    <row r="854927" spans="14:14">
      <c r="N854927" s="10"/>
    </row>
    <row r="854928" spans="14:14">
      <c r="N854928" s="10"/>
    </row>
    <row r="854929" spans="14:14">
      <c r="N854929" s="10"/>
    </row>
    <row r="854930" spans="14:14">
      <c r="N854930" s="10"/>
    </row>
    <row r="854931" spans="14:14">
      <c r="N854931" s="10"/>
    </row>
    <row r="854932" spans="14:14">
      <c r="N854932" s="10"/>
    </row>
    <row r="854933" spans="14:14">
      <c r="N854933" s="10"/>
    </row>
    <row r="854934" spans="14:14">
      <c r="N854934" s="10"/>
    </row>
    <row r="854935" spans="14:14">
      <c r="N854935" s="10"/>
    </row>
    <row r="854936" spans="14:14">
      <c r="N854936" s="10"/>
    </row>
    <row r="854937" spans="14:14">
      <c r="N854937" s="10"/>
    </row>
    <row r="854938" spans="14:14">
      <c r="N854938" s="10"/>
    </row>
    <row r="854939" spans="14:14">
      <c r="N854939" s="10"/>
    </row>
    <row r="854940" spans="14:14">
      <c r="N854940" s="10"/>
    </row>
    <row r="854941" spans="14:14">
      <c r="N854941" s="10"/>
    </row>
    <row r="854942" spans="14:14">
      <c r="N854942" s="10"/>
    </row>
    <row r="854943" spans="14:14">
      <c r="N854943" s="10"/>
    </row>
    <row r="854944" spans="14:14">
      <c r="N854944" s="10"/>
    </row>
    <row r="854945" spans="14:14">
      <c r="N854945" s="10"/>
    </row>
    <row r="854946" spans="14:14">
      <c r="N854946" s="10"/>
    </row>
    <row r="854947" spans="14:14">
      <c r="N854947" s="10"/>
    </row>
    <row r="854948" spans="14:14">
      <c r="N854948" s="10"/>
    </row>
    <row r="854949" spans="14:14">
      <c r="N854949" s="10"/>
    </row>
    <row r="854950" spans="14:14">
      <c r="N854950" s="10"/>
    </row>
    <row r="854951" spans="14:14">
      <c r="N854951" s="10"/>
    </row>
    <row r="854952" spans="14:14">
      <c r="N854952" s="10"/>
    </row>
    <row r="854953" spans="14:14">
      <c r="N854953" s="10"/>
    </row>
    <row r="854954" spans="14:14">
      <c r="N854954" s="10"/>
    </row>
    <row r="854955" spans="14:14">
      <c r="N854955" s="10"/>
    </row>
    <row r="854956" spans="14:14">
      <c r="N854956" s="10"/>
    </row>
    <row r="854957" spans="14:14">
      <c r="N854957" s="10"/>
    </row>
    <row r="854958" spans="14:14">
      <c r="N854958" s="10"/>
    </row>
    <row r="854959" spans="14:14">
      <c r="N854959" s="10"/>
    </row>
    <row r="854960" spans="14:14">
      <c r="N854960" s="10"/>
    </row>
    <row r="854961" spans="14:14">
      <c r="N854961" s="10"/>
    </row>
    <row r="854962" spans="14:14">
      <c r="N854962" s="10"/>
    </row>
    <row r="854963" spans="14:14">
      <c r="N854963" s="10"/>
    </row>
    <row r="854964" spans="14:14">
      <c r="N854964" s="10"/>
    </row>
    <row r="854965" spans="14:14">
      <c r="N854965" s="10"/>
    </row>
    <row r="854966" spans="14:14">
      <c r="N854966" s="10"/>
    </row>
    <row r="854967" spans="14:14">
      <c r="N854967" s="10"/>
    </row>
    <row r="854968" spans="14:14">
      <c r="N854968" s="10"/>
    </row>
    <row r="854969" spans="14:14">
      <c r="N854969" s="10"/>
    </row>
    <row r="854970" spans="14:14">
      <c r="N854970" s="10"/>
    </row>
    <row r="854971" spans="14:14">
      <c r="N854971" s="10"/>
    </row>
    <row r="854972" spans="14:14">
      <c r="N854972" s="10"/>
    </row>
    <row r="854973" spans="14:14">
      <c r="N854973" s="10"/>
    </row>
    <row r="854974" spans="14:14">
      <c r="N854974" s="10"/>
    </row>
    <row r="854975" spans="14:14">
      <c r="N854975" s="10"/>
    </row>
    <row r="854976" spans="14:14">
      <c r="N854976" s="10"/>
    </row>
    <row r="854977" spans="14:14">
      <c r="N854977" s="10"/>
    </row>
    <row r="854978" spans="14:14">
      <c r="N854978" s="10"/>
    </row>
    <row r="854979" spans="14:14">
      <c r="N854979" s="10"/>
    </row>
    <row r="854980" spans="14:14">
      <c r="N854980" s="10"/>
    </row>
    <row r="854981" spans="14:14">
      <c r="N854981" s="10"/>
    </row>
    <row r="854982" spans="14:14">
      <c r="N854982" s="10"/>
    </row>
    <row r="854983" spans="14:14">
      <c r="N854983" s="10"/>
    </row>
    <row r="854984" spans="14:14">
      <c r="N854984" s="10"/>
    </row>
    <row r="854985" spans="14:14">
      <c r="N854985" s="10"/>
    </row>
    <row r="854986" spans="14:14">
      <c r="N854986" s="10"/>
    </row>
    <row r="854987" spans="14:14">
      <c r="N854987" s="10"/>
    </row>
    <row r="854988" spans="14:14">
      <c r="N854988" s="10"/>
    </row>
    <row r="854989" spans="14:14">
      <c r="N854989" s="10"/>
    </row>
    <row r="854990" spans="14:14">
      <c r="N854990" s="10"/>
    </row>
    <row r="854991" spans="14:14">
      <c r="N854991" s="10"/>
    </row>
    <row r="854992" spans="14:14">
      <c r="N854992" s="10"/>
    </row>
    <row r="854993" spans="14:14">
      <c r="N854993" s="10"/>
    </row>
    <row r="854994" spans="14:14">
      <c r="N854994" s="10"/>
    </row>
    <row r="854995" spans="14:14">
      <c r="N854995" s="10"/>
    </row>
    <row r="854996" spans="14:14">
      <c r="N854996" s="10"/>
    </row>
    <row r="854997" spans="14:14">
      <c r="N854997" s="10"/>
    </row>
    <row r="854998" spans="14:14">
      <c r="N854998" s="10"/>
    </row>
    <row r="854999" spans="14:14">
      <c r="N854999" s="10"/>
    </row>
    <row r="855000" spans="14:14">
      <c r="N855000" s="10"/>
    </row>
    <row r="855001" spans="14:14">
      <c r="N855001" s="10"/>
    </row>
    <row r="855002" spans="14:14">
      <c r="N855002" s="10"/>
    </row>
    <row r="855003" spans="14:14">
      <c r="N855003" s="10"/>
    </row>
    <row r="855004" spans="14:14">
      <c r="N855004" s="10"/>
    </row>
    <row r="855005" spans="14:14">
      <c r="N855005" s="10"/>
    </row>
    <row r="855006" spans="14:14">
      <c r="N855006" s="10"/>
    </row>
    <row r="855007" spans="14:14">
      <c r="N855007" s="10"/>
    </row>
    <row r="855008" spans="14:14">
      <c r="N855008" s="10"/>
    </row>
    <row r="855009" spans="14:14">
      <c r="N855009" s="10"/>
    </row>
    <row r="855010" spans="14:14">
      <c r="N855010" s="10"/>
    </row>
    <row r="855011" spans="14:14">
      <c r="N855011" s="10"/>
    </row>
    <row r="855012" spans="14:14">
      <c r="N855012" s="10"/>
    </row>
    <row r="855013" spans="14:14">
      <c r="N855013" s="10"/>
    </row>
    <row r="855014" spans="14:14">
      <c r="N855014" s="10"/>
    </row>
    <row r="855015" spans="14:14">
      <c r="N855015" s="10"/>
    </row>
    <row r="855016" spans="14:14">
      <c r="N855016" s="10"/>
    </row>
    <row r="855017" spans="14:14">
      <c r="N855017" s="10"/>
    </row>
    <row r="855018" spans="14:14">
      <c r="N855018" s="10"/>
    </row>
    <row r="855019" spans="14:14">
      <c r="N855019" s="10"/>
    </row>
    <row r="855020" spans="14:14">
      <c r="N855020" s="10"/>
    </row>
    <row r="855021" spans="14:14">
      <c r="N855021" s="10"/>
    </row>
    <row r="855022" spans="14:14">
      <c r="N855022" s="10"/>
    </row>
    <row r="855023" spans="14:14">
      <c r="N855023" s="10"/>
    </row>
    <row r="855024" spans="14:14">
      <c r="N855024" s="10"/>
    </row>
    <row r="855025" spans="14:14">
      <c r="N855025" s="10"/>
    </row>
    <row r="855026" spans="14:14">
      <c r="N855026" s="10"/>
    </row>
    <row r="855027" spans="14:14">
      <c r="N855027" s="10"/>
    </row>
    <row r="855028" spans="14:14">
      <c r="N855028" s="10"/>
    </row>
    <row r="855029" spans="14:14">
      <c r="N855029" s="10"/>
    </row>
    <row r="855030" spans="14:14">
      <c r="N855030" s="10"/>
    </row>
    <row r="855031" spans="14:14">
      <c r="N855031" s="10"/>
    </row>
    <row r="855032" spans="14:14">
      <c r="N855032" s="10"/>
    </row>
    <row r="855033" spans="14:14">
      <c r="N855033" s="10"/>
    </row>
    <row r="855034" spans="14:14">
      <c r="N855034" s="10"/>
    </row>
    <row r="855035" spans="14:14">
      <c r="N855035" s="10"/>
    </row>
    <row r="855036" spans="14:14">
      <c r="N855036" s="10"/>
    </row>
    <row r="855037" spans="14:14">
      <c r="N855037" s="10"/>
    </row>
    <row r="855038" spans="14:14">
      <c r="N855038" s="10"/>
    </row>
    <row r="855039" spans="14:14">
      <c r="N855039" s="10"/>
    </row>
    <row r="855040" spans="14:14">
      <c r="N855040" s="10"/>
    </row>
    <row r="855041" spans="14:14">
      <c r="N855041" s="10"/>
    </row>
    <row r="855042" spans="14:14">
      <c r="N855042" s="10"/>
    </row>
    <row r="855043" spans="14:14">
      <c r="N855043" s="10"/>
    </row>
    <row r="855044" spans="14:14">
      <c r="N855044" s="10"/>
    </row>
    <row r="855045" spans="14:14">
      <c r="N855045" s="10"/>
    </row>
    <row r="855046" spans="14:14">
      <c r="N855046" s="10"/>
    </row>
    <row r="855047" spans="14:14">
      <c r="N855047" s="10"/>
    </row>
    <row r="855048" spans="14:14">
      <c r="N855048" s="10"/>
    </row>
    <row r="855049" spans="14:14">
      <c r="N855049" s="10"/>
    </row>
    <row r="855050" spans="14:14">
      <c r="N855050" s="10"/>
    </row>
    <row r="855051" spans="14:14">
      <c r="N855051" s="10"/>
    </row>
    <row r="855052" spans="14:14">
      <c r="N855052" s="10"/>
    </row>
    <row r="855053" spans="14:14">
      <c r="N855053" s="10"/>
    </row>
    <row r="855054" spans="14:14">
      <c r="N855054" s="10"/>
    </row>
    <row r="855055" spans="14:14">
      <c r="N855055" s="10"/>
    </row>
    <row r="855056" spans="14:14">
      <c r="N855056" s="10"/>
    </row>
    <row r="855057" spans="14:14">
      <c r="N855057" s="10"/>
    </row>
    <row r="855058" spans="14:14">
      <c r="N855058" s="10"/>
    </row>
    <row r="855059" spans="14:14">
      <c r="N855059" s="10"/>
    </row>
    <row r="855060" spans="14:14">
      <c r="N855060" s="10"/>
    </row>
    <row r="855061" spans="14:14">
      <c r="N855061" s="10"/>
    </row>
    <row r="855062" spans="14:14">
      <c r="N855062" s="10"/>
    </row>
    <row r="855063" spans="14:14">
      <c r="N855063" s="10"/>
    </row>
    <row r="855064" spans="14:14">
      <c r="N855064" s="10"/>
    </row>
    <row r="855065" spans="14:14">
      <c r="N855065" s="10"/>
    </row>
    <row r="855066" spans="14:14">
      <c r="N855066" s="10"/>
    </row>
    <row r="855067" spans="14:14">
      <c r="N855067" s="10"/>
    </row>
    <row r="855068" spans="14:14">
      <c r="N855068" s="10"/>
    </row>
    <row r="855069" spans="14:14">
      <c r="N855069" s="10"/>
    </row>
    <row r="855070" spans="14:14">
      <c r="N855070" s="10"/>
    </row>
    <row r="855071" spans="14:14">
      <c r="N855071" s="10"/>
    </row>
    <row r="855072" spans="14:14">
      <c r="N855072" s="10"/>
    </row>
    <row r="855073" spans="14:14">
      <c r="N855073" s="10"/>
    </row>
    <row r="855074" spans="14:14">
      <c r="N855074" s="10"/>
    </row>
    <row r="855075" spans="14:14">
      <c r="N855075" s="10"/>
    </row>
    <row r="855076" spans="14:14">
      <c r="N855076" s="10"/>
    </row>
    <row r="855077" spans="14:14">
      <c r="N855077" s="10"/>
    </row>
    <row r="855078" spans="14:14">
      <c r="N855078" s="10"/>
    </row>
    <row r="855079" spans="14:14">
      <c r="N855079" s="10"/>
    </row>
    <row r="855080" spans="14:14">
      <c r="N855080" s="10"/>
    </row>
    <row r="855081" spans="14:14">
      <c r="N855081" s="10"/>
    </row>
    <row r="855082" spans="14:14">
      <c r="N855082" s="10"/>
    </row>
    <row r="855083" spans="14:14">
      <c r="N855083" s="10"/>
    </row>
    <row r="855084" spans="14:14">
      <c r="N855084" s="10"/>
    </row>
    <row r="855085" spans="14:14">
      <c r="N855085" s="10"/>
    </row>
    <row r="855086" spans="14:14">
      <c r="N855086" s="10"/>
    </row>
    <row r="855087" spans="14:14">
      <c r="N855087" s="10"/>
    </row>
    <row r="855088" spans="14:14">
      <c r="N855088" s="10"/>
    </row>
    <row r="855089" spans="14:14">
      <c r="N855089" s="10"/>
    </row>
    <row r="855090" spans="14:14">
      <c r="N855090" s="10"/>
    </row>
    <row r="855091" spans="14:14">
      <c r="N855091" s="10"/>
    </row>
    <row r="855092" spans="14:14">
      <c r="N855092" s="10"/>
    </row>
    <row r="855093" spans="14:14">
      <c r="N855093" s="10"/>
    </row>
    <row r="855094" spans="14:14">
      <c r="N855094" s="10"/>
    </row>
    <row r="855095" spans="14:14">
      <c r="N855095" s="10"/>
    </row>
    <row r="855096" spans="14:14">
      <c r="N855096" s="10"/>
    </row>
    <row r="855097" spans="14:14">
      <c r="N855097" s="10"/>
    </row>
    <row r="855098" spans="14:14">
      <c r="N855098" s="10"/>
    </row>
    <row r="855099" spans="14:14">
      <c r="N855099" s="10"/>
    </row>
    <row r="855100" spans="14:14">
      <c r="N855100" s="10"/>
    </row>
    <row r="855101" spans="14:14">
      <c r="N855101" s="10"/>
    </row>
    <row r="855102" spans="14:14">
      <c r="N855102" s="10"/>
    </row>
    <row r="855103" spans="14:14">
      <c r="N855103" s="10"/>
    </row>
    <row r="855104" spans="14:14">
      <c r="N855104" s="10"/>
    </row>
    <row r="855105" spans="14:14">
      <c r="N855105" s="10"/>
    </row>
    <row r="855106" spans="14:14">
      <c r="N855106" s="10"/>
    </row>
    <row r="855107" spans="14:14">
      <c r="N855107" s="10"/>
    </row>
    <row r="855108" spans="14:14">
      <c r="N855108" s="10"/>
    </row>
    <row r="855109" spans="14:14">
      <c r="N855109" s="10"/>
    </row>
    <row r="855110" spans="14:14">
      <c r="N855110" s="10"/>
    </row>
    <row r="855111" spans="14:14">
      <c r="N855111" s="10"/>
    </row>
    <row r="855112" spans="14:14">
      <c r="N855112" s="10"/>
    </row>
    <row r="855113" spans="14:14">
      <c r="N855113" s="10"/>
    </row>
    <row r="855114" spans="14:14">
      <c r="N855114" s="10"/>
    </row>
    <row r="855115" spans="14:14">
      <c r="N855115" s="10"/>
    </row>
    <row r="855116" spans="14:14">
      <c r="N855116" s="10"/>
    </row>
    <row r="855117" spans="14:14">
      <c r="N855117" s="10"/>
    </row>
    <row r="855118" spans="14:14">
      <c r="N855118" s="10"/>
    </row>
    <row r="855119" spans="14:14">
      <c r="N855119" s="10"/>
    </row>
    <row r="855120" spans="14:14">
      <c r="N855120" s="10"/>
    </row>
    <row r="855121" spans="14:14">
      <c r="N855121" s="10"/>
    </row>
    <row r="855122" spans="14:14">
      <c r="N855122" s="10"/>
    </row>
    <row r="855123" spans="14:14">
      <c r="N855123" s="10"/>
    </row>
    <row r="855124" spans="14:14">
      <c r="N855124" s="10"/>
    </row>
    <row r="855125" spans="14:14">
      <c r="N855125" s="10"/>
    </row>
    <row r="855126" spans="14:14">
      <c r="N855126" s="10"/>
    </row>
    <row r="855127" spans="14:14">
      <c r="N855127" s="10"/>
    </row>
    <row r="855128" spans="14:14">
      <c r="N855128" s="10"/>
    </row>
    <row r="855129" spans="14:14">
      <c r="N855129" s="10"/>
    </row>
    <row r="855130" spans="14:14">
      <c r="N855130" s="10"/>
    </row>
    <row r="855131" spans="14:14">
      <c r="N855131" s="10"/>
    </row>
    <row r="855132" spans="14:14">
      <c r="N855132" s="10"/>
    </row>
    <row r="855133" spans="14:14">
      <c r="N855133" s="10"/>
    </row>
    <row r="855134" spans="14:14">
      <c r="N855134" s="10"/>
    </row>
    <row r="855135" spans="14:14">
      <c r="N855135" s="10"/>
    </row>
    <row r="855136" spans="14:14">
      <c r="N855136" s="10"/>
    </row>
    <row r="855137" spans="14:14">
      <c r="N855137" s="10"/>
    </row>
    <row r="855138" spans="14:14">
      <c r="N855138" s="10"/>
    </row>
    <row r="855139" spans="14:14">
      <c r="N855139" s="10"/>
    </row>
    <row r="855140" spans="14:14">
      <c r="N855140" s="10"/>
    </row>
    <row r="855141" spans="14:14">
      <c r="N855141" s="10"/>
    </row>
    <row r="855142" spans="14:14">
      <c r="N855142" s="10"/>
    </row>
    <row r="855143" spans="14:14">
      <c r="N855143" s="10"/>
    </row>
    <row r="855144" spans="14:14">
      <c r="N855144" s="10"/>
    </row>
    <row r="855145" spans="14:14">
      <c r="N855145" s="10"/>
    </row>
    <row r="855146" spans="14:14">
      <c r="N855146" s="10"/>
    </row>
    <row r="855147" spans="14:14">
      <c r="N855147" s="10"/>
    </row>
    <row r="855148" spans="14:14">
      <c r="N855148" s="10"/>
    </row>
    <row r="855149" spans="14:14">
      <c r="N855149" s="10"/>
    </row>
    <row r="855150" spans="14:14">
      <c r="N855150" s="10"/>
    </row>
    <row r="855151" spans="14:14">
      <c r="N855151" s="10"/>
    </row>
    <row r="855152" spans="14:14">
      <c r="N855152" s="10"/>
    </row>
    <row r="855153" spans="14:14">
      <c r="N855153" s="10"/>
    </row>
    <row r="855154" spans="14:14">
      <c r="N855154" s="10"/>
    </row>
    <row r="855155" spans="14:14">
      <c r="N855155" s="10"/>
    </row>
    <row r="855156" spans="14:14">
      <c r="N855156" s="10"/>
    </row>
    <row r="855157" spans="14:14">
      <c r="N855157" s="10"/>
    </row>
    <row r="855158" spans="14:14">
      <c r="N855158" s="10"/>
    </row>
    <row r="855159" spans="14:14">
      <c r="N855159" s="10"/>
    </row>
    <row r="855160" spans="14:14">
      <c r="N855160" s="10"/>
    </row>
    <row r="855161" spans="14:14">
      <c r="N855161" s="10"/>
    </row>
    <row r="855162" spans="14:14">
      <c r="N855162" s="10"/>
    </row>
    <row r="855163" spans="14:14">
      <c r="N855163" s="10"/>
    </row>
    <row r="855164" spans="14:14">
      <c r="N855164" s="10"/>
    </row>
    <row r="855165" spans="14:14">
      <c r="N855165" s="10"/>
    </row>
    <row r="855166" spans="14:14">
      <c r="N855166" s="10"/>
    </row>
    <row r="855167" spans="14:14">
      <c r="N855167" s="10"/>
    </row>
    <row r="855168" spans="14:14">
      <c r="N855168" s="10"/>
    </row>
    <row r="855169" spans="14:14">
      <c r="N855169" s="10"/>
    </row>
    <row r="855170" spans="14:14">
      <c r="N855170" s="10"/>
    </row>
    <row r="855171" spans="14:14">
      <c r="N855171" s="10"/>
    </row>
    <row r="855172" spans="14:14">
      <c r="N855172" s="10"/>
    </row>
    <row r="855173" spans="14:14">
      <c r="N855173" s="10"/>
    </row>
    <row r="855174" spans="14:14">
      <c r="N855174" s="10"/>
    </row>
    <row r="855175" spans="14:14">
      <c r="N855175" s="10"/>
    </row>
    <row r="855176" spans="14:14">
      <c r="N855176" s="10"/>
    </row>
    <row r="855177" spans="14:14">
      <c r="N855177" s="10"/>
    </row>
    <row r="855178" spans="14:14">
      <c r="N855178" s="10"/>
    </row>
    <row r="855179" spans="14:14">
      <c r="N855179" s="10"/>
    </row>
    <row r="855180" spans="14:14">
      <c r="N855180" s="10"/>
    </row>
    <row r="855181" spans="14:14">
      <c r="N855181" s="10"/>
    </row>
    <row r="855182" spans="14:14">
      <c r="N855182" s="10"/>
    </row>
    <row r="855183" spans="14:14">
      <c r="N855183" s="10"/>
    </row>
    <row r="855184" spans="14:14">
      <c r="N855184" s="10"/>
    </row>
    <row r="855185" spans="14:14">
      <c r="N855185" s="10"/>
    </row>
    <row r="855186" spans="14:14">
      <c r="N855186" s="10"/>
    </row>
    <row r="855187" spans="14:14">
      <c r="N855187" s="10"/>
    </row>
    <row r="855188" spans="14:14">
      <c r="N855188" s="10"/>
    </row>
    <row r="855189" spans="14:14">
      <c r="N855189" s="10"/>
    </row>
    <row r="855190" spans="14:14">
      <c r="N855190" s="10"/>
    </row>
    <row r="855191" spans="14:14">
      <c r="N855191" s="10"/>
    </row>
    <row r="855192" spans="14:14">
      <c r="N855192" s="10"/>
    </row>
    <row r="855193" spans="14:14">
      <c r="N855193" s="10"/>
    </row>
    <row r="855194" spans="14:14">
      <c r="N855194" s="10"/>
    </row>
    <row r="855195" spans="14:14">
      <c r="N855195" s="10"/>
    </row>
    <row r="855196" spans="14:14">
      <c r="N855196" s="10"/>
    </row>
    <row r="855197" spans="14:14">
      <c r="N855197" s="10"/>
    </row>
    <row r="855198" spans="14:14">
      <c r="N855198" s="10"/>
    </row>
    <row r="855199" spans="14:14">
      <c r="N855199" s="10"/>
    </row>
    <row r="855200" spans="14:14">
      <c r="N855200" s="10"/>
    </row>
    <row r="855201" spans="14:14">
      <c r="N855201" s="10"/>
    </row>
    <row r="855202" spans="14:14">
      <c r="N855202" s="10"/>
    </row>
    <row r="855203" spans="14:14">
      <c r="N855203" s="10"/>
    </row>
    <row r="855204" spans="14:14">
      <c r="N855204" s="10"/>
    </row>
    <row r="855205" spans="14:14">
      <c r="N855205" s="10"/>
    </row>
    <row r="855206" spans="14:14">
      <c r="N855206" s="10"/>
    </row>
    <row r="855207" spans="14:14">
      <c r="N855207" s="10"/>
    </row>
    <row r="855208" spans="14:14">
      <c r="N855208" s="10"/>
    </row>
    <row r="855209" spans="14:14">
      <c r="N855209" s="10"/>
    </row>
    <row r="855210" spans="14:14">
      <c r="N855210" s="10"/>
    </row>
    <row r="855211" spans="14:14">
      <c r="N855211" s="10"/>
    </row>
    <row r="855212" spans="14:14">
      <c r="N855212" s="10"/>
    </row>
    <row r="855213" spans="14:14">
      <c r="N855213" s="10"/>
    </row>
    <row r="855214" spans="14:14">
      <c r="N855214" s="10"/>
    </row>
    <row r="855215" spans="14:14">
      <c r="N855215" s="10"/>
    </row>
    <row r="855216" spans="14:14">
      <c r="N855216" s="10"/>
    </row>
    <row r="855217" spans="14:14">
      <c r="N855217" s="10"/>
    </row>
    <row r="855218" spans="14:14">
      <c r="N855218" s="10"/>
    </row>
    <row r="855219" spans="14:14">
      <c r="N855219" s="10"/>
    </row>
    <row r="855220" spans="14:14">
      <c r="N855220" s="10"/>
    </row>
    <row r="855221" spans="14:14">
      <c r="N855221" s="10"/>
    </row>
    <row r="855222" spans="14:14">
      <c r="N855222" s="10"/>
    </row>
    <row r="855223" spans="14:14">
      <c r="N855223" s="10"/>
    </row>
    <row r="855224" spans="14:14">
      <c r="N855224" s="10"/>
    </row>
    <row r="855225" spans="14:14">
      <c r="N855225" s="10"/>
    </row>
    <row r="855226" spans="14:14">
      <c r="N855226" s="10"/>
    </row>
    <row r="855227" spans="14:14">
      <c r="N855227" s="10"/>
    </row>
    <row r="855228" spans="14:14">
      <c r="N855228" s="10"/>
    </row>
    <row r="855229" spans="14:14">
      <c r="N855229" s="10"/>
    </row>
    <row r="855230" spans="14:14">
      <c r="N855230" s="10"/>
    </row>
    <row r="855231" spans="14:14">
      <c r="N855231" s="10"/>
    </row>
    <row r="855232" spans="14:14">
      <c r="N855232" s="10"/>
    </row>
    <row r="855233" spans="14:14">
      <c r="N855233" s="10"/>
    </row>
    <row r="855234" spans="14:14">
      <c r="N855234" s="10"/>
    </row>
    <row r="855235" spans="14:14">
      <c r="N855235" s="10"/>
    </row>
    <row r="855236" spans="14:14">
      <c r="N855236" s="10"/>
    </row>
    <row r="855237" spans="14:14">
      <c r="N855237" s="10"/>
    </row>
    <row r="855238" spans="14:14">
      <c r="N855238" s="10"/>
    </row>
    <row r="855239" spans="14:14">
      <c r="N855239" s="10"/>
    </row>
    <row r="855240" spans="14:14">
      <c r="N855240" s="10"/>
    </row>
    <row r="855241" spans="14:14">
      <c r="N855241" s="10"/>
    </row>
    <row r="855242" spans="14:14">
      <c r="N855242" s="10"/>
    </row>
    <row r="855243" spans="14:14">
      <c r="N855243" s="10"/>
    </row>
    <row r="855244" spans="14:14">
      <c r="N855244" s="10"/>
    </row>
    <row r="855245" spans="14:14">
      <c r="N855245" s="10"/>
    </row>
    <row r="855246" spans="14:14">
      <c r="N855246" s="10"/>
    </row>
    <row r="855247" spans="14:14">
      <c r="N855247" s="10"/>
    </row>
    <row r="855248" spans="14:14">
      <c r="N855248" s="10"/>
    </row>
    <row r="855249" spans="14:14">
      <c r="N855249" s="10"/>
    </row>
    <row r="855250" spans="14:14">
      <c r="N855250" s="10"/>
    </row>
    <row r="855251" spans="14:14">
      <c r="N855251" s="10"/>
    </row>
    <row r="855252" spans="14:14">
      <c r="N855252" s="10"/>
    </row>
    <row r="855253" spans="14:14">
      <c r="N855253" s="10"/>
    </row>
    <row r="855254" spans="14:14">
      <c r="N855254" s="10"/>
    </row>
    <row r="855255" spans="14:14">
      <c r="N855255" s="10"/>
    </row>
    <row r="855256" spans="14:14">
      <c r="N855256" s="10"/>
    </row>
    <row r="855257" spans="14:14">
      <c r="N855257" s="10"/>
    </row>
    <row r="855258" spans="14:14">
      <c r="N855258" s="10"/>
    </row>
    <row r="855259" spans="14:14">
      <c r="N855259" s="10"/>
    </row>
    <row r="855260" spans="14:14">
      <c r="N855260" s="10"/>
    </row>
    <row r="855261" spans="14:14">
      <c r="N855261" s="10"/>
    </row>
    <row r="855262" spans="14:14">
      <c r="N855262" s="10"/>
    </row>
    <row r="855263" spans="14:14">
      <c r="N855263" s="10"/>
    </row>
    <row r="855264" spans="14:14">
      <c r="N855264" s="10"/>
    </row>
    <row r="855265" spans="14:14">
      <c r="N855265" s="10"/>
    </row>
    <row r="855266" spans="14:14">
      <c r="N855266" s="10"/>
    </row>
    <row r="855267" spans="14:14">
      <c r="N855267" s="10"/>
    </row>
    <row r="855268" spans="14:14">
      <c r="N855268" s="10"/>
    </row>
    <row r="855269" spans="14:14">
      <c r="N855269" s="10"/>
    </row>
    <row r="855270" spans="14:14">
      <c r="N855270" s="10"/>
    </row>
    <row r="855271" spans="14:14">
      <c r="N855271" s="10"/>
    </row>
    <row r="855272" spans="14:14">
      <c r="N855272" s="10"/>
    </row>
    <row r="855273" spans="14:14">
      <c r="N855273" s="10"/>
    </row>
    <row r="855274" spans="14:14">
      <c r="N855274" s="10"/>
    </row>
    <row r="855275" spans="14:14">
      <c r="N855275" s="10"/>
    </row>
    <row r="855276" spans="14:14">
      <c r="N855276" s="10"/>
    </row>
    <row r="855277" spans="14:14">
      <c r="N855277" s="10"/>
    </row>
    <row r="855278" spans="14:14">
      <c r="N855278" s="10"/>
    </row>
    <row r="855279" spans="14:14">
      <c r="N855279" s="10"/>
    </row>
    <row r="855280" spans="14:14">
      <c r="N855280" s="10"/>
    </row>
    <row r="855281" spans="14:14">
      <c r="N855281" s="10"/>
    </row>
    <row r="855282" spans="14:14">
      <c r="N855282" s="10"/>
    </row>
    <row r="855283" spans="14:14">
      <c r="N855283" s="10"/>
    </row>
    <row r="855284" spans="14:14">
      <c r="N855284" s="10"/>
    </row>
    <row r="855285" spans="14:14">
      <c r="N855285" s="10"/>
    </row>
    <row r="855286" spans="14:14">
      <c r="N855286" s="10"/>
    </row>
    <row r="855287" spans="14:14">
      <c r="N855287" s="10"/>
    </row>
    <row r="855288" spans="14:14">
      <c r="N855288" s="10"/>
    </row>
    <row r="855289" spans="14:14">
      <c r="N855289" s="10"/>
    </row>
    <row r="855290" spans="14:14">
      <c r="N855290" s="10"/>
    </row>
    <row r="855291" spans="14:14">
      <c r="N855291" s="10"/>
    </row>
    <row r="855292" spans="14:14">
      <c r="N855292" s="10"/>
    </row>
    <row r="855293" spans="14:14">
      <c r="N855293" s="10"/>
    </row>
    <row r="855294" spans="14:14">
      <c r="N855294" s="10"/>
    </row>
    <row r="855295" spans="14:14">
      <c r="N855295" s="10"/>
    </row>
    <row r="855296" spans="14:14">
      <c r="N855296" s="10"/>
    </row>
    <row r="855297" spans="14:14">
      <c r="N855297" s="10"/>
    </row>
    <row r="855298" spans="14:14">
      <c r="N855298" s="10"/>
    </row>
    <row r="855299" spans="14:14">
      <c r="N855299" s="10"/>
    </row>
    <row r="855300" spans="14:14">
      <c r="N855300" s="10"/>
    </row>
    <row r="855301" spans="14:14">
      <c r="N855301" s="10"/>
    </row>
    <row r="855302" spans="14:14">
      <c r="N855302" s="10"/>
    </row>
    <row r="855303" spans="14:14">
      <c r="N855303" s="10"/>
    </row>
    <row r="855304" spans="14:14">
      <c r="N855304" s="10"/>
    </row>
    <row r="855305" spans="14:14">
      <c r="N855305" s="10"/>
    </row>
    <row r="855306" spans="14:14">
      <c r="N855306" s="10"/>
    </row>
    <row r="855307" spans="14:14">
      <c r="N855307" s="10"/>
    </row>
    <row r="855308" spans="14:14">
      <c r="N855308" s="10"/>
    </row>
    <row r="855309" spans="14:14">
      <c r="N855309" s="10"/>
    </row>
    <row r="855310" spans="14:14">
      <c r="N855310" s="10"/>
    </row>
    <row r="855311" spans="14:14">
      <c r="N855311" s="10"/>
    </row>
    <row r="855312" spans="14:14">
      <c r="N855312" s="10"/>
    </row>
    <row r="855313" spans="14:14">
      <c r="N855313" s="10"/>
    </row>
    <row r="855314" spans="14:14">
      <c r="N855314" s="10"/>
    </row>
    <row r="855315" spans="14:14">
      <c r="N855315" s="10"/>
    </row>
    <row r="855316" spans="14:14">
      <c r="N855316" s="10"/>
    </row>
    <row r="855317" spans="14:14">
      <c r="N855317" s="10"/>
    </row>
    <row r="855318" spans="14:14">
      <c r="N855318" s="10"/>
    </row>
    <row r="855319" spans="14:14">
      <c r="N855319" s="10"/>
    </row>
    <row r="855320" spans="14:14">
      <c r="N855320" s="10"/>
    </row>
    <row r="855321" spans="14:14">
      <c r="N855321" s="10"/>
    </row>
    <row r="855322" spans="14:14">
      <c r="N855322" s="10"/>
    </row>
    <row r="855323" spans="14:14">
      <c r="N855323" s="10"/>
    </row>
    <row r="855324" spans="14:14">
      <c r="N855324" s="10"/>
    </row>
    <row r="855325" spans="14:14">
      <c r="N855325" s="10"/>
    </row>
    <row r="855326" spans="14:14">
      <c r="N855326" s="10"/>
    </row>
    <row r="855327" spans="14:14">
      <c r="N855327" s="10"/>
    </row>
    <row r="855328" spans="14:14">
      <c r="N855328" s="10"/>
    </row>
    <row r="855329" spans="14:14">
      <c r="N855329" s="10"/>
    </row>
    <row r="855330" spans="14:14">
      <c r="N855330" s="10"/>
    </row>
    <row r="855331" spans="14:14">
      <c r="N855331" s="10"/>
    </row>
    <row r="855332" spans="14:14">
      <c r="N855332" s="10"/>
    </row>
    <row r="855333" spans="14:14">
      <c r="N855333" s="10"/>
    </row>
    <row r="855334" spans="14:14">
      <c r="N855334" s="10"/>
    </row>
    <row r="855335" spans="14:14">
      <c r="N855335" s="10"/>
    </row>
    <row r="855336" spans="14:14">
      <c r="N855336" s="10"/>
    </row>
    <row r="855337" spans="14:14">
      <c r="N855337" s="10"/>
    </row>
    <row r="855338" spans="14:14">
      <c r="N855338" s="10"/>
    </row>
    <row r="855339" spans="14:14">
      <c r="N855339" s="10"/>
    </row>
    <row r="855340" spans="14:14">
      <c r="N855340" s="10"/>
    </row>
    <row r="855341" spans="14:14">
      <c r="N855341" s="10"/>
    </row>
    <row r="855342" spans="14:14">
      <c r="N855342" s="10"/>
    </row>
    <row r="855343" spans="14:14">
      <c r="N855343" s="10"/>
    </row>
    <row r="855344" spans="14:14">
      <c r="N855344" s="10"/>
    </row>
    <row r="855345" spans="14:14">
      <c r="N855345" s="10"/>
    </row>
    <row r="855346" spans="14:14">
      <c r="N855346" s="10"/>
    </row>
    <row r="855347" spans="14:14">
      <c r="N855347" s="10"/>
    </row>
    <row r="855348" spans="14:14">
      <c r="N855348" s="10"/>
    </row>
    <row r="855349" spans="14:14">
      <c r="N855349" s="10"/>
    </row>
    <row r="855350" spans="14:14">
      <c r="N855350" s="10"/>
    </row>
    <row r="855351" spans="14:14">
      <c r="N855351" s="10"/>
    </row>
    <row r="855352" spans="14:14">
      <c r="N855352" s="10"/>
    </row>
    <row r="855353" spans="14:14">
      <c r="N855353" s="10"/>
    </row>
    <row r="855354" spans="14:14">
      <c r="N855354" s="10"/>
    </row>
    <row r="855355" spans="14:14">
      <c r="N855355" s="10"/>
    </row>
    <row r="855356" spans="14:14">
      <c r="N855356" s="10"/>
    </row>
    <row r="855357" spans="14:14">
      <c r="N855357" s="10"/>
    </row>
    <row r="855358" spans="14:14">
      <c r="N855358" s="10"/>
    </row>
    <row r="855359" spans="14:14">
      <c r="N855359" s="10"/>
    </row>
    <row r="855360" spans="14:14">
      <c r="N855360" s="10"/>
    </row>
    <row r="855361" spans="14:14">
      <c r="N855361" s="10"/>
    </row>
    <row r="855362" spans="14:14">
      <c r="N855362" s="10"/>
    </row>
    <row r="855363" spans="14:14">
      <c r="N855363" s="10"/>
    </row>
    <row r="855364" spans="14:14">
      <c r="N855364" s="10"/>
    </row>
    <row r="855365" spans="14:14">
      <c r="N855365" s="10"/>
    </row>
    <row r="855366" spans="14:14">
      <c r="N855366" s="10"/>
    </row>
    <row r="855367" spans="14:14">
      <c r="N855367" s="10"/>
    </row>
    <row r="855368" spans="14:14">
      <c r="N855368" s="10"/>
    </row>
    <row r="855369" spans="14:14">
      <c r="N855369" s="10"/>
    </row>
    <row r="855370" spans="14:14">
      <c r="N855370" s="10"/>
    </row>
    <row r="855371" spans="14:14">
      <c r="N855371" s="10"/>
    </row>
    <row r="855372" spans="14:14">
      <c r="N855372" s="10"/>
    </row>
    <row r="855373" spans="14:14">
      <c r="N855373" s="10"/>
    </row>
    <row r="855374" spans="14:14">
      <c r="N855374" s="10"/>
    </row>
    <row r="855375" spans="14:14">
      <c r="N855375" s="10"/>
    </row>
    <row r="855376" spans="14:14">
      <c r="N855376" s="10"/>
    </row>
    <row r="855377" spans="14:14">
      <c r="N855377" s="10"/>
    </row>
    <row r="855378" spans="14:14">
      <c r="N855378" s="10"/>
    </row>
    <row r="855379" spans="14:14">
      <c r="N855379" s="10"/>
    </row>
    <row r="855380" spans="14:14">
      <c r="N855380" s="10"/>
    </row>
    <row r="855381" spans="14:14">
      <c r="N855381" s="10"/>
    </row>
    <row r="855382" spans="14:14">
      <c r="N855382" s="10"/>
    </row>
    <row r="855383" spans="14:14">
      <c r="N855383" s="10"/>
    </row>
    <row r="855384" spans="14:14">
      <c r="N855384" s="10"/>
    </row>
    <row r="855385" spans="14:14">
      <c r="N855385" s="10"/>
    </row>
    <row r="855386" spans="14:14">
      <c r="N855386" s="10"/>
    </row>
    <row r="855387" spans="14:14">
      <c r="N855387" s="10"/>
    </row>
    <row r="855388" spans="14:14">
      <c r="N855388" s="10"/>
    </row>
    <row r="855389" spans="14:14">
      <c r="N855389" s="10"/>
    </row>
    <row r="855390" spans="14:14">
      <c r="N855390" s="10"/>
    </row>
    <row r="855391" spans="14:14">
      <c r="N855391" s="10"/>
    </row>
    <row r="855392" spans="14:14">
      <c r="N855392" s="10"/>
    </row>
    <row r="855393" spans="14:14">
      <c r="N855393" s="10"/>
    </row>
    <row r="855394" spans="14:14">
      <c r="N855394" s="10"/>
    </row>
    <row r="855395" spans="14:14">
      <c r="N855395" s="10"/>
    </row>
    <row r="855396" spans="14:14">
      <c r="N855396" s="10"/>
    </row>
    <row r="855397" spans="14:14">
      <c r="N855397" s="10"/>
    </row>
    <row r="855398" spans="14:14">
      <c r="N855398" s="10"/>
    </row>
    <row r="855399" spans="14:14">
      <c r="N855399" s="10"/>
    </row>
    <row r="855400" spans="14:14">
      <c r="N855400" s="10"/>
    </row>
    <row r="855401" spans="14:14">
      <c r="N855401" s="10"/>
    </row>
    <row r="855402" spans="14:14">
      <c r="N855402" s="10"/>
    </row>
    <row r="855403" spans="14:14">
      <c r="N855403" s="10"/>
    </row>
    <row r="855404" spans="14:14">
      <c r="N855404" s="10"/>
    </row>
    <row r="855405" spans="14:14">
      <c r="N855405" s="10"/>
    </row>
    <row r="855406" spans="14:14">
      <c r="N855406" s="10"/>
    </row>
    <row r="855407" spans="14:14">
      <c r="N855407" s="10"/>
    </row>
    <row r="855408" spans="14:14">
      <c r="N855408" s="10"/>
    </row>
    <row r="855409" spans="14:14">
      <c r="N855409" s="10"/>
    </row>
    <row r="855410" spans="14:14">
      <c r="N855410" s="10"/>
    </row>
    <row r="855411" spans="14:14">
      <c r="N855411" s="10"/>
    </row>
    <row r="855412" spans="14:14">
      <c r="N855412" s="10"/>
    </row>
    <row r="855413" spans="14:14">
      <c r="N855413" s="10"/>
    </row>
    <row r="855414" spans="14:14">
      <c r="N855414" s="10"/>
    </row>
    <row r="855415" spans="14:14">
      <c r="N855415" s="10"/>
    </row>
    <row r="855416" spans="14:14">
      <c r="N855416" s="10"/>
    </row>
    <row r="855417" spans="14:14">
      <c r="N855417" s="10"/>
    </row>
    <row r="855418" spans="14:14">
      <c r="N855418" s="10"/>
    </row>
    <row r="855419" spans="14:14">
      <c r="N855419" s="10"/>
    </row>
    <row r="855420" spans="14:14">
      <c r="N855420" s="10"/>
    </row>
    <row r="855421" spans="14:14">
      <c r="N855421" s="10"/>
    </row>
    <row r="855422" spans="14:14">
      <c r="N855422" s="10"/>
    </row>
    <row r="855423" spans="14:14">
      <c r="N855423" s="10"/>
    </row>
    <row r="855424" spans="14:14">
      <c r="N855424" s="10"/>
    </row>
    <row r="855425" spans="14:14">
      <c r="N855425" s="10"/>
    </row>
    <row r="855426" spans="14:14">
      <c r="N855426" s="10"/>
    </row>
    <row r="855427" spans="14:14">
      <c r="N855427" s="10"/>
    </row>
    <row r="855428" spans="14:14">
      <c r="N855428" s="10"/>
    </row>
    <row r="855429" spans="14:14">
      <c r="N855429" s="10"/>
    </row>
    <row r="855430" spans="14:14">
      <c r="N855430" s="10"/>
    </row>
    <row r="855431" spans="14:14">
      <c r="N855431" s="10"/>
    </row>
    <row r="855432" spans="14:14">
      <c r="N855432" s="10"/>
    </row>
    <row r="855433" spans="14:14">
      <c r="N855433" s="10"/>
    </row>
    <row r="855434" spans="14:14">
      <c r="N855434" s="10"/>
    </row>
    <row r="855435" spans="14:14">
      <c r="N855435" s="10"/>
    </row>
    <row r="855436" spans="14:14">
      <c r="N855436" s="10"/>
    </row>
    <row r="855437" spans="14:14">
      <c r="N855437" s="10"/>
    </row>
    <row r="855438" spans="14:14">
      <c r="N855438" s="10"/>
    </row>
    <row r="855439" spans="14:14">
      <c r="N855439" s="10"/>
    </row>
    <row r="855440" spans="14:14">
      <c r="N855440" s="10"/>
    </row>
    <row r="855441" spans="14:14">
      <c r="N855441" s="10"/>
    </row>
    <row r="855442" spans="14:14">
      <c r="N855442" s="10"/>
    </row>
    <row r="855443" spans="14:14">
      <c r="N855443" s="10"/>
    </row>
    <row r="855444" spans="14:14">
      <c r="N855444" s="10"/>
    </row>
    <row r="855445" spans="14:14">
      <c r="N855445" s="10"/>
    </row>
    <row r="855446" spans="14:14">
      <c r="N855446" s="10"/>
    </row>
    <row r="855447" spans="14:14">
      <c r="N855447" s="10"/>
    </row>
    <row r="855448" spans="14:14">
      <c r="N855448" s="10"/>
    </row>
    <row r="855449" spans="14:14">
      <c r="N855449" s="10"/>
    </row>
    <row r="855450" spans="14:14">
      <c r="N855450" s="10"/>
    </row>
    <row r="855451" spans="14:14">
      <c r="N855451" s="10"/>
    </row>
    <row r="855452" spans="14:14">
      <c r="N855452" s="10"/>
    </row>
    <row r="855453" spans="14:14">
      <c r="N855453" s="10"/>
    </row>
    <row r="855454" spans="14:14">
      <c r="N855454" s="10"/>
    </row>
    <row r="855455" spans="14:14">
      <c r="N855455" s="10"/>
    </row>
    <row r="855456" spans="14:14">
      <c r="N855456" s="10"/>
    </row>
    <row r="855457" spans="14:14">
      <c r="N855457" s="10"/>
    </row>
    <row r="855458" spans="14:14">
      <c r="N855458" s="10"/>
    </row>
    <row r="855459" spans="14:14">
      <c r="N855459" s="10"/>
    </row>
    <row r="855460" spans="14:14">
      <c r="N855460" s="10"/>
    </row>
    <row r="855461" spans="14:14">
      <c r="N855461" s="10"/>
    </row>
    <row r="855462" spans="14:14">
      <c r="N855462" s="10"/>
    </row>
    <row r="855463" spans="14:14">
      <c r="N855463" s="10"/>
    </row>
    <row r="855464" spans="14:14">
      <c r="N855464" s="10"/>
    </row>
    <row r="855465" spans="14:14">
      <c r="N855465" s="10"/>
    </row>
    <row r="855466" spans="14:14">
      <c r="N855466" s="10"/>
    </row>
    <row r="855467" spans="14:14">
      <c r="N855467" s="10"/>
    </row>
    <row r="855468" spans="14:14">
      <c r="N855468" s="10"/>
    </row>
    <row r="855469" spans="14:14">
      <c r="N855469" s="10"/>
    </row>
    <row r="855470" spans="14:14">
      <c r="N855470" s="10"/>
    </row>
    <row r="855471" spans="14:14">
      <c r="N855471" s="10"/>
    </row>
    <row r="855472" spans="14:14">
      <c r="N855472" s="10"/>
    </row>
    <row r="855473" spans="14:14">
      <c r="N855473" s="10"/>
    </row>
    <row r="855474" spans="14:14">
      <c r="N855474" s="10"/>
    </row>
    <row r="855475" spans="14:14">
      <c r="N855475" s="10"/>
    </row>
    <row r="855476" spans="14:14">
      <c r="N855476" s="10"/>
    </row>
    <row r="855477" spans="14:14">
      <c r="N855477" s="10"/>
    </row>
    <row r="855478" spans="14:14">
      <c r="N855478" s="10"/>
    </row>
    <row r="855479" spans="14:14">
      <c r="N855479" s="10"/>
    </row>
    <row r="855480" spans="14:14">
      <c r="N855480" s="10"/>
    </row>
    <row r="855481" spans="14:14">
      <c r="N855481" s="10"/>
    </row>
    <row r="855482" spans="14:14">
      <c r="N855482" s="10"/>
    </row>
    <row r="855483" spans="14:14">
      <c r="N855483" s="10"/>
    </row>
    <row r="855484" spans="14:14">
      <c r="N855484" s="10"/>
    </row>
    <row r="855485" spans="14:14">
      <c r="N855485" s="10"/>
    </row>
    <row r="855486" spans="14:14">
      <c r="N855486" s="10"/>
    </row>
    <row r="855487" spans="14:14">
      <c r="N855487" s="10"/>
    </row>
    <row r="855488" spans="14:14">
      <c r="N855488" s="10"/>
    </row>
    <row r="855489" spans="14:14">
      <c r="N855489" s="10"/>
    </row>
    <row r="855490" spans="14:14">
      <c r="N855490" s="10"/>
    </row>
    <row r="855491" spans="14:14">
      <c r="N855491" s="10"/>
    </row>
    <row r="855492" spans="14:14">
      <c r="N855492" s="10"/>
    </row>
    <row r="855493" spans="14:14">
      <c r="N855493" s="10"/>
    </row>
    <row r="855494" spans="14:14">
      <c r="N855494" s="10"/>
    </row>
    <row r="855495" spans="14:14">
      <c r="N855495" s="10"/>
    </row>
    <row r="855496" spans="14:14">
      <c r="N855496" s="10"/>
    </row>
    <row r="855497" spans="14:14">
      <c r="N855497" s="10"/>
    </row>
    <row r="855498" spans="14:14">
      <c r="N855498" s="10"/>
    </row>
    <row r="855499" spans="14:14">
      <c r="N855499" s="10"/>
    </row>
    <row r="855500" spans="14:14">
      <c r="N855500" s="10"/>
    </row>
    <row r="855501" spans="14:14">
      <c r="N855501" s="10"/>
    </row>
    <row r="855502" spans="14:14">
      <c r="N855502" s="10"/>
    </row>
    <row r="855503" spans="14:14">
      <c r="N855503" s="10"/>
    </row>
    <row r="855504" spans="14:14">
      <c r="N855504" s="10"/>
    </row>
    <row r="855505" spans="14:14">
      <c r="N855505" s="10"/>
    </row>
    <row r="855506" spans="14:14">
      <c r="N855506" s="10"/>
    </row>
    <row r="855507" spans="14:14">
      <c r="N855507" s="10"/>
    </row>
    <row r="855508" spans="14:14">
      <c r="N855508" s="10"/>
    </row>
    <row r="855509" spans="14:14">
      <c r="N855509" s="10"/>
    </row>
    <row r="855510" spans="14:14">
      <c r="N855510" s="10"/>
    </row>
    <row r="855511" spans="14:14">
      <c r="N855511" s="10"/>
    </row>
    <row r="855512" spans="14:14">
      <c r="N855512" s="10"/>
    </row>
    <row r="855513" spans="14:14">
      <c r="N855513" s="10"/>
    </row>
    <row r="855514" spans="14:14">
      <c r="N855514" s="10"/>
    </row>
    <row r="855515" spans="14:14">
      <c r="N855515" s="10"/>
    </row>
    <row r="855516" spans="14:14">
      <c r="N855516" s="10"/>
    </row>
    <row r="855517" spans="14:14">
      <c r="N855517" s="10"/>
    </row>
    <row r="855518" spans="14:14">
      <c r="N855518" s="10"/>
    </row>
    <row r="855519" spans="14:14">
      <c r="N855519" s="10"/>
    </row>
    <row r="855520" spans="14:14">
      <c r="N855520" s="10"/>
    </row>
    <row r="855521" spans="14:14">
      <c r="N855521" s="10"/>
    </row>
    <row r="855522" spans="14:14">
      <c r="N855522" s="10"/>
    </row>
    <row r="855523" spans="14:14">
      <c r="N855523" s="10"/>
    </row>
    <row r="855524" spans="14:14">
      <c r="N855524" s="10"/>
    </row>
    <row r="855525" spans="14:14">
      <c r="N855525" s="10"/>
    </row>
    <row r="855526" spans="14:14">
      <c r="N855526" s="10"/>
    </row>
    <row r="855527" spans="14:14">
      <c r="N855527" s="10"/>
    </row>
    <row r="855528" spans="14:14">
      <c r="N855528" s="10"/>
    </row>
    <row r="855529" spans="14:14">
      <c r="N855529" s="10"/>
    </row>
    <row r="855530" spans="14:14">
      <c r="N855530" s="10"/>
    </row>
    <row r="855531" spans="14:14">
      <c r="N855531" s="10"/>
    </row>
    <row r="855532" spans="14:14">
      <c r="N855532" s="10"/>
    </row>
    <row r="855533" spans="14:14">
      <c r="N855533" s="10"/>
    </row>
    <row r="855534" spans="14:14">
      <c r="N855534" s="10"/>
    </row>
    <row r="855535" spans="14:14">
      <c r="N855535" s="10"/>
    </row>
    <row r="855536" spans="14:14">
      <c r="N855536" s="10"/>
    </row>
    <row r="855537" spans="14:14">
      <c r="N855537" s="10"/>
    </row>
    <row r="855538" spans="14:14">
      <c r="N855538" s="10"/>
    </row>
    <row r="855539" spans="14:14">
      <c r="N855539" s="10"/>
    </row>
    <row r="855540" spans="14:14">
      <c r="N855540" s="10"/>
    </row>
    <row r="855541" spans="14:14">
      <c r="N855541" s="10"/>
    </row>
    <row r="855542" spans="14:14">
      <c r="N855542" s="10"/>
    </row>
    <row r="855543" spans="14:14">
      <c r="N855543" s="10"/>
    </row>
    <row r="855544" spans="14:14">
      <c r="N855544" s="10"/>
    </row>
    <row r="855545" spans="14:14">
      <c r="N855545" s="10"/>
    </row>
    <row r="855546" spans="14:14">
      <c r="N855546" s="10"/>
    </row>
    <row r="855547" spans="14:14">
      <c r="N855547" s="10"/>
    </row>
    <row r="855548" spans="14:14">
      <c r="N855548" s="10"/>
    </row>
    <row r="855549" spans="14:14">
      <c r="N855549" s="10"/>
    </row>
    <row r="855550" spans="14:14">
      <c r="N855550" s="10"/>
    </row>
    <row r="855551" spans="14:14">
      <c r="N855551" s="10"/>
    </row>
    <row r="855552" spans="14:14">
      <c r="N855552" s="10"/>
    </row>
    <row r="855553" spans="14:14">
      <c r="N855553" s="10"/>
    </row>
    <row r="855554" spans="14:14">
      <c r="N855554" s="10"/>
    </row>
    <row r="855555" spans="14:14">
      <c r="N855555" s="10"/>
    </row>
    <row r="855556" spans="14:14">
      <c r="N855556" s="10"/>
    </row>
    <row r="855557" spans="14:14">
      <c r="N855557" s="10"/>
    </row>
    <row r="855558" spans="14:14">
      <c r="N855558" s="10"/>
    </row>
    <row r="855559" spans="14:14">
      <c r="N855559" s="10"/>
    </row>
    <row r="855560" spans="14:14">
      <c r="N855560" s="10"/>
    </row>
    <row r="855561" spans="14:14">
      <c r="N855561" s="10"/>
    </row>
    <row r="855562" spans="14:14">
      <c r="N855562" s="10"/>
    </row>
    <row r="855563" spans="14:14">
      <c r="N855563" s="10"/>
    </row>
    <row r="855564" spans="14:14">
      <c r="N855564" s="10"/>
    </row>
    <row r="855565" spans="14:14">
      <c r="N855565" s="10"/>
    </row>
    <row r="855566" spans="14:14">
      <c r="N855566" s="10"/>
    </row>
    <row r="855567" spans="14:14">
      <c r="N855567" s="10"/>
    </row>
    <row r="855568" spans="14:14">
      <c r="N855568" s="10"/>
    </row>
    <row r="855569" spans="14:14">
      <c r="N855569" s="10"/>
    </row>
    <row r="855570" spans="14:14">
      <c r="N855570" s="10"/>
    </row>
    <row r="855571" spans="14:14">
      <c r="N855571" s="10"/>
    </row>
    <row r="855572" spans="14:14">
      <c r="N855572" s="10"/>
    </row>
    <row r="855573" spans="14:14">
      <c r="N855573" s="10"/>
    </row>
    <row r="855574" spans="14:14">
      <c r="N855574" s="10"/>
    </row>
    <row r="855575" spans="14:14">
      <c r="N855575" s="10"/>
    </row>
    <row r="855576" spans="14:14">
      <c r="N855576" s="10"/>
    </row>
    <row r="855577" spans="14:14">
      <c r="N855577" s="10"/>
    </row>
    <row r="855578" spans="14:14">
      <c r="N855578" s="10"/>
    </row>
    <row r="855579" spans="14:14">
      <c r="N855579" s="10"/>
    </row>
    <row r="855580" spans="14:14">
      <c r="N855580" s="10"/>
    </row>
    <row r="855581" spans="14:14">
      <c r="N855581" s="10"/>
    </row>
    <row r="855582" spans="14:14">
      <c r="N855582" s="10"/>
    </row>
    <row r="855583" spans="14:14">
      <c r="N855583" s="10"/>
    </row>
    <row r="855584" spans="14:14">
      <c r="N855584" s="10"/>
    </row>
    <row r="855585" spans="14:14">
      <c r="N855585" s="10"/>
    </row>
    <row r="855586" spans="14:14">
      <c r="N855586" s="10"/>
    </row>
    <row r="855587" spans="14:14">
      <c r="N855587" s="10"/>
    </row>
    <row r="855588" spans="14:14">
      <c r="N855588" s="10"/>
    </row>
    <row r="855589" spans="14:14">
      <c r="N855589" s="10"/>
    </row>
    <row r="855590" spans="14:14">
      <c r="N855590" s="10"/>
    </row>
    <row r="855591" spans="14:14">
      <c r="N855591" s="10"/>
    </row>
    <row r="855592" spans="14:14">
      <c r="N855592" s="10"/>
    </row>
    <row r="855593" spans="14:14">
      <c r="N855593" s="10"/>
    </row>
    <row r="855594" spans="14:14">
      <c r="N855594" s="10"/>
    </row>
    <row r="855595" spans="14:14">
      <c r="N855595" s="10"/>
    </row>
    <row r="855596" spans="14:14">
      <c r="N855596" s="10"/>
    </row>
    <row r="855597" spans="14:14">
      <c r="N855597" s="10"/>
    </row>
    <row r="855598" spans="14:14">
      <c r="N855598" s="10"/>
    </row>
    <row r="855599" spans="14:14">
      <c r="N855599" s="10"/>
    </row>
    <row r="855600" spans="14:14">
      <c r="N855600" s="10"/>
    </row>
    <row r="855601" spans="14:14">
      <c r="N855601" s="10"/>
    </row>
    <row r="855602" spans="14:14">
      <c r="N855602" s="10"/>
    </row>
    <row r="855603" spans="14:14">
      <c r="N855603" s="10"/>
    </row>
    <row r="855604" spans="14:14">
      <c r="N855604" s="10"/>
    </row>
    <row r="855605" spans="14:14">
      <c r="N855605" s="10"/>
    </row>
    <row r="855606" spans="14:14">
      <c r="N855606" s="10"/>
    </row>
    <row r="855607" spans="14:14">
      <c r="N855607" s="10"/>
    </row>
    <row r="855608" spans="14:14">
      <c r="N855608" s="10"/>
    </row>
    <row r="855609" spans="14:14">
      <c r="N855609" s="10"/>
    </row>
    <row r="855610" spans="14:14">
      <c r="N855610" s="10"/>
    </row>
    <row r="855611" spans="14:14">
      <c r="N855611" s="10"/>
    </row>
    <row r="855612" spans="14:14">
      <c r="N855612" s="10"/>
    </row>
    <row r="855613" spans="14:14">
      <c r="N855613" s="10"/>
    </row>
    <row r="855614" spans="14:14">
      <c r="N855614" s="10"/>
    </row>
    <row r="855615" spans="14:14">
      <c r="N855615" s="10"/>
    </row>
    <row r="855616" spans="14:14">
      <c r="N855616" s="10"/>
    </row>
    <row r="855617" spans="14:14">
      <c r="N855617" s="10"/>
    </row>
    <row r="855618" spans="14:14">
      <c r="N855618" s="10"/>
    </row>
    <row r="855619" spans="14:14">
      <c r="N855619" s="10"/>
    </row>
    <row r="855620" spans="14:14">
      <c r="N855620" s="10"/>
    </row>
    <row r="855621" spans="14:14">
      <c r="N855621" s="10"/>
    </row>
    <row r="855622" spans="14:14">
      <c r="N855622" s="10"/>
    </row>
    <row r="855623" spans="14:14">
      <c r="N855623" s="10"/>
    </row>
    <row r="855624" spans="14:14">
      <c r="N855624" s="10"/>
    </row>
    <row r="855625" spans="14:14">
      <c r="N855625" s="10"/>
    </row>
    <row r="855626" spans="14:14">
      <c r="N855626" s="10"/>
    </row>
    <row r="855627" spans="14:14">
      <c r="N855627" s="10"/>
    </row>
    <row r="855628" spans="14:14">
      <c r="N855628" s="10"/>
    </row>
    <row r="855629" spans="14:14">
      <c r="N855629" s="10"/>
    </row>
    <row r="855630" spans="14:14">
      <c r="N855630" s="10"/>
    </row>
    <row r="855631" spans="14:14">
      <c r="N855631" s="10"/>
    </row>
    <row r="855632" spans="14:14">
      <c r="N855632" s="10"/>
    </row>
    <row r="855633" spans="14:14">
      <c r="N855633" s="10"/>
    </row>
    <row r="855634" spans="14:14">
      <c r="N855634" s="10"/>
    </row>
    <row r="855635" spans="14:14">
      <c r="N855635" s="10"/>
    </row>
    <row r="855636" spans="14:14">
      <c r="N855636" s="10"/>
    </row>
    <row r="855637" spans="14:14">
      <c r="N855637" s="10"/>
    </row>
    <row r="855638" spans="14:14">
      <c r="N855638" s="10"/>
    </row>
    <row r="855639" spans="14:14">
      <c r="N855639" s="10"/>
    </row>
    <row r="855640" spans="14:14">
      <c r="N855640" s="10"/>
    </row>
    <row r="855641" spans="14:14">
      <c r="N855641" s="10"/>
    </row>
    <row r="855642" spans="14:14">
      <c r="N855642" s="10"/>
    </row>
    <row r="855643" spans="14:14">
      <c r="N855643" s="10"/>
    </row>
    <row r="855644" spans="14:14">
      <c r="N855644" s="10"/>
    </row>
    <row r="855645" spans="14:14">
      <c r="N855645" s="10"/>
    </row>
    <row r="855646" spans="14:14">
      <c r="N855646" s="10"/>
    </row>
    <row r="855647" spans="14:14">
      <c r="N855647" s="10"/>
    </row>
    <row r="855648" spans="14:14">
      <c r="N855648" s="10"/>
    </row>
    <row r="855649" spans="14:14">
      <c r="N855649" s="10"/>
    </row>
    <row r="855650" spans="14:14">
      <c r="N855650" s="10"/>
    </row>
    <row r="855651" spans="14:14">
      <c r="N855651" s="10"/>
    </row>
    <row r="855652" spans="14:14">
      <c r="N855652" s="10"/>
    </row>
    <row r="855653" spans="14:14">
      <c r="N855653" s="10"/>
    </row>
    <row r="855654" spans="14:14">
      <c r="N855654" s="10"/>
    </row>
    <row r="855655" spans="14:14">
      <c r="N855655" s="10"/>
    </row>
    <row r="855656" spans="14:14">
      <c r="N855656" s="10"/>
    </row>
    <row r="855657" spans="14:14">
      <c r="N855657" s="10"/>
    </row>
    <row r="855658" spans="14:14">
      <c r="N855658" s="10"/>
    </row>
    <row r="855659" spans="14:14">
      <c r="N855659" s="10"/>
    </row>
    <row r="855660" spans="14:14">
      <c r="N855660" s="10"/>
    </row>
    <row r="855661" spans="14:14">
      <c r="N855661" s="10"/>
    </row>
    <row r="855662" spans="14:14">
      <c r="N855662" s="10"/>
    </row>
    <row r="855663" spans="14:14">
      <c r="N855663" s="10"/>
    </row>
    <row r="855664" spans="14:14">
      <c r="N855664" s="10"/>
    </row>
    <row r="855665" spans="14:14">
      <c r="N855665" s="10"/>
    </row>
    <row r="855666" spans="14:14">
      <c r="N855666" s="10"/>
    </row>
    <row r="855667" spans="14:14">
      <c r="N855667" s="10"/>
    </row>
    <row r="855668" spans="14:14">
      <c r="N855668" s="10"/>
    </row>
    <row r="855669" spans="14:14">
      <c r="N855669" s="10"/>
    </row>
    <row r="855670" spans="14:14">
      <c r="N855670" s="10"/>
    </row>
    <row r="855671" spans="14:14">
      <c r="N855671" s="10"/>
    </row>
    <row r="855672" spans="14:14">
      <c r="N855672" s="10"/>
    </row>
    <row r="855673" spans="14:14">
      <c r="N855673" s="10"/>
    </row>
    <row r="855674" spans="14:14">
      <c r="N855674" s="10"/>
    </row>
    <row r="855675" spans="14:14">
      <c r="N855675" s="10"/>
    </row>
    <row r="855676" spans="14:14">
      <c r="N855676" s="10"/>
    </row>
    <row r="855677" spans="14:14">
      <c r="N855677" s="10"/>
    </row>
    <row r="855678" spans="14:14">
      <c r="N855678" s="10"/>
    </row>
    <row r="855679" spans="14:14">
      <c r="N855679" s="10"/>
    </row>
    <row r="855680" spans="14:14">
      <c r="N855680" s="10"/>
    </row>
    <row r="855681" spans="14:14">
      <c r="N855681" s="10"/>
    </row>
    <row r="855682" spans="14:14">
      <c r="N855682" s="10"/>
    </row>
    <row r="855683" spans="14:14">
      <c r="N855683" s="10"/>
    </row>
    <row r="855684" spans="14:14">
      <c r="N855684" s="10"/>
    </row>
    <row r="855685" spans="14:14">
      <c r="N855685" s="10"/>
    </row>
    <row r="855686" spans="14:14">
      <c r="N855686" s="10"/>
    </row>
    <row r="855687" spans="14:14">
      <c r="N855687" s="10"/>
    </row>
    <row r="855688" spans="14:14">
      <c r="N855688" s="10"/>
    </row>
    <row r="855689" spans="14:14">
      <c r="N855689" s="10"/>
    </row>
    <row r="855690" spans="14:14">
      <c r="N855690" s="10"/>
    </row>
    <row r="855691" spans="14:14">
      <c r="N855691" s="10"/>
    </row>
    <row r="855692" spans="14:14">
      <c r="N855692" s="10"/>
    </row>
    <row r="855693" spans="14:14">
      <c r="N855693" s="10"/>
    </row>
    <row r="855694" spans="14:14">
      <c r="N855694" s="10"/>
    </row>
    <row r="855695" spans="14:14">
      <c r="N855695" s="10"/>
    </row>
    <row r="855696" spans="14:14">
      <c r="N855696" s="10"/>
    </row>
    <row r="855697" spans="14:14">
      <c r="N855697" s="10"/>
    </row>
    <row r="855698" spans="14:14">
      <c r="N855698" s="10"/>
    </row>
    <row r="855699" spans="14:14">
      <c r="N855699" s="10"/>
    </row>
    <row r="855700" spans="14:14">
      <c r="N855700" s="10"/>
    </row>
    <row r="855701" spans="14:14">
      <c r="N855701" s="10"/>
    </row>
    <row r="855702" spans="14:14">
      <c r="N855702" s="10"/>
    </row>
    <row r="855703" spans="14:14">
      <c r="N855703" s="10"/>
    </row>
    <row r="855704" spans="14:14">
      <c r="N855704" s="10"/>
    </row>
    <row r="855705" spans="14:14">
      <c r="N855705" s="10"/>
    </row>
    <row r="855706" spans="14:14">
      <c r="N855706" s="10"/>
    </row>
    <row r="855707" spans="14:14">
      <c r="N855707" s="10"/>
    </row>
    <row r="855708" spans="14:14">
      <c r="N855708" s="10"/>
    </row>
    <row r="855709" spans="14:14">
      <c r="N855709" s="10"/>
    </row>
    <row r="855710" spans="14:14">
      <c r="N855710" s="10"/>
    </row>
    <row r="855711" spans="14:14">
      <c r="N855711" s="10"/>
    </row>
    <row r="855712" spans="14:14">
      <c r="N855712" s="10"/>
    </row>
    <row r="855713" spans="14:14">
      <c r="N855713" s="10"/>
    </row>
    <row r="855714" spans="14:14">
      <c r="N855714" s="10"/>
    </row>
    <row r="855715" spans="14:14">
      <c r="N855715" s="10"/>
    </row>
    <row r="855716" spans="14:14">
      <c r="N855716" s="10"/>
    </row>
    <row r="855717" spans="14:14">
      <c r="N855717" s="10"/>
    </row>
    <row r="855718" spans="14:14">
      <c r="N855718" s="10"/>
    </row>
    <row r="855719" spans="14:14">
      <c r="N855719" s="10"/>
    </row>
    <row r="855720" spans="14:14">
      <c r="N855720" s="10"/>
    </row>
    <row r="855721" spans="14:14">
      <c r="N855721" s="10"/>
    </row>
    <row r="855722" spans="14:14">
      <c r="N855722" s="10"/>
    </row>
    <row r="855723" spans="14:14">
      <c r="N855723" s="10"/>
    </row>
    <row r="855724" spans="14:14">
      <c r="N855724" s="10"/>
    </row>
    <row r="855725" spans="14:14">
      <c r="N855725" s="10"/>
    </row>
    <row r="855726" spans="14:14">
      <c r="N855726" s="10"/>
    </row>
    <row r="855727" spans="14:14">
      <c r="N855727" s="10"/>
    </row>
    <row r="855728" spans="14:14">
      <c r="N855728" s="10"/>
    </row>
    <row r="855729" spans="14:14">
      <c r="N855729" s="10"/>
    </row>
    <row r="855730" spans="14:14">
      <c r="N855730" s="10"/>
    </row>
    <row r="855731" spans="14:14">
      <c r="N855731" s="10"/>
    </row>
    <row r="855732" spans="14:14">
      <c r="N855732" s="10"/>
    </row>
    <row r="855733" spans="14:14">
      <c r="N855733" s="10"/>
    </row>
    <row r="855734" spans="14:14">
      <c r="N855734" s="10"/>
    </row>
    <row r="855735" spans="14:14">
      <c r="N855735" s="10"/>
    </row>
    <row r="855736" spans="14:14">
      <c r="N855736" s="10"/>
    </row>
    <row r="855737" spans="14:14">
      <c r="N855737" s="10"/>
    </row>
    <row r="855738" spans="14:14">
      <c r="N855738" s="10"/>
    </row>
    <row r="855739" spans="14:14">
      <c r="N855739" s="10"/>
    </row>
    <row r="855740" spans="14:14">
      <c r="N855740" s="10"/>
    </row>
    <row r="855741" spans="14:14">
      <c r="N855741" s="10"/>
    </row>
    <row r="855742" spans="14:14">
      <c r="N855742" s="10"/>
    </row>
    <row r="855743" spans="14:14">
      <c r="N855743" s="10"/>
    </row>
    <row r="855744" spans="14:14">
      <c r="N855744" s="10"/>
    </row>
    <row r="855745" spans="14:14">
      <c r="N855745" s="10"/>
    </row>
    <row r="855746" spans="14:14">
      <c r="N855746" s="10"/>
    </row>
    <row r="855747" spans="14:14">
      <c r="N855747" s="10"/>
    </row>
    <row r="855748" spans="14:14">
      <c r="N855748" s="10"/>
    </row>
    <row r="855749" spans="14:14">
      <c r="N855749" s="10"/>
    </row>
    <row r="855750" spans="14:14">
      <c r="N855750" s="10"/>
    </row>
    <row r="855751" spans="14:14">
      <c r="N855751" s="10"/>
    </row>
    <row r="855752" spans="14:14">
      <c r="N855752" s="10"/>
    </row>
    <row r="855753" spans="14:14">
      <c r="N855753" s="10"/>
    </row>
    <row r="855754" spans="14:14">
      <c r="N855754" s="10"/>
    </row>
    <row r="855755" spans="14:14">
      <c r="N855755" s="10"/>
    </row>
    <row r="855756" spans="14:14">
      <c r="N855756" s="10"/>
    </row>
    <row r="855757" spans="14:14">
      <c r="N855757" s="10"/>
    </row>
    <row r="855758" spans="14:14">
      <c r="N855758" s="10"/>
    </row>
    <row r="855759" spans="14:14">
      <c r="N855759" s="10"/>
    </row>
    <row r="855760" spans="14:14">
      <c r="N855760" s="10"/>
    </row>
    <row r="855761" spans="14:14">
      <c r="N855761" s="10"/>
    </row>
    <row r="855762" spans="14:14">
      <c r="N855762" s="10"/>
    </row>
    <row r="855763" spans="14:14">
      <c r="N855763" s="10"/>
    </row>
    <row r="855764" spans="14:14">
      <c r="N855764" s="10"/>
    </row>
    <row r="855765" spans="14:14">
      <c r="N855765" s="10"/>
    </row>
    <row r="855766" spans="14:14">
      <c r="N855766" s="10"/>
    </row>
    <row r="855767" spans="14:14">
      <c r="N855767" s="10"/>
    </row>
    <row r="855768" spans="14:14">
      <c r="N855768" s="10"/>
    </row>
    <row r="855769" spans="14:14">
      <c r="N855769" s="10"/>
    </row>
    <row r="855770" spans="14:14">
      <c r="N855770" s="10"/>
    </row>
    <row r="855771" spans="14:14">
      <c r="N855771" s="10"/>
    </row>
    <row r="855772" spans="14:14">
      <c r="N855772" s="10"/>
    </row>
    <row r="855773" spans="14:14">
      <c r="N855773" s="10"/>
    </row>
    <row r="855774" spans="14:14">
      <c r="N855774" s="10"/>
    </row>
    <row r="855775" spans="14:14">
      <c r="N855775" s="10"/>
    </row>
    <row r="855776" spans="14:14">
      <c r="N855776" s="10"/>
    </row>
    <row r="855777" spans="14:14">
      <c r="N855777" s="10"/>
    </row>
    <row r="855778" spans="14:14">
      <c r="N855778" s="10"/>
    </row>
    <row r="855779" spans="14:14">
      <c r="N855779" s="10"/>
    </row>
    <row r="855780" spans="14:14">
      <c r="N855780" s="10"/>
    </row>
    <row r="855781" spans="14:14">
      <c r="N855781" s="10"/>
    </row>
    <row r="855782" spans="14:14">
      <c r="N855782" s="10"/>
    </row>
    <row r="855783" spans="14:14">
      <c r="N855783" s="10"/>
    </row>
    <row r="855784" spans="14:14">
      <c r="N855784" s="10"/>
    </row>
    <row r="855785" spans="14:14">
      <c r="N855785" s="10"/>
    </row>
    <row r="855786" spans="14:14">
      <c r="N855786" s="10"/>
    </row>
    <row r="855787" spans="14:14">
      <c r="N855787" s="10"/>
    </row>
    <row r="855788" spans="14:14">
      <c r="N855788" s="10"/>
    </row>
    <row r="855789" spans="14:14">
      <c r="N855789" s="10"/>
    </row>
    <row r="855790" spans="14:14">
      <c r="N855790" s="10"/>
    </row>
    <row r="855791" spans="14:14">
      <c r="N855791" s="10"/>
    </row>
    <row r="855792" spans="14:14">
      <c r="N855792" s="10"/>
    </row>
    <row r="855793" spans="14:14">
      <c r="N855793" s="10"/>
    </row>
    <row r="855794" spans="14:14">
      <c r="N855794" s="10"/>
    </row>
    <row r="855795" spans="14:14">
      <c r="N855795" s="10"/>
    </row>
    <row r="855796" spans="14:14">
      <c r="N855796" s="10"/>
    </row>
    <row r="855797" spans="14:14">
      <c r="N855797" s="10"/>
    </row>
    <row r="855798" spans="14:14">
      <c r="N855798" s="10"/>
    </row>
    <row r="855799" spans="14:14">
      <c r="N855799" s="10"/>
    </row>
    <row r="855800" spans="14:14">
      <c r="N855800" s="10"/>
    </row>
    <row r="855801" spans="14:14">
      <c r="N855801" s="10"/>
    </row>
    <row r="855802" spans="14:14">
      <c r="N855802" s="10"/>
    </row>
    <row r="855803" spans="14:14">
      <c r="N855803" s="10"/>
    </row>
    <row r="855804" spans="14:14">
      <c r="N855804" s="10"/>
    </row>
    <row r="855805" spans="14:14">
      <c r="N855805" s="10"/>
    </row>
    <row r="855806" spans="14:14">
      <c r="N855806" s="10"/>
    </row>
    <row r="855807" spans="14:14">
      <c r="N855807" s="10"/>
    </row>
    <row r="855808" spans="14:14">
      <c r="N855808" s="10"/>
    </row>
    <row r="855809" spans="14:14">
      <c r="N855809" s="10"/>
    </row>
    <row r="855810" spans="14:14">
      <c r="N855810" s="10"/>
    </row>
    <row r="855811" spans="14:14">
      <c r="N855811" s="10"/>
    </row>
    <row r="855812" spans="14:14">
      <c r="N855812" s="10"/>
    </row>
    <row r="855813" spans="14:14">
      <c r="N855813" s="10"/>
    </row>
    <row r="855814" spans="14:14">
      <c r="N855814" s="10"/>
    </row>
    <row r="855815" spans="14:14">
      <c r="N855815" s="10"/>
    </row>
    <row r="855816" spans="14:14">
      <c r="N855816" s="10"/>
    </row>
    <row r="855817" spans="14:14">
      <c r="N855817" s="10"/>
    </row>
    <row r="855818" spans="14:14">
      <c r="N855818" s="10"/>
    </row>
    <row r="855819" spans="14:14">
      <c r="N855819" s="10"/>
    </row>
    <row r="855820" spans="14:14">
      <c r="N855820" s="10"/>
    </row>
    <row r="855821" spans="14:14">
      <c r="N855821" s="10"/>
    </row>
    <row r="855822" spans="14:14">
      <c r="N855822" s="10"/>
    </row>
    <row r="855823" spans="14:14">
      <c r="N855823" s="10"/>
    </row>
    <row r="855824" spans="14:14">
      <c r="N855824" s="10"/>
    </row>
    <row r="855825" spans="14:14">
      <c r="N855825" s="10"/>
    </row>
    <row r="855826" spans="14:14">
      <c r="N855826" s="10"/>
    </row>
    <row r="855827" spans="14:14">
      <c r="N855827" s="10"/>
    </row>
    <row r="855828" spans="14:14">
      <c r="N855828" s="10"/>
    </row>
    <row r="855829" spans="14:14">
      <c r="N855829" s="10"/>
    </row>
    <row r="855830" spans="14:14">
      <c r="N855830" s="10"/>
    </row>
    <row r="855831" spans="14:14">
      <c r="N855831" s="10"/>
    </row>
    <row r="855832" spans="14:14">
      <c r="N855832" s="10"/>
    </row>
    <row r="855833" spans="14:14">
      <c r="N855833" s="10"/>
    </row>
    <row r="855834" spans="14:14">
      <c r="N855834" s="10"/>
    </row>
    <row r="855835" spans="14:14">
      <c r="N855835" s="10"/>
    </row>
    <row r="855836" spans="14:14">
      <c r="N855836" s="10"/>
    </row>
    <row r="855837" spans="14:14">
      <c r="N855837" s="10"/>
    </row>
    <row r="855838" spans="14:14">
      <c r="N855838" s="10"/>
    </row>
    <row r="855839" spans="14:14">
      <c r="N855839" s="10"/>
    </row>
    <row r="855840" spans="14:14">
      <c r="N855840" s="10"/>
    </row>
    <row r="855841" spans="14:14">
      <c r="N855841" s="10"/>
    </row>
    <row r="855842" spans="14:14">
      <c r="N855842" s="10"/>
    </row>
    <row r="855843" spans="14:14">
      <c r="N855843" s="10"/>
    </row>
    <row r="855844" spans="14:14">
      <c r="N855844" s="10"/>
    </row>
    <row r="855845" spans="14:14">
      <c r="N855845" s="10"/>
    </row>
    <row r="855846" spans="14:14">
      <c r="N855846" s="10"/>
    </row>
    <row r="855847" spans="14:14">
      <c r="N855847" s="10"/>
    </row>
    <row r="855848" spans="14:14">
      <c r="N855848" s="10"/>
    </row>
    <row r="855849" spans="14:14">
      <c r="N855849" s="10"/>
    </row>
    <row r="855850" spans="14:14">
      <c r="N855850" s="10"/>
    </row>
    <row r="855851" spans="14:14">
      <c r="N855851" s="10"/>
    </row>
    <row r="855852" spans="14:14">
      <c r="N855852" s="10"/>
    </row>
    <row r="855853" spans="14:14">
      <c r="N855853" s="10"/>
    </row>
    <row r="855854" spans="14:14">
      <c r="N855854" s="10"/>
    </row>
    <row r="855855" spans="14:14">
      <c r="N855855" s="10"/>
    </row>
    <row r="855856" spans="14:14">
      <c r="N855856" s="10"/>
    </row>
    <row r="855857" spans="14:14">
      <c r="N855857" s="10"/>
    </row>
    <row r="855858" spans="14:14">
      <c r="N855858" s="10"/>
    </row>
    <row r="855859" spans="14:14">
      <c r="N855859" s="10"/>
    </row>
    <row r="855860" spans="14:14">
      <c r="N855860" s="10"/>
    </row>
    <row r="855861" spans="14:14">
      <c r="N855861" s="10"/>
    </row>
    <row r="855862" spans="14:14">
      <c r="N855862" s="10"/>
    </row>
    <row r="855863" spans="14:14">
      <c r="N855863" s="10"/>
    </row>
    <row r="855864" spans="14:14">
      <c r="N855864" s="10"/>
    </row>
    <row r="855865" spans="14:14">
      <c r="N855865" s="10"/>
    </row>
    <row r="855866" spans="14:14">
      <c r="N855866" s="10"/>
    </row>
    <row r="855867" spans="14:14">
      <c r="N855867" s="10"/>
    </row>
    <row r="855868" spans="14:14">
      <c r="N855868" s="10"/>
    </row>
    <row r="855869" spans="14:14">
      <c r="N855869" s="10"/>
    </row>
    <row r="855870" spans="14:14">
      <c r="N855870" s="10"/>
    </row>
    <row r="855871" spans="14:14">
      <c r="N855871" s="10"/>
    </row>
    <row r="855872" spans="14:14">
      <c r="N855872" s="10"/>
    </row>
    <row r="855873" spans="14:14">
      <c r="N855873" s="10"/>
    </row>
    <row r="855874" spans="14:14">
      <c r="N855874" s="10"/>
    </row>
    <row r="855875" spans="14:14">
      <c r="N855875" s="10"/>
    </row>
    <row r="855876" spans="14:14">
      <c r="N855876" s="10"/>
    </row>
    <row r="855877" spans="14:14">
      <c r="N855877" s="10"/>
    </row>
    <row r="855878" spans="14:14">
      <c r="N855878" s="10"/>
    </row>
    <row r="855879" spans="14:14">
      <c r="N855879" s="10"/>
    </row>
    <row r="855880" spans="14:14">
      <c r="N855880" s="10"/>
    </row>
    <row r="855881" spans="14:14">
      <c r="N855881" s="10"/>
    </row>
    <row r="855882" spans="14:14">
      <c r="N855882" s="10"/>
    </row>
    <row r="855883" spans="14:14">
      <c r="N855883" s="10"/>
    </row>
    <row r="855884" spans="14:14">
      <c r="N855884" s="10"/>
    </row>
    <row r="855885" spans="14:14">
      <c r="N855885" s="10"/>
    </row>
    <row r="855886" spans="14:14">
      <c r="N855886" s="10"/>
    </row>
    <row r="855887" spans="14:14">
      <c r="N855887" s="10"/>
    </row>
    <row r="855888" spans="14:14">
      <c r="N855888" s="10"/>
    </row>
    <row r="855889" spans="14:14">
      <c r="N855889" s="10"/>
    </row>
    <row r="855890" spans="14:14">
      <c r="N855890" s="10"/>
    </row>
    <row r="855891" spans="14:14">
      <c r="N855891" s="10"/>
    </row>
    <row r="855892" spans="14:14">
      <c r="N855892" s="10"/>
    </row>
    <row r="855893" spans="14:14">
      <c r="N855893" s="10"/>
    </row>
    <row r="855894" spans="14:14">
      <c r="N855894" s="10"/>
    </row>
    <row r="855895" spans="14:14">
      <c r="N855895" s="10"/>
    </row>
    <row r="855896" spans="14:14">
      <c r="N855896" s="10"/>
    </row>
    <row r="855897" spans="14:14">
      <c r="N855897" s="10"/>
    </row>
    <row r="855898" spans="14:14">
      <c r="N855898" s="10"/>
    </row>
    <row r="855899" spans="14:14">
      <c r="N855899" s="10"/>
    </row>
    <row r="855900" spans="14:14">
      <c r="N855900" s="10"/>
    </row>
    <row r="855901" spans="14:14">
      <c r="N855901" s="10"/>
    </row>
    <row r="855902" spans="14:14">
      <c r="N855902" s="10"/>
    </row>
    <row r="855903" spans="14:14">
      <c r="N855903" s="10"/>
    </row>
    <row r="855904" spans="14:14">
      <c r="N855904" s="10"/>
    </row>
    <row r="855905" spans="14:14">
      <c r="N855905" s="10"/>
    </row>
    <row r="855906" spans="14:14">
      <c r="N855906" s="10"/>
    </row>
    <row r="855907" spans="14:14">
      <c r="N855907" s="10"/>
    </row>
    <row r="855908" spans="14:14">
      <c r="N855908" s="10"/>
    </row>
    <row r="855909" spans="14:14">
      <c r="N855909" s="10"/>
    </row>
    <row r="855910" spans="14:14">
      <c r="N855910" s="10"/>
    </row>
    <row r="855911" spans="14:14">
      <c r="N855911" s="10"/>
    </row>
    <row r="855912" spans="14:14">
      <c r="N855912" s="10"/>
    </row>
    <row r="855913" spans="14:14">
      <c r="N855913" s="10"/>
    </row>
    <row r="855914" spans="14:14">
      <c r="N855914" s="10"/>
    </row>
    <row r="855915" spans="14:14">
      <c r="N855915" s="10"/>
    </row>
    <row r="855916" spans="14:14">
      <c r="N855916" s="10"/>
    </row>
    <row r="855917" spans="14:14">
      <c r="N855917" s="10"/>
    </row>
    <row r="855918" spans="14:14">
      <c r="N855918" s="10"/>
    </row>
    <row r="855919" spans="14:14">
      <c r="N855919" s="10"/>
    </row>
    <row r="855920" spans="14:14">
      <c r="N855920" s="10"/>
    </row>
    <row r="855921" spans="14:14">
      <c r="N855921" s="10"/>
    </row>
    <row r="855922" spans="14:14">
      <c r="N855922" s="10"/>
    </row>
    <row r="855923" spans="14:14">
      <c r="N855923" s="10"/>
    </row>
    <row r="855924" spans="14:14">
      <c r="N855924" s="10"/>
    </row>
    <row r="855925" spans="14:14">
      <c r="N855925" s="10"/>
    </row>
    <row r="855926" spans="14:14">
      <c r="N855926" s="10"/>
    </row>
    <row r="855927" spans="14:14">
      <c r="N855927" s="10"/>
    </row>
    <row r="855928" spans="14:14">
      <c r="N855928" s="10"/>
    </row>
    <row r="855929" spans="14:14">
      <c r="N855929" s="10"/>
    </row>
    <row r="855930" spans="14:14">
      <c r="N855930" s="10"/>
    </row>
    <row r="855931" spans="14:14">
      <c r="N855931" s="10"/>
    </row>
    <row r="855932" spans="14:14">
      <c r="N855932" s="10"/>
    </row>
    <row r="855933" spans="14:14">
      <c r="N855933" s="10"/>
    </row>
    <row r="855934" spans="14:14">
      <c r="N855934" s="10"/>
    </row>
    <row r="855935" spans="14:14">
      <c r="N855935" s="10"/>
    </row>
    <row r="855936" spans="14:14">
      <c r="N855936" s="10"/>
    </row>
    <row r="855937" spans="14:14">
      <c r="N855937" s="10"/>
    </row>
    <row r="855938" spans="14:14">
      <c r="N855938" s="10"/>
    </row>
    <row r="855939" spans="14:14">
      <c r="N855939" s="10"/>
    </row>
    <row r="855940" spans="14:14">
      <c r="N855940" s="10"/>
    </row>
    <row r="855941" spans="14:14">
      <c r="N855941" s="10"/>
    </row>
    <row r="855942" spans="14:14">
      <c r="N855942" s="10"/>
    </row>
    <row r="855943" spans="14:14">
      <c r="N855943" s="10"/>
    </row>
    <row r="855944" spans="14:14">
      <c r="N855944" s="10"/>
    </row>
    <row r="855945" spans="14:14">
      <c r="N855945" s="10"/>
    </row>
    <row r="855946" spans="14:14">
      <c r="N855946" s="10"/>
    </row>
    <row r="855947" spans="14:14">
      <c r="N855947" s="10"/>
    </row>
    <row r="855948" spans="14:14">
      <c r="N855948" s="10"/>
    </row>
    <row r="855949" spans="14:14">
      <c r="N855949" s="10"/>
    </row>
    <row r="855950" spans="14:14">
      <c r="N855950" s="10"/>
    </row>
    <row r="855951" spans="14:14">
      <c r="N855951" s="10"/>
    </row>
    <row r="855952" spans="14:14">
      <c r="N855952" s="10"/>
    </row>
    <row r="855953" spans="14:14">
      <c r="N855953" s="10"/>
    </row>
    <row r="855954" spans="14:14">
      <c r="N855954" s="10"/>
    </row>
    <row r="855955" spans="14:14">
      <c r="N855955" s="10"/>
    </row>
    <row r="855956" spans="14:14">
      <c r="N855956" s="10"/>
    </row>
    <row r="855957" spans="14:14">
      <c r="N855957" s="10"/>
    </row>
    <row r="855958" spans="14:14">
      <c r="N855958" s="10"/>
    </row>
    <row r="855959" spans="14:14">
      <c r="N855959" s="10"/>
    </row>
    <row r="855960" spans="14:14">
      <c r="N855960" s="10"/>
    </row>
    <row r="855961" spans="14:14">
      <c r="N855961" s="10"/>
    </row>
    <row r="855962" spans="14:14">
      <c r="N855962" s="10"/>
    </row>
    <row r="855963" spans="14:14">
      <c r="N855963" s="10"/>
    </row>
    <row r="855964" spans="14:14">
      <c r="N855964" s="10"/>
    </row>
    <row r="855965" spans="14:14">
      <c r="N855965" s="10"/>
    </row>
    <row r="855966" spans="14:14">
      <c r="N855966" s="10"/>
    </row>
    <row r="855967" spans="14:14">
      <c r="N855967" s="10"/>
    </row>
    <row r="855968" spans="14:14">
      <c r="N855968" s="10"/>
    </row>
    <row r="855969" spans="14:14">
      <c r="N855969" s="10"/>
    </row>
    <row r="855970" spans="14:14">
      <c r="N855970" s="10"/>
    </row>
    <row r="855971" spans="14:14">
      <c r="N855971" s="10"/>
    </row>
    <row r="855972" spans="14:14">
      <c r="N855972" s="10"/>
    </row>
    <row r="855973" spans="14:14">
      <c r="N855973" s="10"/>
    </row>
    <row r="855974" spans="14:14">
      <c r="N855974" s="10"/>
    </row>
    <row r="855975" spans="14:14">
      <c r="N855975" s="10"/>
    </row>
    <row r="855976" spans="14:14">
      <c r="N855976" s="10"/>
    </row>
    <row r="855977" spans="14:14">
      <c r="N855977" s="10"/>
    </row>
    <row r="855978" spans="14:14">
      <c r="N855978" s="10"/>
    </row>
    <row r="855979" spans="14:14">
      <c r="N855979" s="10"/>
    </row>
    <row r="855980" spans="14:14">
      <c r="N855980" s="10"/>
    </row>
    <row r="855981" spans="14:14">
      <c r="N855981" s="10"/>
    </row>
    <row r="855982" spans="14:14">
      <c r="N855982" s="10"/>
    </row>
    <row r="855983" spans="14:14">
      <c r="N855983" s="10"/>
    </row>
    <row r="855984" spans="14:14">
      <c r="N855984" s="10"/>
    </row>
    <row r="855985" spans="14:14">
      <c r="N855985" s="10"/>
    </row>
    <row r="855986" spans="14:14">
      <c r="N855986" s="10"/>
    </row>
    <row r="855987" spans="14:14">
      <c r="N855987" s="10"/>
    </row>
    <row r="855988" spans="14:14">
      <c r="N855988" s="10"/>
    </row>
    <row r="855989" spans="14:14">
      <c r="N855989" s="10"/>
    </row>
    <row r="855990" spans="14:14">
      <c r="N855990" s="10"/>
    </row>
    <row r="855991" spans="14:14">
      <c r="N855991" s="10"/>
    </row>
    <row r="855992" spans="14:14">
      <c r="N855992" s="10"/>
    </row>
    <row r="855993" spans="14:14">
      <c r="N855993" s="10"/>
    </row>
    <row r="855994" spans="14:14">
      <c r="N855994" s="10"/>
    </row>
    <row r="855995" spans="14:14">
      <c r="N855995" s="10"/>
    </row>
    <row r="855996" spans="14:14">
      <c r="N855996" s="10"/>
    </row>
    <row r="855997" spans="14:14">
      <c r="N855997" s="10"/>
    </row>
    <row r="855998" spans="14:14">
      <c r="N855998" s="10"/>
    </row>
    <row r="855999" spans="14:14">
      <c r="N855999" s="10"/>
    </row>
    <row r="856000" spans="14:14">
      <c r="N856000" s="10"/>
    </row>
    <row r="856001" spans="14:14">
      <c r="N856001" s="10"/>
    </row>
    <row r="856002" spans="14:14">
      <c r="N856002" s="10"/>
    </row>
    <row r="856003" spans="14:14">
      <c r="N856003" s="10"/>
    </row>
    <row r="856004" spans="14:14">
      <c r="N856004" s="10"/>
    </row>
    <row r="856005" spans="14:14">
      <c r="N856005" s="10"/>
    </row>
    <row r="856006" spans="14:14">
      <c r="N856006" s="10"/>
    </row>
    <row r="856007" spans="14:14">
      <c r="N856007" s="10"/>
    </row>
    <row r="856008" spans="14:14">
      <c r="N856008" s="10"/>
    </row>
    <row r="856009" spans="14:14">
      <c r="N856009" s="10"/>
    </row>
    <row r="856010" spans="14:14">
      <c r="N856010" s="10"/>
    </row>
    <row r="856011" spans="14:14">
      <c r="N856011" s="10"/>
    </row>
    <row r="856012" spans="14:14">
      <c r="N856012" s="10"/>
    </row>
    <row r="856013" spans="14:14">
      <c r="N856013" s="10"/>
    </row>
    <row r="856014" spans="14:14">
      <c r="N856014" s="10"/>
    </row>
    <row r="856015" spans="14:14">
      <c r="N856015" s="10"/>
    </row>
    <row r="856016" spans="14:14">
      <c r="N856016" s="10"/>
    </row>
    <row r="856017" spans="14:14">
      <c r="N856017" s="10"/>
    </row>
    <row r="856018" spans="14:14">
      <c r="N856018" s="10"/>
    </row>
    <row r="856019" spans="14:14">
      <c r="N856019" s="10"/>
    </row>
    <row r="856020" spans="14:14">
      <c r="N856020" s="10"/>
    </row>
    <row r="856021" spans="14:14">
      <c r="N856021" s="10"/>
    </row>
    <row r="856022" spans="14:14">
      <c r="N856022" s="10"/>
    </row>
    <row r="856023" spans="14:14">
      <c r="N856023" s="10"/>
    </row>
    <row r="856024" spans="14:14">
      <c r="N856024" s="10"/>
    </row>
    <row r="856025" spans="14:14">
      <c r="N856025" s="10"/>
    </row>
    <row r="856026" spans="14:14">
      <c r="N856026" s="10"/>
    </row>
    <row r="856027" spans="14:14">
      <c r="N856027" s="10"/>
    </row>
    <row r="856028" spans="14:14">
      <c r="N856028" s="10"/>
    </row>
    <row r="856029" spans="14:14">
      <c r="N856029" s="10"/>
    </row>
    <row r="856030" spans="14:14">
      <c r="N856030" s="10"/>
    </row>
    <row r="856031" spans="14:14">
      <c r="N856031" s="10"/>
    </row>
    <row r="856032" spans="14:14">
      <c r="N856032" s="10"/>
    </row>
    <row r="856033" spans="14:14">
      <c r="N856033" s="10"/>
    </row>
    <row r="856034" spans="14:14">
      <c r="N856034" s="10"/>
    </row>
    <row r="856035" spans="14:14">
      <c r="N856035" s="10"/>
    </row>
    <row r="856036" spans="14:14">
      <c r="N856036" s="10"/>
    </row>
    <row r="856037" spans="14:14">
      <c r="N856037" s="10"/>
    </row>
    <row r="856038" spans="14:14">
      <c r="N856038" s="10"/>
    </row>
    <row r="856039" spans="14:14">
      <c r="N856039" s="10"/>
    </row>
    <row r="856040" spans="14:14">
      <c r="N856040" s="10"/>
    </row>
    <row r="856041" spans="14:14">
      <c r="N856041" s="10"/>
    </row>
    <row r="856042" spans="14:14">
      <c r="N856042" s="10"/>
    </row>
    <row r="856043" spans="14:14">
      <c r="N856043" s="10"/>
    </row>
    <row r="856044" spans="14:14">
      <c r="N856044" s="10"/>
    </row>
    <row r="856045" spans="14:14">
      <c r="N856045" s="10"/>
    </row>
    <row r="856046" spans="14:14">
      <c r="N856046" s="10"/>
    </row>
    <row r="856047" spans="14:14">
      <c r="N856047" s="10"/>
    </row>
    <row r="856048" spans="14:14">
      <c r="N856048" s="10"/>
    </row>
    <row r="856049" spans="14:14">
      <c r="N856049" s="10"/>
    </row>
    <row r="856050" spans="14:14">
      <c r="N856050" s="10"/>
    </row>
    <row r="856051" spans="14:14">
      <c r="N856051" s="10"/>
    </row>
    <row r="856052" spans="14:14">
      <c r="N856052" s="10"/>
    </row>
    <row r="856053" spans="14:14">
      <c r="N856053" s="10"/>
    </row>
    <row r="856054" spans="14:14">
      <c r="N856054" s="10"/>
    </row>
    <row r="856055" spans="14:14">
      <c r="N856055" s="10"/>
    </row>
    <row r="856056" spans="14:14">
      <c r="N856056" s="10"/>
    </row>
    <row r="856057" spans="14:14">
      <c r="N856057" s="10"/>
    </row>
    <row r="856058" spans="14:14">
      <c r="N856058" s="10"/>
    </row>
    <row r="856059" spans="14:14">
      <c r="N856059" s="10"/>
    </row>
    <row r="856060" spans="14:14">
      <c r="N856060" s="10"/>
    </row>
    <row r="856061" spans="14:14">
      <c r="N856061" s="10"/>
    </row>
    <row r="856062" spans="14:14">
      <c r="N856062" s="10"/>
    </row>
    <row r="856063" spans="14:14">
      <c r="N856063" s="10"/>
    </row>
    <row r="856064" spans="14:14">
      <c r="N856064" s="10"/>
    </row>
    <row r="856065" spans="14:14">
      <c r="N856065" s="10"/>
    </row>
    <row r="856066" spans="14:14">
      <c r="N856066" s="10"/>
    </row>
    <row r="856067" spans="14:14">
      <c r="N856067" s="10"/>
    </row>
    <row r="856068" spans="14:14">
      <c r="N856068" s="10"/>
    </row>
    <row r="856069" spans="14:14">
      <c r="N856069" s="10"/>
    </row>
    <row r="856070" spans="14:14">
      <c r="N856070" s="10"/>
    </row>
    <row r="856071" spans="14:14">
      <c r="N856071" s="10"/>
    </row>
    <row r="856072" spans="14:14">
      <c r="N856072" s="10"/>
    </row>
    <row r="856073" spans="14:14">
      <c r="N856073" s="10"/>
    </row>
    <row r="856074" spans="14:14">
      <c r="N856074" s="10"/>
    </row>
    <row r="856075" spans="14:14">
      <c r="N856075" s="10"/>
    </row>
    <row r="856076" spans="14:14">
      <c r="N856076" s="10"/>
    </row>
    <row r="856077" spans="14:14">
      <c r="N856077" s="10"/>
    </row>
    <row r="856078" spans="14:14">
      <c r="N856078" s="10"/>
    </row>
    <row r="856079" spans="14:14">
      <c r="N856079" s="10"/>
    </row>
    <row r="856080" spans="14:14">
      <c r="N856080" s="10"/>
    </row>
    <row r="856081" spans="14:14">
      <c r="N856081" s="10"/>
    </row>
    <row r="856082" spans="14:14">
      <c r="N856082" s="10"/>
    </row>
    <row r="856083" spans="14:14">
      <c r="N856083" s="10"/>
    </row>
    <row r="856084" spans="14:14">
      <c r="N856084" s="10"/>
    </row>
    <row r="856085" spans="14:14">
      <c r="N856085" s="10"/>
    </row>
    <row r="856086" spans="14:14">
      <c r="N856086" s="10"/>
    </row>
    <row r="856087" spans="14:14">
      <c r="N856087" s="10"/>
    </row>
    <row r="856088" spans="14:14">
      <c r="N856088" s="10"/>
    </row>
    <row r="856089" spans="14:14">
      <c r="N856089" s="10"/>
    </row>
    <row r="856090" spans="14:14">
      <c r="N856090" s="10"/>
    </row>
    <row r="856091" spans="14:14">
      <c r="N856091" s="10"/>
    </row>
    <row r="856092" spans="14:14">
      <c r="N856092" s="10"/>
    </row>
    <row r="856093" spans="14:14">
      <c r="N856093" s="10"/>
    </row>
    <row r="856094" spans="14:14">
      <c r="N856094" s="10"/>
    </row>
    <row r="856095" spans="14:14">
      <c r="N856095" s="10"/>
    </row>
    <row r="856096" spans="14:14">
      <c r="N856096" s="10"/>
    </row>
    <row r="856097" spans="14:14">
      <c r="N856097" s="10"/>
    </row>
    <row r="856098" spans="14:14">
      <c r="N856098" s="10"/>
    </row>
    <row r="856099" spans="14:14">
      <c r="N856099" s="10"/>
    </row>
    <row r="856100" spans="14:14">
      <c r="N856100" s="10"/>
    </row>
    <row r="856101" spans="14:14">
      <c r="N856101" s="10"/>
    </row>
    <row r="856102" spans="14:14">
      <c r="N856102" s="10"/>
    </row>
    <row r="856103" spans="14:14">
      <c r="N856103" s="10"/>
    </row>
    <row r="856104" spans="14:14">
      <c r="N856104" s="10"/>
    </row>
    <row r="856105" spans="14:14">
      <c r="N856105" s="10"/>
    </row>
    <row r="856106" spans="14:14">
      <c r="N856106" s="10"/>
    </row>
    <row r="856107" spans="14:14">
      <c r="N856107" s="10"/>
    </row>
    <row r="856108" spans="14:14">
      <c r="N856108" s="10"/>
    </row>
    <row r="856109" spans="14:14">
      <c r="N856109" s="10"/>
    </row>
    <row r="856110" spans="14:14">
      <c r="N856110" s="10"/>
    </row>
    <row r="856111" spans="14:14">
      <c r="N856111" s="10"/>
    </row>
    <row r="856112" spans="14:14">
      <c r="N856112" s="10"/>
    </row>
    <row r="856113" spans="14:14">
      <c r="N856113" s="10"/>
    </row>
    <row r="856114" spans="14:14">
      <c r="N856114" s="10"/>
    </row>
    <row r="856115" spans="14:14">
      <c r="N856115" s="10"/>
    </row>
    <row r="856116" spans="14:14">
      <c r="N856116" s="10"/>
    </row>
    <row r="856117" spans="14:14">
      <c r="N856117" s="10"/>
    </row>
    <row r="856118" spans="14:14">
      <c r="N856118" s="10"/>
    </row>
    <row r="856119" spans="14:14">
      <c r="N856119" s="10"/>
    </row>
    <row r="856120" spans="14:14">
      <c r="N856120" s="10"/>
    </row>
    <row r="856121" spans="14:14">
      <c r="N856121" s="10"/>
    </row>
    <row r="856122" spans="14:14">
      <c r="N856122" s="10"/>
    </row>
    <row r="856123" spans="14:14">
      <c r="N856123" s="10"/>
    </row>
    <row r="856124" spans="14:14">
      <c r="N856124" s="10"/>
    </row>
    <row r="856125" spans="14:14">
      <c r="N856125" s="10"/>
    </row>
    <row r="856126" spans="14:14">
      <c r="N856126" s="10"/>
    </row>
    <row r="856127" spans="14:14">
      <c r="N856127" s="10"/>
    </row>
    <row r="856128" spans="14:14">
      <c r="N856128" s="10"/>
    </row>
    <row r="856129" spans="14:14">
      <c r="N856129" s="10"/>
    </row>
    <row r="856130" spans="14:14">
      <c r="N856130" s="10"/>
    </row>
    <row r="856131" spans="14:14">
      <c r="N856131" s="10"/>
    </row>
    <row r="856132" spans="14:14">
      <c r="N856132" s="10"/>
    </row>
    <row r="856133" spans="14:14">
      <c r="N856133" s="10"/>
    </row>
    <row r="856134" spans="14:14">
      <c r="N856134" s="10"/>
    </row>
    <row r="856135" spans="14:14">
      <c r="N856135" s="10"/>
    </row>
    <row r="856136" spans="14:14">
      <c r="N856136" s="10"/>
    </row>
    <row r="856137" spans="14:14">
      <c r="N856137" s="10"/>
    </row>
    <row r="856138" spans="14:14">
      <c r="N856138" s="10"/>
    </row>
    <row r="856139" spans="14:14">
      <c r="N856139" s="10"/>
    </row>
    <row r="856140" spans="14:14">
      <c r="N856140" s="10"/>
    </row>
    <row r="856141" spans="14:14">
      <c r="N856141" s="10"/>
    </row>
    <row r="856142" spans="14:14">
      <c r="N856142" s="10"/>
    </row>
    <row r="856143" spans="14:14">
      <c r="N856143" s="10"/>
    </row>
    <row r="856144" spans="14:14">
      <c r="N856144" s="10"/>
    </row>
    <row r="856145" spans="14:14">
      <c r="N856145" s="10"/>
    </row>
    <row r="856146" spans="14:14">
      <c r="N856146" s="10"/>
    </row>
    <row r="856147" spans="14:14">
      <c r="N856147" s="10"/>
    </row>
    <row r="856148" spans="14:14">
      <c r="N856148" s="10"/>
    </row>
    <row r="856149" spans="14:14">
      <c r="N856149" s="10"/>
    </row>
    <row r="856150" spans="14:14">
      <c r="N856150" s="10"/>
    </row>
    <row r="856151" spans="14:14">
      <c r="N856151" s="10"/>
    </row>
    <row r="856152" spans="14:14">
      <c r="N856152" s="10"/>
    </row>
    <row r="856153" spans="14:14">
      <c r="N856153" s="10"/>
    </row>
    <row r="856154" spans="14:14">
      <c r="N856154" s="10"/>
    </row>
    <row r="856155" spans="14:14">
      <c r="N856155" s="10"/>
    </row>
    <row r="856156" spans="14:14">
      <c r="N856156" s="10"/>
    </row>
    <row r="856157" spans="14:14">
      <c r="N856157" s="10"/>
    </row>
    <row r="856158" spans="14:14">
      <c r="N856158" s="10"/>
    </row>
    <row r="856159" spans="14:14">
      <c r="N856159" s="10"/>
    </row>
    <row r="856160" spans="14:14">
      <c r="N856160" s="10"/>
    </row>
    <row r="856161" spans="14:14">
      <c r="N856161" s="10"/>
    </row>
    <row r="856162" spans="14:14">
      <c r="N856162" s="10"/>
    </row>
    <row r="856163" spans="14:14">
      <c r="N856163" s="10"/>
    </row>
    <row r="856164" spans="14:14">
      <c r="N856164" s="10"/>
    </row>
    <row r="856165" spans="14:14">
      <c r="N856165" s="10"/>
    </row>
    <row r="856166" spans="14:14">
      <c r="N856166" s="10"/>
    </row>
    <row r="856167" spans="14:14">
      <c r="N856167" s="10"/>
    </row>
    <row r="856168" spans="14:14">
      <c r="N856168" s="10"/>
    </row>
    <row r="856169" spans="14:14">
      <c r="N856169" s="10"/>
    </row>
    <row r="856170" spans="14:14">
      <c r="N856170" s="10"/>
    </row>
    <row r="856171" spans="14:14">
      <c r="N856171" s="10"/>
    </row>
    <row r="856172" spans="14:14">
      <c r="N856172" s="10"/>
    </row>
    <row r="856173" spans="14:14">
      <c r="N856173" s="10"/>
    </row>
    <row r="856174" spans="14:14">
      <c r="N856174" s="10"/>
    </row>
    <row r="856175" spans="14:14">
      <c r="N856175" s="10"/>
    </row>
    <row r="856176" spans="14:14">
      <c r="N856176" s="10"/>
    </row>
    <row r="856177" spans="14:14">
      <c r="N856177" s="10"/>
    </row>
    <row r="856178" spans="14:14">
      <c r="N856178" s="10"/>
    </row>
    <row r="856179" spans="14:14">
      <c r="N856179" s="10"/>
    </row>
    <row r="856180" spans="14:14">
      <c r="N856180" s="10"/>
    </row>
    <row r="856181" spans="14:14">
      <c r="N856181" s="10"/>
    </row>
    <row r="856182" spans="14:14">
      <c r="N856182" s="10"/>
    </row>
    <row r="856183" spans="14:14">
      <c r="N856183" s="10"/>
    </row>
    <row r="856184" spans="14:14">
      <c r="N856184" s="10"/>
    </row>
    <row r="856185" spans="14:14">
      <c r="N856185" s="10"/>
    </row>
    <row r="856186" spans="14:14">
      <c r="N856186" s="10"/>
    </row>
    <row r="856187" spans="14:14">
      <c r="N856187" s="10"/>
    </row>
    <row r="856188" spans="14:14">
      <c r="N856188" s="10"/>
    </row>
    <row r="856189" spans="14:14">
      <c r="N856189" s="10"/>
    </row>
    <row r="856190" spans="14:14">
      <c r="N856190" s="10"/>
    </row>
    <row r="856191" spans="14:14">
      <c r="N856191" s="10"/>
    </row>
    <row r="856192" spans="14:14">
      <c r="N856192" s="10"/>
    </row>
    <row r="856193" spans="14:14">
      <c r="N856193" s="10"/>
    </row>
    <row r="856194" spans="14:14">
      <c r="N856194" s="10"/>
    </row>
    <row r="856195" spans="14:14">
      <c r="N856195" s="10"/>
    </row>
    <row r="856196" spans="14:14">
      <c r="N856196" s="10"/>
    </row>
    <row r="856197" spans="14:14">
      <c r="N856197" s="10"/>
    </row>
    <row r="856198" spans="14:14">
      <c r="N856198" s="10"/>
    </row>
    <row r="856199" spans="14:14">
      <c r="N856199" s="10"/>
    </row>
    <row r="856200" spans="14:14">
      <c r="N856200" s="10"/>
    </row>
    <row r="856201" spans="14:14">
      <c r="N856201" s="10"/>
    </row>
    <row r="856202" spans="14:14">
      <c r="N856202" s="10"/>
    </row>
    <row r="856203" spans="14:14">
      <c r="N856203" s="10"/>
    </row>
    <row r="856204" spans="14:14">
      <c r="N856204" s="10"/>
    </row>
    <row r="856205" spans="14:14">
      <c r="N856205" s="10"/>
    </row>
    <row r="856206" spans="14:14">
      <c r="N856206" s="10"/>
    </row>
    <row r="856207" spans="14:14">
      <c r="N856207" s="10"/>
    </row>
    <row r="856208" spans="14:14">
      <c r="N856208" s="10"/>
    </row>
    <row r="856209" spans="14:14">
      <c r="N856209" s="10"/>
    </row>
    <row r="856210" spans="14:14">
      <c r="N856210" s="10"/>
    </row>
    <row r="856211" spans="14:14">
      <c r="N856211" s="10"/>
    </row>
    <row r="856212" spans="14:14">
      <c r="N856212" s="10"/>
    </row>
    <row r="856213" spans="14:14">
      <c r="N856213" s="10"/>
    </row>
    <row r="856214" spans="14:14">
      <c r="N856214" s="10"/>
    </row>
    <row r="856215" spans="14:14">
      <c r="N856215" s="10"/>
    </row>
    <row r="856216" spans="14:14">
      <c r="N856216" s="10"/>
    </row>
    <row r="856217" spans="14:14">
      <c r="N856217" s="10"/>
    </row>
    <row r="856218" spans="14:14">
      <c r="N856218" s="10"/>
    </row>
    <row r="856219" spans="14:14">
      <c r="N856219" s="10"/>
    </row>
    <row r="856220" spans="14:14">
      <c r="N856220" s="10"/>
    </row>
    <row r="856221" spans="14:14">
      <c r="N856221" s="10"/>
    </row>
    <row r="856222" spans="14:14">
      <c r="N856222" s="10"/>
    </row>
    <row r="856223" spans="14:14">
      <c r="N856223" s="10"/>
    </row>
    <row r="856224" spans="14:14">
      <c r="N856224" s="10"/>
    </row>
    <row r="856225" spans="14:14">
      <c r="N856225" s="10"/>
    </row>
    <row r="856226" spans="14:14">
      <c r="N856226" s="10"/>
    </row>
    <row r="856227" spans="14:14">
      <c r="N856227" s="10"/>
    </row>
    <row r="856228" spans="14:14">
      <c r="N856228" s="10"/>
    </row>
    <row r="856229" spans="14:14">
      <c r="N856229" s="10"/>
    </row>
    <row r="856230" spans="14:14">
      <c r="N856230" s="10"/>
    </row>
    <row r="856231" spans="14:14">
      <c r="N856231" s="10"/>
    </row>
    <row r="856232" spans="14:14">
      <c r="N856232" s="10"/>
    </row>
    <row r="856233" spans="14:14">
      <c r="N856233" s="10"/>
    </row>
    <row r="856234" spans="14:14">
      <c r="N856234" s="10"/>
    </row>
    <row r="856235" spans="14:14">
      <c r="N856235" s="10"/>
    </row>
    <row r="856236" spans="14:14">
      <c r="N856236" s="10"/>
    </row>
    <row r="856237" spans="14:14">
      <c r="N856237" s="10"/>
    </row>
    <row r="856238" spans="14:14">
      <c r="N856238" s="10"/>
    </row>
    <row r="856239" spans="14:14">
      <c r="N856239" s="10"/>
    </row>
    <row r="856240" spans="14:14">
      <c r="N856240" s="10"/>
    </row>
    <row r="856241" spans="14:14">
      <c r="N856241" s="10"/>
    </row>
    <row r="856242" spans="14:14">
      <c r="N856242" s="10"/>
    </row>
    <row r="856243" spans="14:14">
      <c r="N856243" s="10"/>
    </row>
    <row r="856244" spans="14:14">
      <c r="N856244" s="10"/>
    </row>
    <row r="856245" spans="14:14">
      <c r="N856245" s="10"/>
    </row>
    <row r="856246" spans="14:14">
      <c r="N856246" s="10"/>
    </row>
    <row r="856247" spans="14:14">
      <c r="N856247" s="10"/>
    </row>
    <row r="856248" spans="14:14">
      <c r="N856248" s="10"/>
    </row>
    <row r="856249" spans="14:14">
      <c r="N856249" s="10"/>
    </row>
    <row r="856250" spans="14:14">
      <c r="N856250" s="10"/>
    </row>
    <row r="856251" spans="14:14">
      <c r="N856251" s="10"/>
    </row>
    <row r="856252" spans="14:14">
      <c r="N856252" s="10"/>
    </row>
    <row r="856253" spans="14:14">
      <c r="N856253" s="10"/>
    </row>
    <row r="856254" spans="14:14">
      <c r="N856254" s="10"/>
    </row>
    <row r="856255" spans="14:14">
      <c r="N856255" s="10"/>
    </row>
    <row r="856256" spans="14:14">
      <c r="N856256" s="10"/>
    </row>
    <row r="856257" spans="14:14">
      <c r="N856257" s="10"/>
    </row>
    <row r="856258" spans="14:14">
      <c r="N856258" s="10"/>
    </row>
    <row r="856259" spans="14:14">
      <c r="N856259" s="10"/>
    </row>
    <row r="856260" spans="14:14">
      <c r="N856260" s="10"/>
    </row>
    <row r="856261" spans="14:14">
      <c r="N856261" s="10"/>
    </row>
    <row r="856262" spans="14:14">
      <c r="N856262" s="10"/>
    </row>
    <row r="856263" spans="14:14">
      <c r="N856263" s="10"/>
    </row>
    <row r="856264" spans="14:14">
      <c r="N856264" s="10"/>
    </row>
    <row r="856265" spans="14:14">
      <c r="N856265" s="10"/>
    </row>
    <row r="856266" spans="14:14">
      <c r="N856266" s="10"/>
    </row>
    <row r="856267" spans="14:14">
      <c r="N856267" s="10"/>
    </row>
    <row r="856268" spans="14:14">
      <c r="N856268" s="10"/>
    </row>
    <row r="856269" spans="14:14">
      <c r="N856269" s="10"/>
    </row>
    <row r="856270" spans="14:14">
      <c r="N856270" s="10"/>
    </row>
    <row r="856271" spans="14:14">
      <c r="N856271" s="10"/>
    </row>
    <row r="856272" spans="14:14">
      <c r="N856272" s="10"/>
    </row>
    <row r="856273" spans="14:14">
      <c r="N856273" s="10"/>
    </row>
    <row r="856274" spans="14:14">
      <c r="N856274" s="10"/>
    </row>
    <row r="856275" spans="14:14">
      <c r="N856275" s="10"/>
    </row>
    <row r="856276" spans="14:14">
      <c r="N856276" s="10"/>
    </row>
    <row r="856277" spans="14:14">
      <c r="N856277" s="10"/>
    </row>
    <row r="856278" spans="14:14">
      <c r="N856278" s="10"/>
    </row>
    <row r="856279" spans="14:14">
      <c r="N856279" s="10"/>
    </row>
    <row r="856280" spans="14:14">
      <c r="N856280" s="10"/>
    </row>
    <row r="856281" spans="14:14">
      <c r="N856281" s="10"/>
    </row>
    <row r="856282" spans="14:14">
      <c r="N856282" s="10"/>
    </row>
    <row r="856283" spans="14:14">
      <c r="N856283" s="10"/>
    </row>
    <row r="856284" spans="14:14">
      <c r="N856284" s="10"/>
    </row>
    <row r="856285" spans="14:14">
      <c r="N856285" s="10"/>
    </row>
    <row r="856286" spans="14:14">
      <c r="N856286" s="10"/>
    </row>
    <row r="856287" spans="14:14">
      <c r="N856287" s="10"/>
    </row>
    <row r="856288" spans="14:14">
      <c r="N856288" s="10"/>
    </row>
    <row r="856289" spans="14:14">
      <c r="N856289" s="10"/>
    </row>
    <row r="856290" spans="14:14">
      <c r="N856290" s="10"/>
    </row>
    <row r="856291" spans="14:14">
      <c r="N856291" s="10"/>
    </row>
    <row r="856292" spans="14:14">
      <c r="N856292" s="10"/>
    </row>
    <row r="856293" spans="14:14">
      <c r="N856293" s="10"/>
    </row>
    <row r="856294" spans="14:14">
      <c r="N856294" s="10"/>
    </row>
    <row r="856295" spans="14:14">
      <c r="N856295" s="10"/>
    </row>
    <row r="856296" spans="14:14">
      <c r="N856296" s="10"/>
    </row>
    <row r="856297" spans="14:14">
      <c r="N856297" s="10"/>
    </row>
    <row r="856298" spans="14:14">
      <c r="N856298" s="10"/>
    </row>
    <row r="856299" spans="14:14">
      <c r="N856299" s="10"/>
    </row>
    <row r="856300" spans="14:14">
      <c r="N856300" s="10"/>
    </row>
    <row r="856301" spans="14:14">
      <c r="N856301" s="10"/>
    </row>
    <row r="856302" spans="14:14">
      <c r="N856302" s="10"/>
    </row>
    <row r="856303" spans="14:14">
      <c r="N856303" s="10"/>
    </row>
    <row r="856304" spans="14:14">
      <c r="N856304" s="10"/>
    </row>
    <row r="856305" spans="14:14">
      <c r="N856305" s="10"/>
    </row>
    <row r="856306" spans="14:14">
      <c r="N856306" s="10"/>
    </row>
    <row r="856307" spans="14:14">
      <c r="N856307" s="10"/>
    </row>
    <row r="856308" spans="14:14">
      <c r="N856308" s="10"/>
    </row>
    <row r="856309" spans="14:14">
      <c r="N856309" s="10"/>
    </row>
    <row r="856310" spans="14:14">
      <c r="N856310" s="10"/>
    </row>
    <row r="856311" spans="14:14">
      <c r="N856311" s="10"/>
    </row>
    <row r="856312" spans="14:14">
      <c r="N856312" s="10"/>
    </row>
    <row r="856313" spans="14:14">
      <c r="N856313" s="10"/>
    </row>
    <row r="856314" spans="14:14">
      <c r="N856314" s="10"/>
    </row>
    <row r="856315" spans="14:14">
      <c r="N856315" s="10"/>
    </row>
    <row r="856316" spans="14:14">
      <c r="N856316" s="10"/>
    </row>
    <row r="856317" spans="14:14">
      <c r="N856317" s="10"/>
    </row>
    <row r="856318" spans="14:14">
      <c r="N856318" s="10"/>
    </row>
    <row r="856319" spans="14:14">
      <c r="N856319" s="10"/>
    </row>
    <row r="856320" spans="14:14">
      <c r="N856320" s="10"/>
    </row>
    <row r="856321" spans="14:14">
      <c r="N856321" s="10"/>
    </row>
    <row r="856322" spans="14:14">
      <c r="N856322" s="10"/>
    </row>
    <row r="856323" spans="14:14">
      <c r="N856323" s="10"/>
    </row>
    <row r="856324" spans="14:14">
      <c r="N856324" s="10"/>
    </row>
    <row r="856325" spans="14:14">
      <c r="N856325" s="10"/>
    </row>
    <row r="856326" spans="14:14">
      <c r="N856326" s="10"/>
    </row>
    <row r="856327" spans="14:14">
      <c r="N856327" s="10"/>
    </row>
    <row r="856328" spans="14:14">
      <c r="N856328" s="10"/>
    </row>
    <row r="856329" spans="14:14">
      <c r="N856329" s="10"/>
    </row>
    <row r="856330" spans="14:14">
      <c r="N856330" s="10"/>
    </row>
    <row r="856331" spans="14:14">
      <c r="N856331" s="10"/>
    </row>
    <row r="856332" spans="14:14">
      <c r="N856332" s="10"/>
    </row>
    <row r="856333" spans="14:14">
      <c r="N856333" s="10"/>
    </row>
    <row r="856334" spans="14:14">
      <c r="N856334" s="10"/>
    </row>
    <row r="856335" spans="14:14">
      <c r="N856335" s="10"/>
    </row>
    <row r="856336" spans="14:14">
      <c r="N856336" s="10"/>
    </row>
    <row r="856337" spans="14:14">
      <c r="N856337" s="10"/>
    </row>
    <row r="856338" spans="14:14">
      <c r="N856338" s="10"/>
    </row>
    <row r="856339" spans="14:14">
      <c r="N856339" s="10"/>
    </row>
    <row r="856340" spans="14:14">
      <c r="N856340" s="10"/>
    </row>
    <row r="856341" spans="14:14">
      <c r="N856341" s="10"/>
    </row>
    <row r="856342" spans="14:14">
      <c r="N856342" s="10"/>
    </row>
    <row r="856343" spans="14:14">
      <c r="N856343" s="10"/>
    </row>
    <row r="856344" spans="14:14">
      <c r="N856344" s="10"/>
    </row>
    <row r="856345" spans="14:14">
      <c r="N856345" s="10"/>
    </row>
    <row r="856346" spans="14:14">
      <c r="N856346" s="10"/>
    </row>
    <row r="856347" spans="14:14">
      <c r="N856347" s="10"/>
    </row>
    <row r="856348" spans="14:14">
      <c r="N856348" s="10"/>
    </row>
    <row r="856349" spans="14:14">
      <c r="N856349" s="10"/>
    </row>
    <row r="856350" spans="14:14">
      <c r="N856350" s="10"/>
    </row>
    <row r="856351" spans="14:14">
      <c r="N856351" s="10"/>
    </row>
    <row r="856352" spans="14:14">
      <c r="N856352" s="10"/>
    </row>
    <row r="856353" spans="14:14">
      <c r="N856353" s="10"/>
    </row>
    <row r="856354" spans="14:14">
      <c r="N856354" s="10"/>
    </row>
    <row r="856355" spans="14:14">
      <c r="N856355" s="10"/>
    </row>
    <row r="856356" spans="14:14">
      <c r="N856356" s="10"/>
    </row>
    <row r="856357" spans="14:14">
      <c r="N856357" s="10"/>
    </row>
    <row r="856358" spans="14:14">
      <c r="N856358" s="10"/>
    </row>
    <row r="856359" spans="14:14">
      <c r="N856359" s="10"/>
    </row>
    <row r="856360" spans="14:14">
      <c r="N856360" s="10"/>
    </row>
    <row r="856361" spans="14:14">
      <c r="N856361" s="10"/>
    </row>
    <row r="856362" spans="14:14">
      <c r="N856362" s="10"/>
    </row>
    <row r="856363" spans="14:14">
      <c r="N856363" s="10"/>
    </row>
    <row r="856364" spans="14:14">
      <c r="N856364" s="10"/>
    </row>
    <row r="856365" spans="14:14">
      <c r="N856365" s="10"/>
    </row>
    <row r="856366" spans="14:14">
      <c r="N856366" s="10"/>
    </row>
    <row r="856367" spans="14:14">
      <c r="N856367" s="10"/>
    </row>
    <row r="856368" spans="14:14">
      <c r="N856368" s="10"/>
    </row>
    <row r="856369" spans="14:14">
      <c r="N856369" s="10"/>
    </row>
    <row r="856370" spans="14:14">
      <c r="N856370" s="10"/>
    </row>
    <row r="856371" spans="14:14">
      <c r="N856371" s="10"/>
    </row>
    <row r="856372" spans="14:14">
      <c r="N856372" s="10"/>
    </row>
    <row r="856373" spans="14:14">
      <c r="N856373" s="10"/>
    </row>
    <row r="856374" spans="14:14">
      <c r="N856374" s="10"/>
    </row>
    <row r="856375" spans="14:14">
      <c r="N856375" s="10"/>
    </row>
    <row r="856376" spans="14:14">
      <c r="N856376" s="10"/>
    </row>
    <row r="856377" spans="14:14">
      <c r="N856377" s="10"/>
    </row>
    <row r="856378" spans="14:14">
      <c r="N856378" s="10"/>
    </row>
    <row r="856379" spans="14:14">
      <c r="N856379" s="10"/>
    </row>
    <row r="856380" spans="14:14">
      <c r="N856380" s="10"/>
    </row>
    <row r="856381" spans="14:14">
      <c r="N856381" s="10"/>
    </row>
    <row r="856382" spans="14:14">
      <c r="N856382" s="10"/>
    </row>
    <row r="856383" spans="14:14">
      <c r="N856383" s="10"/>
    </row>
    <row r="856384" spans="14:14">
      <c r="N856384" s="10"/>
    </row>
    <row r="856385" spans="14:14">
      <c r="N856385" s="10"/>
    </row>
    <row r="856386" spans="14:14">
      <c r="N856386" s="10"/>
    </row>
    <row r="856387" spans="14:14">
      <c r="N856387" s="10"/>
    </row>
    <row r="856388" spans="14:14">
      <c r="N856388" s="10"/>
    </row>
    <row r="856389" spans="14:14">
      <c r="N856389" s="10"/>
    </row>
    <row r="856390" spans="14:14">
      <c r="N856390" s="10"/>
    </row>
    <row r="856391" spans="14:14">
      <c r="N856391" s="10"/>
    </row>
    <row r="856392" spans="14:14">
      <c r="N856392" s="10"/>
    </row>
    <row r="856393" spans="14:14">
      <c r="N856393" s="10"/>
    </row>
    <row r="856394" spans="14:14">
      <c r="N856394" s="10"/>
    </row>
    <row r="856395" spans="14:14">
      <c r="N856395" s="10"/>
    </row>
    <row r="856396" spans="14:14">
      <c r="N856396" s="10"/>
    </row>
    <row r="856397" spans="14:14">
      <c r="N856397" s="10"/>
    </row>
    <row r="856398" spans="14:14">
      <c r="N856398" s="10"/>
    </row>
    <row r="856399" spans="14:14">
      <c r="N856399" s="10"/>
    </row>
    <row r="856400" spans="14:14">
      <c r="N856400" s="10"/>
    </row>
    <row r="856401" spans="14:14">
      <c r="N856401" s="10"/>
    </row>
    <row r="856402" spans="14:14">
      <c r="N856402" s="10"/>
    </row>
    <row r="856403" spans="14:14">
      <c r="N856403" s="10"/>
    </row>
    <row r="856404" spans="14:14">
      <c r="N856404" s="10"/>
    </row>
    <row r="856405" spans="14:14">
      <c r="N856405" s="10"/>
    </row>
    <row r="856406" spans="14:14">
      <c r="N856406" s="10"/>
    </row>
    <row r="856407" spans="14:14">
      <c r="N856407" s="10"/>
    </row>
    <row r="856408" spans="14:14">
      <c r="N856408" s="10"/>
    </row>
    <row r="856409" spans="14:14">
      <c r="N856409" s="10"/>
    </row>
    <row r="856410" spans="14:14">
      <c r="N856410" s="10"/>
    </row>
    <row r="856411" spans="14:14">
      <c r="N856411" s="10"/>
    </row>
    <row r="856412" spans="14:14">
      <c r="N856412" s="10"/>
    </row>
    <row r="856413" spans="14:14">
      <c r="N856413" s="10"/>
    </row>
    <row r="856414" spans="14:14">
      <c r="N856414" s="10"/>
    </row>
    <row r="856415" spans="14:14">
      <c r="N856415" s="10"/>
    </row>
    <row r="856416" spans="14:14">
      <c r="N856416" s="10"/>
    </row>
    <row r="856417" spans="14:14">
      <c r="N856417" s="10"/>
    </row>
    <row r="856418" spans="14:14">
      <c r="N856418" s="10"/>
    </row>
    <row r="856419" spans="14:14">
      <c r="N856419" s="10"/>
    </row>
    <row r="856420" spans="14:14">
      <c r="N856420" s="10"/>
    </row>
    <row r="856421" spans="14:14">
      <c r="N856421" s="10"/>
    </row>
    <row r="856422" spans="14:14">
      <c r="N856422" s="10"/>
    </row>
    <row r="856423" spans="14:14">
      <c r="N856423" s="10"/>
    </row>
    <row r="856424" spans="14:14">
      <c r="N856424" s="10"/>
    </row>
    <row r="856425" spans="14:14">
      <c r="N856425" s="10"/>
    </row>
    <row r="856426" spans="14:14">
      <c r="N856426" s="10"/>
    </row>
    <row r="856427" spans="14:14">
      <c r="N856427" s="10"/>
    </row>
    <row r="856428" spans="14:14">
      <c r="N856428" s="10"/>
    </row>
    <row r="856429" spans="14:14">
      <c r="N856429" s="10"/>
    </row>
    <row r="856430" spans="14:14">
      <c r="N856430" s="10"/>
    </row>
    <row r="856431" spans="14:14">
      <c r="N856431" s="10"/>
    </row>
    <row r="856432" spans="14:14">
      <c r="N856432" s="10"/>
    </row>
    <row r="856433" spans="14:14">
      <c r="N856433" s="10"/>
    </row>
    <row r="856434" spans="14:14">
      <c r="N856434" s="10"/>
    </row>
    <row r="856435" spans="14:14">
      <c r="N856435" s="10"/>
    </row>
    <row r="856436" spans="14:14">
      <c r="N856436" s="10"/>
    </row>
    <row r="856437" spans="14:14">
      <c r="N856437" s="10"/>
    </row>
    <row r="856438" spans="14:14">
      <c r="N856438" s="10"/>
    </row>
    <row r="856439" spans="14:14">
      <c r="N856439" s="10"/>
    </row>
    <row r="856440" spans="14:14">
      <c r="N856440" s="10"/>
    </row>
    <row r="856441" spans="14:14">
      <c r="N856441" s="10"/>
    </row>
    <row r="856442" spans="14:14">
      <c r="N856442" s="10"/>
    </row>
    <row r="856443" spans="14:14">
      <c r="N856443" s="10"/>
    </row>
    <row r="856444" spans="14:14">
      <c r="N856444" s="10"/>
    </row>
    <row r="856445" spans="14:14">
      <c r="N856445" s="10"/>
    </row>
    <row r="856446" spans="14:14">
      <c r="N856446" s="10"/>
    </row>
    <row r="856447" spans="14:14">
      <c r="N856447" s="10"/>
    </row>
    <row r="856448" spans="14:14">
      <c r="N856448" s="10"/>
    </row>
    <row r="856449" spans="14:14">
      <c r="N856449" s="10"/>
    </row>
    <row r="856450" spans="14:14">
      <c r="N856450" s="10"/>
    </row>
    <row r="856451" spans="14:14">
      <c r="N856451" s="10"/>
    </row>
    <row r="856452" spans="14:14">
      <c r="N856452" s="10"/>
    </row>
    <row r="856453" spans="14:14">
      <c r="N856453" s="10"/>
    </row>
    <row r="856454" spans="14:14">
      <c r="N856454" s="10"/>
    </row>
    <row r="856455" spans="14:14">
      <c r="N856455" s="10"/>
    </row>
    <row r="856456" spans="14:14">
      <c r="N856456" s="10"/>
    </row>
    <row r="856457" spans="14:14">
      <c r="N856457" s="10"/>
    </row>
    <row r="856458" spans="14:14">
      <c r="N856458" s="10"/>
    </row>
    <row r="856459" spans="14:14">
      <c r="N856459" s="10"/>
    </row>
    <row r="856460" spans="14:14">
      <c r="N856460" s="10"/>
    </row>
    <row r="856461" spans="14:14">
      <c r="N856461" s="10"/>
    </row>
    <row r="856462" spans="14:14">
      <c r="N856462" s="10"/>
    </row>
    <row r="856463" spans="14:14">
      <c r="N856463" s="10"/>
    </row>
    <row r="856464" spans="14:14">
      <c r="N856464" s="10"/>
    </row>
    <row r="856465" spans="14:14">
      <c r="N856465" s="10"/>
    </row>
    <row r="856466" spans="14:14">
      <c r="N856466" s="10"/>
    </row>
    <row r="856467" spans="14:14">
      <c r="N856467" s="10"/>
    </row>
    <row r="856468" spans="14:14">
      <c r="N856468" s="10"/>
    </row>
    <row r="856469" spans="14:14">
      <c r="N856469" s="10"/>
    </row>
    <row r="856470" spans="14:14">
      <c r="N856470" s="10"/>
    </row>
    <row r="856471" spans="14:14">
      <c r="N856471" s="10"/>
    </row>
    <row r="856472" spans="14:14">
      <c r="N856472" s="10"/>
    </row>
    <row r="856473" spans="14:14">
      <c r="N856473" s="10"/>
    </row>
    <row r="856474" spans="14:14">
      <c r="N856474" s="10"/>
    </row>
    <row r="856475" spans="14:14">
      <c r="N856475" s="10"/>
    </row>
    <row r="856476" spans="14:14">
      <c r="N856476" s="10"/>
    </row>
    <row r="856477" spans="14:14">
      <c r="N856477" s="10"/>
    </row>
    <row r="856478" spans="14:14">
      <c r="N856478" s="10"/>
    </row>
    <row r="856479" spans="14:14">
      <c r="N856479" s="10"/>
    </row>
    <row r="856480" spans="14:14">
      <c r="N856480" s="10"/>
    </row>
    <row r="856481" spans="14:14">
      <c r="N856481" s="10"/>
    </row>
    <row r="856482" spans="14:14">
      <c r="N856482" s="10"/>
    </row>
    <row r="856483" spans="14:14">
      <c r="N856483" s="10"/>
    </row>
    <row r="856484" spans="14:14">
      <c r="N856484" s="10"/>
    </row>
    <row r="856485" spans="14:14">
      <c r="N856485" s="10"/>
    </row>
    <row r="856486" spans="14:14">
      <c r="N856486" s="10"/>
    </row>
    <row r="856487" spans="14:14">
      <c r="N856487" s="10"/>
    </row>
    <row r="856488" spans="14:14">
      <c r="N856488" s="10"/>
    </row>
    <row r="856489" spans="14:14">
      <c r="N856489" s="10"/>
    </row>
    <row r="856490" spans="14:14">
      <c r="N856490" s="10"/>
    </row>
    <row r="856491" spans="14:14">
      <c r="N856491" s="10"/>
    </row>
    <row r="856492" spans="14:14">
      <c r="N856492" s="10"/>
    </row>
    <row r="856493" spans="14:14">
      <c r="N856493" s="10"/>
    </row>
    <row r="856494" spans="14:14">
      <c r="N856494" s="10"/>
    </row>
    <row r="856495" spans="14:14">
      <c r="N856495" s="10"/>
    </row>
    <row r="856496" spans="14:14">
      <c r="N856496" s="10"/>
    </row>
    <row r="856497" spans="14:14">
      <c r="N856497" s="10"/>
    </row>
    <row r="856498" spans="14:14">
      <c r="N856498" s="10"/>
    </row>
    <row r="856499" spans="14:14">
      <c r="N856499" s="10"/>
    </row>
    <row r="856500" spans="14:14">
      <c r="N856500" s="10"/>
    </row>
    <row r="856501" spans="14:14">
      <c r="N856501" s="10"/>
    </row>
    <row r="856502" spans="14:14">
      <c r="N856502" s="10"/>
    </row>
    <row r="856503" spans="14:14">
      <c r="N856503" s="10"/>
    </row>
    <row r="856504" spans="14:14">
      <c r="N856504" s="10"/>
    </row>
    <row r="856505" spans="14:14">
      <c r="N856505" s="10"/>
    </row>
    <row r="856506" spans="14:14">
      <c r="N856506" s="10"/>
    </row>
    <row r="856507" spans="14:14">
      <c r="N856507" s="10"/>
    </row>
    <row r="856508" spans="14:14">
      <c r="N856508" s="10"/>
    </row>
    <row r="856509" spans="14:14">
      <c r="N856509" s="10"/>
    </row>
    <row r="856510" spans="14:14">
      <c r="N856510" s="10"/>
    </row>
    <row r="856511" spans="14:14">
      <c r="N856511" s="10"/>
    </row>
    <row r="856512" spans="14:14">
      <c r="N856512" s="10"/>
    </row>
    <row r="856513" spans="14:14">
      <c r="N856513" s="10"/>
    </row>
    <row r="856514" spans="14:14">
      <c r="N856514" s="10"/>
    </row>
    <row r="856515" spans="14:14">
      <c r="N856515" s="10"/>
    </row>
    <row r="856516" spans="14:14">
      <c r="N856516" s="10"/>
    </row>
    <row r="856517" spans="14:14">
      <c r="N856517" s="10"/>
    </row>
    <row r="856518" spans="14:14">
      <c r="N856518" s="10"/>
    </row>
    <row r="856519" spans="14:14">
      <c r="N856519" s="10"/>
    </row>
    <row r="856520" spans="14:14">
      <c r="N856520" s="10"/>
    </row>
    <row r="856521" spans="14:14">
      <c r="N856521" s="10"/>
    </row>
    <row r="856522" spans="14:14">
      <c r="N856522" s="10"/>
    </row>
    <row r="856523" spans="14:14">
      <c r="N856523" s="10"/>
    </row>
    <row r="856524" spans="14:14">
      <c r="N856524" s="10"/>
    </row>
    <row r="856525" spans="14:14">
      <c r="N856525" s="10"/>
    </row>
    <row r="856526" spans="14:14">
      <c r="N856526" s="10"/>
    </row>
    <row r="856527" spans="14:14">
      <c r="N856527" s="10"/>
    </row>
    <row r="856528" spans="14:14">
      <c r="N856528" s="10"/>
    </row>
    <row r="856529" spans="14:14">
      <c r="N856529" s="10"/>
    </row>
    <row r="856530" spans="14:14">
      <c r="N856530" s="10"/>
    </row>
    <row r="856531" spans="14:14">
      <c r="N856531" s="10"/>
    </row>
    <row r="856532" spans="14:14">
      <c r="N856532" s="10"/>
    </row>
    <row r="856533" spans="14:14">
      <c r="N856533" s="10"/>
    </row>
    <row r="856534" spans="14:14">
      <c r="N856534" s="10"/>
    </row>
    <row r="856535" spans="14:14">
      <c r="N856535" s="10"/>
    </row>
    <row r="856536" spans="14:14">
      <c r="N856536" s="10"/>
    </row>
    <row r="856537" spans="14:14">
      <c r="N856537" s="10"/>
    </row>
    <row r="856538" spans="14:14">
      <c r="N856538" s="10"/>
    </row>
    <row r="856539" spans="14:14">
      <c r="N856539" s="10"/>
    </row>
    <row r="856540" spans="14:14">
      <c r="N856540" s="10"/>
    </row>
    <row r="856541" spans="14:14">
      <c r="N856541" s="10"/>
    </row>
    <row r="856542" spans="14:14">
      <c r="N856542" s="10"/>
    </row>
    <row r="856543" spans="14:14">
      <c r="N856543" s="10"/>
    </row>
    <row r="856544" spans="14:14">
      <c r="N856544" s="10"/>
    </row>
    <row r="856545" spans="14:14">
      <c r="N856545" s="10"/>
    </row>
    <row r="856546" spans="14:14">
      <c r="N856546" s="10"/>
    </row>
    <row r="856547" spans="14:14">
      <c r="N856547" s="10"/>
    </row>
    <row r="856548" spans="14:14">
      <c r="N856548" s="10"/>
    </row>
    <row r="856549" spans="14:14">
      <c r="N856549" s="10"/>
    </row>
    <row r="856550" spans="14:14">
      <c r="N856550" s="10"/>
    </row>
    <row r="856551" spans="14:14">
      <c r="N856551" s="10"/>
    </row>
    <row r="856552" spans="14:14">
      <c r="N856552" s="10"/>
    </row>
    <row r="856553" spans="14:14">
      <c r="N856553" s="10"/>
    </row>
    <row r="856554" spans="14:14">
      <c r="N856554" s="10"/>
    </row>
    <row r="856555" spans="14:14">
      <c r="N856555" s="10"/>
    </row>
    <row r="856556" spans="14:14">
      <c r="N856556" s="10"/>
    </row>
    <row r="856557" spans="14:14">
      <c r="N856557" s="10"/>
    </row>
    <row r="856558" spans="14:14">
      <c r="N856558" s="10"/>
    </row>
    <row r="856559" spans="14:14">
      <c r="N856559" s="10"/>
    </row>
    <row r="856560" spans="14:14">
      <c r="N856560" s="10"/>
    </row>
    <row r="856561" spans="14:14">
      <c r="N856561" s="10"/>
    </row>
    <row r="856562" spans="14:14">
      <c r="N856562" s="10"/>
    </row>
    <row r="856563" spans="14:14">
      <c r="N856563" s="10"/>
    </row>
    <row r="856564" spans="14:14">
      <c r="N856564" s="10"/>
    </row>
    <row r="856565" spans="14:14">
      <c r="N856565" s="10"/>
    </row>
    <row r="856566" spans="14:14">
      <c r="N856566" s="10"/>
    </row>
    <row r="856567" spans="14:14">
      <c r="N856567" s="10"/>
    </row>
    <row r="856568" spans="14:14">
      <c r="N856568" s="10"/>
    </row>
    <row r="856569" spans="14:14">
      <c r="N856569" s="10"/>
    </row>
    <row r="856570" spans="14:14">
      <c r="N856570" s="10"/>
    </row>
    <row r="856571" spans="14:14">
      <c r="N856571" s="10"/>
    </row>
    <row r="856572" spans="14:14">
      <c r="N856572" s="10"/>
    </row>
    <row r="856573" spans="14:14">
      <c r="N856573" s="10"/>
    </row>
    <row r="856574" spans="14:14">
      <c r="N856574" s="10"/>
    </row>
    <row r="856575" spans="14:14">
      <c r="N856575" s="10"/>
    </row>
    <row r="856576" spans="14:14">
      <c r="N856576" s="10"/>
    </row>
    <row r="856577" spans="14:14">
      <c r="N856577" s="10"/>
    </row>
    <row r="856578" spans="14:14">
      <c r="N856578" s="10"/>
    </row>
    <row r="856579" spans="14:14">
      <c r="N856579" s="10"/>
    </row>
    <row r="856580" spans="14:14">
      <c r="N856580" s="10"/>
    </row>
    <row r="856581" spans="14:14">
      <c r="N856581" s="10"/>
    </row>
    <row r="856582" spans="14:14">
      <c r="N856582" s="10"/>
    </row>
    <row r="856583" spans="14:14">
      <c r="N856583" s="10"/>
    </row>
    <row r="856584" spans="14:14">
      <c r="N856584" s="10"/>
    </row>
    <row r="856585" spans="14:14">
      <c r="N856585" s="10"/>
    </row>
    <row r="856586" spans="14:14">
      <c r="N856586" s="10"/>
    </row>
    <row r="856587" spans="14:14">
      <c r="N856587" s="10"/>
    </row>
    <row r="856588" spans="14:14">
      <c r="N856588" s="10"/>
    </row>
    <row r="856589" spans="14:14">
      <c r="N856589" s="10"/>
    </row>
    <row r="856590" spans="14:14">
      <c r="N856590" s="10"/>
    </row>
    <row r="856591" spans="14:14">
      <c r="N856591" s="10"/>
    </row>
    <row r="856592" spans="14:14">
      <c r="N856592" s="10"/>
    </row>
    <row r="856593" spans="14:14">
      <c r="N856593" s="10"/>
    </row>
    <row r="856594" spans="14:14">
      <c r="N856594" s="10"/>
    </row>
    <row r="856595" spans="14:14">
      <c r="N856595" s="10"/>
    </row>
    <row r="856596" spans="14:14">
      <c r="N856596" s="10"/>
    </row>
    <row r="856597" spans="14:14">
      <c r="N856597" s="10"/>
    </row>
    <row r="856598" spans="14:14">
      <c r="N856598" s="10"/>
    </row>
    <row r="856599" spans="14:14">
      <c r="N856599" s="10"/>
    </row>
    <row r="856600" spans="14:14">
      <c r="N856600" s="10"/>
    </row>
    <row r="856601" spans="14:14">
      <c r="N856601" s="10"/>
    </row>
    <row r="856602" spans="14:14">
      <c r="N856602" s="10"/>
    </row>
    <row r="856603" spans="14:14">
      <c r="N856603" s="10"/>
    </row>
    <row r="856604" spans="14:14">
      <c r="N856604" s="10"/>
    </row>
    <row r="856605" spans="14:14">
      <c r="N856605" s="10"/>
    </row>
    <row r="856606" spans="14:14">
      <c r="N856606" s="10"/>
    </row>
    <row r="856607" spans="14:14">
      <c r="N856607" s="10"/>
    </row>
    <row r="856608" spans="14:14">
      <c r="N856608" s="10"/>
    </row>
    <row r="856609" spans="14:14">
      <c r="N856609" s="10"/>
    </row>
    <row r="856610" spans="14:14">
      <c r="N856610" s="10"/>
    </row>
    <row r="856611" spans="14:14">
      <c r="N856611" s="10"/>
    </row>
    <row r="856612" spans="14:14">
      <c r="N856612" s="10"/>
    </row>
    <row r="856613" spans="14:14">
      <c r="N856613" s="10"/>
    </row>
    <row r="856614" spans="14:14">
      <c r="N856614" s="10"/>
    </row>
    <row r="856615" spans="14:14">
      <c r="N856615" s="10"/>
    </row>
    <row r="856616" spans="14:14">
      <c r="N856616" s="10"/>
    </row>
    <row r="856617" spans="14:14">
      <c r="N856617" s="10"/>
    </row>
    <row r="856618" spans="14:14">
      <c r="N856618" s="10"/>
    </row>
    <row r="856619" spans="14:14">
      <c r="N856619" s="10"/>
    </row>
    <row r="856620" spans="14:14">
      <c r="N856620" s="10"/>
    </row>
    <row r="856621" spans="14:14">
      <c r="N856621" s="10"/>
    </row>
    <row r="856622" spans="14:14">
      <c r="N856622" s="10"/>
    </row>
    <row r="856623" spans="14:14">
      <c r="N856623" s="10"/>
    </row>
    <row r="856624" spans="14:14">
      <c r="N856624" s="10"/>
    </row>
    <row r="856625" spans="14:14">
      <c r="N856625" s="10"/>
    </row>
    <row r="856626" spans="14:14">
      <c r="N856626" s="10"/>
    </row>
    <row r="856627" spans="14:14">
      <c r="N856627" s="10"/>
    </row>
    <row r="856628" spans="14:14">
      <c r="N856628" s="10"/>
    </row>
    <row r="856629" spans="14:14">
      <c r="N856629" s="10"/>
    </row>
    <row r="856630" spans="14:14">
      <c r="N856630" s="10"/>
    </row>
    <row r="856631" spans="14:14">
      <c r="N856631" s="10"/>
    </row>
    <row r="856632" spans="14:14">
      <c r="N856632" s="10"/>
    </row>
    <row r="856633" spans="14:14">
      <c r="N856633" s="10"/>
    </row>
    <row r="856634" spans="14:14">
      <c r="N856634" s="10"/>
    </row>
    <row r="856635" spans="14:14">
      <c r="N856635" s="10"/>
    </row>
    <row r="856636" spans="14:14">
      <c r="N856636" s="10"/>
    </row>
    <row r="856637" spans="14:14">
      <c r="N856637" s="10"/>
    </row>
    <row r="856638" spans="14:14">
      <c r="N856638" s="10"/>
    </row>
    <row r="856639" spans="14:14">
      <c r="N856639" s="10"/>
    </row>
    <row r="856640" spans="14:14">
      <c r="N856640" s="10"/>
    </row>
    <row r="856641" spans="14:14">
      <c r="N856641" s="10"/>
    </row>
    <row r="856642" spans="14:14">
      <c r="N856642" s="10"/>
    </row>
    <row r="856643" spans="14:14">
      <c r="N856643" s="10"/>
    </row>
    <row r="856644" spans="14:14">
      <c r="N856644" s="10"/>
    </row>
    <row r="856645" spans="14:14">
      <c r="N856645" s="10"/>
    </row>
    <row r="856646" spans="14:14">
      <c r="N856646" s="10"/>
    </row>
    <row r="856647" spans="14:14">
      <c r="N856647" s="10"/>
    </row>
    <row r="856648" spans="14:14">
      <c r="N856648" s="10"/>
    </row>
    <row r="856649" spans="14:14">
      <c r="N856649" s="10"/>
    </row>
    <row r="856650" spans="14:14">
      <c r="N856650" s="10"/>
    </row>
    <row r="856651" spans="14:14">
      <c r="N856651" s="10"/>
    </row>
    <row r="856652" spans="14:14">
      <c r="N856652" s="10"/>
    </row>
    <row r="856653" spans="14:14">
      <c r="N856653" s="10"/>
    </row>
    <row r="856654" spans="14:14">
      <c r="N856654" s="10"/>
    </row>
    <row r="856655" spans="14:14">
      <c r="N856655" s="10"/>
    </row>
    <row r="856656" spans="14:14">
      <c r="N856656" s="10"/>
    </row>
    <row r="856657" spans="14:14">
      <c r="N856657" s="10"/>
    </row>
    <row r="856658" spans="14:14">
      <c r="N856658" s="10"/>
    </row>
    <row r="856659" spans="14:14">
      <c r="N856659" s="10"/>
    </row>
    <row r="856660" spans="14:14">
      <c r="N856660" s="10"/>
    </row>
    <row r="856661" spans="14:14">
      <c r="N856661" s="10"/>
    </row>
    <row r="856662" spans="14:14">
      <c r="N856662" s="10"/>
    </row>
    <row r="856663" spans="14:14">
      <c r="N856663" s="10"/>
    </row>
    <row r="856664" spans="14:14">
      <c r="N856664" s="10"/>
    </row>
    <row r="856665" spans="14:14">
      <c r="N856665" s="10"/>
    </row>
    <row r="856666" spans="14:14">
      <c r="N856666" s="10"/>
    </row>
    <row r="856667" spans="14:14">
      <c r="N856667" s="10"/>
    </row>
    <row r="856668" spans="14:14">
      <c r="N856668" s="10"/>
    </row>
    <row r="856669" spans="14:14">
      <c r="N856669" s="10"/>
    </row>
    <row r="856670" spans="14:14">
      <c r="N856670" s="10"/>
    </row>
    <row r="856671" spans="14:14">
      <c r="N856671" s="10"/>
    </row>
    <row r="856672" spans="14:14">
      <c r="N856672" s="10"/>
    </row>
    <row r="856673" spans="14:14">
      <c r="N856673" s="10"/>
    </row>
    <row r="856674" spans="14:14">
      <c r="N856674" s="10"/>
    </row>
    <row r="856675" spans="14:14">
      <c r="N856675" s="10"/>
    </row>
    <row r="856676" spans="14:14">
      <c r="N856676" s="10"/>
    </row>
    <row r="856677" spans="14:14">
      <c r="N856677" s="10"/>
    </row>
    <row r="856678" spans="14:14">
      <c r="N856678" s="10"/>
    </row>
    <row r="856679" spans="14:14">
      <c r="N856679" s="10"/>
    </row>
    <row r="856680" spans="14:14">
      <c r="N856680" s="10"/>
    </row>
    <row r="856681" spans="14:14">
      <c r="N856681" s="10"/>
    </row>
    <row r="856682" spans="14:14">
      <c r="N856682" s="10"/>
    </row>
    <row r="856683" spans="14:14">
      <c r="N856683" s="10"/>
    </row>
    <row r="856684" spans="14:14">
      <c r="N856684" s="10"/>
    </row>
    <row r="856685" spans="14:14">
      <c r="N856685" s="10"/>
    </row>
    <row r="856686" spans="14:14">
      <c r="N856686" s="10"/>
    </row>
    <row r="856687" spans="14:14">
      <c r="N856687" s="10"/>
    </row>
    <row r="856688" spans="14:14">
      <c r="N856688" s="10"/>
    </row>
    <row r="856689" spans="14:14">
      <c r="N856689" s="10"/>
    </row>
    <row r="856690" spans="14:14">
      <c r="N856690" s="10"/>
    </row>
    <row r="856691" spans="14:14">
      <c r="N856691" s="10"/>
    </row>
    <row r="856692" spans="14:14">
      <c r="N856692" s="10"/>
    </row>
    <row r="856693" spans="14:14">
      <c r="N856693" s="10"/>
    </row>
    <row r="856694" spans="14:14">
      <c r="N856694" s="10"/>
    </row>
    <row r="856695" spans="14:14">
      <c r="N856695" s="10"/>
    </row>
    <row r="856696" spans="14:14">
      <c r="N856696" s="10"/>
    </row>
    <row r="856697" spans="14:14">
      <c r="N856697" s="10"/>
    </row>
    <row r="856698" spans="14:14">
      <c r="N856698" s="10"/>
    </row>
    <row r="856699" spans="14:14">
      <c r="N856699" s="10"/>
    </row>
    <row r="856700" spans="14:14">
      <c r="N856700" s="10"/>
    </row>
    <row r="856701" spans="14:14">
      <c r="N856701" s="10"/>
    </row>
    <row r="856702" spans="14:14">
      <c r="N856702" s="10"/>
    </row>
    <row r="856703" spans="14:14">
      <c r="N856703" s="10"/>
    </row>
    <row r="856704" spans="14:14">
      <c r="N856704" s="10"/>
    </row>
    <row r="856705" spans="14:14">
      <c r="N856705" s="10"/>
    </row>
    <row r="856706" spans="14:14">
      <c r="N856706" s="10"/>
    </row>
    <row r="856707" spans="14:14">
      <c r="N856707" s="10"/>
    </row>
    <row r="856708" spans="14:14">
      <c r="N856708" s="10"/>
    </row>
    <row r="856709" spans="14:14">
      <c r="N856709" s="10"/>
    </row>
    <row r="856710" spans="14:14">
      <c r="N856710" s="10"/>
    </row>
    <row r="856711" spans="14:14">
      <c r="N856711" s="10"/>
    </row>
    <row r="856712" spans="14:14">
      <c r="N856712" s="10"/>
    </row>
    <row r="856713" spans="14:14">
      <c r="N856713" s="10"/>
    </row>
    <row r="856714" spans="14:14">
      <c r="N856714" s="10"/>
    </row>
    <row r="856715" spans="14:14">
      <c r="N856715" s="10"/>
    </row>
    <row r="856716" spans="14:14">
      <c r="N856716" s="10"/>
    </row>
    <row r="856717" spans="14:14">
      <c r="N856717" s="10"/>
    </row>
    <row r="856718" spans="14:14">
      <c r="N856718" s="10"/>
    </row>
    <row r="856719" spans="14:14">
      <c r="N856719" s="10"/>
    </row>
    <row r="856720" spans="14:14">
      <c r="N856720" s="10"/>
    </row>
    <row r="856721" spans="14:14">
      <c r="N856721" s="10"/>
    </row>
    <row r="856722" spans="14:14">
      <c r="N856722" s="10"/>
    </row>
    <row r="856723" spans="14:14">
      <c r="N856723" s="10"/>
    </row>
    <row r="856724" spans="14:14">
      <c r="N856724" s="10"/>
    </row>
    <row r="856725" spans="14:14">
      <c r="N856725" s="10"/>
    </row>
    <row r="856726" spans="14:14">
      <c r="N856726" s="10"/>
    </row>
    <row r="856727" spans="14:14">
      <c r="N856727" s="10"/>
    </row>
    <row r="856728" spans="14:14">
      <c r="N856728" s="10"/>
    </row>
    <row r="856729" spans="14:14">
      <c r="N856729" s="10"/>
    </row>
    <row r="856730" spans="14:14">
      <c r="N856730" s="10"/>
    </row>
    <row r="856731" spans="14:14">
      <c r="N856731" s="10"/>
    </row>
    <row r="856732" spans="14:14">
      <c r="N856732" s="10"/>
    </row>
    <row r="856733" spans="14:14">
      <c r="N856733" s="10"/>
    </row>
    <row r="856734" spans="14:14">
      <c r="N856734" s="10"/>
    </row>
    <row r="856735" spans="14:14">
      <c r="N856735" s="10"/>
    </row>
    <row r="856736" spans="14:14">
      <c r="N856736" s="10"/>
    </row>
    <row r="856737" spans="14:14">
      <c r="N856737" s="10"/>
    </row>
    <row r="856738" spans="14:14">
      <c r="N856738" s="10"/>
    </row>
    <row r="856739" spans="14:14">
      <c r="N856739" s="10"/>
    </row>
    <row r="856740" spans="14:14">
      <c r="N856740" s="10"/>
    </row>
    <row r="856741" spans="14:14">
      <c r="N856741" s="10"/>
    </row>
    <row r="856742" spans="14:14">
      <c r="N856742" s="10"/>
    </row>
    <row r="856743" spans="14:14">
      <c r="N856743" s="10"/>
    </row>
    <row r="856744" spans="14:14">
      <c r="N856744" s="10"/>
    </row>
    <row r="856745" spans="14:14">
      <c r="N856745" s="10"/>
    </row>
    <row r="856746" spans="14:14">
      <c r="N856746" s="10"/>
    </row>
    <row r="856747" spans="14:14">
      <c r="N856747" s="10"/>
    </row>
    <row r="856748" spans="14:14">
      <c r="N856748" s="10"/>
    </row>
    <row r="856749" spans="14:14">
      <c r="N856749" s="10"/>
    </row>
    <row r="856750" spans="14:14">
      <c r="N856750" s="10"/>
    </row>
    <row r="856751" spans="14:14">
      <c r="N856751" s="10"/>
    </row>
    <row r="856752" spans="14:14">
      <c r="N856752" s="10"/>
    </row>
    <row r="856753" spans="14:14">
      <c r="N856753" s="10"/>
    </row>
    <row r="856754" spans="14:14">
      <c r="N856754" s="10"/>
    </row>
    <row r="856755" spans="14:14">
      <c r="N856755" s="10"/>
    </row>
    <row r="856756" spans="14:14">
      <c r="N856756" s="10"/>
    </row>
    <row r="856757" spans="14:14">
      <c r="N856757" s="10"/>
    </row>
    <row r="856758" spans="14:14">
      <c r="N856758" s="10"/>
    </row>
    <row r="856759" spans="14:14">
      <c r="N856759" s="10"/>
    </row>
    <row r="856760" spans="14:14">
      <c r="N856760" s="10"/>
    </row>
    <row r="856761" spans="14:14">
      <c r="N856761" s="10"/>
    </row>
    <row r="856762" spans="14:14">
      <c r="N856762" s="10"/>
    </row>
    <row r="856763" spans="14:14">
      <c r="N856763" s="10"/>
    </row>
    <row r="856764" spans="14:14">
      <c r="N856764" s="10"/>
    </row>
    <row r="856765" spans="14:14">
      <c r="N856765" s="10"/>
    </row>
    <row r="856766" spans="14:14">
      <c r="N856766" s="10"/>
    </row>
    <row r="856767" spans="14:14">
      <c r="N856767" s="10"/>
    </row>
    <row r="856768" spans="14:14">
      <c r="N856768" s="10"/>
    </row>
    <row r="856769" spans="14:14">
      <c r="N856769" s="10"/>
    </row>
    <row r="856770" spans="14:14">
      <c r="N856770" s="10"/>
    </row>
    <row r="856771" spans="14:14">
      <c r="N856771" s="10"/>
    </row>
    <row r="856772" spans="14:14">
      <c r="N856772" s="10"/>
    </row>
    <row r="856773" spans="14:14">
      <c r="N856773" s="10"/>
    </row>
    <row r="856774" spans="14:14">
      <c r="N856774" s="10"/>
    </row>
    <row r="856775" spans="14:14">
      <c r="N856775" s="10"/>
    </row>
    <row r="856776" spans="14:14">
      <c r="N856776" s="10"/>
    </row>
    <row r="856777" spans="14:14">
      <c r="N856777" s="10"/>
    </row>
    <row r="856778" spans="14:14">
      <c r="N856778" s="10"/>
    </row>
    <row r="856779" spans="14:14">
      <c r="N856779" s="10"/>
    </row>
    <row r="856780" spans="14:14">
      <c r="N856780" s="10"/>
    </row>
    <row r="856781" spans="14:14">
      <c r="N856781" s="10"/>
    </row>
    <row r="856782" spans="14:14">
      <c r="N856782" s="10"/>
    </row>
    <row r="856783" spans="14:14">
      <c r="N856783" s="10"/>
    </row>
    <row r="856784" spans="14:14">
      <c r="N856784" s="10"/>
    </row>
    <row r="856785" spans="14:14">
      <c r="N856785" s="10"/>
    </row>
    <row r="856786" spans="14:14">
      <c r="N856786" s="10"/>
    </row>
    <row r="856787" spans="14:14">
      <c r="N856787" s="10"/>
    </row>
    <row r="856788" spans="14:14">
      <c r="N856788" s="10"/>
    </row>
    <row r="856789" spans="14:14">
      <c r="N856789" s="10"/>
    </row>
    <row r="856790" spans="14:14">
      <c r="N856790" s="10"/>
    </row>
    <row r="856791" spans="14:14">
      <c r="N856791" s="10"/>
    </row>
    <row r="856792" spans="14:14">
      <c r="N856792" s="10"/>
    </row>
    <row r="856793" spans="14:14">
      <c r="N856793" s="10"/>
    </row>
    <row r="856794" spans="14:14">
      <c r="N856794" s="10"/>
    </row>
    <row r="856795" spans="14:14">
      <c r="N856795" s="10"/>
    </row>
    <row r="856796" spans="14:14">
      <c r="N856796" s="10"/>
    </row>
    <row r="856797" spans="14:14">
      <c r="N856797" s="10"/>
    </row>
    <row r="856798" spans="14:14">
      <c r="N856798" s="10"/>
    </row>
    <row r="856799" spans="14:14">
      <c r="N856799" s="10"/>
    </row>
    <row r="856800" spans="14:14">
      <c r="N856800" s="10"/>
    </row>
    <row r="856801" spans="14:14">
      <c r="N856801" s="10"/>
    </row>
    <row r="856802" spans="14:14">
      <c r="N856802" s="10"/>
    </row>
    <row r="856803" spans="14:14">
      <c r="N856803" s="10"/>
    </row>
    <row r="856804" spans="14:14">
      <c r="N856804" s="10"/>
    </row>
    <row r="856805" spans="14:14">
      <c r="N856805" s="10"/>
    </row>
    <row r="856806" spans="14:14">
      <c r="N856806" s="10"/>
    </row>
    <row r="856807" spans="14:14">
      <c r="N856807" s="10"/>
    </row>
    <row r="856808" spans="14:14">
      <c r="N856808" s="10"/>
    </row>
    <row r="856809" spans="14:14">
      <c r="N856809" s="10"/>
    </row>
    <row r="856810" spans="14:14">
      <c r="N856810" s="10"/>
    </row>
    <row r="856811" spans="14:14">
      <c r="N856811" s="10"/>
    </row>
    <row r="856812" spans="14:14">
      <c r="N856812" s="10"/>
    </row>
    <row r="856813" spans="14:14">
      <c r="N856813" s="10"/>
    </row>
    <row r="856814" spans="14:14">
      <c r="N856814" s="10"/>
    </row>
    <row r="856815" spans="14:14">
      <c r="N856815" s="10"/>
    </row>
    <row r="856816" spans="14:14">
      <c r="N856816" s="10"/>
    </row>
    <row r="856817" spans="14:14">
      <c r="N856817" s="10"/>
    </row>
    <row r="856818" spans="14:14">
      <c r="N856818" s="10"/>
    </row>
    <row r="856819" spans="14:14">
      <c r="N856819" s="10"/>
    </row>
    <row r="856820" spans="14:14">
      <c r="N856820" s="10"/>
    </row>
    <row r="856821" spans="14:14">
      <c r="N856821" s="10"/>
    </row>
    <row r="856822" spans="14:14">
      <c r="N856822" s="10"/>
    </row>
    <row r="856823" spans="14:14">
      <c r="N856823" s="10"/>
    </row>
    <row r="856824" spans="14:14">
      <c r="N856824" s="10"/>
    </row>
    <row r="856825" spans="14:14">
      <c r="N856825" s="10"/>
    </row>
    <row r="856826" spans="14:14">
      <c r="N856826" s="10"/>
    </row>
    <row r="856827" spans="14:14">
      <c r="N856827" s="10"/>
    </row>
    <row r="856828" spans="14:14">
      <c r="N856828" s="10"/>
    </row>
    <row r="856829" spans="14:14">
      <c r="N856829" s="10"/>
    </row>
    <row r="856830" spans="14:14">
      <c r="N856830" s="10"/>
    </row>
    <row r="856831" spans="14:14">
      <c r="N856831" s="10"/>
    </row>
    <row r="856832" spans="14:14">
      <c r="N856832" s="10"/>
    </row>
    <row r="856833" spans="14:14">
      <c r="N856833" s="10"/>
    </row>
    <row r="856834" spans="14:14">
      <c r="N856834" s="10"/>
    </row>
    <row r="856835" spans="14:14">
      <c r="N856835" s="10"/>
    </row>
    <row r="856836" spans="14:14">
      <c r="N856836" s="10"/>
    </row>
    <row r="856837" spans="14:14">
      <c r="N856837" s="10"/>
    </row>
    <row r="856838" spans="14:14">
      <c r="N856838" s="10"/>
    </row>
    <row r="856839" spans="14:14">
      <c r="N856839" s="10"/>
    </row>
    <row r="856840" spans="14:14">
      <c r="N856840" s="10"/>
    </row>
    <row r="856841" spans="14:14">
      <c r="N856841" s="10"/>
    </row>
    <row r="856842" spans="14:14">
      <c r="N856842" s="10"/>
    </row>
    <row r="856843" spans="14:14">
      <c r="N856843" s="10"/>
    </row>
    <row r="856844" spans="14:14">
      <c r="N856844" s="10"/>
    </row>
    <row r="856845" spans="14:14">
      <c r="N856845" s="10"/>
    </row>
    <row r="856846" spans="14:14">
      <c r="N856846" s="10"/>
    </row>
    <row r="856847" spans="14:14">
      <c r="N856847" s="10"/>
    </row>
    <row r="856848" spans="14:14">
      <c r="N856848" s="10"/>
    </row>
    <row r="856849" spans="14:14">
      <c r="N856849" s="10"/>
    </row>
    <row r="856850" spans="14:14">
      <c r="N856850" s="10"/>
    </row>
    <row r="856851" spans="14:14">
      <c r="N856851" s="10"/>
    </row>
    <row r="856852" spans="14:14">
      <c r="N856852" s="10"/>
    </row>
    <row r="856853" spans="14:14">
      <c r="N856853" s="10"/>
    </row>
    <row r="856854" spans="14:14">
      <c r="N856854" s="10"/>
    </row>
    <row r="856855" spans="14:14">
      <c r="N856855" s="10"/>
    </row>
    <row r="856856" spans="14:14">
      <c r="N856856" s="10"/>
    </row>
    <row r="856857" spans="14:14">
      <c r="N856857" s="10"/>
    </row>
    <row r="856858" spans="14:14">
      <c r="N856858" s="10"/>
    </row>
    <row r="856859" spans="14:14">
      <c r="N856859" s="10"/>
    </row>
    <row r="856860" spans="14:14">
      <c r="N856860" s="10"/>
    </row>
    <row r="856861" spans="14:14">
      <c r="N856861" s="10"/>
    </row>
    <row r="856862" spans="14:14">
      <c r="N856862" s="10"/>
    </row>
    <row r="856863" spans="14:14">
      <c r="N856863" s="10"/>
    </row>
    <row r="856864" spans="14:14">
      <c r="N856864" s="10"/>
    </row>
    <row r="856865" spans="14:14">
      <c r="N856865" s="10"/>
    </row>
    <row r="856866" spans="14:14">
      <c r="N856866" s="10"/>
    </row>
    <row r="856867" spans="14:14">
      <c r="N856867" s="10"/>
    </row>
    <row r="856868" spans="14:14">
      <c r="N856868" s="10"/>
    </row>
    <row r="856869" spans="14:14">
      <c r="N856869" s="10"/>
    </row>
    <row r="856870" spans="14:14">
      <c r="N856870" s="10"/>
    </row>
    <row r="856871" spans="14:14">
      <c r="N856871" s="10"/>
    </row>
    <row r="856872" spans="14:14">
      <c r="N856872" s="10"/>
    </row>
    <row r="856873" spans="14:14">
      <c r="N856873" s="10"/>
    </row>
    <row r="856874" spans="14:14">
      <c r="N856874" s="10"/>
    </row>
    <row r="856875" spans="14:14">
      <c r="N856875" s="10"/>
    </row>
    <row r="856876" spans="14:14">
      <c r="N856876" s="10"/>
    </row>
    <row r="856877" spans="14:14">
      <c r="N856877" s="10"/>
    </row>
    <row r="856878" spans="14:14">
      <c r="N856878" s="10"/>
    </row>
    <row r="856879" spans="14:14">
      <c r="N856879" s="10"/>
    </row>
    <row r="856880" spans="14:14">
      <c r="N856880" s="10"/>
    </row>
    <row r="856881" spans="14:14">
      <c r="N856881" s="10"/>
    </row>
    <row r="856882" spans="14:14">
      <c r="N856882" s="10"/>
    </row>
    <row r="856883" spans="14:14">
      <c r="N856883" s="10"/>
    </row>
    <row r="856884" spans="14:14">
      <c r="N856884" s="10"/>
    </row>
    <row r="856885" spans="14:14">
      <c r="N856885" s="10"/>
    </row>
    <row r="856886" spans="14:14">
      <c r="N856886" s="10"/>
    </row>
    <row r="856887" spans="14:14">
      <c r="N856887" s="10"/>
    </row>
    <row r="856888" spans="14:14">
      <c r="N856888" s="10"/>
    </row>
    <row r="856889" spans="14:14">
      <c r="N856889" s="10"/>
    </row>
    <row r="856890" spans="14:14">
      <c r="N856890" s="10"/>
    </row>
    <row r="856891" spans="14:14">
      <c r="N856891" s="10"/>
    </row>
    <row r="856892" spans="14:14">
      <c r="N856892" s="10"/>
    </row>
    <row r="856893" spans="14:14">
      <c r="N856893" s="10"/>
    </row>
    <row r="856894" spans="14:14">
      <c r="N856894" s="10"/>
    </row>
    <row r="856895" spans="14:14">
      <c r="N856895" s="10"/>
    </row>
    <row r="856896" spans="14:14">
      <c r="N856896" s="10"/>
    </row>
    <row r="856897" spans="14:14">
      <c r="N856897" s="10"/>
    </row>
    <row r="856898" spans="14:14">
      <c r="N856898" s="10"/>
    </row>
    <row r="856899" spans="14:14">
      <c r="N856899" s="10"/>
    </row>
    <row r="856900" spans="14:14">
      <c r="N856900" s="10"/>
    </row>
    <row r="856901" spans="14:14">
      <c r="N856901" s="10"/>
    </row>
    <row r="856902" spans="14:14">
      <c r="N856902" s="10"/>
    </row>
    <row r="856903" spans="14:14">
      <c r="N856903" s="10"/>
    </row>
    <row r="856904" spans="14:14">
      <c r="N856904" s="10"/>
    </row>
    <row r="856905" spans="14:14">
      <c r="N856905" s="10"/>
    </row>
    <row r="856906" spans="14:14">
      <c r="N856906" s="10"/>
    </row>
    <row r="856907" spans="14:14">
      <c r="N856907" s="10"/>
    </row>
    <row r="856908" spans="14:14">
      <c r="N856908" s="10"/>
    </row>
    <row r="856909" spans="14:14">
      <c r="N856909" s="10"/>
    </row>
    <row r="856910" spans="14:14">
      <c r="N856910" s="10"/>
    </row>
    <row r="856911" spans="14:14">
      <c r="N856911" s="10"/>
    </row>
    <row r="856912" spans="14:14">
      <c r="N856912" s="10"/>
    </row>
    <row r="856913" spans="14:14">
      <c r="N856913" s="10"/>
    </row>
    <row r="856914" spans="14:14">
      <c r="N856914" s="10"/>
    </row>
    <row r="856915" spans="14:14">
      <c r="N856915" s="10"/>
    </row>
    <row r="856916" spans="14:14">
      <c r="N856916" s="10"/>
    </row>
    <row r="856917" spans="14:14">
      <c r="N856917" s="10"/>
    </row>
    <row r="856918" spans="14:14">
      <c r="N856918" s="10"/>
    </row>
    <row r="856919" spans="14:14">
      <c r="N856919" s="10"/>
    </row>
    <row r="856920" spans="14:14">
      <c r="N856920" s="10"/>
    </row>
    <row r="856921" spans="14:14">
      <c r="N856921" s="10"/>
    </row>
    <row r="856922" spans="14:14">
      <c r="N856922" s="10"/>
    </row>
    <row r="856923" spans="14:14">
      <c r="N856923" s="10"/>
    </row>
    <row r="856924" spans="14:14">
      <c r="N856924" s="10"/>
    </row>
    <row r="856925" spans="14:14">
      <c r="N856925" s="10"/>
    </row>
    <row r="856926" spans="14:14">
      <c r="N856926" s="10"/>
    </row>
    <row r="856927" spans="14:14">
      <c r="N856927" s="10"/>
    </row>
    <row r="856928" spans="14:14">
      <c r="N856928" s="10"/>
    </row>
    <row r="856929" spans="14:14">
      <c r="N856929" s="10"/>
    </row>
    <row r="856930" spans="14:14">
      <c r="N856930" s="10"/>
    </row>
    <row r="856931" spans="14:14">
      <c r="N856931" s="10"/>
    </row>
    <row r="856932" spans="14:14">
      <c r="N856932" s="10"/>
    </row>
    <row r="856933" spans="14:14">
      <c r="N856933" s="10"/>
    </row>
    <row r="856934" spans="14:14">
      <c r="N856934" s="10"/>
    </row>
    <row r="856935" spans="14:14">
      <c r="N856935" s="10"/>
    </row>
    <row r="856936" spans="14:14">
      <c r="N856936" s="10"/>
    </row>
    <row r="856937" spans="14:14">
      <c r="N856937" s="10"/>
    </row>
    <row r="856938" spans="14:14">
      <c r="N856938" s="10"/>
    </row>
    <row r="856939" spans="14:14">
      <c r="N856939" s="10"/>
    </row>
    <row r="856940" spans="14:14">
      <c r="N856940" s="10"/>
    </row>
    <row r="856941" spans="14:14">
      <c r="N856941" s="10"/>
    </row>
    <row r="856942" spans="14:14">
      <c r="N856942" s="10"/>
    </row>
    <row r="856943" spans="14:14">
      <c r="N856943" s="10"/>
    </row>
    <row r="856944" spans="14:14">
      <c r="N856944" s="10"/>
    </row>
    <row r="856945" spans="14:14">
      <c r="N856945" s="10"/>
    </row>
    <row r="856946" spans="14:14">
      <c r="N856946" s="10"/>
    </row>
    <row r="856947" spans="14:14">
      <c r="N856947" s="10"/>
    </row>
    <row r="856948" spans="14:14">
      <c r="N856948" s="10"/>
    </row>
    <row r="856949" spans="14:14">
      <c r="N856949" s="10"/>
    </row>
    <row r="856950" spans="14:14">
      <c r="N856950" s="10"/>
    </row>
    <row r="856951" spans="14:14">
      <c r="N856951" s="10"/>
    </row>
    <row r="856952" spans="14:14">
      <c r="N856952" s="10"/>
    </row>
    <row r="856953" spans="14:14">
      <c r="N856953" s="10"/>
    </row>
    <row r="856954" spans="14:14">
      <c r="N856954" s="10"/>
    </row>
    <row r="856955" spans="14:14">
      <c r="N856955" s="10"/>
    </row>
    <row r="856956" spans="14:14">
      <c r="N856956" s="10"/>
    </row>
    <row r="856957" spans="14:14">
      <c r="N856957" s="10"/>
    </row>
    <row r="856958" spans="14:14">
      <c r="N856958" s="10"/>
    </row>
    <row r="856959" spans="14:14">
      <c r="N856959" s="10"/>
    </row>
    <row r="856960" spans="14:14">
      <c r="N856960" s="10"/>
    </row>
    <row r="856961" spans="14:14">
      <c r="N856961" s="10"/>
    </row>
    <row r="856962" spans="14:14">
      <c r="N856962" s="10"/>
    </row>
    <row r="856963" spans="14:14">
      <c r="N856963" s="10"/>
    </row>
    <row r="856964" spans="14:14">
      <c r="N856964" s="10"/>
    </row>
    <row r="856965" spans="14:14">
      <c r="N856965" s="10"/>
    </row>
    <row r="856966" spans="14:14">
      <c r="N856966" s="10"/>
    </row>
    <row r="856967" spans="14:14">
      <c r="N856967" s="10"/>
    </row>
    <row r="856968" spans="14:14">
      <c r="N856968" s="10"/>
    </row>
    <row r="856969" spans="14:14">
      <c r="N856969" s="10"/>
    </row>
    <row r="856970" spans="14:14">
      <c r="N856970" s="10"/>
    </row>
    <row r="856971" spans="14:14">
      <c r="N856971" s="10"/>
    </row>
    <row r="856972" spans="14:14">
      <c r="N856972" s="10"/>
    </row>
    <row r="856973" spans="14:14">
      <c r="N856973" s="10"/>
    </row>
    <row r="856974" spans="14:14">
      <c r="N856974" s="10"/>
    </row>
    <row r="856975" spans="14:14">
      <c r="N856975" s="10"/>
    </row>
    <row r="856976" spans="14:14">
      <c r="N856976" s="10"/>
    </row>
    <row r="856977" spans="14:14">
      <c r="N856977" s="10"/>
    </row>
    <row r="856978" spans="14:14">
      <c r="N856978" s="10"/>
    </row>
    <row r="856979" spans="14:14">
      <c r="N856979" s="10"/>
    </row>
    <row r="856980" spans="14:14">
      <c r="N856980" s="10"/>
    </row>
    <row r="856981" spans="14:14">
      <c r="N856981" s="10"/>
    </row>
    <row r="856982" spans="14:14">
      <c r="N856982" s="10"/>
    </row>
    <row r="856983" spans="14:14">
      <c r="N856983" s="10"/>
    </row>
    <row r="856984" spans="14:14">
      <c r="N856984" s="10"/>
    </row>
    <row r="856985" spans="14:14">
      <c r="N856985" s="10"/>
    </row>
    <row r="856986" spans="14:14">
      <c r="N856986" s="10"/>
    </row>
    <row r="856987" spans="14:14">
      <c r="N856987" s="10"/>
    </row>
    <row r="856988" spans="14:14">
      <c r="N856988" s="10"/>
    </row>
    <row r="856989" spans="14:14">
      <c r="N856989" s="10"/>
    </row>
    <row r="856990" spans="14:14">
      <c r="N856990" s="10"/>
    </row>
    <row r="856991" spans="14:14">
      <c r="N856991" s="10"/>
    </row>
    <row r="856992" spans="14:14">
      <c r="N856992" s="10"/>
    </row>
    <row r="856993" spans="14:14">
      <c r="N856993" s="10"/>
    </row>
    <row r="856994" spans="14:14">
      <c r="N856994" s="10"/>
    </row>
    <row r="856995" spans="14:14">
      <c r="N856995" s="10"/>
    </row>
    <row r="856996" spans="14:14">
      <c r="N856996" s="10"/>
    </row>
    <row r="856997" spans="14:14">
      <c r="N856997" s="10"/>
    </row>
    <row r="856998" spans="14:14">
      <c r="N856998" s="10"/>
    </row>
    <row r="856999" spans="14:14">
      <c r="N856999" s="10"/>
    </row>
    <row r="857000" spans="14:14">
      <c r="N857000" s="10"/>
    </row>
    <row r="857001" spans="14:14">
      <c r="N857001" s="10"/>
    </row>
    <row r="857002" spans="14:14">
      <c r="N857002" s="10"/>
    </row>
    <row r="857003" spans="14:14">
      <c r="N857003" s="10"/>
    </row>
    <row r="857004" spans="14:14">
      <c r="N857004" s="10"/>
    </row>
    <row r="857005" spans="14:14">
      <c r="N857005" s="10"/>
    </row>
    <row r="857006" spans="14:14">
      <c r="N857006" s="10"/>
    </row>
    <row r="857007" spans="14:14">
      <c r="N857007" s="10"/>
    </row>
    <row r="857008" spans="14:14">
      <c r="N857008" s="10"/>
    </row>
    <row r="857009" spans="14:14">
      <c r="N857009" s="10"/>
    </row>
    <row r="857010" spans="14:14">
      <c r="N857010" s="10"/>
    </row>
    <row r="857011" spans="14:14">
      <c r="N857011" s="10"/>
    </row>
    <row r="857012" spans="14:14">
      <c r="N857012" s="10"/>
    </row>
    <row r="857013" spans="14:14">
      <c r="N857013" s="10"/>
    </row>
    <row r="857014" spans="14:14">
      <c r="N857014" s="10"/>
    </row>
    <row r="857015" spans="14:14">
      <c r="N857015" s="10"/>
    </row>
    <row r="857016" spans="14:14">
      <c r="N857016" s="10"/>
    </row>
    <row r="857017" spans="14:14">
      <c r="N857017" s="10"/>
    </row>
    <row r="857018" spans="14:14">
      <c r="N857018" s="10"/>
    </row>
    <row r="857019" spans="14:14">
      <c r="N857019" s="10"/>
    </row>
    <row r="857020" spans="14:14">
      <c r="N857020" s="10"/>
    </row>
    <row r="857021" spans="14:14">
      <c r="N857021" s="10"/>
    </row>
    <row r="857022" spans="14:14">
      <c r="N857022" s="10"/>
    </row>
    <row r="857023" spans="14:14">
      <c r="N857023" s="10"/>
    </row>
    <row r="857024" spans="14:14">
      <c r="N857024" s="10"/>
    </row>
    <row r="857025" spans="14:14">
      <c r="N857025" s="10"/>
    </row>
    <row r="857026" spans="14:14">
      <c r="N857026" s="10"/>
    </row>
    <row r="857027" spans="14:14">
      <c r="N857027" s="10"/>
    </row>
    <row r="857028" spans="14:14">
      <c r="N857028" s="10"/>
    </row>
    <row r="857029" spans="14:14">
      <c r="N857029" s="10"/>
    </row>
    <row r="857030" spans="14:14">
      <c r="N857030" s="10"/>
    </row>
    <row r="857031" spans="14:14">
      <c r="N857031" s="10"/>
    </row>
    <row r="857032" spans="14:14">
      <c r="N857032" s="10"/>
    </row>
    <row r="857033" spans="14:14">
      <c r="N857033" s="10"/>
    </row>
    <row r="857034" spans="14:14">
      <c r="N857034" s="10"/>
    </row>
    <row r="857035" spans="14:14">
      <c r="N857035" s="10"/>
    </row>
    <row r="857036" spans="14:14">
      <c r="N857036" s="10"/>
    </row>
    <row r="857037" spans="14:14">
      <c r="N857037" s="10"/>
    </row>
    <row r="857038" spans="14:14">
      <c r="N857038" s="10"/>
    </row>
    <row r="857039" spans="14:14">
      <c r="N857039" s="10"/>
    </row>
    <row r="857040" spans="14:14">
      <c r="N857040" s="10"/>
    </row>
    <row r="857041" spans="14:14">
      <c r="N857041" s="10"/>
    </row>
    <row r="857042" spans="14:14">
      <c r="N857042" s="10"/>
    </row>
    <row r="857043" spans="14:14">
      <c r="N857043" s="10"/>
    </row>
    <row r="857044" spans="14:14">
      <c r="N857044" s="10"/>
    </row>
    <row r="857045" spans="14:14">
      <c r="N857045" s="10"/>
    </row>
    <row r="857046" spans="14:14">
      <c r="N857046" s="10"/>
    </row>
    <row r="857047" spans="14:14">
      <c r="N857047" s="10"/>
    </row>
    <row r="857048" spans="14:14">
      <c r="N857048" s="10"/>
    </row>
    <row r="857049" spans="14:14">
      <c r="N857049" s="10"/>
    </row>
    <row r="857050" spans="14:14">
      <c r="N857050" s="10"/>
    </row>
    <row r="857051" spans="14:14">
      <c r="N857051" s="10"/>
    </row>
    <row r="857052" spans="14:14">
      <c r="N857052" s="10"/>
    </row>
    <row r="857053" spans="14:14">
      <c r="N857053" s="10"/>
    </row>
    <row r="857054" spans="14:14">
      <c r="N857054" s="10"/>
    </row>
    <row r="857055" spans="14:14">
      <c r="N857055" s="10"/>
    </row>
    <row r="857056" spans="14:14">
      <c r="N857056" s="10"/>
    </row>
    <row r="857057" spans="14:14">
      <c r="N857057" s="10"/>
    </row>
    <row r="857058" spans="14:14">
      <c r="N857058" s="10"/>
    </row>
    <row r="857059" spans="14:14">
      <c r="N857059" s="10"/>
    </row>
    <row r="857060" spans="14:14">
      <c r="N857060" s="10"/>
    </row>
    <row r="857061" spans="14:14">
      <c r="N857061" s="10"/>
    </row>
    <row r="857062" spans="14:14">
      <c r="N857062" s="10"/>
    </row>
    <row r="857063" spans="14:14">
      <c r="N857063" s="10"/>
    </row>
    <row r="857064" spans="14:14">
      <c r="N857064" s="10"/>
    </row>
    <row r="857065" spans="14:14">
      <c r="N857065" s="10"/>
    </row>
    <row r="857066" spans="14:14">
      <c r="N857066" s="10"/>
    </row>
    <row r="857067" spans="14:14">
      <c r="N857067" s="10"/>
    </row>
    <row r="857068" spans="14:14">
      <c r="N857068" s="10"/>
    </row>
    <row r="857069" spans="14:14">
      <c r="N857069" s="10"/>
    </row>
    <row r="857070" spans="14:14">
      <c r="N857070" s="10"/>
    </row>
    <row r="857071" spans="14:14">
      <c r="N857071" s="10"/>
    </row>
    <row r="857072" spans="14:14">
      <c r="N857072" s="10"/>
    </row>
    <row r="857073" spans="14:14">
      <c r="N857073" s="10"/>
    </row>
    <row r="857074" spans="14:14">
      <c r="N857074" s="10"/>
    </row>
    <row r="857075" spans="14:14">
      <c r="N857075" s="10"/>
    </row>
    <row r="857076" spans="14:14">
      <c r="N857076" s="10"/>
    </row>
    <row r="857077" spans="14:14">
      <c r="N857077" s="10"/>
    </row>
    <row r="857078" spans="14:14">
      <c r="N857078" s="10"/>
    </row>
    <row r="857079" spans="14:14">
      <c r="N857079" s="10"/>
    </row>
    <row r="857080" spans="14:14">
      <c r="N857080" s="10"/>
    </row>
    <row r="857081" spans="14:14">
      <c r="N857081" s="10"/>
    </row>
    <row r="857082" spans="14:14">
      <c r="N857082" s="10"/>
    </row>
    <row r="857083" spans="14:14">
      <c r="N857083" s="10"/>
    </row>
    <row r="857084" spans="14:14">
      <c r="N857084" s="10"/>
    </row>
    <row r="857085" spans="14:14">
      <c r="N857085" s="10"/>
    </row>
    <row r="857086" spans="14:14">
      <c r="N857086" s="10"/>
    </row>
    <row r="857087" spans="14:14">
      <c r="N857087" s="10"/>
    </row>
    <row r="857088" spans="14:14">
      <c r="N857088" s="10"/>
    </row>
    <row r="857089" spans="14:14">
      <c r="N857089" s="10"/>
    </row>
    <row r="857090" spans="14:14">
      <c r="N857090" s="10"/>
    </row>
    <row r="857091" spans="14:14">
      <c r="N857091" s="10"/>
    </row>
    <row r="857092" spans="14:14">
      <c r="N857092" s="10"/>
    </row>
    <row r="857093" spans="14:14">
      <c r="N857093" s="10"/>
    </row>
    <row r="857094" spans="14:14">
      <c r="N857094" s="10"/>
    </row>
    <row r="857095" spans="14:14">
      <c r="N857095" s="10"/>
    </row>
    <row r="857096" spans="14:14">
      <c r="N857096" s="10"/>
    </row>
    <row r="857097" spans="14:14">
      <c r="N857097" s="10"/>
    </row>
    <row r="857098" spans="14:14">
      <c r="N857098" s="10"/>
    </row>
    <row r="857099" spans="14:14">
      <c r="N857099" s="10"/>
    </row>
    <row r="857100" spans="14:14">
      <c r="N857100" s="10"/>
    </row>
    <row r="857101" spans="14:14">
      <c r="N857101" s="10"/>
    </row>
    <row r="857102" spans="14:14">
      <c r="N857102" s="10"/>
    </row>
    <row r="857103" spans="14:14">
      <c r="N857103" s="10"/>
    </row>
    <row r="857104" spans="14:14">
      <c r="N857104" s="10"/>
    </row>
    <row r="857105" spans="14:14">
      <c r="N857105" s="10"/>
    </row>
    <row r="857106" spans="14:14">
      <c r="N857106" s="10"/>
    </row>
    <row r="857107" spans="14:14">
      <c r="N857107" s="10"/>
    </row>
    <row r="857108" spans="14:14">
      <c r="N857108" s="10"/>
    </row>
    <row r="857109" spans="14:14">
      <c r="N857109" s="10"/>
    </row>
    <row r="857110" spans="14:14">
      <c r="N857110" s="10"/>
    </row>
    <row r="857111" spans="14:14">
      <c r="N857111" s="10"/>
    </row>
    <row r="857112" spans="14:14">
      <c r="N857112" s="10"/>
    </row>
    <row r="857113" spans="14:14">
      <c r="N857113" s="10"/>
    </row>
    <row r="857114" spans="14:14">
      <c r="N857114" s="10"/>
    </row>
    <row r="857115" spans="14:14">
      <c r="N857115" s="10"/>
    </row>
    <row r="857116" spans="14:14">
      <c r="N857116" s="10"/>
    </row>
    <row r="857117" spans="14:14">
      <c r="N857117" s="10"/>
    </row>
    <row r="857118" spans="14:14">
      <c r="N857118" s="10"/>
    </row>
    <row r="857119" spans="14:14">
      <c r="N857119" s="10"/>
    </row>
    <row r="857120" spans="14:14">
      <c r="N857120" s="10"/>
    </row>
    <row r="857121" spans="14:14">
      <c r="N857121" s="10"/>
    </row>
    <row r="857122" spans="14:14">
      <c r="N857122" s="10"/>
    </row>
    <row r="857123" spans="14:14">
      <c r="N857123" s="10"/>
    </row>
    <row r="857124" spans="14:14">
      <c r="N857124" s="10"/>
    </row>
    <row r="857125" spans="14:14">
      <c r="N857125" s="10"/>
    </row>
    <row r="857126" spans="14:14">
      <c r="N857126" s="10"/>
    </row>
    <row r="857127" spans="14:14">
      <c r="N857127" s="10"/>
    </row>
    <row r="857128" spans="14:14">
      <c r="N857128" s="10"/>
    </row>
    <row r="857129" spans="14:14">
      <c r="N857129" s="10"/>
    </row>
    <row r="857130" spans="14:14">
      <c r="N857130" s="10"/>
    </row>
    <row r="857131" spans="14:14">
      <c r="N857131" s="10"/>
    </row>
    <row r="857132" spans="14:14">
      <c r="N857132" s="10"/>
    </row>
    <row r="857133" spans="14:14">
      <c r="N857133" s="10"/>
    </row>
    <row r="857134" spans="14:14">
      <c r="N857134" s="10"/>
    </row>
    <row r="857135" spans="14:14">
      <c r="N857135" s="10"/>
    </row>
    <row r="857136" spans="14:14">
      <c r="N857136" s="10"/>
    </row>
    <row r="857137" spans="14:14">
      <c r="N857137" s="10"/>
    </row>
    <row r="857138" spans="14:14">
      <c r="N857138" s="10"/>
    </row>
    <row r="857139" spans="14:14">
      <c r="N857139" s="10"/>
    </row>
    <row r="857140" spans="14:14">
      <c r="N857140" s="10"/>
    </row>
    <row r="857141" spans="14:14">
      <c r="N857141" s="10"/>
    </row>
    <row r="857142" spans="14:14">
      <c r="N857142" s="10"/>
    </row>
    <row r="857143" spans="14:14">
      <c r="N857143" s="10"/>
    </row>
    <row r="857144" spans="14:14">
      <c r="N857144" s="10"/>
    </row>
    <row r="857145" spans="14:14">
      <c r="N857145" s="10"/>
    </row>
    <row r="857146" spans="14:14">
      <c r="N857146" s="10"/>
    </row>
    <row r="857147" spans="14:14">
      <c r="N857147" s="10"/>
    </row>
    <row r="857148" spans="14:14">
      <c r="N857148" s="10"/>
    </row>
    <row r="857149" spans="14:14">
      <c r="N857149" s="10"/>
    </row>
    <row r="857150" spans="14:14">
      <c r="N857150" s="10"/>
    </row>
    <row r="857151" spans="14:14">
      <c r="N857151" s="10"/>
    </row>
    <row r="857152" spans="14:14">
      <c r="N857152" s="10"/>
    </row>
    <row r="857153" spans="14:14">
      <c r="N857153" s="10"/>
    </row>
    <row r="857154" spans="14:14">
      <c r="N857154" s="10"/>
    </row>
    <row r="857155" spans="14:14">
      <c r="N857155" s="10"/>
    </row>
    <row r="857156" spans="14:14">
      <c r="N857156" s="10"/>
    </row>
    <row r="857157" spans="14:14">
      <c r="N857157" s="10"/>
    </row>
    <row r="857158" spans="14:14">
      <c r="N857158" s="10"/>
    </row>
    <row r="857159" spans="14:14">
      <c r="N857159" s="10"/>
    </row>
    <row r="857160" spans="14:14">
      <c r="N857160" s="10"/>
    </row>
    <row r="857161" spans="14:14">
      <c r="N857161" s="10"/>
    </row>
    <row r="857162" spans="14:14">
      <c r="N857162" s="10"/>
    </row>
    <row r="857163" spans="14:14">
      <c r="N857163" s="10"/>
    </row>
    <row r="857164" spans="14:14">
      <c r="N857164" s="10"/>
    </row>
    <row r="857165" spans="14:14">
      <c r="N857165" s="10"/>
    </row>
    <row r="857166" spans="14:14">
      <c r="N857166" s="10"/>
    </row>
    <row r="857167" spans="14:14">
      <c r="N857167" s="10"/>
    </row>
    <row r="857168" spans="14:14">
      <c r="N857168" s="10"/>
    </row>
    <row r="857169" spans="14:14">
      <c r="N857169" s="10"/>
    </row>
    <row r="857170" spans="14:14">
      <c r="N857170" s="10"/>
    </row>
    <row r="857171" spans="14:14">
      <c r="N857171" s="10"/>
    </row>
    <row r="857172" spans="14:14">
      <c r="N857172" s="10"/>
    </row>
    <row r="857173" spans="14:14">
      <c r="N857173" s="10"/>
    </row>
    <row r="857174" spans="14:14">
      <c r="N857174" s="10"/>
    </row>
    <row r="857175" spans="14:14">
      <c r="N857175" s="10"/>
    </row>
    <row r="857176" spans="14:14">
      <c r="N857176" s="10"/>
    </row>
    <row r="857177" spans="14:14">
      <c r="N857177" s="10"/>
    </row>
    <row r="857178" spans="14:14">
      <c r="N857178" s="10"/>
    </row>
    <row r="857179" spans="14:14">
      <c r="N857179" s="10"/>
    </row>
    <row r="857180" spans="14:14">
      <c r="N857180" s="10"/>
    </row>
    <row r="857181" spans="14:14">
      <c r="N857181" s="10"/>
    </row>
    <row r="857182" spans="14:14">
      <c r="N857182" s="10"/>
    </row>
    <row r="857183" spans="14:14">
      <c r="N857183" s="10"/>
    </row>
    <row r="857184" spans="14:14">
      <c r="N857184" s="10"/>
    </row>
    <row r="857185" spans="14:14">
      <c r="N857185" s="10"/>
    </row>
    <row r="857186" spans="14:14">
      <c r="N857186" s="10"/>
    </row>
    <row r="857187" spans="14:14">
      <c r="N857187" s="10"/>
    </row>
    <row r="857188" spans="14:14">
      <c r="N857188" s="10"/>
    </row>
    <row r="857189" spans="14:14">
      <c r="N857189" s="10"/>
    </row>
    <row r="857190" spans="14:14">
      <c r="N857190" s="10"/>
    </row>
    <row r="857191" spans="14:14">
      <c r="N857191" s="10"/>
    </row>
    <row r="857192" spans="14:14">
      <c r="N857192" s="10"/>
    </row>
    <row r="857193" spans="14:14">
      <c r="N857193" s="10"/>
    </row>
    <row r="857194" spans="14:14">
      <c r="N857194" s="10"/>
    </row>
    <row r="857195" spans="14:14">
      <c r="N857195" s="10"/>
    </row>
    <row r="857196" spans="14:14">
      <c r="N857196" s="10"/>
    </row>
    <row r="857197" spans="14:14">
      <c r="N857197" s="10"/>
    </row>
    <row r="857198" spans="14:14">
      <c r="N857198" s="10"/>
    </row>
    <row r="857199" spans="14:14">
      <c r="N857199" s="10"/>
    </row>
    <row r="857200" spans="14:14">
      <c r="N857200" s="10"/>
    </row>
    <row r="857201" spans="14:14">
      <c r="N857201" s="10"/>
    </row>
    <row r="857202" spans="14:14">
      <c r="N857202" s="10"/>
    </row>
    <row r="857203" spans="14:14">
      <c r="N857203" s="10"/>
    </row>
    <row r="857204" spans="14:14">
      <c r="N857204" s="10"/>
    </row>
    <row r="857205" spans="14:14">
      <c r="N857205" s="10"/>
    </row>
    <row r="857206" spans="14:14">
      <c r="N857206" s="10"/>
    </row>
    <row r="857207" spans="14:14">
      <c r="N857207" s="10"/>
    </row>
    <row r="857208" spans="14:14">
      <c r="N857208" s="10"/>
    </row>
    <row r="857209" spans="14:14">
      <c r="N857209" s="10"/>
    </row>
    <row r="857210" spans="14:14">
      <c r="N857210" s="10"/>
    </row>
    <row r="857211" spans="14:14">
      <c r="N857211" s="10"/>
    </row>
    <row r="857212" spans="14:14">
      <c r="N857212" s="10"/>
    </row>
    <row r="857213" spans="14:14">
      <c r="N857213" s="10"/>
    </row>
    <row r="857214" spans="14:14">
      <c r="N857214" s="10"/>
    </row>
    <row r="857215" spans="14:14">
      <c r="N857215" s="10"/>
    </row>
    <row r="857216" spans="14:14">
      <c r="N857216" s="10"/>
    </row>
    <row r="857217" spans="14:14">
      <c r="N857217" s="10"/>
    </row>
    <row r="857218" spans="14:14">
      <c r="N857218" s="10"/>
    </row>
    <row r="857219" spans="14:14">
      <c r="N857219" s="10"/>
    </row>
    <row r="857220" spans="14:14">
      <c r="N857220" s="10"/>
    </row>
    <row r="857221" spans="14:14">
      <c r="N857221" s="10"/>
    </row>
    <row r="857222" spans="14:14">
      <c r="N857222" s="10"/>
    </row>
    <row r="857223" spans="14:14">
      <c r="N857223" s="10"/>
    </row>
    <row r="857224" spans="14:14">
      <c r="N857224" s="10"/>
    </row>
    <row r="857225" spans="14:14">
      <c r="N857225" s="10"/>
    </row>
    <row r="857226" spans="14:14">
      <c r="N857226" s="10"/>
    </row>
    <row r="857227" spans="14:14">
      <c r="N857227" s="10"/>
    </row>
    <row r="857228" spans="14:14">
      <c r="N857228" s="10"/>
    </row>
    <row r="857229" spans="14:14">
      <c r="N857229" s="10"/>
    </row>
    <row r="857230" spans="14:14">
      <c r="N857230" s="10"/>
    </row>
    <row r="857231" spans="14:14">
      <c r="N857231" s="10"/>
    </row>
    <row r="857232" spans="14:14">
      <c r="N857232" s="10"/>
    </row>
    <row r="857233" spans="14:14">
      <c r="N857233" s="10"/>
    </row>
    <row r="857234" spans="14:14">
      <c r="N857234" s="10"/>
    </row>
    <row r="857235" spans="14:14">
      <c r="N857235" s="10"/>
    </row>
    <row r="857236" spans="14:14">
      <c r="N857236" s="10"/>
    </row>
    <row r="857237" spans="14:14">
      <c r="N857237" s="10"/>
    </row>
    <row r="857238" spans="14:14">
      <c r="N857238" s="10"/>
    </row>
    <row r="857239" spans="14:14">
      <c r="N857239" s="10"/>
    </row>
    <row r="857240" spans="14:14">
      <c r="N857240" s="10"/>
    </row>
    <row r="857241" spans="14:14">
      <c r="N857241" s="10"/>
    </row>
    <row r="857242" spans="14:14">
      <c r="N857242" s="10"/>
    </row>
    <row r="857243" spans="14:14">
      <c r="N857243" s="10"/>
    </row>
    <row r="857244" spans="14:14">
      <c r="N857244" s="10"/>
    </row>
    <row r="857245" spans="14:14">
      <c r="N857245" s="10"/>
    </row>
    <row r="857246" spans="14:14">
      <c r="N857246" s="10"/>
    </row>
    <row r="857247" spans="14:14">
      <c r="N857247" s="10"/>
    </row>
    <row r="857248" spans="14:14">
      <c r="N857248" s="10"/>
    </row>
    <row r="857249" spans="14:14">
      <c r="N857249" s="10"/>
    </row>
    <row r="857250" spans="14:14">
      <c r="N857250" s="10"/>
    </row>
    <row r="857251" spans="14:14">
      <c r="N857251" s="10"/>
    </row>
    <row r="857252" spans="14:14">
      <c r="N857252" s="10"/>
    </row>
    <row r="857253" spans="14:14">
      <c r="N857253" s="10"/>
    </row>
    <row r="857254" spans="14:14">
      <c r="N857254" s="10"/>
    </row>
    <row r="857255" spans="14:14">
      <c r="N857255" s="10"/>
    </row>
    <row r="857256" spans="14:14">
      <c r="N857256" s="10"/>
    </row>
    <row r="857257" spans="14:14">
      <c r="N857257" s="10"/>
    </row>
    <row r="857258" spans="14:14">
      <c r="N857258" s="10"/>
    </row>
    <row r="857259" spans="14:14">
      <c r="N857259" s="10"/>
    </row>
    <row r="857260" spans="14:14">
      <c r="N857260" s="10"/>
    </row>
    <row r="857261" spans="14:14">
      <c r="N857261" s="10"/>
    </row>
    <row r="857262" spans="14:14">
      <c r="N857262" s="10"/>
    </row>
    <row r="857263" spans="14:14">
      <c r="N857263" s="10"/>
    </row>
    <row r="857264" spans="14:14">
      <c r="N857264" s="10"/>
    </row>
    <row r="857265" spans="14:14">
      <c r="N857265" s="10"/>
    </row>
    <row r="857266" spans="14:14">
      <c r="N857266" s="10"/>
    </row>
    <row r="857267" spans="14:14">
      <c r="N857267" s="10"/>
    </row>
    <row r="857268" spans="14:14">
      <c r="N857268" s="10"/>
    </row>
    <row r="857269" spans="14:14">
      <c r="N857269" s="10"/>
    </row>
    <row r="857270" spans="14:14">
      <c r="N857270" s="10"/>
    </row>
    <row r="857271" spans="14:14">
      <c r="N857271" s="10"/>
    </row>
    <row r="857272" spans="14:14">
      <c r="N857272" s="10"/>
    </row>
    <row r="857273" spans="14:14">
      <c r="N857273" s="10"/>
    </row>
    <row r="857274" spans="14:14">
      <c r="N857274" s="10"/>
    </row>
    <row r="857275" spans="14:14">
      <c r="N857275" s="10"/>
    </row>
    <row r="857276" spans="14:14">
      <c r="N857276" s="10"/>
    </row>
    <row r="857277" spans="14:14">
      <c r="N857277" s="10"/>
    </row>
    <row r="857278" spans="14:14">
      <c r="N857278" s="10"/>
    </row>
    <row r="857279" spans="14:14">
      <c r="N857279" s="10"/>
    </row>
    <row r="857280" spans="14:14">
      <c r="N857280" s="10"/>
    </row>
    <row r="857281" spans="14:14">
      <c r="N857281" s="10"/>
    </row>
    <row r="857282" spans="14:14">
      <c r="N857282" s="10"/>
    </row>
    <row r="857283" spans="14:14">
      <c r="N857283" s="10"/>
    </row>
    <row r="857284" spans="14:14">
      <c r="N857284" s="10"/>
    </row>
    <row r="857285" spans="14:14">
      <c r="N857285" s="10"/>
    </row>
    <row r="857286" spans="14:14">
      <c r="N857286" s="10"/>
    </row>
    <row r="857287" spans="14:14">
      <c r="N857287" s="10"/>
    </row>
    <row r="857288" spans="14:14">
      <c r="N857288" s="10"/>
    </row>
    <row r="857289" spans="14:14">
      <c r="N857289" s="10"/>
    </row>
    <row r="857290" spans="14:14">
      <c r="N857290" s="10"/>
    </row>
    <row r="857291" spans="14:14">
      <c r="N857291" s="10"/>
    </row>
    <row r="857292" spans="14:14">
      <c r="N857292" s="10"/>
    </row>
    <row r="857293" spans="14:14">
      <c r="N857293" s="10"/>
    </row>
    <row r="857294" spans="14:14">
      <c r="N857294" s="10"/>
    </row>
    <row r="857295" spans="14:14">
      <c r="N857295" s="10"/>
    </row>
    <row r="857296" spans="14:14">
      <c r="N857296" s="10"/>
    </row>
    <row r="857297" spans="14:14">
      <c r="N857297" s="10"/>
    </row>
    <row r="857298" spans="14:14">
      <c r="N857298" s="10"/>
    </row>
    <row r="857299" spans="14:14">
      <c r="N857299" s="10"/>
    </row>
    <row r="857300" spans="14:14">
      <c r="N857300" s="10"/>
    </row>
    <row r="857301" spans="14:14">
      <c r="N857301" s="10"/>
    </row>
    <row r="857302" spans="14:14">
      <c r="N857302" s="10"/>
    </row>
    <row r="857303" spans="14:14">
      <c r="N857303" s="10"/>
    </row>
    <row r="857304" spans="14:14">
      <c r="N857304" s="10"/>
    </row>
    <row r="857305" spans="14:14">
      <c r="N857305" s="10"/>
    </row>
    <row r="857306" spans="14:14">
      <c r="N857306" s="10"/>
    </row>
    <row r="857307" spans="14:14">
      <c r="N857307" s="10"/>
    </row>
    <row r="857308" spans="14:14">
      <c r="N857308" s="10"/>
    </row>
    <row r="857309" spans="14:14">
      <c r="N857309" s="10"/>
    </row>
    <row r="857310" spans="14:14">
      <c r="N857310" s="10"/>
    </row>
    <row r="857311" spans="14:14">
      <c r="N857311" s="10"/>
    </row>
    <row r="857312" spans="14:14">
      <c r="N857312" s="10"/>
    </row>
    <row r="857313" spans="14:14">
      <c r="N857313" s="10"/>
    </row>
    <row r="857314" spans="14:14">
      <c r="N857314" s="10"/>
    </row>
    <row r="857315" spans="14:14">
      <c r="N857315" s="10"/>
    </row>
    <row r="857316" spans="14:14">
      <c r="N857316" s="10"/>
    </row>
    <row r="857317" spans="14:14">
      <c r="N857317" s="10"/>
    </row>
    <row r="857318" spans="14:14">
      <c r="N857318" s="10"/>
    </row>
    <row r="857319" spans="14:14">
      <c r="N857319" s="10"/>
    </row>
    <row r="857320" spans="14:14">
      <c r="N857320" s="10"/>
    </row>
    <row r="857321" spans="14:14">
      <c r="N857321" s="10"/>
    </row>
    <row r="857322" spans="14:14">
      <c r="N857322" s="10"/>
    </row>
    <row r="857323" spans="14:14">
      <c r="N857323" s="10"/>
    </row>
    <row r="857324" spans="14:14">
      <c r="N857324" s="10"/>
    </row>
    <row r="857325" spans="14:14">
      <c r="N857325" s="10"/>
    </row>
    <row r="857326" spans="14:14">
      <c r="N857326" s="10"/>
    </row>
    <row r="857327" spans="14:14">
      <c r="N857327" s="10"/>
    </row>
    <row r="857328" spans="14:14">
      <c r="N857328" s="10"/>
    </row>
    <row r="857329" spans="14:14">
      <c r="N857329" s="10"/>
    </row>
    <row r="857330" spans="14:14">
      <c r="N857330" s="10"/>
    </row>
    <row r="857331" spans="14:14">
      <c r="N857331" s="10"/>
    </row>
    <row r="857332" spans="14:14">
      <c r="N857332" s="10"/>
    </row>
    <row r="857333" spans="14:14">
      <c r="N857333" s="10"/>
    </row>
    <row r="857334" spans="14:14">
      <c r="N857334" s="10"/>
    </row>
    <row r="857335" spans="14:14">
      <c r="N857335" s="10"/>
    </row>
    <row r="857336" spans="14:14">
      <c r="N857336" s="10"/>
    </row>
    <row r="857337" spans="14:14">
      <c r="N857337" s="10"/>
    </row>
    <row r="857338" spans="14:14">
      <c r="N857338" s="10"/>
    </row>
    <row r="857339" spans="14:14">
      <c r="N857339" s="10"/>
    </row>
    <row r="857340" spans="14:14">
      <c r="N857340" s="10"/>
    </row>
    <row r="857341" spans="14:14">
      <c r="N857341" s="10"/>
    </row>
    <row r="857342" spans="14:14">
      <c r="N857342" s="10"/>
    </row>
    <row r="857343" spans="14:14">
      <c r="N857343" s="10"/>
    </row>
    <row r="857344" spans="14:14">
      <c r="N857344" s="10"/>
    </row>
    <row r="857345" spans="14:14">
      <c r="N857345" s="10"/>
    </row>
    <row r="857346" spans="14:14">
      <c r="N857346" s="10"/>
    </row>
    <row r="857347" spans="14:14">
      <c r="N857347" s="10"/>
    </row>
    <row r="857348" spans="14:14">
      <c r="N857348" s="10"/>
    </row>
    <row r="857349" spans="14:14">
      <c r="N857349" s="10"/>
    </row>
    <row r="857350" spans="14:14">
      <c r="N857350" s="10"/>
    </row>
    <row r="857351" spans="14:14">
      <c r="N857351" s="10"/>
    </row>
    <row r="857352" spans="14:14">
      <c r="N857352" s="10"/>
    </row>
    <row r="857353" spans="14:14">
      <c r="N857353" s="10"/>
    </row>
    <row r="857354" spans="14:14">
      <c r="N857354" s="10"/>
    </row>
    <row r="857355" spans="14:14">
      <c r="N857355" s="10"/>
    </row>
    <row r="857356" spans="14:14">
      <c r="N857356" s="10"/>
    </row>
    <row r="857357" spans="14:14">
      <c r="N857357" s="10"/>
    </row>
    <row r="857358" spans="14:14">
      <c r="N857358" s="10"/>
    </row>
    <row r="857359" spans="14:14">
      <c r="N857359" s="10"/>
    </row>
    <row r="857360" spans="14:14">
      <c r="N857360" s="10"/>
    </row>
    <row r="857361" spans="14:14">
      <c r="N857361" s="10"/>
    </row>
    <row r="857362" spans="14:14">
      <c r="N857362" s="10"/>
    </row>
    <row r="857363" spans="14:14">
      <c r="N857363" s="10"/>
    </row>
    <row r="857364" spans="14:14">
      <c r="N857364" s="10"/>
    </row>
    <row r="857365" spans="14:14">
      <c r="N857365" s="10"/>
    </row>
    <row r="857366" spans="14:14">
      <c r="N857366" s="10"/>
    </row>
    <row r="857367" spans="14:14">
      <c r="N857367" s="10"/>
    </row>
    <row r="857368" spans="14:14">
      <c r="N857368" s="10"/>
    </row>
    <row r="857369" spans="14:14">
      <c r="N857369" s="10"/>
    </row>
    <row r="857370" spans="14:14">
      <c r="N857370" s="10"/>
    </row>
    <row r="857371" spans="14:14">
      <c r="N857371" s="10"/>
    </row>
    <row r="857372" spans="14:14">
      <c r="N857372" s="10"/>
    </row>
    <row r="857373" spans="14:14">
      <c r="N857373" s="10"/>
    </row>
    <row r="857374" spans="14:14">
      <c r="N857374" s="10"/>
    </row>
    <row r="857375" spans="14:14">
      <c r="N857375" s="10"/>
    </row>
    <row r="857376" spans="14:14">
      <c r="N857376" s="10"/>
    </row>
    <row r="857377" spans="14:14">
      <c r="N857377" s="10"/>
    </row>
    <row r="857378" spans="14:14">
      <c r="N857378" s="10"/>
    </row>
    <row r="857379" spans="14:14">
      <c r="N857379" s="10"/>
    </row>
    <row r="857380" spans="14:14">
      <c r="N857380" s="10"/>
    </row>
    <row r="857381" spans="14:14">
      <c r="N857381" s="10"/>
    </row>
    <row r="857382" spans="14:14">
      <c r="N857382" s="10"/>
    </row>
    <row r="857383" spans="14:14">
      <c r="N857383" s="10"/>
    </row>
    <row r="857384" spans="14:14">
      <c r="N857384" s="10"/>
    </row>
    <row r="857385" spans="14:14">
      <c r="N857385" s="10"/>
    </row>
    <row r="857386" spans="14:14">
      <c r="N857386" s="10"/>
    </row>
    <row r="857387" spans="14:14">
      <c r="N857387" s="10"/>
    </row>
    <row r="857388" spans="14:14">
      <c r="N857388" s="10"/>
    </row>
    <row r="857389" spans="14:14">
      <c r="N857389" s="10"/>
    </row>
    <row r="857390" spans="14:14">
      <c r="N857390" s="10"/>
    </row>
    <row r="857391" spans="14:14">
      <c r="N857391" s="10"/>
    </row>
    <row r="857392" spans="14:14">
      <c r="N857392" s="10"/>
    </row>
    <row r="857393" spans="14:14">
      <c r="N857393" s="10"/>
    </row>
    <row r="857394" spans="14:14">
      <c r="N857394" s="10"/>
    </row>
    <row r="857395" spans="14:14">
      <c r="N857395" s="10"/>
    </row>
    <row r="857396" spans="14:14">
      <c r="N857396" s="10"/>
    </row>
    <row r="857397" spans="14:14">
      <c r="N857397" s="10"/>
    </row>
    <row r="857398" spans="14:14">
      <c r="N857398" s="10"/>
    </row>
    <row r="857399" spans="14:14">
      <c r="N857399" s="10"/>
    </row>
    <row r="857400" spans="14:14">
      <c r="N857400" s="10"/>
    </row>
    <row r="857401" spans="14:14">
      <c r="N857401" s="10"/>
    </row>
    <row r="857402" spans="14:14">
      <c r="N857402" s="10"/>
    </row>
    <row r="857403" spans="14:14">
      <c r="N857403" s="10"/>
    </row>
    <row r="857404" spans="14:14">
      <c r="N857404" s="10"/>
    </row>
    <row r="857405" spans="14:14">
      <c r="N857405" s="10"/>
    </row>
    <row r="857406" spans="14:14">
      <c r="N857406" s="10"/>
    </row>
    <row r="857407" spans="14:14">
      <c r="N857407" s="10"/>
    </row>
    <row r="857408" spans="14:14">
      <c r="N857408" s="10"/>
    </row>
    <row r="857409" spans="14:14">
      <c r="N857409" s="10"/>
    </row>
    <row r="857410" spans="14:14">
      <c r="N857410" s="10"/>
    </row>
    <row r="857411" spans="14:14">
      <c r="N857411" s="10"/>
    </row>
    <row r="857412" spans="14:14">
      <c r="N857412" s="10"/>
    </row>
    <row r="857413" spans="14:14">
      <c r="N857413" s="10"/>
    </row>
    <row r="857414" spans="14:14">
      <c r="N857414" s="10"/>
    </row>
    <row r="857415" spans="14:14">
      <c r="N857415" s="10"/>
    </row>
    <row r="857416" spans="14:14">
      <c r="N857416" s="10"/>
    </row>
    <row r="857417" spans="14:14">
      <c r="N857417" s="10"/>
    </row>
    <row r="857418" spans="14:14">
      <c r="N857418" s="10"/>
    </row>
    <row r="857419" spans="14:14">
      <c r="N857419" s="10"/>
    </row>
    <row r="857420" spans="14:14">
      <c r="N857420" s="10"/>
    </row>
    <row r="857421" spans="14:14">
      <c r="N857421" s="10"/>
    </row>
    <row r="857422" spans="14:14">
      <c r="N857422" s="10"/>
    </row>
    <row r="857423" spans="14:14">
      <c r="N857423" s="10"/>
    </row>
    <row r="857424" spans="14:14">
      <c r="N857424" s="10"/>
    </row>
    <row r="857425" spans="14:14">
      <c r="N857425" s="10"/>
    </row>
    <row r="857426" spans="14:14">
      <c r="N857426" s="10"/>
    </row>
    <row r="857427" spans="14:14">
      <c r="N857427" s="10"/>
    </row>
    <row r="857428" spans="14:14">
      <c r="N857428" s="10"/>
    </row>
    <row r="857429" spans="14:14">
      <c r="N857429" s="10"/>
    </row>
    <row r="857430" spans="14:14">
      <c r="N857430" s="10"/>
    </row>
    <row r="857431" spans="14:14">
      <c r="N857431" s="10"/>
    </row>
    <row r="857432" spans="14:14">
      <c r="N857432" s="10"/>
    </row>
    <row r="857433" spans="14:14">
      <c r="N857433" s="10"/>
    </row>
    <row r="857434" spans="14:14">
      <c r="N857434" s="10"/>
    </row>
    <row r="857435" spans="14:14">
      <c r="N857435" s="10"/>
    </row>
    <row r="857436" spans="14:14">
      <c r="N857436" s="10"/>
    </row>
    <row r="857437" spans="14:14">
      <c r="N857437" s="10"/>
    </row>
    <row r="857438" spans="14:14">
      <c r="N857438" s="10"/>
    </row>
    <row r="857439" spans="14:14">
      <c r="N857439" s="10"/>
    </row>
    <row r="857440" spans="14:14">
      <c r="N857440" s="10"/>
    </row>
    <row r="857441" spans="14:14">
      <c r="N857441" s="10"/>
    </row>
    <row r="857442" spans="14:14">
      <c r="N857442" s="10"/>
    </row>
    <row r="857443" spans="14:14">
      <c r="N857443" s="10"/>
    </row>
    <row r="857444" spans="14:14">
      <c r="N857444" s="10"/>
    </row>
    <row r="857445" spans="14:14">
      <c r="N857445" s="10"/>
    </row>
    <row r="857446" spans="14:14">
      <c r="N857446" s="10"/>
    </row>
    <row r="857447" spans="14:14">
      <c r="N857447" s="10"/>
    </row>
    <row r="857448" spans="14:14">
      <c r="N857448" s="10"/>
    </row>
    <row r="857449" spans="14:14">
      <c r="N857449" s="10"/>
    </row>
    <row r="857450" spans="14:14">
      <c r="N857450" s="10"/>
    </row>
    <row r="857451" spans="14:14">
      <c r="N857451" s="10"/>
    </row>
    <row r="857452" spans="14:14">
      <c r="N857452" s="10"/>
    </row>
    <row r="857453" spans="14:14">
      <c r="N857453" s="10"/>
    </row>
    <row r="857454" spans="14:14">
      <c r="N857454" s="10"/>
    </row>
    <row r="857455" spans="14:14">
      <c r="N857455" s="10"/>
    </row>
    <row r="857456" spans="14:14">
      <c r="N857456" s="10"/>
    </row>
    <row r="857457" spans="14:14">
      <c r="N857457" s="10"/>
    </row>
    <row r="857458" spans="14:14">
      <c r="N857458" s="10"/>
    </row>
    <row r="857459" spans="14:14">
      <c r="N857459" s="10"/>
    </row>
    <row r="857460" spans="14:14">
      <c r="N857460" s="10"/>
    </row>
    <row r="857461" spans="14:14">
      <c r="N857461" s="10"/>
    </row>
    <row r="857462" spans="14:14">
      <c r="N857462" s="10"/>
    </row>
    <row r="857463" spans="14:14">
      <c r="N857463" s="10"/>
    </row>
    <row r="857464" spans="14:14">
      <c r="N857464" s="10"/>
    </row>
    <row r="857465" spans="14:14">
      <c r="N857465" s="10"/>
    </row>
    <row r="857466" spans="14:14">
      <c r="N857466" s="10"/>
    </row>
    <row r="857467" spans="14:14">
      <c r="N857467" s="10"/>
    </row>
    <row r="857468" spans="14:14">
      <c r="N857468" s="10"/>
    </row>
    <row r="857469" spans="14:14">
      <c r="N857469" s="10"/>
    </row>
    <row r="857470" spans="14:14">
      <c r="N857470" s="10"/>
    </row>
    <row r="857471" spans="14:14">
      <c r="N857471" s="10"/>
    </row>
    <row r="857472" spans="14:14">
      <c r="N857472" s="10"/>
    </row>
    <row r="857473" spans="14:14">
      <c r="N857473" s="10"/>
    </row>
    <row r="857474" spans="14:14">
      <c r="N857474" s="10"/>
    </row>
    <row r="857475" spans="14:14">
      <c r="N857475" s="10"/>
    </row>
    <row r="857476" spans="14:14">
      <c r="N857476" s="10"/>
    </row>
    <row r="857477" spans="14:14">
      <c r="N857477" s="10"/>
    </row>
    <row r="857478" spans="14:14">
      <c r="N857478" s="10"/>
    </row>
    <row r="857479" spans="14:14">
      <c r="N857479" s="10"/>
    </row>
    <row r="857480" spans="14:14">
      <c r="N857480" s="10"/>
    </row>
    <row r="857481" spans="14:14">
      <c r="N857481" s="10"/>
    </row>
    <row r="857482" spans="14:14">
      <c r="N857482" s="10"/>
    </row>
    <row r="857483" spans="14:14">
      <c r="N857483" s="10"/>
    </row>
    <row r="857484" spans="14:14">
      <c r="N857484" s="10"/>
    </row>
    <row r="857485" spans="14:14">
      <c r="N857485" s="10"/>
    </row>
    <row r="857486" spans="14:14">
      <c r="N857486" s="10"/>
    </row>
    <row r="857487" spans="14:14">
      <c r="N857487" s="10"/>
    </row>
    <row r="857488" spans="14:14">
      <c r="N857488" s="10"/>
    </row>
    <row r="857489" spans="14:14">
      <c r="N857489" s="10"/>
    </row>
    <row r="857490" spans="14:14">
      <c r="N857490" s="10"/>
    </row>
    <row r="857491" spans="14:14">
      <c r="N857491" s="10"/>
    </row>
    <row r="857492" spans="14:14">
      <c r="N857492" s="10"/>
    </row>
    <row r="857493" spans="14:14">
      <c r="N857493" s="10"/>
    </row>
    <row r="857494" spans="14:14">
      <c r="N857494" s="10"/>
    </row>
    <row r="857495" spans="14:14">
      <c r="N857495" s="10"/>
    </row>
    <row r="857496" spans="14:14">
      <c r="N857496" s="10"/>
    </row>
    <row r="857497" spans="14:14">
      <c r="N857497" s="10"/>
    </row>
    <row r="857498" spans="14:14">
      <c r="N857498" s="10"/>
    </row>
    <row r="857499" spans="14:14">
      <c r="N857499" s="10"/>
    </row>
    <row r="857500" spans="14:14">
      <c r="N857500" s="10"/>
    </row>
    <row r="857501" spans="14:14">
      <c r="N857501" s="10"/>
    </row>
    <row r="857502" spans="14:14">
      <c r="N857502" s="10"/>
    </row>
    <row r="857503" spans="14:14">
      <c r="N857503" s="10"/>
    </row>
    <row r="857504" spans="14:14">
      <c r="N857504" s="10"/>
    </row>
    <row r="857505" spans="14:14">
      <c r="N857505" s="10"/>
    </row>
    <row r="857506" spans="14:14">
      <c r="N857506" s="10"/>
    </row>
    <row r="857507" spans="14:14">
      <c r="N857507" s="10"/>
    </row>
    <row r="857508" spans="14:14">
      <c r="N857508" s="10"/>
    </row>
    <row r="857509" spans="14:14">
      <c r="N857509" s="10"/>
    </row>
    <row r="857510" spans="14:14">
      <c r="N857510" s="10"/>
    </row>
    <row r="857511" spans="14:14">
      <c r="N857511" s="10"/>
    </row>
    <row r="857512" spans="14:14">
      <c r="N857512" s="10"/>
    </row>
    <row r="857513" spans="14:14">
      <c r="N857513" s="10"/>
    </row>
    <row r="857514" spans="14:14">
      <c r="N857514" s="10"/>
    </row>
    <row r="857515" spans="14:14">
      <c r="N857515" s="10"/>
    </row>
    <row r="857516" spans="14:14">
      <c r="N857516" s="10"/>
    </row>
    <row r="857517" spans="14:14">
      <c r="N857517" s="10"/>
    </row>
    <row r="857518" spans="14:14">
      <c r="N857518" s="10"/>
    </row>
    <row r="857519" spans="14:14">
      <c r="N857519" s="10"/>
    </row>
    <row r="857520" spans="14:14">
      <c r="N857520" s="10"/>
    </row>
    <row r="857521" spans="14:14">
      <c r="N857521" s="10"/>
    </row>
    <row r="857522" spans="14:14">
      <c r="N857522" s="10"/>
    </row>
    <row r="857523" spans="14:14">
      <c r="N857523" s="10"/>
    </row>
    <row r="857524" spans="14:14">
      <c r="N857524" s="10"/>
    </row>
    <row r="857525" spans="14:14">
      <c r="N857525" s="10"/>
    </row>
    <row r="857526" spans="14:14">
      <c r="N857526" s="10"/>
    </row>
    <row r="857527" spans="14:14">
      <c r="N857527" s="10"/>
    </row>
    <row r="857528" spans="14:14">
      <c r="N857528" s="10"/>
    </row>
    <row r="857529" spans="14:14">
      <c r="N857529" s="10"/>
    </row>
    <row r="857530" spans="14:14">
      <c r="N857530" s="10"/>
    </row>
    <row r="857531" spans="14:14">
      <c r="N857531" s="10"/>
    </row>
    <row r="857532" spans="14:14">
      <c r="N857532" s="10"/>
    </row>
    <row r="857533" spans="14:14">
      <c r="N857533" s="10"/>
    </row>
    <row r="857534" spans="14:14">
      <c r="N857534" s="10"/>
    </row>
    <row r="857535" spans="14:14">
      <c r="N857535" s="10"/>
    </row>
    <row r="857536" spans="14:14">
      <c r="N857536" s="10"/>
    </row>
    <row r="857537" spans="14:14">
      <c r="N857537" s="10"/>
    </row>
    <row r="857538" spans="14:14">
      <c r="N857538" s="10"/>
    </row>
    <row r="857539" spans="14:14">
      <c r="N857539" s="10"/>
    </row>
    <row r="857540" spans="14:14">
      <c r="N857540" s="10"/>
    </row>
    <row r="857541" spans="14:14">
      <c r="N857541" s="10"/>
    </row>
    <row r="857542" spans="14:14">
      <c r="N857542" s="10"/>
    </row>
    <row r="857543" spans="14:14">
      <c r="N857543" s="10"/>
    </row>
    <row r="857544" spans="14:14">
      <c r="N857544" s="10"/>
    </row>
    <row r="857545" spans="14:14">
      <c r="N857545" s="10"/>
    </row>
    <row r="857546" spans="14:14">
      <c r="N857546" s="10"/>
    </row>
    <row r="857547" spans="14:14">
      <c r="N857547" s="10"/>
    </row>
    <row r="857548" spans="14:14">
      <c r="N857548" s="10"/>
    </row>
    <row r="857549" spans="14:14">
      <c r="N857549" s="10"/>
    </row>
    <row r="857550" spans="14:14">
      <c r="N857550" s="10"/>
    </row>
    <row r="857551" spans="14:14">
      <c r="N857551" s="10"/>
    </row>
    <row r="857552" spans="14:14">
      <c r="N857552" s="10"/>
    </row>
    <row r="857553" spans="14:14">
      <c r="N857553" s="10"/>
    </row>
    <row r="857554" spans="14:14">
      <c r="N857554" s="10"/>
    </row>
    <row r="857555" spans="14:14">
      <c r="N857555" s="10"/>
    </row>
    <row r="857556" spans="14:14">
      <c r="N857556" s="10"/>
    </row>
    <row r="857557" spans="14:14">
      <c r="N857557" s="10"/>
    </row>
    <row r="857558" spans="14:14">
      <c r="N857558" s="10"/>
    </row>
    <row r="857559" spans="14:14">
      <c r="N857559" s="10"/>
    </row>
    <row r="857560" spans="14:14">
      <c r="N857560" s="10"/>
    </row>
    <row r="857561" spans="14:14">
      <c r="N857561" s="10"/>
    </row>
    <row r="857562" spans="14:14">
      <c r="N857562" s="10"/>
    </row>
    <row r="857563" spans="14:14">
      <c r="N857563" s="10"/>
    </row>
    <row r="857564" spans="14:14">
      <c r="N857564" s="10"/>
    </row>
    <row r="857565" spans="14:14">
      <c r="N857565" s="10"/>
    </row>
    <row r="857566" spans="14:14">
      <c r="N857566" s="10"/>
    </row>
    <row r="857567" spans="14:14">
      <c r="N857567" s="10"/>
    </row>
    <row r="857568" spans="14:14">
      <c r="N857568" s="10"/>
    </row>
    <row r="857569" spans="14:14">
      <c r="N857569" s="10"/>
    </row>
    <row r="857570" spans="14:14">
      <c r="N857570" s="10"/>
    </row>
    <row r="857571" spans="14:14">
      <c r="N857571" s="10"/>
    </row>
    <row r="857572" spans="14:14">
      <c r="N857572" s="10"/>
    </row>
    <row r="857573" spans="14:14">
      <c r="N857573" s="10"/>
    </row>
    <row r="857574" spans="14:14">
      <c r="N857574" s="10"/>
    </row>
    <row r="857575" spans="14:14">
      <c r="N857575" s="10"/>
    </row>
    <row r="857576" spans="14:14">
      <c r="N857576" s="10"/>
    </row>
    <row r="857577" spans="14:14">
      <c r="N857577" s="10"/>
    </row>
    <row r="857578" spans="14:14">
      <c r="N857578" s="10"/>
    </row>
    <row r="857579" spans="14:14">
      <c r="N857579" s="10"/>
    </row>
    <row r="857580" spans="14:14">
      <c r="N857580" s="10"/>
    </row>
    <row r="857581" spans="14:14">
      <c r="N857581" s="10"/>
    </row>
    <row r="857582" spans="14:14">
      <c r="N857582" s="10"/>
    </row>
    <row r="857583" spans="14:14">
      <c r="N857583" s="10"/>
    </row>
    <row r="857584" spans="14:14">
      <c r="N857584" s="10"/>
    </row>
    <row r="857585" spans="14:14">
      <c r="N857585" s="10"/>
    </row>
    <row r="857586" spans="14:14">
      <c r="N857586" s="10"/>
    </row>
    <row r="857587" spans="14:14">
      <c r="N857587" s="10"/>
    </row>
    <row r="857588" spans="14:14">
      <c r="N857588" s="10"/>
    </row>
    <row r="857589" spans="14:14">
      <c r="N857589" s="10"/>
    </row>
    <row r="857590" spans="14:14">
      <c r="N857590" s="10"/>
    </row>
    <row r="857591" spans="14:14">
      <c r="N857591" s="10"/>
    </row>
    <row r="857592" spans="14:14">
      <c r="N857592" s="10"/>
    </row>
    <row r="857593" spans="14:14">
      <c r="N857593" s="10"/>
    </row>
    <row r="857594" spans="14:14">
      <c r="N857594" s="10"/>
    </row>
    <row r="857595" spans="14:14">
      <c r="N857595" s="10"/>
    </row>
    <row r="857596" spans="14:14">
      <c r="N857596" s="10"/>
    </row>
    <row r="857597" spans="14:14">
      <c r="N857597" s="10"/>
    </row>
    <row r="857598" spans="14:14">
      <c r="N857598" s="10"/>
    </row>
    <row r="857599" spans="14:14">
      <c r="N857599" s="10"/>
    </row>
    <row r="857600" spans="14:14">
      <c r="N857600" s="10"/>
    </row>
    <row r="857601" spans="14:14">
      <c r="N857601" s="10"/>
    </row>
    <row r="857602" spans="14:14">
      <c r="N857602" s="10"/>
    </row>
    <row r="857603" spans="14:14">
      <c r="N857603" s="10"/>
    </row>
    <row r="857604" spans="14:14">
      <c r="N857604" s="10"/>
    </row>
    <row r="857605" spans="14:14">
      <c r="N857605" s="10"/>
    </row>
    <row r="857606" spans="14:14">
      <c r="N857606" s="10"/>
    </row>
    <row r="857607" spans="14:14">
      <c r="N857607" s="10"/>
    </row>
    <row r="857608" spans="14:14">
      <c r="N857608" s="10"/>
    </row>
    <row r="857609" spans="14:14">
      <c r="N857609" s="10"/>
    </row>
    <row r="857610" spans="14:14">
      <c r="N857610" s="10"/>
    </row>
    <row r="857611" spans="14:14">
      <c r="N857611" s="10"/>
    </row>
    <row r="857612" spans="14:14">
      <c r="N857612" s="10"/>
    </row>
    <row r="857613" spans="14:14">
      <c r="N857613" s="10"/>
    </row>
    <row r="857614" spans="14:14">
      <c r="N857614" s="10"/>
    </row>
    <row r="857615" spans="14:14">
      <c r="N857615" s="10"/>
    </row>
    <row r="857616" spans="14:14">
      <c r="N857616" s="10"/>
    </row>
    <row r="857617" spans="14:14">
      <c r="N857617" s="10"/>
    </row>
    <row r="857618" spans="14:14">
      <c r="N857618" s="10"/>
    </row>
    <row r="857619" spans="14:14">
      <c r="N857619" s="10"/>
    </row>
    <row r="857620" spans="14:14">
      <c r="N857620" s="10"/>
    </row>
    <row r="857621" spans="14:14">
      <c r="N857621" s="10"/>
    </row>
    <row r="857622" spans="14:14">
      <c r="N857622" s="10"/>
    </row>
    <row r="857623" spans="14:14">
      <c r="N857623" s="10"/>
    </row>
    <row r="857624" spans="14:14">
      <c r="N857624" s="10"/>
    </row>
    <row r="857625" spans="14:14">
      <c r="N857625" s="10"/>
    </row>
    <row r="857626" spans="14:14">
      <c r="N857626" s="10"/>
    </row>
    <row r="857627" spans="14:14">
      <c r="N857627" s="10"/>
    </row>
    <row r="857628" spans="14:14">
      <c r="N857628" s="10"/>
    </row>
    <row r="857629" spans="14:14">
      <c r="N857629" s="10"/>
    </row>
    <row r="857630" spans="14:14">
      <c r="N857630" s="10"/>
    </row>
    <row r="857631" spans="14:14">
      <c r="N857631" s="10"/>
    </row>
    <row r="857632" spans="14:14">
      <c r="N857632" s="10"/>
    </row>
    <row r="857633" spans="14:14">
      <c r="N857633" s="10"/>
    </row>
    <row r="857634" spans="14:14">
      <c r="N857634" s="10"/>
    </row>
    <row r="857635" spans="14:14">
      <c r="N857635" s="10"/>
    </row>
    <row r="857636" spans="14:14">
      <c r="N857636" s="10"/>
    </row>
    <row r="857637" spans="14:14">
      <c r="N857637" s="10"/>
    </row>
    <row r="857638" spans="14:14">
      <c r="N857638" s="10"/>
    </row>
    <row r="857639" spans="14:14">
      <c r="N857639" s="10"/>
    </row>
    <row r="857640" spans="14:14">
      <c r="N857640" s="10"/>
    </row>
    <row r="857641" spans="14:14">
      <c r="N857641" s="10"/>
    </row>
    <row r="857642" spans="14:14">
      <c r="N857642" s="10"/>
    </row>
    <row r="857643" spans="14:14">
      <c r="N857643" s="10"/>
    </row>
    <row r="857644" spans="14:14">
      <c r="N857644" s="10"/>
    </row>
    <row r="857645" spans="14:14">
      <c r="N857645" s="10"/>
    </row>
    <row r="857646" spans="14:14">
      <c r="N857646" s="10"/>
    </row>
    <row r="857647" spans="14:14">
      <c r="N857647" s="10"/>
    </row>
    <row r="857648" spans="14:14">
      <c r="N857648" s="10"/>
    </row>
    <row r="857649" spans="14:14">
      <c r="N857649" s="10"/>
    </row>
    <row r="857650" spans="14:14">
      <c r="N857650" s="10"/>
    </row>
    <row r="857651" spans="14:14">
      <c r="N857651" s="10"/>
    </row>
    <row r="857652" spans="14:14">
      <c r="N857652" s="10"/>
    </row>
    <row r="857653" spans="14:14">
      <c r="N857653" s="10"/>
    </row>
    <row r="857654" spans="14:14">
      <c r="N857654" s="10"/>
    </row>
    <row r="857655" spans="14:14">
      <c r="N857655" s="10"/>
    </row>
    <row r="857656" spans="14:14">
      <c r="N857656" s="10"/>
    </row>
    <row r="857657" spans="14:14">
      <c r="N857657" s="10"/>
    </row>
    <row r="857658" spans="14:14">
      <c r="N857658" s="10"/>
    </row>
    <row r="857659" spans="14:14">
      <c r="N857659" s="10"/>
    </row>
    <row r="857660" spans="14:14">
      <c r="N857660" s="10"/>
    </row>
    <row r="857661" spans="14:14">
      <c r="N857661" s="10"/>
    </row>
    <row r="857662" spans="14:14">
      <c r="N857662" s="10"/>
    </row>
    <row r="857663" spans="14:14">
      <c r="N857663" s="10"/>
    </row>
    <row r="857664" spans="14:14">
      <c r="N857664" s="10"/>
    </row>
    <row r="857665" spans="14:14">
      <c r="N857665" s="10"/>
    </row>
    <row r="857666" spans="14:14">
      <c r="N857666" s="10"/>
    </row>
    <row r="857667" spans="14:14">
      <c r="N857667" s="10"/>
    </row>
    <row r="857668" spans="14:14">
      <c r="N857668" s="10"/>
    </row>
    <row r="857669" spans="14:14">
      <c r="N857669" s="10"/>
    </row>
    <row r="857670" spans="14:14">
      <c r="N857670" s="10"/>
    </row>
    <row r="857671" spans="14:14">
      <c r="N857671" s="10"/>
    </row>
    <row r="857672" spans="14:14">
      <c r="N857672" s="10"/>
    </row>
    <row r="857673" spans="14:14">
      <c r="N857673" s="10"/>
    </row>
    <row r="857674" spans="14:14">
      <c r="N857674" s="10"/>
    </row>
    <row r="857675" spans="14:14">
      <c r="N857675" s="10"/>
    </row>
    <row r="857676" spans="14:14">
      <c r="N857676" s="10"/>
    </row>
    <row r="857677" spans="14:14">
      <c r="N857677" s="10"/>
    </row>
    <row r="857678" spans="14:14">
      <c r="N857678" s="10"/>
    </row>
    <row r="857679" spans="14:14">
      <c r="N857679" s="10"/>
    </row>
    <row r="857680" spans="14:14">
      <c r="N857680" s="10"/>
    </row>
    <row r="857681" spans="14:14">
      <c r="N857681" s="10"/>
    </row>
    <row r="857682" spans="14:14">
      <c r="N857682" s="10"/>
    </row>
    <row r="857683" spans="14:14">
      <c r="N857683" s="10"/>
    </row>
    <row r="857684" spans="14:14">
      <c r="N857684" s="10"/>
    </row>
    <row r="857685" spans="14:14">
      <c r="N857685" s="10"/>
    </row>
    <row r="857686" spans="14:14">
      <c r="N857686" s="10"/>
    </row>
    <row r="857687" spans="14:14">
      <c r="N857687" s="10"/>
    </row>
    <row r="857688" spans="14:14">
      <c r="N857688" s="10"/>
    </row>
    <row r="857689" spans="14:14">
      <c r="N857689" s="10"/>
    </row>
    <row r="857690" spans="14:14">
      <c r="N857690" s="10"/>
    </row>
    <row r="857691" spans="14:14">
      <c r="N857691" s="10"/>
    </row>
    <row r="857692" spans="14:14">
      <c r="N857692" s="10"/>
    </row>
    <row r="857693" spans="14:14">
      <c r="N857693" s="10"/>
    </row>
    <row r="857694" spans="14:14">
      <c r="N857694" s="10"/>
    </row>
    <row r="857695" spans="14:14">
      <c r="N857695" s="10"/>
    </row>
    <row r="857696" spans="14:14">
      <c r="N857696" s="10"/>
    </row>
    <row r="857697" spans="14:14">
      <c r="N857697" s="10"/>
    </row>
    <row r="857698" spans="14:14">
      <c r="N857698" s="10"/>
    </row>
    <row r="857699" spans="14:14">
      <c r="N857699" s="10"/>
    </row>
    <row r="857700" spans="14:14">
      <c r="N857700" s="10"/>
    </row>
    <row r="857701" spans="14:14">
      <c r="N857701" s="10"/>
    </row>
    <row r="857702" spans="14:14">
      <c r="N857702" s="10"/>
    </row>
    <row r="857703" spans="14:14">
      <c r="N857703" s="10"/>
    </row>
    <row r="857704" spans="14:14">
      <c r="N857704" s="10"/>
    </row>
    <row r="857705" spans="14:14">
      <c r="N857705" s="10"/>
    </row>
    <row r="857706" spans="14:14">
      <c r="N857706" s="10"/>
    </row>
    <row r="857707" spans="14:14">
      <c r="N857707" s="10"/>
    </row>
    <row r="857708" spans="14:14">
      <c r="N857708" s="10"/>
    </row>
    <row r="857709" spans="14:14">
      <c r="N857709" s="10"/>
    </row>
    <row r="857710" spans="14:14">
      <c r="N857710" s="10"/>
    </row>
    <row r="857711" spans="14:14">
      <c r="N857711" s="10"/>
    </row>
    <row r="857712" spans="14:14">
      <c r="N857712" s="10"/>
    </row>
    <row r="857713" spans="14:14">
      <c r="N857713" s="10"/>
    </row>
    <row r="857714" spans="14:14">
      <c r="N857714" s="10"/>
    </row>
    <row r="857715" spans="14:14">
      <c r="N857715" s="10"/>
    </row>
    <row r="857716" spans="14:14">
      <c r="N857716" s="10"/>
    </row>
    <row r="857717" spans="14:14">
      <c r="N857717" s="10"/>
    </row>
    <row r="857718" spans="14:14">
      <c r="N857718" s="10"/>
    </row>
    <row r="857719" spans="14:14">
      <c r="N857719" s="10"/>
    </row>
    <row r="857720" spans="14:14">
      <c r="N857720" s="10"/>
    </row>
    <row r="857721" spans="14:14">
      <c r="N857721" s="10"/>
    </row>
    <row r="857722" spans="14:14">
      <c r="N857722" s="10"/>
    </row>
    <row r="857723" spans="14:14">
      <c r="N857723" s="10"/>
    </row>
    <row r="857724" spans="14:14">
      <c r="N857724" s="10"/>
    </row>
    <row r="857725" spans="14:14">
      <c r="N857725" s="10"/>
    </row>
    <row r="857726" spans="14:14">
      <c r="N857726" s="10"/>
    </row>
    <row r="857727" spans="14:14">
      <c r="N857727" s="10"/>
    </row>
    <row r="857728" spans="14:14">
      <c r="N857728" s="10"/>
    </row>
    <row r="857729" spans="14:14">
      <c r="N857729" s="10"/>
    </row>
    <row r="857730" spans="14:14">
      <c r="N857730" s="10"/>
    </row>
    <row r="857731" spans="14:14">
      <c r="N857731" s="10"/>
    </row>
    <row r="857732" spans="14:14">
      <c r="N857732" s="10"/>
    </row>
    <row r="857733" spans="14:14">
      <c r="N857733" s="10"/>
    </row>
    <row r="857734" spans="14:14">
      <c r="N857734" s="10"/>
    </row>
    <row r="857735" spans="14:14">
      <c r="N857735" s="10"/>
    </row>
    <row r="857736" spans="14:14">
      <c r="N857736" s="10"/>
    </row>
    <row r="857737" spans="14:14">
      <c r="N857737" s="10"/>
    </row>
    <row r="857738" spans="14:14">
      <c r="N857738" s="10"/>
    </row>
    <row r="857739" spans="14:14">
      <c r="N857739" s="10"/>
    </row>
    <row r="857740" spans="14:14">
      <c r="N857740" s="10"/>
    </row>
    <row r="857741" spans="14:14">
      <c r="N857741" s="10"/>
    </row>
    <row r="857742" spans="14:14">
      <c r="N857742" s="10"/>
    </row>
    <row r="857743" spans="14:14">
      <c r="N857743" s="10"/>
    </row>
    <row r="857744" spans="14:14">
      <c r="N857744" s="10"/>
    </row>
    <row r="857745" spans="14:14">
      <c r="N857745" s="10"/>
    </row>
    <row r="857746" spans="14:14">
      <c r="N857746" s="10"/>
    </row>
    <row r="857747" spans="14:14">
      <c r="N857747" s="10"/>
    </row>
    <row r="857748" spans="14:14">
      <c r="N857748" s="10"/>
    </row>
    <row r="857749" spans="14:14">
      <c r="N857749" s="10"/>
    </row>
    <row r="857750" spans="14:14">
      <c r="N857750" s="10"/>
    </row>
    <row r="857751" spans="14:14">
      <c r="N857751" s="10"/>
    </row>
    <row r="857752" spans="14:14">
      <c r="N857752" s="10"/>
    </row>
    <row r="857753" spans="14:14">
      <c r="N857753" s="10"/>
    </row>
    <row r="857754" spans="14:14">
      <c r="N857754" s="10"/>
    </row>
    <row r="857755" spans="14:14">
      <c r="N857755" s="10"/>
    </row>
    <row r="857756" spans="14:14">
      <c r="N857756" s="10"/>
    </row>
    <row r="857757" spans="14:14">
      <c r="N857757" s="10"/>
    </row>
    <row r="857758" spans="14:14">
      <c r="N857758" s="10"/>
    </row>
    <row r="857759" spans="14:14">
      <c r="N857759" s="10"/>
    </row>
    <row r="857760" spans="14:14">
      <c r="N857760" s="10"/>
    </row>
    <row r="857761" spans="14:14">
      <c r="N857761" s="10"/>
    </row>
    <row r="857762" spans="14:14">
      <c r="N857762" s="10"/>
    </row>
    <row r="857763" spans="14:14">
      <c r="N857763" s="10"/>
    </row>
    <row r="857764" spans="14:14">
      <c r="N857764" s="10"/>
    </row>
    <row r="857765" spans="14:14">
      <c r="N857765" s="10"/>
    </row>
    <row r="857766" spans="14:14">
      <c r="N857766" s="10"/>
    </row>
    <row r="857767" spans="14:14">
      <c r="N857767" s="10"/>
    </row>
    <row r="857768" spans="14:14">
      <c r="N857768" s="10"/>
    </row>
    <row r="857769" spans="14:14">
      <c r="N857769" s="10"/>
    </row>
    <row r="857770" spans="14:14">
      <c r="N857770" s="10"/>
    </row>
    <row r="857771" spans="14:14">
      <c r="N857771" s="10"/>
    </row>
    <row r="857772" spans="14:14">
      <c r="N857772" s="10"/>
    </row>
    <row r="857773" spans="14:14">
      <c r="N857773" s="10"/>
    </row>
    <row r="857774" spans="14:14">
      <c r="N857774" s="10"/>
    </row>
    <row r="857775" spans="14:14">
      <c r="N857775" s="10"/>
    </row>
    <row r="857776" spans="14:14">
      <c r="N857776" s="10"/>
    </row>
    <row r="857777" spans="14:14">
      <c r="N857777" s="10"/>
    </row>
    <row r="857778" spans="14:14">
      <c r="N857778" s="10"/>
    </row>
    <row r="857779" spans="14:14">
      <c r="N857779" s="10"/>
    </row>
    <row r="857780" spans="14:14">
      <c r="N857780" s="10"/>
    </row>
    <row r="857781" spans="14:14">
      <c r="N857781" s="10"/>
    </row>
    <row r="857782" spans="14:14">
      <c r="N857782" s="10"/>
    </row>
    <row r="857783" spans="14:14">
      <c r="N857783" s="10"/>
    </row>
    <row r="857784" spans="14:14">
      <c r="N857784" s="10"/>
    </row>
    <row r="857785" spans="14:14">
      <c r="N857785" s="10"/>
    </row>
    <row r="857786" spans="14:14">
      <c r="N857786" s="10"/>
    </row>
    <row r="857787" spans="14:14">
      <c r="N857787" s="10"/>
    </row>
    <row r="857788" spans="14:14">
      <c r="N857788" s="10"/>
    </row>
    <row r="857789" spans="14:14">
      <c r="N857789" s="10"/>
    </row>
    <row r="857790" spans="14:14">
      <c r="N857790" s="10"/>
    </row>
    <row r="857791" spans="14:14">
      <c r="N857791" s="10"/>
    </row>
    <row r="857792" spans="14:14">
      <c r="N857792" s="10"/>
    </row>
    <row r="857793" spans="14:14">
      <c r="N857793" s="10"/>
    </row>
    <row r="857794" spans="14:14">
      <c r="N857794" s="10"/>
    </row>
    <row r="857795" spans="14:14">
      <c r="N857795" s="10"/>
    </row>
    <row r="857796" spans="14:14">
      <c r="N857796" s="10"/>
    </row>
    <row r="857797" spans="14:14">
      <c r="N857797" s="10"/>
    </row>
    <row r="857798" spans="14:14">
      <c r="N857798" s="10"/>
    </row>
    <row r="857799" spans="14:14">
      <c r="N857799" s="10"/>
    </row>
    <row r="857800" spans="14:14">
      <c r="N857800" s="10"/>
    </row>
    <row r="857801" spans="14:14">
      <c r="N857801" s="10"/>
    </row>
    <row r="857802" spans="14:14">
      <c r="N857802" s="10"/>
    </row>
    <row r="857803" spans="14:14">
      <c r="N857803" s="10"/>
    </row>
    <row r="857804" spans="14:14">
      <c r="N857804" s="10"/>
    </row>
    <row r="857805" spans="14:14">
      <c r="N857805" s="10"/>
    </row>
    <row r="857806" spans="14:14">
      <c r="N857806" s="10"/>
    </row>
    <row r="857807" spans="14:14">
      <c r="N857807" s="10"/>
    </row>
    <row r="857808" spans="14:14">
      <c r="N857808" s="10"/>
    </row>
    <row r="857809" spans="14:14">
      <c r="N857809" s="10"/>
    </row>
    <row r="857810" spans="14:14">
      <c r="N857810" s="10"/>
    </row>
    <row r="857811" spans="14:14">
      <c r="N857811" s="10"/>
    </row>
    <row r="857812" spans="14:14">
      <c r="N857812" s="10"/>
    </row>
    <row r="857813" spans="14:14">
      <c r="N857813" s="10"/>
    </row>
    <row r="857814" spans="14:14">
      <c r="N857814" s="10"/>
    </row>
    <row r="857815" spans="14:14">
      <c r="N857815" s="10"/>
    </row>
    <row r="857816" spans="14:14">
      <c r="N857816" s="10"/>
    </row>
    <row r="857817" spans="14:14">
      <c r="N857817" s="10"/>
    </row>
    <row r="857818" spans="14:14">
      <c r="N857818" s="10"/>
    </row>
    <row r="857819" spans="14:14">
      <c r="N857819" s="10"/>
    </row>
    <row r="857820" spans="14:14">
      <c r="N857820" s="10"/>
    </row>
    <row r="857821" spans="14:14">
      <c r="N857821" s="10"/>
    </row>
    <row r="857822" spans="14:14">
      <c r="N857822" s="10"/>
    </row>
    <row r="857823" spans="14:14">
      <c r="N857823" s="10"/>
    </row>
    <row r="857824" spans="14:14">
      <c r="N857824" s="10"/>
    </row>
    <row r="857825" spans="14:14">
      <c r="N857825" s="10"/>
    </row>
    <row r="857826" spans="14:14">
      <c r="N857826" s="10"/>
    </row>
    <row r="857827" spans="14:14">
      <c r="N857827" s="10"/>
    </row>
    <row r="857828" spans="14:14">
      <c r="N857828" s="10"/>
    </row>
    <row r="857829" spans="14:14">
      <c r="N857829" s="10"/>
    </row>
    <row r="857830" spans="14:14">
      <c r="N857830" s="10"/>
    </row>
    <row r="857831" spans="14:14">
      <c r="N857831" s="10"/>
    </row>
    <row r="857832" spans="14:14">
      <c r="N857832" s="10"/>
    </row>
    <row r="857833" spans="14:14">
      <c r="N857833" s="10"/>
    </row>
    <row r="857834" spans="14:14">
      <c r="N857834" s="10"/>
    </row>
    <row r="857835" spans="14:14">
      <c r="N857835" s="10"/>
    </row>
    <row r="857836" spans="14:14">
      <c r="N857836" s="10"/>
    </row>
    <row r="857837" spans="14:14">
      <c r="N857837" s="10"/>
    </row>
    <row r="857838" spans="14:14">
      <c r="N857838" s="10"/>
    </row>
    <row r="857839" spans="14:14">
      <c r="N857839" s="10"/>
    </row>
    <row r="857840" spans="14:14">
      <c r="N857840" s="10"/>
    </row>
    <row r="857841" spans="14:14">
      <c r="N857841" s="10"/>
    </row>
    <row r="857842" spans="14:14">
      <c r="N857842" s="10"/>
    </row>
    <row r="857843" spans="14:14">
      <c r="N857843" s="10"/>
    </row>
    <row r="857844" spans="14:14">
      <c r="N857844" s="10"/>
    </row>
    <row r="857845" spans="14:14">
      <c r="N857845" s="10"/>
    </row>
    <row r="857846" spans="14:14">
      <c r="N857846" s="10"/>
    </row>
    <row r="857847" spans="14:14">
      <c r="N857847" s="10"/>
    </row>
    <row r="857848" spans="14:14">
      <c r="N857848" s="10"/>
    </row>
    <row r="857849" spans="14:14">
      <c r="N857849" s="10"/>
    </row>
    <row r="857850" spans="14:14">
      <c r="N857850" s="10"/>
    </row>
    <row r="857851" spans="14:14">
      <c r="N857851" s="10"/>
    </row>
    <row r="857852" spans="14:14">
      <c r="N857852" s="10"/>
    </row>
    <row r="857853" spans="14:14">
      <c r="N857853" s="10"/>
    </row>
    <row r="857854" spans="14:14">
      <c r="N857854" s="10"/>
    </row>
    <row r="857855" spans="14:14">
      <c r="N857855" s="10"/>
    </row>
    <row r="857856" spans="14:14">
      <c r="N857856" s="10"/>
    </row>
    <row r="857857" spans="14:14">
      <c r="N857857" s="10"/>
    </row>
    <row r="857858" spans="14:14">
      <c r="N857858" s="10"/>
    </row>
    <row r="857859" spans="14:14">
      <c r="N857859" s="10"/>
    </row>
    <row r="857860" spans="14:14">
      <c r="N857860" s="10"/>
    </row>
    <row r="857861" spans="14:14">
      <c r="N857861" s="10"/>
    </row>
    <row r="857862" spans="14:14">
      <c r="N857862" s="10"/>
    </row>
    <row r="857863" spans="14:14">
      <c r="N857863" s="10"/>
    </row>
    <row r="857864" spans="14:14">
      <c r="N857864" s="10"/>
    </row>
    <row r="857865" spans="14:14">
      <c r="N857865" s="10"/>
    </row>
    <row r="857866" spans="14:14">
      <c r="N857866" s="10"/>
    </row>
    <row r="857867" spans="14:14">
      <c r="N857867" s="10"/>
    </row>
    <row r="857868" spans="14:14">
      <c r="N857868" s="10"/>
    </row>
    <row r="857869" spans="14:14">
      <c r="N857869" s="10"/>
    </row>
    <row r="857870" spans="14:14">
      <c r="N857870" s="10"/>
    </row>
    <row r="857871" spans="14:14">
      <c r="N857871" s="10"/>
    </row>
    <row r="857872" spans="14:14">
      <c r="N857872" s="10"/>
    </row>
    <row r="857873" spans="14:14">
      <c r="N857873" s="10"/>
    </row>
    <row r="857874" spans="14:14">
      <c r="N857874" s="10"/>
    </row>
    <row r="857875" spans="14:14">
      <c r="N857875" s="10"/>
    </row>
    <row r="857876" spans="14:14">
      <c r="N857876" s="10"/>
    </row>
    <row r="857877" spans="14:14">
      <c r="N857877" s="10"/>
    </row>
    <row r="857878" spans="14:14">
      <c r="N857878" s="10"/>
    </row>
    <row r="857879" spans="14:14">
      <c r="N857879" s="10"/>
    </row>
    <row r="857880" spans="14:14">
      <c r="N857880" s="10"/>
    </row>
    <row r="857881" spans="14:14">
      <c r="N857881" s="10"/>
    </row>
    <row r="857882" spans="14:14">
      <c r="N857882" s="10"/>
    </row>
    <row r="857883" spans="14:14">
      <c r="N857883" s="10"/>
    </row>
    <row r="857884" spans="14:14">
      <c r="N857884" s="10"/>
    </row>
    <row r="857885" spans="14:14">
      <c r="N857885" s="10"/>
    </row>
    <row r="857886" spans="14:14">
      <c r="N857886" s="10"/>
    </row>
    <row r="857887" spans="14:14">
      <c r="N857887" s="10"/>
    </row>
    <row r="857888" spans="14:14">
      <c r="N857888" s="10"/>
    </row>
    <row r="857889" spans="14:14">
      <c r="N857889" s="10"/>
    </row>
    <row r="857890" spans="14:14">
      <c r="N857890" s="10"/>
    </row>
    <row r="857891" spans="14:14">
      <c r="N857891" s="10"/>
    </row>
    <row r="857892" spans="14:14">
      <c r="N857892" s="10"/>
    </row>
    <row r="857893" spans="14:14">
      <c r="N857893" s="10"/>
    </row>
    <row r="857894" spans="14:14">
      <c r="N857894" s="10"/>
    </row>
    <row r="857895" spans="14:14">
      <c r="N857895" s="10"/>
    </row>
    <row r="857896" spans="14:14">
      <c r="N857896" s="10"/>
    </row>
    <row r="857897" spans="14:14">
      <c r="N857897" s="10"/>
    </row>
    <row r="857898" spans="14:14">
      <c r="N857898" s="10"/>
    </row>
    <row r="857899" spans="14:14">
      <c r="N857899" s="10"/>
    </row>
    <row r="857900" spans="14:14">
      <c r="N857900" s="10"/>
    </row>
    <row r="857901" spans="14:14">
      <c r="N857901" s="10"/>
    </row>
    <row r="857902" spans="14:14">
      <c r="N857902" s="10"/>
    </row>
    <row r="857903" spans="14:14">
      <c r="N857903" s="10"/>
    </row>
    <row r="857904" spans="14:14">
      <c r="N857904" s="10"/>
    </row>
    <row r="857905" spans="14:14">
      <c r="N857905" s="10"/>
    </row>
    <row r="857906" spans="14:14">
      <c r="N857906" s="10"/>
    </row>
    <row r="857907" spans="14:14">
      <c r="N857907" s="10"/>
    </row>
    <row r="857908" spans="14:14">
      <c r="N857908" s="10"/>
    </row>
    <row r="857909" spans="14:14">
      <c r="N857909" s="10"/>
    </row>
    <row r="857910" spans="14:14">
      <c r="N857910" s="10"/>
    </row>
    <row r="857911" spans="14:14">
      <c r="N857911" s="10"/>
    </row>
    <row r="857912" spans="14:14">
      <c r="N857912" s="10"/>
    </row>
    <row r="857913" spans="14:14">
      <c r="N857913" s="10"/>
    </row>
    <row r="857914" spans="14:14">
      <c r="N857914" s="10"/>
    </row>
    <row r="857915" spans="14:14">
      <c r="N857915" s="10"/>
    </row>
    <row r="857916" spans="14:14">
      <c r="N857916" s="10"/>
    </row>
    <row r="857917" spans="14:14">
      <c r="N857917" s="10"/>
    </row>
    <row r="857918" spans="14:14">
      <c r="N857918" s="10"/>
    </row>
    <row r="857919" spans="14:14">
      <c r="N857919" s="10"/>
    </row>
    <row r="857920" spans="14:14">
      <c r="N857920" s="10"/>
    </row>
    <row r="857921" spans="14:14">
      <c r="N857921" s="10"/>
    </row>
    <row r="857922" spans="14:14">
      <c r="N857922" s="10"/>
    </row>
    <row r="857923" spans="14:14">
      <c r="N857923" s="10"/>
    </row>
    <row r="857924" spans="14:14">
      <c r="N857924" s="10"/>
    </row>
    <row r="857925" spans="14:14">
      <c r="N857925" s="10"/>
    </row>
    <row r="857926" spans="14:14">
      <c r="N857926" s="10"/>
    </row>
    <row r="857927" spans="14:14">
      <c r="N857927" s="10"/>
    </row>
    <row r="857928" spans="14:14">
      <c r="N857928" s="10"/>
    </row>
    <row r="857929" spans="14:14">
      <c r="N857929" s="10"/>
    </row>
    <row r="857930" spans="14:14">
      <c r="N857930" s="10"/>
    </row>
    <row r="857931" spans="14:14">
      <c r="N857931" s="10"/>
    </row>
    <row r="857932" spans="14:14">
      <c r="N857932" s="10"/>
    </row>
    <row r="857933" spans="14:14">
      <c r="N857933" s="10"/>
    </row>
    <row r="857934" spans="14:14">
      <c r="N857934" s="10"/>
    </row>
    <row r="857935" spans="14:14">
      <c r="N857935" s="10"/>
    </row>
    <row r="857936" spans="14:14">
      <c r="N857936" s="10"/>
    </row>
    <row r="857937" spans="14:14">
      <c r="N857937" s="10"/>
    </row>
    <row r="857938" spans="14:14">
      <c r="N857938" s="10"/>
    </row>
    <row r="857939" spans="14:14">
      <c r="N857939" s="10"/>
    </row>
    <row r="857940" spans="14:14">
      <c r="N857940" s="10"/>
    </row>
    <row r="857941" spans="14:14">
      <c r="N857941" s="10"/>
    </row>
    <row r="857942" spans="14:14">
      <c r="N857942" s="10"/>
    </row>
    <row r="857943" spans="14:14">
      <c r="N857943" s="10"/>
    </row>
    <row r="857944" spans="14:14">
      <c r="N857944" s="10"/>
    </row>
    <row r="857945" spans="14:14">
      <c r="N857945" s="10"/>
    </row>
    <row r="857946" spans="14:14">
      <c r="N857946" s="10"/>
    </row>
    <row r="857947" spans="14:14">
      <c r="N857947" s="10"/>
    </row>
    <row r="857948" spans="14:14">
      <c r="N857948" s="10"/>
    </row>
    <row r="857949" spans="14:14">
      <c r="N857949" s="10"/>
    </row>
    <row r="857950" spans="14:14">
      <c r="N857950" s="10"/>
    </row>
    <row r="857951" spans="14:14">
      <c r="N857951" s="10"/>
    </row>
    <row r="857952" spans="14:14">
      <c r="N857952" s="10"/>
    </row>
    <row r="857953" spans="14:14">
      <c r="N857953" s="10"/>
    </row>
    <row r="857954" spans="14:14">
      <c r="N857954" s="10"/>
    </row>
    <row r="857955" spans="14:14">
      <c r="N857955" s="10"/>
    </row>
    <row r="857956" spans="14:14">
      <c r="N857956" s="10"/>
    </row>
    <row r="857957" spans="14:14">
      <c r="N857957" s="10"/>
    </row>
    <row r="857958" spans="14:14">
      <c r="N857958" s="10"/>
    </row>
    <row r="857959" spans="14:14">
      <c r="N857959" s="10"/>
    </row>
    <row r="857960" spans="14:14">
      <c r="N857960" s="10"/>
    </row>
    <row r="857961" spans="14:14">
      <c r="N857961" s="10"/>
    </row>
    <row r="857962" spans="14:14">
      <c r="N857962" s="10"/>
    </row>
    <row r="857963" spans="14:14">
      <c r="N857963" s="10"/>
    </row>
    <row r="857964" spans="14:14">
      <c r="N857964" s="10"/>
    </row>
    <row r="857965" spans="14:14">
      <c r="N857965" s="10"/>
    </row>
    <row r="857966" spans="14:14">
      <c r="N857966" s="10"/>
    </row>
    <row r="857967" spans="14:14">
      <c r="N857967" s="10"/>
    </row>
    <row r="857968" spans="14:14">
      <c r="N857968" s="10"/>
    </row>
    <row r="857969" spans="14:14">
      <c r="N857969" s="10"/>
    </row>
    <row r="857970" spans="14:14">
      <c r="N857970" s="10"/>
    </row>
    <row r="857971" spans="14:14">
      <c r="N857971" s="10"/>
    </row>
    <row r="857972" spans="14:14">
      <c r="N857972" s="10"/>
    </row>
    <row r="857973" spans="14:14">
      <c r="N857973" s="10"/>
    </row>
    <row r="857974" spans="14:14">
      <c r="N857974" s="10"/>
    </row>
    <row r="857975" spans="14:14">
      <c r="N857975" s="10"/>
    </row>
    <row r="857976" spans="14:14">
      <c r="N857976" s="10"/>
    </row>
    <row r="857977" spans="14:14">
      <c r="N857977" s="10"/>
    </row>
    <row r="857978" spans="14:14">
      <c r="N857978" s="10"/>
    </row>
    <row r="857979" spans="14:14">
      <c r="N857979" s="10"/>
    </row>
    <row r="857980" spans="14:14">
      <c r="N857980" s="10"/>
    </row>
    <row r="857981" spans="14:14">
      <c r="N857981" s="10"/>
    </row>
    <row r="857982" spans="14:14">
      <c r="N857982" s="10"/>
    </row>
    <row r="857983" spans="14:14">
      <c r="N857983" s="10"/>
    </row>
    <row r="857984" spans="14:14">
      <c r="N857984" s="10"/>
    </row>
    <row r="857985" spans="14:14">
      <c r="N857985" s="10"/>
    </row>
    <row r="857986" spans="14:14">
      <c r="N857986" s="10"/>
    </row>
    <row r="857987" spans="14:14">
      <c r="N857987" s="10"/>
    </row>
    <row r="857988" spans="14:14">
      <c r="N857988" s="10"/>
    </row>
    <row r="857989" spans="14:14">
      <c r="N857989" s="10"/>
    </row>
    <row r="857990" spans="14:14">
      <c r="N857990" s="10"/>
    </row>
    <row r="857991" spans="14:14">
      <c r="N857991" s="10"/>
    </row>
    <row r="857992" spans="14:14">
      <c r="N857992" s="10"/>
    </row>
    <row r="857993" spans="14:14">
      <c r="N857993" s="10"/>
    </row>
    <row r="857994" spans="14:14">
      <c r="N857994" s="10"/>
    </row>
    <row r="857995" spans="14:14">
      <c r="N857995" s="10"/>
    </row>
    <row r="857996" spans="14:14">
      <c r="N857996" s="10"/>
    </row>
    <row r="857997" spans="14:14">
      <c r="N857997" s="10"/>
    </row>
    <row r="857998" spans="14:14">
      <c r="N857998" s="10"/>
    </row>
    <row r="857999" spans="14:14">
      <c r="N857999" s="10"/>
    </row>
    <row r="858000" spans="14:14">
      <c r="N858000" s="10"/>
    </row>
    <row r="858001" spans="14:14">
      <c r="N858001" s="10"/>
    </row>
    <row r="858002" spans="14:14">
      <c r="N858002" s="10"/>
    </row>
    <row r="858003" spans="14:14">
      <c r="N858003" s="10"/>
    </row>
    <row r="858004" spans="14:14">
      <c r="N858004" s="10"/>
    </row>
    <row r="858005" spans="14:14">
      <c r="N858005" s="10"/>
    </row>
    <row r="858006" spans="14:14">
      <c r="N858006" s="10"/>
    </row>
    <row r="858007" spans="14:14">
      <c r="N858007" s="10"/>
    </row>
    <row r="858008" spans="14:14">
      <c r="N858008" s="10"/>
    </row>
    <row r="858009" spans="14:14">
      <c r="N858009" s="10"/>
    </row>
    <row r="858010" spans="14:14">
      <c r="N858010" s="10"/>
    </row>
    <row r="858011" spans="14:14">
      <c r="N858011" s="10"/>
    </row>
    <row r="858012" spans="14:14">
      <c r="N858012" s="10"/>
    </row>
    <row r="858013" spans="14:14">
      <c r="N858013" s="10"/>
    </row>
    <row r="858014" spans="14:14">
      <c r="N858014" s="10"/>
    </row>
    <row r="858015" spans="14:14">
      <c r="N858015" s="10"/>
    </row>
    <row r="858016" spans="14:14">
      <c r="N858016" s="10"/>
    </row>
    <row r="858017" spans="14:14">
      <c r="N858017" s="10"/>
    </row>
    <row r="858018" spans="14:14">
      <c r="N858018" s="10"/>
    </row>
    <row r="858019" spans="14:14">
      <c r="N858019" s="10"/>
    </row>
    <row r="858020" spans="14:14">
      <c r="N858020" s="10"/>
    </row>
    <row r="858021" spans="14:14">
      <c r="N858021" s="10"/>
    </row>
    <row r="858022" spans="14:14">
      <c r="N858022" s="10"/>
    </row>
    <row r="858023" spans="14:14">
      <c r="N858023" s="10"/>
    </row>
    <row r="858024" spans="14:14">
      <c r="N858024" s="10"/>
    </row>
    <row r="858025" spans="14:14">
      <c r="N858025" s="10"/>
    </row>
    <row r="858026" spans="14:14">
      <c r="N858026" s="10"/>
    </row>
    <row r="858027" spans="14:14">
      <c r="N858027" s="10"/>
    </row>
    <row r="858028" spans="14:14">
      <c r="N858028" s="10"/>
    </row>
    <row r="858029" spans="14:14">
      <c r="N858029" s="10"/>
    </row>
    <row r="858030" spans="14:14">
      <c r="N858030" s="10"/>
    </row>
    <row r="858031" spans="14:14">
      <c r="N858031" s="10"/>
    </row>
    <row r="858032" spans="14:14">
      <c r="N858032" s="10"/>
    </row>
    <row r="858033" spans="14:14">
      <c r="N858033" s="10"/>
    </row>
    <row r="858034" spans="14:14">
      <c r="N858034" s="10"/>
    </row>
    <row r="858035" spans="14:14">
      <c r="N858035" s="10"/>
    </row>
    <row r="858036" spans="14:14">
      <c r="N858036" s="10"/>
    </row>
    <row r="858037" spans="14:14">
      <c r="N858037" s="10"/>
    </row>
    <row r="858038" spans="14:14">
      <c r="N858038" s="10"/>
    </row>
    <row r="858039" spans="14:14">
      <c r="N858039" s="10"/>
    </row>
    <row r="858040" spans="14:14">
      <c r="N858040" s="10"/>
    </row>
    <row r="858041" spans="14:14">
      <c r="N858041" s="10"/>
    </row>
    <row r="858042" spans="14:14">
      <c r="N858042" s="10"/>
    </row>
    <row r="858043" spans="14:14">
      <c r="N858043" s="10"/>
    </row>
    <row r="858044" spans="14:14">
      <c r="N858044" s="10"/>
    </row>
    <row r="858045" spans="14:14">
      <c r="N858045" s="10"/>
    </row>
    <row r="858046" spans="14:14">
      <c r="N858046" s="10"/>
    </row>
    <row r="858047" spans="14:14">
      <c r="N858047" s="10"/>
    </row>
    <row r="858048" spans="14:14">
      <c r="N858048" s="10"/>
    </row>
    <row r="858049" spans="14:14">
      <c r="N858049" s="10"/>
    </row>
    <row r="858050" spans="14:14">
      <c r="N858050" s="10"/>
    </row>
    <row r="858051" spans="14:14">
      <c r="N858051" s="10"/>
    </row>
    <row r="858052" spans="14:14">
      <c r="N858052" s="10"/>
    </row>
    <row r="858053" spans="14:14">
      <c r="N858053" s="10"/>
    </row>
    <row r="858054" spans="14:14">
      <c r="N858054" s="10"/>
    </row>
    <row r="858055" spans="14:14">
      <c r="N858055" s="10"/>
    </row>
    <row r="858056" spans="14:14">
      <c r="N858056" s="10"/>
    </row>
    <row r="858057" spans="14:14">
      <c r="N858057" s="10"/>
    </row>
    <row r="858058" spans="14:14">
      <c r="N858058" s="10"/>
    </row>
    <row r="858059" spans="14:14">
      <c r="N858059" s="10"/>
    </row>
    <row r="858060" spans="14:14">
      <c r="N858060" s="10"/>
    </row>
    <row r="858061" spans="14:14">
      <c r="N858061" s="10"/>
    </row>
    <row r="858062" spans="14:14">
      <c r="N858062" s="10"/>
    </row>
    <row r="858063" spans="14:14">
      <c r="N858063" s="10"/>
    </row>
    <row r="858064" spans="14:14">
      <c r="N858064" s="10"/>
    </row>
    <row r="858065" spans="14:14">
      <c r="N858065" s="10"/>
    </row>
    <row r="858066" spans="14:14">
      <c r="N858066" s="10"/>
    </row>
    <row r="858067" spans="14:14">
      <c r="N858067" s="10"/>
    </row>
    <row r="858068" spans="14:14">
      <c r="N858068" s="10"/>
    </row>
    <row r="858069" spans="14:14">
      <c r="N858069" s="10"/>
    </row>
    <row r="858070" spans="14:14">
      <c r="N858070" s="10"/>
    </row>
    <row r="858071" spans="14:14">
      <c r="N858071" s="10"/>
    </row>
    <row r="858072" spans="14:14">
      <c r="N858072" s="10"/>
    </row>
    <row r="858073" spans="14:14">
      <c r="N858073" s="10"/>
    </row>
    <row r="858074" spans="14:14">
      <c r="N858074" s="10"/>
    </row>
    <row r="858075" spans="14:14">
      <c r="N858075" s="10"/>
    </row>
    <row r="858076" spans="14:14">
      <c r="N858076" s="10"/>
    </row>
    <row r="858077" spans="14:14">
      <c r="N858077" s="10"/>
    </row>
    <row r="858078" spans="14:14">
      <c r="N858078" s="10"/>
    </row>
    <row r="858079" spans="14:14">
      <c r="N858079" s="10"/>
    </row>
    <row r="858080" spans="14:14">
      <c r="N858080" s="10"/>
    </row>
    <row r="858081" spans="14:14">
      <c r="N858081" s="10"/>
    </row>
    <row r="858082" spans="14:14">
      <c r="N858082" s="10"/>
    </row>
    <row r="858083" spans="14:14">
      <c r="N858083" s="10"/>
    </row>
    <row r="858084" spans="14:14">
      <c r="N858084" s="10"/>
    </row>
    <row r="858085" spans="14:14">
      <c r="N858085" s="10"/>
    </row>
    <row r="858086" spans="14:14">
      <c r="N858086" s="10"/>
    </row>
    <row r="858087" spans="14:14">
      <c r="N858087" s="10"/>
    </row>
    <row r="858088" spans="14:14">
      <c r="N858088" s="10"/>
    </row>
    <row r="858089" spans="14:14">
      <c r="N858089" s="10"/>
    </row>
    <row r="858090" spans="14:14">
      <c r="N858090" s="10"/>
    </row>
    <row r="858091" spans="14:14">
      <c r="N858091" s="10"/>
    </row>
    <row r="858092" spans="14:14">
      <c r="N858092" s="10"/>
    </row>
    <row r="858093" spans="14:14">
      <c r="N858093" s="10"/>
    </row>
    <row r="858094" spans="14:14">
      <c r="N858094" s="10"/>
    </row>
    <row r="858095" spans="14:14">
      <c r="N858095" s="10"/>
    </row>
    <row r="858096" spans="14:14">
      <c r="N858096" s="10"/>
    </row>
    <row r="858097" spans="14:14">
      <c r="N858097" s="10"/>
    </row>
    <row r="858098" spans="14:14">
      <c r="N858098" s="10"/>
    </row>
    <row r="858099" spans="14:14">
      <c r="N858099" s="10"/>
    </row>
    <row r="858100" spans="14:14">
      <c r="N858100" s="10"/>
    </row>
    <row r="858101" spans="14:14">
      <c r="N858101" s="10"/>
    </row>
    <row r="858102" spans="14:14">
      <c r="N858102" s="10"/>
    </row>
    <row r="858103" spans="14:14">
      <c r="N858103" s="10"/>
    </row>
    <row r="858104" spans="14:14">
      <c r="N858104" s="10"/>
    </row>
    <row r="858105" spans="14:14">
      <c r="N858105" s="10"/>
    </row>
    <row r="858106" spans="14:14">
      <c r="N858106" s="10"/>
    </row>
    <row r="858107" spans="14:14">
      <c r="N858107" s="10"/>
    </row>
    <row r="858108" spans="14:14">
      <c r="N858108" s="10"/>
    </row>
    <row r="858109" spans="14:14">
      <c r="N858109" s="10"/>
    </row>
    <row r="858110" spans="14:14">
      <c r="N858110" s="10"/>
    </row>
    <row r="858111" spans="14:14">
      <c r="N858111" s="10"/>
    </row>
    <row r="858112" spans="14:14">
      <c r="N858112" s="10"/>
    </row>
    <row r="858113" spans="14:14">
      <c r="N858113" s="10"/>
    </row>
    <row r="858114" spans="14:14">
      <c r="N858114" s="10"/>
    </row>
    <row r="858115" spans="14:14">
      <c r="N858115" s="10"/>
    </row>
    <row r="858116" spans="14:14">
      <c r="N858116" s="10"/>
    </row>
    <row r="858117" spans="14:14">
      <c r="N858117" s="10"/>
    </row>
    <row r="858118" spans="14:14">
      <c r="N858118" s="10"/>
    </row>
    <row r="858119" spans="14:14">
      <c r="N858119" s="10"/>
    </row>
    <row r="858120" spans="14:14">
      <c r="N858120" s="10"/>
    </row>
    <row r="858121" spans="14:14">
      <c r="N858121" s="10"/>
    </row>
    <row r="858122" spans="14:14">
      <c r="N858122" s="10"/>
    </row>
    <row r="858123" spans="14:14">
      <c r="N858123" s="10"/>
    </row>
    <row r="858124" spans="14:14">
      <c r="N858124" s="10"/>
    </row>
    <row r="858125" spans="14:14">
      <c r="N858125" s="10"/>
    </row>
    <row r="858126" spans="14:14">
      <c r="N858126" s="10"/>
    </row>
    <row r="858127" spans="14:14">
      <c r="N858127" s="10"/>
    </row>
    <row r="858128" spans="14:14">
      <c r="N858128" s="10"/>
    </row>
    <row r="858129" spans="14:14">
      <c r="N858129" s="10"/>
    </row>
    <row r="858130" spans="14:14">
      <c r="N858130" s="10"/>
    </row>
    <row r="858131" spans="14:14">
      <c r="N858131" s="10"/>
    </row>
    <row r="858132" spans="14:14">
      <c r="N858132" s="10"/>
    </row>
    <row r="858133" spans="14:14">
      <c r="N858133" s="10"/>
    </row>
    <row r="858134" spans="14:14">
      <c r="N858134" s="10"/>
    </row>
    <row r="858135" spans="14:14">
      <c r="N858135" s="10"/>
    </row>
    <row r="858136" spans="14:14">
      <c r="N858136" s="10"/>
    </row>
    <row r="858137" spans="14:14">
      <c r="N858137" s="10"/>
    </row>
    <row r="858138" spans="14:14">
      <c r="N858138" s="10"/>
    </row>
    <row r="858139" spans="14:14">
      <c r="N858139" s="10"/>
    </row>
    <row r="858140" spans="14:14">
      <c r="N858140" s="10"/>
    </row>
    <row r="858141" spans="14:14">
      <c r="N858141" s="10"/>
    </row>
    <row r="858142" spans="14:14">
      <c r="N858142" s="10"/>
    </row>
    <row r="858143" spans="14:14">
      <c r="N858143" s="10"/>
    </row>
    <row r="858144" spans="14:14">
      <c r="N858144" s="10"/>
    </row>
    <row r="858145" spans="14:14">
      <c r="N858145" s="10"/>
    </row>
    <row r="858146" spans="14:14">
      <c r="N858146" s="10"/>
    </row>
    <row r="858147" spans="14:14">
      <c r="N858147" s="10"/>
    </row>
    <row r="858148" spans="14:14">
      <c r="N858148" s="10"/>
    </row>
    <row r="858149" spans="14:14">
      <c r="N858149" s="10"/>
    </row>
    <row r="858150" spans="14:14">
      <c r="N858150" s="10"/>
    </row>
    <row r="858151" spans="14:14">
      <c r="N858151" s="10"/>
    </row>
    <row r="858152" spans="14:14">
      <c r="N858152" s="10"/>
    </row>
    <row r="858153" spans="14:14">
      <c r="N858153" s="10"/>
    </row>
    <row r="858154" spans="14:14">
      <c r="N858154" s="10"/>
    </row>
    <row r="858155" spans="14:14">
      <c r="N858155" s="10"/>
    </row>
    <row r="858156" spans="14:14">
      <c r="N858156" s="10"/>
    </row>
    <row r="858157" spans="14:14">
      <c r="N858157" s="10"/>
    </row>
    <row r="858158" spans="14:14">
      <c r="N858158" s="10"/>
    </row>
    <row r="858159" spans="14:14">
      <c r="N858159" s="10"/>
    </row>
    <row r="858160" spans="14:14">
      <c r="N858160" s="10"/>
    </row>
    <row r="858161" spans="14:14">
      <c r="N858161" s="10"/>
    </row>
    <row r="858162" spans="14:14">
      <c r="N858162" s="10"/>
    </row>
    <row r="858163" spans="14:14">
      <c r="N858163" s="10"/>
    </row>
    <row r="858164" spans="14:14">
      <c r="N858164" s="10"/>
    </row>
    <row r="858165" spans="14:14">
      <c r="N858165" s="10"/>
    </row>
    <row r="858166" spans="14:14">
      <c r="N858166" s="10"/>
    </row>
    <row r="858167" spans="14:14">
      <c r="N858167" s="10"/>
    </row>
    <row r="858168" spans="14:14">
      <c r="N858168" s="10"/>
    </row>
    <row r="858169" spans="14:14">
      <c r="N858169" s="10"/>
    </row>
    <row r="858170" spans="14:14">
      <c r="N858170" s="10"/>
    </row>
    <row r="858171" spans="14:14">
      <c r="N858171" s="10"/>
    </row>
    <row r="858172" spans="14:14">
      <c r="N858172" s="10"/>
    </row>
    <row r="858173" spans="14:14">
      <c r="N858173" s="10"/>
    </row>
    <row r="858174" spans="14:14">
      <c r="N858174" s="10"/>
    </row>
    <row r="858175" spans="14:14">
      <c r="N858175" s="10"/>
    </row>
    <row r="858176" spans="14:14">
      <c r="N858176" s="10"/>
    </row>
    <row r="858177" spans="14:14">
      <c r="N858177" s="10"/>
    </row>
    <row r="858178" spans="14:14">
      <c r="N858178" s="10"/>
    </row>
    <row r="858179" spans="14:14">
      <c r="N858179" s="10"/>
    </row>
    <row r="858180" spans="14:14">
      <c r="N858180" s="10"/>
    </row>
    <row r="858181" spans="14:14">
      <c r="N858181" s="10"/>
    </row>
    <row r="858182" spans="14:14">
      <c r="N858182" s="10"/>
    </row>
    <row r="858183" spans="14:14">
      <c r="N858183" s="10"/>
    </row>
    <row r="858184" spans="14:14">
      <c r="N858184" s="10"/>
    </row>
    <row r="858185" spans="14:14">
      <c r="N858185" s="10"/>
    </row>
    <row r="858186" spans="14:14">
      <c r="N858186" s="10"/>
    </row>
    <row r="858187" spans="14:14">
      <c r="N858187" s="10"/>
    </row>
    <row r="858188" spans="14:14">
      <c r="N858188" s="10"/>
    </row>
    <row r="858189" spans="14:14">
      <c r="N858189" s="10"/>
    </row>
    <row r="858190" spans="14:14">
      <c r="N858190" s="10"/>
    </row>
    <row r="858191" spans="14:14">
      <c r="N858191" s="10"/>
    </row>
    <row r="858192" spans="14:14">
      <c r="N858192" s="10"/>
    </row>
    <row r="858193" spans="14:14">
      <c r="N858193" s="10"/>
    </row>
    <row r="858194" spans="14:14">
      <c r="N858194" s="10"/>
    </row>
    <row r="858195" spans="14:14">
      <c r="N858195" s="10"/>
    </row>
    <row r="858196" spans="14:14">
      <c r="N858196" s="10"/>
    </row>
    <row r="858197" spans="14:14">
      <c r="N858197" s="10"/>
    </row>
    <row r="858198" spans="14:14">
      <c r="N858198" s="10"/>
    </row>
    <row r="858199" spans="14:14">
      <c r="N858199" s="10"/>
    </row>
    <row r="858200" spans="14:14">
      <c r="N858200" s="10"/>
    </row>
    <row r="858201" spans="14:14">
      <c r="N858201" s="10"/>
    </row>
    <row r="858202" spans="14:14">
      <c r="N858202" s="10"/>
    </row>
    <row r="858203" spans="14:14">
      <c r="N858203" s="10"/>
    </row>
    <row r="858204" spans="14:14">
      <c r="N858204" s="10"/>
    </row>
    <row r="858205" spans="14:14">
      <c r="N858205" s="10"/>
    </row>
    <row r="858206" spans="14:14">
      <c r="N858206" s="10"/>
    </row>
    <row r="858207" spans="14:14">
      <c r="N858207" s="10"/>
    </row>
    <row r="858208" spans="14:14">
      <c r="N858208" s="10"/>
    </row>
    <row r="858209" spans="14:14">
      <c r="N858209" s="10"/>
    </row>
    <row r="858210" spans="14:14">
      <c r="N858210" s="10"/>
    </row>
    <row r="858211" spans="14:14">
      <c r="N858211" s="10"/>
    </row>
    <row r="858212" spans="14:14">
      <c r="N858212" s="10"/>
    </row>
    <row r="858213" spans="14:14">
      <c r="N858213" s="10"/>
    </row>
    <row r="858214" spans="14:14">
      <c r="N858214" s="10"/>
    </row>
    <row r="858215" spans="14:14">
      <c r="N858215" s="10"/>
    </row>
    <row r="858216" spans="14:14">
      <c r="N858216" s="10"/>
    </row>
    <row r="858217" spans="14:14">
      <c r="N858217" s="10"/>
    </row>
    <row r="858218" spans="14:14">
      <c r="N858218" s="10"/>
    </row>
    <row r="858219" spans="14:14">
      <c r="N858219" s="10"/>
    </row>
    <row r="858220" spans="14:14">
      <c r="N858220" s="10"/>
    </row>
    <row r="858221" spans="14:14">
      <c r="N858221" s="10"/>
    </row>
    <row r="858222" spans="14:14">
      <c r="N858222" s="10"/>
    </row>
    <row r="858223" spans="14:14">
      <c r="N858223" s="10"/>
    </row>
    <row r="858224" spans="14:14">
      <c r="N858224" s="10"/>
    </row>
    <row r="858225" spans="14:14">
      <c r="N858225" s="10"/>
    </row>
    <row r="858226" spans="14:14">
      <c r="N858226" s="10"/>
    </row>
    <row r="858227" spans="14:14">
      <c r="N858227" s="10"/>
    </row>
    <row r="858228" spans="14:14">
      <c r="N858228" s="10"/>
    </row>
    <row r="858229" spans="14:14">
      <c r="N858229" s="10"/>
    </row>
    <row r="858230" spans="14:14">
      <c r="N858230" s="10"/>
    </row>
    <row r="858231" spans="14:14">
      <c r="N858231" s="10"/>
    </row>
    <row r="858232" spans="14:14">
      <c r="N858232" s="10"/>
    </row>
    <row r="858233" spans="14:14">
      <c r="N858233" s="10"/>
    </row>
    <row r="858234" spans="14:14">
      <c r="N858234" s="10"/>
    </row>
    <row r="858235" spans="14:14">
      <c r="N858235" s="10"/>
    </row>
    <row r="858236" spans="14:14">
      <c r="N858236" s="10"/>
    </row>
    <row r="858237" spans="14:14">
      <c r="N858237" s="10"/>
    </row>
    <row r="858238" spans="14:14">
      <c r="N858238" s="10"/>
    </row>
    <row r="858239" spans="14:14">
      <c r="N858239" s="10"/>
    </row>
    <row r="858240" spans="14:14">
      <c r="N858240" s="10"/>
    </row>
    <row r="858241" spans="14:14">
      <c r="N858241" s="10"/>
    </row>
    <row r="858242" spans="14:14">
      <c r="N858242" s="10"/>
    </row>
    <row r="858243" spans="14:14">
      <c r="N858243" s="10"/>
    </row>
    <row r="858244" spans="14:14">
      <c r="N858244" s="10"/>
    </row>
    <row r="858245" spans="14:14">
      <c r="N858245" s="10"/>
    </row>
    <row r="858246" spans="14:14">
      <c r="N858246" s="10"/>
    </row>
    <row r="858247" spans="14:14">
      <c r="N858247" s="10"/>
    </row>
    <row r="858248" spans="14:14">
      <c r="N858248" s="10"/>
    </row>
    <row r="858249" spans="14:14">
      <c r="N858249" s="10"/>
    </row>
    <row r="858250" spans="14:14">
      <c r="N858250" s="10"/>
    </row>
    <row r="858251" spans="14:14">
      <c r="N858251" s="10"/>
    </row>
    <row r="858252" spans="14:14">
      <c r="N858252" s="10"/>
    </row>
    <row r="858253" spans="14:14">
      <c r="N858253" s="10"/>
    </row>
    <row r="858254" spans="14:14">
      <c r="N858254" s="10"/>
    </row>
    <row r="858255" spans="14:14">
      <c r="N858255" s="10"/>
    </row>
    <row r="858256" spans="14:14">
      <c r="N858256" s="10"/>
    </row>
    <row r="858257" spans="14:14">
      <c r="N858257" s="10"/>
    </row>
    <row r="858258" spans="14:14">
      <c r="N858258" s="10"/>
    </row>
    <row r="858259" spans="14:14">
      <c r="N858259" s="10"/>
    </row>
    <row r="858260" spans="14:14">
      <c r="N858260" s="10"/>
    </row>
    <row r="858261" spans="14:14">
      <c r="N858261" s="10"/>
    </row>
    <row r="858262" spans="14:14">
      <c r="N858262" s="10"/>
    </row>
    <row r="858263" spans="14:14">
      <c r="N858263" s="10"/>
    </row>
    <row r="858264" spans="14:14">
      <c r="N858264" s="10"/>
    </row>
    <row r="858265" spans="14:14">
      <c r="N858265" s="10"/>
    </row>
    <row r="858266" spans="14:14">
      <c r="N858266" s="10"/>
    </row>
    <row r="858267" spans="14:14">
      <c r="N858267" s="10"/>
    </row>
    <row r="858268" spans="14:14">
      <c r="N858268" s="10"/>
    </row>
    <row r="858269" spans="14:14">
      <c r="N858269" s="10"/>
    </row>
    <row r="858270" spans="14:14">
      <c r="N858270" s="10"/>
    </row>
    <row r="858271" spans="14:14">
      <c r="N858271" s="10"/>
    </row>
    <row r="858272" spans="14:14">
      <c r="N858272" s="10"/>
    </row>
    <row r="858273" spans="14:14">
      <c r="N858273" s="10"/>
    </row>
    <row r="858274" spans="14:14">
      <c r="N858274" s="10"/>
    </row>
    <row r="858275" spans="14:14">
      <c r="N858275" s="10"/>
    </row>
    <row r="858276" spans="14:14">
      <c r="N858276" s="10"/>
    </row>
    <row r="858277" spans="14:14">
      <c r="N858277" s="10"/>
    </row>
    <row r="858278" spans="14:14">
      <c r="N858278" s="10"/>
    </row>
    <row r="858279" spans="14:14">
      <c r="N858279" s="10"/>
    </row>
    <row r="858280" spans="14:14">
      <c r="N858280" s="10"/>
    </row>
    <row r="858281" spans="14:14">
      <c r="N858281" s="10"/>
    </row>
    <row r="858282" spans="14:14">
      <c r="N858282" s="10"/>
    </row>
    <row r="858283" spans="14:14">
      <c r="N858283" s="10"/>
    </row>
    <row r="858284" spans="14:14">
      <c r="N858284" s="10"/>
    </row>
    <row r="858285" spans="14:14">
      <c r="N858285" s="10"/>
    </row>
    <row r="858286" spans="14:14">
      <c r="N858286" s="10"/>
    </row>
    <row r="858287" spans="14:14">
      <c r="N858287" s="10"/>
    </row>
    <row r="858288" spans="14:14">
      <c r="N858288" s="10"/>
    </row>
    <row r="858289" spans="14:14">
      <c r="N858289" s="10"/>
    </row>
    <row r="858290" spans="14:14">
      <c r="N858290" s="10"/>
    </row>
    <row r="858291" spans="14:14">
      <c r="N858291" s="10"/>
    </row>
    <row r="858292" spans="14:14">
      <c r="N858292" s="10"/>
    </row>
    <row r="858293" spans="14:14">
      <c r="N858293" s="10"/>
    </row>
    <row r="858294" spans="14:14">
      <c r="N858294" s="10"/>
    </row>
    <row r="858295" spans="14:14">
      <c r="N858295" s="10"/>
    </row>
    <row r="858296" spans="14:14">
      <c r="N858296" s="10"/>
    </row>
    <row r="858297" spans="14:14">
      <c r="N858297" s="10"/>
    </row>
    <row r="858298" spans="14:14">
      <c r="N858298" s="10"/>
    </row>
    <row r="858299" spans="14:14">
      <c r="N858299" s="10"/>
    </row>
    <row r="858300" spans="14:14">
      <c r="N858300" s="10"/>
    </row>
    <row r="858301" spans="14:14">
      <c r="N858301" s="10"/>
    </row>
    <row r="858302" spans="14:14">
      <c r="N858302" s="10"/>
    </row>
    <row r="858303" spans="14:14">
      <c r="N858303" s="10"/>
    </row>
    <row r="858304" spans="14:14">
      <c r="N858304" s="10"/>
    </row>
    <row r="858305" spans="14:14">
      <c r="N858305" s="10"/>
    </row>
    <row r="858306" spans="14:14">
      <c r="N858306" s="10"/>
    </row>
    <row r="858307" spans="14:14">
      <c r="N858307" s="10"/>
    </row>
    <row r="858308" spans="14:14">
      <c r="N858308" s="10"/>
    </row>
    <row r="858309" spans="14:14">
      <c r="N858309" s="10"/>
    </row>
    <row r="858310" spans="14:14">
      <c r="N858310" s="10"/>
    </row>
    <row r="858311" spans="14:14">
      <c r="N858311" s="10"/>
    </row>
    <row r="858312" spans="14:14">
      <c r="N858312" s="10"/>
    </row>
    <row r="858313" spans="14:14">
      <c r="N858313" s="10"/>
    </row>
    <row r="858314" spans="14:14">
      <c r="N858314" s="10"/>
    </row>
    <row r="858315" spans="14:14">
      <c r="N858315" s="10"/>
    </row>
    <row r="858316" spans="14:14">
      <c r="N858316" s="10"/>
    </row>
    <row r="858317" spans="14:14">
      <c r="N858317" s="10"/>
    </row>
    <row r="858318" spans="14:14">
      <c r="N858318" s="10"/>
    </row>
    <row r="858319" spans="14:14">
      <c r="N858319" s="10"/>
    </row>
    <row r="858320" spans="14:14">
      <c r="N858320" s="10"/>
    </row>
    <row r="858321" spans="14:14">
      <c r="N858321" s="10"/>
    </row>
    <row r="858322" spans="14:14">
      <c r="N858322" s="10"/>
    </row>
    <row r="858323" spans="14:14">
      <c r="N858323" s="10"/>
    </row>
    <row r="858324" spans="14:14">
      <c r="N858324" s="10"/>
    </row>
    <row r="858325" spans="14:14">
      <c r="N858325" s="10"/>
    </row>
    <row r="858326" spans="14:14">
      <c r="N858326" s="10"/>
    </row>
    <row r="858327" spans="14:14">
      <c r="N858327" s="10"/>
    </row>
    <row r="858328" spans="14:14">
      <c r="N858328" s="10"/>
    </row>
    <row r="858329" spans="14:14">
      <c r="N858329" s="10"/>
    </row>
    <row r="858330" spans="14:14">
      <c r="N858330" s="10"/>
    </row>
    <row r="858331" spans="14:14">
      <c r="N858331" s="10"/>
    </row>
    <row r="858332" spans="14:14">
      <c r="N858332" s="10"/>
    </row>
    <row r="858333" spans="14:14">
      <c r="N858333" s="10"/>
    </row>
    <row r="858334" spans="14:14">
      <c r="N858334" s="10"/>
    </row>
    <row r="858335" spans="14:14">
      <c r="N858335" s="10"/>
    </row>
    <row r="858336" spans="14:14">
      <c r="N858336" s="10"/>
    </row>
    <row r="858337" spans="14:14">
      <c r="N858337" s="10"/>
    </row>
    <row r="858338" spans="14:14">
      <c r="N858338" s="10"/>
    </row>
    <row r="858339" spans="14:14">
      <c r="N858339" s="10"/>
    </row>
    <row r="858340" spans="14:14">
      <c r="N858340" s="10"/>
    </row>
    <row r="858341" spans="14:14">
      <c r="N858341" s="10"/>
    </row>
    <row r="858342" spans="14:14">
      <c r="N858342" s="10"/>
    </row>
    <row r="858343" spans="14:14">
      <c r="N858343" s="10"/>
    </row>
    <row r="858344" spans="14:14">
      <c r="N858344" s="10"/>
    </row>
    <row r="858345" spans="14:14">
      <c r="N858345" s="10"/>
    </row>
    <row r="858346" spans="14:14">
      <c r="N858346" s="10"/>
    </row>
    <row r="858347" spans="14:14">
      <c r="N858347" s="10"/>
    </row>
    <row r="858348" spans="14:14">
      <c r="N858348" s="10"/>
    </row>
    <row r="858349" spans="14:14">
      <c r="N858349" s="10"/>
    </row>
    <row r="858350" spans="14:14">
      <c r="N858350" s="10"/>
    </row>
    <row r="858351" spans="14:14">
      <c r="N858351" s="10"/>
    </row>
    <row r="858352" spans="14:14">
      <c r="N858352" s="10"/>
    </row>
    <row r="858353" spans="14:14">
      <c r="N858353" s="10"/>
    </row>
    <row r="858354" spans="14:14">
      <c r="N858354" s="10"/>
    </row>
    <row r="858355" spans="14:14">
      <c r="N858355" s="10"/>
    </row>
    <row r="858356" spans="14:14">
      <c r="N858356" s="10"/>
    </row>
    <row r="858357" spans="14:14">
      <c r="N858357" s="10"/>
    </row>
    <row r="858358" spans="14:14">
      <c r="N858358" s="10"/>
    </row>
    <row r="858359" spans="14:14">
      <c r="N858359" s="10"/>
    </row>
    <row r="858360" spans="14:14">
      <c r="N858360" s="10"/>
    </row>
    <row r="858361" spans="14:14">
      <c r="N858361" s="10"/>
    </row>
    <row r="858362" spans="14:14">
      <c r="N858362" s="10"/>
    </row>
    <row r="858363" spans="14:14">
      <c r="N858363" s="10"/>
    </row>
    <row r="858364" spans="14:14">
      <c r="N858364" s="10"/>
    </row>
    <row r="858365" spans="14:14">
      <c r="N858365" s="10"/>
    </row>
    <row r="858366" spans="14:14">
      <c r="N858366" s="10"/>
    </row>
    <row r="858367" spans="14:14">
      <c r="N858367" s="10"/>
    </row>
    <row r="858368" spans="14:14">
      <c r="N858368" s="10"/>
    </row>
    <row r="858369" spans="14:14">
      <c r="N858369" s="10"/>
    </row>
    <row r="858370" spans="14:14">
      <c r="N858370" s="10"/>
    </row>
    <row r="858371" spans="14:14">
      <c r="N858371" s="10"/>
    </row>
    <row r="858372" spans="14:14">
      <c r="N858372" s="10"/>
    </row>
    <row r="858373" spans="14:14">
      <c r="N858373" s="10"/>
    </row>
    <row r="858374" spans="14:14">
      <c r="N858374" s="10"/>
    </row>
    <row r="858375" spans="14:14">
      <c r="N858375" s="10"/>
    </row>
    <row r="858376" spans="14:14">
      <c r="N858376" s="10"/>
    </row>
    <row r="858377" spans="14:14">
      <c r="N858377" s="10"/>
    </row>
    <row r="858378" spans="14:14">
      <c r="N858378" s="10"/>
    </row>
    <row r="858379" spans="14:14">
      <c r="N858379" s="10"/>
    </row>
    <row r="858380" spans="14:14">
      <c r="N858380" s="10"/>
    </row>
    <row r="858381" spans="14:14">
      <c r="N858381" s="10"/>
    </row>
    <row r="858382" spans="14:14">
      <c r="N858382" s="10"/>
    </row>
    <row r="858383" spans="14:14">
      <c r="N858383" s="10"/>
    </row>
    <row r="858384" spans="14:14">
      <c r="N858384" s="10"/>
    </row>
    <row r="858385" spans="14:14">
      <c r="N858385" s="10"/>
    </row>
    <row r="858386" spans="14:14">
      <c r="N858386" s="10"/>
    </row>
    <row r="858387" spans="14:14">
      <c r="N858387" s="10"/>
    </row>
    <row r="858388" spans="14:14">
      <c r="N858388" s="10"/>
    </row>
    <row r="858389" spans="14:14">
      <c r="N858389" s="10"/>
    </row>
    <row r="858390" spans="14:14">
      <c r="N858390" s="10"/>
    </row>
    <row r="858391" spans="14:14">
      <c r="N858391" s="10"/>
    </row>
    <row r="858392" spans="14:14">
      <c r="N858392" s="10"/>
    </row>
    <row r="858393" spans="14:14">
      <c r="N858393" s="10"/>
    </row>
    <row r="858394" spans="14:14">
      <c r="N858394" s="10"/>
    </row>
    <row r="858395" spans="14:14">
      <c r="N858395" s="10"/>
    </row>
    <row r="858396" spans="14:14">
      <c r="N858396" s="10"/>
    </row>
    <row r="858397" spans="14:14">
      <c r="N858397" s="10"/>
    </row>
    <row r="858398" spans="14:14">
      <c r="N858398" s="10"/>
    </row>
    <row r="858399" spans="14:14">
      <c r="N858399" s="10"/>
    </row>
    <row r="858400" spans="14:14">
      <c r="N858400" s="10"/>
    </row>
    <row r="858401" spans="14:14">
      <c r="N858401" s="10"/>
    </row>
    <row r="858402" spans="14:14">
      <c r="N858402" s="10"/>
    </row>
    <row r="858403" spans="14:14">
      <c r="N858403" s="10"/>
    </row>
    <row r="858404" spans="14:14">
      <c r="N858404" s="10"/>
    </row>
    <row r="858405" spans="14:14">
      <c r="N858405" s="10"/>
    </row>
    <row r="858406" spans="14:14">
      <c r="N858406" s="10"/>
    </row>
    <row r="858407" spans="14:14">
      <c r="N858407" s="10"/>
    </row>
    <row r="858408" spans="14:14">
      <c r="N858408" s="10"/>
    </row>
    <row r="858409" spans="14:14">
      <c r="N858409" s="10"/>
    </row>
    <row r="858410" spans="14:14">
      <c r="N858410" s="10"/>
    </row>
    <row r="858411" spans="14:14">
      <c r="N858411" s="10"/>
    </row>
    <row r="858412" spans="14:14">
      <c r="N858412" s="10"/>
    </row>
    <row r="858413" spans="14:14">
      <c r="N858413" s="10"/>
    </row>
    <row r="858414" spans="14:14">
      <c r="N858414" s="10"/>
    </row>
    <row r="858415" spans="14:14">
      <c r="N858415" s="10"/>
    </row>
    <row r="858416" spans="14:14">
      <c r="N858416" s="10"/>
    </row>
    <row r="858417" spans="14:14">
      <c r="N858417" s="10"/>
    </row>
    <row r="858418" spans="14:14">
      <c r="N858418" s="10"/>
    </row>
    <row r="858419" spans="14:14">
      <c r="N858419" s="10"/>
    </row>
    <row r="858420" spans="14:14">
      <c r="N858420" s="10"/>
    </row>
    <row r="858421" spans="14:14">
      <c r="N858421" s="10"/>
    </row>
    <row r="858422" spans="14:14">
      <c r="N858422" s="10"/>
    </row>
    <row r="858423" spans="14:14">
      <c r="N858423" s="10"/>
    </row>
    <row r="858424" spans="14:14">
      <c r="N858424" s="10"/>
    </row>
    <row r="858425" spans="14:14">
      <c r="N858425" s="10"/>
    </row>
    <row r="858426" spans="14:14">
      <c r="N858426" s="10"/>
    </row>
    <row r="858427" spans="14:14">
      <c r="N858427" s="10"/>
    </row>
    <row r="858428" spans="14:14">
      <c r="N858428" s="10"/>
    </row>
    <row r="858429" spans="14:14">
      <c r="N858429" s="10"/>
    </row>
    <row r="858430" spans="14:14">
      <c r="N858430" s="10"/>
    </row>
    <row r="858431" spans="14:14">
      <c r="N858431" s="10"/>
    </row>
    <row r="858432" spans="14:14">
      <c r="N858432" s="10"/>
    </row>
    <row r="858433" spans="14:14">
      <c r="N858433" s="10"/>
    </row>
    <row r="858434" spans="14:14">
      <c r="N858434" s="10"/>
    </row>
    <row r="858435" spans="14:14">
      <c r="N858435" s="10"/>
    </row>
    <row r="858436" spans="14:14">
      <c r="N858436" s="10"/>
    </row>
    <row r="858437" spans="14:14">
      <c r="N858437" s="10"/>
    </row>
    <row r="858438" spans="14:14">
      <c r="N858438" s="10"/>
    </row>
    <row r="858439" spans="14:14">
      <c r="N858439" s="10"/>
    </row>
    <row r="858440" spans="14:14">
      <c r="N858440" s="10"/>
    </row>
    <row r="858441" spans="14:14">
      <c r="N858441" s="10"/>
    </row>
    <row r="858442" spans="14:14">
      <c r="N858442" s="10"/>
    </row>
    <row r="858443" spans="14:14">
      <c r="N858443" s="10"/>
    </row>
    <row r="858444" spans="14:14">
      <c r="N858444" s="10"/>
    </row>
    <row r="858445" spans="14:14">
      <c r="N858445" s="10"/>
    </row>
    <row r="858446" spans="14:14">
      <c r="N858446" s="10"/>
    </row>
    <row r="858447" spans="14:14">
      <c r="N858447" s="10"/>
    </row>
    <row r="858448" spans="14:14">
      <c r="N858448" s="10"/>
    </row>
    <row r="858449" spans="14:14">
      <c r="N858449" s="10"/>
    </row>
    <row r="858450" spans="14:14">
      <c r="N858450" s="10"/>
    </row>
    <row r="858451" spans="14:14">
      <c r="N858451" s="10"/>
    </row>
    <row r="858452" spans="14:14">
      <c r="N858452" s="10"/>
    </row>
    <row r="858453" spans="14:14">
      <c r="N858453" s="10"/>
    </row>
    <row r="858454" spans="14:14">
      <c r="N858454" s="10"/>
    </row>
    <row r="858455" spans="14:14">
      <c r="N858455" s="10"/>
    </row>
    <row r="858456" spans="14:14">
      <c r="N858456" s="10"/>
    </row>
    <row r="858457" spans="14:14">
      <c r="N858457" s="10"/>
    </row>
    <row r="858458" spans="14:14">
      <c r="N858458" s="10"/>
    </row>
    <row r="858459" spans="14:14">
      <c r="N858459" s="10"/>
    </row>
    <row r="858460" spans="14:14">
      <c r="N858460" s="10"/>
    </row>
    <row r="858461" spans="14:14">
      <c r="N858461" s="10"/>
    </row>
    <row r="858462" spans="14:14">
      <c r="N858462" s="10"/>
    </row>
    <row r="858463" spans="14:14">
      <c r="N858463" s="10"/>
    </row>
    <row r="858464" spans="14:14">
      <c r="N858464" s="10"/>
    </row>
    <row r="858465" spans="14:14">
      <c r="N858465" s="10"/>
    </row>
    <row r="858466" spans="14:14">
      <c r="N858466" s="10"/>
    </row>
    <row r="858467" spans="14:14">
      <c r="N858467" s="10"/>
    </row>
    <row r="858468" spans="14:14">
      <c r="N858468" s="10"/>
    </row>
    <row r="858469" spans="14:14">
      <c r="N858469" s="10"/>
    </row>
    <row r="858470" spans="14:14">
      <c r="N858470" s="10"/>
    </row>
    <row r="858471" spans="14:14">
      <c r="N858471" s="10"/>
    </row>
    <row r="858472" spans="14:14">
      <c r="N858472" s="10"/>
    </row>
    <row r="858473" spans="14:14">
      <c r="N858473" s="10"/>
    </row>
    <row r="858474" spans="14:14">
      <c r="N858474" s="10"/>
    </row>
    <row r="858475" spans="14:14">
      <c r="N858475" s="10"/>
    </row>
    <row r="858476" spans="14:14">
      <c r="N858476" s="10"/>
    </row>
    <row r="858477" spans="14:14">
      <c r="N858477" s="10"/>
    </row>
    <row r="858478" spans="14:14">
      <c r="N858478" s="10"/>
    </row>
    <row r="858479" spans="14:14">
      <c r="N858479" s="10"/>
    </row>
    <row r="858480" spans="14:14">
      <c r="N858480" s="10"/>
    </row>
    <row r="858481" spans="14:14">
      <c r="N858481" s="10"/>
    </row>
    <row r="858482" spans="14:14">
      <c r="N858482" s="10"/>
    </row>
    <row r="858483" spans="14:14">
      <c r="N858483" s="10"/>
    </row>
    <row r="858484" spans="14:14">
      <c r="N858484" s="10"/>
    </row>
    <row r="858485" spans="14:14">
      <c r="N858485" s="10"/>
    </row>
    <row r="858486" spans="14:14">
      <c r="N858486" s="10"/>
    </row>
    <row r="858487" spans="14:14">
      <c r="N858487" s="10"/>
    </row>
    <row r="858488" spans="14:14">
      <c r="N858488" s="10"/>
    </row>
    <row r="858489" spans="14:14">
      <c r="N858489" s="10"/>
    </row>
    <row r="858490" spans="14:14">
      <c r="N858490" s="10"/>
    </row>
    <row r="858491" spans="14:14">
      <c r="N858491" s="10"/>
    </row>
    <row r="858492" spans="14:14">
      <c r="N858492" s="10"/>
    </row>
    <row r="858493" spans="14:14">
      <c r="N858493" s="10"/>
    </row>
    <row r="858494" spans="14:14">
      <c r="N858494" s="10"/>
    </row>
    <row r="858495" spans="14:14">
      <c r="N858495" s="10"/>
    </row>
    <row r="858496" spans="14:14">
      <c r="N858496" s="10"/>
    </row>
    <row r="858497" spans="14:14">
      <c r="N858497" s="10"/>
    </row>
    <row r="858498" spans="14:14">
      <c r="N858498" s="10"/>
    </row>
    <row r="858499" spans="14:14">
      <c r="N858499" s="10"/>
    </row>
    <row r="858500" spans="14:14">
      <c r="N858500" s="10"/>
    </row>
    <row r="858501" spans="14:14">
      <c r="N858501" s="10"/>
    </row>
    <row r="858502" spans="14:14">
      <c r="N858502" s="10"/>
    </row>
    <row r="858503" spans="14:14">
      <c r="N858503" s="10"/>
    </row>
    <row r="858504" spans="14:14">
      <c r="N858504" s="10"/>
    </row>
    <row r="858505" spans="14:14">
      <c r="N858505" s="10"/>
    </row>
    <row r="858506" spans="14:14">
      <c r="N858506" s="10"/>
    </row>
    <row r="858507" spans="14:14">
      <c r="N858507" s="10"/>
    </row>
    <row r="858508" spans="14:14">
      <c r="N858508" s="10"/>
    </row>
    <row r="858509" spans="14:14">
      <c r="N858509" s="10"/>
    </row>
    <row r="858510" spans="14:14">
      <c r="N858510" s="10"/>
    </row>
    <row r="858511" spans="14:14">
      <c r="N858511" s="10"/>
    </row>
    <row r="858512" spans="14:14">
      <c r="N858512" s="10"/>
    </row>
    <row r="858513" spans="14:14">
      <c r="N858513" s="10"/>
    </row>
    <row r="858514" spans="14:14">
      <c r="N858514" s="10"/>
    </row>
    <row r="858515" spans="14:14">
      <c r="N858515" s="10"/>
    </row>
    <row r="858516" spans="14:14">
      <c r="N858516" s="10"/>
    </row>
    <row r="858517" spans="14:14">
      <c r="N858517" s="10"/>
    </row>
    <row r="858518" spans="14:14">
      <c r="N858518" s="10"/>
    </row>
    <row r="858519" spans="14:14">
      <c r="N858519" s="10"/>
    </row>
    <row r="858520" spans="14:14">
      <c r="N858520" s="10"/>
    </row>
    <row r="858521" spans="14:14">
      <c r="N858521" s="10"/>
    </row>
    <row r="858522" spans="14:14">
      <c r="N858522" s="10"/>
    </row>
    <row r="858523" spans="14:14">
      <c r="N858523" s="10"/>
    </row>
    <row r="858524" spans="14:14">
      <c r="N858524" s="10"/>
    </row>
    <row r="858525" spans="14:14">
      <c r="N858525" s="10"/>
    </row>
    <row r="858526" spans="14:14">
      <c r="N858526" s="10"/>
    </row>
    <row r="858527" spans="14:14">
      <c r="N858527" s="10"/>
    </row>
    <row r="858528" spans="14:14">
      <c r="N858528" s="10"/>
    </row>
    <row r="858529" spans="14:14">
      <c r="N858529" s="10"/>
    </row>
    <row r="858530" spans="14:14">
      <c r="N858530" s="10"/>
    </row>
    <row r="858531" spans="14:14">
      <c r="N858531" s="10"/>
    </row>
    <row r="858532" spans="14:14">
      <c r="N858532" s="10"/>
    </row>
    <row r="858533" spans="14:14">
      <c r="N858533" s="10"/>
    </row>
    <row r="858534" spans="14:14">
      <c r="N858534" s="10"/>
    </row>
    <row r="858535" spans="14:14">
      <c r="N858535" s="10"/>
    </row>
    <row r="858536" spans="14:14">
      <c r="N858536" s="10"/>
    </row>
    <row r="858537" spans="14:14">
      <c r="N858537" s="10"/>
    </row>
    <row r="858538" spans="14:14">
      <c r="N858538" s="10"/>
    </row>
    <row r="858539" spans="14:14">
      <c r="N858539" s="10"/>
    </row>
    <row r="858540" spans="14:14">
      <c r="N858540" s="10"/>
    </row>
    <row r="858541" spans="14:14">
      <c r="N858541" s="10"/>
    </row>
    <row r="858542" spans="14:14">
      <c r="N858542" s="10"/>
    </row>
    <row r="858543" spans="14:14">
      <c r="N858543" s="10"/>
    </row>
    <row r="858544" spans="14:14">
      <c r="N858544" s="10"/>
    </row>
    <row r="858545" spans="14:14">
      <c r="N858545" s="10"/>
    </row>
    <row r="858546" spans="14:14">
      <c r="N858546" s="10"/>
    </row>
    <row r="858547" spans="14:14">
      <c r="N858547" s="10"/>
    </row>
    <row r="858548" spans="14:14">
      <c r="N858548" s="10"/>
    </row>
    <row r="858549" spans="14:14">
      <c r="N858549" s="10"/>
    </row>
    <row r="858550" spans="14:14">
      <c r="N858550" s="10"/>
    </row>
    <row r="858551" spans="14:14">
      <c r="N858551" s="10"/>
    </row>
    <row r="858552" spans="14:14">
      <c r="N858552" s="10"/>
    </row>
    <row r="858553" spans="14:14">
      <c r="N858553" s="10"/>
    </row>
    <row r="858554" spans="14:14">
      <c r="N858554" s="10"/>
    </row>
    <row r="858555" spans="14:14">
      <c r="N858555" s="10"/>
    </row>
    <row r="858556" spans="14:14">
      <c r="N858556" s="10"/>
    </row>
    <row r="858557" spans="14:14">
      <c r="N858557" s="10"/>
    </row>
    <row r="858558" spans="14:14">
      <c r="N858558" s="10"/>
    </row>
    <row r="858559" spans="14:14">
      <c r="N858559" s="10"/>
    </row>
    <row r="858560" spans="14:14">
      <c r="N858560" s="10"/>
    </row>
    <row r="858561" spans="14:14">
      <c r="N858561" s="10"/>
    </row>
    <row r="858562" spans="14:14">
      <c r="N858562" s="10"/>
    </row>
    <row r="858563" spans="14:14">
      <c r="N858563" s="10"/>
    </row>
    <row r="858564" spans="14:14">
      <c r="N858564" s="10"/>
    </row>
    <row r="858565" spans="14:14">
      <c r="N858565" s="10"/>
    </row>
    <row r="858566" spans="14:14">
      <c r="N858566" s="10"/>
    </row>
    <row r="858567" spans="14:14">
      <c r="N858567" s="10"/>
    </row>
    <row r="858568" spans="14:14">
      <c r="N858568" s="10"/>
    </row>
    <row r="858569" spans="14:14">
      <c r="N858569" s="10"/>
    </row>
    <row r="858570" spans="14:14">
      <c r="N858570" s="10"/>
    </row>
    <row r="858571" spans="14:14">
      <c r="N858571" s="10"/>
    </row>
    <row r="858572" spans="14:14">
      <c r="N858572" s="10"/>
    </row>
    <row r="858573" spans="14:14">
      <c r="N858573" s="10"/>
    </row>
    <row r="858574" spans="14:14">
      <c r="N858574" s="10"/>
    </row>
    <row r="858575" spans="14:14">
      <c r="N858575" s="10"/>
    </row>
    <row r="858576" spans="14:14">
      <c r="N858576" s="10"/>
    </row>
    <row r="858577" spans="14:14">
      <c r="N858577" s="10"/>
    </row>
    <row r="858578" spans="14:14">
      <c r="N858578" s="10"/>
    </row>
    <row r="858579" spans="14:14">
      <c r="N858579" s="10"/>
    </row>
    <row r="858580" spans="14:14">
      <c r="N858580" s="10"/>
    </row>
    <row r="858581" spans="14:14">
      <c r="N858581" s="10"/>
    </row>
    <row r="858582" spans="14:14">
      <c r="N858582" s="10"/>
    </row>
    <row r="858583" spans="14:14">
      <c r="N858583" s="10"/>
    </row>
    <row r="858584" spans="14:14">
      <c r="N858584" s="10"/>
    </row>
    <row r="858585" spans="14:14">
      <c r="N858585" s="10"/>
    </row>
    <row r="858586" spans="14:14">
      <c r="N858586" s="10"/>
    </row>
    <row r="858587" spans="14:14">
      <c r="N858587" s="10"/>
    </row>
    <row r="858588" spans="14:14">
      <c r="N858588" s="10"/>
    </row>
    <row r="858589" spans="14:14">
      <c r="N858589" s="10"/>
    </row>
    <row r="858590" spans="14:14">
      <c r="N858590" s="10"/>
    </row>
    <row r="858591" spans="14:14">
      <c r="N858591" s="10"/>
    </row>
    <row r="858592" spans="14:14">
      <c r="N858592" s="10"/>
    </row>
    <row r="858593" spans="14:14">
      <c r="N858593" s="10"/>
    </row>
    <row r="858594" spans="14:14">
      <c r="N858594" s="10"/>
    </row>
    <row r="858595" spans="14:14">
      <c r="N858595" s="10"/>
    </row>
    <row r="858596" spans="14:14">
      <c r="N858596" s="10"/>
    </row>
    <row r="858597" spans="14:14">
      <c r="N858597" s="10"/>
    </row>
    <row r="858598" spans="14:14">
      <c r="N858598" s="10"/>
    </row>
    <row r="858599" spans="14:14">
      <c r="N858599" s="10"/>
    </row>
    <row r="858600" spans="14:14">
      <c r="N858600" s="10"/>
    </row>
    <row r="858601" spans="14:14">
      <c r="N858601" s="10"/>
    </row>
    <row r="858602" spans="14:14">
      <c r="N858602" s="10"/>
    </row>
    <row r="858603" spans="14:14">
      <c r="N858603" s="10"/>
    </row>
    <row r="858604" spans="14:14">
      <c r="N858604" s="10"/>
    </row>
    <row r="858605" spans="14:14">
      <c r="N858605" s="10"/>
    </row>
    <row r="858606" spans="14:14">
      <c r="N858606" s="10"/>
    </row>
    <row r="858607" spans="14:14">
      <c r="N858607" s="10"/>
    </row>
    <row r="858608" spans="14:14">
      <c r="N858608" s="10"/>
    </row>
    <row r="858609" spans="14:14">
      <c r="N858609" s="10"/>
    </row>
    <row r="858610" spans="14:14">
      <c r="N858610" s="10"/>
    </row>
    <row r="858611" spans="14:14">
      <c r="N858611" s="10"/>
    </row>
    <row r="858612" spans="14:14">
      <c r="N858612" s="10"/>
    </row>
    <row r="858613" spans="14:14">
      <c r="N858613" s="10"/>
    </row>
    <row r="858614" spans="14:14">
      <c r="N858614" s="10"/>
    </row>
    <row r="858615" spans="14:14">
      <c r="N858615" s="10"/>
    </row>
    <row r="858616" spans="14:14">
      <c r="N858616" s="10"/>
    </row>
    <row r="858617" spans="14:14">
      <c r="N858617" s="10"/>
    </row>
    <row r="858618" spans="14:14">
      <c r="N858618" s="10"/>
    </row>
    <row r="858619" spans="14:14">
      <c r="N858619" s="10"/>
    </row>
    <row r="858620" spans="14:14">
      <c r="N858620" s="10"/>
    </row>
    <row r="858621" spans="14:14">
      <c r="N858621" s="10"/>
    </row>
    <row r="858622" spans="14:14">
      <c r="N858622" s="10"/>
    </row>
    <row r="858623" spans="14:14">
      <c r="N858623" s="10"/>
    </row>
    <row r="858624" spans="14:14">
      <c r="N858624" s="10"/>
    </row>
    <row r="858625" spans="14:14">
      <c r="N858625" s="10"/>
    </row>
    <row r="858626" spans="14:14">
      <c r="N858626" s="10"/>
    </row>
    <row r="858627" spans="14:14">
      <c r="N858627" s="10"/>
    </row>
    <row r="858628" spans="14:14">
      <c r="N858628" s="10"/>
    </row>
    <row r="858629" spans="14:14">
      <c r="N858629" s="10"/>
    </row>
    <row r="858630" spans="14:14">
      <c r="N858630" s="10"/>
    </row>
    <row r="858631" spans="14:14">
      <c r="N858631" s="10"/>
    </row>
    <row r="858632" spans="14:14">
      <c r="N858632" s="10"/>
    </row>
    <row r="858633" spans="14:14">
      <c r="N858633" s="10"/>
    </row>
    <row r="858634" spans="14:14">
      <c r="N858634" s="10"/>
    </row>
    <row r="858635" spans="14:14">
      <c r="N858635" s="10"/>
    </row>
    <row r="858636" spans="14:14">
      <c r="N858636" s="10"/>
    </row>
    <row r="858637" spans="14:14">
      <c r="N858637" s="10"/>
    </row>
    <row r="858638" spans="14:14">
      <c r="N858638" s="10"/>
    </row>
    <row r="858639" spans="14:14">
      <c r="N858639" s="10"/>
    </row>
    <row r="858640" spans="14:14">
      <c r="N858640" s="10"/>
    </row>
    <row r="858641" spans="14:14">
      <c r="N858641" s="10"/>
    </row>
    <row r="858642" spans="14:14">
      <c r="N858642" s="10"/>
    </row>
    <row r="858643" spans="14:14">
      <c r="N858643" s="10"/>
    </row>
    <row r="858644" spans="14:14">
      <c r="N858644" s="10"/>
    </row>
    <row r="858645" spans="14:14">
      <c r="N858645" s="10"/>
    </row>
    <row r="858646" spans="14:14">
      <c r="N858646" s="10"/>
    </row>
    <row r="858647" spans="14:14">
      <c r="N858647" s="10"/>
    </row>
    <row r="858648" spans="14:14">
      <c r="N858648" s="10"/>
    </row>
    <row r="858649" spans="14:14">
      <c r="N858649" s="10"/>
    </row>
    <row r="858650" spans="14:14">
      <c r="N858650" s="10"/>
    </row>
    <row r="858651" spans="14:14">
      <c r="N858651" s="10"/>
    </row>
    <row r="858652" spans="14:14">
      <c r="N858652" s="10"/>
    </row>
    <row r="858653" spans="14:14">
      <c r="N858653" s="10"/>
    </row>
    <row r="858654" spans="14:14">
      <c r="N858654" s="10"/>
    </row>
    <row r="858655" spans="14:14">
      <c r="N858655" s="10"/>
    </row>
    <row r="858656" spans="14:14">
      <c r="N858656" s="10"/>
    </row>
    <row r="858657" spans="14:14">
      <c r="N858657" s="10"/>
    </row>
    <row r="858658" spans="14:14">
      <c r="N858658" s="10"/>
    </row>
    <row r="858659" spans="14:14">
      <c r="N858659" s="10"/>
    </row>
    <row r="858660" spans="14:14">
      <c r="N858660" s="10"/>
    </row>
    <row r="858661" spans="14:14">
      <c r="N858661" s="10"/>
    </row>
    <row r="858662" spans="14:14">
      <c r="N858662" s="10"/>
    </row>
    <row r="858663" spans="14:14">
      <c r="N858663" s="10"/>
    </row>
    <row r="858664" spans="14:14">
      <c r="N858664" s="10"/>
    </row>
    <row r="858665" spans="14:14">
      <c r="N858665" s="10"/>
    </row>
    <row r="858666" spans="14:14">
      <c r="N858666" s="10"/>
    </row>
    <row r="858667" spans="14:14">
      <c r="N858667" s="10"/>
    </row>
    <row r="858668" spans="14:14">
      <c r="N858668" s="10"/>
    </row>
    <row r="858669" spans="14:14">
      <c r="N858669" s="10"/>
    </row>
    <row r="858670" spans="14:14">
      <c r="N858670" s="10"/>
    </row>
    <row r="858671" spans="14:14">
      <c r="N858671" s="10"/>
    </row>
    <row r="858672" spans="14:14">
      <c r="N858672" s="10"/>
    </row>
    <row r="858673" spans="14:14">
      <c r="N858673" s="10"/>
    </row>
    <row r="858674" spans="14:14">
      <c r="N858674" s="10"/>
    </row>
    <row r="858675" spans="14:14">
      <c r="N858675" s="10"/>
    </row>
    <row r="858676" spans="14:14">
      <c r="N858676" s="10"/>
    </row>
    <row r="858677" spans="14:14">
      <c r="N858677" s="10"/>
    </row>
    <row r="858678" spans="14:14">
      <c r="N858678" s="10"/>
    </row>
    <row r="858679" spans="14:14">
      <c r="N858679" s="10"/>
    </row>
    <row r="858680" spans="14:14">
      <c r="N858680" s="10"/>
    </row>
    <row r="858681" spans="14:14">
      <c r="N858681" s="10"/>
    </row>
    <row r="858682" spans="14:14">
      <c r="N858682" s="10"/>
    </row>
    <row r="858683" spans="14:14">
      <c r="N858683" s="10"/>
    </row>
    <row r="858684" spans="14:14">
      <c r="N858684" s="10"/>
    </row>
    <row r="858685" spans="14:14">
      <c r="N858685" s="10"/>
    </row>
    <row r="858686" spans="14:14">
      <c r="N858686" s="10"/>
    </row>
    <row r="858687" spans="14:14">
      <c r="N858687" s="10"/>
    </row>
    <row r="858688" spans="14:14">
      <c r="N858688" s="10"/>
    </row>
    <row r="858689" spans="14:14">
      <c r="N858689" s="10"/>
    </row>
    <row r="858690" spans="14:14">
      <c r="N858690" s="10"/>
    </row>
    <row r="858691" spans="14:14">
      <c r="N858691" s="10"/>
    </row>
    <row r="858692" spans="14:14">
      <c r="N858692" s="10"/>
    </row>
    <row r="858693" spans="14:14">
      <c r="N858693" s="10"/>
    </row>
    <row r="858694" spans="14:14">
      <c r="N858694" s="10"/>
    </row>
    <row r="858695" spans="14:14">
      <c r="N858695" s="10"/>
    </row>
    <row r="858696" spans="14:14">
      <c r="N858696" s="10"/>
    </row>
    <row r="858697" spans="14:14">
      <c r="N858697" s="10"/>
    </row>
    <row r="858698" spans="14:14">
      <c r="N858698" s="10"/>
    </row>
    <row r="858699" spans="14:14">
      <c r="N858699" s="10"/>
    </row>
    <row r="858700" spans="14:14">
      <c r="N858700" s="10"/>
    </row>
    <row r="858701" spans="14:14">
      <c r="N858701" s="10"/>
    </row>
    <row r="858702" spans="14:14">
      <c r="N858702" s="10"/>
    </row>
    <row r="858703" spans="14:14">
      <c r="N858703" s="10"/>
    </row>
    <row r="858704" spans="14:14">
      <c r="N858704" s="10"/>
    </row>
    <row r="858705" spans="14:14">
      <c r="N858705" s="10"/>
    </row>
    <row r="858706" spans="14:14">
      <c r="N858706" s="10"/>
    </row>
    <row r="858707" spans="14:14">
      <c r="N858707" s="10"/>
    </row>
    <row r="858708" spans="14:14">
      <c r="N858708" s="10"/>
    </row>
    <row r="858709" spans="14:14">
      <c r="N858709" s="10"/>
    </row>
    <row r="858710" spans="14:14">
      <c r="N858710" s="10"/>
    </row>
    <row r="858711" spans="14:14">
      <c r="N858711" s="10"/>
    </row>
    <row r="858712" spans="14:14">
      <c r="N858712" s="10"/>
    </row>
    <row r="858713" spans="14:14">
      <c r="N858713" s="10"/>
    </row>
    <row r="858714" spans="14:14">
      <c r="N858714" s="10"/>
    </row>
    <row r="858715" spans="14:14">
      <c r="N858715" s="10"/>
    </row>
    <row r="858716" spans="14:14">
      <c r="N858716" s="10"/>
    </row>
    <row r="858717" spans="14:14">
      <c r="N858717" s="10"/>
    </row>
    <row r="858718" spans="14:14">
      <c r="N858718" s="10"/>
    </row>
    <row r="858719" spans="14:14">
      <c r="N858719" s="10"/>
    </row>
    <row r="858720" spans="14:14">
      <c r="N858720" s="10"/>
    </row>
    <row r="858721" spans="14:14">
      <c r="N858721" s="10"/>
    </row>
    <row r="858722" spans="14:14">
      <c r="N858722" s="10"/>
    </row>
    <row r="858723" spans="14:14">
      <c r="N858723" s="10"/>
    </row>
    <row r="858724" spans="14:14">
      <c r="N858724" s="10"/>
    </row>
    <row r="858725" spans="14:14">
      <c r="N858725" s="10"/>
    </row>
    <row r="858726" spans="14:14">
      <c r="N858726" s="10"/>
    </row>
    <row r="858727" spans="14:14">
      <c r="N858727" s="10"/>
    </row>
    <row r="858728" spans="14:14">
      <c r="N858728" s="10"/>
    </row>
    <row r="858729" spans="14:14">
      <c r="N858729" s="10"/>
    </row>
    <row r="858730" spans="14:14">
      <c r="N858730" s="10"/>
    </row>
    <row r="858731" spans="14:14">
      <c r="N858731" s="10"/>
    </row>
    <row r="858732" spans="14:14">
      <c r="N858732" s="10"/>
    </row>
    <row r="858733" spans="14:14">
      <c r="N858733" s="10"/>
    </row>
    <row r="858734" spans="14:14">
      <c r="N858734" s="10"/>
    </row>
    <row r="858735" spans="14:14">
      <c r="N858735" s="10"/>
    </row>
    <row r="858736" spans="14:14">
      <c r="N858736" s="10"/>
    </row>
    <row r="858737" spans="14:14">
      <c r="N858737" s="10"/>
    </row>
    <row r="858738" spans="14:14">
      <c r="N858738" s="10"/>
    </row>
    <row r="858739" spans="14:14">
      <c r="N858739" s="10"/>
    </row>
    <row r="858740" spans="14:14">
      <c r="N858740" s="10"/>
    </row>
    <row r="858741" spans="14:14">
      <c r="N858741" s="10"/>
    </row>
    <row r="858742" spans="14:14">
      <c r="N858742" s="10"/>
    </row>
    <row r="858743" spans="14:14">
      <c r="N858743" s="10"/>
    </row>
    <row r="858744" spans="14:14">
      <c r="N858744" s="10"/>
    </row>
    <row r="858745" spans="14:14">
      <c r="N858745" s="10"/>
    </row>
    <row r="858746" spans="14:14">
      <c r="N858746" s="10"/>
    </row>
    <row r="858747" spans="14:14">
      <c r="N858747" s="10"/>
    </row>
    <row r="858748" spans="14:14">
      <c r="N858748" s="10"/>
    </row>
    <row r="858749" spans="14:14">
      <c r="N858749" s="10"/>
    </row>
    <row r="858750" spans="14:14">
      <c r="N858750" s="10"/>
    </row>
    <row r="858751" spans="14:14">
      <c r="N858751" s="10"/>
    </row>
    <row r="858752" spans="14:14">
      <c r="N858752" s="10"/>
    </row>
    <row r="858753" spans="14:14">
      <c r="N858753" s="10"/>
    </row>
    <row r="858754" spans="14:14">
      <c r="N858754" s="10"/>
    </row>
    <row r="858755" spans="14:14">
      <c r="N858755" s="10"/>
    </row>
    <row r="858756" spans="14:14">
      <c r="N858756" s="10"/>
    </row>
    <row r="858757" spans="14:14">
      <c r="N858757" s="10"/>
    </row>
    <row r="858758" spans="14:14">
      <c r="N858758" s="10"/>
    </row>
    <row r="858759" spans="14:14">
      <c r="N858759" s="10"/>
    </row>
    <row r="858760" spans="14:14">
      <c r="N858760" s="10"/>
    </row>
    <row r="858761" spans="14:14">
      <c r="N858761" s="10"/>
    </row>
    <row r="858762" spans="14:14">
      <c r="N858762" s="10"/>
    </row>
    <row r="858763" spans="14:14">
      <c r="N858763" s="10"/>
    </row>
    <row r="858764" spans="14:14">
      <c r="N858764" s="10"/>
    </row>
    <row r="858765" spans="14:14">
      <c r="N858765" s="10"/>
    </row>
    <row r="858766" spans="14:14">
      <c r="N858766" s="10"/>
    </row>
    <row r="858767" spans="14:14">
      <c r="N858767" s="10"/>
    </row>
    <row r="858768" spans="14:14">
      <c r="N858768" s="10"/>
    </row>
    <row r="858769" spans="14:14">
      <c r="N858769" s="10"/>
    </row>
    <row r="858770" spans="14:14">
      <c r="N858770" s="10"/>
    </row>
    <row r="858771" spans="14:14">
      <c r="N858771" s="10"/>
    </row>
    <row r="858772" spans="14:14">
      <c r="N858772" s="10"/>
    </row>
    <row r="858773" spans="14:14">
      <c r="N858773" s="10"/>
    </row>
    <row r="858774" spans="14:14">
      <c r="N858774" s="10"/>
    </row>
    <row r="858775" spans="14:14">
      <c r="N858775" s="10"/>
    </row>
    <row r="858776" spans="14:14">
      <c r="N858776" s="10"/>
    </row>
    <row r="858777" spans="14:14">
      <c r="N858777" s="10"/>
    </row>
    <row r="858778" spans="14:14">
      <c r="N858778" s="10"/>
    </row>
    <row r="858779" spans="14:14">
      <c r="N858779" s="10"/>
    </row>
    <row r="858780" spans="14:14">
      <c r="N858780" s="10"/>
    </row>
    <row r="858781" spans="14:14">
      <c r="N858781" s="10"/>
    </row>
    <row r="858782" spans="14:14">
      <c r="N858782" s="10"/>
    </row>
    <row r="858783" spans="14:14">
      <c r="N858783" s="10"/>
    </row>
    <row r="858784" spans="14:14">
      <c r="N858784" s="10"/>
    </row>
    <row r="858785" spans="14:14">
      <c r="N858785" s="10"/>
    </row>
    <row r="858786" spans="14:14">
      <c r="N858786" s="10"/>
    </row>
    <row r="858787" spans="14:14">
      <c r="N858787" s="10"/>
    </row>
    <row r="858788" spans="14:14">
      <c r="N858788" s="10"/>
    </row>
    <row r="858789" spans="14:14">
      <c r="N858789" s="10"/>
    </row>
    <row r="858790" spans="14:14">
      <c r="N858790" s="10"/>
    </row>
    <row r="858791" spans="14:14">
      <c r="N858791" s="10"/>
    </row>
    <row r="858792" spans="14:14">
      <c r="N858792" s="10"/>
    </row>
    <row r="858793" spans="14:14">
      <c r="N858793" s="10"/>
    </row>
    <row r="858794" spans="14:14">
      <c r="N858794" s="10"/>
    </row>
    <row r="858795" spans="14:14">
      <c r="N858795" s="10"/>
    </row>
    <row r="858796" spans="14:14">
      <c r="N858796" s="10"/>
    </row>
    <row r="858797" spans="14:14">
      <c r="N858797" s="10"/>
    </row>
    <row r="858798" spans="14:14">
      <c r="N858798" s="10"/>
    </row>
    <row r="858799" spans="14:14">
      <c r="N858799" s="10"/>
    </row>
    <row r="858800" spans="14:14">
      <c r="N858800" s="10"/>
    </row>
    <row r="858801" spans="14:14">
      <c r="N858801" s="10"/>
    </row>
    <row r="858802" spans="14:14">
      <c r="N858802" s="10"/>
    </row>
    <row r="858803" spans="14:14">
      <c r="N858803" s="10"/>
    </row>
    <row r="858804" spans="14:14">
      <c r="N858804" s="10"/>
    </row>
    <row r="858805" spans="14:14">
      <c r="N858805" s="10"/>
    </row>
    <row r="858806" spans="14:14">
      <c r="N858806" s="10"/>
    </row>
    <row r="858807" spans="14:14">
      <c r="N858807" s="10"/>
    </row>
    <row r="858808" spans="14:14">
      <c r="N858808" s="10"/>
    </row>
    <row r="858809" spans="14:14">
      <c r="N858809" s="10"/>
    </row>
    <row r="858810" spans="14:14">
      <c r="N858810" s="10"/>
    </row>
    <row r="858811" spans="14:14">
      <c r="N858811" s="10"/>
    </row>
    <row r="858812" spans="14:14">
      <c r="N858812" s="10"/>
    </row>
    <row r="858813" spans="14:14">
      <c r="N858813" s="10"/>
    </row>
    <row r="858814" spans="14:14">
      <c r="N858814" s="10"/>
    </row>
    <row r="858815" spans="14:14">
      <c r="N858815" s="10"/>
    </row>
    <row r="858816" spans="14:14">
      <c r="N858816" s="10"/>
    </row>
    <row r="858817" spans="14:14">
      <c r="N858817" s="10"/>
    </row>
    <row r="858818" spans="14:14">
      <c r="N858818" s="10"/>
    </row>
    <row r="858819" spans="14:14">
      <c r="N858819" s="10"/>
    </row>
    <row r="858820" spans="14:14">
      <c r="N858820" s="10"/>
    </row>
    <row r="858821" spans="14:14">
      <c r="N858821" s="10"/>
    </row>
    <row r="858822" spans="14:14">
      <c r="N858822" s="10"/>
    </row>
    <row r="858823" spans="14:14">
      <c r="N858823" s="10"/>
    </row>
    <row r="858824" spans="14:14">
      <c r="N858824" s="10"/>
    </row>
    <row r="858825" spans="14:14">
      <c r="N858825" s="10"/>
    </row>
    <row r="858826" spans="14:14">
      <c r="N858826" s="10"/>
    </row>
    <row r="858827" spans="14:14">
      <c r="N858827" s="10"/>
    </row>
    <row r="858828" spans="14:14">
      <c r="N858828" s="10"/>
    </row>
    <row r="858829" spans="14:14">
      <c r="N858829" s="10"/>
    </row>
    <row r="858830" spans="14:14">
      <c r="N858830" s="10"/>
    </row>
    <row r="858831" spans="14:14">
      <c r="N858831" s="10"/>
    </row>
    <row r="858832" spans="14:14">
      <c r="N858832" s="10"/>
    </row>
    <row r="858833" spans="14:14">
      <c r="N858833" s="10"/>
    </row>
    <row r="858834" spans="14:14">
      <c r="N858834" s="10"/>
    </row>
    <row r="858835" spans="14:14">
      <c r="N858835" s="10"/>
    </row>
    <row r="858836" spans="14:14">
      <c r="N858836" s="10"/>
    </row>
    <row r="858837" spans="14:14">
      <c r="N858837" s="10"/>
    </row>
    <row r="858838" spans="14:14">
      <c r="N858838" s="10"/>
    </row>
    <row r="858839" spans="14:14">
      <c r="N858839" s="10"/>
    </row>
    <row r="858840" spans="14:14">
      <c r="N858840" s="10"/>
    </row>
    <row r="858841" spans="14:14">
      <c r="N858841" s="10"/>
    </row>
    <row r="858842" spans="14:14">
      <c r="N858842" s="10"/>
    </row>
    <row r="858843" spans="14:14">
      <c r="N858843" s="10"/>
    </row>
    <row r="858844" spans="14:14">
      <c r="N858844" s="10"/>
    </row>
    <row r="858845" spans="14:14">
      <c r="N858845" s="10"/>
    </row>
    <row r="858846" spans="14:14">
      <c r="N858846" s="10"/>
    </row>
    <row r="858847" spans="14:14">
      <c r="N858847" s="10"/>
    </row>
    <row r="858848" spans="14:14">
      <c r="N858848" s="10"/>
    </row>
    <row r="858849" spans="14:14">
      <c r="N858849" s="10"/>
    </row>
    <row r="858850" spans="14:14">
      <c r="N858850" s="10"/>
    </row>
    <row r="858851" spans="14:14">
      <c r="N858851" s="10"/>
    </row>
    <row r="858852" spans="14:14">
      <c r="N858852" s="10"/>
    </row>
    <row r="858853" spans="14:14">
      <c r="N858853" s="10"/>
    </row>
    <row r="858854" spans="14:14">
      <c r="N858854" s="10"/>
    </row>
    <row r="858855" spans="14:14">
      <c r="N858855" s="10"/>
    </row>
    <row r="858856" spans="14:14">
      <c r="N858856" s="10"/>
    </row>
    <row r="858857" spans="14:14">
      <c r="N858857" s="10"/>
    </row>
    <row r="858858" spans="14:14">
      <c r="N858858" s="10"/>
    </row>
    <row r="858859" spans="14:14">
      <c r="N858859" s="10"/>
    </row>
    <row r="858860" spans="14:14">
      <c r="N858860" s="10"/>
    </row>
    <row r="858861" spans="14:14">
      <c r="N858861" s="10"/>
    </row>
    <row r="858862" spans="14:14">
      <c r="N858862" s="10"/>
    </row>
    <row r="858863" spans="14:14">
      <c r="N858863" s="10"/>
    </row>
    <row r="858864" spans="14:14">
      <c r="N858864" s="10"/>
    </row>
    <row r="858865" spans="14:14">
      <c r="N858865" s="10"/>
    </row>
    <row r="858866" spans="14:14">
      <c r="N858866" s="10"/>
    </row>
    <row r="858867" spans="14:14">
      <c r="N858867" s="10"/>
    </row>
    <row r="858868" spans="14:14">
      <c r="N858868" s="10"/>
    </row>
    <row r="858869" spans="14:14">
      <c r="N858869" s="10"/>
    </row>
    <row r="858870" spans="14:14">
      <c r="N858870" s="10"/>
    </row>
    <row r="858871" spans="14:14">
      <c r="N858871" s="10"/>
    </row>
    <row r="858872" spans="14:14">
      <c r="N858872" s="10"/>
    </row>
    <row r="858873" spans="14:14">
      <c r="N858873" s="10"/>
    </row>
    <row r="858874" spans="14:14">
      <c r="N858874" s="10"/>
    </row>
    <row r="858875" spans="14:14">
      <c r="N858875" s="10"/>
    </row>
    <row r="858876" spans="14:14">
      <c r="N858876" s="10"/>
    </row>
    <row r="858877" spans="14:14">
      <c r="N858877" s="10"/>
    </row>
    <row r="858878" spans="14:14">
      <c r="N858878" s="10"/>
    </row>
    <row r="858879" spans="14:14">
      <c r="N858879" s="10"/>
    </row>
    <row r="858880" spans="14:14">
      <c r="N858880" s="10"/>
    </row>
    <row r="858881" spans="14:14">
      <c r="N858881" s="10"/>
    </row>
    <row r="858882" spans="14:14">
      <c r="N858882" s="10"/>
    </row>
    <row r="858883" spans="14:14">
      <c r="N858883" s="10"/>
    </row>
    <row r="858884" spans="14:14">
      <c r="N858884" s="10"/>
    </row>
    <row r="858885" spans="14:14">
      <c r="N858885" s="10"/>
    </row>
    <row r="858886" spans="14:14">
      <c r="N858886" s="10"/>
    </row>
    <row r="858887" spans="14:14">
      <c r="N858887" s="10"/>
    </row>
    <row r="858888" spans="14:14">
      <c r="N858888" s="10"/>
    </row>
    <row r="858889" spans="14:14">
      <c r="N858889" s="10"/>
    </row>
    <row r="858890" spans="14:14">
      <c r="N858890" s="10"/>
    </row>
    <row r="858891" spans="14:14">
      <c r="N858891" s="10"/>
    </row>
    <row r="858892" spans="14:14">
      <c r="N858892" s="10"/>
    </row>
    <row r="858893" spans="14:14">
      <c r="N858893" s="10"/>
    </row>
    <row r="858894" spans="14:14">
      <c r="N858894" s="10"/>
    </row>
    <row r="858895" spans="14:14">
      <c r="N858895" s="10"/>
    </row>
    <row r="858896" spans="14:14">
      <c r="N858896" s="10"/>
    </row>
    <row r="858897" spans="14:14">
      <c r="N858897" s="10"/>
    </row>
    <row r="858898" spans="14:14">
      <c r="N858898" s="10"/>
    </row>
    <row r="858899" spans="14:14">
      <c r="N858899" s="10"/>
    </row>
    <row r="858900" spans="14:14">
      <c r="N858900" s="10"/>
    </row>
    <row r="858901" spans="14:14">
      <c r="N858901" s="10"/>
    </row>
    <row r="858902" spans="14:14">
      <c r="N858902" s="10"/>
    </row>
    <row r="858903" spans="14:14">
      <c r="N858903" s="10"/>
    </row>
    <row r="858904" spans="14:14">
      <c r="N858904" s="10"/>
    </row>
    <row r="858905" spans="14:14">
      <c r="N858905" s="10"/>
    </row>
    <row r="858906" spans="14:14">
      <c r="N858906" s="10"/>
    </row>
    <row r="858907" spans="14:14">
      <c r="N858907" s="10"/>
    </row>
    <row r="858908" spans="14:14">
      <c r="N858908" s="10"/>
    </row>
    <row r="858909" spans="14:14">
      <c r="N858909" s="10"/>
    </row>
    <row r="858910" spans="14:14">
      <c r="N858910" s="10"/>
    </row>
    <row r="858911" spans="14:14">
      <c r="N858911" s="10"/>
    </row>
    <row r="858912" spans="14:14">
      <c r="N858912" s="10"/>
    </row>
    <row r="858913" spans="14:14">
      <c r="N858913" s="10"/>
    </row>
    <row r="858914" spans="14:14">
      <c r="N858914" s="10"/>
    </row>
    <row r="858915" spans="14:14">
      <c r="N858915" s="10"/>
    </row>
    <row r="858916" spans="14:14">
      <c r="N858916" s="10"/>
    </row>
    <row r="858917" spans="14:14">
      <c r="N858917" s="10"/>
    </row>
    <row r="858918" spans="14:14">
      <c r="N858918" s="10"/>
    </row>
    <row r="858919" spans="14:14">
      <c r="N858919" s="10"/>
    </row>
    <row r="858920" spans="14:14">
      <c r="N858920" s="10"/>
    </row>
    <row r="858921" spans="14:14">
      <c r="N858921" s="10"/>
    </row>
    <row r="858922" spans="14:14">
      <c r="N858922" s="10"/>
    </row>
    <row r="858923" spans="14:14">
      <c r="N858923" s="10"/>
    </row>
    <row r="858924" spans="14:14">
      <c r="N858924" s="10"/>
    </row>
    <row r="858925" spans="14:14">
      <c r="N858925" s="10"/>
    </row>
    <row r="858926" spans="14:14">
      <c r="N858926" s="10"/>
    </row>
    <row r="858927" spans="14:14">
      <c r="N858927" s="10"/>
    </row>
    <row r="858928" spans="14:14">
      <c r="N858928" s="10"/>
    </row>
    <row r="858929" spans="14:14">
      <c r="N858929" s="10"/>
    </row>
    <row r="858930" spans="14:14">
      <c r="N858930" s="10"/>
    </row>
    <row r="858931" spans="14:14">
      <c r="N858931" s="10"/>
    </row>
    <row r="858932" spans="14:14">
      <c r="N858932" s="10"/>
    </row>
    <row r="858933" spans="14:14">
      <c r="N858933" s="10"/>
    </row>
    <row r="858934" spans="14:14">
      <c r="N858934" s="10"/>
    </row>
    <row r="858935" spans="14:14">
      <c r="N858935" s="10"/>
    </row>
    <row r="858936" spans="14:14">
      <c r="N858936" s="10"/>
    </row>
    <row r="858937" spans="14:14">
      <c r="N858937" s="10"/>
    </row>
    <row r="858938" spans="14:14">
      <c r="N858938" s="10"/>
    </row>
    <row r="858939" spans="14:14">
      <c r="N858939" s="10"/>
    </row>
    <row r="858940" spans="14:14">
      <c r="N858940" s="10"/>
    </row>
    <row r="858941" spans="14:14">
      <c r="N858941" s="10"/>
    </row>
    <row r="858942" spans="14:14">
      <c r="N858942" s="10"/>
    </row>
    <row r="858943" spans="14:14">
      <c r="N858943" s="10"/>
    </row>
    <row r="858944" spans="14:14">
      <c r="N858944" s="10"/>
    </row>
    <row r="858945" spans="14:14">
      <c r="N858945" s="10"/>
    </row>
    <row r="858946" spans="14:14">
      <c r="N858946" s="10"/>
    </row>
    <row r="858947" spans="14:14">
      <c r="N858947" s="10"/>
    </row>
    <row r="858948" spans="14:14">
      <c r="N858948" s="10"/>
    </row>
    <row r="858949" spans="14:14">
      <c r="N858949" s="10"/>
    </row>
    <row r="858950" spans="14:14">
      <c r="N858950" s="10"/>
    </row>
    <row r="858951" spans="14:14">
      <c r="N858951" s="10"/>
    </row>
    <row r="858952" spans="14:14">
      <c r="N858952" s="10"/>
    </row>
    <row r="858953" spans="14:14">
      <c r="N858953" s="10"/>
    </row>
    <row r="858954" spans="14:14">
      <c r="N858954" s="10"/>
    </row>
    <row r="858955" spans="14:14">
      <c r="N858955" s="10"/>
    </row>
    <row r="858956" spans="14:14">
      <c r="N858956" s="10"/>
    </row>
    <row r="858957" spans="14:14">
      <c r="N858957" s="10"/>
    </row>
    <row r="858958" spans="14:14">
      <c r="N858958" s="10"/>
    </row>
    <row r="858959" spans="14:14">
      <c r="N858959" s="10"/>
    </row>
    <row r="858960" spans="14:14">
      <c r="N858960" s="10"/>
    </row>
    <row r="858961" spans="14:14">
      <c r="N858961" s="10"/>
    </row>
    <row r="858962" spans="14:14">
      <c r="N858962" s="10"/>
    </row>
    <row r="858963" spans="14:14">
      <c r="N858963" s="10"/>
    </row>
    <row r="858964" spans="14:14">
      <c r="N858964" s="10"/>
    </row>
    <row r="858965" spans="14:14">
      <c r="N858965" s="10"/>
    </row>
    <row r="858966" spans="14:14">
      <c r="N858966" s="10"/>
    </row>
    <row r="858967" spans="14:14">
      <c r="N858967" s="10"/>
    </row>
    <row r="858968" spans="14:14">
      <c r="N858968" s="10"/>
    </row>
    <row r="858969" spans="14:14">
      <c r="N858969" s="10"/>
    </row>
    <row r="858970" spans="14:14">
      <c r="N858970" s="10"/>
    </row>
    <row r="858971" spans="14:14">
      <c r="N858971" s="10"/>
    </row>
    <row r="858972" spans="14:14">
      <c r="N858972" s="10"/>
    </row>
    <row r="858973" spans="14:14">
      <c r="N858973" s="10"/>
    </row>
    <row r="858974" spans="14:14">
      <c r="N858974" s="10"/>
    </row>
    <row r="858975" spans="14:14">
      <c r="N858975" s="10"/>
    </row>
    <row r="858976" spans="14:14">
      <c r="N858976" s="10"/>
    </row>
    <row r="858977" spans="14:14">
      <c r="N858977" s="10"/>
    </row>
    <row r="858978" spans="14:14">
      <c r="N858978" s="10"/>
    </row>
    <row r="858979" spans="14:14">
      <c r="N858979" s="10"/>
    </row>
    <row r="858980" spans="14:14">
      <c r="N858980" s="10"/>
    </row>
    <row r="858981" spans="14:14">
      <c r="N858981" s="10"/>
    </row>
    <row r="858982" spans="14:14">
      <c r="N858982" s="10"/>
    </row>
    <row r="858983" spans="14:14">
      <c r="N858983" s="10"/>
    </row>
    <row r="858984" spans="14:14">
      <c r="N858984" s="10"/>
    </row>
    <row r="858985" spans="14:14">
      <c r="N858985" s="10"/>
    </row>
    <row r="858986" spans="14:14">
      <c r="N858986" s="10"/>
    </row>
    <row r="858987" spans="14:14">
      <c r="N858987" s="10"/>
    </row>
    <row r="858988" spans="14:14">
      <c r="N858988" s="10"/>
    </row>
    <row r="858989" spans="14:14">
      <c r="N858989" s="10"/>
    </row>
    <row r="858990" spans="14:14">
      <c r="N858990" s="10"/>
    </row>
    <row r="858991" spans="14:14">
      <c r="N858991" s="10"/>
    </row>
    <row r="858992" spans="14:14">
      <c r="N858992" s="10"/>
    </row>
    <row r="858993" spans="14:14">
      <c r="N858993" s="10"/>
    </row>
    <row r="858994" spans="14:14">
      <c r="N858994" s="10"/>
    </row>
    <row r="858995" spans="14:14">
      <c r="N858995" s="10"/>
    </row>
    <row r="858996" spans="14:14">
      <c r="N858996" s="10"/>
    </row>
    <row r="858997" spans="14:14">
      <c r="N858997" s="10"/>
    </row>
    <row r="858998" spans="14:14">
      <c r="N858998" s="10"/>
    </row>
    <row r="858999" spans="14:14">
      <c r="N858999" s="10"/>
    </row>
    <row r="859000" spans="14:14">
      <c r="N859000" s="10"/>
    </row>
    <row r="859001" spans="14:14">
      <c r="N859001" s="10"/>
    </row>
    <row r="859002" spans="14:14">
      <c r="N859002" s="10"/>
    </row>
    <row r="859003" spans="14:14">
      <c r="N859003" s="10"/>
    </row>
    <row r="859004" spans="14:14">
      <c r="N859004" s="10"/>
    </row>
    <row r="859005" spans="14:14">
      <c r="N859005" s="10"/>
    </row>
    <row r="859006" spans="14:14">
      <c r="N859006" s="10"/>
    </row>
    <row r="859007" spans="14:14">
      <c r="N859007" s="10"/>
    </row>
    <row r="859008" spans="14:14">
      <c r="N859008" s="10"/>
    </row>
    <row r="859009" spans="14:14">
      <c r="N859009" s="10"/>
    </row>
    <row r="859010" spans="14:14">
      <c r="N859010" s="10"/>
    </row>
    <row r="859011" spans="14:14">
      <c r="N859011" s="10"/>
    </row>
    <row r="859012" spans="14:14">
      <c r="N859012" s="10"/>
    </row>
    <row r="859013" spans="14:14">
      <c r="N859013" s="10"/>
    </row>
    <row r="859014" spans="14:14">
      <c r="N859014" s="10"/>
    </row>
    <row r="859015" spans="14:14">
      <c r="N859015" s="10"/>
    </row>
    <row r="859016" spans="14:14">
      <c r="N859016" s="10"/>
    </row>
    <row r="859017" spans="14:14">
      <c r="N859017" s="10"/>
    </row>
    <row r="859018" spans="14:14">
      <c r="N859018" s="10"/>
    </row>
    <row r="859019" spans="14:14">
      <c r="N859019" s="10"/>
    </row>
    <row r="859020" spans="14:14">
      <c r="N859020" s="10"/>
    </row>
    <row r="859021" spans="14:14">
      <c r="N859021" s="10"/>
    </row>
    <row r="859022" spans="14:14">
      <c r="N859022" s="10"/>
    </row>
    <row r="859023" spans="14:14">
      <c r="N859023" s="10"/>
    </row>
    <row r="859024" spans="14:14">
      <c r="N859024" s="10"/>
    </row>
    <row r="859025" spans="14:14">
      <c r="N859025" s="10"/>
    </row>
    <row r="859026" spans="14:14">
      <c r="N859026" s="10"/>
    </row>
    <row r="859027" spans="14:14">
      <c r="N859027" s="10"/>
    </row>
    <row r="859028" spans="14:14">
      <c r="N859028" s="10"/>
    </row>
    <row r="859029" spans="14:14">
      <c r="N859029" s="10"/>
    </row>
    <row r="859030" spans="14:14">
      <c r="N859030" s="10"/>
    </row>
    <row r="859031" spans="14:14">
      <c r="N859031" s="10"/>
    </row>
    <row r="859032" spans="14:14">
      <c r="N859032" s="10"/>
    </row>
    <row r="859033" spans="14:14">
      <c r="N859033" s="10"/>
    </row>
    <row r="859034" spans="14:14">
      <c r="N859034" s="10"/>
    </row>
    <row r="859035" spans="14:14">
      <c r="N859035" s="10"/>
    </row>
    <row r="859036" spans="14:14">
      <c r="N859036" s="10"/>
    </row>
    <row r="859037" spans="14:14">
      <c r="N859037" s="10"/>
    </row>
    <row r="859038" spans="14:14">
      <c r="N859038" s="10"/>
    </row>
    <row r="859039" spans="14:14">
      <c r="N859039" s="10"/>
    </row>
    <row r="859040" spans="14:14">
      <c r="N859040" s="10"/>
    </row>
    <row r="859041" spans="14:14">
      <c r="N859041" s="10"/>
    </row>
    <row r="859042" spans="14:14">
      <c r="N859042" s="10"/>
    </row>
    <row r="859043" spans="14:14">
      <c r="N859043" s="10"/>
    </row>
    <row r="859044" spans="14:14">
      <c r="N859044" s="10"/>
    </row>
    <row r="859045" spans="14:14">
      <c r="N859045" s="10"/>
    </row>
    <row r="859046" spans="14:14">
      <c r="N859046" s="10"/>
    </row>
    <row r="859047" spans="14:14">
      <c r="N859047" s="10"/>
    </row>
    <row r="859048" spans="14:14">
      <c r="N859048" s="10"/>
    </row>
    <row r="859049" spans="14:14">
      <c r="N859049" s="10"/>
    </row>
    <row r="859050" spans="14:14">
      <c r="N859050" s="10"/>
    </row>
    <row r="859051" spans="14:14">
      <c r="N859051" s="10"/>
    </row>
    <row r="859052" spans="14:14">
      <c r="N859052" s="10"/>
    </row>
    <row r="859053" spans="14:14">
      <c r="N859053" s="10"/>
    </row>
    <row r="859054" spans="14:14">
      <c r="N859054" s="10"/>
    </row>
    <row r="859055" spans="14:14">
      <c r="N859055" s="10"/>
    </row>
    <row r="859056" spans="14:14">
      <c r="N859056" s="10"/>
    </row>
    <row r="859057" spans="14:14">
      <c r="N859057" s="10"/>
    </row>
    <row r="859058" spans="14:14">
      <c r="N859058" s="10"/>
    </row>
    <row r="859059" spans="14:14">
      <c r="N859059" s="10"/>
    </row>
    <row r="859060" spans="14:14">
      <c r="N859060" s="10"/>
    </row>
    <row r="859061" spans="14:14">
      <c r="N859061" s="10"/>
    </row>
    <row r="859062" spans="14:14">
      <c r="N859062" s="10"/>
    </row>
    <row r="859063" spans="14:14">
      <c r="N859063" s="10"/>
    </row>
    <row r="859064" spans="14:14">
      <c r="N859064" s="10"/>
    </row>
    <row r="859065" spans="14:14">
      <c r="N859065" s="10"/>
    </row>
    <row r="859066" spans="14:14">
      <c r="N859066" s="10"/>
    </row>
    <row r="859067" spans="14:14">
      <c r="N859067" s="10"/>
    </row>
    <row r="859068" spans="14:14">
      <c r="N859068" s="10"/>
    </row>
    <row r="859069" spans="14:14">
      <c r="N859069" s="10"/>
    </row>
    <row r="859070" spans="14:14">
      <c r="N859070" s="10"/>
    </row>
    <row r="859071" spans="14:14">
      <c r="N859071" s="10"/>
    </row>
    <row r="859072" spans="14:14">
      <c r="N859072" s="10"/>
    </row>
    <row r="859073" spans="14:14">
      <c r="N859073" s="10"/>
    </row>
    <row r="859074" spans="14:14">
      <c r="N859074" s="10"/>
    </row>
    <row r="859075" spans="14:14">
      <c r="N859075" s="10"/>
    </row>
    <row r="859076" spans="14:14">
      <c r="N859076" s="10"/>
    </row>
    <row r="859077" spans="14:14">
      <c r="N859077" s="10"/>
    </row>
    <row r="859078" spans="14:14">
      <c r="N859078" s="10"/>
    </row>
    <row r="859079" spans="14:14">
      <c r="N859079" s="10"/>
    </row>
    <row r="859080" spans="14:14">
      <c r="N859080" s="10"/>
    </row>
    <row r="859081" spans="14:14">
      <c r="N859081" s="10"/>
    </row>
    <row r="859082" spans="14:14">
      <c r="N859082" s="10"/>
    </row>
    <row r="859083" spans="14:14">
      <c r="N859083" s="10"/>
    </row>
    <row r="859084" spans="14:14">
      <c r="N859084" s="10"/>
    </row>
    <row r="859085" spans="14:14">
      <c r="N859085" s="10"/>
    </row>
    <row r="859086" spans="14:14">
      <c r="N859086" s="10"/>
    </row>
    <row r="859087" spans="14:14">
      <c r="N859087" s="10"/>
    </row>
    <row r="859088" spans="14:14">
      <c r="N859088" s="10"/>
    </row>
    <row r="859089" spans="14:14">
      <c r="N859089" s="10"/>
    </row>
    <row r="859090" spans="14:14">
      <c r="N859090" s="10"/>
    </row>
    <row r="859091" spans="14:14">
      <c r="N859091" s="10"/>
    </row>
    <row r="859092" spans="14:14">
      <c r="N859092" s="10"/>
    </row>
    <row r="859093" spans="14:14">
      <c r="N859093" s="10"/>
    </row>
    <row r="859094" spans="14:14">
      <c r="N859094" s="10"/>
    </row>
    <row r="859095" spans="14:14">
      <c r="N859095" s="10"/>
    </row>
    <row r="859096" spans="14:14">
      <c r="N859096" s="10"/>
    </row>
    <row r="859097" spans="14:14">
      <c r="N859097" s="10"/>
    </row>
    <row r="859098" spans="14:14">
      <c r="N859098" s="10"/>
    </row>
    <row r="859099" spans="14:14">
      <c r="N859099" s="10"/>
    </row>
    <row r="859100" spans="14:14">
      <c r="N859100" s="10"/>
    </row>
    <row r="859101" spans="14:14">
      <c r="N859101" s="10"/>
    </row>
    <row r="859102" spans="14:14">
      <c r="N859102" s="10"/>
    </row>
    <row r="859103" spans="14:14">
      <c r="N859103" s="10"/>
    </row>
    <row r="859104" spans="14:14">
      <c r="N859104" s="10"/>
    </row>
    <row r="859105" spans="14:14">
      <c r="N859105" s="10"/>
    </row>
    <row r="859106" spans="14:14">
      <c r="N859106" s="10"/>
    </row>
    <row r="859107" spans="14:14">
      <c r="N859107" s="10"/>
    </row>
    <row r="859108" spans="14:14">
      <c r="N859108" s="10"/>
    </row>
    <row r="859109" spans="14:14">
      <c r="N859109" s="10"/>
    </row>
    <row r="859110" spans="14:14">
      <c r="N859110" s="10"/>
    </row>
    <row r="859111" spans="14:14">
      <c r="N859111" s="10"/>
    </row>
    <row r="859112" spans="14:14">
      <c r="N859112" s="10"/>
    </row>
    <row r="859113" spans="14:14">
      <c r="N859113" s="10"/>
    </row>
    <row r="859114" spans="14:14">
      <c r="N859114" s="10"/>
    </row>
    <row r="859115" spans="14:14">
      <c r="N859115" s="10"/>
    </row>
    <row r="859116" spans="14:14">
      <c r="N859116" s="10"/>
    </row>
    <row r="859117" spans="14:14">
      <c r="N859117" s="10"/>
    </row>
    <row r="859118" spans="14:14">
      <c r="N859118" s="10"/>
    </row>
    <row r="859119" spans="14:14">
      <c r="N859119" s="10"/>
    </row>
    <row r="859120" spans="14:14">
      <c r="N859120" s="10"/>
    </row>
    <row r="859121" spans="14:14">
      <c r="N859121" s="10"/>
    </row>
    <row r="859122" spans="14:14">
      <c r="N859122" s="10"/>
    </row>
    <row r="859123" spans="14:14">
      <c r="N859123" s="10"/>
    </row>
    <row r="859124" spans="14:14">
      <c r="N859124" s="10"/>
    </row>
    <row r="859125" spans="14:14">
      <c r="N859125" s="10"/>
    </row>
    <row r="859126" spans="14:14">
      <c r="N859126" s="10"/>
    </row>
    <row r="859127" spans="14:14">
      <c r="N859127" s="10"/>
    </row>
    <row r="859128" spans="14:14">
      <c r="N859128" s="10"/>
    </row>
    <row r="859129" spans="14:14">
      <c r="N859129" s="10"/>
    </row>
    <row r="859130" spans="14:14">
      <c r="N859130" s="10"/>
    </row>
    <row r="859131" spans="14:14">
      <c r="N859131" s="10"/>
    </row>
    <row r="859132" spans="14:14">
      <c r="N859132" s="10"/>
    </row>
    <row r="859133" spans="14:14">
      <c r="N859133" s="10"/>
    </row>
    <row r="859134" spans="14:14">
      <c r="N859134" s="10"/>
    </row>
    <row r="859135" spans="14:14">
      <c r="N859135" s="10"/>
    </row>
    <row r="859136" spans="14:14">
      <c r="N859136" s="10"/>
    </row>
    <row r="859137" spans="14:14">
      <c r="N859137" s="10"/>
    </row>
    <row r="859138" spans="14:14">
      <c r="N859138" s="10"/>
    </row>
    <row r="859139" spans="14:14">
      <c r="N859139" s="10"/>
    </row>
    <row r="859140" spans="14:14">
      <c r="N859140" s="10"/>
    </row>
    <row r="859141" spans="14:14">
      <c r="N859141" s="10"/>
    </row>
    <row r="859142" spans="14:14">
      <c r="N859142" s="10"/>
    </row>
    <row r="859143" spans="14:14">
      <c r="N859143" s="10"/>
    </row>
    <row r="859144" spans="14:14">
      <c r="N859144" s="10"/>
    </row>
    <row r="859145" spans="14:14">
      <c r="N859145" s="10"/>
    </row>
    <row r="859146" spans="14:14">
      <c r="N859146" s="10"/>
    </row>
    <row r="859147" spans="14:14">
      <c r="N859147" s="10"/>
    </row>
    <row r="859148" spans="14:14">
      <c r="N859148" s="10"/>
    </row>
    <row r="859149" spans="14:14">
      <c r="N859149" s="10"/>
    </row>
    <row r="859150" spans="14:14">
      <c r="N859150" s="10"/>
    </row>
    <row r="859151" spans="14:14">
      <c r="N859151" s="10"/>
    </row>
    <row r="859152" spans="14:14">
      <c r="N859152" s="10"/>
    </row>
    <row r="859153" spans="14:14">
      <c r="N859153" s="10"/>
    </row>
    <row r="859154" spans="14:14">
      <c r="N859154" s="10"/>
    </row>
    <row r="859155" spans="14:14">
      <c r="N859155" s="10"/>
    </row>
    <row r="859156" spans="14:14">
      <c r="N859156" s="10"/>
    </row>
    <row r="859157" spans="14:14">
      <c r="N859157" s="10"/>
    </row>
    <row r="859158" spans="14:14">
      <c r="N859158" s="10"/>
    </row>
    <row r="859159" spans="14:14">
      <c r="N859159" s="10"/>
    </row>
    <row r="859160" spans="14:14">
      <c r="N859160" s="10"/>
    </row>
    <row r="859161" spans="14:14">
      <c r="N859161" s="10"/>
    </row>
    <row r="859162" spans="14:14">
      <c r="N859162" s="10"/>
    </row>
    <row r="859163" spans="14:14">
      <c r="N859163" s="10"/>
    </row>
    <row r="859164" spans="14:14">
      <c r="N859164" s="10"/>
    </row>
    <row r="859165" spans="14:14">
      <c r="N859165" s="10"/>
    </row>
    <row r="859166" spans="14:14">
      <c r="N859166" s="10"/>
    </row>
    <row r="859167" spans="14:14">
      <c r="N859167" s="10"/>
    </row>
    <row r="859168" spans="14:14">
      <c r="N859168" s="10"/>
    </row>
    <row r="859169" spans="14:14">
      <c r="N859169" s="10"/>
    </row>
    <row r="859170" spans="14:14">
      <c r="N859170" s="10"/>
    </row>
    <row r="859171" spans="14:14">
      <c r="N859171" s="10"/>
    </row>
    <row r="859172" spans="14:14">
      <c r="N859172" s="10"/>
    </row>
    <row r="859173" spans="14:14">
      <c r="N859173" s="10"/>
    </row>
    <row r="859174" spans="14:14">
      <c r="N859174" s="10"/>
    </row>
    <row r="859175" spans="14:14">
      <c r="N859175" s="10"/>
    </row>
    <row r="859176" spans="14:14">
      <c r="N859176" s="10"/>
    </row>
    <row r="859177" spans="14:14">
      <c r="N859177" s="10"/>
    </row>
    <row r="859178" spans="14:14">
      <c r="N859178" s="10"/>
    </row>
    <row r="859179" spans="14:14">
      <c r="N859179" s="10"/>
    </row>
    <row r="859180" spans="14:14">
      <c r="N859180" s="10"/>
    </row>
    <row r="859181" spans="14:14">
      <c r="N859181" s="10"/>
    </row>
    <row r="859182" spans="14:14">
      <c r="N859182" s="10"/>
    </row>
    <row r="859183" spans="14:14">
      <c r="N859183" s="10"/>
    </row>
    <row r="859184" spans="14:14">
      <c r="N859184" s="10"/>
    </row>
    <row r="859185" spans="14:14">
      <c r="N859185" s="10"/>
    </row>
    <row r="859186" spans="14:14">
      <c r="N859186" s="10"/>
    </row>
    <row r="859187" spans="14:14">
      <c r="N859187" s="10"/>
    </row>
    <row r="859188" spans="14:14">
      <c r="N859188" s="10"/>
    </row>
    <row r="859189" spans="14:14">
      <c r="N859189" s="10"/>
    </row>
    <row r="859190" spans="14:14">
      <c r="N859190" s="10"/>
    </row>
    <row r="859191" spans="14:14">
      <c r="N859191" s="10"/>
    </row>
    <row r="859192" spans="14:14">
      <c r="N859192" s="10"/>
    </row>
    <row r="859193" spans="14:14">
      <c r="N859193" s="10"/>
    </row>
    <row r="859194" spans="14:14">
      <c r="N859194" s="10"/>
    </row>
    <row r="859195" spans="14:14">
      <c r="N859195" s="10"/>
    </row>
    <row r="859196" spans="14:14">
      <c r="N859196" s="10"/>
    </row>
    <row r="859197" spans="14:14">
      <c r="N859197" s="10"/>
    </row>
    <row r="859198" spans="14:14">
      <c r="N859198" s="10"/>
    </row>
    <row r="859199" spans="14:14">
      <c r="N859199" s="10"/>
    </row>
    <row r="859200" spans="14:14">
      <c r="N859200" s="10"/>
    </row>
    <row r="859201" spans="14:14">
      <c r="N859201" s="10"/>
    </row>
    <row r="859202" spans="14:14">
      <c r="N859202" s="10"/>
    </row>
    <row r="859203" spans="14:14">
      <c r="N859203" s="10"/>
    </row>
    <row r="859204" spans="14:14">
      <c r="N859204" s="10"/>
    </row>
    <row r="859205" spans="14:14">
      <c r="N859205" s="10"/>
    </row>
    <row r="859206" spans="14:14">
      <c r="N859206" s="10"/>
    </row>
    <row r="859207" spans="14:14">
      <c r="N859207" s="10"/>
    </row>
    <row r="859208" spans="14:14">
      <c r="N859208" s="10"/>
    </row>
    <row r="859209" spans="14:14">
      <c r="N859209" s="10"/>
    </row>
    <row r="859210" spans="14:14">
      <c r="N859210" s="10"/>
    </row>
    <row r="859211" spans="14:14">
      <c r="N859211" s="10"/>
    </row>
    <row r="859212" spans="14:14">
      <c r="N859212" s="10"/>
    </row>
    <row r="859213" spans="14:14">
      <c r="N859213" s="10"/>
    </row>
    <row r="859214" spans="14:14">
      <c r="N859214" s="10"/>
    </row>
    <row r="859215" spans="14:14">
      <c r="N859215" s="10"/>
    </row>
    <row r="859216" spans="14:14">
      <c r="N859216" s="10"/>
    </row>
    <row r="859217" spans="14:14">
      <c r="N859217" s="10"/>
    </row>
    <row r="859218" spans="14:14">
      <c r="N859218" s="10"/>
    </row>
    <row r="859219" spans="14:14">
      <c r="N859219" s="10"/>
    </row>
    <row r="859220" spans="14:14">
      <c r="N859220" s="10"/>
    </row>
    <row r="859221" spans="14:14">
      <c r="N859221" s="10"/>
    </row>
    <row r="859222" spans="14:14">
      <c r="N859222" s="10"/>
    </row>
    <row r="859223" spans="14:14">
      <c r="N859223" s="10"/>
    </row>
    <row r="859224" spans="14:14">
      <c r="N859224" s="10"/>
    </row>
    <row r="859225" spans="14:14">
      <c r="N859225" s="10"/>
    </row>
    <row r="859226" spans="14:14">
      <c r="N859226" s="10"/>
    </row>
    <row r="859227" spans="14:14">
      <c r="N859227" s="10"/>
    </row>
    <row r="859228" spans="14:14">
      <c r="N859228" s="10"/>
    </row>
    <row r="859229" spans="14:14">
      <c r="N859229" s="10"/>
    </row>
    <row r="859230" spans="14:14">
      <c r="N859230" s="10"/>
    </row>
    <row r="859231" spans="14:14">
      <c r="N859231" s="10"/>
    </row>
    <row r="859232" spans="14:14">
      <c r="N859232" s="10"/>
    </row>
    <row r="859233" spans="14:14">
      <c r="N859233" s="10"/>
    </row>
    <row r="859234" spans="14:14">
      <c r="N859234" s="10"/>
    </row>
    <row r="859235" spans="14:14">
      <c r="N859235" s="10"/>
    </row>
    <row r="859236" spans="14:14">
      <c r="N859236" s="10"/>
    </row>
    <row r="859237" spans="14:14">
      <c r="N859237" s="10"/>
    </row>
    <row r="859238" spans="14:14">
      <c r="N859238" s="10"/>
    </row>
    <row r="859239" spans="14:14">
      <c r="N859239" s="10"/>
    </row>
    <row r="859240" spans="14:14">
      <c r="N859240" s="10"/>
    </row>
    <row r="859241" spans="14:14">
      <c r="N859241" s="10"/>
    </row>
    <row r="859242" spans="14:14">
      <c r="N859242" s="10"/>
    </row>
    <row r="859243" spans="14:14">
      <c r="N859243" s="10"/>
    </row>
    <row r="859244" spans="14:14">
      <c r="N859244" s="10"/>
    </row>
    <row r="859245" spans="14:14">
      <c r="N859245" s="10"/>
    </row>
    <row r="859246" spans="14:14">
      <c r="N859246" s="10"/>
    </row>
    <row r="859247" spans="14:14">
      <c r="N859247" s="10"/>
    </row>
    <row r="859248" spans="14:14">
      <c r="N859248" s="10"/>
    </row>
    <row r="859249" spans="14:14">
      <c r="N859249" s="10"/>
    </row>
    <row r="859250" spans="14:14">
      <c r="N859250" s="10"/>
    </row>
    <row r="859251" spans="14:14">
      <c r="N859251" s="10"/>
    </row>
    <row r="859252" spans="14:14">
      <c r="N859252" s="10"/>
    </row>
    <row r="859253" spans="14:14">
      <c r="N859253" s="10"/>
    </row>
    <row r="859254" spans="14:14">
      <c r="N859254" s="10"/>
    </row>
    <row r="859255" spans="14:14">
      <c r="N859255" s="10"/>
    </row>
    <row r="859256" spans="14:14">
      <c r="N859256" s="10"/>
    </row>
    <row r="859257" spans="14:14">
      <c r="N859257" s="10"/>
    </row>
    <row r="859258" spans="14:14">
      <c r="N859258" s="10"/>
    </row>
    <row r="859259" spans="14:14">
      <c r="N859259" s="10"/>
    </row>
    <row r="859260" spans="14:14">
      <c r="N859260" s="10"/>
    </row>
    <row r="859261" spans="14:14">
      <c r="N859261" s="10"/>
    </row>
    <row r="859262" spans="14:14">
      <c r="N859262" s="10"/>
    </row>
    <row r="859263" spans="14:14">
      <c r="N859263" s="10"/>
    </row>
    <row r="859264" spans="14:14">
      <c r="N859264" s="10"/>
    </row>
    <row r="859265" spans="14:14">
      <c r="N859265" s="10"/>
    </row>
    <row r="859266" spans="14:14">
      <c r="N859266" s="10"/>
    </row>
    <row r="859267" spans="14:14">
      <c r="N859267" s="10"/>
    </row>
    <row r="859268" spans="14:14">
      <c r="N859268" s="10"/>
    </row>
    <row r="859269" spans="14:14">
      <c r="N859269" s="10"/>
    </row>
    <row r="859270" spans="14:14">
      <c r="N859270" s="10"/>
    </row>
    <row r="859271" spans="14:14">
      <c r="N859271" s="10"/>
    </row>
    <row r="859272" spans="14:14">
      <c r="N859272" s="10"/>
    </row>
    <row r="859273" spans="14:14">
      <c r="N859273" s="10"/>
    </row>
    <row r="859274" spans="14:14">
      <c r="N859274" s="10"/>
    </row>
    <row r="859275" spans="14:14">
      <c r="N859275" s="10"/>
    </row>
    <row r="859276" spans="14:14">
      <c r="N859276" s="10"/>
    </row>
    <row r="859277" spans="14:14">
      <c r="N859277" s="10"/>
    </row>
    <row r="859278" spans="14:14">
      <c r="N859278" s="10"/>
    </row>
    <row r="859279" spans="14:14">
      <c r="N859279" s="10"/>
    </row>
    <row r="859280" spans="14:14">
      <c r="N859280" s="10"/>
    </row>
    <row r="859281" spans="14:14">
      <c r="N859281" s="10"/>
    </row>
    <row r="859282" spans="14:14">
      <c r="N859282" s="10"/>
    </row>
    <row r="859283" spans="14:14">
      <c r="N859283" s="10"/>
    </row>
    <row r="859284" spans="14:14">
      <c r="N859284" s="10"/>
    </row>
    <row r="859285" spans="14:14">
      <c r="N859285" s="10"/>
    </row>
    <row r="859286" spans="14:14">
      <c r="N859286" s="10"/>
    </row>
    <row r="859287" spans="14:14">
      <c r="N859287" s="10"/>
    </row>
    <row r="859288" spans="14:14">
      <c r="N859288" s="10"/>
    </row>
    <row r="859289" spans="14:14">
      <c r="N859289" s="10"/>
    </row>
    <row r="859290" spans="14:14">
      <c r="N859290" s="10"/>
    </row>
    <row r="859291" spans="14:14">
      <c r="N859291" s="10"/>
    </row>
    <row r="859292" spans="14:14">
      <c r="N859292" s="10"/>
    </row>
    <row r="859293" spans="14:14">
      <c r="N859293" s="10"/>
    </row>
    <row r="859294" spans="14:14">
      <c r="N859294" s="10"/>
    </row>
    <row r="859295" spans="14:14">
      <c r="N859295" s="10"/>
    </row>
    <row r="859296" spans="14:14">
      <c r="N859296" s="10"/>
    </row>
    <row r="859297" spans="14:14">
      <c r="N859297" s="10"/>
    </row>
    <row r="859298" spans="14:14">
      <c r="N859298" s="10"/>
    </row>
    <row r="859299" spans="14:14">
      <c r="N859299" s="10"/>
    </row>
    <row r="859300" spans="14:14">
      <c r="N859300" s="10"/>
    </row>
    <row r="859301" spans="14:14">
      <c r="N859301" s="10"/>
    </row>
    <row r="859302" spans="14:14">
      <c r="N859302" s="10"/>
    </row>
    <row r="859303" spans="14:14">
      <c r="N859303" s="10"/>
    </row>
    <row r="859304" spans="14:14">
      <c r="N859304" s="10"/>
    </row>
    <row r="859305" spans="14:14">
      <c r="N859305" s="10"/>
    </row>
    <row r="859306" spans="14:14">
      <c r="N859306" s="10"/>
    </row>
    <row r="859307" spans="14:14">
      <c r="N859307" s="10"/>
    </row>
    <row r="859308" spans="14:14">
      <c r="N859308" s="10"/>
    </row>
    <row r="859309" spans="14:14">
      <c r="N859309" s="10"/>
    </row>
    <row r="859310" spans="14:14">
      <c r="N859310" s="10"/>
    </row>
    <row r="859311" spans="14:14">
      <c r="N859311" s="10"/>
    </row>
    <row r="859312" spans="14:14">
      <c r="N859312" s="10"/>
    </row>
    <row r="859313" spans="14:14">
      <c r="N859313" s="10"/>
    </row>
    <row r="859314" spans="14:14">
      <c r="N859314" s="10"/>
    </row>
    <row r="859315" spans="14:14">
      <c r="N859315" s="10"/>
    </row>
    <row r="859316" spans="14:14">
      <c r="N859316" s="10"/>
    </row>
    <row r="859317" spans="14:14">
      <c r="N859317" s="10"/>
    </row>
    <row r="859318" spans="14:14">
      <c r="N859318" s="10"/>
    </row>
    <row r="859319" spans="14:14">
      <c r="N859319" s="10"/>
    </row>
    <row r="859320" spans="14:14">
      <c r="N859320" s="10"/>
    </row>
    <row r="859321" spans="14:14">
      <c r="N859321" s="10"/>
    </row>
    <row r="859322" spans="14:14">
      <c r="N859322" s="10"/>
    </row>
    <row r="859323" spans="14:14">
      <c r="N859323" s="10"/>
    </row>
    <row r="859324" spans="14:14">
      <c r="N859324" s="10"/>
    </row>
    <row r="859325" spans="14:14">
      <c r="N859325" s="10"/>
    </row>
    <row r="859326" spans="14:14">
      <c r="N859326" s="10"/>
    </row>
    <row r="859327" spans="14:14">
      <c r="N859327" s="10"/>
    </row>
    <row r="859328" spans="14:14">
      <c r="N859328" s="10"/>
    </row>
    <row r="859329" spans="14:14">
      <c r="N859329" s="10"/>
    </row>
    <row r="859330" spans="14:14">
      <c r="N859330" s="10"/>
    </row>
    <row r="859331" spans="14:14">
      <c r="N859331" s="10"/>
    </row>
    <row r="859332" spans="14:14">
      <c r="N859332" s="10"/>
    </row>
    <row r="859333" spans="14:14">
      <c r="N859333" s="10"/>
    </row>
    <row r="859334" spans="14:14">
      <c r="N859334" s="10"/>
    </row>
    <row r="859335" spans="14:14">
      <c r="N859335" s="10"/>
    </row>
    <row r="859336" spans="14:14">
      <c r="N859336" s="10"/>
    </row>
    <row r="859337" spans="14:14">
      <c r="N859337" s="10"/>
    </row>
    <row r="859338" spans="14:14">
      <c r="N859338" s="10"/>
    </row>
    <row r="859339" spans="14:14">
      <c r="N859339" s="10"/>
    </row>
    <row r="859340" spans="14:14">
      <c r="N859340" s="10"/>
    </row>
    <row r="859341" spans="14:14">
      <c r="N859341" s="10"/>
    </row>
    <row r="859342" spans="14:14">
      <c r="N859342" s="10"/>
    </row>
    <row r="859343" spans="14:14">
      <c r="N859343" s="10"/>
    </row>
    <row r="859344" spans="14:14">
      <c r="N859344" s="10"/>
    </row>
    <row r="859345" spans="14:14">
      <c r="N859345" s="10"/>
    </row>
    <row r="859346" spans="14:14">
      <c r="N859346" s="10"/>
    </row>
    <row r="859347" spans="14:14">
      <c r="N859347" s="10"/>
    </row>
    <row r="859348" spans="14:14">
      <c r="N859348" s="10"/>
    </row>
    <row r="859349" spans="14:14">
      <c r="N859349" s="10"/>
    </row>
    <row r="859350" spans="14:14">
      <c r="N859350" s="10"/>
    </row>
    <row r="859351" spans="14:14">
      <c r="N859351" s="10"/>
    </row>
    <row r="859352" spans="14:14">
      <c r="N859352" s="10"/>
    </row>
    <row r="859353" spans="14:14">
      <c r="N859353" s="10"/>
    </row>
    <row r="859354" spans="14:14">
      <c r="N859354" s="10"/>
    </row>
    <row r="859355" spans="14:14">
      <c r="N859355" s="10"/>
    </row>
    <row r="859356" spans="14:14">
      <c r="N859356" s="10"/>
    </row>
    <row r="859357" spans="14:14">
      <c r="N859357" s="10"/>
    </row>
    <row r="859358" spans="14:14">
      <c r="N859358" s="10"/>
    </row>
    <row r="859359" spans="14:14">
      <c r="N859359" s="10"/>
    </row>
    <row r="859360" spans="14:14">
      <c r="N859360" s="10"/>
    </row>
    <row r="859361" spans="14:14">
      <c r="N859361" s="10"/>
    </row>
    <row r="859362" spans="14:14">
      <c r="N859362" s="10"/>
    </row>
    <row r="859363" spans="14:14">
      <c r="N859363" s="10"/>
    </row>
    <row r="859364" spans="14:14">
      <c r="N859364" s="10"/>
    </row>
    <row r="859365" spans="14:14">
      <c r="N859365" s="10"/>
    </row>
    <row r="859366" spans="14:14">
      <c r="N859366" s="10"/>
    </row>
    <row r="859367" spans="14:14">
      <c r="N859367" s="10"/>
    </row>
    <row r="859368" spans="14:14">
      <c r="N859368" s="10"/>
    </row>
    <row r="859369" spans="14:14">
      <c r="N859369" s="10"/>
    </row>
    <row r="859370" spans="14:14">
      <c r="N859370" s="10"/>
    </row>
    <row r="859371" spans="14:14">
      <c r="N859371" s="10"/>
    </row>
    <row r="859372" spans="14:14">
      <c r="N859372" s="10"/>
    </row>
    <row r="859373" spans="14:14">
      <c r="N859373" s="10"/>
    </row>
    <row r="859374" spans="14:14">
      <c r="N859374" s="10"/>
    </row>
    <row r="859375" spans="14:14">
      <c r="N859375" s="10"/>
    </row>
    <row r="859376" spans="14:14">
      <c r="N859376" s="10"/>
    </row>
    <row r="859377" spans="14:14">
      <c r="N859377" s="10"/>
    </row>
    <row r="859378" spans="14:14">
      <c r="N859378" s="10"/>
    </row>
    <row r="859379" spans="14:14">
      <c r="N859379" s="10"/>
    </row>
    <row r="859380" spans="14:14">
      <c r="N859380" s="10"/>
    </row>
    <row r="859381" spans="14:14">
      <c r="N859381" s="10"/>
    </row>
    <row r="859382" spans="14:14">
      <c r="N859382" s="10"/>
    </row>
    <row r="859383" spans="14:14">
      <c r="N859383" s="10"/>
    </row>
    <row r="859384" spans="14:14">
      <c r="N859384" s="10"/>
    </row>
    <row r="859385" spans="14:14">
      <c r="N859385" s="10"/>
    </row>
    <row r="859386" spans="14:14">
      <c r="N859386" s="10"/>
    </row>
    <row r="859387" spans="14:14">
      <c r="N859387" s="10"/>
    </row>
    <row r="859388" spans="14:14">
      <c r="N859388" s="10"/>
    </row>
    <row r="859389" spans="14:14">
      <c r="N859389" s="10"/>
    </row>
    <row r="859390" spans="14:14">
      <c r="N859390" s="10"/>
    </row>
    <row r="859391" spans="14:14">
      <c r="N859391" s="10"/>
    </row>
    <row r="859392" spans="14:14">
      <c r="N859392" s="10"/>
    </row>
    <row r="859393" spans="14:14">
      <c r="N859393" s="10"/>
    </row>
    <row r="859394" spans="14:14">
      <c r="N859394" s="10"/>
    </row>
    <row r="859395" spans="14:14">
      <c r="N859395" s="10"/>
    </row>
    <row r="859396" spans="14:14">
      <c r="N859396" s="10"/>
    </row>
    <row r="859397" spans="14:14">
      <c r="N859397" s="10"/>
    </row>
    <row r="859398" spans="14:14">
      <c r="N859398" s="10"/>
    </row>
    <row r="859399" spans="14:14">
      <c r="N859399" s="10"/>
    </row>
    <row r="859400" spans="14:14">
      <c r="N859400" s="10"/>
    </row>
    <row r="859401" spans="14:14">
      <c r="N859401" s="10"/>
    </row>
    <row r="859402" spans="14:14">
      <c r="N859402" s="10"/>
    </row>
    <row r="859403" spans="14:14">
      <c r="N859403" s="10"/>
    </row>
    <row r="859404" spans="14:14">
      <c r="N859404" s="10"/>
    </row>
    <row r="859405" spans="14:14">
      <c r="N859405" s="10"/>
    </row>
    <row r="859406" spans="14:14">
      <c r="N859406" s="10"/>
    </row>
    <row r="859407" spans="14:14">
      <c r="N859407" s="10"/>
    </row>
    <row r="859408" spans="14:14">
      <c r="N859408" s="10"/>
    </row>
    <row r="859409" spans="14:14">
      <c r="N859409" s="10"/>
    </row>
    <row r="859410" spans="14:14">
      <c r="N859410" s="10"/>
    </row>
    <row r="859411" spans="14:14">
      <c r="N859411" s="10"/>
    </row>
    <row r="859412" spans="14:14">
      <c r="N859412" s="10"/>
    </row>
    <row r="859413" spans="14:14">
      <c r="N859413" s="10"/>
    </row>
    <row r="859414" spans="14:14">
      <c r="N859414" s="10"/>
    </row>
    <row r="859415" spans="14:14">
      <c r="N859415" s="10"/>
    </row>
    <row r="859416" spans="14:14">
      <c r="N859416" s="10"/>
    </row>
    <row r="859417" spans="14:14">
      <c r="N859417" s="10"/>
    </row>
    <row r="859418" spans="14:14">
      <c r="N859418" s="10"/>
    </row>
    <row r="859419" spans="14:14">
      <c r="N859419" s="10"/>
    </row>
    <row r="859420" spans="14:14">
      <c r="N859420" s="10"/>
    </row>
    <row r="859421" spans="14:14">
      <c r="N859421" s="10"/>
    </row>
    <row r="859422" spans="14:14">
      <c r="N859422" s="10"/>
    </row>
    <row r="859423" spans="14:14">
      <c r="N859423" s="10"/>
    </row>
    <row r="859424" spans="14:14">
      <c r="N859424" s="10"/>
    </row>
    <row r="859425" spans="14:14">
      <c r="N859425" s="10"/>
    </row>
    <row r="859426" spans="14:14">
      <c r="N859426" s="10"/>
    </row>
    <row r="859427" spans="14:14">
      <c r="N859427" s="10"/>
    </row>
    <row r="859428" spans="14:14">
      <c r="N859428" s="10"/>
    </row>
    <row r="859429" spans="14:14">
      <c r="N859429" s="10"/>
    </row>
    <row r="859430" spans="14:14">
      <c r="N859430" s="10"/>
    </row>
    <row r="859431" spans="14:14">
      <c r="N859431" s="10"/>
    </row>
    <row r="859432" spans="14:14">
      <c r="N859432" s="10"/>
    </row>
    <row r="859433" spans="14:14">
      <c r="N859433" s="10"/>
    </row>
    <row r="859434" spans="14:14">
      <c r="N859434" s="10"/>
    </row>
    <row r="859435" spans="14:14">
      <c r="N859435" s="10"/>
    </row>
    <row r="859436" spans="14:14">
      <c r="N859436" s="10"/>
    </row>
    <row r="859437" spans="14:14">
      <c r="N859437" s="10"/>
    </row>
    <row r="859438" spans="14:14">
      <c r="N859438" s="10"/>
    </row>
    <row r="859439" spans="14:14">
      <c r="N859439" s="10"/>
    </row>
    <row r="859440" spans="14:14">
      <c r="N859440" s="10"/>
    </row>
    <row r="859441" spans="14:14">
      <c r="N859441" s="10"/>
    </row>
    <row r="859442" spans="14:14">
      <c r="N859442" s="10"/>
    </row>
    <row r="859443" spans="14:14">
      <c r="N859443" s="10"/>
    </row>
    <row r="859444" spans="14:14">
      <c r="N859444" s="10"/>
    </row>
    <row r="859445" spans="14:14">
      <c r="N859445" s="10"/>
    </row>
    <row r="859446" spans="14:14">
      <c r="N859446" s="10"/>
    </row>
    <row r="859447" spans="14:14">
      <c r="N859447" s="10"/>
    </row>
    <row r="859448" spans="14:14">
      <c r="N859448" s="10"/>
    </row>
    <row r="859449" spans="14:14">
      <c r="N859449" s="10"/>
    </row>
    <row r="859450" spans="14:14">
      <c r="N859450" s="10"/>
    </row>
    <row r="859451" spans="14:14">
      <c r="N859451" s="10"/>
    </row>
    <row r="859452" spans="14:14">
      <c r="N859452" s="10"/>
    </row>
    <row r="859453" spans="14:14">
      <c r="N859453" s="10"/>
    </row>
    <row r="859454" spans="14:14">
      <c r="N859454" s="10"/>
    </row>
    <row r="859455" spans="14:14">
      <c r="N859455" s="10"/>
    </row>
    <row r="859456" spans="14:14">
      <c r="N859456" s="10"/>
    </row>
    <row r="859457" spans="14:14">
      <c r="N859457" s="10"/>
    </row>
    <row r="859458" spans="14:14">
      <c r="N859458" s="10"/>
    </row>
    <row r="859459" spans="14:14">
      <c r="N859459" s="10"/>
    </row>
    <row r="859460" spans="14:14">
      <c r="N859460" s="10"/>
    </row>
    <row r="859461" spans="14:14">
      <c r="N859461" s="10"/>
    </row>
    <row r="859462" spans="14:14">
      <c r="N859462" s="10"/>
    </row>
    <row r="859463" spans="14:14">
      <c r="N859463" s="10"/>
    </row>
    <row r="859464" spans="14:14">
      <c r="N859464" s="10"/>
    </row>
    <row r="859465" spans="14:14">
      <c r="N859465" s="10"/>
    </row>
    <row r="859466" spans="14:14">
      <c r="N859466" s="10"/>
    </row>
    <row r="859467" spans="14:14">
      <c r="N859467" s="10"/>
    </row>
    <row r="859468" spans="14:14">
      <c r="N859468" s="10"/>
    </row>
    <row r="859469" spans="14:14">
      <c r="N859469" s="10"/>
    </row>
    <row r="859470" spans="14:14">
      <c r="N859470" s="10"/>
    </row>
    <row r="859471" spans="14:14">
      <c r="N859471" s="10"/>
    </row>
    <row r="859472" spans="14:14">
      <c r="N859472" s="10"/>
    </row>
    <row r="859473" spans="14:14">
      <c r="N859473" s="10"/>
    </row>
    <row r="859474" spans="14:14">
      <c r="N859474" s="10"/>
    </row>
    <row r="859475" spans="14:14">
      <c r="N859475" s="10"/>
    </row>
    <row r="859476" spans="14:14">
      <c r="N859476" s="10"/>
    </row>
    <row r="859477" spans="14:14">
      <c r="N859477" s="10"/>
    </row>
    <row r="859478" spans="14:14">
      <c r="N859478" s="10"/>
    </row>
    <row r="859479" spans="14:14">
      <c r="N859479" s="10"/>
    </row>
    <row r="859480" spans="14:14">
      <c r="N859480" s="10"/>
    </row>
    <row r="859481" spans="14:14">
      <c r="N859481" s="10"/>
    </row>
    <row r="859482" spans="14:14">
      <c r="N859482" s="10"/>
    </row>
    <row r="859483" spans="14:14">
      <c r="N859483" s="10"/>
    </row>
    <row r="859484" spans="14:14">
      <c r="N859484" s="10"/>
    </row>
    <row r="859485" spans="14:14">
      <c r="N859485" s="10"/>
    </row>
    <row r="859486" spans="14:14">
      <c r="N859486" s="10"/>
    </row>
    <row r="859487" spans="14:14">
      <c r="N859487" s="10"/>
    </row>
    <row r="859488" spans="14:14">
      <c r="N859488" s="10"/>
    </row>
    <row r="859489" spans="14:14">
      <c r="N859489" s="10"/>
    </row>
    <row r="859490" spans="14:14">
      <c r="N859490" s="10"/>
    </row>
    <row r="859491" spans="14:14">
      <c r="N859491" s="10"/>
    </row>
    <row r="859492" spans="14:14">
      <c r="N859492" s="10"/>
    </row>
    <row r="859493" spans="14:14">
      <c r="N859493" s="10"/>
    </row>
    <row r="859494" spans="14:14">
      <c r="N859494" s="10"/>
    </row>
    <row r="859495" spans="14:14">
      <c r="N859495" s="10"/>
    </row>
    <row r="859496" spans="14:14">
      <c r="N859496" s="10"/>
    </row>
    <row r="859497" spans="14:14">
      <c r="N859497" s="10"/>
    </row>
    <row r="859498" spans="14:14">
      <c r="N859498" s="10"/>
    </row>
    <row r="859499" spans="14:14">
      <c r="N859499" s="10"/>
    </row>
    <row r="859500" spans="14:14">
      <c r="N859500" s="10"/>
    </row>
    <row r="859501" spans="14:14">
      <c r="N859501" s="10"/>
    </row>
    <row r="859502" spans="14:14">
      <c r="N859502" s="10"/>
    </row>
    <row r="859503" spans="14:14">
      <c r="N859503" s="10"/>
    </row>
    <row r="859504" spans="14:14">
      <c r="N859504" s="10"/>
    </row>
    <row r="859505" spans="14:14">
      <c r="N859505" s="10"/>
    </row>
    <row r="859506" spans="14:14">
      <c r="N859506" s="10"/>
    </row>
    <row r="859507" spans="14:14">
      <c r="N859507" s="10"/>
    </row>
    <row r="859508" spans="14:14">
      <c r="N859508" s="10"/>
    </row>
    <row r="859509" spans="14:14">
      <c r="N859509" s="10"/>
    </row>
    <row r="859510" spans="14:14">
      <c r="N859510" s="10"/>
    </row>
    <row r="859511" spans="14:14">
      <c r="N859511" s="10"/>
    </row>
    <row r="859512" spans="14:14">
      <c r="N859512" s="10"/>
    </row>
    <row r="859513" spans="14:14">
      <c r="N859513" s="10"/>
    </row>
    <row r="859514" spans="14:14">
      <c r="N859514" s="10"/>
    </row>
    <row r="859515" spans="14:14">
      <c r="N859515" s="10"/>
    </row>
    <row r="859516" spans="14:14">
      <c r="N859516" s="10"/>
    </row>
    <row r="859517" spans="14:14">
      <c r="N859517" s="10"/>
    </row>
    <row r="859518" spans="14:14">
      <c r="N859518" s="10"/>
    </row>
    <row r="859519" spans="14:14">
      <c r="N859519" s="10"/>
    </row>
    <row r="859520" spans="14:14">
      <c r="N859520" s="10"/>
    </row>
    <row r="859521" spans="14:14">
      <c r="N859521" s="10"/>
    </row>
    <row r="859522" spans="14:14">
      <c r="N859522" s="10"/>
    </row>
    <row r="859523" spans="14:14">
      <c r="N859523" s="10"/>
    </row>
    <row r="859524" spans="14:14">
      <c r="N859524" s="10"/>
    </row>
    <row r="859525" spans="14:14">
      <c r="N859525" s="10"/>
    </row>
    <row r="859526" spans="14:14">
      <c r="N859526" s="10"/>
    </row>
    <row r="859527" spans="14:14">
      <c r="N859527" s="10"/>
    </row>
    <row r="859528" spans="14:14">
      <c r="N859528" s="10"/>
    </row>
    <row r="859529" spans="14:14">
      <c r="N859529" s="10"/>
    </row>
    <row r="859530" spans="14:14">
      <c r="N859530" s="10"/>
    </row>
    <row r="859531" spans="14:14">
      <c r="N859531" s="10"/>
    </row>
    <row r="859532" spans="14:14">
      <c r="N859532" s="10"/>
    </row>
    <row r="859533" spans="14:14">
      <c r="N859533" s="10"/>
    </row>
    <row r="859534" spans="14:14">
      <c r="N859534" s="10"/>
    </row>
    <row r="859535" spans="14:14">
      <c r="N859535" s="10"/>
    </row>
    <row r="859536" spans="14:14">
      <c r="N859536" s="10"/>
    </row>
    <row r="859537" spans="14:14">
      <c r="N859537" s="10"/>
    </row>
    <row r="859538" spans="14:14">
      <c r="N859538" s="10"/>
    </row>
    <row r="859539" spans="14:14">
      <c r="N859539" s="10"/>
    </row>
    <row r="859540" spans="14:14">
      <c r="N859540" s="10"/>
    </row>
    <row r="859541" spans="14:14">
      <c r="N859541" s="10"/>
    </row>
    <row r="859542" spans="14:14">
      <c r="N859542" s="10"/>
    </row>
    <row r="859543" spans="14:14">
      <c r="N859543" s="10"/>
    </row>
    <row r="859544" spans="14:14">
      <c r="N859544" s="10"/>
    </row>
    <row r="859545" spans="14:14">
      <c r="N859545" s="10"/>
    </row>
    <row r="859546" spans="14:14">
      <c r="N859546" s="10"/>
    </row>
    <row r="859547" spans="14:14">
      <c r="N859547" s="10"/>
    </row>
    <row r="859548" spans="14:14">
      <c r="N859548" s="10"/>
    </row>
    <row r="859549" spans="14:14">
      <c r="N859549" s="10"/>
    </row>
    <row r="859550" spans="14:14">
      <c r="N859550" s="10"/>
    </row>
    <row r="859551" spans="14:14">
      <c r="N859551" s="10"/>
    </row>
    <row r="859552" spans="14:14">
      <c r="N859552" s="10"/>
    </row>
    <row r="859553" spans="14:14">
      <c r="N859553" s="10"/>
    </row>
    <row r="859554" spans="14:14">
      <c r="N859554" s="10"/>
    </row>
    <row r="859555" spans="14:14">
      <c r="N859555" s="10"/>
    </row>
    <row r="859556" spans="14:14">
      <c r="N859556" s="10"/>
    </row>
    <row r="859557" spans="14:14">
      <c r="N859557" s="10"/>
    </row>
    <row r="859558" spans="14:14">
      <c r="N859558" s="10"/>
    </row>
    <row r="859559" spans="14:14">
      <c r="N859559" s="10"/>
    </row>
    <row r="859560" spans="14:14">
      <c r="N859560" s="10"/>
    </row>
    <row r="859561" spans="14:14">
      <c r="N859561" s="10"/>
    </row>
    <row r="859562" spans="14:14">
      <c r="N859562" s="10"/>
    </row>
    <row r="859563" spans="14:14">
      <c r="N859563" s="10"/>
    </row>
    <row r="859564" spans="14:14">
      <c r="N859564" s="10"/>
    </row>
    <row r="859565" spans="14:14">
      <c r="N859565" s="10"/>
    </row>
    <row r="859566" spans="14:14">
      <c r="N859566" s="10"/>
    </row>
    <row r="859567" spans="14:14">
      <c r="N859567" s="10"/>
    </row>
    <row r="859568" spans="14:14">
      <c r="N859568" s="10"/>
    </row>
    <row r="859569" spans="14:14">
      <c r="N859569" s="10"/>
    </row>
    <row r="859570" spans="14:14">
      <c r="N859570" s="10"/>
    </row>
    <row r="859571" spans="14:14">
      <c r="N859571" s="10"/>
    </row>
    <row r="859572" spans="14:14">
      <c r="N859572" s="10"/>
    </row>
    <row r="859573" spans="14:14">
      <c r="N859573" s="10"/>
    </row>
    <row r="859574" spans="14:14">
      <c r="N859574" s="10"/>
    </row>
    <row r="859575" spans="14:14">
      <c r="N859575" s="10"/>
    </row>
    <row r="859576" spans="14:14">
      <c r="N859576" s="10"/>
    </row>
    <row r="859577" spans="14:14">
      <c r="N859577" s="10"/>
    </row>
    <row r="859578" spans="14:14">
      <c r="N859578" s="10"/>
    </row>
    <row r="859579" spans="14:14">
      <c r="N859579" s="10"/>
    </row>
    <row r="859580" spans="14:14">
      <c r="N859580" s="10"/>
    </row>
    <row r="859581" spans="14:14">
      <c r="N859581" s="10"/>
    </row>
    <row r="859582" spans="14:14">
      <c r="N859582" s="10"/>
    </row>
    <row r="859583" spans="14:14">
      <c r="N859583" s="10"/>
    </row>
    <row r="859584" spans="14:14">
      <c r="N859584" s="10"/>
    </row>
    <row r="859585" spans="14:14">
      <c r="N859585" s="10"/>
    </row>
    <row r="859586" spans="14:14">
      <c r="N859586" s="10"/>
    </row>
    <row r="859587" spans="14:14">
      <c r="N859587" s="10"/>
    </row>
    <row r="859588" spans="14:14">
      <c r="N859588" s="10"/>
    </row>
    <row r="859589" spans="14:14">
      <c r="N859589" s="10"/>
    </row>
    <row r="859590" spans="14:14">
      <c r="N859590" s="10"/>
    </row>
    <row r="859591" spans="14:14">
      <c r="N859591" s="10"/>
    </row>
    <row r="859592" spans="14:14">
      <c r="N859592" s="10"/>
    </row>
    <row r="859593" spans="14:14">
      <c r="N859593" s="10"/>
    </row>
    <row r="859594" spans="14:14">
      <c r="N859594" s="10"/>
    </row>
    <row r="859595" spans="14:14">
      <c r="N859595" s="10"/>
    </row>
    <row r="859596" spans="14:14">
      <c r="N859596" s="10"/>
    </row>
    <row r="859597" spans="14:14">
      <c r="N859597" s="10"/>
    </row>
    <row r="859598" spans="14:14">
      <c r="N859598" s="10"/>
    </row>
    <row r="859599" spans="14:14">
      <c r="N859599" s="10"/>
    </row>
    <row r="859600" spans="14:14">
      <c r="N859600" s="10"/>
    </row>
    <row r="859601" spans="14:14">
      <c r="N859601" s="10"/>
    </row>
    <row r="859602" spans="14:14">
      <c r="N859602" s="10"/>
    </row>
    <row r="859603" spans="14:14">
      <c r="N859603" s="10"/>
    </row>
    <row r="859604" spans="14:14">
      <c r="N859604" s="10"/>
    </row>
    <row r="859605" spans="14:14">
      <c r="N859605" s="10"/>
    </row>
    <row r="859606" spans="14:14">
      <c r="N859606" s="10"/>
    </row>
    <row r="859607" spans="14:14">
      <c r="N859607" s="10"/>
    </row>
    <row r="859608" spans="14:14">
      <c r="N859608" s="10"/>
    </row>
    <row r="859609" spans="14:14">
      <c r="N859609" s="10"/>
    </row>
    <row r="859610" spans="14:14">
      <c r="N859610" s="10"/>
    </row>
    <row r="859611" spans="14:14">
      <c r="N859611" s="10"/>
    </row>
    <row r="859612" spans="14:14">
      <c r="N859612" s="10"/>
    </row>
    <row r="859613" spans="14:14">
      <c r="N859613" s="10"/>
    </row>
    <row r="859614" spans="14:14">
      <c r="N859614" s="10"/>
    </row>
    <row r="859615" spans="14:14">
      <c r="N859615" s="10"/>
    </row>
    <row r="859616" spans="14:14">
      <c r="N859616" s="10"/>
    </row>
    <row r="859617" spans="14:14">
      <c r="N859617" s="10"/>
    </row>
    <row r="859618" spans="14:14">
      <c r="N859618" s="10"/>
    </row>
    <row r="859619" spans="14:14">
      <c r="N859619" s="10"/>
    </row>
    <row r="859620" spans="14:14">
      <c r="N859620" s="10"/>
    </row>
    <row r="859621" spans="14:14">
      <c r="N859621" s="10"/>
    </row>
    <row r="859622" spans="14:14">
      <c r="N859622" s="10"/>
    </row>
    <row r="859623" spans="14:14">
      <c r="N859623" s="10"/>
    </row>
    <row r="859624" spans="14:14">
      <c r="N859624" s="10"/>
    </row>
    <row r="859625" spans="14:14">
      <c r="N859625" s="10"/>
    </row>
    <row r="859626" spans="14:14">
      <c r="N859626" s="10"/>
    </row>
    <row r="859627" spans="14:14">
      <c r="N859627" s="10"/>
    </row>
    <row r="859628" spans="14:14">
      <c r="N859628" s="10"/>
    </row>
    <row r="859629" spans="14:14">
      <c r="N859629" s="10"/>
    </row>
    <row r="859630" spans="14:14">
      <c r="N859630" s="10"/>
    </row>
    <row r="859631" spans="14:14">
      <c r="N859631" s="10"/>
    </row>
    <row r="859632" spans="14:14">
      <c r="N859632" s="10"/>
    </row>
    <row r="859633" spans="14:14">
      <c r="N859633" s="10"/>
    </row>
    <row r="859634" spans="14:14">
      <c r="N859634" s="10"/>
    </row>
    <row r="859635" spans="14:14">
      <c r="N859635" s="10"/>
    </row>
    <row r="859636" spans="14:14">
      <c r="N859636" s="10"/>
    </row>
    <row r="859637" spans="14:14">
      <c r="N859637" s="10"/>
    </row>
    <row r="859638" spans="14:14">
      <c r="N859638" s="10"/>
    </row>
    <row r="859639" spans="14:14">
      <c r="N859639" s="10"/>
    </row>
    <row r="859640" spans="14:14">
      <c r="N859640" s="10"/>
    </row>
    <row r="859641" spans="14:14">
      <c r="N859641" s="10"/>
    </row>
    <row r="859642" spans="14:14">
      <c r="N859642" s="10"/>
    </row>
    <row r="859643" spans="14:14">
      <c r="N859643" s="10"/>
    </row>
    <row r="859644" spans="14:14">
      <c r="N859644" s="10"/>
    </row>
    <row r="859645" spans="14:14">
      <c r="N859645" s="10"/>
    </row>
    <row r="859646" spans="14:14">
      <c r="N859646" s="10"/>
    </row>
    <row r="859647" spans="14:14">
      <c r="N859647" s="10"/>
    </row>
    <row r="859648" spans="14:14">
      <c r="N859648" s="10"/>
    </row>
    <row r="859649" spans="14:14">
      <c r="N859649" s="10"/>
    </row>
    <row r="859650" spans="14:14">
      <c r="N859650" s="10"/>
    </row>
    <row r="859651" spans="14:14">
      <c r="N859651" s="10"/>
    </row>
    <row r="859652" spans="14:14">
      <c r="N859652" s="10"/>
    </row>
    <row r="859653" spans="14:14">
      <c r="N859653" s="10"/>
    </row>
    <row r="859654" spans="14:14">
      <c r="N859654" s="10"/>
    </row>
    <row r="859655" spans="14:14">
      <c r="N859655" s="10"/>
    </row>
    <row r="859656" spans="14:14">
      <c r="N859656" s="10"/>
    </row>
    <row r="859657" spans="14:14">
      <c r="N859657" s="10"/>
    </row>
    <row r="859658" spans="14:14">
      <c r="N859658" s="10"/>
    </row>
    <row r="859659" spans="14:14">
      <c r="N859659" s="10"/>
    </row>
    <row r="859660" spans="14:14">
      <c r="N859660" s="10"/>
    </row>
    <row r="859661" spans="14:14">
      <c r="N859661" s="10"/>
    </row>
    <row r="859662" spans="14:14">
      <c r="N859662" s="10"/>
    </row>
    <row r="859663" spans="14:14">
      <c r="N859663" s="10"/>
    </row>
    <row r="859664" spans="14:14">
      <c r="N859664" s="10"/>
    </row>
    <row r="859665" spans="14:14">
      <c r="N859665" s="10"/>
    </row>
    <row r="859666" spans="14:14">
      <c r="N859666" s="10"/>
    </row>
    <row r="859667" spans="14:14">
      <c r="N859667" s="10"/>
    </row>
    <row r="859668" spans="14:14">
      <c r="N859668" s="10"/>
    </row>
    <row r="859669" spans="14:14">
      <c r="N859669" s="10"/>
    </row>
    <row r="859670" spans="14:14">
      <c r="N859670" s="10"/>
    </row>
    <row r="859671" spans="14:14">
      <c r="N859671" s="10"/>
    </row>
    <row r="859672" spans="14:14">
      <c r="N859672" s="10"/>
    </row>
    <row r="859673" spans="14:14">
      <c r="N859673" s="10"/>
    </row>
    <row r="859674" spans="14:14">
      <c r="N859674" s="10"/>
    </row>
    <row r="859675" spans="14:14">
      <c r="N859675" s="10"/>
    </row>
    <row r="859676" spans="14:14">
      <c r="N859676" s="10"/>
    </row>
    <row r="859677" spans="14:14">
      <c r="N859677" s="10"/>
    </row>
    <row r="859678" spans="14:14">
      <c r="N859678" s="10"/>
    </row>
    <row r="859679" spans="14:14">
      <c r="N859679" s="10"/>
    </row>
    <row r="859680" spans="14:14">
      <c r="N859680" s="10"/>
    </row>
    <row r="859681" spans="14:14">
      <c r="N859681" s="10"/>
    </row>
    <row r="859682" spans="14:14">
      <c r="N859682" s="10"/>
    </row>
    <row r="859683" spans="14:14">
      <c r="N859683" s="10"/>
    </row>
    <row r="859684" spans="14:14">
      <c r="N859684" s="10"/>
    </row>
    <row r="859685" spans="14:14">
      <c r="N859685" s="10"/>
    </row>
    <row r="859686" spans="14:14">
      <c r="N859686" s="10"/>
    </row>
    <row r="859687" spans="14:14">
      <c r="N859687" s="10"/>
    </row>
    <row r="859688" spans="14:14">
      <c r="N859688" s="10"/>
    </row>
    <row r="859689" spans="14:14">
      <c r="N859689" s="10"/>
    </row>
    <row r="859690" spans="14:14">
      <c r="N859690" s="10"/>
    </row>
    <row r="859691" spans="14:14">
      <c r="N859691" s="10"/>
    </row>
    <row r="859692" spans="14:14">
      <c r="N859692" s="10"/>
    </row>
    <row r="859693" spans="14:14">
      <c r="N859693" s="10"/>
    </row>
    <row r="859694" spans="14:14">
      <c r="N859694" s="10"/>
    </row>
    <row r="859695" spans="14:14">
      <c r="N859695" s="10"/>
    </row>
    <row r="859696" spans="14:14">
      <c r="N859696" s="10"/>
    </row>
    <row r="859697" spans="14:14">
      <c r="N859697" s="10"/>
    </row>
    <row r="859698" spans="14:14">
      <c r="N859698" s="10"/>
    </row>
    <row r="859699" spans="14:14">
      <c r="N859699" s="10"/>
    </row>
    <row r="859700" spans="14:14">
      <c r="N859700" s="10"/>
    </row>
    <row r="859701" spans="14:14">
      <c r="N859701" s="10"/>
    </row>
    <row r="859702" spans="14:14">
      <c r="N859702" s="10"/>
    </row>
    <row r="859703" spans="14:14">
      <c r="N859703" s="10"/>
    </row>
    <row r="859704" spans="14:14">
      <c r="N859704" s="10"/>
    </row>
    <row r="859705" spans="14:14">
      <c r="N859705" s="10"/>
    </row>
    <row r="859706" spans="14:14">
      <c r="N859706" s="10"/>
    </row>
    <row r="859707" spans="14:14">
      <c r="N859707" s="10"/>
    </row>
    <row r="859708" spans="14:14">
      <c r="N859708" s="10"/>
    </row>
    <row r="859709" spans="14:14">
      <c r="N859709" s="10"/>
    </row>
    <row r="859710" spans="14:14">
      <c r="N859710" s="10"/>
    </row>
    <row r="859711" spans="14:14">
      <c r="N859711" s="10"/>
    </row>
    <row r="859712" spans="14:14">
      <c r="N859712" s="10"/>
    </row>
    <row r="859713" spans="14:14">
      <c r="N859713" s="10"/>
    </row>
    <row r="859714" spans="14:14">
      <c r="N859714" s="10"/>
    </row>
    <row r="859715" spans="14:14">
      <c r="N859715" s="10"/>
    </row>
    <row r="859716" spans="14:14">
      <c r="N859716" s="10"/>
    </row>
    <row r="859717" spans="14:14">
      <c r="N859717" s="10"/>
    </row>
    <row r="859718" spans="14:14">
      <c r="N859718" s="10"/>
    </row>
    <row r="859719" spans="14:14">
      <c r="N859719" s="10"/>
    </row>
    <row r="859720" spans="14:14">
      <c r="N859720" s="10"/>
    </row>
    <row r="859721" spans="14:14">
      <c r="N859721" s="10"/>
    </row>
    <row r="859722" spans="14:14">
      <c r="N859722" s="10"/>
    </row>
    <row r="859723" spans="14:14">
      <c r="N859723" s="10"/>
    </row>
    <row r="859724" spans="14:14">
      <c r="N859724" s="10"/>
    </row>
    <row r="859725" spans="14:14">
      <c r="N859725" s="10"/>
    </row>
    <row r="859726" spans="14:14">
      <c r="N859726" s="10"/>
    </row>
    <row r="859727" spans="14:14">
      <c r="N859727" s="10"/>
    </row>
    <row r="859728" spans="14:14">
      <c r="N859728" s="10"/>
    </row>
    <row r="859729" spans="14:14">
      <c r="N859729" s="10"/>
    </row>
    <row r="859730" spans="14:14">
      <c r="N859730" s="10"/>
    </row>
    <row r="859731" spans="14:14">
      <c r="N859731" s="10"/>
    </row>
    <row r="859732" spans="14:14">
      <c r="N859732" s="10"/>
    </row>
    <row r="859733" spans="14:14">
      <c r="N859733" s="10"/>
    </row>
    <row r="859734" spans="14:14">
      <c r="N859734" s="10"/>
    </row>
    <row r="859735" spans="14:14">
      <c r="N859735" s="10"/>
    </row>
    <row r="859736" spans="14:14">
      <c r="N859736" s="10"/>
    </row>
    <row r="859737" spans="14:14">
      <c r="N859737" s="10"/>
    </row>
    <row r="859738" spans="14:14">
      <c r="N859738" s="10"/>
    </row>
    <row r="859739" spans="14:14">
      <c r="N859739" s="10"/>
    </row>
    <row r="859740" spans="14:14">
      <c r="N859740" s="10"/>
    </row>
    <row r="859741" spans="14:14">
      <c r="N859741" s="10"/>
    </row>
    <row r="859742" spans="14:14">
      <c r="N859742" s="10"/>
    </row>
    <row r="859743" spans="14:14">
      <c r="N859743" s="10"/>
    </row>
    <row r="859744" spans="14:14">
      <c r="N859744" s="10"/>
    </row>
    <row r="859745" spans="14:14">
      <c r="N859745" s="10"/>
    </row>
    <row r="859746" spans="14:14">
      <c r="N859746" s="10"/>
    </row>
    <row r="859747" spans="14:14">
      <c r="N859747" s="10"/>
    </row>
    <row r="859748" spans="14:14">
      <c r="N859748" s="10"/>
    </row>
    <row r="859749" spans="14:14">
      <c r="N859749" s="10"/>
    </row>
    <row r="859750" spans="14:14">
      <c r="N859750" s="10"/>
    </row>
    <row r="859751" spans="14:14">
      <c r="N859751" s="10"/>
    </row>
    <row r="859752" spans="14:14">
      <c r="N859752" s="10"/>
    </row>
    <row r="859753" spans="14:14">
      <c r="N859753" s="10"/>
    </row>
    <row r="859754" spans="14:14">
      <c r="N859754" s="10"/>
    </row>
    <row r="859755" spans="14:14">
      <c r="N859755" s="10"/>
    </row>
    <row r="859756" spans="14:14">
      <c r="N859756" s="10"/>
    </row>
    <row r="859757" spans="14:14">
      <c r="N859757" s="10"/>
    </row>
    <row r="859758" spans="14:14">
      <c r="N859758" s="10"/>
    </row>
    <row r="859759" spans="14:14">
      <c r="N859759" s="10"/>
    </row>
    <row r="859760" spans="14:14">
      <c r="N859760" s="10"/>
    </row>
    <row r="859761" spans="14:14">
      <c r="N859761" s="10"/>
    </row>
    <row r="859762" spans="14:14">
      <c r="N859762" s="10"/>
    </row>
    <row r="859763" spans="14:14">
      <c r="N859763" s="10"/>
    </row>
    <row r="859764" spans="14:14">
      <c r="N859764" s="10"/>
    </row>
    <row r="859765" spans="14:14">
      <c r="N859765" s="10"/>
    </row>
    <row r="859766" spans="14:14">
      <c r="N859766" s="10"/>
    </row>
    <row r="859767" spans="14:14">
      <c r="N859767" s="10"/>
    </row>
    <row r="859768" spans="14:14">
      <c r="N859768" s="10"/>
    </row>
    <row r="859769" spans="14:14">
      <c r="N859769" s="10"/>
    </row>
    <row r="859770" spans="14:14">
      <c r="N859770" s="10"/>
    </row>
    <row r="859771" spans="14:14">
      <c r="N859771" s="10"/>
    </row>
    <row r="859772" spans="14:14">
      <c r="N859772" s="10"/>
    </row>
    <row r="859773" spans="14:14">
      <c r="N859773" s="10"/>
    </row>
    <row r="859774" spans="14:14">
      <c r="N859774" s="10"/>
    </row>
    <row r="859775" spans="14:14">
      <c r="N859775" s="10"/>
    </row>
    <row r="859776" spans="14:14">
      <c r="N859776" s="10"/>
    </row>
    <row r="859777" spans="14:14">
      <c r="N859777" s="10"/>
    </row>
    <row r="859778" spans="14:14">
      <c r="N859778" s="10"/>
    </row>
    <row r="859779" spans="14:14">
      <c r="N859779" s="10"/>
    </row>
    <row r="859780" spans="14:14">
      <c r="N859780" s="10"/>
    </row>
    <row r="859781" spans="14:14">
      <c r="N859781" s="10"/>
    </row>
    <row r="859782" spans="14:14">
      <c r="N859782" s="10"/>
    </row>
    <row r="859783" spans="14:14">
      <c r="N859783" s="10"/>
    </row>
    <row r="859784" spans="14:14">
      <c r="N859784" s="10"/>
    </row>
    <row r="859785" spans="14:14">
      <c r="N859785" s="10"/>
    </row>
    <row r="859786" spans="14:14">
      <c r="N859786" s="10"/>
    </row>
    <row r="859787" spans="14:14">
      <c r="N859787" s="10"/>
    </row>
    <row r="859788" spans="14:14">
      <c r="N859788" s="10"/>
    </row>
    <row r="859789" spans="14:14">
      <c r="N859789" s="10"/>
    </row>
    <row r="859790" spans="14:14">
      <c r="N859790" s="10"/>
    </row>
    <row r="859791" spans="14:14">
      <c r="N859791" s="10"/>
    </row>
    <row r="859792" spans="14:14">
      <c r="N859792" s="10"/>
    </row>
    <row r="859793" spans="14:14">
      <c r="N859793" s="10"/>
    </row>
    <row r="859794" spans="14:14">
      <c r="N859794" s="10"/>
    </row>
    <row r="859795" spans="14:14">
      <c r="N859795" s="10"/>
    </row>
    <row r="859796" spans="14:14">
      <c r="N859796" s="10"/>
    </row>
    <row r="859797" spans="14:14">
      <c r="N859797" s="10"/>
    </row>
    <row r="859798" spans="14:14">
      <c r="N859798" s="10"/>
    </row>
    <row r="859799" spans="14:14">
      <c r="N859799" s="10"/>
    </row>
    <row r="859800" spans="14:14">
      <c r="N859800" s="10"/>
    </row>
    <row r="859801" spans="14:14">
      <c r="N859801" s="10"/>
    </row>
    <row r="859802" spans="14:14">
      <c r="N859802" s="10"/>
    </row>
    <row r="859803" spans="14:14">
      <c r="N859803" s="10"/>
    </row>
    <row r="859804" spans="14:14">
      <c r="N859804" s="10"/>
    </row>
    <row r="859805" spans="14:14">
      <c r="N859805" s="10"/>
    </row>
    <row r="859806" spans="14:14">
      <c r="N859806" s="10"/>
    </row>
    <row r="859807" spans="14:14">
      <c r="N859807" s="10"/>
    </row>
    <row r="859808" spans="14:14">
      <c r="N859808" s="10"/>
    </row>
    <row r="859809" spans="14:14">
      <c r="N859809" s="10"/>
    </row>
    <row r="859810" spans="14:14">
      <c r="N859810" s="10"/>
    </row>
    <row r="859811" spans="14:14">
      <c r="N859811" s="10"/>
    </row>
    <row r="859812" spans="14:14">
      <c r="N859812" s="10"/>
    </row>
    <row r="859813" spans="14:14">
      <c r="N859813" s="10"/>
    </row>
    <row r="859814" spans="14:14">
      <c r="N859814" s="10"/>
    </row>
    <row r="859815" spans="14:14">
      <c r="N859815" s="10"/>
    </row>
    <row r="859816" spans="14:14">
      <c r="N859816" s="10"/>
    </row>
    <row r="859817" spans="14:14">
      <c r="N859817" s="10"/>
    </row>
    <row r="859818" spans="14:14">
      <c r="N859818" s="10"/>
    </row>
    <row r="859819" spans="14:14">
      <c r="N859819" s="10"/>
    </row>
    <row r="859820" spans="14:14">
      <c r="N859820" s="10"/>
    </row>
    <row r="859821" spans="14:14">
      <c r="N859821" s="10"/>
    </row>
    <row r="859822" spans="14:14">
      <c r="N859822" s="10"/>
    </row>
    <row r="859823" spans="14:14">
      <c r="N859823" s="10"/>
    </row>
    <row r="859824" spans="14:14">
      <c r="N859824" s="10"/>
    </row>
    <row r="859825" spans="14:14">
      <c r="N859825" s="10"/>
    </row>
    <row r="859826" spans="14:14">
      <c r="N859826" s="10"/>
    </row>
    <row r="859827" spans="14:14">
      <c r="N859827" s="10"/>
    </row>
    <row r="859828" spans="14:14">
      <c r="N859828" s="10"/>
    </row>
    <row r="859829" spans="14:14">
      <c r="N859829" s="10"/>
    </row>
    <row r="859830" spans="14:14">
      <c r="N859830" s="10"/>
    </row>
    <row r="859831" spans="14:14">
      <c r="N859831" s="10"/>
    </row>
    <row r="859832" spans="14:14">
      <c r="N859832" s="10"/>
    </row>
    <row r="859833" spans="14:14">
      <c r="N859833" s="10"/>
    </row>
    <row r="859834" spans="14:14">
      <c r="N859834" s="10"/>
    </row>
    <row r="859835" spans="14:14">
      <c r="N859835" s="10"/>
    </row>
    <row r="859836" spans="14:14">
      <c r="N859836" s="10"/>
    </row>
    <row r="859837" spans="14:14">
      <c r="N859837" s="10"/>
    </row>
    <row r="859838" spans="14:14">
      <c r="N859838" s="10"/>
    </row>
    <row r="859839" spans="14:14">
      <c r="N859839" s="10"/>
    </row>
    <row r="859840" spans="14:14">
      <c r="N859840" s="10"/>
    </row>
    <row r="859841" spans="14:14">
      <c r="N859841" s="10"/>
    </row>
    <row r="859842" spans="14:14">
      <c r="N859842" s="10"/>
    </row>
    <row r="859843" spans="14:14">
      <c r="N859843" s="10"/>
    </row>
    <row r="859844" spans="14:14">
      <c r="N859844" s="10"/>
    </row>
    <row r="859845" spans="14:14">
      <c r="N859845" s="10"/>
    </row>
    <row r="859846" spans="14:14">
      <c r="N859846" s="10"/>
    </row>
    <row r="859847" spans="14:14">
      <c r="N859847" s="10"/>
    </row>
    <row r="859848" spans="14:14">
      <c r="N859848" s="10"/>
    </row>
    <row r="859849" spans="14:14">
      <c r="N859849" s="10"/>
    </row>
    <row r="859850" spans="14:14">
      <c r="N859850" s="10"/>
    </row>
    <row r="859851" spans="14:14">
      <c r="N859851" s="10"/>
    </row>
    <row r="859852" spans="14:14">
      <c r="N859852" s="10"/>
    </row>
    <row r="859853" spans="14:14">
      <c r="N859853" s="10"/>
    </row>
    <row r="859854" spans="14:14">
      <c r="N859854" s="10"/>
    </row>
    <row r="859855" spans="14:14">
      <c r="N859855" s="10"/>
    </row>
    <row r="859856" spans="14:14">
      <c r="N859856" s="10"/>
    </row>
    <row r="859857" spans="14:14">
      <c r="N859857" s="10"/>
    </row>
    <row r="859858" spans="14:14">
      <c r="N859858" s="10"/>
    </row>
    <row r="859859" spans="14:14">
      <c r="N859859" s="10"/>
    </row>
    <row r="859860" spans="14:14">
      <c r="N859860" s="10"/>
    </row>
    <row r="859861" spans="14:14">
      <c r="N859861" s="10"/>
    </row>
    <row r="859862" spans="14:14">
      <c r="N859862" s="10"/>
    </row>
    <row r="859863" spans="14:14">
      <c r="N859863" s="10"/>
    </row>
    <row r="859864" spans="14:14">
      <c r="N859864" s="10"/>
    </row>
    <row r="859865" spans="14:14">
      <c r="N859865" s="10"/>
    </row>
    <row r="859866" spans="14:14">
      <c r="N859866" s="10"/>
    </row>
    <row r="859867" spans="14:14">
      <c r="N859867" s="10"/>
    </row>
    <row r="859868" spans="14:14">
      <c r="N859868" s="10"/>
    </row>
    <row r="859869" spans="14:14">
      <c r="N859869" s="10"/>
    </row>
    <row r="859870" spans="14:14">
      <c r="N859870" s="10"/>
    </row>
    <row r="859871" spans="14:14">
      <c r="N859871" s="10"/>
    </row>
    <row r="859872" spans="14:14">
      <c r="N859872" s="10"/>
    </row>
    <row r="859873" spans="14:14">
      <c r="N859873" s="10"/>
    </row>
    <row r="859874" spans="14:14">
      <c r="N859874" s="10"/>
    </row>
    <row r="859875" spans="14:14">
      <c r="N859875" s="10"/>
    </row>
    <row r="859876" spans="14:14">
      <c r="N859876" s="10"/>
    </row>
    <row r="859877" spans="14:14">
      <c r="N859877" s="10"/>
    </row>
    <row r="859878" spans="14:14">
      <c r="N859878" s="10"/>
    </row>
    <row r="859879" spans="14:14">
      <c r="N859879" s="10"/>
    </row>
    <row r="859880" spans="14:14">
      <c r="N859880" s="10"/>
    </row>
    <row r="859881" spans="14:14">
      <c r="N859881" s="10"/>
    </row>
    <row r="859882" spans="14:14">
      <c r="N859882" s="10"/>
    </row>
    <row r="859883" spans="14:14">
      <c r="N859883" s="10"/>
    </row>
    <row r="859884" spans="14:14">
      <c r="N859884" s="10"/>
    </row>
    <row r="859885" spans="14:14">
      <c r="N859885" s="10"/>
    </row>
    <row r="859886" spans="14:14">
      <c r="N859886" s="10"/>
    </row>
    <row r="859887" spans="14:14">
      <c r="N859887" s="10"/>
    </row>
    <row r="859888" spans="14:14">
      <c r="N859888" s="10"/>
    </row>
    <row r="859889" spans="14:14">
      <c r="N859889" s="10"/>
    </row>
    <row r="859890" spans="14:14">
      <c r="N859890" s="10"/>
    </row>
    <row r="859891" spans="14:14">
      <c r="N859891" s="10"/>
    </row>
    <row r="859892" spans="14:14">
      <c r="N859892" s="10"/>
    </row>
    <row r="859893" spans="14:14">
      <c r="N859893" s="10"/>
    </row>
    <row r="859894" spans="14:14">
      <c r="N859894" s="10"/>
    </row>
    <row r="859895" spans="14:14">
      <c r="N859895" s="10"/>
    </row>
    <row r="859896" spans="14:14">
      <c r="N859896" s="10"/>
    </row>
    <row r="859897" spans="14:14">
      <c r="N859897" s="10"/>
    </row>
    <row r="859898" spans="14:14">
      <c r="N859898" s="10"/>
    </row>
    <row r="859899" spans="14:14">
      <c r="N859899" s="10"/>
    </row>
    <row r="859900" spans="14:14">
      <c r="N859900" s="10"/>
    </row>
    <row r="859901" spans="14:14">
      <c r="N859901" s="10"/>
    </row>
    <row r="859902" spans="14:14">
      <c r="N859902" s="10"/>
    </row>
    <row r="859903" spans="14:14">
      <c r="N859903" s="10"/>
    </row>
    <row r="859904" spans="14:14">
      <c r="N859904" s="10"/>
    </row>
    <row r="859905" spans="14:14">
      <c r="N859905" s="10"/>
    </row>
    <row r="859906" spans="14:14">
      <c r="N859906" s="10"/>
    </row>
    <row r="859907" spans="14:14">
      <c r="N859907" s="10"/>
    </row>
    <row r="859908" spans="14:14">
      <c r="N859908" s="10"/>
    </row>
    <row r="859909" spans="14:14">
      <c r="N859909" s="10"/>
    </row>
    <row r="859910" spans="14:14">
      <c r="N859910" s="10"/>
    </row>
    <row r="859911" spans="14:14">
      <c r="N859911" s="10"/>
    </row>
    <row r="859912" spans="14:14">
      <c r="N859912" s="10"/>
    </row>
    <row r="859913" spans="14:14">
      <c r="N859913" s="10"/>
    </row>
    <row r="859914" spans="14:14">
      <c r="N859914" s="10"/>
    </row>
    <row r="859915" spans="14:14">
      <c r="N859915" s="10"/>
    </row>
    <row r="859916" spans="14:14">
      <c r="N859916" s="10"/>
    </row>
    <row r="859917" spans="14:14">
      <c r="N859917" s="10"/>
    </row>
    <row r="859918" spans="14:14">
      <c r="N859918" s="10"/>
    </row>
    <row r="859919" spans="14:14">
      <c r="N859919" s="10"/>
    </row>
    <row r="859920" spans="14:14">
      <c r="N859920" s="10"/>
    </row>
    <row r="859921" spans="14:14">
      <c r="N859921" s="10"/>
    </row>
    <row r="859922" spans="14:14">
      <c r="N859922" s="10"/>
    </row>
    <row r="859923" spans="14:14">
      <c r="N859923" s="10"/>
    </row>
    <row r="859924" spans="14:14">
      <c r="N859924" s="10"/>
    </row>
    <row r="859925" spans="14:14">
      <c r="N859925" s="10"/>
    </row>
    <row r="859926" spans="14:14">
      <c r="N859926" s="10"/>
    </row>
    <row r="859927" spans="14:14">
      <c r="N859927" s="10"/>
    </row>
    <row r="859928" spans="14:14">
      <c r="N859928" s="10"/>
    </row>
    <row r="859929" spans="14:14">
      <c r="N859929" s="10"/>
    </row>
    <row r="859930" spans="14:14">
      <c r="N859930" s="10"/>
    </row>
    <row r="859931" spans="14:14">
      <c r="N859931" s="10"/>
    </row>
    <row r="859932" spans="14:14">
      <c r="N859932" s="10"/>
    </row>
    <row r="859933" spans="14:14">
      <c r="N859933" s="10"/>
    </row>
    <row r="859934" spans="14:14">
      <c r="N859934" s="10"/>
    </row>
    <row r="859935" spans="14:14">
      <c r="N859935" s="10"/>
    </row>
    <row r="859936" spans="14:14">
      <c r="N859936" s="10"/>
    </row>
    <row r="859937" spans="14:14">
      <c r="N859937" s="10"/>
    </row>
    <row r="859938" spans="14:14">
      <c r="N859938" s="10"/>
    </row>
    <row r="859939" spans="14:14">
      <c r="N859939" s="10"/>
    </row>
    <row r="859940" spans="14:14">
      <c r="N859940" s="10"/>
    </row>
    <row r="859941" spans="14:14">
      <c r="N859941" s="10"/>
    </row>
    <row r="859942" spans="14:14">
      <c r="N859942" s="10"/>
    </row>
    <row r="859943" spans="14:14">
      <c r="N859943" s="10"/>
    </row>
    <row r="859944" spans="14:14">
      <c r="N859944" s="10"/>
    </row>
    <row r="859945" spans="14:14">
      <c r="N859945" s="10"/>
    </row>
    <row r="859946" spans="14:14">
      <c r="N859946" s="10"/>
    </row>
    <row r="859947" spans="14:14">
      <c r="N859947" s="10"/>
    </row>
    <row r="859948" spans="14:14">
      <c r="N859948" s="10"/>
    </row>
    <row r="859949" spans="14:14">
      <c r="N859949" s="10"/>
    </row>
    <row r="859950" spans="14:14">
      <c r="N859950" s="10"/>
    </row>
    <row r="859951" spans="14:14">
      <c r="N859951" s="10"/>
    </row>
    <row r="859952" spans="14:14">
      <c r="N859952" s="10"/>
    </row>
    <row r="859953" spans="14:14">
      <c r="N859953" s="10"/>
    </row>
    <row r="859954" spans="14:14">
      <c r="N859954" s="10"/>
    </row>
    <row r="859955" spans="14:14">
      <c r="N859955" s="10"/>
    </row>
    <row r="859956" spans="14:14">
      <c r="N859956" s="10"/>
    </row>
    <row r="859957" spans="14:14">
      <c r="N859957" s="10"/>
    </row>
    <row r="859958" spans="14:14">
      <c r="N859958" s="10"/>
    </row>
    <row r="859959" spans="14:14">
      <c r="N859959" s="10"/>
    </row>
    <row r="859960" spans="14:14">
      <c r="N859960" s="10"/>
    </row>
    <row r="859961" spans="14:14">
      <c r="N859961" s="10"/>
    </row>
    <row r="859962" spans="14:14">
      <c r="N859962" s="10"/>
    </row>
    <row r="859963" spans="14:14">
      <c r="N859963" s="10"/>
    </row>
    <row r="859964" spans="14:14">
      <c r="N859964" s="10"/>
    </row>
    <row r="859965" spans="14:14">
      <c r="N859965" s="10"/>
    </row>
    <row r="859966" spans="14:14">
      <c r="N859966" s="10"/>
    </row>
    <row r="859967" spans="14:14">
      <c r="N859967" s="10"/>
    </row>
    <row r="859968" spans="14:14">
      <c r="N859968" s="10"/>
    </row>
    <row r="859969" spans="14:14">
      <c r="N859969" s="10"/>
    </row>
    <row r="859970" spans="14:14">
      <c r="N859970" s="10"/>
    </row>
    <row r="859971" spans="14:14">
      <c r="N859971" s="10"/>
    </row>
    <row r="859972" spans="14:14">
      <c r="N859972" s="10"/>
    </row>
    <row r="859973" spans="14:14">
      <c r="N859973" s="10"/>
    </row>
    <row r="859974" spans="14:14">
      <c r="N859974" s="10"/>
    </row>
    <row r="859975" spans="14:14">
      <c r="N859975" s="10"/>
    </row>
    <row r="859976" spans="14:14">
      <c r="N859976" s="10"/>
    </row>
    <row r="859977" spans="14:14">
      <c r="N859977" s="10"/>
    </row>
    <row r="859978" spans="14:14">
      <c r="N859978" s="10"/>
    </row>
    <row r="859979" spans="14:14">
      <c r="N859979" s="10"/>
    </row>
    <row r="859980" spans="14:14">
      <c r="N859980" s="10"/>
    </row>
    <row r="859981" spans="14:14">
      <c r="N859981" s="10"/>
    </row>
    <row r="859982" spans="14:14">
      <c r="N859982" s="10"/>
    </row>
    <row r="859983" spans="14:14">
      <c r="N859983" s="10"/>
    </row>
    <row r="859984" spans="14:14">
      <c r="N859984" s="10"/>
    </row>
    <row r="859985" spans="14:14">
      <c r="N859985" s="10"/>
    </row>
    <row r="859986" spans="14:14">
      <c r="N859986" s="10"/>
    </row>
    <row r="859987" spans="14:14">
      <c r="N859987" s="10"/>
    </row>
    <row r="859988" spans="14:14">
      <c r="N859988" s="10"/>
    </row>
    <row r="859989" spans="14:14">
      <c r="N859989" s="10"/>
    </row>
    <row r="859990" spans="14:14">
      <c r="N859990" s="10"/>
    </row>
    <row r="859991" spans="14:14">
      <c r="N859991" s="10"/>
    </row>
    <row r="859992" spans="14:14">
      <c r="N859992" s="10"/>
    </row>
    <row r="859993" spans="14:14">
      <c r="N859993" s="10"/>
    </row>
    <row r="859994" spans="14:14">
      <c r="N859994" s="10"/>
    </row>
    <row r="859995" spans="14:14">
      <c r="N859995" s="10"/>
    </row>
    <row r="859996" spans="14:14">
      <c r="N859996" s="10"/>
    </row>
    <row r="859997" spans="14:14">
      <c r="N859997" s="10"/>
    </row>
    <row r="859998" spans="14:14">
      <c r="N859998" s="10"/>
    </row>
    <row r="859999" spans="14:14">
      <c r="N859999" s="10"/>
    </row>
    <row r="860000" spans="14:14">
      <c r="N860000" s="10"/>
    </row>
    <row r="860001" spans="14:14">
      <c r="N860001" s="10"/>
    </row>
    <row r="860002" spans="14:14">
      <c r="N860002" s="10"/>
    </row>
    <row r="860003" spans="14:14">
      <c r="N860003" s="10"/>
    </row>
    <row r="860004" spans="14:14">
      <c r="N860004" s="10"/>
    </row>
    <row r="860005" spans="14:14">
      <c r="N860005" s="10"/>
    </row>
    <row r="860006" spans="14:14">
      <c r="N860006" s="10"/>
    </row>
    <row r="860007" spans="14:14">
      <c r="N860007" s="10"/>
    </row>
    <row r="860008" spans="14:14">
      <c r="N860008" s="10"/>
    </row>
    <row r="860009" spans="14:14">
      <c r="N860009" s="10"/>
    </row>
    <row r="860010" spans="14:14">
      <c r="N860010" s="10"/>
    </row>
    <row r="860011" spans="14:14">
      <c r="N860011" s="10"/>
    </row>
    <row r="860012" spans="14:14">
      <c r="N860012" s="10"/>
    </row>
    <row r="860013" spans="14:14">
      <c r="N860013" s="10"/>
    </row>
    <row r="860014" spans="14:14">
      <c r="N860014" s="10"/>
    </row>
    <row r="860015" spans="14:14">
      <c r="N860015" s="10"/>
    </row>
    <row r="860016" spans="14:14">
      <c r="N860016" s="10"/>
    </row>
    <row r="860017" spans="14:14">
      <c r="N860017" s="10"/>
    </row>
    <row r="860018" spans="14:14">
      <c r="N860018" s="10"/>
    </row>
    <row r="860019" spans="14:14">
      <c r="N860019" s="10"/>
    </row>
    <row r="860020" spans="14:14">
      <c r="N860020" s="10"/>
    </row>
    <row r="860021" spans="14:14">
      <c r="N860021" s="10"/>
    </row>
    <row r="860022" spans="14:14">
      <c r="N860022" s="10"/>
    </row>
    <row r="860023" spans="14:14">
      <c r="N860023" s="10"/>
    </row>
    <row r="860024" spans="14:14">
      <c r="N860024" s="10"/>
    </row>
    <row r="860025" spans="14:14">
      <c r="N860025" s="10"/>
    </row>
    <row r="860026" spans="14:14">
      <c r="N860026" s="10"/>
    </row>
    <row r="860027" spans="14:14">
      <c r="N860027" s="10"/>
    </row>
    <row r="860028" spans="14:14">
      <c r="N860028" s="10"/>
    </row>
    <row r="860029" spans="14:14">
      <c r="N860029" s="10"/>
    </row>
    <row r="860030" spans="14:14">
      <c r="N860030" s="10"/>
    </row>
    <row r="860031" spans="14:14">
      <c r="N860031" s="10"/>
    </row>
    <row r="860032" spans="14:14">
      <c r="N860032" s="10"/>
    </row>
    <row r="860033" spans="14:14">
      <c r="N860033" s="10"/>
    </row>
    <row r="860034" spans="14:14">
      <c r="N860034" s="10"/>
    </row>
    <row r="860035" spans="14:14">
      <c r="N860035" s="10"/>
    </row>
    <row r="860036" spans="14:14">
      <c r="N860036" s="10"/>
    </row>
    <row r="860037" spans="14:14">
      <c r="N860037" s="10"/>
    </row>
    <row r="860038" spans="14:14">
      <c r="N860038" s="10"/>
    </row>
    <row r="860039" spans="14:14">
      <c r="N860039" s="10"/>
    </row>
    <row r="860040" spans="14:14">
      <c r="N860040" s="10"/>
    </row>
    <row r="860041" spans="14:14">
      <c r="N860041" s="10"/>
    </row>
    <row r="860042" spans="14:14">
      <c r="N860042" s="10"/>
    </row>
    <row r="860043" spans="14:14">
      <c r="N860043" s="10"/>
    </row>
    <row r="860044" spans="14:14">
      <c r="N860044" s="10"/>
    </row>
    <row r="860045" spans="14:14">
      <c r="N860045" s="10"/>
    </row>
    <row r="860046" spans="14:14">
      <c r="N860046" s="10"/>
    </row>
    <row r="860047" spans="14:14">
      <c r="N860047" s="10"/>
    </row>
    <row r="860048" spans="14:14">
      <c r="N860048" s="10"/>
    </row>
    <row r="860049" spans="14:14">
      <c r="N860049" s="10"/>
    </row>
    <row r="860050" spans="14:14">
      <c r="N860050" s="10"/>
    </row>
    <row r="860051" spans="14:14">
      <c r="N860051" s="10"/>
    </row>
    <row r="860052" spans="14:14">
      <c r="N860052" s="10"/>
    </row>
    <row r="860053" spans="14:14">
      <c r="N860053" s="10"/>
    </row>
    <row r="860054" spans="14:14">
      <c r="N860054" s="10"/>
    </row>
    <row r="860055" spans="14:14">
      <c r="N860055" s="10"/>
    </row>
    <row r="860056" spans="14:14">
      <c r="N860056" s="10"/>
    </row>
    <row r="860057" spans="14:14">
      <c r="N860057" s="10"/>
    </row>
    <row r="860058" spans="14:14">
      <c r="N860058" s="10"/>
    </row>
    <row r="860059" spans="14:14">
      <c r="N860059" s="10"/>
    </row>
    <row r="860060" spans="14:14">
      <c r="N860060" s="10"/>
    </row>
    <row r="860061" spans="14:14">
      <c r="N860061" s="10"/>
    </row>
    <row r="860062" spans="14:14">
      <c r="N860062" s="10"/>
    </row>
    <row r="860063" spans="14:14">
      <c r="N860063" s="10"/>
    </row>
    <row r="860064" spans="14:14">
      <c r="N860064" s="10"/>
    </row>
    <row r="860065" spans="14:14">
      <c r="N860065" s="10"/>
    </row>
    <row r="860066" spans="14:14">
      <c r="N860066" s="10"/>
    </row>
    <row r="860067" spans="14:14">
      <c r="N860067" s="10"/>
    </row>
    <row r="860068" spans="14:14">
      <c r="N860068" s="10"/>
    </row>
    <row r="860069" spans="14:14">
      <c r="N860069" s="10"/>
    </row>
    <row r="860070" spans="14:14">
      <c r="N860070" s="10"/>
    </row>
    <row r="860071" spans="14:14">
      <c r="N860071" s="10"/>
    </row>
    <row r="860072" spans="14:14">
      <c r="N860072" s="10"/>
    </row>
    <row r="860073" spans="14:14">
      <c r="N860073" s="10"/>
    </row>
    <row r="860074" spans="14:14">
      <c r="N860074" s="10"/>
    </row>
    <row r="860075" spans="14:14">
      <c r="N860075" s="10"/>
    </row>
    <row r="860076" spans="14:14">
      <c r="N860076" s="10"/>
    </row>
    <row r="860077" spans="14:14">
      <c r="N860077" s="10"/>
    </row>
    <row r="860078" spans="14:14">
      <c r="N860078" s="10"/>
    </row>
    <row r="860079" spans="14:14">
      <c r="N860079" s="10"/>
    </row>
    <row r="860080" spans="14:14">
      <c r="N860080" s="10"/>
    </row>
    <row r="860081" spans="14:14">
      <c r="N860081" s="10"/>
    </row>
    <row r="860082" spans="14:14">
      <c r="N860082" s="10"/>
    </row>
    <row r="860083" spans="14:14">
      <c r="N860083" s="10"/>
    </row>
    <row r="860084" spans="14:14">
      <c r="N860084" s="10"/>
    </row>
    <row r="860085" spans="14:14">
      <c r="N860085" s="10"/>
    </row>
    <row r="860086" spans="14:14">
      <c r="N860086" s="10"/>
    </row>
    <row r="860087" spans="14:14">
      <c r="N860087" s="10"/>
    </row>
    <row r="860088" spans="14:14">
      <c r="N860088" s="10"/>
    </row>
    <row r="860089" spans="14:14">
      <c r="N860089" s="10"/>
    </row>
    <row r="860090" spans="14:14">
      <c r="N860090" s="10"/>
    </row>
    <row r="860091" spans="14:14">
      <c r="N860091" s="10"/>
    </row>
    <row r="860092" spans="14:14">
      <c r="N860092" s="10"/>
    </row>
    <row r="860093" spans="14:14">
      <c r="N860093" s="10"/>
    </row>
    <row r="860094" spans="14:14">
      <c r="N860094" s="10"/>
    </row>
    <row r="860095" spans="14:14">
      <c r="N860095" s="10"/>
    </row>
    <row r="860096" spans="14:14">
      <c r="N860096" s="10"/>
    </row>
    <row r="860097" spans="14:14">
      <c r="N860097" s="10"/>
    </row>
    <row r="860098" spans="14:14">
      <c r="N860098" s="10"/>
    </row>
    <row r="860099" spans="14:14">
      <c r="N860099" s="10"/>
    </row>
    <row r="860100" spans="14:14">
      <c r="N860100" s="10"/>
    </row>
    <row r="860101" spans="14:14">
      <c r="N860101" s="10"/>
    </row>
    <row r="860102" spans="14:14">
      <c r="N860102" s="10"/>
    </row>
    <row r="860103" spans="14:14">
      <c r="N860103" s="10"/>
    </row>
    <row r="860104" spans="14:14">
      <c r="N860104" s="10"/>
    </row>
    <row r="860105" spans="14:14">
      <c r="N860105" s="10"/>
    </row>
    <row r="860106" spans="14:14">
      <c r="N860106" s="10"/>
    </row>
    <row r="860107" spans="14:14">
      <c r="N860107" s="10"/>
    </row>
    <row r="860108" spans="14:14">
      <c r="N860108" s="10"/>
    </row>
    <row r="860109" spans="14:14">
      <c r="N860109" s="10"/>
    </row>
    <row r="860110" spans="14:14">
      <c r="N860110" s="10"/>
    </row>
    <row r="860111" spans="14:14">
      <c r="N860111" s="10"/>
    </row>
    <row r="860112" spans="14:14">
      <c r="N860112" s="10"/>
    </row>
    <row r="860113" spans="14:14">
      <c r="N860113" s="10"/>
    </row>
    <row r="860114" spans="14:14">
      <c r="N860114" s="10"/>
    </row>
    <row r="860115" spans="14:14">
      <c r="N860115" s="10"/>
    </row>
    <row r="860116" spans="14:14">
      <c r="N860116" s="10"/>
    </row>
    <row r="860117" spans="14:14">
      <c r="N860117" s="10"/>
    </row>
    <row r="860118" spans="14:14">
      <c r="N860118" s="10"/>
    </row>
    <row r="860119" spans="14:14">
      <c r="N860119" s="10"/>
    </row>
    <row r="860120" spans="14:14">
      <c r="N860120" s="10"/>
    </row>
    <row r="860121" spans="14:14">
      <c r="N860121" s="10"/>
    </row>
    <row r="860122" spans="14:14">
      <c r="N860122" s="10"/>
    </row>
    <row r="860123" spans="14:14">
      <c r="N860123" s="10"/>
    </row>
    <row r="860124" spans="14:14">
      <c r="N860124" s="10"/>
    </row>
    <row r="860125" spans="14:14">
      <c r="N860125" s="10"/>
    </row>
    <row r="860126" spans="14:14">
      <c r="N860126" s="10"/>
    </row>
    <row r="860127" spans="14:14">
      <c r="N860127" s="10"/>
    </row>
    <row r="860128" spans="14:14">
      <c r="N860128" s="10"/>
    </row>
    <row r="860129" spans="14:14">
      <c r="N860129" s="10"/>
    </row>
    <row r="860130" spans="14:14">
      <c r="N860130" s="10"/>
    </row>
    <row r="860131" spans="14:14">
      <c r="N860131" s="10"/>
    </row>
    <row r="860132" spans="14:14">
      <c r="N860132" s="10"/>
    </row>
    <row r="860133" spans="14:14">
      <c r="N860133" s="10"/>
    </row>
    <row r="860134" spans="14:14">
      <c r="N860134" s="10"/>
    </row>
    <row r="860135" spans="14:14">
      <c r="N860135" s="10"/>
    </row>
    <row r="860136" spans="14:14">
      <c r="N860136" s="10"/>
    </row>
    <row r="860137" spans="14:14">
      <c r="N860137" s="10"/>
    </row>
    <row r="860138" spans="14:14">
      <c r="N860138" s="10"/>
    </row>
    <row r="860139" spans="14:14">
      <c r="N860139" s="10"/>
    </row>
    <row r="860140" spans="14:14">
      <c r="N860140" s="10"/>
    </row>
    <row r="860141" spans="14:14">
      <c r="N860141" s="10"/>
    </row>
    <row r="860142" spans="14:14">
      <c r="N860142" s="10"/>
    </row>
    <row r="860143" spans="14:14">
      <c r="N860143" s="10"/>
    </row>
    <row r="860144" spans="14:14">
      <c r="N860144" s="10"/>
    </row>
    <row r="860145" spans="14:14">
      <c r="N860145" s="10"/>
    </row>
    <row r="860146" spans="14:14">
      <c r="N860146" s="10"/>
    </row>
    <row r="860147" spans="14:14">
      <c r="N860147" s="10"/>
    </row>
    <row r="860148" spans="14:14">
      <c r="N860148" s="10"/>
    </row>
    <row r="860149" spans="14:14">
      <c r="N860149" s="10"/>
    </row>
    <row r="860150" spans="14:14">
      <c r="N860150" s="10"/>
    </row>
    <row r="860151" spans="14:14">
      <c r="N860151" s="10"/>
    </row>
    <row r="860152" spans="14:14">
      <c r="N860152" s="10"/>
    </row>
    <row r="860153" spans="14:14">
      <c r="N860153" s="10"/>
    </row>
    <row r="860154" spans="14:14">
      <c r="N860154" s="10"/>
    </row>
    <row r="860155" spans="14:14">
      <c r="N860155" s="10"/>
    </row>
    <row r="860156" spans="14:14">
      <c r="N860156" s="10"/>
    </row>
    <row r="860157" spans="14:14">
      <c r="N860157" s="10"/>
    </row>
    <row r="860158" spans="14:14">
      <c r="N860158" s="10"/>
    </row>
    <row r="860159" spans="14:14">
      <c r="N860159" s="10"/>
    </row>
    <row r="860160" spans="14:14">
      <c r="N860160" s="10"/>
    </row>
    <row r="860161" spans="14:14">
      <c r="N860161" s="10"/>
    </row>
    <row r="860162" spans="14:14">
      <c r="N860162" s="10"/>
    </row>
    <row r="860163" spans="14:14">
      <c r="N860163" s="10"/>
    </row>
    <row r="860164" spans="14:14">
      <c r="N860164" s="10"/>
    </row>
    <row r="860165" spans="14:14">
      <c r="N860165" s="10"/>
    </row>
    <row r="860166" spans="14:14">
      <c r="N860166" s="10"/>
    </row>
    <row r="860167" spans="14:14">
      <c r="N860167" s="10"/>
    </row>
    <row r="860168" spans="14:14">
      <c r="N860168" s="10"/>
    </row>
    <row r="860169" spans="14:14">
      <c r="N860169" s="10"/>
    </row>
    <row r="860170" spans="14:14">
      <c r="N860170" s="10"/>
    </row>
    <row r="860171" spans="14:14">
      <c r="N860171" s="10"/>
    </row>
    <row r="860172" spans="14:14">
      <c r="N860172" s="10"/>
    </row>
    <row r="860173" spans="14:14">
      <c r="N860173" s="10"/>
    </row>
    <row r="860174" spans="14:14">
      <c r="N860174" s="10"/>
    </row>
    <row r="860175" spans="14:14">
      <c r="N860175" s="10"/>
    </row>
    <row r="860176" spans="14:14">
      <c r="N860176" s="10"/>
    </row>
    <row r="860177" spans="14:14">
      <c r="N860177" s="10"/>
    </row>
    <row r="860178" spans="14:14">
      <c r="N860178" s="10"/>
    </row>
    <row r="860179" spans="14:14">
      <c r="N860179" s="10"/>
    </row>
    <row r="860180" spans="14:14">
      <c r="N860180" s="10"/>
    </row>
    <row r="860181" spans="14:14">
      <c r="N860181" s="10"/>
    </row>
    <row r="860182" spans="14:14">
      <c r="N860182" s="10"/>
    </row>
    <row r="860183" spans="14:14">
      <c r="N860183" s="10"/>
    </row>
    <row r="860184" spans="14:14">
      <c r="N860184" s="10"/>
    </row>
    <row r="860185" spans="14:14">
      <c r="N860185" s="10"/>
    </row>
    <row r="860186" spans="14:14">
      <c r="N860186" s="10"/>
    </row>
    <row r="860187" spans="14:14">
      <c r="N860187" s="10"/>
    </row>
    <row r="860188" spans="14:14">
      <c r="N860188" s="10"/>
    </row>
    <row r="860189" spans="14:14">
      <c r="N860189" s="10"/>
    </row>
    <row r="860190" spans="14:14">
      <c r="N860190" s="10"/>
    </row>
    <row r="860191" spans="14:14">
      <c r="N860191" s="10"/>
    </row>
    <row r="860192" spans="14:14">
      <c r="N860192" s="10"/>
    </row>
    <row r="860193" spans="14:14">
      <c r="N860193" s="10"/>
    </row>
    <row r="860194" spans="14:14">
      <c r="N860194" s="10"/>
    </row>
    <row r="860195" spans="14:14">
      <c r="N860195" s="10"/>
    </row>
    <row r="860196" spans="14:14">
      <c r="N860196" s="10"/>
    </row>
    <row r="860197" spans="14:14">
      <c r="N860197" s="10"/>
    </row>
    <row r="860198" spans="14:14">
      <c r="N860198" s="10"/>
    </row>
    <row r="860199" spans="14:14">
      <c r="N860199" s="10"/>
    </row>
    <row r="860200" spans="14:14">
      <c r="N860200" s="10"/>
    </row>
    <row r="860201" spans="14:14">
      <c r="N860201" s="10"/>
    </row>
    <row r="860202" spans="14:14">
      <c r="N860202" s="10"/>
    </row>
    <row r="860203" spans="14:14">
      <c r="N860203" s="10"/>
    </row>
    <row r="860204" spans="14:14">
      <c r="N860204" s="10"/>
    </row>
    <row r="860205" spans="14:14">
      <c r="N860205" s="10"/>
    </row>
    <row r="860206" spans="14:14">
      <c r="N860206" s="10"/>
    </row>
    <row r="860207" spans="14:14">
      <c r="N860207" s="10"/>
    </row>
    <row r="860208" spans="14:14">
      <c r="N860208" s="10"/>
    </row>
    <row r="860209" spans="14:14">
      <c r="N860209" s="10"/>
    </row>
    <row r="860210" spans="14:14">
      <c r="N860210" s="10"/>
    </row>
    <row r="860211" spans="14:14">
      <c r="N860211" s="10"/>
    </row>
    <row r="860212" spans="14:14">
      <c r="N860212" s="10"/>
    </row>
    <row r="860213" spans="14:14">
      <c r="N860213" s="10"/>
    </row>
    <row r="860214" spans="14:14">
      <c r="N860214" s="10"/>
    </row>
    <row r="860215" spans="14:14">
      <c r="N860215" s="10"/>
    </row>
    <row r="860216" spans="14:14">
      <c r="N860216" s="10"/>
    </row>
    <row r="860217" spans="14:14">
      <c r="N860217" s="10"/>
    </row>
    <row r="860218" spans="14:14">
      <c r="N860218" s="10"/>
    </row>
    <row r="860219" spans="14:14">
      <c r="N860219" s="10"/>
    </row>
    <row r="860220" spans="14:14">
      <c r="N860220" s="10"/>
    </row>
    <row r="860221" spans="14:14">
      <c r="N860221" s="10"/>
    </row>
    <row r="860222" spans="14:14">
      <c r="N860222" s="10"/>
    </row>
    <row r="860223" spans="14:14">
      <c r="N860223" s="10"/>
    </row>
    <row r="860224" spans="14:14">
      <c r="N860224" s="10"/>
    </row>
    <row r="860225" spans="14:14">
      <c r="N860225" s="10"/>
    </row>
    <row r="860226" spans="14:14">
      <c r="N860226" s="10"/>
    </row>
    <row r="860227" spans="14:14">
      <c r="N860227" s="10"/>
    </row>
    <row r="860228" spans="14:14">
      <c r="N860228" s="10"/>
    </row>
    <row r="860229" spans="14:14">
      <c r="N860229" s="10"/>
    </row>
    <row r="860230" spans="14:14">
      <c r="N860230" s="10"/>
    </row>
    <row r="860231" spans="14:14">
      <c r="N860231" s="10"/>
    </row>
    <row r="860232" spans="14:14">
      <c r="N860232" s="10"/>
    </row>
    <row r="860233" spans="14:14">
      <c r="N860233" s="10"/>
    </row>
    <row r="860234" spans="14:14">
      <c r="N860234" s="10"/>
    </row>
    <row r="860235" spans="14:14">
      <c r="N860235" s="10"/>
    </row>
    <row r="860236" spans="14:14">
      <c r="N860236" s="10"/>
    </row>
    <row r="860237" spans="14:14">
      <c r="N860237" s="10"/>
    </row>
    <row r="860238" spans="14:14">
      <c r="N860238" s="10"/>
    </row>
    <row r="860239" spans="14:14">
      <c r="N860239" s="10"/>
    </row>
    <row r="860240" spans="14:14">
      <c r="N860240" s="10"/>
    </row>
    <row r="860241" spans="14:14">
      <c r="N860241" s="10"/>
    </row>
    <row r="860242" spans="14:14">
      <c r="N860242" s="10"/>
    </row>
    <row r="860243" spans="14:14">
      <c r="N860243" s="10"/>
    </row>
    <row r="860244" spans="14:14">
      <c r="N860244" s="10"/>
    </row>
    <row r="860245" spans="14:14">
      <c r="N860245" s="10"/>
    </row>
    <row r="860246" spans="14:14">
      <c r="N860246" s="10"/>
    </row>
    <row r="860247" spans="14:14">
      <c r="N860247" s="10"/>
    </row>
    <row r="860248" spans="14:14">
      <c r="N860248" s="10"/>
    </row>
    <row r="860249" spans="14:14">
      <c r="N860249" s="10"/>
    </row>
    <row r="860250" spans="14:14">
      <c r="N860250" s="10"/>
    </row>
    <row r="860251" spans="14:14">
      <c r="N860251" s="10"/>
    </row>
    <row r="860252" spans="14:14">
      <c r="N860252" s="10"/>
    </row>
    <row r="860253" spans="14:14">
      <c r="N860253" s="10"/>
    </row>
    <row r="860254" spans="14:14">
      <c r="N860254" s="10"/>
    </row>
    <row r="860255" spans="14:14">
      <c r="N860255" s="10"/>
    </row>
    <row r="860256" spans="14:14">
      <c r="N860256" s="10"/>
    </row>
    <row r="860257" spans="14:14">
      <c r="N860257" s="10"/>
    </row>
    <row r="860258" spans="14:14">
      <c r="N860258" s="10"/>
    </row>
    <row r="860259" spans="14:14">
      <c r="N860259" s="10"/>
    </row>
    <row r="860260" spans="14:14">
      <c r="N860260" s="10"/>
    </row>
    <row r="860261" spans="14:14">
      <c r="N860261" s="10"/>
    </row>
    <row r="860262" spans="14:14">
      <c r="N860262" s="10"/>
    </row>
    <row r="860263" spans="14:14">
      <c r="N860263" s="10"/>
    </row>
    <row r="860264" spans="14:14">
      <c r="N860264" s="10"/>
    </row>
    <row r="860265" spans="14:14">
      <c r="N860265" s="10"/>
    </row>
    <row r="860266" spans="14:14">
      <c r="N860266" s="10"/>
    </row>
    <row r="860267" spans="14:14">
      <c r="N860267" s="10"/>
    </row>
    <row r="860268" spans="14:14">
      <c r="N860268" s="10"/>
    </row>
    <row r="860269" spans="14:14">
      <c r="N860269" s="10"/>
    </row>
    <row r="860270" spans="14:14">
      <c r="N860270" s="10"/>
    </row>
    <row r="860271" spans="14:14">
      <c r="N860271" s="10"/>
    </row>
    <row r="860272" spans="14:14">
      <c r="N860272" s="10"/>
    </row>
    <row r="860273" spans="14:14">
      <c r="N860273" s="10"/>
    </row>
    <row r="860274" spans="14:14">
      <c r="N860274" s="10"/>
    </row>
    <row r="860275" spans="14:14">
      <c r="N860275" s="10"/>
    </row>
    <row r="860276" spans="14:14">
      <c r="N860276" s="10"/>
    </row>
    <row r="860277" spans="14:14">
      <c r="N860277" s="10"/>
    </row>
    <row r="860278" spans="14:14">
      <c r="N860278" s="10"/>
    </row>
    <row r="860279" spans="14:14">
      <c r="N860279" s="10"/>
    </row>
    <row r="860280" spans="14:14">
      <c r="N860280" s="10"/>
    </row>
    <row r="860281" spans="14:14">
      <c r="N860281" s="10"/>
    </row>
    <row r="860282" spans="14:14">
      <c r="N860282" s="10"/>
    </row>
    <row r="860283" spans="14:14">
      <c r="N860283" s="10"/>
    </row>
    <row r="860284" spans="14:14">
      <c r="N860284" s="10"/>
    </row>
    <row r="860285" spans="14:14">
      <c r="N860285" s="10"/>
    </row>
    <row r="860286" spans="14:14">
      <c r="N860286" s="10"/>
    </row>
    <row r="860287" spans="14:14">
      <c r="N860287" s="10"/>
    </row>
    <row r="860288" spans="14:14">
      <c r="N860288" s="10"/>
    </row>
    <row r="860289" spans="14:14">
      <c r="N860289" s="10"/>
    </row>
    <row r="860290" spans="14:14">
      <c r="N860290" s="10"/>
    </row>
    <row r="860291" spans="14:14">
      <c r="N860291" s="10"/>
    </row>
    <row r="860292" spans="14:14">
      <c r="N860292" s="10"/>
    </row>
    <row r="860293" spans="14:14">
      <c r="N860293" s="10"/>
    </row>
    <row r="860294" spans="14:14">
      <c r="N860294" s="10"/>
    </row>
    <row r="860295" spans="14:14">
      <c r="N860295" s="10"/>
    </row>
    <row r="860296" spans="14:14">
      <c r="N860296" s="10"/>
    </row>
    <row r="860297" spans="14:14">
      <c r="N860297" s="10"/>
    </row>
    <row r="860298" spans="14:14">
      <c r="N860298" s="10"/>
    </row>
    <row r="860299" spans="14:14">
      <c r="N860299" s="10"/>
    </row>
    <row r="860300" spans="14:14">
      <c r="N860300" s="10"/>
    </row>
    <row r="860301" spans="14:14">
      <c r="N860301" s="10"/>
    </row>
    <row r="860302" spans="14:14">
      <c r="N860302" s="10"/>
    </row>
    <row r="860303" spans="14:14">
      <c r="N860303" s="10"/>
    </row>
    <row r="860304" spans="14:14">
      <c r="N860304" s="10"/>
    </row>
    <row r="860305" spans="14:14">
      <c r="N860305" s="10"/>
    </row>
    <row r="860306" spans="14:14">
      <c r="N860306" s="10"/>
    </row>
    <row r="860307" spans="14:14">
      <c r="N860307" s="10"/>
    </row>
    <row r="860308" spans="14:14">
      <c r="N860308" s="10"/>
    </row>
    <row r="860309" spans="14:14">
      <c r="N860309" s="10"/>
    </row>
    <row r="860310" spans="14:14">
      <c r="N860310" s="10"/>
    </row>
    <row r="860311" spans="14:14">
      <c r="N860311" s="10"/>
    </row>
    <row r="860312" spans="14:14">
      <c r="N860312" s="10"/>
    </row>
    <row r="860313" spans="14:14">
      <c r="N860313" s="10"/>
    </row>
    <row r="860314" spans="14:14">
      <c r="N860314" s="10"/>
    </row>
    <row r="860315" spans="14:14">
      <c r="N860315" s="10"/>
    </row>
    <row r="860316" spans="14:14">
      <c r="N860316" s="10"/>
    </row>
    <row r="860317" spans="14:14">
      <c r="N860317" s="10"/>
    </row>
    <row r="860318" spans="14:14">
      <c r="N860318" s="10"/>
    </row>
    <row r="860319" spans="14:14">
      <c r="N860319" s="10"/>
    </row>
    <row r="860320" spans="14:14">
      <c r="N860320" s="10"/>
    </row>
    <row r="860321" spans="14:14">
      <c r="N860321" s="10"/>
    </row>
    <row r="860322" spans="14:14">
      <c r="N860322" s="10"/>
    </row>
    <row r="860323" spans="14:14">
      <c r="N860323" s="10"/>
    </row>
    <row r="860324" spans="14:14">
      <c r="N860324" s="10"/>
    </row>
    <row r="860325" spans="14:14">
      <c r="N860325" s="10"/>
    </row>
    <row r="860326" spans="14:14">
      <c r="N860326" s="10"/>
    </row>
    <row r="860327" spans="14:14">
      <c r="N860327" s="10"/>
    </row>
    <row r="860328" spans="14:14">
      <c r="N860328" s="10"/>
    </row>
    <row r="860329" spans="14:14">
      <c r="N860329" s="10"/>
    </row>
    <row r="860330" spans="14:14">
      <c r="N860330" s="10"/>
    </row>
    <row r="860331" spans="14:14">
      <c r="N860331" s="10"/>
    </row>
    <row r="860332" spans="14:14">
      <c r="N860332" s="10"/>
    </row>
    <row r="860333" spans="14:14">
      <c r="N860333" s="10"/>
    </row>
    <row r="860334" spans="14:14">
      <c r="N860334" s="10"/>
    </row>
    <row r="860335" spans="14:14">
      <c r="N860335" s="10"/>
    </row>
    <row r="860336" spans="14:14">
      <c r="N860336" s="10"/>
    </row>
    <row r="860337" spans="14:14">
      <c r="N860337" s="10"/>
    </row>
    <row r="860338" spans="14:14">
      <c r="N860338" s="10"/>
    </row>
    <row r="860339" spans="14:14">
      <c r="N860339" s="10"/>
    </row>
    <row r="860340" spans="14:14">
      <c r="N860340" s="10"/>
    </row>
    <row r="860341" spans="14:14">
      <c r="N860341" s="10"/>
    </row>
    <row r="860342" spans="14:14">
      <c r="N860342" s="10"/>
    </row>
    <row r="860343" spans="14:14">
      <c r="N860343" s="10"/>
    </row>
    <row r="860344" spans="14:14">
      <c r="N860344" s="10"/>
    </row>
    <row r="860345" spans="14:14">
      <c r="N860345" s="10"/>
    </row>
    <row r="860346" spans="14:14">
      <c r="N860346" s="10"/>
    </row>
    <row r="860347" spans="14:14">
      <c r="N860347" s="10"/>
    </row>
    <row r="860348" spans="14:14">
      <c r="N860348" s="10"/>
    </row>
    <row r="860349" spans="14:14">
      <c r="N860349" s="10"/>
    </row>
    <row r="860350" spans="14:14">
      <c r="N860350" s="10"/>
    </row>
    <row r="860351" spans="14:14">
      <c r="N860351" s="10"/>
    </row>
    <row r="860352" spans="14:14">
      <c r="N860352" s="10"/>
    </row>
    <row r="860353" spans="14:14">
      <c r="N860353" s="10"/>
    </row>
    <row r="860354" spans="14:14">
      <c r="N860354" s="10"/>
    </row>
    <row r="860355" spans="14:14">
      <c r="N860355" s="10"/>
    </row>
    <row r="860356" spans="14:14">
      <c r="N860356" s="10"/>
    </row>
    <row r="860357" spans="14:14">
      <c r="N860357" s="10"/>
    </row>
    <row r="860358" spans="14:14">
      <c r="N860358" s="10"/>
    </row>
    <row r="860359" spans="14:14">
      <c r="N860359" s="10"/>
    </row>
    <row r="860360" spans="14:14">
      <c r="N860360" s="10"/>
    </row>
    <row r="860361" spans="14:14">
      <c r="N860361" s="10"/>
    </row>
    <row r="860362" spans="14:14">
      <c r="N860362" s="10"/>
    </row>
    <row r="860363" spans="14:14">
      <c r="N860363" s="10"/>
    </row>
    <row r="860364" spans="14:14">
      <c r="N860364" s="10"/>
    </row>
    <row r="860365" spans="14:14">
      <c r="N860365" s="10"/>
    </row>
    <row r="860366" spans="14:14">
      <c r="N860366" s="10"/>
    </row>
    <row r="860367" spans="14:14">
      <c r="N860367" s="10"/>
    </row>
    <row r="860368" spans="14:14">
      <c r="N860368" s="10"/>
    </row>
    <row r="860369" spans="14:14">
      <c r="N860369" s="10"/>
    </row>
    <row r="860370" spans="14:14">
      <c r="N860370" s="10"/>
    </row>
    <row r="860371" spans="14:14">
      <c r="N860371" s="10"/>
    </row>
    <row r="860372" spans="14:14">
      <c r="N860372" s="10"/>
    </row>
    <row r="860373" spans="14:14">
      <c r="N860373" s="10"/>
    </row>
    <row r="860374" spans="14:14">
      <c r="N860374" s="10"/>
    </row>
    <row r="860375" spans="14:14">
      <c r="N860375" s="10"/>
    </row>
    <row r="860376" spans="14:14">
      <c r="N860376" s="10"/>
    </row>
    <row r="860377" spans="14:14">
      <c r="N860377" s="10"/>
    </row>
    <row r="860378" spans="14:14">
      <c r="N860378" s="10"/>
    </row>
    <row r="860379" spans="14:14">
      <c r="N860379" s="10"/>
    </row>
    <row r="860380" spans="14:14">
      <c r="N860380" s="10"/>
    </row>
    <row r="860381" spans="14:14">
      <c r="N860381" s="10"/>
    </row>
    <row r="860382" spans="14:14">
      <c r="N860382" s="10"/>
    </row>
    <row r="860383" spans="14:14">
      <c r="N860383" s="10"/>
    </row>
    <row r="860384" spans="14:14">
      <c r="N860384" s="10"/>
    </row>
    <row r="860385" spans="14:14">
      <c r="N860385" s="10"/>
    </row>
    <row r="860386" spans="14:14">
      <c r="N860386" s="10"/>
    </row>
    <row r="860387" spans="14:14">
      <c r="N860387" s="10"/>
    </row>
    <row r="860388" spans="14:14">
      <c r="N860388" s="10"/>
    </row>
    <row r="860389" spans="14:14">
      <c r="N860389" s="10"/>
    </row>
    <row r="860390" spans="14:14">
      <c r="N860390" s="10"/>
    </row>
    <row r="860391" spans="14:14">
      <c r="N860391" s="10"/>
    </row>
    <row r="860392" spans="14:14">
      <c r="N860392" s="10"/>
    </row>
    <row r="860393" spans="14:14">
      <c r="N860393" s="10"/>
    </row>
    <row r="860394" spans="14:14">
      <c r="N860394" s="10"/>
    </row>
    <row r="860395" spans="14:14">
      <c r="N860395" s="10"/>
    </row>
    <row r="860396" spans="14:14">
      <c r="N860396" s="10"/>
    </row>
    <row r="860397" spans="14:14">
      <c r="N860397" s="10"/>
    </row>
    <row r="860398" spans="14:14">
      <c r="N860398" s="10"/>
    </row>
    <row r="860399" spans="14:14">
      <c r="N860399" s="10"/>
    </row>
    <row r="860400" spans="14:14">
      <c r="N860400" s="10"/>
    </row>
    <row r="860401" spans="14:14">
      <c r="N860401" s="10"/>
    </row>
    <row r="860402" spans="14:14">
      <c r="N860402" s="10"/>
    </row>
    <row r="860403" spans="14:14">
      <c r="N860403" s="10"/>
    </row>
    <row r="860404" spans="14:14">
      <c r="N860404" s="10"/>
    </row>
    <row r="860405" spans="14:14">
      <c r="N860405" s="10"/>
    </row>
    <row r="860406" spans="14:14">
      <c r="N860406" s="10"/>
    </row>
    <row r="860407" spans="14:14">
      <c r="N860407" s="10"/>
    </row>
    <row r="860408" spans="14:14">
      <c r="N860408" s="10"/>
    </row>
    <row r="860409" spans="14:14">
      <c r="N860409" s="10"/>
    </row>
    <row r="860410" spans="14:14">
      <c r="N860410" s="10"/>
    </row>
    <row r="860411" spans="14:14">
      <c r="N860411" s="10"/>
    </row>
    <row r="860412" spans="14:14">
      <c r="N860412" s="10"/>
    </row>
    <row r="860413" spans="14:14">
      <c r="N860413" s="10"/>
    </row>
    <row r="860414" spans="14:14">
      <c r="N860414" s="10"/>
    </row>
    <row r="860415" spans="14:14">
      <c r="N860415" s="10"/>
    </row>
    <row r="860416" spans="14:14">
      <c r="N860416" s="10"/>
    </row>
    <row r="860417" spans="14:14">
      <c r="N860417" s="10"/>
    </row>
    <row r="860418" spans="14:14">
      <c r="N860418" s="10"/>
    </row>
    <row r="860419" spans="14:14">
      <c r="N860419" s="10"/>
    </row>
    <row r="860420" spans="14:14">
      <c r="N860420" s="10"/>
    </row>
    <row r="860421" spans="14:14">
      <c r="N860421" s="10"/>
    </row>
    <row r="860422" spans="14:14">
      <c r="N860422" s="10"/>
    </row>
    <row r="860423" spans="14:14">
      <c r="N860423" s="10"/>
    </row>
    <row r="860424" spans="14:14">
      <c r="N860424" s="10"/>
    </row>
    <row r="860425" spans="14:14">
      <c r="N860425" s="10"/>
    </row>
    <row r="860426" spans="14:14">
      <c r="N860426" s="10"/>
    </row>
    <row r="860427" spans="14:14">
      <c r="N860427" s="10"/>
    </row>
    <row r="860428" spans="14:14">
      <c r="N860428" s="10"/>
    </row>
    <row r="860429" spans="14:14">
      <c r="N860429" s="10"/>
    </row>
    <row r="860430" spans="14:14">
      <c r="N860430" s="10"/>
    </row>
    <row r="860431" spans="14:14">
      <c r="N860431" s="10"/>
    </row>
    <row r="860432" spans="14:14">
      <c r="N860432" s="10"/>
    </row>
    <row r="860433" spans="14:14">
      <c r="N860433" s="10"/>
    </row>
    <row r="860434" spans="14:14">
      <c r="N860434" s="10"/>
    </row>
    <row r="860435" spans="14:14">
      <c r="N860435" s="10"/>
    </row>
    <row r="860436" spans="14:14">
      <c r="N860436" s="10"/>
    </row>
    <row r="860437" spans="14:14">
      <c r="N860437" s="10"/>
    </row>
    <row r="860438" spans="14:14">
      <c r="N860438" s="10"/>
    </row>
    <row r="860439" spans="14:14">
      <c r="N860439" s="10"/>
    </row>
    <row r="860440" spans="14:14">
      <c r="N860440" s="10"/>
    </row>
    <row r="860441" spans="14:14">
      <c r="N860441" s="10"/>
    </row>
    <row r="860442" spans="14:14">
      <c r="N860442" s="10"/>
    </row>
    <row r="860443" spans="14:14">
      <c r="N860443" s="10"/>
    </row>
    <row r="860444" spans="14:14">
      <c r="N860444" s="10"/>
    </row>
    <row r="860445" spans="14:14">
      <c r="N860445" s="10"/>
    </row>
    <row r="860446" spans="14:14">
      <c r="N860446" s="10"/>
    </row>
    <row r="860447" spans="14:14">
      <c r="N860447" s="10"/>
    </row>
    <row r="860448" spans="14:14">
      <c r="N860448" s="10"/>
    </row>
    <row r="860449" spans="14:14">
      <c r="N860449" s="10"/>
    </row>
    <row r="860450" spans="14:14">
      <c r="N860450" s="10"/>
    </row>
    <row r="860451" spans="14:14">
      <c r="N860451" s="10"/>
    </row>
    <row r="860452" spans="14:14">
      <c r="N860452" s="10"/>
    </row>
    <row r="860453" spans="14:14">
      <c r="N860453" s="10"/>
    </row>
    <row r="860454" spans="14:14">
      <c r="N860454" s="10"/>
    </row>
    <row r="860455" spans="14:14">
      <c r="N860455" s="10"/>
    </row>
    <row r="860456" spans="14:14">
      <c r="N860456" s="10"/>
    </row>
    <row r="860457" spans="14:14">
      <c r="N860457" s="10"/>
    </row>
    <row r="860458" spans="14:14">
      <c r="N860458" s="10"/>
    </row>
    <row r="860459" spans="14:14">
      <c r="N860459" s="10"/>
    </row>
    <row r="860460" spans="14:14">
      <c r="N860460" s="10"/>
    </row>
    <row r="860461" spans="14:14">
      <c r="N860461" s="10"/>
    </row>
    <row r="860462" spans="14:14">
      <c r="N860462" s="10"/>
    </row>
    <row r="860463" spans="14:14">
      <c r="N860463" s="10"/>
    </row>
    <row r="860464" spans="14:14">
      <c r="N860464" s="10"/>
    </row>
    <row r="860465" spans="14:14">
      <c r="N860465" s="10"/>
    </row>
    <row r="860466" spans="14:14">
      <c r="N860466" s="10"/>
    </row>
    <row r="860467" spans="14:14">
      <c r="N860467" s="10"/>
    </row>
    <row r="860468" spans="14:14">
      <c r="N860468" s="10"/>
    </row>
    <row r="860469" spans="14:14">
      <c r="N860469" s="10"/>
    </row>
    <row r="860470" spans="14:14">
      <c r="N860470" s="10"/>
    </row>
    <row r="860471" spans="14:14">
      <c r="N860471" s="10"/>
    </row>
    <row r="860472" spans="14:14">
      <c r="N860472" s="10"/>
    </row>
    <row r="860473" spans="14:14">
      <c r="N860473" s="10"/>
    </row>
    <row r="860474" spans="14:14">
      <c r="N860474" s="10"/>
    </row>
    <row r="860475" spans="14:14">
      <c r="N860475" s="10"/>
    </row>
    <row r="860476" spans="14:14">
      <c r="N860476" s="10"/>
    </row>
    <row r="860477" spans="14:14">
      <c r="N860477" s="10"/>
    </row>
    <row r="860478" spans="14:14">
      <c r="N860478" s="10"/>
    </row>
    <row r="860479" spans="14:14">
      <c r="N860479" s="10"/>
    </row>
    <row r="860480" spans="14:14">
      <c r="N860480" s="10"/>
    </row>
    <row r="860481" spans="14:14">
      <c r="N860481" s="10"/>
    </row>
    <row r="860482" spans="14:14">
      <c r="N860482" s="10"/>
    </row>
    <row r="860483" spans="14:14">
      <c r="N860483" s="10"/>
    </row>
    <row r="860484" spans="14:14">
      <c r="N860484" s="10"/>
    </row>
    <row r="860485" spans="14:14">
      <c r="N860485" s="10"/>
    </row>
    <row r="860486" spans="14:14">
      <c r="N860486" s="10"/>
    </row>
    <row r="860487" spans="14:14">
      <c r="N860487" s="10"/>
    </row>
    <row r="860488" spans="14:14">
      <c r="N860488" s="10"/>
    </row>
    <row r="860489" spans="14:14">
      <c r="N860489" s="10"/>
    </row>
    <row r="860490" spans="14:14">
      <c r="N860490" s="10"/>
    </row>
    <row r="860491" spans="14:14">
      <c r="N860491" s="10"/>
    </row>
    <row r="860492" spans="14:14">
      <c r="N860492" s="10"/>
    </row>
    <row r="860493" spans="14:14">
      <c r="N860493" s="10"/>
    </row>
    <row r="860494" spans="14:14">
      <c r="N860494" s="10"/>
    </row>
    <row r="860495" spans="14:14">
      <c r="N860495" s="10"/>
    </row>
    <row r="860496" spans="14:14">
      <c r="N860496" s="10"/>
    </row>
    <row r="860497" spans="14:14">
      <c r="N860497" s="10"/>
    </row>
    <row r="860498" spans="14:14">
      <c r="N860498" s="10"/>
    </row>
    <row r="860499" spans="14:14">
      <c r="N860499" s="10"/>
    </row>
    <row r="860500" spans="14:14">
      <c r="N860500" s="10"/>
    </row>
    <row r="860501" spans="14:14">
      <c r="N860501" s="10"/>
    </row>
    <row r="860502" spans="14:14">
      <c r="N860502" s="10"/>
    </row>
    <row r="860503" spans="14:14">
      <c r="N860503" s="10"/>
    </row>
    <row r="860504" spans="14:14">
      <c r="N860504" s="10"/>
    </row>
    <row r="860505" spans="14:14">
      <c r="N860505" s="10"/>
    </row>
    <row r="860506" spans="14:14">
      <c r="N860506" s="10"/>
    </row>
    <row r="860507" spans="14:14">
      <c r="N860507" s="10"/>
    </row>
    <row r="860508" spans="14:14">
      <c r="N860508" s="10"/>
    </row>
    <row r="860509" spans="14:14">
      <c r="N860509" s="10"/>
    </row>
    <row r="860510" spans="14:14">
      <c r="N860510" s="10"/>
    </row>
    <row r="860511" spans="14:14">
      <c r="N860511" s="10"/>
    </row>
    <row r="860512" spans="14:14">
      <c r="N860512" s="10"/>
    </row>
    <row r="860513" spans="14:14">
      <c r="N860513" s="10"/>
    </row>
    <row r="860514" spans="14:14">
      <c r="N860514" s="10"/>
    </row>
    <row r="860515" spans="14:14">
      <c r="N860515" s="10"/>
    </row>
    <row r="860516" spans="14:14">
      <c r="N860516" s="10"/>
    </row>
    <row r="860517" spans="14:14">
      <c r="N860517" s="10"/>
    </row>
    <row r="860518" spans="14:14">
      <c r="N860518" s="10"/>
    </row>
    <row r="860519" spans="14:14">
      <c r="N860519" s="10"/>
    </row>
    <row r="860520" spans="14:14">
      <c r="N860520" s="10"/>
    </row>
    <row r="860521" spans="14:14">
      <c r="N860521" s="10"/>
    </row>
    <row r="860522" spans="14:14">
      <c r="N860522" s="10"/>
    </row>
    <row r="860523" spans="14:14">
      <c r="N860523" s="10"/>
    </row>
    <row r="860524" spans="14:14">
      <c r="N860524" s="10"/>
    </row>
    <row r="860525" spans="14:14">
      <c r="N860525" s="10"/>
    </row>
    <row r="860526" spans="14:14">
      <c r="N860526" s="10"/>
    </row>
    <row r="860527" spans="14:14">
      <c r="N860527" s="10"/>
    </row>
    <row r="860528" spans="14:14">
      <c r="N860528" s="10"/>
    </row>
    <row r="860529" spans="14:14">
      <c r="N860529" s="10"/>
    </row>
    <row r="860530" spans="14:14">
      <c r="N860530" s="10"/>
    </row>
    <row r="860531" spans="14:14">
      <c r="N860531" s="10"/>
    </row>
    <row r="860532" spans="14:14">
      <c r="N860532" s="10"/>
    </row>
    <row r="860533" spans="14:14">
      <c r="N860533" s="10"/>
    </row>
    <row r="860534" spans="14:14">
      <c r="N860534" s="10"/>
    </row>
    <row r="860535" spans="14:14">
      <c r="N860535" s="10"/>
    </row>
    <row r="860536" spans="14:14">
      <c r="N860536" s="10"/>
    </row>
    <row r="860537" spans="14:14">
      <c r="N860537" s="10"/>
    </row>
    <row r="860538" spans="14:14">
      <c r="N860538" s="10"/>
    </row>
    <row r="860539" spans="14:14">
      <c r="N860539" s="10"/>
    </row>
    <row r="860540" spans="14:14">
      <c r="N860540" s="10"/>
    </row>
    <row r="860541" spans="14:14">
      <c r="N860541" s="10"/>
    </row>
    <row r="860542" spans="14:14">
      <c r="N860542" s="10"/>
    </row>
    <row r="860543" spans="14:14">
      <c r="N860543" s="10"/>
    </row>
    <row r="860544" spans="14:14">
      <c r="N860544" s="10"/>
    </row>
    <row r="860545" spans="14:14">
      <c r="N860545" s="10"/>
    </row>
    <row r="860546" spans="14:14">
      <c r="N860546" s="10"/>
    </row>
    <row r="860547" spans="14:14">
      <c r="N860547" s="10"/>
    </row>
    <row r="860548" spans="14:14">
      <c r="N860548" s="10"/>
    </row>
    <row r="860549" spans="14:14">
      <c r="N860549" s="10"/>
    </row>
    <row r="860550" spans="14:14">
      <c r="N860550" s="10"/>
    </row>
    <row r="860551" spans="14:14">
      <c r="N860551" s="10"/>
    </row>
    <row r="860552" spans="14:14">
      <c r="N860552" s="10"/>
    </row>
    <row r="860553" spans="14:14">
      <c r="N860553" s="10"/>
    </row>
    <row r="860554" spans="14:14">
      <c r="N860554" s="10"/>
    </row>
    <row r="860555" spans="14:14">
      <c r="N860555" s="10"/>
    </row>
    <row r="860556" spans="14:14">
      <c r="N860556" s="10"/>
    </row>
    <row r="860557" spans="14:14">
      <c r="N860557" s="10"/>
    </row>
    <row r="860558" spans="14:14">
      <c r="N860558" s="10"/>
    </row>
    <row r="860559" spans="14:14">
      <c r="N860559" s="10"/>
    </row>
    <row r="860560" spans="14:14">
      <c r="N860560" s="10"/>
    </row>
    <row r="860561" spans="14:14">
      <c r="N860561" s="10"/>
    </row>
    <row r="860562" spans="14:14">
      <c r="N860562" s="10"/>
    </row>
    <row r="860563" spans="14:14">
      <c r="N860563" s="10"/>
    </row>
    <row r="860564" spans="14:14">
      <c r="N860564" s="10"/>
    </row>
    <row r="860565" spans="14:14">
      <c r="N860565" s="10"/>
    </row>
    <row r="860566" spans="14:14">
      <c r="N860566" s="10"/>
    </row>
    <row r="860567" spans="14:14">
      <c r="N860567" s="10"/>
    </row>
    <row r="860568" spans="14:14">
      <c r="N860568" s="10"/>
    </row>
    <row r="860569" spans="14:14">
      <c r="N860569" s="10"/>
    </row>
    <row r="860570" spans="14:14">
      <c r="N860570" s="10"/>
    </row>
    <row r="860571" spans="14:14">
      <c r="N860571" s="10"/>
    </row>
    <row r="860572" spans="14:14">
      <c r="N860572" s="10"/>
    </row>
    <row r="860573" spans="14:14">
      <c r="N860573" s="10"/>
    </row>
    <row r="860574" spans="14:14">
      <c r="N860574" s="10"/>
    </row>
    <row r="860575" spans="14:14">
      <c r="N860575" s="10"/>
    </row>
    <row r="860576" spans="14:14">
      <c r="N860576" s="10"/>
    </row>
    <row r="860577" spans="14:14">
      <c r="N860577" s="10"/>
    </row>
    <row r="860578" spans="14:14">
      <c r="N860578" s="10"/>
    </row>
    <row r="860579" spans="14:14">
      <c r="N860579" s="10"/>
    </row>
    <row r="860580" spans="14:14">
      <c r="N860580" s="10"/>
    </row>
    <row r="860581" spans="14:14">
      <c r="N860581" s="10"/>
    </row>
    <row r="860582" spans="14:14">
      <c r="N860582" s="10"/>
    </row>
    <row r="860583" spans="14:14">
      <c r="N860583" s="10"/>
    </row>
    <row r="860584" spans="14:14">
      <c r="N860584" s="10"/>
    </row>
    <row r="860585" spans="14:14">
      <c r="N860585" s="10"/>
    </row>
    <row r="860586" spans="14:14">
      <c r="N860586" s="10"/>
    </row>
    <row r="860587" spans="14:14">
      <c r="N860587" s="10"/>
    </row>
    <row r="860588" spans="14:14">
      <c r="N860588" s="10"/>
    </row>
    <row r="860589" spans="14:14">
      <c r="N860589" s="10"/>
    </row>
    <row r="860590" spans="14:14">
      <c r="N860590" s="10"/>
    </row>
    <row r="860591" spans="14:14">
      <c r="N860591" s="10"/>
    </row>
    <row r="860592" spans="14:14">
      <c r="N860592" s="10"/>
    </row>
    <row r="860593" spans="14:14">
      <c r="N860593" s="10"/>
    </row>
    <row r="860594" spans="14:14">
      <c r="N860594" s="10"/>
    </row>
    <row r="860595" spans="14:14">
      <c r="N860595" s="10"/>
    </row>
    <row r="860596" spans="14:14">
      <c r="N860596" s="10"/>
    </row>
    <row r="860597" spans="14:14">
      <c r="N860597" s="10"/>
    </row>
    <row r="860598" spans="14:14">
      <c r="N860598" s="10"/>
    </row>
    <row r="860599" spans="14:14">
      <c r="N860599" s="10"/>
    </row>
    <row r="860600" spans="14:14">
      <c r="N860600" s="10"/>
    </row>
    <row r="860601" spans="14:14">
      <c r="N860601" s="10"/>
    </row>
    <row r="860602" spans="14:14">
      <c r="N860602" s="10"/>
    </row>
    <row r="860603" spans="14:14">
      <c r="N860603" s="10"/>
    </row>
    <row r="860604" spans="14:14">
      <c r="N860604" s="10"/>
    </row>
    <row r="860605" spans="14:14">
      <c r="N860605" s="10"/>
    </row>
    <row r="860606" spans="14:14">
      <c r="N860606" s="10"/>
    </row>
    <row r="860607" spans="14:14">
      <c r="N860607" s="10"/>
    </row>
    <row r="860608" spans="14:14">
      <c r="N860608" s="10"/>
    </row>
    <row r="860609" spans="14:14">
      <c r="N860609" s="10"/>
    </row>
    <row r="860610" spans="14:14">
      <c r="N860610" s="10"/>
    </row>
    <row r="860611" spans="14:14">
      <c r="N860611" s="10"/>
    </row>
    <row r="860612" spans="14:14">
      <c r="N860612" s="10"/>
    </row>
    <row r="860613" spans="14:14">
      <c r="N860613" s="10"/>
    </row>
    <row r="860614" spans="14:14">
      <c r="N860614" s="10"/>
    </row>
    <row r="860615" spans="14:14">
      <c r="N860615" s="10"/>
    </row>
    <row r="860616" spans="14:14">
      <c r="N860616" s="10"/>
    </row>
    <row r="860617" spans="14:14">
      <c r="N860617" s="10"/>
    </row>
    <row r="860618" spans="14:14">
      <c r="N860618" s="10"/>
    </row>
    <row r="860619" spans="14:14">
      <c r="N860619" s="10"/>
    </row>
    <row r="860620" spans="14:14">
      <c r="N860620" s="10"/>
    </row>
    <row r="860621" spans="14:14">
      <c r="N860621" s="10"/>
    </row>
    <row r="860622" spans="14:14">
      <c r="N860622" s="10"/>
    </row>
    <row r="860623" spans="14:14">
      <c r="N860623" s="10"/>
    </row>
    <row r="860624" spans="14:14">
      <c r="N860624" s="10"/>
    </row>
    <row r="860625" spans="14:14">
      <c r="N860625" s="10"/>
    </row>
    <row r="860626" spans="14:14">
      <c r="N860626" s="10"/>
    </row>
    <row r="860627" spans="14:14">
      <c r="N860627" s="10"/>
    </row>
    <row r="860628" spans="14:14">
      <c r="N860628" s="10"/>
    </row>
    <row r="860629" spans="14:14">
      <c r="N860629" s="10"/>
    </row>
    <row r="860630" spans="14:14">
      <c r="N860630" s="10"/>
    </row>
    <row r="860631" spans="14:14">
      <c r="N860631" s="10"/>
    </row>
    <row r="860632" spans="14:14">
      <c r="N860632" s="10"/>
    </row>
    <row r="860633" spans="14:14">
      <c r="N860633" s="10"/>
    </row>
    <row r="860634" spans="14:14">
      <c r="N860634" s="10"/>
    </row>
    <row r="860635" spans="14:14">
      <c r="N860635" s="10"/>
    </row>
    <row r="860636" spans="14:14">
      <c r="N860636" s="10"/>
    </row>
    <row r="860637" spans="14:14">
      <c r="N860637" s="10"/>
    </row>
    <row r="860638" spans="14:14">
      <c r="N860638" s="10"/>
    </row>
    <row r="860639" spans="14:14">
      <c r="N860639" s="10"/>
    </row>
    <row r="860640" spans="14:14">
      <c r="N860640" s="10"/>
    </row>
    <row r="860641" spans="14:14">
      <c r="N860641" s="10"/>
    </row>
    <row r="860642" spans="14:14">
      <c r="N860642" s="10"/>
    </row>
    <row r="860643" spans="14:14">
      <c r="N860643" s="10"/>
    </row>
    <row r="860644" spans="14:14">
      <c r="N860644" s="10"/>
    </row>
    <row r="860645" spans="14:14">
      <c r="N860645" s="10"/>
    </row>
    <row r="860646" spans="14:14">
      <c r="N860646" s="10"/>
    </row>
    <row r="860647" spans="14:14">
      <c r="N860647" s="10"/>
    </row>
    <row r="860648" spans="14:14">
      <c r="N860648" s="10"/>
    </row>
    <row r="860649" spans="14:14">
      <c r="N860649" s="10"/>
    </row>
    <row r="860650" spans="14:14">
      <c r="N860650" s="10"/>
    </row>
    <row r="860651" spans="14:14">
      <c r="N860651" s="10"/>
    </row>
    <row r="860652" spans="14:14">
      <c r="N860652" s="10"/>
    </row>
    <row r="860653" spans="14:14">
      <c r="N860653" s="10"/>
    </row>
    <row r="860654" spans="14:14">
      <c r="N860654" s="10"/>
    </row>
    <row r="860655" spans="14:14">
      <c r="N860655" s="10"/>
    </row>
    <row r="860656" spans="14:14">
      <c r="N860656" s="10"/>
    </row>
    <row r="860657" spans="14:14">
      <c r="N860657" s="10"/>
    </row>
    <row r="860658" spans="14:14">
      <c r="N860658" s="10"/>
    </row>
    <row r="860659" spans="14:14">
      <c r="N860659" s="10"/>
    </row>
    <row r="860660" spans="14:14">
      <c r="N860660" s="10"/>
    </row>
    <row r="860661" spans="14:14">
      <c r="N860661" s="10"/>
    </row>
    <row r="860662" spans="14:14">
      <c r="N860662" s="10"/>
    </row>
    <row r="860663" spans="14:14">
      <c r="N860663" s="10"/>
    </row>
    <row r="860664" spans="14:14">
      <c r="N860664" s="10"/>
    </row>
    <row r="860665" spans="14:14">
      <c r="N860665" s="10"/>
    </row>
    <row r="860666" spans="14:14">
      <c r="N860666" s="10"/>
    </row>
    <row r="860667" spans="14:14">
      <c r="N860667" s="10"/>
    </row>
    <row r="860668" spans="14:14">
      <c r="N860668" s="10"/>
    </row>
    <row r="860669" spans="14:14">
      <c r="N860669" s="10"/>
    </row>
    <row r="860670" spans="14:14">
      <c r="N860670" s="10"/>
    </row>
    <row r="860671" spans="14:14">
      <c r="N860671" s="10"/>
    </row>
    <row r="860672" spans="14:14">
      <c r="N860672" s="10"/>
    </row>
    <row r="860673" spans="14:14">
      <c r="N860673" s="10"/>
    </row>
    <row r="860674" spans="14:14">
      <c r="N860674" s="10"/>
    </row>
    <row r="860675" spans="14:14">
      <c r="N860675" s="10"/>
    </row>
    <row r="860676" spans="14:14">
      <c r="N860676" s="10"/>
    </row>
    <row r="860677" spans="14:14">
      <c r="N860677" s="10"/>
    </row>
    <row r="860678" spans="14:14">
      <c r="N860678" s="10"/>
    </row>
    <row r="860679" spans="14:14">
      <c r="N860679" s="10"/>
    </row>
    <row r="860680" spans="14:14">
      <c r="N860680" s="10"/>
    </row>
    <row r="860681" spans="14:14">
      <c r="N860681" s="10"/>
    </row>
    <row r="860682" spans="14:14">
      <c r="N860682" s="10"/>
    </row>
    <row r="860683" spans="14:14">
      <c r="N860683" s="10"/>
    </row>
    <row r="860684" spans="14:14">
      <c r="N860684" s="10"/>
    </row>
    <row r="860685" spans="14:14">
      <c r="N860685" s="10"/>
    </row>
    <row r="860686" spans="14:14">
      <c r="N860686" s="10"/>
    </row>
    <row r="860687" spans="14:14">
      <c r="N860687" s="10"/>
    </row>
    <row r="860688" spans="14:14">
      <c r="N860688" s="10"/>
    </row>
    <row r="860689" spans="14:14">
      <c r="N860689" s="10"/>
    </row>
    <row r="860690" spans="14:14">
      <c r="N860690" s="10"/>
    </row>
    <row r="860691" spans="14:14">
      <c r="N860691" s="10"/>
    </row>
    <row r="860692" spans="14:14">
      <c r="N860692" s="10"/>
    </row>
    <row r="860693" spans="14:14">
      <c r="N860693" s="10"/>
    </row>
    <row r="860694" spans="14:14">
      <c r="N860694" s="10"/>
    </row>
    <row r="860695" spans="14:14">
      <c r="N860695" s="10"/>
    </row>
    <row r="860696" spans="14:14">
      <c r="N860696" s="10"/>
    </row>
    <row r="860697" spans="14:14">
      <c r="N860697" s="10"/>
    </row>
    <row r="860698" spans="14:14">
      <c r="N860698" s="10"/>
    </row>
    <row r="860699" spans="14:14">
      <c r="N860699" s="10"/>
    </row>
    <row r="860700" spans="14:14">
      <c r="N860700" s="10"/>
    </row>
    <row r="860701" spans="14:14">
      <c r="N860701" s="10"/>
    </row>
    <row r="860702" spans="14:14">
      <c r="N860702" s="10"/>
    </row>
    <row r="860703" spans="14:14">
      <c r="N860703" s="10"/>
    </row>
    <row r="860704" spans="14:14">
      <c r="N860704" s="10"/>
    </row>
    <row r="860705" spans="14:14">
      <c r="N860705" s="10"/>
    </row>
    <row r="860706" spans="14:14">
      <c r="N860706" s="10"/>
    </row>
    <row r="860707" spans="14:14">
      <c r="N860707" s="10"/>
    </row>
    <row r="860708" spans="14:14">
      <c r="N860708" s="10"/>
    </row>
    <row r="860709" spans="14:14">
      <c r="N860709" s="10"/>
    </row>
    <row r="860710" spans="14:14">
      <c r="N860710" s="10"/>
    </row>
    <row r="860711" spans="14:14">
      <c r="N860711" s="10"/>
    </row>
    <row r="860712" spans="14:14">
      <c r="N860712" s="10"/>
    </row>
    <row r="860713" spans="14:14">
      <c r="N860713" s="10"/>
    </row>
    <row r="860714" spans="14:14">
      <c r="N860714" s="10"/>
    </row>
    <row r="860715" spans="14:14">
      <c r="N860715" s="10"/>
    </row>
    <row r="860716" spans="14:14">
      <c r="N860716" s="10"/>
    </row>
    <row r="860717" spans="14:14">
      <c r="N860717" s="10"/>
    </row>
    <row r="860718" spans="14:14">
      <c r="N860718" s="10"/>
    </row>
    <row r="860719" spans="14:14">
      <c r="N860719" s="10"/>
    </row>
    <row r="860720" spans="14:14">
      <c r="N860720" s="10"/>
    </row>
    <row r="860721" spans="14:14">
      <c r="N860721" s="10"/>
    </row>
    <row r="860722" spans="14:14">
      <c r="N860722" s="10"/>
    </row>
    <row r="860723" spans="14:14">
      <c r="N860723" s="10"/>
    </row>
    <row r="860724" spans="14:14">
      <c r="N860724" s="10"/>
    </row>
    <row r="860725" spans="14:14">
      <c r="N860725" s="10"/>
    </row>
    <row r="860726" spans="14:14">
      <c r="N860726" s="10"/>
    </row>
    <row r="860727" spans="14:14">
      <c r="N860727" s="10"/>
    </row>
    <row r="860728" spans="14:14">
      <c r="N860728" s="10"/>
    </row>
    <row r="860729" spans="14:14">
      <c r="N860729" s="10"/>
    </row>
    <row r="860730" spans="14:14">
      <c r="N860730" s="10"/>
    </row>
    <row r="860731" spans="14:14">
      <c r="N860731" s="10"/>
    </row>
    <row r="860732" spans="14:14">
      <c r="N860732" s="10"/>
    </row>
    <row r="860733" spans="14:14">
      <c r="N860733" s="10"/>
    </row>
    <row r="860734" spans="14:14">
      <c r="N860734" s="10"/>
    </row>
    <row r="860735" spans="14:14">
      <c r="N860735" s="10"/>
    </row>
    <row r="860736" spans="14:14">
      <c r="N860736" s="10"/>
    </row>
    <row r="860737" spans="14:14">
      <c r="N860737" s="10"/>
    </row>
    <row r="860738" spans="14:14">
      <c r="N860738" s="10"/>
    </row>
    <row r="860739" spans="14:14">
      <c r="N860739" s="10"/>
    </row>
    <row r="860740" spans="14:14">
      <c r="N860740" s="10"/>
    </row>
    <row r="860741" spans="14:14">
      <c r="N860741" s="10"/>
    </row>
    <row r="860742" spans="14:14">
      <c r="N860742" s="10"/>
    </row>
    <row r="860743" spans="14:14">
      <c r="N860743" s="10"/>
    </row>
    <row r="860744" spans="14:14">
      <c r="N860744" s="10"/>
    </row>
    <row r="860745" spans="14:14">
      <c r="N860745" s="10"/>
    </row>
    <row r="860746" spans="14:14">
      <c r="N860746" s="10"/>
    </row>
    <row r="860747" spans="14:14">
      <c r="N860747" s="10"/>
    </row>
    <row r="860748" spans="14:14">
      <c r="N860748" s="10"/>
    </row>
    <row r="860749" spans="14:14">
      <c r="N860749" s="10"/>
    </row>
    <row r="860750" spans="14:14">
      <c r="N860750" s="10"/>
    </row>
    <row r="860751" spans="14:14">
      <c r="N860751" s="10"/>
    </row>
    <row r="860752" spans="14:14">
      <c r="N860752" s="10"/>
    </row>
    <row r="860753" spans="14:14">
      <c r="N860753" s="10"/>
    </row>
    <row r="860754" spans="14:14">
      <c r="N860754" s="10"/>
    </row>
    <row r="860755" spans="14:14">
      <c r="N860755" s="10"/>
    </row>
    <row r="860756" spans="14:14">
      <c r="N860756" s="10"/>
    </row>
    <row r="860757" spans="14:14">
      <c r="N860757" s="10"/>
    </row>
    <row r="860758" spans="14:14">
      <c r="N860758" s="10"/>
    </row>
    <row r="860759" spans="14:14">
      <c r="N860759" s="10"/>
    </row>
    <row r="860760" spans="14:14">
      <c r="N860760" s="10"/>
    </row>
    <row r="860761" spans="14:14">
      <c r="N860761" s="10"/>
    </row>
    <row r="860762" spans="14:14">
      <c r="N860762" s="10"/>
    </row>
    <row r="860763" spans="14:14">
      <c r="N860763" s="10"/>
    </row>
    <row r="860764" spans="14:14">
      <c r="N860764" s="10"/>
    </row>
    <row r="860765" spans="14:14">
      <c r="N860765" s="10"/>
    </row>
    <row r="860766" spans="14:14">
      <c r="N860766" s="10"/>
    </row>
    <row r="860767" spans="14:14">
      <c r="N860767" s="10"/>
    </row>
    <row r="860768" spans="14:14">
      <c r="N860768" s="10"/>
    </row>
    <row r="860769" spans="14:14">
      <c r="N860769" s="10"/>
    </row>
    <row r="860770" spans="14:14">
      <c r="N860770" s="10"/>
    </row>
    <row r="860771" spans="14:14">
      <c r="N860771" s="10"/>
    </row>
    <row r="860772" spans="14:14">
      <c r="N860772" s="10"/>
    </row>
    <row r="860773" spans="14:14">
      <c r="N860773" s="10"/>
    </row>
    <row r="860774" spans="14:14">
      <c r="N860774" s="10"/>
    </row>
    <row r="860775" spans="14:14">
      <c r="N860775" s="10"/>
    </row>
    <row r="860776" spans="14:14">
      <c r="N860776" s="10"/>
    </row>
    <row r="860777" spans="14:14">
      <c r="N860777" s="10"/>
    </row>
    <row r="860778" spans="14:14">
      <c r="N860778" s="10"/>
    </row>
    <row r="860779" spans="14:14">
      <c r="N860779" s="10"/>
    </row>
    <row r="860780" spans="14:14">
      <c r="N860780" s="10"/>
    </row>
    <row r="860781" spans="14:14">
      <c r="N860781" s="10"/>
    </row>
    <row r="860782" spans="14:14">
      <c r="N860782" s="10"/>
    </row>
    <row r="860783" spans="14:14">
      <c r="N860783" s="10"/>
    </row>
    <row r="860784" spans="14:14">
      <c r="N860784" s="10"/>
    </row>
    <row r="860785" spans="14:14">
      <c r="N860785" s="10"/>
    </row>
    <row r="860786" spans="14:14">
      <c r="N860786" s="10"/>
    </row>
    <row r="860787" spans="14:14">
      <c r="N860787" s="10"/>
    </row>
    <row r="860788" spans="14:14">
      <c r="N860788" s="10"/>
    </row>
    <row r="860789" spans="14:14">
      <c r="N860789" s="10"/>
    </row>
    <row r="860790" spans="14:14">
      <c r="N860790" s="10"/>
    </row>
    <row r="860791" spans="14:14">
      <c r="N860791" s="10"/>
    </row>
    <row r="860792" spans="14:14">
      <c r="N860792" s="10"/>
    </row>
    <row r="860793" spans="14:14">
      <c r="N860793" s="10"/>
    </row>
    <row r="860794" spans="14:14">
      <c r="N860794" s="10"/>
    </row>
    <row r="860795" spans="14:14">
      <c r="N860795" s="10"/>
    </row>
    <row r="860796" spans="14:14">
      <c r="N860796" s="10"/>
    </row>
    <row r="860797" spans="14:14">
      <c r="N860797" s="10"/>
    </row>
    <row r="860798" spans="14:14">
      <c r="N860798" s="10"/>
    </row>
    <row r="860799" spans="14:14">
      <c r="N860799" s="10"/>
    </row>
    <row r="860800" spans="14:14">
      <c r="N860800" s="10"/>
    </row>
    <row r="860801" spans="14:14">
      <c r="N860801" s="10"/>
    </row>
    <row r="860802" spans="14:14">
      <c r="N860802" s="10"/>
    </row>
    <row r="860803" spans="14:14">
      <c r="N860803" s="10"/>
    </row>
    <row r="860804" spans="14:14">
      <c r="N860804" s="10"/>
    </row>
    <row r="860805" spans="14:14">
      <c r="N860805" s="10"/>
    </row>
    <row r="860806" spans="14:14">
      <c r="N860806" s="10"/>
    </row>
    <row r="860807" spans="14:14">
      <c r="N860807" s="10"/>
    </row>
    <row r="860808" spans="14:14">
      <c r="N860808" s="10"/>
    </row>
    <row r="860809" spans="14:14">
      <c r="N860809" s="10"/>
    </row>
    <row r="860810" spans="14:14">
      <c r="N860810" s="10"/>
    </row>
    <row r="860811" spans="14:14">
      <c r="N860811" s="10"/>
    </row>
    <row r="860812" spans="14:14">
      <c r="N860812" s="10"/>
    </row>
    <row r="860813" spans="14:14">
      <c r="N860813" s="10"/>
    </row>
    <row r="860814" spans="14:14">
      <c r="N860814" s="10"/>
    </row>
    <row r="860815" spans="14:14">
      <c r="N860815" s="10"/>
    </row>
    <row r="860816" spans="14:14">
      <c r="N860816" s="10"/>
    </row>
    <row r="860817" spans="14:14">
      <c r="N860817" s="10"/>
    </row>
    <row r="860818" spans="14:14">
      <c r="N860818" s="10"/>
    </row>
    <row r="860819" spans="14:14">
      <c r="N860819" s="10"/>
    </row>
    <row r="860820" spans="14:14">
      <c r="N860820" s="10"/>
    </row>
    <row r="860821" spans="14:14">
      <c r="N860821" s="10"/>
    </row>
    <row r="860822" spans="14:14">
      <c r="N860822" s="10"/>
    </row>
    <row r="860823" spans="14:14">
      <c r="N860823" s="10"/>
    </row>
    <row r="860824" spans="14:14">
      <c r="N860824" s="10"/>
    </row>
    <row r="860825" spans="14:14">
      <c r="N860825" s="10"/>
    </row>
    <row r="860826" spans="14:14">
      <c r="N860826" s="10"/>
    </row>
    <row r="860827" spans="14:14">
      <c r="N860827" s="10"/>
    </row>
    <row r="860828" spans="14:14">
      <c r="N860828" s="10"/>
    </row>
    <row r="860829" spans="14:14">
      <c r="N860829" s="10"/>
    </row>
    <row r="860830" spans="14:14">
      <c r="N860830" s="10"/>
    </row>
    <row r="860831" spans="14:14">
      <c r="N860831" s="10"/>
    </row>
    <row r="860832" spans="14:14">
      <c r="N860832" s="10"/>
    </row>
    <row r="860833" spans="14:14">
      <c r="N860833" s="10"/>
    </row>
    <row r="860834" spans="14:14">
      <c r="N860834" s="10"/>
    </row>
    <row r="860835" spans="14:14">
      <c r="N860835" s="10"/>
    </row>
    <row r="860836" spans="14:14">
      <c r="N860836" s="10"/>
    </row>
    <row r="860837" spans="14:14">
      <c r="N860837" s="10"/>
    </row>
    <row r="860838" spans="14:14">
      <c r="N860838" s="10"/>
    </row>
    <row r="860839" spans="14:14">
      <c r="N860839" s="10"/>
    </row>
    <row r="860840" spans="14:14">
      <c r="N860840" s="10"/>
    </row>
    <row r="860841" spans="14:14">
      <c r="N860841" s="10"/>
    </row>
    <row r="860842" spans="14:14">
      <c r="N860842" s="10"/>
    </row>
    <row r="860843" spans="14:14">
      <c r="N860843" s="10"/>
    </row>
    <row r="860844" spans="14:14">
      <c r="N860844" s="10"/>
    </row>
    <row r="860845" spans="14:14">
      <c r="N860845" s="10"/>
    </row>
    <row r="860846" spans="14:14">
      <c r="N860846" s="10"/>
    </row>
    <row r="860847" spans="14:14">
      <c r="N860847" s="10"/>
    </row>
    <row r="860848" spans="14:14">
      <c r="N860848" s="10"/>
    </row>
    <row r="860849" spans="14:14">
      <c r="N860849" s="10"/>
    </row>
    <row r="860850" spans="14:14">
      <c r="N860850" s="10"/>
    </row>
    <row r="860851" spans="14:14">
      <c r="N860851" s="10"/>
    </row>
    <row r="860852" spans="14:14">
      <c r="N860852" s="10"/>
    </row>
    <row r="860853" spans="14:14">
      <c r="N860853" s="10"/>
    </row>
    <row r="860854" spans="14:14">
      <c r="N860854" s="10"/>
    </row>
    <row r="860855" spans="14:14">
      <c r="N860855" s="10"/>
    </row>
    <row r="860856" spans="14:14">
      <c r="N860856" s="10"/>
    </row>
    <row r="860857" spans="14:14">
      <c r="N860857" s="10"/>
    </row>
    <row r="860858" spans="14:14">
      <c r="N860858" s="10"/>
    </row>
    <row r="860859" spans="14:14">
      <c r="N860859" s="10"/>
    </row>
    <row r="860860" spans="14:14">
      <c r="N860860" s="10"/>
    </row>
    <row r="860861" spans="14:14">
      <c r="N860861" s="10"/>
    </row>
    <row r="860862" spans="14:14">
      <c r="N860862" s="10"/>
    </row>
    <row r="860863" spans="14:14">
      <c r="N860863" s="10"/>
    </row>
    <row r="860864" spans="14:14">
      <c r="N860864" s="10"/>
    </row>
    <row r="860865" spans="14:14">
      <c r="N860865" s="10"/>
    </row>
    <row r="860866" spans="14:14">
      <c r="N860866" s="10"/>
    </row>
    <row r="860867" spans="14:14">
      <c r="N860867" s="10"/>
    </row>
    <row r="860868" spans="14:14">
      <c r="N860868" s="10"/>
    </row>
    <row r="860869" spans="14:14">
      <c r="N860869" s="10"/>
    </row>
    <row r="860870" spans="14:14">
      <c r="N860870" s="10"/>
    </row>
    <row r="860871" spans="14:14">
      <c r="N860871" s="10"/>
    </row>
    <row r="860872" spans="14:14">
      <c r="N860872" s="10"/>
    </row>
    <row r="860873" spans="14:14">
      <c r="N860873" s="10"/>
    </row>
    <row r="860874" spans="14:14">
      <c r="N860874" s="10"/>
    </row>
    <row r="860875" spans="14:14">
      <c r="N860875" s="10"/>
    </row>
    <row r="860876" spans="14:14">
      <c r="N860876" s="10"/>
    </row>
    <row r="860877" spans="14:14">
      <c r="N860877" s="10"/>
    </row>
    <row r="860878" spans="14:14">
      <c r="N860878" s="10"/>
    </row>
    <row r="860879" spans="14:14">
      <c r="N860879" s="10"/>
    </row>
    <row r="860880" spans="14:14">
      <c r="N860880" s="10"/>
    </row>
    <row r="860881" spans="14:14">
      <c r="N860881" s="10"/>
    </row>
    <row r="860882" spans="14:14">
      <c r="N860882" s="10"/>
    </row>
    <row r="860883" spans="14:14">
      <c r="N860883" s="10"/>
    </row>
    <row r="860884" spans="14:14">
      <c r="N860884" s="10"/>
    </row>
    <row r="860885" spans="14:14">
      <c r="N860885" s="10"/>
    </row>
    <row r="860886" spans="14:14">
      <c r="N860886" s="10"/>
    </row>
    <row r="860887" spans="14:14">
      <c r="N860887" s="10"/>
    </row>
    <row r="860888" spans="14:14">
      <c r="N860888" s="10"/>
    </row>
    <row r="860889" spans="14:14">
      <c r="N860889" s="10"/>
    </row>
    <row r="860890" spans="14:14">
      <c r="N860890" s="10"/>
    </row>
    <row r="860891" spans="14:14">
      <c r="N860891" s="10"/>
    </row>
    <row r="860892" spans="14:14">
      <c r="N860892" s="10"/>
    </row>
    <row r="860893" spans="14:14">
      <c r="N860893" s="10"/>
    </row>
    <row r="860894" spans="14:14">
      <c r="N860894" s="10"/>
    </row>
    <row r="860895" spans="14:14">
      <c r="N860895" s="10"/>
    </row>
    <row r="860896" spans="14:14">
      <c r="N860896" s="10"/>
    </row>
    <row r="860897" spans="14:14">
      <c r="N860897" s="10"/>
    </row>
    <row r="860898" spans="14:14">
      <c r="N860898" s="10"/>
    </row>
    <row r="860899" spans="14:14">
      <c r="N860899" s="10"/>
    </row>
    <row r="860900" spans="14:14">
      <c r="N860900" s="10"/>
    </row>
    <row r="860901" spans="14:14">
      <c r="N860901" s="10"/>
    </row>
    <row r="860902" spans="14:14">
      <c r="N860902" s="10"/>
    </row>
    <row r="860903" spans="14:14">
      <c r="N860903" s="10"/>
    </row>
    <row r="860904" spans="14:14">
      <c r="N860904" s="10"/>
    </row>
    <row r="860905" spans="14:14">
      <c r="N860905" s="10"/>
    </row>
    <row r="860906" spans="14:14">
      <c r="N860906" s="10"/>
    </row>
    <row r="860907" spans="14:14">
      <c r="N860907" s="10"/>
    </row>
    <row r="860908" spans="14:14">
      <c r="N860908" s="10"/>
    </row>
    <row r="860909" spans="14:14">
      <c r="N860909" s="10"/>
    </row>
    <row r="860910" spans="14:14">
      <c r="N860910" s="10"/>
    </row>
    <row r="860911" spans="14:14">
      <c r="N860911" s="10"/>
    </row>
    <row r="860912" spans="14:14">
      <c r="N860912" s="10"/>
    </row>
    <row r="860913" spans="14:14">
      <c r="N860913" s="10"/>
    </row>
    <row r="860914" spans="14:14">
      <c r="N860914" s="10"/>
    </row>
    <row r="860915" spans="14:14">
      <c r="N860915" s="10"/>
    </row>
    <row r="860916" spans="14:14">
      <c r="N860916" s="10"/>
    </row>
    <row r="860917" spans="14:14">
      <c r="N860917" s="10"/>
    </row>
    <row r="860918" spans="14:14">
      <c r="N860918" s="10"/>
    </row>
    <row r="860919" spans="14:14">
      <c r="N860919" s="10"/>
    </row>
    <row r="860920" spans="14:14">
      <c r="N860920" s="10"/>
    </row>
    <row r="860921" spans="14:14">
      <c r="N860921" s="10"/>
    </row>
    <row r="860922" spans="14:14">
      <c r="N860922" s="10"/>
    </row>
    <row r="860923" spans="14:14">
      <c r="N860923" s="10"/>
    </row>
    <row r="860924" spans="14:14">
      <c r="N860924" s="10"/>
    </row>
    <row r="860925" spans="14:14">
      <c r="N860925" s="10"/>
    </row>
    <row r="860926" spans="14:14">
      <c r="N860926" s="10"/>
    </row>
    <row r="860927" spans="14:14">
      <c r="N860927" s="10"/>
    </row>
    <row r="860928" spans="14:14">
      <c r="N860928" s="10"/>
    </row>
    <row r="860929" spans="14:14">
      <c r="N860929" s="10"/>
    </row>
    <row r="860930" spans="14:14">
      <c r="N860930" s="10"/>
    </row>
    <row r="860931" spans="14:14">
      <c r="N860931" s="10"/>
    </row>
    <row r="860932" spans="14:14">
      <c r="N860932" s="10"/>
    </row>
    <row r="860933" spans="14:14">
      <c r="N860933" s="10"/>
    </row>
    <row r="860934" spans="14:14">
      <c r="N860934" s="10"/>
    </row>
    <row r="860935" spans="14:14">
      <c r="N860935" s="10"/>
    </row>
    <row r="860936" spans="14:14">
      <c r="N860936" s="10"/>
    </row>
    <row r="860937" spans="14:14">
      <c r="N860937" s="10"/>
    </row>
    <row r="860938" spans="14:14">
      <c r="N860938" s="10"/>
    </row>
    <row r="860939" spans="14:14">
      <c r="N860939" s="10"/>
    </row>
    <row r="860940" spans="14:14">
      <c r="N860940" s="10"/>
    </row>
    <row r="860941" spans="14:14">
      <c r="N860941" s="10"/>
    </row>
    <row r="860942" spans="14:14">
      <c r="N860942" s="10"/>
    </row>
    <row r="860943" spans="14:14">
      <c r="N860943" s="10"/>
    </row>
    <row r="860944" spans="14:14">
      <c r="N860944" s="10"/>
    </row>
    <row r="860945" spans="14:14">
      <c r="N860945" s="10"/>
    </row>
    <row r="860946" spans="14:14">
      <c r="N860946" s="10"/>
    </row>
    <row r="860947" spans="14:14">
      <c r="N860947" s="10"/>
    </row>
    <row r="860948" spans="14:14">
      <c r="N860948" s="10"/>
    </row>
    <row r="860949" spans="14:14">
      <c r="N860949" s="10"/>
    </row>
    <row r="860950" spans="14:14">
      <c r="N860950" s="10"/>
    </row>
    <row r="860951" spans="14:14">
      <c r="N860951" s="10"/>
    </row>
    <row r="860952" spans="14:14">
      <c r="N860952" s="10"/>
    </row>
    <row r="860953" spans="14:14">
      <c r="N860953" s="10"/>
    </row>
    <row r="860954" spans="14:14">
      <c r="N860954" s="10"/>
    </row>
    <row r="860955" spans="14:14">
      <c r="N860955" s="10"/>
    </row>
    <row r="860956" spans="14:14">
      <c r="N860956" s="10"/>
    </row>
    <row r="860957" spans="14:14">
      <c r="N860957" s="10"/>
    </row>
    <row r="860958" spans="14:14">
      <c r="N860958" s="10"/>
    </row>
    <row r="860959" spans="14:14">
      <c r="N860959" s="10"/>
    </row>
    <row r="860960" spans="14:14">
      <c r="N860960" s="10"/>
    </row>
    <row r="860961" spans="14:14">
      <c r="N860961" s="10"/>
    </row>
    <row r="860962" spans="14:14">
      <c r="N860962" s="10"/>
    </row>
    <row r="860963" spans="14:14">
      <c r="N860963" s="10"/>
    </row>
    <row r="860964" spans="14:14">
      <c r="N860964" s="10"/>
    </row>
    <row r="860965" spans="14:14">
      <c r="N860965" s="10"/>
    </row>
    <row r="860966" spans="14:14">
      <c r="N860966" s="10"/>
    </row>
    <row r="860967" spans="14:14">
      <c r="N860967" s="10"/>
    </row>
    <row r="860968" spans="14:14">
      <c r="N860968" s="10"/>
    </row>
    <row r="860969" spans="14:14">
      <c r="N860969" s="10"/>
    </row>
    <row r="860970" spans="14:14">
      <c r="N860970" s="10"/>
    </row>
    <row r="860971" spans="14:14">
      <c r="N860971" s="10"/>
    </row>
    <row r="860972" spans="14:14">
      <c r="N860972" s="10"/>
    </row>
    <row r="860973" spans="14:14">
      <c r="N860973" s="10"/>
    </row>
    <row r="860974" spans="14:14">
      <c r="N860974" s="10"/>
    </row>
    <row r="860975" spans="14:14">
      <c r="N860975" s="10"/>
    </row>
    <row r="860976" spans="14:14">
      <c r="N860976" s="10"/>
    </row>
    <row r="860977" spans="14:14">
      <c r="N860977" s="10"/>
    </row>
    <row r="860978" spans="14:14">
      <c r="N860978" s="10"/>
    </row>
    <row r="860979" spans="14:14">
      <c r="N860979" s="10"/>
    </row>
    <row r="860980" spans="14:14">
      <c r="N860980" s="10"/>
    </row>
    <row r="860981" spans="14:14">
      <c r="N860981" s="10"/>
    </row>
    <row r="860982" spans="14:14">
      <c r="N860982" s="10"/>
    </row>
    <row r="860983" spans="14:14">
      <c r="N860983" s="10"/>
    </row>
    <row r="860984" spans="14:14">
      <c r="N860984" s="10"/>
    </row>
    <row r="860985" spans="14:14">
      <c r="N860985" s="10"/>
    </row>
    <row r="860986" spans="14:14">
      <c r="N860986" s="10"/>
    </row>
    <row r="860987" spans="14:14">
      <c r="N860987" s="10"/>
    </row>
    <row r="860988" spans="14:14">
      <c r="N860988" s="10"/>
    </row>
    <row r="860989" spans="14:14">
      <c r="N860989" s="10"/>
    </row>
    <row r="860990" spans="14:14">
      <c r="N860990" s="10"/>
    </row>
    <row r="860991" spans="14:14">
      <c r="N860991" s="10"/>
    </row>
    <row r="860992" spans="14:14">
      <c r="N860992" s="10"/>
    </row>
    <row r="860993" spans="14:14">
      <c r="N860993" s="10"/>
    </row>
    <row r="860994" spans="14:14">
      <c r="N860994" s="10"/>
    </row>
    <row r="860995" spans="14:14">
      <c r="N860995" s="10"/>
    </row>
    <row r="860996" spans="14:14">
      <c r="N860996" s="10"/>
    </row>
    <row r="860997" spans="14:14">
      <c r="N860997" s="10"/>
    </row>
    <row r="860998" spans="14:14">
      <c r="N860998" s="10"/>
    </row>
    <row r="860999" spans="14:14">
      <c r="N860999" s="10"/>
    </row>
    <row r="861000" spans="14:14">
      <c r="N861000" s="10"/>
    </row>
    <row r="861001" spans="14:14">
      <c r="N861001" s="10"/>
    </row>
    <row r="861002" spans="14:14">
      <c r="N861002" s="10"/>
    </row>
    <row r="861003" spans="14:14">
      <c r="N861003" s="10"/>
    </row>
    <row r="861004" spans="14:14">
      <c r="N861004" s="10"/>
    </row>
    <row r="861005" spans="14:14">
      <c r="N861005" s="10"/>
    </row>
    <row r="861006" spans="14:14">
      <c r="N861006" s="10"/>
    </row>
    <row r="861007" spans="14:14">
      <c r="N861007" s="10"/>
    </row>
    <row r="861008" spans="14:14">
      <c r="N861008" s="10"/>
    </row>
    <row r="861009" spans="14:14">
      <c r="N861009" s="10"/>
    </row>
    <row r="861010" spans="14:14">
      <c r="N861010" s="10"/>
    </row>
    <row r="861011" spans="14:14">
      <c r="N861011" s="10"/>
    </row>
    <row r="861012" spans="14:14">
      <c r="N861012" s="10"/>
    </row>
    <row r="861013" spans="14:14">
      <c r="N861013" s="10"/>
    </row>
    <row r="861014" spans="14:14">
      <c r="N861014" s="10"/>
    </row>
    <row r="861015" spans="14:14">
      <c r="N861015" s="10"/>
    </row>
    <row r="861016" spans="14:14">
      <c r="N861016" s="10"/>
    </row>
    <row r="861017" spans="14:14">
      <c r="N861017" s="10"/>
    </row>
    <row r="861018" spans="14:14">
      <c r="N861018" s="10"/>
    </row>
    <row r="861019" spans="14:14">
      <c r="N861019" s="10"/>
    </row>
    <row r="861020" spans="14:14">
      <c r="N861020" s="10"/>
    </row>
    <row r="861021" spans="14:14">
      <c r="N861021" s="10"/>
    </row>
    <row r="861022" spans="14:14">
      <c r="N861022" s="10"/>
    </row>
    <row r="861023" spans="14:14">
      <c r="N861023" s="10"/>
    </row>
    <row r="861024" spans="14:14">
      <c r="N861024" s="10"/>
    </row>
    <row r="861025" spans="14:14">
      <c r="N861025" s="10"/>
    </row>
    <row r="861026" spans="14:14">
      <c r="N861026" s="10"/>
    </row>
    <row r="861027" spans="14:14">
      <c r="N861027" s="10"/>
    </row>
    <row r="861028" spans="14:14">
      <c r="N861028" s="10"/>
    </row>
    <row r="861029" spans="14:14">
      <c r="N861029" s="10"/>
    </row>
    <row r="861030" spans="14:14">
      <c r="N861030" s="10"/>
    </row>
    <row r="861031" spans="14:14">
      <c r="N861031" s="10"/>
    </row>
    <row r="861032" spans="14:14">
      <c r="N861032" s="10"/>
    </row>
    <row r="861033" spans="14:14">
      <c r="N861033" s="10"/>
    </row>
    <row r="861034" spans="14:14">
      <c r="N861034" s="10"/>
    </row>
    <row r="861035" spans="14:14">
      <c r="N861035" s="10"/>
    </row>
    <row r="861036" spans="14:14">
      <c r="N861036" s="10"/>
    </row>
    <row r="861037" spans="14:14">
      <c r="N861037" s="10"/>
    </row>
    <row r="861038" spans="14:14">
      <c r="N861038" s="10"/>
    </row>
    <row r="861039" spans="14:14">
      <c r="N861039" s="10"/>
    </row>
    <row r="861040" spans="14:14">
      <c r="N861040" s="10"/>
    </row>
    <row r="861041" spans="14:14">
      <c r="N861041" s="10"/>
    </row>
    <row r="861042" spans="14:14">
      <c r="N861042" s="10"/>
    </row>
    <row r="861043" spans="14:14">
      <c r="N861043" s="10"/>
    </row>
    <row r="861044" spans="14:14">
      <c r="N861044" s="10"/>
    </row>
    <row r="861045" spans="14:14">
      <c r="N861045" s="10"/>
    </row>
    <row r="861046" spans="14:14">
      <c r="N861046" s="10"/>
    </row>
    <row r="861047" spans="14:14">
      <c r="N861047" s="10"/>
    </row>
    <row r="861048" spans="14:14">
      <c r="N861048" s="10"/>
    </row>
    <row r="861049" spans="14:14">
      <c r="N861049" s="10"/>
    </row>
    <row r="861050" spans="14:14">
      <c r="N861050" s="10"/>
    </row>
    <row r="861051" spans="14:14">
      <c r="N861051" s="10"/>
    </row>
    <row r="861052" spans="14:14">
      <c r="N861052" s="10"/>
    </row>
    <row r="861053" spans="14:14">
      <c r="N861053" s="10"/>
    </row>
    <row r="861054" spans="14:14">
      <c r="N861054" s="10"/>
    </row>
    <row r="861055" spans="14:14">
      <c r="N861055" s="10"/>
    </row>
    <row r="861056" spans="14:14">
      <c r="N861056" s="10"/>
    </row>
    <row r="861057" spans="14:14">
      <c r="N861057" s="10"/>
    </row>
    <row r="861058" spans="14:14">
      <c r="N861058" s="10"/>
    </row>
    <row r="861059" spans="14:14">
      <c r="N861059" s="10"/>
    </row>
    <row r="861060" spans="14:14">
      <c r="N861060" s="10"/>
    </row>
    <row r="861061" spans="14:14">
      <c r="N861061" s="10"/>
    </row>
    <row r="861062" spans="14:14">
      <c r="N861062" s="10"/>
    </row>
    <row r="861063" spans="14:14">
      <c r="N861063" s="10"/>
    </row>
    <row r="861064" spans="14:14">
      <c r="N861064" s="10"/>
    </row>
    <row r="861065" spans="14:14">
      <c r="N861065" s="10"/>
    </row>
    <row r="861066" spans="14:14">
      <c r="N861066" s="10"/>
    </row>
    <row r="861067" spans="14:14">
      <c r="N861067" s="10"/>
    </row>
    <row r="861068" spans="14:14">
      <c r="N861068" s="10"/>
    </row>
    <row r="861069" spans="14:14">
      <c r="N861069" s="10"/>
    </row>
    <row r="861070" spans="14:14">
      <c r="N861070" s="10"/>
    </row>
    <row r="861071" spans="14:14">
      <c r="N861071" s="10"/>
    </row>
    <row r="861072" spans="14:14">
      <c r="N861072" s="10"/>
    </row>
    <row r="861073" spans="14:14">
      <c r="N861073" s="10"/>
    </row>
    <row r="861074" spans="14:14">
      <c r="N861074" s="10"/>
    </row>
    <row r="861075" spans="14:14">
      <c r="N861075" s="10"/>
    </row>
    <row r="861076" spans="14:14">
      <c r="N861076" s="10"/>
    </row>
    <row r="861077" spans="14:14">
      <c r="N861077" s="10"/>
    </row>
    <row r="861078" spans="14:14">
      <c r="N861078" s="10"/>
    </row>
    <row r="861079" spans="14:14">
      <c r="N861079" s="10"/>
    </row>
    <row r="861080" spans="14:14">
      <c r="N861080" s="10"/>
    </row>
    <row r="861081" spans="14:14">
      <c r="N861081" s="10"/>
    </row>
    <row r="861082" spans="14:14">
      <c r="N861082" s="10"/>
    </row>
    <row r="861083" spans="14:14">
      <c r="N861083" s="10"/>
    </row>
    <row r="861084" spans="14:14">
      <c r="N861084" s="10"/>
    </row>
    <row r="861085" spans="14:14">
      <c r="N861085" s="10"/>
    </row>
    <row r="861086" spans="14:14">
      <c r="N861086" s="10"/>
    </row>
    <row r="861087" spans="14:14">
      <c r="N861087" s="10"/>
    </row>
    <row r="861088" spans="14:14">
      <c r="N861088" s="10"/>
    </row>
    <row r="861089" spans="14:14">
      <c r="N861089" s="10"/>
    </row>
    <row r="861090" spans="14:14">
      <c r="N861090" s="10"/>
    </row>
    <row r="861091" spans="14:14">
      <c r="N861091" s="10"/>
    </row>
    <row r="861092" spans="14:14">
      <c r="N861092" s="10"/>
    </row>
    <row r="861093" spans="14:14">
      <c r="N861093" s="10"/>
    </row>
    <row r="861094" spans="14:14">
      <c r="N861094" s="10"/>
    </row>
    <row r="861095" spans="14:14">
      <c r="N861095" s="10"/>
    </row>
    <row r="861096" spans="14:14">
      <c r="N861096" s="10"/>
    </row>
    <row r="861097" spans="14:14">
      <c r="N861097" s="10"/>
    </row>
    <row r="861098" spans="14:14">
      <c r="N861098" s="10"/>
    </row>
    <row r="861099" spans="14:14">
      <c r="N861099" s="10"/>
    </row>
    <row r="861100" spans="14:14">
      <c r="N861100" s="10"/>
    </row>
    <row r="861101" spans="14:14">
      <c r="N861101" s="10"/>
    </row>
    <row r="861102" spans="14:14">
      <c r="N861102" s="10"/>
    </row>
    <row r="861103" spans="14:14">
      <c r="N861103" s="10"/>
    </row>
    <row r="861104" spans="14:14">
      <c r="N861104" s="10"/>
    </row>
    <row r="861105" spans="14:14">
      <c r="N861105" s="10"/>
    </row>
    <row r="861106" spans="14:14">
      <c r="N861106" s="10"/>
    </row>
    <row r="861107" spans="14:14">
      <c r="N861107" s="10"/>
    </row>
    <row r="861108" spans="14:14">
      <c r="N861108" s="10"/>
    </row>
    <row r="861109" spans="14:14">
      <c r="N861109" s="10"/>
    </row>
    <row r="861110" spans="14:14">
      <c r="N861110" s="10"/>
    </row>
    <row r="861111" spans="14:14">
      <c r="N861111" s="10"/>
    </row>
    <row r="861112" spans="14:14">
      <c r="N861112" s="10"/>
    </row>
    <row r="861113" spans="14:14">
      <c r="N861113" s="10"/>
    </row>
    <row r="861114" spans="14:14">
      <c r="N861114" s="10"/>
    </row>
    <row r="861115" spans="14:14">
      <c r="N861115" s="10"/>
    </row>
    <row r="861116" spans="14:14">
      <c r="N861116" s="10"/>
    </row>
    <row r="861117" spans="14:14">
      <c r="N861117" s="10"/>
    </row>
    <row r="861118" spans="14:14">
      <c r="N861118" s="10"/>
    </row>
    <row r="861119" spans="14:14">
      <c r="N861119" s="10"/>
    </row>
    <row r="861120" spans="14:14">
      <c r="N861120" s="10"/>
    </row>
    <row r="861121" spans="14:14">
      <c r="N861121" s="10"/>
    </row>
    <row r="861122" spans="14:14">
      <c r="N861122" s="10"/>
    </row>
    <row r="861123" spans="14:14">
      <c r="N861123" s="10"/>
    </row>
    <row r="861124" spans="14:14">
      <c r="N861124" s="10"/>
    </row>
    <row r="861125" spans="14:14">
      <c r="N861125" s="10"/>
    </row>
    <row r="861126" spans="14:14">
      <c r="N861126" s="10"/>
    </row>
    <row r="861127" spans="14:14">
      <c r="N861127" s="10"/>
    </row>
    <row r="861128" spans="14:14">
      <c r="N861128" s="10"/>
    </row>
    <row r="861129" spans="14:14">
      <c r="N861129" s="10"/>
    </row>
    <row r="861130" spans="14:14">
      <c r="N861130" s="10"/>
    </row>
    <row r="861131" spans="14:14">
      <c r="N861131" s="10"/>
    </row>
    <row r="861132" spans="14:14">
      <c r="N861132" s="10"/>
    </row>
    <row r="861133" spans="14:14">
      <c r="N861133" s="10"/>
    </row>
    <row r="861134" spans="14:14">
      <c r="N861134" s="10"/>
    </row>
    <row r="861135" spans="14:14">
      <c r="N861135" s="10"/>
    </row>
    <row r="861136" spans="14:14">
      <c r="N861136" s="10"/>
    </row>
    <row r="861137" spans="14:14">
      <c r="N861137" s="10"/>
    </row>
    <row r="861138" spans="14:14">
      <c r="N861138" s="10"/>
    </row>
    <row r="861139" spans="14:14">
      <c r="N861139" s="10"/>
    </row>
    <row r="861140" spans="14:14">
      <c r="N861140" s="10"/>
    </row>
    <row r="861141" spans="14:14">
      <c r="N861141" s="10"/>
    </row>
    <row r="861142" spans="14:14">
      <c r="N861142" s="10"/>
    </row>
    <row r="861143" spans="14:14">
      <c r="N861143" s="10"/>
    </row>
    <row r="861144" spans="14:14">
      <c r="N861144" s="10"/>
    </row>
    <row r="861145" spans="14:14">
      <c r="N861145" s="10"/>
    </row>
    <row r="861146" spans="14:14">
      <c r="N861146" s="10"/>
    </row>
    <row r="861147" spans="14:14">
      <c r="N861147" s="10"/>
    </row>
    <row r="861148" spans="14:14">
      <c r="N861148" s="10"/>
    </row>
    <row r="861149" spans="14:14">
      <c r="N861149" s="10"/>
    </row>
    <row r="861150" spans="14:14">
      <c r="N861150" s="10"/>
    </row>
    <row r="861151" spans="14:14">
      <c r="N861151" s="10"/>
    </row>
    <row r="861152" spans="14:14">
      <c r="N861152" s="10"/>
    </row>
    <row r="861153" spans="14:14">
      <c r="N861153" s="10"/>
    </row>
    <row r="861154" spans="14:14">
      <c r="N861154" s="10"/>
    </row>
    <row r="861155" spans="14:14">
      <c r="N861155" s="10"/>
    </row>
    <row r="861156" spans="14:14">
      <c r="N861156" s="10"/>
    </row>
    <row r="861157" spans="14:14">
      <c r="N861157" s="10"/>
    </row>
    <row r="861158" spans="14:14">
      <c r="N861158" s="10"/>
    </row>
    <row r="861159" spans="14:14">
      <c r="N861159" s="10"/>
    </row>
    <row r="861160" spans="14:14">
      <c r="N861160" s="10"/>
    </row>
    <row r="861161" spans="14:14">
      <c r="N861161" s="10"/>
    </row>
    <row r="861162" spans="14:14">
      <c r="N861162" s="10"/>
    </row>
    <row r="861163" spans="14:14">
      <c r="N861163" s="10"/>
    </row>
    <row r="861164" spans="14:14">
      <c r="N861164" s="10"/>
    </row>
    <row r="861165" spans="14:14">
      <c r="N861165" s="10"/>
    </row>
    <row r="861166" spans="14:14">
      <c r="N861166" s="10"/>
    </row>
    <row r="861167" spans="14:14">
      <c r="N861167" s="10"/>
    </row>
    <row r="861168" spans="14:14">
      <c r="N861168" s="10"/>
    </row>
    <row r="861169" spans="14:14">
      <c r="N861169" s="10"/>
    </row>
    <row r="861170" spans="14:14">
      <c r="N861170" s="10"/>
    </row>
    <row r="861171" spans="14:14">
      <c r="N861171" s="10"/>
    </row>
    <row r="861172" spans="14:14">
      <c r="N861172" s="10"/>
    </row>
    <row r="861173" spans="14:14">
      <c r="N861173" s="10"/>
    </row>
    <row r="861174" spans="14:14">
      <c r="N861174" s="10"/>
    </row>
    <row r="861175" spans="14:14">
      <c r="N861175" s="10"/>
    </row>
    <row r="861176" spans="14:14">
      <c r="N861176" s="10"/>
    </row>
    <row r="861177" spans="14:14">
      <c r="N861177" s="10"/>
    </row>
    <row r="861178" spans="14:14">
      <c r="N861178" s="10"/>
    </row>
    <row r="861179" spans="14:14">
      <c r="N861179" s="10"/>
    </row>
    <row r="861180" spans="14:14">
      <c r="N861180" s="10"/>
    </row>
    <row r="861181" spans="14:14">
      <c r="N861181" s="10"/>
    </row>
    <row r="861182" spans="14:14">
      <c r="N861182" s="10"/>
    </row>
    <row r="861183" spans="14:14">
      <c r="N861183" s="10"/>
    </row>
    <row r="861184" spans="14:14">
      <c r="N861184" s="10"/>
    </row>
    <row r="861185" spans="14:14">
      <c r="N861185" s="10"/>
    </row>
    <row r="861186" spans="14:14">
      <c r="N861186" s="10"/>
    </row>
    <row r="861187" spans="14:14">
      <c r="N861187" s="10"/>
    </row>
    <row r="861188" spans="14:14">
      <c r="N861188" s="10"/>
    </row>
    <row r="861189" spans="14:14">
      <c r="N861189" s="10"/>
    </row>
    <row r="861190" spans="14:14">
      <c r="N861190" s="10"/>
    </row>
    <row r="861191" spans="14:14">
      <c r="N861191" s="10"/>
    </row>
    <row r="861192" spans="14:14">
      <c r="N861192" s="10"/>
    </row>
    <row r="861193" spans="14:14">
      <c r="N861193" s="10"/>
    </row>
    <row r="861194" spans="14:14">
      <c r="N861194" s="10"/>
    </row>
    <row r="861195" spans="14:14">
      <c r="N861195" s="10"/>
    </row>
    <row r="861196" spans="14:14">
      <c r="N861196" s="10"/>
    </row>
    <row r="861197" spans="14:14">
      <c r="N861197" s="10"/>
    </row>
    <row r="861198" spans="14:14">
      <c r="N861198" s="10"/>
    </row>
    <row r="861199" spans="14:14">
      <c r="N861199" s="10"/>
    </row>
    <row r="861200" spans="14:14">
      <c r="N861200" s="10"/>
    </row>
    <row r="861201" spans="14:14">
      <c r="N861201" s="10"/>
    </row>
    <row r="861202" spans="14:14">
      <c r="N861202" s="10"/>
    </row>
    <row r="861203" spans="14:14">
      <c r="N861203" s="10"/>
    </row>
    <row r="861204" spans="14:14">
      <c r="N861204" s="10"/>
    </row>
    <row r="861205" spans="14:14">
      <c r="N861205" s="10"/>
    </row>
    <row r="861206" spans="14:14">
      <c r="N861206" s="10"/>
    </row>
    <row r="861207" spans="14:14">
      <c r="N861207" s="10"/>
    </row>
    <row r="861208" spans="14:14">
      <c r="N861208" s="10"/>
    </row>
    <row r="861209" spans="14:14">
      <c r="N861209" s="10"/>
    </row>
    <row r="861210" spans="14:14">
      <c r="N861210" s="10"/>
    </row>
    <row r="861211" spans="14:14">
      <c r="N861211" s="10"/>
    </row>
    <row r="861212" spans="14:14">
      <c r="N861212" s="10"/>
    </row>
    <row r="861213" spans="14:14">
      <c r="N861213" s="10"/>
    </row>
    <row r="861214" spans="14:14">
      <c r="N861214" s="10"/>
    </row>
    <row r="861215" spans="14:14">
      <c r="N861215" s="10"/>
    </row>
    <row r="861216" spans="14:14">
      <c r="N861216" s="10"/>
    </row>
    <row r="861217" spans="14:14">
      <c r="N861217" s="10"/>
    </row>
    <row r="861218" spans="14:14">
      <c r="N861218" s="10"/>
    </row>
    <row r="861219" spans="14:14">
      <c r="N861219" s="10"/>
    </row>
    <row r="861220" spans="14:14">
      <c r="N861220" s="10"/>
    </row>
    <row r="861221" spans="14:14">
      <c r="N861221" s="10"/>
    </row>
    <row r="861222" spans="14:14">
      <c r="N861222" s="10"/>
    </row>
    <row r="861223" spans="14:14">
      <c r="N861223" s="10"/>
    </row>
    <row r="861224" spans="14:14">
      <c r="N861224" s="10"/>
    </row>
    <row r="861225" spans="14:14">
      <c r="N861225" s="10"/>
    </row>
    <row r="861226" spans="14:14">
      <c r="N861226" s="10"/>
    </row>
    <row r="861227" spans="14:14">
      <c r="N861227" s="10"/>
    </row>
    <row r="861228" spans="14:14">
      <c r="N861228" s="10"/>
    </row>
    <row r="861229" spans="14:14">
      <c r="N861229" s="10"/>
    </row>
    <row r="861230" spans="14:14">
      <c r="N861230" s="10"/>
    </row>
    <row r="861231" spans="14:14">
      <c r="N861231" s="10"/>
    </row>
    <row r="861232" spans="14:14">
      <c r="N861232" s="10"/>
    </row>
    <row r="861233" spans="14:14">
      <c r="N861233" s="10"/>
    </row>
    <row r="861234" spans="14:14">
      <c r="N861234" s="10"/>
    </row>
    <row r="861235" spans="14:14">
      <c r="N861235" s="10"/>
    </row>
    <row r="861236" spans="14:14">
      <c r="N861236" s="10"/>
    </row>
    <row r="861237" spans="14:14">
      <c r="N861237" s="10"/>
    </row>
    <row r="861238" spans="14:14">
      <c r="N861238" s="10"/>
    </row>
    <row r="861239" spans="14:14">
      <c r="N861239" s="10"/>
    </row>
    <row r="861240" spans="14:14">
      <c r="N861240" s="10"/>
    </row>
    <row r="861241" spans="14:14">
      <c r="N861241" s="10"/>
    </row>
    <row r="861242" spans="14:14">
      <c r="N861242" s="10"/>
    </row>
    <row r="861243" spans="14:14">
      <c r="N861243" s="10"/>
    </row>
    <row r="861244" spans="14:14">
      <c r="N861244" s="10"/>
    </row>
    <row r="861245" spans="14:14">
      <c r="N861245" s="10"/>
    </row>
    <row r="861246" spans="14:14">
      <c r="N861246" s="10"/>
    </row>
    <row r="861247" spans="14:14">
      <c r="N861247" s="10"/>
    </row>
    <row r="861248" spans="14:14">
      <c r="N861248" s="10"/>
    </row>
    <row r="861249" spans="14:14">
      <c r="N861249" s="10"/>
    </row>
    <row r="861250" spans="14:14">
      <c r="N861250" s="10"/>
    </row>
    <row r="861251" spans="14:14">
      <c r="N861251" s="10"/>
    </row>
    <row r="861252" spans="14:14">
      <c r="N861252" s="10"/>
    </row>
    <row r="861253" spans="14:14">
      <c r="N861253" s="10"/>
    </row>
    <row r="861254" spans="14:14">
      <c r="N861254" s="10"/>
    </row>
    <row r="861255" spans="14:14">
      <c r="N861255" s="10"/>
    </row>
    <row r="861256" spans="14:14">
      <c r="N861256" s="10"/>
    </row>
    <row r="861257" spans="14:14">
      <c r="N861257" s="10"/>
    </row>
    <row r="861258" spans="14:14">
      <c r="N861258" s="10"/>
    </row>
    <row r="861259" spans="14:14">
      <c r="N861259" s="10"/>
    </row>
    <row r="861260" spans="14:14">
      <c r="N861260" s="10"/>
    </row>
    <row r="861261" spans="14:14">
      <c r="N861261" s="10"/>
    </row>
    <row r="861262" spans="14:14">
      <c r="N861262" s="10"/>
    </row>
    <row r="861263" spans="14:14">
      <c r="N861263" s="10"/>
    </row>
    <row r="861264" spans="14:14">
      <c r="N861264" s="10"/>
    </row>
    <row r="861265" spans="14:14">
      <c r="N861265" s="10"/>
    </row>
    <row r="861266" spans="14:14">
      <c r="N861266" s="10"/>
    </row>
    <row r="861267" spans="14:14">
      <c r="N861267" s="10"/>
    </row>
    <row r="861268" spans="14:14">
      <c r="N861268" s="10"/>
    </row>
    <row r="861269" spans="14:14">
      <c r="N861269" s="10"/>
    </row>
    <row r="861270" spans="14:14">
      <c r="N861270" s="10"/>
    </row>
    <row r="861271" spans="14:14">
      <c r="N861271" s="10"/>
    </row>
    <row r="861272" spans="14:14">
      <c r="N861272" s="10"/>
    </row>
    <row r="861273" spans="14:14">
      <c r="N861273" s="10"/>
    </row>
    <row r="861274" spans="14:14">
      <c r="N861274" s="10"/>
    </row>
    <row r="861275" spans="14:14">
      <c r="N861275" s="10"/>
    </row>
    <row r="861276" spans="14:14">
      <c r="N861276" s="10"/>
    </row>
    <row r="861277" spans="14:14">
      <c r="N861277" s="10"/>
    </row>
    <row r="861278" spans="14:14">
      <c r="N861278" s="10"/>
    </row>
    <row r="861279" spans="14:14">
      <c r="N861279" s="10"/>
    </row>
    <row r="861280" spans="14:14">
      <c r="N861280" s="10"/>
    </row>
    <row r="861281" spans="14:14">
      <c r="N861281" s="10"/>
    </row>
    <row r="861282" spans="14:14">
      <c r="N861282" s="10"/>
    </row>
    <row r="861283" spans="14:14">
      <c r="N861283" s="10"/>
    </row>
    <row r="861284" spans="14:14">
      <c r="N861284" s="10"/>
    </row>
    <row r="861285" spans="14:14">
      <c r="N861285" s="10"/>
    </row>
    <row r="861286" spans="14:14">
      <c r="N861286" s="10"/>
    </row>
    <row r="861287" spans="14:14">
      <c r="N861287" s="10"/>
    </row>
    <row r="861288" spans="14:14">
      <c r="N861288" s="10"/>
    </row>
    <row r="861289" spans="14:14">
      <c r="N861289" s="10"/>
    </row>
    <row r="861290" spans="14:14">
      <c r="N861290" s="10"/>
    </row>
    <row r="861291" spans="14:14">
      <c r="N861291" s="10"/>
    </row>
    <row r="861292" spans="14:14">
      <c r="N861292" s="10"/>
    </row>
    <row r="861293" spans="14:14">
      <c r="N861293" s="10"/>
    </row>
    <row r="861294" spans="14:14">
      <c r="N861294" s="10"/>
    </row>
    <row r="861295" spans="14:14">
      <c r="N861295" s="10"/>
    </row>
    <row r="861296" spans="14:14">
      <c r="N861296" s="10"/>
    </row>
    <row r="861297" spans="14:14">
      <c r="N861297" s="10"/>
    </row>
    <row r="861298" spans="14:14">
      <c r="N861298" s="10"/>
    </row>
    <row r="861299" spans="14:14">
      <c r="N861299" s="10"/>
    </row>
    <row r="861300" spans="14:14">
      <c r="N861300" s="10"/>
    </row>
    <row r="861301" spans="14:14">
      <c r="N861301" s="10"/>
    </row>
    <row r="861302" spans="14:14">
      <c r="N861302" s="10"/>
    </row>
    <row r="861303" spans="14:14">
      <c r="N861303" s="10"/>
    </row>
    <row r="861304" spans="14:14">
      <c r="N861304" s="10"/>
    </row>
    <row r="861305" spans="14:14">
      <c r="N861305" s="10"/>
    </row>
    <row r="861306" spans="14:14">
      <c r="N861306" s="10"/>
    </row>
    <row r="861307" spans="14:14">
      <c r="N861307" s="10"/>
    </row>
    <row r="861308" spans="14:14">
      <c r="N861308" s="10"/>
    </row>
    <row r="861309" spans="14:14">
      <c r="N861309" s="10"/>
    </row>
    <row r="861310" spans="14:14">
      <c r="N861310" s="10"/>
    </row>
    <row r="861311" spans="14:14">
      <c r="N861311" s="10"/>
    </row>
    <row r="861312" spans="14:14">
      <c r="N861312" s="10"/>
    </row>
    <row r="861313" spans="14:14">
      <c r="N861313" s="10"/>
    </row>
    <row r="861314" spans="14:14">
      <c r="N861314" s="10"/>
    </row>
    <row r="861315" spans="14:14">
      <c r="N861315" s="10"/>
    </row>
    <row r="861316" spans="14:14">
      <c r="N861316" s="10"/>
    </row>
    <row r="861317" spans="14:14">
      <c r="N861317" s="10"/>
    </row>
    <row r="861318" spans="14:14">
      <c r="N861318" s="10"/>
    </row>
    <row r="861319" spans="14:14">
      <c r="N861319" s="10"/>
    </row>
    <row r="861320" spans="14:14">
      <c r="N861320" s="10"/>
    </row>
    <row r="861321" spans="14:14">
      <c r="N861321" s="10"/>
    </row>
    <row r="861322" spans="14:14">
      <c r="N861322" s="10"/>
    </row>
    <row r="861323" spans="14:14">
      <c r="N861323" s="10"/>
    </row>
    <row r="861324" spans="14:14">
      <c r="N861324" s="10"/>
    </row>
    <row r="861325" spans="14:14">
      <c r="N861325" s="10"/>
    </row>
    <row r="861326" spans="14:14">
      <c r="N861326" s="10"/>
    </row>
    <row r="861327" spans="14:14">
      <c r="N861327" s="10"/>
    </row>
    <row r="861328" spans="14:14">
      <c r="N861328" s="10"/>
    </row>
    <row r="861329" spans="14:14">
      <c r="N861329" s="10"/>
    </row>
    <row r="861330" spans="14:14">
      <c r="N861330" s="10"/>
    </row>
    <row r="861331" spans="14:14">
      <c r="N861331" s="10"/>
    </row>
    <row r="861332" spans="14:14">
      <c r="N861332" s="10"/>
    </row>
    <row r="861333" spans="14:14">
      <c r="N861333" s="10"/>
    </row>
    <row r="861334" spans="14:14">
      <c r="N861334" s="10"/>
    </row>
    <row r="861335" spans="14:14">
      <c r="N861335" s="10"/>
    </row>
    <row r="861336" spans="14:14">
      <c r="N861336" s="10"/>
    </row>
    <row r="861337" spans="14:14">
      <c r="N861337" s="10"/>
    </row>
    <row r="861338" spans="14:14">
      <c r="N861338" s="10"/>
    </row>
    <row r="861339" spans="14:14">
      <c r="N861339" s="10"/>
    </row>
    <row r="861340" spans="14:14">
      <c r="N861340" s="10"/>
    </row>
    <row r="861341" spans="14:14">
      <c r="N861341" s="10"/>
    </row>
    <row r="861342" spans="14:14">
      <c r="N861342" s="10"/>
    </row>
    <row r="861343" spans="14:14">
      <c r="N861343" s="10"/>
    </row>
    <row r="861344" spans="14:14">
      <c r="N861344" s="10"/>
    </row>
    <row r="861345" spans="14:14">
      <c r="N861345" s="10"/>
    </row>
    <row r="861346" spans="14:14">
      <c r="N861346" s="10"/>
    </row>
    <row r="861347" spans="14:14">
      <c r="N861347" s="10"/>
    </row>
    <row r="861348" spans="14:14">
      <c r="N861348" s="10"/>
    </row>
    <row r="861349" spans="14:14">
      <c r="N861349" s="10"/>
    </row>
    <row r="861350" spans="14:14">
      <c r="N861350" s="10"/>
    </row>
    <row r="861351" spans="14:14">
      <c r="N861351" s="10"/>
    </row>
    <row r="861352" spans="14:14">
      <c r="N861352" s="10"/>
    </row>
    <row r="861353" spans="14:14">
      <c r="N861353" s="10"/>
    </row>
    <row r="861354" spans="14:14">
      <c r="N861354" s="10"/>
    </row>
    <row r="861355" spans="14:14">
      <c r="N861355" s="10"/>
    </row>
    <row r="861356" spans="14:14">
      <c r="N861356" s="10"/>
    </row>
    <row r="861357" spans="14:14">
      <c r="N861357" s="10"/>
    </row>
    <row r="861358" spans="14:14">
      <c r="N861358" s="10"/>
    </row>
    <row r="861359" spans="14:14">
      <c r="N861359" s="10"/>
    </row>
    <row r="861360" spans="14:14">
      <c r="N861360" s="10"/>
    </row>
    <row r="861361" spans="14:14">
      <c r="N861361" s="10"/>
    </row>
    <row r="861362" spans="14:14">
      <c r="N861362" s="10"/>
    </row>
    <row r="861363" spans="14:14">
      <c r="N861363" s="10"/>
    </row>
    <row r="861364" spans="14:14">
      <c r="N861364" s="10"/>
    </row>
    <row r="861365" spans="14:14">
      <c r="N861365" s="10"/>
    </row>
    <row r="861366" spans="14:14">
      <c r="N861366" s="10"/>
    </row>
    <row r="861367" spans="14:14">
      <c r="N861367" s="10"/>
    </row>
    <row r="861368" spans="14:14">
      <c r="N861368" s="10"/>
    </row>
    <row r="861369" spans="14:14">
      <c r="N861369" s="10"/>
    </row>
    <row r="861370" spans="14:14">
      <c r="N861370" s="10"/>
    </row>
    <row r="861371" spans="14:14">
      <c r="N861371" s="10"/>
    </row>
    <row r="861372" spans="14:14">
      <c r="N861372" s="10"/>
    </row>
    <row r="861373" spans="14:14">
      <c r="N861373" s="10"/>
    </row>
    <row r="861374" spans="14:14">
      <c r="N861374" s="10"/>
    </row>
    <row r="861375" spans="14:14">
      <c r="N861375" s="10"/>
    </row>
    <row r="861376" spans="14:14">
      <c r="N861376" s="10"/>
    </row>
    <row r="861377" spans="14:14">
      <c r="N861377" s="10"/>
    </row>
    <row r="861378" spans="14:14">
      <c r="N861378" s="10"/>
    </row>
    <row r="861379" spans="14:14">
      <c r="N861379" s="10"/>
    </row>
    <row r="861380" spans="14:14">
      <c r="N861380" s="10"/>
    </row>
    <row r="861381" spans="14:14">
      <c r="N861381" s="10"/>
    </row>
    <row r="861382" spans="14:14">
      <c r="N861382" s="10"/>
    </row>
    <row r="861383" spans="14:14">
      <c r="N861383" s="10"/>
    </row>
    <row r="861384" spans="14:14">
      <c r="N861384" s="10"/>
    </row>
    <row r="861385" spans="14:14">
      <c r="N861385" s="10"/>
    </row>
    <row r="861386" spans="14:14">
      <c r="N861386" s="10"/>
    </row>
    <row r="861387" spans="14:14">
      <c r="N861387" s="10"/>
    </row>
    <row r="861388" spans="14:14">
      <c r="N861388" s="10"/>
    </row>
    <row r="861389" spans="14:14">
      <c r="N861389" s="10"/>
    </row>
    <row r="861390" spans="14:14">
      <c r="N861390" s="10"/>
    </row>
    <row r="861391" spans="14:14">
      <c r="N861391" s="10"/>
    </row>
    <row r="861392" spans="14:14">
      <c r="N861392" s="10"/>
    </row>
    <row r="861393" spans="14:14">
      <c r="N861393" s="10"/>
    </row>
    <row r="861394" spans="14:14">
      <c r="N861394" s="10"/>
    </row>
    <row r="861395" spans="14:14">
      <c r="N861395" s="10"/>
    </row>
    <row r="861396" spans="14:14">
      <c r="N861396" s="10"/>
    </row>
    <row r="861397" spans="14:14">
      <c r="N861397" s="10"/>
    </row>
    <row r="861398" spans="14:14">
      <c r="N861398" s="10"/>
    </row>
    <row r="861399" spans="14:14">
      <c r="N861399" s="10"/>
    </row>
    <row r="861400" spans="14:14">
      <c r="N861400" s="10"/>
    </row>
    <row r="861401" spans="14:14">
      <c r="N861401" s="10"/>
    </row>
    <row r="861402" spans="14:14">
      <c r="N861402" s="10"/>
    </row>
    <row r="861403" spans="14:14">
      <c r="N861403" s="10"/>
    </row>
    <row r="861404" spans="14:14">
      <c r="N861404" s="10"/>
    </row>
    <row r="861405" spans="14:14">
      <c r="N861405" s="10"/>
    </row>
    <row r="861406" spans="14:14">
      <c r="N861406" s="10"/>
    </row>
    <row r="861407" spans="14:14">
      <c r="N861407" s="10"/>
    </row>
    <row r="861408" spans="14:14">
      <c r="N861408" s="10"/>
    </row>
    <row r="861409" spans="14:14">
      <c r="N861409" s="10"/>
    </row>
    <row r="861410" spans="14:14">
      <c r="N861410" s="10"/>
    </row>
    <row r="861411" spans="14:14">
      <c r="N861411" s="10"/>
    </row>
    <row r="861412" spans="14:14">
      <c r="N861412" s="10"/>
    </row>
    <row r="861413" spans="14:14">
      <c r="N861413" s="10"/>
    </row>
    <row r="861414" spans="14:14">
      <c r="N861414" s="10"/>
    </row>
    <row r="861415" spans="14:14">
      <c r="N861415" s="10"/>
    </row>
    <row r="861416" spans="14:14">
      <c r="N861416" s="10"/>
    </row>
    <row r="861417" spans="14:14">
      <c r="N861417" s="10"/>
    </row>
    <row r="861418" spans="14:14">
      <c r="N861418" s="10"/>
    </row>
    <row r="861419" spans="14:14">
      <c r="N861419" s="10"/>
    </row>
    <row r="861420" spans="14:14">
      <c r="N861420" s="10"/>
    </row>
    <row r="861421" spans="14:14">
      <c r="N861421" s="10"/>
    </row>
    <row r="861422" spans="14:14">
      <c r="N861422" s="10"/>
    </row>
    <row r="861423" spans="14:14">
      <c r="N861423" s="10"/>
    </row>
    <row r="861424" spans="14:14">
      <c r="N861424" s="10"/>
    </row>
    <row r="861425" spans="14:14">
      <c r="N861425" s="10"/>
    </row>
    <row r="861426" spans="14:14">
      <c r="N861426" s="10"/>
    </row>
    <row r="861427" spans="14:14">
      <c r="N861427" s="10"/>
    </row>
    <row r="861428" spans="14:14">
      <c r="N861428" s="10"/>
    </row>
    <row r="861429" spans="14:14">
      <c r="N861429" s="10"/>
    </row>
    <row r="861430" spans="14:14">
      <c r="N861430" s="10"/>
    </row>
    <row r="861431" spans="14:14">
      <c r="N861431" s="10"/>
    </row>
    <row r="861432" spans="14:14">
      <c r="N861432" s="10"/>
    </row>
    <row r="861433" spans="14:14">
      <c r="N861433" s="10"/>
    </row>
    <row r="861434" spans="14:14">
      <c r="N861434" s="10"/>
    </row>
    <row r="861435" spans="14:14">
      <c r="N861435" s="10"/>
    </row>
    <row r="861436" spans="14:14">
      <c r="N861436" s="10"/>
    </row>
    <row r="861437" spans="14:14">
      <c r="N861437" s="10"/>
    </row>
    <row r="861438" spans="14:14">
      <c r="N861438" s="10"/>
    </row>
    <row r="861439" spans="14:14">
      <c r="N861439" s="10"/>
    </row>
    <row r="861440" spans="14:14">
      <c r="N861440" s="10"/>
    </row>
    <row r="861441" spans="14:14">
      <c r="N861441" s="10"/>
    </row>
    <row r="861442" spans="14:14">
      <c r="N861442" s="10"/>
    </row>
    <row r="861443" spans="14:14">
      <c r="N861443" s="10"/>
    </row>
    <row r="861444" spans="14:14">
      <c r="N861444" s="10"/>
    </row>
    <row r="861445" spans="14:14">
      <c r="N861445" s="10"/>
    </row>
    <row r="861446" spans="14:14">
      <c r="N861446" s="10"/>
    </row>
    <row r="861447" spans="14:14">
      <c r="N861447" s="10"/>
    </row>
    <row r="861448" spans="14:14">
      <c r="N861448" s="10"/>
    </row>
    <row r="861449" spans="14:14">
      <c r="N861449" s="10"/>
    </row>
    <row r="861450" spans="14:14">
      <c r="N861450" s="10"/>
    </row>
    <row r="861451" spans="14:14">
      <c r="N861451" s="10"/>
    </row>
    <row r="861452" spans="14:14">
      <c r="N861452" s="10"/>
    </row>
    <row r="861453" spans="14:14">
      <c r="N861453" s="10"/>
    </row>
    <row r="861454" spans="14:14">
      <c r="N861454" s="10"/>
    </row>
    <row r="861455" spans="14:14">
      <c r="N861455" s="10"/>
    </row>
    <row r="861456" spans="14:14">
      <c r="N861456" s="10"/>
    </row>
    <row r="861457" spans="14:14">
      <c r="N861457" s="10"/>
    </row>
    <row r="861458" spans="14:14">
      <c r="N861458" s="10"/>
    </row>
    <row r="861459" spans="14:14">
      <c r="N861459" s="10"/>
    </row>
    <row r="861460" spans="14:14">
      <c r="N861460" s="10"/>
    </row>
    <row r="861461" spans="14:14">
      <c r="N861461" s="10"/>
    </row>
    <row r="861462" spans="14:14">
      <c r="N861462" s="10"/>
    </row>
    <row r="861463" spans="14:14">
      <c r="N861463" s="10"/>
    </row>
    <row r="861464" spans="14:14">
      <c r="N861464" s="10"/>
    </row>
    <row r="861465" spans="14:14">
      <c r="N861465" s="10"/>
    </row>
    <row r="861466" spans="14:14">
      <c r="N861466" s="10"/>
    </row>
    <row r="861467" spans="14:14">
      <c r="N861467" s="10"/>
    </row>
    <row r="861468" spans="14:14">
      <c r="N861468" s="10"/>
    </row>
    <row r="861469" spans="14:14">
      <c r="N861469" s="10"/>
    </row>
    <row r="861470" spans="14:14">
      <c r="N861470" s="10"/>
    </row>
    <row r="861471" spans="14:14">
      <c r="N861471" s="10"/>
    </row>
    <row r="861472" spans="14:14">
      <c r="N861472" s="10"/>
    </row>
    <row r="861473" spans="14:14">
      <c r="N861473" s="10"/>
    </row>
    <row r="861474" spans="14:14">
      <c r="N861474" s="10"/>
    </row>
    <row r="861475" spans="14:14">
      <c r="N861475" s="10"/>
    </row>
    <row r="861476" spans="14:14">
      <c r="N861476" s="10"/>
    </row>
    <row r="861477" spans="14:14">
      <c r="N861477" s="10"/>
    </row>
    <row r="861478" spans="14:14">
      <c r="N861478" s="10"/>
    </row>
    <row r="861479" spans="14:14">
      <c r="N861479" s="10"/>
    </row>
    <row r="861480" spans="14:14">
      <c r="N861480" s="10"/>
    </row>
    <row r="861481" spans="14:14">
      <c r="N861481" s="10"/>
    </row>
    <row r="861482" spans="14:14">
      <c r="N861482" s="10"/>
    </row>
    <row r="861483" spans="14:14">
      <c r="N861483" s="10"/>
    </row>
    <row r="861484" spans="14:14">
      <c r="N861484" s="10"/>
    </row>
    <row r="861485" spans="14:14">
      <c r="N861485" s="10"/>
    </row>
    <row r="861486" spans="14:14">
      <c r="N861486" s="10"/>
    </row>
    <row r="861487" spans="14:14">
      <c r="N861487" s="10"/>
    </row>
    <row r="861488" spans="14:14">
      <c r="N861488" s="10"/>
    </row>
    <row r="861489" spans="14:14">
      <c r="N861489" s="10"/>
    </row>
    <row r="861490" spans="14:14">
      <c r="N861490" s="10"/>
    </row>
    <row r="861491" spans="14:14">
      <c r="N861491" s="10"/>
    </row>
    <row r="861492" spans="14:14">
      <c r="N861492" s="10"/>
    </row>
    <row r="861493" spans="14:14">
      <c r="N861493" s="10"/>
    </row>
    <row r="861494" spans="14:14">
      <c r="N861494" s="10"/>
    </row>
    <row r="861495" spans="14:14">
      <c r="N861495" s="10"/>
    </row>
    <row r="861496" spans="14:14">
      <c r="N861496" s="10"/>
    </row>
    <row r="861497" spans="14:14">
      <c r="N861497" s="10"/>
    </row>
    <row r="861498" spans="14:14">
      <c r="N861498" s="10"/>
    </row>
    <row r="861499" spans="14:14">
      <c r="N861499" s="10"/>
    </row>
    <row r="861500" spans="14:14">
      <c r="N861500" s="10"/>
    </row>
    <row r="861501" spans="14:14">
      <c r="N861501" s="10"/>
    </row>
    <row r="861502" spans="14:14">
      <c r="N861502" s="10"/>
    </row>
    <row r="861503" spans="14:14">
      <c r="N861503" s="10"/>
    </row>
    <row r="861504" spans="14:14">
      <c r="N861504" s="10"/>
    </row>
    <row r="861505" spans="14:14">
      <c r="N861505" s="10"/>
    </row>
    <row r="861506" spans="14:14">
      <c r="N861506" s="10"/>
    </row>
    <row r="861507" spans="14:14">
      <c r="N861507" s="10"/>
    </row>
    <row r="861508" spans="14:14">
      <c r="N861508" s="10"/>
    </row>
    <row r="861509" spans="14:14">
      <c r="N861509" s="10"/>
    </row>
    <row r="861510" spans="14:14">
      <c r="N861510" s="10"/>
    </row>
    <row r="861511" spans="14:14">
      <c r="N861511" s="10"/>
    </row>
    <row r="861512" spans="14:14">
      <c r="N861512" s="10"/>
    </row>
    <row r="861513" spans="14:14">
      <c r="N861513" s="10"/>
    </row>
    <row r="861514" spans="14:14">
      <c r="N861514" s="10"/>
    </row>
    <row r="861515" spans="14:14">
      <c r="N861515" s="10"/>
    </row>
    <row r="861516" spans="14:14">
      <c r="N861516" s="10"/>
    </row>
    <row r="861517" spans="14:14">
      <c r="N861517" s="10"/>
    </row>
    <row r="861518" spans="14:14">
      <c r="N861518" s="10"/>
    </row>
    <row r="861519" spans="14:14">
      <c r="N861519" s="10"/>
    </row>
    <row r="861520" spans="14:14">
      <c r="N861520" s="10"/>
    </row>
    <row r="861521" spans="14:14">
      <c r="N861521" s="10"/>
    </row>
    <row r="861522" spans="14:14">
      <c r="N861522" s="10"/>
    </row>
    <row r="861523" spans="14:14">
      <c r="N861523" s="10"/>
    </row>
    <row r="861524" spans="14:14">
      <c r="N861524" s="10"/>
    </row>
    <row r="861525" spans="14:14">
      <c r="N861525" s="10"/>
    </row>
    <row r="861526" spans="14:14">
      <c r="N861526" s="10"/>
    </row>
    <row r="861527" spans="14:14">
      <c r="N861527" s="10"/>
    </row>
    <row r="861528" spans="14:14">
      <c r="N861528" s="10"/>
    </row>
    <row r="861529" spans="14:14">
      <c r="N861529" s="10"/>
    </row>
    <row r="861530" spans="14:14">
      <c r="N861530" s="10"/>
    </row>
    <row r="861531" spans="14:14">
      <c r="N861531" s="10"/>
    </row>
    <row r="861532" spans="14:14">
      <c r="N861532" s="10"/>
    </row>
    <row r="861533" spans="14:14">
      <c r="N861533" s="10"/>
    </row>
    <row r="861534" spans="14:14">
      <c r="N861534" s="10"/>
    </row>
    <row r="861535" spans="14:14">
      <c r="N861535" s="10"/>
    </row>
    <row r="861536" spans="14:14">
      <c r="N861536" s="10"/>
    </row>
    <row r="861537" spans="14:14">
      <c r="N861537" s="10"/>
    </row>
    <row r="861538" spans="14:14">
      <c r="N861538" s="10"/>
    </row>
    <row r="861539" spans="14:14">
      <c r="N861539" s="10"/>
    </row>
    <row r="861540" spans="14:14">
      <c r="N861540" s="10"/>
    </row>
    <row r="861541" spans="14:14">
      <c r="N861541" s="10"/>
    </row>
    <row r="861542" spans="14:14">
      <c r="N861542" s="10"/>
    </row>
    <row r="861543" spans="14:14">
      <c r="N861543" s="10"/>
    </row>
    <row r="861544" spans="14:14">
      <c r="N861544" s="10"/>
    </row>
    <row r="861545" spans="14:14">
      <c r="N861545" s="10"/>
    </row>
    <row r="861546" spans="14:14">
      <c r="N861546" s="10"/>
    </row>
    <row r="861547" spans="14:14">
      <c r="N861547" s="10"/>
    </row>
    <row r="861548" spans="14:14">
      <c r="N861548" s="10"/>
    </row>
    <row r="861549" spans="14:14">
      <c r="N861549" s="10"/>
    </row>
    <row r="861550" spans="14:14">
      <c r="N861550" s="10"/>
    </row>
    <row r="861551" spans="14:14">
      <c r="N861551" s="10"/>
    </row>
    <row r="861552" spans="14:14">
      <c r="N861552" s="10"/>
    </row>
    <row r="861553" spans="14:14">
      <c r="N861553" s="10"/>
    </row>
    <row r="861554" spans="14:14">
      <c r="N861554" s="10"/>
    </row>
    <row r="861555" spans="14:14">
      <c r="N861555" s="10"/>
    </row>
    <row r="861556" spans="14:14">
      <c r="N861556" s="10"/>
    </row>
    <row r="861557" spans="14:14">
      <c r="N861557" s="10"/>
    </row>
    <row r="861558" spans="14:14">
      <c r="N861558" s="10"/>
    </row>
    <row r="861559" spans="14:14">
      <c r="N861559" s="10"/>
    </row>
    <row r="861560" spans="14:14">
      <c r="N861560" s="10"/>
    </row>
    <row r="861561" spans="14:14">
      <c r="N861561" s="10"/>
    </row>
    <row r="861562" spans="14:14">
      <c r="N861562" s="10"/>
    </row>
    <row r="861563" spans="14:14">
      <c r="N861563" s="10"/>
    </row>
    <row r="861564" spans="14:14">
      <c r="N861564" s="10"/>
    </row>
    <row r="861565" spans="14:14">
      <c r="N861565" s="10"/>
    </row>
    <row r="861566" spans="14:14">
      <c r="N861566" s="10"/>
    </row>
    <row r="861567" spans="14:14">
      <c r="N861567" s="10"/>
    </row>
    <row r="861568" spans="14:14">
      <c r="N861568" s="10"/>
    </row>
    <row r="861569" spans="14:14">
      <c r="N861569" s="10"/>
    </row>
    <row r="861570" spans="14:14">
      <c r="N861570" s="10"/>
    </row>
    <row r="861571" spans="14:14">
      <c r="N861571" s="10"/>
    </row>
    <row r="861572" spans="14:14">
      <c r="N861572" s="10"/>
    </row>
    <row r="861573" spans="14:14">
      <c r="N861573" s="10"/>
    </row>
    <row r="861574" spans="14:14">
      <c r="N861574" s="10"/>
    </row>
    <row r="861575" spans="14:14">
      <c r="N861575" s="10"/>
    </row>
    <row r="861576" spans="14:14">
      <c r="N861576" s="10"/>
    </row>
    <row r="861577" spans="14:14">
      <c r="N861577" s="10"/>
    </row>
    <row r="861578" spans="14:14">
      <c r="N861578" s="10"/>
    </row>
    <row r="861579" spans="14:14">
      <c r="N861579" s="10"/>
    </row>
    <row r="861580" spans="14:14">
      <c r="N861580" s="10"/>
    </row>
    <row r="861581" spans="14:14">
      <c r="N861581" s="10"/>
    </row>
    <row r="861582" spans="14:14">
      <c r="N861582" s="10"/>
    </row>
    <row r="861583" spans="14:14">
      <c r="N861583" s="10"/>
    </row>
    <row r="861584" spans="14:14">
      <c r="N861584" s="10"/>
    </row>
    <row r="861585" spans="14:14">
      <c r="N861585" s="10"/>
    </row>
    <row r="861586" spans="14:14">
      <c r="N861586" s="10"/>
    </row>
    <row r="861587" spans="14:14">
      <c r="N861587" s="10"/>
    </row>
    <row r="861588" spans="14:14">
      <c r="N861588" s="10"/>
    </row>
    <row r="861589" spans="14:14">
      <c r="N861589" s="10"/>
    </row>
    <row r="861590" spans="14:14">
      <c r="N861590" s="10"/>
    </row>
    <row r="861591" spans="14:14">
      <c r="N861591" s="10"/>
    </row>
    <row r="861592" spans="14:14">
      <c r="N861592" s="10"/>
    </row>
    <row r="861593" spans="14:14">
      <c r="N861593" s="10"/>
    </row>
    <row r="861594" spans="14:14">
      <c r="N861594" s="10"/>
    </row>
    <row r="861595" spans="14:14">
      <c r="N861595" s="10"/>
    </row>
    <row r="861596" spans="14:14">
      <c r="N861596" s="10"/>
    </row>
    <row r="861597" spans="14:14">
      <c r="N861597" s="10"/>
    </row>
    <row r="861598" spans="14:14">
      <c r="N861598" s="10"/>
    </row>
    <row r="861599" spans="14:14">
      <c r="N861599" s="10"/>
    </row>
    <row r="861600" spans="14:14">
      <c r="N861600" s="10"/>
    </row>
    <row r="861601" spans="14:14">
      <c r="N861601" s="10"/>
    </row>
    <row r="861602" spans="14:14">
      <c r="N861602" s="10"/>
    </row>
    <row r="861603" spans="14:14">
      <c r="N861603" s="10"/>
    </row>
    <row r="861604" spans="14:14">
      <c r="N861604" s="10"/>
    </row>
    <row r="861605" spans="14:14">
      <c r="N861605" s="10"/>
    </row>
    <row r="861606" spans="14:14">
      <c r="N861606" s="10"/>
    </row>
    <row r="861607" spans="14:14">
      <c r="N861607" s="10"/>
    </row>
    <row r="861608" spans="14:14">
      <c r="N861608" s="10"/>
    </row>
    <row r="861609" spans="14:14">
      <c r="N861609" s="10"/>
    </row>
    <row r="861610" spans="14:14">
      <c r="N861610" s="10"/>
    </row>
    <row r="861611" spans="14:14">
      <c r="N861611" s="10"/>
    </row>
    <row r="861612" spans="14:14">
      <c r="N861612" s="10"/>
    </row>
    <row r="861613" spans="14:14">
      <c r="N861613" s="10"/>
    </row>
    <row r="861614" spans="14:14">
      <c r="N861614" s="10"/>
    </row>
    <row r="861615" spans="14:14">
      <c r="N861615" s="10"/>
    </row>
    <row r="861616" spans="14:14">
      <c r="N861616" s="10"/>
    </row>
    <row r="861617" spans="14:14">
      <c r="N861617" s="10"/>
    </row>
    <row r="861618" spans="14:14">
      <c r="N861618" s="10"/>
    </row>
    <row r="861619" spans="14:14">
      <c r="N861619" s="10"/>
    </row>
    <row r="861620" spans="14:14">
      <c r="N861620" s="10"/>
    </row>
    <row r="861621" spans="14:14">
      <c r="N861621" s="10"/>
    </row>
    <row r="861622" spans="14:14">
      <c r="N861622" s="10"/>
    </row>
    <row r="861623" spans="14:14">
      <c r="N861623" s="10"/>
    </row>
    <row r="861624" spans="14:14">
      <c r="N861624" s="10"/>
    </row>
    <row r="861625" spans="14:14">
      <c r="N861625" s="10"/>
    </row>
    <row r="861626" spans="14:14">
      <c r="N861626" s="10"/>
    </row>
    <row r="861627" spans="14:14">
      <c r="N861627" s="10"/>
    </row>
    <row r="861628" spans="14:14">
      <c r="N861628" s="10"/>
    </row>
    <row r="861629" spans="14:14">
      <c r="N861629" s="10"/>
    </row>
    <row r="861630" spans="14:14">
      <c r="N861630" s="10"/>
    </row>
    <row r="861631" spans="14:14">
      <c r="N861631" s="10"/>
    </row>
    <row r="861632" spans="14:14">
      <c r="N861632" s="10"/>
    </row>
    <row r="861633" spans="14:14">
      <c r="N861633" s="10"/>
    </row>
    <row r="861634" spans="14:14">
      <c r="N861634" s="10"/>
    </row>
    <row r="861635" spans="14:14">
      <c r="N861635" s="10"/>
    </row>
    <row r="861636" spans="14:14">
      <c r="N861636" s="10"/>
    </row>
    <row r="861637" spans="14:14">
      <c r="N861637" s="10"/>
    </row>
    <row r="861638" spans="14:14">
      <c r="N861638" s="10"/>
    </row>
    <row r="861639" spans="14:14">
      <c r="N861639" s="10"/>
    </row>
    <row r="861640" spans="14:14">
      <c r="N861640" s="10"/>
    </row>
    <row r="861641" spans="14:14">
      <c r="N861641" s="10"/>
    </row>
    <row r="861642" spans="14:14">
      <c r="N861642" s="10"/>
    </row>
    <row r="861643" spans="14:14">
      <c r="N861643" s="10"/>
    </row>
    <row r="861644" spans="14:14">
      <c r="N861644" s="10"/>
    </row>
    <row r="861645" spans="14:14">
      <c r="N861645" s="10"/>
    </row>
    <row r="861646" spans="14:14">
      <c r="N861646" s="10"/>
    </row>
    <row r="861647" spans="14:14">
      <c r="N861647" s="10"/>
    </row>
    <row r="861648" spans="14:14">
      <c r="N861648" s="10"/>
    </row>
    <row r="861649" spans="14:14">
      <c r="N861649" s="10"/>
    </row>
    <row r="861650" spans="14:14">
      <c r="N861650" s="10"/>
    </row>
    <row r="861651" spans="14:14">
      <c r="N861651" s="10"/>
    </row>
    <row r="861652" spans="14:14">
      <c r="N861652" s="10"/>
    </row>
    <row r="861653" spans="14:14">
      <c r="N861653" s="10"/>
    </row>
    <row r="861654" spans="14:14">
      <c r="N861654" s="10"/>
    </row>
    <row r="861655" spans="14:14">
      <c r="N861655" s="10"/>
    </row>
    <row r="861656" spans="14:14">
      <c r="N861656" s="10"/>
    </row>
    <row r="861657" spans="14:14">
      <c r="N861657" s="10"/>
    </row>
    <row r="861658" spans="14:14">
      <c r="N861658" s="10"/>
    </row>
    <row r="861659" spans="14:14">
      <c r="N861659" s="10"/>
    </row>
    <row r="861660" spans="14:14">
      <c r="N861660" s="10"/>
    </row>
    <row r="861661" spans="14:14">
      <c r="N861661" s="10"/>
    </row>
    <row r="861662" spans="14:14">
      <c r="N861662" s="10"/>
    </row>
    <row r="861663" spans="14:14">
      <c r="N861663" s="10"/>
    </row>
    <row r="861664" spans="14:14">
      <c r="N861664" s="10"/>
    </row>
    <row r="861665" spans="14:14">
      <c r="N861665" s="10"/>
    </row>
    <row r="861666" spans="14:14">
      <c r="N861666" s="10"/>
    </row>
    <row r="861667" spans="14:14">
      <c r="N861667" s="10"/>
    </row>
    <row r="861668" spans="14:14">
      <c r="N861668" s="10"/>
    </row>
    <row r="861669" spans="14:14">
      <c r="N861669" s="10"/>
    </row>
    <row r="861670" spans="14:14">
      <c r="N861670" s="10"/>
    </row>
    <row r="861671" spans="14:14">
      <c r="N861671" s="10"/>
    </row>
    <row r="861672" spans="14:14">
      <c r="N861672" s="10"/>
    </row>
    <row r="861673" spans="14:14">
      <c r="N861673" s="10"/>
    </row>
    <row r="861674" spans="14:14">
      <c r="N861674" s="10"/>
    </row>
    <row r="861675" spans="14:14">
      <c r="N861675" s="10"/>
    </row>
    <row r="861676" spans="14:14">
      <c r="N861676" s="10"/>
    </row>
    <row r="861677" spans="14:14">
      <c r="N861677" s="10"/>
    </row>
    <row r="861678" spans="14:14">
      <c r="N861678" s="10"/>
    </row>
    <row r="861679" spans="14:14">
      <c r="N861679" s="10"/>
    </row>
    <row r="861680" spans="14:14">
      <c r="N861680" s="10"/>
    </row>
    <row r="861681" spans="14:14">
      <c r="N861681" s="10"/>
    </row>
    <row r="861682" spans="14:14">
      <c r="N861682" s="10"/>
    </row>
    <row r="861683" spans="14:14">
      <c r="N861683" s="10"/>
    </row>
    <row r="861684" spans="14:14">
      <c r="N861684" s="10"/>
    </row>
    <row r="861685" spans="14:14">
      <c r="N861685" s="10"/>
    </row>
    <row r="861686" spans="14:14">
      <c r="N861686" s="10"/>
    </row>
    <row r="861687" spans="14:14">
      <c r="N861687" s="10"/>
    </row>
    <row r="861688" spans="14:14">
      <c r="N861688" s="10"/>
    </row>
    <row r="861689" spans="14:14">
      <c r="N861689" s="10"/>
    </row>
    <row r="861690" spans="14:14">
      <c r="N861690" s="10"/>
    </row>
    <row r="861691" spans="14:14">
      <c r="N861691" s="10"/>
    </row>
    <row r="861692" spans="14:14">
      <c r="N861692" s="10"/>
    </row>
    <row r="861693" spans="14:14">
      <c r="N861693" s="10"/>
    </row>
    <row r="861694" spans="14:14">
      <c r="N861694" s="10"/>
    </row>
    <row r="861695" spans="14:14">
      <c r="N861695" s="10"/>
    </row>
    <row r="861696" spans="14:14">
      <c r="N861696" s="10"/>
    </row>
    <row r="861697" spans="14:14">
      <c r="N861697" s="10"/>
    </row>
    <row r="861698" spans="14:14">
      <c r="N861698" s="10"/>
    </row>
    <row r="861699" spans="14:14">
      <c r="N861699" s="10"/>
    </row>
    <row r="861700" spans="14:14">
      <c r="N861700" s="10"/>
    </row>
    <row r="861701" spans="14:14">
      <c r="N861701" s="10"/>
    </row>
    <row r="861702" spans="14:14">
      <c r="N861702" s="10"/>
    </row>
    <row r="861703" spans="14:14">
      <c r="N861703" s="10"/>
    </row>
    <row r="861704" spans="14:14">
      <c r="N861704" s="10"/>
    </row>
    <row r="861705" spans="14:14">
      <c r="N861705" s="10"/>
    </row>
    <row r="861706" spans="14:14">
      <c r="N861706" s="10"/>
    </row>
    <row r="861707" spans="14:14">
      <c r="N861707" s="10"/>
    </row>
    <row r="861708" spans="14:14">
      <c r="N861708" s="10"/>
    </row>
    <row r="861709" spans="14:14">
      <c r="N861709" s="10"/>
    </row>
    <row r="861710" spans="14:14">
      <c r="N861710" s="10"/>
    </row>
    <row r="861711" spans="14:14">
      <c r="N861711" s="10"/>
    </row>
    <row r="861712" spans="14:14">
      <c r="N861712" s="10"/>
    </row>
    <row r="861713" spans="14:14">
      <c r="N861713" s="10"/>
    </row>
    <row r="861714" spans="14:14">
      <c r="N861714" s="10"/>
    </row>
    <row r="861715" spans="14:14">
      <c r="N861715" s="10"/>
    </row>
    <row r="861716" spans="14:14">
      <c r="N861716" s="10"/>
    </row>
    <row r="861717" spans="14:14">
      <c r="N861717" s="10"/>
    </row>
    <row r="861718" spans="14:14">
      <c r="N861718" s="10"/>
    </row>
    <row r="861719" spans="14:14">
      <c r="N861719" s="10"/>
    </row>
    <row r="861720" spans="14:14">
      <c r="N861720" s="10"/>
    </row>
    <row r="861721" spans="14:14">
      <c r="N861721" s="10"/>
    </row>
    <row r="861722" spans="14:14">
      <c r="N861722" s="10"/>
    </row>
    <row r="861723" spans="14:14">
      <c r="N861723" s="10"/>
    </row>
    <row r="861724" spans="14:14">
      <c r="N861724" s="10"/>
    </row>
    <row r="861725" spans="14:14">
      <c r="N861725" s="10"/>
    </row>
    <row r="861726" spans="14:14">
      <c r="N861726" s="10"/>
    </row>
    <row r="861727" spans="14:14">
      <c r="N861727" s="10"/>
    </row>
    <row r="861728" spans="14:14">
      <c r="N861728" s="10"/>
    </row>
    <row r="861729" spans="14:14">
      <c r="N861729" s="10"/>
    </row>
    <row r="861730" spans="14:14">
      <c r="N861730" s="10"/>
    </row>
    <row r="861731" spans="14:14">
      <c r="N861731" s="10"/>
    </row>
    <row r="861732" spans="14:14">
      <c r="N861732" s="10"/>
    </row>
    <row r="861733" spans="14:14">
      <c r="N861733" s="10"/>
    </row>
    <row r="861734" spans="14:14">
      <c r="N861734" s="10"/>
    </row>
    <row r="861735" spans="14:14">
      <c r="N861735" s="10"/>
    </row>
    <row r="861736" spans="14:14">
      <c r="N861736" s="10"/>
    </row>
    <row r="861737" spans="14:14">
      <c r="N861737" s="10"/>
    </row>
    <row r="861738" spans="14:14">
      <c r="N861738" s="10"/>
    </row>
    <row r="861739" spans="14:14">
      <c r="N861739" s="10"/>
    </row>
    <row r="861740" spans="14:14">
      <c r="N861740" s="10"/>
    </row>
    <row r="861741" spans="14:14">
      <c r="N861741" s="10"/>
    </row>
    <row r="861742" spans="14:14">
      <c r="N861742" s="10"/>
    </row>
    <row r="861743" spans="14:14">
      <c r="N861743" s="10"/>
    </row>
    <row r="861744" spans="14:14">
      <c r="N861744" s="10"/>
    </row>
    <row r="861745" spans="14:14">
      <c r="N861745" s="10"/>
    </row>
    <row r="861746" spans="14:14">
      <c r="N861746" s="10"/>
    </row>
    <row r="861747" spans="14:14">
      <c r="N861747" s="10"/>
    </row>
    <row r="861748" spans="14:14">
      <c r="N861748" s="10"/>
    </row>
    <row r="861749" spans="14:14">
      <c r="N861749" s="10"/>
    </row>
    <row r="861750" spans="14:14">
      <c r="N861750" s="10"/>
    </row>
    <row r="861751" spans="14:14">
      <c r="N861751" s="10"/>
    </row>
    <row r="861752" spans="14:14">
      <c r="N861752" s="10"/>
    </row>
    <row r="861753" spans="14:14">
      <c r="N861753" s="10"/>
    </row>
    <row r="861754" spans="14:14">
      <c r="N861754" s="10"/>
    </row>
    <row r="861755" spans="14:14">
      <c r="N861755" s="10"/>
    </row>
    <row r="861756" spans="14:14">
      <c r="N861756" s="10"/>
    </row>
    <row r="861757" spans="14:14">
      <c r="N861757" s="10"/>
    </row>
    <row r="861758" spans="14:14">
      <c r="N861758" s="10"/>
    </row>
    <row r="861759" spans="14:14">
      <c r="N861759" s="10"/>
    </row>
    <row r="861760" spans="14:14">
      <c r="N861760" s="10"/>
    </row>
    <row r="861761" spans="14:14">
      <c r="N861761" s="10"/>
    </row>
    <row r="861762" spans="14:14">
      <c r="N861762" s="10"/>
    </row>
    <row r="861763" spans="14:14">
      <c r="N861763" s="10"/>
    </row>
    <row r="861764" spans="14:14">
      <c r="N861764" s="10"/>
    </row>
    <row r="861765" spans="14:14">
      <c r="N861765" s="10"/>
    </row>
    <row r="861766" spans="14:14">
      <c r="N861766" s="10"/>
    </row>
    <row r="861767" spans="14:14">
      <c r="N861767" s="10"/>
    </row>
    <row r="861768" spans="14:14">
      <c r="N861768" s="10"/>
    </row>
    <row r="861769" spans="14:14">
      <c r="N861769" s="10"/>
    </row>
    <row r="861770" spans="14:14">
      <c r="N861770" s="10"/>
    </row>
    <row r="861771" spans="14:14">
      <c r="N861771" s="10"/>
    </row>
    <row r="861772" spans="14:14">
      <c r="N861772" s="10"/>
    </row>
    <row r="861773" spans="14:14">
      <c r="N861773" s="10"/>
    </row>
    <row r="861774" spans="14:14">
      <c r="N861774" s="10"/>
    </row>
    <row r="861775" spans="14:14">
      <c r="N861775" s="10"/>
    </row>
    <row r="861776" spans="14:14">
      <c r="N861776" s="10"/>
    </row>
    <row r="861777" spans="14:14">
      <c r="N861777" s="10"/>
    </row>
    <row r="861778" spans="14:14">
      <c r="N861778" s="10"/>
    </row>
    <row r="861779" spans="14:14">
      <c r="N861779" s="10"/>
    </row>
    <row r="861780" spans="14:14">
      <c r="N861780" s="10"/>
    </row>
    <row r="861781" spans="14:14">
      <c r="N861781" s="10"/>
    </row>
    <row r="861782" spans="14:14">
      <c r="N861782" s="10"/>
    </row>
    <row r="861783" spans="14:14">
      <c r="N861783" s="10"/>
    </row>
    <row r="861784" spans="14:14">
      <c r="N861784" s="10"/>
    </row>
    <row r="861785" spans="14:14">
      <c r="N861785" s="10"/>
    </row>
    <row r="861786" spans="14:14">
      <c r="N861786" s="10"/>
    </row>
    <row r="861787" spans="14:14">
      <c r="N861787" s="10"/>
    </row>
    <row r="861788" spans="14:14">
      <c r="N861788" s="10"/>
    </row>
    <row r="861789" spans="14:14">
      <c r="N861789" s="10"/>
    </row>
    <row r="861790" spans="14:14">
      <c r="N861790" s="10"/>
    </row>
    <row r="861791" spans="14:14">
      <c r="N861791" s="10"/>
    </row>
    <row r="861792" spans="14:14">
      <c r="N861792" s="10"/>
    </row>
    <row r="861793" spans="14:14">
      <c r="N861793" s="10"/>
    </row>
    <row r="861794" spans="14:14">
      <c r="N861794" s="10"/>
    </row>
    <row r="861795" spans="14:14">
      <c r="N861795" s="10"/>
    </row>
    <row r="861796" spans="14:14">
      <c r="N861796" s="10"/>
    </row>
    <row r="861797" spans="14:14">
      <c r="N861797" s="10"/>
    </row>
    <row r="861798" spans="14:14">
      <c r="N861798" s="10"/>
    </row>
    <row r="861799" spans="14:14">
      <c r="N861799" s="10"/>
    </row>
    <row r="861800" spans="14:14">
      <c r="N861800" s="10"/>
    </row>
    <row r="861801" spans="14:14">
      <c r="N861801" s="10"/>
    </row>
    <row r="861802" spans="14:14">
      <c r="N861802" s="10"/>
    </row>
    <row r="861803" spans="14:14">
      <c r="N861803" s="10"/>
    </row>
    <row r="861804" spans="14:14">
      <c r="N861804" s="10"/>
    </row>
    <row r="861805" spans="14:14">
      <c r="N861805" s="10"/>
    </row>
    <row r="861806" spans="14:14">
      <c r="N861806" s="10"/>
    </row>
    <row r="861807" spans="14:14">
      <c r="N861807" s="10"/>
    </row>
    <row r="861808" spans="14:14">
      <c r="N861808" s="10"/>
    </row>
    <row r="861809" spans="14:14">
      <c r="N861809" s="10"/>
    </row>
    <row r="861810" spans="14:14">
      <c r="N861810" s="10"/>
    </row>
    <row r="861811" spans="14:14">
      <c r="N861811" s="10"/>
    </row>
    <row r="861812" spans="14:14">
      <c r="N861812" s="10"/>
    </row>
    <row r="861813" spans="14:14">
      <c r="N861813" s="10"/>
    </row>
    <row r="861814" spans="14:14">
      <c r="N861814" s="10"/>
    </row>
    <row r="861815" spans="14:14">
      <c r="N861815" s="10"/>
    </row>
    <row r="861816" spans="14:14">
      <c r="N861816" s="10"/>
    </row>
    <row r="861817" spans="14:14">
      <c r="N861817" s="10"/>
    </row>
    <row r="861818" spans="14:14">
      <c r="N861818" s="10"/>
    </row>
    <row r="861819" spans="14:14">
      <c r="N861819" s="10"/>
    </row>
    <row r="861820" spans="14:14">
      <c r="N861820" s="10"/>
    </row>
    <row r="861821" spans="14:14">
      <c r="N861821" s="10"/>
    </row>
    <row r="861822" spans="14:14">
      <c r="N861822" s="10"/>
    </row>
    <row r="861823" spans="14:14">
      <c r="N861823" s="10"/>
    </row>
    <row r="861824" spans="14:14">
      <c r="N861824" s="10"/>
    </row>
    <row r="861825" spans="14:14">
      <c r="N861825" s="10"/>
    </row>
    <row r="861826" spans="14:14">
      <c r="N861826" s="10"/>
    </row>
    <row r="861827" spans="14:14">
      <c r="N861827" s="10"/>
    </row>
    <row r="861828" spans="14:14">
      <c r="N861828" s="10"/>
    </row>
    <row r="861829" spans="14:14">
      <c r="N861829" s="10"/>
    </row>
    <row r="861830" spans="14:14">
      <c r="N861830" s="10"/>
    </row>
    <row r="861831" spans="14:14">
      <c r="N861831" s="10"/>
    </row>
    <row r="861832" spans="14:14">
      <c r="N861832" s="10"/>
    </row>
    <row r="861833" spans="14:14">
      <c r="N861833" s="10"/>
    </row>
    <row r="861834" spans="14:14">
      <c r="N861834" s="10"/>
    </row>
    <row r="861835" spans="14:14">
      <c r="N861835" s="10"/>
    </row>
    <row r="861836" spans="14:14">
      <c r="N861836" s="10"/>
    </row>
    <row r="861837" spans="14:14">
      <c r="N861837" s="10"/>
    </row>
    <row r="861838" spans="14:14">
      <c r="N861838" s="10"/>
    </row>
    <row r="861839" spans="14:14">
      <c r="N861839" s="10"/>
    </row>
    <row r="861840" spans="14:14">
      <c r="N861840" s="10"/>
    </row>
    <row r="861841" spans="14:14">
      <c r="N861841" s="10"/>
    </row>
    <row r="861842" spans="14:14">
      <c r="N861842" s="10"/>
    </row>
    <row r="861843" spans="14:14">
      <c r="N861843" s="10"/>
    </row>
    <row r="861844" spans="14:14">
      <c r="N861844" s="10"/>
    </row>
    <row r="861845" spans="14:14">
      <c r="N861845" s="10"/>
    </row>
    <row r="861846" spans="14:14">
      <c r="N861846" s="10"/>
    </row>
    <row r="861847" spans="14:14">
      <c r="N861847" s="10"/>
    </row>
    <row r="861848" spans="14:14">
      <c r="N861848" s="10"/>
    </row>
    <row r="861849" spans="14:14">
      <c r="N861849" s="10"/>
    </row>
    <row r="861850" spans="14:14">
      <c r="N861850" s="10"/>
    </row>
    <row r="861851" spans="14:14">
      <c r="N861851" s="10"/>
    </row>
    <row r="861852" spans="14:14">
      <c r="N861852" s="10"/>
    </row>
    <row r="861853" spans="14:14">
      <c r="N861853" s="10"/>
    </row>
    <row r="861854" spans="14:14">
      <c r="N861854" s="10"/>
    </row>
    <row r="861855" spans="14:14">
      <c r="N861855" s="10"/>
    </row>
    <row r="861856" spans="14:14">
      <c r="N861856" s="10"/>
    </row>
    <row r="861857" spans="14:14">
      <c r="N861857" s="10"/>
    </row>
    <row r="861858" spans="14:14">
      <c r="N861858" s="10"/>
    </row>
    <row r="861859" spans="14:14">
      <c r="N861859" s="10"/>
    </row>
    <row r="861860" spans="14:14">
      <c r="N861860" s="10"/>
    </row>
    <row r="861861" spans="14:14">
      <c r="N861861" s="10"/>
    </row>
    <row r="861862" spans="14:14">
      <c r="N861862" s="10"/>
    </row>
    <row r="861863" spans="14:14">
      <c r="N861863" s="10"/>
    </row>
    <row r="861864" spans="14:14">
      <c r="N861864" s="10"/>
    </row>
    <row r="861865" spans="14:14">
      <c r="N861865" s="10"/>
    </row>
    <row r="861866" spans="14:14">
      <c r="N861866" s="10"/>
    </row>
    <row r="861867" spans="14:14">
      <c r="N861867" s="10"/>
    </row>
    <row r="861868" spans="14:14">
      <c r="N861868" s="10"/>
    </row>
    <row r="861869" spans="14:14">
      <c r="N861869" s="10"/>
    </row>
    <row r="861870" spans="14:14">
      <c r="N861870" s="10"/>
    </row>
    <row r="861871" spans="14:14">
      <c r="N861871" s="10"/>
    </row>
    <row r="861872" spans="14:14">
      <c r="N861872" s="10"/>
    </row>
    <row r="861873" spans="14:14">
      <c r="N861873" s="10"/>
    </row>
    <row r="861874" spans="14:14">
      <c r="N861874" s="10"/>
    </row>
    <row r="861875" spans="14:14">
      <c r="N861875" s="10"/>
    </row>
    <row r="861876" spans="14:14">
      <c r="N861876" s="10"/>
    </row>
    <row r="861877" spans="14:14">
      <c r="N861877" s="10"/>
    </row>
    <row r="861878" spans="14:14">
      <c r="N861878" s="10"/>
    </row>
    <row r="861879" spans="14:14">
      <c r="N861879" s="10"/>
    </row>
    <row r="861880" spans="14:14">
      <c r="N861880" s="10"/>
    </row>
    <row r="861881" spans="14:14">
      <c r="N861881" s="10"/>
    </row>
    <row r="861882" spans="14:14">
      <c r="N861882" s="10"/>
    </row>
    <row r="861883" spans="14:14">
      <c r="N861883" s="10"/>
    </row>
    <row r="861884" spans="14:14">
      <c r="N861884" s="10"/>
    </row>
    <row r="861885" spans="14:14">
      <c r="N861885" s="10"/>
    </row>
    <row r="861886" spans="14:14">
      <c r="N861886" s="10"/>
    </row>
    <row r="861887" spans="14:14">
      <c r="N861887" s="10"/>
    </row>
    <row r="861888" spans="14:14">
      <c r="N861888" s="10"/>
    </row>
    <row r="861889" spans="14:14">
      <c r="N861889" s="10"/>
    </row>
    <row r="861890" spans="14:14">
      <c r="N861890" s="10"/>
    </row>
    <row r="861891" spans="14:14">
      <c r="N861891" s="10"/>
    </row>
    <row r="861892" spans="14:14">
      <c r="N861892" s="10"/>
    </row>
    <row r="861893" spans="14:14">
      <c r="N861893" s="10"/>
    </row>
    <row r="861894" spans="14:14">
      <c r="N861894" s="10"/>
    </row>
    <row r="861895" spans="14:14">
      <c r="N861895" s="10"/>
    </row>
    <row r="861896" spans="14:14">
      <c r="N861896" s="10"/>
    </row>
    <row r="861897" spans="14:14">
      <c r="N861897" s="10"/>
    </row>
    <row r="861898" spans="14:14">
      <c r="N861898" s="10"/>
    </row>
    <row r="861899" spans="14:14">
      <c r="N861899" s="10"/>
    </row>
    <row r="861900" spans="14:14">
      <c r="N861900" s="10"/>
    </row>
    <row r="861901" spans="14:14">
      <c r="N861901" s="10"/>
    </row>
    <row r="861902" spans="14:14">
      <c r="N861902" s="10"/>
    </row>
    <row r="861903" spans="14:14">
      <c r="N861903" s="10"/>
    </row>
    <row r="861904" spans="14:14">
      <c r="N861904" s="10"/>
    </row>
    <row r="861905" spans="14:14">
      <c r="N861905" s="10"/>
    </row>
    <row r="861906" spans="14:14">
      <c r="N861906" s="10"/>
    </row>
    <row r="861907" spans="14:14">
      <c r="N861907" s="10"/>
    </row>
    <row r="861908" spans="14:14">
      <c r="N861908" s="10"/>
    </row>
    <row r="861909" spans="14:14">
      <c r="N861909" s="10"/>
    </row>
    <row r="861910" spans="14:14">
      <c r="N861910" s="10"/>
    </row>
    <row r="861911" spans="14:14">
      <c r="N861911" s="10"/>
    </row>
    <row r="861912" spans="14:14">
      <c r="N861912" s="10"/>
    </row>
    <row r="861913" spans="14:14">
      <c r="N861913" s="10"/>
    </row>
    <row r="861914" spans="14:14">
      <c r="N861914" s="10"/>
    </row>
    <row r="861915" spans="14:14">
      <c r="N861915" s="10"/>
    </row>
    <row r="861916" spans="14:14">
      <c r="N861916" s="10"/>
    </row>
    <row r="861917" spans="14:14">
      <c r="N861917" s="10"/>
    </row>
    <row r="861918" spans="14:14">
      <c r="N861918" s="10"/>
    </row>
    <row r="861919" spans="14:14">
      <c r="N861919" s="10"/>
    </row>
    <row r="861920" spans="14:14">
      <c r="N861920" s="10"/>
    </row>
    <row r="861921" spans="14:14">
      <c r="N861921" s="10"/>
    </row>
    <row r="861922" spans="14:14">
      <c r="N861922" s="10"/>
    </row>
    <row r="861923" spans="14:14">
      <c r="N861923" s="10"/>
    </row>
    <row r="861924" spans="14:14">
      <c r="N861924" s="10"/>
    </row>
    <row r="861925" spans="14:14">
      <c r="N861925" s="10"/>
    </row>
    <row r="861926" spans="14:14">
      <c r="N861926" s="10"/>
    </row>
    <row r="861927" spans="14:14">
      <c r="N861927" s="10"/>
    </row>
    <row r="861928" spans="14:14">
      <c r="N861928" s="10"/>
    </row>
    <row r="861929" spans="14:14">
      <c r="N861929" s="10"/>
    </row>
    <row r="861930" spans="14:14">
      <c r="N861930" s="10"/>
    </row>
    <row r="861931" spans="14:14">
      <c r="N861931" s="10"/>
    </row>
    <row r="861932" spans="14:14">
      <c r="N861932" s="10"/>
    </row>
    <row r="861933" spans="14:14">
      <c r="N861933" s="10"/>
    </row>
    <row r="861934" spans="14:14">
      <c r="N861934" s="10"/>
    </row>
    <row r="861935" spans="14:14">
      <c r="N861935" s="10"/>
    </row>
    <row r="861936" spans="14:14">
      <c r="N861936" s="10"/>
    </row>
    <row r="861937" spans="14:14">
      <c r="N861937" s="10"/>
    </row>
    <row r="861938" spans="14:14">
      <c r="N861938" s="10"/>
    </row>
    <row r="861939" spans="14:14">
      <c r="N861939" s="10"/>
    </row>
    <row r="861940" spans="14:14">
      <c r="N861940" s="10"/>
    </row>
    <row r="861941" spans="14:14">
      <c r="N861941" s="10"/>
    </row>
    <row r="861942" spans="14:14">
      <c r="N861942" s="10"/>
    </row>
    <row r="861943" spans="14:14">
      <c r="N861943" s="10"/>
    </row>
    <row r="861944" spans="14:14">
      <c r="N861944" s="10"/>
    </row>
    <row r="861945" spans="14:14">
      <c r="N861945" s="10"/>
    </row>
    <row r="861946" spans="14:14">
      <c r="N861946" s="10"/>
    </row>
    <row r="861947" spans="14:14">
      <c r="N861947" s="10"/>
    </row>
    <row r="861948" spans="14:14">
      <c r="N861948" s="10"/>
    </row>
    <row r="861949" spans="14:14">
      <c r="N861949" s="10"/>
    </row>
    <row r="861950" spans="14:14">
      <c r="N861950" s="10"/>
    </row>
    <row r="861951" spans="14:14">
      <c r="N861951" s="10"/>
    </row>
    <row r="861952" spans="14:14">
      <c r="N861952" s="10"/>
    </row>
    <row r="861953" spans="14:14">
      <c r="N861953" s="10"/>
    </row>
    <row r="861954" spans="14:14">
      <c r="N861954" s="10"/>
    </row>
    <row r="861955" spans="14:14">
      <c r="N861955" s="10"/>
    </row>
    <row r="861956" spans="14:14">
      <c r="N861956" s="10"/>
    </row>
    <row r="861957" spans="14:14">
      <c r="N861957" s="10"/>
    </row>
    <row r="861958" spans="14:14">
      <c r="N861958" s="10"/>
    </row>
    <row r="861959" spans="14:14">
      <c r="N861959" s="10"/>
    </row>
    <row r="861960" spans="14:14">
      <c r="N861960" s="10"/>
    </row>
    <row r="861961" spans="14:14">
      <c r="N861961" s="10"/>
    </row>
    <row r="861962" spans="14:14">
      <c r="N861962" s="10"/>
    </row>
    <row r="861963" spans="14:14">
      <c r="N861963" s="10"/>
    </row>
    <row r="861964" spans="14:14">
      <c r="N861964" s="10"/>
    </row>
    <row r="861965" spans="14:14">
      <c r="N861965" s="10"/>
    </row>
    <row r="861966" spans="14:14">
      <c r="N861966" s="10"/>
    </row>
    <row r="861967" spans="14:14">
      <c r="N861967" s="10"/>
    </row>
    <row r="861968" spans="14:14">
      <c r="N861968" s="10"/>
    </row>
    <row r="861969" spans="14:14">
      <c r="N861969" s="10"/>
    </row>
    <row r="861970" spans="14:14">
      <c r="N861970" s="10"/>
    </row>
    <row r="861971" spans="14:14">
      <c r="N861971" s="10"/>
    </row>
    <row r="861972" spans="14:14">
      <c r="N861972" s="10"/>
    </row>
    <row r="861973" spans="14:14">
      <c r="N861973" s="10"/>
    </row>
    <row r="861974" spans="14:14">
      <c r="N861974" s="10"/>
    </row>
    <row r="861975" spans="14:14">
      <c r="N861975" s="10"/>
    </row>
    <row r="861976" spans="14:14">
      <c r="N861976" s="10"/>
    </row>
    <row r="861977" spans="14:14">
      <c r="N861977" s="10"/>
    </row>
    <row r="861978" spans="14:14">
      <c r="N861978" s="10"/>
    </row>
    <row r="861979" spans="14:14">
      <c r="N861979" s="10"/>
    </row>
    <row r="861980" spans="14:14">
      <c r="N861980" s="10"/>
    </row>
    <row r="861981" spans="14:14">
      <c r="N861981" s="10"/>
    </row>
    <row r="861982" spans="14:14">
      <c r="N861982" s="10"/>
    </row>
    <row r="861983" spans="14:14">
      <c r="N861983" s="10"/>
    </row>
    <row r="861984" spans="14:14">
      <c r="N861984" s="10"/>
    </row>
    <row r="861985" spans="14:14">
      <c r="N861985" s="10"/>
    </row>
    <row r="861986" spans="14:14">
      <c r="N861986" s="10"/>
    </row>
    <row r="861987" spans="14:14">
      <c r="N861987" s="10"/>
    </row>
    <row r="861988" spans="14:14">
      <c r="N861988" s="10"/>
    </row>
    <row r="861989" spans="14:14">
      <c r="N861989" s="10"/>
    </row>
    <row r="861990" spans="14:14">
      <c r="N861990" s="10"/>
    </row>
    <row r="861991" spans="14:14">
      <c r="N861991" s="10"/>
    </row>
    <row r="861992" spans="14:14">
      <c r="N861992" s="10"/>
    </row>
    <row r="861993" spans="14:14">
      <c r="N861993" s="10"/>
    </row>
    <row r="861994" spans="14:14">
      <c r="N861994" s="10"/>
    </row>
    <row r="861995" spans="14:14">
      <c r="N861995" s="10"/>
    </row>
    <row r="861996" spans="14:14">
      <c r="N861996" s="10"/>
    </row>
    <row r="861997" spans="14:14">
      <c r="N861997" s="10"/>
    </row>
    <row r="861998" spans="14:14">
      <c r="N861998" s="10"/>
    </row>
    <row r="861999" spans="14:14">
      <c r="N861999" s="10"/>
    </row>
    <row r="862000" spans="14:14">
      <c r="N862000" s="10"/>
    </row>
    <row r="862001" spans="14:14">
      <c r="N862001" s="10"/>
    </row>
    <row r="862002" spans="14:14">
      <c r="N862002" s="10"/>
    </row>
    <row r="862003" spans="14:14">
      <c r="N862003" s="10"/>
    </row>
    <row r="862004" spans="14:14">
      <c r="N862004" s="10"/>
    </row>
    <row r="862005" spans="14:14">
      <c r="N862005" s="10"/>
    </row>
    <row r="862006" spans="14:14">
      <c r="N862006" s="10"/>
    </row>
    <row r="862007" spans="14:14">
      <c r="N862007" s="10"/>
    </row>
    <row r="862008" spans="14:14">
      <c r="N862008" s="10"/>
    </row>
    <row r="862009" spans="14:14">
      <c r="N862009" s="10"/>
    </row>
    <row r="862010" spans="14:14">
      <c r="N862010" s="10"/>
    </row>
    <row r="862011" spans="14:14">
      <c r="N862011" s="10"/>
    </row>
    <row r="862012" spans="14:14">
      <c r="N862012" s="10"/>
    </row>
    <row r="862013" spans="14:14">
      <c r="N862013" s="10"/>
    </row>
    <row r="862014" spans="14:14">
      <c r="N862014" s="10"/>
    </row>
    <row r="862015" spans="14:14">
      <c r="N862015" s="10"/>
    </row>
    <row r="862016" spans="14:14">
      <c r="N862016" s="10"/>
    </row>
    <row r="862017" spans="14:14">
      <c r="N862017" s="10"/>
    </row>
    <row r="862018" spans="14:14">
      <c r="N862018" s="10"/>
    </row>
    <row r="862019" spans="14:14">
      <c r="N862019" s="10"/>
    </row>
    <row r="862020" spans="14:14">
      <c r="N862020" s="10"/>
    </row>
    <row r="862021" spans="14:14">
      <c r="N862021" s="10"/>
    </row>
    <row r="862022" spans="14:14">
      <c r="N862022" s="10"/>
    </row>
    <row r="862023" spans="14:14">
      <c r="N862023" s="10"/>
    </row>
    <row r="862024" spans="14:14">
      <c r="N862024" s="10"/>
    </row>
    <row r="862025" spans="14:14">
      <c r="N862025" s="10"/>
    </row>
    <row r="862026" spans="14:14">
      <c r="N862026" s="10"/>
    </row>
    <row r="862027" spans="14:14">
      <c r="N862027" s="10"/>
    </row>
    <row r="862028" spans="14:14">
      <c r="N862028" s="10"/>
    </row>
    <row r="862029" spans="14:14">
      <c r="N862029" s="10"/>
    </row>
    <row r="862030" spans="14:14">
      <c r="N862030" s="10"/>
    </row>
    <row r="862031" spans="14:14">
      <c r="N862031" s="10"/>
    </row>
    <row r="862032" spans="14:14">
      <c r="N862032" s="10"/>
    </row>
    <row r="862033" spans="14:14">
      <c r="N862033" s="10"/>
    </row>
    <row r="862034" spans="14:14">
      <c r="N862034" s="10"/>
    </row>
    <row r="862035" spans="14:14">
      <c r="N862035" s="10"/>
    </row>
    <row r="862036" spans="14:14">
      <c r="N862036" s="10"/>
    </row>
    <row r="862037" spans="14:14">
      <c r="N862037" s="10"/>
    </row>
    <row r="862038" spans="14:14">
      <c r="N862038" s="10"/>
    </row>
    <row r="862039" spans="14:14">
      <c r="N862039" s="10"/>
    </row>
    <row r="862040" spans="14:14">
      <c r="N862040" s="10"/>
    </row>
    <row r="862041" spans="14:14">
      <c r="N862041" s="10"/>
    </row>
    <row r="862042" spans="14:14">
      <c r="N862042" s="10"/>
    </row>
    <row r="862043" spans="14:14">
      <c r="N862043" s="10"/>
    </row>
    <row r="862044" spans="14:14">
      <c r="N862044" s="10"/>
    </row>
    <row r="862045" spans="14:14">
      <c r="N862045" s="10"/>
    </row>
    <row r="862046" spans="14:14">
      <c r="N862046" s="10"/>
    </row>
    <row r="862047" spans="14:14">
      <c r="N862047" s="10"/>
    </row>
    <row r="862048" spans="14:14">
      <c r="N862048" s="10"/>
    </row>
    <row r="862049" spans="14:14">
      <c r="N862049" s="10"/>
    </row>
    <row r="862050" spans="14:14">
      <c r="N862050" s="10"/>
    </row>
    <row r="862051" spans="14:14">
      <c r="N862051" s="10"/>
    </row>
    <row r="862052" spans="14:14">
      <c r="N862052" s="10"/>
    </row>
    <row r="862053" spans="14:14">
      <c r="N862053" s="10"/>
    </row>
    <row r="862054" spans="14:14">
      <c r="N862054" s="10"/>
    </row>
    <row r="862055" spans="14:14">
      <c r="N862055" s="10"/>
    </row>
    <row r="862056" spans="14:14">
      <c r="N862056" s="10"/>
    </row>
    <row r="862057" spans="14:14">
      <c r="N862057" s="10"/>
    </row>
    <row r="862058" spans="14:14">
      <c r="N862058" s="10"/>
    </row>
    <row r="862059" spans="14:14">
      <c r="N862059" s="10"/>
    </row>
    <row r="862060" spans="14:14">
      <c r="N862060" s="10"/>
    </row>
    <row r="862061" spans="14:14">
      <c r="N862061" s="10"/>
    </row>
    <row r="862062" spans="14:14">
      <c r="N862062" s="10"/>
    </row>
    <row r="862063" spans="14:14">
      <c r="N862063" s="10"/>
    </row>
    <row r="862064" spans="14:14">
      <c r="N862064" s="10"/>
    </row>
    <row r="862065" spans="14:14">
      <c r="N862065" s="10"/>
    </row>
    <row r="862066" spans="14:14">
      <c r="N862066" s="10"/>
    </row>
    <row r="862067" spans="14:14">
      <c r="N862067" s="10"/>
    </row>
    <row r="862068" spans="14:14">
      <c r="N862068" s="10"/>
    </row>
    <row r="862069" spans="14:14">
      <c r="N862069" s="10"/>
    </row>
    <row r="862070" spans="14:14">
      <c r="N862070" s="10"/>
    </row>
    <row r="862071" spans="14:14">
      <c r="N862071" s="10"/>
    </row>
    <row r="862072" spans="14:14">
      <c r="N862072" s="10"/>
    </row>
    <row r="862073" spans="14:14">
      <c r="N862073" s="10"/>
    </row>
    <row r="862074" spans="14:14">
      <c r="N862074" s="10"/>
    </row>
    <row r="862075" spans="14:14">
      <c r="N862075" s="10"/>
    </row>
    <row r="862076" spans="14:14">
      <c r="N862076" s="10"/>
    </row>
    <row r="862077" spans="14:14">
      <c r="N862077" s="10"/>
    </row>
    <row r="862078" spans="14:14">
      <c r="N862078" s="10"/>
    </row>
    <row r="862079" spans="14:14">
      <c r="N862079" s="10"/>
    </row>
    <row r="862080" spans="14:14">
      <c r="N862080" s="10"/>
    </row>
    <row r="862081" spans="14:14">
      <c r="N862081" s="10"/>
    </row>
    <row r="862082" spans="14:14">
      <c r="N862082" s="10"/>
    </row>
    <row r="862083" spans="14:14">
      <c r="N862083" s="10"/>
    </row>
    <row r="862084" spans="14:14">
      <c r="N862084" s="10"/>
    </row>
    <row r="862085" spans="14:14">
      <c r="N862085" s="10"/>
    </row>
    <row r="862086" spans="14:14">
      <c r="N862086" s="10"/>
    </row>
    <row r="862087" spans="14:14">
      <c r="N862087" s="10"/>
    </row>
    <row r="862088" spans="14:14">
      <c r="N862088" s="10"/>
    </row>
    <row r="862089" spans="14:14">
      <c r="N862089" s="10"/>
    </row>
    <row r="862090" spans="14:14">
      <c r="N862090" s="10"/>
    </row>
    <row r="862091" spans="14:14">
      <c r="N862091" s="10"/>
    </row>
    <row r="862092" spans="14:14">
      <c r="N862092" s="10"/>
    </row>
    <row r="862093" spans="14:14">
      <c r="N862093" s="10"/>
    </row>
    <row r="862094" spans="14:14">
      <c r="N862094" s="10"/>
    </row>
    <row r="862095" spans="14:14">
      <c r="N862095" s="10"/>
    </row>
    <row r="862096" spans="14:14">
      <c r="N862096" s="10"/>
    </row>
    <row r="862097" spans="14:14">
      <c r="N862097" s="10"/>
    </row>
    <row r="862098" spans="14:14">
      <c r="N862098" s="10"/>
    </row>
    <row r="862099" spans="14:14">
      <c r="N862099" s="10"/>
    </row>
    <row r="862100" spans="14:14">
      <c r="N862100" s="10"/>
    </row>
    <row r="862101" spans="14:14">
      <c r="N862101" s="10"/>
    </row>
    <row r="862102" spans="14:14">
      <c r="N862102" s="10"/>
    </row>
    <row r="862103" spans="14:14">
      <c r="N862103" s="10"/>
    </row>
    <row r="862104" spans="14:14">
      <c r="N862104" s="10"/>
    </row>
    <row r="862105" spans="14:14">
      <c r="N862105" s="10"/>
    </row>
    <row r="862106" spans="14:14">
      <c r="N862106" s="10"/>
    </row>
    <row r="862107" spans="14:14">
      <c r="N862107" s="10"/>
    </row>
    <row r="862108" spans="14:14">
      <c r="N862108" s="10"/>
    </row>
    <row r="862109" spans="14:14">
      <c r="N862109" s="10"/>
    </row>
    <row r="862110" spans="14:14">
      <c r="N862110" s="10"/>
    </row>
    <row r="862111" spans="14:14">
      <c r="N862111" s="10"/>
    </row>
    <row r="862112" spans="14:14">
      <c r="N862112" s="10"/>
    </row>
    <row r="862113" spans="14:14">
      <c r="N862113" s="10"/>
    </row>
    <row r="862114" spans="14:14">
      <c r="N862114" s="10"/>
    </row>
    <row r="862115" spans="14:14">
      <c r="N862115" s="10"/>
    </row>
    <row r="862116" spans="14:14">
      <c r="N862116" s="10"/>
    </row>
    <row r="862117" spans="14:14">
      <c r="N862117" s="10"/>
    </row>
    <row r="862118" spans="14:14">
      <c r="N862118" s="10"/>
    </row>
    <row r="862119" spans="14:14">
      <c r="N862119" s="10"/>
    </row>
    <row r="862120" spans="14:14">
      <c r="N862120" s="10"/>
    </row>
    <row r="862121" spans="14:14">
      <c r="N862121" s="10"/>
    </row>
    <row r="862122" spans="14:14">
      <c r="N862122" s="10"/>
    </row>
    <row r="862123" spans="14:14">
      <c r="N862123" s="10"/>
    </row>
    <row r="862124" spans="14:14">
      <c r="N862124" s="10"/>
    </row>
    <row r="862125" spans="14:14">
      <c r="N862125" s="10"/>
    </row>
    <row r="862126" spans="14:14">
      <c r="N862126" s="10"/>
    </row>
    <row r="862127" spans="14:14">
      <c r="N862127" s="10"/>
    </row>
    <row r="862128" spans="14:14">
      <c r="N862128" s="10"/>
    </row>
    <row r="862129" spans="14:14">
      <c r="N862129" s="10"/>
    </row>
    <row r="862130" spans="14:14">
      <c r="N862130" s="10"/>
    </row>
    <row r="862131" spans="14:14">
      <c r="N862131" s="10"/>
    </row>
    <row r="862132" spans="14:14">
      <c r="N862132" s="10"/>
    </row>
    <row r="862133" spans="14:14">
      <c r="N862133" s="10"/>
    </row>
    <row r="862134" spans="14:14">
      <c r="N862134" s="10"/>
    </row>
    <row r="862135" spans="14:14">
      <c r="N862135" s="10"/>
    </row>
    <row r="862136" spans="14:14">
      <c r="N862136" s="10"/>
    </row>
    <row r="862137" spans="14:14">
      <c r="N862137" s="10"/>
    </row>
    <row r="862138" spans="14:14">
      <c r="N862138" s="10"/>
    </row>
    <row r="862139" spans="14:14">
      <c r="N862139" s="10"/>
    </row>
    <row r="862140" spans="14:14">
      <c r="N862140" s="10"/>
    </row>
    <row r="862141" spans="14:14">
      <c r="N862141" s="10"/>
    </row>
    <row r="862142" spans="14:14">
      <c r="N862142" s="10"/>
    </row>
    <row r="862143" spans="14:14">
      <c r="N862143" s="10"/>
    </row>
    <row r="862144" spans="14:14">
      <c r="N862144" s="10"/>
    </row>
    <row r="862145" spans="14:14">
      <c r="N862145" s="10"/>
    </row>
    <row r="862146" spans="14:14">
      <c r="N862146" s="10"/>
    </row>
    <row r="862147" spans="14:14">
      <c r="N862147" s="10"/>
    </row>
    <row r="862148" spans="14:14">
      <c r="N862148" s="10"/>
    </row>
    <row r="862149" spans="14:14">
      <c r="N862149" s="10"/>
    </row>
    <row r="862150" spans="14:14">
      <c r="N862150" s="10"/>
    </row>
    <row r="862151" spans="14:14">
      <c r="N862151" s="10"/>
    </row>
    <row r="862152" spans="14:14">
      <c r="N862152" s="10"/>
    </row>
    <row r="862153" spans="14:14">
      <c r="N862153" s="10"/>
    </row>
    <row r="862154" spans="14:14">
      <c r="N862154" s="10"/>
    </row>
    <row r="862155" spans="14:14">
      <c r="N862155" s="10"/>
    </row>
    <row r="862156" spans="14:14">
      <c r="N862156" s="10"/>
    </row>
    <row r="862157" spans="14:14">
      <c r="N862157" s="10"/>
    </row>
    <row r="862158" spans="14:14">
      <c r="N862158" s="10"/>
    </row>
    <row r="862159" spans="14:14">
      <c r="N862159" s="10"/>
    </row>
    <row r="862160" spans="14:14">
      <c r="N862160" s="10"/>
    </row>
    <row r="862161" spans="14:14">
      <c r="N862161" s="10"/>
    </row>
    <row r="862162" spans="14:14">
      <c r="N862162" s="10"/>
    </row>
    <row r="862163" spans="14:14">
      <c r="N862163" s="10"/>
    </row>
    <row r="862164" spans="14:14">
      <c r="N862164" s="10"/>
    </row>
    <row r="862165" spans="14:14">
      <c r="N862165" s="10"/>
    </row>
    <row r="862166" spans="14:14">
      <c r="N862166" s="10"/>
    </row>
    <row r="862167" spans="14:14">
      <c r="N862167" s="10"/>
    </row>
    <row r="862168" spans="14:14">
      <c r="N862168" s="10"/>
    </row>
    <row r="862169" spans="14:14">
      <c r="N862169" s="10"/>
    </row>
    <row r="862170" spans="14:14">
      <c r="N862170" s="10"/>
    </row>
    <row r="862171" spans="14:14">
      <c r="N862171" s="10"/>
    </row>
    <row r="862172" spans="14:14">
      <c r="N862172" s="10"/>
    </row>
    <row r="862173" spans="14:14">
      <c r="N862173" s="10"/>
    </row>
    <row r="862174" spans="14:14">
      <c r="N862174" s="10"/>
    </row>
    <row r="862175" spans="14:14">
      <c r="N862175" s="10"/>
    </row>
    <row r="862176" spans="14:14">
      <c r="N862176" s="10"/>
    </row>
    <row r="862177" spans="14:14">
      <c r="N862177" s="10"/>
    </row>
    <row r="862178" spans="14:14">
      <c r="N862178" s="10"/>
    </row>
    <row r="862179" spans="14:14">
      <c r="N862179" s="10"/>
    </row>
    <row r="862180" spans="14:14">
      <c r="N862180" s="10"/>
    </row>
    <row r="862181" spans="14:14">
      <c r="N862181" s="10"/>
    </row>
    <row r="862182" spans="14:14">
      <c r="N862182" s="10"/>
    </row>
    <row r="862183" spans="14:14">
      <c r="N862183" s="10"/>
    </row>
    <row r="862184" spans="14:14">
      <c r="N862184" s="10"/>
    </row>
    <row r="862185" spans="14:14">
      <c r="N862185" s="10"/>
    </row>
    <row r="862186" spans="14:14">
      <c r="N862186" s="10"/>
    </row>
    <row r="862187" spans="14:14">
      <c r="N862187" s="10"/>
    </row>
    <row r="862188" spans="14:14">
      <c r="N862188" s="10"/>
    </row>
    <row r="862189" spans="14:14">
      <c r="N862189" s="10"/>
    </row>
    <row r="862190" spans="14:14">
      <c r="N862190" s="10"/>
    </row>
    <row r="862191" spans="14:14">
      <c r="N862191" s="10"/>
    </row>
    <row r="862192" spans="14:14">
      <c r="N862192" s="10"/>
    </row>
    <row r="862193" spans="14:14">
      <c r="N862193" s="10"/>
    </row>
    <row r="862194" spans="14:14">
      <c r="N862194" s="10"/>
    </row>
    <row r="862195" spans="14:14">
      <c r="N862195" s="10"/>
    </row>
    <row r="862196" spans="14:14">
      <c r="N862196" s="10"/>
    </row>
    <row r="862197" spans="14:14">
      <c r="N862197" s="10"/>
    </row>
    <row r="862198" spans="14:14">
      <c r="N862198" s="10"/>
    </row>
    <row r="862199" spans="14:14">
      <c r="N862199" s="10"/>
    </row>
    <row r="862200" spans="14:14">
      <c r="N862200" s="10"/>
    </row>
    <row r="862201" spans="14:14">
      <c r="N862201" s="10"/>
    </row>
    <row r="862202" spans="14:14">
      <c r="N862202" s="10"/>
    </row>
    <row r="862203" spans="14:14">
      <c r="N862203" s="10"/>
    </row>
    <row r="862204" spans="14:14">
      <c r="N862204" s="10"/>
    </row>
    <row r="862205" spans="14:14">
      <c r="N862205" s="10"/>
    </row>
    <row r="862206" spans="14:14">
      <c r="N862206" s="10"/>
    </row>
    <row r="862207" spans="14:14">
      <c r="N862207" s="10"/>
    </row>
    <row r="862208" spans="14:14">
      <c r="N862208" s="10"/>
    </row>
    <row r="862209" spans="14:14">
      <c r="N862209" s="10"/>
    </row>
    <row r="862210" spans="14:14">
      <c r="N862210" s="10"/>
    </row>
    <row r="862211" spans="14:14">
      <c r="N862211" s="10"/>
    </row>
    <row r="862212" spans="14:14">
      <c r="N862212" s="10"/>
    </row>
    <row r="862213" spans="14:14">
      <c r="N862213" s="10"/>
    </row>
    <row r="862214" spans="14:14">
      <c r="N862214" s="10"/>
    </row>
    <row r="862215" spans="14:14">
      <c r="N862215" s="10"/>
    </row>
    <row r="862216" spans="14:14">
      <c r="N862216" s="10"/>
    </row>
    <row r="862217" spans="14:14">
      <c r="N862217" s="10"/>
    </row>
    <row r="862218" spans="14:14">
      <c r="N862218" s="10"/>
    </row>
    <row r="862219" spans="14:14">
      <c r="N862219" s="10"/>
    </row>
    <row r="862220" spans="14:14">
      <c r="N862220" s="10"/>
    </row>
    <row r="862221" spans="14:14">
      <c r="N862221" s="10"/>
    </row>
    <row r="862222" spans="14:14">
      <c r="N862222" s="10"/>
    </row>
    <row r="862223" spans="14:14">
      <c r="N862223" s="10"/>
    </row>
    <row r="862224" spans="14:14">
      <c r="N862224" s="10"/>
    </row>
    <row r="862225" spans="14:14">
      <c r="N862225" s="10"/>
    </row>
    <row r="862226" spans="14:14">
      <c r="N862226" s="10"/>
    </row>
    <row r="862227" spans="14:14">
      <c r="N862227" s="10"/>
    </row>
    <row r="862228" spans="14:14">
      <c r="N862228" s="10"/>
    </row>
    <row r="862229" spans="14:14">
      <c r="N862229" s="10"/>
    </row>
    <row r="862230" spans="14:14">
      <c r="N862230" s="10"/>
    </row>
    <row r="862231" spans="14:14">
      <c r="N862231" s="10"/>
    </row>
    <row r="862232" spans="14:14">
      <c r="N862232" s="10"/>
    </row>
    <row r="862233" spans="14:14">
      <c r="N862233" s="10"/>
    </row>
    <row r="862234" spans="14:14">
      <c r="N862234" s="10"/>
    </row>
    <row r="862235" spans="14:14">
      <c r="N862235" s="10"/>
    </row>
    <row r="862236" spans="14:14">
      <c r="N862236" s="10"/>
    </row>
    <row r="862237" spans="14:14">
      <c r="N862237" s="10"/>
    </row>
    <row r="862238" spans="14:14">
      <c r="N862238" s="10"/>
    </row>
    <row r="862239" spans="14:14">
      <c r="N862239" s="10"/>
    </row>
    <row r="862240" spans="14:14">
      <c r="N862240" s="10"/>
    </row>
    <row r="862241" spans="14:14">
      <c r="N862241" s="10"/>
    </row>
    <row r="862242" spans="14:14">
      <c r="N862242" s="10"/>
    </row>
    <row r="862243" spans="14:14">
      <c r="N862243" s="10"/>
    </row>
    <row r="862244" spans="14:14">
      <c r="N862244" s="10"/>
    </row>
    <row r="862245" spans="14:14">
      <c r="N862245" s="10"/>
    </row>
    <row r="862246" spans="14:14">
      <c r="N862246" s="10"/>
    </row>
    <row r="862247" spans="14:14">
      <c r="N862247" s="10"/>
    </row>
    <row r="862248" spans="14:14">
      <c r="N862248" s="10"/>
    </row>
    <row r="862249" spans="14:14">
      <c r="N862249" s="10"/>
    </row>
    <row r="862250" spans="14:14">
      <c r="N862250" s="10"/>
    </row>
    <row r="862251" spans="14:14">
      <c r="N862251" s="10"/>
    </row>
    <row r="862252" spans="14:14">
      <c r="N862252" s="10"/>
    </row>
    <row r="862253" spans="14:14">
      <c r="N862253" s="10"/>
    </row>
    <row r="862254" spans="14:14">
      <c r="N862254" s="10"/>
    </row>
    <row r="862255" spans="14:14">
      <c r="N862255" s="10"/>
    </row>
    <row r="862256" spans="14:14">
      <c r="N862256" s="10"/>
    </row>
    <row r="862257" spans="14:14">
      <c r="N862257" s="10"/>
    </row>
    <row r="862258" spans="14:14">
      <c r="N862258" s="10"/>
    </row>
    <row r="862259" spans="14:14">
      <c r="N862259" s="10"/>
    </row>
    <row r="862260" spans="14:14">
      <c r="N862260" s="10"/>
    </row>
    <row r="862261" spans="14:14">
      <c r="N862261" s="10"/>
    </row>
    <row r="862262" spans="14:14">
      <c r="N862262" s="10"/>
    </row>
    <row r="862263" spans="14:14">
      <c r="N862263" s="10"/>
    </row>
    <row r="862264" spans="14:14">
      <c r="N862264" s="10"/>
    </row>
    <row r="862265" spans="14:14">
      <c r="N862265" s="10"/>
    </row>
    <row r="862266" spans="14:14">
      <c r="N862266" s="10"/>
    </row>
    <row r="862267" spans="14:14">
      <c r="N862267" s="10"/>
    </row>
    <row r="862268" spans="14:14">
      <c r="N862268" s="10"/>
    </row>
    <row r="862269" spans="14:14">
      <c r="N862269" s="10"/>
    </row>
    <row r="862270" spans="14:14">
      <c r="N862270" s="10"/>
    </row>
    <row r="862271" spans="14:14">
      <c r="N862271" s="10"/>
    </row>
    <row r="862272" spans="14:14">
      <c r="N862272" s="10"/>
    </row>
    <row r="862273" spans="14:14">
      <c r="N862273" s="10"/>
    </row>
    <row r="862274" spans="14:14">
      <c r="N862274" s="10"/>
    </row>
    <row r="862275" spans="14:14">
      <c r="N862275" s="10"/>
    </row>
    <row r="862276" spans="14:14">
      <c r="N862276" s="10"/>
    </row>
    <row r="862277" spans="14:14">
      <c r="N862277" s="10"/>
    </row>
    <row r="862278" spans="14:14">
      <c r="N862278" s="10"/>
    </row>
    <row r="862279" spans="14:14">
      <c r="N862279" s="10"/>
    </row>
    <row r="862280" spans="14:14">
      <c r="N862280" s="10"/>
    </row>
    <row r="862281" spans="14:14">
      <c r="N862281" s="10"/>
    </row>
    <row r="862282" spans="14:14">
      <c r="N862282" s="10"/>
    </row>
    <row r="862283" spans="14:14">
      <c r="N862283" s="10"/>
    </row>
    <row r="862284" spans="14:14">
      <c r="N862284" s="10"/>
    </row>
    <row r="862285" spans="14:14">
      <c r="N862285" s="10"/>
    </row>
    <row r="862286" spans="14:14">
      <c r="N862286" s="10"/>
    </row>
    <row r="862287" spans="14:14">
      <c r="N862287" s="10"/>
    </row>
    <row r="862288" spans="14:14">
      <c r="N862288" s="10"/>
    </row>
    <row r="862289" spans="14:14">
      <c r="N862289" s="10"/>
    </row>
    <row r="862290" spans="14:14">
      <c r="N862290" s="10"/>
    </row>
    <row r="862291" spans="14:14">
      <c r="N862291" s="10"/>
    </row>
    <row r="862292" spans="14:14">
      <c r="N862292" s="10"/>
    </row>
    <row r="862293" spans="14:14">
      <c r="N862293" s="10"/>
    </row>
    <row r="862294" spans="14:14">
      <c r="N862294" s="10"/>
    </row>
    <row r="862295" spans="14:14">
      <c r="N862295" s="10"/>
    </row>
    <row r="862296" spans="14:14">
      <c r="N862296" s="10"/>
    </row>
    <row r="862297" spans="14:14">
      <c r="N862297" s="10"/>
    </row>
    <row r="862298" spans="14:14">
      <c r="N862298" s="10"/>
    </row>
    <row r="862299" spans="14:14">
      <c r="N862299" s="10"/>
    </row>
    <row r="862300" spans="14:14">
      <c r="N862300" s="10"/>
    </row>
    <row r="862301" spans="14:14">
      <c r="N862301" s="10"/>
    </row>
    <row r="862302" spans="14:14">
      <c r="N862302" s="10"/>
    </row>
    <row r="862303" spans="14:14">
      <c r="N862303" s="10"/>
    </row>
    <row r="862304" spans="14:14">
      <c r="N862304" s="10"/>
    </row>
    <row r="862305" spans="14:14">
      <c r="N862305" s="10"/>
    </row>
    <row r="862306" spans="14:14">
      <c r="N862306" s="10"/>
    </row>
    <row r="862307" spans="14:14">
      <c r="N862307" s="10"/>
    </row>
    <row r="862308" spans="14:14">
      <c r="N862308" s="10"/>
    </row>
    <row r="862309" spans="14:14">
      <c r="N862309" s="10"/>
    </row>
    <row r="862310" spans="14:14">
      <c r="N862310" s="10"/>
    </row>
    <row r="862311" spans="14:14">
      <c r="N862311" s="10"/>
    </row>
    <row r="862312" spans="14:14">
      <c r="N862312" s="10"/>
    </row>
    <row r="862313" spans="14:14">
      <c r="N862313" s="10"/>
    </row>
    <row r="862314" spans="14:14">
      <c r="N862314" s="10"/>
    </row>
    <row r="862315" spans="14:14">
      <c r="N862315" s="10"/>
    </row>
    <row r="862316" spans="14:14">
      <c r="N862316" s="10"/>
    </row>
    <row r="862317" spans="14:14">
      <c r="N862317" s="10"/>
    </row>
    <row r="862318" spans="14:14">
      <c r="N862318" s="10"/>
    </row>
    <row r="862319" spans="14:14">
      <c r="N862319" s="10"/>
    </row>
    <row r="862320" spans="14:14">
      <c r="N862320" s="10"/>
    </row>
    <row r="862321" spans="14:14">
      <c r="N862321" s="10"/>
    </row>
    <row r="862322" spans="14:14">
      <c r="N862322" s="10"/>
    </row>
    <row r="862323" spans="14:14">
      <c r="N862323" s="10"/>
    </row>
    <row r="862324" spans="14:14">
      <c r="N862324" s="10"/>
    </row>
    <row r="862325" spans="14:14">
      <c r="N862325" s="10"/>
    </row>
    <row r="862326" spans="14:14">
      <c r="N862326" s="10"/>
    </row>
    <row r="862327" spans="14:14">
      <c r="N862327" s="10"/>
    </row>
    <row r="862328" spans="14:14">
      <c r="N862328" s="10"/>
    </row>
    <row r="862329" spans="14:14">
      <c r="N862329" s="10"/>
    </row>
    <row r="862330" spans="14:14">
      <c r="N862330" s="10"/>
    </row>
    <row r="862331" spans="14:14">
      <c r="N862331" s="10"/>
    </row>
    <row r="862332" spans="14:14">
      <c r="N862332" s="10"/>
    </row>
    <row r="862333" spans="14:14">
      <c r="N862333" s="10"/>
    </row>
    <row r="862334" spans="14:14">
      <c r="N862334" s="10"/>
    </row>
    <row r="862335" spans="14:14">
      <c r="N862335" s="10"/>
    </row>
    <row r="862336" spans="14:14">
      <c r="N862336" s="10"/>
    </row>
    <row r="862337" spans="14:14">
      <c r="N862337" s="10"/>
    </row>
    <row r="862338" spans="14:14">
      <c r="N862338" s="10"/>
    </row>
    <row r="862339" spans="14:14">
      <c r="N862339" s="10"/>
    </row>
    <row r="862340" spans="14:14">
      <c r="N862340" s="10"/>
    </row>
    <row r="862341" spans="14:14">
      <c r="N862341" s="10"/>
    </row>
    <row r="862342" spans="14:14">
      <c r="N862342" s="10"/>
    </row>
    <row r="862343" spans="14:14">
      <c r="N862343" s="10"/>
    </row>
    <row r="862344" spans="14:14">
      <c r="N862344" s="10"/>
    </row>
    <row r="862345" spans="14:14">
      <c r="N862345" s="10"/>
    </row>
    <row r="862346" spans="14:14">
      <c r="N862346" s="10"/>
    </row>
    <row r="862347" spans="14:14">
      <c r="N862347" s="10"/>
    </row>
    <row r="862348" spans="14:14">
      <c r="N862348" s="10"/>
    </row>
    <row r="862349" spans="14:14">
      <c r="N862349" s="10"/>
    </row>
    <row r="862350" spans="14:14">
      <c r="N862350" s="10"/>
    </row>
    <row r="862351" spans="14:14">
      <c r="N862351" s="10"/>
    </row>
    <row r="862352" spans="14:14">
      <c r="N862352" s="10"/>
    </row>
    <row r="862353" spans="14:14">
      <c r="N862353" s="10"/>
    </row>
    <row r="862354" spans="14:14">
      <c r="N862354" s="10"/>
    </row>
    <row r="862355" spans="14:14">
      <c r="N862355" s="10"/>
    </row>
    <row r="862356" spans="14:14">
      <c r="N862356" s="10"/>
    </row>
    <row r="862357" spans="14:14">
      <c r="N862357" s="10"/>
    </row>
    <row r="862358" spans="14:14">
      <c r="N862358" s="10"/>
    </row>
    <row r="862359" spans="14:14">
      <c r="N862359" s="10"/>
    </row>
    <row r="862360" spans="14:14">
      <c r="N862360" s="10"/>
    </row>
    <row r="862361" spans="14:14">
      <c r="N862361" s="10"/>
    </row>
    <row r="862362" spans="14:14">
      <c r="N862362" s="10"/>
    </row>
    <row r="862363" spans="14:14">
      <c r="N862363" s="10"/>
    </row>
    <row r="862364" spans="14:14">
      <c r="N862364" s="10"/>
    </row>
    <row r="862365" spans="14:14">
      <c r="N862365" s="10"/>
    </row>
    <row r="862366" spans="14:14">
      <c r="N862366" s="10"/>
    </row>
    <row r="862367" spans="14:14">
      <c r="N862367" s="10"/>
    </row>
    <row r="862368" spans="14:14">
      <c r="N862368" s="10"/>
    </row>
    <row r="862369" spans="14:14">
      <c r="N862369" s="10"/>
    </row>
    <row r="862370" spans="14:14">
      <c r="N862370" s="10"/>
    </row>
    <row r="862371" spans="14:14">
      <c r="N862371" s="10"/>
    </row>
    <row r="862372" spans="14:14">
      <c r="N862372" s="10"/>
    </row>
    <row r="862373" spans="14:14">
      <c r="N862373" s="10"/>
    </row>
    <row r="862374" spans="14:14">
      <c r="N862374" s="10"/>
    </row>
    <row r="862375" spans="14:14">
      <c r="N862375" s="10"/>
    </row>
    <row r="862376" spans="14:14">
      <c r="N862376" s="10"/>
    </row>
    <row r="862377" spans="14:14">
      <c r="N862377" s="10"/>
    </row>
    <row r="862378" spans="14:14">
      <c r="N862378" s="10"/>
    </row>
    <row r="862379" spans="14:14">
      <c r="N862379" s="10"/>
    </row>
    <row r="862380" spans="14:14">
      <c r="N862380" s="10"/>
    </row>
    <row r="862381" spans="14:14">
      <c r="N862381" s="10"/>
    </row>
    <row r="862382" spans="14:14">
      <c r="N862382" s="10"/>
    </row>
    <row r="862383" spans="14:14">
      <c r="N862383" s="10"/>
    </row>
    <row r="862384" spans="14:14">
      <c r="N862384" s="10"/>
    </row>
    <row r="862385" spans="14:14">
      <c r="N862385" s="10"/>
    </row>
    <row r="862386" spans="14:14">
      <c r="N862386" s="10"/>
    </row>
    <row r="862387" spans="14:14">
      <c r="N862387" s="10"/>
    </row>
    <row r="862388" spans="14:14">
      <c r="N862388" s="10"/>
    </row>
    <row r="862389" spans="14:14">
      <c r="N862389" s="10"/>
    </row>
    <row r="862390" spans="14:14">
      <c r="N862390" s="10"/>
    </row>
    <row r="862391" spans="14:14">
      <c r="N862391" s="10"/>
    </row>
    <row r="862392" spans="14:14">
      <c r="N862392" s="10"/>
    </row>
    <row r="862393" spans="14:14">
      <c r="N862393" s="10"/>
    </row>
    <row r="862394" spans="14:14">
      <c r="N862394" s="10"/>
    </row>
    <row r="862395" spans="14:14">
      <c r="N862395" s="10"/>
    </row>
    <row r="862396" spans="14:14">
      <c r="N862396" s="10"/>
    </row>
    <row r="862397" spans="14:14">
      <c r="N862397" s="10"/>
    </row>
    <row r="862398" spans="14:14">
      <c r="N862398" s="10"/>
    </row>
    <row r="862399" spans="14:14">
      <c r="N862399" s="10"/>
    </row>
    <row r="862400" spans="14:14">
      <c r="N862400" s="10"/>
    </row>
    <row r="862401" spans="14:14">
      <c r="N862401" s="10"/>
    </row>
    <row r="862402" spans="14:14">
      <c r="N862402" s="10"/>
    </row>
    <row r="862403" spans="14:14">
      <c r="N862403" s="10"/>
    </row>
    <row r="862404" spans="14:14">
      <c r="N862404" s="10"/>
    </row>
    <row r="862405" spans="14:14">
      <c r="N862405" s="10"/>
    </row>
    <row r="862406" spans="14:14">
      <c r="N862406" s="10"/>
    </row>
    <row r="862407" spans="14:14">
      <c r="N862407" s="10"/>
    </row>
    <row r="862408" spans="14:14">
      <c r="N862408" s="10"/>
    </row>
    <row r="862409" spans="14:14">
      <c r="N862409" s="10"/>
    </row>
    <row r="862410" spans="14:14">
      <c r="N862410" s="10"/>
    </row>
    <row r="862411" spans="14:14">
      <c r="N862411" s="10"/>
    </row>
    <row r="862412" spans="14:14">
      <c r="N862412" s="10"/>
    </row>
    <row r="862413" spans="14:14">
      <c r="N862413" s="10"/>
    </row>
    <row r="862414" spans="14:14">
      <c r="N862414" s="10"/>
    </row>
    <row r="862415" spans="14:14">
      <c r="N862415" s="10"/>
    </row>
    <row r="862416" spans="14:14">
      <c r="N862416" s="10"/>
    </row>
    <row r="862417" spans="14:14">
      <c r="N862417" s="10"/>
    </row>
    <row r="862418" spans="14:14">
      <c r="N862418" s="10"/>
    </row>
    <row r="862419" spans="14:14">
      <c r="N862419" s="10"/>
    </row>
    <row r="862420" spans="14:14">
      <c r="N862420" s="10"/>
    </row>
    <row r="862421" spans="14:14">
      <c r="N862421" s="10"/>
    </row>
    <row r="862422" spans="14:14">
      <c r="N862422" s="10"/>
    </row>
    <row r="862423" spans="14:14">
      <c r="N862423" s="10"/>
    </row>
    <row r="862424" spans="14:14">
      <c r="N862424" s="10"/>
    </row>
    <row r="862425" spans="14:14">
      <c r="N862425" s="10"/>
    </row>
    <row r="862426" spans="14:14">
      <c r="N862426" s="10"/>
    </row>
    <row r="862427" spans="14:14">
      <c r="N862427" s="10"/>
    </row>
    <row r="862428" spans="14:14">
      <c r="N862428" s="10"/>
    </row>
    <row r="862429" spans="14:14">
      <c r="N862429" s="10"/>
    </row>
    <row r="862430" spans="14:14">
      <c r="N862430" s="10"/>
    </row>
    <row r="862431" spans="14:14">
      <c r="N862431" s="10"/>
    </row>
    <row r="862432" spans="14:14">
      <c r="N862432" s="10"/>
    </row>
    <row r="862433" spans="14:14">
      <c r="N862433" s="10"/>
    </row>
    <row r="862434" spans="14:14">
      <c r="N862434" s="10"/>
    </row>
    <row r="862435" spans="14:14">
      <c r="N862435" s="10"/>
    </row>
    <row r="862436" spans="14:14">
      <c r="N862436" s="10"/>
    </row>
    <row r="862437" spans="14:14">
      <c r="N862437" s="10"/>
    </row>
    <row r="862438" spans="14:14">
      <c r="N862438" s="10"/>
    </row>
    <row r="862439" spans="14:14">
      <c r="N862439" s="10"/>
    </row>
    <row r="862440" spans="14:14">
      <c r="N862440" s="10"/>
    </row>
    <row r="862441" spans="14:14">
      <c r="N862441" s="10"/>
    </row>
    <row r="862442" spans="14:14">
      <c r="N862442" s="10"/>
    </row>
    <row r="862443" spans="14:14">
      <c r="N862443" s="10"/>
    </row>
    <row r="862444" spans="14:14">
      <c r="N862444" s="10"/>
    </row>
    <row r="862445" spans="14:14">
      <c r="N862445" s="10"/>
    </row>
    <row r="862446" spans="14:14">
      <c r="N862446" s="10"/>
    </row>
    <row r="862447" spans="14:14">
      <c r="N862447" s="10"/>
    </row>
    <row r="862448" spans="14:14">
      <c r="N862448" s="10"/>
    </row>
    <row r="862449" spans="14:14">
      <c r="N862449" s="10"/>
    </row>
    <row r="862450" spans="14:14">
      <c r="N862450" s="10"/>
    </row>
    <row r="862451" spans="14:14">
      <c r="N862451" s="10"/>
    </row>
    <row r="862452" spans="14:14">
      <c r="N862452" s="10"/>
    </row>
    <row r="862453" spans="14:14">
      <c r="N862453" s="10"/>
    </row>
    <row r="862454" spans="14:14">
      <c r="N862454" s="10"/>
    </row>
    <row r="862455" spans="14:14">
      <c r="N862455" s="10"/>
    </row>
    <row r="862456" spans="14:14">
      <c r="N862456" s="10"/>
    </row>
    <row r="862457" spans="14:14">
      <c r="N862457" s="10"/>
    </row>
    <row r="862458" spans="14:14">
      <c r="N862458" s="10"/>
    </row>
    <row r="862459" spans="14:14">
      <c r="N862459" s="10"/>
    </row>
    <row r="862460" spans="14:14">
      <c r="N862460" s="10"/>
    </row>
    <row r="862461" spans="14:14">
      <c r="N862461" s="10"/>
    </row>
    <row r="862462" spans="14:14">
      <c r="N862462" s="10"/>
    </row>
    <row r="862463" spans="14:14">
      <c r="N862463" s="10"/>
    </row>
    <row r="862464" spans="14:14">
      <c r="N862464" s="10"/>
    </row>
    <row r="862465" spans="14:14">
      <c r="N862465" s="10"/>
    </row>
    <row r="862466" spans="14:14">
      <c r="N862466" s="10"/>
    </row>
    <row r="862467" spans="14:14">
      <c r="N862467" s="10"/>
    </row>
    <row r="862468" spans="14:14">
      <c r="N862468" s="10"/>
    </row>
    <row r="862469" spans="14:14">
      <c r="N862469" s="10"/>
    </row>
    <row r="862470" spans="14:14">
      <c r="N862470" s="10"/>
    </row>
    <row r="862471" spans="14:14">
      <c r="N862471" s="10"/>
    </row>
    <row r="862472" spans="14:14">
      <c r="N862472" s="10"/>
    </row>
    <row r="862473" spans="14:14">
      <c r="N862473" s="10"/>
    </row>
    <row r="862474" spans="14:14">
      <c r="N862474" s="10"/>
    </row>
    <row r="862475" spans="14:14">
      <c r="N862475" s="10"/>
    </row>
    <row r="862476" spans="14:14">
      <c r="N862476" s="10"/>
    </row>
    <row r="862477" spans="14:14">
      <c r="N862477" s="10"/>
    </row>
    <row r="862478" spans="14:14">
      <c r="N862478" s="10"/>
    </row>
    <row r="862479" spans="14:14">
      <c r="N862479" s="10"/>
    </row>
    <row r="862480" spans="14:14">
      <c r="N862480" s="10"/>
    </row>
    <row r="862481" spans="14:14">
      <c r="N862481" s="10"/>
    </row>
    <row r="862482" spans="14:14">
      <c r="N862482" s="10"/>
    </row>
    <row r="862483" spans="14:14">
      <c r="N862483" s="10"/>
    </row>
    <row r="862484" spans="14:14">
      <c r="N862484" s="10"/>
    </row>
    <row r="862485" spans="14:14">
      <c r="N862485" s="10"/>
    </row>
    <row r="862486" spans="14:14">
      <c r="N862486" s="10"/>
    </row>
    <row r="862487" spans="14:14">
      <c r="N862487" s="10"/>
    </row>
    <row r="862488" spans="14:14">
      <c r="N862488" s="10"/>
    </row>
    <row r="862489" spans="14:14">
      <c r="N862489" s="10"/>
    </row>
    <row r="862490" spans="14:14">
      <c r="N862490" s="10"/>
    </row>
    <row r="862491" spans="14:14">
      <c r="N862491" s="10"/>
    </row>
    <row r="862492" spans="14:14">
      <c r="N862492" s="10"/>
    </row>
    <row r="862493" spans="14:14">
      <c r="N862493" s="10"/>
    </row>
    <row r="862494" spans="14:14">
      <c r="N862494" s="10"/>
    </row>
    <row r="862495" spans="14:14">
      <c r="N862495" s="10"/>
    </row>
    <row r="862496" spans="14:14">
      <c r="N862496" s="10"/>
    </row>
    <row r="862497" spans="14:14">
      <c r="N862497" s="10"/>
    </row>
    <row r="862498" spans="14:14">
      <c r="N862498" s="10"/>
    </row>
    <row r="862499" spans="14:14">
      <c r="N862499" s="10"/>
    </row>
    <row r="862500" spans="14:14">
      <c r="N862500" s="10"/>
    </row>
    <row r="862501" spans="14:14">
      <c r="N862501" s="10"/>
    </row>
    <row r="862502" spans="14:14">
      <c r="N862502" s="10"/>
    </row>
    <row r="862503" spans="14:14">
      <c r="N862503" s="10"/>
    </row>
    <row r="862504" spans="14:14">
      <c r="N862504" s="10"/>
    </row>
    <row r="862505" spans="14:14">
      <c r="N862505" s="10"/>
    </row>
    <row r="862506" spans="14:14">
      <c r="N862506" s="10"/>
    </row>
    <row r="862507" spans="14:14">
      <c r="N862507" s="10"/>
    </row>
    <row r="862508" spans="14:14">
      <c r="N862508" s="10"/>
    </row>
    <row r="862509" spans="14:14">
      <c r="N862509" s="10"/>
    </row>
    <row r="862510" spans="14:14">
      <c r="N862510" s="10"/>
    </row>
    <row r="862511" spans="14:14">
      <c r="N862511" s="10"/>
    </row>
    <row r="862512" spans="14:14">
      <c r="N862512" s="10"/>
    </row>
    <row r="862513" spans="14:14">
      <c r="N862513" s="10"/>
    </row>
    <row r="862514" spans="14:14">
      <c r="N862514" s="10"/>
    </row>
    <row r="862515" spans="14:14">
      <c r="N862515" s="10"/>
    </row>
    <row r="862516" spans="14:14">
      <c r="N862516" s="10"/>
    </row>
    <row r="862517" spans="14:14">
      <c r="N862517" s="10"/>
    </row>
    <row r="862518" spans="14:14">
      <c r="N862518" s="10"/>
    </row>
    <row r="862519" spans="14:14">
      <c r="N862519" s="10"/>
    </row>
    <row r="862520" spans="14:14">
      <c r="N862520" s="10"/>
    </row>
    <row r="862521" spans="14:14">
      <c r="N862521" s="10"/>
    </row>
    <row r="862522" spans="14:14">
      <c r="N862522" s="10"/>
    </row>
    <row r="862523" spans="14:14">
      <c r="N862523" s="10"/>
    </row>
    <row r="862524" spans="14:14">
      <c r="N862524" s="10"/>
    </row>
    <row r="862525" spans="14:14">
      <c r="N862525" s="10"/>
    </row>
    <row r="862526" spans="14:14">
      <c r="N862526" s="10"/>
    </row>
    <row r="862527" spans="14:14">
      <c r="N862527" s="10"/>
    </row>
    <row r="862528" spans="14:14">
      <c r="N862528" s="10"/>
    </row>
    <row r="862529" spans="14:14">
      <c r="N862529" s="10"/>
    </row>
    <row r="862530" spans="14:14">
      <c r="N862530" s="10"/>
    </row>
    <row r="862531" spans="14:14">
      <c r="N862531" s="10"/>
    </row>
    <row r="862532" spans="14:14">
      <c r="N862532" s="10"/>
    </row>
    <row r="862533" spans="14:14">
      <c r="N862533" s="10"/>
    </row>
    <row r="862534" spans="14:14">
      <c r="N862534" s="10"/>
    </row>
    <row r="862535" spans="14:14">
      <c r="N862535" s="10"/>
    </row>
    <row r="862536" spans="14:14">
      <c r="N862536" s="10"/>
    </row>
    <row r="862537" spans="14:14">
      <c r="N862537" s="10"/>
    </row>
    <row r="862538" spans="14:14">
      <c r="N862538" s="10"/>
    </row>
    <row r="862539" spans="14:14">
      <c r="N862539" s="10"/>
    </row>
    <row r="862540" spans="14:14">
      <c r="N862540" s="10"/>
    </row>
    <row r="862541" spans="14:14">
      <c r="N862541" s="10"/>
    </row>
    <row r="862542" spans="14:14">
      <c r="N862542" s="10"/>
    </row>
    <row r="862543" spans="14:14">
      <c r="N862543" s="10"/>
    </row>
    <row r="862544" spans="14:14">
      <c r="N862544" s="10"/>
    </row>
    <row r="862545" spans="14:14">
      <c r="N862545" s="10"/>
    </row>
    <row r="862546" spans="14:14">
      <c r="N862546" s="10"/>
    </row>
    <row r="862547" spans="14:14">
      <c r="N862547" s="10"/>
    </row>
    <row r="862548" spans="14:14">
      <c r="N862548" s="10"/>
    </row>
    <row r="862549" spans="14:14">
      <c r="N862549" s="10"/>
    </row>
    <row r="862550" spans="14:14">
      <c r="N862550" s="10"/>
    </row>
    <row r="862551" spans="14:14">
      <c r="N862551" s="10"/>
    </row>
    <row r="862552" spans="14:14">
      <c r="N862552" s="10"/>
    </row>
    <row r="862553" spans="14:14">
      <c r="N862553" s="10"/>
    </row>
    <row r="862554" spans="14:14">
      <c r="N862554" s="10"/>
    </row>
    <row r="862555" spans="14:14">
      <c r="N862555" s="10"/>
    </row>
    <row r="862556" spans="14:14">
      <c r="N862556" s="10"/>
    </row>
    <row r="862557" spans="14:14">
      <c r="N862557" s="10"/>
    </row>
    <row r="862558" spans="14:14">
      <c r="N862558" s="10"/>
    </row>
    <row r="862559" spans="14:14">
      <c r="N862559" s="10"/>
    </row>
    <row r="862560" spans="14:14">
      <c r="N862560" s="10"/>
    </row>
    <row r="862561" spans="14:14">
      <c r="N862561" s="10"/>
    </row>
    <row r="862562" spans="14:14">
      <c r="N862562" s="10"/>
    </row>
    <row r="862563" spans="14:14">
      <c r="N862563" s="10"/>
    </row>
    <row r="862564" spans="14:14">
      <c r="N862564" s="10"/>
    </row>
    <row r="862565" spans="14:14">
      <c r="N862565" s="10"/>
    </row>
    <row r="862566" spans="14:14">
      <c r="N862566" s="10"/>
    </row>
    <row r="862567" spans="14:14">
      <c r="N862567" s="10"/>
    </row>
    <row r="862568" spans="14:14">
      <c r="N862568" s="10"/>
    </row>
    <row r="862569" spans="14:14">
      <c r="N862569" s="10"/>
    </row>
    <row r="862570" spans="14:14">
      <c r="N862570" s="10"/>
    </row>
    <row r="862571" spans="14:14">
      <c r="N862571" s="10"/>
    </row>
    <row r="862572" spans="14:14">
      <c r="N862572" s="10"/>
    </row>
    <row r="862573" spans="14:14">
      <c r="N862573" s="10"/>
    </row>
    <row r="862574" spans="14:14">
      <c r="N862574" s="10"/>
    </row>
    <row r="862575" spans="14:14">
      <c r="N862575" s="10"/>
    </row>
    <row r="862576" spans="14:14">
      <c r="N862576" s="10"/>
    </row>
    <row r="862577" spans="14:14">
      <c r="N862577" s="10"/>
    </row>
    <row r="862578" spans="14:14">
      <c r="N862578" s="10"/>
    </row>
    <row r="862579" spans="14:14">
      <c r="N862579" s="10"/>
    </row>
    <row r="862580" spans="14:14">
      <c r="N862580" s="10"/>
    </row>
    <row r="862581" spans="14:14">
      <c r="N862581" s="10"/>
    </row>
    <row r="862582" spans="14:14">
      <c r="N862582" s="10"/>
    </row>
    <row r="862583" spans="14:14">
      <c r="N862583" s="10"/>
    </row>
    <row r="862584" spans="14:14">
      <c r="N862584" s="10"/>
    </row>
    <row r="862585" spans="14:14">
      <c r="N862585" s="10"/>
    </row>
    <row r="862586" spans="14:14">
      <c r="N862586" s="10"/>
    </row>
    <row r="862587" spans="14:14">
      <c r="N862587" s="10"/>
    </row>
    <row r="862588" spans="14:14">
      <c r="N862588" s="10"/>
    </row>
    <row r="862589" spans="14:14">
      <c r="N862589" s="10"/>
    </row>
    <row r="862590" spans="14:14">
      <c r="N862590" s="10"/>
    </row>
    <row r="862591" spans="14:14">
      <c r="N862591" s="10"/>
    </row>
    <row r="862592" spans="14:14">
      <c r="N862592" s="10"/>
    </row>
    <row r="862593" spans="14:14">
      <c r="N862593" s="10"/>
    </row>
    <row r="862594" spans="14:14">
      <c r="N862594" s="10"/>
    </row>
    <row r="862595" spans="14:14">
      <c r="N862595" s="10"/>
    </row>
    <row r="862596" spans="14:14">
      <c r="N862596" s="10"/>
    </row>
    <row r="862597" spans="14:14">
      <c r="N862597" s="10"/>
    </row>
    <row r="862598" spans="14:14">
      <c r="N862598" s="10"/>
    </row>
    <row r="862599" spans="14:14">
      <c r="N862599" s="10"/>
    </row>
    <row r="862600" spans="14:14">
      <c r="N862600" s="10"/>
    </row>
    <row r="862601" spans="14:14">
      <c r="N862601" s="10"/>
    </row>
    <row r="862602" spans="14:14">
      <c r="N862602" s="10"/>
    </row>
    <row r="862603" spans="14:14">
      <c r="N862603" s="10"/>
    </row>
    <row r="862604" spans="14:14">
      <c r="N862604" s="10"/>
    </row>
    <row r="862605" spans="14:14">
      <c r="N862605" s="10"/>
    </row>
    <row r="862606" spans="14:14">
      <c r="N862606" s="10"/>
    </row>
    <row r="862607" spans="14:14">
      <c r="N862607" s="10"/>
    </row>
    <row r="862608" spans="14:14">
      <c r="N862608" s="10"/>
    </row>
    <row r="862609" spans="14:14">
      <c r="N862609" s="10"/>
    </row>
    <row r="862610" spans="14:14">
      <c r="N862610" s="10"/>
    </row>
    <row r="862611" spans="14:14">
      <c r="N862611" s="10"/>
    </row>
    <row r="862612" spans="14:14">
      <c r="N862612" s="10"/>
    </row>
    <row r="862613" spans="14:14">
      <c r="N862613" s="10"/>
    </row>
    <row r="862614" spans="14:14">
      <c r="N862614" s="10"/>
    </row>
    <row r="862615" spans="14:14">
      <c r="N862615" s="10"/>
    </row>
    <row r="862616" spans="14:14">
      <c r="N862616" s="10"/>
    </row>
    <row r="862617" spans="14:14">
      <c r="N862617" s="10"/>
    </row>
    <row r="862618" spans="14:14">
      <c r="N862618" s="10"/>
    </row>
    <row r="862619" spans="14:14">
      <c r="N862619" s="10"/>
    </row>
    <row r="862620" spans="14:14">
      <c r="N862620" s="10"/>
    </row>
    <row r="862621" spans="14:14">
      <c r="N862621" s="10"/>
    </row>
    <row r="862622" spans="14:14">
      <c r="N862622" s="10"/>
    </row>
    <row r="862623" spans="14:14">
      <c r="N862623" s="10"/>
    </row>
    <row r="862624" spans="14:14">
      <c r="N862624" s="10"/>
    </row>
    <row r="862625" spans="14:14">
      <c r="N862625" s="10"/>
    </row>
    <row r="862626" spans="14:14">
      <c r="N862626" s="10"/>
    </row>
    <row r="862627" spans="14:14">
      <c r="N862627" s="10"/>
    </row>
    <row r="862628" spans="14:14">
      <c r="N862628" s="10"/>
    </row>
    <row r="862629" spans="14:14">
      <c r="N862629" s="10"/>
    </row>
    <row r="862630" spans="14:14">
      <c r="N862630" s="10"/>
    </row>
    <row r="862631" spans="14:14">
      <c r="N862631" s="10"/>
    </row>
    <row r="862632" spans="14:14">
      <c r="N862632" s="10"/>
    </row>
    <row r="862633" spans="14:14">
      <c r="N862633" s="10"/>
    </row>
    <row r="862634" spans="14:14">
      <c r="N862634" s="10"/>
    </row>
    <row r="862635" spans="14:14">
      <c r="N862635" s="10"/>
    </row>
    <row r="862636" spans="14:14">
      <c r="N862636" s="10"/>
    </row>
    <row r="862637" spans="14:14">
      <c r="N862637" s="10"/>
    </row>
    <row r="862638" spans="14:14">
      <c r="N862638" s="10"/>
    </row>
    <row r="862639" spans="14:14">
      <c r="N862639" s="10"/>
    </row>
    <row r="862640" spans="14:14">
      <c r="N862640" s="10"/>
    </row>
    <row r="862641" spans="14:14">
      <c r="N862641" s="10"/>
    </row>
    <row r="862642" spans="14:14">
      <c r="N862642" s="10"/>
    </row>
    <row r="862643" spans="14:14">
      <c r="N862643" s="10"/>
    </row>
    <row r="862644" spans="14:14">
      <c r="N862644" s="10"/>
    </row>
    <row r="862645" spans="14:14">
      <c r="N862645" s="10"/>
    </row>
    <row r="862646" spans="14:14">
      <c r="N862646" s="10"/>
    </row>
    <row r="862647" spans="14:14">
      <c r="N862647" s="10"/>
    </row>
    <row r="862648" spans="14:14">
      <c r="N862648" s="10"/>
    </row>
    <row r="862649" spans="14:14">
      <c r="N862649" s="10"/>
    </row>
    <row r="862650" spans="14:14">
      <c r="N862650" s="10"/>
    </row>
    <row r="862651" spans="14:14">
      <c r="N862651" s="10"/>
    </row>
    <row r="862652" spans="14:14">
      <c r="N862652" s="10"/>
    </row>
    <row r="862653" spans="14:14">
      <c r="N862653" s="10"/>
    </row>
    <row r="862654" spans="14:14">
      <c r="N862654" s="10"/>
    </row>
    <row r="862655" spans="14:14">
      <c r="N862655" s="10"/>
    </row>
    <row r="862656" spans="14:14">
      <c r="N862656" s="10"/>
    </row>
    <row r="862657" spans="14:14">
      <c r="N862657" s="10"/>
    </row>
    <row r="862658" spans="14:14">
      <c r="N862658" s="10"/>
    </row>
    <row r="862659" spans="14:14">
      <c r="N862659" s="10"/>
    </row>
    <row r="862660" spans="14:14">
      <c r="N862660" s="10"/>
    </row>
    <row r="862661" spans="14:14">
      <c r="N862661" s="10"/>
    </row>
    <row r="862662" spans="14:14">
      <c r="N862662" s="10"/>
    </row>
    <row r="862663" spans="14:14">
      <c r="N862663" s="10"/>
    </row>
    <row r="862664" spans="14:14">
      <c r="N862664" s="10"/>
    </row>
    <row r="862665" spans="14:14">
      <c r="N862665" s="10"/>
    </row>
    <row r="862666" spans="14:14">
      <c r="N862666" s="10"/>
    </row>
    <row r="862667" spans="14:14">
      <c r="N862667" s="10"/>
    </row>
    <row r="862668" spans="14:14">
      <c r="N862668" s="10"/>
    </row>
    <row r="862669" spans="14:14">
      <c r="N862669" s="10"/>
    </row>
    <row r="862670" spans="14:14">
      <c r="N862670" s="10"/>
    </row>
    <row r="862671" spans="14:14">
      <c r="N862671" s="10"/>
    </row>
    <row r="862672" spans="14:14">
      <c r="N862672" s="10"/>
    </row>
    <row r="862673" spans="14:14">
      <c r="N862673" s="10"/>
    </row>
    <row r="862674" spans="14:14">
      <c r="N862674" s="10"/>
    </row>
    <row r="862675" spans="14:14">
      <c r="N862675" s="10"/>
    </row>
    <row r="862676" spans="14:14">
      <c r="N862676" s="10"/>
    </row>
    <row r="862677" spans="14:14">
      <c r="N862677" s="10"/>
    </row>
    <row r="862678" spans="14:14">
      <c r="N862678" s="10"/>
    </row>
    <row r="862679" spans="14:14">
      <c r="N862679" s="10"/>
    </row>
    <row r="862680" spans="14:14">
      <c r="N862680" s="10"/>
    </row>
    <row r="862681" spans="14:14">
      <c r="N862681" s="10"/>
    </row>
    <row r="862682" spans="14:14">
      <c r="N862682" s="10"/>
    </row>
    <row r="862683" spans="14:14">
      <c r="N862683" s="10"/>
    </row>
    <row r="862684" spans="14:14">
      <c r="N862684" s="10"/>
    </row>
    <row r="862685" spans="14:14">
      <c r="N862685" s="10"/>
    </row>
    <row r="862686" spans="14:14">
      <c r="N862686" s="10"/>
    </row>
    <row r="862687" spans="14:14">
      <c r="N862687" s="10"/>
    </row>
    <row r="862688" spans="14:14">
      <c r="N862688" s="10"/>
    </row>
    <row r="862689" spans="14:14">
      <c r="N862689" s="10"/>
    </row>
    <row r="862690" spans="14:14">
      <c r="N862690" s="10"/>
    </row>
    <row r="862691" spans="14:14">
      <c r="N862691" s="10"/>
    </row>
    <row r="862692" spans="14:14">
      <c r="N862692" s="10"/>
    </row>
    <row r="862693" spans="14:14">
      <c r="N862693" s="10"/>
    </row>
    <row r="862694" spans="14:14">
      <c r="N862694" s="10"/>
    </row>
    <row r="862695" spans="14:14">
      <c r="N862695" s="10"/>
    </row>
    <row r="862696" spans="14:14">
      <c r="N862696" s="10"/>
    </row>
    <row r="862697" spans="14:14">
      <c r="N862697" s="10"/>
    </row>
    <row r="862698" spans="14:14">
      <c r="N862698" s="10"/>
    </row>
    <row r="862699" spans="14:14">
      <c r="N862699" s="10"/>
    </row>
    <row r="862700" spans="14:14">
      <c r="N862700" s="10"/>
    </row>
    <row r="862701" spans="14:14">
      <c r="N862701" s="10"/>
    </row>
    <row r="862702" spans="14:14">
      <c r="N862702" s="10"/>
    </row>
    <row r="862703" spans="14:14">
      <c r="N862703" s="10"/>
    </row>
    <row r="862704" spans="14:14">
      <c r="N862704" s="10"/>
    </row>
    <row r="862705" spans="14:14">
      <c r="N862705" s="10"/>
    </row>
    <row r="862706" spans="14:14">
      <c r="N862706" s="10"/>
    </row>
    <row r="862707" spans="14:14">
      <c r="N862707" s="10"/>
    </row>
    <row r="862708" spans="14:14">
      <c r="N862708" s="10"/>
    </row>
    <row r="862709" spans="14:14">
      <c r="N862709" s="10"/>
    </row>
    <row r="862710" spans="14:14">
      <c r="N862710" s="10"/>
    </row>
    <row r="862711" spans="14:14">
      <c r="N862711" s="10"/>
    </row>
    <row r="862712" spans="14:14">
      <c r="N862712" s="10"/>
    </row>
    <row r="862713" spans="14:14">
      <c r="N862713" s="10"/>
    </row>
    <row r="862714" spans="14:14">
      <c r="N862714" s="10"/>
    </row>
    <row r="862715" spans="14:14">
      <c r="N862715" s="10"/>
    </row>
    <row r="862716" spans="14:14">
      <c r="N862716" s="10"/>
    </row>
    <row r="862717" spans="14:14">
      <c r="N862717" s="10"/>
    </row>
    <row r="862718" spans="14:14">
      <c r="N862718" s="10"/>
    </row>
    <row r="862719" spans="14:14">
      <c r="N862719" s="10"/>
    </row>
    <row r="862720" spans="14:14">
      <c r="N862720" s="10"/>
    </row>
    <row r="862721" spans="14:14">
      <c r="N862721" s="10"/>
    </row>
    <row r="862722" spans="14:14">
      <c r="N862722" s="10"/>
    </row>
    <row r="862723" spans="14:14">
      <c r="N862723" s="10"/>
    </row>
    <row r="862724" spans="14:14">
      <c r="N862724" s="10"/>
    </row>
    <row r="862725" spans="14:14">
      <c r="N862725" s="10"/>
    </row>
    <row r="862726" spans="14:14">
      <c r="N862726" s="10"/>
    </row>
    <row r="862727" spans="14:14">
      <c r="N862727" s="10"/>
    </row>
    <row r="862728" spans="14:14">
      <c r="N862728" s="10"/>
    </row>
    <row r="862729" spans="14:14">
      <c r="N862729" s="10"/>
    </row>
    <row r="862730" spans="14:14">
      <c r="N862730" s="10"/>
    </row>
    <row r="862731" spans="14:14">
      <c r="N862731" s="10"/>
    </row>
    <row r="862732" spans="14:14">
      <c r="N862732" s="10"/>
    </row>
    <row r="862733" spans="14:14">
      <c r="N862733" s="10"/>
    </row>
    <row r="862734" spans="14:14">
      <c r="N862734" s="10"/>
    </row>
    <row r="862735" spans="14:14">
      <c r="N862735" s="10"/>
    </row>
    <row r="862736" spans="14:14">
      <c r="N862736" s="10"/>
    </row>
    <row r="862737" spans="14:14">
      <c r="N862737" s="10"/>
    </row>
    <row r="862738" spans="14:14">
      <c r="N862738" s="10"/>
    </row>
    <row r="862739" spans="14:14">
      <c r="N862739" s="10"/>
    </row>
    <row r="862740" spans="14:14">
      <c r="N862740" s="10"/>
    </row>
    <row r="862741" spans="14:14">
      <c r="N862741" s="10"/>
    </row>
    <row r="862742" spans="14:14">
      <c r="N862742" s="10"/>
    </row>
    <row r="862743" spans="14:14">
      <c r="N862743" s="10"/>
    </row>
    <row r="862744" spans="14:14">
      <c r="N862744" s="10"/>
    </row>
    <row r="862745" spans="14:14">
      <c r="N862745" s="10"/>
    </row>
    <row r="862746" spans="14:14">
      <c r="N862746" s="10"/>
    </row>
    <row r="862747" spans="14:14">
      <c r="N862747" s="10"/>
    </row>
    <row r="862748" spans="14:14">
      <c r="N862748" s="10"/>
    </row>
    <row r="862749" spans="14:14">
      <c r="N862749" s="10"/>
    </row>
    <row r="862750" spans="14:14">
      <c r="N862750" s="10"/>
    </row>
    <row r="862751" spans="14:14">
      <c r="N862751" s="10"/>
    </row>
    <row r="862752" spans="14:14">
      <c r="N862752" s="10"/>
    </row>
    <row r="862753" spans="14:14">
      <c r="N862753" s="10"/>
    </row>
    <row r="862754" spans="14:14">
      <c r="N862754" s="10"/>
    </row>
    <row r="862755" spans="14:14">
      <c r="N862755" s="10"/>
    </row>
    <row r="862756" spans="14:14">
      <c r="N862756" s="10"/>
    </row>
    <row r="862757" spans="14:14">
      <c r="N862757" s="10"/>
    </row>
    <row r="862758" spans="14:14">
      <c r="N862758" s="10"/>
    </row>
    <row r="862759" spans="14:14">
      <c r="N862759" s="10"/>
    </row>
    <row r="862760" spans="14:14">
      <c r="N862760" s="10"/>
    </row>
    <row r="862761" spans="14:14">
      <c r="N862761" s="10"/>
    </row>
    <row r="862762" spans="14:14">
      <c r="N862762" s="10"/>
    </row>
    <row r="862763" spans="14:14">
      <c r="N862763" s="10"/>
    </row>
    <row r="862764" spans="14:14">
      <c r="N862764" s="10"/>
    </row>
    <row r="862765" spans="14:14">
      <c r="N862765" s="10"/>
    </row>
    <row r="862766" spans="14:14">
      <c r="N862766" s="10"/>
    </row>
    <row r="862767" spans="14:14">
      <c r="N862767" s="10"/>
    </row>
    <row r="862768" spans="14:14">
      <c r="N862768" s="10"/>
    </row>
    <row r="862769" spans="14:14">
      <c r="N862769" s="10"/>
    </row>
    <row r="862770" spans="14:14">
      <c r="N862770" s="10"/>
    </row>
    <row r="862771" spans="14:14">
      <c r="N862771" s="10"/>
    </row>
    <row r="862772" spans="14:14">
      <c r="N862772" s="10"/>
    </row>
    <row r="862773" spans="14:14">
      <c r="N862773" s="10"/>
    </row>
    <row r="862774" spans="14:14">
      <c r="N862774" s="10"/>
    </row>
    <row r="862775" spans="14:14">
      <c r="N862775" s="10"/>
    </row>
    <row r="862776" spans="14:14">
      <c r="N862776" s="10"/>
    </row>
    <row r="862777" spans="14:14">
      <c r="N862777" s="10"/>
    </row>
    <row r="862778" spans="14:14">
      <c r="N862778" s="10"/>
    </row>
    <row r="862779" spans="14:14">
      <c r="N862779" s="10"/>
    </row>
    <row r="862780" spans="14:14">
      <c r="N862780" s="10"/>
    </row>
    <row r="862781" spans="14:14">
      <c r="N862781" s="10"/>
    </row>
    <row r="862782" spans="14:14">
      <c r="N862782" s="10"/>
    </row>
    <row r="862783" spans="14:14">
      <c r="N862783" s="10"/>
    </row>
    <row r="862784" spans="14:14">
      <c r="N862784" s="10"/>
    </row>
    <row r="862785" spans="14:14">
      <c r="N862785" s="10"/>
    </row>
    <row r="862786" spans="14:14">
      <c r="N862786" s="10"/>
    </row>
    <row r="862787" spans="14:14">
      <c r="N862787" s="10"/>
    </row>
    <row r="862788" spans="14:14">
      <c r="N862788" s="10"/>
    </row>
    <row r="862789" spans="14:14">
      <c r="N862789" s="10"/>
    </row>
    <row r="862790" spans="14:14">
      <c r="N862790" s="10"/>
    </row>
    <row r="862791" spans="14:14">
      <c r="N862791" s="10"/>
    </row>
    <row r="862792" spans="14:14">
      <c r="N862792" s="10"/>
    </row>
    <row r="862793" spans="14:14">
      <c r="N862793" s="10"/>
    </row>
    <row r="862794" spans="14:14">
      <c r="N862794" s="10"/>
    </row>
    <row r="862795" spans="14:14">
      <c r="N862795" s="10"/>
    </row>
    <row r="862796" spans="14:14">
      <c r="N862796" s="10"/>
    </row>
    <row r="862797" spans="14:14">
      <c r="N862797" s="10"/>
    </row>
    <row r="862798" spans="14:14">
      <c r="N862798" s="10"/>
    </row>
    <row r="862799" spans="14:14">
      <c r="N862799" s="10"/>
    </row>
    <row r="862800" spans="14:14">
      <c r="N862800" s="10"/>
    </row>
    <row r="862801" spans="14:14">
      <c r="N862801" s="10"/>
    </row>
    <row r="862802" spans="14:14">
      <c r="N862802" s="10"/>
    </row>
    <row r="862803" spans="14:14">
      <c r="N862803" s="10"/>
    </row>
    <row r="862804" spans="14:14">
      <c r="N862804" s="10"/>
    </row>
    <row r="862805" spans="14:14">
      <c r="N862805" s="10"/>
    </row>
    <row r="862806" spans="14:14">
      <c r="N862806" s="10"/>
    </row>
    <row r="862807" spans="14:14">
      <c r="N862807" s="10"/>
    </row>
    <row r="862808" spans="14:14">
      <c r="N862808" s="10"/>
    </row>
    <row r="862809" spans="14:14">
      <c r="N862809" s="10"/>
    </row>
    <row r="862810" spans="14:14">
      <c r="N862810" s="10"/>
    </row>
    <row r="862811" spans="14:14">
      <c r="N862811" s="10"/>
    </row>
    <row r="862812" spans="14:14">
      <c r="N862812" s="10"/>
    </row>
    <row r="862813" spans="14:14">
      <c r="N862813" s="10"/>
    </row>
    <row r="862814" spans="14:14">
      <c r="N862814" s="10"/>
    </row>
    <row r="862815" spans="14:14">
      <c r="N862815" s="10"/>
    </row>
    <row r="862816" spans="14:14">
      <c r="N862816" s="10"/>
    </row>
    <row r="862817" spans="14:14">
      <c r="N862817" s="10"/>
    </row>
    <row r="862818" spans="14:14">
      <c r="N862818" s="10"/>
    </row>
    <row r="862819" spans="14:14">
      <c r="N862819" s="10"/>
    </row>
    <row r="862820" spans="14:14">
      <c r="N862820" s="10"/>
    </row>
    <row r="862821" spans="14:14">
      <c r="N862821" s="10"/>
    </row>
    <row r="862822" spans="14:14">
      <c r="N862822" s="10"/>
    </row>
    <row r="862823" spans="14:14">
      <c r="N862823" s="10"/>
    </row>
    <row r="862824" spans="14:14">
      <c r="N862824" s="10"/>
    </row>
    <row r="862825" spans="14:14">
      <c r="N862825" s="10"/>
    </row>
    <row r="862826" spans="14:14">
      <c r="N862826" s="10"/>
    </row>
    <row r="862827" spans="14:14">
      <c r="N862827" s="10"/>
    </row>
    <row r="862828" spans="14:14">
      <c r="N862828" s="10"/>
    </row>
    <row r="862829" spans="14:14">
      <c r="N862829" s="10"/>
    </row>
    <row r="862830" spans="14:14">
      <c r="N862830" s="10"/>
    </row>
    <row r="862831" spans="14:14">
      <c r="N862831" s="10"/>
    </row>
    <row r="862832" spans="14:14">
      <c r="N862832" s="10"/>
    </row>
    <row r="862833" spans="14:14">
      <c r="N862833" s="10"/>
    </row>
    <row r="862834" spans="14:14">
      <c r="N862834" s="10"/>
    </row>
    <row r="862835" spans="14:14">
      <c r="N862835" s="10"/>
    </row>
    <row r="862836" spans="14:14">
      <c r="N862836" s="10"/>
    </row>
    <row r="862837" spans="14:14">
      <c r="N862837" s="10"/>
    </row>
    <row r="862838" spans="14:14">
      <c r="N862838" s="10"/>
    </row>
    <row r="862839" spans="14:14">
      <c r="N862839" s="10"/>
    </row>
    <row r="862840" spans="14:14">
      <c r="N862840" s="10"/>
    </row>
    <row r="862841" spans="14:14">
      <c r="N862841" s="10"/>
    </row>
    <row r="862842" spans="14:14">
      <c r="N862842" s="10"/>
    </row>
    <row r="862843" spans="14:14">
      <c r="N862843" s="10"/>
    </row>
    <row r="862844" spans="14:14">
      <c r="N862844" s="10"/>
    </row>
    <row r="862845" spans="14:14">
      <c r="N862845" s="10"/>
    </row>
    <row r="862846" spans="14:14">
      <c r="N862846" s="10"/>
    </row>
    <row r="862847" spans="14:14">
      <c r="N862847" s="10"/>
    </row>
    <row r="862848" spans="14:14">
      <c r="N862848" s="10"/>
    </row>
    <row r="862849" spans="14:14">
      <c r="N862849" s="10"/>
    </row>
    <row r="862850" spans="14:14">
      <c r="N862850" s="10"/>
    </row>
    <row r="862851" spans="14:14">
      <c r="N862851" s="10"/>
    </row>
    <row r="862852" spans="14:14">
      <c r="N862852" s="10"/>
    </row>
    <row r="862853" spans="14:14">
      <c r="N862853" s="10"/>
    </row>
    <row r="862854" spans="14:14">
      <c r="N862854" s="10"/>
    </row>
    <row r="862855" spans="14:14">
      <c r="N862855" s="10"/>
    </row>
    <row r="862856" spans="14:14">
      <c r="N862856" s="10"/>
    </row>
    <row r="862857" spans="14:14">
      <c r="N862857" s="10"/>
    </row>
    <row r="862858" spans="14:14">
      <c r="N862858" s="10"/>
    </row>
    <row r="862859" spans="14:14">
      <c r="N862859" s="10"/>
    </row>
    <row r="862860" spans="14:14">
      <c r="N862860" s="10"/>
    </row>
    <row r="862861" spans="14:14">
      <c r="N862861" s="10"/>
    </row>
    <row r="862862" spans="14:14">
      <c r="N862862" s="10"/>
    </row>
    <row r="862863" spans="14:14">
      <c r="N862863" s="10"/>
    </row>
    <row r="862864" spans="14:14">
      <c r="N862864" s="10"/>
    </row>
    <row r="862865" spans="14:14">
      <c r="N862865" s="10"/>
    </row>
    <row r="862866" spans="14:14">
      <c r="N862866" s="10"/>
    </row>
    <row r="862867" spans="14:14">
      <c r="N862867" s="10"/>
    </row>
    <row r="862868" spans="14:14">
      <c r="N862868" s="10"/>
    </row>
    <row r="862869" spans="14:14">
      <c r="N862869" s="10"/>
    </row>
    <row r="862870" spans="14:14">
      <c r="N862870" s="10"/>
    </row>
    <row r="862871" spans="14:14">
      <c r="N862871" s="10"/>
    </row>
    <row r="862872" spans="14:14">
      <c r="N862872" s="10"/>
    </row>
    <row r="862873" spans="14:14">
      <c r="N862873" s="10"/>
    </row>
    <row r="862874" spans="14:14">
      <c r="N862874" s="10"/>
    </row>
    <row r="862875" spans="14:14">
      <c r="N862875" s="10"/>
    </row>
    <row r="862876" spans="14:14">
      <c r="N862876" s="10"/>
    </row>
    <row r="862877" spans="14:14">
      <c r="N862877" s="10"/>
    </row>
    <row r="862878" spans="14:14">
      <c r="N862878" s="10"/>
    </row>
    <row r="862879" spans="14:14">
      <c r="N862879" s="10"/>
    </row>
    <row r="862880" spans="14:14">
      <c r="N862880" s="10"/>
    </row>
    <row r="862881" spans="14:14">
      <c r="N862881" s="10"/>
    </row>
    <row r="862882" spans="14:14">
      <c r="N862882" s="10"/>
    </row>
    <row r="862883" spans="14:14">
      <c r="N862883" s="10"/>
    </row>
    <row r="862884" spans="14:14">
      <c r="N862884" s="10"/>
    </row>
    <row r="862885" spans="14:14">
      <c r="N862885" s="10"/>
    </row>
    <row r="862886" spans="14:14">
      <c r="N862886" s="10"/>
    </row>
    <row r="862887" spans="14:14">
      <c r="N862887" s="10"/>
    </row>
    <row r="862888" spans="14:14">
      <c r="N862888" s="10"/>
    </row>
    <row r="862889" spans="14:14">
      <c r="N862889" s="10"/>
    </row>
    <row r="862890" spans="14:14">
      <c r="N862890" s="10"/>
    </row>
    <row r="862891" spans="14:14">
      <c r="N862891" s="10"/>
    </row>
    <row r="862892" spans="14:14">
      <c r="N862892" s="10"/>
    </row>
    <row r="862893" spans="14:14">
      <c r="N862893" s="10"/>
    </row>
    <row r="862894" spans="14:14">
      <c r="N862894" s="10"/>
    </row>
    <row r="862895" spans="14:14">
      <c r="N862895" s="10"/>
    </row>
    <row r="862896" spans="14:14">
      <c r="N862896" s="10"/>
    </row>
    <row r="862897" spans="14:14">
      <c r="N862897" s="10"/>
    </row>
    <row r="862898" spans="14:14">
      <c r="N862898" s="10"/>
    </row>
    <row r="862899" spans="14:14">
      <c r="N862899" s="10"/>
    </row>
    <row r="862900" spans="14:14">
      <c r="N862900" s="10"/>
    </row>
    <row r="862901" spans="14:14">
      <c r="N862901" s="10"/>
    </row>
    <row r="862902" spans="14:14">
      <c r="N862902" s="10"/>
    </row>
    <row r="862903" spans="14:14">
      <c r="N862903" s="10"/>
    </row>
    <row r="862904" spans="14:14">
      <c r="N862904" s="10"/>
    </row>
    <row r="862905" spans="14:14">
      <c r="N862905" s="10"/>
    </row>
    <row r="862906" spans="14:14">
      <c r="N862906" s="10"/>
    </row>
    <row r="862907" spans="14:14">
      <c r="N862907" s="10"/>
    </row>
    <row r="862908" spans="14:14">
      <c r="N862908" s="10"/>
    </row>
    <row r="862909" spans="14:14">
      <c r="N862909" s="10"/>
    </row>
    <row r="862910" spans="14:14">
      <c r="N862910" s="10"/>
    </row>
    <row r="862911" spans="14:14">
      <c r="N862911" s="10"/>
    </row>
    <row r="862912" spans="14:14">
      <c r="N862912" s="10"/>
    </row>
    <row r="862913" spans="14:14">
      <c r="N862913" s="10"/>
    </row>
    <row r="862914" spans="14:14">
      <c r="N862914" s="10"/>
    </row>
    <row r="862915" spans="14:14">
      <c r="N862915" s="10"/>
    </row>
    <row r="862916" spans="14:14">
      <c r="N862916" s="10"/>
    </row>
    <row r="862917" spans="14:14">
      <c r="N862917" s="10"/>
    </row>
    <row r="862918" spans="14:14">
      <c r="N862918" s="10"/>
    </row>
    <row r="862919" spans="14:14">
      <c r="N862919" s="10"/>
    </row>
    <row r="862920" spans="14:14">
      <c r="N862920" s="10"/>
    </row>
    <row r="862921" spans="14:14">
      <c r="N862921" s="10"/>
    </row>
    <row r="862922" spans="14:14">
      <c r="N862922" s="10"/>
    </row>
    <row r="862923" spans="14:14">
      <c r="N862923" s="10"/>
    </row>
    <row r="862924" spans="14:14">
      <c r="N862924" s="10"/>
    </row>
    <row r="862925" spans="14:14">
      <c r="N862925" s="10"/>
    </row>
    <row r="862926" spans="14:14">
      <c r="N862926" s="10"/>
    </row>
    <row r="862927" spans="14:14">
      <c r="N862927" s="10"/>
    </row>
    <row r="862928" spans="14:14">
      <c r="N862928" s="10"/>
    </row>
    <row r="862929" spans="14:14">
      <c r="N862929" s="10"/>
    </row>
    <row r="862930" spans="14:14">
      <c r="N862930" s="10"/>
    </row>
    <row r="862931" spans="14:14">
      <c r="N862931" s="10"/>
    </row>
    <row r="862932" spans="14:14">
      <c r="N862932" s="10"/>
    </row>
    <row r="862933" spans="14:14">
      <c r="N862933" s="10"/>
    </row>
    <row r="862934" spans="14:14">
      <c r="N862934" s="10"/>
    </row>
    <row r="862935" spans="14:14">
      <c r="N862935" s="10"/>
    </row>
    <row r="862936" spans="14:14">
      <c r="N862936" s="10"/>
    </row>
    <row r="862937" spans="14:14">
      <c r="N862937" s="10"/>
    </row>
    <row r="862938" spans="14:14">
      <c r="N862938" s="10"/>
    </row>
    <row r="862939" spans="14:14">
      <c r="N862939" s="10"/>
    </row>
    <row r="862940" spans="14:14">
      <c r="N862940" s="10"/>
    </row>
    <row r="862941" spans="14:14">
      <c r="N862941" s="10"/>
    </row>
    <row r="862942" spans="14:14">
      <c r="N862942" s="10"/>
    </row>
    <row r="862943" spans="14:14">
      <c r="N862943" s="10"/>
    </row>
    <row r="862944" spans="14:14">
      <c r="N862944" s="10"/>
    </row>
    <row r="862945" spans="14:14">
      <c r="N862945" s="10"/>
    </row>
    <row r="862946" spans="14:14">
      <c r="N862946" s="10"/>
    </row>
    <row r="862947" spans="14:14">
      <c r="N862947" s="10"/>
    </row>
    <row r="862948" spans="14:14">
      <c r="N862948" s="10"/>
    </row>
    <row r="862949" spans="14:14">
      <c r="N862949" s="10"/>
    </row>
    <row r="862950" spans="14:14">
      <c r="N862950" s="10"/>
    </row>
    <row r="862951" spans="14:14">
      <c r="N862951" s="10"/>
    </row>
    <row r="862952" spans="14:14">
      <c r="N862952" s="10"/>
    </row>
    <row r="862953" spans="14:14">
      <c r="N862953" s="10"/>
    </row>
    <row r="862954" spans="14:14">
      <c r="N862954" s="10"/>
    </row>
    <row r="862955" spans="14:14">
      <c r="N862955" s="10"/>
    </row>
    <row r="862956" spans="14:14">
      <c r="N862956" s="10"/>
    </row>
    <row r="862957" spans="14:14">
      <c r="N862957" s="10"/>
    </row>
    <row r="862958" spans="14:14">
      <c r="N862958" s="10"/>
    </row>
    <row r="862959" spans="14:14">
      <c r="N862959" s="10"/>
    </row>
    <row r="862960" spans="14:14">
      <c r="N862960" s="10"/>
    </row>
    <row r="862961" spans="14:14">
      <c r="N862961" s="10"/>
    </row>
    <row r="862962" spans="14:14">
      <c r="N862962" s="10"/>
    </row>
    <row r="862963" spans="14:14">
      <c r="N862963" s="10"/>
    </row>
    <row r="862964" spans="14:14">
      <c r="N862964" s="10"/>
    </row>
    <row r="862965" spans="14:14">
      <c r="N862965" s="10"/>
    </row>
    <row r="862966" spans="14:14">
      <c r="N862966" s="10"/>
    </row>
    <row r="862967" spans="14:14">
      <c r="N862967" s="10"/>
    </row>
    <row r="862968" spans="14:14">
      <c r="N862968" s="10"/>
    </row>
    <row r="862969" spans="14:14">
      <c r="N862969" s="10"/>
    </row>
    <row r="862970" spans="14:14">
      <c r="N862970" s="10"/>
    </row>
    <row r="862971" spans="14:14">
      <c r="N862971" s="10"/>
    </row>
    <row r="862972" spans="14:14">
      <c r="N862972" s="10"/>
    </row>
    <row r="862973" spans="14:14">
      <c r="N862973" s="10"/>
    </row>
    <row r="862974" spans="14:14">
      <c r="N862974" s="10"/>
    </row>
    <row r="862975" spans="14:14">
      <c r="N862975" s="10"/>
    </row>
    <row r="862976" spans="14:14">
      <c r="N862976" s="10"/>
    </row>
    <row r="862977" spans="14:14">
      <c r="N862977" s="10"/>
    </row>
    <row r="862978" spans="14:14">
      <c r="N862978" s="10"/>
    </row>
    <row r="862979" spans="14:14">
      <c r="N862979" s="10"/>
    </row>
    <row r="862980" spans="14:14">
      <c r="N862980" s="10"/>
    </row>
    <row r="862981" spans="14:14">
      <c r="N862981" s="10"/>
    </row>
    <row r="862982" spans="14:14">
      <c r="N862982" s="10"/>
    </row>
    <row r="862983" spans="14:14">
      <c r="N862983" s="10"/>
    </row>
    <row r="862984" spans="14:14">
      <c r="N862984" s="10"/>
    </row>
    <row r="862985" spans="14:14">
      <c r="N862985" s="10"/>
    </row>
    <row r="862986" spans="14:14">
      <c r="N862986" s="10"/>
    </row>
    <row r="862987" spans="14:14">
      <c r="N862987" s="10"/>
    </row>
    <row r="862988" spans="14:14">
      <c r="N862988" s="10"/>
    </row>
    <row r="862989" spans="14:14">
      <c r="N862989" s="10"/>
    </row>
    <row r="862990" spans="14:14">
      <c r="N862990" s="10"/>
    </row>
    <row r="862991" spans="14:14">
      <c r="N862991" s="10"/>
    </row>
    <row r="862992" spans="14:14">
      <c r="N862992" s="10"/>
    </row>
    <row r="862993" spans="14:14">
      <c r="N862993" s="10"/>
    </row>
    <row r="862994" spans="14:14">
      <c r="N862994" s="10"/>
    </row>
    <row r="862995" spans="14:14">
      <c r="N862995" s="10"/>
    </row>
    <row r="862996" spans="14:14">
      <c r="N862996" s="10"/>
    </row>
    <row r="862997" spans="14:14">
      <c r="N862997" s="10"/>
    </row>
    <row r="862998" spans="14:14">
      <c r="N862998" s="10"/>
    </row>
    <row r="862999" spans="14:14">
      <c r="N862999" s="10"/>
    </row>
    <row r="863000" spans="14:14">
      <c r="N863000" s="10"/>
    </row>
    <row r="863001" spans="14:14">
      <c r="N863001" s="10"/>
    </row>
    <row r="863002" spans="14:14">
      <c r="N863002" s="10"/>
    </row>
    <row r="863003" spans="14:14">
      <c r="N863003" s="10"/>
    </row>
    <row r="863004" spans="14:14">
      <c r="N863004" s="10"/>
    </row>
    <row r="863005" spans="14:14">
      <c r="N863005" s="10"/>
    </row>
    <row r="863006" spans="14:14">
      <c r="N863006" s="10"/>
    </row>
    <row r="863007" spans="14:14">
      <c r="N863007" s="10"/>
    </row>
    <row r="863008" spans="14:14">
      <c r="N863008" s="10"/>
    </row>
    <row r="863009" spans="14:14">
      <c r="N863009" s="10"/>
    </row>
    <row r="863010" spans="14:14">
      <c r="N863010" s="10"/>
    </row>
    <row r="863011" spans="14:14">
      <c r="N863011" s="10"/>
    </row>
    <row r="863012" spans="14:14">
      <c r="N863012" s="10"/>
    </row>
    <row r="863013" spans="14:14">
      <c r="N863013" s="10"/>
    </row>
    <row r="863014" spans="14:14">
      <c r="N863014" s="10"/>
    </row>
    <row r="863015" spans="14:14">
      <c r="N863015" s="10"/>
    </row>
    <row r="863016" spans="14:14">
      <c r="N863016" s="10"/>
    </row>
    <row r="863017" spans="14:14">
      <c r="N863017" s="10"/>
    </row>
    <row r="863018" spans="14:14">
      <c r="N863018" s="10"/>
    </row>
    <row r="863019" spans="14:14">
      <c r="N863019" s="10"/>
    </row>
    <row r="863020" spans="14:14">
      <c r="N863020" s="10"/>
    </row>
    <row r="863021" spans="14:14">
      <c r="N863021" s="10"/>
    </row>
    <row r="863022" spans="14:14">
      <c r="N863022" s="10"/>
    </row>
    <row r="863023" spans="14:14">
      <c r="N863023" s="10"/>
    </row>
    <row r="863024" spans="14:14">
      <c r="N863024" s="10"/>
    </row>
    <row r="863025" spans="14:14">
      <c r="N863025" s="10"/>
    </row>
    <row r="863026" spans="14:14">
      <c r="N863026" s="10"/>
    </row>
    <row r="863027" spans="14:14">
      <c r="N863027" s="10"/>
    </row>
    <row r="863028" spans="14:14">
      <c r="N863028" s="10"/>
    </row>
    <row r="863029" spans="14:14">
      <c r="N863029" s="10"/>
    </row>
    <row r="863030" spans="14:14">
      <c r="N863030" s="10"/>
    </row>
    <row r="863031" spans="14:14">
      <c r="N863031" s="10"/>
    </row>
    <row r="863032" spans="14:14">
      <c r="N863032" s="10"/>
    </row>
    <row r="863033" spans="14:14">
      <c r="N863033" s="10"/>
    </row>
    <row r="863034" spans="14:14">
      <c r="N863034" s="10"/>
    </row>
    <row r="863035" spans="14:14">
      <c r="N863035" s="10"/>
    </row>
    <row r="863036" spans="14:14">
      <c r="N863036" s="10"/>
    </row>
    <row r="863037" spans="14:14">
      <c r="N863037" s="10"/>
    </row>
    <row r="863038" spans="14:14">
      <c r="N863038" s="10"/>
    </row>
    <row r="863039" spans="14:14">
      <c r="N863039" s="10"/>
    </row>
    <row r="863040" spans="14:14">
      <c r="N863040" s="10"/>
    </row>
    <row r="863041" spans="14:14">
      <c r="N863041" s="10"/>
    </row>
    <row r="863042" spans="14:14">
      <c r="N863042" s="10"/>
    </row>
    <row r="863043" spans="14:14">
      <c r="N863043" s="10"/>
    </row>
    <row r="863044" spans="14:14">
      <c r="N863044" s="10"/>
    </row>
    <row r="863045" spans="14:14">
      <c r="N863045" s="10"/>
    </row>
    <row r="863046" spans="14:14">
      <c r="N863046" s="10"/>
    </row>
    <row r="863047" spans="14:14">
      <c r="N863047" s="10"/>
    </row>
    <row r="863048" spans="14:14">
      <c r="N863048" s="10"/>
    </row>
    <row r="863049" spans="14:14">
      <c r="N863049" s="10"/>
    </row>
    <row r="863050" spans="14:14">
      <c r="N863050" s="10"/>
    </row>
    <row r="863051" spans="14:14">
      <c r="N863051" s="10"/>
    </row>
    <row r="863052" spans="14:14">
      <c r="N863052" s="10"/>
    </row>
    <row r="863053" spans="14:14">
      <c r="N863053" s="10"/>
    </row>
    <row r="863054" spans="14:14">
      <c r="N863054" s="10"/>
    </row>
    <row r="863055" spans="14:14">
      <c r="N863055" s="10"/>
    </row>
    <row r="863056" spans="14:14">
      <c r="N863056" s="10"/>
    </row>
    <row r="863057" spans="14:14">
      <c r="N863057" s="10"/>
    </row>
    <row r="863058" spans="14:14">
      <c r="N863058" s="10"/>
    </row>
    <row r="863059" spans="14:14">
      <c r="N863059" s="10"/>
    </row>
    <row r="863060" spans="14:14">
      <c r="N863060" s="10"/>
    </row>
    <row r="863061" spans="14:14">
      <c r="N863061" s="10"/>
    </row>
    <row r="863062" spans="14:14">
      <c r="N863062" s="10"/>
    </row>
    <row r="863063" spans="14:14">
      <c r="N863063" s="10"/>
    </row>
    <row r="863064" spans="14:14">
      <c r="N863064" s="10"/>
    </row>
    <row r="863065" spans="14:14">
      <c r="N863065" s="10"/>
    </row>
    <row r="863066" spans="14:14">
      <c r="N863066" s="10"/>
    </row>
    <row r="863067" spans="14:14">
      <c r="N863067" s="10"/>
    </row>
    <row r="863068" spans="14:14">
      <c r="N863068" s="10"/>
    </row>
    <row r="863069" spans="14:14">
      <c r="N863069" s="10"/>
    </row>
    <row r="863070" spans="14:14">
      <c r="N863070" s="10"/>
    </row>
    <row r="863071" spans="14:14">
      <c r="N863071" s="10"/>
    </row>
    <row r="863072" spans="14:14">
      <c r="N863072" s="10"/>
    </row>
    <row r="863073" spans="14:14">
      <c r="N863073" s="10"/>
    </row>
    <row r="863074" spans="14:14">
      <c r="N863074" s="10"/>
    </row>
    <row r="863075" spans="14:14">
      <c r="N863075" s="10"/>
    </row>
    <row r="863076" spans="14:14">
      <c r="N863076" s="10"/>
    </row>
    <row r="863077" spans="14:14">
      <c r="N863077" s="10"/>
    </row>
    <row r="863078" spans="14:14">
      <c r="N863078" s="10"/>
    </row>
    <row r="863079" spans="14:14">
      <c r="N863079" s="10"/>
    </row>
    <row r="863080" spans="14:14">
      <c r="N863080" s="10"/>
    </row>
    <row r="863081" spans="14:14">
      <c r="N863081" s="10"/>
    </row>
    <row r="863082" spans="14:14">
      <c r="N863082" s="10"/>
    </row>
    <row r="863083" spans="14:14">
      <c r="N863083" s="10"/>
    </row>
    <row r="863084" spans="14:14">
      <c r="N863084" s="10"/>
    </row>
    <row r="863085" spans="14:14">
      <c r="N863085" s="10"/>
    </row>
    <row r="863086" spans="14:14">
      <c r="N863086" s="10"/>
    </row>
    <row r="863087" spans="14:14">
      <c r="N863087" s="10"/>
    </row>
    <row r="863088" spans="14:14">
      <c r="N863088" s="10"/>
    </row>
    <row r="863089" spans="14:14">
      <c r="N863089" s="10"/>
    </row>
    <row r="863090" spans="14:14">
      <c r="N863090" s="10"/>
    </row>
    <row r="863091" spans="14:14">
      <c r="N863091" s="10"/>
    </row>
    <row r="863092" spans="14:14">
      <c r="N863092" s="10"/>
    </row>
    <row r="863093" spans="14:14">
      <c r="N863093" s="10"/>
    </row>
    <row r="863094" spans="14:14">
      <c r="N863094" s="10"/>
    </row>
    <row r="863095" spans="14:14">
      <c r="N863095" s="10"/>
    </row>
    <row r="863096" spans="14:14">
      <c r="N863096" s="10"/>
    </row>
    <row r="863097" spans="14:14">
      <c r="N863097" s="10"/>
    </row>
    <row r="863098" spans="14:14">
      <c r="N863098" s="10"/>
    </row>
    <row r="863099" spans="14:14">
      <c r="N863099" s="10"/>
    </row>
    <row r="863100" spans="14:14">
      <c r="N863100" s="10"/>
    </row>
    <row r="863101" spans="14:14">
      <c r="N863101" s="10"/>
    </row>
    <row r="863102" spans="14:14">
      <c r="N863102" s="10"/>
    </row>
    <row r="863103" spans="14:14">
      <c r="N863103" s="10"/>
    </row>
    <row r="863104" spans="14:14">
      <c r="N863104" s="10"/>
    </row>
    <row r="863105" spans="14:14">
      <c r="N863105" s="10"/>
    </row>
    <row r="863106" spans="14:14">
      <c r="N863106" s="10"/>
    </row>
    <row r="863107" spans="14:14">
      <c r="N863107" s="10"/>
    </row>
    <row r="863108" spans="14:14">
      <c r="N863108" s="10"/>
    </row>
    <row r="863109" spans="14:14">
      <c r="N863109" s="10"/>
    </row>
    <row r="863110" spans="14:14">
      <c r="N863110" s="10"/>
    </row>
    <row r="863111" spans="14:14">
      <c r="N863111" s="10"/>
    </row>
    <row r="863112" spans="14:14">
      <c r="N863112" s="10"/>
    </row>
    <row r="863113" spans="14:14">
      <c r="N863113" s="10"/>
    </row>
    <row r="863114" spans="14:14">
      <c r="N863114" s="10"/>
    </row>
    <row r="863115" spans="14:14">
      <c r="N863115" s="10"/>
    </row>
    <row r="863116" spans="14:14">
      <c r="N863116" s="10"/>
    </row>
    <row r="863117" spans="14:14">
      <c r="N863117" s="10"/>
    </row>
    <row r="863118" spans="14:14">
      <c r="N863118" s="10"/>
    </row>
    <row r="863119" spans="14:14">
      <c r="N863119" s="10"/>
    </row>
    <row r="863120" spans="14:14">
      <c r="N863120" s="10"/>
    </row>
    <row r="863121" spans="14:14">
      <c r="N863121" s="10"/>
    </row>
    <row r="863122" spans="14:14">
      <c r="N863122" s="10"/>
    </row>
    <row r="863123" spans="14:14">
      <c r="N863123" s="10"/>
    </row>
    <row r="863124" spans="14:14">
      <c r="N863124" s="10"/>
    </row>
    <row r="863125" spans="14:14">
      <c r="N863125" s="10"/>
    </row>
    <row r="863126" spans="14:14">
      <c r="N863126" s="10"/>
    </row>
    <row r="863127" spans="14:14">
      <c r="N863127" s="10"/>
    </row>
    <row r="863128" spans="14:14">
      <c r="N863128" s="10"/>
    </row>
    <row r="863129" spans="14:14">
      <c r="N863129" s="10"/>
    </row>
    <row r="863130" spans="14:14">
      <c r="N863130" s="10"/>
    </row>
    <row r="863131" spans="14:14">
      <c r="N863131" s="10"/>
    </row>
    <row r="863132" spans="14:14">
      <c r="N863132" s="10"/>
    </row>
    <row r="863133" spans="14:14">
      <c r="N863133" s="10"/>
    </row>
    <row r="863134" spans="14:14">
      <c r="N863134" s="10"/>
    </row>
    <row r="863135" spans="14:14">
      <c r="N863135" s="10"/>
    </row>
    <row r="863136" spans="14:14">
      <c r="N863136" s="10"/>
    </row>
    <row r="863137" spans="14:14">
      <c r="N863137" s="10"/>
    </row>
    <row r="863138" spans="14:14">
      <c r="N863138" s="10"/>
    </row>
    <row r="863139" spans="14:14">
      <c r="N863139" s="10"/>
    </row>
    <row r="863140" spans="14:14">
      <c r="N863140" s="10"/>
    </row>
    <row r="863141" spans="14:14">
      <c r="N863141" s="10"/>
    </row>
    <row r="863142" spans="14:14">
      <c r="N863142" s="10"/>
    </row>
    <row r="863143" spans="14:14">
      <c r="N863143" s="10"/>
    </row>
    <row r="863144" spans="14:14">
      <c r="N863144" s="10"/>
    </row>
    <row r="863145" spans="14:14">
      <c r="N863145" s="10"/>
    </row>
    <row r="863146" spans="14:14">
      <c r="N863146" s="10"/>
    </row>
    <row r="863147" spans="14:14">
      <c r="N863147" s="10"/>
    </row>
    <row r="863148" spans="14:14">
      <c r="N863148" s="10"/>
    </row>
    <row r="863149" spans="14:14">
      <c r="N863149" s="10"/>
    </row>
    <row r="863150" spans="14:14">
      <c r="N863150" s="10"/>
    </row>
    <row r="863151" spans="14:14">
      <c r="N863151" s="10"/>
    </row>
    <row r="863152" spans="14:14">
      <c r="N863152" s="10"/>
    </row>
    <row r="863153" spans="14:14">
      <c r="N863153" s="10"/>
    </row>
    <row r="863154" spans="14:14">
      <c r="N863154" s="10"/>
    </row>
    <row r="863155" spans="14:14">
      <c r="N863155" s="10"/>
    </row>
    <row r="863156" spans="14:14">
      <c r="N863156" s="10"/>
    </row>
    <row r="863157" spans="14:14">
      <c r="N863157" s="10"/>
    </row>
    <row r="863158" spans="14:14">
      <c r="N863158" s="10"/>
    </row>
    <row r="863159" spans="14:14">
      <c r="N863159" s="10"/>
    </row>
    <row r="863160" spans="14:14">
      <c r="N863160" s="10"/>
    </row>
    <row r="863161" spans="14:14">
      <c r="N863161" s="10"/>
    </row>
    <row r="863162" spans="14:14">
      <c r="N863162" s="10"/>
    </row>
    <row r="863163" spans="14:14">
      <c r="N863163" s="10"/>
    </row>
    <row r="863164" spans="14:14">
      <c r="N863164" s="10"/>
    </row>
    <row r="863165" spans="14:14">
      <c r="N863165" s="10"/>
    </row>
    <row r="863166" spans="14:14">
      <c r="N863166" s="10"/>
    </row>
    <row r="863167" spans="14:14">
      <c r="N863167" s="10"/>
    </row>
    <row r="863168" spans="14:14">
      <c r="N863168" s="10"/>
    </row>
    <row r="863169" spans="14:14">
      <c r="N863169" s="10"/>
    </row>
    <row r="863170" spans="14:14">
      <c r="N863170" s="10"/>
    </row>
    <row r="863171" spans="14:14">
      <c r="N863171" s="10"/>
    </row>
    <row r="863172" spans="14:14">
      <c r="N863172" s="10"/>
    </row>
    <row r="863173" spans="14:14">
      <c r="N863173" s="10"/>
    </row>
    <row r="863174" spans="14:14">
      <c r="N863174" s="10"/>
    </row>
    <row r="863175" spans="14:14">
      <c r="N863175" s="10"/>
    </row>
    <row r="863176" spans="14:14">
      <c r="N863176" s="10"/>
    </row>
    <row r="863177" spans="14:14">
      <c r="N863177" s="10"/>
    </row>
    <row r="863178" spans="14:14">
      <c r="N863178" s="10"/>
    </row>
    <row r="863179" spans="14:14">
      <c r="N863179" s="10"/>
    </row>
    <row r="863180" spans="14:14">
      <c r="N863180" s="10"/>
    </row>
    <row r="863181" spans="14:14">
      <c r="N863181" s="10"/>
    </row>
    <row r="863182" spans="14:14">
      <c r="N863182" s="10"/>
    </row>
    <row r="863183" spans="14:14">
      <c r="N863183" s="10"/>
    </row>
    <row r="863184" spans="14:14">
      <c r="N863184" s="10"/>
    </row>
    <row r="863185" spans="14:14">
      <c r="N863185" s="10"/>
    </row>
    <row r="863186" spans="14:14">
      <c r="N863186" s="10"/>
    </row>
    <row r="863187" spans="14:14">
      <c r="N863187" s="10"/>
    </row>
    <row r="863188" spans="14:14">
      <c r="N863188" s="10"/>
    </row>
    <row r="863189" spans="14:14">
      <c r="N863189" s="10"/>
    </row>
    <row r="863190" spans="14:14">
      <c r="N863190" s="10"/>
    </row>
    <row r="863191" spans="14:14">
      <c r="N863191" s="10"/>
    </row>
    <row r="863192" spans="14:14">
      <c r="N863192" s="10"/>
    </row>
    <row r="863193" spans="14:14">
      <c r="N863193" s="10"/>
    </row>
    <row r="863194" spans="14:14">
      <c r="N863194" s="10"/>
    </row>
    <row r="863195" spans="14:14">
      <c r="N863195" s="10"/>
    </row>
    <row r="863196" spans="14:14">
      <c r="N863196" s="10"/>
    </row>
    <row r="863197" spans="14:14">
      <c r="N863197" s="10"/>
    </row>
    <row r="863198" spans="14:14">
      <c r="N863198" s="10"/>
    </row>
    <row r="863199" spans="14:14">
      <c r="N863199" s="10"/>
    </row>
    <row r="863200" spans="14:14">
      <c r="N863200" s="10"/>
    </row>
    <row r="863201" spans="14:14">
      <c r="N863201" s="10"/>
    </row>
    <row r="863202" spans="14:14">
      <c r="N863202" s="10"/>
    </row>
    <row r="863203" spans="14:14">
      <c r="N863203" s="10"/>
    </row>
    <row r="863204" spans="14:14">
      <c r="N863204" s="10"/>
    </row>
    <row r="863205" spans="14:14">
      <c r="N863205" s="10"/>
    </row>
    <row r="863206" spans="14:14">
      <c r="N863206" s="10"/>
    </row>
    <row r="863207" spans="14:14">
      <c r="N863207" s="10"/>
    </row>
    <row r="863208" spans="14:14">
      <c r="N863208" s="10"/>
    </row>
    <row r="863209" spans="14:14">
      <c r="N863209" s="10"/>
    </row>
    <row r="863210" spans="14:14">
      <c r="N863210" s="10"/>
    </row>
    <row r="863211" spans="14:14">
      <c r="N863211" s="10"/>
    </row>
    <row r="863212" spans="14:14">
      <c r="N863212" s="10"/>
    </row>
    <row r="863213" spans="14:14">
      <c r="N863213" s="10"/>
    </row>
    <row r="863214" spans="14:14">
      <c r="N863214" s="10"/>
    </row>
    <row r="863215" spans="14:14">
      <c r="N863215" s="10"/>
    </row>
    <row r="863216" spans="14:14">
      <c r="N863216" s="10"/>
    </row>
    <row r="863217" spans="14:14">
      <c r="N863217" s="10"/>
    </row>
    <row r="863218" spans="14:14">
      <c r="N863218" s="10"/>
    </row>
    <row r="863219" spans="14:14">
      <c r="N863219" s="10"/>
    </row>
    <row r="863220" spans="14:14">
      <c r="N863220" s="10"/>
    </row>
    <row r="863221" spans="14:14">
      <c r="N863221" s="10"/>
    </row>
    <row r="863222" spans="14:14">
      <c r="N863222" s="10"/>
    </row>
    <row r="863223" spans="14:14">
      <c r="N863223" s="10"/>
    </row>
    <row r="863224" spans="14:14">
      <c r="N863224" s="10"/>
    </row>
    <row r="863225" spans="14:14">
      <c r="N863225" s="10"/>
    </row>
    <row r="863226" spans="14:14">
      <c r="N863226" s="10"/>
    </row>
    <row r="863227" spans="14:14">
      <c r="N863227" s="10"/>
    </row>
    <row r="863228" spans="14:14">
      <c r="N863228" s="10"/>
    </row>
    <row r="863229" spans="14:14">
      <c r="N863229" s="10"/>
    </row>
    <row r="863230" spans="14:14">
      <c r="N863230" s="10"/>
    </row>
    <row r="863231" spans="14:14">
      <c r="N863231" s="10"/>
    </row>
    <row r="863232" spans="14:14">
      <c r="N863232" s="10"/>
    </row>
    <row r="863233" spans="14:14">
      <c r="N863233" s="10"/>
    </row>
    <row r="863234" spans="14:14">
      <c r="N863234" s="10"/>
    </row>
    <row r="863235" spans="14:14">
      <c r="N863235" s="10"/>
    </row>
    <row r="863236" spans="14:14">
      <c r="N863236" s="10"/>
    </row>
    <row r="863237" spans="14:14">
      <c r="N863237" s="10"/>
    </row>
    <row r="863238" spans="14:14">
      <c r="N863238" s="10"/>
    </row>
    <row r="863239" spans="14:14">
      <c r="N863239" s="10"/>
    </row>
    <row r="863240" spans="14:14">
      <c r="N863240" s="10"/>
    </row>
    <row r="863241" spans="14:14">
      <c r="N863241" s="10"/>
    </row>
    <row r="863242" spans="14:14">
      <c r="N863242" s="10"/>
    </row>
    <row r="863243" spans="14:14">
      <c r="N863243" s="10"/>
    </row>
    <row r="863244" spans="14:14">
      <c r="N863244" s="10"/>
    </row>
    <row r="863245" spans="14:14">
      <c r="N863245" s="10"/>
    </row>
    <row r="863246" spans="14:14">
      <c r="N863246" s="10"/>
    </row>
    <row r="863247" spans="14:14">
      <c r="N863247" s="10"/>
    </row>
    <row r="863248" spans="14:14">
      <c r="N863248" s="10"/>
    </row>
    <row r="863249" spans="14:14">
      <c r="N863249" s="10"/>
    </row>
    <row r="863250" spans="14:14">
      <c r="N863250" s="10"/>
    </row>
    <row r="863251" spans="14:14">
      <c r="N863251" s="10"/>
    </row>
    <row r="863252" spans="14:14">
      <c r="N863252" s="10"/>
    </row>
    <row r="863253" spans="14:14">
      <c r="N863253" s="10"/>
    </row>
    <row r="863254" spans="14:14">
      <c r="N863254" s="10"/>
    </row>
    <row r="863255" spans="14:14">
      <c r="N863255" s="10"/>
    </row>
    <row r="863256" spans="14:14">
      <c r="N863256" s="10"/>
    </row>
    <row r="863257" spans="14:14">
      <c r="N863257" s="10"/>
    </row>
    <row r="863258" spans="14:14">
      <c r="N863258" s="10"/>
    </row>
    <row r="863259" spans="14:14">
      <c r="N863259" s="10"/>
    </row>
    <row r="863260" spans="14:14">
      <c r="N863260" s="10"/>
    </row>
    <row r="863261" spans="14:14">
      <c r="N863261" s="10"/>
    </row>
    <row r="863262" spans="14:14">
      <c r="N863262" s="10"/>
    </row>
    <row r="863263" spans="14:14">
      <c r="N863263" s="10"/>
    </row>
    <row r="863264" spans="14:14">
      <c r="N863264" s="10"/>
    </row>
    <row r="863265" spans="14:14">
      <c r="N863265" s="10"/>
    </row>
    <row r="863266" spans="14:14">
      <c r="N863266" s="10"/>
    </row>
    <row r="863267" spans="14:14">
      <c r="N863267" s="10"/>
    </row>
    <row r="863268" spans="14:14">
      <c r="N863268" s="10"/>
    </row>
    <row r="863269" spans="14:14">
      <c r="N863269" s="10"/>
    </row>
    <row r="863270" spans="14:14">
      <c r="N863270" s="10"/>
    </row>
    <row r="863271" spans="14:14">
      <c r="N863271" s="10"/>
    </row>
    <row r="863272" spans="14:14">
      <c r="N863272" s="10"/>
    </row>
    <row r="863273" spans="14:14">
      <c r="N863273" s="10"/>
    </row>
    <row r="863274" spans="14:14">
      <c r="N863274" s="10"/>
    </row>
    <row r="863275" spans="14:14">
      <c r="N863275" s="10"/>
    </row>
    <row r="863276" spans="14:14">
      <c r="N863276" s="10"/>
    </row>
    <row r="863277" spans="14:14">
      <c r="N863277" s="10"/>
    </row>
    <row r="863278" spans="14:14">
      <c r="N863278" s="10"/>
    </row>
    <row r="863279" spans="14:14">
      <c r="N863279" s="10"/>
    </row>
    <row r="863280" spans="14:14">
      <c r="N863280" s="10"/>
    </row>
    <row r="863281" spans="14:14">
      <c r="N863281" s="10"/>
    </row>
    <row r="863282" spans="14:14">
      <c r="N863282" s="10"/>
    </row>
    <row r="863283" spans="14:14">
      <c r="N863283" s="10"/>
    </row>
    <row r="863284" spans="14:14">
      <c r="N863284" s="10"/>
    </row>
    <row r="863285" spans="14:14">
      <c r="N863285" s="10"/>
    </row>
    <row r="863286" spans="14:14">
      <c r="N863286" s="10"/>
    </row>
    <row r="863287" spans="14:14">
      <c r="N863287" s="10"/>
    </row>
    <row r="863288" spans="14:14">
      <c r="N863288" s="10"/>
    </row>
    <row r="863289" spans="14:14">
      <c r="N863289" s="10"/>
    </row>
    <row r="863290" spans="14:14">
      <c r="N863290" s="10"/>
    </row>
    <row r="863291" spans="14:14">
      <c r="N863291" s="10"/>
    </row>
    <row r="863292" spans="14:14">
      <c r="N863292" s="10"/>
    </row>
    <row r="863293" spans="14:14">
      <c r="N863293" s="10"/>
    </row>
    <row r="863294" spans="14:14">
      <c r="N863294" s="10"/>
    </row>
    <row r="863295" spans="14:14">
      <c r="N863295" s="10"/>
    </row>
    <row r="863296" spans="14:14">
      <c r="N863296" s="10"/>
    </row>
    <row r="863297" spans="14:14">
      <c r="N863297" s="10"/>
    </row>
    <row r="863298" spans="14:14">
      <c r="N863298" s="10"/>
    </row>
    <row r="863299" spans="14:14">
      <c r="N863299" s="10"/>
    </row>
    <row r="863300" spans="14:14">
      <c r="N863300" s="10"/>
    </row>
    <row r="863301" spans="14:14">
      <c r="N863301" s="10"/>
    </row>
    <row r="863302" spans="14:14">
      <c r="N863302" s="10"/>
    </row>
    <row r="863303" spans="14:14">
      <c r="N863303" s="10"/>
    </row>
    <row r="863304" spans="14:14">
      <c r="N863304" s="10"/>
    </row>
    <row r="863305" spans="14:14">
      <c r="N863305" s="10"/>
    </row>
    <row r="863306" spans="14:14">
      <c r="N863306" s="10"/>
    </row>
    <row r="863307" spans="14:14">
      <c r="N863307" s="10"/>
    </row>
    <row r="863308" spans="14:14">
      <c r="N863308" s="10"/>
    </row>
    <row r="863309" spans="14:14">
      <c r="N863309" s="10"/>
    </row>
    <row r="863310" spans="14:14">
      <c r="N863310" s="10"/>
    </row>
    <row r="863311" spans="14:14">
      <c r="N863311" s="10"/>
    </row>
    <row r="863312" spans="14:14">
      <c r="N863312" s="10"/>
    </row>
    <row r="863313" spans="14:14">
      <c r="N863313" s="10"/>
    </row>
    <row r="863314" spans="14:14">
      <c r="N863314" s="10"/>
    </row>
    <row r="863315" spans="14:14">
      <c r="N863315" s="10"/>
    </row>
    <row r="863316" spans="14:14">
      <c r="N863316" s="10"/>
    </row>
    <row r="863317" spans="14:14">
      <c r="N863317" s="10"/>
    </row>
    <row r="863318" spans="14:14">
      <c r="N863318" s="10"/>
    </row>
    <row r="863319" spans="14:14">
      <c r="N863319" s="10"/>
    </row>
    <row r="863320" spans="14:14">
      <c r="N863320" s="10"/>
    </row>
    <row r="863321" spans="14:14">
      <c r="N863321" s="10"/>
    </row>
    <row r="863322" spans="14:14">
      <c r="N863322" s="10"/>
    </row>
    <row r="863323" spans="14:14">
      <c r="N863323" s="10"/>
    </row>
    <row r="863324" spans="14:14">
      <c r="N863324" s="10"/>
    </row>
    <row r="863325" spans="14:14">
      <c r="N863325" s="10"/>
    </row>
    <row r="863326" spans="14:14">
      <c r="N863326" s="10"/>
    </row>
    <row r="863327" spans="14:14">
      <c r="N863327" s="10"/>
    </row>
    <row r="863328" spans="14:14">
      <c r="N863328" s="10"/>
    </row>
    <row r="863329" spans="14:14">
      <c r="N863329" s="10"/>
    </row>
    <row r="863330" spans="14:14">
      <c r="N863330" s="10"/>
    </row>
    <row r="863331" spans="14:14">
      <c r="N863331" s="10"/>
    </row>
    <row r="863332" spans="14:14">
      <c r="N863332" s="10"/>
    </row>
    <row r="863333" spans="14:14">
      <c r="N863333" s="10"/>
    </row>
    <row r="863334" spans="14:14">
      <c r="N863334" s="10"/>
    </row>
    <row r="863335" spans="14:14">
      <c r="N863335" s="10"/>
    </row>
    <row r="863336" spans="14:14">
      <c r="N863336" s="10"/>
    </row>
    <row r="863337" spans="14:14">
      <c r="N863337" s="10"/>
    </row>
    <row r="863338" spans="14:14">
      <c r="N863338" s="10"/>
    </row>
    <row r="863339" spans="14:14">
      <c r="N863339" s="10"/>
    </row>
    <row r="863340" spans="14:14">
      <c r="N863340" s="10"/>
    </row>
    <row r="863341" spans="14:14">
      <c r="N863341" s="10"/>
    </row>
    <row r="863342" spans="14:14">
      <c r="N863342" s="10"/>
    </row>
    <row r="863343" spans="14:14">
      <c r="N863343" s="10"/>
    </row>
    <row r="863344" spans="14:14">
      <c r="N863344" s="10"/>
    </row>
    <row r="863345" spans="14:14">
      <c r="N863345" s="10"/>
    </row>
    <row r="863346" spans="14:14">
      <c r="N863346" s="10"/>
    </row>
    <row r="863347" spans="14:14">
      <c r="N863347" s="10"/>
    </row>
    <row r="863348" spans="14:14">
      <c r="N863348" s="10"/>
    </row>
    <row r="863349" spans="14:14">
      <c r="N863349" s="10"/>
    </row>
    <row r="863350" spans="14:14">
      <c r="N863350" s="10"/>
    </row>
    <row r="863351" spans="14:14">
      <c r="N863351" s="10"/>
    </row>
    <row r="863352" spans="14:14">
      <c r="N863352" s="10"/>
    </row>
    <row r="863353" spans="14:14">
      <c r="N863353" s="10"/>
    </row>
    <row r="863354" spans="14:14">
      <c r="N863354" s="10"/>
    </row>
    <row r="863355" spans="14:14">
      <c r="N863355" s="10"/>
    </row>
    <row r="863356" spans="14:14">
      <c r="N863356" s="10"/>
    </row>
    <row r="863357" spans="14:14">
      <c r="N863357" s="10"/>
    </row>
    <row r="863358" spans="14:14">
      <c r="N863358" s="10"/>
    </row>
    <row r="863359" spans="14:14">
      <c r="N863359" s="10"/>
    </row>
    <row r="863360" spans="14:14">
      <c r="N863360" s="10"/>
    </row>
    <row r="863361" spans="14:14">
      <c r="N863361" s="10"/>
    </row>
    <row r="863362" spans="14:14">
      <c r="N863362" s="10"/>
    </row>
    <row r="863363" spans="14:14">
      <c r="N863363" s="10"/>
    </row>
    <row r="863364" spans="14:14">
      <c r="N863364" s="10"/>
    </row>
    <row r="863365" spans="14:14">
      <c r="N863365" s="10"/>
    </row>
    <row r="863366" spans="14:14">
      <c r="N863366" s="10"/>
    </row>
    <row r="863367" spans="14:14">
      <c r="N863367" s="10"/>
    </row>
    <row r="863368" spans="14:14">
      <c r="N863368" s="10"/>
    </row>
    <row r="863369" spans="14:14">
      <c r="N863369" s="10"/>
    </row>
    <row r="863370" spans="14:14">
      <c r="N863370" s="10"/>
    </row>
    <row r="863371" spans="14:14">
      <c r="N863371" s="10"/>
    </row>
    <row r="863372" spans="14:14">
      <c r="N863372" s="10"/>
    </row>
    <row r="863373" spans="14:14">
      <c r="N863373" s="10"/>
    </row>
    <row r="863374" spans="14:14">
      <c r="N863374" s="10"/>
    </row>
    <row r="863375" spans="14:14">
      <c r="N863375" s="10"/>
    </row>
    <row r="863376" spans="14:14">
      <c r="N863376" s="10"/>
    </row>
    <row r="863377" spans="14:14">
      <c r="N863377" s="10"/>
    </row>
    <row r="863378" spans="14:14">
      <c r="N863378" s="10"/>
    </row>
    <row r="863379" spans="14:14">
      <c r="N863379" s="10"/>
    </row>
    <row r="863380" spans="14:14">
      <c r="N863380" s="10"/>
    </row>
    <row r="863381" spans="14:14">
      <c r="N863381" s="10"/>
    </row>
    <row r="863382" spans="14:14">
      <c r="N863382" s="10"/>
    </row>
    <row r="863383" spans="14:14">
      <c r="N863383" s="10"/>
    </row>
    <row r="863384" spans="14:14">
      <c r="N863384" s="10"/>
    </row>
    <row r="863385" spans="14:14">
      <c r="N863385" s="10"/>
    </row>
    <row r="863386" spans="14:14">
      <c r="N863386" s="10"/>
    </row>
    <row r="863387" spans="14:14">
      <c r="N863387" s="10"/>
    </row>
    <row r="863388" spans="14:14">
      <c r="N863388" s="10"/>
    </row>
    <row r="863389" spans="14:14">
      <c r="N863389" s="10"/>
    </row>
    <row r="863390" spans="14:14">
      <c r="N863390" s="10"/>
    </row>
    <row r="863391" spans="14:14">
      <c r="N863391" s="10"/>
    </row>
    <row r="863392" spans="14:14">
      <c r="N863392" s="10"/>
    </row>
    <row r="863393" spans="14:14">
      <c r="N863393" s="10"/>
    </row>
    <row r="863394" spans="14:14">
      <c r="N863394" s="10"/>
    </row>
    <row r="863395" spans="14:14">
      <c r="N863395" s="10"/>
    </row>
    <row r="863396" spans="14:14">
      <c r="N863396" s="10"/>
    </row>
    <row r="863397" spans="14:14">
      <c r="N863397" s="10"/>
    </row>
    <row r="863398" spans="14:14">
      <c r="N863398" s="10"/>
    </row>
    <row r="863399" spans="14:14">
      <c r="N863399" s="10"/>
    </row>
    <row r="863400" spans="14:14">
      <c r="N863400" s="10"/>
    </row>
    <row r="863401" spans="14:14">
      <c r="N863401" s="10"/>
    </row>
    <row r="863402" spans="14:14">
      <c r="N863402" s="10"/>
    </row>
    <row r="863403" spans="14:14">
      <c r="N863403" s="10"/>
    </row>
    <row r="863404" spans="14:14">
      <c r="N863404" s="10"/>
    </row>
    <row r="863405" spans="14:14">
      <c r="N863405" s="10"/>
    </row>
    <row r="863406" spans="14:14">
      <c r="N863406" s="10"/>
    </row>
    <row r="863407" spans="14:14">
      <c r="N863407" s="10"/>
    </row>
    <row r="863408" spans="14:14">
      <c r="N863408" s="10"/>
    </row>
    <row r="863409" spans="14:14">
      <c r="N863409" s="10"/>
    </row>
    <row r="863410" spans="14:14">
      <c r="N863410" s="10"/>
    </row>
    <row r="863411" spans="14:14">
      <c r="N863411" s="10"/>
    </row>
    <row r="863412" spans="14:14">
      <c r="N863412" s="10"/>
    </row>
    <row r="863413" spans="14:14">
      <c r="N863413" s="10"/>
    </row>
    <row r="863414" spans="14:14">
      <c r="N863414" s="10"/>
    </row>
    <row r="863415" spans="14:14">
      <c r="N863415" s="10"/>
    </row>
    <row r="863416" spans="14:14">
      <c r="N863416" s="10"/>
    </row>
    <row r="863417" spans="14:14">
      <c r="N863417" s="10"/>
    </row>
    <row r="863418" spans="14:14">
      <c r="N863418" s="10"/>
    </row>
    <row r="863419" spans="14:14">
      <c r="N863419" s="10"/>
    </row>
    <row r="863420" spans="14:14">
      <c r="N863420" s="10"/>
    </row>
    <row r="863421" spans="14:14">
      <c r="N863421" s="10"/>
    </row>
    <row r="863422" spans="14:14">
      <c r="N863422" s="10"/>
    </row>
    <row r="863423" spans="14:14">
      <c r="N863423" s="10"/>
    </row>
    <row r="863424" spans="14:14">
      <c r="N863424" s="10"/>
    </row>
    <row r="863425" spans="14:14">
      <c r="N863425" s="10"/>
    </row>
    <row r="863426" spans="14:14">
      <c r="N863426" s="10"/>
    </row>
    <row r="863427" spans="14:14">
      <c r="N863427" s="10"/>
    </row>
    <row r="863428" spans="14:14">
      <c r="N863428" s="10"/>
    </row>
    <row r="863429" spans="14:14">
      <c r="N863429" s="10"/>
    </row>
    <row r="863430" spans="14:14">
      <c r="N863430" s="10"/>
    </row>
    <row r="863431" spans="14:14">
      <c r="N863431" s="10"/>
    </row>
    <row r="863432" spans="14:14">
      <c r="N863432" s="10"/>
    </row>
    <row r="863433" spans="14:14">
      <c r="N863433" s="10"/>
    </row>
    <row r="863434" spans="14:14">
      <c r="N863434" s="10"/>
    </row>
    <row r="863435" spans="14:14">
      <c r="N863435" s="10"/>
    </row>
    <row r="863436" spans="14:14">
      <c r="N863436" s="10"/>
    </row>
    <row r="863437" spans="14:14">
      <c r="N863437" s="10"/>
    </row>
    <row r="863438" spans="14:14">
      <c r="N863438" s="10"/>
    </row>
    <row r="863439" spans="14:14">
      <c r="N863439" s="10"/>
    </row>
    <row r="863440" spans="14:14">
      <c r="N863440" s="10"/>
    </row>
    <row r="863441" spans="14:14">
      <c r="N863441" s="10"/>
    </row>
    <row r="863442" spans="14:14">
      <c r="N863442" s="10"/>
    </row>
    <row r="863443" spans="14:14">
      <c r="N863443" s="10"/>
    </row>
    <row r="863444" spans="14:14">
      <c r="N863444" s="10"/>
    </row>
    <row r="863445" spans="14:14">
      <c r="N863445" s="10"/>
    </row>
    <row r="863446" spans="14:14">
      <c r="N863446" s="10"/>
    </row>
    <row r="863447" spans="14:14">
      <c r="N863447" s="10"/>
    </row>
    <row r="863448" spans="14:14">
      <c r="N863448" s="10"/>
    </row>
    <row r="863449" spans="14:14">
      <c r="N863449" s="10"/>
    </row>
    <row r="863450" spans="14:14">
      <c r="N863450" s="10"/>
    </row>
    <row r="863451" spans="14:14">
      <c r="N863451" s="10"/>
    </row>
    <row r="863452" spans="14:14">
      <c r="N863452" s="10"/>
    </row>
    <row r="863453" spans="14:14">
      <c r="N863453" s="10"/>
    </row>
    <row r="863454" spans="14:14">
      <c r="N863454" s="10"/>
    </row>
    <row r="863455" spans="14:14">
      <c r="N863455" s="10"/>
    </row>
    <row r="863456" spans="14:14">
      <c r="N863456" s="10"/>
    </row>
    <row r="863457" spans="14:14">
      <c r="N863457" s="10"/>
    </row>
    <row r="863458" spans="14:14">
      <c r="N863458" s="10"/>
    </row>
    <row r="863459" spans="14:14">
      <c r="N863459" s="10"/>
    </row>
    <row r="863460" spans="14:14">
      <c r="N863460" s="10"/>
    </row>
    <row r="863461" spans="14:14">
      <c r="N863461" s="10"/>
    </row>
    <row r="863462" spans="14:14">
      <c r="N863462" s="10"/>
    </row>
    <row r="863463" spans="14:14">
      <c r="N863463" s="10"/>
    </row>
    <row r="863464" spans="14:14">
      <c r="N863464" s="10"/>
    </row>
    <row r="863465" spans="14:14">
      <c r="N863465" s="10"/>
    </row>
    <row r="863466" spans="14:14">
      <c r="N863466" s="10"/>
    </row>
    <row r="863467" spans="14:14">
      <c r="N863467" s="10"/>
    </row>
    <row r="863468" spans="14:14">
      <c r="N863468" s="10"/>
    </row>
    <row r="863469" spans="14:14">
      <c r="N863469" s="10"/>
    </row>
    <row r="863470" spans="14:14">
      <c r="N863470" s="10"/>
    </row>
    <row r="863471" spans="14:14">
      <c r="N863471" s="10"/>
    </row>
    <row r="863472" spans="14:14">
      <c r="N863472" s="10"/>
    </row>
    <row r="863473" spans="14:14">
      <c r="N863473" s="10"/>
    </row>
    <row r="863474" spans="14:14">
      <c r="N863474" s="10"/>
    </row>
    <row r="863475" spans="14:14">
      <c r="N863475" s="10"/>
    </row>
    <row r="863476" spans="14:14">
      <c r="N863476" s="10"/>
    </row>
    <row r="863477" spans="14:14">
      <c r="N863477" s="10"/>
    </row>
    <row r="863478" spans="14:14">
      <c r="N863478" s="10"/>
    </row>
    <row r="863479" spans="14:14">
      <c r="N863479" s="10"/>
    </row>
    <row r="863480" spans="14:14">
      <c r="N863480" s="10"/>
    </row>
    <row r="863481" spans="14:14">
      <c r="N863481" s="10"/>
    </row>
    <row r="863482" spans="14:14">
      <c r="N863482" s="10"/>
    </row>
    <row r="863483" spans="14:14">
      <c r="N863483" s="10"/>
    </row>
    <row r="863484" spans="14:14">
      <c r="N863484" s="10"/>
    </row>
    <row r="863485" spans="14:14">
      <c r="N863485" s="10"/>
    </row>
    <row r="863486" spans="14:14">
      <c r="N863486" s="10"/>
    </row>
    <row r="863487" spans="14:14">
      <c r="N863487" s="10"/>
    </row>
    <row r="863488" spans="14:14">
      <c r="N863488" s="10"/>
    </row>
    <row r="863489" spans="14:14">
      <c r="N863489" s="10"/>
    </row>
    <row r="863490" spans="14:14">
      <c r="N863490" s="10"/>
    </row>
    <row r="863491" spans="14:14">
      <c r="N863491" s="10"/>
    </row>
    <row r="863492" spans="14:14">
      <c r="N863492" s="10"/>
    </row>
    <row r="863493" spans="14:14">
      <c r="N863493" s="10"/>
    </row>
    <row r="863494" spans="14:14">
      <c r="N863494" s="10"/>
    </row>
    <row r="863495" spans="14:14">
      <c r="N863495" s="10"/>
    </row>
    <row r="863496" spans="14:14">
      <c r="N863496" s="10"/>
    </row>
    <row r="863497" spans="14:14">
      <c r="N863497" s="10"/>
    </row>
    <row r="863498" spans="14:14">
      <c r="N863498" s="10"/>
    </row>
    <row r="863499" spans="14:14">
      <c r="N863499" s="10"/>
    </row>
    <row r="863500" spans="14:14">
      <c r="N863500" s="10"/>
    </row>
    <row r="863501" spans="14:14">
      <c r="N863501" s="10"/>
    </row>
    <row r="863502" spans="14:14">
      <c r="N863502" s="10"/>
    </row>
    <row r="863503" spans="14:14">
      <c r="N863503" s="10"/>
    </row>
    <row r="863504" spans="14:14">
      <c r="N863504" s="10"/>
    </row>
    <row r="863505" spans="14:14">
      <c r="N863505" s="10"/>
    </row>
    <row r="863506" spans="14:14">
      <c r="N863506" s="10"/>
    </row>
    <row r="863507" spans="14:14">
      <c r="N863507" s="10"/>
    </row>
    <row r="863508" spans="14:14">
      <c r="N863508" s="10"/>
    </row>
    <row r="863509" spans="14:14">
      <c r="N863509" s="10"/>
    </row>
    <row r="863510" spans="14:14">
      <c r="N863510" s="10"/>
    </row>
    <row r="863511" spans="14:14">
      <c r="N863511" s="10"/>
    </row>
    <row r="863512" spans="14:14">
      <c r="N863512" s="10"/>
    </row>
    <row r="863513" spans="14:14">
      <c r="N863513" s="10"/>
    </row>
    <row r="863514" spans="14:14">
      <c r="N863514" s="10"/>
    </row>
    <row r="863515" spans="14:14">
      <c r="N863515" s="10"/>
    </row>
    <row r="863516" spans="14:14">
      <c r="N863516" s="10"/>
    </row>
    <row r="863517" spans="14:14">
      <c r="N863517" s="10"/>
    </row>
    <row r="863518" spans="14:14">
      <c r="N863518" s="10"/>
    </row>
    <row r="863519" spans="14:14">
      <c r="N863519" s="10"/>
    </row>
    <row r="863520" spans="14:14">
      <c r="N863520" s="10"/>
    </row>
    <row r="863521" spans="14:14">
      <c r="N863521" s="10"/>
    </row>
    <row r="863522" spans="14:14">
      <c r="N863522" s="10"/>
    </row>
    <row r="863523" spans="14:14">
      <c r="N863523" s="10"/>
    </row>
    <row r="863524" spans="14:14">
      <c r="N863524" s="10"/>
    </row>
    <row r="863525" spans="14:14">
      <c r="N863525" s="10"/>
    </row>
    <row r="863526" spans="14:14">
      <c r="N863526" s="10"/>
    </row>
    <row r="863527" spans="14:14">
      <c r="N863527" s="10"/>
    </row>
    <row r="863528" spans="14:14">
      <c r="N863528" s="10"/>
    </row>
    <row r="863529" spans="14:14">
      <c r="N863529" s="10"/>
    </row>
    <row r="863530" spans="14:14">
      <c r="N863530" s="10"/>
    </row>
    <row r="863531" spans="14:14">
      <c r="N863531" s="10"/>
    </row>
    <row r="863532" spans="14:14">
      <c r="N863532" s="10"/>
    </row>
    <row r="863533" spans="14:14">
      <c r="N863533" s="10"/>
    </row>
    <row r="863534" spans="14:14">
      <c r="N863534" s="10"/>
    </row>
    <row r="863535" spans="14:14">
      <c r="N863535" s="10"/>
    </row>
    <row r="863536" spans="14:14">
      <c r="N863536" s="10"/>
    </row>
    <row r="863537" spans="14:14">
      <c r="N863537" s="10"/>
    </row>
    <row r="863538" spans="14:14">
      <c r="N863538" s="10"/>
    </row>
    <row r="863539" spans="14:14">
      <c r="N863539" s="10"/>
    </row>
    <row r="863540" spans="14:14">
      <c r="N863540" s="10"/>
    </row>
    <row r="863541" spans="14:14">
      <c r="N863541" s="10"/>
    </row>
    <row r="863542" spans="14:14">
      <c r="N863542" s="10"/>
    </row>
    <row r="863543" spans="14:14">
      <c r="N863543" s="10"/>
    </row>
    <row r="863544" spans="14:14">
      <c r="N863544" s="10"/>
    </row>
    <row r="863545" spans="14:14">
      <c r="N863545" s="10"/>
    </row>
    <row r="863546" spans="14:14">
      <c r="N863546" s="10"/>
    </row>
    <row r="863547" spans="14:14">
      <c r="N863547" s="10"/>
    </row>
    <row r="863548" spans="14:14">
      <c r="N863548" s="10"/>
    </row>
    <row r="863549" spans="14:14">
      <c r="N863549" s="10"/>
    </row>
    <row r="863550" spans="14:14">
      <c r="N863550" s="10"/>
    </row>
    <row r="863551" spans="14:14">
      <c r="N863551" s="10"/>
    </row>
    <row r="863552" spans="14:14">
      <c r="N863552" s="10"/>
    </row>
    <row r="863553" spans="14:14">
      <c r="N863553" s="10"/>
    </row>
    <row r="863554" spans="14:14">
      <c r="N863554" s="10"/>
    </row>
    <row r="863555" spans="14:14">
      <c r="N863555" s="10"/>
    </row>
    <row r="863556" spans="14:14">
      <c r="N863556" s="10"/>
    </row>
    <row r="863557" spans="14:14">
      <c r="N863557" s="10"/>
    </row>
    <row r="863558" spans="14:14">
      <c r="N863558" s="10"/>
    </row>
    <row r="863559" spans="14:14">
      <c r="N863559" s="10"/>
    </row>
    <row r="863560" spans="14:14">
      <c r="N863560" s="10"/>
    </row>
    <row r="863561" spans="14:14">
      <c r="N863561" s="10"/>
    </row>
    <row r="863562" spans="14:14">
      <c r="N863562" s="10"/>
    </row>
    <row r="863563" spans="14:14">
      <c r="N863563" s="10"/>
    </row>
    <row r="863564" spans="14:14">
      <c r="N863564" s="10"/>
    </row>
    <row r="863565" spans="14:14">
      <c r="N863565" s="10"/>
    </row>
    <row r="863566" spans="14:14">
      <c r="N863566" s="10"/>
    </row>
    <row r="863567" spans="14:14">
      <c r="N863567" s="10"/>
    </row>
    <row r="863568" spans="14:14">
      <c r="N863568" s="10"/>
    </row>
    <row r="863569" spans="14:14">
      <c r="N863569" s="10"/>
    </row>
    <row r="863570" spans="14:14">
      <c r="N863570" s="10"/>
    </row>
    <row r="863571" spans="14:14">
      <c r="N863571" s="10"/>
    </row>
    <row r="863572" spans="14:14">
      <c r="N863572" s="10"/>
    </row>
    <row r="863573" spans="14:14">
      <c r="N863573" s="10"/>
    </row>
    <row r="863574" spans="14:14">
      <c r="N863574" s="10"/>
    </row>
    <row r="863575" spans="14:14">
      <c r="N863575" s="10"/>
    </row>
    <row r="863576" spans="14:14">
      <c r="N863576" s="10"/>
    </row>
    <row r="863577" spans="14:14">
      <c r="N863577" s="10"/>
    </row>
    <row r="863578" spans="14:14">
      <c r="N863578" s="10"/>
    </row>
    <row r="863579" spans="14:14">
      <c r="N863579" s="10"/>
    </row>
    <row r="863580" spans="14:14">
      <c r="N863580" s="10"/>
    </row>
    <row r="863581" spans="14:14">
      <c r="N863581" s="10"/>
    </row>
    <row r="863582" spans="14:14">
      <c r="N863582" s="10"/>
    </row>
    <row r="863583" spans="14:14">
      <c r="N863583" s="10"/>
    </row>
    <row r="863584" spans="14:14">
      <c r="N863584" s="10"/>
    </row>
    <row r="863585" spans="14:14">
      <c r="N863585" s="10"/>
    </row>
    <row r="863586" spans="14:14">
      <c r="N863586" s="10"/>
    </row>
    <row r="863587" spans="14:14">
      <c r="N863587" s="10"/>
    </row>
    <row r="863588" spans="14:14">
      <c r="N863588" s="10"/>
    </row>
    <row r="863589" spans="14:14">
      <c r="N863589" s="10"/>
    </row>
    <row r="863590" spans="14:14">
      <c r="N863590" s="10"/>
    </row>
    <row r="863591" spans="14:14">
      <c r="N863591" s="10"/>
    </row>
    <row r="863592" spans="14:14">
      <c r="N863592" s="10"/>
    </row>
    <row r="863593" spans="14:14">
      <c r="N863593" s="10"/>
    </row>
    <row r="863594" spans="14:14">
      <c r="N863594" s="10"/>
    </row>
    <row r="863595" spans="14:14">
      <c r="N863595" s="10"/>
    </row>
    <row r="863596" spans="14:14">
      <c r="N863596" s="10"/>
    </row>
    <row r="863597" spans="14:14">
      <c r="N863597" s="10"/>
    </row>
    <row r="863598" spans="14:14">
      <c r="N863598" s="10"/>
    </row>
    <row r="863599" spans="14:14">
      <c r="N863599" s="10"/>
    </row>
    <row r="863600" spans="14:14">
      <c r="N863600" s="10"/>
    </row>
    <row r="863601" spans="14:14">
      <c r="N863601" s="10"/>
    </row>
    <row r="863602" spans="14:14">
      <c r="N863602" s="10"/>
    </row>
    <row r="863603" spans="14:14">
      <c r="N863603" s="10"/>
    </row>
    <row r="863604" spans="14:14">
      <c r="N863604" s="10"/>
    </row>
    <row r="863605" spans="14:14">
      <c r="N863605" s="10"/>
    </row>
    <row r="863606" spans="14:14">
      <c r="N863606" s="10"/>
    </row>
    <row r="863607" spans="14:14">
      <c r="N863607" s="10"/>
    </row>
    <row r="863608" spans="14:14">
      <c r="N863608" s="10"/>
    </row>
    <row r="863609" spans="14:14">
      <c r="N863609" s="10"/>
    </row>
    <row r="863610" spans="14:14">
      <c r="N863610" s="10"/>
    </row>
    <row r="863611" spans="14:14">
      <c r="N863611" s="10"/>
    </row>
    <row r="863612" spans="14:14">
      <c r="N863612" s="10"/>
    </row>
    <row r="863613" spans="14:14">
      <c r="N863613" s="10"/>
    </row>
    <row r="863614" spans="14:14">
      <c r="N863614" s="10"/>
    </row>
    <row r="863615" spans="14:14">
      <c r="N863615" s="10"/>
    </row>
    <row r="863616" spans="14:14">
      <c r="N863616" s="10"/>
    </row>
    <row r="863617" spans="14:14">
      <c r="N863617" s="10"/>
    </row>
    <row r="863618" spans="14:14">
      <c r="N863618" s="10"/>
    </row>
    <row r="863619" spans="14:14">
      <c r="N863619" s="10"/>
    </row>
    <row r="863620" spans="14:14">
      <c r="N863620" s="10"/>
    </row>
    <row r="863621" spans="14:14">
      <c r="N863621" s="10"/>
    </row>
    <row r="863622" spans="14:14">
      <c r="N863622" s="10"/>
    </row>
    <row r="863623" spans="14:14">
      <c r="N863623" s="10"/>
    </row>
    <row r="863624" spans="14:14">
      <c r="N863624" s="10"/>
    </row>
    <row r="863625" spans="14:14">
      <c r="N863625" s="10"/>
    </row>
    <row r="863626" spans="14:14">
      <c r="N863626" s="10"/>
    </row>
    <row r="863627" spans="14:14">
      <c r="N863627" s="10"/>
    </row>
    <row r="863628" spans="14:14">
      <c r="N863628" s="10"/>
    </row>
    <row r="863629" spans="14:14">
      <c r="N863629" s="10"/>
    </row>
    <row r="863630" spans="14:14">
      <c r="N863630" s="10"/>
    </row>
    <row r="863631" spans="14:14">
      <c r="N863631" s="10"/>
    </row>
    <row r="863632" spans="14:14">
      <c r="N863632" s="10"/>
    </row>
    <row r="863633" spans="14:14">
      <c r="N863633" s="10"/>
    </row>
    <row r="863634" spans="14:14">
      <c r="N863634" s="10"/>
    </row>
    <row r="863635" spans="14:14">
      <c r="N863635" s="10"/>
    </row>
    <row r="863636" spans="14:14">
      <c r="N863636" s="10"/>
    </row>
    <row r="863637" spans="14:14">
      <c r="N863637" s="10"/>
    </row>
    <row r="863638" spans="14:14">
      <c r="N863638" s="10"/>
    </row>
    <row r="863639" spans="14:14">
      <c r="N863639" s="10"/>
    </row>
    <row r="863640" spans="14:14">
      <c r="N863640" s="10"/>
    </row>
    <row r="863641" spans="14:14">
      <c r="N863641" s="10"/>
    </row>
    <row r="863642" spans="14:14">
      <c r="N863642" s="10"/>
    </row>
    <row r="863643" spans="14:14">
      <c r="N863643" s="10"/>
    </row>
    <row r="863644" spans="14:14">
      <c r="N863644" s="10"/>
    </row>
    <row r="863645" spans="14:14">
      <c r="N863645" s="10"/>
    </row>
    <row r="863646" spans="14:14">
      <c r="N863646" s="10"/>
    </row>
    <row r="863647" spans="14:14">
      <c r="N863647" s="10"/>
    </row>
    <row r="863648" spans="14:14">
      <c r="N863648" s="10"/>
    </row>
    <row r="863649" spans="14:14">
      <c r="N863649" s="10"/>
    </row>
    <row r="863650" spans="14:14">
      <c r="N863650" s="10"/>
    </row>
    <row r="863651" spans="14:14">
      <c r="N863651" s="10"/>
    </row>
    <row r="863652" spans="14:14">
      <c r="N863652" s="10"/>
    </row>
    <row r="863653" spans="14:14">
      <c r="N863653" s="10"/>
    </row>
    <row r="863654" spans="14:14">
      <c r="N863654" s="10"/>
    </row>
    <row r="863655" spans="14:14">
      <c r="N863655" s="10"/>
    </row>
    <row r="863656" spans="14:14">
      <c r="N863656" s="10"/>
    </row>
    <row r="863657" spans="14:14">
      <c r="N863657" s="10"/>
    </row>
    <row r="863658" spans="14:14">
      <c r="N863658" s="10"/>
    </row>
    <row r="863659" spans="14:14">
      <c r="N863659" s="10"/>
    </row>
    <row r="863660" spans="14:14">
      <c r="N863660" s="10"/>
    </row>
    <row r="863661" spans="14:14">
      <c r="N863661" s="10"/>
    </row>
    <row r="863662" spans="14:14">
      <c r="N863662" s="10"/>
    </row>
    <row r="863663" spans="14:14">
      <c r="N863663" s="10"/>
    </row>
    <row r="863664" spans="14:14">
      <c r="N863664" s="10"/>
    </row>
    <row r="863665" spans="14:14">
      <c r="N863665" s="10"/>
    </row>
    <row r="863666" spans="14:14">
      <c r="N863666" s="10"/>
    </row>
    <row r="863667" spans="14:14">
      <c r="N863667" s="10"/>
    </row>
    <row r="863668" spans="14:14">
      <c r="N863668" s="10"/>
    </row>
    <row r="863669" spans="14:14">
      <c r="N863669" s="10"/>
    </row>
    <row r="863670" spans="14:14">
      <c r="N863670" s="10"/>
    </row>
    <row r="863671" spans="14:14">
      <c r="N863671" s="10"/>
    </row>
    <row r="863672" spans="14:14">
      <c r="N863672" s="10"/>
    </row>
    <row r="863673" spans="14:14">
      <c r="N863673" s="10"/>
    </row>
    <row r="863674" spans="14:14">
      <c r="N863674" s="10"/>
    </row>
    <row r="863675" spans="14:14">
      <c r="N863675" s="10"/>
    </row>
    <row r="863676" spans="14:14">
      <c r="N863676" s="10"/>
    </row>
    <row r="863677" spans="14:14">
      <c r="N863677" s="10"/>
    </row>
    <row r="863678" spans="14:14">
      <c r="N863678" s="10"/>
    </row>
    <row r="863679" spans="14:14">
      <c r="N863679" s="10"/>
    </row>
    <row r="863680" spans="14:14">
      <c r="N863680" s="10"/>
    </row>
    <row r="863681" spans="14:14">
      <c r="N863681" s="10"/>
    </row>
    <row r="863682" spans="14:14">
      <c r="N863682" s="10"/>
    </row>
    <row r="863683" spans="14:14">
      <c r="N863683" s="10"/>
    </row>
    <row r="863684" spans="14:14">
      <c r="N863684" s="10"/>
    </row>
    <row r="863685" spans="14:14">
      <c r="N863685" s="10"/>
    </row>
    <row r="863686" spans="14:14">
      <c r="N863686" s="10"/>
    </row>
    <row r="863687" spans="14:14">
      <c r="N863687" s="10"/>
    </row>
    <row r="863688" spans="14:14">
      <c r="N863688" s="10"/>
    </row>
    <row r="863689" spans="14:14">
      <c r="N863689" s="10"/>
    </row>
    <row r="863690" spans="14:14">
      <c r="N863690" s="10"/>
    </row>
    <row r="863691" spans="14:14">
      <c r="N863691" s="10"/>
    </row>
    <row r="863692" spans="14:14">
      <c r="N863692" s="10"/>
    </row>
    <row r="863693" spans="14:14">
      <c r="N863693" s="10"/>
    </row>
    <row r="863694" spans="14:14">
      <c r="N863694" s="10"/>
    </row>
    <row r="863695" spans="14:14">
      <c r="N863695" s="10"/>
    </row>
    <row r="863696" spans="14:14">
      <c r="N863696" s="10"/>
    </row>
    <row r="863697" spans="14:14">
      <c r="N863697" s="10"/>
    </row>
    <row r="863698" spans="14:14">
      <c r="N863698" s="10"/>
    </row>
    <row r="863699" spans="14:14">
      <c r="N863699" s="10"/>
    </row>
    <row r="863700" spans="14:14">
      <c r="N863700" s="10"/>
    </row>
    <row r="863701" spans="14:14">
      <c r="N863701" s="10"/>
    </row>
    <row r="863702" spans="14:14">
      <c r="N863702" s="10"/>
    </row>
    <row r="863703" spans="14:14">
      <c r="N863703" s="10"/>
    </row>
    <row r="863704" spans="14:14">
      <c r="N863704" s="10"/>
    </row>
    <row r="863705" spans="14:14">
      <c r="N863705" s="10"/>
    </row>
    <row r="863706" spans="14:14">
      <c r="N863706" s="10"/>
    </row>
    <row r="863707" spans="14:14">
      <c r="N863707" s="10"/>
    </row>
    <row r="863708" spans="14:14">
      <c r="N863708" s="10"/>
    </row>
    <row r="863709" spans="14:14">
      <c r="N863709" s="10"/>
    </row>
    <row r="863710" spans="14:14">
      <c r="N863710" s="10"/>
    </row>
    <row r="863711" spans="14:14">
      <c r="N863711" s="10"/>
    </row>
    <row r="863712" spans="14:14">
      <c r="N863712" s="10"/>
    </row>
    <row r="863713" spans="14:14">
      <c r="N863713" s="10"/>
    </row>
    <row r="863714" spans="14:14">
      <c r="N863714" s="10"/>
    </row>
    <row r="863715" spans="14:14">
      <c r="N863715" s="10"/>
    </row>
    <row r="863716" spans="14:14">
      <c r="N863716" s="10"/>
    </row>
    <row r="863717" spans="14:14">
      <c r="N863717" s="10"/>
    </row>
    <row r="863718" spans="14:14">
      <c r="N863718" s="10"/>
    </row>
    <row r="863719" spans="14:14">
      <c r="N863719" s="10"/>
    </row>
    <row r="863720" spans="14:14">
      <c r="N863720" s="10"/>
    </row>
    <row r="863721" spans="14:14">
      <c r="N863721" s="10"/>
    </row>
    <row r="863722" spans="14:14">
      <c r="N863722" s="10"/>
    </row>
    <row r="863723" spans="14:14">
      <c r="N863723" s="10"/>
    </row>
    <row r="863724" spans="14:14">
      <c r="N863724" s="10"/>
    </row>
    <row r="863725" spans="14:14">
      <c r="N863725" s="10"/>
    </row>
    <row r="863726" spans="14:14">
      <c r="N863726" s="10"/>
    </row>
    <row r="863727" spans="14:14">
      <c r="N863727" s="10"/>
    </row>
    <row r="863728" spans="14:14">
      <c r="N863728" s="10"/>
    </row>
    <row r="863729" spans="14:14">
      <c r="N863729" s="10"/>
    </row>
    <row r="863730" spans="14:14">
      <c r="N863730" s="10"/>
    </row>
    <row r="863731" spans="14:14">
      <c r="N863731" s="10"/>
    </row>
    <row r="863732" spans="14:14">
      <c r="N863732" s="10"/>
    </row>
    <row r="863733" spans="14:14">
      <c r="N863733" s="10"/>
    </row>
    <row r="863734" spans="14:14">
      <c r="N863734" s="10"/>
    </row>
    <row r="863735" spans="14:14">
      <c r="N863735" s="10"/>
    </row>
    <row r="863736" spans="14:14">
      <c r="N863736" s="10"/>
    </row>
    <row r="863737" spans="14:14">
      <c r="N863737" s="10"/>
    </row>
    <row r="863738" spans="14:14">
      <c r="N863738" s="10"/>
    </row>
    <row r="863739" spans="14:14">
      <c r="N863739" s="10"/>
    </row>
    <row r="863740" spans="14:14">
      <c r="N863740" s="10"/>
    </row>
    <row r="863741" spans="14:14">
      <c r="N863741" s="10"/>
    </row>
    <row r="863742" spans="14:14">
      <c r="N863742" s="10"/>
    </row>
    <row r="863743" spans="14:14">
      <c r="N863743" s="10"/>
    </row>
    <row r="863744" spans="14:14">
      <c r="N863744" s="10"/>
    </row>
    <row r="863745" spans="14:14">
      <c r="N863745" s="10"/>
    </row>
    <row r="863746" spans="14:14">
      <c r="N863746" s="10"/>
    </row>
    <row r="863747" spans="14:14">
      <c r="N863747" s="10"/>
    </row>
    <row r="863748" spans="14:14">
      <c r="N863748" s="10"/>
    </row>
    <row r="863749" spans="14:14">
      <c r="N863749" s="10"/>
    </row>
    <row r="863750" spans="14:14">
      <c r="N863750" s="10"/>
    </row>
    <row r="863751" spans="14:14">
      <c r="N863751" s="10"/>
    </row>
    <row r="863752" spans="14:14">
      <c r="N863752" s="10"/>
    </row>
    <row r="863753" spans="14:14">
      <c r="N863753" s="10"/>
    </row>
    <row r="863754" spans="14:14">
      <c r="N863754" s="10"/>
    </row>
    <row r="863755" spans="14:14">
      <c r="N863755" s="10"/>
    </row>
    <row r="863756" spans="14:14">
      <c r="N863756" s="10"/>
    </row>
    <row r="863757" spans="14:14">
      <c r="N863757" s="10"/>
    </row>
    <row r="863758" spans="14:14">
      <c r="N863758" s="10"/>
    </row>
    <row r="863759" spans="14:14">
      <c r="N863759" s="10"/>
    </row>
    <row r="863760" spans="14:14">
      <c r="N863760" s="10"/>
    </row>
    <row r="863761" spans="14:14">
      <c r="N863761" s="10"/>
    </row>
    <row r="863762" spans="14:14">
      <c r="N863762" s="10"/>
    </row>
    <row r="863763" spans="14:14">
      <c r="N863763" s="10"/>
    </row>
    <row r="863764" spans="14:14">
      <c r="N863764" s="10"/>
    </row>
    <row r="863765" spans="14:14">
      <c r="N863765" s="10"/>
    </row>
    <row r="863766" spans="14:14">
      <c r="N863766" s="10"/>
    </row>
    <row r="863767" spans="14:14">
      <c r="N863767" s="10"/>
    </row>
    <row r="863768" spans="14:14">
      <c r="N863768" s="10"/>
    </row>
    <row r="863769" spans="14:14">
      <c r="N863769" s="10"/>
    </row>
    <row r="863770" spans="14:14">
      <c r="N863770" s="10"/>
    </row>
    <row r="863771" spans="14:14">
      <c r="N863771" s="10"/>
    </row>
    <row r="863772" spans="14:14">
      <c r="N863772" s="10"/>
    </row>
    <row r="863773" spans="14:14">
      <c r="N863773" s="10"/>
    </row>
    <row r="863774" spans="14:14">
      <c r="N863774" s="10"/>
    </row>
    <row r="863775" spans="14:14">
      <c r="N863775" s="10"/>
    </row>
    <row r="863776" spans="14:14">
      <c r="N863776" s="10"/>
    </row>
    <row r="863777" spans="14:14">
      <c r="N863777" s="10"/>
    </row>
    <row r="863778" spans="14:14">
      <c r="N863778" s="10"/>
    </row>
    <row r="863779" spans="14:14">
      <c r="N863779" s="10"/>
    </row>
    <row r="863780" spans="14:14">
      <c r="N863780" s="10"/>
    </row>
    <row r="863781" spans="14:14">
      <c r="N863781" s="10"/>
    </row>
    <row r="863782" spans="14:14">
      <c r="N863782" s="10"/>
    </row>
    <row r="863783" spans="14:14">
      <c r="N863783" s="10"/>
    </row>
    <row r="863784" spans="14:14">
      <c r="N863784" s="10"/>
    </row>
    <row r="863785" spans="14:14">
      <c r="N863785" s="10"/>
    </row>
    <row r="863786" spans="14:14">
      <c r="N863786" s="10"/>
    </row>
    <row r="863787" spans="14:14">
      <c r="N863787" s="10"/>
    </row>
    <row r="863788" spans="14:14">
      <c r="N863788" s="10"/>
    </row>
    <row r="863789" spans="14:14">
      <c r="N863789" s="10"/>
    </row>
    <row r="863790" spans="14:14">
      <c r="N863790" s="10"/>
    </row>
    <row r="863791" spans="14:14">
      <c r="N863791" s="10"/>
    </row>
    <row r="863792" spans="14:14">
      <c r="N863792" s="10"/>
    </row>
    <row r="863793" spans="14:14">
      <c r="N863793" s="10"/>
    </row>
    <row r="863794" spans="14:14">
      <c r="N863794" s="10"/>
    </row>
    <row r="863795" spans="14:14">
      <c r="N863795" s="10"/>
    </row>
    <row r="863796" spans="14:14">
      <c r="N863796" s="10"/>
    </row>
    <row r="863797" spans="14:14">
      <c r="N863797" s="10"/>
    </row>
    <row r="863798" spans="14:14">
      <c r="N863798" s="10"/>
    </row>
    <row r="863799" spans="14:14">
      <c r="N863799" s="10"/>
    </row>
    <row r="863800" spans="14:14">
      <c r="N863800" s="10"/>
    </row>
    <row r="863801" spans="14:14">
      <c r="N863801" s="10"/>
    </row>
    <row r="863802" spans="14:14">
      <c r="N863802" s="10"/>
    </row>
    <row r="863803" spans="14:14">
      <c r="N863803" s="10"/>
    </row>
    <row r="863804" spans="14:14">
      <c r="N863804" s="10"/>
    </row>
    <row r="863805" spans="14:14">
      <c r="N863805" s="10"/>
    </row>
    <row r="863806" spans="14:14">
      <c r="N863806" s="10"/>
    </row>
    <row r="863807" spans="14:14">
      <c r="N863807" s="10"/>
    </row>
    <row r="863808" spans="14:14">
      <c r="N863808" s="10"/>
    </row>
    <row r="863809" spans="14:14">
      <c r="N863809" s="10"/>
    </row>
    <row r="863810" spans="14:14">
      <c r="N863810" s="10"/>
    </row>
    <row r="863811" spans="14:14">
      <c r="N863811" s="10"/>
    </row>
    <row r="863812" spans="14:14">
      <c r="N863812" s="10"/>
    </row>
    <row r="863813" spans="14:14">
      <c r="N863813" s="10"/>
    </row>
    <row r="863814" spans="14:14">
      <c r="N863814" s="10"/>
    </row>
    <row r="863815" spans="14:14">
      <c r="N863815" s="10"/>
    </row>
    <row r="863816" spans="14:14">
      <c r="N863816" s="10"/>
    </row>
    <row r="863817" spans="14:14">
      <c r="N863817" s="10"/>
    </row>
    <row r="863818" spans="14:14">
      <c r="N863818" s="10"/>
    </row>
    <row r="863819" spans="14:14">
      <c r="N863819" s="10"/>
    </row>
    <row r="863820" spans="14:14">
      <c r="N863820" s="10"/>
    </row>
    <row r="863821" spans="14:14">
      <c r="N863821" s="10"/>
    </row>
    <row r="863822" spans="14:14">
      <c r="N863822" s="10"/>
    </row>
    <row r="863823" spans="14:14">
      <c r="N863823" s="10"/>
    </row>
    <row r="863824" spans="14:14">
      <c r="N863824" s="10"/>
    </row>
    <row r="863825" spans="14:14">
      <c r="N863825" s="10"/>
    </row>
    <row r="863826" spans="14:14">
      <c r="N863826" s="10"/>
    </row>
    <row r="863827" spans="14:14">
      <c r="N863827" s="10"/>
    </row>
    <row r="863828" spans="14:14">
      <c r="N863828" s="10"/>
    </row>
    <row r="863829" spans="14:14">
      <c r="N863829" s="10"/>
    </row>
    <row r="863830" spans="14:14">
      <c r="N863830" s="10"/>
    </row>
    <row r="863831" spans="14:14">
      <c r="N863831" s="10"/>
    </row>
    <row r="863832" spans="14:14">
      <c r="N863832" s="10"/>
    </row>
    <row r="863833" spans="14:14">
      <c r="N863833" s="10"/>
    </row>
    <row r="863834" spans="14:14">
      <c r="N863834" s="10"/>
    </row>
    <row r="863835" spans="14:14">
      <c r="N863835" s="10"/>
    </row>
    <row r="863836" spans="14:14">
      <c r="N863836" s="10"/>
    </row>
    <row r="863837" spans="14:14">
      <c r="N863837" s="10"/>
    </row>
    <row r="863838" spans="14:14">
      <c r="N863838" s="10"/>
    </row>
    <row r="863839" spans="14:14">
      <c r="N863839" s="10"/>
    </row>
    <row r="863840" spans="14:14">
      <c r="N863840" s="10"/>
    </row>
    <row r="863841" spans="14:14">
      <c r="N863841" s="10"/>
    </row>
    <row r="863842" spans="14:14">
      <c r="N863842" s="10"/>
    </row>
    <row r="863843" spans="14:14">
      <c r="N863843" s="10"/>
    </row>
    <row r="863844" spans="14:14">
      <c r="N863844" s="10"/>
    </row>
    <row r="863845" spans="14:14">
      <c r="N863845" s="10"/>
    </row>
    <row r="863846" spans="14:14">
      <c r="N863846" s="10"/>
    </row>
    <row r="863847" spans="14:14">
      <c r="N863847" s="10"/>
    </row>
    <row r="863848" spans="14:14">
      <c r="N863848" s="10"/>
    </row>
    <row r="863849" spans="14:14">
      <c r="N863849" s="10"/>
    </row>
    <row r="863850" spans="14:14">
      <c r="N863850" s="10"/>
    </row>
    <row r="863851" spans="14:14">
      <c r="N863851" s="10"/>
    </row>
    <row r="863852" spans="14:14">
      <c r="N863852" s="10"/>
    </row>
    <row r="863853" spans="14:14">
      <c r="N863853" s="10"/>
    </row>
    <row r="863854" spans="14:14">
      <c r="N863854" s="10"/>
    </row>
    <row r="863855" spans="14:14">
      <c r="N863855" s="10"/>
    </row>
    <row r="863856" spans="14:14">
      <c r="N863856" s="10"/>
    </row>
    <row r="863857" spans="14:14">
      <c r="N863857" s="10"/>
    </row>
    <row r="863858" spans="14:14">
      <c r="N863858" s="10"/>
    </row>
    <row r="863859" spans="14:14">
      <c r="N863859" s="10"/>
    </row>
    <row r="863860" spans="14:14">
      <c r="N863860" s="10"/>
    </row>
    <row r="863861" spans="14:14">
      <c r="N863861" s="10"/>
    </row>
    <row r="863862" spans="14:14">
      <c r="N863862" s="10"/>
    </row>
    <row r="863863" spans="14:14">
      <c r="N863863" s="10"/>
    </row>
    <row r="863864" spans="14:14">
      <c r="N863864" s="10"/>
    </row>
    <row r="863865" spans="14:14">
      <c r="N863865" s="10"/>
    </row>
    <row r="863866" spans="14:14">
      <c r="N863866" s="10"/>
    </row>
    <row r="863867" spans="14:14">
      <c r="N863867" s="10"/>
    </row>
    <row r="863868" spans="14:14">
      <c r="N863868" s="10"/>
    </row>
    <row r="863869" spans="14:14">
      <c r="N863869" s="10"/>
    </row>
    <row r="863870" spans="14:14">
      <c r="N863870" s="10"/>
    </row>
    <row r="863871" spans="14:14">
      <c r="N863871" s="10"/>
    </row>
    <row r="863872" spans="14:14">
      <c r="N863872" s="10"/>
    </row>
    <row r="863873" spans="14:14">
      <c r="N863873" s="10"/>
    </row>
    <row r="863874" spans="14:14">
      <c r="N863874" s="10"/>
    </row>
    <row r="863875" spans="14:14">
      <c r="N863875" s="10"/>
    </row>
    <row r="863876" spans="14:14">
      <c r="N863876" s="10"/>
    </row>
    <row r="863877" spans="14:14">
      <c r="N863877" s="10"/>
    </row>
    <row r="863878" spans="14:14">
      <c r="N863878" s="10"/>
    </row>
    <row r="863879" spans="14:14">
      <c r="N863879" s="10"/>
    </row>
    <row r="863880" spans="14:14">
      <c r="N863880" s="10"/>
    </row>
    <row r="863881" spans="14:14">
      <c r="N863881" s="10"/>
    </row>
    <row r="863882" spans="14:14">
      <c r="N863882" s="10"/>
    </row>
    <row r="863883" spans="14:14">
      <c r="N863883" s="10"/>
    </row>
    <row r="863884" spans="14:14">
      <c r="N863884" s="10"/>
    </row>
    <row r="863885" spans="14:14">
      <c r="N863885" s="10"/>
    </row>
    <row r="863886" spans="14:14">
      <c r="N863886" s="10"/>
    </row>
    <row r="863887" spans="14:14">
      <c r="N863887" s="10"/>
    </row>
    <row r="863888" spans="14:14">
      <c r="N863888" s="10"/>
    </row>
    <row r="863889" spans="14:14">
      <c r="N863889" s="10"/>
    </row>
    <row r="863890" spans="14:14">
      <c r="N863890" s="10"/>
    </row>
    <row r="863891" spans="14:14">
      <c r="N863891" s="10"/>
    </row>
    <row r="863892" spans="14:14">
      <c r="N863892" s="10"/>
    </row>
    <row r="863893" spans="14:14">
      <c r="N863893" s="10"/>
    </row>
    <row r="863894" spans="14:14">
      <c r="N863894" s="10"/>
    </row>
    <row r="863895" spans="14:14">
      <c r="N863895" s="10"/>
    </row>
    <row r="863896" spans="14:14">
      <c r="N863896" s="10"/>
    </row>
    <row r="863897" spans="14:14">
      <c r="N863897" s="10"/>
    </row>
    <row r="863898" spans="14:14">
      <c r="N863898" s="10"/>
    </row>
    <row r="863899" spans="14:14">
      <c r="N863899" s="10"/>
    </row>
    <row r="863900" spans="14:14">
      <c r="N863900" s="10"/>
    </row>
    <row r="863901" spans="14:14">
      <c r="N863901" s="10"/>
    </row>
    <row r="863902" spans="14:14">
      <c r="N863902" s="10"/>
    </row>
    <row r="863903" spans="14:14">
      <c r="N863903" s="10"/>
    </row>
    <row r="863904" spans="14:14">
      <c r="N863904" s="10"/>
    </row>
    <row r="863905" spans="14:14">
      <c r="N863905" s="10"/>
    </row>
    <row r="863906" spans="14:14">
      <c r="N863906" s="10"/>
    </row>
    <row r="863907" spans="14:14">
      <c r="N863907" s="10"/>
    </row>
    <row r="863908" spans="14:14">
      <c r="N863908" s="10"/>
    </row>
    <row r="863909" spans="14:14">
      <c r="N863909" s="10"/>
    </row>
    <row r="863910" spans="14:14">
      <c r="N863910" s="10"/>
    </row>
    <row r="863911" spans="14:14">
      <c r="N863911" s="10"/>
    </row>
    <row r="863912" spans="14:14">
      <c r="N863912" s="10"/>
    </row>
    <row r="863913" spans="14:14">
      <c r="N863913" s="10"/>
    </row>
    <row r="863914" spans="14:14">
      <c r="N863914" s="10"/>
    </row>
    <row r="863915" spans="14:14">
      <c r="N863915" s="10"/>
    </row>
    <row r="863916" spans="14:14">
      <c r="N863916" s="10"/>
    </row>
    <row r="863917" spans="14:14">
      <c r="N863917" s="10"/>
    </row>
    <row r="863918" spans="14:14">
      <c r="N863918" s="10"/>
    </row>
    <row r="863919" spans="14:14">
      <c r="N863919" s="10"/>
    </row>
    <row r="863920" spans="14:14">
      <c r="N863920" s="10"/>
    </row>
    <row r="863921" spans="14:14">
      <c r="N863921" s="10"/>
    </row>
    <row r="863922" spans="14:14">
      <c r="N863922" s="10"/>
    </row>
    <row r="863923" spans="14:14">
      <c r="N863923" s="10"/>
    </row>
    <row r="863924" spans="14:14">
      <c r="N863924" s="10"/>
    </row>
    <row r="863925" spans="14:14">
      <c r="N863925" s="10"/>
    </row>
    <row r="863926" spans="14:14">
      <c r="N863926" s="10"/>
    </row>
    <row r="863927" spans="14:14">
      <c r="N863927" s="10"/>
    </row>
    <row r="863928" spans="14:14">
      <c r="N863928" s="10"/>
    </row>
    <row r="863929" spans="14:14">
      <c r="N863929" s="10"/>
    </row>
    <row r="863930" spans="14:14">
      <c r="N863930" s="10"/>
    </row>
    <row r="863931" spans="14:14">
      <c r="N863931" s="10"/>
    </row>
    <row r="863932" spans="14:14">
      <c r="N863932" s="10"/>
    </row>
    <row r="863933" spans="14:14">
      <c r="N863933" s="10"/>
    </row>
    <row r="863934" spans="14:14">
      <c r="N863934" s="10"/>
    </row>
    <row r="863935" spans="14:14">
      <c r="N863935" s="10"/>
    </row>
    <row r="863936" spans="14:14">
      <c r="N863936" s="10"/>
    </row>
    <row r="863937" spans="14:14">
      <c r="N863937" s="10"/>
    </row>
    <row r="863938" spans="14:14">
      <c r="N863938" s="10"/>
    </row>
    <row r="863939" spans="14:14">
      <c r="N863939" s="10"/>
    </row>
    <row r="863940" spans="14:14">
      <c r="N863940" s="10"/>
    </row>
    <row r="863941" spans="14:14">
      <c r="N863941" s="10"/>
    </row>
    <row r="863942" spans="14:14">
      <c r="N863942" s="10"/>
    </row>
    <row r="863943" spans="14:14">
      <c r="N863943" s="10"/>
    </row>
    <row r="863944" spans="14:14">
      <c r="N863944" s="10"/>
    </row>
    <row r="863945" spans="14:14">
      <c r="N863945" s="10"/>
    </row>
    <row r="863946" spans="14:14">
      <c r="N863946" s="10"/>
    </row>
    <row r="863947" spans="14:14">
      <c r="N863947" s="10"/>
    </row>
    <row r="863948" spans="14:14">
      <c r="N863948" s="10"/>
    </row>
    <row r="863949" spans="14:14">
      <c r="N863949" s="10"/>
    </row>
    <row r="863950" spans="14:14">
      <c r="N863950" s="10"/>
    </row>
    <row r="863951" spans="14:14">
      <c r="N863951" s="10"/>
    </row>
    <row r="863952" spans="14:14">
      <c r="N863952" s="10"/>
    </row>
    <row r="863953" spans="14:14">
      <c r="N863953" s="10"/>
    </row>
    <row r="863954" spans="14:14">
      <c r="N863954" s="10"/>
    </row>
    <row r="863955" spans="14:14">
      <c r="N863955" s="10"/>
    </row>
    <row r="863956" spans="14:14">
      <c r="N863956" s="10"/>
    </row>
    <row r="863957" spans="14:14">
      <c r="N863957" s="10"/>
    </row>
    <row r="863958" spans="14:14">
      <c r="N863958" s="10"/>
    </row>
    <row r="863959" spans="14:14">
      <c r="N863959" s="10"/>
    </row>
    <row r="863960" spans="14:14">
      <c r="N863960" s="10"/>
    </row>
    <row r="863961" spans="14:14">
      <c r="N863961" s="10"/>
    </row>
    <row r="863962" spans="14:14">
      <c r="N863962" s="10"/>
    </row>
    <row r="863963" spans="14:14">
      <c r="N863963" s="10"/>
    </row>
    <row r="863964" spans="14:14">
      <c r="N863964" s="10"/>
    </row>
    <row r="863965" spans="14:14">
      <c r="N863965" s="10"/>
    </row>
    <row r="863966" spans="14:14">
      <c r="N863966" s="10"/>
    </row>
    <row r="863967" spans="14:14">
      <c r="N863967" s="10"/>
    </row>
    <row r="863968" spans="14:14">
      <c r="N863968" s="10"/>
    </row>
    <row r="863969" spans="14:14">
      <c r="N863969" s="10"/>
    </row>
    <row r="863970" spans="14:14">
      <c r="N863970" s="10"/>
    </row>
    <row r="863971" spans="14:14">
      <c r="N863971" s="10"/>
    </row>
    <row r="863972" spans="14:14">
      <c r="N863972" s="10"/>
    </row>
    <row r="863973" spans="14:14">
      <c r="N863973" s="10"/>
    </row>
    <row r="863974" spans="14:14">
      <c r="N863974" s="10"/>
    </row>
    <row r="863975" spans="14:14">
      <c r="N863975" s="10"/>
    </row>
    <row r="863976" spans="14:14">
      <c r="N863976" s="10"/>
    </row>
    <row r="863977" spans="14:14">
      <c r="N863977" s="10"/>
    </row>
    <row r="863978" spans="14:14">
      <c r="N863978" s="10"/>
    </row>
    <row r="863979" spans="14:14">
      <c r="N863979" s="10"/>
    </row>
    <row r="863980" spans="14:14">
      <c r="N863980" s="10"/>
    </row>
    <row r="863981" spans="14:14">
      <c r="N863981" s="10"/>
    </row>
    <row r="863982" spans="14:14">
      <c r="N863982" s="10"/>
    </row>
    <row r="863983" spans="14:14">
      <c r="N863983" s="10"/>
    </row>
    <row r="863984" spans="14:14">
      <c r="N863984" s="10"/>
    </row>
    <row r="863985" spans="14:14">
      <c r="N863985" s="10"/>
    </row>
    <row r="863986" spans="14:14">
      <c r="N863986" s="10"/>
    </row>
    <row r="863987" spans="14:14">
      <c r="N863987" s="10"/>
    </row>
    <row r="863988" spans="14:14">
      <c r="N863988" s="10"/>
    </row>
    <row r="863989" spans="14:14">
      <c r="N863989" s="10"/>
    </row>
    <row r="863990" spans="14:14">
      <c r="N863990" s="10"/>
    </row>
    <row r="863991" spans="14:14">
      <c r="N863991" s="10"/>
    </row>
    <row r="863992" spans="14:14">
      <c r="N863992" s="10"/>
    </row>
    <row r="863993" spans="14:14">
      <c r="N863993" s="10"/>
    </row>
    <row r="863994" spans="14:14">
      <c r="N863994" s="10"/>
    </row>
    <row r="863995" spans="14:14">
      <c r="N863995" s="10"/>
    </row>
    <row r="863996" spans="14:14">
      <c r="N863996" s="10"/>
    </row>
    <row r="863997" spans="14:14">
      <c r="N863997" s="10"/>
    </row>
    <row r="863998" spans="14:14">
      <c r="N863998" s="10"/>
    </row>
    <row r="863999" spans="14:14">
      <c r="N863999" s="10"/>
    </row>
    <row r="864000" spans="14:14">
      <c r="N864000" s="10"/>
    </row>
    <row r="864001" spans="14:14">
      <c r="N864001" s="10"/>
    </row>
    <row r="864002" spans="14:14">
      <c r="N864002" s="10"/>
    </row>
    <row r="864003" spans="14:14">
      <c r="N864003" s="10"/>
    </row>
    <row r="864004" spans="14:14">
      <c r="N864004" s="10"/>
    </row>
    <row r="864005" spans="14:14">
      <c r="N864005" s="10"/>
    </row>
    <row r="864006" spans="14:14">
      <c r="N864006" s="10"/>
    </row>
    <row r="864007" spans="14:14">
      <c r="N864007" s="10"/>
    </row>
    <row r="864008" spans="14:14">
      <c r="N864008" s="10"/>
    </row>
    <row r="864009" spans="14:14">
      <c r="N864009" s="10"/>
    </row>
    <row r="864010" spans="14:14">
      <c r="N864010" s="10"/>
    </row>
    <row r="864011" spans="14:14">
      <c r="N864011" s="10"/>
    </row>
    <row r="864012" spans="14:14">
      <c r="N864012" s="10"/>
    </row>
    <row r="864013" spans="14:14">
      <c r="N864013" s="10"/>
    </row>
    <row r="864014" spans="14:14">
      <c r="N864014" s="10"/>
    </row>
    <row r="864015" spans="14:14">
      <c r="N864015" s="10"/>
    </row>
    <row r="864016" spans="14:14">
      <c r="N864016" s="10"/>
    </row>
    <row r="864017" spans="14:14">
      <c r="N864017" s="10"/>
    </row>
    <row r="864018" spans="14:14">
      <c r="N864018" s="10"/>
    </row>
    <row r="864019" spans="14:14">
      <c r="N864019" s="10"/>
    </row>
    <row r="864020" spans="14:14">
      <c r="N864020" s="10"/>
    </row>
    <row r="864021" spans="14:14">
      <c r="N864021" s="10"/>
    </row>
    <row r="864022" spans="14:14">
      <c r="N864022" s="10"/>
    </row>
    <row r="864023" spans="14:14">
      <c r="N864023" s="10"/>
    </row>
    <row r="864024" spans="14:14">
      <c r="N864024" s="10"/>
    </row>
    <row r="864025" spans="14:14">
      <c r="N864025" s="10"/>
    </row>
    <row r="864026" spans="14:14">
      <c r="N864026" s="10"/>
    </row>
    <row r="864027" spans="14:14">
      <c r="N864027" s="10"/>
    </row>
    <row r="864028" spans="14:14">
      <c r="N864028" s="10"/>
    </row>
    <row r="864029" spans="14:14">
      <c r="N864029" s="10"/>
    </row>
    <row r="864030" spans="14:14">
      <c r="N864030" s="10"/>
    </row>
    <row r="864031" spans="14:14">
      <c r="N864031" s="10"/>
    </row>
    <row r="864032" spans="14:14">
      <c r="N864032" s="10"/>
    </row>
    <row r="864033" spans="14:14">
      <c r="N864033" s="10"/>
    </row>
    <row r="864034" spans="14:14">
      <c r="N864034" s="10"/>
    </row>
    <row r="864035" spans="14:14">
      <c r="N864035" s="10"/>
    </row>
    <row r="864036" spans="14:14">
      <c r="N864036" s="10"/>
    </row>
    <row r="864037" spans="14:14">
      <c r="N864037" s="10"/>
    </row>
    <row r="864038" spans="14:14">
      <c r="N864038" s="10"/>
    </row>
    <row r="864039" spans="14:14">
      <c r="N864039" s="10"/>
    </row>
    <row r="864040" spans="14:14">
      <c r="N864040" s="10"/>
    </row>
    <row r="864041" spans="14:14">
      <c r="N864041" s="10"/>
    </row>
    <row r="864042" spans="14:14">
      <c r="N864042" s="10"/>
    </row>
    <row r="864043" spans="14:14">
      <c r="N864043" s="10"/>
    </row>
    <row r="864044" spans="14:14">
      <c r="N864044" s="10"/>
    </row>
    <row r="864045" spans="14:14">
      <c r="N864045" s="10"/>
    </row>
    <row r="864046" spans="14:14">
      <c r="N864046" s="10"/>
    </row>
    <row r="864047" spans="14:14">
      <c r="N864047" s="10"/>
    </row>
    <row r="864048" spans="14:14">
      <c r="N864048" s="10"/>
    </row>
    <row r="864049" spans="14:14">
      <c r="N864049" s="10"/>
    </row>
    <row r="864050" spans="14:14">
      <c r="N864050" s="10"/>
    </row>
    <row r="864051" spans="14:14">
      <c r="N864051" s="10"/>
    </row>
    <row r="864052" spans="14:14">
      <c r="N864052" s="10"/>
    </row>
    <row r="864053" spans="14:14">
      <c r="N864053" s="10"/>
    </row>
    <row r="864054" spans="14:14">
      <c r="N864054" s="10"/>
    </row>
    <row r="864055" spans="14:14">
      <c r="N864055" s="10"/>
    </row>
    <row r="864056" spans="14:14">
      <c r="N864056" s="10"/>
    </row>
    <row r="864057" spans="14:14">
      <c r="N864057" s="10"/>
    </row>
    <row r="864058" spans="14:14">
      <c r="N864058" s="10"/>
    </row>
    <row r="864059" spans="14:14">
      <c r="N864059" s="10"/>
    </row>
    <row r="864060" spans="14:14">
      <c r="N864060" s="10"/>
    </row>
    <row r="864061" spans="14:14">
      <c r="N864061" s="10"/>
    </row>
    <row r="864062" spans="14:14">
      <c r="N864062" s="10"/>
    </row>
    <row r="864063" spans="14:14">
      <c r="N864063" s="10"/>
    </row>
    <row r="864064" spans="14:14">
      <c r="N864064" s="10"/>
    </row>
    <row r="864065" spans="14:14">
      <c r="N864065" s="10"/>
    </row>
    <row r="864066" spans="14:14">
      <c r="N864066" s="10"/>
    </row>
    <row r="864067" spans="14:14">
      <c r="N864067" s="10"/>
    </row>
    <row r="864068" spans="14:14">
      <c r="N864068" s="10"/>
    </row>
    <row r="864069" spans="14:14">
      <c r="N864069" s="10"/>
    </row>
    <row r="864070" spans="14:14">
      <c r="N864070" s="10"/>
    </row>
    <row r="864071" spans="14:14">
      <c r="N864071" s="10"/>
    </row>
    <row r="864072" spans="14:14">
      <c r="N864072" s="10"/>
    </row>
    <row r="864073" spans="14:14">
      <c r="N864073" s="10"/>
    </row>
    <row r="864074" spans="14:14">
      <c r="N864074" s="10"/>
    </row>
    <row r="864075" spans="14:14">
      <c r="N864075" s="10"/>
    </row>
    <row r="864076" spans="14:14">
      <c r="N864076" s="10"/>
    </row>
    <row r="864077" spans="14:14">
      <c r="N864077" s="10"/>
    </row>
    <row r="864078" spans="14:14">
      <c r="N864078" s="10"/>
    </row>
    <row r="864079" spans="14:14">
      <c r="N864079" s="10"/>
    </row>
    <row r="864080" spans="14:14">
      <c r="N864080" s="10"/>
    </row>
    <row r="864081" spans="14:14">
      <c r="N864081" s="10"/>
    </row>
    <row r="864082" spans="14:14">
      <c r="N864082" s="10"/>
    </row>
    <row r="864083" spans="14:14">
      <c r="N864083" s="10"/>
    </row>
    <row r="864084" spans="14:14">
      <c r="N864084" s="10"/>
    </row>
    <row r="864085" spans="14:14">
      <c r="N864085" s="10"/>
    </row>
    <row r="864086" spans="14:14">
      <c r="N864086" s="10"/>
    </row>
    <row r="864087" spans="14:14">
      <c r="N864087" s="10"/>
    </row>
    <row r="864088" spans="14:14">
      <c r="N864088" s="10"/>
    </row>
    <row r="864089" spans="14:14">
      <c r="N864089" s="10"/>
    </row>
    <row r="864090" spans="14:14">
      <c r="N864090" s="10"/>
    </row>
    <row r="864091" spans="14:14">
      <c r="N864091" s="10"/>
    </row>
    <row r="864092" spans="14:14">
      <c r="N864092" s="10"/>
    </row>
    <row r="864093" spans="14:14">
      <c r="N864093" s="10"/>
    </row>
    <row r="864094" spans="14:14">
      <c r="N864094" s="10"/>
    </row>
    <row r="864095" spans="14:14">
      <c r="N864095" s="10"/>
    </row>
    <row r="864096" spans="14:14">
      <c r="N864096" s="10"/>
    </row>
    <row r="864097" spans="14:14">
      <c r="N864097" s="10"/>
    </row>
    <row r="864098" spans="14:14">
      <c r="N864098" s="10"/>
    </row>
    <row r="864099" spans="14:14">
      <c r="N864099" s="10"/>
    </row>
    <row r="864100" spans="14:14">
      <c r="N864100" s="10"/>
    </row>
    <row r="864101" spans="14:14">
      <c r="N864101" s="10"/>
    </row>
    <row r="864102" spans="14:14">
      <c r="N864102" s="10"/>
    </row>
    <row r="864103" spans="14:14">
      <c r="N864103" s="10"/>
    </row>
    <row r="864104" spans="14:14">
      <c r="N864104" s="10"/>
    </row>
    <row r="864105" spans="14:14">
      <c r="N864105" s="10"/>
    </row>
    <row r="864106" spans="14:14">
      <c r="N864106" s="10"/>
    </row>
    <row r="864107" spans="14:14">
      <c r="N864107" s="10"/>
    </row>
    <row r="864108" spans="14:14">
      <c r="N864108" s="10"/>
    </row>
    <row r="864109" spans="14:14">
      <c r="N864109" s="10"/>
    </row>
    <row r="864110" spans="14:14">
      <c r="N864110" s="10"/>
    </row>
    <row r="864111" spans="14:14">
      <c r="N864111" s="10"/>
    </row>
    <row r="864112" spans="14:14">
      <c r="N864112" s="10"/>
    </row>
    <row r="864113" spans="14:14">
      <c r="N864113" s="10"/>
    </row>
    <row r="864114" spans="14:14">
      <c r="N864114" s="10"/>
    </row>
    <row r="864115" spans="14:14">
      <c r="N864115" s="10"/>
    </row>
    <row r="864116" spans="14:14">
      <c r="N864116" s="10"/>
    </row>
    <row r="864117" spans="14:14">
      <c r="N864117" s="10"/>
    </row>
    <row r="864118" spans="14:14">
      <c r="N864118" s="10"/>
    </row>
    <row r="864119" spans="14:14">
      <c r="N864119" s="10"/>
    </row>
    <row r="864120" spans="14:14">
      <c r="N864120" s="10"/>
    </row>
    <row r="864121" spans="14:14">
      <c r="N864121" s="10"/>
    </row>
    <row r="864122" spans="14:14">
      <c r="N864122" s="10"/>
    </row>
    <row r="864123" spans="14:14">
      <c r="N864123" s="10"/>
    </row>
    <row r="864124" spans="14:14">
      <c r="N864124" s="10"/>
    </row>
    <row r="864125" spans="14:14">
      <c r="N864125" s="10"/>
    </row>
    <row r="864126" spans="14:14">
      <c r="N864126" s="10"/>
    </row>
    <row r="864127" spans="14:14">
      <c r="N864127" s="10"/>
    </row>
    <row r="864128" spans="14:14">
      <c r="N864128" s="10"/>
    </row>
    <row r="864129" spans="14:14">
      <c r="N864129" s="10"/>
    </row>
    <row r="864130" spans="14:14">
      <c r="N864130" s="10"/>
    </row>
    <row r="864131" spans="14:14">
      <c r="N864131" s="10"/>
    </row>
    <row r="864132" spans="14:14">
      <c r="N864132" s="10"/>
    </row>
    <row r="864133" spans="14:14">
      <c r="N864133" s="10"/>
    </row>
    <row r="864134" spans="14:14">
      <c r="N864134" s="10"/>
    </row>
    <row r="864135" spans="14:14">
      <c r="N864135" s="10"/>
    </row>
    <row r="864136" spans="14:14">
      <c r="N864136" s="10"/>
    </row>
    <row r="864137" spans="14:14">
      <c r="N864137" s="10"/>
    </row>
    <row r="864138" spans="14:14">
      <c r="N864138" s="10"/>
    </row>
    <row r="864139" spans="14:14">
      <c r="N864139" s="10"/>
    </row>
    <row r="864140" spans="14:14">
      <c r="N864140" s="10"/>
    </row>
    <row r="864141" spans="14:14">
      <c r="N864141" s="10"/>
    </row>
    <row r="864142" spans="14:14">
      <c r="N864142" s="10"/>
    </row>
    <row r="864143" spans="14:14">
      <c r="N864143" s="10"/>
    </row>
    <row r="864144" spans="14:14">
      <c r="N864144" s="10"/>
    </row>
    <row r="864145" spans="14:14">
      <c r="N864145" s="10"/>
    </row>
    <row r="864146" spans="14:14">
      <c r="N864146" s="10"/>
    </row>
    <row r="864147" spans="14:14">
      <c r="N864147" s="10"/>
    </row>
    <row r="864148" spans="14:14">
      <c r="N864148" s="10"/>
    </row>
    <row r="864149" spans="14:14">
      <c r="N864149" s="10"/>
    </row>
    <row r="864150" spans="14:14">
      <c r="N864150" s="10"/>
    </row>
    <row r="864151" spans="14:14">
      <c r="N864151" s="10"/>
    </row>
    <row r="864152" spans="14:14">
      <c r="N864152" s="10"/>
    </row>
    <row r="864153" spans="14:14">
      <c r="N864153" s="10"/>
    </row>
    <row r="864154" spans="14:14">
      <c r="N864154" s="10"/>
    </row>
    <row r="864155" spans="14:14">
      <c r="N864155" s="10"/>
    </row>
    <row r="864156" spans="14:14">
      <c r="N864156" s="10"/>
    </row>
    <row r="864157" spans="14:14">
      <c r="N864157" s="10"/>
    </row>
    <row r="864158" spans="14:14">
      <c r="N864158" s="10"/>
    </row>
    <row r="864159" spans="14:14">
      <c r="N864159" s="10"/>
    </row>
    <row r="864160" spans="14:14">
      <c r="N864160" s="10"/>
    </row>
    <row r="864161" spans="14:14">
      <c r="N864161" s="10"/>
    </row>
    <row r="864162" spans="14:14">
      <c r="N864162" s="10"/>
    </row>
    <row r="864163" spans="14:14">
      <c r="N864163" s="10"/>
    </row>
    <row r="864164" spans="14:14">
      <c r="N864164" s="10"/>
    </row>
    <row r="864165" spans="14:14">
      <c r="N864165" s="10"/>
    </row>
    <row r="864166" spans="14:14">
      <c r="N864166" s="10"/>
    </row>
    <row r="864167" spans="14:14">
      <c r="N864167" s="10"/>
    </row>
    <row r="864168" spans="14:14">
      <c r="N864168" s="10"/>
    </row>
    <row r="864169" spans="14:14">
      <c r="N864169" s="10"/>
    </row>
    <row r="864170" spans="14:14">
      <c r="N864170" s="10"/>
    </row>
    <row r="864171" spans="14:14">
      <c r="N864171" s="10"/>
    </row>
    <row r="864172" spans="14:14">
      <c r="N864172" s="10"/>
    </row>
    <row r="864173" spans="14:14">
      <c r="N864173" s="10"/>
    </row>
    <row r="864174" spans="14:14">
      <c r="N864174" s="10"/>
    </row>
    <row r="864175" spans="14:14">
      <c r="N864175" s="10"/>
    </row>
    <row r="864176" spans="14:14">
      <c r="N864176" s="10"/>
    </row>
    <row r="864177" spans="14:14">
      <c r="N864177" s="10"/>
    </row>
    <row r="864178" spans="14:14">
      <c r="N864178" s="10"/>
    </row>
    <row r="864179" spans="14:14">
      <c r="N864179" s="10"/>
    </row>
    <row r="864180" spans="14:14">
      <c r="N864180" s="10"/>
    </row>
    <row r="864181" spans="14:14">
      <c r="N864181" s="10"/>
    </row>
    <row r="864182" spans="14:14">
      <c r="N864182" s="10"/>
    </row>
    <row r="864183" spans="14:14">
      <c r="N864183" s="10"/>
    </row>
    <row r="864184" spans="14:14">
      <c r="N864184" s="10"/>
    </row>
    <row r="864185" spans="14:14">
      <c r="N864185" s="10"/>
    </row>
    <row r="864186" spans="14:14">
      <c r="N864186" s="10"/>
    </row>
    <row r="864187" spans="14:14">
      <c r="N864187" s="10"/>
    </row>
    <row r="864188" spans="14:14">
      <c r="N864188" s="10"/>
    </row>
    <row r="864189" spans="14:14">
      <c r="N864189" s="10"/>
    </row>
    <row r="864190" spans="14:14">
      <c r="N864190" s="10"/>
    </row>
    <row r="864191" spans="14:14">
      <c r="N864191" s="10"/>
    </row>
    <row r="864192" spans="14:14">
      <c r="N864192" s="10"/>
    </row>
    <row r="864193" spans="14:14">
      <c r="N864193" s="10"/>
    </row>
    <row r="864194" spans="14:14">
      <c r="N864194" s="10"/>
    </row>
    <row r="864195" spans="14:14">
      <c r="N864195" s="10"/>
    </row>
    <row r="864196" spans="14:14">
      <c r="N864196" s="10"/>
    </row>
    <row r="864197" spans="14:14">
      <c r="N864197" s="10"/>
    </row>
    <row r="864198" spans="14:14">
      <c r="N864198" s="10"/>
    </row>
    <row r="864199" spans="14:14">
      <c r="N864199" s="10"/>
    </row>
    <row r="864200" spans="14:14">
      <c r="N864200" s="10"/>
    </row>
    <row r="864201" spans="14:14">
      <c r="N864201" s="10"/>
    </row>
    <row r="864202" spans="14:14">
      <c r="N864202" s="10"/>
    </row>
    <row r="864203" spans="14:14">
      <c r="N864203" s="10"/>
    </row>
    <row r="864204" spans="14:14">
      <c r="N864204" s="10"/>
    </row>
    <row r="864205" spans="14:14">
      <c r="N864205" s="10"/>
    </row>
    <row r="864206" spans="14:14">
      <c r="N864206" s="10"/>
    </row>
    <row r="864207" spans="14:14">
      <c r="N864207" s="10"/>
    </row>
    <row r="864208" spans="14:14">
      <c r="N864208" s="10"/>
    </row>
    <row r="864209" spans="14:14">
      <c r="N864209" s="10"/>
    </row>
    <row r="864210" spans="14:14">
      <c r="N864210" s="10"/>
    </row>
    <row r="864211" spans="14:14">
      <c r="N864211" s="10"/>
    </row>
    <row r="864212" spans="14:14">
      <c r="N864212" s="10"/>
    </row>
    <row r="864213" spans="14:14">
      <c r="N864213" s="10"/>
    </row>
    <row r="864214" spans="14:14">
      <c r="N864214" s="10"/>
    </row>
    <row r="864215" spans="14:14">
      <c r="N864215" s="10"/>
    </row>
    <row r="864216" spans="14:14">
      <c r="N864216" s="10"/>
    </row>
    <row r="864217" spans="14:14">
      <c r="N864217" s="10"/>
    </row>
    <row r="864218" spans="14:14">
      <c r="N864218" s="10"/>
    </row>
    <row r="864219" spans="14:14">
      <c r="N864219" s="10"/>
    </row>
    <row r="864220" spans="14:14">
      <c r="N864220" s="10"/>
    </row>
    <row r="864221" spans="14:14">
      <c r="N864221" s="10"/>
    </row>
    <row r="864222" spans="14:14">
      <c r="N864222" s="10"/>
    </row>
    <row r="864223" spans="14:14">
      <c r="N864223" s="10"/>
    </row>
    <row r="864224" spans="14:14">
      <c r="N864224" s="10"/>
    </row>
    <row r="864225" spans="14:14">
      <c r="N864225" s="10"/>
    </row>
    <row r="864226" spans="14:14">
      <c r="N864226" s="10"/>
    </row>
    <row r="864227" spans="14:14">
      <c r="N864227" s="10"/>
    </row>
    <row r="864228" spans="14:14">
      <c r="N864228" s="10"/>
    </row>
    <row r="864229" spans="14:14">
      <c r="N864229" s="10"/>
    </row>
    <row r="864230" spans="14:14">
      <c r="N864230" s="10"/>
    </row>
    <row r="864231" spans="14:14">
      <c r="N864231" s="10"/>
    </row>
    <row r="864232" spans="14:14">
      <c r="N864232" s="10"/>
    </row>
    <row r="864233" spans="14:14">
      <c r="N864233" s="10"/>
    </row>
    <row r="864234" spans="14:14">
      <c r="N864234" s="10"/>
    </row>
    <row r="864235" spans="14:14">
      <c r="N864235" s="10"/>
    </row>
    <row r="864236" spans="14:14">
      <c r="N864236" s="10"/>
    </row>
    <row r="864237" spans="14:14">
      <c r="N864237" s="10"/>
    </row>
    <row r="864238" spans="14:14">
      <c r="N864238" s="10"/>
    </row>
    <row r="864239" spans="14:14">
      <c r="N864239" s="10"/>
    </row>
    <row r="864240" spans="14:14">
      <c r="N864240" s="10"/>
    </row>
    <row r="864241" spans="14:14">
      <c r="N864241" s="10"/>
    </row>
    <row r="864242" spans="14:14">
      <c r="N864242" s="10"/>
    </row>
    <row r="864243" spans="14:14">
      <c r="N864243" s="10"/>
    </row>
    <row r="864244" spans="14:14">
      <c r="N864244" s="10"/>
    </row>
    <row r="864245" spans="14:14">
      <c r="N864245" s="10"/>
    </row>
    <row r="864246" spans="14:14">
      <c r="N864246" s="10"/>
    </row>
    <row r="864247" spans="14:14">
      <c r="N864247" s="10"/>
    </row>
    <row r="864248" spans="14:14">
      <c r="N864248" s="10"/>
    </row>
    <row r="864249" spans="14:14">
      <c r="N864249" s="10"/>
    </row>
    <row r="864250" spans="14:14">
      <c r="N864250" s="10"/>
    </row>
    <row r="864251" spans="14:14">
      <c r="N864251" s="10"/>
    </row>
    <row r="864252" spans="14:14">
      <c r="N864252" s="10"/>
    </row>
    <row r="864253" spans="14:14">
      <c r="N864253" s="10"/>
    </row>
    <row r="864254" spans="14:14">
      <c r="N864254" s="10"/>
    </row>
    <row r="864255" spans="14:14">
      <c r="N864255" s="10"/>
    </row>
    <row r="864256" spans="14:14">
      <c r="N864256" s="10"/>
    </row>
    <row r="864257" spans="14:14">
      <c r="N864257" s="10"/>
    </row>
    <row r="864258" spans="14:14">
      <c r="N864258" s="10"/>
    </row>
    <row r="864259" spans="14:14">
      <c r="N864259" s="10"/>
    </row>
    <row r="864260" spans="14:14">
      <c r="N864260" s="10"/>
    </row>
    <row r="864261" spans="14:14">
      <c r="N864261" s="10"/>
    </row>
    <row r="864262" spans="14:14">
      <c r="N864262" s="10"/>
    </row>
    <row r="864263" spans="14:14">
      <c r="N864263" s="10"/>
    </row>
    <row r="864264" spans="14:14">
      <c r="N864264" s="10"/>
    </row>
    <row r="864265" spans="14:14">
      <c r="N864265" s="10"/>
    </row>
    <row r="864266" spans="14:14">
      <c r="N864266" s="10"/>
    </row>
    <row r="864267" spans="14:14">
      <c r="N864267" s="10"/>
    </row>
    <row r="864268" spans="14:14">
      <c r="N864268" s="10"/>
    </row>
    <row r="864269" spans="14:14">
      <c r="N864269" s="10"/>
    </row>
    <row r="864270" spans="14:14">
      <c r="N864270" s="10"/>
    </row>
    <row r="864271" spans="14:14">
      <c r="N864271" s="10"/>
    </row>
    <row r="864272" spans="14:14">
      <c r="N864272" s="10"/>
    </row>
    <row r="864273" spans="14:14">
      <c r="N864273" s="10"/>
    </row>
    <row r="864274" spans="14:14">
      <c r="N864274" s="10"/>
    </row>
    <row r="864275" spans="14:14">
      <c r="N864275" s="10"/>
    </row>
    <row r="864276" spans="14:14">
      <c r="N864276" s="10"/>
    </row>
    <row r="864277" spans="14:14">
      <c r="N864277" s="10"/>
    </row>
    <row r="864278" spans="14:14">
      <c r="N864278" s="10"/>
    </row>
    <row r="864279" spans="14:14">
      <c r="N864279" s="10"/>
    </row>
    <row r="864280" spans="14:14">
      <c r="N864280" s="10"/>
    </row>
    <row r="864281" spans="14:14">
      <c r="N864281" s="10"/>
    </row>
    <row r="864282" spans="14:14">
      <c r="N864282" s="10"/>
    </row>
    <row r="864283" spans="14:14">
      <c r="N864283" s="10"/>
    </row>
    <row r="864284" spans="14:14">
      <c r="N864284" s="10"/>
    </row>
    <row r="864285" spans="14:14">
      <c r="N864285" s="10"/>
    </row>
    <row r="864286" spans="14:14">
      <c r="N864286" s="10"/>
    </row>
    <row r="864287" spans="14:14">
      <c r="N864287" s="10"/>
    </row>
    <row r="864288" spans="14:14">
      <c r="N864288" s="10"/>
    </row>
    <row r="864289" spans="14:14">
      <c r="N864289" s="10"/>
    </row>
    <row r="864290" spans="14:14">
      <c r="N864290" s="10"/>
    </row>
    <row r="864291" spans="14:14">
      <c r="N864291" s="10"/>
    </row>
    <row r="864292" spans="14:14">
      <c r="N864292" s="10"/>
    </row>
    <row r="864293" spans="14:14">
      <c r="N864293" s="10"/>
    </row>
    <row r="864294" spans="14:14">
      <c r="N864294" s="10"/>
    </row>
    <row r="864295" spans="14:14">
      <c r="N864295" s="10"/>
    </row>
    <row r="864296" spans="14:14">
      <c r="N864296" s="10"/>
    </row>
    <row r="864297" spans="14:14">
      <c r="N864297" s="10"/>
    </row>
    <row r="864298" spans="14:14">
      <c r="N864298" s="10"/>
    </row>
    <row r="864299" spans="14:14">
      <c r="N864299" s="10"/>
    </row>
    <row r="864300" spans="14:14">
      <c r="N864300" s="10"/>
    </row>
    <row r="864301" spans="14:14">
      <c r="N864301" s="10"/>
    </row>
    <row r="864302" spans="14:14">
      <c r="N864302" s="10"/>
    </row>
    <row r="864303" spans="14:14">
      <c r="N864303" s="10"/>
    </row>
    <row r="864304" spans="14:14">
      <c r="N864304" s="10"/>
    </row>
    <row r="864305" spans="14:14">
      <c r="N864305" s="10"/>
    </row>
    <row r="864306" spans="14:14">
      <c r="N864306" s="10"/>
    </row>
    <row r="864307" spans="14:14">
      <c r="N864307" s="10"/>
    </row>
    <row r="864308" spans="14:14">
      <c r="N864308" s="10"/>
    </row>
    <row r="864309" spans="14:14">
      <c r="N864309" s="10"/>
    </row>
    <row r="864310" spans="14:14">
      <c r="N864310" s="10"/>
    </row>
    <row r="864311" spans="14:14">
      <c r="N864311" s="10"/>
    </row>
    <row r="864312" spans="14:14">
      <c r="N864312" s="10"/>
    </row>
    <row r="864313" spans="14:14">
      <c r="N864313" s="10"/>
    </row>
    <row r="864314" spans="14:14">
      <c r="N864314" s="10"/>
    </row>
    <row r="864315" spans="14:14">
      <c r="N864315" s="10"/>
    </row>
    <row r="864316" spans="14:14">
      <c r="N864316" s="10"/>
    </row>
    <row r="864317" spans="14:14">
      <c r="N864317" s="10"/>
    </row>
    <row r="864318" spans="14:14">
      <c r="N864318" s="10"/>
    </row>
    <row r="864319" spans="14:14">
      <c r="N864319" s="10"/>
    </row>
    <row r="864320" spans="14:14">
      <c r="N864320" s="10"/>
    </row>
    <row r="864321" spans="14:14">
      <c r="N864321" s="10"/>
    </row>
    <row r="864322" spans="14:14">
      <c r="N864322" s="10"/>
    </row>
    <row r="864323" spans="14:14">
      <c r="N864323" s="10"/>
    </row>
    <row r="864324" spans="14:14">
      <c r="N864324" s="10"/>
    </row>
    <row r="864325" spans="14:14">
      <c r="N864325" s="10"/>
    </row>
    <row r="864326" spans="14:14">
      <c r="N864326" s="10"/>
    </row>
    <row r="864327" spans="14:14">
      <c r="N864327" s="10"/>
    </row>
    <row r="864328" spans="14:14">
      <c r="N864328" s="10"/>
    </row>
    <row r="864329" spans="14:14">
      <c r="N864329" s="10"/>
    </row>
    <row r="864330" spans="14:14">
      <c r="N864330" s="10"/>
    </row>
    <row r="864331" spans="14:14">
      <c r="N864331" s="10"/>
    </row>
    <row r="864332" spans="14:14">
      <c r="N864332" s="10"/>
    </row>
    <row r="864333" spans="14:14">
      <c r="N864333" s="10"/>
    </row>
    <row r="864334" spans="14:14">
      <c r="N864334" s="10"/>
    </row>
    <row r="864335" spans="14:14">
      <c r="N864335" s="10"/>
    </row>
    <row r="864336" spans="14:14">
      <c r="N864336" s="10"/>
    </row>
    <row r="864337" spans="14:14">
      <c r="N864337" s="10"/>
    </row>
    <row r="864338" spans="14:14">
      <c r="N864338" s="10"/>
    </row>
    <row r="864339" spans="14:14">
      <c r="N864339" s="10"/>
    </row>
    <row r="864340" spans="14:14">
      <c r="N864340" s="10"/>
    </row>
    <row r="864341" spans="14:14">
      <c r="N864341" s="10"/>
    </row>
    <row r="864342" spans="14:14">
      <c r="N864342" s="10"/>
    </row>
    <row r="864343" spans="14:14">
      <c r="N864343" s="10"/>
    </row>
    <row r="864344" spans="14:14">
      <c r="N864344" s="10"/>
    </row>
    <row r="864345" spans="14:14">
      <c r="N864345" s="10"/>
    </row>
    <row r="864346" spans="14:14">
      <c r="N864346" s="10"/>
    </row>
    <row r="864347" spans="14:14">
      <c r="N864347" s="10"/>
    </row>
    <row r="864348" spans="14:14">
      <c r="N864348" s="10"/>
    </row>
    <row r="864349" spans="14:14">
      <c r="N864349" s="10"/>
    </row>
    <row r="864350" spans="14:14">
      <c r="N864350" s="10"/>
    </row>
    <row r="864351" spans="14:14">
      <c r="N864351" s="10"/>
    </row>
    <row r="864352" spans="14:14">
      <c r="N864352" s="10"/>
    </row>
    <row r="864353" spans="14:14">
      <c r="N864353" s="10"/>
    </row>
    <row r="864354" spans="14:14">
      <c r="N864354" s="10"/>
    </row>
    <row r="864355" spans="14:14">
      <c r="N864355" s="10"/>
    </row>
    <row r="864356" spans="14:14">
      <c r="N864356" s="10"/>
    </row>
    <row r="864357" spans="14:14">
      <c r="N864357" s="10"/>
    </row>
    <row r="864358" spans="14:14">
      <c r="N864358" s="10"/>
    </row>
    <row r="864359" spans="14:14">
      <c r="N864359" s="10"/>
    </row>
    <row r="864360" spans="14:14">
      <c r="N864360" s="10"/>
    </row>
    <row r="864361" spans="14:14">
      <c r="N864361" s="10"/>
    </row>
    <row r="864362" spans="14:14">
      <c r="N864362" s="10"/>
    </row>
    <row r="864363" spans="14:14">
      <c r="N864363" s="10"/>
    </row>
    <row r="864364" spans="14:14">
      <c r="N864364" s="10"/>
    </row>
    <row r="864365" spans="14:14">
      <c r="N864365" s="10"/>
    </row>
    <row r="864366" spans="14:14">
      <c r="N864366" s="10"/>
    </row>
    <row r="864367" spans="14:14">
      <c r="N864367" s="10"/>
    </row>
    <row r="864368" spans="14:14">
      <c r="N864368" s="10"/>
    </row>
    <row r="864369" spans="14:14">
      <c r="N864369" s="10"/>
    </row>
    <row r="864370" spans="14:14">
      <c r="N864370" s="10"/>
    </row>
    <row r="864371" spans="14:14">
      <c r="N864371" s="10"/>
    </row>
    <row r="864372" spans="14:14">
      <c r="N864372" s="10"/>
    </row>
    <row r="864373" spans="14:14">
      <c r="N864373" s="10"/>
    </row>
    <row r="864374" spans="14:14">
      <c r="N864374" s="10"/>
    </row>
    <row r="864375" spans="14:14">
      <c r="N864375" s="10"/>
    </row>
    <row r="864376" spans="14:14">
      <c r="N864376" s="10"/>
    </row>
    <row r="864377" spans="14:14">
      <c r="N864377" s="10"/>
    </row>
    <row r="864378" spans="14:14">
      <c r="N864378" s="10"/>
    </row>
    <row r="864379" spans="14:14">
      <c r="N864379" s="10"/>
    </row>
    <row r="864380" spans="14:14">
      <c r="N864380" s="10"/>
    </row>
    <row r="864381" spans="14:14">
      <c r="N864381" s="10"/>
    </row>
    <row r="864382" spans="14:14">
      <c r="N864382" s="10"/>
    </row>
    <row r="864383" spans="14:14">
      <c r="N864383" s="10"/>
    </row>
    <row r="864384" spans="14:14">
      <c r="N864384" s="10"/>
    </row>
    <row r="864385" spans="14:14">
      <c r="N864385" s="10"/>
    </row>
    <row r="864386" spans="14:14">
      <c r="N864386" s="10"/>
    </row>
    <row r="864387" spans="14:14">
      <c r="N864387" s="10"/>
    </row>
    <row r="864388" spans="14:14">
      <c r="N864388" s="10"/>
    </row>
    <row r="864389" spans="14:14">
      <c r="N864389" s="10"/>
    </row>
    <row r="864390" spans="14:14">
      <c r="N864390" s="10"/>
    </row>
    <row r="864391" spans="14:14">
      <c r="N864391" s="10"/>
    </row>
    <row r="864392" spans="14:14">
      <c r="N864392" s="10"/>
    </row>
    <row r="864393" spans="14:14">
      <c r="N864393" s="10"/>
    </row>
    <row r="864394" spans="14:14">
      <c r="N864394" s="10"/>
    </row>
    <row r="864395" spans="14:14">
      <c r="N864395" s="10"/>
    </row>
    <row r="864396" spans="14:14">
      <c r="N864396" s="10"/>
    </row>
    <row r="864397" spans="14:14">
      <c r="N864397" s="10"/>
    </row>
    <row r="864398" spans="14:14">
      <c r="N864398" s="10"/>
    </row>
    <row r="864399" spans="14:14">
      <c r="N864399" s="10"/>
    </row>
    <row r="864400" spans="14:14">
      <c r="N864400" s="10"/>
    </row>
    <row r="864401" spans="14:14">
      <c r="N864401" s="10"/>
    </row>
    <row r="864402" spans="14:14">
      <c r="N864402" s="10"/>
    </row>
    <row r="864403" spans="14:14">
      <c r="N864403" s="10"/>
    </row>
    <row r="864404" spans="14:14">
      <c r="N864404" s="10"/>
    </row>
    <row r="864405" spans="14:14">
      <c r="N864405" s="10"/>
    </row>
    <row r="864406" spans="14:14">
      <c r="N864406" s="10"/>
    </row>
    <row r="864407" spans="14:14">
      <c r="N864407" s="10"/>
    </row>
    <row r="864408" spans="14:14">
      <c r="N864408" s="10"/>
    </row>
    <row r="864409" spans="14:14">
      <c r="N864409" s="10"/>
    </row>
    <row r="864410" spans="14:14">
      <c r="N864410" s="10"/>
    </row>
    <row r="864411" spans="14:14">
      <c r="N864411" s="10"/>
    </row>
    <row r="864412" spans="14:14">
      <c r="N864412" s="10"/>
    </row>
    <row r="864413" spans="14:14">
      <c r="N864413" s="10"/>
    </row>
    <row r="864414" spans="14:14">
      <c r="N864414" s="10"/>
    </row>
    <row r="864415" spans="14:14">
      <c r="N864415" s="10"/>
    </row>
    <row r="864416" spans="14:14">
      <c r="N864416" s="10"/>
    </row>
    <row r="864417" spans="14:14">
      <c r="N864417" s="10"/>
    </row>
    <row r="864418" spans="14:14">
      <c r="N864418" s="10"/>
    </row>
    <row r="864419" spans="14:14">
      <c r="N864419" s="10"/>
    </row>
    <row r="864420" spans="14:14">
      <c r="N864420" s="10"/>
    </row>
    <row r="864421" spans="14:14">
      <c r="N864421" s="10"/>
    </row>
    <row r="864422" spans="14:14">
      <c r="N864422" s="10"/>
    </row>
    <row r="864423" spans="14:14">
      <c r="N864423" s="10"/>
    </row>
    <row r="864424" spans="14:14">
      <c r="N864424" s="10"/>
    </row>
    <row r="864425" spans="14:14">
      <c r="N864425" s="10"/>
    </row>
    <row r="864426" spans="14:14">
      <c r="N864426" s="10"/>
    </row>
    <row r="864427" spans="14:14">
      <c r="N864427" s="10"/>
    </row>
    <row r="864428" spans="14:14">
      <c r="N864428" s="10"/>
    </row>
    <row r="864429" spans="14:14">
      <c r="N864429" s="10"/>
    </row>
    <row r="864430" spans="14:14">
      <c r="N864430" s="10"/>
    </row>
    <row r="864431" spans="14:14">
      <c r="N864431" s="10"/>
    </row>
    <row r="864432" spans="14:14">
      <c r="N864432" s="10"/>
    </row>
    <row r="864433" spans="14:14">
      <c r="N864433" s="10"/>
    </row>
    <row r="864434" spans="14:14">
      <c r="N864434" s="10"/>
    </row>
    <row r="864435" spans="14:14">
      <c r="N864435" s="10"/>
    </row>
    <row r="864436" spans="14:14">
      <c r="N864436" s="10"/>
    </row>
    <row r="864437" spans="14:14">
      <c r="N864437" s="10"/>
    </row>
    <row r="864438" spans="14:14">
      <c r="N864438" s="10"/>
    </row>
    <row r="864439" spans="14:14">
      <c r="N864439" s="10"/>
    </row>
    <row r="864440" spans="14:14">
      <c r="N864440" s="10"/>
    </row>
    <row r="864441" spans="14:14">
      <c r="N864441" s="10"/>
    </row>
    <row r="864442" spans="14:14">
      <c r="N864442" s="10"/>
    </row>
    <row r="864443" spans="14:14">
      <c r="N864443" s="10"/>
    </row>
    <row r="864444" spans="14:14">
      <c r="N864444" s="10"/>
    </row>
    <row r="864445" spans="14:14">
      <c r="N864445" s="10"/>
    </row>
    <row r="864446" spans="14:14">
      <c r="N864446" s="10"/>
    </row>
    <row r="864447" spans="14:14">
      <c r="N864447" s="10"/>
    </row>
    <row r="864448" spans="14:14">
      <c r="N864448" s="10"/>
    </row>
    <row r="864449" spans="14:14">
      <c r="N864449" s="10"/>
    </row>
    <row r="864450" spans="14:14">
      <c r="N864450" s="10"/>
    </row>
    <row r="864451" spans="14:14">
      <c r="N864451" s="10"/>
    </row>
    <row r="864452" spans="14:14">
      <c r="N864452" s="10"/>
    </row>
    <row r="864453" spans="14:14">
      <c r="N864453" s="10"/>
    </row>
    <row r="864454" spans="14:14">
      <c r="N864454" s="10"/>
    </row>
    <row r="864455" spans="14:14">
      <c r="N864455" s="10"/>
    </row>
    <row r="864456" spans="14:14">
      <c r="N864456" s="10"/>
    </row>
    <row r="864457" spans="14:14">
      <c r="N864457" s="10"/>
    </row>
    <row r="864458" spans="14:14">
      <c r="N864458" s="10"/>
    </row>
    <row r="864459" spans="14:14">
      <c r="N864459" s="10"/>
    </row>
    <row r="864460" spans="14:14">
      <c r="N864460" s="10"/>
    </row>
    <row r="864461" spans="14:14">
      <c r="N864461" s="10"/>
    </row>
    <row r="864462" spans="14:14">
      <c r="N864462" s="10"/>
    </row>
    <row r="864463" spans="14:14">
      <c r="N864463" s="10"/>
    </row>
    <row r="864464" spans="14:14">
      <c r="N864464" s="10"/>
    </row>
    <row r="864465" spans="14:14">
      <c r="N864465" s="10"/>
    </row>
    <row r="864466" spans="14:14">
      <c r="N864466" s="10"/>
    </row>
    <row r="864467" spans="14:14">
      <c r="N864467" s="10"/>
    </row>
    <row r="864468" spans="14:14">
      <c r="N864468" s="10"/>
    </row>
    <row r="864469" spans="14:14">
      <c r="N864469" s="10"/>
    </row>
    <row r="864470" spans="14:14">
      <c r="N864470" s="10"/>
    </row>
    <row r="864471" spans="14:14">
      <c r="N864471" s="10"/>
    </row>
    <row r="864472" spans="14:14">
      <c r="N864472" s="10"/>
    </row>
    <row r="864473" spans="14:14">
      <c r="N864473" s="10"/>
    </row>
    <row r="864474" spans="14:14">
      <c r="N864474" s="10"/>
    </row>
    <row r="864475" spans="14:14">
      <c r="N864475" s="10"/>
    </row>
    <row r="864476" spans="14:14">
      <c r="N864476" s="10"/>
    </row>
    <row r="864477" spans="14:14">
      <c r="N864477" s="10"/>
    </row>
    <row r="864478" spans="14:14">
      <c r="N864478" s="10"/>
    </row>
    <row r="864479" spans="14:14">
      <c r="N864479" s="10"/>
    </row>
    <row r="864480" spans="14:14">
      <c r="N864480" s="10"/>
    </row>
    <row r="864481" spans="14:14">
      <c r="N864481" s="10"/>
    </row>
    <row r="864482" spans="14:14">
      <c r="N864482" s="10"/>
    </row>
    <row r="864483" spans="14:14">
      <c r="N864483" s="10"/>
    </row>
    <row r="864484" spans="14:14">
      <c r="N864484" s="10"/>
    </row>
    <row r="864485" spans="14:14">
      <c r="N864485" s="10"/>
    </row>
    <row r="864486" spans="14:14">
      <c r="N864486" s="10"/>
    </row>
    <row r="864487" spans="14:14">
      <c r="N864487" s="10"/>
    </row>
    <row r="864488" spans="14:14">
      <c r="N864488" s="10"/>
    </row>
    <row r="864489" spans="14:14">
      <c r="N864489" s="10"/>
    </row>
    <row r="864490" spans="14:14">
      <c r="N864490" s="10"/>
    </row>
    <row r="864491" spans="14:14">
      <c r="N864491" s="10"/>
    </row>
    <row r="864492" spans="14:14">
      <c r="N864492" s="10"/>
    </row>
    <row r="864493" spans="14:14">
      <c r="N864493" s="10"/>
    </row>
    <row r="864494" spans="14:14">
      <c r="N864494" s="10"/>
    </row>
    <row r="864495" spans="14:14">
      <c r="N864495" s="10"/>
    </row>
    <row r="864496" spans="14:14">
      <c r="N864496" s="10"/>
    </row>
    <row r="864497" spans="14:14">
      <c r="N864497" s="10"/>
    </row>
    <row r="864498" spans="14:14">
      <c r="N864498" s="10"/>
    </row>
    <row r="864499" spans="14:14">
      <c r="N864499" s="10"/>
    </row>
    <row r="864500" spans="14:14">
      <c r="N864500" s="10"/>
    </row>
    <row r="864501" spans="14:14">
      <c r="N864501" s="10"/>
    </row>
    <row r="864502" spans="14:14">
      <c r="N864502" s="10"/>
    </row>
    <row r="864503" spans="14:14">
      <c r="N864503" s="10"/>
    </row>
    <row r="864504" spans="14:14">
      <c r="N864504" s="10"/>
    </row>
    <row r="864505" spans="14:14">
      <c r="N864505" s="10"/>
    </row>
    <row r="864506" spans="14:14">
      <c r="N864506" s="10"/>
    </row>
    <row r="864507" spans="14:14">
      <c r="N864507" s="10"/>
    </row>
    <row r="864508" spans="14:14">
      <c r="N864508" s="10"/>
    </row>
    <row r="864509" spans="14:14">
      <c r="N864509" s="10"/>
    </row>
    <row r="864510" spans="14:14">
      <c r="N864510" s="10"/>
    </row>
    <row r="864511" spans="14:14">
      <c r="N864511" s="10"/>
    </row>
    <row r="864512" spans="14:14">
      <c r="N864512" s="10"/>
    </row>
    <row r="864513" spans="14:14">
      <c r="N864513" s="10"/>
    </row>
    <row r="864514" spans="14:14">
      <c r="N864514" s="10"/>
    </row>
    <row r="864515" spans="14:14">
      <c r="N864515" s="10"/>
    </row>
    <row r="864516" spans="14:14">
      <c r="N864516" s="10"/>
    </row>
    <row r="864517" spans="14:14">
      <c r="N864517" s="10"/>
    </row>
    <row r="864518" spans="14:14">
      <c r="N864518" s="10"/>
    </row>
    <row r="864519" spans="14:14">
      <c r="N864519" s="10"/>
    </row>
    <row r="864520" spans="14:14">
      <c r="N864520" s="10"/>
    </row>
    <row r="864521" spans="14:14">
      <c r="N864521" s="10"/>
    </row>
    <row r="864522" spans="14:14">
      <c r="N864522" s="10"/>
    </row>
    <row r="864523" spans="14:14">
      <c r="N864523" s="10"/>
    </row>
    <row r="864524" spans="14:14">
      <c r="N864524" s="10"/>
    </row>
    <row r="864525" spans="14:14">
      <c r="N864525" s="10"/>
    </row>
    <row r="864526" spans="14:14">
      <c r="N864526" s="10"/>
    </row>
    <row r="864527" spans="14:14">
      <c r="N864527" s="10"/>
    </row>
    <row r="864528" spans="14:14">
      <c r="N864528" s="10"/>
    </row>
    <row r="864529" spans="14:14">
      <c r="N864529" s="10"/>
    </row>
    <row r="864530" spans="14:14">
      <c r="N864530" s="10"/>
    </row>
    <row r="864531" spans="14:14">
      <c r="N864531" s="10"/>
    </row>
    <row r="864532" spans="14:14">
      <c r="N864532" s="10"/>
    </row>
    <row r="864533" spans="14:14">
      <c r="N864533" s="10"/>
    </row>
    <row r="864534" spans="14:14">
      <c r="N864534" s="10"/>
    </row>
    <row r="864535" spans="14:14">
      <c r="N864535" s="10"/>
    </row>
    <row r="864536" spans="14:14">
      <c r="N864536" s="10"/>
    </row>
    <row r="864537" spans="14:14">
      <c r="N864537" s="10"/>
    </row>
    <row r="864538" spans="14:14">
      <c r="N864538" s="10"/>
    </row>
    <row r="864539" spans="14:14">
      <c r="N864539" s="10"/>
    </row>
    <row r="864540" spans="14:14">
      <c r="N864540" s="10"/>
    </row>
    <row r="864541" spans="14:14">
      <c r="N864541" s="10"/>
    </row>
    <row r="864542" spans="14:14">
      <c r="N864542" s="10"/>
    </row>
    <row r="864543" spans="14:14">
      <c r="N864543" s="10"/>
    </row>
    <row r="864544" spans="14:14">
      <c r="N864544" s="10"/>
    </row>
    <row r="864545" spans="14:14">
      <c r="N864545" s="10"/>
    </row>
    <row r="864546" spans="14:14">
      <c r="N864546" s="10"/>
    </row>
    <row r="864547" spans="14:14">
      <c r="N864547" s="10"/>
    </row>
    <row r="864548" spans="14:14">
      <c r="N864548" s="10"/>
    </row>
    <row r="864549" spans="14:14">
      <c r="N864549" s="10"/>
    </row>
    <row r="864550" spans="14:14">
      <c r="N864550" s="10"/>
    </row>
    <row r="864551" spans="14:14">
      <c r="N864551" s="10"/>
    </row>
    <row r="864552" spans="14:14">
      <c r="N864552" s="10"/>
    </row>
    <row r="864553" spans="14:14">
      <c r="N864553" s="10"/>
    </row>
    <row r="864554" spans="14:14">
      <c r="N864554" s="10"/>
    </row>
    <row r="864555" spans="14:14">
      <c r="N864555" s="10"/>
    </row>
    <row r="864556" spans="14:14">
      <c r="N864556" s="10"/>
    </row>
    <row r="864557" spans="14:14">
      <c r="N864557" s="10"/>
    </row>
    <row r="864558" spans="14:14">
      <c r="N864558" s="10"/>
    </row>
    <row r="864559" spans="14:14">
      <c r="N864559" s="10"/>
    </row>
    <row r="864560" spans="14:14">
      <c r="N864560" s="10"/>
    </row>
    <row r="864561" spans="14:14">
      <c r="N864561" s="10"/>
    </row>
    <row r="864562" spans="14:14">
      <c r="N864562" s="10"/>
    </row>
    <row r="864563" spans="14:14">
      <c r="N864563" s="10"/>
    </row>
    <row r="864564" spans="14:14">
      <c r="N864564" s="10"/>
    </row>
    <row r="864565" spans="14:14">
      <c r="N864565" s="10"/>
    </row>
    <row r="864566" spans="14:14">
      <c r="N864566" s="10"/>
    </row>
    <row r="864567" spans="14:14">
      <c r="N864567" s="10"/>
    </row>
    <row r="864568" spans="14:14">
      <c r="N864568" s="10"/>
    </row>
    <row r="864569" spans="14:14">
      <c r="N864569" s="10"/>
    </row>
    <row r="864570" spans="14:14">
      <c r="N864570" s="10"/>
    </row>
    <row r="864571" spans="14:14">
      <c r="N864571" s="10"/>
    </row>
    <row r="864572" spans="14:14">
      <c r="N864572" s="10"/>
    </row>
    <row r="864573" spans="14:14">
      <c r="N864573" s="10"/>
    </row>
    <row r="864574" spans="14:14">
      <c r="N864574" s="10"/>
    </row>
    <row r="864575" spans="14:14">
      <c r="N864575" s="10"/>
    </row>
    <row r="864576" spans="14:14">
      <c r="N864576" s="10"/>
    </row>
    <row r="864577" spans="14:14">
      <c r="N864577" s="10"/>
    </row>
    <row r="864578" spans="14:14">
      <c r="N864578" s="10"/>
    </row>
    <row r="864579" spans="14:14">
      <c r="N864579" s="10"/>
    </row>
    <row r="864580" spans="14:14">
      <c r="N864580" s="10"/>
    </row>
    <row r="864581" spans="14:14">
      <c r="N864581" s="10"/>
    </row>
    <row r="864582" spans="14:14">
      <c r="N864582" s="10"/>
    </row>
    <row r="864583" spans="14:14">
      <c r="N864583" s="10"/>
    </row>
    <row r="864584" spans="14:14">
      <c r="N864584" s="10"/>
    </row>
    <row r="864585" spans="14:14">
      <c r="N864585" s="10"/>
    </row>
    <row r="864586" spans="14:14">
      <c r="N864586" s="10"/>
    </row>
    <row r="864587" spans="14:14">
      <c r="N864587" s="10"/>
    </row>
    <row r="864588" spans="14:14">
      <c r="N864588" s="10"/>
    </row>
    <row r="864589" spans="14:14">
      <c r="N864589" s="10"/>
    </row>
    <row r="864590" spans="14:14">
      <c r="N864590" s="10"/>
    </row>
    <row r="864591" spans="14:14">
      <c r="N864591" s="10"/>
    </row>
    <row r="864592" spans="14:14">
      <c r="N864592" s="10"/>
    </row>
    <row r="864593" spans="14:14">
      <c r="N864593" s="10"/>
    </row>
    <row r="864594" spans="14:14">
      <c r="N864594" s="10"/>
    </row>
    <row r="864595" spans="14:14">
      <c r="N864595" s="10"/>
    </row>
    <row r="864596" spans="14:14">
      <c r="N864596" s="10"/>
    </row>
    <row r="864597" spans="14:14">
      <c r="N864597" s="10"/>
    </row>
    <row r="864598" spans="14:14">
      <c r="N864598" s="10"/>
    </row>
    <row r="864599" spans="14:14">
      <c r="N864599" s="10"/>
    </row>
    <row r="864600" spans="14:14">
      <c r="N864600" s="10"/>
    </row>
    <row r="864601" spans="14:14">
      <c r="N864601" s="10"/>
    </row>
    <row r="864602" spans="14:14">
      <c r="N864602" s="10"/>
    </row>
    <row r="864603" spans="14:14">
      <c r="N864603" s="10"/>
    </row>
    <row r="864604" spans="14:14">
      <c r="N864604" s="10"/>
    </row>
    <row r="864605" spans="14:14">
      <c r="N864605" s="10"/>
    </row>
    <row r="864606" spans="14:14">
      <c r="N864606" s="10"/>
    </row>
    <row r="864607" spans="14:14">
      <c r="N864607" s="10"/>
    </row>
    <row r="864608" spans="14:14">
      <c r="N864608" s="10"/>
    </row>
    <row r="864609" spans="14:14">
      <c r="N864609" s="10"/>
    </row>
    <row r="864610" spans="14:14">
      <c r="N864610" s="10"/>
    </row>
    <row r="864611" spans="14:14">
      <c r="N864611" s="10"/>
    </row>
    <row r="864612" spans="14:14">
      <c r="N864612" s="10"/>
    </row>
    <row r="864613" spans="14:14">
      <c r="N864613" s="10"/>
    </row>
    <row r="864614" spans="14:14">
      <c r="N864614" s="10"/>
    </row>
    <row r="864615" spans="14:14">
      <c r="N864615" s="10"/>
    </row>
    <row r="864616" spans="14:14">
      <c r="N864616" s="10"/>
    </row>
    <row r="864617" spans="14:14">
      <c r="N864617" s="10"/>
    </row>
    <row r="864618" spans="14:14">
      <c r="N864618" s="10"/>
    </row>
    <row r="864619" spans="14:14">
      <c r="N864619" s="10"/>
    </row>
    <row r="864620" spans="14:14">
      <c r="N864620" s="10"/>
    </row>
    <row r="864621" spans="14:14">
      <c r="N864621" s="10"/>
    </row>
    <row r="864622" spans="14:14">
      <c r="N864622" s="10"/>
    </row>
    <row r="864623" spans="14:14">
      <c r="N864623" s="10"/>
    </row>
    <row r="864624" spans="14:14">
      <c r="N864624" s="10"/>
    </row>
    <row r="864625" spans="14:14">
      <c r="N864625" s="10"/>
    </row>
    <row r="864626" spans="14:14">
      <c r="N864626" s="10"/>
    </row>
    <row r="864627" spans="14:14">
      <c r="N864627" s="10"/>
    </row>
    <row r="864628" spans="14:14">
      <c r="N864628" s="10"/>
    </row>
    <row r="864629" spans="14:14">
      <c r="N864629" s="10"/>
    </row>
    <row r="864630" spans="14:14">
      <c r="N864630" s="10"/>
    </row>
    <row r="864631" spans="14:14">
      <c r="N864631" s="10"/>
    </row>
    <row r="864632" spans="14:14">
      <c r="N864632" s="10"/>
    </row>
    <row r="864633" spans="14:14">
      <c r="N864633" s="10"/>
    </row>
    <row r="864634" spans="14:14">
      <c r="N864634" s="10"/>
    </row>
    <row r="864635" spans="14:14">
      <c r="N864635" s="10"/>
    </row>
    <row r="864636" spans="14:14">
      <c r="N864636" s="10"/>
    </row>
    <row r="864637" spans="14:14">
      <c r="N864637" s="10"/>
    </row>
    <row r="864638" spans="14:14">
      <c r="N864638" s="10"/>
    </row>
    <row r="864639" spans="14:14">
      <c r="N864639" s="10"/>
    </row>
    <row r="864640" spans="14:14">
      <c r="N864640" s="10"/>
    </row>
    <row r="864641" spans="14:14">
      <c r="N864641" s="10"/>
    </row>
    <row r="864642" spans="14:14">
      <c r="N864642" s="10"/>
    </row>
    <row r="864643" spans="14:14">
      <c r="N864643" s="10"/>
    </row>
    <row r="864644" spans="14:14">
      <c r="N864644" s="10"/>
    </row>
    <row r="864645" spans="14:14">
      <c r="N864645" s="10"/>
    </row>
    <row r="864646" spans="14:14">
      <c r="N864646" s="10"/>
    </row>
    <row r="864647" spans="14:14">
      <c r="N864647" s="10"/>
    </row>
    <row r="864648" spans="14:14">
      <c r="N864648" s="10"/>
    </row>
    <row r="864649" spans="14:14">
      <c r="N864649" s="10"/>
    </row>
    <row r="864650" spans="14:14">
      <c r="N864650" s="10"/>
    </row>
    <row r="864651" spans="14:14">
      <c r="N864651" s="10"/>
    </row>
    <row r="864652" spans="14:14">
      <c r="N864652" s="10"/>
    </row>
    <row r="864653" spans="14:14">
      <c r="N864653" s="10"/>
    </row>
    <row r="864654" spans="14:14">
      <c r="N864654" s="10"/>
    </row>
    <row r="864655" spans="14:14">
      <c r="N864655" s="10"/>
    </row>
    <row r="864656" spans="14:14">
      <c r="N864656" s="10"/>
    </row>
    <row r="864657" spans="14:14">
      <c r="N864657" s="10"/>
    </row>
    <row r="864658" spans="14:14">
      <c r="N864658" s="10"/>
    </row>
    <row r="864659" spans="14:14">
      <c r="N864659" s="10"/>
    </row>
    <row r="864660" spans="14:14">
      <c r="N864660" s="10"/>
    </row>
    <row r="864661" spans="14:14">
      <c r="N864661" s="10"/>
    </row>
    <row r="864662" spans="14:14">
      <c r="N864662" s="10"/>
    </row>
    <row r="864663" spans="14:14">
      <c r="N864663" s="10"/>
    </row>
    <row r="864664" spans="14:14">
      <c r="N864664" s="10"/>
    </row>
    <row r="864665" spans="14:14">
      <c r="N864665" s="10"/>
    </row>
    <row r="864666" spans="14:14">
      <c r="N864666" s="10"/>
    </row>
    <row r="864667" spans="14:14">
      <c r="N864667" s="10"/>
    </row>
    <row r="864668" spans="14:14">
      <c r="N864668" s="10"/>
    </row>
    <row r="864669" spans="14:14">
      <c r="N864669" s="10"/>
    </row>
    <row r="864670" spans="14:14">
      <c r="N864670" s="10"/>
    </row>
    <row r="864671" spans="14:14">
      <c r="N864671" s="10"/>
    </row>
    <row r="864672" spans="14:14">
      <c r="N864672" s="10"/>
    </row>
    <row r="864673" spans="14:14">
      <c r="N864673" s="10"/>
    </row>
    <row r="864674" spans="14:14">
      <c r="N864674" s="10"/>
    </row>
    <row r="864675" spans="14:14">
      <c r="N864675" s="10"/>
    </row>
    <row r="864676" spans="14:14">
      <c r="N864676" s="10"/>
    </row>
    <row r="864677" spans="14:14">
      <c r="N864677" s="10"/>
    </row>
    <row r="864678" spans="14:14">
      <c r="N864678" s="10"/>
    </row>
    <row r="864679" spans="14:14">
      <c r="N864679" s="10"/>
    </row>
    <row r="864680" spans="14:14">
      <c r="N864680" s="10"/>
    </row>
    <row r="864681" spans="14:14">
      <c r="N864681" s="10"/>
    </row>
    <row r="864682" spans="14:14">
      <c r="N864682" s="10"/>
    </row>
    <row r="864683" spans="14:14">
      <c r="N864683" s="10"/>
    </row>
    <row r="864684" spans="14:14">
      <c r="N864684" s="10"/>
    </row>
    <row r="864685" spans="14:14">
      <c r="N864685" s="10"/>
    </row>
    <row r="864686" spans="14:14">
      <c r="N864686" s="10"/>
    </row>
    <row r="864687" spans="14:14">
      <c r="N864687" s="10"/>
    </row>
    <row r="864688" spans="14:14">
      <c r="N864688" s="10"/>
    </row>
    <row r="864689" spans="14:14">
      <c r="N864689" s="10"/>
    </row>
    <row r="864690" spans="14:14">
      <c r="N864690" s="10"/>
    </row>
    <row r="864691" spans="14:14">
      <c r="N864691" s="10"/>
    </row>
    <row r="864692" spans="14:14">
      <c r="N864692" s="10"/>
    </row>
    <row r="864693" spans="14:14">
      <c r="N864693" s="10"/>
    </row>
    <row r="864694" spans="14:14">
      <c r="N864694" s="10"/>
    </row>
    <row r="864695" spans="14:14">
      <c r="N864695" s="10"/>
    </row>
    <row r="864696" spans="14:14">
      <c r="N864696" s="10"/>
    </row>
    <row r="864697" spans="14:14">
      <c r="N864697" s="10"/>
    </row>
    <row r="864698" spans="14:14">
      <c r="N864698" s="10"/>
    </row>
    <row r="864699" spans="14:14">
      <c r="N864699" s="10"/>
    </row>
    <row r="864700" spans="14:14">
      <c r="N864700" s="10"/>
    </row>
    <row r="864701" spans="14:14">
      <c r="N864701" s="10"/>
    </row>
    <row r="864702" spans="14:14">
      <c r="N864702" s="10"/>
    </row>
    <row r="864703" spans="14:14">
      <c r="N864703" s="10"/>
    </row>
    <row r="864704" spans="14:14">
      <c r="N864704" s="10"/>
    </row>
    <row r="864705" spans="14:14">
      <c r="N864705" s="10"/>
    </row>
    <row r="864706" spans="14:14">
      <c r="N864706" s="10"/>
    </row>
    <row r="864707" spans="14:14">
      <c r="N864707" s="10"/>
    </row>
    <row r="864708" spans="14:14">
      <c r="N864708" s="10"/>
    </row>
    <row r="864709" spans="14:14">
      <c r="N864709" s="10"/>
    </row>
    <row r="864710" spans="14:14">
      <c r="N864710" s="10"/>
    </row>
    <row r="864711" spans="14:14">
      <c r="N864711" s="10"/>
    </row>
    <row r="864712" spans="14:14">
      <c r="N864712" s="10"/>
    </row>
    <row r="864713" spans="14:14">
      <c r="N864713" s="10"/>
    </row>
    <row r="864714" spans="14:14">
      <c r="N864714" s="10"/>
    </row>
    <row r="864715" spans="14:14">
      <c r="N864715" s="10"/>
    </row>
    <row r="864716" spans="14:14">
      <c r="N864716" s="10"/>
    </row>
    <row r="864717" spans="14:14">
      <c r="N864717" s="10"/>
    </row>
    <row r="864718" spans="14:14">
      <c r="N864718" s="10"/>
    </row>
    <row r="864719" spans="14:14">
      <c r="N864719" s="10"/>
    </row>
    <row r="864720" spans="14:14">
      <c r="N864720" s="10"/>
    </row>
    <row r="864721" spans="14:14">
      <c r="N864721" s="10"/>
    </row>
    <row r="864722" spans="14:14">
      <c r="N864722" s="10"/>
    </row>
    <row r="864723" spans="14:14">
      <c r="N864723" s="10"/>
    </row>
    <row r="864724" spans="14:14">
      <c r="N864724" s="10"/>
    </row>
    <row r="864725" spans="14:14">
      <c r="N864725" s="10"/>
    </row>
    <row r="864726" spans="14:14">
      <c r="N864726" s="10"/>
    </row>
    <row r="864727" spans="14:14">
      <c r="N864727" s="10"/>
    </row>
    <row r="864728" spans="14:14">
      <c r="N864728" s="10"/>
    </row>
    <row r="864729" spans="14:14">
      <c r="N864729" s="10"/>
    </row>
    <row r="864730" spans="14:14">
      <c r="N864730" s="10"/>
    </row>
    <row r="864731" spans="14:14">
      <c r="N864731" s="10"/>
    </row>
    <row r="864732" spans="14:14">
      <c r="N864732" s="10"/>
    </row>
    <row r="864733" spans="14:14">
      <c r="N864733" s="10"/>
    </row>
    <row r="864734" spans="14:14">
      <c r="N864734" s="10"/>
    </row>
    <row r="864735" spans="14:14">
      <c r="N864735" s="10"/>
    </row>
    <row r="864736" spans="14:14">
      <c r="N864736" s="10"/>
    </row>
    <row r="864737" spans="14:14">
      <c r="N864737" s="10"/>
    </row>
    <row r="864738" spans="14:14">
      <c r="N864738" s="10"/>
    </row>
    <row r="864739" spans="14:14">
      <c r="N864739" s="10"/>
    </row>
    <row r="864740" spans="14:14">
      <c r="N864740" s="10"/>
    </row>
    <row r="864741" spans="14:14">
      <c r="N864741" s="10"/>
    </row>
    <row r="864742" spans="14:14">
      <c r="N864742" s="10"/>
    </row>
    <row r="864743" spans="14:14">
      <c r="N864743" s="10"/>
    </row>
    <row r="864744" spans="14:14">
      <c r="N864744" s="10"/>
    </row>
    <row r="864745" spans="14:14">
      <c r="N864745" s="10"/>
    </row>
    <row r="864746" spans="14:14">
      <c r="N864746" s="10"/>
    </row>
    <row r="864747" spans="14:14">
      <c r="N864747" s="10"/>
    </row>
    <row r="864748" spans="14:14">
      <c r="N864748" s="10"/>
    </row>
    <row r="864749" spans="14:14">
      <c r="N864749" s="10"/>
    </row>
    <row r="864750" spans="14:14">
      <c r="N864750" s="10"/>
    </row>
    <row r="864751" spans="14:14">
      <c r="N864751" s="10"/>
    </row>
    <row r="864752" spans="14:14">
      <c r="N864752" s="10"/>
    </row>
    <row r="864753" spans="14:14">
      <c r="N864753" s="10"/>
    </row>
    <row r="864754" spans="14:14">
      <c r="N864754" s="10"/>
    </row>
    <row r="864755" spans="14:14">
      <c r="N864755" s="10"/>
    </row>
    <row r="864756" spans="14:14">
      <c r="N864756" s="10"/>
    </row>
    <row r="864757" spans="14:14">
      <c r="N864757" s="10"/>
    </row>
    <row r="864758" spans="14:14">
      <c r="N864758" s="10"/>
    </row>
    <row r="864759" spans="14:14">
      <c r="N864759" s="10"/>
    </row>
    <row r="864760" spans="14:14">
      <c r="N864760" s="10"/>
    </row>
    <row r="864761" spans="14:14">
      <c r="N864761" s="10"/>
    </row>
    <row r="864762" spans="14:14">
      <c r="N864762" s="10"/>
    </row>
    <row r="864763" spans="14:14">
      <c r="N864763" s="10"/>
    </row>
    <row r="864764" spans="14:14">
      <c r="N864764" s="10"/>
    </row>
    <row r="864765" spans="14:14">
      <c r="N864765" s="10"/>
    </row>
    <row r="864766" spans="14:14">
      <c r="N864766" s="10"/>
    </row>
    <row r="864767" spans="14:14">
      <c r="N864767" s="10"/>
    </row>
    <row r="864768" spans="14:14">
      <c r="N864768" s="10"/>
    </row>
    <row r="864769" spans="14:14">
      <c r="N864769" s="10"/>
    </row>
    <row r="864770" spans="14:14">
      <c r="N864770" s="10"/>
    </row>
    <row r="864771" spans="14:14">
      <c r="N864771" s="10"/>
    </row>
    <row r="864772" spans="14:14">
      <c r="N864772" s="10"/>
    </row>
    <row r="864773" spans="14:14">
      <c r="N864773" s="10"/>
    </row>
    <row r="864774" spans="14:14">
      <c r="N864774" s="10"/>
    </row>
    <row r="864775" spans="14:14">
      <c r="N864775" s="10"/>
    </row>
    <row r="864776" spans="14:14">
      <c r="N864776" s="10"/>
    </row>
    <row r="864777" spans="14:14">
      <c r="N864777" s="10"/>
    </row>
    <row r="864778" spans="14:14">
      <c r="N864778" s="10"/>
    </row>
    <row r="864779" spans="14:14">
      <c r="N864779" s="10"/>
    </row>
    <row r="864780" spans="14:14">
      <c r="N864780" s="10"/>
    </row>
    <row r="864781" spans="14:14">
      <c r="N864781" s="10"/>
    </row>
    <row r="864782" spans="14:14">
      <c r="N864782" s="10"/>
    </row>
    <row r="864783" spans="14:14">
      <c r="N864783" s="10"/>
    </row>
    <row r="864784" spans="14:14">
      <c r="N864784" s="10"/>
    </row>
    <row r="864785" spans="14:14">
      <c r="N864785" s="10"/>
    </row>
    <row r="864786" spans="14:14">
      <c r="N864786" s="10"/>
    </row>
    <row r="864787" spans="14:14">
      <c r="N864787" s="10"/>
    </row>
    <row r="864788" spans="14:14">
      <c r="N864788" s="10"/>
    </row>
    <row r="864789" spans="14:14">
      <c r="N864789" s="10"/>
    </row>
    <row r="864790" spans="14:14">
      <c r="N864790" s="10"/>
    </row>
    <row r="864791" spans="14:14">
      <c r="N864791" s="10"/>
    </row>
    <row r="864792" spans="14:14">
      <c r="N864792" s="10"/>
    </row>
    <row r="864793" spans="14:14">
      <c r="N864793" s="10"/>
    </row>
    <row r="864794" spans="14:14">
      <c r="N864794" s="10"/>
    </row>
    <row r="864795" spans="14:14">
      <c r="N864795" s="10"/>
    </row>
    <row r="864796" spans="14:14">
      <c r="N864796" s="10"/>
    </row>
    <row r="864797" spans="14:14">
      <c r="N864797" s="10"/>
    </row>
    <row r="864798" spans="14:14">
      <c r="N864798" s="10"/>
    </row>
    <row r="864799" spans="14:14">
      <c r="N864799" s="10"/>
    </row>
    <row r="864800" spans="14:14">
      <c r="N864800" s="10"/>
    </row>
    <row r="864801" spans="14:14">
      <c r="N864801" s="10"/>
    </row>
    <row r="864802" spans="14:14">
      <c r="N864802" s="10"/>
    </row>
    <row r="864803" spans="14:14">
      <c r="N864803" s="10"/>
    </row>
    <row r="864804" spans="14:14">
      <c r="N864804" s="10"/>
    </row>
    <row r="864805" spans="14:14">
      <c r="N864805" s="10"/>
    </row>
    <row r="864806" spans="14:14">
      <c r="N864806" s="10"/>
    </row>
    <row r="864807" spans="14:14">
      <c r="N864807" s="10"/>
    </row>
    <row r="864808" spans="14:14">
      <c r="N864808" s="10"/>
    </row>
    <row r="864809" spans="14:14">
      <c r="N864809" s="10"/>
    </row>
    <row r="864810" spans="14:14">
      <c r="N864810" s="10"/>
    </row>
    <row r="864811" spans="14:14">
      <c r="N864811" s="10"/>
    </row>
    <row r="864812" spans="14:14">
      <c r="N864812" s="10"/>
    </row>
    <row r="864813" spans="14:14">
      <c r="N864813" s="10"/>
    </row>
    <row r="864814" spans="14:14">
      <c r="N864814" s="10"/>
    </row>
    <row r="864815" spans="14:14">
      <c r="N864815" s="10"/>
    </row>
    <row r="864816" spans="14:14">
      <c r="N864816" s="10"/>
    </row>
    <row r="864817" spans="14:14">
      <c r="N864817" s="10"/>
    </row>
    <row r="864818" spans="14:14">
      <c r="N864818" s="10"/>
    </row>
    <row r="864819" spans="14:14">
      <c r="N864819" s="10"/>
    </row>
    <row r="864820" spans="14:14">
      <c r="N864820" s="10"/>
    </row>
    <row r="864821" spans="14:14">
      <c r="N864821" s="10"/>
    </row>
    <row r="864822" spans="14:14">
      <c r="N864822" s="10"/>
    </row>
    <row r="864823" spans="14:14">
      <c r="N864823" s="10"/>
    </row>
    <row r="864824" spans="14:14">
      <c r="N864824" s="10"/>
    </row>
    <row r="864825" spans="14:14">
      <c r="N864825" s="10"/>
    </row>
    <row r="864826" spans="14:14">
      <c r="N864826" s="10"/>
    </row>
    <row r="864827" spans="14:14">
      <c r="N864827" s="10"/>
    </row>
    <row r="864828" spans="14:14">
      <c r="N864828" s="10"/>
    </row>
    <row r="864829" spans="14:14">
      <c r="N864829" s="10"/>
    </row>
    <row r="864830" spans="14:14">
      <c r="N864830" s="10"/>
    </row>
    <row r="864831" spans="14:14">
      <c r="N864831" s="10"/>
    </row>
    <row r="864832" spans="14:14">
      <c r="N864832" s="10"/>
    </row>
    <row r="864833" spans="14:14">
      <c r="N864833" s="10"/>
    </row>
    <row r="864834" spans="14:14">
      <c r="N864834" s="10"/>
    </row>
    <row r="864835" spans="14:14">
      <c r="N864835" s="10"/>
    </row>
    <row r="864836" spans="14:14">
      <c r="N864836" s="10"/>
    </row>
    <row r="864837" spans="14:14">
      <c r="N864837" s="10"/>
    </row>
    <row r="864838" spans="14:14">
      <c r="N864838" s="10"/>
    </row>
    <row r="864839" spans="14:14">
      <c r="N864839" s="10"/>
    </row>
    <row r="864840" spans="14:14">
      <c r="N864840" s="10"/>
    </row>
    <row r="864841" spans="14:14">
      <c r="N864841" s="10"/>
    </row>
    <row r="864842" spans="14:14">
      <c r="N864842" s="10"/>
    </row>
    <row r="864843" spans="14:14">
      <c r="N864843" s="10"/>
    </row>
    <row r="864844" spans="14:14">
      <c r="N864844" s="10"/>
    </row>
    <row r="864845" spans="14:14">
      <c r="N864845" s="10"/>
    </row>
    <row r="864846" spans="14:14">
      <c r="N864846" s="10"/>
    </row>
    <row r="864847" spans="14:14">
      <c r="N864847" s="10"/>
    </row>
    <row r="864848" spans="14:14">
      <c r="N864848" s="10"/>
    </row>
    <row r="864849" spans="14:14">
      <c r="N864849" s="10"/>
    </row>
    <row r="864850" spans="14:14">
      <c r="N864850" s="10"/>
    </row>
    <row r="864851" spans="14:14">
      <c r="N864851" s="10"/>
    </row>
    <row r="864852" spans="14:14">
      <c r="N864852" s="10"/>
    </row>
    <row r="864853" spans="14:14">
      <c r="N864853" s="10"/>
    </row>
    <row r="864854" spans="14:14">
      <c r="N864854" s="10"/>
    </row>
    <row r="864855" spans="14:14">
      <c r="N864855" s="10"/>
    </row>
    <row r="864856" spans="14:14">
      <c r="N864856" s="10"/>
    </row>
    <row r="864857" spans="14:14">
      <c r="N864857" s="10"/>
    </row>
    <row r="864858" spans="14:14">
      <c r="N864858" s="10"/>
    </row>
    <row r="864859" spans="14:14">
      <c r="N864859" s="10"/>
    </row>
    <row r="864860" spans="14:14">
      <c r="N864860" s="10"/>
    </row>
    <row r="864861" spans="14:14">
      <c r="N864861" s="10"/>
    </row>
    <row r="864862" spans="14:14">
      <c r="N864862" s="10"/>
    </row>
    <row r="864863" spans="14:14">
      <c r="N864863" s="10"/>
    </row>
    <row r="864864" spans="14:14">
      <c r="N864864" s="10"/>
    </row>
    <row r="864865" spans="14:14">
      <c r="N864865" s="10"/>
    </row>
    <row r="864866" spans="14:14">
      <c r="N864866" s="10"/>
    </row>
    <row r="864867" spans="14:14">
      <c r="N864867" s="10"/>
    </row>
    <row r="864868" spans="14:14">
      <c r="N864868" s="10"/>
    </row>
    <row r="864869" spans="14:14">
      <c r="N864869" s="10"/>
    </row>
    <row r="864870" spans="14:14">
      <c r="N864870" s="10"/>
    </row>
    <row r="864871" spans="14:14">
      <c r="N864871" s="10"/>
    </row>
    <row r="864872" spans="14:14">
      <c r="N864872" s="10"/>
    </row>
    <row r="864873" spans="14:14">
      <c r="N864873" s="10"/>
    </row>
    <row r="864874" spans="14:14">
      <c r="N864874" s="10"/>
    </row>
    <row r="864875" spans="14:14">
      <c r="N864875" s="10"/>
    </row>
    <row r="864876" spans="14:14">
      <c r="N864876" s="10"/>
    </row>
    <row r="864877" spans="14:14">
      <c r="N864877" s="10"/>
    </row>
    <row r="864878" spans="14:14">
      <c r="N864878" s="10"/>
    </row>
    <row r="864879" spans="14:14">
      <c r="N864879" s="10"/>
    </row>
    <row r="864880" spans="14:14">
      <c r="N864880" s="10"/>
    </row>
    <row r="864881" spans="14:14">
      <c r="N864881" s="10"/>
    </row>
    <row r="864882" spans="14:14">
      <c r="N864882" s="10"/>
    </row>
    <row r="864883" spans="14:14">
      <c r="N864883" s="10"/>
    </row>
    <row r="864884" spans="14:14">
      <c r="N864884" s="10"/>
    </row>
    <row r="864885" spans="14:14">
      <c r="N864885" s="10"/>
    </row>
    <row r="864886" spans="14:14">
      <c r="N864886" s="10"/>
    </row>
    <row r="864887" spans="14:14">
      <c r="N864887" s="10"/>
    </row>
    <row r="864888" spans="14:14">
      <c r="N864888" s="10"/>
    </row>
    <row r="864889" spans="14:14">
      <c r="N864889" s="10"/>
    </row>
    <row r="864890" spans="14:14">
      <c r="N864890" s="10"/>
    </row>
    <row r="864891" spans="14:14">
      <c r="N864891" s="10"/>
    </row>
    <row r="864892" spans="14:14">
      <c r="N864892" s="10"/>
    </row>
    <row r="864893" spans="14:14">
      <c r="N864893" s="10"/>
    </row>
    <row r="864894" spans="14:14">
      <c r="N864894" s="10"/>
    </row>
    <row r="864895" spans="14:14">
      <c r="N864895" s="10"/>
    </row>
    <row r="864896" spans="14:14">
      <c r="N864896" s="10"/>
    </row>
    <row r="864897" spans="14:14">
      <c r="N864897" s="10"/>
    </row>
    <row r="864898" spans="14:14">
      <c r="N864898" s="10"/>
    </row>
    <row r="864899" spans="14:14">
      <c r="N864899" s="10"/>
    </row>
    <row r="864900" spans="14:14">
      <c r="N864900" s="10"/>
    </row>
    <row r="864901" spans="14:14">
      <c r="N864901" s="10"/>
    </row>
    <row r="864902" spans="14:14">
      <c r="N864902" s="10"/>
    </row>
    <row r="864903" spans="14:14">
      <c r="N864903" s="10"/>
    </row>
    <row r="864904" spans="14:14">
      <c r="N864904" s="10"/>
    </row>
    <row r="864905" spans="14:14">
      <c r="N864905" s="10"/>
    </row>
    <row r="864906" spans="14:14">
      <c r="N864906" s="10"/>
    </row>
    <row r="864907" spans="14:14">
      <c r="N864907" s="10"/>
    </row>
    <row r="864908" spans="14:14">
      <c r="N864908" s="10"/>
    </row>
    <row r="864909" spans="14:14">
      <c r="N864909" s="10"/>
    </row>
    <row r="864910" spans="14:14">
      <c r="N864910" s="10"/>
    </row>
    <row r="864911" spans="14:14">
      <c r="N864911" s="10"/>
    </row>
    <row r="864912" spans="14:14">
      <c r="N864912" s="10"/>
    </row>
    <row r="864913" spans="14:14">
      <c r="N864913" s="10"/>
    </row>
    <row r="864914" spans="14:14">
      <c r="N864914" s="10"/>
    </row>
    <row r="864915" spans="14:14">
      <c r="N864915" s="10"/>
    </row>
    <row r="864916" spans="14:14">
      <c r="N864916" s="10"/>
    </row>
    <row r="864917" spans="14:14">
      <c r="N864917" s="10"/>
    </row>
    <row r="864918" spans="14:14">
      <c r="N864918" s="10"/>
    </row>
    <row r="864919" spans="14:14">
      <c r="N864919" s="10"/>
    </row>
    <row r="864920" spans="14:14">
      <c r="N864920" s="10"/>
    </row>
    <row r="864921" spans="14:14">
      <c r="N864921" s="10"/>
    </row>
    <row r="864922" spans="14:14">
      <c r="N864922" s="10"/>
    </row>
    <row r="864923" spans="14:14">
      <c r="N864923" s="10"/>
    </row>
    <row r="864924" spans="14:14">
      <c r="N864924" s="10"/>
    </row>
    <row r="864925" spans="14:14">
      <c r="N864925" s="10"/>
    </row>
    <row r="864926" spans="14:14">
      <c r="N864926" s="10"/>
    </row>
    <row r="864927" spans="14:14">
      <c r="N864927" s="10"/>
    </row>
    <row r="864928" spans="14:14">
      <c r="N864928" s="10"/>
    </row>
    <row r="864929" spans="14:14">
      <c r="N864929" s="10"/>
    </row>
    <row r="864930" spans="14:14">
      <c r="N864930" s="10"/>
    </row>
    <row r="864931" spans="14:14">
      <c r="N864931" s="10"/>
    </row>
    <row r="864932" spans="14:14">
      <c r="N864932" s="10"/>
    </row>
    <row r="864933" spans="14:14">
      <c r="N864933" s="10"/>
    </row>
    <row r="864934" spans="14:14">
      <c r="N864934" s="10"/>
    </row>
    <row r="864935" spans="14:14">
      <c r="N864935" s="10"/>
    </row>
    <row r="864936" spans="14:14">
      <c r="N864936" s="10"/>
    </row>
    <row r="864937" spans="14:14">
      <c r="N864937" s="10"/>
    </row>
    <row r="864938" spans="14:14">
      <c r="N864938" s="10"/>
    </row>
    <row r="864939" spans="14:14">
      <c r="N864939" s="10"/>
    </row>
    <row r="864940" spans="14:14">
      <c r="N864940" s="10"/>
    </row>
    <row r="864941" spans="14:14">
      <c r="N864941" s="10"/>
    </row>
    <row r="864942" spans="14:14">
      <c r="N864942" s="10"/>
    </row>
    <row r="864943" spans="14:14">
      <c r="N864943" s="10"/>
    </row>
    <row r="864944" spans="14:14">
      <c r="N864944" s="10"/>
    </row>
    <row r="864945" spans="14:14">
      <c r="N864945" s="10"/>
    </row>
    <row r="864946" spans="14:14">
      <c r="N864946" s="10"/>
    </row>
    <row r="864947" spans="14:14">
      <c r="N864947" s="10"/>
    </row>
    <row r="864948" spans="14:14">
      <c r="N864948" s="10"/>
    </row>
    <row r="864949" spans="14:14">
      <c r="N864949" s="10"/>
    </row>
    <row r="864950" spans="14:14">
      <c r="N864950" s="10"/>
    </row>
    <row r="864951" spans="14:14">
      <c r="N864951" s="10"/>
    </row>
    <row r="864952" spans="14:14">
      <c r="N864952" s="10"/>
    </row>
    <row r="864953" spans="14:14">
      <c r="N864953" s="10"/>
    </row>
    <row r="864954" spans="14:14">
      <c r="N864954" s="10"/>
    </row>
    <row r="864955" spans="14:14">
      <c r="N864955" s="10"/>
    </row>
    <row r="864956" spans="14:14">
      <c r="N864956" s="10"/>
    </row>
    <row r="864957" spans="14:14">
      <c r="N864957" s="10"/>
    </row>
    <row r="864958" spans="14:14">
      <c r="N864958" s="10"/>
    </row>
    <row r="864959" spans="14:14">
      <c r="N864959" s="10"/>
    </row>
    <row r="864960" spans="14:14">
      <c r="N864960" s="10"/>
    </row>
    <row r="864961" spans="14:14">
      <c r="N864961" s="10"/>
    </row>
    <row r="864962" spans="14:14">
      <c r="N864962" s="10"/>
    </row>
    <row r="864963" spans="14:14">
      <c r="N864963" s="10"/>
    </row>
    <row r="864964" spans="14:14">
      <c r="N864964" s="10"/>
    </row>
    <row r="864965" spans="14:14">
      <c r="N864965" s="10"/>
    </row>
    <row r="864966" spans="14:14">
      <c r="N864966" s="10"/>
    </row>
    <row r="864967" spans="14:14">
      <c r="N864967" s="10"/>
    </row>
    <row r="864968" spans="14:14">
      <c r="N864968" s="10"/>
    </row>
    <row r="864969" spans="14:14">
      <c r="N864969" s="10"/>
    </row>
    <row r="864970" spans="14:14">
      <c r="N864970" s="10"/>
    </row>
    <row r="864971" spans="14:14">
      <c r="N864971" s="10"/>
    </row>
    <row r="864972" spans="14:14">
      <c r="N864972" s="10"/>
    </row>
    <row r="864973" spans="14:14">
      <c r="N864973" s="10"/>
    </row>
    <row r="864974" spans="14:14">
      <c r="N864974" s="10"/>
    </row>
    <row r="864975" spans="14:14">
      <c r="N864975" s="10"/>
    </row>
    <row r="864976" spans="14:14">
      <c r="N864976" s="10"/>
    </row>
    <row r="864977" spans="14:14">
      <c r="N864977" s="10"/>
    </row>
    <row r="864978" spans="14:14">
      <c r="N864978" s="10"/>
    </row>
    <row r="864979" spans="14:14">
      <c r="N864979" s="10"/>
    </row>
    <row r="864980" spans="14:14">
      <c r="N864980" s="10"/>
    </row>
    <row r="864981" spans="14:14">
      <c r="N864981" s="10"/>
    </row>
    <row r="864982" spans="14:14">
      <c r="N864982" s="10"/>
    </row>
    <row r="864983" spans="14:14">
      <c r="N864983" s="10"/>
    </row>
    <row r="864984" spans="14:14">
      <c r="N864984" s="10"/>
    </row>
    <row r="864985" spans="14:14">
      <c r="N864985" s="10"/>
    </row>
    <row r="864986" spans="14:14">
      <c r="N864986" s="10"/>
    </row>
    <row r="864987" spans="14:14">
      <c r="N864987" s="10"/>
    </row>
    <row r="864988" spans="14:14">
      <c r="N864988" s="10"/>
    </row>
    <row r="864989" spans="14:14">
      <c r="N864989" s="10"/>
    </row>
    <row r="864990" spans="14:14">
      <c r="N864990" s="10"/>
    </row>
    <row r="864991" spans="14:14">
      <c r="N864991" s="10"/>
    </row>
    <row r="864992" spans="14:14">
      <c r="N864992" s="10"/>
    </row>
    <row r="864993" spans="14:14">
      <c r="N864993" s="10"/>
    </row>
    <row r="864994" spans="14:14">
      <c r="N864994" s="10"/>
    </row>
    <row r="864995" spans="14:14">
      <c r="N864995" s="10"/>
    </row>
    <row r="864996" spans="14:14">
      <c r="N864996" s="10"/>
    </row>
    <row r="864997" spans="14:14">
      <c r="N864997" s="10"/>
    </row>
    <row r="864998" spans="14:14">
      <c r="N864998" s="10"/>
    </row>
    <row r="864999" spans="14:14">
      <c r="N864999" s="10"/>
    </row>
    <row r="865000" spans="14:14">
      <c r="N865000" s="10"/>
    </row>
    <row r="865001" spans="14:14">
      <c r="N865001" s="10"/>
    </row>
    <row r="865002" spans="14:14">
      <c r="N865002" s="10"/>
    </row>
    <row r="865003" spans="14:14">
      <c r="N865003" s="10"/>
    </row>
    <row r="865004" spans="14:14">
      <c r="N865004" s="10"/>
    </row>
    <row r="865005" spans="14:14">
      <c r="N865005" s="10"/>
    </row>
    <row r="865006" spans="14:14">
      <c r="N865006" s="10"/>
    </row>
    <row r="865007" spans="14:14">
      <c r="N865007" s="10"/>
    </row>
    <row r="865008" spans="14:14">
      <c r="N865008" s="10"/>
    </row>
    <row r="865009" spans="14:14">
      <c r="N865009" s="10"/>
    </row>
    <row r="865010" spans="14:14">
      <c r="N865010" s="10"/>
    </row>
    <row r="865011" spans="14:14">
      <c r="N865011" s="10"/>
    </row>
    <row r="865012" spans="14:14">
      <c r="N865012" s="10"/>
    </row>
    <row r="865013" spans="14:14">
      <c r="N865013" s="10"/>
    </row>
    <row r="865014" spans="14:14">
      <c r="N865014" s="10"/>
    </row>
    <row r="865015" spans="14:14">
      <c r="N865015" s="10"/>
    </row>
    <row r="865016" spans="14:14">
      <c r="N865016" s="10"/>
    </row>
    <row r="865017" spans="14:14">
      <c r="N865017" s="10"/>
    </row>
    <row r="865018" spans="14:14">
      <c r="N865018" s="10"/>
    </row>
    <row r="865019" spans="14:14">
      <c r="N865019" s="10"/>
    </row>
    <row r="865020" spans="14:14">
      <c r="N865020" s="10"/>
    </row>
    <row r="865021" spans="14:14">
      <c r="N865021" s="10"/>
    </row>
    <row r="865022" spans="14:14">
      <c r="N865022" s="10"/>
    </row>
    <row r="865023" spans="14:14">
      <c r="N865023" s="10"/>
    </row>
    <row r="865024" spans="14:14">
      <c r="N865024" s="10"/>
    </row>
    <row r="865025" spans="14:14">
      <c r="N865025" s="10"/>
    </row>
    <row r="865026" spans="14:14">
      <c r="N865026" s="10"/>
    </row>
    <row r="865027" spans="14:14">
      <c r="N865027" s="10"/>
    </row>
    <row r="865028" spans="14:14">
      <c r="N865028" s="10"/>
    </row>
    <row r="865029" spans="14:14">
      <c r="N865029" s="10"/>
    </row>
    <row r="865030" spans="14:14">
      <c r="N865030" s="10"/>
    </row>
    <row r="865031" spans="14:14">
      <c r="N865031" s="10"/>
    </row>
    <row r="865032" spans="14:14">
      <c r="N865032" s="10"/>
    </row>
    <row r="865033" spans="14:14">
      <c r="N865033" s="10"/>
    </row>
    <row r="865034" spans="14:14">
      <c r="N865034" s="10"/>
    </row>
    <row r="865035" spans="14:14">
      <c r="N865035" s="10"/>
    </row>
    <row r="865036" spans="14:14">
      <c r="N865036" s="10"/>
    </row>
    <row r="865037" spans="14:14">
      <c r="N865037" s="10"/>
    </row>
    <row r="865038" spans="14:14">
      <c r="N865038" s="10"/>
    </row>
    <row r="865039" spans="14:14">
      <c r="N865039" s="10"/>
    </row>
    <row r="865040" spans="14:14">
      <c r="N865040" s="10"/>
    </row>
    <row r="865041" spans="14:14">
      <c r="N865041" s="10"/>
    </row>
    <row r="865042" spans="14:14">
      <c r="N865042" s="10"/>
    </row>
    <row r="865043" spans="14:14">
      <c r="N865043" s="10"/>
    </row>
    <row r="865044" spans="14:14">
      <c r="N865044" s="10"/>
    </row>
    <row r="865045" spans="14:14">
      <c r="N865045" s="10"/>
    </row>
    <row r="865046" spans="14:14">
      <c r="N865046" s="10"/>
    </row>
    <row r="865047" spans="14:14">
      <c r="N865047" s="10"/>
    </row>
    <row r="865048" spans="14:14">
      <c r="N865048" s="10"/>
    </row>
    <row r="865049" spans="14:14">
      <c r="N865049" s="10"/>
    </row>
    <row r="865050" spans="14:14">
      <c r="N865050" s="10"/>
    </row>
    <row r="865051" spans="14:14">
      <c r="N865051" s="10"/>
    </row>
    <row r="865052" spans="14:14">
      <c r="N865052" s="10"/>
    </row>
    <row r="865053" spans="14:14">
      <c r="N865053" s="10"/>
    </row>
    <row r="865054" spans="14:14">
      <c r="N865054" s="10"/>
    </row>
    <row r="865055" spans="14:14">
      <c r="N865055" s="10"/>
    </row>
    <row r="865056" spans="14:14">
      <c r="N865056" s="10"/>
    </row>
    <row r="865057" spans="14:14">
      <c r="N865057" s="10"/>
    </row>
    <row r="865058" spans="14:14">
      <c r="N865058" s="10"/>
    </row>
    <row r="865059" spans="14:14">
      <c r="N865059" s="10"/>
    </row>
    <row r="865060" spans="14:14">
      <c r="N865060" s="10"/>
    </row>
    <row r="865061" spans="14:14">
      <c r="N865061" s="10"/>
    </row>
    <row r="865062" spans="14:14">
      <c r="N865062" s="10"/>
    </row>
    <row r="865063" spans="14:14">
      <c r="N865063" s="10"/>
    </row>
    <row r="865064" spans="14:14">
      <c r="N865064" s="10"/>
    </row>
    <row r="865065" spans="14:14">
      <c r="N865065" s="10"/>
    </row>
    <row r="865066" spans="14:14">
      <c r="N865066" s="10"/>
    </row>
    <row r="865067" spans="14:14">
      <c r="N865067" s="10"/>
    </row>
    <row r="865068" spans="14:14">
      <c r="N865068" s="10"/>
    </row>
    <row r="865069" spans="14:14">
      <c r="N865069" s="10"/>
    </row>
    <row r="865070" spans="14:14">
      <c r="N865070" s="10"/>
    </row>
    <row r="865071" spans="14:14">
      <c r="N865071" s="10"/>
    </row>
    <row r="865072" spans="14:14">
      <c r="N865072" s="10"/>
    </row>
    <row r="865073" spans="14:14">
      <c r="N865073" s="10"/>
    </row>
    <row r="865074" spans="14:14">
      <c r="N865074" s="10"/>
    </row>
    <row r="865075" spans="14:14">
      <c r="N865075" s="10"/>
    </row>
    <row r="865076" spans="14:14">
      <c r="N865076" s="10"/>
    </row>
    <row r="865077" spans="14:14">
      <c r="N865077" s="10"/>
    </row>
    <row r="865078" spans="14:14">
      <c r="N865078" s="10"/>
    </row>
    <row r="865079" spans="14:14">
      <c r="N865079" s="10"/>
    </row>
    <row r="865080" spans="14:14">
      <c r="N865080" s="10"/>
    </row>
    <row r="865081" spans="14:14">
      <c r="N865081" s="10"/>
    </row>
    <row r="865082" spans="14:14">
      <c r="N865082" s="10"/>
    </row>
    <row r="865083" spans="14:14">
      <c r="N865083" s="10"/>
    </row>
    <row r="865084" spans="14:14">
      <c r="N865084" s="10"/>
    </row>
    <row r="865085" spans="14:14">
      <c r="N865085" s="10"/>
    </row>
    <row r="865086" spans="14:14">
      <c r="N865086" s="10"/>
    </row>
    <row r="865087" spans="14:14">
      <c r="N865087" s="10"/>
    </row>
    <row r="865088" spans="14:14">
      <c r="N865088" s="10"/>
    </row>
    <row r="865089" spans="14:14">
      <c r="N865089" s="10"/>
    </row>
    <row r="865090" spans="14:14">
      <c r="N865090" s="10"/>
    </row>
    <row r="865091" spans="14:14">
      <c r="N865091" s="10"/>
    </row>
    <row r="865092" spans="14:14">
      <c r="N865092" s="10"/>
    </row>
    <row r="865093" spans="14:14">
      <c r="N865093" s="10"/>
    </row>
    <row r="865094" spans="14:14">
      <c r="N865094" s="10"/>
    </row>
    <row r="865095" spans="14:14">
      <c r="N865095" s="10"/>
    </row>
    <row r="865096" spans="14:14">
      <c r="N865096" s="10"/>
    </row>
    <row r="865097" spans="14:14">
      <c r="N865097" s="10"/>
    </row>
    <row r="865098" spans="14:14">
      <c r="N865098" s="10"/>
    </row>
    <row r="865099" spans="14:14">
      <c r="N865099" s="10"/>
    </row>
    <row r="865100" spans="14:14">
      <c r="N865100" s="10"/>
    </row>
    <row r="865101" spans="14:14">
      <c r="N865101" s="10"/>
    </row>
    <row r="865102" spans="14:14">
      <c r="N865102" s="10"/>
    </row>
    <row r="865103" spans="14:14">
      <c r="N865103" s="10"/>
    </row>
    <row r="865104" spans="14:14">
      <c r="N865104" s="10"/>
    </row>
    <row r="865105" spans="14:14">
      <c r="N865105" s="10"/>
    </row>
    <row r="865106" spans="14:14">
      <c r="N865106" s="10"/>
    </row>
    <row r="865107" spans="14:14">
      <c r="N865107" s="10"/>
    </row>
    <row r="865108" spans="14:14">
      <c r="N865108" s="10"/>
    </row>
    <row r="865109" spans="14:14">
      <c r="N865109" s="10"/>
    </row>
    <row r="865110" spans="14:14">
      <c r="N865110" s="10"/>
    </row>
    <row r="865111" spans="14:14">
      <c r="N865111" s="10"/>
    </row>
    <row r="865112" spans="14:14">
      <c r="N865112" s="10"/>
    </row>
    <row r="865113" spans="14:14">
      <c r="N865113" s="10"/>
    </row>
    <row r="865114" spans="14:14">
      <c r="N865114" s="10"/>
    </row>
    <row r="865115" spans="14:14">
      <c r="N865115" s="10"/>
    </row>
    <row r="865116" spans="14:14">
      <c r="N865116" s="10"/>
    </row>
    <row r="865117" spans="14:14">
      <c r="N865117" s="10"/>
    </row>
    <row r="865118" spans="14:14">
      <c r="N865118" s="10"/>
    </row>
    <row r="865119" spans="14:14">
      <c r="N865119" s="10"/>
    </row>
    <row r="865120" spans="14:14">
      <c r="N865120" s="10"/>
    </row>
    <row r="865121" spans="14:14">
      <c r="N865121" s="10"/>
    </row>
    <row r="865122" spans="14:14">
      <c r="N865122" s="10"/>
    </row>
    <row r="865123" spans="14:14">
      <c r="N865123" s="10"/>
    </row>
    <row r="865124" spans="14:14">
      <c r="N865124" s="10"/>
    </row>
    <row r="865125" spans="14:14">
      <c r="N865125" s="10"/>
    </row>
    <row r="865126" spans="14:14">
      <c r="N865126" s="10"/>
    </row>
    <row r="865127" spans="14:14">
      <c r="N865127" s="10"/>
    </row>
    <row r="865128" spans="14:14">
      <c r="N865128" s="10"/>
    </row>
    <row r="865129" spans="14:14">
      <c r="N865129" s="10"/>
    </row>
    <row r="865130" spans="14:14">
      <c r="N865130" s="10"/>
    </row>
    <row r="865131" spans="14:14">
      <c r="N865131" s="10"/>
    </row>
    <row r="865132" spans="14:14">
      <c r="N865132" s="10"/>
    </row>
    <row r="865133" spans="14:14">
      <c r="N865133" s="10"/>
    </row>
    <row r="865134" spans="14:14">
      <c r="N865134" s="10"/>
    </row>
    <row r="865135" spans="14:14">
      <c r="N865135" s="10"/>
    </row>
    <row r="865136" spans="14:14">
      <c r="N865136" s="10"/>
    </row>
    <row r="865137" spans="14:14">
      <c r="N865137" s="10"/>
    </row>
    <row r="865138" spans="14:14">
      <c r="N865138" s="10"/>
    </row>
    <row r="865139" spans="14:14">
      <c r="N865139" s="10"/>
    </row>
    <row r="865140" spans="14:14">
      <c r="N865140" s="10"/>
    </row>
    <row r="865141" spans="14:14">
      <c r="N865141" s="10"/>
    </row>
    <row r="865142" spans="14:14">
      <c r="N865142" s="10"/>
    </row>
    <row r="865143" spans="14:14">
      <c r="N865143" s="10"/>
    </row>
    <row r="865144" spans="14:14">
      <c r="N865144" s="10"/>
    </row>
    <row r="865145" spans="14:14">
      <c r="N865145" s="10"/>
    </row>
    <row r="865146" spans="14:14">
      <c r="N865146" s="10"/>
    </row>
    <row r="865147" spans="14:14">
      <c r="N865147" s="10"/>
    </row>
    <row r="865148" spans="14:14">
      <c r="N865148" s="10"/>
    </row>
    <row r="865149" spans="14:14">
      <c r="N865149" s="10"/>
    </row>
    <row r="865150" spans="14:14">
      <c r="N865150" s="10"/>
    </row>
    <row r="865151" spans="14:14">
      <c r="N865151" s="10"/>
    </row>
    <row r="865152" spans="14:14">
      <c r="N865152" s="10"/>
    </row>
    <row r="865153" spans="14:14">
      <c r="N865153" s="10"/>
    </row>
    <row r="865154" spans="14:14">
      <c r="N865154" s="10"/>
    </row>
    <row r="865155" spans="14:14">
      <c r="N865155" s="10"/>
    </row>
    <row r="865156" spans="14:14">
      <c r="N865156" s="10"/>
    </row>
    <row r="865157" spans="14:14">
      <c r="N865157" s="10"/>
    </row>
    <row r="865158" spans="14:14">
      <c r="N865158" s="10"/>
    </row>
    <row r="865159" spans="14:14">
      <c r="N865159" s="10"/>
    </row>
    <row r="865160" spans="14:14">
      <c r="N865160" s="10"/>
    </row>
    <row r="865161" spans="14:14">
      <c r="N865161" s="10"/>
    </row>
    <row r="865162" spans="14:14">
      <c r="N865162" s="10"/>
    </row>
    <row r="865163" spans="14:14">
      <c r="N865163" s="10"/>
    </row>
    <row r="865164" spans="14:14">
      <c r="N865164" s="10"/>
    </row>
    <row r="865165" spans="14:14">
      <c r="N865165" s="10"/>
    </row>
    <row r="865166" spans="14:14">
      <c r="N865166" s="10"/>
    </row>
    <row r="865167" spans="14:14">
      <c r="N865167" s="10"/>
    </row>
    <row r="865168" spans="14:14">
      <c r="N865168" s="10"/>
    </row>
    <row r="865169" spans="14:14">
      <c r="N865169" s="10"/>
    </row>
    <row r="865170" spans="14:14">
      <c r="N865170" s="10"/>
    </row>
    <row r="865171" spans="14:14">
      <c r="N865171" s="10"/>
    </row>
    <row r="865172" spans="14:14">
      <c r="N865172" s="10"/>
    </row>
    <row r="865173" spans="14:14">
      <c r="N865173" s="10"/>
    </row>
    <row r="865174" spans="14:14">
      <c r="N865174" s="10"/>
    </row>
    <row r="865175" spans="14:14">
      <c r="N865175" s="10"/>
    </row>
    <row r="865176" spans="14:14">
      <c r="N865176" s="10"/>
    </row>
    <row r="865177" spans="14:14">
      <c r="N865177" s="10"/>
    </row>
    <row r="865178" spans="14:14">
      <c r="N865178" s="10"/>
    </row>
    <row r="865179" spans="14:14">
      <c r="N865179" s="10"/>
    </row>
    <row r="865180" spans="14:14">
      <c r="N865180" s="10"/>
    </row>
    <row r="865181" spans="14:14">
      <c r="N865181" s="10"/>
    </row>
    <row r="865182" spans="14:14">
      <c r="N865182" s="10"/>
    </row>
    <row r="865183" spans="14:14">
      <c r="N865183" s="10"/>
    </row>
    <row r="865184" spans="14:14">
      <c r="N865184" s="10"/>
    </row>
    <row r="865185" spans="14:14">
      <c r="N865185" s="10"/>
    </row>
    <row r="865186" spans="14:14">
      <c r="N865186" s="10"/>
    </row>
    <row r="865187" spans="14:14">
      <c r="N865187" s="10"/>
    </row>
    <row r="865188" spans="14:14">
      <c r="N865188" s="10"/>
    </row>
    <row r="865189" spans="14:14">
      <c r="N865189" s="10"/>
    </row>
    <row r="865190" spans="14:14">
      <c r="N865190" s="10"/>
    </row>
    <row r="865191" spans="14:14">
      <c r="N865191" s="10"/>
    </row>
    <row r="865192" spans="14:14">
      <c r="N865192" s="10"/>
    </row>
    <row r="865193" spans="14:14">
      <c r="N865193" s="10"/>
    </row>
    <row r="865194" spans="14:14">
      <c r="N865194" s="10"/>
    </row>
    <row r="865195" spans="14:14">
      <c r="N865195" s="10"/>
    </row>
    <row r="865196" spans="14:14">
      <c r="N865196" s="10"/>
    </row>
    <row r="865197" spans="14:14">
      <c r="N865197" s="10"/>
    </row>
    <row r="865198" spans="14:14">
      <c r="N865198" s="10"/>
    </row>
    <row r="865199" spans="14:14">
      <c r="N865199" s="10"/>
    </row>
    <row r="865200" spans="14:14">
      <c r="N865200" s="10"/>
    </row>
    <row r="865201" spans="14:14">
      <c r="N865201" s="10"/>
    </row>
    <row r="865202" spans="14:14">
      <c r="N865202" s="10"/>
    </row>
    <row r="865203" spans="14:14">
      <c r="N865203" s="10"/>
    </row>
    <row r="865204" spans="14:14">
      <c r="N865204" s="10"/>
    </row>
    <row r="865205" spans="14:14">
      <c r="N865205" s="10"/>
    </row>
    <row r="865206" spans="14:14">
      <c r="N865206" s="10"/>
    </row>
    <row r="865207" spans="14:14">
      <c r="N865207" s="10"/>
    </row>
    <row r="865208" spans="14:14">
      <c r="N865208" s="10"/>
    </row>
    <row r="865209" spans="14:14">
      <c r="N865209" s="10"/>
    </row>
    <row r="865210" spans="14:14">
      <c r="N865210" s="10"/>
    </row>
    <row r="865211" spans="14:14">
      <c r="N865211" s="10"/>
    </row>
    <row r="865212" spans="14:14">
      <c r="N865212" s="10"/>
    </row>
    <row r="865213" spans="14:14">
      <c r="N865213" s="10"/>
    </row>
    <row r="865214" spans="14:14">
      <c r="N865214" s="10"/>
    </row>
    <row r="865215" spans="14:14">
      <c r="N865215" s="10"/>
    </row>
    <row r="865216" spans="14:14">
      <c r="N865216" s="10"/>
    </row>
    <row r="865217" spans="14:14">
      <c r="N865217" s="10"/>
    </row>
    <row r="865218" spans="14:14">
      <c r="N865218" s="10"/>
    </row>
    <row r="865219" spans="14:14">
      <c r="N865219" s="10"/>
    </row>
    <row r="865220" spans="14:14">
      <c r="N865220" s="10"/>
    </row>
    <row r="865221" spans="14:14">
      <c r="N865221" s="10"/>
    </row>
    <row r="865222" spans="14:14">
      <c r="N865222" s="10"/>
    </row>
    <row r="865223" spans="14:14">
      <c r="N865223" s="10"/>
    </row>
    <row r="865224" spans="14:14">
      <c r="N865224" s="10"/>
    </row>
    <row r="865225" spans="14:14">
      <c r="N865225" s="10"/>
    </row>
    <row r="865226" spans="14:14">
      <c r="N865226" s="10"/>
    </row>
    <row r="865227" spans="14:14">
      <c r="N865227" s="10"/>
    </row>
    <row r="865228" spans="14:14">
      <c r="N865228" s="10"/>
    </row>
    <row r="865229" spans="14:14">
      <c r="N865229" s="10"/>
    </row>
    <row r="865230" spans="14:14">
      <c r="N865230" s="10"/>
    </row>
    <row r="865231" spans="14:14">
      <c r="N865231" s="10"/>
    </row>
    <row r="865232" spans="14:14">
      <c r="N865232" s="10"/>
    </row>
    <row r="865233" spans="14:14">
      <c r="N865233" s="10"/>
    </row>
    <row r="865234" spans="14:14">
      <c r="N865234" s="10"/>
    </row>
    <row r="865235" spans="14:14">
      <c r="N865235" s="10"/>
    </row>
    <row r="865236" spans="14:14">
      <c r="N865236" s="10"/>
    </row>
    <row r="865237" spans="14:14">
      <c r="N865237" s="10"/>
    </row>
    <row r="865238" spans="14:14">
      <c r="N865238" s="10"/>
    </row>
    <row r="865239" spans="14:14">
      <c r="N865239" s="10"/>
    </row>
    <row r="865240" spans="14:14">
      <c r="N865240" s="10"/>
    </row>
    <row r="865241" spans="14:14">
      <c r="N865241" s="10"/>
    </row>
    <row r="865242" spans="14:14">
      <c r="N865242" s="10"/>
    </row>
    <row r="865243" spans="14:14">
      <c r="N865243" s="10"/>
    </row>
    <row r="865244" spans="14:14">
      <c r="N865244" s="10"/>
    </row>
    <row r="865245" spans="14:14">
      <c r="N865245" s="10"/>
    </row>
    <row r="865246" spans="14:14">
      <c r="N865246" s="10"/>
    </row>
    <row r="865247" spans="14:14">
      <c r="N865247" s="10"/>
    </row>
    <row r="865248" spans="14:14">
      <c r="N865248" s="10"/>
    </row>
    <row r="865249" spans="14:14">
      <c r="N865249" s="10"/>
    </row>
    <row r="865250" spans="14:14">
      <c r="N865250" s="10"/>
    </row>
    <row r="865251" spans="14:14">
      <c r="N865251" s="10"/>
    </row>
    <row r="865252" spans="14:14">
      <c r="N865252" s="10"/>
    </row>
    <row r="865253" spans="14:14">
      <c r="N865253" s="10"/>
    </row>
    <row r="865254" spans="14:14">
      <c r="N865254" s="10"/>
    </row>
    <row r="865255" spans="14:14">
      <c r="N865255" s="10"/>
    </row>
    <row r="865256" spans="14:14">
      <c r="N865256" s="10"/>
    </row>
    <row r="865257" spans="14:14">
      <c r="N865257" s="10"/>
    </row>
    <row r="865258" spans="14:14">
      <c r="N865258" s="10"/>
    </row>
    <row r="865259" spans="14:14">
      <c r="N865259" s="10"/>
    </row>
    <row r="865260" spans="14:14">
      <c r="N865260" s="10"/>
    </row>
    <row r="865261" spans="14:14">
      <c r="N865261" s="10"/>
    </row>
    <row r="865262" spans="14:14">
      <c r="N865262" s="10"/>
    </row>
    <row r="865263" spans="14:14">
      <c r="N865263" s="10"/>
    </row>
    <row r="865264" spans="14:14">
      <c r="N865264" s="10"/>
    </row>
    <row r="865265" spans="14:14">
      <c r="N865265" s="10"/>
    </row>
    <row r="865266" spans="14:14">
      <c r="N865266" s="10"/>
    </row>
    <row r="865267" spans="14:14">
      <c r="N865267" s="10"/>
    </row>
    <row r="865268" spans="14:14">
      <c r="N865268" s="10"/>
    </row>
    <row r="865269" spans="14:14">
      <c r="N865269" s="10"/>
    </row>
    <row r="865270" spans="14:14">
      <c r="N865270" s="10"/>
    </row>
    <row r="865271" spans="14:14">
      <c r="N865271" s="10"/>
    </row>
    <row r="865272" spans="14:14">
      <c r="N865272" s="10"/>
    </row>
    <row r="865273" spans="14:14">
      <c r="N865273" s="10"/>
    </row>
    <row r="865274" spans="14:14">
      <c r="N865274" s="10"/>
    </row>
    <row r="865275" spans="14:14">
      <c r="N865275" s="10"/>
    </row>
    <row r="865276" spans="14:14">
      <c r="N865276" s="10"/>
    </row>
    <row r="865277" spans="14:14">
      <c r="N865277" s="10"/>
    </row>
    <row r="865278" spans="14:14">
      <c r="N865278" s="10"/>
    </row>
    <row r="865279" spans="14:14">
      <c r="N865279" s="10"/>
    </row>
    <row r="865280" spans="14:14">
      <c r="N865280" s="10"/>
    </row>
    <row r="865281" spans="14:14">
      <c r="N865281" s="10"/>
    </row>
    <row r="865282" spans="14:14">
      <c r="N865282" s="10"/>
    </row>
    <row r="865283" spans="14:14">
      <c r="N865283" s="10"/>
    </row>
    <row r="865284" spans="14:14">
      <c r="N865284" s="10"/>
    </row>
    <row r="865285" spans="14:14">
      <c r="N865285" s="10"/>
    </row>
    <row r="865286" spans="14:14">
      <c r="N865286" s="10"/>
    </row>
    <row r="865287" spans="14:14">
      <c r="N865287" s="10"/>
    </row>
    <row r="865288" spans="14:14">
      <c r="N865288" s="10"/>
    </row>
    <row r="865289" spans="14:14">
      <c r="N865289" s="10"/>
    </row>
    <row r="865290" spans="14:14">
      <c r="N865290" s="10"/>
    </row>
    <row r="865291" spans="14:14">
      <c r="N865291" s="10"/>
    </row>
    <row r="865292" spans="14:14">
      <c r="N865292" s="10"/>
    </row>
    <row r="865293" spans="14:14">
      <c r="N865293" s="10"/>
    </row>
    <row r="865294" spans="14:14">
      <c r="N865294" s="10"/>
    </row>
    <row r="865295" spans="14:14">
      <c r="N865295" s="10"/>
    </row>
    <row r="865296" spans="14:14">
      <c r="N865296" s="10"/>
    </row>
    <row r="865297" spans="14:14">
      <c r="N865297" s="10"/>
    </row>
    <row r="865298" spans="14:14">
      <c r="N865298" s="10"/>
    </row>
    <row r="865299" spans="14:14">
      <c r="N865299" s="10"/>
    </row>
    <row r="865300" spans="14:14">
      <c r="N865300" s="10"/>
    </row>
    <row r="865301" spans="14:14">
      <c r="N865301" s="10"/>
    </row>
    <row r="865302" spans="14:14">
      <c r="N865302" s="10"/>
    </row>
    <row r="865303" spans="14:14">
      <c r="N865303" s="10"/>
    </row>
    <row r="865304" spans="14:14">
      <c r="N865304" s="10"/>
    </row>
    <row r="865305" spans="14:14">
      <c r="N865305" s="10"/>
    </row>
    <row r="865306" spans="14:14">
      <c r="N865306" s="10"/>
    </row>
    <row r="865307" spans="14:14">
      <c r="N865307" s="10"/>
    </row>
    <row r="865308" spans="14:14">
      <c r="N865308" s="10"/>
    </row>
    <row r="865309" spans="14:14">
      <c r="N865309" s="10"/>
    </row>
    <row r="865310" spans="14:14">
      <c r="N865310" s="10"/>
    </row>
    <row r="865311" spans="14:14">
      <c r="N865311" s="10"/>
    </row>
    <row r="865312" spans="14:14">
      <c r="N865312" s="10"/>
    </row>
    <row r="865313" spans="14:14">
      <c r="N865313" s="10"/>
    </row>
    <row r="865314" spans="14:14">
      <c r="N865314" s="10"/>
    </row>
    <row r="865315" spans="14:14">
      <c r="N865315" s="10"/>
    </row>
    <row r="865316" spans="14:14">
      <c r="N865316" s="10"/>
    </row>
    <row r="865317" spans="14:14">
      <c r="N865317" s="10"/>
    </row>
    <row r="865318" spans="14:14">
      <c r="N865318" s="10"/>
    </row>
    <row r="865319" spans="14:14">
      <c r="N865319" s="10"/>
    </row>
    <row r="865320" spans="14:14">
      <c r="N865320" s="10"/>
    </row>
    <row r="865321" spans="14:14">
      <c r="N865321" s="10"/>
    </row>
    <row r="865322" spans="14:14">
      <c r="N865322" s="10"/>
    </row>
    <row r="865323" spans="14:14">
      <c r="N865323" s="10"/>
    </row>
    <row r="865324" spans="14:14">
      <c r="N865324" s="10"/>
    </row>
    <row r="865325" spans="14:14">
      <c r="N865325" s="10"/>
    </row>
    <row r="865326" spans="14:14">
      <c r="N865326" s="10"/>
    </row>
    <row r="865327" spans="14:14">
      <c r="N865327" s="10"/>
    </row>
    <row r="865328" spans="14:14">
      <c r="N865328" s="10"/>
    </row>
    <row r="865329" spans="14:14">
      <c r="N865329" s="10"/>
    </row>
    <row r="865330" spans="14:14">
      <c r="N865330" s="10"/>
    </row>
    <row r="865331" spans="14:14">
      <c r="N865331" s="10"/>
    </row>
    <row r="865332" spans="14:14">
      <c r="N865332" s="10"/>
    </row>
    <row r="865333" spans="14:14">
      <c r="N865333" s="10"/>
    </row>
    <row r="865334" spans="14:14">
      <c r="N865334" s="10"/>
    </row>
    <row r="865335" spans="14:14">
      <c r="N865335" s="10"/>
    </row>
    <row r="865336" spans="14:14">
      <c r="N865336" s="10"/>
    </row>
    <row r="865337" spans="14:14">
      <c r="N865337" s="10"/>
    </row>
    <row r="865338" spans="14:14">
      <c r="N865338" s="10"/>
    </row>
    <row r="865339" spans="14:14">
      <c r="N865339" s="10"/>
    </row>
    <row r="865340" spans="14:14">
      <c r="N865340" s="10"/>
    </row>
    <row r="865341" spans="14:14">
      <c r="N865341" s="10"/>
    </row>
    <row r="865342" spans="14:14">
      <c r="N865342" s="10"/>
    </row>
    <row r="865343" spans="14:14">
      <c r="N865343" s="10"/>
    </row>
    <row r="865344" spans="14:14">
      <c r="N865344" s="10"/>
    </row>
    <row r="865345" spans="14:14">
      <c r="N865345" s="10"/>
    </row>
    <row r="865346" spans="14:14">
      <c r="N865346" s="10"/>
    </row>
    <row r="865347" spans="14:14">
      <c r="N865347" s="10"/>
    </row>
    <row r="865348" spans="14:14">
      <c r="N865348" s="10"/>
    </row>
    <row r="865349" spans="14:14">
      <c r="N865349" s="10"/>
    </row>
    <row r="865350" spans="14:14">
      <c r="N865350" s="10"/>
    </row>
    <row r="865351" spans="14:14">
      <c r="N865351" s="10"/>
    </row>
    <row r="865352" spans="14:14">
      <c r="N865352" s="10"/>
    </row>
    <row r="865353" spans="14:14">
      <c r="N865353" s="10"/>
    </row>
    <row r="865354" spans="14:14">
      <c r="N865354" s="10"/>
    </row>
    <row r="865355" spans="14:14">
      <c r="N865355" s="10"/>
    </row>
    <row r="865356" spans="14:14">
      <c r="N865356" s="10"/>
    </row>
    <row r="865357" spans="14:14">
      <c r="N865357" s="10"/>
    </row>
    <row r="865358" spans="14:14">
      <c r="N865358" s="10"/>
    </row>
    <row r="865359" spans="14:14">
      <c r="N865359" s="10"/>
    </row>
    <row r="865360" spans="14:14">
      <c r="N865360" s="10"/>
    </row>
    <row r="865361" spans="14:14">
      <c r="N865361" s="10"/>
    </row>
    <row r="865362" spans="14:14">
      <c r="N865362" s="10"/>
    </row>
    <row r="865363" spans="14:14">
      <c r="N865363" s="10"/>
    </row>
    <row r="865364" spans="14:14">
      <c r="N865364" s="10"/>
    </row>
    <row r="865365" spans="14:14">
      <c r="N865365" s="10"/>
    </row>
    <row r="865366" spans="14:14">
      <c r="N865366" s="10"/>
    </row>
    <row r="865367" spans="14:14">
      <c r="N865367" s="10"/>
    </row>
    <row r="865368" spans="14:14">
      <c r="N865368" s="10"/>
    </row>
    <row r="865369" spans="14:14">
      <c r="N865369" s="10"/>
    </row>
    <row r="865370" spans="14:14">
      <c r="N865370" s="10"/>
    </row>
    <row r="865371" spans="14:14">
      <c r="N865371" s="10"/>
    </row>
    <row r="865372" spans="14:14">
      <c r="N865372" s="10"/>
    </row>
    <row r="865373" spans="14:14">
      <c r="N865373" s="10"/>
    </row>
    <row r="865374" spans="14:14">
      <c r="N865374" s="10"/>
    </row>
    <row r="865375" spans="14:14">
      <c r="N865375" s="10"/>
    </row>
    <row r="865376" spans="14:14">
      <c r="N865376" s="10"/>
    </row>
    <row r="865377" spans="14:14">
      <c r="N865377" s="10"/>
    </row>
    <row r="865378" spans="14:14">
      <c r="N865378" s="10"/>
    </row>
    <row r="865379" spans="14:14">
      <c r="N865379" s="10"/>
    </row>
    <row r="865380" spans="14:14">
      <c r="N865380" s="10"/>
    </row>
    <row r="865381" spans="14:14">
      <c r="N865381" s="10"/>
    </row>
    <row r="865382" spans="14:14">
      <c r="N865382" s="10"/>
    </row>
    <row r="865383" spans="14:14">
      <c r="N865383" s="10"/>
    </row>
    <row r="865384" spans="14:14">
      <c r="N865384" s="10"/>
    </row>
    <row r="865385" spans="14:14">
      <c r="N865385" s="10"/>
    </row>
    <row r="865386" spans="14:14">
      <c r="N865386" s="10"/>
    </row>
    <row r="865387" spans="14:14">
      <c r="N865387" s="10"/>
    </row>
    <row r="865388" spans="14:14">
      <c r="N865388" s="10"/>
    </row>
    <row r="865389" spans="14:14">
      <c r="N865389" s="10"/>
    </row>
    <row r="865390" spans="14:14">
      <c r="N865390" s="10"/>
    </row>
    <row r="865391" spans="14:14">
      <c r="N865391" s="10"/>
    </row>
    <row r="865392" spans="14:14">
      <c r="N865392" s="10"/>
    </row>
    <row r="865393" spans="14:14">
      <c r="N865393" s="10"/>
    </row>
    <row r="865394" spans="14:14">
      <c r="N865394" s="10"/>
    </row>
    <row r="865395" spans="14:14">
      <c r="N865395" s="10"/>
    </row>
    <row r="865396" spans="14:14">
      <c r="N865396" s="10"/>
    </row>
    <row r="865397" spans="14:14">
      <c r="N865397" s="10"/>
    </row>
    <row r="865398" spans="14:14">
      <c r="N865398" s="10"/>
    </row>
    <row r="865399" spans="14:14">
      <c r="N865399" s="10"/>
    </row>
    <row r="865400" spans="14:14">
      <c r="N865400" s="10"/>
    </row>
    <row r="865401" spans="14:14">
      <c r="N865401" s="10"/>
    </row>
    <row r="865402" spans="14:14">
      <c r="N865402" s="10"/>
    </row>
    <row r="865403" spans="14:14">
      <c r="N865403" s="10"/>
    </row>
    <row r="865404" spans="14:14">
      <c r="N865404" s="10"/>
    </row>
    <row r="865405" spans="14:14">
      <c r="N865405" s="10"/>
    </row>
    <row r="865406" spans="14:14">
      <c r="N865406" s="10"/>
    </row>
    <row r="865407" spans="14:14">
      <c r="N865407" s="10"/>
    </row>
    <row r="865408" spans="14:14">
      <c r="N865408" s="10"/>
    </row>
    <row r="865409" spans="14:14">
      <c r="N865409" s="10"/>
    </row>
    <row r="865410" spans="14:14">
      <c r="N865410" s="10"/>
    </row>
    <row r="865411" spans="14:14">
      <c r="N865411" s="10"/>
    </row>
    <row r="865412" spans="14:14">
      <c r="N865412" s="10"/>
    </row>
    <row r="865413" spans="14:14">
      <c r="N865413" s="10"/>
    </row>
    <row r="865414" spans="14:14">
      <c r="N865414" s="10"/>
    </row>
    <row r="865415" spans="14:14">
      <c r="N865415" s="10"/>
    </row>
    <row r="865416" spans="14:14">
      <c r="N865416" s="10"/>
    </row>
    <row r="865417" spans="14:14">
      <c r="N865417" s="10"/>
    </row>
    <row r="865418" spans="14:14">
      <c r="N865418" s="10"/>
    </row>
    <row r="865419" spans="14:14">
      <c r="N865419" s="10"/>
    </row>
    <row r="865420" spans="14:14">
      <c r="N865420" s="10"/>
    </row>
    <row r="865421" spans="14:14">
      <c r="N865421" s="10"/>
    </row>
    <row r="865422" spans="14:14">
      <c r="N865422" s="10"/>
    </row>
    <row r="865423" spans="14:14">
      <c r="N865423" s="10"/>
    </row>
    <row r="865424" spans="14:14">
      <c r="N865424" s="10"/>
    </row>
    <row r="865425" spans="14:14">
      <c r="N865425" s="10"/>
    </row>
    <row r="865426" spans="14:14">
      <c r="N865426" s="10"/>
    </row>
    <row r="865427" spans="14:14">
      <c r="N865427" s="10"/>
    </row>
    <row r="865428" spans="14:14">
      <c r="N865428" s="10"/>
    </row>
    <row r="865429" spans="14:14">
      <c r="N865429" s="10"/>
    </row>
    <row r="865430" spans="14:14">
      <c r="N865430" s="10"/>
    </row>
    <row r="865431" spans="14:14">
      <c r="N865431" s="10"/>
    </row>
    <row r="865432" spans="14:14">
      <c r="N865432" s="10"/>
    </row>
    <row r="865433" spans="14:14">
      <c r="N865433" s="10"/>
    </row>
    <row r="865434" spans="14:14">
      <c r="N865434" s="10"/>
    </row>
    <row r="865435" spans="14:14">
      <c r="N865435" s="10"/>
    </row>
    <row r="865436" spans="14:14">
      <c r="N865436" s="10"/>
    </row>
    <row r="865437" spans="14:14">
      <c r="N865437" s="10"/>
    </row>
    <row r="865438" spans="14:14">
      <c r="N865438" s="10"/>
    </row>
    <row r="865439" spans="14:14">
      <c r="N865439" s="10"/>
    </row>
    <row r="865440" spans="14:14">
      <c r="N865440" s="10"/>
    </row>
    <row r="865441" spans="14:14">
      <c r="N865441" s="10"/>
    </row>
    <row r="865442" spans="14:14">
      <c r="N865442" s="10"/>
    </row>
    <row r="865443" spans="14:14">
      <c r="N865443" s="10"/>
    </row>
    <row r="865444" spans="14:14">
      <c r="N865444" s="10"/>
    </row>
    <row r="865445" spans="14:14">
      <c r="N865445" s="10"/>
    </row>
    <row r="865446" spans="14:14">
      <c r="N865446" s="10"/>
    </row>
    <row r="865447" spans="14:14">
      <c r="N865447" s="10"/>
    </row>
    <row r="865448" spans="14:14">
      <c r="N865448" s="10"/>
    </row>
    <row r="865449" spans="14:14">
      <c r="N865449" s="10"/>
    </row>
    <row r="865450" spans="14:14">
      <c r="N865450" s="10"/>
    </row>
    <row r="865451" spans="14:14">
      <c r="N865451" s="10"/>
    </row>
    <row r="865452" spans="14:14">
      <c r="N865452" s="10"/>
    </row>
    <row r="865453" spans="14:14">
      <c r="N865453" s="10"/>
    </row>
    <row r="865454" spans="14:14">
      <c r="N865454" s="10"/>
    </row>
    <row r="865455" spans="14:14">
      <c r="N865455" s="10"/>
    </row>
    <row r="865456" spans="14:14">
      <c r="N865456" s="10"/>
    </row>
    <row r="865457" spans="14:14">
      <c r="N865457" s="10"/>
    </row>
    <row r="865458" spans="14:14">
      <c r="N865458" s="10"/>
    </row>
    <row r="865459" spans="14:14">
      <c r="N865459" s="10"/>
    </row>
    <row r="865460" spans="14:14">
      <c r="N865460" s="10"/>
    </row>
    <row r="865461" spans="14:14">
      <c r="N865461" s="10"/>
    </row>
    <row r="865462" spans="14:14">
      <c r="N865462" s="10"/>
    </row>
    <row r="865463" spans="14:14">
      <c r="N865463" s="10"/>
    </row>
    <row r="865464" spans="14:14">
      <c r="N865464" s="10"/>
    </row>
    <row r="865465" spans="14:14">
      <c r="N865465" s="10"/>
    </row>
    <row r="865466" spans="14:14">
      <c r="N865466" s="10"/>
    </row>
    <row r="865467" spans="14:14">
      <c r="N865467" s="10"/>
    </row>
    <row r="865468" spans="14:14">
      <c r="N865468" s="10"/>
    </row>
    <row r="865469" spans="14:14">
      <c r="N865469" s="10"/>
    </row>
    <row r="865470" spans="14:14">
      <c r="N865470" s="10"/>
    </row>
    <row r="865471" spans="14:14">
      <c r="N865471" s="10"/>
    </row>
    <row r="865472" spans="14:14">
      <c r="N865472" s="10"/>
    </row>
    <row r="865473" spans="14:14">
      <c r="N865473" s="10"/>
    </row>
    <row r="865474" spans="14:14">
      <c r="N865474" s="10"/>
    </row>
    <row r="865475" spans="14:14">
      <c r="N865475" s="10"/>
    </row>
    <row r="865476" spans="14:14">
      <c r="N865476" s="10"/>
    </row>
    <row r="865477" spans="14:14">
      <c r="N865477" s="10"/>
    </row>
    <row r="865478" spans="14:14">
      <c r="N865478" s="10"/>
    </row>
    <row r="865479" spans="14:14">
      <c r="N865479" s="10"/>
    </row>
    <row r="865480" spans="14:14">
      <c r="N865480" s="10"/>
    </row>
    <row r="865481" spans="14:14">
      <c r="N865481" s="10"/>
    </row>
    <row r="865482" spans="14:14">
      <c r="N865482" s="10"/>
    </row>
    <row r="865483" spans="14:14">
      <c r="N865483" s="10"/>
    </row>
    <row r="865484" spans="14:14">
      <c r="N865484" s="10"/>
    </row>
    <row r="865485" spans="14:14">
      <c r="N865485" s="10"/>
    </row>
    <row r="865486" spans="14:14">
      <c r="N865486" s="10"/>
    </row>
    <row r="865487" spans="14:14">
      <c r="N865487" s="10"/>
    </row>
    <row r="865488" spans="14:14">
      <c r="N865488" s="10"/>
    </row>
    <row r="865489" spans="14:14">
      <c r="N865489" s="10"/>
    </row>
    <row r="865490" spans="14:14">
      <c r="N865490" s="10"/>
    </row>
    <row r="865491" spans="14:14">
      <c r="N865491" s="10"/>
    </row>
    <row r="865492" spans="14:14">
      <c r="N865492" s="10"/>
    </row>
    <row r="865493" spans="14:14">
      <c r="N865493" s="10"/>
    </row>
    <row r="865494" spans="14:14">
      <c r="N865494" s="10"/>
    </row>
    <row r="865495" spans="14:14">
      <c r="N865495" s="10"/>
    </row>
    <row r="865496" spans="14:14">
      <c r="N865496" s="10"/>
    </row>
    <row r="865497" spans="14:14">
      <c r="N865497" s="10"/>
    </row>
    <row r="865498" spans="14:14">
      <c r="N865498" s="10"/>
    </row>
    <row r="865499" spans="14:14">
      <c r="N865499" s="10"/>
    </row>
    <row r="865500" spans="14:14">
      <c r="N865500" s="10"/>
    </row>
    <row r="865501" spans="14:14">
      <c r="N865501" s="10"/>
    </row>
    <row r="865502" spans="14:14">
      <c r="N865502" s="10"/>
    </row>
    <row r="865503" spans="14:14">
      <c r="N865503" s="10"/>
    </row>
    <row r="865504" spans="14:14">
      <c r="N865504" s="10"/>
    </row>
    <row r="865505" spans="14:14">
      <c r="N865505" s="10"/>
    </row>
    <row r="865506" spans="14:14">
      <c r="N865506" s="10"/>
    </row>
    <row r="865507" spans="14:14">
      <c r="N865507" s="10"/>
    </row>
    <row r="865508" spans="14:14">
      <c r="N865508" s="10"/>
    </row>
    <row r="865509" spans="14:14">
      <c r="N865509" s="10"/>
    </row>
    <row r="865510" spans="14:14">
      <c r="N865510" s="10"/>
    </row>
    <row r="865511" spans="14:14">
      <c r="N865511" s="10"/>
    </row>
    <row r="865512" spans="14:14">
      <c r="N865512" s="10"/>
    </row>
    <row r="865513" spans="14:14">
      <c r="N865513" s="10"/>
    </row>
    <row r="865514" spans="14:14">
      <c r="N865514" s="10"/>
    </row>
    <row r="865515" spans="14:14">
      <c r="N865515" s="10"/>
    </row>
    <row r="865516" spans="14:14">
      <c r="N865516" s="10"/>
    </row>
    <row r="865517" spans="14:14">
      <c r="N865517" s="10"/>
    </row>
    <row r="865518" spans="14:14">
      <c r="N865518" s="10"/>
    </row>
    <row r="865519" spans="14:14">
      <c r="N865519" s="10"/>
    </row>
    <row r="865520" spans="14:14">
      <c r="N865520" s="10"/>
    </row>
    <row r="865521" spans="14:14">
      <c r="N865521" s="10"/>
    </row>
    <row r="865522" spans="14:14">
      <c r="N865522" s="10"/>
    </row>
    <row r="865523" spans="14:14">
      <c r="N865523" s="10"/>
    </row>
    <row r="865524" spans="14:14">
      <c r="N865524" s="10"/>
    </row>
    <row r="865525" spans="14:14">
      <c r="N865525" s="10"/>
    </row>
    <row r="865526" spans="14:14">
      <c r="N865526" s="10"/>
    </row>
    <row r="865527" spans="14:14">
      <c r="N865527" s="10"/>
    </row>
    <row r="865528" spans="14:14">
      <c r="N865528" s="10"/>
    </row>
    <row r="865529" spans="14:14">
      <c r="N865529" s="10"/>
    </row>
    <row r="865530" spans="14:14">
      <c r="N865530" s="10"/>
    </row>
    <row r="865531" spans="14:14">
      <c r="N865531" s="10"/>
    </row>
    <row r="865532" spans="14:14">
      <c r="N865532" s="10"/>
    </row>
    <row r="865533" spans="14:14">
      <c r="N865533" s="10"/>
    </row>
    <row r="865534" spans="14:14">
      <c r="N865534" s="10"/>
    </row>
    <row r="865535" spans="14:14">
      <c r="N865535" s="10"/>
    </row>
    <row r="865536" spans="14:14">
      <c r="N865536" s="10"/>
    </row>
    <row r="865537" spans="14:14">
      <c r="N865537" s="10"/>
    </row>
    <row r="865538" spans="14:14">
      <c r="N865538" s="10"/>
    </row>
    <row r="865539" spans="14:14">
      <c r="N865539" s="10"/>
    </row>
    <row r="865540" spans="14:14">
      <c r="N865540" s="10"/>
    </row>
    <row r="865541" spans="14:14">
      <c r="N865541" s="10"/>
    </row>
    <row r="865542" spans="14:14">
      <c r="N865542" s="10"/>
    </row>
    <row r="865543" spans="14:14">
      <c r="N865543" s="10"/>
    </row>
    <row r="865544" spans="14:14">
      <c r="N865544" s="10"/>
    </row>
    <row r="865545" spans="14:14">
      <c r="N865545" s="10"/>
    </row>
    <row r="865546" spans="14:14">
      <c r="N865546" s="10"/>
    </row>
    <row r="865547" spans="14:14">
      <c r="N865547" s="10"/>
    </row>
    <row r="865548" spans="14:14">
      <c r="N865548" s="10"/>
    </row>
    <row r="865549" spans="14:14">
      <c r="N865549" s="10"/>
    </row>
    <row r="865550" spans="14:14">
      <c r="N865550" s="10"/>
    </row>
    <row r="865551" spans="14:14">
      <c r="N865551" s="10"/>
    </row>
    <row r="865552" spans="14:14">
      <c r="N865552" s="10"/>
    </row>
    <row r="865553" spans="14:14">
      <c r="N865553" s="10"/>
    </row>
    <row r="865554" spans="14:14">
      <c r="N865554" s="10"/>
    </row>
    <row r="865555" spans="14:14">
      <c r="N865555" s="10"/>
    </row>
    <row r="865556" spans="14:14">
      <c r="N865556" s="10"/>
    </row>
    <row r="865557" spans="14:14">
      <c r="N865557" s="10"/>
    </row>
    <row r="865558" spans="14:14">
      <c r="N865558" s="10"/>
    </row>
    <row r="865559" spans="14:14">
      <c r="N865559" s="10"/>
    </row>
    <row r="865560" spans="14:14">
      <c r="N865560" s="10"/>
    </row>
    <row r="865561" spans="14:14">
      <c r="N865561" s="10"/>
    </row>
    <row r="865562" spans="14:14">
      <c r="N865562" s="10"/>
    </row>
    <row r="865563" spans="14:14">
      <c r="N865563" s="10"/>
    </row>
    <row r="865564" spans="14:14">
      <c r="N865564" s="10"/>
    </row>
    <row r="865565" spans="14:14">
      <c r="N865565" s="10"/>
    </row>
    <row r="865566" spans="14:14">
      <c r="N865566" s="10"/>
    </row>
    <row r="865567" spans="14:14">
      <c r="N865567" s="10"/>
    </row>
    <row r="865568" spans="14:14">
      <c r="N865568" s="10"/>
    </row>
    <row r="865569" spans="14:14">
      <c r="N865569" s="10"/>
    </row>
    <row r="865570" spans="14:14">
      <c r="N865570" s="10"/>
    </row>
    <row r="865571" spans="14:14">
      <c r="N865571" s="10"/>
    </row>
    <row r="865572" spans="14:14">
      <c r="N865572" s="10"/>
    </row>
    <row r="865573" spans="14:14">
      <c r="N865573" s="10"/>
    </row>
    <row r="865574" spans="14:14">
      <c r="N865574" s="10"/>
    </row>
    <row r="865575" spans="14:14">
      <c r="N865575" s="10"/>
    </row>
    <row r="865576" spans="14:14">
      <c r="N865576" s="10"/>
    </row>
    <row r="865577" spans="14:14">
      <c r="N865577" s="10"/>
    </row>
    <row r="865578" spans="14:14">
      <c r="N865578" s="10"/>
    </row>
    <row r="865579" spans="14:14">
      <c r="N865579" s="10"/>
    </row>
    <row r="865580" spans="14:14">
      <c r="N865580" s="10"/>
    </row>
    <row r="865581" spans="14:14">
      <c r="N865581" s="10"/>
    </row>
    <row r="865582" spans="14:14">
      <c r="N865582" s="10"/>
    </row>
    <row r="865583" spans="14:14">
      <c r="N865583" s="10"/>
    </row>
    <row r="865584" spans="14:14">
      <c r="N865584" s="10"/>
    </row>
    <row r="865585" spans="14:14">
      <c r="N865585" s="10"/>
    </row>
    <row r="865586" spans="14:14">
      <c r="N865586" s="10"/>
    </row>
    <row r="865587" spans="14:14">
      <c r="N865587" s="10"/>
    </row>
    <row r="865588" spans="14:14">
      <c r="N865588" s="10"/>
    </row>
    <row r="865589" spans="14:14">
      <c r="N865589" s="10"/>
    </row>
    <row r="865590" spans="14:14">
      <c r="N865590" s="10"/>
    </row>
    <row r="865591" spans="14:14">
      <c r="N865591" s="10"/>
    </row>
    <row r="865592" spans="14:14">
      <c r="N865592" s="10"/>
    </row>
    <row r="865593" spans="14:14">
      <c r="N865593" s="10"/>
    </row>
    <row r="865594" spans="14:14">
      <c r="N865594" s="10"/>
    </row>
    <row r="865595" spans="14:14">
      <c r="N865595" s="10"/>
    </row>
    <row r="865596" spans="14:14">
      <c r="N865596" s="10"/>
    </row>
    <row r="865597" spans="14:14">
      <c r="N865597" s="10"/>
    </row>
    <row r="865598" spans="14:14">
      <c r="N865598" s="10"/>
    </row>
    <row r="865599" spans="14:14">
      <c r="N865599" s="10"/>
    </row>
    <row r="865600" spans="14:14">
      <c r="N865600" s="10"/>
    </row>
    <row r="865601" spans="14:14">
      <c r="N865601" s="10"/>
    </row>
    <row r="865602" spans="14:14">
      <c r="N865602" s="10"/>
    </row>
    <row r="865603" spans="14:14">
      <c r="N865603" s="10"/>
    </row>
    <row r="865604" spans="14:14">
      <c r="N865604" s="10"/>
    </row>
    <row r="865605" spans="14:14">
      <c r="N865605" s="10"/>
    </row>
    <row r="865606" spans="14:14">
      <c r="N865606" s="10"/>
    </row>
    <row r="865607" spans="14:14">
      <c r="N865607" s="10"/>
    </row>
    <row r="865608" spans="14:14">
      <c r="N865608" s="10"/>
    </row>
    <row r="865609" spans="14:14">
      <c r="N865609" s="10"/>
    </row>
    <row r="865610" spans="14:14">
      <c r="N865610" s="10"/>
    </row>
    <row r="865611" spans="14:14">
      <c r="N865611" s="10"/>
    </row>
    <row r="865612" spans="14:14">
      <c r="N865612" s="10"/>
    </row>
    <row r="865613" spans="14:14">
      <c r="N865613" s="10"/>
    </row>
    <row r="865614" spans="14:14">
      <c r="N865614" s="10"/>
    </row>
    <row r="865615" spans="14:14">
      <c r="N865615" s="10"/>
    </row>
    <row r="865616" spans="14:14">
      <c r="N865616" s="10"/>
    </row>
    <row r="865617" spans="14:14">
      <c r="N865617" s="10"/>
    </row>
    <row r="865618" spans="14:14">
      <c r="N865618" s="10"/>
    </row>
    <row r="865619" spans="14:14">
      <c r="N865619" s="10"/>
    </row>
    <row r="865620" spans="14:14">
      <c r="N865620" s="10"/>
    </row>
    <row r="865621" spans="14:14">
      <c r="N865621" s="10"/>
    </row>
    <row r="865622" spans="14:14">
      <c r="N865622" s="10"/>
    </row>
    <row r="865623" spans="14:14">
      <c r="N865623" s="10"/>
    </row>
    <row r="865624" spans="14:14">
      <c r="N865624" s="10"/>
    </row>
    <row r="865625" spans="14:14">
      <c r="N865625" s="10"/>
    </row>
    <row r="865626" spans="14:14">
      <c r="N865626" s="10"/>
    </row>
    <row r="865627" spans="14:14">
      <c r="N865627" s="10"/>
    </row>
    <row r="865628" spans="14:14">
      <c r="N865628" s="10"/>
    </row>
    <row r="865629" spans="14:14">
      <c r="N865629" s="10"/>
    </row>
    <row r="865630" spans="14:14">
      <c r="N865630" s="10"/>
    </row>
    <row r="865631" spans="14:14">
      <c r="N865631" s="10"/>
    </row>
    <row r="865632" spans="14:14">
      <c r="N865632" s="10"/>
    </row>
    <row r="865633" spans="14:14">
      <c r="N865633" s="10"/>
    </row>
    <row r="865634" spans="14:14">
      <c r="N865634" s="10"/>
    </row>
    <row r="865635" spans="14:14">
      <c r="N865635" s="10"/>
    </row>
    <row r="865636" spans="14:14">
      <c r="N865636" s="10"/>
    </row>
    <row r="865637" spans="14:14">
      <c r="N865637" s="10"/>
    </row>
    <row r="865638" spans="14:14">
      <c r="N865638" s="10"/>
    </row>
    <row r="865639" spans="14:14">
      <c r="N865639" s="10"/>
    </row>
    <row r="865640" spans="14:14">
      <c r="N865640" s="10"/>
    </row>
    <row r="865641" spans="14:14">
      <c r="N865641" s="10"/>
    </row>
    <row r="865642" spans="14:14">
      <c r="N865642" s="10"/>
    </row>
    <row r="865643" spans="14:14">
      <c r="N865643" s="10"/>
    </row>
    <row r="865644" spans="14:14">
      <c r="N865644" s="10"/>
    </row>
    <row r="865645" spans="14:14">
      <c r="N865645" s="10"/>
    </row>
    <row r="865646" spans="14:14">
      <c r="N865646" s="10"/>
    </row>
    <row r="865647" spans="14:14">
      <c r="N865647" s="10"/>
    </row>
    <row r="865648" spans="14:14">
      <c r="N865648" s="10"/>
    </row>
    <row r="865649" spans="14:14">
      <c r="N865649" s="10"/>
    </row>
    <row r="865650" spans="14:14">
      <c r="N865650" s="10"/>
    </row>
    <row r="865651" spans="14:14">
      <c r="N865651" s="10"/>
    </row>
    <row r="865652" spans="14:14">
      <c r="N865652" s="10"/>
    </row>
    <row r="865653" spans="14:14">
      <c r="N865653" s="10"/>
    </row>
    <row r="865654" spans="14:14">
      <c r="N865654" s="10"/>
    </row>
    <row r="865655" spans="14:14">
      <c r="N865655" s="10"/>
    </row>
    <row r="865656" spans="14:14">
      <c r="N865656" s="10"/>
    </row>
    <row r="865657" spans="14:14">
      <c r="N865657" s="10"/>
    </row>
    <row r="865658" spans="14:14">
      <c r="N865658" s="10"/>
    </row>
    <row r="865659" spans="14:14">
      <c r="N865659" s="10"/>
    </row>
    <row r="865660" spans="14:14">
      <c r="N865660" s="10"/>
    </row>
    <row r="865661" spans="14:14">
      <c r="N865661" s="10"/>
    </row>
    <row r="865662" spans="14:14">
      <c r="N865662" s="10"/>
    </row>
    <row r="865663" spans="14:14">
      <c r="N865663" s="10"/>
    </row>
    <row r="865664" spans="14:14">
      <c r="N865664" s="10"/>
    </row>
    <row r="865665" spans="14:14">
      <c r="N865665" s="10"/>
    </row>
    <row r="865666" spans="14:14">
      <c r="N865666" s="10"/>
    </row>
    <row r="865667" spans="14:14">
      <c r="N865667" s="10"/>
    </row>
    <row r="865668" spans="14:14">
      <c r="N865668" s="10"/>
    </row>
    <row r="865669" spans="14:14">
      <c r="N865669" s="10"/>
    </row>
    <row r="865670" spans="14:14">
      <c r="N865670" s="10"/>
    </row>
    <row r="865671" spans="14:14">
      <c r="N865671" s="10"/>
    </row>
    <row r="865672" spans="14:14">
      <c r="N865672" s="10"/>
    </row>
    <row r="865673" spans="14:14">
      <c r="N865673" s="10"/>
    </row>
    <row r="865674" spans="14:14">
      <c r="N865674" s="10"/>
    </row>
    <row r="865675" spans="14:14">
      <c r="N865675" s="10"/>
    </row>
    <row r="865676" spans="14:14">
      <c r="N865676" s="10"/>
    </row>
    <row r="865677" spans="14:14">
      <c r="N865677" s="10"/>
    </row>
    <row r="865678" spans="14:14">
      <c r="N865678" s="10"/>
    </row>
    <row r="865679" spans="14:14">
      <c r="N865679" s="10"/>
    </row>
    <row r="865680" spans="14:14">
      <c r="N865680" s="10"/>
    </row>
    <row r="865681" spans="14:14">
      <c r="N865681" s="10"/>
    </row>
    <row r="865682" spans="14:14">
      <c r="N865682" s="10"/>
    </row>
    <row r="865683" spans="14:14">
      <c r="N865683" s="10"/>
    </row>
    <row r="865684" spans="14:14">
      <c r="N865684" s="10"/>
    </row>
    <row r="865685" spans="14:14">
      <c r="N865685" s="10"/>
    </row>
    <row r="865686" spans="14:14">
      <c r="N865686" s="10"/>
    </row>
    <row r="865687" spans="14:14">
      <c r="N865687" s="10"/>
    </row>
    <row r="865688" spans="14:14">
      <c r="N865688" s="10"/>
    </row>
    <row r="865689" spans="14:14">
      <c r="N865689" s="10"/>
    </row>
    <row r="865690" spans="14:14">
      <c r="N865690" s="10"/>
    </row>
    <row r="865691" spans="14:14">
      <c r="N865691" s="10"/>
    </row>
    <row r="865692" spans="14:14">
      <c r="N865692" s="10"/>
    </row>
    <row r="865693" spans="14:14">
      <c r="N865693" s="10"/>
    </row>
    <row r="865694" spans="14:14">
      <c r="N865694" s="10"/>
    </row>
    <row r="865695" spans="14:14">
      <c r="N865695" s="10"/>
    </row>
    <row r="865696" spans="14:14">
      <c r="N865696" s="10"/>
    </row>
    <row r="865697" spans="14:14">
      <c r="N865697" s="10"/>
    </row>
    <row r="865698" spans="14:14">
      <c r="N865698" s="10"/>
    </row>
    <row r="865699" spans="14:14">
      <c r="N865699" s="10"/>
    </row>
    <row r="865700" spans="14:14">
      <c r="N865700" s="10"/>
    </row>
    <row r="865701" spans="14:14">
      <c r="N865701" s="10"/>
    </row>
    <row r="865702" spans="14:14">
      <c r="N865702" s="10"/>
    </row>
    <row r="865703" spans="14:14">
      <c r="N865703" s="10"/>
    </row>
    <row r="865704" spans="14:14">
      <c r="N865704" s="10"/>
    </row>
    <row r="865705" spans="14:14">
      <c r="N865705" s="10"/>
    </row>
    <row r="865706" spans="14:14">
      <c r="N865706" s="10"/>
    </row>
    <row r="865707" spans="14:14">
      <c r="N865707" s="10"/>
    </row>
    <row r="865708" spans="14:14">
      <c r="N865708" s="10"/>
    </row>
    <row r="865709" spans="14:14">
      <c r="N865709" s="10"/>
    </row>
    <row r="865710" spans="14:14">
      <c r="N865710" s="10"/>
    </row>
    <row r="865711" spans="14:14">
      <c r="N865711" s="10"/>
    </row>
    <row r="865712" spans="14:14">
      <c r="N865712" s="10"/>
    </row>
    <row r="865713" spans="14:14">
      <c r="N865713" s="10"/>
    </row>
    <row r="865714" spans="14:14">
      <c r="N865714" s="10"/>
    </row>
    <row r="865715" spans="14:14">
      <c r="N865715" s="10"/>
    </row>
    <row r="865716" spans="14:14">
      <c r="N865716" s="10"/>
    </row>
    <row r="865717" spans="14:14">
      <c r="N865717" s="10"/>
    </row>
    <row r="865718" spans="14:14">
      <c r="N865718" s="10"/>
    </row>
    <row r="865719" spans="14:14">
      <c r="N865719" s="10"/>
    </row>
    <row r="865720" spans="14:14">
      <c r="N865720" s="10"/>
    </row>
    <row r="865721" spans="14:14">
      <c r="N865721" s="10"/>
    </row>
    <row r="865722" spans="14:14">
      <c r="N865722" s="10"/>
    </row>
    <row r="865723" spans="14:14">
      <c r="N865723" s="10"/>
    </row>
    <row r="865724" spans="14:14">
      <c r="N865724" s="10"/>
    </row>
    <row r="865725" spans="14:14">
      <c r="N865725" s="10"/>
    </row>
    <row r="865726" spans="14:14">
      <c r="N865726" s="10"/>
    </row>
    <row r="865727" spans="14:14">
      <c r="N865727" s="10"/>
    </row>
    <row r="865728" spans="14:14">
      <c r="N865728" s="10"/>
    </row>
    <row r="865729" spans="14:14">
      <c r="N865729" s="10"/>
    </row>
    <row r="865730" spans="14:14">
      <c r="N865730" s="10"/>
    </row>
    <row r="865731" spans="14:14">
      <c r="N865731" s="10"/>
    </row>
    <row r="865732" spans="14:14">
      <c r="N865732" s="10"/>
    </row>
    <row r="865733" spans="14:14">
      <c r="N865733" s="10"/>
    </row>
    <row r="865734" spans="14:14">
      <c r="N865734" s="10"/>
    </row>
    <row r="865735" spans="14:14">
      <c r="N865735" s="10"/>
    </row>
    <row r="865736" spans="14:14">
      <c r="N865736" s="10"/>
    </row>
    <row r="865737" spans="14:14">
      <c r="N865737" s="10"/>
    </row>
    <row r="865738" spans="14:14">
      <c r="N865738" s="10"/>
    </row>
    <row r="865739" spans="14:14">
      <c r="N865739" s="10"/>
    </row>
    <row r="865740" spans="14:14">
      <c r="N865740" s="10"/>
    </row>
    <row r="865741" spans="14:14">
      <c r="N865741" s="10"/>
    </row>
    <row r="865742" spans="14:14">
      <c r="N865742" s="10"/>
    </row>
    <row r="865743" spans="14:14">
      <c r="N865743" s="10"/>
    </row>
    <row r="865744" spans="14:14">
      <c r="N865744" s="10"/>
    </row>
    <row r="865745" spans="14:14">
      <c r="N865745" s="10"/>
    </row>
    <row r="865746" spans="14:14">
      <c r="N865746" s="10"/>
    </row>
    <row r="865747" spans="14:14">
      <c r="N865747" s="10"/>
    </row>
    <row r="865748" spans="14:14">
      <c r="N865748" s="10"/>
    </row>
    <row r="865749" spans="14:14">
      <c r="N865749" s="10"/>
    </row>
    <row r="865750" spans="14:14">
      <c r="N865750" s="10"/>
    </row>
    <row r="865751" spans="14:14">
      <c r="N865751" s="10"/>
    </row>
    <row r="865752" spans="14:14">
      <c r="N865752" s="10"/>
    </row>
    <row r="865753" spans="14:14">
      <c r="N865753" s="10"/>
    </row>
    <row r="865754" spans="14:14">
      <c r="N865754" s="10"/>
    </row>
    <row r="865755" spans="14:14">
      <c r="N865755" s="10"/>
    </row>
    <row r="865756" spans="14:14">
      <c r="N865756" s="10"/>
    </row>
    <row r="865757" spans="14:14">
      <c r="N865757" s="10"/>
    </row>
    <row r="865758" spans="14:14">
      <c r="N865758" s="10"/>
    </row>
    <row r="865759" spans="14:14">
      <c r="N865759" s="10"/>
    </row>
    <row r="865760" spans="14:14">
      <c r="N865760" s="10"/>
    </row>
    <row r="865761" spans="14:14">
      <c r="N865761" s="10"/>
    </row>
    <row r="865762" spans="14:14">
      <c r="N865762" s="10"/>
    </row>
    <row r="865763" spans="14:14">
      <c r="N865763" s="10"/>
    </row>
    <row r="865764" spans="14:14">
      <c r="N865764" s="10"/>
    </row>
    <row r="865765" spans="14:14">
      <c r="N865765" s="10"/>
    </row>
    <row r="865766" spans="14:14">
      <c r="N865766" s="10"/>
    </row>
    <row r="865767" spans="14:14">
      <c r="N865767" s="10"/>
    </row>
    <row r="865768" spans="14:14">
      <c r="N865768" s="10"/>
    </row>
    <row r="865769" spans="14:14">
      <c r="N865769" s="10"/>
    </row>
    <row r="865770" spans="14:14">
      <c r="N865770" s="10"/>
    </row>
    <row r="865771" spans="14:14">
      <c r="N865771" s="10"/>
    </row>
    <row r="865772" spans="14:14">
      <c r="N865772" s="10"/>
    </row>
    <row r="865773" spans="14:14">
      <c r="N865773" s="10"/>
    </row>
    <row r="865774" spans="14:14">
      <c r="N865774" s="10"/>
    </row>
    <row r="865775" spans="14:14">
      <c r="N865775" s="10"/>
    </row>
    <row r="865776" spans="14:14">
      <c r="N865776" s="10"/>
    </row>
    <row r="865777" spans="14:14">
      <c r="N865777" s="10"/>
    </row>
    <row r="865778" spans="14:14">
      <c r="N865778" s="10"/>
    </row>
    <row r="865779" spans="14:14">
      <c r="N865779" s="10"/>
    </row>
    <row r="865780" spans="14:14">
      <c r="N865780" s="10"/>
    </row>
    <row r="865781" spans="14:14">
      <c r="N865781" s="10"/>
    </row>
    <row r="865782" spans="14:14">
      <c r="N865782" s="10"/>
    </row>
    <row r="865783" spans="14:14">
      <c r="N865783" s="10"/>
    </row>
    <row r="865784" spans="14:14">
      <c r="N865784" s="10"/>
    </row>
    <row r="865785" spans="14:14">
      <c r="N865785" s="10"/>
    </row>
    <row r="865786" spans="14:14">
      <c r="N865786" s="10"/>
    </row>
    <row r="865787" spans="14:14">
      <c r="N865787" s="10"/>
    </row>
    <row r="865788" spans="14:14">
      <c r="N865788" s="10"/>
    </row>
    <row r="865789" spans="14:14">
      <c r="N865789" s="10"/>
    </row>
    <row r="865790" spans="14:14">
      <c r="N865790" s="10"/>
    </row>
    <row r="865791" spans="14:14">
      <c r="N865791" s="10"/>
    </row>
    <row r="865792" spans="14:14">
      <c r="N865792" s="10"/>
    </row>
    <row r="865793" spans="14:14">
      <c r="N865793" s="10"/>
    </row>
    <row r="865794" spans="14:14">
      <c r="N865794" s="10"/>
    </row>
    <row r="865795" spans="14:14">
      <c r="N865795" s="10"/>
    </row>
    <row r="865796" spans="14:14">
      <c r="N865796" s="10"/>
    </row>
    <row r="865797" spans="14:14">
      <c r="N865797" s="10"/>
    </row>
    <row r="865798" spans="14:14">
      <c r="N865798" s="10"/>
    </row>
    <row r="865799" spans="14:14">
      <c r="N865799" s="10"/>
    </row>
    <row r="865800" spans="14:14">
      <c r="N865800" s="10"/>
    </row>
    <row r="865801" spans="14:14">
      <c r="N865801" s="10"/>
    </row>
    <row r="865802" spans="14:14">
      <c r="N865802" s="10"/>
    </row>
    <row r="865803" spans="14:14">
      <c r="N865803" s="10"/>
    </row>
    <row r="865804" spans="14:14">
      <c r="N865804" s="10"/>
    </row>
    <row r="865805" spans="14:14">
      <c r="N865805" s="10"/>
    </row>
    <row r="865806" spans="14:14">
      <c r="N865806" s="10"/>
    </row>
    <row r="865807" spans="14:14">
      <c r="N865807" s="10"/>
    </row>
    <row r="865808" spans="14:14">
      <c r="N865808" s="10"/>
    </row>
    <row r="865809" spans="14:14">
      <c r="N865809" s="10"/>
    </row>
    <row r="865810" spans="14:14">
      <c r="N865810" s="10"/>
    </row>
    <row r="865811" spans="14:14">
      <c r="N865811" s="10"/>
    </row>
    <row r="865812" spans="14:14">
      <c r="N865812" s="10"/>
    </row>
    <row r="865813" spans="14:14">
      <c r="N865813" s="10"/>
    </row>
    <row r="865814" spans="14:14">
      <c r="N865814" s="10"/>
    </row>
    <row r="865815" spans="14:14">
      <c r="N865815" s="10"/>
    </row>
    <row r="865816" spans="14:14">
      <c r="N865816" s="10"/>
    </row>
    <row r="865817" spans="14:14">
      <c r="N865817" s="10"/>
    </row>
    <row r="865818" spans="14:14">
      <c r="N865818" s="10"/>
    </row>
    <row r="865819" spans="14:14">
      <c r="N865819" s="10"/>
    </row>
    <row r="865820" spans="14:14">
      <c r="N865820" s="10"/>
    </row>
    <row r="865821" spans="14:14">
      <c r="N865821" s="10"/>
    </row>
    <row r="865822" spans="14:14">
      <c r="N865822" s="10"/>
    </row>
    <row r="865823" spans="14:14">
      <c r="N865823" s="10"/>
    </row>
    <row r="865824" spans="14:14">
      <c r="N865824" s="10"/>
    </row>
    <row r="865825" spans="14:14">
      <c r="N865825" s="10"/>
    </row>
    <row r="865826" spans="14:14">
      <c r="N865826" s="10"/>
    </row>
    <row r="865827" spans="14:14">
      <c r="N865827" s="10"/>
    </row>
    <row r="865828" spans="14:14">
      <c r="N865828" s="10"/>
    </row>
    <row r="865829" spans="14:14">
      <c r="N865829" s="10"/>
    </row>
    <row r="865830" spans="14:14">
      <c r="N865830" s="10"/>
    </row>
    <row r="865831" spans="14:14">
      <c r="N865831" s="10"/>
    </row>
    <row r="865832" spans="14:14">
      <c r="N865832" s="10"/>
    </row>
    <row r="865833" spans="14:14">
      <c r="N865833" s="10"/>
    </row>
    <row r="865834" spans="14:14">
      <c r="N865834" s="10"/>
    </row>
    <row r="865835" spans="14:14">
      <c r="N865835" s="10"/>
    </row>
    <row r="865836" spans="14:14">
      <c r="N865836" s="10"/>
    </row>
    <row r="865837" spans="14:14">
      <c r="N865837" s="10"/>
    </row>
    <row r="865838" spans="14:14">
      <c r="N865838" s="10"/>
    </row>
    <row r="865839" spans="14:14">
      <c r="N865839" s="10"/>
    </row>
    <row r="865840" spans="14:14">
      <c r="N865840" s="10"/>
    </row>
    <row r="865841" spans="14:14">
      <c r="N865841" s="10"/>
    </row>
    <row r="865842" spans="14:14">
      <c r="N865842" s="10"/>
    </row>
    <row r="865843" spans="14:14">
      <c r="N865843" s="10"/>
    </row>
    <row r="865844" spans="14:14">
      <c r="N865844" s="10"/>
    </row>
    <row r="865845" spans="14:14">
      <c r="N865845" s="10"/>
    </row>
    <row r="865846" spans="14:14">
      <c r="N865846" s="10"/>
    </row>
    <row r="865847" spans="14:14">
      <c r="N865847" s="10"/>
    </row>
    <row r="865848" spans="14:14">
      <c r="N865848" s="10"/>
    </row>
    <row r="865849" spans="14:14">
      <c r="N865849" s="10"/>
    </row>
    <row r="865850" spans="14:14">
      <c r="N865850" s="10"/>
    </row>
    <row r="865851" spans="14:14">
      <c r="N865851" s="10"/>
    </row>
    <row r="865852" spans="14:14">
      <c r="N865852" s="10"/>
    </row>
    <row r="865853" spans="14:14">
      <c r="N865853" s="10"/>
    </row>
    <row r="865854" spans="14:14">
      <c r="N865854" s="10"/>
    </row>
    <row r="865855" spans="14:14">
      <c r="N865855" s="10"/>
    </row>
    <row r="865856" spans="14:14">
      <c r="N865856" s="10"/>
    </row>
    <row r="865857" spans="14:14">
      <c r="N865857" s="10"/>
    </row>
    <row r="865858" spans="14:14">
      <c r="N865858" s="10"/>
    </row>
    <row r="865859" spans="14:14">
      <c r="N865859" s="10"/>
    </row>
    <row r="865860" spans="14:14">
      <c r="N865860" s="10"/>
    </row>
    <row r="865861" spans="14:14">
      <c r="N865861" s="10"/>
    </row>
    <row r="865862" spans="14:14">
      <c r="N865862" s="10"/>
    </row>
    <row r="865863" spans="14:14">
      <c r="N865863" s="10"/>
    </row>
    <row r="865864" spans="14:14">
      <c r="N865864" s="10"/>
    </row>
    <row r="865865" spans="14:14">
      <c r="N865865" s="10"/>
    </row>
    <row r="865866" spans="14:14">
      <c r="N865866" s="10"/>
    </row>
    <row r="865867" spans="14:14">
      <c r="N865867" s="10"/>
    </row>
    <row r="865868" spans="14:14">
      <c r="N865868" s="10"/>
    </row>
    <row r="865869" spans="14:14">
      <c r="N865869" s="10"/>
    </row>
    <row r="865870" spans="14:14">
      <c r="N865870" s="10"/>
    </row>
    <row r="865871" spans="14:14">
      <c r="N865871" s="10"/>
    </row>
    <row r="865872" spans="14:14">
      <c r="N865872" s="10"/>
    </row>
    <row r="865873" spans="14:14">
      <c r="N865873" s="10"/>
    </row>
    <row r="865874" spans="14:14">
      <c r="N865874" s="10"/>
    </row>
    <row r="865875" spans="14:14">
      <c r="N865875" s="10"/>
    </row>
    <row r="865876" spans="14:14">
      <c r="N865876" s="10"/>
    </row>
    <row r="865877" spans="14:14">
      <c r="N865877" s="10"/>
    </row>
    <row r="865878" spans="14:14">
      <c r="N865878" s="10"/>
    </row>
    <row r="865879" spans="14:14">
      <c r="N865879" s="10"/>
    </row>
    <row r="865880" spans="14:14">
      <c r="N865880" s="10"/>
    </row>
    <row r="865881" spans="14:14">
      <c r="N865881" s="10"/>
    </row>
    <row r="865882" spans="14:14">
      <c r="N865882" s="10"/>
    </row>
    <row r="865883" spans="14:14">
      <c r="N865883" s="10"/>
    </row>
    <row r="865884" spans="14:14">
      <c r="N865884" s="10"/>
    </row>
    <row r="865885" spans="14:14">
      <c r="N865885" s="10"/>
    </row>
    <row r="865886" spans="14:14">
      <c r="N865886" s="10"/>
    </row>
    <row r="865887" spans="14:14">
      <c r="N865887" s="10"/>
    </row>
    <row r="865888" spans="14:14">
      <c r="N865888" s="10"/>
    </row>
    <row r="865889" spans="14:14">
      <c r="N865889" s="10"/>
    </row>
    <row r="865890" spans="14:14">
      <c r="N865890" s="10"/>
    </row>
    <row r="865891" spans="14:14">
      <c r="N865891" s="10"/>
    </row>
    <row r="865892" spans="14:14">
      <c r="N865892" s="10"/>
    </row>
    <row r="865893" spans="14:14">
      <c r="N865893" s="10"/>
    </row>
    <row r="865894" spans="14:14">
      <c r="N865894" s="10"/>
    </row>
    <row r="865895" spans="14:14">
      <c r="N865895" s="10"/>
    </row>
    <row r="865896" spans="14:14">
      <c r="N865896" s="10"/>
    </row>
    <row r="865897" spans="14:14">
      <c r="N865897" s="10"/>
    </row>
    <row r="865898" spans="14:14">
      <c r="N865898" s="10"/>
    </row>
    <row r="865899" spans="14:14">
      <c r="N865899" s="10"/>
    </row>
    <row r="865900" spans="14:14">
      <c r="N865900" s="10"/>
    </row>
    <row r="865901" spans="14:14">
      <c r="N865901" s="10"/>
    </row>
    <row r="865902" spans="14:14">
      <c r="N865902" s="10"/>
    </row>
    <row r="865903" spans="14:14">
      <c r="N865903" s="10"/>
    </row>
    <row r="865904" spans="14:14">
      <c r="N865904" s="10"/>
    </row>
    <row r="865905" spans="14:14">
      <c r="N865905" s="10"/>
    </row>
    <row r="865906" spans="14:14">
      <c r="N865906" s="10"/>
    </row>
    <row r="865907" spans="14:14">
      <c r="N865907" s="10"/>
    </row>
    <row r="865908" spans="14:14">
      <c r="N865908" s="10"/>
    </row>
    <row r="865909" spans="14:14">
      <c r="N865909" s="10"/>
    </row>
    <row r="865910" spans="14:14">
      <c r="N865910" s="10"/>
    </row>
    <row r="865911" spans="14:14">
      <c r="N865911" s="10"/>
    </row>
    <row r="865912" spans="14:14">
      <c r="N865912" s="10"/>
    </row>
    <row r="865913" spans="14:14">
      <c r="N865913" s="10"/>
    </row>
    <row r="865914" spans="14:14">
      <c r="N865914" s="10"/>
    </row>
    <row r="865915" spans="14:14">
      <c r="N865915" s="10"/>
    </row>
    <row r="865916" spans="14:14">
      <c r="N865916" s="10"/>
    </row>
    <row r="865917" spans="14:14">
      <c r="N865917" s="10"/>
    </row>
    <row r="865918" spans="14:14">
      <c r="N865918" s="10"/>
    </row>
    <row r="865919" spans="14:14">
      <c r="N865919" s="10"/>
    </row>
    <row r="865920" spans="14:14">
      <c r="N865920" s="10"/>
    </row>
    <row r="865921" spans="14:14">
      <c r="N865921" s="10"/>
    </row>
    <row r="865922" spans="14:14">
      <c r="N865922" s="10"/>
    </row>
    <row r="865923" spans="14:14">
      <c r="N865923" s="10"/>
    </row>
    <row r="865924" spans="14:14">
      <c r="N865924" s="10"/>
    </row>
    <row r="865925" spans="14:14">
      <c r="N865925" s="10"/>
    </row>
    <row r="865926" spans="14:14">
      <c r="N865926" s="10"/>
    </row>
    <row r="865927" spans="14:14">
      <c r="N865927" s="10"/>
    </row>
    <row r="865928" spans="14:14">
      <c r="N865928" s="10"/>
    </row>
    <row r="865929" spans="14:14">
      <c r="N865929" s="10"/>
    </row>
    <row r="865930" spans="14:14">
      <c r="N865930" s="10"/>
    </row>
    <row r="865931" spans="14:14">
      <c r="N865931" s="10"/>
    </row>
    <row r="865932" spans="14:14">
      <c r="N865932" s="10"/>
    </row>
    <row r="865933" spans="14:14">
      <c r="N865933" s="10"/>
    </row>
    <row r="865934" spans="14:14">
      <c r="N865934" s="10"/>
    </row>
    <row r="865935" spans="14:14">
      <c r="N865935" s="10"/>
    </row>
    <row r="865936" spans="14:14">
      <c r="N865936" s="10"/>
    </row>
    <row r="865937" spans="14:14">
      <c r="N865937" s="10"/>
    </row>
    <row r="865938" spans="14:14">
      <c r="N865938" s="10"/>
    </row>
    <row r="865939" spans="14:14">
      <c r="N865939" s="10"/>
    </row>
    <row r="865940" spans="14:14">
      <c r="N865940" s="10"/>
    </row>
    <row r="865941" spans="14:14">
      <c r="N865941" s="10"/>
    </row>
    <row r="865942" spans="14:14">
      <c r="N865942" s="10"/>
    </row>
    <row r="865943" spans="14:14">
      <c r="N865943" s="10"/>
    </row>
    <row r="865944" spans="14:14">
      <c r="N865944" s="10"/>
    </row>
    <row r="865945" spans="14:14">
      <c r="N865945" s="10"/>
    </row>
    <row r="865946" spans="14:14">
      <c r="N865946" s="10"/>
    </row>
    <row r="865947" spans="14:14">
      <c r="N865947" s="10"/>
    </row>
    <row r="865948" spans="14:14">
      <c r="N865948" s="10"/>
    </row>
    <row r="865949" spans="14:14">
      <c r="N865949" s="10"/>
    </row>
    <row r="865950" spans="14:14">
      <c r="N865950" s="10"/>
    </row>
    <row r="865951" spans="14:14">
      <c r="N865951" s="10"/>
    </row>
    <row r="865952" spans="14:14">
      <c r="N865952" s="10"/>
    </row>
    <row r="865953" spans="14:14">
      <c r="N865953" s="10"/>
    </row>
    <row r="865954" spans="14:14">
      <c r="N865954" s="10"/>
    </row>
    <row r="865955" spans="14:14">
      <c r="N865955" s="10"/>
    </row>
    <row r="865956" spans="14:14">
      <c r="N865956" s="10"/>
    </row>
    <row r="865957" spans="14:14">
      <c r="N865957" s="10"/>
    </row>
    <row r="865958" spans="14:14">
      <c r="N865958" s="10"/>
    </row>
    <row r="865959" spans="14:14">
      <c r="N865959" s="10"/>
    </row>
    <row r="865960" spans="14:14">
      <c r="N865960" s="10"/>
    </row>
    <row r="865961" spans="14:14">
      <c r="N865961" s="10"/>
    </row>
    <row r="865962" spans="14:14">
      <c r="N865962" s="10"/>
    </row>
    <row r="865963" spans="14:14">
      <c r="N865963" s="10"/>
    </row>
    <row r="865964" spans="14:14">
      <c r="N865964" s="10"/>
    </row>
    <row r="865965" spans="14:14">
      <c r="N865965" s="10"/>
    </row>
    <row r="865966" spans="14:14">
      <c r="N865966" s="10"/>
    </row>
    <row r="865967" spans="14:14">
      <c r="N865967" s="10"/>
    </row>
    <row r="865968" spans="14:14">
      <c r="N865968" s="10"/>
    </row>
    <row r="865969" spans="14:14">
      <c r="N865969" s="10"/>
    </row>
    <row r="865970" spans="14:14">
      <c r="N865970" s="10"/>
    </row>
    <row r="865971" spans="14:14">
      <c r="N865971" s="10"/>
    </row>
    <row r="865972" spans="14:14">
      <c r="N865972" s="10"/>
    </row>
    <row r="865973" spans="14:14">
      <c r="N865973" s="10"/>
    </row>
    <row r="865974" spans="14:14">
      <c r="N865974" s="10"/>
    </row>
    <row r="865975" spans="14:14">
      <c r="N865975" s="10"/>
    </row>
    <row r="865976" spans="14:14">
      <c r="N865976" s="10"/>
    </row>
    <row r="865977" spans="14:14">
      <c r="N865977" s="10"/>
    </row>
    <row r="865978" spans="14:14">
      <c r="N865978" s="10"/>
    </row>
    <row r="865979" spans="14:14">
      <c r="N865979" s="10"/>
    </row>
    <row r="865980" spans="14:14">
      <c r="N865980" s="10"/>
    </row>
    <row r="865981" spans="14:14">
      <c r="N865981" s="10"/>
    </row>
    <row r="865982" spans="14:14">
      <c r="N865982" s="10"/>
    </row>
    <row r="865983" spans="14:14">
      <c r="N865983" s="10"/>
    </row>
    <row r="865984" spans="14:14">
      <c r="N865984" s="10"/>
    </row>
    <row r="865985" spans="14:14">
      <c r="N865985" s="10"/>
    </row>
    <row r="865986" spans="14:14">
      <c r="N865986" s="10"/>
    </row>
    <row r="865987" spans="14:14">
      <c r="N865987" s="10"/>
    </row>
    <row r="865988" spans="14:14">
      <c r="N865988" s="10"/>
    </row>
    <row r="865989" spans="14:14">
      <c r="N865989" s="10"/>
    </row>
    <row r="865990" spans="14:14">
      <c r="N865990" s="10"/>
    </row>
    <row r="865991" spans="14:14">
      <c r="N865991" s="10"/>
    </row>
    <row r="865992" spans="14:14">
      <c r="N865992" s="10"/>
    </row>
    <row r="865993" spans="14:14">
      <c r="N865993" s="10"/>
    </row>
    <row r="865994" spans="14:14">
      <c r="N865994" s="10"/>
    </row>
    <row r="865995" spans="14:14">
      <c r="N865995" s="10"/>
    </row>
    <row r="865996" spans="14:14">
      <c r="N865996" s="10"/>
    </row>
    <row r="865997" spans="14:14">
      <c r="N865997" s="10"/>
    </row>
    <row r="865998" spans="14:14">
      <c r="N865998" s="10"/>
    </row>
    <row r="865999" spans="14:14">
      <c r="N865999" s="10"/>
    </row>
    <row r="866000" spans="14:14">
      <c r="N866000" s="10"/>
    </row>
    <row r="866001" spans="14:14">
      <c r="N866001" s="10"/>
    </row>
    <row r="866002" spans="14:14">
      <c r="N866002" s="10"/>
    </row>
    <row r="866003" spans="14:14">
      <c r="N866003" s="10"/>
    </row>
    <row r="866004" spans="14:14">
      <c r="N866004" s="10"/>
    </row>
    <row r="866005" spans="14:14">
      <c r="N866005" s="10"/>
    </row>
    <row r="866006" spans="14:14">
      <c r="N866006" s="10"/>
    </row>
    <row r="866007" spans="14:14">
      <c r="N866007" s="10"/>
    </row>
    <row r="866008" spans="14:14">
      <c r="N866008" s="10"/>
    </row>
    <row r="866009" spans="14:14">
      <c r="N866009" s="10"/>
    </row>
    <row r="866010" spans="14:14">
      <c r="N866010" s="10"/>
    </row>
    <row r="866011" spans="14:14">
      <c r="N866011" s="10"/>
    </row>
    <row r="866012" spans="14:14">
      <c r="N866012" s="10"/>
    </row>
    <row r="866013" spans="14:14">
      <c r="N866013" s="10"/>
    </row>
    <row r="866014" spans="14:14">
      <c r="N866014" s="10"/>
    </row>
    <row r="866015" spans="14:14">
      <c r="N866015" s="10"/>
    </row>
    <row r="866016" spans="14:14">
      <c r="N866016" s="10"/>
    </row>
    <row r="866017" spans="14:14">
      <c r="N866017" s="10"/>
    </row>
    <row r="866018" spans="14:14">
      <c r="N866018" s="10"/>
    </row>
    <row r="866019" spans="14:14">
      <c r="N866019" s="10"/>
    </row>
    <row r="866020" spans="14:14">
      <c r="N866020" s="10"/>
    </row>
    <row r="866021" spans="14:14">
      <c r="N866021" s="10"/>
    </row>
    <row r="866022" spans="14:14">
      <c r="N866022" s="10"/>
    </row>
    <row r="866023" spans="14:14">
      <c r="N866023" s="10"/>
    </row>
    <row r="866024" spans="14:14">
      <c r="N866024" s="10"/>
    </row>
    <row r="866025" spans="14:14">
      <c r="N866025" s="10"/>
    </row>
    <row r="866026" spans="14:14">
      <c r="N866026" s="10"/>
    </row>
    <row r="866027" spans="14:14">
      <c r="N866027" s="10"/>
    </row>
    <row r="866028" spans="14:14">
      <c r="N866028" s="10"/>
    </row>
    <row r="866029" spans="14:14">
      <c r="N866029" s="10"/>
    </row>
    <row r="866030" spans="14:14">
      <c r="N866030" s="10"/>
    </row>
    <row r="866031" spans="14:14">
      <c r="N866031" s="10"/>
    </row>
    <row r="866032" spans="14:14">
      <c r="N866032" s="10"/>
    </row>
    <row r="866033" spans="14:14">
      <c r="N866033" s="10"/>
    </row>
    <row r="866034" spans="14:14">
      <c r="N866034" s="10"/>
    </row>
    <row r="866035" spans="14:14">
      <c r="N866035" s="10"/>
    </row>
    <row r="866036" spans="14:14">
      <c r="N866036" s="10"/>
    </row>
    <row r="866037" spans="14:14">
      <c r="N866037" s="10"/>
    </row>
    <row r="866038" spans="14:14">
      <c r="N866038" s="10"/>
    </row>
    <row r="866039" spans="14:14">
      <c r="N866039" s="10"/>
    </row>
    <row r="866040" spans="14:14">
      <c r="N866040" s="10"/>
    </row>
    <row r="866041" spans="14:14">
      <c r="N866041" s="10"/>
    </row>
    <row r="866042" spans="14:14">
      <c r="N866042" s="10"/>
    </row>
    <row r="866043" spans="14:14">
      <c r="N866043" s="10"/>
    </row>
    <row r="866044" spans="14:14">
      <c r="N866044" s="10"/>
    </row>
    <row r="866045" spans="14:14">
      <c r="N866045" s="10"/>
    </row>
    <row r="866046" spans="14:14">
      <c r="N866046" s="10"/>
    </row>
    <row r="866047" spans="14:14">
      <c r="N866047" s="10"/>
    </row>
    <row r="866048" spans="14:14">
      <c r="N866048" s="10"/>
    </row>
    <row r="866049" spans="14:14">
      <c r="N866049" s="10"/>
    </row>
    <row r="866050" spans="14:14">
      <c r="N866050" s="10"/>
    </row>
    <row r="866051" spans="14:14">
      <c r="N866051" s="10"/>
    </row>
    <row r="866052" spans="14:14">
      <c r="N866052" s="10"/>
    </row>
    <row r="866053" spans="14:14">
      <c r="N866053" s="10"/>
    </row>
    <row r="866054" spans="14:14">
      <c r="N866054" s="10"/>
    </row>
    <row r="866055" spans="14:14">
      <c r="N866055" s="10"/>
    </row>
    <row r="866056" spans="14:14">
      <c r="N866056" s="10"/>
    </row>
    <row r="866057" spans="14:14">
      <c r="N866057" s="10"/>
    </row>
    <row r="866058" spans="14:14">
      <c r="N866058" s="10"/>
    </row>
    <row r="866059" spans="14:14">
      <c r="N866059" s="10"/>
    </row>
    <row r="866060" spans="14:14">
      <c r="N866060" s="10"/>
    </row>
    <row r="866061" spans="14:14">
      <c r="N866061" s="10"/>
    </row>
    <row r="866062" spans="14:14">
      <c r="N866062" s="10"/>
    </row>
    <row r="866063" spans="14:14">
      <c r="N866063" s="10"/>
    </row>
    <row r="866064" spans="14:14">
      <c r="N866064" s="10"/>
    </row>
    <row r="866065" spans="14:14">
      <c r="N866065" s="10"/>
    </row>
    <row r="866066" spans="14:14">
      <c r="N866066" s="10"/>
    </row>
    <row r="866067" spans="14:14">
      <c r="N866067" s="10"/>
    </row>
    <row r="866068" spans="14:14">
      <c r="N866068" s="10"/>
    </row>
    <row r="866069" spans="14:14">
      <c r="N866069" s="10"/>
    </row>
    <row r="866070" spans="14:14">
      <c r="N866070" s="10"/>
    </row>
    <row r="866071" spans="14:14">
      <c r="N866071" s="10"/>
    </row>
    <row r="866072" spans="14:14">
      <c r="N866072" s="10"/>
    </row>
    <row r="866073" spans="14:14">
      <c r="N866073" s="10"/>
    </row>
    <row r="866074" spans="14:14">
      <c r="N866074" s="10"/>
    </row>
    <row r="866075" spans="14:14">
      <c r="N866075" s="10"/>
    </row>
    <row r="866076" spans="14:14">
      <c r="N866076" s="10"/>
    </row>
    <row r="866077" spans="14:14">
      <c r="N866077" s="10"/>
    </row>
    <row r="866078" spans="14:14">
      <c r="N866078" s="10"/>
    </row>
    <row r="866079" spans="14:14">
      <c r="N866079" s="10"/>
    </row>
    <row r="866080" spans="14:14">
      <c r="N866080" s="10"/>
    </row>
    <row r="866081" spans="14:14">
      <c r="N866081" s="10"/>
    </row>
    <row r="866082" spans="14:14">
      <c r="N866082" s="10"/>
    </row>
    <row r="866083" spans="14:14">
      <c r="N866083" s="10"/>
    </row>
    <row r="866084" spans="14:14">
      <c r="N866084" s="10"/>
    </row>
    <row r="866085" spans="14:14">
      <c r="N866085" s="10"/>
    </row>
    <row r="866086" spans="14:14">
      <c r="N866086" s="10"/>
    </row>
    <row r="866087" spans="14:14">
      <c r="N866087" s="10"/>
    </row>
    <row r="866088" spans="14:14">
      <c r="N866088" s="10"/>
    </row>
    <row r="866089" spans="14:14">
      <c r="N866089" s="10"/>
    </row>
    <row r="866090" spans="14:14">
      <c r="N866090" s="10"/>
    </row>
    <row r="866091" spans="14:14">
      <c r="N866091" s="10"/>
    </row>
    <row r="866092" spans="14:14">
      <c r="N866092" s="10"/>
    </row>
    <row r="866093" spans="14:14">
      <c r="N866093" s="10"/>
    </row>
    <row r="866094" spans="14:14">
      <c r="N866094" s="10"/>
    </row>
    <row r="866095" spans="14:14">
      <c r="N866095" s="10"/>
    </row>
    <row r="866096" spans="14:14">
      <c r="N866096" s="10"/>
    </row>
    <row r="866097" spans="14:14">
      <c r="N866097" s="10"/>
    </row>
    <row r="866098" spans="14:14">
      <c r="N866098" s="10"/>
    </row>
    <row r="866099" spans="14:14">
      <c r="N866099" s="10"/>
    </row>
    <row r="866100" spans="14:14">
      <c r="N866100" s="10"/>
    </row>
    <row r="866101" spans="14:14">
      <c r="N866101" s="10"/>
    </row>
    <row r="866102" spans="14:14">
      <c r="N866102" s="10"/>
    </row>
    <row r="866103" spans="14:14">
      <c r="N866103" s="10"/>
    </row>
    <row r="866104" spans="14:14">
      <c r="N866104" s="10"/>
    </row>
    <row r="866105" spans="14:14">
      <c r="N866105" s="10"/>
    </row>
    <row r="866106" spans="14:14">
      <c r="N866106" s="10"/>
    </row>
    <row r="866107" spans="14:14">
      <c r="N866107" s="10"/>
    </row>
    <row r="866108" spans="14:14">
      <c r="N866108" s="10"/>
    </row>
    <row r="866109" spans="14:14">
      <c r="N866109" s="10"/>
    </row>
    <row r="866110" spans="14:14">
      <c r="N866110" s="10"/>
    </row>
    <row r="866111" spans="14:14">
      <c r="N866111" s="10"/>
    </row>
    <row r="866112" spans="14:14">
      <c r="N866112" s="10"/>
    </row>
    <row r="866113" spans="14:14">
      <c r="N866113" s="10"/>
    </row>
    <row r="866114" spans="14:14">
      <c r="N866114" s="10"/>
    </row>
    <row r="866115" spans="14:14">
      <c r="N866115" s="10"/>
    </row>
    <row r="866116" spans="14:14">
      <c r="N866116" s="10"/>
    </row>
    <row r="866117" spans="14:14">
      <c r="N866117" s="10"/>
    </row>
    <row r="866118" spans="14:14">
      <c r="N866118" s="10"/>
    </row>
    <row r="866119" spans="14:14">
      <c r="N866119" s="10"/>
    </row>
    <row r="866120" spans="14:14">
      <c r="N866120" s="10"/>
    </row>
    <row r="866121" spans="14:14">
      <c r="N866121" s="10"/>
    </row>
    <row r="866122" spans="14:14">
      <c r="N866122" s="10"/>
    </row>
    <row r="866123" spans="14:14">
      <c r="N866123" s="10"/>
    </row>
    <row r="866124" spans="14:14">
      <c r="N866124" s="10"/>
    </row>
    <row r="866125" spans="14:14">
      <c r="N866125" s="10"/>
    </row>
    <row r="866126" spans="14:14">
      <c r="N866126" s="10"/>
    </row>
    <row r="866127" spans="14:14">
      <c r="N866127" s="10"/>
    </row>
    <row r="866128" spans="14:14">
      <c r="N866128" s="10"/>
    </row>
    <row r="866129" spans="14:14">
      <c r="N866129" s="10"/>
    </row>
    <row r="866130" spans="14:14">
      <c r="N866130" s="10"/>
    </row>
    <row r="866131" spans="14:14">
      <c r="N866131" s="10"/>
    </row>
    <row r="866132" spans="14:14">
      <c r="N866132" s="10"/>
    </row>
    <row r="866133" spans="14:14">
      <c r="N866133" s="10"/>
    </row>
    <row r="866134" spans="14:14">
      <c r="N866134" s="10"/>
    </row>
    <row r="866135" spans="14:14">
      <c r="N866135" s="10"/>
    </row>
    <row r="866136" spans="14:14">
      <c r="N866136" s="10"/>
    </row>
    <row r="866137" spans="14:14">
      <c r="N866137" s="10"/>
    </row>
    <row r="866138" spans="14:14">
      <c r="N866138" s="10"/>
    </row>
    <row r="866139" spans="14:14">
      <c r="N866139" s="10"/>
    </row>
    <row r="866140" spans="14:14">
      <c r="N866140" s="10"/>
    </row>
    <row r="866141" spans="14:14">
      <c r="N866141" s="10"/>
    </row>
    <row r="866142" spans="14:14">
      <c r="N866142" s="10"/>
    </row>
    <row r="866143" spans="14:14">
      <c r="N866143" s="10"/>
    </row>
    <row r="866144" spans="14:14">
      <c r="N866144" s="10"/>
    </row>
    <row r="866145" spans="14:14">
      <c r="N866145" s="10"/>
    </row>
    <row r="866146" spans="14:14">
      <c r="N866146" s="10"/>
    </row>
    <row r="866147" spans="14:14">
      <c r="N866147" s="10"/>
    </row>
    <row r="866148" spans="14:14">
      <c r="N866148" s="10"/>
    </row>
    <row r="866149" spans="14:14">
      <c r="N866149" s="10"/>
    </row>
    <row r="866150" spans="14:14">
      <c r="N866150" s="10"/>
    </row>
    <row r="866151" spans="14:14">
      <c r="N866151" s="10"/>
    </row>
    <row r="866152" spans="14:14">
      <c r="N866152" s="10"/>
    </row>
    <row r="866153" spans="14:14">
      <c r="N866153" s="10"/>
    </row>
    <row r="866154" spans="14:14">
      <c r="N866154" s="10"/>
    </row>
    <row r="866155" spans="14:14">
      <c r="N866155" s="10"/>
    </row>
    <row r="866156" spans="14:14">
      <c r="N866156" s="10"/>
    </row>
    <row r="866157" spans="14:14">
      <c r="N866157" s="10"/>
    </row>
    <row r="866158" spans="14:14">
      <c r="N866158" s="10"/>
    </row>
    <row r="866159" spans="14:14">
      <c r="N866159" s="10"/>
    </row>
    <row r="866160" spans="14:14">
      <c r="N866160" s="10"/>
    </row>
    <row r="866161" spans="14:14">
      <c r="N866161" s="10"/>
    </row>
    <row r="866162" spans="14:14">
      <c r="N866162" s="10"/>
    </row>
    <row r="866163" spans="14:14">
      <c r="N866163" s="10"/>
    </row>
    <row r="866164" spans="14:14">
      <c r="N866164" s="10"/>
    </row>
    <row r="866165" spans="14:14">
      <c r="N866165" s="10"/>
    </row>
    <row r="866166" spans="14:14">
      <c r="N866166" s="10"/>
    </row>
    <row r="866167" spans="14:14">
      <c r="N866167" s="10"/>
    </row>
    <row r="866168" spans="14:14">
      <c r="N866168" s="10"/>
    </row>
    <row r="866169" spans="14:14">
      <c r="N866169" s="10"/>
    </row>
    <row r="866170" spans="14:14">
      <c r="N866170" s="10"/>
    </row>
    <row r="866171" spans="14:14">
      <c r="N866171" s="10"/>
    </row>
    <row r="866172" spans="14:14">
      <c r="N866172" s="10"/>
    </row>
    <row r="866173" spans="14:14">
      <c r="N866173" s="10"/>
    </row>
    <row r="866174" spans="14:14">
      <c r="N866174" s="10"/>
    </row>
    <row r="866175" spans="14:14">
      <c r="N866175" s="10"/>
    </row>
    <row r="866176" spans="14:14">
      <c r="N866176" s="10"/>
    </row>
    <row r="866177" spans="14:14">
      <c r="N866177" s="10"/>
    </row>
    <row r="866178" spans="14:14">
      <c r="N866178" s="10"/>
    </row>
    <row r="866179" spans="14:14">
      <c r="N866179" s="10"/>
    </row>
    <row r="866180" spans="14:14">
      <c r="N866180" s="10"/>
    </row>
    <row r="866181" spans="14:14">
      <c r="N866181" s="10"/>
    </row>
    <row r="866182" spans="14:14">
      <c r="N866182" s="10"/>
    </row>
    <row r="866183" spans="14:14">
      <c r="N866183" s="10"/>
    </row>
    <row r="866184" spans="14:14">
      <c r="N866184" s="10"/>
    </row>
    <row r="866185" spans="14:14">
      <c r="N866185" s="10"/>
    </row>
    <row r="866186" spans="14:14">
      <c r="N866186" s="10"/>
    </row>
    <row r="866187" spans="14:14">
      <c r="N866187" s="10"/>
    </row>
    <row r="866188" spans="14:14">
      <c r="N866188" s="10"/>
    </row>
    <row r="866189" spans="14:14">
      <c r="N866189" s="10"/>
    </row>
    <row r="866190" spans="14:14">
      <c r="N866190" s="10"/>
    </row>
    <row r="866191" spans="14:14">
      <c r="N866191" s="10"/>
    </row>
    <row r="866192" spans="14:14">
      <c r="N866192" s="10"/>
    </row>
    <row r="866193" spans="14:14">
      <c r="N866193" s="10"/>
    </row>
    <row r="866194" spans="14:14">
      <c r="N866194" s="10"/>
    </row>
    <row r="866195" spans="14:14">
      <c r="N866195" s="10"/>
    </row>
    <row r="866196" spans="14:14">
      <c r="N866196" s="10"/>
    </row>
    <row r="866197" spans="14:14">
      <c r="N866197" s="10"/>
    </row>
    <row r="866198" spans="14:14">
      <c r="N866198" s="10"/>
    </row>
    <row r="866199" spans="14:14">
      <c r="N866199" s="10"/>
    </row>
    <row r="866200" spans="14:14">
      <c r="N866200" s="10"/>
    </row>
    <row r="866201" spans="14:14">
      <c r="N866201" s="10"/>
    </row>
    <row r="866202" spans="14:14">
      <c r="N866202" s="10"/>
    </row>
    <row r="866203" spans="14:14">
      <c r="N866203" s="10"/>
    </row>
    <row r="866204" spans="14:14">
      <c r="N866204" s="10"/>
    </row>
    <row r="866205" spans="14:14">
      <c r="N866205" s="10"/>
    </row>
    <row r="866206" spans="14:14">
      <c r="N866206" s="10"/>
    </row>
    <row r="866207" spans="14:14">
      <c r="N866207" s="10"/>
    </row>
    <row r="866208" spans="14:14">
      <c r="N866208" s="10"/>
    </row>
    <row r="866209" spans="14:14">
      <c r="N866209" s="10"/>
    </row>
    <row r="866210" spans="14:14">
      <c r="N866210" s="10"/>
    </row>
    <row r="866211" spans="14:14">
      <c r="N866211" s="10"/>
    </row>
    <row r="866212" spans="14:14">
      <c r="N866212" s="10"/>
    </row>
    <row r="866213" spans="14:14">
      <c r="N866213" s="10"/>
    </row>
    <row r="866214" spans="14:14">
      <c r="N866214" s="10"/>
    </row>
    <row r="866215" spans="14:14">
      <c r="N866215" s="10"/>
    </row>
    <row r="866216" spans="14:14">
      <c r="N866216" s="10"/>
    </row>
    <row r="866217" spans="14:14">
      <c r="N866217" s="10"/>
    </row>
    <row r="866218" spans="14:14">
      <c r="N866218" s="10"/>
    </row>
    <row r="866219" spans="14:14">
      <c r="N866219" s="10"/>
    </row>
    <row r="866220" spans="14:14">
      <c r="N866220" s="10"/>
    </row>
    <row r="866221" spans="14:14">
      <c r="N866221" s="10"/>
    </row>
    <row r="866222" spans="14:14">
      <c r="N866222" s="10"/>
    </row>
    <row r="866223" spans="14:14">
      <c r="N866223" s="10"/>
    </row>
    <row r="866224" spans="14:14">
      <c r="N866224" s="10"/>
    </row>
    <row r="866225" spans="14:14">
      <c r="N866225" s="10"/>
    </row>
    <row r="866226" spans="14:14">
      <c r="N866226" s="10"/>
    </row>
    <row r="866227" spans="14:14">
      <c r="N866227" s="10"/>
    </row>
    <row r="866228" spans="14:14">
      <c r="N866228" s="10"/>
    </row>
    <row r="866229" spans="14:14">
      <c r="N866229" s="10"/>
    </row>
    <row r="866230" spans="14:14">
      <c r="N866230" s="10"/>
    </row>
    <row r="866231" spans="14:14">
      <c r="N866231" s="10"/>
    </row>
    <row r="866232" spans="14:14">
      <c r="N866232" s="10"/>
    </row>
    <row r="866233" spans="14:14">
      <c r="N866233" s="10"/>
    </row>
    <row r="866234" spans="14:14">
      <c r="N866234" s="10"/>
    </row>
    <row r="866235" spans="14:14">
      <c r="N866235" s="10"/>
    </row>
    <row r="866236" spans="14:14">
      <c r="N866236" s="10"/>
    </row>
    <row r="866237" spans="14:14">
      <c r="N866237" s="10"/>
    </row>
    <row r="866238" spans="14:14">
      <c r="N866238" s="10"/>
    </row>
    <row r="866239" spans="14:14">
      <c r="N866239" s="10"/>
    </row>
    <row r="866240" spans="14:14">
      <c r="N866240" s="10"/>
    </row>
    <row r="866241" spans="14:14">
      <c r="N866241" s="10"/>
    </row>
    <row r="866242" spans="14:14">
      <c r="N866242" s="10"/>
    </row>
    <row r="866243" spans="14:14">
      <c r="N866243" s="10"/>
    </row>
    <row r="866244" spans="14:14">
      <c r="N866244" s="10"/>
    </row>
    <row r="866245" spans="14:14">
      <c r="N866245" s="10"/>
    </row>
    <row r="866246" spans="14:14">
      <c r="N866246" s="10"/>
    </row>
    <row r="866247" spans="14:14">
      <c r="N866247" s="10"/>
    </row>
    <row r="866248" spans="14:14">
      <c r="N866248" s="10"/>
    </row>
    <row r="866249" spans="14:14">
      <c r="N866249" s="10"/>
    </row>
    <row r="866250" spans="14:14">
      <c r="N866250" s="10"/>
    </row>
    <row r="866251" spans="14:14">
      <c r="N866251" s="10"/>
    </row>
    <row r="866252" spans="14:14">
      <c r="N866252" s="10"/>
    </row>
    <row r="866253" spans="14:14">
      <c r="N866253" s="10"/>
    </row>
    <row r="866254" spans="14:14">
      <c r="N866254" s="10"/>
    </row>
    <row r="866255" spans="14:14">
      <c r="N866255" s="10"/>
    </row>
    <row r="866256" spans="14:14">
      <c r="N866256" s="10"/>
    </row>
    <row r="866257" spans="14:14">
      <c r="N866257" s="10"/>
    </row>
    <row r="866258" spans="14:14">
      <c r="N866258" s="10"/>
    </row>
    <row r="866259" spans="14:14">
      <c r="N866259" s="10"/>
    </row>
    <row r="866260" spans="14:14">
      <c r="N866260" s="10"/>
    </row>
    <row r="866261" spans="14:14">
      <c r="N866261" s="10"/>
    </row>
    <row r="866262" spans="14:14">
      <c r="N866262" s="10"/>
    </row>
    <row r="866263" spans="14:14">
      <c r="N866263" s="10"/>
    </row>
    <row r="866264" spans="14:14">
      <c r="N866264" s="10"/>
    </row>
    <row r="866265" spans="14:14">
      <c r="N866265" s="10"/>
    </row>
    <row r="866266" spans="14:14">
      <c r="N866266" s="10"/>
    </row>
    <row r="866267" spans="14:14">
      <c r="N866267" s="10"/>
    </row>
    <row r="866268" spans="14:14">
      <c r="N866268" s="10"/>
    </row>
    <row r="866269" spans="14:14">
      <c r="N866269" s="10"/>
    </row>
    <row r="866270" spans="14:14">
      <c r="N866270" s="10"/>
    </row>
    <row r="866271" spans="14:14">
      <c r="N866271" s="10"/>
    </row>
    <row r="866272" spans="14:14">
      <c r="N866272" s="10"/>
    </row>
    <row r="866273" spans="14:14">
      <c r="N866273" s="10"/>
    </row>
    <row r="866274" spans="14:14">
      <c r="N866274" s="10"/>
    </row>
    <row r="866275" spans="14:14">
      <c r="N866275" s="10"/>
    </row>
    <row r="866276" spans="14:14">
      <c r="N866276" s="10"/>
    </row>
    <row r="866277" spans="14:14">
      <c r="N866277" s="10"/>
    </row>
    <row r="866278" spans="14:14">
      <c r="N866278" s="10"/>
    </row>
    <row r="866279" spans="14:14">
      <c r="N866279" s="10"/>
    </row>
    <row r="866280" spans="14:14">
      <c r="N866280" s="10"/>
    </row>
    <row r="866281" spans="14:14">
      <c r="N866281" s="10"/>
    </row>
    <row r="866282" spans="14:14">
      <c r="N866282" s="10"/>
    </row>
    <row r="866283" spans="14:14">
      <c r="N866283" s="10"/>
    </row>
    <row r="866284" spans="14:14">
      <c r="N866284" s="10"/>
    </row>
    <row r="866285" spans="14:14">
      <c r="N866285" s="10"/>
    </row>
    <row r="866286" spans="14:14">
      <c r="N866286" s="10"/>
    </row>
    <row r="866287" spans="14:14">
      <c r="N866287" s="10"/>
    </row>
    <row r="866288" spans="14:14">
      <c r="N866288" s="10"/>
    </row>
    <row r="866289" spans="14:14">
      <c r="N866289" s="10"/>
    </row>
    <row r="866290" spans="14:14">
      <c r="N866290" s="10"/>
    </row>
    <row r="866291" spans="14:14">
      <c r="N866291" s="10"/>
    </row>
    <row r="866292" spans="14:14">
      <c r="N866292" s="10"/>
    </row>
    <row r="866293" spans="14:14">
      <c r="N866293" s="10"/>
    </row>
    <row r="866294" spans="14:14">
      <c r="N866294" s="10"/>
    </row>
    <row r="866295" spans="14:14">
      <c r="N866295" s="10"/>
    </row>
    <row r="866296" spans="14:14">
      <c r="N866296" s="10"/>
    </row>
    <row r="866297" spans="14:14">
      <c r="N866297" s="10"/>
    </row>
    <row r="866298" spans="14:14">
      <c r="N866298" s="10"/>
    </row>
    <row r="866299" spans="14:14">
      <c r="N866299" s="10"/>
    </row>
    <row r="866300" spans="14:14">
      <c r="N866300" s="10"/>
    </row>
    <row r="866301" spans="14:14">
      <c r="N866301" s="10"/>
    </row>
    <row r="866302" spans="14:14">
      <c r="N866302" s="10"/>
    </row>
    <row r="866303" spans="14:14">
      <c r="N866303" s="10"/>
    </row>
    <row r="866304" spans="14:14">
      <c r="N866304" s="10"/>
    </row>
    <row r="866305" spans="14:14">
      <c r="N866305" s="10"/>
    </row>
    <row r="866306" spans="14:14">
      <c r="N866306" s="10"/>
    </row>
    <row r="866307" spans="14:14">
      <c r="N866307" s="10"/>
    </row>
    <row r="866308" spans="14:14">
      <c r="N866308" s="10"/>
    </row>
    <row r="866309" spans="14:14">
      <c r="N866309" s="10"/>
    </row>
    <row r="866310" spans="14:14">
      <c r="N866310" s="10"/>
    </row>
    <row r="866311" spans="14:14">
      <c r="N866311" s="10"/>
    </row>
    <row r="866312" spans="14:14">
      <c r="N866312" s="10"/>
    </row>
    <row r="866313" spans="14:14">
      <c r="N866313" s="10"/>
    </row>
    <row r="866314" spans="14:14">
      <c r="N866314" s="10"/>
    </row>
    <row r="866315" spans="14:14">
      <c r="N866315" s="10"/>
    </row>
    <row r="866316" spans="14:14">
      <c r="N866316" s="10"/>
    </row>
    <row r="866317" spans="14:14">
      <c r="N866317" s="10"/>
    </row>
    <row r="866318" spans="14:14">
      <c r="N866318" s="10"/>
    </row>
    <row r="866319" spans="14:14">
      <c r="N866319" s="10"/>
    </row>
    <row r="866320" spans="14:14">
      <c r="N866320" s="10"/>
    </row>
    <row r="866321" spans="14:14">
      <c r="N866321" s="10"/>
    </row>
    <row r="866322" spans="14:14">
      <c r="N866322" s="10"/>
    </row>
    <row r="866323" spans="14:14">
      <c r="N866323" s="10"/>
    </row>
    <row r="866324" spans="14:14">
      <c r="N866324" s="10"/>
    </row>
    <row r="866325" spans="14:14">
      <c r="N866325" s="10"/>
    </row>
    <row r="866326" spans="14:14">
      <c r="N866326" s="10"/>
    </row>
    <row r="866327" spans="14:14">
      <c r="N866327" s="10"/>
    </row>
    <row r="866328" spans="14:14">
      <c r="N866328" s="10"/>
    </row>
    <row r="866329" spans="14:14">
      <c r="N866329" s="10"/>
    </row>
    <row r="866330" spans="14:14">
      <c r="N866330" s="10"/>
    </row>
    <row r="866331" spans="14:14">
      <c r="N866331" s="10"/>
    </row>
    <row r="866332" spans="14:14">
      <c r="N866332" s="10"/>
    </row>
    <row r="866333" spans="14:14">
      <c r="N866333" s="10"/>
    </row>
    <row r="866334" spans="14:14">
      <c r="N866334" s="10"/>
    </row>
    <row r="866335" spans="14:14">
      <c r="N866335" s="10"/>
    </row>
    <row r="866336" spans="14:14">
      <c r="N866336" s="10"/>
    </row>
    <row r="866337" spans="14:14">
      <c r="N866337" s="10"/>
    </row>
    <row r="866338" spans="14:14">
      <c r="N866338" s="10"/>
    </row>
    <row r="866339" spans="14:14">
      <c r="N866339" s="10"/>
    </row>
    <row r="866340" spans="14:14">
      <c r="N866340" s="10"/>
    </row>
    <row r="866341" spans="14:14">
      <c r="N866341" s="10"/>
    </row>
    <row r="866342" spans="14:14">
      <c r="N866342" s="10"/>
    </row>
    <row r="866343" spans="14:14">
      <c r="N866343" s="10"/>
    </row>
    <row r="866344" spans="14:14">
      <c r="N866344" s="10"/>
    </row>
    <row r="866345" spans="14:14">
      <c r="N866345" s="10"/>
    </row>
    <row r="866346" spans="14:14">
      <c r="N866346" s="10"/>
    </row>
    <row r="866347" spans="14:14">
      <c r="N866347" s="10"/>
    </row>
    <row r="866348" spans="14:14">
      <c r="N866348" s="10"/>
    </row>
    <row r="866349" spans="14:14">
      <c r="N866349" s="10"/>
    </row>
    <row r="866350" spans="14:14">
      <c r="N866350" s="10"/>
    </row>
    <row r="866351" spans="14:14">
      <c r="N866351" s="10"/>
    </row>
    <row r="866352" spans="14:14">
      <c r="N866352" s="10"/>
    </row>
    <row r="866353" spans="14:14">
      <c r="N866353" s="10"/>
    </row>
    <row r="866354" spans="14:14">
      <c r="N866354" s="10"/>
    </row>
    <row r="866355" spans="14:14">
      <c r="N866355" s="10"/>
    </row>
    <row r="866356" spans="14:14">
      <c r="N866356" s="10"/>
    </row>
    <row r="866357" spans="14:14">
      <c r="N866357" s="10"/>
    </row>
    <row r="866358" spans="14:14">
      <c r="N866358" s="10"/>
    </row>
    <row r="866359" spans="14:14">
      <c r="N866359" s="10"/>
    </row>
    <row r="866360" spans="14:14">
      <c r="N866360" s="10"/>
    </row>
    <row r="866361" spans="14:14">
      <c r="N866361" s="10"/>
    </row>
    <row r="866362" spans="14:14">
      <c r="N866362" s="10"/>
    </row>
    <row r="866363" spans="14:14">
      <c r="N866363" s="10"/>
    </row>
    <row r="866364" spans="14:14">
      <c r="N866364" s="10"/>
    </row>
    <row r="866365" spans="14:14">
      <c r="N866365" s="10"/>
    </row>
    <row r="866366" spans="14:14">
      <c r="N866366" s="10"/>
    </row>
    <row r="866367" spans="14:14">
      <c r="N866367" s="10"/>
    </row>
    <row r="866368" spans="14:14">
      <c r="N866368" s="10"/>
    </row>
    <row r="866369" spans="14:14">
      <c r="N866369" s="10"/>
    </row>
    <row r="866370" spans="14:14">
      <c r="N866370" s="10"/>
    </row>
    <row r="866371" spans="14:14">
      <c r="N866371" s="10"/>
    </row>
    <row r="866372" spans="14:14">
      <c r="N866372" s="10"/>
    </row>
    <row r="866373" spans="14:14">
      <c r="N866373" s="10"/>
    </row>
    <row r="866374" spans="14:14">
      <c r="N866374" s="10"/>
    </row>
    <row r="866375" spans="14:14">
      <c r="N866375" s="10"/>
    </row>
    <row r="866376" spans="14:14">
      <c r="N866376" s="10"/>
    </row>
    <row r="866377" spans="14:14">
      <c r="N866377" s="10"/>
    </row>
    <row r="866378" spans="14:14">
      <c r="N866378" s="10"/>
    </row>
    <row r="866379" spans="14:14">
      <c r="N866379" s="10"/>
    </row>
    <row r="866380" spans="14:14">
      <c r="N866380" s="10"/>
    </row>
    <row r="866381" spans="14:14">
      <c r="N866381" s="10"/>
    </row>
    <row r="866382" spans="14:14">
      <c r="N866382" s="10"/>
    </row>
    <row r="866383" spans="14:14">
      <c r="N866383" s="10"/>
    </row>
    <row r="866384" spans="14:14">
      <c r="N866384" s="10"/>
    </row>
    <row r="866385" spans="14:14">
      <c r="N866385" s="10"/>
    </row>
    <row r="866386" spans="14:14">
      <c r="N866386" s="10"/>
    </row>
    <row r="866387" spans="14:14">
      <c r="N866387" s="10"/>
    </row>
    <row r="866388" spans="14:14">
      <c r="N866388" s="10"/>
    </row>
    <row r="866389" spans="14:14">
      <c r="N866389" s="10"/>
    </row>
    <row r="866390" spans="14:14">
      <c r="N866390" s="10"/>
    </row>
    <row r="866391" spans="14:14">
      <c r="N866391" s="10"/>
    </row>
    <row r="866392" spans="14:14">
      <c r="N866392" s="10"/>
    </row>
    <row r="866393" spans="14:14">
      <c r="N866393" s="10"/>
    </row>
    <row r="866394" spans="14:14">
      <c r="N866394" s="10"/>
    </row>
    <row r="866395" spans="14:14">
      <c r="N866395" s="10"/>
    </row>
    <row r="866396" spans="14:14">
      <c r="N866396" s="10"/>
    </row>
    <row r="866397" spans="14:14">
      <c r="N866397" s="10"/>
    </row>
    <row r="866398" spans="14:14">
      <c r="N866398" s="10"/>
    </row>
    <row r="866399" spans="14:14">
      <c r="N866399" s="10"/>
    </row>
    <row r="866400" spans="14:14">
      <c r="N866400" s="10"/>
    </row>
    <row r="866401" spans="14:14">
      <c r="N866401" s="10"/>
    </row>
    <row r="866402" spans="14:14">
      <c r="N866402" s="10"/>
    </row>
    <row r="866403" spans="14:14">
      <c r="N866403" s="10"/>
    </row>
    <row r="866404" spans="14:14">
      <c r="N866404" s="10"/>
    </row>
    <row r="866405" spans="14:14">
      <c r="N866405" s="10"/>
    </row>
    <row r="866406" spans="14:14">
      <c r="N866406" s="10"/>
    </row>
    <row r="866407" spans="14:14">
      <c r="N866407" s="10"/>
    </row>
    <row r="866408" spans="14:14">
      <c r="N866408" s="10"/>
    </row>
    <row r="866409" spans="14:14">
      <c r="N866409" s="10"/>
    </row>
    <row r="866410" spans="14:14">
      <c r="N866410" s="10"/>
    </row>
    <row r="866411" spans="14:14">
      <c r="N866411" s="10"/>
    </row>
    <row r="866412" spans="14:14">
      <c r="N866412" s="10"/>
    </row>
    <row r="866413" spans="14:14">
      <c r="N866413" s="10"/>
    </row>
    <row r="866414" spans="14:14">
      <c r="N866414" s="10"/>
    </row>
    <row r="866415" spans="14:14">
      <c r="N866415" s="10"/>
    </row>
    <row r="866416" spans="14:14">
      <c r="N866416" s="10"/>
    </row>
    <row r="866417" spans="14:14">
      <c r="N866417" s="10"/>
    </row>
    <row r="866418" spans="14:14">
      <c r="N866418" s="10"/>
    </row>
    <row r="866419" spans="14:14">
      <c r="N866419" s="10"/>
    </row>
    <row r="866420" spans="14:14">
      <c r="N866420" s="10"/>
    </row>
    <row r="866421" spans="14:14">
      <c r="N866421" s="10"/>
    </row>
    <row r="866422" spans="14:14">
      <c r="N866422" s="10"/>
    </row>
    <row r="866423" spans="14:14">
      <c r="N866423" s="10"/>
    </row>
    <row r="866424" spans="14:14">
      <c r="N866424" s="10"/>
    </row>
    <row r="866425" spans="14:14">
      <c r="N866425" s="10"/>
    </row>
    <row r="866426" spans="14:14">
      <c r="N866426" s="10"/>
    </row>
    <row r="866427" spans="14:14">
      <c r="N866427" s="10"/>
    </row>
    <row r="866428" spans="14:14">
      <c r="N866428" s="10"/>
    </row>
    <row r="866429" spans="14:14">
      <c r="N866429" s="10"/>
    </row>
    <row r="866430" spans="14:14">
      <c r="N866430" s="10"/>
    </row>
    <row r="866431" spans="14:14">
      <c r="N866431" s="10"/>
    </row>
    <row r="866432" spans="14:14">
      <c r="N866432" s="10"/>
    </row>
    <row r="866433" spans="14:14">
      <c r="N866433" s="10"/>
    </row>
    <row r="866434" spans="14:14">
      <c r="N866434" s="10"/>
    </row>
    <row r="866435" spans="14:14">
      <c r="N866435" s="10"/>
    </row>
    <row r="866436" spans="14:14">
      <c r="N866436" s="10"/>
    </row>
    <row r="866437" spans="14:14">
      <c r="N866437" s="10"/>
    </row>
    <row r="866438" spans="14:14">
      <c r="N866438" s="10"/>
    </row>
    <row r="866439" spans="14:14">
      <c r="N866439" s="10"/>
    </row>
    <row r="866440" spans="14:14">
      <c r="N866440" s="10"/>
    </row>
    <row r="866441" spans="14:14">
      <c r="N866441" s="10"/>
    </row>
    <row r="866442" spans="14:14">
      <c r="N866442" s="10"/>
    </row>
    <row r="866443" spans="14:14">
      <c r="N866443" s="10"/>
    </row>
    <row r="866444" spans="14:14">
      <c r="N866444" s="10"/>
    </row>
    <row r="866445" spans="14:14">
      <c r="N866445" s="10"/>
    </row>
    <row r="866446" spans="14:14">
      <c r="N866446" s="10"/>
    </row>
    <row r="866447" spans="14:14">
      <c r="N866447" s="10"/>
    </row>
    <row r="866448" spans="14:14">
      <c r="N866448" s="10"/>
    </row>
    <row r="866449" spans="14:14">
      <c r="N866449" s="10"/>
    </row>
    <row r="866450" spans="14:14">
      <c r="N866450" s="10"/>
    </row>
    <row r="866451" spans="14:14">
      <c r="N866451" s="10"/>
    </row>
    <row r="866452" spans="14:14">
      <c r="N866452" s="10"/>
    </row>
    <row r="866453" spans="14:14">
      <c r="N866453" s="10"/>
    </row>
    <row r="866454" spans="14:14">
      <c r="N866454" s="10"/>
    </row>
    <row r="866455" spans="14:14">
      <c r="N866455" s="10"/>
    </row>
    <row r="866456" spans="14:14">
      <c r="N866456" s="10"/>
    </row>
    <row r="866457" spans="14:14">
      <c r="N866457" s="10"/>
    </row>
    <row r="866458" spans="14:14">
      <c r="N866458" s="10"/>
    </row>
    <row r="866459" spans="14:14">
      <c r="N866459" s="10"/>
    </row>
    <row r="866460" spans="14:14">
      <c r="N866460" s="10"/>
    </row>
    <row r="866461" spans="14:14">
      <c r="N866461" s="10"/>
    </row>
    <row r="866462" spans="14:14">
      <c r="N866462" s="10"/>
    </row>
    <row r="866463" spans="14:14">
      <c r="N866463" s="10"/>
    </row>
    <row r="866464" spans="14:14">
      <c r="N866464" s="10"/>
    </row>
    <row r="866465" spans="14:14">
      <c r="N866465" s="10"/>
    </row>
    <row r="866466" spans="14:14">
      <c r="N866466" s="10"/>
    </row>
    <row r="866467" spans="14:14">
      <c r="N866467" s="10"/>
    </row>
    <row r="866468" spans="14:14">
      <c r="N866468" s="10"/>
    </row>
    <row r="866469" spans="14:14">
      <c r="N866469" s="10"/>
    </row>
    <row r="866470" spans="14:14">
      <c r="N866470" s="10"/>
    </row>
    <row r="866471" spans="14:14">
      <c r="N866471" s="10"/>
    </row>
    <row r="866472" spans="14:14">
      <c r="N866472" s="10"/>
    </row>
    <row r="866473" spans="14:14">
      <c r="N866473" s="10"/>
    </row>
    <row r="866474" spans="14:14">
      <c r="N866474" s="10"/>
    </row>
    <row r="866475" spans="14:14">
      <c r="N866475" s="10"/>
    </row>
    <row r="866476" spans="14:14">
      <c r="N866476" s="10"/>
    </row>
    <row r="866477" spans="14:14">
      <c r="N866477" s="10"/>
    </row>
    <row r="866478" spans="14:14">
      <c r="N866478" s="10"/>
    </row>
    <row r="866479" spans="14:14">
      <c r="N866479" s="10"/>
    </row>
    <row r="866480" spans="14:14">
      <c r="N866480" s="10"/>
    </row>
    <row r="866481" spans="14:14">
      <c r="N866481" s="10"/>
    </row>
    <row r="866482" spans="14:14">
      <c r="N866482" s="10"/>
    </row>
    <row r="866483" spans="14:14">
      <c r="N866483" s="10"/>
    </row>
    <row r="866484" spans="14:14">
      <c r="N866484" s="10"/>
    </row>
    <row r="866485" spans="14:14">
      <c r="N866485" s="10"/>
    </row>
    <row r="866486" spans="14:14">
      <c r="N866486" s="10"/>
    </row>
    <row r="866487" spans="14:14">
      <c r="N866487" s="10"/>
    </row>
    <row r="866488" spans="14:14">
      <c r="N866488" s="10"/>
    </row>
    <row r="866489" spans="14:14">
      <c r="N866489" s="10"/>
    </row>
    <row r="866490" spans="14:14">
      <c r="N866490" s="10"/>
    </row>
    <row r="866491" spans="14:14">
      <c r="N866491" s="10"/>
    </row>
    <row r="866492" spans="14:14">
      <c r="N866492" s="10"/>
    </row>
    <row r="866493" spans="14:14">
      <c r="N866493" s="10"/>
    </row>
    <row r="866494" spans="14:14">
      <c r="N866494" s="10"/>
    </row>
    <row r="866495" spans="14:14">
      <c r="N866495" s="10"/>
    </row>
    <row r="866496" spans="14:14">
      <c r="N866496" s="10"/>
    </row>
    <row r="866497" spans="14:14">
      <c r="N866497" s="10"/>
    </row>
    <row r="866498" spans="14:14">
      <c r="N866498" s="10"/>
    </row>
    <row r="866499" spans="14:14">
      <c r="N866499" s="10"/>
    </row>
    <row r="866500" spans="14:14">
      <c r="N866500" s="10"/>
    </row>
    <row r="866501" spans="14:14">
      <c r="N866501" s="10"/>
    </row>
    <row r="866502" spans="14:14">
      <c r="N866502" s="10"/>
    </row>
    <row r="866503" spans="14:14">
      <c r="N866503" s="10"/>
    </row>
    <row r="866504" spans="14:14">
      <c r="N866504" s="10"/>
    </row>
    <row r="866505" spans="14:14">
      <c r="N866505" s="10"/>
    </row>
    <row r="866506" spans="14:14">
      <c r="N866506" s="10"/>
    </row>
    <row r="866507" spans="14:14">
      <c r="N866507" s="10"/>
    </row>
    <row r="866508" spans="14:14">
      <c r="N866508" s="10"/>
    </row>
    <row r="866509" spans="14:14">
      <c r="N866509" s="10"/>
    </row>
    <row r="866510" spans="14:14">
      <c r="N866510" s="10"/>
    </row>
    <row r="866511" spans="14:14">
      <c r="N866511" s="10"/>
    </row>
    <row r="866512" spans="14:14">
      <c r="N866512" s="10"/>
    </row>
    <row r="866513" spans="14:14">
      <c r="N866513" s="10"/>
    </row>
    <row r="866514" spans="14:14">
      <c r="N866514" s="10"/>
    </row>
    <row r="866515" spans="14:14">
      <c r="N866515" s="10"/>
    </row>
    <row r="866516" spans="14:14">
      <c r="N866516" s="10"/>
    </row>
    <row r="866517" spans="14:14">
      <c r="N866517" s="10"/>
    </row>
    <row r="866518" spans="14:14">
      <c r="N866518" s="10"/>
    </row>
    <row r="866519" spans="14:14">
      <c r="N866519" s="10"/>
    </row>
    <row r="866520" spans="14:14">
      <c r="N866520" s="10"/>
    </row>
    <row r="866521" spans="14:14">
      <c r="N866521" s="10"/>
    </row>
    <row r="866522" spans="14:14">
      <c r="N866522" s="10"/>
    </row>
    <row r="866523" spans="14:14">
      <c r="N866523" s="10"/>
    </row>
    <row r="866524" spans="14:14">
      <c r="N866524" s="10"/>
    </row>
    <row r="866525" spans="14:14">
      <c r="N866525" s="10"/>
    </row>
    <row r="866526" spans="14:14">
      <c r="N866526" s="10"/>
    </row>
    <row r="866527" spans="14:14">
      <c r="N866527" s="10"/>
    </row>
    <row r="866528" spans="14:14">
      <c r="N866528" s="10"/>
    </row>
    <row r="866529" spans="14:14">
      <c r="N866529" s="10"/>
    </row>
    <row r="866530" spans="14:14">
      <c r="N866530" s="10"/>
    </row>
    <row r="866531" spans="14:14">
      <c r="N866531" s="10"/>
    </row>
    <row r="866532" spans="14:14">
      <c r="N866532" s="10"/>
    </row>
    <row r="866533" spans="14:14">
      <c r="N866533" s="10"/>
    </row>
    <row r="866534" spans="14:14">
      <c r="N866534" s="10"/>
    </row>
    <row r="866535" spans="14:14">
      <c r="N866535" s="10"/>
    </row>
    <row r="866536" spans="14:14">
      <c r="N866536" s="10"/>
    </row>
    <row r="866537" spans="14:14">
      <c r="N866537" s="10"/>
    </row>
    <row r="866538" spans="14:14">
      <c r="N866538" s="10"/>
    </row>
    <row r="866539" spans="14:14">
      <c r="N866539" s="10"/>
    </row>
    <row r="866540" spans="14:14">
      <c r="N866540" s="10"/>
    </row>
    <row r="866541" spans="14:14">
      <c r="N866541" s="10"/>
    </row>
    <row r="866542" spans="14:14">
      <c r="N866542" s="10"/>
    </row>
    <row r="866543" spans="14:14">
      <c r="N866543" s="10"/>
    </row>
    <row r="866544" spans="14:14">
      <c r="N866544" s="10"/>
    </row>
    <row r="866545" spans="14:14">
      <c r="N866545" s="10"/>
    </row>
    <row r="866546" spans="14:14">
      <c r="N866546" s="10"/>
    </row>
    <row r="866547" spans="14:14">
      <c r="N866547" s="10"/>
    </row>
    <row r="866548" spans="14:14">
      <c r="N866548" s="10"/>
    </row>
    <row r="866549" spans="14:14">
      <c r="N866549" s="10"/>
    </row>
    <row r="866550" spans="14:14">
      <c r="N866550" s="10"/>
    </row>
    <row r="866551" spans="14:14">
      <c r="N866551" s="10"/>
    </row>
    <row r="866552" spans="14:14">
      <c r="N866552" s="10"/>
    </row>
    <row r="866553" spans="14:14">
      <c r="N866553" s="10"/>
    </row>
    <row r="866554" spans="14:14">
      <c r="N866554" s="10"/>
    </row>
    <row r="866555" spans="14:14">
      <c r="N866555" s="10"/>
    </row>
    <row r="866556" spans="14:14">
      <c r="N866556" s="10"/>
    </row>
    <row r="866557" spans="14:14">
      <c r="N866557" s="10"/>
    </row>
    <row r="866558" spans="14:14">
      <c r="N866558" s="10"/>
    </row>
    <row r="866559" spans="14:14">
      <c r="N866559" s="10"/>
    </row>
    <row r="866560" spans="14:14">
      <c r="N866560" s="10"/>
    </row>
    <row r="866561" spans="14:14">
      <c r="N866561" s="10"/>
    </row>
    <row r="866562" spans="14:14">
      <c r="N866562" s="10"/>
    </row>
    <row r="866563" spans="14:14">
      <c r="N866563" s="10"/>
    </row>
    <row r="866564" spans="14:14">
      <c r="N866564" s="10"/>
    </row>
    <row r="866565" spans="14:14">
      <c r="N866565" s="10"/>
    </row>
    <row r="866566" spans="14:14">
      <c r="N866566" s="10"/>
    </row>
    <row r="866567" spans="14:14">
      <c r="N866567" s="10"/>
    </row>
    <row r="866568" spans="14:14">
      <c r="N866568" s="10"/>
    </row>
    <row r="866569" spans="14:14">
      <c r="N866569" s="10"/>
    </row>
    <row r="866570" spans="14:14">
      <c r="N866570" s="10"/>
    </row>
    <row r="866571" spans="14:14">
      <c r="N866571" s="10"/>
    </row>
    <row r="866572" spans="14:14">
      <c r="N866572" s="10"/>
    </row>
    <row r="866573" spans="14:14">
      <c r="N866573" s="10"/>
    </row>
    <row r="866574" spans="14:14">
      <c r="N866574" s="10"/>
    </row>
    <row r="866575" spans="14:14">
      <c r="N866575" s="10"/>
    </row>
    <row r="866576" spans="14:14">
      <c r="N866576" s="10"/>
    </row>
    <row r="866577" spans="14:14">
      <c r="N866577" s="10"/>
    </row>
    <row r="866578" spans="14:14">
      <c r="N866578" s="10"/>
    </row>
    <row r="866579" spans="14:14">
      <c r="N866579" s="10"/>
    </row>
    <row r="866580" spans="14:14">
      <c r="N866580" s="10"/>
    </row>
    <row r="866581" spans="14:14">
      <c r="N866581" s="10"/>
    </row>
    <row r="866582" spans="14:14">
      <c r="N866582" s="10"/>
    </row>
    <row r="866583" spans="14:14">
      <c r="N866583" s="10"/>
    </row>
    <row r="866584" spans="14:14">
      <c r="N866584" s="10"/>
    </row>
    <row r="866585" spans="14:14">
      <c r="N866585" s="10"/>
    </row>
    <row r="866586" spans="14:14">
      <c r="N866586" s="10"/>
    </row>
    <row r="866587" spans="14:14">
      <c r="N866587" s="10"/>
    </row>
    <row r="866588" spans="14:14">
      <c r="N866588" s="10"/>
    </row>
    <row r="866589" spans="14:14">
      <c r="N866589" s="10"/>
    </row>
    <row r="866590" spans="14:14">
      <c r="N866590" s="10"/>
    </row>
    <row r="866591" spans="14:14">
      <c r="N866591" s="10"/>
    </row>
    <row r="866592" spans="14:14">
      <c r="N866592" s="10"/>
    </row>
    <row r="866593" spans="14:14">
      <c r="N866593" s="10"/>
    </row>
    <row r="866594" spans="14:14">
      <c r="N866594" s="10"/>
    </row>
    <row r="866595" spans="14:14">
      <c r="N866595" s="10"/>
    </row>
    <row r="866596" spans="14:14">
      <c r="N866596" s="10"/>
    </row>
    <row r="866597" spans="14:14">
      <c r="N866597" s="10"/>
    </row>
    <row r="866598" spans="14:14">
      <c r="N866598" s="10"/>
    </row>
    <row r="866599" spans="14:14">
      <c r="N866599" s="10"/>
    </row>
    <row r="866600" spans="14:14">
      <c r="N866600" s="10"/>
    </row>
    <row r="866601" spans="14:14">
      <c r="N866601" s="10"/>
    </row>
    <row r="866602" spans="14:14">
      <c r="N866602" s="10"/>
    </row>
    <row r="866603" spans="14:14">
      <c r="N866603" s="10"/>
    </row>
    <row r="866604" spans="14:14">
      <c r="N866604" s="10"/>
    </row>
    <row r="866605" spans="14:14">
      <c r="N866605" s="10"/>
    </row>
    <row r="866606" spans="14:14">
      <c r="N866606" s="10"/>
    </row>
    <row r="866607" spans="14:14">
      <c r="N866607" s="10"/>
    </row>
    <row r="866608" spans="14:14">
      <c r="N866608" s="10"/>
    </row>
    <row r="866609" spans="14:14">
      <c r="N866609" s="10"/>
    </row>
    <row r="866610" spans="14:14">
      <c r="N866610" s="10"/>
    </row>
    <row r="866611" spans="14:14">
      <c r="N866611" s="10"/>
    </row>
    <row r="866612" spans="14:14">
      <c r="N866612" s="10"/>
    </row>
    <row r="866613" spans="14:14">
      <c r="N866613" s="10"/>
    </row>
    <row r="866614" spans="14:14">
      <c r="N866614" s="10"/>
    </row>
    <row r="866615" spans="14:14">
      <c r="N866615" s="10"/>
    </row>
    <row r="866616" spans="14:14">
      <c r="N866616" s="10"/>
    </row>
    <row r="866617" spans="14:14">
      <c r="N866617" s="10"/>
    </row>
    <row r="866618" spans="14:14">
      <c r="N866618" s="10"/>
    </row>
    <row r="866619" spans="14:14">
      <c r="N866619" s="10"/>
    </row>
    <row r="866620" spans="14:14">
      <c r="N866620" s="10"/>
    </row>
    <row r="866621" spans="14:14">
      <c r="N866621" s="10"/>
    </row>
    <row r="866622" spans="14:14">
      <c r="N866622" s="10"/>
    </row>
    <row r="866623" spans="14:14">
      <c r="N866623" s="10"/>
    </row>
    <row r="866624" spans="14:14">
      <c r="N866624" s="10"/>
    </row>
    <row r="866625" spans="14:14">
      <c r="N866625" s="10"/>
    </row>
    <row r="866626" spans="14:14">
      <c r="N866626" s="10"/>
    </row>
    <row r="866627" spans="14:14">
      <c r="N866627" s="10"/>
    </row>
    <row r="866628" spans="14:14">
      <c r="N866628" s="10"/>
    </row>
    <row r="866629" spans="14:14">
      <c r="N866629" s="10"/>
    </row>
    <row r="866630" spans="14:14">
      <c r="N866630" s="10"/>
    </row>
    <row r="866631" spans="14:14">
      <c r="N866631" s="10"/>
    </row>
    <row r="866632" spans="14:14">
      <c r="N866632" s="10"/>
    </row>
    <row r="866633" spans="14:14">
      <c r="N866633" s="10"/>
    </row>
    <row r="866634" spans="14:14">
      <c r="N866634" s="10"/>
    </row>
    <row r="866635" spans="14:14">
      <c r="N866635" s="10"/>
    </row>
    <row r="866636" spans="14:14">
      <c r="N866636" s="10"/>
    </row>
    <row r="866637" spans="14:14">
      <c r="N866637" s="10"/>
    </row>
    <row r="866638" spans="14:14">
      <c r="N866638" s="10"/>
    </row>
    <row r="866639" spans="14:14">
      <c r="N866639" s="10"/>
    </row>
    <row r="866640" spans="14:14">
      <c r="N866640" s="10"/>
    </row>
    <row r="866641" spans="14:14">
      <c r="N866641" s="10"/>
    </row>
    <row r="866642" spans="14:14">
      <c r="N866642" s="10"/>
    </row>
    <row r="866643" spans="14:14">
      <c r="N866643" s="10"/>
    </row>
    <row r="866644" spans="14:14">
      <c r="N866644" s="10"/>
    </row>
    <row r="866645" spans="14:14">
      <c r="N866645" s="10"/>
    </row>
    <row r="866646" spans="14:14">
      <c r="N866646" s="10"/>
    </row>
    <row r="866647" spans="14:14">
      <c r="N866647" s="10"/>
    </row>
    <row r="866648" spans="14:14">
      <c r="N866648" s="10"/>
    </row>
    <row r="866649" spans="14:14">
      <c r="N866649" s="10"/>
    </row>
    <row r="866650" spans="14:14">
      <c r="N866650" s="10"/>
    </row>
    <row r="866651" spans="14:14">
      <c r="N866651" s="10"/>
    </row>
    <row r="866652" spans="14:14">
      <c r="N866652" s="10"/>
    </row>
    <row r="866653" spans="14:14">
      <c r="N866653" s="10"/>
    </row>
    <row r="866654" spans="14:14">
      <c r="N866654" s="10"/>
    </row>
    <row r="866655" spans="14:14">
      <c r="N866655" s="10"/>
    </row>
    <row r="866656" spans="14:14">
      <c r="N866656" s="10"/>
    </row>
    <row r="866657" spans="14:14">
      <c r="N866657" s="10"/>
    </row>
    <row r="866658" spans="14:14">
      <c r="N866658" s="10"/>
    </row>
    <row r="866659" spans="14:14">
      <c r="N866659" s="10"/>
    </row>
    <row r="866660" spans="14:14">
      <c r="N866660" s="10"/>
    </row>
    <row r="866661" spans="14:14">
      <c r="N866661" s="10"/>
    </row>
    <row r="866662" spans="14:14">
      <c r="N866662" s="10"/>
    </row>
    <row r="866663" spans="14:14">
      <c r="N866663" s="10"/>
    </row>
    <row r="866664" spans="14:14">
      <c r="N866664" s="10"/>
    </row>
    <row r="866665" spans="14:14">
      <c r="N866665" s="10"/>
    </row>
    <row r="866666" spans="14:14">
      <c r="N866666" s="10"/>
    </row>
    <row r="866667" spans="14:14">
      <c r="N866667" s="10"/>
    </row>
    <row r="866668" spans="14:14">
      <c r="N866668" s="10"/>
    </row>
    <row r="866669" spans="14:14">
      <c r="N866669" s="10"/>
    </row>
    <row r="866670" spans="14:14">
      <c r="N866670" s="10"/>
    </row>
    <row r="866671" spans="14:14">
      <c r="N866671" s="10"/>
    </row>
    <row r="866672" spans="14:14">
      <c r="N866672" s="10"/>
    </row>
    <row r="866673" spans="14:14">
      <c r="N866673" s="10"/>
    </row>
    <row r="866674" spans="14:14">
      <c r="N866674" s="10"/>
    </row>
    <row r="866675" spans="14:14">
      <c r="N866675" s="10"/>
    </row>
    <row r="866676" spans="14:14">
      <c r="N866676" s="10"/>
    </row>
    <row r="866677" spans="14:14">
      <c r="N866677" s="10"/>
    </row>
    <row r="866678" spans="14:14">
      <c r="N866678" s="10"/>
    </row>
    <row r="866679" spans="14:14">
      <c r="N866679" s="10"/>
    </row>
    <row r="866680" spans="14:14">
      <c r="N866680" s="10"/>
    </row>
    <row r="866681" spans="14:14">
      <c r="N866681" s="10"/>
    </row>
    <row r="866682" spans="14:14">
      <c r="N866682" s="10"/>
    </row>
    <row r="866683" spans="14:14">
      <c r="N866683" s="10"/>
    </row>
    <row r="866684" spans="14:14">
      <c r="N866684" s="10"/>
    </row>
    <row r="866685" spans="14:14">
      <c r="N866685" s="10"/>
    </row>
    <row r="866686" spans="14:14">
      <c r="N866686" s="10"/>
    </row>
    <row r="866687" spans="14:14">
      <c r="N866687" s="10"/>
    </row>
    <row r="866688" spans="14:14">
      <c r="N866688" s="10"/>
    </row>
    <row r="866689" spans="14:14">
      <c r="N866689" s="10"/>
    </row>
    <row r="866690" spans="14:14">
      <c r="N866690" s="10"/>
    </row>
    <row r="866691" spans="14:14">
      <c r="N866691" s="10"/>
    </row>
    <row r="866692" spans="14:14">
      <c r="N866692" s="10"/>
    </row>
    <row r="866693" spans="14:14">
      <c r="N866693" s="10"/>
    </row>
    <row r="866694" spans="14:14">
      <c r="N866694" s="10"/>
    </row>
    <row r="866695" spans="14:14">
      <c r="N866695" s="10"/>
    </row>
    <row r="866696" spans="14:14">
      <c r="N866696" s="10"/>
    </row>
    <row r="866697" spans="14:14">
      <c r="N866697" s="10"/>
    </row>
    <row r="866698" spans="14:14">
      <c r="N866698" s="10"/>
    </row>
    <row r="866699" spans="14:14">
      <c r="N866699" s="10"/>
    </row>
    <row r="866700" spans="14:14">
      <c r="N866700" s="10"/>
    </row>
    <row r="866701" spans="14:14">
      <c r="N866701" s="10"/>
    </row>
    <row r="866702" spans="14:14">
      <c r="N866702" s="10"/>
    </row>
    <row r="866703" spans="14:14">
      <c r="N866703" s="10"/>
    </row>
    <row r="866704" spans="14:14">
      <c r="N866704" s="10"/>
    </row>
    <row r="866705" spans="14:14">
      <c r="N866705" s="10"/>
    </row>
    <row r="866706" spans="14:14">
      <c r="N866706" s="10"/>
    </row>
    <row r="866707" spans="14:14">
      <c r="N866707" s="10"/>
    </row>
    <row r="866708" spans="14:14">
      <c r="N866708" s="10"/>
    </row>
    <row r="866709" spans="14:14">
      <c r="N866709" s="10"/>
    </row>
    <row r="866710" spans="14:14">
      <c r="N866710" s="10"/>
    </row>
    <row r="866711" spans="14:14">
      <c r="N866711" s="10"/>
    </row>
    <row r="866712" spans="14:14">
      <c r="N866712" s="10"/>
    </row>
    <row r="866713" spans="14:14">
      <c r="N866713" s="10"/>
    </row>
    <row r="866714" spans="14:14">
      <c r="N866714" s="10"/>
    </row>
    <row r="866715" spans="14:14">
      <c r="N866715" s="10"/>
    </row>
    <row r="866716" spans="14:14">
      <c r="N866716" s="10"/>
    </row>
    <row r="866717" spans="14:14">
      <c r="N866717" s="10"/>
    </row>
    <row r="866718" spans="14:14">
      <c r="N866718" s="10"/>
    </row>
    <row r="866719" spans="14:14">
      <c r="N866719" s="10"/>
    </row>
    <row r="866720" spans="14:14">
      <c r="N866720" s="10"/>
    </row>
    <row r="866721" spans="14:14">
      <c r="N866721" s="10"/>
    </row>
    <row r="866722" spans="14:14">
      <c r="N866722" s="10"/>
    </row>
    <row r="866723" spans="14:14">
      <c r="N866723" s="10"/>
    </row>
    <row r="866724" spans="14:14">
      <c r="N866724" s="10"/>
    </row>
    <row r="866725" spans="14:14">
      <c r="N866725" s="10"/>
    </row>
    <row r="866726" spans="14:14">
      <c r="N866726" s="10"/>
    </row>
    <row r="866727" spans="14:14">
      <c r="N866727" s="10"/>
    </row>
    <row r="866728" spans="14:14">
      <c r="N866728" s="10"/>
    </row>
    <row r="866729" spans="14:14">
      <c r="N866729" s="10"/>
    </row>
    <row r="866730" spans="14:14">
      <c r="N866730" s="10"/>
    </row>
    <row r="866731" spans="14:14">
      <c r="N866731" s="10"/>
    </row>
    <row r="866732" spans="14:14">
      <c r="N866732" s="10"/>
    </row>
    <row r="866733" spans="14:14">
      <c r="N866733" s="10"/>
    </row>
    <row r="866734" spans="14:14">
      <c r="N866734" s="10"/>
    </row>
    <row r="866735" spans="14:14">
      <c r="N866735" s="10"/>
    </row>
    <row r="866736" spans="14:14">
      <c r="N866736" s="10"/>
    </row>
    <row r="866737" spans="14:14">
      <c r="N866737" s="10"/>
    </row>
    <row r="866738" spans="14:14">
      <c r="N866738" s="10"/>
    </row>
    <row r="866739" spans="14:14">
      <c r="N866739" s="10"/>
    </row>
    <row r="866740" spans="14:14">
      <c r="N866740" s="10"/>
    </row>
    <row r="866741" spans="14:14">
      <c r="N866741" s="10"/>
    </row>
    <row r="866742" spans="14:14">
      <c r="N866742" s="10"/>
    </row>
    <row r="866743" spans="14:14">
      <c r="N866743" s="10"/>
    </row>
    <row r="866744" spans="14:14">
      <c r="N866744" s="10"/>
    </row>
    <row r="866745" spans="14:14">
      <c r="N866745" s="10"/>
    </row>
    <row r="866746" spans="14:14">
      <c r="N866746" s="10"/>
    </row>
    <row r="866747" spans="14:14">
      <c r="N866747" s="10"/>
    </row>
    <row r="866748" spans="14:14">
      <c r="N866748" s="10"/>
    </row>
    <row r="866749" spans="14:14">
      <c r="N866749" s="10"/>
    </row>
    <row r="866750" spans="14:14">
      <c r="N866750" s="10"/>
    </row>
    <row r="866751" spans="14:14">
      <c r="N866751" s="10"/>
    </row>
    <row r="866752" spans="14:14">
      <c r="N866752" s="10"/>
    </row>
    <row r="866753" spans="14:14">
      <c r="N866753" s="10"/>
    </row>
    <row r="866754" spans="14:14">
      <c r="N866754" s="10"/>
    </row>
    <row r="866755" spans="14:14">
      <c r="N866755" s="10"/>
    </row>
    <row r="866756" spans="14:14">
      <c r="N866756" s="10"/>
    </row>
    <row r="866757" spans="14:14">
      <c r="N866757" s="10"/>
    </row>
    <row r="866758" spans="14:14">
      <c r="N866758" s="10"/>
    </row>
    <row r="866759" spans="14:14">
      <c r="N866759" s="10"/>
    </row>
    <row r="866760" spans="14:14">
      <c r="N866760" s="10"/>
    </row>
    <row r="866761" spans="14:14">
      <c r="N866761" s="10"/>
    </row>
    <row r="866762" spans="14:14">
      <c r="N866762" s="10"/>
    </row>
    <row r="866763" spans="14:14">
      <c r="N866763" s="10"/>
    </row>
    <row r="866764" spans="14:14">
      <c r="N866764" s="10"/>
    </row>
    <row r="866765" spans="14:14">
      <c r="N866765" s="10"/>
    </row>
    <row r="866766" spans="14:14">
      <c r="N866766" s="10"/>
    </row>
    <row r="866767" spans="14:14">
      <c r="N866767" s="10"/>
    </row>
    <row r="866768" spans="14:14">
      <c r="N866768" s="10"/>
    </row>
    <row r="866769" spans="14:14">
      <c r="N866769" s="10"/>
    </row>
    <row r="866770" spans="14:14">
      <c r="N866770" s="10"/>
    </row>
    <row r="866771" spans="14:14">
      <c r="N866771" s="10"/>
    </row>
    <row r="866772" spans="14:14">
      <c r="N866772" s="10"/>
    </row>
    <row r="866773" spans="14:14">
      <c r="N866773" s="10"/>
    </row>
    <row r="866774" spans="14:14">
      <c r="N866774" s="10"/>
    </row>
    <row r="866775" spans="14:14">
      <c r="N866775" s="10"/>
    </row>
    <row r="866776" spans="14:14">
      <c r="N866776" s="10"/>
    </row>
    <row r="866777" spans="14:14">
      <c r="N866777" s="10"/>
    </row>
    <row r="866778" spans="14:14">
      <c r="N866778" s="10"/>
    </row>
    <row r="866779" spans="14:14">
      <c r="N866779" s="10"/>
    </row>
    <row r="866780" spans="14:14">
      <c r="N866780" s="10"/>
    </row>
    <row r="866781" spans="14:14">
      <c r="N866781" s="10"/>
    </row>
    <row r="866782" spans="14:14">
      <c r="N866782" s="10"/>
    </row>
    <row r="866783" spans="14:14">
      <c r="N866783" s="10"/>
    </row>
    <row r="866784" spans="14:14">
      <c r="N866784" s="10"/>
    </row>
    <row r="866785" spans="14:14">
      <c r="N866785" s="10"/>
    </row>
    <row r="866786" spans="14:14">
      <c r="N866786" s="10"/>
    </row>
    <row r="866787" spans="14:14">
      <c r="N866787" s="10"/>
    </row>
    <row r="866788" spans="14:14">
      <c r="N866788" s="10"/>
    </row>
    <row r="866789" spans="14:14">
      <c r="N866789" s="10"/>
    </row>
    <row r="866790" spans="14:14">
      <c r="N866790" s="10"/>
    </row>
    <row r="866791" spans="14:14">
      <c r="N866791" s="10"/>
    </row>
    <row r="866792" spans="14:14">
      <c r="N866792" s="10"/>
    </row>
    <row r="866793" spans="14:14">
      <c r="N866793" s="10"/>
    </row>
    <row r="866794" spans="14:14">
      <c r="N866794" s="10"/>
    </row>
    <row r="866795" spans="14:14">
      <c r="N866795" s="10"/>
    </row>
    <row r="866796" spans="14:14">
      <c r="N866796" s="10"/>
    </row>
    <row r="866797" spans="14:14">
      <c r="N866797" s="10"/>
    </row>
    <row r="866798" spans="14:14">
      <c r="N866798" s="10"/>
    </row>
    <row r="866799" spans="14:14">
      <c r="N866799" s="10"/>
    </row>
    <row r="866800" spans="14:14">
      <c r="N866800" s="10"/>
    </row>
    <row r="866801" spans="14:14">
      <c r="N866801" s="10"/>
    </row>
    <row r="866802" spans="14:14">
      <c r="N866802" s="10"/>
    </row>
    <row r="866803" spans="14:14">
      <c r="N866803" s="10"/>
    </row>
    <row r="866804" spans="14:14">
      <c r="N866804" s="10"/>
    </row>
    <row r="866805" spans="14:14">
      <c r="N866805" s="10"/>
    </row>
    <row r="866806" spans="14:14">
      <c r="N866806" s="10"/>
    </row>
    <row r="866807" spans="14:14">
      <c r="N866807" s="10"/>
    </row>
    <row r="866808" spans="14:14">
      <c r="N866808" s="10"/>
    </row>
    <row r="866809" spans="14:14">
      <c r="N866809" s="10"/>
    </row>
    <row r="866810" spans="14:14">
      <c r="N866810" s="10"/>
    </row>
    <row r="866811" spans="14:14">
      <c r="N866811" s="10"/>
    </row>
    <row r="866812" spans="14:14">
      <c r="N866812" s="10"/>
    </row>
    <row r="866813" spans="14:14">
      <c r="N866813" s="10"/>
    </row>
    <row r="866814" spans="14:14">
      <c r="N866814" s="10"/>
    </row>
    <row r="866815" spans="14:14">
      <c r="N866815" s="10"/>
    </row>
    <row r="866816" spans="14:14">
      <c r="N866816" s="10"/>
    </row>
    <row r="866817" spans="14:14">
      <c r="N866817" s="10"/>
    </row>
    <row r="866818" spans="14:14">
      <c r="N866818" s="10"/>
    </row>
    <row r="866819" spans="14:14">
      <c r="N866819" s="10"/>
    </row>
    <row r="866820" spans="14:14">
      <c r="N866820" s="10"/>
    </row>
    <row r="866821" spans="14:14">
      <c r="N866821" s="10"/>
    </row>
    <row r="866822" spans="14:14">
      <c r="N866822" s="10"/>
    </row>
    <row r="866823" spans="14:14">
      <c r="N866823" s="10"/>
    </row>
    <row r="866824" spans="14:14">
      <c r="N866824" s="10"/>
    </row>
    <row r="866825" spans="14:14">
      <c r="N866825" s="10"/>
    </row>
    <row r="866826" spans="14:14">
      <c r="N866826" s="10"/>
    </row>
    <row r="866827" spans="14:14">
      <c r="N866827" s="10"/>
    </row>
    <row r="866828" spans="14:14">
      <c r="N866828" s="10"/>
    </row>
    <row r="866829" spans="14:14">
      <c r="N866829" s="10"/>
    </row>
    <row r="866830" spans="14:14">
      <c r="N866830" s="10"/>
    </row>
    <row r="866831" spans="14:14">
      <c r="N866831" s="10"/>
    </row>
    <row r="866832" spans="14:14">
      <c r="N866832" s="10"/>
    </row>
    <row r="866833" spans="14:14">
      <c r="N866833" s="10"/>
    </row>
    <row r="866834" spans="14:14">
      <c r="N866834" s="10"/>
    </row>
    <row r="866835" spans="14:14">
      <c r="N866835" s="10"/>
    </row>
    <row r="866836" spans="14:14">
      <c r="N866836" s="10"/>
    </row>
    <row r="866837" spans="14:14">
      <c r="N866837" s="10"/>
    </row>
    <row r="866838" spans="14:14">
      <c r="N866838" s="10"/>
    </row>
    <row r="866839" spans="14:14">
      <c r="N866839" s="10"/>
    </row>
    <row r="866840" spans="14:14">
      <c r="N866840" s="10"/>
    </row>
    <row r="866841" spans="14:14">
      <c r="N866841" s="10"/>
    </row>
    <row r="866842" spans="14:14">
      <c r="N866842" s="10"/>
    </row>
    <row r="866843" spans="14:14">
      <c r="N866843" s="10"/>
    </row>
    <row r="866844" spans="14:14">
      <c r="N866844" s="10"/>
    </row>
    <row r="866845" spans="14:14">
      <c r="N866845" s="10"/>
    </row>
    <row r="866846" spans="14:14">
      <c r="N866846" s="10"/>
    </row>
    <row r="866847" spans="14:14">
      <c r="N866847" s="10"/>
    </row>
    <row r="866848" spans="14:14">
      <c r="N866848" s="10"/>
    </row>
    <row r="866849" spans="14:14">
      <c r="N866849" s="10"/>
    </row>
    <row r="866850" spans="14:14">
      <c r="N866850" s="10"/>
    </row>
    <row r="866851" spans="14:14">
      <c r="N866851" s="10"/>
    </row>
    <row r="866852" spans="14:14">
      <c r="N866852" s="10"/>
    </row>
    <row r="866853" spans="14:14">
      <c r="N866853" s="10"/>
    </row>
    <row r="866854" spans="14:14">
      <c r="N866854" s="10"/>
    </row>
    <row r="866855" spans="14:14">
      <c r="N866855" s="10"/>
    </row>
    <row r="866856" spans="14:14">
      <c r="N866856" s="10"/>
    </row>
    <row r="866857" spans="14:14">
      <c r="N866857" s="10"/>
    </row>
    <row r="866858" spans="14:14">
      <c r="N866858" s="10"/>
    </row>
    <row r="866859" spans="14:14">
      <c r="N866859" s="10"/>
    </row>
    <row r="866860" spans="14:14">
      <c r="N866860" s="10"/>
    </row>
    <row r="866861" spans="14:14">
      <c r="N866861" s="10"/>
    </row>
    <row r="866862" spans="14:14">
      <c r="N866862" s="10"/>
    </row>
    <row r="866863" spans="14:14">
      <c r="N866863" s="10"/>
    </row>
    <row r="866864" spans="14:14">
      <c r="N866864" s="10"/>
    </row>
    <row r="866865" spans="14:14">
      <c r="N866865" s="10"/>
    </row>
    <row r="866866" spans="14:14">
      <c r="N866866" s="10"/>
    </row>
    <row r="866867" spans="14:14">
      <c r="N866867" s="10"/>
    </row>
    <row r="866868" spans="14:14">
      <c r="N866868" s="10"/>
    </row>
    <row r="866869" spans="14:14">
      <c r="N866869" s="10"/>
    </row>
    <row r="866870" spans="14:14">
      <c r="N866870" s="10"/>
    </row>
    <row r="866871" spans="14:14">
      <c r="N866871" s="10"/>
    </row>
    <row r="866872" spans="14:14">
      <c r="N866872" s="10"/>
    </row>
    <row r="866873" spans="14:14">
      <c r="N866873" s="10"/>
    </row>
    <row r="866874" spans="14:14">
      <c r="N866874" s="10"/>
    </row>
    <row r="866875" spans="14:14">
      <c r="N866875" s="10"/>
    </row>
    <row r="866876" spans="14:14">
      <c r="N866876" s="10"/>
    </row>
    <row r="866877" spans="14:14">
      <c r="N866877" s="10"/>
    </row>
    <row r="866878" spans="14:14">
      <c r="N866878" s="10"/>
    </row>
    <row r="866879" spans="14:14">
      <c r="N866879" s="10"/>
    </row>
    <row r="866880" spans="14:14">
      <c r="N866880" s="10"/>
    </row>
    <row r="866881" spans="14:14">
      <c r="N866881" s="10"/>
    </row>
    <row r="866882" spans="14:14">
      <c r="N866882" s="10"/>
    </row>
    <row r="866883" spans="14:14">
      <c r="N866883" s="10"/>
    </row>
    <row r="866884" spans="14:14">
      <c r="N866884" s="10"/>
    </row>
    <row r="866885" spans="14:14">
      <c r="N866885" s="10"/>
    </row>
    <row r="866886" spans="14:14">
      <c r="N866886" s="10"/>
    </row>
    <row r="866887" spans="14:14">
      <c r="N866887" s="10"/>
    </row>
    <row r="866888" spans="14:14">
      <c r="N866888" s="10"/>
    </row>
    <row r="866889" spans="14:14">
      <c r="N866889" s="10"/>
    </row>
    <row r="866890" spans="14:14">
      <c r="N866890" s="10"/>
    </row>
    <row r="866891" spans="14:14">
      <c r="N866891" s="10"/>
    </row>
    <row r="866892" spans="14:14">
      <c r="N866892" s="10"/>
    </row>
    <row r="866893" spans="14:14">
      <c r="N866893" s="10"/>
    </row>
    <row r="866894" spans="14:14">
      <c r="N866894" s="10"/>
    </row>
    <row r="866895" spans="14:14">
      <c r="N866895" s="10"/>
    </row>
    <row r="866896" spans="14:14">
      <c r="N866896" s="10"/>
    </row>
    <row r="866897" spans="14:14">
      <c r="N866897" s="10"/>
    </row>
    <row r="866898" spans="14:14">
      <c r="N866898" s="10"/>
    </row>
    <row r="866899" spans="14:14">
      <c r="N866899" s="10"/>
    </row>
    <row r="866900" spans="14:14">
      <c r="N866900" s="10"/>
    </row>
    <row r="866901" spans="14:14">
      <c r="N866901" s="10"/>
    </row>
    <row r="866902" spans="14:14">
      <c r="N866902" s="10"/>
    </row>
    <row r="866903" spans="14:14">
      <c r="N866903" s="10"/>
    </row>
    <row r="866904" spans="14:14">
      <c r="N866904" s="10"/>
    </row>
    <row r="866905" spans="14:14">
      <c r="N866905" s="10"/>
    </row>
    <row r="866906" spans="14:14">
      <c r="N866906" s="10"/>
    </row>
    <row r="866907" spans="14:14">
      <c r="N866907" s="10"/>
    </row>
    <row r="866908" spans="14:14">
      <c r="N866908" s="10"/>
    </row>
    <row r="866909" spans="14:14">
      <c r="N866909" s="10"/>
    </row>
    <row r="866910" spans="14:14">
      <c r="N866910" s="10"/>
    </row>
    <row r="866911" spans="14:14">
      <c r="N866911" s="10"/>
    </row>
    <row r="866912" spans="14:14">
      <c r="N866912" s="10"/>
    </row>
    <row r="866913" spans="14:14">
      <c r="N866913" s="10"/>
    </row>
    <row r="866914" spans="14:14">
      <c r="N866914" s="10"/>
    </row>
    <row r="866915" spans="14:14">
      <c r="N866915" s="10"/>
    </row>
    <row r="866916" spans="14:14">
      <c r="N866916" s="10"/>
    </row>
    <row r="866917" spans="14:14">
      <c r="N866917" s="10"/>
    </row>
    <row r="866918" spans="14:14">
      <c r="N866918" s="10"/>
    </row>
    <row r="866919" spans="14:14">
      <c r="N866919" s="10"/>
    </row>
    <row r="866920" spans="14:14">
      <c r="N866920" s="10"/>
    </row>
    <row r="866921" spans="14:14">
      <c r="N866921" s="10"/>
    </row>
    <row r="866922" spans="14:14">
      <c r="N866922" s="10"/>
    </row>
    <row r="866923" spans="14:14">
      <c r="N866923" s="10"/>
    </row>
    <row r="866924" spans="14:14">
      <c r="N866924" s="10"/>
    </row>
    <row r="866925" spans="14:14">
      <c r="N866925" s="10"/>
    </row>
    <row r="866926" spans="14:14">
      <c r="N866926" s="10"/>
    </row>
    <row r="866927" spans="14:14">
      <c r="N866927" s="10"/>
    </row>
    <row r="866928" spans="14:14">
      <c r="N866928" s="10"/>
    </row>
    <row r="866929" spans="14:14">
      <c r="N866929" s="10"/>
    </row>
    <row r="866930" spans="14:14">
      <c r="N866930" s="10"/>
    </row>
    <row r="866931" spans="14:14">
      <c r="N866931" s="10"/>
    </row>
    <row r="866932" spans="14:14">
      <c r="N866932" s="10"/>
    </row>
    <row r="866933" spans="14:14">
      <c r="N866933" s="10"/>
    </row>
    <row r="866934" spans="14:14">
      <c r="N866934" s="10"/>
    </row>
    <row r="866935" spans="14:14">
      <c r="N866935" s="10"/>
    </row>
    <row r="866936" spans="14:14">
      <c r="N866936" s="10"/>
    </row>
    <row r="866937" spans="14:14">
      <c r="N866937" s="10"/>
    </row>
    <row r="866938" spans="14:14">
      <c r="N866938" s="10"/>
    </row>
    <row r="866939" spans="14:14">
      <c r="N866939" s="10"/>
    </row>
    <row r="866940" spans="14:14">
      <c r="N866940" s="10"/>
    </row>
    <row r="866941" spans="14:14">
      <c r="N866941" s="10"/>
    </row>
    <row r="866942" spans="14:14">
      <c r="N866942" s="10"/>
    </row>
    <row r="866943" spans="14:14">
      <c r="N866943" s="10"/>
    </row>
    <row r="866944" spans="14:14">
      <c r="N866944" s="10"/>
    </row>
    <row r="866945" spans="14:14">
      <c r="N866945" s="10"/>
    </row>
    <row r="866946" spans="14:14">
      <c r="N866946" s="10"/>
    </row>
    <row r="866947" spans="14:14">
      <c r="N866947" s="10"/>
    </row>
    <row r="866948" spans="14:14">
      <c r="N866948" s="10"/>
    </row>
    <row r="866949" spans="14:14">
      <c r="N866949" s="10"/>
    </row>
    <row r="866950" spans="14:14">
      <c r="N866950" s="10"/>
    </row>
    <row r="866951" spans="14:14">
      <c r="N866951" s="10"/>
    </row>
    <row r="866952" spans="14:14">
      <c r="N866952" s="10"/>
    </row>
    <row r="866953" spans="14:14">
      <c r="N866953" s="10"/>
    </row>
    <row r="866954" spans="14:14">
      <c r="N866954" s="10"/>
    </row>
    <row r="866955" spans="14:14">
      <c r="N866955" s="10"/>
    </row>
    <row r="866956" spans="14:14">
      <c r="N866956" s="10"/>
    </row>
    <row r="866957" spans="14:14">
      <c r="N866957" s="10"/>
    </row>
    <row r="866958" spans="14:14">
      <c r="N866958" s="10"/>
    </row>
    <row r="866959" spans="14:14">
      <c r="N866959" s="10"/>
    </row>
    <row r="866960" spans="14:14">
      <c r="N866960" s="10"/>
    </row>
    <row r="866961" spans="14:14">
      <c r="N866961" s="10"/>
    </row>
    <row r="866962" spans="14:14">
      <c r="N866962" s="10"/>
    </row>
    <row r="866963" spans="14:14">
      <c r="N866963" s="10"/>
    </row>
    <row r="866964" spans="14:14">
      <c r="N866964" s="10"/>
    </row>
    <row r="866965" spans="14:14">
      <c r="N866965" s="10"/>
    </row>
    <row r="866966" spans="14:14">
      <c r="N866966" s="10"/>
    </row>
    <row r="866967" spans="14:14">
      <c r="N866967" s="10"/>
    </row>
    <row r="866968" spans="14:14">
      <c r="N866968" s="10"/>
    </row>
    <row r="866969" spans="14:14">
      <c r="N866969" s="10"/>
    </row>
    <row r="866970" spans="14:14">
      <c r="N866970" s="10"/>
    </row>
    <row r="866971" spans="14:14">
      <c r="N866971" s="10"/>
    </row>
    <row r="866972" spans="14:14">
      <c r="N866972" s="10"/>
    </row>
    <row r="866973" spans="14:14">
      <c r="N866973" s="10"/>
    </row>
    <row r="866974" spans="14:14">
      <c r="N866974" s="10"/>
    </row>
    <row r="866975" spans="14:14">
      <c r="N866975" s="10"/>
    </row>
    <row r="866976" spans="14:14">
      <c r="N866976" s="10"/>
    </row>
    <row r="866977" spans="14:14">
      <c r="N866977" s="10"/>
    </row>
    <row r="866978" spans="14:14">
      <c r="N866978" s="10"/>
    </row>
    <row r="866979" spans="14:14">
      <c r="N866979" s="10"/>
    </row>
    <row r="866980" spans="14:14">
      <c r="N866980" s="10"/>
    </row>
    <row r="866981" spans="14:14">
      <c r="N866981" s="10"/>
    </row>
    <row r="866982" spans="14:14">
      <c r="N866982" s="10"/>
    </row>
    <row r="866983" spans="14:14">
      <c r="N866983" s="10"/>
    </row>
    <row r="866984" spans="14:14">
      <c r="N866984" s="10"/>
    </row>
    <row r="866985" spans="14:14">
      <c r="N866985" s="10"/>
    </row>
    <row r="866986" spans="14:14">
      <c r="N866986" s="10"/>
    </row>
    <row r="866987" spans="14:14">
      <c r="N866987" s="10"/>
    </row>
    <row r="866988" spans="14:14">
      <c r="N866988" s="10"/>
    </row>
    <row r="866989" spans="14:14">
      <c r="N866989" s="10"/>
    </row>
    <row r="866990" spans="14:14">
      <c r="N866990" s="10"/>
    </row>
    <row r="866991" spans="14:14">
      <c r="N866991" s="10"/>
    </row>
    <row r="866992" spans="14:14">
      <c r="N866992" s="10"/>
    </row>
    <row r="866993" spans="14:14">
      <c r="N866993" s="10"/>
    </row>
    <row r="866994" spans="14:14">
      <c r="N866994" s="10"/>
    </row>
    <row r="866995" spans="14:14">
      <c r="N866995" s="10"/>
    </row>
    <row r="866996" spans="14:14">
      <c r="N866996" s="10"/>
    </row>
    <row r="866997" spans="14:14">
      <c r="N866997" s="10"/>
    </row>
    <row r="866998" spans="14:14">
      <c r="N866998" s="10"/>
    </row>
    <row r="866999" spans="14:14">
      <c r="N866999" s="10"/>
    </row>
    <row r="867000" spans="14:14">
      <c r="N867000" s="10"/>
    </row>
    <row r="867001" spans="14:14">
      <c r="N867001" s="10"/>
    </row>
    <row r="867002" spans="14:14">
      <c r="N867002" s="10"/>
    </row>
    <row r="867003" spans="14:14">
      <c r="N867003" s="10"/>
    </row>
    <row r="867004" spans="14:14">
      <c r="N867004" s="10"/>
    </row>
    <row r="867005" spans="14:14">
      <c r="N867005" s="10"/>
    </row>
    <row r="867006" spans="14:14">
      <c r="N867006" s="10"/>
    </row>
    <row r="867007" spans="14:14">
      <c r="N867007" s="10"/>
    </row>
    <row r="867008" spans="14:14">
      <c r="N867008" s="10"/>
    </row>
    <row r="867009" spans="14:14">
      <c r="N867009" s="10"/>
    </row>
    <row r="867010" spans="14:14">
      <c r="N867010" s="10"/>
    </row>
    <row r="867011" spans="14:14">
      <c r="N867011" s="10"/>
    </row>
    <row r="867012" spans="14:14">
      <c r="N867012" s="10"/>
    </row>
    <row r="867013" spans="14:14">
      <c r="N867013" s="10"/>
    </row>
    <row r="867014" spans="14:14">
      <c r="N867014" s="10"/>
    </row>
    <row r="867015" spans="14:14">
      <c r="N867015" s="10"/>
    </row>
    <row r="867016" spans="14:14">
      <c r="N867016" s="10"/>
    </row>
    <row r="867017" spans="14:14">
      <c r="N867017" s="10"/>
    </row>
    <row r="867018" spans="14:14">
      <c r="N867018" s="10"/>
    </row>
    <row r="867019" spans="14:14">
      <c r="N867019" s="10"/>
    </row>
    <row r="867020" spans="14:14">
      <c r="N867020" s="10"/>
    </row>
    <row r="867021" spans="14:14">
      <c r="N867021" s="10"/>
    </row>
    <row r="867022" spans="14:14">
      <c r="N867022" s="10"/>
    </row>
    <row r="867023" spans="14:14">
      <c r="N867023" s="10"/>
    </row>
    <row r="867024" spans="14:14">
      <c r="N867024" s="10"/>
    </row>
    <row r="867025" spans="14:14">
      <c r="N867025" s="10"/>
    </row>
    <row r="867026" spans="14:14">
      <c r="N867026" s="10"/>
    </row>
    <row r="867027" spans="14:14">
      <c r="N867027" s="10"/>
    </row>
    <row r="867028" spans="14:14">
      <c r="N867028" s="10"/>
    </row>
    <row r="867029" spans="14:14">
      <c r="N867029" s="10"/>
    </row>
    <row r="867030" spans="14:14">
      <c r="N867030" s="10"/>
    </row>
    <row r="867031" spans="14:14">
      <c r="N867031" s="10"/>
    </row>
    <row r="867032" spans="14:14">
      <c r="N867032" s="10"/>
    </row>
    <row r="867033" spans="14:14">
      <c r="N867033" s="10"/>
    </row>
    <row r="867034" spans="14:14">
      <c r="N867034" s="10"/>
    </row>
    <row r="867035" spans="14:14">
      <c r="N867035" s="10"/>
    </row>
    <row r="867036" spans="14:14">
      <c r="N867036" s="10"/>
    </row>
    <row r="867037" spans="14:14">
      <c r="N867037" s="10"/>
    </row>
    <row r="867038" spans="14:14">
      <c r="N867038" s="10"/>
    </row>
    <row r="867039" spans="14:14">
      <c r="N867039" s="10"/>
    </row>
    <row r="867040" spans="14:14">
      <c r="N867040" s="10"/>
    </row>
    <row r="867041" spans="14:14">
      <c r="N867041" s="10"/>
    </row>
    <row r="867042" spans="14:14">
      <c r="N867042" s="10"/>
    </row>
    <row r="867043" spans="14:14">
      <c r="N867043" s="10"/>
    </row>
    <row r="867044" spans="14:14">
      <c r="N867044" s="10"/>
    </row>
    <row r="867045" spans="14:14">
      <c r="N867045" s="10"/>
    </row>
    <row r="867046" spans="14:14">
      <c r="N867046" s="10"/>
    </row>
    <row r="867047" spans="14:14">
      <c r="N867047" s="10"/>
    </row>
    <row r="867048" spans="14:14">
      <c r="N867048" s="10"/>
    </row>
    <row r="867049" spans="14:14">
      <c r="N867049" s="10"/>
    </row>
    <row r="867050" spans="14:14">
      <c r="N867050" s="10"/>
    </row>
    <row r="867051" spans="14:14">
      <c r="N867051" s="10"/>
    </row>
    <row r="867052" spans="14:14">
      <c r="N867052" s="10"/>
    </row>
    <row r="867053" spans="14:14">
      <c r="N867053" s="10"/>
    </row>
    <row r="867054" spans="14:14">
      <c r="N867054" s="10"/>
    </row>
    <row r="867055" spans="14:14">
      <c r="N867055" s="10"/>
    </row>
    <row r="867056" spans="14:14">
      <c r="N867056" s="10"/>
    </row>
    <row r="867057" spans="14:14">
      <c r="N867057" s="10"/>
    </row>
    <row r="867058" spans="14:14">
      <c r="N867058" s="10"/>
    </row>
    <row r="867059" spans="14:14">
      <c r="N867059" s="10"/>
    </row>
    <row r="867060" spans="14:14">
      <c r="N867060" s="10"/>
    </row>
    <row r="867061" spans="14:14">
      <c r="N867061" s="10"/>
    </row>
    <row r="867062" spans="14:14">
      <c r="N867062" s="10"/>
    </row>
    <row r="867063" spans="14:14">
      <c r="N867063" s="10"/>
    </row>
    <row r="867064" spans="14:14">
      <c r="N867064" s="10"/>
    </row>
    <row r="867065" spans="14:14">
      <c r="N867065" s="10"/>
    </row>
    <row r="867066" spans="14:14">
      <c r="N867066" s="10"/>
    </row>
    <row r="867067" spans="14:14">
      <c r="N867067" s="10"/>
    </row>
    <row r="867068" spans="14:14">
      <c r="N867068" s="10"/>
    </row>
    <row r="867069" spans="14:14">
      <c r="N867069" s="10"/>
    </row>
    <row r="867070" spans="14:14">
      <c r="N867070" s="10"/>
    </row>
    <row r="867071" spans="14:14">
      <c r="N867071" s="10"/>
    </row>
    <row r="867072" spans="14:14">
      <c r="N867072" s="10"/>
    </row>
    <row r="867073" spans="14:14">
      <c r="N867073" s="10"/>
    </row>
    <row r="867074" spans="14:14">
      <c r="N867074" s="10"/>
    </row>
    <row r="867075" spans="14:14">
      <c r="N867075" s="10"/>
    </row>
    <row r="867076" spans="14:14">
      <c r="N867076" s="10"/>
    </row>
    <row r="867077" spans="14:14">
      <c r="N867077" s="10"/>
    </row>
    <row r="867078" spans="14:14">
      <c r="N867078" s="10"/>
    </row>
    <row r="867079" spans="14:14">
      <c r="N867079" s="10"/>
    </row>
    <row r="867080" spans="14:14">
      <c r="N867080" s="10"/>
    </row>
    <row r="867081" spans="14:14">
      <c r="N867081" s="10"/>
    </row>
    <row r="867082" spans="14:14">
      <c r="N867082" s="10"/>
    </row>
    <row r="867083" spans="14:14">
      <c r="N867083" s="10"/>
    </row>
    <row r="867084" spans="14:14">
      <c r="N867084" s="10"/>
    </row>
    <row r="867085" spans="14:14">
      <c r="N867085" s="10"/>
    </row>
    <row r="867086" spans="14:14">
      <c r="N867086" s="10"/>
    </row>
    <row r="867087" spans="14:14">
      <c r="N867087" s="10"/>
    </row>
    <row r="867088" spans="14:14">
      <c r="N867088" s="10"/>
    </row>
    <row r="867089" spans="14:14">
      <c r="N867089" s="10"/>
    </row>
    <row r="867090" spans="14:14">
      <c r="N867090" s="10"/>
    </row>
    <row r="867091" spans="14:14">
      <c r="N867091" s="10"/>
    </row>
    <row r="867092" spans="14:14">
      <c r="N867092" s="10"/>
    </row>
    <row r="867093" spans="14:14">
      <c r="N867093" s="10"/>
    </row>
    <row r="867094" spans="14:14">
      <c r="N867094" s="10"/>
    </row>
    <row r="867095" spans="14:14">
      <c r="N867095" s="10"/>
    </row>
    <row r="867096" spans="14:14">
      <c r="N867096" s="10"/>
    </row>
    <row r="867097" spans="14:14">
      <c r="N867097" s="10"/>
    </row>
    <row r="867098" spans="14:14">
      <c r="N867098" s="10"/>
    </row>
    <row r="867099" spans="14:14">
      <c r="N867099" s="10"/>
    </row>
    <row r="867100" spans="14:14">
      <c r="N867100" s="10"/>
    </row>
    <row r="867101" spans="14:14">
      <c r="N867101" s="10"/>
    </row>
    <row r="867102" spans="14:14">
      <c r="N867102" s="10"/>
    </row>
    <row r="867103" spans="14:14">
      <c r="N867103" s="10"/>
    </row>
    <row r="867104" spans="14:14">
      <c r="N867104" s="10"/>
    </row>
    <row r="867105" spans="14:14">
      <c r="N867105" s="10"/>
    </row>
    <row r="867106" spans="14:14">
      <c r="N867106" s="10"/>
    </row>
    <row r="867107" spans="14:14">
      <c r="N867107" s="10"/>
    </row>
    <row r="867108" spans="14:14">
      <c r="N867108" s="10"/>
    </row>
    <row r="867109" spans="14:14">
      <c r="N867109" s="10"/>
    </row>
    <row r="867110" spans="14:14">
      <c r="N867110" s="10"/>
    </row>
    <row r="867111" spans="14:14">
      <c r="N867111" s="10"/>
    </row>
    <row r="867112" spans="14:14">
      <c r="N867112" s="10"/>
    </row>
    <row r="867113" spans="14:14">
      <c r="N867113" s="10"/>
    </row>
    <row r="867114" spans="14:14">
      <c r="N867114" s="10"/>
    </row>
    <row r="867115" spans="14:14">
      <c r="N867115" s="10"/>
    </row>
    <row r="867116" spans="14:14">
      <c r="N867116" s="10"/>
    </row>
    <row r="867117" spans="14:14">
      <c r="N867117" s="10"/>
    </row>
    <row r="867118" spans="14:14">
      <c r="N867118" s="10"/>
    </row>
    <row r="867119" spans="14:14">
      <c r="N867119" s="10"/>
    </row>
    <row r="867120" spans="14:14">
      <c r="N867120" s="10"/>
    </row>
    <row r="867121" spans="14:14">
      <c r="N867121" s="10"/>
    </row>
    <row r="867122" spans="14:14">
      <c r="N867122" s="10"/>
    </row>
    <row r="867123" spans="14:14">
      <c r="N867123" s="10"/>
    </row>
    <row r="867124" spans="14:14">
      <c r="N867124" s="10"/>
    </row>
    <row r="867125" spans="14:14">
      <c r="N867125" s="10"/>
    </row>
    <row r="867126" spans="14:14">
      <c r="N867126" s="10"/>
    </row>
    <row r="867127" spans="14:14">
      <c r="N867127" s="10"/>
    </row>
    <row r="867128" spans="14:14">
      <c r="N867128" s="10"/>
    </row>
    <row r="867129" spans="14:14">
      <c r="N867129" s="10"/>
    </row>
    <row r="867130" spans="14:14">
      <c r="N867130" s="10"/>
    </row>
    <row r="867131" spans="14:14">
      <c r="N867131" s="10"/>
    </row>
    <row r="867132" spans="14:14">
      <c r="N867132" s="10"/>
    </row>
    <row r="867133" spans="14:14">
      <c r="N867133" s="10"/>
    </row>
    <row r="867134" spans="14:14">
      <c r="N867134" s="10"/>
    </row>
    <row r="867135" spans="14:14">
      <c r="N867135" s="10"/>
    </row>
    <row r="867136" spans="14:14">
      <c r="N867136" s="10"/>
    </row>
    <row r="867137" spans="14:14">
      <c r="N867137" s="10"/>
    </row>
    <row r="867138" spans="14:14">
      <c r="N867138" s="10"/>
    </row>
    <row r="867139" spans="14:14">
      <c r="N867139" s="10"/>
    </row>
    <row r="867140" spans="14:14">
      <c r="N867140" s="10"/>
    </row>
    <row r="867141" spans="14:14">
      <c r="N867141" s="10"/>
    </row>
    <row r="867142" spans="14:14">
      <c r="N867142" s="10"/>
    </row>
    <row r="867143" spans="14:14">
      <c r="N867143" s="10"/>
    </row>
    <row r="867144" spans="14:14">
      <c r="N867144" s="10"/>
    </row>
    <row r="867145" spans="14:14">
      <c r="N867145" s="10"/>
    </row>
    <row r="867146" spans="14:14">
      <c r="N867146" s="10"/>
    </row>
    <row r="867147" spans="14:14">
      <c r="N867147" s="10"/>
    </row>
    <row r="867148" spans="14:14">
      <c r="N867148" s="10"/>
    </row>
    <row r="867149" spans="14:14">
      <c r="N867149" s="10"/>
    </row>
    <row r="867150" spans="14:14">
      <c r="N867150" s="10"/>
    </row>
    <row r="867151" spans="14:14">
      <c r="N867151" s="10"/>
    </row>
    <row r="867152" spans="14:14">
      <c r="N867152" s="10"/>
    </row>
    <row r="867153" spans="14:14">
      <c r="N867153" s="10"/>
    </row>
    <row r="867154" spans="14:14">
      <c r="N867154" s="10"/>
    </row>
    <row r="867155" spans="14:14">
      <c r="N867155" s="10"/>
    </row>
    <row r="867156" spans="14:14">
      <c r="N867156" s="10"/>
    </row>
    <row r="867157" spans="14:14">
      <c r="N867157" s="10"/>
    </row>
    <row r="867158" spans="14:14">
      <c r="N867158" s="10"/>
    </row>
    <row r="867159" spans="14:14">
      <c r="N867159" s="10"/>
    </row>
    <row r="867160" spans="14:14">
      <c r="N867160" s="10"/>
    </row>
    <row r="867161" spans="14:14">
      <c r="N867161" s="10"/>
    </row>
    <row r="867162" spans="14:14">
      <c r="N867162" s="10"/>
    </row>
    <row r="867163" spans="14:14">
      <c r="N867163" s="10"/>
    </row>
    <row r="867164" spans="14:14">
      <c r="N867164" s="10"/>
    </row>
    <row r="867165" spans="14:14">
      <c r="N867165" s="10"/>
    </row>
    <row r="867166" spans="14:14">
      <c r="N867166" s="10"/>
    </row>
    <row r="867167" spans="14:14">
      <c r="N867167" s="10"/>
    </row>
    <row r="867168" spans="14:14">
      <c r="N867168" s="10"/>
    </row>
    <row r="867169" spans="14:14">
      <c r="N867169" s="10"/>
    </row>
    <row r="867170" spans="14:14">
      <c r="N867170" s="10"/>
    </row>
    <row r="867171" spans="14:14">
      <c r="N867171" s="10"/>
    </row>
    <row r="867172" spans="14:14">
      <c r="N867172" s="10"/>
    </row>
    <row r="867173" spans="14:14">
      <c r="N867173" s="10"/>
    </row>
    <row r="867174" spans="14:14">
      <c r="N867174" s="10"/>
    </row>
    <row r="867175" spans="14:14">
      <c r="N867175" s="10"/>
    </row>
    <row r="867176" spans="14:14">
      <c r="N867176" s="10"/>
    </row>
    <row r="867177" spans="14:14">
      <c r="N867177" s="10"/>
    </row>
    <row r="867178" spans="14:14">
      <c r="N867178" s="10"/>
    </row>
    <row r="867179" spans="14:14">
      <c r="N867179" s="10"/>
    </row>
    <row r="867180" spans="14:14">
      <c r="N867180" s="10"/>
    </row>
    <row r="867181" spans="14:14">
      <c r="N867181" s="10"/>
    </row>
    <row r="867182" spans="14:14">
      <c r="N867182" s="10"/>
    </row>
    <row r="867183" spans="14:14">
      <c r="N867183" s="10"/>
    </row>
    <row r="867184" spans="14:14">
      <c r="N867184" s="10"/>
    </row>
    <row r="867185" spans="14:14">
      <c r="N867185" s="10"/>
    </row>
    <row r="867186" spans="14:14">
      <c r="N867186" s="10"/>
    </row>
    <row r="867187" spans="14:14">
      <c r="N867187" s="10"/>
    </row>
    <row r="867188" spans="14:14">
      <c r="N867188" s="10"/>
    </row>
    <row r="867189" spans="14:14">
      <c r="N867189" s="10"/>
    </row>
    <row r="867190" spans="14:14">
      <c r="N867190" s="10"/>
    </row>
    <row r="867191" spans="14:14">
      <c r="N867191" s="10"/>
    </row>
    <row r="867192" spans="14:14">
      <c r="N867192" s="10"/>
    </row>
    <row r="867193" spans="14:14">
      <c r="N867193" s="10"/>
    </row>
    <row r="867194" spans="14:14">
      <c r="N867194" s="10"/>
    </row>
    <row r="867195" spans="14:14">
      <c r="N867195" s="10"/>
    </row>
    <row r="867196" spans="14:14">
      <c r="N867196" s="10"/>
    </row>
    <row r="867197" spans="14:14">
      <c r="N867197" s="10"/>
    </row>
    <row r="867198" spans="14:14">
      <c r="N867198" s="10"/>
    </row>
    <row r="867199" spans="14:14">
      <c r="N867199" s="10"/>
    </row>
    <row r="867200" spans="14:14">
      <c r="N867200" s="10"/>
    </row>
    <row r="867201" spans="14:14">
      <c r="N867201" s="10"/>
    </row>
    <row r="867202" spans="14:14">
      <c r="N867202" s="10"/>
    </row>
    <row r="867203" spans="14:14">
      <c r="N867203" s="10"/>
    </row>
    <row r="867204" spans="14:14">
      <c r="N867204" s="10"/>
    </row>
    <row r="867205" spans="14:14">
      <c r="N867205" s="10"/>
    </row>
    <row r="867206" spans="14:14">
      <c r="N867206" s="10"/>
    </row>
    <row r="867207" spans="14:14">
      <c r="N867207" s="10"/>
    </row>
    <row r="867208" spans="14:14">
      <c r="N867208" s="10"/>
    </row>
    <row r="867209" spans="14:14">
      <c r="N867209" s="10"/>
    </row>
    <row r="867210" spans="14:14">
      <c r="N867210" s="10"/>
    </row>
    <row r="867211" spans="14:14">
      <c r="N867211" s="10"/>
    </row>
    <row r="867212" spans="14:14">
      <c r="N867212" s="10"/>
    </row>
    <row r="867213" spans="14:14">
      <c r="N867213" s="10"/>
    </row>
    <row r="867214" spans="14:14">
      <c r="N867214" s="10"/>
    </row>
    <row r="867215" spans="14:14">
      <c r="N867215" s="10"/>
    </row>
    <row r="867216" spans="14:14">
      <c r="N867216" s="10"/>
    </row>
    <row r="867217" spans="14:14">
      <c r="N867217" s="10"/>
    </row>
    <row r="867218" spans="14:14">
      <c r="N867218" s="10"/>
    </row>
    <row r="867219" spans="14:14">
      <c r="N867219" s="10"/>
    </row>
    <row r="867220" spans="14:14">
      <c r="N867220" s="10"/>
    </row>
    <row r="867221" spans="14:14">
      <c r="N867221" s="10"/>
    </row>
    <row r="867222" spans="14:14">
      <c r="N867222" s="10"/>
    </row>
    <row r="867223" spans="14:14">
      <c r="N867223" s="10"/>
    </row>
    <row r="867224" spans="14:14">
      <c r="N867224" s="10"/>
    </row>
    <row r="867225" spans="14:14">
      <c r="N867225" s="10"/>
    </row>
    <row r="867226" spans="14:14">
      <c r="N867226" s="10"/>
    </row>
    <row r="867227" spans="14:14">
      <c r="N867227" s="10"/>
    </row>
    <row r="867228" spans="14:14">
      <c r="N867228" s="10"/>
    </row>
    <row r="867229" spans="14:14">
      <c r="N867229" s="10"/>
    </row>
    <row r="867230" spans="14:14">
      <c r="N867230" s="10"/>
    </row>
    <row r="867231" spans="14:14">
      <c r="N867231" s="10"/>
    </row>
    <row r="867232" spans="14:14">
      <c r="N867232" s="10"/>
    </row>
    <row r="867233" spans="14:14">
      <c r="N867233" s="10"/>
    </row>
    <row r="867234" spans="14:14">
      <c r="N867234" s="10"/>
    </row>
    <row r="867235" spans="14:14">
      <c r="N867235" s="10"/>
    </row>
    <row r="867236" spans="14:14">
      <c r="N867236" s="10"/>
    </row>
    <row r="867237" spans="14:14">
      <c r="N867237" s="10"/>
    </row>
    <row r="867238" spans="14:14">
      <c r="N867238" s="10"/>
    </row>
    <row r="867239" spans="14:14">
      <c r="N867239" s="10"/>
    </row>
    <row r="867240" spans="14:14">
      <c r="N867240" s="10"/>
    </row>
    <row r="867241" spans="14:14">
      <c r="N867241" s="10"/>
    </row>
    <row r="867242" spans="14:14">
      <c r="N867242" s="10"/>
    </row>
    <row r="867243" spans="14:14">
      <c r="N867243" s="10"/>
    </row>
    <row r="867244" spans="14:14">
      <c r="N867244" s="10"/>
    </row>
    <row r="867245" spans="14:14">
      <c r="N867245" s="10"/>
    </row>
    <row r="867246" spans="14:14">
      <c r="N867246" s="10"/>
    </row>
    <row r="867247" spans="14:14">
      <c r="N867247" s="10"/>
    </row>
    <row r="867248" spans="14:14">
      <c r="N867248" s="10"/>
    </row>
    <row r="867249" spans="14:14">
      <c r="N867249" s="10"/>
    </row>
    <row r="867250" spans="14:14">
      <c r="N867250" s="10"/>
    </row>
    <row r="867251" spans="14:14">
      <c r="N867251" s="10"/>
    </row>
    <row r="867252" spans="14:14">
      <c r="N867252" s="10"/>
    </row>
    <row r="867253" spans="14:14">
      <c r="N867253" s="10"/>
    </row>
    <row r="867254" spans="14:14">
      <c r="N867254" s="10"/>
    </row>
    <row r="867255" spans="14:14">
      <c r="N867255" s="10"/>
    </row>
    <row r="867256" spans="14:14">
      <c r="N867256" s="10"/>
    </row>
    <row r="867257" spans="14:14">
      <c r="N867257" s="10"/>
    </row>
    <row r="867258" spans="14:14">
      <c r="N867258" s="10"/>
    </row>
    <row r="867259" spans="14:14">
      <c r="N867259" s="10"/>
    </row>
    <row r="867260" spans="14:14">
      <c r="N867260" s="10"/>
    </row>
    <row r="867261" spans="14:14">
      <c r="N867261" s="10"/>
    </row>
    <row r="867262" spans="14:14">
      <c r="N867262" s="10"/>
    </row>
    <row r="867263" spans="14:14">
      <c r="N867263" s="10"/>
    </row>
    <row r="867264" spans="14:14">
      <c r="N867264" s="10"/>
    </row>
    <row r="867265" spans="14:14">
      <c r="N867265" s="10"/>
    </row>
    <row r="867266" spans="14:14">
      <c r="N867266" s="10"/>
    </row>
    <row r="867267" spans="14:14">
      <c r="N867267" s="10"/>
    </row>
    <row r="867268" spans="14:14">
      <c r="N867268" s="10"/>
    </row>
    <row r="867269" spans="14:14">
      <c r="N867269" s="10"/>
    </row>
    <row r="867270" spans="14:14">
      <c r="N867270" s="10"/>
    </row>
    <row r="867271" spans="14:14">
      <c r="N867271" s="10"/>
    </row>
    <row r="867272" spans="14:14">
      <c r="N867272" s="10"/>
    </row>
    <row r="867273" spans="14:14">
      <c r="N867273" s="10"/>
    </row>
    <row r="867274" spans="14:14">
      <c r="N867274" s="10"/>
    </row>
    <row r="867275" spans="14:14">
      <c r="N867275" s="10"/>
    </row>
    <row r="867276" spans="14:14">
      <c r="N867276" s="10"/>
    </row>
    <row r="867277" spans="14:14">
      <c r="N867277" s="10"/>
    </row>
    <row r="867278" spans="14:14">
      <c r="N867278" s="10"/>
    </row>
    <row r="867279" spans="14:14">
      <c r="N867279" s="10"/>
    </row>
    <row r="867280" spans="14:14">
      <c r="N867280" s="10"/>
    </row>
    <row r="867281" spans="14:14">
      <c r="N867281" s="10"/>
    </row>
    <row r="867282" spans="14:14">
      <c r="N867282" s="10"/>
    </row>
    <row r="867283" spans="14:14">
      <c r="N867283" s="10"/>
    </row>
    <row r="867284" spans="14:14">
      <c r="N867284" s="10"/>
    </row>
    <row r="867285" spans="14:14">
      <c r="N867285" s="10"/>
    </row>
    <row r="867286" spans="14:14">
      <c r="N867286" s="10"/>
    </row>
    <row r="867287" spans="14:14">
      <c r="N867287" s="10"/>
    </row>
    <row r="867288" spans="14:14">
      <c r="N867288" s="10"/>
    </row>
    <row r="867289" spans="14:14">
      <c r="N867289" s="10"/>
    </row>
    <row r="867290" spans="14:14">
      <c r="N867290" s="10"/>
    </row>
    <row r="867291" spans="14:14">
      <c r="N867291" s="10"/>
    </row>
    <row r="867292" spans="14:14">
      <c r="N867292" s="10"/>
    </row>
    <row r="867293" spans="14:14">
      <c r="N867293" s="10"/>
    </row>
    <row r="867294" spans="14:14">
      <c r="N867294" s="10"/>
    </row>
    <row r="867295" spans="14:14">
      <c r="N867295" s="10"/>
    </row>
    <row r="867296" spans="14:14">
      <c r="N867296" s="10"/>
    </row>
    <row r="867297" spans="14:14">
      <c r="N867297" s="10"/>
    </row>
    <row r="867298" spans="14:14">
      <c r="N867298" s="10"/>
    </row>
    <row r="867299" spans="14:14">
      <c r="N867299" s="10"/>
    </row>
    <row r="867300" spans="14:14">
      <c r="N867300" s="10"/>
    </row>
    <row r="867301" spans="14:14">
      <c r="N867301" s="10"/>
    </row>
    <row r="867302" spans="14:14">
      <c r="N867302" s="10"/>
    </row>
    <row r="867303" spans="14:14">
      <c r="N867303" s="10"/>
    </row>
    <row r="867304" spans="14:14">
      <c r="N867304" s="10"/>
    </row>
    <row r="867305" spans="14:14">
      <c r="N867305" s="10"/>
    </row>
    <row r="867306" spans="14:14">
      <c r="N867306" s="10"/>
    </row>
    <row r="867307" spans="14:14">
      <c r="N867307" s="10"/>
    </row>
    <row r="867308" spans="14:14">
      <c r="N867308" s="10"/>
    </row>
    <row r="867309" spans="14:14">
      <c r="N867309" s="10"/>
    </row>
    <row r="867310" spans="14:14">
      <c r="N867310" s="10"/>
    </row>
    <row r="867311" spans="14:14">
      <c r="N867311" s="10"/>
    </row>
    <row r="867312" spans="14:14">
      <c r="N867312" s="10"/>
    </row>
    <row r="867313" spans="14:14">
      <c r="N867313" s="10"/>
    </row>
    <row r="867314" spans="14:14">
      <c r="N867314" s="10"/>
    </row>
    <row r="867315" spans="14:14">
      <c r="N867315" s="10"/>
    </row>
    <row r="867316" spans="14:14">
      <c r="N867316" s="10"/>
    </row>
    <row r="867317" spans="14:14">
      <c r="N867317" s="10"/>
    </row>
    <row r="867318" spans="14:14">
      <c r="N867318" s="10"/>
    </row>
    <row r="867319" spans="14:14">
      <c r="N867319" s="10"/>
    </row>
    <row r="867320" spans="14:14">
      <c r="N867320" s="10"/>
    </row>
    <row r="867321" spans="14:14">
      <c r="N867321" s="10"/>
    </row>
    <row r="867322" spans="14:14">
      <c r="N867322" s="10"/>
    </row>
    <row r="867323" spans="14:14">
      <c r="N867323" s="10"/>
    </row>
    <row r="867324" spans="14:14">
      <c r="N867324" s="10"/>
    </row>
    <row r="867325" spans="14:14">
      <c r="N867325" s="10"/>
    </row>
    <row r="867326" spans="14:14">
      <c r="N867326" s="10"/>
    </row>
    <row r="867327" spans="14:14">
      <c r="N867327" s="10"/>
    </row>
    <row r="867328" spans="14:14">
      <c r="N867328" s="10"/>
    </row>
    <row r="867329" spans="14:14">
      <c r="N867329" s="10"/>
    </row>
    <row r="867330" spans="14:14">
      <c r="N867330" s="10"/>
    </row>
    <row r="867331" spans="14:14">
      <c r="N867331" s="10"/>
    </row>
    <row r="867332" spans="14:14">
      <c r="N867332" s="10"/>
    </row>
    <row r="867333" spans="14:14">
      <c r="N867333" s="10"/>
    </row>
    <row r="867334" spans="14:14">
      <c r="N867334" s="10"/>
    </row>
    <row r="867335" spans="14:14">
      <c r="N867335" s="10"/>
    </row>
    <row r="867336" spans="14:14">
      <c r="N867336" s="10"/>
    </row>
    <row r="867337" spans="14:14">
      <c r="N867337" s="10"/>
    </row>
    <row r="867338" spans="14:14">
      <c r="N867338" s="10"/>
    </row>
    <row r="867339" spans="14:14">
      <c r="N867339" s="10"/>
    </row>
    <row r="867340" spans="14:14">
      <c r="N867340" s="10"/>
    </row>
    <row r="867341" spans="14:14">
      <c r="N867341" s="10"/>
    </row>
    <row r="867342" spans="14:14">
      <c r="N867342" s="10"/>
    </row>
    <row r="867343" spans="14:14">
      <c r="N867343" s="10"/>
    </row>
    <row r="867344" spans="14:14">
      <c r="N867344" s="10"/>
    </row>
    <row r="867345" spans="14:14">
      <c r="N867345" s="10"/>
    </row>
    <row r="867346" spans="14:14">
      <c r="N867346" s="10"/>
    </row>
    <row r="867347" spans="14:14">
      <c r="N867347" s="10"/>
    </row>
    <row r="867348" spans="14:14">
      <c r="N867348" s="10"/>
    </row>
    <row r="867349" spans="14:14">
      <c r="N867349" s="10"/>
    </row>
    <row r="867350" spans="14:14">
      <c r="N867350" s="10"/>
    </row>
    <row r="867351" spans="14:14">
      <c r="N867351" s="10"/>
    </row>
    <row r="867352" spans="14:14">
      <c r="N867352" s="10"/>
    </row>
    <row r="867353" spans="14:14">
      <c r="N867353" s="10"/>
    </row>
    <row r="867354" spans="14:14">
      <c r="N867354" s="10"/>
    </row>
    <row r="867355" spans="14:14">
      <c r="N867355" s="10"/>
    </row>
    <row r="867356" spans="14:14">
      <c r="N867356" s="10"/>
    </row>
    <row r="867357" spans="14:14">
      <c r="N867357" s="10"/>
    </row>
    <row r="867358" spans="14:14">
      <c r="N867358" s="10"/>
    </row>
    <row r="867359" spans="14:14">
      <c r="N867359" s="10"/>
    </row>
    <row r="867360" spans="14:14">
      <c r="N867360" s="10"/>
    </row>
    <row r="867361" spans="14:14">
      <c r="N867361" s="10"/>
    </row>
    <row r="867362" spans="14:14">
      <c r="N867362" s="10"/>
    </row>
    <row r="867363" spans="14:14">
      <c r="N867363" s="10"/>
    </row>
    <row r="867364" spans="14:14">
      <c r="N867364" s="10"/>
    </row>
    <row r="867365" spans="14:14">
      <c r="N867365" s="10"/>
    </row>
    <row r="867366" spans="14:14">
      <c r="N867366" s="10"/>
    </row>
    <row r="867367" spans="14:14">
      <c r="N867367" s="10"/>
    </row>
    <row r="867368" spans="14:14">
      <c r="N867368" s="10"/>
    </row>
    <row r="867369" spans="14:14">
      <c r="N867369" s="10"/>
    </row>
    <row r="867370" spans="14:14">
      <c r="N867370" s="10"/>
    </row>
    <row r="867371" spans="14:14">
      <c r="N867371" s="10"/>
    </row>
    <row r="867372" spans="14:14">
      <c r="N867372" s="10"/>
    </row>
    <row r="867373" spans="14:14">
      <c r="N867373" s="10"/>
    </row>
    <row r="867374" spans="14:14">
      <c r="N867374" s="10"/>
    </row>
    <row r="867375" spans="14:14">
      <c r="N867375" s="10"/>
    </row>
    <row r="867376" spans="14:14">
      <c r="N867376" s="10"/>
    </row>
    <row r="867377" spans="14:14">
      <c r="N867377" s="10"/>
    </row>
    <row r="867378" spans="14:14">
      <c r="N867378" s="10"/>
    </row>
    <row r="867379" spans="14:14">
      <c r="N867379" s="10"/>
    </row>
    <row r="867380" spans="14:14">
      <c r="N867380" s="10"/>
    </row>
    <row r="867381" spans="14:14">
      <c r="N867381" s="10"/>
    </row>
    <row r="867382" spans="14:14">
      <c r="N867382" s="10"/>
    </row>
    <row r="867383" spans="14:14">
      <c r="N867383" s="10"/>
    </row>
    <row r="867384" spans="14:14">
      <c r="N867384" s="10"/>
    </row>
    <row r="867385" spans="14:14">
      <c r="N867385" s="10"/>
    </row>
    <row r="867386" spans="14:14">
      <c r="N867386" s="10"/>
    </row>
    <row r="867387" spans="14:14">
      <c r="N867387" s="10"/>
    </row>
    <row r="867388" spans="14:14">
      <c r="N867388" s="10"/>
    </row>
    <row r="867389" spans="14:14">
      <c r="N867389" s="10"/>
    </row>
    <row r="867390" spans="14:14">
      <c r="N867390" s="10"/>
    </row>
    <row r="867391" spans="14:14">
      <c r="N867391" s="10"/>
    </row>
    <row r="867392" spans="14:14">
      <c r="N867392" s="10"/>
    </row>
    <row r="867393" spans="14:14">
      <c r="N867393" s="10"/>
    </row>
    <row r="867394" spans="14:14">
      <c r="N867394" s="10"/>
    </row>
    <row r="867395" spans="14:14">
      <c r="N867395" s="10"/>
    </row>
    <row r="867396" spans="14:14">
      <c r="N867396" s="10"/>
    </row>
    <row r="867397" spans="14:14">
      <c r="N867397" s="10"/>
    </row>
    <row r="867398" spans="14:14">
      <c r="N867398" s="10"/>
    </row>
    <row r="867399" spans="14:14">
      <c r="N867399" s="10"/>
    </row>
    <row r="867400" spans="14:14">
      <c r="N867400" s="10"/>
    </row>
    <row r="867401" spans="14:14">
      <c r="N867401" s="10"/>
    </row>
    <row r="867402" spans="14:14">
      <c r="N867402" s="10"/>
    </row>
    <row r="867403" spans="14:14">
      <c r="N867403" s="10"/>
    </row>
    <row r="867404" spans="14:14">
      <c r="N867404" s="10"/>
    </row>
    <row r="867405" spans="14:14">
      <c r="N867405" s="10"/>
    </row>
    <row r="867406" spans="14:14">
      <c r="N867406" s="10"/>
    </row>
    <row r="867407" spans="14:14">
      <c r="N867407" s="10"/>
    </row>
    <row r="867408" spans="14:14">
      <c r="N867408" s="10"/>
    </row>
    <row r="867409" spans="14:14">
      <c r="N867409" s="10"/>
    </row>
    <row r="867410" spans="14:14">
      <c r="N867410" s="10"/>
    </row>
    <row r="867411" spans="14:14">
      <c r="N867411" s="10"/>
    </row>
    <row r="867412" spans="14:14">
      <c r="N867412" s="10"/>
    </row>
    <row r="867413" spans="14:14">
      <c r="N867413" s="10"/>
    </row>
    <row r="867414" spans="14:14">
      <c r="N867414" s="10"/>
    </row>
    <row r="867415" spans="14:14">
      <c r="N867415" s="10"/>
    </row>
    <row r="867416" spans="14:14">
      <c r="N867416" s="10"/>
    </row>
    <row r="867417" spans="14:14">
      <c r="N867417" s="10"/>
    </row>
    <row r="867418" spans="14:14">
      <c r="N867418" s="10"/>
    </row>
    <row r="867419" spans="14:14">
      <c r="N867419" s="10"/>
    </row>
    <row r="867420" spans="14:14">
      <c r="N867420" s="10"/>
    </row>
    <row r="867421" spans="14:14">
      <c r="N867421" s="10"/>
    </row>
    <row r="867422" spans="14:14">
      <c r="N867422" s="10"/>
    </row>
    <row r="867423" spans="14:14">
      <c r="N867423" s="10"/>
    </row>
    <row r="867424" spans="14:14">
      <c r="N867424" s="10"/>
    </row>
    <row r="867425" spans="14:14">
      <c r="N867425" s="10"/>
    </row>
    <row r="867426" spans="14:14">
      <c r="N867426" s="10"/>
    </row>
    <row r="867427" spans="14:14">
      <c r="N867427" s="10"/>
    </row>
    <row r="867428" spans="14:14">
      <c r="N867428" s="10"/>
    </row>
    <row r="867429" spans="14:14">
      <c r="N867429" s="10"/>
    </row>
    <row r="867430" spans="14:14">
      <c r="N867430" s="10"/>
    </row>
    <row r="867431" spans="14:14">
      <c r="N867431" s="10"/>
    </row>
    <row r="867432" spans="14:14">
      <c r="N867432" s="10"/>
    </row>
    <row r="867433" spans="14:14">
      <c r="N867433" s="10"/>
    </row>
    <row r="867434" spans="14:14">
      <c r="N867434" s="10"/>
    </row>
    <row r="867435" spans="14:14">
      <c r="N867435" s="10"/>
    </row>
    <row r="867436" spans="14:14">
      <c r="N867436" s="10"/>
    </row>
    <row r="867437" spans="14:14">
      <c r="N867437" s="10"/>
    </row>
    <row r="867438" spans="14:14">
      <c r="N867438" s="10"/>
    </row>
    <row r="867439" spans="14:14">
      <c r="N867439" s="10"/>
    </row>
    <row r="867440" spans="14:14">
      <c r="N867440" s="10"/>
    </row>
    <row r="867441" spans="14:14">
      <c r="N867441" s="10"/>
    </row>
    <row r="867442" spans="14:14">
      <c r="N867442" s="10"/>
    </row>
    <row r="867443" spans="14:14">
      <c r="N867443" s="10"/>
    </row>
    <row r="867444" spans="14:14">
      <c r="N867444" s="10"/>
    </row>
    <row r="867445" spans="14:14">
      <c r="N867445" s="10"/>
    </row>
    <row r="867446" spans="14:14">
      <c r="N867446" s="10"/>
    </row>
    <row r="867447" spans="14:14">
      <c r="N867447" s="10"/>
    </row>
    <row r="867448" spans="14:14">
      <c r="N867448" s="10"/>
    </row>
    <row r="867449" spans="14:14">
      <c r="N867449" s="10"/>
    </row>
    <row r="867450" spans="14:14">
      <c r="N867450" s="10"/>
    </row>
    <row r="867451" spans="14:14">
      <c r="N867451" s="10"/>
    </row>
    <row r="867452" spans="14:14">
      <c r="N867452" s="10"/>
    </row>
    <row r="867453" spans="14:14">
      <c r="N867453" s="10"/>
    </row>
    <row r="867454" spans="14:14">
      <c r="N867454" s="10"/>
    </row>
    <row r="867455" spans="14:14">
      <c r="N867455" s="10"/>
    </row>
    <row r="867456" spans="14:14">
      <c r="N867456" s="10"/>
    </row>
    <row r="867457" spans="14:14">
      <c r="N867457" s="10"/>
    </row>
    <row r="867458" spans="14:14">
      <c r="N867458" s="10"/>
    </row>
    <row r="867459" spans="14:14">
      <c r="N867459" s="10"/>
    </row>
    <row r="867460" spans="14:14">
      <c r="N867460" s="10"/>
    </row>
    <row r="867461" spans="14:14">
      <c r="N867461" s="10"/>
    </row>
    <row r="867462" spans="14:14">
      <c r="N867462" s="10"/>
    </row>
    <row r="867463" spans="14:14">
      <c r="N867463" s="10"/>
    </row>
    <row r="867464" spans="14:14">
      <c r="N867464" s="10"/>
    </row>
    <row r="867465" spans="14:14">
      <c r="N867465" s="10"/>
    </row>
    <row r="867466" spans="14:14">
      <c r="N867466" s="10"/>
    </row>
    <row r="867467" spans="14:14">
      <c r="N867467" s="10"/>
    </row>
    <row r="867468" spans="14:14">
      <c r="N867468" s="10"/>
    </row>
    <row r="867469" spans="14:14">
      <c r="N867469" s="10"/>
    </row>
    <row r="867470" spans="14:14">
      <c r="N867470" s="10"/>
    </row>
    <row r="867471" spans="14:14">
      <c r="N867471" s="10"/>
    </row>
    <row r="867472" spans="14:14">
      <c r="N867472" s="10"/>
    </row>
    <row r="867473" spans="14:14">
      <c r="N867473" s="10"/>
    </row>
    <row r="867474" spans="14:14">
      <c r="N867474" s="10"/>
    </row>
    <row r="867475" spans="14:14">
      <c r="N867475" s="10"/>
    </row>
    <row r="867476" spans="14:14">
      <c r="N867476" s="10"/>
    </row>
    <row r="867477" spans="14:14">
      <c r="N867477" s="10"/>
    </row>
    <row r="867478" spans="14:14">
      <c r="N867478" s="10"/>
    </row>
    <row r="867479" spans="14:14">
      <c r="N867479" s="10"/>
    </row>
    <row r="867480" spans="14:14">
      <c r="N867480" s="10"/>
    </row>
    <row r="867481" spans="14:14">
      <c r="N867481" s="10"/>
    </row>
    <row r="867482" spans="14:14">
      <c r="N867482" s="10"/>
    </row>
    <row r="867483" spans="14:14">
      <c r="N867483" s="10"/>
    </row>
    <row r="867484" spans="14:14">
      <c r="N867484" s="10"/>
    </row>
    <row r="867485" spans="14:14">
      <c r="N867485" s="10"/>
    </row>
    <row r="867486" spans="14:14">
      <c r="N867486" s="10"/>
    </row>
    <row r="867487" spans="14:14">
      <c r="N867487" s="10"/>
    </row>
    <row r="867488" spans="14:14">
      <c r="N867488" s="10"/>
    </row>
    <row r="867489" spans="14:14">
      <c r="N867489" s="10"/>
    </row>
    <row r="867490" spans="14:14">
      <c r="N867490" s="10"/>
    </row>
    <row r="867491" spans="14:14">
      <c r="N867491" s="10"/>
    </row>
    <row r="867492" spans="14:14">
      <c r="N867492" s="10"/>
    </row>
    <row r="867493" spans="14:14">
      <c r="N867493" s="10"/>
    </row>
    <row r="867494" spans="14:14">
      <c r="N867494" s="10"/>
    </row>
    <row r="867495" spans="14:14">
      <c r="N867495" s="10"/>
    </row>
    <row r="867496" spans="14:14">
      <c r="N867496" s="10"/>
    </row>
    <row r="867497" spans="14:14">
      <c r="N867497" s="10"/>
    </row>
    <row r="867498" spans="14:14">
      <c r="N867498" s="10"/>
    </row>
    <row r="867499" spans="14:14">
      <c r="N867499" s="10"/>
    </row>
    <row r="867500" spans="14:14">
      <c r="N867500" s="10"/>
    </row>
    <row r="867501" spans="14:14">
      <c r="N867501" s="10"/>
    </row>
    <row r="867502" spans="14:14">
      <c r="N867502" s="10"/>
    </row>
    <row r="867503" spans="14:14">
      <c r="N867503" s="10"/>
    </row>
    <row r="867504" spans="14:14">
      <c r="N867504" s="10"/>
    </row>
    <row r="867505" spans="14:14">
      <c r="N867505" s="10"/>
    </row>
    <row r="867506" spans="14:14">
      <c r="N867506" s="10"/>
    </row>
    <row r="867507" spans="14:14">
      <c r="N867507" s="10"/>
    </row>
    <row r="867508" spans="14:14">
      <c r="N867508" s="10"/>
    </row>
    <row r="867509" spans="14:14">
      <c r="N867509" s="10"/>
    </row>
    <row r="867510" spans="14:14">
      <c r="N867510" s="10"/>
    </row>
    <row r="867511" spans="14:14">
      <c r="N867511" s="10"/>
    </row>
    <row r="867512" spans="14:14">
      <c r="N867512" s="10"/>
    </row>
    <row r="867513" spans="14:14">
      <c r="N867513" s="10"/>
    </row>
    <row r="867514" spans="14:14">
      <c r="N867514" s="10"/>
    </row>
    <row r="867515" spans="14:14">
      <c r="N867515" s="10"/>
    </row>
    <row r="867516" spans="14:14">
      <c r="N867516" s="10"/>
    </row>
    <row r="867517" spans="14:14">
      <c r="N867517" s="10"/>
    </row>
    <row r="867518" spans="14:14">
      <c r="N867518" s="10"/>
    </row>
    <row r="867519" spans="14:14">
      <c r="N867519" s="10"/>
    </row>
    <row r="867520" spans="14:14">
      <c r="N867520" s="10"/>
    </row>
    <row r="867521" spans="14:14">
      <c r="N867521" s="10"/>
    </row>
    <row r="867522" spans="14:14">
      <c r="N867522" s="10"/>
    </row>
    <row r="867523" spans="14:14">
      <c r="N867523" s="10"/>
    </row>
    <row r="867524" spans="14:14">
      <c r="N867524" s="10"/>
    </row>
    <row r="867525" spans="14:14">
      <c r="N867525" s="10"/>
    </row>
    <row r="867526" spans="14:14">
      <c r="N867526" s="10"/>
    </row>
    <row r="867527" spans="14:14">
      <c r="N867527" s="10"/>
    </row>
    <row r="867528" spans="14:14">
      <c r="N867528" s="10"/>
    </row>
    <row r="867529" spans="14:14">
      <c r="N867529" s="10"/>
    </row>
    <row r="867530" spans="14:14">
      <c r="N867530" s="10"/>
    </row>
    <row r="867531" spans="14:14">
      <c r="N867531" s="10"/>
    </row>
    <row r="867532" spans="14:14">
      <c r="N867532" s="10"/>
    </row>
    <row r="867533" spans="14:14">
      <c r="N867533" s="10"/>
    </row>
    <row r="867534" spans="14:14">
      <c r="N867534" s="10"/>
    </row>
    <row r="867535" spans="14:14">
      <c r="N867535" s="10"/>
    </row>
    <row r="867536" spans="14:14">
      <c r="N867536" s="10"/>
    </row>
    <row r="867537" spans="14:14">
      <c r="N867537" s="10"/>
    </row>
    <row r="867538" spans="14:14">
      <c r="N867538" s="10"/>
    </row>
    <row r="867539" spans="14:14">
      <c r="N867539" s="10"/>
    </row>
    <row r="867540" spans="14:14">
      <c r="N867540" s="10"/>
    </row>
    <row r="867541" spans="14:14">
      <c r="N867541" s="10"/>
    </row>
    <row r="867542" spans="14:14">
      <c r="N867542" s="10"/>
    </row>
    <row r="867543" spans="14:14">
      <c r="N867543" s="10"/>
    </row>
    <row r="867544" spans="14:14">
      <c r="N867544" s="10"/>
    </row>
    <row r="867545" spans="14:14">
      <c r="N867545" s="10"/>
    </row>
    <row r="867546" spans="14:14">
      <c r="N867546" s="10"/>
    </row>
    <row r="867547" spans="14:14">
      <c r="N867547" s="10"/>
    </row>
    <row r="867548" spans="14:14">
      <c r="N867548" s="10"/>
    </row>
    <row r="867549" spans="14:14">
      <c r="N867549" s="10"/>
    </row>
    <row r="867550" spans="14:14">
      <c r="N867550" s="10"/>
    </row>
    <row r="867551" spans="14:14">
      <c r="N867551" s="10"/>
    </row>
    <row r="867552" spans="14:14">
      <c r="N867552" s="10"/>
    </row>
    <row r="867553" spans="14:14">
      <c r="N867553" s="10"/>
    </row>
    <row r="867554" spans="14:14">
      <c r="N867554" s="10"/>
    </row>
    <row r="867555" spans="14:14">
      <c r="N867555" s="10"/>
    </row>
    <row r="867556" spans="14:14">
      <c r="N867556" s="10"/>
    </row>
    <row r="867557" spans="14:14">
      <c r="N867557" s="10"/>
    </row>
    <row r="867558" spans="14:14">
      <c r="N867558" s="10"/>
    </row>
    <row r="867559" spans="14:14">
      <c r="N867559" s="10"/>
    </row>
    <row r="867560" spans="14:14">
      <c r="N867560" s="10"/>
    </row>
    <row r="867561" spans="14:14">
      <c r="N867561" s="10"/>
    </row>
    <row r="867562" spans="14:14">
      <c r="N867562" s="10"/>
    </row>
    <row r="867563" spans="14:14">
      <c r="N867563" s="10"/>
    </row>
    <row r="867564" spans="14:14">
      <c r="N867564" s="10"/>
    </row>
    <row r="867565" spans="14:14">
      <c r="N867565" s="10"/>
    </row>
    <row r="867566" spans="14:14">
      <c r="N867566" s="10"/>
    </row>
    <row r="867567" spans="14:14">
      <c r="N867567" s="10"/>
    </row>
    <row r="867568" spans="14:14">
      <c r="N867568" s="10"/>
    </row>
    <row r="867569" spans="14:14">
      <c r="N867569" s="10"/>
    </row>
    <row r="867570" spans="14:14">
      <c r="N867570" s="10"/>
    </row>
    <row r="867571" spans="14:14">
      <c r="N867571" s="10"/>
    </row>
    <row r="867572" spans="14:14">
      <c r="N867572" s="10"/>
    </row>
    <row r="867573" spans="14:14">
      <c r="N867573" s="10"/>
    </row>
    <row r="867574" spans="14:14">
      <c r="N867574" s="10"/>
    </row>
    <row r="867575" spans="14:14">
      <c r="N867575" s="10"/>
    </row>
    <row r="867576" spans="14:14">
      <c r="N867576" s="10"/>
    </row>
    <row r="867577" spans="14:14">
      <c r="N867577" s="10"/>
    </row>
    <row r="867578" spans="14:14">
      <c r="N867578" s="10"/>
    </row>
    <row r="867579" spans="14:14">
      <c r="N867579" s="10"/>
    </row>
    <row r="867580" spans="14:14">
      <c r="N867580" s="10"/>
    </row>
    <row r="867581" spans="14:14">
      <c r="N867581" s="10"/>
    </row>
    <row r="867582" spans="14:14">
      <c r="N867582" s="10"/>
    </row>
    <row r="867583" spans="14:14">
      <c r="N867583" s="10"/>
    </row>
    <row r="867584" spans="14:14">
      <c r="N867584" s="10"/>
    </row>
    <row r="867585" spans="14:14">
      <c r="N867585" s="10"/>
    </row>
    <row r="867586" spans="14:14">
      <c r="N867586" s="10"/>
    </row>
    <row r="867587" spans="14:14">
      <c r="N867587" s="10"/>
    </row>
    <row r="867588" spans="14:14">
      <c r="N867588" s="10"/>
    </row>
    <row r="867589" spans="14:14">
      <c r="N867589" s="10"/>
    </row>
    <row r="867590" spans="14:14">
      <c r="N867590" s="10"/>
    </row>
    <row r="867591" spans="14:14">
      <c r="N867591" s="10"/>
    </row>
    <row r="867592" spans="14:14">
      <c r="N867592" s="10"/>
    </row>
    <row r="867593" spans="14:14">
      <c r="N867593" s="10"/>
    </row>
    <row r="867594" spans="14:14">
      <c r="N867594" s="10"/>
    </row>
    <row r="867595" spans="14:14">
      <c r="N867595" s="10"/>
    </row>
    <row r="867596" spans="14:14">
      <c r="N867596" s="10"/>
    </row>
    <row r="867597" spans="14:14">
      <c r="N867597" s="10"/>
    </row>
    <row r="867598" spans="14:14">
      <c r="N867598" s="10"/>
    </row>
    <row r="867599" spans="14:14">
      <c r="N867599" s="10"/>
    </row>
    <row r="867600" spans="14:14">
      <c r="N867600" s="10"/>
    </row>
    <row r="867601" spans="14:14">
      <c r="N867601" s="10"/>
    </row>
    <row r="867602" spans="14:14">
      <c r="N867602" s="10"/>
    </row>
    <row r="867603" spans="14:14">
      <c r="N867603" s="10"/>
    </row>
    <row r="867604" spans="14:14">
      <c r="N867604" s="10"/>
    </row>
    <row r="867605" spans="14:14">
      <c r="N867605" s="10"/>
    </row>
    <row r="867606" spans="14:14">
      <c r="N867606" s="10"/>
    </row>
    <row r="867607" spans="14:14">
      <c r="N867607" s="10"/>
    </row>
    <row r="867608" spans="14:14">
      <c r="N867608" s="10"/>
    </row>
    <row r="867609" spans="14:14">
      <c r="N867609" s="10"/>
    </row>
    <row r="867610" spans="14:14">
      <c r="N867610" s="10"/>
    </row>
    <row r="867611" spans="14:14">
      <c r="N867611" s="10"/>
    </row>
    <row r="867612" spans="14:14">
      <c r="N867612" s="10"/>
    </row>
    <row r="867613" spans="14:14">
      <c r="N867613" s="10"/>
    </row>
    <row r="867614" spans="14:14">
      <c r="N867614" s="10"/>
    </row>
    <row r="867615" spans="14:14">
      <c r="N867615" s="10"/>
    </row>
    <row r="867616" spans="14:14">
      <c r="N867616" s="10"/>
    </row>
    <row r="867617" spans="14:14">
      <c r="N867617" s="10"/>
    </row>
    <row r="867618" spans="14:14">
      <c r="N867618" s="10"/>
    </row>
    <row r="867619" spans="14:14">
      <c r="N867619" s="10"/>
    </row>
    <row r="867620" spans="14:14">
      <c r="N867620" s="10"/>
    </row>
    <row r="867621" spans="14:14">
      <c r="N867621" s="10"/>
    </row>
    <row r="867622" spans="14:14">
      <c r="N867622" s="10"/>
    </row>
    <row r="867623" spans="14:14">
      <c r="N867623" s="10"/>
    </row>
    <row r="867624" spans="14:14">
      <c r="N867624" s="10"/>
    </row>
    <row r="867625" spans="14:14">
      <c r="N867625" s="10"/>
    </row>
    <row r="867626" spans="14:14">
      <c r="N867626" s="10"/>
    </row>
    <row r="867627" spans="14:14">
      <c r="N867627" s="10"/>
    </row>
    <row r="867628" spans="14:14">
      <c r="N867628" s="10"/>
    </row>
    <row r="867629" spans="14:14">
      <c r="N867629" s="10"/>
    </row>
    <row r="867630" spans="14:14">
      <c r="N867630" s="10"/>
    </row>
    <row r="867631" spans="14:14">
      <c r="N867631" s="10"/>
    </row>
    <row r="867632" spans="14:14">
      <c r="N867632" s="10"/>
    </row>
    <row r="867633" spans="14:14">
      <c r="N867633" s="10"/>
    </row>
    <row r="867634" spans="14:14">
      <c r="N867634" s="10"/>
    </row>
    <row r="867635" spans="14:14">
      <c r="N867635" s="10"/>
    </row>
    <row r="867636" spans="14:14">
      <c r="N867636" s="10"/>
    </row>
    <row r="867637" spans="14:14">
      <c r="N867637" s="10"/>
    </row>
    <row r="867638" spans="14:14">
      <c r="N867638" s="10"/>
    </row>
    <row r="867639" spans="14:14">
      <c r="N867639" s="10"/>
    </row>
    <row r="867640" spans="14:14">
      <c r="N867640" s="10"/>
    </row>
    <row r="867641" spans="14:14">
      <c r="N867641" s="10"/>
    </row>
    <row r="867642" spans="14:14">
      <c r="N867642" s="10"/>
    </row>
    <row r="867643" spans="14:14">
      <c r="N867643" s="10"/>
    </row>
    <row r="867644" spans="14:14">
      <c r="N867644" s="10"/>
    </row>
    <row r="867645" spans="14:14">
      <c r="N867645" s="10"/>
    </row>
    <row r="867646" spans="14:14">
      <c r="N867646" s="10"/>
    </row>
    <row r="867647" spans="14:14">
      <c r="N867647" s="10"/>
    </row>
    <row r="867648" spans="14:14">
      <c r="N867648" s="10"/>
    </row>
    <row r="867649" spans="14:14">
      <c r="N867649" s="10"/>
    </row>
    <row r="867650" spans="14:14">
      <c r="N867650" s="10"/>
    </row>
    <row r="867651" spans="14:14">
      <c r="N867651" s="10"/>
    </row>
    <row r="867652" spans="14:14">
      <c r="N867652" s="10"/>
    </row>
    <row r="867653" spans="14:14">
      <c r="N867653" s="10"/>
    </row>
    <row r="867654" spans="14:14">
      <c r="N867654" s="10"/>
    </row>
    <row r="867655" spans="14:14">
      <c r="N867655" s="10"/>
    </row>
    <row r="867656" spans="14:14">
      <c r="N867656" s="10"/>
    </row>
    <row r="867657" spans="14:14">
      <c r="N867657" s="10"/>
    </row>
    <row r="867658" spans="14:14">
      <c r="N867658" s="10"/>
    </row>
    <row r="867659" spans="14:14">
      <c r="N867659" s="10"/>
    </row>
    <row r="867660" spans="14:14">
      <c r="N867660" s="10"/>
    </row>
    <row r="867661" spans="14:14">
      <c r="N867661" s="10"/>
    </row>
    <row r="867662" spans="14:14">
      <c r="N867662" s="10"/>
    </row>
    <row r="867663" spans="14:14">
      <c r="N867663" s="10"/>
    </row>
    <row r="867664" spans="14:14">
      <c r="N867664" s="10"/>
    </row>
    <row r="867665" spans="14:14">
      <c r="N867665" s="10"/>
    </row>
    <row r="867666" spans="14:14">
      <c r="N867666" s="10"/>
    </row>
    <row r="867667" spans="14:14">
      <c r="N867667" s="10"/>
    </row>
    <row r="867668" spans="14:14">
      <c r="N867668" s="10"/>
    </row>
    <row r="867669" spans="14:14">
      <c r="N867669" s="10"/>
    </row>
    <row r="867670" spans="14:14">
      <c r="N867670" s="10"/>
    </row>
    <row r="867671" spans="14:14">
      <c r="N867671" s="10"/>
    </row>
    <row r="867672" spans="14:14">
      <c r="N867672" s="10"/>
    </row>
    <row r="867673" spans="14:14">
      <c r="N867673" s="10"/>
    </row>
    <row r="867674" spans="14:14">
      <c r="N867674" s="10"/>
    </row>
    <row r="867675" spans="14:14">
      <c r="N867675" s="10"/>
    </row>
    <row r="867676" spans="14:14">
      <c r="N867676" s="10"/>
    </row>
    <row r="867677" spans="14:14">
      <c r="N867677" s="10"/>
    </row>
    <row r="867678" spans="14:14">
      <c r="N867678" s="10"/>
    </row>
    <row r="867679" spans="14:14">
      <c r="N867679" s="10"/>
    </row>
    <row r="867680" spans="14:14">
      <c r="N867680" s="10"/>
    </row>
    <row r="867681" spans="14:14">
      <c r="N867681" s="10"/>
    </row>
    <row r="867682" spans="14:14">
      <c r="N867682" s="10"/>
    </row>
    <row r="867683" spans="14:14">
      <c r="N867683" s="10"/>
    </row>
    <row r="867684" spans="14:14">
      <c r="N867684" s="10"/>
    </row>
    <row r="867685" spans="14:14">
      <c r="N867685" s="10"/>
    </row>
    <row r="867686" spans="14:14">
      <c r="N867686" s="10"/>
    </row>
    <row r="867687" spans="14:14">
      <c r="N867687" s="10"/>
    </row>
    <row r="867688" spans="14:14">
      <c r="N867688" s="10"/>
    </row>
    <row r="867689" spans="14:14">
      <c r="N867689" s="10"/>
    </row>
    <row r="867690" spans="14:14">
      <c r="N867690" s="10"/>
    </row>
    <row r="867691" spans="14:14">
      <c r="N867691" s="10"/>
    </row>
    <row r="867692" spans="14:14">
      <c r="N867692" s="10"/>
    </row>
    <row r="867693" spans="14:14">
      <c r="N867693" s="10"/>
    </row>
    <row r="867694" spans="14:14">
      <c r="N867694" s="10"/>
    </row>
    <row r="867695" spans="14:14">
      <c r="N867695" s="10"/>
    </row>
    <row r="867696" spans="14:14">
      <c r="N867696" s="10"/>
    </row>
    <row r="867697" spans="14:14">
      <c r="N867697" s="10"/>
    </row>
    <row r="867698" spans="14:14">
      <c r="N867698" s="10"/>
    </row>
    <row r="867699" spans="14:14">
      <c r="N867699" s="10"/>
    </row>
    <row r="867700" spans="14:14">
      <c r="N867700" s="10"/>
    </row>
    <row r="867701" spans="14:14">
      <c r="N867701" s="10"/>
    </row>
    <row r="867702" spans="14:14">
      <c r="N867702" s="10"/>
    </row>
    <row r="867703" spans="14:14">
      <c r="N867703" s="10"/>
    </row>
    <row r="867704" spans="14:14">
      <c r="N867704" s="10"/>
    </row>
    <row r="867705" spans="14:14">
      <c r="N867705" s="10"/>
    </row>
    <row r="867706" spans="14:14">
      <c r="N867706" s="10"/>
    </row>
    <row r="867707" spans="14:14">
      <c r="N867707" s="10"/>
    </row>
    <row r="867708" spans="14:14">
      <c r="N867708" s="10"/>
    </row>
    <row r="867709" spans="14:14">
      <c r="N867709" s="10"/>
    </row>
    <row r="867710" spans="14:14">
      <c r="N867710" s="10"/>
    </row>
    <row r="867711" spans="14:14">
      <c r="N867711" s="10"/>
    </row>
    <row r="867712" spans="14:14">
      <c r="N867712" s="10"/>
    </row>
    <row r="867713" spans="14:14">
      <c r="N867713" s="10"/>
    </row>
    <row r="867714" spans="14:14">
      <c r="N867714" s="10"/>
    </row>
    <row r="867715" spans="14:14">
      <c r="N867715" s="10"/>
    </row>
    <row r="867716" spans="14:14">
      <c r="N867716" s="10"/>
    </row>
    <row r="867717" spans="14:14">
      <c r="N867717" s="10"/>
    </row>
    <row r="867718" spans="14:14">
      <c r="N867718" s="10"/>
    </row>
    <row r="867719" spans="14:14">
      <c r="N867719" s="10"/>
    </row>
    <row r="867720" spans="14:14">
      <c r="N867720" s="10"/>
    </row>
    <row r="867721" spans="14:14">
      <c r="N867721" s="10"/>
    </row>
    <row r="867722" spans="14:14">
      <c r="N867722" s="10"/>
    </row>
    <row r="867723" spans="14:14">
      <c r="N867723" s="10"/>
    </row>
    <row r="867724" spans="14:14">
      <c r="N867724" s="10"/>
    </row>
    <row r="867725" spans="14:14">
      <c r="N867725" s="10"/>
    </row>
    <row r="867726" spans="14:14">
      <c r="N867726" s="10"/>
    </row>
    <row r="867727" spans="14:14">
      <c r="N867727" s="10"/>
    </row>
    <row r="867728" spans="14:14">
      <c r="N867728" s="10"/>
    </row>
    <row r="867729" spans="14:14">
      <c r="N867729" s="10"/>
    </row>
    <row r="867730" spans="14:14">
      <c r="N867730" s="10"/>
    </row>
    <row r="867731" spans="14:14">
      <c r="N867731" s="10"/>
    </row>
    <row r="867732" spans="14:14">
      <c r="N867732" s="10"/>
    </row>
    <row r="867733" spans="14:14">
      <c r="N867733" s="10"/>
    </row>
    <row r="867734" spans="14:14">
      <c r="N867734" s="10"/>
    </row>
    <row r="867735" spans="14:14">
      <c r="N867735" s="10"/>
    </row>
    <row r="867736" spans="14:14">
      <c r="N867736" s="10"/>
    </row>
    <row r="867737" spans="14:14">
      <c r="N867737" s="10"/>
    </row>
    <row r="867738" spans="14:14">
      <c r="N867738" s="10"/>
    </row>
    <row r="867739" spans="14:14">
      <c r="N867739" s="10"/>
    </row>
    <row r="867740" spans="14:14">
      <c r="N867740" s="10"/>
    </row>
    <row r="867741" spans="14:14">
      <c r="N867741" s="10"/>
    </row>
    <row r="867742" spans="14:14">
      <c r="N867742" s="10"/>
    </row>
    <row r="867743" spans="14:14">
      <c r="N867743" s="10"/>
    </row>
    <row r="867744" spans="14:14">
      <c r="N867744" s="10"/>
    </row>
    <row r="867745" spans="14:14">
      <c r="N867745" s="10"/>
    </row>
    <row r="867746" spans="14:14">
      <c r="N867746" s="10"/>
    </row>
    <row r="867747" spans="14:14">
      <c r="N867747" s="10"/>
    </row>
    <row r="867748" spans="14:14">
      <c r="N867748" s="10"/>
    </row>
    <row r="867749" spans="14:14">
      <c r="N867749" s="10"/>
    </row>
    <row r="867750" spans="14:14">
      <c r="N867750" s="10"/>
    </row>
    <row r="867751" spans="14:14">
      <c r="N867751" s="10"/>
    </row>
    <row r="867752" spans="14:14">
      <c r="N867752" s="10"/>
    </row>
    <row r="867753" spans="14:14">
      <c r="N867753" s="10"/>
    </row>
    <row r="867754" spans="14:14">
      <c r="N867754" s="10"/>
    </row>
    <row r="867755" spans="14:14">
      <c r="N867755" s="10"/>
    </row>
    <row r="867756" spans="14:14">
      <c r="N867756" s="10"/>
    </row>
    <row r="867757" spans="14:14">
      <c r="N867757" s="10"/>
    </row>
    <row r="867758" spans="14:14">
      <c r="N867758" s="10"/>
    </row>
    <row r="867759" spans="14:14">
      <c r="N867759" s="10"/>
    </row>
    <row r="867760" spans="14:14">
      <c r="N867760" s="10"/>
    </row>
    <row r="867761" spans="14:14">
      <c r="N867761" s="10"/>
    </row>
    <row r="867762" spans="14:14">
      <c r="N867762" s="10"/>
    </row>
    <row r="867763" spans="14:14">
      <c r="N867763" s="10"/>
    </row>
    <row r="867764" spans="14:14">
      <c r="N867764" s="10"/>
    </row>
    <row r="867765" spans="14:14">
      <c r="N867765" s="10"/>
    </row>
    <row r="867766" spans="14:14">
      <c r="N867766" s="10"/>
    </row>
    <row r="867767" spans="14:14">
      <c r="N867767" s="10"/>
    </row>
    <row r="867768" spans="14:14">
      <c r="N867768" s="10"/>
    </row>
    <row r="867769" spans="14:14">
      <c r="N867769" s="10"/>
    </row>
    <row r="867770" spans="14:14">
      <c r="N867770" s="10"/>
    </row>
    <row r="867771" spans="14:14">
      <c r="N867771" s="10"/>
    </row>
    <row r="867772" spans="14:14">
      <c r="N867772" s="10"/>
    </row>
    <row r="867773" spans="14:14">
      <c r="N867773" s="10"/>
    </row>
    <row r="867774" spans="14:14">
      <c r="N867774" s="10"/>
    </row>
    <row r="867775" spans="14:14">
      <c r="N867775" s="10"/>
    </row>
    <row r="867776" spans="14:14">
      <c r="N867776" s="10"/>
    </row>
    <row r="867777" spans="14:14">
      <c r="N867777" s="10"/>
    </row>
    <row r="867778" spans="14:14">
      <c r="N867778" s="10"/>
    </row>
    <row r="867779" spans="14:14">
      <c r="N867779" s="10"/>
    </row>
    <row r="867780" spans="14:14">
      <c r="N867780" s="10"/>
    </row>
    <row r="867781" spans="14:14">
      <c r="N867781" s="10"/>
    </row>
    <row r="867782" spans="14:14">
      <c r="N867782" s="10"/>
    </row>
    <row r="867783" spans="14:14">
      <c r="N867783" s="10"/>
    </row>
    <row r="867784" spans="14:14">
      <c r="N867784" s="10"/>
    </row>
    <row r="867785" spans="14:14">
      <c r="N867785" s="10"/>
    </row>
    <row r="867786" spans="14:14">
      <c r="N867786" s="10"/>
    </row>
    <row r="867787" spans="14:14">
      <c r="N867787" s="10"/>
    </row>
    <row r="867788" spans="14:14">
      <c r="N867788" s="10"/>
    </row>
    <row r="867789" spans="14:14">
      <c r="N867789" s="10"/>
    </row>
    <row r="867790" spans="14:14">
      <c r="N867790" s="10"/>
    </row>
    <row r="867791" spans="14:14">
      <c r="N867791" s="10"/>
    </row>
    <row r="867792" spans="14:14">
      <c r="N867792" s="10"/>
    </row>
    <row r="867793" spans="14:14">
      <c r="N867793" s="10"/>
    </row>
    <row r="867794" spans="14:14">
      <c r="N867794" s="10"/>
    </row>
    <row r="867795" spans="14:14">
      <c r="N867795" s="10"/>
    </row>
    <row r="867796" spans="14:14">
      <c r="N867796" s="10"/>
    </row>
    <row r="867797" spans="14:14">
      <c r="N867797" s="10"/>
    </row>
    <row r="867798" spans="14:14">
      <c r="N867798" s="10"/>
    </row>
    <row r="867799" spans="14:14">
      <c r="N867799" s="10"/>
    </row>
    <row r="867800" spans="14:14">
      <c r="N867800" s="10"/>
    </row>
    <row r="867801" spans="14:14">
      <c r="N867801" s="10"/>
    </row>
    <row r="867802" spans="14:14">
      <c r="N867802" s="10"/>
    </row>
    <row r="867803" spans="14:14">
      <c r="N867803" s="10"/>
    </row>
    <row r="867804" spans="14:14">
      <c r="N867804" s="10"/>
    </row>
    <row r="867805" spans="14:14">
      <c r="N867805" s="10"/>
    </row>
    <row r="867806" spans="14:14">
      <c r="N867806" s="10"/>
    </row>
    <row r="867807" spans="14:14">
      <c r="N867807" s="10"/>
    </row>
    <row r="867808" spans="14:14">
      <c r="N867808" s="10"/>
    </row>
    <row r="867809" spans="14:14">
      <c r="N867809" s="10"/>
    </row>
    <row r="867810" spans="14:14">
      <c r="N867810" s="10"/>
    </row>
    <row r="867811" spans="14:14">
      <c r="N867811" s="10"/>
    </row>
    <row r="867812" spans="14:14">
      <c r="N867812" s="10"/>
    </row>
    <row r="867813" spans="14:14">
      <c r="N867813" s="10"/>
    </row>
    <row r="867814" spans="14:14">
      <c r="N867814" s="10"/>
    </row>
    <row r="867815" spans="14:14">
      <c r="N867815" s="10"/>
    </row>
    <row r="867816" spans="14:14">
      <c r="N867816" s="10"/>
    </row>
    <row r="867817" spans="14:14">
      <c r="N867817" s="10"/>
    </row>
    <row r="867818" spans="14:14">
      <c r="N867818" s="10"/>
    </row>
    <row r="867819" spans="14:14">
      <c r="N867819" s="10"/>
    </row>
    <row r="867820" spans="14:14">
      <c r="N867820" s="10"/>
    </row>
    <row r="867821" spans="14:14">
      <c r="N867821" s="10"/>
    </row>
    <row r="867822" spans="14:14">
      <c r="N867822" s="10"/>
    </row>
    <row r="867823" spans="14:14">
      <c r="N867823" s="10"/>
    </row>
    <row r="867824" spans="14:14">
      <c r="N867824" s="10"/>
    </row>
    <row r="867825" spans="14:14">
      <c r="N867825" s="10"/>
    </row>
    <row r="867826" spans="14:14">
      <c r="N867826" s="10"/>
    </row>
    <row r="867827" spans="14:14">
      <c r="N867827" s="10"/>
    </row>
    <row r="867828" spans="14:14">
      <c r="N867828" s="10"/>
    </row>
    <row r="867829" spans="14:14">
      <c r="N867829" s="10"/>
    </row>
    <row r="867830" spans="14:14">
      <c r="N867830" s="10"/>
    </row>
    <row r="867831" spans="14:14">
      <c r="N867831" s="10"/>
    </row>
    <row r="867832" spans="14:14">
      <c r="N867832" s="10"/>
    </row>
    <row r="867833" spans="14:14">
      <c r="N867833" s="10"/>
    </row>
    <row r="867834" spans="14:14">
      <c r="N867834" s="10"/>
    </row>
    <row r="867835" spans="14:14">
      <c r="N867835" s="10"/>
    </row>
    <row r="867836" spans="14:14">
      <c r="N867836" s="10"/>
    </row>
    <row r="867837" spans="14:14">
      <c r="N867837" s="10"/>
    </row>
    <row r="867838" spans="14:14">
      <c r="N867838" s="10"/>
    </row>
    <row r="867839" spans="14:14">
      <c r="N867839" s="10"/>
    </row>
    <row r="867840" spans="14:14">
      <c r="N867840" s="10"/>
    </row>
    <row r="867841" spans="14:14">
      <c r="N867841" s="10"/>
    </row>
    <row r="867842" spans="14:14">
      <c r="N867842" s="10"/>
    </row>
    <row r="867843" spans="14:14">
      <c r="N867843" s="10"/>
    </row>
    <row r="867844" spans="14:14">
      <c r="N867844" s="10"/>
    </row>
    <row r="867845" spans="14:14">
      <c r="N867845" s="10"/>
    </row>
    <row r="867846" spans="14:14">
      <c r="N867846" s="10"/>
    </row>
    <row r="867847" spans="14:14">
      <c r="N867847" s="10"/>
    </row>
    <row r="867848" spans="14:14">
      <c r="N867848" s="10"/>
    </row>
    <row r="867849" spans="14:14">
      <c r="N867849" s="10"/>
    </row>
    <row r="867850" spans="14:14">
      <c r="N867850" s="10"/>
    </row>
    <row r="867851" spans="14:14">
      <c r="N867851" s="10"/>
    </row>
    <row r="867852" spans="14:14">
      <c r="N867852" s="10"/>
    </row>
    <row r="867853" spans="14:14">
      <c r="N867853" s="10"/>
    </row>
    <row r="867854" spans="14:14">
      <c r="N867854" s="10"/>
    </row>
    <row r="867855" spans="14:14">
      <c r="N867855" s="10"/>
    </row>
    <row r="867856" spans="14:14">
      <c r="N867856" s="10"/>
    </row>
    <row r="867857" spans="14:14">
      <c r="N867857" s="10"/>
    </row>
    <row r="867858" spans="14:14">
      <c r="N867858" s="10"/>
    </row>
    <row r="867859" spans="14:14">
      <c r="N867859" s="10"/>
    </row>
    <row r="867860" spans="14:14">
      <c r="N867860" s="10"/>
    </row>
    <row r="867861" spans="14:14">
      <c r="N867861" s="10"/>
    </row>
    <row r="867862" spans="14:14">
      <c r="N867862" s="10"/>
    </row>
    <row r="867863" spans="14:14">
      <c r="N867863" s="10"/>
    </row>
    <row r="867864" spans="14:14">
      <c r="N867864" s="10"/>
    </row>
    <row r="867865" spans="14:14">
      <c r="N867865" s="10"/>
    </row>
    <row r="867866" spans="14:14">
      <c r="N867866" s="10"/>
    </row>
    <row r="867867" spans="14:14">
      <c r="N867867" s="10"/>
    </row>
    <row r="867868" spans="14:14">
      <c r="N867868" s="10"/>
    </row>
    <row r="867869" spans="14:14">
      <c r="N867869" s="10"/>
    </row>
    <row r="867870" spans="14:14">
      <c r="N867870" s="10"/>
    </row>
    <row r="867871" spans="14:14">
      <c r="N867871" s="10"/>
    </row>
    <row r="867872" spans="14:14">
      <c r="N867872" s="10"/>
    </row>
    <row r="867873" spans="14:14">
      <c r="N867873" s="10"/>
    </row>
    <row r="867874" spans="14:14">
      <c r="N867874" s="10"/>
    </row>
    <row r="867875" spans="14:14">
      <c r="N867875" s="10"/>
    </row>
    <row r="867876" spans="14:14">
      <c r="N867876" s="10"/>
    </row>
    <row r="867877" spans="14:14">
      <c r="N867877" s="10"/>
    </row>
    <row r="867878" spans="14:14">
      <c r="N867878" s="10"/>
    </row>
    <row r="867879" spans="14:14">
      <c r="N867879" s="10"/>
    </row>
    <row r="867880" spans="14:14">
      <c r="N867880" s="10"/>
    </row>
    <row r="867881" spans="14:14">
      <c r="N867881" s="10"/>
    </row>
    <row r="867882" spans="14:14">
      <c r="N867882" s="10"/>
    </row>
    <row r="867883" spans="14:14">
      <c r="N867883" s="10"/>
    </row>
    <row r="867884" spans="14:14">
      <c r="N867884" s="10"/>
    </row>
    <row r="867885" spans="14:14">
      <c r="N867885" s="10"/>
    </row>
    <row r="867886" spans="14:14">
      <c r="N867886" s="10"/>
    </row>
    <row r="867887" spans="14:14">
      <c r="N867887" s="10"/>
    </row>
    <row r="867888" spans="14:14">
      <c r="N867888" s="10"/>
    </row>
    <row r="867889" spans="14:14">
      <c r="N867889" s="10"/>
    </row>
    <row r="867890" spans="14:14">
      <c r="N867890" s="10"/>
    </row>
    <row r="867891" spans="14:14">
      <c r="N867891" s="10"/>
    </row>
    <row r="867892" spans="14:14">
      <c r="N867892" s="10"/>
    </row>
    <row r="867893" spans="14:14">
      <c r="N867893" s="10"/>
    </row>
    <row r="867894" spans="14:14">
      <c r="N867894" s="10"/>
    </row>
    <row r="867895" spans="14:14">
      <c r="N867895" s="10"/>
    </row>
    <row r="867896" spans="14:14">
      <c r="N867896" s="10"/>
    </row>
    <row r="867897" spans="14:14">
      <c r="N867897" s="10"/>
    </row>
    <row r="867898" spans="14:14">
      <c r="N867898" s="10"/>
    </row>
    <row r="867899" spans="14:14">
      <c r="N867899" s="10"/>
    </row>
    <row r="867900" spans="14:14">
      <c r="N867900" s="10"/>
    </row>
    <row r="867901" spans="14:14">
      <c r="N867901" s="10"/>
    </row>
    <row r="867902" spans="14:14">
      <c r="N867902" s="10"/>
    </row>
    <row r="867903" spans="14:14">
      <c r="N867903" s="10"/>
    </row>
    <row r="867904" spans="14:14">
      <c r="N867904" s="10"/>
    </row>
    <row r="867905" spans="14:14">
      <c r="N867905" s="10"/>
    </row>
    <row r="867906" spans="14:14">
      <c r="N867906" s="10"/>
    </row>
    <row r="867907" spans="14:14">
      <c r="N867907" s="10"/>
    </row>
    <row r="867908" spans="14:14">
      <c r="N867908" s="10"/>
    </row>
    <row r="867909" spans="14:14">
      <c r="N867909" s="10"/>
    </row>
    <row r="867910" spans="14:14">
      <c r="N867910" s="10"/>
    </row>
    <row r="867911" spans="14:14">
      <c r="N867911" s="10"/>
    </row>
    <row r="867912" spans="14:14">
      <c r="N867912" s="10"/>
    </row>
    <row r="867913" spans="14:14">
      <c r="N867913" s="10"/>
    </row>
    <row r="867914" spans="14:14">
      <c r="N867914" s="10"/>
    </row>
    <row r="867915" spans="14:14">
      <c r="N867915" s="10"/>
    </row>
    <row r="867916" spans="14:14">
      <c r="N867916" s="10"/>
    </row>
    <row r="867917" spans="14:14">
      <c r="N867917" s="10"/>
    </row>
    <row r="867918" spans="14:14">
      <c r="N867918" s="10"/>
    </row>
    <row r="867919" spans="14:14">
      <c r="N867919" s="10"/>
    </row>
    <row r="867920" spans="14:14">
      <c r="N867920" s="10"/>
    </row>
    <row r="867921" spans="14:14">
      <c r="N867921" s="10"/>
    </row>
    <row r="867922" spans="14:14">
      <c r="N867922" s="10"/>
    </row>
    <row r="867923" spans="14:14">
      <c r="N867923" s="10"/>
    </row>
    <row r="867924" spans="14:14">
      <c r="N867924" s="10"/>
    </row>
    <row r="867925" spans="14:14">
      <c r="N867925" s="10"/>
    </row>
    <row r="867926" spans="14:14">
      <c r="N867926" s="10"/>
    </row>
    <row r="867927" spans="14:14">
      <c r="N867927" s="10"/>
    </row>
    <row r="867928" spans="14:14">
      <c r="N867928" s="10"/>
    </row>
    <row r="867929" spans="14:14">
      <c r="N867929" s="10"/>
    </row>
    <row r="867930" spans="14:14">
      <c r="N867930" s="10"/>
    </row>
    <row r="867931" spans="14:14">
      <c r="N867931" s="10"/>
    </row>
    <row r="867932" spans="14:14">
      <c r="N867932" s="10"/>
    </row>
    <row r="867933" spans="14:14">
      <c r="N867933" s="10"/>
    </row>
    <row r="867934" spans="14:14">
      <c r="N867934" s="10"/>
    </row>
    <row r="867935" spans="14:14">
      <c r="N867935" s="10"/>
    </row>
    <row r="867936" spans="14:14">
      <c r="N867936" s="10"/>
    </row>
    <row r="867937" spans="14:14">
      <c r="N867937" s="10"/>
    </row>
    <row r="867938" spans="14:14">
      <c r="N867938" s="10"/>
    </row>
    <row r="867939" spans="14:14">
      <c r="N867939" s="10"/>
    </row>
    <row r="867940" spans="14:14">
      <c r="N867940" s="10"/>
    </row>
    <row r="867941" spans="14:14">
      <c r="N867941" s="10"/>
    </row>
    <row r="867942" spans="14:14">
      <c r="N867942" s="10"/>
    </row>
    <row r="867943" spans="14:14">
      <c r="N867943" s="10"/>
    </row>
    <row r="867944" spans="14:14">
      <c r="N867944" s="10"/>
    </row>
    <row r="867945" spans="14:14">
      <c r="N867945" s="10"/>
    </row>
    <row r="867946" spans="14:14">
      <c r="N867946" s="10"/>
    </row>
    <row r="867947" spans="14:14">
      <c r="N867947" s="10"/>
    </row>
    <row r="867948" spans="14:14">
      <c r="N867948" s="10"/>
    </row>
    <row r="867949" spans="14:14">
      <c r="N867949" s="10"/>
    </row>
    <row r="867950" spans="14:14">
      <c r="N867950" s="10"/>
    </row>
    <row r="867951" spans="14:14">
      <c r="N867951" s="10"/>
    </row>
    <row r="867952" spans="14:14">
      <c r="N867952" s="10"/>
    </row>
    <row r="867953" spans="14:14">
      <c r="N867953" s="10"/>
    </row>
    <row r="867954" spans="14:14">
      <c r="N867954" s="10"/>
    </row>
    <row r="867955" spans="14:14">
      <c r="N867955" s="10"/>
    </row>
    <row r="867956" spans="14:14">
      <c r="N867956" s="10"/>
    </row>
    <row r="867957" spans="14:14">
      <c r="N867957" s="10"/>
    </row>
    <row r="867958" spans="14:14">
      <c r="N867958" s="10"/>
    </row>
    <row r="867959" spans="14:14">
      <c r="N867959" s="10"/>
    </row>
    <row r="867960" spans="14:14">
      <c r="N867960" s="10"/>
    </row>
    <row r="867961" spans="14:14">
      <c r="N867961" s="10"/>
    </row>
    <row r="867962" spans="14:14">
      <c r="N867962" s="10"/>
    </row>
    <row r="867963" spans="14:14">
      <c r="N867963" s="10"/>
    </row>
    <row r="867964" spans="14:14">
      <c r="N867964" s="10"/>
    </row>
    <row r="867965" spans="14:14">
      <c r="N867965" s="10"/>
    </row>
    <row r="867966" spans="14:14">
      <c r="N867966" s="10"/>
    </row>
    <row r="867967" spans="14:14">
      <c r="N867967" s="10"/>
    </row>
    <row r="867968" spans="14:14">
      <c r="N867968" s="10"/>
    </row>
    <row r="867969" spans="14:14">
      <c r="N867969" s="10"/>
    </row>
    <row r="867970" spans="14:14">
      <c r="N867970" s="10"/>
    </row>
    <row r="867971" spans="14:14">
      <c r="N867971" s="10"/>
    </row>
    <row r="867972" spans="14:14">
      <c r="N867972" s="10"/>
    </row>
    <row r="867973" spans="14:14">
      <c r="N867973" s="10"/>
    </row>
    <row r="867974" spans="14:14">
      <c r="N867974" s="10"/>
    </row>
    <row r="867975" spans="14:14">
      <c r="N867975" s="10"/>
    </row>
    <row r="867976" spans="14:14">
      <c r="N867976" s="10"/>
    </row>
    <row r="867977" spans="14:14">
      <c r="N867977" s="10"/>
    </row>
    <row r="867978" spans="14:14">
      <c r="N867978" s="10"/>
    </row>
    <row r="867979" spans="14:14">
      <c r="N867979" s="10"/>
    </row>
    <row r="867980" spans="14:14">
      <c r="N867980" s="10"/>
    </row>
    <row r="867981" spans="14:14">
      <c r="N867981" s="10"/>
    </row>
    <row r="867982" spans="14:14">
      <c r="N867982" s="10"/>
    </row>
    <row r="867983" spans="14:14">
      <c r="N867983" s="10"/>
    </row>
    <row r="867984" spans="14:14">
      <c r="N867984" s="10"/>
    </row>
    <row r="867985" spans="14:14">
      <c r="N867985" s="10"/>
    </row>
    <row r="867986" spans="14:14">
      <c r="N867986" s="10"/>
    </row>
    <row r="867987" spans="14:14">
      <c r="N867987" s="10"/>
    </row>
    <row r="867988" spans="14:14">
      <c r="N867988" s="10"/>
    </row>
    <row r="867989" spans="14:14">
      <c r="N867989" s="10"/>
    </row>
    <row r="867990" spans="14:14">
      <c r="N867990" s="10"/>
    </row>
    <row r="867991" spans="14:14">
      <c r="N867991" s="10"/>
    </row>
    <row r="867992" spans="14:14">
      <c r="N867992" s="10"/>
    </row>
    <row r="867993" spans="14:14">
      <c r="N867993" s="10"/>
    </row>
    <row r="867994" spans="14:14">
      <c r="N867994" s="10"/>
    </row>
    <row r="867995" spans="14:14">
      <c r="N867995" s="10"/>
    </row>
    <row r="867996" spans="14:14">
      <c r="N867996" s="10"/>
    </row>
    <row r="867997" spans="14:14">
      <c r="N867997" s="10"/>
    </row>
    <row r="867998" spans="14:14">
      <c r="N867998" s="10"/>
    </row>
    <row r="867999" spans="14:14">
      <c r="N867999" s="10"/>
    </row>
    <row r="868000" spans="14:14">
      <c r="N868000" s="10"/>
    </row>
    <row r="868001" spans="14:14">
      <c r="N868001" s="10"/>
    </row>
    <row r="868002" spans="14:14">
      <c r="N868002" s="10"/>
    </row>
    <row r="868003" spans="14:14">
      <c r="N868003" s="10"/>
    </row>
    <row r="868004" spans="14:14">
      <c r="N868004" s="10"/>
    </row>
    <row r="868005" spans="14:14">
      <c r="N868005" s="10"/>
    </row>
    <row r="868006" spans="14:14">
      <c r="N868006" s="10"/>
    </row>
    <row r="868007" spans="14:14">
      <c r="N868007" s="10"/>
    </row>
    <row r="868008" spans="14:14">
      <c r="N868008" s="10"/>
    </row>
    <row r="868009" spans="14:14">
      <c r="N868009" s="10"/>
    </row>
    <row r="868010" spans="14:14">
      <c r="N868010" s="10"/>
    </row>
    <row r="868011" spans="14:14">
      <c r="N868011" s="10"/>
    </row>
    <row r="868012" spans="14:14">
      <c r="N868012" s="10"/>
    </row>
    <row r="868013" spans="14:14">
      <c r="N868013" s="10"/>
    </row>
    <row r="868014" spans="14:14">
      <c r="N868014" s="10"/>
    </row>
    <row r="868015" spans="14:14">
      <c r="N868015" s="10"/>
    </row>
    <row r="868016" spans="14:14">
      <c r="N868016" s="10"/>
    </row>
    <row r="868017" spans="14:14">
      <c r="N868017" s="10"/>
    </row>
    <row r="868018" spans="14:14">
      <c r="N868018" s="10"/>
    </row>
    <row r="868019" spans="14:14">
      <c r="N868019" s="10"/>
    </row>
    <row r="868020" spans="14:14">
      <c r="N868020" s="10"/>
    </row>
    <row r="868021" spans="14:14">
      <c r="N868021" s="10"/>
    </row>
    <row r="868022" spans="14:14">
      <c r="N868022" s="10"/>
    </row>
    <row r="868023" spans="14:14">
      <c r="N868023" s="10"/>
    </row>
    <row r="868024" spans="14:14">
      <c r="N868024" s="10"/>
    </row>
    <row r="868025" spans="14:14">
      <c r="N868025" s="10"/>
    </row>
    <row r="868026" spans="14:14">
      <c r="N868026" s="10"/>
    </row>
    <row r="868027" spans="14:14">
      <c r="N868027" s="10"/>
    </row>
    <row r="868028" spans="14:14">
      <c r="N868028" s="10"/>
    </row>
    <row r="868029" spans="14:14">
      <c r="N868029" s="10"/>
    </row>
    <row r="868030" spans="14:14">
      <c r="N868030" s="10"/>
    </row>
    <row r="868031" spans="14:14">
      <c r="N868031" s="10"/>
    </row>
    <row r="868032" spans="14:14">
      <c r="N868032" s="10"/>
    </row>
    <row r="868033" spans="14:14">
      <c r="N868033" s="10"/>
    </row>
    <row r="868034" spans="14:14">
      <c r="N868034" s="10"/>
    </row>
    <row r="868035" spans="14:14">
      <c r="N868035" s="10"/>
    </row>
    <row r="868036" spans="14:14">
      <c r="N868036" s="10"/>
    </row>
    <row r="868037" spans="14:14">
      <c r="N868037" s="10"/>
    </row>
    <row r="868038" spans="14:14">
      <c r="N868038" s="10"/>
    </row>
    <row r="868039" spans="14:14">
      <c r="N868039" s="10"/>
    </row>
    <row r="868040" spans="14:14">
      <c r="N868040" s="10"/>
    </row>
    <row r="868041" spans="14:14">
      <c r="N868041" s="10"/>
    </row>
    <row r="868042" spans="14:14">
      <c r="N868042" s="10"/>
    </row>
    <row r="868043" spans="14:14">
      <c r="N868043" s="10"/>
    </row>
    <row r="868044" spans="14:14">
      <c r="N868044" s="10"/>
    </row>
    <row r="868045" spans="14:14">
      <c r="N868045" s="10"/>
    </row>
    <row r="868046" spans="14:14">
      <c r="N868046" s="10"/>
    </row>
    <row r="868047" spans="14:14">
      <c r="N868047" s="10"/>
    </row>
    <row r="868048" spans="14:14">
      <c r="N868048" s="10"/>
    </row>
    <row r="868049" spans="14:14">
      <c r="N868049" s="10"/>
    </row>
    <row r="868050" spans="14:14">
      <c r="N868050" s="10"/>
    </row>
    <row r="868051" spans="14:14">
      <c r="N868051" s="10"/>
    </row>
    <row r="868052" spans="14:14">
      <c r="N868052" s="10"/>
    </row>
    <row r="868053" spans="14:14">
      <c r="N868053" s="10"/>
    </row>
    <row r="868054" spans="14:14">
      <c r="N868054" s="10"/>
    </row>
    <row r="868055" spans="14:14">
      <c r="N868055" s="10"/>
    </row>
    <row r="868056" spans="14:14">
      <c r="N868056" s="10"/>
    </row>
    <row r="868057" spans="14:14">
      <c r="N868057" s="10"/>
    </row>
    <row r="868058" spans="14:14">
      <c r="N868058" s="10"/>
    </row>
    <row r="868059" spans="14:14">
      <c r="N868059" s="10"/>
    </row>
    <row r="868060" spans="14:14">
      <c r="N868060" s="10"/>
    </row>
    <row r="868061" spans="14:14">
      <c r="N868061" s="10"/>
    </row>
    <row r="868062" spans="14:14">
      <c r="N868062" s="10"/>
    </row>
    <row r="868063" spans="14:14">
      <c r="N868063" s="10"/>
    </row>
    <row r="868064" spans="14:14">
      <c r="N868064" s="10"/>
    </row>
    <row r="868065" spans="14:14">
      <c r="N868065" s="10"/>
    </row>
    <row r="868066" spans="14:14">
      <c r="N868066" s="10"/>
    </row>
    <row r="868067" spans="14:14">
      <c r="N868067" s="10"/>
    </row>
    <row r="868068" spans="14:14">
      <c r="N868068" s="10"/>
    </row>
    <row r="868069" spans="14:14">
      <c r="N868069" s="10"/>
    </row>
    <row r="868070" spans="14:14">
      <c r="N868070" s="10"/>
    </row>
    <row r="868071" spans="14:14">
      <c r="N868071" s="10"/>
    </row>
    <row r="868072" spans="14:14">
      <c r="N868072" s="10"/>
    </row>
    <row r="868073" spans="14:14">
      <c r="N868073" s="10"/>
    </row>
    <row r="868074" spans="14:14">
      <c r="N868074" s="10"/>
    </row>
    <row r="868075" spans="14:14">
      <c r="N868075" s="10"/>
    </row>
    <row r="868076" spans="14:14">
      <c r="N868076" s="10"/>
    </row>
    <row r="868077" spans="14:14">
      <c r="N868077" s="10"/>
    </row>
    <row r="868078" spans="14:14">
      <c r="N868078" s="10"/>
    </row>
    <row r="868079" spans="14:14">
      <c r="N868079" s="10"/>
    </row>
    <row r="868080" spans="14:14">
      <c r="N868080" s="10"/>
    </row>
    <row r="868081" spans="14:14">
      <c r="N868081" s="10"/>
    </row>
    <row r="868082" spans="14:14">
      <c r="N868082" s="10"/>
    </row>
    <row r="868083" spans="14:14">
      <c r="N868083" s="10"/>
    </row>
    <row r="868084" spans="14:14">
      <c r="N868084" s="10"/>
    </row>
    <row r="868085" spans="14:14">
      <c r="N868085" s="10"/>
    </row>
    <row r="868086" spans="14:14">
      <c r="N868086" s="10"/>
    </row>
    <row r="868087" spans="14:14">
      <c r="N868087" s="10"/>
    </row>
    <row r="868088" spans="14:14">
      <c r="N868088" s="10"/>
    </row>
    <row r="868089" spans="14:14">
      <c r="N868089" s="10"/>
    </row>
    <row r="868090" spans="14:14">
      <c r="N868090" s="10"/>
    </row>
    <row r="868091" spans="14:14">
      <c r="N868091" s="10"/>
    </row>
    <row r="868092" spans="14:14">
      <c r="N868092" s="10"/>
    </row>
    <row r="868093" spans="14:14">
      <c r="N868093" s="10"/>
    </row>
    <row r="868094" spans="14:14">
      <c r="N868094" s="10"/>
    </row>
    <row r="868095" spans="14:14">
      <c r="N868095" s="10"/>
    </row>
    <row r="868096" spans="14:14">
      <c r="N868096" s="10"/>
    </row>
    <row r="868097" spans="14:14">
      <c r="N868097" s="10"/>
    </row>
    <row r="868098" spans="14:14">
      <c r="N868098" s="10"/>
    </row>
    <row r="868099" spans="14:14">
      <c r="N868099" s="10"/>
    </row>
    <row r="868100" spans="14:14">
      <c r="N868100" s="10"/>
    </row>
    <row r="868101" spans="14:14">
      <c r="N868101" s="10"/>
    </row>
    <row r="868102" spans="14:14">
      <c r="N868102" s="10"/>
    </row>
    <row r="868103" spans="14:14">
      <c r="N868103" s="10"/>
    </row>
    <row r="868104" spans="14:14">
      <c r="N868104" s="10"/>
    </row>
    <row r="868105" spans="14:14">
      <c r="N868105" s="10"/>
    </row>
    <row r="868106" spans="14:14">
      <c r="N868106" s="10"/>
    </row>
    <row r="868107" spans="14:14">
      <c r="N868107" s="10"/>
    </row>
    <row r="868108" spans="14:14">
      <c r="N868108" s="10"/>
    </row>
    <row r="868109" spans="14:14">
      <c r="N868109" s="10"/>
    </row>
    <row r="868110" spans="14:14">
      <c r="N868110" s="10"/>
    </row>
    <row r="868111" spans="14:14">
      <c r="N868111" s="10"/>
    </row>
    <row r="868112" spans="14:14">
      <c r="N868112" s="10"/>
    </row>
    <row r="868113" spans="14:14">
      <c r="N868113" s="10"/>
    </row>
    <row r="868114" spans="14:14">
      <c r="N868114" s="10"/>
    </row>
    <row r="868115" spans="14:14">
      <c r="N868115" s="10"/>
    </row>
    <row r="868116" spans="14:14">
      <c r="N868116" s="10"/>
    </row>
    <row r="868117" spans="14:14">
      <c r="N868117" s="10"/>
    </row>
    <row r="868118" spans="14:14">
      <c r="N868118" s="10"/>
    </row>
    <row r="868119" spans="14:14">
      <c r="N868119" s="10"/>
    </row>
    <row r="868120" spans="14:14">
      <c r="N868120" s="10"/>
    </row>
    <row r="868121" spans="14:14">
      <c r="N868121" s="10"/>
    </row>
    <row r="868122" spans="14:14">
      <c r="N868122" s="10"/>
    </row>
    <row r="868123" spans="14:14">
      <c r="N868123" s="10"/>
    </row>
    <row r="868124" spans="14:14">
      <c r="N868124" s="10"/>
    </row>
    <row r="868125" spans="14:14">
      <c r="N868125" s="10"/>
    </row>
    <row r="868126" spans="14:14">
      <c r="N868126" s="10"/>
    </row>
    <row r="868127" spans="14:14">
      <c r="N868127" s="10"/>
    </row>
    <row r="868128" spans="14:14">
      <c r="N868128" s="10"/>
    </row>
    <row r="868129" spans="14:14">
      <c r="N868129" s="10"/>
    </row>
    <row r="868130" spans="14:14">
      <c r="N868130" s="10"/>
    </row>
    <row r="868131" spans="14:14">
      <c r="N868131" s="10"/>
    </row>
    <row r="868132" spans="14:14">
      <c r="N868132" s="10"/>
    </row>
    <row r="868133" spans="14:14">
      <c r="N868133" s="10"/>
    </row>
    <row r="868134" spans="14:14">
      <c r="N868134" s="10"/>
    </row>
    <row r="868135" spans="14:14">
      <c r="N868135" s="10"/>
    </row>
    <row r="868136" spans="14:14">
      <c r="N868136" s="10"/>
    </row>
    <row r="868137" spans="14:14">
      <c r="N868137" s="10"/>
    </row>
    <row r="868138" spans="14:14">
      <c r="N868138" s="10"/>
    </row>
    <row r="868139" spans="14:14">
      <c r="N868139" s="10"/>
    </row>
    <row r="868140" spans="14:14">
      <c r="N868140" s="10"/>
    </row>
    <row r="868141" spans="14:14">
      <c r="N868141" s="10"/>
    </row>
    <row r="868142" spans="14:14">
      <c r="N868142" s="10"/>
    </row>
    <row r="868143" spans="14:14">
      <c r="N868143" s="10"/>
    </row>
    <row r="868144" spans="14:14">
      <c r="N868144" s="10"/>
    </row>
    <row r="868145" spans="14:14">
      <c r="N868145" s="10"/>
    </row>
    <row r="868146" spans="14:14">
      <c r="N868146" s="10"/>
    </row>
    <row r="868147" spans="14:14">
      <c r="N868147" s="10"/>
    </row>
    <row r="868148" spans="14:14">
      <c r="N868148" s="10"/>
    </row>
    <row r="868149" spans="14:14">
      <c r="N868149" s="10"/>
    </row>
    <row r="868150" spans="14:14">
      <c r="N868150" s="10"/>
    </row>
    <row r="868151" spans="14:14">
      <c r="N868151" s="10"/>
    </row>
    <row r="868152" spans="14:14">
      <c r="N868152" s="10"/>
    </row>
    <row r="868153" spans="14:14">
      <c r="N868153" s="10"/>
    </row>
    <row r="868154" spans="14:14">
      <c r="N868154" s="10"/>
    </row>
    <row r="868155" spans="14:14">
      <c r="N868155" s="10"/>
    </row>
    <row r="868156" spans="14:14">
      <c r="N868156" s="10"/>
    </row>
    <row r="868157" spans="14:14">
      <c r="N868157" s="10"/>
    </row>
    <row r="868158" spans="14:14">
      <c r="N868158" s="10"/>
    </row>
    <row r="868159" spans="14:14">
      <c r="N868159" s="10"/>
    </row>
    <row r="868160" spans="14:14">
      <c r="N868160" s="10"/>
    </row>
    <row r="868161" spans="14:14">
      <c r="N868161" s="10"/>
    </row>
    <row r="868162" spans="14:14">
      <c r="N868162" s="10"/>
    </row>
    <row r="868163" spans="14:14">
      <c r="N868163" s="10"/>
    </row>
    <row r="868164" spans="14:14">
      <c r="N868164" s="10"/>
    </row>
    <row r="868165" spans="14:14">
      <c r="N868165" s="10"/>
    </row>
    <row r="868166" spans="14:14">
      <c r="N868166" s="10"/>
    </row>
    <row r="868167" spans="14:14">
      <c r="N868167" s="10"/>
    </row>
    <row r="868168" spans="14:14">
      <c r="N868168" s="10"/>
    </row>
    <row r="868169" spans="14:14">
      <c r="N868169" s="10"/>
    </row>
    <row r="868170" spans="14:14">
      <c r="N868170" s="10"/>
    </row>
    <row r="868171" spans="14:14">
      <c r="N868171" s="10"/>
    </row>
    <row r="868172" spans="14:14">
      <c r="N868172" s="10"/>
    </row>
    <row r="868173" spans="14:14">
      <c r="N868173" s="10"/>
    </row>
    <row r="868174" spans="14:14">
      <c r="N868174" s="10"/>
    </row>
    <row r="868175" spans="14:14">
      <c r="N868175" s="10"/>
    </row>
    <row r="868176" spans="14:14">
      <c r="N868176" s="10"/>
    </row>
    <row r="868177" spans="14:14">
      <c r="N868177" s="10"/>
    </row>
    <row r="868178" spans="14:14">
      <c r="N868178" s="10"/>
    </row>
    <row r="868179" spans="14:14">
      <c r="N868179" s="10"/>
    </row>
    <row r="868180" spans="14:14">
      <c r="N868180" s="10"/>
    </row>
    <row r="868181" spans="14:14">
      <c r="N868181" s="10"/>
    </row>
    <row r="868182" spans="14:14">
      <c r="N868182" s="10"/>
    </row>
    <row r="868183" spans="14:14">
      <c r="N868183" s="10"/>
    </row>
    <row r="868184" spans="14:14">
      <c r="N868184" s="10"/>
    </row>
    <row r="868185" spans="14:14">
      <c r="N868185" s="10"/>
    </row>
    <row r="868186" spans="14:14">
      <c r="N868186" s="10"/>
    </row>
    <row r="868187" spans="14:14">
      <c r="N868187" s="10"/>
    </row>
    <row r="868188" spans="14:14">
      <c r="N868188" s="10"/>
    </row>
    <row r="868189" spans="14:14">
      <c r="N868189" s="10"/>
    </row>
    <row r="868190" spans="14:14">
      <c r="N868190" s="10"/>
    </row>
    <row r="868191" spans="14:14">
      <c r="N868191" s="10"/>
    </row>
    <row r="868192" spans="14:14">
      <c r="N868192" s="10"/>
    </row>
    <row r="868193" spans="14:14">
      <c r="N868193" s="10"/>
    </row>
    <row r="868194" spans="14:14">
      <c r="N868194" s="10"/>
    </row>
    <row r="868195" spans="14:14">
      <c r="N868195" s="10"/>
    </row>
    <row r="868196" spans="14:14">
      <c r="N868196" s="10"/>
    </row>
    <row r="868197" spans="14:14">
      <c r="N868197" s="10"/>
    </row>
    <row r="868198" spans="14:14">
      <c r="N868198" s="10"/>
    </row>
    <row r="868199" spans="14:14">
      <c r="N868199" s="10"/>
    </row>
    <row r="868200" spans="14:14">
      <c r="N868200" s="10"/>
    </row>
    <row r="868201" spans="14:14">
      <c r="N868201" s="10"/>
    </row>
    <row r="868202" spans="14:14">
      <c r="N868202" s="10"/>
    </row>
    <row r="868203" spans="14:14">
      <c r="N868203" s="10"/>
    </row>
    <row r="868204" spans="14:14">
      <c r="N868204" s="10"/>
    </row>
    <row r="868205" spans="14:14">
      <c r="N868205" s="10"/>
    </row>
    <row r="868206" spans="14:14">
      <c r="N868206" s="10"/>
    </row>
    <row r="868207" spans="14:14">
      <c r="N868207" s="10"/>
    </row>
    <row r="868208" spans="14:14">
      <c r="N868208" s="10"/>
    </row>
    <row r="868209" spans="14:14">
      <c r="N868209" s="10"/>
    </row>
    <row r="868210" spans="14:14">
      <c r="N868210" s="10"/>
    </row>
    <row r="868211" spans="14:14">
      <c r="N868211" s="10"/>
    </row>
    <row r="868212" spans="14:14">
      <c r="N868212" s="10"/>
    </row>
    <row r="868213" spans="14:14">
      <c r="N868213" s="10"/>
    </row>
    <row r="868214" spans="14:14">
      <c r="N868214" s="10"/>
    </row>
    <row r="868215" spans="14:14">
      <c r="N868215" s="10"/>
    </row>
    <row r="868216" spans="14:14">
      <c r="N868216" s="10"/>
    </row>
    <row r="868217" spans="14:14">
      <c r="N868217" s="10"/>
    </row>
    <row r="868218" spans="14:14">
      <c r="N868218" s="10"/>
    </row>
    <row r="868219" spans="14:14">
      <c r="N868219" s="10"/>
    </row>
    <row r="868220" spans="14:14">
      <c r="N868220" s="10"/>
    </row>
    <row r="868221" spans="14:14">
      <c r="N868221" s="10"/>
    </row>
    <row r="868222" spans="14:14">
      <c r="N868222" s="10"/>
    </row>
    <row r="868223" spans="14:14">
      <c r="N868223" s="10"/>
    </row>
    <row r="868224" spans="14:14">
      <c r="N868224" s="10"/>
    </row>
    <row r="868225" spans="14:14">
      <c r="N868225" s="10"/>
    </row>
    <row r="868226" spans="14:14">
      <c r="N868226" s="10"/>
    </row>
    <row r="868227" spans="14:14">
      <c r="N868227" s="10"/>
    </row>
    <row r="868228" spans="14:14">
      <c r="N868228" s="10"/>
    </row>
    <row r="868229" spans="14:14">
      <c r="N868229" s="10"/>
    </row>
    <row r="868230" spans="14:14">
      <c r="N868230" s="10"/>
    </row>
    <row r="868231" spans="14:14">
      <c r="N868231" s="10"/>
    </row>
    <row r="868232" spans="14:14">
      <c r="N868232" s="10"/>
    </row>
    <row r="868233" spans="14:14">
      <c r="N868233" s="10"/>
    </row>
    <row r="868234" spans="14:14">
      <c r="N868234" s="10"/>
    </row>
    <row r="868235" spans="14:14">
      <c r="N868235" s="10"/>
    </row>
    <row r="868236" spans="14:14">
      <c r="N868236" s="10"/>
    </row>
    <row r="868237" spans="14:14">
      <c r="N868237" s="10"/>
    </row>
    <row r="868238" spans="14:14">
      <c r="N868238" s="10"/>
    </row>
    <row r="868239" spans="14:14">
      <c r="N868239" s="10"/>
    </row>
    <row r="868240" spans="14:14">
      <c r="N868240" s="10"/>
    </row>
    <row r="868241" spans="14:14">
      <c r="N868241" s="10"/>
    </row>
    <row r="868242" spans="14:14">
      <c r="N868242" s="10"/>
    </row>
    <row r="868243" spans="14:14">
      <c r="N868243" s="10"/>
    </row>
    <row r="868244" spans="14:14">
      <c r="N868244" s="10"/>
    </row>
    <row r="868245" spans="14:14">
      <c r="N868245" s="10"/>
    </row>
    <row r="868246" spans="14:14">
      <c r="N868246" s="10"/>
    </row>
    <row r="868247" spans="14:14">
      <c r="N868247" s="10"/>
    </row>
    <row r="868248" spans="14:14">
      <c r="N868248" s="10"/>
    </row>
    <row r="868249" spans="14:14">
      <c r="N868249" s="10"/>
    </row>
    <row r="868250" spans="14:14">
      <c r="N868250" s="10"/>
    </row>
    <row r="868251" spans="14:14">
      <c r="N868251" s="10"/>
    </row>
    <row r="868252" spans="14:14">
      <c r="N868252" s="10"/>
    </row>
    <row r="868253" spans="14:14">
      <c r="N868253" s="10"/>
    </row>
    <row r="868254" spans="14:14">
      <c r="N868254" s="10"/>
    </row>
    <row r="868255" spans="14:14">
      <c r="N868255" s="10"/>
    </row>
    <row r="868256" spans="14:14">
      <c r="N868256" s="10"/>
    </row>
    <row r="868257" spans="14:14">
      <c r="N868257" s="10"/>
    </row>
    <row r="868258" spans="14:14">
      <c r="N868258" s="10"/>
    </row>
    <row r="868259" spans="14:14">
      <c r="N868259" s="10"/>
    </row>
    <row r="868260" spans="14:14">
      <c r="N868260" s="10"/>
    </row>
    <row r="868261" spans="14:14">
      <c r="N868261" s="10"/>
    </row>
    <row r="868262" spans="14:14">
      <c r="N868262" s="10"/>
    </row>
    <row r="868263" spans="14:14">
      <c r="N868263" s="10"/>
    </row>
    <row r="868264" spans="14:14">
      <c r="N868264" s="10"/>
    </row>
    <row r="868265" spans="14:14">
      <c r="N868265" s="10"/>
    </row>
    <row r="868266" spans="14:14">
      <c r="N868266" s="10"/>
    </row>
    <row r="868267" spans="14:14">
      <c r="N868267" s="10"/>
    </row>
    <row r="868268" spans="14:14">
      <c r="N868268" s="10"/>
    </row>
    <row r="868269" spans="14:14">
      <c r="N868269" s="10"/>
    </row>
    <row r="868270" spans="14:14">
      <c r="N868270" s="10"/>
    </row>
    <row r="868271" spans="14:14">
      <c r="N868271" s="10"/>
    </row>
    <row r="868272" spans="14:14">
      <c r="N868272" s="10"/>
    </row>
    <row r="868273" spans="14:14">
      <c r="N868273" s="10"/>
    </row>
    <row r="868274" spans="14:14">
      <c r="N868274" s="10"/>
    </row>
    <row r="868275" spans="14:14">
      <c r="N868275" s="10"/>
    </row>
    <row r="868276" spans="14:14">
      <c r="N868276" s="10"/>
    </row>
    <row r="868277" spans="14:14">
      <c r="N868277" s="10"/>
    </row>
    <row r="868278" spans="14:14">
      <c r="N868278" s="10"/>
    </row>
    <row r="868279" spans="14:14">
      <c r="N868279" s="10"/>
    </row>
    <row r="868280" spans="14:14">
      <c r="N868280" s="10"/>
    </row>
    <row r="868281" spans="14:14">
      <c r="N868281" s="10"/>
    </row>
    <row r="868282" spans="14:14">
      <c r="N868282" s="10"/>
    </row>
    <row r="868283" spans="14:14">
      <c r="N868283" s="10"/>
    </row>
    <row r="868284" spans="14:14">
      <c r="N868284" s="10"/>
    </row>
    <row r="868285" spans="14:14">
      <c r="N868285" s="10"/>
    </row>
    <row r="868286" spans="14:14">
      <c r="N868286" s="10"/>
    </row>
    <row r="868287" spans="14:14">
      <c r="N868287" s="10"/>
    </row>
    <row r="868288" spans="14:14">
      <c r="N868288" s="10"/>
    </row>
    <row r="868289" spans="14:14">
      <c r="N868289" s="10"/>
    </row>
    <row r="868290" spans="14:14">
      <c r="N868290" s="10"/>
    </row>
    <row r="868291" spans="14:14">
      <c r="N868291" s="10"/>
    </row>
    <row r="868292" spans="14:14">
      <c r="N868292" s="10"/>
    </row>
    <row r="868293" spans="14:14">
      <c r="N868293" s="10"/>
    </row>
    <row r="868294" spans="14:14">
      <c r="N868294" s="10"/>
    </row>
    <row r="868295" spans="14:14">
      <c r="N868295" s="10"/>
    </row>
    <row r="868296" spans="14:14">
      <c r="N868296" s="10"/>
    </row>
    <row r="868297" spans="14:14">
      <c r="N868297" s="10"/>
    </row>
    <row r="868298" spans="14:14">
      <c r="N868298" s="10"/>
    </row>
    <row r="868299" spans="14:14">
      <c r="N868299" s="10"/>
    </row>
    <row r="868300" spans="14:14">
      <c r="N868300" s="10"/>
    </row>
    <row r="868301" spans="14:14">
      <c r="N868301" s="10"/>
    </row>
    <row r="868302" spans="14:14">
      <c r="N868302" s="10"/>
    </row>
    <row r="868303" spans="14:14">
      <c r="N868303" s="10"/>
    </row>
    <row r="868304" spans="14:14">
      <c r="N868304" s="10"/>
    </row>
    <row r="868305" spans="14:14">
      <c r="N868305" s="10"/>
    </row>
    <row r="868306" spans="14:14">
      <c r="N868306" s="10"/>
    </row>
    <row r="868307" spans="14:14">
      <c r="N868307" s="10"/>
    </row>
    <row r="868308" spans="14:14">
      <c r="N868308" s="10"/>
    </row>
    <row r="868309" spans="14:14">
      <c r="N868309" s="10"/>
    </row>
    <row r="868310" spans="14:14">
      <c r="N868310" s="10"/>
    </row>
    <row r="868311" spans="14:14">
      <c r="N868311" s="10"/>
    </row>
    <row r="868312" spans="14:14">
      <c r="N868312" s="10"/>
    </row>
    <row r="868313" spans="14:14">
      <c r="N868313" s="10"/>
    </row>
    <row r="868314" spans="14:14">
      <c r="N868314" s="10"/>
    </row>
    <row r="868315" spans="14:14">
      <c r="N868315" s="10"/>
    </row>
    <row r="868316" spans="14:14">
      <c r="N868316" s="10"/>
    </row>
    <row r="868317" spans="14:14">
      <c r="N868317" s="10"/>
    </row>
    <row r="868318" spans="14:14">
      <c r="N868318" s="10"/>
    </row>
    <row r="868319" spans="14:14">
      <c r="N868319" s="10"/>
    </row>
    <row r="868320" spans="14:14">
      <c r="N868320" s="10"/>
    </row>
    <row r="868321" spans="14:14">
      <c r="N868321" s="10"/>
    </row>
    <row r="868322" spans="14:14">
      <c r="N868322" s="10"/>
    </row>
    <row r="868323" spans="14:14">
      <c r="N868323" s="10"/>
    </row>
    <row r="868324" spans="14:14">
      <c r="N868324" s="10"/>
    </row>
    <row r="868325" spans="14:14">
      <c r="N868325" s="10"/>
    </row>
    <row r="868326" spans="14:14">
      <c r="N868326" s="10"/>
    </row>
    <row r="868327" spans="14:14">
      <c r="N868327" s="10"/>
    </row>
    <row r="868328" spans="14:14">
      <c r="N868328" s="10"/>
    </row>
    <row r="868329" spans="14:14">
      <c r="N868329" s="10"/>
    </row>
    <row r="868330" spans="14:14">
      <c r="N868330" s="10"/>
    </row>
    <row r="868331" spans="14:14">
      <c r="N868331" s="10"/>
    </row>
    <row r="868332" spans="14:14">
      <c r="N868332" s="10"/>
    </row>
    <row r="868333" spans="14:14">
      <c r="N868333" s="10"/>
    </row>
    <row r="868334" spans="14:14">
      <c r="N868334" s="10"/>
    </row>
    <row r="868335" spans="14:14">
      <c r="N868335" s="10"/>
    </row>
    <row r="868336" spans="14:14">
      <c r="N868336" s="10"/>
    </row>
    <row r="868337" spans="14:14">
      <c r="N868337" s="10"/>
    </row>
    <row r="868338" spans="14:14">
      <c r="N868338" s="10"/>
    </row>
    <row r="868339" spans="14:14">
      <c r="N868339" s="10"/>
    </row>
    <row r="868340" spans="14:14">
      <c r="N868340" s="10"/>
    </row>
    <row r="868341" spans="14:14">
      <c r="N868341" s="10"/>
    </row>
    <row r="868342" spans="14:14">
      <c r="N868342" s="10"/>
    </row>
    <row r="868343" spans="14:14">
      <c r="N868343" s="10"/>
    </row>
    <row r="868344" spans="14:14">
      <c r="N868344" s="10"/>
    </row>
    <row r="868345" spans="14:14">
      <c r="N868345" s="10"/>
    </row>
    <row r="868346" spans="14:14">
      <c r="N868346" s="10"/>
    </row>
    <row r="868347" spans="14:14">
      <c r="N868347" s="10"/>
    </row>
    <row r="868348" spans="14:14">
      <c r="N868348" s="10"/>
    </row>
    <row r="868349" spans="14:14">
      <c r="N868349" s="10"/>
    </row>
    <row r="868350" spans="14:14">
      <c r="N868350" s="10"/>
    </row>
    <row r="868351" spans="14:14">
      <c r="N868351" s="10"/>
    </row>
    <row r="868352" spans="14:14">
      <c r="N868352" s="10"/>
    </row>
    <row r="868353" spans="14:14">
      <c r="N868353" s="10"/>
    </row>
    <row r="868354" spans="14:14">
      <c r="N868354" s="10"/>
    </row>
    <row r="868355" spans="14:14">
      <c r="N868355" s="10"/>
    </row>
    <row r="868356" spans="14:14">
      <c r="N868356" s="10"/>
    </row>
    <row r="868357" spans="14:14">
      <c r="N868357" s="10"/>
    </row>
    <row r="868358" spans="14:14">
      <c r="N868358" s="10"/>
    </row>
    <row r="868359" spans="14:14">
      <c r="N868359" s="10"/>
    </row>
    <row r="868360" spans="14:14">
      <c r="N868360" s="10"/>
    </row>
    <row r="868361" spans="14:14">
      <c r="N868361" s="10"/>
    </row>
    <row r="868362" spans="14:14">
      <c r="N868362" s="10"/>
    </row>
    <row r="868363" spans="14:14">
      <c r="N868363" s="10"/>
    </row>
    <row r="868364" spans="14:14">
      <c r="N868364" s="10"/>
    </row>
    <row r="868365" spans="14:14">
      <c r="N868365" s="10"/>
    </row>
    <row r="868366" spans="14:14">
      <c r="N868366" s="10"/>
    </row>
    <row r="868367" spans="14:14">
      <c r="N868367" s="10"/>
    </row>
    <row r="868368" spans="14:14">
      <c r="N868368" s="10"/>
    </row>
    <row r="868369" spans="14:14">
      <c r="N868369" s="10"/>
    </row>
    <row r="868370" spans="14:14">
      <c r="N868370" s="10"/>
    </row>
    <row r="868371" spans="14:14">
      <c r="N868371" s="10"/>
    </row>
    <row r="868372" spans="14:14">
      <c r="N868372" s="10"/>
    </row>
    <row r="868373" spans="14:14">
      <c r="N868373" s="10"/>
    </row>
    <row r="868374" spans="14:14">
      <c r="N868374" s="10"/>
    </row>
    <row r="868375" spans="14:14">
      <c r="N868375" s="10"/>
    </row>
    <row r="868376" spans="14:14">
      <c r="N868376" s="10"/>
    </row>
    <row r="868377" spans="14:14">
      <c r="N868377" s="10"/>
    </row>
    <row r="868378" spans="14:14">
      <c r="N868378" s="10"/>
    </row>
    <row r="868379" spans="14:14">
      <c r="N868379" s="10"/>
    </row>
    <row r="868380" spans="14:14">
      <c r="N868380" s="10"/>
    </row>
    <row r="868381" spans="14:14">
      <c r="N868381" s="10"/>
    </row>
    <row r="868382" spans="14:14">
      <c r="N868382" s="10"/>
    </row>
    <row r="868383" spans="14:14">
      <c r="N868383" s="10"/>
    </row>
    <row r="868384" spans="14:14">
      <c r="N868384" s="10"/>
    </row>
    <row r="868385" spans="14:14">
      <c r="N868385" s="10"/>
    </row>
    <row r="868386" spans="14:14">
      <c r="N868386" s="10"/>
    </row>
    <row r="868387" spans="14:14">
      <c r="N868387" s="10"/>
    </row>
    <row r="868388" spans="14:14">
      <c r="N868388" s="10"/>
    </row>
    <row r="868389" spans="14:14">
      <c r="N868389" s="10"/>
    </row>
    <row r="868390" spans="14:14">
      <c r="N868390" s="10"/>
    </row>
    <row r="868391" spans="14:14">
      <c r="N868391" s="10"/>
    </row>
    <row r="868392" spans="14:14">
      <c r="N868392" s="10"/>
    </row>
    <row r="868393" spans="14:14">
      <c r="N868393" s="10"/>
    </row>
    <row r="868394" spans="14:14">
      <c r="N868394" s="10"/>
    </row>
    <row r="868395" spans="14:14">
      <c r="N868395" s="10"/>
    </row>
    <row r="868396" spans="14:14">
      <c r="N868396" s="10"/>
    </row>
    <row r="868397" spans="14:14">
      <c r="N868397" s="10"/>
    </row>
    <row r="868398" spans="14:14">
      <c r="N868398" s="10"/>
    </row>
    <row r="868399" spans="14:14">
      <c r="N868399" s="10"/>
    </row>
    <row r="868400" spans="14:14">
      <c r="N868400" s="10"/>
    </row>
    <row r="868401" spans="14:14">
      <c r="N868401" s="10"/>
    </row>
    <row r="868402" spans="14:14">
      <c r="N868402" s="10"/>
    </row>
    <row r="868403" spans="14:14">
      <c r="N868403" s="10"/>
    </row>
    <row r="868404" spans="14:14">
      <c r="N868404" s="10"/>
    </row>
    <row r="868405" spans="14:14">
      <c r="N868405" s="10"/>
    </row>
    <row r="868406" spans="14:14">
      <c r="N868406" s="10"/>
    </row>
    <row r="868407" spans="14:14">
      <c r="N868407" s="10"/>
    </row>
    <row r="868408" spans="14:14">
      <c r="N868408" s="10"/>
    </row>
    <row r="868409" spans="14:14">
      <c r="N868409" s="10"/>
    </row>
    <row r="868410" spans="14:14">
      <c r="N868410" s="10"/>
    </row>
    <row r="868411" spans="14:14">
      <c r="N868411" s="10"/>
    </row>
    <row r="868412" spans="14:14">
      <c r="N868412" s="10"/>
    </row>
    <row r="868413" spans="14:14">
      <c r="N868413" s="10"/>
    </row>
    <row r="868414" spans="14:14">
      <c r="N868414" s="10"/>
    </row>
    <row r="868415" spans="14:14">
      <c r="N868415" s="10"/>
    </row>
    <row r="868416" spans="14:14">
      <c r="N868416" s="10"/>
    </row>
    <row r="868417" spans="14:14">
      <c r="N868417" s="10"/>
    </row>
    <row r="868418" spans="14:14">
      <c r="N868418" s="10"/>
    </row>
    <row r="868419" spans="14:14">
      <c r="N868419" s="10"/>
    </row>
    <row r="868420" spans="14:14">
      <c r="N868420" s="10"/>
    </row>
    <row r="868421" spans="14:14">
      <c r="N868421" s="10"/>
    </row>
    <row r="868422" spans="14:14">
      <c r="N868422" s="10"/>
    </row>
    <row r="868423" spans="14:14">
      <c r="N868423" s="10"/>
    </row>
    <row r="868424" spans="14:14">
      <c r="N868424" s="10"/>
    </row>
    <row r="868425" spans="14:14">
      <c r="N868425" s="10"/>
    </row>
    <row r="868426" spans="14:14">
      <c r="N868426" s="10"/>
    </row>
    <row r="868427" spans="14:14">
      <c r="N868427" s="10"/>
    </row>
    <row r="868428" spans="14:14">
      <c r="N868428" s="10"/>
    </row>
    <row r="868429" spans="14:14">
      <c r="N868429" s="10"/>
    </row>
    <row r="868430" spans="14:14">
      <c r="N868430" s="10"/>
    </row>
    <row r="868431" spans="14:14">
      <c r="N868431" s="10"/>
    </row>
    <row r="868432" spans="14:14">
      <c r="N868432" s="10"/>
    </row>
    <row r="868433" spans="14:14">
      <c r="N868433" s="10"/>
    </row>
    <row r="868434" spans="14:14">
      <c r="N868434" s="10"/>
    </row>
    <row r="868435" spans="14:14">
      <c r="N868435" s="10"/>
    </row>
    <row r="868436" spans="14:14">
      <c r="N868436" s="10"/>
    </row>
    <row r="868437" spans="14:14">
      <c r="N868437" s="10"/>
    </row>
    <row r="868438" spans="14:14">
      <c r="N868438" s="10"/>
    </row>
    <row r="868439" spans="14:14">
      <c r="N868439" s="10"/>
    </row>
    <row r="868440" spans="14:14">
      <c r="N868440" s="10"/>
    </row>
    <row r="868441" spans="14:14">
      <c r="N868441" s="10"/>
    </row>
    <row r="868442" spans="14:14">
      <c r="N868442" s="10"/>
    </row>
    <row r="868443" spans="14:14">
      <c r="N868443" s="10"/>
    </row>
    <row r="868444" spans="14:14">
      <c r="N868444" s="10"/>
    </row>
    <row r="868445" spans="14:14">
      <c r="N868445" s="10"/>
    </row>
    <row r="868446" spans="14:14">
      <c r="N868446" s="10"/>
    </row>
    <row r="868447" spans="14:14">
      <c r="N868447" s="10"/>
    </row>
    <row r="868448" spans="14:14">
      <c r="N868448" s="10"/>
    </row>
    <row r="868449" spans="14:14">
      <c r="N868449" s="10"/>
    </row>
    <row r="868450" spans="14:14">
      <c r="N868450" s="10"/>
    </row>
    <row r="868451" spans="14:14">
      <c r="N868451" s="10"/>
    </row>
    <row r="868452" spans="14:14">
      <c r="N868452" s="10"/>
    </row>
    <row r="868453" spans="14:14">
      <c r="N868453" s="10"/>
    </row>
    <row r="868454" spans="14:14">
      <c r="N868454" s="10"/>
    </row>
    <row r="868455" spans="14:14">
      <c r="N868455" s="10"/>
    </row>
    <row r="868456" spans="14:14">
      <c r="N868456" s="10"/>
    </row>
    <row r="868457" spans="14:14">
      <c r="N868457" s="10"/>
    </row>
    <row r="868458" spans="14:14">
      <c r="N868458" s="10"/>
    </row>
    <row r="868459" spans="14:14">
      <c r="N868459" s="10"/>
    </row>
    <row r="868460" spans="14:14">
      <c r="N868460" s="10"/>
    </row>
    <row r="868461" spans="14:14">
      <c r="N868461" s="10"/>
    </row>
    <row r="868462" spans="14:14">
      <c r="N868462" s="10"/>
    </row>
    <row r="868463" spans="14:14">
      <c r="N868463" s="10"/>
    </row>
    <row r="868464" spans="14:14">
      <c r="N868464" s="10"/>
    </row>
    <row r="868465" spans="14:14">
      <c r="N868465" s="10"/>
    </row>
    <row r="868466" spans="14:14">
      <c r="N868466" s="10"/>
    </row>
    <row r="868467" spans="14:14">
      <c r="N868467" s="10"/>
    </row>
    <row r="868468" spans="14:14">
      <c r="N868468" s="10"/>
    </row>
    <row r="868469" spans="14:14">
      <c r="N868469" s="10"/>
    </row>
    <row r="868470" spans="14:14">
      <c r="N868470" s="10"/>
    </row>
    <row r="868471" spans="14:14">
      <c r="N868471" s="10"/>
    </row>
    <row r="868472" spans="14:14">
      <c r="N868472" s="10"/>
    </row>
    <row r="868473" spans="14:14">
      <c r="N868473" s="10"/>
    </row>
    <row r="868474" spans="14:14">
      <c r="N868474" s="10"/>
    </row>
    <row r="868475" spans="14:14">
      <c r="N868475" s="10"/>
    </row>
    <row r="868476" spans="14:14">
      <c r="N868476" s="10"/>
    </row>
    <row r="868477" spans="14:14">
      <c r="N868477" s="10"/>
    </row>
    <row r="868478" spans="14:14">
      <c r="N868478" s="10"/>
    </row>
    <row r="868479" spans="14:14">
      <c r="N868479" s="10"/>
    </row>
    <row r="868480" spans="14:14">
      <c r="N868480" s="10"/>
    </row>
    <row r="868481" spans="14:14">
      <c r="N868481" s="10"/>
    </row>
    <row r="868482" spans="14:14">
      <c r="N868482" s="10"/>
    </row>
    <row r="868483" spans="14:14">
      <c r="N868483" s="10"/>
    </row>
    <row r="868484" spans="14:14">
      <c r="N868484" s="10"/>
    </row>
    <row r="868485" spans="14:14">
      <c r="N868485" s="10"/>
    </row>
    <row r="868486" spans="14:14">
      <c r="N868486" s="10"/>
    </row>
    <row r="868487" spans="14:14">
      <c r="N868487" s="10"/>
    </row>
    <row r="868488" spans="14:14">
      <c r="N868488" s="10"/>
    </row>
    <row r="868489" spans="14:14">
      <c r="N868489" s="10"/>
    </row>
    <row r="868490" spans="14:14">
      <c r="N868490" s="10"/>
    </row>
    <row r="868491" spans="14:14">
      <c r="N868491" s="10"/>
    </row>
    <row r="868492" spans="14:14">
      <c r="N868492" s="10"/>
    </row>
    <row r="868493" spans="14:14">
      <c r="N868493" s="10"/>
    </row>
    <row r="868494" spans="14:14">
      <c r="N868494" s="10"/>
    </row>
    <row r="868495" spans="14:14">
      <c r="N868495" s="10"/>
    </row>
    <row r="868496" spans="14:14">
      <c r="N868496" s="10"/>
    </row>
    <row r="868497" spans="14:14">
      <c r="N868497" s="10"/>
    </row>
    <row r="868498" spans="14:14">
      <c r="N868498" s="10"/>
    </row>
    <row r="868499" spans="14:14">
      <c r="N868499" s="10"/>
    </row>
    <row r="868500" spans="14:14">
      <c r="N868500" s="10"/>
    </row>
    <row r="868501" spans="14:14">
      <c r="N868501" s="10"/>
    </row>
    <row r="868502" spans="14:14">
      <c r="N868502" s="10"/>
    </row>
    <row r="868503" spans="14:14">
      <c r="N868503" s="10"/>
    </row>
    <row r="868504" spans="14:14">
      <c r="N868504" s="10"/>
    </row>
    <row r="868505" spans="14:14">
      <c r="N868505" s="10"/>
    </row>
    <row r="868506" spans="14:14">
      <c r="N868506" s="10"/>
    </row>
    <row r="868507" spans="14:14">
      <c r="N868507" s="10"/>
    </row>
    <row r="868508" spans="14:14">
      <c r="N868508" s="10"/>
    </row>
    <row r="868509" spans="14:14">
      <c r="N868509" s="10"/>
    </row>
    <row r="868510" spans="14:14">
      <c r="N868510" s="10"/>
    </row>
    <row r="868511" spans="14:14">
      <c r="N868511" s="10"/>
    </row>
    <row r="868512" spans="14:14">
      <c r="N868512" s="10"/>
    </row>
    <row r="868513" spans="14:14">
      <c r="N868513" s="10"/>
    </row>
    <row r="868514" spans="14:14">
      <c r="N868514" s="10"/>
    </row>
    <row r="868515" spans="14:14">
      <c r="N868515" s="10"/>
    </row>
    <row r="868516" spans="14:14">
      <c r="N868516" s="10"/>
    </row>
    <row r="868517" spans="14:14">
      <c r="N868517" s="10"/>
    </row>
    <row r="868518" spans="14:14">
      <c r="N868518" s="10"/>
    </row>
    <row r="868519" spans="14:14">
      <c r="N868519" s="10"/>
    </row>
    <row r="868520" spans="14:14">
      <c r="N868520" s="10"/>
    </row>
    <row r="868521" spans="14:14">
      <c r="N868521" s="10"/>
    </row>
    <row r="868522" spans="14:14">
      <c r="N868522" s="10"/>
    </row>
    <row r="868523" spans="14:14">
      <c r="N868523" s="10"/>
    </row>
    <row r="868524" spans="14:14">
      <c r="N868524" s="10"/>
    </row>
    <row r="868525" spans="14:14">
      <c r="N868525" s="10"/>
    </row>
    <row r="868526" spans="14:14">
      <c r="N868526" s="10"/>
    </row>
    <row r="868527" spans="14:14">
      <c r="N868527" s="10"/>
    </row>
    <row r="868528" spans="14:14">
      <c r="N868528" s="10"/>
    </row>
    <row r="868529" spans="14:14">
      <c r="N868529" s="10"/>
    </row>
    <row r="868530" spans="14:14">
      <c r="N868530" s="10"/>
    </row>
    <row r="868531" spans="14:14">
      <c r="N868531" s="10"/>
    </row>
    <row r="868532" spans="14:14">
      <c r="N868532" s="10"/>
    </row>
    <row r="868533" spans="14:14">
      <c r="N868533" s="10"/>
    </row>
    <row r="868534" spans="14:14">
      <c r="N868534" s="10"/>
    </row>
    <row r="868535" spans="14:14">
      <c r="N868535" s="10"/>
    </row>
    <row r="868536" spans="14:14">
      <c r="N868536" s="10"/>
    </row>
    <row r="868537" spans="14:14">
      <c r="N868537" s="10"/>
    </row>
    <row r="868538" spans="14:14">
      <c r="N868538" s="10"/>
    </row>
    <row r="868539" spans="14:14">
      <c r="N868539" s="10"/>
    </row>
    <row r="868540" spans="14:14">
      <c r="N868540" s="10"/>
    </row>
    <row r="868541" spans="14:14">
      <c r="N868541" s="10"/>
    </row>
    <row r="868542" spans="14:14">
      <c r="N868542" s="10"/>
    </row>
    <row r="868543" spans="14:14">
      <c r="N868543" s="10"/>
    </row>
    <row r="868544" spans="14:14">
      <c r="N868544" s="10"/>
    </row>
    <row r="868545" spans="14:14">
      <c r="N868545" s="10"/>
    </row>
    <row r="868546" spans="14:14">
      <c r="N868546" s="10"/>
    </row>
    <row r="868547" spans="14:14">
      <c r="N868547" s="10"/>
    </row>
    <row r="868548" spans="14:14">
      <c r="N868548" s="10"/>
    </row>
    <row r="868549" spans="14:14">
      <c r="N868549" s="10"/>
    </row>
    <row r="868550" spans="14:14">
      <c r="N868550" s="10"/>
    </row>
    <row r="868551" spans="14:14">
      <c r="N868551" s="10"/>
    </row>
    <row r="868552" spans="14:14">
      <c r="N868552" s="10"/>
    </row>
    <row r="868553" spans="14:14">
      <c r="N868553" s="10"/>
    </row>
    <row r="868554" spans="14:14">
      <c r="N868554" s="10"/>
    </row>
    <row r="868555" spans="14:14">
      <c r="N868555" s="10"/>
    </row>
    <row r="868556" spans="14:14">
      <c r="N868556" s="10"/>
    </row>
    <row r="868557" spans="14:14">
      <c r="N868557" s="10"/>
    </row>
    <row r="868558" spans="14:14">
      <c r="N868558" s="10"/>
    </row>
    <row r="868559" spans="14:14">
      <c r="N868559" s="10"/>
    </row>
    <row r="868560" spans="14:14">
      <c r="N868560" s="10"/>
    </row>
    <row r="868561" spans="14:14">
      <c r="N868561" s="10"/>
    </row>
    <row r="868562" spans="14:14">
      <c r="N868562" s="10"/>
    </row>
    <row r="868563" spans="14:14">
      <c r="N868563" s="10"/>
    </row>
    <row r="868564" spans="14:14">
      <c r="N868564" s="10"/>
    </row>
    <row r="868565" spans="14:14">
      <c r="N868565" s="10"/>
    </row>
    <row r="868566" spans="14:14">
      <c r="N868566" s="10"/>
    </row>
    <row r="868567" spans="14:14">
      <c r="N868567" s="10"/>
    </row>
    <row r="868568" spans="14:14">
      <c r="N868568" s="10"/>
    </row>
    <row r="868569" spans="14:14">
      <c r="N868569" s="10"/>
    </row>
    <row r="868570" spans="14:14">
      <c r="N868570" s="10"/>
    </row>
    <row r="868571" spans="14:14">
      <c r="N868571" s="10"/>
    </row>
    <row r="868572" spans="14:14">
      <c r="N868572" s="10"/>
    </row>
    <row r="868573" spans="14:14">
      <c r="N868573" s="10"/>
    </row>
    <row r="868574" spans="14:14">
      <c r="N868574" s="10"/>
    </row>
    <row r="868575" spans="14:14">
      <c r="N868575" s="10"/>
    </row>
    <row r="868576" spans="14:14">
      <c r="N868576" s="10"/>
    </row>
    <row r="868577" spans="14:14">
      <c r="N868577" s="10"/>
    </row>
    <row r="868578" spans="14:14">
      <c r="N868578" s="10"/>
    </row>
    <row r="868579" spans="14:14">
      <c r="N868579" s="10"/>
    </row>
    <row r="868580" spans="14:14">
      <c r="N868580" s="10"/>
    </row>
    <row r="868581" spans="14:14">
      <c r="N868581" s="10"/>
    </row>
    <row r="868582" spans="14:14">
      <c r="N868582" s="10"/>
    </row>
    <row r="868583" spans="14:14">
      <c r="N868583" s="10"/>
    </row>
    <row r="868584" spans="14:14">
      <c r="N868584" s="10"/>
    </row>
    <row r="868585" spans="14:14">
      <c r="N868585" s="10"/>
    </row>
    <row r="868586" spans="14:14">
      <c r="N868586" s="10"/>
    </row>
    <row r="868587" spans="14:14">
      <c r="N868587" s="10"/>
    </row>
    <row r="868588" spans="14:14">
      <c r="N868588" s="10"/>
    </row>
    <row r="868589" spans="14:14">
      <c r="N868589" s="10"/>
    </row>
    <row r="868590" spans="14:14">
      <c r="N868590" s="10"/>
    </row>
    <row r="868591" spans="14:14">
      <c r="N868591" s="10"/>
    </row>
    <row r="868592" spans="14:14">
      <c r="N868592" s="10"/>
    </row>
    <row r="868593" spans="14:14">
      <c r="N868593" s="10"/>
    </row>
    <row r="868594" spans="14:14">
      <c r="N868594" s="10"/>
    </row>
    <row r="868595" spans="14:14">
      <c r="N868595" s="10"/>
    </row>
    <row r="868596" spans="14:14">
      <c r="N868596" s="10"/>
    </row>
    <row r="868597" spans="14:14">
      <c r="N868597" s="10"/>
    </row>
    <row r="868598" spans="14:14">
      <c r="N868598" s="10"/>
    </row>
    <row r="868599" spans="14:14">
      <c r="N868599" s="10"/>
    </row>
    <row r="868600" spans="14:14">
      <c r="N868600" s="10"/>
    </row>
    <row r="868601" spans="14:14">
      <c r="N868601" s="10"/>
    </row>
    <row r="868602" spans="14:14">
      <c r="N868602" s="10"/>
    </row>
    <row r="868603" spans="14:14">
      <c r="N868603" s="10"/>
    </row>
    <row r="868604" spans="14:14">
      <c r="N868604" s="10"/>
    </row>
    <row r="868605" spans="14:14">
      <c r="N868605" s="10"/>
    </row>
    <row r="868606" spans="14:14">
      <c r="N868606" s="10"/>
    </row>
    <row r="868607" spans="14:14">
      <c r="N868607" s="10"/>
    </row>
    <row r="868608" spans="14:14">
      <c r="N868608" s="10"/>
    </row>
    <row r="868609" spans="14:14">
      <c r="N868609" s="10"/>
    </row>
    <row r="868610" spans="14:14">
      <c r="N868610" s="10"/>
    </row>
    <row r="868611" spans="14:14">
      <c r="N868611" s="10"/>
    </row>
    <row r="868612" spans="14:14">
      <c r="N868612" s="10"/>
    </row>
    <row r="868613" spans="14:14">
      <c r="N868613" s="10"/>
    </row>
    <row r="868614" spans="14:14">
      <c r="N868614" s="10"/>
    </row>
    <row r="868615" spans="14:14">
      <c r="N868615" s="10"/>
    </row>
    <row r="868616" spans="14:14">
      <c r="N868616" s="10"/>
    </row>
    <row r="868617" spans="14:14">
      <c r="N868617" s="10"/>
    </row>
    <row r="868618" spans="14:14">
      <c r="N868618" s="10"/>
    </row>
    <row r="868619" spans="14:14">
      <c r="N868619" s="10"/>
    </row>
    <row r="868620" spans="14:14">
      <c r="N868620" s="10"/>
    </row>
    <row r="868621" spans="14:14">
      <c r="N868621" s="10"/>
    </row>
    <row r="868622" spans="14:14">
      <c r="N868622" s="10"/>
    </row>
    <row r="868623" spans="14:14">
      <c r="N868623" s="10"/>
    </row>
    <row r="868624" spans="14:14">
      <c r="N868624" s="10"/>
    </row>
    <row r="868625" spans="14:14">
      <c r="N868625" s="10"/>
    </row>
    <row r="868626" spans="14:14">
      <c r="N868626" s="10"/>
    </row>
    <row r="868627" spans="14:14">
      <c r="N868627" s="10"/>
    </row>
    <row r="868628" spans="14:14">
      <c r="N868628" s="10"/>
    </row>
    <row r="868629" spans="14:14">
      <c r="N868629" s="10"/>
    </row>
    <row r="868630" spans="14:14">
      <c r="N868630" s="10"/>
    </row>
    <row r="868631" spans="14:14">
      <c r="N868631" s="10"/>
    </row>
    <row r="868632" spans="14:14">
      <c r="N868632" s="10"/>
    </row>
    <row r="868633" spans="14:14">
      <c r="N868633" s="10"/>
    </row>
    <row r="868634" spans="14:14">
      <c r="N868634" s="10"/>
    </row>
    <row r="868635" spans="14:14">
      <c r="N868635" s="10"/>
    </row>
    <row r="868636" spans="14:14">
      <c r="N868636" s="10"/>
    </row>
    <row r="868637" spans="14:14">
      <c r="N868637" s="10"/>
    </row>
    <row r="868638" spans="14:14">
      <c r="N868638" s="10"/>
    </row>
    <row r="868639" spans="14:14">
      <c r="N868639" s="10"/>
    </row>
    <row r="868640" spans="14:14">
      <c r="N868640" s="10"/>
    </row>
    <row r="868641" spans="14:14">
      <c r="N868641" s="10"/>
    </row>
    <row r="868642" spans="14:14">
      <c r="N868642" s="10"/>
    </row>
    <row r="868643" spans="14:14">
      <c r="N868643" s="10"/>
    </row>
    <row r="868644" spans="14:14">
      <c r="N868644" s="10"/>
    </row>
    <row r="868645" spans="14:14">
      <c r="N868645" s="10"/>
    </row>
    <row r="868646" spans="14:14">
      <c r="N868646" s="10"/>
    </row>
    <row r="868647" spans="14:14">
      <c r="N868647" s="10"/>
    </row>
    <row r="868648" spans="14:14">
      <c r="N868648" s="10"/>
    </row>
    <row r="868649" spans="14:14">
      <c r="N868649" s="10"/>
    </row>
    <row r="868650" spans="14:14">
      <c r="N868650" s="10"/>
    </row>
    <row r="868651" spans="14:14">
      <c r="N868651" s="10"/>
    </row>
    <row r="868652" spans="14:14">
      <c r="N868652" s="10"/>
    </row>
    <row r="868653" spans="14:14">
      <c r="N868653" s="10"/>
    </row>
    <row r="868654" spans="14:14">
      <c r="N868654" s="10"/>
    </row>
    <row r="868655" spans="14:14">
      <c r="N868655" s="10"/>
    </row>
    <row r="868656" spans="14:14">
      <c r="N868656" s="10"/>
    </row>
    <row r="868657" spans="14:14">
      <c r="N868657" s="10"/>
    </row>
    <row r="868658" spans="14:14">
      <c r="N868658" s="10"/>
    </row>
    <row r="868659" spans="14:14">
      <c r="N868659" s="10"/>
    </row>
    <row r="868660" spans="14:14">
      <c r="N868660" s="10"/>
    </row>
    <row r="868661" spans="14:14">
      <c r="N868661" s="10"/>
    </row>
    <row r="868662" spans="14:14">
      <c r="N868662" s="10"/>
    </row>
    <row r="868663" spans="14:14">
      <c r="N868663" s="10"/>
    </row>
    <row r="868664" spans="14:14">
      <c r="N868664" s="10"/>
    </row>
    <row r="868665" spans="14:14">
      <c r="N868665" s="10"/>
    </row>
    <row r="868666" spans="14:14">
      <c r="N868666" s="10"/>
    </row>
    <row r="868667" spans="14:14">
      <c r="N868667" s="10"/>
    </row>
    <row r="868668" spans="14:14">
      <c r="N868668" s="10"/>
    </row>
    <row r="868669" spans="14:14">
      <c r="N868669" s="10"/>
    </row>
    <row r="868670" spans="14:14">
      <c r="N868670" s="10"/>
    </row>
    <row r="868671" spans="14:14">
      <c r="N868671" s="10"/>
    </row>
    <row r="868672" spans="14:14">
      <c r="N868672" s="10"/>
    </row>
    <row r="868673" spans="14:14">
      <c r="N868673" s="10"/>
    </row>
    <row r="868674" spans="14:14">
      <c r="N868674" s="10"/>
    </row>
    <row r="868675" spans="14:14">
      <c r="N868675" s="10"/>
    </row>
    <row r="868676" spans="14:14">
      <c r="N868676" s="10"/>
    </row>
    <row r="868677" spans="14:14">
      <c r="N868677" s="10"/>
    </row>
    <row r="868678" spans="14:14">
      <c r="N868678" s="10"/>
    </row>
    <row r="868679" spans="14:14">
      <c r="N868679" s="10"/>
    </row>
    <row r="868680" spans="14:14">
      <c r="N868680" s="10"/>
    </row>
    <row r="868681" spans="14:14">
      <c r="N868681" s="10"/>
    </row>
    <row r="868682" spans="14:14">
      <c r="N868682" s="10"/>
    </row>
    <row r="868683" spans="14:14">
      <c r="N868683" s="10"/>
    </row>
    <row r="868684" spans="14:14">
      <c r="N868684" s="10"/>
    </row>
    <row r="868685" spans="14:14">
      <c r="N868685" s="10"/>
    </row>
    <row r="868686" spans="14:14">
      <c r="N868686" s="10"/>
    </row>
    <row r="868687" spans="14:14">
      <c r="N868687" s="10"/>
    </row>
    <row r="868688" spans="14:14">
      <c r="N868688" s="10"/>
    </row>
    <row r="868689" spans="14:14">
      <c r="N868689" s="10"/>
    </row>
    <row r="868690" spans="14:14">
      <c r="N868690" s="10"/>
    </row>
    <row r="868691" spans="14:14">
      <c r="N868691" s="10"/>
    </row>
    <row r="868692" spans="14:14">
      <c r="N868692" s="10"/>
    </row>
    <row r="868693" spans="14:14">
      <c r="N868693" s="10"/>
    </row>
    <row r="868694" spans="14:14">
      <c r="N868694" s="10"/>
    </row>
    <row r="868695" spans="14:14">
      <c r="N868695" s="10"/>
    </row>
    <row r="868696" spans="14:14">
      <c r="N868696" s="10"/>
    </row>
    <row r="868697" spans="14:14">
      <c r="N868697" s="10"/>
    </row>
    <row r="868698" spans="14:14">
      <c r="N868698" s="10"/>
    </row>
    <row r="868699" spans="14:14">
      <c r="N868699" s="10"/>
    </row>
    <row r="868700" spans="14:14">
      <c r="N868700" s="10"/>
    </row>
    <row r="868701" spans="14:14">
      <c r="N868701" s="10"/>
    </row>
    <row r="868702" spans="14:14">
      <c r="N868702" s="10"/>
    </row>
    <row r="868703" spans="14:14">
      <c r="N868703" s="10"/>
    </row>
    <row r="868704" spans="14:14">
      <c r="N868704" s="10"/>
    </row>
    <row r="868705" spans="14:14">
      <c r="N868705" s="10"/>
    </row>
    <row r="868706" spans="14:14">
      <c r="N868706" s="10"/>
    </row>
    <row r="868707" spans="14:14">
      <c r="N868707" s="10"/>
    </row>
    <row r="868708" spans="14:14">
      <c r="N868708" s="10"/>
    </row>
    <row r="868709" spans="14:14">
      <c r="N868709" s="10"/>
    </row>
    <row r="868710" spans="14:14">
      <c r="N868710" s="10"/>
    </row>
    <row r="868711" spans="14:14">
      <c r="N868711" s="10"/>
    </row>
    <row r="868712" spans="14:14">
      <c r="N868712" s="10"/>
    </row>
    <row r="868713" spans="14:14">
      <c r="N868713" s="10"/>
    </row>
    <row r="868714" spans="14:14">
      <c r="N868714" s="10"/>
    </row>
    <row r="868715" spans="14:14">
      <c r="N868715" s="10"/>
    </row>
    <row r="868716" spans="14:14">
      <c r="N868716" s="10"/>
    </row>
    <row r="868717" spans="14:14">
      <c r="N868717" s="10"/>
    </row>
    <row r="868718" spans="14:14">
      <c r="N868718" s="10"/>
    </row>
    <row r="868719" spans="14:14">
      <c r="N868719" s="10"/>
    </row>
    <row r="868720" spans="14:14">
      <c r="N868720" s="10"/>
    </row>
    <row r="868721" spans="14:14">
      <c r="N868721" s="10"/>
    </row>
    <row r="868722" spans="14:14">
      <c r="N868722" s="10"/>
    </row>
    <row r="868723" spans="14:14">
      <c r="N868723" s="10"/>
    </row>
    <row r="868724" spans="14:14">
      <c r="N868724" s="10"/>
    </row>
    <row r="868725" spans="14:14">
      <c r="N868725" s="10"/>
    </row>
    <row r="868726" spans="14:14">
      <c r="N868726" s="10"/>
    </row>
    <row r="868727" spans="14:14">
      <c r="N868727" s="10"/>
    </row>
    <row r="868728" spans="14:14">
      <c r="N868728" s="10"/>
    </row>
    <row r="868729" spans="14:14">
      <c r="N868729" s="10"/>
    </row>
    <row r="868730" spans="14:14">
      <c r="N868730" s="10"/>
    </row>
    <row r="868731" spans="14:14">
      <c r="N868731" s="10"/>
    </row>
    <row r="868732" spans="14:14">
      <c r="N868732" s="10"/>
    </row>
    <row r="868733" spans="14:14">
      <c r="N868733" s="10"/>
    </row>
    <row r="868734" spans="14:14">
      <c r="N868734" s="10"/>
    </row>
    <row r="868735" spans="14:14">
      <c r="N868735" s="10"/>
    </row>
    <row r="868736" spans="14:14">
      <c r="N868736" s="10"/>
    </row>
    <row r="868737" spans="14:14">
      <c r="N868737" s="10"/>
    </row>
    <row r="868738" spans="14:14">
      <c r="N868738" s="10"/>
    </row>
    <row r="868739" spans="14:14">
      <c r="N868739" s="10"/>
    </row>
    <row r="868740" spans="14:14">
      <c r="N868740" s="10"/>
    </row>
    <row r="868741" spans="14:14">
      <c r="N868741" s="10"/>
    </row>
    <row r="868742" spans="14:14">
      <c r="N868742" s="10"/>
    </row>
    <row r="868743" spans="14:14">
      <c r="N868743" s="10"/>
    </row>
    <row r="868744" spans="14:14">
      <c r="N868744" s="10"/>
    </row>
    <row r="868745" spans="14:14">
      <c r="N868745" s="10"/>
    </row>
    <row r="868746" spans="14:14">
      <c r="N868746" s="10"/>
    </row>
    <row r="868747" spans="14:14">
      <c r="N868747" s="10"/>
    </row>
    <row r="868748" spans="14:14">
      <c r="N868748" s="10"/>
    </row>
    <row r="868749" spans="14:14">
      <c r="N868749" s="10"/>
    </row>
    <row r="868750" spans="14:14">
      <c r="N868750" s="10"/>
    </row>
    <row r="868751" spans="14:14">
      <c r="N868751" s="10"/>
    </row>
    <row r="868752" spans="14:14">
      <c r="N868752" s="10"/>
    </row>
    <row r="868753" spans="14:14">
      <c r="N868753" s="10"/>
    </row>
    <row r="868754" spans="14:14">
      <c r="N868754" s="10"/>
    </row>
    <row r="868755" spans="14:14">
      <c r="N868755" s="10"/>
    </row>
    <row r="868756" spans="14:14">
      <c r="N868756" s="10"/>
    </row>
    <row r="868757" spans="14:14">
      <c r="N868757" s="10"/>
    </row>
    <row r="868758" spans="14:14">
      <c r="N868758" s="10"/>
    </row>
    <row r="868759" spans="14:14">
      <c r="N868759" s="10"/>
    </row>
    <row r="868760" spans="14:14">
      <c r="N868760" s="10"/>
    </row>
    <row r="868761" spans="14:14">
      <c r="N868761" s="10"/>
    </row>
    <row r="868762" spans="14:14">
      <c r="N868762" s="10"/>
    </row>
    <row r="868763" spans="14:14">
      <c r="N868763" s="10"/>
    </row>
    <row r="868764" spans="14:14">
      <c r="N868764" s="10"/>
    </row>
    <row r="868765" spans="14:14">
      <c r="N868765" s="10"/>
    </row>
    <row r="868766" spans="14:14">
      <c r="N868766" s="10"/>
    </row>
    <row r="868767" spans="14:14">
      <c r="N868767" s="10"/>
    </row>
    <row r="868768" spans="14:14">
      <c r="N868768" s="10"/>
    </row>
    <row r="868769" spans="14:14">
      <c r="N868769" s="10"/>
    </row>
    <row r="868770" spans="14:14">
      <c r="N868770" s="10"/>
    </row>
    <row r="868771" spans="14:14">
      <c r="N868771" s="10"/>
    </row>
    <row r="868772" spans="14:14">
      <c r="N868772" s="10"/>
    </row>
    <row r="868773" spans="14:14">
      <c r="N868773" s="10"/>
    </row>
    <row r="868774" spans="14:14">
      <c r="N868774" s="10"/>
    </row>
    <row r="868775" spans="14:14">
      <c r="N868775" s="10"/>
    </row>
    <row r="868776" spans="14:14">
      <c r="N868776" s="10"/>
    </row>
    <row r="868777" spans="14:14">
      <c r="N868777" s="10"/>
    </row>
    <row r="868778" spans="14:14">
      <c r="N868778" s="10"/>
    </row>
    <row r="868779" spans="14:14">
      <c r="N868779" s="10"/>
    </row>
    <row r="868780" spans="14:14">
      <c r="N868780" s="10"/>
    </row>
    <row r="868781" spans="14:14">
      <c r="N868781" s="10"/>
    </row>
    <row r="868782" spans="14:14">
      <c r="N868782" s="10"/>
    </row>
    <row r="868783" spans="14:14">
      <c r="N868783" s="10"/>
    </row>
    <row r="868784" spans="14:14">
      <c r="N868784" s="10"/>
    </row>
    <row r="868785" spans="14:14">
      <c r="N868785" s="10"/>
    </row>
    <row r="868786" spans="14:14">
      <c r="N868786" s="10"/>
    </row>
    <row r="868787" spans="14:14">
      <c r="N868787" s="10"/>
    </row>
    <row r="868788" spans="14:14">
      <c r="N868788" s="10"/>
    </row>
    <row r="868789" spans="14:14">
      <c r="N868789" s="10"/>
    </row>
    <row r="868790" spans="14:14">
      <c r="N868790" s="10"/>
    </row>
    <row r="868791" spans="14:14">
      <c r="N868791" s="10"/>
    </row>
    <row r="868792" spans="14:14">
      <c r="N868792" s="10"/>
    </row>
    <row r="868793" spans="14:14">
      <c r="N868793" s="10"/>
    </row>
    <row r="868794" spans="14:14">
      <c r="N868794" s="10"/>
    </row>
    <row r="868795" spans="14:14">
      <c r="N868795" s="10"/>
    </row>
    <row r="868796" spans="14:14">
      <c r="N868796" s="10"/>
    </row>
    <row r="868797" spans="14:14">
      <c r="N868797" s="10"/>
    </row>
    <row r="868798" spans="14:14">
      <c r="N868798" s="10"/>
    </row>
    <row r="868799" spans="14:14">
      <c r="N868799" s="10"/>
    </row>
    <row r="868800" spans="14:14">
      <c r="N868800" s="10"/>
    </row>
    <row r="868801" spans="14:14">
      <c r="N868801" s="10"/>
    </row>
    <row r="868802" spans="14:14">
      <c r="N868802" s="10"/>
    </row>
    <row r="868803" spans="14:14">
      <c r="N868803" s="10"/>
    </row>
    <row r="868804" spans="14:14">
      <c r="N868804" s="10"/>
    </row>
    <row r="868805" spans="14:14">
      <c r="N868805" s="10"/>
    </row>
    <row r="868806" spans="14:14">
      <c r="N868806" s="10"/>
    </row>
    <row r="868807" spans="14:14">
      <c r="N868807" s="10"/>
    </row>
    <row r="868808" spans="14:14">
      <c r="N868808" s="10"/>
    </row>
    <row r="868809" spans="14:14">
      <c r="N868809" s="10"/>
    </row>
    <row r="868810" spans="14:14">
      <c r="N868810" s="10"/>
    </row>
    <row r="868811" spans="14:14">
      <c r="N868811" s="10"/>
    </row>
    <row r="868812" spans="14:14">
      <c r="N868812" s="10"/>
    </row>
    <row r="868813" spans="14:14">
      <c r="N868813" s="10"/>
    </row>
    <row r="868814" spans="14:14">
      <c r="N868814" s="10"/>
    </row>
    <row r="868815" spans="14:14">
      <c r="N868815" s="10"/>
    </row>
    <row r="868816" spans="14:14">
      <c r="N868816" s="10"/>
    </row>
    <row r="868817" spans="14:14">
      <c r="N868817" s="10"/>
    </row>
    <row r="868818" spans="14:14">
      <c r="N868818" s="10"/>
    </row>
    <row r="868819" spans="14:14">
      <c r="N868819" s="10"/>
    </row>
    <row r="868820" spans="14:14">
      <c r="N868820" s="10"/>
    </row>
    <row r="868821" spans="14:14">
      <c r="N868821" s="10"/>
    </row>
    <row r="868822" spans="14:14">
      <c r="N868822" s="10"/>
    </row>
    <row r="868823" spans="14:14">
      <c r="N868823" s="10"/>
    </row>
    <row r="868824" spans="14:14">
      <c r="N868824" s="10"/>
    </row>
    <row r="868825" spans="14:14">
      <c r="N868825" s="10"/>
    </row>
    <row r="868826" spans="14:14">
      <c r="N868826" s="10"/>
    </row>
    <row r="868827" spans="14:14">
      <c r="N868827" s="10"/>
    </row>
    <row r="868828" spans="14:14">
      <c r="N868828" s="10"/>
    </row>
    <row r="868829" spans="14:14">
      <c r="N868829" s="10"/>
    </row>
    <row r="868830" spans="14:14">
      <c r="N868830" s="10"/>
    </row>
    <row r="868831" spans="14:14">
      <c r="N868831" s="10"/>
    </row>
    <row r="868832" spans="14:14">
      <c r="N868832" s="10"/>
    </row>
    <row r="868833" spans="14:14">
      <c r="N868833" s="10"/>
    </row>
    <row r="868834" spans="14:14">
      <c r="N868834" s="10"/>
    </row>
    <row r="868835" spans="14:14">
      <c r="N868835" s="10"/>
    </row>
    <row r="868836" spans="14:14">
      <c r="N868836" s="10"/>
    </row>
    <row r="868837" spans="14:14">
      <c r="N868837" s="10"/>
    </row>
    <row r="868838" spans="14:14">
      <c r="N868838" s="10"/>
    </row>
    <row r="868839" spans="14:14">
      <c r="N868839" s="10"/>
    </row>
    <row r="868840" spans="14:14">
      <c r="N868840" s="10"/>
    </row>
    <row r="868841" spans="14:14">
      <c r="N868841" s="10"/>
    </row>
    <row r="868842" spans="14:14">
      <c r="N868842" s="10"/>
    </row>
    <row r="868843" spans="14:14">
      <c r="N868843" s="10"/>
    </row>
    <row r="868844" spans="14:14">
      <c r="N868844" s="10"/>
    </row>
    <row r="868845" spans="14:14">
      <c r="N868845" s="10"/>
    </row>
    <row r="868846" spans="14:14">
      <c r="N868846" s="10"/>
    </row>
    <row r="868847" spans="14:14">
      <c r="N868847" s="10"/>
    </row>
    <row r="868848" spans="14:14">
      <c r="N868848" s="10"/>
    </row>
    <row r="868849" spans="14:14">
      <c r="N868849" s="10"/>
    </row>
    <row r="868850" spans="14:14">
      <c r="N868850" s="10"/>
    </row>
    <row r="868851" spans="14:14">
      <c r="N868851" s="10"/>
    </row>
    <row r="868852" spans="14:14">
      <c r="N868852" s="10"/>
    </row>
    <row r="868853" spans="14:14">
      <c r="N868853" s="10"/>
    </row>
    <row r="868854" spans="14:14">
      <c r="N868854" s="10"/>
    </row>
    <row r="868855" spans="14:14">
      <c r="N868855" s="10"/>
    </row>
    <row r="868856" spans="14:14">
      <c r="N868856" s="10"/>
    </row>
    <row r="868857" spans="14:14">
      <c r="N868857" s="10"/>
    </row>
    <row r="868858" spans="14:14">
      <c r="N868858" s="10"/>
    </row>
    <row r="868859" spans="14:14">
      <c r="N868859" s="10"/>
    </row>
    <row r="868860" spans="14:14">
      <c r="N868860" s="10"/>
    </row>
    <row r="868861" spans="14:14">
      <c r="N868861" s="10"/>
    </row>
    <row r="868862" spans="14:14">
      <c r="N868862" s="10"/>
    </row>
    <row r="868863" spans="14:14">
      <c r="N868863" s="10"/>
    </row>
    <row r="868864" spans="14:14">
      <c r="N868864" s="10"/>
    </row>
    <row r="868865" spans="14:14">
      <c r="N868865" s="10"/>
    </row>
    <row r="868866" spans="14:14">
      <c r="N868866" s="10"/>
    </row>
    <row r="868867" spans="14:14">
      <c r="N868867" s="10"/>
    </row>
    <row r="868868" spans="14:14">
      <c r="N868868" s="10"/>
    </row>
    <row r="868869" spans="14:14">
      <c r="N868869" s="10"/>
    </row>
    <row r="868870" spans="14:14">
      <c r="N868870" s="10"/>
    </row>
    <row r="868871" spans="14:14">
      <c r="N868871" s="10"/>
    </row>
    <row r="868872" spans="14:14">
      <c r="N868872" s="10"/>
    </row>
    <row r="868873" spans="14:14">
      <c r="N868873" s="10"/>
    </row>
    <row r="868874" spans="14:14">
      <c r="N868874" s="10"/>
    </row>
    <row r="868875" spans="14:14">
      <c r="N868875" s="10"/>
    </row>
    <row r="868876" spans="14:14">
      <c r="N868876" s="10"/>
    </row>
    <row r="868877" spans="14:14">
      <c r="N868877" s="10"/>
    </row>
    <row r="868878" spans="14:14">
      <c r="N868878" s="10"/>
    </row>
    <row r="868879" spans="14:14">
      <c r="N868879" s="10"/>
    </row>
    <row r="868880" spans="14:14">
      <c r="N868880" s="10"/>
    </row>
    <row r="868881" spans="14:14">
      <c r="N868881" s="10"/>
    </row>
    <row r="868882" spans="14:14">
      <c r="N868882" s="10"/>
    </row>
    <row r="868883" spans="14:14">
      <c r="N868883" s="10"/>
    </row>
    <row r="868884" spans="14:14">
      <c r="N868884" s="10"/>
    </row>
    <row r="868885" spans="14:14">
      <c r="N868885" s="10"/>
    </row>
    <row r="868886" spans="14:14">
      <c r="N868886" s="10"/>
    </row>
    <row r="868887" spans="14:14">
      <c r="N868887" s="10"/>
    </row>
    <row r="868888" spans="14:14">
      <c r="N868888" s="10"/>
    </row>
    <row r="868889" spans="14:14">
      <c r="N868889" s="10"/>
    </row>
    <row r="868890" spans="14:14">
      <c r="N868890" s="10"/>
    </row>
    <row r="868891" spans="14:14">
      <c r="N868891" s="10"/>
    </row>
    <row r="868892" spans="14:14">
      <c r="N868892" s="10"/>
    </row>
    <row r="868893" spans="14:14">
      <c r="N868893" s="10"/>
    </row>
    <row r="868894" spans="14:14">
      <c r="N868894" s="10"/>
    </row>
    <row r="868895" spans="14:14">
      <c r="N868895" s="10"/>
    </row>
    <row r="868896" spans="14:14">
      <c r="N868896" s="10"/>
    </row>
    <row r="868897" spans="14:14">
      <c r="N868897" s="10"/>
    </row>
    <row r="868898" spans="14:14">
      <c r="N868898" s="10"/>
    </row>
    <row r="868899" spans="14:14">
      <c r="N868899" s="10"/>
    </row>
    <row r="868900" spans="14:14">
      <c r="N868900" s="10"/>
    </row>
    <row r="868901" spans="14:14">
      <c r="N868901" s="10"/>
    </row>
    <row r="868902" spans="14:14">
      <c r="N868902" s="10"/>
    </row>
    <row r="868903" spans="14:14">
      <c r="N868903" s="10"/>
    </row>
    <row r="868904" spans="14:14">
      <c r="N868904" s="10"/>
    </row>
    <row r="868905" spans="14:14">
      <c r="N868905" s="10"/>
    </row>
    <row r="868906" spans="14:14">
      <c r="N868906" s="10"/>
    </row>
    <row r="868907" spans="14:14">
      <c r="N868907" s="10"/>
    </row>
    <row r="868908" spans="14:14">
      <c r="N868908" s="10"/>
    </row>
    <row r="868909" spans="14:14">
      <c r="N868909" s="10"/>
    </row>
    <row r="868910" spans="14:14">
      <c r="N868910" s="10"/>
    </row>
    <row r="868911" spans="14:14">
      <c r="N868911" s="10"/>
    </row>
    <row r="868912" spans="14:14">
      <c r="N868912" s="10"/>
    </row>
    <row r="868913" spans="14:14">
      <c r="N868913" s="10"/>
    </row>
    <row r="868914" spans="14:14">
      <c r="N868914" s="10"/>
    </row>
    <row r="868915" spans="14:14">
      <c r="N868915" s="10"/>
    </row>
    <row r="868916" spans="14:14">
      <c r="N868916" s="10"/>
    </row>
    <row r="868917" spans="14:14">
      <c r="N868917" s="10"/>
    </row>
    <row r="868918" spans="14:14">
      <c r="N868918" s="10"/>
    </row>
    <row r="868919" spans="14:14">
      <c r="N868919" s="10"/>
    </row>
    <row r="868920" spans="14:14">
      <c r="N868920" s="10"/>
    </row>
    <row r="868921" spans="14:14">
      <c r="N868921" s="10"/>
    </row>
    <row r="868922" spans="14:14">
      <c r="N868922" s="10"/>
    </row>
    <row r="868923" spans="14:14">
      <c r="N868923" s="10"/>
    </row>
    <row r="868924" spans="14:14">
      <c r="N868924" s="10"/>
    </row>
    <row r="868925" spans="14:14">
      <c r="N868925" s="10"/>
    </row>
    <row r="868926" spans="14:14">
      <c r="N868926" s="10"/>
    </row>
    <row r="868927" spans="14:14">
      <c r="N868927" s="10"/>
    </row>
    <row r="868928" spans="14:14">
      <c r="N868928" s="10"/>
    </row>
    <row r="868929" spans="14:14">
      <c r="N868929" s="10"/>
    </row>
    <row r="868930" spans="14:14">
      <c r="N868930" s="10"/>
    </row>
    <row r="868931" spans="14:14">
      <c r="N868931" s="10"/>
    </row>
    <row r="868932" spans="14:14">
      <c r="N868932" s="10"/>
    </row>
    <row r="868933" spans="14:14">
      <c r="N868933" s="10"/>
    </row>
    <row r="868934" spans="14:14">
      <c r="N868934" s="10"/>
    </row>
    <row r="868935" spans="14:14">
      <c r="N868935" s="10"/>
    </row>
    <row r="868936" spans="14:14">
      <c r="N868936" s="10"/>
    </row>
    <row r="868937" spans="14:14">
      <c r="N868937" s="10"/>
    </row>
    <row r="868938" spans="14:14">
      <c r="N868938" s="10"/>
    </row>
    <row r="868939" spans="14:14">
      <c r="N868939" s="10"/>
    </row>
    <row r="868940" spans="14:14">
      <c r="N868940" s="10"/>
    </row>
    <row r="868941" spans="14:14">
      <c r="N868941" s="10"/>
    </row>
    <row r="868942" spans="14:14">
      <c r="N868942" s="10"/>
    </row>
    <row r="868943" spans="14:14">
      <c r="N868943" s="10"/>
    </row>
    <row r="868944" spans="14:14">
      <c r="N868944" s="10"/>
    </row>
    <row r="868945" spans="14:14">
      <c r="N868945" s="10"/>
    </row>
    <row r="868946" spans="14:14">
      <c r="N868946" s="10"/>
    </row>
    <row r="868947" spans="14:14">
      <c r="N868947" s="10"/>
    </row>
    <row r="868948" spans="14:14">
      <c r="N868948" s="10"/>
    </row>
    <row r="868949" spans="14:14">
      <c r="N868949" s="10"/>
    </row>
    <row r="868950" spans="14:14">
      <c r="N868950" s="10"/>
    </row>
    <row r="868951" spans="14:14">
      <c r="N868951" s="10"/>
    </row>
    <row r="868952" spans="14:14">
      <c r="N868952" s="10"/>
    </row>
    <row r="868953" spans="14:14">
      <c r="N868953" s="10"/>
    </row>
    <row r="868954" spans="14:14">
      <c r="N868954" s="10"/>
    </row>
    <row r="868955" spans="14:14">
      <c r="N868955" s="10"/>
    </row>
    <row r="868956" spans="14:14">
      <c r="N868956" s="10"/>
    </row>
    <row r="868957" spans="14:14">
      <c r="N868957" s="10"/>
    </row>
    <row r="868958" spans="14:14">
      <c r="N868958" s="10"/>
    </row>
    <row r="868959" spans="14:14">
      <c r="N868959" s="10"/>
    </row>
    <row r="868960" spans="14:14">
      <c r="N868960" s="10"/>
    </row>
    <row r="868961" spans="14:14">
      <c r="N868961" s="10"/>
    </row>
    <row r="868962" spans="14:14">
      <c r="N868962" s="10"/>
    </row>
    <row r="868963" spans="14:14">
      <c r="N868963" s="10"/>
    </row>
    <row r="868964" spans="14:14">
      <c r="N868964" s="10"/>
    </row>
    <row r="868965" spans="14:14">
      <c r="N868965" s="10"/>
    </row>
    <row r="868966" spans="14:14">
      <c r="N868966" s="10"/>
    </row>
    <row r="868967" spans="14:14">
      <c r="N868967" s="10"/>
    </row>
    <row r="868968" spans="14:14">
      <c r="N868968" s="10"/>
    </row>
    <row r="868969" spans="14:14">
      <c r="N868969" s="10"/>
    </row>
    <row r="868970" spans="14:14">
      <c r="N868970" s="10"/>
    </row>
    <row r="868971" spans="14:14">
      <c r="N868971" s="10"/>
    </row>
    <row r="868972" spans="14:14">
      <c r="N868972" s="10"/>
    </row>
    <row r="868973" spans="14:14">
      <c r="N868973" s="10"/>
    </row>
    <row r="868974" spans="14:14">
      <c r="N868974" s="10"/>
    </row>
    <row r="868975" spans="14:14">
      <c r="N868975" s="10"/>
    </row>
    <row r="868976" spans="14:14">
      <c r="N868976" s="10"/>
    </row>
    <row r="868977" spans="14:14">
      <c r="N868977" s="10"/>
    </row>
    <row r="868978" spans="14:14">
      <c r="N868978" s="10"/>
    </row>
    <row r="868979" spans="14:14">
      <c r="N868979" s="10"/>
    </row>
    <row r="868980" spans="14:14">
      <c r="N868980" s="10"/>
    </row>
    <row r="868981" spans="14:14">
      <c r="N868981" s="10"/>
    </row>
    <row r="868982" spans="14:14">
      <c r="N868982" s="10"/>
    </row>
    <row r="868983" spans="14:14">
      <c r="N868983" s="10"/>
    </row>
    <row r="868984" spans="14:14">
      <c r="N868984" s="10"/>
    </row>
    <row r="868985" spans="14:14">
      <c r="N868985" s="10"/>
    </row>
    <row r="868986" spans="14:14">
      <c r="N868986" s="10"/>
    </row>
    <row r="868987" spans="14:14">
      <c r="N868987" s="10"/>
    </row>
    <row r="868988" spans="14:14">
      <c r="N868988" s="10"/>
    </row>
    <row r="868989" spans="14:14">
      <c r="N868989" s="10"/>
    </row>
    <row r="868990" spans="14:14">
      <c r="N868990" s="10"/>
    </row>
    <row r="868991" spans="14:14">
      <c r="N868991" s="10"/>
    </row>
    <row r="868992" spans="14:14">
      <c r="N868992" s="10"/>
    </row>
    <row r="868993" spans="14:14">
      <c r="N868993" s="10"/>
    </row>
    <row r="868994" spans="14:14">
      <c r="N868994" s="10"/>
    </row>
    <row r="868995" spans="14:14">
      <c r="N868995" s="10"/>
    </row>
    <row r="868996" spans="14:14">
      <c r="N868996" s="10"/>
    </row>
    <row r="868997" spans="14:14">
      <c r="N868997" s="10"/>
    </row>
    <row r="868998" spans="14:14">
      <c r="N868998" s="10"/>
    </row>
    <row r="868999" spans="14:14">
      <c r="N868999" s="10"/>
    </row>
    <row r="869000" spans="14:14">
      <c r="N869000" s="10"/>
    </row>
    <row r="869001" spans="14:14">
      <c r="N869001" s="10"/>
    </row>
    <row r="869002" spans="14:14">
      <c r="N869002" s="10"/>
    </row>
    <row r="869003" spans="14:14">
      <c r="N869003" s="10"/>
    </row>
    <row r="869004" spans="14:14">
      <c r="N869004" s="10"/>
    </row>
    <row r="869005" spans="14:14">
      <c r="N869005" s="10"/>
    </row>
    <row r="869006" spans="14:14">
      <c r="N869006" s="10"/>
    </row>
    <row r="869007" spans="14:14">
      <c r="N869007" s="10"/>
    </row>
    <row r="869008" spans="14:14">
      <c r="N869008" s="10"/>
    </row>
    <row r="869009" spans="14:14">
      <c r="N869009" s="10"/>
    </row>
    <row r="869010" spans="14:14">
      <c r="N869010" s="10"/>
    </row>
    <row r="869011" spans="14:14">
      <c r="N869011" s="10"/>
    </row>
    <row r="869012" spans="14:14">
      <c r="N869012" s="10"/>
    </row>
    <row r="869013" spans="14:14">
      <c r="N869013" s="10"/>
    </row>
    <row r="869014" spans="14:14">
      <c r="N869014" s="10"/>
    </row>
    <row r="869015" spans="14:14">
      <c r="N869015" s="10"/>
    </row>
    <row r="869016" spans="14:14">
      <c r="N869016" s="10"/>
    </row>
    <row r="869017" spans="14:14">
      <c r="N869017" s="10"/>
    </row>
    <row r="869018" spans="14:14">
      <c r="N869018" s="10"/>
    </row>
    <row r="869019" spans="14:14">
      <c r="N869019" s="10"/>
    </row>
    <row r="869020" spans="14:14">
      <c r="N869020" s="10"/>
    </row>
    <row r="869021" spans="14:14">
      <c r="N869021" s="10"/>
    </row>
    <row r="869022" spans="14:14">
      <c r="N869022" s="10"/>
    </row>
    <row r="869023" spans="14:14">
      <c r="N869023" s="10"/>
    </row>
    <row r="869024" spans="14:14">
      <c r="N869024" s="10"/>
    </row>
    <row r="869025" spans="14:14">
      <c r="N869025" s="10"/>
    </row>
    <row r="869026" spans="14:14">
      <c r="N869026" s="10"/>
    </row>
    <row r="869027" spans="14:14">
      <c r="N869027" s="10"/>
    </row>
    <row r="869028" spans="14:14">
      <c r="N869028" s="10"/>
    </row>
    <row r="869029" spans="14:14">
      <c r="N869029" s="10"/>
    </row>
    <row r="869030" spans="14:14">
      <c r="N869030" s="10"/>
    </row>
    <row r="869031" spans="14:14">
      <c r="N869031" s="10"/>
    </row>
    <row r="869032" spans="14:14">
      <c r="N869032" s="10"/>
    </row>
    <row r="869033" spans="14:14">
      <c r="N869033" s="10"/>
    </row>
    <row r="869034" spans="14:14">
      <c r="N869034" s="10"/>
    </row>
    <row r="869035" spans="14:14">
      <c r="N869035" s="10"/>
    </row>
    <row r="869036" spans="14:14">
      <c r="N869036" s="10"/>
    </row>
    <row r="869037" spans="14:14">
      <c r="N869037" s="10"/>
    </row>
    <row r="869038" spans="14:14">
      <c r="N869038" s="10"/>
    </row>
    <row r="869039" spans="14:14">
      <c r="N869039" s="10"/>
    </row>
    <row r="869040" spans="14:14">
      <c r="N869040" s="10"/>
    </row>
    <row r="869041" spans="14:14">
      <c r="N869041" s="10"/>
    </row>
    <row r="869042" spans="14:14">
      <c r="N869042" s="10"/>
    </row>
    <row r="869043" spans="14:14">
      <c r="N869043" s="10"/>
    </row>
    <row r="869044" spans="14:14">
      <c r="N869044" s="10"/>
    </row>
    <row r="869045" spans="14:14">
      <c r="N869045" s="10"/>
    </row>
    <row r="869046" spans="14:14">
      <c r="N869046" s="10"/>
    </row>
    <row r="869047" spans="14:14">
      <c r="N869047" s="10"/>
    </row>
    <row r="869048" spans="14:14">
      <c r="N869048" s="10"/>
    </row>
    <row r="869049" spans="14:14">
      <c r="N869049" s="10"/>
    </row>
    <row r="869050" spans="14:14">
      <c r="N869050" s="10"/>
    </row>
    <row r="869051" spans="14:14">
      <c r="N869051" s="10"/>
    </row>
    <row r="869052" spans="14:14">
      <c r="N869052" s="10"/>
    </row>
    <row r="869053" spans="14:14">
      <c r="N869053" s="10"/>
    </row>
    <row r="869054" spans="14:14">
      <c r="N869054" s="10"/>
    </row>
    <row r="869055" spans="14:14">
      <c r="N869055" s="10"/>
    </row>
    <row r="869056" spans="14:14">
      <c r="N869056" s="10"/>
    </row>
    <row r="869057" spans="14:14">
      <c r="N869057" s="10"/>
    </row>
    <row r="869058" spans="14:14">
      <c r="N869058" s="10"/>
    </row>
    <row r="869059" spans="14:14">
      <c r="N869059" s="10"/>
    </row>
    <row r="869060" spans="14:14">
      <c r="N869060" s="10"/>
    </row>
    <row r="869061" spans="14:14">
      <c r="N869061" s="10"/>
    </row>
    <row r="869062" spans="14:14">
      <c r="N869062" s="10"/>
    </row>
    <row r="869063" spans="14:14">
      <c r="N869063" s="10"/>
    </row>
    <row r="869064" spans="14:14">
      <c r="N869064" s="10"/>
    </row>
    <row r="869065" spans="14:14">
      <c r="N869065" s="10"/>
    </row>
    <row r="869066" spans="14:14">
      <c r="N869066" s="10"/>
    </row>
    <row r="869067" spans="14:14">
      <c r="N869067" s="10"/>
    </row>
    <row r="869068" spans="14:14">
      <c r="N869068" s="10"/>
    </row>
    <row r="869069" spans="14:14">
      <c r="N869069" s="10"/>
    </row>
    <row r="869070" spans="14:14">
      <c r="N869070" s="10"/>
    </row>
    <row r="869071" spans="14:14">
      <c r="N869071" s="10"/>
    </row>
    <row r="869072" spans="14:14">
      <c r="N869072" s="10"/>
    </row>
    <row r="869073" spans="14:14">
      <c r="N869073" s="10"/>
    </row>
    <row r="869074" spans="14:14">
      <c r="N869074" s="10"/>
    </row>
    <row r="869075" spans="14:14">
      <c r="N869075" s="10"/>
    </row>
    <row r="869076" spans="14:14">
      <c r="N869076" s="10"/>
    </row>
    <row r="869077" spans="14:14">
      <c r="N869077" s="10"/>
    </row>
    <row r="869078" spans="14:14">
      <c r="N869078" s="10"/>
    </row>
    <row r="869079" spans="14:14">
      <c r="N869079" s="10"/>
    </row>
    <row r="869080" spans="14:14">
      <c r="N869080" s="10"/>
    </row>
    <row r="869081" spans="14:14">
      <c r="N869081" s="10"/>
    </row>
    <row r="869082" spans="14:14">
      <c r="N869082" s="10"/>
    </row>
    <row r="869083" spans="14:14">
      <c r="N869083" s="10"/>
    </row>
    <row r="869084" spans="14:14">
      <c r="N869084" s="10"/>
    </row>
    <row r="869085" spans="14:14">
      <c r="N869085" s="10"/>
    </row>
    <row r="869086" spans="14:14">
      <c r="N869086" s="10"/>
    </row>
    <row r="869087" spans="14:14">
      <c r="N869087" s="10"/>
    </row>
    <row r="869088" spans="14:14">
      <c r="N869088" s="10"/>
    </row>
    <row r="869089" spans="14:14">
      <c r="N869089" s="10"/>
    </row>
    <row r="869090" spans="14:14">
      <c r="N869090" s="10"/>
    </row>
    <row r="869091" spans="14:14">
      <c r="N869091" s="10"/>
    </row>
    <row r="869092" spans="14:14">
      <c r="N869092" s="10"/>
    </row>
    <row r="869093" spans="14:14">
      <c r="N869093" s="10"/>
    </row>
    <row r="869094" spans="14:14">
      <c r="N869094" s="10"/>
    </row>
    <row r="869095" spans="14:14">
      <c r="N869095" s="10"/>
    </row>
    <row r="869096" spans="14:14">
      <c r="N869096" s="10"/>
    </row>
    <row r="869097" spans="14:14">
      <c r="N869097" s="10"/>
    </row>
    <row r="869098" spans="14:14">
      <c r="N869098" s="10"/>
    </row>
    <row r="869099" spans="14:14">
      <c r="N869099" s="10"/>
    </row>
    <row r="869100" spans="14:14">
      <c r="N869100" s="10"/>
    </row>
    <row r="869101" spans="14:14">
      <c r="N869101" s="10"/>
    </row>
    <row r="869102" spans="14:14">
      <c r="N869102" s="10"/>
    </row>
    <row r="869103" spans="14:14">
      <c r="N869103" s="10"/>
    </row>
    <row r="869104" spans="14:14">
      <c r="N869104" s="10"/>
    </row>
    <row r="869105" spans="14:14">
      <c r="N869105" s="10"/>
    </row>
    <row r="869106" spans="14:14">
      <c r="N869106" s="10"/>
    </row>
    <row r="869107" spans="14:14">
      <c r="N869107" s="10"/>
    </row>
    <row r="869108" spans="14:14">
      <c r="N869108" s="10"/>
    </row>
    <row r="869109" spans="14:14">
      <c r="N869109" s="10"/>
    </row>
    <row r="869110" spans="14:14">
      <c r="N869110" s="10"/>
    </row>
    <row r="869111" spans="14:14">
      <c r="N869111" s="10"/>
    </row>
    <row r="869112" spans="14:14">
      <c r="N869112" s="10"/>
    </row>
    <row r="869113" spans="14:14">
      <c r="N869113" s="10"/>
    </row>
    <row r="869114" spans="14:14">
      <c r="N869114" s="10"/>
    </row>
    <row r="869115" spans="14:14">
      <c r="N869115" s="10"/>
    </row>
    <row r="869116" spans="14:14">
      <c r="N869116" s="10"/>
    </row>
    <row r="869117" spans="14:14">
      <c r="N869117" s="10"/>
    </row>
    <row r="869118" spans="14:14">
      <c r="N869118" s="10"/>
    </row>
    <row r="869119" spans="14:14">
      <c r="N869119" s="10"/>
    </row>
    <row r="869120" spans="14:14">
      <c r="N869120" s="10"/>
    </row>
    <row r="869121" spans="14:14">
      <c r="N869121" s="10"/>
    </row>
    <row r="869122" spans="14:14">
      <c r="N869122" s="10"/>
    </row>
    <row r="869123" spans="14:14">
      <c r="N869123" s="10"/>
    </row>
    <row r="869124" spans="14:14">
      <c r="N869124" s="10"/>
    </row>
    <row r="869125" spans="14:14">
      <c r="N869125" s="10"/>
    </row>
    <row r="869126" spans="14:14">
      <c r="N869126" s="10"/>
    </row>
    <row r="869127" spans="14:14">
      <c r="N869127" s="10"/>
    </row>
    <row r="869128" spans="14:14">
      <c r="N869128" s="10"/>
    </row>
    <row r="869129" spans="14:14">
      <c r="N869129" s="10"/>
    </row>
    <row r="869130" spans="14:14">
      <c r="N869130" s="10"/>
    </row>
    <row r="869131" spans="14:14">
      <c r="N869131" s="10"/>
    </row>
    <row r="869132" spans="14:14">
      <c r="N869132" s="10"/>
    </row>
    <row r="869133" spans="14:14">
      <c r="N869133" s="10"/>
    </row>
    <row r="869134" spans="14:14">
      <c r="N869134" s="10"/>
    </row>
    <row r="869135" spans="14:14">
      <c r="N869135" s="10"/>
    </row>
    <row r="869136" spans="14:14">
      <c r="N869136" s="10"/>
    </row>
    <row r="869137" spans="14:14">
      <c r="N869137" s="10"/>
    </row>
    <row r="869138" spans="14:14">
      <c r="N869138" s="10"/>
    </row>
    <row r="869139" spans="14:14">
      <c r="N869139" s="10"/>
    </row>
    <row r="869140" spans="14:14">
      <c r="N869140" s="10"/>
    </row>
    <row r="869141" spans="14:14">
      <c r="N869141" s="10"/>
    </row>
    <row r="869142" spans="14:14">
      <c r="N869142" s="10"/>
    </row>
    <row r="869143" spans="14:14">
      <c r="N869143" s="10"/>
    </row>
    <row r="869144" spans="14:14">
      <c r="N869144" s="10"/>
    </row>
    <row r="869145" spans="14:14">
      <c r="N869145" s="10"/>
    </row>
    <row r="869146" spans="14:14">
      <c r="N869146" s="10"/>
    </row>
    <row r="869147" spans="14:14">
      <c r="N869147" s="10"/>
    </row>
    <row r="869148" spans="14:14">
      <c r="N869148" s="10"/>
    </row>
    <row r="869149" spans="14:14">
      <c r="N869149" s="10"/>
    </row>
    <row r="869150" spans="14:14">
      <c r="N869150" s="10"/>
    </row>
    <row r="869151" spans="14:14">
      <c r="N869151" s="10"/>
    </row>
    <row r="869152" spans="14:14">
      <c r="N869152" s="10"/>
    </row>
    <row r="869153" spans="14:14">
      <c r="N869153" s="10"/>
    </row>
    <row r="869154" spans="14:14">
      <c r="N869154" s="10"/>
    </row>
    <row r="869155" spans="14:14">
      <c r="N869155" s="10"/>
    </row>
    <row r="869156" spans="14:14">
      <c r="N869156" s="10"/>
    </row>
    <row r="869157" spans="14:14">
      <c r="N869157" s="10"/>
    </row>
    <row r="869158" spans="14:14">
      <c r="N869158" s="10"/>
    </row>
    <row r="869159" spans="14:14">
      <c r="N869159" s="10"/>
    </row>
    <row r="869160" spans="14:14">
      <c r="N869160" s="10"/>
    </row>
    <row r="869161" spans="14:14">
      <c r="N869161" s="10"/>
    </row>
    <row r="869162" spans="14:14">
      <c r="N869162" s="10"/>
    </row>
    <row r="869163" spans="14:14">
      <c r="N869163" s="10"/>
    </row>
    <row r="869164" spans="14:14">
      <c r="N869164" s="10"/>
    </row>
    <row r="869165" spans="14:14">
      <c r="N869165" s="10"/>
    </row>
    <row r="869166" spans="14:14">
      <c r="N869166" s="10"/>
    </row>
    <row r="869167" spans="14:14">
      <c r="N869167" s="10"/>
    </row>
    <row r="869168" spans="14:14">
      <c r="N869168" s="10"/>
    </row>
    <row r="869169" spans="14:14">
      <c r="N869169" s="10"/>
    </row>
    <row r="869170" spans="14:14">
      <c r="N869170" s="10"/>
    </row>
    <row r="869171" spans="14:14">
      <c r="N869171" s="10"/>
    </row>
    <row r="869172" spans="14:14">
      <c r="N869172" s="10"/>
    </row>
    <row r="869173" spans="14:14">
      <c r="N869173" s="10"/>
    </row>
    <row r="869174" spans="14:14">
      <c r="N869174" s="10"/>
    </row>
    <row r="869175" spans="14:14">
      <c r="N869175" s="10"/>
    </row>
    <row r="869176" spans="14:14">
      <c r="N869176" s="10"/>
    </row>
    <row r="869177" spans="14:14">
      <c r="N869177" s="10"/>
    </row>
    <row r="869178" spans="14:14">
      <c r="N869178" s="10"/>
    </row>
    <row r="869179" spans="14:14">
      <c r="N869179" s="10"/>
    </row>
    <row r="869180" spans="14:14">
      <c r="N869180" s="10"/>
    </row>
    <row r="869181" spans="14:14">
      <c r="N869181" s="10"/>
    </row>
    <row r="869182" spans="14:14">
      <c r="N869182" s="10"/>
    </row>
    <row r="869183" spans="14:14">
      <c r="N869183" s="10"/>
    </row>
    <row r="869184" spans="14:14">
      <c r="N869184" s="10"/>
    </row>
    <row r="869185" spans="14:14">
      <c r="N869185" s="10"/>
    </row>
    <row r="869186" spans="14:14">
      <c r="N869186" s="10"/>
    </row>
    <row r="869187" spans="14:14">
      <c r="N869187" s="10"/>
    </row>
    <row r="869188" spans="14:14">
      <c r="N869188" s="10"/>
    </row>
    <row r="869189" spans="14:14">
      <c r="N869189" s="10"/>
    </row>
    <row r="869190" spans="14:14">
      <c r="N869190" s="10"/>
    </row>
    <row r="869191" spans="14:14">
      <c r="N869191" s="10"/>
    </row>
    <row r="869192" spans="14:14">
      <c r="N869192" s="10"/>
    </row>
    <row r="869193" spans="14:14">
      <c r="N869193" s="10"/>
    </row>
    <row r="869194" spans="14:14">
      <c r="N869194" s="10"/>
    </row>
    <row r="869195" spans="14:14">
      <c r="N869195" s="10"/>
    </row>
    <row r="869196" spans="14:14">
      <c r="N869196" s="10"/>
    </row>
    <row r="869197" spans="14:14">
      <c r="N869197" s="10"/>
    </row>
    <row r="869198" spans="14:14">
      <c r="N869198" s="10"/>
    </row>
    <row r="869199" spans="14:14">
      <c r="N869199" s="10"/>
    </row>
    <row r="869200" spans="14:14">
      <c r="N869200" s="10"/>
    </row>
    <row r="869201" spans="14:14">
      <c r="N869201" s="10"/>
    </row>
    <row r="869202" spans="14:14">
      <c r="N869202" s="10"/>
    </row>
    <row r="869203" spans="14:14">
      <c r="N869203" s="10"/>
    </row>
    <row r="869204" spans="14:14">
      <c r="N869204" s="10"/>
    </row>
    <row r="869205" spans="14:14">
      <c r="N869205" s="10"/>
    </row>
    <row r="869206" spans="14:14">
      <c r="N869206" s="10"/>
    </row>
    <row r="869207" spans="14:14">
      <c r="N869207" s="10"/>
    </row>
    <row r="869208" spans="14:14">
      <c r="N869208" s="10"/>
    </row>
    <row r="869209" spans="14:14">
      <c r="N869209" s="10"/>
    </row>
    <row r="869210" spans="14:14">
      <c r="N869210" s="10"/>
    </row>
    <row r="869211" spans="14:14">
      <c r="N869211" s="10"/>
    </row>
    <row r="869212" spans="14:14">
      <c r="N869212" s="10"/>
    </row>
    <row r="869213" spans="14:14">
      <c r="N869213" s="10"/>
    </row>
    <row r="869214" spans="14:14">
      <c r="N869214" s="10"/>
    </row>
    <row r="869215" spans="14:14">
      <c r="N869215" s="10"/>
    </row>
    <row r="869216" spans="14:14">
      <c r="N869216" s="10"/>
    </row>
    <row r="869217" spans="14:14">
      <c r="N869217" s="10"/>
    </row>
    <row r="869218" spans="14:14">
      <c r="N869218" s="10"/>
    </row>
    <row r="869219" spans="14:14">
      <c r="N869219" s="10"/>
    </row>
    <row r="869220" spans="14:14">
      <c r="N869220" s="10"/>
    </row>
    <row r="869221" spans="14:14">
      <c r="N869221" s="10"/>
    </row>
    <row r="869222" spans="14:14">
      <c r="N869222" s="10"/>
    </row>
    <row r="869223" spans="14:14">
      <c r="N869223" s="10"/>
    </row>
    <row r="869224" spans="14:14">
      <c r="N869224" s="10"/>
    </row>
    <row r="869225" spans="14:14">
      <c r="N869225" s="10"/>
    </row>
    <row r="869226" spans="14:14">
      <c r="N869226" s="10"/>
    </row>
    <row r="869227" spans="14:14">
      <c r="N869227" s="10"/>
    </row>
    <row r="869228" spans="14:14">
      <c r="N869228" s="10"/>
    </row>
    <row r="869229" spans="14:14">
      <c r="N869229" s="10"/>
    </row>
    <row r="869230" spans="14:14">
      <c r="N869230" s="10"/>
    </row>
    <row r="869231" spans="14:14">
      <c r="N869231" s="10"/>
    </row>
    <row r="869232" spans="14:14">
      <c r="N869232" s="10"/>
    </row>
    <row r="869233" spans="14:14">
      <c r="N869233" s="10"/>
    </row>
    <row r="869234" spans="14:14">
      <c r="N869234" s="10"/>
    </row>
    <row r="869235" spans="14:14">
      <c r="N869235" s="10"/>
    </row>
    <row r="869236" spans="14:14">
      <c r="N869236" s="10"/>
    </row>
    <row r="869237" spans="14:14">
      <c r="N869237" s="10"/>
    </row>
    <row r="869238" spans="14:14">
      <c r="N869238" s="10"/>
    </row>
    <row r="869239" spans="14:14">
      <c r="N869239" s="10"/>
    </row>
    <row r="869240" spans="14:14">
      <c r="N869240" s="10"/>
    </row>
    <row r="869241" spans="14:14">
      <c r="N869241" s="10"/>
    </row>
    <row r="869242" spans="14:14">
      <c r="N869242" s="10"/>
    </row>
    <row r="869243" spans="14:14">
      <c r="N869243" s="10"/>
    </row>
    <row r="869244" spans="14:14">
      <c r="N869244" s="10"/>
    </row>
    <row r="869245" spans="14:14">
      <c r="N869245" s="10"/>
    </row>
    <row r="869246" spans="14:14">
      <c r="N869246" s="10"/>
    </row>
    <row r="869247" spans="14:14">
      <c r="N869247" s="10"/>
    </row>
    <row r="869248" spans="14:14">
      <c r="N869248" s="10"/>
    </row>
    <row r="869249" spans="14:14">
      <c r="N869249" s="10"/>
    </row>
    <row r="869250" spans="14:14">
      <c r="N869250" s="10"/>
    </row>
    <row r="869251" spans="14:14">
      <c r="N869251" s="10"/>
    </row>
    <row r="869252" spans="14:14">
      <c r="N869252" s="10"/>
    </row>
    <row r="869253" spans="14:14">
      <c r="N869253" s="10"/>
    </row>
    <row r="869254" spans="14:14">
      <c r="N869254" s="10"/>
    </row>
    <row r="869255" spans="14:14">
      <c r="N869255" s="10"/>
    </row>
    <row r="869256" spans="14:14">
      <c r="N869256" s="10"/>
    </row>
    <row r="869257" spans="14:14">
      <c r="N869257" s="10"/>
    </row>
    <row r="869258" spans="14:14">
      <c r="N869258" s="10"/>
    </row>
    <row r="869259" spans="14:14">
      <c r="N869259" s="10"/>
    </row>
    <row r="869260" spans="14:14">
      <c r="N869260" s="10"/>
    </row>
    <row r="869261" spans="14:14">
      <c r="N869261" s="10"/>
    </row>
    <row r="869262" spans="14:14">
      <c r="N869262" s="10"/>
    </row>
    <row r="869263" spans="14:14">
      <c r="N869263" s="10"/>
    </row>
    <row r="869264" spans="14:14">
      <c r="N869264" s="10"/>
    </row>
    <row r="869265" spans="14:14">
      <c r="N869265" s="10"/>
    </row>
    <row r="869266" spans="14:14">
      <c r="N869266" s="10"/>
    </row>
    <row r="869267" spans="14:14">
      <c r="N869267" s="10"/>
    </row>
    <row r="869268" spans="14:14">
      <c r="N869268" s="10"/>
    </row>
    <row r="869269" spans="14:14">
      <c r="N869269" s="10"/>
    </row>
    <row r="869270" spans="14:14">
      <c r="N869270" s="10"/>
    </row>
    <row r="869271" spans="14:14">
      <c r="N869271" s="10"/>
    </row>
    <row r="869272" spans="14:14">
      <c r="N869272" s="10"/>
    </row>
    <row r="869273" spans="14:14">
      <c r="N869273" s="10"/>
    </row>
    <row r="869274" spans="14:14">
      <c r="N869274" s="10"/>
    </row>
    <row r="869275" spans="14:14">
      <c r="N869275" s="10"/>
    </row>
    <row r="869276" spans="14:14">
      <c r="N869276" s="10"/>
    </row>
    <row r="869277" spans="14:14">
      <c r="N869277" s="10"/>
    </row>
    <row r="869278" spans="14:14">
      <c r="N869278" s="10"/>
    </row>
    <row r="869279" spans="14:14">
      <c r="N869279" s="10"/>
    </row>
    <row r="869280" spans="14:14">
      <c r="N869280" s="10"/>
    </row>
    <row r="869281" spans="14:14">
      <c r="N869281" s="10"/>
    </row>
    <row r="869282" spans="14:14">
      <c r="N869282" s="10"/>
    </row>
    <row r="869283" spans="14:14">
      <c r="N869283" s="10"/>
    </row>
    <row r="869284" spans="14:14">
      <c r="N869284" s="10"/>
    </row>
    <row r="869285" spans="14:14">
      <c r="N869285" s="10"/>
    </row>
    <row r="869286" spans="14:14">
      <c r="N869286" s="10"/>
    </row>
    <row r="869287" spans="14:14">
      <c r="N869287" s="10"/>
    </row>
    <row r="869288" spans="14:14">
      <c r="N869288" s="10"/>
    </row>
    <row r="869289" spans="14:14">
      <c r="N869289" s="10"/>
    </row>
    <row r="869290" spans="14:14">
      <c r="N869290" s="10"/>
    </row>
    <row r="869291" spans="14:14">
      <c r="N869291" s="10"/>
    </row>
    <row r="869292" spans="14:14">
      <c r="N869292" s="10"/>
    </row>
    <row r="869293" spans="14:14">
      <c r="N869293" s="10"/>
    </row>
    <row r="869294" spans="14:14">
      <c r="N869294" s="10"/>
    </row>
    <row r="869295" spans="14:14">
      <c r="N869295" s="10"/>
    </row>
    <row r="869296" spans="14:14">
      <c r="N869296" s="10"/>
    </row>
    <row r="869297" spans="14:14">
      <c r="N869297" s="10"/>
    </row>
    <row r="869298" spans="14:14">
      <c r="N869298" s="10"/>
    </row>
    <row r="869299" spans="14:14">
      <c r="N869299" s="10"/>
    </row>
    <row r="869300" spans="14:14">
      <c r="N869300" s="10"/>
    </row>
    <row r="869301" spans="14:14">
      <c r="N869301" s="10"/>
    </row>
    <row r="869302" spans="14:14">
      <c r="N869302" s="10"/>
    </row>
    <row r="869303" spans="14:14">
      <c r="N869303" s="10"/>
    </row>
    <row r="869304" spans="14:14">
      <c r="N869304" s="10"/>
    </row>
    <row r="869305" spans="14:14">
      <c r="N869305" s="10"/>
    </row>
    <row r="869306" spans="14:14">
      <c r="N869306" s="10"/>
    </row>
    <row r="869307" spans="14:14">
      <c r="N869307" s="10"/>
    </row>
    <row r="869308" spans="14:14">
      <c r="N869308" s="10"/>
    </row>
    <row r="869309" spans="14:14">
      <c r="N869309" s="10"/>
    </row>
    <row r="869310" spans="14:14">
      <c r="N869310" s="10"/>
    </row>
    <row r="869311" spans="14:14">
      <c r="N869311" s="10"/>
    </row>
    <row r="869312" spans="14:14">
      <c r="N869312" s="10"/>
    </row>
    <row r="869313" spans="14:14">
      <c r="N869313" s="10"/>
    </row>
    <row r="869314" spans="14:14">
      <c r="N869314" s="10"/>
    </row>
    <row r="869315" spans="14:14">
      <c r="N869315" s="10"/>
    </row>
    <row r="869316" spans="14:14">
      <c r="N869316" s="10"/>
    </row>
    <row r="869317" spans="14:14">
      <c r="N869317" s="10"/>
    </row>
    <row r="869318" spans="14:14">
      <c r="N869318" s="10"/>
    </row>
    <row r="869319" spans="14:14">
      <c r="N869319" s="10"/>
    </row>
    <row r="869320" spans="14:14">
      <c r="N869320" s="10"/>
    </row>
    <row r="869321" spans="14:14">
      <c r="N869321" s="10"/>
    </row>
    <row r="869322" spans="14:14">
      <c r="N869322" s="10"/>
    </row>
    <row r="869323" spans="14:14">
      <c r="N869323" s="10"/>
    </row>
    <row r="869324" spans="14:14">
      <c r="N869324" s="10"/>
    </row>
    <row r="869325" spans="14:14">
      <c r="N869325" s="10"/>
    </row>
    <row r="869326" spans="14:14">
      <c r="N869326" s="10"/>
    </row>
    <row r="869327" spans="14:14">
      <c r="N869327" s="10"/>
    </row>
    <row r="869328" spans="14:14">
      <c r="N869328" s="10"/>
    </row>
    <row r="869329" spans="14:14">
      <c r="N869329" s="10"/>
    </row>
    <row r="869330" spans="14:14">
      <c r="N869330" s="10"/>
    </row>
    <row r="869331" spans="14:14">
      <c r="N869331" s="10"/>
    </row>
    <row r="869332" spans="14:14">
      <c r="N869332" s="10"/>
    </row>
    <row r="869333" spans="14:14">
      <c r="N869333" s="10"/>
    </row>
    <row r="869334" spans="14:14">
      <c r="N869334" s="10"/>
    </row>
    <row r="869335" spans="14:14">
      <c r="N869335" s="10"/>
    </row>
    <row r="869336" spans="14:14">
      <c r="N869336" s="10"/>
    </row>
    <row r="869337" spans="14:14">
      <c r="N869337" s="10"/>
    </row>
    <row r="869338" spans="14:14">
      <c r="N869338" s="10"/>
    </row>
    <row r="869339" spans="14:14">
      <c r="N869339" s="10"/>
    </row>
    <row r="869340" spans="14:14">
      <c r="N869340" s="10"/>
    </row>
    <row r="869341" spans="14:14">
      <c r="N869341" s="10"/>
    </row>
    <row r="869342" spans="14:14">
      <c r="N869342" s="10"/>
    </row>
    <row r="869343" spans="14:14">
      <c r="N869343" s="10"/>
    </row>
    <row r="869344" spans="14:14">
      <c r="N869344" s="10"/>
    </row>
    <row r="869345" spans="14:14">
      <c r="N869345" s="10"/>
    </row>
    <row r="869346" spans="14:14">
      <c r="N869346" s="10"/>
    </row>
    <row r="869347" spans="14:14">
      <c r="N869347" s="10"/>
    </row>
    <row r="869348" spans="14:14">
      <c r="N869348" s="10"/>
    </row>
    <row r="869349" spans="14:14">
      <c r="N869349" s="10"/>
    </row>
    <row r="869350" spans="14:14">
      <c r="N869350" s="10"/>
    </row>
    <row r="869351" spans="14:14">
      <c r="N869351" s="10"/>
    </row>
    <row r="869352" spans="14:14">
      <c r="N869352" s="10"/>
    </row>
    <row r="869353" spans="14:14">
      <c r="N869353" s="10"/>
    </row>
    <row r="869354" spans="14:14">
      <c r="N869354" s="10"/>
    </row>
    <row r="869355" spans="14:14">
      <c r="N869355" s="10"/>
    </row>
    <row r="869356" spans="14:14">
      <c r="N869356" s="10"/>
    </row>
    <row r="869357" spans="14:14">
      <c r="N869357" s="10"/>
    </row>
    <row r="869358" spans="14:14">
      <c r="N869358" s="10"/>
    </row>
    <row r="869359" spans="14:14">
      <c r="N869359" s="10"/>
    </row>
    <row r="869360" spans="14:14">
      <c r="N869360" s="10"/>
    </row>
    <row r="869361" spans="14:14">
      <c r="N869361" s="10"/>
    </row>
    <row r="869362" spans="14:14">
      <c r="N869362" s="10"/>
    </row>
    <row r="869363" spans="14:14">
      <c r="N869363" s="10"/>
    </row>
    <row r="869364" spans="14:14">
      <c r="N869364" s="10"/>
    </row>
    <row r="869365" spans="14:14">
      <c r="N869365" s="10"/>
    </row>
    <row r="869366" spans="14:14">
      <c r="N869366" s="10"/>
    </row>
    <row r="869367" spans="14:14">
      <c r="N869367" s="10"/>
    </row>
    <row r="869368" spans="14:14">
      <c r="N869368" s="10"/>
    </row>
    <row r="869369" spans="14:14">
      <c r="N869369" s="10"/>
    </row>
    <row r="869370" spans="14:14">
      <c r="N869370" s="10"/>
    </row>
    <row r="869371" spans="14:14">
      <c r="N869371" s="10"/>
    </row>
    <row r="869372" spans="14:14">
      <c r="N869372" s="10"/>
    </row>
    <row r="869373" spans="14:14">
      <c r="N869373" s="10"/>
    </row>
    <row r="869374" spans="14:14">
      <c r="N869374" s="10"/>
    </row>
    <row r="869375" spans="14:14">
      <c r="N869375" s="10"/>
    </row>
    <row r="869376" spans="14:14">
      <c r="N869376" s="10"/>
    </row>
    <row r="869377" spans="14:14">
      <c r="N869377" s="10"/>
    </row>
    <row r="869378" spans="14:14">
      <c r="N869378" s="10"/>
    </row>
    <row r="869379" spans="14:14">
      <c r="N869379" s="10"/>
    </row>
    <row r="869380" spans="14:14">
      <c r="N869380" s="10"/>
    </row>
    <row r="869381" spans="14:14">
      <c r="N869381" s="10"/>
    </row>
    <row r="869382" spans="14:14">
      <c r="N869382" s="10"/>
    </row>
    <row r="869383" spans="14:14">
      <c r="N869383" s="10"/>
    </row>
    <row r="869384" spans="14:14">
      <c r="N869384" s="10"/>
    </row>
    <row r="869385" spans="14:14">
      <c r="N869385" s="10"/>
    </row>
    <row r="869386" spans="14:14">
      <c r="N869386" s="10"/>
    </row>
    <row r="869387" spans="14:14">
      <c r="N869387" s="10"/>
    </row>
    <row r="869388" spans="14:14">
      <c r="N869388" s="10"/>
    </row>
    <row r="869389" spans="14:14">
      <c r="N869389" s="10"/>
    </row>
    <row r="869390" spans="14:14">
      <c r="N869390" s="10"/>
    </row>
    <row r="869391" spans="14:14">
      <c r="N869391" s="10"/>
    </row>
    <row r="869392" spans="14:14">
      <c r="N869392" s="10"/>
    </row>
    <row r="869393" spans="14:14">
      <c r="N869393" s="10"/>
    </row>
    <row r="869394" spans="14:14">
      <c r="N869394" s="10"/>
    </row>
    <row r="869395" spans="14:14">
      <c r="N869395" s="10"/>
    </row>
    <row r="869396" spans="14:14">
      <c r="N869396" s="10"/>
    </row>
    <row r="869397" spans="14:14">
      <c r="N869397" s="10"/>
    </row>
    <row r="869398" spans="14:14">
      <c r="N869398" s="10"/>
    </row>
    <row r="869399" spans="14:14">
      <c r="N869399" s="10"/>
    </row>
    <row r="869400" spans="14:14">
      <c r="N869400" s="10"/>
    </row>
    <row r="869401" spans="14:14">
      <c r="N869401" s="10"/>
    </row>
    <row r="869402" spans="14:14">
      <c r="N869402" s="10"/>
    </row>
    <row r="869403" spans="14:14">
      <c r="N869403" s="10"/>
    </row>
    <row r="869404" spans="14:14">
      <c r="N869404" s="10"/>
    </row>
    <row r="869405" spans="14:14">
      <c r="N869405" s="10"/>
    </row>
    <row r="869406" spans="14:14">
      <c r="N869406" s="10"/>
    </row>
    <row r="869407" spans="14:14">
      <c r="N869407" s="10"/>
    </row>
    <row r="869408" spans="14:14">
      <c r="N869408" s="10"/>
    </row>
    <row r="869409" spans="14:14">
      <c r="N869409" s="10"/>
    </row>
    <row r="869410" spans="14:14">
      <c r="N869410" s="10"/>
    </row>
    <row r="869411" spans="14:14">
      <c r="N869411" s="10"/>
    </row>
    <row r="869412" spans="14:14">
      <c r="N869412" s="10"/>
    </row>
    <row r="869413" spans="14:14">
      <c r="N869413" s="10"/>
    </row>
    <row r="869414" spans="14:14">
      <c r="N869414" s="10"/>
    </row>
    <row r="869415" spans="14:14">
      <c r="N869415" s="10"/>
    </row>
    <row r="869416" spans="14:14">
      <c r="N869416" s="10"/>
    </row>
    <row r="869417" spans="14:14">
      <c r="N869417" s="10"/>
    </row>
    <row r="869418" spans="14:14">
      <c r="N869418" s="10"/>
    </row>
    <row r="869419" spans="14:14">
      <c r="N869419" s="10"/>
    </row>
    <row r="869420" spans="14:14">
      <c r="N869420" s="10"/>
    </row>
    <row r="869421" spans="14:14">
      <c r="N869421" s="10"/>
    </row>
    <row r="869422" spans="14:14">
      <c r="N869422" s="10"/>
    </row>
    <row r="869423" spans="14:14">
      <c r="N869423" s="10"/>
    </row>
    <row r="869424" spans="14:14">
      <c r="N869424" s="10"/>
    </row>
    <row r="869425" spans="14:14">
      <c r="N869425" s="10"/>
    </row>
    <row r="869426" spans="14:14">
      <c r="N869426" s="10"/>
    </row>
    <row r="869427" spans="14:14">
      <c r="N869427" s="10"/>
    </row>
    <row r="869428" spans="14:14">
      <c r="N869428" s="10"/>
    </row>
    <row r="869429" spans="14:14">
      <c r="N869429" s="10"/>
    </row>
    <row r="869430" spans="14:14">
      <c r="N869430" s="10"/>
    </row>
    <row r="869431" spans="14:14">
      <c r="N869431" s="10"/>
    </row>
    <row r="869432" spans="14:14">
      <c r="N869432" s="10"/>
    </row>
    <row r="869433" spans="14:14">
      <c r="N869433" s="10"/>
    </row>
    <row r="869434" spans="14:14">
      <c r="N869434" s="10"/>
    </row>
    <row r="869435" spans="14:14">
      <c r="N869435" s="10"/>
    </row>
    <row r="869436" spans="14:14">
      <c r="N869436" s="10"/>
    </row>
    <row r="869437" spans="14:14">
      <c r="N869437" s="10"/>
    </row>
    <row r="869438" spans="14:14">
      <c r="N869438" s="10"/>
    </row>
    <row r="869439" spans="14:14">
      <c r="N869439" s="10"/>
    </row>
    <row r="869440" spans="14:14">
      <c r="N869440" s="10"/>
    </row>
    <row r="869441" spans="14:14">
      <c r="N869441" s="10"/>
    </row>
    <row r="869442" spans="14:14">
      <c r="N869442" s="10"/>
    </row>
    <row r="869443" spans="14:14">
      <c r="N869443" s="10"/>
    </row>
    <row r="869444" spans="14:14">
      <c r="N869444" s="10"/>
    </row>
    <row r="869445" spans="14:14">
      <c r="N869445" s="10"/>
    </row>
    <row r="869446" spans="14:14">
      <c r="N869446" s="10"/>
    </row>
    <row r="869447" spans="14:14">
      <c r="N869447" s="10"/>
    </row>
    <row r="869448" spans="14:14">
      <c r="N869448" s="10"/>
    </row>
    <row r="869449" spans="14:14">
      <c r="N869449" s="10"/>
    </row>
    <row r="869450" spans="14:14">
      <c r="N869450" s="10"/>
    </row>
    <row r="869451" spans="14:14">
      <c r="N869451" s="10"/>
    </row>
    <row r="869452" spans="14:14">
      <c r="N869452" s="10"/>
    </row>
    <row r="869453" spans="14:14">
      <c r="N869453" s="10"/>
    </row>
    <row r="869454" spans="14:14">
      <c r="N869454" s="10"/>
    </row>
    <row r="869455" spans="14:14">
      <c r="N869455" s="10"/>
    </row>
    <row r="869456" spans="14:14">
      <c r="N869456" s="10"/>
    </row>
    <row r="869457" spans="14:14">
      <c r="N869457" s="10"/>
    </row>
    <row r="869458" spans="14:14">
      <c r="N869458" s="10"/>
    </row>
    <row r="869459" spans="14:14">
      <c r="N869459" s="10"/>
    </row>
    <row r="869460" spans="14:14">
      <c r="N869460" s="10"/>
    </row>
    <row r="869461" spans="14:14">
      <c r="N869461" s="10"/>
    </row>
    <row r="869462" spans="14:14">
      <c r="N869462" s="10"/>
    </row>
    <row r="869463" spans="14:14">
      <c r="N869463" s="10"/>
    </row>
    <row r="869464" spans="14:14">
      <c r="N869464" s="10"/>
    </row>
    <row r="869465" spans="14:14">
      <c r="N869465" s="10"/>
    </row>
    <row r="869466" spans="14:14">
      <c r="N869466" s="10"/>
    </row>
    <row r="869467" spans="14:14">
      <c r="N869467" s="10"/>
    </row>
    <row r="869468" spans="14:14">
      <c r="N869468" s="10"/>
    </row>
    <row r="869469" spans="14:14">
      <c r="N869469" s="10"/>
    </row>
    <row r="869470" spans="14:14">
      <c r="N869470" s="10"/>
    </row>
    <row r="869471" spans="14:14">
      <c r="N869471" s="10"/>
    </row>
    <row r="869472" spans="14:14">
      <c r="N869472" s="10"/>
    </row>
    <row r="869473" spans="14:14">
      <c r="N869473" s="10"/>
    </row>
    <row r="869474" spans="14:14">
      <c r="N869474" s="10"/>
    </row>
    <row r="869475" spans="14:14">
      <c r="N869475" s="10"/>
    </row>
    <row r="869476" spans="14:14">
      <c r="N869476" s="10"/>
    </row>
    <row r="869477" spans="14:14">
      <c r="N869477" s="10"/>
    </row>
    <row r="869478" spans="14:14">
      <c r="N869478" s="10"/>
    </row>
    <row r="869479" spans="14:14">
      <c r="N869479" s="10"/>
    </row>
    <row r="869480" spans="14:14">
      <c r="N869480" s="10"/>
    </row>
    <row r="869481" spans="14:14">
      <c r="N869481" s="10"/>
    </row>
    <row r="869482" spans="14:14">
      <c r="N869482" s="10"/>
    </row>
    <row r="869483" spans="14:14">
      <c r="N869483" s="10"/>
    </row>
    <row r="869484" spans="14:14">
      <c r="N869484" s="10"/>
    </row>
    <row r="869485" spans="14:14">
      <c r="N869485" s="10"/>
    </row>
    <row r="869486" spans="14:14">
      <c r="N869486" s="10"/>
    </row>
    <row r="869487" spans="14:14">
      <c r="N869487" s="10"/>
    </row>
    <row r="869488" spans="14:14">
      <c r="N869488" s="10"/>
    </row>
    <row r="869489" spans="14:14">
      <c r="N869489" s="10"/>
    </row>
    <row r="869490" spans="14:14">
      <c r="N869490" s="10"/>
    </row>
    <row r="869491" spans="14:14">
      <c r="N869491" s="10"/>
    </row>
    <row r="869492" spans="14:14">
      <c r="N869492" s="10"/>
    </row>
    <row r="869493" spans="14:14">
      <c r="N869493" s="10"/>
    </row>
    <row r="869494" spans="14:14">
      <c r="N869494" s="10"/>
    </row>
    <row r="869495" spans="14:14">
      <c r="N869495" s="10"/>
    </row>
    <row r="869496" spans="14:14">
      <c r="N869496" s="10"/>
    </row>
    <row r="869497" spans="14:14">
      <c r="N869497" s="10"/>
    </row>
    <row r="869498" spans="14:14">
      <c r="N869498" s="10"/>
    </row>
    <row r="869499" spans="14:14">
      <c r="N869499" s="10"/>
    </row>
    <row r="869500" spans="14:14">
      <c r="N869500" s="10"/>
    </row>
    <row r="869501" spans="14:14">
      <c r="N869501" s="10"/>
    </row>
    <row r="869502" spans="14:14">
      <c r="N869502" s="10"/>
    </row>
    <row r="869503" spans="14:14">
      <c r="N869503" s="10"/>
    </row>
    <row r="869504" spans="14:14">
      <c r="N869504" s="10"/>
    </row>
    <row r="869505" spans="14:14">
      <c r="N869505" s="10"/>
    </row>
    <row r="869506" spans="14:14">
      <c r="N869506" s="10"/>
    </row>
    <row r="869507" spans="14:14">
      <c r="N869507" s="10"/>
    </row>
    <row r="869508" spans="14:14">
      <c r="N869508" s="10"/>
    </row>
    <row r="869509" spans="14:14">
      <c r="N869509" s="10"/>
    </row>
    <row r="869510" spans="14:14">
      <c r="N869510" s="10"/>
    </row>
    <row r="869511" spans="14:14">
      <c r="N869511" s="10"/>
    </row>
    <row r="869512" spans="14:14">
      <c r="N869512" s="10"/>
    </row>
    <row r="869513" spans="14:14">
      <c r="N869513" s="10"/>
    </row>
    <row r="869514" spans="14:14">
      <c r="N869514" s="10"/>
    </row>
    <row r="869515" spans="14:14">
      <c r="N869515" s="10"/>
    </row>
    <row r="869516" spans="14:14">
      <c r="N869516" s="10"/>
    </row>
    <row r="869517" spans="14:14">
      <c r="N869517" s="10"/>
    </row>
    <row r="869518" spans="14:14">
      <c r="N869518" s="10"/>
    </row>
    <row r="869519" spans="14:14">
      <c r="N869519" s="10"/>
    </row>
    <row r="869520" spans="14:14">
      <c r="N869520" s="10"/>
    </row>
    <row r="869521" spans="14:14">
      <c r="N869521" s="10"/>
    </row>
    <row r="869522" spans="14:14">
      <c r="N869522" s="10"/>
    </row>
    <row r="869523" spans="14:14">
      <c r="N869523" s="10"/>
    </row>
    <row r="869524" spans="14:14">
      <c r="N869524" s="10"/>
    </row>
    <row r="869525" spans="14:14">
      <c r="N869525" s="10"/>
    </row>
    <row r="869526" spans="14:14">
      <c r="N869526" s="10"/>
    </row>
    <row r="869527" spans="14:14">
      <c r="N869527" s="10"/>
    </row>
    <row r="869528" spans="14:14">
      <c r="N869528" s="10"/>
    </row>
    <row r="869529" spans="14:14">
      <c r="N869529" s="10"/>
    </row>
    <row r="869530" spans="14:14">
      <c r="N869530" s="10"/>
    </row>
    <row r="869531" spans="14:14">
      <c r="N869531" s="10"/>
    </row>
    <row r="869532" spans="14:14">
      <c r="N869532" s="10"/>
    </row>
    <row r="869533" spans="14:14">
      <c r="N869533" s="10"/>
    </row>
    <row r="869534" spans="14:14">
      <c r="N869534" s="10"/>
    </row>
    <row r="869535" spans="14:14">
      <c r="N869535" s="10"/>
    </row>
    <row r="869536" spans="14:14">
      <c r="N869536" s="10"/>
    </row>
    <row r="869537" spans="14:14">
      <c r="N869537" s="10"/>
    </row>
    <row r="869538" spans="14:14">
      <c r="N869538" s="10"/>
    </row>
    <row r="869539" spans="14:14">
      <c r="N869539" s="10"/>
    </row>
    <row r="869540" spans="14:14">
      <c r="N869540" s="10"/>
    </row>
    <row r="869541" spans="14:14">
      <c r="N869541" s="10"/>
    </row>
    <row r="869542" spans="14:14">
      <c r="N869542" s="10"/>
    </row>
    <row r="869543" spans="14:14">
      <c r="N869543" s="10"/>
    </row>
    <row r="869544" spans="14:14">
      <c r="N869544" s="10"/>
    </row>
    <row r="869545" spans="14:14">
      <c r="N869545" s="10"/>
    </row>
    <row r="869546" spans="14:14">
      <c r="N869546" s="10"/>
    </row>
    <row r="869547" spans="14:14">
      <c r="N869547" s="10"/>
    </row>
    <row r="869548" spans="14:14">
      <c r="N869548" s="10"/>
    </row>
    <row r="869549" spans="14:14">
      <c r="N869549" s="10"/>
    </row>
    <row r="869550" spans="14:14">
      <c r="N869550" s="10"/>
    </row>
    <row r="869551" spans="14:14">
      <c r="N869551" s="10"/>
    </row>
    <row r="869552" spans="14:14">
      <c r="N869552" s="10"/>
    </row>
    <row r="869553" spans="14:14">
      <c r="N869553" s="10"/>
    </row>
    <row r="869554" spans="14:14">
      <c r="N869554" s="10"/>
    </row>
    <row r="869555" spans="14:14">
      <c r="N869555" s="10"/>
    </row>
    <row r="869556" spans="14:14">
      <c r="N869556" s="10"/>
    </row>
    <row r="869557" spans="14:14">
      <c r="N869557" s="10"/>
    </row>
    <row r="869558" spans="14:14">
      <c r="N869558" s="10"/>
    </row>
    <row r="869559" spans="14:14">
      <c r="N869559" s="10"/>
    </row>
    <row r="869560" spans="14:14">
      <c r="N869560" s="10"/>
    </row>
    <row r="869561" spans="14:14">
      <c r="N869561" s="10"/>
    </row>
    <row r="869562" spans="14:14">
      <c r="N869562" s="10"/>
    </row>
    <row r="869563" spans="14:14">
      <c r="N869563" s="10"/>
    </row>
    <row r="869564" spans="14:14">
      <c r="N869564" s="10"/>
    </row>
    <row r="869565" spans="14:14">
      <c r="N869565" s="10"/>
    </row>
    <row r="869566" spans="14:14">
      <c r="N869566" s="10"/>
    </row>
    <row r="869567" spans="14:14">
      <c r="N869567" s="10"/>
    </row>
    <row r="869568" spans="14:14">
      <c r="N869568" s="10"/>
    </row>
    <row r="869569" spans="14:14">
      <c r="N869569" s="10"/>
    </row>
    <row r="869570" spans="14:14">
      <c r="N869570" s="10"/>
    </row>
    <row r="869571" spans="14:14">
      <c r="N869571" s="10"/>
    </row>
    <row r="869572" spans="14:14">
      <c r="N869572" s="10"/>
    </row>
    <row r="869573" spans="14:14">
      <c r="N869573" s="10"/>
    </row>
    <row r="869574" spans="14:14">
      <c r="N869574" s="10"/>
    </row>
    <row r="869575" spans="14:14">
      <c r="N869575" s="10"/>
    </row>
    <row r="869576" spans="14:14">
      <c r="N869576" s="10"/>
    </row>
    <row r="869577" spans="14:14">
      <c r="N869577" s="10"/>
    </row>
    <row r="869578" spans="14:14">
      <c r="N869578" s="10"/>
    </row>
    <row r="869579" spans="14:14">
      <c r="N869579" s="10"/>
    </row>
    <row r="869580" spans="14:14">
      <c r="N869580" s="10"/>
    </row>
    <row r="869581" spans="14:14">
      <c r="N869581" s="10"/>
    </row>
    <row r="869582" spans="14:14">
      <c r="N869582" s="10"/>
    </row>
    <row r="869583" spans="14:14">
      <c r="N869583" s="10"/>
    </row>
    <row r="869584" spans="14:14">
      <c r="N869584" s="10"/>
    </row>
    <row r="869585" spans="14:14">
      <c r="N869585" s="10"/>
    </row>
    <row r="869586" spans="14:14">
      <c r="N869586" s="10"/>
    </row>
    <row r="869587" spans="14:14">
      <c r="N869587" s="10"/>
    </row>
    <row r="869588" spans="14:14">
      <c r="N869588" s="10"/>
    </row>
    <row r="869589" spans="14:14">
      <c r="N869589" s="10"/>
    </row>
    <row r="869590" spans="14:14">
      <c r="N869590" s="10"/>
    </row>
    <row r="869591" spans="14:14">
      <c r="N869591" s="10"/>
    </row>
    <row r="869592" spans="14:14">
      <c r="N869592" s="10"/>
    </row>
    <row r="869593" spans="14:14">
      <c r="N869593" s="10"/>
    </row>
    <row r="869594" spans="14:14">
      <c r="N869594" s="10"/>
    </row>
    <row r="869595" spans="14:14">
      <c r="N869595" s="10"/>
    </row>
    <row r="869596" spans="14:14">
      <c r="N869596" s="10"/>
    </row>
    <row r="869597" spans="14:14">
      <c r="N869597" s="10"/>
    </row>
    <row r="869598" spans="14:14">
      <c r="N869598" s="10"/>
    </row>
    <row r="869599" spans="14:14">
      <c r="N869599" s="10"/>
    </row>
    <row r="869600" spans="14:14">
      <c r="N869600" s="10"/>
    </row>
    <row r="869601" spans="14:14">
      <c r="N869601" s="10"/>
    </row>
    <row r="869602" spans="14:14">
      <c r="N869602" s="10"/>
    </row>
    <row r="869603" spans="14:14">
      <c r="N869603" s="10"/>
    </row>
    <row r="869604" spans="14:14">
      <c r="N869604" s="10"/>
    </row>
    <row r="869605" spans="14:14">
      <c r="N869605" s="10"/>
    </row>
    <row r="869606" spans="14:14">
      <c r="N869606" s="10"/>
    </row>
    <row r="869607" spans="14:14">
      <c r="N869607" s="10"/>
    </row>
    <row r="869608" spans="14:14">
      <c r="N869608" s="10"/>
    </row>
    <row r="869609" spans="14:14">
      <c r="N869609" s="10"/>
    </row>
    <row r="869610" spans="14:14">
      <c r="N869610" s="10"/>
    </row>
    <row r="869611" spans="14:14">
      <c r="N869611" s="10"/>
    </row>
    <row r="869612" spans="14:14">
      <c r="N869612" s="10"/>
    </row>
    <row r="869613" spans="14:14">
      <c r="N869613" s="10"/>
    </row>
    <row r="869614" spans="14:14">
      <c r="N869614" s="10"/>
    </row>
    <row r="869615" spans="14:14">
      <c r="N869615" s="10"/>
    </row>
    <row r="869616" spans="14:14">
      <c r="N869616" s="10"/>
    </row>
    <row r="869617" spans="14:14">
      <c r="N869617" s="10"/>
    </row>
    <row r="869618" spans="14:14">
      <c r="N869618" s="10"/>
    </row>
    <row r="869619" spans="14:14">
      <c r="N869619" s="10"/>
    </row>
    <row r="869620" spans="14:14">
      <c r="N869620" s="10"/>
    </row>
    <row r="869621" spans="14:14">
      <c r="N869621" s="10"/>
    </row>
    <row r="869622" spans="14:14">
      <c r="N869622" s="10"/>
    </row>
    <row r="869623" spans="14:14">
      <c r="N869623" s="10"/>
    </row>
    <row r="869624" spans="14:14">
      <c r="N869624" s="10"/>
    </row>
    <row r="869625" spans="14:14">
      <c r="N869625" s="10"/>
    </row>
    <row r="869626" spans="14:14">
      <c r="N869626" s="10"/>
    </row>
    <row r="869627" spans="14:14">
      <c r="N869627" s="10"/>
    </row>
    <row r="869628" spans="14:14">
      <c r="N869628" s="10"/>
    </row>
    <row r="869629" spans="14:14">
      <c r="N869629" s="10"/>
    </row>
    <row r="869630" spans="14:14">
      <c r="N869630" s="10"/>
    </row>
    <row r="869631" spans="14:14">
      <c r="N869631" s="10"/>
    </row>
    <row r="869632" spans="14:14">
      <c r="N869632" s="10"/>
    </row>
    <row r="869633" spans="14:14">
      <c r="N869633" s="10"/>
    </row>
    <row r="869634" spans="14:14">
      <c r="N869634" s="10"/>
    </row>
    <row r="869635" spans="14:14">
      <c r="N869635" s="10"/>
    </row>
    <row r="869636" spans="14:14">
      <c r="N869636" s="10"/>
    </row>
    <row r="869637" spans="14:14">
      <c r="N869637" s="10"/>
    </row>
    <row r="869638" spans="14:14">
      <c r="N869638" s="10"/>
    </row>
    <row r="869639" spans="14:14">
      <c r="N869639" s="10"/>
    </row>
    <row r="869640" spans="14:14">
      <c r="N869640" s="10"/>
    </row>
    <row r="869641" spans="14:14">
      <c r="N869641" s="10"/>
    </row>
    <row r="869642" spans="14:14">
      <c r="N869642" s="10"/>
    </row>
    <row r="869643" spans="14:14">
      <c r="N869643" s="10"/>
    </row>
    <row r="869644" spans="14:14">
      <c r="N869644" s="10"/>
    </row>
    <row r="869645" spans="14:14">
      <c r="N869645" s="10"/>
    </row>
    <row r="869646" spans="14:14">
      <c r="N869646" s="10"/>
    </row>
    <row r="869647" spans="14:14">
      <c r="N869647" s="10"/>
    </row>
    <row r="869648" spans="14:14">
      <c r="N869648" s="10"/>
    </row>
    <row r="869649" spans="14:14">
      <c r="N869649" s="10"/>
    </row>
    <row r="869650" spans="14:14">
      <c r="N869650" s="10"/>
    </row>
    <row r="869651" spans="14:14">
      <c r="N869651" s="10"/>
    </row>
    <row r="869652" spans="14:14">
      <c r="N869652" s="10"/>
    </row>
    <row r="869653" spans="14:14">
      <c r="N869653" s="10"/>
    </row>
    <row r="869654" spans="14:14">
      <c r="N869654" s="10"/>
    </row>
    <row r="869655" spans="14:14">
      <c r="N869655" s="10"/>
    </row>
    <row r="869656" spans="14:14">
      <c r="N869656" s="10"/>
    </row>
    <row r="869657" spans="14:14">
      <c r="N869657" s="10"/>
    </row>
    <row r="869658" spans="14:14">
      <c r="N869658" s="10"/>
    </row>
    <row r="869659" spans="14:14">
      <c r="N869659" s="10"/>
    </row>
    <row r="869660" spans="14:14">
      <c r="N869660" s="10"/>
    </row>
    <row r="869661" spans="14:14">
      <c r="N869661" s="10"/>
    </row>
    <row r="869662" spans="14:14">
      <c r="N869662" s="10"/>
    </row>
    <row r="869663" spans="14:14">
      <c r="N869663" s="10"/>
    </row>
    <row r="869664" spans="14:14">
      <c r="N869664" s="10"/>
    </row>
    <row r="869665" spans="14:14">
      <c r="N869665" s="10"/>
    </row>
    <row r="869666" spans="14:14">
      <c r="N869666" s="10"/>
    </row>
    <row r="869667" spans="14:14">
      <c r="N869667" s="10"/>
    </row>
    <row r="869668" spans="14:14">
      <c r="N869668" s="10"/>
    </row>
    <row r="869669" spans="14:14">
      <c r="N869669" s="10"/>
    </row>
    <row r="869670" spans="14:14">
      <c r="N869670" s="10"/>
    </row>
    <row r="869671" spans="14:14">
      <c r="N869671" s="10"/>
    </row>
    <row r="869672" spans="14:14">
      <c r="N869672" s="10"/>
    </row>
    <row r="869673" spans="14:14">
      <c r="N869673" s="10"/>
    </row>
    <row r="869674" spans="14:14">
      <c r="N869674" s="10"/>
    </row>
    <row r="869675" spans="14:14">
      <c r="N869675" s="10"/>
    </row>
    <row r="869676" spans="14:14">
      <c r="N869676" s="10"/>
    </row>
    <row r="869677" spans="14:14">
      <c r="N869677" s="10"/>
    </row>
    <row r="869678" spans="14:14">
      <c r="N869678" s="10"/>
    </row>
    <row r="869679" spans="14:14">
      <c r="N869679" s="10"/>
    </row>
    <row r="869680" spans="14:14">
      <c r="N869680" s="10"/>
    </row>
    <row r="869681" spans="14:14">
      <c r="N869681" s="10"/>
    </row>
    <row r="869682" spans="14:14">
      <c r="N869682" s="10"/>
    </row>
    <row r="869683" spans="14:14">
      <c r="N869683" s="10"/>
    </row>
    <row r="869684" spans="14:14">
      <c r="N869684" s="10"/>
    </row>
    <row r="869685" spans="14:14">
      <c r="N869685" s="10"/>
    </row>
    <row r="869686" spans="14:14">
      <c r="N869686" s="10"/>
    </row>
    <row r="869687" spans="14:14">
      <c r="N869687" s="10"/>
    </row>
    <row r="869688" spans="14:14">
      <c r="N869688" s="10"/>
    </row>
    <row r="869689" spans="14:14">
      <c r="N869689" s="10"/>
    </row>
    <row r="869690" spans="14:14">
      <c r="N869690" s="10"/>
    </row>
    <row r="869691" spans="14:14">
      <c r="N869691" s="10"/>
    </row>
    <row r="869692" spans="14:14">
      <c r="N869692" s="10"/>
    </row>
    <row r="869693" spans="14:14">
      <c r="N869693" s="10"/>
    </row>
    <row r="869694" spans="14:14">
      <c r="N869694" s="10"/>
    </row>
    <row r="869695" spans="14:14">
      <c r="N869695" s="10"/>
    </row>
    <row r="869696" spans="14:14">
      <c r="N869696" s="10"/>
    </row>
    <row r="869697" spans="14:14">
      <c r="N869697" s="10"/>
    </row>
    <row r="869698" spans="14:14">
      <c r="N869698" s="10"/>
    </row>
    <row r="869699" spans="14:14">
      <c r="N869699" s="10"/>
    </row>
    <row r="869700" spans="14:14">
      <c r="N869700" s="10"/>
    </row>
    <row r="869701" spans="14:14">
      <c r="N869701" s="10"/>
    </row>
    <row r="869702" spans="14:14">
      <c r="N869702" s="10"/>
    </row>
    <row r="869703" spans="14:14">
      <c r="N869703" s="10"/>
    </row>
    <row r="869704" spans="14:14">
      <c r="N869704" s="10"/>
    </row>
    <row r="869705" spans="14:14">
      <c r="N869705" s="10"/>
    </row>
    <row r="869706" spans="14:14">
      <c r="N869706" s="10"/>
    </row>
    <row r="869707" spans="14:14">
      <c r="N869707" s="10"/>
    </row>
    <row r="869708" spans="14:14">
      <c r="N869708" s="10"/>
    </row>
    <row r="869709" spans="14:14">
      <c r="N869709" s="10"/>
    </row>
    <row r="869710" spans="14:14">
      <c r="N869710" s="10"/>
    </row>
    <row r="869711" spans="14:14">
      <c r="N869711" s="10"/>
    </row>
    <row r="869712" spans="14:14">
      <c r="N869712" s="10"/>
    </row>
    <row r="869713" spans="14:14">
      <c r="N869713" s="10"/>
    </row>
    <row r="869714" spans="14:14">
      <c r="N869714" s="10"/>
    </row>
    <row r="869715" spans="14:14">
      <c r="N869715" s="10"/>
    </row>
    <row r="869716" spans="14:14">
      <c r="N869716" s="10"/>
    </row>
    <row r="869717" spans="14:14">
      <c r="N869717" s="10"/>
    </row>
    <row r="869718" spans="14:14">
      <c r="N869718" s="10"/>
    </row>
    <row r="869719" spans="14:14">
      <c r="N869719" s="10"/>
    </row>
    <row r="869720" spans="14:14">
      <c r="N869720" s="10"/>
    </row>
    <row r="869721" spans="14:14">
      <c r="N869721" s="10"/>
    </row>
    <row r="869722" spans="14:14">
      <c r="N869722" s="10"/>
    </row>
    <row r="869723" spans="14:14">
      <c r="N869723" s="10"/>
    </row>
    <row r="869724" spans="14:14">
      <c r="N869724" s="10"/>
    </row>
    <row r="869725" spans="14:14">
      <c r="N869725" s="10"/>
    </row>
    <row r="869726" spans="14:14">
      <c r="N869726" s="10"/>
    </row>
    <row r="869727" spans="14:14">
      <c r="N869727" s="10"/>
    </row>
    <row r="869728" spans="14:14">
      <c r="N869728" s="10"/>
    </row>
    <row r="869729" spans="14:14">
      <c r="N869729" s="10"/>
    </row>
    <row r="869730" spans="14:14">
      <c r="N869730" s="10"/>
    </row>
    <row r="869731" spans="14:14">
      <c r="N869731" s="10"/>
    </row>
    <row r="869732" spans="14:14">
      <c r="N869732" s="10"/>
    </row>
    <row r="869733" spans="14:14">
      <c r="N869733" s="10"/>
    </row>
    <row r="869734" spans="14:14">
      <c r="N869734" s="10"/>
    </row>
    <row r="869735" spans="14:14">
      <c r="N869735" s="10"/>
    </row>
    <row r="869736" spans="14:14">
      <c r="N869736" s="10"/>
    </row>
    <row r="869737" spans="14:14">
      <c r="N869737" s="10"/>
    </row>
    <row r="869738" spans="14:14">
      <c r="N869738" s="10"/>
    </row>
    <row r="869739" spans="14:14">
      <c r="N869739" s="10"/>
    </row>
    <row r="869740" spans="14:14">
      <c r="N869740" s="10"/>
    </row>
    <row r="869741" spans="14:14">
      <c r="N869741" s="10"/>
    </row>
    <row r="869742" spans="14:14">
      <c r="N869742" s="10"/>
    </row>
    <row r="869743" spans="14:14">
      <c r="N869743" s="10"/>
    </row>
    <row r="869744" spans="14:14">
      <c r="N869744" s="10"/>
    </row>
    <row r="869745" spans="14:14">
      <c r="N869745" s="10"/>
    </row>
    <row r="869746" spans="14:14">
      <c r="N869746" s="10"/>
    </row>
    <row r="869747" spans="14:14">
      <c r="N869747" s="10"/>
    </row>
    <row r="869748" spans="14:14">
      <c r="N869748" s="10"/>
    </row>
    <row r="869749" spans="14:14">
      <c r="N869749" s="10"/>
    </row>
    <row r="869750" spans="14:14">
      <c r="N869750" s="10"/>
    </row>
    <row r="869751" spans="14:14">
      <c r="N869751" s="10"/>
    </row>
    <row r="869752" spans="14:14">
      <c r="N869752" s="10"/>
    </row>
    <row r="869753" spans="14:14">
      <c r="N869753" s="10"/>
    </row>
    <row r="869754" spans="14:14">
      <c r="N869754" s="10"/>
    </row>
    <row r="869755" spans="14:14">
      <c r="N869755" s="10"/>
    </row>
    <row r="869756" spans="14:14">
      <c r="N869756" s="10"/>
    </row>
    <row r="869757" spans="14:14">
      <c r="N869757" s="10"/>
    </row>
    <row r="869758" spans="14:14">
      <c r="N869758" s="10"/>
    </row>
    <row r="869759" spans="14:14">
      <c r="N869759" s="10"/>
    </row>
    <row r="869760" spans="14:14">
      <c r="N869760" s="10"/>
    </row>
    <row r="869761" spans="14:14">
      <c r="N869761" s="10"/>
    </row>
    <row r="869762" spans="14:14">
      <c r="N869762" s="10"/>
    </row>
    <row r="869763" spans="14:14">
      <c r="N869763" s="10"/>
    </row>
    <row r="869764" spans="14:14">
      <c r="N869764" s="10"/>
    </row>
    <row r="869765" spans="14:14">
      <c r="N869765" s="10"/>
    </row>
    <row r="869766" spans="14:14">
      <c r="N869766" s="10"/>
    </row>
    <row r="869767" spans="14:14">
      <c r="N869767" s="10"/>
    </row>
    <row r="869768" spans="14:14">
      <c r="N869768" s="10"/>
    </row>
    <row r="869769" spans="14:14">
      <c r="N869769" s="10"/>
    </row>
    <row r="869770" spans="14:14">
      <c r="N869770" s="10"/>
    </row>
    <row r="869771" spans="14:14">
      <c r="N869771" s="10"/>
    </row>
    <row r="869772" spans="14:14">
      <c r="N869772" s="10"/>
    </row>
    <row r="869773" spans="14:14">
      <c r="N869773" s="10"/>
    </row>
    <row r="869774" spans="14:14">
      <c r="N869774" s="10"/>
    </row>
    <row r="869775" spans="14:14">
      <c r="N869775" s="10"/>
    </row>
    <row r="869776" spans="14:14">
      <c r="N869776" s="10"/>
    </row>
    <row r="869777" spans="14:14">
      <c r="N869777" s="10"/>
    </row>
    <row r="869778" spans="14:14">
      <c r="N869778" s="10"/>
    </row>
    <row r="869779" spans="14:14">
      <c r="N869779" s="10"/>
    </row>
    <row r="869780" spans="14:14">
      <c r="N869780" s="10"/>
    </row>
    <row r="869781" spans="14:14">
      <c r="N869781" s="10"/>
    </row>
    <row r="869782" spans="14:14">
      <c r="N869782" s="10"/>
    </row>
    <row r="869783" spans="14:14">
      <c r="N869783" s="10"/>
    </row>
    <row r="869784" spans="14:14">
      <c r="N869784" s="10"/>
    </row>
    <row r="869785" spans="14:14">
      <c r="N869785" s="10"/>
    </row>
    <row r="869786" spans="14:14">
      <c r="N869786" s="10"/>
    </row>
    <row r="869787" spans="14:14">
      <c r="N869787" s="10"/>
    </row>
    <row r="869788" spans="14:14">
      <c r="N869788" s="10"/>
    </row>
    <row r="869789" spans="14:14">
      <c r="N869789" s="10"/>
    </row>
    <row r="869790" spans="14:14">
      <c r="N869790" s="10"/>
    </row>
    <row r="869791" spans="14:14">
      <c r="N869791" s="10"/>
    </row>
    <row r="869792" spans="14:14">
      <c r="N869792" s="10"/>
    </row>
    <row r="869793" spans="14:14">
      <c r="N869793" s="10"/>
    </row>
    <row r="869794" spans="14:14">
      <c r="N869794" s="10"/>
    </row>
    <row r="869795" spans="14:14">
      <c r="N869795" s="10"/>
    </row>
    <row r="869796" spans="14:14">
      <c r="N869796" s="10"/>
    </row>
    <row r="869797" spans="14:14">
      <c r="N869797" s="10"/>
    </row>
    <row r="869798" spans="14:14">
      <c r="N869798" s="10"/>
    </row>
    <row r="869799" spans="14:14">
      <c r="N869799" s="10"/>
    </row>
    <row r="869800" spans="14:14">
      <c r="N869800" s="10"/>
    </row>
    <row r="869801" spans="14:14">
      <c r="N869801" s="10"/>
    </row>
    <row r="869802" spans="14:14">
      <c r="N869802" s="10"/>
    </row>
    <row r="869803" spans="14:14">
      <c r="N869803" s="10"/>
    </row>
    <row r="869804" spans="14:14">
      <c r="N869804" s="10"/>
    </row>
    <row r="869805" spans="14:14">
      <c r="N869805" s="10"/>
    </row>
    <row r="869806" spans="14:14">
      <c r="N869806" s="10"/>
    </row>
    <row r="869807" spans="14:14">
      <c r="N869807" s="10"/>
    </row>
    <row r="869808" spans="14:14">
      <c r="N869808" s="10"/>
    </row>
    <row r="869809" spans="14:14">
      <c r="N869809" s="10"/>
    </row>
    <row r="869810" spans="14:14">
      <c r="N869810" s="10"/>
    </row>
    <row r="869811" spans="14:14">
      <c r="N869811" s="10"/>
    </row>
    <row r="869812" spans="14:14">
      <c r="N869812" s="10"/>
    </row>
    <row r="869813" spans="14:14">
      <c r="N869813" s="10"/>
    </row>
    <row r="869814" spans="14:14">
      <c r="N869814" s="10"/>
    </row>
    <row r="869815" spans="14:14">
      <c r="N869815" s="10"/>
    </row>
    <row r="869816" spans="14:14">
      <c r="N869816" s="10"/>
    </row>
    <row r="869817" spans="14:14">
      <c r="N869817" s="10"/>
    </row>
    <row r="869818" spans="14:14">
      <c r="N869818" s="10"/>
    </row>
    <row r="869819" spans="14:14">
      <c r="N869819" s="10"/>
    </row>
    <row r="869820" spans="14:14">
      <c r="N869820" s="10"/>
    </row>
    <row r="869821" spans="14:14">
      <c r="N869821" s="10"/>
    </row>
    <row r="869822" spans="14:14">
      <c r="N869822" s="10"/>
    </row>
    <row r="869823" spans="14:14">
      <c r="N869823" s="10"/>
    </row>
    <row r="869824" spans="14:14">
      <c r="N869824" s="10"/>
    </row>
    <row r="869825" spans="14:14">
      <c r="N869825" s="10"/>
    </row>
    <row r="869826" spans="14:14">
      <c r="N869826" s="10"/>
    </row>
    <row r="869827" spans="14:14">
      <c r="N869827" s="10"/>
    </row>
    <row r="869828" spans="14:14">
      <c r="N869828" s="10"/>
    </row>
    <row r="869829" spans="14:14">
      <c r="N869829" s="10"/>
    </row>
    <row r="869830" spans="14:14">
      <c r="N869830" s="10"/>
    </row>
    <row r="869831" spans="14:14">
      <c r="N869831" s="10"/>
    </row>
    <row r="869832" spans="14:14">
      <c r="N869832" s="10"/>
    </row>
    <row r="869833" spans="14:14">
      <c r="N869833" s="10"/>
    </row>
    <row r="869834" spans="14:14">
      <c r="N869834" s="10"/>
    </row>
    <row r="869835" spans="14:14">
      <c r="N869835" s="10"/>
    </row>
    <row r="869836" spans="14:14">
      <c r="N869836" s="10"/>
    </row>
    <row r="869837" spans="14:14">
      <c r="N869837" s="10"/>
    </row>
    <row r="869838" spans="14:14">
      <c r="N869838" s="10"/>
    </row>
    <row r="869839" spans="14:14">
      <c r="N869839" s="10"/>
    </row>
    <row r="869840" spans="14:14">
      <c r="N869840" s="10"/>
    </row>
    <row r="869841" spans="14:14">
      <c r="N869841" s="10"/>
    </row>
    <row r="869842" spans="14:14">
      <c r="N869842" s="10"/>
    </row>
    <row r="869843" spans="14:14">
      <c r="N869843" s="10"/>
    </row>
    <row r="869844" spans="14:14">
      <c r="N869844" s="10"/>
    </row>
    <row r="869845" spans="14:14">
      <c r="N869845" s="10"/>
    </row>
    <row r="869846" spans="14:14">
      <c r="N869846" s="10"/>
    </row>
    <row r="869847" spans="14:14">
      <c r="N869847" s="10"/>
    </row>
    <row r="869848" spans="14:14">
      <c r="N869848" s="10"/>
    </row>
    <row r="869849" spans="14:14">
      <c r="N869849" s="10"/>
    </row>
    <row r="869850" spans="14:14">
      <c r="N869850" s="10"/>
    </row>
    <row r="869851" spans="14:14">
      <c r="N869851" s="10"/>
    </row>
    <row r="869852" spans="14:14">
      <c r="N869852" s="10"/>
    </row>
    <row r="869853" spans="14:14">
      <c r="N869853" s="10"/>
    </row>
    <row r="869854" spans="14:14">
      <c r="N869854" s="10"/>
    </row>
    <row r="869855" spans="14:14">
      <c r="N869855" s="10"/>
    </row>
    <row r="869856" spans="14:14">
      <c r="N869856" s="10"/>
    </row>
    <row r="869857" spans="14:14">
      <c r="N869857" s="10"/>
    </row>
    <row r="869858" spans="14:14">
      <c r="N869858" s="10"/>
    </row>
    <row r="869859" spans="14:14">
      <c r="N869859" s="10"/>
    </row>
    <row r="869860" spans="14:14">
      <c r="N869860" s="10"/>
    </row>
    <row r="869861" spans="14:14">
      <c r="N869861" s="10"/>
    </row>
    <row r="869862" spans="14:14">
      <c r="N869862" s="10"/>
    </row>
    <row r="869863" spans="14:14">
      <c r="N869863" s="10"/>
    </row>
    <row r="869864" spans="14:14">
      <c r="N869864" s="10"/>
    </row>
    <row r="869865" spans="14:14">
      <c r="N869865" s="10"/>
    </row>
    <row r="869866" spans="14:14">
      <c r="N869866" s="10"/>
    </row>
    <row r="869867" spans="14:14">
      <c r="N869867" s="10"/>
    </row>
    <row r="869868" spans="14:14">
      <c r="N869868" s="10"/>
    </row>
    <row r="869869" spans="14:14">
      <c r="N869869" s="10"/>
    </row>
    <row r="869870" spans="14:14">
      <c r="N869870" s="10"/>
    </row>
    <row r="869871" spans="14:14">
      <c r="N869871" s="10"/>
    </row>
    <row r="869872" spans="14:14">
      <c r="N869872" s="10"/>
    </row>
    <row r="869873" spans="14:14">
      <c r="N869873" s="10"/>
    </row>
    <row r="869874" spans="14:14">
      <c r="N869874" s="10"/>
    </row>
    <row r="869875" spans="14:14">
      <c r="N869875" s="10"/>
    </row>
    <row r="869876" spans="14:14">
      <c r="N869876" s="10"/>
    </row>
    <row r="869877" spans="14:14">
      <c r="N869877" s="10"/>
    </row>
    <row r="869878" spans="14:14">
      <c r="N869878" s="10"/>
    </row>
    <row r="869879" spans="14:14">
      <c r="N869879" s="10"/>
    </row>
    <row r="869880" spans="14:14">
      <c r="N869880" s="10"/>
    </row>
    <row r="869881" spans="14:14">
      <c r="N869881" s="10"/>
    </row>
    <row r="869882" spans="14:14">
      <c r="N869882" s="10"/>
    </row>
    <row r="869883" spans="14:14">
      <c r="N869883" s="10"/>
    </row>
    <row r="869884" spans="14:14">
      <c r="N869884" s="10"/>
    </row>
    <row r="869885" spans="14:14">
      <c r="N869885" s="10"/>
    </row>
    <row r="869886" spans="14:14">
      <c r="N869886" s="10"/>
    </row>
    <row r="869887" spans="14:14">
      <c r="N869887" s="10"/>
    </row>
    <row r="869888" spans="14:14">
      <c r="N869888" s="10"/>
    </row>
    <row r="869889" spans="14:14">
      <c r="N869889" s="10"/>
    </row>
    <row r="869890" spans="14:14">
      <c r="N869890" s="10"/>
    </row>
    <row r="869891" spans="14:14">
      <c r="N869891" s="10"/>
    </row>
    <row r="869892" spans="14:14">
      <c r="N869892" s="10"/>
    </row>
    <row r="869893" spans="14:14">
      <c r="N869893" s="10"/>
    </row>
    <row r="869894" spans="14:14">
      <c r="N869894" s="10"/>
    </row>
    <row r="869895" spans="14:14">
      <c r="N869895" s="10"/>
    </row>
    <row r="869896" spans="14:14">
      <c r="N869896" s="10"/>
    </row>
    <row r="869897" spans="14:14">
      <c r="N869897" s="10"/>
    </row>
    <row r="869898" spans="14:14">
      <c r="N869898" s="10"/>
    </row>
    <row r="869899" spans="14:14">
      <c r="N869899" s="10"/>
    </row>
    <row r="869900" spans="14:14">
      <c r="N869900" s="10"/>
    </row>
    <row r="869901" spans="14:14">
      <c r="N869901" s="10"/>
    </row>
    <row r="869902" spans="14:14">
      <c r="N869902" s="10"/>
    </row>
    <row r="869903" spans="14:14">
      <c r="N869903" s="10"/>
    </row>
    <row r="869904" spans="14:14">
      <c r="N869904" s="10"/>
    </row>
    <row r="869905" spans="14:14">
      <c r="N869905" s="10"/>
    </row>
    <row r="869906" spans="14:14">
      <c r="N869906" s="10"/>
    </row>
    <row r="869907" spans="14:14">
      <c r="N869907" s="10"/>
    </row>
    <row r="869908" spans="14:14">
      <c r="N869908" s="10"/>
    </row>
    <row r="869909" spans="14:14">
      <c r="N869909" s="10"/>
    </row>
    <row r="869910" spans="14:14">
      <c r="N869910" s="10"/>
    </row>
    <row r="869911" spans="14:14">
      <c r="N869911" s="10"/>
    </row>
    <row r="869912" spans="14:14">
      <c r="N869912" s="10"/>
    </row>
    <row r="869913" spans="14:14">
      <c r="N869913" s="10"/>
    </row>
    <row r="869914" spans="14:14">
      <c r="N869914" s="10"/>
    </row>
    <row r="869915" spans="14:14">
      <c r="N869915" s="10"/>
    </row>
    <row r="869916" spans="14:14">
      <c r="N869916" s="10"/>
    </row>
    <row r="869917" spans="14:14">
      <c r="N869917" s="10"/>
    </row>
    <row r="869918" spans="14:14">
      <c r="N869918" s="10"/>
    </row>
    <row r="869919" spans="14:14">
      <c r="N869919" s="10"/>
    </row>
    <row r="869920" spans="14:14">
      <c r="N869920" s="10"/>
    </row>
    <row r="869921" spans="14:14">
      <c r="N869921" s="10"/>
    </row>
    <row r="869922" spans="14:14">
      <c r="N869922" s="10"/>
    </row>
    <row r="869923" spans="14:14">
      <c r="N869923" s="10"/>
    </row>
    <row r="869924" spans="14:14">
      <c r="N869924" s="10"/>
    </row>
    <row r="869925" spans="14:14">
      <c r="N869925" s="10"/>
    </row>
    <row r="869926" spans="14:14">
      <c r="N869926" s="10"/>
    </row>
    <row r="869927" spans="14:14">
      <c r="N869927" s="10"/>
    </row>
    <row r="869928" spans="14:14">
      <c r="N869928" s="10"/>
    </row>
    <row r="869929" spans="14:14">
      <c r="N869929" s="10"/>
    </row>
    <row r="869930" spans="14:14">
      <c r="N869930" s="10"/>
    </row>
    <row r="869931" spans="14:14">
      <c r="N869931" s="10"/>
    </row>
    <row r="869932" spans="14:14">
      <c r="N869932" s="10"/>
    </row>
    <row r="869933" spans="14:14">
      <c r="N869933" s="10"/>
    </row>
    <row r="869934" spans="14:14">
      <c r="N869934" s="10"/>
    </row>
    <row r="869935" spans="14:14">
      <c r="N869935" s="10"/>
    </row>
    <row r="869936" spans="14:14">
      <c r="N869936" s="10"/>
    </row>
    <row r="869937" spans="14:14">
      <c r="N869937" s="10"/>
    </row>
    <row r="869938" spans="14:14">
      <c r="N869938" s="10"/>
    </row>
    <row r="869939" spans="14:14">
      <c r="N869939" s="10"/>
    </row>
    <row r="869940" spans="14:14">
      <c r="N869940" s="10"/>
    </row>
    <row r="869941" spans="14:14">
      <c r="N869941" s="10"/>
    </row>
    <row r="869942" spans="14:14">
      <c r="N869942" s="10"/>
    </row>
    <row r="869943" spans="14:14">
      <c r="N869943" s="10"/>
    </row>
    <row r="869944" spans="14:14">
      <c r="N869944" s="10"/>
    </row>
    <row r="869945" spans="14:14">
      <c r="N869945" s="10"/>
    </row>
    <row r="869946" spans="14:14">
      <c r="N869946" s="10"/>
    </row>
    <row r="869947" spans="14:14">
      <c r="N869947" s="10"/>
    </row>
    <row r="869948" spans="14:14">
      <c r="N869948" s="10"/>
    </row>
    <row r="869949" spans="14:14">
      <c r="N869949" s="10"/>
    </row>
    <row r="869950" spans="14:14">
      <c r="N869950" s="10"/>
    </row>
    <row r="869951" spans="14:14">
      <c r="N869951" s="10"/>
    </row>
    <row r="869952" spans="14:14">
      <c r="N869952" s="10"/>
    </row>
    <row r="869953" spans="14:14">
      <c r="N869953" s="10"/>
    </row>
    <row r="869954" spans="14:14">
      <c r="N869954" s="10"/>
    </row>
    <row r="869955" spans="14:14">
      <c r="N869955" s="10"/>
    </row>
    <row r="869956" spans="14:14">
      <c r="N869956" s="10"/>
    </row>
    <row r="869957" spans="14:14">
      <c r="N869957" s="10"/>
    </row>
    <row r="869958" spans="14:14">
      <c r="N869958" s="10"/>
    </row>
    <row r="869959" spans="14:14">
      <c r="N869959" s="10"/>
    </row>
    <row r="869960" spans="14:14">
      <c r="N869960" s="10"/>
    </row>
    <row r="869961" spans="14:14">
      <c r="N869961" s="10"/>
    </row>
    <row r="869962" spans="14:14">
      <c r="N869962" s="10"/>
    </row>
    <row r="869963" spans="14:14">
      <c r="N869963" s="10"/>
    </row>
    <row r="869964" spans="14:14">
      <c r="N869964" s="10"/>
    </row>
    <row r="869965" spans="14:14">
      <c r="N869965" s="10"/>
    </row>
    <row r="869966" spans="14:14">
      <c r="N869966" s="10"/>
    </row>
    <row r="869967" spans="14:14">
      <c r="N869967" s="10"/>
    </row>
    <row r="869968" spans="14:14">
      <c r="N869968" s="10"/>
    </row>
    <row r="869969" spans="14:14">
      <c r="N869969" s="10"/>
    </row>
    <row r="869970" spans="14:14">
      <c r="N869970" s="10"/>
    </row>
    <row r="869971" spans="14:14">
      <c r="N869971" s="10"/>
    </row>
    <row r="869972" spans="14:14">
      <c r="N869972" s="10"/>
    </row>
    <row r="869973" spans="14:14">
      <c r="N869973" s="10"/>
    </row>
    <row r="869974" spans="14:14">
      <c r="N869974" s="10"/>
    </row>
    <row r="869975" spans="14:14">
      <c r="N869975" s="10"/>
    </row>
    <row r="869976" spans="14:14">
      <c r="N869976" s="10"/>
    </row>
    <row r="869977" spans="14:14">
      <c r="N869977" s="10"/>
    </row>
    <row r="869978" spans="14:14">
      <c r="N869978" s="10"/>
    </row>
    <row r="869979" spans="14:14">
      <c r="N869979" s="10"/>
    </row>
    <row r="869980" spans="14:14">
      <c r="N869980" s="10"/>
    </row>
    <row r="869981" spans="14:14">
      <c r="N869981" s="10"/>
    </row>
    <row r="869982" spans="14:14">
      <c r="N869982" s="10"/>
    </row>
    <row r="869983" spans="14:14">
      <c r="N869983" s="10"/>
    </row>
    <row r="869984" spans="14:14">
      <c r="N869984" s="10"/>
    </row>
    <row r="869985" spans="14:14">
      <c r="N869985" s="10"/>
    </row>
    <row r="869986" spans="14:14">
      <c r="N869986" s="10"/>
    </row>
    <row r="869987" spans="14:14">
      <c r="N869987" s="10"/>
    </row>
    <row r="869988" spans="14:14">
      <c r="N869988" s="10"/>
    </row>
    <row r="869989" spans="14:14">
      <c r="N869989" s="10"/>
    </row>
    <row r="869990" spans="14:14">
      <c r="N869990" s="10"/>
    </row>
    <row r="869991" spans="14:14">
      <c r="N869991" s="10"/>
    </row>
    <row r="869992" spans="14:14">
      <c r="N869992" s="10"/>
    </row>
    <row r="869993" spans="14:14">
      <c r="N869993" s="10"/>
    </row>
    <row r="869994" spans="14:14">
      <c r="N869994" s="10"/>
    </row>
    <row r="869995" spans="14:14">
      <c r="N869995" s="10"/>
    </row>
    <row r="869996" spans="14:14">
      <c r="N869996" s="10"/>
    </row>
    <row r="869997" spans="14:14">
      <c r="N869997" s="10"/>
    </row>
    <row r="869998" spans="14:14">
      <c r="N869998" s="10"/>
    </row>
    <row r="869999" spans="14:14">
      <c r="N869999" s="10"/>
    </row>
    <row r="870000" spans="14:14">
      <c r="N870000" s="10"/>
    </row>
    <row r="870001" spans="14:14">
      <c r="N870001" s="10"/>
    </row>
    <row r="870002" spans="14:14">
      <c r="N870002" s="10"/>
    </row>
    <row r="870003" spans="14:14">
      <c r="N870003" s="10"/>
    </row>
    <row r="870004" spans="14:14">
      <c r="N870004" s="10"/>
    </row>
    <row r="870005" spans="14:14">
      <c r="N870005" s="10"/>
    </row>
    <row r="870006" spans="14:14">
      <c r="N870006" s="10"/>
    </row>
    <row r="870007" spans="14:14">
      <c r="N870007" s="10"/>
    </row>
    <row r="870008" spans="14:14">
      <c r="N870008" s="10"/>
    </row>
    <row r="870009" spans="14:14">
      <c r="N870009" s="10"/>
    </row>
    <row r="870010" spans="14:14">
      <c r="N870010" s="10"/>
    </row>
    <row r="870011" spans="14:14">
      <c r="N870011" s="10"/>
    </row>
    <row r="870012" spans="14:14">
      <c r="N870012" s="10"/>
    </row>
    <row r="870013" spans="14:14">
      <c r="N870013" s="10"/>
    </row>
    <row r="870014" spans="14:14">
      <c r="N870014" s="10"/>
    </row>
    <row r="870015" spans="14:14">
      <c r="N870015" s="10"/>
    </row>
    <row r="870016" spans="14:14">
      <c r="N870016" s="10"/>
    </row>
    <row r="870017" spans="14:14">
      <c r="N870017" s="10"/>
    </row>
    <row r="870018" spans="14:14">
      <c r="N870018" s="10"/>
    </row>
    <row r="870019" spans="14:14">
      <c r="N870019" s="10"/>
    </row>
    <row r="870020" spans="14:14">
      <c r="N870020" s="10"/>
    </row>
    <row r="870021" spans="14:14">
      <c r="N870021" s="10"/>
    </row>
    <row r="870022" spans="14:14">
      <c r="N870022" s="10"/>
    </row>
    <row r="870023" spans="14:14">
      <c r="N870023" s="10"/>
    </row>
    <row r="870024" spans="14:14">
      <c r="N870024" s="10"/>
    </row>
    <row r="870025" spans="14:14">
      <c r="N870025" s="10"/>
    </row>
    <row r="870026" spans="14:14">
      <c r="N870026" s="10"/>
    </row>
    <row r="870027" spans="14:14">
      <c r="N870027" s="10"/>
    </row>
    <row r="870028" spans="14:14">
      <c r="N870028" s="10"/>
    </row>
    <row r="870029" spans="14:14">
      <c r="N870029" s="10"/>
    </row>
    <row r="870030" spans="14:14">
      <c r="N870030" s="10"/>
    </row>
    <row r="870031" spans="14:14">
      <c r="N870031" s="10"/>
    </row>
    <row r="870032" spans="14:14">
      <c r="N870032" s="10"/>
    </row>
    <row r="870033" spans="14:14">
      <c r="N870033" s="10"/>
    </row>
    <row r="870034" spans="14:14">
      <c r="N870034" s="10"/>
    </row>
    <row r="870035" spans="14:14">
      <c r="N870035" s="10"/>
    </row>
    <row r="870036" spans="14:14">
      <c r="N870036" s="10"/>
    </row>
    <row r="870037" spans="14:14">
      <c r="N870037" s="10"/>
    </row>
    <row r="870038" spans="14:14">
      <c r="N870038" s="10"/>
    </row>
    <row r="870039" spans="14:14">
      <c r="N870039" s="10"/>
    </row>
    <row r="870040" spans="14:14">
      <c r="N870040" s="10"/>
    </row>
    <row r="870041" spans="14:14">
      <c r="N870041" s="10"/>
    </row>
    <row r="870042" spans="14:14">
      <c r="N870042" s="10"/>
    </row>
    <row r="870043" spans="14:14">
      <c r="N870043" s="10"/>
    </row>
    <row r="870044" spans="14:14">
      <c r="N870044" s="10"/>
    </row>
    <row r="870045" spans="14:14">
      <c r="N870045" s="10"/>
    </row>
    <row r="870046" spans="14:14">
      <c r="N870046" s="10"/>
    </row>
    <row r="870047" spans="14:14">
      <c r="N870047" s="10"/>
    </row>
    <row r="870048" spans="14:14">
      <c r="N870048" s="10"/>
    </row>
    <row r="870049" spans="14:14">
      <c r="N870049" s="10"/>
    </row>
    <row r="870050" spans="14:14">
      <c r="N870050" s="10"/>
    </row>
    <row r="870051" spans="14:14">
      <c r="N870051" s="10"/>
    </row>
    <row r="870052" spans="14:14">
      <c r="N870052" s="10"/>
    </row>
    <row r="870053" spans="14:14">
      <c r="N870053" s="10"/>
    </row>
    <row r="870054" spans="14:14">
      <c r="N870054" s="10"/>
    </row>
    <row r="870055" spans="14:14">
      <c r="N870055" s="10"/>
    </row>
    <row r="870056" spans="14:14">
      <c r="N870056" s="10"/>
    </row>
    <row r="870057" spans="14:14">
      <c r="N870057" s="10"/>
    </row>
    <row r="870058" spans="14:14">
      <c r="N870058" s="10"/>
    </row>
    <row r="870059" spans="14:14">
      <c r="N870059" s="10"/>
    </row>
    <row r="870060" spans="14:14">
      <c r="N870060" s="10"/>
    </row>
    <row r="870061" spans="14:14">
      <c r="N870061" s="10"/>
    </row>
    <row r="870062" spans="14:14">
      <c r="N870062" s="10"/>
    </row>
    <row r="870063" spans="14:14">
      <c r="N870063" s="10"/>
    </row>
    <row r="870064" spans="14:14">
      <c r="N870064" s="10"/>
    </row>
    <row r="870065" spans="14:14">
      <c r="N870065" s="10"/>
    </row>
    <row r="870066" spans="14:14">
      <c r="N870066" s="10"/>
    </row>
    <row r="870067" spans="14:14">
      <c r="N870067" s="10"/>
    </row>
    <row r="870068" spans="14:14">
      <c r="N870068" s="10"/>
    </row>
    <row r="870069" spans="14:14">
      <c r="N870069" s="10"/>
    </row>
    <row r="870070" spans="14:14">
      <c r="N870070" s="10"/>
    </row>
    <row r="870071" spans="14:14">
      <c r="N870071" s="10"/>
    </row>
    <row r="870072" spans="14:14">
      <c r="N870072" s="10"/>
    </row>
    <row r="870073" spans="14:14">
      <c r="N870073" s="10"/>
    </row>
    <row r="870074" spans="14:14">
      <c r="N870074" s="10"/>
    </row>
    <row r="870075" spans="14:14">
      <c r="N870075" s="10"/>
    </row>
    <row r="870076" spans="14:14">
      <c r="N870076" s="10"/>
    </row>
    <row r="870077" spans="14:14">
      <c r="N870077" s="10"/>
    </row>
    <row r="870078" spans="14:14">
      <c r="N870078" s="10"/>
    </row>
    <row r="870079" spans="14:14">
      <c r="N870079" s="10"/>
    </row>
    <row r="870080" spans="14:14">
      <c r="N870080" s="10"/>
    </row>
    <row r="870081" spans="14:14">
      <c r="N870081" s="10"/>
    </row>
    <row r="870082" spans="14:14">
      <c r="N870082" s="10"/>
    </row>
    <row r="870083" spans="14:14">
      <c r="N870083" s="10"/>
    </row>
    <row r="870084" spans="14:14">
      <c r="N870084" s="10"/>
    </row>
    <row r="870085" spans="14:14">
      <c r="N870085" s="10"/>
    </row>
    <row r="870086" spans="14:14">
      <c r="N870086" s="10"/>
    </row>
    <row r="870087" spans="14:14">
      <c r="N870087" s="10"/>
    </row>
    <row r="870088" spans="14:14">
      <c r="N870088" s="10"/>
    </row>
    <row r="870089" spans="14:14">
      <c r="N870089" s="10"/>
    </row>
    <row r="870090" spans="14:14">
      <c r="N870090" s="10"/>
    </row>
    <row r="870091" spans="14:14">
      <c r="N870091" s="10"/>
    </row>
    <row r="870092" spans="14:14">
      <c r="N870092" s="10"/>
    </row>
    <row r="870093" spans="14:14">
      <c r="N870093" s="10"/>
    </row>
    <row r="870094" spans="14:14">
      <c r="N870094" s="10"/>
    </row>
    <row r="870095" spans="14:14">
      <c r="N870095" s="10"/>
    </row>
    <row r="870096" spans="14:14">
      <c r="N870096" s="10"/>
    </row>
    <row r="870097" spans="14:14">
      <c r="N870097" s="10"/>
    </row>
    <row r="870098" spans="14:14">
      <c r="N870098" s="10"/>
    </row>
    <row r="870099" spans="14:14">
      <c r="N870099" s="10"/>
    </row>
    <row r="870100" spans="14:14">
      <c r="N870100" s="10"/>
    </row>
    <row r="870101" spans="14:14">
      <c r="N870101" s="10"/>
    </row>
    <row r="870102" spans="14:14">
      <c r="N870102" s="10"/>
    </row>
    <row r="870103" spans="14:14">
      <c r="N870103" s="10"/>
    </row>
    <row r="870104" spans="14:14">
      <c r="N870104" s="10"/>
    </row>
    <row r="870105" spans="14:14">
      <c r="N870105" s="10"/>
    </row>
    <row r="870106" spans="14:14">
      <c r="N870106" s="10"/>
    </row>
    <row r="870107" spans="14:14">
      <c r="N870107" s="10"/>
    </row>
    <row r="870108" spans="14:14">
      <c r="N870108" s="10"/>
    </row>
    <row r="870109" spans="14:14">
      <c r="N870109" s="10"/>
    </row>
    <row r="870110" spans="14:14">
      <c r="N870110" s="10"/>
    </row>
    <row r="870111" spans="14:14">
      <c r="N870111" s="10"/>
    </row>
    <row r="870112" spans="14:14">
      <c r="N870112" s="10"/>
    </row>
    <row r="870113" spans="14:14">
      <c r="N870113" s="10"/>
    </row>
    <row r="870114" spans="14:14">
      <c r="N870114" s="10"/>
    </row>
    <row r="870115" spans="14:14">
      <c r="N870115" s="10"/>
    </row>
    <row r="870116" spans="14:14">
      <c r="N870116" s="10"/>
    </row>
    <row r="870117" spans="14:14">
      <c r="N870117" s="10"/>
    </row>
    <row r="870118" spans="14:14">
      <c r="N870118" s="10"/>
    </row>
    <row r="870119" spans="14:14">
      <c r="N870119" s="10"/>
    </row>
    <row r="870120" spans="14:14">
      <c r="N870120" s="10"/>
    </row>
    <row r="870121" spans="14:14">
      <c r="N870121" s="10"/>
    </row>
    <row r="870122" spans="14:14">
      <c r="N870122" s="10"/>
    </row>
    <row r="870123" spans="14:14">
      <c r="N870123" s="10"/>
    </row>
    <row r="870124" spans="14:14">
      <c r="N870124" s="10"/>
    </row>
    <row r="870125" spans="14:14">
      <c r="N870125" s="10"/>
    </row>
    <row r="870126" spans="14:14">
      <c r="N870126" s="10"/>
    </row>
    <row r="870127" spans="14:14">
      <c r="N870127" s="10"/>
    </row>
    <row r="870128" spans="14:14">
      <c r="N870128" s="10"/>
    </row>
    <row r="870129" spans="14:14">
      <c r="N870129" s="10"/>
    </row>
    <row r="870130" spans="14:14">
      <c r="N870130" s="10"/>
    </row>
    <row r="870131" spans="14:14">
      <c r="N870131" s="10"/>
    </row>
    <row r="870132" spans="14:14">
      <c r="N870132" s="10"/>
    </row>
    <row r="870133" spans="14:14">
      <c r="N870133" s="10"/>
    </row>
    <row r="870134" spans="14:14">
      <c r="N870134" s="10"/>
    </row>
    <row r="870135" spans="14:14">
      <c r="N870135" s="10"/>
    </row>
    <row r="870136" spans="14:14">
      <c r="N870136" s="10"/>
    </row>
    <row r="870137" spans="14:14">
      <c r="N870137" s="10"/>
    </row>
    <row r="870138" spans="14:14">
      <c r="N870138" s="10"/>
    </row>
    <row r="870139" spans="14:14">
      <c r="N870139" s="10"/>
    </row>
    <row r="870140" spans="14:14">
      <c r="N870140" s="10"/>
    </row>
    <row r="870141" spans="14:14">
      <c r="N870141" s="10"/>
    </row>
    <row r="870142" spans="14:14">
      <c r="N870142" s="10"/>
    </row>
    <row r="870143" spans="14:14">
      <c r="N870143" s="10"/>
    </row>
    <row r="870144" spans="14:14">
      <c r="N870144" s="10"/>
    </row>
    <row r="870145" spans="14:14">
      <c r="N870145" s="10"/>
    </row>
    <row r="870146" spans="14:14">
      <c r="N870146" s="10"/>
    </row>
    <row r="870147" spans="14:14">
      <c r="N870147" s="10"/>
    </row>
    <row r="870148" spans="14:14">
      <c r="N870148" s="10"/>
    </row>
    <row r="870149" spans="14:14">
      <c r="N870149" s="10"/>
    </row>
    <row r="870150" spans="14:14">
      <c r="N870150" s="10"/>
    </row>
    <row r="870151" spans="14:14">
      <c r="N870151" s="10"/>
    </row>
    <row r="870152" spans="14:14">
      <c r="N870152" s="10"/>
    </row>
    <row r="870153" spans="14:14">
      <c r="N870153" s="10"/>
    </row>
    <row r="870154" spans="14:14">
      <c r="N870154" s="10"/>
    </row>
    <row r="870155" spans="14:14">
      <c r="N870155" s="10"/>
    </row>
    <row r="870156" spans="14:14">
      <c r="N870156" s="10"/>
    </row>
    <row r="870157" spans="14:14">
      <c r="N870157" s="10"/>
    </row>
    <row r="870158" spans="14:14">
      <c r="N870158" s="10"/>
    </row>
    <row r="870159" spans="14:14">
      <c r="N870159" s="10"/>
    </row>
    <row r="870160" spans="14:14">
      <c r="N870160" s="10"/>
    </row>
    <row r="870161" spans="14:14">
      <c r="N870161" s="10"/>
    </row>
    <row r="870162" spans="14:14">
      <c r="N870162" s="10"/>
    </row>
    <row r="870163" spans="14:14">
      <c r="N870163" s="10"/>
    </row>
    <row r="870164" spans="14:14">
      <c r="N870164" s="10"/>
    </row>
    <row r="870165" spans="14:14">
      <c r="N870165" s="10"/>
    </row>
    <row r="870166" spans="14:14">
      <c r="N870166" s="10"/>
    </row>
    <row r="870167" spans="14:14">
      <c r="N870167" s="10"/>
    </row>
    <row r="870168" spans="14:14">
      <c r="N870168" s="10"/>
    </row>
    <row r="870169" spans="14:14">
      <c r="N870169" s="10"/>
    </row>
    <row r="870170" spans="14:14">
      <c r="N870170" s="10"/>
    </row>
    <row r="870171" spans="14:14">
      <c r="N870171" s="10"/>
    </row>
    <row r="870172" spans="14:14">
      <c r="N870172" s="10"/>
    </row>
    <row r="870173" spans="14:14">
      <c r="N870173" s="10"/>
    </row>
    <row r="870174" spans="14:14">
      <c r="N870174" s="10"/>
    </row>
    <row r="870175" spans="14:14">
      <c r="N870175" s="10"/>
    </row>
    <row r="870176" spans="14:14">
      <c r="N870176" s="10"/>
    </row>
    <row r="870177" spans="14:14">
      <c r="N870177" s="10"/>
    </row>
    <row r="870178" spans="14:14">
      <c r="N870178" s="10"/>
    </row>
    <row r="870179" spans="14:14">
      <c r="N870179" s="10"/>
    </row>
    <row r="870180" spans="14:14">
      <c r="N870180" s="10"/>
    </row>
    <row r="870181" spans="14:14">
      <c r="N870181" s="10"/>
    </row>
    <row r="870182" spans="14:14">
      <c r="N870182" s="10"/>
    </row>
    <row r="870183" spans="14:14">
      <c r="N870183" s="10"/>
    </row>
    <row r="870184" spans="14:14">
      <c r="N870184" s="10"/>
    </row>
    <row r="870185" spans="14:14">
      <c r="N870185" s="10"/>
    </row>
    <row r="870186" spans="14:14">
      <c r="N870186" s="10"/>
    </row>
    <row r="870187" spans="14:14">
      <c r="N870187" s="10"/>
    </row>
    <row r="870188" spans="14:14">
      <c r="N870188" s="10"/>
    </row>
    <row r="870189" spans="14:14">
      <c r="N870189" s="10"/>
    </row>
    <row r="870190" spans="14:14">
      <c r="N870190" s="10"/>
    </row>
    <row r="870191" spans="14:14">
      <c r="N870191" s="10"/>
    </row>
    <row r="870192" spans="14:14">
      <c r="N870192" s="10"/>
    </row>
    <row r="870193" spans="14:14">
      <c r="N870193" s="10"/>
    </row>
    <row r="870194" spans="14:14">
      <c r="N870194" s="10"/>
    </row>
    <row r="870195" spans="14:14">
      <c r="N870195" s="10"/>
    </row>
    <row r="870196" spans="14:14">
      <c r="N870196" s="10"/>
    </row>
    <row r="870197" spans="14:14">
      <c r="N870197" s="10"/>
    </row>
    <row r="870198" spans="14:14">
      <c r="N870198" s="10"/>
    </row>
    <row r="870199" spans="14:14">
      <c r="N870199" s="10"/>
    </row>
    <row r="870200" spans="14:14">
      <c r="N870200" s="10"/>
    </row>
    <row r="870201" spans="14:14">
      <c r="N870201" s="10"/>
    </row>
    <row r="870202" spans="14:14">
      <c r="N870202" s="10"/>
    </row>
    <row r="870203" spans="14:14">
      <c r="N870203" s="10"/>
    </row>
    <row r="870204" spans="14:14">
      <c r="N870204" s="10"/>
    </row>
    <row r="870205" spans="14:14">
      <c r="N870205" s="10"/>
    </row>
    <row r="870206" spans="14:14">
      <c r="N870206" s="10"/>
    </row>
    <row r="870207" spans="14:14">
      <c r="N870207" s="10"/>
    </row>
    <row r="870208" spans="14:14">
      <c r="N870208" s="10"/>
    </row>
    <row r="870209" spans="14:14">
      <c r="N870209" s="10"/>
    </row>
    <row r="870210" spans="14:14">
      <c r="N870210" s="10"/>
    </row>
    <row r="870211" spans="14:14">
      <c r="N870211" s="10"/>
    </row>
    <row r="870212" spans="14:14">
      <c r="N870212" s="10"/>
    </row>
    <row r="870213" spans="14:14">
      <c r="N870213" s="10"/>
    </row>
    <row r="870214" spans="14:14">
      <c r="N870214" s="10"/>
    </row>
    <row r="870215" spans="14:14">
      <c r="N870215" s="10"/>
    </row>
    <row r="870216" spans="14:14">
      <c r="N870216" s="10"/>
    </row>
    <row r="870217" spans="14:14">
      <c r="N870217" s="10"/>
    </row>
    <row r="870218" spans="14:14">
      <c r="N870218" s="10"/>
    </row>
    <row r="870219" spans="14:14">
      <c r="N870219" s="10"/>
    </row>
    <row r="870220" spans="14:14">
      <c r="N870220" s="10"/>
    </row>
    <row r="870221" spans="14:14">
      <c r="N870221" s="10"/>
    </row>
    <row r="870222" spans="14:14">
      <c r="N870222" s="10"/>
    </row>
    <row r="870223" spans="14:14">
      <c r="N870223" s="10"/>
    </row>
    <row r="870224" spans="14:14">
      <c r="N870224" s="10"/>
    </row>
    <row r="870225" spans="14:14">
      <c r="N870225" s="10"/>
    </row>
    <row r="870226" spans="14:14">
      <c r="N870226" s="10"/>
    </row>
    <row r="870227" spans="14:14">
      <c r="N870227" s="10"/>
    </row>
    <row r="870228" spans="14:14">
      <c r="N870228" s="10"/>
    </row>
    <row r="870229" spans="14:14">
      <c r="N870229" s="10"/>
    </row>
    <row r="870230" spans="14:14">
      <c r="N870230" s="10"/>
    </row>
    <row r="870231" spans="14:14">
      <c r="N870231" s="10"/>
    </row>
    <row r="870232" spans="14:14">
      <c r="N870232" s="10"/>
    </row>
    <row r="870233" spans="14:14">
      <c r="N870233" s="10"/>
    </row>
    <row r="870234" spans="14:14">
      <c r="N870234" s="10"/>
    </row>
    <row r="870235" spans="14:14">
      <c r="N870235" s="10"/>
    </row>
    <row r="870236" spans="14:14">
      <c r="N870236" s="10"/>
    </row>
    <row r="870237" spans="14:14">
      <c r="N870237" s="10"/>
    </row>
    <row r="870238" spans="14:14">
      <c r="N870238" s="10"/>
    </row>
    <row r="870239" spans="14:14">
      <c r="N870239" s="10"/>
    </row>
    <row r="870240" spans="14:14">
      <c r="N870240" s="10"/>
    </row>
    <row r="870241" spans="14:14">
      <c r="N870241" s="10"/>
    </row>
    <row r="870242" spans="14:14">
      <c r="N870242" s="10"/>
    </row>
    <row r="870243" spans="14:14">
      <c r="N870243" s="10"/>
    </row>
    <row r="870244" spans="14:14">
      <c r="N870244" s="10"/>
    </row>
    <row r="870245" spans="14:14">
      <c r="N870245" s="10"/>
    </row>
    <row r="870246" spans="14:14">
      <c r="N870246" s="10"/>
    </row>
    <row r="870247" spans="14:14">
      <c r="N870247" s="10"/>
    </row>
    <row r="870248" spans="14:14">
      <c r="N870248" s="10"/>
    </row>
    <row r="870249" spans="14:14">
      <c r="N870249" s="10"/>
    </row>
    <row r="870250" spans="14:14">
      <c r="N870250" s="10"/>
    </row>
    <row r="870251" spans="14:14">
      <c r="N870251" s="10"/>
    </row>
    <row r="870252" spans="14:14">
      <c r="N870252" s="10"/>
    </row>
    <row r="870253" spans="14:14">
      <c r="N870253" s="10"/>
    </row>
    <row r="870254" spans="14:14">
      <c r="N870254" s="10"/>
    </row>
    <row r="870255" spans="14:14">
      <c r="N870255" s="10"/>
    </row>
    <row r="870256" spans="14:14">
      <c r="N870256" s="10"/>
    </row>
    <row r="870257" spans="14:14">
      <c r="N870257" s="10"/>
    </row>
    <row r="870258" spans="14:14">
      <c r="N870258" s="10"/>
    </row>
    <row r="870259" spans="14:14">
      <c r="N870259" s="10"/>
    </row>
    <row r="870260" spans="14:14">
      <c r="N870260" s="10"/>
    </row>
    <row r="870261" spans="14:14">
      <c r="N870261" s="10"/>
    </row>
    <row r="870262" spans="14:14">
      <c r="N870262" s="10"/>
    </row>
    <row r="870263" spans="14:14">
      <c r="N870263" s="10"/>
    </row>
    <row r="870264" spans="14:14">
      <c r="N870264" s="10"/>
    </row>
    <row r="870265" spans="14:14">
      <c r="N870265" s="10"/>
    </row>
    <row r="870266" spans="14:14">
      <c r="N870266" s="10"/>
    </row>
    <row r="870267" spans="14:14">
      <c r="N870267" s="10"/>
    </row>
    <row r="870268" spans="14:14">
      <c r="N870268" s="10"/>
    </row>
    <row r="870269" spans="14:14">
      <c r="N870269" s="10"/>
    </row>
    <row r="870270" spans="14:14">
      <c r="N870270" s="10"/>
    </row>
    <row r="870271" spans="14:14">
      <c r="N870271" s="10"/>
    </row>
    <row r="870272" spans="14:14">
      <c r="N870272" s="10"/>
    </row>
    <row r="870273" spans="14:14">
      <c r="N870273" s="10"/>
    </row>
    <row r="870274" spans="14:14">
      <c r="N870274" s="10"/>
    </row>
    <row r="870275" spans="14:14">
      <c r="N870275" s="10"/>
    </row>
    <row r="870276" spans="14:14">
      <c r="N870276" s="10"/>
    </row>
    <row r="870277" spans="14:14">
      <c r="N870277" s="10"/>
    </row>
    <row r="870278" spans="14:14">
      <c r="N870278" s="10"/>
    </row>
    <row r="870279" spans="14:14">
      <c r="N870279" s="10"/>
    </row>
    <row r="870280" spans="14:14">
      <c r="N870280" s="10"/>
    </row>
    <row r="870281" spans="14:14">
      <c r="N870281" s="10"/>
    </row>
    <row r="870282" spans="14:14">
      <c r="N870282" s="10"/>
    </row>
    <row r="870283" spans="14:14">
      <c r="N870283" s="10"/>
    </row>
    <row r="870284" spans="14:14">
      <c r="N870284" s="10"/>
    </row>
    <row r="870285" spans="14:14">
      <c r="N870285" s="10"/>
    </row>
    <row r="870286" spans="14:14">
      <c r="N870286" s="10"/>
    </row>
    <row r="870287" spans="14:14">
      <c r="N870287" s="10"/>
    </row>
    <row r="870288" spans="14:14">
      <c r="N870288" s="10"/>
    </row>
    <row r="870289" spans="14:14">
      <c r="N870289" s="10"/>
    </row>
    <row r="870290" spans="14:14">
      <c r="N870290" s="10"/>
    </row>
    <row r="870291" spans="14:14">
      <c r="N870291" s="10"/>
    </row>
    <row r="870292" spans="14:14">
      <c r="N870292" s="10"/>
    </row>
    <row r="870293" spans="14:14">
      <c r="N870293" s="10"/>
    </row>
    <row r="870294" spans="14:14">
      <c r="N870294" s="10"/>
    </row>
    <row r="870295" spans="14:14">
      <c r="N870295" s="10"/>
    </row>
    <row r="870296" spans="14:14">
      <c r="N870296" s="10"/>
    </row>
    <row r="870297" spans="14:14">
      <c r="N870297" s="10"/>
    </row>
    <row r="870298" spans="14:14">
      <c r="N870298" s="10"/>
    </row>
    <row r="870299" spans="14:14">
      <c r="N870299" s="10"/>
    </row>
    <row r="870300" spans="14:14">
      <c r="N870300" s="10"/>
    </row>
    <row r="870301" spans="14:14">
      <c r="N870301" s="10"/>
    </row>
    <row r="870302" spans="14:14">
      <c r="N870302" s="10"/>
    </row>
    <row r="870303" spans="14:14">
      <c r="N870303" s="10"/>
    </row>
    <row r="870304" spans="14:14">
      <c r="N870304" s="10"/>
    </row>
    <row r="870305" spans="14:14">
      <c r="N870305" s="10"/>
    </row>
    <row r="870306" spans="14:14">
      <c r="N870306" s="10"/>
    </row>
    <row r="870307" spans="14:14">
      <c r="N870307" s="10"/>
    </row>
    <row r="870308" spans="14:14">
      <c r="N870308" s="10"/>
    </row>
    <row r="870309" spans="14:14">
      <c r="N870309" s="10"/>
    </row>
    <row r="870310" spans="14:14">
      <c r="N870310" s="10"/>
    </row>
    <row r="870311" spans="14:14">
      <c r="N870311" s="10"/>
    </row>
    <row r="870312" spans="14:14">
      <c r="N870312" s="10"/>
    </row>
    <row r="870313" spans="14:14">
      <c r="N870313" s="10"/>
    </row>
    <row r="870314" spans="14:14">
      <c r="N870314" s="10"/>
    </row>
    <row r="870315" spans="14:14">
      <c r="N870315" s="10"/>
    </row>
    <row r="870316" spans="14:14">
      <c r="N870316" s="10"/>
    </row>
    <row r="870317" spans="14:14">
      <c r="N870317" s="10"/>
    </row>
    <row r="870318" spans="14:14">
      <c r="N870318" s="10"/>
    </row>
    <row r="870319" spans="14:14">
      <c r="N870319" s="10"/>
    </row>
    <row r="870320" spans="14:14">
      <c r="N870320" s="10"/>
    </row>
    <row r="870321" spans="14:14">
      <c r="N870321" s="10"/>
    </row>
    <row r="870322" spans="14:14">
      <c r="N870322" s="10"/>
    </row>
    <row r="870323" spans="14:14">
      <c r="N870323" s="10"/>
    </row>
    <row r="870324" spans="14:14">
      <c r="N870324" s="10"/>
    </row>
    <row r="870325" spans="14:14">
      <c r="N870325" s="10"/>
    </row>
    <row r="870326" spans="14:14">
      <c r="N870326" s="10"/>
    </row>
    <row r="870327" spans="14:14">
      <c r="N870327" s="10"/>
    </row>
    <row r="870328" spans="14:14">
      <c r="N870328" s="10"/>
    </row>
    <row r="870329" spans="14:14">
      <c r="N870329" s="10"/>
    </row>
    <row r="870330" spans="14:14">
      <c r="N870330" s="10"/>
    </row>
    <row r="870331" spans="14:14">
      <c r="N870331" s="10"/>
    </row>
    <row r="870332" spans="14:14">
      <c r="N870332" s="10"/>
    </row>
    <row r="870333" spans="14:14">
      <c r="N870333" s="10"/>
    </row>
    <row r="870334" spans="14:14">
      <c r="N870334" s="10"/>
    </row>
    <row r="870335" spans="14:14">
      <c r="N870335" s="10"/>
    </row>
    <row r="870336" spans="14:14">
      <c r="N870336" s="10"/>
    </row>
    <row r="870337" spans="14:14">
      <c r="N870337" s="10"/>
    </row>
    <row r="870338" spans="14:14">
      <c r="N870338" s="10"/>
    </row>
    <row r="870339" spans="14:14">
      <c r="N870339" s="10"/>
    </row>
    <row r="870340" spans="14:14">
      <c r="N870340" s="10"/>
    </row>
    <row r="870341" spans="14:14">
      <c r="N870341" s="10"/>
    </row>
    <row r="870342" spans="14:14">
      <c r="N870342" s="10"/>
    </row>
    <row r="870343" spans="14:14">
      <c r="N870343" s="10"/>
    </row>
    <row r="870344" spans="14:14">
      <c r="N870344" s="10"/>
    </row>
    <row r="870345" spans="14:14">
      <c r="N870345" s="10"/>
    </row>
    <row r="870346" spans="14:14">
      <c r="N870346" s="10"/>
    </row>
    <row r="870347" spans="14:14">
      <c r="N870347" s="10"/>
    </row>
    <row r="870348" spans="14:14">
      <c r="N870348" s="10"/>
    </row>
    <row r="870349" spans="14:14">
      <c r="N870349" s="10"/>
    </row>
    <row r="870350" spans="14:14">
      <c r="N870350" s="10"/>
    </row>
    <row r="870351" spans="14:14">
      <c r="N870351" s="10"/>
    </row>
    <row r="870352" spans="14:14">
      <c r="N870352" s="10"/>
    </row>
    <row r="870353" spans="14:14">
      <c r="N870353" s="10"/>
    </row>
    <row r="870354" spans="14:14">
      <c r="N870354" s="10"/>
    </row>
    <row r="870355" spans="14:14">
      <c r="N870355" s="10"/>
    </row>
    <row r="870356" spans="14:14">
      <c r="N870356" s="10"/>
    </row>
    <row r="870357" spans="14:14">
      <c r="N870357" s="10"/>
    </row>
    <row r="870358" spans="14:14">
      <c r="N870358" s="10"/>
    </row>
    <row r="870359" spans="14:14">
      <c r="N870359" s="10"/>
    </row>
    <row r="870360" spans="14:14">
      <c r="N870360" s="10"/>
    </row>
    <row r="870361" spans="14:14">
      <c r="N870361" s="10"/>
    </row>
    <row r="870362" spans="14:14">
      <c r="N870362" s="10"/>
    </row>
    <row r="870363" spans="14:14">
      <c r="N870363" s="10"/>
    </row>
    <row r="870364" spans="14:14">
      <c r="N870364" s="10"/>
    </row>
    <row r="870365" spans="14:14">
      <c r="N870365" s="10"/>
    </row>
    <row r="870366" spans="14:14">
      <c r="N870366" s="10"/>
    </row>
    <row r="870367" spans="14:14">
      <c r="N870367" s="10"/>
    </row>
    <row r="870368" spans="14:14">
      <c r="N870368" s="10"/>
    </row>
    <row r="870369" spans="14:14">
      <c r="N870369" s="10"/>
    </row>
    <row r="870370" spans="14:14">
      <c r="N870370" s="10"/>
    </row>
    <row r="870371" spans="14:14">
      <c r="N870371" s="10"/>
    </row>
    <row r="870372" spans="14:14">
      <c r="N870372" s="10"/>
    </row>
    <row r="870373" spans="14:14">
      <c r="N870373" s="10"/>
    </row>
    <row r="870374" spans="14:14">
      <c r="N870374" s="10"/>
    </row>
    <row r="870375" spans="14:14">
      <c r="N870375" s="10"/>
    </row>
    <row r="870376" spans="14:14">
      <c r="N870376" s="10"/>
    </row>
    <row r="870377" spans="14:14">
      <c r="N870377" s="10"/>
    </row>
    <row r="870378" spans="14:14">
      <c r="N870378" s="10"/>
    </row>
    <row r="870379" spans="14:14">
      <c r="N870379" s="10"/>
    </row>
    <row r="870380" spans="14:14">
      <c r="N870380" s="10"/>
    </row>
    <row r="870381" spans="14:14">
      <c r="N870381" s="10"/>
    </row>
    <row r="870382" spans="14:14">
      <c r="N870382" s="10"/>
    </row>
    <row r="870383" spans="14:14">
      <c r="N870383" s="10"/>
    </row>
    <row r="870384" spans="14:14">
      <c r="N870384" s="10"/>
    </row>
    <row r="870385" spans="14:14">
      <c r="N870385" s="10"/>
    </row>
    <row r="870386" spans="14:14">
      <c r="N870386" s="10"/>
    </row>
    <row r="870387" spans="14:14">
      <c r="N870387" s="10"/>
    </row>
    <row r="870388" spans="14:14">
      <c r="N870388" s="10"/>
    </row>
    <row r="870389" spans="14:14">
      <c r="N870389" s="10"/>
    </row>
    <row r="870390" spans="14:14">
      <c r="N870390" s="10"/>
    </row>
    <row r="870391" spans="14:14">
      <c r="N870391" s="10"/>
    </row>
    <row r="870392" spans="14:14">
      <c r="N870392" s="10"/>
    </row>
    <row r="870393" spans="14:14">
      <c r="N870393" s="10"/>
    </row>
    <row r="870394" spans="14:14">
      <c r="N870394" s="10"/>
    </row>
    <row r="870395" spans="14:14">
      <c r="N870395" s="10"/>
    </row>
    <row r="870396" spans="14:14">
      <c r="N870396" s="10"/>
    </row>
    <row r="870397" spans="14:14">
      <c r="N870397" s="10"/>
    </row>
    <row r="870398" spans="14:14">
      <c r="N870398" s="10"/>
    </row>
    <row r="870399" spans="14:14">
      <c r="N870399" s="10"/>
    </row>
    <row r="870400" spans="14:14">
      <c r="N870400" s="10"/>
    </row>
    <row r="870401" spans="14:14">
      <c r="N870401" s="10"/>
    </row>
    <row r="870402" spans="14:14">
      <c r="N870402" s="10"/>
    </row>
    <row r="870403" spans="14:14">
      <c r="N870403" s="10"/>
    </row>
    <row r="870404" spans="14:14">
      <c r="N870404" s="10"/>
    </row>
    <row r="870405" spans="14:14">
      <c r="N870405" s="10"/>
    </row>
    <row r="870406" spans="14:14">
      <c r="N870406" s="10"/>
    </row>
    <row r="870407" spans="14:14">
      <c r="N870407" s="10"/>
    </row>
    <row r="870408" spans="14:14">
      <c r="N870408" s="10"/>
    </row>
    <row r="870409" spans="14:14">
      <c r="N870409" s="10"/>
    </row>
    <row r="870410" spans="14:14">
      <c r="N870410" s="10"/>
    </row>
    <row r="870411" spans="14:14">
      <c r="N870411" s="10"/>
    </row>
    <row r="870412" spans="14:14">
      <c r="N870412" s="10"/>
    </row>
    <row r="870413" spans="14:14">
      <c r="N870413" s="10"/>
    </row>
    <row r="870414" spans="14:14">
      <c r="N870414" s="10"/>
    </row>
    <row r="870415" spans="14:14">
      <c r="N870415" s="10"/>
    </row>
    <row r="870416" spans="14:14">
      <c r="N870416" s="10"/>
    </row>
    <row r="870417" spans="14:14">
      <c r="N870417" s="10"/>
    </row>
    <row r="870418" spans="14:14">
      <c r="N870418" s="10"/>
    </row>
    <row r="870419" spans="14:14">
      <c r="N870419" s="10"/>
    </row>
    <row r="870420" spans="14:14">
      <c r="N870420" s="10"/>
    </row>
    <row r="870421" spans="14:14">
      <c r="N870421" s="10"/>
    </row>
    <row r="870422" spans="14:14">
      <c r="N870422" s="10"/>
    </row>
    <row r="870423" spans="14:14">
      <c r="N870423" s="10"/>
    </row>
    <row r="870424" spans="14:14">
      <c r="N870424" s="10"/>
    </row>
    <row r="870425" spans="14:14">
      <c r="N870425" s="10"/>
    </row>
    <row r="870426" spans="14:14">
      <c r="N870426" s="10"/>
    </row>
    <row r="870427" spans="14:14">
      <c r="N870427" s="10"/>
    </row>
    <row r="870428" spans="14:14">
      <c r="N870428" s="10"/>
    </row>
    <row r="870429" spans="14:14">
      <c r="N870429" s="10"/>
    </row>
    <row r="870430" spans="14:14">
      <c r="N870430" s="10"/>
    </row>
    <row r="870431" spans="14:14">
      <c r="N870431" s="10"/>
    </row>
    <row r="870432" spans="14:14">
      <c r="N870432" s="10"/>
    </row>
    <row r="870433" spans="14:14">
      <c r="N870433" s="10"/>
    </row>
    <row r="870434" spans="14:14">
      <c r="N870434" s="10"/>
    </row>
    <row r="870435" spans="14:14">
      <c r="N870435" s="10"/>
    </row>
    <row r="870436" spans="14:14">
      <c r="N870436" s="10"/>
    </row>
    <row r="870437" spans="14:14">
      <c r="N870437" s="10"/>
    </row>
    <row r="870438" spans="14:14">
      <c r="N870438" s="10"/>
    </row>
    <row r="870439" spans="14:14">
      <c r="N870439" s="10"/>
    </row>
    <row r="870440" spans="14:14">
      <c r="N870440" s="10"/>
    </row>
    <row r="870441" spans="14:14">
      <c r="N870441" s="10"/>
    </row>
    <row r="870442" spans="14:14">
      <c r="N870442" s="10"/>
    </row>
    <row r="870443" spans="14:14">
      <c r="N870443" s="10"/>
    </row>
    <row r="870444" spans="14:14">
      <c r="N870444" s="10"/>
    </row>
    <row r="870445" spans="14:14">
      <c r="N870445" s="10"/>
    </row>
    <row r="870446" spans="14:14">
      <c r="N870446" s="10"/>
    </row>
    <row r="870447" spans="14:14">
      <c r="N870447" s="10"/>
    </row>
    <row r="870448" spans="14:14">
      <c r="N870448" s="10"/>
    </row>
    <row r="870449" spans="14:14">
      <c r="N870449" s="10"/>
    </row>
    <row r="870450" spans="14:14">
      <c r="N870450" s="10"/>
    </row>
    <row r="870451" spans="14:14">
      <c r="N870451" s="10"/>
    </row>
    <row r="870452" spans="14:14">
      <c r="N870452" s="10"/>
    </row>
    <row r="870453" spans="14:14">
      <c r="N870453" s="10"/>
    </row>
    <row r="870454" spans="14:14">
      <c r="N870454" s="10"/>
    </row>
    <row r="870455" spans="14:14">
      <c r="N870455" s="10"/>
    </row>
    <row r="870456" spans="14:14">
      <c r="N870456" s="10"/>
    </row>
    <row r="870457" spans="14:14">
      <c r="N870457" s="10"/>
    </row>
    <row r="870458" spans="14:14">
      <c r="N870458" s="10"/>
    </row>
    <row r="870459" spans="14:14">
      <c r="N870459" s="10"/>
    </row>
    <row r="870460" spans="14:14">
      <c r="N870460" s="10"/>
    </row>
    <row r="870461" spans="14:14">
      <c r="N870461" s="10"/>
    </row>
    <row r="870462" spans="14:14">
      <c r="N870462" s="10"/>
    </row>
    <row r="870463" spans="14:14">
      <c r="N870463" s="10"/>
    </row>
    <row r="870464" spans="14:14">
      <c r="N870464" s="10"/>
    </row>
    <row r="870465" spans="14:14">
      <c r="N870465" s="10"/>
    </row>
    <row r="870466" spans="14:14">
      <c r="N870466" s="10"/>
    </row>
    <row r="870467" spans="14:14">
      <c r="N870467" s="10"/>
    </row>
    <row r="870468" spans="14:14">
      <c r="N870468" s="10"/>
    </row>
    <row r="870469" spans="14:14">
      <c r="N870469" s="10"/>
    </row>
    <row r="870470" spans="14:14">
      <c r="N870470" s="10"/>
    </row>
    <row r="870471" spans="14:14">
      <c r="N870471" s="10"/>
    </row>
    <row r="870472" spans="14:14">
      <c r="N870472" s="10"/>
    </row>
    <row r="870473" spans="14:14">
      <c r="N870473" s="10"/>
    </row>
    <row r="870474" spans="14:14">
      <c r="N870474" s="10"/>
    </row>
    <row r="870475" spans="14:14">
      <c r="N870475" s="10"/>
    </row>
    <row r="870476" spans="14:14">
      <c r="N870476" s="10"/>
    </row>
    <row r="870477" spans="14:14">
      <c r="N870477" s="10"/>
    </row>
    <row r="870478" spans="14:14">
      <c r="N870478" s="10"/>
    </row>
    <row r="870479" spans="14:14">
      <c r="N870479" s="10"/>
    </row>
    <row r="870480" spans="14:14">
      <c r="N870480" s="10"/>
    </row>
    <row r="870481" spans="14:14">
      <c r="N870481" s="10"/>
    </row>
    <row r="870482" spans="14:14">
      <c r="N870482" s="10"/>
    </row>
    <row r="870483" spans="14:14">
      <c r="N870483" s="10"/>
    </row>
    <row r="870484" spans="14:14">
      <c r="N870484" s="10"/>
    </row>
    <row r="870485" spans="14:14">
      <c r="N870485" s="10"/>
    </row>
    <row r="870486" spans="14:14">
      <c r="N870486" s="10"/>
    </row>
    <row r="870487" spans="14:14">
      <c r="N870487" s="10"/>
    </row>
    <row r="870488" spans="14:14">
      <c r="N870488" s="10"/>
    </row>
    <row r="870489" spans="14:14">
      <c r="N870489" s="10"/>
    </row>
    <row r="870490" spans="14:14">
      <c r="N870490" s="10"/>
    </row>
    <row r="870491" spans="14:14">
      <c r="N870491" s="10"/>
    </row>
    <row r="870492" spans="14:14">
      <c r="N870492" s="10"/>
    </row>
    <row r="870493" spans="14:14">
      <c r="N870493" s="10"/>
    </row>
    <row r="870494" spans="14:14">
      <c r="N870494" s="10"/>
    </row>
    <row r="870495" spans="14:14">
      <c r="N870495" s="10"/>
    </row>
    <row r="870496" spans="14:14">
      <c r="N870496" s="10"/>
    </row>
    <row r="870497" spans="14:14">
      <c r="N870497" s="10"/>
    </row>
    <row r="870498" spans="14:14">
      <c r="N870498" s="10"/>
    </row>
    <row r="870499" spans="14:14">
      <c r="N870499" s="10"/>
    </row>
    <row r="870500" spans="14:14">
      <c r="N870500" s="10"/>
    </row>
    <row r="870501" spans="14:14">
      <c r="N870501" s="10"/>
    </row>
    <row r="870502" spans="14:14">
      <c r="N870502" s="10"/>
    </row>
    <row r="870503" spans="14:14">
      <c r="N870503" s="10"/>
    </row>
    <row r="870504" spans="14:14">
      <c r="N870504" s="10"/>
    </row>
    <row r="870505" spans="14:14">
      <c r="N870505" s="10"/>
    </row>
    <row r="870506" spans="14:14">
      <c r="N870506" s="10"/>
    </row>
    <row r="870507" spans="14:14">
      <c r="N870507" s="10"/>
    </row>
    <row r="870508" spans="14:14">
      <c r="N870508" s="10"/>
    </row>
    <row r="870509" spans="14:14">
      <c r="N870509" s="10"/>
    </row>
    <row r="870510" spans="14:14">
      <c r="N870510" s="10"/>
    </row>
    <row r="870511" spans="14:14">
      <c r="N870511" s="10"/>
    </row>
    <row r="870512" spans="14:14">
      <c r="N870512" s="10"/>
    </row>
    <row r="870513" spans="14:14">
      <c r="N870513" s="10"/>
    </row>
    <row r="870514" spans="14:14">
      <c r="N870514" s="10"/>
    </row>
    <row r="870515" spans="14:14">
      <c r="N870515" s="10"/>
    </row>
    <row r="870516" spans="14:14">
      <c r="N870516" s="10"/>
    </row>
    <row r="870517" spans="14:14">
      <c r="N870517" s="10"/>
    </row>
    <row r="870518" spans="14:14">
      <c r="N870518" s="10"/>
    </row>
    <row r="870519" spans="14:14">
      <c r="N870519" s="10"/>
    </row>
    <row r="870520" spans="14:14">
      <c r="N870520" s="10"/>
    </row>
    <row r="870521" spans="14:14">
      <c r="N870521" s="10"/>
    </row>
    <row r="870522" spans="14:14">
      <c r="N870522" s="10"/>
    </row>
    <row r="870523" spans="14:14">
      <c r="N870523" s="10"/>
    </row>
    <row r="870524" spans="14:14">
      <c r="N870524" s="10"/>
    </row>
    <row r="870525" spans="14:14">
      <c r="N870525" s="10"/>
    </row>
    <row r="870526" spans="14:14">
      <c r="N870526" s="10"/>
    </row>
    <row r="870527" spans="14:14">
      <c r="N870527" s="10"/>
    </row>
    <row r="870528" spans="14:14">
      <c r="N870528" s="10"/>
    </row>
    <row r="870529" spans="14:14">
      <c r="N870529" s="10"/>
    </row>
    <row r="870530" spans="14:14">
      <c r="N870530" s="10"/>
    </row>
    <row r="870531" spans="14:14">
      <c r="N870531" s="10"/>
    </row>
    <row r="870532" spans="14:14">
      <c r="N870532" s="10"/>
    </row>
    <row r="870533" spans="14:14">
      <c r="N870533" s="10"/>
    </row>
    <row r="870534" spans="14:14">
      <c r="N870534" s="10"/>
    </row>
    <row r="870535" spans="14:14">
      <c r="N870535" s="10"/>
    </row>
    <row r="870536" spans="14:14">
      <c r="N870536" s="10"/>
    </row>
    <row r="870537" spans="14:14">
      <c r="N870537" s="10"/>
    </row>
    <row r="870538" spans="14:14">
      <c r="N870538" s="10"/>
    </row>
    <row r="870539" spans="14:14">
      <c r="N870539" s="10"/>
    </row>
    <row r="870540" spans="14:14">
      <c r="N870540" s="10"/>
    </row>
    <row r="870541" spans="14:14">
      <c r="N870541" s="10"/>
    </row>
    <row r="870542" spans="14:14">
      <c r="N870542" s="10"/>
    </row>
    <row r="870543" spans="14:14">
      <c r="N870543" s="10"/>
    </row>
    <row r="870544" spans="14:14">
      <c r="N870544" s="10"/>
    </row>
    <row r="870545" spans="14:14">
      <c r="N870545" s="10"/>
    </row>
    <row r="870546" spans="14:14">
      <c r="N870546" s="10"/>
    </row>
    <row r="870547" spans="14:14">
      <c r="N870547" s="10"/>
    </row>
    <row r="870548" spans="14:14">
      <c r="N870548" s="10"/>
    </row>
    <row r="870549" spans="14:14">
      <c r="N870549" s="10"/>
    </row>
    <row r="870550" spans="14:14">
      <c r="N870550" s="10"/>
    </row>
    <row r="870551" spans="14:14">
      <c r="N870551" s="10"/>
    </row>
    <row r="870552" spans="14:14">
      <c r="N870552" s="10"/>
    </row>
    <row r="870553" spans="14:14">
      <c r="N870553" s="10"/>
    </row>
    <row r="870554" spans="14:14">
      <c r="N870554" s="10"/>
    </row>
    <row r="870555" spans="14:14">
      <c r="N870555" s="10"/>
    </row>
    <row r="870556" spans="14:14">
      <c r="N870556" s="10"/>
    </row>
    <row r="870557" spans="14:14">
      <c r="N870557" s="10"/>
    </row>
    <row r="870558" spans="14:14">
      <c r="N870558" s="10"/>
    </row>
    <row r="870559" spans="14:14">
      <c r="N870559" s="10"/>
    </row>
    <row r="870560" spans="14:14">
      <c r="N870560" s="10"/>
    </row>
    <row r="870561" spans="14:14">
      <c r="N870561" s="10"/>
    </row>
    <row r="870562" spans="14:14">
      <c r="N870562" s="10"/>
    </row>
    <row r="870563" spans="14:14">
      <c r="N870563" s="10"/>
    </row>
    <row r="870564" spans="14:14">
      <c r="N870564" s="10"/>
    </row>
    <row r="870565" spans="14:14">
      <c r="N870565" s="10"/>
    </row>
    <row r="870566" spans="14:14">
      <c r="N870566" s="10"/>
    </row>
    <row r="870567" spans="14:14">
      <c r="N870567" s="10"/>
    </row>
    <row r="870568" spans="14:14">
      <c r="N870568" s="10"/>
    </row>
    <row r="870569" spans="14:14">
      <c r="N870569" s="10"/>
    </row>
    <row r="870570" spans="14:14">
      <c r="N870570" s="10"/>
    </row>
    <row r="870571" spans="14:14">
      <c r="N870571" s="10"/>
    </row>
    <row r="870572" spans="14:14">
      <c r="N870572" s="10"/>
    </row>
    <row r="870573" spans="14:14">
      <c r="N870573" s="10"/>
    </row>
    <row r="870574" spans="14:14">
      <c r="N870574" s="10"/>
    </row>
    <row r="870575" spans="14:14">
      <c r="N870575" s="10"/>
    </row>
    <row r="870576" spans="14:14">
      <c r="N870576" s="10"/>
    </row>
    <row r="870577" spans="14:14">
      <c r="N870577" s="10"/>
    </row>
    <row r="870578" spans="14:14">
      <c r="N870578" s="10"/>
    </row>
    <row r="870579" spans="14:14">
      <c r="N870579" s="10"/>
    </row>
    <row r="870580" spans="14:14">
      <c r="N870580" s="10"/>
    </row>
    <row r="870581" spans="14:14">
      <c r="N870581" s="10"/>
    </row>
    <row r="870582" spans="14:14">
      <c r="N870582" s="10"/>
    </row>
    <row r="870583" spans="14:14">
      <c r="N870583" s="10"/>
    </row>
    <row r="870584" spans="14:14">
      <c r="N870584" s="10"/>
    </row>
    <row r="870585" spans="14:14">
      <c r="N870585" s="10"/>
    </row>
    <row r="870586" spans="14:14">
      <c r="N870586" s="10"/>
    </row>
    <row r="870587" spans="14:14">
      <c r="N870587" s="10"/>
    </row>
    <row r="870588" spans="14:14">
      <c r="N870588" s="10"/>
    </row>
    <row r="870589" spans="14:14">
      <c r="N870589" s="10"/>
    </row>
    <row r="870590" spans="14:14">
      <c r="N870590" s="10"/>
    </row>
    <row r="870591" spans="14:14">
      <c r="N870591" s="10"/>
    </row>
    <row r="870592" spans="14:14">
      <c r="N870592" s="10"/>
    </row>
    <row r="870593" spans="14:14">
      <c r="N870593" s="10"/>
    </row>
    <row r="870594" spans="14:14">
      <c r="N870594" s="10"/>
    </row>
    <row r="870595" spans="14:14">
      <c r="N870595" s="10"/>
    </row>
    <row r="870596" spans="14:14">
      <c r="N870596" s="10"/>
    </row>
    <row r="870597" spans="14:14">
      <c r="N870597" s="10"/>
    </row>
    <row r="870598" spans="14:14">
      <c r="N870598" s="10"/>
    </row>
    <row r="870599" spans="14:14">
      <c r="N870599" s="10"/>
    </row>
    <row r="870600" spans="14:14">
      <c r="N870600" s="10"/>
    </row>
    <row r="870601" spans="14:14">
      <c r="N870601" s="10"/>
    </row>
    <row r="870602" spans="14:14">
      <c r="N870602" s="10"/>
    </row>
    <row r="870603" spans="14:14">
      <c r="N870603" s="10"/>
    </row>
    <row r="870604" spans="14:14">
      <c r="N870604" s="10"/>
    </row>
    <row r="870605" spans="14:14">
      <c r="N870605" s="10"/>
    </row>
    <row r="870606" spans="14:14">
      <c r="N870606" s="10"/>
    </row>
    <row r="870607" spans="14:14">
      <c r="N870607" s="10"/>
    </row>
    <row r="870608" spans="14:14">
      <c r="N870608" s="10"/>
    </row>
    <row r="870609" spans="14:14">
      <c r="N870609" s="10"/>
    </row>
    <row r="870610" spans="14:14">
      <c r="N870610" s="10"/>
    </row>
    <row r="870611" spans="14:14">
      <c r="N870611" s="10"/>
    </row>
    <row r="870612" spans="14:14">
      <c r="N870612" s="10"/>
    </row>
    <row r="870613" spans="14:14">
      <c r="N870613" s="10"/>
    </row>
    <row r="870614" spans="14:14">
      <c r="N870614" s="10"/>
    </row>
    <row r="870615" spans="14:14">
      <c r="N870615" s="10"/>
    </row>
    <row r="870616" spans="14:14">
      <c r="N870616" s="10"/>
    </row>
    <row r="870617" spans="14:14">
      <c r="N870617" s="10"/>
    </row>
    <row r="870618" spans="14:14">
      <c r="N870618" s="10"/>
    </row>
    <row r="870619" spans="14:14">
      <c r="N870619" s="10"/>
    </row>
    <row r="870620" spans="14:14">
      <c r="N870620" s="10"/>
    </row>
    <row r="870621" spans="14:14">
      <c r="N870621" s="10"/>
    </row>
    <row r="870622" spans="14:14">
      <c r="N870622" s="10"/>
    </row>
    <row r="870623" spans="14:14">
      <c r="N870623" s="10"/>
    </row>
    <row r="870624" spans="14:14">
      <c r="N870624" s="10"/>
    </row>
    <row r="870625" spans="14:14">
      <c r="N870625" s="10"/>
    </row>
    <row r="870626" spans="14:14">
      <c r="N870626" s="10"/>
    </row>
    <row r="870627" spans="14:14">
      <c r="N870627" s="10"/>
    </row>
    <row r="870628" spans="14:14">
      <c r="N870628" s="10"/>
    </row>
    <row r="870629" spans="14:14">
      <c r="N870629" s="10"/>
    </row>
    <row r="870630" spans="14:14">
      <c r="N870630" s="10"/>
    </row>
    <row r="870631" spans="14:14">
      <c r="N870631" s="10"/>
    </row>
    <row r="870632" spans="14:14">
      <c r="N870632" s="10"/>
    </row>
    <row r="870633" spans="14:14">
      <c r="N870633" s="10"/>
    </row>
    <row r="870634" spans="14:14">
      <c r="N870634" s="10"/>
    </row>
    <row r="870635" spans="14:14">
      <c r="N870635" s="10"/>
    </row>
    <row r="870636" spans="14:14">
      <c r="N870636" s="10"/>
    </row>
    <row r="870637" spans="14:14">
      <c r="N870637" s="10"/>
    </row>
    <row r="870638" spans="14:14">
      <c r="N870638" s="10"/>
    </row>
    <row r="870639" spans="14:14">
      <c r="N870639" s="10"/>
    </row>
    <row r="870640" spans="14:14">
      <c r="N870640" s="10"/>
    </row>
    <row r="870641" spans="14:14">
      <c r="N870641" s="10"/>
    </row>
    <row r="870642" spans="14:14">
      <c r="N870642" s="10"/>
    </row>
    <row r="870643" spans="14:14">
      <c r="N870643" s="10"/>
    </row>
    <row r="870644" spans="14:14">
      <c r="N870644" s="10"/>
    </row>
    <row r="870645" spans="14:14">
      <c r="N870645" s="10"/>
    </row>
    <row r="870646" spans="14:14">
      <c r="N870646" s="10"/>
    </row>
    <row r="870647" spans="14:14">
      <c r="N870647" s="10"/>
    </row>
    <row r="870648" spans="14:14">
      <c r="N870648" s="10"/>
    </row>
    <row r="870649" spans="14:14">
      <c r="N870649" s="10"/>
    </row>
    <row r="870650" spans="14:14">
      <c r="N870650" s="10"/>
    </row>
    <row r="870651" spans="14:14">
      <c r="N870651" s="10"/>
    </row>
    <row r="870652" spans="14:14">
      <c r="N870652" s="10"/>
    </row>
    <row r="870653" spans="14:14">
      <c r="N870653" s="10"/>
    </row>
    <row r="870654" spans="14:14">
      <c r="N870654" s="10"/>
    </row>
    <row r="870655" spans="14:14">
      <c r="N870655" s="10"/>
    </row>
    <row r="870656" spans="14:14">
      <c r="N870656" s="10"/>
    </row>
    <row r="870657" spans="14:14">
      <c r="N870657" s="10"/>
    </row>
    <row r="870658" spans="14:14">
      <c r="N870658" s="10"/>
    </row>
    <row r="870659" spans="14:14">
      <c r="N870659" s="10"/>
    </row>
    <row r="870660" spans="14:14">
      <c r="N870660" s="10"/>
    </row>
    <row r="870661" spans="14:14">
      <c r="N870661" s="10"/>
    </row>
    <row r="870662" spans="14:14">
      <c r="N870662" s="10"/>
    </row>
    <row r="870663" spans="14:14">
      <c r="N870663" s="10"/>
    </row>
    <row r="870664" spans="14:14">
      <c r="N870664" s="10"/>
    </row>
    <row r="870665" spans="14:14">
      <c r="N870665" s="10"/>
    </row>
    <row r="870666" spans="14:14">
      <c r="N870666" s="10"/>
    </row>
    <row r="870667" spans="14:14">
      <c r="N870667" s="10"/>
    </row>
    <row r="870668" spans="14:14">
      <c r="N870668" s="10"/>
    </row>
    <row r="870669" spans="14:14">
      <c r="N870669" s="10"/>
    </row>
    <row r="870670" spans="14:14">
      <c r="N870670" s="10"/>
    </row>
    <row r="870671" spans="14:14">
      <c r="N870671" s="10"/>
    </row>
    <row r="870672" spans="14:14">
      <c r="N870672" s="10"/>
    </row>
    <row r="870673" spans="14:14">
      <c r="N870673" s="10"/>
    </row>
    <row r="870674" spans="14:14">
      <c r="N870674" s="10"/>
    </row>
    <row r="870675" spans="14:14">
      <c r="N870675" s="10"/>
    </row>
    <row r="870676" spans="14:14">
      <c r="N870676" s="10"/>
    </row>
    <row r="870677" spans="14:14">
      <c r="N870677" s="10"/>
    </row>
    <row r="870678" spans="14:14">
      <c r="N870678" s="10"/>
    </row>
    <row r="870679" spans="14:14">
      <c r="N870679" s="10"/>
    </row>
    <row r="870680" spans="14:14">
      <c r="N870680" s="10"/>
    </row>
    <row r="870681" spans="14:14">
      <c r="N870681" s="10"/>
    </row>
    <row r="870682" spans="14:14">
      <c r="N870682" s="10"/>
    </row>
    <row r="870683" spans="14:14">
      <c r="N870683" s="10"/>
    </row>
    <row r="870684" spans="14:14">
      <c r="N870684" s="10"/>
    </row>
    <row r="870685" spans="14:14">
      <c r="N870685" s="10"/>
    </row>
    <row r="870686" spans="14:14">
      <c r="N870686" s="10"/>
    </row>
    <row r="870687" spans="14:14">
      <c r="N870687" s="10"/>
    </row>
    <row r="870688" spans="14:14">
      <c r="N870688" s="10"/>
    </row>
    <row r="870689" spans="14:14">
      <c r="N870689" s="10"/>
    </row>
    <row r="870690" spans="14:14">
      <c r="N870690" s="10"/>
    </row>
    <row r="870691" spans="14:14">
      <c r="N870691" s="10"/>
    </row>
    <row r="870692" spans="14:14">
      <c r="N870692" s="10"/>
    </row>
    <row r="870693" spans="14:14">
      <c r="N870693" s="10"/>
    </row>
    <row r="870694" spans="14:14">
      <c r="N870694" s="10"/>
    </row>
    <row r="870695" spans="14:14">
      <c r="N870695" s="10"/>
    </row>
    <row r="870696" spans="14:14">
      <c r="N870696" s="10"/>
    </row>
    <row r="870697" spans="14:14">
      <c r="N870697" s="10"/>
    </row>
    <row r="870698" spans="14:14">
      <c r="N870698" s="10"/>
    </row>
    <row r="870699" spans="14:14">
      <c r="N870699" s="10"/>
    </row>
    <row r="870700" spans="14:14">
      <c r="N870700" s="10"/>
    </row>
    <row r="870701" spans="14:14">
      <c r="N870701" s="10"/>
    </row>
    <row r="870702" spans="14:14">
      <c r="N870702" s="10"/>
    </row>
    <row r="870703" spans="14:14">
      <c r="N870703" s="10"/>
    </row>
    <row r="870704" spans="14:14">
      <c r="N870704" s="10"/>
    </row>
    <row r="870705" spans="14:14">
      <c r="N870705" s="10"/>
    </row>
    <row r="870706" spans="14:14">
      <c r="N870706" s="10"/>
    </row>
    <row r="870707" spans="14:14">
      <c r="N870707" s="10"/>
    </row>
    <row r="870708" spans="14:14">
      <c r="N870708" s="10"/>
    </row>
    <row r="870709" spans="14:14">
      <c r="N870709" s="10"/>
    </row>
    <row r="870710" spans="14:14">
      <c r="N870710" s="10"/>
    </row>
    <row r="870711" spans="14:14">
      <c r="N870711" s="10"/>
    </row>
    <row r="870712" spans="14:14">
      <c r="N870712" s="10"/>
    </row>
    <row r="870713" spans="14:14">
      <c r="N870713" s="10"/>
    </row>
    <row r="870714" spans="14:14">
      <c r="N870714" s="10"/>
    </row>
    <row r="870715" spans="14:14">
      <c r="N870715" s="10"/>
    </row>
    <row r="870716" spans="14:14">
      <c r="N870716" s="10"/>
    </row>
    <row r="870717" spans="14:14">
      <c r="N870717" s="10"/>
    </row>
    <row r="870718" spans="14:14">
      <c r="N870718" s="10"/>
    </row>
    <row r="870719" spans="14:14">
      <c r="N870719" s="10"/>
    </row>
    <row r="870720" spans="14:14">
      <c r="N870720" s="10"/>
    </row>
    <row r="870721" spans="14:14">
      <c r="N870721" s="10"/>
    </row>
    <row r="870722" spans="14:14">
      <c r="N870722" s="10"/>
    </row>
    <row r="870723" spans="14:14">
      <c r="N870723" s="10"/>
    </row>
    <row r="870724" spans="14:14">
      <c r="N870724" s="10"/>
    </row>
    <row r="870725" spans="14:14">
      <c r="N870725" s="10"/>
    </row>
    <row r="870726" spans="14:14">
      <c r="N870726" s="10"/>
    </row>
    <row r="870727" spans="14:14">
      <c r="N870727" s="10"/>
    </row>
    <row r="870728" spans="14:14">
      <c r="N870728" s="10"/>
    </row>
    <row r="870729" spans="14:14">
      <c r="N870729" s="10"/>
    </row>
    <row r="870730" spans="14:14">
      <c r="N870730" s="10"/>
    </row>
    <row r="870731" spans="14:14">
      <c r="N870731" s="10"/>
    </row>
    <row r="870732" spans="14:14">
      <c r="N870732" s="10"/>
    </row>
    <row r="870733" spans="14:14">
      <c r="N870733" s="10"/>
    </row>
    <row r="870734" spans="14:14">
      <c r="N870734" s="10"/>
    </row>
    <row r="870735" spans="14:14">
      <c r="N870735" s="10"/>
    </row>
    <row r="870736" spans="14:14">
      <c r="N870736" s="10"/>
    </row>
    <row r="870737" spans="14:14">
      <c r="N870737" s="10"/>
    </row>
    <row r="870738" spans="14:14">
      <c r="N870738" s="10"/>
    </row>
    <row r="870739" spans="14:14">
      <c r="N870739" s="10"/>
    </row>
    <row r="870740" spans="14:14">
      <c r="N870740" s="10"/>
    </row>
    <row r="870741" spans="14:14">
      <c r="N870741" s="10"/>
    </row>
    <row r="870742" spans="14:14">
      <c r="N870742" s="10"/>
    </row>
    <row r="870743" spans="14:14">
      <c r="N870743" s="10"/>
    </row>
    <row r="870744" spans="14:14">
      <c r="N870744" s="10"/>
    </row>
    <row r="870745" spans="14:14">
      <c r="N870745" s="10"/>
    </row>
    <row r="870746" spans="14:14">
      <c r="N870746" s="10"/>
    </row>
    <row r="870747" spans="14:14">
      <c r="N870747" s="10"/>
    </row>
    <row r="870748" spans="14:14">
      <c r="N870748" s="10"/>
    </row>
    <row r="870749" spans="14:14">
      <c r="N870749" s="10"/>
    </row>
    <row r="870750" spans="14:14">
      <c r="N870750" s="10"/>
    </row>
    <row r="870751" spans="14:14">
      <c r="N870751" s="10"/>
    </row>
    <row r="870752" spans="14:14">
      <c r="N870752" s="10"/>
    </row>
    <row r="870753" spans="14:14">
      <c r="N870753" s="10"/>
    </row>
    <row r="870754" spans="14:14">
      <c r="N870754" s="10"/>
    </row>
    <row r="870755" spans="14:14">
      <c r="N870755" s="10"/>
    </row>
    <row r="870756" spans="14:14">
      <c r="N870756" s="10"/>
    </row>
    <row r="870757" spans="14:14">
      <c r="N870757" s="10"/>
    </row>
    <row r="870758" spans="14:14">
      <c r="N870758" s="10"/>
    </row>
    <row r="870759" spans="14:14">
      <c r="N870759" s="10"/>
    </row>
    <row r="870760" spans="14:14">
      <c r="N870760" s="10"/>
    </row>
    <row r="870761" spans="14:14">
      <c r="N870761" s="10"/>
    </row>
    <row r="870762" spans="14:14">
      <c r="N870762" s="10"/>
    </row>
    <row r="870763" spans="14:14">
      <c r="N870763" s="10"/>
    </row>
    <row r="870764" spans="14:14">
      <c r="N870764" s="10"/>
    </row>
    <row r="870765" spans="14:14">
      <c r="N870765" s="10"/>
    </row>
    <row r="870766" spans="14:14">
      <c r="N870766" s="10"/>
    </row>
    <row r="870767" spans="14:14">
      <c r="N870767" s="10"/>
    </row>
    <row r="870768" spans="14:14">
      <c r="N870768" s="10"/>
    </row>
    <row r="870769" spans="14:14">
      <c r="N870769" s="10"/>
    </row>
    <row r="870770" spans="14:14">
      <c r="N870770" s="10"/>
    </row>
    <row r="870771" spans="14:14">
      <c r="N870771" s="10"/>
    </row>
    <row r="870772" spans="14:14">
      <c r="N870772" s="10"/>
    </row>
    <row r="870773" spans="14:14">
      <c r="N870773" s="10"/>
    </row>
    <row r="870774" spans="14:14">
      <c r="N870774" s="10"/>
    </row>
    <row r="870775" spans="14:14">
      <c r="N870775" s="10"/>
    </row>
    <row r="870776" spans="14:14">
      <c r="N870776" s="10"/>
    </row>
    <row r="870777" spans="14:14">
      <c r="N870777" s="10"/>
    </row>
    <row r="870778" spans="14:14">
      <c r="N870778" s="10"/>
    </row>
    <row r="870779" spans="14:14">
      <c r="N870779" s="10"/>
    </row>
    <row r="870780" spans="14:14">
      <c r="N870780" s="10"/>
    </row>
    <row r="870781" spans="14:14">
      <c r="N870781" s="10"/>
    </row>
    <row r="870782" spans="14:14">
      <c r="N870782" s="10"/>
    </row>
    <row r="870783" spans="14:14">
      <c r="N870783" s="10"/>
    </row>
    <row r="870784" spans="14:14">
      <c r="N870784" s="10"/>
    </row>
    <row r="870785" spans="14:14">
      <c r="N870785" s="10"/>
    </row>
    <row r="870786" spans="14:14">
      <c r="N870786" s="10"/>
    </row>
    <row r="870787" spans="14:14">
      <c r="N870787" s="10"/>
    </row>
    <row r="870788" spans="14:14">
      <c r="N870788" s="10"/>
    </row>
    <row r="870789" spans="14:14">
      <c r="N870789" s="10"/>
    </row>
    <row r="870790" spans="14:14">
      <c r="N870790" s="10"/>
    </row>
    <row r="870791" spans="14:14">
      <c r="N870791" s="10"/>
    </row>
    <row r="870792" spans="14:14">
      <c r="N870792" s="10"/>
    </row>
    <row r="870793" spans="14:14">
      <c r="N870793" s="10"/>
    </row>
    <row r="870794" spans="14:14">
      <c r="N870794" s="10"/>
    </row>
    <row r="870795" spans="14:14">
      <c r="N870795" s="10"/>
    </row>
    <row r="870796" spans="14:14">
      <c r="N870796" s="10"/>
    </row>
    <row r="870797" spans="14:14">
      <c r="N870797" s="10"/>
    </row>
    <row r="870798" spans="14:14">
      <c r="N870798" s="10"/>
    </row>
    <row r="870799" spans="14:14">
      <c r="N870799" s="10"/>
    </row>
    <row r="870800" spans="14:14">
      <c r="N870800" s="10"/>
    </row>
    <row r="870801" spans="14:14">
      <c r="N870801" s="10"/>
    </row>
    <row r="870802" spans="14:14">
      <c r="N870802" s="10"/>
    </row>
    <row r="870803" spans="14:14">
      <c r="N870803" s="10"/>
    </row>
    <row r="870804" spans="14:14">
      <c r="N870804" s="10"/>
    </row>
    <row r="870805" spans="14:14">
      <c r="N870805" s="10"/>
    </row>
    <row r="870806" spans="14:14">
      <c r="N870806" s="10"/>
    </row>
    <row r="870807" spans="14:14">
      <c r="N870807" s="10"/>
    </row>
    <row r="870808" spans="14:14">
      <c r="N870808" s="10"/>
    </row>
    <row r="870809" spans="14:14">
      <c r="N870809" s="10"/>
    </row>
    <row r="870810" spans="14:14">
      <c r="N870810" s="10"/>
    </row>
    <row r="870811" spans="14:14">
      <c r="N870811" s="10"/>
    </row>
    <row r="870812" spans="14:14">
      <c r="N870812" s="10"/>
    </row>
    <row r="870813" spans="14:14">
      <c r="N870813" s="10"/>
    </row>
    <row r="870814" spans="14:14">
      <c r="N870814" s="10"/>
    </row>
    <row r="870815" spans="14:14">
      <c r="N870815" s="10"/>
    </row>
    <row r="870816" spans="14:14">
      <c r="N870816" s="10"/>
    </row>
    <row r="870817" spans="14:14">
      <c r="N870817" s="10"/>
    </row>
    <row r="870818" spans="14:14">
      <c r="N870818" s="10"/>
    </row>
    <row r="870819" spans="14:14">
      <c r="N870819" s="10"/>
    </row>
    <row r="870820" spans="14:14">
      <c r="N870820" s="10"/>
    </row>
    <row r="870821" spans="14:14">
      <c r="N870821" s="10"/>
    </row>
    <row r="870822" spans="14:14">
      <c r="N870822" s="10"/>
    </row>
    <row r="870823" spans="14:14">
      <c r="N870823" s="10"/>
    </row>
    <row r="870824" spans="14:14">
      <c r="N870824" s="10"/>
    </row>
    <row r="870825" spans="14:14">
      <c r="N870825" s="10"/>
    </row>
    <row r="870826" spans="14:14">
      <c r="N870826" s="10"/>
    </row>
    <row r="870827" spans="14:14">
      <c r="N870827" s="10"/>
    </row>
    <row r="870828" spans="14:14">
      <c r="N870828" s="10"/>
    </row>
    <row r="870829" spans="14:14">
      <c r="N870829" s="10"/>
    </row>
    <row r="870830" spans="14:14">
      <c r="N870830" s="10"/>
    </row>
    <row r="870831" spans="14:14">
      <c r="N870831" s="10"/>
    </row>
    <row r="870832" spans="14:14">
      <c r="N870832" s="10"/>
    </row>
    <row r="870833" spans="14:14">
      <c r="N870833" s="10"/>
    </row>
    <row r="870834" spans="14:14">
      <c r="N870834" s="10"/>
    </row>
    <row r="870835" spans="14:14">
      <c r="N870835" s="10"/>
    </row>
    <row r="870836" spans="14:14">
      <c r="N870836" s="10"/>
    </row>
    <row r="870837" spans="14:14">
      <c r="N870837" s="10"/>
    </row>
    <row r="870838" spans="14:14">
      <c r="N870838" s="10"/>
    </row>
    <row r="870839" spans="14:14">
      <c r="N870839" s="10"/>
    </row>
    <row r="870840" spans="14:14">
      <c r="N870840" s="10"/>
    </row>
    <row r="870841" spans="14:14">
      <c r="N870841" s="10"/>
    </row>
    <row r="870842" spans="14:14">
      <c r="N870842" s="10"/>
    </row>
    <row r="870843" spans="14:14">
      <c r="N870843" s="10"/>
    </row>
    <row r="870844" spans="14:14">
      <c r="N870844" s="10"/>
    </row>
    <row r="870845" spans="14:14">
      <c r="N870845" s="10"/>
    </row>
    <row r="870846" spans="14:14">
      <c r="N870846" s="10"/>
    </row>
    <row r="870847" spans="14:14">
      <c r="N870847" s="10"/>
    </row>
    <row r="870848" spans="14:14">
      <c r="N870848" s="10"/>
    </row>
    <row r="870849" spans="14:14">
      <c r="N870849" s="10"/>
    </row>
    <row r="870850" spans="14:14">
      <c r="N870850" s="10"/>
    </row>
    <row r="870851" spans="14:14">
      <c r="N870851" s="10"/>
    </row>
    <row r="870852" spans="14:14">
      <c r="N870852" s="10"/>
    </row>
    <row r="870853" spans="14:14">
      <c r="N870853" s="10"/>
    </row>
    <row r="870854" spans="14:14">
      <c r="N870854" s="10"/>
    </row>
    <row r="870855" spans="14:14">
      <c r="N870855" s="10"/>
    </row>
    <row r="870856" spans="14:14">
      <c r="N870856" s="10"/>
    </row>
    <row r="870857" spans="14:14">
      <c r="N870857" s="10"/>
    </row>
    <row r="870858" spans="14:14">
      <c r="N870858" s="10"/>
    </row>
    <row r="870859" spans="14:14">
      <c r="N870859" s="10"/>
    </row>
    <row r="870860" spans="14:14">
      <c r="N870860" s="10"/>
    </row>
    <row r="870861" spans="14:14">
      <c r="N870861" s="10"/>
    </row>
    <row r="870862" spans="14:14">
      <c r="N870862" s="10"/>
    </row>
    <row r="870863" spans="14:14">
      <c r="N870863" s="10"/>
    </row>
    <row r="870864" spans="14:14">
      <c r="N870864" s="10"/>
    </row>
    <row r="870865" spans="14:14">
      <c r="N870865" s="10"/>
    </row>
    <row r="870866" spans="14:14">
      <c r="N870866" s="10"/>
    </row>
    <row r="870867" spans="14:14">
      <c r="N870867" s="10"/>
    </row>
    <row r="870868" spans="14:14">
      <c r="N870868" s="10"/>
    </row>
    <row r="870869" spans="14:14">
      <c r="N870869" s="10"/>
    </row>
    <row r="870870" spans="14:14">
      <c r="N870870" s="10"/>
    </row>
    <row r="870871" spans="14:14">
      <c r="N870871" s="10"/>
    </row>
    <row r="870872" spans="14:14">
      <c r="N870872" s="10"/>
    </row>
    <row r="870873" spans="14:14">
      <c r="N870873" s="10"/>
    </row>
    <row r="870874" spans="14:14">
      <c r="N870874" s="10"/>
    </row>
    <row r="870875" spans="14:14">
      <c r="N870875" s="10"/>
    </row>
    <row r="870876" spans="14:14">
      <c r="N870876" s="10"/>
    </row>
    <row r="870877" spans="14:14">
      <c r="N870877" s="10"/>
    </row>
    <row r="870878" spans="14:14">
      <c r="N870878" s="10"/>
    </row>
    <row r="870879" spans="14:14">
      <c r="N870879" s="10"/>
    </row>
    <row r="870880" spans="14:14">
      <c r="N870880" s="10"/>
    </row>
    <row r="870881" spans="14:14">
      <c r="N870881" s="10"/>
    </row>
    <row r="870882" spans="14:14">
      <c r="N870882" s="10"/>
    </row>
    <row r="870883" spans="14:14">
      <c r="N870883" s="10"/>
    </row>
    <row r="870884" spans="14:14">
      <c r="N870884" s="10"/>
    </row>
    <row r="870885" spans="14:14">
      <c r="N870885" s="10"/>
    </row>
    <row r="870886" spans="14:14">
      <c r="N870886" s="10"/>
    </row>
    <row r="870887" spans="14:14">
      <c r="N870887" s="10"/>
    </row>
    <row r="870888" spans="14:14">
      <c r="N870888" s="10"/>
    </row>
    <row r="870889" spans="14:14">
      <c r="N870889" s="10"/>
    </row>
    <row r="870890" spans="14:14">
      <c r="N870890" s="10"/>
    </row>
    <row r="870891" spans="14:14">
      <c r="N870891" s="10"/>
    </row>
    <row r="870892" spans="14:14">
      <c r="N870892" s="10"/>
    </row>
    <row r="870893" spans="14:14">
      <c r="N870893" s="10"/>
    </row>
    <row r="870894" spans="14:14">
      <c r="N870894" s="10"/>
    </row>
    <row r="870895" spans="14:14">
      <c r="N870895" s="10"/>
    </row>
    <row r="870896" spans="14:14">
      <c r="N870896" s="10"/>
    </row>
    <row r="870897" spans="14:14">
      <c r="N870897" s="10"/>
    </row>
    <row r="870898" spans="14:14">
      <c r="N870898" s="10"/>
    </row>
    <row r="870899" spans="14:14">
      <c r="N870899" s="10"/>
    </row>
    <row r="870900" spans="14:14">
      <c r="N870900" s="10"/>
    </row>
    <row r="870901" spans="14:14">
      <c r="N870901" s="10"/>
    </row>
    <row r="870902" spans="14:14">
      <c r="N870902" s="10"/>
    </row>
    <row r="870903" spans="14:14">
      <c r="N870903" s="10"/>
    </row>
    <row r="870904" spans="14:14">
      <c r="N870904" s="10"/>
    </row>
    <row r="870905" spans="14:14">
      <c r="N870905" s="10"/>
    </row>
    <row r="870906" spans="14:14">
      <c r="N870906" s="10"/>
    </row>
    <row r="870907" spans="14:14">
      <c r="N870907" s="10"/>
    </row>
    <row r="870908" spans="14:14">
      <c r="N870908" s="10"/>
    </row>
    <row r="870909" spans="14:14">
      <c r="N870909" s="10"/>
    </row>
    <row r="870910" spans="14:14">
      <c r="N870910" s="10"/>
    </row>
    <row r="870911" spans="14:14">
      <c r="N870911" s="10"/>
    </row>
    <row r="870912" spans="14:14">
      <c r="N870912" s="10"/>
    </row>
    <row r="870913" spans="14:14">
      <c r="N870913" s="10"/>
    </row>
    <row r="870914" spans="14:14">
      <c r="N870914" s="10"/>
    </row>
    <row r="870915" spans="14:14">
      <c r="N870915" s="10"/>
    </row>
    <row r="870916" spans="14:14">
      <c r="N870916" s="10"/>
    </row>
    <row r="870917" spans="14:14">
      <c r="N870917" s="10"/>
    </row>
    <row r="870918" spans="14:14">
      <c r="N870918" s="10"/>
    </row>
    <row r="870919" spans="14:14">
      <c r="N870919" s="10"/>
    </row>
    <row r="870920" spans="14:14">
      <c r="N870920" s="10"/>
    </row>
    <row r="870921" spans="14:14">
      <c r="N870921" s="10"/>
    </row>
    <row r="870922" spans="14:14">
      <c r="N870922" s="10"/>
    </row>
    <row r="870923" spans="14:14">
      <c r="N870923" s="10"/>
    </row>
    <row r="870924" spans="14:14">
      <c r="N870924" s="10"/>
    </row>
    <row r="870925" spans="14:14">
      <c r="N870925" s="10"/>
    </row>
    <row r="870926" spans="14:14">
      <c r="N870926" s="10"/>
    </row>
    <row r="870927" spans="14:14">
      <c r="N870927" s="10"/>
    </row>
    <row r="870928" spans="14:14">
      <c r="N870928" s="10"/>
    </row>
    <row r="870929" spans="14:14">
      <c r="N870929" s="10"/>
    </row>
    <row r="870930" spans="14:14">
      <c r="N870930" s="10"/>
    </row>
    <row r="870931" spans="14:14">
      <c r="N870931" s="10"/>
    </row>
    <row r="870932" spans="14:14">
      <c r="N870932" s="10"/>
    </row>
    <row r="870933" spans="14:14">
      <c r="N870933" s="10"/>
    </row>
    <row r="870934" spans="14:14">
      <c r="N870934" s="10"/>
    </row>
    <row r="870935" spans="14:14">
      <c r="N870935" s="10"/>
    </row>
    <row r="870936" spans="14:14">
      <c r="N870936" s="10"/>
    </row>
    <row r="870937" spans="14:14">
      <c r="N870937" s="10"/>
    </row>
    <row r="870938" spans="14:14">
      <c r="N870938" s="10"/>
    </row>
    <row r="870939" spans="14:14">
      <c r="N870939" s="10"/>
    </row>
    <row r="870940" spans="14:14">
      <c r="N870940" s="10"/>
    </row>
    <row r="870941" spans="14:14">
      <c r="N870941" s="10"/>
    </row>
    <row r="870942" spans="14:14">
      <c r="N870942" s="10"/>
    </row>
    <row r="870943" spans="14:14">
      <c r="N870943" s="10"/>
    </row>
    <row r="870944" spans="14:14">
      <c r="N870944" s="10"/>
    </row>
    <row r="870945" spans="14:14">
      <c r="N870945" s="10"/>
    </row>
    <row r="870946" spans="14:14">
      <c r="N870946" s="10"/>
    </row>
    <row r="870947" spans="14:14">
      <c r="N870947" s="10"/>
    </row>
    <row r="870948" spans="14:14">
      <c r="N870948" s="10"/>
    </row>
    <row r="870949" spans="14:14">
      <c r="N870949" s="10"/>
    </row>
    <row r="870950" spans="14:14">
      <c r="N870950" s="10"/>
    </row>
    <row r="870951" spans="14:14">
      <c r="N870951" s="10"/>
    </row>
    <row r="870952" spans="14:14">
      <c r="N870952" s="10"/>
    </row>
    <row r="870953" spans="14:14">
      <c r="N870953" s="10"/>
    </row>
    <row r="870954" spans="14:14">
      <c r="N870954" s="10"/>
    </row>
    <row r="870955" spans="14:14">
      <c r="N870955" s="10"/>
    </row>
    <row r="870956" spans="14:14">
      <c r="N870956" s="10"/>
    </row>
    <row r="870957" spans="14:14">
      <c r="N870957" s="10"/>
    </row>
    <row r="870958" spans="14:14">
      <c r="N870958" s="10"/>
    </row>
    <row r="870959" spans="14:14">
      <c r="N870959" s="10"/>
    </row>
    <row r="870960" spans="14:14">
      <c r="N870960" s="10"/>
    </row>
    <row r="870961" spans="14:14">
      <c r="N870961" s="10"/>
    </row>
    <row r="870962" spans="14:14">
      <c r="N870962" s="10"/>
    </row>
    <row r="870963" spans="14:14">
      <c r="N870963" s="10"/>
    </row>
    <row r="870964" spans="14:14">
      <c r="N870964" s="10"/>
    </row>
    <row r="870965" spans="14:14">
      <c r="N870965" s="10"/>
    </row>
    <row r="870966" spans="14:14">
      <c r="N870966" s="10"/>
    </row>
    <row r="870967" spans="14:14">
      <c r="N870967" s="10"/>
    </row>
    <row r="870968" spans="14:14">
      <c r="N870968" s="10"/>
    </row>
    <row r="870969" spans="14:14">
      <c r="N870969" s="10"/>
    </row>
    <row r="870970" spans="14:14">
      <c r="N870970" s="10"/>
    </row>
    <row r="870971" spans="14:14">
      <c r="N870971" s="10"/>
    </row>
    <row r="870972" spans="14:14">
      <c r="N870972" s="10"/>
    </row>
    <row r="870973" spans="14:14">
      <c r="N870973" s="10"/>
    </row>
    <row r="870974" spans="14:14">
      <c r="N870974" s="10"/>
    </row>
    <row r="870975" spans="14:14">
      <c r="N870975" s="10"/>
    </row>
    <row r="870976" spans="14:14">
      <c r="N870976" s="10"/>
    </row>
    <row r="870977" spans="14:14">
      <c r="N870977" s="10"/>
    </row>
    <row r="870978" spans="14:14">
      <c r="N870978" s="10"/>
    </row>
    <row r="870979" spans="14:14">
      <c r="N870979" s="10"/>
    </row>
    <row r="870980" spans="14:14">
      <c r="N870980" s="10"/>
    </row>
    <row r="870981" spans="14:14">
      <c r="N870981" s="10"/>
    </row>
    <row r="870982" spans="14:14">
      <c r="N870982" s="10"/>
    </row>
    <row r="870983" spans="14:14">
      <c r="N870983" s="10"/>
    </row>
    <row r="870984" spans="14:14">
      <c r="N870984" s="10"/>
    </row>
    <row r="870985" spans="14:14">
      <c r="N870985" s="10"/>
    </row>
    <row r="870986" spans="14:14">
      <c r="N870986" s="10"/>
    </row>
    <row r="870987" spans="14:14">
      <c r="N870987" s="10"/>
    </row>
    <row r="870988" spans="14:14">
      <c r="N870988" s="10"/>
    </row>
    <row r="870989" spans="14:14">
      <c r="N870989" s="10"/>
    </row>
    <row r="870990" spans="14:14">
      <c r="N870990" s="10"/>
    </row>
    <row r="870991" spans="14:14">
      <c r="N870991" s="10"/>
    </row>
    <row r="870992" spans="14:14">
      <c r="N870992" s="10"/>
    </row>
    <row r="870993" spans="14:14">
      <c r="N870993" s="10"/>
    </row>
    <row r="870994" spans="14:14">
      <c r="N870994" s="10"/>
    </row>
    <row r="870995" spans="14:14">
      <c r="N870995" s="10"/>
    </row>
    <row r="870996" spans="14:14">
      <c r="N870996" s="10"/>
    </row>
    <row r="870997" spans="14:14">
      <c r="N870997" s="10"/>
    </row>
    <row r="870998" spans="14:14">
      <c r="N870998" s="10"/>
    </row>
    <row r="870999" spans="14:14">
      <c r="N870999" s="10"/>
    </row>
    <row r="871000" spans="14:14">
      <c r="N871000" s="10"/>
    </row>
    <row r="871001" spans="14:14">
      <c r="N871001" s="10"/>
    </row>
    <row r="871002" spans="14:14">
      <c r="N871002" s="10"/>
    </row>
    <row r="871003" spans="14:14">
      <c r="N871003" s="10"/>
    </row>
    <row r="871004" spans="14:14">
      <c r="N871004" s="10"/>
    </row>
    <row r="871005" spans="14:14">
      <c r="N871005" s="10"/>
    </row>
    <row r="871006" spans="14:14">
      <c r="N871006" s="10"/>
    </row>
    <row r="871007" spans="14:14">
      <c r="N871007" s="10"/>
    </row>
    <row r="871008" spans="14:14">
      <c r="N871008" s="10"/>
    </row>
    <row r="871009" spans="14:14">
      <c r="N871009" s="10"/>
    </row>
    <row r="871010" spans="14:14">
      <c r="N871010" s="10"/>
    </row>
    <row r="871011" spans="14:14">
      <c r="N871011" s="10"/>
    </row>
    <row r="871012" spans="14:14">
      <c r="N871012" s="10"/>
    </row>
    <row r="871013" spans="14:14">
      <c r="N871013" s="10"/>
    </row>
    <row r="871014" spans="14:14">
      <c r="N871014" s="10"/>
    </row>
    <row r="871015" spans="14:14">
      <c r="N871015" s="10"/>
    </row>
    <row r="871016" spans="14:14">
      <c r="N871016" s="10"/>
    </row>
    <row r="871017" spans="14:14">
      <c r="N871017" s="10"/>
    </row>
    <row r="871018" spans="14:14">
      <c r="N871018" s="10"/>
    </row>
    <row r="871019" spans="14:14">
      <c r="N871019" s="10"/>
    </row>
    <row r="871020" spans="14:14">
      <c r="N871020" s="10"/>
    </row>
    <row r="871021" spans="14:14">
      <c r="N871021" s="10"/>
    </row>
    <row r="871022" spans="14:14">
      <c r="N871022" s="10"/>
    </row>
    <row r="871023" spans="14:14">
      <c r="N871023" s="10"/>
    </row>
    <row r="871024" spans="14:14">
      <c r="N871024" s="10"/>
    </row>
    <row r="871025" spans="14:14">
      <c r="N871025" s="10"/>
    </row>
    <row r="871026" spans="14:14">
      <c r="N871026" s="10"/>
    </row>
    <row r="871027" spans="14:14">
      <c r="N871027" s="10"/>
    </row>
    <row r="871028" spans="14:14">
      <c r="N871028" s="10"/>
    </row>
    <row r="871029" spans="14:14">
      <c r="N871029" s="10"/>
    </row>
    <row r="871030" spans="14:14">
      <c r="N871030" s="10"/>
    </row>
    <row r="871031" spans="14:14">
      <c r="N871031" s="10"/>
    </row>
    <row r="871032" spans="14:14">
      <c r="N871032" s="10"/>
    </row>
    <row r="871033" spans="14:14">
      <c r="N871033" s="10"/>
    </row>
    <row r="871034" spans="14:14">
      <c r="N871034" s="10"/>
    </row>
    <row r="871035" spans="14:14">
      <c r="N871035" s="10"/>
    </row>
    <row r="871036" spans="14:14">
      <c r="N871036" s="10"/>
    </row>
    <row r="871037" spans="14:14">
      <c r="N871037" s="10"/>
    </row>
    <row r="871038" spans="14:14">
      <c r="N871038" s="10"/>
    </row>
    <row r="871039" spans="14:14">
      <c r="N871039" s="10"/>
    </row>
    <row r="871040" spans="14:14">
      <c r="N871040" s="10"/>
    </row>
    <row r="871041" spans="14:14">
      <c r="N871041" s="10"/>
    </row>
    <row r="871042" spans="14:14">
      <c r="N871042" s="10"/>
    </row>
    <row r="871043" spans="14:14">
      <c r="N871043" s="10"/>
    </row>
    <row r="871044" spans="14:14">
      <c r="N871044" s="10"/>
    </row>
    <row r="871045" spans="14:14">
      <c r="N871045" s="10"/>
    </row>
    <row r="871046" spans="14:14">
      <c r="N871046" s="10"/>
    </row>
    <row r="871047" spans="14:14">
      <c r="N871047" s="10"/>
    </row>
    <row r="871048" spans="14:14">
      <c r="N871048" s="10"/>
    </row>
    <row r="871049" spans="14:14">
      <c r="N871049" s="10"/>
    </row>
    <row r="871050" spans="14:14">
      <c r="N871050" s="10"/>
    </row>
    <row r="871051" spans="14:14">
      <c r="N871051" s="10"/>
    </row>
    <row r="871052" spans="14:14">
      <c r="N871052" s="10"/>
    </row>
    <row r="871053" spans="14:14">
      <c r="N871053" s="10"/>
    </row>
    <row r="871054" spans="14:14">
      <c r="N871054" s="10"/>
    </row>
    <row r="871055" spans="14:14">
      <c r="N871055" s="10"/>
    </row>
    <row r="871056" spans="14:14">
      <c r="N871056" s="10"/>
    </row>
    <row r="871057" spans="14:14">
      <c r="N871057" s="10"/>
    </row>
    <row r="871058" spans="14:14">
      <c r="N871058" s="10"/>
    </row>
    <row r="871059" spans="14:14">
      <c r="N871059" s="10"/>
    </row>
    <row r="871060" spans="14:14">
      <c r="N871060" s="10"/>
    </row>
    <row r="871061" spans="14:14">
      <c r="N871061" s="10"/>
    </row>
    <row r="871062" spans="14:14">
      <c r="N871062" s="10"/>
    </row>
    <row r="871063" spans="14:14">
      <c r="N871063" s="10"/>
    </row>
    <row r="871064" spans="14:14">
      <c r="N871064" s="10"/>
    </row>
    <row r="871065" spans="14:14">
      <c r="N871065" s="10"/>
    </row>
    <row r="871066" spans="14:14">
      <c r="N871066" s="10"/>
    </row>
    <row r="871067" spans="14:14">
      <c r="N871067" s="10"/>
    </row>
    <row r="871068" spans="14:14">
      <c r="N871068" s="10"/>
    </row>
    <row r="871069" spans="14:14">
      <c r="N871069" s="10"/>
    </row>
    <row r="871070" spans="14:14">
      <c r="N871070" s="10"/>
    </row>
    <row r="871071" spans="14:14">
      <c r="N871071" s="10"/>
    </row>
    <row r="871072" spans="14:14">
      <c r="N871072" s="10"/>
    </row>
    <row r="871073" spans="14:14">
      <c r="N871073" s="10"/>
    </row>
    <row r="871074" spans="14:14">
      <c r="N871074" s="10"/>
    </row>
    <row r="871075" spans="14:14">
      <c r="N871075" s="10"/>
    </row>
    <row r="871076" spans="14:14">
      <c r="N871076" s="10"/>
    </row>
    <row r="871077" spans="14:14">
      <c r="N871077" s="10"/>
    </row>
    <row r="871078" spans="14:14">
      <c r="N871078" s="10"/>
    </row>
    <row r="871079" spans="14:14">
      <c r="N871079" s="10"/>
    </row>
    <row r="871080" spans="14:14">
      <c r="N871080" s="10"/>
    </row>
    <row r="871081" spans="14:14">
      <c r="N871081" s="10"/>
    </row>
    <row r="871082" spans="14:14">
      <c r="N871082" s="10"/>
    </row>
    <row r="871083" spans="14:14">
      <c r="N871083" s="10"/>
    </row>
    <row r="871084" spans="14:14">
      <c r="N871084" s="10"/>
    </row>
    <row r="871085" spans="14:14">
      <c r="N871085" s="10"/>
    </row>
    <row r="871086" spans="14:14">
      <c r="N871086" s="10"/>
    </row>
    <row r="871087" spans="14:14">
      <c r="N871087" s="10"/>
    </row>
    <row r="871088" spans="14:14">
      <c r="N871088" s="10"/>
    </row>
    <row r="871089" spans="14:14">
      <c r="N871089" s="10"/>
    </row>
    <row r="871090" spans="14:14">
      <c r="N871090" s="10"/>
    </row>
    <row r="871091" spans="14:14">
      <c r="N871091" s="10"/>
    </row>
    <row r="871092" spans="14:14">
      <c r="N871092" s="10"/>
    </row>
    <row r="871093" spans="14:14">
      <c r="N871093" s="10"/>
    </row>
    <row r="871094" spans="14:14">
      <c r="N871094" s="10"/>
    </row>
    <row r="871095" spans="14:14">
      <c r="N871095" s="10"/>
    </row>
    <row r="871096" spans="14:14">
      <c r="N871096" s="10"/>
    </row>
    <row r="871097" spans="14:14">
      <c r="N871097" s="10"/>
    </row>
    <row r="871098" spans="14:14">
      <c r="N871098" s="10"/>
    </row>
    <row r="871099" spans="14:14">
      <c r="N871099" s="10"/>
    </row>
    <row r="871100" spans="14:14">
      <c r="N871100" s="10"/>
    </row>
    <row r="871101" spans="14:14">
      <c r="N871101" s="10"/>
    </row>
    <row r="871102" spans="14:14">
      <c r="N871102" s="10"/>
    </row>
    <row r="871103" spans="14:14">
      <c r="N871103" s="10"/>
    </row>
    <row r="871104" spans="14:14">
      <c r="N871104" s="10"/>
    </row>
    <row r="871105" spans="14:14">
      <c r="N871105" s="10"/>
    </row>
    <row r="871106" spans="14:14">
      <c r="N871106" s="10"/>
    </row>
    <row r="871107" spans="14:14">
      <c r="N871107" s="10"/>
    </row>
    <row r="871108" spans="14:14">
      <c r="N871108" s="10"/>
    </row>
    <row r="871109" spans="14:14">
      <c r="N871109" s="10"/>
    </row>
    <row r="871110" spans="14:14">
      <c r="N871110" s="10"/>
    </row>
    <row r="871111" spans="14:14">
      <c r="N871111" s="10"/>
    </row>
    <row r="871112" spans="14:14">
      <c r="N871112" s="10"/>
    </row>
    <row r="871113" spans="14:14">
      <c r="N871113" s="10"/>
    </row>
    <row r="871114" spans="14:14">
      <c r="N871114" s="10"/>
    </row>
    <row r="871115" spans="14:14">
      <c r="N871115" s="10"/>
    </row>
    <row r="871116" spans="14:14">
      <c r="N871116" s="10"/>
    </row>
    <row r="871117" spans="14:14">
      <c r="N871117" s="10"/>
    </row>
    <row r="871118" spans="14:14">
      <c r="N871118" s="10"/>
    </row>
    <row r="871119" spans="14:14">
      <c r="N871119" s="10"/>
    </row>
    <row r="871120" spans="14:14">
      <c r="N871120" s="10"/>
    </row>
    <row r="871121" spans="14:14">
      <c r="N871121" s="10"/>
    </row>
    <row r="871122" spans="14:14">
      <c r="N871122" s="10"/>
    </row>
    <row r="871123" spans="14:14">
      <c r="N871123" s="10"/>
    </row>
    <row r="871124" spans="14:14">
      <c r="N871124" s="10"/>
    </row>
    <row r="871125" spans="14:14">
      <c r="N871125" s="10"/>
    </row>
    <row r="871126" spans="14:14">
      <c r="N871126" s="10"/>
    </row>
    <row r="871127" spans="14:14">
      <c r="N871127" s="10"/>
    </row>
    <row r="871128" spans="14:14">
      <c r="N871128" s="10"/>
    </row>
    <row r="871129" spans="14:14">
      <c r="N871129" s="10"/>
    </row>
    <row r="871130" spans="14:14">
      <c r="N871130" s="10"/>
    </row>
    <row r="871131" spans="14:14">
      <c r="N871131" s="10"/>
    </row>
    <row r="871132" spans="14:14">
      <c r="N871132" s="10"/>
    </row>
    <row r="871133" spans="14:14">
      <c r="N871133" s="10"/>
    </row>
    <row r="871134" spans="14:14">
      <c r="N871134" s="10"/>
    </row>
    <row r="871135" spans="14:14">
      <c r="N871135" s="10"/>
    </row>
    <row r="871136" spans="14:14">
      <c r="N871136" s="10"/>
    </row>
    <row r="871137" spans="14:14">
      <c r="N871137" s="10"/>
    </row>
    <row r="871138" spans="14:14">
      <c r="N871138" s="10"/>
    </row>
    <row r="871139" spans="14:14">
      <c r="N871139" s="10"/>
    </row>
    <row r="871140" spans="14:14">
      <c r="N871140" s="10"/>
    </row>
    <row r="871141" spans="14:14">
      <c r="N871141" s="10"/>
    </row>
    <row r="871142" spans="14:14">
      <c r="N871142" s="10"/>
    </row>
    <row r="871143" spans="14:14">
      <c r="N871143" s="10"/>
    </row>
    <row r="871144" spans="14:14">
      <c r="N871144" s="10"/>
    </row>
    <row r="871145" spans="14:14">
      <c r="N871145" s="10"/>
    </row>
    <row r="871146" spans="14:14">
      <c r="N871146" s="10"/>
    </row>
    <row r="871147" spans="14:14">
      <c r="N871147" s="10"/>
    </row>
    <row r="871148" spans="14:14">
      <c r="N871148" s="10"/>
    </row>
    <row r="871149" spans="14:14">
      <c r="N871149" s="10"/>
    </row>
    <row r="871150" spans="14:14">
      <c r="N871150" s="10"/>
    </row>
    <row r="871151" spans="14:14">
      <c r="N871151" s="10"/>
    </row>
    <row r="871152" spans="14:14">
      <c r="N871152" s="10"/>
    </row>
    <row r="871153" spans="14:14">
      <c r="N871153" s="10"/>
    </row>
    <row r="871154" spans="14:14">
      <c r="N871154" s="10"/>
    </row>
    <row r="871155" spans="14:14">
      <c r="N871155" s="10"/>
    </row>
    <row r="871156" spans="14:14">
      <c r="N871156" s="10"/>
    </row>
    <row r="871157" spans="14:14">
      <c r="N871157" s="10"/>
    </row>
    <row r="871158" spans="14:14">
      <c r="N871158" s="10"/>
    </row>
    <row r="871159" spans="14:14">
      <c r="N871159" s="10"/>
    </row>
    <row r="871160" spans="14:14">
      <c r="N871160" s="10"/>
    </row>
    <row r="871161" spans="14:14">
      <c r="N871161" s="10"/>
    </row>
    <row r="871162" spans="14:14">
      <c r="N871162" s="10"/>
    </row>
    <row r="871163" spans="14:14">
      <c r="N871163" s="10"/>
    </row>
    <row r="871164" spans="14:14">
      <c r="N871164" s="10"/>
    </row>
    <row r="871165" spans="14:14">
      <c r="N871165" s="10"/>
    </row>
    <row r="871166" spans="14:14">
      <c r="N871166" s="10"/>
    </row>
    <row r="871167" spans="14:14">
      <c r="N871167" s="10"/>
    </row>
    <row r="871168" spans="14:14">
      <c r="N871168" s="10"/>
    </row>
    <row r="871169" spans="14:14">
      <c r="N871169" s="10"/>
    </row>
    <row r="871170" spans="14:14">
      <c r="N871170" s="10"/>
    </row>
    <row r="871171" spans="14:14">
      <c r="N871171" s="10"/>
    </row>
    <row r="871172" spans="14:14">
      <c r="N871172" s="10"/>
    </row>
    <row r="871173" spans="14:14">
      <c r="N871173" s="10"/>
    </row>
    <row r="871174" spans="14:14">
      <c r="N871174" s="10"/>
    </row>
    <row r="871175" spans="14:14">
      <c r="N871175" s="10"/>
    </row>
    <row r="871176" spans="14:14">
      <c r="N871176" s="10"/>
    </row>
    <row r="871177" spans="14:14">
      <c r="N871177" s="10"/>
    </row>
    <row r="871178" spans="14:14">
      <c r="N871178" s="10"/>
    </row>
    <row r="871179" spans="14:14">
      <c r="N871179" s="10"/>
    </row>
    <row r="871180" spans="14:14">
      <c r="N871180" s="10"/>
    </row>
    <row r="871181" spans="14:14">
      <c r="N871181" s="10"/>
    </row>
    <row r="871182" spans="14:14">
      <c r="N871182" s="10"/>
    </row>
    <row r="871183" spans="14:14">
      <c r="N871183" s="10"/>
    </row>
    <row r="871184" spans="14:14">
      <c r="N871184" s="10"/>
    </row>
    <row r="871185" spans="14:14">
      <c r="N871185" s="10"/>
    </row>
    <row r="871186" spans="14:14">
      <c r="N871186" s="10"/>
    </row>
    <row r="871187" spans="14:14">
      <c r="N871187" s="10"/>
    </row>
    <row r="871188" spans="14:14">
      <c r="N871188" s="10"/>
    </row>
    <row r="871189" spans="14:14">
      <c r="N871189" s="10"/>
    </row>
    <row r="871190" spans="14:14">
      <c r="N871190" s="10"/>
    </row>
    <row r="871191" spans="14:14">
      <c r="N871191" s="10"/>
    </row>
    <row r="871192" spans="14:14">
      <c r="N871192" s="10"/>
    </row>
    <row r="871193" spans="14:14">
      <c r="N871193" s="10"/>
    </row>
    <row r="871194" spans="14:14">
      <c r="N871194" s="10"/>
    </row>
    <row r="871195" spans="14:14">
      <c r="N871195" s="10"/>
    </row>
    <row r="871196" spans="14:14">
      <c r="N871196" s="10"/>
    </row>
    <row r="871197" spans="14:14">
      <c r="N871197" s="10"/>
    </row>
    <row r="871198" spans="14:14">
      <c r="N871198" s="10"/>
    </row>
    <row r="871199" spans="14:14">
      <c r="N871199" s="10"/>
    </row>
    <row r="871200" spans="14:14">
      <c r="N871200" s="10"/>
    </row>
    <row r="871201" spans="14:14">
      <c r="N871201" s="10"/>
    </row>
    <row r="871202" spans="14:14">
      <c r="N871202" s="10"/>
    </row>
    <row r="871203" spans="14:14">
      <c r="N871203" s="10"/>
    </row>
    <row r="871204" spans="14:14">
      <c r="N871204" s="10"/>
    </row>
    <row r="871205" spans="14:14">
      <c r="N871205" s="10"/>
    </row>
    <row r="871206" spans="14:14">
      <c r="N871206" s="10"/>
    </row>
    <row r="871207" spans="14:14">
      <c r="N871207" s="10"/>
    </row>
    <row r="871208" spans="14:14">
      <c r="N871208" s="10"/>
    </row>
    <row r="871209" spans="14:14">
      <c r="N871209" s="10"/>
    </row>
    <row r="871210" spans="14:14">
      <c r="N871210" s="10"/>
    </row>
    <row r="871211" spans="14:14">
      <c r="N871211" s="10"/>
    </row>
    <row r="871212" spans="14:14">
      <c r="N871212" s="10"/>
    </row>
    <row r="871213" spans="14:14">
      <c r="N871213" s="10"/>
    </row>
    <row r="871214" spans="14:14">
      <c r="N871214" s="10"/>
    </row>
    <row r="871215" spans="14:14">
      <c r="N871215" s="10"/>
    </row>
    <row r="871216" spans="14:14">
      <c r="N871216" s="10"/>
    </row>
    <row r="871217" spans="14:14">
      <c r="N871217" s="10"/>
    </row>
    <row r="871218" spans="14:14">
      <c r="N871218" s="10"/>
    </row>
    <row r="871219" spans="14:14">
      <c r="N871219" s="10"/>
    </row>
    <row r="871220" spans="14:14">
      <c r="N871220" s="10"/>
    </row>
    <row r="871221" spans="14:14">
      <c r="N871221" s="10"/>
    </row>
    <row r="871222" spans="14:14">
      <c r="N871222" s="10"/>
    </row>
    <row r="871223" spans="14:14">
      <c r="N871223" s="10"/>
    </row>
    <row r="871224" spans="14:14">
      <c r="N871224" s="10"/>
    </row>
    <row r="871225" spans="14:14">
      <c r="N871225" s="10"/>
    </row>
    <row r="871226" spans="14:14">
      <c r="N871226" s="10"/>
    </row>
    <row r="871227" spans="14:14">
      <c r="N871227" s="10"/>
    </row>
    <row r="871228" spans="14:14">
      <c r="N871228" s="10"/>
    </row>
    <row r="871229" spans="14:14">
      <c r="N871229" s="10"/>
    </row>
    <row r="871230" spans="14:14">
      <c r="N871230" s="10"/>
    </row>
    <row r="871231" spans="14:14">
      <c r="N871231" s="10"/>
    </row>
    <row r="871232" spans="14:14">
      <c r="N871232" s="10"/>
    </row>
    <row r="871233" spans="14:14">
      <c r="N871233" s="10"/>
    </row>
    <row r="871234" spans="14:14">
      <c r="N871234" s="10"/>
    </row>
    <row r="871235" spans="14:14">
      <c r="N871235" s="10"/>
    </row>
    <row r="871236" spans="14:14">
      <c r="N871236" s="10"/>
    </row>
    <row r="871237" spans="14:14">
      <c r="N871237" s="10"/>
    </row>
    <row r="871238" spans="14:14">
      <c r="N871238" s="10"/>
    </row>
    <row r="871239" spans="14:14">
      <c r="N871239" s="10"/>
    </row>
    <row r="871240" spans="14:14">
      <c r="N871240" s="10"/>
    </row>
    <row r="871241" spans="14:14">
      <c r="N871241" s="10"/>
    </row>
    <row r="871242" spans="14:14">
      <c r="N871242" s="10"/>
    </row>
    <row r="871243" spans="14:14">
      <c r="N871243" s="10"/>
    </row>
    <row r="871244" spans="14:14">
      <c r="N871244" s="10"/>
    </row>
    <row r="871245" spans="14:14">
      <c r="N871245" s="10"/>
    </row>
    <row r="871246" spans="14:14">
      <c r="N871246" s="10"/>
    </row>
    <row r="871247" spans="14:14">
      <c r="N871247" s="10"/>
    </row>
    <row r="871248" spans="14:14">
      <c r="N871248" s="10"/>
    </row>
    <row r="871249" spans="14:14">
      <c r="N871249" s="10"/>
    </row>
    <row r="871250" spans="14:14">
      <c r="N871250" s="10"/>
    </row>
    <row r="871251" spans="14:14">
      <c r="N871251" s="10"/>
    </row>
    <row r="871252" spans="14:14">
      <c r="N871252" s="10"/>
    </row>
    <row r="871253" spans="14:14">
      <c r="N871253" s="10"/>
    </row>
    <row r="871254" spans="14:14">
      <c r="N871254" s="10"/>
    </row>
    <row r="871255" spans="14:14">
      <c r="N871255" s="10"/>
    </row>
    <row r="871256" spans="14:14">
      <c r="N871256" s="10"/>
    </row>
    <row r="871257" spans="14:14">
      <c r="N871257" s="10"/>
    </row>
    <row r="871258" spans="14:14">
      <c r="N871258" s="10"/>
    </row>
    <row r="871259" spans="14:14">
      <c r="N871259" s="10"/>
    </row>
    <row r="871260" spans="14:14">
      <c r="N871260" s="10"/>
    </row>
    <row r="871261" spans="14:14">
      <c r="N871261" s="10"/>
    </row>
    <row r="871262" spans="14:14">
      <c r="N871262" s="10"/>
    </row>
    <row r="871263" spans="14:14">
      <c r="N871263" s="10"/>
    </row>
    <row r="871264" spans="14:14">
      <c r="N871264" s="10"/>
    </row>
    <row r="871265" spans="14:14">
      <c r="N871265" s="10"/>
    </row>
    <row r="871266" spans="14:14">
      <c r="N871266" s="10"/>
    </row>
    <row r="871267" spans="14:14">
      <c r="N871267" s="10"/>
    </row>
    <row r="871268" spans="14:14">
      <c r="N871268" s="10"/>
    </row>
    <row r="871269" spans="14:14">
      <c r="N871269" s="10"/>
    </row>
    <row r="871270" spans="14:14">
      <c r="N871270" s="10"/>
    </row>
    <row r="871271" spans="14:14">
      <c r="N871271" s="10"/>
    </row>
    <row r="871272" spans="14:14">
      <c r="N871272" s="10"/>
    </row>
    <row r="871273" spans="14:14">
      <c r="N871273" s="10"/>
    </row>
    <row r="871274" spans="14:14">
      <c r="N871274" s="10"/>
    </row>
    <row r="871275" spans="14:14">
      <c r="N871275" s="10"/>
    </row>
    <row r="871276" spans="14:14">
      <c r="N871276" s="10"/>
    </row>
    <row r="871277" spans="14:14">
      <c r="N871277" s="10"/>
    </row>
    <row r="871278" spans="14:14">
      <c r="N871278" s="10"/>
    </row>
    <row r="871279" spans="14:14">
      <c r="N871279" s="10"/>
    </row>
    <row r="871280" spans="14:14">
      <c r="N871280" s="10"/>
    </row>
    <row r="871281" spans="14:14">
      <c r="N871281" s="10"/>
    </row>
    <row r="871282" spans="14:14">
      <c r="N871282" s="10"/>
    </row>
    <row r="871283" spans="14:14">
      <c r="N871283" s="10"/>
    </row>
    <row r="871284" spans="14:14">
      <c r="N871284" s="10"/>
    </row>
    <row r="871285" spans="14:14">
      <c r="N871285" s="10"/>
    </row>
    <row r="871286" spans="14:14">
      <c r="N871286" s="10"/>
    </row>
    <row r="871287" spans="14:14">
      <c r="N871287" s="10"/>
    </row>
    <row r="871288" spans="14:14">
      <c r="N871288" s="10"/>
    </row>
    <row r="871289" spans="14:14">
      <c r="N871289" s="10"/>
    </row>
    <row r="871290" spans="14:14">
      <c r="N871290" s="10"/>
    </row>
    <row r="871291" spans="14:14">
      <c r="N871291" s="10"/>
    </row>
    <row r="871292" spans="14:14">
      <c r="N871292" s="10"/>
    </row>
    <row r="871293" spans="14:14">
      <c r="N871293" s="10"/>
    </row>
    <row r="871294" spans="14:14">
      <c r="N871294" s="10"/>
    </row>
    <row r="871295" spans="14:14">
      <c r="N871295" s="10"/>
    </row>
    <row r="871296" spans="14:14">
      <c r="N871296" s="10"/>
    </row>
    <row r="871297" spans="14:14">
      <c r="N871297" s="10"/>
    </row>
    <row r="871298" spans="14:14">
      <c r="N871298" s="10"/>
    </row>
    <row r="871299" spans="14:14">
      <c r="N871299" s="10"/>
    </row>
    <row r="871300" spans="14:14">
      <c r="N871300" s="10"/>
    </row>
    <row r="871301" spans="14:14">
      <c r="N871301" s="10"/>
    </row>
    <row r="871302" spans="14:14">
      <c r="N871302" s="10"/>
    </row>
    <row r="871303" spans="14:14">
      <c r="N871303" s="10"/>
    </row>
    <row r="871304" spans="14:14">
      <c r="N871304" s="10"/>
    </row>
    <row r="871305" spans="14:14">
      <c r="N871305" s="10"/>
    </row>
    <row r="871306" spans="14:14">
      <c r="N871306" s="10"/>
    </row>
    <row r="871307" spans="14:14">
      <c r="N871307" s="10"/>
    </row>
    <row r="871308" spans="14:14">
      <c r="N871308" s="10"/>
    </row>
    <row r="871309" spans="14:14">
      <c r="N871309" s="10"/>
    </row>
    <row r="871310" spans="14:14">
      <c r="N871310" s="10"/>
    </row>
    <row r="871311" spans="14:14">
      <c r="N871311" s="10"/>
    </row>
    <row r="871312" spans="14:14">
      <c r="N871312" s="10"/>
    </row>
    <row r="871313" spans="14:14">
      <c r="N871313" s="10"/>
    </row>
    <row r="871314" spans="14:14">
      <c r="N871314" s="10"/>
    </row>
    <row r="871315" spans="14:14">
      <c r="N871315" s="10"/>
    </row>
    <row r="871316" spans="14:14">
      <c r="N871316" s="10"/>
    </row>
    <row r="871317" spans="14:14">
      <c r="N871317" s="10"/>
    </row>
    <row r="871318" spans="14:14">
      <c r="N871318" s="10"/>
    </row>
    <row r="871319" spans="14:14">
      <c r="N871319" s="10"/>
    </row>
    <row r="871320" spans="14:14">
      <c r="N871320" s="10"/>
    </row>
    <row r="871321" spans="14:14">
      <c r="N871321" s="10"/>
    </row>
    <row r="871322" spans="14:14">
      <c r="N871322" s="10"/>
    </row>
    <row r="871323" spans="14:14">
      <c r="N871323" s="10"/>
    </row>
    <row r="871324" spans="14:14">
      <c r="N871324" s="10"/>
    </row>
    <row r="871325" spans="14:14">
      <c r="N871325" s="10"/>
    </row>
    <row r="871326" spans="14:14">
      <c r="N871326" s="10"/>
    </row>
    <row r="871327" spans="14:14">
      <c r="N871327" s="10"/>
    </row>
    <row r="871328" spans="14:14">
      <c r="N871328" s="10"/>
    </row>
    <row r="871329" spans="14:14">
      <c r="N871329" s="10"/>
    </row>
    <row r="871330" spans="14:14">
      <c r="N871330" s="10"/>
    </row>
    <row r="871331" spans="14:14">
      <c r="N871331" s="10"/>
    </row>
    <row r="871332" spans="14:14">
      <c r="N871332" s="10"/>
    </row>
    <row r="871333" spans="14:14">
      <c r="N871333" s="10"/>
    </row>
    <row r="871334" spans="14:14">
      <c r="N871334" s="10"/>
    </row>
    <row r="871335" spans="14:14">
      <c r="N871335" s="10"/>
    </row>
    <row r="871336" spans="14:14">
      <c r="N871336" s="10"/>
    </row>
    <row r="871337" spans="14:14">
      <c r="N871337" s="10"/>
    </row>
    <row r="871338" spans="14:14">
      <c r="N871338" s="10"/>
    </row>
    <row r="871339" spans="14:14">
      <c r="N871339" s="10"/>
    </row>
    <row r="871340" spans="14:14">
      <c r="N871340" s="10"/>
    </row>
    <row r="871341" spans="14:14">
      <c r="N871341" s="10"/>
    </row>
    <row r="871342" spans="14:14">
      <c r="N871342" s="10"/>
    </row>
    <row r="871343" spans="14:14">
      <c r="N871343" s="10"/>
    </row>
    <row r="871344" spans="14:14">
      <c r="N871344" s="10"/>
    </row>
    <row r="871345" spans="14:14">
      <c r="N871345" s="10"/>
    </row>
    <row r="871346" spans="14:14">
      <c r="N871346" s="10"/>
    </row>
    <row r="871347" spans="14:14">
      <c r="N871347" s="10"/>
    </row>
    <row r="871348" spans="14:14">
      <c r="N871348" s="10"/>
    </row>
    <row r="871349" spans="14:14">
      <c r="N871349" s="10"/>
    </row>
    <row r="871350" spans="14:14">
      <c r="N871350" s="10"/>
    </row>
    <row r="871351" spans="14:14">
      <c r="N871351" s="10"/>
    </row>
    <row r="871352" spans="14:14">
      <c r="N871352" s="10"/>
    </row>
    <row r="871353" spans="14:14">
      <c r="N871353" s="10"/>
    </row>
    <row r="871354" spans="14:14">
      <c r="N871354" s="10"/>
    </row>
    <row r="871355" spans="14:14">
      <c r="N871355" s="10"/>
    </row>
    <row r="871356" spans="14:14">
      <c r="N871356" s="10"/>
    </row>
    <row r="871357" spans="14:14">
      <c r="N871357" s="10"/>
    </row>
    <row r="871358" spans="14:14">
      <c r="N871358" s="10"/>
    </row>
    <row r="871359" spans="14:14">
      <c r="N871359" s="10"/>
    </row>
    <row r="871360" spans="14:14">
      <c r="N871360" s="10"/>
    </row>
    <row r="871361" spans="14:14">
      <c r="N871361" s="10"/>
    </row>
    <row r="871362" spans="14:14">
      <c r="N871362" s="10"/>
    </row>
    <row r="871363" spans="14:14">
      <c r="N871363" s="10"/>
    </row>
    <row r="871364" spans="14:14">
      <c r="N871364" s="10"/>
    </row>
    <row r="871365" spans="14:14">
      <c r="N871365" s="10"/>
    </row>
    <row r="871366" spans="14:14">
      <c r="N871366" s="10"/>
    </row>
    <row r="871367" spans="14:14">
      <c r="N871367" s="10"/>
    </row>
    <row r="871368" spans="14:14">
      <c r="N871368" s="10"/>
    </row>
    <row r="871369" spans="14:14">
      <c r="N871369" s="10"/>
    </row>
    <row r="871370" spans="14:14">
      <c r="N871370" s="10"/>
    </row>
    <row r="871371" spans="14:14">
      <c r="N871371" s="10"/>
    </row>
    <row r="871372" spans="14:14">
      <c r="N871372" s="10"/>
    </row>
    <row r="871373" spans="14:14">
      <c r="N871373" s="10"/>
    </row>
    <row r="871374" spans="14:14">
      <c r="N871374" s="10"/>
    </row>
    <row r="871375" spans="14:14">
      <c r="N871375" s="10"/>
    </row>
    <row r="871376" spans="14:14">
      <c r="N871376" s="10"/>
    </row>
    <row r="871377" spans="14:14">
      <c r="N871377" s="10"/>
    </row>
    <row r="871378" spans="14:14">
      <c r="N871378" s="10"/>
    </row>
    <row r="871379" spans="14:14">
      <c r="N871379" s="10"/>
    </row>
    <row r="871380" spans="14:14">
      <c r="N871380" s="10"/>
    </row>
    <row r="871381" spans="14:14">
      <c r="N871381" s="10"/>
    </row>
    <row r="871382" spans="14:14">
      <c r="N871382" s="10"/>
    </row>
    <row r="871383" spans="14:14">
      <c r="N871383" s="10"/>
    </row>
    <row r="871384" spans="14:14">
      <c r="N871384" s="10"/>
    </row>
    <row r="871385" spans="14:14">
      <c r="N871385" s="10"/>
    </row>
    <row r="871386" spans="14:14">
      <c r="N871386" s="10"/>
    </row>
    <row r="871387" spans="14:14">
      <c r="N871387" s="10"/>
    </row>
    <row r="871388" spans="14:14">
      <c r="N871388" s="10"/>
    </row>
    <row r="871389" spans="14:14">
      <c r="N871389" s="10"/>
    </row>
    <row r="871390" spans="14:14">
      <c r="N871390" s="10"/>
    </row>
    <row r="871391" spans="14:14">
      <c r="N871391" s="10"/>
    </row>
    <row r="871392" spans="14:14">
      <c r="N871392" s="10"/>
    </row>
    <row r="871393" spans="14:14">
      <c r="N871393" s="10"/>
    </row>
    <row r="871394" spans="14:14">
      <c r="N871394" s="10"/>
    </row>
    <row r="871395" spans="14:14">
      <c r="N871395" s="10"/>
    </row>
    <row r="871396" spans="14:14">
      <c r="N871396" s="10"/>
    </row>
    <row r="871397" spans="14:14">
      <c r="N871397" s="10"/>
    </row>
    <row r="871398" spans="14:14">
      <c r="N871398" s="10"/>
    </row>
    <row r="871399" spans="14:14">
      <c r="N871399" s="10"/>
    </row>
    <row r="871400" spans="14:14">
      <c r="N871400" s="10"/>
    </row>
    <row r="871401" spans="14:14">
      <c r="N871401" s="10"/>
    </row>
    <row r="871402" spans="14:14">
      <c r="N871402" s="10"/>
    </row>
    <row r="871403" spans="14:14">
      <c r="N871403" s="10"/>
    </row>
    <row r="871404" spans="14:14">
      <c r="N871404" s="10"/>
    </row>
    <row r="871405" spans="14:14">
      <c r="N871405" s="10"/>
    </row>
    <row r="871406" spans="14:14">
      <c r="N871406" s="10"/>
    </row>
    <row r="871407" spans="14:14">
      <c r="N871407" s="10"/>
    </row>
    <row r="871408" spans="14:14">
      <c r="N871408" s="10"/>
    </row>
    <row r="871409" spans="14:14">
      <c r="N871409" s="10"/>
    </row>
    <row r="871410" spans="14:14">
      <c r="N871410" s="10"/>
    </row>
    <row r="871411" spans="14:14">
      <c r="N871411" s="10"/>
    </row>
    <row r="871412" spans="14:14">
      <c r="N871412" s="10"/>
    </row>
    <row r="871413" spans="14:14">
      <c r="N871413" s="10"/>
    </row>
    <row r="871414" spans="14:14">
      <c r="N871414" s="10"/>
    </row>
    <row r="871415" spans="14:14">
      <c r="N871415" s="10"/>
    </row>
    <row r="871416" spans="14:14">
      <c r="N871416" s="10"/>
    </row>
    <row r="871417" spans="14:14">
      <c r="N871417" s="10"/>
    </row>
    <row r="871418" spans="14:14">
      <c r="N871418" s="10"/>
    </row>
    <row r="871419" spans="14:14">
      <c r="N871419" s="10"/>
    </row>
    <row r="871420" spans="14:14">
      <c r="N871420" s="10"/>
    </row>
    <row r="871421" spans="14:14">
      <c r="N871421" s="10"/>
    </row>
    <row r="871422" spans="14:14">
      <c r="N871422" s="10"/>
    </row>
    <row r="871423" spans="14:14">
      <c r="N871423" s="10"/>
    </row>
    <row r="871424" spans="14:14">
      <c r="N871424" s="10"/>
    </row>
    <row r="871425" spans="14:14">
      <c r="N871425" s="10"/>
    </row>
    <row r="871426" spans="14:14">
      <c r="N871426" s="10"/>
    </row>
    <row r="871427" spans="14:14">
      <c r="N871427" s="10"/>
    </row>
    <row r="871428" spans="14:14">
      <c r="N871428" s="10"/>
    </row>
    <row r="871429" spans="14:14">
      <c r="N871429" s="10"/>
    </row>
    <row r="871430" spans="14:14">
      <c r="N871430" s="10"/>
    </row>
    <row r="871431" spans="14:14">
      <c r="N871431" s="10"/>
    </row>
    <row r="871432" spans="14:14">
      <c r="N871432" s="10"/>
    </row>
    <row r="871433" spans="14:14">
      <c r="N871433" s="10"/>
    </row>
    <row r="871434" spans="14:14">
      <c r="N871434" s="10"/>
    </row>
    <row r="871435" spans="14:14">
      <c r="N871435" s="10"/>
    </row>
    <row r="871436" spans="14:14">
      <c r="N871436" s="10"/>
    </row>
    <row r="871437" spans="14:14">
      <c r="N871437" s="10"/>
    </row>
    <row r="871438" spans="14:14">
      <c r="N871438" s="10"/>
    </row>
    <row r="871439" spans="14:14">
      <c r="N871439" s="10"/>
    </row>
    <row r="871440" spans="14:14">
      <c r="N871440" s="10"/>
    </row>
    <row r="871441" spans="14:14">
      <c r="N871441" s="10"/>
    </row>
    <row r="871442" spans="14:14">
      <c r="N871442" s="10"/>
    </row>
    <row r="871443" spans="14:14">
      <c r="N871443" s="10"/>
    </row>
    <row r="871444" spans="14:14">
      <c r="N871444" s="10"/>
    </row>
    <row r="871445" spans="14:14">
      <c r="N871445" s="10"/>
    </row>
    <row r="871446" spans="14:14">
      <c r="N871446" s="10"/>
    </row>
    <row r="871447" spans="14:14">
      <c r="N871447" s="10"/>
    </row>
    <row r="871448" spans="14:14">
      <c r="N871448" s="10"/>
    </row>
    <row r="871449" spans="14:14">
      <c r="N871449" s="10"/>
    </row>
    <row r="871450" spans="14:14">
      <c r="N871450" s="10"/>
    </row>
    <row r="871451" spans="14:14">
      <c r="N871451" s="10"/>
    </row>
    <row r="871452" spans="14:14">
      <c r="N871452" s="10"/>
    </row>
    <row r="871453" spans="14:14">
      <c r="N871453" s="10"/>
    </row>
    <row r="871454" spans="14:14">
      <c r="N871454" s="10"/>
    </row>
    <row r="871455" spans="14:14">
      <c r="N871455" s="10"/>
    </row>
    <row r="871456" spans="14:14">
      <c r="N871456" s="10"/>
    </row>
    <row r="871457" spans="14:14">
      <c r="N871457" s="10"/>
    </row>
    <row r="871458" spans="14:14">
      <c r="N871458" s="10"/>
    </row>
    <row r="871459" spans="14:14">
      <c r="N871459" s="10"/>
    </row>
    <row r="871460" spans="14:14">
      <c r="N871460" s="10"/>
    </row>
    <row r="871461" spans="14:14">
      <c r="N871461" s="10"/>
    </row>
    <row r="871462" spans="14:14">
      <c r="N871462" s="10"/>
    </row>
    <row r="871463" spans="14:14">
      <c r="N871463" s="10"/>
    </row>
    <row r="871464" spans="14:14">
      <c r="N871464" s="10"/>
    </row>
    <row r="871465" spans="14:14">
      <c r="N871465" s="10"/>
    </row>
    <row r="871466" spans="14:14">
      <c r="N871466" s="10"/>
    </row>
    <row r="871467" spans="14:14">
      <c r="N871467" s="10"/>
    </row>
    <row r="871468" spans="14:14">
      <c r="N871468" s="10"/>
    </row>
    <row r="871469" spans="14:14">
      <c r="N871469" s="10"/>
    </row>
    <row r="871470" spans="14:14">
      <c r="N871470" s="10"/>
    </row>
    <row r="871471" spans="14:14">
      <c r="N871471" s="10"/>
    </row>
    <row r="871472" spans="14:14">
      <c r="N871472" s="10"/>
    </row>
    <row r="871473" spans="14:14">
      <c r="N871473" s="10"/>
    </row>
    <row r="871474" spans="14:14">
      <c r="N871474" s="10"/>
    </row>
    <row r="871475" spans="14:14">
      <c r="N871475" s="10"/>
    </row>
    <row r="871476" spans="14:14">
      <c r="N871476" s="10"/>
    </row>
    <row r="871477" spans="14:14">
      <c r="N871477" s="10"/>
    </row>
    <row r="871478" spans="14:14">
      <c r="N871478" s="10"/>
    </row>
    <row r="871479" spans="14:14">
      <c r="N871479" s="10"/>
    </row>
    <row r="871480" spans="14:14">
      <c r="N871480" s="10"/>
    </row>
    <row r="871481" spans="14:14">
      <c r="N871481" s="10"/>
    </row>
    <row r="871482" spans="14:14">
      <c r="N871482" s="10"/>
    </row>
    <row r="871483" spans="14:14">
      <c r="N871483" s="10"/>
    </row>
    <row r="871484" spans="14:14">
      <c r="N871484" s="10"/>
    </row>
    <row r="871485" spans="14:14">
      <c r="N871485" s="10"/>
    </row>
    <row r="871486" spans="14:14">
      <c r="N871486" s="10"/>
    </row>
    <row r="871487" spans="14:14">
      <c r="N871487" s="10"/>
    </row>
    <row r="871488" spans="14:14">
      <c r="N871488" s="10"/>
    </row>
    <row r="871489" spans="14:14">
      <c r="N871489" s="10"/>
    </row>
    <row r="871490" spans="14:14">
      <c r="N871490" s="10"/>
    </row>
    <row r="871491" spans="14:14">
      <c r="N871491" s="10"/>
    </row>
    <row r="871492" spans="14:14">
      <c r="N871492" s="10"/>
    </row>
    <row r="871493" spans="14:14">
      <c r="N871493" s="10"/>
    </row>
    <row r="871494" spans="14:14">
      <c r="N871494" s="10"/>
    </row>
    <row r="871495" spans="14:14">
      <c r="N871495" s="10"/>
    </row>
    <row r="871496" spans="14:14">
      <c r="N871496" s="10"/>
    </row>
    <row r="871497" spans="14:14">
      <c r="N871497" s="10"/>
    </row>
    <row r="871498" spans="14:14">
      <c r="N871498" s="10"/>
    </row>
    <row r="871499" spans="14:14">
      <c r="N871499" s="10"/>
    </row>
    <row r="871500" spans="14:14">
      <c r="N871500" s="10"/>
    </row>
    <row r="871501" spans="14:14">
      <c r="N871501" s="10"/>
    </row>
    <row r="871502" spans="14:14">
      <c r="N871502" s="10"/>
    </row>
    <row r="871503" spans="14:14">
      <c r="N871503" s="10"/>
    </row>
    <row r="871504" spans="14:14">
      <c r="N871504" s="10"/>
    </row>
    <row r="871505" spans="14:14">
      <c r="N871505" s="10"/>
    </row>
    <row r="871506" spans="14:14">
      <c r="N871506" s="10"/>
    </row>
    <row r="871507" spans="14:14">
      <c r="N871507" s="10"/>
    </row>
    <row r="871508" spans="14:14">
      <c r="N871508" s="10"/>
    </row>
    <row r="871509" spans="14:14">
      <c r="N871509" s="10"/>
    </row>
    <row r="871510" spans="14:14">
      <c r="N871510" s="10"/>
    </row>
    <row r="871511" spans="14:14">
      <c r="N871511" s="10"/>
    </row>
    <row r="871512" spans="14:14">
      <c r="N871512" s="10"/>
    </row>
    <row r="871513" spans="14:14">
      <c r="N871513" s="10"/>
    </row>
    <row r="871514" spans="14:14">
      <c r="N871514" s="10"/>
    </row>
    <row r="871515" spans="14:14">
      <c r="N871515" s="10"/>
    </row>
    <row r="871516" spans="14:14">
      <c r="N871516" s="10"/>
    </row>
    <row r="871517" spans="14:14">
      <c r="N871517" s="10"/>
    </row>
    <row r="871518" spans="14:14">
      <c r="N871518" s="10"/>
    </row>
    <row r="871519" spans="14:14">
      <c r="N871519" s="10"/>
    </row>
    <row r="871520" spans="14:14">
      <c r="N871520" s="10"/>
    </row>
    <row r="871521" spans="14:14">
      <c r="N871521" s="10"/>
    </row>
    <row r="871522" spans="14:14">
      <c r="N871522" s="10"/>
    </row>
    <row r="871523" spans="14:14">
      <c r="N871523" s="10"/>
    </row>
    <row r="871524" spans="14:14">
      <c r="N871524" s="10"/>
    </row>
    <row r="871525" spans="14:14">
      <c r="N871525" s="10"/>
    </row>
    <row r="871526" spans="14:14">
      <c r="N871526" s="10"/>
    </row>
    <row r="871527" spans="14:14">
      <c r="N871527" s="10"/>
    </row>
    <row r="871528" spans="14:14">
      <c r="N871528" s="10"/>
    </row>
    <row r="871529" spans="14:14">
      <c r="N871529" s="10"/>
    </row>
    <row r="871530" spans="14:14">
      <c r="N871530" s="10"/>
    </row>
    <row r="871531" spans="14:14">
      <c r="N871531" s="10"/>
    </row>
    <row r="871532" spans="14:14">
      <c r="N871532" s="10"/>
    </row>
    <row r="871533" spans="14:14">
      <c r="N871533" s="10"/>
    </row>
    <row r="871534" spans="14:14">
      <c r="N871534" s="10"/>
    </row>
    <row r="871535" spans="14:14">
      <c r="N871535" s="10"/>
    </row>
    <row r="871536" spans="14:14">
      <c r="N871536" s="10"/>
    </row>
    <row r="871537" spans="14:14">
      <c r="N871537" s="10"/>
    </row>
    <row r="871538" spans="14:14">
      <c r="N871538" s="10"/>
    </row>
    <row r="871539" spans="14:14">
      <c r="N871539" s="10"/>
    </row>
    <row r="871540" spans="14:14">
      <c r="N871540" s="10"/>
    </row>
    <row r="871541" spans="14:14">
      <c r="N871541" s="10"/>
    </row>
    <row r="871542" spans="14:14">
      <c r="N871542" s="10"/>
    </row>
    <row r="871543" spans="14:14">
      <c r="N871543" s="10"/>
    </row>
    <row r="871544" spans="14:14">
      <c r="N871544" s="10"/>
    </row>
    <row r="871545" spans="14:14">
      <c r="N871545" s="10"/>
    </row>
    <row r="871546" spans="14:14">
      <c r="N871546" s="10"/>
    </row>
    <row r="871547" spans="14:14">
      <c r="N871547" s="10"/>
    </row>
    <row r="871548" spans="14:14">
      <c r="N871548" s="10"/>
    </row>
    <row r="871549" spans="14:14">
      <c r="N871549" s="10"/>
    </row>
    <row r="871550" spans="14:14">
      <c r="N871550" s="10"/>
    </row>
    <row r="871551" spans="14:14">
      <c r="N871551" s="10"/>
    </row>
    <row r="871552" spans="14:14">
      <c r="N871552" s="10"/>
    </row>
    <row r="871553" spans="14:14">
      <c r="N871553" s="10"/>
    </row>
    <row r="871554" spans="14:14">
      <c r="N871554" s="10"/>
    </row>
    <row r="871555" spans="14:14">
      <c r="N871555" s="10"/>
    </row>
    <row r="871556" spans="14:14">
      <c r="N871556" s="10"/>
    </row>
    <row r="871557" spans="14:14">
      <c r="N871557" s="10"/>
    </row>
    <row r="871558" spans="14:14">
      <c r="N871558" s="10"/>
    </row>
    <row r="871559" spans="14:14">
      <c r="N871559" s="10"/>
    </row>
    <row r="871560" spans="14:14">
      <c r="N871560" s="10"/>
    </row>
    <row r="871561" spans="14:14">
      <c r="N871561" s="10"/>
    </row>
    <row r="871562" spans="14:14">
      <c r="N871562" s="10"/>
    </row>
    <row r="871563" spans="14:14">
      <c r="N871563" s="10"/>
    </row>
    <row r="871564" spans="14:14">
      <c r="N871564" s="10"/>
    </row>
    <row r="871565" spans="14:14">
      <c r="N871565" s="10"/>
    </row>
    <row r="871566" spans="14:14">
      <c r="N871566" s="10"/>
    </row>
    <row r="871567" spans="14:14">
      <c r="N871567" s="10"/>
    </row>
    <row r="871568" spans="14:14">
      <c r="N871568" s="10"/>
    </row>
    <row r="871569" spans="14:14">
      <c r="N871569" s="10"/>
    </row>
    <row r="871570" spans="14:14">
      <c r="N871570" s="10"/>
    </row>
    <row r="871571" spans="14:14">
      <c r="N871571" s="10"/>
    </row>
    <row r="871572" spans="14:14">
      <c r="N871572" s="10"/>
    </row>
    <row r="871573" spans="14:14">
      <c r="N871573" s="10"/>
    </row>
    <row r="871574" spans="14:14">
      <c r="N871574" s="10"/>
    </row>
    <row r="871575" spans="14:14">
      <c r="N871575" s="10"/>
    </row>
    <row r="871576" spans="14:14">
      <c r="N871576" s="10"/>
    </row>
    <row r="871577" spans="14:14">
      <c r="N871577" s="10"/>
    </row>
    <row r="871578" spans="14:14">
      <c r="N871578" s="10"/>
    </row>
    <row r="871579" spans="14:14">
      <c r="N871579" s="10"/>
    </row>
    <row r="871580" spans="14:14">
      <c r="N871580" s="10"/>
    </row>
    <row r="871581" spans="14:14">
      <c r="N871581" s="10"/>
    </row>
    <row r="871582" spans="14:14">
      <c r="N871582" s="10"/>
    </row>
    <row r="871583" spans="14:14">
      <c r="N871583" s="10"/>
    </row>
    <row r="871584" spans="14:14">
      <c r="N871584" s="10"/>
    </row>
    <row r="871585" spans="14:14">
      <c r="N871585" s="10"/>
    </row>
    <row r="871586" spans="14:14">
      <c r="N871586" s="10"/>
    </row>
    <row r="871587" spans="14:14">
      <c r="N871587" s="10"/>
    </row>
    <row r="871588" spans="14:14">
      <c r="N871588" s="10"/>
    </row>
    <row r="871589" spans="14:14">
      <c r="N871589" s="10"/>
    </row>
    <row r="871590" spans="14:14">
      <c r="N871590" s="10"/>
    </row>
    <row r="871591" spans="14:14">
      <c r="N871591" s="10"/>
    </row>
    <row r="871592" spans="14:14">
      <c r="N871592" s="10"/>
    </row>
    <row r="871593" spans="14:14">
      <c r="N871593" s="10"/>
    </row>
    <row r="871594" spans="14:14">
      <c r="N871594" s="10"/>
    </row>
    <row r="871595" spans="14:14">
      <c r="N871595" s="10"/>
    </row>
    <row r="871596" spans="14:14">
      <c r="N871596" s="10"/>
    </row>
    <row r="871597" spans="14:14">
      <c r="N871597" s="10"/>
    </row>
    <row r="871598" spans="14:14">
      <c r="N871598" s="10"/>
    </row>
    <row r="871599" spans="14:14">
      <c r="N871599" s="10"/>
    </row>
    <row r="871600" spans="14:14">
      <c r="N871600" s="10"/>
    </row>
    <row r="871601" spans="14:14">
      <c r="N871601" s="10"/>
    </row>
    <row r="871602" spans="14:14">
      <c r="N871602" s="10"/>
    </row>
    <row r="871603" spans="14:14">
      <c r="N871603" s="10"/>
    </row>
    <row r="871604" spans="14:14">
      <c r="N871604" s="10"/>
    </row>
    <row r="871605" spans="14:14">
      <c r="N871605" s="10"/>
    </row>
    <row r="871606" spans="14:14">
      <c r="N871606" s="10"/>
    </row>
    <row r="871607" spans="14:14">
      <c r="N871607" s="10"/>
    </row>
    <row r="871608" spans="14:14">
      <c r="N871608" s="10"/>
    </row>
    <row r="871609" spans="14:14">
      <c r="N871609" s="10"/>
    </row>
    <row r="871610" spans="14:14">
      <c r="N871610" s="10"/>
    </row>
    <row r="871611" spans="14:14">
      <c r="N871611" s="10"/>
    </row>
    <row r="871612" spans="14:14">
      <c r="N871612" s="10"/>
    </row>
    <row r="871613" spans="14:14">
      <c r="N871613" s="10"/>
    </row>
    <row r="871614" spans="14:14">
      <c r="N871614" s="10"/>
    </row>
    <row r="871615" spans="14:14">
      <c r="N871615" s="10"/>
    </row>
    <row r="871616" spans="14:14">
      <c r="N871616" s="10"/>
    </row>
    <row r="871617" spans="14:14">
      <c r="N871617" s="10"/>
    </row>
    <row r="871618" spans="14:14">
      <c r="N871618" s="10"/>
    </row>
    <row r="871619" spans="14:14">
      <c r="N871619" s="10"/>
    </row>
    <row r="871620" spans="14:14">
      <c r="N871620" s="10"/>
    </row>
    <row r="871621" spans="14:14">
      <c r="N871621" s="10"/>
    </row>
    <row r="871622" spans="14:14">
      <c r="N871622" s="10"/>
    </row>
    <row r="871623" spans="14:14">
      <c r="N871623" s="10"/>
    </row>
    <row r="871624" spans="14:14">
      <c r="N871624" s="10"/>
    </row>
    <row r="871625" spans="14:14">
      <c r="N871625" s="10"/>
    </row>
    <row r="871626" spans="14:14">
      <c r="N871626" s="10"/>
    </row>
    <row r="871627" spans="14:14">
      <c r="N871627" s="10"/>
    </row>
    <row r="871628" spans="14:14">
      <c r="N871628" s="10"/>
    </row>
    <row r="871629" spans="14:14">
      <c r="N871629" s="10"/>
    </row>
    <row r="871630" spans="14:14">
      <c r="N871630" s="10"/>
    </row>
    <row r="871631" spans="14:14">
      <c r="N871631" s="10"/>
    </row>
    <row r="871632" spans="14:14">
      <c r="N871632" s="10"/>
    </row>
    <row r="871633" spans="14:14">
      <c r="N871633" s="10"/>
    </row>
    <row r="871634" spans="14:14">
      <c r="N871634" s="10"/>
    </row>
    <row r="871635" spans="14:14">
      <c r="N871635" s="10"/>
    </row>
    <row r="871636" spans="14:14">
      <c r="N871636" s="10"/>
    </row>
    <row r="871637" spans="14:14">
      <c r="N871637" s="10"/>
    </row>
    <row r="871638" spans="14:14">
      <c r="N871638" s="10"/>
    </row>
    <row r="871639" spans="14:14">
      <c r="N871639" s="10"/>
    </row>
    <row r="871640" spans="14:14">
      <c r="N871640" s="10"/>
    </row>
    <row r="871641" spans="14:14">
      <c r="N871641" s="10"/>
    </row>
    <row r="871642" spans="14:14">
      <c r="N871642" s="10"/>
    </row>
    <row r="871643" spans="14:14">
      <c r="N871643" s="10"/>
    </row>
    <row r="871644" spans="14:14">
      <c r="N871644" s="10"/>
    </row>
    <row r="871645" spans="14:14">
      <c r="N871645" s="10"/>
    </row>
    <row r="871646" spans="14:14">
      <c r="N871646" s="10"/>
    </row>
    <row r="871647" spans="14:14">
      <c r="N871647" s="10"/>
    </row>
    <row r="871648" spans="14:14">
      <c r="N871648" s="10"/>
    </row>
    <row r="871649" spans="14:14">
      <c r="N871649" s="10"/>
    </row>
    <row r="871650" spans="14:14">
      <c r="N871650" s="10"/>
    </row>
    <row r="871651" spans="14:14">
      <c r="N871651" s="10"/>
    </row>
    <row r="871652" spans="14:14">
      <c r="N871652" s="10"/>
    </row>
    <row r="871653" spans="14:14">
      <c r="N871653" s="10"/>
    </row>
    <row r="871654" spans="14:14">
      <c r="N871654" s="10"/>
    </row>
    <row r="871655" spans="14:14">
      <c r="N871655" s="10"/>
    </row>
    <row r="871656" spans="14:14">
      <c r="N871656" s="10"/>
    </row>
    <row r="871657" spans="14:14">
      <c r="N871657" s="10"/>
    </row>
    <row r="871658" spans="14:14">
      <c r="N871658" s="10"/>
    </row>
    <row r="871659" spans="14:14">
      <c r="N871659" s="10"/>
    </row>
    <row r="871660" spans="14:14">
      <c r="N871660" s="10"/>
    </row>
    <row r="871661" spans="14:14">
      <c r="N871661" s="10"/>
    </row>
    <row r="871662" spans="14:14">
      <c r="N871662" s="10"/>
    </row>
    <row r="871663" spans="14:14">
      <c r="N871663" s="10"/>
    </row>
    <row r="871664" spans="14:14">
      <c r="N871664" s="10"/>
    </row>
    <row r="871665" spans="14:14">
      <c r="N871665" s="10"/>
    </row>
    <row r="871666" spans="14:14">
      <c r="N871666" s="10"/>
    </row>
    <row r="871667" spans="14:14">
      <c r="N871667" s="10"/>
    </row>
    <row r="871668" spans="14:14">
      <c r="N871668" s="10"/>
    </row>
    <row r="871669" spans="14:14">
      <c r="N871669" s="10"/>
    </row>
    <row r="871670" spans="14:14">
      <c r="N871670" s="10"/>
    </row>
    <row r="871671" spans="14:14">
      <c r="N871671" s="10"/>
    </row>
    <row r="871672" spans="14:14">
      <c r="N871672" s="10"/>
    </row>
    <row r="871673" spans="14:14">
      <c r="N871673" s="10"/>
    </row>
    <row r="871674" spans="14:14">
      <c r="N871674" s="10"/>
    </row>
    <row r="871675" spans="14:14">
      <c r="N871675" s="10"/>
    </row>
    <row r="871676" spans="14:14">
      <c r="N871676" s="10"/>
    </row>
    <row r="871677" spans="14:14">
      <c r="N871677" s="10"/>
    </row>
    <row r="871678" spans="14:14">
      <c r="N871678" s="10"/>
    </row>
    <row r="871679" spans="14:14">
      <c r="N871679" s="10"/>
    </row>
    <row r="871680" spans="14:14">
      <c r="N871680" s="10"/>
    </row>
    <row r="871681" spans="14:14">
      <c r="N871681" s="10"/>
    </row>
    <row r="871682" spans="14:14">
      <c r="N871682" s="10"/>
    </row>
    <row r="871683" spans="14:14">
      <c r="N871683" s="10"/>
    </row>
    <row r="871684" spans="14:14">
      <c r="N871684" s="10"/>
    </row>
    <row r="871685" spans="14:14">
      <c r="N871685" s="10"/>
    </row>
    <row r="871686" spans="14:14">
      <c r="N871686" s="10"/>
    </row>
    <row r="871687" spans="14:14">
      <c r="N871687" s="10"/>
    </row>
    <row r="871688" spans="14:14">
      <c r="N871688" s="10"/>
    </row>
    <row r="871689" spans="14:14">
      <c r="N871689" s="10"/>
    </row>
    <row r="871690" spans="14:14">
      <c r="N871690" s="10"/>
    </row>
    <row r="871691" spans="14:14">
      <c r="N871691" s="10"/>
    </row>
    <row r="871692" spans="14:14">
      <c r="N871692" s="10"/>
    </row>
    <row r="871693" spans="14:14">
      <c r="N871693" s="10"/>
    </row>
    <row r="871694" spans="14:14">
      <c r="N871694" s="10"/>
    </row>
    <row r="871695" spans="14:14">
      <c r="N871695" s="10"/>
    </row>
    <row r="871696" spans="14:14">
      <c r="N871696" s="10"/>
    </row>
    <row r="871697" spans="14:14">
      <c r="N871697" s="10"/>
    </row>
    <row r="871698" spans="14:14">
      <c r="N871698" s="10"/>
    </row>
    <row r="871699" spans="14:14">
      <c r="N871699" s="10"/>
    </row>
    <row r="871700" spans="14:14">
      <c r="N871700" s="10"/>
    </row>
    <row r="871701" spans="14:14">
      <c r="N871701" s="10"/>
    </row>
    <row r="871702" spans="14:14">
      <c r="N871702" s="10"/>
    </row>
    <row r="871703" spans="14:14">
      <c r="N871703" s="10"/>
    </row>
    <row r="871704" spans="14:14">
      <c r="N871704" s="10"/>
    </row>
    <row r="871705" spans="14:14">
      <c r="N871705" s="10"/>
    </row>
    <row r="871706" spans="14:14">
      <c r="N871706" s="10"/>
    </row>
    <row r="871707" spans="14:14">
      <c r="N871707" s="10"/>
    </row>
    <row r="871708" spans="14:14">
      <c r="N871708" s="10"/>
    </row>
    <row r="871709" spans="14:14">
      <c r="N871709" s="10"/>
    </row>
    <row r="871710" spans="14:14">
      <c r="N871710" s="10"/>
    </row>
    <row r="871711" spans="14:14">
      <c r="N871711" s="10"/>
    </row>
    <row r="871712" spans="14:14">
      <c r="N871712" s="10"/>
    </row>
    <row r="871713" spans="14:14">
      <c r="N871713" s="10"/>
    </row>
    <row r="871714" spans="14:14">
      <c r="N871714" s="10"/>
    </row>
    <row r="871715" spans="14:14">
      <c r="N871715" s="10"/>
    </row>
    <row r="871716" spans="14:14">
      <c r="N871716" s="10"/>
    </row>
    <row r="871717" spans="14:14">
      <c r="N871717" s="10"/>
    </row>
    <row r="871718" spans="14:14">
      <c r="N871718" s="10"/>
    </row>
    <row r="871719" spans="14:14">
      <c r="N871719" s="10"/>
    </row>
    <row r="871720" spans="14:14">
      <c r="N871720" s="10"/>
    </row>
    <row r="871721" spans="14:14">
      <c r="N871721" s="10"/>
    </row>
    <row r="871722" spans="14:14">
      <c r="N871722" s="10"/>
    </row>
    <row r="871723" spans="14:14">
      <c r="N871723" s="10"/>
    </row>
    <row r="871724" spans="14:14">
      <c r="N871724" s="10"/>
    </row>
    <row r="871725" spans="14:14">
      <c r="N871725" s="10"/>
    </row>
    <row r="871726" spans="14:14">
      <c r="N871726" s="10"/>
    </row>
    <row r="871727" spans="14:14">
      <c r="N871727" s="10"/>
    </row>
    <row r="871728" spans="14:14">
      <c r="N871728" s="10"/>
    </row>
    <row r="871729" spans="14:14">
      <c r="N871729" s="10"/>
    </row>
    <row r="871730" spans="14:14">
      <c r="N871730" s="10"/>
    </row>
    <row r="871731" spans="14:14">
      <c r="N871731" s="10"/>
    </row>
    <row r="871732" spans="14:14">
      <c r="N871732" s="10"/>
    </row>
    <row r="871733" spans="14:14">
      <c r="N871733" s="10"/>
    </row>
    <row r="871734" spans="14:14">
      <c r="N871734" s="10"/>
    </row>
    <row r="871735" spans="14:14">
      <c r="N871735" s="10"/>
    </row>
    <row r="871736" spans="14:14">
      <c r="N871736" s="10"/>
    </row>
    <row r="871737" spans="14:14">
      <c r="N871737" s="10"/>
    </row>
    <row r="871738" spans="14:14">
      <c r="N871738" s="10"/>
    </row>
    <row r="871739" spans="14:14">
      <c r="N871739" s="10"/>
    </row>
    <row r="871740" spans="14:14">
      <c r="N871740" s="10"/>
    </row>
    <row r="871741" spans="14:14">
      <c r="N871741" s="10"/>
    </row>
    <row r="871742" spans="14:14">
      <c r="N871742" s="10"/>
    </row>
    <row r="871743" spans="14:14">
      <c r="N871743" s="10"/>
    </row>
    <row r="871744" spans="14:14">
      <c r="N871744" s="10"/>
    </row>
    <row r="871745" spans="14:14">
      <c r="N871745" s="10"/>
    </row>
    <row r="871746" spans="14:14">
      <c r="N871746" s="10"/>
    </row>
    <row r="871747" spans="14:14">
      <c r="N871747" s="10"/>
    </row>
    <row r="871748" spans="14:14">
      <c r="N871748" s="10"/>
    </row>
    <row r="871749" spans="14:14">
      <c r="N871749" s="10"/>
    </row>
    <row r="871750" spans="14:14">
      <c r="N871750" s="10"/>
    </row>
    <row r="871751" spans="14:14">
      <c r="N871751" s="10"/>
    </row>
    <row r="871752" spans="14:14">
      <c r="N871752" s="10"/>
    </row>
    <row r="871753" spans="14:14">
      <c r="N871753" s="10"/>
    </row>
    <row r="871754" spans="14:14">
      <c r="N871754" s="10"/>
    </row>
    <row r="871755" spans="14:14">
      <c r="N871755" s="10"/>
    </row>
    <row r="871756" spans="14:14">
      <c r="N871756" s="10"/>
    </row>
    <row r="871757" spans="14:14">
      <c r="N871757" s="10"/>
    </row>
    <row r="871758" spans="14:14">
      <c r="N871758" s="10"/>
    </row>
    <row r="871759" spans="14:14">
      <c r="N871759" s="10"/>
    </row>
    <row r="871760" spans="14:14">
      <c r="N871760" s="10"/>
    </row>
    <row r="871761" spans="14:14">
      <c r="N871761" s="10"/>
    </row>
    <row r="871762" spans="14:14">
      <c r="N871762" s="10"/>
    </row>
    <row r="871763" spans="14:14">
      <c r="N871763" s="10"/>
    </row>
    <row r="871764" spans="14:14">
      <c r="N871764" s="10"/>
    </row>
    <row r="871765" spans="14:14">
      <c r="N871765" s="10"/>
    </row>
    <row r="871766" spans="14:14">
      <c r="N871766" s="10"/>
    </row>
    <row r="871767" spans="14:14">
      <c r="N871767" s="10"/>
    </row>
    <row r="871768" spans="14:14">
      <c r="N871768" s="10"/>
    </row>
    <row r="871769" spans="14:14">
      <c r="N871769" s="10"/>
    </row>
    <row r="871770" spans="14:14">
      <c r="N871770" s="10"/>
    </row>
    <row r="871771" spans="14:14">
      <c r="N871771" s="10"/>
    </row>
    <row r="871772" spans="14:14">
      <c r="N871772" s="10"/>
    </row>
    <row r="871773" spans="14:14">
      <c r="N871773" s="10"/>
    </row>
    <row r="871774" spans="14:14">
      <c r="N871774" s="10"/>
    </row>
    <row r="871775" spans="14:14">
      <c r="N871775" s="10"/>
    </row>
    <row r="871776" spans="14:14">
      <c r="N871776" s="10"/>
    </row>
    <row r="871777" spans="14:14">
      <c r="N871777" s="10"/>
    </row>
    <row r="871778" spans="14:14">
      <c r="N871778" s="10"/>
    </row>
    <row r="871779" spans="14:14">
      <c r="N871779" s="10"/>
    </row>
    <row r="871780" spans="14:14">
      <c r="N871780" s="10"/>
    </row>
    <row r="871781" spans="14:14">
      <c r="N871781" s="10"/>
    </row>
    <row r="871782" spans="14:14">
      <c r="N871782" s="10"/>
    </row>
    <row r="871783" spans="14:14">
      <c r="N871783" s="10"/>
    </row>
    <row r="871784" spans="14:14">
      <c r="N871784" s="10"/>
    </row>
    <row r="871785" spans="14:14">
      <c r="N871785" s="10"/>
    </row>
    <row r="871786" spans="14:14">
      <c r="N871786" s="10"/>
    </row>
    <row r="871787" spans="14:14">
      <c r="N871787" s="10"/>
    </row>
    <row r="871788" spans="14:14">
      <c r="N871788" s="10"/>
    </row>
    <row r="871789" spans="14:14">
      <c r="N871789" s="10"/>
    </row>
    <row r="871790" spans="14:14">
      <c r="N871790" s="10"/>
    </row>
    <row r="871791" spans="14:14">
      <c r="N871791" s="10"/>
    </row>
    <row r="871792" spans="14:14">
      <c r="N871792" s="10"/>
    </row>
    <row r="871793" spans="14:14">
      <c r="N871793" s="10"/>
    </row>
    <row r="871794" spans="14:14">
      <c r="N871794" s="10"/>
    </row>
    <row r="871795" spans="14:14">
      <c r="N871795" s="10"/>
    </row>
    <row r="871796" spans="14:14">
      <c r="N871796" s="10"/>
    </row>
    <row r="871797" spans="14:14">
      <c r="N871797" s="10"/>
    </row>
    <row r="871798" spans="14:14">
      <c r="N871798" s="10"/>
    </row>
    <row r="871799" spans="14:14">
      <c r="N871799" s="10"/>
    </row>
    <row r="871800" spans="14:14">
      <c r="N871800" s="10"/>
    </row>
    <row r="871801" spans="14:14">
      <c r="N871801" s="10"/>
    </row>
    <row r="871802" spans="14:14">
      <c r="N871802" s="10"/>
    </row>
    <row r="871803" spans="14:14">
      <c r="N871803" s="10"/>
    </row>
    <row r="871804" spans="14:14">
      <c r="N871804" s="10"/>
    </row>
    <row r="871805" spans="14:14">
      <c r="N871805" s="10"/>
    </row>
    <row r="871806" spans="14:14">
      <c r="N871806" s="10"/>
    </row>
    <row r="871807" spans="14:14">
      <c r="N871807" s="10"/>
    </row>
    <row r="871808" spans="14:14">
      <c r="N871808" s="10"/>
    </row>
    <row r="871809" spans="14:14">
      <c r="N871809" s="10"/>
    </row>
    <row r="871810" spans="14:14">
      <c r="N871810" s="10"/>
    </row>
    <row r="871811" spans="14:14">
      <c r="N871811" s="10"/>
    </row>
    <row r="871812" spans="14:14">
      <c r="N871812" s="10"/>
    </row>
    <row r="871813" spans="14:14">
      <c r="N871813" s="10"/>
    </row>
    <row r="871814" spans="14:14">
      <c r="N871814" s="10"/>
    </row>
    <row r="871815" spans="14:14">
      <c r="N871815" s="10"/>
    </row>
    <row r="871816" spans="14:14">
      <c r="N871816" s="10"/>
    </row>
    <row r="871817" spans="14:14">
      <c r="N871817" s="10"/>
    </row>
    <row r="871818" spans="14:14">
      <c r="N871818" s="10"/>
    </row>
    <row r="871819" spans="14:14">
      <c r="N871819" s="10"/>
    </row>
    <row r="871820" spans="14:14">
      <c r="N871820" s="10"/>
    </row>
    <row r="871821" spans="14:14">
      <c r="N871821" s="10"/>
    </row>
    <row r="871822" spans="14:14">
      <c r="N871822" s="10"/>
    </row>
    <row r="871823" spans="14:14">
      <c r="N871823" s="10"/>
    </row>
    <row r="871824" spans="14:14">
      <c r="N871824" s="10"/>
    </row>
    <row r="871825" spans="14:14">
      <c r="N871825" s="10"/>
    </row>
    <row r="871826" spans="14:14">
      <c r="N871826" s="10"/>
    </row>
    <row r="871827" spans="14:14">
      <c r="N871827" s="10"/>
    </row>
    <row r="871828" spans="14:14">
      <c r="N871828" s="10"/>
    </row>
    <row r="871829" spans="14:14">
      <c r="N871829" s="10"/>
    </row>
    <row r="871830" spans="14:14">
      <c r="N871830" s="10"/>
    </row>
    <row r="871831" spans="14:14">
      <c r="N871831" s="10"/>
    </row>
    <row r="871832" spans="14:14">
      <c r="N871832" s="10"/>
    </row>
    <row r="871833" spans="14:14">
      <c r="N871833" s="10"/>
    </row>
    <row r="871834" spans="14:14">
      <c r="N871834" s="10"/>
    </row>
    <row r="871835" spans="14:14">
      <c r="N871835" s="10"/>
    </row>
    <row r="871836" spans="14:14">
      <c r="N871836" s="10"/>
    </row>
    <row r="871837" spans="14:14">
      <c r="N871837" s="10"/>
    </row>
    <row r="871838" spans="14:14">
      <c r="N871838" s="10"/>
    </row>
    <row r="871839" spans="14:14">
      <c r="N871839" s="10"/>
    </row>
    <row r="871840" spans="14:14">
      <c r="N871840" s="10"/>
    </row>
    <row r="871841" spans="14:14">
      <c r="N871841" s="10"/>
    </row>
    <row r="871842" spans="14:14">
      <c r="N871842" s="10"/>
    </row>
    <row r="871843" spans="14:14">
      <c r="N871843" s="10"/>
    </row>
    <row r="871844" spans="14:14">
      <c r="N871844" s="10"/>
    </row>
    <row r="871845" spans="14:14">
      <c r="N871845" s="10"/>
    </row>
    <row r="871846" spans="14:14">
      <c r="N871846" s="10"/>
    </row>
    <row r="871847" spans="14:14">
      <c r="N871847" s="10"/>
    </row>
    <row r="871848" spans="14:14">
      <c r="N871848" s="10"/>
    </row>
    <row r="871849" spans="14:14">
      <c r="N871849" s="10"/>
    </row>
    <row r="871850" spans="14:14">
      <c r="N871850" s="10"/>
    </row>
    <row r="871851" spans="14:14">
      <c r="N871851" s="10"/>
    </row>
    <row r="871852" spans="14:14">
      <c r="N871852" s="10"/>
    </row>
    <row r="871853" spans="14:14">
      <c r="N871853" s="10"/>
    </row>
    <row r="871854" spans="14:14">
      <c r="N871854" s="10"/>
    </row>
    <row r="871855" spans="14:14">
      <c r="N871855" s="10"/>
    </row>
    <row r="871856" spans="14:14">
      <c r="N871856" s="10"/>
    </row>
    <row r="871857" spans="14:14">
      <c r="N871857" s="10"/>
    </row>
    <row r="871858" spans="14:14">
      <c r="N871858" s="10"/>
    </row>
    <row r="871859" spans="14:14">
      <c r="N871859" s="10"/>
    </row>
    <row r="871860" spans="14:14">
      <c r="N871860" s="10"/>
    </row>
    <row r="871861" spans="14:14">
      <c r="N871861" s="10"/>
    </row>
    <row r="871862" spans="14:14">
      <c r="N871862" s="10"/>
    </row>
    <row r="871863" spans="14:14">
      <c r="N871863" s="10"/>
    </row>
    <row r="871864" spans="14:14">
      <c r="N871864" s="10"/>
    </row>
    <row r="871865" spans="14:14">
      <c r="N871865" s="10"/>
    </row>
    <row r="871866" spans="14:14">
      <c r="N871866" s="10"/>
    </row>
    <row r="871867" spans="14:14">
      <c r="N871867" s="10"/>
    </row>
    <row r="871868" spans="14:14">
      <c r="N871868" s="10"/>
    </row>
    <row r="871869" spans="14:14">
      <c r="N871869" s="10"/>
    </row>
    <row r="871870" spans="14:14">
      <c r="N871870" s="10"/>
    </row>
    <row r="871871" spans="14:14">
      <c r="N871871" s="10"/>
    </row>
    <row r="871872" spans="14:14">
      <c r="N871872" s="10"/>
    </row>
    <row r="871873" spans="14:14">
      <c r="N871873" s="10"/>
    </row>
    <row r="871874" spans="14:14">
      <c r="N871874" s="10"/>
    </row>
    <row r="871875" spans="14:14">
      <c r="N871875" s="10"/>
    </row>
    <row r="871876" spans="14:14">
      <c r="N871876" s="10"/>
    </row>
    <row r="871877" spans="14:14">
      <c r="N871877" s="10"/>
    </row>
    <row r="871878" spans="14:14">
      <c r="N871878" s="10"/>
    </row>
    <row r="871879" spans="14:14">
      <c r="N871879" s="10"/>
    </row>
    <row r="871880" spans="14:14">
      <c r="N871880" s="10"/>
    </row>
    <row r="871881" spans="14:14">
      <c r="N871881" s="10"/>
    </row>
    <row r="871882" spans="14:14">
      <c r="N871882" s="10"/>
    </row>
    <row r="871883" spans="14:14">
      <c r="N871883" s="10"/>
    </row>
    <row r="871884" spans="14:14">
      <c r="N871884" s="10"/>
    </row>
    <row r="871885" spans="14:14">
      <c r="N871885" s="10"/>
    </row>
    <row r="871886" spans="14:14">
      <c r="N871886" s="10"/>
    </row>
    <row r="871887" spans="14:14">
      <c r="N871887" s="10"/>
    </row>
    <row r="871888" spans="14:14">
      <c r="N871888" s="10"/>
    </row>
    <row r="871889" spans="14:14">
      <c r="N871889" s="10"/>
    </row>
    <row r="871890" spans="14:14">
      <c r="N871890" s="10"/>
    </row>
    <row r="871891" spans="14:14">
      <c r="N871891" s="10"/>
    </row>
    <row r="871892" spans="14:14">
      <c r="N871892" s="10"/>
    </row>
    <row r="871893" spans="14:14">
      <c r="N871893" s="10"/>
    </row>
    <row r="871894" spans="14:14">
      <c r="N871894" s="10"/>
    </row>
    <row r="871895" spans="14:14">
      <c r="N871895" s="10"/>
    </row>
    <row r="871896" spans="14:14">
      <c r="N871896" s="10"/>
    </row>
    <row r="871897" spans="14:14">
      <c r="N871897" s="10"/>
    </row>
    <row r="871898" spans="14:14">
      <c r="N871898" s="10"/>
    </row>
    <row r="871899" spans="14:14">
      <c r="N871899" s="10"/>
    </row>
    <row r="871900" spans="14:14">
      <c r="N871900" s="10"/>
    </row>
    <row r="871901" spans="14:14">
      <c r="N871901" s="10"/>
    </row>
    <row r="871902" spans="14:14">
      <c r="N871902" s="10"/>
    </row>
    <row r="871903" spans="14:14">
      <c r="N871903" s="10"/>
    </row>
    <row r="871904" spans="14:14">
      <c r="N871904" s="10"/>
    </row>
    <row r="871905" spans="14:14">
      <c r="N871905" s="10"/>
    </row>
    <row r="871906" spans="14:14">
      <c r="N871906" s="10"/>
    </row>
    <row r="871907" spans="14:14">
      <c r="N871907" s="10"/>
    </row>
    <row r="871908" spans="14:14">
      <c r="N871908" s="10"/>
    </row>
    <row r="871909" spans="14:14">
      <c r="N871909" s="10"/>
    </row>
    <row r="871910" spans="14:14">
      <c r="N871910" s="10"/>
    </row>
    <row r="871911" spans="14:14">
      <c r="N871911" s="10"/>
    </row>
    <row r="871912" spans="14:14">
      <c r="N871912" s="10"/>
    </row>
    <row r="871913" spans="14:14">
      <c r="N871913" s="10"/>
    </row>
    <row r="871914" spans="14:14">
      <c r="N871914" s="10"/>
    </row>
    <row r="871915" spans="14:14">
      <c r="N871915" s="10"/>
    </row>
    <row r="871916" spans="14:14">
      <c r="N871916" s="10"/>
    </row>
    <row r="871917" spans="14:14">
      <c r="N871917" s="10"/>
    </row>
    <row r="871918" spans="14:14">
      <c r="N871918" s="10"/>
    </row>
    <row r="871919" spans="14:14">
      <c r="N871919" s="10"/>
    </row>
    <row r="871920" spans="14:14">
      <c r="N871920" s="10"/>
    </row>
    <row r="871921" spans="14:14">
      <c r="N871921" s="10"/>
    </row>
    <row r="871922" spans="14:14">
      <c r="N871922" s="10"/>
    </row>
    <row r="871923" spans="14:14">
      <c r="N871923" s="10"/>
    </row>
    <row r="871924" spans="14:14">
      <c r="N871924" s="10"/>
    </row>
    <row r="871925" spans="14:14">
      <c r="N871925" s="10"/>
    </row>
    <row r="871926" spans="14:14">
      <c r="N871926" s="10"/>
    </row>
    <row r="871927" spans="14:14">
      <c r="N871927" s="10"/>
    </row>
    <row r="871928" spans="14:14">
      <c r="N871928" s="10"/>
    </row>
    <row r="871929" spans="14:14">
      <c r="N871929" s="10"/>
    </row>
    <row r="871930" spans="14:14">
      <c r="N871930" s="10"/>
    </row>
    <row r="871931" spans="14:14">
      <c r="N871931" s="10"/>
    </row>
    <row r="871932" spans="14:14">
      <c r="N871932" s="10"/>
    </row>
    <row r="871933" spans="14:14">
      <c r="N871933" s="10"/>
    </row>
    <row r="871934" spans="14:14">
      <c r="N871934" s="10"/>
    </row>
    <row r="871935" spans="14:14">
      <c r="N871935" s="10"/>
    </row>
    <row r="871936" spans="14:14">
      <c r="N871936" s="10"/>
    </row>
    <row r="871937" spans="14:14">
      <c r="N871937" s="10"/>
    </row>
    <row r="871938" spans="14:14">
      <c r="N871938" s="10"/>
    </row>
    <row r="871939" spans="14:14">
      <c r="N871939" s="10"/>
    </row>
    <row r="871940" spans="14:14">
      <c r="N871940" s="10"/>
    </row>
    <row r="871941" spans="14:14">
      <c r="N871941" s="10"/>
    </row>
    <row r="871942" spans="14:14">
      <c r="N871942" s="10"/>
    </row>
    <row r="871943" spans="14:14">
      <c r="N871943" s="10"/>
    </row>
    <row r="871944" spans="14:14">
      <c r="N871944" s="10"/>
    </row>
    <row r="871945" spans="14:14">
      <c r="N871945" s="10"/>
    </row>
    <row r="871946" spans="14:14">
      <c r="N871946" s="10"/>
    </row>
    <row r="871947" spans="14:14">
      <c r="N871947" s="10"/>
    </row>
    <row r="871948" spans="14:14">
      <c r="N871948" s="10"/>
    </row>
    <row r="871949" spans="14:14">
      <c r="N871949" s="10"/>
    </row>
    <row r="871950" spans="14:14">
      <c r="N871950" s="10"/>
    </row>
    <row r="871951" spans="14:14">
      <c r="N871951" s="10"/>
    </row>
    <row r="871952" spans="14:14">
      <c r="N871952" s="10"/>
    </row>
    <row r="871953" spans="14:14">
      <c r="N871953" s="10"/>
    </row>
    <row r="871954" spans="14:14">
      <c r="N871954" s="10"/>
    </row>
    <row r="871955" spans="14:14">
      <c r="N871955" s="10"/>
    </row>
    <row r="871956" spans="14:14">
      <c r="N871956" s="10"/>
    </row>
    <row r="871957" spans="14:14">
      <c r="N871957" s="10"/>
    </row>
    <row r="871958" spans="14:14">
      <c r="N871958" s="10"/>
    </row>
    <row r="871959" spans="14:14">
      <c r="N871959" s="10"/>
    </row>
    <row r="871960" spans="14:14">
      <c r="N871960" s="10"/>
    </row>
    <row r="871961" spans="14:14">
      <c r="N871961" s="10"/>
    </row>
    <row r="871962" spans="14:14">
      <c r="N871962" s="10"/>
    </row>
    <row r="871963" spans="14:14">
      <c r="N871963" s="10"/>
    </row>
    <row r="871964" spans="14:14">
      <c r="N871964" s="10"/>
    </row>
    <row r="871965" spans="14:14">
      <c r="N871965" s="10"/>
    </row>
    <row r="871966" spans="14:14">
      <c r="N871966" s="10"/>
    </row>
    <row r="871967" spans="14:14">
      <c r="N871967" s="10"/>
    </row>
    <row r="871968" spans="14:14">
      <c r="N871968" s="10"/>
    </row>
    <row r="871969" spans="14:14">
      <c r="N871969" s="10"/>
    </row>
    <row r="871970" spans="14:14">
      <c r="N871970" s="10"/>
    </row>
    <row r="871971" spans="14:14">
      <c r="N871971" s="10"/>
    </row>
    <row r="871972" spans="14:14">
      <c r="N871972" s="10"/>
    </row>
    <row r="871973" spans="14:14">
      <c r="N871973" s="10"/>
    </row>
    <row r="871974" spans="14:14">
      <c r="N871974" s="10"/>
    </row>
    <row r="871975" spans="14:14">
      <c r="N871975" s="10"/>
    </row>
    <row r="871976" spans="14:14">
      <c r="N871976" s="10"/>
    </row>
    <row r="871977" spans="14:14">
      <c r="N871977" s="10"/>
    </row>
    <row r="871978" spans="14:14">
      <c r="N871978" s="10"/>
    </row>
    <row r="871979" spans="14:14">
      <c r="N871979" s="10"/>
    </row>
    <row r="871980" spans="14:14">
      <c r="N871980" s="10"/>
    </row>
    <row r="871981" spans="14:14">
      <c r="N871981" s="10"/>
    </row>
    <row r="871982" spans="14:14">
      <c r="N871982" s="10"/>
    </row>
    <row r="871983" spans="14:14">
      <c r="N871983" s="10"/>
    </row>
    <row r="871984" spans="14:14">
      <c r="N871984" s="10"/>
    </row>
    <row r="871985" spans="14:14">
      <c r="N871985" s="10"/>
    </row>
    <row r="871986" spans="14:14">
      <c r="N871986" s="10"/>
    </row>
    <row r="871987" spans="14:14">
      <c r="N871987" s="10"/>
    </row>
    <row r="871988" spans="14:14">
      <c r="N871988" s="10"/>
    </row>
    <row r="871989" spans="14:14">
      <c r="N871989" s="10"/>
    </row>
    <row r="871990" spans="14:14">
      <c r="N871990" s="10"/>
    </row>
    <row r="871991" spans="14:14">
      <c r="N871991" s="10"/>
    </row>
    <row r="871992" spans="14:14">
      <c r="N871992" s="10"/>
    </row>
    <row r="871993" spans="14:14">
      <c r="N871993" s="10"/>
    </row>
    <row r="871994" spans="14:14">
      <c r="N871994" s="10"/>
    </row>
    <row r="871995" spans="14:14">
      <c r="N871995" s="10"/>
    </row>
    <row r="871996" spans="14:14">
      <c r="N871996" s="10"/>
    </row>
    <row r="871997" spans="14:14">
      <c r="N871997" s="10"/>
    </row>
    <row r="871998" spans="14:14">
      <c r="N871998" s="10"/>
    </row>
    <row r="871999" spans="14:14">
      <c r="N871999" s="10"/>
    </row>
    <row r="872000" spans="14:14">
      <c r="N872000" s="10"/>
    </row>
    <row r="872001" spans="14:14">
      <c r="N872001" s="10"/>
    </row>
    <row r="872002" spans="14:14">
      <c r="N872002" s="10"/>
    </row>
    <row r="872003" spans="14:14">
      <c r="N872003" s="10"/>
    </row>
    <row r="872004" spans="14:14">
      <c r="N872004" s="10"/>
    </row>
    <row r="872005" spans="14:14">
      <c r="N872005" s="10"/>
    </row>
    <row r="872006" spans="14:14">
      <c r="N872006" s="10"/>
    </row>
    <row r="872007" spans="14:14">
      <c r="N872007" s="10"/>
    </row>
    <row r="872008" spans="14:14">
      <c r="N872008" s="10"/>
    </row>
    <row r="872009" spans="14:14">
      <c r="N872009" s="10"/>
    </row>
    <row r="872010" spans="14:14">
      <c r="N872010" s="10"/>
    </row>
    <row r="872011" spans="14:14">
      <c r="N872011" s="10"/>
    </row>
    <row r="872012" spans="14:14">
      <c r="N872012" s="10"/>
    </row>
    <row r="872013" spans="14:14">
      <c r="N872013" s="10"/>
    </row>
    <row r="872014" spans="14:14">
      <c r="N872014" s="10"/>
    </row>
    <row r="872015" spans="14:14">
      <c r="N872015" s="10"/>
    </row>
    <row r="872016" spans="14:14">
      <c r="N872016" s="10"/>
    </row>
    <row r="872017" spans="14:14">
      <c r="N872017" s="10"/>
    </row>
    <row r="872018" spans="14:14">
      <c r="N872018" s="10"/>
    </row>
    <row r="872019" spans="14:14">
      <c r="N872019" s="10"/>
    </row>
    <row r="872020" spans="14:14">
      <c r="N872020" s="10"/>
    </row>
    <row r="872021" spans="14:14">
      <c r="N872021" s="10"/>
    </row>
    <row r="872022" spans="14:14">
      <c r="N872022" s="10"/>
    </row>
    <row r="872023" spans="14:14">
      <c r="N872023" s="10"/>
    </row>
    <row r="872024" spans="14:14">
      <c r="N872024" s="10"/>
    </row>
    <row r="872025" spans="14:14">
      <c r="N872025" s="10"/>
    </row>
    <row r="872026" spans="14:14">
      <c r="N872026" s="10"/>
    </row>
    <row r="872027" spans="14:14">
      <c r="N872027" s="10"/>
    </row>
    <row r="872028" spans="14:14">
      <c r="N872028" s="10"/>
    </row>
    <row r="872029" spans="14:14">
      <c r="N872029" s="10"/>
    </row>
    <row r="872030" spans="14:14">
      <c r="N872030" s="10"/>
    </row>
    <row r="872031" spans="14:14">
      <c r="N872031" s="10"/>
    </row>
    <row r="872032" spans="14:14">
      <c r="N872032" s="10"/>
    </row>
    <row r="872033" spans="14:14">
      <c r="N872033" s="10"/>
    </row>
    <row r="872034" spans="14:14">
      <c r="N872034" s="10"/>
    </row>
    <row r="872035" spans="14:14">
      <c r="N872035" s="10"/>
    </row>
    <row r="872036" spans="14:14">
      <c r="N872036" s="10"/>
    </row>
    <row r="872037" spans="14:14">
      <c r="N872037" s="10"/>
    </row>
    <row r="872038" spans="14:14">
      <c r="N872038" s="10"/>
    </row>
    <row r="872039" spans="14:14">
      <c r="N872039" s="10"/>
    </row>
    <row r="872040" spans="14:14">
      <c r="N872040" s="10"/>
    </row>
    <row r="872041" spans="14:14">
      <c r="N872041" s="10"/>
    </row>
    <row r="872042" spans="14:14">
      <c r="N872042" s="10"/>
    </row>
    <row r="872043" spans="14:14">
      <c r="N872043" s="10"/>
    </row>
    <row r="872044" spans="14:14">
      <c r="N872044" s="10"/>
    </row>
    <row r="872045" spans="14:14">
      <c r="N872045" s="10"/>
    </row>
    <row r="872046" spans="14:14">
      <c r="N872046" s="10"/>
    </row>
    <row r="872047" spans="14:14">
      <c r="N872047" s="10"/>
    </row>
    <row r="872048" spans="14:14">
      <c r="N872048" s="10"/>
    </row>
    <row r="872049" spans="14:14">
      <c r="N872049" s="10"/>
    </row>
    <row r="872050" spans="14:14">
      <c r="N872050" s="10"/>
    </row>
    <row r="872051" spans="14:14">
      <c r="N872051" s="10"/>
    </row>
    <row r="872052" spans="14:14">
      <c r="N872052" s="10"/>
    </row>
    <row r="872053" spans="14:14">
      <c r="N872053" s="10"/>
    </row>
    <row r="872054" spans="14:14">
      <c r="N872054" s="10"/>
    </row>
    <row r="872055" spans="14:14">
      <c r="N872055" s="10"/>
    </row>
    <row r="872056" spans="14:14">
      <c r="N872056" s="10"/>
    </row>
    <row r="872057" spans="14:14">
      <c r="N872057" s="10"/>
    </row>
    <row r="872058" spans="14:14">
      <c r="N872058" s="10"/>
    </row>
    <row r="872059" spans="14:14">
      <c r="N872059" s="10"/>
    </row>
    <row r="872060" spans="14:14">
      <c r="N872060" s="10"/>
    </row>
    <row r="872061" spans="14:14">
      <c r="N872061" s="10"/>
    </row>
    <row r="872062" spans="14:14">
      <c r="N872062" s="10"/>
    </row>
    <row r="872063" spans="14:14">
      <c r="N872063" s="10"/>
    </row>
    <row r="872064" spans="14:14">
      <c r="N872064" s="10"/>
    </row>
    <row r="872065" spans="14:14">
      <c r="N872065" s="10"/>
    </row>
    <row r="872066" spans="14:14">
      <c r="N872066" s="10"/>
    </row>
    <row r="872067" spans="14:14">
      <c r="N872067" s="10"/>
    </row>
    <row r="872068" spans="14:14">
      <c r="N872068" s="10"/>
    </row>
    <row r="872069" spans="14:14">
      <c r="N872069" s="10"/>
    </row>
    <row r="872070" spans="14:14">
      <c r="N872070" s="10"/>
    </row>
    <row r="872071" spans="14:14">
      <c r="N872071" s="10"/>
    </row>
    <row r="872072" spans="14:14">
      <c r="N872072" s="10"/>
    </row>
    <row r="872073" spans="14:14">
      <c r="N872073" s="10"/>
    </row>
    <row r="872074" spans="14:14">
      <c r="N872074" s="10"/>
    </row>
    <row r="872075" spans="14:14">
      <c r="N872075" s="10"/>
    </row>
    <row r="872076" spans="14:14">
      <c r="N872076" s="10"/>
    </row>
    <row r="872077" spans="14:14">
      <c r="N872077" s="10"/>
    </row>
    <row r="872078" spans="14:14">
      <c r="N872078" s="10"/>
    </row>
    <row r="872079" spans="14:14">
      <c r="N872079" s="10"/>
    </row>
    <row r="872080" spans="14:14">
      <c r="N872080" s="10"/>
    </row>
    <row r="872081" spans="14:14">
      <c r="N872081" s="10"/>
    </row>
    <row r="872082" spans="14:14">
      <c r="N872082" s="10"/>
    </row>
    <row r="872083" spans="14:14">
      <c r="N872083" s="10"/>
    </row>
    <row r="872084" spans="14:14">
      <c r="N872084" s="10"/>
    </row>
    <row r="872085" spans="14:14">
      <c r="N872085" s="10"/>
    </row>
    <row r="872086" spans="14:14">
      <c r="N872086" s="10"/>
    </row>
    <row r="872087" spans="14:14">
      <c r="N872087" s="10"/>
    </row>
    <row r="872088" spans="14:14">
      <c r="N872088" s="10"/>
    </row>
    <row r="872089" spans="14:14">
      <c r="N872089" s="10"/>
    </row>
    <row r="872090" spans="14:14">
      <c r="N872090" s="10"/>
    </row>
    <row r="872091" spans="14:14">
      <c r="N872091" s="10"/>
    </row>
    <row r="872092" spans="14:14">
      <c r="N872092" s="10"/>
    </row>
    <row r="872093" spans="14:14">
      <c r="N872093" s="10"/>
    </row>
    <row r="872094" spans="14:14">
      <c r="N872094" s="10"/>
    </row>
    <row r="872095" spans="14:14">
      <c r="N872095" s="10"/>
    </row>
    <row r="872096" spans="14:14">
      <c r="N872096" s="10"/>
    </row>
    <row r="872097" spans="14:14">
      <c r="N872097" s="10"/>
    </row>
    <row r="872098" spans="14:14">
      <c r="N872098" s="10"/>
    </row>
    <row r="872099" spans="14:14">
      <c r="N872099" s="10"/>
    </row>
    <row r="872100" spans="14:14">
      <c r="N872100" s="10"/>
    </row>
    <row r="872101" spans="14:14">
      <c r="N872101" s="10"/>
    </row>
    <row r="872102" spans="14:14">
      <c r="N872102" s="10"/>
    </row>
    <row r="872103" spans="14:14">
      <c r="N872103" s="10"/>
    </row>
    <row r="872104" spans="14:14">
      <c r="N872104" s="10"/>
    </row>
    <row r="872105" spans="14:14">
      <c r="N872105" s="10"/>
    </row>
    <row r="872106" spans="14:14">
      <c r="N872106" s="10"/>
    </row>
    <row r="872107" spans="14:14">
      <c r="N872107" s="10"/>
    </row>
    <row r="872108" spans="14:14">
      <c r="N872108" s="10"/>
    </row>
    <row r="872109" spans="14:14">
      <c r="N872109" s="10"/>
    </row>
    <row r="872110" spans="14:14">
      <c r="N872110" s="10"/>
    </row>
    <row r="872111" spans="14:14">
      <c r="N872111" s="10"/>
    </row>
    <row r="872112" spans="14:14">
      <c r="N872112" s="10"/>
    </row>
    <row r="872113" spans="14:14">
      <c r="N872113" s="10"/>
    </row>
    <row r="872114" spans="14:14">
      <c r="N872114" s="10"/>
    </row>
    <row r="872115" spans="14:14">
      <c r="N872115" s="10"/>
    </row>
    <row r="872116" spans="14:14">
      <c r="N872116" s="10"/>
    </row>
    <row r="872117" spans="14:14">
      <c r="N872117" s="10"/>
    </row>
    <row r="872118" spans="14:14">
      <c r="N872118" s="10"/>
    </row>
    <row r="872119" spans="14:14">
      <c r="N872119" s="10"/>
    </row>
    <row r="872120" spans="14:14">
      <c r="N872120" s="10"/>
    </row>
    <row r="872121" spans="14:14">
      <c r="N872121" s="10"/>
    </row>
    <row r="872122" spans="14:14">
      <c r="N872122" s="10"/>
    </row>
    <row r="872123" spans="14:14">
      <c r="N872123" s="10"/>
    </row>
    <row r="872124" spans="14:14">
      <c r="N872124" s="10"/>
    </row>
    <row r="872125" spans="14:14">
      <c r="N872125" s="10"/>
    </row>
    <row r="872126" spans="14:14">
      <c r="N872126" s="10"/>
    </row>
    <row r="872127" spans="14:14">
      <c r="N872127" s="10"/>
    </row>
    <row r="872128" spans="14:14">
      <c r="N872128" s="10"/>
    </row>
    <row r="872129" spans="14:14">
      <c r="N872129" s="10"/>
    </row>
    <row r="872130" spans="14:14">
      <c r="N872130" s="10"/>
    </row>
    <row r="872131" spans="14:14">
      <c r="N872131" s="10"/>
    </row>
    <row r="872132" spans="14:14">
      <c r="N872132" s="10"/>
    </row>
    <row r="872133" spans="14:14">
      <c r="N872133" s="10"/>
    </row>
    <row r="872134" spans="14:14">
      <c r="N872134" s="10"/>
    </row>
    <row r="872135" spans="14:14">
      <c r="N872135" s="10"/>
    </row>
    <row r="872136" spans="14:14">
      <c r="N872136" s="10"/>
    </row>
    <row r="872137" spans="14:14">
      <c r="N872137" s="10"/>
    </row>
    <row r="872138" spans="14:14">
      <c r="N872138" s="10"/>
    </row>
    <row r="872139" spans="14:14">
      <c r="N872139" s="10"/>
    </row>
    <row r="872140" spans="14:14">
      <c r="N872140" s="10"/>
    </row>
    <row r="872141" spans="14:14">
      <c r="N872141" s="10"/>
    </row>
    <row r="872142" spans="14:14">
      <c r="N872142" s="10"/>
    </row>
    <row r="872143" spans="14:14">
      <c r="N872143" s="10"/>
    </row>
    <row r="872144" spans="14:14">
      <c r="N872144" s="10"/>
    </row>
    <row r="872145" spans="14:14">
      <c r="N872145" s="10"/>
    </row>
    <row r="872146" spans="14:14">
      <c r="N872146" s="10"/>
    </row>
    <row r="872147" spans="14:14">
      <c r="N872147" s="10"/>
    </row>
    <row r="872148" spans="14:14">
      <c r="N872148" s="10"/>
    </row>
    <row r="872149" spans="14:14">
      <c r="N872149" s="10"/>
    </row>
    <row r="872150" spans="14:14">
      <c r="N872150" s="10"/>
    </row>
    <row r="872151" spans="14:14">
      <c r="N872151" s="10"/>
    </row>
    <row r="872152" spans="14:14">
      <c r="N872152" s="10"/>
    </row>
    <row r="872153" spans="14:14">
      <c r="N872153" s="10"/>
    </row>
    <row r="872154" spans="14:14">
      <c r="N872154" s="10"/>
    </row>
    <row r="872155" spans="14:14">
      <c r="N872155" s="10"/>
    </row>
    <row r="872156" spans="14:14">
      <c r="N872156" s="10"/>
    </row>
    <row r="872157" spans="14:14">
      <c r="N872157" s="10"/>
    </row>
    <row r="872158" spans="14:14">
      <c r="N872158" s="10"/>
    </row>
    <row r="872159" spans="14:14">
      <c r="N872159" s="10"/>
    </row>
    <row r="872160" spans="14:14">
      <c r="N872160" s="10"/>
    </row>
    <row r="872161" spans="14:14">
      <c r="N872161" s="10"/>
    </row>
    <row r="872162" spans="14:14">
      <c r="N872162" s="10"/>
    </row>
    <row r="872163" spans="14:14">
      <c r="N872163" s="10"/>
    </row>
    <row r="872164" spans="14:14">
      <c r="N872164" s="10"/>
    </row>
    <row r="872165" spans="14:14">
      <c r="N872165" s="10"/>
    </row>
    <row r="872166" spans="14:14">
      <c r="N872166" s="10"/>
    </row>
    <row r="872167" spans="14:14">
      <c r="N872167" s="10"/>
    </row>
    <row r="872168" spans="14:14">
      <c r="N872168" s="10"/>
    </row>
    <row r="872169" spans="14:14">
      <c r="N872169" s="10"/>
    </row>
    <row r="872170" spans="14:14">
      <c r="N872170" s="10"/>
    </row>
    <row r="872171" spans="14:14">
      <c r="N872171" s="10"/>
    </row>
    <row r="872172" spans="14:14">
      <c r="N872172" s="10"/>
    </row>
    <row r="872173" spans="14:14">
      <c r="N872173" s="10"/>
    </row>
    <row r="872174" spans="14:14">
      <c r="N872174" s="10"/>
    </row>
    <row r="872175" spans="14:14">
      <c r="N872175" s="10"/>
    </row>
    <row r="872176" spans="14:14">
      <c r="N872176" s="10"/>
    </row>
    <row r="872177" spans="14:14">
      <c r="N872177" s="10"/>
    </row>
    <row r="872178" spans="14:14">
      <c r="N872178" s="10"/>
    </row>
    <row r="872179" spans="14:14">
      <c r="N872179" s="10"/>
    </row>
    <row r="872180" spans="14:14">
      <c r="N872180" s="10"/>
    </row>
    <row r="872181" spans="14:14">
      <c r="N872181" s="10"/>
    </row>
    <row r="872182" spans="14:14">
      <c r="N872182" s="10"/>
    </row>
    <row r="872183" spans="14:14">
      <c r="N872183" s="10"/>
    </row>
    <row r="872184" spans="14:14">
      <c r="N872184" s="10"/>
    </row>
    <row r="872185" spans="14:14">
      <c r="N872185" s="10"/>
    </row>
    <row r="872186" spans="14:14">
      <c r="N872186" s="10"/>
    </row>
    <row r="872187" spans="14:14">
      <c r="N872187" s="10"/>
    </row>
    <row r="872188" spans="14:14">
      <c r="N872188" s="10"/>
    </row>
    <row r="872189" spans="14:14">
      <c r="N872189" s="10"/>
    </row>
    <row r="872190" spans="14:14">
      <c r="N872190" s="10"/>
    </row>
    <row r="872191" spans="14:14">
      <c r="N872191" s="10"/>
    </row>
    <row r="872192" spans="14:14">
      <c r="N872192" s="10"/>
    </row>
    <row r="872193" spans="14:14">
      <c r="N872193" s="10"/>
    </row>
    <row r="872194" spans="14:14">
      <c r="N872194" s="10"/>
    </row>
    <row r="872195" spans="14:14">
      <c r="N872195" s="10"/>
    </row>
    <row r="872196" spans="14:14">
      <c r="N872196" s="10"/>
    </row>
    <row r="872197" spans="14:14">
      <c r="N872197" s="10"/>
    </row>
    <row r="872198" spans="14:14">
      <c r="N872198" s="10"/>
    </row>
    <row r="872199" spans="14:14">
      <c r="N872199" s="10"/>
    </row>
    <row r="872200" spans="14:14">
      <c r="N872200" s="10"/>
    </row>
    <row r="872201" spans="14:14">
      <c r="N872201" s="10"/>
    </row>
    <row r="872202" spans="14:14">
      <c r="N872202" s="10"/>
    </row>
    <row r="872203" spans="14:14">
      <c r="N872203" s="10"/>
    </row>
    <row r="872204" spans="14:14">
      <c r="N872204" s="10"/>
    </row>
    <row r="872205" spans="14:14">
      <c r="N872205" s="10"/>
    </row>
    <row r="872206" spans="14:14">
      <c r="N872206" s="10"/>
    </row>
    <row r="872207" spans="14:14">
      <c r="N872207" s="10"/>
    </row>
    <row r="872208" spans="14:14">
      <c r="N872208" s="10"/>
    </row>
    <row r="872209" spans="14:14">
      <c r="N872209" s="10"/>
    </row>
    <row r="872210" spans="14:14">
      <c r="N872210" s="10"/>
    </row>
    <row r="872211" spans="14:14">
      <c r="N872211" s="10"/>
    </row>
    <row r="872212" spans="14:14">
      <c r="N872212" s="10"/>
    </row>
    <row r="872213" spans="14:14">
      <c r="N872213" s="10"/>
    </row>
    <row r="872214" spans="14:14">
      <c r="N872214" s="10"/>
    </row>
    <row r="872215" spans="14:14">
      <c r="N872215" s="10"/>
    </row>
    <row r="872216" spans="14:14">
      <c r="N872216" s="10"/>
    </row>
    <row r="872217" spans="14:14">
      <c r="N872217" s="10"/>
    </row>
    <row r="872218" spans="14:14">
      <c r="N872218" s="10"/>
    </row>
    <row r="872219" spans="14:14">
      <c r="N872219" s="10"/>
    </row>
    <row r="872220" spans="14:14">
      <c r="N872220" s="10"/>
    </row>
    <row r="872221" spans="14:14">
      <c r="N872221" s="10"/>
    </row>
    <row r="872222" spans="14:14">
      <c r="N872222" s="10"/>
    </row>
    <row r="872223" spans="14:14">
      <c r="N872223" s="10"/>
    </row>
    <row r="872224" spans="14:14">
      <c r="N872224" s="10"/>
    </row>
    <row r="872225" spans="14:14">
      <c r="N872225" s="10"/>
    </row>
    <row r="872226" spans="14:14">
      <c r="N872226" s="10"/>
    </row>
    <row r="872227" spans="14:14">
      <c r="N872227" s="10"/>
    </row>
    <row r="872228" spans="14:14">
      <c r="N872228" s="10"/>
    </row>
    <row r="872229" spans="14:14">
      <c r="N872229" s="10"/>
    </row>
    <row r="872230" spans="14:14">
      <c r="N872230" s="10"/>
    </row>
    <row r="872231" spans="14:14">
      <c r="N872231" s="10"/>
    </row>
    <row r="872232" spans="14:14">
      <c r="N872232" s="10"/>
    </row>
    <row r="872233" spans="14:14">
      <c r="N872233" s="10"/>
    </row>
    <row r="872234" spans="14:14">
      <c r="N872234" s="10"/>
    </row>
    <row r="872235" spans="14:14">
      <c r="N872235" s="10"/>
    </row>
    <row r="872236" spans="14:14">
      <c r="N872236" s="10"/>
    </row>
    <row r="872237" spans="14:14">
      <c r="N872237" s="10"/>
    </row>
    <row r="872238" spans="14:14">
      <c r="N872238" s="10"/>
    </row>
    <row r="872239" spans="14:14">
      <c r="N872239" s="10"/>
    </row>
    <row r="872240" spans="14:14">
      <c r="N872240" s="10"/>
    </row>
    <row r="872241" spans="14:14">
      <c r="N872241" s="10"/>
    </row>
    <row r="872242" spans="14:14">
      <c r="N872242" s="10"/>
    </row>
    <row r="872243" spans="14:14">
      <c r="N872243" s="10"/>
    </row>
    <row r="872244" spans="14:14">
      <c r="N872244" s="10"/>
    </row>
    <row r="872245" spans="14:14">
      <c r="N872245" s="10"/>
    </row>
    <row r="872246" spans="14:14">
      <c r="N872246" s="10"/>
    </row>
    <row r="872247" spans="14:14">
      <c r="N872247" s="10"/>
    </row>
    <row r="872248" spans="14:14">
      <c r="N872248" s="10"/>
    </row>
    <row r="872249" spans="14:14">
      <c r="N872249" s="10"/>
    </row>
    <row r="872250" spans="14:14">
      <c r="N872250" s="10"/>
    </row>
    <row r="872251" spans="14:14">
      <c r="N872251" s="10"/>
    </row>
    <row r="872252" spans="14:14">
      <c r="N872252" s="10"/>
    </row>
    <row r="872253" spans="14:14">
      <c r="N872253" s="10"/>
    </row>
    <row r="872254" spans="14:14">
      <c r="N872254" s="10"/>
    </row>
    <row r="872255" spans="14:14">
      <c r="N872255" s="10"/>
    </row>
    <row r="872256" spans="14:14">
      <c r="N872256" s="10"/>
    </row>
    <row r="872257" spans="14:14">
      <c r="N872257" s="10"/>
    </row>
    <row r="872258" spans="14:14">
      <c r="N872258" s="10"/>
    </row>
    <row r="872259" spans="14:14">
      <c r="N872259" s="10"/>
    </row>
    <row r="872260" spans="14:14">
      <c r="N872260" s="10"/>
    </row>
    <row r="872261" spans="14:14">
      <c r="N872261" s="10"/>
    </row>
    <row r="872262" spans="14:14">
      <c r="N872262" s="10"/>
    </row>
    <row r="872263" spans="14:14">
      <c r="N872263" s="10"/>
    </row>
    <row r="872264" spans="14:14">
      <c r="N872264" s="10"/>
    </row>
    <row r="872265" spans="14:14">
      <c r="N872265" s="10"/>
    </row>
    <row r="872266" spans="14:14">
      <c r="N872266" s="10"/>
    </row>
    <row r="872267" spans="14:14">
      <c r="N872267" s="10"/>
    </row>
    <row r="872268" spans="14:14">
      <c r="N872268" s="10"/>
    </row>
    <row r="872269" spans="14:14">
      <c r="N872269" s="10"/>
    </row>
    <row r="872270" spans="14:14">
      <c r="N872270" s="10"/>
    </row>
    <row r="872271" spans="14:14">
      <c r="N872271" s="10"/>
    </row>
    <row r="872272" spans="14:14">
      <c r="N872272" s="10"/>
    </row>
    <row r="872273" spans="14:14">
      <c r="N872273" s="10"/>
    </row>
    <row r="872274" spans="14:14">
      <c r="N872274" s="10"/>
    </row>
    <row r="872275" spans="14:14">
      <c r="N872275" s="10"/>
    </row>
    <row r="872276" spans="14:14">
      <c r="N872276" s="10"/>
    </row>
    <row r="872277" spans="14:14">
      <c r="N872277" s="10"/>
    </row>
    <row r="872278" spans="14:14">
      <c r="N872278" s="10"/>
    </row>
    <row r="872279" spans="14:14">
      <c r="N872279" s="10"/>
    </row>
    <row r="872280" spans="14:14">
      <c r="N872280" s="10"/>
    </row>
    <row r="872281" spans="14:14">
      <c r="N872281" s="10"/>
    </row>
    <row r="872282" spans="14:14">
      <c r="N872282" s="10"/>
    </row>
    <row r="872283" spans="14:14">
      <c r="N872283" s="10"/>
    </row>
    <row r="872284" spans="14:14">
      <c r="N872284" s="10"/>
    </row>
    <row r="872285" spans="14:14">
      <c r="N872285" s="10"/>
    </row>
    <row r="872286" spans="14:14">
      <c r="N872286" s="10"/>
    </row>
    <row r="872287" spans="14:14">
      <c r="N872287" s="10"/>
    </row>
    <row r="872288" spans="14:14">
      <c r="N872288" s="10"/>
    </row>
    <row r="872289" spans="14:14">
      <c r="N872289" s="10"/>
    </row>
    <row r="872290" spans="14:14">
      <c r="N872290" s="10"/>
    </row>
    <row r="872291" spans="14:14">
      <c r="N872291" s="10"/>
    </row>
    <row r="872292" spans="14:14">
      <c r="N872292" s="10"/>
    </row>
    <row r="872293" spans="14:14">
      <c r="N872293" s="10"/>
    </row>
    <row r="872294" spans="14:14">
      <c r="N872294" s="10"/>
    </row>
    <row r="872295" spans="14:14">
      <c r="N872295" s="10"/>
    </row>
    <row r="872296" spans="14:14">
      <c r="N872296" s="10"/>
    </row>
    <row r="872297" spans="14:14">
      <c r="N872297" s="10"/>
    </row>
    <row r="872298" spans="14:14">
      <c r="N872298" s="10"/>
    </row>
    <row r="872299" spans="14:14">
      <c r="N872299" s="10"/>
    </row>
    <row r="872300" spans="14:14">
      <c r="N872300" s="10"/>
    </row>
    <row r="872301" spans="14:14">
      <c r="N872301" s="10"/>
    </row>
    <row r="872302" spans="14:14">
      <c r="N872302" s="10"/>
    </row>
    <row r="872303" spans="14:14">
      <c r="N872303" s="10"/>
    </row>
    <row r="872304" spans="14:14">
      <c r="N872304" s="10"/>
    </row>
    <row r="872305" spans="14:14">
      <c r="N872305" s="10"/>
    </row>
    <row r="872306" spans="14:14">
      <c r="N872306" s="10"/>
    </row>
    <row r="872307" spans="14:14">
      <c r="N872307" s="10"/>
    </row>
    <row r="872308" spans="14:14">
      <c r="N872308" s="10"/>
    </row>
    <row r="872309" spans="14:14">
      <c r="N872309" s="10"/>
    </row>
    <row r="872310" spans="14:14">
      <c r="N872310" s="10"/>
    </row>
    <row r="872311" spans="14:14">
      <c r="N872311" s="10"/>
    </row>
    <row r="872312" spans="14:14">
      <c r="N872312" s="10"/>
    </row>
    <row r="872313" spans="14:14">
      <c r="N872313" s="10"/>
    </row>
    <row r="872314" spans="14:14">
      <c r="N872314" s="10"/>
    </row>
    <row r="872315" spans="14:14">
      <c r="N872315" s="10"/>
    </row>
    <row r="872316" spans="14:14">
      <c r="N872316" s="10"/>
    </row>
    <row r="872317" spans="14:14">
      <c r="N872317" s="10"/>
    </row>
    <row r="872318" spans="14:14">
      <c r="N872318" s="10"/>
    </row>
    <row r="872319" spans="14:14">
      <c r="N872319" s="10"/>
    </row>
    <row r="872320" spans="14:14">
      <c r="N872320" s="10"/>
    </row>
    <row r="872321" spans="14:14">
      <c r="N872321" s="10"/>
    </row>
    <row r="872322" spans="14:14">
      <c r="N872322" s="10"/>
    </row>
    <row r="872323" spans="14:14">
      <c r="N872323" s="10"/>
    </row>
    <row r="872324" spans="14:14">
      <c r="N872324" s="10"/>
    </row>
    <row r="872325" spans="14:14">
      <c r="N872325" s="10"/>
    </row>
    <row r="872326" spans="14:14">
      <c r="N872326" s="10"/>
    </row>
    <row r="872327" spans="14:14">
      <c r="N872327" s="10"/>
    </row>
    <row r="872328" spans="14:14">
      <c r="N872328" s="10"/>
    </row>
    <row r="872329" spans="14:14">
      <c r="N872329" s="10"/>
    </row>
    <row r="872330" spans="14:14">
      <c r="N872330" s="10"/>
    </row>
    <row r="872331" spans="14:14">
      <c r="N872331" s="10"/>
    </row>
    <row r="872332" spans="14:14">
      <c r="N872332" s="10"/>
    </row>
    <row r="872333" spans="14:14">
      <c r="N872333" s="10"/>
    </row>
    <row r="872334" spans="14:14">
      <c r="N872334" s="10"/>
    </row>
    <row r="872335" spans="14:14">
      <c r="N872335" s="10"/>
    </row>
    <row r="872336" spans="14:14">
      <c r="N872336" s="10"/>
    </row>
    <row r="872337" spans="14:14">
      <c r="N872337" s="10"/>
    </row>
    <row r="872338" spans="14:14">
      <c r="N872338" s="10"/>
    </row>
    <row r="872339" spans="14:14">
      <c r="N872339" s="10"/>
    </row>
    <row r="872340" spans="14:14">
      <c r="N872340" s="10"/>
    </row>
    <row r="872341" spans="14:14">
      <c r="N872341" s="10"/>
    </row>
    <row r="872342" spans="14:14">
      <c r="N872342" s="10"/>
    </row>
    <row r="872343" spans="14:14">
      <c r="N872343" s="10"/>
    </row>
    <row r="872344" spans="14:14">
      <c r="N872344" s="10"/>
    </row>
    <row r="872345" spans="14:14">
      <c r="N872345" s="10"/>
    </row>
    <row r="872346" spans="14:14">
      <c r="N872346" s="10"/>
    </row>
    <row r="872347" spans="14:14">
      <c r="N872347" s="10"/>
    </row>
    <row r="872348" spans="14:14">
      <c r="N872348" s="10"/>
    </row>
    <row r="872349" spans="14:14">
      <c r="N872349" s="10"/>
    </row>
    <row r="872350" spans="14:14">
      <c r="N872350" s="10"/>
    </row>
    <row r="872351" spans="14:14">
      <c r="N872351" s="10"/>
    </row>
    <row r="872352" spans="14:14">
      <c r="N872352" s="10"/>
    </row>
    <row r="872353" spans="14:14">
      <c r="N872353" s="10"/>
    </row>
    <row r="872354" spans="14:14">
      <c r="N872354" s="10"/>
    </row>
    <row r="872355" spans="14:14">
      <c r="N872355" s="10"/>
    </row>
    <row r="872356" spans="14:14">
      <c r="N872356" s="10"/>
    </row>
    <row r="872357" spans="14:14">
      <c r="N872357" s="10"/>
    </row>
    <row r="872358" spans="14:14">
      <c r="N872358" s="10"/>
    </row>
    <row r="872359" spans="14:14">
      <c r="N872359" s="10"/>
    </row>
    <row r="872360" spans="14:14">
      <c r="N872360" s="10"/>
    </row>
    <row r="872361" spans="14:14">
      <c r="N872361" s="10"/>
    </row>
    <row r="872362" spans="14:14">
      <c r="N872362" s="10"/>
    </row>
    <row r="872363" spans="14:14">
      <c r="N872363" s="10"/>
    </row>
    <row r="872364" spans="14:14">
      <c r="N872364" s="10"/>
    </row>
    <row r="872365" spans="14:14">
      <c r="N872365" s="10"/>
    </row>
    <row r="872366" spans="14:14">
      <c r="N872366" s="10"/>
    </row>
    <row r="872367" spans="14:14">
      <c r="N872367" s="10"/>
    </row>
    <row r="872368" spans="14:14">
      <c r="N872368" s="10"/>
    </row>
    <row r="872369" spans="14:14">
      <c r="N872369" s="10"/>
    </row>
    <row r="872370" spans="14:14">
      <c r="N872370" s="10"/>
    </row>
    <row r="872371" spans="14:14">
      <c r="N872371" s="10"/>
    </row>
    <row r="872372" spans="14:14">
      <c r="N872372" s="10"/>
    </row>
    <row r="872373" spans="14:14">
      <c r="N872373" s="10"/>
    </row>
    <row r="872374" spans="14:14">
      <c r="N872374" s="10"/>
    </row>
    <row r="872375" spans="14:14">
      <c r="N872375" s="10"/>
    </row>
    <row r="872376" spans="14:14">
      <c r="N872376" s="10"/>
    </row>
    <row r="872377" spans="14:14">
      <c r="N872377" s="10"/>
    </row>
    <row r="872378" spans="14:14">
      <c r="N872378" s="10"/>
    </row>
    <row r="872379" spans="14:14">
      <c r="N872379" s="10"/>
    </row>
    <row r="872380" spans="14:14">
      <c r="N872380" s="10"/>
    </row>
    <row r="872381" spans="14:14">
      <c r="N872381" s="10"/>
    </row>
    <row r="872382" spans="14:14">
      <c r="N872382" s="10"/>
    </row>
    <row r="872383" spans="14:14">
      <c r="N872383" s="10"/>
    </row>
    <row r="872384" spans="14:14">
      <c r="N872384" s="10"/>
    </row>
    <row r="872385" spans="14:14">
      <c r="N872385" s="10"/>
    </row>
    <row r="872386" spans="14:14">
      <c r="N872386" s="10"/>
    </row>
    <row r="872387" spans="14:14">
      <c r="N872387" s="10"/>
    </row>
    <row r="872388" spans="14:14">
      <c r="N872388" s="10"/>
    </row>
    <row r="872389" spans="14:14">
      <c r="N872389" s="10"/>
    </row>
    <row r="872390" spans="14:14">
      <c r="N872390" s="10"/>
    </row>
    <row r="872391" spans="14:14">
      <c r="N872391" s="10"/>
    </row>
    <row r="872392" spans="14:14">
      <c r="N872392" s="10"/>
    </row>
    <row r="872393" spans="14:14">
      <c r="N872393" s="10"/>
    </row>
    <row r="872394" spans="14:14">
      <c r="N872394" s="10"/>
    </row>
    <row r="872395" spans="14:14">
      <c r="N872395" s="10"/>
    </row>
    <row r="872396" spans="14:14">
      <c r="N872396" s="10"/>
    </row>
    <row r="872397" spans="14:14">
      <c r="N872397" s="10"/>
    </row>
    <row r="872398" spans="14:14">
      <c r="N872398" s="10"/>
    </row>
    <row r="872399" spans="14:14">
      <c r="N872399" s="10"/>
    </row>
    <row r="872400" spans="14:14">
      <c r="N872400" s="10"/>
    </row>
    <row r="872401" spans="14:14">
      <c r="N872401" s="10"/>
    </row>
    <row r="872402" spans="14:14">
      <c r="N872402" s="10"/>
    </row>
    <row r="872403" spans="14:14">
      <c r="N872403" s="10"/>
    </row>
    <row r="872404" spans="14:14">
      <c r="N872404" s="10"/>
    </row>
    <row r="872405" spans="14:14">
      <c r="N872405" s="10"/>
    </row>
    <row r="872406" spans="14:14">
      <c r="N872406" s="10"/>
    </row>
    <row r="872407" spans="14:14">
      <c r="N872407" s="10"/>
    </row>
    <row r="872408" spans="14:14">
      <c r="N872408" s="10"/>
    </row>
    <row r="872409" spans="14:14">
      <c r="N872409" s="10"/>
    </row>
    <row r="872410" spans="14:14">
      <c r="N872410" s="10"/>
    </row>
    <row r="872411" spans="14:14">
      <c r="N872411" s="10"/>
    </row>
    <row r="872412" spans="14:14">
      <c r="N872412" s="10"/>
    </row>
    <row r="872413" spans="14:14">
      <c r="N872413" s="10"/>
    </row>
    <row r="872414" spans="14:14">
      <c r="N872414" s="10"/>
    </row>
    <row r="872415" spans="14:14">
      <c r="N872415" s="10"/>
    </row>
    <row r="872416" spans="14:14">
      <c r="N872416" s="10"/>
    </row>
    <row r="872417" spans="14:14">
      <c r="N872417" s="10"/>
    </row>
    <row r="872418" spans="14:14">
      <c r="N872418" s="10"/>
    </row>
    <row r="872419" spans="14:14">
      <c r="N872419" s="10"/>
    </row>
    <row r="872420" spans="14:14">
      <c r="N872420" s="10"/>
    </row>
    <row r="872421" spans="14:14">
      <c r="N872421" s="10"/>
    </row>
    <row r="872422" spans="14:14">
      <c r="N872422" s="10"/>
    </row>
    <row r="872423" spans="14:14">
      <c r="N872423" s="10"/>
    </row>
    <row r="872424" spans="14:14">
      <c r="N872424" s="10"/>
    </row>
    <row r="872425" spans="14:14">
      <c r="N872425" s="10"/>
    </row>
    <row r="872426" spans="14:14">
      <c r="N872426" s="10"/>
    </row>
    <row r="872427" spans="14:14">
      <c r="N872427" s="10"/>
    </row>
    <row r="872428" spans="14:14">
      <c r="N872428" s="10"/>
    </row>
    <row r="872429" spans="14:14">
      <c r="N872429" s="10"/>
    </row>
    <row r="872430" spans="14:14">
      <c r="N872430" s="10"/>
    </row>
    <row r="872431" spans="14:14">
      <c r="N872431" s="10"/>
    </row>
    <row r="872432" spans="14:14">
      <c r="N872432" s="10"/>
    </row>
    <row r="872433" spans="14:14">
      <c r="N872433" s="10"/>
    </row>
    <row r="872434" spans="14:14">
      <c r="N872434" s="10"/>
    </row>
    <row r="872435" spans="14:14">
      <c r="N872435" s="10"/>
    </row>
    <row r="872436" spans="14:14">
      <c r="N872436" s="10"/>
    </row>
    <row r="872437" spans="14:14">
      <c r="N872437" s="10"/>
    </row>
    <row r="872438" spans="14:14">
      <c r="N872438" s="10"/>
    </row>
    <row r="872439" spans="14:14">
      <c r="N872439" s="10"/>
    </row>
    <row r="872440" spans="14:14">
      <c r="N872440" s="10"/>
    </row>
    <row r="872441" spans="14:14">
      <c r="N872441" s="10"/>
    </row>
    <row r="872442" spans="14:14">
      <c r="N872442" s="10"/>
    </row>
    <row r="872443" spans="14:14">
      <c r="N872443" s="10"/>
    </row>
    <row r="872444" spans="14:14">
      <c r="N872444" s="10"/>
    </row>
    <row r="872445" spans="14:14">
      <c r="N872445" s="10"/>
    </row>
    <row r="872446" spans="14:14">
      <c r="N872446" s="10"/>
    </row>
    <row r="872447" spans="14:14">
      <c r="N872447" s="10"/>
    </row>
    <row r="872448" spans="14:14">
      <c r="N872448" s="10"/>
    </row>
    <row r="872449" spans="14:14">
      <c r="N872449" s="10"/>
    </row>
    <row r="872450" spans="14:14">
      <c r="N872450" s="10"/>
    </row>
    <row r="872451" spans="14:14">
      <c r="N872451" s="10"/>
    </row>
    <row r="872452" spans="14:14">
      <c r="N872452" s="10"/>
    </row>
    <row r="872453" spans="14:14">
      <c r="N872453" s="10"/>
    </row>
    <row r="872454" spans="14:14">
      <c r="N872454" s="10"/>
    </row>
    <row r="872455" spans="14:14">
      <c r="N872455" s="10"/>
    </row>
    <row r="872456" spans="14:14">
      <c r="N872456" s="10"/>
    </row>
    <row r="872457" spans="14:14">
      <c r="N872457" s="10"/>
    </row>
    <row r="872458" spans="14:14">
      <c r="N872458" s="10"/>
    </row>
    <row r="872459" spans="14:14">
      <c r="N872459" s="10"/>
    </row>
    <row r="872460" spans="14:14">
      <c r="N872460" s="10"/>
    </row>
    <row r="872461" spans="14:14">
      <c r="N872461" s="10"/>
    </row>
    <row r="872462" spans="14:14">
      <c r="N872462" s="10"/>
    </row>
    <row r="872463" spans="14:14">
      <c r="N872463" s="10"/>
    </row>
    <row r="872464" spans="14:14">
      <c r="N872464" s="10"/>
    </row>
    <row r="872465" spans="14:14">
      <c r="N872465" s="10"/>
    </row>
    <row r="872466" spans="14:14">
      <c r="N872466" s="10"/>
    </row>
    <row r="872467" spans="14:14">
      <c r="N872467" s="10"/>
    </row>
    <row r="872468" spans="14:14">
      <c r="N872468" s="10"/>
    </row>
    <row r="872469" spans="14:14">
      <c r="N872469" s="10"/>
    </row>
    <row r="872470" spans="14:14">
      <c r="N872470" s="10"/>
    </row>
    <row r="872471" spans="14:14">
      <c r="N872471" s="10"/>
    </row>
    <row r="872472" spans="14:14">
      <c r="N872472" s="10"/>
    </row>
    <row r="872473" spans="14:14">
      <c r="N872473" s="10"/>
    </row>
    <row r="872474" spans="14:14">
      <c r="N872474" s="10"/>
    </row>
    <row r="872475" spans="14:14">
      <c r="N872475" s="10"/>
    </row>
    <row r="872476" spans="14:14">
      <c r="N872476" s="10"/>
    </row>
    <row r="872477" spans="14:14">
      <c r="N872477" s="10"/>
    </row>
    <row r="872478" spans="14:14">
      <c r="N872478" s="10"/>
    </row>
    <row r="872479" spans="14:14">
      <c r="N872479" s="10"/>
    </row>
    <row r="872480" spans="14:14">
      <c r="N872480" s="10"/>
    </row>
    <row r="872481" spans="14:14">
      <c r="N872481" s="10"/>
    </row>
    <row r="872482" spans="14:14">
      <c r="N872482" s="10"/>
    </row>
    <row r="872483" spans="14:14">
      <c r="N872483" s="10"/>
    </row>
    <row r="872484" spans="14:14">
      <c r="N872484" s="10"/>
    </row>
    <row r="872485" spans="14:14">
      <c r="N872485" s="10"/>
    </row>
    <row r="872486" spans="14:14">
      <c r="N872486" s="10"/>
    </row>
    <row r="872487" spans="14:14">
      <c r="N872487" s="10"/>
    </row>
    <row r="872488" spans="14:14">
      <c r="N872488" s="10"/>
    </row>
    <row r="872489" spans="14:14">
      <c r="N872489" s="10"/>
    </row>
    <row r="872490" spans="14:14">
      <c r="N872490" s="10"/>
    </row>
    <row r="872491" spans="14:14">
      <c r="N872491" s="10"/>
    </row>
    <row r="872492" spans="14:14">
      <c r="N872492" s="10"/>
    </row>
    <row r="872493" spans="14:14">
      <c r="N872493" s="10"/>
    </row>
    <row r="872494" spans="14:14">
      <c r="N872494" s="10"/>
    </row>
    <row r="872495" spans="14:14">
      <c r="N872495" s="10"/>
    </row>
    <row r="872496" spans="14:14">
      <c r="N872496" s="10"/>
    </row>
    <row r="872497" spans="14:14">
      <c r="N872497" s="10"/>
    </row>
    <row r="872498" spans="14:14">
      <c r="N872498" s="10"/>
    </row>
    <row r="872499" spans="14:14">
      <c r="N872499" s="10"/>
    </row>
    <row r="872500" spans="14:14">
      <c r="N872500" s="10"/>
    </row>
    <row r="872501" spans="14:14">
      <c r="N872501" s="10"/>
    </row>
    <row r="872502" spans="14:14">
      <c r="N872502" s="10"/>
    </row>
    <row r="872503" spans="14:14">
      <c r="N872503" s="10"/>
    </row>
    <row r="872504" spans="14:14">
      <c r="N872504" s="10"/>
    </row>
    <row r="872505" spans="14:14">
      <c r="N872505" s="10"/>
    </row>
    <row r="872506" spans="14:14">
      <c r="N872506" s="10"/>
    </row>
    <row r="872507" spans="14:14">
      <c r="N872507" s="10"/>
    </row>
    <row r="872508" spans="14:14">
      <c r="N872508" s="10"/>
    </row>
    <row r="872509" spans="14:14">
      <c r="N872509" s="10"/>
    </row>
    <row r="872510" spans="14:14">
      <c r="N872510" s="10"/>
    </row>
    <row r="872511" spans="14:14">
      <c r="N872511" s="10"/>
    </row>
    <row r="872512" spans="14:14">
      <c r="N872512" s="10"/>
    </row>
    <row r="872513" spans="14:14">
      <c r="N872513" s="10"/>
    </row>
    <row r="872514" spans="14:14">
      <c r="N872514" s="10"/>
    </row>
    <row r="872515" spans="14:14">
      <c r="N872515" s="10"/>
    </row>
    <row r="872516" spans="14:14">
      <c r="N872516" s="10"/>
    </row>
    <row r="872517" spans="14:14">
      <c r="N872517" s="10"/>
    </row>
    <row r="872518" spans="14:14">
      <c r="N872518" s="10"/>
    </row>
    <row r="872519" spans="14:14">
      <c r="N872519" s="10"/>
    </row>
    <row r="872520" spans="14:14">
      <c r="N872520" s="10"/>
    </row>
    <row r="872521" spans="14:14">
      <c r="N872521" s="10"/>
    </row>
    <row r="872522" spans="14:14">
      <c r="N872522" s="10"/>
    </row>
    <row r="872523" spans="14:14">
      <c r="N872523" s="10"/>
    </row>
    <row r="872524" spans="14:14">
      <c r="N872524" s="10"/>
    </row>
    <row r="872525" spans="14:14">
      <c r="N872525" s="10"/>
    </row>
    <row r="872526" spans="14:14">
      <c r="N872526" s="10"/>
    </row>
    <row r="872527" spans="14:14">
      <c r="N872527" s="10"/>
    </row>
    <row r="872528" spans="14:14">
      <c r="N872528" s="10"/>
    </row>
    <row r="872529" spans="14:14">
      <c r="N872529" s="10"/>
    </row>
    <row r="872530" spans="14:14">
      <c r="N872530" s="10"/>
    </row>
    <row r="872531" spans="14:14">
      <c r="N872531" s="10"/>
    </row>
    <row r="872532" spans="14:14">
      <c r="N872532" s="10"/>
    </row>
    <row r="872533" spans="14:14">
      <c r="N872533" s="10"/>
    </row>
    <row r="872534" spans="14:14">
      <c r="N872534" s="10"/>
    </row>
    <row r="872535" spans="14:14">
      <c r="N872535" s="10"/>
    </row>
    <row r="872536" spans="14:14">
      <c r="N872536" s="10"/>
    </row>
    <row r="872537" spans="14:14">
      <c r="N872537" s="10"/>
    </row>
    <row r="872538" spans="14:14">
      <c r="N872538" s="10"/>
    </row>
    <row r="872539" spans="14:14">
      <c r="N872539" s="10"/>
    </row>
    <row r="872540" spans="14:14">
      <c r="N872540" s="10"/>
    </row>
    <row r="872541" spans="14:14">
      <c r="N872541" s="10"/>
    </row>
    <row r="872542" spans="14:14">
      <c r="N872542" s="10"/>
    </row>
    <row r="872543" spans="14:14">
      <c r="N872543" s="10"/>
    </row>
    <row r="872544" spans="14:14">
      <c r="N872544" s="10"/>
    </row>
    <row r="872545" spans="14:14">
      <c r="N872545" s="10"/>
    </row>
    <row r="872546" spans="14:14">
      <c r="N872546" s="10"/>
    </row>
    <row r="872547" spans="14:14">
      <c r="N872547" s="10"/>
    </row>
    <row r="872548" spans="14:14">
      <c r="N872548" s="10"/>
    </row>
    <row r="872549" spans="14:14">
      <c r="N872549" s="10"/>
    </row>
    <row r="872550" spans="14:14">
      <c r="N872550" s="10"/>
    </row>
    <row r="872551" spans="14:14">
      <c r="N872551" s="10"/>
    </row>
    <row r="872552" spans="14:14">
      <c r="N872552" s="10"/>
    </row>
    <row r="872553" spans="14:14">
      <c r="N872553" s="10"/>
    </row>
    <row r="872554" spans="14:14">
      <c r="N872554" s="10"/>
    </row>
    <row r="872555" spans="14:14">
      <c r="N872555" s="10"/>
    </row>
    <row r="872556" spans="14:14">
      <c r="N872556" s="10"/>
    </row>
    <row r="872557" spans="14:14">
      <c r="N872557" s="10"/>
    </row>
    <row r="872558" spans="14:14">
      <c r="N872558" s="10"/>
    </row>
    <row r="872559" spans="14:14">
      <c r="N872559" s="10"/>
    </row>
    <row r="872560" spans="14:14">
      <c r="N872560" s="10"/>
    </row>
    <row r="872561" spans="14:14">
      <c r="N872561" s="10"/>
    </row>
    <row r="872562" spans="14:14">
      <c r="N872562" s="10"/>
    </row>
    <row r="872563" spans="14:14">
      <c r="N872563" s="10"/>
    </row>
    <row r="872564" spans="14:14">
      <c r="N872564" s="10"/>
    </row>
    <row r="872565" spans="14:14">
      <c r="N872565" s="10"/>
    </row>
    <row r="872566" spans="14:14">
      <c r="N872566" s="10"/>
    </row>
    <row r="872567" spans="14:14">
      <c r="N872567" s="10"/>
    </row>
    <row r="872568" spans="14:14">
      <c r="N872568" s="10"/>
    </row>
    <row r="872569" spans="14:14">
      <c r="N872569" s="10"/>
    </row>
    <row r="872570" spans="14:14">
      <c r="N872570" s="10"/>
    </row>
    <row r="872571" spans="14:14">
      <c r="N872571" s="10"/>
    </row>
    <row r="872572" spans="14:14">
      <c r="N872572" s="10"/>
    </row>
    <row r="872573" spans="14:14">
      <c r="N872573" s="10"/>
    </row>
    <row r="872574" spans="14:14">
      <c r="N872574" s="10"/>
    </row>
    <row r="872575" spans="14:14">
      <c r="N872575" s="10"/>
    </row>
    <row r="872576" spans="14:14">
      <c r="N872576" s="10"/>
    </row>
    <row r="872577" spans="14:14">
      <c r="N872577" s="10"/>
    </row>
    <row r="872578" spans="14:14">
      <c r="N872578" s="10"/>
    </row>
    <row r="872579" spans="14:14">
      <c r="N872579" s="10"/>
    </row>
    <row r="872580" spans="14:14">
      <c r="N872580" s="10"/>
    </row>
    <row r="872581" spans="14:14">
      <c r="N872581" s="10"/>
    </row>
    <row r="872582" spans="14:14">
      <c r="N872582" s="10"/>
    </row>
    <row r="872583" spans="14:14">
      <c r="N872583" s="10"/>
    </row>
    <row r="872584" spans="14:14">
      <c r="N872584" s="10"/>
    </row>
    <row r="872585" spans="14:14">
      <c r="N872585" s="10"/>
    </row>
    <row r="872586" spans="14:14">
      <c r="N872586" s="10"/>
    </row>
    <row r="872587" spans="14:14">
      <c r="N872587" s="10"/>
    </row>
    <row r="872588" spans="14:14">
      <c r="N872588" s="10"/>
    </row>
    <row r="872589" spans="14:14">
      <c r="N872589" s="10"/>
    </row>
    <row r="872590" spans="14:14">
      <c r="N872590" s="10"/>
    </row>
    <row r="872591" spans="14:14">
      <c r="N872591" s="10"/>
    </row>
    <row r="872592" spans="14:14">
      <c r="N872592" s="10"/>
    </row>
    <row r="872593" spans="14:14">
      <c r="N872593" s="10"/>
    </row>
    <row r="872594" spans="14:14">
      <c r="N872594" s="10"/>
    </row>
    <row r="872595" spans="14:14">
      <c r="N872595" s="10"/>
    </row>
    <row r="872596" spans="14:14">
      <c r="N872596" s="10"/>
    </row>
    <row r="872597" spans="14:14">
      <c r="N872597" s="10"/>
    </row>
    <row r="872598" spans="14:14">
      <c r="N872598" s="10"/>
    </row>
    <row r="872599" spans="14:14">
      <c r="N872599" s="10"/>
    </row>
    <row r="872600" spans="14:14">
      <c r="N872600" s="10"/>
    </row>
    <row r="872601" spans="14:14">
      <c r="N872601" s="10"/>
    </row>
    <row r="872602" spans="14:14">
      <c r="N872602" s="10"/>
    </row>
    <row r="872603" spans="14:14">
      <c r="N872603" s="10"/>
    </row>
    <row r="872604" spans="14:14">
      <c r="N872604" s="10"/>
    </row>
    <row r="872605" spans="14:14">
      <c r="N872605" s="10"/>
    </row>
    <row r="872606" spans="14:14">
      <c r="N872606" s="10"/>
    </row>
    <row r="872607" spans="14:14">
      <c r="N872607" s="10"/>
    </row>
    <row r="872608" spans="14:14">
      <c r="N872608" s="10"/>
    </row>
    <row r="872609" spans="14:14">
      <c r="N872609" s="10"/>
    </row>
    <row r="872610" spans="14:14">
      <c r="N872610" s="10"/>
    </row>
    <row r="872611" spans="14:14">
      <c r="N872611" s="10"/>
    </row>
    <row r="872612" spans="14:14">
      <c r="N872612" s="10"/>
    </row>
    <row r="872613" spans="14:14">
      <c r="N872613" s="10"/>
    </row>
    <row r="872614" spans="14:14">
      <c r="N872614" s="10"/>
    </row>
    <row r="872615" spans="14:14">
      <c r="N872615" s="10"/>
    </row>
    <row r="872616" spans="14:14">
      <c r="N872616" s="10"/>
    </row>
    <row r="872617" spans="14:14">
      <c r="N872617" s="10"/>
    </row>
    <row r="872618" spans="14:14">
      <c r="N872618" s="10"/>
    </row>
    <row r="872619" spans="14:14">
      <c r="N872619" s="10"/>
    </row>
    <row r="872620" spans="14:14">
      <c r="N872620" s="10"/>
    </row>
    <row r="872621" spans="14:14">
      <c r="N872621" s="10"/>
    </row>
    <row r="872622" spans="14:14">
      <c r="N872622" s="10"/>
    </row>
    <row r="872623" spans="14:14">
      <c r="N872623" s="10"/>
    </row>
    <row r="872624" spans="14:14">
      <c r="N872624" s="10"/>
    </row>
    <row r="872625" spans="14:14">
      <c r="N872625" s="10"/>
    </row>
    <row r="872626" spans="14:14">
      <c r="N872626" s="10"/>
    </row>
    <row r="872627" spans="14:14">
      <c r="N872627" s="10"/>
    </row>
    <row r="872628" spans="14:14">
      <c r="N872628" s="10"/>
    </row>
    <row r="872629" spans="14:14">
      <c r="N872629" s="10"/>
    </row>
    <row r="872630" spans="14:14">
      <c r="N872630" s="10"/>
    </row>
    <row r="872631" spans="14:14">
      <c r="N872631" s="10"/>
    </row>
    <row r="872632" spans="14:14">
      <c r="N872632" s="10"/>
    </row>
    <row r="872633" spans="14:14">
      <c r="N872633" s="10"/>
    </row>
    <row r="872634" spans="14:14">
      <c r="N872634" s="10"/>
    </row>
    <row r="872635" spans="14:14">
      <c r="N872635" s="10"/>
    </row>
    <row r="872636" spans="14:14">
      <c r="N872636" s="10"/>
    </row>
    <row r="872637" spans="14:14">
      <c r="N872637" s="10"/>
    </row>
    <row r="872638" spans="14:14">
      <c r="N872638" s="10"/>
    </row>
    <row r="872639" spans="14:14">
      <c r="N872639" s="10"/>
    </row>
    <row r="872640" spans="14:14">
      <c r="N872640" s="10"/>
    </row>
    <row r="872641" spans="14:14">
      <c r="N872641" s="10"/>
    </row>
    <row r="872642" spans="14:14">
      <c r="N872642" s="10"/>
    </row>
    <row r="872643" spans="14:14">
      <c r="N872643" s="10"/>
    </row>
    <row r="872644" spans="14:14">
      <c r="N872644" s="10"/>
    </row>
    <row r="872645" spans="14:14">
      <c r="N872645" s="10"/>
    </row>
    <row r="872646" spans="14:14">
      <c r="N872646" s="10"/>
    </row>
    <row r="872647" spans="14:14">
      <c r="N872647" s="10"/>
    </row>
    <row r="872648" spans="14:14">
      <c r="N872648" s="10"/>
    </row>
    <row r="872649" spans="14:14">
      <c r="N872649" s="10"/>
    </row>
    <row r="872650" spans="14:14">
      <c r="N872650" s="10"/>
    </row>
    <row r="872651" spans="14:14">
      <c r="N872651" s="10"/>
    </row>
    <row r="872652" spans="14:14">
      <c r="N872652" s="10"/>
    </row>
    <row r="872653" spans="14:14">
      <c r="N872653" s="10"/>
    </row>
    <row r="872654" spans="14:14">
      <c r="N872654" s="10"/>
    </row>
    <row r="872655" spans="14:14">
      <c r="N872655" s="10"/>
    </row>
    <row r="872656" spans="14:14">
      <c r="N872656" s="10"/>
    </row>
    <row r="872657" spans="14:14">
      <c r="N872657" s="10"/>
    </row>
    <row r="872658" spans="14:14">
      <c r="N872658" s="10"/>
    </row>
    <row r="872659" spans="14:14">
      <c r="N872659" s="10"/>
    </row>
    <row r="872660" spans="14:14">
      <c r="N872660" s="10"/>
    </row>
    <row r="872661" spans="14:14">
      <c r="N872661" s="10"/>
    </row>
    <row r="872662" spans="14:14">
      <c r="N872662" s="10"/>
    </row>
    <row r="872663" spans="14:14">
      <c r="N872663" s="10"/>
    </row>
    <row r="872664" spans="14:14">
      <c r="N872664" s="10"/>
    </row>
    <row r="872665" spans="14:14">
      <c r="N872665" s="10"/>
    </row>
    <row r="872666" spans="14:14">
      <c r="N872666" s="10"/>
    </row>
    <row r="872667" spans="14:14">
      <c r="N872667" s="10"/>
    </row>
    <row r="872668" spans="14:14">
      <c r="N872668" s="10"/>
    </row>
    <row r="872669" spans="14:14">
      <c r="N872669" s="10"/>
    </row>
    <row r="872670" spans="14:14">
      <c r="N872670" s="10"/>
    </row>
    <row r="872671" spans="14:14">
      <c r="N872671" s="10"/>
    </row>
    <row r="872672" spans="14:14">
      <c r="N872672" s="10"/>
    </row>
    <row r="872673" spans="14:14">
      <c r="N872673" s="10"/>
    </row>
    <row r="872674" spans="14:14">
      <c r="N872674" s="10"/>
    </row>
    <row r="872675" spans="14:14">
      <c r="N872675" s="10"/>
    </row>
    <row r="872676" spans="14:14">
      <c r="N872676" s="10"/>
    </row>
    <row r="872677" spans="14:14">
      <c r="N872677" s="10"/>
    </row>
    <row r="872678" spans="14:14">
      <c r="N872678" s="10"/>
    </row>
    <row r="872679" spans="14:14">
      <c r="N872679" s="10"/>
    </row>
    <row r="872680" spans="14:14">
      <c r="N872680" s="10"/>
    </row>
    <row r="872681" spans="14:14">
      <c r="N872681" s="10"/>
    </row>
    <row r="872682" spans="14:14">
      <c r="N872682" s="10"/>
    </row>
    <row r="872683" spans="14:14">
      <c r="N872683" s="10"/>
    </row>
    <row r="872684" spans="14:14">
      <c r="N872684" s="10"/>
    </row>
    <row r="872685" spans="14:14">
      <c r="N872685" s="10"/>
    </row>
    <row r="872686" spans="14:14">
      <c r="N872686" s="10"/>
    </row>
    <row r="872687" spans="14:14">
      <c r="N872687" s="10"/>
    </row>
    <row r="872688" spans="14:14">
      <c r="N872688" s="10"/>
    </row>
    <row r="872689" spans="14:14">
      <c r="N872689" s="10"/>
    </row>
    <row r="872690" spans="14:14">
      <c r="N872690" s="10"/>
    </row>
    <row r="872691" spans="14:14">
      <c r="N872691" s="10"/>
    </row>
    <row r="872692" spans="14:14">
      <c r="N872692" s="10"/>
    </row>
    <row r="872693" spans="14:14">
      <c r="N872693" s="10"/>
    </row>
    <row r="872694" spans="14:14">
      <c r="N872694" s="10"/>
    </row>
    <row r="872695" spans="14:14">
      <c r="N872695" s="10"/>
    </row>
    <row r="872696" spans="14:14">
      <c r="N872696" s="10"/>
    </row>
    <row r="872697" spans="14:14">
      <c r="N872697" s="10"/>
    </row>
    <row r="872698" spans="14:14">
      <c r="N872698" s="10"/>
    </row>
    <row r="872699" spans="14:14">
      <c r="N872699" s="10"/>
    </row>
    <row r="872700" spans="14:14">
      <c r="N872700" s="10"/>
    </row>
    <row r="872701" spans="14:14">
      <c r="N872701" s="10"/>
    </row>
    <row r="872702" spans="14:14">
      <c r="N872702" s="10"/>
    </row>
    <row r="872703" spans="14:14">
      <c r="N872703" s="10"/>
    </row>
    <row r="872704" spans="14:14">
      <c r="N872704" s="10"/>
    </row>
    <row r="872705" spans="14:14">
      <c r="N872705" s="10"/>
    </row>
    <row r="872706" spans="14:14">
      <c r="N872706" s="10"/>
    </row>
    <row r="872707" spans="14:14">
      <c r="N872707" s="10"/>
    </row>
    <row r="872708" spans="14:14">
      <c r="N872708" s="10"/>
    </row>
    <row r="872709" spans="14:14">
      <c r="N872709" s="10"/>
    </row>
    <row r="872710" spans="14:14">
      <c r="N872710" s="10"/>
    </row>
    <row r="872711" spans="14:14">
      <c r="N872711" s="10"/>
    </row>
    <row r="872712" spans="14:14">
      <c r="N872712" s="10"/>
    </row>
    <row r="872713" spans="14:14">
      <c r="N872713" s="10"/>
    </row>
    <row r="872714" spans="14:14">
      <c r="N872714" s="10"/>
    </row>
    <row r="872715" spans="14:14">
      <c r="N872715" s="10"/>
    </row>
    <row r="872716" spans="14:14">
      <c r="N872716" s="10"/>
    </row>
    <row r="872717" spans="14:14">
      <c r="N872717" s="10"/>
    </row>
    <row r="872718" spans="14:14">
      <c r="N872718" s="10"/>
    </row>
    <row r="872719" spans="14:14">
      <c r="N872719" s="10"/>
    </row>
    <row r="872720" spans="14:14">
      <c r="N872720" s="10"/>
    </row>
    <row r="872721" spans="14:14">
      <c r="N872721" s="10"/>
    </row>
    <row r="872722" spans="14:14">
      <c r="N872722" s="10"/>
    </row>
    <row r="872723" spans="14:14">
      <c r="N872723" s="10"/>
    </row>
    <row r="872724" spans="14:14">
      <c r="N872724" s="10"/>
    </row>
    <row r="872725" spans="14:14">
      <c r="N872725" s="10"/>
    </row>
    <row r="872726" spans="14:14">
      <c r="N872726" s="10"/>
    </row>
    <row r="872727" spans="14:14">
      <c r="N872727" s="10"/>
    </row>
    <row r="872728" spans="14:14">
      <c r="N872728" s="10"/>
    </row>
    <row r="872729" spans="14:14">
      <c r="N872729" s="10"/>
    </row>
    <row r="872730" spans="14:14">
      <c r="N872730" s="10"/>
    </row>
    <row r="872731" spans="14:14">
      <c r="N872731" s="10"/>
    </row>
    <row r="872732" spans="14:14">
      <c r="N872732" s="10"/>
    </row>
    <row r="872733" spans="14:14">
      <c r="N872733" s="10"/>
    </row>
    <row r="872734" spans="14:14">
      <c r="N872734" s="10"/>
    </row>
    <row r="872735" spans="14:14">
      <c r="N872735" s="10"/>
    </row>
    <row r="872736" spans="14:14">
      <c r="N872736" s="10"/>
    </row>
    <row r="872737" spans="14:14">
      <c r="N872737" s="10"/>
    </row>
    <row r="872738" spans="14:14">
      <c r="N872738" s="10"/>
    </row>
    <row r="872739" spans="14:14">
      <c r="N872739" s="10"/>
    </row>
    <row r="872740" spans="14:14">
      <c r="N872740" s="10"/>
    </row>
    <row r="872741" spans="14:14">
      <c r="N872741" s="10"/>
    </row>
    <row r="872742" spans="14:14">
      <c r="N872742" s="10"/>
    </row>
    <row r="872743" spans="14:14">
      <c r="N872743" s="10"/>
    </row>
    <row r="872744" spans="14:14">
      <c r="N872744" s="10"/>
    </row>
    <row r="872745" spans="14:14">
      <c r="N872745" s="10"/>
    </row>
    <row r="872746" spans="14:14">
      <c r="N872746" s="10"/>
    </row>
    <row r="872747" spans="14:14">
      <c r="N872747" s="10"/>
    </row>
    <row r="872748" spans="14:14">
      <c r="N872748" s="10"/>
    </row>
    <row r="872749" spans="14:14">
      <c r="N872749" s="10"/>
    </row>
    <row r="872750" spans="14:14">
      <c r="N872750" s="10"/>
    </row>
    <row r="872751" spans="14:14">
      <c r="N872751" s="10"/>
    </row>
    <row r="872752" spans="14:14">
      <c r="N872752" s="10"/>
    </row>
    <row r="872753" spans="14:14">
      <c r="N872753" s="10"/>
    </row>
    <row r="872754" spans="14:14">
      <c r="N872754" s="10"/>
    </row>
    <row r="872755" spans="14:14">
      <c r="N872755" s="10"/>
    </row>
    <row r="872756" spans="14:14">
      <c r="N872756" s="10"/>
    </row>
    <row r="872757" spans="14:14">
      <c r="N872757" s="10"/>
    </row>
    <row r="872758" spans="14:14">
      <c r="N872758" s="10"/>
    </row>
    <row r="872759" spans="14:14">
      <c r="N872759" s="10"/>
    </row>
    <row r="872760" spans="14:14">
      <c r="N872760" s="10"/>
    </row>
    <row r="872761" spans="14:14">
      <c r="N872761" s="10"/>
    </row>
    <row r="872762" spans="14:14">
      <c r="N872762" s="10"/>
    </row>
    <row r="872763" spans="14:14">
      <c r="N872763" s="10"/>
    </row>
    <row r="872764" spans="14:14">
      <c r="N872764" s="10"/>
    </row>
    <row r="872765" spans="14:14">
      <c r="N872765" s="10"/>
    </row>
    <row r="872766" spans="14:14">
      <c r="N872766" s="10"/>
    </row>
    <row r="872767" spans="14:14">
      <c r="N872767" s="10"/>
    </row>
    <row r="872768" spans="14:14">
      <c r="N872768" s="10"/>
    </row>
    <row r="872769" spans="14:14">
      <c r="N872769" s="10"/>
    </row>
    <row r="872770" spans="14:14">
      <c r="N872770" s="10"/>
    </row>
    <row r="872771" spans="14:14">
      <c r="N872771" s="10"/>
    </row>
    <row r="872772" spans="14:14">
      <c r="N872772" s="10"/>
    </row>
    <row r="872773" spans="14:14">
      <c r="N872773" s="10"/>
    </row>
    <row r="872774" spans="14:14">
      <c r="N872774" s="10"/>
    </row>
    <row r="872775" spans="14:14">
      <c r="N872775" s="10"/>
    </row>
    <row r="872776" spans="14:14">
      <c r="N872776" s="10"/>
    </row>
    <row r="872777" spans="14:14">
      <c r="N872777" s="10"/>
    </row>
    <row r="872778" spans="14:14">
      <c r="N872778" s="10"/>
    </row>
    <row r="872779" spans="14:14">
      <c r="N872779" s="10"/>
    </row>
    <row r="872780" spans="14:14">
      <c r="N872780" s="10"/>
    </row>
    <row r="872781" spans="14:14">
      <c r="N872781" s="10"/>
    </row>
    <row r="872782" spans="14:14">
      <c r="N872782" s="10"/>
    </row>
    <row r="872783" spans="14:14">
      <c r="N872783" s="10"/>
    </row>
    <row r="872784" spans="14:14">
      <c r="N872784" s="10"/>
    </row>
    <row r="872785" spans="14:14">
      <c r="N872785" s="10"/>
    </row>
    <row r="872786" spans="14:14">
      <c r="N872786" s="10"/>
    </row>
    <row r="872787" spans="14:14">
      <c r="N872787" s="10"/>
    </row>
    <row r="872788" spans="14:14">
      <c r="N872788" s="10"/>
    </row>
    <row r="872789" spans="14:14">
      <c r="N872789" s="10"/>
    </row>
    <row r="872790" spans="14:14">
      <c r="N872790" s="10"/>
    </row>
    <row r="872791" spans="14:14">
      <c r="N872791" s="10"/>
    </row>
    <row r="872792" spans="14:14">
      <c r="N872792" s="10"/>
    </row>
    <row r="872793" spans="14:14">
      <c r="N872793" s="10"/>
    </row>
    <row r="872794" spans="14:14">
      <c r="N872794" s="10"/>
    </row>
    <row r="872795" spans="14:14">
      <c r="N872795" s="10"/>
    </row>
    <row r="872796" spans="14:14">
      <c r="N872796" s="10"/>
    </row>
    <row r="872797" spans="14:14">
      <c r="N872797" s="10"/>
    </row>
    <row r="872798" spans="14:14">
      <c r="N872798" s="10"/>
    </row>
    <row r="872799" spans="14:14">
      <c r="N872799" s="10"/>
    </row>
    <row r="872800" spans="14:14">
      <c r="N872800" s="10"/>
    </row>
    <row r="872801" spans="14:14">
      <c r="N872801" s="10"/>
    </row>
    <row r="872802" spans="14:14">
      <c r="N872802" s="10"/>
    </row>
    <row r="872803" spans="14:14">
      <c r="N872803" s="10"/>
    </row>
    <row r="872804" spans="14:14">
      <c r="N872804" s="10"/>
    </row>
    <row r="872805" spans="14:14">
      <c r="N872805" s="10"/>
    </row>
    <row r="872806" spans="14:14">
      <c r="N872806" s="10"/>
    </row>
    <row r="872807" spans="14:14">
      <c r="N872807" s="10"/>
    </row>
    <row r="872808" spans="14:14">
      <c r="N872808" s="10"/>
    </row>
    <row r="872809" spans="14:14">
      <c r="N872809" s="10"/>
    </row>
    <row r="872810" spans="14:14">
      <c r="N872810" s="10"/>
    </row>
    <row r="872811" spans="14:14">
      <c r="N872811" s="10"/>
    </row>
    <row r="872812" spans="14:14">
      <c r="N872812" s="10"/>
    </row>
    <row r="872813" spans="14:14">
      <c r="N872813" s="10"/>
    </row>
    <row r="872814" spans="14:14">
      <c r="N872814" s="10"/>
    </row>
    <row r="872815" spans="14:14">
      <c r="N872815" s="10"/>
    </row>
    <row r="872816" spans="14:14">
      <c r="N872816" s="10"/>
    </row>
    <row r="872817" spans="14:14">
      <c r="N872817" s="10"/>
    </row>
    <row r="872818" spans="14:14">
      <c r="N872818" s="10"/>
    </row>
    <row r="872819" spans="14:14">
      <c r="N872819" s="10"/>
    </row>
    <row r="872820" spans="14:14">
      <c r="N872820" s="10"/>
    </row>
    <row r="872821" spans="14:14">
      <c r="N872821" s="10"/>
    </row>
    <row r="872822" spans="14:14">
      <c r="N872822" s="10"/>
    </row>
    <row r="872823" spans="14:14">
      <c r="N872823" s="10"/>
    </row>
    <row r="872824" spans="14:14">
      <c r="N872824" s="10"/>
    </row>
    <row r="872825" spans="14:14">
      <c r="N872825" s="10"/>
    </row>
    <row r="872826" spans="14:14">
      <c r="N872826" s="10"/>
    </row>
    <row r="872827" spans="14:14">
      <c r="N872827" s="10"/>
    </row>
    <row r="872828" spans="14:14">
      <c r="N872828" s="10"/>
    </row>
    <row r="872829" spans="14:14">
      <c r="N872829" s="10"/>
    </row>
    <row r="872830" spans="14:14">
      <c r="N872830" s="10"/>
    </row>
    <row r="872831" spans="14:14">
      <c r="N872831" s="10"/>
    </row>
    <row r="872832" spans="14:14">
      <c r="N872832" s="10"/>
    </row>
    <row r="872833" spans="14:14">
      <c r="N872833" s="10"/>
    </row>
    <row r="872834" spans="14:14">
      <c r="N872834" s="10"/>
    </row>
    <row r="872835" spans="14:14">
      <c r="N872835" s="10"/>
    </row>
    <row r="872836" spans="14:14">
      <c r="N872836" s="10"/>
    </row>
    <row r="872837" spans="14:14">
      <c r="N872837" s="10"/>
    </row>
    <row r="872838" spans="14:14">
      <c r="N872838" s="10"/>
    </row>
    <row r="872839" spans="14:14">
      <c r="N872839" s="10"/>
    </row>
    <row r="872840" spans="14:14">
      <c r="N872840" s="10"/>
    </row>
    <row r="872841" spans="14:14">
      <c r="N872841" s="10"/>
    </row>
    <row r="872842" spans="14:14">
      <c r="N872842" s="10"/>
    </row>
    <row r="872843" spans="14:14">
      <c r="N872843" s="10"/>
    </row>
    <row r="872844" spans="14:14">
      <c r="N872844" s="10"/>
    </row>
    <row r="872845" spans="14:14">
      <c r="N872845" s="10"/>
    </row>
    <row r="872846" spans="14:14">
      <c r="N872846" s="10"/>
    </row>
    <row r="872847" spans="14:14">
      <c r="N872847" s="10"/>
    </row>
    <row r="872848" spans="14:14">
      <c r="N872848" s="10"/>
    </row>
    <row r="872849" spans="14:14">
      <c r="N872849" s="10"/>
    </row>
    <row r="872850" spans="14:14">
      <c r="N872850" s="10"/>
    </row>
    <row r="872851" spans="14:14">
      <c r="N872851" s="10"/>
    </row>
    <row r="872852" spans="14:14">
      <c r="N872852" s="10"/>
    </row>
    <row r="872853" spans="14:14">
      <c r="N872853" s="10"/>
    </row>
    <row r="872854" spans="14:14">
      <c r="N872854" s="10"/>
    </row>
    <row r="872855" spans="14:14">
      <c r="N872855" s="10"/>
    </row>
    <row r="872856" spans="14:14">
      <c r="N872856" s="10"/>
    </row>
    <row r="872857" spans="14:14">
      <c r="N872857" s="10"/>
    </row>
    <row r="872858" spans="14:14">
      <c r="N872858" s="10"/>
    </row>
    <row r="872859" spans="14:14">
      <c r="N872859" s="10"/>
    </row>
    <row r="872860" spans="14:14">
      <c r="N872860" s="10"/>
    </row>
    <row r="872861" spans="14:14">
      <c r="N872861" s="10"/>
    </row>
    <row r="872862" spans="14:14">
      <c r="N872862" s="10"/>
    </row>
    <row r="872863" spans="14:14">
      <c r="N872863" s="10"/>
    </row>
    <row r="872864" spans="14:14">
      <c r="N872864" s="10"/>
    </row>
    <row r="872865" spans="14:14">
      <c r="N872865" s="10"/>
    </row>
    <row r="872866" spans="14:14">
      <c r="N872866" s="10"/>
    </row>
    <row r="872867" spans="14:14">
      <c r="N872867" s="10"/>
    </row>
    <row r="872868" spans="14:14">
      <c r="N872868" s="10"/>
    </row>
    <row r="872869" spans="14:14">
      <c r="N872869" s="10"/>
    </row>
    <row r="872870" spans="14:14">
      <c r="N872870" s="10"/>
    </row>
    <row r="872871" spans="14:14">
      <c r="N872871" s="10"/>
    </row>
    <row r="872872" spans="14:14">
      <c r="N872872" s="10"/>
    </row>
    <row r="872873" spans="14:14">
      <c r="N872873" s="10"/>
    </row>
    <row r="872874" spans="14:14">
      <c r="N872874" s="10"/>
    </row>
    <row r="872875" spans="14:14">
      <c r="N872875" s="10"/>
    </row>
    <row r="872876" spans="14:14">
      <c r="N872876" s="10"/>
    </row>
    <row r="872877" spans="14:14">
      <c r="N872877" s="10"/>
    </row>
    <row r="872878" spans="14:14">
      <c r="N872878" s="10"/>
    </row>
    <row r="872879" spans="14:14">
      <c r="N872879" s="10"/>
    </row>
    <row r="872880" spans="14:14">
      <c r="N872880" s="10"/>
    </row>
    <row r="872881" spans="14:14">
      <c r="N872881" s="10"/>
    </row>
    <row r="872882" spans="14:14">
      <c r="N872882" s="10"/>
    </row>
    <row r="872883" spans="14:14">
      <c r="N872883" s="10"/>
    </row>
    <row r="872884" spans="14:14">
      <c r="N872884" s="10"/>
    </row>
    <row r="872885" spans="14:14">
      <c r="N872885" s="10"/>
    </row>
    <row r="872886" spans="14:14">
      <c r="N872886" s="10"/>
    </row>
    <row r="872887" spans="14:14">
      <c r="N872887" s="10"/>
    </row>
    <row r="872888" spans="14:14">
      <c r="N872888" s="10"/>
    </row>
    <row r="872889" spans="14:14">
      <c r="N872889" s="10"/>
    </row>
    <row r="872890" spans="14:14">
      <c r="N872890" s="10"/>
    </row>
    <row r="872891" spans="14:14">
      <c r="N872891" s="10"/>
    </row>
    <row r="872892" spans="14:14">
      <c r="N872892" s="10"/>
    </row>
    <row r="872893" spans="14:14">
      <c r="N872893" s="10"/>
    </row>
    <row r="872894" spans="14:14">
      <c r="N872894" s="10"/>
    </row>
    <row r="872895" spans="14:14">
      <c r="N872895" s="10"/>
    </row>
    <row r="872896" spans="14:14">
      <c r="N872896" s="10"/>
    </row>
    <row r="872897" spans="14:14">
      <c r="N872897" s="10"/>
    </row>
    <row r="872898" spans="14:14">
      <c r="N872898" s="10"/>
    </row>
    <row r="872899" spans="14:14">
      <c r="N872899" s="10"/>
    </row>
    <row r="872900" spans="14:14">
      <c r="N872900" s="10"/>
    </row>
    <row r="872901" spans="14:14">
      <c r="N872901" s="10"/>
    </row>
    <row r="872902" spans="14:14">
      <c r="N872902" s="10"/>
    </row>
    <row r="872903" spans="14:14">
      <c r="N872903" s="10"/>
    </row>
    <row r="872904" spans="14:14">
      <c r="N872904" s="10"/>
    </row>
    <row r="872905" spans="14:14">
      <c r="N872905" s="10"/>
    </row>
    <row r="872906" spans="14:14">
      <c r="N872906" s="10"/>
    </row>
    <row r="872907" spans="14:14">
      <c r="N872907" s="10"/>
    </row>
    <row r="872908" spans="14:14">
      <c r="N872908" s="10"/>
    </row>
    <row r="872909" spans="14:14">
      <c r="N872909" s="10"/>
    </row>
    <row r="872910" spans="14:14">
      <c r="N872910" s="10"/>
    </row>
    <row r="872911" spans="14:14">
      <c r="N872911" s="10"/>
    </row>
    <row r="872912" spans="14:14">
      <c r="N872912" s="10"/>
    </row>
    <row r="872913" spans="14:14">
      <c r="N872913" s="10"/>
    </row>
    <row r="872914" spans="14:14">
      <c r="N872914" s="10"/>
    </row>
    <row r="872915" spans="14:14">
      <c r="N872915" s="10"/>
    </row>
    <row r="872916" spans="14:14">
      <c r="N872916" s="10"/>
    </row>
    <row r="872917" spans="14:14">
      <c r="N872917" s="10"/>
    </row>
    <row r="872918" spans="14:14">
      <c r="N872918" s="10"/>
    </row>
    <row r="872919" spans="14:14">
      <c r="N872919" s="10"/>
    </row>
    <row r="872920" spans="14:14">
      <c r="N872920" s="10"/>
    </row>
    <row r="872921" spans="14:14">
      <c r="N872921" s="10"/>
    </row>
    <row r="872922" spans="14:14">
      <c r="N872922" s="10"/>
    </row>
    <row r="872923" spans="14:14">
      <c r="N872923" s="10"/>
    </row>
    <row r="872924" spans="14:14">
      <c r="N872924" s="10"/>
    </row>
    <row r="872925" spans="14:14">
      <c r="N872925" s="10"/>
    </row>
    <row r="872926" spans="14:14">
      <c r="N872926" s="10"/>
    </row>
    <row r="872927" spans="14:14">
      <c r="N872927" s="10"/>
    </row>
    <row r="872928" spans="14:14">
      <c r="N872928" s="10"/>
    </row>
    <row r="872929" spans="14:14">
      <c r="N872929" s="10"/>
    </row>
    <row r="872930" spans="14:14">
      <c r="N872930" s="10"/>
    </row>
    <row r="872931" spans="14:14">
      <c r="N872931" s="10"/>
    </row>
    <row r="872932" spans="14:14">
      <c r="N872932" s="10"/>
    </row>
    <row r="872933" spans="14:14">
      <c r="N872933" s="10"/>
    </row>
    <row r="872934" spans="14:14">
      <c r="N872934" s="10"/>
    </row>
    <row r="872935" spans="14:14">
      <c r="N872935" s="10"/>
    </row>
    <row r="872936" spans="14:14">
      <c r="N872936" s="10"/>
    </row>
    <row r="872937" spans="14:14">
      <c r="N872937" s="10"/>
    </row>
    <row r="872938" spans="14:14">
      <c r="N872938" s="10"/>
    </row>
    <row r="872939" spans="14:14">
      <c r="N872939" s="10"/>
    </row>
    <row r="872940" spans="14:14">
      <c r="N872940" s="10"/>
    </row>
    <row r="872941" spans="14:14">
      <c r="N872941" s="10"/>
    </row>
    <row r="872942" spans="14:14">
      <c r="N872942" s="10"/>
    </row>
    <row r="872943" spans="14:14">
      <c r="N872943" s="10"/>
    </row>
    <row r="872944" spans="14:14">
      <c r="N872944" s="10"/>
    </row>
    <row r="872945" spans="14:14">
      <c r="N872945" s="10"/>
    </row>
    <row r="872946" spans="14:14">
      <c r="N872946" s="10"/>
    </row>
    <row r="872947" spans="14:14">
      <c r="N872947" s="10"/>
    </row>
    <row r="872948" spans="14:14">
      <c r="N872948" s="10"/>
    </row>
    <row r="872949" spans="14:14">
      <c r="N872949" s="10"/>
    </row>
    <row r="872950" spans="14:14">
      <c r="N872950" s="10"/>
    </row>
    <row r="872951" spans="14:14">
      <c r="N872951" s="10"/>
    </row>
    <row r="872952" spans="14:14">
      <c r="N872952" s="10"/>
    </row>
    <row r="872953" spans="14:14">
      <c r="N872953" s="10"/>
    </row>
    <row r="872954" spans="14:14">
      <c r="N872954" s="10"/>
    </row>
    <row r="872955" spans="14:14">
      <c r="N872955" s="10"/>
    </row>
    <row r="872956" spans="14:14">
      <c r="N872956" s="10"/>
    </row>
    <row r="872957" spans="14:14">
      <c r="N872957" s="10"/>
    </row>
    <row r="872958" spans="14:14">
      <c r="N872958" s="10"/>
    </row>
    <row r="872959" spans="14:14">
      <c r="N872959" s="10"/>
    </row>
    <row r="872960" spans="14:14">
      <c r="N872960" s="10"/>
    </row>
    <row r="872961" spans="14:14">
      <c r="N872961" s="10"/>
    </row>
    <row r="872962" spans="14:14">
      <c r="N872962" s="10"/>
    </row>
    <row r="872963" spans="14:14">
      <c r="N872963" s="10"/>
    </row>
    <row r="872964" spans="14:14">
      <c r="N872964" s="10"/>
    </row>
    <row r="872965" spans="14:14">
      <c r="N872965" s="10"/>
    </row>
    <row r="872966" spans="14:14">
      <c r="N872966" s="10"/>
    </row>
    <row r="872967" spans="14:14">
      <c r="N872967" s="10"/>
    </row>
    <row r="872968" spans="14:14">
      <c r="N872968" s="10"/>
    </row>
    <row r="872969" spans="14:14">
      <c r="N872969" s="10"/>
    </row>
    <row r="872970" spans="14:14">
      <c r="N872970" s="10"/>
    </row>
    <row r="872971" spans="14:14">
      <c r="N872971" s="10"/>
    </row>
    <row r="872972" spans="14:14">
      <c r="N872972" s="10"/>
    </row>
    <row r="872973" spans="14:14">
      <c r="N872973" s="10"/>
    </row>
    <row r="872974" spans="14:14">
      <c r="N872974" s="10"/>
    </row>
    <row r="872975" spans="14:14">
      <c r="N872975" s="10"/>
    </row>
    <row r="872976" spans="14:14">
      <c r="N872976" s="10"/>
    </row>
    <row r="872977" spans="14:14">
      <c r="N872977" s="10"/>
    </row>
    <row r="872978" spans="14:14">
      <c r="N872978" s="10"/>
    </row>
    <row r="872979" spans="14:14">
      <c r="N872979" s="10"/>
    </row>
    <row r="872980" spans="14:14">
      <c r="N872980" s="10"/>
    </row>
    <row r="872981" spans="14:14">
      <c r="N872981" s="10"/>
    </row>
    <row r="872982" spans="14:14">
      <c r="N872982" s="10"/>
    </row>
    <row r="872983" spans="14:14">
      <c r="N872983" s="10"/>
    </row>
    <row r="872984" spans="14:14">
      <c r="N872984" s="10"/>
    </row>
    <row r="872985" spans="14:14">
      <c r="N872985" s="10"/>
    </row>
    <row r="872986" spans="14:14">
      <c r="N872986" s="10"/>
    </row>
    <row r="872987" spans="14:14">
      <c r="N872987" s="10"/>
    </row>
    <row r="872988" spans="14:14">
      <c r="N872988" s="10"/>
    </row>
    <row r="872989" spans="14:14">
      <c r="N872989" s="10"/>
    </row>
    <row r="872990" spans="14:14">
      <c r="N872990" s="10"/>
    </row>
    <row r="872991" spans="14:14">
      <c r="N872991" s="10"/>
    </row>
    <row r="872992" spans="14:14">
      <c r="N872992" s="10"/>
    </row>
    <row r="872993" spans="14:14">
      <c r="N872993" s="10"/>
    </row>
    <row r="872994" spans="14:14">
      <c r="N872994" s="10"/>
    </row>
    <row r="872995" spans="14:14">
      <c r="N872995" s="10"/>
    </row>
    <row r="872996" spans="14:14">
      <c r="N872996" s="10"/>
    </row>
    <row r="872997" spans="14:14">
      <c r="N872997" s="10"/>
    </row>
    <row r="872998" spans="14:14">
      <c r="N872998" s="10"/>
    </row>
    <row r="872999" spans="14:14">
      <c r="N872999" s="10"/>
    </row>
    <row r="873000" spans="14:14">
      <c r="N873000" s="10"/>
    </row>
    <row r="873001" spans="14:14">
      <c r="N873001" s="10"/>
    </row>
    <row r="873002" spans="14:14">
      <c r="N873002" s="10"/>
    </row>
    <row r="873003" spans="14:14">
      <c r="N873003" s="10"/>
    </row>
    <row r="873004" spans="14:14">
      <c r="N873004" s="10"/>
    </row>
    <row r="873005" spans="14:14">
      <c r="N873005" s="10"/>
    </row>
    <row r="873006" spans="14:14">
      <c r="N873006" s="10"/>
    </row>
    <row r="873007" spans="14:14">
      <c r="N873007" s="10"/>
    </row>
    <row r="873008" spans="14:14">
      <c r="N873008" s="10"/>
    </row>
    <row r="873009" spans="14:14">
      <c r="N873009" s="10"/>
    </row>
    <row r="873010" spans="14:14">
      <c r="N873010" s="10"/>
    </row>
    <row r="873011" spans="14:14">
      <c r="N873011" s="10"/>
    </row>
    <row r="873012" spans="14:14">
      <c r="N873012" s="10"/>
    </row>
    <row r="873013" spans="14:14">
      <c r="N873013" s="10"/>
    </row>
    <row r="873014" spans="14:14">
      <c r="N873014" s="10"/>
    </row>
    <row r="873015" spans="14:14">
      <c r="N873015" s="10"/>
    </row>
    <row r="873016" spans="14:14">
      <c r="N873016" s="10"/>
    </row>
    <row r="873017" spans="14:14">
      <c r="N873017" s="10"/>
    </row>
    <row r="873018" spans="14:14">
      <c r="N873018" s="10"/>
    </row>
    <row r="873019" spans="14:14">
      <c r="N873019" s="10"/>
    </row>
    <row r="873020" spans="14:14">
      <c r="N873020" s="10"/>
    </row>
    <row r="873021" spans="14:14">
      <c r="N873021" s="10"/>
    </row>
    <row r="873022" spans="14:14">
      <c r="N873022" s="10"/>
    </row>
    <row r="873023" spans="14:14">
      <c r="N873023" s="10"/>
    </row>
    <row r="873024" spans="14:14">
      <c r="N873024" s="10"/>
    </row>
    <row r="873025" spans="14:14">
      <c r="N873025" s="10"/>
    </row>
    <row r="873026" spans="14:14">
      <c r="N873026" s="10"/>
    </row>
    <row r="873027" spans="14:14">
      <c r="N873027" s="10"/>
    </row>
    <row r="873028" spans="14:14">
      <c r="N873028" s="10"/>
    </row>
    <row r="873029" spans="14:14">
      <c r="N873029" s="10"/>
    </row>
    <row r="873030" spans="14:14">
      <c r="N873030" s="10"/>
    </row>
    <row r="873031" spans="14:14">
      <c r="N873031" s="10"/>
    </row>
    <row r="873032" spans="14:14">
      <c r="N873032" s="10"/>
    </row>
    <row r="873033" spans="14:14">
      <c r="N873033" s="10"/>
    </row>
    <row r="873034" spans="14:14">
      <c r="N873034" s="10"/>
    </row>
    <row r="873035" spans="14:14">
      <c r="N873035" s="10"/>
    </row>
    <row r="873036" spans="14:14">
      <c r="N873036" s="10"/>
    </row>
    <row r="873037" spans="14:14">
      <c r="N873037" s="10"/>
    </row>
    <row r="873038" spans="14:14">
      <c r="N873038" s="10"/>
    </row>
    <row r="873039" spans="14:14">
      <c r="N873039" s="10"/>
    </row>
    <row r="873040" spans="14:14">
      <c r="N873040" s="10"/>
    </row>
    <row r="873041" spans="14:14">
      <c r="N873041" s="10"/>
    </row>
    <row r="873042" spans="14:14">
      <c r="N873042" s="10"/>
    </row>
    <row r="873043" spans="14:14">
      <c r="N873043" s="10"/>
    </row>
    <row r="873044" spans="14:14">
      <c r="N873044" s="10"/>
    </row>
    <row r="873045" spans="14:14">
      <c r="N873045" s="10"/>
    </row>
    <row r="873046" spans="14:14">
      <c r="N873046" s="10"/>
    </row>
    <row r="873047" spans="14:14">
      <c r="N873047" s="10"/>
    </row>
    <row r="873048" spans="14:14">
      <c r="N873048" s="10"/>
    </row>
    <row r="873049" spans="14:14">
      <c r="N873049" s="10"/>
    </row>
    <row r="873050" spans="14:14">
      <c r="N873050" s="10"/>
    </row>
    <row r="873051" spans="14:14">
      <c r="N873051" s="10"/>
    </row>
    <row r="873052" spans="14:14">
      <c r="N873052" s="10"/>
    </row>
    <row r="873053" spans="14:14">
      <c r="N873053" s="10"/>
    </row>
    <row r="873054" spans="14:14">
      <c r="N873054" s="10"/>
    </row>
    <row r="873055" spans="14:14">
      <c r="N873055" s="10"/>
    </row>
    <row r="873056" spans="14:14">
      <c r="N873056" s="10"/>
    </row>
    <row r="873057" spans="14:14">
      <c r="N873057" s="10"/>
    </row>
    <row r="873058" spans="14:14">
      <c r="N873058" s="10"/>
    </row>
    <row r="873059" spans="14:14">
      <c r="N873059" s="10"/>
    </row>
    <row r="873060" spans="14:14">
      <c r="N873060" s="10"/>
    </row>
    <row r="873061" spans="14:14">
      <c r="N873061" s="10"/>
    </row>
    <row r="873062" spans="14:14">
      <c r="N873062" s="10"/>
    </row>
    <row r="873063" spans="14:14">
      <c r="N873063" s="10"/>
    </row>
    <row r="873064" spans="14:14">
      <c r="N873064" s="10"/>
    </row>
    <row r="873065" spans="14:14">
      <c r="N873065" s="10"/>
    </row>
    <row r="873066" spans="14:14">
      <c r="N873066" s="10"/>
    </row>
    <row r="873067" spans="14:14">
      <c r="N873067" s="10"/>
    </row>
    <row r="873068" spans="14:14">
      <c r="N873068" s="10"/>
    </row>
    <row r="873069" spans="14:14">
      <c r="N873069" s="10"/>
    </row>
    <row r="873070" spans="14:14">
      <c r="N873070" s="10"/>
    </row>
    <row r="873071" spans="14:14">
      <c r="N873071" s="10"/>
    </row>
    <row r="873072" spans="14:14">
      <c r="N873072" s="10"/>
    </row>
    <row r="873073" spans="14:14">
      <c r="N873073" s="10"/>
    </row>
    <row r="873074" spans="14:14">
      <c r="N873074" s="10"/>
    </row>
    <row r="873075" spans="14:14">
      <c r="N873075" s="10"/>
    </row>
    <row r="873076" spans="14:14">
      <c r="N873076" s="10"/>
    </row>
    <row r="873077" spans="14:14">
      <c r="N873077" s="10"/>
    </row>
    <row r="873078" spans="14:14">
      <c r="N873078" s="10"/>
    </row>
    <row r="873079" spans="14:14">
      <c r="N873079" s="10"/>
    </row>
    <row r="873080" spans="14:14">
      <c r="N873080" s="10"/>
    </row>
    <row r="873081" spans="14:14">
      <c r="N873081" s="10"/>
    </row>
    <row r="873082" spans="14:14">
      <c r="N873082" s="10"/>
    </row>
    <row r="873083" spans="14:14">
      <c r="N873083" s="10"/>
    </row>
    <row r="873084" spans="14:14">
      <c r="N873084" s="10"/>
    </row>
    <row r="873085" spans="14:14">
      <c r="N873085" s="10"/>
    </row>
    <row r="873086" spans="14:14">
      <c r="N873086" s="10"/>
    </row>
    <row r="873087" spans="14:14">
      <c r="N873087" s="10"/>
    </row>
    <row r="873088" spans="14:14">
      <c r="N873088" s="10"/>
    </row>
    <row r="873089" spans="14:14">
      <c r="N873089" s="10"/>
    </row>
    <row r="873090" spans="14:14">
      <c r="N873090" s="10"/>
    </row>
    <row r="873091" spans="14:14">
      <c r="N873091" s="10"/>
    </row>
    <row r="873092" spans="14:14">
      <c r="N873092" s="10"/>
    </row>
    <row r="873093" spans="14:14">
      <c r="N873093" s="10"/>
    </row>
    <row r="873094" spans="14:14">
      <c r="N873094" s="10"/>
    </row>
    <row r="873095" spans="14:14">
      <c r="N873095" s="10"/>
    </row>
    <row r="873096" spans="14:14">
      <c r="N873096" s="10"/>
    </row>
    <row r="873097" spans="14:14">
      <c r="N873097" s="10"/>
    </row>
    <row r="873098" spans="14:14">
      <c r="N873098" s="10"/>
    </row>
    <row r="873099" spans="14:14">
      <c r="N873099" s="10"/>
    </row>
    <row r="873100" spans="14:14">
      <c r="N873100" s="10"/>
    </row>
    <row r="873101" spans="14:14">
      <c r="N873101" s="10"/>
    </row>
    <row r="873102" spans="14:14">
      <c r="N873102" s="10"/>
    </row>
    <row r="873103" spans="14:14">
      <c r="N873103" s="10"/>
    </row>
    <row r="873104" spans="14:14">
      <c r="N873104" s="10"/>
    </row>
    <row r="873105" spans="14:14">
      <c r="N873105" s="10"/>
    </row>
    <row r="873106" spans="14:14">
      <c r="N873106" s="10"/>
    </row>
    <row r="873107" spans="14:14">
      <c r="N873107" s="10"/>
    </row>
    <row r="873108" spans="14:14">
      <c r="N873108" s="10"/>
    </row>
    <row r="873109" spans="14:14">
      <c r="N873109" s="10"/>
    </row>
    <row r="873110" spans="14:14">
      <c r="N873110" s="10"/>
    </row>
    <row r="873111" spans="14:14">
      <c r="N873111" s="10"/>
    </row>
    <row r="873112" spans="14:14">
      <c r="N873112" s="10"/>
    </row>
    <row r="873113" spans="14:14">
      <c r="N873113" s="10"/>
    </row>
    <row r="873114" spans="14:14">
      <c r="N873114" s="10"/>
    </row>
    <row r="873115" spans="14:14">
      <c r="N873115" s="10"/>
    </row>
    <row r="873116" spans="14:14">
      <c r="N873116" s="10"/>
    </row>
    <row r="873117" spans="14:14">
      <c r="N873117" s="10"/>
    </row>
    <row r="873118" spans="14:14">
      <c r="N873118" s="10"/>
    </row>
    <row r="873119" spans="14:14">
      <c r="N873119" s="10"/>
    </row>
    <row r="873120" spans="14:14">
      <c r="N873120" s="10"/>
    </row>
    <row r="873121" spans="14:14">
      <c r="N873121" s="10"/>
    </row>
    <row r="873122" spans="14:14">
      <c r="N873122" s="10"/>
    </row>
    <row r="873123" spans="14:14">
      <c r="N873123" s="10"/>
    </row>
    <row r="873124" spans="14:14">
      <c r="N873124" s="10"/>
    </row>
    <row r="873125" spans="14:14">
      <c r="N873125" s="10"/>
    </row>
    <row r="873126" spans="14:14">
      <c r="N873126" s="10"/>
    </row>
    <row r="873127" spans="14:14">
      <c r="N873127" s="10"/>
    </row>
    <row r="873128" spans="14:14">
      <c r="N873128" s="10"/>
    </row>
    <row r="873129" spans="14:14">
      <c r="N873129" s="10"/>
    </row>
    <row r="873130" spans="14:14">
      <c r="N873130" s="10"/>
    </row>
    <row r="873131" spans="14:14">
      <c r="N873131" s="10"/>
    </row>
    <row r="873132" spans="14:14">
      <c r="N873132" s="10"/>
    </row>
    <row r="873133" spans="14:14">
      <c r="N873133" s="10"/>
    </row>
    <row r="873134" spans="14:14">
      <c r="N873134" s="10"/>
    </row>
    <row r="873135" spans="14:14">
      <c r="N873135" s="10"/>
    </row>
    <row r="873136" spans="14:14">
      <c r="N873136" s="10"/>
    </row>
    <row r="873137" spans="14:14">
      <c r="N873137" s="10"/>
    </row>
    <row r="873138" spans="14:14">
      <c r="N873138" s="10"/>
    </row>
    <row r="873139" spans="14:14">
      <c r="N873139" s="10"/>
    </row>
    <row r="873140" spans="14:14">
      <c r="N873140" s="10"/>
    </row>
    <row r="873141" spans="14:14">
      <c r="N873141" s="10"/>
    </row>
    <row r="873142" spans="14:14">
      <c r="N873142" s="10"/>
    </row>
    <row r="873143" spans="14:14">
      <c r="N873143" s="10"/>
    </row>
    <row r="873144" spans="14:14">
      <c r="N873144" s="10"/>
    </row>
    <row r="873145" spans="14:14">
      <c r="N873145" s="10"/>
    </row>
    <row r="873146" spans="14:14">
      <c r="N873146" s="10"/>
    </row>
    <row r="873147" spans="14:14">
      <c r="N873147" s="10"/>
    </row>
    <row r="873148" spans="14:14">
      <c r="N873148" s="10"/>
    </row>
    <row r="873149" spans="14:14">
      <c r="N873149" s="10"/>
    </row>
    <row r="873150" spans="14:14">
      <c r="N873150" s="10"/>
    </row>
    <row r="873151" spans="14:14">
      <c r="N873151" s="10"/>
    </row>
    <row r="873152" spans="14:14">
      <c r="N873152" s="10"/>
    </row>
    <row r="873153" spans="14:14">
      <c r="N873153" s="10"/>
    </row>
    <row r="873154" spans="14:14">
      <c r="N873154" s="10"/>
    </row>
    <row r="873155" spans="14:14">
      <c r="N873155" s="10"/>
    </row>
    <row r="873156" spans="14:14">
      <c r="N873156" s="10"/>
    </row>
    <row r="873157" spans="14:14">
      <c r="N873157" s="10"/>
    </row>
    <row r="873158" spans="14:14">
      <c r="N873158" s="10"/>
    </row>
    <row r="873159" spans="14:14">
      <c r="N873159" s="10"/>
    </row>
    <row r="873160" spans="14:14">
      <c r="N873160" s="10"/>
    </row>
    <row r="873161" spans="14:14">
      <c r="N873161" s="10"/>
    </row>
    <row r="873162" spans="14:14">
      <c r="N873162" s="10"/>
    </row>
    <row r="873163" spans="14:14">
      <c r="N873163" s="10"/>
    </row>
    <row r="873164" spans="14:14">
      <c r="N873164" s="10"/>
    </row>
    <row r="873165" spans="14:14">
      <c r="N873165" s="10"/>
    </row>
    <row r="873166" spans="14:14">
      <c r="N873166" s="10"/>
    </row>
    <row r="873167" spans="14:14">
      <c r="N873167" s="10"/>
    </row>
    <row r="873168" spans="14:14">
      <c r="N873168" s="10"/>
    </row>
    <row r="873169" spans="14:14">
      <c r="N873169" s="10"/>
    </row>
    <row r="873170" spans="14:14">
      <c r="N873170" s="10"/>
    </row>
    <row r="873171" spans="14:14">
      <c r="N873171" s="10"/>
    </row>
    <row r="873172" spans="14:14">
      <c r="N873172" s="10"/>
    </row>
    <row r="873173" spans="14:14">
      <c r="N873173" s="10"/>
    </row>
    <row r="873174" spans="14:14">
      <c r="N873174" s="10"/>
    </row>
    <row r="873175" spans="14:14">
      <c r="N873175" s="10"/>
    </row>
    <row r="873176" spans="14:14">
      <c r="N873176" s="10"/>
    </row>
    <row r="873177" spans="14:14">
      <c r="N873177" s="10"/>
    </row>
    <row r="873178" spans="14:14">
      <c r="N873178" s="10"/>
    </row>
    <row r="873179" spans="14:14">
      <c r="N873179" s="10"/>
    </row>
    <row r="873180" spans="14:14">
      <c r="N873180" s="10"/>
    </row>
    <row r="873181" spans="14:14">
      <c r="N873181" s="10"/>
    </row>
    <row r="873182" spans="14:14">
      <c r="N873182" s="10"/>
    </row>
    <row r="873183" spans="14:14">
      <c r="N873183" s="10"/>
    </row>
    <row r="873184" spans="14:14">
      <c r="N873184" s="10"/>
    </row>
    <row r="873185" spans="14:14">
      <c r="N873185" s="10"/>
    </row>
    <row r="873186" spans="14:14">
      <c r="N873186" s="10"/>
    </row>
    <row r="873187" spans="14:14">
      <c r="N873187" s="10"/>
    </row>
    <row r="873188" spans="14:14">
      <c r="N873188" s="10"/>
    </row>
    <row r="873189" spans="14:14">
      <c r="N873189" s="10"/>
    </row>
    <row r="873190" spans="14:14">
      <c r="N873190" s="10"/>
    </row>
    <row r="873191" spans="14:14">
      <c r="N873191" s="10"/>
    </row>
    <row r="873192" spans="14:14">
      <c r="N873192" s="10"/>
    </row>
    <row r="873193" spans="14:14">
      <c r="N873193" s="10"/>
    </row>
    <row r="873194" spans="14:14">
      <c r="N873194" s="10"/>
    </row>
    <row r="873195" spans="14:14">
      <c r="N873195" s="10"/>
    </row>
    <row r="873196" spans="14:14">
      <c r="N873196" s="10"/>
    </row>
    <row r="873197" spans="14:14">
      <c r="N873197" s="10"/>
    </row>
    <row r="873198" spans="14:14">
      <c r="N873198" s="10"/>
    </row>
    <row r="873199" spans="14:14">
      <c r="N873199" s="10"/>
    </row>
    <row r="873200" spans="14:14">
      <c r="N873200" s="10"/>
    </row>
    <row r="873201" spans="14:14">
      <c r="N873201" s="10"/>
    </row>
    <row r="873202" spans="14:14">
      <c r="N873202" s="10"/>
    </row>
    <row r="873203" spans="14:14">
      <c r="N873203" s="10"/>
    </row>
    <row r="873204" spans="14:14">
      <c r="N873204" s="10"/>
    </row>
    <row r="873205" spans="14:14">
      <c r="N873205" s="10"/>
    </row>
    <row r="873206" spans="14:14">
      <c r="N873206" s="10"/>
    </row>
    <row r="873207" spans="14:14">
      <c r="N873207" s="10"/>
    </row>
    <row r="873208" spans="14:14">
      <c r="N873208" s="10"/>
    </row>
    <row r="873209" spans="14:14">
      <c r="N873209" s="10"/>
    </row>
    <row r="873210" spans="14:14">
      <c r="N873210" s="10"/>
    </row>
    <row r="873211" spans="14:14">
      <c r="N873211" s="10"/>
    </row>
    <row r="873212" spans="14:14">
      <c r="N873212" s="10"/>
    </row>
    <row r="873213" spans="14:14">
      <c r="N873213" s="10"/>
    </row>
    <row r="873214" spans="14:14">
      <c r="N873214" s="10"/>
    </row>
    <row r="873215" spans="14:14">
      <c r="N873215" s="10"/>
    </row>
    <row r="873216" spans="14:14">
      <c r="N873216" s="10"/>
    </row>
    <row r="873217" spans="14:14">
      <c r="N873217" s="10"/>
    </row>
    <row r="873218" spans="14:14">
      <c r="N873218" s="10"/>
    </row>
    <row r="873219" spans="14:14">
      <c r="N873219" s="10"/>
    </row>
    <row r="873220" spans="14:14">
      <c r="N873220" s="10"/>
    </row>
    <row r="873221" spans="14:14">
      <c r="N873221" s="10"/>
    </row>
    <row r="873222" spans="14:14">
      <c r="N873222" s="10"/>
    </row>
    <row r="873223" spans="14:14">
      <c r="N873223" s="10"/>
    </row>
    <row r="873224" spans="14:14">
      <c r="N873224" s="10"/>
    </row>
    <row r="873225" spans="14:14">
      <c r="N873225" s="10"/>
    </row>
    <row r="873226" spans="14:14">
      <c r="N873226" s="10"/>
    </row>
    <row r="873227" spans="14:14">
      <c r="N873227" s="10"/>
    </row>
    <row r="873228" spans="14:14">
      <c r="N873228" s="10"/>
    </row>
    <row r="873229" spans="14:14">
      <c r="N873229" s="10"/>
    </row>
    <row r="873230" spans="14:14">
      <c r="N873230" s="10"/>
    </row>
    <row r="873231" spans="14:14">
      <c r="N873231" s="10"/>
    </row>
    <row r="873232" spans="14:14">
      <c r="N873232" s="10"/>
    </row>
    <row r="873233" spans="14:14">
      <c r="N873233" s="10"/>
    </row>
    <row r="873234" spans="14:14">
      <c r="N873234" s="10"/>
    </row>
    <row r="873235" spans="14:14">
      <c r="N873235" s="10"/>
    </row>
    <row r="873236" spans="14:14">
      <c r="N873236" s="10"/>
    </row>
    <row r="873237" spans="14:14">
      <c r="N873237" s="10"/>
    </row>
    <row r="873238" spans="14:14">
      <c r="N873238" s="10"/>
    </row>
    <row r="873239" spans="14:14">
      <c r="N873239" s="10"/>
    </row>
    <row r="873240" spans="14:14">
      <c r="N873240" s="10"/>
    </row>
    <row r="873241" spans="14:14">
      <c r="N873241" s="10"/>
    </row>
    <row r="873242" spans="14:14">
      <c r="N873242" s="10"/>
    </row>
    <row r="873243" spans="14:14">
      <c r="N873243" s="10"/>
    </row>
    <row r="873244" spans="14:14">
      <c r="N873244" s="10"/>
    </row>
    <row r="873245" spans="14:14">
      <c r="N873245" s="10"/>
    </row>
    <row r="873246" spans="14:14">
      <c r="N873246" s="10"/>
    </row>
    <row r="873247" spans="14:14">
      <c r="N873247" s="10"/>
    </row>
    <row r="873248" spans="14:14">
      <c r="N873248" s="10"/>
    </row>
    <row r="873249" spans="14:14">
      <c r="N873249" s="10"/>
    </row>
    <row r="873250" spans="14:14">
      <c r="N873250" s="10"/>
    </row>
    <row r="873251" spans="14:14">
      <c r="N873251" s="10"/>
    </row>
    <row r="873252" spans="14:14">
      <c r="N873252" s="10"/>
    </row>
    <row r="873253" spans="14:14">
      <c r="N873253" s="10"/>
    </row>
    <row r="873254" spans="14:14">
      <c r="N873254" s="10"/>
    </row>
    <row r="873255" spans="14:14">
      <c r="N873255" s="10"/>
    </row>
    <row r="873256" spans="14:14">
      <c r="N873256" s="10"/>
    </row>
    <row r="873257" spans="14:14">
      <c r="N873257" s="10"/>
    </row>
    <row r="873258" spans="14:14">
      <c r="N873258" s="10"/>
    </row>
    <row r="873259" spans="14:14">
      <c r="N873259" s="10"/>
    </row>
    <row r="873260" spans="14:14">
      <c r="N873260" s="10"/>
    </row>
    <row r="873261" spans="14:14">
      <c r="N873261" s="10"/>
    </row>
    <row r="873262" spans="14:14">
      <c r="N873262" s="10"/>
    </row>
    <row r="873263" spans="14:14">
      <c r="N873263" s="10"/>
    </row>
    <row r="873264" spans="14:14">
      <c r="N873264" s="10"/>
    </row>
    <row r="873265" spans="14:14">
      <c r="N873265" s="10"/>
    </row>
    <row r="873266" spans="14:14">
      <c r="N873266" s="10"/>
    </row>
    <row r="873267" spans="14:14">
      <c r="N873267" s="10"/>
    </row>
    <row r="873268" spans="14:14">
      <c r="N873268" s="10"/>
    </row>
    <row r="873269" spans="14:14">
      <c r="N873269" s="10"/>
    </row>
    <row r="873270" spans="14:14">
      <c r="N873270" s="10"/>
    </row>
    <row r="873271" spans="14:14">
      <c r="N873271" s="10"/>
    </row>
    <row r="873272" spans="14:14">
      <c r="N873272" s="10"/>
    </row>
    <row r="873273" spans="14:14">
      <c r="N873273" s="10"/>
    </row>
    <row r="873274" spans="14:14">
      <c r="N873274" s="10"/>
    </row>
    <row r="873275" spans="14:14">
      <c r="N873275" s="10"/>
    </row>
    <row r="873276" spans="14:14">
      <c r="N873276" s="10"/>
    </row>
    <row r="873277" spans="14:14">
      <c r="N873277" s="10"/>
    </row>
    <row r="873278" spans="14:14">
      <c r="N873278" s="10"/>
    </row>
    <row r="873279" spans="14:14">
      <c r="N873279" s="10"/>
    </row>
    <row r="873280" spans="14:14">
      <c r="N873280" s="10"/>
    </row>
    <row r="873281" spans="14:14">
      <c r="N873281" s="10"/>
    </row>
    <row r="873282" spans="14:14">
      <c r="N873282" s="10"/>
    </row>
    <row r="873283" spans="14:14">
      <c r="N873283" s="10"/>
    </row>
    <row r="873284" spans="14:14">
      <c r="N873284" s="10"/>
    </row>
    <row r="873285" spans="14:14">
      <c r="N873285" s="10"/>
    </row>
    <row r="873286" spans="14:14">
      <c r="N873286" s="10"/>
    </row>
    <row r="873287" spans="14:14">
      <c r="N873287" s="10"/>
    </row>
    <row r="873288" spans="14:14">
      <c r="N873288" s="10"/>
    </row>
    <row r="873289" spans="14:14">
      <c r="N873289" s="10"/>
    </row>
    <row r="873290" spans="14:14">
      <c r="N873290" s="10"/>
    </row>
    <row r="873291" spans="14:14">
      <c r="N873291" s="10"/>
    </row>
    <row r="873292" spans="14:14">
      <c r="N873292" s="10"/>
    </row>
    <row r="873293" spans="14:14">
      <c r="N873293" s="10"/>
    </row>
    <row r="873294" spans="14:14">
      <c r="N873294" s="10"/>
    </row>
    <row r="873295" spans="14:14">
      <c r="N873295" s="10"/>
    </row>
    <row r="873296" spans="14:14">
      <c r="N873296" s="10"/>
    </row>
    <row r="873297" spans="14:14">
      <c r="N873297" s="10"/>
    </row>
    <row r="873298" spans="14:14">
      <c r="N873298" s="10"/>
    </row>
    <row r="873299" spans="14:14">
      <c r="N873299" s="10"/>
    </row>
    <row r="873300" spans="14:14">
      <c r="N873300" s="10"/>
    </row>
    <row r="873301" spans="14:14">
      <c r="N873301" s="10"/>
    </row>
    <row r="873302" spans="14:14">
      <c r="N873302" s="10"/>
    </row>
    <row r="873303" spans="14:14">
      <c r="N873303" s="10"/>
    </row>
    <row r="873304" spans="14:14">
      <c r="N873304" s="10"/>
    </row>
    <row r="873305" spans="14:14">
      <c r="N873305" s="10"/>
    </row>
    <row r="873306" spans="14:14">
      <c r="N873306" s="10"/>
    </row>
    <row r="873307" spans="14:14">
      <c r="N873307" s="10"/>
    </row>
    <row r="873308" spans="14:14">
      <c r="N873308" s="10"/>
    </row>
    <row r="873309" spans="14:14">
      <c r="N873309" s="10"/>
    </row>
    <row r="873310" spans="14:14">
      <c r="N873310" s="10"/>
    </row>
    <row r="873311" spans="14:14">
      <c r="N873311" s="10"/>
    </row>
    <row r="873312" spans="14:14">
      <c r="N873312" s="10"/>
    </row>
    <row r="873313" spans="14:14">
      <c r="N873313" s="10"/>
    </row>
    <row r="873314" spans="14:14">
      <c r="N873314" s="10"/>
    </row>
    <row r="873315" spans="14:14">
      <c r="N873315" s="10"/>
    </row>
    <row r="873316" spans="14:14">
      <c r="N873316" s="10"/>
    </row>
    <row r="873317" spans="14:14">
      <c r="N873317" s="10"/>
    </row>
    <row r="873318" spans="14:14">
      <c r="N873318" s="10"/>
    </row>
    <row r="873319" spans="14:14">
      <c r="N873319" s="10"/>
    </row>
    <row r="873320" spans="14:14">
      <c r="N873320" s="10"/>
    </row>
    <row r="873321" spans="14:14">
      <c r="N873321" s="10"/>
    </row>
    <row r="873322" spans="14:14">
      <c r="N873322" s="10"/>
    </row>
    <row r="873323" spans="14:14">
      <c r="N873323" s="10"/>
    </row>
    <row r="873324" spans="14:14">
      <c r="N873324" s="10"/>
    </row>
    <row r="873325" spans="14:14">
      <c r="N873325" s="10"/>
    </row>
    <row r="873326" spans="14:14">
      <c r="N873326" s="10"/>
    </row>
    <row r="873327" spans="14:14">
      <c r="N873327" s="10"/>
    </row>
    <row r="873328" spans="14:14">
      <c r="N873328" s="10"/>
    </row>
    <row r="873329" spans="14:14">
      <c r="N873329" s="10"/>
    </row>
    <row r="873330" spans="14:14">
      <c r="N873330" s="10"/>
    </row>
    <row r="873331" spans="14:14">
      <c r="N873331" s="10"/>
    </row>
    <row r="873332" spans="14:14">
      <c r="N873332" s="10"/>
    </row>
    <row r="873333" spans="14:14">
      <c r="N873333" s="10"/>
    </row>
    <row r="873334" spans="14:14">
      <c r="N873334" s="10"/>
    </row>
    <row r="873335" spans="14:14">
      <c r="N873335" s="10"/>
    </row>
    <row r="873336" spans="14:14">
      <c r="N873336" s="10"/>
    </row>
    <row r="873337" spans="14:14">
      <c r="N873337" s="10"/>
    </row>
    <row r="873338" spans="14:14">
      <c r="N873338" s="10"/>
    </row>
    <row r="873339" spans="14:14">
      <c r="N873339" s="10"/>
    </row>
    <row r="873340" spans="14:14">
      <c r="N873340" s="10"/>
    </row>
    <row r="873341" spans="14:14">
      <c r="N873341" s="10"/>
    </row>
    <row r="873342" spans="14:14">
      <c r="N873342" s="10"/>
    </row>
    <row r="873343" spans="14:14">
      <c r="N873343" s="10"/>
    </row>
    <row r="873344" spans="14:14">
      <c r="N873344" s="10"/>
    </row>
    <row r="873345" spans="14:14">
      <c r="N873345" s="10"/>
    </row>
    <row r="873346" spans="14:14">
      <c r="N873346" s="10"/>
    </row>
    <row r="873347" spans="14:14">
      <c r="N873347" s="10"/>
    </row>
    <row r="873348" spans="14:14">
      <c r="N873348" s="10"/>
    </row>
    <row r="873349" spans="14:14">
      <c r="N873349" s="10"/>
    </row>
    <row r="873350" spans="14:14">
      <c r="N873350" s="10"/>
    </row>
    <row r="873351" spans="14:14">
      <c r="N873351" s="10"/>
    </row>
    <row r="873352" spans="14:14">
      <c r="N873352" s="10"/>
    </row>
    <row r="873353" spans="14:14">
      <c r="N873353" s="10"/>
    </row>
    <row r="873354" spans="14:14">
      <c r="N873354" s="10"/>
    </row>
    <row r="873355" spans="14:14">
      <c r="N873355" s="10"/>
    </row>
    <row r="873356" spans="14:14">
      <c r="N873356" s="10"/>
    </row>
    <row r="873357" spans="14:14">
      <c r="N873357" s="10"/>
    </row>
    <row r="873358" spans="14:14">
      <c r="N873358" s="10"/>
    </row>
    <row r="873359" spans="14:14">
      <c r="N873359" s="10"/>
    </row>
    <row r="873360" spans="14:14">
      <c r="N873360" s="10"/>
    </row>
    <row r="873361" spans="14:14">
      <c r="N873361" s="10"/>
    </row>
    <row r="873362" spans="14:14">
      <c r="N873362" s="10"/>
    </row>
    <row r="873363" spans="14:14">
      <c r="N873363" s="10"/>
    </row>
    <row r="873364" spans="14:14">
      <c r="N873364" s="10"/>
    </row>
    <row r="873365" spans="14:14">
      <c r="N873365" s="10"/>
    </row>
    <row r="873366" spans="14:14">
      <c r="N873366" s="10"/>
    </row>
    <row r="873367" spans="14:14">
      <c r="N873367" s="10"/>
    </row>
    <row r="873368" spans="14:14">
      <c r="N873368" s="10"/>
    </row>
    <row r="873369" spans="14:14">
      <c r="N873369" s="10"/>
    </row>
    <row r="873370" spans="14:14">
      <c r="N873370" s="10"/>
    </row>
    <row r="873371" spans="14:14">
      <c r="N873371" s="10"/>
    </row>
    <row r="873372" spans="14:14">
      <c r="N873372" s="10"/>
    </row>
    <row r="873373" spans="14:14">
      <c r="N873373" s="10"/>
    </row>
    <row r="873374" spans="14:14">
      <c r="N873374" s="10"/>
    </row>
    <row r="873375" spans="14:14">
      <c r="N873375" s="10"/>
    </row>
    <row r="873376" spans="14:14">
      <c r="N873376" s="10"/>
    </row>
    <row r="873377" spans="14:14">
      <c r="N873377" s="10"/>
    </row>
    <row r="873378" spans="14:14">
      <c r="N873378" s="10"/>
    </row>
    <row r="873379" spans="14:14">
      <c r="N873379" s="10"/>
    </row>
    <row r="873380" spans="14:14">
      <c r="N873380" s="10"/>
    </row>
    <row r="873381" spans="14:14">
      <c r="N873381" s="10"/>
    </row>
    <row r="873382" spans="14:14">
      <c r="N873382" s="10"/>
    </row>
    <row r="873383" spans="14:14">
      <c r="N873383" s="10"/>
    </row>
    <row r="873384" spans="14:14">
      <c r="N873384" s="10"/>
    </row>
    <row r="873385" spans="14:14">
      <c r="N873385" s="10"/>
    </row>
    <row r="873386" spans="14:14">
      <c r="N873386" s="10"/>
    </row>
    <row r="873387" spans="14:14">
      <c r="N873387" s="10"/>
    </row>
    <row r="873388" spans="14:14">
      <c r="N873388" s="10"/>
    </row>
    <row r="873389" spans="14:14">
      <c r="N873389" s="10"/>
    </row>
    <row r="873390" spans="14:14">
      <c r="N873390" s="10"/>
    </row>
    <row r="873391" spans="14:14">
      <c r="N873391" s="10"/>
    </row>
    <row r="873392" spans="14:14">
      <c r="N873392" s="10"/>
    </row>
    <row r="873393" spans="14:14">
      <c r="N873393" s="10"/>
    </row>
    <row r="873394" spans="14:14">
      <c r="N873394" s="10"/>
    </row>
    <row r="873395" spans="14:14">
      <c r="N873395" s="10"/>
    </row>
    <row r="873396" spans="14:14">
      <c r="N873396" s="10"/>
    </row>
    <row r="873397" spans="14:14">
      <c r="N873397" s="10"/>
    </row>
    <row r="873398" spans="14:14">
      <c r="N873398" s="10"/>
    </row>
    <row r="873399" spans="14:14">
      <c r="N873399" s="10"/>
    </row>
    <row r="873400" spans="14:14">
      <c r="N873400" s="10"/>
    </row>
    <row r="873401" spans="14:14">
      <c r="N873401" s="10"/>
    </row>
    <row r="873402" spans="14:14">
      <c r="N873402" s="10"/>
    </row>
    <row r="873403" spans="14:14">
      <c r="N873403" s="10"/>
    </row>
    <row r="873404" spans="14:14">
      <c r="N873404" s="10"/>
    </row>
    <row r="873405" spans="14:14">
      <c r="N873405" s="10"/>
    </row>
    <row r="873406" spans="14:14">
      <c r="N873406" s="10"/>
    </row>
    <row r="873407" spans="14:14">
      <c r="N873407" s="10"/>
    </row>
    <row r="873408" spans="14:14">
      <c r="N873408" s="10"/>
    </row>
    <row r="873409" spans="14:14">
      <c r="N873409" s="10"/>
    </row>
    <row r="873410" spans="14:14">
      <c r="N873410" s="10"/>
    </row>
    <row r="873411" spans="14:14">
      <c r="N873411" s="10"/>
    </row>
    <row r="873412" spans="14:14">
      <c r="N873412" s="10"/>
    </row>
    <row r="873413" spans="14:14">
      <c r="N873413" s="10"/>
    </row>
    <row r="873414" spans="14:14">
      <c r="N873414" s="10"/>
    </row>
    <row r="873415" spans="14:14">
      <c r="N873415" s="10"/>
    </row>
    <row r="873416" spans="14:14">
      <c r="N873416" s="10"/>
    </row>
    <row r="873417" spans="14:14">
      <c r="N873417" s="10"/>
    </row>
    <row r="873418" spans="14:14">
      <c r="N873418" s="10"/>
    </row>
    <row r="873419" spans="14:14">
      <c r="N873419" s="10"/>
    </row>
    <row r="873420" spans="14:14">
      <c r="N873420" s="10"/>
    </row>
    <row r="873421" spans="14:14">
      <c r="N873421" s="10"/>
    </row>
    <row r="873422" spans="14:14">
      <c r="N873422" s="10"/>
    </row>
    <row r="873423" spans="14:14">
      <c r="N873423" s="10"/>
    </row>
    <row r="873424" spans="14:14">
      <c r="N873424" s="10"/>
    </row>
    <row r="873425" spans="14:14">
      <c r="N873425" s="10"/>
    </row>
    <row r="873426" spans="14:14">
      <c r="N873426" s="10"/>
    </row>
    <row r="873427" spans="14:14">
      <c r="N873427" s="10"/>
    </row>
    <row r="873428" spans="14:14">
      <c r="N873428" s="10"/>
    </row>
    <row r="873429" spans="14:14">
      <c r="N873429" s="10"/>
    </row>
    <row r="873430" spans="14:14">
      <c r="N873430" s="10"/>
    </row>
    <row r="873431" spans="14:14">
      <c r="N873431" s="10"/>
    </row>
    <row r="873432" spans="14:14">
      <c r="N873432" s="10"/>
    </row>
    <row r="873433" spans="14:14">
      <c r="N873433" s="10"/>
    </row>
    <row r="873434" spans="14:14">
      <c r="N873434" s="10"/>
    </row>
    <row r="873435" spans="14:14">
      <c r="N873435" s="10"/>
    </row>
    <row r="873436" spans="14:14">
      <c r="N873436" s="10"/>
    </row>
    <row r="873437" spans="14:14">
      <c r="N873437" s="10"/>
    </row>
    <row r="873438" spans="14:14">
      <c r="N873438" s="10"/>
    </row>
    <row r="873439" spans="14:14">
      <c r="N873439" s="10"/>
    </row>
    <row r="873440" spans="14:14">
      <c r="N873440" s="10"/>
    </row>
    <row r="873441" spans="14:14">
      <c r="N873441" s="10"/>
    </row>
    <row r="873442" spans="14:14">
      <c r="N873442" s="10"/>
    </row>
    <row r="873443" spans="14:14">
      <c r="N873443" s="10"/>
    </row>
    <row r="873444" spans="14:14">
      <c r="N873444" s="10"/>
    </row>
    <row r="873445" spans="14:14">
      <c r="N873445" s="10"/>
    </row>
    <row r="873446" spans="14:14">
      <c r="N873446" s="10"/>
    </row>
    <row r="873447" spans="14:14">
      <c r="N873447" s="10"/>
    </row>
    <row r="873448" spans="14:14">
      <c r="N873448" s="10"/>
    </row>
    <row r="873449" spans="14:14">
      <c r="N873449" s="10"/>
    </row>
    <row r="873450" spans="14:14">
      <c r="N873450" s="10"/>
    </row>
    <row r="873451" spans="14:14">
      <c r="N873451" s="10"/>
    </row>
    <row r="873452" spans="14:14">
      <c r="N873452" s="10"/>
    </row>
    <row r="873453" spans="14:14">
      <c r="N873453" s="10"/>
    </row>
    <row r="873454" spans="14:14">
      <c r="N873454" s="10"/>
    </row>
    <row r="873455" spans="14:14">
      <c r="N873455" s="10"/>
    </row>
    <row r="873456" spans="14:14">
      <c r="N873456" s="10"/>
    </row>
    <row r="873457" spans="14:14">
      <c r="N873457" s="10"/>
    </row>
    <row r="873458" spans="14:14">
      <c r="N873458" s="10"/>
    </row>
    <row r="873459" spans="14:14">
      <c r="N873459" s="10"/>
    </row>
    <row r="873460" spans="14:14">
      <c r="N873460" s="10"/>
    </row>
    <row r="873461" spans="14:14">
      <c r="N873461" s="10"/>
    </row>
    <row r="873462" spans="14:14">
      <c r="N873462" s="10"/>
    </row>
    <row r="873463" spans="14:14">
      <c r="N873463" s="10"/>
    </row>
    <row r="873464" spans="14:14">
      <c r="N873464" s="10"/>
    </row>
    <row r="873465" spans="14:14">
      <c r="N873465" s="10"/>
    </row>
    <row r="873466" spans="14:14">
      <c r="N873466" s="10"/>
    </row>
    <row r="873467" spans="14:14">
      <c r="N873467" s="10"/>
    </row>
    <row r="873468" spans="14:14">
      <c r="N873468" s="10"/>
    </row>
    <row r="873469" spans="14:14">
      <c r="N873469" s="10"/>
    </row>
    <row r="873470" spans="14:14">
      <c r="N873470" s="10"/>
    </row>
    <row r="873471" spans="14:14">
      <c r="N873471" s="10"/>
    </row>
    <row r="873472" spans="14:14">
      <c r="N873472" s="10"/>
    </row>
    <row r="873473" spans="14:14">
      <c r="N873473" s="10"/>
    </row>
    <row r="873474" spans="14:14">
      <c r="N873474" s="10"/>
    </row>
    <row r="873475" spans="14:14">
      <c r="N873475" s="10"/>
    </row>
    <row r="873476" spans="14:14">
      <c r="N873476" s="10"/>
    </row>
    <row r="873477" spans="14:14">
      <c r="N873477" s="10"/>
    </row>
    <row r="873478" spans="14:14">
      <c r="N873478" s="10"/>
    </row>
    <row r="873479" spans="14:14">
      <c r="N873479" s="10"/>
    </row>
    <row r="873480" spans="14:14">
      <c r="N873480" s="10"/>
    </row>
    <row r="873481" spans="14:14">
      <c r="N873481" s="10"/>
    </row>
    <row r="873482" spans="14:14">
      <c r="N873482" s="10"/>
    </row>
    <row r="873483" spans="14:14">
      <c r="N873483" s="10"/>
    </row>
    <row r="873484" spans="14:14">
      <c r="N873484" s="10"/>
    </row>
    <row r="873485" spans="14:14">
      <c r="N873485" s="10"/>
    </row>
    <row r="873486" spans="14:14">
      <c r="N873486" s="10"/>
    </row>
    <row r="873487" spans="14:14">
      <c r="N873487" s="10"/>
    </row>
    <row r="873488" spans="14:14">
      <c r="N873488" s="10"/>
    </row>
    <row r="873489" spans="14:14">
      <c r="N873489" s="10"/>
    </row>
    <row r="873490" spans="14:14">
      <c r="N873490" s="10"/>
    </row>
    <row r="873491" spans="14:14">
      <c r="N873491" s="10"/>
    </row>
    <row r="873492" spans="14:14">
      <c r="N873492" s="10"/>
    </row>
    <row r="873493" spans="14:14">
      <c r="N873493" s="10"/>
    </row>
    <row r="873494" spans="14:14">
      <c r="N873494" s="10"/>
    </row>
    <row r="873495" spans="14:14">
      <c r="N873495" s="10"/>
    </row>
    <row r="873496" spans="14:14">
      <c r="N873496" s="10"/>
    </row>
    <row r="873497" spans="14:14">
      <c r="N873497" s="10"/>
    </row>
    <row r="873498" spans="14:14">
      <c r="N873498" s="10"/>
    </row>
    <row r="873499" spans="14:14">
      <c r="N873499" s="10"/>
    </row>
    <row r="873500" spans="14:14">
      <c r="N873500" s="10"/>
    </row>
    <row r="873501" spans="14:14">
      <c r="N873501" s="10"/>
    </row>
    <row r="873502" spans="14:14">
      <c r="N873502" s="10"/>
    </row>
    <row r="873503" spans="14:14">
      <c r="N873503" s="10"/>
    </row>
    <row r="873504" spans="14:14">
      <c r="N873504" s="10"/>
    </row>
    <row r="873505" spans="14:14">
      <c r="N873505" s="10"/>
    </row>
    <row r="873506" spans="14:14">
      <c r="N873506" s="10"/>
    </row>
    <row r="873507" spans="14:14">
      <c r="N873507" s="10"/>
    </row>
    <row r="873508" spans="14:14">
      <c r="N873508" s="10"/>
    </row>
    <row r="873509" spans="14:14">
      <c r="N873509" s="10"/>
    </row>
    <row r="873510" spans="14:14">
      <c r="N873510" s="10"/>
    </row>
    <row r="873511" spans="14:14">
      <c r="N873511" s="10"/>
    </row>
    <row r="873512" spans="14:14">
      <c r="N873512" s="10"/>
    </row>
    <row r="873513" spans="14:14">
      <c r="N873513" s="10"/>
    </row>
    <row r="873514" spans="14:14">
      <c r="N873514" s="10"/>
    </row>
    <row r="873515" spans="14:14">
      <c r="N873515" s="10"/>
    </row>
    <row r="873516" spans="14:14">
      <c r="N873516" s="10"/>
    </row>
    <row r="873517" spans="14:14">
      <c r="N873517" s="10"/>
    </row>
    <row r="873518" spans="14:14">
      <c r="N873518" s="10"/>
    </row>
    <row r="873519" spans="14:14">
      <c r="N873519" s="10"/>
    </row>
    <row r="873520" spans="14:14">
      <c r="N873520" s="10"/>
    </row>
    <row r="873521" spans="14:14">
      <c r="N873521" s="10"/>
    </row>
    <row r="873522" spans="14:14">
      <c r="N873522" s="10"/>
    </row>
    <row r="873523" spans="14:14">
      <c r="N873523" s="10"/>
    </row>
    <row r="873524" spans="14:14">
      <c r="N873524" s="10"/>
    </row>
    <row r="873525" spans="14:14">
      <c r="N873525" s="10"/>
    </row>
    <row r="873526" spans="14:14">
      <c r="N873526" s="10"/>
    </row>
    <row r="873527" spans="14:14">
      <c r="N873527" s="10"/>
    </row>
    <row r="873528" spans="14:14">
      <c r="N873528" s="10"/>
    </row>
    <row r="873529" spans="14:14">
      <c r="N873529" s="10"/>
    </row>
    <row r="873530" spans="14:14">
      <c r="N873530" s="10"/>
    </row>
    <row r="873531" spans="14:14">
      <c r="N873531" s="10"/>
    </row>
    <row r="873532" spans="14:14">
      <c r="N873532" s="10"/>
    </row>
    <row r="873533" spans="14:14">
      <c r="N873533" s="10"/>
    </row>
    <row r="873534" spans="14:14">
      <c r="N873534" s="10"/>
    </row>
    <row r="873535" spans="14:14">
      <c r="N873535" s="10"/>
    </row>
    <row r="873536" spans="14:14">
      <c r="N873536" s="10"/>
    </row>
    <row r="873537" spans="14:14">
      <c r="N873537" s="10"/>
    </row>
    <row r="873538" spans="14:14">
      <c r="N873538" s="10"/>
    </row>
    <row r="873539" spans="14:14">
      <c r="N873539" s="10"/>
    </row>
    <row r="873540" spans="14:14">
      <c r="N873540" s="10"/>
    </row>
    <row r="873541" spans="14:14">
      <c r="N873541" s="10"/>
    </row>
    <row r="873542" spans="14:14">
      <c r="N873542" s="10"/>
    </row>
    <row r="873543" spans="14:14">
      <c r="N873543" s="10"/>
    </row>
    <row r="873544" spans="14:14">
      <c r="N873544" s="10"/>
    </row>
    <row r="873545" spans="14:14">
      <c r="N873545" s="10"/>
    </row>
    <row r="873546" spans="14:14">
      <c r="N873546" s="10"/>
    </row>
    <row r="873547" spans="14:14">
      <c r="N873547" s="10"/>
    </row>
    <row r="873548" spans="14:14">
      <c r="N873548" s="10"/>
    </row>
    <row r="873549" spans="14:14">
      <c r="N873549" s="10"/>
    </row>
    <row r="873550" spans="14:14">
      <c r="N873550" s="10"/>
    </row>
    <row r="873551" spans="14:14">
      <c r="N873551" s="10"/>
    </row>
    <row r="873552" spans="14:14">
      <c r="N873552" s="10"/>
    </row>
    <row r="873553" spans="14:14">
      <c r="N873553" s="10"/>
    </row>
    <row r="873554" spans="14:14">
      <c r="N873554" s="10"/>
    </row>
    <row r="873555" spans="14:14">
      <c r="N873555" s="10"/>
    </row>
    <row r="873556" spans="14:14">
      <c r="N873556" s="10"/>
    </row>
    <row r="873557" spans="14:14">
      <c r="N873557" s="10"/>
    </row>
    <row r="873558" spans="14:14">
      <c r="N873558" s="10"/>
    </row>
    <row r="873559" spans="14:14">
      <c r="N873559" s="10"/>
    </row>
    <row r="873560" spans="14:14">
      <c r="N873560" s="10"/>
    </row>
    <row r="873561" spans="14:14">
      <c r="N873561" s="10"/>
    </row>
    <row r="873562" spans="14:14">
      <c r="N873562" s="10"/>
    </row>
    <row r="873563" spans="14:14">
      <c r="N873563" s="10"/>
    </row>
    <row r="873564" spans="14:14">
      <c r="N873564" s="10"/>
    </row>
    <row r="873565" spans="14:14">
      <c r="N873565" s="10"/>
    </row>
    <row r="873566" spans="14:14">
      <c r="N873566" s="10"/>
    </row>
    <row r="873567" spans="14:14">
      <c r="N873567" s="10"/>
    </row>
    <row r="873568" spans="14:14">
      <c r="N873568" s="10"/>
    </row>
    <row r="873569" spans="14:14">
      <c r="N873569" s="10"/>
    </row>
    <row r="873570" spans="14:14">
      <c r="N873570" s="10"/>
    </row>
    <row r="873571" spans="14:14">
      <c r="N873571" s="10"/>
    </row>
    <row r="873572" spans="14:14">
      <c r="N873572" s="10"/>
    </row>
    <row r="873573" spans="14:14">
      <c r="N873573" s="10"/>
    </row>
    <row r="873574" spans="14:14">
      <c r="N873574" s="10"/>
    </row>
    <row r="873575" spans="14:14">
      <c r="N873575" s="10"/>
    </row>
    <row r="873576" spans="14:14">
      <c r="N873576" s="10"/>
    </row>
    <row r="873577" spans="14:14">
      <c r="N873577" s="10"/>
    </row>
    <row r="873578" spans="14:14">
      <c r="N873578" s="10"/>
    </row>
    <row r="873579" spans="14:14">
      <c r="N873579" s="10"/>
    </row>
    <row r="873580" spans="14:14">
      <c r="N873580" s="10"/>
    </row>
    <row r="873581" spans="14:14">
      <c r="N873581" s="10"/>
    </row>
    <row r="873582" spans="14:14">
      <c r="N873582" s="10"/>
    </row>
    <row r="873583" spans="14:14">
      <c r="N873583" s="10"/>
    </row>
    <row r="873584" spans="14:14">
      <c r="N873584" s="10"/>
    </row>
    <row r="873585" spans="14:14">
      <c r="N873585" s="10"/>
    </row>
    <row r="873586" spans="14:14">
      <c r="N873586" s="10"/>
    </row>
    <row r="873587" spans="14:14">
      <c r="N873587" s="10"/>
    </row>
    <row r="873588" spans="14:14">
      <c r="N873588" s="10"/>
    </row>
    <row r="873589" spans="14:14">
      <c r="N873589" s="10"/>
    </row>
    <row r="873590" spans="14:14">
      <c r="N873590" s="10"/>
    </row>
    <row r="873591" spans="14:14">
      <c r="N873591" s="10"/>
    </row>
    <row r="873592" spans="14:14">
      <c r="N873592" s="10"/>
    </row>
    <row r="873593" spans="14:14">
      <c r="N873593" s="10"/>
    </row>
    <row r="873594" spans="14:14">
      <c r="N873594" s="10"/>
    </row>
    <row r="873595" spans="14:14">
      <c r="N873595" s="10"/>
    </row>
    <row r="873596" spans="14:14">
      <c r="N873596" s="10"/>
    </row>
    <row r="873597" spans="14:14">
      <c r="N873597" s="10"/>
    </row>
    <row r="873598" spans="14:14">
      <c r="N873598" s="10"/>
    </row>
    <row r="873599" spans="14:14">
      <c r="N873599" s="10"/>
    </row>
    <row r="873600" spans="14:14">
      <c r="N873600" s="10"/>
    </row>
    <row r="873601" spans="14:14">
      <c r="N873601" s="10"/>
    </row>
    <row r="873602" spans="14:14">
      <c r="N873602" s="10"/>
    </row>
    <row r="873603" spans="14:14">
      <c r="N873603" s="10"/>
    </row>
    <row r="873604" spans="14:14">
      <c r="N873604" s="10"/>
    </row>
    <row r="873605" spans="14:14">
      <c r="N873605" s="10"/>
    </row>
    <row r="873606" spans="14:14">
      <c r="N873606" s="10"/>
    </row>
    <row r="873607" spans="14:14">
      <c r="N873607" s="10"/>
    </row>
    <row r="873608" spans="14:14">
      <c r="N873608" s="10"/>
    </row>
    <row r="873609" spans="14:14">
      <c r="N873609" s="10"/>
    </row>
    <row r="873610" spans="14:14">
      <c r="N873610" s="10"/>
    </row>
    <row r="873611" spans="14:14">
      <c r="N873611" s="10"/>
    </row>
    <row r="873612" spans="14:14">
      <c r="N873612" s="10"/>
    </row>
    <row r="873613" spans="14:14">
      <c r="N873613" s="10"/>
    </row>
    <row r="873614" spans="14:14">
      <c r="N873614" s="10"/>
    </row>
    <row r="873615" spans="14:14">
      <c r="N873615" s="10"/>
    </row>
    <row r="873616" spans="14:14">
      <c r="N873616" s="10"/>
    </row>
    <row r="873617" spans="14:14">
      <c r="N873617" s="10"/>
    </row>
    <row r="873618" spans="14:14">
      <c r="N873618" s="10"/>
    </row>
    <row r="873619" spans="14:14">
      <c r="N873619" s="10"/>
    </row>
    <row r="873620" spans="14:14">
      <c r="N873620" s="10"/>
    </row>
    <row r="873621" spans="14:14">
      <c r="N873621" s="10"/>
    </row>
    <row r="873622" spans="14:14">
      <c r="N873622" s="10"/>
    </row>
    <row r="873623" spans="14:14">
      <c r="N873623" s="10"/>
    </row>
    <row r="873624" spans="14:14">
      <c r="N873624" s="10"/>
    </row>
    <row r="873625" spans="14:14">
      <c r="N873625" s="10"/>
    </row>
    <row r="873626" spans="14:14">
      <c r="N873626" s="10"/>
    </row>
    <row r="873627" spans="14:14">
      <c r="N873627" s="10"/>
    </row>
    <row r="873628" spans="14:14">
      <c r="N873628" s="10"/>
    </row>
    <row r="873629" spans="14:14">
      <c r="N873629" s="10"/>
    </row>
    <row r="873630" spans="14:14">
      <c r="N873630" s="10"/>
    </row>
    <row r="873631" spans="14:14">
      <c r="N873631" s="10"/>
    </row>
    <row r="873632" spans="14:14">
      <c r="N873632" s="10"/>
    </row>
    <row r="873633" spans="14:14">
      <c r="N873633" s="10"/>
    </row>
    <row r="873634" spans="14:14">
      <c r="N873634" s="10"/>
    </row>
    <row r="873635" spans="14:14">
      <c r="N873635" s="10"/>
    </row>
    <row r="873636" spans="14:14">
      <c r="N873636" s="10"/>
    </row>
    <row r="873637" spans="14:14">
      <c r="N873637" s="10"/>
    </row>
    <row r="873638" spans="14:14">
      <c r="N873638" s="10"/>
    </row>
    <row r="873639" spans="14:14">
      <c r="N873639" s="10"/>
    </row>
    <row r="873640" spans="14:14">
      <c r="N873640" s="10"/>
    </row>
    <row r="873641" spans="14:14">
      <c r="N873641" s="10"/>
    </row>
    <row r="873642" spans="14:14">
      <c r="N873642" s="10"/>
    </row>
    <row r="873643" spans="14:14">
      <c r="N873643" s="10"/>
    </row>
    <row r="873644" spans="14:14">
      <c r="N873644" s="10"/>
    </row>
    <row r="873645" spans="14:14">
      <c r="N873645" s="10"/>
    </row>
    <row r="873646" spans="14:14">
      <c r="N873646" s="10"/>
    </row>
    <row r="873647" spans="14:14">
      <c r="N873647" s="10"/>
    </row>
    <row r="873648" spans="14:14">
      <c r="N873648" s="10"/>
    </row>
    <row r="873649" spans="14:14">
      <c r="N873649" s="10"/>
    </row>
    <row r="873650" spans="14:14">
      <c r="N873650" s="10"/>
    </row>
    <row r="873651" spans="14:14">
      <c r="N873651" s="10"/>
    </row>
    <row r="873652" spans="14:14">
      <c r="N873652" s="10"/>
    </row>
    <row r="873653" spans="14:14">
      <c r="N873653" s="10"/>
    </row>
    <row r="873654" spans="14:14">
      <c r="N873654" s="10"/>
    </row>
    <row r="873655" spans="14:14">
      <c r="N873655" s="10"/>
    </row>
    <row r="873656" spans="14:14">
      <c r="N873656" s="10"/>
    </row>
    <row r="873657" spans="14:14">
      <c r="N873657" s="10"/>
    </row>
    <row r="873658" spans="14:14">
      <c r="N873658" s="10"/>
    </row>
    <row r="873659" spans="14:14">
      <c r="N873659" s="10"/>
    </row>
    <row r="873660" spans="14:14">
      <c r="N873660" s="10"/>
    </row>
    <row r="873661" spans="14:14">
      <c r="N873661" s="10"/>
    </row>
    <row r="873662" spans="14:14">
      <c r="N873662" s="10"/>
    </row>
    <row r="873663" spans="14:14">
      <c r="N873663" s="10"/>
    </row>
    <row r="873664" spans="14:14">
      <c r="N873664" s="10"/>
    </row>
    <row r="873665" spans="14:14">
      <c r="N873665" s="10"/>
    </row>
    <row r="873666" spans="14:14">
      <c r="N873666" s="10"/>
    </row>
    <row r="873667" spans="14:14">
      <c r="N873667" s="10"/>
    </row>
    <row r="873668" spans="14:14">
      <c r="N873668" s="10"/>
    </row>
    <row r="873669" spans="14:14">
      <c r="N873669" s="10"/>
    </row>
    <row r="873670" spans="14:14">
      <c r="N873670" s="10"/>
    </row>
    <row r="873671" spans="14:14">
      <c r="N873671" s="10"/>
    </row>
    <row r="873672" spans="14:14">
      <c r="N873672" s="10"/>
    </row>
    <row r="873673" spans="14:14">
      <c r="N873673" s="10"/>
    </row>
    <row r="873674" spans="14:14">
      <c r="N873674" s="10"/>
    </row>
    <row r="873675" spans="14:14">
      <c r="N873675" s="10"/>
    </row>
    <row r="873676" spans="14:14">
      <c r="N873676" s="10"/>
    </row>
    <row r="873677" spans="14:14">
      <c r="N873677" s="10"/>
    </row>
    <row r="873678" spans="14:14">
      <c r="N873678" s="10"/>
    </row>
    <row r="873679" spans="14:14">
      <c r="N873679" s="10"/>
    </row>
    <row r="873680" spans="14:14">
      <c r="N873680" s="10"/>
    </row>
    <row r="873681" spans="14:14">
      <c r="N873681" s="10"/>
    </row>
    <row r="873682" spans="14:14">
      <c r="N873682" s="10"/>
    </row>
    <row r="873683" spans="14:14">
      <c r="N873683" s="10"/>
    </row>
    <row r="873684" spans="14:14">
      <c r="N873684" s="10"/>
    </row>
    <row r="873685" spans="14:14">
      <c r="N873685" s="10"/>
    </row>
    <row r="873686" spans="14:14">
      <c r="N873686" s="10"/>
    </row>
    <row r="873687" spans="14:14">
      <c r="N873687" s="10"/>
    </row>
    <row r="873688" spans="14:14">
      <c r="N873688" s="10"/>
    </row>
    <row r="873689" spans="14:14">
      <c r="N873689" s="10"/>
    </row>
    <row r="873690" spans="14:14">
      <c r="N873690" s="10"/>
    </row>
    <row r="873691" spans="14:14">
      <c r="N873691" s="10"/>
    </row>
    <row r="873692" spans="14:14">
      <c r="N873692" s="10"/>
    </row>
    <row r="873693" spans="14:14">
      <c r="N873693" s="10"/>
    </row>
    <row r="873694" spans="14:14">
      <c r="N873694" s="10"/>
    </row>
    <row r="873695" spans="14:14">
      <c r="N873695" s="10"/>
    </row>
    <row r="873696" spans="14:14">
      <c r="N873696" s="10"/>
    </row>
    <row r="873697" spans="14:14">
      <c r="N873697" s="10"/>
    </row>
    <row r="873698" spans="14:14">
      <c r="N873698" s="10"/>
    </row>
    <row r="873699" spans="14:14">
      <c r="N873699" s="10"/>
    </row>
    <row r="873700" spans="14:14">
      <c r="N873700" s="10"/>
    </row>
    <row r="873701" spans="14:14">
      <c r="N873701" s="10"/>
    </row>
    <row r="873702" spans="14:14">
      <c r="N873702" s="10"/>
    </row>
    <row r="873703" spans="14:14">
      <c r="N873703" s="10"/>
    </row>
    <row r="873704" spans="14:14">
      <c r="N873704" s="10"/>
    </row>
    <row r="873705" spans="14:14">
      <c r="N873705" s="10"/>
    </row>
    <row r="873706" spans="14:14">
      <c r="N873706" s="10"/>
    </row>
    <row r="873707" spans="14:14">
      <c r="N873707" s="10"/>
    </row>
    <row r="873708" spans="14:14">
      <c r="N873708" s="10"/>
    </row>
    <row r="873709" spans="14:14">
      <c r="N873709" s="10"/>
    </row>
    <row r="873710" spans="14:14">
      <c r="N873710" s="10"/>
    </row>
    <row r="873711" spans="14:14">
      <c r="N873711" s="10"/>
    </row>
    <row r="873712" spans="14:14">
      <c r="N873712" s="10"/>
    </row>
    <row r="873713" spans="14:14">
      <c r="N873713" s="10"/>
    </row>
    <row r="873714" spans="14:14">
      <c r="N873714" s="10"/>
    </row>
    <row r="873715" spans="14:14">
      <c r="N873715" s="10"/>
    </row>
    <row r="873716" spans="14:14">
      <c r="N873716" s="10"/>
    </row>
    <row r="873717" spans="14:14">
      <c r="N873717" s="10"/>
    </row>
    <row r="873718" spans="14:14">
      <c r="N873718" s="10"/>
    </row>
    <row r="873719" spans="14:14">
      <c r="N873719" s="10"/>
    </row>
    <row r="873720" spans="14:14">
      <c r="N873720" s="10"/>
    </row>
    <row r="873721" spans="14:14">
      <c r="N873721" s="10"/>
    </row>
    <row r="873722" spans="14:14">
      <c r="N873722" s="10"/>
    </row>
    <row r="873723" spans="14:14">
      <c r="N873723" s="10"/>
    </row>
    <row r="873724" spans="14:14">
      <c r="N873724" s="10"/>
    </row>
    <row r="873725" spans="14:14">
      <c r="N873725" s="10"/>
    </row>
    <row r="873726" spans="14:14">
      <c r="N873726" s="10"/>
    </row>
    <row r="873727" spans="14:14">
      <c r="N873727" s="10"/>
    </row>
    <row r="873728" spans="14:14">
      <c r="N873728" s="10"/>
    </row>
    <row r="873729" spans="14:14">
      <c r="N873729" s="10"/>
    </row>
    <row r="873730" spans="14:14">
      <c r="N873730" s="10"/>
    </row>
    <row r="873731" spans="14:14">
      <c r="N873731" s="10"/>
    </row>
    <row r="873732" spans="14:14">
      <c r="N873732" s="10"/>
    </row>
    <row r="873733" spans="14:14">
      <c r="N873733" s="10"/>
    </row>
    <row r="873734" spans="14:14">
      <c r="N873734" s="10"/>
    </row>
    <row r="873735" spans="14:14">
      <c r="N873735" s="10"/>
    </row>
    <row r="873736" spans="14:14">
      <c r="N873736" s="10"/>
    </row>
    <row r="873737" spans="14:14">
      <c r="N873737" s="10"/>
    </row>
    <row r="873738" spans="14:14">
      <c r="N873738" s="10"/>
    </row>
    <row r="873739" spans="14:14">
      <c r="N873739" s="10"/>
    </row>
    <row r="873740" spans="14:14">
      <c r="N873740" s="10"/>
    </row>
    <row r="873741" spans="14:14">
      <c r="N873741" s="10"/>
    </row>
    <row r="873742" spans="14:14">
      <c r="N873742" s="10"/>
    </row>
    <row r="873743" spans="14:14">
      <c r="N873743" s="10"/>
    </row>
    <row r="873744" spans="14:14">
      <c r="N873744" s="10"/>
    </row>
    <row r="873745" spans="14:14">
      <c r="N873745" s="10"/>
    </row>
    <row r="873746" spans="14:14">
      <c r="N873746" s="10"/>
    </row>
    <row r="873747" spans="14:14">
      <c r="N873747" s="10"/>
    </row>
    <row r="873748" spans="14:14">
      <c r="N873748" s="10"/>
    </row>
    <row r="873749" spans="14:14">
      <c r="N873749" s="10"/>
    </row>
    <row r="873750" spans="14:14">
      <c r="N873750" s="10"/>
    </row>
    <row r="873751" spans="14:14">
      <c r="N873751" s="10"/>
    </row>
    <row r="873752" spans="14:14">
      <c r="N873752" s="10"/>
    </row>
    <row r="873753" spans="14:14">
      <c r="N873753" s="10"/>
    </row>
    <row r="873754" spans="14:14">
      <c r="N873754" s="10"/>
    </row>
    <row r="873755" spans="14:14">
      <c r="N873755" s="10"/>
    </row>
    <row r="873756" spans="14:14">
      <c r="N873756" s="10"/>
    </row>
    <row r="873757" spans="14:14">
      <c r="N873757" s="10"/>
    </row>
    <row r="873758" spans="14:14">
      <c r="N873758" s="10"/>
    </row>
    <row r="873759" spans="14:14">
      <c r="N873759" s="10"/>
    </row>
    <row r="873760" spans="14:14">
      <c r="N873760" s="10"/>
    </row>
    <row r="873761" spans="14:14">
      <c r="N873761" s="10"/>
    </row>
    <row r="873762" spans="14:14">
      <c r="N873762" s="10"/>
    </row>
    <row r="873763" spans="14:14">
      <c r="N873763" s="10"/>
    </row>
    <row r="873764" spans="14:14">
      <c r="N873764" s="10"/>
    </row>
    <row r="873765" spans="14:14">
      <c r="N873765" s="10"/>
    </row>
    <row r="873766" spans="14:14">
      <c r="N873766" s="10"/>
    </row>
    <row r="873767" spans="14:14">
      <c r="N873767" s="10"/>
    </row>
    <row r="873768" spans="14:14">
      <c r="N873768" s="10"/>
    </row>
    <row r="873769" spans="14:14">
      <c r="N873769" s="10"/>
    </row>
    <row r="873770" spans="14:14">
      <c r="N873770" s="10"/>
    </row>
    <row r="873771" spans="14:14">
      <c r="N873771" s="10"/>
    </row>
    <row r="873772" spans="14:14">
      <c r="N873772" s="10"/>
    </row>
    <row r="873773" spans="14:14">
      <c r="N873773" s="10"/>
    </row>
    <row r="873774" spans="14:14">
      <c r="N873774" s="10"/>
    </row>
    <row r="873775" spans="14:14">
      <c r="N873775" s="10"/>
    </row>
    <row r="873776" spans="14:14">
      <c r="N873776" s="10"/>
    </row>
    <row r="873777" spans="14:14">
      <c r="N873777" s="10"/>
    </row>
    <row r="873778" spans="14:14">
      <c r="N873778" s="10"/>
    </row>
    <row r="873779" spans="14:14">
      <c r="N873779" s="10"/>
    </row>
    <row r="873780" spans="14:14">
      <c r="N873780" s="10"/>
    </row>
    <row r="873781" spans="14:14">
      <c r="N873781" s="10"/>
    </row>
    <row r="873782" spans="14:14">
      <c r="N873782" s="10"/>
    </row>
    <row r="873783" spans="14:14">
      <c r="N873783" s="10"/>
    </row>
    <row r="873784" spans="14:14">
      <c r="N873784" s="10"/>
    </row>
    <row r="873785" spans="14:14">
      <c r="N873785" s="10"/>
    </row>
    <row r="873786" spans="14:14">
      <c r="N873786" s="10"/>
    </row>
    <row r="873787" spans="14:14">
      <c r="N873787" s="10"/>
    </row>
    <row r="873788" spans="14:14">
      <c r="N873788" s="10"/>
    </row>
    <row r="873789" spans="14:14">
      <c r="N873789" s="10"/>
    </row>
    <row r="873790" spans="14:14">
      <c r="N873790" s="10"/>
    </row>
    <row r="873791" spans="14:14">
      <c r="N873791" s="10"/>
    </row>
    <row r="873792" spans="14:14">
      <c r="N873792" s="10"/>
    </row>
    <row r="873793" spans="14:14">
      <c r="N873793" s="10"/>
    </row>
    <row r="873794" spans="14:14">
      <c r="N873794" s="10"/>
    </row>
    <row r="873795" spans="14:14">
      <c r="N873795" s="10"/>
    </row>
    <row r="873796" spans="14:14">
      <c r="N873796" s="10"/>
    </row>
    <row r="873797" spans="14:14">
      <c r="N873797" s="10"/>
    </row>
    <row r="873798" spans="14:14">
      <c r="N873798" s="10"/>
    </row>
    <row r="873799" spans="14:14">
      <c r="N873799" s="10"/>
    </row>
    <row r="873800" spans="14:14">
      <c r="N873800" s="10"/>
    </row>
    <row r="873801" spans="14:14">
      <c r="N873801" s="10"/>
    </row>
    <row r="873802" spans="14:14">
      <c r="N873802" s="10"/>
    </row>
    <row r="873803" spans="14:14">
      <c r="N873803" s="10"/>
    </row>
    <row r="873804" spans="14:14">
      <c r="N873804" s="10"/>
    </row>
    <row r="873805" spans="14:14">
      <c r="N873805" s="10"/>
    </row>
    <row r="873806" spans="14:14">
      <c r="N873806" s="10"/>
    </row>
    <row r="873807" spans="14:14">
      <c r="N873807" s="10"/>
    </row>
    <row r="873808" spans="14:14">
      <c r="N873808" s="10"/>
    </row>
    <row r="873809" spans="14:14">
      <c r="N873809" s="10"/>
    </row>
    <row r="873810" spans="14:14">
      <c r="N873810" s="10"/>
    </row>
    <row r="873811" spans="14:14">
      <c r="N873811" s="10"/>
    </row>
    <row r="873812" spans="14:14">
      <c r="N873812" s="10"/>
    </row>
    <row r="873813" spans="14:14">
      <c r="N873813" s="10"/>
    </row>
    <row r="873814" spans="14:14">
      <c r="N873814" s="10"/>
    </row>
    <row r="873815" spans="14:14">
      <c r="N873815" s="10"/>
    </row>
    <row r="873816" spans="14:14">
      <c r="N873816" s="10"/>
    </row>
    <row r="873817" spans="14:14">
      <c r="N873817" s="10"/>
    </row>
    <row r="873818" spans="14:14">
      <c r="N873818" s="10"/>
    </row>
    <row r="873819" spans="14:14">
      <c r="N873819" s="10"/>
    </row>
    <row r="873820" spans="14:14">
      <c r="N873820" s="10"/>
    </row>
    <row r="873821" spans="14:14">
      <c r="N873821" s="10"/>
    </row>
    <row r="873822" spans="14:14">
      <c r="N873822" s="10"/>
    </row>
    <row r="873823" spans="14:14">
      <c r="N873823" s="10"/>
    </row>
    <row r="873824" spans="14:14">
      <c r="N873824" s="10"/>
    </row>
    <row r="873825" spans="14:14">
      <c r="N873825" s="10"/>
    </row>
    <row r="873826" spans="14:14">
      <c r="N873826" s="10"/>
    </row>
    <row r="873827" spans="14:14">
      <c r="N873827" s="10"/>
    </row>
    <row r="873828" spans="14:14">
      <c r="N873828" s="10"/>
    </row>
    <row r="873829" spans="14:14">
      <c r="N873829" s="10"/>
    </row>
    <row r="873830" spans="14:14">
      <c r="N873830" s="10"/>
    </row>
    <row r="873831" spans="14:14">
      <c r="N873831" s="10"/>
    </row>
    <row r="873832" spans="14:14">
      <c r="N873832" s="10"/>
    </row>
    <row r="873833" spans="14:14">
      <c r="N873833" s="10"/>
    </row>
    <row r="873834" spans="14:14">
      <c r="N873834" s="10"/>
    </row>
    <row r="873835" spans="14:14">
      <c r="N873835" s="10"/>
    </row>
    <row r="873836" spans="14:14">
      <c r="N873836" s="10"/>
    </row>
    <row r="873837" spans="14:14">
      <c r="N873837" s="10"/>
    </row>
    <row r="873838" spans="14:14">
      <c r="N873838" s="10"/>
    </row>
    <row r="873839" spans="14:14">
      <c r="N873839" s="10"/>
    </row>
    <row r="873840" spans="14:14">
      <c r="N873840" s="10"/>
    </row>
    <row r="873841" spans="14:14">
      <c r="N873841" s="10"/>
    </row>
    <row r="873842" spans="14:14">
      <c r="N873842" s="10"/>
    </row>
    <row r="873843" spans="14:14">
      <c r="N873843" s="10"/>
    </row>
    <row r="873844" spans="14:14">
      <c r="N873844" s="10"/>
    </row>
    <row r="873845" spans="14:14">
      <c r="N873845" s="10"/>
    </row>
    <row r="873846" spans="14:14">
      <c r="N873846" s="10"/>
    </row>
    <row r="873847" spans="14:14">
      <c r="N873847" s="10"/>
    </row>
    <row r="873848" spans="14:14">
      <c r="N873848" s="10"/>
    </row>
    <row r="873849" spans="14:14">
      <c r="N873849" s="10"/>
    </row>
    <row r="873850" spans="14:14">
      <c r="N873850" s="10"/>
    </row>
    <row r="873851" spans="14:14">
      <c r="N873851" s="10"/>
    </row>
    <row r="873852" spans="14:14">
      <c r="N873852" s="10"/>
    </row>
    <row r="873853" spans="14:14">
      <c r="N873853" s="10"/>
    </row>
    <row r="873854" spans="14:14">
      <c r="N873854" s="10"/>
    </row>
    <row r="873855" spans="14:14">
      <c r="N873855" s="10"/>
    </row>
    <row r="873856" spans="14:14">
      <c r="N873856" s="10"/>
    </row>
    <row r="873857" spans="14:14">
      <c r="N873857" s="10"/>
    </row>
    <row r="873858" spans="14:14">
      <c r="N873858" s="10"/>
    </row>
    <row r="873859" spans="14:14">
      <c r="N873859" s="10"/>
    </row>
    <row r="873860" spans="14:14">
      <c r="N873860" s="10"/>
    </row>
    <row r="873861" spans="14:14">
      <c r="N873861" s="10"/>
    </row>
    <row r="873862" spans="14:14">
      <c r="N873862" s="10"/>
    </row>
    <row r="873863" spans="14:14">
      <c r="N873863" s="10"/>
    </row>
    <row r="873864" spans="14:14">
      <c r="N873864" s="10"/>
    </row>
    <row r="873865" spans="14:14">
      <c r="N873865" s="10"/>
    </row>
    <row r="873866" spans="14:14">
      <c r="N873866" s="10"/>
    </row>
    <row r="873867" spans="14:14">
      <c r="N873867" s="10"/>
    </row>
    <row r="873868" spans="14:14">
      <c r="N873868" s="10"/>
    </row>
    <row r="873869" spans="14:14">
      <c r="N873869" s="10"/>
    </row>
    <row r="873870" spans="14:14">
      <c r="N873870" s="10"/>
    </row>
    <row r="873871" spans="14:14">
      <c r="N873871" s="10"/>
    </row>
    <row r="873872" spans="14:14">
      <c r="N873872" s="10"/>
    </row>
    <row r="873873" spans="14:14">
      <c r="N873873" s="10"/>
    </row>
    <row r="873874" spans="14:14">
      <c r="N873874" s="10"/>
    </row>
    <row r="873875" spans="14:14">
      <c r="N873875" s="10"/>
    </row>
    <row r="873876" spans="14:14">
      <c r="N873876" s="10"/>
    </row>
    <row r="873877" spans="14:14">
      <c r="N873877" s="10"/>
    </row>
    <row r="873878" spans="14:14">
      <c r="N873878" s="10"/>
    </row>
    <row r="873879" spans="14:14">
      <c r="N873879" s="10"/>
    </row>
    <row r="873880" spans="14:14">
      <c r="N873880" s="10"/>
    </row>
    <row r="873881" spans="14:14">
      <c r="N873881" s="10"/>
    </row>
    <row r="873882" spans="14:14">
      <c r="N873882" s="10"/>
    </row>
    <row r="873883" spans="14:14">
      <c r="N873883" s="10"/>
    </row>
    <row r="873884" spans="14:14">
      <c r="N873884" s="10"/>
    </row>
    <row r="873885" spans="14:14">
      <c r="N873885" s="10"/>
    </row>
    <row r="873886" spans="14:14">
      <c r="N873886" s="10"/>
    </row>
    <row r="873887" spans="14:14">
      <c r="N873887" s="10"/>
    </row>
    <row r="873888" spans="14:14">
      <c r="N873888" s="10"/>
    </row>
    <row r="873889" spans="14:14">
      <c r="N873889" s="10"/>
    </row>
    <row r="873890" spans="14:14">
      <c r="N873890" s="10"/>
    </row>
    <row r="873891" spans="14:14">
      <c r="N873891" s="10"/>
    </row>
    <row r="873892" spans="14:14">
      <c r="N873892" s="10"/>
    </row>
    <row r="873893" spans="14:14">
      <c r="N873893" s="10"/>
    </row>
    <row r="873894" spans="14:14">
      <c r="N873894" s="10"/>
    </row>
    <row r="873895" spans="14:14">
      <c r="N873895" s="10"/>
    </row>
    <row r="873896" spans="14:14">
      <c r="N873896" s="10"/>
    </row>
    <row r="873897" spans="14:14">
      <c r="N873897" s="10"/>
    </row>
    <row r="873898" spans="14:14">
      <c r="N873898" s="10"/>
    </row>
    <row r="873899" spans="14:14">
      <c r="N873899" s="10"/>
    </row>
    <row r="873900" spans="14:14">
      <c r="N873900" s="10"/>
    </row>
    <row r="873901" spans="14:14">
      <c r="N873901" s="10"/>
    </row>
    <row r="873902" spans="14:14">
      <c r="N873902" s="10"/>
    </row>
    <row r="873903" spans="14:14">
      <c r="N873903" s="10"/>
    </row>
    <row r="873904" spans="14:14">
      <c r="N873904" s="10"/>
    </row>
    <row r="873905" spans="14:14">
      <c r="N873905" s="10"/>
    </row>
    <row r="873906" spans="14:14">
      <c r="N873906" s="10"/>
    </row>
    <row r="873907" spans="14:14">
      <c r="N873907" s="10"/>
    </row>
    <row r="873908" spans="14:14">
      <c r="N873908" s="10"/>
    </row>
    <row r="873909" spans="14:14">
      <c r="N873909" s="10"/>
    </row>
    <row r="873910" spans="14:14">
      <c r="N873910" s="10"/>
    </row>
    <row r="873911" spans="14:14">
      <c r="N873911" s="10"/>
    </row>
    <row r="873912" spans="14:14">
      <c r="N873912" s="10"/>
    </row>
    <row r="873913" spans="14:14">
      <c r="N873913" s="10"/>
    </row>
    <row r="873914" spans="14:14">
      <c r="N873914" s="10"/>
    </row>
    <row r="873915" spans="14:14">
      <c r="N873915" s="10"/>
    </row>
    <row r="873916" spans="14:14">
      <c r="N873916" s="10"/>
    </row>
    <row r="873917" spans="14:14">
      <c r="N873917" s="10"/>
    </row>
    <row r="873918" spans="14:14">
      <c r="N873918" s="10"/>
    </row>
    <row r="873919" spans="14:14">
      <c r="N873919" s="10"/>
    </row>
    <row r="873920" spans="14:14">
      <c r="N873920" s="10"/>
    </row>
    <row r="873921" spans="14:14">
      <c r="N873921" s="10"/>
    </row>
    <row r="873922" spans="14:14">
      <c r="N873922" s="10"/>
    </row>
    <row r="873923" spans="14:14">
      <c r="N873923" s="10"/>
    </row>
    <row r="873924" spans="14:14">
      <c r="N873924" s="10"/>
    </row>
    <row r="873925" spans="14:14">
      <c r="N873925" s="10"/>
    </row>
    <row r="873926" spans="14:14">
      <c r="N873926" s="10"/>
    </row>
    <row r="873927" spans="14:14">
      <c r="N873927" s="10"/>
    </row>
    <row r="873928" spans="14:14">
      <c r="N873928" s="10"/>
    </row>
    <row r="873929" spans="14:14">
      <c r="N873929" s="10"/>
    </row>
    <row r="873930" spans="14:14">
      <c r="N873930" s="10"/>
    </row>
    <row r="873931" spans="14:14">
      <c r="N873931" s="10"/>
    </row>
    <row r="873932" spans="14:14">
      <c r="N873932" s="10"/>
    </row>
    <row r="873933" spans="14:14">
      <c r="N873933" s="10"/>
    </row>
    <row r="873934" spans="14:14">
      <c r="N873934" s="10"/>
    </row>
    <row r="873935" spans="14:14">
      <c r="N873935" s="10"/>
    </row>
    <row r="873936" spans="14:14">
      <c r="N873936" s="10"/>
    </row>
    <row r="873937" spans="14:14">
      <c r="N873937" s="10"/>
    </row>
    <row r="873938" spans="14:14">
      <c r="N873938" s="10"/>
    </row>
    <row r="873939" spans="14:14">
      <c r="N873939" s="10"/>
    </row>
    <row r="873940" spans="14:14">
      <c r="N873940" s="10"/>
    </row>
    <row r="873941" spans="14:14">
      <c r="N873941" s="10"/>
    </row>
    <row r="873942" spans="14:14">
      <c r="N873942" s="10"/>
    </row>
    <row r="873943" spans="14:14">
      <c r="N873943" s="10"/>
    </row>
    <row r="873944" spans="14:14">
      <c r="N873944" s="10"/>
    </row>
    <row r="873945" spans="14:14">
      <c r="N873945" s="10"/>
    </row>
    <row r="873946" spans="14:14">
      <c r="N873946" s="10"/>
    </row>
    <row r="873947" spans="14:14">
      <c r="N873947" s="10"/>
    </row>
    <row r="873948" spans="14:14">
      <c r="N873948" s="10"/>
    </row>
    <row r="873949" spans="14:14">
      <c r="N873949" s="10"/>
    </row>
    <row r="873950" spans="14:14">
      <c r="N873950" s="10"/>
    </row>
    <row r="873951" spans="14:14">
      <c r="N873951" s="10"/>
    </row>
    <row r="873952" spans="14:14">
      <c r="N873952" s="10"/>
    </row>
    <row r="873953" spans="14:14">
      <c r="N873953" s="10"/>
    </row>
    <row r="873954" spans="14:14">
      <c r="N873954" s="10"/>
    </row>
    <row r="873955" spans="14:14">
      <c r="N873955" s="10"/>
    </row>
    <row r="873956" spans="14:14">
      <c r="N873956" s="10"/>
    </row>
    <row r="873957" spans="14:14">
      <c r="N873957" s="10"/>
    </row>
    <row r="873958" spans="14:14">
      <c r="N873958" s="10"/>
    </row>
    <row r="873959" spans="14:14">
      <c r="N873959" s="10"/>
    </row>
    <row r="873960" spans="14:14">
      <c r="N873960" s="10"/>
    </row>
    <row r="873961" spans="14:14">
      <c r="N873961" s="10"/>
    </row>
    <row r="873962" spans="14:14">
      <c r="N873962" s="10"/>
    </row>
    <row r="873963" spans="14:14">
      <c r="N873963" s="10"/>
    </row>
    <row r="873964" spans="14:14">
      <c r="N873964" s="10"/>
    </row>
    <row r="873965" spans="14:14">
      <c r="N873965" s="10"/>
    </row>
    <row r="873966" spans="14:14">
      <c r="N873966" s="10"/>
    </row>
    <row r="873967" spans="14:14">
      <c r="N873967" s="10"/>
    </row>
    <row r="873968" spans="14:14">
      <c r="N873968" s="10"/>
    </row>
    <row r="873969" spans="14:14">
      <c r="N873969" s="10"/>
    </row>
    <row r="873970" spans="14:14">
      <c r="N873970" s="10"/>
    </row>
    <row r="873971" spans="14:14">
      <c r="N873971" s="10"/>
    </row>
    <row r="873972" spans="14:14">
      <c r="N873972" s="10"/>
    </row>
    <row r="873973" spans="14:14">
      <c r="N873973" s="10"/>
    </row>
    <row r="873974" spans="14:14">
      <c r="N873974" s="10"/>
    </row>
    <row r="873975" spans="14:14">
      <c r="N873975" s="10"/>
    </row>
    <row r="873976" spans="14:14">
      <c r="N873976" s="10"/>
    </row>
    <row r="873977" spans="14:14">
      <c r="N873977" s="10"/>
    </row>
    <row r="873978" spans="14:14">
      <c r="N873978" s="10"/>
    </row>
    <row r="873979" spans="14:14">
      <c r="N873979" s="10"/>
    </row>
    <row r="873980" spans="14:14">
      <c r="N873980" s="10"/>
    </row>
    <row r="873981" spans="14:14">
      <c r="N873981" s="10"/>
    </row>
    <row r="873982" spans="14:14">
      <c r="N873982" s="10"/>
    </row>
    <row r="873983" spans="14:14">
      <c r="N873983" s="10"/>
    </row>
    <row r="873984" spans="14:14">
      <c r="N873984" s="10"/>
    </row>
    <row r="873985" spans="14:14">
      <c r="N873985" s="10"/>
    </row>
    <row r="873986" spans="14:14">
      <c r="N873986" s="10"/>
    </row>
    <row r="873987" spans="14:14">
      <c r="N873987" s="10"/>
    </row>
    <row r="873988" spans="14:14">
      <c r="N873988" s="10"/>
    </row>
    <row r="873989" spans="14:14">
      <c r="N873989" s="10"/>
    </row>
    <row r="873990" spans="14:14">
      <c r="N873990" s="10"/>
    </row>
    <row r="873991" spans="14:14">
      <c r="N873991" s="10"/>
    </row>
    <row r="873992" spans="14:14">
      <c r="N873992" s="10"/>
    </row>
    <row r="873993" spans="14:14">
      <c r="N873993" s="10"/>
    </row>
    <row r="873994" spans="14:14">
      <c r="N873994" s="10"/>
    </row>
    <row r="873995" spans="14:14">
      <c r="N873995" s="10"/>
    </row>
    <row r="873996" spans="14:14">
      <c r="N873996" s="10"/>
    </row>
    <row r="873997" spans="14:14">
      <c r="N873997" s="10"/>
    </row>
    <row r="873998" spans="14:14">
      <c r="N873998" s="10"/>
    </row>
    <row r="873999" spans="14:14">
      <c r="N873999" s="10"/>
    </row>
    <row r="874000" spans="14:14">
      <c r="N874000" s="10"/>
    </row>
    <row r="874001" spans="14:14">
      <c r="N874001" s="10"/>
    </row>
    <row r="874002" spans="14:14">
      <c r="N874002" s="10"/>
    </row>
    <row r="874003" spans="14:14">
      <c r="N874003" s="10"/>
    </row>
    <row r="874004" spans="14:14">
      <c r="N874004" s="10"/>
    </row>
    <row r="874005" spans="14:14">
      <c r="N874005" s="10"/>
    </row>
    <row r="874006" spans="14:14">
      <c r="N874006" s="10"/>
    </row>
    <row r="874007" spans="14:14">
      <c r="N874007" s="10"/>
    </row>
    <row r="874008" spans="14:14">
      <c r="N874008" s="10"/>
    </row>
    <row r="874009" spans="14:14">
      <c r="N874009" s="10"/>
    </row>
    <row r="874010" spans="14:14">
      <c r="N874010" s="10"/>
    </row>
    <row r="874011" spans="14:14">
      <c r="N874011" s="10"/>
    </row>
    <row r="874012" spans="14:14">
      <c r="N874012" s="10"/>
    </row>
    <row r="874013" spans="14:14">
      <c r="N874013" s="10"/>
    </row>
    <row r="874014" spans="14:14">
      <c r="N874014" s="10"/>
    </row>
    <row r="874015" spans="14:14">
      <c r="N874015" s="10"/>
    </row>
    <row r="874016" spans="14:14">
      <c r="N874016" s="10"/>
    </row>
    <row r="874017" spans="14:14">
      <c r="N874017" s="10"/>
    </row>
    <row r="874018" spans="14:14">
      <c r="N874018" s="10"/>
    </row>
    <row r="874019" spans="14:14">
      <c r="N874019" s="10"/>
    </row>
    <row r="874020" spans="14:14">
      <c r="N874020" s="10"/>
    </row>
    <row r="874021" spans="14:14">
      <c r="N874021" s="10"/>
    </row>
    <row r="874022" spans="14:14">
      <c r="N874022" s="10"/>
    </row>
    <row r="874023" spans="14:14">
      <c r="N874023" s="10"/>
    </row>
    <row r="874024" spans="14:14">
      <c r="N874024" s="10"/>
    </row>
    <row r="874025" spans="14:14">
      <c r="N874025" s="10"/>
    </row>
    <row r="874026" spans="14:14">
      <c r="N874026" s="10"/>
    </row>
    <row r="874027" spans="14:14">
      <c r="N874027" s="10"/>
    </row>
    <row r="874028" spans="14:14">
      <c r="N874028" s="10"/>
    </row>
    <row r="874029" spans="14:14">
      <c r="N874029" s="10"/>
    </row>
    <row r="874030" spans="14:14">
      <c r="N874030" s="10"/>
    </row>
    <row r="874031" spans="14:14">
      <c r="N874031" s="10"/>
    </row>
    <row r="874032" spans="14:14">
      <c r="N874032" s="10"/>
    </row>
    <row r="874033" spans="14:14">
      <c r="N874033" s="10"/>
    </row>
    <row r="874034" spans="14:14">
      <c r="N874034" s="10"/>
    </row>
    <row r="874035" spans="14:14">
      <c r="N874035" s="10"/>
    </row>
    <row r="874036" spans="14:14">
      <c r="N874036" s="10"/>
    </row>
    <row r="874037" spans="14:14">
      <c r="N874037" s="10"/>
    </row>
    <row r="874038" spans="14:14">
      <c r="N874038" s="10"/>
    </row>
    <row r="874039" spans="14:14">
      <c r="N874039" s="10"/>
    </row>
    <row r="874040" spans="14:14">
      <c r="N874040" s="10"/>
    </row>
    <row r="874041" spans="14:14">
      <c r="N874041" s="10"/>
    </row>
    <row r="874042" spans="14:14">
      <c r="N874042" s="10"/>
    </row>
    <row r="874043" spans="14:14">
      <c r="N874043" s="10"/>
    </row>
    <row r="874044" spans="14:14">
      <c r="N874044" s="10"/>
    </row>
    <row r="874045" spans="14:14">
      <c r="N874045" s="10"/>
    </row>
    <row r="874046" spans="14:14">
      <c r="N874046" s="10"/>
    </row>
    <row r="874047" spans="14:14">
      <c r="N874047" s="10"/>
    </row>
    <row r="874048" spans="14:14">
      <c r="N874048" s="10"/>
    </row>
    <row r="874049" spans="14:14">
      <c r="N874049" s="10"/>
    </row>
    <row r="874050" spans="14:14">
      <c r="N874050" s="10"/>
    </row>
    <row r="874051" spans="14:14">
      <c r="N874051" s="10"/>
    </row>
    <row r="874052" spans="14:14">
      <c r="N874052" s="10"/>
    </row>
    <row r="874053" spans="14:14">
      <c r="N874053" s="10"/>
    </row>
    <row r="874054" spans="14:14">
      <c r="N874054" s="10"/>
    </row>
    <row r="874055" spans="14:14">
      <c r="N874055" s="10"/>
    </row>
    <row r="874056" spans="14:14">
      <c r="N874056" s="10"/>
    </row>
    <row r="874057" spans="14:14">
      <c r="N874057" s="10"/>
    </row>
    <row r="874058" spans="14:14">
      <c r="N874058" s="10"/>
    </row>
    <row r="874059" spans="14:14">
      <c r="N874059" s="10"/>
    </row>
    <row r="874060" spans="14:14">
      <c r="N874060" s="10"/>
    </row>
    <row r="874061" spans="14:14">
      <c r="N874061" s="10"/>
    </row>
    <row r="874062" spans="14:14">
      <c r="N874062" s="10"/>
    </row>
    <row r="874063" spans="14:14">
      <c r="N874063" s="10"/>
    </row>
    <row r="874064" spans="14:14">
      <c r="N874064" s="10"/>
    </row>
    <row r="874065" spans="14:14">
      <c r="N874065" s="10"/>
    </row>
    <row r="874066" spans="14:14">
      <c r="N874066" s="10"/>
    </row>
    <row r="874067" spans="14:14">
      <c r="N874067" s="10"/>
    </row>
    <row r="874068" spans="14:14">
      <c r="N874068" s="10"/>
    </row>
    <row r="874069" spans="14:14">
      <c r="N874069" s="10"/>
    </row>
    <row r="874070" spans="14:14">
      <c r="N874070" s="10"/>
    </row>
    <row r="874071" spans="14:14">
      <c r="N874071" s="10"/>
    </row>
    <row r="874072" spans="14:14">
      <c r="N874072" s="10"/>
    </row>
    <row r="874073" spans="14:14">
      <c r="N874073" s="10"/>
    </row>
    <row r="874074" spans="14:14">
      <c r="N874074" s="10"/>
    </row>
    <row r="874075" spans="14:14">
      <c r="N874075" s="10"/>
    </row>
    <row r="874076" spans="14:14">
      <c r="N874076" s="10"/>
    </row>
    <row r="874077" spans="14:14">
      <c r="N874077" s="10"/>
    </row>
    <row r="874078" spans="14:14">
      <c r="N874078" s="10"/>
    </row>
    <row r="874079" spans="14:14">
      <c r="N874079" s="10"/>
    </row>
    <row r="874080" spans="14:14">
      <c r="N874080" s="10"/>
    </row>
    <row r="874081" spans="14:14">
      <c r="N874081" s="10"/>
    </row>
    <row r="874082" spans="14:14">
      <c r="N874082" s="10"/>
    </row>
    <row r="874083" spans="14:14">
      <c r="N874083" s="10"/>
    </row>
    <row r="874084" spans="14:14">
      <c r="N874084" s="10"/>
    </row>
    <row r="874085" spans="14:14">
      <c r="N874085" s="10"/>
    </row>
    <row r="874086" spans="14:14">
      <c r="N874086" s="10"/>
    </row>
    <row r="874087" spans="14:14">
      <c r="N874087" s="10"/>
    </row>
    <row r="874088" spans="14:14">
      <c r="N874088" s="10"/>
    </row>
    <row r="874089" spans="14:14">
      <c r="N874089" s="10"/>
    </row>
    <row r="874090" spans="14:14">
      <c r="N874090" s="10"/>
    </row>
    <row r="874091" spans="14:14">
      <c r="N874091" s="10"/>
    </row>
    <row r="874092" spans="14:14">
      <c r="N874092" s="10"/>
    </row>
    <row r="874093" spans="14:14">
      <c r="N874093" s="10"/>
    </row>
    <row r="874094" spans="14:14">
      <c r="N874094" s="10"/>
    </row>
    <row r="874095" spans="14:14">
      <c r="N874095" s="10"/>
    </row>
    <row r="874096" spans="14:14">
      <c r="N874096" s="10"/>
    </row>
    <row r="874097" spans="14:14">
      <c r="N874097" s="10"/>
    </row>
    <row r="874098" spans="14:14">
      <c r="N874098" s="10"/>
    </row>
    <row r="874099" spans="14:14">
      <c r="N874099" s="10"/>
    </row>
    <row r="874100" spans="14:14">
      <c r="N874100" s="10"/>
    </row>
    <row r="874101" spans="14:14">
      <c r="N874101" s="10"/>
    </row>
    <row r="874102" spans="14:14">
      <c r="N874102" s="10"/>
    </row>
    <row r="874103" spans="14:14">
      <c r="N874103" s="10"/>
    </row>
    <row r="874104" spans="14:14">
      <c r="N874104" s="10"/>
    </row>
    <row r="874105" spans="14:14">
      <c r="N874105" s="10"/>
    </row>
    <row r="874106" spans="14:14">
      <c r="N874106" s="10"/>
    </row>
    <row r="874107" spans="14:14">
      <c r="N874107" s="10"/>
    </row>
    <row r="874108" spans="14:14">
      <c r="N874108" s="10"/>
    </row>
    <row r="874109" spans="14:14">
      <c r="N874109" s="10"/>
    </row>
    <row r="874110" spans="14:14">
      <c r="N874110" s="10"/>
    </row>
    <row r="874111" spans="14:14">
      <c r="N874111" s="10"/>
    </row>
    <row r="874112" spans="14:14">
      <c r="N874112" s="10"/>
    </row>
    <row r="874113" spans="14:14">
      <c r="N874113" s="10"/>
    </row>
    <row r="874114" spans="14:14">
      <c r="N874114" s="10"/>
    </row>
    <row r="874115" spans="14:14">
      <c r="N874115" s="10"/>
    </row>
    <row r="874116" spans="14:14">
      <c r="N874116" s="10"/>
    </row>
    <row r="874117" spans="14:14">
      <c r="N874117" s="10"/>
    </row>
    <row r="874118" spans="14:14">
      <c r="N874118" s="10"/>
    </row>
    <row r="874119" spans="14:14">
      <c r="N874119" s="10"/>
    </row>
    <row r="874120" spans="14:14">
      <c r="N874120" s="10"/>
    </row>
    <row r="874121" spans="14:14">
      <c r="N874121" s="10"/>
    </row>
    <row r="874122" spans="14:14">
      <c r="N874122" s="10"/>
    </row>
    <row r="874123" spans="14:14">
      <c r="N874123" s="10"/>
    </row>
    <row r="874124" spans="14:14">
      <c r="N874124" s="10"/>
    </row>
    <row r="874125" spans="14:14">
      <c r="N874125" s="10"/>
    </row>
    <row r="874126" spans="14:14">
      <c r="N874126" s="10"/>
    </row>
    <row r="874127" spans="14:14">
      <c r="N874127" s="10"/>
    </row>
    <row r="874128" spans="14:14">
      <c r="N874128" s="10"/>
    </row>
    <row r="874129" spans="14:14">
      <c r="N874129" s="10"/>
    </row>
    <row r="874130" spans="14:14">
      <c r="N874130" s="10"/>
    </row>
    <row r="874131" spans="14:14">
      <c r="N874131" s="10"/>
    </row>
    <row r="874132" spans="14:14">
      <c r="N874132" s="10"/>
    </row>
    <row r="874133" spans="14:14">
      <c r="N874133" s="10"/>
    </row>
    <row r="874134" spans="14:14">
      <c r="N874134" s="10"/>
    </row>
    <row r="874135" spans="14:14">
      <c r="N874135" s="10"/>
    </row>
    <row r="874136" spans="14:14">
      <c r="N874136" s="10"/>
    </row>
    <row r="874137" spans="14:14">
      <c r="N874137" s="10"/>
    </row>
    <row r="874138" spans="14:14">
      <c r="N874138" s="10"/>
    </row>
    <row r="874139" spans="14:14">
      <c r="N874139" s="10"/>
    </row>
    <row r="874140" spans="14:14">
      <c r="N874140" s="10"/>
    </row>
    <row r="874141" spans="14:14">
      <c r="N874141" s="10"/>
    </row>
    <row r="874142" spans="14:14">
      <c r="N874142" s="10"/>
    </row>
    <row r="874143" spans="14:14">
      <c r="N874143" s="10"/>
    </row>
    <row r="874144" spans="14:14">
      <c r="N874144" s="10"/>
    </row>
    <row r="874145" spans="14:14">
      <c r="N874145" s="10"/>
    </row>
    <row r="874146" spans="14:14">
      <c r="N874146" s="10"/>
    </row>
    <row r="874147" spans="14:14">
      <c r="N874147" s="10"/>
    </row>
    <row r="874148" spans="14:14">
      <c r="N874148" s="10"/>
    </row>
    <row r="874149" spans="14:14">
      <c r="N874149" s="10"/>
    </row>
    <row r="874150" spans="14:14">
      <c r="N874150" s="10"/>
    </row>
    <row r="874151" spans="14:14">
      <c r="N874151" s="10"/>
    </row>
    <row r="874152" spans="14:14">
      <c r="N874152" s="10"/>
    </row>
    <row r="874153" spans="14:14">
      <c r="N874153" s="10"/>
    </row>
    <row r="874154" spans="14:14">
      <c r="N874154" s="10"/>
    </row>
    <row r="874155" spans="14:14">
      <c r="N874155" s="10"/>
    </row>
    <row r="874156" spans="14:14">
      <c r="N874156" s="10"/>
    </row>
    <row r="874157" spans="14:14">
      <c r="N874157" s="10"/>
    </row>
    <row r="874158" spans="14:14">
      <c r="N874158" s="10"/>
    </row>
    <row r="874159" spans="14:14">
      <c r="N874159" s="10"/>
    </row>
    <row r="874160" spans="14:14">
      <c r="N874160" s="10"/>
    </row>
    <row r="874161" spans="14:14">
      <c r="N874161" s="10"/>
    </row>
    <row r="874162" spans="14:14">
      <c r="N874162" s="10"/>
    </row>
    <row r="874163" spans="14:14">
      <c r="N874163" s="10"/>
    </row>
    <row r="874164" spans="14:14">
      <c r="N874164" s="10"/>
    </row>
    <row r="874165" spans="14:14">
      <c r="N874165" s="10"/>
    </row>
    <row r="874166" spans="14:14">
      <c r="N874166" s="10"/>
    </row>
    <row r="874167" spans="14:14">
      <c r="N874167" s="10"/>
    </row>
    <row r="874168" spans="14:14">
      <c r="N874168" s="10"/>
    </row>
    <row r="874169" spans="14:14">
      <c r="N874169" s="10"/>
    </row>
    <row r="874170" spans="14:14">
      <c r="N874170" s="10"/>
    </row>
    <row r="874171" spans="14:14">
      <c r="N874171" s="10"/>
    </row>
    <row r="874172" spans="14:14">
      <c r="N874172" s="10"/>
    </row>
    <row r="874173" spans="14:14">
      <c r="N874173" s="10"/>
    </row>
    <row r="874174" spans="14:14">
      <c r="N874174" s="10"/>
    </row>
    <row r="874175" spans="14:14">
      <c r="N874175" s="10"/>
    </row>
    <row r="874176" spans="14:14">
      <c r="N874176" s="10"/>
    </row>
    <row r="874177" spans="14:14">
      <c r="N874177" s="10"/>
    </row>
    <row r="874178" spans="14:14">
      <c r="N874178" s="10"/>
    </row>
    <row r="874179" spans="14:14">
      <c r="N874179" s="10"/>
    </row>
    <row r="874180" spans="14:14">
      <c r="N874180" s="10"/>
    </row>
    <row r="874181" spans="14:14">
      <c r="N874181" s="10"/>
    </row>
    <row r="874182" spans="14:14">
      <c r="N874182" s="10"/>
    </row>
    <row r="874183" spans="14:14">
      <c r="N874183" s="10"/>
    </row>
    <row r="874184" spans="14:14">
      <c r="N874184" s="10"/>
    </row>
    <row r="874185" spans="14:14">
      <c r="N874185" s="10"/>
    </row>
    <row r="874186" spans="14:14">
      <c r="N874186" s="10"/>
    </row>
    <row r="874187" spans="14:14">
      <c r="N874187" s="10"/>
    </row>
    <row r="874188" spans="14:14">
      <c r="N874188" s="10"/>
    </row>
    <row r="874189" spans="14:14">
      <c r="N874189" s="10"/>
    </row>
    <row r="874190" spans="14:14">
      <c r="N874190" s="10"/>
    </row>
    <row r="874191" spans="14:14">
      <c r="N874191" s="10"/>
    </row>
    <row r="874192" spans="14:14">
      <c r="N874192" s="10"/>
    </row>
    <row r="874193" spans="14:14">
      <c r="N874193" s="10"/>
    </row>
    <row r="874194" spans="14:14">
      <c r="N874194" s="10"/>
    </row>
    <row r="874195" spans="14:14">
      <c r="N874195" s="10"/>
    </row>
    <row r="874196" spans="14:14">
      <c r="N874196" s="10"/>
    </row>
    <row r="874197" spans="14:14">
      <c r="N874197" s="10"/>
    </row>
    <row r="874198" spans="14:14">
      <c r="N874198" s="10"/>
    </row>
    <row r="874199" spans="14:14">
      <c r="N874199" s="10"/>
    </row>
    <row r="874200" spans="14:14">
      <c r="N874200" s="10"/>
    </row>
    <row r="874201" spans="14:14">
      <c r="N874201" s="10"/>
    </row>
    <row r="874202" spans="14:14">
      <c r="N874202" s="10"/>
    </row>
    <row r="874203" spans="14:14">
      <c r="N874203" s="10"/>
    </row>
    <row r="874204" spans="14:14">
      <c r="N874204" s="10"/>
    </row>
    <row r="874205" spans="14:14">
      <c r="N874205" s="10"/>
    </row>
    <row r="874206" spans="14:14">
      <c r="N874206" s="10"/>
    </row>
    <row r="874207" spans="14:14">
      <c r="N874207" s="10"/>
    </row>
    <row r="874208" spans="14:14">
      <c r="N874208" s="10"/>
    </row>
    <row r="874209" spans="14:14">
      <c r="N874209" s="10"/>
    </row>
    <row r="874210" spans="14:14">
      <c r="N874210" s="10"/>
    </row>
    <row r="874211" spans="14:14">
      <c r="N874211" s="10"/>
    </row>
    <row r="874212" spans="14:14">
      <c r="N874212" s="10"/>
    </row>
    <row r="874213" spans="14:14">
      <c r="N874213" s="10"/>
    </row>
    <row r="874214" spans="14:14">
      <c r="N874214" s="10"/>
    </row>
    <row r="874215" spans="14:14">
      <c r="N874215" s="10"/>
    </row>
    <row r="874216" spans="14:14">
      <c r="N874216" s="10"/>
    </row>
    <row r="874217" spans="14:14">
      <c r="N874217" s="10"/>
    </row>
    <row r="874218" spans="14:14">
      <c r="N874218" s="10"/>
    </row>
    <row r="874219" spans="14:14">
      <c r="N874219" s="10"/>
    </row>
    <row r="874220" spans="14:14">
      <c r="N874220" s="10"/>
    </row>
    <row r="874221" spans="14:14">
      <c r="N874221" s="10"/>
    </row>
    <row r="874222" spans="14:14">
      <c r="N874222" s="10"/>
    </row>
    <row r="874223" spans="14:14">
      <c r="N874223" s="10"/>
    </row>
    <row r="874224" spans="14:14">
      <c r="N874224" s="10"/>
    </row>
    <row r="874225" spans="14:14">
      <c r="N874225" s="10"/>
    </row>
    <row r="874226" spans="14:14">
      <c r="N874226" s="10"/>
    </row>
    <row r="874227" spans="14:14">
      <c r="N874227" s="10"/>
    </row>
    <row r="874228" spans="14:14">
      <c r="N874228" s="10"/>
    </row>
    <row r="874229" spans="14:14">
      <c r="N874229" s="10"/>
    </row>
    <row r="874230" spans="14:14">
      <c r="N874230" s="10"/>
    </row>
    <row r="874231" spans="14:14">
      <c r="N874231" s="10"/>
    </row>
    <row r="874232" spans="14:14">
      <c r="N874232" s="10"/>
    </row>
    <row r="874233" spans="14:14">
      <c r="N874233" s="10"/>
    </row>
    <row r="874234" spans="14:14">
      <c r="N874234" s="10"/>
    </row>
    <row r="874235" spans="14:14">
      <c r="N874235" s="10"/>
    </row>
    <row r="874236" spans="14:14">
      <c r="N874236" s="10"/>
    </row>
    <row r="874237" spans="14:14">
      <c r="N874237" s="10"/>
    </row>
    <row r="874238" spans="14:14">
      <c r="N874238" s="10"/>
    </row>
    <row r="874239" spans="14:14">
      <c r="N874239" s="10"/>
    </row>
    <row r="874240" spans="14:14">
      <c r="N874240" s="10"/>
    </row>
    <row r="874241" spans="14:14">
      <c r="N874241" s="10"/>
    </row>
    <row r="874242" spans="14:14">
      <c r="N874242" s="10"/>
    </row>
    <row r="874243" spans="14:14">
      <c r="N874243" s="10"/>
    </row>
    <row r="874244" spans="14:14">
      <c r="N874244" s="10"/>
    </row>
    <row r="874245" spans="14:14">
      <c r="N874245" s="10"/>
    </row>
    <row r="874246" spans="14:14">
      <c r="N874246" s="10"/>
    </row>
    <row r="874247" spans="14:14">
      <c r="N874247" s="10"/>
    </row>
    <row r="874248" spans="14:14">
      <c r="N874248" s="10"/>
    </row>
    <row r="874249" spans="14:14">
      <c r="N874249" s="10"/>
    </row>
    <row r="874250" spans="14:14">
      <c r="N874250" s="10"/>
    </row>
    <row r="874251" spans="14:14">
      <c r="N874251" s="10"/>
    </row>
    <row r="874252" spans="14:14">
      <c r="N874252" s="10"/>
    </row>
    <row r="874253" spans="14:14">
      <c r="N874253" s="10"/>
    </row>
    <row r="874254" spans="14:14">
      <c r="N874254" s="10"/>
    </row>
    <row r="874255" spans="14:14">
      <c r="N874255" s="10"/>
    </row>
    <row r="874256" spans="14:14">
      <c r="N874256" s="10"/>
    </row>
    <row r="874257" spans="14:14">
      <c r="N874257" s="10"/>
    </row>
    <row r="874258" spans="14:14">
      <c r="N874258" s="10"/>
    </row>
    <row r="874259" spans="14:14">
      <c r="N874259" s="10"/>
    </row>
    <row r="874260" spans="14:14">
      <c r="N874260" s="10"/>
    </row>
    <row r="874261" spans="14:14">
      <c r="N874261" s="10"/>
    </row>
    <row r="874262" spans="14:14">
      <c r="N874262" s="10"/>
    </row>
    <row r="874263" spans="14:14">
      <c r="N874263" s="10"/>
    </row>
    <row r="874264" spans="14:14">
      <c r="N874264" s="10"/>
    </row>
    <row r="874265" spans="14:14">
      <c r="N874265" s="10"/>
    </row>
    <row r="874266" spans="14:14">
      <c r="N874266" s="10"/>
    </row>
    <row r="874267" spans="14:14">
      <c r="N874267" s="10"/>
    </row>
    <row r="874268" spans="14:14">
      <c r="N874268" s="10"/>
    </row>
    <row r="874269" spans="14:14">
      <c r="N874269" s="10"/>
    </row>
    <row r="874270" spans="14:14">
      <c r="N874270" s="10"/>
    </row>
    <row r="874271" spans="14:14">
      <c r="N874271" s="10"/>
    </row>
    <row r="874272" spans="14:14">
      <c r="N874272" s="10"/>
    </row>
    <row r="874273" spans="14:14">
      <c r="N874273" s="10"/>
    </row>
    <row r="874274" spans="14:14">
      <c r="N874274" s="10"/>
    </row>
    <row r="874275" spans="14:14">
      <c r="N874275" s="10"/>
    </row>
    <row r="874276" spans="14:14">
      <c r="N874276" s="10"/>
    </row>
    <row r="874277" spans="14:14">
      <c r="N874277" s="10"/>
    </row>
    <row r="874278" spans="14:14">
      <c r="N874278" s="10"/>
    </row>
    <row r="874279" spans="14:14">
      <c r="N874279" s="10"/>
    </row>
    <row r="874280" spans="14:14">
      <c r="N874280" s="10"/>
    </row>
    <row r="874281" spans="14:14">
      <c r="N874281" s="10"/>
    </row>
    <row r="874282" spans="14:14">
      <c r="N874282" s="10"/>
    </row>
    <row r="874283" spans="14:14">
      <c r="N874283" s="10"/>
    </row>
    <row r="874284" spans="14:14">
      <c r="N874284" s="10"/>
    </row>
    <row r="874285" spans="14:14">
      <c r="N874285" s="10"/>
    </row>
    <row r="874286" spans="14:14">
      <c r="N874286" s="10"/>
    </row>
    <row r="874287" spans="14:14">
      <c r="N874287" s="10"/>
    </row>
    <row r="874288" spans="14:14">
      <c r="N874288" s="10"/>
    </row>
    <row r="874289" spans="14:14">
      <c r="N874289" s="10"/>
    </row>
    <row r="874290" spans="14:14">
      <c r="N874290" s="10"/>
    </row>
    <row r="874291" spans="14:14">
      <c r="N874291" s="10"/>
    </row>
    <row r="874292" spans="14:14">
      <c r="N874292" s="10"/>
    </row>
    <row r="874293" spans="14:14">
      <c r="N874293" s="10"/>
    </row>
    <row r="874294" spans="14:14">
      <c r="N874294" s="10"/>
    </row>
    <row r="874295" spans="14:14">
      <c r="N874295" s="10"/>
    </row>
    <row r="874296" spans="14:14">
      <c r="N874296" s="10"/>
    </row>
    <row r="874297" spans="14:14">
      <c r="N874297" s="10"/>
    </row>
    <row r="874298" spans="14:14">
      <c r="N874298" s="10"/>
    </row>
    <row r="874299" spans="14:14">
      <c r="N874299" s="10"/>
    </row>
    <row r="874300" spans="14:14">
      <c r="N874300" s="10"/>
    </row>
    <row r="874301" spans="14:14">
      <c r="N874301" s="10"/>
    </row>
    <row r="874302" spans="14:14">
      <c r="N874302" s="10"/>
    </row>
    <row r="874303" spans="14:14">
      <c r="N874303" s="10"/>
    </row>
    <row r="874304" spans="14:14">
      <c r="N874304" s="10"/>
    </row>
    <row r="874305" spans="14:14">
      <c r="N874305" s="10"/>
    </row>
    <row r="874306" spans="14:14">
      <c r="N874306" s="10"/>
    </row>
    <row r="874307" spans="14:14">
      <c r="N874307" s="10"/>
    </row>
    <row r="874308" spans="14:14">
      <c r="N874308" s="10"/>
    </row>
    <row r="874309" spans="14:14">
      <c r="N874309" s="10"/>
    </row>
    <row r="874310" spans="14:14">
      <c r="N874310" s="10"/>
    </row>
    <row r="874311" spans="14:14">
      <c r="N874311" s="10"/>
    </row>
    <row r="874312" spans="14:14">
      <c r="N874312" s="10"/>
    </row>
    <row r="874313" spans="14:14">
      <c r="N874313" s="10"/>
    </row>
    <row r="874314" spans="14:14">
      <c r="N874314" s="10"/>
    </row>
    <row r="874315" spans="14:14">
      <c r="N874315" s="10"/>
    </row>
    <row r="874316" spans="14:14">
      <c r="N874316" s="10"/>
    </row>
    <row r="874317" spans="14:14">
      <c r="N874317" s="10"/>
    </row>
    <row r="874318" spans="14:14">
      <c r="N874318" s="10"/>
    </row>
    <row r="874319" spans="14:14">
      <c r="N874319" s="10"/>
    </row>
    <row r="874320" spans="14:14">
      <c r="N874320" s="10"/>
    </row>
    <row r="874321" spans="14:14">
      <c r="N874321" s="10"/>
    </row>
    <row r="874322" spans="14:14">
      <c r="N874322" s="10"/>
    </row>
    <row r="874323" spans="14:14">
      <c r="N874323" s="10"/>
    </row>
    <row r="874324" spans="14:14">
      <c r="N874324" s="10"/>
    </row>
    <row r="874325" spans="14:14">
      <c r="N874325" s="10"/>
    </row>
    <row r="874326" spans="14:14">
      <c r="N874326" s="10"/>
    </row>
    <row r="874327" spans="14:14">
      <c r="N874327" s="10"/>
    </row>
    <row r="874328" spans="14:14">
      <c r="N874328" s="10"/>
    </row>
    <row r="874329" spans="14:14">
      <c r="N874329" s="10"/>
    </row>
    <row r="874330" spans="14:14">
      <c r="N874330" s="10"/>
    </row>
    <row r="874331" spans="14:14">
      <c r="N874331" s="10"/>
    </row>
    <row r="874332" spans="14:14">
      <c r="N874332" s="10"/>
    </row>
    <row r="874333" spans="14:14">
      <c r="N874333" s="10"/>
    </row>
    <row r="874334" spans="14:14">
      <c r="N874334" s="10"/>
    </row>
    <row r="874335" spans="14:14">
      <c r="N874335" s="10"/>
    </row>
    <row r="874336" spans="14:14">
      <c r="N874336" s="10"/>
    </row>
    <row r="874337" spans="14:14">
      <c r="N874337" s="10"/>
    </row>
    <row r="874338" spans="14:14">
      <c r="N874338" s="10"/>
    </row>
    <row r="874339" spans="14:14">
      <c r="N874339" s="10"/>
    </row>
    <row r="874340" spans="14:14">
      <c r="N874340" s="10"/>
    </row>
    <row r="874341" spans="14:14">
      <c r="N874341" s="10"/>
    </row>
    <row r="874342" spans="14:14">
      <c r="N874342" s="10"/>
    </row>
    <row r="874343" spans="14:14">
      <c r="N874343" s="10"/>
    </row>
    <row r="874344" spans="14:14">
      <c r="N874344" s="10"/>
    </row>
    <row r="874345" spans="14:14">
      <c r="N874345" s="10"/>
    </row>
    <row r="874346" spans="14:14">
      <c r="N874346" s="10"/>
    </row>
    <row r="874347" spans="14:14">
      <c r="N874347" s="10"/>
    </row>
    <row r="874348" spans="14:14">
      <c r="N874348" s="10"/>
    </row>
    <row r="874349" spans="14:14">
      <c r="N874349" s="10"/>
    </row>
    <row r="874350" spans="14:14">
      <c r="N874350" s="10"/>
    </row>
    <row r="874351" spans="14:14">
      <c r="N874351" s="10"/>
    </row>
    <row r="874352" spans="14:14">
      <c r="N874352" s="10"/>
    </row>
    <row r="874353" spans="14:14">
      <c r="N874353" s="10"/>
    </row>
    <row r="874354" spans="14:14">
      <c r="N874354" s="10"/>
    </row>
    <row r="874355" spans="14:14">
      <c r="N874355" s="10"/>
    </row>
    <row r="874356" spans="14:14">
      <c r="N874356" s="10"/>
    </row>
    <row r="874357" spans="14:14">
      <c r="N874357" s="10"/>
    </row>
    <row r="874358" spans="14:14">
      <c r="N874358" s="10"/>
    </row>
    <row r="874359" spans="14:14">
      <c r="N874359" s="10"/>
    </row>
    <row r="874360" spans="14:14">
      <c r="N874360" s="10"/>
    </row>
    <row r="874361" spans="14:14">
      <c r="N874361" s="10"/>
    </row>
    <row r="874362" spans="14:14">
      <c r="N874362" s="10"/>
    </row>
    <row r="874363" spans="14:14">
      <c r="N874363" s="10"/>
    </row>
    <row r="874364" spans="14:14">
      <c r="N874364" s="10"/>
    </row>
    <row r="874365" spans="14:14">
      <c r="N874365" s="10"/>
    </row>
    <row r="874366" spans="14:14">
      <c r="N874366" s="10"/>
    </row>
    <row r="874367" spans="14:14">
      <c r="N874367" s="10"/>
    </row>
    <row r="874368" spans="14:14">
      <c r="N874368" s="10"/>
    </row>
    <row r="874369" spans="14:14">
      <c r="N874369" s="10"/>
    </row>
    <row r="874370" spans="14:14">
      <c r="N874370" s="10"/>
    </row>
    <row r="874371" spans="14:14">
      <c r="N874371" s="10"/>
    </row>
    <row r="874372" spans="14:14">
      <c r="N874372" s="10"/>
    </row>
    <row r="874373" spans="14:14">
      <c r="N874373" s="10"/>
    </row>
    <row r="874374" spans="14:14">
      <c r="N874374" s="10"/>
    </row>
    <row r="874375" spans="14:14">
      <c r="N874375" s="10"/>
    </row>
    <row r="874376" spans="14:14">
      <c r="N874376" s="10"/>
    </row>
    <row r="874377" spans="14:14">
      <c r="N874377" s="10"/>
    </row>
    <row r="874378" spans="14:14">
      <c r="N874378" s="10"/>
    </row>
    <row r="874379" spans="14:14">
      <c r="N874379" s="10"/>
    </row>
    <row r="874380" spans="14:14">
      <c r="N874380" s="10"/>
    </row>
    <row r="874381" spans="14:14">
      <c r="N874381" s="10"/>
    </row>
    <row r="874382" spans="14:14">
      <c r="N874382" s="10"/>
    </row>
    <row r="874383" spans="14:14">
      <c r="N874383" s="10"/>
    </row>
    <row r="874384" spans="14:14">
      <c r="N874384" s="10"/>
    </row>
    <row r="874385" spans="14:14">
      <c r="N874385" s="10"/>
    </row>
    <row r="874386" spans="14:14">
      <c r="N874386" s="10"/>
    </row>
    <row r="874387" spans="14:14">
      <c r="N874387" s="10"/>
    </row>
    <row r="874388" spans="14:14">
      <c r="N874388" s="10"/>
    </row>
    <row r="874389" spans="14:14">
      <c r="N874389" s="10"/>
    </row>
    <row r="874390" spans="14:14">
      <c r="N874390" s="10"/>
    </row>
    <row r="874391" spans="14:14">
      <c r="N874391" s="10"/>
    </row>
    <row r="874392" spans="14:14">
      <c r="N874392" s="10"/>
    </row>
    <row r="874393" spans="14:14">
      <c r="N874393" s="10"/>
    </row>
    <row r="874394" spans="14:14">
      <c r="N874394" s="10"/>
    </row>
    <row r="874395" spans="14:14">
      <c r="N874395" s="10"/>
    </row>
    <row r="874396" spans="14:14">
      <c r="N874396" s="10"/>
    </row>
    <row r="874397" spans="14:14">
      <c r="N874397" s="10"/>
    </row>
    <row r="874398" spans="14:14">
      <c r="N874398" s="10"/>
    </row>
    <row r="874399" spans="14:14">
      <c r="N874399" s="10"/>
    </row>
    <row r="874400" spans="14:14">
      <c r="N874400" s="10"/>
    </row>
    <row r="874401" spans="14:14">
      <c r="N874401" s="10"/>
    </row>
    <row r="874402" spans="14:14">
      <c r="N874402" s="10"/>
    </row>
    <row r="874403" spans="14:14">
      <c r="N874403" s="10"/>
    </row>
    <row r="874404" spans="14:14">
      <c r="N874404" s="10"/>
    </row>
    <row r="874405" spans="14:14">
      <c r="N874405" s="10"/>
    </row>
    <row r="874406" spans="14:14">
      <c r="N874406" s="10"/>
    </row>
    <row r="874407" spans="14:14">
      <c r="N874407" s="10"/>
    </row>
    <row r="874408" spans="14:14">
      <c r="N874408" s="10"/>
    </row>
    <row r="874409" spans="14:14">
      <c r="N874409" s="10"/>
    </row>
    <row r="874410" spans="14:14">
      <c r="N874410" s="10"/>
    </row>
    <row r="874411" spans="14:14">
      <c r="N874411" s="10"/>
    </row>
    <row r="874412" spans="14:14">
      <c r="N874412" s="10"/>
    </row>
    <row r="874413" spans="14:14">
      <c r="N874413" s="10"/>
    </row>
    <row r="874414" spans="14:14">
      <c r="N874414" s="10"/>
    </row>
    <row r="874415" spans="14:14">
      <c r="N874415" s="10"/>
    </row>
    <row r="874416" spans="14:14">
      <c r="N874416" s="10"/>
    </row>
    <row r="874417" spans="14:14">
      <c r="N874417" s="10"/>
    </row>
    <row r="874418" spans="14:14">
      <c r="N874418" s="10"/>
    </row>
    <row r="874419" spans="14:14">
      <c r="N874419" s="10"/>
    </row>
    <row r="874420" spans="14:14">
      <c r="N874420" s="10"/>
    </row>
    <row r="874421" spans="14:14">
      <c r="N874421" s="10"/>
    </row>
    <row r="874422" spans="14:14">
      <c r="N874422" s="10"/>
    </row>
    <row r="874423" spans="14:14">
      <c r="N874423" s="10"/>
    </row>
    <row r="874424" spans="14:14">
      <c r="N874424" s="10"/>
    </row>
    <row r="874425" spans="14:14">
      <c r="N874425" s="10"/>
    </row>
    <row r="874426" spans="14:14">
      <c r="N874426" s="10"/>
    </row>
    <row r="874427" spans="14:14">
      <c r="N874427" s="10"/>
    </row>
    <row r="874428" spans="14:14">
      <c r="N874428" s="10"/>
    </row>
    <row r="874429" spans="14:14">
      <c r="N874429" s="10"/>
    </row>
    <row r="874430" spans="14:14">
      <c r="N874430" s="10"/>
    </row>
    <row r="874431" spans="14:14">
      <c r="N874431" s="10"/>
    </row>
    <row r="874432" spans="14:14">
      <c r="N874432" s="10"/>
    </row>
    <row r="874433" spans="14:14">
      <c r="N874433" s="10"/>
    </row>
    <row r="874434" spans="14:14">
      <c r="N874434" s="10"/>
    </row>
    <row r="874435" spans="14:14">
      <c r="N874435" s="10"/>
    </row>
    <row r="874436" spans="14:14">
      <c r="N874436" s="10"/>
    </row>
    <row r="874437" spans="14:14">
      <c r="N874437" s="10"/>
    </row>
    <row r="874438" spans="14:14">
      <c r="N874438" s="10"/>
    </row>
    <row r="874439" spans="14:14">
      <c r="N874439" s="10"/>
    </row>
    <row r="874440" spans="14:14">
      <c r="N874440" s="10"/>
    </row>
    <row r="874441" spans="14:14">
      <c r="N874441" s="10"/>
    </row>
    <row r="874442" spans="14:14">
      <c r="N874442" s="10"/>
    </row>
    <row r="874443" spans="14:14">
      <c r="N874443" s="10"/>
    </row>
    <row r="874444" spans="14:14">
      <c r="N874444" s="10"/>
    </row>
    <row r="874445" spans="14:14">
      <c r="N874445" s="10"/>
    </row>
    <row r="874446" spans="14:14">
      <c r="N874446" s="10"/>
    </row>
    <row r="874447" spans="14:14">
      <c r="N874447" s="10"/>
    </row>
    <row r="874448" spans="14:14">
      <c r="N874448" s="10"/>
    </row>
    <row r="874449" spans="14:14">
      <c r="N874449" s="10"/>
    </row>
    <row r="874450" spans="14:14">
      <c r="N874450" s="10"/>
    </row>
    <row r="874451" spans="14:14">
      <c r="N874451" s="10"/>
    </row>
    <row r="874452" spans="14:14">
      <c r="N874452" s="10"/>
    </row>
    <row r="874453" spans="14:14">
      <c r="N874453" s="10"/>
    </row>
    <row r="874454" spans="14:14">
      <c r="N874454" s="10"/>
    </row>
    <row r="874455" spans="14:14">
      <c r="N874455" s="10"/>
    </row>
    <row r="874456" spans="14:14">
      <c r="N874456" s="10"/>
    </row>
    <row r="874457" spans="14:14">
      <c r="N874457" s="10"/>
    </row>
    <row r="874458" spans="14:14">
      <c r="N874458" s="10"/>
    </row>
    <row r="874459" spans="14:14">
      <c r="N874459" s="10"/>
    </row>
    <row r="874460" spans="14:14">
      <c r="N874460" s="10"/>
    </row>
    <row r="874461" spans="14:14">
      <c r="N874461" s="10"/>
    </row>
    <row r="874462" spans="14:14">
      <c r="N874462" s="10"/>
    </row>
    <row r="874463" spans="14:14">
      <c r="N874463" s="10"/>
    </row>
    <row r="874464" spans="14:14">
      <c r="N874464" s="10"/>
    </row>
    <row r="874465" spans="14:14">
      <c r="N874465" s="10"/>
    </row>
    <row r="874466" spans="14:14">
      <c r="N874466" s="10"/>
    </row>
    <row r="874467" spans="14:14">
      <c r="N874467" s="10"/>
    </row>
    <row r="874468" spans="14:14">
      <c r="N874468" s="10"/>
    </row>
    <row r="874469" spans="14:14">
      <c r="N874469" s="10"/>
    </row>
    <row r="874470" spans="14:14">
      <c r="N874470" s="10"/>
    </row>
    <row r="874471" spans="14:14">
      <c r="N874471" s="10"/>
    </row>
    <row r="874472" spans="14:14">
      <c r="N874472" s="10"/>
    </row>
    <row r="874473" spans="14:14">
      <c r="N874473" s="10"/>
    </row>
    <row r="874474" spans="14:14">
      <c r="N874474" s="10"/>
    </row>
    <row r="874475" spans="14:14">
      <c r="N874475" s="10"/>
    </row>
    <row r="874476" spans="14:14">
      <c r="N874476" s="10"/>
    </row>
    <row r="874477" spans="14:14">
      <c r="N874477" s="10"/>
    </row>
    <row r="874478" spans="14:14">
      <c r="N874478" s="10"/>
    </row>
    <row r="874479" spans="14:14">
      <c r="N874479" s="10"/>
    </row>
    <row r="874480" spans="14:14">
      <c r="N874480" s="10"/>
    </row>
    <row r="874481" spans="14:14">
      <c r="N874481" s="10"/>
    </row>
    <row r="874482" spans="14:14">
      <c r="N874482" s="10"/>
    </row>
    <row r="874483" spans="14:14">
      <c r="N874483" s="10"/>
    </row>
    <row r="874484" spans="14:14">
      <c r="N874484" s="10"/>
    </row>
    <row r="874485" spans="14:14">
      <c r="N874485" s="10"/>
    </row>
    <row r="874486" spans="14:14">
      <c r="N874486" s="10"/>
    </row>
    <row r="874487" spans="14:14">
      <c r="N874487" s="10"/>
    </row>
    <row r="874488" spans="14:14">
      <c r="N874488" s="10"/>
    </row>
    <row r="874489" spans="14:14">
      <c r="N874489" s="10"/>
    </row>
    <row r="874490" spans="14:14">
      <c r="N874490" s="10"/>
    </row>
    <row r="874491" spans="14:14">
      <c r="N874491" s="10"/>
    </row>
    <row r="874492" spans="14:14">
      <c r="N874492" s="10"/>
    </row>
    <row r="874493" spans="14:14">
      <c r="N874493" s="10"/>
    </row>
    <row r="874494" spans="14:14">
      <c r="N874494" s="10"/>
    </row>
    <row r="874495" spans="14:14">
      <c r="N874495" s="10"/>
    </row>
    <row r="874496" spans="14:14">
      <c r="N874496" s="10"/>
    </row>
    <row r="874497" spans="14:14">
      <c r="N874497" s="10"/>
    </row>
    <row r="874498" spans="14:14">
      <c r="N874498" s="10"/>
    </row>
    <row r="874499" spans="14:14">
      <c r="N874499" s="10"/>
    </row>
    <row r="874500" spans="14:14">
      <c r="N874500" s="10"/>
    </row>
    <row r="874501" spans="14:14">
      <c r="N874501" s="10"/>
    </row>
    <row r="874502" spans="14:14">
      <c r="N874502" s="10"/>
    </row>
    <row r="874503" spans="14:14">
      <c r="N874503" s="10"/>
    </row>
    <row r="874504" spans="14:14">
      <c r="N874504" s="10"/>
    </row>
    <row r="874505" spans="14:14">
      <c r="N874505" s="10"/>
    </row>
    <row r="874506" spans="14:14">
      <c r="N874506" s="10"/>
    </row>
    <row r="874507" spans="14:14">
      <c r="N874507" s="10"/>
    </row>
    <row r="874508" spans="14:14">
      <c r="N874508" s="10"/>
    </row>
    <row r="874509" spans="14:14">
      <c r="N874509" s="10"/>
    </row>
    <row r="874510" spans="14:14">
      <c r="N874510" s="10"/>
    </row>
    <row r="874511" spans="14:14">
      <c r="N874511" s="10"/>
    </row>
    <row r="874512" spans="14:14">
      <c r="N874512" s="10"/>
    </row>
    <row r="874513" spans="14:14">
      <c r="N874513" s="10"/>
    </row>
    <row r="874514" spans="14:14">
      <c r="N874514" s="10"/>
    </row>
    <row r="874515" spans="14:14">
      <c r="N874515" s="10"/>
    </row>
    <row r="874516" spans="14:14">
      <c r="N874516" s="10"/>
    </row>
    <row r="874517" spans="14:14">
      <c r="N874517" s="10"/>
    </row>
    <row r="874518" spans="14:14">
      <c r="N874518" s="10"/>
    </row>
    <row r="874519" spans="14:14">
      <c r="N874519" s="10"/>
    </row>
    <row r="874520" spans="14:14">
      <c r="N874520" s="10"/>
    </row>
    <row r="874521" spans="14:14">
      <c r="N874521" s="10"/>
    </row>
    <row r="874522" spans="14:14">
      <c r="N874522" s="10"/>
    </row>
    <row r="874523" spans="14:14">
      <c r="N874523" s="10"/>
    </row>
    <row r="874524" spans="14:14">
      <c r="N874524" s="10"/>
    </row>
    <row r="874525" spans="14:14">
      <c r="N874525" s="10"/>
    </row>
    <row r="874526" spans="14:14">
      <c r="N874526" s="10"/>
    </row>
    <row r="874527" spans="14:14">
      <c r="N874527" s="10"/>
    </row>
    <row r="874528" spans="14:14">
      <c r="N874528" s="10"/>
    </row>
    <row r="874529" spans="14:14">
      <c r="N874529" s="10"/>
    </row>
    <row r="874530" spans="14:14">
      <c r="N874530" s="10"/>
    </row>
    <row r="874531" spans="14:14">
      <c r="N874531" s="10"/>
    </row>
    <row r="874532" spans="14:14">
      <c r="N874532" s="10"/>
    </row>
    <row r="874533" spans="14:14">
      <c r="N874533" s="10"/>
    </row>
    <row r="874534" spans="14:14">
      <c r="N874534" s="10"/>
    </row>
    <row r="874535" spans="14:14">
      <c r="N874535" s="10"/>
    </row>
    <row r="874536" spans="14:14">
      <c r="N874536" s="10"/>
    </row>
    <row r="874537" spans="14:14">
      <c r="N874537" s="10"/>
    </row>
    <row r="874538" spans="14:14">
      <c r="N874538" s="10"/>
    </row>
    <row r="874539" spans="14:14">
      <c r="N874539" s="10"/>
    </row>
    <row r="874540" spans="14:14">
      <c r="N874540" s="10"/>
    </row>
    <row r="874541" spans="14:14">
      <c r="N874541" s="10"/>
    </row>
    <row r="874542" spans="14:14">
      <c r="N874542" s="10"/>
    </row>
    <row r="874543" spans="14:14">
      <c r="N874543" s="10"/>
    </row>
    <row r="874544" spans="14:14">
      <c r="N874544" s="10"/>
    </row>
    <row r="874545" spans="14:14">
      <c r="N874545" s="10"/>
    </row>
    <row r="874546" spans="14:14">
      <c r="N874546" s="10"/>
    </row>
    <row r="874547" spans="14:14">
      <c r="N874547" s="10"/>
    </row>
    <row r="874548" spans="14:14">
      <c r="N874548" s="10"/>
    </row>
    <row r="874549" spans="14:14">
      <c r="N874549" s="10"/>
    </row>
    <row r="874550" spans="14:14">
      <c r="N874550" s="10"/>
    </row>
    <row r="874551" spans="14:14">
      <c r="N874551" s="10"/>
    </row>
    <row r="874552" spans="14:14">
      <c r="N874552" s="10"/>
    </row>
    <row r="874553" spans="14:14">
      <c r="N874553" s="10"/>
    </row>
    <row r="874554" spans="14:14">
      <c r="N874554" s="10"/>
    </row>
    <row r="874555" spans="14:14">
      <c r="N874555" s="10"/>
    </row>
    <row r="874556" spans="14:14">
      <c r="N874556" s="10"/>
    </row>
    <row r="874557" spans="14:14">
      <c r="N874557" s="10"/>
    </row>
    <row r="874558" spans="14:14">
      <c r="N874558" s="10"/>
    </row>
    <row r="874559" spans="14:14">
      <c r="N874559" s="10"/>
    </row>
    <row r="874560" spans="14:14">
      <c r="N874560" s="10"/>
    </row>
    <row r="874561" spans="14:14">
      <c r="N874561" s="10"/>
    </row>
    <row r="874562" spans="14:14">
      <c r="N874562" s="10"/>
    </row>
    <row r="874563" spans="14:14">
      <c r="N874563" s="10"/>
    </row>
    <row r="874564" spans="14:14">
      <c r="N874564" s="10"/>
    </row>
    <row r="874565" spans="14:14">
      <c r="N874565" s="10"/>
    </row>
    <row r="874566" spans="14:14">
      <c r="N874566" s="10"/>
    </row>
    <row r="874567" spans="14:14">
      <c r="N874567" s="10"/>
    </row>
    <row r="874568" spans="14:14">
      <c r="N874568" s="10"/>
    </row>
    <row r="874569" spans="14:14">
      <c r="N874569" s="10"/>
    </row>
    <row r="874570" spans="14:14">
      <c r="N874570" s="10"/>
    </row>
    <row r="874571" spans="14:14">
      <c r="N874571" s="10"/>
    </row>
    <row r="874572" spans="14:14">
      <c r="N874572" s="10"/>
    </row>
    <row r="874573" spans="14:14">
      <c r="N874573" s="10"/>
    </row>
    <row r="874574" spans="14:14">
      <c r="N874574" s="10"/>
    </row>
    <row r="874575" spans="14:14">
      <c r="N874575" s="10"/>
    </row>
    <row r="874576" spans="14:14">
      <c r="N874576" s="10"/>
    </row>
    <row r="874577" spans="14:14">
      <c r="N874577" s="10"/>
    </row>
    <row r="874578" spans="14:14">
      <c r="N874578" s="10"/>
    </row>
    <row r="874579" spans="14:14">
      <c r="N874579" s="10"/>
    </row>
    <row r="874580" spans="14:14">
      <c r="N874580" s="10"/>
    </row>
    <row r="874581" spans="14:14">
      <c r="N874581" s="10"/>
    </row>
    <row r="874582" spans="14:14">
      <c r="N874582" s="10"/>
    </row>
    <row r="874583" spans="14:14">
      <c r="N874583" s="10"/>
    </row>
    <row r="874584" spans="14:14">
      <c r="N874584" s="10"/>
    </row>
    <row r="874585" spans="14:14">
      <c r="N874585" s="10"/>
    </row>
    <row r="874586" spans="14:14">
      <c r="N874586" s="10"/>
    </row>
    <row r="874587" spans="14:14">
      <c r="N874587" s="10"/>
    </row>
    <row r="874588" spans="14:14">
      <c r="N874588" s="10"/>
    </row>
    <row r="874589" spans="14:14">
      <c r="N874589" s="10"/>
    </row>
    <row r="874590" spans="14:14">
      <c r="N874590" s="10"/>
    </row>
    <row r="874591" spans="14:14">
      <c r="N874591" s="10"/>
    </row>
    <row r="874592" spans="14:14">
      <c r="N874592" s="10"/>
    </row>
    <row r="874593" spans="14:14">
      <c r="N874593" s="10"/>
    </row>
    <row r="874594" spans="14:14">
      <c r="N874594" s="10"/>
    </row>
    <row r="874595" spans="14:14">
      <c r="N874595" s="10"/>
    </row>
    <row r="874596" spans="14:14">
      <c r="N874596" s="10"/>
    </row>
    <row r="874597" spans="14:14">
      <c r="N874597" s="10"/>
    </row>
    <row r="874598" spans="14:14">
      <c r="N874598" s="10"/>
    </row>
    <row r="874599" spans="14:14">
      <c r="N874599" s="10"/>
    </row>
    <row r="874600" spans="14:14">
      <c r="N874600" s="10"/>
    </row>
    <row r="874601" spans="14:14">
      <c r="N874601" s="10"/>
    </row>
    <row r="874602" spans="14:14">
      <c r="N874602" s="10"/>
    </row>
    <row r="874603" spans="14:14">
      <c r="N874603" s="10"/>
    </row>
    <row r="874604" spans="14:14">
      <c r="N874604" s="10"/>
    </row>
    <row r="874605" spans="14:14">
      <c r="N874605" s="10"/>
    </row>
    <row r="874606" spans="14:14">
      <c r="N874606" s="10"/>
    </row>
    <row r="874607" spans="14:14">
      <c r="N874607" s="10"/>
    </row>
    <row r="874608" spans="14:14">
      <c r="N874608" s="10"/>
    </row>
    <row r="874609" spans="14:14">
      <c r="N874609" s="10"/>
    </row>
    <row r="874610" spans="14:14">
      <c r="N874610" s="10"/>
    </row>
    <row r="874611" spans="14:14">
      <c r="N874611" s="10"/>
    </row>
    <row r="874612" spans="14:14">
      <c r="N874612" s="10"/>
    </row>
    <row r="874613" spans="14:14">
      <c r="N874613" s="10"/>
    </row>
    <row r="874614" spans="14:14">
      <c r="N874614" s="10"/>
    </row>
    <row r="874615" spans="14:14">
      <c r="N874615" s="10"/>
    </row>
    <row r="874616" spans="14:14">
      <c r="N874616" s="10"/>
    </row>
    <row r="874617" spans="14:14">
      <c r="N874617" s="10"/>
    </row>
    <row r="874618" spans="14:14">
      <c r="N874618" s="10"/>
    </row>
    <row r="874619" spans="14:14">
      <c r="N874619" s="10"/>
    </row>
    <row r="874620" spans="14:14">
      <c r="N874620" s="10"/>
    </row>
    <row r="874621" spans="14:14">
      <c r="N874621" s="10"/>
    </row>
    <row r="874622" spans="14:14">
      <c r="N874622" s="10"/>
    </row>
    <row r="874623" spans="14:14">
      <c r="N874623" s="10"/>
    </row>
    <row r="874624" spans="14:14">
      <c r="N874624" s="10"/>
    </row>
    <row r="874625" spans="14:14">
      <c r="N874625" s="10"/>
    </row>
    <row r="874626" spans="14:14">
      <c r="N874626" s="10"/>
    </row>
    <row r="874627" spans="14:14">
      <c r="N874627" s="10"/>
    </row>
    <row r="874628" spans="14:14">
      <c r="N874628" s="10"/>
    </row>
    <row r="874629" spans="14:14">
      <c r="N874629" s="10"/>
    </row>
    <row r="874630" spans="14:14">
      <c r="N874630" s="10"/>
    </row>
    <row r="874631" spans="14:14">
      <c r="N874631" s="10"/>
    </row>
    <row r="874632" spans="14:14">
      <c r="N874632" s="10"/>
    </row>
    <row r="874633" spans="14:14">
      <c r="N874633" s="10"/>
    </row>
    <row r="874634" spans="14:14">
      <c r="N874634" s="10"/>
    </row>
    <row r="874635" spans="14:14">
      <c r="N874635" s="10"/>
    </row>
    <row r="874636" spans="14:14">
      <c r="N874636" s="10"/>
    </row>
    <row r="874637" spans="14:14">
      <c r="N874637" s="10"/>
    </row>
    <row r="874638" spans="14:14">
      <c r="N874638" s="10"/>
    </row>
    <row r="874639" spans="14:14">
      <c r="N874639" s="10"/>
    </row>
    <row r="874640" spans="14:14">
      <c r="N874640" s="10"/>
    </row>
    <row r="874641" spans="14:14">
      <c r="N874641" s="10"/>
    </row>
    <row r="874642" spans="14:14">
      <c r="N874642" s="10"/>
    </row>
    <row r="874643" spans="14:14">
      <c r="N874643" s="10"/>
    </row>
    <row r="874644" spans="14:14">
      <c r="N874644" s="10"/>
    </row>
    <row r="874645" spans="14:14">
      <c r="N874645" s="10"/>
    </row>
    <row r="874646" spans="14:14">
      <c r="N874646" s="10"/>
    </row>
    <row r="874647" spans="14:14">
      <c r="N874647" s="10"/>
    </row>
    <row r="874648" spans="14:14">
      <c r="N874648" s="10"/>
    </row>
    <row r="874649" spans="14:14">
      <c r="N874649" s="10"/>
    </row>
    <row r="874650" spans="14:14">
      <c r="N874650" s="10"/>
    </row>
    <row r="874651" spans="14:14">
      <c r="N874651" s="10"/>
    </row>
    <row r="874652" spans="14:14">
      <c r="N874652" s="10"/>
    </row>
    <row r="874653" spans="14:14">
      <c r="N874653" s="10"/>
    </row>
    <row r="874654" spans="14:14">
      <c r="N874654" s="10"/>
    </row>
    <row r="874655" spans="14:14">
      <c r="N874655" s="10"/>
    </row>
    <row r="874656" spans="14:14">
      <c r="N874656" s="10"/>
    </row>
    <row r="874657" spans="14:14">
      <c r="N874657" s="10"/>
    </row>
    <row r="874658" spans="14:14">
      <c r="N874658" s="10"/>
    </row>
    <row r="874659" spans="14:14">
      <c r="N874659" s="10"/>
    </row>
    <row r="874660" spans="14:14">
      <c r="N874660" s="10"/>
    </row>
    <row r="874661" spans="14:14">
      <c r="N874661" s="10"/>
    </row>
    <row r="874662" spans="14:14">
      <c r="N874662" s="10"/>
    </row>
    <row r="874663" spans="14:14">
      <c r="N874663" s="10"/>
    </row>
    <row r="874664" spans="14:14">
      <c r="N874664" s="10"/>
    </row>
    <row r="874665" spans="14:14">
      <c r="N874665" s="10"/>
    </row>
    <row r="874666" spans="14:14">
      <c r="N874666" s="10"/>
    </row>
    <row r="874667" spans="14:14">
      <c r="N874667" s="10"/>
    </row>
    <row r="874668" spans="14:14">
      <c r="N874668" s="10"/>
    </row>
    <row r="874669" spans="14:14">
      <c r="N874669" s="10"/>
    </row>
    <row r="874670" spans="14:14">
      <c r="N874670" s="10"/>
    </row>
    <row r="874671" spans="14:14">
      <c r="N874671" s="10"/>
    </row>
    <row r="874672" spans="14:14">
      <c r="N874672" s="10"/>
    </row>
    <row r="874673" spans="14:14">
      <c r="N874673" s="10"/>
    </row>
    <row r="874674" spans="14:14">
      <c r="N874674" s="10"/>
    </row>
    <row r="874675" spans="14:14">
      <c r="N874675" s="10"/>
    </row>
    <row r="874676" spans="14:14">
      <c r="N874676" s="10"/>
    </row>
    <row r="874677" spans="14:14">
      <c r="N874677" s="10"/>
    </row>
    <row r="874678" spans="14:14">
      <c r="N874678" s="10"/>
    </row>
    <row r="874679" spans="14:14">
      <c r="N874679" s="10"/>
    </row>
    <row r="874680" spans="14:14">
      <c r="N874680" s="10"/>
    </row>
    <row r="874681" spans="14:14">
      <c r="N874681" s="10"/>
    </row>
    <row r="874682" spans="14:14">
      <c r="N874682" s="10"/>
    </row>
    <row r="874683" spans="14:14">
      <c r="N874683" s="10"/>
    </row>
    <row r="874684" spans="14:14">
      <c r="N874684" s="10"/>
    </row>
    <row r="874685" spans="14:14">
      <c r="N874685" s="10"/>
    </row>
    <row r="874686" spans="14:14">
      <c r="N874686" s="10"/>
    </row>
    <row r="874687" spans="14:14">
      <c r="N874687" s="10"/>
    </row>
    <row r="874688" spans="14:14">
      <c r="N874688" s="10"/>
    </row>
    <row r="874689" spans="14:14">
      <c r="N874689" s="10"/>
    </row>
    <row r="874690" spans="14:14">
      <c r="N874690" s="10"/>
    </row>
    <row r="874691" spans="14:14">
      <c r="N874691" s="10"/>
    </row>
    <row r="874692" spans="14:14">
      <c r="N874692" s="10"/>
    </row>
    <row r="874693" spans="14:14">
      <c r="N874693" s="10"/>
    </row>
    <row r="874694" spans="14:14">
      <c r="N874694" s="10"/>
    </row>
    <row r="874695" spans="14:14">
      <c r="N874695" s="10"/>
    </row>
    <row r="874696" spans="14:14">
      <c r="N874696" s="10"/>
    </row>
    <row r="874697" spans="14:14">
      <c r="N874697" s="10"/>
    </row>
    <row r="874698" spans="14:14">
      <c r="N874698" s="10"/>
    </row>
    <row r="874699" spans="14:14">
      <c r="N874699" s="10"/>
    </row>
    <row r="874700" spans="14:14">
      <c r="N874700" s="10"/>
    </row>
    <row r="874701" spans="14:14">
      <c r="N874701" s="10"/>
    </row>
    <row r="874702" spans="14:14">
      <c r="N874702" s="10"/>
    </row>
    <row r="874703" spans="14:14">
      <c r="N874703" s="10"/>
    </row>
    <row r="874704" spans="14:14">
      <c r="N874704" s="10"/>
    </row>
    <row r="874705" spans="14:14">
      <c r="N874705" s="10"/>
    </row>
    <row r="874706" spans="14:14">
      <c r="N874706" s="10"/>
    </row>
    <row r="874707" spans="14:14">
      <c r="N874707" s="10"/>
    </row>
    <row r="874708" spans="14:14">
      <c r="N874708" s="10"/>
    </row>
    <row r="874709" spans="14:14">
      <c r="N874709" s="10"/>
    </row>
    <row r="874710" spans="14:14">
      <c r="N874710" s="10"/>
    </row>
    <row r="874711" spans="14:14">
      <c r="N874711" s="10"/>
    </row>
    <row r="874712" spans="14:14">
      <c r="N874712" s="10"/>
    </row>
    <row r="874713" spans="14:14">
      <c r="N874713" s="10"/>
    </row>
    <row r="874714" spans="14:14">
      <c r="N874714" s="10"/>
    </row>
    <row r="874715" spans="14:14">
      <c r="N874715" s="10"/>
    </row>
    <row r="874716" spans="14:14">
      <c r="N874716" s="10"/>
    </row>
    <row r="874717" spans="14:14">
      <c r="N874717" s="10"/>
    </row>
    <row r="874718" spans="14:14">
      <c r="N874718" s="10"/>
    </row>
    <row r="874719" spans="14:14">
      <c r="N874719" s="10"/>
    </row>
    <row r="874720" spans="14:14">
      <c r="N874720" s="10"/>
    </row>
    <row r="874721" spans="14:14">
      <c r="N874721" s="10"/>
    </row>
    <row r="874722" spans="14:14">
      <c r="N874722" s="10"/>
    </row>
    <row r="874723" spans="14:14">
      <c r="N874723" s="10"/>
    </row>
    <row r="874724" spans="14:14">
      <c r="N874724" s="10"/>
    </row>
    <row r="874725" spans="14:14">
      <c r="N874725" s="10"/>
    </row>
    <row r="874726" spans="14:14">
      <c r="N874726" s="10"/>
    </row>
    <row r="874727" spans="14:14">
      <c r="N874727" s="10"/>
    </row>
    <row r="874728" spans="14:14">
      <c r="N874728" s="10"/>
    </row>
    <row r="874729" spans="14:14">
      <c r="N874729" s="10"/>
    </row>
    <row r="874730" spans="14:14">
      <c r="N874730" s="10"/>
    </row>
    <row r="874731" spans="14:14">
      <c r="N874731" s="10"/>
    </row>
    <row r="874732" spans="14:14">
      <c r="N874732" s="10"/>
    </row>
    <row r="874733" spans="14:14">
      <c r="N874733" s="10"/>
    </row>
    <row r="874734" spans="14:14">
      <c r="N874734" s="10"/>
    </row>
    <row r="874735" spans="14:14">
      <c r="N874735" s="10"/>
    </row>
    <row r="874736" spans="14:14">
      <c r="N874736" s="10"/>
    </row>
    <row r="874737" spans="14:14">
      <c r="N874737" s="10"/>
    </row>
    <row r="874738" spans="14:14">
      <c r="N874738" s="10"/>
    </row>
    <row r="874739" spans="14:14">
      <c r="N874739" s="10"/>
    </row>
    <row r="874740" spans="14:14">
      <c r="N874740" s="10"/>
    </row>
    <row r="874741" spans="14:14">
      <c r="N874741" s="10"/>
    </row>
    <row r="874742" spans="14:14">
      <c r="N874742" s="10"/>
    </row>
    <row r="874743" spans="14:14">
      <c r="N874743" s="10"/>
    </row>
    <row r="874744" spans="14:14">
      <c r="N874744" s="10"/>
    </row>
    <row r="874745" spans="14:14">
      <c r="N874745" s="10"/>
    </row>
    <row r="874746" spans="14:14">
      <c r="N874746" s="10"/>
    </row>
    <row r="874747" spans="14:14">
      <c r="N874747" s="10"/>
    </row>
    <row r="874748" spans="14:14">
      <c r="N874748" s="10"/>
    </row>
    <row r="874749" spans="14:14">
      <c r="N874749" s="10"/>
    </row>
    <row r="874750" spans="14:14">
      <c r="N874750" s="10"/>
    </row>
    <row r="874751" spans="14:14">
      <c r="N874751" s="10"/>
    </row>
    <row r="874752" spans="14:14">
      <c r="N874752" s="10"/>
    </row>
    <row r="874753" spans="14:14">
      <c r="N874753" s="10"/>
    </row>
    <row r="874754" spans="14:14">
      <c r="N874754" s="10"/>
    </row>
    <row r="874755" spans="14:14">
      <c r="N874755" s="10"/>
    </row>
    <row r="874756" spans="14:14">
      <c r="N874756" s="10"/>
    </row>
    <row r="874757" spans="14:14">
      <c r="N874757" s="10"/>
    </row>
    <row r="874758" spans="14:14">
      <c r="N874758" s="10"/>
    </row>
    <row r="874759" spans="14:14">
      <c r="N874759" s="10"/>
    </row>
    <row r="874760" spans="14:14">
      <c r="N874760" s="10"/>
    </row>
    <row r="874761" spans="14:14">
      <c r="N874761" s="10"/>
    </row>
    <row r="874762" spans="14:14">
      <c r="N874762" s="10"/>
    </row>
    <row r="874763" spans="14:14">
      <c r="N874763" s="10"/>
    </row>
    <row r="874764" spans="14:14">
      <c r="N874764" s="10"/>
    </row>
    <row r="874765" spans="14:14">
      <c r="N874765" s="10"/>
    </row>
    <row r="874766" spans="14:14">
      <c r="N874766" s="10"/>
    </row>
    <row r="874767" spans="14:14">
      <c r="N874767" s="10"/>
    </row>
    <row r="874768" spans="14:14">
      <c r="N874768" s="10"/>
    </row>
    <row r="874769" spans="14:14">
      <c r="N874769" s="10"/>
    </row>
    <row r="874770" spans="14:14">
      <c r="N874770" s="10"/>
    </row>
    <row r="874771" spans="14:14">
      <c r="N874771" s="10"/>
    </row>
    <row r="874772" spans="14:14">
      <c r="N874772" s="10"/>
    </row>
    <row r="874773" spans="14:14">
      <c r="N874773" s="10"/>
    </row>
    <row r="874774" spans="14:14">
      <c r="N874774" s="10"/>
    </row>
    <row r="874775" spans="14:14">
      <c r="N874775" s="10"/>
    </row>
    <row r="874776" spans="14:14">
      <c r="N874776" s="10"/>
    </row>
    <row r="874777" spans="14:14">
      <c r="N874777" s="10"/>
    </row>
    <row r="874778" spans="14:14">
      <c r="N874778" s="10"/>
    </row>
    <row r="874779" spans="14:14">
      <c r="N874779" s="10"/>
    </row>
    <row r="874780" spans="14:14">
      <c r="N874780" s="10"/>
    </row>
    <row r="874781" spans="14:14">
      <c r="N874781" s="10"/>
    </row>
    <row r="874782" spans="14:14">
      <c r="N874782" s="10"/>
    </row>
    <row r="874783" spans="14:14">
      <c r="N874783" s="10"/>
    </row>
    <row r="874784" spans="14:14">
      <c r="N874784" s="10"/>
    </row>
    <row r="874785" spans="14:14">
      <c r="N874785" s="10"/>
    </row>
    <row r="874786" spans="14:14">
      <c r="N874786" s="10"/>
    </row>
    <row r="874787" spans="14:14">
      <c r="N874787" s="10"/>
    </row>
    <row r="874788" spans="14:14">
      <c r="N874788" s="10"/>
    </row>
    <row r="874789" spans="14:14">
      <c r="N874789" s="10"/>
    </row>
    <row r="874790" spans="14:14">
      <c r="N874790" s="10"/>
    </row>
    <row r="874791" spans="14:14">
      <c r="N874791" s="10"/>
    </row>
    <row r="874792" spans="14:14">
      <c r="N874792" s="10"/>
    </row>
    <row r="874793" spans="14:14">
      <c r="N874793" s="10"/>
    </row>
    <row r="874794" spans="14:14">
      <c r="N874794" s="10"/>
    </row>
    <row r="874795" spans="14:14">
      <c r="N874795" s="10"/>
    </row>
    <row r="874796" spans="14:14">
      <c r="N874796" s="10"/>
    </row>
    <row r="874797" spans="14:14">
      <c r="N874797" s="10"/>
    </row>
    <row r="874798" spans="14:14">
      <c r="N874798" s="10"/>
    </row>
    <row r="874799" spans="14:14">
      <c r="N874799" s="10"/>
    </row>
    <row r="874800" spans="14:14">
      <c r="N874800" s="10"/>
    </row>
    <row r="874801" spans="14:14">
      <c r="N874801" s="10"/>
    </row>
    <row r="874802" spans="14:14">
      <c r="N874802" s="10"/>
    </row>
    <row r="874803" spans="14:14">
      <c r="N874803" s="10"/>
    </row>
    <row r="874804" spans="14:14">
      <c r="N874804" s="10"/>
    </row>
    <row r="874805" spans="14:14">
      <c r="N874805" s="10"/>
    </row>
    <row r="874806" spans="14:14">
      <c r="N874806" s="10"/>
    </row>
    <row r="874807" spans="14:14">
      <c r="N874807" s="10"/>
    </row>
    <row r="874808" spans="14:14">
      <c r="N874808" s="10"/>
    </row>
    <row r="874809" spans="14:14">
      <c r="N874809" s="10"/>
    </row>
    <row r="874810" spans="14:14">
      <c r="N874810" s="10"/>
    </row>
    <row r="874811" spans="14:14">
      <c r="N874811" s="10"/>
    </row>
    <row r="874812" spans="14:14">
      <c r="N874812" s="10"/>
    </row>
    <row r="874813" spans="14:14">
      <c r="N874813" s="10"/>
    </row>
    <row r="874814" spans="14:14">
      <c r="N874814" s="10"/>
    </row>
    <row r="874815" spans="14:14">
      <c r="N874815" s="10"/>
    </row>
    <row r="874816" spans="14:14">
      <c r="N874816" s="10"/>
    </row>
    <row r="874817" spans="14:14">
      <c r="N874817" s="10"/>
    </row>
    <row r="874818" spans="14:14">
      <c r="N874818" s="10"/>
    </row>
    <row r="874819" spans="14:14">
      <c r="N874819" s="10"/>
    </row>
    <row r="874820" spans="14:14">
      <c r="N874820" s="10"/>
    </row>
    <row r="874821" spans="14:14">
      <c r="N874821" s="10"/>
    </row>
    <row r="874822" spans="14:14">
      <c r="N874822" s="10"/>
    </row>
    <row r="874823" spans="14:14">
      <c r="N874823" s="10"/>
    </row>
    <row r="874824" spans="14:14">
      <c r="N874824" s="10"/>
    </row>
    <row r="874825" spans="14:14">
      <c r="N874825" s="10"/>
    </row>
    <row r="874826" spans="14:14">
      <c r="N874826" s="10"/>
    </row>
    <row r="874827" spans="14:14">
      <c r="N874827" s="10"/>
    </row>
    <row r="874828" spans="14:14">
      <c r="N874828" s="10"/>
    </row>
    <row r="874829" spans="14:14">
      <c r="N874829" s="10"/>
    </row>
    <row r="874830" spans="14:14">
      <c r="N874830" s="10"/>
    </row>
    <row r="874831" spans="14:14">
      <c r="N874831" s="10"/>
    </row>
    <row r="874832" spans="14:14">
      <c r="N874832" s="10"/>
    </row>
    <row r="874833" spans="14:14">
      <c r="N874833" s="10"/>
    </row>
    <row r="874834" spans="14:14">
      <c r="N874834" s="10"/>
    </row>
    <row r="874835" spans="14:14">
      <c r="N874835" s="10"/>
    </row>
    <row r="874836" spans="14:14">
      <c r="N874836" s="10"/>
    </row>
    <row r="874837" spans="14:14">
      <c r="N874837" s="10"/>
    </row>
    <row r="874838" spans="14:14">
      <c r="N874838" s="10"/>
    </row>
    <row r="874839" spans="14:14">
      <c r="N874839" s="10"/>
    </row>
    <row r="874840" spans="14:14">
      <c r="N874840" s="10"/>
    </row>
    <row r="874841" spans="14:14">
      <c r="N874841" s="10"/>
    </row>
    <row r="874842" spans="14:14">
      <c r="N874842" s="10"/>
    </row>
    <row r="874843" spans="14:14">
      <c r="N874843" s="10"/>
    </row>
    <row r="874844" spans="14:14">
      <c r="N874844" s="10"/>
    </row>
    <row r="874845" spans="14:14">
      <c r="N874845" s="10"/>
    </row>
    <row r="874846" spans="14:14">
      <c r="N874846" s="10"/>
    </row>
    <row r="874847" spans="14:14">
      <c r="N874847" s="10"/>
    </row>
    <row r="874848" spans="14:14">
      <c r="N874848" s="10"/>
    </row>
    <row r="874849" spans="14:14">
      <c r="N874849" s="10"/>
    </row>
    <row r="874850" spans="14:14">
      <c r="N874850" s="10"/>
    </row>
    <row r="874851" spans="14:14">
      <c r="N874851" s="10"/>
    </row>
    <row r="874852" spans="14:14">
      <c r="N874852" s="10"/>
    </row>
    <row r="874853" spans="14:14">
      <c r="N874853" s="10"/>
    </row>
    <row r="874854" spans="14:14">
      <c r="N874854" s="10"/>
    </row>
    <row r="874855" spans="14:14">
      <c r="N874855" s="10"/>
    </row>
    <row r="874856" spans="14:14">
      <c r="N874856" s="10"/>
    </row>
    <row r="874857" spans="14:14">
      <c r="N874857" s="10"/>
    </row>
    <row r="874858" spans="14:14">
      <c r="N874858" s="10"/>
    </row>
    <row r="874859" spans="14:14">
      <c r="N874859" s="10"/>
    </row>
    <row r="874860" spans="14:14">
      <c r="N874860" s="10"/>
    </row>
    <row r="874861" spans="14:14">
      <c r="N874861" s="10"/>
    </row>
    <row r="874862" spans="14:14">
      <c r="N874862" s="10"/>
    </row>
    <row r="874863" spans="14:14">
      <c r="N874863" s="10"/>
    </row>
    <row r="874864" spans="14:14">
      <c r="N874864" s="10"/>
    </row>
    <row r="874865" spans="14:14">
      <c r="N874865" s="10"/>
    </row>
    <row r="874866" spans="14:14">
      <c r="N874866" s="10"/>
    </row>
    <row r="874867" spans="14:14">
      <c r="N874867" s="10"/>
    </row>
    <row r="874868" spans="14:14">
      <c r="N874868" s="10"/>
    </row>
    <row r="874869" spans="14:14">
      <c r="N874869" s="10"/>
    </row>
    <row r="874870" spans="14:14">
      <c r="N874870" s="10"/>
    </row>
    <row r="874871" spans="14:14">
      <c r="N874871" s="10"/>
    </row>
    <row r="874872" spans="14:14">
      <c r="N874872" s="10"/>
    </row>
    <row r="874873" spans="14:14">
      <c r="N874873" s="10"/>
    </row>
    <row r="874874" spans="14:14">
      <c r="N874874" s="10"/>
    </row>
    <row r="874875" spans="14:14">
      <c r="N874875" s="10"/>
    </row>
    <row r="874876" spans="14:14">
      <c r="N874876" s="10"/>
    </row>
    <row r="874877" spans="14:14">
      <c r="N874877" s="10"/>
    </row>
    <row r="874878" spans="14:14">
      <c r="N874878" s="10"/>
    </row>
    <row r="874879" spans="14:14">
      <c r="N874879" s="10"/>
    </row>
    <row r="874880" spans="14:14">
      <c r="N874880" s="10"/>
    </row>
    <row r="874881" spans="14:14">
      <c r="N874881" s="10"/>
    </row>
    <row r="874882" spans="14:14">
      <c r="N874882" s="10"/>
    </row>
    <row r="874883" spans="14:14">
      <c r="N874883" s="10"/>
    </row>
    <row r="874884" spans="14:14">
      <c r="N874884" s="10"/>
    </row>
    <row r="874885" spans="14:14">
      <c r="N874885" s="10"/>
    </row>
    <row r="874886" spans="14:14">
      <c r="N874886" s="10"/>
    </row>
    <row r="874887" spans="14:14">
      <c r="N874887" s="10"/>
    </row>
    <row r="874888" spans="14:14">
      <c r="N874888" s="10"/>
    </row>
    <row r="874889" spans="14:14">
      <c r="N874889" s="10"/>
    </row>
    <row r="874890" spans="14:14">
      <c r="N874890" s="10"/>
    </row>
    <row r="874891" spans="14:14">
      <c r="N874891" s="10"/>
    </row>
    <row r="874892" spans="14:14">
      <c r="N874892" s="10"/>
    </row>
    <row r="874893" spans="14:14">
      <c r="N874893" s="10"/>
    </row>
    <row r="874894" spans="14:14">
      <c r="N874894" s="10"/>
    </row>
    <row r="874895" spans="14:14">
      <c r="N874895" s="10"/>
    </row>
    <row r="874896" spans="14:14">
      <c r="N874896" s="10"/>
    </row>
    <row r="874897" spans="14:14">
      <c r="N874897" s="10"/>
    </row>
    <row r="874898" spans="14:14">
      <c r="N874898" s="10"/>
    </row>
    <row r="874899" spans="14:14">
      <c r="N874899" s="10"/>
    </row>
    <row r="874900" spans="14:14">
      <c r="N874900" s="10"/>
    </row>
    <row r="874901" spans="14:14">
      <c r="N874901" s="10"/>
    </row>
    <row r="874902" spans="14:14">
      <c r="N874902" s="10"/>
    </row>
    <row r="874903" spans="14:14">
      <c r="N874903" s="10"/>
    </row>
    <row r="874904" spans="14:14">
      <c r="N874904" s="10"/>
    </row>
    <row r="874905" spans="14:14">
      <c r="N874905" s="10"/>
    </row>
    <row r="874906" spans="14:14">
      <c r="N874906" s="10"/>
    </row>
    <row r="874907" spans="14:14">
      <c r="N874907" s="10"/>
    </row>
    <row r="874908" spans="14:14">
      <c r="N874908" s="10"/>
    </row>
    <row r="874909" spans="14:14">
      <c r="N874909" s="10"/>
    </row>
    <row r="874910" spans="14:14">
      <c r="N874910" s="10"/>
    </row>
    <row r="874911" spans="14:14">
      <c r="N874911" s="10"/>
    </row>
    <row r="874912" spans="14:14">
      <c r="N874912" s="10"/>
    </row>
    <row r="874913" spans="14:14">
      <c r="N874913" s="10"/>
    </row>
    <row r="874914" spans="14:14">
      <c r="N874914" s="10"/>
    </row>
    <row r="874915" spans="14:14">
      <c r="N874915" s="10"/>
    </row>
    <row r="874916" spans="14:14">
      <c r="N874916" s="10"/>
    </row>
    <row r="874917" spans="14:14">
      <c r="N874917" s="10"/>
    </row>
    <row r="874918" spans="14:14">
      <c r="N874918" s="10"/>
    </row>
    <row r="874919" spans="14:14">
      <c r="N874919" s="10"/>
    </row>
    <row r="874920" spans="14:14">
      <c r="N874920" s="10"/>
    </row>
    <row r="874921" spans="14:14">
      <c r="N874921" s="10"/>
    </row>
    <row r="874922" spans="14:14">
      <c r="N874922" s="10"/>
    </row>
    <row r="874923" spans="14:14">
      <c r="N874923" s="10"/>
    </row>
    <row r="874924" spans="14:14">
      <c r="N874924" s="10"/>
    </row>
    <row r="874925" spans="14:14">
      <c r="N874925" s="10"/>
    </row>
    <row r="874926" spans="14:14">
      <c r="N874926" s="10"/>
    </row>
    <row r="874927" spans="14:14">
      <c r="N874927" s="10"/>
    </row>
    <row r="874928" spans="14:14">
      <c r="N874928" s="10"/>
    </row>
    <row r="874929" spans="14:14">
      <c r="N874929" s="10"/>
    </row>
    <row r="874930" spans="14:14">
      <c r="N874930" s="10"/>
    </row>
    <row r="874931" spans="14:14">
      <c r="N874931" s="10"/>
    </row>
    <row r="874932" spans="14:14">
      <c r="N874932" s="10"/>
    </row>
    <row r="874933" spans="14:14">
      <c r="N874933" s="10"/>
    </row>
    <row r="874934" spans="14:14">
      <c r="N874934" s="10"/>
    </row>
    <row r="874935" spans="14:14">
      <c r="N874935" s="10"/>
    </row>
    <row r="874936" spans="14:14">
      <c r="N874936" s="10"/>
    </row>
    <row r="874937" spans="14:14">
      <c r="N874937" s="10"/>
    </row>
    <row r="874938" spans="14:14">
      <c r="N874938" s="10"/>
    </row>
    <row r="874939" spans="14:14">
      <c r="N874939" s="10"/>
    </row>
    <row r="874940" spans="14:14">
      <c r="N874940" s="10"/>
    </row>
    <row r="874941" spans="14:14">
      <c r="N874941" s="10"/>
    </row>
    <row r="874942" spans="14:14">
      <c r="N874942" s="10"/>
    </row>
    <row r="874943" spans="14:14">
      <c r="N874943" s="10"/>
    </row>
    <row r="874944" spans="14:14">
      <c r="N874944" s="10"/>
    </row>
    <row r="874945" spans="14:14">
      <c r="N874945" s="10"/>
    </row>
    <row r="874946" spans="14:14">
      <c r="N874946" s="10"/>
    </row>
    <row r="874947" spans="14:14">
      <c r="N874947" s="10"/>
    </row>
    <row r="874948" spans="14:14">
      <c r="N874948" s="10"/>
    </row>
    <row r="874949" spans="14:14">
      <c r="N874949" s="10"/>
    </row>
    <row r="874950" spans="14:14">
      <c r="N874950" s="10"/>
    </row>
    <row r="874951" spans="14:14">
      <c r="N874951" s="10"/>
    </row>
    <row r="874952" spans="14:14">
      <c r="N874952" s="10"/>
    </row>
    <row r="874953" spans="14:14">
      <c r="N874953" s="10"/>
    </row>
    <row r="874954" spans="14:14">
      <c r="N874954" s="10"/>
    </row>
    <row r="874955" spans="14:14">
      <c r="N874955" s="10"/>
    </row>
    <row r="874956" spans="14:14">
      <c r="N874956" s="10"/>
    </row>
    <row r="874957" spans="14:14">
      <c r="N874957" s="10"/>
    </row>
    <row r="874958" spans="14:14">
      <c r="N874958" s="10"/>
    </row>
    <row r="874959" spans="14:14">
      <c r="N874959" s="10"/>
    </row>
    <row r="874960" spans="14:14">
      <c r="N874960" s="10"/>
    </row>
    <row r="874961" spans="14:14">
      <c r="N874961" s="10"/>
    </row>
    <row r="874962" spans="14:14">
      <c r="N874962" s="10"/>
    </row>
    <row r="874963" spans="14:14">
      <c r="N874963" s="10"/>
    </row>
    <row r="874964" spans="14:14">
      <c r="N874964" s="10"/>
    </row>
    <row r="874965" spans="14:14">
      <c r="N874965" s="10"/>
    </row>
    <row r="874966" spans="14:14">
      <c r="N874966" s="10"/>
    </row>
    <row r="874967" spans="14:14">
      <c r="N874967" s="10"/>
    </row>
    <row r="874968" spans="14:14">
      <c r="N874968" s="10"/>
    </row>
    <row r="874969" spans="14:14">
      <c r="N874969" s="10"/>
    </row>
    <row r="874970" spans="14:14">
      <c r="N874970" s="10"/>
    </row>
    <row r="874971" spans="14:14">
      <c r="N874971" s="10"/>
    </row>
    <row r="874972" spans="14:14">
      <c r="N874972" s="10"/>
    </row>
    <row r="874973" spans="14:14">
      <c r="N874973" s="10"/>
    </row>
    <row r="874974" spans="14:14">
      <c r="N874974" s="10"/>
    </row>
    <row r="874975" spans="14:14">
      <c r="N874975" s="10"/>
    </row>
    <row r="874976" spans="14:14">
      <c r="N874976" s="10"/>
    </row>
    <row r="874977" spans="14:14">
      <c r="N874977" s="10"/>
    </row>
    <row r="874978" spans="14:14">
      <c r="N874978" s="10"/>
    </row>
    <row r="874979" spans="14:14">
      <c r="N874979" s="10"/>
    </row>
    <row r="874980" spans="14:14">
      <c r="N874980" s="10"/>
    </row>
    <row r="874981" spans="14:14">
      <c r="N874981" s="10"/>
    </row>
    <row r="874982" spans="14:14">
      <c r="N874982" s="10"/>
    </row>
    <row r="874983" spans="14:14">
      <c r="N874983" s="10"/>
    </row>
    <row r="874984" spans="14:14">
      <c r="N874984" s="10"/>
    </row>
    <row r="874985" spans="14:14">
      <c r="N874985" s="10"/>
    </row>
    <row r="874986" spans="14:14">
      <c r="N874986" s="10"/>
    </row>
    <row r="874987" spans="14:14">
      <c r="N874987" s="10"/>
    </row>
    <row r="874988" spans="14:14">
      <c r="N874988" s="10"/>
    </row>
    <row r="874989" spans="14:14">
      <c r="N874989" s="10"/>
    </row>
    <row r="874990" spans="14:14">
      <c r="N874990" s="10"/>
    </row>
    <row r="874991" spans="14:14">
      <c r="N874991" s="10"/>
    </row>
    <row r="874992" spans="14:14">
      <c r="N874992" s="10"/>
    </row>
    <row r="874993" spans="14:14">
      <c r="N874993" s="10"/>
    </row>
    <row r="874994" spans="14:14">
      <c r="N874994" s="10"/>
    </row>
    <row r="874995" spans="14:14">
      <c r="N874995" s="10"/>
    </row>
    <row r="874996" spans="14:14">
      <c r="N874996" s="10"/>
    </row>
    <row r="874997" spans="14:14">
      <c r="N874997" s="10"/>
    </row>
    <row r="874998" spans="14:14">
      <c r="N874998" s="10"/>
    </row>
    <row r="874999" spans="14:14">
      <c r="N874999" s="10"/>
    </row>
    <row r="875000" spans="14:14">
      <c r="N875000" s="10"/>
    </row>
    <row r="875001" spans="14:14">
      <c r="N875001" s="10"/>
    </row>
    <row r="875002" spans="14:14">
      <c r="N875002" s="10"/>
    </row>
    <row r="875003" spans="14:14">
      <c r="N875003" s="10"/>
    </row>
    <row r="875004" spans="14:14">
      <c r="N875004" s="10"/>
    </row>
    <row r="875005" spans="14:14">
      <c r="N875005" s="10"/>
    </row>
    <row r="875006" spans="14:14">
      <c r="N875006" s="10"/>
    </row>
    <row r="875007" spans="14:14">
      <c r="N875007" s="10"/>
    </row>
    <row r="875008" spans="14:14">
      <c r="N875008" s="10"/>
    </row>
    <row r="875009" spans="14:14">
      <c r="N875009" s="10"/>
    </row>
    <row r="875010" spans="14:14">
      <c r="N875010" s="10"/>
    </row>
    <row r="875011" spans="14:14">
      <c r="N875011" s="10"/>
    </row>
    <row r="875012" spans="14:14">
      <c r="N875012" s="10"/>
    </row>
    <row r="875013" spans="14:14">
      <c r="N875013" s="10"/>
    </row>
    <row r="875014" spans="14:14">
      <c r="N875014" s="10"/>
    </row>
    <row r="875015" spans="14:14">
      <c r="N875015" s="10"/>
    </row>
    <row r="875016" spans="14:14">
      <c r="N875016" s="10"/>
    </row>
    <row r="875017" spans="14:14">
      <c r="N875017" s="10"/>
    </row>
    <row r="875018" spans="14:14">
      <c r="N875018" s="10"/>
    </row>
    <row r="875019" spans="14:14">
      <c r="N875019" s="10"/>
    </row>
    <row r="875020" spans="14:14">
      <c r="N875020" s="10"/>
    </row>
    <row r="875021" spans="14:14">
      <c r="N875021" s="10"/>
    </row>
    <row r="875022" spans="14:14">
      <c r="N875022" s="10"/>
    </row>
    <row r="875023" spans="14:14">
      <c r="N875023" s="10"/>
    </row>
    <row r="875024" spans="14:14">
      <c r="N875024" s="10"/>
    </row>
    <row r="875025" spans="14:14">
      <c r="N875025" s="10"/>
    </row>
    <row r="875026" spans="14:14">
      <c r="N875026" s="10"/>
    </row>
    <row r="875027" spans="14:14">
      <c r="N875027" s="10"/>
    </row>
    <row r="875028" spans="14:14">
      <c r="N875028" s="10"/>
    </row>
    <row r="875029" spans="14:14">
      <c r="N875029" s="10"/>
    </row>
    <row r="875030" spans="14:14">
      <c r="N875030" s="10"/>
    </row>
    <row r="875031" spans="14:14">
      <c r="N875031" s="10"/>
    </row>
    <row r="875032" spans="14:14">
      <c r="N875032" s="10"/>
    </row>
    <row r="875033" spans="14:14">
      <c r="N875033" s="10"/>
    </row>
    <row r="875034" spans="14:14">
      <c r="N875034" s="10"/>
    </row>
    <row r="875035" spans="14:14">
      <c r="N875035" s="10"/>
    </row>
    <row r="875036" spans="14:14">
      <c r="N875036" s="10"/>
    </row>
    <row r="875037" spans="14:14">
      <c r="N875037" s="10"/>
    </row>
    <row r="875038" spans="14:14">
      <c r="N875038" s="10"/>
    </row>
    <row r="875039" spans="14:14">
      <c r="N875039" s="10"/>
    </row>
    <row r="875040" spans="14:14">
      <c r="N875040" s="10"/>
    </row>
    <row r="875041" spans="14:14">
      <c r="N875041" s="10"/>
    </row>
    <row r="875042" spans="14:14">
      <c r="N875042" s="10"/>
    </row>
    <row r="875043" spans="14:14">
      <c r="N875043" s="10"/>
    </row>
    <row r="875044" spans="14:14">
      <c r="N875044" s="10"/>
    </row>
    <row r="875045" spans="14:14">
      <c r="N875045" s="10"/>
    </row>
    <row r="875046" spans="14:14">
      <c r="N875046" s="10"/>
    </row>
    <row r="875047" spans="14:14">
      <c r="N875047" s="10"/>
    </row>
    <row r="875048" spans="14:14">
      <c r="N875048" s="10"/>
    </row>
    <row r="875049" spans="14:14">
      <c r="N875049" s="10"/>
    </row>
    <row r="875050" spans="14:14">
      <c r="N875050" s="10"/>
    </row>
    <row r="875051" spans="14:14">
      <c r="N875051" s="10"/>
    </row>
    <row r="875052" spans="14:14">
      <c r="N875052" s="10"/>
    </row>
    <row r="875053" spans="14:14">
      <c r="N875053" s="10"/>
    </row>
    <row r="875054" spans="14:14">
      <c r="N875054" s="10"/>
    </row>
    <row r="875055" spans="14:14">
      <c r="N875055" s="10"/>
    </row>
    <row r="875056" spans="14:14">
      <c r="N875056" s="10"/>
    </row>
    <row r="875057" spans="14:14">
      <c r="N875057" s="10"/>
    </row>
    <row r="875058" spans="14:14">
      <c r="N875058" s="10"/>
    </row>
    <row r="875059" spans="14:14">
      <c r="N875059" s="10"/>
    </row>
    <row r="875060" spans="14:14">
      <c r="N875060" s="10"/>
    </row>
    <row r="875061" spans="14:14">
      <c r="N875061" s="10"/>
    </row>
    <row r="875062" spans="14:14">
      <c r="N875062" s="10"/>
    </row>
    <row r="875063" spans="14:14">
      <c r="N875063" s="10"/>
    </row>
    <row r="875064" spans="14:14">
      <c r="N875064" s="10"/>
    </row>
    <row r="875065" spans="14:14">
      <c r="N875065" s="10"/>
    </row>
    <row r="875066" spans="14:14">
      <c r="N875066" s="10"/>
    </row>
    <row r="875067" spans="14:14">
      <c r="N875067" s="10"/>
    </row>
    <row r="875068" spans="14:14">
      <c r="N875068" s="10"/>
    </row>
    <row r="875069" spans="14:14">
      <c r="N875069" s="10"/>
    </row>
    <row r="875070" spans="14:14">
      <c r="N875070" s="10"/>
    </row>
    <row r="875071" spans="14:14">
      <c r="N875071" s="10"/>
    </row>
    <row r="875072" spans="14:14">
      <c r="N875072" s="10"/>
    </row>
    <row r="875073" spans="14:14">
      <c r="N875073" s="10"/>
    </row>
    <row r="875074" spans="14:14">
      <c r="N875074" s="10"/>
    </row>
    <row r="875075" spans="14:14">
      <c r="N875075" s="10"/>
    </row>
    <row r="875076" spans="14:14">
      <c r="N875076" s="10"/>
    </row>
    <row r="875077" spans="14:14">
      <c r="N875077" s="10"/>
    </row>
    <row r="875078" spans="14:14">
      <c r="N875078" s="10"/>
    </row>
    <row r="875079" spans="14:14">
      <c r="N875079" s="10"/>
    </row>
    <row r="875080" spans="14:14">
      <c r="N875080" s="10"/>
    </row>
    <row r="875081" spans="14:14">
      <c r="N875081" s="10"/>
    </row>
    <row r="875082" spans="14:14">
      <c r="N875082" s="10"/>
    </row>
    <row r="875083" spans="14:14">
      <c r="N875083" s="10"/>
    </row>
    <row r="875084" spans="14:14">
      <c r="N875084" s="10"/>
    </row>
    <row r="875085" spans="14:14">
      <c r="N875085" s="10"/>
    </row>
    <row r="875086" spans="14:14">
      <c r="N875086" s="10"/>
    </row>
    <row r="875087" spans="14:14">
      <c r="N875087" s="10"/>
    </row>
    <row r="875088" spans="14:14">
      <c r="N875088" s="10"/>
    </row>
    <row r="875089" spans="14:14">
      <c r="N875089" s="10"/>
    </row>
    <row r="875090" spans="14:14">
      <c r="N875090" s="10"/>
    </row>
    <row r="875091" spans="14:14">
      <c r="N875091" s="10"/>
    </row>
    <row r="875092" spans="14:14">
      <c r="N875092" s="10"/>
    </row>
    <row r="875093" spans="14:14">
      <c r="N875093" s="10"/>
    </row>
    <row r="875094" spans="14:14">
      <c r="N875094" s="10"/>
    </row>
    <row r="875095" spans="14:14">
      <c r="N875095" s="10"/>
    </row>
    <row r="875096" spans="14:14">
      <c r="N875096" s="10"/>
    </row>
    <row r="875097" spans="14:14">
      <c r="N875097" s="10"/>
    </row>
    <row r="875098" spans="14:14">
      <c r="N875098" s="10"/>
    </row>
    <row r="875099" spans="14:14">
      <c r="N875099" s="10"/>
    </row>
    <row r="875100" spans="14:14">
      <c r="N875100" s="10"/>
    </row>
    <row r="875101" spans="14:14">
      <c r="N875101" s="10"/>
    </row>
    <row r="875102" spans="14:14">
      <c r="N875102" s="10"/>
    </row>
    <row r="875103" spans="14:14">
      <c r="N875103" s="10"/>
    </row>
    <row r="875104" spans="14:14">
      <c r="N875104" s="10"/>
    </row>
    <row r="875105" spans="14:14">
      <c r="N875105" s="10"/>
    </row>
    <row r="875106" spans="14:14">
      <c r="N875106" s="10"/>
    </row>
    <row r="875107" spans="14:14">
      <c r="N875107" s="10"/>
    </row>
    <row r="875108" spans="14:14">
      <c r="N875108" s="10"/>
    </row>
    <row r="875109" spans="14:14">
      <c r="N875109" s="10"/>
    </row>
    <row r="875110" spans="14:14">
      <c r="N875110" s="10"/>
    </row>
    <row r="875111" spans="14:14">
      <c r="N875111" s="10"/>
    </row>
    <row r="875112" spans="14:14">
      <c r="N875112" s="10"/>
    </row>
    <row r="875113" spans="14:14">
      <c r="N875113" s="10"/>
    </row>
    <row r="875114" spans="14:14">
      <c r="N875114" s="10"/>
    </row>
    <row r="875115" spans="14:14">
      <c r="N875115" s="10"/>
    </row>
    <row r="875116" spans="14:14">
      <c r="N875116" s="10"/>
    </row>
    <row r="875117" spans="14:14">
      <c r="N875117" s="10"/>
    </row>
    <row r="875118" spans="14:14">
      <c r="N875118" s="10"/>
    </row>
    <row r="875119" spans="14:14">
      <c r="N875119" s="10"/>
    </row>
    <row r="875120" spans="14:14">
      <c r="N875120" s="10"/>
    </row>
    <row r="875121" spans="14:14">
      <c r="N875121" s="10"/>
    </row>
    <row r="875122" spans="14:14">
      <c r="N875122" s="10"/>
    </row>
    <row r="875123" spans="14:14">
      <c r="N875123" s="10"/>
    </row>
    <row r="875124" spans="14:14">
      <c r="N875124" s="10"/>
    </row>
    <row r="875125" spans="14:14">
      <c r="N875125" s="10"/>
    </row>
    <row r="875126" spans="14:14">
      <c r="N875126" s="10"/>
    </row>
    <row r="875127" spans="14:14">
      <c r="N875127" s="10"/>
    </row>
    <row r="875128" spans="14:14">
      <c r="N875128" s="10"/>
    </row>
    <row r="875129" spans="14:14">
      <c r="N875129" s="10"/>
    </row>
    <row r="875130" spans="14:14">
      <c r="N875130" s="10"/>
    </row>
    <row r="875131" spans="14:14">
      <c r="N875131" s="10"/>
    </row>
    <row r="875132" spans="14:14">
      <c r="N875132" s="10"/>
    </row>
    <row r="875133" spans="14:14">
      <c r="N875133" s="10"/>
    </row>
    <row r="875134" spans="14:14">
      <c r="N875134" s="10"/>
    </row>
    <row r="875135" spans="14:14">
      <c r="N875135" s="10"/>
    </row>
    <row r="875136" spans="14:14">
      <c r="N875136" s="10"/>
    </row>
    <row r="875137" spans="14:14">
      <c r="N875137" s="10"/>
    </row>
    <row r="875138" spans="14:14">
      <c r="N875138" s="10"/>
    </row>
    <row r="875139" spans="14:14">
      <c r="N875139" s="10"/>
    </row>
    <row r="875140" spans="14:14">
      <c r="N875140" s="10"/>
    </row>
    <row r="875141" spans="14:14">
      <c r="N875141" s="10"/>
    </row>
    <row r="875142" spans="14:14">
      <c r="N875142" s="10"/>
    </row>
    <row r="875143" spans="14:14">
      <c r="N875143" s="10"/>
    </row>
    <row r="875144" spans="14:14">
      <c r="N875144" s="10"/>
    </row>
    <row r="875145" spans="14:14">
      <c r="N875145" s="10"/>
    </row>
    <row r="875146" spans="14:14">
      <c r="N875146" s="10"/>
    </row>
    <row r="875147" spans="14:14">
      <c r="N875147" s="10"/>
    </row>
    <row r="875148" spans="14:14">
      <c r="N875148" s="10"/>
    </row>
    <row r="875149" spans="14:14">
      <c r="N875149" s="10"/>
    </row>
    <row r="875150" spans="14:14">
      <c r="N875150" s="10"/>
    </row>
    <row r="875151" spans="14:14">
      <c r="N875151" s="10"/>
    </row>
    <row r="875152" spans="14:14">
      <c r="N875152" s="10"/>
    </row>
    <row r="875153" spans="14:14">
      <c r="N875153" s="10"/>
    </row>
    <row r="875154" spans="14:14">
      <c r="N875154" s="10"/>
    </row>
    <row r="875155" spans="14:14">
      <c r="N875155" s="10"/>
    </row>
    <row r="875156" spans="14:14">
      <c r="N875156" s="10"/>
    </row>
    <row r="875157" spans="14:14">
      <c r="N875157" s="10"/>
    </row>
    <row r="875158" spans="14:14">
      <c r="N875158" s="10"/>
    </row>
    <row r="875159" spans="14:14">
      <c r="N875159" s="10"/>
    </row>
    <row r="875160" spans="14:14">
      <c r="N875160" s="10"/>
    </row>
    <row r="875161" spans="14:14">
      <c r="N875161" s="10"/>
    </row>
    <row r="875162" spans="14:14">
      <c r="N875162" s="10"/>
    </row>
    <row r="875163" spans="14:14">
      <c r="N875163" s="10"/>
    </row>
    <row r="875164" spans="14:14">
      <c r="N875164" s="10"/>
    </row>
    <row r="875165" spans="14:14">
      <c r="N875165" s="10"/>
    </row>
    <row r="875166" spans="14:14">
      <c r="N875166" s="10"/>
    </row>
    <row r="875167" spans="14:14">
      <c r="N875167" s="10"/>
    </row>
    <row r="875168" spans="14:14">
      <c r="N875168" s="10"/>
    </row>
    <row r="875169" spans="14:14">
      <c r="N875169" s="10"/>
    </row>
    <row r="875170" spans="14:14">
      <c r="N875170" s="10"/>
    </row>
    <row r="875171" spans="14:14">
      <c r="N875171" s="10"/>
    </row>
    <row r="875172" spans="14:14">
      <c r="N875172" s="10"/>
    </row>
    <row r="875173" spans="14:14">
      <c r="N875173" s="10"/>
    </row>
    <row r="875174" spans="14:14">
      <c r="N875174" s="10"/>
    </row>
    <row r="875175" spans="14:14">
      <c r="N875175" s="10"/>
    </row>
    <row r="875176" spans="14:14">
      <c r="N875176" s="10"/>
    </row>
    <row r="875177" spans="14:14">
      <c r="N875177" s="10"/>
    </row>
    <row r="875178" spans="14:14">
      <c r="N875178" s="10"/>
    </row>
    <row r="875179" spans="14:14">
      <c r="N875179" s="10"/>
    </row>
    <row r="875180" spans="14:14">
      <c r="N875180" s="10"/>
    </row>
    <row r="875181" spans="14:14">
      <c r="N875181" s="10"/>
    </row>
    <row r="875182" spans="14:14">
      <c r="N875182" s="10"/>
    </row>
    <row r="875183" spans="14:14">
      <c r="N875183" s="10"/>
    </row>
    <row r="875184" spans="14:14">
      <c r="N875184" s="10"/>
    </row>
    <row r="875185" spans="14:14">
      <c r="N875185" s="10"/>
    </row>
    <row r="875186" spans="14:14">
      <c r="N875186" s="10"/>
    </row>
    <row r="875187" spans="14:14">
      <c r="N875187" s="10"/>
    </row>
    <row r="875188" spans="14:14">
      <c r="N875188" s="10"/>
    </row>
    <row r="875189" spans="14:14">
      <c r="N875189" s="10"/>
    </row>
    <row r="875190" spans="14:14">
      <c r="N875190" s="10"/>
    </row>
    <row r="875191" spans="14:14">
      <c r="N875191" s="10"/>
    </row>
    <row r="875192" spans="14:14">
      <c r="N875192" s="10"/>
    </row>
    <row r="875193" spans="14:14">
      <c r="N875193" s="10"/>
    </row>
    <row r="875194" spans="14:14">
      <c r="N875194" s="10"/>
    </row>
    <row r="875195" spans="14:14">
      <c r="N875195" s="10"/>
    </row>
    <row r="875196" spans="14:14">
      <c r="N875196" s="10"/>
    </row>
    <row r="875197" spans="14:14">
      <c r="N875197" s="10"/>
    </row>
    <row r="875198" spans="14:14">
      <c r="N875198" s="10"/>
    </row>
    <row r="875199" spans="14:14">
      <c r="N875199" s="10"/>
    </row>
    <row r="875200" spans="14:14">
      <c r="N875200" s="10"/>
    </row>
    <row r="875201" spans="14:14">
      <c r="N875201" s="10"/>
    </row>
    <row r="875202" spans="14:14">
      <c r="N875202" s="10"/>
    </row>
    <row r="875203" spans="14:14">
      <c r="N875203" s="10"/>
    </row>
    <row r="875204" spans="14:14">
      <c r="N875204" s="10"/>
    </row>
    <row r="875205" spans="14:14">
      <c r="N875205" s="10"/>
    </row>
    <row r="875206" spans="14:14">
      <c r="N875206" s="10"/>
    </row>
    <row r="875207" spans="14:14">
      <c r="N875207" s="10"/>
    </row>
    <row r="875208" spans="14:14">
      <c r="N875208" s="10"/>
    </row>
    <row r="875209" spans="14:14">
      <c r="N875209" s="10"/>
    </row>
    <row r="875210" spans="14:14">
      <c r="N875210" s="10"/>
    </row>
    <row r="875211" spans="14:14">
      <c r="N875211" s="10"/>
    </row>
    <row r="875212" spans="14:14">
      <c r="N875212" s="10"/>
    </row>
    <row r="875213" spans="14:14">
      <c r="N875213" s="10"/>
    </row>
    <row r="875214" spans="14:14">
      <c r="N875214" s="10"/>
    </row>
    <row r="875215" spans="14:14">
      <c r="N875215" s="10"/>
    </row>
    <row r="875216" spans="14:14">
      <c r="N875216" s="10"/>
    </row>
    <row r="875217" spans="14:14">
      <c r="N875217" s="10"/>
    </row>
    <row r="875218" spans="14:14">
      <c r="N875218" s="10"/>
    </row>
    <row r="875219" spans="14:14">
      <c r="N875219" s="10"/>
    </row>
    <row r="875220" spans="14:14">
      <c r="N875220" s="10"/>
    </row>
    <row r="875221" spans="14:14">
      <c r="N875221" s="10"/>
    </row>
    <row r="875222" spans="14:14">
      <c r="N875222" s="10"/>
    </row>
    <row r="875223" spans="14:14">
      <c r="N875223" s="10"/>
    </row>
    <row r="875224" spans="14:14">
      <c r="N875224" s="10"/>
    </row>
    <row r="875225" spans="14:14">
      <c r="N875225" s="10"/>
    </row>
    <row r="875226" spans="14:14">
      <c r="N875226" s="10"/>
    </row>
    <row r="875227" spans="14:14">
      <c r="N875227" s="10"/>
    </row>
    <row r="875228" spans="14:14">
      <c r="N875228" s="10"/>
    </row>
    <row r="875229" spans="14:14">
      <c r="N875229" s="10"/>
    </row>
    <row r="875230" spans="14:14">
      <c r="N875230" s="10"/>
    </row>
    <row r="875231" spans="14:14">
      <c r="N875231" s="10"/>
    </row>
    <row r="875232" spans="14:14">
      <c r="N875232" s="10"/>
    </row>
    <row r="875233" spans="14:14">
      <c r="N875233" s="10"/>
    </row>
    <row r="875234" spans="14:14">
      <c r="N875234" s="10"/>
    </row>
    <row r="875235" spans="14:14">
      <c r="N875235" s="10"/>
    </row>
    <row r="875236" spans="14:14">
      <c r="N875236" s="10"/>
    </row>
    <row r="875237" spans="14:14">
      <c r="N875237" s="10"/>
    </row>
    <row r="875238" spans="14:14">
      <c r="N875238" s="10"/>
    </row>
    <row r="875239" spans="14:14">
      <c r="N875239" s="10"/>
    </row>
    <row r="875240" spans="14:14">
      <c r="N875240" s="10"/>
    </row>
    <row r="875241" spans="14:14">
      <c r="N875241" s="10"/>
    </row>
    <row r="875242" spans="14:14">
      <c r="N875242" s="10"/>
    </row>
    <row r="875243" spans="14:14">
      <c r="N875243" s="10"/>
    </row>
    <row r="875244" spans="14:14">
      <c r="N875244" s="10"/>
    </row>
    <row r="875245" spans="14:14">
      <c r="N875245" s="10"/>
    </row>
    <row r="875246" spans="14:14">
      <c r="N875246" s="10"/>
    </row>
    <row r="875247" spans="14:14">
      <c r="N875247" s="10"/>
    </row>
    <row r="875248" spans="14:14">
      <c r="N875248" s="10"/>
    </row>
    <row r="875249" spans="14:14">
      <c r="N875249" s="10"/>
    </row>
    <row r="875250" spans="14:14">
      <c r="N875250" s="10"/>
    </row>
    <row r="875251" spans="14:14">
      <c r="N875251" s="10"/>
    </row>
    <row r="875252" spans="14:14">
      <c r="N875252" s="10"/>
    </row>
    <row r="875253" spans="14:14">
      <c r="N875253" s="10"/>
    </row>
    <row r="875254" spans="14:14">
      <c r="N875254" s="10"/>
    </row>
    <row r="875255" spans="14:14">
      <c r="N875255" s="10"/>
    </row>
    <row r="875256" spans="14:14">
      <c r="N875256" s="10"/>
    </row>
    <row r="875257" spans="14:14">
      <c r="N875257" s="10"/>
    </row>
    <row r="875258" spans="14:14">
      <c r="N875258" s="10"/>
    </row>
    <row r="875259" spans="14:14">
      <c r="N875259" s="10"/>
    </row>
    <row r="875260" spans="14:14">
      <c r="N875260" s="10"/>
    </row>
    <row r="875261" spans="14:14">
      <c r="N875261" s="10"/>
    </row>
    <row r="875262" spans="14:14">
      <c r="N875262" s="10"/>
    </row>
    <row r="875263" spans="14:14">
      <c r="N875263" s="10"/>
    </row>
    <row r="875264" spans="14:14">
      <c r="N875264" s="10"/>
    </row>
    <row r="875265" spans="14:14">
      <c r="N875265" s="10"/>
    </row>
    <row r="875266" spans="14:14">
      <c r="N875266" s="10"/>
    </row>
    <row r="875267" spans="14:14">
      <c r="N875267" s="10"/>
    </row>
    <row r="875268" spans="14:14">
      <c r="N875268" s="10"/>
    </row>
    <row r="875269" spans="14:14">
      <c r="N875269" s="10"/>
    </row>
    <row r="875270" spans="14:14">
      <c r="N875270" s="10"/>
    </row>
    <row r="875271" spans="14:14">
      <c r="N875271" s="10"/>
    </row>
    <row r="875272" spans="14:14">
      <c r="N875272" s="10"/>
    </row>
    <row r="875273" spans="14:14">
      <c r="N875273" s="10"/>
    </row>
    <row r="875274" spans="14:14">
      <c r="N875274" s="10"/>
    </row>
    <row r="875275" spans="14:14">
      <c r="N875275" s="10"/>
    </row>
    <row r="875276" spans="14:14">
      <c r="N875276" s="10"/>
    </row>
    <row r="875277" spans="14:14">
      <c r="N875277" s="10"/>
    </row>
    <row r="875278" spans="14:14">
      <c r="N875278" s="10"/>
    </row>
    <row r="875279" spans="14:14">
      <c r="N875279" s="10"/>
    </row>
    <row r="875280" spans="14:14">
      <c r="N875280" s="10"/>
    </row>
    <row r="875281" spans="14:14">
      <c r="N875281" s="10"/>
    </row>
    <row r="875282" spans="14:14">
      <c r="N875282" s="10"/>
    </row>
    <row r="875283" spans="14:14">
      <c r="N875283" s="10"/>
    </row>
    <row r="875284" spans="14:14">
      <c r="N875284" s="10"/>
    </row>
    <row r="875285" spans="14:14">
      <c r="N875285" s="10"/>
    </row>
    <row r="875286" spans="14:14">
      <c r="N875286" s="10"/>
    </row>
    <row r="875287" spans="14:14">
      <c r="N875287" s="10"/>
    </row>
    <row r="875288" spans="14:14">
      <c r="N875288" s="10"/>
    </row>
    <row r="875289" spans="14:14">
      <c r="N875289" s="10"/>
    </row>
    <row r="875290" spans="14:14">
      <c r="N875290" s="10"/>
    </row>
    <row r="875291" spans="14:14">
      <c r="N875291" s="10"/>
    </row>
    <row r="875292" spans="14:14">
      <c r="N875292" s="10"/>
    </row>
    <row r="875293" spans="14:14">
      <c r="N875293" s="10"/>
    </row>
    <row r="875294" spans="14:14">
      <c r="N875294" s="10"/>
    </row>
    <row r="875295" spans="14:14">
      <c r="N875295" s="10"/>
    </row>
    <row r="875296" spans="14:14">
      <c r="N875296" s="10"/>
    </row>
    <row r="875297" spans="14:14">
      <c r="N875297" s="10"/>
    </row>
    <row r="875298" spans="14:14">
      <c r="N875298" s="10"/>
    </row>
    <row r="875299" spans="14:14">
      <c r="N875299" s="10"/>
    </row>
    <row r="875300" spans="14:14">
      <c r="N875300" s="10"/>
    </row>
    <row r="875301" spans="14:14">
      <c r="N875301" s="10"/>
    </row>
    <row r="875302" spans="14:14">
      <c r="N875302" s="10"/>
    </row>
    <row r="875303" spans="14:14">
      <c r="N875303" s="10"/>
    </row>
    <row r="875304" spans="14:14">
      <c r="N875304" s="10"/>
    </row>
    <row r="875305" spans="14:14">
      <c r="N875305" s="10"/>
    </row>
    <row r="875306" spans="14:14">
      <c r="N875306" s="10"/>
    </row>
    <row r="875307" spans="14:14">
      <c r="N875307" s="10"/>
    </row>
    <row r="875308" spans="14:14">
      <c r="N875308" s="10"/>
    </row>
    <row r="875309" spans="14:14">
      <c r="N875309" s="10"/>
    </row>
    <row r="875310" spans="14:14">
      <c r="N875310" s="10"/>
    </row>
    <row r="875311" spans="14:14">
      <c r="N875311" s="10"/>
    </row>
    <row r="875312" spans="14:14">
      <c r="N875312" s="10"/>
    </row>
    <row r="875313" spans="14:14">
      <c r="N875313" s="10"/>
    </row>
    <row r="875314" spans="14:14">
      <c r="N875314" s="10"/>
    </row>
    <row r="875315" spans="14:14">
      <c r="N875315" s="10"/>
    </row>
    <row r="875316" spans="14:14">
      <c r="N875316" s="10"/>
    </row>
    <row r="875317" spans="14:14">
      <c r="N875317" s="10"/>
    </row>
    <row r="875318" spans="14:14">
      <c r="N875318" s="10"/>
    </row>
    <row r="875319" spans="14:14">
      <c r="N875319" s="10"/>
    </row>
    <row r="875320" spans="14:14">
      <c r="N875320" s="10"/>
    </row>
    <row r="875321" spans="14:14">
      <c r="N875321" s="10"/>
    </row>
    <row r="875322" spans="14:14">
      <c r="N875322" s="10"/>
    </row>
    <row r="875323" spans="14:14">
      <c r="N875323" s="10"/>
    </row>
    <row r="875324" spans="14:14">
      <c r="N875324" s="10"/>
    </row>
    <row r="875325" spans="14:14">
      <c r="N875325" s="10"/>
    </row>
    <row r="875326" spans="14:14">
      <c r="N875326" s="10"/>
    </row>
    <row r="875327" spans="14:14">
      <c r="N875327" s="10"/>
    </row>
    <row r="875328" spans="14:14">
      <c r="N875328" s="10"/>
    </row>
    <row r="875329" spans="14:14">
      <c r="N875329" s="10"/>
    </row>
    <row r="875330" spans="14:14">
      <c r="N875330" s="10"/>
    </row>
    <row r="875331" spans="14:14">
      <c r="N875331" s="10"/>
    </row>
    <row r="875332" spans="14:14">
      <c r="N875332" s="10"/>
    </row>
    <row r="875333" spans="14:14">
      <c r="N875333" s="10"/>
    </row>
    <row r="875334" spans="14:14">
      <c r="N875334" s="10"/>
    </row>
    <row r="875335" spans="14:14">
      <c r="N875335" s="10"/>
    </row>
    <row r="875336" spans="14:14">
      <c r="N875336" s="10"/>
    </row>
    <row r="875337" spans="14:14">
      <c r="N875337" s="10"/>
    </row>
    <row r="875338" spans="14:14">
      <c r="N875338" s="10"/>
    </row>
    <row r="875339" spans="14:14">
      <c r="N875339" s="10"/>
    </row>
    <row r="875340" spans="14:14">
      <c r="N875340" s="10"/>
    </row>
    <row r="875341" spans="14:14">
      <c r="N875341" s="10"/>
    </row>
    <row r="875342" spans="14:14">
      <c r="N875342" s="10"/>
    </row>
    <row r="875343" spans="14:14">
      <c r="N875343" s="10"/>
    </row>
    <row r="875344" spans="14:14">
      <c r="N875344" s="10"/>
    </row>
    <row r="875345" spans="14:14">
      <c r="N875345" s="10"/>
    </row>
    <row r="875346" spans="14:14">
      <c r="N875346" s="10"/>
    </row>
    <row r="875347" spans="14:14">
      <c r="N875347" s="10"/>
    </row>
    <row r="875348" spans="14:14">
      <c r="N875348" s="10"/>
    </row>
    <row r="875349" spans="14:14">
      <c r="N875349" s="10"/>
    </row>
    <row r="875350" spans="14:14">
      <c r="N875350" s="10"/>
    </row>
    <row r="875351" spans="14:14">
      <c r="N875351" s="10"/>
    </row>
    <row r="875352" spans="14:14">
      <c r="N875352" s="10"/>
    </row>
    <row r="875353" spans="14:14">
      <c r="N875353" s="10"/>
    </row>
    <row r="875354" spans="14:14">
      <c r="N875354" s="10"/>
    </row>
    <row r="875355" spans="14:14">
      <c r="N875355" s="10"/>
    </row>
    <row r="875356" spans="14:14">
      <c r="N875356" s="10"/>
    </row>
    <row r="875357" spans="14:14">
      <c r="N875357" s="10"/>
    </row>
    <row r="875358" spans="14:14">
      <c r="N875358" s="10"/>
    </row>
    <row r="875359" spans="14:14">
      <c r="N875359" s="10"/>
    </row>
    <row r="875360" spans="14:14">
      <c r="N875360" s="10"/>
    </row>
    <row r="875361" spans="14:14">
      <c r="N875361" s="10"/>
    </row>
    <row r="875362" spans="14:14">
      <c r="N875362" s="10"/>
    </row>
    <row r="875363" spans="14:14">
      <c r="N875363" s="10"/>
    </row>
    <row r="875364" spans="14:14">
      <c r="N875364" s="10"/>
    </row>
    <row r="875365" spans="14:14">
      <c r="N875365" s="10"/>
    </row>
    <row r="875366" spans="14:14">
      <c r="N875366" s="10"/>
    </row>
    <row r="875367" spans="14:14">
      <c r="N875367" s="10"/>
    </row>
    <row r="875368" spans="14:14">
      <c r="N875368" s="10"/>
    </row>
    <row r="875369" spans="14:14">
      <c r="N875369" s="10"/>
    </row>
    <row r="875370" spans="14:14">
      <c r="N875370" s="10"/>
    </row>
    <row r="875371" spans="14:14">
      <c r="N875371" s="10"/>
    </row>
    <row r="875372" spans="14:14">
      <c r="N875372" s="10"/>
    </row>
    <row r="875373" spans="14:14">
      <c r="N875373" s="10"/>
    </row>
    <row r="875374" spans="14:14">
      <c r="N875374" s="10"/>
    </row>
    <row r="875375" spans="14:14">
      <c r="N875375" s="10"/>
    </row>
    <row r="875376" spans="14:14">
      <c r="N875376" s="10"/>
    </row>
    <row r="875377" spans="14:14">
      <c r="N875377" s="10"/>
    </row>
    <row r="875378" spans="14:14">
      <c r="N875378" s="10"/>
    </row>
    <row r="875379" spans="14:14">
      <c r="N875379" s="10"/>
    </row>
    <row r="875380" spans="14:14">
      <c r="N875380" s="10"/>
    </row>
    <row r="875381" spans="14:14">
      <c r="N875381" s="10"/>
    </row>
    <row r="875382" spans="14:14">
      <c r="N875382" s="10"/>
    </row>
    <row r="875383" spans="14:14">
      <c r="N875383" s="10"/>
    </row>
    <row r="875384" spans="14:14">
      <c r="N875384" s="10"/>
    </row>
    <row r="875385" spans="14:14">
      <c r="N875385" s="10"/>
    </row>
    <row r="875386" spans="14:14">
      <c r="N875386" s="10"/>
    </row>
    <row r="875387" spans="14:14">
      <c r="N875387" s="10"/>
    </row>
    <row r="875388" spans="14:14">
      <c r="N875388" s="10"/>
    </row>
    <row r="875389" spans="14:14">
      <c r="N875389" s="10"/>
    </row>
    <row r="875390" spans="14:14">
      <c r="N875390" s="10"/>
    </row>
    <row r="875391" spans="14:14">
      <c r="N875391" s="10"/>
    </row>
    <row r="875392" spans="14:14">
      <c r="N875392" s="10"/>
    </row>
    <row r="875393" spans="14:14">
      <c r="N875393" s="10"/>
    </row>
    <row r="875394" spans="14:14">
      <c r="N875394" s="10"/>
    </row>
    <row r="875395" spans="14:14">
      <c r="N875395" s="10"/>
    </row>
    <row r="875396" spans="14:14">
      <c r="N875396" s="10"/>
    </row>
    <row r="875397" spans="14:14">
      <c r="N875397" s="10"/>
    </row>
    <row r="875398" spans="14:14">
      <c r="N875398" s="10"/>
    </row>
    <row r="875399" spans="14:14">
      <c r="N875399" s="10"/>
    </row>
    <row r="875400" spans="14:14">
      <c r="N875400" s="10"/>
    </row>
    <row r="875401" spans="14:14">
      <c r="N875401" s="10"/>
    </row>
    <row r="875402" spans="14:14">
      <c r="N875402" s="10"/>
    </row>
    <row r="875403" spans="14:14">
      <c r="N875403" s="10"/>
    </row>
    <row r="875404" spans="14:14">
      <c r="N875404" s="10"/>
    </row>
    <row r="875405" spans="14:14">
      <c r="N875405" s="10"/>
    </row>
    <row r="875406" spans="14:14">
      <c r="N875406" s="10"/>
    </row>
    <row r="875407" spans="14:14">
      <c r="N875407" s="10"/>
    </row>
    <row r="875408" spans="14:14">
      <c r="N875408" s="10"/>
    </row>
    <row r="875409" spans="14:14">
      <c r="N875409" s="10"/>
    </row>
    <row r="875410" spans="14:14">
      <c r="N875410" s="10"/>
    </row>
    <row r="875411" spans="14:14">
      <c r="N875411" s="10"/>
    </row>
    <row r="875412" spans="14:14">
      <c r="N875412" s="10"/>
    </row>
    <row r="875413" spans="14:14">
      <c r="N875413" s="10"/>
    </row>
    <row r="875414" spans="14:14">
      <c r="N875414" s="10"/>
    </row>
    <row r="875415" spans="14:14">
      <c r="N875415" s="10"/>
    </row>
    <row r="875416" spans="14:14">
      <c r="N875416" s="10"/>
    </row>
    <row r="875417" spans="14:14">
      <c r="N875417" s="10"/>
    </row>
    <row r="875418" spans="14:14">
      <c r="N875418" s="10"/>
    </row>
    <row r="875419" spans="14:14">
      <c r="N875419" s="10"/>
    </row>
    <row r="875420" spans="14:14">
      <c r="N875420" s="10"/>
    </row>
    <row r="875421" spans="14:14">
      <c r="N875421" s="10"/>
    </row>
    <row r="875422" spans="14:14">
      <c r="N875422" s="10"/>
    </row>
    <row r="875423" spans="14:14">
      <c r="N875423" s="10"/>
    </row>
    <row r="875424" spans="14:14">
      <c r="N875424" s="10"/>
    </row>
    <row r="875425" spans="14:14">
      <c r="N875425" s="10"/>
    </row>
    <row r="875426" spans="14:14">
      <c r="N875426" s="10"/>
    </row>
    <row r="875427" spans="14:14">
      <c r="N875427" s="10"/>
    </row>
    <row r="875428" spans="14:14">
      <c r="N875428" s="10"/>
    </row>
    <row r="875429" spans="14:14">
      <c r="N875429" s="10"/>
    </row>
    <row r="875430" spans="14:14">
      <c r="N875430" s="10"/>
    </row>
    <row r="875431" spans="14:14">
      <c r="N875431" s="10"/>
    </row>
    <row r="875432" spans="14:14">
      <c r="N875432" s="10"/>
    </row>
    <row r="875433" spans="14:14">
      <c r="N875433" s="10"/>
    </row>
    <row r="875434" spans="14:14">
      <c r="N875434" s="10"/>
    </row>
    <row r="875435" spans="14:14">
      <c r="N875435" s="10"/>
    </row>
    <row r="875436" spans="14:14">
      <c r="N875436" s="10"/>
    </row>
    <row r="875437" spans="14:14">
      <c r="N875437" s="10"/>
    </row>
    <row r="875438" spans="14:14">
      <c r="N875438" s="10"/>
    </row>
    <row r="875439" spans="14:14">
      <c r="N875439" s="10"/>
    </row>
    <row r="875440" spans="14:14">
      <c r="N875440" s="10"/>
    </row>
    <row r="875441" spans="14:14">
      <c r="N875441" s="10"/>
    </row>
    <row r="875442" spans="14:14">
      <c r="N875442" s="10"/>
    </row>
    <row r="875443" spans="14:14">
      <c r="N875443" s="10"/>
    </row>
    <row r="875444" spans="14:14">
      <c r="N875444" s="10"/>
    </row>
    <row r="875445" spans="14:14">
      <c r="N875445" s="10"/>
    </row>
    <row r="875446" spans="14:14">
      <c r="N875446" s="10"/>
    </row>
    <row r="875447" spans="14:14">
      <c r="N875447" s="10"/>
    </row>
    <row r="875448" spans="14:14">
      <c r="N875448" s="10"/>
    </row>
    <row r="875449" spans="14:14">
      <c r="N875449" s="10"/>
    </row>
    <row r="875450" spans="14:14">
      <c r="N875450" s="10"/>
    </row>
    <row r="875451" spans="14:14">
      <c r="N875451" s="10"/>
    </row>
    <row r="875452" spans="14:14">
      <c r="N875452" s="10"/>
    </row>
    <row r="875453" spans="14:14">
      <c r="N875453" s="10"/>
    </row>
    <row r="875454" spans="14:14">
      <c r="N875454" s="10"/>
    </row>
    <row r="875455" spans="14:14">
      <c r="N875455" s="10"/>
    </row>
    <row r="875456" spans="14:14">
      <c r="N875456" s="10"/>
    </row>
    <row r="875457" spans="14:14">
      <c r="N875457" s="10"/>
    </row>
    <row r="875458" spans="14:14">
      <c r="N875458" s="10"/>
    </row>
    <row r="875459" spans="14:14">
      <c r="N875459" s="10"/>
    </row>
    <row r="875460" spans="14:14">
      <c r="N875460" s="10"/>
    </row>
    <row r="875461" spans="14:14">
      <c r="N875461" s="10"/>
    </row>
    <row r="875462" spans="14:14">
      <c r="N875462" s="10"/>
    </row>
    <row r="875463" spans="14:14">
      <c r="N875463" s="10"/>
    </row>
    <row r="875464" spans="14:14">
      <c r="N875464" s="10"/>
    </row>
    <row r="875465" spans="14:14">
      <c r="N875465" s="10"/>
    </row>
    <row r="875466" spans="14:14">
      <c r="N875466" s="10"/>
    </row>
    <row r="875467" spans="14:14">
      <c r="N875467" s="10"/>
    </row>
    <row r="875468" spans="14:14">
      <c r="N875468" s="10"/>
    </row>
    <row r="875469" spans="14:14">
      <c r="N875469" s="10"/>
    </row>
    <row r="875470" spans="14:14">
      <c r="N875470" s="10"/>
    </row>
    <row r="875471" spans="14:14">
      <c r="N875471" s="10"/>
    </row>
    <row r="875472" spans="14:14">
      <c r="N875472" s="10"/>
    </row>
    <row r="875473" spans="14:14">
      <c r="N875473" s="10"/>
    </row>
    <row r="875474" spans="14:14">
      <c r="N875474" s="10"/>
    </row>
    <row r="875475" spans="14:14">
      <c r="N875475" s="10"/>
    </row>
    <row r="875476" spans="14:14">
      <c r="N875476" s="10"/>
    </row>
    <row r="875477" spans="14:14">
      <c r="N875477" s="10"/>
    </row>
    <row r="875478" spans="14:14">
      <c r="N875478" s="10"/>
    </row>
    <row r="875479" spans="14:14">
      <c r="N875479" s="10"/>
    </row>
    <row r="875480" spans="14:14">
      <c r="N875480" s="10"/>
    </row>
    <row r="875481" spans="14:14">
      <c r="N875481" s="10"/>
    </row>
    <row r="875482" spans="14:14">
      <c r="N875482" s="10"/>
    </row>
    <row r="875483" spans="14:14">
      <c r="N875483" s="10"/>
    </row>
    <row r="875484" spans="14:14">
      <c r="N875484" s="10"/>
    </row>
    <row r="875485" spans="14:14">
      <c r="N875485" s="10"/>
    </row>
    <row r="875486" spans="14:14">
      <c r="N875486" s="10"/>
    </row>
    <row r="875487" spans="14:14">
      <c r="N875487" s="10"/>
    </row>
    <row r="875488" spans="14:14">
      <c r="N875488" s="10"/>
    </row>
    <row r="875489" spans="14:14">
      <c r="N875489" s="10"/>
    </row>
    <row r="875490" spans="14:14">
      <c r="N875490" s="10"/>
    </row>
    <row r="875491" spans="14:14">
      <c r="N875491" s="10"/>
    </row>
    <row r="875492" spans="14:14">
      <c r="N875492" s="10"/>
    </row>
    <row r="875493" spans="14:14">
      <c r="N875493" s="10"/>
    </row>
    <row r="875494" spans="14:14">
      <c r="N875494" s="10"/>
    </row>
    <row r="875495" spans="14:14">
      <c r="N875495" s="10"/>
    </row>
    <row r="875496" spans="14:14">
      <c r="N875496" s="10"/>
    </row>
    <row r="875497" spans="14:14">
      <c r="N875497" s="10"/>
    </row>
    <row r="875498" spans="14:14">
      <c r="N875498" s="10"/>
    </row>
    <row r="875499" spans="14:14">
      <c r="N875499" s="10"/>
    </row>
    <row r="875500" spans="14:14">
      <c r="N875500" s="10"/>
    </row>
    <row r="875501" spans="14:14">
      <c r="N875501" s="10"/>
    </row>
    <row r="875502" spans="14:14">
      <c r="N875502" s="10"/>
    </row>
    <row r="875503" spans="14:14">
      <c r="N875503" s="10"/>
    </row>
    <row r="875504" spans="14:14">
      <c r="N875504" s="10"/>
    </row>
    <row r="875505" spans="14:14">
      <c r="N875505" s="10"/>
    </row>
    <row r="875506" spans="14:14">
      <c r="N875506" s="10"/>
    </row>
    <row r="875507" spans="14:14">
      <c r="N875507" s="10"/>
    </row>
    <row r="875508" spans="14:14">
      <c r="N875508" s="10"/>
    </row>
    <row r="875509" spans="14:14">
      <c r="N875509" s="10"/>
    </row>
    <row r="875510" spans="14:14">
      <c r="N875510" s="10"/>
    </row>
    <row r="875511" spans="14:14">
      <c r="N875511" s="10"/>
    </row>
    <row r="875512" spans="14:14">
      <c r="N875512" s="10"/>
    </row>
    <row r="875513" spans="14:14">
      <c r="N875513" s="10"/>
    </row>
    <row r="875514" spans="14:14">
      <c r="N875514" s="10"/>
    </row>
    <row r="875515" spans="14:14">
      <c r="N875515" s="10"/>
    </row>
    <row r="875516" spans="14:14">
      <c r="N875516" s="10"/>
    </row>
    <row r="875517" spans="14:14">
      <c r="N875517" s="10"/>
    </row>
    <row r="875518" spans="14:14">
      <c r="N875518" s="10"/>
    </row>
    <row r="875519" spans="14:14">
      <c r="N875519" s="10"/>
    </row>
    <row r="875520" spans="14:14">
      <c r="N875520" s="10"/>
    </row>
    <row r="875521" spans="14:14">
      <c r="N875521" s="10"/>
    </row>
    <row r="875522" spans="14:14">
      <c r="N875522" s="10"/>
    </row>
    <row r="875523" spans="14:14">
      <c r="N875523" s="10"/>
    </row>
    <row r="875524" spans="14:14">
      <c r="N875524" s="10"/>
    </row>
    <row r="875525" spans="14:14">
      <c r="N875525" s="10"/>
    </row>
    <row r="875526" spans="14:14">
      <c r="N875526" s="10"/>
    </row>
    <row r="875527" spans="14:14">
      <c r="N875527" s="10"/>
    </row>
    <row r="875528" spans="14:14">
      <c r="N875528" s="10"/>
    </row>
    <row r="875529" spans="14:14">
      <c r="N875529" s="10"/>
    </row>
    <row r="875530" spans="14:14">
      <c r="N875530" s="10"/>
    </row>
    <row r="875531" spans="14:14">
      <c r="N875531" s="10"/>
    </row>
    <row r="875532" spans="14:14">
      <c r="N875532" s="10"/>
    </row>
    <row r="875533" spans="14:14">
      <c r="N875533" s="10"/>
    </row>
    <row r="875534" spans="14:14">
      <c r="N875534" s="10"/>
    </row>
    <row r="875535" spans="14:14">
      <c r="N875535" s="10"/>
    </row>
    <row r="875536" spans="14:14">
      <c r="N875536" s="10"/>
    </row>
    <row r="875537" spans="14:14">
      <c r="N875537" s="10"/>
    </row>
    <row r="875538" spans="14:14">
      <c r="N875538" s="10"/>
    </row>
    <row r="875539" spans="14:14">
      <c r="N875539" s="10"/>
    </row>
    <row r="875540" spans="14:14">
      <c r="N875540" s="10"/>
    </row>
    <row r="875541" spans="14:14">
      <c r="N875541" s="10"/>
    </row>
    <row r="875542" spans="14:14">
      <c r="N875542" s="10"/>
    </row>
    <row r="875543" spans="14:14">
      <c r="N875543" s="10"/>
    </row>
    <row r="875544" spans="14:14">
      <c r="N875544" s="10"/>
    </row>
    <row r="875545" spans="14:14">
      <c r="N875545" s="10"/>
    </row>
    <row r="875546" spans="14:14">
      <c r="N875546" s="10"/>
    </row>
    <row r="875547" spans="14:14">
      <c r="N875547" s="10"/>
    </row>
    <row r="875548" spans="14:14">
      <c r="N875548" s="10"/>
    </row>
    <row r="875549" spans="14:14">
      <c r="N875549" s="10"/>
    </row>
    <row r="875550" spans="14:14">
      <c r="N875550" s="10"/>
    </row>
    <row r="875551" spans="14:14">
      <c r="N875551" s="10"/>
    </row>
    <row r="875552" spans="14:14">
      <c r="N875552" s="10"/>
    </row>
    <row r="875553" spans="14:14">
      <c r="N875553" s="10"/>
    </row>
    <row r="875554" spans="14:14">
      <c r="N875554" s="10"/>
    </row>
    <row r="875555" spans="14:14">
      <c r="N875555" s="10"/>
    </row>
    <row r="875556" spans="14:14">
      <c r="N875556" s="10"/>
    </row>
    <row r="875557" spans="14:14">
      <c r="N875557" s="10"/>
    </row>
    <row r="875558" spans="14:14">
      <c r="N875558" s="10"/>
    </row>
    <row r="875559" spans="14:14">
      <c r="N875559" s="10"/>
    </row>
    <row r="875560" spans="14:14">
      <c r="N875560" s="10"/>
    </row>
    <row r="875561" spans="14:14">
      <c r="N875561" s="10"/>
    </row>
    <row r="875562" spans="14:14">
      <c r="N875562" s="10"/>
    </row>
    <row r="875563" spans="14:14">
      <c r="N875563" s="10"/>
    </row>
    <row r="875564" spans="14:14">
      <c r="N875564" s="10"/>
    </row>
    <row r="875565" spans="14:14">
      <c r="N875565" s="10"/>
    </row>
    <row r="875566" spans="14:14">
      <c r="N875566" s="10"/>
    </row>
    <row r="875567" spans="14:14">
      <c r="N875567" s="10"/>
    </row>
    <row r="875568" spans="14:14">
      <c r="N875568" s="10"/>
    </row>
    <row r="875569" spans="14:14">
      <c r="N875569" s="10"/>
    </row>
    <row r="875570" spans="14:14">
      <c r="N875570" s="10"/>
    </row>
    <row r="875571" spans="14:14">
      <c r="N875571" s="10"/>
    </row>
    <row r="875572" spans="14:14">
      <c r="N875572" s="10"/>
    </row>
    <row r="875573" spans="14:14">
      <c r="N875573" s="10"/>
    </row>
    <row r="875574" spans="14:14">
      <c r="N875574" s="10"/>
    </row>
    <row r="875575" spans="14:14">
      <c r="N875575" s="10"/>
    </row>
    <row r="875576" spans="14:14">
      <c r="N875576" s="10"/>
    </row>
    <row r="875577" spans="14:14">
      <c r="N875577" s="10"/>
    </row>
    <row r="875578" spans="14:14">
      <c r="N875578" s="10"/>
    </row>
    <row r="875579" spans="14:14">
      <c r="N875579" s="10"/>
    </row>
    <row r="875580" spans="14:14">
      <c r="N875580" s="10"/>
    </row>
    <row r="875581" spans="14:14">
      <c r="N875581" s="10"/>
    </row>
    <row r="875582" spans="14:14">
      <c r="N875582" s="10"/>
    </row>
    <row r="875583" spans="14:14">
      <c r="N875583" s="10"/>
    </row>
    <row r="875584" spans="14:14">
      <c r="N875584" s="10"/>
    </row>
    <row r="875585" spans="14:14">
      <c r="N875585" s="10"/>
    </row>
    <row r="875586" spans="14:14">
      <c r="N875586" s="10"/>
    </row>
    <row r="875587" spans="14:14">
      <c r="N875587" s="10"/>
    </row>
    <row r="875588" spans="14:14">
      <c r="N875588" s="10"/>
    </row>
    <row r="875589" spans="14:14">
      <c r="N875589" s="10"/>
    </row>
    <row r="875590" spans="14:14">
      <c r="N875590" s="10"/>
    </row>
    <row r="875591" spans="14:14">
      <c r="N875591" s="10"/>
    </row>
    <row r="875592" spans="14:14">
      <c r="N875592" s="10"/>
    </row>
    <row r="875593" spans="14:14">
      <c r="N875593" s="10"/>
    </row>
    <row r="875594" spans="14:14">
      <c r="N875594" s="10"/>
    </row>
    <row r="875595" spans="14:14">
      <c r="N875595" s="10"/>
    </row>
    <row r="875596" spans="14:14">
      <c r="N875596" s="10"/>
    </row>
    <row r="875597" spans="14:14">
      <c r="N875597" s="10"/>
    </row>
    <row r="875598" spans="14:14">
      <c r="N875598" s="10"/>
    </row>
    <row r="875599" spans="14:14">
      <c r="N875599" s="10"/>
    </row>
    <row r="875600" spans="14:14">
      <c r="N875600" s="10"/>
    </row>
    <row r="875601" spans="14:14">
      <c r="N875601" s="10"/>
    </row>
    <row r="875602" spans="14:14">
      <c r="N875602" s="10"/>
    </row>
    <row r="875603" spans="14:14">
      <c r="N875603" s="10"/>
    </row>
    <row r="875604" spans="14:14">
      <c r="N875604" s="10"/>
    </row>
    <row r="875605" spans="14:14">
      <c r="N875605" s="10"/>
    </row>
    <row r="875606" spans="14:14">
      <c r="N875606" s="10"/>
    </row>
    <row r="875607" spans="14:14">
      <c r="N875607" s="10"/>
    </row>
    <row r="875608" spans="14:14">
      <c r="N875608" s="10"/>
    </row>
    <row r="875609" spans="14:14">
      <c r="N875609" s="10"/>
    </row>
    <row r="875610" spans="14:14">
      <c r="N875610" s="10"/>
    </row>
    <row r="875611" spans="14:14">
      <c r="N875611" s="10"/>
    </row>
    <row r="875612" spans="14:14">
      <c r="N875612" s="10"/>
    </row>
    <row r="875613" spans="14:14">
      <c r="N875613" s="10"/>
    </row>
    <row r="875614" spans="14:14">
      <c r="N875614" s="10"/>
    </row>
    <row r="875615" spans="14:14">
      <c r="N875615" s="10"/>
    </row>
    <row r="875616" spans="14:14">
      <c r="N875616" s="10"/>
    </row>
    <row r="875617" spans="14:14">
      <c r="N875617" s="10"/>
    </row>
    <row r="875618" spans="14:14">
      <c r="N875618" s="10"/>
    </row>
    <row r="875619" spans="14:14">
      <c r="N875619" s="10"/>
    </row>
    <row r="875620" spans="14:14">
      <c r="N875620" s="10"/>
    </row>
    <row r="875621" spans="14:14">
      <c r="N875621" s="10"/>
    </row>
    <row r="875622" spans="14:14">
      <c r="N875622" s="10"/>
    </row>
    <row r="875623" spans="14:14">
      <c r="N875623" s="10"/>
    </row>
    <row r="875624" spans="14:14">
      <c r="N875624" s="10"/>
    </row>
    <row r="875625" spans="14:14">
      <c r="N875625" s="10"/>
    </row>
    <row r="875626" spans="14:14">
      <c r="N875626" s="10"/>
    </row>
    <row r="875627" spans="14:14">
      <c r="N875627" s="10"/>
    </row>
    <row r="875628" spans="14:14">
      <c r="N875628" s="10"/>
    </row>
    <row r="875629" spans="14:14">
      <c r="N875629" s="10"/>
    </row>
    <row r="875630" spans="14:14">
      <c r="N875630" s="10"/>
    </row>
    <row r="875631" spans="14:14">
      <c r="N875631" s="10"/>
    </row>
    <row r="875632" spans="14:14">
      <c r="N875632" s="10"/>
    </row>
    <row r="875633" spans="14:14">
      <c r="N875633" s="10"/>
    </row>
    <row r="875634" spans="14:14">
      <c r="N875634" s="10"/>
    </row>
    <row r="875635" spans="14:14">
      <c r="N875635" s="10"/>
    </row>
    <row r="875636" spans="14:14">
      <c r="N875636" s="10"/>
    </row>
    <row r="875637" spans="14:14">
      <c r="N875637" s="10"/>
    </row>
    <row r="875638" spans="14:14">
      <c r="N875638" s="10"/>
    </row>
    <row r="875639" spans="14:14">
      <c r="N875639" s="10"/>
    </row>
    <row r="875640" spans="14:14">
      <c r="N875640" s="10"/>
    </row>
    <row r="875641" spans="14:14">
      <c r="N875641" s="10"/>
    </row>
    <row r="875642" spans="14:14">
      <c r="N875642" s="10"/>
    </row>
    <row r="875643" spans="14:14">
      <c r="N875643" s="10"/>
    </row>
    <row r="875644" spans="14:14">
      <c r="N875644" s="10"/>
    </row>
    <row r="875645" spans="14:14">
      <c r="N875645" s="10"/>
    </row>
    <row r="875646" spans="14:14">
      <c r="N875646" s="10"/>
    </row>
    <row r="875647" spans="14:14">
      <c r="N875647" s="10"/>
    </row>
    <row r="875648" spans="14:14">
      <c r="N875648" s="10"/>
    </row>
    <row r="875649" spans="14:14">
      <c r="N875649" s="10"/>
    </row>
    <row r="875650" spans="14:14">
      <c r="N875650" s="10"/>
    </row>
    <row r="875651" spans="14:14">
      <c r="N875651" s="10"/>
    </row>
    <row r="875652" spans="14:14">
      <c r="N875652" s="10"/>
    </row>
    <row r="875653" spans="14:14">
      <c r="N875653" s="10"/>
    </row>
    <row r="875654" spans="14:14">
      <c r="N875654" s="10"/>
    </row>
    <row r="875655" spans="14:14">
      <c r="N875655" s="10"/>
    </row>
    <row r="875656" spans="14:14">
      <c r="N875656" s="10"/>
    </row>
    <row r="875657" spans="14:14">
      <c r="N875657" s="10"/>
    </row>
    <row r="875658" spans="14:14">
      <c r="N875658" s="10"/>
    </row>
    <row r="875659" spans="14:14">
      <c r="N875659" s="10"/>
    </row>
    <row r="875660" spans="14:14">
      <c r="N875660" s="10"/>
    </row>
    <row r="875661" spans="14:14">
      <c r="N875661" s="10"/>
    </row>
    <row r="875662" spans="14:14">
      <c r="N875662" s="10"/>
    </row>
    <row r="875663" spans="14:14">
      <c r="N875663" s="10"/>
    </row>
    <row r="875664" spans="14:14">
      <c r="N875664" s="10"/>
    </row>
    <row r="875665" spans="14:14">
      <c r="N875665" s="10"/>
    </row>
    <row r="875666" spans="14:14">
      <c r="N875666" s="10"/>
    </row>
    <row r="875667" spans="14:14">
      <c r="N875667" s="10"/>
    </row>
    <row r="875668" spans="14:14">
      <c r="N875668" s="10"/>
    </row>
    <row r="875669" spans="14:14">
      <c r="N875669" s="10"/>
    </row>
    <row r="875670" spans="14:14">
      <c r="N875670" s="10"/>
    </row>
    <row r="875671" spans="14:14">
      <c r="N875671" s="10"/>
    </row>
    <row r="875672" spans="14:14">
      <c r="N875672" s="10"/>
    </row>
    <row r="875673" spans="14:14">
      <c r="N875673" s="10"/>
    </row>
    <row r="875674" spans="14:14">
      <c r="N875674" s="10"/>
    </row>
    <row r="875675" spans="14:14">
      <c r="N875675" s="10"/>
    </row>
    <row r="875676" spans="14:14">
      <c r="N875676" s="10"/>
    </row>
    <row r="875677" spans="14:14">
      <c r="N875677" s="10"/>
    </row>
    <row r="875678" spans="14:14">
      <c r="N875678" s="10"/>
    </row>
    <row r="875679" spans="14:14">
      <c r="N875679" s="10"/>
    </row>
    <row r="875680" spans="14:14">
      <c r="N875680" s="10"/>
    </row>
    <row r="875681" spans="14:14">
      <c r="N875681" s="10"/>
    </row>
    <row r="875682" spans="14:14">
      <c r="N875682" s="10"/>
    </row>
    <row r="875683" spans="14:14">
      <c r="N875683" s="10"/>
    </row>
    <row r="875684" spans="14:14">
      <c r="N875684" s="10"/>
    </row>
    <row r="875685" spans="14:14">
      <c r="N875685" s="10"/>
    </row>
    <row r="875686" spans="14:14">
      <c r="N875686" s="10"/>
    </row>
    <row r="875687" spans="14:14">
      <c r="N875687" s="10"/>
    </row>
    <row r="875688" spans="14:14">
      <c r="N875688" s="10"/>
    </row>
    <row r="875689" spans="14:14">
      <c r="N875689" s="10"/>
    </row>
    <row r="875690" spans="14:14">
      <c r="N875690" s="10"/>
    </row>
    <row r="875691" spans="14:14">
      <c r="N875691" s="10"/>
    </row>
    <row r="875692" spans="14:14">
      <c r="N875692" s="10"/>
    </row>
    <row r="875693" spans="14:14">
      <c r="N875693" s="10"/>
    </row>
    <row r="875694" spans="14:14">
      <c r="N875694" s="10"/>
    </row>
    <row r="875695" spans="14:14">
      <c r="N875695" s="10"/>
    </row>
    <row r="875696" spans="14:14">
      <c r="N875696" s="10"/>
    </row>
    <row r="875697" spans="14:14">
      <c r="N875697" s="10"/>
    </row>
    <row r="875698" spans="14:14">
      <c r="N875698" s="10"/>
    </row>
    <row r="875699" spans="14:14">
      <c r="N875699" s="10"/>
    </row>
    <row r="875700" spans="14:14">
      <c r="N875700" s="10"/>
    </row>
    <row r="875701" spans="14:14">
      <c r="N875701" s="10"/>
    </row>
    <row r="875702" spans="14:14">
      <c r="N875702" s="10"/>
    </row>
    <row r="875703" spans="14:14">
      <c r="N875703" s="10"/>
    </row>
    <row r="875704" spans="14:14">
      <c r="N875704" s="10"/>
    </row>
    <row r="875705" spans="14:14">
      <c r="N875705" s="10"/>
    </row>
    <row r="875706" spans="14:14">
      <c r="N875706" s="10"/>
    </row>
    <row r="875707" spans="14:14">
      <c r="N875707" s="10"/>
    </row>
    <row r="875708" spans="14:14">
      <c r="N875708" s="10"/>
    </row>
    <row r="875709" spans="14:14">
      <c r="N875709" s="10"/>
    </row>
    <row r="875710" spans="14:14">
      <c r="N875710" s="10"/>
    </row>
    <row r="875711" spans="14:14">
      <c r="N875711" s="10"/>
    </row>
    <row r="875712" spans="14:14">
      <c r="N875712" s="10"/>
    </row>
    <row r="875713" spans="14:14">
      <c r="N875713" s="10"/>
    </row>
    <row r="875714" spans="14:14">
      <c r="N875714" s="10"/>
    </row>
    <row r="875715" spans="14:14">
      <c r="N875715" s="10"/>
    </row>
    <row r="875716" spans="14:14">
      <c r="N875716" s="10"/>
    </row>
    <row r="875717" spans="14:14">
      <c r="N875717" s="10"/>
    </row>
    <row r="875718" spans="14:14">
      <c r="N875718" s="10"/>
    </row>
    <row r="875719" spans="14:14">
      <c r="N875719" s="10"/>
    </row>
    <row r="875720" spans="14:14">
      <c r="N875720" s="10"/>
    </row>
    <row r="875721" spans="14:14">
      <c r="N875721" s="10"/>
    </row>
    <row r="875722" spans="14:14">
      <c r="N875722" s="10"/>
    </row>
    <row r="875723" spans="14:14">
      <c r="N875723" s="10"/>
    </row>
    <row r="875724" spans="14:14">
      <c r="N875724" s="10"/>
    </row>
    <row r="875725" spans="14:14">
      <c r="N875725" s="10"/>
    </row>
    <row r="875726" spans="14:14">
      <c r="N875726" s="10"/>
    </row>
    <row r="875727" spans="14:14">
      <c r="N875727" s="10"/>
    </row>
    <row r="875728" spans="14:14">
      <c r="N875728" s="10"/>
    </row>
    <row r="875729" spans="14:14">
      <c r="N875729" s="10"/>
    </row>
    <row r="875730" spans="14:14">
      <c r="N875730" s="10"/>
    </row>
    <row r="875731" spans="14:14">
      <c r="N875731" s="10"/>
    </row>
    <row r="875732" spans="14:14">
      <c r="N875732" s="10"/>
    </row>
    <row r="875733" spans="14:14">
      <c r="N875733" s="10"/>
    </row>
    <row r="875734" spans="14:14">
      <c r="N875734" s="10"/>
    </row>
    <row r="875735" spans="14:14">
      <c r="N875735" s="10"/>
    </row>
    <row r="875736" spans="14:14">
      <c r="N875736" s="10"/>
    </row>
    <row r="875737" spans="14:14">
      <c r="N875737" s="10"/>
    </row>
    <row r="875738" spans="14:14">
      <c r="N875738" s="10"/>
    </row>
    <row r="875739" spans="14:14">
      <c r="N875739" s="10"/>
    </row>
    <row r="875740" spans="14:14">
      <c r="N875740" s="10"/>
    </row>
    <row r="875741" spans="14:14">
      <c r="N875741" s="10"/>
    </row>
    <row r="875742" spans="14:14">
      <c r="N875742" s="10"/>
    </row>
    <row r="875743" spans="14:14">
      <c r="N875743" s="10"/>
    </row>
    <row r="875744" spans="14:14">
      <c r="N875744" s="10"/>
    </row>
    <row r="875745" spans="14:14">
      <c r="N875745" s="10"/>
    </row>
    <row r="875746" spans="14:14">
      <c r="N875746" s="10"/>
    </row>
    <row r="875747" spans="14:14">
      <c r="N875747" s="10"/>
    </row>
    <row r="875748" spans="14:14">
      <c r="N875748" s="10"/>
    </row>
    <row r="875749" spans="14:14">
      <c r="N875749" s="10"/>
    </row>
    <row r="875750" spans="14:14">
      <c r="N875750" s="10"/>
    </row>
    <row r="875751" spans="14:14">
      <c r="N875751" s="10"/>
    </row>
    <row r="875752" spans="14:14">
      <c r="N875752" s="10"/>
    </row>
    <row r="875753" spans="14:14">
      <c r="N875753" s="10"/>
    </row>
    <row r="875754" spans="14:14">
      <c r="N875754" s="10"/>
    </row>
    <row r="875755" spans="14:14">
      <c r="N875755" s="10"/>
    </row>
    <row r="875756" spans="14:14">
      <c r="N875756" s="10"/>
    </row>
    <row r="875757" spans="14:14">
      <c r="N875757" s="10"/>
    </row>
    <row r="875758" spans="14:14">
      <c r="N875758" s="10"/>
    </row>
    <row r="875759" spans="14:14">
      <c r="N875759" s="10"/>
    </row>
    <row r="875760" spans="14:14">
      <c r="N875760" s="10"/>
    </row>
    <row r="875761" spans="14:14">
      <c r="N875761" s="10"/>
    </row>
    <row r="875762" spans="14:14">
      <c r="N875762" s="10"/>
    </row>
    <row r="875763" spans="14:14">
      <c r="N875763" s="10"/>
    </row>
    <row r="875764" spans="14:14">
      <c r="N875764" s="10"/>
    </row>
    <row r="875765" spans="14:14">
      <c r="N875765" s="10"/>
    </row>
    <row r="875766" spans="14:14">
      <c r="N875766" s="10"/>
    </row>
    <row r="875767" spans="14:14">
      <c r="N875767" s="10"/>
    </row>
    <row r="875768" spans="14:14">
      <c r="N875768" s="10"/>
    </row>
    <row r="875769" spans="14:14">
      <c r="N875769" s="10"/>
    </row>
    <row r="875770" spans="14:14">
      <c r="N875770" s="10"/>
    </row>
    <row r="875771" spans="14:14">
      <c r="N875771" s="10"/>
    </row>
    <row r="875772" spans="14:14">
      <c r="N875772" s="10"/>
    </row>
    <row r="875773" spans="14:14">
      <c r="N875773" s="10"/>
    </row>
    <row r="875774" spans="14:14">
      <c r="N875774" s="10"/>
    </row>
    <row r="875775" spans="14:14">
      <c r="N875775" s="10"/>
    </row>
    <row r="875776" spans="14:14">
      <c r="N875776" s="10"/>
    </row>
    <row r="875777" spans="14:14">
      <c r="N875777" s="10"/>
    </row>
    <row r="875778" spans="14:14">
      <c r="N875778" s="10"/>
    </row>
    <row r="875779" spans="14:14">
      <c r="N875779" s="10"/>
    </row>
    <row r="875780" spans="14:14">
      <c r="N875780" s="10"/>
    </row>
    <row r="875781" spans="14:14">
      <c r="N875781" s="10"/>
    </row>
    <row r="875782" spans="14:14">
      <c r="N875782" s="10"/>
    </row>
    <row r="875783" spans="14:14">
      <c r="N875783" s="10"/>
    </row>
    <row r="875784" spans="14:14">
      <c r="N875784" s="10"/>
    </row>
    <row r="875785" spans="14:14">
      <c r="N875785" s="10"/>
    </row>
    <row r="875786" spans="14:14">
      <c r="N875786" s="10"/>
    </row>
    <row r="875787" spans="14:14">
      <c r="N875787" s="10"/>
    </row>
    <row r="875788" spans="14:14">
      <c r="N875788" s="10"/>
    </row>
    <row r="875789" spans="14:14">
      <c r="N875789" s="10"/>
    </row>
    <row r="875790" spans="14:14">
      <c r="N875790" s="10"/>
    </row>
    <row r="875791" spans="14:14">
      <c r="N875791" s="10"/>
    </row>
    <row r="875792" spans="14:14">
      <c r="N875792" s="10"/>
    </row>
    <row r="875793" spans="14:14">
      <c r="N875793" s="10"/>
    </row>
    <row r="875794" spans="14:14">
      <c r="N875794" s="10"/>
    </row>
    <row r="875795" spans="14:14">
      <c r="N875795" s="10"/>
    </row>
    <row r="875796" spans="14:14">
      <c r="N875796" s="10"/>
    </row>
    <row r="875797" spans="14:14">
      <c r="N875797" s="10"/>
    </row>
    <row r="875798" spans="14:14">
      <c r="N875798" s="10"/>
    </row>
    <row r="875799" spans="14:14">
      <c r="N875799" s="10"/>
    </row>
    <row r="875800" spans="14:14">
      <c r="N875800" s="10"/>
    </row>
    <row r="875801" spans="14:14">
      <c r="N875801" s="10"/>
    </row>
    <row r="875802" spans="14:14">
      <c r="N875802" s="10"/>
    </row>
    <row r="875803" spans="14:14">
      <c r="N875803" s="10"/>
    </row>
    <row r="875804" spans="14:14">
      <c r="N875804" s="10"/>
    </row>
    <row r="875805" spans="14:14">
      <c r="N875805" s="10"/>
    </row>
    <row r="875806" spans="14:14">
      <c r="N875806" s="10"/>
    </row>
    <row r="875807" spans="14:14">
      <c r="N875807" s="10"/>
    </row>
    <row r="875808" spans="14:14">
      <c r="N875808" s="10"/>
    </row>
    <row r="875809" spans="14:14">
      <c r="N875809" s="10"/>
    </row>
    <row r="875810" spans="14:14">
      <c r="N875810" s="10"/>
    </row>
    <row r="875811" spans="14:14">
      <c r="N875811" s="10"/>
    </row>
    <row r="875812" spans="14:14">
      <c r="N875812" s="10"/>
    </row>
    <row r="875813" spans="14:14">
      <c r="N875813" s="10"/>
    </row>
    <row r="875814" spans="14:14">
      <c r="N875814" s="10"/>
    </row>
    <row r="875815" spans="14:14">
      <c r="N875815" s="10"/>
    </row>
    <row r="875816" spans="14:14">
      <c r="N875816" s="10"/>
    </row>
    <row r="875817" spans="14:14">
      <c r="N875817" s="10"/>
    </row>
    <row r="875818" spans="14:14">
      <c r="N875818" s="10"/>
    </row>
    <row r="875819" spans="14:14">
      <c r="N875819" s="10"/>
    </row>
    <row r="875820" spans="14:14">
      <c r="N875820" s="10"/>
    </row>
    <row r="875821" spans="14:14">
      <c r="N875821" s="10"/>
    </row>
    <row r="875822" spans="14:14">
      <c r="N875822" s="10"/>
    </row>
    <row r="875823" spans="14:14">
      <c r="N875823" s="10"/>
    </row>
    <row r="875824" spans="14:14">
      <c r="N875824" s="10"/>
    </row>
    <row r="875825" spans="14:14">
      <c r="N875825" s="10"/>
    </row>
    <row r="875826" spans="14:14">
      <c r="N875826" s="10"/>
    </row>
    <row r="875827" spans="14:14">
      <c r="N875827" s="10"/>
    </row>
    <row r="875828" spans="14:14">
      <c r="N875828" s="10"/>
    </row>
    <row r="875829" spans="14:14">
      <c r="N875829" s="10"/>
    </row>
    <row r="875830" spans="14:14">
      <c r="N875830" s="10"/>
    </row>
    <row r="875831" spans="14:14">
      <c r="N875831" s="10"/>
    </row>
    <row r="875832" spans="14:14">
      <c r="N875832" s="10"/>
    </row>
    <row r="875833" spans="14:14">
      <c r="N875833" s="10"/>
    </row>
    <row r="875834" spans="14:14">
      <c r="N875834" s="10"/>
    </row>
    <row r="875835" spans="14:14">
      <c r="N875835" s="10"/>
    </row>
    <row r="875836" spans="14:14">
      <c r="N875836" s="10"/>
    </row>
    <row r="875837" spans="14:14">
      <c r="N875837" s="10"/>
    </row>
    <row r="875838" spans="14:14">
      <c r="N875838" s="10"/>
    </row>
    <row r="875839" spans="14:14">
      <c r="N875839" s="10"/>
    </row>
    <row r="875840" spans="14:14">
      <c r="N875840" s="10"/>
    </row>
    <row r="875841" spans="14:14">
      <c r="N875841" s="10"/>
    </row>
    <row r="875842" spans="14:14">
      <c r="N875842" s="10"/>
    </row>
    <row r="875843" spans="14:14">
      <c r="N875843" s="10"/>
    </row>
    <row r="875844" spans="14:14">
      <c r="N875844" s="10"/>
    </row>
    <row r="875845" spans="14:14">
      <c r="N875845" s="10"/>
    </row>
    <row r="875846" spans="14:14">
      <c r="N875846" s="10"/>
    </row>
    <row r="875847" spans="14:14">
      <c r="N875847" s="10"/>
    </row>
    <row r="875848" spans="14:14">
      <c r="N875848" s="10"/>
    </row>
    <row r="875849" spans="14:14">
      <c r="N875849" s="10"/>
    </row>
    <row r="875850" spans="14:14">
      <c r="N875850" s="10"/>
    </row>
    <row r="875851" spans="14:14">
      <c r="N875851" s="10"/>
    </row>
    <row r="875852" spans="14:14">
      <c r="N875852" s="10"/>
    </row>
    <row r="875853" spans="14:14">
      <c r="N875853" s="10"/>
    </row>
    <row r="875854" spans="14:14">
      <c r="N875854" s="10"/>
    </row>
    <row r="875855" spans="14:14">
      <c r="N875855" s="10"/>
    </row>
    <row r="875856" spans="14:14">
      <c r="N875856" s="10"/>
    </row>
    <row r="875857" spans="14:14">
      <c r="N875857" s="10"/>
    </row>
    <row r="875858" spans="14:14">
      <c r="N875858" s="10"/>
    </row>
    <row r="875859" spans="14:14">
      <c r="N875859" s="10"/>
    </row>
    <row r="875860" spans="14:14">
      <c r="N875860" s="10"/>
    </row>
    <row r="875861" spans="14:14">
      <c r="N875861" s="10"/>
    </row>
    <row r="875862" spans="14:14">
      <c r="N875862" s="10"/>
    </row>
    <row r="875863" spans="14:14">
      <c r="N875863" s="10"/>
    </row>
    <row r="875864" spans="14:14">
      <c r="N875864" s="10"/>
    </row>
    <row r="875865" spans="14:14">
      <c r="N875865" s="10"/>
    </row>
    <row r="875866" spans="14:14">
      <c r="N875866" s="10"/>
    </row>
    <row r="875867" spans="14:14">
      <c r="N875867" s="10"/>
    </row>
    <row r="875868" spans="14:14">
      <c r="N875868" s="10"/>
    </row>
    <row r="875869" spans="14:14">
      <c r="N875869" s="10"/>
    </row>
    <row r="875870" spans="14:14">
      <c r="N875870" s="10"/>
    </row>
    <row r="875871" spans="14:14">
      <c r="N875871" s="10"/>
    </row>
    <row r="875872" spans="14:14">
      <c r="N875872" s="10"/>
    </row>
    <row r="875873" spans="14:14">
      <c r="N875873" s="10"/>
    </row>
    <row r="875874" spans="14:14">
      <c r="N875874" s="10"/>
    </row>
    <row r="875875" spans="14:14">
      <c r="N875875" s="10"/>
    </row>
    <row r="875876" spans="14:14">
      <c r="N875876" s="10"/>
    </row>
    <row r="875877" spans="14:14">
      <c r="N875877" s="10"/>
    </row>
    <row r="875878" spans="14:14">
      <c r="N875878" s="10"/>
    </row>
    <row r="875879" spans="14:14">
      <c r="N875879" s="10"/>
    </row>
    <row r="875880" spans="14:14">
      <c r="N875880" s="10"/>
    </row>
    <row r="875881" spans="14:14">
      <c r="N875881" s="10"/>
    </row>
    <row r="875882" spans="14:14">
      <c r="N875882" s="10"/>
    </row>
    <row r="875883" spans="14:14">
      <c r="N875883" s="10"/>
    </row>
    <row r="875884" spans="14:14">
      <c r="N875884" s="10"/>
    </row>
    <row r="875885" spans="14:14">
      <c r="N875885" s="10"/>
    </row>
    <row r="875886" spans="14:14">
      <c r="N875886" s="10"/>
    </row>
    <row r="875887" spans="14:14">
      <c r="N875887" s="10"/>
    </row>
    <row r="875888" spans="14:14">
      <c r="N875888" s="10"/>
    </row>
    <row r="875889" spans="14:14">
      <c r="N875889" s="10"/>
    </row>
    <row r="875890" spans="14:14">
      <c r="N875890" s="10"/>
    </row>
    <row r="875891" spans="14:14">
      <c r="N875891" s="10"/>
    </row>
    <row r="875892" spans="14:14">
      <c r="N875892" s="10"/>
    </row>
    <row r="875893" spans="14:14">
      <c r="N875893" s="10"/>
    </row>
    <row r="875894" spans="14:14">
      <c r="N875894" s="10"/>
    </row>
    <row r="875895" spans="14:14">
      <c r="N875895" s="10"/>
    </row>
    <row r="875896" spans="14:14">
      <c r="N875896" s="10"/>
    </row>
    <row r="875897" spans="14:14">
      <c r="N875897" s="10"/>
    </row>
    <row r="875898" spans="14:14">
      <c r="N875898" s="10"/>
    </row>
    <row r="875899" spans="14:14">
      <c r="N875899" s="10"/>
    </row>
    <row r="875900" spans="14:14">
      <c r="N875900" s="10"/>
    </row>
    <row r="875901" spans="14:14">
      <c r="N875901" s="10"/>
    </row>
    <row r="875902" spans="14:14">
      <c r="N875902" s="10"/>
    </row>
    <row r="875903" spans="14:14">
      <c r="N875903" s="10"/>
    </row>
    <row r="875904" spans="14:14">
      <c r="N875904" s="10"/>
    </row>
    <row r="875905" spans="14:14">
      <c r="N875905" s="10"/>
    </row>
    <row r="875906" spans="14:14">
      <c r="N875906" s="10"/>
    </row>
    <row r="875907" spans="14:14">
      <c r="N875907" s="10"/>
    </row>
    <row r="875908" spans="14:14">
      <c r="N875908" s="10"/>
    </row>
    <row r="875909" spans="14:14">
      <c r="N875909" s="10"/>
    </row>
    <row r="875910" spans="14:14">
      <c r="N875910" s="10"/>
    </row>
    <row r="875911" spans="14:14">
      <c r="N875911" s="10"/>
    </row>
    <row r="875912" spans="14:14">
      <c r="N875912" s="10"/>
    </row>
    <row r="875913" spans="14:14">
      <c r="N875913" s="10"/>
    </row>
    <row r="875914" spans="14:14">
      <c r="N875914" s="10"/>
    </row>
    <row r="875915" spans="14:14">
      <c r="N875915" s="10"/>
    </row>
    <row r="875916" spans="14:14">
      <c r="N875916" s="10"/>
    </row>
    <row r="875917" spans="14:14">
      <c r="N875917" s="10"/>
    </row>
    <row r="875918" spans="14:14">
      <c r="N875918" s="10"/>
    </row>
    <row r="875919" spans="14:14">
      <c r="N875919" s="10"/>
    </row>
    <row r="875920" spans="14:14">
      <c r="N875920" s="10"/>
    </row>
    <row r="875921" spans="14:14">
      <c r="N875921" s="10"/>
    </row>
    <row r="875922" spans="14:14">
      <c r="N875922" s="10"/>
    </row>
    <row r="875923" spans="14:14">
      <c r="N875923" s="10"/>
    </row>
    <row r="875924" spans="14:14">
      <c r="N875924" s="10"/>
    </row>
    <row r="875925" spans="14:14">
      <c r="N875925" s="10"/>
    </row>
    <row r="875926" spans="14:14">
      <c r="N875926" s="10"/>
    </row>
    <row r="875927" spans="14:14">
      <c r="N875927" s="10"/>
    </row>
    <row r="875928" spans="14:14">
      <c r="N875928" s="10"/>
    </row>
    <row r="875929" spans="14:14">
      <c r="N875929" s="10"/>
    </row>
    <row r="875930" spans="14:14">
      <c r="N875930" s="10"/>
    </row>
    <row r="875931" spans="14:14">
      <c r="N875931" s="10"/>
    </row>
    <row r="875932" spans="14:14">
      <c r="N875932" s="10"/>
    </row>
    <row r="875933" spans="14:14">
      <c r="N875933" s="10"/>
    </row>
    <row r="875934" spans="14:14">
      <c r="N875934" s="10"/>
    </row>
    <row r="875935" spans="14:14">
      <c r="N875935" s="10"/>
    </row>
    <row r="875936" spans="14:14">
      <c r="N875936" s="10"/>
    </row>
    <row r="875937" spans="14:14">
      <c r="N875937" s="10"/>
    </row>
    <row r="875938" spans="14:14">
      <c r="N875938" s="10"/>
    </row>
    <row r="875939" spans="14:14">
      <c r="N875939" s="10"/>
    </row>
    <row r="875940" spans="14:14">
      <c r="N875940" s="10"/>
    </row>
    <row r="875941" spans="14:14">
      <c r="N875941" s="10"/>
    </row>
    <row r="875942" spans="14:14">
      <c r="N875942" s="10"/>
    </row>
    <row r="875943" spans="14:14">
      <c r="N875943" s="10"/>
    </row>
    <row r="875944" spans="14:14">
      <c r="N875944" s="10"/>
    </row>
    <row r="875945" spans="14:14">
      <c r="N875945" s="10"/>
    </row>
    <row r="875946" spans="14:14">
      <c r="N875946" s="10"/>
    </row>
    <row r="875947" spans="14:14">
      <c r="N875947" s="10"/>
    </row>
    <row r="875948" spans="14:14">
      <c r="N875948" s="10"/>
    </row>
    <row r="875949" spans="14:14">
      <c r="N875949" s="10"/>
    </row>
    <row r="875950" spans="14:14">
      <c r="N875950" s="10"/>
    </row>
    <row r="875951" spans="14:14">
      <c r="N875951" s="10"/>
    </row>
    <row r="875952" spans="14:14">
      <c r="N875952" s="10"/>
    </row>
    <row r="875953" spans="14:14">
      <c r="N875953" s="10"/>
    </row>
    <row r="875954" spans="14:14">
      <c r="N875954" s="10"/>
    </row>
    <row r="875955" spans="14:14">
      <c r="N875955" s="10"/>
    </row>
    <row r="875956" spans="14:14">
      <c r="N875956" s="10"/>
    </row>
    <row r="875957" spans="14:14">
      <c r="N875957" s="10"/>
    </row>
    <row r="875958" spans="14:14">
      <c r="N875958" s="10"/>
    </row>
    <row r="875959" spans="14:14">
      <c r="N875959" s="10"/>
    </row>
    <row r="875960" spans="14:14">
      <c r="N875960" s="10"/>
    </row>
    <row r="875961" spans="14:14">
      <c r="N875961" s="10"/>
    </row>
    <row r="875962" spans="14:14">
      <c r="N875962" s="10"/>
    </row>
    <row r="875963" spans="14:14">
      <c r="N875963" s="10"/>
    </row>
    <row r="875964" spans="14:14">
      <c r="N875964" s="10"/>
    </row>
    <row r="875965" spans="14:14">
      <c r="N875965" s="10"/>
    </row>
    <row r="875966" spans="14:14">
      <c r="N875966" s="10"/>
    </row>
    <row r="875967" spans="14:14">
      <c r="N875967" s="10"/>
    </row>
    <row r="875968" spans="14:14">
      <c r="N875968" s="10"/>
    </row>
    <row r="875969" spans="14:14">
      <c r="N875969" s="10"/>
    </row>
    <row r="875970" spans="14:14">
      <c r="N875970" s="10"/>
    </row>
    <row r="875971" spans="14:14">
      <c r="N875971" s="10"/>
    </row>
    <row r="875972" spans="14:14">
      <c r="N875972" s="10"/>
    </row>
    <row r="875973" spans="14:14">
      <c r="N875973" s="10"/>
    </row>
    <row r="875974" spans="14:14">
      <c r="N875974" s="10"/>
    </row>
    <row r="875975" spans="14:14">
      <c r="N875975" s="10"/>
    </row>
    <row r="875976" spans="14:14">
      <c r="N875976" s="10"/>
    </row>
    <row r="875977" spans="14:14">
      <c r="N875977" s="10"/>
    </row>
    <row r="875978" spans="14:14">
      <c r="N875978" s="10"/>
    </row>
    <row r="875979" spans="14:14">
      <c r="N875979" s="10"/>
    </row>
    <row r="875980" spans="14:14">
      <c r="N875980" s="10"/>
    </row>
    <row r="875981" spans="14:14">
      <c r="N875981" s="10"/>
    </row>
    <row r="875982" spans="14:14">
      <c r="N875982" s="10"/>
    </row>
    <row r="875983" spans="14:14">
      <c r="N875983" s="10"/>
    </row>
    <row r="875984" spans="14:14">
      <c r="N875984" s="10"/>
    </row>
    <row r="875985" spans="14:14">
      <c r="N875985" s="10"/>
    </row>
    <row r="875986" spans="14:14">
      <c r="N875986" s="10"/>
    </row>
    <row r="875987" spans="14:14">
      <c r="N875987" s="10"/>
    </row>
    <row r="875988" spans="14:14">
      <c r="N875988" s="10"/>
    </row>
    <row r="875989" spans="14:14">
      <c r="N875989" s="10"/>
    </row>
    <row r="875990" spans="14:14">
      <c r="N875990" s="10"/>
    </row>
    <row r="875991" spans="14:14">
      <c r="N875991" s="10"/>
    </row>
    <row r="875992" spans="14:14">
      <c r="N875992" s="10"/>
    </row>
    <row r="875993" spans="14:14">
      <c r="N875993" s="10"/>
    </row>
    <row r="875994" spans="14:14">
      <c r="N875994" s="10"/>
    </row>
    <row r="875995" spans="14:14">
      <c r="N875995" s="10"/>
    </row>
    <row r="875996" spans="14:14">
      <c r="N875996" s="10"/>
    </row>
    <row r="875997" spans="14:14">
      <c r="N875997" s="10"/>
    </row>
    <row r="875998" spans="14:14">
      <c r="N875998" s="10"/>
    </row>
    <row r="875999" spans="14:14">
      <c r="N875999" s="10"/>
    </row>
    <row r="876000" spans="14:14">
      <c r="N876000" s="10"/>
    </row>
    <row r="876001" spans="14:14">
      <c r="N876001" s="10"/>
    </row>
    <row r="876002" spans="14:14">
      <c r="N876002" s="10"/>
    </row>
    <row r="876003" spans="14:14">
      <c r="N876003" s="10"/>
    </row>
    <row r="876004" spans="14:14">
      <c r="N876004" s="10"/>
    </row>
    <row r="876005" spans="14:14">
      <c r="N876005" s="10"/>
    </row>
    <row r="876006" spans="14:14">
      <c r="N876006" s="10"/>
    </row>
    <row r="876007" spans="14:14">
      <c r="N876007" s="10"/>
    </row>
    <row r="876008" spans="14:14">
      <c r="N876008" s="10"/>
    </row>
    <row r="876009" spans="14:14">
      <c r="N876009" s="10"/>
    </row>
    <row r="876010" spans="14:14">
      <c r="N876010" s="10"/>
    </row>
    <row r="876011" spans="14:14">
      <c r="N876011" s="10"/>
    </row>
    <row r="876012" spans="14:14">
      <c r="N876012" s="10"/>
    </row>
    <row r="876013" spans="14:14">
      <c r="N876013" s="10"/>
    </row>
    <row r="876014" spans="14:14">
      <c r="N876014" s="10"/>
    </row>
    <row r="876015" spans="14:14">
      <c r="N876015" s="10"/>
    </row>
    <row r="876016" spans="14:14">
      <c r="N876016" s="10"/>
    </row>
    <row r="876017" spans="14:14">
      <c r="N876017" s="10"/>
    </row>
    <row r="876018" spans="14:14">
      <c r="N876018" s="10"/>
    </row>
    <row r="876019" spans="14:14">
      <c r="N876019" s="10"/>
    </row>
    <row r="876020" spans="14:14">
      <c r="N876020" s="10"/>
    </row>
    <row r="876021" spans="14:14">
      <c r="N876021" s="10"/>
    </row>
    <row r="876022" spans="14:14">
      <c r="N876022" s="10"/>
    </row>
    <row r="876023" spans="14:14">
      <c r="N876023" s="10"/>
    </row>
    <row r="876024" spans="14:14">
      <c r="N876024" s="10"/>
    </row>
    <row r="876025" spans="14:14">
      <c r="N876025" s="10"/>
    </row>
    <row r="876026" spans="14:14">
      <c r="N876026" s="10"/>
    </row>
    <row r="876027" spans="14:14">
      <c r="N876027" s="10"/>
    </row>
    <row r="876028" spans="14:14">
      <c r="N876028" s="10"/>
    </row>
    <row r="876029" spans="14:14">
      <c r="N876029" s="10"/>
    </row>
    <row r="876030" spans="14:14">
      <c r="N876030" s="10"/>
    </row>
    <row r="876031" spans="14:14">
      <c r="N876031" s="10"/>
    </row>
    <row r="876032" spans="14:14">
      <c r="N876032" s="10"/>
    </row>
    <row r="876033" spans="14:14">
      <c r="N876033" s="10"/>
    </row>
    <row r="876034" spans="14:14">
      <c r="N876034" s="10"/>
    </row>
    <row r="876035" spans="14:14">
      <c r="N876035" s="10"/>
    </row>
    <row r="876036" spans="14:14">
      <c r="N876036" s="10"/>
    </row>
    <row r="876037" spans="14:14">
      <c r="N876037" s="10"/>
    </row>
    <row r="876038" spans="14:14">
      <c r="N876038" s="10"/>
    </row>
    <row r="876039" spans="14:14">
      <c r="N876039" s="10"/>
    </row>
    <row r="876040" spans="14:14">
      <c r="N876040" s="10"/>
    </row>
    <row r="876041" spans="14:14">
      <c r="N876041" s="10"/>
    </row>
    <row r="876042" spans="14:14">
      <c r="N876042" s="10"/>
    </row>
    <row r="876043" spans="14:14">
      <c r="N876043" s="10"/>
    </row>
    <row r="876044" spans="14:14">
      <c r="N876044" s="10"/>
    </row>
    <row r="876045" spans="14:14">
      <c r="N876045" s="10"/>
    </row>
    <row r="876046" spans="14:14">
      <c r="N876046" s="10"/>
    </row>
    <row r="876047" spans="14:14">
      <c r="N876047" s="10"/>
    </row>
    <row r="876048" spans="14:14">
      <c r="N876048" s="10"/>
    </row>
    <row r="876049" spans="14:14">
      <c r="N876049" s="10"/>
    </row>
    <row r="876050" spans="14:14">
      <c r="N876050" s="10"/>
    </row>
    <row r="876051" spans="14:14">
      <c r="N876051" s="10"/>
    </row>
    <row r="876052" spans="14:14">
      <c r="N876052" s="10"/>
    </row>
    <row r="876053" spans="14:14">
      <c r="N876053" s="10"/>
    </row>
    <row r="876054" spans="14:14">
      <c r="N876054" s="10"/>
    </row>
    <row r="876055" spans="14:14">
      <c r="N876055" s="10"/>
    </row>
    <row r="876056" spans="14:14">
      <c r="N876056" s="10"/>
    </row>
    <row r="876057" spans="14:14">
      <c r="N876057" s="10"/>
    </row>
    <row r="876058" spans="14:14">
      <c r="N876058" s="10"/>
    </row>
    <row r="876059" spans="14:14">
      <c r="N876059" s="10"/>
    </row>
    <row r="876060" spans="14:14">
      <c r="N876060" s="10"/>
    </row>
    <row r="876061" spans="14:14">
      <c r="N876061" s="10"/>
    </row>
    <row r="876062" spans="14:14">
      <c r="N876062" s="10"/>
    </row>
    <row r="876063" spans="14:14">
      <c r="N876063" s="10"/>
    </row>
    <row r="876064" spans="14:14">
      <c r="N876064" s="10"/>
    </row>
    <row r="876065" spans="14:14">
      <c r="N876065" s="10"/>
    </row>
    <row r="876066" spans="14:14">
      <c r="N876066" s="10"/>
    </row>
    <row r="876067" spans="14:14">
      <c r="N876067" s="10"/>
    </row>
    <row r="876068" spans="14:14">
      <c r="N876068" s="10"/>
    </row>
    <row r="876069" spans="14:14">
      <c r="N876069" s="10"/>
    </row>
    <row r="876070" spans="14:14">
      <c r="N876070" s="10"/>
    </row>
    <row r="876071" spans="14:14">
      <c r="N876071" s="10"/>
    </row>
    <row r="876072" spans="14:14">
      <c r="N876072" s="10"/>
    </row>
    <row r="876073" spans="14:14">
      <c r="N876073" s="10"/>
    </row>
    <row r="876074" spans="14:14">
      <c r="N876074" s="10"/>
    </row>
    <row r="876075" spans="14:14">
      <c r="N876075" s="10"/>
    </row>
    <row r="876076" spans="14:14">
      <c r="N876076" s="10"/>
    </row>
    <row r="876077" spans="14:14">
      <c r="N876077" s="10"/>
    </row>
    <row r="876078" spans="14:14">
      <c r="N876078" s="10"/>
    </row>
    <row r="876079" spans="14:14">
      <c r="N876079" s="10"/>
    </row>
    <row r="876080" spans="14:14">
      <c r="N876080" s="10"/>
    </row>
    <row r="876081" spans="14:14">
      <c r="N876081" s="10"/>
    </row>
    <row r="876082" spans="14:14">
      <c r="N876082" s="10"/>
    </row>
    <row r="876083" spans="14:14">
      <c r="N876083" s="10"/>
    </row>
    <row r="876084" spans="14:14">
      <c r="N876084" s="10"/>
    </row>
    <row r="876085" spans="14:14">
      <c r="N876085" s="10"/>
    </row>
    <row r="876086" spans="14:14">
      <c r="N876086" s="10"/>
    </row>
    <row r="876087" spans="14:14">
      <c r="N876087" s="10"/>
    </row>
    <row r="876088" spans="14:14">
      <c r="N876088" s="10"/>
    </row>
    <row r="876089" spans="14:14">
      <c r="N876089" s="10"/>
    </row>
    <row r="876090" spans="14:14">
      <c r="N876090" s="10"/>
    </row>
    <row r="876091" spans="14:14">
      <c r="N876091" s="10"/>
    </row>
    <row r="876092" spans="14:14">
      <c r="N876092" s="10"/>
    </row>
    <row r="876093" spans="14:14">
      <c r="N876093" s="10"/>
    </row>
    <row r="876094" spans="14:14">
      <c r="N876094" s="10"/>
    </row>
    <row r="876095" spans="14:14">
      <c r="N876095" s="10"/>
    </row>
    <row r="876096" spans="14:14">
      <c r="N876096" s="10"/>
    </row>
    <row r="876097" spans="14:14">
      <c r="N876097" s="10"/>
    </row>
    <row r="876098" spans="14:14">
      <c r="N876098" s="10"/>
    </row>
    <row r="876099" spans="14:14">
      <c r="N876099" s="10"/>
    </row>
    <row r="876100" spans="14:14">
      <c r="N876100" s="10"/>
    </row>
    <row r="876101" spans="14:14">
      <c r="N876101" s="10"/>
    </row>
    <row r="876102" spans="14:14">
      <c r="N876102" s="10"/>
    </row>
    <row r="876103" spans="14:14">
      <c r="N876103" s="10"/>
    </row>
    <row r="876104" spans="14:14">
      <c r="N876104" s="10"/>
    </row>
    <row r="876105" spans="14:14">
      <c r="N876105" s="10"/>
    </row>
    <row r="876106" spans="14:14">
      <c r="N876106" s="10"/>
    </row>
    <row r="876107" spans="14:14">
      <c r="N876107" s="10"/>
    </row>
    <row r="876108" spans="14:14">
      <c r="N876108" s="10"/>
    </row>
    <row r="876109" spans="14:14">
      <c r="N876109" s="10"/>
    </row>
    <row r="876110" spans="14:14">
      <c r="N876110" s="10"/>
    </row>
    <row r="876111" spans="14:14">
      <c r="N876111" s="10"/>
    </row>
    <row r="876112" spans="14:14">
      <c r="N876112" s="10"/>
    </row>
    <row r="876113" spans="14:14">
      <c r="N876113" s="10"/>
    </row>
    <row r="876114" spans="14:14">
      <c r="N876114" s="10"/>
    </row>
    <row r="876115" spans="14:14">
      <c r="N876115" s="10"/>
    </row>
    <row r="876116" spans="14:14">
      <c r="N876116" s="10"/>
    </row>
    <row r="876117" spans="14:14">
      <c r="N876117" s="10"/>
    </row>
    <row r="876118" spans="14:14">
      <c r="N876118" s="10"/>
    </row>
    <row r="876119" spans="14:14">
      <c r="N876119" s="10"/>
    </row>
    <row r="876120" spans="14:14">
      <c r="N876120" s="10"/>
    </row>
    <row r="876121" spans="14:14">
      <c r="N876121" s="10"/>
    </row>
    <row r="876122" spans="14:14">
      <c r="N876122" s="10"/>
    </row>
    <row r="876123" spans="14:14">
      <c r="N876123" s="10"/>
    </row>
    <row r="876124" spans="14:14">
      <c r="N876124" s="10"/>
    </row>
    <row r="876125" spans="14:14">
      <c r="N876125" s="10"/>
    </row>
    <row r="876126" spans="14:14">
      <c r="N876126" s="10"/>
    </row>
    <row r="876127" spans="14:14">
      <c r="N876127" s="10"/>
    </row>
    <row r="876128" spans="14:14">
      <c r="N876128" s="10"/>
    </row>
    <row r="876129" spans="14:14">
      <c r="N876129" s="10"/>
    </row>
    <row r="876130" spans="14:14">
      <c r="N876130" s="10"/>
    </row>
    <row r="876131" spans="14:14">
      <c r="N876131" s="10"/>
    </row>
    <row r="876132" spans="14:14">
      <c r="N876132" s="10"/>
    </row>
    <row r="876133" spans="14:14">
      <c r="N876133" s="10"/>
    </row>
    <row r="876134" spans="14:14">
      <c r="N876134" s="10"/>
    </row>
    <row r="876135" spans="14:14">
      <c r="N876135" s="10"/>
    </row>
    <row r="876136" spans="14:14">
      <c r="N876136" s="10"/>
    </row>
    <row r="876137" spans="14:14">
      <c r="N876137" s="10"/>
    </row>
    <row r="876138" spans="14:14">
      <c r="N876138" s="10"/>
    </row>
    <row r="876139" spans="14:14">
      <c r="N876139" s="10"/>
    </row>
    <row r="876140" spans="14:14">
      <c r="N876140" s="10"/>
    </row>
    <row r="876141" spans="14:14">
      <c r="N876141" s="10"/>
    </row>
    <row r="876142" spans="14:14">
      <c r="N876142" s="10"/>
    </row>
    <row r="876143" spans="14:14">
      <c r="N876143" s="10"/>
    </row>
    <row r="876144" spans="14:14">
      <c r="N876144" s="10"/>
    </row>
    <row r="876145" spans="14:14">
      <c r="N876145" s="10"/>
    </row>
    <row r="876146" spans="14:14">
      <c r="N876146" s="10"/>
    </row>
    <row r="876147" spans="14:14">
      <c r="N876147" s="10"/>
    </row>
    <row r="876148" spans="14:14">
      <c r="N876148" s="10"/>
    </row>
    <row r="876149" spans="14:14">
      <c r="N876149" s="10"/>
    </row>
    <row r="876150" spans="14:14">
      <c r="N876150" s="10"/>
    </row>
    <row r="876151" spans="14:14">
      <c r="N876151" s="10"/>
    </row>
    <row r="876152" spans="14:14">
      <c r="N876152" s="10"/>
    </row>
    <row r="876153" spans="14:14">
      <c r="N876153" s="10"/>
    </row>
    <row r="876154" spans="14:14">
      <c r="N876154" s="10"/>
    </row>
    <row r="876155" spans="14:14">
      <c r="N876155" s="10"/>
    </row>
    <row r="876156" spans="14:14">
      <c r="N876156" s="10"/>
    </row>
    <row r="876157" spans="14:14">
      <c r="N876157" s="10"/>
    </row>
    <row r="876158" spans="14:14">
      <c r="N876158" s="10"/>
    </row>
    <row r="876159" spans="14:14">
      <c r="N876159" s="10"/>
    </row>
    <row r="876160" spans="14:14">
      <c r="N876160" s="10"/>
    </row>
    <row r="876161" spans="14:14">
      <c r="N876161" s="10"/>
    </row>
    <row r="876162" spans="14:14">
      <c r="N876162" s="10"/>
    </row>
    <row r="876163" spans="14:14">
      <c r="N876163" s="10"/>
    </row>
    <row r="876164" spans="14:14">
      <c r="N876164" s="10"/>
    </row>
    <row r="876165" spans="14:14">
      <c r="N876165" s="10"/>
    </row>
    <row r="876166" spans="14:14">
      <c r="N876166" s="10"/>
    </row>
    <row r="876167" spans="14:14">
      <c r="N876167" s="10"/>
    </row>
    <row r="876168" spans="14:14">
      <c r="N876168" s="10"/>
    </row>
    <row r="876169" spans="14:14">
      <c r="N876169" s="10"/>
    </row>
    <row r="876170" spans="14:14">
      <c r="N876170" s="10"/>
    </row>
    <row r="876171" spans="14:14">
      <c r="N876171" s="10"/>
    </row>
    <row r="876172" spans="14:14">
      <c r="N876172" s="10"/>
    </row>
    <row r="876173" spans="14:14">
      <c r="N876173" s="10"/>
    </row>
    <row r="876174" spans="14:14">
      <c r="N876174" s="10"/>
    </row>
    <row r="876175" spans="14:14">
      <c r="N876175" s="10"/>
    </row>
    <row r="876176" spans="14:14">
      <c r="N876176" s="10"/>
    </row>
    <row r="876177" spans="14:14">
      <c r="N876177" s="10"/>
    </row>
    <row r="876178" spans="14:14">
      <c r="N876178" s="10"/>
    </row>
    <row r="876179" spans="14:14">
      <c r="N876179" s="10"/>
    </row>
    <row r="876180" spans="14:14">
      <c r="N876180" s="10"/>
    </row>
    <row r="876181" spans="14:14">
      <c r="N876181" s="10"/>
    </row>
    <row r="876182" spans="14:14">
      <c r="N876182" s="10"/>
    </row>
    <row r="876183" spans="14:14">
      <c r="N876183" s="10"/>
    </row>
    <row r="876184" spans="14:14">
      <c r="N876184" s="10"/>
    </row>
    <row r="876185" spans="14:14">
      <c r="N876185" s="10"/>
    </row>
    <row r="876186" spans="14:14">
      <c r="N876186" s="10"/>
    </row>
    <row r="876187" spans="14:14">
      <c r="N876187" s="10"/>
    </row>
    <row r="876188" spans="14:14">
      <c r="N876188" s="10"/>
    </row>
    <row r="876189" spans="14:14">
      <c r="N876189" s="10"/>
    </row>
    <row r="876190" spans="14:14">
      <c r="N876190" s="10"/>
    </row>
    <row r="876191" spans="14:14">
      <c r="N876191" s="10"/>
    </row>
    <row r="876192" spans="14:14">
      <c r="N876192" s="10"/>
    </row>
    <row r="876193" spans="14:14">
      <c r="N876193" s="10"/>
    </row>
    <row r="876194" spans="14:14">
      <c r="N876194" s="10"/>
    </row>
    <row r="876195" spans="14:14">
      <c r="N876195" s="10"/>
    </row>
    <row r="876196" spans="14:14">
      <c r="N876196" s="10"/>
    </row>
    <row r="876197" spans="14:14">
      <c r="N876197" s="10"/>
    </row>
    <row r="876198" spans="14:14">
      <c r="N876198" s="10"/>
    </row>
    <row r="876199" spans="14:14">
      <c r="N876199" s="10"/>
    </row>
    <row r="876200" spans="14:14">
      <c r="N876200" s="10"/>
    </row>
    <row r="876201" spans="14:14">
      <c r="N876201" s="10"/>
    </row>
    <row r="876202" spans="14:14">
      <c r="N876202" s="10"/>
    </row>
    <row r="876203" spans="14:14">
      <c r="N876203" s="10"/>
    </row>
    <row r="876204" spans="14:14">
      <c r="N876204" s="10"/>
    </row>
    <row r="876205" spans="14:14">
      <c r="N876205" s="10"/>
    </row>
    <row r="876206" spans="14:14">
      <c r="N876206" s="10"/>
    </row>
    <row r="876207" spans="14:14">
      <c r="N876207" s="10"/>
    </row>
    <row r="876208" spans="14:14">
      <c r="N876208" s="10"/>
    </row>
    <row r="876209" spans="14:14">
      <c r="N876209" s="10"/>
    </row>
    <row r="876210" spans="14:14">
      <c r="N876210" s="10"/>
    </row>
    <row r="876211" spans="14:14">
      <c r="N876211" s="10"/>
    </row>
    <row r="876212" spans="14:14">
      <c r="N876212" s="10"/>
    </row>
    <row r="876213" spans="14:14">
      <c r="N876213" s="10"/>
    </row>
    <row r="876214" spans="14:14">
      <c r="N876214" s="10"/>
    </row>
    <row r="876215" spans="14:14">
      <c r="N876215" s="10"/>
    </row>
    <row r="876216" spans="14:14">
      <c r="N876216" s="10"/>
    </row>
    <row r="876217" spans="14:14">
      <c r="N876217" s="10"/>
    </row>
    <row r="876218" spans="14:14">
      <c r="N876218" s="10"/>
    </row>
    <row r="876219" spans="14:14">
      <c r="N876219" s="10"/>
    </row>
    <row r="876220" spans="14:14">
      <c r="N876220" s="10"/>
    </row>
    <row r="876221" spans="14:14">
      <c r="N876221" s="10"/>
    </row>
    <row r="876222" spans="14:14">
      <c r="N876222" s="10"/>
    </row>
    <row r="876223" spans="14:14">
      <c r="N876223" s="10"/>
    </row>
    <row r="876224" spans="14:14">
      <c r="N876224" s="10"/>
    </row>
    <row r="876225" spans="14:14">
      <c r="N876225" s="10"/>
    </row>
    <row r="876226" spans="14:14">
      <c r="N876226" s="10"/>
    </row>
    <row r="876227" spans="14:14">
      <c r="N876227" s="10"/>
    </row>
    <row r="876228" spans="14:14">
      <c r="N876228" s="10"/>
    </row>
    <row r="876229" spans="14:14">
      <c r="N876229" s="10"/>
    </row>
    <row r="876230" spans="14:14">
      <c r="N876230" s="10"/>
    </row>
    <row r="876231" spans="14:14">
      <c r="N876231" s="10"/>
    </row>
    <row r="876232" spans="14:14">
      <c r="N876232" s="10"/>
    </row>
    <row r="876233" spans="14:14">
      <c r="N876233" s="10"/>
    </row>
    <row r="876234" spans="14:14">
      <c r="N876234" s="10"/>
    </row>
    <row r="876235" spans="14:14">
      <c r="N876235" s="10"/>
    </row>
    <row r="876236" spans="14:14">
      <c r="N876236" s="10"/>
    </row>
    <row r="876237" spans="14:14">
      <c r="N876237" s="10"/>
    </row>
    <row r="876238" spans="14:14">
      <c r="N876238" s="10"/>
    </row>
    <row r="876239" spans="14:14">
      <c r="N876239" s="10"/>
    </row>
    <row r="876240" spans="14:14">
      <c r="N876240" s="10"/>
    </row>
    <row r="876241" spans="14:14">
      <c r="N876241" s="10"/>
    </row>
    <row r="876242" spans="14:14">
      <c r="N876242" s="10"/>
    </row>
    <row r="876243" spans="14:14">
      <c r="N876243" s="10"/>
    </row>
    <row r="876244" spans="14:14">
      <c r="N876244" s="10"/>
    </row>
    <row r="876245" spans="14:14">
      <c r="N876245" s="10"/>
    </row>
    <row r="876246" spans="14:14">
      <c r="N876246" s="10"/>
    </row>
    <row r="876247" spans="14:14">
      <c r="N876247" s="10"/>
    </row>
    <row r="876248" spans="14:14">
      <c r="N876248" s="10"/>
    </row>
    <row r="876249" spans="14:14">
      <c r="N876249" s="10"/>
    </row>
    <row r="876250" spans="14:14">
      <c r="N876250" s="10"/>
    </row>
    <row r="876251" spans="14:14">
      <c r="N876251" s="10"/>
    </row>
    <row r="876252" spans="14:14">
      <c r="N876252" s="10"/>
    </row>
    <row r="876253" spans="14:14">
      <c r="N876253" s="10"/>
    </row>
    <row r="876254" spans="14:14">
      <c r="N876254" s="10"/>
    </row>
    <row r="876255" spans="14:14">
      <c r="N876255" s="10"/>
    </row>
    <row r="876256" spans="14:14">
      <c r="N876256" s="10"/>
    </row>
    <row r="876257" spans="14:14">
      <c r="N876257" s="10"/>
    </row>
    <row r="876258" spans="14:14">
      <c r="N876258" s="10"/>
    </row>
    <row r="876259" spans="14:14">
      <c r="N876259" s="10"/>
    </row>
    <row r="876260" spans="14:14">
      <c r="N876260" s="10"/>
    </row>
    <row r="876261" spans="14:14">
      <c r="N876261" s="10"/>
    </row>
    <row r="876262" spans="14:14">
      <c r="N876262" s="10"/>
    </row>
    <row r="876263" spans="14:14">
      <c r="N876263" s="10"/>
    </row>
    <row r="876264" spans="14:14">
      <c r="N876264" s="10"/>
    </row>
    <row r="876265" spans="14:14">
      <c r="N876265" s="10"/>
    </row>
    <row r="876266" spans="14:14">
      <c r="N876266" s="10"/>
    </row>
    <row r="876267" spans="14:14">
      <c r="N876267" s="10"/>
    </row>
    <row r="876268" spans="14:14">
      <c r="N876268" s="10"/>
    </row>
    <row r="876269" spans="14:14">
      <c r="N876269" s="10"/>
    </row>
    <row r="876270" spans="14:14">
      <c r="N876270" s="10"/>
    </row>
    <row r="876271" spans="14:14">
      <c r="N876271" s="10"/>
    </row>
    <row r="876272" spans="14:14">
      <c r="N876272" s="10"/>
    </row>
    <row r="876273" spans="14:14">
      <c r="N876273" s="10"/>
    </row>
    <row r="876274" spans="14:14">
      <c r="N876274" s="10"/>
    </row>
    <row r="876275" spans="14:14">
      <c r="N876275" s="10"/>
    </row>
    <row r="876276" spans="14:14">
      <c r="N876276" s="10"/>
    </row>
    <row r="876277" spans="14:14">
      <c r="N876277" s="10"/>
    </row>
    <row r="876278" spans="14:14">
      <c r="N876278" s="10"/>
    </row>
    <row r="876279" spans="14:14">
      <c r="N876279" s="10"/>
    </row>
    <row r="876280" spans="14:14">
      <c r="N876280" s="10"/>
    </row>
    <row r="876281" spans="14:14">
      <c r="N876281" s="10"/>
    </row>
    <row r="876282" spans="14:14">
      <c r="N876282" s="10"/>
    </row>
    <row r="876283" spans="14:14">
      <c r="N876283" s="10"/>
    </row>
    <row r="876284" spans="14:14">
      <c r="N876284" s="10"/>
    </row>
    <row r="876285" spans="14:14">
      <c r="N876285" s="10"/>
    </row>
    <row r="876286" spans="14:14">
      <c r="N876286" s="10"/>
    </row>
    <row r="876287" spans="14:14">
      <c r="N876287" s="10"/>
    </row>
    <row r="876288" spans="14:14">
      <c r="N876288" s="10"/>
    </row>
    <row r="876289" spans="14:14">
      <c r="N876289" s="10"/>
    </row>
    <row r="876290" spans="14:14">
      <c r="N876290" s="10"/>
    </row>
    <row r="876291" spans="14:14">
      <c r="N876291" s="10"/>
    </row>
    <row r="876292" spans="14:14">
      <c r="N876292" s="10"/>
    </row>
    <row r="876293" spans="14:14">
      <c r="N876293" s="10"/>
    </row>
    <row r="876294" spans="14:14">
      <c r="N876294" s="10"/>
    </row>
    <row r="876295" spans="14:14">
      <c r="N876295" s="10"/>
    </row>
    <row r="876296" spans="14:14">
      <c r="N876296" s="10"/>
    </row>
    <row r="876297" spans="14:14">
      <c r="N876297" s="10"/>
    </row>
    <row r="876298" spans="14:14">
      <c r="N876298" s="10"/>
    </row>
    <row r="876299" spans="14:14">
      <c r="N876299" s="10"/>
    </row>
    <row r="876300" spans="14:14">
      <c r="N876300" s="10"/>
    </row>
    <row r="876301" spans="14:14">
      <c r="N876301" s="10"/>
    </row>
    <row r="876302" spans="14:14">
      <c r="N876302" s="10"/>
    </row>
    <row r="876303" spans="14:14">
      <c r="N876303" s="10"/>
    </row>
    <row r="876304" spans="14:14">
      <c r="N876304" s="10"/>
    </row>
    <row r="876305" spans="14:14">
      <c r="N876305" s="10"/>
    </row>
    <row r="876306" spans="14:14">
      <c r="N876306" s="10"/>
    </row>
    <row r="876307" spans="14:14">
      <c r="N876307" s="10"/>
    </row>
    <row r="876308" spans="14:14">
      <c r="N876308" s="10"/>
    </row>
    <row r="876309" spans="14:14">
      <c r="N876309" s="10"/>
    </row>
    <row r="876310" spans="14:14">
      <c r="N876310" s="10"/>
    </row>
    <row r="876311" spans="14:14">
      <c r="N876311" s="10"/>
    </row>
    <row r="876312" spans="14:14">
      <c r="N876312" s="10"/>
    </row>
    <row r="876313" spans="14:14">
      <c r="N876313" s="10"/>
    </row>
    <row r="876314" spans="14:14">
      <c r="N876314" s="10"/>
    </row>
    <row r="876315" spans="14:14">
      <c r="N876315" s="10"/>
    </row>
    <row r="876316" spans="14:14">
      <c r="N876316" s="10"/>
    </row>
    <row r="876317" spans="14:14">
      <c r="N876317" s="10"/>
    </row>
    <row r="876318" spans="14:14">
      <c r="N876318" s="10"/>
    </row>
    <row r="876319" spans="14:14">
      <c r="N876319" s="10"/>
    </row>
    <row r="876320" spans="14:14">
      <c r="N876320" s="10"/>
    </row>
    <row r="876321" spans="14:14">
      <c r="N876321" s="10"/>
    </row>
    <row r="876322" spans="14:14">
      <c r="N876322" s="10"/>
    </row>
    <row r="876323" spans="14:14">
      <c r="N876323" s="10"/>
    </row>
    <row r="876324" spans="14:14">
      <c r="N876324" s="10"/>
    </row>
    <row r="876325" spans="14:14">
      <c r="N876325" s="10"/>
    </row>
    <row r="876326" spans="14:14">
      <c r="N876326" s="10"/>
    </row>
    <row r="876327" spans="14:14">
      <c r="N876327" s="10"/>
    </row>
    <row r="876328" spans="14:14">
      <c r="N876328" s="10"/>
    </row>
    <row r="876329" spans="14:14">
      <c r="N876329" s="10"/>
    </row>
    <row r="876330" spans="14:14">
      <c r="N876330" s="10"/>
    </row>
    <row r="876331" spans="14:14">
      <c r="N876331" s="10"/>
    </row>
    <row r="876332" spans="14:14">
      <c r="N876332" s="10"/>
    </row>
    <row r="876333" spans="14:14">
      <c r="N876333" s="10"/>
    </row>
    <row r="876334" spans="14:14">
      <c r="N876334" s="10"/>
    </row>
    <row r="876335" spans="14:14">
      <c r="N876335" s="10"/>
    </row>
    <row r="876336" spans="14:14">
      <c r="N876336" s="10"/>
    </row>
    <row r="876337" spans="14:14">
      <c r="N876337" s="10"/>
    </row>
    <row r="876338" spans="14:14">
      <c r="N876338" s="10"/>
    </row>
    <row r="876339" spans="14:14">
      <c r="N876339" s="10"/>
    </row>
    <row r="876340" spans="14:14">
      <c r="N876340" s="10"/>
    </row>
    <row r="876341" spans="14:14">
      <c r="N876341" s="10"/>
    </row>
    <row r="876342" spans="14:14">
      <c r="N876342" s="10"/>
    </row>
    <row r="876343" spans="14:14">
      <c r="N876343" s="10"/>
    </row>
    <row r="876344" spans="14:14">
      <c r="N876344" s="10"/>
    </row>
    <row r="876345" spans="14:14">
      <c r="N876345" s="10"/>
    </row>
    <row r="876346" spans="14:14">
      <c r="N876346" s="10"/>
    </row>
    <row r="876347" spans="14:14">
      <c r="N876347" s="10"/>
    </row>
    <row r="876348" spans="14:14">
      <c r="N876348" s="10"/>
    </row>
    <row r="876349" spans="14:14">
      <c r="N876349" s="10"/>
    </row>
    <row r="876350" spans="14:14">
      <c r="N876350" s="10"/>
    </row>
    <row r="876351" spans="14:14">
      <c r="N876351" s="10"/>
    </row>
    <row r="876352" spans="14:14">
      <c r="N876352" s="10"/>
    </row>
    <row r="876353" spans="14:14">
      <c r="N876353" s="10"/>
    </row>
    <row r="876354" spans="14:14">
      <c r="N876354" s="10"/>
    </row>
    <row r="876355" spans="14:14">
      <c r="N876355" s="10"/>
    </row>
    <row r="876356" spans="14:14">
      <c r="N876356" s="10"/>
    </row>
    <row r="876357" spans="14:14">
      <c r="N876357" s="10"/>
    </row>
    <row r="876358" spans="14:14">
      <c r="N876358" s="10"/>
    </row>
    <row r="876359" spans="14:14">
      <c r="N876359" s="10"/>
    </row>
    <row r="876360" spans="14:14">
      <c r="N876360" s="10"/>
    </row>
    <row r="876361" spans="14:14">
      <c r="N876361" s="10"/>
    </row>
    <row r="876362" spans="14:14">
      <c r="N876362" s="10"/>
    </row>
    <row r="876363" spans="14:14">
      <c r="N876363" s="10"/>
    </row>
    <row r="876364" spans="14:14">
      <c r="N876364" s="10"/>
    </row>
    <row r="876365" spans="14:14">
      <c r="N876365" s="10"/>
    </row>
    <row r="876366" spans="14:14">
      <c r="N876366" s="10"/>
    </row>
    <row r="876367" spans="14:14">
      <c r="N876367" s="10"/>
    </row>
    <row r="876368" spans="14:14">
      <c r="N876368" s="10"/>
    </row>
    <row r="876369" spans="14:14">
      <c r="N876369" s="10"/>
    </row>
    <row r="876370" spans="14:14">
      <c r="N876370" s="10"/>
    </row>
    <row r="876371" spans="14:14">
      <c r="N876371" s="10"/>
    </row>
    <row r="876372" spans="14:14">
      <c r="N876372" s="10"/>
    </row>
    <row r="876373" spans="14:14">
      <c r="N876373" s="10"/>
    </row>
    <row r="876374" spans="14:14">
      <c r="N876374" s="10"/>
    </row>
    <row r="876375" spans="14:14">
      <c r="N876375" s="10"/>
    </row>
    <row r="876376" spans="14:14">
      <c r="N876376" s="10"/>
    </row>
    <row r="876377" spans="14:14">
      <c r="N876377" s="10"/>
    </row>
    <row r="876378" spans="14:14">
      <c r="N876378" s="10"/>
    </row>
    <row r="876379" spans="14:14">
      <c r="N876379" s="10"/>
    </row>
    <row r="876380" spans="14:14">
      <c r="N876380" s="10"/>
    </row>
    <row r="876381" spans="14:14">
      <c r="N876381" s="10"/>
    </row>
    <row r="876382" spans="14:14">
      <c r="N876382" s="10"/>
    </row>
    <row r="876383" spans="14:14">
      <c r="N876383" s="10"/>
    </row>
    <row r="876384" spans="14:14">
      <c r="N876384" s="10"/>
    </row>
    <row r="876385" spans="14:14">
      <c r="N876385" s="10"/>
    </row>
    <row r="876386" spans="14:14">
      <c r="N876386" s="10"/>
    </row>
    <row r="876387" spans="14:14">
      <c r="N876387" s="10"/>
    </row>
    <row r="876388" spans="14:14">
      <c r="N876388" s="10"/>
    </row>
    <row r="876389" spans="14:14">
      <c r="N876389" s="10"/>
    </row>
    <row r="876390" spans="14:14">
      <c r="N876390" s="10"/>
    </row>
    <row r="876391" spans="14:14">
      <c r="N876391" s="10"/>
    </row>
    <row r="876392" spans="14:14">
      <c r="N876392" s="10"/>
    </row>
    <row r="876393" spans="14:14">
      <c r="N876393" s="10"/>
    </row>
    <row r="876394" spans="14:14">
      <c r="N876394" s="10"/>
    </row>
    <row r="876395" spans="14:14">
      <c r="N876395" s="10"/>
    </row>
    <row r="876396" spans="14:14">
      <c r="N876396" s="10"/>
    </row>
    <row r="876397" spans="14:14">
      <c r="N876397" s="10"/>
    </row>
    <row r="876398" spans="14:14">
      <c r="N876398" s="10"/>
    </row>
    <row r="876399" spans="14:14">
      <c r="N876399" s="10"/>
    </row>
    <row r="876400" spans="14:14">
      <c r="N876400" s="10"/>
    </row>
    <row r="876401" spans="14:14">
      <c r="N876401" s="10"/>
    </row>
    <row r="876402" spans="14:14">
      <c r="N876402" s="10"/>
    </row>
    <row r="876403" spans="14:14">
      <c r="N876403" s="10"/>
    </row>
    <row r="876404" spans="14:14">
      <c r="N876404" s="10"/>
    </row>
    <row r="876405" spans="14:14">
      <c r="N876405" s="10"/>
    </row>
    <row r="876406" spans="14:14">
      <c r="N876406" s="10"/>
    </row>
    <row r="876407" spans="14:14">
      <c r="N876407" s="10"/>
    </row>
    <row r="876408" spans="14:14">
      <c r="N876408" s="10"/>
    </row>
    <row r="876409" spans="14:14">
      <c r="N876409" s="10"/>
    </row>
    <row r="876410" spans="14:14">
      <c r="N876410" s="10"/>
    </row>
    <row r="876411" spans="14:14">
      <c r="N876411" s="10"/>
    </row>
    <row r="876412" spans="14:14">
      <c r="N876412" s="10"/>
    </row>
    <row r="876413" spans="14:14">
      <c r="N876413" s="10"/>
    </row>
    <row r="876414" spans="14:14">
      <c r="N876414" s="10"/>
    </row>
    <row r="876415" spans="14:14">
      <c r="N876415" s="10"/>
    </row>
    <row r="876416" spans="14:14">
      <c r="N876416" s="10"/>
    </row>
    <row r="876417" spans="14:14">
      <c r="N876417" s="10"/>
    </row>
    <row r="876418" spans="14:14">
      <c r="N876418" s="10"/>
    </row>
    <row r="876419" spans="14:14">
      <c r="N876419" s="10"/>
    </row>
    <row r="876420" spans="14:14">
      <c r="N876420" s="10"/>
    </row>
    <row r="876421" spans="14:14">
      <c r="N876421" s="10"/>
    </row>
    <row r="876422" spans="14:14">
      <c r="N876422" s="10"/>
    </row>
    <row r="876423" spans="14:14">
      <c r="N876423" s="10"/>
    </row>
    <row r="876424" spans="14:14">
      <c r="N876424" s="10"/>
    </row>
    <row r="876425" spans="14:14">
      <c r="N876425" s="10"/>
    </row>
    <row r="876426" spans="14:14">
      <c r="N876426" s="10"/>
    </row>
    <row r="876427" spans="14:14">
      <c r="N876427" s="10"/>
    </row>
    <row r="876428" spans="14:14">
      <c r="N876428" s="10"/>
    </row>
    <row r="876429" spans="14:14">
      <c r="N876429" s="10"/>
    </row>
    <row r="876430" spans="14:14">
      <c r="N876430" s="10"/>
    </row>
    <row r="876431" spans="14:14">
      <c r="N876431" s="10"/>
    </row>
    <row r="876432" spans="14:14">
      <c r="N876432" s="10"/>
    </row>
    <row r="876433" spans="14:14">
      <c r="N876433" s="10"/>
    </row>
    <row r="876434" spans="14:14">
      <c r="N876434" s="10"/>
    </row>
    <row r="876435" spans="14:14">
      <c r="N876435" s="10"/>
    </row>
    <row r="876436" spans="14:14">
      <c r="N876436" s="10"/>
    </row>
    <row r="876437" spans="14:14">
      <c r="N876437" s="10"/>
    </row>
    <row r="876438" spans="14:14">
      <c r="N876438" s="10"/>
    </row>
    <row r="876439" spans="14:14">
      <c r="N876439" s="10"/>
    </row>
    <row r="876440" spans="14:14">
      <c r="N876440" s="10"/>
    </row>
    <row r="876441" spans="14:14">
      <c r="N876441" s="10"/>
    </row>
    <row r="876442" spans="14:14">
      <c r="N876442" s="10"/>
    </row>
    <row r="876443" spans="14:14">
      <c r="N876443" s="10"/>
    </row>
    <row r="876444" spans="14:14">
      <c r="N876444" s="10"/>
    </row>
    <row r="876445" spans="14:14">
      <c r="N876445" s="10"/>
    </row>
    <row r="876446" spans="14:14">
      <c r="N876446" s="10"/>
    </row>
    <row r="876447" spans="14:14">
      <c r="N876447" s="10"/>
    </row>
    <row r="876448" spans="14:14">
      <c r="N876448" s="10"/>
    </row>
    <row r="876449" spans="14:14">
      <c r="N876449" s="10"/>
    </row>
    <row r="876450" spans="14:14">
      <c r="N876450" s="10"/>
    </row>
    <row r="876451" spans="14:14">
      <c r="N876451" s="10"/>
    </row>
    <row r="876452" spans="14:14">
      <c r="N876452" s="10"/>
    </row>
    <row r="876453" spans="14:14">
      <c r="N876453" s="10"/>
    </row>
    <row r="876454" spans="14:14">
      <c r="N876454" s="10"/>
    </row>
    <row r="876455" spans="14:14">
      <c r="N876455" s="10"/>
    </row>
    <row r="876456" spans="14:14">
      <c r="N876456" s="10"/>
    </row>
    <row r="876457" spans="14:14">
      <c r="N876457" s="10"/>
    </row>
    <row r="876458" spans="14:14">
      <c r="N876458" s="10"/>
    </row>
    <row r="876459" spans="14:14">
      <c r="N876459" s="10"/>
    </row>
    <row r="876460" spans="14:14">
      <c r="N876460" s="10"/>
    </row>
    <row r="876461" spans="14:14">
      <c r="N876461" s="10"/>
    </row>
    <row r="876462" spans="14:14">
      <c r="N876462" s="10"/>
    </row>
    <row r="876463" spans="14:14">
      <c r="N876463" s="10"/>
    </row>
    <row r="876464" spans="14:14">
      <c r="N876464" s="10"/>
    </row>
    <row r="876465" spans="14:14">
      <c r="N876465" s="10"/>
    </row>
    <row r="876466" spans="14:14">
      <c r="N876466" s="10"/>
    </row>
    <row r="876467" spans="14:14">
      <c r="N876467" s="10"/>
    </row>
    <row r="876468" spans="14:14">
      <c r="N876468" s="10"/>
    </row>
    <row r="876469" spans="14:14">
      <c r="N876469" s="10"/>
    </row>
    <row r="876470" spans="14:14">
      <c r="N876470" s="10"/>
    </row>
    <row r="876471" spans="14:14">
      <c r="N876471" s="10"/>
    </row>
    <row r="876472" spans="14:14">
      <c r="N876472" s="10"/>
    </row>
    <row r="876473" spans="14:14">
      <c r="N876473" s="10"/>
    </row>
    <row r="876474" spans="14:14">
      <c r="N876474" s="10"/>
    </row>
    <row r="876475" spans="14:14">
      <c r="N876475" s="10"/>
    </row>
    <row r="876476" spans="14:14">
      <c r="N876476" s="10"/>
    </row>
    <row r="876477" spans="14:14">
      <c r="N876477" s="10"/>
    </row>
    <row r="876478" spans="14:14">
      <c r="N876478" s="10"/>
    </row>
    <row r="876479" spans="14:14">
      <c r="N876479" s="10"/>
    </row>
    <row r="876480" spans="14:14">
      <c r="N876480" s="10"/>
    </row>
    <row r="876481" spans="14:14">
      <c r="N876481" s="10"/>
    </row>
    <row r="876482" spans="14:14">
      <c r="N876482" s="10"/>
    </row>
    <row r="876483" spans="14:14">
      <c r="N876483" s="10"/>
    </row>
    <row r="876484" spans="14:14">
      <c r="N876484" s="10"/>
    </row>
    <row r="876485" spans="14:14">
      <c r="N876485" s="10"/>
    </row>
    <row r="876486" spans="14:14">
      <c r="N876486" s="10"/>
    </row>
    <row r="876487" spans="14:14">
      <c r="N876487" s="10"/>
    </row>
    <row r="876488" spans="14:14">
      <c r="N876488" s="10"/>
    </row>
    <row r="876489" spans="14:14">
      <c r="N876489" s="10"/>
    </row>
    <row r="876490" spans="14:14">
      <c r="N876490" s="10"/>
    </row>
    <row r="876491" spans="14:14">
      <c r="N876491" s="10"/>
    </row>
    <row r="876492" spans="14:14">
      <c r="N876492" s="10"/>
    </row>
    <row r="876493" spans="14:14">
      <c r="N876493" s="10"/>
    </row>
    <row r="876494" spans="14:14">
      <c r="N876494" s="10"/>
    </row>
    <row r="876495" spans="14:14">
      <c r="N876495" s="10"/>
    </row>
    <row r="876496" spans="14:14">
      <c r="N876496" s="10"/>
    </row>
    <row r="876497" spans="14:14">
      <c r="N876497" s="10"/>
    </row>
    <row r="876498" spans="14:14">
      <c r="N876498" s="10"/>
    </row>
    <row r="876499" spans="14:14">
      <c r="N876499" s="10"/>
    </row>
    <row r="876500" spans="14:14">
      <c r="N876500" s="10"/>
    </row>
    <row r="876501" spans="14:14">
      <c r="N876501" s="10"/>
    </row>
    <row r="876502" spans="14:14">
      <c r="N876502" s="10"/>
    </row>
    <row r="876503" spans="14:14">
      <c r="N876503" s="10"/>
    </row>
    <row r="876504" spans="14:14">
      <c r="N876504" s="10"/>
    </row>
    <row r="876505" spans="14:14">
      <c r="N876505" s="10"/>
    </row>
    <row r="876506" spans="14:14">
      <c r="N876506" s="10"/>
    </row>
    <row r="876507" spans="14:14">
      <c r="N876507" s="10"/>
    </row>
    <row r="876508" spans="14:14">
      <c r="N876508" s="10"/>
    </row>
    <row r="876509" spans="14:14">
      <c r="N876509" s="10"/>
    </row>
    <row r="876510" spans="14:14">
      <c r="N876510" s="10"/>
    </row>
    <row r="876511" spans="14:14">
      <c r="N876511" s="10"/>
    </row>
    <row r="876512" spans="14:14">
      <c r="N876512" s="10"/>
    </row>
    <row r="876513" spans="14:14">
      <c r="N876513" s="10"/>
    </row>
    <row r="876514" spans="14:14">
      <c r="N876514" s="10"/>
    </row>
    <row r="876515" spans="14:14">
      <c r="N876515" s="10"/>
    </row>
    <row r="876516" spans="14:14">
      <c r="N876516" s="10"/>
    </row>
    <row r="876517" spans="14:14">
      <c r="N876517" s="10"/>
    </row>
    <row r="876518" spans="14:14">
      <c r="N876518" s="10"/>
    </row>
    <row r="876519" spans="14:14">
      <c r="N876519" s="10"/>
    </row>
    <row r="876520" spans="14:14">
      <c r="N876520" s="10"/>
    </row>
    <row r="876521" spans="14:14">
      <c r="N876521" s="10"/>
    </row>
    <row r="876522" spans="14:14">
      <c r="N876522" s="10"/>
    </row>
    <row r="876523" spans="14:14">
      <c r="N876523" s="10"/>
    </row>
    <row r="876524" spans="14:14">
      <c r="N876524" s="10"/>
    </row>
    <row r="876525" spans="14:14">
      <c r="N876525" s="10"/>
    </row>
    <row r="876526" spans="14:14">
      <c r="N876526" s="10"/>
    </row>
    <row r="876527" spans="14:14">
      <c r="N876527" s="10"/>
    </row>
    <row r="876528" spans="14:14">
      <c r="N876528" s="10"/>
    </row>
    <row r="876529" spans="14:14">
      <c r="N876529" s="10"/>
    </row>
    <row r="876530" spans="14:14">
      <c r="N876530" s="10"/>
    </row>
    <row r="876531" spans="14:14">
      <c r="N876531" s="10"/>
    </row>
    <row r="876532" spans="14:14">
      <c r="N876532" s="10"/>
    </row>
    <row r="876533" spans="14:14">
      <c r="N876533" s="10"/>
    </row>
    <row r="876534" spans="14:14">
      <c r="N876534" s="10"/>
    </row>
    <row r="876535" spans="14:14">
      <c r="N876535" s="10"/>
    </row>
    <row r="876536" spans="14:14">
      <c r="N876536" s="10"/>
    </row>
    <row r="876537" spans="14:14">
      <c r="N876537" s="10"/>
    </row>
    <row r="876538" spans="14:14">
      <c r="N876538" s="10"/>
    </row>
    <row r="876539" spans="14:14">
      <c r="N876539" s="10"/>
    </row>
    <row r="876540" spans="14:14">
      <c r="N876540" s="10"/>
    </row>
    <row r="876541" spans="14:14">
      <c r="N876541" s="10"/>
    </row>
    <row r="876542" spans="14:14">
      <c r="N876542" s="10"/>
    </row>
    <row r="876543" spans="14:14">
      <c r="N876543" s="10"/>
    </row>
    <row r="876544" spans="14:14">
      <c r="N876544" s="10"/>
    </row>
    <row r="876545" spans="14:14">
      <c r="N876545" s="10"/>
    </row>
    <row r="876546" spans="14:14">
      <c r="N876546" s="10"/>
    </row>
    <row r="876547" spans="14:14">
      <c r="N876547" s="10"/>
    </row>
    <row r="876548" spans="14:14">
      <c r="N876548" s="10"/>
    </row>
    <row r="876549" spans="14:14">
      <c r="N876549" s="10"/>
    </row>
    <row r="876550" spans="14:14">
      <c r="N876550" s="10"/>
    </row>
    <row r="876551" spans="14:14">
      <c r="N876551" s="10"/>
    </row>
    <row r="876552" spans="14:14">
      <c r="N876552" s="10"/>
    </row>
    <row r="876553" spans="14:14">
      <c r="N876553" s="10"/>
    </row>
    <row r="876554" spans="14:14">
      <c r="N876554" s="10"/>
    </row>
    <row r="876555" spans="14:14">
      <c r="N876555" s="10"/>
    </row>
    <row r="876556" spans="14:14">
      <c r="N876556" s="10"/>
    </row>
    <row r="876557" spans="14:14">
      <c r="N876557" s="10"/>
    </row>
    <row r="876558" spans="14:14">
      <c r="N876558" s="10"/>
    </row>
    <row r="876559" spans="14:14">
      <c r="N876559" s="10"/>
    </row>
    <row r="876560" spans="14:14">
      <c r="N876560" s="10"/>
    </row>
    <row r="876561" spans="14:14">
      <c r="N876561" s="10"/>
    </row>
    <row r="876562" spans="14:14">
      <c r="N876562" s="10"/>
    </row>
    <row r="876563" spans="14:14">
      <c r="N876563" s="10"/>
    </row>
    <row r="876564" spans="14:14">
      <c r="N876564" s="10"/>
    </row>
    <row r="876565" spans="14:14">
      <c r="N876565" s="10"/>
    </row>
    <row r="876566" spans="14:14">
      <c r="N876566" s="10"/>
    </row>
    <row r="876567" spans="14:14">
      <c r="N876567" s="10"/>
    </row>
    <row r="876568" spans="14:14">
      <c r="N876568" s="10"/>
    </row>
    <row r="876569" spans="14:14">
      <c r="N876569" s="10"/>
    </row>
    <row r="876570" spans="14:14">
      <c r="N876570" s="10"/>
    </row>
    <row r="876571" spans="14:14">
      <c r="N876571" s="10"/>
    </row>
    <row r="876572" spans="14:14">
      <c r="N876572" s="10"/>
    </row>
    <row r="876573" spans="14:14">
      <c r="N876573" s="10"/>
    </row>
    <row r="876574" spans="14:14">
      <c r="N876574" s="10"/>
    </row>
    <row r="876575" spans="14:14">
      <c r="N876575" s="10"/>
    </row>
    <row r="876576" spans="14:14">
      <c r="N876576" s="10"/>
    </row>
    <row r="876577" spans="14:14">
      <c r="N876577" s="10"/>
    </row>
    <row r="876578" spans="14:14">
      <c r="N876578" s="10"/>
    </row>
    <row r="876579" spans="14:14">
      <c r="N876579" s="10"/>
    </row>
    <row r="876580" spans="14:14">
      <c r="N876580" s="10"/>
    </row>
    <row r="876581" spans="14:14">
      <c r="N876581" s="10"/>
    </row>
    <row r="876582" spans="14:14">
      <c r="N876582" s="10"/>
    </row>
    <row r="876583" spans="14:14">
      <c r="N876583" s="10"/>
    </row>
    <row r="876584" spans="14:14">
      <c r="N876584" s="10"/>
    </row>
    <row r="876585" spans="14:14">
      <c r="N876585" s="10"/>
    </row>
    <row r="876586" spans="14:14">
      <c r="N876586" s="10"/>
    </row>
    <row r="876587" spans="14:14">
      <c r="N876587" s="10"/>
    </row>
    <row r="876588" spans="14:14">
      <c r="N876588" s="10"/>
    </row>
    <row r="876589" spans="14:14">
      <c r="N876589" s="10"/>
    </row>
    <row r="876590" spans="14:14">
      <c r="N876590" s="10"/>
    </row>
    <row r="876591" spans="14:14">
      <c r="N876591" s="10"/>
    </row>
    <row r="876592" spans="14:14">
      <c r="N876592" s="10"/>
    </row>
    <row r="876593" spans="14:14">
      <c r="N876593" s="10"/>
    </row>
    <row r="876594" spans="14:14">
      <c r="N876594" s="10"/>
    </row>
    <row r="876595" spans="14:14">
      <c r="N876595" s="10"/>
    </row>
    <row r="876596" spans="14:14">
      <c r="N876596" s="10"/>
    </row>
    <row r="876597" spans="14:14">
      <c r="N876597" s="10"/>
    </row>
    <row r="876598" spans="14:14">
      <c r="N876598" s="10"/>
    </row>
    <row r="876599" spans="14:14">
      <c r="N876599" s="10"/>
    </row>
    <row r="876600" spans="14:14">
      <c r="N876600" s="10"/>
    </row>
    <row r="876601" spans="14:14">
      <c r="N876601" s="10"/>
    </row>
    <row r="876602" spans="14:14">
      <c r="N876602" s="10"/>
    </row>
    <row r="876603" spans="14:14">
      <c r="N876603" s="10"/>
    </row>
    <row r="876604" spans="14:14">
      <c r="N876604" s="10"/>
    </row>
    <row r="876605" spans="14:14">
      <c r="N876605" s="10"/>
    </row>
    <row r="876606" spans="14:14">
      <c r="N876606" s="10"/>
    </row>
    <row r="876607" spans="14:14">
      <c r="N876607" s="10"/>
    </row>
    <row r="876608" spans="14:14">
      <c r="N876608" s="10"/>
    </row>
    <row r="876609" spans="14:14">
      <c r="N876609" s="10"/>
    </row>
    <row r="876610" spans="14:14">
      <c r="N876610" s="10"/>
    </row>
    <row r="876611" spans="14:14">
      <c r="N876611" s="10"/>
    </row>
    <row r="876612" spans="14:14">
      <c r="N876612" s="10"/>
    </row>
    <row r="876613" spans="14:14">
      <c r="N876613" s="10"/>
    </row>
    <row r="876614" spans="14:14">
      <c r="N876614" s="10"/>
    </row>
    <row r="876615" spans="14:14">
      <c r="N876615" s="10"/>
    </row>
    <row r="876616" spans="14:14">
      <c r="N876616" s="10"/>
    </row>
    <row r="876617" spans="14:14">
      <c r="N876617" s="10"/>
    </row>
    <row r="876618" spans="14:14">
      <c r="N876618" s="10"/>
    </row>
    <row r="876619" spans="14:14">
      <c r="N876619" s="10"/>
    </row>
    <row r="876620" spans="14:14">
      <c r="N876620" s="10"/>
    </row>
    <row r="876621" spans="14:14">
      <c r="N876621" s="10"/>
    </row>
    <row r="876622" spans="14:14">
      <c r="N876622" s="10"/>
    </row>
    <row r="876623" spans="14:14">
      <c r="N876623" s="10"/>
    </row>
    <row r="876624" spans="14:14">
      <c r="N876624" s="10"/>
    </row>
    <row r="876625" spans="14:14">
      <c r="N876625" s="10"/>
    </row>
    <row r="876626" spans="14:14">
      <c r="N876626" s="10"/>
    </row>
    <row r="876627" spans="14:14">
      <c r="N876627" s="10"/>
    </row>
    <row r="876628" spans="14:14">
      <c r="N876628" s="10"/>
    </row>
    <row r="876629" spans="14:14">
      <c r="N876629" s="10"/>
    </row>
    <row r="876630" spans="14:14">
      <c r="N876630" s="10"/>
    </row>
    <row r="876631" spans="14:14">
      <c r="N876631" s="10"/>
    </row>
    <row r="876632" spans="14:14">
      <c r="N876632" s="10"/>
    </row>
    <row r="876633" spans="14:14">
      <c r="N876633" s="10"/>
    </row>
    <row r="876634" spans="14:14">
      <c r="N876634" s="10"/>
    </row>
    <row r="876635" spans="14:14">
      <c r="N876635" s="10"/>
    </row>
    <row r="876636" spans="14:14">
      <c r="N876636" s="10"/>
    </row>
    <row r="876637" spans="14:14">
      <c r="N876637" s="10"/>
    </row>
    <row r="876638" spans="14:14">
      <c r="N876638" s="10"/>
    </row>
    <row r="876639" spans="14:14">
      <c r="N876639" s="10"/>
    </row>
    <row r="876640" spans="14:14">
      <c r="N876640" s="10"/>
    </row>
    <row r="876641" spans="14:14">
      <c r="N876641" s="10"/>
    </row>
    <row r="876642" spans="14:14">
      <c r="N876642" s="10"/>
    </row>
    <row r="876643" spans="14:14">
      <c r="N876643" s="10"/>
    </row>
    <row r="876644" spans="14:14">
      <c r="N876644" s="10"/>
    </row>
    <row r="876645" spans="14:14">
      <c r="N876645" s="10"/>
    </row>
    <row r="876646" spans="14:14">
      <c r="N876646" s="10"/>
    </row>
    <row r="876647" spans="14:14">
      <c r="N876647" s="10"/>
    </row>
    <row r="876648" spans="14:14">
      <c r="N876648" s="10"/>
    </row>
    <row r="876649" spans="14:14">
      <c r="N876649" s="10"/>
    </row>
    <row r="876650" spans="14:14">
      <c r="N876650" s="10"/>
    </row>
    <row r="876651" spans="14:14">
      <c r="N876651" s="10"/>
    </row>
    <row r="876652" spans="14:14">
      <c r="N876652" s="10"/>
    </row>
    <row r="876653" spans="14:14">
      <c r="N876653" s="10"/>
    </row>
    <row r="876654" spans="14:14">
      <c r="N876654" s="10"/>
    </row>
    <row r="876655" spans="14:14">
      <c r="N876655" s="10"/>
    </row>
    <row r="876656" spans="14:14">
      <c r="N876656" s="10"/>
    </row>
    <row r="876657" spans="14:14">
      <c r="N876657" s="10"/>
    </row>
    <row r="876658" spans="14:14">
      <c r="N876658" s="10"/>
    </row>
    <row r="876659" spans="14:14">
      <c r="N876659" s="10"/>
    </row>
    <row r="876660" spans="14:14">
      <c r="N876660" s="10"/>
    </row>
    <row r="876661" spans="14:14">
      <c r="N876661" s="10"/>
    </row>
    <row r="876662" spans="14:14">
      <c r="N876662" s="10"/>
    </row>
    <row r="876663" spans="14:14">
      <c r="N876663" s="10"/>
    </row>
    <row r="876664" spans="14:14">
      <c r="N876664" s="10"/>
    </row>
    <row r="876665" spans="14:14">
      <c r="N876665" s="10"/>
    </row>
    <row r="876666" spans="14:14">
      <c r="N876666" s="10"/>
    </row>
    <row r="876667" spans="14:14">
      <c r="N876667" s="10"/>
    </row>
    <row r="876668" spans="14:14">
      <c r="N876668" s="10"/>
    </row>
    <row r="876669" spans="14:14">
      <c r="N876669" s="10"/>
    </row>
    <row r="876670" spans="14:14">
      <c r="N876670" s="10"/>
    </row>
    <row r="876671" spans="14:14">
      <c r="N876671" s="10"/>
    </row>
    <row r="876672" spans="14:14">
      <c r="N876672" s="10"/>
    </row>
    <row r="876673" spans="14:14">
      <c r="N876673" s="10"/>
    </row>
    <row r="876674" spans="14:14">
      <c r="N876674" s="10"/>
    </row>
    <row r="876675" spans="14:14">
      <c r="N876675" s="10"/>
    </row>
    <row r="876676" spans="14:14">
      <c r="N876676" s="10"/>
    </row>
    <row r="876677" spans="14:14">
      <c r="N876677" s="10"/>
    </row>
    <row r="876678" spans="14:14">
      <c r="N876678" s="10"/>
    </row>
    <row r="876679" spans="14:14">
      <c r="N876679" s="10"/>
    </row>
    <row r="876680" spans="14:14">
      <c r="N876680" s="10"/>
    </row>
    <row r="876681" spans="14:14">
      <c r="N876681" s="10"/>
    </row>
    <row r="876682" spans="14:14">
      <c r="N876682" s="10"/>
    </row>
    <row r="876683" spans="14:14">
      <c r="N876683" s="10"/>
    </row>
    <row r="876684" spans="14:14">
      <c r="N876684" s="10"/>
    </row>
    <row r="876685" spans="14:14">
      <c r="N876685" s="10"/>
    </row>
    <row r="876686" spans="14:14">
      <c r="N876686" s="10"/>
    </row>
    <row r="876687" spans="14:14">
      <c r="N876687" s="10"/>
    </row>
    <row r="876688" spans="14:14">
      <c r="N876688" s="10"/>
    </row>
    <row r="876689" spans="14:14">
      <c r="N876689" s="10"/>
    </row>
    <row r="876690" spans="14:14">
      <c r="N876690" s="10"/>
    </row>
    <row r="876691" spans="14:14">
      <c r="N876691" s="10"/>
    </row>
    <row r="876692" spans="14:14">
      <c r="N876692" s="10"/>
    </row>
    <row r="876693" spans="14:14">
      <c r="N876693" s="10"/>
    </row>
    <row r="876694" spans="14:14">
      <c r="N876694" s="10"/>
    </row>
    <row r="876695" spans="14:14">
      <c r="N876695" s="10"/>
    </row>
    <row r="876696" spans="14:14">
      <c r="N876696" s="10"/>
    </row>
    <row r="876697" spans="14:14">
      <c r="N876697" s="10"/>
    </row>
    <row r="876698" spans="14:14">
      <c r="N876698" s="10"/>
    </row>
    <row r="876699" spans="14:14">
      <c r="N876699" s="10"/>
    </row>
    <row r="876700" spans="14:14">
      <c r="N876700" s="10"/>
    </row>
    <row r="876701" spans="14:14">
      <c r="N876701" s="10"/>
    </row>
    <row r="876702" spans="14:14">
      <c r="N876702" s="10"/>
    </row>
    <row r="876703" spans="14:14">
      <c r="N876703" s="10"/>
    </row>
    <row r="876704" spans="14:14">
      <c r="N876704" s="10"/>
    </row>
    <row r="876705" spans="14:14">
      <c r="N876705" s="10"/>
    </row>
    <row r="876706" spans="14:14">
      <c r="N876706" s="10"/>
    </row>
    <row r="876707" spans="14:14">
      <c r="N876707" s="10"/>
    </row>
    <row r="876708" spans="14:14">
      <c r="N876708" s="10"/>
    </row>
    <row r="876709" spans="14:14">
      <c r="N876709" s="10"/>
    </row>
    <row r="876710" spans="14:14">
      <c r="N876710" s="10"/>
    </row>
    <row r="876711" spans="14:14">
      <c r="N876711" s="10"/>
    </row>
    <row r="876712" spans="14:14">
      <c r="N876712" s="10"/>
    </row>
    <row r="876713" spans="14:14">
      <c r="N876713" s="10"/>
    </row>
    <row r="876714" spans="14:14">
      <c r="N876714" s="10"/>
    </row>
    <row r="876715" spans="14:14">
      <c r="N876715" s="10"/>
    </row>
    <row r="876716" spans="14:14">
      <c r="N876716" s="10"/>
    </row>
    <row r="876717" spans="14:14">
      <c r="N876717" s="10"/>
    </row>
    <row r="876718" spans="14:14">
      <c r="N876718" s="10"/>
    </row>
    <row r="876719" spans="14:14">
      <c r="N876719" s="10"/>
    </row>
    <row r="876720" spans="14:14">
      <c r="N876720" s="10"/>
    </row>
    <row r="876721" spans="14:14">
      <c r="N876721" s="10"/>
    </row>
    <row r="876722" spans="14:14">
      <c r="N876722" s="10"/>
    </row>
    <row r="876723" spans="14:14">
      <c r="N876723" s="10"/>
    </row>
    <row r="876724" spans="14:14">
      <c r="N876724" s="10"/>
    </row>
    <row r="876725" spans="14:14">
      <c r="N876725" s="10"/>
    </row>
    <row r="876726" spans="14:14">
      <c r="N876726" s="10"/>
    </row>
    <row r="876727" spans="14:14">
      <c r="N876727" s="10"/>
    </row>
    <row r="876728" spans="14:14">
      <c r="N876728" s="10"/>
    </row>
    <row r="876729" spans="14:14">
      <c r="N876729" s="10"/>
    </row>
    <row r="876730" spans="14:14">
      <c r="N876730" s="10"/>
    </row>
    <row r="876731" spans="14:14">
      <c r="N876731" s="10"/>
    </row>
    <row r="876732" spans="14:14">
      <c r="N876732" s="10"/>
    </row>
    <row r="876733" spans="14:14">
      <c r="N876733" s="10"/>
    </row>
    <row r="876734" spans="14:14">
      <c r="N876734" s="10"/>
    </row>
    <row r="876735" spans="14:14">
      <c r="N876735" s="10"/>
    </row>
    <row r="876736" spans="14:14">
      <c r="N876736" s="10"/>
    </row>
    <row r="876737" spans="14:14">
      <c r="N876737" s="10"/>
    </row>
    <row r="876738" spans="14:14">
      <c r="N876738" s="10"/>
    </row>
    <row r="876739" spans="14:14">
      <c r="N876739" s="10"/>
    </row>
    <row r="876740" spans="14:14">
      <c r="N876740" s="10"/>
    </row>
    <row r="876741" spans="14:14">
      <c r="N876741" s="10"/>
    </row>
    <row r="876742" spans="14:14">
      <c r="N876742" s="10"/>
    </row>
    <row r="876743" spans="14:14">
      <c r="N876743" s="10"/>
    </row>
    <row r="876744" spans="14:14">
      <c r="N876744" s="10"/>
    </row>
    <row r="876745" spans="14:14">
      <c r="N876745" s="10"/>
    </row>
    <row r="876746" spans="14:14">
      <c r="N876746" s="10"/>
    </row>
    <row r="876747" spans="14:14">
      <c r="N876747" s="10"/>
    </row>
    <row r="876748" spans="14:14">
      <c r="N876748" s="10"/>
    </row>
    <row r="876749" spans="14:14">
      <c r="N876749" s="10"/>
    </row>
    <row r="876750" spans="14:14">
      <c r="N876750" s="10"/>
    </row>
    <row r="876751" spans="14:14">
      <c r="N876751" s="10"/>
    </row>
    <row r="876752" spans="14:14">
      <c r="N876752" s="10"/>
    </row>
    <row r="876753" spans="14:14">
      <c r="N876753" s="10"/>
    </row>
    <row r="876754" spans="14:14">
      <c r="N876754" s="10"/>
    </row>
    <row r="876755" spans="14:14">
      <c r="N876755" s="10"/>
    </row>
    <row r="876756" spans="14:14">
      <c r="N876756" s="10"/>
    </row>
    <row r="876757" spans="14:14">
      <c r="N876757" s="10"/>
    </row>
    <row r="876758" spans="14:14">
      <c r="N876758" s="10"/>
    </row>
    <row r="876759" spans="14:14">
      <c r="N876759" s="10"/>
    </row>
    <row r="876760" spans="14:14">
      <c r="N876760" s="10"/>
    </row>
    <row r="876761" spans="14:14">
      <c r="N876761" s="10"/>
    </row>
    <row r="876762" spans="14:14">
      <c r="N876762" s="10"/>
    </row>
    <row r="876763" spans="14:14">
      <c r="N876763" s="10"/>
    </row>
    <row r="876764" spans="14:14">
      <c r="N876764" s="10"/>
    </row>
    <row r="876765" spans="14:14">
      <c r="N876765" s="10"/>
    </row>
    <row r="876766" spans="14:14">
      <c r="N876766" s="10"/>
    </row>
    <row r="876767" spans="14:14">
      <c r="N876767" s="10"/>
    </row>
    <row r="876768" spans="14:14">
      <c r="N876768" s="10"/>
    </row>
    <row r="876769" spans="14:14">
      <c r="N876769" s="10"/>
    </row>
    <row r="876770" spans="14:14">
      <c r="N876770" s="10"/>
    </row>
    <row r="876771" spans="14:14">
      <c r="N876771" s="10"/>
    </row>
    <row r="876772" spans="14:14">
      <c r="N876772" s="10"/>
    </row>
    <row r="876773" spans="14:14">
      <c r="N876773" s="10"/>
    </row>
    <row r="876774" spans="14:14">
      <c r="N876774" s="10"/>
    </row>
    <row r="876775" spans="14:14">
      <c r="N876775" s="10"/>
    </row>
    <row r="876776" spans="14:14">
      <c r="N876776" s="10"/>
    </row>
    <row r="876777" spans="14:14">
      <c r="N876777" s="10"/>
    </row>
    <row r="876778" spans="14:14">
      <c r="N876778" s="10"/>
    </row>
    <row r="876779" spans="14:14">
      <c r="N876779" s="10"/>
    </row>
    <row r="876780" spans="14:14">
      <c r="N876780" s="10"/>
    </row>
    <row r="876781" spans="14:14">
      <c r="N876781" s="10"/>
    </row>
    <row r="876782" spans="14:14">
      <c r="N876782" s="10"/>
    </row>
    <row r="876783" spans="14:14">
      <c r="N876783" s="10"/>
    </row>
    <row r="876784" spans="14:14">
      <c r="N876784" s="10"/>
    </row>
    <row r="876785" spans="14:14">
      <c r="N876785" s="10"/>
    </row>
    <row r="876786" spans="14:14">
      <c r="N876786" s="10"/>
    </row>
    <row r="876787" spans="14:14">
      <c r="N876787" s="10"/>
    </row>
    <row r="876788" spans="14:14">
      <c r="N876788" s="10"/>
    </row>
    <row r="876789" spans="14:14">
      <c r="N876789" s="10"/>
    </row>
    <row r="876790" spans="14:14">
      <c r="N876790" s="10"/>
    </row>
    <row r="876791" spans="14:14">
      <c r="N876791" s="10"/>
    </row>
    <row r="876792" spans="14:14">
      <c r="N876792" s="10"/>
    </row>
    <row r="876793" spans="14:14">
      <c r="N876793" s="10"/>
    </row>
    <row r="876794" spans="14:14">
      <c r="N876794" s="10"/>
    </row>
    <row r="876795" spans="14:14">
      <c r="N876795" s="10"/>
    </row>
    <row r="876796" spans="14:14">
      <c r="N876796" s="10"/>
    </row>
    <row r="876797" spans="14:14">
      <c r="N876797" s="10"/>
    </row>
    <row r="876798" spans="14:14">
      <c r="N876798" s="10"/>
    </row>
    <row r="876799" spans="14:14">
      <c r="N876799" s="10"/>
    </row>
    <row r="876800" spans="14:14">
      <c r="N876800" s="10"/>
    </row>
    <row r="876801" spans="14:14">
      <c r="N876801" s="10"/>
    </row>
    <row r="876802" spans="14:14">
      <c r="N876802" s="10"/>
    </row>
    <row r="876803" spans="14:14">
      <c r="N876803" s="10"/>
    </row>
    <row r="876804" spans="14:14">
      <c r="N876804" s="10"/>
    </row>
    <row r="876805" spans="14:14">
      <c r="N876805" s="10"/>
    </row>
    <row r="876806" spans="14:14">
      <c r="N876806" s="10"/>
    </row>
    <row r="876807" spans="14:14">
      <c r="N876807" s="10"/>
    </row>
    <row r="876808" spans="14:14">
      <c r="N876808" s="10"/>
    </row>
    <row r="876809" spans="14:14">
      <c r="N876809" s="10"/>
    </row>
    <row r="876810" spans="14:14">
      <c r="N876810" s="10"/>
    </row>
    <row r="876811" spans="14:14">
      <c r="N876811" s="10"/>
    </row>
    <row r="876812" spans="14:14">
      <c r="N876812" s="10"/>
    </row>
    <row r="876813" spans="14:14">
      <c r="N876813" s="10"/>
    </row>
    <row r="876814" spans="14:14">
      <c r="N876814" s="10"/>
    </row>
    <row r="876815" spans="14:14">
      <c r="N876815" s="10"/>
    </row>
    <row r="876816" spans="14:14">
      <c r="N876816" s="10"/>
    </row>
    <row r="876817" spans="14:14">
      <c r="N876817" s="10"/>
    </row>
    <row r="876818" spans="14:14">
      <c r="N876818" s="10"/>
    </row>
    <row r="876819" spans="14:14">
      <c r="N876819" s="10"/>
    </row>
    <row r="876820" spans="14:14">
      <c r="N876820" s="10"/>
    </row>
    <row r="876821" spans="14:14">
      <c r="N876821" s="10"/>
    </row>
    <row r="876822" spans="14:14">
      <c r="N876822" s="10"/>
    </row>
    <row r="876823" spans="14:14">
      <c r="N876823" s="10"/>
    </row>
    <row r="876824" spans="14:14">
      <c r="N876824" s="10"/>
    </row>
    <row r="876825" spans="14:14">
      <c r="N876825" s="10"/>
    </row>
    <row r="876826" spans="14:14">
      <c r="N876826" s="10"/>
    </row>
    <row r="876827" spans="14:14">
      <c r="N876827" s="10"/>
    </row>
    <row r="876828" spans="14:14">
      <c r="N876828" s="10"/>
    </row>
    <row r="876829" spans="14:14">
      <c r="N876829" s="10"/>
    </row>
    <row r="876830" spans="14:14">
      <c r="N876830" s="10"/>
    </row>
    <row r="876831" spans="14:14">
      <c r="N876831" s="10"/>
    </row>
    <row r="876832" spans="14:14">
      <c r="N876832" s="10"/>
    </row>
    <row r="876833" spans="14:14">
      <c r="N876833" s="10"/>
    </row>
    <row r="876834" spans="14:14">
      <c r="N876834" s="10"/>
    </row>
    <row r="876835" spans="14:14">
      <c r="N876835" s="10"/>
    </row>
    <row r="876836" spans="14:14">
      <c r="N876836" s="10"/>
    </row>
    <row r="876837" spans="14:14">
      <c r="N876837" s="10"/>
    </row>
    <row r="876838" spans="14:14">
      <c r="N876838" s="10"/>
    </row>
    <row r="876839" spans="14:14">
      <c r="N876839" s="10"/>
    </row>
    <row r="876840" spans="14:14">
      <c r="N876840" s="10"/>
    </row>
    <row r="876841" spans="14:14">
      <c r="N876841" s="10"/>
    </row>
    <row r="876842" spans="14:14">
      <c r="N876842" s="10"/>
    </row>
    <row r="876843" spans="14:14">
      <c r="N876843" s="10"/>
    </row>
    <row r="876844" spans="14:14">
      <c r="N876844" s="10"/>
    </row>
    <row r="876845" spans="14:14">
      <c r="N876845" s="10"/>
    </row>
    <row r="876846" spans="14:14">
      <c r="N876846" s="10"/>
    </row>
    <row r="876847" spans="14:14">
      <c r="N876847" s="10"/>
    </row>
    <row r="876848" spans="14:14">
      <c r="N876848" s="10"/>
    </row>
    <row r="876849" spans="14:14">
      <c r="N876849" s="10"/>
    </row>
    <row r="876850" spans="14:14">
      <c r="N876850" s="10"/>
    </row>
    <row r="876851" spans="14:14">
      <c r="N876851" s="10"/>
    </row>
    <row r="876852" spans="14:14">
      <c r="N876852" s="10"/>
    </row>
    <row r="876853" spans="14:14">
      <c r="N876853" s="10"/>
    </row>
    <row r="876854" spans="14:14">
      <c r="N876854" s="10"/>
    </row>
    <row r="876855" spans="14:14">
      <c r="N876855" s="10"/>
    </row>
    <row r="876856" spans="14:14">
      <c r="N876856" s="10"/>
    </row>
    <row r="876857" spans="14:14">
      <c r="N876857" s="10"/>
    </row>
    <row r="876858" spans="14:14">
      <c r="N876858" s="10"/>
    </row>
    <row r="876859" spans="14:14">
      <c r="N876859" s="10"/>
    </row>
    <row r="876860" spans="14:14">
      <c r="N876860" s="10"/>
    </row>
    <row r="876861" spans="14:14">
      <c r="N876861" s="10"/>
    </row>
    <row r="876862" spans="14:14">
      <c r="N876862" s="10"/>
    </row>
    <row r="876863" spans="14:14">
      <c r="N876863" s="10"/>
    </row>
    <row r="876864" spans="14:14">
      <c r="N876864" s="10"/>
    </row>
    <row r="876865" spans="14:14">
      <c r="N876865" s="10"/>
    </row>
    <row r="876866" spans="14:14">
      <c r="N876866" s="10"/>
    </row>
    <row r="876867" spans="14:14">
      <c r="N876867" s="10"/>
    </row>
    <row r="876868" spans="14:14">
      <c r="N876868" s="10"/>
    </row>
    <row r="876869" spans="14:14">
      <c r="N876869" s="10"/>
    </row>
    <row r="876870" spans="14:14">
      <c r="N876870" s="10"/>
    </row>
    <row r="876871" spans="14:14">
      <c r="N876871" s="10"/>
    </row>
    <row r="876872" spans="14:14">
      <c r="N876872" s="10"/>
    </row>
    <row r="876873" spans="14:14">
      <c r="N876873" s="10"/>
    </row>
    <row r="876874" spans="14:14">
      <c r="N876874" s="10"/>
    </row>
    <row r="876875" spans="14:14">
      <c r="N876875" s="10"/>
    </row>
    <row r="876876" spans="14:14">
      <c r="N876876" s="10"/>
    </row>
    <row r="876877" spans="14:14">
      <c r="N876877" s="10"/>
    </row>
    <row r="876878" spans="14:14">
      <c r="N876878" s="10"/>
    </row>
    <row r="876879" spans="14:14">
      <c r="N876879" s="10"/>
    </row>
    <row r="876880" spans="14:14">
      <c r="N876880" s="10"/>
    </row>
    <row r="876881" spans="14:14">
      <c r="N876881" s="10"/>
    </row>
    <row r="876882" spans="14:14">
      <c r="N876882" s="10"/>
    </row>
    <row r="876883" spans="14:14">
      <c r="N876883" s="10"/>
    </row>
    <row r="876884" spans="14:14">
      <c r="N876884" s="10"/>
    </row>
    <row r="876885" spans="14:14">
      <c r="N876885" s="10"/>
    </row>
    <row r="876886" spans="14:14">
      <c r="N876886" s="10"/>
    </row>
    <row r="876887" spans="14:14">
      <c r="N876887" s="10"/>
    </row>
    <row r="876888" spans="14:14">
      <c r="N876888" s="10"/>
    </row>
    <row r="876889" spans="14:14">
      <c r="N876889" s="10"/>
    </row>
    <row r="876890" spans="14:14">
      <c r="N876890" s="10"/>
    </row>
    <row r="876891" spans="14:14">
      <c r="N876891" s="10"/>
    </row>
    <row r="876892" spans="14:14">
      <c r="N876892" s="10"/>
    </row>
    <row r="876893" spans="14:14">
      <c r="N876893" s="10"/>
    </row>
    <row r="876894" spans="14:14">
      <c r="N876894" s="10"/>
    </row>
    <row r="876895" spans="14:14">
      <c r="N876895" s="10"/>
    </row>
    <row r="876896" spans="14:14">
      <c r="N876896" s="10"/>
    </row>
    <row r="876897" spans="14:14">
      <c r="N876897" s="10"/>
    </row>
    <row r="876898" spans="14:14">
      <c r="N876898" s="10"/>
    </row>
    <row r="876899" spans="14:14">
      <c r="N876899" s="10"/>
    </row>
    <row r="876900" spans="14:14">
      <c r="N876900" s="10"/>
    </row>
    <row r="876901" spans="14:14">
      <c r="N876901" s="10"/>
    </row>
    <row r="876902" spans="14:14">
      <c r="N876902" s="10"/>
    </row>
    <row r="876903" spans="14:14">
      <c r="N876903" s="10"/>
    </row>
    <row r="876904" spans="14:14">
      <c r="N876904" s="10"/>
    </row>
    <row r="876905" spans="14:14">
      <c r="N876905" s="10"/>
    </row>
    <row r="876906" spans="14:14">
      <c r="N876906" s="10"/>
    </row>
    <row r="876907" spans="14:14">
      <c r="N876907" s="10"/>
    </row>
    <row r="876908" spans="14:14">
      <c r="N876908" s="10"/>
    </row>
    <row r="876909" spans="14:14">
      <c r="N876909" s="10"/>
    </row>
    <row r="876910" spans="14:14">
      <c r="N876910" s="10"/>
    </row>
    <row r="876911" spans="14:14">
      <c r="N876911" s="10"/>
    </row>
    <row r="876912" spans="14:14">
      <c r="N876912" s="10"/>
    </row>
    <row r="876913" spans="14:14">
      <c r="N876913" s="10"/>
    </row>
    <row r="876914" spans="14:14">
      <c r="N876914" s="10"/>
    </row>
    <row r="876915" spans="14:14">
      <c r="N876915" s="10"/>
    </row>
    <row r="876916" spans="14:14">
      <c r="N876916" s="10"/>
    </row>
    <row r="876917" spans="14:14">
      <c r="N876917" s="10"/>
    </row>
    <row r="876918" spans="14:14">
      <c r="N876918" s="10"/>
    </row>
    <row r="876919" spans="14:14">
      <c r="N876919" s="10"/>
    </row>
    <row r="876920" spans="14:14">
      <c r="N876920" s="10"/>
    </row>
    <row r="876921" spans="14:14">
      <c r="N876921" s="10"/>
    </row>
    <row r="876922" spans="14:14">
      <c r="N876922" s="10"/>
    </row>
    <row r="876923" spans="14:14">
      <c r="N876923" s="10"/>
    </row>
    <row r="876924" spans="14:14">
      <c r="N876924" s="10"/>
    </row>
    <row r="876925" spans="14:14">
      <c r="N876925" s="10"/>
    </row>
    <row r="876926" spans="14:14">
      <c r="N876926" s="10"/>
    </row>
    <row r="876927" spans="14:14">
      <c r="N876927" s="10"/>
    </row>
    <row r="876928" spans="14:14">
      <c r="N876928" s="10"/>
    </row>
    <row r="876929" spans="14:14">
      <c r="N876929" s="10"/>
    </row>
    <row r="876930" spans="14:14">
      <c r="N876930" s="10"/>
    </row>
    <row r="876931" spans="14:14">
      <c r="N876931" s="10"/>
    </row>
    <row r="876932" spans="14:14">
      <c r="N876932" s="10"/>
    </row>
    <row r="876933" spans="14:14">
      <c r="N876933" s="10"/>
    </row>
    <row r="876934" spans="14:14">
      <c r="N876934" s="10"/>
    </row>
    <row r="876935" spans="14:14">
      <c r="N876935" s="10"/>
    </row>
    <row r="876936" spans="14:14">
      <c r="N876936" s="10"/>
    </row>
    <row r="876937" spans="14:14">
      <c r="N876937" s="10"/>
    </row>
    <row r="876938" spans="14:14">
      <c r="N876938" s="10"/>
    </row>
    <row r="876939" spans="14:14">
      <c r="N876939" s="10"/>
    </row>
    <row r="876940" spans="14:14">
      <c r="N876940" s="10"/>
    </row>
    <row r="876941" spans="14:14">
      <c r="N876941" s="10"/>
    </row>
    <row r="876942" spans="14:14">
      <c r="N876942" s="10"/>
    </row>
    <row r="876943" spans="14:14">
      <c r="N876943" s="10"/>
    </row>
    <row r="876944" spans="14:14">
      <c r="N876944" s="10"/>
    </row>
    <row r="876945" spans="14:14">
      <c r="N876945" s="10"/>
    </row>
    <row r="876946" spans="14:14">
      <c r="N876946" s="10"/>
    </row>
    <row r="876947" spans="14:14">
      <c r="N876947" s="10"/>
    </row>
    <row r="876948" spans="14:14">
      <c r="N876948" s="10"/>
    </row>
    <row r="876949" spans="14:14">
      <c r="N876949" s="10"/>
    </row>
    <row r="876950" spans="14:14">
      <c r="N876950" s="10"/>
    </row>
    <row r="876951" spans="14:14">
      <c r="N876951" s="10"/>
    </row>
    <row r="876952" spans="14:14">
      <c r="N876952" s="10"/>
    </row>
    <row r="876953" spans="14:14">
      <c r="N876953" s="10"/>
    </row>
    <row r="876954" spans="14:14">
      <c r="N876954" s="10"/>
    </row>
    <row r="876955" spans="14:14">
      <c r="N876955" s="10"/>
    </row>
    <row r="876956" spans="14:14">
      <c r="N876956" s="10"/>
    </row>
    <row r="876957" spans="14:14">
      <c r="N876957" s="10"/>
    </row>
    <row r="876958" spans="14:14">
      <c r="N876958" s="10"/>
    </row>
    <row r="876959" spans="14:14">
      <c r="N876959" s="10"/>
    </row>
    <row r="876960" spans="14:14">
      <c r="N876960" s="10"/>
    </row>
    <row r="876961" spans="14:14">
      <c r="N876961" s="10"/>
    </row>
    <row r="876962" spans="14:14">
      <c r="N876962" s="10"/>
    </row>
    <row r="876963" spans="14:14">
      <c r="N876963" s="10"/>
    </row>
    <row r="876964" spans="14:14">
      <c r="N876964" s="10"/>
    </row>
    <row r="876965" spans="14:14">
      <c r="N876965" s="10"/>
    </row>
    <row r="876966" spans="14:14">
      <c r="N876966" s="10"/>
    </row>
    <row r="876967" spans="14:14">
      <c r="N876967" s="10"/>
    </row>
    <row r="876968" spans="14:14">
      <c r="N876968" s="10"/>
    </row>
    <row r="876969" spans="14:14">
      <c r="N876969" s="10"/>
    </row>
    <row r="876970" spans="14:14">
      <c r="N876970" s="10"/>
    </row>
    <row r="876971" spans="14:14">
      <c r="N876971" s="10"/>
    </row>
    <row r="876972" spans="14:14">
      <c r="N876972" s="10"/>
    </row>
    <row r="876973" spans="14:14">
      <c r="N876973" s="10"/>
    </row>
    <row r="876974" spans="14:14">
      <c r="N876974" s="10"/>
    </row>
    <row r="876975" spans="14:14">
      <c r="N876975" s="10"/>
    </row>
    <row r="876976" spans="14:14">
      <c r="N876976" s="10"/>
    </row>
    <row r="876977" spans="14:14">
      <c r="N876977" s="10"/>
    </row>
    <row r="876978" spans="14:14">
      <c r="N876978" s="10"/>
    </row>
    <row r="876979" spans="14:14">
      <c r="N876979" s="10"/>
    </row>
    <row r="876980" spans="14:14">
      <c r="N876980" s="10"/>
    </row>
    <row r="876981" spans="14:14">
      <c r="N876981" s="10"/>
    </row>
    <row r="876982" spans="14:14">
      <c r="N876982" s="10"/>
    </row>
    <row r="876983" spans="14:14">
      <c r="N876983" s="10"/>
    </row>
    <row r="876984" spans="14:14">
      <c r="N876984" s="10"/>
    </row>
    <row r="876985" spans="14:14">
      <c r="N876985" s="10"/>
    </row>
    <row r="876986" spans="14:14">
      <c r="N876986" s="10"/>
    </row>
    <row r="876987" spans="14:14">
      <c r="N876987" s="10"/>
    </row>
    <row r="876988" spans="14:14">
      <c r="N876988" s="10"/>
    </row>
    <row r="876989" spans="14:14">
      <c r="N876989" s="10"/>
    </row>
    <row r="876990" spans="14:14">
      <c r="N876990" s="10"/>
    </row>
    <row r="876991" spans="14:14">
      <c r="N876991" s="10"/>
    </row>
    <row r="876992" spans="14:14">
      <c r="N876992" s="10"/>
    </row>
    <row r="876993" spans="14:14">
      <c r="N876993" s="10"/>
    </row>
    <row r="876994" spans="14:14">
      <c r="N876994" s="10"/>
    </row>
    <row r="876995" spans="14:14">
      <c r="N876995" s="10"/>
    </row>
    <row r="876996" spans="14:14">
      <c r="N876996" s="10"/>
    </row>
    <row r="876997" spans="14:14">
      <c r="N876997" s="10"/>
    </row>
    <row r="876998" spans="14:14">
      <c r="N876998" s="10"/>
    </row>
    <row r="876999" spans="14:14">
      <c r="N876999" s="10"/>
    </row>
    <row r="877000" spans="14:14">
      <c r="N877000" s="10"/>
    </row>
    <row r="877001" spans="14:14">
      <c r="N877001" s="10"/>
    </row>
    <row r="877002" spans="14:14">
      <c r="N877002" s="10"/>
    </row>
    <row r="877003" spans="14:14">
      <c r="N877003" s="10"/>
    </row>
    <row r="877004" spans="14:14">
      <c r="N877004" s="10"/>
    </row>
    <row r="877005" spans="14:14">
      <c r="N877005" s="10"/>
    </row>
    <row r="877006" spans="14:14">
      <c r="N877006" s="10"/>
    </row>
    <row r="877007" spans="14:14">
      <c r="N877007" s="10"/>
    </row>
    <row r="877008" spans="14:14">
      <c r="N877008" s="10"/>
    </row>
    <row r="877009" spans="14:14">
      <c r="N877009" s="10"/>
    </row>
    <row r="877010" spans="14:14">
      <c r="N877010" s="10"/>
    </row>
    <row r="877011" spans="14:14">
      <c r="N877011" s="10"/>
    </row>
    <row r="877012" spans="14:14">
      <c r="N877012" s="10"/>
    </row>
    <row r="877013" spans="14:14">
      <c r="N877013" s="10"/>
    </row>
    <row r="877014" spans="14:14">
      <c r="N877014" s="10"/>
    </row>
    <row r="877015" spans="14:14">
      <c r="N877015" s="10"/>
    </row>
    <row r="877016" spans="14:14">
      <c r="N877016" s="10"/>
    </row>
    <row r="877017" spans="14:14">
      <c r="N877017" s="10"/>
    </row>
    <row r="877018" spans="14:14">
      <c r="N877018" s="10"/>
    </row>
    <row r="877019" spans="14:14">
      <c r="N877019" s="10"/>
    </row>
    <row r="877020" spans="14:14">
      <c r="N877020" s="10"/>
    </row>
    <row r="877021" spans="14:14">
      <c r="N877021" s="10"/>
    </row>
    <row r="877022" spans="14:14">
      <c r="N877022" s="10"/>
    </row>
    <row r="877023" spans="14:14">
      <c r="N877023" s="10"/>
    </row>
    <row r="877024" spans="14:14">
      <c r="N877024" s="10"/>
    </row>
    <row r="877025" spans="14:14">
      <c r="N877025" s="10"/>
    </row>
    <row r="877026" spans="14:14">
      <c r="N877026" s="10"/>
    </row>
    <row r="877027" spans="14:14">
      <c r="N877027" s="10"/>
    </row>
    <row r="877028" spans="14:14">
      <c r="N877028" s="10"/>
    </row>
    <row r="877029" spans="14:14">
      <c r="N877029" s="10"/>
    </row>
    <row r="877030" spans="14:14">
      <c r="N877030" s="10"/>
    </row>
    <row r="877031" spans="14:14">
      <c r="N877031" s="10"/>
    </row>
    <row r="877032" spans="14:14">
      <c r="N877032" s="10"/>
    </row>
    <row r="877033" spans="14:14">
      <c r="N877033" s="10"/>
    </row>
    <row r="877034" spans="14:14">
      <c r="N877034" s="10"/>
    </row>
    <row r="877035" spans="14:14">
      <c r="N877035" s="10"/>
    </row>
    <row r="877036" spans="14:14">
      <c r="N877036" s="10"/>
    </row>
    <row r="877037" spans="14:14">
      <c r="N877037" s="10"/>
    </row>
    <row r="877038" spans="14:14">
      <c r="N877038" s="10"/>
    </row>
    <row r="877039" spans="14:14">
      <c r="N877039" s="10"/>
    </row>
    <row r="877040" spans="14:14">
      <c r="N877040" s="10"/>
    </row>
    <row r="877041" spans="14:14">
      <c r="N877041" s="10"/>
    </row>
    <row r="877042" spans="14:14">
      <c r="N877042" s="10"/>
    </row>
    <row r="877043" spans="14:14">
      <c r="N877043" s="10"/>
    </row>
    <row r="877044" spans="14:14">
      <c r="N877044" s="10"/>
    </row>
    <row r="877045" spans="14:14">
      <c r="N877045" s="10"/>
    </row>
    <row r="877046" spans="14:14">
      <c r="N877046" s="10"/>
    </row>
    <row r="877047" spans="14:14">
      <c r="N877047" s="10"/>
    </row>
    <row r="877048" spans="14:14">
      <c r="N877048" s="10"/>
    </row>
    <row r="877049" spans="14:14">
      <c r="N877049" s="10"/>
    </row>
    <row r="877050" spans="14:14">
      <c r="N877050" s="10"/>
    </row>
    <row r="877051" spans="14:14">
      <c r="N877051" s="10"/>
    </row>
    <row r="877052" spans="14:14">
      <c r="N877052" s="10"/>
    </row>
    <row r="877053" spans="14:14">
      <c r="N877053" s="10"/>
    </row>
    <row r="877054" spans="14:14">
      <c r="N877054" s="10"/>
    </row>
    <row r="877055" spans="14:14">
      <c r="N877055" s="10"/>
    </row>
    <row r="877056" spans="14:14">
      <c r="N877056" s="10"/>
    </row>
    <row r="877057" spans="14:14">
      <c r="N877057" s="10"/>
    </row>
    <row r="877058" spans="14:14">
      <c r="N877058" s="10"/>
    </row>
    <row r="877059" spans="14:14">
      <c r="N877059" s="10"/>
    </row>
    <row r="877060" spans="14:14">
      <c r="N877060" s="10"/>
    </row>
    <row r="877061" spans="14:14">
      <c r="N877061" s="10"/>
    </row>
    <row r="877062" spans="14:14">
      <c r="N877062" s="10"/>
    </row>
    <row r="877063" spans="14:14">
      <c r="N877063" s="10"/>
    </row>
    <row r="877064" spans="14:14">
      <c r="N877064" s="10"/>
    </row>
    <row r="877065" spans="14:14">
      <c r="N877065" s="10"/>
    </row>
    <row r="877066" spans="14:14">
      <c r="N877066" s="10"/>
    </row>
    <row r="877067" spans="14:14">
      <c r="N877067" s="10"/>
    </row>
    <row r="877068" spans="14:14">
      <c r="N877068" s="10"/>
    </row>
    <row r="877069" spans="14:14">
      <c r="N877069" s="10"/>
    </row>
    <row r="877070" spans="14:14">
      <c r="N877070" s="10"/>
    </row>
    <row r="877071" spans="14:14">
      <c r="N877071" s="10"/>
    </row>
    <row r="877072" spans="14:14">
      <c r="N877072" s="10"/>
    </row>
    <row r="877073" spans="14:14">
      <c r="N877073" s="10"/>
    </row>
    <row r="877074" spans="14:14">
      <c r="N877074" s="10"/>
    </row>
    <row r="877075" spans="14:14">
      <c r="N877075" s="10"/>
    </row>
    <row r="877076" spans="14:14">
      <c r="N877076" s="10"/>
    </row>
    <row r="877077" spans="14:14">
      <c r="N877077" s="10"/>
    </row>
    <row r="877078" spans="14:14">
      <c r="N877078" s="10"/>
    </row>
    <row r="877079" spans="14:14">
      <c r="N877079" s="10"/>
    </row>
    <row r="877080" spans="14:14">
      <c r="N877080" s="10"/>
    </row>
    <row r="877081" spans="14:14">
      <c r="N877081" s="10"/>
    </row>
    <row r="877082" spans="14:14">
      <c r="N877082" s="10"/>
    </row>
    <row r="877083" spans="14:14">
      <c r="N877083" s="10"/>
    </row>
    <row r="877084" spans="14:14">
      <c r="N877084" s="10"/>
    </row>
    <row r="877085" spans="14:14">
      <c r="N877085" s="10"/>
    </row>
    <row r="877086" spans="14:14">
      <c r="N877086" s="10"/>
    </row>
    <row r="877087" spans="14:14">
      <c r="N877087" s="10"/>
    </row>
    <row r="877088" spans="14:14">
      <c r="N877088" s="10"/>
    </row>
    <row r="877089" spans="14:14">
      <c r="N877089" s="10"/>
    </row>
    <row r="877090" spans="14:14">
      <c r="N877090" s="10"/>
    </row>
    <row r="877091" spans="14:14">
      <c r="N877091" s="10"/>
    </row>
    <row r="877092" spans="14:14">
      <c r="N877092" s="10"/>
    </row>
    <row r="877093" spans="14:14">
      <c r="N877093" s="10"/>
    </row>
    <row r="877094" spans="14:14">
      <c r="N877094" s="10"/>
    </row>
    <row r="877095" spans="14:14">
      <c r="N877095" s="10"/>
    </row>
    <row r="877096" spans="14:14">
      <c r="N877096" s="10"/>
    </row>
    <row r="877097" spans="14:14">
      <c r="N877097" s="10"/>
    </row>
    <row r="877098" spans="14:14">
      <c r="N877098" s="10"/>
    </row>
    <row r="877099" spans="14:14">
      <c r="N877099" s="10"/>
    </row>
    <row r="877100" spans="14:14">
      <c r="N877100" s="10"/>
    </row>
    <row r="877101" spans="14:14">
      <c r="N877101" s="10"/>
    </row>
    <row r="877102" spans="14:14">
      <c r="N877102" s="10"/>
    </row>
    <row r="877103" spans="14:14">
      <c r="N877103" s="10"/>
    </row>
    <row r="877104" spans="14:14">
      <c r="N877104" s="10"/>
    </row>
    <row r="877105" spans="14:14">
      <c r="N877105" s="10"/>
    </row>
    <row r="877106" spans="14:14">
      <c r="N877106" s="10"/>
    </row>
    <row r="877107" spans="14:14">
      <c r="N877107" s="10"/>
    </row>
    <row r="877108" spans="14:14">
      <c r="N877108" s="10"/>
    </row>
    <row r="877109" spans="14:14">
      <c r="N877109" s="10"/>
    </row>
    <row r="877110" spans="14:14">
      <c r="N877110" s="10"/>
    </row>
    <row r="877111" spans="14:14">
      <c r="N877111" s="10"/>
    </row>
    <row r="877112" spans="14:14">
      <c r="N877112" s="10"/>
    </row>
    <row r="877113" spans="14:14">
      <c r="N877113" s="10"/>
    </row>
    <row r="877114" spans="14:14">
      <c r="N877114" s="10"/>
    </row>
    <row r="877115" spans="14:14">
      <c r="N877115" s="10"/>
    </row>
    <row r="877116" spans="14:14">
      <c r="N877116" s="10"/>
    </row>
    <row r="877117" spans="14:14">
      <c r="N877117" s="10"/>
    </row>
    <row r="877118" spans="14:14">
      <c r="N877118" s="10"/>
    </row>
    <row r="877119" spans="14:14">
      <c r="N877119" s="10"/>
    </row>
    <row r="877120" spans="14:14">
      <c r="N877120" s="10"/>
    </row>
    <row r="877121" spans="14:14">
      <c r="N877121" s="10"/>
    </row>
    <row r="877122" spans="14:14">
      <c r="N877122" s="10"/>
    </row>
    <row r="877123" spans="14:14">
      <c r="N877123" s="10"/>
    </row>
    <row r="877124" spans="14:14">
      <c r="N877124" s="10"/>
    </row>
    <row r="877125" spans="14:14">
      <c r="N877125" s="10"/>
    </row>
    <row r="877126" spans="14:14">
      <c r="N877126" s="10"/>
    </row>
    <row r="877127" spans="14:14">
      <c r="N877127" s="10"/>
    </row>
    <row r="877128" spans="14:14">
      <c r="N877128" s="10"/>
    </row>
    <row r="877129" spans="14:14">
      <c r="N877129" s="10"/>
    </row>
    <row r="877130" spans="14:14">
      <c r="N877130" s="10"/>
    </row>
    <row r="877131" spans="14:14">
      <c r="N877131" s="10"/>
    </row>
    <row r="877132" spans="14:14">
      <c r="N877132" s="10"/>
    </row>
    <row r="877133" spans="14:14">
      <c r="N877133" s="10"/>
    </row>
    <row r="877134" spans="14:14">
      <c r="N877134" s="10"/>
    </row>
    <row r="877135" spans="14:14">
      <c r="N877135" s="10"/>
    </row>
    <row r="877136" spans="14:14">
      <c r="N877136" s="10"/>
    </row>
    <row r="877137" spans="14:14">
      <c r="N877137" s="10"/>
    </row>
    <row r="877138" spans="14:14">
      <c r="N877138" s="10"/>
    </row>
    <row r="877139" spans="14:14">
      <c r="N877139" s="10"/>
    </row>
    <row r="877140" spans="14:14">
      <c r="N877140" s="10"/>
    </row>
    <row r="877141" spans="14:14">
      <c r="N877141" s="10"/>
    </row>
    <row r="877142" spans="14:14">
      <c r="N877142" s="10"/>
    </row>
    <row r="877143" spans="14:14">
      <c r="N877143" s="10"/>
    </row>
    <row r="877144" spans="14:14">
      <c r="N877144" s="10"/>
    </row>
    <row r="877145" spans="14:14">
      <c r="N877145" s="10"/>
    </row>
    <row r="877146" spans="14:14">
      <c r="N877146" s="10"/>
    </row>
    <row r="877147" spans="14:14">
      <c r="N877147" s="10"/>
    </row>
    <row r="877148" spans="14:14">
      <c r="N877148" s="10"/>
    </row>
    <row r="877149" spans="14:14">
      <c r="N877149" s="10"/>
    </row>
    <row r="877150" spans="14:14">
      <c r="N877150" s="10"/>
    </row>
    <row r="877151" spans="14:14">
      <c r="N877151" s="10"/>
    </row>
    <row r="877152" spans="14:14">
      <c r="N877152" s="10"/>
    </row>
    <row r="877153" spans="14:14">
      <c r="N877153" s="10"/>
    </row>
    <row r="877154" spans="14:14">
      <c r="N877154" s="10"/>
    </row>
    <row r="877155" spans="14:14">
      <c r="N877155" s="10"/>
    </row>
    <row r="877156" spans="14:14">
      <c r="N877156" s="10"/>
    </row>
    <row r="877157" spans="14:14">
      <c r="N877157" s="10"/>
    </row>
    <row r="877158" spans="14:14">
      <c r="N877158" s="10"/>
    </row>
    <row r="877159" spans="14:14">
      <c r="N877159" s="10"/>
    </row>
    <row r="877160" spans="14:14">
      <c r="N877160" s="10"/>
    </row>
    <row r="877161" spans="14:14">
      <c r="N877161" s="10"/>
    </row>
    <row r="877162" spans="14:14">
      <c r="N877162" s="10"/>
    </row>
    <row r="877163" spans="14:14">
      <c r="N877163" s="10"/>
    </row>
    <row r="877164" spans="14:14">
      <c r="N877164" s="10"/>
    </row>
    <row r="877165" spans="14:14">
      <c r="N877165" s="10"/>
    </row>
    <row r="877166" spans="14:14">
      <c r="N877166" s="10"/>
    </row>
    <row r="877167" spans="14:14">
      <c r="N877167" s="10"/>
    </row>
    <row r="877168" spans="14:14">
      <c r="N877168" s="10"/>
    </row>
    <row r="877169" spans="14:14">
      <c r="N877169" s="10"/>
    </row>
    <row r="877170" spans="14:14">
      <c r="N877170" s="10"/>
    </row>
    <row r="877171" spans="14:14">
      <c r="N877171" s="10"/>
    </row>
    <row r="877172" spans="14:14">
      <c r="N877172" s="10"/>
    </row>
    <row r="877173" spans="14:14">
      <c r="N877173" s="10"/>
    </row>
    <row r="877174" spans="14:14">
      <c r="N877174" s="10"/>
    </row>
    <row r="877175" spans="14:14">
      <c r="N877175" s="10"/>
    </row>
    <row r="877176" spans="14:14">
      <c r="N877176" s="10"/>
    </row>
    <row r="877177" spans="14:14">
      <c r="N877177" s="10"/>
    </row>
    <row r="877178" spans="14:14">
      <c r="N877178" s="10"/>
    </row>
    <row r="877179" spans="14:14">
      <c r="N877179" s="10"/>
    </row>
    <row r="877180" spans="14:14">
      <c r="N877180" s="10"/>
    </row>
    <row r="877181" spans="14:14">
      <c r="N877181" s="10"/>
    </row>
    <row r="877182" spans="14:14">
      <c r="N877182" s="10"/>
    </row>
    <row r="877183" spans="14:14">
      <c r="N877183" s="10"/>
    </row>
    <row r="877184" spans="14:14">
      <c r="N877184" s="10"/>
    </row>
    <row r="877185" spans="14:14">
      <c r="N877185" s="10"/>
    </row>
    <row r="877186" spans="14:14">
      <c r="N877186" s="10"/>
    </row>
    <row r="877187" spans="14:14">
      <c r="N877187" s="10"/>
    </row>
    <row r="877188" spans="14:14">
      <c r="N877188" s="10"/>
    </row>
    <row r="877189" spans="14:14">
      <c r="N877189" s="10"/>
    </row>
    <row r="877190" spans="14:14">
      <c r="N877190" s="10"/>
    </row>
    <row r="877191" spans="14:14">
      <c r="N877191" s="10"/>
    </row>
    <row r="877192" spans="14:14">
      <c r="N877192" s="10"/>
    </row>
    <row r="877193" spans="14:14">
      <c r="N877193" s="10"/>
    </row>
    <row r="877194" spans="14:14">
      <c r="N877194" s="10"/>
    </row>
    <row r="877195" spans="14:14">
      <c r="N877195" s="10"/>
    </row>
    <row r="877196" spans="14:14">
      <c r="N877196" s="10"/>
    </row>
    <row r="877197" spans="14:14">
      <c r="N877197" s="10"/>
    </row>
    <row r="877198" spans="14:14">
      <c r="N877198" s="10"/>
    </row>
    <row r="877199" spans="14:14">
      <c r="N877199" s="10"/>
    </row>
    <row r="877200" spans="14:14">
      <c r="N877200" s="10"/>
    </row>
    <row r="877201" spans="14:14">
      <c r="N877201" s="10"/>
    </row>
    <row r="877202" spans="14:14">
      <c r="N877202" s="10"/>
    </row>
    <row r="877203" spans="14:14">
      <c r="N877203" s="10"/>
    </row>
    <row r="877204" spans="14:14">
      <c r="N877204" s="10"/>
    </row>
    <row r="877205" spans="14:14">
      <c r="N877205" s="10"/>
    </row>
    <row r="877206" spans="14:14">
      <c r="N877206" s="10"/>
    </row>
    <row r="877207" spans="14:14">
      <c r="N877207" s="10"/>
    </row>
    <row r="877208" spans="14:14">
      <c r="N877208" s="10"/>
    </row>
    <row r="877209" spans="14:14">
      <c r="N877209" s="10"/>
    </row>
    <row r="877210" spans="14:14">
      <c r="N877210" s="10"/>
    </row>
    <row r="877211" spans="14:14">
      <c r="N877211" s="10"/>
    </row>
    <row r="877212" spans="14:14">
      <c r="N877212" s="10"/>
    </row>
    <row r="877213" spans="14:14">
      <c r="N877213" s="10"/>
    </row>
    <row r="877214" spans="14:14">
      <c r="N877214" s="10"/>
    </row>
    <row r="877215" spans="14:14">
      <c r="N877215" s="10"/>
    </row>
    <row r="877216" spans="14:14">
      <c r="N877216" s="10"/>
    </row>
    <row r="877217" spans="14:14">
      <c r="N877217" s="10"/>
    </row>
    <row r="877218" spans="14:14">
      <c r="N877218" s="10"/>
    </row>
    <row r="877219" spans="14:14">
      <c r="N877219" s="10"/>
    </row>
    <row r="877220" spans="14:14">
      <c r="N877220" s="10"/>
    </row>
    <row r="877221" spans="14:14">
      <c r="N877221" s="10"/>
    </row>
    <row r="877222" spans="14:14">
      <c r="N877222" s="10"/>
    </row>
    <row r="877223" spans="14:14">
      <c r="N877223" s="10"/>
    </row>
    <row r="877224" spans="14:14">
      <c r="N877224" s="10"/>
    </row>
    <row r="877225" spans="14:14">
      <c r="N877225" s="10"/>
    </row>
    <row r="877226" spans="14:14">
      <c r="N877226" s="10"/>
    </row>
    <row r="877227" spans="14:14">
      <c r="N877227" s="10"/>
    </row>
    <row r="877228" spans="14:14">
      <c r="N877228" s="10"/>
    </row>
    <row r="877229" spans="14:14">
      <c r="N877229" s="10"/>
    </row>
    <row r="877230" spans="14:14">
      <c r="N877230" s="10"/>
    </row>
    <row r="877231" spans="14:14">
      <c r="N877231" s="10"/>
    </row>
    <row r="877232" spans="14:14">
      <c r="N877232" s="10"/>
    </row>
    <row r="877233" spans="14:14">
      <c r="N877233" s="10"/>
    </row>
    <row r="877234" spans="14:14">
      <c r="N877234" s="10"/>
    </row>
    <row r="877235" spans="14:14">
      <c r="N877235" s="10"/>
    </row>
    <row r="877236" spans="14:14">
      <c r="N877236" s="10"/>
    </row>
    <row r="877237" spans="14:14">
      <c r="N877237" s="10"/>
    </row>
    <row r="877238" spans="14:14">
      <c r="N877238" s="10"/>
    </row>
    <row r="877239" spans="14:14">
      <c r="N877239" s="10"/>
    </row>
    <row r="877240" spans="14:14">
      <c r="N877240" s="10"/>
    </row>
    <row r="877241" spans="14:14">
      <c r="N877241" s="10"/>
    </row>
    <row r="877242" spans="14:14">
      <c r="N877242" s="10"/>
    </row>
    <row r="877243" spans="14:14">
      <c r="N877243" s="10"/>
    </row>
    <row r="877244" spans="14:14">
      <c r="N877244" s="10"/>
    </row>
    <row r="877245" spans="14:14">
      <c r="N877245" s="10"/>
    </row>
    <row r="877246" spans="14:14">
      <c r="N877246" s="10"/>
    </row>
    <row r="877247" spans="14:14">
      <c r="N877247" s="10"/>
    </row>
    <row r="877248" spans="14:14">
      <c r="N877248" s="10"/>
    </row>
    <row r="877249" spans="14:14">
      <c r="N877249" s="10"/>
    </row>
    <row r="877250" spans="14:14">
      <c r="N877250" s="10"/>
    </row>
    <row r="877251" spans="14:14">
      <c r="N877251" s="10"/>
    </row>
    <row r="877252" spans="14:14">
      <c r="N877252" s="10"/>
    </row>
    <row r="877253" spans="14:14">
      <c r="N877253" s="10"/>
    </row>
    <row r="877254" spans="14:14">
      <c r="N877254" s="10"/>
    </row>
    <row r="877255" spans="14:14">
      <c r="N877255" s="10"/>
    </row>
    <row r="877256" spans="14:14">
      <c r="N877256" s="10"/>
    </row>
    <row r="877257" spans="14:14">
      <c r="N877257" s="10"/>
    </row>
    <row r="877258" spans="14:14">
      <c r="N877258" s="10"/>
    </row>
    <row r="877259" spans="14:14">
      <c r="N877259" s="10"/>
    </row>
    <row r="877260" spans="14:14">
      <c r="N877260" s="10"/>
    </row>
    <row r="877261" spans="14:14">
      <c r="N877261" s="10"/>
    </row>
    <row r="877262" spans="14:14">
      <c r="N877262" s="10"/>
    </row>
    <row r="877263" spans="14:14">
      <c r="N877263" s="10"/>
    </row>
    <row r="877264" spans="14:14">
      <c r="N877264" s="10"/>
    </row>
    <row r="877265" spans="14:14">
      <c r="N877265" s="10"/>
    </row>
    <row r="877266" spans="14:14">
      <c r="N877266" s="10"/>
    </row>
    <row r="877267" spans="14:14">
      <c r="N877267" s="10"/>
    </row>
    <row r="877268" spans="14:14">
      <c r="N877268" s="10"/>
    </row>
    <row r="877269" spans="14:14">
      <c r="N877269" s="10"/>
    </row>
    <row r="877270" spans="14:14">
      <c r="N877270" s="10"/>
    </row>
    <row r="877271" spans="14:14">
      <c r="N877271" s="10"/>
    </row>
    <row r="877272" spans="14:14">
      <c r="N877272" s="10"/>
    </row>
    <row r="877273" spans="14:14">
      <c r="N877273" s="10"/>
    </row>
    <row r="877274" spans="14:14">
      <c r="N877274" s="10"/>
    </row>
    <row r="877275" spans="14:14">
      <c r="N877275" s="10"/>
    </row>
    <row r="877276" spans="14:14">
      <c r="N877276" s="10"/>
    </row>
    <row r="877277" spans="14:14">
      <c r="N877277" s="10"/>
    </row>
    <row r="877278" spans="14:14">
      <c r="N877278" s="10"/>
    </row>
    <row r="877279" spans="14:14">
      <c r="N877279" s="10"/>
    </row>
    <row r="877280" spans="14:14">
      <c r="N877280" s="10"/>
    </row>
    <row r="877281" spans="14:14">
      <c r="N877281" s="10"/>
    </row>
    <row r="877282" spans="14:14">
      <c r="N877282" s="10"/>
    </row>
    <row r="877283" spans="14:14">
      <c r="N877283" s="10"/>
    </row>
    <row r="877284" spans="14:14">
      <c r="N877284" s="10"/>
    </row>
    <row r="877285" spans="14:14">
      <c r="N877285" s="10"/>
    </row>
    <row r="877286" spans="14:14">
      <c r="N877286" s="10"/>
    </row>
    <row r="877287" spans="14:14">
      <c r="N877287" s="10"/>
    </row>
    <row r="877288" spans="14:14">
      <c r="N877288" s="10"/>
    </row>
    <row r="877289" spans="14:14">
      <c r="N877289" s="10"/>
    </row>
    <row r="877290" spans="14:14">
      <c r="N877290" s="10"/>
    </row>
    <row r="877291" spans="14:14">
      <c r="N877291" s="10"/>
    </row>
    <row r="877292" spans="14:14">
      <c r="N877292" s="10"/>
    </row>
    <row r="877293" spans="14:14">
      <c r="N877293" s="10"/>
    </row>
    <row r="877294" spans="14:14">
      <c r="N877294" s="10"/>
    </row>
    <row r="877295" spans="14:14">
      <c r="N877295" s="10"/>
    </row>
    <row r="877296" spans="14:14">
      <c r="N877296" s="10"/>
    </row>
    <row r="877297" spans="14:14">
      <c r="N877297" s="10"/>
    </row>
    <row r="877298" spans="14:14">
      <c r="N877298" s="10"/>
    </row>
    <row r="877299" spans="14:14">
      <c r="N877299" s="10"/>
    </row>
    <row r="877300" spans="14:14">
      <c r="N877300" s="10"/>
    </row>
    <row r="877301" spans="14:14">
      <c r="N877301" s="10"/>
    </row>
    <row r="877302" spans="14:14">
      <c r="N877302" s="10"/>
    </row>
    <row r="877303" spans="14:14">
      <c r="N877303" s="10"/>
    </row>
    <row r="877304" spans="14:14">
      <c r="N877304" s="10"/>
    </row>
    <row r="877305" spans="14:14">
      <c r="N877305" s="10"/>
    </row>
    <row r="877306" spans="14:14">
      <c r="N877306" s="10"/>
    </row>
    <row r="877307" spans="14:14">
      <c r="N877307" s="10"/>
    </row>
    <row r="877308" spans="14:14">
      <c r="N877308" s="10"/>
    </row>
    <row r="877309" spans="14:14">
      <c r="N877309" s="10"/>
    </row>
    <row r="877310" spans="14:14">
      <c r="N877310" s="10"/>
    </row>
    <row r="877311" spans="14:14">
      <c r="N877311" s="10"/>
    </row>
    <row r="877312" spans="14:14">
      <c r="N877312" s="10"/>
    </row>
    <row r="877313" spans="14:14">
      <c r="N877313" s="10"/>
    </row>
    <row r="877314" spans="14:14">
      <c r="N877314" s="10"/>
    </row>
    <row r="877315" spans="14:14">
      <c r="N877315" s="10"/>
    </row>
    <row r="877316" spans="14:14">
      <c r="N877316" s="10"/>
    </row>
    <row r="877317" spans="14:14">
      <c r="N877317" s="10"/>
    </row>
    <row r="877318" spans="14:14">
      <c r="N877318" s="10"/>
    </row>
    <row r="877319" spans="14:14">
      <c r="N877319" s="10"/>
    </row>
    <row r="877320" spans="14:14">
      <c r="N877320" s="10"/>
    </row>
    <row r="877321" spans="14:14">
      <c r="N877321" s="10"/>
    </row>
    <row r="877322" spans="14:14">
      <c r="N877322" s="10"/>
    </row>
    <row r="877323" spans="14:14">
      <c r="N877323" s="10"/>
    </row>
    <row r="877324" spans="14:14">
      <c r="N877324" s="10"/>
    </row>
    <row r="877325" spans="14:14">
      <c r="N877325" s="10"/>
    </row>
    <row r="877326" spans="14:14">
      <c r="N877326" s="10"/>
    </row>
    <row r="877327" spans="14:14">
      <c r="N877327" s="10"/>
    </row>
    <row r="877328" spans="14:14">
      <c r="N877328" s="10"/>
    </row>
    <row r="877329" spans="14:14">
      <c r="N877329" s="10"/>
    </row>
    <row r="877330" spans="14:14">
      <c r="N877330" s="10"/>
    </row>
    <row r="877331" spans="14:14">
      <c r="N877331" s="10"/>
    </row>
    <row r="877332" spans="14:14">
      <c r="N877332" s="10"/>
    </row>
    <row r="877333" spans="14:14">
      <c r="N877333" s="10"/>
    </row>
    <row r="877334" spans="14:14">
      <c r="N877334" s="10"/>
    </row>
    <row r="877335" spans="14:14">
      <c r="N877335" s="10"/>
    </row>
    <row r="877336" spans="14:14">
      <c r="N877336" s="10"/>
    </row>
    <row r="877337" spans="14:14">
      <c r="N877337" s="10"/>
    </row>
    <row r="877338" spans="14:14">
      <c r="N877338" s="10"/>
    </row>
    <row r="877339" spans="14:14">
      <c r="N877339" s="10"/>
    </row>
    <row r="877340" spans="14:14">
      <c r="N877340" s="10"/>
    </row>
    <row r="877341" spans="14:14">
      <c r="N877341" s="10"/>
    </row>
    <row r="877342" spans="14:14">
      <c r="N877342" s="10"/>
    </row>
    <row r="877343" spans="14:14">
      <c r="N877343" s="10"/>
    </row>
    <row r="877344" spans="14:14">
      <c r="N877344" s="10"/>
    </row>
    <row r="877345" spans="14:14">
      <c r="N877345" s="10"/>
    </row>
    <row r="877346" spans="14:14">
      <c r="N877346" s="10"/>
    </row>
    <row r="877347" spans="14:14">
      <c r="N877347" s="10"/>
    </row>
    <row r="877348" spans="14:14">
      <c r="N877348" s="10"/>
    </row>
    <row r="877349" spans="14:14">
      <c r="N877349" s="10"/>
    </row>
    <row r="877350" spans="14:14">
      <c r="N877350" s="10"/>
    </row>
    <row r="877351" spans="14:14">
      <c r="N877351" s="10"/>
    </row>
    <row r="877352" spans="14:14">
      <c r="N877352" s="10"/>
    </row>
    <row r="877353" spans="14:14">
      <c r="N877353" s="10"/>
    </row>
    <row r="877354" spans="14:14">
      <c r="N877354" s="10"/>
    </row>
    <row r="877355" spans="14:14">
      <c r="N877355" s="10"/>
    </row>
    <row r="877356" spans="14:14">
      <c r="N877356" s="10"/>
    </row>
    <row r="877357" spans="14:14">
      <c r="N877357" s="10"/>
    </row>
    <row r="877358" spans="14:14">
      <c r="N877358" s="10"/>
    </row>
    <row r="877359" spans="14:14">
      <c r="N877359" s="10"/>
    </row>
    <row r="877360" spans="14:14">
      <c r="N877360" s="10"/>
    </row>
    <row r="877361" spans="14:14">
      <c r="N877361" s="10"/>
    </row>
    <row r="877362" spans="14:14">
      <c r="N877362" s="10"/>
    </row>
    <row r="877363" spans="14:14">
      <c r="N877363" s="10"/>
    </row>
    <row r="877364" spans="14:14">
      <c r="N877364" s="10"/>
    </row>
    <row r="877365" spans="14:14">
      <c r="N877365" s="10"/>
    </row>
    <row r="877366" spans="14:14">
      <c r="N877366" s="10"/>
    </row>
    <row r="877367" spans="14:14">
      <c r="N877367" s="10"/>
    </row>
    <row r="877368" spans="14:14">
      <c r="N877368" s="10"/>
    </row>
    <row r="877369" spans="14:14">
      <c r="N877369" s="10"/>
    </row>
    <row r="877370" spans="14:14">
      <c r="N877370" s="10"/>
    </row>
    <row r="877371" spans="14:14">
      <c r="N877371" s="10"/>
    </row>
    <row r="877372" spans="14:14">
      <c r="N877372" s="10"/>
    </row>
    <row r="877373" spans="14:14">
      <c r="N877373" s="10"/>
    </row>
    <row r="877374" spans="14:14">
      <c r="N877374" s="10"/>
    </row>
    <row r="877375" spans="14:14">
      <c r="N877375" s="10"/>
    </row>
    <row r="877376" spans="14:14">
      <c r="N877376" s="10"/>
    </row>
    <row r="877377" spans="14:14">
      <c r="N877377" s="10"/>
    </row>
    <row r="877378" spans="14:14">
      <c r="N877378" s="10"/>
    </row>
    <row r="877379" spans="14:14">
      <c r="N877379" s="10"/>
    </row>
    <row r="877380" spans="14:14">
      <c r="N877380" s="10"/>
    </row>
    <row r="877381" spans="14:14">
      <c r="N877381" s="10"/>
    </row>
    <row r="877382" spans="14:14">
      <c r="N877382" s="10"/>
    </row>
    <row r="877383" spans="14:14">
      <c r="N877383" s="10"/>
    </row>
    <row r="877384" spans="14:14">
      <c r="N877384" s="10"/>
    </row>
    <row r="877385" spans="14:14">
      <c r="N877385" s="10"/>
    </row>
    <row r="877386" spans="14:14">
      <c r="N877386" s="10"/>
    </row>
    <row r="877387" spans="14:14">
      <c r="N877387" s="10"/>
    </row>
    <row r="877388" spans="14:14">
      <c r="N877388" s="10"/>
    </row>
    <row r="877389" spans="14:14">
      <c r="N877389" s="10"/>
    </row>
    <row r="877390" spans="14:14">
      <c r="N877390" s="10"/>
    </row>
    <row r="877391" spans="14:14">
      <c r="N877391" s="10"/>
    </row>
    <row r="877392" spans="14:14">
      <c r="N877392" s="10"/>
    </row>
    <row r="877393" spans="14:14">
      <c r="N877393" s="10"/>
    </row>
    <row r="877394" spans="14:14">
      <c r="N877394" s="10"/>
    </row>
    <row r="877395" spans="14:14">
      <c r="N877395" s="10"/>
    </row>
    <row r="877396" spans="14:14">
      <c r="N877396" s="10"/>
    </row>
    <row r="877397" spans="14:14">
      <c r="N877397" s="10"/>
    </row>
    <row r="877398" spans="14:14">
      <c r="N877398" s="10"/>
    </row>
    <row r="877399" spans="14:14">
      <c r="N877399" s="10"/>
    </row>
    <row r="877400" spans="14:14">
      <c r="N877400" s="10"/>
    </row>
    <row r="877401" spans="14:14">
      <c r="N877401" s="10"/>
    </row>
    <row r="877402" spans="14:14">
      <c r="N877402" s="10"/>
    </row>
    <row r="877403" spans="14:14">
      <c r="N877403" s="10"/>
    </row>
    <row r="877404" spans="14:14">
      <c r="N877404" s="10"/>
    </row>
    <row r="877405" spans="14:14">
      <c r="N877405" s="10"/>
    </row>
    <row r="877406" spans="14:14">
      <c r="N877406" s="10"/>
    </row>
    <row r="877407" spans="14:14">
      <c r="N877407" s="10"/>
    </row>
    <row r="877408" spans="14:14">
      <c r="N877408" s="10"/>
    </row>
    <row r="877409" spans="14:14">
      <c r="N877409" s="10"/>
    </row>
    <row r="877410" spans="14:14">
      <c r="N877410" s="10"/>
    </row>
    <row r="877411" spans="14:14">
      <c r="N877411" s="10"/>
    </row>
    <row r="877412" spans="14:14">
      <c r="N877412" s="10"/>
    </row>
    <row r="877413" spans="14:14">
      <c r="N877413" s="10"/>
    </row>
    <row r="877414" spans="14:14">
      <c r="N877414" s="10"/>
    </row>
    <row r="877415" spans="14:14">
      <c r="N877415" s="10"/>
    </row>
    <row r="877416" spans="14:14">
      <c r="N877416" s="10"/>
    </row>
    <row r="877417" spans="14:14">
      <c r="N877417" s="10"/>
    </row>
    <row r="877418" spans="14:14">
      <c r="N877418" s="10"/>
    </row>
    <row r="877419" spans="14:14">
      <c r="N877419" s="10"/>
    </row>
    <row r="877420" spans="14:14">
      <c r="N877420" s="10"/>
    </row>
    <row r="877421" spans="14:14">
      <c r="N877421" s="10"/>
    </row>
    <row r="877422" spans="14:14">
      <c r="N877422" s="10"/>
    </row>
    <row r="877423" spans="14:14">
      <c r="N877423" s="10"/>
    </row>
    <row r="877424" spans="14:14">
      <c r="N877424" s="10"/>
    </row>
    <row r="877425" spans="14:14">
      <c r="N877425" s="10"/>
    </row>
    <row r="877426" spans="14:14">
      <c r="N877426" s="10"/>
    </row>
    <row r="877427" spans="14:14">
      <c r="N877427" s="10"/>
    </row>
    <row r="877428" spans="14:14">
      <c r="N877428" s="10"/>
    </row>
    <row r="877429" spans="14:14">
      <c r="N877429" s="10"/>
    </row>
    <row r="877430" spans="14:14">
      <c r="N877430" s="10"/>
    </row>
    <row r="877431" spans="14:14">
      <c r="N877431" s="10"/>
    </row>
    <row r="877432" spans="14:14">
      <c r="N877432" s="10"/>
    </row>
    <row r="877433" spans="14:14">
      <c r="N877433" s="10"/>
    </row>
    <row r="877434" spans="14:14">
      <c r="N877434" s="10"/>
    </row>
    <row r="877435" spans="14:14">
      <c r="N877435" s="10"/>
    </row>
    <row r="877436" spans="14:14">
      <c r="N877436" s="10"/>
    </row>
    <row r="877437" spans="14:14">
      <c r="N877437" s="10"/>
    </row>
    <row r="877438" spans="14:14">
      <c r="N877438" s="10"/>
    </row>
    <row r="877439" spans="14:14">
      <c r="N877439" s="10"/>
    </row>
    <row r="877440" spans="14:14">
      <c r="N877440" s="10"/>
    </row>
    <row r="877441" spans="14:14">
      <c r="N877441" s="10"/>
    </row>
    <row r="877442" spans="14:14">
      <c r="N877442" s="10"/>
    </row>
    <row r="877443" spans="14:14">
      <c r="N877443" s="10"/>
    </row>
    <row r="877444" spans="14:14">
      <c r="N877444" s="10"/>
    </row>
    <row r="877445" spans="14:14">
      <c r="N877445" s="10"/>
    </row>
    <row r="877446" spans="14:14">
      <c r="N877446" s="10"/>
    </row>
    <row r="877447" spans="14:14">
      <c r="N877447" s="10"/>
    </row>
    <row r="877448" spans="14:14">
      <c r="N877448" s="10"/>
    </row>
    <row r="877449" spans="14:14">
      <c r="N877449" s="10"/>
    </row>
    <row r="877450" spans="14:14">
      <c r="N877450" s="10"/>
    </row>
    <row r="877451" spans="14:14">
      <c r="N877451" s="10"/>
    </row>
    <row r="877452" spans="14:14">
      <c r="N877452" s="10"/>
    </row>
    <row r="877453" spans="14:14">
      <c r="N877453" s="10"/>
    </row>
    <row r="877454" spans="14:14">
      <c r="N877454" s="10"/>
    </row>
    <row r="877455" spans="14:14">
      <c r="N877455" s="10"/>
    </row>
    <row r="877456" spans="14:14">
      <c r="N877456" s="10"/>
    </row>
    <row r="877457" spans="14:14">
      <c r="N877457" s="10"/>
    </row>
    <row r="877458" spans="14:14">
      <c r="N877458" s="10"/>
    </row>
    <row r="877459" spans="14:14">
      <c r="N877459" s="10"/>
    </row>
    <row r="877460" spans="14:14">
      <c r="N877460" s="10"/>
    </row>
    <row r="877461" spans="14:14">
      <c r="N877461" s="10"/>
    </row>
    <row r="877462" spans="14:14">
      <c r="N877462" s="10"/>
    </row>
    <row r="877463" spans="14:14">
      <c r="N877463" s="10"/>
    </row>
    <row r="877464" spans="14:14">
      <c r="N877464" s="10"/>
    </row>
    <row r="877465" spans="14:14">
      <c r="N877465" s="10"/>
    </row>
    <row r="877466" spans="14:14">
      <c r="N877466" s="10"/>
    </row>
    <row r="877467" spans="14:14">
      <c r="N877467" s="10"/>
    </row>
    <row r="877468" spans="14:14">
      <c r="N877468" s="10"/>
    </row>
    <row r="877469" spans="14:14">
      <c r="N877469" s="10"/>
    </row>
    <row r="877470" spans="14:14">
      <c r="N877470" s="10"/>
    </row>
    <row r="877471" spans="14:14">
      <c r="N877471" s="10"/>
    </row>
    <row r="877472" spans="14:14">
      <c r="N877472" s="10"/>
    </row>
    <row r="877473" spans="14:14">
      <c r="N877473" s="10"/>
    </row>
    <row r="877474" spans="14:14">
      <c r="N877474" s="10"/>
    </row>
    <row r="877475" spans="14:14">
      <c r="N877475" s="10"/>
    </row>
    <row r="877476" spans="14:14">
      <c r="N877476" s="10"/>
    </row>
    <row r="877477" spans="14:14">
      <c r="N877477" s="10"/>
    </row>
    <row r="877478" spans="14:14">
      <c r="N877478" s="10"/>
    </row>
    <row r="877479" spans="14:14">
      <c r="N877479" s="10"/>
    </row>
    <row r="877480" spans="14:14">
      <c r="N877480" s="10"/>
    </row>
    <row r="877481" spans="14:14">
      <c r="N877481" s="10"/>
    </row>
    <row r="877482" spans="14:14">
      <c r="N877482" s="10"/>
    </row>
    <row r="877483" spans="14:14">
      <c r="N877483" s="10"/>
    </row>
    <row r="877484" spans="14:14">
      <c r="N877484" s="10"/>
    </row>
    <row r="877485" spans="14:14">
      <c r="N877485" s="10"/>
    </row>
    <row r="877486" spans="14:14">
      <c r="N877486" s="10"/>
    </row>
    <row r="877487" spans="14:14">
      <c r="N877487" s="10"/>
    </row>
    <row r="877488" spans="14:14">
      <c r="N877488" s="10"/>
    </row>
    <row r="877489" spans="14:14">
      <c r="N877489" s="10"/>
    </row>
    <row r="877490" spans="14:14">
      <c r="N877490" s="10"/>
    </row>
    <row r="877491" spans="14:14">
      <c r="N877491" s="10"/>
    </row>
    <row r="877492" spans="14:14">
      <c r="N877492" s="10"/>
    </row>
    <row r="877493" spans="14:14">
      <c r="N877493" s="10"/>
    </row>
    <row r="877494" spans="14:14">
      <c r="N877494" s="10"/>
    </row>
    <row r="877495" spans="14:14">
      <c r="N877495" s="10"/>
    </row>
    <row r="877496" spans="14:14">
      <c r="N877496" s="10"/>
    </row>
    <row r="877497" spans="14:14">
      <c r="N877497" s="10"/>
    </row>
    <row r="877498" spans="14:14">
      <c r="N877498" s="10"/>
    </row>
    <row r="877499" spans="14:14">
      <c r="N877499" s="10"/>
    </row>
    <row r="877500" spans="14:14">
      <c r="N877500" s="10"/>
    </row>
    <row r="877501" spans="14:14">
      <c r="N877501" s="10"/>
    </row>
    <row r="877502" spans="14:14">
      <c r="N877502" s="10"/>
    </row>
    <row r="877503" spans="14:14">
      <c r="N877503" s="10"/>
    </row>
    <row r="877504" spans="14:14">
      <c r="N877504" s="10"/>
    </row>
    <row r="877505" spans="14:14">
      <c r="N877505" s="10"/>
    </row>
    <row r="877506" spans="14:14">
      <c r="N877506" s="10"/>
    </row>
    <row r="877507" spans="14:14">
      <c r="N877507" s="10"/>
    </row>
    <row r="877508" spans="14:14">
      <c r="N877508" s="10"/>
    </row>
    <row r="877509" spans="14:14">
      <c r="N877509" s="10"/>
    </row>
    <row r="877510" spans="14:14">
      <c r="N877510" s="10"/>
    </row>
    <row r="877511" spans="14:14">
      <c r="N877511" s="10"/>
    </row>
    <row r="877512" spans="14:14">
      <c r="N877512" s="10"/>
    </row>
    <row r="877513" spans="14:14">
      <c r="N877513" s="10"/>
    </row>
    <row r="877514" spans="14:14">
      <c r="N877514" s="10"/>
    </row>
    <row r="877515" spans="14:14">
      <c r="N877515" s="10"/>
    </row>
    <row r="877516" spans="14:14">
      <c r="N877516" s="10"/>
    </row>
    <row r="877517" spans="14:14">
      <c r="N877517" s="10"/>
    </row>
    <row r="877518" spans="14:14">
      <c r="N877518" s="10"/>
    </row>
    <row r="877519" spans="14:14">
      <c r="N877519" s="10"/>
    </row>
    <row r="877520" spans="14:14">
      <c r="N877520" s="10"/>
    </row>
    <row r="877521" spans="14:14">
      <c r="N877521" s="10"/>
    </row>
    <row r="877522" spans="14:14">
      <c r="N877522" s="10"/>
    </row>
    <row r="877523" spans="14:14">
      <c r="N877523" s="10"/>
    </row>
    <row r="877524" spans="14:14">
      <c r="N877524" s="10"/>
    </row>
    <row r="877525" spans="14:14">
      <c r="N877525" s="10"/>
    </row>
    <row r="877526" spans="14:14">
      <c r="N877526" s="10"/>
    </row>
    <row r="877527" spans="14:14">
      <c r="N877527" s="10"/>
    </row>
    <row r="877528" spans="14:14">
      <c r="N877528" s="10"/>
    </row>
    <row r="877529" spans="14:14">
      <c r="N877529" s="10"/>
    </row>
    <row r="877530" spans="14:14">
      <c r="N877530" s="10"/>
    </row>
    <row r="877531" spans="14:14">
      <c r="N877531" s="10"/>
    </row>
    <row r="877532" spans="14:14">
      <c r="N877532" s="10"/>
    </row>
    <row r="877533" spans="14:14">
      <c r="N877533" s="10"/>
    </row>
    <row r="877534" spans="14:14">
      <c r="N877534" s="10"/>
    </row>
    <row r="877535" spans="14:14">
      <c r="N877535" s="10"/>
    </row>
    <row r="877536" spans="14:14">
      <c r="N877536" s="10"/>
    </row>
    <row r="877537" spans="14:14">
      <c r="N877537" s="10"/>
    </row>
    <row r="877538" spans="14:14">
      <c r="N877538" s="10"/>
    </row>
    <row r="877539" spans="14:14">
      <c r="N877539" s="10"/>
    </row>
    <row r="877540" spans="14:14">
      <c r="N877540" s="10"/>
    </row>
    <row r="877541" spans="14:14">
      <c r="N877541" s="10"/>
    </row>
    <row r="877542" spans="14:14">
      <c r="N877542" s="10"/>
    </row>
    <row r="877543" spans="14:14">
      <c r="N877543" s="10"/>
    </row>
    <row r="877544" spans="14:14">
      <c r="N877544" s="10"/>
    </row>
    <row r="877545" spans="14:14">
      <c r="N877545" s="10"/>
    </row>
    <row r="877546" spans="14:14">
      <c r="N877546" s="10"/>
    </row>
    <row r="877547" spans="14:14">
      <c r="N877547" s="10"/>
    </row>
    <row r="877548" spans="14:14">
      <c r="N877548" s="10"/>
    </row>
    <row r="877549" spans="14:14">
      <c r="N877549" s="10"/>
    </row>
    <row r="877550" spans="14:14">
      <c r="N877550" s="10"/>
    </row>
    <row r="877551" spans="14:14">
      <c r="N877551" s="10"/>
    </row>
    <row r="877552" spans="14:14">
      <c r="N877552" s="10"/>
    </row>
    <row r="877553" spans="14:14">
      <c r="N877553" s="10"/>
    </row>
    <row r="877554" spans="14:14">
      <c r="N877554" s="10"/>
    </row>
    <row r="877555" spans="14:14">
      <c r="N877555" s="10"/>
    </row>
    <row r="877556" spans="14:14">
      <c r="N877556" s="10"/>
    </row>
    <row r="877557" spans="14:14">
      <c r="N877557" s="10"/>
    </row>
    <row r="877558" spans="14:14">
      <c r="N877558" s="10"/>
    </row>
    <row r="877559" spans="14:14">
      <c r="N877559" s="10"/>
    </row>
    <row r="877560" spans="14:14">
      <c r="N877560" s="10"/>
    </row>
    <row r="877561" spans="14:14">
      <c r="N877561" s="10"/>
    </row>
    <row r="877562" spans="14:14">
      <c r="N877562" s="10"/>
    </row>
    <row r="877563" spans="14:14">
      <c r="N877563" s="10"/>
    </row>
    <row r="877564" spans="14:14">
      <c r="N877564" s="10"/>
    </row>
    <row r="877565" spans="14:14">
      <c r="N877565" s="10"/>
    </row>
    <row r="877566" spans="14:14">
      <c r="N877566" s="10"/>
    </row>
    <row r="877567" spans="14:14">
      <c r="N877567" s="10"/>
    </row>
    <row r="877568" spans="14:14">
      <c r="N877568" s="10"/>
    </row>
    <row r="877569" spans="14:14">
      <c r="N877569" s="10"/>
    </row>
    <row r="877570" spans="14:14">
      <c r="N877570" s="10"/>
    </row>
    <row r="877571" spans="14:14">
      <c r="N877571" s="10"/>
    </row>
    <row r="877572" spans="14:14">
      <c r="N877572" s="10"/>
    </row>
    <row r="877573" spans="14:14">
      <c r="N877573" s="10"/>
    </row>
    <row r="877574" spans="14:14">
      <c r="N877574" s="10"/>
    </row>
    <row r="877575" spans="14:14">
      <c r="N877575" s="10"/>
    </row>
    <row r="877576" spans="14:14">
      <c r="N877576" s="10"/>
    </row>
    <row r="877577" spans="14:14">
      <c r="N877577" s="10"/>
    </row>
    <row r="877578" spans="14:14">
      <c r="N877578" s="10"/>
    </row>
    <row r="877579" spans="14:14">
      <c r="N877579" s="10"/>
    </row>
    <row r="877580" spans="14:14">
      <c r="N877580" s="10"/>
    </row>
    <row r="877581" spans="14:14">
      <c r="N877581" s="10"/>
    </row>
    <row r="877582" spans="14:14">
      <c r="N877582" s="10"/>
    </row>
    <row r="877583" spans="14:14">
      <c r="N877583" s="10"/>
    </row>
    <row r="877584" spans="14:14">
      <c r="N877584" s="10"/>
    </row>
    <row r="877585" spans="14:14">
      <c r="N877585" s="10"/>
    </row>
    <row r="877586" spans="14:14">
      <c r="N877586" s="10"/>
    </row>
    <row r="877587" spans="14:14">
      <c r="N877587" s="10"/>
    </row>
    <row r="877588" spans="14:14">
      <c r="N877588" s="10"/>
    </row>
    <row r="877589" spans="14:14">
      <c r="N877589" s="10"/>
    </row>
    <row r="877590" spans="14:14">
      <c r="N877590" s="10"/>
    </row>
    <row r="877591" spans="14:14">
      <c r="N877591" s="10"/>
    </row>
    <row r="877592" spans="14:14">
      <c r="N877592" s="10"/>
    </row>
    <row r="877593" spans="14:14">
      <c r="N877593" s="10"/>
    </row>
    <row r="877594" spans="14:14">
      <c r="N877594" s="10"/>
    </row>
    <row r="877595" spans="14:14">
      <c r="N877595" s="10"/>
    </row>
    <row r="877596" spans="14:14">
      <c r="N877596" s="10"/>
    </row>
    <row r="877597" spans="14:14">
      <c r="N877597" s="10"/>
    </row>
    <row r="877598" spans="14:14">
      <c r="N877598" s="10"/>
    </row>
    <row r="877599" spans="14:14">
      <c r="N877599" s="10"/>
    </row>
    <row r="877600" spans="14:14">
      <c r="N877600" s="10"/>
    </row>
    <row r="877601" spans="14:14">
      <c r="N877601" s="10"/>
    </row>
    <row r="877602" spans="14:14">
      <c r="N877602" s="10"/>
    </row>
    <row r="877603" spans="14:14">
      <c r="N877603" s="10"/>
    </row>
    <row r="877604" spans="14:14">
      <c r="N877604" s="10"/>
    </row>
    <row r="877605" spans="14:14">
      <c r="N877605" s="10"/>
    </row>
    <row r="877606" spans="14:14">
      <c r="N877606" s="10"/>
    </row>
    <row r="877607" spans="14:14">
      <c r="N877607" s="10"/>
    </row>
    <row r="877608" spans="14:14">
      <c r="N877608" s="10"/>
    </row>
    <row r="877609" spans="14:14">
      <c r="N877609" s="10"/>
    </row>
    <row r="877610" spans="14:14">
      <c r="N877610" s="10"/>
    </row>
    <row r="877611" spans="14:14">
      <c r="N877611" s="10"/>
    </row>
    <row r="877612" spans="14:14">
      <c r="N877612" s="10"/>
    </row>
    <row r="877613" spans="14:14">
      <c r="N877613" s="10"/>
    </row>
    <row r="877614" spans="14:14">
      <c r="N877614" s="10"/>
    </row>
    <row r="877615" spans="14:14">
      <c r="N877615" s="10"/>
    </row>
    <row r="877616" spans="14:14">
      <c r="N877616" s="10"/>
    </row>
    <row r="877617" spans="14:14">
      <c r="N877617" s="10"/>
    </row>
    <row r="877618" spans="14:14">
      <c r="N877618" s="10"/>
    </row>
    <row r="877619" spans="14:14">
      <c r="N877619" s="10"/>
    </row>
    <row r="877620" spans="14:14">
      <c r="N877620" s="10"/>
    </row>
    <row r="877621" spans="14:14">
      <c r="N877621" s="10"/>
    </row>
    <row r="877622" spans="14:14">
      <c r="N877622" s="10"/>
    </row>
    <row r="877623" spans="14:14">
      <c r="N877623" s="10"/>
    </row>
    <row r="877624" spans="14:14">
      <c r="N877624" s="10"/>
    </row>
    <row r="877625" spans="14:14">
      <c r="N877625" s="10"/>
    </row>
    <row r="877626" spans="14:14">
      <c r="N877626" s="10"/>
    </row>
    <row r="877627" spans="14:14">
      <c r="N877627" s="10"/>
    </row>
    <row r="877628" spans="14:14">
      <c r="N877628" s="10"/>
    </row>
    <row r="877629" spans="14:14">
      <c r="N877629" s="10"/>
    </row>
    <row r="877630" spans="14:14">
      <c r="N877630" s="10"/>
    </row>
    <row r="877631" spans="14:14">
      <c r="N877631" s="10"/>
    </row>
    <row r="877632" spans="14:14">
      <c r="N877632" s="10"/>
    </row>
    <row r="877633" spans="14:14">
      <c r="N877633" s="10"/>
    </row>
    <row r="877634" spans="14:14">
      <c r="N877634" s="10"/>
    </row>
    <row r="877635" spans="14:14">
      <c r="N877635" s="10"/>
    </row>
    <row r="877636" spans="14:14">
      <c r="N877636" s="10"/>
    </row>
    <row r="877637" spans="14:14">
      <c r="N877637" s="10"/>
    </row>
    <row r="877638" spans="14:14">
      <c r="N877638" s="10"/>
    </row>
    <row r="877639" spans="14:14">
      <c r="N877639" s="10"/>
    </row>
    <row r="877640" spans="14:14">
      <c r="N877640" s="10"/>
    </row>
    <row r="877641" spans="14:14">
      <c r="N877641" s="10"/>
    </row>
    <row r="877642" spans="14:14">
      <c r="N877642" s="10"/>
    </row>
    <row r="877643" spans="14:14">
      <c r="N877643" s="10"/>
    </row>
    <row r="877644" spans="14:14">
      <c r="N877644" s="10"/>
    </row>
    <row r="877645" spans="14:14">
      <c r="N877645" s="10"/>
    </row>
    <row r="877646" spans="14:14">
      <c r="N877646" s="10"/>
    </row>
    <row r="877647" spans="14:14">
      <c r="N877647" s="10"/>
    </row>
    <row r="877648" spans="14:14">
      <c r="N877648" s="10"/>
    </row>
    <row r="877649" spans="14:14">
      <c r="N877649" s="10"/>
    </row>
    <row r="877650" spans="14:14">
      <c r="N877650" s="10"/>
    </row>
    <row r="877651" spans="14:14">
      <c r="N877651" s="10"/>
    </row>
    <row r="877652" spans="14:14">
      <c r="N877652" s="10"/>
    </row>
    <row r="877653" spans="14:14">
      <c r="N877653" s="10"/>
    </row>
    <row r="877654" spans="14:14">
      <c r="N877654" s="10"/>
    </row>
    <row r="877655" spans="14:14">
      <c r="N877655" s="10"/>
    </row>
    <row r="877656" spans="14:14">
      <c r="N877656" s="10"/>
    </row>
    <row r="877657" spans="14:14">
      <c r="N877657" s="10"/>
    </row>
    <row r="877658" spans="14:14">
      <c r="N877658" s="10"/>
    </row>
    <row r="877659" spans="14:14">
      <c r="N877659" s="10"/>
    </row>
    <row r="877660" spans="14:14">
      <c r="N877660" s="10"/>
    </row>
    <row r="877661" spans="14:14">
      <c r="N877661" s="10"/>
    </row>
    <row r="877662" spans="14:14">
      <c r="N877662" s="10"/>
    </row>
    <row r="877663" spans="14:14">
      <c r="N877663" s="10"/>
    </row>
    <row r="877664" spans="14:14">
      <c r="N877664" s="10"/>
    </row>
    <row r="877665" spans="14:14">
      <c r="N877665" s="10"/>
    </row>
    <row r="877666" spans="14:14">
      <c r="N877666" s="10"/>
    </row>
    <row r="877667" spans="14:14">
      <c r="N877667" s="10"/>
    </row>
    <row r="877668" spans="14:14">
      <c r="N877668" s="10"/>
    </row>
    <row r="877669" spans="14:14">
      <c r="N877669" s="10"/>
    </row>
    <row r="877670" spans="14:14">
      <c r="N877670" s="10"/>
    </row>
    <row r="877671" spans="14:14">
      <c r="N877671" s="10"/>
    </row>
    <row r="877672" spans="14:14">
      <c r="N877672" s="10"/>
    </row>
    <row r="877673" spans="14:14">
      <c r="N877673" s="10"/>
    </row>
    <row r="877674" spans="14:14">
      <c r="N877674" s="10"/>
    </row>
    <row r="877675" spans="14:14">
      <c r="N877675" s="10"/>
    </row>
    <row r="877676" spans="14:14">
      <c r="N877676" s="10"/>
    </row>
    <row r="877677" spans="14:14">
      <c r="N877677" s="10"/>
    </row>
    <row r="877678" spans="14:14">
      <c r="N877678" s="10"/>
    </row>
    <row r="877679" spans="14:14">
      <c r="N877679" s="10"/>
    </row>
    <row r="877680" spans="14:14">
      <c r="N877680" s="10"/>
    </row>
    <row r="877681" spans="14:14">
      <c r="N877681" s="10"/>
    </row>
    <row r="877682" spans="14:14">
      <c r="N877682" s="10"/>
    </row>
    <row r="877683" spans="14:14">
      <c r="N877683" s="10"/>
    </row>
    <row r="877684" spans="14:14">
      <c r="N877684" s="10"/>
    </row>
    <row r="877685" spans="14:14">
      <c r="N877685" s="10"/>
    </row>
    <row r="877686" spans="14:14">
      <c r="N877686" s="10"/>
    </row>
    <row r="877687" spans="14:14">
      <c r="N877687" s="10"/>
    </row>
    <row r="877688" spans="14:14">
      <c r="N877688" s="10"/>
    </row>
    <row r="877689" spans="14:14">
      <c r="N877689" s="10"/>
    </row>
    <row r="877690" spans="14:14">
      <c r="N877690" s="10"/>
    </row>
    <row r="877691" spans="14:14">
      <c r="N877691" s="10"/>
    </row>
    <row r="877692" spans="14:14">
      <c r="N877692" s="10"/>
    </row>
    <row r="877693" spans="14:14">
      <c r="N877693" s="10"/>
    </row>
    <row r="877694" spans="14:14">
      <c r="N877694" s="10"/>
    </row>
    <row r="877695" spans="14:14">
      <c r="N877695" s="10"/>
    </row>
    <row r="877696" spans="14:14">
      <c r="N877696" s="10"/>
    </row>
    <row r="877697" spans="14:14">
      <c r="N877697" s="10"/>
    </row>
    <row r="877698" spans="14:14">
      <c r="N877698" s="10"/>
    </row>
    <row r="877699" spans="14:14">
      <c r="N877699" s="10"/>
    </row>
    <row r="877700" spans="14:14">
      <c r="N877700" s="10"/>
    </row>
    <row r="877701" spans="14:14">
      <c r="N877701" s="10"/>
    </row>
    <row r="877702" spans="14:14">
      <c r="N877702" s="10"/>
    </row>
    <row r="877703" spans="14:14">
      <c r="N877703" s="10"/>
    </row>
    <row r="877704" spans="14:14">
      <c r="N877704" s="10"/>
    </row>
    <row r="877705" spans="14:14">
      <c r="N877705" s="10"/>
    </row>
    <row r="877706" spans="14:14">
      <c r="N877706" s="10"/>
    </row>
    <row r="877707" spans="14:14">
      <c r="N877707" s="10"/>
    </row>
    <row r="877708" spans="14:14">
      <c r="N877708" s="10"/>
    </row>
    <row r="877709" spans="14:14">
      <c r="N877709" s="10"/>
    </row>
    <row r="877710" spans="14:14">
      <c r="N877710" s="10"/>
    </row>
    <row r="877711" spans="14:14">
      <c r="N877711" s="10"/>
    </row>
    <row r="877712" spans="14:14">
      <c r="N877712" s="10"/>
    </row>
    <row r="877713" spans="14:14">
      <c r="N877713" s="10"/>
    </row>
    <row r="877714" spans="14:14">
      <c r="N877714" s="10"/>
    </row>
    <row r="877715" spans="14:14">
      <c r="N877715" s="10"/>
    </row>
    <row r="877716" spans="14:14">
      <c r="N877716" s="10"/>
    </row>
    <row r="877717" spans="14:14">
      <c r="N877717" s="10"/>
    </row>
    <row r="877718" spans="14:14">
      <c r="N877718" s="10"/>
    </row>
    <row r="877719" spans="14:14">
      <c r="N877719" s="10"/>
    </row>
    <row r="877720" spans="14:14">
      <c r="N877720" s="10"/>
    </row>
    <row r="877721" spans="14:14">
      <c r="N877721" s="10"/>
    </row>
    <row r="877722" spans="14:14">
      <c r="N877722" s="10"/>
    </row>
    <row r="877723" spans="14:14">
      <c r="N877723" s="10"/>
    </row>
    <row r="877724" spans="14:14">
      <c r="N877724" s="10"/>
    </row>
    <row r="877725" spans="14:14">
      <c r="N877725" s="10"/>
    </row>
    <row r="877726" spans="14:14">
      <c r="N877726" s="10"/>
    </row>
    <row r="877727" spans="14:14">
      <c r="N877727" s="10"/>
    </row>
    <row r="877728" spans="14:14">
      <c r="N877728" s="10"/>
    </row>
    <row r="877729" spans="14:14">
      <c r="N877729" s="10"/>
    </row>
    <row r="877730" spans="14:14">
      <c r="N877730" s="10"/>
    </row>
    <row r="877731" spans="14:14">
      <c r="N877731" s="10"/>
    </row>
    <row r="877732" spans="14:14">
      <c r="N877732" s="10"/>
    </row>
    <row r="877733" spans="14:14">
      <c r="N877733" s="10"/>
    </row>
    <row r="877734" spans="14:14">
      <c r="N877734" s="10"/>
    </row>
    <row r="877735" spans="14:14">
      <c r="N877735" s="10"/>
    </row>
    <row r="877736" spans="14:14">
      <c r="N877736" s="10"/>
    </row>
    <row r="877737" spans="14:14">
      <c r="N877737" s="10"/>
    </row>
    <row r="877738" spans="14:14">
      <c r="N877738" s="10"/>
    </row>
    <row r="877739" spans="14:14">
      <c r="N877739" s="10"/>
    </row>
    <row r="877740" spans="14:14">
      <c r="N877740" s="10"/>
    </row>
    <row r="877741" spans="14:14">
      <c r="N877741" s="10"/>
    </row>
    <row r="877742" spans="14:14">
      <c r="N877742" s="10"/>
    </row>
    <row r="877743" spans="14:14">
      <c r="N877743" s="10"/>
    </row>
    <row r="877744" spans="14:14">
      <c r="N877744" s="10"/>
    </row>
    <row r="877745" spans="14:14">
      <c r="N877745" s="10"/>
    </row>
    <row r="877746" spans="14:14">
      <c r="N877746" s="10"/>
    </row>
    <row r="877747" spans="14:14">
      <c r="N877747" s="10"/>
    </row>
    <row r="877748" spans="14:14">
      <c r="N877748" s="10"/>
    </row>
    <row r="877749" spans="14:14">
      <c r="N877749" s="10"/>
    </row>
    <row r="877750" spans="14:14">
      <c r="N877750" s="10"/>
    </row>
    <row r="877751" spans="14:14">
      <c r="N877751" s="10"/>
    </row>
    <row r="877752" spans="14:14">
      <c r="N877752" s="10"/>
    </row>
    <row r="877753" spans="14:14">
      <c r="N877753" s="10"/>
    </row>
    <row r="877754" spans="14:14">
      <c r="N877754" s="10"/>
    </row>
    <row r="877755" spans="14:14">
      <c r="N877755" s="10"/>
    </row>
    <row r="877756" spans="14:14">
      <c r="N877756" s="10"/>
    </row>
    <row r="877757" spans="14:14">
      <c r="N877757" s="10"/>
    </row>
    <row r="877758" spans="14:14">
      <c r="N877758" s="10"/>
    </row>
    <row r="877759" spans="14:14">
      <c r="N877759" s="10"/>
    </row>
    <row r="877760" spans="14:14">
      <c r="N877760" s="10"/>
    </row>
    <row r="877761" spans="14:14">
      <c r="N877761" s="10"/>
    </row>
    <row r="877762" spans="14:14">
      <c r="N877762" s="10"/>
    </row>
    <row r="877763" spans="14:14">
      <c r="N877763" s="10"/>
    </row>
    <row r="877764" spans="14:14">
      <c r="N877764" s="10"/>
    </row>
    <row r="877765" spans="14:14">
      <c r="N877765" s="10"/>
    </row>
    <row r="877766" spans="14:14">
      <c r="N877766" s="10"/>
    </row>
    <row r="877767" spans="14:14">
      <c r="N877767" s="10"/>
    </row>
    <row r="877768" spans="14:14">
      <c r="N877768" s="10"/>
    </row>
    <row r="877769" spans="14:14">
      <c r="N877769" s="10"/>
    </row>
    <row r="877770" spans="14:14">
      <c r="N877770" s="10"/>
    </row>
    <row r="877771" spans="14:14">
      <c r="N877771" s="10"/>
    </row>
    <row r="877772" spans="14:14">
      <c r="N877772" s="10"/>
    </row>
    <row r="877773" spans="14:14">
      <c r="N877773" s="10"/>
    </row>
    <row r="877774" spans="14:14">
      <c r="N877774" s="10"/>
    </row>
    <row r="877775" spans="14:14">
      <c r="N877775" s="10"/>
    </row>
    <row r="877776" spans="14:14">
      <c r="N877776" s="10"/>
    </row>
    <row r="877777" spans="14:14">
      <c r="N877777" s="10"/>
    </row>
    <row r="877778" spans="14:14">
      <c r="N877778" s="10"/>
    </row>
    <row r="877779" spans="14:14">
      <c r="N877779" s="10"/>
    </row>
    <row r="877780" spans="14:14">
      <c r="N877780" s="10"/>
    </row>
    <row r="877781" spans="14:14">
      <c r="N877781" s="10"/>
    </row>
    <row r="877782" spans="14:14">
      <c r="N877782" s="10"/>
    </row>
    <row r="877783" spans="14:14">
      <c r="N877783" s="10"/>
    </row>
    <row r="877784" spans="14:14">
      <c r="N877784" s="10"/>
    </row>
    <row r="877785" spans="14:14">
      <c r="N877785" s="10"/>
    </row>
    <row r="877786" spans="14:14">
      <c r="N877786" s="10"/>
    </row>
    <row r="877787" spans="14:14">
      <c r="N877787" s="10"/>
    </row>
    <row r="877788" spans="14:14">
      <c r="N877788" s="10"/>
    </row>
    <row r="877789" spans="14:14">
      <c r="N877789" s="10"/>
    </row>
    <row r="877790" spans="14:14">
      <c r="N877790" s="10"/>
    </row>
    <row r="877791" spans="14:14">
      <c r="N877791" s="10"/>
    </row>
    <row r="877792" spans="14:14">
      <c r="N877792" s="10"/>
    </row>
    <row r="877793" spans="14:14">
      <c r="N877793" s="10"/>
    </row>
    <row r="877794" spans="14:14">
      <c r="N877794" s="10"/>
    </row>
    <row r="877795" spans="14:14">
      <c r="N877795" s="10"/>
    </row>
    <row r="877796" spans="14:14">
      <c r="N877796" s="10"/>
    </row>
    <row r="877797" spans="14:14">
      <c r="N877797" s="10"/>
    </row>
    <row r="877798" spans="14:14">
      <c r="N877798" s="10"/>
    </row>
    <row r="877799" spans="14:14">
      <c r="N877799" s="10"/>
    </row>
    <row r="877800" spans="14:14">
      <c r="N877800" s="10"/>
    </row>
    <row r="877801" spans="14:14">
      <c r="N877801" s="10"/>
    </row>
    <row r="877802" spans="14:14">
      <c r="N877802" s="10"/>
    </row>
    <row r="877803" spans="14:14">
      <c r="N877803" s="10"/>
    </row>
    <row r="877804" spans="14:14">
      <c r="N877804" s="10"/>
    </row>
    <row r="877805" spans="14:14">
      <c r="N877805" s="10"/>
    </row>
    <row r="877806" spans="14:14">
      <c r="N877806" s="10"/>
    </row>
    <row r="877807" spans="14:14">
      <c r="N877807" s="10"/>
    </row>
    <row r="877808" spans="14:14">
      <c r="N877808" s="10"/>
    </row>
    <row r="877809" spans="14:14">
      <c r="N877809" s="10"/>
    </row>
    <row r="877810" spans="14:14">
      <c r="N877810" s="10"/>
    </row>
    <row r="877811" spans="14:14">
      <c r="N877811" s="10"/>
    </row>
    <row r="877812" spans="14:14">
      <c r="N877812" s="10"/>
    </row>
    <row r="877813" spans="14:14">
      <c r="N877813" s="10"/>
    </row>
    <row r="877814" spans="14:14">
      <c r="N877814" s="10"/>
    </row>
    <row r="877815" spans="14:14">
      <c r="N877815" s="10"/>
    </row>
    <row r="877816" spans="14:14">
      <c r="N877816" s="10"/>
    </row>
    <row r="877817" spans="14:14">
      <c r="N877817" s="10"/>
    </row>
    <row r="877818" spans="14:14">
      <c r="N877818" s="10"/>
    </row>
    <row r="877819" spans="14:14">
      <c r="N877819" s="10"/>
    </row>
    <row r="877820" spans="14:14">
      <c r="N877820" s="10"/>
    </row>
    <row r="877821" spans="14:14">
      <c r="N877821" s="10"/>
    </row>
    <row r="877822" spans="14:14">
      <c r="N877822" s="10"/>
    </row>
    <row r="877823" spans="14:14">
      <c r="N877823" s="10"/>
    </row>
    <row r="877824" spans="14:14">
      <c r="N877824" s="10"/>
    </row>
    <row r="877825" spans="14:14">
      <c r="N877825" s="10"/>
    </row>
    <row r="877826" spans="14:14">
      <c r="N877826" s="10"/>
    </row>
    <row r="877827" spans="14:14">
      <c r="N877827" s="10"/>
    </row>
    <row r="877828" spans="14:14">
      <c r="N877828" s="10"/>
    </row>
    <row r="877829" spans="14:14">
      <c r="N877829" s="10"/>
    </row>
    <row r="877830" spans="14:14">
      <c r="N877830" s="10"/>
    </row>
    <row r="877831" spans="14:14">
      <c r="N877831" s="10"/>
    </row>
    <row r="877832" spans="14:14">
      <c r="N877832" s="10"/>
    </row>
    <row r="877833" spans="14:14">
      <c r="N877833" s="10"/>
    </row>
    <row r="877834" spans="14:14">
      <c r="N877834" s="10"/>
    </row>
    <row r="877835" spans="14:14">
      <c r="N877835" s="10"/>
    </row>
    <row r="877836" spans="14:14">
      <c r="N877836" s="10"/>
    </row>
    <row r="877837" spans="14:14">
      <c r="N877837" s="10"/>
    </row>
    <row r="877838" spans="14:14">
      <c r="N877838" s="10"/>
    </row>
    <row r="877839" spans="14:14">
      <c r="N877839" s="10"/>
    </row>
    <row r="877840" spans="14:14">
      <c r="N877840" s="10"/>
    </row>
    <row r="877841" spans="14:14">
      <c r="N877841" s="10"/>
    </row>
    <row r="877842" spans="14:14">
      <c r="N877842" s="10"/>
    </row>
    <row r="877843" spans="14:14">
      <c r="N877843" s="10"/>
    </row>
    <row r="877844" spans="14:14">
      <c r="N877844" s="10"/>
    </row>
    <row r="877845" spans="14:14">
      <c r="N877845" s="10"/>
    </row>
    <row r="877846" spans="14:14">
      <c r="N877846" s="10"/>
    </row>
    <row r="877847" spans="14:14">
      <c r="N877847" s="10"/>
    </row>
    <row r="877848" spans="14:14">
      <c r="N877848" s="10"/>
    </row>
    <row r="877849" spans="14:14">
      <c r="N877849" s="10"/>
    </row>
    <row r="877850" spans="14:14">
      <c r="N877850" s="10"/>
    </row>
    <row r="877851" spans="14:14">
      <c r="N877851" s="10"/>
    </row>
    <row r="877852" spans="14:14">
      <c r="N877852" s="10"/>
    </row>
    <row r="877853" spans="14:14">
      <c r="N877853" s="10"/>
    </row>
    <row r="877854" spans="14:14">
      <c r="N877854" s="10"/>
    </row>
    <row r="877855" spans="14:14">
      <c r="N877855" s="10"/>
    </row>
    <row r="877856" spans="14:14">
      <c r="N877856" s="10"/>
    </row>
    <row r="877857" spans="14:14">
      <c r="N877857" s="10"/>
    </row>
    <row r="877858" spans="14:14">
      <c r="N877858" s="10"/>
    </row>
    <row r="877859" spans="14:14">
      <c r="N877859" s="10"/>
    </row>
    <row r="877860" spans="14:14">
      <c r="N877860" s="10"/>
    </row>
    <row r="877861" spans="14:14">
      <c r="N877861" s="10"/>
    </row>
    <row r="877862" spans="14:14">
      <c r="N877862" s="10"/>
    </row>
    <row r="877863" spans="14:14">
      <c r="N877863" s="10"/>
    </row>
    <row r="877864" spans="14:14">
      <c r="N877864" s="10"/>
    </row>
    <row r="877865" spans="14:14">
      <c r="N877865" s="10"/>
    </row>
    <row r="877866" spans="14:14">
      <c r="N877866" s="10"/>
    </row>
    <row r="877867" spans="14:14">
      <c r="N877867" s="10"/>
    </row>
    <row r="877868" spans="14:14">
      <c r="N877868" s="10"/>
    </row>
    <row r="877869" spans="14:14">
      <c r="N877869" s="10"/>
    </row>
    <row r="877870" spans="14:14">
      <c r="N877870" s="10"/>
    </row>
    <row r="877871" spans="14:14">
      <c r="N877871" s="10"/>
    </row>
    <row r="877872" spans="14:14">
      <c r="N877872" s="10"/>
    </row>
    <row r="877873" spans="14:14">
      <c r="N877873" s="10"/>
    </row>
    <row r="877874" spans="14:14">
      <c r="N877874" s="10"/>
    </row>
    <row r="877875" spans="14:14">
      <c r="N877875" s="10"/>
    </row>
    <row r="877876" spans="14:14">
      <c r="N877876" s="10"/>
    </row>
    <row r="877877" spans="14:14">
      <c r="N877877" s="10"/>
    </row>
    <row r="877878" spans="14:14">
      <c r="N877878" s="10"/>
    </row>
    <row r="877879" spans="14:14">
      <c r="N877879" s="10"/>
    </row>
    <row r="877880" spans="14:14">
      <c r="N877880" s="10"/>
    </row>
    <row r="877881" spans="14:14">
      <c r="N877881" s="10"/>
    </row>
    <row r="877882" spans="14:14">
      <c r="N877882" s="10"/>
    </row>
    <row r="877883" spans="14:14">
      <c r="N877883" s="10"/>
    </row>
    <row r="877884" spans="14:14">
      <c r="N877884" s="10"/>
    </row>
    <row r="877885" spans="14:14">
      <c r="N877885" s="10"/>
    </row>
    <row r="877886" spans="14:14">
      <c r="N877886" s="10"/>
    </row>
    <row r="877887" spans="14:14">
      <c r="N877887" s="10"/>
    </row>
    <row r="877888" spans="14:14">
      <c r="N877888" s="10"/>
    </row>
    <row r="877889" spans="14:14">
      <c r="N877889" s="10"/>
    </row>
    <row r="877890" spans="14:14">
      <c r="N877890" s="10"/>
    </row>
    <row r="877891" spans="14:14">
      <c r="N877891" s="10"/>
    </row>
    <row r="877892" spans="14:14">
      <c r="N877892" s="10"/>
    </row>
    <row r="877893" spans="14:14">
      <c r="N877893" s="10"/>
    </row>
    <row r="877894" spans="14:14">
      <c r="N877894" s="10"/>
    </row>
    <row r="877895" spans="14:14">
      <c r="N877895" s="10"/>
    </row>
    <row r="877896" spans="14:14">
      <c r="N877896" s="10"/>
    </row>
    <row r="877897" spans="14:14">
      <c r="N877897" s="10"/>
    </row>
    <row r="877898" spans="14:14">
      <c r="N877898" s="10"/>
    </row>
    <row r="877899" spans="14:14">
      <c r="N877899" s="10"/>
    </row>
    <row r="877900" spans="14:14">
      <c r="N877900" s="10"/>
    </row>
    <row r="877901" spans="14:14">
      <c r="N877901" s="10"/>
    </row>
    <row r="877902" spans="14:14">
      <c r="N877902" s="10"/>
    </row>
    <row r="877903" spans="14:14">
      <c r="N877903" s="10"/>
    </row>
    <row r="877904" spans="14:14">
      <c r="N877904" s="10"/>
    </row>
    <row r="877905" spans="14:14">
      <c r="N877905" s="10"/>
    </row>
    <row r="877906" spans="14:14">
      <c r="N877906" s="10"/>
    </row>
    <row r="877907" spans="14:14">
      <c r="N877907" s="10"/>
    </row>
    <row r="877908" spans="14:14">
      <c r="N877908" s="10"/>
    </row>
    <row r="877909" spans="14:14">
      <c r="N877909" s="10"/>
    </row>
    <row r="877910" spans="14:14">
      <c r="N877910" s="10"/>
    </row>
    <row r="877911" spans="14:14">
      <c r="N877911" s="10"/>
    </row>
    <row r="877912" spans="14:14">
      <c r="N877912" s="10"/>
    </row>
    <row r="877913" spans="14:14">
      <c r="N877913" s="10"/>
    </row>
    <row r="877914" spans="14:14">
      <c r="N877914" s="10"/>
    </row>
    <row r="877915" spans="14:14">
      <c r="N877915" s="10"/>
    </row>
    <row r="877916" spans="14:14">
      <c r="N877916" s="10"/>
    </row>
    <row r="877917" spans="14:14">
      <c r="N877917" s="10"/>
    </row>
    <row r="877918" spans="14:14">
      <c r="N877918" s="10"/>
    </row>
    <row r="877919" spans="14:14">
      <c r="N877919" s="10"/>
    </row>
    <row r="877920" spans="14:14">
      <c r="N877920" s="10"/>
    </row>
    <row r="877921" spans="14:14">
      <c r="N877921" s="10"/>
    </row>
    <row r="877922" spans="14:14">
      <c r="N877922" s="10"/>
    </row>
    <row r="877923" spans="14:14">
      <c r="N877923" s="10"/>
    </row>
    <row r="877924" spans="14:14">
      <c r="N877924" s="10"/>
    </row>
    <row r="877925" spans="14:14">
      <c r="N877925" s="10"/>
    </row>
    <row r="877926" spans="14:14">
      <c r="N877926" s="10"/>
    </row>
    <row r="877927" spans="14:14">
      <c r="N877927" s="10"/>
    </row>
    <row r="877928" spans="14:14">
      <c r="N877928" s="10"/>
    </row>
    <row r="877929" spans="14:14">
      <c r="N877929" s="10"/>
    </row>
    <row r="877930" spans="14:14">
      <c r="N877930" s="10"/>
    </row>
    <row r="877931" spans="14:14">
      <c r="N877931" s="10"/>
    </row>
    <row r="877932" spans="14:14">
      <c r="N877932" s="10"/>
    </row>
    <row r="877933" spans="14:14">
      <c r="N877933" s="10"/>
    </row>
    <row r="877934" spans="14:14">
      <c r="N877934" s="10"/>
    </row>
    <row r="877935" spans="14:14">
      <c r="N877935" s="10"/>
    </row>
    <row r="877936" spans="14:14">
      <c r="N877936" s="10"/>
    </row>
    <row r="877937" spans="14:14">
      <c r="N877937" s="10"/>
    </row>
    <row r="877938" spans="14:14">
      <c r="N877938" s="10"/>
    </row>
    <row r="877939" spans="14:14">
      <c r="N877939" s="10"/>
    </row>
    <row r="877940" spans="14:14">
      <c r="N877940" s="10"/>
    </row>
    <row r="877941" spans="14:14">
      <c r="N877941" s="10"/>
    </row>
    <row r="877942" spans="14:14">
      <c r="N877942" s="10"/>
    </row>
    <row r="877943" spans="14:14">
      <c r="N877943" s="10"/>
    </row>
    <row r="877944" spans="14:14">
      <c r="N877944" s="10"/>
    </row>
    <row r="877945" spans="14:14">
      <c r="N877945" s="10"/>
    </row>
    <row r="877946" spans="14:14">
      <c r="N877946" s="10"/>
    </row>
    <row r="877947" spans="14:14">
      <c r="N877947" s="10"/>
    </row>
    <row r="877948" spans="14:14">
      <c r="N877948" s="10"/>
    </row>
    <row r="877949" spans="14:14">
      <c r="N877949" s="10"/>
    </row>
    <row r="877950" spans="14:14">
      <c r="N877950" s="10"/>
    </row>
    <row r="877951" spans="14:14">
      <c r="N877951" s="10"/>
    </row>
    <row r="877952" spans="14:14">
      <c r="N877952" s="10"/>
    </row>
    <row r="877953" spans="14:14">
      <c r="N877953" s="10"/>
    </row>
    <row r="877954" spans="14:14">
      <c r="N877954" s="10"/>
    </row>
    <row r="877955" spans="14:14">
      <c r="N877955" s="10"/>
    </row>
    <row r="877956" spans="14:14">
      <c r="N877956" s="10"/>
    </row>
    <row r="877957" spans="14:14">
      <c r="N877957" s="10"/>
    </row>
    <row r="877958" spans="14:14">
      <c r="N877958" s="10"/>
    </row>
    <row r="877959" spans="14:14">
      <c r="N877959" s="10"/>
    </row>
    <row r="877960" spans="14:14">
      <c r="N877960" s="10"/>
    </row>
    <row r="877961" spans="14:14">
      <c r="N877961" s="10"/>
    </row>
    <row r="877962" spans="14:14">
      <c r="N877962" s="10"/>
    </row>
    <row r="877963" spans="14:14">
      <c r="N877963" s="10"/>
    </row>
    <row r="877964" spans="14:14">
      <c r="N877964" s="10"/>
    </row>
    <row r="877965" spans="14:14">
      <c r="N877965" s="10"/>
    </row>
    <row r="877966" spans="14:14">
      <c r="N877966" s="10"/>
    </row>
    <row r="877967" spans="14:14">
      <c r="N877967" s="10"/>
    </row>
    <row r="877968" spans="14:14">
      <c r="N877968" s="10"/>
    </row>
    <row r="877969" spans="14:14">
      <c r="N877969" s="10"/>
    </row>
    <row r="877970" spans="14:14">
      <c r="N877970" s="10"/>
    </row>
    <row r="877971" spans="14:14">
      <c r="N877971" s="10"/>
    </row>
    <row r="877972" spans="14:14">
      <c r="N877972" s="10"/>
    </row>
    <row r="877973" spans="14:14">
      <c r="N877973" s="10"/>
    </row>
    <row r="877974" spans="14:14">
      <c r="N877974" s="10"/>
    </row>
    <row r="877975" spans="14:14">
      <c r="N877975" s="10"/>
    </row>
    <row r="877976" spans="14:14">
      <c r="N877976" s="10"/>
    </row>
    <row r="877977" spans="14:14">
      <c r="N877977" s="10"/>
    </row>
    <row r="877978" spans="14:14">
      <c r="N877978" s="10"/>
    </row>
    <row r="877979" spans="14:14">
      <c r="N877979" s="10"/>
    </row>
    <row r="877980" spans="14:14">
      <c r="N877980" s="10"/>
    </row>
    <row r="877981" spans="14:14">
      <c r="N877981" s="10"/>
    </row>
    <row r="877982" spans="14:14">
      <c r="N877982" s="10"/>
    </row>
    <row r="877983" spans="14:14">
      <c r="N877983" s="10"/>
    </row>
    <row r="877984" spans="14:14">
      <c r="N877984" s="10"/>
    </row>
    <row r="877985" spans="14:14">
      <c r="N877985" s="10"/>
    </row>
    <row r="877986" spans="14:14">
      <c r="N877986" s="10"/>
    </row>
    <row r="877987" spans="14:14">
      <c r="N877987" s="10"/>
    </row>
    <row r="877988" spans="14:14">
      <c r="N877988" s="10"/>
    </row>
    <row r="877989" spans="14:14">
      <c r="N877989" s="10"/>
    </row>
    <row r="877990" spans="14:14">
      <c r="N877990" s="10"/>
    </row>
    <row r="877991" spans="14:14">
      <c r="N877991" s="10"/>
    </row>
    <row r="877992" spans="14:14">
      <c r="N877992" s="10"/>
    </row>
    <row r="877993" spans="14:14">
      <c r="N877993" s="10"/>
    </row>
    <row r="877994" spans="14:14">
      <c r="N877994" s="10"/>
    </row>
    <row r="877995" spans="14:14">
      <c r="N877995" s="10"/>
    </row>
    <row r="877996" spans="14:14">
      <c r="N877996" s="10"/>
    </row>
    <row r="877997" spans="14:14">
      <c r="N877997" s="10"/>
    </row>
    <row r="877998" spans="14:14">
      <c r="N877998" s="10"/>
    </row>
    <row r="877999" spans="14:14">
      <c r="N877999" s="10"/>
    </row>
    <row r="878000" spans="14:14">
      <c r="N878000" s="10"/>
    </row>
    <row r="878001" spans="14:14">
      <c r="N878001" s="10"/>
    </row>
    <row r="878002" spans="14:14">
      <c r="N878002" s="10"/>
    </row>
    <row r="878003" spans="14:14">
      <c r="N878003" s="10"/>
    </row>
    <row r="878004" spans="14:14">
      <c r="N878004" s="10"/>
    </row>
    <row r="878005" spans="14:14">
      <c r="N878005" s="10"/>
    </row>
    <row r="878006" spans="14:14">
      <c r="N878006" s="10"/>
    </row>
    <row r="878007" spans="14:14">
      <c r="N878007" s="10"/>
    </row>
    <row r="878008" spans="14:14">
      <c r="N878008" s="10"/>
    </row>
    <row r="878009" spans="14:14">
      <c r="N878009" s="10"/>
    </row>
    <row r="878010" spans="14:14">
      <c r="N878010" s="10"/>
    </row>
    <row r="878011" spans="14:14">
      <c r="N878011" s="10"/>
    </row>
    <row r="878012" spans="14:14">
      <c r="N878012" s="10"/>
    </row>
    <row r="878013" spans="14:14">
      <c r="N878013" s="10"/>
    </row>
    <row r="878014" spans="14:14">
      <c r="N878014" s="10"/>
    </row>
    <row r="878015" spans="14:14">
      <c r="N878015" s="10"/>
    </row>
    <row r="878016" spans="14:14">
      <c r="N878016" s="10"/>
    </row>
    <row r="878017" spans="14:14">
      <c r="N878017" s="10"/>
    </row>
    <row r="878018" spans="14:14">
      <c r="N878018" s="10"/>
    </row>
    <row r="878019" spans="14:14">
      <c r="N878019" s="10"/>
    </row>
    <row r="878020" spans="14:14">
      <c r="N878020" s="10"/>
    </row>
    <row r="878021" spans="14:14">
      <c r="N878021" s="10"/>
    </row>
    <row r="878022" spans="14:14">
      <c r="N878022" s="10"/>
    </row>
    <row r="878023" spans="14:14">
      <c r="N878023" s="10"/>
    </row>
    <row r="878024" spans="14:14">
      <c r="N878024" s="10"/>
    </row>
    <row r="878025" spans="14:14">
      <c r="N878025" s="10"/>
    </row>
    <row r="878026" spans="14:14">
      <c r="N878026" s="10"/>
    </row>
    <row r="878027" spans="14:14">
      <c r="N878027" s="10"/>
    </row>
    <row r="878028" spans="14:14">
      <c r="N878028" s="10"/>
    </row>
    <row r="878029" spans="14:14">
      <c r="N878029" s="10"/>
    </row>
    <row r="878030" spans="14:14">
      <c r="N878030" s="10"/>
    </row>
    <row r="878031" spans="14:14">
      <c r="N878031" s="10"/>
    </row>
    <row r="878032" spans="14:14">
      <c r="N878032" s="10"/>
    </row>
    <row r="878033" spans="14:14">
      <c r="N878033" s="10"/>
    </row>
    <row r="878034" spans="14:14">
      <c r="N878034" s="10"/>
    </row>
    <row r="878035" spans="14:14">
      <c r="N878035" s="10"/>
    </row>
    <row r="878036" spans="14:14">
      <c r="N878036" s="10"/>
    </row>
    <row r="878037" spans="14:14">
      <c r="N878037" s="10"/>
    </row>
    <row r="878038" spans="14:14">
      <c r="N878038" s="10"/>
    </row>
    <row r="878039" spans="14:14">
      <c r="N878039" s="10"/>
    </row>
    <row r="878040" spans="14:14">
      <c r="N878040" s="10"/>
    </row>
    <row r="878041" spans="14:14">
      <c r="N878041" s="10"/>
    </row>
    <row r="878042" spans="14:14">
      <c r="N878042" s="10"/>
    </row>
    <row r="878043" spans="14:14">
      <c r="N878043" s="10"/>
    </row>
    <row r="878044" spans="14:14">
      <c r="N878044" s="10"/>
    </row>
    <row r="878045" spans="14:14">
      <c r="N878045" s="10"/>
    </row>
    <row r="878046" spans="14:14">
      <c r="N878046" s="10"/>
    </row>
    <row r="878047" spans="14:14">
      <c r="N878047" s="10"/>
    </row>
    <row r="878048" spans="14:14">
      <c r="N878048" s="10"/>
    </row>
    <row r="878049" spans="14:14">
      <c r="N878049" s="10"/>
    </row>
    <row r="878050" spans="14:14">
      <c r="N878050" s="10"/>
    </row>
    <row r="878051" spans="14:14">
      <c r="N878051" s="10"/>
    </row>
    <row r="878052" spans="14:14">
      <c r="N878052" s="10"/>
    </row>
    <row r="878053" spans="14:14">
      <c r="N878053" s="10"/>
    </row>
    <row r="878054" spans="14:14">
      <c r="N878054" s="10"/>
    </row>
    <row r="878055" spans="14:14">
      <c r="N878055" s="10"/>
    </row>
    <row r="878056" spans="14:14">
      <c r="N878056" s="10"/>
    </row>
    <row r="878057" spans="14:14">
      <c r="N878057" s="10"/>
    </row>
    <row r="878058" spans="14:14">
      <c r="N878058" s="10"/>
    </row>
    <row r="878059" spans="14:14">
      <c r="N878059" s="10"/>
    </row>
    <row r="878060" spans="14:14">
      <c r="N878060" s="10"/>
    </row>
    <row r="878061" spans="14:14">
      <c r="N878061" s="10"/>
    </row>
    <row r="878062" spans="14:14">
      <c r="N878062" s="10"/>
    </row>
    <row r="878063" spans="14:14">
      <c r="N878063" s="10"/>
    </row>
    <row r="878064" spans="14:14">
      <c r="N878064" s="10"/>
    </row>
    <row r="878065" spans="14:14">
      <c r="N878065" s="10"/>
    </row>
    <row r="878066" spans="14:14">
      <c r="N878066" s="10"/>
    </row>
    <row r="878067" spans="14:14">
      <c r="N878067" s="10"/>
    </row>
    <row r="878068" spans="14:14">
      <c r="N878068" s="10"/>
    </row>
    <row r="878069" spans="14:14">
      <c r="N878069" s="10"/>
    </row>
    <row r="878070" spans="14:14">
      <c r="N878070" s="10"/>
    </row>
    <row r="878071" spans="14:14">
      <c r="N878071" s="10"/>
    </row>
    <row r="878072" spans="14:14">
      <c r="N878072" s="10"/>
    </row>
    <row r="878073" spans="14:14">
      <c r="N878073" s="10"/>
    </row>
    <row r="878074" spans="14:14">
      <c r="N878074" s="10"/>
    </row>
    <row r="878075" spans="14:14">
      <c r="N878075" s="10"/>
    </row>
    <row r="878076" spans="14:14">
      <c r="N878076" s="10"/>
    </row>
    <row r="878077" spans="14:14">
      <c r="N878077" s="10"/>
    </row>
    <row r="878078" spans="14:14">
      <c r="N878078" s="10"/>
    </row>
    <row r="878079" spans="14:14">
      <c r="N878079" s="10"/>
    </row>
    <row r="878080" spans="14:14">
      <c r="N878080" s="10"/>
    </row>
    <row r="878081" spans="14:14">
      <c r="N878081" s="10"/>
    </row>
    <row r="878082" spans="14:14">
      <c r="N878082" s="10"/>
    </row>
    <row r="878083" spans="14:14">
      <c r="N878083" s="10"/>
    </row>
    <row r="878084" spans="14:14">
      <c r="N878084" s="10"/>
    </row>
    <row r="878085" spans="14:14">
      <c r="N878085" s="10"/>
    </row>
    <row r="878086" spans="14:14">
      <c r="N878086" s="10"/>
    </row>
    <row r="878087" spans="14:14">
      <c r="N878087" s="10"/>
    </row>
    <row r="878088" spans="14:14">
      <c r="N878088" s="10"/>
    </row>
    <row r="878089" spans="14:14">
      <c r="N878089" s="10"/>
    </row>
    <row r="878090" spans="14:14">
      <c r="N878090" s="10"/>
    </row>
    <row r="878091" spans="14:14">
      <c r="N878091" s="10"/>
    </row>
    <row r="878092" spans="14:14">
      <c r="N878092" s="10"/>
    </row>
    <row r="878093" spans="14:14">
      <c r="N878093" s="10"/>
    </row>
    <row r="878094" spans="14:14">
      <c r="N878094" s="10"/>
    </row>
    <row r="878095" spans="14:14">
      <c r="N878095" s="10"/>
    </row>
    <row r="878096" spans="14:14">
      <c r="N878096" s="10"/>
    </row>
    <row r="878097" spans="14:14">
      <c r="N878097" s="10"/>
    </row>
    <row r="878098" spans="14:14">
      <c r="N878098" s="10"/>
    </row>
    <row r="878099" spans="14:14">
      <c r="N878099" s="10"/>
    </row>
    <row r="878100" spans="14:14">
      <c r="N878100" s="10"/>
    </row>
    <row r="878101" spans="14:14">
      <c r="N878101" s="10"/>
    </row>
    <row r="878102" spans="14:14">
      <c r="N878102" s="10"/>
    </row>
    <row r="878103" spans="14:14">
      <c r="N878103" s="10"/>
    </row>
    <row r="878104" spans="14:14">
      <c r="N878104" s="10"/>
    </row>
    <row r="878105" spans="14:14">
      <c r="N878105" s="10"/>
    </row>
    <row r="878106" spans="14:14">
      <c r="N878106" s="10"/>
    </row>
    <row r="878107" spans="14:14">
      <c r="N878107" s="10"/>
    </row>
    <row r="878108" spans="14:14">
      <c r="N878108" s="10"/>
    </row>
    <row r="878109" spans="14:14">
      <c r="N878109" s="10"/>
    </row>
    <row r="878110" spans="14:14">
      <c r="N878110" s="10"/>
    </row>
    <row r="878111" spans="14:14">
      <c r="N878111" s="10"/>
    </row>
    <row r="878112" spans="14:14">
      <c r="N878112" s="10"/>
    </row>
    <row r="878113" spans="14:14">
      <c r="N878113" s="10"/>
    </row>
    <row r="878114" spans="14:14">
      <c r="N878114" s="10"/>
    </row>
    <row r="878115" spans="14:14">
      <c r="N878115" s="10"/>
    </row>
    <row r="878116" spans="14:14">
      <c r="N878116" s="10"/>
    </row>
    <row r="878117" spans="14:14">
      <c r="N878117" s="10"/>
    </row>
    <row r="878118" spans="14:14">
      <c r="N878118" s="10"/>
    </row>
    <row r="878119" spans="14:14">
      <c r="N878119" s="10"/>
    </row>
    <row r="878120" spans="14:14">
      <c r="N878120" s="10"/>
    </row>
    <row r="878121" spans="14:14">
      <c r="N878121" s="10"/>
    </row>
    <row r="878122" spans="14:14">
      <c r="N878122" s="10"/>
    </row>
    <row r="878123" spans="14:14">
      <c r="N878123" s="10"/>
    </row>
    <row r="878124" spans="14:14">
      <c r="N878124" s="10"/>
    </row>
    <row r="878125" spans="14:14">
      <c r="N878125" s="10"/>
    </row>
    <row r="878126" spans="14:14">
      <c r="N878126" s="10"/>
    </row>
    <row r="878127" spans="14:14">
      <c r="N878127" s="10"/>
    </row>
    <row r="878128" spans="14:14">
      <c r="N878128" s="10"/>
    </row>
    <row r="878129" spans="14:14">
      <c r="N878129" s="10"/>
    </row>
    <row r="878130" spans="14:14">
      <c r="N878130" s="10"/>
    </row>
    <row r="878131" spans="14:14">
      <c r="N878131" s="10"/>
    </row>
    <row r="878132" spans="14:14">
      <c r="N878132" s="10"/>
    </row>
    <row r="878133" spans="14:14">
      <c r="N878133" s="10"/>
    </row>
    <row r="878134" spans="14:14">
      <c r="N878134" s="10"/>
    </row>
    <row r="878135" spans="14:14">
      <c r="N878135" s="10"/>
    </row>
    <row r="878136" spans="14:14">
      <c r="N878136" s="10"/>
    </row>
    <row r="878137" spans="14:14">
      <c r="N878137" s="10"/>
    </row>
    <row r="878138" spans="14:14">
      <c r="N878138" s="10"/>
    </row>
    <row r="878139" spans="14:14">
      <c r="N878139" s="10"/>
    </row>
    <row r="878140" spans="14:14">
      <c r="N878140" s="10"/>
    </row>
    <row r="878141" spans="14:14">
      <c r="N878141" s="10"/>
    </row>
    <row r="878142" spans="14:14">
      <c r="N878142" s="10"/>
    </row>
    <row r="878143" spans="14:14">
      <c r="N878143" s="10"/>
    </row>
    <row r="878144" spans="14:14">
      <c r="N878144" s="10"/>
    </row>
    <row r="878145" spans="14:14">
      <c r="N878145" s="10"/>
    </row>
    <row r="878146" spans="14:14">
      <c r="N878146" s="10"/>
    </row>
    <row r="878147" spans="14:14">
      <c r="N878147" s="10"/>
    </row>
    <row r="878148" spans="14:14">
      <c r="N878148" s="10"/>
    </row>
    <row r="878149" spans="14:14">
      <c r="N878149" s="10"/>
    </row>
    <row r="878150" spans="14:14">
      <c r="N878150" s="10"/>
    </row>
    <row r="878151" spans="14:14">
      <c r="N878151" s="10"/>
    </row>
    <row r="878152" spans="14:14">
      <c r="N878152" s="10"/>
    </row>
    <row r="878153" spans="14:14">
      <c r="N878153" s="10"/>
    </row>
    <row r="878154" spans="14:14">
      <c r="N878154" s="10"/>
    </row>
    <row r="878155" spans="14:14">
      <c r="N878155" s="10"/>
    </row>
    <row r="878156" spans="14:14">
      <c r="N878156" s="10"/>
    </row>
    <row r="878157" spans="14:14">
      <c r="N878157" s="10"/>
    </row>
    <row r="878158" spans="14:14">
      <c r="N878158" s="10"/>
    </row>
    <row r="878159" spans="14:14">
      <c r="N878159" s="10"/>
    </row>
    <row r="878160" spans="14:14">
      <c r="N878160" s="10"/>
    </row>
    <row r="878161" spans="14:14">
      <c r="N878161" s="10"/>
    </row>
    <row r="878162" spans="14:14">
      <c r="N878162" s="10"/>
    </row>
    <row r="878163" spans="14:14">
      <c r="N878163" s="10"/>
    </row>
    <row r="878164" spans="14:14">
      <c r="N878164" s="10"/>
    </row>
    <row r="878165" spans="14:14">
      <c r="N878165" s="10"/>
    </row>
    <row r="878166" spans="14:14">
      <c r="N878166" s="10"/>
    </row>
    <row r="878167" spans="14:14">
      <c r="N878167" s="10"/>
    </row>
    <row r="878168" spans="14:14">
      <c r="N878168" s="10"/>
    </row>
    <row r="878169" spans="14:14">
      <c r="N878169" s="10"/>
    </row>
    <row r="878170" spans="14:14">
      <c r="N878170" s="10"/>
    </row>
    <row r="878171" spans="14:14">
      <c r="N878171" s="10"/>
    </row>
    <row r="878172" spans="14:14">
      <c r="N878172" s="10"/>
    </row>
    <row r="878173" spans="14:14">
      <c r="N878173" s="10"/>
    </row>
    <row r="878174" spans="14:14">
      <c r="N878174" s="10"/>
    </row>
    <row r="878175" spans="14:14">
      <c r="N878175" s="10"/>
    </row>
    <row r="878176" spans="14:14">
      <c r="N878176" s="10"/>
    </row>
    <row r="878177" spans="14:14">
      <c r="N878177" s="10"/>
    </row>
    <row r="878178" spans="14:14">
      <c r="N878178" s="10"/>
    </row>
    <row r="878179" spans="14:14">
      <c r="N878179" s="10"/>
    </row>
    <row r="878180" spans="14:14">
      <c r="N878180" s="10"/>
    </row>
    <row r="878181" spans="14:14">
      <c r="N878181" s="10"/>
    </row>
    <row r="878182" spans="14:14">
      <c r="N878182" s="10"/>
    </row>
    <row r="878183" spans="14:14">
      <c r="N878183" s="10"/>
    </row>
    <row r="878184" spans="14:14">
      <c r="N878184" s="10"/>
    </row>
    <row r="878185" spans="14:14">
      <c r="N878185" s="10"/>
    </row>
    <row r="878186" spans="14:14">
      <c r="N878186" s="10"/>
    </row>
    <row r="878187" spans="14:14">
      <c r="N878187" s="10"/>
    </row>
    <row r="878188" spans="14:14">
      <c r="N878188" s="10"/>
    </row>
    <row r="878189" spans="14:14">
      <c r="N878189" s="10"/>
    </row>
    <row r="878190" spans="14:14">
      <c r="N878190" s="10"/>
    </row>
    <row r="878191" spans="14:14">
      <c r="N878191" s="10"/>
    </row>
    <row r="878192" spans="14:14">
      <c r="N878192" s="10"/>
    </row>
    <row r="878193" spans="14:14">
      <c r="N878193" s="10"/>
    </row>
    <row r="878194" spans="14:14">
      <c r="N878194" s="10"/>
    </row>
    <row r="878195" spans="14:14">
      <c r="N878195" s="10"/>
    </row>
    <row r="878196" spans="14:14">
      <c r="N878196" s="10"/>
    </row>
    <row r="878197" spans="14:14">
      <c r="N878197" s="10"/>
    </row>
    <row r="878198" spans="14:14">
      <c r="N878198" s="10"/>
    </row>
    <row r="878199" spans="14:14">
      <c r="N878199" s="10"/>
    </row>
    <row r="878200" spans="14:14">
      <c r="N878200" s="10"/>
    </row>
    <row r="878201" spans="14:14">
      <c r="N878201" s="10"/>
    </row>
    <row r="878202" spans="14:14">
      <c r="N878202" s="10"/>
    </row>
    <row r="878203" spans="14:14">
      <c r="N878203" s="10"/>
    </row>
    <row r="878204" spans="14:14">
      <c r="N878204" s="10"/>
    </row>
    <row r="878205" spans="14:14">
      <c r="N878205" s="10"/>
    </row>
    <row r="878206" spans="14:14">
      <c r="N878206" s="10"/>
    </row>
    <row r="878207" spans="14:14">
      <c r="N878207" s="10"/>
    </row>
    <row r="878208" spans="14:14">
      <c r="N878208" s="10"/>
    </row>
    <row r="878209" spans="14:14">
      <c r="N878209" s="10"/>
    </row>
    <row r="878210" spans="14:14">
      <c r="N878210" s="10"/>
    </row>
    <row r="878211" spans="14:14">
      <c r="N878211" s="10"/>
    </row>
    <row r="878212" spans="14:14">
      <c r="N878212" s="10"/>
    </row>
    <row r="878213" spans="14:14">
      <c r="N878213" s="10"/>
    </row>
    <row r="878214" spans="14:14">
      <c r="N878214" s="10"/>
    </row>
    <row r="878215" spans="14:14">
      <c r="N878215" s="10"/>
    </row>
    <row r="878216" spans="14:14">
      <c r="N878216" s="10"/>
    </row>
    <row r="878217" spans="14:14">
      <c r="N878217" s="10"/>
    </row>
    <row r="878218" spans="14:14">
      <c r="N878218" s="10"/>
    </row>
    <row r="878219" spans="14:14">
      <c r="N878219" s="10"/>
    </row>
    <row r="878220" spans="14:14">
      <c r="N878220" s="10"/>
    </row>
    <row r="878221" spans="14:14">
      <c r="N878221" s="10"/>
    </row>
    <row r="878222" spans="14:14">
      <c r="N878222" s="10"/>
    </row>
    <row r="878223" spans="14:14">
      <c r="N878223" s="10"/>
    </row>
    <row r="878224" spans="14:14">
      <c r="N878224" s="10"/>
    </row>
    <row r="878225" spans="14:14">
      <c r="N878225" s="10"/>
    </row>
    <row r="878226" spans="14:14">
      <c r="N878226" s="10"/>
    </row>
    <row r="878227" spans="14:14">
      <c r="N878227" s="10"/>
    </row>
    <row r="878228" spans="14:14">
      <c r="N878228" s="10"/>
    </row>
    <row r="878229" spans="14:14">
      <c r="N878229" s="10"/>
    </row>
    <row r="878230" spans="14:14">
      <c r="N878230" s="10"/>
    </row>
    <row r="878231" spans="14:14">
      <c r="N878231" s="10"/>
    </row>
    <row r="878232" spans="14:14">
      <c r="N878232" s="10"/>
    </row>
    <row r="878233" spans="14:14">
      <c r="N878233" s="10"/>
    </row>
    <row r="878234" spans="14:14">
      <c r="N878234" s="10"/>
    </row>
    <row r="878235" spans="14:14">
      <c r="N878235" s="10"/>
    </row>
    <row r="878236" spans="14:14">
      <c r="N878236" s="10"/>
    </row>
    <row r="878237" spans="14:14">
      <c r="N878237" s="10"/>
    </row>
    <row r="878238" spans="14:14">
      <c r="N878238" s="10"/>
    </row>
    <row r="878239" spans="14:14">
      <c r="N878239" s="10"/>
    </row>
    <row r="878240" spans="14:14">
      <c r="N878240" s="10"/>
    </row>
    <row r="878241" spans="14:14">
      <c r="N878241" s="10"/>
    </row>
    <row r="878242" spans="14:14">
      <c r="N878242" s="10"/>
    </row>
    <row r="878243" spans="14:14">
      <c r="N878243" s="10"/>
    </row>
    <row r="878244" spans="14:14">
      <c r="N878244" s="10"/>
    </row>
    <row r="878245" spans="14:14">
      <c r="N878245" s="10"/>
    </row>
    <row r="878246" spans="14:14">
      <c r="N878246" s="10"/>
    </row>
    <row r="878247" spans="14:14">
      <c r="N878247" s="10"/>
    </row>
    <row r="878248" spans="14:14">
      <c r="N878248" s="10"/>
    </row>
    <row r="878249" spans="14:14">
      <c r="N878249" s="10"/>
    </row>
    <row r="878250" spans="14:14">
      <c r="N878250" s="10"/>
    </row>
    <row r="878251" spans="14:14">
      <c r="N878251" s="10"/>
    </row>
    <row r="878252" spans="14:14">
      <c r="N878252" s="10"/>
    </row>
    <row r="878253" spans="14:14">
      <c r="N878253" s="10"/>
    </row>
    <row r="878254" spans="14:14">
      <c r="N878254" s="10"/>
    </row>
    <row r="878255" spans="14:14">
      <c r="N878255" s="10"/>
    </row>
    <row r="878256" spans="14:14">
      <c r="N878256" s="10"/>
    </row>
    <row r="878257" spans="14:14">
      <c r="N878257" s="10"/>
    </row>
    <row r="878258" spans="14:14">
      <c r="N878258" s="10"/>
    </row>
    <row r="878259" spans="14:14">
      <c r="N878259" s="10"/>
    </row>
    <row r="878260" spans="14:14">
      <c r="N878260" s="10"/>
    </row>
    <row r="878261" spans="14:14">
      <c r="N878261" s="10"/>
    </row>
    <row r="878262" spans="14:14">
      <c r="N878262" s="10"/>
    </row>
    <row r="878263" spans="14:14">
      <c r="N878263" s="10"/>
    </row>
    <row r="878264" spans="14:14">
      <c r="N878264" s="10"/>
    </row>
    <row r="878265" spans="14:14">
      <c r="N878265" s="10"/>
    </row>
    <row r="878266" spans="14:14">
      <c r="N878266" s="10"/>
    </row>
    <row r="878267" spans="14:14">
      <c r="N878267" s="10"/>
    </row>
    <row r="878268" spans="14:14">
      <c r="N878268" s="10"/>
    </row>
    <row r="878269" spans="14:14">
      <c r="N878269" s="10"/>
    </row>
    <row r="878270" spans="14:14">
      <c r="N878270" s="10"/>
    </row>
    <row r="878271" spans="14:14">
      <c r="N878271" s="10"/>
    </row>
    <row r="878272" spans="14:14">
      <c r="N878272" s="10"/>
    </row>
    <row r="878273" spans="14:14">
      <c r="N878273" s="10"/>
    </row>
    <row r="878274" spans="14:14">
      <c r="N878274" s="10"/>
    </row>
    <row r="878275" spans="14:14">
      <c r="N878275" s="10"/>
    </row>
    <row r="878276" spans="14:14">
      <c r="N878276" s="10"/>
    </row>
    <row r="878277" spans="14:14">
      <c r="N878277" s="10"/>
    </row>
    <row r="878278" spans="14:14">
      <c r="N878278" s="10"/>
    </row>
    <row r="878279" spans="14:14">
      <c r="N878279" s="10"/>
    </row>
    <row r="878280" spans="14:14">
      <c r="N878280" s="10"/>
    </row>
    <row r="878281" spans="14:14">
      <c r="N878281" s="10"/>
    </row>
    <row r="878282" spans="14:14">
      <c r="N878282" s="10"/>
    </row>
    <row r="878283" spans="14:14">
      <c r="N878283" s="10"/>
    </row>
    <row r="878284" spans="14:14">
      <c r="N878284" s="10"/>
    </row>
    <row r="878285" spans="14:14">
      <c r="N878285" s="10"/>
    </row>
    <row r="878286" spans="14:14">
      <c r="N878286" s="10"/>
    </row>
    <row r="878287" spans="14:14">
      <c r="N878287" s="10"/>
    </row>
    <row r="878288" spans="14:14">
      <c r="N878288" s="10"/>
    </row>
    <row r="878289" spans="14:14">
      <c r="N878289" s="10"/>
    </row>
    <row r="878290" spans="14:14">
      <c r="N878290" s="10"/>
    </row>
    <row r="878291" spans="14:14">
      <c r="N878291" s="10"/>
    </row>
    <row r="878292" spans="14:14">
      <c r="N878292" s="10"/>
    </row>
    <row r="878293" spans="14:14">
      <c r="N878293" s="10"/>
    </row>
    <row r="878294" spans="14:14">
      <c r="N878294" s="10"/>
    </row>
    <row r="878295" spans="14:14">
      <c r="N878295" s="10"/>
    </row>
    <row r="878296" spans="14:14">
      <c r="N878296" s="10"/>
    </row>
    <row r="878297" spans="14:14">
      <c r="N878297" s="10"/>
    </row>
    <row r="878298" spans="14:14">
      <c r="N878298" s="10"/>
    </row>
    <row r="878299" spans="14:14">
      <c r="N878299" s="10"/>
    </row>
    <row r="878300" spans="14:14">
      <c r="N878300" s="10"/>
    </row>
    <row r="878301" spans="14:14">
      <c r="N878301" s="10"/>
    </row>
    <row r="878302" spans="14:14">
      <c r="N878302" s="10"/>
    </row>
    <row r="878303" spans="14:14">
      <c r="N878303" s="10"/>
    </row>
    <row r="878304" spans="14:14">
      <c r="N878304" s="10"/>
    </row>
    <row r="878305" spans="14:14">
      <c r="N878305" s="10"/>
    </row>
    <row r="878306" spans="14:14">
      <c r="N878306" s="10"/>
    </row>
    <row r="878307" spans="14:14">
      <c r="N878307" s="10"/>
    </row>
    <row r="878308" spans="14:14">
      <c r="N878308" s="10"/>
    </row>
    <row r="878309" spans="14:14">
      <c r="N878309" s="10"/>
    </row>
    <row r="878310" spans="14:14">
      <c r="N878310" s="10"/>
    </row>
    <row r="878311" spans="14:14">
      <c r="N878311" s="10"/>
    </row>
    <row r="878312" spans="14:14">
      <c r="N878312" s="10"/>
    </row>
    <row r="878313" spans="14:14">
      <c r="N878313" s="10"/>
    </row>
    <row r="878314" spans="14:14">
      <c r="N878314" s="10"/>
    </row>
    <row r="878315" spans="14:14">
      <c r="N878315" s="10"/>
    </row>
    <row r="878316" spans="14:14">
      <c r="N878316" s="10"/>
    </row>
    <row r="878317" spans="14:14">
      <c r="N878317" s="10"/>
    </row>
    <row r="878318" spans="14:14">
      <c r="N878318" s="10"/>
    </row>
    <row r="878319" spans="14:14">
      <c r="N878319" s="10"/>
    </row>
    <row r="878320" spans="14:14">
      <c r="N878320" s="10"/>
    </row>
    <row r="878321" spans="14:14">
      <c r="N878321" s="10"/>
    </row>
    <row r="878322" spans="14:14">
      <c r="N878322" s="10"/>
    </row>
    <row r="878323" spans="14:14">
      <c r="N878323" s="10"/>
    </row>
    <row r="878324" spans="14:14">
      <c r="N878324" s="10"/>
    </row>
    <row r="878325" spans="14:14">
      <c r="N878325" s="10"/>
    </row>
    <row r="878326" spans="14:14">
      <c r="N878326" s="10"/>
    </row>
    <row r="878327" spans="14:14">
      <c r="N878327" s="10"/>
    </row>
    <row r="878328" spans="14:14">
      <c r="N878328" s="10"/>
    </row>
    <row r="878329" spans="14:14">
      <c r="N878329" s="10"/>
    </row>
    <row r="878330" spans="14:14">
      <c r="N878330" s="10"/>
    </row>
    <row r="878331" spans="14:14">
      <c r="N878331" s="10"/>
    </row>
    <row r="878332" spans="14:14">
      <c r="N878332" s="10"/>
    </row>
    <row r="878333" spans="14:14">
      <c r="N878333" s="10"/>
    </row>
    <row r="878334" spans="14:14">
      <c r="N878334" s="10"/>
    </row>
    <row r="878335" spans="14:14">
      <c r="N878335" s="10"/>
    </row>
    <row r="878336" spans="14:14">
      <c r="N878336" s="10"/>
    </row>
    <row r="878337" spans="14:14">
      <c r="N878337" s="10"/>
    </row>
    <row r="878338" spans="14:14">
      <c r="N878338" s="10"/>
    </row>
    <row r="878339" spans="14:14">
      <c r="N878339" s="10"/>
    </row>
    <row r="878340" spans="14:14">
      <c r="N878340" s="10"/>
    </row>
    <row r="878341" spans="14:14">
      <c r="N878341" s="10"/>
    </row>
    <row r="878342" spans="14:14">
      <c r="N878342" s="10"/>
    </row>
    <row r="878343" spans="14:14">
      <c r="N878343" s="10"/>
    </row>
    <row r="878344" spans="14:14">
      <c r="N878344" s="10"/>
    </row>
    <row r="878345" spans="14:14">
      <c r="N878345" s="10"/>
    </row>
    <row r="878346" spans="14:14">
      <c r="N878346" s="10"/>
    </row>
    <row r="878347" spans="14:14">
      <c r="N878347" s="10"/>
    </row>
    <row r="878348" spans="14:14">
      <c r="N878348" s="10"/>
    </row>
    <row r="878349" spans="14:14">
      <c r="N878349" s="10"/>
    </row>
    <row r="878350" spans="14:14">
      <c r="N878350" s="10"/>
    </row>
    <row r="878351" spans="14:14">
      <c r="N878351" s="10"/>
    </row>
    <row r="878352" spans="14:14">
      <c r="N878352" s="10"/>
    </row>
    <row r="878353" spans="14:14">
      <c r="N878353" s="10"/>
    </row>
    <row r="878354" spans="14:14">
      <c r="N878354" s="10"/>
    </row>
    <row r="878355" spans="14:14">
      <c r="N878355" s="10"/>
    </row>
    <row r="878356" spans="14:14">
      <c r="N878356" s="10"/>
    </row>
    <row r="878357" spans="14:14">
      <c r="N878357" s="10"/>
    </row>
    <row r="878358" spans="14:14">
      <c r="N878358" s="10"/>
    </row>
    <row r="878359" spans="14:14">
      <c r="N878359" s="10"/>
    </row>
    <row r="878360" spans="14:14">
      <c r="N878360" s="10"/>
    </row>
    <row r="878361" spans="14:14">
      <c r="N878361" s="10"/>
    </row>
    <row r="878362" spans="14:14">
      <c r="N878362" s="10"/>
    </row>
    <row r="878363" spans="14:14">
      <c r="N878363" s="10"/>
    </row>
    <row r="878364" spans="14:14">
      <c r="N878364" s="10"/>
    </row>
    <row r="878365" spans="14:14">
      <c r="N878365" s="10"/>
    </row>
    <row r="878366" spans="14:14">
      <c r="N878366" s="10"/>
    </row>
    <row r="878367" spans="14:14">
      <c r="N878367" s="10"/>
    </row>
    <row r="878368" spans="14:14">
      <c r="N878368" s="10"/>
    </row>
    <row r="878369" spans="14:14">
      <c r="N878369" s="10"/>
    </row>
    <row r="878370" spans="14:14">
      <c r="N878370" s="10"/>
    </row>
    <row r="878371" spans="14:14">
      <c r="N878371" s="10"/>
    </row>
    <row r="878372" spans="14:14">
      <c r="N878372" s="10"/>
    </row>
    <row r="878373" spans="14:14">
      <c r="N878373" s="10"/>
    </row>
    <row r="878374" spans="14:14">
      <c r="N878374" s="10"/>
    </row>
    <row r="878375" spans="14:14">
      <c r="N878375" s="10"/>
    </row>
    <row r="878376" spans="14:14">
      <c r="N878376" s="10"/>
    </row>
    <row r="878377" spans="14:14">
      <c r="N878377" s="10"/>
    </row>
    <row r="878378" spans="14:14">
      <c r="N878378" s="10"/>
    </row>
    <row r="878379" spans="14:14">
      <c r="N878379" s="10"/>
    </row>
    <row r="878380" spans="14:14">
      <c r="N878380" s="10"/>
    </row>
    <row r="878381" spans="14:14">
      <c r="N878381" s="10"/>
    </row>
    <row r="878382" spans="14:14">
      <c r="N878382" s="10"/>
    </row>
    <row r="878383" spans="14:14">
      <c r="N878383" s="10"/>
    </row>
    <row r="878384" spans="14:14">
      <c r="N878384" s="10"/>
    </row>
    <row r="878385" spans="14:14">
      <c r="N878385" s="10"/>
    </row>
    <row r="878386" spans="14:14">
      <c r="N878386" s="10"/>
    </row>
    <row r="878387" spans="14:14">
      <c r="N878387" s="10"/>
    </row>
    <row r="878388" spans="14:14">
      <c r="N878388" s="10"/>
    </row>
    <row r="878389" spans="14:14">
      <c r="N878389" s="10"/>
    </row>
    <row r="878390" spans="14:14">
      <c r="N878390" s="10"/>
    </row>
    <row r="878391" spans="14:14">
      <c r="N878391" s="10"/>
    </row>
    <row r="878392" spans="14:14">
      <c r="N878392" s="10"/>
    </row>
    <row r="878393" spans="14:14">
      <c r="N878393" s="10"/>
    </row>
    <row r="878394" spans="14:14">
      <c r="N878394" s="10"/>
    </row>
    <row r="878395" spans="14:14">
      <c r="N878395" s="10"/>
    </row>
    <row r="878396" spans="14:14">
      <c r="N878396" s="10"/>
    </row>
    <row r="878397" spans="14:14">
      <c r="N878397" s="10"/>
    </row>
    <row r="878398" spans="14:14">
      <c r="N878398" s="10"/>
    </row>
    <row r="878399" spans="14:14">
      <c r="N878399" s="10"/>
    </row>
    <row r="878400" spans="14:14">
      <c r="N878400" s="10"/>
    </row>
    <row r="878401" spans="14:14">
      <c r="N878401" s="10"/>
    </row>
    <row r="878402" spans="14:14">
      <c r="N878402" s="10"/>
    </row>
    <row r="878403" spans="14:14">
      <c r="N878403" s="10"/>
    </row>
    <row r="878404" spans="14:14">
      <c r="N878404" s="10"/>
    </row>
    <row r="878405" spans="14:14">
      <c r="N878405" s="10"/>
    </row>
    <row r="878406" spans="14:14">
      <c r="N878406" s="10"/>
    </row>
    <row r="878407" spans="14:14">
      <c r="N878407" s="10"/>
    </row>
    <row r="878408" spans="14:14">
      <c r="N878408" s="10"/>
    </row>
    <row r="878409" spans="14:14">
      <c r="N878409" s="10"/>
    </row>
    <row r="878410" spans="14:14">
      <c r="N878410" s="10"/>
    </row>
    <row r="878411" spans="14:14">
      <c r="N878411" s="10"/>
    </row>
    <row r="878412" spans="14:14">
      <c r="N878412" s="10"/>
    </row>
    <row r="878413" spans="14:14">
      <c r="N878413" s="10"/>
    </row>
    <row r="878414" spans="14:14">
      <c r="N878414" s="10"/>
    </row>
    <row r="878415" spans="14:14">
      <c r="N878415" s="10"/>
    </row>
    <row r="878416" spans="14:14">
      <c r="N878416" s="10"/>
    </row>
    <row r="878417" spans="14:14">
      <c r="N878417" s="10"/>
    </row>
    <row r="878418" spans="14:14">
      <c r="N878418" s="10"/>
    </row>
    <row r="878419" spans="14:14">
      <c r="N878419" s="10"/>
    </row>
    <row r="878420" spans="14:14">
      <c r="N878420" s="10"/>
    </row>
    <row r="878421" spans="14:14">
      <c r="N878421" s="10"/>
    </row>
    <row r="878422" spans="14:14">
      <c r="N878422" s="10"/>
    </row>
    <row r="878423" spans="14:14">
      <c r="N878423" s="10"/>
    </row>
    <row r="878424" spans="14:14">
      <c r="N878424" s="10"/>
    </row>
    <row r="878425" spans="14:14">
      <c r="N878425" s="10"/>
    </row>
    <row r="878426" spans="14:14">
      <c r="N878426" s="10"/>
    </row>
    <row r="878427" spans="14:14">
      <c r="N878427" s="10"/>
    </row>
    <row r="878428" spans="14:14">
      <c r="N878428" s="10"/>
    </row>
    <row r="878429" spans="14:14">
      <c r="N878429" s="10"/>
    </row>
    <row r="878430" spans="14:14">
      <c r="N878430" s="10"/>
    </row>
    <row r="878431" spans="14:14">
      <c r="N878431" s="10"/>
    </row>
    <row r="878432" spans="14:14">
      <c r="N878432" s="10"/>
    </row>
    <row r="878433" spans="14:14">
      <c r="N878433" s="10"/>
    </row>
    <row r="878434" spans="14:14">
      <c r="N878434" s="10"/>
    </row>
    <row r="878435" spans="14:14">
      <c r="N878435" s="10"/>
    </row>
    <row r="878436" spans="14:14">
      <c r="N878436" s="10"/>
    </row>
    <row r="878437" spans="14:14">
      <c r="N878437" s="10"/>
    </row>
    <row r="878438" spans="14:14">
      <c r="N878438" s="10"/>
    </row>
    <row r="878439" spans="14:14">
      <c r="N878439" s="10"/>
    </row>
    <row r="878440" spans="14:14">
      <c r="N878440" s="10"/>
    </row>
    <row r="878441" spans="14:14">
      <c r="N878441" s="10"/>
    </row>
    <row r="878442" spans="14:14">
      <c r="N878442" s="10"/>
    </row>
    <row r="878443" spans="14:14">
      <c r="N878443" s="10"/>
    </row>
    <row r="878444" spans="14:14">
      <c r="N878444" s="10"/>
    </row>
    <row r="878445" spans="14:14">
      <c r="N878445" s="10"/>
    </row>
    <row r="878446" spans="14:14">
      <c r="N878446" s="10"/>
    </row>
    <row r="878447" spans="14:14">
      <c r="N878447" s="10"/>
    </row>
    <row r="878448" spans="14:14">
      <c r="N878448" s="10"/>
    </row>
    <row r="878449" spans="14:14">
      <c r="N878449" s="10"/>
    </row>
    <row r="878450" spans="14:14">
      <c r="N878450" s="10"/>
    </row>
    <row r="878451" spans="14:14">
      <c r="N878451" s="10"/>
    </row>
    <row r="878452" spans="14:14">
      <c r="N878452" s="10"/>
    </row>
    <row r="878453" spans="14:14">
      <c r="N878453" s="10"/>
    </row>
    <row r="878454" spans="14:14">
      <c r="N878454" s="10"/>
    </row>
    <row r="878455" spans="14:14">
      <c r="N878455" s="10"/>
    </row>
    <row r="878456" spans="14:14">
      <c r="N878456" s="10"/>
    </row>
    <row r="878457" spans="14:14">
      <c r="N878457" s="10"/>
    </row>
    <row r="878458" spans="14:14">
      <c r="N878458" s="10"/>
    </row>
    <row r="878459" spans="14:14">
      <c r="N878459" s="10"/>
    </row>
    <row r="878460" spans="14:14">
      <c r="N878460" s="10"/>
    </row>
    <row r="878461" spans="14:14">
      <c r="N878461" s="10"/>
    </row>
    <row r="878462" spans="14:14">
      <c r="N878462" s="10"/>
    </row>
    <row r="878463" spans="14:14">
      <c r="N878463" s="10"/>
    </row>
    <row r="878464" spans="14:14">
      <c r="N878464" s="10"/>
    </row>
    <row r="878465" spans="14:14">
      <c r="N878465" s="10"/>
    </row>
    <row r="878466" spans="14:14">
      <c r="N878466" s="10"/>
    </row>
    <row r="878467" spans="14:14">
      <c r="N878467" s="10"/>
    </row>
    <row r="878468" spans="14:14">
      <c r="N878468" s="10"/>
    </row>
    <row r="878469" spans="14:14">
      <c r="N878469" s="10"/>
    </row>
    <row r="878470" spans="14:14">
      <c r="N878470" s="10"/>
    </row>
    <row r="878471" spans="14:14">
      <c r="N878471" s="10"/>
    </row>
    <row r="878472" spans="14:14">
      <c r="N878472" s="10"/>
    </row>
    <row r="878473" spans="14:14">
      <c r="N878473" s="10"/>
    </row>
    <row r="878474" spans="14:14">
      <c r="N878474" s="10"/>
    </row>
    <row r="878475" spans="14:14">
      <c r="N878475" s="10"/>
    </row>
    <row r="878476" spans="14:14">
      <c r="N878476" s="10"/>
    </row>
    <row r="878477" spans="14:14">
      <c r="N878477" s="10"/>
    </row>
    <row r="878478" spans="14:14">
      <c r="N878478" s="10"/>
    </row>
    <row r="878479" spans="14:14">
      <c r="N878479" s="10"/>
    </row>
    <row r="878480" spans="14:14">
      <c r="N878480" s="10"/>
    </row>
    <row r="878481" spans="14:14">
      <c r="N878481" s="10"/>
    </row>
    <row r="878482" spans="14:14">
      <c r="N878482" s="10"/>
    </row>
    <row r="878483" spans="14:14">
      <c r="N878483" s="10"/>
    </row>
    <row r="878484" spans="14:14">
      <c r="N878484" s="10"/>
    </row>
    <row r="878485" spans="14:14">
      <c r="N878485" s="10"/>
    </row>
    <row r="878486" spans="14:14">
      <c r="N878486" s="10"/>
    </row>
    <row r="878487" spans="14:14">
      <c r="N878487" s="10"/>
    </row>
    <row r="878488" spans="14:14">
      <c r="N878488" s="10"/>
    </row>
    <row r="878489" spans="14:14">
      <c r="N878489" s="10"/>
    </row>
    <row r="878490" spans="14:14">
      <c r="N878490" s="10"/>
    </row>
    <row r="878491" spans="14:14">
      <c r="N878491" s="10"/>
    </row>
    <row r="878492" spans="14:14">
      <c r="N878492" s="10"/>
    </row>
    <row r="878493" spans="14:14">
      <c r="N878493" s="10"/>
    </row>
    <row r="878494" spans="14:14">
      <c r="N878494" s="10"/>
    </row>
    <row r="878495" spans="14:14">
      <c r="N878495" s="10"/>
    </row>
    <row r="878496" spans="14:14">
      <c r="N878496" s="10"/>
    </row>
    <row r="878497" spans="14:14">
      <c r="N878497" s="10"/>
    </row>
    <row r="878498" spans="14:14">
      <c r="N878498" s="10"/>
    </row>
    <row r="878499" spans="14:14">
      <c r="N878499" s="10"/>
    </row>
    <row r="878500" spans="14:14">
      <c r="N878500" s="10"/>
    </row>
    <row r="878501" spans="14:14">
      <c r="N878501" s="10"/>
    </row>
    <row r="878502" spans="14:14">
      <c r="N878502" s="10"/>
    </row>
    <row r="878503" spans="14:14">
      <c r="N878503" s="10"/>
    </row>
    <row r="878504" spans="14:14">
      <c r="N878504" s="10"/>
    </row>
    <row r="878505" spans="14:14">
      <c r="N878505" s="10"/>
    </row>
    <row r="878506" spans="14:14">
      <c r="N878506" s="10"/>
    </row>
    <row r="878507" spans="14:14">
      <c r="N878507" s="10"/>
    </row>
    <row r="878508" spans="14:14">
      <c r="N878508" s="10"/>
    </row>
    <row r="878509" spans="14:14">
      <c r="N878509" s="10"/>
    </row>
    <row r="878510" spans="14:14">
      <c r="N878510" s="10"/>
    </row>
    <row r="878511" spans="14:14">
      <c r="N878511" s="10"/>
    </row>
    <row r="878512" spans="14:14">
      <c r="N878512" s="10"/>
    </row>
    <row r="878513" spans="14:14">
      <c r="N878513" s="10"/>
    </row>
    <row r="878514" spans="14:14">
      <c r="N878514" s="10"/>
    </row>
    <row r="878515" spans="14:14">
      <c r="N878515" s="10"/>
    </row>
    <row r="878516" spans="14:14">
      <c r="N878516" s="10"/>
    </row>
    <row r="878517" spans="14:14">
      <c r="N878517" s="10"/>
    </row>
    <row r="878518" spans="14:14">
      <c r="N878518" s="10"/>
    </row>
    <row r="878519" spans="14:14">
      <c r="N878519" s="10"/>
    </row>
    <row r="878520" spans="14:14">
      <c r="N878520" s="10"/>
    </row>
    <row r="878521" spans="14:14">
      <c r="N878521" s="10"/>
    </row>
    <row r="878522" spans="14:14">
      <c r="N878522" s="10"/>
    </row>
    <row r="878523" spans="14:14">
      <c r="N878523" s="10"/>
    </row>
    <row r="878524" spans="14:14">
      <c r="N878524" s="10"/>
    </row>
    <row r="878525" spans="14:14">
      <c r="N878525" s="10"/>
    </row>
    <row r="878526" spans="14:14">
      <c r="N878526" s="10"/>
    </row>
    <row r="878527" spans="14:14">
      <c r="N878527" s="10"/>
    </row>
    <row r="878528" spans="14:14">
      <c r="N878528" s="10"/>
    </row>
    <row r="878529" spans="14:14">
      <c r="N878529" s="10"/>
    </row>
    <row r="878530" spans="14:14">
      <c r="N878530" s="10"/>
    </row>
    <row r="878531" spans="14:14">
      <c r="N878531" s="10"/>
    </row>
    <row r="878532" spans="14:14">
      <c r="N878532" s="10"/>
    </row>
    <row r="878533" spans="14:14">
      <c r="N878533" s="10"/>
    </row>
    <row r="878534" spans="14:14">
      <c r="N878534" s="10"/>
    </row>
    <row r="878535" spans="14:14">
      <c r="N878535" s="10"/>
    </row>
    <row r="878536" spans="14:14">
      <c r="N878536" s="10"/>
    </row>
    <row r="878537" spans="14:14">
      <c r="N878537" s="10"/>
    </row>
    <row r="878538" spans="14:14">
      <c r="N878538" s="10"/>
    </row>
    <row r="878539" spans="14:14">
      <c r="N878539" s="10"/>
    </row>
    <row r="878540" spans="14:14">
      <c r="N878540" s="10"/>
    </row>
    <row r="878541" spans="14:14">
      <c r="N878541" s="10"/>
    </row>
    <row r="878542" spans="14:14">
      <c r="N878542" s="10"/>
    </row>
    <row r="878543" spans="14:14">
      <c r="N878543" s="10"/>
    </row>
    <row r="878544" spans="14:14">
      <c r="N878544" s="10"/>
    </row>
    <row r="878545" spans="14:14">
      <c r="N878545" s="10"/>
    </row>
    <row r="878546" spans="14:14">
      <c r="N878546" s="10"/>
    </row>
    <row r="878547" spans="14:14">
      <c r="N878547" s="10"/>
    </row>
    <row r="878548" spans="14:14">
      <c r="N878548" s="10"/>
    </row>
    <row r="878549" spans="14:14">
      <c r="N878549" s="10"/>
    </row>
    <row r="878550" spans="14:14">
      <c r="N878550" s="10"/>
    </row>
    <row r="878551" spans="14:14">
      <c r="N878551" s="10"/>
    </row>
    <row r="878552" spans="14:14">
      <c r="N878552" s="10"/>
    </row>
    <row r="878553" spans="14:14">
      <c r="N878553" s="10"/>
    </row>
    <row r="878554" spans="14:14">
      <c r="N878554" s="10"/>
    </row>
    <row r="878555" spans="14:14">
      <c r="N878555" s="10"/>
    </row>
    <row r="878556" spans="14:14">
      <c r="N878556" s="10"/>
    </row>
    <row r="878557" spans="14:14">
      <c r="N878557" s="10"/>
    </row>
    <row r="878558" spans="14:14">
      <c r="N878558" s="10"/>
    </row>
    <row r="878559" spans="14:14">
      <c r="N878559" s="10"/>
    </row>
    <row r="878560" spans="14:14">
      <c r="N878560" s="10"/>
    </row>
    <row r="878561" spans="14:14">
      <c r="N878561" s="10"/>
    </row>
    <row r="878562" spans="14:14">
      <c r="N878562" s="10"/>
    </row>
    <row r="878563" spans="14:14">
      <c r="N878563" s="10"/>
    </row>
    <row r="878564" spans="14:14">
      <c r="N878564" s="10"/>
    </row>
    <row r="878565" spans="14:14">
      <c r="N878565" s="10"/>
    </row>
    <row r="878566" spans="14:14">
      <c r="N878566" s="10"/>
    </row>
    <row r="878567" spans="14:14">
      <c r="N878567" s="10"/>
    </row>
    <row r="878568" spans="14:14">
      <c r="N878568" s="10"/>
    </row>
    <row r="878569" spans="14:14">
      <c r="N878569" s="10"/>
    </row>
    <row r="878570" spans="14:14">
      <c r="N878570" s="10"/>
    </row>
    <row r="878571" spans="14:14">
      <c r="N878571" s="10"/>
    </row>
    <row r="878572" spans="14:14">
      <c r="N878572" s="10"/>
    </row>
    <row r="878573" spans="14:14">
      <c r="N878573" s="10"/>
    </row>
    <row r="878574" spans="14:14">
      <c r="N878574" s="10"/>
    </row>
    <row r="878575" spans="14:14">
      <c r="N878575" s="10"/>
    </row>
    <row r="878576" spans="14:14">
      <c r="N878576" s="10"/>
    </row>
    <row r="878577" spans="14:14">
      <c r="N878577" s="10"/>
    </row>
    <row r="878578" spans="14:14">
      <c r="N878578" s="10"/>
    </row>
    <row r="878579" spans="14:14">
      <c r="N878579" s="10"/>
    </row>
    <row r="878580" spans="14:14">
      <c r="N878580" s="10"/>
    </row>
    <row r="878581" spans="14:14">
      <c r="N878581" s="10"/>
    </row>
    <row r="878582" spans="14:14">
      <c r="N878582" s="10"/>
    </row>
    <row r="878583" spans="14:14">
      <c r="N878583" s="10"/>
    </row>
    <row r="878584" spans="14:14">
      <c r="N878584" s="10"/>
    </row>
    <row r="878585" spans="14:14">
      <c r="N878585" s="10"/>
    </row>
    <row r="878586" spans="14:14">
      <c r="N878586" s="10"/>
    </row>
    <row r="878587" spans="14:14">
      <c r="N878587" s="10"/>
    </row>
    <row r="878588" spans="14:14">
      <c r="N878588" s="10"/>
    </row>
    <row r="878589" spans="14:14">
      <c r="N878589" s="10"/>
    </row>
    <row r="878590" spans="14:14">
      <c r="N878590" s="10"/>
    </row>
    <row r="878591" spans="14:14">
      <c r="N878591" s="10"/>
    </row>
    <row r="878592" spans="14:14">
      <c r="N878592" s="10"/>
    </row>
    <row r="878593" spans="14:14">
      <c r="N878593" s="10"/>
    </row>
    <row r="878594" spans="14:14">
      <c r="N878594" s="10"/>
    </row>
    <row r="878595" spans="14:14">
      <c r="N878595" s="10"/>
    </row>
    <row r="878596" spans="14:14">
      <c r="N878596" s="10"/>
    </row>
    <row r="878597" spans="14:14">
      <c r="N878597" s="10"/>
    </row>
    <row r="878598" spans="14:14">
      <c r="N878598" s="10"/>
    </row>
    <row r="878599" spans="14:14">
      <c r="N878599" s="10"/>
    </row>
    <row r="878600" spans="14:14">
      <c r="N878600" s="10"/>
    </row>
    <row r="878601" spans="14:14">
      <c r="N878601" s="10"/>
    </row>
    <row r="878602" spans="14:14">
      <c r="N878602" s="10"/>
    </row>
    <row r="878603" spans="14:14">
      <c r="N878603" s="10"/>
    </row>
    <row r="878604" spans="14:14">
      <c r="N878604" s="10"/>
    </row>
    <row r="878605" spans="14:14">
      <c r="N878605" s="10"/>
    </row>
    <row r="878606" spans="14:14">
      <c r="N878606" s="10"/>
    </row>
    <row r="878607" spans="14:14">
      <c r="N878607" s="10"/>
    </row>
    <row r="878608" spans="14:14">
      <c r="N878608" s="10"/>
    </row>
    <row r="878609" spans="14:14">
      <c r="N878609" s="10"/>
    </row>
    <row r="878610" spans="14:14">
      <c r="N878610" s="10"/>
    </row>
    <row r="878611" spans="14:14">
      <c r="N878611" s="10"/>
    </row>
    <row r="878612" spans="14:14">
      <c r="N878612" s="10"/>
    </row>
    <row r="878613" spans="14:14">
      <c r="N878613" s="10"/>
    </row>
    <row r="878614" spans="14:14">
      <c r="N878614" s="10"/>
    </row>
    <row r="878615" spans="14:14">
      <c r="N878615" s="10"/>
    </row>
    <row r="878616" spans="14:14">
      <c r="N878616" s="10"/>
    </row>
    <row r="878617" spans="14:14">
      <c r="N878617" s="10"/>
    </row>
    <row r="878618" spans="14:14">
      <c r="N878618" s="10"/>
    </row>
    <row r="878619" spans="14:14">
      <c r="N878619" s="10"/>
    </row>
    <row r="878620" spans="14:14">
      <c r="N878620" s="10"/>
    </row>
    <row r="878621" spans="14:14">
      <c r="N878621" s="10"/>
    </row>
    <row r="878622" spans="14:14">
      <c r="N878622" s="10"/>
    </row>
    <row r="878623" spans="14:14">
      <c r="N878623" s="10"/>
    </row>
    <row r="878624" spans="14:14">
      <c r="N878624" s="10"/>
    </row>
    <row r="878625" spans="14:14">
      <c r="N878625" s="10"/>
    </row>
    <row r="878626" spans="14:14">
      <c r="N878626" s="10"/>
    </row>
    <row r="878627" spans="14:14">
      <c r="N878627" s="10"/>
    </row>
    <row r="878628" spans="14:14">
      <c r="N878628" s="10"/>
    </row>
    <row r="878629" spans="14:14">
      <c r="N878629" s="10"/>
    </row>
    <row r="878630" spans="14:14">
      <c r="N878630" s="10"/>
    </row>
    <row r="878631" spans="14:14">
      <c r="N878631" s="10"/>
    </row>
    <row r="878632" spans="14:14">
      <c r="N878632" s="10"/>
    </row>
    <row r="878633" spans="14:14">
      <c r="N878633" s="10"/>
    </row>
    <row r="878634" spans="14:14">
      <c r="N878634" s="10"/>
    </row>
    <row r="878635" spans="14:14">
      <c r="N878635" s="10"/>
    </row>
    <row r="878636" spans="14:14">
      <c r="N878636" s="10"/>
    </row>
    <row r="878637" spans="14:14">
      <c r="N878637" s="10"/>
    </row>
    <row r="878638" spans="14:14">
      <c r="N878638" s="10"/>
    </row>
    <row r="878639" spans="14:14">
      <c r="N878639" s="10"/>
    </row>
    <row r="878640" spans="14:14">
      <c r="N878640" s="10"/>
    </row>
    <row r="878641" spans="14:14">
      <c r="N878641" s="10"/>
    </row>
    <row r="878642" spans="14:14">
      <c r="N878642" s="10"/>
    </row>
    <row r="878643" spans="14:14">
      <c r="N878643" s="10"/>
    </row>
    <row r="878644" spans="14:14">
      <c r="N878644" s="10"/>
    </row>
    <row r="878645" spans="14:14">
      <c r="N878645" s="10"/>
    </row>
    <row r="878646" spans="14:14">
      <c r="N878646" s="10"/>
    </row>
    <row r="878647" spans="14:14">
      <c r="N878647" s="10"/>
    </row>
    <row r="878648" spans="14:14">
      <c r="N878648" s="10"/>
    </row>
    <row r="878649" spans="14:14">
      <c r="N878649" s="10"/>
    </row>
    <row r="878650" spans="14:14">
      <c r="N878650" s="10"/>
    </row>
    <row r="878651" spans="14:14">
      <c r="N878651" s="10"/>
    </row>
    <row r="878652" spans="14:14">
      <c r="N878652" s="10"/>
    </row>
    <row r="878653" spans="14:14">
      <c r="N878653" s="10"/>
    </row>
    <row r="878654" spans="14:14">
      <c r="N878654" s="10"/>
    </row>
    <row r="878655" spans="14:14">
      <c r="N878655" s="10"/>
    </row>
    <row r="878656" spans="14:14">
      <c r="N878656" s="10"/>
    </row>
    <row r="878657" spans="14:14">
      <c r="N878657" s="10"/>
    </row>
    <row r="878658" spans="14:14">
      <c r="N878658" s="10"/>
    </row>
    <row r="878659" spans="14:14">
      <c r="N878659" s="10"/>
    </row>
    <row r="878660" spans="14:14">
      <c r="N878660" s="10"/>
    </row>
    <row r="878661" spans="14:14">
      <c r="N878661" s="10"/>
    </row>
    <row r="878662" spans="14:14">
      <c r="N878662" s="10"/>
    </row>
    <row r="878663" spans="14:14">
      <c r="N878663" s="10"/>
    </row>
    <row r="878664" spans="14:14">
      <c r="N878664" s="10"/>
    </row>
    <row r="878665" spans="14:14">
      <c r="N878665" s="10"/>
    </row>
    <row r="878666" spans="14:14">
      <c r="N878666" s="10"/>
    </row>
    <row r="878667" spans="14:14">
      <c r="N878667" s="10"/>
    </row>
    <row r="878668" spans="14:14">
      <c r="N878668" s="10"/>
    </row>
    <row r="878669" spans="14:14">
      <c r="N878669" s="10"/>
    </row>
    <row r="878670" spans="14:14">
      <c r="N878670" s="10"/>
    </row>
    <row r="878671" spans="14:14">
      <c r="N878671" s="10"/>
    </row>
    <row r="878672" spans="14:14">
      <c r="N878672" s="10"/>
    </row>
    <row r="878673" spans="14:14">
      <c r="N878673" s="10"/>
    </row>
    <row r="878674" spans="14:14">
      <c r="N878674" s="10"/>
    </row>
    <row r="878675" spans="14:14">
      <c r="N878675" s="10"/>
    </row>
    <row r="878676" spans="14:14">
      <c r="N878676" s="10"/>
    </row>
    <row r="878677" spans="14:14">
      <c r="N878677" s="10"/>
    </row>
    <row r="878678" spans="14:14">
      <c r="N878678" s="10"/>
    </row>
    <row r="878679" spans="14:14">
      <c r="N878679" s="10"/>
    </row>
    <row r="878680" spans="14:14">
      <c r="N878680" s="10"/>
    </row>
    <row r="878681" spans="14:14">
      <c r="N878681" s="10"/>
    </row>
    <row r="878682" spans="14:14">
      <c r="N878682" s="10"/>
    </row>
    <row r="878683" spans="14:14">
      <c r="N878683" s="10"/>
    </row>
    <row r="878684" spans="14:14">
      <c r="N878684" s="10"/>
    </row>
    <row r="878685" spans="14:14">
      <c r="N878685" s="10"/>
    </row>
    <row r="878686" spans="14:14">
      <c r="N878686" s="10"/>
    </row>
    <row r="878687" spans="14:14">
      <c r="N878687" s="10"/>
    </row>
    <row r="878688" spans="14:14">
      <c r="N878688" s="10"/>
    </row>
    <row r="878689" spans="14:14">
      <c r="N878689" s="10"/>
    </row>
    <row r="878690" spans="14:14">
      <c r="N878690" s="10"/>
    </row>
    <row r="878691" spans="14:14">
      <c r="N878691" s="10"/>
    </row>
    <row r="878692" spans="14:14">
      <c r="N878692" s="10"/>
    </row>
    <row r="878693" spans="14:14">
      <c r="N878693" s="10"/>
    </row>
    <row r="878694" spans="14:14">
      <c r="N878694" s="10"/>
    </row>
    <row r="878695" spans="14:14">
      <c r="N878695" s="10"/>
    </row>
    <row r="878696" spans="14:14">
      <c r="N878696" s="10"/>
    </row>
    <row r="878697" spans="14:14">
      <c r="N878697" s="10"/>
    </row>
    <row r="878698" spans="14:14">
      <c r="N878698" s="10"/>
    </row>
    <row r="878699" spans="14:14">
      <c r="N878699" s="10"/>
    </row>
    <row r="878700" spans="14:14">
      <c r="N878700" s="10"/>
    </row>
    <row r="878701" spans="14:14">
      <c r="N878701" s="10"/>
    </row>
    <row r="878702" spans="14:14">
      <c r="N878702" s="10"/>
    </row>
    <row r="878703" spans="14:14">
      <c r="N878703" s="10"/>
    </row>
    <row r="878704" spans="14:14">
      <c r="N878704" s="10"/>
    </row>
    <row r="878705" spans="14:14">
      <c r="N878705" s="10"/>
    </row>
    <row r="878706" spans="14:14">
      <c r="N878706" s="10"/>
    </row>
    <row r="878707" spans="14:14">
      <c r="N878707" s="10"/>
    </row>
    <row r="878708" spans="14:14">
      <c r="N878708" s="10"/>
    </row>
    <row r="878709" spans="14:14">
      <c r="N878709" s="10"/>
    </row>
    <row r="878710" spans="14:14">
      <c r="N878710" s="10"/>
    </row>
    <row r="878711" spans="14:14">
      <c r="N878711" s="10"/>
    </row>
    <row r="878712" spans="14:14">
      <c r="N878712" s="10"/>
    </row>
    <row r="878713" spans="14:14">
      <c r="N878713" s="10"/>
    </row>
    <row r="878714" spans="14:14">
      <c r="N878714" s="10"/>
    </row>
    <row r="878715" spans="14:14">
      <c r="N878715" s="10"/>
    </row>
    <row r="878716" spans="14:14">
      <c r="N878716" s="10"/>
    </row>
    <row r="878717" spans="14:14">
      <c r="N878717" s="10"/>
    </row>
    <row r="878718" spans="14:14">
      <c r="N878718" s="10"/>
    </row>
    <row r="878719" spans="14:14">
      <c r="N878719" s="10"/>
    </row>
    <row r="878720" spans="14:14">
      <c r="N878720" s="10"/>
    </row>
    <row r="878721" spans="14:14">
      <c r="N878721" s="10"/>
    </row>
    <row r="878722" spans="14:14">
      <c r="N878722" s="10"/>
    </row>
    <row r="878723" spans="14:14">
      <c r="N878723" s="10"/>
    </row>
    <row r="878724" spans="14:14">
      <c r="N878724" s="10"/>
    </row>
    <row r="878725" spans="14:14">
      <c r="N878725" s="10"/>
    </row>
    <row r="878726" spans="14:14">
      <c r="N878726" s="10"/>
    </row>
    <row r="878727" spans="14:14">
      <c r="N878727" s="10"/>
    </row>
    <row r="878728" spans="14:14">
      <c r="N878728" s="10"/>
    </row>
    <row r="878729" spans="14:14">
      <c r="N878729" s="10"/>
    </row>
    <row r="878730" spans="14:14">
      <c r="N878730" s="10"/>
    </row>
    <row r="878731" spans="14:14">
      <c r="N878731" s="10"/>
    </row>
    <row r="878732" spans="14:14">
      <c r="N878732" s="10"/>
    </row>
    <row r="878733" spans="14:14">
      <c r="N878733" s="10"/>
    </row>
    <row r="878734" spans="14:14">
      <c r="N878734" s="10"/>
    </row>
    <row r="878735" spans="14:14">
      <c r="N878735" s="10"/>
    </row>
    <row r="878736" spans="14:14">
      <c r="N878736" s="10"/>
    </row>
    <row r="878737" spans="14:14">
      <c r="N878737" s="10"/>
    </row>
    <row r="878738" spans="14:14">
      <c r="N878738" s="10"/>
    </row>
    <row r="878739" spans="14:14">
      <c r="N878739" s="10"/>
    </row>
    <row r="878740" spans="14:14">
      <c r="N878740" s="10"/>
    </row>
    <row r="878741" spans="14:14">
      <c r="N878741" s="10"/>
    </row>
    <row r="878742" spans="14:14">
      <c r="N878742" s="10"/>
    </row>
    <row r="878743" spans="14:14">
      <c r="N878743" s="10"/>
    </row>
    <row r="878744" spans="14:14">
      <c r="N878744" s="10"/>
    </row>
    <row r="878745" spans="14:14">
      <c r="N878745" s="10"/>
    </row>
    <row r="878746" spans="14:14">
      <c r="N878746" s="10"/>
    </row>
    <row r="878747" spans="14:14">
      <c r="N878747" s="10"/>
    </row>
    <row r="878748" spans="14:14">
      <c r="N878748" s="10"/>
    </row>
    <row r="878749" spans="14:14">
      <c r="N878749" s="10"/>
    </row>
    <row r="878750" spans="14:14">
      <c r="N878750" s="10"/>
    </row>
    <row r="878751" spans="14:14">
      <c r="N878751" s="10"/>
    </row>
    <row r="878752" spans="14:14">
      <c r="N878752" s="10"/>
    </row>
    <row r="878753" spans="14:14">
      <c r="N878753" s="10"/>
    </row>
    <row r="878754" spans="14:14">
      <c r="N878754" s="10"/>
    </row>
    <row r="878755" spans="14:14">
      <c r="N878755" s="10"/>
    </row>
    <row r="878756" spans="14:14">
      <c r="N878756" s="10"/>
    </row>
    <row r="878757" spans="14:14">
      <c r="N878757" s="10"/>
    </row>
    <row r="878758" spans="14:14">
      <c r="N878758" s="10"/>
    </row>
    <row r="878759" spans="14:14">
      <c r="N878759" s="10"/>
    </row>
    <row r="878760" spans="14:14">
      <c r="N878760" s="10"/>
    </row>
    <row r="878761" spans="14:14">
      <c r="N878761" s="10"/>
    </row>
    <row r="878762" spans="14:14">
      <c r="N878762" s="10"/>
    </row>
    <row r="878763" spans="14:14">
      <c r="N878763" s="10"/>
    </row>
    <row r="878764" spans="14:14">
      <c r="N878764" s="10"/>
    </row>
    <row r="878765" spans="14:14">
      <c r="N878765" s="10"/>
    </row>
    <row r="878766" spans="14:14">
      <c r="N878766" s="10"/>
    </row>
    <row r="878767" spans="14:14">
      <c r="N878767" s="10"/>
    </row>
    <row r="878768" spans="14:14">
      <c r="N878768" s="10"/>
    </row>
    <row r="878769" spans="14:14">
      <c r="N878769" s="10"/>
    </row>
    <row r="878770" spans="14:14">
      <c r="N878770" s="10"/>
    </row>
    <row r="878771" spans="14:14">
      <c r="N878771" s="10"/>
    </row>
    <row r="878772" spans="14:14">
      <c r="N878772" s="10"/>
    </row>
    <row r="878773" spans="14:14">
      <c r="N878773" s="10"/>
    </row>
    <row r="878774" spans="14:14">
      <c r="N878774" s="10"/>
    </row>
    <row r="878775" spans="14:14">
      <c r="N878775" s="10"/>
    </row>
    <row r="878776" spans="14:14">
      <c r="N878776" s="10"/>
    </row>
    <row r="878777" spans="14:14">
      <c r="N878777" s="10"/>
    </row>
    <row r="878778" spans="14:14">
      <c r="N878778" s="10"/>
    </row>
    <row r="878779" spans="14:14">
      <c r="N878779" s="10"/>
    </row>
    <row r="878780" spans="14:14">
      <c r="N878780" s="10"/>
    </row>
    <row r="878781" spans="14:14">
      <c r="N878781" s="10"/>
    </row>
    <row r="878782" spans="14:14">
      <c r="N878782" s="10"/>
    </row>
    <row r="878783" spans="14:14">
      <c r="N878783" s="10"/>
    </row>
    <row r="878784" spans="14:14">
      <c r="N878784" s="10"/>
    </row>
    <row r="878785" spans="14:14">
      <c r="N878785" s="10"/>
    </row>
    <row r="878786" spans="14:14">
      <c r="N878786" s="10"/>
    </row>
    <row r="878787" spans="14:14">
      <c r="N878787" s="10"/>
    </row>
    <row r="878788" spans="14:14">
      <c r="N878788" s="10"/>
    </row>
    <row r="878789" spans="14:14">
      <c r="N878789" s="10"/>
    </row>
    <row r="878790" spans="14:14">
      <c r="N878790" s="10"/>
    </row>
    <row r="878791" spans="14:14">
      <c r="N878791" s="10"/>
    </row>
    <row r="878792" spans="14:14">
      <c r="N878792" s="10"/>
    </row>
    <row r="878793" spans="14:14">
      <c r="N878793" s="10"/>
    </row>
    <row r="878794" spans="14:14">
      <c r="N878794" s="10"/>
    </row>
    <row r="878795" spans="14:14">
      <c r="N878795" s="10"/>
    </row>
    <row r="878796" spans="14:14">
      <c r="N878796" s="10"/>
    </row>
    <row r="878797" spans="14:14">
      <c r="N878797" s="10"/>
    </row>
    <row r="878798" spans="14:14">
      <c r="N878798" s="10"/>
    </row>
    <row r="878799" spans="14:14">
      <c r="N878799" s="10"/>
    </row>
    <row r="878800" spans="14:14">
      <c r="N878800" s="10"/>
    </row>
    <row r="878801" spans="14:14">
      <c r="N878801" s="10"/>
    </row>
    <row r="878802" spans="14:14">
      <c r="N878802" s="10"/>
    </row>
    <row r="878803" spans="14:14">
      <c r="N878803" s="10"/>
    </row>
    <row r="878804" spans="14:14">
      <c r="N878804" s="10"/>
    </row>
    <row r="878805" spans="14:14">
      <c r="N878805" s="10"/>
    </row>
    <row r="878806" spans="14:14">
      <c r="N878806" s="10"/>
    </row>
    <row r="878807" spans="14:14">
      <c r="N878807" s="10"/>
    </row>
    <row r="878808" spans="14:14">
      <c r="N878808" s="10"/>
    </row>
    <row r="878809" spans="14:14">
      <c r="N878809" s="10"/>
    </row>
    <row r="878810" spans="14:14">
      <c r="N878810" s="10"/>
    </row>
    <row r="878811" spans="14:14">
      <c r="N878811" s="10"/>
    </row>
    <row r="878812" spans="14:14">
      <c r="N878812" s="10"/>
    </row>
    <row r="878813" spans="14:14">
      <c r="N878813" s="10"/>
    </row>
    <row r="878814" spans="14:14">
      <c r="N878814" s="10"/>
    </row>
    <row r="878815" spans="14:14">
      <c r="N878815" s="10"/>
    </row>
    <row r="878816" spans="14:14">
      <c r="N878816" s="10"/>
    </row>
    <row r="878817" spans="14:14">
      <c r="N878817" s="10"/>
    </row>
    <row r="878818" spans="14:14">
      <c r="N878818" s="10"/>
    </row>
    <row r="878819" spans="14:14">
      <c r="N878819" s="10"/>
    </row>
    <row r="878820" spans="14:14">
      <c r="N878820" s="10"/>
    </row>
    <row r="878821" spans="14:14">
      <c r="N878821" s="10"/>
    </row>
    <row r="878822" spans="14:14">
      <c r="N878822" s="10"/>
    </row>
    <row r="878823" spans="14:14">
      <c r="N878823" s="10"/>
    </row>
    <row r="878824" spans="14:14">
      <c r="N878824" s="10"/>
    </row>
    <row r="878825" spans="14:14">
      <c r="N878825" s="10"/>
    </row>
    <row r="878826" spans="14:14">
      <c r="N878826" s="10"/>
    </row>
    <row r="878827" spans="14:14">
      <c r="N878827" s="10"/>
    </row>
    <row r="878828" spans="14:14">
      <c r="N878828" s="10"/>
    </row>
    <row r="878829" spans="14:14">
      <c r="N878829" s="10"/>
    </row>
    <row r="878830" spans="14:14">
      <c r="N878830" s="10"/>
    </row>
    <row r="878831" spans="14:14">
      <c r="N878831" s="10"/>
    </row>
    <row r="878832" spans="14:14">
      <c r="N878832" s="10"/>
    </row>
    <row r="878833" spans="14:14">
      <c r="N878833" s="10"/>
    </row>
    <row r="878834" spans="14:14">
      <c r="N878834" s="10"/>
    </row>
    <row r="878835" spans="14:14">
      <c r="N878835" s="10"/>
    </row>
    <row r="878836" spans="14:14">
      <c r="N878836" s="10"/>
    </row>
    <row r="878837" spans="14:14">
      <c r="N878837" s="10"/>
    </row>
    <row r="878838" spans="14:14">
      <c r="N878838" s="10"/>
    </row>
    <row r="878839" spans="14:14">
      <c r="N878839" s="10"/>
    </row>
    <row r="878840" spans="14:14">
      <c r="N878840" s="10"/>
    </row>
    <row r="878841" spans="14:14">
      <c r="N878841" s="10"/>
    </row>
    <row r="878842" spans="14:14">
      <c r="N878842" s="10"/>
    </row>
    <row r="878843" spans="14:14">
      <c r="N878843" s="10"/>
    </row>
    <row r="878844" spans="14:14">
      <c r="N878844" s="10"/>
    </row>
    <row r="878845" spans="14:14">
      <c r="N878845" s="10"/>
    </row>
    <row r="878846" spans="14:14">
      <c r="N878846" s="10"/>
    </row>
    <row r="878847" spans="14:14">
      <c r="N878847" s="10"/>
    </row>
    <row r="878848" spans="14:14">
      <c r="N878848" s="10"/>
    </row>
    <row r="878849" spans="14:14">
      <c r="N878849" s="10"/>
    </row>
    <row r="878850" spans="14:14">
      <c r="N878850" s="10"/>
    </row>
    <row r="878851" spans="14:14">
      <c r="N878851" s="10"/>
    </row>
    <row r="878852" spans="14:14">
      <c r="N878852" s="10"/>
    </row>
    <row r="878853" spans="14:14">
      <c r="N878853" s="10"/>
    </row>
    <row r="878854" spans="14:14">
      <c r="N878854" s="10"/>
    </row>
    <row r="878855" spans="14:14">
      <c r="N878855" s="10"/>
    </row>
    <row r="878856" spans="14:14">
      <c r="N878856" s="10"/>
    </row>
    <row r="878857" spans="14:14">
      <c r="N878857" s="10"/>
    </row>
    <row r="878858" spans="14:14">
      <c r="N878858" s="10"/>
    </row>
    <row r="878859" spans="14:14">
      <c r="N878859" s="10"/>
    </row>
    <row r="878860" spans="14:14">
      <c r="N878860" s="10"/>
    </row>
    <row r="878861" spans="14:14">
      <c r="N878861" s="10"/>
    </row>
    <row r="878862" spans="14:14">
      <c r="N878862" s="10"/>
    </row>
    <row r="878863" spans="14:14">
      <c r="N878863" s="10"/>
    </row>
    <row r="878864" spans="14:14">
      <c r="N878864" s="10"/>
    </row>
    <row r="878865" spans="14:14">
      <c r="N878865" s="10"/>
    </row>
    <row r="878866" spans="14:14">
      <c r="N878866" s="10"/>
    </row>
    <row r="878867" spans="14:14">
      <c r="N878867" s="10"/>
    </row>
    <row r="878868" spans="14:14">
      <c r="N878868" s="10"/>
    </row>
    <row r="878869" spans="14:14">
      <c r="N878869" s="10"/>
    </row>
    <row r="878870" spans="14:14">
      <c r="N878870" s="10"/>
    </row>
    <row r="878871" spans="14:14">
      <c r="N878871" s="10"/>
    </row>
    <row r="878872" spans="14:14">
      <c r="N878872" s="10"/>
    </row>
    <row r="878873" spans="14:14">
      <c r="N878873" s="10"/>
    </row>
    <row r="878874" spans="14:14">
      <c r="N878874" s="10"/>
    </row>
    <row r="878875" spans="14:14">
      <c r="N878875" s="10"/>
    </row>
    <row r="878876" spans="14:14">
      <c r="N878876" s="10"/>
    </row>
    <row r="878877" spans="14:14">
      <c r="N878877" s="10"/>
    </row>
    <row r="878878" spans="14:14">
      <c r="N878878" s="10"/>
    </row>
    <row r="878879" spans="14:14">
      <c r="N878879" s="10"/>
    </row>
    <row r="878880" spans="14:14">
      <c r="N878880" s="10"/>
    </row>
    <row r="878881" spans="14:14">
      <c r="N878881" s="10"/>
    </row>
    <row r="878882" spans="14:14">
      <c r="N878882" s="10"/>
    </row>
    <row r="878883" spans="14:14">
      <c r="N878883" s="10"/>
    </row>
    <row r="878884" spans="14:14">
      <c r="N878884" s="10"/>
    </row>
    <row r="878885" spans="14:14">
      <c r="N878885" s="10"/>
    </row>
    <row r="878886" spans="14:14">
      <c r="N878886" s="10"/>
    </row>
    <row r="878887" spans="14:14">
      <c r="N878887" s="10"/>
    </row>
    <row r="878888" spans="14:14">
      <c r="N878888" s="10"/>
    </row>
    <row r="878889" spans="14:14">
      <c r="N878889" s="10"/>
    </row>
    <row r="878890" spans="14:14">
      <c r="N878890" s="10"/>
    </row>
    <row r="878891" spans="14:14">
      <c r="N878891" s="10"/>
    </row>
    <row r="878892" spans="14:14">
      <c r="N878892" s="10"/>
    </row>
    <row r="878893" spans="14:14">
      <c r="N878893" s="10"/>
    </row>
    <row r="878894" spans="14:14">
      <c r="N878894" s="10"/>
    </row>
    <row r="878895" spans="14:14">
      <c r="N878895" s="10"/>
    </row>
    <row r="878896" spans="14:14">
      <c r="N878896" s="10"/>
    </row>
    <row r="878897" spans="14:14">
      <c r="N878897" s="10"/>
    </row>
    <row r="878898" spans="14:14">
      <c r="N878898" s="10"/>
    </row>
    <row r="878899" spans="14:14">
      <c r="N878899" s="10"/>
    </row>
    <row r="878900" spans="14:14">
      <c r="N878900" s="10"/>
    </row>
    <row r="878901" spans="14:14">
      <c r="N878901" s="10"/>
    </row>
    <row r="878902" spans="14:14">
      <c r="N878902" s="10"/>
    </row>
    <row r="878903" spans="14:14">
      <c r="N878903" s="10"/>
    </row>
    <row r="878904" spans="14:14">
      <c r="N878904" s="10"/>
    </row>
    <row r="878905" spans="14:14">
      <c r="N878905" s="10"/>
    </row>
    <row r="878906" spans="14:14">
      <c r="N878906" s="10"/>
    </row>
    <row r="878907" spans="14:14">
      <c r="N878907" s="10"/>
    </row>
    <row r="878908" spans="14:14">
      <c r="N878908" s="10"/>
    </row>
    <row r="878909" spans="14:14">
      <c r="N878909" s="10"/>
    </row>
    <row r="878910" spans="14:14">
      <c r="N878910" s="10"/>
    </row>
    <row r="878911" spans="14:14">
      <c r="N878911" s="10"/>
    </row>
    <row r="878912" spans="14:14">
      <c r="N878912" s="10"/>
    </row>
    <row r="878913" spans="14:14">
      <c r="N878913" s="10"/>
    </row>
    <row r="878914" spans="14:14">
      <c r="N878914" s="10"/>
    </row>
    <row r="878915" spans="14:14">
      <c r="N878915" s="10"/>
    </row>
    <row r="878916" spans="14:14">
      <c r="N878916" s="10"/>
    </row>
    <row r="878917" spans="14:14">
      <c r="N878917" s="10"/>
    </row>
    <row r="878918" spans="14:14">
      <c r="N878918" s="10"/>
    </row>
    <row r="878919" spans="14:14">
      <c r="N878919" s="10"/>
    </row>
    <row r="878920" spans="14:14">
      <c r="N878920" s="10"/>
    </row>
    <row r="878921" spans="14:14">
      <c r="N878921" s="10"/>
    </row>
    <row r="878922" spans="14:14">
      <c r="N878922" s="10"/>
    </row>
    <row r="878923" spans="14:14">
      <c r="N878923" s="10"/>
    </row>
    <row r="878924" spans="14:14">
      <c r="N878924" s="10"/>
    </row>
    <row r="878925" spans="14:14">
      <c r="N878925" s="10"/>
    </row>
    <row r="878926" spans="14:14">
      <c r="N878926" s="10"/>
    </row>
    <row r="878927" spans="14:14">
      <c r="N878927" s="10"/>
    </row>
    <row r="878928" spans="14:14">
      <c r="N878928" s="10"/>
    </row>
    <row r="878929" spans="14:14">
      <c r="N878929" s="10"/>
    </row>
    <row r="878930" spans="14:14">
      <c r="N878930" s="10"/>
    </row>
    <row r="878931" spans="14:14">
      <c r="N878931" s="10"/>
    </row>
    <row r="878932" spans="14:14">
      <c r="N878932" s="10"/>
    </row>
    <row r="878933" spans="14:14">
      <c r="N878933" s="10"/>
    </row>
    <row r="878934" spans="14:14">
      <c r="N878934" s="10"/>
    </row>
    <row r="878935" spans="14:14">
      <c r="N878935" s="10"/>
    </row>
    <row r="878936" spans="14:14">
      <c r="N878936" s="10"/>
    </row>
    <row r="878937" spans="14:14">
      <c r="N878937" s="10"/>
    </row>
    <row r="878938" spans="14:14">
      <c r="N878938" s="10"/>
    </row>
    <row r="878939" spans="14:14">
      <c r="N878939" s="10"/>
    </row>
    <row r="878940" spans="14:14">
      <c r="N878940" s="10"/>
    </row>
    <row r="878941" spans="14:14">
      <c r="N878941" s="10"/>
    </row>
    <row r="878942" spans="14:14">
      <c r="N878942" s="10"/>
    </row>
    <row r="878943" spans="14:14">
      <c r="N878943" s="10"/>
    </row>
    <row r="878944" spans="14:14">
      <c r="N878944" s="10"/>
    </row>
    <row r="878945" spans="14:14">
      <c r="N878945" s="10"/>
    </row>
    <row r="878946" spans="14:14">
      <c r="N878946" s="10"/>
    </row>
    <row r="878947" spans="14:14">
      <c r="N878947" s="10"/>
    </row>
    <row r="878948" spans="14:14">
      <c r="N878948" s="10"/>
    </row>
    <row r="878949" spans="14:14">
      <c r="N878949" s="10"/>
    </row>
    <row r="878950" spans="14:14">
      <c r="N878950" s="10"/>
    </row>
    <row r="878951" spans="14:14">
      <c r="N878951" s="10"/>
    </row>
    <row r="878952" spans="14:14">
      <c r="N878952" s="10"/>
    </row>
    <row r="878953" spans="14:14">
      <c r="N878953" s="10"/>
    </row>
    <row r="878954" spans="14:14">
      <c r="N878954" s="10"/>
    </row>
    <row r="878955" spans="14:14">
      <c r="N878955" s="10"/>
    </row>
    <row r="878956" spans="14:14">
      <c r="N878956" s="10"/>
    </row>
    <row r="878957" spans="14:14">
      <c r="N878957" s="10"/>
    </row>
    <row r="878958" spans="14:14">
      <c r="N878958" s="10"/>
    </row>
    <row r="878959" spans="14:14">
      <c r="N878959" s="10"/>
    </row>
    <row r="878960" spans="14:14">
      <c r="N878960" s="10"/>
    </row>
    <row r="878961" spans="14:14">
      <c r="N878961" s="10"/>
    </row>
    <row r="878962" spans="14:14">
      <c r="N878962" s="10"/>
    </row>
    <row r="878963" spans="14:14">
      <c r="N878963" s="10"/>
    </row>
    <row r="878964" spans="14:14">
      <c r="N878964" s="10"/>
    </row>
    <row r="878965" spans="14:14">
      <c r="N878965" s="10"/>
    </row>
    <row r="878966" spans="14:14">
      <c r="N878966" s="10"/>
    </row>
    <row r="878967" spans="14:14">
      <c r="N878967" s="10"/>
    </row>
    <row r="878968" spans="14:14">
      <c r="N878968" s="10"/>
    </row>
    <row r="878969" spans="14:14">
      <c r="N878969" s="10"/>
    </row>
    <row r="878970" spans="14:14">
      <c r="N878970" s="10"/>
    </row>
    <row r="878971" spans="14:14">
      <c r="N878971" s="10"/>
    </row>
    <row r="878972" spans="14:14">
      <c r="N878972" s="10"/>
    </row>
    <row r="878973" spans="14:14">
      <c r="N878973" s="10"/>
    </row>
    <row r="878974" spans="14:14">
      <c r="N878974" s="10"/>
    </row>
    <row r="878975" spans="14:14">
      <c r="N878975" s="10"/>
    </row>
    <row r="878976" spans="14:14">
      <c r="N878976" s="10"/>
    </row>
    <row r="878977" spans="14:14">
      <c r="N878977" s="10"/>
    </row>
    <row r="878978" spans="14:14">
      <c r="N878978" s="10"/>
    </row>
    <row r="878979" spans="14:14">
      <c r="N878979" s="10"/>
    </row>
    <row r="878980" spans="14:14">
      <c r="N878980" s="10"/>
    </row>
    <row r="878981" spans="14:14">
      <c r="N878981" s="10"/>
    </row>
    <row r="878982" spans="14:14">
      <c r="N878982" s="10"/>
    </row>
    <row r="878983" spans="14:14">
      <c r="N878983" s="10"/>
    </row>
    <row r="878984" spans="14:14">
      <c r="N878984" s="10"/>
    </row>
    <row r="878985" spans="14:14">
      <c r="N878985" s="10"/>
    </row>
    <row r="878986" spans="14:14">
      <c r="N878986" s="10"/>
    </row>
    <row r="878987" spans="14:14">
      <c r="N878987" s="10"/>
    </row>
    <row r="878988" spans="14:14">
      <c r="N878988" s="10"/>
    </row>
    <row r="878989" spans="14:14">
      <c r="N878989" s="10"/>
    </row>
    <row r="878990" spans="14:14">
      <c r="N878990" s="10"/>
    </row>
    <row r="878991" spans="14:14">
      <c r="N878991" s="10"/>
    </row>
    <row r="878992" spans="14:14">
      <c r="N878992" s="10"/>
    </row>
    <row r="878993" spans="14:14">
      <c r="N878993" s="10"/>
    </row>
    <row r="878994" spans="14:14">
      <c r="N878994" s="10"/>
    </row>
    <row r="878995" spans="14:14">
      <c r="N878995" s="10"/>
    </row>
    <row r="878996" spans="14:14">
      <c r="N878996" s="10"/>
    </row>
    <row r="878997" spans="14:14">
      <c r="N878997" s="10"/>
    </row>
    <row r="878998" spans="14:14">
      <c r="N878998" s="10"/>
    </row>
    <row r="878999" spans="14:14">
      <c r="N878999" s="10"/>
    </row>
    <row r="879000" spans="14:14">
      <c r="N879000" s="10"/>
    </row>
    <row r="879001" spans="14:14">
      <c r="N879001" s="10"/>
    </row>
    <row r="879002" spans="14:14">
      <c r="N879002" s="10"/>
    </row>
    <row r="879003" spans="14:14">
      <c r="N879003" s="10"/>
    </row>
    <row r="879004" spans="14:14">
      <c r="N879004" s="10"/>
    </row>
    <row r="879005" spans="14:14">
      <c r="N879005" s="10"/>
    </row>
    <row r="879006" spans="14:14">
      <c r="N879006" s="10"/>
    </row>
    <row r="879007" spans="14:14">
      <c r="N879007" s="10"/>
    </row>
    <row r="879008" spans="14:14">
      <c r="N879008" s="10"/>
    </row>
    <row r="879009" spans="14:14">
      <c r="N879009" s="10"/>
    </row>
    <row r="879010" spans="14:14">
      <c r="N879010" s="10"/>
    </row>
    <row r="879011" spans="14:14">
      <c r="N879011" s="10"/>
    </row>
    <row r="879012" spans="14:14">
      <c r="N879012" s="10"/>
    </row>
    <row r="879013" spans="14:14">
      <c r="N879013" s="10"/>
    </row>
    <row r="879014" spans="14:14">
      <c r="N879014" s="10"/>
    </row>
    <row r="879015" spans="14:14">
      <c r="N879015" s="10"/>
    </row>
    <row r="879016" spans="14:14">
      <c r="N879016" s="10"/>
    </row>
    <row r="879017" spans="14:14">
      <c r="N879017" s="10"/>
    </row>
    <row r="879018" spans="14:14">
      <c r="N879018" s="10"/>
    </row>
    <row r="879019" spans="14:14">
      <c r="N879019" s="10"/>
    </row>
    <row r="879020" spans="14:14">
      <c r="N879020" s="10"/>
    </row>
    <row r="879021" spans="14:14">
      <c r="N879021" s="10"/>
    </row>
    <row r="879022" spans="14:14">
      <c r="N879022" s="10"/>
    </row>
    <row r="879023" spans="14:14">
      <c r="N879023" s="10"/>
    </row>
    <row r="879024" spans="14:14">
      <c r="N879024" s="10"/>
    </row>
    <row r="879025" spans="14:14">
      <c r="N879025" s="10"/>
    </row>
    <row r="879026" spans="14:14">
      <c r="N879026" s="10"/>
    </row>
    <row r="879027" spans="14:14">
      <c r="N879027" s="10"/>
    </row>
    <row r="879028" spans="14:14">
      <c r="N879028" s="10"/>
    </row>
    <row r="879029" spans="14:14">
      <c r="N879029" s="10"/>
    </row>
    <row r="879030" spans="14:14">
      <c r="N879030" s="10"/>
    </row>
    <row r="879031" spans="14:14">
      <c r="N879031" s="10"/>
    </row>
    <row r="879032" spans="14:14">
      <c r="N879032" s="10"/>
    </row>
    <row r="879033" spans="14:14">
      <c r="N879033" s="10"/>
    </row>
    <row r="879034" spans="14:14">
      <c r="N879034" s="10"/>
    </row>
    <row r="879035" spans="14:14">
      <c r="N879035" s="10"/>
    </row>
    <row r="879036" spans="14:14">
      <c r="N879036" s="10"/>
    </row>
    <row r="879037" spans="14:14">
      <c r="N879037" s="10"/>
    </row>
    <row r="879038" spans="14:14">
      <c r="N879038" s="10"/>
    </row>
    <row r="879039" spans="14:14">
      <c r="N879039" s="10"/>
    </row>
    <row r="879040" spans="14:14">
      <c r="N879040" s="10"/>
    </row>
    <row r="879041" spans="14:14">
      <c r="N879041" s="10"/>
    </row>
    <row r="879042" spans="14:14">
      <c r="N879042" s="10"/>
    </row>
    <row r="879043" spans="14:14">
      <c r="N879043" s="10"/>
    </row>
    <row r="879044" spans="14:14">
      <c r="N879044" s="10"/>
    </row>
    <row r="879045" spans="14:14">
      <c r="N879045" s="10"/>
    </row>
    <row r="879046" spans="14:14">
      <c r="N879046" s="10"/>
    </row>
    <row r="879047" spans="14:14">
      <c r="N879047" s="10"/>
    </row>
    <row r="879048" spans="14:14">
      <c r="N879048" s="10"/>
    </row>
    <row r="879049" spans="14:14">
      <c r="N879049" s="10"/>
    </row>
    <row r="879050" spans="14:14">
      <c r="N879050" s="10"/>
    </row>
    <row r="879051" spans="14:14">
      <c r="N879051" s="10"/>
    </row>
    <row r="879052" spans="14:14">
      <c r="N879052" s="10"/>
    </row>
    <row r="879053" spans="14:14">
      <c r="N879053" s="10"/>
    </row>
    <row r="879054" spans="14:14">
      <c r="N879054" s="10"/>
    </row>
    <row r="879055" spans="14:14">
      <c r="N879055" s="10"/>
    </row>
    <row r="879056" spans="14:14">
      <c r="N879056" s="10"/>
    </row>
    <row r="879057" spans="14:14">
      <c r="N879057" s="10"/>
    </row>
    <row r="879058" spans="14:14">
      <c r="N879058" s="10"/>
    </row>
    <row r="879059" spans="14:14">
      <c r="N879059" s="10"/>
    </row>
    <row r="879060" spans="14:14">
      <c r="N879060" s="10"/>
    </row>
    <row r="879061" spans="14:14">
      <c r="N879061" s="10"/>
    </row>
    <row r="879062" spans="14:14">
      <c r="N879062" s="10"/>
    </row>
    <row r="879063" spans="14:14">
      <c r="N879063" s="10"/>
    </row>
    <row r="879064" spans="14:14">
      <c r="N879064" s="10"/>
    </row>
    <row r="879065" spans="14:14">
      <c r="N879065" s="10"/>
    </row>
    <row r="879066" spans="14:14">
      <c r="N879066" s="10"/>
    </row>
    <row r="879067" spans="14:14">
      <c r="N879067" s="10"/>
    </row>
    <row r="879068" spans="14:14">
      <c r="N879068" s="10"/>
    </row>
    <row r="879069" spans="14:14">
      <c r="N879069" s="10"/>
    </row>
    <row r="879070" spans="14:14">
      <c r="N879070" s="10"/>
    </row>
    <row r="879071" spans="14:14">
      <c r="N879071" s="10"/>
    </row>
    <row r="879072" spans="14:14">
      <c r="N879072" s="10"/>
    </row>
    <row r="879073" spans="14:14">
      <c r="N879073" s="10"/>
    </row>
    <row r="879074" spans="14:14">
      <c r="N879074" s="10"/>
    </row>
    <row r="879075" spans="14:14">
      <c r="N879075" s="10"/>
    </row>
    <row r="879076" spans="14:14">
      <c r="N879076" s="10"/>
    </row>
    <row r="879077" spans="14:14">
      <c r="N879077" s="10"/>
    </row>
    <row r="879078" spans="14:14">
      <c r="N879078" s="10"/>
    </row>
    <row r="879079" spans="14:14">
      <c r="N879079" s="10"/>
    </row>
    <row r="879080" spans="14:14">
      <c r="N879080" s="10"/>
    </row>
    <row r="879081" spans="14:14">
      <c r="N879081" s="10"/>
    </row>
    <row r="879082" spans="14:14">
      <c r="N879082" s="10"/>
    </row>
    <row r="879083" spans="14:14">
      <c r="N879083" s="10"/>
    </row>
    <row r="879084" spans="14:14">
      <c r="N879084" s="10"/>
    </row>
    <row r="879085" spans="14:14">
      <c r="N879085" s="10"/>
    </row>
    <row r="879086" spans="14:14">
      <c r="N879086" s="10"/>
    </row>
    <row r="879087" spans="14:14">
      <c r="N879087" s="10"/>
    </row>
    <row r="879088" spans="14:14">
      <c r="N879088" s="10"/>
    </row>
    <row r="879089" spans="14:14">
      <c r="N879089" s="10"/>
    </row>
    <row r="879090" spans="14:14">
      <c r="N879090" s="10"/>
    </row>
    <row r="879091" spans="14:14">
      <c r="N879091" s="10"/>
    </row>
    <row r="879092" spans="14:14">
      <c r="N879092" s="10"/>
    </row>
    <row r="879093" spans="14:14">
      <c r="N879093" s="10"/>
    </row>
    <row r="879094" spans="14:14">
      <c r="N879094" s="10"/>
    </row>
    <row r="879095" spans="14:14">
      <c r="N879095" s="10"/>
    </row>
    <row r="879096" spans="14:14">
      <c r="N879096" s="10"/>
    </row>
    <row r="879097" spans="14:14">
      <c r="N879097" s="10"/>
    </row>
    <row r="879098" spans="14:14">
      <c r="N879098" s="10"/>
    </row>
    <row r="879099" spans="14:14">
      <c r="N879099" s="10"/>
    </row>
    <row r="879100" spans="14:14">
      <c r="N879100" s="10"/>
    </row>
    <row r="879101" spans="14:14">
      <c r="N879101" s="10"/>
    </row>
    <row r="879102" spans="14:14">
      <c r="N879102" s="10"/>
    </row>
    <row r="879103" spans="14:14">
      <c r="N879103" s="10"/>
    </row>
    <row r="879104" spans="14:14">
      <c r="N879104" s="10"/>
    </row>
    <row r="879105" spans="14:14">
      <c r="N879105" s="10"/>
    </row>
    <row r="879106" spans="14:14">
      <c r="N879106" s="10"/>
    </row>
    <row r="879107" spans="14:14">
      <c r="N879107" s="10"/>
    </row>
    <row r="879108" spans="14:14">
      <c r="N879108" s="10"/>
    </row>
    <row r="879109" spans="14:14">
      <c r="N879109" s="10"/>
    </row>
    <row r="879110" spans="14:14">
      <c r="N879110" s="10"/>
    </row>
    <row r="879111" spans="14:14">
      <c r="N879111" s="10"/>
    </row>
    <row r="879112" spans="14:14">
      <c r="N879112" s="10"/>
    </row>
    <row r="879113" spans="14:14">
      <c r="N879113" s="10"/>
    </row>
    <row r="879114" spans="14:14">
      <c r="N879114" s="10"/>
    </row>
    <row r="879115" spans="14:14">
      <c r="N879115" s="10"/>
    </row>
    <row r="879116" spans="14:14">
      <c r="N879116" s="10"/>
    </row>
    <row r="879117" spans="14:14">
      <c r="N879117" s="10"/>
    </row>
    <row r="879118" spans="14:14">
      <c r="N879118" s="10"/>
    </row>
    <row r="879119" spans="14:14">
      <c r="N879119" s="10"/>
    </row>
    <row r="879120" spans="14:14">
      <c r="N879120" s="10"/>
    </row>
    <row r="879121" spans="14:14">
      <c r="N879121" s="10"/>
    </row>
    <row r="879122" spans="14:14">
      <c r="N879122" s="10"/>
    </row>
    <row r="879123" spans="14:14">
      <c r="N879123" s="10"/>
    </row>
    <row r="879124" spans="14:14">
      <c r="N879124" s="10"/>
    </row>
    <row r="879125" spans="14:14">
      <c r="N879125" s="10"/>
    </row>
    <row r="879126" spans="14:14">
      <c r="N879126" s="10"/>
    </row>
    <row r="879127" spans="14:14">
      <c r="N879127" s="10"/>
    </row>
    <row r="879128" spans="14:14">
      <c r="N879128" s="10"/>
    </row>
    <row r="879129" spans="14:14">
      <c r="N879129" s="10"/>
    </row>
    <row r="879130" spans="14:14">
      <c r="N879130" s="10"/>
    </row>
    <row r="879131" spans="14:14">
      <c r="N879131" s="10"/>
    </row>
    <row r="879132" spans="14:14">
      <c r="N879132" s="10"/>
    </row>
    <row r="879133" spans="14:14">
      <c r="N879133" s="10"/>
    </row>
    <row r="879134" spans="14:14">
      <c r="N879134" s="10"/>
    </row>
    <row r="879135" spans="14:14">
      <c r="N879135" s="10"/>
    </row>
    <row r="879136" spans="14:14">
      <c r="N879136" s="10"/>
    </row>
    <row r="879137" spans="14:14">
      <c r="N879137" s="10"/>
    </row>
    <row r="879138" spans="14:14">
      <c r="N879138" s="10"/>
    </row>
    <row r="879139" spans="14:14">
      <c r="N879139" s="10"/>
    </row>
    <row r="879140" spans="14:14">
      <c r="N879140" s="10"/>
    </row>
    <row r="879141" spans="14:14">
      <c r="N879141" s="10"/>
    </row>
    <row r="879142" spans="14:14">
      <c r="N879142" s="10"/>
    </row>
    <row r="879143" spans="14:14">
      <c r="N879143" s="10"/>
    </row>
    <row r="879144" spans="14:14">
      <c r="N879144" s="10"/>
    </row>
    <row r="879145" spans="14:14">
      <c r="N879145" s="10"/>
    </row>
    <row r="879146" spans="14:14">
      <c r="N879146" s="10"/>
    </row>
    <row r="879147" spans="14:14">
      <c r="N879147" s="10"/>
    </row>
    <row r="879148" spans="14:14">
      <c r="N879148" s="10"/>
    </row>
    <row r="879149" spans="14:14">
      <c r="N879149" s="10"/>
    </row>
    <row r="879150" spans="14:14">
      <c r="N879150" s="10"/>
    </row>
    <row r="879151" spans="14:14">
      <c r="N879151" s="10"/>
    </row>
    <row r="879152" spans="14:14">
      <c r="N879152" s="10"/>
    </row>
    <row r="879153" spans="14:14">
      <c r="N879153" s="10"/>
    </row>
    <row r="879154" spans="14:14">
      <c r="N879154" s="10"/>
    </row>
    <row r="879155" spans="14:14">
      <c r="N879155" s="10"/>
    </row>
    <row r="879156" spans="14:14">
      <c r="N879156" s="10"/>
    </row>
    <row r="879157" spans="14:14">
      <c r="N879157" s="10"/>
    </row>
    <row r="879158" spans="14:14">
      <c r="N879158" s="10"/>
    </row>
    <row r="879159" spans="14:14">
      <c r="N879159" s="10"/>
    </row>
    <row r="879160" spans="14:14">
      <c r="N879160" s="10"/>
    </row>
    <row r="879161" spans="14:14">
      <c r="N879161" s="10"/>
    </row>
    <row r="879162" spans="14:14">
      <c r="N879162" s="10"/>
    </row>
    <row r="879163" spans="14:14">
      <c r="N879163" s="10"/>
    </row>
    <row r="879164" spans="14:14">
      <c r="N879164" s="10"/>
    </row>
    <row r="879165" spans="14:14">
      <c r="N879165" s="10"/>
    </row>
    <row r="879166" spans="14:14">
      <c r="N879166" s="10"/>
    </row>
    <row r="879167" spans="14:14">
      <c r="N879167" s="10"/>
    </row>
    <row r="879168" spans="14:14">
      <c r="N879168" s="10"/>
    </row>
    <row r="879169" spans="14:14">
      <c r="N879169" s="10"/>
    </row>
    <row r="879170" spans="14:14">
      <c r="N879170" s="10"/>
    </row>
    <row r="879171" spans="14:14">
      <c r="N879171" s="10"/>
    </row>
    <row r="879172" spans="14:14">
      <c r="N879172" s="10"/>
    </row>
    <row r="879173" spans="14:14">
      <c r="N879173" s="10"/>
    </row>
    <row r="879174" spans="14:14">
      <c r="N879174" s="10"/>
    </row>
    <row r="879175" spans="14:14">
      <c r="N879175" s="10"/>
    </row>
    <row r="879176" spans="14:14">
      <c r="N879176" s="10"/>
    </row>
    <row r="879177" spans="14:14">
      <c r="N879177" s="10"/>
    </row>
    <row r="879178" spans="14:14">
      <c r="N879178" s="10"/>
    </row>
    <row r="879179" spans="14:14">
      <c r="N879179" s="10"/>
    </row>
    <row r="879180" spans="14:14">
      <c r="N879180" s="10"/>
    </row>
    <row r="879181" spans="14:14">
      <c r="N879181" s="10"/>
    </row>
    <row r="879182" spans="14:14">
      <c r="N879182" s="10"/>
    </row>
    <row r="879183" spans="14:14">
      <c r="N879183" s="10"/>
    </row>
    <row r="879184" spans="14:14">
      <c r="N879184" s="10"/>
    </row>
    <row r="879185" spans="14:14">
      <c r="N879185" s="10"/>
    </row>
    <row r="879186" spans="14:14">
      <c r="N879186" s="10"/>
    </row>
    <row r="879187" spans="14:14">
      <c r="N879187" s="10"/>
    </row>
    <row r="879188" spans="14:14">
      <c r="N879188" s="10"/>
    </row>
    <row r="879189" spans="14:14">
      <c r="N879189" s="10"/>
    </row>
    <row r="879190" spans="14:14">
      <c r="N879190" s="10"/>
    </row>
    <row r="879191" spans="14:14">
      <c r="N879191" s="10"/>
    </row>
    <row r="879192" spans="14:14">
      <c r="N879192" s="10"/>
    </row>
    <row r="879193" spans="14:14">
      <c r="N879193" s="10"/>
    </row>
    <row r="879194" spans="14:14">
      <c r="N879194" s="10"/>
    </row>
    <row r="879195" spans="14:14">
      <c r="N879195" s="10"/>
    </row>
    <row r="879196" spans="14:14">
      <c r="N879196" s="10"/>
    </row>
    <row r="879197" spans="14:14">
      <c r="N879197" s="10"/>
    </row>
    <row r="879198" spans="14:14">
      <c r="N879198" s="10"/>
    </row>
    <row r="879199" spans="14:14">
      <c r="N879199" s="10"/>
    </row>
    <row r="879200" spans="14:14">
      <c r="N879200" s="10"/>
    </row>
    <row r="879201" spans="14:14">
      <c r="N879201" s="10"/>
    </row>
    <row r="879202" spans="14:14">
      <c r="N879202" s="10"/>
    </row>
    <row r="879203" spans="14:14">
      <c r="N879203" s="10"/>
    </row>
    <row r="879204" spans="14:14">
      <c r="N879204" s="10"/>
    </row>
    <row r="879205" spans="14:14">
      <c r="N879205" s="10"/>
    </row>
    <row r="879206" spans="14:14">
      <c r="N879206" s="10"/>
    </row>
    <row r="879207" spans="14:14">
      <c r="N879207" s="10"/>
    </row>
    <row r="879208" spans="14:14">
      <c r="N879208" s="10"/>
    </row>
    <row r="879209" spans="14:14">
      <c r="N879209" s="10"/>
    </row>
    <row r="879210" spans="14:14">
      <c r="N879210" s="10"/>
    </row>
    <row r="879211" spans="14:14">
      <c r="N879211" s="10"/>
    </row>
    <row r="879212" spans="14:14">
      <c r="N879212" s="10"/>
    </row>
    <row r="879213" spans="14:14">
      <c r="N879213" s="10"/>
    </row>
    <row r="879214" spans="14:14">
      <c r="N879214" s="10"/>
    </row>
    <row r="879215" spans="14:14">
      <c r="N879215" s="10"/>
    </row>
    <row r="879216" spans="14:14">
      <c r="N879216" s="10"/>
    </row>
    <row r="879217" spans="14:14">
      <c r="N879217" s="10"/>
    </row>
    <row r="879218" spans="14:14">
      <c r="N879218" s="10"/>
    </row>
    <row r="879219" spans="14:14">
      <c r="N879219" s="10"/>
    </row>
    <row r="879220" spans="14:14">
      <c r="N879220" s="10"/>
    </row>
    <row r="879221" spans="14:14">
      <c r="N879221" s="10"/>
    </row>
    <row r="879222" spans="14:14">
      <c r="N879222" s="10"/>
    </row>
    <row r="879223" spans="14:14">
      <c r="N879223" s="10"/>
    </row>
    <row r="879224" spans="14:14">
      <c r="N879224" s="10"/>
    </row>
    <row r="879225" spans="14:14">
      <c r="N879225" s="10"/>
    </row>
    <row r="879226" spans="14:14">
      <c r="N879226" s="10"/>
    </row>
    <row r="879227" spans="14:14">
      <c r="N879227" s="10"/>
    </row>
    <row r="879228" spans="14:14">
      <c r="N879228" s="10"/>
    </row>
    <row r="879229" spans="14:14">
      <c r="N879229" s="10"/>
    </row>
    <row r="879230" spans="14:14">
      <c r="N879230" s="10"/>
    </row>
    <row r="879231" spans="14:14">
      <c r="N879231" s="10"/>
    </row>
    <row r="879232" spans="14:14">
      <c r="N879232" s="10"/>
    </row>
    <row r="879233" spans="14:14">
      <c r="N879233" s="10"/>
    </row>
    <row r="879234" spans="14:14">
      <c r="N879234" s="10"/>
    </row>
    <row r="879235" spans="14:14">
      <c r="N879235" s="10"/>
    </row>
    <row r="879236" spans="14:14">
      <c r="N879236" s="10"/>
    </row>
    <row r="879237" spans="14:14">
      <c r="N879237" s="10"/>
    </row>
    <row r="879238" spans="14:14">
      <c r="N879238" s="10"/>
    </row>
    <row r="879239" spans="14:14">
      <c r="N879239" s="10"/>
    </row>
    <row r="879240" spans="14:14">
      <c r="N879240" s="10"/>
    </row>
    <row r="879241" spans="14:14">
      <c r="N879241" s="10"/>
    </row>
    <row r="879242" spans="14:14">
      <c r="N879242" s="10"/>
    </row>
    <row r="879243" spans="14:14">
      <c r="N879243" s="10"/>
    </row>
    <row r="879244" spans="14:14">
      <c r="N879244" s="10"/>
    </row>
    <row r="879245" spans="14:14">
      <c r="N879245" s="10"/>
    </row>
    <row r="879246" spans="14:14">
      <c r="N879246" s="10"/>
    </row>
    <row r="879247" spans="14:14">
      <c r="N879247" s="10"/>
    </row>
    <row r="879248" spans="14:14">
      <c r="N879248" s="10"/>
    </row>
    <row r="879249" spans="14:14">
      <c r="N879249" s="10"/>
    </row>
    <row r="879250" spans="14:14">
      <c r="N879250" s="10"/>
    </row>
    <row r="879251" spans="14:14">
      <c r="N879251" s="10"/>
    </row>
    <row r="879252" spans="14:14">
      <c r="N879252" s="10"/>
    </row>
    <row r="879253" spans="14:14">
      <c r="N879253" s="10"/>
    </row>
    <row r="879254" spans="14:14">
      <c r="N879254" s="10"/>
    </row>
    <row r="879255" spans="14:14">
      <c r="N879255" s="10"/>
    </row>
    <row r="879256" spans="14:14">
      <c r="N879256" s="10"/>
    </row>
    <row r="879257" spans="14:14">
      <c r="N879257" s="10"/>
    </row>
    <row r="879258" spans="14:14">
      <c r="N879258" s="10"/>
    </row>
    <row r="879259" spans="14:14">
      <c r="N879259" s="10"/>
    </row>
    <row r="879260" spans="14:14">
      <c r="N879260" s="10"/>
    </row>
    <row r="879261" spans="14:14">
      <c r="N879261" s="10"/>
    </row>
    <row r="879262" spans="14:14">
      <c r="N879262" s="10"/>
    </row>
    <row r="879263" spans="14:14">
      <c r="N879263" s="10"/>
    </row>
    <row r="879264" spans="14:14">
      <c r="N879264" s="10"/>
    </row>
    <row r="879265" spans="14:14">
      <c r="N879265" s="10"/>
    </row>
    <row r="879266" spans="14:14">
      <c r="N879266" s="10"/>
    </row>
    <row r="879267" spans="14:14">
      <c r="N879267" s="10"/>
    </row>
    <row r="879268" spans="14:14">
      <c r="N879268" s="10"/>
    </row>
    <row r="879269" spans="14:14">
      <c r="N879269" s="10"/>
    </row>
    <row r="879270" spans="14:14">
      <c r="N879270" s="10"/>
    </row>
    <row r="879271" spans="14:14">
      <c r="N879271" s="10"/>
    </row>
    <row r="879272" spans="14:14">
      <c r="N879272" s="10"/>
    </row>
    <row r="879273" spans="14:14">
      <c r="N879273" s="10"/>
    </row>
    <row r="879274" spans="14:14">
      <c r="N879274" s="10"/>
    </row>
    <row r="879275" spans="14:14">
      <c r="N879275" s="10"/>
    </row>
    <row r="879276" spans="14:14">
      <c r="N879276" s="10"/>
    </row>
    <row r="879277" spans="14:14">
      <c r="N879277" s="10"/>
    </row>
    <row r="879278" spans="14:14">
      <c r="N879278" s="10"/>
    </row>
    <row r="879279" spans="14:14">
      <c r="N879279" s="10"/>
    </row>
    <row r="879280" spans="14:14">
      <c r="N879280" s="10"/>
    </row>
    <row r="879281" spans="14:14">
      <c r="N879281" s="10"/>
    </row>
    <row r="879282" spans="14:14">
      <c r="N879282" s="10"/>
    </row>
    <row r="879283" spans="14:14">
      <c r="N879283" s="10"/>
    </row>
    <row r="879284" spans="14:14">
      <c r="N879284" s="10"/>
    </row>
    <row r="879285" spans="14:14">
      <c r="N879285" s="10"/>
    </row>
    <row r="879286" spans="14:14">
      <c r="N879286" s="10"/>
    </row>
    <row r="879287" spans="14:14">
      <c r="N879287" s="10"/>
    </row>
    <row r="879288" spans="14:14">
      <c r="N879288" s="10"/>
    </row>
    <row r="879289" spans="14:14">
      <c r="N879289" s="10"/>
    </row>
    <row r="879290" spans="14:14">
      <c r="N879290" s="10"/>
    </row>
    <row r="879291" spans="14:14">
      <c r="N879291" s="10"/>
    </row>
    <row r="879292" spans="14:14">
      <c r="N879292" s="10"/>
    </row>
    <row r="879293" spans="14:14">
      <c r="N879293" s="10"/>
    </row>
    <row r="879294" spans="14:14">
      <c r="N879294" s="10"/>
    </row>
    <row r="879295" spans="14:14">
      <c r="N879295" s="10"/>
    </row>
    <row r="879296" spans="14:14">
      <c r="N879296" s="10"/>
    </row>
    <row r="879297" spans="14:14">
      <c r="N879297" s="10"/>
    </row>
    <row r="879298" spans="14:14">
      <c r="N879298" s="10"/>
    </row>
    <row r="879299" spans="14:14">
      <c r="N879299" s="10"/>
    </row>
    <row r="879300" spans="14:14">
      <c r="N879300" s="10"/>
    </row>
    <row r="879301" spans="14:14">
      <c r="N879301" s="10"/>
    </row>
    <row r="879302" spans="14:14">
      <c r="N879302" s="10"/>
    </row>
    <row r="879303" spans="14:14">
      <c r="N879303" s="10"/>
    </row>
    <row r="879304" spans="14:14">
      <c r="N879304" s="10"/>
    </row>
    <row r="879305" spans="14:14">
      <c r="N879305" s="10"/>
    </row>
    <row r="879306" spans="14:14">
      <c r="N879306" s="10"/>
    </row>
    <row r="879307" spans="14:14">
      <c r="N879307" s="10"/>
    </row>
    <row r="879308" spans="14:14">
      <c r="N879308" s="10"/>
    </row>
    <row r="879309" spans="14:14">
      <c r="N879309" s="10"/>
    </row>
    <row r="879310" spans="14:14">
      <c r="N879310" s="10"/>
    </row>
    <row r="879311" spans="14:14">
      <c r="N879311" s="10"/>
    </row>
    <row r="879312" spans="14:14">
      <c r="N879312" s="10"/>
    </row>
    <row r="879313" spans="14:14">
      <c r="N879313" s="10"/>
    </row>
    <row r="879314" spans="14:14">
      <c r="N879314" s="10"/>
    </row>
    <row r="879315" spans="14:14">
      <c r="N879315" s="10"/>
    </row>
    <row r="879316" spans="14:14">
      <c r="N879316" s="10"/>
    </row>
    <row r="879317" spans="14:14">
      <c r="N879317" s="10"/>
    </row>
    <row r="879318" spans="14:14">
      <c r="N879318" s="10"/>
    </row>
    <row r="879319" spans="14:14">
      <c r="N879319" s="10"/>
    </row>
    <row r="879320" spans="14:14">
      <c r="N879320" s="10"/>
    </row>
    <row r="879321" spans="14:14">
      <c r="N879321" s="10"/>
    </row>
    <row r="879322" spans="14:14">
      <c r="N879322" s="10"/>
    </row>
    <row r="879323" spans="14:14">
      <c r="N879323" s="10"/>
    </row>
    <row r="879324" spans="14:14">
      <c r="N879324" s="10"/>
    </row>
    <row r="879325" spans="14:14">
      <c r="N879325" s="10"/>
    </row>
    <row r="879326" spans="14:14">
      <c r="N879326" s="10"/>
    </row>
    <row r="879327" spans="14:14">
      <c r="N879327" s="10"/>
    </row>
    <row r="879328" spans="14:14">
      <c r="N879328" s="10"/>
    </row>
    <row r="879329" spans="14:14">
      <c r="N879329" s="10"/>
    </row>
    <row r="879330" spans="14:14">
      <c r="N879330" s="10"/>
    </row>
    <row r="879331" spans="14:14">
      <c r="N879331" s="10"/>
    </row>
    <row r="879332" spans="14:14">
      <c r="N879332" s="10"/>
    </row>
    <row r="879333" spans="14:14">
      <c r="N879333" s="10"/>
    </row>
    <row r="879334" spans="14:14">
      <c r="N879334" s="10"/>
    </row>
    <row r="879335" spans="14:14">
      <c r="N879335" s="10"/>
    </row>
    <row r="879336" spans="14:14">
      <c r="N879336" s="10"/>
    </row>
    <row r="879337" spans="14:14">
      <c r="N879337" s="10"/>
    </row>
    <row r="879338" spans="14:14">
      <c r="N879338" s="10"/>
    </row>
    <row r="879339" spans="14:14">
      <c r="N879339" s="10"/>
    </row>
    <row r="879340" spans="14:14">
      <c r="N879340" s="10"/>
    </row>
    <row r="879341" spans="14:14">
      <c r="N879341" s="10"/>
    </row>
    <row r="879342" spans="14:14">
      <c r="N879342" s="10"/>
    </row>
    <row r="879343" spans="14:14">
      <c r="N879343" s="10"/>
    </row>
    <row r="879344" spans="14:14">
      <c r="N879344" s="10"/>
    </row>
    <row r="879345" spans="14:14">
      <c r="N879345" s="10"/>
    </row>
    <row r="879346" spans="14:14">
      <c r="N879346" s="10"/>
    </row>
    <row r="879347" spans="14:14">
      <c r="N879347" s="10"/>
    </row>
    <row r="879348" spans="14:14">
      <c r="N879348" s="10"/>
    </row>
    <row r="879349" spans="14:14">
      <c r="N879349" s="10"/>
    </row>
    <row r="879350" spans="14:14">
      <c r="N879350" s="10"/>
    </row>
    <row r="879351" spans="14:14">
      <c r="N879351" s="10"/>
    </row>
    <row r="879352" spans="14:14">
      <c r="N879352" s="10"/>
    </row>
    <row r="879353" spans="14:14">
      <c r="N879353" s="10"/>
    </row>
    <row r="879354" spans="14:14">
      <c r="N879354" s="10"/>
    </row>
    <row r="879355" spans="14:14">
      <c r="N879355" s="10"/>
    </row>
    <row r="879356" spans="14:14">
      <c r="N879356" s="10"/>
    </row>
    <row r="879357" spans="14:14">
      <c r="N879357" s="10"/>
    </row>
    <row r="879358" spans="14:14">
      <c r="N879358" s="10"/>
    </row>
    <row r="879359" spans="14:14">
      <c r="N879359" s="10"/>
    </row>
    <row r="879360" spans="14:14">
      <c r="N879360" s="10"/>
    </row>
    <row r="879361" spans="14:14">
      <c r="N879361" s="10"/>
    </row>
    <row r="879362" spans="14:14">
      <c r="N879362" s="10"/>
    </row>
    <row r="879363" spans="14:14">
      <c r="N879363" s="10"/>
    </row>
    <row r="879364" spans="14:14">
      <c r="N879364" s="10"/>
    </row>
    <row r="879365" spans="14:14">
      <c r="N879365" s="10"/>
    </row>
    <row r="879366" spans="14:14">
      <c r="N879366" s="10"/>
    </row>
    <row r="879367" spans="14:14">
      <c r="N879367" s="10"/>
    </row>
    <row r="879368" spans="14:14">
      <c r="N879368" s="10"/>
    </row>
    <row r="879369" spans="14:14">
      <c r="N879369" s="10"/>
    </row>
    <row r="879370" spans="14:14">
      <c r="N879370" s="10"/>
    </row>
    <row r="879371" spans="14:14">
      <c r="N879371" s="10"/>
    </row>
    <row r="879372" spans="14:14">
      <c r="N879372" s="10"/>
    </row>
    <row r="879373" spans="14:14">
      <c r="N879373" s="10"/>
    </row>
    <row r="879374" spans="14:14">
      <c r="N879374" s="10"/>
    </row>
    <row r="879375" spans="14:14">
      <c r="N879375" s="10"/>
    </row>
    <row r="879376" spans="14:14">
      <c r="N879376" s="10"/>
    </row>
    <row r="879377" spans="14:14">
      <c r="N879377" s="10"/>
    </row>
    <row r="879378" spans="14:14">
      <c r="N879378" s="10"/>
    </row>
    <row r="879379" spans="14:14">
      <c r="N879379" s="10"/>
    </row>
    <row r="879380" spans="14:14">
      <c r="N879380" s="10"/>
    </row>
    <row r="879381" spans="14:14">
      <c r="N879381" s="10"/>
    </row>
    <row r="879382" spans="14:14">
      <c r="N879382" s="10"/>
    </row>
    <row r="879383" spans="14:14">
      <c r="N879383" s="10"/>
    </row>
    <row r="879384" spans="14:14">
      <c r="N879384" s="10"/>
    </row>
    <row r="879385" spans="14:14">
      <c r="N879385" s="10"/>
    </row>
    <row r="879386" spans="14:14">
      <c r="N879386" s="10"/>
    </row>
    <row r="879387" spans="14:14">
      <c r="N879387" s="10"/>
    </row>
    <row r="879388" spans="14:14">
      <c r="N879388" s="10"/>
    </row>
    <row r="879389" spans="14:14">
      <c r="N879389" s="10"/>
    </row>
    <row r="879390" spans="14:14">
      <c r="N879390" s="10"/>
    </row>
    <row r="879391" spans="14:14">
      <c r="N879391" s="10"/>
    </row>
    <row r="879392" spans="14:14">
      <c r="N879392" s="10"/>
    </row>
    <row r="879393" spans="14:14">
      <c r="N879393" s="10"/>
    </row>
    <row r="879394" spans="14:14">
      <c r="N879394" s="10"/>
    </row>
    <row r="879395" spans="14:14">
      <c r="N879395" s="10"/>
    </row>
    <row r="879396" spans="14:14">
      <c r="N879396" s="10"/>
    </row>
    <row r="879397" spans="14:14">
      <c r="N879397" s="10"/>
    </row>
    <row r="879398" spans="14:14">
      <c r="N879398" s="10"/>
    </row>
    <row r="879399" spans="14:14">
      <c r="N879399" s="10"/>
    </row>
    <row r="879400" spans="14:14">
      <c r="N879400" s="10"/>
    </row>
    <row r="879401" spans="14:14">
      <c r="N879401" s="10"/>
    </row>
    <row r="879402" spans="14:14">
      <c r="N879402" s="10"/>
    </row>
    <row r="879403" spans="14:14">
      <c r="N879403" s="10"/>
    </row>
    <row r="879404" spans="14:14">
      <c r="N879404" s="10"/>
    </row>
    <row r="879405" spans="14:14">
      <c r="N879405" s="10"/>
    </row>
    <row r="879406" spans="14:14">
      <c r="N879406" s="10"/>
    </row>
    <row r="879407" spans="14:14">
      <c r="N879407" s="10"/>
    </row>
    <row r="879408" spans="14:14">
      <c r="N879408" s="10"/>
    </row>
    <row r="879409" spans="14:14">
      <c r="N879409" s="10"/>
    </row>
    <row r="879410" spans="14:14">
      <c r="N879410" s="10"/>
    </row>
    <row r="879411" spans="14:14">
      <c r="N879411" s="10"/>
    </row>
    <row r="879412" spans="14:14">
      <c r="N879412" s="10"/>
    </row>
    <row r="879413" spans="14:14">
      <c r="N879413" s="10"/>
    </row>
    <row r="879414" spans="14:14">
      <c r="N879414" s="10"/>
    </row>
    <row r="879415" spans="14:14">
      <c r="N879415" s="10"/>
    </row>
    <row r="879416" spans="14:14">
      <c r="N879416" s="10"/>
    </row>
    <row r="879417" spans="14:14">
      <c r="N879417" s="10"/>
    </row>
    <row r="879418" spans="14:14">
      <c r="N879418" s="10"/>
    </row>
    <row r="879419" spans="14:14">
      <c r="N879419" s="10"/>
    </row>
    <row r="879420" spans="14:14">
      <c r="N879420" s="10"/>
    </row>
    <row r="879421" spans="14:14">
      <c r="N879421" s="10"/>
    </row>
    <row r="879422" spans="14:14">
      <c r="N879422" s="10"/>
    </row>
    <row r="879423" spans="14:14">
      <c r="N879423" s="10"/>
    </row>
    <row r="879424" spans="14:14">
      <c r="N879424" s="10"/>
    </row>
    <row r="879425" spans="14:14">
      <c r="N879425" s="10"/>
    </row>
    <row r="879426" spans="14:14">
      <c r="N879426" s="10"/>
    </row>
    <row r="879427" spans="14:14">
      <c r="N879427" s="10"/>
    </row>
    <row r="879428" spans="14:14">
      <c r="N879428" s="10"/>
    </row>
    <row r="879429" spans="14:14">
      <c r="N879429" s="10"/>
    </row>
    <row r="879430" spans="14:14">
      <c r="N879430" s="10"/>
    </row>
    <row r="879431" spans="14:14">
      <c r="N879431" s="10"/>
    </row>
    <row r="879432" spans="14:14">
      <c r="N879432" s="10"/>
    </row>
    <row r="879433" spans="14:14">
      <c r="N879433" s="10"/>
    </row>
    <row r="879434" spans="14:14">
      <c r="N879434" s="10"/>
    </row>
    <row r="879435" spans="14:14">
      <c r="N879435" s="10"/>
    </row>
    <row r="879436" spans="14:14">
      <c r="N879436" s="10"/>
    </row>
    <row r="879437" spans="14:14">
      <c r="N879437" s="10"/>
    </row>
    <row r="879438" spans="14:14">
      <c r="N879438" s="10"/>
    </row>
    <row r="879439" spans="14:14">
      <c r="N879439" s="10"/>
    </row>
    <row r="879440" spans="14:14">
      <c r="N879440" s="10"/>
    </row>
    <row r="879441" spans="14:14">
      <c r="N879441" s="10"/>
    </row>
    <row r="879442" spans="14:14">
      <c r="N879442" s="10"/>
    </row>
    <row r="879443" spans="14:14">
      <c r="N879443" s="10"/>
    </row>
    <row r="879444" spans="14:14">
      <c r="N879444" s="10"/>
    </row>
    <row r="879445" spans="14:14">
      <c r="N879445" s="10"/>
    </row>
    <row r="879446" spans="14:14">
      <c r="N879446" s="10"/>
    </row>
    <row r="879447" spans="14:14">
      <c r="N879447" s="10"/>
    </row>
    <row r="879448" spans="14:14">
      <c r="N879448" s="10"/>
    </row>
    <row r="879449" spans="14:14">
      <c r="N879449" s="10"/>
    </row>
    <row r="879450" spans="14:14">
      <c r="N879450" s="10"/>
    </row>
    <row r="879451" spans="14:14">
      <c r="N879451" s="10"/>
    </row>
    <row r="879452" spans="14:14">
      <c r="N879452" s="10"/>
    </row>
    <row r="879453" spans="14:14">
      <c r="N879453" s="10"/>
    </row>
    <row r="879454" spans="14:14">
      <c r="N879454" s="10"/>
    </row>
    <row r="879455" spans="14:14">
      <c r="N879455" s="10"/>
    </row>
    <row r="879456" spans="14:14">
      <c r="N879456" s="10"/>
    </row>
    <row r="879457" spans="14:14">
      <c r="N879457" s="10"/>
    </row>
    <row r="879458" spans="14:14">
      <c r="N879458" s="10"/>
    </row>
    <row r="879459" spans="14:14">
      <c r="N879459" s="10"/>
    </row>
    <row r="879460" spans="14:14">
      <c r="N879460" s="10"/>
    </row>
    <row r="879461" spans="14:14">
      <c r="N879461" s="10"/>
    </row>
    <row r="879462" spans="14:14">
      <c r="N879462" s="10"/>
    </row>
    <row r="879463" spans="14:14">
      <c r="N879463" s="10"/>
    </row>
    <row r="879464" spans="14:14">
      <c r="N879464" s="10"/>
    </row>
    <row r="879465" spans="14:14">
      <c r="N879465" s="10"/>
    </row>
    <row r="879466" spans="14:14">
      <c r="N879466" s="10"/>
    </row>
    <row r="879467" spans="14:14">
      <c r="N879467" s="10"/>
    </row>
    <row r="879468" spans="14:14">
      <c r="N879468" s="10"/>
    </row>
    <row r="879469" spans="14:14">
      <c r="N879469" s="10"/>
    </row>
    <row r="879470" spans="14:14">
      <c r="N879470" s="10"/>
    </row>
    <row r="879471" spans="14:14">
      <c r="N879471" s="10"/>
    </row>
    <row r="879472" spans="14:14">
      <c r="N879472" s="10"/>
    </row>
    <row r="879473" spans="14:14">
      <c r="N879473" s="10"/>
    </row>
    <row r="879474" spans="14:14">
      <c r="N879474" s="10"/>
    </row>
    <row r="879475" spans="14:14">
      <c r="N879475" s="10"/>
    </row>
    <row r="879476" spans="14:14">
      <c r="N879476" s="10"/>
    </row>
    <row r="879477" spans="14:14">
      <c r="N879477" s="10"/>
    </row>
    <row r="879478" spans="14:14">
      <c r="N879478" s="10"/>
    </row>
    <row r="879479" spans="14:14">
      <c r="N879479" s="10"/>
    </row>
    <row r="879480" spans="14:14">
      <c r="N879480" s="10"/>
    </row>
    <row r="879481" spans="14:14">
      <c r="N879481" s="10"/>
    </row>
    <row r="879482" spans="14:14">
      <c r="N879482" s="10"/>
    </row>
    <row r="879483" spans="14:14">
      <c r="N879483" s="10"/>
    </row>
    <row r="879484" spans="14:14">
      <c r="N879484" s="10"/>
    </row>
    <row r="879485" spans="14:14">
      <c r="N879485" s="10"/>
    </row>
    <row r="879486" spans="14:14">
      <c r="N879486" s="10"/>
    </row>
    <row r="879487" spans="14:14">
      <c r="N879487" s="10"/>
    </row>
    <row r="879488" spans="14:14">
      <c r="N879488" s="10"/>
    </row>
    <row r="879489" spans="14:14">
      <c r="N879489" s="10"/>
    </row>
    <row r="879490" spans="14:14">
      <c r="N879490" s="10"/>
    </row>
    <row r="879491" spans="14:14">
      <c r="N879491" s="10"/>
    </row>
    <row r="879492" spans="14:14">
      <c r="N879492" s="10"/>
    </row>
    <row r="879493" spans="14:14">
      <c r="N879493" s="10"/>
    </row>
    <row r="879494" spans="14:14">
      <c r="N879494" s="10"/>
    </row>
    <row r="879495" spans="14:14">
      <c r="N879495" s="10"/>
    </row>
    <row r="879496" spans="14:14">
      <c r="N879496" s="10"/>
    </row>
    <row r="879497" spans="14:14">
      <c r="N879497" s="10"/>
    </row>
    <row r="879498" spans="14:14">
      <c r="N879498" s="10"/>
    </row>
    <row r="879499" spans="14:14">
      <c r="N879499" s="10"/>
    </row>
    <row r="879500" spans="14:14">
      <c r="N879500" s="10"/>
    </row>
    <row r="879501" spans="14:14">
      <c r="N879501" s="10"/>
    </row>
    <row r="879502" spans="14:14">
      <c r="N879502" s="10"/>
    </row>
    <row r="879503" spans="14:14">
      <c r="N879503" s="10"/>
    </row>
    <row r="879504" spans="14:14">
      <c r="N879504" s="10"/>
    </row>
    <row r="879505" spans="14:14">
      <c r="N879505" s="10"/>
    </row>
    <row r="879506" spans="14:14">
      <c r="N879506" s="10"/>
    </row>
    <row r="879507" spans="14:14">
      <c r="N879507" s="10"/>
    </row>
    <row r="879508" spans="14:14">
      <c r="N879508" s="10"/>
    </row>
    <row r="879509" spans="14:14">
      <c r="N879509" s="10"/>
    </row>
    <row r="879510" spans="14:14">
      <c r="N879510" s="10"/>
    </row>
    <row r="879511" spans="14:14">
      <c r="N879511" s="10"/>
    </row>
    <row r="879512" spans="14:14">
      <c r="N879512" s="10"/>
    </row>
    <row r="879513" spans="14:14">
      <c r="N879513" s="10"/>
    </row>
    <row r="879514" spans="14:14">
      <c r="N879514" s="10"/>
    </row>
    <row r="879515" spans="14:14">
      <c r="N879515" s="10"/>
    </row>
    <row r="879516" spans="14:14">
      <c r="N879516" s="10"/>
    </row>
    <row r="879517" spans="14:14">
      <c r="N879517" s="10"/>
    </row>
    <row r="879518" spans="14:14">
      <c r="N879518" s="10"/>
    </row>
    <row r="879519" spans="14:14">
      <c r="N879519" s="10"/>
    </row>
    <row r="879520" spans="14:14">
      <c r="N879520" s="10"/>
    </row>
    <row r="879521" spans="14:14">
      <c r="N879521" s="10"/>
    </row>
    <row r="879522" spans="14:14">
      <c r="N879522" s="10"/>
    </row>
    <row r="879523" spans="14:14">
      <c r="N879523" s="10"/>
    </row>
    <row r="879524" spans="14:14">
      <c r="N879524" s="10"/>
    </row>
    <row r="879525" spans="14:14">
      <c r="N879525" s="10"/>
    </row>
    <row r="879526" spans="14:14">
      <c r="N879526" s="10"/>
    </row>
    <row r="879527" spans="14:14">
      <c r="N879527" s="10"/>
    </row>
    <row r="879528" spans="14:14">
      <c r="N879528" s="10"/>
    </row>
    <row r="879529" spans="14:14">
      <c r="N879529" s="10"/>
    </row>
    <row r="879530" spans="14:14">
      <c r="N879530" s="10"/>
    </row>
    <row r="879531" spans="14:14">
      <c r="N879531" s="10"/>
    </row>
    <row r="879532" spans="14:14">
      <c r="N879532" s="10"/>
    </row>
    <row r="879533" spans="14:14">
      <c r="N879533" s="10"/>
    </row>
    <row r="879534" spans="14:14">
      <c r="N879534" s="10"/>
    </row>
    <row r="879535" spans="14:14">
      <c r="N879535" s="10"/>
    </row>
    <row r="879536" spans="14:14">
      <c r="N879536" s="10"/>
    </row>
    <row r="879537" spans="14:14">
      <c r="N879537" s="10"/>
    </row>
    <row r="879538" spans="14:14">
      <c r="N879538" s="10"/>
    </row>
    <row r="879539" spans="14:14">
      <c r="N879539" s="10"/>
    </row>
    <row r="879540" spans="14:14">
      <c r="N879540" s="10"/>
    </row>
    <row r="879541" spans="14:14">
      <c r="N879541" s="10"/>
    </row>
    <row r="879542" spans="14:14">
      <c r="N879542" s="10"/>
    </row>
    <row r="879543" spans="14:14">
      <c r="N879543" s="10"/>
    </row>
    <row r="879544" spans="14:14">
      <c r="N879544" s="10"/>
    </row>
    <row r="879545" spans="14:14">
      <c r="N879545" s="10"/>
    </row>
    <row r="879546" spans="14:14">
      <c r="N879546" s="10"/>
    </row>
    <row r="879547" spans="14:14">
      <c r="N879547" s="10"/>
    </row>
    <row r="879548" spans="14:14">
      <c r="N879548" s="10"/>
    </row>
    <row r="879549" spans="14:14">
      <c r="N879549" s="10"/>
    </row>
    <row r="879550" spans="14:14">
      <c r="N879550" s="10"/>
    </row>
    <row r="879551" spans="14:14">
      <c r="N879551" s="10"/>
    </row>
    <row r="879552" spans="14:14">
      <c r="N879552" s="10"/>
    </row>
    <row r="879553" spans="14:14">
      <c r="N879553" s="10"/>
    </row>
    <row r="879554" spans="14:14">
      <c r="N879554" s="10"/>
    </row>
    <row r="879555" spans="14:14">
      <c r="N879555" s="10"/>
    </row>
    <row r="879556" spans="14:14">
      <c r="N879556" s="10"/>
    </row>
    <row r="879557" spans="14:14">
      <c r="N879557" s="10"/>
    </row>
    <row r="879558" spans="14:14">
      <c r="N879558" s="10"/>
    </row>
    <row r="879559" spans="14:14">
      <c r="N879559" s="10"/>
    </row>
    <row r="879560" spans="14:14">
      <c r="N879560" s="10"/>
    </row>
    <row r="879561" spans="14:14">
      <c r="N879561" s="10"/>
    </row>
    <row r="879562" spans="14:14">
      <c r="N879562" s="10"/>
    </row>
    <row r="879563" spans="14:14">
      <c r="N879563" s="10"/>
    </row>
    <row r="879564" spans="14:14">
      <c r="N879564" s="10"/>
    </row>
    <row r="879565" spans="14:14">
      <c r="N879565" s="10"/>
    </row>
    <row r="879566" spans="14:14">
      <c r="N879566" s="10"/>
    </row>
    <row r="879567" spans="14:14">
      <c r="N879567" s="10"/>
    </row>
    <row r="879568" spans="14:14">
      <c r="N879568" s="10"/>
    </row>
    <row r="879569" spans="14:14">
      <c r="N879569" s="10"/>
    </row>
    <row r="879570" spans="14:14">
      <c r="N879570" s="10"/>
    </row>
    <row r="879571" spans="14:14">
      <c r="N879571" s="10"/>
    </row>
    <row r="879572" spans="14:14">
      <c r="N879572" s="10"/>
    </row>
    <row r="879573" spans="14:14">
      <c r="N879573" s="10"/>
    </row>
    <row r="879574" spans="14:14">
      <c r="N879574" s="10"/>
    </row>
    <row r="879575" spans="14:14">
      <c r="N879575" s="10"/>
    </row>
    <row r="879576" spans="14:14">
      <c r="N879576" s="10"/>
    </row>
    <row r="879577" spans="14:14">
      <c r="N879577" s="10"/>
    </row>
    <row r="879578" spans="14:14">
      <c r="N879578" s="10"/>
    </row>
    <row r="879579" spans="14:14">
      <c r="N879579" s="10"/>
    </row>
    <row r="879580" spans="14:14">
      <c r="N879580" s="10"/>
    </row>
    <row r="879581" spans="14:14">
      <c r="N879581" s="10"/>
    </row>
    <row r="879582" spans="14:14">
      <c r="N879582" s="10"/>
    </row>
    <row r="879583" spans="14:14">
      <c r="N879583" s="10"/>
    </row>
    <row r="879584" spans="14:14">
      <c r="N879584" s="10"/>
    </row>
    <row r="879585" spans="14:14">
      <c r="N879585" s="10"/>
    </row>
    <row r="879586" spans="14:14">
      <c r="N879586" s="10"/>
    </row>
    <row r="879587" spans="14:14">
      <c r="N879587" s="10"/>
    </row>
    <row r="879588" spans="14:14">
      <c r="N879588" s="10"/>
    </row>
    <row r="879589" spans="14:14">
      <c r="N879589" s="10"/>
    </row>
    <row r="879590" spans="14:14">
      <c r="N879590" s="10"/>
    </row>
    <row r="879591" spans="14:14">
      <c r="N879591" s="10"/>
    </row>
    <row r="879592" spans="14:14">
      <c r="N879592" s="10"/>
    </row>
    <row r="879593" spans="14:14">
      <c r="N879593" s="10"/>
    </row>
    <row r="879594" spans="14:14">
      <c r="N879594" s="10"/>
    </row>
    <row r="879595" spans="14:14">
      <c r="N879595" s="10"/>
    </row>
    <row r="879596" spans="14:14">
      <c r="N879596" s="10"/>
    </row>
    <row r="879597" spans="14:14">
      <c r="N879597" s="10"/>
    </row>
    <row r="879598" spans="14:14">
      <c r="N879598" s="10"/>
    </row>
    <row r="879599" spans="14:14">
      <c r="N879599" s="10"/>
    </row>
    <row r="879600" spans="14:14">
      <c r="N879600" s="10"/>
    </row>
    <row r="879601" spans="14:14">
      <c r="N879601" s="10"/>
    </row>
    <row r="879602" spans="14:14">
      <c r="N879602" s="10"/>
    </row>
    <row r="879603" spans="14:14">
      <c r="N879603" s="10"/>
    </row>
    <row r="879604" spans="14:14">
      <c r="N879604" s="10"/>
    </row>
    <row r="879605" spans="14:14">
      <c r="N879605" s="10"/>
    </row>
    <row r="879606" spans="14:14">
      <c r="N879606" s="10"/>
    </row>
    <row r="879607" spans="14:14">
      <c r="N879607" s="10"/>
    </row>
    <row r="879608" spans="14:14">
      <c r="N879608" s="10"/>
    </row>
    <row r="879609" spans="14:14">
      <c r="N879609" s="10"/>
    </row>
    <row r="879610" spans="14:14">
      <c r="N879610" s="10"/>
    </row>
    <row r="879611" spans="14:14">
      <c r="N879611" s="10"/>
    </row>
    <row r="879612" spans="14:14">
      <c r="N879612" s="10"/>
    </row>
    <row r="879613" spans="14:14">
      <c r="N879613" s="10"/>
    </row>
    <row r="879614" spans="14:14">
      <c r="N879614" s="10"/>
    </row>
    <row r="879615" spans="14:14">
      <c r="N879615" s="10"/>
    </row>
    <row r="879616" spans="14:14">
      <c r="N879616" s="10"/>
    </row>
    <row r="879617" spans="14:14">
      <c r="N879617" s="10"/>
    </row>
    <row r="879618" spans="14:14">
      <c r="N879618" s="10"/>
    </row>
    <row r="879619" spans="14:14">
      <c r="N879619" s="10"/>
    </row>
    <row r="879620" spans="14:14">
      <c r="N879620" s="10"/>
    </row>
    <row r="879621" spans="14:14">
      <c r="N879621" s="10"/>
    </row>
    <row r="879622" spans="14:14">
      <c r="N879622" s="10"/>
    </row>
    <row r="879623" spans="14:14">
      <c r="N879623" s="10"/>
    </row>
    <row r="879624" spans="14:14">
      <c r="N879624" s="10"/>
    </row>
    <row r="879625" spans="14:14">
      <c r="N879625" s="10"/>
    </row>
    <row r="879626" spans="14:14">
      <c r="N879626" s="10"/>
    </row>
    <row r="879627" spans="14:14">
      <c r="N879627" s="10"/>
    </row>
    <row r="879628" spans="14:14">
      <c r="N879628" s="10"/>
    </row>
    <row r="879629" spans="14:14">
      <c r="N879629" s="10"/>
    </row>
    <row r="879630" spans="14:14">
      <c r="N879630" s="10"/>
    </row>
    <row r="879631" spans="14:14">
      <c r="N879631" s="10"/>
    </row>
    <row r="879632" spans="14:14">
      <c r="N879632" s="10"/>
    </row>
    <row r="879633" spans="14:14">
      <c r="N879633" s="10"/>
    </row>
    <row r="879634" spans="14:14">
      <c r="N879634" s="10"/>
    </row>
    <row r="879635" spans="14:14">
      <c r="N879635" s="10"/>
    </row>
    <row r="879636" spans="14:14">
      <c r="N879636" s="10"/>
    </row>
    <row r="879637" spans="14:14">
      <c r="N879637" s="10"/>
    </row>
    <row r="879638" spans="14:14">
      <c r="N879638" s="10"/>
    </row>
    <row r="879639" spans="14:14">
      <c r="N879639" s="10"/>
    </row>
    <row r="879640" spans="14:14">
      <c r="N879640" s="10"/>
    </row>
    <row r="879641" spans="14:14">
      <c r="N879641" s="10"/>
    </row>
    <row r="879642" spans="14:14">
      <c r="N879642" s="10"/>
    </row>
    <row r="879643" spans="14:14">
      <c r="N879643" s="10"/>
    </row>
    <row r="879644" spans="14:14">
      <c r="N879644" s="10"/>
    </row>
    <row r="879645" spans="14:14">
      <c r="N879645" s="10"/>
    </row>
    <row r="879646" spans="14:14">
      <c r="N879646" s="10"/>
    </row>
    <row r="879647" spans="14:14">
      <c r="N879647" s="10"/>
    </row>
    <row r="879648" spans="14:14">
      <c r="N879648" s="10"/>
    </row>
    <row r="879649" spans="14:14">
      <c r="N879649" s="10"/>
    </row>
    <row r="879650" spans="14:14">
      <c r="N879650" s="10"/>
    </row>
    <row r="879651" spans="14:14">
      <c r="N879651" s="10"/>
    </row>
    <row r="879652" spans="14:14">
      <c r="N879652" s="10"/>
    </row>
    <row r="879653" spans="14:14">
      <c r="N879653" s="10"/>
    </row>
    <row r="879654" spans="14:14">
      <c r="N879654" s="10"/>
    </row>
    <row r="879655" spans="14:14">
      <c r="N879655" s="10"/>
    </row>
    <row r="879656" spans="14:14">
      <c r="N879656" s="10"/>
    </row>
    <row r="879657" spans="14:14">
      <c r="N879657" s="10"/>
    </row>
    <row r="879658" spans="14:14">
      <c r="N879658" s="10"/>
    </row>
    <row r="879659" spans="14:14">
      <c r="N879659" s="10"/>
    </row>
    <row r="879660" spans="14:14">
      <c r="N879660" s="10"/>
    </row>
    <row r="879661" spans="14:14">
      <c r="N879661" s="10"/>
    </row>
    <row r="879662" spans="14:14">
      <c r="N879662" s="10"/>
    </row>
    <row r="879663" spans="14:14">
      <c r="N879663" s="10"/>
    </row>
    <row r="879664" spans="14:14">
      <c r="N879664" s="10"/>
    </row>
    <row r="879665" spans="14:14">
      <c r="N879665" s="10"/>
    </row>
    <row r="879666" spans="14:14">
      <c r="N879666" s="10"/>
    </row>
    <row r="879667" spans="14:14">
      <c r="N879667" s="10"/>
    </row>
    <row r="879668" spans="14:14">
      <c r="N879668" s="10"/>
    </row>
    <row r="879669" spans="14:14">
      <c r="N879669" s="10"/>
    </row>
    <row r="879670" spans="14:14">
      <c r="N879670" s="10"/>
    </row>
    <row r="879671" spans="14:14">
      <c r="N879671" s="10"/>
    </row>
    <row r="879672" spans="14:14">
      <c r="N879672" s="10"/>
    </row>
    <row r="879673" spans="14:14">
      <c r="N879673" s="10"/>
    </row>
    <row r="879674" spans="14:14">
      <c r="N879674" s="10"/>
    </row>
    <row r="879675" spans="14:14">
      <c r="N879675" s="10"/>
    </row>
    <row r="879676" spans="14:14">
      <c r="N879676" s="10"/>
    </row>
    <row r="879677" spans="14:14">
      <c r="N879677" s="10"/>
    </row>
    <row r="879678" spans="14:14">
      <c r="N879678" s="10"/>
    </row>
    <row r="879679" spans="14:14">
      <c r="N879679" s="10"/>
    </row>
    <row r="879680" spans="14:14">
      <c r="N879680" s="10"/>
    </row>
    <row r="879681" spans="14:14">
      <c r="N879681" s="10"/>
    </row>
    <row r="879682" spans="14:14">
      <c r="N879682" s="10"/>
    </row>
    <row r="879683" spans="14:14">
      <c r="N879683" s="10"/>
    </row>
    <row r="879684" spans="14:14">
      <c r="N879684" s="10"/>
    </row>
    <row r="879685" spans="14:14">
      <c r="N879685" s="10"/>
    </row>
    <row r="879686" spans="14:14">
      <c r="N879686" s="10"/>
    </row>
    <row r="879687" spans="14:14">
      <c r="N879687" s="10"/>
    </row>
    <row r="879688" spans="14:14">
      <c r="N879688" s="10"/>
    </row>
    <row r="879689" spans="14:14">
      <c r="N879689" s="10"/>
    </row>
    <row r="879690" spans="14:14">
      <c r="N879690" s="10"/>
    </row>
    <row r="879691" spans="14:14">
      <c r="N879691" s="10"/>
    </row>
    <row r="879692" spans="14:14">
      <c r="N879692" s="10"/>
    </row>
    <row r="879693" spans="14:14">
      <c r="N879693" s="10"/>
    </row>
    <row r="879694" spans="14:14">
      <c r="N879694" s="10"/>
    </row>
    <row r="879695" spans="14:14">
      <c r="N879695" s="10"/>
    </row>
    <row r="879696" spans="14:14">
      <c r="N879696" s="10"/>
    </row>
    <row r="879697" spans="14:14">
      <c r="N879697" s="10"/>
    </row>
    <row r="879698" spans="14:14">
      <c r="N879698" s="10"/>
    </row>
    <row r="879699" spans="14:14">
      <c r="N879699" s="10"/>
    </row>
    <row r="879700" spans="14:14">
      <c r="N879700" s="10"/>
    </row>
    <row r="879701" spans="14:14">
      <c r="N879701" s="10"/>
    </row>
    <row r="879702" spans="14:14">
      <c r="N879702" s="10"/>
    </row>
    <row r="879703" spans="14:14">
      <c r="N879703" s="10"/>
    </row>
    <row r="879704" spans="14:14">
      <c r="N879704" s="10"/>
    </row>
    <row r="879705" spans="14:14">
      <c r="N879705" s="10"/>
    </row>
    <row r="879706" spans="14:14">
      <c r="N879706" s="10"/>
    </row>
    <row r="879707" spans="14:14">
      <c r="N879707" s="10"/>
    </row>
    <row r="879708" spans="14:14">
      <c r="N879708" s="10"/>
    </row>
    <row r="879709" spans="14:14">
      <c r="N879709" s="10"/>
    </row>
    <row r="879710" spans="14:14">
      <c r="N879710" s="10"/>
    </row>
    <row r="879711" spans="14:14">
      <c r="N879711" s="10"/>
    </row>
    <row r="879712" spans="14:14">
      <c r="N879712" s="10"/>
    </row>
    <row r="879713" spans="14:14">
      <c r="N879713" s="10"/>
    </row>
    <row r="879714" spans="14:14">
      <c r="N879714" s="10"/>
    </row>
    <row r="879715" spans="14:14">
      <c r="N879715" s="10"/>
    </row>
    <row r="879716" spans="14:14">
      <c r="N879716" s="10"/>
    </row>
    <row r="879717" spans="14:14">
      <c r="N879717" s="10"/>
    </row>
    <row r="879718" spans="14:14">
      <c r="N879718" s="10"/>
    </row>
    <row r="879719" spans="14:14">
      <c r="N879719" s="10"/>
    </row>
    <row r="879720" spans="14:14">
      <c r="N879720" s="10"/>
    </row>
    <row r="879721" spans="14:14">
      <c r="N879721" s="10"/>
    </row>
    <row r="879722" spans="14:14">
      <c r="N879722" s="10"/>
    </row>
    <row r="879723" spans="14:14">
      <c r="N879723" s="10"/>
    </row>
    <row r="879724" spans="14:14">
      <c r="N879724" s="10"/>
    </row>
    <row r="879725" spans="14:14">
      <c r="N879725" s="10"/>
    </row>
    <row r="879726" spans="14:14">
      <c r="N879726" s="10"/>
    </row>
    <row r="879727" spans="14:14">
      <c r="N879727" s="10"/>
    </row>
    <row r="879728" spans="14:14">
      <c r="N879728" s="10"/>
    </row>
    <row r="879729" spans="14:14">
      <c r="N879729" s="10"/>
    </row>
    <row r="879730" spans="14:14">
      <c r="N879730" s="10"/>
    </row>
    <row r="879731" spans="14:14">
      <c r="N879731" s="10"/>
    </row>
    <row r="879732" spans="14:14">
      <c r="N879732" s="10"/>
    </row>
    <row r="879733" spans="14:14">
      <c r="N879733" s="10"/>
    </row>
    <row r="879734" spans="14:14">
      <c r="N879734" s="10"/>
    </row>
    <row r="879735" spans="14:14">
      <c r="N879735" s="10"/>
    </row>
    <row r="879736" spans="14:14">
      <c r="N879736" s="10"/>
    </row>
    <row r="879737" spans="14:14">
      <c r="N879737" s="10"/>
    </row>
    <row r="879738" spans="14:14">
      <c r="N879738" s="10"/>
    </row>
    <row r="879739" spans="14:14">
      <c r="N879739" s="10"/>
    </row>
    <row r="879740" spans="14:14">
      <c r="N879740" s="10"/>
    </row>
    <row r="879741" spans="14:14">
      <c r="N879741" s="10"/>
    </row>
    <row r="879742" spans="14:14">
      <c r="N879742" s="10"/>
    </row>
    <row r="879743" spans="14:14">
      <c r="N879743" s="10"/>
    </row>
    <row r="879744" spans="14:14">
      <c r="N879744" s="10"/>
    </row>
    <row r="879745" spans="14:14">
      <c r="N879745" s="10"/>
    </row>
    <row r="879746" spans="14:14">
      <c r="N879746" s="10"/>
    </row>
    <row r="879747" spans="14:14">
      <c r="N879747" s="10"/>
    </row>
    <row r="879748" spans="14:14">
      <c r="N879748" s="10"/>
    </row>
    <row r="879749" spans="14:14">
      <c r="N879749" s="10"/>
    </row>
    <row r="879750" spans="14:14">
      <c r="N879750" s="10"/>
    </row>
    <row r="879751" spans="14:14">
      <c r="N879751" s="10"/>
    </row>
    <row r="879752" spans="14:14">
      <c r="N879752" s="10"/>
    </row>
    <row r="879753" spans="14:14">
      <c r="N879753" s="10"/>
    </row>
    <row r="879754" spans="14:14">
      <c r="N879754" s="10"/>
    </row>
    <row r="879755" spans="14:14">
      <c r="N879755" s="10"/>
    </row>
    <row r="879756" spans="14:14">
      <c r="N879756" s="10"/>
    </row>
    <row r="879757" spans="14:14">
      <c r="N879757" s="10"/>
    </row>
    <row r="879758" spans="14:14">
      <c r="N879758" s="10"/>
    </row>
    <row r="879759" spans="14:14">
      <c r="N879759" s="10"/>
    </row>
    <row r="879760" spans="14:14">
      <c r="N879760" s="10"/>
    </row>
    <row r="879761" spans="14:14">
      <c r="N879761" s="10"/>
    </row>
    <row r="879762" spans="14:14">
      <c r="N879762" s="10"/>
    </row>
    <row r="879763" spans="14:14">
      <c r="N879763" s="10"/>
    </row>
    <row r="879764" spans="14:14">
      <c r="N879764" s="10"/>
    </row>
    <row r="879765" spans="14:14">
      <c r="N879765" s="10"/>
    </row>
    <row r="879766" spans="14:14">
      <c r="N879766" s="10"/>
    </row>
    <row r="879767" spans="14:14">
      <c r="N879767" s="10"/>
    </row>
    <row r="879768" spans="14:14">
      <c r="N879768" s="10"/>
    </row>
    <row r="879769" spans="14:14">
      <c r="N879769" s="10"/>
    </row>
    <row r="879770" spans="14:14">
      <c r="N879770" s="10"/>
    </row>
    <row r="879771" spans="14:14">
      <c r="N879771" s="10"/>
    </row>
    <row r="879772" spans="14:14">
      <c r="N879772" s="10"/>
    </row>
    <row r="879773" spans="14:14">
      <c r="N879773" s="10"/>
    </row>
    <row r="879774" spans="14:14">
      <c r="N879774" s="10"/>
    </row>
    <row r="879775" spans="14:14">
      <c r="N879775" s="10"/>
    </row>
    <row r="879776" spans="14:14">
      <c r="N879776" s="10"/>
    </row>
    <row r="879777" spans="14:14">
      <c r="N879777" s="10"/>
    </row>
    <row r="879778" spans="14:14">
      <c r="N879778" s="10"/>
    </row>
    <row r="879779" spans="14:14">
      <c r="N879779" s="10"/>
    </row>
    <row r="879780" spans="14:14">
      <c r="N879780" s="10"/>
    </row>
    <row r="879781" spans="14:14">
      <c r="N879781" s="10"/>
    </row>
    <row r="879782" spans="14:14">
      <c r="N879782" s="10"/>
    </row>
    <row r="879783" spans="14:14">
      <c r="N879783" s="10"/>
    </row>
    <row r="879784" spans="14:14">
      <c r="N879784" s="10"/>
    </row>
    <row r="879785" spans="14:14">
      <c r="N879785" s="10"/>
    </row>
    <row r="879786" spans="14:14">
      <c r="N879786" s="10"/>
    </row>
    <row r="879787" spans="14:14">
      <c r="N879787" s="10"/>
    </row>
    <row r="879788" spans="14:14">
      <c r="N879788" s="10"/>
    </row>
    <row r="879789" spans="14:14">
      <c r="N879789" s="10"/>
    </row>
    <row r="879790" spans="14:14">
      <c r="N879790" s="10"/>
    </row>
    <row r="879791" spans="14:14">
      <c r="N879791" s="10"/>
    </row>
    <row r="879792" spans="14:14">
      <c r="N879792" s="10"/>
    </row>
    <row r="879793" spans="14:14">
      <c r="N879793" s="10"/>
    </row>
    <row r="879794" spans="14:14">
      <c r="N879794" s="10"/>
    </row>
    <row r="879795" spans="14:14">
      <c r="N879795" s="10"/>
    </row>
    <row r="879796" spans="14:14">
      <c r="N879796" s="10"/>
    </row>
    <row r="879797" spans="14:14">
      <c r="N879797" s="10"/>
    </row>
    <row r="879798" spans="14:14">
      <c r="N879798" s="10"/>
    </row>
    <row r="879799" spans="14:14">
      <c r="N879799" s="10"/>
    </row>
    <row r="879800" spans="14:14">
      <c r="N879800" s="10"/>
    </row>
    <row r="879801" spans="14:14">
      <c r="N879801" s="10"/>
    </row>
    <row r="879802" spans="14:14">
      <c r="N879802" s="10"/>
    </row>
    <row r="879803" spans="14:14">
      <c r="N879803" s="10"/>
    </row>
    <row r="879804" spans="14:14">
      <c r="N879804" s="10"/>
    </row>
    <row r="879805" spans="14:14">
      <c r="N879805" s="10"/>
    </row>
    <row r="879806" spans="14:14">
      <c r="N879806" s="10"/>
    </row>
    <row r="879807" spans="14:14">
      <c r="N879807" s="10"/>
    </row>
    <row r="879808" spans="14:14">
      <c r="N879808" s="10"/>
    </row>
    <row r="879809" spans="14:14">
      <c r="N879809" s="10"/>
    </row>
    <row r="879810" spans="14:14">
      <c r="N879810" s="10"/>
    </row>
    <row r="879811" spans="14:14">
      <c r="N879811" s="10"/>
    </row>
    <row r="879812" spans="14:14">
      <c r="N879812" s="10"/>
    </row>
    <row r="879813" spans="14:14">
      <c r="N879813" s="10"/>
    </row>
    <row r="879814" spans="14:14">
      <c r="N879814" s="10"/>
    </row>
    <row r="879815" spans="14:14">
      <c r="N879815" s="10"/>
    </row>
    <row r="879816" spans="14:14">
      <c r="N879816" s="10"/>
    </row>
    <row r="879817" spans="14:14">
      <c r="N879817" s="10"/>
    </row>
    <row r="879818" spans="14:14">
      <c r="N879818" s="10"/>
    </row>
    <row r="879819" spans="14:14">
      <c r="N879819" s="10"/>
    </row>
    <row r="879820" spans="14:14">
      <c r="N879820" s="10"/>
    </row>
    <row r="879821" spans="14:14">
      <c r="N879821" s="10"/>
    </row>
    <row r="879822" spans="14:14">
      <c r="N879822" s="10"/>
    </row>
    <row r="879823" spans="14:14">
      <c r="N879823" s="10"/>
    </row>
    <row r="879824" spans="14:14">
      <c r="N879824" s="10"/>
    </row>
    <row r="879825" spans="14:14">
      <c r="N879825" s="10"/>
    </row>
    <row r="879826" spans="14:14">
      <c r="N879826" s="10"/>
    </row>
    <row r="879827" spans="14:14">
      <c r="N879827" s="10"/>
    </row>
    <row r="879828" spans="14:14">
      <c r="N879828" s="10"/>
    </row>
    <row r="879829" spans="14:14">
      <c r="N879829" s="10"/>
    </row>
    <row r="879830" spans="14:14">
      <c r="N879830" s="10"/>
    </row>
    <row r="879831" spans="14:14">
      <c r="N879831" s="10"/>
    </row>
    <row r="879832" spans="14:14">
      <c r="N879832" s="10"/>
    </row>
    <row r="879833" spans="14:14">
      <c r="N879833" s="10"/>
    </row>
    <row r="879834" spans="14:14">
      <c r="N879834" s="10"/>
    </row>
    <row r="879835" spans="14:14">
      <c r="N879835" s="10"/>
    </row>
    <row r="879836" spans="14:14">
      <c r="N879836" s="10"/>
    </row>
    <row r="879837" spans="14:14">
      <c r="N879837" s="10"/>
    </row>
    <row r="879838" spans="14:14">
      <c r="N879838" s="10"/>
    </row>
    <row r="879839" spans="14:14">
      <c r="N879839" s="10"/>
    </row>
    <row r="879840" spans="14:14">
      <c r="N879840" s="10"/>
    </row>
    <row r="879841" spans="14:14">
      <c r="N879841" s="10"/>
    </row>
    <row r="879842" spans="14:14">
      <c r="N879842" s="10"/>
    </row>
    <row r="879843" spans="14:14">
      <c r="N879843" s="10"/>
    </row>
    <row r="879844" spans="14:14">
      <c r="N879844" s="10"/>
    </row>
    <row r="879845" spans="14:14">
      <c r="N879845" s="10"/>
    </row>
    <row r="879846" spans="14:14">
      <c r="N879846" s="10"/>
    </row>
    <row r="879847" spans="14:14">
      <c r="N879847" s="10"/>
    </row>
    <row r="879848" spans="14:14">
      <c r="N879848" s="10"/>
    </row>
    <row r="879849" spans="14:14">
      <c r="N879849" s="10"/>
    </row>
    <row r="879850" spans="14:14">
      <c r="N879850" s="10"/>
    </row>
    <row r="879851" spans="14:14">
      <c r="N879851" s="10"/>
    </row>
    <row r="879852" spans="14:14">
      <c r="N879852" s="10"/>
    </row>
    <row r="879853" spans="14:14">
      <c r="N879853" s="10"/>
    </row>
    <row r="879854" spans="14:14">
      <c r="N879854" s="10"/>
    </row>
    <row r="879855" spans="14:14">
      <c r="N879855" s="10"/>
    </row>
    <row r="879856" spans="14:14">
      <c r="N879856" s="10"/>
    </row>
    <row r="879857" spans="14:14">
      <c r="N879857" s="10"/>
    </row>
    <row r="879858" spans="14:14">
      <c r="N879858" s="10"/>
    </row>
    <row r="879859" spans="14:14">
      <c r="N879859" s="10"/>
    </row>
    <row r="879860" spans="14:14">
      <c r="N879860" s="10"/>
    </row>
    <row r="879861" spans="14:14">
      <c r="N879861" s="10"/>
    </row>
    <row r="879862" spans="14:14">
      <c r="N879862" s="10"/>
    </row>
    <row r="879863" spans="14:14">
      <c r="N879863" s="10"/>
    </row>
    <row r="879864" spans="14:14">
      <c r="N879864" s="10"/>
    </row>
    <row r="879865" spans="14:14">
      <c r="N879865" s="10"/>
    </row>
    <row r="879866" spans="14:14">
      <c r="N879866" s="10"/>
    </row>
    <row r="879867" spans="14:14">
      <c r="N879867" s="10"/>
    </row>
    <row r="879868" spans="14:14">
      <c r="N879868" s="10"/>
    </row>
    <row r="879869" spans="14:14">
      <c r="N879869" s="10"/>
    </row>
    <row r="879870" spans="14:14">
      <c r="N879870" s="10"/>
    </row>
    <row r="879871" spans="14:14">
      <c r="N879871" s="10"/>
    </row>
    <row r="879872" spans="14:14">
      <c r="N879872" s="10"/>
    </row>
    <row r="879873" spans="14:14">
      <c r="N879873" s="10"/>
    </row>
    <row r="879874" spans="14:14">
      <c r="N879874" s="10"/>
    </row>
    <row r="879875" spans="14:14">
      <c r="N879875" s="10"/>
    </row>
    <row r="879876" spans="14:14">
      <c r="N879876" s="10"/>
    </row>
    <row r="879877" spans="14:14">
      <c r="N879877" s="10"/>
    </row>
    <row r="879878" spans="14:14">
      <c r="N879878" s="10"/>
    </row>
    <row r="879879" spans="14:14">
      <c r="N879879" s="10"/>
    </row>
    <row r="879880" spans="14:14">
      <c r="N879880" s="10"/>
    </row>
    <row r="879881" spans="14:14">
      <c r="N879881" s="10"/>
    </row>
    <row r="879882" spans="14:14">
      <c r="N879882" s="10"/>
    </row>
    <row r="879883" spans="14:14">
      <c r="N879883" s="10"/>
    </row>
    <row r="879884" spans="14:14">
      <c r="N879884" s="10"/>
    </row>
    <row r="879885" spans="14:14">
      <c r="N879885" s="10"/>
    </row>
    <row r="879886" spans="14:14">
      <c r="N879886" s="10"/>
    </row>
    <row r="879887" spans="14:14">
      <c r="N879887" s="10"/>
    </row>
    <row r="879888" spans="14:14">
      <c r="N879888" s="10"/>
    </row>
    <row r="879889" spans="14:14">
      <c r="N879889" s="10"/>
    </row>
    <row r="879890" spans="14:14">
      <c r="N879890" s="10"/>
    </row>
    <row r="879891" spans="14:14">
      <c r="N879891" s="10"/>
    </row>
    <row r="879892" spans="14:14">
      <c r="N879892" s="10"/>
    </row>
    <row r="879893" spans="14:14">
      <c r="N879893" s="10"/>
    </row>
    <row r="879894" spans="14:14">
      <c r="N879894" s="10"/>
    </row>
    <row r="879895" spans="14:14">
      <c r="N879895" s="10"/>
    </row>
    <row r="879896" spans="14:14">
      <c r="N879896" s="10"/>
    </row>
    <row r="879897" spans="14:14">
      <c r="N879897" s="10"/>
    </row>
    <row r="879898" spans="14:14">
      <c r="N879898" s="10"/>
    </row>
    <row r="879899" spans="14:14">
      <c r="N879899" s="10"/>
    </row>
    <row r="879900" spans="14:14">
      <c r="N879900" s="10"/>
    </row>
    <row r="879901" spans="14:14">
      <c r="N879901" s="10"/>
    </row>
    <row r="879902" spans="14:14">
      <c r="N879902" s="10"/>
    </row>
    <row r="879903" spans="14:14">
      <c r="N879903" s="10"/>
    </row>
    <row r="879904" spans="14:14">
      <c r="N879904" s="10"/>
    </row>
    <row r="879905" spans="14:14">
      <c r="N879905" s="10"/>
    </row>
    <row r="879906" spans="14:14">
      <c r="N879906" s="10"/>
    </row>
    <row r="879907" spans="14:14">
      <c r="N879907" s="10"/>
    </row>
    <row r="879908" spans="14:14">
      <c r="N879908" s="10"/>
    </row>
    <row r="879909" spans="14:14">
      <c r="N879909" s="10"/>
    </row>
    <row r="879910" spans="14:14">
      <c r="N879910" s="10"/>
    </row>
    <row r="879911" spans="14:14">
      <c r="N879911" s="10"/>
    </row>
    <row r="879912" spans="14:14">
      <c r="N879912" s="10"/>
    </row>
    <row r="879913" spans="14:14">
      <c r="N879913" s="10"/>
    </row>
    <row r="879914" spans="14:14">
      <c r="N879914" s="10"/>
    </row>
    <row r="879915" spans="14:14">
      <c r="N879915" s="10"/>
    </row>
    <row r="879916" spans="14:14">
      <c r="N879916" s="10"/>
    </row>
    <row r="879917" spans="14:14">
      <c r="N879917" s="10"/>
    </row>
    <row r="879918" spans="14:14">
      <c r="N879918" s="10"/>
    </row>
    <row r="879919" spans="14:14">
      <c r="N879919" s="10"/>
    </row>
    <row r="879920" spans="14:14">
      <c r="N879920" s="10"/>
    </row>
    <row r="879921" spans="14:14">
      <c r="N879921" s="10"/>
    </row>
    <row r="879922" spans="14:14">
      <c r="N879922" s="10"/>
    </row>
    <row r="879923" spans="14:14">
      <c r="N879923" s="10"/>
    </row>
    <row r="879924" spans="14:14">
      <c r="N879924" s="10"/>
    </row>
    <row r="879925" spans="14:14">
      <c r="N879925" s="10"/>
    </row>
    <row r="879926" spans="14:14">
      <c r="N879926" s="10"/>
    </row>
    <row r="879927" spans="14:14">
      <c r="N879927" s="10"/>
    </row>
    <row r="879928" spans="14:14">
      <c r="N879928" s="10"/>
    </row>
    <row r="879929" spans="14:14">
      <c r="N879929" s="10"/>
    </row>
    <row r="879930" spans="14:14">
      <c r="N879930" s="10"/>
    </row>
    <row r="879931" spans="14:14">
      <c r="N879931" s="10"/>
    </row>
    <row r="879932" spans="14:14">
      <c r="N879932" s="10"/>
    </row>
    <row r="879933" spans="14:14">
      <c r="N879933" s="10"/>
    </row>
    <row r="879934" spans="14:14">
      <c r="N879934" s="10"/>
    </row>
    <row r="879935" spans="14:14">
      <c r="N879935" s="10"/>
    </row>
    <row r="879936" spans="14:14">
      <c r="N879936" s="10"/>
    </row>
    <row r="879937" spans="14:14">
      <c r="N879937" s="10"/>
    </row>
    <row r="879938" spans="14:14">
      <c r="N879938" s="10"/>
    </row>
    <row r="879939" spans="14:14">
      <c r="N879939" s="10"/>
    </row>
    <row r="879940" spans="14:14">
      <c r="N879940" s="10"/>
    </row>
    <row r="879941" spans="14:14">
      <c r="N879941" s="10"/>
    </row>
    <row r="879942" spans="14:14">
      <c r="N879942" s="10"/>
    </row>
    <row r="879943" spans="14:14">
      <c r="N879943" s="10"/>
    </row>
    <row r="879944" spans="14:14">
      <c r="N879944" s="10"/>
    </row>
    <row r="879945" spans="14:14">
      <c r="N879945" s="10"/>
    </row>
    <row r="879946" spans="14:14">
      <c r="N879946" s="10"/>
    </row>
    <row r="879947" spans="14:14">
      <c r="N879947" s="10"/>
    </row>
    <row r="879948" spans="14:14">
      <c r="N879948" s="10"/>
    </row>
    <row r="879949" spans="14:14">
      <c r="N879949" s="10"/>
    </row>
    <row r="879950" spans="14:14">
      <c r="N879950" s="10"/>
    </row>
    <row r="879951" spans="14:14">
      <c r="N879951" s="10"/>
    </row>
    <row r="879952" spans="14:14">
      <c r="N879952" s="10"/>
    </row>
    <row r="879953" spans="14:14">
      <c r="N879953" s="10"/>
    </row>
    <row r="879954" spans="14:14">
      <c r="N879954" s="10"/>
    </row>
    <row r="879955" spans="14:14">
      <c r="N879955" s="10"/>
    </row>
    <row r="879956" spans="14:14">
      <c r="N879956" s="10"/>
    </row>
    <row r="879957" spans="14:14">
      <c r="N879957" s="10"/>
    </row>
    <row r="879958" spans="14:14">
      <c r="N879958" s="10"/>
    </row>
    <row r="879959" spans="14:14">
      <c r="N879959" s="10"/>
    </row>
    <row r="879960" spans="14:14">
      <c r="N879960" s="10"/>
    </row>
    <row r="879961" spans="14:14">
      <c r="N879961" s="10"/>
    </row>
    <row r="879962" spans="14:14">
      <c r="N879962" s="10"/>
    </row>
    <row r="879963" spans="14:14">
      <c r="N879963" s="10"/>
    </row>
    <row r="879964" spans="14:14">
      <c r="N879964" s="10"/>
    </row>
    <row r="879965" spans="14:14">
      <c r="N879965" s="10"/>
    </row>
    <row r="879966" spans="14:14">
      <c r="N879966" s="10"/>
    </row>
    <row r="879967" spans="14:14">
      <c r="N879967" s="10"/>
    </row>
    <row r="879968" spans="14:14">
      <c r="N879968" s="10"/>
    </row>
    <row r="879969" spans="14:14">
      <c r="N879969" s="10"/>
    </row>
    <row r="879970" spans="14:14">
      <c r="N879970" s="10"/>
    </row>
    <row r="879971" spans="14:14">
      <c r="N879971" s="10"/>
    </row>
    <row r="879972" spans="14:14">
      <c r="N879972" s="10"/>
    </row>
    <row r="879973" spans="14:14">
      <c r="N879973" s="10"/>
    </row>
    <row r="879974" spans="14:14">
      <c r="N879974" s="10"/>
    </row>
    <row r="879975" spans="14:14">
      <c r="N879975" s="10"/>
    </row>
    <row r="879976" spans="14:14">
      <c r="N879976" s="10"/>
    </row>
    <row r="879977" spans="14:14">
      <c r="N879977" s="10"/>
    </row>
    <row r="879978" spans="14:14">
      <c r="N879978" s="10"/>
    </row>
    <row r="879979" spans="14:14">
      <c r="N879979" s="10"/>
    </row>
    <row r="879980" spans="14:14">
      <c r="N879980" s="10"/>
    </row>
    <row r="879981" spans="14:14">
      <c r="N879981" s="10"/>
    </row>
    <row r="879982" spans="14:14">
      <c r="N879982" s="10"/>
    </row>
    <row r="879983" spans="14:14">
      <c r="N879983" s="10"/>
    </row>
    <row r="879984" spans="14:14">
      <c r="N879984" s="10"/>
    </row>
    <row r="879985" spans="14:14">
      <c r="N879985" s="10"/>
    </row>
    <row r="879986" spans="14:14">
      <c r="N879986" s="10"/>
    </row>
    <row r="879987" spans="14:14">
      <c r="N879987" s="10"/>
    </row>
    <row r="879988" spans="14:14">
      <c r="N879988" s="10"/>
    </row>
    <row r="879989" spans="14:14">
      <c r="N879989" s="10"/>
    </row>
    <row r="879990" spans="14:14">
      <c r="N879990" s="10"/>
    </row>
    <row r="879991" spans="14:14">
      <c r="N879991" s="10"/>
    </row>
    <row r="879992" spans="14:14">
      <c r="N879992" s="10"/>
    </row>
    <row r="879993" spans="14:14">
      <c r="N879993" s="10"/>
    </row>
    <row r="879994" spans="14:14">
      <c r="N879994" s="10"/>
    </row>
    <row r="879995" spans="14:14">
      <c r="N879995" s="10"/>
    </row>
    <row r="879996" spans="14:14">
      <c r="N879996" s="10"/>
    </row>
    <row r="879997" spans="14:14">
      <c r="N879997" s="10"/>
    </row>
    <row r="879998" spans="14:14">
      <c r="N879998" s="10"/>
    </row>
    <row r="879999" spans="14:14">
      <c r="N879999" s="10"/>
    </row>
    <row r="880000" spans="14:14">
      <c r="N880000" s="10"/>
    </row>
    <row r="880001" spans="14:14">
      <c r="N880001" s="10"/>
    </row>
    <row r="880002" spans="14:14">
      <c r="N880002" s="10"/>
    </row>
    <row r="880003" spans="14:14">
      <c r="N880003" s="10"/>
    </row>
    <row r="880004" spans="14:14">
      <c r="N880004" s="10"/>
    </row>
    <row r="880005" spans="14:14">
      <c r="N880005" s="10"/>
    </row>
    <row r="880006" spans="14:14">
      <c r="N880006" s="10"/>
    </row>
    <row r="880007" spans="14:14">
      <c r="N880007" s="10"/>
    </row>
    <row r="880008" spans="14:14">
      <c r="N880008" s="10"/>
    </row>
    <row r="880009" spans="14:14">
      <c r="N880009" s="10"/>
    </row>
    <row r="880010" spans="14:14">
      <c r="N880010" s="10"/>
    </row>
    <row r="880011" spans="14:14">
      <c r="N880011" s="10"/>
    </row>
    <row r="880012" spans="14:14">
      <c r="N880012" s="10"/>
    </row>
    <row r="880013" spans="14:14">
      <c r="N880013" s="10"/>
    </row>
    <row r="880014" spans="14:14">
      <c r="N880014" s="10"/>
    </row>
    <row r="880015" spans="14:14">
      <c r="N880015" s="10"/>
    </row>
    <row r="880016" spans="14:14">
      <c r="N880016" s="10"/>
    </row>
    <row r="880017" spans="14:14">
      <c r="N880017" s="10"/>
    </row>
    <row r="880018" spans="14:14">
      <c r="N880018" s="10"/>
    </row>
    <row r="880019" spans="14:14">
      <c r="N880019" s="10"/>
    </row>
    <row r="880020" spans="14:14">
      <c r="N880020" s="10"/>
    </row>
    <row r="880021" spans="14:14">
      <c r="N880021" s="10"/>
    </row>
    <row r="880022" spans="14:14">
      <c r="N880022" s="10"/>
    </row>
    <row r="880023" spans="14:14">
      <c r="N880023" s="10"/>
    </row>
    <row r="880024" spans="14:14">
      <c r="N880024" s="10"/>
    </row>
    <row r="880025" spans="14:14">
      <c r="N880025" s="10"/>
    </row>
    <row r="880026" spans="14:14">
      <c r="N880026" s="10"/>
    </row>
    <row r="880027" spans="14:14">
      <c r="N880027" s="10"/>
    </row>
    <row r="880028" spans="14:14">
      <c r="N880028" s="10"/>
    </row>
    <row r="880029" spans="14:14">
      <c r="N880029" s="10"/>
    </row>
    <row r="880030" spans="14:14">
      <c r="N880030" s="10"/>
    </row>
    <row r="880031" spans="14:14">
      <c r="N880031" s="10"/>
    </row>
    <row r="880032" spans="14:14">
      <c r="N880032" s="10"/>
    </row>
    <row r="880033" spans="14:14">
      <c r="N880033" s="10"/>
    </row>
    <row r="880034" spans="14:14">
      <c r="N880034" s="10"/>
    </row>
    <row r="880035" spans="14:14">
      <c r="N880035" s="10"/>
    </row>
    <row r="880036" spans="14:14">
      <c r="N880036" s="10"/>
    </row>
    <row r="880037" spans="14:14">
      <c r="N880037" s="10"/>
    </row>
    <row r="880038" spans="14:14">
      <c r="N880038" s="10"/>
    </row>
    <row r="880039" spans="14:14">
      <c r="N880039" s="10"/>
    </row>
    <row r="880040" spans="14:14">
      <c r="N880040" s="10"/>
    </row>
    <row r="880041" spans="14:14">
      <c r="N880041" s="10"/>
    </row>
    <row r="880042" spans="14:14">
      <c r="N880042" s="10"/>
    </row>
    <row r="880043" spans="14:14">
      <c r="N880043" s="10"/>
    </row>
    <row r="880044" spans="14:14">
      <c r="N880044" s="10"/>
    </row>
    <row r="880045" spans="14:14">
      <c r="N880045" s="10"/>
    </row>
    <row r="880046" spans="14:14">
      <c r="N880046" s="10"/>
    </row>
    <row r="880047" spans="14:14">
      <c r="N880047" s="10"/>
    </row>
    <row r="880048" spans="14:14">
      <c r="N880048" s="10"/>
    </row>
    <row r="880049" spans="14:14">
      <c r="N880049" s="10"/>
    </row>
    <row r="880050" spans="14:14">
      <c r="N880050" s="10"/>
    </row>
    <row r="880051" spans="14:14">
      <c r="N880051" s="10"/>
    </row>
    <row r="880052" spans="14:14">
      <c r="N880052" s="10"/>
    </row>
    <row r="880053" spans="14:14">
      <c r="N880053" s="10"/>
    </row>
    <row r="880054" spans="14:14">
      <c r="N880054" s="10"/>
    </row>
    <row r="880055" spans="14:14">
      <c r="N880055" s="10"/>
    </row>
    <row r="880056" spans="14:14">
      <c r="N880056" s="10"/>
    </row>
    <row r="880057" spans="14:14">
      <c r="N880057" s="10"/>
    </row>
    <row r="880058" spans="14:14">
      <c r="N880058" s="10"/>
    </row>
    <row r="880059" spans="14:14">
      <c r="N880059" s="10"/>
    </row>
    <row r="880060" spans="14:14">
      <c r="N880060" s="10"/>
    </row>
    <row r="880061" spans="14:14">
      <c r="N880061" s="10"/>
    </row>
    <row r="880062" spans="14:14">
      <c r="N880062" s="10"/>
    </row>
    <row r="880063" spans="14:14">
      <c r="N880063" s="10"/>
    </row>
    <row r="880064" spans="14:14">
      <c r="N880064" s="10"/>
    </row>
    <row r="880065" spans="14:14">
      <c r="N880065" s="10"/>
    </row>
    <row r="880066" spans="14:14">
      <c r="N880066" s="10"/>
    </row>
    <row r="880067" spans="14:14">
      <c r="N880067" s="10"/>
    </row>
    <row r="880068" spans="14:14">
      <c r="N880068" s="10"/>
    </row>
    <row r="880069" spans="14:14">
      <c r="N880069" s="10"/>
    </row>
    <row r="880070" spans="14:14">
      <c r="N880070" s="10"/>
    </row>
    <row r="880071" spans="14:14">
      <c r="N880071" s="10"/>
    </row>
    <row r="880072" spans="14:14">
      <c r="N880072" s="10"/>
    </row>
    <row r="880073" spans="14:14">
      <c r="N880073" s="10"/>
    </row>
    <row r="880074" spans="14:14">
      <c r="N880074" s="10"/>
    </row>
    <row r="880075" spans="14:14">
      <c r="N880075" s="10"/>
    </row>
    <row r="880076" spans="14:14">
      <c r="N880076" s="10"/>
    </row>
    <row r="880077" spans="14:14">
      <c r="N880077" s="10"/>
    </row>
    <row r="880078" spans="14:14">
      <c r="N880078" s="10"/>
    </row>
    <row r="880079" spans="14:14">
      <c r="N880079" s="10"/>
    </row>
    <row r="880080" spans="14:14">
      <c r="N880080" s="10"/>
    </row>
    <row r="880081" spans="14:14">
      <c r="N880081" s="10"/>
    </row>
    <row r="880082" spans="14:14">
      <c r="N880082" s="10"/>
    </row>
    <row r="880083" spans="14:14">
      <c r="N880083" s="10"/>
    </row>
    <row r="880084" spans="14:14">
      <c r="N880084" s="10"/>
    </row>
    <row r="880085" spans="14:14">
      <c r="N880085" s="10"/>
    </row>
    <row r="880086" spans="14:14">
      <c r="N880086" s="10"/>
    </row>
    <row r="880087" spans="14:14">
      <c r="N880087" s="10"/>
    </row>
    <row r="880088" spans="14:14">
      <c r="N880088" s="10"/>
    </row>
    <row r="880089" spans="14:14">
      <c r="N880089" s="10"/>
    </row>
    <row r="880090" spans="14:14">
      <c r="N880090" s="10"/>
    </row>
    <row r="880091" spans="14:14">
      <c r="N880091" s="10"/>
    </row>
    <row r="880092" spans="14:14">
      <c r="N880092" s="10"/>
    </row>
    <row r="880093" spans="14:14">
      <c r="N880093" s="10"/>
    </row>
    <row r="880094" spans="14:14">
      <c r="N880094" s="10"/>
    </row>
    <row r="880095" spans="14:14">
      <c r="N880095" s="10"/>
    </row>
    <row r="880096" spans="14:14">
      <c r="N880096" s="10"/>
    </row>
    <row r="880097" spans="14:14">
      <c r="N880097" s="10"/>
    </row>
    <row r="880098" spans="14:14">
      <c r="N880098" s="10"/>
    </row>
    <row r="880099" spans="14:14">
      <c r="N880099" s="10"/>
    </row>
    <row r="880100" spans="14:14">
      <c r="N880100" s="10"/>
    </row>
    <row r="880101" spans="14:14">
      <c r="N880101" s="10"/>
    </row>
    <row r="880102" spans="14:14">
      <c r="N880102" s="10"/>
    </row>
    <row r="880103" spans="14:14">
      <c r="N880103" s="10"/>
    </row>
    <row r="880104" spans="14:14">
      <c r="N880104" s="10"/>
    </row>
    <row r="880105" spans="14:14">
      <c r="N880105" s="10"/>
    </row>
    <row r="880106" spans="14:14">
      <c r="N880106" s="10"/>
    </row>
    <row r="880107" spans="14:14">
      <c r="N880107" s="10"/>
    </row>
    <row r="880108" spans="14:14">
      <c r="N880108" s="10"/>
    </row>
    <row r="880109" spans="14:14">
      <c r="N880109" s="10"/>
    </row>
    <row r="880110" spans="14:14">
      <c r="N880110" s="10"/>
    </row>
    <row r="880111" spans="14:14">
      <c r="N880111" s="10"/>
    </row>
    <row r="880112" spans="14:14">
      <c r="N880112" s="10"/>
    </row>
    <row r="880113" spans="14:14">
      <c r="N880113" s="10"/>
    </row>
    <row r="880114" spans="14:14">
      <c r="N880114" s="10"/>
    </row>
    <row r="880115" spans="14:14">
      <c r="N880115" s="10"/>
    </row>
    <row r="880116" spans="14:14">
      <c r="N880116" s="10"/>
    </row>
    <row r="880117" spans="14:14">
      <c r="N880117" s="10"/>
    </row>
    <row r="880118" spans="14:14">
      <c r="N880118" s="10"/>
    </row>
    <row r="880119" spans="14:14">
      <c r="N880119" s="10"/>
    </row>
    <row r="880120" spans="14:14">
      <c r="N880120" s="10"/>
    </row>
    <row r="880121" spans="14:14">
      <c r="N880121" s="10"/>
    </row>
    <row r="880122" spans="14:14">
      <c r="N880122" s="10"/>
    </row>
    <row r="880123" spans="14:14">
      <c r="N880123" s="10"/>
    </row>
    <row r="880124" spans="14:14">
      <c r="N880124" s="10"/>
    </row>
    <row r="880125" spans="14:14">
      <c r="N880125" s="10"/>
    </row>
    <row r="880126" spans="14:14">
      <c r="N880126" s="10"/>
    </row>
    <row r="880127" spans="14:14">
      <c r="N880127" s="10"/>
    </row>
    <row r="880128" spans="14:14">
      <c r="N880128" s="10"/>
    </row>
    <row r="880129" spans="14:14">
      <c r="N880129" s="10"/>
    </row>
    <row r="880130" spans="14:14">
      <c r="N880130" s="10"/>
    </row>
    <row r="880131" spans="14:14">
      <c r="N880131" s="10"/>
    </row>
    <row r="880132" spans="14:14">
      <c r="N880132" s="10"/>
    </row>
    <row r="880133" spans="14:14">
      <c r="N880133" s="10"/>
    </row>
    <row r="880134" spans="14:14">
      <c r="N880134" s="10"/>
    </row>
    <row r="880135" spans="14:14">
      <c r="N880135" s="10"/>
    </row>
    <row r="880136" spans="14:14">
      <c r="N880136" s="10"/>
    </row>
    <row r="880137" spans="14:14">
      <c r="N880137" s="10"/>
    </row>
    <row r="880138" spans="14:14">
      <c r="N880138" s="10"/>
    </row>
    <row r="880139" spans="14:14">
      <c r="N880139" s="10"/>
    </row>
    <row r="880140" spans="14:14">
      <c r="N880140" s="10"/>
    </row>
    <row r="880141" spans="14:14">
      <c r="N880141" s="10"/>
    </row>
    <row r="880142" spans="14:14">
      <c r="N880142" s="10"/>
    </row>
    <row r="880143" spans="14:14">
      <c r="N880143" s="10"/>
    </row>
    <row r="880144" spans="14:14">
      <c r="N880144" s="10"/>
    </row>
    <row r="880145" spans="14:14">
      <c r="N880145" s="10"/>
    </row>
    <row r="880146" spans="14:14">
      <c r="N880146" s="10"/>
    </row>
    <row r="880147" spans="14:14">
      <c r="N880147" s="10"/>
    </row>
    <row r="880148" spans="14:14">
      <c r="N880148" s="10"/>
    </row>
    <row r="880149" spans="14:14">
      <c r="N880149" s="10"/>
    </row>
    <row r="880150" spans="14:14">
      <c r="N880150" s="10"/>
    </row>
    <row r="880151" spans="14:14">
      <c r="N880151" s="10"/>
    </row>
    <row r="880152" spans="14:14">
      <c r="N880152" s="10"/>
    </row>
    <row r="880153" spans="14:14">
      <c r="N880153" s="10"/>
    </row>
    <row r="880154" spans="14:14">
      <c r="N880154" s="10"/>
    </row>
    <row r="880155" spans="14:14">
      <c r="N880155" s="10"/>
    </row>
    <row r="880156" spans="14:14">
      <c r="N880156" s="10"/>
    </row>
    <row r="880157" spans="14:14">
      <c r="N880157" s="10"/>
    </row>
    <row r="880158" spans="14:14">
      <c r="N880158" s="10"/>
    </row>
    <row r="880159" spans="14:14">
      <c r="N880159" s="10"/>
    </row>
    <row r="880160" spans="14:14">
      <c r="N880160" s="10"/>
    </row>
    <row r="880161" spans="14:14">
      <c r="N880161" s="10"/>
    </row>
    <row r="880162" spans="14:14">
      <c r="N880162" s="10"/>
    </row>
    <row r="880163" spans="14:14">
      <c r="N880163" s="10"/>
    </row>
    <row r="880164" spans="14:14">
      <c r="N880164" s="10"/>
    </row>
    <row r="880165" spans="14:14">
      <c r="N880165" s="10"/>
    </row>
    <row r="880166" spans="14:14">
      <c r="N880166" s="10"/>
    </row>
    <row r="880167" spans="14:14">
      <c r="N880167" s="10"/>
    </row>
    <row r="880168" spans="14:14">
      <c r="N880168" s="10"/>
    </row>
    <row r="880169" spans="14:14">
      <c r="N880169" s="10"/>
    </row>
    <row r="880170" spans="14:14">
      <c r="N880170" s="10"/>
    </row>
    <row r="880171" spans="14:14">
      <c r="N880171" s="10"/>
    </row>
    <row r="880172" spans="14:14">
      <c r="N880172" s="10"/>
    </row>
    <row r="880173" spans="14:14">
      <c r="N880173" s="10"/>
    </row>
    <row r="880174" spans="14:14">
      <c r="N880174" s="10"/>
    </row>
    <row r="880175" spans="14:14">
      <c r="N880175" s="10"/>
    </row>
    <row r="880176" spans="14:14">
      <c r="N880176" s="10"/>
    </row>
    <row r="880177" spans="14:14">
      <c r="N880177" s="10"/>
    </row>
    <row r="880178" spans="14:14">
      <c r="N880178" s="10"/>
    </row>
    <row r="880179" spans="14:14">
      <c r="N880179" s="10"/>
    </row>
    <row r="880180" spans="14:14">
      <c r="N880180" s="10"/>
    </row>
    <row r="880181" spans="14:14">
      <c r="N880181" s="10"/>
    </row>
    <row r="880182" spans="14:14">
      <c r="N880182" s="10"/>
    </row>
    <row r="880183" spans="14:14">
      <c r="N880183" s="10"/>
    </row>
    <row r="880184" spans="14:14">
      <c r="N880184" s="10"/>
    </row>
    <row r="880185" spans="14:14">
      <c r="N880185" s="10"/>
    </row>
    <row r="880186" spans="14:14">
      <c r="N880186" s="10"/>
    </row>
    <row r="880187" spans="14:14">
      <c r="N880187" s="10"/>
    </row>
    <row r="880188" spans="14:14">
      <c r="N880188" s="10"/>
    </row>
    <row r="880189" spans="14:14">
      <c r="N880189" s="10"/>
    </row>
    <row r="880190" spans="14:14">
      <c r="N880190" s="10"/>
    </row>
    <row r="880191" spans="14:14">
      <c r="N880191" s="10"/>
    </row>
    <row r="880192" spans="14:14">
      <c r="N880192" s="10"/>
    </row>
    <row r="880193" spans="14:14">
      <c r="N880193" s="10"/>
    </row>
    <row r="880194" spans="14:14">
      <c r="N880194" s="10"/>
    </row>
    <row r="880195" spans="14:14">
      <c r="N880195" s="10"/>
    </row>
    <row r="880196" spans="14:14">
      <c r="N880196" s="10"/>
    </row>
    <row r="880197" spans="14:14">
      <c r="N880197" s="10"/>
    </row>
    <row r="880198" spans="14:14">
      <c r="N880198" s="10"/>
    </row>
    <row r="880199" spans="14:14">
      <c r="N880199" s="10"/>
    </row>
    <row r="880200" spans="14:14">
      <c r="N880200" s="10"/>
    </row>
    <row r="880201" spans="14:14">
      <c r="N880201" s="10"/>
    </row>
    <row r="880202" spans="14:14">
      <c r="N880202" s="10"/>
    </row>
    <row r="880203" spans="14:14">
      <c r="N880203" s="10"/>
    </row>
    <row r="880204" spans="14:14">
      <c r="N880204" s="10"/>
    </row>
    <row r="880205" spans="14:14">
      <c r="N880205" s="10"/>
    </row>
    <row r="880206" spans="14:14">
      <c r="N880206" s="10"/>
    </row>
    <row r="880207" spans="14:14">
      <c r="N880207" s="10"/>
    </row>
    <row r="880208" spans="14:14">
      <c r="N880208" s="10"/>
    </row>
    <row r="880209" spans="14:14">
      <c r="N880209" s="10"/>
    </row>
    <row r="880210" spans="14:14">
      <c r="N880210" s="10"/>
    </row>
    <row r="880211" spans="14:14">
      <c r="N880211" s="10"/>
    </row>
    <row r="880212" spans="14:14">
      <c r="N880212" s="10"/>
    </row>
    <row r="880213" spans="14:14">
      <c r="N880213" s="10"/>
    </row>
    <row r="880214" spans="14:14">
      <c r="N880214" s="10"/>
    </row>
    <row r="880215" spans="14:14">
      <c r="N880215" s="10"/>
    </row>
    <row r="880216" spans="14:14">
      <c r="N880216" s="10"/>
    </row>
    <row r="880217" spans="14:14">
      <c r="N880217" s="10"/>
    </row>
    <row r="880218" spans="14:14">
      <c r="N880218" s="10"/>
    </row>
    <row r="880219" spans="14:14">
      <c r="N880219" s="10"/>
    </row>
    <row r="880220" spans="14:14">
      <c r="N880220" s="10"/>
    </row>
    <row r="880221" spans="14:14">
      <c r="N880221" s="10"/>
    </row>
    <row r="880222" spans="14:14">
      <c r="N880222" s="10"/>
    </row>
    <row r="880223" spans="14:14">
      <c r="N880223" s="10"/>
    </row>
    <row r="880224" spans="14:14">
      <c r="N880224" s="10"/>
    </row>
    <row r="880225" spans="14:14">
      <c r="N880225" s="10"/>
    </row>
    <row r="880226" spans="14:14">
      <c r="N880226" s="10"/>
    </row>
    <row r="880227" spans="14:14">
      <c r="N880227" s="10"/>
    </row>
    <row r="880228" spans="14:14">
      <c r="N880228" s="10"/>
    </row>
    <row r="880229" spans="14:14">
      <c r="N880229" s="10"/>
    </row>
    <row r="880230" spans="14:14">
      <c r="N880230" s="10"/>
    </row>
    <row r="880231" spans="14:14">
      <c r="N880231" s="10"/>
    </row>
    <row r="880232" spans="14:14">
      <c r="N880232" s="10"/>
    </row>
    <row r="880233" spans="14:14">
      <c r="N880233" s="10"/>
    </row>
    <row r="880234" spans="14:14">
      <c r="N880234" s="10"/>
    </row>
    <row r="880235" spans="14:14">
      <c r="N880235" s="10"/>
    </row>
    <row r="880236" spans="14:14">
      <c r="N880236" s="10"/>
    </row>
    <row r="880237" spans="14:14">
      <c r="N880237" s="10"/>
    </row>
    <row r="880238" spans="14:14">
      <c r="N880238" s="10"/>
    </row>
    <row r="880239" spans="14:14">
      <c r="N880239" s="10"/>
    </row>
    <row r="880240" spans="14:14">
      <c r="N880240" s="10"/>
    </row>
    <row r="880241" spans="14:14">
      <c r="N880241" s="10"/>
    </row>
    <row r="880242" spans="14:14">
      <c r="N880242" s="10"/>
    </row>
    <row r="880243" spans="14:14">
      <c r="N880243" s="10"/>
    </row>
    <row r="880244" spans="14:14">
      <c r="N880244" s="10"/>
    </row>
    <row r="880245" spans="14:14">
      <c r="N880245" s="10"/>
    </row>
    <row r="880246" spans="14:14">
      <c r="N880246" s="10"/>
    </row>
    <row r="880247" spans="14:14">
      <c r="N880247" s="10"/>
    </row>
    <row r="880248" spans="14:14">
      <c r="N880248" s="10"/>
    </row>
    <row r="880249" spans="14:14">
      <c r="N880249" s="10"/>
    </row>
    <row r="880250" spans="14:14">
      <c r="N880250" s="10"/>
    </row>
    <row r="880251" spans="14:14">
      <c r="N880251" s="10"/>
    </row>
    <row r="880252" spans="14:14">
      <c r="N880252" s="10"/>
    </row>
    <row r="880253" spans="14:14">
      <c r="N880253" s="10"/>
    </row>
    <row r="880254" spans="14:14">
      <c r="N880254" s="10"/>
    </row>
    <row r="880255" spans="14:14">
      <c r="N880255" s="10"/>
    </row>
    <row r="880256" spans="14:14">
      <c r="N880256" s="10"/>
    </row>
    <row r="880257" spans="14:14">
      <c r="N880257" s="10"/>
    </row>
    <row r="880258" spans="14:14">
      <c r="N880258" s="10"/>
    </row>
    <row r="880259" spans="14:14">
      <c r="N880259" s="10"/>
    </row>
    <row r="880260" spans="14:14">
      <c r="N880260" s="10"/>
    </row>
    <row r="880261" spans="14:14">
      <c r="N880261" s="10"/>
    </row>
    <row r="880262" spans="14:14">
      <c r="N880262" s="10"/>
    </row>
    <row r="880263" spans="14:14">
      <c r="N880263" s="10"/>
    </row>
    <row r="880264" spans="14:14">
      <c r="N880264" s="10"/>
    </row>
    <row r="880265" spans="14:14">
      <c r="N880265" s="10"/>
    </row>
    <row r="880266" spans="14:14">
      <c r="N880266" s="10"/>
    </row>
    <row r="880267" spans="14:14">
      <c r="N880267" s="10"/>
    </row>
    <row r="880268" spans="14:14">
      <c r="N880268" s="10"/>
    </row>
    <row r="880269" spans="14:14">
      <c r="N880269" s="10"/>
    </row>
    <row r="880270" spans="14:14">
      <c r="N880270" s="10"/>
    </row>
    <row r="880271" spans="14:14">
      <c r="N880271" s="10"/>
    </row>
    <row r="880272" spans="14:14">
      <c r="N880272" s="10"/>
    </row>
    <row r="880273" spans="14:14">
      <c r="N880273" s="10"/>
    </row>
    <row r="880274" spans="14:14">
      <c r="N880274" s="10"/>
    </row>
    <row r="880275" spans="14:14">
      <c r="N880275" s="10"/>
    </row>
    <row r="880276" spans="14:14">
      <c r="N880276" s="10"/>
    </row>
    <row r="880277" spans="14:14">
      <c r="N880277" s="10"/>
    </row>
    <row r="880278" spans="14:14">
      <c r="N880278" s="10"/>
    </row>
    <row r="880279" spans="14:14">
      <c r="N880279" s="10"/>
    </row>
    <row r="880280" spans="14:14">
      <c r="N880280" s="10"/>
    </row>
    <row r="880281" spans="14:14">
      <c r="N880281" s="10"/>
    </row>
    <row r="880282" spans="14:14">
      <c r="N880282" s="10"/>
    </row>
    <row r="880283" spans="14:14">
      <c r="N880283" s="10"/>
    </row>
    <row r="880284" spans="14:14">
      <c r="N880284" s="10"/>
    </row>
    <row r="880285" spans="14:14">
      <c r="N880285" s="10"/>
    </row>
    <row r="880286" spans="14:14">
      <c r="N880286" s="10"/>
    </row>
    <row r="880287" spans="14:14">
      <c r="N880287" s="10"/>
    </row>
    <row r="880288" spans="14:14">
      <c r="N880288" s="10"/>
    </row>
    <row r="880289" spans="14:14">
      <c r="N880289" s="10"/>
    </row>
    <row r="880290" spans="14:14">
      <c r="N880290" s="10"/>
    </row>
    <row r="880291" spans="14:14">
      <c r="N880291" s="10"/>
    </row>
    <row r="880292" spans="14:14">
      <c r="N880292" s="10"/>
    </row>
    <row r="880293" spans="14:14">
      <c r="N880293" s="10"/>
    </row>
    <row r="880294" spans="14:14">
      <c r="N880294" s="10"/>
    </row>
    <row r="880295" spans="14:14">
      <c r="N880295" s="10"/>
    </row>
    <row r="880296" spans="14:14">
      <c r="N880296" s="10"/>
    </row>
    <row r="880297" spans="14:14">
      <c r="N880297" s="10"/>
    </row>
    <row r="880298" spans="14:14">
      <c r="N880298" s="10"/>
    </row>
    <row r="880299" spans="14:14">
      <c r="N880299" s="10"/>
    </row>
    <row r="880300" spans="14:14">
      <c r="N880300" s="10"/>
    </row>
    <row r="880301" spans="14:14">
      <c r="N880301" s="10"/>
    </row>
    <row r="880302" spans="14:14">
      <c r="N880302" s="10"/>
    </row>
    <row r="880303" spans="14:14">
      <c r="N880303" s="10"/>
    </row>
    <row r="880304" spans="14:14">
      <c r="N880304" s="10"/>
    </row>
    <row r="880305" spans="14:14">
      <c r="N880305" s="10"/>
    </row>
    <row r="880306" spans="14:14">
      <c r="N880306" s="10"/>
    </row>
    <row r="880307" spans="14:14">
      <c r="N880307" s="10"/>
    </row>
    <row r="880308" spans="14:14">
      <c r="N880308" s="10"/>
    </row>
    <row r="880309" spans="14:14">
      <c r="N880309" s="10"/>
    </row>
    <row r="880310" spans="14:14">
      <c r="N880310" s="10"/>
    </row>
    <row r="880311" spans="14:14">
      <c r="N880311" s="10"/>
    </row>
    <row r="880312" spans="14:14">
      <c r="N880312" s="10"/>
    </row>
    <row r="880313" spans="14:14">
      <c r="N880313" s="10"/>
    </row>
    <row r="880314" spans="14:14">
      <c r="N880314" s="10"/>
    </row>
    <row r="880315" spans="14:14">
      <c r="N880315" s="10"/>
    </row>
    <row r="880316" spans="14:14">
      <c r="N880316" s="10"/>
    </row>
    <row r="880317" spans="14:14">
      <c r="N880317" s="10"/>
    </row>
    <row r="880318" spans="14:14">
      <c r="N880318" s="10"/>
    </row>
    <row r="880319" spans="14:14">
      <c r="N880319" s="10"/>
    </row>
    <row r="880320" spans="14:14">
      <c r="N880320" s="10"/>
    </row>
    <row r="880321" spans="14:14">
      <c r="N880321" s="10"/>
    </row>
    <row r="880322" spans="14:14">
      <c r="N880322" s="10"/>
    </row>
    <row r="880323" spans="14:14">
      <c r="N880323" s="10"/>
    </row>
    <row r="880324" spans="14:14">
      <c r="N880324" s="10"/>
    </row>
    <row r="880325" spans="14:14">
      <c r="N880325" s="10"/>
    </row>
    <row r="880326" spans="14:14">
      <c r="N880326" s="10"/>
    </row>
    <row r="880327" spans="14:14">
      <c r="N880327" s="10"/>
    </row>
    <row r="880328" spans="14:14">
      <c r="N880328" s="10"/>
    </row>
    <row r="880329" spans="14:14">
      <c r="N880329" s="10"/>
    </row>
    <row r="880330" spans="14:14">
      <c r="N880330" s="10"/>
    </row>
    <row r="880331" spans="14:14">
      <c r="N880331" s="10"/>
    </row>
    <row r="880332" spans="14:14">
      <c r="N880332" s="10"/>
    </row>
    <row r="880333" spans="14:14">
      <c r="N880333" s="10"/>
    </row>
    <row r="880334" spans="14:14">
      <c r="N880334" s="10"/>
    </row>
    <row r="880335" spans="14:14">
      <c r="N880335" s="10"/>
    </row>
    <row r="880336" spans="14:14">
      <c r="N880336" s="10"/>
    </row>
    <row r="880337" spans="14:14">
      <c r="N880337" s="10"/>
    </row>
    <row r="880338" spans="14:14">
      <c r="N880338" s="10"/>
    </row>
    <row r="880339" spans="14:14">
      <c r="N880339" s="10"/>
    </row>
    <row r="880340" spans="14:14">
      <c r="N880340" s="10"/>
    </row>
    <row r="880341" spans="14:14">
      <c r="N880341" s="10"/>
    </row>
    <row r="880342" spans="14:14">
      <c r="N880342" s="10"/>
    </row>
    <row r="880343" spans="14:14">
      <c r="N880343" s="10"/>
    </row>
    <row r="880344" spans="14:14">
      <c r="N880344" s="10"/>
    </row>
    <row r="880345" spans="14:14">
      <c r="N880345" s="10"/>
    </row>
    <row r="880346" spans="14:14">
      <c r="N880346" s="10"/>
    </row>
    <row r="880347" spans="14:14">
      <c r="N880347" s="10"/>
    </row>
    <row r="880348" spans="14:14">
      <c r="N880348" s="10"/>
    </row>
    <row r="880349" spans="14:14">
      <c r="N880349" s="10"/>
    </row>
    <row r="880350" spans="14:14">
      <c r="N880350" s="10"/>
    </row>
    <row r="880351" spans="14:14">
      <c r="N880351" s="10"/>
    </row>
    <row r="880352" spans="14:14">
      <c r="N880352" s="10"/>
    </row>
    <row r="880353" spans="14:14">
      <c r="N880353" s="10"/>
    </row>
    <row r="880354" spans="14:14">
      <c r="N880354" s="10"/>
    </row>
    <row r="880355" spans="14:14">
      <c r="N880355" s="10"/>
    </row>
    <row r="880356" spans="14:14">
      <c r="N880356" s="10"/>
    </row>
    <row r="880357" spans="14:14">
      <c r="N880357" s="10"/>
    </row>
    <row r="880358" spans="14:14">
      <c r="N880358" s="10"/>
    </row>
    <row r="880359" spans="14:14">
      <c r="N880359" s="10"/>
    </row>
    <row r="880360" spans="14:14">
      <c r="N880360" s="10"/>
    </row>
    <row r="880361" spans="14:14">
      <c r="N880361" s="10"/>
    </row>
    <row r="880362" spans="14:14">
      <c r="N880362" s="10"/>
    </row>
    <row r="880363" spans="14:14">
      <c r="N880363" s="10"/>
    </row>
    <row r="880364" spans="14:14">
      <c r="N880364" s="10"/>
    </row>
    <row r="880365" spans="14:14">
      <c r="N880365" s="10"/>
    </row>
    <row r="880366" spans="14:14">
      <c r="N880366" s="10"/>
    </row>
    <row r="880367" spans="14:14">
      <c r="N880367" s="10"/>
    </row>
    <row r="880368" spans="14:14">
      <c r="N880368" s="10"/>
    </row>
    <row r="880369" spans="14:14">
      <c r="N880369" s="10"/>
    </row>
    <row r="880370" spans="14:14">
      <c r="N880370" s="10"/>
    </row>
    <row r="880371" spans="14:14">
      <c r="N880371" s="10"/>
    </row>
    <row r="880372" spans="14:14">
      <c r="N880372" s="10"/>
    </row>
    <row r="880373" spans="14:14">
      <c r="N880373" s="10"/>
    </row>
    <row r="880374" spans="14:14">
      <c r="N880374" s="10"/>
    </row>
    <row r="880375" spans="14:14">
      <c r="N880375" s="10"/>
    </row>
    <row r="880376" spans="14:14">
      <c r="N880376" s="10"/>
    </row>
    <row r="880377" spans="14:14">
      <c r="N880377" s="10"/>
    </row>
    <row r="880378" spans="14:14">
      <c r="N880378" s="10"/>
    </row>
    <row r="880379" spans="14:14">
      <c r="N880379" s="10"/>
    </row>
    <row r="880380" spans="14:14">
      <c r="N880380" s="10"/>
    </row>
    <row r="880381" spans="14:14">
      <c r="N880381" s="10"/>
    </row>
    <row r="880382" spans="14:14">
      <c r="N880382" s="10"/>
    </row>
    <row r="880383" spans="14:14">
      <c r="N880383" s="10"/>
    </row>
    <row r="880384" spans="14:14">
      <c r="N880384" s="10"/>
    </row>
    <row r="880385" spans="14:14">
      <c r="N880385" s="10"/>
    </row>
    <row r="880386" spans="14:14">
      <c r="N880386" s="10"/>
    </row>
    <row r="880387" spans="14:14">
      <c r="N880387" s="10"/>
    </row>
    <row r="880388" spans="14:14">
      <c r="N880388" s="10"/>
    </row>
    <row r="880389" spans="14:14">
      <c r="N880389" s="10"/>
    </row>
    <row r="880390" spans="14:14">
      <c r="N880390" s="10"/>
    </row>
    <row r="880391" spans="14:14">
      <c r="N880391" s="10"/>
    </row>
    <row r="880392" spans="14:14">
      <c r="N880392" s="10"/>
    </row>
    <row r="880393" spans="14:14">
      <c r="N880393" s="10"/>
    </row>
    <row r="880394" spans="14:14">
      <c r="N880394" s="10"/>
    </row>
    <row r="880395" spans="14:14">
      <c r="N880395" s="10"/>
    </row>
    <row r="880396" spans="14:14">
      <c r="N880396" s="10"/>
    </row>
    <row r="880397" spans="14:14">
      <c r="N880397" s="10"/>
    </row>
    <row r="880398" spans="14:14">
      <c r="N880398" s="10"/>
    </row>
    <row r="880399" spans="14:14">
      <c r="N880399" s="10"/>
    </row>
    <row r="880400" spans="14:14">
      <c r="N880400" s="10"/>
    </row>
    <row r="880401" spans="14:14">
      <c r="N880401" s="10"/>
    </row>
    <row r="880402" spans="14:14">
      <c r="N880402" s="10"/>
    </row>
    <row r="880403" spans="14:14">
      <c r="N880403" s="10"/>
    </row>
    <row r="880404" spans="14:14">
      <c r="N880404" s="10"/>
    </row>
    <row r="880405" spans="14:14">
      <c r="N880405" s="10"/>
    </row>
    <row r="880406" spans="14:14">
      <c r="N880406" s="10"/>
    </row>
    <row r="880407" spans="14:14">
      <c r="N880407" s="10"/>
    </row>
    <row r="880408" spans="14:14">
      <c r="N880408" s="10"/>
    </row>
    <row r="880409" spans="14:14">
      <c r="N880409" s="10"/>
    </row>
    <row r="880410" spans="14:14">
      <c r="N880410" s="10"/>
    </row>
    <row r="880411" spans="14:14">
      <c r="N880411" s="10"/>
    </row>
    <row r="880412" spans="14:14">
      <c r="N880412" s="10"/>
    </row>
    <row r="880413" spans="14:14">
      <c r="N880413" s="10"/>
    </row>
    <row r="880414" spans="14:14">
      <c r="N880414" s="10"/>
    </row>
    <row r="880415" spans="14:14">
      <c r="N880415" s="10"/>
    </row>
    <row r="880416" spans="14:14">
      <c r="N880416" s="10"/>
    </row>
    <row r="880417" spans="14:14">
      <c r="N880417" s="10"/>
    </row>
    <row r="880418" spans="14:14">
      <c r="N880418" s="10"/>
    </row>
    <row r="880419" spans="14:14">
      <c r="N880419" s="10"/>
    </row>
    <row r="880420" spans="14:14">
      <c r="N880420" s="10"/>
    </row>
    <row r="880421" spans="14:14">
      <c r="N880421" s="10"/>
    </row>
    <row r="880422" spans="14:14">
      <c r="N880422" s="10"/>
    </row>
    <row r="880423" spans="14:14">
      <c r="N880423" s="10"/>
    </row>
    <row r="880424" spans="14:14">
      <c r="N880424" s="10"/>
    </row>
    <row r="880425" spans="14:14">
      <c r="N880425" s="10"/>
    </row>
    <row r="880426" spans="14:14">
      <c r="N880426" s="10"/>
    </row>
    <row r="880427" spans="14:14">
      <c r="N880427" s="10"/>
    </row>
    <row r="880428" spans="14:14">
      <c r="N880428" s="10"/>
    </row>
    <row r="880429" spans="14:14">
      <c r="N880429" s="10"/>
    </row>
    <row r="880430" spans="14:14">
      <c r="N880430" s="10"/>
    </row>
    <row r="880431" spans="14:14">
      <c r="N880431" s="10"/>
    </row>
    <row r="880432" spans="14:14">
      <c r="N880432" s="10"/>
    </row>
    <row r="880433" spans="14:14">
      <c r="N880433" s="10"/>
    </row>
    <row r="880434" spans="14:14">
      <c r="N880434" s="10"/>
    </row>
    <row r="880435" spans="14:14">
      <c r="N880435" s="10"/>
    </row>
    <row r="880436" spans="14:14">
      <c r="N880436" s="10"/>
    </row>
    <row r="880437" spans="14:14">
      <c r="N880437" s="10"/>
    </row>
    <row r="880438" spans="14:14">
      <c r="N880438" s="10"/>
    </row>
    <row r="880439" spans="14:14">
      <c r="N880439" s="10"/>
    </row>
    <row r="880440" spans="14:14">
      <c r="N880440" s="10"/>
    </row>
    <row r="880441" spans="14:14">
      <c r="N880441" s="10"/>
    </row>
    <row r="880442" spans="14:14">
      <c r="N880442" s="10"/>
    </row>
    <row r="880443" spans="14:14">
      <c r="N880443" s="10"/>
    </row>
    <row r="880444" spans="14:14">
      <c r="N880444" s="10"/>
    </row>
    <row r="880445" spans="14:14">
      <c r="N880445" s="10"/>
    </row>
    <row r="880446" spans="14:14">
      <c r="N880446" s="10"/>
    </row>
    <row r="880447" spans="14:14">
      <c r="N880447" s="10"/>
    </row>
    <row r="880448" spans="14:14">
      <c r="N880448" s="10"/>
    </row>
    <row r="880449" spans="14:14">
      <c r="N880449" s="10"/>
    </row>
    <row r="880450" spans="14:14">
      <c r="N880450" s="10"/>
    </row>
    <row r="880451" spans="14:14">
      <c r="N880451" s="10"/>
    </row>
    <row r="880452" spans="14:14">
      <c r="N880452" s="10"/>
    </row>
    <row r="880453" spans="14:14">
      <c r="N880453" s="10"/>
    </row>
    <row r="880454" spans="14:14">
      <c r="N880454" s="10"/>
    </row>
    <row r="880455" spans="14:14">
      <c r="N880455" s="10"/>
    </row>
    <row r="880456" spans="14:14">
      <c r="N880456" s="10"/>
    </row>
    <row r="880457" spans="14:14">
      <c r="N880457" s="10"/>
    </row>
    <row r="880458" spans="14:14">
      <c r="N880458" s="10"/>
    </row>
    <row r="880459" spans="14:14">
      <c r="N880459" s="10"/>
    </row>
    <row r="880460" spans="14:14">
      <c r="N880460" s="10"/>
    </row>
    <row r="880461" spans="14:14">
      <c r="N880461" s="10"/>
    </row>
    <row r="880462" spans="14:14">
      <c r="N880462" s="10"/>
    </row>
    <row r="880463" spans="14:14">
      <c r="N880463" s="10"/>
    </row>
    <row r="880464" spans="14:14">
      <c r="N880464" s="10"/>
    </row>
    <row r="880465" spans="14:14">
      <c r="N880465" s="10"/>
    </row>
    <row r="880466" spans="14:14">
      <c r="N880466" s="10"/>
    </row>
    <row r="880467" spans="14:14">
      <c r="N880467" s="10"/>
    </row>
    <row r="880468" spans="14:14">
      <c r="N880468" s="10"/>
    </row>
    <row r="880469" spans="14:14">
      <c r="N880469" s="10"/>
    </row>
    <row r="880470" spans="14:14">
      <c r="N880470" s="10"/>
    </row>
    <row r="880471" spans="14:14">
      <c r="N880471" s="10"/>
    </row>
    <row r="880472" spans="14:14">
      <c r="N880472" s="10"/>
    </row>
    <row r="880473" spans="14:14">
      <c r="N880473" s="10"/>
    </row>
    <row r="880474" spans="14:14">
      <c r="N880474" s="10"/>
    </row>
    <row r="880475" spans="14:14">
      <c r="N880475" s="10"/>
    </row>
    <row r="880476" spans="14:14">
      <c r="N880476" s="10"/>
    </row>
    <row r="880477" spans="14:14">
      <c r="N880477" s="10"/>
    </row>
    <row r="880478" spans="14:14">
      <c r="N880478" s="10"/>
    </row>
    <row r="880479" spans="14:14">
      <c r="N880479" s="10"/>
    </row>
    <row r="880480" spans="14:14">
      <c r="N880480" s="10"/>
    </row>
    <row r="880481" spans="14:14">
      <c r="N880481" s="10"/>
    </row>
    <row r="880482" spans="14:14">
      <c r="N880482" s="10"/>
    </row>
    <row r="880483" spans="14:14">
      <c r="N880483" s="10"/>
    </row>
    <row r="880484" spans="14:14">
      <c r="N880484" s="10"/>
    </row>
    <row r="880485" spans="14:14">
      <c r="N880485" s="10"/>
    </row>
    <row r="880486" spans="14:14">
      <c r="N880486" s="10"/>
    </row>
    <row r="880487" spans="14:14">
      <c r="N880487" s="10"/>
    </row>
    <row r="880488" spans="14:14">
      <c r="N880488" s="10"/>
    </row>
    <row r="880489" spans="14:14">
      <c r="N880489" s="10"/>
    </row>
    <row r="880490" spans="14:14">
      <c r="N880490" s="10"/>
    </row>
    <row r="880491" spans="14:14">
      <c r="N880491" s="10"/>
    </row>
    <row r="880492" spans="14:14">
      <c r="N880492" s="10"/>
    </row>
    <row r="880493" spans="14:14">
      <c r="N880493" s="10"/>
    </row>
    <row r="880494" spans="14:14">
      <c r="N880494" s="10"/>
    </row>
    <row r="880495" spans="14:14">
      <c r="N880495" s="10"/>
    </row>
    <row r="880496" spans="14:14">
      <c r="N880496" s="10"/>
    </row>
    <row r="880497" spans="14:14">
      <c r="N880497" s="10"/>
    </row>
    <row r="880498" spans="14:14">
      <c r="N880498" s="10"/>
    </row>
    <row r="880499" spans="14:14">
      <c r="N880499" s="10"/>
    </row>
    <row r="880500" spans="14:14">
      <c r="N880500" s="10"/>
    </row>
    <row r="880501" spans="14:14">
      <c r="N880501" s="10"/>
    </row>
    <row r="880502" spans="14:14">
      <c r="N880502" s="10"/>
    </row>
    <row r="880503" spans="14:14">
      <c r="N880503" s="10"/>
    </row>
    <row r="880504" spans="14:14">
      <c r="N880504" s="10"/>
    </row>
    <row r="880505" spans="14:14">
      <c r="N880505" s="10"/>
    </row>
    <row r="880506" spans="14:14">
      <c r="N880506" s="10"/>
    </row>
    <row r="880507" spans="14:14">
      <c r="N880507" s="10"/>
    </row>
    <row r="880508" spans="14:14">
      <c r="N880508" s="10"/>
    </row>
    <row r="880509" spans="14:14">
      <c r="N880509" s="10"/>
    </row>
    <row r="880510" spans="14:14">
      <c r="N880510" s="10"/>
    </row>
    <row r="880511" spans="14:14">
      <c r="N880511" s="10"/>
    </row>
    <row r="880512" spans="14:14">
      <c r="N880512" s="10"/>
    </row>
    <row r="880513" spans="14:14">
      <c r="N880513" s="10"/>
    </row>
    <row r="880514" spans="14:14">
      <c r="N880514" s="10"/>
    </row>
    <row r="880515" spans="14:14">
      <c r="N880515" s="10"/>
    </row>
    <row r="880516" spans="14:14">
      <c r="N880516" s="10"/>
    </row>
    <row r="880517" spans="14:14">
      <c r="N880517" s="10"/>
    </row>
    <row r="880518" spans="14:14">
      <c r="N880518" s="10"/>
    </row>
    <row r="880519" spans="14:14">
      <c r="N880519" s="10"/>
    </row>
    <row r="880520" spans="14:14">
      <c r="N880520" s="10"/>
    </row>
    <row r="880521" spans="14:14">
      <c r="N880521" s="10"/>
    </row>
    <row r="880522" spans="14:14">
      <c r="N880522" s="10"/>
    </row>
    <row r="880523" spans="14:14">
      <c r="N880523" s="10"/>
    </row>
    <row r="880524" spans="14:14">
      <c r="N880524" s="10"/>
    </row>
    <row r="880525" spans="14:14">
      <c r="N880525" s="10"/>
    </row>
    <row r="880526" spans="14:14">
      <c r="N880526" s="10"/>
    </row>
    <row r="880527" spans="14:14">
      <c r="N880527" s="10"/>
    </row>
    <row r="880528" spans="14:14">
      <c r="N880528" s="10"/>
    </row>
    <row r="880529" spans="14:14">
      <c r="N880529" s="10"/>
    </row>
    <row r="880530" spans="14:14">
      <c r="N880530" s="10"/>
    </row>
    <row r="880531" spans="14:14">
      <c r="N880531" s="10"/>
    </row>
    <row r="880532" spans="14:14">
      <c r="N880532" s="10"/>
    </row>
    <row r="880533" spans="14:14">
      <c r="N880533" s="10"/>
    </row>
    <row r="880534" spans="14:14">
      <c r="N880534" s="10"/>
    </row>
    <row r="880535" spans="14:14">
      <c r="N880535" s="10"/>
    </row>
    <row r="880536" spans="14:14">
      <c r="N880536" s="10"/>
    </row>
    <row r="880537" spans="14:14">
      <c r="N880537" s="10"/>
    </row>
    <row r="880538" spans="14:14">
      <c r="N880538" s="10"/>
    </row>
    <row r="880539" spans="14:14">
      <c r="N880539" s="10"/>
    </row>
    <row r="880540" spans="14:14">
      <c r="N880540" s="10"/>
    </row>
    <row r="880541" spans="14:14">
      <c r="N880541" s="10"/>
    </row>
    <row r="880542" spans="14:14">
      <c r="N880542" s="10"/>
    </row>
    <row r="880543" spans="14:14">
      <c r="N880543" s="10"/>
    </row>
    <row r="880544" spans="14:14">
      <c r="N880544" s="10"/>
    </row>
    <row r="880545" spans="14:14">
      <c r="N880545" s="10"/>
    </row>
    <row r="880546" spans="14:14">
      <c r="N880546" s="10"/>
    </row>
    <row r="880547" spans="14:14">
      <c r="N880547" s="10"/>
    </row>
    <row r="880548" spans="14:14">
      <c r="N880548" s="10"/>
    </row>
    <row r="880549" spans="14:14">
      <c r="N880549" s="10"/>
    </row>
    <row r="880550" spans="14:14">
      <c r="N880550" s="10"/>
    </row>
    <row r="880551" spans="14:14">
      <c r="N880551" s="10"/>
    </row>
    <row r="880552" spans="14:14">
      <c r="N880552" s="10"/>
    </row>
    <row r="880553" spans="14:14">
      <c r="N880553" s="10"/>
    </row>
    <row r="880554" spans="14:14">
      <c r="N880554" s="10"/>
    </row>
    <row r="880555" spans="14:14">
      <c r="N880555" s="10"/>
    </row>
    <row r="880556" spans="14:14">
      <c r="N880556" s="10"/>
    </row>
    <row r="880557" spans="14:14">
      <c r="N880557" s="10"/>
    </row>
    <row r="880558" spans="14:14">
      <c r="N880558" s="10"/>
    </row>
    <row r="880559" spans="14:14">
      <c r="N880559" s="10"/>
    </row>
    <row r="880560" spans="14:14">
      <c r="N880560" s="10"/>
    </row>
    <row r="880561" spans="14:14">
      <c r="N880561" s="10"/>
    </row>
    <row r="880562" spans="14:14">
      <c r="N880562" s="10"/>
    </row>
    <row r="880563" spans="14:14">
      <c r="N880563" s="10"/>
    </row>
    <row r="880564" spans="14:14">
      <c r="N880564" s="10"/>
    </row>
    <row r="880565" spans="14:14">
      <c r="N880565" s="10"/>
    </row>
    <row r="880566" spans="14:14">
      <c r="N880566" s="10"/>
    </row>
    <row r="880567" spans="14:14">
      <c r="N880567" s="10"/>
    </row>
    <row r="880568" spans="14:14">
      <c r="N880568" s="10"/>
    </row>
    <row r="880569" spans="14:14">
      <c r="N880569" s="10"/>
    </row>
    <row r="880570" spans="14:14">
      <c r="N880570" s="10"/>
    </row>
    <row r="880571" spans="14:14">
      <c r="N880571" s="10"/>
    </row>
    <row r="880572" spans="14:14">
      <c r="N880572" s="10"/>
    </row>
    <row r="880573" spans="14:14">
      <c r="N880573" s="10"/>
    </row>
    <row r="880574" spans="14:14">
      <c r="N880574" s="10"/>
    </row>
    <row r="880575" spans="14:14">
      <c r="N880575" s="10"/>
    </row>
    <row r="880576" spans="14:14">
      <c r="N880576" s="10"/>
    </row>
    <row r="880577" spans="14:14">
      <c r="N880577" s="10"/>
    </row>
    <row r="880578" spans="14:14">
      <c r="N880578" s="10"/>
    </row>
    <row r="880579" spans="14:14">
      <c r="N880579" s="10"/>
    </row>
    <row r="880580" spans="14:14">
      <c r="N880580" s="10"/>
    </row>
    <row r="880581" spans="14:14">
      <c r="N880581" s="10"/>
    </row>
    <row r="880582" spans="14:14">
      <c r="N880582" s="10"/>
    </row>
    <row r="880583" spans="14:14">
      <c r="N880583" s="10"/>
    </row>
    <row r="880584" spans="14:14">
      <c r="N880584" s="10"/>
    </row>
    <row r="880585" spans="14:14">
      <c r="N880585" s="10"/>
    </row>
    <row r="880586" spans="14:14">
      <c r="N880586" s="10"/>
    </row>
    <row r="880587" spans="14:14">
      <c r="N880587" s="10"/>
    </row>
    <row r="880588" spans="14:14">
      <c r="N880588" s="10"/>
    </row>
    <row r="880589" spans="14:14">
      <c r="N880589" s="10"/>
    </row>
    <row r="880590" spans="14:14">
      <c r="N880590" s="10"/>
    </row>
    <row r="880591" spans="14:14">
      <c r="N880591" s="10"/>
    </row>
    <row r="880592" spans="14:14">
      <c r="N880592" s="10"/>
    </row>
    <row r="880593" spans="14:14">
      <c r="N880593" s="10"/>
    </row>
    <row r="880594" spans="14:14">
      <c r="N880594" s="10"/>
    </row>
    <row r="880595" spans="14:14">
      <c r="N880595" s="10"/>
    </row>
    <row r="880596" spans="14:14">
      <c r="N880596" s="10"/>
    </row>
    <row r="880597" spans="14:14">
      <c r="N880597" s="10"/>
    </row>
    <row r="880598" spans="14:14">
      <c r="N880598" s="10"/>
    </row>
    <row r="880599" spans="14:14">
      <c r="N880599" s="10"/>
    </row>
    <row r="880600" spans="14:14">
      <c r="N880600" s="10"/>
    </row>
    <row r="880601" spans="14:14">
      <c r="N880601" s="10"/>
    </row>
    <row r="880602" spans="14:14">
      <c r="N880602" s="10"/>
    </row>
    <row r="880603" spans="14:14">
      <c r="N880603" s="10"/>
    </row>
    <row r="880604" spans="14:14">
      <c r="N880604" s="10"/>
    </row>
    <row r="880605" spans="14:14">
      <c r="N880605" s="10"/>
    </row>
    <row r="880606" spans="14:14">
      <c r="N880606" s="10"/>
    </row>
    <row r="880607" spans="14:14">
      <c r="N880607" s="10"/>
    </row>
    <row r="880608" spans="14:14">
      <c r="N880608" s="10"/>
    </row>
    <row r="880609" spans="14:14">
      <c r="N880609" s="10"/>
    </row>
    <row r="880610" spans="14:14">
      <c r="N880610" s="10"/>
    </row>
    <row r="880611" spans="14:14">
      <c r="N880611" s="10"/>
    </row>
    <row r="880612" spans="14:14">
      <c r="N880612" s="10"/>
    </row>
    <row r="880613" spans="14:14">
      <c r="N880613" s="10"/>
    </row>
    <row r="880614" spans="14:14">
      <c r="N880614" s="10"/>
    </row>
    <row r="880615" spans="14:14">
      <c r="N880615" s="10"/>
    </row>
    <row r="880616" spans="14:14">
      <c r="N880616" s="10"/>
    </row>
    <row r="880617" spans="14:14">
      <c r="N880617" s="10"/>
    </row>
    <row r="880618" spans="14:14">
      <c r="N880618" s="10"/>
    </row>
    <row r="880619" spans="14:14">
      <c r="N880619" s="10"/>
    </row>
    <row r="880620" spans="14:14">
      <c r="N880620" s="10"/>
    </row>
    <row r="880621" spans="14:14">
      <c r="N880621" s="10"/>
    </row>
    <row r="880622" spans="14:14">
      <c r="N880622" s="10"/>
    </row>
    <row r="880623" spans="14:14">
      <c r="N880623" s="10"/>
    </row>
    <row r="880624" spans="14:14">
      <c r="N880624" s="10"/>
    </row>
    <row r="880625" spans="14:14">
      <c r="N880625" s="10"/>
    </row>
    <row r="880626" spans="14:14">
      <c r="N880626" s="10"/>
    </row>
    <row r="880627" spans="14:14">
      <c r="N880627" s="10"/>
    </row>
    <row r="880628" spans="14:14">
      <c r="N880628" s="10"/>
    </row>
    <row r="880629" spans="14:14">
      <c r="N880629" s="10"/>
    </row>
    <row r="880630" spans="14:14">
      <c r="N880630" s="10"/>
    </row>
    <row r="880631" spans="14:14">
      <c r="N880631" s="10"/>
    </row>
    <row r="880632" spans="14:14">
      <c r="N880632" s="10"/>
    </row>
    <row r="880633" spans="14:14">
      <c r="N880633" s="10"/>
    </row>
    <row r="880634" spans="14:14">
      <c r="N880634" s="10"/>
    </row>
    <row r="880635" spans="14:14">
      <c r="N880635" s="10"/>
    </row>
    <row r="880636" spans="14:14">
      <c r="N880636" s="10"/>
    </row>
    <row r="880637" spans="14:14">
      <c r="N880637" s="10"/>
    </row>
    <row r="880638" spans="14:14">
      <c r="N880638" s="10"/>
    </row>
    <row r="880639" spans="14:14">
      <c r="N880639" s="10"/>
    </row>
    <row r="880640" spans="14:14">
      <c r="N880640" s="10"/>
    </row>
    <row r="880641" spans="14:14">
      <c r="N880641" s="10"/>
    </row>
    <row r="880642" spans="14:14">
      <c r="N880642" s="10"/>
    </row>
    <row r="880643" spans="14:14">
      <c r="N880643" s="10"/>
    </row>
    <row r="880644" spans="14:14">
      <c r="N880644" s="10"/>
    </row>
    <row r="880645" spans="14:14">
      <c r="N880645" s="10"/>
    </row>
    <row r="880646" spans="14:14">
      <c r="N880646" s="10"/>
    </row>
    <row r="880647" spans="14:14">
      <c r="N880647" s="10"/>
    </row>
    <row r="880648" spans="14:14">
      <c r="N880648" s="10"/>
    </row>
    <row r="880649" spans="14:14">
      <c r="N880649" s="10"/>
    </row>
    <row r="880650" spans="14:14">
      <c r="N880650" s="10"/>
    </row>
    <row r="880651" spans="14:14">
      <c r="N880651" s="10"/>
    </row>
    <row r="880652" spans="14:14">
      <c r="N880652" s="10"/>
    </row>
    <row r="880653" spans="14:14">
      <c r="N880653" s="10"/>
    </row>
    <row r="880654" spans="14:14">
      <c r="N880654" s="10"/>
    </row>
    <row r="880655" spans="14:14">
      <c r="N880655" s="10"/>
    </row>
    <row r="880656" spans="14:14">
      <c r="N880656" s="10"/>
    </row>
    <row r="880657" spans="14:14">
      <c r="N880657" s="10"/>
    </row>
    <row r="880658" spans="14:14">
      <c r="N880658" s="10"/>
    </row>
    <row r="880659" spans="14:14">
      <c r="N880659" s="10"/>
    </row>
    <row r="880660" spans="14:14">
      <c r="N880660" s="10"/>
    </row>
    <row r="880661" spans="14:14">
      <c r="N880661" s="10"/>
    </row>
    <row r="880662" spans="14:14">
      <c r="N880662" s="10"/>
    </row>
    <row r="880663" spans="14:14">
      <c r="N880663" s="10"/>
    </row>
    <row r="880664" spans="14:14">
      <c r="N880664" s="10"/>
    </row>
    <row r="880665" spans="14:14">
      <c r="N880665" s="10"/>
    </row>
    <row r="880666" spans="14:14">
      <c r="N880666" s="10"/>
    </row>
    <row r="880667" spans="14:14">
      <c r="N880667" s="10"/>
    </row>
    <row r="880668" spans="14:14">
      <c r="N880668" s="10"/>
    </row>
    <row r="880669" spans="14:14">
      <c r="N880669" s="10"/>
    </row>
    <row r="880670" spans="14:14">
      <c r="N880670" s="10"/>
    </row>
    <row r="880671" spans="14:14">
      <c r="N880671" s="10"/>
    </row>
    <row r="880672" spans="14:14">
      <c r="N880672" s="10"/>
    </row>
    <row r="880673" spans="14:14">
      <c r="N880673" s="10"/>
    </row>
    <row r="880674" spans="14:14">
      <c r="N880674" s="10"/>
    </row>
    <row r="880675" spans="14:14">
      <c r="N880675" s="10"/>
    </row>
    <row r="880676" spans="14:14">
      <c r="N880676" s="10"/>
    </row>
    <row r="880677" spans="14:14">
      <c r="N880677" s="10"/>
    </row>
    <row r="880678" spans="14:14">
      <c r="N880678" s="10"/>
    </row>
    <row r="880679" spans="14:14">
      <c r="N880679" s="10"/>
    </row>
    <row r="880680" spans="14:14">
      <c r="N880680" s="10"/>
    </row>
    <row r="880681" spans="14:14">
      <c r="N880681" s="10"/>
    </row>
    <row r="880682" spans="14:14">
      <c r="N880682" s="10"/>
    </row>
    <row r="880683" spans="14:14">
      <c r="N880683" s="10"/>
    </row>
    <row r="880684" spans="14:14">
      <c r="N880684" s="10"/>
    </row>
    <row r="880685" spans="14:14">
      <c r="N880685" s="10"/>
    </row>
    <row r="880686" spans="14:14">
      <c r="N880686" s="10"/>
    </row>
    <row r="880687" spans="14:14">
      <c r="N880687" s="10"/>
    </row>
    <row r="880688" spans="14:14">
      <c r="N880688" s="10"/>
    </row>
    <row r="880689" spans="14:14">
      <c r="N880689" s="10"/>
    </row>
    <row r="880690" spans="14:14">
      <c r="N880690" s="10"/>
    </row>
    <row r="880691" spans="14:14">
      <c r="N880691" s="10"/>
    </row>
    <row r="880692" spans="14:14">
      <c r="N880692" s="10"/>
    </row>
    <row r="880693" spans="14:14">
      <c r="N880693" s="10"/>
    </row>
    <row r="880694" spans="14:14">
      <c r="N880694" s="10"/>
    </row>
    <row r="880695" spans="14:14">
      <c r="N880695" s="10"/>
    </row>
    <row r="880696" spans="14:14">
      <c r="N880696" s="10"/>
    </row>
    <row r="880697" spans="14:14">
      <c r="N880697" s="10"/>
    </row>
    <row r="880698" spans="14:14">
      <c r="N880698" s="10"/>
    </row>
    <row r="880699" spans="14:14">
      <c r="N880699" s="10"/>
    </row>
    <row r="880700" spans="14:14">
      <c r="N880700" s="10"/>
    </row>
    <row r="880701" spans="14:14">
      <c r="N880701" s="10"/>
    </row>
    <row r="880702" spans="14:14">
      <c r="N880702" s="10"/>
    </row>
    <row r="880703" spans="14:14">
      <c r="N880703" s="10"/>
    </row>
    <row r="880704" spans="14:14">
      <c r="N880704" s="10"/>
    </row>
    <row r="880705" spans="14:14">
      <c r="N880705" s="10"/>
    </row>
    <row r="880706" spans="14:14">
      <c r="N880706" s="10"/>
    </row>
    <row r="880707" spans="14:14">
      <c r="N880707" s="10"/>
    </row>
    <row r="880708" spans="14:14">
      <c r="N880708" s="10"/>
    </row>
    <row r="880709" spans="14:14">
      <c r="N880709" s="10"/>
    </row>
    <row r="880710" spans="14:14">
      <c r="N880710" s="10"/>
    </row>
    <row r="880711" spans="14:14">
      <c r="N880711" s="10"/>
    </row>
    <row r="880712" spans="14:14">
      <c r="N880712" s="10"/>
    </row>
    <row r="880713" spans="14:14">
      <c r="N880713" s="10"/>
    </row>
    <row r="880714" spans="14:14">
      <c r="N880714" s="10"/>
    </row>
    <row r="880715" spans="14:14">
      <c r="N880715" s="10"/>
    </row>
    <row r="880716" spans="14:14">
      <c r="N880716" s="10"/>
    </row>
    <row r="880717" spans="14:14">
      <c r="N880717" s="10"/>
    </row>
    <row r="880718" spans="14:14">
      <c r="N880718" s="10"/>
    </row>
    <row r="880719" spans="14:14">
      <c r="N880719" s="10"/>
    </row>
    <row r="880720" spans="14:14">
      <c r="N880720" s="10"/>
    </row>
    <row r="880721" spans="14:14">
      <c r="N880721" s="10"/>
    </row>
    <row r="880722" spans="14:14">
      <c r="N880722" s="10"/>
    </row>
    <row r="880723" spans="14:14">
      <c r="N880723" s="10"/>
    </row>
    <row r="880724" spans="14:14">
      <c r="N880724" s="10"/>
    </row>
    <row r="880725" spans="14:14">
      <c r="N880725" s="10"/>
    </row>
    <row r="880726" spans="14:14">
      <c r="N880726" s="10"/>
    </row>
    <row r="880727" spans="14:14">
      <c r="N880727" s="10"/>
    </row>
    <row r="880728" spans="14:14">
      <c r="N880728" s="10"/>
    </row>
    <row r="880729" spans="14:14">
      <c r="N880729" s="10"/>
    </row>
    <row r="880730" spans="14:14">
      <c r="N880730" s="10"/>
    </row>
    <row r="880731" spans="14:14">
      <c r="N880731" s="10"/>
    </row>
    <row r="880732" spans="14:14">
      <c r="N880732" s="10"/>
    </row>
    <row r="880733" spans="14:14">
      <c r="N880733" s="10"/>
    </row>
    <row r="880734" spans="14:14">
      <c r="N880734" s="10"/>
    </row>
    <row r="880735" spans="14:14">
      <c r="N880735" s="10"/>
    </row>
    <row r="880736" spans="14:14">
      <c r="N880736" s="10"/>
    </row>
    <row r="880737" spans="14:14">
      <c r="N880737" s="10"/>
    </row>
    <row r="880738" spans="14:14">
      <c r="N880738" s="10"/>
    </row>
    <row r="880739" spans="14:14">
      <c r="N880739" s="10"/>
    </row>
    <row r="880740" spans="14:14">
      <c r="N880740" s="10"/>
    </row>
    <row r="880741" spans="14:14">
      <c r="N880741" s="10"/>
    </row>
    <row r="880742" spans="14:14">
      <c r="N880742" s="10"/>
    </row>
    <row r="880743" spans="14:14">
      <c r="N880743" s="10"/>
    </row>
    <row r="880744" spans="14:14">
      <c r="N880744" s="10"/>
    </row>
    <row r="880745" spans="14:14">
      <c r="N880745" s="10"/>
    </row>
    <row r="880746" spans="14:14">
      <c r="N880746" s="10"/>
    </row>
    <row r="880747" spans="14:14">
      <c r="N880747" s="10"/>
    </row>
    <row r="880748" spans="14:14">
      <c r="N880748" s="10"/>
    </row>
    <row r="880749" spans="14:14">
      <c r="N880749" s="10"/>
    </row>
    <row r="880750" spans="14:14">
      <c r="N880750" s="10"/>
    </row>
    <row r="880751" spans="14:14">
      <c r="N880751" s="10"/>
    </row>
    <row r="880752" spans="14:14">
      <c r="N880752" s="10"/>
    </row>
    <row r="880753" spans="14:14">
      <c r="N880753" s="10"/>
    </row>
    <row r="880754" spans="14:14">
      <c r="N880754" s="10"/>
    </row>
    <row r="880755" spans="14:14">
      <c r="N880755" s="10"/>
    </row>
    <row r="880756" spans="14:14">
      <c r="N880756" s="10"/>
    </row>
    <row r="880757" spans="14:14">
      <c r="N880757" s="10"/>
    </row>
    <row r="880758" spans="14:14">
      <c r="N880758" s="10"/>
    </row>
    <row r="880759" spans="14:14">
      <c r="N880759" s="10"/>
    </row>
    <row r="880760" spans="14:14">
      <c r="N880760" s="10"/>
    </row>
    <row r="880761" spans="14:14">
      <c r="N880761" s="10"/>
    </row>
    <row r="880762" spans="14:14">
      <c r="N880762" s="10"/>
    </row>
    <row r="880763" spans="14:14">
      <c r="N880763" s="10"/>
    </row>
    <row r="880764" spans="14:14">
      <c r="N880764" s="10"/>
    </row>
    <row r="880765" spans="14:14">
      <c r="N880765" s="10"/>
    </row>
    <row r="880766" spans="14:14">
      <c r="N880766" s="10"/>
    </row>
    <row r="880767" spans="14:14">
      <c r="N880767" s="10"/>
    </row>
    <row r="880768" spans="14:14">
      <c r="N880768" s="10"/>
    </row>
    <row r="880769" spans="14:14">
      <c r="N880769" s="10"/>
    </row>
    <row r="880770" spans="14:14">
      <c r="N880770" s="10"/>
    </row>
    <row r="880771" spans="14:14">
      <c r="N880771" s="10"/>
    </row>
    <row r="880772" spans="14:14">
      <c r="N880772" s="10"/>
    </row>
    <row r="880773" spans="14:14">
      <c r="N880773" s="10"/>
    </row>
    <row r="880774" spans="14:14">
      <c r="N880774" s="10"/>
    </row>
    <row r="880775" spans="14:14">
      <c r="N880775" s="10"/>
    </row>
    <row r="880776" spans="14:14">
      <c r="N880776" s="10"/>
    </row>
    <row r="880777" spans="14:14">
      <c r="N880777" s="10"/>
    </row>
    <row r="880778" spans="14:14">
      <c r="N880778" s="10"/>
    </row>
    <row r="880779" spans="14:14">
      <c r="N880779" s="10"/>
    </row>
    <row r="880780" spans="14:14">
      <c r="N880780" s="10"/>
    </row>
    <row r="880781" spans="14:14">
      <c r="N880781" s="10"/>
    </row>
    <row r="880782" spans="14:14">
      <c r="N880782" s="10"/>
    </row>
    <row r="880783" spans="14:14">
      <c r="N880783" s="10"/>
    </row>
    <row r="880784" spans="14:14">
      <c r="N880784" s="10"/>
    </row>
    <row r="880785" spans="14:14">
      <c r="N880785" s="10"/>
    </row>
    <row r="880786" spans="14:14">
      <c r="N880786" s="10"/>
    </row>
    <row r="880787" spans="14:14">
      <c r="N880787" s="10"/>
    </row>
    <row r="880788" spans="14:14">
      <c r="N880788" s="10"/>
    </row>
    <row r="880789" spans="14:14">
      <c r="N880789" s="10"/>
    </row>
    <row r="880790" spans="14:14">
      <c r="N880790" s="10"/>
    </row>
    <row r="880791" spans="14:14">
      <c r="N880791" s="10"/>
    </row>
    <row r="880792" spans="14:14">
      <c r="N880792" s="10"/>
    </row>
    <row r="880793" spans="14:14">
      <c r="N880793" s="10"/>
    </row>
    <row r="880794" spans="14:14">
      <c r="N880794" s="10"/>
    </row>
    <row r="880795" spans="14:14">
      <c r="N880795" s="10"/>
    </row>
    <row r="880796" spans="14:14">
      <c r="N880796" s="10"/>
    </row>
    <row r="880797" spans="14:14">
      <c r="N880797" s="10"/>
    </row>
    <row r="880798" spans="14:14">
      <c r="N880798" s="10"/>
    </row>
    <row r="880799" spans="14:14">
      <c r="N880799" s="10"/>
    </row>
    <row r="880800" spans="14:14">
      <c r="N880800" s="10"/>
    </row>
    <row r="880801" spans="14:14">
      <c r="N880801" s="10"/>
    </row>
    <row r="880802" spans="14:14">
      <c r="N880802" s="10"/>
    </row>
    <row r="880803" spans="14:14">
      <c r="N880803" s="10"/>
    </row>
    <row r="880804" spans="14:14">
      <c r="N880804" s="10"/>
    </row>
    <row r="880805" spans="14:14">
      <c r="N880805" s="10"/>
    </row>
    <row r="880806" spans="14:14">
      <c r="N880806" s="10"/>
    </row>
    <row r="880807" spans="14:14">
      <c r="N880807" s="10"/>
    </row>
    <row r="880808" spans="14:14">
      <c r="N880808" s="10"/>
    </row>
    <row r="880809" spans="14:14">
      <c r="N880809" s="10"/>
    </row>
    <row r="880810" spans="14:14">
      <c r="N880810" s="10"/>
    </row>
    <row r="880811" spans="14:14">
      <c r="N880811" s="10"/>
    </row>
    <row r="880812" spans="14:14">
      <c r="N880812" s="10"/>
    </row>
    <row r="880813" spans="14:14">
      <c r="N880813" s="10"/>
    </row>
    <row r="880814" spans="14:14">
      <c r="N880814" s="10"/>
    </row>
    <row r="880815" spans="14:14">
      <c r="N880815" s="10"/>
    </row>
    <row r="880816" spans="14:14">
      <c r="N880816" s="10"/>
    </row>
    <row r="880817" spans="14:14">
      <c r="N880817" s="10"/>
    </row>
    <row r="880818" spans="14:14">
      <c r="N880818" s="10"/>
    </row>
    <row r="880819" spans="14:14">
      <c r="N880819" s="10"/>
    </row>
    <row r="880820" spans="14:14">
      <c r="N880820" s="10"/>
    </row>
    <row r="880821" spans="14:14">
      <c r="N880821" s="10"/>
    </row>
    <row r="880822" spans="14:14">
      <c r="N880822" s="10"/>
    </row>
    <row r="880823" spans="14:14">
      <c r="N880823" s="10"/>
    </row>
    <row r="880824" spans="14:14">
      <c r="N880824" s="10"/>
    </row>
    <row r="880825" spans="14:14">
      <c r="N880825" s="10"/>
    </row>
    <row r="880826" spans="14:14">
      <c r="N880826" s="10"/>
    </row>
    <row r="880827" spans="14:14">
      <c r="N880827" s="10"/>
    </row>
    <row r="880828" spans="14:14">
      <c r="N880828" s="10"/>
    </row>
    <row r="880829" spans="14:14">
      <c r="N880829" s="10"/>
    </row>
    <row r="880830" spans="14:14">
      <c r="N880830" s="10"/>
    </row>
    <row r="880831" spans="14:14">
      <c r="N880831" s="10"/>
    </row>
    <row r="880832" spans="14:14">
      <c r="N880832" s="10"/>
    </row>
    <row r="880833" spans="14:14">
      <c r="N880833" s="10"/>
    </row>
    <row r="880834" spans="14:14">
      <c r="N880834" s="10"/>
    </row>
    <row r="880835" spans="14:14">
      <c r="N880835" s="10"/>
    </row>
    <row r="880836" spans="14:14">
      <c r="N880836" s="10"/>
    </row>
    <row r="880837" spans="14:14">
      <c r="N880837" s="10"/>
    </row>
    <row r="880838" spans="14:14">
      <c r="N880838" s="10"/>
    </row>
    <row r="880839" spans="14:14">
      <c r="N880839" s="10"/>
    </row>
    <row r="880840" spans="14:14">
      <c r="N880840" s="10"/>
    </row>
    <row r="880841" spans="14:14">
      <c r="N880841" s="10"/>
    </row>
    <row r="880842" spans="14:14">
      <c r="N880842" s="10"/>
    </row>
    <row r="880843" spans="14:14">
      <c r="N880843" s="10"/>
    </row>
    <row r="880844" spans="14:14">
      <c r="N880844" s="10"/>
    </row>
    <row r="880845" spans="14:14">
      <c r="N880845" s="10"/>
    </row>
    <row r="880846" spans="14:14">
      <c r="N880846" s="10"/>
    </row>
    <row r="880847" spans="14:14">
      <c r="N880847" s="10"/>
    </row>
    <row r="880848" spans="14:14">
      <c r="N880848" s="10"/>
    </row>
    <row r="880849" spans="14:14">
      <c r="N880849" s="10"/>
    </row>
    <row r="880850" spans="14:14">
      <c r="N880850" s="10"/>
    </row>
    <row r="880851" spans="14:14">
      <c r="N880851" s="10"/>
    </row>
    <row r="880852" spans="14:14">
      <c r="N880852" s="10"/>
    </row>
    <row r="880853" spans="14:14">
      <c r="N880853" s="10"/>
    </row>
    <row r="880854" spans="14:14">
      <c r="N880854" s="10"/>
    </row>
    <row r="880855" spans="14:14">
      <c r="N880855" s="10"/>
    </row>
    <row r="880856" spans="14:14">
      <c r="N880856" s="10"/>
    </row>
    <row r="880857" spans="14:14">
      <c r="N880857" s="10"/>
    </row>
    <row r="880858" spans="14:14">
      <c r="N880858" s="10"/>
    </row>
    <row r="880859" spans="14:14">
      <c r="N880859" s="10"/>
    </row>
    <row r="880860" spans="14:14">
      <c r="N880860" s="10"/>
    </row>
    <row r="880861" spans="14:14">
      <c r="N880861" s="10"/>
    </row>
    <row r="880862" spans="14:14">
      <c r="N880862" s="10"/>
    </row>
    <row r="880863" spans="14:14">
      <c r="N880863" s="10"/>
    </row>
    <row r="880864" spans="14:14">
      <c r="N880864" s="10"/>
    </row>
    <row r="880865" spans="14:14">
      <c r="N880865" s="10"/>
    </row>
    <row r="880866" spans="14:14">
      <c r="N880866" s="10"/>
    </row>
    <row r="880867" spans="14:14">
      <c r="N880867" s="10"/>
    </row>
    <row r="880868" spans="14:14">
      <c r="N880868" s="10"/>
    </row>
    <row r="880869" spans="14:14">
      <c r="N880869" s="10"/>
    </row>
    <row r="880870" spans="14:14">
      <c r="N880870" s="10"/>
    </row>
    <row r="880871" spans="14:14">
      <c r="N880871" s="10"/>
    </row>
    <row r="880872" spans="14:14">
      <c r="N880872" s="10"/>
    </row>
    <row r="880873" spans="14:14">
      <c r="N880873" s="10"/>
    </row>
    <row r="880874" spans="14:14">
      <c r="N880874" s="10"/>
    </row>
    <row r="880875" spans="14:14">
      <c r="N880875" s="10"/>
    </row>
    <row r="880876" spans="14:14">
      <c r="N880876" s="10"/>
    </row>
    <row r="880877" spans="14:14">
      <c r="N880877" s="10"/>
    </row>
    <row r="880878" spans="14:14">
      <c r="N880878" s="10"/>
    </row>
    <row r="880879" spans="14:14">
      <c r="N880879" s="10"/>
    </row>
    <row r="880880" spans="14:14">
      <c r="N880880" s="10"/>
    </row>
    <row r="880881" spans="14:14">
      <c r="N880881" s="10"/>
    </row>
    <row r="880882" spans="14:14">
      <c r="N880882" s="10"/>
    </row>
    <row r="880883" spans="14:14">
      <c r="N880883" s="10"/>
    </row>
    <row r="880884" spans="14:14">
      <c r="N880884" s="10"/>
    </row>
    <row r="880885" spans="14:14">
      <c r="N880885" s="10"/>
    </row>
    <row r="880886" spans="14:14">
      <c r="N880886" s="10"/>
    </row>
    <row r="880887" spans="14:14">
      <c r="N880887" s="10"/>
    </row>
    <row r="880888" spans="14:14">
      <c r="N880888" s="10"/>
    </row>
    <row r="880889" spans="14:14">
      <c r="N880889" s="10"/>
    </row>
    <row r="880890" spans="14:14">
      <c r="N880890" s="10"/>
    </row>
    <row r="880891" spans="14:14">
      <c r="N880891" s="10"/>
    </row>
    <row r="880892" spans="14:14">
      <c r="N880892" s="10"/>
    </row>
    <row r="880893" spans="14:14">
      <c r="N880893" s="10"/>
    </row>
    <row r="880894" spans="14:14">
      <c r="N880894" s="10"/>
    </row>
    <row r="880895" spans="14:14">
      <c r="N880895" s="10"/>
    </row>
    <row r="880896" spans="14:14">
      <c r="N880896" s="10"/>
    </row>
    <row r="880897" spans="14:14">
      <c r="N880897" s="10"/>
    </row>
    <row r="880898" spans="14:14">
      <c r="N880898" s="10"/>
    </row>
    <row r="880899" spans="14:14">
      <c r="N880899" s="10"/>
    </row>
    <row r="880900" spans="14:14">
      <c r="N880900" s="10"/>
    </row>
    <row r="880901" spans="14:14">
      <c r="N880901" s="10"/>
    </row>
    <row r="880902" spans="14:14">
      <c r="N880902" s="10"/>
    </row>
    <row r="880903" spans="14:14">
      <c r="N880903" s="10"/>
    </row>
    <row r="880904" spans="14:14">
      <c r="N880904" s="10"/>
    </row>
    <row r="880905" spans="14:14">
      <c r="N880905" s="10"/>
    </row>
    <row r="880906" spans="14:14">
      <c r="N880906" s="10"/>
    </row>
    <row r="880907" spans="14:14">
      <c r="N880907" s="10"/>
    </row>
    <row r="880908" spans="14:14">
      <c r="N880908" s="10"/>
    </row>
    <row r="880909" spans="14:14">
      <c r="N880909" s="10"/>
    </row>
    <row r="880910" spans="14:14">
      <c r="N880910" s="10"/>
    </row>
    <row r="880911" spans="14:14">
      <c r="N880911" s="10"/>
    </row>
    <row r="880912" spans="14:14">
      <c r="N880912" s="10"/>
    </row>
    <row r="880913" spans="14:14">
      <c r="N880913" s="10"/>
    </row>
    <row r="880914" spans="14:14">
      <c r="N880914" s="10"/>
    </row>
    <row r="880915" spans="14:14">
      <c r="N880915" s="10"/>
    </row>
    <row r="880916" spans="14:14">
      <c r="N880916" s="10"/>
    </row>
    <row r="880917" spans="14:14">
      <c r="N880917" s="10"/>
    </row>
    <row r="880918" spans="14:14">
      <c r="N880918" s="10"/>
    </row>
    <row r="880919" spans="14:14">
      <c r="N880919" s="10"/>
    </row>
    <row r="880920" spans="14:14">
      <c r="N880920" s="10"/>
    </row>
    <row r="880921" spans="14:14">
      <c r="N880921" s="10"/>
    </row>
    <row r="880922" spans="14:14">
      <c r="N880922" s="10"/>
    </row>
    <row r="880923" spans="14:14">
      <c r="N880923" s="10"/>
    </row>
    <row r="880924" spans="14:14">
      <c r="N880924" s="10"/>
    </row>
    <row r="880925" spans="14:14">
      <c r="N880925" s="10"/>
    </row>
    <row r="880926" spans="14:14">
      <c r="N880926" s="10"/>
    </row>
    <row r="880927" spans="14:14">
      <c r="N880927" s="10"/>
    </row>
    <row r="880928" spans="14:14">
      <c r="N880928" s="10"/>
    </row>
    <row r="880929" spans="14:14">
      <c r="N880929" s="10"/>
    </row>
    <row r="880930" spans="14:14">
      <c r="N880930" s="10"/>
    </row>
    <row r="880931" spans="14:14">
      <c r="N880931" s="10"/>
    </row>
    <row r="880932" spans="14:14">
      <c r="N880932" s="10"/>
    </row>
    <row r="880933" spans="14:14">
      <c r="N880933" s="10"/>
    </row>
    <row r="880934" spans="14:14">
      <c r="N880934" s="10"/>
    </row>
    <row r="880935" spans="14:14">
      <c r="N880935" s="10"/>
    </row>
    <row r="880936" spans="14:14">
      <c r="N880936" s="10"/>
    </row>
    <row r="880937" spans="14:14">
      <c r="N880937" s="10"/>
    </row>
    <row r="880938" spans="14:14">
      <c r="N880938" s="10"/>
    </row>
    <row r="880939" spans="14:14">
      <c r="N880939" s="10"/>
    </row>
    <row r="880940" spans="14:14">
      <c r="N880940" s="10"/>
    </row>
    <row r="880941" spans="14:14">
      <c r="N880941" s="10"/>
    </row>
    <row r="880942" spans="14:14">
      <c r="N880942" s="10"/>
    </row>
    <row r="880943" spans="14:14">
      <c r="N880943" s="10"/>
    </row>
    <row r="880944" spans="14:14">
      <c r="N880944" s="10"/>
    </row>
    <row r="880945" spans="14:14">
      <c r="N880945" s="10"/>
    </row>
    <row r="880946" spans="14:14">
      <c r="N880946" s="10"/>
    </row>
    <row r="880947" spans="14:14">
      <c r="N880947" s="10"/>
    </row>
    <row r="880948" spans="14:14">
      <c r="N880948" s="10"/>
    </row>
    <row r="880949" spans="14:14">
      <c r="N880949" s="10"/>
    </row>
    <row r="880950" spans="14:14">
      <c r="N880950" s="10"/>
    </row>
    <row r="880951" spans="14:14">
      <c r="N880951" s="10"/>
    </row>
    <row r="880952" spans="14:14">
      <c r="N880952" s="10"/>
    </row>
    <row r="880953" spans="14:14">
      <c r="N880953" s="10"/>
    </row>
    <row r="880954" spans="14:14">
      <c r="N880954" s="10"/>
    </row>
    <row r="880955" spans="14:14">
      <c r="N880955" s="10"/>
    </row>
    <row r="880956" spans="14:14">
      <c r="N880956" s="10"/>
    </row>
    <row r="880957" spans="14:14">
      <c r="N880957" s="10"/>
    </row>
    <row r="880958" spans="14:14">
      <c r="N880958" s="10"/>
    </row>
    <row r="880959" spans="14:14">
      <c r="N880959" s="10"/>
    </row>
    <row r="880960" spans="14:14">
      <c r="N880960" s="10"/>
    </row>
    <row r="880961" spans="14:14">
      <c r="N880961" s="10"/>
    </row>
    <row r="880962" spans="14:14">
      <c r="N880962" s="10"/>
    </row>
    <row r="880963" spans="14:14">
      <c r="N880963" s="10"/>
    </row>
    <row r="880964" spans="14:14">
      <c r="N880964" s="10"/>
    </row>
    <row r="880965" spans="14:14">
      <c r="N880965" s="10"/>
    </row>
    <row r="880966" spans="14:14">
      <c r="N880966" s="10"/>
    </row>
    <row r="880967" spans="14:14">
      <c r="N880967" s="10"/>
    </row>
    <row r="880968" spans="14:14">
      <c r="N880968" s="10"/>
    </row>
    <row r="880969" spans="14:14">
      <c r="N880969" s="10"/>
    </row>
    <row r="880970" spans="14:14">
      <c r="N880970" s="10"/>
    </row>
    <row r="880971" spans="14:14">
      <c r="N880971" s="10"/>
    </row>
    <row r="880972" spans="14:14">
      <c r="N880972" s="10"/>
    </row>
    <row r="880973" spans="14:14">
      <c r="N880973" s="10"/>
    </row>
    <row r="880974" spans="14:14">
      <c r="N880974" s="10"/>
    </row>
    <row r="880975" spans="14:14">
      <c r="N880975" s="10"/>
    </row>
    <row r="880976" spans="14:14">
      <c r="N880976" s="10"/>
    </row>
    <row r="880977" spans="14:14">
      <c r="N880977" s="10"/>
    </row>
    <row r="880978" spans="14:14">
      <c r="N880978" s="10"/>
    </row>
    <row r="880979" spans="14:14">
      <c r="N880979" s="10"/>
    </row>
    <row r="880980" spans="14:14">
      <c r="N880980" s="10"/>
    </row>
    <row r="880981" spans="14:14">
      <c r="N880981" s="10"/>
    </row>
    <row r="880982" spans="14:14">
      <c r="N880982" s="10"/>
    </row>
    <row r="880983" spans="14:14">
      <c r="N880983" s="10"/>
    </row>
    <row r="880984" spans="14:14">
      <c r="N880984" s="10"/>
    </row>
    <row r="880985" spans="14:14">
      <c r="N880985" s="10"/>
    </row>
    <row r="880986" spans="14:14">
      <c r="N880986" s="10"/>
    </row>
    <row r="880987" spans="14:14">
      <c r="N880987" s="10"/>
    </row>
    <row r="880988" spans="14:14">
      <c r="N880988" s="10"/>
    </row>
    <row r="880989" spans="14:14">
      <c r="N880989" s="10"/>
    </row>
    <row r="880990" spans="14:14">
      <c r="N880990" s="10"/>
    </row>
    <row r="880991" spans="14:14">
      <c r="N880991" s="10"/>
    </row>
    <row r="880992" spans="14:14">
      <c r="N880992" s="10"/>
    </row>
    <row r="880993" spans="14:14">
      <c r="N880993" s="10"/>
    </row>
    <row r="880994" spans="14:14">
      <c r="N880994" s="10"/>
    </row>
    <row r="880995" spans="14:14">
      <c r="N880995" s="10"/>
    </row>
    <row r="880996" spans="14:14">
      <c r="N880996" s="10"/>
    </row>
    <row r="880997" spans="14:14">
      <c r="N880997" s="10"/>
    </row>
    <row r="880998" spans="14:14">
      <c r="N880998" s="10"/>
    </row>
    <row r="880999" spans="14:14">
      <c r="N880999" s="10"/>
    </row>
    <row r="881000" spans="14:14">
      <c r="N881000" s="10"/>
    </row>
    <row r="881001" spans="14:14">
      <c r="N881001" s="10"/>
    </row>
    <row r="881002" spans="14:14">
      <c r="N881002" s="10"/>
    </row>
    <row r="881003" spans="14:14">
      <c r="N881003" s="10"/>
    </row>
    <row r="881004" spans="14:14">
      <c r="N881004" s="10"/>
    </row>
    <row r="881005" spans="14:14">
      <c r="N881005" s="10"/>
    </row>
    <row r="881006" spans="14:14">
      <c r="N881006" s="10"/>
    </row>
    <row r="881007" spans="14:14">
      <c r="N881007" s="10"/>
    </row>
    <row r="881008" spans="14:14">
      <c r="N881008" s="10"/>
    </row>
    <row r="881009" spans="14:14">
      <c r="N881009" s="10"/>
    </row>
    <row r="881010" spans="14:14">
      <c r="N881010" s="10"/>
    </row>
    <row r="881011" spans="14:14">
      <c r="N881011" s="10"/>
    </row>
    <row r="881012" spans="14:14">
      <c r="N881012" s="10"/>
    </row>
    <row r="881013" spans="14:14">
      <c r="N881013" s="10"/>
    </row>
    <row r="881014" spans="14:14">
      <c r="N881014" s="10"/>
    </row>
    <row r="881015" spans="14:14">
      <c r="N881015" s="10"/>
    </row>
    <row r="881016" spans="14:14">
      <c r="N881016" s="10"/>
    </row>
    <row r="881017" spans="14:14">
      <c r="N881017" s="10"/>
    </row>
    <row r="881018" spans="14:14">
      <c r="N881018" s="10"/>
    </row>
    <row r="881019" spans="14:14">
      <c r="N881019" s="10"/>
    </row>
    <row r="881020" spans="14:14">
      <c r="N881020" s="10"/>
    </row>
    <row r="881021" spans="14:14">
      <c r="N881021" s="10"/>
    </row>
    <row r="881022" spans="14:14">
      <c r="N881022" s="10"/>
    </row>
    <row r="881023" spans="14:14">
      <c r="N881023" s="10"/>
    </row>
    <row r="881024" spans="14:14">
      <c r="N881024" s="10"/>
    </row>
    <row r="881025" spans="14:14">
      <c r="N881025" s="10"/>
    </row>
    <row r="881026" spans="14:14">
      <c r="N881026" s="10"/>
    </row>
    <row r="881027" spans="14:14">
      <c r="N881027" s="10"/>
    </row>
    <row r="881028" spans="14:14">
      <c r="N881028" s="10"/>
    </row>
    <row r="881029" spans="14:14">
      <c r="N881029" s="10"/>
    </row>
    <row r="881030" spans="14:14">
      <c r="N881030" s="10"/>
    </row>
    <row r="881031" spans="14:14">
      <c r="N881031" s="10"/>
    </row>
    <row r="881032" spans="14:14">
      <c r="N881032" s="10"/>
    </row>
    <row r="881033" spans="14:14">
      <c r="N881033" s="10"/>
    </row>
    <row r="881034" spans="14:14">
      <c r="N881034" s="10"/>
    </row>
    <row r="881035" spans="14:14">
      <c r="N881035" s="10"/>
    </row>
    <row r="881036" spans="14:14">
      <c r="N881036" s="10"/>
    </row>
    <row r="881037" spans="14:14">
      <c r="N881037" s="10"/>
    </row>
    <row r="881038" spans="14:14">
      <c r="N881038" s="10"/>
    </row>
    <row r="881039" spans="14:14">
      <c r="N881039" s="10"/>
    </row>
    <row r="881040" spans="14:14">
      <c r="N881040" s="10"/>
    </row>
    <row r="881041" spans="14:14">
      <c r="N881041" s="10"/>
    </row>
    <row r="881042" spans="14:14">
      <c r="N881042" s="10"/>
    </row>
    <row r="881043" spans="14:14">
      <c r="N881043" s="10"/>
    </row>
    <row r="881044" spans="14:14">
      <c r="N881044" s="10"/>
    </row>
    <row r="881045" spans="14:14">
      <c r="N881045" s="10"/>
    </row>
    <row r="881046" spans="14:14">
      <c r="N881046" s="10"/>
    </row>
    <row r="881047" spans="14:14">
      <c r="N881047" s="10"/>
    </row>
    <row r="881048" spans="14:14">
      <c r="N881048" s="10"/>
    </row>
    <row r="881049" spans="14:14">
      <c r="N881049" s="10"/>
    </row>
    <row r="881050" spans="14:14">
      <c r="N881050" s="10"/>
    </row>
    <row r="881051" spans="14:14">
      <c r="N881051" s="10"/>
    </row>
    <row r="881052" spans="14:14">
      <c r="N881052" s="10"/>
    </row>
    <row r="881053" spans="14:14">
      <c r="N881053" s="10"/>
    </row>
    <row r="881054" spans="14:14">
      <c r="N881054" s="10"/>
    </row>
    <row r="881055" spans="14:14">
      <c r="N881055" s="10"/>
    </row>
    <row r="881056" spans="14:14">
      <c r="N881056" s="10"/>
    </row>
    <row r="881057" spans="14:14">
      <c r="N881057" s="10"/>
    </row>
    <row r="881058" spans="14:14">
      <c r="N881058" s="10"/>
    </row>
    <row r="881059" spans="14:14">
      <c r="N881059" s="10"/>
    </row>
    <row r="881060" spans="14:14">
      <c r="N881060" s="10"/>
    </row>
    <row r="881061" spans="14:14">
      <c r="N881061" s="10"/>
    </row>
    <row r="881062" spans="14:14">
      <c r="N881062" s="10"/>
    </row>
    <row r="881063" spans="14:14">
      <c r="N881063" s="10"/>
    </row>
    <row r="881064" spans="14:14">
      <c r="N881064" s="10"/>
    </row>
    <row r="881065" spans="14:14">
      <c r="N881065" s="10"/>
    </row>
    <row r="881066" spans="14:14">
      <c r="N881066" s="10"/>
    </row>
    <row r="881067" spans="14:14">
      <c r="N881067" s="10"/>
    </row>
    <row r="881068" spans="14:14">
      <c r="N881068" s="10"/>
    </row>
    <row r="881069" spans="14:14">
      <c r="N881069" s="10"/>
    </row>
    <row r="881070" spans="14:14">
      <c r="N881070" s="10"/>
    </row>
    <row r="881071" spans="14:14">
      <c r="N881071" s="10"/>
    </row>
    <row r="881072" spans="14:14">
      <c r="N881072" s="10"/>
    </row>
    <row r="881073" spans="14:14">
      <c r="N881073" s="10"/>
    </row>
    <row r="881074" spans="14:14">
      <c r="N881074" s="10"/>
    </row>
    <row r="881075" spans="14:14">
      <c r="N881075" s="10"/>
    </row>
    <row r="881076" spans="14:14">
      <c r="N881076" s="10"/>
    </row>
    <row r="881077" spans="14:14">
      <c r="N881077" s="10"/>
    </row>
    <row r="881078" spans="14:14">
      <c r="N881078" s="10"/>
    </row>
    <row r="881079" spans="14:14">
      <c r="N881079" s="10"/>
    </row>
    <row r="881080" spans="14:14">
      <c r="N881080" s="10"/>
    </row>
    <row r="881081" spans="14:14">
      <c r="N881081" s="10"/>
    </row>
    <row r="881082" spans="14:14">
      <c r="N881082" s="10"/>
    </row>
    <row r="881083" spans="14:14">
      <c r="N881083" s="10"/>
    </row>
    <row r="881084" spans="14:14">
      <c r="N881084" s="10"/>
    </row>
    <row r="881085" spans="14:14">
      <c r="N881085" s="10"/>
    </row>
    <row r="881086" spans="14:14">
      <c r="N881086" s="10"/>
    </row>
    <row r="881087" spans="14:14">
      <c r="N881087" s="10"/>
    </row>
    <row r="881088" spans="14:14">
      <c r="N881088" s="10"/>
    </row>
    <row r="881089" spans="14:14">
      <c r="N881089" s="10"/>
    </row>
    <row r="881090" spans="14:14">
      <c r="N881090" s="10"/>
    </row>
    <row r="881091" spans="14:14">
      <c r="N881091" s="10"/>
    </row>
    <row r="881092" spans="14:14">
      <c r="N881092" s="10"/>
    </row>
    <row r="881093" spans="14:14">
      <c r="N881093" s="10"/>
    </row>
    <row r="881094" spans="14:14">
      <c r="N881094" s="10"/>
    </row>
    <row r="881095" spans="14:14">
      <c r="N881095" s="10"/>
    </row>
    <row r="881096" spans="14:14">
      <c r="N881096" s="10"/>
    </row>
    <row r="881097" spans="14:14">
      <c r="N881097" s="10"/>
    </row>
    <row r="881098" spans="14:14">
      <c r="N881098" s="10"/>
    </row>
    <row r="881099" spans="14:14">
      <c r="N881099" s="10"/>
    </row>
    <row r="881100" spans="14:14">
      <c r="N881100" s="10"/>
    </row>
    <row r="881101" spans="14:14">
      <c r="N881101" s="10"/>
    </row>
    <row r="881102" spans="14:14">
      <c r="N881102" s="10"/>
    </row>
    <row r="881103" spans="14:14">
      <c r="N881103" s="10"/>
    </row>
    <row r="881104" spans="14:14">
      <c r="N881104" s="10"/>
    </row>
    <row r="881105" spans="14:14">
      <c r="N881105" s="10"/>
    </row>
    <row r="881106" spans="14:14">
      <c r="N881106" s="10"/>
    </row>
    <row r="881107" spans="14:14">
      <c r="N881107" s="10"/>
    </row>
    <row r="881108" spans="14:14">
      <c r="N881108" s="10"/>
    </row>
    <row r="881109" spans="14:14">
      <c r="N881109" s="10"/>
    </row>
    <row r="881110" spans="14:14">
      <c r="N881110" s="10"/>
    </row>
    <row r="881111" spans="14:14">
      <c r="N881111" s="10"/>
    </row>
    <row r="881112" spans="14:14">
      <c r="N881112" s="10"/>
    </row>
    <row r="881113" spans="14:14">
      <c r="N881113" s="10"/>
    </row>
    <row r="881114" spans="14:14">
      <c r="N881114" s="10"/>
    </row>
    <row r="881115" spans="14:14">
      <c r="N881115" s="10"/>
    </row>
    <row r="881116" spans="14:14">
      <c r="N881116" s="10"/>
    </row>
    <row r="881117" spans="14:14">
      <c r="N881117" s="10"/>
    </row>
    <row r="881118" spans="14:14">
      <c r="N881118" s="10"/>
    </row>
    <row r="881119" spans="14:14">
      <c r="N881119" s="10"/>
    </row>
    <row r="881120" spans="14:14">
      <c r="N881120" s="10"/>
    </row>
    <row r="881121" spans="14:14">
      <c r="N881121" s="10"/>
    </row>
    <row r="881122" spans="14:14">
      <c r="N881122" s="10"/>
    </row>
    <row r="881123" spans="14:14">
      <c r="N881123" s="10"/>
    </row>
    <row r="881124" spans="14:14">
      <c r="N881124" s="10"/>
    </row>
    <row r="881125" spans="14:14">
      <c r="N881125" s="10"/>
    </row>
    <row r="881126" spans="14:14">
      <c r="N881126" s="10"/>
    </row>
    <row r="881127" spans="14:14">
      <c r="N881127" s="10"/>
    </row>
    <row r="881128" spans="14:14">
      <c r="N881128" s="10"/>
    </row>
    <row r="881129" spans="14:14">
      <c r="N881129" s="10"/>
    </row>
    <row r="881130" spans="14:14">
      <c r="N881130" s="10"/>
    </row>
    <row r="881131" spans="14:14">
      <c r="N881131" s="10"/>
    </row>
    <row r="881132" spans="14:14">
      <c r="N881132" s="10"/>
    </row>
    <row r="881133" spans="14:14">
      <c r="N881133" s="10"/>
    </row>
    <row r="881134" spans="14:14">
      <c r="N881134" s="10"/>
    </row>
    <row r="881135" spans="14:14">
      <c r="N881135" s="10"/>
    </row>
    <row r="881136" spans="14:14">
      <c r="N881136" s="10"/>
    </row>
    <row r="881137" spans="14:14">
      <c r="N881137" s="10"/>
    </row>
    <row r="881138" spans="14:14">
      <c r="N881138" s="10"/>
    </row>
    <row r="881139" spans="14:14">
      <c r="N881139" s="10"/>
    </row>
    <row r="881140" spans="14:14">
      <c r="N881140" s="10"/>
    </row>
    <row r="881141" spans="14:14">
      <c r="N881141" s="10"/>
    </row>
    <row r="881142" spans="14:14">
      <c r="N881142" s="10"/>
    </row>
    <row r="881143" spans="14:14">
      <c r="N881143" s="10"/>
    </row>
    <row r="881144" spans="14:14">
      <c r="N881144" s="10"/>
    </row>
    <row r="881145" spans="14:14">
      <c r="N881145" s="10"/>
    </row>
    <row r="881146" spans="14:14">
      <c r="N881146" s="10"/>
    </row>
    <row r="881147" spans="14:14">
      <c r="N881147" s="10"/>
    </row>
    <row r="881148" spans="14:14">
      <c r="N881148" s="10"/>
    </row>
    <row r="881149" spans="14:14">
      <c r="N881149" s="10"/>
    </row>
    <row r="881150" spans="14:14">
      <c r="N881150" s="10"/>
    </row>
    <row r="881151" spans="14:14">
      <c r="N881151" s="10"/>
    </row>
    <row r="881152" spans="14:14">
      <c r="N881152" s="10"/>
    </row>
    <row r="881153" spans="14:14">
      <c r="N881153" s="10"/>
    </row>
    <row r="881154" spans="14:14">
      <c r="N881154" s="10"/>
    </row>
    <row r="881155" spans="14:14">
      <c r="N881155" s="10"/>
    </row>
    <row r="881156" spans="14:14">
      <c r="N881156" s="10"/>
    </row>
    <row r="881157" spans="14:14">
      <c r="N881157" s="10"/>
    </row>
    <row r="881158" spans="14:14">
      <c r="N881158" s="10"/>
    </row>
    <row r="881159" spans="14:14">
      <c r="N881159" s="10"/>
    </row>
    <row r="881160" spans="14:14">
      <c r="N881160" s="10"/>
    </row>
    <row r="881161" spans="14:14">
      <c r="N881161" s="10"/>
    </row>
    <row r="881162" spans="14:14">
      <c r="N881162" s="10"/>
    </row>
    <row r="881163" spans="14:14">
      <c r="N881163" s="10"/>
    </row>
    <row r="881164" spans="14:14">
      <c r="N881164" s="10"/>
    </row>
    <row r="881165" spans="14:14">
      <c r="N881165" s="10"/>
    </row>
    <row r="881166" spans="14:14">
      <c r="N881166" s="10"/>
    </row>
    <row r="881167" spans="14:14">
      <c r="N881167" s="10"/>
    </row>
    <row r="881168" spans="14:14">
      <c r="N881168" s="10"/>
    </row>
    <row r="881169" spans="14:14">
      <c r="N881169" s="10"/>
    </row>
    <row r="881170" spans="14:14">
      <c r="N881170" s="10"/>
    </row>
    <row r="881171" spans="14:14">
      <c r="N881171" s="10"/>
    </row>
    <row r="881172" spans="14:14">
      <c r="N881172" s="10"/>
    </row>
    <row r="881173" spans="14:14">
      <c r="N881173" s="10"/>
    </row>
    <row r="881174" spans="14:14">
      <c r="N881174" s="10"/>
    </row>
    <row r="881175" spans="14:14">
      <c r="N881175" s="10"/>
    </row>
    <row r="881176" spans="14:14">
      <c r="N881176" s="10"/>
    </row>
    <row r="881177" spans="14:14">
      <c r="N881177" s="10"/>
    </row>
    <row r="881178" spans="14:14">
      <c r="N881178" s="10"/>
    </row>
    <row r="881179" spans="14:14">
      <c r="N881179" s="10"/>
    </row>
    <row r="881180" spans="14:14">
      <c r="N881180" s="10"/>
    </row>
    <row r="881181" spans="14:14">
      <c r="N881181" s="10"/>
    </row>
    <row r="881182" spans="14:14">
      <c r="N881182" s="10"/>
    </row>
    <row r="881183" spans="14:14">
      <c r="N881183" s="10"/>
    </row>
    <row r="881184" spans="14:14">
      <c r="N881184" s="10"/>
    </row>
    <row r="881185" spans="14:14">
      <c r="N881185" s="10"/>
    </row>
    <row r="881186" spans="14:14">
      <c r="N881186" s="10"/>
    </row>
    <row r="881187" spans="14:14">
      <c r="N881187" s="10"/>
    </row>
    <row r="881188" spans="14:14">
      <c r="N881188" s="10"/>
    </row>
    <row r="881189" spans="14:14">
      <c r="N881189" s="10"/>
    </row>
    <row r="881190" spans="14:14">
      <c r="N881190" s="10"/>
    </row>
    <row r="881191" spans="14:14">
      <c r="N881191" s="10"/>
    </row>
    <row r="881192" spans="14:14">
      <c r="N881192" s="10"/>
    </row>
    <row r="881193" spans="14:14">
      <c r="N881193" s="10"/>
    </row>
    <row r="881194" spans="14:14">
      <c r="N881194" s="10"/>
    </row>
    <row r="881195" spans="14:14">
      <c r="N881195" s="10"/>
    </row>
    <row r="881196" spans="14:14">
      <c r="N881196" s="10"/>
    </row>
    <row r="881197" spans="14:14">
      <c r="N881197" s="10"/>
    </row>
    <row r="881198" spans="14:14">
      <c r="N881198" s="10"/>
    </row>
    <row r="881199" spans="14:14">
      <c r="N881199" s="10"/>
    </row>
    <row r="881200" spans="14:14">
      <c r="N881200" s="10"/>
    </row>
    <row r="881201" spans="14:14">
      <c r="N881201" s="10"/>
    </row>
    <row r="881202" spans="14:14">
      <c r="N881202" s="10"/>
    </row>
    <row r="881203" spans="14:14">
      <c r="N881203" s="10"/>
    </row>
    <row r="881204" spans="14:14">
      <c r="N881204" s="10"/>
    </row>
    <row r="881205" spans="14:14">
      <c r="N881205" s="10"/>
    </row>
    <row r="881206" spans="14:14">
      <c r="N881206" s="10"/>
    </row>
    <row r="881207" spans="14:14">
      <c r="N881207" s="10"/>
    </row>
    <row r="881208" spans="14:14">
      <c r="N881208" s="10"/>
    </row>
    <row r="881209" spans="14:14">
      <c r="N881209" s="10"/>
    </row>
    <row r="881210" spans="14:14">
      <c r="N881210" s="10"/>
    </row>
    <row r="881211" spans="14:14">
      <c r="N881211" s="10"/>
    </row>
    <row r="881212" spans="14:14">
      <c r="N881212" s="10"/>
    </row>
    <row r="881213" spans="14:14">
      <c r="N881213" s="10"/>
    </row>
    <row r="881214" spans="14:14">
      <c r="N881214" s="10"/>
    </row>
    <row r="881215" spans="14:14">
      <c r="N881215" s="10"/>
    </row>
    <row r="881216" spans="14:14">
      <c r="N881216" s="10"/>
    </row>
    <row r="881217" spans="14:14">
      <c r="N881217" s="10"/>
    </row>
    <row r="881218" spans="14:14">
      <c r="N881218" s="10"/>
    </row>
    <row r="881219" spans="14:14">
      <c r="N881219" s="10"/>
    </row>
    <row r="881220" spans="14:14">
      <c r="N881220" s="10"/>
    </row>
    <row r="881221" spans="14:14">
      <c r="N881221" s="10"/>
    </row>
    <row r="881222" spans="14:14">
      <c r="N881222" s="10"/>
    </row>
    <row r="881223" spans="14:14">
      <c r="N881223" s="10"/>
    </row>
    <row r="881224" spans="14:14">
      <c r="N881224" s="10"/>
    </row>
    <row r="881225" spans="14:14">
      <c r="N881225" s="10"/>
    </row>
    <row r="881226" spans="14:14">
      <c r="N881226" s="10"/>
    </row>
    <row r="881227" spans="14:14">
      <c r="N881227" s="10"/>
    </row>
    <row r="881228" spans="14:14">
      <c r="N881228" s="10"/>
    </row>
    <row r="881229" spans="14:14">
      <c r="N881229" s="10"/>
    </row>
    <row r="881230" spans="14:14">
      <c r="N881230" s="10"/>
    </row>
    <row r="881231" spans="14:14">
      <c r="N881231" s="10"/>
    </row>
    <row r="881232" spans="14:14">
      <c r="N881232" s="10"/>
    </row>
    <row r="881233" spans="14:14">
      <c r="N881233" s="10"/>
    </row>
    <row r="881234" spans="14:14">
      <c r="N881234" s="10"/>
    </row>
    <row r="881235" spans="14:14">
      <c r="N881235" s="10"/>
    </row>
    <row r="881236" spans="14:14">
      <c r="N881236" s="10"/>
    </row>
    <row r="881237" spans="14:14">
      <c r="N881237" s="10"/>
    </row>
    <row r="881238" spans="14:14">
      <c r="N881238" s="10"/>
    </row>
    <row r="881239" spans="14:14">
      <c r="N881239" s="10"/>
    </row>
    <row r="881240" spans="14:14">
      <c r="N881240" s="10"/>
    </row>
    <row r="881241" spans="14:14">
      <c r="N881241" s="10"/>
    </row>
    <row r="881242" spans="14:14">
      <c r="N881242" s="10"/>
    </row>
    <row r="881243" spans="14:14">
      <c r="N881243" s="10"/>
    </row>
    <row r="881244" spans="14:14">
      <c r="N881244" s="10"/>
    </row>
    <row r="881245" spans="14:14">
      <c r="N881245" s="10"/>
    </row>
    <row r="881246" spans="14:14">
      <c r="N881246" s="10"/>
    </row>
    <row r="881247" spans="14:14">
      <c r="N881247" s="10"/>
    </row>
    <row r="881248" spans="14:14">
      <c r="N881248" s="10"/>
    </row>
    <row r="881249" spans="14:14">
      <c r="N881249" s="10"/>
    </row>
    <row r="881250" spans="14:14">
      <c r="N881250" s="10"/>
    </row>
    <row r="881251" spans="14:14">
      <c r="N881251" s="10"/>
    </row>
    <row r="881252" spans="14:14">
      <c r="N881252" s="10"/>
    </row>
    <row r="881253" spans="14:14">
      <c r="N881253" s="10"/>
    </row>
    <row r="881254" spans="14:14">
      <c r="N881254" s="10"/>
    </row>
    <row r="881255" spans="14:14">
      <c r="N881255" s="10"/>
    </row>
    <row r="881256" spans="14:14">
      <c r="N881256" s="10"/>
    </row>
    <row r="881257" spans="14:14">
      <c r="N881257" s="10"/>
    </row>
    <row r="881258" spans="14:14">
      <c r="N881258" s="10"/>
    </row>
    <row r="881259" spans="14:14">
      <c r="N881259" s="10"/>
    </row>
    <row r="881260" spans="14:14">
      <c r="N881260" s="10"/>
    </row>
    <row r="881261" spans="14:14">
      <c r="N881261" s="10"/>
    </row>
    <row r="881262" spans="14:14">
      <c r="N881262" s="10"/>
    </row>
    <row r="881263" spans="14:14">
      <c r="N881263" s="10"/>
    </row>
    <row r="881264" spans="14:14">
      <c r="N881264" s="10"/>
    </row>
    <row r="881265" spans="14:14">
      <c r="N881265" s="10"/>
    </row>
    <row r="881266" spans="14:14">
      <c r="N881266" s="10"/>
    </row>
    <row r="881267" spans="14:14">
      <c r="N881267" s="10"/>
    </row>
    <row r="881268" spans="14:14">
      <c r="N881268" s="10"/>
    </row>
    <row r="881269" spans="14:14">
      <c r="N881269" s="10"/>
    </row>
    <row r="881270" spans="14:14">
      <c r="N881270" s="10"/>
    </row>
    <row r="881271" spans="14:14">
      <c r="N881271" s="10"/>
    </row>
    <row r="881272" spans="14:14">
      <c r="N881272" s="10"/>
    </row>
    <row r="881273" spans="14:14">
      <c r="N881273" s="10"/>
    </row>
    <row r="881274" spans="14:14">
      <c r="N881274" s="10"/>
    </row>
    <row r="881275" spans="14:14">
      <c r="N881275" s="10"/>
    </row>
    <row r="881276" spans="14:14">
      <c r="N881276" s="10"/>
    </row>
    <row r="881277" spans="14:14">
      <c r="N881277" s="10"/>
    </row>
    <row r="881278" spans="14:14">
      <c r="N881278" s="10"/>
    </row>
    <row r="881279" spans="14:14">
      <c r="N881279" s="10"/>
    </row>
    <row r="881280" spans="14:14">
      <c r="N881280" s="10"/>
    </row>
    <row r="881281" spans="14:14">
      <c r="N881281" s="10"/>
    </row>
    <row r="881282" spans="14:14">
      <c r="N881282" s="10"/>
    </row>
    <row r="881283" spans="14:14">
      <c r="N881283" s="10"/>
    </row>
    <row r="881284" spans="14:14">
      <c r="N881284" s="10"/>
    </row>
    <row r="881285" spans="14:14">
      <c r="N881285" s="10"/>
    </row>
    <row r="881286" spans="14:14">
      <c r="N881286" s="10"/>
    </row>
    <row r="881287" spans="14:14">
      <c r="N881287" s="10"/>
    </row>
    <row r="881288" spans="14:14">
      <c r="N881288" s="10"/>
    </row>
    <row r="881289" spans="14:14">
      <c r="N881289" s="10"/>
    </row>
    <row r="881290" spans="14:14">
      <c r="N881290" s="10"/>
    </row>
    <row r="881291" spans="14:14">
      <c r="N881291" s="10"/>
    </row>
    <row r="881292" spans="14:14">
      <c r="N881292" s="10"/>
    </row>
    <row r="881293" spans="14:14">
      <c r="N881293" s="10"/>
    </row>
    <row r="881294" spans="14:14">
      <c r="N881294" s="10"/>
    </row>
    <row r="881295" spans="14:14">
      <c r="N881295" s="10"/>
    </row>
    <row r="881296" spans="14:14">
      <c r="N881296" s="10"/>
    </row>
    <row r="881297" spans="14:14">
      <c r="N881297" s="10"/>
    </row>
    <row r="881298" spans="14:14">
      <c r="N881298" s="10"/>
    </row>
    <row r="881299" spans="14:14">
      <c r="N881299" s="10"/>
    </row>
    <row r="881300" spans="14:14">
      <c r="N881300" s="10"/>
    </row>
    <row r="881301" spans="14:14">
      <c r="N881301" s="10"/>
    </row>
    <row r="881302" spans="14:14">
      <c r="N881302" s="10"/>
    </row>
    <row r="881303" spans="14:14">
      <c r="N881303" s="10"/>
    </row>
    <row r="881304" spans="14:14">
      <c r="N881304" s="10"/>
    </row>
    <row r="881305" spans="14:14">
      <c r="N881305" s="10"/>
    </row>
    <row r="881306" spans="14:14">
      <c r="N881306" s="10"/>
    </row>
    <row r="881307" spans="14:14">
      <c r="N881307" s="10"/>
    </row>
    <row r="881308" spans="14:14">
      <c r="N881308" s="10"/>
    </row>
    <row r="881309" spans="14:14">
      <c r="N881309" s="10"/>
    </row>
    <row r="881310" spans="14:14">
      <c r="N881310" s="10"/>
    </row>
    <row r="881311" spans="14:14">
      <c r="N881311" s="10"/>
    </row>
    <row r="881312" spans="14:14">
      <c r="N881312" s="10"/>
    </row>
    <row r="881313" spans="14:14">
      <c r="N881313" s="10"/>
    </row>
    <row r="881314" spans="14:14">
      <c r="N881314" s="10"/>
    </row>
    <row r="881315" spans="14:14">
      <c r="N881315" s="10"/>
    </row>
    <row r="881316" spans="14:14">
      <c r="N881316" s="10"/>
    </row>
    <row r="881317" spans="14:14">
      <c r="N881317" s="10"/>
    </row>
    <row r="881318" spans="14:14">
      <c r="N881318" s="10"/>
    </row>
    <row r="881319" spans="14:14">
      <c r="N881319" s="10"/>
    </row>
    <row r="881320" spans="14:14">
      <c r="N881320" s="10"/>
    </row>
    <row r="881321" spans="14:14">
      <c r="N881321" s="10"/>
    </row>
    <row r="881322" spans="14:14">
      <c r="N881322" s="10"/>
    </row>
    <row r="881323" spans="14:14">
      <c r="N881323" s="10"/>
    </row>
    <row r="881324" spans="14:14">
      <c r="N881324" s="10"/>
    </row>
    <row r="881325" spans="14:14">
      <c r="N881325" s="10"/>
    </row>
    <row r="881326" spans="14:14">
      <c r="N881326" s="10"/>
    </row>
    <row r="881327" spans="14:14">
      <c r="N881327" s="10"/>
    </row>
    <row r="881328" spans="14:14">
      <c r="N881328" s="10"/>
    </row>
    <row r="881329" spans="14:14">
      <c r="N881329" s="10"/>
    </row>
    <row r="881330" spans="14:14">
      <c r="N881330" s="10"/>
    </row>
    <row r="881331" spans="14:14">
      <c r="N881331" s="10"/>
    </row>
    <row r="881332" spans="14:14">
      <c r="N881332" s="10"/>
    </row>
    <row r="881333" spans="14:14">
      <c r="N881333" s="10"/>
    </row>
    <row r="881334" spans="14:14">
      <c r="N881334" s="10"/>
    </row>
    <row r="881335" spans="14:14">
      <c r="N881335" s="10"/>
    </row>
    <row r="881336" spans="14:14">
      <c r="N881336" s="10"/>
    </row>
    <row r="881337" spans="14:14">
      <c r="N881337" s="10"/>
    </row>
    <row r="881338" spans="14:14">
      <c r="N881338" s="10"/>
    </row>
    <row r="881339" spans="14:14">
      <c r="N881339" s="10"/>
    </row>
    <row r="881340" spans="14:14">
      <c r="N881340" s="10"/>
    </row>
    <row r="881341" spans="14:14">
      <c r="N881341" s="10"/>
    </row>
    <row r="881342" spans="14:14">
      <c r="N881342" s="10"/>
    </row>
    <row r="881343" spans="14:14">
      <c r="N881343" s="10"/>
    </row>
    <row r="881344" spans="14:14">
      <c r="N881344" s="10"/>
    </row>
    <row r="881345" spans="14:14">
      <c r="N881345" s="10"/>
    </row>
    <row r="881346" spans="14:14">
      <c r="N881346" s="10"/>
    </row>
    <row r="881347" spans="14:14">
      <c r="N881347" s="10"/>
    </row>
    <row r="881348" spans="14:14">
      <c r="N881348" s="10"/>
    </row>
    <row r="881349" spans="14:14">
      <c r="N881349" s="10"/>
    </row>
    <row r="881350" spans="14:14">
      <c r="N881350" s="10"/>
    </row>
    <row r="881351" spans="14:14">
      <c r="N881351" s="10"/>
    </row>
    <row r="881352" spans="14:14">
      <c r="N881352" s="10"/>
    </row>
    <row r="881353" spans="14:14">
      <c r="N881353" s="10"/>
    </row>
    <row r="881354" spans="14:14">
      <c r="N881354" s="10"/>
    </row>
    <row r="881355" spans="14:14">
      <c r="N881355" s="10"/>
    </row>
    <row r="881356" spans="14:14">
      <c r="N881356" s="10"/>
    </row>
    <row r="881357" spans="14:14">
      <c r="N881357" s="10"/>
    </row>
    <row r="881358" spans="14:14">
      <c r="N881358" s="10"/>
    </row>
    <row r="881359" spans="14:14">
      <c r="N881359" s="10"/>
    </row>
    <row r="881360" spans="14:14">
      <c r="N881360" s="10"/>
    </row>
    <row r="881361" spans="14:14">
      <c r="N881361" s="10"/>
    </row>
    <row r="881362" spans="14:14">
      <c r="N881362" s="10"/>
    </row>
    <row r="881363" spans="14:14">
      <c r="N881363" s="10"/>
    </row>
    <row r="881364" spans="14:14">
      <c r="N881364" s="10"/>
    </row>
    <row r="881365" spans="14:14">
      <c r="N881365" s="10"/>
    </row>
    <row r="881366" spans="14:14">
      <c r="N881366" s="10"/>
    </row>
    <row r="881367" spans="14:14">
      <c r="N881367" s="10"/>
    </row>
    <row r="881368" spans="14:14">
      <c r="N881368" s="10"/>
    </row>
    <row r="881369" spans="14:14">
      <c r="N881369" s="10"/>
    </row>
    <row r="881370" spans="14:14">
      <c r="N881370" s="10"/>
    </row>
    <row r="881371" spans="14:14">
      <c r="N881371" s="10"/>
    </row>
    <row r="881372" spans="14:14">
      <c r="N881372" s="10"/>
    </row>
    <row r="881373" spans="14:14">
      <c r="N881373" s="10"/>
    </row>
    <row r="881374" spans="14:14">
      <c r="N881374" s="10"/>
    </row>
    <row r="881375" spans="14:14">
      <c r="N881375" s="10"/>
    </row>
    <row r="881376" spans="14:14">
      <c r="N881376" s="10"/>
    </row>
    <row r="881377" spans="14:14">
      <c r="N881377" s="10"/>
    </row>
    <row r="881378" spans="14:14">
      <c r="N881378" s="10"/>
    </row>
    <row r="881379" spans="14:14">
      <c r="N881379" s="10"/>
    </row>
    <row r="881380" spans="14:14">
      <c r="N881380" s="10"/>
    </row>
    <row r="881381" spans="14:14">
      <c r="N881381" s="10"/>
    </row>
    <row r="881382" spans="14:14">
      <c r="N881382" s="10"/>
    </row>
    <row r="881383" spans="14:14">
      <c r="N881383" s="10"/>
    </row>
    <row r="881384" spans="14:14">
      <c r="N881384" s="10"/>
    </row>
    <row r="881385" spans="14:14">
      <c r="N881385" s="10"/>
    </row>
    <row r="881386" spans="14:14">
      <c r="N881386" s="10"/>
    </row>
    <row r="881387" spans="14:14">
      <c r="N881387" s="10"/>
    </row>
    <row r="881388" spans="14:14">
      <c r="N881388" s="10"/>
    </row>
    <row r="881389" spans="14:14">
      <c r="N881389" s="10"/>
    </row>
    <row r="881390" spans="14:14">
      <c r="N881390" s="10"/>
    </row>
    <row r="881391" spans="14:14">
      <c r="N881391" s="10"/>
    </row>
    <row r="881392" spans="14:14">
      <c r="N881392" s="10"/>
    </row>
    <row r="881393" spans="14:14">
      <c r="N881393" s="10"/>
    </row>
    <row r="881394" spans="14:14">
      <c r="N881394" s="10"/>
    </row>
    <row r="881395" spans="14:14">
      <c r="N881395" s="10"/>
    </row>
    <row r="881396" spans="14:14">
      <c r="N881396" s="10"/>
    </row>
    <row r="881397" spans="14:14">
      <c r="N881397" s="10"/>
    </row>
    <row r="881398" spans="14:14">
      <c r="N881398" s="10"/>
    </row>
    <row r="881399" spans="14:14">
      <c r="N881399" s="10"/>
    </row>
    <row r="881400" spans="14:14">
      <c r="N881400" s="10"/>
    </row>
    <row r="881401" spans="14:14">
      <c r="N881401" s="10"/>
    </row>
    <row r="881402" spans="14:14">
      <c r="N881402" s="10"/>
    </row>
    <row r="881403" spans="14:14">
      <c r="N881403" s="10"/>
    </row>
    <row r="881404" spans="14:14">
      <c r="N881404" s="10"/>
    </row>
    <row r="881405" spans="14:14">
      <c r="N881405" s="10"/>
    </row>
    <row r="881406" spans="14:14">
      <c r="N881406" s="10"/>
    </row>
    <row r="881407" spans="14:14">
      <c r="N881407" s="10"/>
    </row>
    <row r="881408" spans="14:14">
      <c r="N881408" s="10"/>
    </row>
    <row r="881409" spans="14:14">
      <c r="N881409" s="10"/>
    </row>
    <row r="881410" spans="14:14">
      <c r="N881410" s="10"/>
    </row>
    <row r="881411" spans="14:14">
      <c r="N881411" s="10"/>
    </row>
    <row r="881412" spans="14:14">
      <c r="N881412" s="10"/>
    </row>
    <row r="881413" spans="14:14">
      <c r="N881413" s="10"/>
    </row>
    <row r="881414" spans="14:14">
      <c r="N881414" s="10"/>
    </row>
    <row r="881415" spans="14:14">
      <c r="N881415" s="10"/>
    </row>
    <row r="881416" spans="14:14">
      <c r="N881416" s="10"/>
    </row>
    <row r="881417" spans="14:14">
      <c r="N881417" s="10"/>
    </row>
    <row r="881418" spans="14:14">
      <c r="N881418" s="10"/>
    </row>
    <row r="881419" spans="14:14">
      <c r="N881419" s="10"/>
    </row>
    <row r="881420" spans="14:14">
      <c r="N881420" s="10"/>
    </row>
    <row r="881421" spans="14:14">
      <c r="N881421" s="10"/>
    </row>
    <row r="881422" spans="14:14">
      <c r="N881422" s="10"/>
    </row>
    <row r="881423" spans="14:14">
      <c r="N881423" s="10"/>
    </row>
    <row r="881424" spans="14:14">
      <c r="N881424" s="10"/>
    </row>
    <row r="881425" spans="14:14">
      <c r="N881425" s="10"/>
    </row>
    <row r="881426" spans="14:14">
      <c r="N881426" s="10"/>
    </row>
    <row r="881427" spans="14:14">
      <c r="N881427" s="10"/>
    </row>
    <row r="881428" spans="14:14">
      <c r="N881428" s="10"/>
    </row>
    <row r="881429" spans="14:14">
      <c r="N881429" s="10"/>
    </row>
    <row r="881430" spans="14:14">
      <c r="N881430" s="10"/>
    </row>
    <row r="881431" spans="14:14">
      <c r="N881431" s="10"/>
    </row>
    <row r="881432" spans="14:14">
      <c r="N881432" s="10"/>
    </row>
    <row r="881433" spans="14:14">
      <c r="N881433" s="10"/>
    </row>
    <row r="881434" spans="14:14">
      <c r="N881434" s="10"/>
    </row>
    <row r="881435" spans="14:14">
      <c r="N881435" s="10"/>
    </row>
    <row r="881436" spans="14:14">
      <c r="N881436" s="10"/>
    </row>
    <row r="881437" spans="14:14">
      <c r="N881437" s="10"/>
    </row>
    <row r="881438" spans="14:14">
      <c r="N881438" s="10"/>
    </row>
    <row r="881439" spans="14:14">
      <c r="N881439" s="10"/>
    </row>
    <row r="881440" spans="14:14">
      <c r="N881440" s="10"/>
    </row>
    <row r="881441" spans="14:14">
      <c r="N881441" s="10"/>
    </row>
    <row r="881442" spans="14:14">
      <c r="N881442" s="10"/>
    </row>
    <row r="881443" spans="14:14">
      <c r="N881443" s="10"/>
    </row>
    <row r="881444" spans="14:14">
      <c r="N881444" s="10"/>
    </row>
    <row r="881445" spans="14:14">
      <c r="N881445" s="10"/>
    </row>
    <row r="881446" spans="14:14">
      <c r="N881446" s="10"/>
    </row>
    <row r="881447" spans="14:14">
      <c r="N881447" s="10"/>
    </row>
    <row r="881448" spans="14:14">
      <c r="N881448" s="10"/>
    </row>
    <row r="881449" spans="14:14">
      <c r="N881449" s="10"/>
    </row>
    <row r="881450" spans="14:14">
      <c r="N881450" s="10"/>
    </row>
    <row r="881451" spans="14:14">
      <c r="N881451" s="10"/>
    </row>
    <row r="881452" spans="14:14">
      <c r="N881452" s="10"/>
    </row>
    <row r="881453" spans="14:14">
      <c r="N881453" s="10"/>
    </row>
    <row r="881454" spans="14:14">
      <c r="N881454" s="10"/>
    </row>
    <row r="881455" spans="14:14">
      <c r="N881455" s="10"/>
    </row>
    <row r="881456" spans="14:14">
      <c r="N881456" s="10"/>
    </row>
    <row r="881457" spans="14:14">
      <c r="N881457" s="10"/>
    </row>
    <row r="881458" spans="14:14">
      <c r="N881458" s="10"/>
    </row>
    <row r="881459" spans="14:14">
      <c r="N881459" s="10"/>
    </row>
    <row r="881460" spans="14:14">
      <c r="N881460" s="10"/>
    </row>
    <row r="881461" spans="14:14">
      <c r="N881461" s="10"/>
    </row>
    <row r="881462" spans="14:14">
      <c r="N881462" s="10"/>
    </row>
    <row r="881463" spans="14:14">
      <c r="N881463" s="10"/>
    </row>
    <row r="881464" spans="14:14">
      <c r="N881464" s="10"/>
    </row>
    <row r="881465" spans="14:14">
      <c r="N881465" s="10"/>
    </row>
    <row r="881466" spans="14:14">
      <c r="N881466" s="10"/>
    </row>
    <row r="881467" spans="14:14">
      <c r="N881467" s="10"/>
    </row>
    <row r="881468" spans="14:14">
      <c r="N881468" s="10"/>
    </row>
    <row r="881469" spans="14:14">
      <c r="N881469" s="10"/>
    </row>
    <row r="881470" spans="14:14">
      <c r="N881470" s="10"/>
    </row>
    <row r="881471" spans="14:14">
      <c r="N881471" s="10"/>
    </row>
    <row r="881472" spans="14:14">
      <c r="N881472" s="10"/>
    </row>
    <row r="881473" spans="14:14">
      <c r="N881473" s="10"/>
    </row>
    <row r="881474" spans="14:14">
      <c r="N881474" s="10"/>
    </row>
    <row r="881475" spans="14:14">
      <c r="N881475" s="10"/>
    </row>
    <row r="881476" spans="14:14">
      <c r="N881476" s="10"/>
    </row>
    <row r="881477" spans="14:14">
      <c r="N881477" s="10"/>
    </row>
    <row r="881478" spans="14:14">
      <c r="N881478" s="10"/>
    </row>
    <row r="881479" spans="14:14">
      <c r="N881479" s="10"/>
    </row>
    <row r="881480" spans="14:14">
      <c r="N881480" s="10"/>
    </row>
    <row r="881481" spans="14:14">
      <c r="N881481" s="10"/>
    </row>
    <row r="881482" spans="14:14">
      <c r="N881482" s="10"/>
    </row>
    <row r="881483" spans="14:14">
      <c r="N881483" s="10"/>
    </row>
    <row r="881484" spans="14:14">
      <c r="N881484" s="10"/>
    </row>
    <row r="881485" spans="14:14">
      <c r="N881485" s="10"/>
    </row>
    <row r="881486" spans="14:14">
      <c r="N881486" s="10"/>
    </row>
    <row r="881487" spans="14:14">
      <c r="N881487" s="10"/>
    </row>
    <row r="881488" spans="14:14">
      <c r="N881488" s="10"/>
    </row>
    <row r="881489" spans="14:14">
      <c r="N881489" s="10"/>
    </row>
    <row r="881490" spans="14:14">
      <c r="N881490" s="10"/>
    </row>
    <row r="881491" spans="14:14">
      <c r="N881491" s="10"/>
    </row>
    <row r="881492" spans="14:14">
      <c r="N881492" s="10"/>
    </row>
    <row r="881493" spans="14:14">
      <c r="N881493" s="10"/>
    </row>
    <row r="881494" spans="14:14">
      <c r="N881494" s="10"/>
    </row>
    <row r="881495" spans="14:14">
      <c r="N881495" s="10"/>
    </row>
    <row r="881496" spans="14:14">
      <c r="N881496" s="10"/>
    </row>
    <row r="881497" spans="14:14">
      <c r="N881497" s="10"/>
    </row>
    <row r="881498" spans="14:14">
      <c r="N881498" s="10"/>
    </row>
    <row r="881499" spans="14:14">
      <c r="N881499" s="10"/>
    </row>
    <row r="881500" spans="14:14">
      <c r="N881500" s="10"/>
    </row>
    <row r="881501" spans="14:14">
      <c r="N881501" s="10"/>
    </row>
    <row r="881502" spans="14:14">
      <c r="N881502" s="10"/>
    </row>
    <row r="881503" spans="14:14">
      <c r="N881503" s="10"/>
    </row>
    <row r="881504" spans="14:14">
      <c r="N881504" s="10"/>
    </row>
    <row r="881505" spans="14:14">
      <c r="N881505" s="10"/>
    </row>
    <row r="881506" spans="14:14">
      <c r="N881506" s="10"/>
    </row>
    <row r="881507" spans="14:14">
      <c r="N881507" s="10"/>
    </row>
    <row r="881508" spans="14:14">
      <c r="N881508" s="10"/>
    </row>
    <row r="881509" spans="14:14">
      <c r="N881509" s="10"/>
    </row>
    <row r="881510" spans="14:14">
      <c r="N881510" s="10"/>
    </row>
    <row r="881511" spans="14:14">
      <c r="N881511" s="10"/>
    </row>
    <row r="881512" spans="14:14">
      <c r="N881512" s="10"/>
    </row>
    <row r="881513" spans="14:14">
      <c r="N881513" s="10"/>
    </row>
    <row r="881514" spans="14:14">
      <c r="N881514" s="10"/>
    </row>
    <row r="881515" spans="14:14">
      <c r="N881515" s="10"/>
    </row>
    <row r="881516" spans="14:14">
      <c r="N881516" s="10"/>
    </row>
    <row r="881517" spans="14:14">
      <c r="N881517" s="10"/>
    </row>
    <row r="881518" spans="14:14">
      <c r="N881518" s="10"/>
    </row>
    <row r="881519" spans="14:14">
      <c r="N881519" s="10"/>
    </row>
    <row r="881520" spans="14:14">
      <c r="N881520" s="10"/>
    </row>
    <row r="881521" spans="14:14">
      <c r="N881521" s="10"/>
    </row>
    <row r="881522" spans="14:14">
      <c r="N881522" s="10"/>
    </row>
    <row r="881523" spans="14:14">
      <c r="N881523" s="10"/>
    </row>
    <row r="881524" spans="14:14">
      <c r="N881524" s="10"/>
    </row>
    <row r="881525" spans="14:14">
      <c r="N881525" s="10"/>
    </row>
    <row r="881526" spans="14:14">
      <c r="N881526" s="10"/>
    </row>
    <row r="881527" spans="14:14">
      <c r="N881527" s="10"/>
    </row>
    <row r="881528" spans="14:14">
      <c r="N881528" s="10"/>
    </row>
    <row r="881529" spans="14:14">
      <c r="N881529" s="10"/>
    </row>
    <row r="881530" spans="14:14">
      <c r="N881530" s="10"/>
    </row>
    <row r="881531" spans="14:14">
      <c r="N881531" s="10"/>
    </row>
    <row r="881532" spans="14:14">
      <c r="N881532" s="10"/>
    </row>
    <row r="881533" spans="14:14">
      <c r="N881533" s="10"/>
    </row>
    <row r="881534" spans="14:14">
      <c r="N881534" s="10"/>
    </row>
    <row r="881535" spans="14:14">
      <c r="N881535" s="10"/>
    </row>
    <row r="881536" spans="14:14">
      <c r="N881536" s="10"/>
    </row>
    <row r="881537" spans="14:14">
      <c r="N881537" s="10"/>
    </row>
    <row r="881538" spans="14:14">
      <c r="N881538" s="10"/>
    </row>
    <row r="881539" spans="14:14">
      <c r="N881539" s="10"/>
    </row>
    <row r="881540" spans="14:14">
      <c r="N881540" s="10"/>
    </row>
    <row r="881541" spans="14:14">
      <c r="N881541" s="10"/>
    </row>
    <row r="881542" spans="14:14">
      <c r="N881542" s="10"/>
    </row>
    <row r="881543" spans="14:14">
      <c r="N881543" s="10"/>
    </row>
    <row r="881544" spans="14:14">
      <c r="N881544" s="10"/>
    </row>
    <row r="881545" spans="14:14">
      <c r="N881545" s="10"/>
    </row>
    <row r="881546" spans="14:14">
      <c r="N881546" s="10"/>
    </row>
    <row r="881547" spans="14:14">
      <c r="N881547" s="10"/>
    </row>
    <row r="881548" spans="14:14">
      <c r="N881548" s="10"/>
    </row>
    <row r="881549" spans="14:14">
      <c r="N881549" s="10"/>
    </row>
    <row r="881550" spans="14:14">
      <c r="N881550" s="10"/>
    </row>
    <row r="881551" spans="14:14">
      <c r="N881551" s="10"/>
    </row>
    <row r="881552" spans="14:14">
      <c r="N881552" s="10"/>
    </row>
    <row r="881553" spans="14:14">
      <c r="N881553" s="10"/>
    </row>
    <row r="881554" spans="14:14">
      <c r="N881554" s="10"/>
    </row>
    <row r="881555" spans="14:14">
      <c r="N881555" s="10"/>
    </row>
    <row r="881556" spans="14:14">
      <c r="N881556" s="10"/>
    </row>
    <row r="881557" spans="14:14">
      <c r="N881557" s="10"/>
    </row>
    <row r="881558" spans="14:14">
      <c r="N881558" s="10"/>
    </row>
    <row r="881559" spans="14:14">
      <c r="N881559" s="10"/>
    </row>
    <row r="881560" spans="14:14">
      <c r="N881560" s="10"/>
    </row>
    <row r="881561" spans="14:14">
      <c r="N881561" s="10"/>
    </row>
    <row r="881562" spans="14:14">
      <c r="N881562" s="10"/>
    </row>
    <row r="881563" spans="14:14">
      <c r="N881563" s="10"/>
    </row>
    <row r="881564" spans="14:14">
      <c r="N881564" s="10"/>
    </row>
    <row r="881565" spans="14:14">
      <c r="N881565" s="10"/>
    </row>
    <row r="881566" spans="14:14">
      <c r="N881566" s="10"/>
    </row>
    <row r="881567" spans="14:14">
      <c r="N881567" s="10"/>
    </row>
    <row r="881568" spans="14:14">
      <c r="N881568" s="10"/>
    </row>
    <row r="881569" spans="14:14">
      <c r="N881569" s="10"/>
    </row>
    <row r="881570" spans="14:14">
      <c r="N881570" s="10"/>
    </row>
    <row r="881571" spans="14:14">
      <c r="N881571" s="10"/>
    </row>
    <row r="881572" spans="14:14">
      <c r="N881572" s="10"/>
    </row>
    <row r="881573" spans="14:14">
      <c r="N881573" s="10"/>
    </row>
    <row r="881574" spans="14:14">
      <c r="N881574" s="10"/>
    </row>
    <row r="881575" spans="14:14">
      <c r="N881575" s="10"/>
    </row>
    <row r="881576" spans="14:14">
      <c r="N881576" s="10"/>
    </row>
    <row r="881577" spans="14:14">
      <c r="N881577" s="10"/>
    </row>
    <row r="881578" spans="14:14">
      <c r="N881578" s="10"/>
    </row>
    <row r="881579" spans="14:14">
      <c r="N881579" s="10"/>
    </row>
    <row r="881580" spans="14:14">
      <c r="N881580" s="10"/>
    </row>
    <row r="881581" spans="14:14">
      <c r="N881581" s="10"/>
    </row>
    <row r="881582" spans="14:14">
      <c r="N881582" s="10"/>
    </row>
    <row r="881583" spans="14:14">
      <c r="N881583" s="10"/>
    </row>
    <row r="881584" spans="14:14">
      <c r="N881584" s="10"/>
    </row>
    <row r="881585" spans="14:14">
      <c r="N881585" s="10"/>
    </row>
    <row r="881586" spans="14:14">
      <c r="N881586" s="10"/>
    </row>
    <row r="881587" spans="14:14">
      <c r="N881587" s="10"/>
    </row>
    <row r="881588" spans="14:14">
      <c r="N881588" s="10"/>
    </row>
    <row r="881589" spans="14:14">
      <c r="N881589" s="10"/>
    </row>
    <row r="881590" spans="14:14">
      <c r="N881590" s="10"/>
    </row>
    <row r="881591" spans="14:14">
      <c r="N881591" s="10"/>
    </row>
    <row r="881592" spans="14:14">
      <c r="N881592" s="10"/>
    </row>
    <row r="881593" spans="14:14">
      <c r="N881593" s="10"/>
    </row>
    <row r="881594" spans="14:14">
      <c r="N881594" s="10"/>
    </row>
    <row r="881595" spans="14:14">
      <c r="N881595" s="10"/>
    </row>
    <row r="881596" spans="14:14">
      <c r="N881596" s="10"/>
    </row>
    <row r="881597" spans="14:14">
      <c r="N881597" s="10"/>
    </row>
    <row r="881598" spans="14:14">
      <c r="N881598" s="10"/>
    </row>
    <row r="881599" spans="14:14">
      <c r="N881599" s="10"/>
    </row>
    <row r="881600" spans="14:14">
      <c r="N881600" s="10"/>
    </row>
    <row r="881601" spans="14:14">
      <c r="N881601" s="10"/>
    </row>
    <row r="881602" spans="14:14">
      <c r="N881602" s="10"/>
    </row>
    <row r="881603" spans="14:14">
      <c r="N881603" s="10"/>
    </row>
    <row r="881604" spans="14:14">
      <c r="N881604" s="10"/>
    </row>
    <row r="881605" spans="14:14">
      <c r="N881605" s="10"/>
    </row>
    <row r="881606" spans="14:14">
      <c r="N881606" s="10"/>
    </row>
    <row r="881607" spans="14:14">
      <c r="N881607" s="10"/>
    </row>
    <row r="881608" spans="14:14">
      <c r="N881608" s="10"/>
    </row>
    <row r="881609" spans="14:14">
      <c r="N881609" s="10"/>
    </row>
    <row r="881610" spans="14:14">
      <c r="N881610" s="10"/>
    </row>
    <row r="881611" spans="14:14">
      <c r="N881611" s="10"/>
    </row>
    <row r="881612" spans="14:14">
      <c r="N881612" s="10"/>
    </row>
    <row r="881613" spans="14:14">
      <c r="N881613" s="10"/>
    </row>
    <row r="881614" spans="14:14">
      <c r="N881614" s="10"/>
    </row>
    <row r="881615" spans="14:14">
      <c r="N881615" s="10"/>
    </row>
    <row r="881616" spans="14:14">
      <c r="N881616" s="10"/>
    </row>
    <row r="881617" spans="14:14">
      <c r="N881617" s="10"/>
    </row>
    <row r="881618" spans="14:14">
      <c r="N881618" s="10"/>
    </row>
    <row r="881619" spans="14:14">
      <c r="N881619" s="10"/>
    </row>
    <row r="881620" spans="14:14">
      <c r="N881620" s="10"/>
    </row>
    <row r="881621" spans="14:14">
      <c r="N881621" s="10"/>
    </row>
    <row r="881622" spans="14:14">
      <c r="N881622" s="10"/>
    </row>
    <row r="881623" spans="14:14">
      <c r="N881623" s="10"/>
    </row>
    <row r="881624" spans="14:14">
      <c r="N881624" s="10"/>
    </row>
    <row r="881625" spans="14:14">
      <c r="N881625" s="10"/>
    </row>
    <row r="881626" spans="14:14">
      <c r="N881626" s="10"/>
    </row>
    <row r="881627" spans="14:14">
      <c r="N881627" s="10"/>
    </row>
    <row r="881628" spans="14:14">
      <c r="N881628" s="10"/>
    </row>
    <row r="881629" spans="14:14">
      <c r="N881629" s="10"/>
    </row>
    <row r="881630" spans="14:14">
      <c r="N881630" s="10"/>
    </row>
    <row r="881631" spans="14:14">
      <c r="N881631" s="10"/>
    </row>
    <row r="881632" spans="14:14">
      <c r="N881632" s="10"/>
    </row>
    <row r="881633" spans="14:14">
      <c r="N881633" s="10"/>
    </row>
    <row r="881634" spans="14:14">
      <c r="N881634" s="10"/>
    </row>
    <row r="881635" spans="14:14">
      <c r="N881635" s="10"/>
    </row>
    <row r="881636" spans="14:14">
      <c r="N881636" s="10"/>
    </row>
    <row r="881637" spans="14:14">
      <c r="N881637" s="10"/>
    </row>
    <row r="881638" spans="14:14">
      <c r="N881638" s="10"/>
    </row>
    <row r="881639" spans="14:14">
      <c r="N881639" s="10"/>
    </row>
    <row r="881640" spans="14:14">
      <c r="N881640" s="10"/>
    </row>
    <row r="881641" spans="14:14">
      <c r="N881641" s="10"/>
    </row>
    <row r="881642" spans="14:14">
      <c r="N881642" s="10"/>
    </row>
    <row r="881643" spans="14:14">
      <c r="N881643" s="10"/>
    </row>
    <row r="881644" spans="14:14">
      <c r="N881644" s="10"/>
    </row>
    <row r="881645" spans="14:14">
      <c r="N881645" s="10"/>
    </row>
    <row r="881646" spans="14:14">
      <c r="N881646" s="10"/>
    </row>
    <row r="881647" spans="14:14">
      <c r="N881647" s="10"/>
    </row>
    <row r="881648" spans="14:14">
      <c r="N881648" s="10"/>
    </row>
    <row r="881649" spans="14:14">
      <c r="N881649" s="10"/>
    </row>
    <row r="881650" spans="14:14">
      <c r="N881650" s="10"/>
    </row>
    <row r="881651" spans="14:14">
      <c r="N881651" s="10"/>
    </row>
    <row r="881652" spans="14:14">
      <c r="N881652" s="10"/>
    </row>
    <row r="881653" spans="14:14">
      <c r="N881653" s="10"/>
    </row>
    <row r="881654" spans="14:14">
      <c r="N881654" s="10"/>
    </row>
    <row r="881655" spans="14:14">
      <c r="N881655" s="10"/>
    </row>
    <row r="881656" spans="14:14">
      <c r="N881656" s="10"/>
    </row>
    <row r="881657" spans="14:14">
      <c r="N881657" s="10"/>
    </row>
    <row r="881658" spans="14:14">
      <c r="N881658" s="10"/>
    </row>
    <row r="881659" spans="14:14">
      <c r="N881659" s="10"/>
    </row>
    <row r="881660" spans="14:14">
      <c r="N881660" s="10"/>
    </row>
    <row r="881661" spans="14:14">
      <c r="N881661" s="10"/>
    </row>
    <row r="881662" spans="14:14">
      <c r="N881662" s="10"/>
    </row>
    <row r="881663" spans="14:14">
      <c r="N881663" s="10"/>
    </row>
    <row r="881664" spans="14:14">
      <c r="N881664" s="10"/>
    </row>
    <row r="881665" spans="14:14">
      <c r="N881665" s="10"/>
    </row>
    <row r="881666" spans="14:14">
      <c r="N881666" s="10"/>
    </row>
    <row r="881667" spans="14:14">
      <c r="N881667" s="10"/>
    </row>
    <row r="881668" spans="14:14">
      <c r="N881668" s="10"/>
    </row>
    <row r="881669" spans="14:14">
      <c r="N881669" s="10"/>
    </row>
    <row r="881670" spans="14:14">
      <c r="N881670" s="10"/>
    </row>
    <row r="881671" spans="14:14">
      <c r="N881671" s="10"/>
    </row>
    <row r="881672" spans="14:14">
      <c r="N881672" s="10"/>
    </row>
    <row r="881673" spans="14:14">
      <c r="N881673" s="10"/>
    </row>
    <row r="881674" spans="14:14">
      <c r="N881674" s="10"/>
    </row>
    <row r="881675" spans="14:14">
      <c r="N881675" s="10"/>
    </row>
    <row r="881676" spans="14:14">
      <c r="N881676" s="10"/>
    </row>
    <row r="881677" spans="14:14">
      <c r="N881677" s="10"/>
    </row>
    <row r="881678" spans="14:14">
      <c r="N881678" s="10"/>
    </row>
    <row r="881679" spans="14:14">
      <c r="N881679" s="10"/>
    </row>
    <row r="881680" spans="14:14">
      <c r="N881680" s="10"/>
    </row>
    <row r="881681" spans="14:14">
      <c r="N881681" s="10"/>
    </row>
    <row r="881682" spans="14:14">
      <c r="N881682" s="10"/>
    </row>
    <row r="881683" spans="14:14">
      <c r="N881683" s="10"/>
    </row>
    <row r="881684" spans="14:14">
      <c r="N881684" s="10"/>
    </row>
    <row r="881685" spans="14:14">
      <c r="N881685" s="10"/>
    </row>
    <row r="881686" spans="14:14">
      <c r="N881686" s="10"/>
    </row>
    <row r="881687" spans="14:14">
      <c r="N881687" s="10"/>
    </row>
    <row r="881688" spans="14:14">
      <c r="N881688" s="10"/>
    </row>
    <row r="881689" spans="14:14">
      <c r="N881689" s="10"/>
    </row>
    <row r="881690" spans="14:14">
      <c r="N881690" s="10"/>
    </row>
    <row r="881691" spans="14:14">
      <c r="N881691" s="10"/>
    </row>
    <row r="881692" spans="14:14">
      <c r="N881692" s="10"/>
    </row>
    <row r="881693" spans="14:14">
      <c r="N881693" s="10"/>
    </row>
    <row r="881694" spans="14:14">
      <c r="N881694" s="10"/>
    </row>
    <row r="881695" spans="14:14">
      <c r="N881695" s="10"/>
    </row>
    <row r="881696" spans="14:14">
      <c r="N881696" s="10"/>
    </row>
    <row r="881697" spans="14:14">
      <c r="N881697" s="10"/>
    </row>
    <row r="881698" spans="14:14">
      <c r="N881698" s="10"/>
    </row>
    <row r="881699" spans="14:14">
      <c r="N881699" s="10"/>
    </row>
    <row r="881700" spans="14:14">
      <c r="N881700" s="10"/>
    </row>
    <row r="881701" spans="14:14">
      <c r="N881701" s="10"/>
    </row>
    <row r="881702" spans="14:14">
      <c r="N881702" s="10"/>
    </row>
    <row r="881703" spans="14:14">
      <c r="N881703" s="10"/>
    </row>
    <row r="881704" spans="14:14">
      <c r="N881704" s="10"/>
    </row>
    <row r="881705" spans="14:14">
      <c r="N881705" s="10"/>
    </row>
    <row r="881706" spans="14:14">
      <c r="N881706" s="10"/>
    </row>
    <row r="881707" spans="14:14">
      <c r="N881707" s="10"/>
    </row>
    <row r="881708" spans="14:14">
      <c r="N881708" s="10"/>
    </row>
    <row r="881709" spans="14:14">
      <c r="N881709" s="10"/>
    </row>
    <row r="881710" spans="14:14">
      <c r="N881710" s="10"/>
    </row>
    <row r="881711" spans="14:14">
      <c r="N881711" s="10"/>
    </row>
    <row r="881712" spans="14:14">
      <c r="N881712" s="10"/>
    </row>
    <row r="881713" spans="14:14">
      <c r="N881713" s="10"/>
    </row>
    <row r="881714" spans="14:14">
      <c r="N881714" s="10"/>
    </row>
    <row r="881715" spans="14:14">
      <c r="N881715" s="10"/>
    </row>
    <row r="881716" spans="14:14">
      <c r="N881716" s="10"/>
    </row>
    <row r="881717" spans="14:14">
      <c r="N881717" s="10"/>
    </row>
    <row r="881718" spans="14:14">
      <c r="N881718" s="10"/>
    </row>
    <row r="881719" spans="14:14">
      <c r="N881719" s="10"/>
    </row>
    <row r="881720" spans="14:14">
      <c r="N881720" s="10"/>
    </row>
    <row r="881721" spans="14:14">
      <c r="N881721" s="10"/>
    </row>
    <row r="881722" spans="14:14">
      <c r="N881722" s="10"/>
    </row>
    <row r="881723" spans="14:14">
      <c r="N881723" s="10"/>
    </row>
    <row r="881724" spans="14:14">
      <c r="N881724" s="10"/>
    </row>
    <row r="881725" spans="14:14">
      <c r="N881725" s="10"/>
    </row>
    <row r="881726" spans="14:14">
      <c r="N881726" s="10"/>
    </row>
    <row r="881727" spans="14:14">
      <c r="N881727" s="10"/>
    </row>
    <row r="881728" spans="14:14">
      <c r="N881728" s="10"/>
    </row>
    <row r="881729" spans="14:14">
      <c r="N881729" s="10"/>
    </row>
    <row r="881730" spans="14:14">
      <c r="N881730" s="10"/>
    </row>
    <row r="881731" spans="14:14">
      <c r="N881731" s="10"/>
    </row>
    <row r="881732" spans="14:14">
      <c r="N881732" s="10"/>
    </row>
    <row r="881733" spans="14:14">
      <c r="N881733" s="10"/>
    </row>
    <row r="881734" spans="14:14">
      <c r="N881734" s="10"/>
    </row>
    <row r="881735" spans="14:14">
      <c r="N881735" s="10"/>
    </row>
    <row r="881736" spans="14:14">
      <c r="N881736" s="10"/>
    </row>
    <row r="881737" spans="14:14">
      <c r="N881737" s="10"/>
    </row>
    <row r="881738" spans="14:14">
      <c r="N881738" s="10"/>
    </row>
    <row r="881739" spans="14:14">
      <c r="N881739" s="10"/>
    </row>
    <row r="881740" spans="14:14">
      <c r="N881740" s="10"/>
    </row>
    <row r="881741" spans="14:14">
      <c r="N881741" s="10"/>
    </row>
    <row r="881742" spans="14:14">
      <c r="N881742" s="10"/>
    </row>
    <row r="881743" spans="14:14">
      <c r="N881743" s="10"/>
    </row>
    <row r="881744" spans="14:14">
      <c r="N881744" s="10"/>
    </row>
    <row r="881745" spans="14:14">
      <c r="N881745" s="10"/>
    </row>
    <row r="881746" spans="14:14">
      <c r="N881746" s="10"/>
    </row>
    <row r="881747" spans="14:14">
      <c r="N881747" s="10"/>
    </row>
    <row r="881748" spans="14:14">
      <c r="N881748" s="10"/>
    </row>
    <row r="881749" spans="14:14">
      <c r="N881749" s="10"/>
    </row>
    <row r="881750" spans="14:14">
      <c r="N881750" s="10"/>
    </row>
    <row r="881751" spans="14:14">
      <c r="N881751" s="10"/>
    </row>
    <row r="881752" spans="14:14">
      <c r="N881752" s="10"/>
    </row>
    <row r="881753" spans="14:14">
      <c r="N881753" s="10"/>
    </row>
    <row r="881754" spans="14:14">
      <c r="N881754" s="10"/>
    </row>
    <row r="881755" spans="14:14">
      <c r="N881755" s="10"/>
    </row>
    <row r="881756" spans="14:14">
      <c r="N881756" s="10"/>
    </row>
    <row r="881757" spans="14:14">
      <c r="N881757" s="10"/>
    </row>
    <row r="881758" spans="14:14">
      <c r="N881758" s="10"/>
    </row>
    <row r="881759" spans="14:14">
      <c r="N881759" s="10"/>
    </row>
    <row r="881760" spans="14:14">
      <c r="N881760" s="10"/>
    </row>
    <row r="881761" spans="14:14">
      <c r="N881761" s="10"/>
    </row>
    <row r="881762" spans="14:14">
      <c r="N881762" s="10"/>
    </row>
    <row r="881763" spans="14:14">
      <c r="N881763" s="10"/>
    </row>
    <row r="881764" spans="14:14">
      <c r="N881764" s="10"/>
    </row>
    <row r="881765" spans="14:14">
      <c r="N881765" s="10"/>
    </row>
    <row r="881766" spans="14:14">
      <c r="N881766" s="10"/>
    </row>
    <row r="881767" spans="14:14">
      <c r="N881767" s="10"/>
    </row>
    <row r="881768" spans="14:14">
      <c r="N881768" s="10"/>
    </row>
    <row r="881769" spans="14:14">
      <c r="N881769" s="10"/>
    </row>
    <row r="881770" spans="14:14">
      <c r="N881770" s="10"/>
    </row>
    <row r="881771" spans="14:14">
      <c r="N881771" s="10"/>
    </row>
    <row r="881772" spans="14:14">
      <c r="N881772" s="10"/>
    </row>
    <row r="881773" spans="14:14">
      <c r="N881773" s="10"/>
    </row>
    <row r="881774" spans="14:14">
      <c r="N881774" s="10"/>
    </row>
    <row r="881775" spans="14:14">
      <c r="N881775" s="10"/>
    </row>
    <row r="881776" spans="14:14">
      <c r="N881776" s="10"/>
    </row>
    <row r="881777" spans="14:14">
      <c r="N881777" s="10"/>
    </row>
    <row r="881778" spans="14:14">
      <c r="N881778" s="10"/>
    </row>
    <row r="881779" spans="14:14">
      <c r="N881779" s="10"/>
    </row>
    <row r="881780" spans="14:14">
      <c r="N881780" s="10"/>
    </row>
    <row r="881781" spans="14:14">
      <c r="N881781" s="10"/>
    </row>
    <row r="881782" spans="14:14">
      <c r="N881782" s="10"/>
    </row>
    <row r="881783" spans="14:14">
      <c r="N881783" s="10"/>
    </row>
    <row r="881784" spans="14:14">
      <c r="N881784" s="10"/>
    </row>
    <row r="881785" spans="14:14">
      <c r="N881785" s="10"/>
    </row>
    <row r="881786" spans="14:14">
      <c r="N881786" s="10"/>
    </row>
    <row r="881787" spans="14:14">
      <c r="N881787" s="10"/>
    </row>
    <row r="881788" spans="14:14">
      <c r="N881788" s="10"/>
    </row>
    <row r="881789" spans="14:14">
      <c r="N881789" s="10"/>
    </row>
    <row r="881790" spans="14:14">
      <c r="N881790" s="10"/>
    </row>
    <row r="881791" spans="14:14">
      <c r="N881791" s="10"/>
    </row>
    <row r="881792" spans="14:14">
      <c r="N881792" s="10"/>
    </row>
    <row r="881793" spans="14:14">
      <c r="N881793" s="10"/>
    </row>
    <row r="881794" spans="14:14">
      <c r="N881794" s="10"/>
    </row>
    <row r="881795" spans="14:14">
      <c r="N881795" s="10"/>
    </row>
    <row r="881796" spans="14:14">
      <c r="N881796" s="10"/>
    </row>
    <row r="881797" spans="14:14">
      <c r="N881797" s="10"/>
    </row>
    <row r="881798" spans="14:14">
      <c r="N881798" s="10"/>
    </row>
    <row r="881799" spans="14:14">
      <c r="N881799" s="10"/>
    </row>
    <row r="881800" spans="14:14">
      <c r="N881800" s="10"/>
    </row>
    <row r="881801" spans="14:14">
      <c r="N881801" s="10"/>
    </row>
    <row r="881802" spans="14:14">
      <c r="N881802" s="10"/>
    </row>
    <row r="881803" spans="14:14">
      <c r="N881803" s="10"/>
    </row>
    <row r="881804" spans="14:14">
      <c r="N881804" s="10"/>
    </row>
    <row r="881805" spans="14:14">
      <c r="N881805" s="10"/>
    </row>
    <row r="881806" spans="14:14">
      <c r="N881806" s="10"/>
    </row>
    <row r="881807" spans="14:14">
      <c r="N881807" s="10"/>
    </row>
    <row r="881808" spans="14:14">
      <c r="N881808" s="10"/>
    </row>
    <row r="881809" spans="14:14">
      <c r="N881809" s="10"/>
    </row>
    <row r="881810" spans="14:14">
      <c r="N881810" s="10"/>
    </row>
    <row r="881811" spans="14:14">
      <c r="N881811" s="10"/>
    </row>
    <row r="881812" spans="14:14">
      <c r="N881812" s="10"/>
    </row>
    <row r="881813" spans="14:14">
      <c r="N881813" s="10"/>
    </row>
    <row r="881814" spans="14:14">
      <c r="N881814" s="10"/>
    </row>
    <row r="881815" spans="14:14">
      <c r="N881815" s="10"/>
    </row>
    <row r="881816" spans="14:14">
      <c r="N881816" s="10"/>
    </row>
    <row r="881817" spans="14:14">
      <c r="N881817" s="10"/>
    </row>
    <row r="881818" spans="14:14">
      <c r="N881818" s="10"/>
    </row>
    <row r="881819" spans="14:14">
      <c r="N881819" s="10"/>
    </row>
    <row r="881820" spans="14:14">
      <c r="N881820" s="10"/>
    </row>
    <row r="881821" spans="14:14">
      <c r="N881821" s="10"/>
    </row>
    <row r="881822" spans="14:14">
      <c r="N881822" s="10"/>
    </row>
    <row r="881823" spans="14:14">
      <c r="N881823" s="10"/>
    </row>
    <row r="881824" spans="14:14">
      <c r="N881824" s="10"/>
    </row>
    <row r="881825" spans="14:14">
      <c r="N881825" s="10"/>
    </row>
    <row r="881826" spans="14:14">
      <c r="N881826" s="10"/>
    </row>
    <row r="881827" spans="14:14">
      <c r="N881827" s="10"/>
    </row>
    <row r="881828" spans="14:14">
      <c r="N881828" s="10"/>
    </row>
    <row r="881829" spans="14:14">
      <c r="N881829" s="10"/>
    </row>
    <row r="881830" spans="14:14">
      <c r="N881830" s="10"/>
    </row>
    <row r="881831" spans="14:14">
      <c r="N881831" s="10"/>
    </row>
    <row r="881832" spans="14:14">
      <c r="N881832" s="10"/>
    </row>
    <row r="881833" spans="14:14">
      <c r="N881833" s="10"/>
    </row>
    <row r="881834" spans="14:14">
      <c r="N881834" s="10"/>
    </row>
    <row r="881835" spans="14:14">
      <c r="N881835" s="10"/>
    </row>
    <row r="881836" spans="14:14">
      <c r="N881836" s="10"/>
    </row>
    <row r="881837" spans="14:14">
      <c r="N881837" s="10"/>
    </row>
    <row r="881838" spans="14:14">
      <c r="N881838" s="10"/>
    </row>
    <row r="881839" spans="14:14">
      <c r="N881839" s="10"/>
    </row>
    <row r="881840" spans="14:14">
      <c r="N881840" s="10"/>
    </row>
    <row r="881841" spans="14:14">
      <c r="N881841" s="10"/>
    </row>
    <row r="881842" spans="14:14">
      <c r="N881842" s="10"/>
    </row>
    <row r="881843" spans="14:14">
      <c r="N881843" s="10"/>
    </row>
    <row r="881844" spans="14:14">
      <c r="N881844" s="10"/>
    </row>
    <row r="881845" spans="14:14">
      <c r="N881845" s="10"/>
    </row>
    <row r="881846" spans="14:14">
      <c r="N881846" s="10"/>
    </row>
    <row r="881847" spans="14:14">
      <c r="N881847" s="10"/>
    </row>
    <row r="881848" spans="14:14">
      <c r="N881848" s="10"/>
    </row>
    <row r="881849" spans="14:14">
      <c r="N881849" s="10"/>
    </row>
    <row r="881850" spans="14:14">
      <c r="N881850" s="10"/>
    </row>
    <row r="881851" spans="14:14">
      <c r="N881851" s="10"/>
    </row>
    <row r="881852" spans="14:14">
      <c r="N881852" s="10"/>
    </row>
    <row r="881853" spans="14:14">
      <c r="N881853" s="10"/>
    </row>
    <row r="881854" spans="14:14">
      <c r="N881854" s="10"/>
    </row>
    <row r="881855" spans="14:14">
      <c r="N881855" s="10"/>
    </row>
    <row r="881856" spans="14:14">
      <c r="N881856" s="10"/>
    </row>
    <row r="881857" spans="14:14">
      <c r="N881857" s="10"/>
    </row>
    <row r="881858" spans="14:14">
      <c r="N881858" s="10"/>
    </row>
    <row r="881859" spans="14:14">
      <c r="N881859" s="10"/>
    </row>
    <row r="881860" spans="14:14">
      <c r="N881860" s="10"/>
    </row>
    <row r="881861" spans="14:14">
      <c r="N881861" s="10"/>
    </row>
    <row r="881862" spans="14:14">
      <c r="N881862" s="10"/>
    </row>
    <row r="881863" spans="14:14">
      <c r="N881863" s="10"/>
    </row>
    <row r="881864" spans="14:14">
      <c r="N881864" s="10"/>
    </row>
    <row r="881865" spans="14:14">
      <c r="N881865" s="10"/>
    </row>
    <row r="881866" spans="14:14">
      <c r="N881866" s="10"/>
    </row>
    <row r="881867" spans="14:14">
      <c r="N881867" s="10"/>
    </row>
    <row r="881868" spans="14:14">
      <c r="N881868" s="10"/>
    </row>
    <row r="881869" spans="14:14">
      <c r="N881869" s="10"/>
    </row>
    <row r="881870" spans="14:14">
      <c r="N881870" s="10"/>
    </row>
    <row r="881871" spans="14:14">
      <c r="N881871" s="10"/>
    </row>
    <row r="881872" spans="14:14">
      <c r="N881872" s="10"/>
    </row>
    <row r="881873" spans="14:14">
      <c r="N881873" s="10"/>
    </row>
    <row r="881874" spans="14:14">
      <c r="N881874" s="10"/>
    </row>
    <row r="881875" spans="14:14">
      <c r="N881875" s="10"/>
    </row>
    <row r="881876" spans="14:14">
      <c r="N881876" s="10"/>
    </row>
    <row r="881877" spans="14:14">
      <c r="N881877" s="10"/>
    </row>
    <row r="881878" spans="14:14">
      <c r="N881878" s="10"/>
    </row>
    <row r="881879" spans="14:14">
      <c r="N881879" s="10"/>
    </row>
    <row r="881880" spans="14:14">
      <c r="N881880" s="10"/>
    </row>
    <row r="881881" spans="14:14">
      <c r="N881881" s="10"/>
    </row>
    <row r="881882" spans="14:14">
      <c r="N881882" s="10"/>
    </row>
    <row r="881883" spans="14:14">
      <c r="N881883" s="10"/>
    </row>
    <row r="881884" spans="14:14">
      <c r="N881884" s="10"/>
    </row>
    <row r="881885" spans="14:14">
      <c r="N881885" s="10"/>
    </row>
    <row r="881886" spans="14:14">
      <c r="N881886" s="10"/>
    </row>
    <row r="881887" spans="14:14">
      <c r="N881887" s="10"/>
    </row>
    <row r="881888" spans="14:14">
      <c r="N881888" s="10"/>
    </row>
    <row r="881889" spans="14:14">
      <c r="N881889" s="10"/>
    </row>
    <row r="881890" spans="14:14">
      <c r="N881890" s="10"/>
    </row>
    <row r="881891" spans="14:14">
      <c r="N881891" s="10"/>
    </row>
    <row r="881892" spans="14:14">
      <c r="N881892" s="10"/>
    </row>
    <row r="881893" spans="14:14">
      <c r="N881893" s="10"/>
    </row>
    <row r="881894" spans="14:14">
      <c r="N881894" s="10"/>
    </row>
    <row r="881895" spans="14:14">
      <c r="N881895" s="10"/>
    </row>
    <row r="881896" spans="14:14">
      <c r="N881896" s="10"/>
    </row>
    <row r="881897" spans="14:14">
      <c r="N881897" s="10"/>
    </row>
    <row r="881898" spans="14:14">
      <c r="N881898" s="10"/>
    </row>
    <row r="881899" spans="14:14">
      <c r="N881899" s="10"/>
    </row>
    <row r="881900" spans="14:14">
      <c r="N881900" s="10"/>
    </row>
    <row r="881901" spans="14:14">
      <c r="N881901" s="10"/>
    </row>
    <row r="881902" spans="14:14">
      <c r="N881902" s="10"/>
    </row>
    <row r="881903" spans="14:14">
      <c r="N881903" s="10"/>
    </row>
    <row r="881904" spans="14:14">
      <c r="N881904" s="10"/>
    </row>
    <row r="881905" spans="14:14">
      <c r="N881905" s="10"/>
    </row>
    <row r="881906" spans="14:14">
      <c r="N881906" s="10"/>
    </row>
    <row r="881907" spans="14:14">
      <c r="N881907" s="10"/>
    </row>
    <row r="881908" spans="14:14">
      <c r="N881908" s="10"/>
    </row>
    <row r="881909" spans="14:14">
      <c r="N881909" s="10"/>
    </row>
    <row r="881910" spans="14:14">
      <c r="N881910" s="10"/>
    </row>
    <row r="881911" spans="14:14">
      <c r="N881911" s="10"/>
    </row>
    <row r="881912" spans="14:14">
      <c r="N881912" s="10"/>
    </row>
    <row r="881913" spans="14:14">
      <c r="N881913" s="10"/>
    </row>
    <row r="881914" spans="14:14">
      <c r="N881914" s="10"/>
    </row>
    <row r="881915" spans="14:14">
      <c r="N881915" s="10"/>
    </row>
    <row r="881916" spans="14:14">
      <c r="N881916" s="10"/>
    </row>
    <row r="881917" spans="14:14">
      <c r="N881917" s="10"/>
    </row>
    <row r="881918" spans="14:14">
      <c r="N881918" s="10"/>
    </row>
    <row r="881919" spans="14:14">
      <c r="N881919" s="10"/>
    </row>
    <row r="881920" spans="14:14">
      <c r="N881920" s="10"/>
    </row>
    <row r="881921" spans="14:14">
      <c r="N881921" s="10"/>
    </row>
    <row r="881922" spans="14:14">
      <c r="N881922" s="10"/>
    </row>
    <row r="881923" spans="14:14">
      <c r="N881923" s="10"/>
    </row>
    <row r="881924" spans="14:14">
      <c r="N881924" s="10"/>
    </row>
    <row r="881925" spans="14:14">
      <c r="N881925" s="10"/>
    </row>
    <row r="881926" spans="14:14">
      <c r="N881926" s="10"/>
    </row>
    <row r="881927" spans="14:14">
      <c r="N881927" s="10"/>
    </row>
    <row r="881928" spans="14:14">
      <c r="N881928" s="10"/>
    </row>
    <row r="881929" spans="14:14">
      <c r="N881929" s="10"/>
    </row>
    <row r="881930" spans="14:14">
      <c r="N881930" s="10"/>
    </row>
    <row r="881931" spans="14:14">
      <c r="N881931" s="10"/>
    </row>
    <row r="881932" spans="14:14">
      <c r="N881932" s="10"/>
    </row>
    <row r="881933" spans="14:14">
      <c r="N881933" s="10"/>
    </row>
    <row r="881934" spans="14:14">
      <c r="N881934" s="10"/>
    </row>
    <row r="881935" spans="14:14">
      <c r="N881935" s="10"/>
    </row>
    <row r="881936" spans="14:14">
      <c r="N881936" s="10"/>
    </row>
    <row r="881937" spans="14:14">
      <c r="N881937" s="10"/>
    </row>
    <row r="881938" spans="14:14">
      <c r="N881938" s="10"/>
    </row>
    <row r="881939" spans="14:14">
      <c r="N881939" s="10"/>
    </row>
    <row r="881940" spans="14:14">
      <c r="N881940" s="10"/>
    </row>
    <row r="881941" spans="14:14">
      <c r="N881941" s="10"/>
    </row>
    <row r="881942" spans="14:14">
      <c r="N881942" s="10"/>
    </row>
    <row r="881943" spans="14:14">
      <c r="N881943" s="10"/>
    </row>
    <row r="881944" spans="14:14">
      <c r="N881944" s="10"/>
    </row>
    <row r="881945" spans="14:14">
      <c r="N881945" s="10"/>
    </row>
    <row r="881946" spans="14:14">
      <c r="N881946" s="10"/>
    </row>
    <row r="881947" spans="14:14">
      <c r="N881947" s="10"/>
    </row>
    <row r="881948" spans="14:14">
      <c r="N881948" s="10"/>
    </row>
    <row r="881949" spans="14:14">
      <c r="N881949" s="10"/>
    </row>
    <row r="881950" spans="14:14">
      <c r="N881950" s="10"/>
    </row>
    <row r="881951" spans="14:14">
      <c r="N881951" s="10"/>
    </row>
    <row r="881952" spans="14:14">
      <c r="N881952" s="10"/>
    </row>
    <row r="881953" spans="14:14">
      <c r="N881953" s="10"/>
    </row>
    <row r="881954" spans="14:14">
      <c r="N881954" s="10"/>
    </row>
    <row r="881955" spans="14:14">
      <c r="N881955" s="10"/>
    </row>
    <row r="881956" spans="14:14">
      <c r="N881956" s="10"/>
    </row>
    <row r="881957" spans="14:14">
      <c r="N881957" s="10"/>
    </row>
    <row r="881958" spans="14:14">
      <c r="N881958" s="10"/>
    </row>
    <row r="881959" spans="14:14">
      <c r="N881959" s="10"/>
    </row>
    <row r="881960" spans="14:14">
      <c r="N881960" s="10"/>
    </row>
    <row r="881961" spans="14:14">
      <c r="N881961" s="10"/>
    </row>
    <row r="881962" spans="14:14">
      <c r="N881962" s="10"/>
    </row>
    <row r="881963" spans="14:14">
      <c r="N881963" s="10"/>
    </row>
    <row r="881964" spans="14:14">
      <c r="N881964" s="10"/>
    </row>
    <row r="881965" spans="14:14">
      <c r="N881965" s="10"/>
    </row>
    <row r="881966" spans="14:14">
      <c r="N881966" s="10"/>
    </row>
    <row r="881967" spans="14:14">
      <c r="N881967" s="10"/>
    </row>
    <row r="881968" spans="14:14">
      <c r="N881968" s="10"/>
    </row>
    <row r="881969" spans="14:14">
      <c r="N881969" s="10"/>
    </row>
    <row r="881970" spans="14:14">
      <c r="N881970" s="10"/>
    </row>
    <row r="881971" spans="14:14">
      <c r="N881971" s="10"/>
    </row>
    <row r="881972" spans="14:14">
      <c r="N881972" s="10"/>
    </row>
    <row r="881973" spans="14:14">
      <c r="N881973" s="10"/>
    </row>
    <row r="881974" spans="14:14">
      <c r="N881974" s="10"/>
    </row>
    <row r="881975" spans="14:14">
      <c r="N881975" s="10"/>
    </row>
    <row r="881976" spans="14:14">
      <c r="N881976" s="10"/>
    </row>
    <row r="881977" spans="14:14">
      <c r="N881977" s="10"/>
    </row>
    <row r="881978" spans="14:14">
      <c r="N881978" s="10"/>
    </row>
    <row r="881979" spans="14:14">
      <c r="N881979" s="10"/>
    </row>
    <row r="881980" spans="14:14">
      <c r="N881980" s="10"/>
    </row>
    <row r="881981" spans="14:14">
      <c r="N881981" s="10"/>
    </row>
    <row r="881982" spans="14:14">
      <c r="N881982" s="10"/>
    </row>
    <row r="881983" spans="14:14">
      <c r="N881983" s="10"/>
    </row>
    <row r="881984" spans="14:14">
      <c r="N881984" s="10"/>
    </row>
    <row r="881985" spans="14:14">
      <c r="N881985" s="10"/>
    </row>
    <row r="881986" spans="14:14">
      <c r="N881986" s="10"/>
    </row>
    <row r="881987" spans="14:14">
      <c r="N881987" s="10"/>
    </row>
    <row r="881988" spans="14:14">
      <c r="N881988" s="10"/>
    </row>
    <row r="881989" spans="14:14">
      <c r="N881989" s="10"/>
    </row>
    <row r="881990" spans="14:14">
      <c r="N881990" s="10"/>
    </row>
    <row r="881991" spans="14:14">
      <c r="N881991" s="10"/>
    </row>
    <row r="881992" spans="14:14">
      <c r="N881992" s="10"/>
    </row>
    <row r="881993" spans="14:14">
      <c r="N881993" s="10"/>
    </row>
    <row r="881994" spans="14:14">
      <c r="N881994" s="10"/>
    </row>
    <row r="881995" spans="14:14">
      <c r="N881995" s="10"/>
    </row>
    <row r="881996" spans="14:14">
      <c r="N881996" s="10"/>
    </row>
    <row r="881997" spans="14:14">
      <c r="N881997" s="10"/>
    </row>
    <row r="881998" spans="14:14">
      <c r="N881998" s="10"/>
    </row>
    <row r="881999" spans="14:14">
      <c r="N881999" s="10"/>
    </row>
    <row r="882000" spans="14:14">
      <c r="N882000" s="10"/>
    </row>
    <row r="882001" spans="14:14">
      <c r="N882001" s="10"/>
    </row>
    <row r="882002" spans="14:14">
      <c r="N882002" s="10"/>
    </row>
    <row r="882003" spans="14:14">
      <c r="N882003" s="10"/>
    </row>
    <row r="882004" spans="14:14">
      <c r="N882004" s="10"/>
    </row>
    <row r="882005" spans="14:14">
      <c r="N882005" s="10"/>
    </row>
    <row r="882006" spans="14:14">
      <c r="N882006" s="10"/>
    </row>
    <row r="882007" spans="14:14">
      <c r="N882007" s="10"/>
    </row>
    <row r="882008" spans="14:14">
      <c r="N882008" s="10"/>
    </row>
    <row r="882009" spans="14:14">
      <c r="N882009" s="10"/>
    </row>
    <row r="882010" spans="14:14">
      <c r="N882010" s="10"/>
    </row>
    <row r="882011" spans="14:14">
      <c r="N882011" s="10"/>
    </row>
    <row r="882012" spans="14:14">
      <c r="N882012" s="10"/>
    </row>
    <row r="882013" spans="14:14">
      <c r="N882013" s="10"/>
    </row>
    <row r="882014" spans="14:14">
      <c r="N882014" s="10"/>
    </row>
    <row r="882015" spans="14:14">
      <c r="N882015" s="10"/>
    </row>
    <row r="882016" spans="14:14">
      <c r="N882016" s="10"/>
    </row>
    <row r="882017" spans="14:14">
      <c r="N882017" s="10"/>
    </row>
    <row r="882018" spans="14:14">
      <c r="N882018" s="10"/>
    </row>
    <row r="882019" spans="14:14">
      <c r="N882019" s="10"/>
    </row>
    <row r="882020" spans="14:14">
      <c r="N882020" s="10"/>
    </row>
    <row r="882021" spans="14:14">
      <c r="N882021" s="10"/>
    </row>
    <row r="882022" spans="14:14">
      <c r="N882022" s="10"/>
    </row>
    <row r="882023" spans="14:14">
      <c r="N882023" s="10"/>
    </row>
    <row r="882024" spans="14:14">
      <c r="N882024" s="10"/>
    </row>
    <row r="882025" spans="14:14">
      <c r="N882025" s="10"/>
    </row>
    <row r="882026" spans="14:14">
      <c r="N882026" s="10"/>
    </row>
    <row r="882027" spans="14:14">
      <c r="N882027" s="10"/>
    </row>
    <row r="882028" spans="14:14">
      <c r="N882028" s="10"/>
    </row>
    <row r="882029" spans="14:14">
      <c r="N882029" s="10"/>
    </row>
    <row r="882030" spans="14:14">
      <c r="N882030" s="10"/>
    </row>
    <row r="882031" spans="14:14">
      <c r="N882031" s="10"/>
    </row>
    <row r="882032" spans="14:14">
      <c r="N882032" s="10"/>
    </row>
    <row r="882033" spans="14:14">
      <c r="N882033" s="10"/>
    </row>
    <row r="882034" spans="14:14">
      <c r="N882034" s="10"/>
    </row>
    <row r="882035" spans="14:14">
      <c r="N882035" s="10"/>
    </row>
    <row r="882036" spans="14:14">
      <c r="N882036" s="10"/>
    </row>
    <row r="882037" spans="14:14">
      <c r="N882037" s="10"/>
    </row>
    <row r="882038" spans="14:14">
      <c r="N882038" s="10"/>
    </row>
    <row r="882039" spans="14:14">
      <c r="N882039" s="10"/>
    </row>
    <row r="882040" spans="14:14">
      <c r="N882040" s="10"/>
    </row>
    <row r="882041" spans="14:14">
      <c r="N882041" s="10"/>
    </row>
    <row r="882042" spans="14:14">
      <c r="N882042" s="10"/>
    </row>
    <row r="882043" spans="14:14">
      <c r="N882043" s="10"/>
    </row>
    <row r="882044" spans="14:14">
      <c r="N882044" s="10"/>
    </row>
    <row r="882045" spans="14:14">
      <c r="N882045" s="10"/>
    </row>
    <row r="882046" spans="14:14">
      <c r="N882046" s="10"/>
    </row>
    <row r="882047" spans="14:14">
      <c r="N882047" s="10"/>
    </row>
    <row r="882048" spans="14:14">
      <c r="N882048" s="10"/>
    </row>
    <row r="882049" spans="14:14">
      <c r="N882049" s="10"/>
    </row>
    <row r="882050" spans="14:14">
      <c r="N882050" s="10"/>
    </row>
    <row r="882051" spans="14:14">
      <c r="N882051" s="10"/>
    </row>
    <row r="882052" spans="14:14">
      <c r="N882052" s="10"/>
    </row>
    <row r="882053" spans="14:14">
      <c r="N882053" s="10"/>
    </row>
    <row r="882054" spans="14:14">
      <c r="N882054" s="10"/>
    </row>
    <row r="882055" spans="14:14">
      <c r="N882055" s="10"/>
    </row>
    <row r="882056" spans="14:14">
      <c r="N882056" s="10"/>
    </row>
    <row r="882057" spans="14:14">
      <c r="N882057" s="10"/>
    </row>
    <row r="882058" spans="14:14">
      <c r="N882058" s="10"/>
    </row>
    <row r="882059" spans="14:14">
      <c r="N882059" s="10"/>
    </row>
    <row r="882060" spans="14:14">
      <c r="N882060" s="10"/>
    </row>
    <row r="882061" spans="14:14">
      <c r="N882061" s="10"/>
    </row>
    <row r="882062" spans="14:14">
      <c r="N882062" s="10"/>
    </row>
    <row r="882063" spans="14:14">
      <c r="N882063" s="10"/>
    </row>
    <row r="882064" spans="14:14">
      <c r="N882064" s="10"/>
    </row>
    <row r="882065" spans="14:14">
      <c r="N882065" s="10"/>
    </row>
    <row r="882066" spans="14:14">
      <c r="N882066" s="10"/>
    </row>
    <row r="882067" spans="14:14">
      <c r="N882067" s="10"/>
    </row>
    <row r="882068" spans="14:14">
      <c r="N882068" s="10"/>
    </row>
    <row r="882069" spans="14:14">
      <c r="N882069" s="10"/>
    </row>
    <row r="882070" spans="14:14">
      <c r="N882070" s="10"/>
    </row>
    <row r="882071" spans="14:14">
      <c r="N882071" s="10"/>
    </row>
    <row r="882072" spans="14:14">
      <c r="N882072" s="10"/>
    </row>
    <row r="882073" spans="14:14">
      <c r="N882073" s="10"/>
    </row>
    <row r="882074" spans="14:14">
      <c r="N882074" s="10"/>
    </row>
    <row r="882075" spans="14:14">
      <c r="N882075" s="10"/>
    </row>
    <row r="882076" spans="14:14">
      <c r="N882076" s="10"/>
    </row>
    <row r="882077" spans="14:14">
      <c r="N882077" s="10"/>
    </row>
    <row r="882078" spans="14:14">
      <c r="N882078" s="10"/>
    </row>
    <row r="882079" spans="14:14">
      <c r="N882079" s="10"/>
    </row>
    <row r="882080" spans="14:14">
      <c r="N882080" s="10"/>
    </row>
    <row r="882081" spans="14:14">
      <c r="N882081" s="10"/>
    </row>
    <row r="882082" spans="14:14">
      <c r="N882082" s="10"/>
    </row>
    <row r="882083" spans="14:14">
      <c r="N882083" s="10"/>
    </row>
    <row r="882084" spans="14:14">
      <c r="N882084" s="10"/>
    </row>
    <row r="882085" spans="14:14">
      <c r="N882085" s="10"/>
    </row>
    <row r="882086" spans="14:14">
      <c r="N882086" s="10"/>
    </row>
    <row r="882087" spans="14:14">
      <c r="N882087" s="10"/>
    </row>
    <row r="882088" spans="14:14">
      <c r="N882088" s="10"/>
    </row>
    <row r="882089" spans="14:14">
      <c r="N882089" s="10"/>
    </row>
    <row r="882090" spans="14:14">
      <c r="N882090" s="10"/>
    </row>
    <row r="882091" spans="14:14">
      <c r="N882091" s="10"/>
    </row>
    <row r="882092" spans="14:14">
      <c r="N882092" s="10"/>
    </row>
    <row r="882093" spans="14:14">
      <c r="N882093" s="10"/>
    </row>
    <row r="882094" spans="14:14">
      <c r="N882094" s="10"/>
    </row>
    <row r="882095" spans="14:14">
      <c r="N882095" s="10"/>
    </row>
    <row r="882096" spans="14:14">
      <c r="N882096" s="10"/>
    </row>
    <row r="882097" spans="14:14">
      <c r="N882097" s="10"/>
    </row>
    <row r="882098" spans="14:14">
      <c r="N882098" s="10"/>
    </row>
    <row r="882099" spans="14:14">
      <c r="N882099" s="10"/>
    </row>
    <row r="882100" spans="14:14">
      <c r="N882100" s="10"/>
    </row>
    <row r="882101" spans="14:14">
      <c r="N882101" s="10"/>
    </row>
    <row r="882102" spans="14:14">
      <c r="N882102" s="10"/>
    </row>
    <row r="882103" spans="14:14">
      <c r="N882103" s="10"/>
    </row>
    <row r="882104" spans="14:14">
      <c r="N882104" s="10"/>
    </row>
    <row r="882105" spans="14:14">
      <c r="N882105" s="10"/>
    </row>
    <row r="882106" spans="14:14">
      <c r="N882106" s="10"/>
    </row>
    <row r="882107" spans="14:14">
      <c r="N882107" s="10"/>
    </row>
    <row r="882108" spans="14:14">
      <c r="N882108" s="10"/>
    </row>
    <row r="882109" spans="14:14">
      <c r="N882109" s="10"/>
    </row>
    <row r="882110" spans="14:14">
      <c r="N882110" s="10"/>
    </row>
    <row r="882111" spans="14:14">
      <c r="N882111" s="10"/>
    </row>
    <row r="882112" spans="14:14">
      <c r="N882112" s="10"/>
    </row>
    <row r="882113" spans="14:14">
      <c r="N882113" s="10"/>
    </row>
    <row r="882114" spans="14:14">
      <c r="N882114" s="10"/>
    </row>
    <row r="882115" spans="14:14">
      <c r="N882115" s="10"/>
    </row>
    <row r="882116" spans="14:14">
      <c r="N882116" s="10"/>
    </row>
    <row r="882117" spans="14:14">
      <c r="N882117" s="10"/>
    </row>
    <row r="882118" spans="14:14">
      <c r="N882118" s="10"/>
    </row>
    <row r="882119" spans="14:14">
      <c r="N882119" s="10"/>
    </row>
    <row r="882120" spans="14:14">
      <c r="N882120" s="10"/>
    </row>
    <row r="882121" spans="14:14">
      <c r="N882121" s="10"/>
    </row>
    <row r="882122" spans="14:14">
      <c r="N882122" s="10"/>
    </row>
    <row r="882123" spans="14:14">
      <c r="N882123" s="10"/>
    </row>
    <row r="882124" spans="14:14">
      <c r="N882124" s="10"/>
    </row>
    <row r="882125" spans="14:14">
      <c r="N882125" s="10"/>
    </row>
    <row r="882126" spans="14:14">
      <c r="N882126" s="10"/>
    </row>
    <row r="882127" spans="14:14">
      <c r="N882127" s="10"/>
    </row>
    <row r="882128" spans="14:14">
      <c r="N882128" s="10"/>
    </row>
    <row r="882129" spans="14:14">
      <c r="N882129" s="10"/>
    </row>
    <row r="882130" spans="14:14">
      <c r="N882130" s="10"/>
    </row>
    <row r="882131" spans="14:14">
      <c r="N882131" s="10"/>
    </row>
    <row r="882132" spans="14:14">
      <c r="N882132" s="10"/>
    </row>
    <row r="882133" spans="14:14">
      <c r="N882133" s="10"/>
    </row>
    <row r="882134" spans="14:14">
      <c r="N882134" s="10"/>
    </row>
    <row r="882135" spans="14:14">
      <c r="N882135" s="10"/>
    </row>
    <row r="882136" spans="14:14">
      <c r="N882136" s="10"/>
    </row>
    <row r="882137" spans="14:14">
      <c r="N882137" s="10"/>
    </row>
    <row r="882138" spans="14:14">
      <c r="N882138" s="10"/>
    </row>
    <row r="882139" spans="14:14">
      <c r="N882139" s="10"/>
    </row>
    <row r="882140" spans="14:14">
      <c r="N882140" s="10"/>
    </row>
    <row r="882141" spans="14:14">
      <c r="N882141" s="10"/>
    </row>
    <row r="882142" spans="14:14">
      <c r="N882142" s="10"/>
    </row>
    <row r="882143" spans="14:14">
      <c r="N882143" s="10"/>
    </row>
    <row r="882144" spans="14:14">
      <c r="N882144" s="10"/>
    </row>
    <row r="882145" spans="14:14">
      <c r="N882145" s="10"/>
    </row>
    <row r="882146" spans="14:14">
      <c r="N882146" s="10"/>
    </row>
    <row r="882147" spans="14:14">
      <c r="N882147" s="10"/>
    </row>
    <row r="882148" spans="14:14">
      <c r="N882148" s="10"/>
    </row>
    <row r="882149" spans="14:14">
      <c r="N882149" s="10"/>
    </row>
    <row r="882150" spans="14:14">
      <c r="N882150" s="10"/>
    </row>
    <row r="882151" spans="14:14">
      <c r="N882151" s="10"/>
    </row>
    <row r="882152" spans="14:14">
      <c r="N882152" s="10"/>
    </row>
    <row r="882153" spans="14:14">
      <c r="N882153" s="10"/>
    </row>
    <row r="882154" spans="14:14">
      <c r="N882154" s="10"/>
    </row>
    <row r="882155" spans="14:14">
      <c r="N882155" s="10"/>
    </row>
    <row r="882156" spans="14:14">
      <c r="N882156" s="10"/>
    </row>
    <row r="882157" spans="14:14">
      <c r="N882157" s="10"/>
    </row>
    <row r="882158" spans="14:14">
      <c r="N882158" s="10"/>
    </row>
    <row r="882159" spans="14:14">
      <c r="N882159" s="10"/>
    </row>
    <row r="882160" spans="14:14">
      <c r="N882160" s="10"/>
    </row>
    <row r="882161" spans="14:14">
      <c r="N882161" s="10"/>
    </row>
    <row r="882162" spans="14:14">
      <c r="N882162" s="10"/>
    </row>
    <row r="882163" spans="14:14">
      <c r="N882163" s="10"/>
    </row>
    <row r="882164" spans="14:14">
      <c r="N882164" s="10"/>
    </row>
    <row r="882165" spans="14:14">
      <c r="N882165" s="10"/>
    </row>
    <row r="882166" spans="14:14">
      <c r="N882166" s="10"/>
    </row>
    <row r="882167" spans="14:14">
      <c r="N882167" s="10"/>
    </row>
    <row r="882168" spans="14:14">
      <c r="N882168" s="10"/>
    </row>
    <row r="882169" spans="14:14">
      <c r="N882169" s="10"/>
    </row>
    <row r="882170" spans="14:14">
      <c r="N882170" s="10"/>
    </row>
    <row r="882171" spans="14:14">
      <c r="N882171" s="10"/>
    </row>
    <row r="882172" spans="14:14">
      <c r="N882172" s="10"/>
    </row>
    <row r="882173" spans="14:14">
      <c r="N882173" s="10"/>
    </row>
    <row r="882174" spans="14:14">
      <c r="N882174" s="10"/>
    </row>
    <row r="882175" spans="14:14">
      <c r="N882175" s="10"/>
    </row>
    <row r="882176" spans="14:14">
      <c r="N882176" s="10"/>
    </row>
    <row r="882177" spans="14:14">
      <c r="N882177" s="10"/>
    </row>
    <row r="882178" spans="14:14">
      <c r="N882178" s="10"/>
    </row>
    <row r="882179" spans="14:14">
      <c r="N882179" s="10"/>
    </row>
    <row r="882180" spans="14:14">
      <c r="N882180" s="10"/>
    </row>
    <row r="882181" spans="14:14">
      <c r="N882181" s="10"/>
    </row>
    <row r="882182" spans="14:14">
      <c r="N882182" s="10"/>
    </row>
    <row r="882183" spans="14:14">
      <c r="N882183" s="10"/>
    </row>
    <row r="882184" spans="14:14">
      <c r="N882184" s="10"/>
    </row>
    <row r="882185" spans="14:14">
      <c r="N882185" s="10"/>
    </row>
    <row r="882186" spans="14:14">
      <c r="N882186" s="10"/>
    </row>
    <row r="882187" spans="14:14">
      <c r="N882187" s="10"/>
    </row>
    <row r="882188" spans="14:14">
      <c r="N882188" s="10"/>
    </row>
    <row r="882189" spans="14:14">
      <c r="N882189" s="10"/>
    </row>
    <row r="882190" spans="14:14">
      <c r="N882190" s="10"/>
    </row>
    <row r="882191" spans="14:14">
      <c r="N882191" s="10"/>
    </row>
    <row r="882192" spans="14:14">
      <c r="N882192" s="10"/>
    </row>
    <row r="882193" spans="14:14">
      <c r="N882193" s="10"/>
    </row>
    <row r="882194" spans="14:14">
      <c r="N882194" s="10"/>
    </row>
    <row r="882195" spans="14:14">
      <c r="N882195" s="10"/>
    </row>
    <row r="882196" spans="14:14">
      <c r="N882196" s="10"/>
    </row>
    <row r="882197" spans="14:14">
      <c r="N882197" s="10"/>
    </row>
    <row r="882198" spans="14:14">
      <c r="N882198" s="10"/>
    </row>
    <row r="882199" spans="14:14">
      <c r="N882199" s="10"/>
    </row>
    <row r="882200" spans="14:14">
      <c r="N882200" s="10"/>
    </row>
    <row r="882201" spans="14:14">
      <c r="N882201" s="10"/>
    </row>
    <row r="882202" spans="14:14">
      <c r="N882202" s="10"/>
    </row>
    <row r="882203" spans="14:14">
      <c r="N882203" s="10"/>
    </row>
    <row r="882204" spans="14:14">
      <c r="N882204" s="10"/>
    </row>
    <row r="882205" spans="14:14">
      <c r="N882205" s="10"/>
    </row>
    <row r="882206" spans="14:14">
      <c r="N882206" s="10"/>
    </row>
    <row r="882207" spans="14:14">
      <c r="N882207" s="10"/>
    </row>
    <row r="882208" spans="14:14">
      <c r="N882208" s="10"/>
    </row>
    <row r="882209" spans="14:14">
      <c r="N882209" s="10"/>
    </row>
    <row r="882210" spans="14:14">
      <c r="N882210" s="10"/>
    </row>
    <row r="882211" spans="14:14">
      <c r="N882211" s="10"/>
    </row>
    <row r="882212" spans="14:14">
      <c r="N882212" s="10"/>
    </row>
    <row r="882213" spans="14:14">
      <c r="N882213" s="10"/>
    </row>
    <row r="882214" spans="14:14">
      <c r="N882214" s="10"/>
    </row>
    <row r="882215" spans="14:14">
      <c r="N882215" s="10"/>
    </row>
    <row r="882216" spans="14:14">
      <c r="N882216" s="10"/>
    </row>
    <row r="882217" spans="14:14">
      <c r="N882217" s="10"/>
    </row>
    <row r="882218" spans="14:14">
      <c r="N882218" s="10"/>
    </row>
    <row r="882219" spans="14:14">
      <c r="N882219" s="10"/>
    </row>
    <row r="882220" spans="14:14">
      <c r="N882220" s="10"/>
    </row>
    <row r="882221" spans="14:14">
      <c r="N882221" s="10"/>
    </row>
    <row r="882222" spans="14:14">
      <c r="N882222" s="10"/>
    </row>
    <row r="882223" spans="14:14">
      <c r="N882223" s="10"/>
    </row>
    <row r="882224" spans="14:14">
      <c r="N882224" s="10"/>
    </row>
    <row r="882225" spans="14:14">
      <c r="N882225" s="10"/>
    </row>
    <row r="882226" spans="14:14">
      <c r="N882226" s="10"/>
    </row>
    <row r="882227" spans="14:14">
      <c r="N882227" s="10"/>
    </row>
    <row r="882228" spans="14:14">
      <c r="N882228" s="10"/>
    </row>
    <row r="882229" spans="14:14">
      <c r="N882229" s="10"/>
    </row>
    <row r="882230" spans="14:14">
      <c r="N882230" s="10"/>
    </row>
    <row r="882231" spans="14:14">
      <c r="N882231" s="10"/>
    </row>
    <row r="882232" spans="14:14">
      <c r="N882232" s="10"/>
    </row>
    <row r="882233" spans="14:14">
      <c r="N882233" s="10"/>
    </row>
    <row r="882234" spans="14:14">
      <c r="N882234" s="10"/>
    </row>
    <row r="882235" spans="14:14">
      <c r="N882235" s="10"/>
    </row>
    <row r="882236" spans="14:14">
      <c r="N882236" s="10"/>
    </row>
    <row r="882237" spans="14:14">
      <c r="N882237" s="10"/>
    </row>
    <row r="882238" spans="14:14">
      <c r="N882238" s="10"/>
    </row>
    <row r="882239" spans="14:14">
      <c r="N882239" s="10"/>
    </row>
    <row r="882240" spans="14:14">
      <c r="N882240" s="10"/>
    </row>
    <row r="882241" spans="14:14">
      <c r="N882241" s="10"/>
    </row>
    <row r="882242" spans="14:14">
      <c r="N882242" s="10"/>
    </row>
    <row r="882243" spans="14:14">
      <c r="N882243" s="10"/>
    </row>
    <row r="882244" spans="14:14">
      <c r="N882244" s="10"/>
    </row>
    <row r="882245" spans="14:14">
      <c r="N882245" s="10"/>
    </row>
    <row r="882246" spans="14:14">
      <c r="N882246" s="10"/>
    </row>
    <row r="882247" spans="14:14">
      <c r="N882247" s="10"/>
    </row>
    <row r="882248" spans="14:14">
      <c r="N882248" s="10"/>
    </row>
    <row r="882249" spans="14:14">
      <c r="N882249" s="10"/>
    </row>
    <row r="882250" spans="14:14">
      <c r="N882250" s="10"/>
    </row>
    <row r="882251" spans="14:14">
      <c r="N882251" s="10"/>
    </row>
    <row r="882252" spans="14:14">
      <c r="N882252" s="10"/>
    </row>
    <row r="882253" spans="14:14">
      <c r="N882253" s="10"/>
    </row>
    <row r="882254" spans="14:14">
      <c r="N882254" s="10"/>
    </row>
    <row r="882255" spans="14:14">
      <c r="N882255" s="10"/>
    </row>
    <row r="882256" spans="14:14">
      <c r="N882256" s="10"/>
    </row>
    <row r="882257" spans="14:14">
      <c r="N882257" s="10"/>
    </row>
    <row r="882258" spans="14:14">
      <c r="N882258" s="10"/>
    </row>
    <row r="882259" spans="14:14">
      <c r="N882259" s="10"/>
    </row>
    <row r="882260" spans="14:14">
      <c r="N882260" s="10"/>
    </row>
    <row r="882261" spans="14:14">
      <c r="N882261" s="10"/>
    </row>
    <row r="882262" spans="14:14">
      <c r="N882262" s="10"/>
    </row>
    <row r="882263" spans="14:14">
      <c r="N882263" s="10"/>
    </row>
    <row r="882264" spans="14:14">
      <c r="N882264" s="10"/>
    </row>
    <row r="882265" spans="14:14">
      <c r="N882265" s="10"/>
    </row>
    <row r="882266" spans="14:14">
      <c r="N882266" s="10"/>
    </row>
    <row r="882267" spans="14:14">
      <c r="N882267" s="10"/>
    </row>
    <row r="882268" spans="14:14">
      <c r="N882268" s="10"/>
    </row>
    <row r="882269" spans="14:14">
      <c r="N882269" s="10"/>
    </row>
    <row r="882270" spans="14:14">
      <c r="N882270" s="10"/>
    </row>
    <row r="882271" spans="14:14">
      <c r="N882271" s="10"/>
    </row>
    <row r="882272" spans="14:14">
      <c r="N882272" s="10"/>
    </row>
    <row r="882273" spans="14:14">
      <c r="N882273" s="10"/>
    </row>
    <row r="882274" spans="14:14">
      <c r="N882274" s="10"/>
    </row>
    <row r="882275" spans="14:14">
      <c r="N882275" s="10"/>
    </row>
    <row r="882276" spans="14:14">
      <c r="N882276" s="10"/>
    </row>
    <row r="882277" spans="14:14">
      <c r="N882277" s="10"/>
    </row>
    <row r="882278" spans="14:14">
      <c r="N882278" s="10"/>
    </row>
    <row r="882279" spans="14:14">
      <c r="N882279" s="10"/>
    </row>
    <row r="882280" spans="14:14">
      <c r="N882280" s="10"/>
    </row>
    <row r="882281" spans="14:14">
      <c r="N882281" s="10"/>
    </row>
    <row r="882282" spans="14:14">
      <c r="N882282" s="10"/>
    </row>
    <row r="882283" spans="14:14">
      <c r="N882283" s="10"/>
    </row>
    <row r="882284" spans="14:14">
      <c r="N882284" s="10"/>
    </row>
    <row r="882285" spans="14:14">
      <c r="N882285" s="10"/>
    </row>
    <row r="882286" spans="14:14">
      <c r="N882286" s="10"/>
    </row>
    <row r="882287" spans="14:14">
      <c r="N882287" s="10"/>
    </row>
    <row r="882288" spans="14:14">
      <c r="N882288" s="10"/>
    </row>
    <row r="882289" spans="14:14">
      <c r="N882289" s="10"/>
    </row>
    <row r="882290" spans="14:14">
      <c r="N882290" s="10"/>
    </row>
    <row r="882291" spans="14:14">
      <c r="N882291" s="10"/>
    </row>
    <row r="882292" spans="14:14">
      <c r="N882292" s="10"/>
    </row>
    <row r="882293" spans="14:14">
      <c r="N882293" s="10"/>
    </row>
    <row r="882294" spans="14:14">
      <c r="N882294" s="10"/>
    </row>
    <row r="882295" spans="14:14">
      <c r="N882295" s="10"/>
    </row>
    <row r="882296" spans="14:14">
      <c r="N882296" s="10"/>
    </row>
    <row r="882297" spans="14:14">
      <c r="N882297" s="10"/>
    </row>
    <row r="882298" spans="14:14">
      <c r="N882298" s="10"/>
    </row>
    <row r="882299" spans="14:14">
      <c r="N882299" s="10"/>
    </row>
    <row r="882300" spans="14:14">
      <c r="N882300" s="10"/>
    </row>
    <row r="882301" spans="14:14">
      <c r="N882301" s="10"/>
    </row>
    <row r="882302" spans="14:14">
      <c r="N882302" s="10"/>
    </row>
    <row r="882303" spans="14:14">
      <c r="N882303" s="10"/>
    </row>
    <row r="882304" spans="14:14">
      <c r="N882304" s="10"/>
    </row>
    <row r="882305" spans="14:14">
      <c r="N882305" s="10"/>
    </row>
    <row r="882306" spans="14:14">
      <c r="N882306" s="10"/>
    </row>
    <row r="882307" spans="14:14">
      <c r="N882307" s="10"/>
    </row>
    <row r="882308" spans="14:14">
      <c r="N882308" s="10"/>
    </row>
    <row r="882309" spans="14:14">
      <c r="N882309" s="10"/>
    </row>
    <row r="882310" spans="14:14">
      <c r="N882310" s="10"/>
    </row>
    <row r="882311" spans="14:14">
      <c r="N882311" s="10"/>
    </row>
    <row r="882312" spans="14:14">
      <c r="N882312" s="10"/>
    </row>
    <row r="882313" spans="14:14">
      <c r="N882313" s="10"/>
    </row>
    <row r="882314" spans="14:14">
      <c r="N882314" s="10"/>
    </row>
    <row r="882315" spans="14:14">
      <c r="N882315" s="10"/>
    </row>
    <row r="882316" spans="14:14">
      <c r="N882316" s="10"/>
    </row>
    <row r="882317" spans="14:14">
      <c r="N882317" s="10"/>
    </row>
    <row r="882318" spans="14:14">
      <c r="N882318" s="10"/>
    </row>
    <row r="882319" spans="14:14">
      <c r="N882319" s="10"/>
    </row>
    <row r="882320" spans="14:14">
      <c r="N882320" s="10"/>
    </row>
    <row r="882321" spans="14:14">
      <c r="N882321" s="10"/>
    </row>
    <row r="882322" spans="14:14">
      <c r="N882322" s="10"/>
    </row>
    <row r="882323" spans="14:14">
      <c r="N882323" s="10"/>
    </row>
    <row r="882324" spans="14:14">
      <c r="N882324" s="10"/>
    </row>
    <row r="882325" spans="14:14">
      <c r="N882325" s="10"/>
    </row>
    <row r="882326" spans="14:14">
      <c r="N882326" s="10"/>
    </row>
    <row r="882327" spans="14:14">
      <c r="N882327" s="10"/>
    </row>
    <row r="882328" spans="14:14">
      <c r="N882328" s="10"/>
    </row>
    <row r="882329" spans="14:14">
      <c r="N882329" s="10"/>
    </row>
    <row r="882330" spans="14:14">
      <c r="N882330" s="10"/>
    </row>
    <row r="882331" spans="14:14">
      <c r="N882331" s="10"/>
    </row>
    <row r="882332" spans="14:14">
      <c r="N882332" s="10"/>
    </row>
    <row r="882333" spans="14:14">
      <c r="N882333" s="10"/>
    </row>
    <row r="882334" spans="14:14">
      <c r="N882334" s="10"/>
    </row>
    <row r="882335" spans="14:14">
      <c r="N882335" s="10"/>
    </row>
    <row r="882336" spans="14:14">
      <c r="N882336" s="10"/>
    </row>
    <row r="882337" spans="14:14">
      <c r="N882337" s="10"/>
    </row>
    <row r="882338" spans="14:14">
      <c r="N882338" s="10"/>
    </row>
    <row r="882339" spans="14:14">
      <c r="N882339" s="10"/>
    </row>
    <row r="882340" spans="14:14">
      <c r="N882340" s="10"/>
    </row>
    <row r="882341" spans="14:14">
      <c r="N882341" s="10"/>
    </row>
    <row r="882342" spans="14:14">
      <c r="N882342" s="10"/>
    </row>
    <row r="882343" spans="14:14">
      <c r="N882343" s="10"/>
    </row>
    <row r="882344" spans="14:14">
      <c r="N882344" s="10"/>
    </row>
    <row r="882345" spans="14:14">
      <c r="N882345" s="10"/>
    </row>
    <row r="882346" spans="14:14">
      <c r="N882346" s="10"/>
    </row>
    <row r="882347" spans="14:14">
      <c r="N882347" s="10"/>
    </row>
    <row r="882348" spans="14:14">
      <c r="N882348" s="10"/>
    </row>
    <row r="882349" spans="14:14">
      <c r="N882349" s="10"/>
    </row>
    <row r="882350" spans="14:14">
      <c r="N882350" s="10"/>
    </row>
    <row r="882351" spans="14:14">
      <c r="N882351" s="10"/>
    </row>
    <row r="882352" spans="14:14">
      <c r="N882352" s="10"/>
    </row>
    <row r="882353" spans="14:14">
      <c r="N882353" s="10"/>
    </row>
    <row r="882354" spans="14:14">
      <c r="N882354" s="10"/>
    </row>
    <row r="882355" spans="14:14">
      <c r="N882355" s="10"/>
    </row>
    <row r="882356" spans="14:14">
      <c r="N882356" s="10"/>
    </row>
    <row r="882357" spans="14:14">
      <c r="N882357" s="10"/>
    </row>
    <row r="882358" spans="14:14">
      <c r="N882358" s="10"/>
    </row>
    <row r="882359" spans="14:14">
      <c r="N882359" s="10"/>
    </row>
    <row r="882360" spans="14:14">
      <c r="N882360" s="10"/>
    </row>
    <row r="882361" spans="14:14">
      <c r="N882361" s="10"/>
    </row>
    <row r="882362" spans="14:14">
      <c r="N882362" s="10"/>
    </row>
    <row r="882363" spans="14:14">
      <c r="N882363" s="10"/>
    </row>
    <row r="882364" spans="14:14">
      <c r="N882364" s="10"/>
    </row>
    <row r="882365" spans="14:14">
      <c r="N882365" s="10"/>
    </row>
    <row r="882366" spans="14:14">
      <c r="N882366" s="10"/>
    </row>
    <row r="882367" spans="14:14">
      <c r="N882367" s="10"/>
    </row>
    <row r="882368" spans="14:14">
      <c r="N882368" s="10"/>
    </row>
    <row r="882369" spans="14:14">
      <c r="N882369" s="10"/>
    </row>
    <row r="882370" spans="14:14">
      <c r="N882370" s="10"/>
    </row>
    <row r="882371" spans="14:14">
      <c r="N882371" s="10"/>
    </row>
    <row r="882372" spans="14:14">
      <c r="N882372" s="10"/>
    </row>
    <row r="882373" spans="14:14">
      <c r="N882373" s="10"/>
    </row>
    <row r="882374" spans="14:14">
      <c r="N882374" s="10"/>
    </row>
    <row r="882375" spans="14:14">
      <c r="N882375" s="10"/>
    </row>
    <row r="882376" spans="14:14">
      <c r="N882376" s="10"/>
    </row>
    <row r="882377" spans="14:14">
      <c r="N882377" s="10"/>
    </row>
    <row r="882378" spans="14:14">
      <c r="N882378" s="10"/>
    </row>
    <row r="882379" spans="14:14">
      <c r="N882379" s="10"/>
    </row>
    <row r="882380" spans="14:14">
      <c r="N882380" s="10"/>
    </row>
    <row r="882381" spans="14:14">
      <c r="N882381" s="10"/>
    </row>
    <row r="882382" spans="14:14">
      <c r="N882382" s="10"/>
    </row>
    <row r="882383" spans="14:14">
      <c r="N882383" s="10"/>
    </row>
    <row r="882384" spans="14:14">
      <c r="N882384" s="10"/>
    </row>
    <row r="882385" spans="14:14">
      <c r="N882385" s="10"/>
    </row>
    <row r="882386" spans="14:14">
      <c r="N882386" s="10"/>
    </row>
    <row r="882387" spans="14:14">
      <c r="N882387" s="10"/>
    </row>
    <row r="882388" spans="14:14">
      <c r="N882388" s="10"/>
    </row>
    <row r="882389" spans="14:14">
      <c r="N882389" s="10"/>
    </row>
    <row r="882390" spans="14:14">
      <c r="N882390" s="10"/>
    </row>
    <row r="882391" spans="14:14">
      <c r="N882391" s="10"/>
    </row>
    <row r="882392" spans="14:14">
      <c r="N882392" s="10"/>
    </row>
    <row r="882393" spans="14:14">
      <c r="N882393" s="10"/>
    </row>
    <row r="882394" spans="14:14">
      <c r="N882394" s="10"/>
    </row>
    <row r="882395" spans="14:14">
      <c r="N882395" s="10"/>
    </row>
    <row r="882396" spans="14:14">
      <c r="N882396" s="10"/>
    </row>
    <row r="882397" spans="14:14">
      <c r="N882397" s="10"/>
    </row>
    <row r="882398" spans="14:14">
      <c r="N882398" s="10"/>
    </row>
    <row r="882399" spans="14:14">
      <c r="N882399" s="10"/>
    </row>
    <row r="882400" spans="14:14">
      <c r="N882400" s="10"/>
    </row>
    <row r="882401" spans="14:14">
      <c r="N882401" s="10"/>
    </row>
    <row r="882402" spans="14:14">
      <c r="N882402" s="10"/>
    </row>
    <row r="882403" spans="14:14">
      <c r="N882403" s="10"/>
    </row>
    <row r="882404" spans="14:14">
      <c r="N882404" s="10"/>
    </row>
    <row r="882405" spans="14:14">
      <c r="N882405" s="10"/>
    </row>
    <row r="882406" spans="14:14">
      <c r="N882406" s="10"/>
    </row>
    <row r="882407" spans="14:14">
      <c r="N882407" s="10"/>
    </row>
    <row r="882408" spans="14:14">
      <c r="N882408" s="10"/>
    </row>
    <row r="882409" spans="14:14">
      <c r="N882409" s="10"/>
    </row>
    <row r="882410" spans="14:14">
      <c r="N882410" s="10"/>
    </row>
    <row r="882411" spans="14:14">
      <c r="N882411" s="10"/>
    </row>
    <row r="882412" spans="14:14">
      <c r="N882412" s="10"/>
    </row>
    <row r="882413" spans="14:14">
      <c r="N882413" s="10"/>
    </row>
    <row r="882414" spans="14:14">
      <c r="N882414" s="10"/>
    </row>
    <row r="882415" spans="14:14">
      <c r="N882415" s="10"/>
    </row>
    <row r="882416" spans="14:14">
      <c r="N882416" s="10"/>
    </row>
    <row r="882417" spans="14:14">
      <c r="N882417" s="10"/>
    </row>
    <row r="882418" spans="14:14">
      <c r="N882418" s="10"/>
    </row>
    <row r="882419" spans="14:14">
      <c r="N882419" s="10"/>
    </row>
    <row r="882420" spans="14:14">
      <c r="N882420" s="10"/>
    </row>
    <row r="882421" spans="14:14">
      <c r="N882421" s="10"/>
    </row>
    <row r="882422" spans="14:14">
      <c r="N882422" s="10"/>
    </row>
    <row r="882423" spans="14:14">
      <c r="N882423" s="10"/>
    </row>
    <row r="882424" spans="14:14">
      <c r="N882424" s="10"/>
    </row>
    <row r="882425" spans="14:14">
      <c r="N882425" s="10"/>
    </row>
    <row r="882426" spans="14:14">
      <c r="N882426" s="10"/>
    </row>
    <row r="882427" spans="14:14">
      <c r="N882427" s="10"/>
    </row>
    <row r="882428" spans="14:14">
      <c r="N882428" s="10"/>
    </row>
    <row r="882429" spans="14:14">
      <c r="N882429" s="10"/>
    </row>
    <row r="882430" spans="14:14">
      <c r="N882430" s="10"/>
    </row>
    <row r="882431" spans="14:14">
      <c r="N882431" s="10"/>
    </row>
    <row r="882432" spans="14:14">
      <c r="N882432" s="10"/>
    </row>
    <row r="882433" spans="14:14">
      <c r="N882433" s="10"/>
    </row>
    <row r="882434" spans="14:14">
      <c r="N882434" s="10"/>
    </row>
    <row r="882435" spans="14:14">
      <c r="N882435" s="10"/>
    </row>
    <row r="882436" spans="14:14">
      <c r="N882436" s="10"/>
    </row>
    <row r="882437" spans="14:14">
      <c r="N882437" s="10"/>
    </row>
    <row r="882438" spans="14:14">
      <c r="N882438" s="10"/>
    </row>
    <row r="882439" spans="14:14">
      <c r="N882439" s="10"/>
    </row>
    <row r="882440" spans="14:14">
      <c r="N882440" s="10"/>
    </row>
    <row r="882441" spans="14:14">
      <c r="N882441" s="10"/>
    </row>
    <row r="882442" spans="14:14">
      <c r="N882442" s="10"/>
    </row>
    <row r="882443" spans="14:14">
      <c r="N882443" s="10"/>
    </row>
    <row r="882444" spans="14:14">
      <c r="N882444" s="10"/>
    </row>
    <row r="882445" spans="14:14">
      <c r="N882445" s="10"/>
    </row>
    <row r="882446" spans="14:14">
      <c r="N882446" s="10"/>
    </row>
    <row r="882447" spans="14:14">
      <c r="N882447" s="10"/>
    </row>
    <row r="882448" spans="14:14">
      <c r="N882448" s="10"/>
    </row>
    <row r="882449" spans="14:14">
      <c r="N882449" s="10"/>
    </row>
    <row r="882450" spans="14:14">
      <c r="N882450" s="10"/>
    </row>
    <row r="882451" spans="14:14">
      <c r="N882451" s="10"/>
    </row>
    <row r="882452" spans="14:14">
      <c r="N882452" s="10"/>
    </row>
    <row r="882453" spans="14:14">
      <c r="N882453" s="10"/>
    </row>
    <row r="882454" spans="14:14">
      <c r="N882454" s="10"/>
    </row>
    <row r="882455" spans="14:14">
      <c r="N882455" s="10"/>
    </row>
    <row r="882456" spans="14:14">
      <c r="N882456" s="10"/>
    </row>
    <row r="882457" spans="14:14">
      <c r="N882457" s="10"/>
    </row>
    <row r="882458" spans="14:14">
      <c r="N882458" s="10"/>
    </row>
    <row r="882459" spans="14:14">
      <c r="N882459" s="10"/>
    </row>
    <row r="882460" spans="14:14">
      <c r="N882460" s="10"/>
    </row>
    <row r="882461" spans="14:14">
      <c r="N882461" s="10"/>
    </row>
    <row r="882462" spans="14:14">
      <c r="N882462" s="10"/>
    </row>
    <row r="882463" spans="14:14">
      <c r="N882463" s="10"/>
    </row>
    <row r="882464" spans="14:14">
      <c r="N882464" s="10"/>
    </row>
    <row r="882465" spans="14:14">
      <c r="N882465" s="10"/>
    </row>
    <row r="882466" spans="14:14">
      <c r="N882466" s="10"/>
    </row>
    <row r="882467" spans="14:14">
      <c r="N882467" s="10"/>
    </row>
    <row r="882468" spans="14:14">
      <c r="N882468" s="10"/>
    </row>
    <row r="882469" spans="14:14">
      <c r="N882469" s="10"/>
    </row>
    <row r="882470" spans="14:14">
      <c r="N882470" s="10"/>
    </row>
    <row r="882471" spans="14:14">
      <c r="N882471" s="10"/>
    </row>
    <row r="882472" spans="14:14">
      <c r="N882472" s="10"/>
    </row>
    <row r="882473" spans="14:14">
      <c r="N882473" s="10"/>
    </row>
    <row r="882474" spans="14:14">
      <c r="N882474" s="10"/>
    </row>
    <row r="882475" spans="14:14">
      <c r="N882475" s="10"/>
    </row>
    <row r="882476" spans="14:14">
      <c r="N882476" s="10"/>
    </row>
    <row r="882477" spans="14:14">
      <c r="N882477" s="10"/>
    </row>
    <row r="882478" spans="14:14">
      <c r="N882478" s="10"/>
    </row>
    <row r="882479" spans="14:14">
      <c r="N882479" s="10"/>
    </row>
    <row r="882480" spans="14:14">
      <c r="N882480" s="10"/>
    </row>
    <row r="882481" spans="14:14">
      <c r="N882481" s="10"/>
    </row>
    <row r="882482" spans="14:14">
      <c r="N882482" s="10"/>
    </row>
    <row r="882483" spans="14:14">
      <c r="N882483" s="10"/>
    </row>
    <row r="882484" spans="14:14">
      <c r="N882484" s="10"/>
    </row>
    <row r="882485" spans="14:14">
      <c r="N882485" s="10"/>
    </row>
    <row r="882486" spans="14:14">
      <c r="N882486" s="10"/>
    </row>
    <row r="882487" spans="14:14">
      <c r="N882487" s="10"/>
    </row>
    <row r="882488" spans="14:14">
      <c r="N882488" s="10"/>
    </row>
    <row r="882489" spans="14:14">
      <c r="N882489" s="10"/>
    </row>
    <row r="882490" spans="14:14">
      <c r="N882490" s="10"/>
    </row>
    <row r="882491" spans="14:14">
      <c r="N882491" s="10"/>
    </row>
    <row r="882492" spans="14:14">
      <c r="N882492" s="10"/>
    </row>
    <row r="882493" spans="14:14">
      <c r="N882493" s="10"/>
    </row>
    <row r="882494" spans="14:14">
      <c r="N882494" s="10"/>
    </row>
    <row r="882495" spans="14:14">
      <c r="N882495" s="10"/>
    </row>
    <row r="882496" spans="14:14">
      <c r="N882496" s="10"/>
    </row>
    <row r="882497" spans="14:14">
      <c r="N882497" s="10"/>
    </row>
    <row r="882498" spans="14:14">
      <c r="N882498" s="10"/>
    </row>
    <row r="882499" spans="14:14">
      <c r="N882499" s="10"/>
    </row>
    <row r="882500" spans="14:14">
      <c r="N882500" s="10"/>
    </row>
    <row r="882501" spans="14:14">
      <c r="N882501" s="10"/>
    </row>
    <row r="882502" spans="14:14">
      <c r="N882502" s="10"/>
    </row>
    <row r="882503" spans="14:14">
      <c r="N882503" s="10"/>
    </row>
    <row r="882504" spans="14:14">
      <c r="N882504" s="10"/>
    </row>
    <row r="882505" spans="14:14">
      <c r="N882505" s="10"/>
    </row>
    <row r="882506" spans="14:14">
      <c r="N882506" s="10"/>
    </row>
    <row r="882507" spans="14:14">
      <c r="N882507" s="10"/>
    </row>
    <row r="882508" spans="14:14">
      <c r="N882508" s="10"/>
    </row>
    <row r="882509" spans="14:14">
      <c r="N882509" s="10"/>
    </row>
    <row r="882510" spans="14:14">
      <c r="N882510" s="10"/>
    </row>
    <row r="882511" spans="14:14">
      <c r="N882511" s="10"/>
    </row>
    <row r="882512" spans="14:14">
      <c r="N882512" s="10"/>
    </row>
    <row r="882513" spans="14:14">
      <c r="N882513" s="10"/>
    </row>
    <row r="882514" spans="14:14">
      <c r="N882514" s="10"/>
    </row>
    <row r="882515" spans="14:14">
      <c r="N882515" s="10"/>
    </row>
    <row r="882516" spans="14:14">
      <c r="N882516" s="10"/>
    </row>
    <row r="882517" spans="14:14">
      <c r="N882517" s="10"/>
    </row>
    <row r="882518" spans="14:14">
      <c r="N882518" s="10"/>
    </row>
    <row r="882519" spans="14:14">
      <c r="N882519" s="10"/>
    </row>
    <row r="882520" spans="14:14">
      <c r="N882520" s="10"/>
    </row>
    <row r="882521" spans="14:14">
      <c r="N882521" s="10"/>
    </row>
    <row r="882522" spans="14:14">
      <c r="N882522" s="10"/>
    </row>
    <row r="882523" spans="14:14">
      <c r="N882523" s="10"/>
    </row>
    <row r="882524" spans="14:14">
      <c r="N882524" s="10"/>
    </row>
    <row r="882525" spans="14:14">
      <c r="N882525" s="10"/>
    </row>
    <row r="882526" spans="14:14">
      <c r="N882526" s="10"/>
    </row>
    <row r="882527" spans="14:14">
      <c r="N882527" s="10"/>
    </row>
    <row r="882528" spans="14:14">
      <c r="N882528" s="10"/>
    </row>
    <row r="882529" spans="14:14">
      <c r="N882529" s="10"/>
    </row>
    <row r="882530" spans="14:14">
      <c r="N882530" s="10"/>
    </row>
    <row r="882531" spans="14:14">
      <c r="N882531" s="10"/>
    </row>
    <row r="882532" spans="14:14">
      <c r="N882532" s="10"/>
    </row>
    <row r="882533" spans="14:14">
      <c r="N882533" s="10"/>
    </row>
    <row r="882534" spans="14:14">
      <c r="N882534" s="10"/>
    </row>
    <row r="882535" spans="14:14">
      <c r="N882535" s="10"/>
    </row>
    <row r="882536" spans="14:14">
      <c r="N882536" s="10"/>
    </row>
    <row r="882537" spans="14:14">
      <c r="N882537" s="10"/>
    </row>
    <row r="882538" spans="14:14">
      <c r="N882538" s="10"/>
    </row>
    <row r="882539" spans="14:14">
      <c r="N882539" s="10"/>
    </row>
    <row r="882540" spans="14:14">
      <c r="N882540" s="10"/>
    </row>
    <row r="882541" spans="14:14">
      <c r="N882541" s="10"/>
    </row>
    <row r="882542" spans="14:14">
      <c r="N882542" s="10"/>
    </row>
    <row r="882543" spans="14:14">
      <c r="N882543" s="10"/>
    </row>
    <row r="882544" spans="14:14">
      <c r="N882544" s="10"/>
    </row>
    <row r="882545" spans="14:14">
      <c r="N882545" s="10"/>
    </row>
    <row r="882546" spans="14:14">
      <c r="N882546" s="10"/>
    </row>
    <row r="882547" spans="14:14">
      <c r="N882547" s="10"/>
    </row>
    <row r="882548" spans="14:14">
      <c r="N882548" s="10"/>
    </row>
    <row r="882549" spans="14:14">
      <c r="N882549" s="10"/>
    </row>
    <row r="882550" spans="14:14">
      <c r="N882550" s="10"/>
    </row>
    <row r="882551" spans="14:14">
      <c r="N882551" s="10"/>
    </row>
    <row r="882552" spans="14:14">
      <c r="N882552" s="10"/>
    </row>
    <row r="882553" spans="14:14">
      <c r="N882553" s="10"/>
    </row>
    <row r="882554" spans="14:14">
      <c r="N882554" s="10"/>
    </row>
    <row r="882555" spans="14:14">
      <c r="N882555" s="10"/>
    </row>
    <row r="882556" spans="14:14">
      <c r="N882556" s="10"/>
    </row>
    <row r="882557" spans="14:14">
      <c r="N882557" s="10"/>
    </row>
    <row r="882558" spans="14:14">
      <c r="N882558" s="10"/>
    </row>
    <row r="882559" spans="14:14">
      <c r="N882559" s="10"/>
    </row>
    <row r="882560" spans="14:14">
      <c r="N882560" s="10"/>
    </row>
    <row r="882561" spans="14:14">
      <c r="N882561" s="10"/>
    </row>
    <row r="882562" spans="14:14">
      <c r="N882562" s="10"/>
    </row>
    <row r="882563" spans="14:14">
      <c r="N882563" s="10"/>
    </row>
    <row r="882564" spans="14:14">
      <c r="N882564" s="10"/>
    </row>
    <row r="882565" spans="14:14">
      <c r="N882565" s="10"/>
    </row>
    <row r="882566" spans="14:14">
      <c r="N882566" s="10"/>
    </row>
    <row r="882567" spans="14:14">
      <c r="N882567" s="10"/>
    </row>
    <row r="882568" spans="14:14">
      <c r="N882568" s="10"/>
    </row>
    <row r="882569" spans="14:14">
      <c r="N882569" s="10"/>
    </row>
    <row r="882570" spans="14:14">
      <c r="N882570" s="10"/>
    </row>
    <row r="882571" spans="14:14">
      <c r="N882571" s="10"/>
    </row>
    <row r="882572" spans="14:14">
      <c r="N882572" s="10"/>
    </row>
    <row r="882573" spans="14:14">
      <c r="N882573" s="10"/>
    </row>
    <row r="882574" spans="14:14">
      <c r="N882574" s="10"/>
    </row>
    <row r="882575" spans="14:14">
      <c r="N882575" s="10"/>
    </row>
    <row r="882576" spans="14:14">
      <c r="N882576" s="10"/>
    </row>
    <row r="882577" spans="14:14">
      <c r="N882577" s="10"/>
    </row>
    <row r="882578" spans="14:14">
      <c r="N882578" s="10"/>
    </row>
    <row r="882579" spans="14:14">
      <c r="N882579" s="10"/>
    </row>
    <row r="882580" spans="14:14">
      <c r="N882580" s="10"/>
    </row>
    <row r="882581" spans="14:14">
      <c r="N882581" s="10"/>
    </row>
    <row r="882582" spans="14:14">
      <c r="N882582" s="10"/>
    </row>
    <row r="882583" spans="14:14">
      <c r="N882583" s="10"/>
    </row>
    <row r="882584" spans="14:14">
      <c r="N882584" s="10"/>
    </row>
    <row r="882585" spans="14:14">
      <c r="N882585" s="10"/>
    </row>
    <row r="882586" spans="14:14">
      <c r="N882586" s="10"/>
    </row>
    <row r="882587" spans="14:14">
      <c r="N882587" s="10"/>
    </row>
    <row r="882588" spans="14:14">
      <c r="N882588" s="10"/>
    </row>
    <row r="882589" spans="14:14">
      <c r="N882589" s="10"/>
    </row>
    <row r="882590" spans="14:14">
      <c r="N882590" s="10"/>
    </row>
    <row r="882591" spans="14:14">
      <c r="N882591" s="10"/>
    </row>
    <row r="882592" spans="14:14">
      <c r="N882592" s="10"/>
    </row>
    <row r="882593" spans="14:14">
      <c r="N882593" s="10"/>
    </row>
    <row r="882594" spans="14:14">
      <c r="N882594" s="10"/>
    </row>
    <row r="882595" spans="14:14">
      <c r="N882595" s="10"/>
    </row>
    <row r="882596" spans="14:14">
      <c r="N882596" s="10"/>
    </row>
    <row r="882597" spans="14:14">
      <c r="N882597" s="10"/>
    </row>
    <row r="882598" spans="14:14">
      <c r="N882598" s="10"/>
    </row>
    <row r="882599" spans="14:14">
      <c r="N882599" s="10"/>
    </row>
    <row r="882600" spans="14:14">
      <c r="N882600" s="10"/>
    </row>
    <row r="882601" spans="14:14">
      <c r="N882601" s="10"/>
    </row>
    <row r="882602" spans="14:14">
      <c r="N882602" s="10"/>
    </row>
    <row r="882603" spans="14:14">
      <c r="N882603" s="10"/>
    </row>
    <row r="882604" spans="14:14">
      <c r="N882604" s="10"/>
    </row>
    <row r="882605" spans="14:14">
      <c r="N882605" s="10"/>
    </row>
    <row r="882606" spans="14:14">
      <c r="N882606" s="10"/>
    </row>
    <row r="882607" spans="14:14">
      <c r="N882607" s="10"/>
    </row>
    <row r="882608" spans="14:14">
      <c r="N882608" s="10"/>
    </row>
    <row r="882609" spans="14:14">
      <c r="N882609" s="10"/>
    </row>
    <row r="882610" spans="14:14">
      <c r="N882610" s="10"/>
    </row>
    <row r="882611" spans="14:14">
      <c r="N882611" s="10"/>
    </row>
    <row r="882612" spans="14:14">
      <c r="N882612" s="10"/>
    </row>
    <row r="882613" spans="14:14">
      <c r="N882613" s="10"/>
    </row>
    <row r="882614" spans="14:14">
      <c r="N882614" s="10"/>
    </row>
    <row r="882615" spans="14:14">
      <c r="N882615" s="10"/>
    </row>
    <row r="882616" spans="14:14">
      <c r="N882616" s="10"/>
    </row>
    <row r="882617" spans="14:14">
      <c r="N882617" s="10"/>
    </row>
    <row r="882618" spans="14:14">
      <c r="N882618" s="10"/>
    </row>
    <row r="882619" spans="14:14">
      <c r="N882619" s="10"/>
    </row>
    <row r="882620" spans="14:14">
      <c r="N882620" s="10"/>
    </row>
    <row r="882621" spans="14:14">
      <c r="N882621" s="10"/>
    </row>
    <row r="882622" spans="14:14">
      <c r="N882622" s="10"/>
    </row>
    <row r="882623" spans="14:14">
      <c r="N882623" s="10"/>
    </row>
    <row r="882624" spans="14:14">
      <c r="N882624" s="10"/>
    </row>
    <row r="882625" spans="14:14">
      <c r="N882625" s="10"/>
    </row>
    <row r="882626" spans="14:14">
      <c r="N882626" s="10"/>
    </row>
    <row r="882627" spans="14:14">
      <c r="N882627" s="10"/>
    </row>
    <row r="882628" spans="14:14">
      <c r="N882628" s="10"/>
    </row>
    <row r="882629" spans="14:14">
      <c r="N882629" s="10"/>
    </row>
    <row r="882630" spans="14:14">
      <c r="N882630" s="10"/>
    </row>
    <row r="882631" spans="14:14">
      <c r="N882631" s="10"/>
    </row>
    <row r="882632" spans="14:14">
      <c r="N882632" s="10"/>
    </row>
    <row r="882633" spans="14:14">
      <c r="N882633" s="10"/>
    </row>
    <row r="882634" spans="14:14">
      <c r="N882634" s="10"/>
    </row>
    <row r="882635" spans="14:14">
      <c r="N882635" s="10"/>
    </row>
    <row r="882636" spans="14:14">
      <c r="N882636" s="10"/>
    </row>
    <row r="882637" spans="14:14">
      <c r="N882637" s="10"/>
    </row>
    <row r="882638" spans="14:14">
      <c r="N882638" s="10"/>
    </row>
    <row r="882639" spans="14:14">
      <c r="N882639" s="10"/>
    </row>
    <row r="882640" spans="14:14">
      <c r="N882640" s="10"/>
    </row>
    <row r="882641" spans="14:14">
      <c r="N882641" s="10"/>
    </row>
    <row r="882642" spans="14:14">
      <c r="N882642" s="10"/>
    </row>
    <row r="882643" spans="14:14">
      <c r="N882643" s="10"/>
    </row>
    <row r="882644" spans="14:14">
      <c r="N882644" s="10"/>
    </row>
    <row r="882645" spans="14:14">
      <c r="N882645" s="10"/>
    </row>
    <row r="882646" spans="14:14">
      <c r="N882646" s="10"/>
    </row>
    <row r="882647" spans="14:14">
      <c r="N882647" s="10"/>
    </row>
    <row r="882648" spans="14:14">
      <c r="N882648" s="10"/>
    </row>
    <row r="882649" spans="14:14">
      <c r="N882649" s="10"/>
    </row>
    <row r="882650" spans="14:14">
      <c r="N882650" s="10"/>
    </row>
    <row r="882651" spans="14:14">
      <c r="N882651" s="10"/>
    </row>
    <row r="882652" spans="14:14">
      <c r="N882652" s="10"/>
    </row>
    <row r="882653" spans="14:14">
      <c r="N882653" s="10"/>
    </row>
    <row r="882654" spans="14:14">
      <c r="N882654" s="10"/>
    </row>
    <row r="882655" spans="14:14">
      <c r="N882655" s="10"/>
    </row>
    <row r="882656" spans="14:14">
      <c r="N882656" s="10"/>
    </row>
    <row r="882657" spans="14:14">
      <c r="N882657" s="10"/>
    </row>
    <row r="882658" spans="14:14">
      <c r="N882658" s="10"/>
    </row>
    <row r="882659" spans="14:14">
      <c r="N882659" s="10"/>
    </row>
    <row r="882660" spans="14:14">
      <c r="N882660" s="10"/>
    </row>
    <row r="882661" spans="14:14">
      <c r="N882661" s="10"/>
    </row>
    <row r="882662" spans="14:14">
      <c r="N882662" s="10"/>
    </row>
    <row r="882663" spans="14:14">
      <c r="N882663" s="10"/>
    </row>
    <row r="882664" spans="14:14">
      <c r="N882664" s="10"/>
    </row>
    <row r="882665" spans="14:14">
      <c r="N882665" s="10"/>
    </row>
    <row r="882666" spans="14:14">
      <c r="N882666" s="10"/>
    </row>
    <row r="882667" spans="14:14">
      <c r="N882667" s="10"/>
    </row>
    <row r="882668" spans="14:14">
      <c r="N882668" s="10"/>
    </row>
    <row r="882669" spans="14:14">
      <c r="N882669" s="10"/>
    </row>
    <row r="882670" spans="14:14">
      <c r="N882670" s="10"/>
    </row>
    <row r="882671" spans="14:14">
      <c r="N882671" s="10"/>
    </row>
    <row r="882672" spans="14:14">
      <c r="N882672" s="10"/>
    </row>
    <row r="882673" spans="14:14">
      <c r="N882673" s="10"/>
    </row>
    <row r="882674" spans="14:14">
      <c r="N882674" s="10"/>
    </row>
    <row r="882675" spans="14:14">
      <c r="N882675" s="10"/>
    </row>
    <row r="882676" spans="14:14">
      <c r="N882676" s="10"/>
    </row>
    <row r="882677" spans="14:14">
      <c r="N882677" s="10"/>
    </row>
    <row r="882678" spans="14:14">
      <c r="N882678" s="10"/>
    </row>
    <row r="882679" spans="14:14">
      <c r="N882679" s="10"/>
    </row>
    <row r="882680" spans="14:14">
      <c r="N882680" s="10"/>
    </row>
    <row r="882681" spans="14:14">
      <c r="N882681" s="10"/>
    </row>
    <row r="882682" spans="14:14">
      <c r="N882682" s="10"/>
    </row>
    <row r="882683" spans="14:14">
      <c r="N882683" s="10"/>
    </row>
    <row r="882684" spans="14:14">
      <c r="N882684" s="10"/>
    </row>
    <row r="882685" spans="14:14">
      <c r="N882685" s="10"/>
    </row>
    <row r="882686" spans="14:14">
      <c r="N882686" s="10"/>
    </row>
    <row r="882687" spans="14:14">
      <c r="N882687" s="10"/>
    </row>
    <row r="882688" spans="14:14">
      <c r="N882688" s="10"/>
    </row>
    <row r="882689" spans="14:14">
      <c r="N882689" s="10"/>
    </row>
    <row r="882690" spans="14:14">
      <c r="N882690" s="10"/>
    </row>
    <row r="882691" spans="14:14">
      <c r="N882691" s="10"/>
    </row>
    <row r="882692" spans="14:14">
      <c r="N882692" s="10"/>
    </row>
    <row r="882693" spans="14:14">
      <c r="N882693" s="10"/>
    </row>
    <row r="882694" spans="14:14">
      <c r="N882694" s="10"/>
    </row>
    <row r="882695" spans="14:14">
      <c r="N882695" s="10"/>
    </row>
    <row r="882696" spans="14:14">
      <c r="N882696" s="10"/>
    </row>
    <row r="882697" spans="14:14">
      <c r="N882697" s="10"/>
    </row>
    <row r="882698" spans="14:14">
      <c r="N882698" s="10"/>
    </row>
    <row r="882699" spans="14:14">
      <c r="N882699" s="10"/>
    </row>
    <row r="882700" spans="14:14">
      <c r="N882700" s="10"/>
    </row>
    <row r="882701" spans="14:14">
      <c r="N882701" s="10"/>
    </row>
    <row r="882702" spans="14:14">
      <c r="N882702" s="10"/>
    </row>
    <row r="882703" spans="14:14">
      <c r="N882703" s="10"/>
    </row>
    <row r="882704" spans="14:14">
      <c r="N882704" s="10"/>
    </row>
    <row r="882705" spans="14:14">
      <c r="N882705" s="10"/>
    </row>
    <row r="882706" spans="14:14">
      <c r="N882706" s="10"/>
    </row>
    <row r="882707" spans="14:14">
      <c r="N882707" s="10"/>
    </row>
    <row r="882708" spans="14:14">
      <c r="N882708" s="10"/>
    </row>
    <row r="882709" spans="14:14">
      <c r="N882709" s="10"/>
    </row>
    <row r="882710" spans="14:14">
      <c r="N882710" s="10"/>
    </row>
    <row r="882711" spans="14:14">
      <c r="N882711" s="10"/>
    </row>
    <row r="882712" spans="14:14">
      <c r="N882712" s="10"/>
    </row>
    <row r="882713" spans="14:14">
      <c r="N882713" s="10"/>
    </row>
    <row r="882714" spans="14:14">
      <c r="N882714" s="10"/>
    </row>
    <row r="882715" spans="14:14">
      <c r="N882715" s="10"/>
    </row>
    <row r="882716" spans="14:14">
      <c r="N882716" s="10"/>
    </row>
    <row r="882717" spans="14:14">
      <c r="N882717" s="10"/>
    </row>
    <row r="882718" spans="14:14">
      <c r="N882718" s="10"/>
    </row>
    <row r="882719" spans="14:14">
      <c r="N882719" s="10"/>
    </row>
    <row r="882720" spans="14:14">
      <c r="N882720" s="10"/>
    </row>
    <row r="882721" spans="14:14">
      <c r="N882721" s="10"/>
    </row>
    <row r="882722" spans="14:14">
      <c r="N882722" s="10"/>
    </row>
    <row r="882723" spans="14:14">
      <c r="N882723" s="10"/>
    </row>
    <row r="882724" spans="14:14">
      <c r="N882724" s="10"/>
    </row>
    <row r="882725" spans="14:14">
      <c r="N882725" s="10"/>
    </row>
    <row r="882726" spans="14:14">
      <c r="N882726" s="10"/>
    </row>
    <row r="882727" spans="14:14">
      <c r="N882727" s="10"/>
    </row>
    <row r="882728" spans="14:14">
      <c r="N882728" s="10"/>
    </row>
    <row r="882729" spans="14:14">
      <c r="N882729" s="10"/>
    </row>
    <row r="882730" spans="14:14">
      <c r="N882730" s="10"/>
    </row>
    <row r="882731" spans="14:14">
      <c r="N882731" s="10"/>
    </row>
    <row r="882732" spans="14:14">
      <c r="N882732" s="10"/>
    </row>
    <row r="882733" spans="14:14">
      <c r="N882733" s="10"/>
    </row>
    <row r="882734" spans="14:14">
      <c r="N882734" s="10"/>
    </row>
    <row r="882735" spans="14:14">
      <c r="N882735" s="10"/>
    </row>
    <row r="882736" spans="14:14">
      <c r="N882736" s="10"/>
    </row>
    <row r="882737" spans="14:14">
      <c r="N882737" s="10"/>
    </row>
    <row r="882738" spans="14:14">
      <c r="N882738" s="10"/>
    </row>
    <row r="882739" spans="14:14">
      <c r="N882739" s="10"/>
    </row>
    <row r="882740" spans="14:14">
      <c r="N882740" s="10"/>
    </row>
    <row r="882741" spans="14:14">
      <c r="N882741" s="10"/>
    </row>
    <row r="882742" spans="14:14">
      <c r="N882742" s="10"/>
    </row>
    <row r="882743" spans="14:14">
      <c r="N882743" s="10"/>
    </row>
    <row r="882744" spans="14:14">
      <c r="N882744" s="10"/>
    </row>
    <row r="882745" spans="14:14">
      <c r="N882745" s="10"/>
    </row>
    <row r="882746" spans="14:14">
      <c r="N882746" s="10"/>
    </row>
    <row r="882747" spans="14:14">
      <c r="N882747" s="10"/>
    </row>
    <row r="882748" spans="14:14">
      <c r="N882748" s="10"/>
    </row>
    <row r="882749" spans="14:14">
      <c r="N882749" s="10"/>
    </row>
    <row r="882750" spans="14:14">
      <c r="N882750" s="10"/>
    </row>
    <row r="882751" spans="14:14">
      <c r="N882751" s="10"/>
    </row>
    <row r="882752" spans="14:14">
      <c r="N882752" s="10"/>
    </row>
    <row r="882753" spans="14:14">
      <c r="N882753" s="10"/>
    </row>
    <row r="882754" spans="14:14">
      <c r="N882754" s="10"/>
    </row>
    <row r="882755" spans="14:14">
      <c r="N882755" s="10"/>
    </row>
    <row r="882756" spans="14:14">
      <c r="N882756" s="10"/>
    </row>
    <row r="882757" spans="14:14">
      <c r="N882757" s="10"/>
    </row>
    <row r="882758" spans="14:14">
      <c r="N882758" s="10"/>
    </row>
    <row r="882759" spans="14:14">
      <c r="N882759" s="10"/>
    </row>
    <row r="882760" spans="14:14">
      <c r="N882760" s="10"/>
    </row>
    <row r="882761" spans="14:14">
      <c r="N882761" s="10"/>
    </row>
    <row r="882762" spans="14:14">
      <c r="N882762" s="10"/>
    </row>
    <row r="882763" spans="14:14">
      <c r="N882763" s="10"/>
    </row>
    <row r="882764" spans="14:14">
      <c r="N882764" s="10"/>
    </row>
    <row r="882765" spans="14:14">
      <c r="N882765" s="10"/>
    </row>
    <row r="882766" spans="14:14">
      <c r="N882766" s="10"/>
    </row>
    <row r="882767" spans="14:14">
      <c r="N882767" s="10"/>
    </row>
    <row r="882768" spans="14:14">
      <c r="N882768" s="10"/>
    </row>
    <row r="882769" spans="14:14">
      <c r="N882769" s="10"/>
    </row>
    <row r="882770" spans="14:14">
      <c r="N882770" s="10"/>
    </row>
    <row r="882771" spans="14:14">
      <c r="N882771" s="10"/>
    </row>
    <row r="882772" spans="14:14">
      <c r="N882772" s="10"/>
    </row>
    <row r="882773" spans="14:14">
      <c r="N882773" s="10"/>
    </row>
    <row r="882774" spans="14:14">
      <c r="N882774" s="10"/>
    </row>
    <row r="882775" spans="14:14">
      <c r="N882775" s="10"/>
    </row>
    <row r="882776" spans="14:14">
      <c r="N882776" s="10"/>
    </row>
    <row r="882777" spans="14:14">
      <c r="N882777" s="10"/>
    </row>
    <row r="882778" spans="14:14">
      <c r="N882778" s="10"/>
    </row>
    <row r="882779" spans="14:14">
      <c r="N882779" s="10"/>
    </row>
    <row r="882780" spans="14:14">
      <c r="N882780" s="10"/>
    </row>
    <row r="882781" spans="14:14">
      <c r="N882781" s="10"/>
    </row>
    <row r="882782" spans="14:14">
      <c r="N882782" s="10"/>
    </row>
    <row r="882783" spans="14:14">
      <c r="N882783" s="10"/>
    </row>
    <row r="882784" spans="14:14">
      <c r="N882784" s="10"/>
    </row>
    <row r="882785" spans="14:14">
      <c r="N882785" s="10"/>
    </row>
    <row r="882786" spans="14:14">
      <c r="N882786" s="10"/>
    </row>
    <row r="882787" spans="14:14">
      <c r="N882787" s="10"/>
    </row>
    <row r="882788" spans="14:14">
      <c r="N882788" s="10"/>
    </row>
    <row r="882789" spans="14:14">
      <c r="N882789" s="10"/>
    </row>
    <row r="882790" spans="14:14">
      <c r="N882790" s="10"/>
    </row>
    <row r="882791" spans="14:14">
      <c r="N882791" s="10"/>
    </row>
    <row r="882792" spans="14:14">
      <c r="N882792" s="10"/>
    </row>
    <row r="882793" spans="14:14">
      <c r="N882793" s="10"/>
    </row>
    <row r="882794" spans="14:14">
      <c r="N882794" s="10"/>
    </row>
    <row r="882795" spans="14:14">
      <c r="N882795" s="10"/>
    </row>
    <row r="882796" spans="14:14">
      <c r="N882796" s="10"/>
    </row>
    <row r="882797" spans="14:14">
      <c r="N882797" s="10"/>
    </row>
    <row r="882798" spans="14:14">
      <c r="N882798" s="10"/>
    </row>
    <row r="882799" spans="14:14">
      <c r="N882799" s="10"/>
    </row>
    <row r="882800" spans="14:14">
      <c r="N882800" s="10"/>
    </row>
    <row r="882801" spans="14:14">
      <c r="N882801" s="10"/>
    </row>
    <row r="882802" spans="14:14">
      <c r="N882802" s="10"/>
    </row>
    <row r="882803" spans="14:14">
      <c r="N882803" s="10"/>
    </row>
    <row r="882804" spans="14:14">
      <c r="N882804" s="10"/>
    </row>
    <row r="882805" spans="14:14">
      <c r="N882805" s="10"/>
    </row>
    <row r="882806" spans="14:14">
      <c r="N882806" s="10"/>
    </row>
    <row r="882807" spans="14:14">
      <c r="N882807" s="10"/>
    </row>
    <row r="882808" spans="14:14">
      <c r="N882808" s="10"/>
    </row>
    <row r="882809" spans="14:14">
      <c r="N882809" s="10"/>
    </row>
    <row r="882810" spans="14:14">
      <c r="N882810" s="10"/>
    </row>
    <row r="882811" spans="14:14">
      <c r="N882811" s="10"/>
    </row>
    <row r="882812" spans="14:14">
      <c r="N882812" s="10"/>
    </row>
    <row r="882813" spans="14:14">
      <c r="N882813" s="10"/>
    </row>
    <row r="882814" spans="14:14">
      <c r="N882814" s="10"/>
    </row>
    <row r="882815" spans="14:14">
      <c r="N882815" s="10"/>
    </row>
    <row r="882816" spans="14:14">
      <c r="N882816" s="10"/>
    </row>
    <row r="882817" spans="14:14">
      <c r="N882817" s="10"/>
    </row>
    <row r="882818" spans="14:14">
      <c r="N882818" s="10"/>
    </row>
    <row r="882819" spans="14:14">
      <c r="N882819" s="10"/>
    </row>
    <row r="882820" spans="14:14">
      <c r="N882820" s="10"/>
    </row>
    <row r="882821" spans="14:14">
      <c r="N882821" s="10"/>
    </row>
    <row r="882822" spans="14:14">
      <c r="N882822" s="10"/>
    </row>
    <row r="882823" spans="14:14">
      <c r="N882823" s="10"/>
    </row>
    <row r="882824" spans="14:14">
      <c r="N882824" s="10"/>
    </row>
    <row r="882825" spans="14:14">
      <c r="N882825" s="10"/>
    </row>
    <row r="882826" spans="14:14">
      <c r="N882826" s="10"/>
    </row>
    <row r="882827" spans="14:14">
      <c r="N882827" s="10"/>
    </row>
    <row r="882828" spans="14:14">
      <c r="N882828" s="10"/>
    </row>
    <row r="882829" spans="14:14">
      <c r="N882829" s="10"/>
    </row>
    <row r="882830" spans="14:14">
      <c r="N882830" s="10"/>
    </row>
    <row r="882831" spans="14:14">
      <c r="N882831" s="10"/>
    </row>
    <row r="882832" spans="14:14">
      <c r="N882832" s="10"/>
    </row>
    <row r="882833" spans="14:14">
      <c r="N882833" s="10"/>
    </row>
    <row r="882834" spans="14:14">
      <c r="N882834" s="10"/>
    </row>
    <row r="882835" spans="14:14">
      <c r="N882835" s="10"/>
    </row>
    <row r="882836" spans="14:14">
      <c r="N882836" s="10"/>
    </row>
    <row r="882837" spans="14:14">
      <c r="N882837" s="10"/>
    </row>
    <row r="882838" spans="14:14">
      <c r="N882838" s="10"/>
    </row>
    <row r="882839" spans="14:14">
      <c r="N882839" s="10"/>
    </row>
    <row r="882840" spans="14:14">
      <c r="N882840" s="10"/>
    </row>
    <row r="882841" spans="14:14">
      <c r="N882841" s="10"/>
    </row>
    <row r="882842" spans="14:14">
      <c r="N882842" s="10"/>
    </row>
    <row r="882843" spans="14:14">
      <c r="N882843" s="10"/>
    </row>
    <row r="882844" spans="14:14">
      <c r="N882844" s="10"/>
    </row>
    <row r="882845" spans="14:14">
      <c r="N882845" s="10"/>
    </row>
    <row r="882846" spans="14:14">
      <c r="N882846" s="10"/>
    </row>
    <row r="882847" spans="14:14">
      <c r="N882847" s="10"/>
    </row>
    <row r="882848" spans="14:14">
      <c r="N882848" s="10"/>
    </row>
    <row r="882849" spans="14:14">
      <c r="N882849" s="10"/>
    </row>
    <row r="882850" spans="14:14">
      <c r="N882850" s="10"/>
    </row>
    <row r="882851" spans="14:14">
      <c r="N882851" s="10"/>
    </row>
    <row r="882852" spans="14:14">
      <c r="N882852" s="10"/>
    </row>
    <row r="882853" spans="14:14">
      <c r="N882853" s="10"/>
    </row>
    <row r="882854" spans="14:14">
      <c r="N882854" s="10"/>
    </row>
    <row r="882855" spans="14:14">
      <c r="N882855" s="10"/>
    </row>
    <row r="882856" spans="14:14">
      <c r="N882856" s="10"/>
    </row>
    <row r="882857" spans="14:14">
      <c r="N882857" s="10"/>
    </row>
    <row r="882858" spans="14:14">
      <c r="N882858" s="10"/>
    </row>
    <row r="882859" spans="14:14">
      <c r="N882859" s="10"/>
    </row>
    <row r="882860" spans="14:14">
      <c r="N882860" s="10"/>
    </row>
    <row r="882861" spans="14:14">
      <c r="N882861" s="10"/>
    </row>
    <row r="882862" spans="14:14">
      <c r="N882862" s="10"/>
    </row>
    <row r="882863" spans="14:14">
      <c r="N882863" s="10"/>
    </row>
    <row r="882864" spans="14:14">
      <c r="N882864" s="10"/>
    </row>
    <row r="882865" spans="14:14">
      <c r="N882865" s="10"/>
    </row>
    <row r="882866" spans="14:14">
      <c r="N882866" s="10"/>
    </row>
    <row r="882867" spans="14:14">
      <c r="N882867" s="10"/>
    </row>
    <row r="882868" spans="14:14">
      <c r="N882868" s="10"/>
    </row>
    <row r="882869" spans="14:14">
      <c r="N882869" s="10"/>
    </row>
    <row r="882870" spans="14:14">
      <c r="N882870" s="10"/>
    </row>
    <row r="882871" spans="14:14">
      <c r="N882871" s="10"/>
    </row>
    <row r="882872" spans="14:14">
      <c r="N882872" s="10"/>
    </row>
    <row r="882873" spans="14:14">
      <c r="N882873" s="10"/>
    </row>
    <row r="882874" spans="14:14">
      <c r="N882874" s="10"/>
    </row>
    <row r="882875" spans="14:14">
      <c r="N882875" s="10"/>
    </row>
    <row r="882876" spans="14:14">
      <c r="N882876" s="10"/>
    </row>
    <row r="882877" spans="14:14">
      <c r="N882877" s="10"/>
    </row>
    <row r="882878" spans="14:14">
      <c r="N882878" s="10"/>
    </row>
    <row r="882879" spans="14:14">
      <c r="N882879" s="10"/>
    </row>
    <row r="882880" spans="14:14">
      <c r="N882880" s="10"/>
    </row>
    <row r="882881" spans="14:14">
      <c r="N882881" s="10"/>
    </row>
    <row r="882882" spans="14:14">
      <c r="N882882" s="10"/>
    </row>
    <row r="882883" spans="14:14">
      <c r="N882883" s="10"/>
    </row>
    <row r="882884" spans="14:14">
      <c r="N882884" s="10"/>
    </row>
    <row r="882885" spans="14:14">
      <c r="N882885" s="10"/>
    </row>
    <row r="882886" spans="14:14">
      <c r="N882886" s="10"/>
    </row>
    <row r="882887" spans="14:14">
      <c r="N882887" s="10"/>
    </row>
    <row r="882888" spans="14:14">
      <c r="N882888" s="10"/>
    </row>
    <row r="882889" spans="14:14">
      <c r="N882889" s="10"/>
    </row>
    <row r="882890" spans="14:14">
      <c r="N882890" s="10"/>
    </row>
    <row r="882891" spans="14:14">
      <c r="N882891" s="10"/>
    </row>
    <row r="882892" spans="14:14">
      <c r="N882892" s="10"/>
    </row>
    <row r="882893" spans="14:14">
      <c r="N882893" s="10"/>
    </row>
    <row r="882894" spans="14:14">
      <c r="N882894" s="10"/>
    </row>
    <row r="882895" spans="14:14">
      <c r="N882895" s="10"/>
    </row>
    <row r="882896" spans="14:14">
      <c r="N882896" s="10"/>
    </row>
    <row r="882897" spans="14:14">
      <c r="N882897" s="10"/>
    </row>
    <row r="882898" spans="14:14">
      <c r="N882898" s="10"/>
    </row>
    <row r="882899" spans="14:14">
      <c r="N882899" s="10"/>
    </row>
    <row r="882900" spans="14:14">
      <c r="N882900" s="10"/>
    </row>
    <row r="882901" spans="14:14">
      <c r="N882901" s="10"/>
    </row>
    <row r="882902" spans="14:14">
      <c r="N882902" s="10"/>
    </row>
    <row r="882903" spans="14:14">
      <c r="N882903" s="10"/>
    </row>
    <row r="882904" spans="14:14">
      <c r="N882904" s="10"/>
    </row>
    <row r="882905" spans="14:14">
      <c r="N882905" s="10"/>
    </row>
    <row r="882906" spans="14:14">
      <c r="N882906" s="10"/>
    </row>
    <row r="882907" spans="14:14">
      <c r="N882907" s="10"/>
    </row>
    <row r="882908" spans="14:14">
      <c r="N882908" s="10"/>
    </row>
    <row r="882909" spans="14:14">
      <c r="N882909" s="10"/>
    </row>
    <row r="882910" spans="14:14">
      <c r="N882910" s="10"/>
    </row>
    <row r="882911" spans="14:14">
      <c r="N882911" s="10"/>
    </row>
    <row r="882912" spans="14:14">
      <c r="N882912" s="10"/>
    </row>
    <row r="882913" spans="14:14">
      <c r="N882913" s="10"/>
    </row>
    <row r="882914" spans="14:14">
      <c r="N882914" s="10"/>
    </row>
    <row r="882915" spans="14:14">
      <c r="N882915" s="10"/>
    </row>
    <row r="882916" spans="14:14">
      <c r="N882916" s="10"/>
    </row>
    <row r="882917" spans="14:14">
      <c r="N882917" s="10"/>
    </row>
    <row r="882918" spans="14:14">
      <c r="N882918" s="10"/>
    </row>
    <row r="882919" spans="14:14">
      <c r="N882919" s="10"/>
    </row>
    <row r="882920" spans="14:14">
      <c r="N882920" s="10"/>
    </row>
    <row r="882921" spans="14:14">
      <c r="N882921" s="10"/>
    </row>
    <row r="882922" spans="14:14">
      <c r="N882922" s="10"/>
    </row>
    <row r="882923" spans="14:14">
      <c r="N882923" s="10"/>
    </row>
    <row r="882924" spans="14:14">
      <c r="N882924" s="10"/>
    </row>
    <row r="882925" spans="14:14">
      <c r="N882925" s="10"/>
    </row>
    <row r="882926" spans="14:14">
      <c r="N882926" s="10"/>
    </row>
    <row r="882927" spans="14:14">
      <c r="N882927" s="10"/>
    </row>
    <row r="882928" spans="14:14">
      <c r="N882928" s="10"/>
    </row>
    <row r="882929" spans="14:14">
      <c r="N882929" s="10"/>
    </row>
    <row r="882930" spans="14:14">
      <c r="N882930" s="10"/>
    </row>
    <row r="882931" spans="14:14">
      <c r="N882931" s="10"/>
    </row>
    <row r="882932" spans="14:14">
      <c r="N882932" s="10"/>
    </row>
    <row r="882933" spans="14:14">
      <c r="N882933" s="10"/>
    </row>
    <row r="882934" spans="14:14">
      <c r="N882934" s="10"/>
    </row>
    <row r="882935" spans="14:14">
      <c r="N882935" s="10"/>
    </row>
    <row r="882936" spans="14:14">
      <c r="N882936" s="10"/>
    </row>
    <row r="882937" spans="14:14">
      <c r="N882937" s="10"/>
    </row>
    <row r="882938" spans="14:14">
      <c r="N882938" s="10"/>
    </row>
    <row r="882939" spans="14:14">
      <c r="N882939" s="10"/>
    </row>
    <row r="882940" spans="14:14">
      <c r="N882940" s="10"/>
    </row>
    <row r="882941" spans="14:14">
      <c r="N882941" s="10"/>
    </row>
    <row r="882942" spans="14:14">
      <c r="N882942" s="10"/>
    </row>
    <row r="882943" spans="14:14">
      <c r="N882943" s="10"/>
    </row>
    <row r="882944" spans="14:14">
      <c r="N882944" s="10"/>
    </row>
    <row r="882945" spans="14:14">
      <c r="N882945" s="10"/>
    </row>
    <row r="882946" spans="14:14">
      <c r="N882946" s="10"/>
    </row>
    <row r="882947" spans="14:14">
      <c r="N882947" s="10"/>
    </row>
    <row r="882948" spans="14:14">
      <c r="N882948" s="10"/>
    </row>
    <row r="882949" spans="14:14">
      <c r="N882949" s="10"/>
    </row>
    <row r="882950" spans="14:14">
      <c r="N882950" s="10"/>
    </row>
    <row r="882951" spans="14:14">
      <c r="N882951" s="10"/>
    </row>
    <row r="882952" spans="14:14">
      <c r="N882952" s="10"/>
    </row>
    <row r="882953" spans="14:14">
      <c r="N882953" s="10"/>
    </row>
    <row r="882954" spans="14:14">
      <c r="N882954" s="10"/>
    </row>
    <row r="882955" spans="14:14">
      <c r="N882955" s="10"/>
    </row>
    <row r="882956" spans="14:14">
      <c r="N882956" s="10"/>
    </row>
    <row r="882957" spans="14:14">
      <c r="N882957" s="10"/>
    </row>
    <row r="882958" spans="14:14">
      <c r="N882958" s="10"/>
    </row>
    <row r="882959" spans="14:14">
      <c r="N882959" s="10"/>
    </row>
    <row r="882960" spans="14:14">
      <c r="N882960" s="10"/>
    </row>
    <row r="882961" spans="14:14">
      <c r="N882961" s="10"/>
    </row>
    <row r="882962" spans="14:14">
      <c r="N882962" s="10"/>
    </row>
    <row r="882963" spans="14:14">
      <c r="N882963" s="10"/>
    </row>
    <row r="882964" spans="14:14">
      <c r="N882964" s="10"/>
    </row>
    <row r="882965" spans="14:14">
      <c r="N882965" s="10"/>
    </row>
    <row r="882966" spans="14:14">
      <c r="N882966" s="10"/>
    </row>
    <row r="882967" spans="14:14">
      <c r="N882967" s="10"/>
    </row>
    <row r="882968" spans="14:14">
      <c r="N882968" s="10"/>
    </row>
    <row r="882969" spans="14:14">
      <c r="N882969" s="10"/>
    </row>
    <row r="882970" spans="14:14">
      <c r="N882970" s="10"/>
    </row>
    <row r="882971" spans="14:14">
      <c r="N882971" s="10"/>
    </row>
    <row r="882972" spans="14:14">
      <c r="N882972" s="10"/>
    </row>
    <row r="882973" spans="14:14">
      <c r="N882973" s="10"/>
    </row>
    <row r="882974" spans="14:14">
      <c r="N882974" s="10"/>
    </row>
    <row r="882975" spans="14:14">
      <c r="N882975" s="10"/>
    </row>
    <row r="882976" spans="14:14">
      <c r="N882976" s="10"/>
    </row>
    <row r="882977" spans="14:14">
      <c r="N882977" s="10"/>
    </row>
    <row r="882978" spans="14:14">
      <c r="N882978" s="10"/>
    </row>
    <row r="882979" spans="14:14">
      <c r="N882979" s="10"/>
    </row>
    <row r="882980" spans="14:14">
      <c r="N882980" s="10"/>
    </row>
    <row r="882981" spans="14:14">
      <c r="N882981" s="10"/>
    </row>
    <row r="882982" spans="14:14">
      <c r="N882982" s="10"/>
    </row>
    <row r="882983" spans="14:14">
      <c r="N882983" s="10"/>
    </row>
    <row r="882984" spans="14:14">
      <c r="N882984" s="10"/>
    </row>
    <row r="882985" spans="14:14">
      <c r="N882985" s="10"/>
    </row>
    <row r="882986" spans="14:14">
      <c r="N882986" s="10"/>
    </row>
    <row r="882987" spans="14:14">
      <c r="N882987" s="10"/>
    </row>
    <row r="882988" spans="14:14">
      <c r="N882988" s="10"/>
    </row>
    <row r="882989" spans="14:14">
      <c r="N882989" s="10"/>
    </row>
    <row r="882990" spans="14:14">
      <c r="N882990" s="10"/>
    </row>
    <row r="882991" spans="14:14">
      <c r="N882991" s="10"/>
    </row>
    <row r="882992" spans="14:14">
      <c r="N882992" s="10"/>
    </row>
    <row r="882993" spans="14:14">
      <c r="N882993" s="10"/>
    </row>
    <row r="882994" spans="14:14">
      <c r="N882994" s="10"/>
    </row>
    <row r="882995" spans="14:14">
      <c r="N882995" s="10"/>
    </row>
    <row r="882996" spans="14:14">
      <c r="N882996" s="10"/>
    </row>
    <row r="882997" spans="14:14">
      <c r="N882997" s="10"/>
    </row>
    <row r="882998" spans="14:14">
      <c r="N882998" s="10"/>
    </row>
    <row r="882999" spans="14:14">
      <c r="N882999" s="10"/>
    </row>
    <row r="883000" spans="14:14">
      <c r="N883000" s="10"/>
    </row>
    <row r="883001" spans="14:14">
      <c r="N883001" s="10"/>
    </row>
    <row r="883002" spans="14:14">
      <c r="N883002" s="10"/>
    </row>
    <row r="883003" spans="14:14">
      <c r="N883003" s="10"/>
    </row>
    <row r="883004" spans="14:14">
      <c r="N883004" s="10"/>
    </row>
    <row r="883005" spans="14:14">
      <c r="N883005" s="10"/>
    </row>
    <row r="883006" spans="14:14">
      <c r="N883006" s="10"/>
    </row>
    <row r="883007" spans="14:14">
      <c r="N883007" s="10"/>
    </row>
    <row r="883008" spans="14:14">
      <c r="N883008" s="10"/>
    </row>
    <row r="883009" spans="14:14">
      <c r="N883009" s="10"/>
    </row>
    <row r="883010" spans="14:14">
      <c r="N883010" s="10"/>
    </row>
    <row r="883011" spans="14:14">
      <c r="N883011" s="10"/>
    </row>
    <row r="883012" spans="14:14">
      <c r="N883012" s="10"/>
    </row>
    <row r="883013" spans="14:14">
      <c r="N883013" s="10"/>
    </row>
    <row r="883014" spans="14:14">
      <c r="N883014" s="10"/>
    </row>
    <row r="883015" spans="14:14">
      <c r="N883015" s="10"/>
    </row>
    <row r="883016" spans="14:14">
      <c r="N883016" s="10"/>
    </row>
    <row r="883017" spans="14:14">
      <c r="N883017" s="10"/>
    </row>
    <row r="883018" spans="14:14">
      <c r="N883018" s="10"/>
    </row>
    <row r="883019" spans="14:14">
      <c r="N883019" s="10"/>
    </row>
    <row r="883020" spans="14:14">
      <c r="N883020" s="10"/>
    </row>
    <row r="883021" spans="14:14">
      <c r="N883021" s="10"/>
    </row>
    <row r="883022" spans="14:14">
      <c r="N883022" s="10"/>
    </row>
    <row r="883023" spans="14:14">
      <c r="N883023" s="10"/>
    </row>
    <row r="883024" spans="14:14">
      <c r="N883024" s="10"/>
    </row>
    <row r="883025" spans="14:14">
      <c r="N883025" s="10"/>
    </row>
    <row r="883026" spans="14:14">
      <c r="N883026" s="10"/>
    </row>
    <row r="883027" spans="14:14">
      <c r="N883027" s="10"/>
    </row>
    <row r="883028" spans="14:14">
      <c r="N883028" s="10"/>
    </row>
    <row r="883029" spans="14:14">
      <c r="N883029" s="10"/>
    </row>
    <row r="883030" spans="14:14">
      <c r="N883030" s="10"/>
    </row>
    <row r="883031" spans="14:14">
      <c r="N883031" s="10"/>
    </row>
    <row r="883032" spans="14:14">
      <c r="N883032" s="10"/>
    </row>
    <row r="883033" spans="14:14">
      <c r="N883033" s="10"/>
    </row>
    <row r="883034" spans="14:14">
      <c r="N883034" s="10"/>
    </row>
    <row r="883035" spans="14:14">
      <c r="N883035" s="10"/>
    </row>
    <row r="883036" spans="14:14">
      <c r="N883036" s="10"/>
    </row>
    <row r="883037" spans="14:14">
      <c r="N883037" s="10"/>
    </row>
    <row r="883038" spans="14:14">
      <c r="N883038" s="10"/>
    </row>
    <row r="883039" spans="14:14">
      <c r="N883039" s="10"/>
    </row>
    <row r="883040" spans="14:14">
      <c r="N883040" s="10"/>
    </row>
    <row r="883041" spans="14:14">
      <c r="N883041" s="10"/>
    </row>
    <row r="883042" spans="14:14">
      <c r="N883042" s="10"/>
    </row>
    <row r="883043" spans="14:14">
      <c r="N883043" s="10"/>
    </row>
    <row r="883044" spans="14:14">
      <c r="N883044" s="10"/>
    </row>
    <row r="883045" spans="14:14">
      <c r="N883045" s="10"/>
    </row>
    <row r="883046" spans="14:14">
      <c r="N883046" s="10"/>
    </row>
    <row r="883047" spans="14:14">
      <c r="N883047" s="10"/>
    </row>
    <row r="883048" spans="14:14">
      <c r="N883048" s="10"/>
    </row>
    <row r="883049" spans="14:14">
      <c r="N883049" s="10"/>
    </row>
    <row r="883050" spans="14:14">
      <c r="N883050" s="10"/>
    </row>
    <row r="883051" spans="14:14">
      <c r="N883051" s="10"/>
    </row>
    <row r="883052" spans="14:14">
      <c r="N883052" s="10"/>
    </row>
    <row r="883053" spans="14:14">
      <c r="N883053" s="10"/>
    </row>
    <row r="883054" spans="14:14">
      <c r="N883054" s="10"/>
    </row>
    <row r="883055" spans="14:14">
      <c r="N883055" s="10"/>
    </row>
    <row r="883056" spans="14:14">
      <c r="N883056" s="10"/>
    </row>
    <row r="883057" spans="14:14">
      <c r="N883057" s="10"/>
    </row>
    <row r="883058" spans="14:14">
      <c r="N883058" s="10"/>
    </row>
    <row r="883059" spans="14:14">
      <c r="N883059" s="10"/>
    </row>
    <row r="883060" spans="14:14">
      <c r="N883060" s="10"/>
    </row>
    <row r="883061" spans="14:14">
      <c r="N883061" s="10"/>
    </row>
    <row r="883062" spans="14:14">
      <c r="N883062" s="10"/>
    </row>
    <row r="883063" spans="14:14">
      <c r="N883063" s="10"/>
    </row>
    <row r="883064" spans="14:14">
      <c r="N883064" s="10"/>
    </row>
    <row r="883065" spans="14:14">
      <c r="N883065" s="10"/>
    </row>
    <row r="883066" spans="14:14">
      <c r="N883066" s="10"/>
    </row>
    <row r="883067" spans="14:14">
      <c r="N883067" s="10"/>
    </row>
    <row r="883068" spans="14:14">
      <c r="N883068" s="10"/>
    </row>
    <row r="883069" spans="14:14">
      <c r="N883069" s="10"/>
    </row>
    <row r="883070" spans="14:14">
      <c r="N883070" s="10"/>
    </row>
    <row r="883071" spans="14:14">
      <c r="N883071" s="10"/>
    </row>
    <row r="883072" spans="14:14">
      <c r="N883072" s="10"/>
    </row>
    <row r="883073" spans="14:14">
      <c r="N883073" s="10"/>
    </row>
    <row r="883074" spans="14:14">
      <c r="N883074" s="10"/>
    </row>
    <row r="883075" spans="14:14">
      <c r="N883075" s="10"/>
    </row>
    <row r="883076" spans="14:14">
      <c r="N883076" s="10"/>
    </row>
    <row r="883077" spans="14:14">
      <c r="N883077" s="10"/>
    </row>
    <row r="883078" spans="14:14">
      <c r="N883078" s="10"/>
    </row>
    <row r="883079" spans="14:14">
      <c r="N883079" s="10"/>
    </row>
    <row r="883080" spans="14:14">
      <c r="N883080" s="10"/>
    </row>
    <row r="883081" spans="14:14">
      <c r="N883081" s="10"/>
    </row>
    <row r="883082" spans="14:14">
      <c r="N883082" s="10"/>
    </row>
    <row r="883083" spans="14:14">
      <c r="N883083" s="10"/>
    </row>
    <row r="883084" spans="14:14">
      <c r="N883084" s="10"/>
    </row>
    <row r="883085" spans="14:14">
      <c r="N883085" s="10"/>
    </row>
    <row r="883086" spans="14:14">
      <c r="N883086" s="10"/>
    </row>
    <row r="883087" spans="14:14">
      <c r="N883087" s="10"/>
    </row>
    <row r="883088" spans="14:14">
      <c r="N883088" s="10"/>
    </row>
    <row r="883089" spans="14:14">
      <c r="N883089" s="10"/>
    </row>
    <row r="883090" spans="14:14">
      <c r="N883090" s="10"/>
    </row>
    <row r="883091" spans="14:14">
      <c r="N883091" s="10"/>
    </row>
    <row r="883092" spans="14:14">
      <c r="N883092" s="10"/>
    </row>
    <row r="883093" spans="14:14">
      <c r="N883093" s="10"/>
    </row>
    <row r="883094" spans="14:14">
      <c r="N883094" s="10"/>
    </row>
    <row r="883095" spans="14:14">
      <c r="N883095" s="10"/>
    </row>
    <row r="883096" spans="14:14">
      <c r="N883096" s="10"/>
    </row>
    <row r="883097" spans="14:14">
      <c r="N883097" s="10"/>
    </row>
    <row r="883098" spans="14:14">
      <c r="N883098" s="10"/>
    </row>
    <row r="883099" spans="14:14">
      <c r="N883099" s="10"/>
    </row>
    <row r="883100" spans="14:14">
      <c r="N883100" s="10"/>
    </row>
    <row r="883101" spans="14:14">
      <c r="N883101" s="10"/>
    </row>
    <row r="883102" spans="14:14">
      <c r="N883102" s="10"/>
    </row>
    <row r="883103" spans="14:14">
      <c r="N883103" s="10"/>
    </row>
    <row r="883104" spans="14:14">
      <c r="N883104" s="10"/>
    </row>
    <row r="883105" spans="14:14">
      <c r="N883105" s="10"/>
    </row>
    <row r="883106" spans="14:14">
      <c r="N883106" s="10"/>
    </row>
    <row r="883107" spans="14:14">
      <c r="N883107" s="10"/>
    </row>
    <row r="883108" spans="14:14">
      <c r="N883108" s="10"/>
    </row>
    <row r="883109" spans="14:14">
      <c r="N883109" s="10"/>
    </row>
    <row r="883110" spans="14:14">
      <c r="N883110" s="10"/>
    </row>
    <row r="883111" spans="14:14">
      <c r="N883111" s="10"/>
    </row>
    <row r="883112" spans="14:14">
      <c r="N883112" s="10"/>
    </row>
    <row r="883113" spans="14:14">
      <c r="N883113" s="10"/>
    </row>
    <row r="883114" spans="14:14">
      <c r="N883114" s="10"/>
    </row>
    <row r="883115" spans="14:14">
      <c r="N883115" s="10"/>
    </row>
    <row r="883116" spans="14:14">
      <c r="N883116" s="10"/>
    </row>
    <row r="883117" spans="14:14">
      <c r="N883117" s="10"/>
    </row>
    <row r="883118" spans="14:14">
      <c r="N883118" s="10"/>
    </row>
    <row r="883119" spans="14:14">
      <c r="N883119" s="10"/>
    </row>
    <row r="883120" spans="14:14">
      <c r="N883120" s="10"/>
    </row>
    <row r="883121" spans="14:14">
      <c r="N883121" s="10"/>
    </row>
    <row r="883122" spans="14:14">
      <c r="N883122" s="10"/>
    </row>
    <row r="883123" spans="14:14">
      <c r="N883123" s="10"/>
    </row>
    <row r="883124" spans="14:14">
      <c r="N883124" s="10"/>
    </row>
    <row r="883125" spans="14:14">
      <c r="N883125" s="10"/>
    </row>
    <row r="883126" spans="14:14">
      <c r="N883126" s="10"/>
    </row>
    <row r="883127" spans="14:14">
      <c r="N883127" s="10"/>
    </row>
    <row r="883128" spans="14:14">
      <c r="N883128" s="10"/>
    </row>
    <row r="883129" spans="14:14">
      <c r="N883129" s="10"/>
    </row>
    <row r="883130" spans="14:14">
      <c r="N883130" s="10"/>
    </row>
    <row r="883131" spans="14:14">
      <c r="N883131" s="10"/>
    </row>
    <row r="883132" spans="14:14">
      <c r="N883132" s="10"/>
    </row>
    <row r="883133" spans="14:14">
      <c r="N883133" s="10"/>
    </row>
    <row r="883134" spans="14:14">
      <c r="N883134" s="10"/>
    </row>
    <row r="883135" spans="14:14">
      <c r="N883135" s="10"/>
    </row>
    <row r="883136" spans="14:14">
      <c r="N883136" s="10"/>
    </row>
    <row r="883137" spans="14:14">
      <c r="N883137" s="10"/>
    </row>
    <row r="883138" spans="14:14">
      <c r="N883138" s="10"/>
    </row>
    <row r="883139" spans="14:14">
      <c r="N883139" s="10"/>
    </row>
    <row r="883140" spans="14:14">
      <c r="N883140" s="10"/>
    </row>
    <row r="883141" spans="14:14">
      <c r="N883141" s="10"/>
    </row>
    <row r="883142" spans="14:14">
      <c r="N883142" s="10"/>
    </row>
    <row r="883143" spans="14:14">
      <c r="N883143" s="10"/>
    </row>
    <row r="883144" spans="14:14">
      <c r="N883144" s="10"/>
    </row>
    <row r="883145" spans="14:14">
      <c r="N883145" s="10"/>
    </row>
    <row r="883146" spans="14:14">
      <c r="N883146" s="10"/>
    </row>
    <row r="883147" spans="14:14">
      <c r="N883147" s="10"/>
    </row>
    <row r="883148" spans="14:14">
      <c r="N883148" s="10"/>
    </row>
    <row r="883149" spans="14:14">
      <c r="N883149" s="10"/>
    </row>
    <row r="883150" spans="14:14">
      <c r="N883150" s="10"/>
    </row>
    <row r="883151" spans="14:14">
      <c r="N883151" s="10"/>
    </row>
    <row r="883152" spans="14:14">
      <c r="N883152" s="10"/>
    </row>
    <row r="883153" spans="14:14">
      <c r="N883153" s="10"/>
    </row>
    <row r="883154" spans="14:14">
      <c r="N883154" s="10"/>
    </row>
    <row r="883155" spans="14:14">
      <c r="N883155" s="10"/>
    </row>
    <row r="883156" spans="14:14">
      <c r="N883156" s="10"/>
    </row>
    <row r="883157" spans="14:14">
      <c r="N883157" s="10"/>
    </row>
    <row r="883158" spans="14:14">
      <c r="N883158" s="10"/>
    </row>
    <row r="883159" spans="14:14">
      <c r="N883159" s="10"/>
    </row>
    <row r="883160" spans="14:14">
      <c r="N883160" s="10"/>
    </row>
    <row r="883161" spans="14:14">
      <c r="N883161" s="10"/>
    </row>
    <row r="883162" spans="14:14">
      <c r="N883162" s="10"/>
    </row>
    <row r="883163" spans="14:14">
      <c r="N883163" s="10"/>
    </row>
    <row r="883164" spans="14:14">
      <c r="N883164" s="10"/>
    </row>
    <row r="883165" spans="14:14">
      <c r="N883165" s="10"/>
    </row>
    <row r="883166" spans="14:14">
      <c r="N883166" s="10"/>
    </row>
    <row r="883167" spans="14:14">
      <c r="N883167" s="10"/>
    </row>
    <row r="883168" spans="14:14">
      <c r="N883168" s="10"/>
    </row>
    <row r="883169" spans="14:14">
      <c r="N883169" s="10"/>
    </row>
    <row r="883170" spans="14:14">
      <c r="N883170" s="10"/>
    </row>
    <row r="883171" spans="14:14">
      <c r="N883171" s="10"/>
    </row>
    <row r="883172" spans="14:14">
      <c r="N883172" s="10"/>
    </row>
    <row r="883173" spans="14:14">
      <c r="N883173" s="10"/>
    </row>
    <row r="883174" spans="14:14">
      <c r="N883174" s="10"/>
    </row>
    <row r="883175" spans="14:14">
      <c r="N883175" s="10"/>
    </row>
    <row r="883176" spans="14:14">
      <c r="N883176" s="10"/>
    </row>
    <row r="883177" spans="14:14">
      <c r="N883177" s="10"/>
    </row>
    <row r="883178" spans="14:14">
      <c r="N883178" s="10"/>
    </row>
    <row r="883179" spans="14:14">
      <c r="N883179" s="10"/>
    </row>
    <row r="883180" spans="14:14">
      <c r="N883180" s="10"/>
    </row>
    <row r="883181" spans="14:14">
      <c r="N883181" s="10"/>
    </row>
    <row r="883182" spans="14:14">
      <c r="N883182" s="10"/>
    </row>
    <row r="883183" spans="14:14">
      <c r="N883183" s="10"/>
    </row>
    <row r="883184" spans="14:14">
      <c r="N883184" s="10"/>
    </row>
    <row r="883185" spans="14:14">
      <c r="N883185" s="10"/>
    </row>
    <row r="883186" spans="14:14">
      <c r="N883186" s="10"/>
    </row>
    <row r="883187" spans="14:14">
      <c r="N883187" s="10"/>
    </row>
    <row r="883188" spans="14:14">
      <c r="N883188" s="10"/>
    </row>
    <row r="883189" spans="14:14">
      <c r="N883189" s="10"/>
    </row>
    <row r="883190" spans="14:14">
      <c r="N883190" s="10"/>
    </row>
    <row r="883191" spans="14:14">
      <c r="N883191" s="10"/>
    </row>
    <row r="883192" spans="14:14">
      <c r="N883192" s="10"/>
    </row>
    <row r="883193" spans="14:14">
      <c r="N883193" s="10"/>
    </row>
    <row r="883194" spans="14:14">
      <c r="N883194" s="10"/>
    </row>
    <row r="883195" spans="14:14">
      <c r="N883195" s="10"/>
    </row>
    <row r="883196" spans="14:14">
      <c r="N883196" s="10"/>
    </row>
    <row r="883197" spans="14:14">
      <c r="N883197" s="10"/>
    </row>
    <row r="883198" spans="14:14">
      <c r="N883198" s="10"/>
    </row>
    <row r="883199" spans="14:14">
      <c r="N883199" s="10"/>
    </row>
    <row r="883200" spans="14:14">
      <c r="N883200" s="10"/>
    </row>
    <row r="883201" spans="14:14">
      <c r="N883201" s="10"/>
    </row>
    <row r="883202" spans="14:14">
      <c r="N883202" s="10"/>
    </row>
    <row r="883203" spans="14:14">
      <c r="N883203" s="10"/>
    </row>
    <row r="883204" spans="14:14">
      <c r="N883204" s="10"/>
    </row>
    <row r="883205" spans="14:14">
      <c r="N883205" s="10"/>
    </row>
    <row r="883206" spans="14:14">
      <c r="N883206" s="10"/>
    </row>
    <row r="883207" spans="14:14">
      <c r="N883207" s="10"/>
    </row>
    <row r="883208" spans="14:14">
      <c r="N883208" s="10"/>
    </row>
    <row r="883209" spans="14:14">
      <c r="N883209" s="10"/>
    </row>
    <row r="883210" spans="14:14">
      <c r="N883210" s="10"/>
    </row>
    <row r="883211" spans="14:14">
      <c r="N883211" s="10"/>
    </row>
    <row r="883212" spans="14:14">
      <c r="N883212" s="10"/>
    </row>
    <row r="883213" spans="14:14">
      <c r="N883213" s="10"/>
    </row>
    <row r="883214" spans="14:14">
      <c r="N883214" s="10"/>
    </row>
    <row r="883215" spans="14:14">
      <c r="N883215" s="10"/>
    </row>
    <row r="883216" spans="14:14">
      <c r="N883216" s="10"/>
    </row>
    <row r="883217" spans="14:14">
      <c r="N883217" s="10"/>
    </row>
    <row r="883218" spans="14:14">
      <c r="N883218" s="10"/>
    </row>
    <row r="883219" spans="14:14">
      <c r="N883219" s="10"/>
    </row>
    <row r="883220" spans="14:14">
      <c r="N883220" s="10"/>
    </row>
    <row r="883221" spans="14:14">
      <c r="N883221" s="10"/>
    </row>
    <row r="883222" spans="14:14">
      <c r="N883222" s="10"/>
    </row>
    <row r="883223" spans="14:14">
      <c r="N883223" s="10"/>
    </row>
    <row r="883224" spans="14:14">
      <c r="N883224" s="10"/>
    </row>
    <row r="883225" spans="14:14">
      <c r="N883225" s="10"/>
    </row>
    <row r="883226" spans="14:14">
      <c r="N883226" s="10"/>
    </row>
    <row r="883227" spans="14:14">
      <c r="N883227" s="10"/>
    </row>
    <row r="883228" spans="14:14">
      <c r="N883228" s="10"/>
    </row>
    <row r="883229" spans="14:14">
      <c r="N883229" s="10"/>
    </row>
    <row r="883230" spans="14:14">
      <c r="N883230" s="10"/>
    </row>
    <row r="883231" spans="14:14">
      <c r="N883231" s="10"/>
    </row>
    <row r="883232" spans="14:14">
      <c r="N883232" s="10"/>
    </row>
    <row r="883233" spans="14:14">
      <c r="N883233" s="10"/>
    </row>
    <row r="883234" spans="14:14">
      <c r="N883234" s="10"/>
    </row>
    <row r="883235" spans="14:14">
      <c r="N883235" s="10"/>
    </row>
    <row r="883236" spans="14:14">
      <c r="N883236" s="10"/>
    </row>
    <row r="883237" spans="14:14">
      <c r="N883237" s="10"/>
    </row>
    <row r="883238" spans="14:14">
      <c r="N883238" s="10"/>
    </row>
    <row r="883239" spans="14:14">
      <c r="N883239" s="10"/>
    </row>
    <row r="883240" spans="14:14">
      <c r="N883240" s="10"/>
    </row>
    <row r="883241" spans="14:14">
      <c r="N883241" s="10"/>
    </row>
    <row r="883242" spans="14:14">
      <c r="N883242" s="10"/>
    </row>
    <row r="883243" spans="14:14">
      <c r="N883243" s="10"/>
    </row>
    <row r="883244" spans="14:14">
      <c r="N883244" s="10"/>
    </row>
    <row r="883245" spans="14:14">
      <c r="N883245" s="10"/>
    </row>
    <row r="883246" spans="14:14">
      <c r="N883246" s="10"/>
    </row>
    <row r="883247" spans="14:14">
      <c r="N883247" s="10"/>
    </row>
    <row r="883248" spans="14:14">
      <c r="N883248" s="10"/>
    </row>
    <row r="883249" spans="14:14">
      <c r="N883249" s="10"/>
    </row>
    <row r="883250" spans="14:14">
      <c r="N883250" s="10"/>
    </row>
    <row r="883251" spans="14:14">
      <c r="N883251" s="10"/>
    </row>
    <row r="883252" spans="14:14">
      <c r="N883252" s="10"/>
    </row>
    <row r="883253" spans="14:14">
      <c r="N883253" s="10"/>
    </row>
    <row r="883254" spans="14:14">
      <c r="N883254" s="10"/>
    </row>
    <row r="883255" spans="14:14">
      <c r="N883255" s="10"/>
    </row>
    <row r="883256" spans="14:14">
      <c r="N883256" s="10"/>
    </row>
    <row r="883257" spans="14:14">
      <c r="N883257" s="10"/>
    </row>
    <row r="883258" spans="14:14">
      <c r="N883258" s="10"/>
    </row>
    <row r="883259" spans="14:14">
      <c r="N883259" s="10"/>
    </row>
    <row r="883260" spans="14:14">
      <c r="N883260" s="10"/>
    </row>
    <row r="883261" spans="14:14">
      <c r="N883261" s="10"/>
    </row>
    <row r="883262" spans="14:14">
      <c r="N883262" s="10"/>
    </row>
    <row r="883263" spans="14:14">
      <c r="N883263" s="10"/>
    </row>
    <row r="883264" spans="14:14">
      <c r="N883264" s="10"/>
    </row>
    <row r="883265" spans="14:14">
      <c r="N883265" s="10"/>
    </row>
    <row r="883266" spans="14:14">
      <c r="N883266" s="10"/>
    </row>
    <row r="883267" spans="14:14">
      <c r="N883267" s="10"/>
    </row>
    <row r="883268" spans="14:14">
      <c r="N883268" s="10"/>
    </row>
    <row r="883269" spans="14:14">
      <c r="N883269" s="10"/>
    </row>
    <row r="883270" spans="14:14">
      <c r="N883270" s="10"/>
    </row>
    <row r="883271" spans="14:14">
      <c r="N883271" s="10"/>
    </row>
    <row r="883272" spans="14:14">
      <c r="N883272" s="10"/>
    </row>
    <row r="883273" spans="14:14">
      <c r="N883273" s="10"/>
    </row>
    <row r="883274" spans="14:14">
      <c r="N883274" s="10"/>
    </row>
    <row r="883275" spans="14:14">
      <c r="N883275" s="10"/>
    </row>
    <row r="883276" spans="14:14">
      <c r="N883276" s="10"/>
    </row>
    <row r="883277" spans="14:14">
      <c r="N883277" s="10"/>
    </row>
    <row r="883278" spans="14:14">
      <c r="N883278" s="10"/>
    </row>
    <row r="883279" spans="14:14">
      <c r="N883279" s="10"/>
    </row>
    <row r="883280" spans="14:14">
      <c r="N883280" s="10"/>
    </row>
    <row r="883281" spans="14:14">
      <c r="N883281" s="10"/>
    </row>
    <row r="883282" spans="14:14">
      <c r="N883282" s="10"/>
    </row>
    <row r="883283" spans="14:14">
      <c r="N883283" s="10"/>
    </row>
    <row r="883284" spans="14:14">
      <c r="N883284" s="10"/>
    </row>
    <row r="883285" spans="14:14">
      <c r="N883285" s="10"/>
    </row>
    <row r="883286" spans="14:14">
      <c r="N883286" s="10"/>
    </row>
    <row r="883287" spans="14:14">
      <c r="N883287" s="10"/>
    </row>
    <row r="883288" spans="14:14">
      <c r="N883288" s="10"/>
    </row>
    <row r="883289" spans="14:14">
      <c r="N883289" s="10"/>
    </row>
    <row r="883290" spans="14:14">
      <c r="N883290" s="10"/>
    </row>
    <row r="883291" spans="14:14">
      <c r="N883291" s="10"/>
    </row>
    <row r="883292" spans="14:14">
      <c r="N883292" s="10"/>
    </row>
    <row r="883293" spans="14:14">
      <c r="N883293" s="10"/>
    </row>
    <row r="883294" spans="14:14">
      <c r="N883294" s="10"/>
    </row>
    <row r="883295" spans="14:14">
      <c r="N883295" s="10"/>
    </row>
    <row r="883296" spans="14:14">
      <c r="N883296" s="10"/>
    </row>
    <row r="883297" spans="14:14">
      <c r="N883297" s="10"/>
    </row>
    <row r="883298" spans="14:14">
      <c r="N883298" s="10"/>
    </row>
    <row r="883299" spans="14:14">
      <c r="N883299" s="10"/>
    </row>
    <row r="883300" spans="14:14">
      <c r="N883300" s="10"/>
    </row>
    <row r="883301" spans="14:14">
      <c r="N883301" s="10"/>
    </row>
    <row r="883302" spans="14:14">
      <c r="N883302" s="10"/>
    </row>
    <row r="883303" spans="14:14">
      <c r="N883303" s="10"/>
    </row>
    <row r="883304" spans="14:14">
      <c r="N883304" s="10"/>
    </row>
    <row r="883305" spans="14:14">
      <c r="N883305" s="10"/>
    </row>
    <row r="883306" spans="14:14">
      <c r="N883306" s="10"/>
    </row>
    <row r="883307" spans="14:14">
      <c r="N883307" s="10"/>
    </row>
    <row r="883308" spans="14:14">
      <c r="N883308" s="10"/>
    </row>
    <row r="883309" spans="14:14">
      <c r="N883309" s="10"/>
    </row>
    <row r="883310" spans="14:14">
      <c r="N883310" s="10"/>
    </row>
    <row r="883311" spans="14:14">
      <c r="N883311" s="10"/>
    </row>
    <row r="883312" spans="14:14">
      <c r="N883312" s="10"/>
    </row>
    <row r="883313" spans="14:14">
      <c r="N883313" s="10"/>
    </row>
    <row r="883314" spans="14:14">
      <c r="N883314" s="10"/>
    </row>
    <row r="883315" spans="14:14">
      <c r="N883315" s="10"/>
    </row>
    <row r="883316" spans="14:14">
      <c r="N883316" s="10"/>
    </row>
    <row r="883317" spans="14:14">
      <c r="N883317" s="10"/>
    </row>
    <row r="883318" spans="14:14">
      <c r="N883318" s="10"/>
    </row>
    <row r="883319" spans="14:14">
      <c r="N883319" s="10"/>
    </row>
    <row r="883320" spans="14:14">
      <c r="N883320" s="10"/>
    </row>
    <row r="883321" spans="14:14">
      <c r="N883321" s="10"/>
    </row>
    <row r="883322" spans="14:14">
      <c r="N883322" s="10"/>
    </row>
    <row r="883323" spans="14:14">
      <c r="N883323" s="10"/>
    </row>
    <row r="883324" spans="14:14">
      <c r="N883324" s="10"/>
    </row>
    <row r="883325" spans="14:14">
      <c r="N883325" s="10"/>
    </row>
    <row r="883326" spans="14:14">
      <c r="N883326" s="10"/>
    </row>
    <row r="883327" spans="14:14">
      <c r="N883327" s="10"/>
    </row>
    <row r="883328" spans="14:14">
      <c r="N883328" s="10"/>
    </row>
    <row r="883329" spans="14:14">
      <c r="N883329" s="10"/>
    </row>
    <row r="883330" spans="14:14">
      <c r="N883330" s="10"/>
    </row>
    <row r="883331" spans="14:14">
      <c r="N883331" s="10"/>
    </row>
    <row r="883332" spans="14:14">
      <c r="N883332" s="10"/>
    </row>
    <row r="883333" spans="14:14">
      <c r="N883333" s="10"/>
    </row>
    <row r="883334" spans="14:14">
      <c r="N883334" s="10"/>
    </row>
    <row r="883335" spans="14:14">
      <c r="N883335" s="10"/>
    </row>
    <row r="883336" spans="14:14">
      <c r="N883336" s="10"/>
    </row>
    <row r="883337" spans="14:14">
      <c r="N883337" s="10"/>
    </row>
    <row r="883338" spans="14:14">
      <c r="N883338" s="10"/>
    </row>
    <row r="883339" spans="14:14">
      <c r="N883339" s="10"/>
    </row>
    <row r="883340" spans="14:14">
      <c r="N883340" s="10"/>
    </row>
    <row r="883341" spans="14:14">
      <c r="N883341" s="10"/>
    </row>
    <row r="883342" spans="14:14">
      <c r="N883342" s="10"/>
    </row>
    <row r="883343" spans="14:14">
      <c r="N883343" s="10"/>
    </row>
    <row r="883344" spans="14:14">
      <c r="N883344" s="10"/>
    </row>
    <row r="883345" spans="14:14">
      <c r="N883345" s="10"/>
    </row>
    <row r="883346" spans="14:14">
      <c r="N883346" s="10"/>
    </row>
    <row r="883347" spans="14:14">
      <c r="N883347" s="10"/>
    </row>
    <row r="883348" spans="14:14">
      <c r="N883348" s="10"/>
    </row>
    <row r="883349" spans="14:14">
      <c r="N883349" s="10"/>
    </row>
    <row r="883350" spans="14:14">
      <c r="N883350" s="10"/>
    </row>
    <row r="883351" spans="14:14">
      <c r="N883351" s="10"/>
    </row>
    <row r="883352" spans="14:14">
      <c r="N883352" s="10"/>
    </row>
    <row r="883353" spans="14:14">
      <c r="N883353" s="10"/>
    </row>
    <row r="883354" spans="14:14">
      <c r="N883354" s="10"/>
    </row>
    <row r="883355" spans="14:14">
      <c r="N883355" s="10"/>
    </row>
    <row r="883356" spans="14:14">
      <c r="N883356" s="10"/>
    </row>
    <row r="883357" spans="14:14">
      <c r="N883357" s="10"/>
    </row>
    <row r="883358" spans="14:14">
      <c r="N883358" s="10"/>
    </row>
    <row r="883359" spans="14:14">
      <c r="N883359" s="10"/>
    </row>
    <row r="883360" spans="14:14">
      <c r="N883360" s="10"/>
    </row>
    <row r="883361" spans="14:14">
      <c r="N883361" s="10"/>
    </row>
    <row r="883362" spans="14:14">
      <c r="N883362" s="10"/>
    </row>
    <row r="883363" spans="14:14">
      <c r="N883363" s="10"/>
    </row>
    <row r="883364" spans="14:14">
      <c r="N883364" s="10"/>
    </row>
    <row r="883365" spans="14:14">
      <c r="N883365" s="10"/>
    </row>
    <row r="883366" spans="14:14">
      <c r="N883366" s="10"/>
    </row>
    <row r="883367" spans="14:14">
      <c r="N883367" s="10"/>
    </row>
    <row r="883368" spans="14:14">
      <c r="N883368" s="10"/>
    </row>
    <row r="883369" spans="14:14">
      <c r="N883369" s="10"/>
    </row>
    <row r="883370" spans="14:14">
      <c r="N883370" s="10"/>
    </row>
    <row r="883371" spans="14:14">
      <c r="N883371" s="10"/>
    </row>
    <row r="883372" spans="14:14">
      <c r="N883372" s="10"/>
    </row>
    <row r="883373" spans="14:14">
      <c r="N883373" s="10"/>
    </row>
    <row r="883374" spans="14:14">
      <c r="N883374" s="10"/>
    </row>
    <row r="883375" spans="14:14">
      <c r="N883375" s="10"/>
    </row>
    <row r="883376" spans="14:14">
      <c r="N883376" s="10"/>
    </row>
    <row r="883377" spans="14:14">
      <c r="N883377" s="10"/>
    </row>
    <row r="883378" spans="14:14">
      <c r="N883378" s="10"/>
    </row>
    <row r="883379" spans="14:14">
      <c r="N883379" s="10"/>
    </row>
    <row r="883380" spans="14:14">
      <c r="N883380" s="10"/>
    </row>
    <row r="883381" spans="14:14">
      <c r="N883381" s="10"/>
    </row>
    <row r="883382" spans="14:14">
      <c r="N883382" s="10"/>
    </row>
    <row r="883383" spans="14:14">
      <c r="N883383" s="10"/>
    </row>
    <row r="883384" spans="14:14">
      <c r="N883384" s="10"/>
    </row>
    <row r="883385" spans="14:14">
      <c r="N883385" s="10"/>
    </row>
    <row r="883386" spans="14:14">
      <c r="N883386" s="10"/>
    </row>
    <row r="883387" spans="14:14">
      <c r="N883387" s="10"/>
    </row>
    <row r="883388" spans="14:14">
      <c r="N883388" s="10"/>
    </row>
    <row r="883389" spans="14:14">
      <c r="N883389" s="10"/>
    </row>
    <row r="883390" spans="14:14">
      <c r="N883390" s="10"/>
    </row>
    <row r="883391" spans="14:14">
      <c r="N883391" s="10"/>
    </row>
    <row r="883392" spans="14:14">
      <c r="N883392" s="10"/>
    </row>
    <row r="883393" spans="14:14">
      <c r="N883393" s="10"/>
    </row>
    <row r="883394" spans="14:14">
      <c r="N883394" s="10"/>
    </row>
    <row r="883395" spans="14:14">
      <c r="N883395" s="10"/>
    </row>
    <row r="883396" spans="14:14">
      <c r="N883396" s="10"/>
    </row>
    <row r="883397" spans="14:14">
      <c r="N883397" s="10"/>
    </row>
    <row r="883398" spans="14:14">
      <c r="N883398" s="10"/>
    </row>
    <row r="883399" spans="14:14">
      <c r="N883399" s="10"/>
    </row>
    <row r="883400" spans="14:14">
      <c r="N883400" s="10"/>
    </row>
    <row r="883401" spans="14:14">
      <c r="N883401" s="10"/>
    </row>
    <row r="883402" spans="14:14">
      <c r="N883402" s="10"/>
    </row>
    <row r="883403" spans="14:14">
      <c r="N883403" s="10"/>
    </row>
    <row r="883404" spans="14:14">
      <c r="N883404" s="10"/>
    </row>
    <row r="883405" spans="14:14">
      <c r="N883405" s="10"/>
    </row>
    <row r="883406" spans="14:14">
      <c r="N883406" s="10"/>
    </row>
    <row r="883407" spans="14:14">
      <c r="N883407" s="10"/>
    </row>
    <row r="883408" spans="14:14">
      <c r="N883408" s="10"/>
    </row>
    <row r="883409" spans="14:14">
      <c r="N883409" s="10"/>
    </row>
    <row r="883410" spans="14:14">
      <c r="N883410" s="10"/>
    </row>
    <row r="883411" spans="14:14">
      <c r="N883411" s="10"/>
    </row>
    <row r="883412" spans="14:14">
      <c r="N883412" s="10"/>
    </row>
    <row r="883413" spans="14:14">
      <c r="N883413" s="10"/>
    </row>
    <row r="883414" spans="14:14">
      <c r="N883414" s="10"/>
    </row>
    <row r="883415" spans="14:14">
      <c r="N883415" s="10"/>
    </row>
    <row r="883416" spans="14:14">
      <c r="N883416" s="10"/>
    </row>
    <row r="883417" spans="14:14">
      <c r="N883417" s="10"/>
    </row>
    <row r="883418" spans="14:14">
      <c r="N883418" s="10"/>
    </row>
    <row r="883419" spans="14:14">
      <c r="N883419" s="10"/>
    </row>
    <row r="883420" spans="14:14">
      <c r="N883420" s="10"/>
    </row>
    <row r="883421" spans="14:14">
      <c r="N883421" s="10"/>
    </row>
    <row r="883422" spans="14:14">
      <c r="N883422" s="10"/>
    </row>
    <row r="883423" spans="14:14">
      <c r="N883423" s="10"/>
    </row>
    <row r="883424" spans="14:14">
      <c r="N883424" s="10"/>
    </row>
    <row r="883425" spans="14:14">
      <c r="N883425" s="10"/>
    </row>
    <row r="883426" spans="14:14">
      <c r="N883426" s="10"/>
    </row>
    <row r="883427" spans="14:14">
      <c r="N883427" s="10"/>
    </row>
    <row r="883428" spans="14:14">
      <c r="N883428" s="10"/>
    </row>
    <row r="883429" spans="14:14">
      <c r="N883429" s="10"/>
    </row>
    <row r="883430" spans="14:14">
      <c r="N883430" s="10"/>
    </row>
    <row r="883431" spans="14:14">
      <c r="N883431" s="10"/>
    </row>
    <row r="883432" spans="14:14">
      <c r="N883432" s="10"/>
    </row>
    <row r="883433" spans="14:14">
      <c r="N883433" s="10"/>
    </row>
    <row r="883434" spans="14:14">
      <c r="N883434" s="10"/>
    </row>
    <row r="883435" spans="14:14">
      <c r="N883435" s="10"/>
    </row>
    <row r="883436" spans="14:14">
      <c r="N883436" s="10"/>
    </row>
    <row r="883437" spans="14:14">
      <c r="N883437" s="10"/>
    </row>
    <row r="883438" spans="14:14">
      <c r="N883438" s="10"/>
    </row>
    <row r="883439" spans="14:14">
      <c r="N883439" s="10"/>
    </row>
    <row r="883440" spans="14:14">
      <c r="N883440" s="10"/>
    </row>
    <row r="883441" spans="14:14">
      <c r="N883441" s="10"/>
    </row>
    <row r="883442" spans="14:14">
      <c r="N883442" s="10"/>
    </row>
    <row r="883443" spans="14:14">
      <c r="N883443" s="10"/>
    </row>
    <row r="883444" spans="14:14">
      <c r="N883444" s="10"/>
    </row>
    <row r="883445" spans="14:14">
      <c r="N883445" s="10"/>
    </row>
    <row r="883446" spans="14:14">
      <c r="N883446" s="10"/>
    </row>
    <row r="883447" spans="14:14">
      <c r="N883447" s="10"/>
    </row>
    <row r="883448" spans="14:14">
      <c r="N883448" s="10"/>
    </row>
    <row r="883449" spans="14:14">
      <c r="N883449" s="10"/>
    </row>
    <row r="883450" spans="14:14">
      <c r="N883450" s="10"/>
    </row>
    <row r="883451" spans="14:14">
      <c r="N883451" s="10"/>
    </row>
    <row r="883452" spans="14:14">
      <c r="N883452" s="10"/>
    </row>
    <row r="883453" spans="14:14">
      <c r="N883453" s="10"/>
    </row>
    <row r="883454" spans="14:14">
      <c r="N883454" s="10"/>
    </row>
    <row r="883455" spans="14:14">
      <c r="N883455" s="10"/>
    </row>
    <row r="883456" spans="14:14">
      <c r="N883456" s="10"/>
    </row>
    <row r="883457" spans="14:14">
      <c r="N883457" s="10"/>
    </row>
    <row r="883458" spans="14:14">
      <c r="N883458" s="10"/>
    </row>
    <row r="883459" spans="14:14">
      <c r="N883459" s="10"/>
    </row>
    <row r="883460" spans="14:14">
      <c r="N883460" s="10"/>
    </row>
    <row r="883461" spans="14:14">
      <c r="N883461" s="10"/>
    </row>
    <row r="883462" spans="14:14">
      <c r="N883462" s="10"/>
    </row>
    <row r="883463" spans="14:14">
      <c r="N883463" s="10"/>
    </row>
    <row r="883464" spans="14:14">
      <c r="N883464" s="10"/>
    </row>
    <row r="883465" spans="14:14">
      <c r="N883465" s="10"/>
    </row>
    <row r="883466" spans="14:14">
      <c r="N883466" s="10"/>
    </row>
    <row r="883467" spans="14:14">
      <c r="N883467" s="10"/>
    </row>
    <row r="883468" spans="14:14">
      <c r="N883468" s="10"/>
    </row>
    <row r="883469" spans="14:14">
      <c r="N883469" s="10"/>
    </row>
    <row r="883470" spans="14:14">
      <c r="N883470" s="10"/>
    </row>
    <row r="883471" spans="14:14">
      <c r="N883471" s="10"/>
    </row>
    <row r="883472" spans="14:14">
      <c r="N883472" s="10"/>
    </row>
    <row r="883473" spans="14:14">
      <c r="N883473" s="10"/>
    </row>
    <row r="883474" spans="14:14">
      <c r="N883474" s="10"/>
    </row>
    <row r="883475" spans="14:14">
      <c r="N883475" s="10"/>
    </row>
    <row r="883476" spans="14:14">
      <c r="N883476" s="10"/>
    </row>
    <row r="883477" spans="14:14">
      <c r="N883477" s="10"/>
    </row>
    <row r="883478" spans="14:14">
      <c r="N883478" s="10"/>
    </row>
    <row r="883479" spans="14:14">
      <c r="N883479" s="10"/>
    </row>
    <row r="883480" spans="14:14">
      <c r="N883480" s="10"/>
    </row>
    <row r="883481" spans="14:14">
      <c r="N883481" s="10"/>
    </row>
    <row r="883482" spans="14:14">
      <c r="N883482" s="10"/>
    </row>
    <row r="883483" spans="14:14">
      <c r="N883483" s="10"/>
    </row>
    <row r="883484" spans="14:14">
      <c r="N883484" s="10"/>
    </row>
    <row r="883485" spans="14:14">
      <c r="N883485" s="10"/>
    </row>
    <row r="883486" spans="14:14">
      <c r="N883486" s="10"/>
    </row>
    <row r="883487" spans="14:14">
      <c r="N883487" s="10"/>
    </row>
    <row r="883488" spans="14:14">
      <c r="N883488" s="10"/>
    </row>
    <row r="883489" spans="14:14">
      <c r="N883489" s="10"/>
    </row>
    <row r="883490" spans="14:14">
      <c r="N883490" s="10"/>
    </row>
    <row r="883491" spans="14:14">
      <c r="N883491" s="10"/>
    </row>
    <row r="883492" spans="14:14">
      <c r="N883492" s="10"/>
    </row>
    <row r="883493" spans="14:14">
      <c r="N883493" s="10"/>
    </row>
    <row r="883494" spans="14:14">
      <c r="N883494" s="10"/>
    </row>
    <row r="883495" spans="14:14">
      <c r="N883495" s="10"/>
    </row>
    <row r="883496" spans="14:14">
      <c r="N883496" s="10"/>
    </row>
    <row r="883497" spans="14:14">
      <c r="N883497" s="10"/>
    </row>
    <row r="883498" spans="14:14">
      <c r="N883498" s="10"/>
    </row>
    <row r="883499" spans="14:14">
      <c r="N883499" s="10"/>
    </row>
    <row r="883500" spans="14:14">
      <c r="N883500" s="10"/>
    </row>
    <row r="883501" spans="14:14">
      <c r="N883501" s="10"/>
    </row>
    <row r="883502" spans="14:14">
      <c r="N883502" s="10"/>
    </row>
    <row r="883503" spans="14:14">
      <c r="N883503" s="10"/>
    </row>
    <row r="883504" spans="14:14">
      <c r="N883504" s="10"/>
    </row>
    <row r="883505" spans="14:14">
      <c r="N883505" s="10"/>
    </row>
    <row r="883506" spans="14:14">
      <c r="N883506" s="10"/>
    </row>
    <row r="883507" spans="14:14">
      <c r="N883507" s="10"/>
    </row>
    <row r="883508" spans="14:14">
      <c r="N883508" s="10"/>
    </row>
    <row r="883509" spans="14:14">
      <c r="N883509" s="10"/>
    </row>
    <row r="883510" spans="14:14">
      <c r="N883510" s="10"/>
    </row>
    <row r="883511" spans="14:14">
      <c r="N883511" s="10"/>
    </row>
    <row r="883512" spans="14:14">
      <c r="N883512" s="10"/>
    </row>
    <row r="883513" spans="14:14">
      <c r="N883513" s="10"/>
    </row>
    <row r="883514" spans="14:14">
      <c r="N883514" s="10"/>
    </row>
    <row r="883515" spans="14:14">
      <c r="N883515" s="10"/>
    </row>
    <row r="883516" spans="14:14">
      <c r="N883516" s="10"/>
    </row>
    <row r="883517" spans="14:14">
      <c r="N883517" s="10"/>
    </row>
    <row r="883518" spans="14:14">
      <c r="N883518" s="10"/>
    </row>
    <row r="883519" spans="14:14">
      <c r="N883519" s="10"/>
    </row>
    <row r="883520" spans="14:14">
      <c r="N883520" s="10"/>
    </row>
    <row r="883521" spans="14:14">
      <c r="N883521" s="10"/>
    </row>
    <row r="883522" spans="14:14">
      <c r="N883522" s="10"/>
    </row>
    <row r="883523" spans="14:14">
      <c r="N883523" s="10"/>
    </row>
    <row r="883524" spans="14:14">
      <c r="N883524" s="10"/>
    </row>
    <row r="883525" spans="14:14">
      <c r="N883525" s="10"/>
    </row>
    <row r="883526" spans="14:14">
      <c r="N883526" s="10"/>
    </row>
    <row r="883527" spans="14:14">
      <c r="N883527" s="10"/>
    </row>
    <row r="883528" spans="14:14">
      <c r="N883528" s="10"/>
    </row>
    <row r="883529" spans="14:14">
      <c r="N883529" s="10"/>
    </row>
    <row r="883530" spans="14:14">
      <c r="N883530" s="10"/>
    </row>
    <row r="883531" spans="14:14">
      <c r="N883531" s="10"/>
    </row>
    <row r="883532" spans="14:14">
      <c r="N883532" s="10"/>
    </row>
    <row r="883533" spans="14:14">
      <c r="N883533" s="10"/>
    </row>
    <row r="883534" spans="14:14">
      <c r="N883534" s="10"/>
    </row>
    <row r="883535" spans="14:14">
      <c r="N883535" s="10"/>
    </row>
    <row r="883536" spans="14:14">
      <c r="N883536" s="10"/>
    </row>
    <row r="883537" spans="14:14">
      <c r="N883537" s="10"/>
    </row>
    <row r="883538" spans="14:14">
      <c r="N883538" s="10"/>
    </row>
    <row r="883539" spans="14:14">
      <c r="N883539" s="10"/>
    </row>
    <row r="883540" spans="14:14">
      <c r="N883540" s="10"/>
    </row>
    <row r="883541" spans="14:14">
      <c r="N883541" s="10"/>
    </row>
    <row r="883542" spans="14:14">
      <c r="N883542" s="10"/>
    </row>
    <row r="883543" spans="14:14">
      <c r="N883543" s="10"/>
    </row>
    <row r="883544" spans="14:14">
      <c r="N883544" s="10"/>
    </row>
    <row r="883545" spans="14:14">
      <c r="N883545" s="10"/>
    </row>
    <row r="883546" spans="14:14">
      <c r="N883546" s="10"/>
    </row>
    <row r="883547" spans="14:14">
      <c r="N883547" s="10"/>
    </row>
    <row r="883548" spans="14:14">
      <c r="N883548" s="10"/>
    </row>
    <row r="883549" spans="14:14">
      <c r="N883549" s="10"/>
    </row>
    <row r="883550" spans="14:14">
      <c r="N883550" s="10"/>
    </row>
    <row r="883551" spans="14:14">
      <c r="N883551" s="10"/>
    </row>
    <row r="883552" spans="14:14">
      <c r="N883552" s="10"/>
    </row>
    <row r="883553" spans="14:14">
      <c r="N883553" s="10"/>
    </row>
    <row r="883554" spans="14:14">
      <c r="N883554" s="10"/>
    </row>
    <row r="883555" spans="14:14">
      <c r="N883555" s="10"/>
    </row>
    <row r="883556" spans="14:14">
      <c r="N883556" s="10"/>
    </row>
    <row r="883557" spans="14:14">
      <c r="N883557" s="10"/>
    </row>
    <row r="883558" spans="14:14">
      <c r="N883558" s="10"/>
    </row>
    <row r="883559" spans="14:14">
      <c r="N883559" s="10"/>
    </row>
    <row r="883560" spans="14:14">
      <c r="N883560" s="10"/>
    </row>
    <row r="883561" spans="14:14">
      <c r="N883561" s="10"/>
    </row>
    <row r="883562" spans="14:14">
      <c r="N883562" s="10"/>
    </row>
    <row r="883563" spans="14:14">
      <c r="N883563" s="10"/>
    </row>
    <row r="883564" spans="14:14">
      <c r="N883564" s="10"/>
    </row>
    <row r="883565" spans="14:14">
      <c r="N883565" s="10"/>
    </row>
    <row r="883566" spans="14:14">
      <c r="N883566" s="10"/>
    </row>
    <row r="883567" spans="14:14">
      <c r="N883567" s="10"/>
    </row>
    <row r="883568" spans="14:14">
      <c r="N883568" s="10"/>
    </row>
    <row r="883569" spans="14:14">
      <c r="N883569" s="10"/>
    </row>
    <row r="883570" spans="14:14">
      <c r="N883570" s="10"/>
    </row>
    <row r="883571" spans="14:14">
      <c r="N883571" s="10"/>
    </row>
    <row r="883572" spans="14:14">
      <c r="N883572" s="10"/>
    </row>
    <row r="883573" spans="14:14">
      <c r="N883573" s="10"/>
    </row>
    <row r="883574" spans="14:14">
      <c r="N883574" s="10"/>
    </row>
    <row r="883575" spans="14:14">
      <c r="N883575" s="10"/>
    </row>
    <row r="883576" spans="14:14">
      <c r="N883576" s="10"/>
    </row>
    <row r="883577" spans="14:14">
      <c r="N883577" s="10"/>
    </row>
    <row r="883578" spans="14:14">
      <c r="N883578" s="10"/>
    </row>
    <row r="883579" spans="14:14">
      <c r="N883579" s="10"/>
    </row>
    <row r="883580" spans="14:14">
      <c r="N883580" s="10"/>
    </row>
    <row r="883581" spans="14:14">
      <c r="N883581" s="10"/>
    </row>
    <row r="883582" spans="14:14">
      <c r="N883582" s="10"/>
    </row>
    <row r="883583" spans="14:14">
      <c r="N883583" s="10"/>
    </row>
    <row r="883584" spans="14:14">
      <c r="N883584" s="10"/>
    </row>
    <row r="883585" spans="14:14">
      <c r="N883585" s="10"/>
    </row>
    <row r="883586" spans="14:14">
      <c r="N883586" s="10"/>
    </row>
    <row r="883587" spans="14:14">
      <c r="N883587" s="10"/>
    </row>
    <row r="883588" spans="14:14">
      <c r="N883588" s="10"/>
    </row>
    <row r="883589" spans="14:14">
      <c r="N883589" s="10"/>
    </row>
    <row r="883590" spans="14:14">
      <c r="N883590" s="10"/>
    </row>
    <row r="883591" spans="14:14">
      <c r="N883591" s="10"/>
    </row>
    <row r="883592" spans="14:14">
      <c r="N883592" s="10"/>
    </row>
    <row r="883593" spans="14:14">
      <c r="N883593" s="10"/>
    </row>
    <row r="883594" spans="14:14">
      <c r="N883594" s="10"/>
    </row>
    <row r="883595" spans="14:14">
      <c r="N883595" s="10"/>
    </row>
    <row r="883596" spans="14:14">
      <c r="N883596" s="10"/>
    </row>
    <row r="883597" spans="14:14">
      <c r="N883597" s="10"/>
    </row>
    <row r="883598" spans="14:14">
      <c r="N883598" s="10"/>
    </row>
    <row r="883599" spans="14:14">
      <c r="N883599" s="10"/>
    </row>
    <row r="883600" spans="14:14">
      <c r="N883600" s="10"/>
    </row>
    <row r="883601" spans="14:14">
      <c r="N883601" s="10"/>
    </row>
    <row r="883602" spans="14:14">
      <c r="N883602" s="10"/>
    </row>
    <row r="883603" spans="14:14">
      <c r="N883603" s="10"/>
    </row>
    <row r="883604" spans="14:14">
      <c r="N883604" s="10"/>
    </row>
    <row r="883605" spans="14:14">
      <c r="N883605" s="10"/>
    </row>
    <row r="883606" spans="14:14">
      <c r="N883606" s="10"/>
    </row>
    <row r="883607" spans="14:14">
      <c r="N883607" s="10"/>
    </row>
    <row r="883608" spans="14:14">
      <c r="N883608" s="10"/>
    </row>
    <row r="883609" spans="14:14">
      <c r="N883609" s="10"/>
    </row>
    <row r="883610" spans="14:14">
      <c r="N883610" s="10"/>
    </row>
    <row r="883611" spans="14:14">
      <c r="N883611" s="10"/>
    </row>
    <row r="883612" spans="14:14">
      <c r="N883612" s="10"/>
    </row>
    <row r="883613" spans="14:14">
      <c r="N883613" s="10"/>
    </row>
    <row r="883614" spans="14:14">
      <c r="N883614" s="10"/>
    </row>
    <row r="883615" spans="14:14">
      <c r="N883615" s="10"/>
    </row>
    <row r="883616" spans="14:14">
      <c r="N883616" s="10"/>
    </row>
    <row r="883617" spans="14:14">
      <c r="N883617" s="10"/>
    </row>
    <row r="883618" spans="14:14">
      <c r="N883618" s="10"/>
    </row>
    <row r="883619" spans="14:14">
      <c r="N883619" s="10"/>
    </row>
    <row r="883620" spans="14:14">
      <c r="N883620" s="10"/>
    </row>
    <row r="883621" spans="14:14">
      <c r="N883621" s="10"/>
    </row>
    <row r="883622" spans="14:14">
      <c r="N883622" s="10"/>
    </row>
    <row r="883623" spans="14:14">
      <c r="N883623" s="10"/>
    </row>
    <row r="883624" spans="14:14">
      <c r="N883624" s="10"/>
    </row>
    <row r="883625" spans="14:14">
      <c r="N883625" s="10"/>
    </row>
    <row r="883626" spans="14:14">
      <c r="N883626" s="10"/>
    </row>
    <row r="883627" spans="14:14">
      <c r="N883627" s="10"/>
    </row>
    <row r="883628" spans="14:14">
      <c r="N883628" s="10"/>
    </row>
    <row r="883629" spans="14:14">
      <c r="N883629" s="10"/>
    </row>
    <row r="883630" spans="14:14">
      <c r="N883630" s="10"/>
    </row>
    <row r="883631" spans="14:14">
      <c r="N883631" s="10"/>
    </row>
    <row r="883632" spans="14:14">
      <c r="N883632" s="10"/>
    </row>
    <row r="883633" spans="14:14">
      <c r="N883633" s="10"/>
    </row>
    <row r="883634" spans="14:14">
      <c r="N883634" s="10"/>
    </row>
    <row r="883635" spans="14:14">
      <c r="N883635" s="10"/>
    </row>
    <row r="883636" spans="14:14">
      <c r="N883636" s="10"/>
    </row>
    <row r="883637" spans="14:14">
      <c r="N883637" s="10"/>
    </row>
    <row r="883638" spans="14:14">
      <c r="N883638" s="10"/>
    </row>
    <row r="883639" spans="14:14">
      <c r="N883639" s="10"/>
    </row>
    <row r="883640" spans="14:14">
      <c r="N883640" s="10"/>
    </row>
    <row r="883641" spans="14:14">
      <c r="N883641" s="10"/>
    </row>
    <row r="883642" spans="14:14">
      <c r="N883642" s="10"/>
    </row>
    <row r="883643" spans="14:14">
      <c r="N883643" s="10"/>
    </row>
    <row r="883644" spans="14:14">
      <c r="N883644" s="10"/>
    </row>
    <row r="883645" spans="14:14">
      <c r="N883645" s="10"/>
    </row>
    <row r="883646" spans="14:14">
      <c r="N883646" s="10"/>
    </row>
    <row r="883647" spans="14:14">
      <c r="N883647" s="10"/>
    </row>
    <row r="883648" spans="14:14">
      <c r="N883648" s="10"/>
    </row>
    <row r="883649" spans="14:14">
      <c r="N883649" s="10"/>
    </row>
    <row r="883650" spans="14:14">
      <c r="N883650" s="10"/>
    </row>
    <row r="883651" spans="14:14">
      <c r="N883651" s="10"/>
    </row>
    <row r="883652" spans="14:14">
      <c r="N883652" s="10"/>
    </row>
    <row r="883653" spans="14:14">
      <c r="N883653" s="10"/>
    </row>
    <row r="883654" spans="14:14">
      <c r="N883654" s="10"/>
    </row>
    <row r="883655" spans="14:14">
      <c r="N883655" s="10"/>
    </row>
    <row r="883656" spans="14:14">
      <c r="N883656" s="10"/>
    </row>
    <row r="883657" spans="14:14">
      <c r="N883657" s="10"/>
    </row>
    <row r="883658" spans="14:14">
      <c r="N883658" s="10"/>
    </row>
    <row r="883659" spans="14:14">
      <c r="N883659" s="10"/>
    </row>
    <row r="883660" spans="14:14">
      <c r="N883660" s="10"/>
    </row>
    <row r="883661" spans="14:14">
      <c r="N883661" s="10"/>
    </row>
    <row r="883662" spans="14:14">
      <c r="N883662" s="10"/>
    </row>
    <row r="883663" spans="14:14">
      <c r="N883663" s="10"/>
    </row>
    <row r="883664" spans="14:14">
      <c r="N883664" s="10"/>
    </row>
    <row r="883665" spans="14:14">
      <c r="N883665" s="10"/>
    </row>
    <row r="883666" spans="14:14">
      <c r="N883666" s="10"/>
    </row>
    <row r="883667" spans="14:14">
      <c r="N883667" s="10"/>
    </row>
    <row r="883668" spans="14:14">
      <c r="N883668" s="10"/>
    </row>
    <row r="883669" spans="14:14">
      <c r="N883669" s="10"/>
    </row>
    <row r="883670" spans="14:14">
      <c r="N883670" s="10"/>
    </row>
    <row r="883671" spans="14:14">
      <c r="N883671" s="10"/>
    </row>
    <row r="883672" spans="14:14">
      <c r="N883672" s="10"/>
    </row>
    <row r="883673" spans="14:14">
      <c r="N883673" s="10"/>
    </row>
    <row r="883674" spans="14:14">
      <c r="N883674" s="10"/>
    </row>
    <row r="883675" spans="14:14">
      <c r="N883675" s="10"/>
    </row>
    <row r="883676" spans="14:14">
      <c r="N883676" s="10"/>
    </row>
    <row r="883677" spans="14:14">
      <c r="N883677" s="10"/>
    </row>
    <row r="883678" spans="14:14">
      <c r="N883678" s="10"/>
    </row>
    <row r="883679" spans="14:14">
      <c r="N883679" s="10"/>
    </row>
    <row r="883680" spans="14:14">
      <c r="N883680" s="10"/>
    </row>
    <row r="883681" spans="14:14">
      <c r="N883681" s="10"/>
    </row>
    <row r="883682" spans="14:14">
      <c r="N883682" s="10"/>
    </row>
    <row r="883683" spans="14:14">
      <c r="N883683" s="10"/>
    </row>
    <row r="883684" spans="14:14">
      <c r="N883684" s="10"/>
    </row>
    <row r="883685" spans="14:14">
      <c r="N883685" s="10"/>
    </row>
    <row r="883686" spans="14:14">
      <c r="N883686" s="10"/>
    </row>
    <row r="883687" spans="14:14">
      <c r="N883687" s="10"/>
    </row>
    <row r="883688" spans="14:14">
      <c r="N883688" s="10"/>
    </row>
    <row r="883689" spans="14:14">
      <c r="N883689" s="10"/>
    </row>
    <row r="883690" spans="14:14">
      <c r="N883690" s="10"/>
    </row>
    <row r="883691" spans="14:14">
      <c r="N883691" s="10"/>
    </row>
    <row r="883692" spans="14:14">
      <c r="N883692" s="10"/>
    </row>
    <row r="883693" spans="14:14">
      <c r="N883693" s="10"/>
    </row>
    <row r="883694" spans="14:14">
      <c r="N883694" s="10"/>
    </row>
    <row r="883695" spans="14:14">
      <c r="N883695" s="10"/>
    </row>
    <row r="883696" spans="14:14">
      <c r="N883696" s="10"/>
    </row>
    <row r="883697" spans="14:14">
      <c r="N883697" s="10"/>
    </row>
    <row r="883698" spans="14:14">
      <c r="N883698" s="10"/>
    </row>
    <row r="883699" spans="14:14">
      <c r="N883699" s="10"/>
    </row>
    <row r="883700" spans="14:14">
      <c r="N883700" s="10"/>
    </row>
    <row r="883701" spans="14:14">
      <c r="N883701" s="10"/>
    </row>
    <row r="883702" spans="14:14">
      <c r="N883702" s="10"/>
    </row>
    <row r="883703" spans="14:14">
      <c r="N883703" s="10"/>
    </row>
    <row r="883704" spans="14:14">
      <c r="N883704" s="10"/>
    </row>
    <row r="883705" spans="14:14">
      <c r="N883705" s="10"/>
    </row>
    <row r="883706" spans="14:14">
      <c r="N883706" s="10"/>
    </row>
    <row r="883707" spans="14:14">
      <c r="N883707" s="10"/>
    </row>
    <row r="883708" spans="14:14">
      <c r="N883708" s="10"/>
    </row>
    <row r="883709" spans="14:14">
      <c r="N883709" s="10"/>
    </row>
    <row r="883710" spans="14:14">
      <c r="N883710" s="10"/>
    </row>
    <row r="883711" spans="14:14">
      <c r="N883711" s="10"/>
    </row>
    <row r="883712" spans="14:14">
      <c r="N883712" s="10"/>
    </row>
    <row r="883713" spans="14:14">
      <c r="N883713" s="10"/>
    </row>
    <row r="883714" spans="14:14">
      <c r="N883714" s="10"/>
    </row>
    <row r="883715" spans="14:14">
      <c r="N883715" s="10"/>
    </row>
    <row r="883716" spans="14:14">
      <c r="N883716" s="10"/>
    </row>
    <row r="883717" spans="14:14">
      <c r="N883717" s="10"/>
    </row>
    <row r="883718" spans="14:14">
      <c r="N883718" s="10"/>
    </row>
    <row r="883719" spans="14:14">
      <c r="N883719" s="10"/>
    </row>
    <row r="883720" spans="14:14">
      <c r="N883720" s="10"/>
    </row>
    <row r="883721" spans="14:14">
      <c r="N883721" s="10"/>
    </row>
    <row r="883722" spans="14:14">
      <c r="N883722" s="10"/>
    </row>
    <row r="883723" spans="14:14">
      <c r="N883723" s="10"/>
    </row>
    <row r="883724" spans="14:14">
      <c r="N883724" s="10"/>
    </row>
    <row r="883725" spans="14:14">
      <c r="N883725" s="10"/>
    </row>
    <row r="883726" spans="14:14">
      <c r="N883726" s="10"/>
    </row>
    <row r="883727" spans="14:14">
      <c r="N883727" s="10"/>
    </row>
    <row r="883728" spans="14:14">
      <c r="N883728" s="10"/>
    </row>
    <row r="883729" spans="14:14">
      <c r="N883729" s="10"/>
    </row>
    <row r="883730" spans="14:14">
      <c r="N883730" s="10"/>
    </row>
    <row r="883731" spans="14:14">
      <c r="N883731" s="10"/>
    </row>
    <row r="883732" spans="14:14">
      <c r="N883732" s="10"/>
    </row>
    <row r="883733" spans="14:14">
      <c r="N883733" s="10"/>
    </row>
    <row r="883734" spans="14:14">
      <c r="N883734" s="10"/>
    </row>
    <row r="883735" spans="14:14">
      <c r="N883735" s="10"/>
    </row>
    <row r="883736" spans="14:14">
      <c r="N883736" s="10"/>
    </row>
    <row r="883737" spans="14:14">
      <c r="N883737" s="10"/>
    </row>
    <row r="883738" spans="14:14">
      <c r="N883738" s="10"/>
    </row>
    <row r="883739" spans="14:14">
      <c r="N883739" s="10"/>
    </row>
    <row r="883740" spans="14:14">
      <c r="N883740" s="10"/>
    </row>
    <row r="883741" spans="14:14">
      <c r="N883741" s="10"/>
    </row>
    <row r="883742" spans="14:14">
      <c r="N883742" s="10"/>
    </row>
    <row r="883743" spans="14:14">
      <c r="N883743" s="10"/>
    </row>
    <row r="883744" spans="14:14">
      <c r="N883744" s="10"/>
    </row>
    <row r="883745" spans="14:14">
      <c r="N883745" s="10"/>
    </row>
    <row r="883746" spans="14:14">
      <c r="N883746" s="10"/>
    </row>
    <row r="883747" spans="14:14">
      <c r="N883747" s="10"/>
    </row>
    <row r="883748" spans="14:14">
      <c r="N883748" s="10"/>
    </row>
    <row r="883749" spans="14:14">
      <c r="N883749" s="10"/>
    </row>
    <row r="883750" spans="14:14">
      <c r="N883750" s="10"/>
    </row>
    <row r="883751" spans="14:14">
      <c r="N883751" s="10"/>
    </row>
    <row r="883752" spans="14:14">
      <c r="N883752" s="10"/>
    </row>
    <row r="883753" spans="14:14">
      <c r="N883753" s="10"/>
    </row>
    <row r="883754" spans="14:14">
      <c r="N883754" s="10"/>
    </row>
    <row r="883755" spans="14:14">
      <c r="N883755" s="10"/>
    </row>
    <row r="883756" spans="14:14">
      <c r="N883756" s="10"/>
    </row>
    <row r="883757" spans="14:14">
      <c r="N883757" s="10"/>
    </row>
    <row r="883758" spans="14:14">
      <c r="N883758" s="10"/>
    </row>
    <row r="883759" spans="14:14">
      <c r="N883759" s="10"/>
    </row>
    <row r="883760" spans="14:14">
      <c r="N883760" s="10"/>
    </row>
    <row r="883761" spans="14:14">
      <c r="N883761" s="10"/>
    </row>
    <row r="883762" spans="14:14">
      <c r="N883762" s="10"/>
    </row>
    <row r="883763" spans="14:14">
      <c r="N883763" s="10"/>
    </row>
    <row r="883764" spans="14:14">
      <c r="N883764" s="10"/>
    </row>
    <row r="883765" spans="14:14">
      <c r="N883765" s="10"/>
    </row>
    <row r="883766" spans="14:14">
      <c r="N883766" s="10"/>
    </row>
    <row r="883767" spans="14:14">
      <c r="N883767" s="10"/>
    </row>
    <row r="883768" spans="14:14">
      <c r="N883768" s="10"/>
    </row>
    <row r="883769" spans="14:14">
      <c r="N883769" s="10"/>
    </row>
    <row r="883770" spans="14:14">
      <c r="N883770" s="10"/>
    </row>
    <row r="883771" spans="14:14">
      <c r="N883771" s="10"/>
    </row>
    <row r="883772" spans="14:14">
      <c r="N883772" s="10"/>
    </row>
    <row r="883773" spans="14:14">
      <c r="N883773" s="10"/>
    </row>
    <row r="883774" spans="14:14">
      <c r="N883774" s="10"/>
    </row>
    <row r="883775" spans="14:14">
      <c r="N883775" s="10"/>
    </row>
    <row r="883776" spans="14:14">
      <c r="N883776" s="10"/>
    </row>
    <row r="883777" spans="14:14">
      <c r="N883777" s="10"/>
    </row>
    <row r="883778" spans="14:14">
      <c r="N883778" s="10"/>
    </row>
    <row r="883779" spans="14:14">
      <c r="N883779" s="10"/>
    </row>
    <row r="883780" spans="14:14">
      <c r="N883780" s="10"/>
    </row>
    <row r="883781" spans="14:14">
      <c r="N883781" s="10"/>
    </row>
    <row r="883782" spans="14:14">
      <c r="N883782" s="10"/>
    </row>
    <row r="883783" spans="14:14">
      <c r="N883783" s="10"/>
    </row>
    <row r="883784" spans="14:14">
      <c r="N883784" s="10"/>
    </row>
    <row r="883785" spans="14:14">
      <c r="N883785" s="10"/>
    </row>
    <row r="883786" spans="14:14">
      <c r="N883786" s="10"/>
    </row>
    <row r="883787" spans="14:14">
      <c r="N883787" s="10"/>
    </row>
    <row r="883788" spans="14:14">
      <c r="N883788" s="10"/>
    </row>
    <row r="883789" spans="14:14">
      <c r="N883789" s="10"/>
    </row>
    <row r="883790" spans="14:14">
      <c r="N883790" s="10"/>
    </row>
    <row r="883791" spans="14:14">
      <c r="N883791" s="10"/>
    </row>
    <row r="883792" spans="14:14">
      <c r="N883792" s="10"/>
    </row>
    <row r="883793" spans="14:14">
      <c r="N883793" s="10"/>
    </row>
    <row r="883794" spans="14:14">
      <c r="N883794" s="10"/>
    </row>
    <row r="883795" spans="14:14">
      <c r="N883795" s="10"/>
    </row>
    <row r="883796" spans="14:14">
      <c r="N883796" s="10"/>
    </row>
    <row r="883797" spans="14:14">
      <c r="N883797" s="10"/>
    </row>
    <row r="883798" spans="14:14">
      <c r="N883798" s="10"/>
    </row>
    <row r="883799" spans="14:14">
      <c r="N883799" s="10"/>
    </row>
    <row r="883800" spans="14:14">
      <c r="N883800" s="10"/>
    </row>
    <row r="883801" spans="14:14">
      <c r="N883801" s="10"/>
    </row>
    <row r="883802" spans="14:14">
      <c r="N883802" s="10"/>
    </row>
    <row r="883803" spans="14:14">
      <c r="N883803" s="10"/>
    </row>
    <row r="883804" spans="14:14">
      <c r="N883804" s="10"/>
    </row>
    <row r="883805" spans="14:14">
      <c r="N883805" s="10"/>
    </row>
    <row r="883806" spans="14:14">
      <c r="N883806" s="10"/>
    </row>
    <row r="883807" spans="14:14">
      <c r="N883807" s="10"/>
    </row>
    <row r="883808" spans="14:14">
      <c r="N883808" s="10"/>
    </row>
    <row r="883809" spans="14:14">
      <c r="N883809" s="10"/>
    </row>
    <row r="883810" spans="14:14">
      <c r="N883810" s="10"/>
    </row>
    <row r="883811" spans="14:14">
      <c r="N883811" s="10"/>
    </row>
    <row r="883812" spans="14:14">
      <c r="N883812" s="10"/>
    </row>
    <row r="883813" spans="14:14">
      <c r="N883813" s="10"/>
    </row>
    <row r="883814" spans="14:14">
      <c r="N883814" s="10"/>
    </row>
    <row r="883815" spans="14:14">
      <c r="N883815" s="10"/>
    </row>
    <row r="883816" spans="14:14">
      <c r="N883816" s="10"/>
    </row>
    <row r="883817" spans="14:14">
      <c r="N883817" s="10"/>
    </row>
    <row r="883818" spans="14:14">
      <c r="N883818" s="10"/>
    </row>
    <row r="883819" spans="14:14">
      <c r="N883819" s="10"/>
    </row>
    <row r="883820" spans="14:14">
      <c r="N883820" s="10"/>
    </row>
    <row r="883821" spans="14:14">
      <c r="N883821" s="10"/>
    </row>
    <row r="883822" spans="14:14">
      <c r="N883822" s="10"/>
    </row>
    <row r="883823" spans="14:14">
      <c r="N883823" s="10"/>
    </row>
    <row r="883824" spans="14:14">
      <c r="N883824" s="10"/>
    </row>
    <row r="883825" spans="14:14">
      <c r="N883825" s="10"/>
    </row>
    <row r="883826" spans="14:14">
      <c r="N883826" s="10"/>
    </row>
    <row r="883827" spans="14:14">
      <c r="N883827" s="10"/>
    </row>
    <row r="883828" spans="14:14">
      <c r="N883828" s="10"/>
    </row>
    <row r="883829" spans="14:14">
      <c r="N883829" s="10"/>
    </row>
    <row r="883830" spans="14:14">
      <c r="N883830" s="10"/>
    </row>
    <row r="883831" spans="14:14">
      <c r="N883831" s="10"/>
    </row>
    <row r="883832" spans="14:14">
      <c r="N883832" s="10"/>
    </row>
    <row r="883833" spans="14:14">
      <c r="N883833" s="10"/>
    </row>
    <row r="883834" spans="14:14">
      <c r="N883834" s="10"/>
    </row>
    <row r="883835" spans="14:14">
      <c r="N883835" s="10"/>
    </row>
    <row r="883836" spans="14:14">
      <c r="N883836" s="10"/>
    </row>
    <row r="883837" spans="14:14">
      <c r="N883837" s="10"/>
    </row>
    <row r="883838" spans="14:14">
      <c r="N883838" s="10"/>
    </row>
    <row r="883839" spans="14:14">
      <c r="N883839" s="10"/>
    </row>
    <row r="883840" spans="14:14">
      <c r="N883840" s="10"/>
    </row>
    <row r="883841" spans="14:14">
      <c r="N883841" s="10"/>
    </row>
    <row r="883842" spans="14:14">
      <c r="N883842" s="10"/>
    </row>
    <row r="883843" spans="14:14">
      <c r="N883843" s="10"/>
    </row>
    <row r="883844" spans="14:14">
      <c r="N883844" s="10"/>
    </row>
    <row r="883845" spans="14:14">
      <c r="N883845" s="10"/>
    </row>
    <row r="883846" spans="14:14">
      <c r="N883846" s="10"/>
    </row>
    <row r="883847" spans="14:14">
      <c r="N883847" s="10"/>
    </row>
    <row r="883848" spans="14:14">
      <c r="N883848" s="10"/>
    </row>
    <row r="883849" spans="14:14">
      <c r="N883849" s="10"/>
    </row>
    <row r="883850" spans="14:14">
      <c r="N883850" s="10"/>
    </row>
    <row r="883851" spans="14:14">
      <c r="N883851" s="10"/>
    </row>
    <row r="883852" spans="14:14">
      <c r="N883852" s="10"/>
    </row>
    <row r="883853" spans="14:14">
      <c r="N883853" s="10"/>
    </row>
    <row r="883854" spans="14:14">
      <c r="N883854" s="10"/>
    </row>
    <row r="883855" spans="14:14">
      <c r="N883855" s="10"/>
    </row>
    <row r="883856" spans="14:14">
      <c r="N883856" s="10"/>
    </row>
    <row r="883857" spans="14:14">
      <c r="N883857" s="10"/>
    </row>
    <row r="883858" spans="14:14">
      <c r="N883858" s="10"/>
    </row>
    <row r="883859" spans="14:14">
      <c r="N883859" s="10"/>
    </row>
    <row r="883860" spans="14:14">
      <c r="N883860" s="10"/>
    </row>
    <row r="883861" spans="14:14">
      <c r="N883861" s="10"/>
    </row>
    <row r="883862" spans="14:14">
      <c r="N883862" s="10"/>
    </row>
    <row r="883863" spans="14:14">
      <c r="N883863" s="10"/>
    </row>
    <row r="883864" spans="14:14">
      <c r="N883864" s="10"/>
    </row>
    <row r="883865" spans="14:14">
      <c r="N883865" s="10"/>
    </row>
    <row r="883866" spans="14:14">
      <c r="N883866" s="10"/>
    </row>
    <row r="883867" spans="14:14">
      <c r="N883867" s="10"/>
    </row>
    <row r="883868" spans="14:14">
      <c r="N883868" s="10"/>
    </row>
    <row r="883869" spans="14:14">
      <c r="N883869" s="10"/>
    </row>
    <row r="883870" spans="14:14">
      <c r="N883870" s="10"/>
    </row>
    <row r="883871" spans="14:14">
      <c r="N883871" s="10"/>
    </row>
    <row r="883872" spans="14:14">
      <c r="N883872" s="10"/>
    </row>
    <row r="883873" spans="14:14">
      <c r="N883873" s="10"/>
    </row>
    <row r="883874" spans="14:14">
      <c r="N883874" s="10"/>
    </row>
    <row r="883875" spans="14:14">
      <c r="N883875" s="10"/>
    </row>
    <row r="883876" spans="14:14">
      <c r="N883876" s="10"/>
    </row>
    <row r="883877" spans="14:14">
      <c r="N883877" s="10"/>
    </row>
    <row r="883878" spans="14:14">
      <c r="N883878" s="10"/>
    </row>
    <row r="883879" spans="14:14">
      <c r="N883879" s="10"/>
    </row>
    <row r="883880" spans="14:14">
      <c r="N883880" s="10"/>
    </row>
    <row r="883881" spans="14:14">
      <c r="N883881" s="10"/>
    </row>
    <row r="883882" spans="14:14">
      <c r="N883882" s="10"/>
    </row>
    <row r="883883" spans="14:14">
      <c r="N883883" s="10"/>
    </row>
    <row r="883884" spans="14:14">
      <c r="N883884" s="10"/>
    </row>
    <row r="883885" spans="14:14">
      <c r="N883885" s="10"/>
    </row>
    <row r="883886" spans="14:14">
      <c r="N883886" s="10"/>
    </row>
    <row r="883887" spans="14:14">
      <c r="N883887" s="10"/>
    </row>
    <row r="883888" spans="14:14">
      <c r="N883888" s="10"/>
    </row>
    <row r="883889" spans="14:14">
      <c r="N883889" s="10"/>
    </row>
    <row r="883890" spans="14:14">
      <c r="N883890" s="10"/>
    </row>
    <row r="883891" spans="14:14">
      <c r="N883891" s="10"/>
    </row>
    <row r="883892" spans="14:14">
      <c r="N883892" s="10"/>
    </row>
    <row r="883893" spans="14:14">
      <c r="N883893" s="10"/>
    </row>
    <row r="883894" spans="14:14">
      <c r="N883894" s="10"/>
    </row>
    <row r="883895" spans="14:14">
      <c r="N883895" s="10"/>
    </row>
    <row r="883896" spans="14:14">
      <c r="N883896" s="10"/>
    </row>
    <row r="883897" spans="14:14">
      <c r="N883897" s="10"/>
    </row>
    <row r="883898" spans="14:14">
      <c r="N883898" s="10"/>
    </row>
    <row r="883899" spans="14:14">
      <c r="N883899" s="10"/>
    </row>
    <row r="883900" spans="14:14">
      <c r="N883900" s="10"/>
    </row>
    <row r="883901" spans="14:14">
      <c r="N883901" s="10"/>
    </row>
    <row r="883902" spans="14:14">
      <c r="N883902" s="10"/>
    </row>
    <row r="883903" spans="14:14">
      <c r="N883903" s="10"/>
    </row>
    <row r="883904" spans="14:14">
      <c r="N883904" s="10"/>
    </row>
    <row r="883905" spans="14:14">
      <c r="N883905" s="10"/>
    </row>
    <row r="883906" spans="14:14">
      <c r="N883906" s="10"/>
    </row>
    <row r="883907" spans="14:14">
      <c r="N883907" s="10"/>
    </row>
    <row r="883908" spans="14:14">
      <c r="N883908" s="10"/>
    </row>
    <row r="883909" spans="14:14">
      <c r="N883909" s="10"/>
    </row>
    <row r="883910" spans="14:14">
      <c r="N883910" s="10"/>
    </row>
    <row r="883911" spans="14:14">
      <c r="N883911" s="10"/>
    </row>
    <row r="883912" spans="14:14">
      <c r="N883912" s="10"/>
    </row>
    <row r="883913" spans="14:14">
      <c r="N883913" s="10"/>
    </row>
    <row r="883914" spans="14:14">
      <c r="N883914" s="10"/>
    </row>
    <row r="883915" spans="14:14">
      <c r="N883915" s="10"/>
    </row>
    <row r="883916" spans="14:14">
      <c r="N883916" s="10"/>
    </row>
    <row r="883917" spans="14:14">
      <c r="N883917" s="10"/>
    </row>
    <row r="883918" spans="14:14">
      <c r="N883918" s="10"/>
    </row>
    <row r="883919" spans="14:14">
      <c r="N883919" s="10"/>
    </row>
    <row r="883920" spans="14:14">
      <c r="N883920" s="10"/>
    </row>
    <row r="883921" spans="14:14">
      <c r="N883921" s="10"/>
    </row>
    <row r="883922" spans="14:14">
      <c r="N883922" s="10"/>
    </row>
    <row r="883923" spans="14:14">
      <c r="N883923" s="10"/>
    </row>
    <row r="883924" spans="14:14">
      <c r="N883924" s="10"/>
    </row>
    <row r="883925" spans="14:14">
      <c r="N883925" s="10"/>
    </row>
    <row r="883926" spans="14:14">
      <c r="N883926" s="10"/>
    </row>
    <row r="883927" spans="14:14">
      <c r="N883927" s="10"/>
    </row>
    <row r="883928" spans="14:14">
      <c r="N883928" s="10"/>
    </row>
    <row r="883929" spans="14:14">
      <c r="N883929" s="10"/>
    </row>
    <row r="883930" spans="14:14">
      <c r="N883930" s="10"/>
    </row>
    <row r="883931" spans="14:14">
      <c r="N883931" s="10"/>
    </row>
    <row r="883932" spans="14:14">
      <c r="N883932" s="10"/>
    </row>
    <row r="883933" spans="14:14">
      <c r="N883933" s="10"/>
    </row>
    <row r="883934" spans="14:14">
      <c r="N883934" s="10"/>
    </row>
    <row r="883935" spans="14:14">
      <c r="N883935" s="10"/>
    </row>
    <row r="883936" spans="14:14">
      <c r="N883936" s="10"/>
    </row>
    <row r="883937" spans="14:14">
      <c r="N883937" s="10"/>
    </row>
    <row r="883938" spans="14:14">
      <c r="N883938" s="10"/>
    </row>
    <row r="883939" spans="14:14">
      <c r="N883939" s="10"/>
    </row>
    <row r="883940" spans="14:14">
      <c r="N883940" s="10"/>
    </row>
    <row r="883941" spans="14:14">
      <c r="N883941" s="10"/>
    </row>
    <row r="883942" spans="14:14">
      <c r="N883942" s="10"/>
    </row>
    <row r="883943" spans="14:14">
      <c r="N883943" s="10"/>
    </row>
    <row r="883944" spans="14:14">
      <c r="N883944" s="10"/>
    </row>
    <row r="883945" spans="14:14">
      <c r="N883945" s="10"/>
    </row>
    <row r="883946" spans="14:14">
      <c r="N883946" s="10"/>
    </row>
    <row r="883947" spans="14:14">
      <c r="N883947" s="10"/>
    </row>
    <row r="883948" spans="14:14">
      <c r="N883948" s="10"/>
    </row>
    <row r="883949" spans="14:14">
      <c r="N883949" s="10"/>
    </row>
    <row r="883950" spans="14:14">
      <c r="N883950" s="10"/>
    </row>
    <row r="883951" spans="14:14">
      <c r="N883951" s="10"/>
    </row>
    <row r="883952" spans="14:14">
      <c r="N883952" s="10"/>
    </row>
    <row r="883953" spans="14:14">
      <c r="N883953" s="10"/>
    </row>
    <row r="883954" spans="14:14">
      <c r="N883954" s="10"/>
    </row>
    <row r="883955" spans="14:14">
      <c r="N883955" s="10"/>
    </row>
    <row r="883956" spans="14:14">
      <c r="N883956" s="10"/>
    </row>
    <row r="883957" spans="14:14">
      <c r="N883957" s="10"/>
    </row>
    <row r="883958" spans="14:14">
      <c r="N883958" s="10"/>
    </row>
    <row r="883959" spans="14:14">
      <c r="N883959" s="10"/>
    </row>
    <row r="883960" spans="14:14">
      <c r="N883960" s="10"/>
    </row>
    <row r="883961" spans="14:14">
      <c r="N883961" s="10"/>
    </row>
    <row r="883962" spans="14:14">
      <c r="N883962" s="10"/>
    </row>
    <row r="883963" spans="14:14">
      <c r="N883963" s="10"/>
    </row>
    <row r="883964" spans="14:14">
      <c r="N883964" s="10"/>
    </row>
    <row r="883965" spans="14:14">
      <c r="N883965" s="10"/>
    </row>
    <row r="883966" spans="14:14">
      <c r="N883966" s="10"/>
    </row>
    <row r="883967" spans="14:14">
      <c r="N883967" s="10"/>
    </row>
    <row r="883968" spans="14:14">
      <c r="N883968" s="10"/>
    </row>
    <row r="883969" spans="14:14">
      <c r="N883969" s="10"/>
    </row>
    <row r="883970" spans="14:14">
      <c r="N883970" s="10"/>
    </row>
    <row r="883971" spans="14:14">
      <c r="N883971" s="10"/>
    </row>
    <row r="883972" spans="14:14">
      <c r="N883972" s="10"/>
    </row>
    <row r="883973" spans="14:14">
      <c r="N883973" s="10"/>
    </row>
    <row r="883974" spans="14:14">
      <c r="N883974" s="10"/>
    </row>
    <row r="883975" spans="14:14">
      <c r="N883975" s="10"/>
    </row>
    <row r="883976" spans="14:14">
      <c r="N883976" s="10"/>
    </row>
    <row r="883977" spans="14:14">
      <c r="N883977" s="10"/>
    </row>
    <row r="883978" spans="14:14">
      <c r="N883978" s="10"/>
    </row>
    <row r="883979" spans="14:14">
      <c r="N883979" s="10"/>
    </row>
    <row r="883980" spans="14:14">
      <c r="N883980" s="10"/>
    </row>
    <row r="883981" spans="14:14">
      <c r="N883981" s="10"/>
    </row>
    <row r="883982" spans="14:14">
      <c r="N883982" s="10"/>
    </row>
    <row r="883983" spans="14:14">
      <c r="N883983" s="10"/>
    </row>
    <row r="883984" spans="14:14">
      <c r="N883984" s="10"/>
    </row>
    <row r="883985" spans="14:14">
      <c r="N883985" s="10"/>
    </row>
    <row r="883986" spans="14:14">
      <c r="N883986" s="10"/>
    </row>
    <row r="883987" spans="14:14">
      <c r="N883987" s="10"/>
    </row>
    <row r="883988" spans="14:14">
      <c r="N883988" s="10"/>
    </row>
    <row r="883989" spans="14:14">
      <c r="N883989" s="10"/>
    </row>
    <row r="883990" spans="14:14">
      <c r="N883990" s="10"/>
    </row>
    <row r="883991" spans="14:14">
      <c r="N883991" s="10"/>
    </row>
    <row r="883992" spans="14:14">
      <c r="N883992" s="10"/>
    </row>
    <row r="883993" spans="14:14">
      <c r="N883993" s="10"/>
    </row>
    <row r="883994" spans="14:14">
      <c r="N883994" s="10"/>
    </row>
    <row r="883995" spans="14:14">
      <c r="N883995" s="10"/>
    </row>
    <row r="883996" spans="14:14">
      <c r="N883996" s="10"/>
    </row>
    <row r="883997" spans="14:14">
      <c r="N883997" s="10"/>
    </row>
    <row r="883998" spans="14:14">
      <c r="N883998" s="10"/>
    </row>
    <row r="883999" spans="14:14">
      <c r="N883999" s="10"/>
    </row>
    <row r="884000" spans="14:14">
      <c r="N884000" s="10"/>
    </row>
    <row r="884001" spans="14:14">
      <c r="N884001" s="10"/>
    </row>
    <row r="884002" spans="14:14">
      <c r="N884002" s="10"/>
    </row>
    <row r="884003" spans="14:14">
      <c r="N884003" s="10"/>
    </row>
    <row r="884004" spans="14:14">
      <c r="N884004" s="10"/>
    </row>
    <row r="884005" spans="14:14">
      <c r="N884005" s="10"/>
    </row>
    <row r="884006" spans="14:14">
      <c r="N884006" s="10"/>
    </row>
    <row r="884007" spans="14:14">
      <c r="N884007" s="10"/>
    </row>
    <row r="884008" spans="14:14">
      <c r="N884008" s="10"/>
    </row>
    <row r="884009" spans="14:14">
      <c r="N884009" s="10"/>
    </row>
    <row r="884010" spans="14:14">
      <c r="N884010" s="10"/>
    </row>
    <row r="884011" spans="14:14">
      <c r="N884011" s="10"/>
    </row>
    <row r="884012" spans="14:14">
      <c r="N884012" s="10"/>
    </row>
    <row r="884013" spans="14:14">
      <c r="N884013" s="10"/>
    </row>
    <row r="884014" spans="14:14">
      <c r="N884014" s="10"/>
    </row>
    <row r="884015" spans="14:14">
      <c r="N884015" s="10"/>
    </row>
    <row r="884016" spans="14:14">
      <c r="N884016" s="10"/>
    </row>
    <row r="884017" spans="14:14">
      <c r="N884017" s="10"/>
    </row>
    <row r="884018" spans="14:14">
      <c r="N884018" s="10"/>
    </row>
    <row r="884019" spans="14:14">
      <c r="N884019" s="10"/>
    </row>
    <row r="884020" spans="14:14">
      <c r="N884020" s="10"/>
    </row>
    <row r="884021" spans="14:14">
      <c r="N884021" s="10"/>
    </row>
    <row r="884022" spans="14:14">
      <c r="N884022" s="10"/>
    </row>
    <row r="884023" spans="14:14">
      <c r="N884023" s="10"/>
    </row>
    <row r="884024" spans="14:14">
      <c r="N884024" s="10"/>
    </row>
    <row r="884025" spans="14:14">
      <c r="N884025" s="10"/>
    </row>
    <row r="884026" spans="14:14">
      <c r="N884026" s="10"/>
    </row>
    <row r="884027" spans="14:14">
      <c r="N884027" s="10"/>
    </row>
    <row r="884028" spans="14:14">
      <c r="N884028" s="10"/>
    </row>
    <row r="884029" spans="14:14">
      <c r="N884029" s="10"/>
    </row>
    <row r="884030" spans="14:14">
      <c r="N884030" s="10"/>
    </row>
    <row r="884031" spans="14:14">
      <c r="N884031" s="10"/>
    </row>
    <row r="884032" spans="14:14">
      <c r="N884032" s="10"/>
    </row>
    <row r="884033" spans="14:14">
      <c r="N884033" s="10"/>
    </row>
    <row r="884034" spans="14:14">
      <c r="N884034" s="10"/>
    </row>
    <row r="884035" spans="14:14">
      <c r="N884035" s="10"/>
    </row>
    <row r="884036" spans="14:14">
      <c r="N884036" s="10"/>
    </row>
    <row r="884037" spans="14:14">
      <c r="N884037" s="10"/>
    </row>
    <row r="884038" spans="14:14">
      <c r="N884038" s="10"/>
    </row>
    <row r="884039" spans="14:14">
      <c r="N884039" s="10"/>
    </row>
    <row r="884040" spans="14:14">
      <c r="N884040" s="10"/>
    </row>
    <row r="884041" spans="14:14">
      <c r="N884041" s="10"/>
    </row>
    <row r="884042" spans="14:14">
      <c r="N884042" s="10"/>
    </row>
    <row r="884043" spans="14:14">
      <c r="N884043" s="10"/>
    </row>
    <row r="884044" spans="14:14">
      <c r="N884044" s="10"/>
    </row>
    <row r="884045" spans="14:14">
      <c r="N884045" s="10"/>
    </row>
    <row r="884046" spans="14:14">
      <c r="N884046" s="10"/>
    </row>
    <row r="884047" spans="14:14">
      <c r="N884047" s="10"/>
    </row>
    <row r="884048" spans="14:14">
      <c r="N884048" s="10"/>
    </row>
    <row r="884049" spans="14:14">
      <c r="N884049" s="10"/>
    </row>
    <row r="884050" spans="14:14">
      <c r="N884050" s="10"/>
    </row>
    <row r="884051" spans="14:14">
      <c r="N884051" s="10"/>
    </row>
    <row r="884052" spans="14:14">
      <c r="N884052" s="10"/>
    </row>
    <row r="884053" spans="14:14">
      <c r="N884053" s="10"/>
    </row>
    <row r="884054" spans="14:14">
      <c r="N884054" s="10"/>
    </row>
    <row r="884055" spans="14:14">
      <c r="N884055" s="10"/>
    </row>
    <row r="884056" spans="14:14">
      <c r="N884056" s="10"/>
    </row>
    <row r="884057" spans="14:14">
      <c r="N884057" s="10"/>
    </row>
    <row r="884058" spans="14:14">
      <c r="N884058" s="10"/>
    </row>
    <row r="884059" spans="14:14">
      <c r="N884059" s="10"/>
    </row>
    <row r="884060" spans="14:14">
      <c r="N884060" s="10"/>
    </row>
    <row r="884061" spans="14:14">
      <c r="N884061" s="10"/>
    </row>
    <row r="884062" spans="14:14">
      <c r="N884062" s="10"/>
    </row>
    <row r="884063" spans="14:14">
      <c r="N884063" s="10"/>
    </row>
    <row r="884064" spans="14:14">
      <c r="N884064" s="10"/>
    </row>
    <row r="884065" spans="14:14">
      <c r="N884065" s="10"/>
    </row>
    <row r="884066" spans="14:14">
      <c r="N884066" s="10"/>
    </row>
    <row r="884067" spans="14:14">
      <c r="N884067" s="10"/>
    </row>
    <row r="884068" spans="14:14">
      <c r="N884068" s="10"/>
    </row>
    <row r="884069" spans="14:14">
      <c r="N884069" s="10"/>
    </row>
    <row r="884070" spans="14:14">
      <c r="N884070" s="10"/>
    </row>
    <row r="884071" spans="14:14">
      <c r="N884071" s="10"/>
    </row>
    <row r="884072" spans="14:14">
      <c r="N884072" s="10"/>
    </row>
    <row r="884073" spans="14:14">
      <c r="N884073" s="10"/>
    </row>
    <row r="884074" spans="14:14">
      <c r="N884074" s="10"/>
    </row>
    <row r="884075" spans="14:14">
      <c r="N884075" s="10"/>
    </row>
    <row r="884076" spans="14:14">
      <c r="N884076" s="10"/>
    </row>
    <row r="884077" spans="14:14">
      <c r="N884077" s="10"/>
    </row>
    <row r="884078" spans="14:14">
      <c r="N884078" s="10"/>
    </row>
    <row r="884079" spans="14:14">
      <c r="N884079" s="10"/>
    </row>
    <row r="884080" spans="14:14">
      <c r="N884080" s="10"/>
    </row>
    <row r="884081" spans="14:14">
      <c r="N884081" s="10"/>
    </row>
    <row r="884082" spans="14:14">
      <c r="N884082" s="10"/>
    </row>
    <row r="884083" spans="14:14">
      <c r="N884083" s="10"/>
    </row>
    <row r="884084" spans="14:14">
      <c r="N884084" s="10"/>
    </row>
    <row r="884085" spans="14:14">
      <c r="N884085" s="10"/>
    </row>
    <row r="884086" spans="14:14">
      <c r="N884086" s="10"/>
    </row>
    <row r="884087" spans="14:14">
      <c r="N884087" s="10"/>
    </row>
    <row r="884088" spans="14:14">
      <c r="N884088" s="10"/>
    </row>
    <row r="884089" spans="14:14">
      <c r="N884089" s="10"/>
    </row>
    <row r="884090" spans="14:14">
      <c r="N884090" s="10"/>
    </row>
    <row r="884091" spans="14:14">
      <c r="N884091" s="10"/>
    </row>
    <row r="884092" spans="14:14">
      <c r="N884092" s="10"/>
    </row>
    <row r="884093" spans="14:14">
      <c r="N884093" s="10"/>
    </row>
    <row r="884094" spans="14:14">
      <c r="N884094" s="10"/>
    </row>
    <row r="884095" spans="14:14">
      <c r="N884095" s="10"/>
    </row>
    <row r="884096" spans="14:14">
      <c r="N884096" s="10"/>
    </row>
    <row r="884097" spans="14:14">
      <c r="N884097" s="10"/>
    </row>
    <row r="884098" spans="14:14">
      <c r="N884098" s="10"/>
    </row>
    <row r="884099" spans="14:14">
      <c r="N884099" s="10"/>
    </row>
    <row r="884100" spans="14:14">
      <c r="N884100" s="10"/>
    </row>
    <row r="884101" spans="14:14">
      <c r="N884101" s="10"/>
    </row>
    <row r="884102" spans="14:14">
      <c r="N884102" s="10"/>
    </row>
    <row r="884103" spans="14:14">
      <c r="N884103" s="10"/>
    </row>
    <row r="884104" spans="14:14">
      <c r="N884104" s="10"/>
    </row>
    <row r="884105" spans="14:14">
      <c r="N884105" s="10"/>
    </row>
    <row r="884106" spans="14:14">
      <c r="N884106" s="10"/>
    </row>
    <row r="884107" spans="14:14">
      <c r="N884107" s="10"/>
    </row>
    <row r="884108" spans="14:14">
      <c r="N884108" s="10"/>
    </row>
    <row r="884109" spans="14:14">
      <c r="N884109" s="10"/>
    </row>
    <row r="884110" spans="14:14">
      <c r="N884110" s="10"/>
    </row>
    <row r="884111" spans="14:14">
      <c r="N884111" s="10"/>
    </row>
    <row r="884112" spans="14:14">
      <c r="N884112" s="10"/>
    </row>
    <row r="884113" spans="14:14">
      <c r="N884113" s="10"/>
    </row>
    <row r="884114" spans="14:14">
      <c r="N884114" s="10"/>
    </row>
    <row r="884115" spans="14:14">
      <c r="N884115" s="10"/>
    </row>
    <row r="884116" spans="14:14">
      <c r="N884116" s="10"/>
    </row>
    <row r="884117" spans="14:14">
      <c r="N884117" s="10"/>
    </row>
    <row r="884118" spans="14:14">
      <c r="N884118" s="10"/>
    </row>
    <row r="884119" spans="14:14">
      <c r="N884119" s="10"/>
    </row>
    <row r="884120" spans="14:14">
      <c r="N884120" s="10"/>
    </row>
    <row r="884121" spans="14:14">
      <c r="N884121" s="10"/>
    </row>
    <row r="884122" spans="14:14">
      <c r="N884122" s="10"/>
    </row>
    <row r="884123" spans="14:14">
      <c r="N884123" s="10"/>
    </row>
    <row r="884124" spans="14:14">
      <c r="N884124" s="10"/>
    </row>
    <row r="884125" spans="14:14">
      <c r="N884125" s="10"/>
    </row>
    <row r="884126" spans="14:14">
      <c r="N884126" s="10"/>
    </row>
    <row r="884127" spans="14:14">
      <c r="N884127" s="10"/>
    </row>
    <row r="884128" spans="14:14">
      <c r="N884128" s="10"/>
    </row>
    <row r="884129" spans="14:14">
      <c r="N884129" s="10"/>
    </row>
    <row r="884130" spans="14:14">
      <c r="N884130" s="10"/>
    </row>
    <row r="884131" spans="14:14">
      <c r="N884131" s="10"/>
    </row>
    <row r="884132" spans="14:14">
      <c r="N884132" s="10"/>
    </row>
    <row r="884133" spans="14:14">
      <c r="N884133" s="10"/>
    </row>
    <row r="884134" spans="14:14">
      <c r="N884134" s="10"/>
    </row>
    <row r="884135" spans="14:14">
      <c r="N884135" s="10"/>
    </row>
    <row r="884136" spans="14:14">
      <c r="N884136" s="10"/>
    </row>
    <row r="884137" spans="14:14">
      <c r="N884137" s="10"/>
    </row>
    <row r="884138" spans="14:14">
      <c r="N884138" s="10"/>
    </row>
    <row r="884139" spans="14:14">
      <c r="N884139" s="10"/>
    </row>
    <row r="884140" spans="14:14">
      <c r="N884140" s="10"/>
    </row>
    <row r="884141" spans="14:14">
      <c r="N884141" s="10"/>
    </row>
    <row r="884142" spans="14:14">
      <c r="N884142" s="10"/>
    </row>
    <row r="884143" spans="14:14">
      <c r="N884143" s="10"/>
    </row>
    <row r="884144" spans="14:14">
      <c r="N884144" s="10"/>
    </row>
    <row r="884145" spans="14:14">
      <c r="N884145" s="10"/>
    </row>
    <row r="884146" spans="14:14">
      <c r="N884146" s="10"/>
    </row>
    <row r="884147" spans="14:14">
      <c r="N884147" s="10"/>
    </row>
    <row r="884148" spans="14:14">
      <c r="N884148" s="10"/>
    </row>
    <row r="884149" spans="14:14">
      <c r="N884149" s="10"/>
    </row>
    <row r="884150" spans="14:14">
      <c r="N884150" s="10"/>
    </row>
    <row r="884151" spans="14:14">
      <c r="N884151" s="10"/>
    </row>
    <row r="884152" spans="14:14">
      <c r="N884152" s="10"/>
    </row>
    <row r="884153" spans="14:14">
      <c r="N884153" s="10"/>
    </row>
    <row r="884154" spans="14:14">
      <c r="N884154" s="10"/>
    </row>
    <row r="884155" spans="14:14">
      <c r="N884155" s="10"/>
    </row>
    <row r="884156" spans="14:14">
      <c r="N884156" s="10"/>
    </row>
    <row r="884157" spans="14:14">
      <c r="N884157" s="10"/>
    </row>
    <row r="884158" spans="14:14">
      <c r="N884158" s="10"/>
    </row>
    <row r="884159" spans="14:14">
      <c r="N884159" s="10"/>
    </row>
    <row r="884160" spans="14:14">
      <c r="N884160" s="10"/>
    </row>
    <row r="884161" spans="14:14">
      <c r="N884161" s="10"/>
    </row>
    <row r="884162" spans="14:14">
      <c r="N884162" s="10"/>
    </row>
    <row r="884163" spans="14:14">
      <c r="N884163" s="10"/>
    </row>
    <row r="884164" spans="14:14">
      <c r="N884164" s="10"/>
    </row>
    <row r="884165" spans="14:14">
      <c r="N884165" s="10"/>
    </row>
    <row r="884166" spans="14:14">
      <c r="N884166" s="10"/>
    </row>
    <row r="884167" spans="14:14">
      <c r="N884167" s="10"/>
    </row>
    <row r="884168" spans="14:14">
      <c r="N884168" s="10"/>
    </row>
    <row r="884169" spans="14:14">
      <c r="N884169" s="10"/>
    </row>
    <row r="884170" spans="14:14">
      <c r="N884170" s="10"/>
    </row>
    <row r="884171" spans="14:14">
      <c r="N884171" s="10"/>
    </row>
    <row r="884172" spans="14:14">
      <c r="N884172" s="10"/>
    </row>
    <row r="884173" spans="14:14">
      <c r="N884173" s="10"/>
    </row>
    <row r="884174" spans="14:14">
      <c r="N884174" s="10"/>
    </row>
    <row r="884175" spans="14:14">
      <c r="N884175" s="10"/>
    </row>
    <row r="884176" spans="14:14">
      <c r="N884176" s="10"/>
    </row>
    <row r="884177" spans="14:14">
      <c r="N884177" s="10"/>
    </row>
    <row r="884178" spans="14:14">
      <c r="N884178" s="10"/>
    </row>
    <row r="884179" spans="14:14">
      <c r="N884179" s="10"/>
    </row>
    <row r="884180" spans="14:14">
      <c r="N884180" s="10"/>
    </row>
    <row r="884181" spans="14:14">
      <c r="N884181" s="10"/>
    </row>
    <row r="884182" spans="14:14">
      <c r="N884182" s="10"/>
    </row>
    <row r="884183" spans="14:14">
      <c r="N884183" s="10"/>
    </row>
    <row r="884184" spans="14:14">
      <c r="N884184" s="10"/>
    </row>
    <row r="884185" spans="14:14">
      <c r="N884185" s="10"/>
    </row>
    <row r="884186" spans="14:14">
      <c r="N884186" s="10"/>
    </row>
    <row r="884187" spans="14:14">
      <c r="N884187" s="10"/>
    </row>
    <row r="884188" spans="14:14">
      <c r="N884188" s="10"/>
    </row>
    <row r="884189" spans="14:14">
      <c r="N884189" s="10"/>
    </row>
    <row r="884190" spans="14:14">
      <c r="N884190" s="10"/>
    </row>
    <row r="884191" spans="14:14">
      <c r="N884191" s="10"/>
    </row>
    <row r="884192" spans="14:14">
      <c r="N884192" s="10"/>
    </row>
    <row r="884193" spans="14:14">
      <c r="N884193" s="10"/>
    </row>
    <row r="884194" spans="14:14">
      <c r="N884194" s="10"/>
    </row>
    <row r="884195" spans="14:14">
      <c r="N884195" s="10"/>
    </row>
    <row r="884196" spans="14:14">
      <c r="N884196" s="10"/>
    </row>
    <row r="884197" spans="14:14">
      <c r="N884197" s="10"/>
    </row>
    <row r="884198" spans="14:14">
      <c r="N884198" s="10"/>
    </row>
    <row r="884199" spans="14:14">
      <c r="N884199" s="10"/>
    </row>
    <row r="884200" spans="14:14">
      <c r="N884200" s="10"/>
    </row>
    <row r="884201" spans="14:14">
      <c r="N884201" s="10"/>
    </row>
    <row r="884202" spans="14:14">
      <c r="N884202" s="10"/>
    </row>
    <row r="884203" spans="14:14">
      <c r="N884203" s="10"/>
    </row>
    <row r="884204" spans="14:14">
      <c r="N884204" s="10"/>
    </row>
    <row r="884205" spans="14:14">
      <c r="N884205" s="10"/>
    </row>
    <row r="884206" spans="14:14">
      <c r="N884206" s="10"/>
    </row>
    <row r="884207" spans="14:14">
      <c r="N884207" s="10"/>
    </row>
    <row r="884208" spans="14:14">
      <c r="N884208" s="10"/>
    </row>
    <row r="884209" spans="14:14">
      <c r="N884209" s="10"/>
    </row>
    <row r="884210" spans="14:14">
      <c r="N884210" s="10"/>
    </row>
    <row r="884211" spans="14:14">
      <c r="N884211" s="10"/>
    </row>
    <row r="884212" spans="14:14">
      <c r="N884212" s="10"/>
    </row>
    <row r="884213" spans="14:14">
      <c r="N884213" s="10"/>
    </row>
    <row r="884214" spans="14:14">
      <c r="N884214" s="10"/>
    </row>
    <row r="884215" spans="14:14">
      <c r="N884215" s="10"/>
    </row>
    <row r="884216" spans="14:14">
      <c r="N884216" s="10"/>
    </row>
    <row r="884217" spans="14:14">
      <c r="N884217" s="10"/>
    </row>
    <row r="884218" spans="14:14">
      <c r="N884218" s="10"/>
    </row>
    <row r="884219" spans="14:14">
      <c r="N884219" s="10"/>
    </row>
    <row r="884220" spans="14:14">
      <c r="N884220" s="10"/>
    </row>
    <row r="884221" spans="14:14">
      <c r="N884221" s="10"/>
    </row>
    <row r="884222" spans="14:14">
      <c r="N884222" s="10"/>
    </row>
    <row r="884223" spans="14:14">
      <c r="N884223" s="10"/>
    </row>
    <row r="884224" spans="14:14">
      <c r="N884224" s="10"/>
    </row>
    <row r="884225" spans="14:14">
      <c r="N884225" s="10"/>
    </row>
    <row r="884226" spans="14:14">
      <c r="N884226" s="10"/>
    </row>
    <row r="884227" spans="14:14">
      <c r="N884227" s="10"/>
    </row>
    <row r="884228" spans="14:14">
      <c r="N884228" s="10"/>
    </row>
    <row r="884229" spans="14:14">
      <c r="N884229" s="10"/>
    </row>
    <row r="884230" spans="14:14">
      <c r="N884230" s="10"/>
    </row>
    <row r="884231" spans="14:14">
      <c r="N884231" s="10"/>
    </row>
    <row r="884232" spans="14:14">
      <c r="N884232" s="10"/>
    </row>
    <row r="884233" spans="14:14">
      <c r="N884233" s="10"/>
    </row>
    <row r="884234" spans="14:14">
      <c r="N884234" s="10"/>
    </row>
    <row r="884235" spans="14:14">
      <c r="N884235" s="10"/>
    </row>
    <row r="884236" spans="14:14">
      <c r="N884236" s="10"/>
    </row>
    <row r="884237" spans="14:14">
      <c r="N884237" s="10"/>
    </row>
    <row r="884238" spans="14:14">
      <c r="N884238" s="10"/>
    </row>
    <row r="884239" spans="14:14">
      <c r="N884239" s="10"/>
    </row>
    <row r="884240" spans="14:14">
      <c r="N884240" s="10"/>
    </row>
    <row r="884241" spans="14:14">
      <c r="N884241" s="10"/>
    </row>
    <row r="884242" spans="14:14">
      <c r="N884242" s="10"/>
    </row>
    <row r="884243" spans="14:14">
      <c r="N884243" s="10"/>
    </row>
    <row r="884244" spans="14:14">
      <c r="N884244" s="10"/>
    </row>
    <row r="884245" spans="14:14">
      <c r="N884245" s="10"/>
    </row>
    <row r="884246" spans="14:14">
      <c r="N884246" s="10"/>
    </row>
    <row r="884247" spans="14:14">
      <c r="N884247" s="10"/>
    </row>
    <row r="884248" spans="14:14">
      <c r="N884248" s="10"/>
    </row>
    <row r="884249" spans="14:14">
      <c r="N884249" s="10"/>
    </row>
    <row r="884250" spans="14:14">
      <c r="N884250" s="10"/>
    </row>
    <row r="884251" spans="14:14">
      <c r="N884251" s="10"/>
    </row>
    <row r="884252" spans="14:14">
      <c r="N884252" s="10"/>
    </row>
    <row r="884253" spans="14:14">
      <c r="N884253" s="10"/>
    </row>
    <row r="884254" spans="14:14">
      <c r="N884254" s="10"/>
    </row>
    <row r="884255" spans="14:14">
      <c r="N884255" s="10"/>
    </row>
    <row r="884256" spans="14:14">
      <c r="N884256" s="10"/>
    </row>
    <row r="884257" spans="14:14">
      <c r="N884257" s="10"/>
    </row>
    <row r="884258" spans="14:14">
      <c r="N884258" s="10"/>
    </row>
    <row r="884259" spans="14:14">
      <c r="N884259" s="10"/>
    </row>
    <row r="884260" spans="14:14">
      <c r="N884260" s="10"/>
    </row>
    <row r="884261" spans="14:14">
      <c r="N884261" s="10"/>
    </row>
    <row r="884262" spans="14:14">
      <c r="N884262" s="10"/>
    </row>
    <row r="884263" spans="14:14">
      <c r="N884263" s="10"/>
    </row>
    <row r="884264" spans="14:14">
      <c r="N884264" s="10"/>
    </row>
    <row r="884265" spans="14:14">
      <c r="N884265" s="10"/>
    </row>
    <row r="884266" spans="14:14">
      <c r="N884266" s="10"/>
    </row>
    <row r="884267" spans="14:14">
      <c r="N884267" s="10"/>
    </row>
    <row r="884268" spans="14:14">
      <c r="N884268" s="10"/>
    </row>
    <row r="884269" spans="14:14">
      <c r="N884269" s="10"/>
    </row>
    <row r="884270" spans="14:14">
      <c r="N884270" s="10"/>
    </row>
    <row r="884271" spans="14:14">
      <c r="N884271" s="10"/>
    </row>
    <row r="884272" spans="14:14">
      <c r="N884272" s="10"/>
    </row>
    <row r="884273" spans="14:14">
      <c r="N884273" s="10"/>
    </row>
    <row r="884274" spans="14:14">
      <c r="N884274" s="10"/>
    </row>
    <row r="884275" spans="14:14">
      <c r="N884275" s="10"/>
    </row>
    <row r="884276" spans="14:14">
      <c r="N884276" s="10"/>
    </row>
    <row r="884277" spans="14:14">
      <c r="N884277" s="10"/>
    </row>
    <row r="884278" spans="14:14">
      <c r="N884278" s="10"/>
    </row>
    <row r="884279" spans="14:14">
      <c r="N884279" s="10"/>
    </row>
    <row r="884280" spans="14:14">
      <c r="N884280" s="10"/>
    </row>
    <row r="884281" spans="14:14">
      <c r="N884281" s="10"/>
    </row>
    <row r="884282" spans="14:14">
      <c r="N884282" s="10"/>
    </row>
    <row r="884283" spans="14:14">
      <c r="N884283" s="10"/>
    </row>
    <row r="884284" spans="14:14">
      <c r="N884284" s="10"/>
    </row>
    <row r="884285" spans="14:14">
      <c r="N884285" s="10"/>
    </row>
    <row r="884286" spans="14:14">
      <c r="N884286" s="10"/>
    </row>
    <row r="884287" spans="14:14">
      <c r="N884287" s="10"/>
    </row>
    <row r="884288" spans="14:14">
      <c r="N884288" s="10"/>
    </row>
    <row r="884289" spans="14:14">
      <c r="N884289" s="10"/>
    </row>
    <row r="884290" spans="14:14">
      <c r="N884290" s="10"/>
    </row>
    <row r="884291" spans="14:14">
      <c r="N884291" s="10"/>
    </row>
    <row r="884292" spans="14:14">
      <c r="N884292" s="10"/>
    </row>
    <row r="884293" spans="14:14">
      <c r="N884293" s="10"/>
    </row>
    <row r="884294" spans="14:14">
      <c r="N884294" s="10"/>
    </row>
    <row r="884295" spans="14:14">
      <c r="N884295" s="10"/>
    </row>
    <row r="884296" spans="14:14">
      <c r="N884296" s="10"/>
    </row>
    <row r="884297" spans="14:14">
      <c r="N884297" s="10"/>
    </row>
    <row r="884298" spans="14:14">
      <c r="N884298" s="10"/>
    </row>
    <row r="884299" spans="14:14">
      <c r="N884299" s="10"/>
    </row>
    <row r="884300" spans="14:14">
      <c r="N884300" s="10"/>
    </row>
    <row r="884301" spans="14:14">
      <c r="N884301" s="10"/>
    </row>
    <row r="884302" spans="14:14">
      <c r="N884302" s="10"/>
    </row>
    <row r="884303" spans="14:14">
      <c r="N884303" s="10"/>
    </row>
    <row r="884304" spans="14:14">
      <c r="N884304" s="10"/>
    </row>
    <row r="884305" spans="14:14">
      <c r="N884305" s="10"/>
    </row>
    <row r="884306" spans="14:14">
      <c r="N884306" s="10"/>
    </row>
    <row r="884307" spans="14:14">
      <c r="N884307" s="10"/>
    </row>
    <row r="884308" spans="14:14">
      <c r="N884308" s="10"/>
    </row>
    <row r="884309" spans="14:14">
      <c r="N884309" s="10"/>
    </row>
    <row r="884310" spans="14:14">
      <c r="N884310" s="10"/>
    </row>
    <row r="884311" spans="14:14">
      <c r="N884311" s="10"/>
    </row>
    <row r="884312" spans="14:14">
      <c r="N884312" s="10"/>
    </row>
    <row r="884313" spans="14:14">
      <c r="N884313" s="10"/>
    </row>
    <row r="884314" spans="14:14">
      <c r="N884314" s="10"/>
    </row>
    <row r="884315" spans="14:14">
      <c r="N884315" s="10"/>
    </row>
    <row r="884316" spans="14:14">
      <c r="N884316" s="10"/>
    </row>
    <row r="884317" spans="14:14">
      <c r="N884317" s="10"/>
    </row>
    <row r="884318" spans="14:14">
      <c r="N884318" s="10"/>
    </row>
    <row r="884319" spans="14:14">
      <c r="N884319" s="10"/>
    </row>
    <row r="884320" spans="14:14">
      <c r="N884320" s="10"/>
    </row>
    <row r="884321" spans="14:14">
      <c r="N884321" s="10"/>
    </row>
    <row r="884322" spans="14:14">
      <c r="N884322" s="10"/>
    </row>
    <row r="884323" spans="14:14">
      <c r="N884323" s="10"/>
    </row>
    <row r="884324" spans="14:14">
      <c r="N884324" s="10"/>
    </row>
    <row r="884325" spans="14:14">
      <c r="N884325" s="10"/>
    </row>
    <row r="884326" spans="14:14">
      <c r="N884326" s="10"/>
    </row>
    <row r="884327" spans="14:14">
      <c r="N884327" s="10"/>
    </row>
    <row r="884328" spans="14:14">
      <c r="N884328" s="10"/>
    </row>
    <row r="884329" spans="14:14">
      <c r="N884329" s="10"/>
    </row>
    <row r="884330" spans="14:14">
      <c r="N884330" s="10"/>
    </row>
    <row r="884331" spans="14:14">
      <c r="N884331" s="10"/>
    </row>
    <row r="884332" spans="14:14">
      <c r="N884332" s="10"/>
    </row>
    <row r="884333" spans="14:14">
      <c r="N884333" s="10"/>
    </row>
    <row r="884334" spans="14:14">
      <c r="N884334" s="10"/>
    </row>
    <row r="884335" spans="14:14">
      <c r="N884335" s="10"/>
    </row>
    <row r="884336" spans="14:14">
      <c r="N884336" s="10"/>
    </row>
    <row r="884337" spans="14:14">
      <c r="N884337" s="10"/>
    </row>
    <row r="884338" spans="14:14">
      <c r="N884338" s="10"/>
    </row>
    <row r="884339" spans="14:14">
      <c r="N884339" s="10"/>
    </row>
    <row r="884340" spans="14:14">
      <c r="N884340" s="10"/>
    </row>
    <row r="884341" spans="14:14">
      <c r="N884341" s="10"/>
    </row>
    <row r="884342" spans="14:14">
      <c r="N884342" s="10"/>
    </row>
    <row r="884343" spans="14:14">
      <c r="N884343" s="10"/>
    </row>
    <row r="884344" spans="14:14">
      <c r="N884344" s="10"/>
    </row>
    <row r="884345" spans="14:14">
      <c r="N884345" s="10"/>
    </row>
    <row r="884346" spans="14:14">
      <c r="N884346" s="10"/>
    </row>
    <row r="884347" spans="14:14">
      <c r="N884347" s="10"/>
    </row>
    <row r="884348" spans="14:14">
      <c r="N884348" s="10"/>
    </row>
    <row r="884349" spans="14:14">
      <c r="N884349" s="10"/>
    </row>
    <row r="884350" spans="14:14">
      <c r="N884350" s="10"/>
    </row>
    <row r="884351" spans="14:14">
      <c r="N884351" s="10"/>
    </row>
    <row r="884352" spans="14:14">
      <c r="N884352" s="10"/>
    </row>
    <row r="884353" spans="14:14">
      <c r="N884353" s="10"/>
    </row>
    <row r="884354" spans="14:14">
      <c r="N884354" s="10"/>
    </row>
    <row r="884355" spans="14:14">
      <c r="N884355" s="10"/>
    </row>
    <row r="884356" spans="14:14">
      <c r="N884356" s="10"/>
    </row>
    <row r="884357" spans="14:14">
      <c r="N884357" s="10"/>
    </row>
    <row r="884358" spans="14:14">
      <c r="N884358" s="10"/>
    </row>
    <row r="884359" spans="14:14">
      <c r="N884359" s="10"/>
    </row>
    <row r="884360" spans="14:14">
      <c r="N884360" s="10"/>
    </row>
    <row r="884361" spans="14:14">
      <c r="N884361" s="10"/>
    </row>
    <row r="884362" spans="14:14">
      <c r="N884362" s="10"/>
    </row>
    <row r="884363" spans="14:14">
      <c r="N884363" s="10"/>
    </row>
    <row r="884364" spans="14:14">
      <c r="N884364" s="10"/>
    </row>
    <row r="884365" spans="14:14">
      <c r="N884365" s="10"/>
    </row>
    <row r="884366" spans="14:14">
      <c r="N884366" s="10"/>
    </row>
    <row r="884367" spans="14:14">
      <c r="N884367" s="10"/>
    </row>
    <row r="884368" spans="14:14">
      <c r="N884368" s="10"/>
    </row>
    <row r="884369" spans="14:14">
      <c r="N884369" s="10"/>
    </row>
    <row r="884370" spans="14:14">
      <c r="N884370" s="10"/>
    </row>
    <row r="884371" spans="14:14">
      <c r="N884371" s="10"/>
    </row>
    <row r="884372" spans="14:14">
      <c r="N884372" s="10"/>
    </row>
    <row r="884373" spans="14:14">
      <c r="N884373" s="10"/>
    </row>
    <row r="884374" spans="14:14">
      <c r="N884374" s="10"/>
    </row>
    <row r="884375" spans="14:14">
      <c r="N884375" s="10"/>
    </row>
    <row r="884376" spans="14:14">
      <c r="N884376" s="10"/>
    </row>
    <row r="884377" spans="14:14">
      <c r="N884377" s="10"/>
    </row>
    <row r="884378" spans="14:14">
      <c r="N884378" s="10"/>
    </row>
    <row r="884379" spans="14:14">
      <c r="N884379" s="10"/>
    </row>
    <row r="884380" spans="14:14">
      <c r="N884380" s="10"/>
    </row>
    <row r="884381" spans="14:14">
      <c r="N884381" s="10"/>
    </row>
    <row r="884382" spans="14:14">
      <c r="N884382" s="10"/>
    </row>
    <row r="884383" spans="14:14">
      <c r="N884383" s="10"/>
    </row>
    <row r="884384" spans="14:14">
      <c r="N884384" s="10"/>
    </row>
    <row r="884385" spans="14:14">
      <c r="N884385" s="10"/>
    </row>
    <row r="884386" spans="14:14">
      <c r="N884386" s="10"/>
    </row>
    <row r="884387" spans="14:14">
      <c r="N884387" s="10"/>
    </row>
    <row r="884388" spans="14:14">
      <c r="N884388" s="10"/>
    </row>
    <row r="884389" spans="14:14">
      <c r="N884389" s="10"/>
    </row>
    <row r="884390" spans="14:14">
      <c r="N884390" s="10"/>
    </row>
    <row r="884391" spans="14:14">
      <c r="N884391" s="10"/>
    </row>
    <row r="884392" spans="14:14">
      <c r="N884392" s="10"/>
    </row>
    <row r="884393" spans="14:14">
      <c r="N884393" s="10"/>
    </row>
    <row r="884394" spans="14:14">
      <c r="N884394" s="10"/>
    </row>
    <row r="884395" spans="14:14">
      <c r="N884395" s="10"/>
    </row>
    <row r="884396" spans="14:14">
      <c r="N884396" s="10"/>
    </row>
    <row r="884397" spans="14:14">
      <c r="N884397" s="10"/>
    </row>
    <row r="884398" spans="14:14">
      <c r="N884398" s="10"/>
    </row>
    <row r="884399" spans="14:14">
      <c r="N884399" s="10"/>
    </row>
    <row r="884400" spans="14:14">
      <c r="N884400" s="10"/>
    </row>
    <row r="884401" spans="14:14">
      <c r="N884401" s="10"/>
    </row>
    <row r="884402" spans="14:14">
      <c r="N884402" s="10"/>
    </row>
    <row r="884403" spans="14:14">
      <c r="N884403" s="10"/>
    </row>
    <row r="884404" spans="14:14">
      <c r="N884404" s="10"/>
    </row>
    <row r="884405" spans="14:14">
      <c r="N884405" s="10"/>
    </row>
    <row r="884406" spans="14:14">
      <c r="N884406" s="10"/>
    </row>
    <row r="884407" spans="14:14">
      <c r="N884407" s="10"/>
    </row>
    <row r="884408" spans="14:14">
      <c r="N884408" s="10"/>
    </row>
    <row r="884409" spans="14:14">
      <c r="N884409" s="10"/>
    </row>
    <row r="884410" spans="14:14">
      <c r="N884410" s="10"/>
    </row>
    <row r="884411" spans="14:14">
      <c r="N884411" s="10"/>
    </row>
    <row r="884412" spans="14:14">
      <c r="N884412" s="10"/>
    </row>
    <row r="884413" spans="14:14">
      <c r="N884413" s="10"/>
    </row>
    <row r="884414" spans="14:14">
      <c r="N884414" s="10"/>
    </row>
    <row r="884415" spans="14:14">
      <c r="N884415" s="10"/>
    </row>
    <row r="884416" spans="14:14">
      <c r="N884416" s="10"/>
    </row>
    <row r="884417" spans="14:14">
      <c r="N884417" s="10"/>
    </row>
    <row r="884418" spans="14:14">
      <c r="N884418" s="10"/>
    </row>
    <row r="884419" spans="14:14">
      <c r="N884419" s="10"/>
    </row>
    <row r="884420" spans="14:14">
      <c r="N884420" s="10"/>
    </row>
    <row r="884421" spans="14:14">
      <c r="N884421" s="10"/>
    </row>
    <row r="884422" spans="14:14">
      <c r="N884422" s="10"/>
    </row>
    <row r="884423" spans="14:14">
      <c r="N884423" s="10"/>
    </row>
    <row r="884424" spans="14:14">
      <c r="N884424" s="10"/>
    </row>
    <row r="884425" spans="14:14">
      <c r="N884425" s="10"/>
    </row>
    <row r="884426" spans="14:14">
      <c r="N884426" s="10"/>
    </row>
    <row r="884427" spans="14:14">
      <c r="N884427" s="10"/>
    </row>
    <row r="884428" spans="14:14">
      <c r="N884428" s="10"/>
    </row>
    <row r="884429" spans="14:14">
      <c r="N884429" s="10"/>
    </row>
    <row r="884430" spans="14:14">
      <c r="N884430" s="10"/>
    </row>
    <row r="884431" spans="14:14">
      <c r="N884431" s="10"/>
    </row>
    <row r="884432" spans="14:14">
      <c r="N884432" s="10"/>
    </row>
    <row r="884433" spans="14:14">
      <c r="N884433" s="10"/>
    </row>
    <row r="884434" spans="14:14">
      <c r="N884434" s="10"/>
    </row>
    <row r="884435" spans="14:14">
      <c r="N884435" s="10"/>
    </row>
    <row r="884436" spans="14:14">
      <c r="N884436" s="10"/>
    </row>
    <row r="884437" spans="14:14">
      <c r="N884437" s="10"/>
    </row>
    <row r="884438" spans="14:14">
      <c r="N884438" s="10"/>
    </row>
    <row r="884439" spans="14:14">
      <c r="N884439" s="10"/>
    </row>
    <row r="884440" spans="14:14">
      <c r="N884440" s="10"/>
    </row>
    <row r="884441" spans="14:14">
      <c r="N884441" s="10"/>
    </row>
    <row r="884442" spans="14:14">
      <c r="N884442" s="10"/>
    </row>
    <row r="884443" spans="14:14">
      <c r="N884443" s="10"/>
    </row>
    <row r="884444" spans="14:14">
      <c r="N884444" s="10"/>
    </row>
    <row r="884445" spans="14:14">
      <c r="N884445" s="10"/>
    </row>
    <row r="884446" spans="14:14">
      <c r="N884446" s="10"/>
    </row>
    <row r="884447" spans="14:14">
      <c r="N884447" s="10"/>
    </row>
    <row r="884448" spans="14:14">
      <c r="N884448" s="10"/>
    </row>
    <row r="884449" spans="14:14">
      <c r="N884449" s="10"/>
    </row>
    <row r="884450" spans="14:14">
      <c r="N884450" s="10"/>
    </row>
    <row r="884451" spans="14:14">
      <c r="N884451" s="10"/>
    </row>
    <row r="884452" spans="14:14">
      <c r="N884452" s="10"/>
    </row>
    <row r="884453" spans="14:14">
      <c r="N884453" s="10"/>
    </row>
    <row r="884454" spans="14:14">
      <c r="N884454" s="10"/>
    </row>
    <row r="884455" spans="14:14">
      <c r="N884455" s="10"/>
    </row>
    <row r="884456" spans="14:14">
      <c r="N884456" s="10"/>
    </row>
    <row r="884457" spans="14:14">
      <c r="N884457" s="10"/>
    </row>
    <row r="884458" spans="14:14">
      <c r="N884458" s="10"/>
    </row>
    <row r="884459" spans="14:14">
      <c r="N884459" s="10"/>
    </row>
    <row r="884460" spans="14:14">
      <c r="N884460" s="10"/>
    </row>
    <row r="884461" spans="14:14">
      <c r="N884461" s="10"/>
    </row>
    <row r="884462" spans="14:14">
      <c r="N884462" s="10"/>
    </row>
    <row r="884463" spans="14:14">
      <c r="N884463" s="10"/>
    </row>
    <row r="884464" spans="14:14">
      <c r="N884464" s="10"/>
    </row>
    <row r="884465" spans="14:14">
      <c r="N884465" s="10"/>
    </row>
    <row r="884466" spans="14:14">
      <c r="N884466" s="10"/>
    </row>
    <row r="884467" spans="14:14">
      <c r="N884467" s="10"/>
    </row>
    <row r="884468" spans="14:14">
      <c r="N884468" s="10"/>
    </row>
    <row r="884469" spans="14:14">
      <c r="N884469" s="10"/>
    </row>
    <row r="884470" spans="14:14">
      <c r="N884470" s="10"/>
    </row>
    <row r="884471" spans="14:14">
      <c r="N884471" s="10"/>
    </row>
    <row r="884472" spans="14:14">
      <c r="N884472" s="10"/>
    </row>
    <row r="884473" spans="14:14">
      <c r="N884473" s="10"/>
    </row>
    <row r="884474" spans="14:14">
      <c r="N884474" s="10"/>
    </row>
    <row r="884475" spans="14:14">
      <c r="N884475" s="10"/>
    </row>
    <row r="884476" spans="14:14">
      <c r="N884476" s="10"/>
    </row>
    <row r="884477" spans="14:14">
      <c r="N884477" s="10"/>
    </row>
    <row r="884478" spans="14:14">
      <c r="N884478" s="10"/>
    </row>
    <row r="884479" spans="14:14">
      <c r="N884479" s="10"/>
    </row>
    <row r="884480" spans="14:14">
      <c r="N884480" s="10"/>
    </row>
    <row r="884481" spans="14:14">
      <c r="N884481" s="10"/>
    </row>
    <row r="884482" spans="14:14">
      <c r="N884482" s="10"/>
    </row>
    <row r="884483" spans="14:14">
      <c r="N884483" s="10"/>
    </row>
    <row r="884484" spans="14:14">
      <c r="N884484" s="10"/>
    </row>
    <row r="884485" spans="14:14">
      <c r="N884485" s="10"/>
    </row>
    <row r="884486" spans="14:14">
      <c r="N884486" s="10"/>
    </row>
    <row r="884487" spans="14:14">
      <c r="N884487" s="10"/>
    </row>
    <row r="884488" spans="14:14">
      <c r="N884488" s="10"/>
    </row>
    <row r="884489" spans="14:14">
      <c r="N884489" s="10"/>
    </row>
    <row r="884490" spans="14:14">
      <c r="N884490" s="10"/>
    </row>
    <row r="884491" spans="14:14">
      <c r="N884491" s="10"/>
    </row>
    <row r="884492" spans="14:14">
      <c r="N884492" s="10"/>
    </row>
    <row r="884493" spans="14:14">
      <c r="N884493" s="10"/>
    </row>
    <row r="884494" spans="14:14">
      <c r="N884494" s="10"/>
    </row>
    <row r="884495" spans="14:14">
      <c r="N884495" s="10"/>
    </row>
    <row r="884496" spans="14:14">
      <c r="N884496" s="10"/>
    </row>
    <row r="884497" spans="14:14">
      <c r="N884497" s="10"/>
    </row>
    <row r="884498" spans="14:14">
      <c r="N884498" s="10"/>
    </row>
    <row r="884499" spans="14:14">
      <c r="N884499" s="10"/>
    </row>
    <row r="884500" spans="14:14">
      <c r="N884500" s="10"/>
    </row>
    <row r="884501" spans="14:14">
      <c r="N884501" s="10"/>
    </row>
    <row r="884502" spans="14:14">
      <c r="N884502" s="10"/>
    </row>
    <row r="884503" spans="14:14">
      <c r="N884503" s="10"/>
    </row>
    <row r="884504" spans="14:14">
      <c r="N884504" s="10"/>
    </row>
    <row r="884505" spans="14:14">
      <c r="N884505" s="10"/>
    </row>
    <row r="884506" spans="14:14">
      <c r="N884506" s="10"/>
    </row>
    <row r="884507" spans="14:14">
      <c r="N884507" s="10"/>
    </row>
    <row r="884508" spans="14:14">
      <c r="N884508" s="10"/>
    </row>
    <row r="884509" spans="14:14">
      <c r="N884509" s="10"/>
    </row>
    <row r="884510" spans="14:14">
      <c r="N884510" s="10"/>
    </row>
    <row r="884511" spans="14:14">
      <c r="N884511" s="10"/>
    </row>
    <row r="884512" spans="14:14">
      <c r="N884512" s="10"/>
    </row>
    <row r="884513" spans="14:14">
      <c r="N884513" s="10"/>
    </row>
    <row r="884514" spans="14:14">
      <c r="N884514" s="10"/>
    </row>
    <row r="884515" spans="14:14">
      <c r="N884515" s="10"/>
    </row>
    <row r="884516" spans="14:14">
      <c r="N884516" s="10"/>
    </row>
    <row r="884517" spans="14:14">
      <c r="N884517" s="10"/>
    </row>
    <row r="884518" spans="14:14">
      <c r="N884518" s="10"/>
    </row>
    <row r="884519" spans="14:14">
      <c r="N884519" s="10"/>
    </row>
    <row r="884520" spans="14:14">
      <c r="N884520" s="10"/>
    </row>
    <row r="884521" spans="14:14">
      <c r="N884521" s="10"/>
    </row>
    <row r="884522" spans="14:14">
      <c r="N884522" s="10"/>
    </row>
    <row r="884523" spans="14:14">
      <c r="N884523" s="10"/>
    </row>
    <row r="884524" spans="14:14">
      <c r="N884524" s="10"/>
    </row>
    <row r="884525" spans="14:14">
      <c r="N884525" s="10"/>
    </row>
    <row r="884526" spans="14:14">
      <c r="N884526" s="10"/>
    </row>
    <row r="884527" spans="14:14">
      <c r="N884527" s="10"/>
    </row>
    <row r="884528" spans="14:14">
      <c r="N884528" s="10"/>
    </row>
    <row r="884529" spans="14:14">
      <c r="N884529" s="10"/>
    </row>
    <row r="884530" spans="14:14">
      <c r="N884530" s="10"/>
    </row>
    <row r="884531" spans="14:14">
      <c r="N884531" s="10"/>
    </row>
    <row r="884532" spans="14:14">
      <c r="N884532" s="10"/>
    </row>
    <row r="884533" spans="14:14">
      <c r="N884533" s="10"/>
    </row>
    <row r="884534" spans="14:14">
      <c r="N884534" s="10"/>
    </row>
    <row r="884535" spans="14:14">
      <c r="N884535" s="10"/>
    </row>
    <row r="884536" spans="14:14">
      <c r="N884536" s="10"/>
    </row>
    <row r="884537" spans="14:14">
      <c r="N884537" s="10"/>
    </row>
    <row r="884538" spans="14:14">
      <c r="N884538" s="10"/>
    </row>
    <row r="884539" spans="14:14">
      <c r="N884539" s="10"/>
    </row>
    <row r="884540" spans="14:14">
      <c r="N884540" s="10"/>
    </row>
    <row r="884541" spans="14:14">
      <c r="N884541" s="10"/>
    </row>
    <row r="884542" spans="14:14">
      <c r="N884542" s="10"/>
    </row>
    <row r="884543" spans="14:14">
      <c r="N884543" s="10"/>
    </row>
    <row r="884544" spans="14:14">
      <c r="N884544" s="10"/>
    </row>
    <row r="884545" spans="14:14">
      <c r="N884545" s="10"/>
    </row>
    <row r="884546" spans="14:14">
      <c r="N884546" s="10"/>
    </row>
    <row r="884547" spans="14:14">
      <c r="N884547" s="10"/>
    </row>
    <row r="884548" spans="14:14">
      <c r="N884548" s="10"/>
    </row>
    <row r="884549" spans="14:14">
      <c r="N884549" s="10"/>
    </row>
    <row r="884550" spans="14:14">
      <c r="N884550" s="10"/>
    </row>
    <row r="884551" spans="14:14">
      <c r="N884551" s="10"/>
    </row>
    <row r="884552" spans="14:14">
      <c r="N884552" s="10"/>
    </row>
    <row r="884553" spans="14:14">
      <c r="N884553" s="10"/>
    </row>
    <row r="884554" spans="14:14">
      <c r="N884554" s="10"/>
    </row>
    <row r="884555" spans="14:14">
      <c r="N884555" s="10"/>
    </row>
    <row r="884556" spans="14:14">
      <c r="N884556" s="10"/>
    </row>
    <row r="884557" spans="14:14">
      <c r="N884557" s="10"/>
    </row>
    <row r="884558" spans="14:14">
      <c r="N884558" s="10"/>
    </row>
    <row r="884559" spans="14:14">
      <c r="N884559" s="10"/>
    </row>
    <row r="884560" spans="14:14">
      <c r="N884560" s="10"/>
    </row>
    <row r="884561" spans="14:14">
      <c r="N884561" s="10"/>
    </row>
    <row r="884562" spans="14:14">
      <c r="N884562" s="10"/>
    </row>
    <row r="884563" spans="14:14">
      <c r="N884563" s="10"/>
    </row>
    <row r="884564" spans="14:14">
      <c r="N884564" s="10"/>
    </row>
    <row r="884565" spans="14:14">
      <c r="N884565" s="10"/>
    </row>
    <row r="884566" spans="14:14">
      <c r="N884566" s="10"/>
    </row>
    <row r="884567" spans="14:14">
      <c r="N884567" s="10"/>
    </row>
    <row r="884568" spans="14:14">
      <c r="N884568" s="10"/>
    </row>
    <row r="884569" spans="14:14">
      <c r="N884569" s="10"/>
    </row>
    <row r="884570" spans="14:14">
      <c r="N884570" s="10"/>
    </row>
    <row r="884571" spans="14:14">
      <c r="N884571" s="10"/>
    </row>
    <row r="884572" spans="14:14">
      <c r="N884572" s="10"/>
    </row>
    <row r="884573" spans="14:14">
      <c r="N884573" s="10"/>
    </row>
    <row r="884574" spans="14:14">
      <c r="N884574" s="10"/>
    </row>
    <row r="884575" spans="14:14">
      <c r="N884575" s="10"/>
    </row>
    <row r="884576" spans="14:14">
      <c r="N884576" s="10"/>
    </row>
    <row r="884577" spans="14:14">
      <c r="N884577" s="10"/>
    </row>
    <row r="884578" spans="14:14">
      <c r="N884578" s="10"/>
    </row>
    <row r="884579" spans="14:14">
      <c r="N884579" s="10"/>
    </row>
    <row r="884580" spans="14:14">
      <c r="N884580" s="10"/>
    </row>
    <row r="884581" spans="14:14">
      <c r="N884581" s="10"/>
    </row>
    <row r="884582" spans="14:14">
      <c r="N884582" s="10"/>
    </row>
    <row r="884583" spans="14:14">
      <c r="N884583" s="10"/>
    </row>
    <row r="884584" spans="14:14">
      <c r="N884584" s="10"/>
    </row>
    <row r="884585" spans="14:14">
      <c r="N884585" s="10"/>
    </row>
    <row r="884586" spans="14:14">
      <c r="N884586" s="10"/>
    </row>
    <row r="884587" spans="14:14">
      <c r="N884587" s="10"/>
    </row>
    <row r="884588" spans="14:14">
      <c r="N884588" s="10"/>
    </row>
    <row r="884589" spans="14:14">
      <c r="N884589" s="10"/>
    </row>
    <row r="884590" spans="14:14">
      <c r="N884590" s="10"/>
    </row>
    <row r="884591" spans="14:14">
      <c r="N884591" s="10"/>
    </row>
    <row r="884592" spans="14:14">
      <c r="N884592" s="10"/>
    </row>
    <row r="884593" spans="14:14">
      <c r="N884593" s="10"/>
    </row>
    <row r="884594" spans="14:14">
      <c r="N884594" s="10"/>
    </row>
    <row r="884595" spans="14:14">
      <c r="N884595" s="10"/>
    </row>
    <row r="884596" spans="14:14">
      <c r="N884596" s="10"/>
    </row>
    <row r="884597" spans="14:14">
      <c r="N884597" s="10"/>
    </row>
    <row r="884598" spans="14:14">
      <c r="N884598" s="10"/>
    </row>
    <row r="884599" spans="14:14">
      <c r="N884599" s="10"/>
    </row>
    <row r="884600" spans="14:14">
      <c r="N884600" s="10"/>
    </row>
    <row r="884601" spans="14:14">
      <c r="N884601" s="10"/>
    </row>
    <row r="884602" spans="14:14">
      <c r="N884602" s="10"/>
    </row>
    <row r="884603" spans="14:14">
      <c r="N884603" s="10"/>
    </row>
    <row r="884604" spans="14:14">
      <c r="N884604" s="10"/>
    </row>
    <row r="884605" spans="14:14">
      <c r="N884605" s="10"/>
    </row>
    <row r="884606" spans="14:14">
      <c r="N884606" s="10"/>
    </row>
    <row r="884607" spans="14:14">
      <c r="N884607" s="10"/>
    </row>
    <row r="884608" spans="14:14">
      <c r="N884608" s="10"/>
    </row>
    <row r="884609" spans="14:14">
      <c r="N884609" s="10"/>
    </row>
    <row r="884610" spans="14:14">
      <c r="N884610" s="10"/>
    </row>
    <row r="884611" spans="14:14">
      <c r="N884611" s="10"/>
    </row>
    <row r="884612" spans="14:14">
      <c r="N884612" s="10"/>
    </row>
    <row r="884613" spans="14:14">
      <c r="N884613" s="10"/>
    </row>
    <row r="884614" spans="14:14">
      <c r="N884614" s="10"/>
    </row>
    <row r="884615" spans="14:14">
      <c r="N884615" s="10"/>
    </row>
    <row r="884616" spans="14:14">
      <c r="N884616" s="10"/>
    </row>
    <row r="884617" spans="14:14">
      <c r="N884617" s="10"/>
    </row>
    <row r="884618" spans="14:14">
      <c r="N884618" s="10"/>
    </row>
    <row r="884619" spans="14:14">
      <c r="N884619" s="10"/>
    </row>
    <row r="884620" spans="14:14">
      <c r="N884620" s="10"/>
    </row>
    <row r="884621" spans="14:14">
      <c r="N884621" s="10"/>
    </row>
    <row r="884622" spans="14:14">
      <c r="N884622" s="10"/>
    </row>
    <row r="884623" spans="14:14">
      <c r="N884623" s="10"/>
    </row>
    <row r="884624" spans="14:14">
      <c r="N884624" s="10"/>
    </row>
    <row r="884625" spans="14:14">
      <c r="N884625" s="10"/>
    </row>
    <row r="884626" spans="14:14">
      <c r="N884626" s="10"/>
    </row>
    <row r="884627" spans="14:14">
      <c r="N884627" s="10"/>
    </row>
    <row r="884628" spans="14:14">
      <c r="N884628" s="10"/>
    </row>
    <row r="884629" spans="14:14">
      <c r="N884629" s="10"/>
    </row>
    <row r="884630" spans="14:14">
      <c r="N884630" s="10"/>
    </row>
    <row r="884631" spans="14:14">
      <c r="N884631" s="10"/>
    </row>
    <row r="884632" spans="14:14">
      <c r="N884632" s="10"/>
    </row>
    <row r="884633" spans="14:14">
      <c r="N884633" s="10"/>
    </row>
    <row r="884634" spans="14:14">
      <c r="N884634" s="10"/>
    </row>
    <row r="884635" spans="14:14">
      <c r="N884635" s="10"/>
    </row>
    <row r="884636" spans="14:14">
      <c r="N884636" s="10"/>
    </row>
    <row r="884637" spans="14:14">
      <c r="N884637" s="10"/>
    </row>
    <row r="884638" spans="14:14">
      <c r="N884638" s="10"/>
    </row>
    <row r="884639" spans="14:14">
      <c r="N884639" s="10"/>
    </row>
    <row r="884640" spans="14:14">
      <c r="N884640" s="10"/>
    </row>
    <row r="884641" spans="14:14">
      <c r="N884641" s="10"/>
    </row>
    <row r="884642" spans="14:14">
      <c r="N884642" s="10"/>
    </row>
    <row r="884643" spans="14:14">
      <c r="N884643" s="10"/>
    </row>
    <row r="884644" spans="14:14">
      <c r="N884644" s="10"/>
    </row>
    <row r="884645" spans="14:14">
      <c r="N884645" s="10"/>
    </row>
    <row r="884646" spans="14:14">
      <c r="N884646" s="10"/>
    </row>
    <row r="884647" spans="14:14">
      <c r="N884647" s="10"/>
    </row>
    <row r="884648" spans="14:14">
      <c r="N884648" s="10"/>
    </row>
    <row r="884649" spans="14:14">
      <c r="N884649" s="10"/>
    </row>
    <row r="884650" spans="14:14">
      <c r="N884650" s="10"/>
    </row>
    <row r="884651" spans="14:14">
      <c r="N884651" s="10"/>
    </row>
    <row r="884652" spans="14:14">
      <c r="N884652" s="10"/>
    </row>
    <row r="884653" spans="14:14">
      <c r="N884653" s="10"/>
    </row>
    <row r="884654" spans="14:14">
      <c r="N884654" s="10"/>
    </row>
    <row r="884655" spans="14:14">
      <c r="N884655" s="10"/>
    </row>
    <row r="884656" spans="14:14">
      <c r="N884656" s="10"/>
    </row>
    <row r="884657" spans="14:14">
      <c r="N884657" s="10"/>
    </row>
    <row r="884658" spans="14:14">
      <c r="N884658" s="10"/>
    </row>
    <row r="884659" spans="14:14">
      <c r="N884659" s="10"/>
    </row>
    <row r="884660" spans="14:14">
      <c r="N884660" s="10"/>
    </row>
    <row r="884661" spans="14:14">
      <c r="N884661" s="10"/>
    </row>
    <row r="884662" spans="14:14">
      <c r="N884662" s="10"/>
    </row>
    <row r="884663" spans="14:14">
      <c r="N884663" s="10"/>
    </row>
    <row r="884664" spans="14:14">
      <c r="N884664" s="10"/>
    </row>
    <row r="884665" spans="14:14">
      <c r="N884665" s="10"/>
    </row>
    <row r="884666" spans="14:14">
      <c r="N884666" s="10"/>
    </row>
    <row r="884667" spans="14:14">
      <c r="N884667" s="10"/>
    </row>
    <row r="884668" spans="14:14">
      <c r="N884668" s="10"/>
    </row>
    <row r="884669" spans="14:14">
      <c r="N884669" s="10"/>
    </row>
    <row r="884670" spans="14:14">
      <c r="N884670" s="10"/>
    </row>
    <row r="884671" spans="14:14">
      <c r="N884671" s="10"/>
    </row>
    <row r="884672" spans="14:14">
      <c r="N884672" s="10"/>
    </row>
    <row r="884673" spans="14:14">
      <c r="N884673" s="10"/>
    </row>
    <row r="884674" spans="14:14">
      <c r="N884674" s="10"/>
    </row>
    <row r="884675" spans="14:14">
      <c r="N884675" s="10"/>
    </row>
    <row r="884676" spans="14:14">
      <c r="N884676" s="10"/>
    </row>
    <row r="884677" spans="14:14">
      <c r="N884677" s="10"/>
    </row>
    <row r="884678" spans="14:14">
      <c r="N884678" s="10"/>
    </row>
    <row r="884679" spans="14:14">
      <c r="N884679" s="10"/>
    </row>
    <row r="884680" spans="14:14">
      <c r="N884680" s="10"/>
    </row>
    <row r="884681" spans="14:14">
      <c r="N884681" s="10"/>
    </row>
    <row r="884682" spans="14:14">
      <c r="N884682" s="10"/>
    </row>
    <row r="884683" spans="14:14">
      <c r="N884683" s="10"/>
    </row>
    <row r="884684" spans="14:14">
      <c r="N884684" s="10"/>
    </row>
    <row r="884685" spans="14:14">
      <c r="N884685" s="10"/>
    </row>
    <row r="884686" spans="14:14">
      <c r="N884686" s="10"/>
    </row>
    <row r="884687" spans="14:14">
      <c r="N884687" s="10"/>
    </row>
    <row r="884688" spans="14:14">
      <c r="N884688" s="10"/>
    </row>
    <row r="884689" spans="14:14">
      <c r="N884689" s="10"/>
    </row>
    <row r="884690" spans="14:14">
      <c r="N884690" s="10"/>
    </row>
    <row r="884691" spans="14:14">
      <c r="N884691" s="10"/>
    </row>
    <row r="884692" spans="14:14">
      <c r="N884692" s="10"/>
    </row>
    <row r="884693" spans="14:14">
      <c r="N884693" s="10"/>
    </row>
    <row r="884694" spans="14:14">
      <c r="N884694" s="10"/>
    </row>
    <row r="884695" spans="14:14">
      <c r="N884695" s="10"/>
    </row>
    <row r="884696" spans="14:14">
      <c r="N884696" s="10"/>
    </row>
    <row r="884697" spans="14:14">
      <c r="N884697" s="10"/>
    </row>
    <row r="884698" spans="14:14">
      <c r="N884698" s="10"/>
    </row>
    <row r="884699" spans="14:14">
      <c r="N884699" s="10"/>
    </row>
    <row r="884700" spans="14:14">
      <c r="N884700" s="10"/>
    </row>
    <row r="884701" spans="14:14">
      <c r="N884701" s="10"/>
    </row>
    <row r="884702" spans="14:14">
      <c r="N884702" s="10"/>
    </row>
    <row r="884703" spans="14:14">
      <c r="N884703" s="10"/>
    </row>
    <row r="884704" spans="14:14">
      <c r="N884704" s="10"/>
    </row>
    <row r="884705" spans="14:14">
      <c r="N884705" s="10"/>
    </row>
    <row r="884706" spans="14:14">
      <c r="N884706" s="10"/>
    </row>
    <row r="884707" spans="14:14">
      <c r="N884707" s="10"/>
    </row>
    <row r="884708" spans="14:14">
      <c r="N884708" s="10"/>
    </row>
    <row r="884709" spans="14:14">
      <c r="N884709" s="10"/>
    </row>
    <row r="884710" spans="14:14">
      <c r="N884710" s="10"/>
    </row>
    <row r="884711" spans="14:14">
      <c r="N884711" s="10"/>
    </row>
    <row r="884712" spans="14:14">
      <c r="N884712" s="10"/>
    </row>
    <row r="884713" spans="14:14">
      <c r="N884713" s="10"/>
    </row>
    <row r="884714" spans="14:14">
      <c r="N884714" s="10"/>
    </row>
    <row r="884715" spans="14:14">
      <c r="N884715" s="10"/>
    </row>
    <row r="884716" spans="14:14">
      <c r="N884716" s="10"/>
    </row>
    <row r="884717" spans="14:14">
      <c r="N884717" s="10"/>
    </row>
    <row r="884718" spans="14:14">
      <c r="N884718" s="10"/>
    </row>
    <row r="884719" spans="14:14">
      <c r="N884719" s="10"/>
    </row>
    <row r="884720" spans="14:14">
      <c r="N884720" s="10"/>
    </row>
    <row r="884721" spans="14:14">
      <c r="N884721" s="10"/>
    </row>
    <row r="884722" spans="14:14">
      <c r="N884722" s="10"/>
    </row>
    <row r="884723" spans="14:14">
      <c r="N884723" s="10"/>
    </row>
    <row r="884724" spans="14:14">
      <c r="N884724" s="10"/>
    </row>
    <row r="884725" spans="14:14">
      <c r="N884725" s="10"/>
    </row>
    <row r="884726" spans="14:14">
      <c r="N884726" s="10"/>
    </row>
    <row r="884727" spans="14:14">
      <c r="N884727" s="10"/>
    </row>
    <row r="884728" spans="14:14">
      <c r="N884728" s="10"/>
    </row>
    <row r="884729" spans="14:14">
      <c r="N884729" s="10"/>
    </row>
    <row r="884730" spans="14:14">
      <c r="N884730" s="10"/>
    </row>
    <row r="884731" spans="14:14">
      <c r="N884731" s="10"/>
    </row>
    <row r="884732" spans="14:14">
      <c r="N884732" s="10"/>
    </row>
    <row r="884733" spans="14:14">
      <c r="N884733" s="10"/>
    </row>
    <row r="884734" spans="14:14">
      <c r="N884734" s="10"/>
    </row>
    <row r="884735" spans="14:14">
      <c r="N884735" s="10"/>
    </row>
    <row r="884736" spans="14:14">
      <c r="N884736" s="10"/>
    </row>
    <row r="884737" spans="14:14">
      <c r="N884737" s="10"/>
    </row>
    <row r="884738" spans="14:14">
      <c r="N884738" s="10"/>
    </row>
    <row r="884739" spans="14:14">
      <c r="N884739" s="10"/>
    </row>
    <row r="884740" spans="14:14">
      <c r="N884740" s="10"/>
    </row>
    <row r="884741" spans="14:14">
      <c r="N884741" s="10"/>
    </row>
    <row r="884742" spans="14:14">
      <c r="N884742" s="10"/>
    </row>
    <row r="884743" spans="14:14">
      <c r="N884743" s="10"/>
    </row>
    <row r="884744" spans="14:14">
      <c r="N884744" s="10"/>
    </row>
    <row r="884745" spans="14:14">
      <c r="N884745" s="10"/>
    </row>
    <row r="884746" spans="14:14">
      <c r="N884746" s="10"/>
    </row>
    <row r="884747" spans="14:14">
      <c r="N884747" s="10"/>
    </row>
    <row r="884748" spans="14:14">
      <c r="N884748" s="10"/>
    </row>
    <row r="884749" spans="14:14">
      <c r="N884749" s="10"/>
    </row>
    <row r="884750" spans="14:14">
      <c r="N884750" s="10"/>
    </row>
    <row r="884751" spans="14:14">
      <c r="N884751" s="10"/>
    </row>
    <row r="884752" spans="14:14">
      <c r="N884752" s="10"/>
    </row>
    <row r="884753" spans="14:14">
      <c r="N884753" s="10"/>
    </row>
    <row r="884754" spans="14:14">
      <c r="N884754" s="10"/>
    </row>
    <row r="884755" spans="14:14">
      <c r="N884755" s="10"/>
    </row>
    <row r="884756" spans="14:14">
      <c r="N884756" s="10"/>
    </row>
    <row r="884757" spans="14:14">
      <c r="N884757" s="10"/>
    </row>
    <row r="884758" spans="14:14">
      <c r="N884758" s="10"/>
    </row>
    <row r="884759" spans="14:14">
      <c r="N884759" s="10"/>
    </row>
    <row r="884760" spans="14:14">
      <c r="N884760" s="10"/>
    </row>
    <row r="884761" spans="14:14">
      <c r="N884761" s="10"/>
    </row>
    <row r="884762" spans="14:14">
      <c r="N884762" s="10"/>
    </row>
    <row r="884763" spans="14:14">
      <c r="N884763" s="10"/>
    </row>
    <row r="884764" spans="14:14">
      <c r="N884764" s="10"/>
    </row>
    <row r="884765" spans="14:14">
      <c r="N884765" s="10"/>
    </row>
    <row r="884766" spans="14:14">
      <c r="N884766" s="10"/>
    </row>
    <row r="884767" spans="14:14">
      <c r="N884767" s="10"/>
    </row>
    <row r="884768" spans="14:14">
      <c r="N884768" s="10"/>
    </row>
    <row r="884769" spans="14:14">
      <c r="N884769" s="10"/>
    </row>
    <row r="884770" spans="14:14">
      <c r="N884770" s="10"/>
    </row>
    <row r="884771" spans="14:14">
      <c r="N884771" s="10"/>
    </row>
    <row r="884772" spans="14:14">
      <c r="N884772" s="10"/>
    </row>
    <row r="884773" spans="14:14">
      <c r="N884773" s="10"/>
    </row>
    <row r="884774" spans="14:14">
      <c r="N884774" s="10"/>
    </row>
    <row r="884775" spans="14:14">
      <c r="N884775" s="10"/>
    </row>
    <row r="884776" spans="14:14">
      <c r="N884776" s="10"/>
    </row>
    <row r="884777" spans="14:14">
      <c r="N884777" s="10"/>
    </row>
    <row r="884778" spans="14:14">
      <c r="N884778" s="10"/>
    </row>
    <row r="884779" spans="14:14">
      <c r="N884779" s="10"/>
    </row>
    <row r="884780" spans="14:14">
      <c r="N884780" s="10"/>
    </row>
    <row r="884781" spans="14:14">
      <c r="N884781" s="10"/>
    </row>
    <row r="884782" spans="14:14">
      <c r="N884782" s="10"/>
    </row>
    <row r="884783" spans="14:14">
      <c r="N884783" s="10"/>
    </row>
    <row r="884784" spans="14:14">
      <c r="N884784" s="10"/>
    </row>
    <row r="884785" spans="14:14">
      <c r="N884785" s="10"/>
    </row>
    <row r="884786" spans="14:14">
      <c r="N884786" s="10"/>
    </row>
    <row r="884787" spans="14:14">
      <c r="N884787" s="10"/>
    </row>
    <row r="884788" spans="14:14">
      <c r="N884788" s="10"/>
    </row>
    <row r="884789" spans="14:14">
      <c r="N884789" s="10"/>
    </row>
    <row r="884790" spans="14:14">
      <c r="N884790" s="10"/>
    </row>
    <row r="884791" spans="14:14">
      <c r="N884791" s="10"/>
    </row>
    <row r="884792" spans="14:14">
      <c r="N884792" s="10"/>
    </row>
    <row r="884793" spans="14:14">
      <c r="N884793" s="10"/>
    </row>
    <row r="884794" spans="14:14">
      <c r="N884794" s="10"/>
    </row>
    <row r="884795" spans="14:14">
      <c r="N884795" s="10"/>
    </row>
    <row r="884796" spans="14:14">
      <c r="N884796" s="10"/>
    </row>
    <row r="884797" spans="14:14">
      <c r="N884797" s="10"/>
    </row>
    <row r="884798" spans="14:14">
      <c r="N884798" s="10"/>
    </row>
    <row r="884799" spans="14:14">
      <c r="N884799" s="10"/>
    </row>
    <row r="884800" spans="14:14">
      <c r="N884800" s="10"/>
    </row>
    <row r="884801" spans="14:14">
      <c r="N884801" s="10"/>
    </row>
    <row r="884802" spans="14:14">
      <c r="N884802" s="10"/>
    </row>
    <row r="884803" spans="14:14">
      <c r="N884803" s="10"/>
    </row>
    <row r="884804" spans="14:14">
      <c r="N884804" s="10"/>
    </row>
    <row r="884805" spans="14:14">
      <c r="N884805" s="10"/>
    </row>
    <row r="884806" spans="14:14">
      <c r="N884806" s="10"/>
    </row>
    <row r="884807" spans="14:14">
      <c r="N884807" s="10"/>
    </row>
    <row r="884808" spans="14:14">
      <c r="N884808" s="10"/>
    </row>
    <row r="884809" spans="14:14">
      <c r="N884809" s="10"/>
    </row>
    <row r="884810" spans="14:14">
      <c r="N884810" s="10"/>
    </row>
    <row r="884811" spans="14:14">
      <c r="N884811" s="10"/>
    </row>
    <row r="884812" spans="14:14">
      <c r="N884812" s="10"/>
    </row>
    <row r="884813" spans="14:14">
      <c r="N884813" s="10"/>
    </row>
    <row r="884814" spans="14:14">
      <c r="N884814" s="10"/>
    </row>
    <row r="884815" spans="14:14">
      <c r="N884815" s="10"/>
    </row>
    <row r="884816" spans="14:14">
      <c r="N884816" s="10"/>
    </row>
    <row r="884817" spans="14:14">
      <c r="N884817" s="10"/>
    </row>
    <row r="884818" spans="14:14">
      <c r="N884818" s="10"/>
    </row>
    <row r="884819" spans="14:14">
      <c r="N884819" s="10"/>
    </row>
    <row r="884820" spans="14:14">
      <c r="N884820" s="10"/>
    </row>
    <row r="884821" spans="14:14">
      <c r="N884821" s="10"/>
    </row>
    <row r="884822" spans="14:14">
      <c r="N884822" s="10"/>
    </row>
    <row r="884823" spans="14:14">
      <c r="N884823" s="10"/>
    </row>
    <row r="884824" spans="14:14">
      <c r="N884824" s="10"/>
    </row>
    <row r="884825" spans="14:14">
      <c r="N884825" s="10"/>
    </row>
    <row r="884826" spans="14:14">
      <c r="N884826" s="10"/>
    </row>
    <row r="884827" spans="14:14">
      <c r="N884827" s="10"/>
    </row>
    <row r="884828" spans="14:14">
      <c r="N884828" s="10"/>
    </row>
    <row r="884829" spans="14:14">
      <c r="N884829" s="10"/>
    </row>
    <row r="884830" spans="14:14">
      <c r="N884830" s="10"/>
    </row>
    <row r="884831" spans="14:14">
      <c r="N884831" s="10"/>
    </row>
    <row r="884832" spans="14:14">
      <c r="N884832" s="10"/>
    </row>
    <row r="884833" spans="14:14">
      <c r="N884833" s="10"/>
    </row>
    <row r="884834" spans="14:14">
      <c r="N884834" s="10"/>
    </row>
    <row r="884835" spans="14:14">
      <c r="N884835" s="10"/>
    </row>
    <row r="884836" spans="14:14">
      <c r="N884836" s="10"/>
    </row>
    <row r="884837" spans="14:14">
      <c r="N884837" s="10"/>
    </row>
    <row r="884838" spans="14:14">
      <c r="N884838" s="10"/>
    </row>
    <row r="884839" spans="14:14">
      <c r="N884839" s="10"/>
    </row>
    <row r="884840" spans="14:14">
      <c r="N884840" s="10"/>
    </row>
    <row r="884841" spans="14:14">
      <c r="N884841" s="10"/>
    </row>
    <row r="884842" spans="14:14">
      <c r="N884842" s="10"/>
    </row>
    <row r="884843" spans="14:14">
      <c r="N884843" s="10"/>
    </row>
    <row r="884844" spans="14:14">
      <c r="N884844" s="10"/>
    </row>
    <row r="884845" spans="14:14">
      <c r="N884845" s="10"/>
    </row>
    <row r="884846" spans="14:14">
      <c r="N884846" s="10"/>
    </row>
    <row r="884847" spans="14:14">
      <c r="N884847" s="10"/>
    </row>
    <row r="884848" spans="14:14">
      <c r="N884848" s="10"/>
    </row>
    <row r="884849" spans="14:14">
      <c r="N884849" s="10"/>
    </row>
    <row r="884850" spans="14:14">
      <c r="N884850" s="10"/>
    </row>
    <row r="884851" spans="14:14">
      <c r="N884851" s="10"/>
    </row>
    <row r="884852" spans="14:14">
      <c r="N884852" s="10"/>
    </row>
    <row r="884853" spans="14:14">
      <c r="N884853" s="10"/>
    </row>
    <row r="884854" spans="14:14">
      <c r="N884854" s="10"/>
    </row>
    <row r="884855" spans="14:14">
      <c r="N884855" s="10"/>
    </row>
    <row r="884856" spans="14:14">
      <c r="N884856" s="10"/>
    </row>
    <row r="884857" spans="14:14">
      <c r="N884857" s="10"/>
    </row>
    <row r="884858" spans="14:14">
      <c r="N884858" s="10"/>
    </row>
    <row r="884859" spans="14:14">
      <c r="N884859" s="10"/>
    </row>
    <row r="884860" spans="14:14">
      <c r="N884860" s="10"/>
    </row>
    <row r="884861" spans="14:14">
      <c r="N884861" s="10"/>
    </row>
    <row r="884862" spans="14:14">
      <c r="N884862" s="10"/>
    </row>
    <row r="884863" spans="14:14">
      <c r="N884863" s="10"/>
    </row>
    <row r="884864" spans="14:14">
      <c r="N884864" s="10"/>
    </row>
    <row r="884865" spans="14:14">
      <c r="N884865" s="10"/>
    </row>
    <row r="884866" spans="14:14">
      <c r="N884866" s="10"/>
    </row>
    <row r="884867" spans="14:14">
      <c r="N884867" s="10"/>
    </row>
    <row r="884868" spans="14:14">
      <c r="N884868" s="10"/>
    </row>
    <row r="884869" spans="14:14">
      <c r="N884869" s="10"/>
    </row>
    <row r="884870" spans="14:14">
      <c r="N884870" s="10"/>
    </row>
    <row r="884871" spans="14:14">
      <c r="N884871" s="10"/>
    </row>
    <row r="884872" spans="14:14">
      <c r="N884872" s="10"/>
    </row>
    <row r="884873" spans="14:14">
      <c r="N884873" s="10"/>
    </row>
    <row r="884874" spans="14:14">
      <c r="N884874" s="10"/>
    </row>
    <row r="884875" spans="14:14">
      <c r="N884875" s="10"/>
    </row>
    <row r="884876" spans="14:14">
      <c r="N884876" s="10"/>
    </row>
    <row r="884877" spans="14:14">
      <c r="N884877" s="10"/>
    </row>
    <row r="884878" spans="14:14">
      <c r="N884878" s="10"/>
    </row>
    <row r="884879" spans="14:14">
      <c r="N884879" s="10"/>
    </row>
    <row r="884880" spans="14:14">
      <c r="N884880" s="10"/>
    </row>
    <row r="884881" spans="14:14">
      <c r="N884881" s="10"/>
    </row>
    <row r="884882" spans="14:14">
      <c r="N884882" s="10"/>
    </row>
    <row r="884883" spans="14:14">
      <c r="N884883" s="10"/>
    </row>
    <row r="884884" spans="14:14">
      <c r="N884884" s="10"/>
    </row>
    <row r="884885" spans="14:14">
      <c r="N884885" s="10"/>
    </row>
    <row r="884886" spans="14:14">
      <c r="N884886" s="10"/>
    </row>
    <row r="884887" spans="14:14">
      <c r="N884887" s="10"/>
    </row>
    <row r="884888" spans="14:14">
      <c r="N884888" s="10"/>
    </row>
    <row r="884889" spans="14:14">
      <c r="N884889" s="10"/>
    </row>
    <row r="884890" spans="14:14">
      <c r="N884890" s="10"/>
    </row>
    <row r="884891" spans="14:14">
      <c r="N884891" s="10"/>
    </row>
    <row r="884892" spans="14:14">
      <c r="N884892" s="10"/>
    </row>
    <row r="884893" spans="14:14">
      <c r="N884893" s="10"/>
    </row>
    <row r="884894" spans="14:14">
      <c r="N884894" s="10"/>
    </row>
    <row r="884895" spans="14:14">
      <c r="N884895" s="10"/>
    </row>
    <row r="884896" spans="14:14">
      <c r="N884896" s="10"/>
    </row>
    <row r="884897" spans="14:14">
      <c r="N884897" s="10"/>
    </row>
    <row r="884898" spans="14:14">
      <c r="N884898" s="10"/>
    </row>
    <row r="884899" spans="14:14">
      <c r="N884899" s="10"/>
    </row>
    <row r="884900" spans="14:14">
      <c r="N884900" s="10"/>
    </row>
    <row r="884901" spans="14:14">
      <c r="N884901" s="10"/>
    </row>
    <row r="884902" spans="14:14">
      <c r="N884902" s="10"/>
    </row>
    <row r="884903" spans="14:14">
      <c r="N884903" s="10"/>
    </row>
    <row r="884904" spans="14:14">
      <c r="N884904" s="10"/>
    </row>
    <row r="884905" spans="14:14">
      <c r="N884905" s="10"/>
    </row>
    <row r="884906" spans="14:14">
      <c r="N884906" s="10"/>
    </row>
    <row r="884907" spans="14:14">
      <c r="N884907" s="10"/>
    </row>
    <row r="884908" spans="14:14">
      <c r="N884908" s="10"/>
    </row>
    <row r="884909" spans="14:14">
      <c r="N884909" s="10"/>
    </row>
    <row r="884910" spans="14:14">
      <c r="N884910" s="10"/>
    </row>
    <row r="884911" spans="14:14">
      <c r="N884911" s="10"/>
    </row>
    <row r="884912" spans="14:14">
      <c r="N884912" s="10"/>
    </row>
    <row r="884913" spans="14:14">
      <c r="N884913" s="10"/>
    </row>
    <row r="884914" spans="14:14">
      <c r="N884914" s="10"/>
    </row>
    <row r="884915" spans="14:14">
      <c r="N884915" s="10"/>
    </row>
    <row r="884916" spans="14:14">
      <c r="N884916" s="10"/>
    </row>
    <row r="884917" spans="14:14">
      <c r="N884917" s="10"/>
    </row>
    <row r="884918" spans="14:14">
      <c r="N884918" s="10"/>
    </row>
    <row r="884919" spans="14:14">
      <c r="N884919" s="10"/>
    </row>
    <row r="884920" spans="14:14">
      <c r="N884920" s="10"/>
    </row>
    <row r="884921" spans="14:14">
      <c r="N884921" s="10"/>
    </row>
    <row r="884922" spans="14:14">
      <c r="N884922" s="10"/>
    </row>
    <row r="884923" spans="14:14">
      <c r="N884923" s="10"/>
    </row>
    <row r="884924" spans="14:14">
      <c r="N884924" s="10"/>
    </row>
    <row r="884925" spans="14:14">
      <c r="N884925" s="10"/>
    </row>
    <row r="884926" spans="14:14">
      <c r="N884926" s="10"/>
    </row>
    <row r="884927" spans="14:14">
      <c r="N884927" s="10"/>
    </row>
    <row r="884928" spans="14:14">
      <c r="N884928" s="10"/>
    </row>
    <row r="884929" spans="14:14">
      <c r="N884929" s="10"/>
    </row>
    <row r="884930" spans="14:14">
      <c r="N884930" s="10"/>
    </row>
    <row r="884931" spans="14:14">
      <c r="N884931" s="10"/>
    </row>
    <row r="884932" spans="14:14">
      <c r="N884932" s="10"/>
    </row>
    <row r="884933" spans="14:14">
      <c r="N884933" s="10"/>
    </row>
    <row r="884934" spans="14:14">
      <c r="N884934" s="10"/>
    </row>
    <row r="884935" spans="14:14">
      <c r="N884935" s="10"/>
    </row>
    <row r="884936" spans="14:14">
      <c r="N884936" s="10"/>
    </row>
    <row r="884937" spans="14:14">
      <c r="N884937" s="10"/>
    </row>
    <row r="884938" spans="14:14">
      <c r="N884938" s="10"/>
    </row>
    <row r="884939" spans="14:14">
      <c r="N884939" s="10"/>
    </row>
    <row r="884940" spans="14:14">
      <c r="N884940" s="10"/>
    </row>
    <row r="884941" spans="14:14">
      <c r="N884941" s="10"/>
    </row>
    <row r="884942" spans="14:14">
      <c r="N884942" s="10"/>
    </row>
    <row r="884943" spans="14:14">
      <c r="N884943" s="10"/>
    </row>
    <row r="884944" spans="14:14">
      <c r="N884944" s="10"/>
    </row>
    <row r="884945" spans="14:14">
      <c r="N884945" s="10"/>
    </row>
    <row r="884946" spans="14:14">
      <c r="N884946" s="10"/>
    </row>
    <row r="884947" spans="14:14">
      <c r="N884947" s="10"/>
    </row>
    <row r="884948" spans="14:14">
      <c r="N884948" s="10"/>
    </row>
    <row r="884949" spans="14:14">
      <c r="N884949" s="10"/>
    </row>
    <row r="884950" spans="14:14">
      <c r="N884950" s="10"/>
    </row>
    <row r="884951" spans="14:14">
      <c r="N884951" s="10"/>
    </row>
    <row r="884952" spans="14:14">
      <c r="N884952" s="10"/>
    </row>
    <row r="884953" spans="14:14">
      <c r="N884953" s="10"/>
    </row>
    <row r="884954" spans="14:14">
      <c r="N884954" s="10"/>
    </row>
    <row r="884955" spans="14:14">
      <c r="N884955" s="10"/>
    </row>
    <row r="884956" spans="14:14">
      <c r="N884956" s="10"/>
    </row>
    <row r="884957" spans="14:14">
      <c r="N884957" s="10"/>
    </row>
    <row r="884958" spans="14:14">
      <c r="N884958" s="10"/>
    </row>
    <row r="884959" spans="14:14">
      <c r="N884959" s="10"/>
    </row>
    <row r="884960" spans="14:14">
      <c r="N884960" s="10"/>
    </row>
    <row r="884961" spans="14:14">
      <c r="N884961" s="10"/>
    </row>
    <row r="884962" spans="14:14">
      <c r="N884962" s="10"/>
    </row>
    <row r="884963" spans="14:14">
      <c r="N884963" s="10"/>
    </row>
    <row r="884964" spans="14:14">
      <c r="N884964" s="10"/>
    </row>
    <row r="884965" spans="14:14">
      <c r="N884965" s="10"/>
    </row>
    <row r="884966" spans="14:14">
      <c r="N884966" s="10"/>
    </row>
    <row r="884967" spans="14:14">
      <c r="N884967" s="10"/>
    </row>
    <row r="884968" spans="14:14">
      <c r="N884968" s="10"/>
    </row>
    <row r="884969" spans="14:14">
      <c r="N884969" s="10"/>
    </row>
    <row r="884970" spans="14:14">
      <c r="N884970" s="10"/>
    </row>
    <row r="884971" spans="14:14">
      <c r="N884971" s="10"/>
    </row>
    <row r="884972" spans="14:14">
      <c r="N884972" s="10"/>
    </row>
    <row r="884973" spans="14:14">
      <c r="N884973" s="10"/>
    </row>
    <row r="884974" spans="14:14">
      <c r="N884974" s="10"/>
    </row>
    <row r="884975" spans="14:14">
      <c r="N884975" s="10"/>
    </row>
    <row r="884976" spans="14:14">
      <c r="N884976" s="10"/>
    </row>
    <row r="884977" spans="14:14">
      <c r="N884977" s="10"/>
    </row>
    <row r="884978" spans="14:14">
      <c r="N884978" s="10"/>
    </row>
    <row r="884979" spans="14:14">
      <c r="N884979" s="10"/>
    </row>
    <row r="884980" spans="14:14">
      <c r="N884980" s="10"/>
    </row>
    <row r="884981" spans="14:14">
      <c r="N884981" s="10"/>
    </row>
    <row r="884982" spans="14:14">
      <c r="N884982" s="10"/>
    </row>
    <row r="884983" spans="14:14">
      <c r="N884983" s="10"/>
    </row>
    <row r="884984" spans="14:14">
      <c r="N884984" s="10"/>
    </row>
    <row r="884985" spans="14:14">
      <c r="N884985" s="10"/>
    </row>
    <row r="884986" spans="14:14">
      <c r="N884986" s="10"/>
    </row>
    <row r="884987" spans="14:14">
      <c r="N884987" s="10"/>
    </row>
    <row r="884988" spans="14:14">
      <c r="N884988" s="10"/>
    </row>
    <row r="884989" spans="14:14">
      <c r="N884989" s="10"/>
    </row>
    <row r="884990" spans="14:14">
      <c r="N884990" s="10"/>
    </row>
    <row r="884991" spans="14:14">
      <c r="N884991" s="10"/>
    </row>
    <row r="884992" spans="14:14">
      <c r="N884992" s="10"/>
    </row>
    <row r="884993" spans="14:14">
      <c r="N884993" s="10"/>
    </row>
    <row r="884994" spans="14:14">
      <c r="N884994" s="10"/>
    </row>
    <row r="884995" spans="14:14">
      <c r="N884995" s="10"/>
    </row>
    <row r="884996" spans="14:14">
      <c r="N884996" s="10"/>
    </row>
    <row r="884997" spans="14:14">
      <c r="N884997" s="10"/>
    </row>
    <row r="884998" spans="14:14">
      <c r="N884998" s="10"/>
    </row>
    <row r="884999" spans="14:14">
      <c r="N884999" s="10"/>
    </row>
    <row r="885000" spans="14:14">
      <c r="N885000" s="10"/>
    </row>
    <row r="885001" spans="14:14">
      <c r="N885001" s="10"/>
    </row>
    <row r="885002" spans="14:14">
      <c r="N885002" s="10"/>
    </row>
    <row r="885003" spans="14:14">
      <c r="N885003" s="10"/>
    </row>
    <row r="885004" spans="14:14">
      <c r="N885004" s="10"/>
    </row>
    <row r="885005" spans="14:14">
      <c r="N885005" s="10"/>
    </row>
    <row r="885006" spans="14:14">
      <c r="N885006" s="10"/>
    </row>
    <row r="885007" spans="14:14">
      <c r="N885007" s="10"/>
    </row>
    <row r="885008" spans="14:14">
      <c r="N885008" s="10"/>
    </row>
    <row r="885009" spans="14:14">
      <c r="N885009" s="10"/>
    </row>
    <row r="885010" spans="14:14">
      <c r="N885010" s="10"/>
    </row>
    <row r="885011" spans="14:14">
      <c r="N885011" s="10"/>
    </row>
    <row r="885012" spans="14:14">
      <c r="N885012" s="10"/>
    </row>
    <row r="885013" spans="14:14">
      <c r="N885013" s="10"/>
    </row>
    <row r="885014" spans="14:14">
      <c r="N885014" s="10"/>
    </row>
    <row r="885015" spans="14:14">
      <c r="N885015" s="10"/>
    </row>
    <row r="885016" spans="14:14">
      <c r="N885016" s="10"/>
    </row>
    <row r="885017" spans="14:14">
      <c r="N885017" s="10"/>
    </row>
    <row r="885018" spans="14:14">
      <c r="N885018" s="10"/>
    </row>
    <row r="885019" spans="14:14">
      <c r="N885019" s="10"/>
    </row>
    <row r="885020" spans="14:14">
      <c r="N885020" s="10"/>
    </row>
    <row r="885021" spans="14:14">
      <c r="N885021" s="10"/>
    </row>
    <row r="885022" spans="14:14">
      <c r="N885022" s="10"/>
    </row>
    <row r="885023" spans="14:14">
      <c r="N885023" s="10"/>
    </row>
    <row r="885024" spans="14:14">
      <c r="N885024" s="10"/>
    </row>
    <row r="885025" spans="14:14">
      <c r="N885025" s="10"/>
    </row>
    <row r="885026" spans="14:14">
      <c r="N885026" s="10"/>
    </row>
    <row r="885027" spans="14:14">
      <c r="N885027" s="10"/>
    </row>
    <row r="885028" spans="14:14">
      <c r="N885028" s="10"/>
    </row>
    <row r="885029" spans="14:14">
      <c r="N885029" s="10"/>
    </row>
    <row r="885030" spans="14:14">
      <c r="N885030" s="10"/>
    </row>
    <row r="885031" spans="14:14">
      <c r="N885031" s="10"/>
    </row>
    <row r="885032" spans="14:14">
      <c r="N885032" s="10"/>
    </row>
    <row r="885033" spans="14:14">
      <c r="N885033" s="10"/>
    </row>
    <row r="885034" spans="14:14">
      <c r="N885034" s="10"/>
    </row>
    <row r="885035" spans="14:14">
      <c r="N885035" s="10"/>
    </row>
    <row r="885036" spans="14:14">
      <c r="N885036" s="10"/>
    </row>
    <row r="885037" spans="14:14">
      <c r="N885037" s="10"/>
    </row>
    <row r="885038" spans="14:14">
      <c r="N885038" s="10"/>
    </row>
    <row r="885039" spans="14:14">
      <c r="N885039" s="10"/>
    </row>
    <row r="885040" spans="14:14">
      <c r="N885040" s="10"/>
    </row>
    <row r="885041" spans="14:14">
      <c r="N885041" s="10"/>
    </row>
    <row r="885042" spans="14:14">
      <c r="N885042" s="10"/>
    </row>
    <row r="885043" spans="14:14">
      <c r="N885043" s="10"/>
    </row>
    <row r="885044" spans="14:14">
      <c r="N885044" s="10"/>
    </row>
    <row r="885045" spans="14:14">
      <c r="N885045" s="10"/>
    </row>
    <row r="885046" spans="14:14">
      <c r="N885046" s="10"/>
    </row>
    <row r="885047" spans="14:14">
      <c r="N885047" s="10"/>
    </row>
    <row r="885048" spans="14:14">
      <c r="N885048" s="10"/>
    </row>
    <row r="885049" spans="14:14">
      <c r="N885049" s="10"/>
    </row>
    <row r="885050" spans="14:14">
      <c r="N885050" s="10"/>
    </row>
    <row r="885051" spans="14:14">
      <c r="N885051" s="10"/>
    </row>
    <row r="885052" spans="14:14">
      <c r="N885052" s="10"/>
    </row>
    <row r="885053" spans="14:14">
      <c r="N885053" s="10"/>
    </row>
    <row r="885054" spans="14:14">
      <c r="N885054" s="10"/>
    </row>
    <row r="885055" spans="14:14">
      <c r="N885055" s="10"/>
    </row>
    <row r="885056" spans="14:14">
      <c r="N885056" s="10"/>
    </row>
    <row r="885057" spans="14:14">
      <c r="N885057" s="10"/>
    </row>
    <row r="885058" spans="14:14">
      <c r="N885058" s="10"/>
    </row>
    <row r="885059" spans="14:14">
      <c r="N885059" s="10"/>
    </row>
    <row r="885060" spans="14:14">
      <c r="N885060" s="10"/>
    </row>
    <row r="885061" spans="14:14">
      <c r="N885061" s="10"/>
    </row>
    <row r="885062" spans="14:14">
      <c r="N885062" s="10"/>
    </row>
    <row r="885063" spans="14:14">
      <c r="N885063" s="10"/>
    </row>
    <row r="885064" spans="14:14">
      <c r="N885064" s="10"/>
    </row>
    <row r="885065" spans="14:14">
      <c r="N885065" s="10"/>
    </row>
    <row r="885066" spans="14:14">
      <c r="N885066" s="10"/>
    </row>
    <row r="885067" spans="14:14">
      <c r="N885067" s="10"/>
    </row>
    <row r="885068" spans="14:14">
      <c r="N885068" s="10"/>
    </row>
    <row r="885069" spans="14:14">
      <c r="N885069" s="10"/>
    </row>
    <row r="885070" spans="14:14">
      <c r="N885070" s="10"/>
    </row>
    <row r="885071" spans="14:14">
      <c r="N885071" s="10"/>
    </row>
    <row r="885072" spans="14:14">
      <c r="N885072" s="10"/>
    </row>
    <row r="885073" spans="14:14">
      <c r="N885073" s="10"/>
    </row>
    <row r="885074" spans="14:14">
      <c r="N885074" s="10"/>
    </row>
    <row r="885075" spans="14:14">
      <c r="N885075" s="10"/>
    </row>
    <row r="885076" spans="14:14">
      <c r="N885076" s="10"/>
    </row>
    <row r="885077" spans="14:14">
      <c r="N885077" s="10"/>
    </row>
    <row r="885078" spans="14:14">
      <c r="N885078" s="10"/>
    </row>
    <row r="885079" spans="14:14">
      <c r="N885079" s="10"/>
    </row>
    <row r="885080" spans="14:14">
      <c r="N885080" s="10"/>
    </row>
    <row r="885081" spans="14:14">
      <c r="N885081" s="10"/>
    </row>
    <row r="885082" spans="14:14">
      <c r="N885082" s="10"/>
    </row>
    <row r="885083" spans="14:14">
      <c r="N885083" s="10"/>
    </row>
    <row r="885084" spans="14:14">
      <c r="N885084" s="10"/>
    </row>
    <row r="885085" spans="14:14">
      <c r="N885085" s="10"/>
    </row>
    <row r="885086" spans="14:14">
      <c r="N885086" s="10"/>
    </row>
    <row r="885087" spans="14:14">
      <c r="N885087" s="10"/>
    </row>
    <row r="885088" spans="14:14">
      <c r="N885088" s="10"/>
    </row>
    <row r="885089" spans="14:14">
      <c r="N885089" s="10"/>
    </row>
    <row r="885090" spans="14:14">
      <c r="N885090" s="10"/>
    </row>
    <row r="885091" spans="14:14">
      <c r="N885091" s="10"/>
    </row>
    <row r="885092" spans="14:14">
      <c r="N885092" s="10"/>
    </row>
    <row r="885093" spans="14:14">
      <c r="N885093" s="10"/>
    </row>
    <row r="885094" spans="14:14">
      <c r="N885094" s="10"/>
    </row>
    <row r="885095" spans="14:14">
      <c r="N885095" s="10"/>
    </row>
    <row r="885096" spans="14:14">
      <c r="N885096" s="10"/>
    </row>
    <row r="885097" spans="14:14">
      <c r="N885097" s="10"/>
    </row>
    <row r="885098" spans="14:14">
      <c r="N885098" s="10"/>
    </row>
    <row r="885099" spans="14:14">
      <c r="N885099" s="10"/>
    </row>
    <row r="885100" spans="14:14">
      <c r="N885100" s="10"/>
    </row>
    <row r="885101" spans="14:14">
      <c r="N885101" s="10"/>
    </row>
    <row r="885102" spans="14:14">
      <c r="N885102" s="10"/>
    </row>
    <row r="885103" spans="14:14">
      <c r="N885103" s="10"/>
    </row>
    <row r="885104" spans="14:14">
      <c r="N885104" s="10"/>
    </row>
    <row r="885105" spans="14:14">
      <c r="N885105" s="10"/>
    </row>
    <row r="885106" spans="14:14">
      <c r="N885106" s="10"/>
    </row>
    <row r="885107" spans="14:14">
      <c r="N885107" s="10"/>
    </row>
    <row r="885108" spans="14:14">
      <c r="N885108" s="10"/>
    </row>
    <row r="885109" spans="14:14">
      <c r="N885109" s="10"/>
    </row>
    <row r="885110" spans="14:14">
      <c r="N885110" s="10"/>
    </row>
    <row r="885111" spans="14:14">
      <c r="N885111" s="10"/>
    </row>
    <row r="885112" spans="14:14">
      <c r="N885112" s="10"/>
    </row>
    <row r="885113" spans="14:14">
      <c r="N885113" s="10"/>
    </row>
    <row r="885114" spans="14:14">
      <c r="N885114" s="10"/>
    </row>
    <row r="885115" spans="14:14">
      <c r="N885115" s="10"/>
    </row>
    <row r="885116" spans="14:14">
      <c r="N885116" s="10"/>
    </row>
    <row r="885117" spans="14:14">
      <c r="N885117" s="10"/>
    </row>
    <row r="885118" spans="14:14">
      <c r="N885118" s="10"/>
    </row>
    <row r="885119" spans="14:14">
      <c r="N885119" s="10"/>
    </row>
    <row r="885120" spans="14:14">
      <c r="N885120" s="10"/>
    </row>
    <row r="885121" spans="14:14">
      <c r="N885121" s="10"/>
    </row>
    <row r="885122" spans="14:14">
      <c r="N885122" s="10"/>
    </row>
    <row r="885123" spans="14:14">
      <c r="N885123" s="10"/>
    </row>
    <row r="885124" spans="14:14">
      <c r="N885124" s="10"/>
    </row>
    <row r="885125" spans="14:14">
      <c r="N885125" s="10"/>
    </row>
    <row r="885126" spans="14:14">
      <c r="N885126" s="10"/>
    </row>
    <row r="885127" spans="14:14">
      <c r="N885127" s="10"/>
    </row>
    <row r="885128" spans="14:14">
      <c r="N885128" s="10"/>
    </row>
    <row r="885129" spans="14:14">
      <c r="N885129" s="10"/>
    </row>
    <row r="885130" spans="14:14">
      <c r="N885130" s="10"/>
    </row>
    <row r="885131" spans="14:14">
      <c r="N885131" s="10"/>
    </row>
    <row r="885132" spans="14:14">
      <c r="N885132" s="10"/>
    </row>
    <row r="885133" spans="14:14">
      <c r="N885133" s="10"/>
    </row>
    <row r="885134" spans="14:14">
      <c r="N885134" s="10"/>
    </row>
    <row r="885135" spans="14:14">
      <c r="N885135" s="10"/>
    </row>
    <row r="885136" spans="14:14">
      <c r="N885136" s="10"/>
    </row>
    <row r="885137" spans="14:14">
      <c r="N885137" s="10"/>
    </row>
    <row r="885138" spans="14:14">
      <c r="N885138" s="10"/>
    </row>
    <row r="885139" spans="14:14">
      <c r="N885139" s="10"/>
    </row>
    <row r="885140" spans="14:14">
      <c r="N885140" s="10"/>
    </row>
    <row r="885141" spans="14:14">
      <c r="N885141" s="10"/>
    </row>
    <row r="885142" spans="14:14">
      <c r="N885142" s="10"/>
    </row>
    <row r="885143" spans="14:14">
      <c r="N885143" s="10"/>
    </row>
    <row r="885144" spans="14:14">
      <c r="N885144" s="10"/>
    </row>
    <row r="885145" spans="14:14">
      <c r="N885145" s="10"/>
    </row>
    <row r="885146" spans="14:14">
      <c r="N885146" s="10"/>
    </row>
    <row r="885147" spans="14:14">
      <c r="N885147" s="10"/>
    </row>
    <row r="885148" spans="14:14">
      <c r="N885148" s="10"/>
    </row>
    <row r="885149" spans="14:14">
      <c r="N885149" s="10"/>
    </row>
    <row r="885150" spans="14:14">
      <c r="N885150" s="10"/>
    </row>
    <row r="885151" spans="14:14">
      <c r="N885151" s="10"/>
    </row>
    <row r="885152" spans="14:14">
      <c r="N885152" s="10"/>
    </row>
    <row r="885153" spans="14:14">
      <c r="N885153" s="10"/>
    </row>
    <row r="885154" spans="14:14">
      <c r="N885154" s="10"/>
    </row>
    <row r="885155" spans="14:14">
      <c r="N885155" s="10"/>
    </row>
    <row r="885156" spans="14:14">
      <c r="N885156" s="10"/>
    </row>
    <row r="885157" spans="14:14">
      <c r="N885157" s="10"/>
    </row>
    <row r="885158" spans="14:14">
      <c r="N885158" s="10"/>
    </row>
    <row r="885159" spans="14:14">
      <c r="N885159" s="10"/>
    </row>
    <row r="885160" spans="14:14">
      <c r="N885160" s="10"/>
    </row>
    <row r="885161" spans="14:14">
      <c r="N885161" s="10"/>
    </row>
    <row r="885162" spans="14:14">
      <c r="N885162" s="10"/>
    </row>
    <row r="885163" spans="14:14">
      <c r="N885163" s="10"/>
    </row>
    <row r="885164" spans="14:14">
      <c r="N885164" s="10"/>
    </row>
    <row r="885165" spans="14:14">
      <c r="N885165" s="10"/>
    </row>
    <row r="885166" spans="14:14">
      <c r="N885166" s="10"/>
    </row>
    <row r="885167" spans="14:14">
      <c r="N885167" s="10"/>
    </row>
    <row r="885168" spans="14:14">
      <c r="N885168" s="10"/>
    </row>
    <row r="885169" spans="14:14">
      <c r="N885169" s="10"/>
    </row>
    <row r="885170" spans="14:14">
      <c r="N885170" s="10"/>
    </row>
    <row r="885171" spans="14:14">
      <c r="N885171" s="10"/>
    </row>
    <row r="885172" spans="14:14">
      <c r="N885172" s="10"/>
    </row>
    <row r="885173" spans="14:14">
      <c r="N885173" s="10"/>
    </row>
    <row r="885174" spans="14:14">
      <c r="N885174" s="10"/>
    </row>
    <row r="885175" spans="14:14">
      <c r="N885175" s="10"/>
    </row>
    <row r="885176" spans="14:14">
      <c r="N885176" s="10"/>
    </row>
    <row r="885177" spans="14:14">
      <c r="N885177" s="10"/>
    </row>
    <row r="885178" spans="14:14">
      <c r="N885178" s="10"/>
    </row>
    <row r="885179" spans="14:14">
      <c r="N885179" s="10"/>
    </row>
    <row r="885180" spans="14:14">
      <c r="N885180" s="10"/>
    </row>
    <row r="885181" spans="14:14">
      <c r="N885181" s="10"/>
    </row>
    <row r="885182" spans="14:14">
      <c r="N885182" s="10"/>
    </row>
    <row r="885183" spans="14:14">
      <c r="N885183" s="10"/>
    </row>
    <row r="885184" spans="14:14">
      <c r="N885184" s="10"/>
    </row>
    <row r="885185" spans="14:14">
      <c r="N885185" s="10"/>
    </row>
    <row r="885186" spans="14:14">
      <c r="N885186" s="10"/>
    </row>
    <row r="885187" spans="14:14">
      <c r="N885187" s="10"/>
    </row>
    <row r="885188" spans="14:14">
      <c r="N885188" s="10"/>
    </row>
    <row r="885189" spans="14:14">
      <c r="N885189" s="10"/>
    </row>
    <row r="885190" spans="14:14">
      <c r="N885190" s="10"/>
    </row>
    <row r="885191" spans="14:14">
      <c r="N885191" s="10"/>
    </row>
    <row r="885192" spans="14:14">
      <c r="N885192" s="10"/>
    </row>
    <row r="885193" spans="14:14">
      <c r="N885193" s="10"/>
    </row>
    <row r="885194" spans="14:14">
      <c r="N885194" s="10"/>
    </row>
    <row r="885195" spans="14:14">
      <c r="N885195" s="10"/>
    </row>
    <row r="885196" spans="14:14">
      <c r="N885196" s="10"/>
    </row>
    <row r="885197" spans="14:14">
      <c r="N885197" s="10"/>
    </row>
    <row r="885198" spans="14:14">
      <c r="N885198" s="10"/>
    </row>
    <row r="885199" spans="14:14">
      <c r="N885199" s="10"/>
    </row>
    <row r="885200" spans="14:14">
      <c r="N885200" s="10"/>
    </row>
    <row r="885201" spans="14:14">
      <c r="N885201" s="10"/>
    </row>
    <row r="885202" spans="14:14">
      <c r="N885202" s="10"/>
    </row>
    <row r="885203" spans="14:14">
      <c r="N885203" s="10"/>
    </row>
    <row r="885204" spans="14:14">
      <c r="N885204" s="10"/>
    </row>
    <row r="885205" spans="14:14">
      <c r="N885205" s="10"/>
    </row>
    <row r="885206" spans="14:14">
      <c r="N885206" s="10"/>
    </row>
    <row r="885207" spans="14:14">
      <c r="N885207" s="10"/>
    </row>
    <row r="885208" spans="14:14">
      <c r="N885208" s="10"/>
    </row>
    <row r="885209" spans="14:14">
      <c r="N885209" s="10"/>
    </row>
    <row r="885210" spans="14:14">
      <c r="N885210" s="10"/>
    </row>
    <row r="885211" spans="14:14">
      <c r="N885211" s="10"/>
    </row>
    <row r="885212" spans="14:14">
      <c r="N885212" s="10"/>
    </row>
    <row r="885213" spans="14:14">
      <c r="N885213" s="10"/>
    </row>
    <row r="885214" spans="14:14">
      <c r="N885214" s="10"/>
    </row>
    <row r="885215" spans="14:14">
      <c r="N885215" s="10"/>
    </row>
    <row r="885216" spans="14:14">
      <c r="N885216" s="10"/>
    </row>
    <row r="885217" spans="14:14">
      <c r="N885217" s="10"/>
    </row>
    <row r="885218" spans="14:14">
      <c r="N885218" s="10"/>
    </row>
    <row r="885219" spans="14:14">
      <c r="N885219" s="10"/>
    </row>
    <row r="885220" spans="14:14">
      <c r="N885220" s="10"/>
    </row>
    <row r="885221" spans="14:14">
      <c r="N885221" s="10"/>
    </row>
    <row r="885222" spans="14:14">
      <c r="N885222" s="10"/>
    </row>
    <row r="885223" spans="14:14">
      <c r="N885223" s="10"/>
    </row>
    <row r="885224" spans="14:14">
      <c r="N885224" s="10"/>
    </row>
    <row r="885225" spans="14:14">
      <c r="N885225" s="10"/>
    </row>
    <row r="885226" spans="14:14">
      <c r="N885226" s="10"/>
    </row>
    <row r="885227" spans="14:14">
      <c r="N885227" s="10"/>
    </row>
    <row r="885228" spans="14:14">
      <c r="N885228" s="10"/>
    </row>
    <row r="885229" spans="14:14">
      <c r="N885229" s="10"/>
    </row>
    <row r="885230" spans="14:14">
      <c r="N885230" s="10"/>
    </row>
    <row r="885231" spans="14:14">
      <c r="N885231" s="10"/>
    </row>
    <row r="885232" spans="14:14">
      <c r="N885232" s="10"/>
    </row>
    <row r="885233" spans="14:14">
      <c r="N885233" s="10"/>
    </row>
    <row r="885234" spans="14:14">
      <c r="N885234" s="10"/>
    </row>
    <row r="885235" spans="14:14">
      <c r="N885235" s="10"/>
    </row>
    <row r="885236" spans="14:14">
      <c r="N885236" s="10"/>
    </row>
    <row r="885237" spans="14:14">
      <c r="N885237" s="10"/>
    </row>
    <row r="885238" spans="14:14">
      <c r="N885238" s="10"/>
    </row>
    <row r="885239" spans="14:14">
      <c r="N885239" s="10"/>
    </row>
    <row r="885240" spans="14:14">
      <c r="N885240" s="10"/>
    </row>
    <row r="885241" spans="14:14">
      <c r="N885241" s="10"/>
    </row>
    <row r="885242" spans="14:14">
      <c r="N885242" s="10"/>
    </row>
    <row r="885243" spans="14:14">
      <c r="N885243" s="10"/>
    </row>
    <row r="885244" spans="14:14">
      <c r="N885244" s="10"/>
    </row>
    <row r="885245" spans="14:14">
      <c r="N885245" s="10"/>
    </row>
    <row r="885246" spans="14:14">
      <c r="N885246" s="10"/>
    </row>
    <row r="885247" spans="14:14">
      <c r="N885247" s="10"/>
    </row>
    <row r="885248" spans="14:14">
      <c r="N885248" s="10"/>
    </row>
    <row r="885249" spans="14:14">
      <c r="N885249" s="10"/>
    </row>
    <row r="885250" spans="14:14">
      <c r="N885250" s="10"/>
    </row>
    <row r="885251" spans="14:14">
      <c r="N885251" s="10"/>
    </row>
    <row r="885252" spans="14:14">
      <c r="N885252" s="10"/>
    </row>
    <row r="885253" spans="14:14">
      <c r="N885253" s="10"/>
    </row>
    <row r="885254" spans="14:14">
      <c r="N885254" s="10"/>
    </row>
    <row r="885255" spans="14:14">
      <c r="N885255" s="10"/>
    </row>
    <row r="885256" spans="14:14">
      <c r="N885256" s="10"/>
    </row>
    <row r="885257" spans="14:14">
      <c r="N885257" s="10"/>
    </row>
    <row r="885258" spans="14:14">
      <c r="N885258" s="10"/>
    </row>
    <row r="885259" spans="14:14">
      <c r="N885259" s="10"/>
    </row>
    <row r="885260" spans="14:14">
      <c r="N885260" s="10"/>
    </row>
    <row r="885261" spans="14:14">
      <c r="N885261" s="10"/>
    </row>
    <row r="885262" spans="14:14">
      <c r="N885262" s="10"/>
    </row>
    <row r="885263" spans="14:14">
      <c r="N885263" s="10"/>
    </row>
    <row r="885264" spans="14:14">
      <c r="N885264" s="10"/>
    </row>
    <row r="885265" spans="14:14">
      <c r="N885265" s="10"/>
    </row>
    <row r="885266" spans="14:14">
      <c r="N885266" s="10"/>
    </row>
    <row r="885267" spans="14:14">
      <c r="N885267" s="10"/>
    </row>
    <row r="885268" spans="14:14">
      <c r="N885268" s="10"/>
    </row>
    <row r="885269" spans="14:14">
      <c r="N885269" s="10"/>
    </row>
    <row r="885270" spans="14:14">
      <c r="N885270" s="10"/>
    </row>
    <row r="885271" spans="14:14">
      <c r="N885271" s="10"/>
    </row>
    <row r="885272" spans="14:14">
      <c r="N885272" s="10"/>
    </row>
    <row r="885273" spans="14:14">
      <c r="N885273" s="10"/>
    </row>
    <row r="885274" spans="14:14">
      <c r="N885274" s="10"/>
    </row>
    <row r="885275" spans="14:14">
      <c r="N885275" s="10"/>
    </row>
    <row r="885276" spans="14:14">
      <c r="N885276" s="10"/>
    </row>
    <row r="885277" spans="14:14">
      <c r="N885277" s="10"/>
    </row>
    <row r="885278" spans="14:14">
      <c r="N885278" s="10"/>
    </row>
    <row r="885279" spans="14:14">
      <c r="N885279" s="10"/>
    </row>
    <row r="885280" spans="14:14">
      <c r="N885280" s="10"/>
    </row>
    <row r="885281" spans="14:14">
      <c r="N885281" s="10"/>
    </row>
    <row r="885282" spans="14:14">
      <c r="N885282" s="10"/>
    </row>
    <row r="885283" spans="14:14">
      <c r="N885283" s="10"/>
    </row>
    <row r="885284" spans="14:14">
      <c r="N885284" s="10"/>
    </row>
    <row r="885285" spans="14:14">
      <c r="N885285" s="10"/>
    </row>
    <row r="885286" spans="14:14">
      <c r="N885286" s="10"/>
    </row>
    <row r="885287" spans="14:14">
      <c r="N885287" s="10"/>
    </row>
    <row r="885288" spans="14:14">
      <c r="N885288" s="10"/>
    </row>
    <row r="885289" spans="14:14">
      <c r="N885289" s="10"/>
    </row>
    <row r="885290" spans="14:14">
      <c r="N885290" s="10"/>
    </row>
    <row r="885291" spans="14:14">
      <c r="N885291" s="10"/>
    </row>
    <row r="885292" spans="14:14">
      <c r="N885292" s="10"/>
    </row>
    <row r="885293" spans="14:14">
      <c r="N885293" s="10"/>
    </row>
    <row r="885294" spans="14:14">
      <c r="N885294" s="10"/>
    </row>
    <row r="885295" spans="14:14">
      <c r="N885295" s="10"/>
    </row>
    <row r="885296" spans="14:14">
      <c r="N885296" s="10"/>
    </row>
    <row r="885297" spans="14:14">
      <c r="N885297" s="10"/>
    </row>
    <row r="885298" spans="14:14">
      <c r="N885298" s="10"/>
    </row>
    <row r="885299" spans="14:14">
      <c r="N885299" s="10"/>
    </row>
    <row r="885300" spans="14:14">
      <c r="N885300" s="10"/>
    </row>
    <row r="885301" spans="14:14">
      <c r="N885301" s="10"/>
    </row>
    <row r="885302" spans="14:14">
      <c r="N885302" s="10"/>
    </row>
    <row r="885303" spans="14:14">
      <c r="N885303" s="10"/>
    </row>
    <row r="885304" spans="14:14">
      <c r="N885304" s="10"/>
    </row>
    <row r="885305" spans="14:14">
      <c r="N885305" s="10"/>
    </row>
    <row r="885306" spans="14:14">
      <c r="N885306" s="10"/>
    </row>
    <row r="885307" spans="14:14">
      <c r="N885307" s="10"/>
    </row>
    <row r="885308" spans="14:14">
      <c r="N885308" s="10"/>
    </row>
    <row r="885309" spans="14:14">
      <c r="N885309" s="10"/>
    </row>
    <row r="885310" spans="14:14">
      <c r="N885310" s="10"/>
    </row>
    <row r="885311" spans="14:14">
      <c r="N885311" s="10"/>
    </row>
    <row r="885312" spans="14:14">
      <c r="N885312" s="10"/>
    </row>
    <row r="885313" spans="14:14">
      <c r="N885313" s="10"/>
    </row>
    <row r="885314" spans="14:14">
      <c r="N885314" s="10"/>
    </row>
    <row r="885315" spans="14:14">
      <c r="N885315" s="10"/>
    </row>
    <row r="885316" spans="14:14">
      <c r="N885316" s="10"/>
    </row>
    <row r="885317" spans="14:14">
      <c r="N885317" s="10"/>
    </row>
    <row r="885318" spans="14:14">
      <c r="N885318" s="10"/>
    </row>
    <row r="885319" spans="14:14">
      <c r="N885319" s="10"/>
    </row>
    <row r="885320" spans="14:14">
      <c r="N885320" s="10"/>
    </row>
    <row r="885321" spans="14:14">
      <c r="N885321" s="10"/>
    </row>
    <row r="885322" spans="14:14">
      <c r="N885322" s="10"/>
    </row>
    <row r="885323" spans="14:14">
      <c r="N885323" s="10"/>
    </row>
    <row r="885324" spans="14:14">
      <c r="N885324" s="10"/>
    </row>
    <row r="885325" spans="14:14">
      <c r="N885325" s="10"/>
    </row>
    <row r="885326" spans="14:14">
      <c r="N885326" s="10"/>
    </row>
    <row r="885327" spans="14:14">
      <c r="N885327" s="10"/>
    </row>
    <row r="885328" spans="14:14">
      <c r="N885328" s="10"/>
    </row>
    <row r="885329" spans="14:14">
      <c r="N885329" s="10"/>
    </row>
    <row r="885330" spans="14:14">
      <c r="N885330" s="10"/>
    </row>
    <row r="885331" spans="14:14">
      <c r="N885331" s="10"/>
    </row>
    <row r="885332" spans="14:14">
      <c r="N885332" s="10"/>
    </row>
    <row r="885333" spans="14:14">
      <c r="N885333" s="10"/>
    </row>
    <row r="885334" spans="14:14">
      <c r="N885334" s="10"/>
    </row>
    <row r="885335" spans="14:14">
      <c r="N885335" s="10"/>
    </row>
    <row r="885336" spans="14:14">
      <c r="N885336" s="10"/>
    </row>
    <row r="885337" spans="14:14">
      <c r="N885337" s="10"/>
    </row>
    <row r="885338" spans="14:14">
      <c r="N885338" s="10"/>
    </row>
    <row r="885339" spans="14:14">
      <c r="N885339" s="10"/>
    </row>
    <row r="885340" spans="14:14">
      <c r="N885340" s="10"/>
    </row>
    <row r="885341" spans="14:14">
      <c r="N885341" s="10"/>
    </row>
    <row r="885342" spans="14:14">
      <c r="N885342" s="10"/>
    </row>
    <row r="885343" spans="14:14">
      <c r="N885343" s="10"/>
    </row>
    <row r="885344" spans="14:14">
      <c r="N885344" s="10"/>
    </row>
    <row r="885345" spans="14:14">
      <c r="N885345" s="10"/>
    </row>
    <row r="885346" spans="14:14">
      <c r="N885346" s="10"/>
    </row>
    <row r="885347" spans="14:14">
      <c r="N885347" s="10"/>
    </row>
    <row r="885348" spans="14:14">
      <c r="N885348" s="10"/>
    </row>
    <row r="885349" spans="14:14">
      <c r="N885349" s="10"/>
    </row>
    <row r="885350" spans="14:14">
      <c r="N885350" s="10"/>
    </row>
    <row r="885351" spans="14:14">
      <c r="N885351" s="10"/>
    </row>
    <row r="885352" spans="14:14">
      <c r="N885352" s="10"/>
    </row>
    <row r="885353" spans="14:14">
      <c r="N885353" s="10"/>
    </row>
    <row r="885354" spans="14:14">
      <c r="N885354" s="10"/>
    </row>
    <row r="885355" spans="14:14">
      <c r="N885355" s="10"/>
    </row>
    <row r="885356" spans="14:14">
      <c r="N885356" s="10"/>
    </row>
    <row r="885357" spans="14:14">
      <c r="N885357" s="10"/>
    </row>
    <row r="885358" spans="14:14">
      <c r="N885358" s="10"/>
    </row>
    <row r="885359" spans="14:14">
      <c r="N885359" s="10"/>
    </row>
    <row r="885360" spans="14:14">
      <c r="N885360" s="10"/>
    </row>
    <row r="885361" spans="14:14">
      <c r="N885361" s="10"/>
    </row>
    <row r="885362" spans="14:14">
      <c r="N885362" s="10"/>
    </row>
    <row r="885363" spans="14:14">
      <c r="N885363" s="10"/>
    </row>
    <row r="885364" spans="14:14">
      <c r="N885364" s="10"/>
    </row>
    <row r="885365" spans="14:14">
      <c r="N885365" s="10"/>
    </row>
    <row r="885366" spans="14:14">
      <c r="N885366" s="10"/>
    </row>
    <row r="885367" spans="14:14">
      <c r="N885367" s="10"/>
    </row>
    <row r="885368" spans="14:14">
      <c r="N885368" s="10"/>
    </row>
    <row r="885369" spans="14:14">
      <c r="N885369" s="10"/>
    </row>
    <row r="885370" spans="14:14">
      <c r="N885370" s="10"/>
    </row>
    <row r="885371" spans="14:14">
      <c r="N885371" s="10"/>
    </row>
    <row r="885372" spans="14:14">
      <c r="N885372" s="10"/>
    </row>
    <row r="885373" spans="14:14">
      <c r="N885373" s="10"/>
    </row>
    <row r="885374" spans="14:14">
      <c r="N885374" s="10"/>
    </row>
    <row r="885375" spans="14:14">
      <c r="N885375" s="10"/>
    </row>
    <row r="885376" spans="14:14">
      <c r="N885376" s="10"/>
    </row>
    <row r="885377" spans="14:14">
      <c r="N885377" s="10"/>
    </row>
    <row r="885378" spans="14:14">
      <c r="N885378" s="10"/>
    </row>
    <row r="885379" spans="14:14">
      <c r="N885379" s="10"/>
    </row>
    <row r="885380" spans="14:14">
      <c r="N885380" s="10"/>
    </row>
    <row r="885381" spans="14:14">
      <c r="N885381" s="10"/>
    </row>
    <row r="885382" spans="14:14">
      <c r="N885382" s="10"/>
    </row>
    <row r="885383" spans="14:14">
      <c r="N885383" s="10"/>
    </row>
    <row r="885384" spans="14:14">
      <c r="N885384" s="10"/>
    </row>
    <row r="885385" spans="14:14">
      <c r="N885385" s="10"/>
    </row>
    <row r="885386" spans="14:14">
      <c r="N885386" s="10"/>
    </row>
    <row r="885387" spans="14:14">
      <c r="N885387" s="10"/>
    </row>
    <row r="885388" spans="14:14">
      <c r="N885388" s="10"/>
    </row>
    <row r="885389" spans="14:14">
      <c r="N885389" s="10"/>
    </row>
    <row r="885390" spans="14:14">
      <c r="N885390" s="10"/>
    </row>
    <row r="885391" spans="14:14">
      <c r="N885391" s="10"/>
    </row>
    <row r="885392" spans="14:14">
      <c r="N885392" s="10"/>
    </row>
    <row r="885393" spans="14:14">
      <c r="N885393" s="10"/>
    </row>
    <row r="885394" spans="14:14">
      <c r="N885394" s="10"/>
    </row>
    <row r="885395" spans="14:14">
      <c r="N885395" s="10"/>
    </row>
    <row r="885396" spans="14:14">
      <c r="N885396" s="10"/>
    </row>
    <row r="885397" spans="14:14">
      <c r="N885397" s="10"/>
    </row>
    <row r="885398" spans="14:14">
      <c r="N885398" s="10"/>
    </row>
    <row r="885399" spans="14:14">
      <c r="N885399" s="10"/>
    </row>
    <row r="885400" spans="14:14">
      <c r="N885400" s="10"/>
    </row>
    <row r="885401" spans="14:14">
      <c r="N885401" s="10"/>
    </row>
    <row r="885402" spans="14:14">
      <c r="N885402" s="10"/>
    </row>
    <row r="885403" spans="14:14">
      <c r="N885403" s="10"/>
    </row>
    <row r="885404" spans="14:14">
      <c r="N885404" s="10"/>
    </row>
    <row r="885405" spans="14:14">
      <c r="N885405" s="10"/>
    </row>
    <row r="885406" spans="14:14">
      <c r="N885406" s="10"/>
    </row>
    <row r="885407" spans="14:14">
      <c r="N885407" s="10"/>
    </row>
    <row r="885408" spans="14:14">
      <c r="N885408" s="10"/>
    </row>
    <row r="885409" spans="14:14">
      <c r="N885409" s="10"/>
    </row>
    <row r="885410" spans="14:14">
      <c r="N885410" s="10"/>
    </row>
    <row r="885411" spans="14:14">
      <c r="N885411" s="10"/>
    </row>
    <row r="885412" spans="14:14">
      <c r="N885412" s="10"/>
    </row>
    <row r="885413" spans="14:14">
      <c r="N885413" s="10"/>
    </row>
    <row r="885414" spans="14:14">
      <c r="N885414" s="10"/>
    </row>
    <row r="885415" spans="14:14">
      <c r="N885415" s="10"/>
    </row>
    <row r="885416" spans="14:14">
      <c r="N885416" s="10"/>
    </row>
    <row r="885417" spans="14:14">
      <c r="N885417" s="10"/>
    </row>
    <row r="885418" spans="14:14">
      <c r="N885418" s="10"/>
    </row>
    <row r="885419" spans="14:14">
      <c r="N885419" s="10"/>
    </row>
    <row r="885420" spans="14:14">
      <c r="N885420" s="10"/>
    </row>
    <row r="885421" spans="14:14">
      <c r="N885421" s="10"/>
    </row>
    <row r="885422" spans="14:14">
      <c r="N885422" s="10"/>
    </row>
    <row r="885423" spans="14:14">
      <c r="N885423" s="10"/>
    </row>
    <row r="885424" spans="14:14">
      <c r="N885424" s="10"/>
    </row>
    <row r="885425" spans="14:14">
      <c r="N885425" s="10"/>
    </row>
    <row r="885426" spans="14:14">
      <c r="N885426" s="10"/>
    </row>
    <row r="885427" spans="14:14">
      <c r="N885427" s="10"/>
    </row>
    <row r="885428" spans="14:14">
      <c r="N885428" s="10"/>
    </row>
    <row r="885429" spans="14:14">
      <c r="N885429" s="10"/>
    </row>
    <row r="885430" spans="14:14">
      <c r="N885430" s="10"/>
    </row>
    <row r="885431" spans="14:14">
      <c r="N885431" s="10"/>
    </row>
    <row r="885432" spans="14:14">
      <c r="N885432" s="10"/>
    </row>
    <row r="885433" spans="14:14">
      <c r="N885433" s="10"/>
    </row>
    <row r="885434" spans="14:14">
      <c r="N885434" s="10"/>
    </row>
    <row r="885435" spans="14:14">
      <c r="N885435" s="10"/>
    </row>
    <row r="885436" spans="14:14">
      <c r="N885436" s="10"/>
    </row>
    <row r="885437" spans="14:14">
      <c r="N885437" s="10"/>
    </row>
    <row r="885438" spans="14:14">
      <c r="N885438" s="10"/>
    </row>
    <row r="885439" spans="14:14">
      <c r="N885439" s="10"/>
    </row>
    <row r="885440" spans="14:14">
      <c r="N885440" s="10"/>
    </row>
    <row r="885441" spans="14:14">
      <c r="N885441" s="10"/>
    </row>
    <row r="885442" spans="14:14">
      <c r="N885442" s="10"/>
    </row>
    <row r="885443" spans="14:14">
      <c r="N885443" s="10"/>
    </row>
    <row r="885444" spans="14:14">
      <c r="N885444" s="10"/>
    </row>
    <row r="885445" spans="14:14">
      <c r="N885445" s="10"/>
    </row>
    <row r="885446" spans="14:14">
      <c r="N885446" s="10"/>
    </row>
    <row r="885447" spans="14:14">
      <c r="N885447" s="10"/>
    </row>
    <row r="885448" spans="14:14">
      <c r="N885448" s="10"/>
    </row>
    <row r="885449" spans="14:14">
      <c r="N885449" s="10"/>
    </row>
    <row r="885450" spans="14:14">
      <c r="N885450" s="10"/>
    </row>
    <row r="885451" spans="14:14">
      <c r="N885451" s="10"/>
    </row>
    <row r="885452" spans="14:14">
      <c r="N885452" s="10"/>
    </row>
    <row r="885453" spans="14:14">
      <c r="N885453" s="10"/>
    </row>
    <row r="885454" spans="14:14">
      <c r="N885454" s="10"/>
    </row>
    <row r="885455" spans="14:14">
      <c r="N885455" s="10"/>
    </row>
    <row r="885456" spans="14:14">
      <c r="N885456" s="10"/>
    </row>
    <row r="885457" spans="14:14">
      <c r="N885457" s="10"/>
    </row>
    <row r="885458" spans="14:14">
      <c r="N885458" s="10"/>
    </row>
    <row r="885459" spans="14:14">
      <c r="N885459" s="10"/>
    </row>
    <row r="885460" spans="14:14">
      <c r="N885460" s="10"/>
    </row>
    <row r="885461" spans="14:14">
      <c r="N885461" s="10"/>
    </row>
    <row r="885462" spans="14:14">
      <c r="N885462" s="10"/>
    </row>
    <row r="885463" spans="14:14">
      <c r="N885463" s="10"/>
    </row>
    <row r="885464" spans="14:14">
      <c r="N885464" s="10"/>
    </row>
    <row r="885465" spans="14:14">
      <c r="N885465" s="10"/>
    </row>
    <row r="885466" spans="14:14">
      <c r="N885466" s="10"/>
    </row>
    <row r="885467" spans="14:14">
      <c r="N885467" s="10"/>
    </row>
    <row r="885468" spans="14:14">
      <c r="N885468" s="10"/>
    </row>
    <row r="885469" spans="14:14">
      <c r="N885469" s="10"/>
    </row>
    <row r="885470" spans="14:14">
      <c r="N885470" s="10"/>
    </row>
    <row r="885471" spans="14:14">
      <c r="N885471" s="10"/>
    </row>
    <row r="885472" spans="14:14">
      <c r="N885472" s="10"/>
    </row>
    <row r="885473" spans="14:14">
      <c r="N885473" s="10"/>
    </row>
    <row r="885474" spans="14:14">
      <c r="N885474" s="10"/>
    </row>
    <row r="885475" spans="14:14">
      <c r="N885475" s="10"/>
    </row>
    <row r="885476" spans="14:14">
      <c r="N885476" s="10"/>
    </row>
    <row r="885477" spans="14:14">
      <c r="N885477" s="10"/>
    </row>
    <row r="885478" spans="14:14">
      <c r="N885478" s="10"/>
    </row>
    <row r="885479" spans="14:14">
      <c r="N885479" s="10"/>
    </row>
    <row r="885480" spans="14:14">
      <c r="N885480" s="10"/>
    </row>
    <row r="885481" spans="14:14">
      <c r="N885481" s="10"/>
    </row>
    <row r="885482" spans="14:14">
      <c r="N885482" s="10"/>
    </row>
    <row r="885483" spans="14:14">
      <c r="N885483" s="10"/>
    </row>
    <row r="885484" spans="14:14">
      <c r="N885484" s="10"/>
    </row>
    <row r="885485" spans="14:14">
      <c r="N885485" s="10"/>
    </row>
    <row r="885486" spans="14:14">
      <c r="N885486" s="10"/>
    </row>
    <row r="885487" spans="14:14">
      <c r="N885487" s="10"/>
    </row>
    <row r="885488" spans="14:14">
      <c r="N885488" s="10"/>
    </row>
    <row r="885489" spans="14:14">
      <c r="N885489" s="10"/>
    </row>
    <row r="885490" spans="14:14">
      <c r="N885490" s="10"/>
    </row>
    <row r="885491" spans="14:14">
      <c r="N885491" s="10"/>
    </row>
    <row r="885492" spans="14:14">
      <c r="N885492" s="10"/>
    </row>
    <row r="885493" spans="14:14">
      <c r="N885493" s="10"/>
    </row>
    <row r="885494" spans="14:14">
      <c r="N885494" s="10"/>
    </row>
    <row r="885495" spans="14:14">
      <c r="N885495" s="10"/>
    </row>
    <row r="885496" spans="14:14">
      <c r="N885496" s="10"/>
    </row>
    <row r="885497" spans="14:14">
      <c r="N885497" s="10"/>
    </row>
    <row r="885498" spans="14:14">
      <c r="N885498" s="10"/>
    </row>
    <row r="885499" spans="14:14">
      <c r="N885499" s="10"/>
    </row>
    <row r="885500" spans="14:14">
      <c r="N885500" s="10"/>
    </row>
    <row r="885501" spans="14:14">
      <c r="N885501" s="10"/>
    </row>
    <row r="885502" spans="14:14">
      <c r="N885502" s="10"/>
    </row>
    <row r="885503" spans="14:14">
      <c r="N885503" s="10"/>
    </row>
    <row r="885504" spans="14:14">
      <c r="N885504" s="10"/>
    </row>
    <row r="885505" spans="14:14">
      <c r="N885505" s="10"/>
    </row>
    <row r="885506" spans="14:14">
      <c r="N885506" s="10"/>
    </row>
    <row r="885507" spans="14:14">
      <c r="N885507" s="10"/>
    </row>
    <row r="885508" spans="14:14">
      <c r="N885508" s="10"/>
    </row>
    <row r="885509" spans="14:14">
      <c r="N885509" s="10"/>
    </row>
    <row r="885510" spans="14:14">
      <c r="N885510" s="10"/>
    </row>
    <row r="885511" spans="14:14">
      <c r="N885511" s="10"/>
    </row>
    <row r="885512" spans="14:14">
      <c r="N885512" s="10"/>
    </row>
    <row r="885513" spans="14:14">
      <c r="N885513" s="10"/>
    </row>
    <row r="885514" spans="14:14">
      <c r="N885514" s="10"/>
    </row>
    <row r="885515" spans="14:14">
      <c r="N885515" s="10"/>
    </row>
    <row r="885516" spans="14:14">
      <c r="N885516" s="10"/>
    </row>
    <row r="885517" spans="14:14">
      <c r="N885517" s="10"/>
    </row>
    <row r="885518" spans="14:14">
      <c r="N885518" s="10"/>
    </row>
    <row r="885519" spans="14:14">
      <c r="N885519" s="10"/>
    </row>
    <row r="885520" spans="14:14">
      <c r="N885520" s="10"/>
    </row>
    <row r="885521" spans="14:14">
      <c r="N885521" s="10"/>
    </row>
    <row r="885522" spans="14:14">
      <c r="N885522" s="10"/>
    </row>
    <row r="885523" spans="14:14">
      <c r="N885523" s="10"/>
    </row>
    <row r="885524" spans="14:14">
      <c r="N885524" s="10"/>
    </row>
    <row r="885525" spans="14:14">
      <c r="N885525" s="10"/>
    </row>
    <row r="885526" spans="14:14">
      <c r="N885526" s="10"/>
    </row>
    <row r="885527" spans="14:14">
      <c r="N885527" s="10"/>
    </row>
    <row r="885528" spans="14:14">
      <c r="N885528" s="10"/>
    </row>
    <row r="885529" spans="14:14">
      <c r="N885529" s="10"/>
    </row>
    <row r="885530" spans="14:14">
      <c r="N885530" s="10"/>
    </row>
    <row r="885531" spans="14:14">
      <c r="N885531" s="10"/>
    </row>
    <row r="885532" spans="14:14">
      <c r="N885532" s="10"/>
    </row>
    <row r="885533" spans="14:14">
      <c r="N885533" s="10"/>
    </row>
    <row r="885534" spans="14:14">
      <c r="N885534" s="10"/>
    </row>
    <row r="885535" spans="14:14">
      <c r="N885535" s="10"/>
    </row>
    <row r="885536" spans="14:14">
      <c r="N885536" s="10"/>
    </row>
    <row r="885537" spans="14:14">
      <c r="N885537" s="10"/>
    </row>
    <row r="885538" spans="14:14">
      <c r="N885538" s="10"/>
    </row>
    <row r="885539" spans="14:14">
      <c r="N885539" s="10"/>
    </row>
    <row r="885540" spans="14:14">
      <c r="N885540" s="10"/>
    </row>
    <row r="885541" spans="14:14">
      <c r="N885541" s="10"/>
    </row>
    <row r="885542" spans="14:14">
      <c r="N885542" s="10"/>
    </row>
    <row r="885543" spans="14:14">
      <c r="N885543" s="10"/>
    </row>
    <row r="885544" spans="14:14">
      <c r="N885544" s="10"/>
    </row>
    <row r="885545" spans="14:14">
      <c r="N885545" s="10"/>
    </row>
    <row r="885546" spans="14:14">
      <c r="N885546" s="10"/>
    </row>
    <row r="885547" spans="14:14">
      <c r="N885547" s="10"/>
    </row>
    <row r="885548" spans="14:14">
      <c r="N885548" s="10"/>
    </row>
    <row r="885549" spans="14:14">
      <c r="N885549" s="10"/>
    </row>
    <row r="885550" spans="14:14">
      <c r="N885550" s="10"/>
    </row>
    <row r="885551" spans="14:14">
      <c r="N885551" s="10"/>
    </row>
    <row r="885552" spans="14:14">
      <c r="N885552" s="10"/>
    </row>
    <row r="885553" spans="14:14">
      <c r="N885553" s="10"/>
    </row>
    <row r="885554" spans="14:14">
      <c r="N885554" s="10"/>
    </row>
    <row r="885555" spans="14:14">
      <c r="N885555" s="10"/>
    </row>
    <row r="885556" spans="14:14">
      <c r="N885556" s="10"/>
    </row>
    <row r="885557" spans="14:14">
      <c r="N885557" s="10"/>
    </row>
    <row r="885558" spans="14:14">
      <c r="N885558" s="10"/>
    </row>
    <row r="885559" spans="14:14">
      <c r="N885559" s="10"/>
    </row>
    <row r="885560" spans="14:14">
      <c r="N885560" s="10"/>
    </row>
    <row r="885561" spans="14:14">
      <c r="N885561" s="10"/>
    </row>
    <row r="885562" spans="14:14">
      <c r="N885562" s="10"/>
    </row>
    <row r="885563" spans="14:14">
      <c r="N885563" s="10"/>
    </row>
    <row r="885564" spans="14:14">
      <c r="N885564" s="10"/>
    </row>
    <row r="885565" spans="14:14">
      <c r="N885565" s="10"/>
    </row>
    <row r="885566" spans="14:14">
      <c r="N885566" s="10"/>
    </row>
    <row r="885567" spans="14:14">
      <c r="N885567" s="10"/>
    </row>
    <row r="885568" spans="14:14">
      <c r="N885568" s="10"/>
    </row>
    <row r="885569" spans="14:14">
      <c r="N885569" s="10"/>
    </row>
    <row r="885570" spans="14:14">
      <c r="N885570" s="10"/>
    </row>
    <row r="885571" spans="14:14">
      <c r="N885571" s="10"/>
    </row>
    <row r="885572" spans="14:14">
      <c r="N885572" s="10"/>
    </row>
    <row r="885573" spans="14:14">
      <c r="N885573" s="10"/>
    </row>
    <row r="885574" spans="14:14">
      <c r="N885574" s="10"/>
    </row>
    <row r="885575" spans="14:14">
      <c r="N885575" s="10"/>
    </row>
    <row r="885576" spans="14:14">
      <c r="N885576" s="10"/>
    </row>
    <row r="885577" spans="14:14">
      <c r="N885577" s="10"/>
    </row>
    <row r="885578" spans="14:14">
      <c r="N885578" s="10"/>
    </row>
    <row r="885579" spans="14:14">
      <c r="N885579" s="10"/>
    </row>
    <row r="885580" spans="14:14">
      <c r="N885580" s="10"/>
    </row>
    <row r="885581" spans="14:14">
      <c r="N885581" s="10"/>
    </row>
    <row r="885582" spans="14:14">
      <c r="N885582" s="10"/>
    </row>
    <row r="885583" spans="14:14">
      <c r="N885583" s="10"/>
    </row>
    <row r="885584" spans="14:14">
      <c r="N885584" s="10"/>
    </row>
    <row r="885585" spans="14:14">
      <c r="N885585" s="10"/>
    </row>
    <row r="885586" spans="14:14">
      <c r="N885586" s="10"/>
    </row>
    <row r="885587" spans="14:14">
      <c r="N885587" s="10"/>
    </row>
    <row r="885588" spans="14:14">
      <c r="N885588" s="10"/>
    </row>
    <row r="885589" spans="14:14">
      <c r="N885589" s="10"/>
    </row>
    <row r="885590" spans="14:14">
      <c r="N885590" s="10"/>
    </row>
    <row r="885591" spans="14:14">
      <c r="N885591" s="10"/>
    </row>
    <row r="885592" spans="14:14">
      <c r="N885592" s="10"/>
    </row>
    <row r="885593" spans="14:14">
      <c r="N885593" s="10"/>
    </row>
    <row r="885594" spans="14:14">
      <c r="N885594" s="10"/>
    </row>
    <row r="885595" spans="14:14">
      <c r="N885595" s="10"/>
    </row>
    <row r="885596" spans="14:14">
      <c r="N885596" s="10"/>
    </row>
    <row r="885597" spans="14:14">
      <c r="N885597" s="10"/>
    </row>
    <row r="885598" spans="14:14">
      <c r="N885598" s="10"/>
    </row>
    <row r="885599" spans="14:14">
      <c r="N885599" s="10"/>
    </row>
    <row r="885600" spans="14:14">
      <c r="N885600" s="10"/>
    </row>
    <row r="885601" spans="14:14">
      <c r="N885601" s="10"/>
    </row>
    <row r="885602" spans="14:14">
      <c r="N885602" s="10"/>
    </row>
    <row r="885603" spans="14:14">
      <c r="N885603" s="10"/>
    </row>
    <row r="885604" spans="14:14">
      <c r="N885604" s="10"/>
    </row>
    <row r="885605" spans="14:14">
      <c r="N885605" s="10"/>
    </row>
    <row r="885606" spans="14:14">
      <c r="N885606" s="10"/>
    </row>
    <row r="885607" spans="14:14">
      <c r="N885607" s="10"/>
    </row>
    <row r="885608" spans="14:14">
      <c r="N885608" s="10"/>
    </row>
    <row r="885609" spans="14:14">
      <c r="N885609" s="10"/>
    </row>
    <row r="885610" spans="14:14">
      <c r="N885610" s="10"/>
    </row>
    <row r="885611" spans="14:14">
      <c r="N885611" s="10"/>
    </row>
    <row r="885612" spans="14:14">
      <c r="N885612" s="10"/>
    </row>
    <row r="885613" spans="14:14">
      <c r="N885613" s="10"/>
    </row>
    <row r="885614" spans="14:14">
      <c r="N885614" s="10"/>
    </row>
    <row r="885615" spans="14:14">
      <c r="N885615" s="10"/>
    </row>
    <row r="885616" spans="14:14">
      <c r="N885616" s="10"/>
    </row>
    <row r="885617" spans="14:14">
      <c r="N885617" s="10"/>
    </row>
    <row r="885618" spans="14:14">
      <c r="N885618" s="10"/>
    </row>
    <row r="885619" spans="14:14">
      <c r="N885619" s="10"/>
    </row>
    <row r="885620" spans="14:14">
      <c r="N885620" s="10"/>
    </row>
    <row r="885621" spans="14:14">
      <c r="N885621" s="10"/>
    </row>
    <row r="885622" spans="14:14">
      <c r="N885622" s="10"/>
    </row>
    <row r="885623" spans="14:14">
      <c r="N885623" s="10"/>
    </row>
    <row r="885624" spans="14:14">
      <c r="N885624" s="10"/>
    </row>
    <row r="885625" spans="14:14">
      <c r="N885625" s="10"/>
    </row>
    <row r="885626" spans="14:14">
      <c r="N885626" s="10"/>
    </row>
    <row r="885627" spans="14:14">
      <c r="N885627" s="10"/>
    </row>
    <row r="885628" spans="14:14">
      <c r="N885628" s="10"/>
    </row>
    <row r="885629" spans="14:14">
      <c r="N885629" s="10"/>
    </row>
    <row r="885630" spans="14:14">
      <c r="N885630" s="10"/>
    </row>
    <row r="885631" spans="14:14">
      <c r="N885631" s="10"/>
    </row>
    <row r="885632" spans="14:14">
      <c r="N885632" s="10"/>
    </row>
    <row r="885633" spans="14:14">
      <c r="N885633" s="10"/>
    </row>
    <row r="885634" spans="14:14">
      <c r="N885634" s="10"/>
    </row>
    <row r="885635" spans="14:14">
      <c r="N885635" s="10"/>
    </row>
    <row r="885636" spans="14:14">
      <c r="N885636" s="10"/>
    </row>
    <row r="885637" spans="14:14">
      <c r="N885637" s="10"/>
    </row>
    <row r="885638" spans="14:14">
      <c r="N885638" s="10"/>
    </row>
    <row r="885639" spans="14:14">
      <c r="N885639" s="10"/>
    </row>
    <row r="885640" spans="14:14">
      <c r="N885640" s="10"/>
    </row>
    <row r="885641" spans="14:14">
      <c r="N885641" s="10"/>
    </row>
    <row r="885642" spans="14:14">
      <c r="N885642" s="10"/>
    </row>
    <row r="885643" spans="14:14">
      <c r="N885643" s="10"/>
    </row>
    <row r="885644" spans="14:14">
      <c r="N885644" s="10"/>
    </row>
    <row r="885645" spans="14:14">
      <c r="N885645" s="10"/>
    </row>
    <row r="885646" spans="14:14">
      <c r="N885646" s="10"/>
    </row>
    <row r="885647" spans="14:14">
      <c r="N885647" s="10"/>
    </row>
    <row r="885648" spans="14:14">
      <c r="N885648" s="10"/>
    </row>
    <row r="885649" spans="14:14">
      <c r="N885649" s="10"/>
    </row>
    <row r="885650" spans="14:14">
      <c r="N885650" s="10"/>
    </row>
    <row r="885651" spans="14:14">
      <c r="N885651" s="10"/>
    </row>
    <row r="885652" spans="14:14">
      <c r="N885652" s="10"/>
    </row>
    <row r="885653" spans="14:14">
      <c r="N885653" s="10"/>
    </row>
    <row r="885654" spans="14:14">
      <c r="N885654" s="10"/>
    </row>
    <row r="885655" spans="14:14">
      <c r="N885655" s="10"/>
    </row>
    <row r="885656" spans="14:14">
      <c r="N885656" s="10"/>
    </row>
    <row r="885657" spans="14:14">
      <c r="N885657" s="10"/>
    </row>
    <row r="885658" spans="14:14">
      <c r="N885658" s="10"/>
    </row>
    <row r="885659" spans="14:14">
      <c r="N885659" s="10"/>
    </row>
    <row r="885660" spans="14:14">
      <c r="N885660" s="10"/>
    </row>
    <row r="885661" spans="14:14">
      <c r="N885661" s="10"/>
    </row>
    <row r="885662" spans="14:14">
      <c r="N885662" s="10"/>
    </row>
    <row r="885663" spans="14:14">
      <c r="N885663" s="10"/>
    </row>
    <row r="885664" spans="14:14">
      <c r="N885664" s="10"/>
    </row>
    <row r="885665" spans="14:14">
      <c r="N885665" s="10"/>
    </row>
    <row r="885666" spans="14:14">
      <c r="N885666" s="10"/>
    </row>
    <row r="885667" spans="14:14">
      <c r="N885667" s="10"/>
    </row>
    <row r="885668" spans="14:14">
      <c r="N885668" s="10"/>
    </row>
    <row r="885669" spans="14:14">
      <c r="N885669" s="10"/>
    </row>
    <row r="885670" spans="14:14">
      <c r="N885670" s="10"/>
    </row>
    <row r="885671" spans="14:14">
      <c r="N885671" s="10"/>
    </row>
    <row r="885672" spans="14:14">
      <c r="N885672" s="10"/>
    </row>
    <row r="885673" spans="14:14">
      <c r="N885673" s="10"/>
    </row>
    <row r="885674" spans="14:14">
      <c r="N885674" s="10"/>
    </row>
    <row r="885675" spans="14:14">
      <c r="N885675" s="10"/>
    </row>
    <row r="885676" spans="14:14">
      <c r="N885676" s="10"/>
    </row>
    <row r="885677" spans="14:14">
      <c r="N885677" s="10"/>
    </row>
    <row r="885678" spans="14:14">
      <c r="N885678" s="10"/>
    </row>
    <row r="885679" spans="14:14">
      <c r="N885679" s="10"/>
    </row>
    <row r="885680" spans="14:14">
      <c r="N885680" s="10"/>
    </row>
    <row r="885681" spans="14:14">
      <c r="N885681" s="10"/>
    </row>
    <row r="885682" spans="14:14">
      <c r="N885682" s="10"/>
    </row>
    <row r="885683" spans="14:14">
      <c r="N885683" s="10"/>
    </row>
    <row r="885684" spans="14:14">
      <c r="N885684" s="10"/>
    </row>
    <row r="885685" spans="14:14">
      <c r="N885685" s="10"/>
    </row>
    <row r="885686" spans="14:14">
      <c r="N885686" s="10"/>
    </row>
    <row r="885687" spans="14:14">
      <c r="N885687" s="10"/>
    </row>
    <row r="885688" spans="14:14">
      <c r="N885688" s="10"/>
    </row>
    <row r="885689" spans="14:14">
      <c r="N885689" s="10"/>
    </row>
    <row r="885690" spans="14:14">
      <c r="N885690" s="10"/>
    </row>
    <row r="885691" spans="14:14">
      <c r="N885691" s="10"/>
    </row>
    <row r="885692" spans="14:14">
      <c r="N885692" s="10"/>
    </row>
    <row r="885693" spans="14:14">
      <c r="N885693" s="10"/>
    </row>
    <row r="885694" spans="14:14">
      <c r="N885694" s="10"/>
    </row>
    <row r="885695" spans="14:14">
      <c r="N885695" s="10"/>
    </row>
    <row r="885696" spans="14:14">
      <c r="N885696" s="10"/>
    </row>
    <row r="885697" spans="14:14">
      <c r="N885697" s="10"/>
    </row>
    <row r="885698" spans="14:14">
      <c r="N885698" s="10"/>
    </row>
    <row r="885699" spans="14:14">
      <c r="N885699" s="10"/>
    </row>
    <row r="885700" spans="14:14">
      <c r="N885700" s="10"/>
    </row>
    <row r="885701" spans="14:14">
      <c r="N885701" s="10"/>
    </row>
    <row r="885702" spans="14:14">
      <c r="N885702" s="10"/>
    </row>
    <row r="885703" spans="14:14">
      <c r="N885703" s="10"/>
    </row>
    <row r="885704" spans="14:14">
      <c r="N885704" s="10"/>
    </row>
    <row r="885705" spans="14:14">
      <c r="N885705" s="10"/>
    </row>
    <row r="885706" spans="14:14">
      <c r="N885706" s="10"/>
    </row>
    <row r="885707" spans="14:14">
      <c r="N885707" s="10"/>
    </row>
    <row r="885708" spans="14:14">
      <c r="N885708" s="10"/>
    </row>
    <row r="885709" spans="14:14">
      <c r="N885709" s="10"/>
    </row>
    <row r="885710" spans="14:14">
      <c r="N885710" s="10"/>
    </row>
    <row r="885711" spans="14:14">
      <c r="N885711" s="10"/>
    </row>
    <row r="885712" spans="14:14">
      <c r="N885712" s="10"/>
    </row>
    <row r="885713" spans="14:14">
      <c r="N885713" s="10"/>
    </row>
    <row r="885714" spans="14:14">
      <c r="N885714" s="10"/>
    </row>
    <row r="885715" spans="14:14">
      <c r="N885715" s="10"/>
    </row>
    <row r="885716" spans="14:14">
      <c r="N885716" s="10"/>
    </row>
    <row r="885717" spans="14:14">
      <c r="N885717" s="10"/>
    </row>
    <row r="885718" spans="14:14">
      <c r="N885718" s="10"/>
    </row>
    <row r="885719" spans="14:14">
      <c r="N885719" s="10"/>
    </row>
    <row r="885720" spans="14:14">
      <c r="N885720" s="10"/>
    </row>
    <row r="885721" spans="14:14">
      <c r="N885721" s="10"/>
    </row>
    <row r="885722" spans="14:14">
      <c r="N885722" s="10"/>
    </row>
    <row r="885723" spans="14:14">
      <c r="N885723" s="10"/>
    </row>
    <row r="885724" spans="14:14">
      <c r="N885724" s="10"/>
    </row>
    <row r="885725" spans="14:14">
      <c r="N885725" s="10"/>
    </row>
    <row r="885726" spans="14:14">
      <c r="N885726" s="10"/>
    </row>
    <row r="885727" spans="14:14">
      <c r="N885727" s="10"/>
    </row>
    <row r="885728" spans="14:14">
      <c r="N885728" s="10"/>
    </row>
    <row r="885729" spans="14:14">
      <c r="N885729" s="10"/>
    </row>
    <row r="885730" spans="14:14">
      <c r="N885730" s="10"/>
    </row>
    <row r="885731" spans="14:14">
      <c r="N885731" s="10"/>
    </row>
    <row r="885732" spans="14:14">
      <c r="N885732" s="10"/>
    </row>
    <row r="885733" spans="14:14">
      <c r="N885733" s="10"/>
    </row>
    <row r="885734" spans="14:14">
      <c r="N885734" s="10"/>
    </row>
    <row r="885735" spans="14:14">
      <c r="N885735" s="10"/>
    </row>
    <row r="885736" spans="14:14">
      <c r="N885736" s="10"/>
    </row>
    <row r="885737" spans="14:14">
      <c r="N885737" s="10"/>
    </row>
    <row r="885738" spans="14:14">
      <c r="N885738" s="10"/>
    </row>
    <row r="885739" spans="14:14">
      <c r="N885739" s="10"/>
    </row>
    <row r="885740" spans="14:14">
      <c r="N885740" s="10"/>
    </row>
    <row r="885741" spans="14:14">
      <c r="N885741" s="10"/>
    </row>
    <row r="885742" spans="14:14">
      <c r="N885742" s="10"/>
    </row>
    <row r="885743" spans="14:14">
      <c r="N885743" s="10"/>
    </row>
    <row r="885744" spans="14:14">
      <c r="N885744" s="10"/>
    </row>
    <row r="885745" spans="14:14">
      <c r="N885745" s="10"/>
    </row>
    <row r="885746" spans="14:14">
      <c r="N885746" s="10"/>
    </row>
    <row r="885747" spans="14:14">
      <c r="N885747" s="10"/>
    </row>
    <row r="885748" spans="14:14">
      <c r="N885748" s="10"/>
    </row>
    <row r="885749" spans="14:14">
      <c r="N885749" s="10"/>
    </row>
    <row r="885750" spans="14:14">
      <c r="N885750" s="10"/>
    </row>
    <row r="885751" spans="14:14">
      <c r="N885751" s="10"/>
    </row>
    <row r="885752" spans="14:14">
      <c r="N885752" s="10"/>
    </row>
    <row r="885753" spans="14:14">
      <c r="N885753" s="10"/>
    </row>
    <row r="885754" spans="14:14">
      <c r="N885754" s="10"/>
    </row>
    <row r="885755" spans="14:14">
      <c r="N885755" s="10"/>
    </row>
    <row r="885756" spans="14:14">
      <c r="N885756" s="10"/>
    </row>
    <row r="885757" spans="14:14">
      <c r="N885757" s="10"/>
    </row>
    <row r="885758" spans="14:14">
      <c r="N885758" s="10"/>
    </row>
    <row r="885759" spans="14:14">
      <c r="N885759" s="10"/>
    </row>
    <row r="885760" spans="14:14">
      <c r="N885760" s="10"/>
    </row>
    <row r="885761" spans="14:14">
      <c r="N885761" s="10"/>
    </row>
    <row r="885762" spans="14:14">
      <c r="N885762" s="10"/>
    </row>
    <row r="885763" spans="14:14">
      <c r="N885763" s="10"/>
    </row>
    <row r="885764" spans="14:14">
      <c r="N885764" s="10"/>
    </row>
    <row r="885765" spans="14:14">
      <c r="N885765" s="10"/>
    </row>
    <row r="885766" spans="14:14">
      <c r="N885766" s="10"/>
    </row>
    <row r="885767" spans="14:14">
      <c r="N885767" s="10"/>
    </row>
    <row r="885768" spans="14:14">
      <c r="N885768" s="10"/>
    </row>
    <row r="885769" spans="14:14">
      <c r="N885769" s="10"/>
    </row>
    <row r="885770" spans="14:14">
      <c r="N885770" s="10"/>
    </row>
    <row r="885771" spans="14:14">
      <c r="N885771" s="10"/>
    </row>
    <row r="885772" spans="14:14">
      <c r="N885772" s="10"/>
    </row>
    <row r="885773" spans="14:14">
      <c r="N885773" s="10"/>
    </row>
    <row r="885774" spans="14:14">
      <c r="N885774" s="10"/>
    </row>
    <row r="885775" spans="14:14">
      <c r="N885775" s="10"/>
    </row>
    <row r="885776" spans="14:14">
      <c r="N885776" s="10"/>
    </row>
    <row r="885777" spans="14:14">
      <c r="N885777" s="10"/>
    </row>
    <row r="885778" spans="14:14">
      <c r="N885778" s="10"/>
    </row>
    <row r="885779" spans="14:14">
      <c r="N885779" s="10"/>
    </row>
    <row r="885780" spans="14:14">
      <c r="N885780" s="10"/>
    </row>
    <row r="885781" spans="14:14">
      <c r="N885781" s="10"/>
    </row>
    <row r="885782" spans="14:14">
      <c r="N885782" s="10"/>
    </row>
    <row r="885783" spans="14:14">
      <c r="N885783" s="10"/>
    </row>
    <row r="885784" spans="14:14">
      <c r="N885784" s="10"/>
    </row>
    <row r="885785" spans="14:14">
      <c r="N885785" s="10"/>
    </row>
    <row r="885786" spans="14:14">
      <c r="N885786" s="10"/>
    </row>
    <row r="885787" spans="14:14">
      <c r="N885787" s="10"/>
    </row>
    <row r="885788" spans="14:14">
      <c r="N885788" s="10"/>
    </row>
    <row r="885789" spans="14:14">
      <c r="N885789" s="10"/>
    </row>
    <row r="885790" spans="14:14">
      <c r="N885790" s="10"/>
    </row>
    <row r="885791" spans="14:14">
      <c r="N885791" s="10"/>
    </row>
    <row r="885792" spans="14:14">
      <c r="N885792" s="10"/>
    </row>
    <row r="885793" spans="14:14">
      <c r="N885793" s="10"/>
    </row>
    <row r="885794" spans="14:14">
      <c r="N885794" s="10"/>
    </row>
    <row r="885795" spans="14:14">
      <c r="N885795" s="10"/>
    </row>
    <row r="885796" spans="14:14">
      <c r="N885796" s="10"/>
    </row>
    <row r="885797" spans="14:14">
      <c r="N885797" s="10"/>
    </row>
    <row r="885798" spans="14:14">
      <c r="N885798" s="10"/>
    </row>
    <row r="885799" spans="14:14">
      <c r="N885799" s="10"/>
    </row>
    <row r="885800" spans="14:14">
      <c r="N885800" s="10"/>
    </row>
    <row r="885801" spans="14:14">
      <c r="N885801" s="10"/>
    </row>
    <row r="885802" spans="14:14">
      <c r="N885802" s="10"/>
    </row>
    <row r="885803" spans="14:14">
      <c r="N885803" s="10"/>
    </row>
    <row r="885804" spans="14:14">
      <c r="N885804" s="10"/>
    </row>
    <row r="885805" spans="14:14">
      <c r="N885805" s="10"/>
    </row>
    <row r="885806" spans="14:14">
      <c r="N885806" s="10"/>
    </row>
    <row r="885807" spans="14:14">
      <c r="N885807" s="10"/>
    </row>
    <row r="885808" spans="14:14">
      <c r="N885808" s="10"/>
    </row>
    <row r="885809" spans="14:14">
      <c r="N885809" s="10"/>
    </row>
    <row r="885810" spans="14:14">
      <c r="N885810" s="10"/>
    </row>
    <row r="885811" spans="14:14">
      <c r="N885811" s="10"/>
    </row>
    <row r="885812" spans="14:14">
      <c r="N885812" s="10"/>
    </row>
    <row r="885813" spans="14:14">
      <c r="N885813" s="10"/>
    </row>
    <row r="885814" spans="14:14">
      <c r="N885814" s="10"/>
    </row>
    <row r="885815" spans="14:14">
      <c r="N885815" s="10"/>
    </row>
    <row r="885816" spans="14:14">
      <c r="N885816" s="10"/>
    </row>
    <row r="885817" spans="14:14">
      <c r="N885817" s="10"/>
    </row>
    <row r="885818" spans="14:14">
      <c r="N885818" s="10"/>
    </row>
    <row r="885819" spans="14:14">
      <c r="N885819" s="10"/>
    </row>
    <row r="885820" spans="14:14">
      <c r="N885820" s="10"/>
    </row>
    <row r="885821" spans="14:14">
      <c r="N885821" s="10"/>
    </row>
    <row r="885822" spans="14:14">
      <c r="N885822" s="10"/>
    </row>
    <row r="885823" spans="14:14">
      <c r="N885823" s="10"/>
    </row>
    <row r="885824" spans="14:14">
      <c r="N885824" s="10"/>
    </row>
    <row r="885825" spans="14:14">
      <c r="N885825" s="10"/>
    </row>
    <row r="885826" spans="14:14">
      <c r="N885826" s="10"/>
    </row>
    <row r="885827" spans="14:14">
      <c r="N885827" s="10"/>
    </row>
    <row r="885828" spans="14:14">
      <c r="N885828" s="10"/>
    </row>
    <row r="885829" spans="14:14">
      <c r="N885829" s="10"/>
    </row>
    <row r="885830" spans="14:14">
      <c r="N885830" s="10"/>
    </row>
    <row r="885831" spans="14:14">
      <c r="N885831" s="10"/>
    </row>
    <row r="885832" spans="14:14">
      <c r="N885832" s="10"/>
    </row>
    <row r="885833" spans="14:14">
      <c r="N885833" s="10"/>
    </row>
    <row r="885834" spans="14:14">
      <c r="N885834" s="10"/>
    </row>
    <row r="885835" spans="14:14">
      <c r="N885835" s="10"/>
    </row>
    <row r="885836" spans="14:14">
      <c r="N885836" s="10"/>
    </row>
    <row r="885837" spans="14:14">
      <c r="N885837" s="10"/>
    </row>
    <row r="885838" spans="14:14">
      <c r="N885838" s="10"/>
    </row>
    <row r="885839" spans="14:14">
      <c r="N885839" s="10"/>
    </row>
    <row r="885840" spans="14:14">
      <c r="N885840" s="10"/>
    </row>
    <row r="885841" spans="14:14">
      <c r="N885841" s="10"/>
    </row>
    <row r="885842" spans="14:14">
      <c r="N885842" s="10"/>
    </row>
    <row r="885843" spans="14:14">
      <c r="N885843" s="10"/>
    </row>
    <row r="885844" spans="14:14">
      <c r="N885844" s="10"/>
    </row>
    <row r="885845" spans="14:14">
      <c r="N885845" s="10"/>
    </row>
    <row r="885846" spans="14:14">
      <c r="N885846" s="10"/>
    </row>
    <row r="885847" spans="14:14">
      <c r="N885847" s="10"/>
    </row>
    <row r="885848" spans="14:14">
      <c r="N885848" s="10"/>
    </row>
    <row r="885849" spans="14:14">
      <c r="N885849" s="10"/>
    </row>
    <row r="885850" spans="14:14">
      <c r="N885850" s="10"/>
    </row>
    <row r="885851" spans="14:14">
      <c r="N885851" s="10"/>
    </row>
    <row r="885852" spans="14:14">
      <c r="N885852" s="10"/>
    </row>
    <row r="885853" spans="14:14">
      <c r="N885853" s="10"/>
    </row>
    <row r="885854" spans="14:14">
      <c r="N885854" s="10"/>
    </row>
    <row r="885855" spans="14:14">
      <c r="N885855" s="10"/>
    </row>
    <row r="885856" spans="14:14">
      <c r="N885856" s="10"/>
    </row>
    <row r="885857" spans="14:14">
      <c r="N885857" s="10"/>
    </row>
    <row r="885858" spans="14:14">
      <c r="N885858" s="10"/>
    </row>
    <row r="885859" spans="14:14">
      <c r="N885859" s="10"/>
    </row>
    <row r="885860" spans="14:14">
      <c r="N885860" s="10"/>
    </row>
    <row r="885861" spans="14:14">
      <c r="N885861" s="10"/>
    </row>
    <row r="885862" spans="14:14">
      <c r="N885862" s="10"/>
    </row>
    <row r="885863" spans="14:14">
      <c r="N885863" s="10"/>
    </row>
    <row r="885864" spans="14:14">
      <c r="N885864" s="10"/>
    </row>
    <row r="885865" spans="14:14">
      <c r="N885865" s="10"/>
    </row>
    <row r="885866" spans="14:14">
      <c r="N885866" s="10"/>
    </row>
    <row r="885867" spans="14:14">
      <c r="N885867" s="10"/>
    </row>
    <row r="885868" spans="14:14">
      <c r="N885868" s="10"/>
    </row>
    <row r="885869" spans="14:14">
      <c r="N885869" s="10"/>
    </row>
    <row r="885870" spans="14:14">
      <c r="N885870" s="10"/>
    </row>
    <row r="885871" spans="14:14">
      <c r="N885871" s="10"/>
    </row>
    <row r="885872" spans="14:14">
      <c r="N885872" s="10"/>
    </row>
    <row r="885873" spans="14:14">
      <c r="N885873" s="10"/>
    </row>
    <row r="885874" spans="14:14">
      <c r="N885874" s="10"/>
    </row>
    <row r="885875" spans="14:14">
      <c r="N885875" s="10"/>
    </row>
    <row r="885876" spans="14:14">
      <c r="N885876" s="10"/>
    </row>
    <row r="885877" spans="14:14">
      <c r="N885877" s="10"/>
    </row>
    <row r="885878" spans="14:14">
      <c r="N885878" s="10"/>
    </row>
    <row r="885879" spans="14:14">
      <c r="N885879" s="10"/>
    </row>
    <row r="885880" spans="14:14">
      <c r="N885880" s="10"/>
    </row>
    <row r="885881" spans="14:14">
      <c r="N885881" s="10"/>
    </row>
    <row r="885882" spans="14:14">
      <c r="N885882" s="10"/>
    </row>
    <row r="885883" spans="14:14">
      <c r="N885883" s="10"/>
    </row>
    <row r="885884" spans="14:14">
      <c r="N885884" s="10"/>
    </row>
    <row r="885885" spans="14:14">
      <c r="N885885" s="10"/>
    </row>
    <row r="885886" spans="14:14">
      <c r="N885886" s="10"/>
    </row>
    <row r="885887" spans="14:14">
      <c r="N885887" s="10"/>
    </row>
    <row r="885888" spans="14:14">
      <c r="N885888" s="10"/>
    </row>
    <row r="885889" spans="14:14">
      <c r="N885889" s="10"/>
    </row>
    <row r="885890" spans="14:14">
      <c r="N885890" s="10"/>
    </row>
    <row r="885891" spans="14:14">
      <c r="N885891" s="10"/>
    </row>
    <row r="885892" spans="14:14">
      <c r="N885892" s="10"/>
    </row>
    <row r="885893" spans="14:14">
      <c r="N885893" s="10"/>
    </row>
    <row r="885894" spans="14:14">
      <c r="N885894" s="10"/>
    </row>
    <row r="885895" spans="14:14">
      <c r="N885895" s="10"/>
    </row>
    <row r="885896" spans="14:14">
      <c r="N885896" s="10"/>
    </row>
    <row r="885897" spans="14:14">
      <c r="N885897" s="10"/>
    </row>
    <row r="885898" spans="14:14">
      <c r="N885898" s="10"/>
    </row>
    <row r="885899" spans="14:14">
      <c r="N885899" s="10"/>
    </row>
    <row r="885900" spans="14:14">
      <c r="N885900" s="10"/>
    </row>
    <row r="885901" spans="14:14">
      <c r="N885901" s="10"/>
    </row>
    <row r="885902" spans="14:14">
      <c r="N885902" s="10"/>
    </row>
    <row r="885903" spans="14:14">
      <c r="N885903" s="10"/>
    </row>
    <row r="885904" spans="14:14">
      <c r="N885904" s="10"/>
    </row>
    <row r="885905" spans="14:14">
      <c r="N885905" s="10"/>
    </row>
    <row r="885906" spans="14:14">
      <c r="N885906" s="10"/>
    </row>
    <row r="885907" spans="14:14">
      <c r="N885907" s="10"/>
    </row>
    <row r="885908" spans="14:14">
      <c r="N885908" s="10"/>
    </row>
    <row r="885909" spans="14:14">
      <c r="N885909" s="10"/>
    </row>
    <row r="885910" spans="14:14">
      <c r="N885910" s="10"/>
    </row>
    <row r="885911" spans="14:14">
      <c r="N885911" s="10"/>
    </row>
    <row r="885912" spans="14:14">
      <c r="N885912" s="10"/>
    </row>
    <row r="885913" spans="14:14">
      <c r="N885913" s="10"/>
    </row>
    <row r="885914" spans="14:14">
      <c r="N885914" s="10"/>
    </row>
    <row r="885915" spans="14:14">
      <c r="N885915" s="10"/>
    </row>
    <row r="885916" spans="14:14">
      <c r="N885916" s="10"/>
    </row>
    <row r="885917" spans="14:14">
      <c r="N885917" s="10"/>
    </row>
    <row r="885918" spans="14:14">
      <c r="N885918" s="10"/>
    </row>
    <row r="885919" spans="14:14">
      <c r="N885919" s="10"/>
    </row>
    <row r="885920" spans="14:14">
      <c r="N885920" s="10"/>
    </row>
    <row r="885921" spans="14:14">
      <c r="N885921" s="10"/>
    </row>
    <row r="885922" spans="14:14">
      <c r="N885922" s="10"/>
    </row>
    <row r="885923" spans="14:14">
      <c r="N885923" s="10"/>
    </row>
    <row r="885924" spans="14:14">
      <c r="N885924" s="10"/>
    </row>
    <row r="885925" spans="14:14">
      <c r="N885925" s="10"/>
    </row>
    <row r="885926" spans="14:14">
      <c r="N885926" s="10"/>
    </row>
    <row r="885927" spans="14:14">
      <c r="N885927" s="10"/>
    </row>
    <row r="885928" spans="14:14">
      <c r="N885928" s="10"/>
    </row>
    <row r="885929" spans="14:14">
      <c r="N885929" s="10"/>
    </row>
    <row r="885930" spans="14:14">
      <c r="N885930" s="10"/>
    </row>
    <row r="885931" spans="14:14">
      <c r="N885931" s="10"/>
    </row>
    <row r="885932" spans="14:14">
      <c r="N885932" s="10"/>
    </row>
    <row r="885933" spans="14:14">
      <c r="N885933" s="10"/>
    </row>
    <row r="885934" spans="14:14">
      <c r="N885934" s="10"/>
    </row>
    <row r="885935" spans="14:14">
      <c r="N885935" s="10"/>
    </row>
    <row r="885936" spans="14:14">
      <c r="N885936" s="10"/>
    </row>
    <row r="885937" spans="14:14">
      <c r="N885937" s="10"/>
    </row>
    <row r="885938" spans="14:14">
      <c r="N885938" s="10"/>
    </row>
    <row r="885939" spans="14:14">
      <c r="N885939" s="10"/>
    </row>
    <row r="885940" spans="14:14">
      <c r="N885940" s="10"/>
    </row>
    <row r="885941" spans="14:14">
      <c r="N885941" s="10"/>
    </row>
    <row r="885942" spans="14:14">
      <c r="N885942" s="10"/>
    </row>
    <row r="885943" spans="14:14">
      <c r="N885943" s="10"/>
    </row>
    <row r="885944" spans="14:14">
      <c r="N885944" s="10"/>
    </row>
    <row r="885945" spans="14:14">
      <c r="N885945" s="10"/>
    </row>
    <row r="885946" spans="14:14">
      <c r="N885946" s="10"/>
    </row>
    <row r="885947" spans="14:14">
      <c r="N885947" s="10"/>
    </row>
    <row r="885948" spans="14:14">
      <c r="N885948" s="10"/>
    </row>
    <row r="885949" spans="14:14">
      <c r="N885949" s="10"/>
    </row>
    <row r="885950" spans="14:14">
      <c r="N885950" s="10"/>
    </row>
    <row r="885951" spans="14:14">
      <c r="N885951" s="10"/>
    </row>
    <row r="885952" spans="14:14">
      <c r="N885952" s="10"/>
    </row>
    <row r="885953" spans="14:14">
      <c r="N885953" s="10"/>
    </row>
    <row r="885954" spans="14:14">
      <c r="N885954" s="10"/>
    </row>
    <row r="885955" spans="14:14">
      <c r="N885955" s="10"/>
    </row>
    <row r="885956" spans="14:14">
      <c r="N885956" s="10"/>
    </row>
    <row r="885957" spans="14:14">
      <c r="N885957" s="10"/>
    </row>
    <row r="885958" spans="14:14">
      <c r="N885958" s="10"/>
    </row>
    <row r="885959" spans="14:14">
      <c r="N885959" s="10"/>
    </row>
    <row r="885960" spans="14:14">
      <c r="N885960" s="10"/>
    </row>
    <row r="885961" spans="14:14">
      <c r="N885961" s="10"/>
    </row>
    <row r="885962" spans="14:14">
      <c r="N885962" s="10"/>
    </row>
    <row r="885963" spans="14:14">
      <c r="N885963" s="10"/>
    </row>
    <row r="885964" spans="14:14">
      <c r="N885964" s="10"/>
    </row>
    <row r="885965" spans="14:14">
      <c r="N885965" s="10"/>
    </row>
    <row r="885966" spans="14:14">
      <c r="N885966" s="10"/>
    </row>
    <row r="885967" spans="14:14">
      <c r="N885967" s="10"/>
    </row>
    <row r="885968" spans="14:14">
      <c r="N885968" s="10"/>
    </row>
    <row r="885969" spans="14:14">
      <c r="N885969" s="10"/>
    </row>
    <row r="885970" spans="14:14">
      <c r="N885970" s="10"/>
    </row>
    <row r="885971" spans="14:14">
      <c r="N885971" s="10"/>
    </row>
    <row r="885972" spans="14:14">
      <c r="N885972" s="10"/>
    </row>
    <row r="885973" spans="14:14">
      <c r="N885973" s="10"/>
    </row>
    <row r="885974" spans="14:14">
      <c r="N885974" s="10"/>
    </row>
    <row r="885975" spans="14:14">
      <c r="N885975" s="10"/>
    </row>
    <row r="885976" spans="14:14">
      <c r="N885976" s="10"/>
    </row>
    <row r="885977" spans="14:14">
      <c r="N885977" s="10"/>
    </row>
    <row r="885978" spans="14:14">
      <c r="N885978" s="10"/>
    </row>
    <row r="885979" spans="14:14">
      <c r="N885979" s="10"/>
    </row>
    <row r="885980" spans="14:14">
      <c r="N885980" s="10"/>
    </row>
    <row r="885981" spans="14:14">
      <c r="N885981" s="10"/>
    </row>
    <row r="885982" spans="14:14">
      <c r="N885982" s="10"/>
    </row>
    <row r="885983" spans="14:14">
      <c r="N885983" s="10"/>
    </row>
    <row r="885984" spans="14:14">
      <c r="N885984" s="10"/>
    </row>
    <row r="885985" spans="14:14">
      <c r="N885985" s="10"/>
    </row>
    <row r="885986" spans="14:14">
      <c r="N885986" s="10"/>
    </row>
    <row r="885987" spans="14:14">
      <c r="N885987" s="10"/>
    </row>
    <row r="885988" spans="14:14">
      <c r="N885988" s="10"/>
    </row>
    <row r="885989" spans="14:14">
      <c r="N885989" s="10"/>
    </row>
    <row r="885990" spans="14:14">
      <c r="N885990" s="10"/>
    </row>
    <row r="885991" spans="14:14">
      <c r="N885991" s="10"/>
    </row>
    <row r="885992" spans="14:14">
      <c r="N885992" s="10"/>
    </row>
    <row r="885993" spans="14:14">
      <c r="N885993" s="10"/>
    </row>
    <row r="885994" spans="14:14">
      <c r="N885994" s="10"/>
    </row>
    <row r="885995" spans="14:14">
      <c r="N885995" s="10"/>
    </row>
    <row r="885996" spans="14:14">
      <c r="N885996" s="10"/>
    </row>
    <row r="885997" spans="14:14">
      <c r="N885997" s="10"/>
    </row>
    <row r="885998" spans="14:14">
      <c r="N885998" s="10"/>
    </row>
    <row r="885999" spans="14:14">
      <c r="N885999" s="10"/>
    </row>
    <row r="886000" spans="14:14">
      <c r="N886000" s="10"/>
    </row>
    <row r="886001" spans="14:14">
      <c r="N886001" s="10"/>
    </row>
    <row r="886002" spans="14:14">
      <c r="N886002" s="10"/>
    </row>
    <row r="886003" spans="14:14">
      <c r="N886003" s="10"/>
    </row>
    <row r="886004" spans="14:14">
      <c r="N886004" s="10"/>
    </row>
    <row r="886005" spans="14:14">
      <c r="N886005" s="10"/>
    </row>
    <row r="886006" spans="14:14">
      <c r="N886006" s="10"/>
    </row>
    <row r="886007" spans="14:14">
      <c r="N886007" s="10"/>
    </row>
    <row r="886008" spans="14:14">
      <c r="N886008" s="10"/>
    </row>
    <row r="886009" spans="14:14">
      <c r="N886009" s="10"/>
    </row>
    <row r="886010" spans="14:14">
      <c r="N886010" s="10"/>
    </row>
    <row r="886011" spans="14:14">
      <c r="N886011" s="10"/>
    </row>
    <row r="886012" spans="14:14">
      <c r="N886012" s="10"/>
    </row>
    <row r="886013" spans="14:14">
      <c r="N886013" s="10"/>
    </row>
    <row r="886014" spans="14:14">
      <c r="N886014" s="10"/>
    </row>
    <row r="886015" spans="14:14">
      <c r="N886015" s="10"/>
    </row>
    <row r="886016" spans="14:14">
      <c r="N886016" s="10"/>
    </row>
    <row r="886017" spans="14:14">
      <c r="N886017" s="10"/>
    </row>
    <row r="886018" spans="14:14">
      <c r="N886018" s="10"/>
    </row>
    <row r="886019" spans="14:14">
      <c r="N886019" s="10"/>
    </row>
    <row r="886020" spans="14:14">
      <c r="N886020" s="10"/>
    </row>
    <row r="886021" spans="14:14">
      <c r="N886021" s="10"/>
    </row>
    <row r="886022" spans="14:14">
      <c r="N886022" s="10"/>
    </row>
    <row r="886023" spans="14:14">
      <c r="N886023" s="10"/>
    </row>
    <row r="886024" spans="14:14">
      <c r="N886024" s="10"/>
    </row>
    <row r="886025" spans="14:14">
      <c r="N886025" s="10"/>
    </row>
    <row r="886026" spans="14:14">
      <c r="N886026" s="10"/>
    </row>
    <row r="886027" spans="14:14">
      <c r="N886027" s="10"/>
    </row>
    <row r="886028" spans="14:14">
      <c r="N886028" s="10"/>
    </row>
    <row r="886029" spans="14:14">
      <c r="N886029" s="10"/>
    </row>
    <row r="886030" spans="14:14">
      <c r="N886030" s="10"/>
    </row>
    <row r="886031" spans="14:14">
      <c r="N886031" s="10"/>
    </row>
    <row r="886032" spans="14:14">
      <c r="N886032" s="10"/>
    </row>
    <row r="886033" spans="14:14">
      <c r="N886033" s="10"/>
    </row>
    <row r="886034" spans="14:14">
      <c r="N886034" s="10"/>
    </row>
    <row r="886035" spans="14:14">
      <c r="N886035" s="10"/>
    </row>
    <row r="886036" spans="14:14">
      <c r="N886036" s="10"/>
    </row>
    <row r="886037" spans="14:14">
      <c r="N886037" s="10"/>
    </row>
    <row r="886038" spans="14:14">
      <c r="N886038" s="10"/>
    </row>
    <row r="886039" spans="14:14">
      <c r="N886039" s="10"/>
    </row>
    <row r="886040" spans="14:14">
      <c r="N886040" s="10"/>
    </row>
    <row r="886041" spans="14:14">
      <c r="N886041" s="10"/>
    </row>
    <row r="886042" spans="14:14">
      <c r="N886042" s="10"/>
    </row>
    <row r="886043" spans="14:14">
      <c r="N886043" s="10"/>
    </row>
    <row r="886044" spans="14:14">
      <c r="N886044" s="10"/>
    </row>
    <row r="886045" spans="14:14">
      <c r="N886045" s="10"/>
    </row>
    <row r="886046" spans="14:14">
      <c r="N886046" s="10"/>
    </row>
    <row r="886047" spans="14:14">
      <c r="N886047" s="10"/>
    </row>
    <row r="886048" spans="14:14">
      <c r="N886048" s="10"/>
    </row>
    <row r="886049" spans="14:14">
      <c r="N886049" s="10"/>
    </row>
    <row r="886050" spans="14:14">
      <c r="N886050" s="10"/>
    </row>
    <row r="886051" spans="14:14">
      <c r="N886051" s="10"/>
    </row>
    <row r="886052" spans="14:14">
      <c r="N886052" s="10"/>
    </row>
    <row r="886053" spans="14:14">
      <c r="N886053" s="10"/>
    </row>
    <row r="886054" spans="14:14">
      <c r="N886054" s="10"/>
    </row>
    <row r="886055" spans="14:14">
      <c r="N886055" s="10"/>
    </row>
    <row r="886056" spans="14:14">
      <c r="N886056" s="10"/>
    </row>
    <row r="886057" spans="14:14">
      <c r="N886057" s="10"/>
    </row>
    <row r="886058" spans="14:14">
      <c r="N886058" s="10"/>
    </row>
    <row r="886059" spans="14:14">
      <c r="N886059" s="10"/>
    </row>
    <row r="886060" spans="14:14">
      <c r="N886060" s="10"/>
    </row>
    <row r="886061" spans="14:14">
      <c r="N886061" s="10"/>
    </row>
    <row r="886062" spans="14:14">
      <c r="N886062" s="10"/>
    </row>
    <row r="886063" spans="14:14">
      <c r="N886063" s="10"/>
    </row>
    <row r="886064" spans="14:14">
      <c r="N886064" s="10"/>
    </row>
    <row r="886065" spans="14:14">
      <c r="N886065" s="10"/>
    </row>
    <row r="886066" spans="14:14">
      <c r="N886066" s="10"/>
    </row>
    <row r="886067" spans="14:14">
      <c r="N886067" s="10"/>
    </row>
    <row r="886068" spans="14:14">
      <c r="N886068" s="10"/>
    </row>
    <row r="886069" spans="14:14">
      <c r="N886069" s="10"/>
    </row>
    <row r="886070" spans="14:14">
      <c r="N886070" s="10"/>
    </row>
    <row r="886071" spans="14:14">
      <c r="N886071" s="10"/>
    </row>
    <row r="886072" spans="14:14">
      <c r="N886072" s="10"/>
    </row>
    <row r="886073" spans="14:14">
      <c r="N886073" s="10"/>
    </row>
    <row r="886074" spans="14:14">
      <c r="N886074" s="10"/>
    </row>
    <row r="886075" spans="14:14">
      <c r="N886075" s="10"/>
    </row>
    <row r="886076" spans="14:14">
      <c r="N886076" s="10"/>
    </row>
    <row r="886077" spans="14:14">
      <c r="N886077" s="10"/>
    </row>
    <row r="886078" spans="14:14">
      <c r="N886078" s="10"/>
    </row>
    <row r="886079" spans="14:14">
      <c r="N886079" s="10"/>
    </row>
    <row r="886080" spans="14:14">
      <c r="N886080" s="10"/>
    </row>
    <row r="886081" spans="14:14">
      <c r="N886081" s="10"/>
    </row>
    <row r="886082" spans="14:14">
      <c r="N886082" s="10"/>
    </row>
    <row r="886083" spans="14:14">
      <c r="N886083" s="10"/>
    </row>
    <row r="886084" spans="14:14">
      <c r="N886084" s="10"/>
    </row>
    <row r="886085" spans="14:14">
      <c r="N886085" s="10"/>
    </row>
    <row r="886086" spans="14:14">
      <c r="N886086" s="10"/>
    </row>
    <row r="886087" spans="14:14">
      <c r="N886087" s="10"/>
    </row>
    <row r="886088" spans="14:14">
      <c r="N886088" s="10"/>
    </row>
    <row r="886089" spans="14:14">
      <c r="N886089" s="10"/>
    </row>
    <row r="886090" spans="14:14">
      <c r="N886090" s="10"/>
    </row>
    <row r="886091" spans="14:14">
      <c r="N886091" s="10"/>
    </row>
    <row r="886092" spans="14:14">
      <c r="N886092" s="10"/>
    </row>
    <row r="886093" spans="14:14">
      <c r="N886093" s="10"/>
    </row>
    <row r="886094" spans="14:14">
      <c r="N886094" s="10"/>
    </row>
    <row r="886095" spans="14:14">
      <c r="N886095" s="10"/>
    </row>
    <row r="886096" spans="14:14">
      <c r="N886096" s="10"/>
    </row>
    <row r="886097" spans="14:14">
      <c r="N886097" s="10"/>
    </row>
    <row r="886098" spans="14:14">
      <c r="N886098" s="10"/>
    </row>
    <row r="886099" spans="14:14">
      <c r="N886099" s="10"/>
    </row>
    <row r="886100" spans="14:14">
      <c r="N886100" s="10"/>
    </row>
    <row r="886101" spans="14:14">
      <c r="N886101" s="10"/>
    </row>
    <row r="886102" spans="14:14">
      <c r="N886102" s="10"/>
    </row>
    <row r="886103" spans="14:14">
      <c r="N886103" s="10"/>
    </row>
    <row r="886104" spans="14:14">
      <c r="N886104" s="10"/>
    </row>
    <row r="886105" spans="14:14">
      <c r="N886105" s="10"/>
    </row>
    <row r="886106" spans="14:14">
      <c r="N886106" s="10"/>
    </row>
    <row r="886107" spans="14:14">
      <c r="N886107" s="10"/>
    </row>
    <row r="886108" spans="14:14">
      <c r="N886108" s="10"/>
    </row>
    <row r="886109" spans="14:14">
      <c r="N886109" s="10"/>
    </row>
    <row r="886110" spans="14:14">
      <c r="N886110" s="10"/>
    </row>
    <row r="886111" spans="14:14">
      <c r="N886111" s="10"/>
    </row>
    <row r="886112" spans="14:14">
      <c r="N886112" s="10"/>
    </row>
    <row r="886113" spans="14:14">
      <c r="N886113" s="10"/>
    </row>
    <row r="886114" spans="14:14">
      <c r="N886114" s="10"/>
    </row>
    <row r="886115" spans="14:14">
      <c r="N886115" s="10"/>
    </row>
    <row r="886116" spans="14:14">
      <c r="N886116" s="10"/>
    </row>
    <row r="886117" spans="14:14">
      <c r="N886117" s="10"/>
    </row>
    <row r="886118" spans="14:14">
      <c r="N886118" s="10"/>
    </row>
    <row r="886119" spans="14:14">
      <c r="N886119" s="10"/>
    </row>
    <row r="886120" spans="14:14">
      <c r="N886120" s="10"/>
    </row>
    <row r="886121" spans="14:14">
      <c r="N886121" s="10"/>
    </row>
    <row r="886122" spans="14:14">
      <c r="N886122" s="10"/>
    </row>
    <row r="886123" spans="14:14">
      <c r="N886123" s="10"/>
    </row>
    <row r="886124" spans="14:14">
      <c r="N886124" s="10"/>
    </row>
    <row r="886125" spans="14:14">
      <c r="N886125" s="10"/>
    </row>
    <row r="886126" spans="14:14">
      <c r="N886126" s="10"/>
    </row>
    <row r="886127" spans="14:14">
      <c r="N886127" s="10"/>
    </row>
    <row r="886128" spans="14:14">
      <c r="N886128" s="10"/>
    </row>
    <row r="886129" spans="14:14">
      <c r="N886129" s="10"/>
    </row>
    <row r="886130" spans="14:14">
      <c r="N886130" s="10"/>
    </row>
    <row r="886131" spans="14:14">
      <c r="N886131" s="10"/>
    </row>
    <row r="886132" spans="14:14">
      <c r="N886132" s="10"/>
    </row>
    <row r="886133" spans="14:14">
      <c r="N886133" s="10"/>
    </row>
    <row r="886134" spans="14:14">
      <c r="N886134" s="10"/>
    </row>
    <row r="886135" spans="14:14">
      <c r="N886135" s="10"/>
    </row>
    <row r="886136" spans="14:14">
      <c r="N886136" s="10"/>
    </row>
    <row r="886137" spans="14:14">
      <c r="N886137" s="10"/>
    </row>
    <row r="886138" spans="14:14">
      <c r="N886138" s="10"/>
    </row>
    <row r="886139" spans="14:14">
      <c r="N886139" s="10"/>
    </row>
    <row r="886140" spans="14:14">
      <c r="N886140" s="10"/>
    </row>
    <row r="886141" spans="14:14">
      <c r="N886141" s="10"/>
    </row>
    <row r="886142" spans="14:14">
      <c r="N886142" s="10"/>
    </row>
    <row r="886143" spans="14:14">
      <c r="N886143" s="10"/>
    </row>
    <row r="886144" spans="14:14">
      <c r="N886144" s="10"/>
    </row>
    <row r="886145" spans="14:14">
      <c r="N886145" s="10"/>
    </row>
    <row r="886146" spans="14:14">
      <c r="N886146" s="10"/>
    </row>
    <row r="886147" spans="14:14">
      <c r="N886147" s="10"/>
    </row>
    <row r="886148" spans="14:14">
      <c r="N886148" s="10"/>
    </row>
    <row r="886149" spans="14:14">
      <c r="N886149" s="10"/>
    </row>
    <row r="886150" spans="14:14">
      <c r="N886150" s="10"/>
    </row>
    <row r="886151" spans="14:14">
      <c r="N886151" s="10"/>
    </row>
    <row r="886152" spans="14:14">
      <c r="N886152" s="10"/>
    </row>
    <row r="886153" spans="14:14">
      <c r="N886153" s="10"/>
    </row>
    <row r="886154" spans="14:14">
      <c r="N886154" s="10"/>
    </row>
    <row r="886155" spans="14:14">
      <c r="N886155" s="10"/>
    </row>
    <row r="886156" spans="14:14">
      <c r="N886156" s="10"/>
    </row>
    <row r="886157" spans="14:14">
      <c r="N886157" s="10"/>
    </row>
    <row r="886158" spans="14:14">
      <c r="N886158" s="10"/>
    </row>
    <row r="886159" spans="14:14">
      <c r="N886159" s="10"/>
    </row>
    <row r="886160" spans="14:14">
      <c r="N886160" s="10"/>
    </row>
    <row r="886161" spans="14:14">
      <c r="N886161" s="10"/>
    </row>
    <row r="886162" spans="14:14">
      <c r="N886162" s="10"/>
    </row>
    <row r="886163" spans="14:14">
      <c r="N886163" s="10"/>
    </row>
    <row r="886164" spans="14:14">
      <c r="N886164" s="10"/>
    </row>
    <row r="886165" spans="14:14">
      <c r="N886165" s="10"/>
    </row>
    <row r="886166" spans="14:14">
      <c r="N886166" s="10"/>
    </row>
    <row r="886167" spans="14:14">
      <c r="N886167" s="10"/>
    </row>
    <row r="886168" spans="14:14">
      <c r="N886168" s="10"/>
    </row>
    <row r="886169" spans="14:14">
      <c r="N886169" s="10"/>
    </row>
    <row r="886170" spans="14:14">
      <c r="N886170" s="10"/>
    </row>
    <row r="886171" spans="14:14">
      <c r="N886171" s="10"/>
    </row>
    <row r="886172" spans="14:14">
      <c r="N886172" s="10"/>
    </row>
    <row r="886173" spans="14:14">
      <c r="N886173" s="10"/>
    </row>
    <row r="886174" spans="14:14">
      <c r="N886174" s="10"/>
    </row>
    <row r="886175" spans="14:14">
      <c r="N886175" s="10"/>
    </row>
    <row r="886176" spans="14:14">
      <c r="N886176" s="10"/>
    </row>
    <row r="886177" spans="14:14">
      <c r="N886177" s="10"/>
    </row>
    <row r="886178" spans="14:14">
      <c r="N886178" s="10"/>
    </row>
    <row r="886179" spans="14:14">
      <c r="N886179" s="10"/>
    </row>
    <row r="886180" spans="14:14">
      <c r="N886180" s="10"/>
    </row>
    <row r="886181" spans="14:14">
      <c r="N886181" s="10"/>
    </row>
    <row r="886182" spans="14:14">
      <c r="N886182" s="10"/>
    </row>
    <row r="886183" spans="14:14">
      <c r="N886183" s="10"/>
    </row>
    <row r="886184" spans="14:14">
      <c r="N886184" s="10"/>
    </row>
    <row r="886185" spans="14:14">
      <c r="N886185" s="10"/>
    </row>
    <row r="886186" spans="14:14">
      <c r="N886186" s="10"/>
    </row>
    <row r="886187" spans="14:14">
      <c r="N886187" s="10"/>
    </row>
    <row r="886188" spans="14:14">
      <c r="N886188" s="10"/>
    </row>
    <row r="886189" spans="14:14">
      <c r="N886189" s="10"/>
    </row>
    <row r="886190" spans="14:14">
      <c r="N886190" s="10"/>
    </row>
    <row r="886191" spans="14:14">
      <c r="N886191" s="10"/>
    </row>
    <row r="886192" spans="14:14">
      <c r="N886192" s="10"/>
    </row>
    <row r="886193" spans="14:14">
      <c r="N886193" s="10"/>
    </row>
    <row r="886194" spans="14:14">
      <c r="N886194" s="10"/>
    </row>
    <row r="886195" spans="14:14">
      <c r="N886195" s="10"/>
    </row>
    <row r="886196" spans="14:14">
      <c r="N886196" s="10"/>
    </row>
    <row r="886197" spans="14:14">
      <c r="N886197" s="10"/>
    </row>
    <row r="886198" spans="14:14">
      <c r="N886198" s="10"/>
    </row>
    <row r="886199" spans="14:14">
      <c r="N886199" s="10"/>
    </row>
    <row r="886200" spans="14:14">
      <c r="N886200" s="10"/>
    </row>
    <row r="886201" spans="14:14">
      <c r="N886201" s="10"/>
    </row>
    <row r="886202" spans="14:14">
      <c r="N886202" s="10"/>
    </row>
    <row r="886203" spans="14:14">
      <c r="N886203" s="10"/>
    </row>
    <row r="886204" spans="14:14">
      <c r="N886204" s="10"/>
    </row>
    <row r="886205" spans="14:14">
      <c r="N886205" s="10"/>
    </row>
    <row r="886206" spans="14:14">
      <c r="N886206" s="10"/>
    </row>
    <row r="886207" spans="14:14">
      <c r="N886207" s="10"/>
    </row>
    <row r="886208" spans="14:14">
      <c r="N886208" s="10"/>
    </row>
    <row r="886209" spans="14:14">
      <c r="N886209" s="10"/>
    </row>
    <row r="886210" spans="14:14">
      <c r="N886210" s="10"/>
    </row>
    <row r="886211" spans="14:14">
      <c r="N886211" s="10"/>
    </row>
    <row r="886212" spans="14:14">
      <c r="N886212" s="10"/>
    </row>
    <row r="886213" spans="14:14">
      <c r="N886213" s="10"/>
    </row>
    <row r="886214" spans="14:14">
      <c r="N886214" s="10"/>
    </row>
    <row r="886215" spans="14:14">
      <c r="N886215" s="10"/>
    </row>
    <row r="886216" spans="14:14">
      <c r="N886216" s="10"/>
    </row>
    <row r="886217" spans="14:14">
      <c r="N886217" s="10"/>
    </row>
    <row r="886218" spans="14:14">
      <c r="N886218" s="10"/>
    </row>
    <row r="886219" spans="14:14">
      <c r="N886219" s="10"/>
    </row>
    <row r="886220" spans="14:14">
      <c r="N886220" s="10"/>
    </row>
    <row r="886221" spans="14:14">
      <c r="N886221" s="10"/>
    </row>
    <row r="886222" spans="14:14">
      <c r="N886222" s="10"/>
    </row>
    <row r="886223" spans="14:14">
      <c r="N886223" s="10"/>
    </row>
    <row r="886224" spans="14:14">
      <c r="N886224" s="10"/>
    </row>
    <row r="886225" spans="14:14">
      <c r="N886225" s="10"/>
    </row>
    <row r="886226" spans="14:14">
      <c r="N886226" s="10"/>
    </row>
    <row r="886227" spans="14:14">
      <c r="N886227" s="10"/>
    </row>
    <row r="886228" spans="14:14">
      <c r="N886228" s="10"/>
    </row>
    <row r="886229" spans="14:14">
      <c r="N886229" s="10"/>
    </row>
    <row r="886230" spans="14:14">
      <c r="N886230" s="10"/>
    </row>
    <row r="886231" spans="14:14">
      <c r="N886231" s="10"/>
    </row>
    <row r="886232" spans="14:14">
      <c r="N886232" s="10"/>
    </row>
    <row r="886233" spans="14:14">
      <c r="N886233" s="10"/>
    </row>
    <row r="886234" spans="14:14">
      <c r="N886234" s="10"/>
    </row>
    <row r="886235" spans="14:14">
      <c r="N886235" s="10"/>
    </row>
    <row r="886236" spans="14:14">
      <c r="N886236" s="10"/>
    </row>
    <row r="886237" spans="14:14">
      <c r="N886237" s="10"/>
    </row>
    <row r="886238" spans="14:14">
      <c r="N886238" s="10"/>
    </row>
    <row r="886239" spans="14:14">
      <c r="N886239" s="10"/>
    </row>
    <row r="886240" spans="14:14">
      <c r="N886240" s="10"/>
    </row>
    <row r="886241" spans="14:14">
      <c r="N886241" s="10"/>
    </row>
    <row r="886242" spans="14:14">
      <c r="N886242" s="10"/>
    </row>
    <row r="886243" spans="14:14">
      <c r="N886243" s="10"/>
    </row>
    <row r="886244" spans="14:14">
      <c r="N886244" s="10"/>
    </row>
    <row r="886245" spans="14:14">
      <c r="N886245" s="10"/>
    </row>
    <row r="886246" spans="14:14">
      <c r="N886246" s="10"/>
    </row>
    <row r="886247" spans="14:14">
      <c r="N886247" s="10"/>
    </row>
    <row r="886248" spans="14:14">
      <c r="N886248" s="10"/>
    </row>
    <row r="886249" spans="14:14">
      <c r="N886249" s="10"/>
    </row>
    <row r="886250" spans="14:14">
      <c r="N886250" s="10"/>
    </row>
    <row r="886251" spans="14:14">
      <c r="N886251" s="10"/>
    </row>
    <row r="886252" spans="14:14">
      <c r="N886252" s="10"/>
    </row>
    <row r="886253" spans="14:14">
      <c r="N886253" s="10"/>
    </row>
    <row r="886254" spans="14:14">
      <c r="N886254" s="10"/>
    </row>
    <row r="886255" spans="14:14">
      <c r="N886255" s="10"/>
    </row>
    <row r="886256" spans="14:14">
      <c r="N886256" s="10"/>
    </row>
    <row r="886257" spans="14:14">
      <c r="N886257" s="10"/>
    </row>
    <row r="886258" spans="14:14">
      <c r="N886258" s="10"/>
    </row>
    <row r="886259" spans="14:14">
      <c r="N886259" s="10"/>
    </row>
    <row r="886260" spans="14:14">
      <c r="N886260" s="10"/>
    </row>
    <row r="886261" spans="14:14">
      <c r="N886261" s="10"/>
    </row>
    <row r="886262" spans="14:14">
      <c r="N886262" s="10"/>
    </row>
    <row r="886263" spans="14:14">
      <c r="N886263" s="10"/>
    </row>
    <row r="886264" spans="14:14">
      <c r="N886264" s="10"/>
    </row>
    <row r="886265" spans="14:14">
      <c r="N886265" s="10"/>
    </row>
    <row r="886266" spans="14:14">
      <c r="N886266" s="10"/>
    </row>
    <row r="886267" spans="14:14">
      <c r="N886267" s="10"/>
    </row>
    <row r="886268" spans="14:14">
      <c r="N886268" s="10"/>
    </row>
    <row r="886269" spans="14:14">
      <c r="N886269" s="10"/>
    </row>
    <row r="886270" spans="14:14">
      <c r="N886270" s="10"/>
    </row>
    <row r="886271" spans="14:14">
      <c r="N886271" s="10"/>
    </row>
    <row r="886272" spans="14:14">
      <c r="N886272" s="10"/>
    </row>
    <row r="886273" spans="14:14">
      <c r="N886273" s="10"/>
    </row>
    <row r="886274" spans="14:14">
      <c r="N886274" s="10"/>
    </row>
    <row r="886275" spans="14:14">
      <c r="N886275" s="10"/>
    </row>
    <row r="886276" spans="14:14">
      <c r="N886276" s="10"/>
    </row>
    <row r="886277" spans="14:14">
      <c r="N886277" s="10"/>
    </row>
    <row r="886278" spans="14:14">
      <c r="N886278" s="10"/>
    </row>
    <row r="886279" spans="14:14">
      <c r="N886279" s="10"/>
    </row>
    <row r="886280" spans="14:14">
      <c r="N886280" s="10"/>
    </row>
    <row r="886281" spans="14:14">
      <c r="N886281" s="10"/>
    </row>
    <row r="886282" spans="14:14">
      <c r="N886282" s="10"/>
    </row>
    <row r="886283" spans="14:14">
      <c r="N886283" s="10"/>
    </row>
    <row r="886284" spans="14:14">
      <c r="N886284" s="10"/>
    </row>
    <row r="886285" spans="14:14">
      <c r="N886285" s="10"/>
    </row>
    <row r="886286" spans="14:14">
      <c r="N886286" s="10"/>
    </row>
    <row r="886287" spans="14:14">
      <c r="N886287" s="10"/>
    </row>
    <row r="886288" spans="14:14">
      <c r="N886288" s="10"/>
    </row>
    <row r="886289" spans="14:14">
      <c r="N886289" s="10"/>
    </row>
    <row r="886290" spans="14:14">
      <c r="N886290" s="10"/>
    </row>
    <row r="886291" spans="14:14">
      <c r="N886291" s="10"/>
    </row>
    <row r="886292" spans="14:14">
      <c r="N886292" s="10"/>
    </row>
    <row r="886293" spans="14:14">
      <c r="N886293" s="10"/>
    </row>
    <row r="886294" spans="14:14">
      <c r="N886294" s="10"/>
    </row>
    <row r="886295" spans="14:14">
      <c r="N886295" s="10"/>
    </row>
    <row r="886296" spans="14:14">
      <c r="N886296" s="10"/>
    </row>
    <row r="886297" spans="14:14">
      <c r="N886297" s="10"/>
    </row>
    <row r="886298" spans="14:14">
      <c r="N886298" s="10"/>
    </row>
    <row r="886299" spans="14:14">
      <c r="N886299" s="10"/>
    </row>
    <row r="886300" spans="14:14">
      <c r="N886300" s="10"/>
    </row>
    <row r="886301" spans="14:14">
      <c r="N886301" s="10"/>
    </row>
    <row r="886302" spans="14:14">
      <c r="N886302" s="10"/>
    </row>
    <row r="886303" spans="14:14">
      <c r="N886303" s="10"/>
    </row>
    <row r="886304" spans="14:14">
      <c r="N886304" s="10"/>
    </row>
    <row r="886305" spans="14:14">
      <c r="N886305" s="10"/>
    </row>
    <row r="886306" spans="14:14">
      <c r="N886306" s="10"/>
    </row>
    <row r="886307" spans="14:14">
      <c r="N886307" s="10"/>
    </row>
    <row r="886308" spans="14:14">
      <c r="N886308" s="10"/>
    </row>
    <row r="886309" spans="14:14">
      <c r="N886309" s="10"/>
    </row>
    <row r="886310" spans="14:14">
      <c r="N886310" s="10"/>
    </row>
    <row r="886311" spans="14:14">
      <c r="N886311" s="10"/>
    </row>
    <row r="886312" spans="14:14">
      <c r="N886312" s="10"/>
    </row>
    <row r="886313" spans="14:14">
      <c r="N886313" s="10"/>
    </row>
    <row r="886314" spans="14:14">
      <c r="N886314" s="10"/>
    </row>
    <row r="886315" spans="14:14">
      <c r="N886315" s="10"/>
    </row>
    <row r="886316" spans="14:14">
      <c r="N886316" s="10"/>
    </row>
    <row r="886317" spans="14:14">
      <c r="N886317" s="10"/>
    </row>
    <row r="886318" spans="14:14">
      <c r="N886318" s="10"/>
    </row>
    <row r="886319" spans="14:14">
      <c r="N886319" s="10"/>
    </row>
    <row r="886320" spans="14:14">
      <c r="N886320" s="10"/>
    </row>
    <row r="886321" spans="14:14">
      <c r="N886321" s="10"/>
    </row>
    <row r="886322" spans="14:14">
      <c r="N886322" s="10"/>
    </row>
    <row r="886323" spans="14:14">
      <c r="N886323" s="10"/>
    </row>
    <row r="886324" spans="14:14">
      <c r="N886324" s="10"/>
    </row>
    <row r="886325" spans="14:14">
      <c r="N886325" s="10"/>
    </row>
    <row r="886326" spans="14:14">
      <c r="N886326" s="10"/>
    </row>
    <row r="886327" spans="14:14">
      <c r="N886327" s="10"/>
    </row>
    <row r="886328" spans="14:14">
      <c r="N886328" s="10"/>
    </row>
    <row r="886329" spans="14:14">
      <c r="N886329" s="10"/>
    </row>
    <row r="886330" spans="14:14">
      <c r="N886330" s="10"/>
    </row>
    <row r="886331" spans="14:14">
      <c r="N886331" s="10"/>
    </row>
    <row r="886332" spans="14:14">
      <c r="N886332" s="10"/>
    </row>
    <row r="886333" spans="14:14">
      <c r="N886333" s="10"/>
    </row>
    <row r="886334" spans="14:14">
      <c r="N886334" s="10"/>
    </row>
    <row r="886335" spans="14:14">
      <c r="N886335" s="10"/>
    </row>
    <row r="886336" spans="14:14">
      <c r="N886336" s="10"/>
    </row>
    <row r="886337" spans="14:14">
      <c r="N886337" s="10"/>
    </row>
    <row r="886338" spans="14:14">
      <c r="N886338" s="10"/>
    </row>
    <row r="886339" spans="14:14">
      <c r="N886339" s="10"/>
    </row>
    <row r="886340" spans="14:14">
      <c r="N886340" s="10"/>
    </row>
    <row r="886341" spans="14:14">
      <c r="N886341" s="10"/>
    </row>
    <row r="886342" spans="14:14">
      <c r="N886342" s="10"/>
    </row>
    <row r="886343" spans="14:14">
      <c r="N886343" s="10"/>
    </row>
    <row r="886344" spans="14:14">
      <c r="N886344" s="10"/>
    </row>
    <row r="886345" spans="14:14">
      <c r="N886345" s="10"/>
    </row>
    <row r="886346" spans="14:14">
      <c r="N886346" s="10"/>
    </row>
    <row r="886347" spans="14:14">
      <c r="N886347" s="10"/>
    </row>
    <row r="886348" spans="14:14">
      <c r="N886348" s="10"/>
    </row>
    <row r="886349" spans="14:14">
      <c r="N886349" s="10"/>
    </row>
    <row r="886350" spans="14:14">
      <c r="N886350" s="10"/>
    </row>
    <row r="886351" spans="14:14">
      <c r="N886351" s="10"/>
    </row>
    <row r="886352" spans="14:14">
      <c r="N886352" s="10"/>
    </row>
    <row r="886353" spans="14:14">
      <c r="N886353" s="10"/>
    </row>
    <row r="886354" spans="14:14">
      <c r="N886354" s="10"/>
    </row>
    <row r="886355" spans="14:14">
      <c r="N886355" s="10"/>
    </row>
    <row r="886356" spans="14:14">
      <c r="N886356" s="10"/>
    </row>
    <row r="886357" spans="14:14">
      <c r="N886357" s="10"/>
    </row>
    <row r="886358" spans="14:14">
      <c r="N886358" s="10"/>
    </row>
    <row r="886359" spans="14:14">
      <c r="N886359" s="10"/>
    </row>
    <row r="886360" spans="14:14">
      <c r="N886360" s="10"/>
    </row>
    <row r="886361" spans="14:14">
      <c r="N886361" s="10"/>
    </row>
    <row r="886362" spans="14:14">
      <c r="N886362" s="10"/>
    </row>
    <row r="886363" spans="14:14">
      <c r="N886363" s="10"/>
    </row>
    <row r="886364" spans="14:14">
      <c r="N886364" s="10"/>
    </row>
    <row r="886365" spans="14:14">
      <c r="N886365" s="10"/>
    </row>
    <row r="886366" spans="14:14">
      <c r="N886366" s="10"/>
    </row>
    <row r="886367" spans="14:14">
      <c r="N886367" s="10"/>
    </row>
    <row r="886368" spans="14:14">
      <c r="N886368" s="10"/>
    </row>
    <row r="886369" spans="14:14">
      <c r="N886369" s="10"/>
    </row>
    <row r="886370" spans="14:14">
      <c r="N886370" s="10"/>
    </row>
    <row r="886371" spans="14:14">
      <c r="N886371" s="10"/>
    </row>
    <row r="886372" spans="14:14">
      <c r="N886372" s="10"/>
    </row>
    <row r="886373" spans="14:14">
      <c r="N886373" s="10"/>
    </row>
    <row r="886374" spans="14:14">
      <c r="N886374" s="10"/>
    </row>
    <row r="886375" spans="14:14">
      <c r="N886375" s="10"/>
    </row>
    <row r="886376" spans="14:14">
      <c r="N886376" s="10"/>
    </row>
    <row r="886377" spans="14:14">
      <c r="N886377" s="10"/>
    </row>
    <row r="886378" spans="14:14">
      <c r="N886378" s="10"/>
    </row>
    <row r="886379" spans="14:14">
      <c r="N886379" s="10"/>
    </row>
    <row r="886380" spans="14:14">
      <c r="N886380" s="10"/>
    </row>
    <row r="886381" spans="14:14">
      <c r="N886381" s="10"/>
    </row>
    <row r="886382" spans="14:14">
      <c r="N886382" s="10"/>
    </row>
    <row r="886383" spans="14:14">
      <c r="N886383" s="10"/>
    </row>
    <row r="886384" spans="14:14">
      <c r="N886384" s="10"/>
    </row>
    <row r="886385" spans="14:14">
      <c r="N886385" s="10"/>
    </row>
    <row r="886386" spans="14:14">
      <c r="N886386" s="10"/>
    </row>
    <row r="886387" spans="14:14">
      <c r="N886387" s="10"/>
    </row>
    <row r="886388" spans="14:14">
      <c r="N886388" s="10"/>
    </row>
    <row r="886389" spans="14:14">
      <c r="N886389" s="10"/>
    </row>
    <row r="886390" spans="14:14">
      <c r="N886390" s="10"/>
    </row>
    <row r="886391" spans="14:14">
      <c r="N886391" s="10"/>
    </row>
    <row r="886392" spans="14:14">
      <c r="N886392" s="10"/>
    </row>
    <row r="886393" spans="14:14">
      <c r="N886393" s="10"/>
    </row>
    <row r="886394" spans="14:14">
      <c r="N886394" s="10"/>
    </row>
    <row r="886395" spans="14:14">
      <c r="N886395" s="10"/>
    </row>
    <row r="886396" spans="14:14">
      <c r="N886396" s="10"/>
    </row>
    <row r="886397" spans="14:14">
      <c r="N886397" s="10"/>
    </row>
    <row r="886398" spans="14:14">
      <c r="N886398" s="10"/>
    </row>
    <row r="886399" spans="14:14">
      <c r="N886399" s="10"/>
    </row>
    <row r="886400" spans="14:14">
      <c r="N886400" s="10"/>
    </row>
    <row r="886401" spans="14:14">
      <c r="N886401" s="10"/>
    </row>
    <row r="886402" spans="14:14">
      <c r="N886402" s="10"/>
    </row>
    <row r="886403" spans="14:14">
      <c r="N886403" s="10"/>
    </row>
    <row r="886404" spans="14:14">
      <c r="N886404" s="10"/>
    </row>
    <row r="886405" spans="14:14">
      <c r="N886405" s="10"/>
    </row>
    <row r="886406" spans="14:14">
      <c r="N886406" s="10"/>
    </row>
    <row r="886407" spans="14:14">
      <c r="N886407" s="10"/>
    </row>
    <row r="886408" spans="14:14">
      <c r="N886408" s="10"/>
    </row>
    <row r="886409" spans="14:14">
      <c r="N886409" s="10"/>
    </row>
    <row r="886410" spans="14:14">
      <c r="N886410" s="10"/>
    </row>
    <row r="886411" spans="14:14">
      <c r="N886411" s="10"/>
    </row>
    <row r="886412" spans="14:14">
      <c r="N886412" s="10"/>
    </row>
    <row r="886413" spans="14:14">
      <c r="N886413" s="10"/>
    </row>
    <row r="886414" spans="14:14">
      <c r="N886414" s="10"/>
    </row>
    <row r="886415" spans="14:14">
      <c r="N886415" s="10"/>
    </row>
    <row r="886416" spans="14:14">
      <c r="N886416" s="10"/>
    </row>
    <row r="886417" spans="14:14">
      <c r="N886417" s="10"/>
    </row>
    <row r="886418" spans="14:14">
      <c r="N886418" s="10"/>
    </row>
    <row r="886419" spans="14:14">
      <c r="N886419" s="10"/>
    </row>
    <row r="886420" spans="14:14">
      <c r="N886420" s="10"/>
    </row>
    <row r="886421" spans="14:14">
      <c r="N886421" s="10"/>
    </row>
    <row r="886422" spans="14:14">
      <c r="N886422" s="10"/>
    </row>
    <row r="886423" spans="14:14">
      <c r="N886423" s="10"/>
    </row>
    <row r="886424" spans="14:14">
      <c r="N886424" s="10"/>
    </row>
    <row r="886425" spans="14:14">
      <c r="N886425" s="10"/>
    </row>
    <row r="886426" spans="14:14">
      <c r="N886426" s="10"/>
    </row>
    <row r="886427" spans="14:14">
      <c r="N886427" s="10"/>
    </row>
    <row r="886428" spans="14:14">
      <c r="N886428" s="10"/>
    </row>
    <row r="886429" spans="14:14">
      <c r="N886429" s="10"/>
    </row>
    <row r="886430" spans="14:14">
      <c r="N886430" s="10"/>
    </row>
    <row r="886431" spans="14:14">
      <c r="N886431" s="10"/>
    </row>
    <row r="886432" spans="14:14">
      <c r="N886432" s="10"/>
    </row>
    <row r="886433" spans="14:14">
      <c r="N886433" s="10"/>
    </row>
    <row r="886434" spans="14:14">
      <c r="N886434" s="10"/>
    </row>
    <row r="886435" spans="14:14">
      <c r="N886435" s="10"/>
    </row>
    <row r="886436" spans="14:14">
      <c r="N886436" s="10"/>
    </row>
    <row r="886437" spans="14:14">
      <c r="N886437" s="10"/>
    </row>
    <row r="886438" spans="14:14">
      <c r="N886438" s="10"/>
    </row>
    <row r="886439" spans="14:14">
      <c r="N886439" s="10"/>
    </row>
    <row r="886440" spans="14:14">
      <c r="N886440" s="10"/>
    </row>
    <row r="886441" spans="14:14">
      <c r="N886441" s="10"/>
    </row>
    <row r="886442" spans="14:14">
      <c r="N886442" s="10"/>
    </row>
    <row r="886443" spans="14:14">
      <c r="N886443" s="10"/>
    </row>
    <row r="886444" spans="14:14">
      <c r="N886444" s="10"/>
    </row>
    <row r="886445" spans="14:14">
      <c r="N886445" s="10"/>
    </row>
    <row r="886446" spans="14:14">
      <c r="N886446" s="10"/>
    </row>
    <row r="886447" spans="14:14">
      <c r="N886447" s="10"/>
    </row>
    <row r="886448" spans="14:14">
      <c r="N886448" s="10"/>
    </row>
    <row r="886449" spans="14:14">
      <c r="N886449" s="10"/>
    </row>
    <row r="886450" spans="14:14">
      <c r="N886450" s="10"/>
    </row>
    <row r="886451" spans="14:14">
      <c r="N886451" s="10"/>
    </row>
    <row r="886452" spans="14:14">
      <c r="N886452" s="10"/>
    </row>
    <row r="886453" spans="14:14">
      <c r="N886453" s="10"/>
    </row>
    <row r="886454" spans="14:14">
      <c r="N886454" s="10"/>
    </row>
    <row r="886455" spans="14:14">
      <c r="N886455" s="10"/>
    </row>
    <row r="886456" spans="14:14">
      <c r="N886456" s="10"/>
    </row>
    <row r="886457" spans="14:14">
      <c r="N886457" s="10"/>
    </row>
    <row r="886458" spans="14:14">
      <c r="N886458" s="10"/>
    </row>
    <row r="886459" spans="14:14">
      <c r="N886459" s="10"/>
    </row>
    <row r="886460" spans="14:14">
      <c r="N886460" s="10"/>
    </row>
    <row r="886461" spans="14:14">
      <c r="N886461" s="10"/>
    </row>
    <row r="886462" spans="14:14">
      <c r="N886462" s="10"/>
    </row>
    <row r="886463" spans="14:14">
      <c r="N886463" s="10"/>
    </row>
    <row r="886464" spans="14:14">
      <c r="N886464" s="10"/>
    </row>
    <row r="886465" spans="14:14">
      <c r="N886465" s="10"/>
    </row>
    <row r="886466" spans="14:14">
      <c r="N886466" s="10"/>
    </row>
    <row r="886467" spans="14:14">
      <c r="N886467" s="10"/>
    </row>
    <row r="886468" spans="14:14">
      <c r="N886468" s="10"/>
    </row>
    <row r="886469" spans="14:14">
      <c r="N886469" s="10"/>
    </row>
    <row r="886470" spans="14:14">
      <c r="N886470" s="10"/>
    </row>
    <row r="886471" spans="14:14">
      <c r="N886471" s="10"/>
    </row>
    <row r="886472" spans="14:14">
      <c r="N886472" s="10"/>
    </row>
    <row r="886473" spans="14:14">
      <c r="N886473" s="10"/>
    </row>
    <row r="886474" spans="14:14">
      <c r="N886474" s="10"/>
    </row>
    <row r="886475" spans="14:14">
      <c r="N886475" s="10"/>
    </row>
    <row r="886476" spans="14:14">
      <c r="N886476" s="10"/>
    </row>
    <row r="886477" spans="14:14">
      <c r="N886477" s="10"/>
    </row>
    <row r="886478" spans="14:14">
      <c r="N886478" s="10"/>
    </row>
    <row r="886479" spans="14:14">
      <c r="N886479" s="10"/>
    </row>
    <row r="886480" spans="14:14">
      <c r="N886480" s="10"/>
    </row>
    <row r="886481" spans="14:14">
      <c r="N886481" s="10"/>
    </row>
    <row r="886482" spans="14:14">
      <c r="N886482" s="10"/>
    </row>
    <row r="886483" spans="14:14">
      <c r="N886483" s="10"/>
    </row>
    <row r="886484" spans="14:14">
      <c r="N886484" s="10"/>
    </row>
    <row r="886485" spans="14:14">
      <c r="N886485" s="10"/>
    </row>
    <row r="886486" spans="14:14">
      <c r="N886486" s="10"/>
    </row>
    <row r="886487" spans="14:14">
      <c r="N886487" s="10"/>
    </row>
    <row r="886488" spans="14:14">
      <c r="N886488" s="10"/>
    </row>
    <row r="886489" spans="14:14">
      <c r="N886489" s="10"/>
    </row>
    <row r="886490" spans="14:14">
      <c r="N886490" s="10"/>
    </row>
    <row r="886491" spans="14:14">
      <c r="N886491" s="10"/>
    </row>
    <row r="886492" spans="14:14">
      <c r="N886492" s="10"/>
    </row>
    <row r="886493" spans="14:14">
      <c r="N886493" s="10"/>
    </row>
    <row r="886494" spans="14:14">
      <c r="N886494" s="10"/>
    </row>
    <row r="886495" spans="14:14">
      <c r="N886495" s="10"/>
    </row>
    <row r="886496" spans="14:14">
      <c r="N886496" s="10"/>
    </row>
    <row r="886497" spans="14:14">
      <c r="N886497" s="10"/>
    </row>
    <row r="886498" spans="14:14">
      <c r="N886498" s="10"/>
    </row>
    <row r="886499" spans="14:14">
      <c r="N886499" s="10"/>
    </row>
    <row r="886500" spans="14:14">
      <c r="N886500" s="10"/>
    </row>
    <row r="886501" spans="14:14">
      <c r="N886501" s="10"/>
    </row>
    <row r="886502" spans="14:14">
      <c r="N886502" s="10"/>
    </row>
    <row r="886503" spans="14:14">
      <c r="N886503" s="10"/>
    </row>
    <row r="886504" spans="14:14">
      <c r="N886504" s="10"/>
    </row>
    <row r="886505" spans="14:14">
      <c r="N886505" s="10"/>
    </row>
    <row r="886506" spans="14:14">
      <c r="N886506" s="10"/>
    </row>
    <row r="886507" spans="14:14">
      <c r="N886507" s="10"/>
    </row>
    <row r="886508" spans="14:14">
      <c r="N886508" s="10"/>
    </row>
    <row r="886509" spans="14:14">
      <c r="N886509" s="10"/>
    </row>
    <row r="886510" spans="14:14">
      <c r="N886510" s="10"/>
    </row>
    <row r="886511" spans="14:14">
      <c r="N886511" s="10"/>
    </row>
    <row r="886512" spans="14:14">
      <c r="N886512" s="10"/>
    </row>
    <row r="886513" spans="14:14">
      <c r="N886513" s="10"/>
    </row>
    <row r="886514" spans="14:14">
      <c r="N886514" s="10"/>
    </row>
    <row r="886515" spans="14:14">
      <c r="N886515" s="10"/>
    </row>
    <row r="886516" spans="14:14">
      <c r="N886516" s="10"/>
    </row>
    <row r="886517" spans="14:14">
      <c r="N886517" s="10"/>
    </row>
    <row r="886518" spans="14:14">
      <c r="N886518" s="10"/>
    </row>
    <row r="886519" spans="14:14">
      <c r="N886519" s="10"/>
    </row>
    <row r="886520" spans="14:14">
      <c r="N886520" s="10"/>
    </row>
    <row r="886521" spans="14:14">
      <c r="N886521" s="10"/>
    </row>
    <row r="886522" spans="14:14">
      <c r="N886522" s="10"/>
    </row>
    <row r="886523" spans="14:14">
      <c r="N886523" s="10"/>
    </row>
    <row r="886524" spans="14:14">
      <c r="N886524" s="10"/>
    </row>
    <row r="886525" spans="14:14">
      <c r="N886525" s="10"/>
    </row>
    <row r="886526" spans="14:14">
      <c r="N886526" s="10"/>
    </row>
    <row r="886527" spans="14:14">
      <c r="N886527" s="10"/>
    </row>
    <row r="886528" spans="14:14">
      <c r="N886528" s="10"/>
    </row>
    <row r="886529" spans="14:14">
      <c r="N886529" s="10"/>
    </row>
    <row r="886530" spans="14:14">
      <c r="N886530" s="10"/>
    </row>
    <row r="886531" spans="14:14">
      <c r="N886531" s="10"/>
    </row>
    <row r="886532" spans="14:14">
      <c r="N886532" s="10"/>
    </row>
    <row r="886533" spans="14:14">
      <c r="N886533" s="10"/>
    </row>
    <row r="886534" spans="14:14">
      <c r="N886534" s="10"/>
    </row>
    <row r="886535" spans="14:14">
      <c r="N886535" s="10"/>
    </row>
    <row r="886536" spans="14:14">
      <c r="N886536" s="10"/>
    </row>
    <row r="886537" spans="14:14">
      <c r="N886537" s="10"/>
    </row>
    <row r="886538" spans="14:14">
      <c r="N886538" s="10"/>
    </row>
    <row r="886539" spans="14:14">
      <c r="N886539" s="10"/>
    </row>
    <row r="886540" spans="14:14">
      <c r="N886540" s="10"/>
    </row>
    <row r="886541" spans="14:14">
      <c r="N886541" s="10"/>
    </row>
    <row r="886542" spans="14:14">
      <c r="N886542" s="10"/>
    </row>
    <row r="886543" spans="14:14">
      <c r="N886543" s="10"/>
    </row>
    <row r="886544" spans="14:14">
      <c r="N886544" s="10"/>
    </row>
    <row r="886545" spans="14:14">
      <c r="N886545" s="10"/>
    </row>
    <row r="886546" spans="14:14">
      <c r="N886546" s="10"/>
    </row>
    <row r="886547" spans="14:14">
      <c r="N886547" s="10"/>
    </row>
    <row r="886548" spans="14:14">
      <c r="N886548" s="10"/>
    </row>
    <row r="886549" spans="14:14">
      <c r="N886549" s="10"/>
    </row>
    <row r="886550" spans="14:14">
      <c r="N886550" s="10"/>
    </row>
    <row r="886551" spans="14:14">
      <c r="N886551" s="10"/>
    </row>
    <row r="886552" spans="14:14">
      <c r="N886552" s="10"/>
    </row>
    <row r="886553" spans="14:14">
      <c r="N886553" s="10"/>
    </row>
    <row r="886554" spans="14:14">
      <c r="N886554" s="10"/>
    </row>
    <row r="886555" spans="14:14">
      <c r="N886555" s="10"/>
    </row>
    <row r="886556" spans="14:14">
      <c r="N886556" s="10"/>
    </row>
    <row r="886557" spans="14:14">
      <c r="N886557" s="10"/>
    </row>
    <row r="886558" spans="14:14">
      <c r="N886558" s="10"/>
    </row>
    <row r="886559" spans="14:14">
      <c r="N886559" s="10"/>
    </row>
    <row r="886560" spans="14:14">
      <c r="N886560" s="10"/>
    </row>
    <row r="886561" spans="14:14">
      <c r="N886561" s="10"/>
    </row>
    <row r="886562" spans="14:14">
      <c r="N886562" s="10"/>
    </row>
    <row r="886563" spans="14:14">
      <c r="N886563" s="10"/>
    </row>
    <row r="886564" spans="14:14">
      <c r="N886564" s="10"/>
    </row>
    <row r="886565" spans="14:14">
      <c r="N886565" s="10"/>
    </row>
    <row r="886566" spans="14:14">
      <c r="N886566" s="10"/>
    </row>
    <row r="886567" spans="14:14">
      <c r="N886567" s="10"/>
    </row>
    <row r="886568" spans="14:14">
      <c r="N886568" s="10"/>
    </row>
    <row r="886569" spans="14:14">
      <c r="N886569" s="10"/>
    </row>
    <row r="886570" spans="14:14">
      <c r="N886570" s="10"/>
    </row>
    <row r="886571" spans="14:14">
      <c r="N886571" s="10"/>
    </row>
    <row r="886572" spans="14:14">
      <c r="N886572" s="10"/>
    </row>
    <row r="886573" spans="14:14">
      <c r="N886573" s="10"/>
    </row>
    <row r="886574" spans="14:14">
      <c r="N886574" s="10"/>
    </row>
    <row r="886575" spans="14:14">
      <c r="N886575" s="10"/>
    </row>
    <row r="886576" spans="14:14">
      <c r="N886576" s="10"/>
    </row>
    <row r="886577" spans="14:14">
      <c r="N886577" s="10"/>
    </row>
    <row r="886578" spans="14:14">
      <c r="N886578" s="10"/>
    </row>
    <row r="886579" spans="14:14">
      <c r="N886579" s="10"/>
    </row>
    <row r="886580" spans="14:14">
      <c r="N886580" s="10"/>
    </row>
    <row r="886581" spans="14:14">
      <c r="N886581" s="10"/>
    </row>
    <row r="886582" spans="14:14">
      <c r="N886582" s="10"/>
    </row>
    <row r="886583" spans="14:14">
      <c r="N886583" s="10"/>
    </row>
    <row r="886584" spans="14:14">
      <c r="N886584" s="10"/>
    </row>
    <row r="886585" spans="14:14">
      <c r="N886585" s="10"/>
    </row>
    <row r="886586" spans="14:14">
      <c r="N886586" s="10"/>
    </row>
    <row r="886587" spans="14:14">
      <c r="N886587" s="10"/>
    </row>
    <row r="886588" spans="14:14">
      <c r="N886588" s="10"/>
    </row>
    <row r="886589" spans="14:14">
      <c r="N886589" s="10"/>
    </row>
    <row r="886590" spans="14:14">
      <c r="N886590" s="10"/>
    </row>
    <row r="886591" spans="14:14">
      <c r="N886591" s="10"/>
    </row>
    <row r="886592" spans="14:14">
      <c r="N886592" s="10"/>
    </row>
    <row r="886593" spans="14:14">
      <c r="N886593" s="10"/>
    </row>
    <row r="886594" spans="14:14">
      <c r="N886594" s="10"/>
    </row>
    <row r="886595" spans="14:14">
      <c r="N886595" s="10"/>
    </row>
    <row r="886596" spans="14:14">
      <c r="N886596" s="10"/>
    </row>
    <row r="886597" spans="14:14">
      <c r="N886597" s="10"/>
    </row>
    <row r="886598" spans="14:14">
      <c r="N886598" s="10"/>
    </row>
    <row r="886599" spans="14:14">
      <c r="N886599" s="10"/>
    </row>
    <row r="886600" spans="14:14">
      <c r="N886600" s="10"/>
    </row>
    <row r="886601" spans="14:14">
      <c r="N886601" s="10"/>
    </row>
    <row r="886602" spans="14:14">
      <c r="N886602" s="10"/>
    </row>
    <row r="886603" spans="14:14">
      <c r="N886603" s="10"/>
    </row>
    <row r="886604" spans="14:14">
      <c r="N886604" s="10"/>
    </row>
    <row r="886605" spans="14:14">
      <c r="N886605" s="10"/>
    </row>
    <row r="886606" spans="14:14">
      <c r="N886606" s="10"/>
    </row>
    <row r="886607" spans="14:14">
      <c r="N886607" s="10"/>
    </row>
    <row r="886608" spans="14:14">
      <c r="N886608" s="10"/>
    </row>
    <row r="886609" spans="14:14">
      <c r="N886609" s="10"/>
    </row>
    <row r="886610" spans="14:14">
      <c r="N886610" s="10"/>
    </row>
    <row r="886611" spans="14:14">
      <c r="N886611" s="10"/>
    </row>
    <row r="886612" spans="14:14">
      <c r="N886612" s="10"/>
    </row>
    <row r="886613" spans="14:14">
      <c r="N886613" s="10"/>
    </row>
    <row r="886614" spans="14:14">
      <c r="N886614" s="10"/>
    </row>
    <row r="886615" spans="14:14">
      <c r="N886615" s="10"/>
    </row>
    <row r="886616" spans="14:14">
      <c r="N886616" s="10"/>
    </row>
    <row r="886617" spans="14:14">
      <c r="N886617" s="10"/>
    </row>
    <row r="886618" spans="14:14">
      <c r="N886618" s="10"/>
    </row>
    <row r="886619" spans="14:14">
      <c r="N886619" s="10"/>
    </row>
    <row r="886620" spans="14:14">
      <c r="N886620" s="10"/>
    </row>
    <row r="886621" spans="14:14">
      <c r="N886621" s="10"/>
    </row>
    <row r="886622" spans="14:14">
      <c r="N886622" s="10"/>
    </row>
    <row r="886623" spans="14:14">
      <c r="N886623" s="10"/>
    </row>
    <row r="886624" spans="14:14">
      <c r="N886624" s="10"/>
    </row>
    <row r="886625" spans="14:14">
      <c r="N886625" s="10"/>
    </row>
    <row r="886626" spans="14:14">
      <c r="N886626" s="10"/>
    </row>
    <row r="886627" spans="14:14">
      <c r="N886627" s="10"/>
    </row>
    <row r="886628" spans="14:14">
      <c r="N886628" s="10"/>
    </row>
    <row r="886629" spans="14:14">
      <c r="N886629" s="10"/>
    </row>
    <row r="886630" spans="14:14">
      <c r="N886630" s="10"/>
    </row>
    <row r="886631" spans="14:14">
      <c r="N886631" s="10"/>
    </row>
    <row r="886632" spans="14:14">
      <c r="N886632" s="10"/>
    </row>
    <row r="886633" spans="14:14">
      <c r="N886633" s="10"/>
    </row>
    <row r="886634" spans="14:14">
      <c r="N886634" s="10"/>
    </row>
    <row r="886635" spans="14:14">
      <c r="N886635" s="10"/>
    </row>
    <row r="886636" spans="14:14">
      <c r="N886636" s="10"/>
    </row>
    <row r="886637" spans="14:14">
      <c r="N886637" s="10"/>
    </row>
    <row r="886638" spans="14:14">
      <c r="N886638" s="10"/>
    </row>
    <row r="886639" spans="14:14">
      <c r="N886639" s="10"/>
    </row>
    <row r="886640" spans="14:14">
      <c r="N886640" s="10"/>
    </row>
    <row r="886641" spans="14:14">
      <c r="N886641" s="10"/>
    </row>
    <row r="886642" spans="14:14">
      <c r="N886642" s="10"/>
    </row>
    <row r="886643" spans="14:14">
      <c r="N886643" s="10"/>
    </row>
    <row r="886644" spans="14:14">
      <c r="N886644" s="10"/>
    </row>
    <row r="886645" spans="14:14">
      <c r="N886645" s="10"/>
    </row>
    <row r="886646" spans="14:14">
      <c r="N886646" s="10"/>
    </row>
    <row r="886647" spans="14:14">
      <c r="N886647" s="10"/>
    </row>
    <row r="886648" spans="14:14">
      <c r="N886648" s="10"/>
    </row>
    <row r="886649" spans="14:14">
      <c r="N886649" s="10"/>
    </row>
    <row r="886650" spans="14:14">
      <c r="N886650" s="10"/>
    </row>
    <row r="886651" spans="14:14">
      <c r="N886651" s="10"/>
    </row>
    <row r="886652" spans="14:14">
      <c r="N886652" s="10"/>
    </row>
    <row r="886653" spans="14:14">
      <c r="N886653" s="10"/>
    </row>
    <row r="886654" spans="14:14">
      <c r="N886654" s="10"/>
    </row>
    <row r="886655" spans="14:14">
      <c r="N886655" s="10"/>
    </row>
    <row r="886656" spans="14:14">
      <c r="N886656" s="10"/>
    </row>
    <row r="886657" spans="14:14">
      <c r="N886657" s="10"/>
    </row>
    <row r="886658" spans="14:14">
      <c r="N886658" s="10"/>
    </row>
    <row r="886659" spans="14:14">
      <c r="N886659" s="10"/>
    </row>
    <row r="886660" spans="14:14">
      <c r="N886660" s="10"/>
    </row>
    <row r="886661" spans="14:14">
      <c r="N886661" s="10"/>
    </row>
    <row r="886662" spans="14:14">
      <c r="N886662" s="10"/>
    </row>
    <row r="886663" spans="14:14">
      <c r="N886663" s="10"/>
    </row>
    <row r="886664" spans="14:14">
      <c r="N886664" s="10"/>
    </row>
    <row r="886665" spans="14:14">
      <c r="N886665" s="10"/>
    </row>
    <row r="886666" spans="14:14">
      <c r="N886666" s="10"/>
    </row>
    <row r="886667" spans="14:14">
      <c r="N886667" s="10"/>
    </row>
    <row r="886668" spans="14:14">
      <c r="N886668" s="10"/>
    </row>
    <row r="886669" spans="14:14">
      <c r="N886669" s="10"/>
    </row>
    <row r="886670" spans="14:14">
      <c r="N886670" s="10"/>
    </row>
    <row r="886671" spans="14:14">
      <c r="N886671" s="10"/>
    </row>
    <row r="886672" spans="14:14">
      <c r="N886672" s="10"/>
    </row>
    <row r="886673" spans="14:14">
      <c r="N886673" s="10"/>
    </row>
    <row r="886674" spans="14:14">
      <c r="N886674" s="10"/>
    </row>
    <row r="886675" spans="14:14">
      <c r="N886675" s="10"/>
    </row>
    <row r="886676" spans="14:14">
      <c r="N886676" s="10"/>
    </row>
    <row r="886677" spans="14:14">
      <c r="N886677" s="10"/>
    </row>
    <row r="886678" spans="14:14">
      <c r="N886678" s="10"/>
    </row>
    <row r="886679" spans="14:14">
      <c r="N886679" s="10"/>
    </row>
    <row r="886680" spans="14:14">
      <c r="N886680" s="10"/>
    </row>
    <row r="886681" spans="14:14">
      <c r="N886681" s="10"/>
    </row>
    <row r="886682" spans="14:14">
      <c r="N886682" s="10"/>
    </row>
    <row r="886683" spans="14:14">
      <c r="N886683" s="10"/>
    </row>
    <row r="886684" spans="14:14">
      <c r="N886684" s="10"/>
    </row>
    <row r="886685" spans="14:14">
      <c r="N886685" s="10"/>
    </row>
    <row r="886686" spans="14:14">
      <c r="N886686" s="10"/>
    </row>
    <row r="886687" spans="14:14">
      <c r="N886687" s="10"/>
    </row>
    <row r="886688" spans="14:14">
      <c r="N886688" s="10"/>
    </row>
    <row r="886689" spans="14:14">
      <c r="N886689" s="10"/>
    </row>
    <row r="886690" spans="14:14">
      <c r="N886690" s="10"/>
    </row>
    <row r="886691" spans="14:14">
      <c r="N886691" s="10"/>
    </row>
    <row r="886692" spans="14:14">
      <c r="N886692" s="10"/>
    </row>
    <row r="886693" spans="14:14">
      <c r="N886693" s="10"/>
    </row>
    <row r="886694" spans="14:14">
      <c r="N886694" s="10"/>
    </row>
    <row r="886695" spans="14:14">
      <c r="N886695" s="10"/>
    </row>
    <row r="886696" spans="14:14">
      <c r="N886696" s="10"/>
    </row>
    <row r="886697" spans="14:14">
      <c r="N886697" s="10"/>
    </row>
    <row r="886698" spans="14:14">
      <c r="N886698" s="10"/>
    </row>
    <row r="886699" spans="14:14">
      <c r="N886699" s="10"/>
    </row>
    <row r="886700" spans="14:14">
      <c r="N886700" s="10"/>
    </row>
    <row r="886701" spans="14:14">
      <c r="N886701" s="10"/>
    </row>
    <row r="886702" spans="14:14">
      <c r="N886702" s="10"/>
    </row>
    <row r="886703" spans="14:14">
      <c r="N886703" s="10"/>
    </row>
    <row r="886704" spans="14:14">
      <c r="N886704" s="10"/>
    </row>
    <row r="886705" spans="14:14">
      <c r="N886705" s="10"/>
    </row>
    <row r="886706" spans="14:14">
      <c r="N886706" s="10"/>
    </row>
    <row r="886707" spans="14:14">
      <c r="N886707" s="10"/>
    </row>
    <row r="886708" spans="14:14">
      <c r="N886708" s="10"/>
    </row>
    <row r="886709" spans="14:14">
      <c r="N886709" s="10"/>
    </row>
    <row r="886710" spans="14:14">
      <c r="N886710" s="10"/>
    </row>
    <row r="886711" spans="14:14">
      <c r="N886711" s="10"/>
    </row>
    <row r="886712" spans="14:14">
      <c r="N886712" s="10"/>
    </row>
    <row r="886713" spans="14:14">
      <c r="N886713" s="10"/>
    </row>
    <row r="886714" spans="14:14">
      <c r="N886714" s="10"/>
    </row>
    <row r="886715" spans="14:14">
      <c r="N886715" s="10"/>
    </row>
    <row r="886716" spans="14:14">
      <c r="N886716" s="10"/>
    </row>
    <row r="886717" spans="14:14">
      <c r="N886717" s="10"/>
    </row>
    <row r="886718" spans="14:14">
      <c r="N886718" s="10"/>
    </row>
    <row r="886719" spans="14:14">
      <c r="N886719" s="10"/>
    </row>
    <row r="886720" spans="14:14">
      <c r="N886720" s="10"/>
    </row>
    <row r="886721" spans="14:14">
      <c r="N886721" s="10"/>
    </row>
    <row r="886722" spans="14:14">
      <c r="N886722" s="10"/>
    </row>
    <row r="886723" spans="14:14">
      <c r="N886723" s="10"/>
    </row>
    <row r="886724" spans="14:14">
      <c r="N886724" s="10"/>
    </row>
    <row r="886725" spans="14:14">
      <c r="N886725" s="10"/>
    </row>
    <row r="886726" spans="14:14">
      <c r="N886726" s="10"/>
    </row>
    <row r="886727" spans="14:14">
      <c r="N886727" s="10"/>
    </row>
    <row r="886728" spans="14:14">
      <c r="N886728" s="10"/>
    </row>
    <row r="886729" spans="14:14">
      <c r="N886729" s="10"/>
    </row>
    <row r="886730" spans="14:14">
      <c r="N886730" s="10"/>
    </row>
    <row r="886731" spans="14:14">
      <c r="N886731" s="10"/>
    </row>
    <row r="886732" spans="14:14">
      <c r="N886732" s="10"/>
    </row>
    <row r="886733" spans="14:14">
      <c r="N886733" s="10"/>
    </row>
    <row r="886734" spans="14:14">
      <c r="N886734" s="10"/>
    </row>
    <row r="886735" spans="14:14">
      <c r="N886735" s="10"/>
    </row>
    <row r="886736" spans="14:14">
      <c r="N886736" s="10"/>
    </row>
    <row r="886737" spans="14:14">
      <c r="N886737" s="10"/>
    </row>
    <row r="886738" spans="14:14">
      <c r="N886738" s="10"/>
    </row>
    <row r="886739" spans="14:14">
      <c r="N886739" s="10"/>
    </row>
    <row r="886740" spans="14:14">
      <c r="N886740" s="10"/>
    </row>
    <row r="886741" spans="14:14">
      <c r="N886741" s="10"/>
    </row>
    <row r="886742" spans="14:14">
      <c r="N886742" s="10"/>
    </row>
    <row r="886743" spans="14:14">
      <c r="N886743" s="10"/>
    </row>
    <row r="886744" spans="14:14">
      <c r="N886744" s="10"/>
    </row>
    <row r="886745" spans="14:14">
      <c r="N886745" s="10"/>
    </row>
    <row r="886746" spans="14:14">
      <c r="N886746" s="10"/>
    </row>
    <row r="886747" spans="14:14">
      <c r="N886747" s="10"/>
    </row>
    <row r="886748" spans="14:14">
      <c r="N886748" s="10"/>
    </row>
    <row r="886749" spans="14:14">
      <c r="N886749" s="10"/>
    </row>
    <row r="886750" spans="14:14">
      <c r="N886750" s="10"/>
    </row>
    <row r="886751" spans="14:14">
      <c r="N886751" s="10"/>
    </row>
    <row r="886752" spans="14:14">
      <c r="N886752" s="10"/>
    </row>
    <row r="886753" spans="14:14">
      <c r="N886753" s="10"/>
    </row>
    <row r="886754" spans="14:14">
      <c r="N886754" s="10"/>
    </row>
    <row r="886755" spans="14:14">
      <c r="N886755" s="10"/>
    </row>
    <row r="886756" spans="14:14">
      <c r="N886756" s="10"/>
    </row>
    <row r="886757" spans="14:14">
      <c r="N886757" s="10"/>
    </row>
    <row r="886758" spans="14:14">
      <c r="N886758" s="10"/>
    </row>
    <row r="886759" spans="14:14">
      <c r="N886759" s="10"/>
    </row>
    <row r="886760" spans="14:14">
      <c r="N886760" s="10"/>
    </row>
    <row r="886761" spans="14:14">
      <c r="N886761" s="10"/>
    </row>
    <row r="886762" spans="14:14">
      <c r="N886762" s="10"/>
    </row>
    <row r="886763" spans="14:14">
      <c r="N886763" s="10"/>
    </row>
    <row r="886764" spans="14:14">
      <c r="N886764" s="10"/>
    </row>
    <row r="886765" spans="14:14">
      <c r="N886765" s="10"/>
    </row>
    <row r="886766" spans="14:14">
      <c r="N886766" s="10"/>
    </row>
    <row r="886767" spans="14:14">
      <c r="N886767" s="10"/>
    </row>
    <row r="886768" spans="14:14">
      <c r="N886768" s="10"/>
    </row>
    <row r="886769" spans="14:14">
      <c r="N886769" s="10"/>
    </row>
    <row r="886770" spans="14:14">
      <c r="N886770" s="10"/>
    </row>
    <row r="886771" spans="14:14">
      <c r="N886771" s="10"/>
    </row>
    <row r="886772" spans="14:14">
      <c r="N886772" s="10"/>
    </row>
    <row r="886773" spans="14:14">
      <c r="N886773" s="10"/>
    </row>
    <row r="886774" spans="14:14">
      <c r="N886774" s="10"/>
    </row>
    <row r="886775" spans="14:14">
      <c r="N886775" s="10"/>
    </row>
    <row r="886776" spans="14:14">
      <c r="N886776" s="10"/>
    </row>
    <row r="886777" spans="14:14">
      <c r="N886777" s="10"/>
    </row>
    <row r="886778" spans="14:14">
      <c r="N886778" s="10"/>
    </row>
    <row r="886779" spans="14:14">
      <c r="N886779" s="10"/>
    </row>
    <row r="886780" spans="14:14">
      <c r="N886780" s="10"/>
    </row>
    <row r="886781" spans="14:14">
      <c r="N886781" s="10"/>
    </row>
    <row r="886782" spans="14:14">
      <c r="N886782" s="10"/>
    </row>
    <row r="886783" spans="14:14">
      <c r="N886783" s="10"/>
    </row>
    <row r="886784" spans="14:14">
      <c r="N886784" s="10"/>
    </row>
    <row r="886785" spans="14:14">
      <c r="N886785" s="10"/>
    </row>
    <row r="886786" spans="14:14">
      <c r="N886786" s="10"/>
    </row>
    <row r="886787" spans="14:14">
      <c r="N886787" s="10"/>
    </row>
    <row r="886788" spans="14:14">
      <c r="N886788" s="10"/>
    </row>
    <row r="886789" spans="14:14">
      <c r="N886789" s="10"/>
    </row>
    <row r="886790" spans="14:14">
      <c r="N886790" s="10"/>
    </row>
    <row r="886791" spans="14:14">
      <c r="N886791" s="10"/>
    </row>
    <row r="886792" spans="14:14">
      <c r="N886792" s="10"/>
    </row>
    <row r="886793" spans="14:14">
      <c r="N886793" s="10"/>
    </row>
    <row r="886794" spans="14:14">
      <c r="N886794" s="10"/>
    </row>
    <row r="886795" spans="14:14">
      <c r="N886795" s="10"/>
    </row>
    <row r="886796" spans="14:14">
      <c r="N886796" s="10"/>
    </row>
    <row r="886797" spans="14:14">
      <c r="N886797" s="10"/>
    </row>
    <row r="886798" spans="14:14">
      <c r="N886798" s="10"/>
    </row>
    <row r="886799" spans="14:14">
      <c r="N886799" s="10"/>
    </row>
    <row r="886800" spans="14:14">
      <c r="N886800" s="10"/>
    </row>
    <row r="886801" spans="14:14">
      <c r="N886801" s="10"/>
    </row>
    <row r="886802" spans="14:14">
      <c r="N886802" s="10"/>
    </row>
    <row r="886803" spans="14:14">
      <c r="N886803" s="10"/>
    </row>
    <row r="886804" spans="14:14">
      <c r="N886804" s="10"/>
    </row>
    <row r="886805" spans="14:14">
      <c r="N886805" s="10"/>
    </row>
    <row r="886806" spans="14:14">
      <c r="N886806" s="10"/>
    </row>
    <row r="886807" spans="14:14">
      <c r="N886807" s="10"/>
    </row>
    <row r="886808" spans="14:14">
      <c r="N886808" s="10"/>
    </row>
    <row r="886809" spans="14:14">
      <c r="N886809" s="10"/>
    </row>
    <row r="886810" spans="14:14">
      <c r="N886810" s="10"/>
    </row>
    <row r="886811" spans="14:14">
      <c r="N886811" s="10"/>
    </row>
    <row r="886812" spans="14:14">
      <c r="N886812" s="10"/>
    </row>
    <row r="886813" spans="14:14">
      <c r="N886813" s="10"/>
    </row>
    <row r="886814" spans="14:14">
      <c r="N886814" s="10"/>
    </row>
    <row r="886815" spans="14:14">
      <c r="N886815" s="10"/>
    </row>
    <row r="886816" spans="14:14">
      <c r="N886816" s="10"/>
    </row>
    <row r="886817" spans="14:14">
      <c r="N886817" s="10"/>
    </row>
    <row r="886818" spans="14:14">
      <c r="N886818" s="10"/>
    </row>
    <row r="886819" spans="14:14">
      <c r="N886819" s="10"/>
    </row>
    <row r="886820" spans="14:14">
      <c r="N886820" s="10"/>
    </row>
    <row r="886821" spans="14:14">
      <c r="N886821" s="10"/>
    </row>
    <row r="886822" spans="14:14">
      <c r="N886822" s="10"/>
    </row>
    <row r="886823" spans="14:14">
      <c r="N886823" s="10"/>
    </row>
    <row r="886824" spans="14:14">
      <c r="N886824" s="10"/>
    </row>
    <row r="886825" spans="14:14">
      <c r="N886825" s="10"/>
    </row>
    <row r="886826" spans="14:14">
      <c r="N886826" s="10"/>
    </row>
    <row r="886827" spans="14:14">
      <c r="N886827" s="10"/>
    </row>
    <row r="886828" spans="14:14">
      <c r="N886828" s="10"/>
    </row>
    <row r="886829" spans="14:14">
      <c r="N886829" s="10"/>
    </row>
    <row r="886830" spans="14:14">
      <c r="N886830" s="10"/>
    </row>
    <row r="886831" spans="14:14">
      <c r="N886831" s="10"/>
    </row>
    <row r="886832" spans="14:14">
      <c r="N886832" s="10"/>
    </row>
    <row r="886833" spans="14:14">
      <c r="N886833" s="10"/>
    </row>
    <row r="886834" spans="14:14">
      <c r="N886834" s="10"/>
    </row>
    <row r="886835" spans="14:14">
      <c r="N886835" s="10"/>
    </row>
    <row r="886836" spans="14:14">
      <c r="N886836" s="10"/>
    </row>
    <row r="886837" spans="14:14">
      <c r="N886837" s="10"/>
    </row>
    <row r="886838" spans="14:14">
      <c r="N886838" s="10"/>
    </row>
    <row r="886839" spans="14:14">
      <c r="N886839" s="10"/>
    </row>
    <row r="886840" spans="14:14">
      <c r="N886840" s="10"/>
    </row>
    <row r="886841" spans="14:14">
      <c r="N886841" s="10"/>
    </row>
    <row r="886842" spans="14:14">
      <c r="N886842" s="10"/>
    </row>
    <row r="886843" spans="14:14">
      <c r="N886843" s="10"/>
    </row>
    <row r="886844" spans="14:14">
      <c r="N886844" s="10"/>
    </row>
    <row r="886845" spans="14:14">
      <c r="N886845" s="10"/>
    </row>
    <row r="886846" spans="14:14">
      <c r="N886846" s="10"/>
    </row>
    <row r="886847" spans="14:14">
      <c r="N886847" s="10"/>
    </row>
    <row r="886848" spans="14:14">
      <c r="N886848" s="10"/>
    </row>
    <row r="886849" spans="14:14">
      <c r="N886849" s="10"/>
    </row>
    <row r="886850" spans="14:14">
      <c r="N886850" s="10"/>
    </row>
    <row r="886851" spans="14:14">
      <c r="N886851" s="10"/>
    </row>
    <row r="886852" spans="14:14">
      <c r="N886852" s="10"/>
    </row>
    <row r="886853" spans="14:14">
      <c r="N886853" s="10"/>
    </row>
    <row r="886854" spans="14:14">
      <c r="N886854" s="10"/>
    </row>
    <row r="886855" spans="14:14">
      <c r="N886855" s="10"/>
    </row>
    <row r="886856" spans="14:14">
      <c r="N886856" s="10"/>
    </row>
    <row r="886857" spans="14:14">
      <c r="N886857" s="10"/>
    </row>
    <row r="886858" spans="14:14">
      <c r="N886858" s="10"/>
    </row>
    <row r="886859" spans="14:14">
      <c r="N886859" s="10"/>
    </row>
    <row r="886860" spans="14:14">
      <c r="N886860" s="10"/>
    </row>
    <row r="886861" spans="14:14">
      <c r="N886861" s="10"/>
    </row>
    <row r="886862" spans="14:14">
      <c r="N886862" s="10"/>
    </row>
    <row r="886863" spans="14:14">
      <c r="N886863" s="10"/>
    </row>
    <row r="886864" spans="14:14">
      <c r="N886864" s="10"/>
    </row>
    <row r="886865" spans="14:14">
      <c r="N886865" s="10"/>
    </row>
    <row r="886866" spans="14:14">
      <c r="N886866" s="10"/>
    </row>
    <row r="886867" spans="14:14">
      <c r="N886867" s="10"/>
    </row>
    <row r="886868" spans="14:14">
      <c r="N886868" s="10"/>
    </row>
    <row r="886869" spans="14:14">
      <c r="N886869" s="10"/>
    </row>
    <row r="886870" spans="14:14">
      <c r="N886870" s="10"/>
    </row>
    <row r="886871" spans="14:14">
      <c r="N886871" s="10"/>
    </row>
    <row r="886872" spans="14:14">
      <c r="N886872" s="10"/>
    </row>
    <row r="886873" spans="14:14">
      <c r="N886873" s="10"/>
    </row>
    <row r="886874" spans="14:14">
      <c r="N886874" s="10"/>
    </row>
    <row r="886875" spans="14:14">
      <c r="N886875" s="10"/>
    </row>
    <row r="886876" spans="14:14">
      <c r="N886876" s="10"/>
    </row>
    <row r="886877" spans="14:14">
      <c r="N886877" s="10"/>
    </row>
    <row r="886878" spans="14:14">
      <c r="N886878" s="10"/>
    </row>
    <row r="886879" spans="14:14">
      <c r="N886879" s="10"/>
    </row>
    <row r="886880" spans="14:14">
      <c r="N886880" s="10"/>
    </row>
    <row r="886881" spans="14:14">
      <c r="N886881" s="10"/>
    </row>
    <row r="886882" spans="14:14">
      <c r="N886882" s="10"/>
    </row>
    <row r="886883" spans="14:14">
      <c r="N886883" s="10"/>
    </row>
    <row r="886884" spans="14:14">
      <c r="N886884" s="10"/>
    </row>
    <row r="886885" spans="14:14">
      <c r="N886885" s="10"/>
    </row>
    <row r="886886" spans="14:14">
      <c r="N886886" s="10"/>
    </row>
    <row r="886887" spans="14:14">
      <c r="N886887" s="10"/>
    </row>
    <row r="886888" spans="14:14">
      <c r="N886888" s="10"/>
    </row>
    <row r="886889" spans="14:14">
      <c r="N886889" s="10"/>
    </row>
    <row r="886890" spans="14:14">
      <c r="N886890" s="10"/>
    </row>
    <row r="886891" spans="14:14">
      <c r="N886891" s="10"/>
    </row>
    <row r="886892" spans="14:14">
      <c r="N886892" s="10"/>
    </row>
    <row r="886893" spans="14:14">
      <c r="N886893" s="10"/>
    </row>
    <row r="886894" spans="14:14">
      <c r="N886894" s="10"/>
    </row>
    <row r="886895" spans="14:14">
      <c r="N886895" s="10"/>
    </row>
    <row r="886896" spans="14:14">
      <c r="N886896" s="10"/>
    </row>
    <row r="886897" spans="14:14">
      <c r="N886897" s="10"/>
    </row>
    <row r="886898" spans="14:14">
      <c r="N886898" s="10"/>
    </row>
    <row r="886899" spans="14:14">
      <c r="N886899" s="10"/>
    </row>
    <row r="886900" spans="14:14">
      <c r="N886900" s="10"/>
    </row>
    <row r="886901" spans="14:14">
      <c r="N886901" s="10"/>
    </row>
    <row r="886902" spans="14:14">
      <c r="N886902" s="10"/>
    </row>
    <row r="886903" spans="14:14">
      <c r="N886903" s="10"/>
    </row>
    <row r="886904" spans="14:14">
      <c r="N886904" s="10"/>
    </row>
    <row r="886905" spans="14:14">
      <c r="N886905" s="10"/>
    </row>
    <row r="886906" spans="14:14">
      <c r="N886906" s="10"/>
    </row>
    <row r="886907" spans="14:14">
      <c r="N886907" s="10"/>
    </row>
    <row r="886908" spans="14:14">
      <c r="N886908" s="10"/>
    </row>
    <row r="886909" spans="14:14">
      <c r="N886909" s="10"/>
    </row>
    <row r="886910" spans="14:14">
      <c r="N886910" s="10"/>
    </row>
    <row r="886911" spans="14:14">
      <c r="N886911" s="10"/>
    </row>
    <row r="886912" spans="14:14">
      <c r="N886912" s="10"/>
    </row>
    <row r="886913" spans="14:14">
      <c r="N886913" s="10"/>
    </row>
    <row r="886914" spans="14:14">
      <c r="N886914" s="10"/>
    </row>
    <row r="886915" spans="14:14">
      <c r="N886915" s="10"/>
    </row>
    <row r="886916" spans="14:14">
      <c r="N886916" s="10"/>
    </row>
    <row r="886917" spans="14:14">
      <c r="N886917" s="10"/>
    </row>
    <row r="886918" spans="14:14">
      <c r="N886918" s="10"/>
    </row>
    <row r="886919" spans="14:14">
      <c r="N886919" s="10"/>
    </row>
    <row r="886920" spans="14:14">
      <c r="N886920" s="10"/>
    </row>
    <row r="886921" spans="14:14">
      <c r="N886921" s="10"/>
    </row>
    <row r="886922" spans="14:14">
      <c r="N886922" s="10"/>
    </row>
    <row r="886923" spans="14:14">
      <c r="N886923" s="10"/>
    </row>
    <row r="886924" spans="14:14">
      <c r="N886924" s="10"/>
    </row>
    <row r="886925" spans="14:14">
      <c r="N886925" s="10"/>
    </row>
    <row r="886926" spans="14:14">
      <c r="N886926" s="10"/>
    </row>
    <row r="886927" spans="14:14">
      <c r="N886927" s="10"/>
    </row>
    <row r="886928" spans="14:14">
      <c r="N886928" s="10"/>
    </row>
    <row r="886929" spans="14:14">
      <c r="N886929" s="10"/>
    </row>
    <row r="886930" spans="14:14">
      <c r="N886930" s="10"/>
    </row>
    <row r="886931" spans="14:14">
      <c r="N886931" s="10"/>
    </row>
    <row r="886932" spans="14:14">
      <c r="N886932" s="10"/>
    </row>
    <row r="886933" spans="14:14">
      <c r="N886933" s="10"/>
    </row>
    <row r="886934" spans="14:14">
      <c r="N886934" s="10"/>
    </row>
    <row r="886935" spans="14:14">
      <c r="N886935" s="10"/>
    </row>
    <row r="886936" spans="14:14">
      <c r="N886936" s="10"/>
    </row>
    <row r="886937" spans="14:14">
      <c r="N886937" s="10"/>
    </row>
    <row r="886938" spans="14:14">
      <c r="N886938" s="10"/>
    </row>
    <row r="886939" spans="14:14">
      <c r="N886939" s="10"/>
    </row>
    <row r="886940" spans="14:14">
      <c r="N886940" s="10"/>
    </row>
    <row r="886941" spans="14:14">
      <c r="N886941" s="10"/>
    </row>
    <row r="886942" spans="14:14">
      <c r="N886942" s="10"/>
    </row>
    <row r="886943" spans="14:14">
      <c r="N886943" s="10"/>
    </row>
    <row r="886944" spans="14:14">
      <c r="N886944" s="10"/>
    </row>
    <row r="886945" spans="14:14">
      <c r="N886945" s="10"/>
    </row>
    <row r="886946" spans="14:14">
      <c r="N886946" s="10"/>
    </row>
    <row r="886947" spans="14:14">
      <c r="N886947" s="10"/>
    </row>
    <row r="886948" spans="14:14">
      <c r="N886948" s="10"/>
    </row>
    <row r="886949" spans="14:14">
      <c r="N886949" s="10"/>
    </row>
    <row r="886950" spans="14:14">
      <c r="N886950" s="10"/>
    </row>
    <row r="886951" spans="14:14">
      <c r="N886951" s="10"/>
    </row>
    <row r="886952" spans="14:14">
      <c r="N886952" s="10"/>
    </row>
    <row r="886953" spans="14:14">
      <c r="N886953" s="10"/>
    </row>
    <row r="886954" spans="14:14">
      <c r="N886954" s="10"/>
    </row>
    <row r="886955" spans="14:14">
      <c r="N886955" s="10"/>
    </row>
    <row r="886956" spans="14:14">
      <c r="N886956" s="10"/>
    </row>
    <row r="886957" spans="14:14">
      <c r="N886957" s="10"/>
    </row>
    <row r="886958" spans="14:14">
      <c r="N886958" s="10"/>
    </row>
    <row r="886959" spans="14:14">
      <c r="N886959" s="10"/>
    </row>
    <row r="886960" spans="14:14">
      <c r="N886960" s="10"/>
    </row>
    <row r="886961" spans="14:14">
      <c r="N886961" s="10"/>
    </row>
    <row r="886962" spans="14:14">
      <c r="N886962" s="10"/>
    </row>
    <row r="886963" spans="14:14">
      <c r="N886963" s="10"/>
    </row>
    <row r="886964" spans="14:14">
      <c r="N886964" s="10"/>
    </row>
    <row r="886965" spans="14:14">
      <c r="N886965" s="10"/>
    </row>
    <row r="886966" spans="14:14">
      <c r="N886966" s="10"/>
    </row>
    <row r="886967" spans="14:14">
      <c r="N886967" s="10"/>
    </row>
    <row r="886968" spans="14:14">
      <c r="N886968" s="10"/>
    </row>
    <row r="886969" spans="14:14">
      <c r="N886969" s="10"/>
    </row>
    <row r="886970" spans="14:14">
      <c r="N886970" s="10"/>
    </row>
    <row r="886971" spans="14:14">
      <c r="N886971" s="10"/>
    </row>
    <row r="886972" spans="14:14">
      <c r="N886972" s="10"/>
    </row>
    <row r="886973" spans="14:14">
      <c r="N886973" s="10"/>
    </row>
    <row r="886974" spans="14:14">
      <c r="N886974" s="10"/>
    </row>
    <row r="886975" spans="14:14">
      <c r="N886975" s="10"/>
    </row>
    <row r="886976" spans="14:14">
      <c r="N886976" s="10"/>
    </row>
    <row r="886977" spans="14:14">
      <c r="N886977" s="10"/>
    </row>
    <row r="886978" spans="14:14">
      <c r="N886978" s="10"/>
    </row>
    <row r="886979" spans="14:14">
      <c r="N886979" s="10"/>
    </row>
    <row r="886980" spans="14:14">
      <c r="N886980" s="10"/>
    </row>
    <row r="886981" spans="14:14">
      <c r="N886981" s="10"/>
    </row>
    <row r="886982" spans="14:14">
      <c r="N886982" s="10"/>
    </row>
    <row r="886983" spans="14:14">
      <c r="N886983" s="10"/>
    </row>
    <row r="886984" spans="14:14">
      <c r="N886984" s="10"/>
    </row>
    <row r="886985" spans="14:14">
      <c r="N886985" s="10"/>
    </row>
    <row r="886986" spans="14:14">
      <c r="N886986" s="10"/>
    </row>
    <row r="886987" spans="14:14">
      <c r="N886987" s="10"/>
    </row>
    <row r="886988" spans="14:14">
      <c r="N886988" s="10"/>
    </row>
    <row r="886989" spans="14:14">
      <c r="N886989" s="10"/>
    </row>
    <row r="886990" spans="14:14">
      <c r="N886990" s="10"/>
    </row>
    <row r="886991" spans="14:14">
      <c r="N886991" s="10"/>
    </row>
    <row r="886992" spans="14:14">
      <c r="N886992" s="10"/>
    </row>
    <row r="886993" spans="14:14">
      <c r="N886993" s="10"/>
    </row>
    <row r="886994" spans="14:14">
      <c r="N886994" s="10"/>
    </row>
    <row r="886995" spans="14:14">
      <c r="N886995" s="10"/>
    </row>
    <row r="886996" spans="14:14">
      <c r="N886996" s="10"/>
    </row>
    <row r="886997" spans="14:14">
      <c r="N886997" s="10"/>
    </row>
    <row r="886998" spans="14:14">
      <c r="N886998" s="10"/>
    </row>
    <row r="886999" spans="14:14">
      <c r="N886999" s="10"/>
    </row>
    <row r="887000" spans="14:14">
      <c r="N887000" s="10"/>
    </row>
    <row r="887001" spans="14:14">
      <c r="N887001" s="10"/>
    </row>
    <row r="887002" spans="14:14">
      <c r="N887002" s="10"/>
    </row>
    <row r="887003" spans="14:14">
      <c r="N887003" s="10"/>
    </row>
    <row r="887004" spans="14:14">
      <c r="N887004" s="10"/>
    </row>
    <row r="887005" spans="14:14">
      <c r="N887005" s="10"/>
    </row>
    <row r="887006" spans="14:14">
      <c r="N887006" s="10"/>
    </row>
    <row r="887007" spans="14:14">
      <c r="N887007" s="10"/>
    </row>
    <row r="887008" spans="14:14">
      <c r="N887008" s="10"/>
    </row>
    <row r="887009" spans="14:14">
      <c r="N887009" s="10"/>
    </row>
    <row r="887010" spans="14:14">
      <c r="N887010" s="10"/>
    </row>
    <row r="887011" spans="14:14">
      <c r="N887011" s="10"/>
    </row>
    <row r="887012" spans="14:14">
      <c r="N887012" s="10"/>
    </row>
    <row r="887013" spans="14:14">
      <c r="N887013" s="10"/>
    </row>
    <row r="887014" spans="14:14">
      <c r="N887014" s="10"/>
    </row>
    <row r="887015" spans="14:14">
      <c r="N887015" s="10"/>
    </row>
    <row r="887016" spans="14:14">
      <c r="N887016" s="10"/>
    </row>
    <row r="887017" spans="14:14">
      <c r="N887017" s="10"/>
    </row>
    <row r="887018" spans="14:14">
      <c r="N887018" s="10"/>
    </row>
    <row r="887019" spans="14:14">
      <c r="N887019" s="10"/>
    </row>
    <row r="887020" spans="14:14">
      <c r="N887020" s="10"/>
    </row>
    <row r="887021" spans="14:14">
      <c r="N887021" s="10"/>
    </row>
    <row r="887022" spans="14:14">
      <c r="N887022" s="10"/>
    </row>
    <row r="887023" spans="14:14">
      <c r="N887023" s="10"/>
    </row>
    <row r="887024" spans="14:14">
      <c r="N887024" s="10"/>
    </row>
    <row r="887025" spans="14:14">
      <c r="N887025" s="10"/>
    </row>
    <row r="887026" spans="14:14">
      <c r="N887026" s="10"/>
    </row>
    <row r="887027" spans="14:14">
      <c r="N887027" s="10"/>
    </row>
    <row r="887028" spans="14:14">
      <c r="N887028" s="10"/>
    </row>
    <row r="887029" spans="14:14">
      <c r="N887029" s="10"/>
    </row>
    <row r="887030" spans="14:14">
      <c r="N887030" s="10"/>
    </row>
    <row r="887031" spans="14:14">
      <c r="N887031" s="10"/>
    </row>
    <row r="887032" spans="14:14">
      <c r="N887032" s="10"/>
    </row>
    <row r="887033" spans="14:14">
      <c r="N887033" s="10"/>
    </row>
    <row r="887034" spans="14:14">
      <c r="N887034" s="10"/>
    </row>
    <row r="887035" spans="14:14">
      <c r="N887035" s="10"/>
    </row>
    <row r="887036" spans="14:14">
      <c r="N887036" s="10"/>
    </row>
    <row r="887037" spans="14:14">
      <c r="N887037" s="10"/>
    </row>
    <row r="887038" spans="14:14">
      <c r="N887038" s="10"/>
    </row>
    <row r="887039" spans="14:14">
      <c r="N887039" s="10"/>
    </row>
    <row r="887040" spans="14:14">
      <c r="N887040" s="10"/>
    </row>
    <row r="887041" spans="14:14">
      <c r="N887041" s="10"/>
    </row>
    <row r="887042" spans="14:14">
      <c r="N887042" s="10"/>
    </row>
    <row r="887043" spans="14:14">
      <c r="N887043" s="10"/>
    </row>
    <row r="887044" spans="14:14">
      <c r="N887044" s="10"/>
    </row>
    <row r="887045" spans="14:14">
      <c r="N887045" s="10"/>
    </row>
    <row r="887046" spans="14:14">
      <c r="N887046" s="10"/>
    </row>
    <row r="887047" spans="14:14">
      <c r="N887047" s="10"/>
    </row>
    <row r="887048" spans="14:14">
      <c r="N887048" s="10"/>
    </row>
    <row r="887049" spans="14:14">
      <c r="N887049" s="10"/>
    </row>
    <row r="887050" spans="14:14">
      <c r="N887050" s="10"/>
    </row>
    <row r="887051" spans="14:14">
      <c r="N887051" s="10"/>
    </row>
    <row r="887052" spans="14:14">
      <c r="N887052" s="10"/>
    </row>
    <row r="887053" spans="14:14">
      <c r="N887053" s="10"/>
    </row>
    <row r="887054" spans="14:14">
      <c r="N887054" s="10"/>
    </row>
    <row r="887055" spans="14:14">
      <c r="N887055" s="10"/>
    </row>
    <row r="887056" spans="14:14">
      <c r="N887056" s="10"/>
    </row>
    <row r="887057" spans="14:14">
      <c r="N887057" s="10"/>
    </row>
    <row r="887058" spans="14:14">
      <c r="N887058" s="10"/>
    </row>
    <row r="887059" spans="14:14">
      <c r="N887059" s="10"/>
    </row>
    <row r="887060" spans="14:14">
      <c r="N887060" s="10"/>
    </row>
    <row r="887061" spans="14:14">
      <c r="N887061" s="10"/>
    </row>
    <row r="887062" spans="14:14">
      <c r="N887062" s="10"/>
    </row>
    <row r="887063" spans="14:14">
      <c r="N887063" s="10"/>
    </row>
    <row r="887064" spans="14:14">
      <c r="N887064" s="10"/>
    </row>
    <row r="887065" spans="14:14">
      <c r="N887065" s="10"/>
    </row>
    <row r="887066" spans="14:14">
      <c r="N887066" s="10"/>
    </row>
    <row r="887067" spans="14:14">
      <c r="N887067" s="10"/>
    </row>
    <row r="887068" spans="14:14">
      <c r="N887068" s="10"/>
    </row>
    <row r="887069" spans="14:14">
      <c r="N887069" s="10"/>
    </row>
    <row r="887070" spans="14:14">
      <c r="N887070" s="10"/>
    </row>
    <row r="887071" spans="14:14">
      <c r="N887071" s="10"/>
    </row>
    <row r="887072" spans="14:14">
      <c r="N887072" s="10"/>
    </row>
    <row r="887073" spans="14:14">
      <c r="N887073" s="10"/>
    </row>
    <row r="887074" spans="14:14">
      <c r="N887074" s="10"/>
    </row>
    <row r="887075" spans="14:14">
      <c r="N887075" s="10"/>
    </row>
    <row r="887076" spans="14:14">
      <c r="N887076" s="10"/>
    </row>
    <row r="887077" spans="14:14">
      <c r="N887077" s="10"/>
    </row>
    <row r="887078" spans="14:14">
      <c r="N887078" s="10"/>
    </row>
    <row r="887079" spans="14:14">
      <c r="N887079" s="10"/>
    </row>
    <row r="887080" spans="14:14">
      <c r="N887080" s="10"/>
    </row>
    <row r="887081" spans="14:14">
      <c r="N887081" s="10"/>
    </row>
    <row r="887082" spans="14:14">
      <c r="N887082" s="10"/>
    </row>
    <row r="887083" spans="14:14">
      <c r="N887083" s="10"/>
    </row>
    <row r="887084" spans="14:14">
      <c r="N887084" s="10"/>
    </row>
    <row r="887085" spans="14:14">
      <c r="N887085" s="10"/>
    </row>
    <row r="887086" spans="14:14">
      <c r="N887086" s="10"/>
    </row>
    <row r="887087" spans="14:14">
      <c r="N887087" s="10"/>
    </row>
    <row r="887088" spans="14:14">
      <c r="N887088" s="10"/>
    </row>
    <row r="887089" spans="14:14">
      <c r="N887089" s="10"/>
    </row>
    <row r="887090" spans="14:14">
      <c r="N887090" s="10"/>
    </row>
    <row r="887091" spans="14:14">
      <c r="N887091" s="10"/>
    </row>
    <row r="887092" spans="14:14">
      <c r="N887092" s="10"/>
    </row>
    <row r="887093" spans="14:14">
      <c r="N887093" s="10"/>
    </row>
    <row r="887094" spans="14:14">
      <c r="N887094" s="10"/>
    </row>
    <row r="887095" spans="14:14">
      <c r="N887095" s="10"/>
    </row>
    <row r="887096" spans="14:14">
      <c r="N887096" s="10"/>
    </row>
    <row r="887097" spans="14:14">
      <c r="N887097" s="10"/>
    </row>
    <row r="887098" spans="14:14">
      <c r="N887098" s="10"/>
    </row>
    <row r="887099" spans="14:14">
      <c r="N887099" s="10"/>
    </row>
    <row r="887100" spans="14:14">
      <c r="N887100" s="10"/>
    </row>
    <row r="887101" spans="14:14">
      <c r="N887101" s="10"/>
    </row>
    <row r="887102" spans="14:14">
      <c r="N887102" s="10"/>
    </row>
    <row r="887103" spans="14:14">
      <c r="N887103" s="10"/>
    </row>
    <row r="887104" spans="14:14">
      <c r="N887104" s="10"/>
    </row>
    <row r="887105" spans="14:14">
      <c r="N887105" s="10"/>
    </row>
    <row r="887106" spans="14:14">
      <c r="N887106" s="10"/>
    </row>
    <row r="887107" spans="14:14">
      <c r="N887107" s="10"/>
    </row>
    <row r="887108" spans="14:14">
      <c r="N887108" s="10"/>
    </row>
    <row r="887109" spans="14:14">
      <c r="N887109" s="10"/>
    </row>
    <row r="887110" spans="14:14">
      <c r="N887110" s="10"/>
    </row>
    <row r="887111" spans="14:14">
      <c r="N887111" s="10"/>
    </row>
    <row r="887112" spans="14:14">
      <c r="N887112" s="10"/>
    </row>
    <row r="887113" spans="14:14">
      <c r="N887113" s="10"/>
    </row>
    <row r="887114" spans="14:14">
      <c r="N887114" s="10"/>
    </row>
    <row r="887115" spans="14:14">
      <c r="N887115" s="10"/>
    </row>
    <row r="887116" spans="14:14">
      <c r="N887116" s="10"/>
    </row>
    <row r="887117" spans="14:14">
      <c r="N887117" s="10"/>
    </row>
    <row r="887118" spans="14:14">
      <c r="N887118" s="10"/>
    </row>
    <row r="887119" spans="14:14">
      <c r="N887119" s="10"/>
    </row>
    <row r="887120" spans="14:14">
      <c r="N887120" s="10"/>
    </row>
    <row r="887121" spans="14:14">
      <c r="N887121" s="10"/>
    </row>
    <row r="887122" spans="14:14">
      <c r="N887122" s="10"/>
    </row>
    <row r="887123" spans="14:14">
      <c r="N887123" s="10"/>
    </row>
    <row r="887124" spans="14:14">
      <c r="N887124" s="10"/>
    </row>
    <row r="887125" spans="14:14">
      <c r="N887125" s="10"/>
    </row>
    <row r="887126" spans="14:14">
      <c r="N887126" s="10"/>
    </row>
    <row r="887127" spans="14:14">
      <c r="N887127" s="10"/>
    </row>
    <row r="887128" spans="14:14">
      <c r="N887128" s="10"/>
    </row>
    <row r="887129" spans="14:14">
      <c r="N887129" s="10"/>
    </row>
    <row r="887130" spans="14:14">
      <c r="N887130" s="10"/>
    </row>
    <row r="887131" spans="14:14">
      <c r="N887131" s="10"/>
    </row>
    <row r="887132" spans="14:14">
      <c r="N887132" s="10"/>
    </row>
    <row r="887133" spans="14:14">
      <c r="N887133" s="10"/>
    </row>
    <row r="887134" spans="14:14">
      <c r="N887134" s="10"/>
    </row>
    <row r="887135" spans="14:14">
      <c r="N887135" s="10"/>
    </row>
    <row r="887136" spans="14:14">
      <c r="N887136" s="10"/>
    </row>
    <row r="887137" spans="14:14">
      <c r="N887137" s="10"/>
    </row>
    <row r="887138" spans="14:14">
      <c r="N887138" s="10"/>
    </row>
    <row r="887139" spans="14:14">
      <c r="N887139" s="10"/>
    </row>
    <row r="887140" spans="14:14">
      <c r="N887140" s="10"/>
    </row>
    <row r="887141" spans="14:14">
      <c r="N887141" s="10"/>
    </row>
    <row r="887142" spans="14:14">
      <c r="N887142" s="10"/>
    </row>
    <row r="887143" spans="14:14">
      <c r="N887143" s="10"/>
    </row>
    <row r="887144" spans="14:14">
      <c r="N887144" s="10"/>
    </row>
    <row r="887145" spans="14:14">
      <c r="N887145" s="10"/>
    </row>
    <row r="887146" spans="14:14">
      <c r="N887146" s="10"/>
    </row>
    <row r="887147" spans="14:14">
      <c r="N887147" s="10"/>
    </row>
    <row r="887148" spans="14:14">
      <c r="N887148" s="10"/>
    </row>
    <row r="887149" spans="14:14">
      <c r="N887149" s="10"/>
    </row>
    <row r="887150" spans="14:14">
      <c r="N887150" s="10"/>
    </row>
    <row r="887151" spans="14:14">
      <c r="N887151" s="10"/>
    </row>
    <row r="887152" spans="14:14">
      <c r="N887152" s="10"/>
    </row>
    <row r="887153" spans="14:14">
      <c r="N887153" s="10"/>
    </row>
    <row r="887154" spans="14:14">
      <c r="N887154" s="10"/>
    </row>
    <row r="887155" spans="14:14">
      <c r="N887155" s="10"/>
    </row>
    <row r="887156" spans="14:14">
      <c r="N887156" s="10"/>
    </row>
    <row r="887157" spans="14:14">
      <c r="N887157" s="10"/>
    </row>
    <row r="887158" spans="14:14">
      <c r="N887158" s="10"/>
    </row>
    <row r="887159" spans="14:14">
      <c r="N887159" s="10"/>
    </row>
    <row r="887160" spans="14:14">
      <c r="N887160" s="10"/>
    </row>
    <row r="887161" spans="14:14">
      <c r="N887161" s="10"/>
    </row>
    <row r="887162" spans="14:14">
      <c r="N887162" s="10"/>
    </row>
    <row r="887163" spans="14:14">
      <c r="N887163" s="10"/>
    </row>
    <row r="887164" spans="14:14">
      <c r="N887164" s="10"/>
    </row>
    <row r="887165" spans="14:14">
      <c r="N887165" s="10"/>
    </row>
    <row r="887166" spans="14:14">
      <c r="N887166" s="10"/>
    </row>
    <row r="887167" spans="14:14">
      <c r="N887167" s="10"/>
    </row>
    <row r="887168" spans="14:14">
      <c r="N887168" s="10"/>
    </row>
    <row r="887169" spans="14:14">
      <c r="N887169" s="10"/>
    </row>
    <row r="887170" spans="14:14">
      <c r="N887170" s="10"/>
    </row>
    <row r="887171" spans="14:14">
      <c r="N887171" s="10"/>
    </row>
    <row r="887172" spans="14:14">
      <c r="N887172" s="10"/>
    </row>
    <row r="887173" spans="14:14">
      <c r="N887173" s="10"/>
    </row>
    <row r="887174" spans="14:14">
      <c r="N887174" s="10"/>
    </row>
    <row r="887175" spans="14:14">
      <c r="N887175" s="10"/>
    </row>
    <row r="887176" spans="14:14">
      <c r="N887176" s="10"/>
    </row>
    <row r="887177" spans="14:14">
      <c r="N887177" s="10"/>
    </row>
    <row r="887178" spans="14:14">
      <c r="N887178" s="10"/>
    </row>
    <row r="887179" spans="14:14">
      <c r="N887179" s="10"/>
    </row>
    <row r="887180" spans="14:14">
      <c r="N887180" s="10"/>
    </row>
    <row r="887181" spans="14:14">
      <c r="N887181" s="10"/>
    </row>
    <row r="887182" spans="14:14">
      <c r="N887182" s="10"/>
    </row>
    <row r="887183" spans="14:14">
      <c r="N887183" s="10"/>
    </row>
    <row r="887184" spans="14:14">
      <c r="N887184" s="10"/>
    </row>
    <row r="887185" spans="14:14">
      <c r="N887185" s="10"/>
    </row>
    <row r="887186" spans="14:14">
      <c r="N887186" s="10"/>
    </row>
    <row r="887187" spans="14:14">
      <c r="N887187" s="10"/>
    </row>
    <row r="887188" spans="14:14">
      <c r="N887188" s="10"/>
    </row>
    <row r="887189" spans="14:14">
      <c r="N887189" s="10"/>
    </row>
    <row r="887190" spans="14:14">
      <c r="N887190" s="10"/>
    </row>
    <row r="887191" spans="14:14">
      <c r="N887191" s="10"/>
    </row>
    <row r="887192" spans="14:14">
      <c r="N887192" s="10"/>
    </row>
    <row r="887193" spans="14:14">
      <c r="N887193" s="10"/>
    </row>
    <row r="887194" spans="14:14">
      <c r="N887194" s="10"/>
    </row>
    <row r="887195" spans="14:14">
      <c r="N887195" s="10"/>
    </row>
    <row r="887196" spans="14:14">
      <c r="N887196" s="10"/>
    </row>
    <row r="887197" spans="14:14">
      <c r="N887197" s="10"/>
    </row>
    <row r="887198" spans="14:14">
      <c r="N887198" s="10"/>
    </row>
    <row r="887199" spans="14:14">
      <c r="N887199" s="10"/>
    </row>
    <row r="887200" spans="14:14">
      <c r="N887200" s="10"/>
    </row>
    <row r="887201" spans="14:14">
      <c r="N887201" s="10"/>
    </row>
    <row r="887202" spans="14:14">
      <c r="N887202" s="10"/>
    </row>
    <row r="887203" spans="14:14">
      <c r="N887203" s="10"/>
    </row>
    <row r="887204" spans="14:14">
      <c r="N887204" s="10"/>
    </row>
    <row r="887205" spans="14:14">
      <c r="N887205" s="10"/>
    </row>
    <row r="887206" spans="14:14">
      <c r="N887206" s="10"/>
    </row>
    <row r="887207" spans="14:14">
      <c r="N887207" s="10"/>
    </row>
    <row r="887208" spans="14:14">
      <c r="N887208" s="10"/>
    </row>
    <row r="887209" spans="14:14">
      <c r="N887209" s="10"/>
    </row>
    <row r="887210" spans="14:14">
      <c r="N887210" s="10"/>
    </row>
    <row r="887211" spans="14:14">
      <c r="N887211" s="10"/>
    </row>
    <row r="887212" spans="14:14">
      <c r="N887212" s="10"/>
    </row>
    <row r="887213" spans="14:14">
      <c r="N887213" s="10"/>
    </row>
    <row r="887214" spans="14:14">
      <c r="N887214" s="10"/>
    </row>
    <row r="887215" spans="14:14">
      <c r="N887215" s="10"/>
    </row>
    <row r="887216" spans="14:14">
      <c r="N887216" s="10"/>
    </row>
    <row r="887217" spans="14:14">
      <c r="N887217" s="10"/>
    </row>
    <row r="887218" spans="14:14">
      <c r="N887218" s="10"/>
    </row>
    <row r="887219" spans="14:14">
      <c r="N887219" s="10"/>
    </row>
    <row r="887220" spans="14:14">
      <c r="N887220" s="10"/>
    </row>
    <row r="887221" spans="14:14">
      <c r="N887221" s="10"/>
    </row>
    <row r="887222" spans="14:14">
      <c r="N887222" s="10"/>
    </row>
    <row r="887223" spans="14:14">
      <c r="N887223" s="10"/>
    </row>
    <row r="887224" spans="14:14">
      <c r="N887224" s="10"/>
    </row>
    <row r="887225" spans="14:14">
      <c r="N887225" s="10"/>
    </row>
    <row r="887226" spans="14:14">
      <c r="N887226" s="10"/>
    </row>
    <row r="887227" spans="14:14">
      <c r="N887227" s="10"/>
    </row>
    <row r="887228" spans="14:14">
      <c r="N887228" s="10"/>
    </row>
    <row r="887229" spans="14:14">
      <c r="N887229" s="10"/>
    </row>
    <row r="887230" spans="14:14">
      <c r="N887230" s="10"/>
    </row>
    <row r="887231" spans="14:14">
      <c r="N887231" s="10"/>
    </row>
    <row r="887232" spans="14:14">
      <c r="N887232" s="10"/>
    </row>
    <row r="887233" spans="14:14">
      <c r="N887233" s="10"/>
    </row>
    <row r="887234" spans="14:14">
      <c r="N887234" s="10"/>
    </row>
    <row r="887235" spans="14:14">
      <c r="N887235" s="10"/>
    </row>
    <row r="887236" spans="14:14">
      <c r="N887236" s="10"/>
    </row>
    <row r="887237" spans="14:14">
      <c r="N887237" s="10"/>
    </row>
    <row r="887238" spans="14:14">
      <c r="N887238" s="10"/>
    </row>
    <row r="887239" spans="14:14">
      <c r="N887239" s="10"/>
    </row>
    <row r="887240" spans="14:14">
      <c r="N887240" s="10"/>
    </row>
    <row r="887241" spans="14:14">
      <c r="N887241" s="10"/>
    </row>
    <row r="887242" spans="14:14">
      <c r="N887242" s="10"/>
    </row>
    <row r="887243" spans="14:14">
      <c r="N887243" s="10"/>
    </row>
    <row r="887244" spans="14:14">
      <c r="N887244" s="10"/>
    </row>
    <row r="887245" spans="14:14">
      <c r="N887245" s="10"/>
    </row>
    <row r="887246" spans="14:14">
      <c r="N887246" s="10"/>
    </row>
    <row r="887247" spans="14:14">
      <c r="N887247" s="10"/>
    </row>
    <row r="887248" spans="14:14">
      <c r="N887248" s="10"/>
    </row>
    <row r="887249" spans="14:14">
      <c r="N887249" s="10"/>
    </row>
    <row r="887250" spans="14:14">
      <c r="N887250" s="10"/>
    </row>
    <row r="887251" spans="14:14">
      <c r="N887251" s="10"/>
    </row>
    <row r="887252" spans="14:14">
      <c r="N887252" s="10"/>
    </row>
    <row r="887253" spans="14:14">
      <c r="N887253" s="10"/>
    </row>
    <row r="887254" spans="14:14">
      <c r="N887254" s="10"/>
    </row>
    <row r="887255" spans="14:14">
      <c r="N887255" s="10"/>
    </row>
    <row r="887256" spans="14:14">
      <c r="N887256" s="10"/>
    </row>
    <row r="887257" spans="14:14">
      <c r="N887257" s="10"/>
    </row>
    <row r="887258" spans="14:14">
      <c r="N887258" s="10"/>
    </row>
    <row r="887259" spans="14:14">
      <c r="N887259" s="10"/>
    </row>
    <row r="887260" spans="14:14">
      <c r="N887260" s="10"/>
    </row>
    <row r="887261" spans="14:14">
      <c r="N887261" s="10"/>
    </row>
    <row r="887262" spans="14:14">
      <c r="N887262" s="10"/>
    </row>
    <row r="887263" spans="14:14">
      <c r="N887263" s="10"/>
    </row>
    <row r="887264" spans="14:14">
      <c r="N887264" s="10"/>
    </row>
    <row r="887265" spans="14:14">
      <c r="N887265" s="10"/>
    </row>
    <row r="887266" spans="14:14">
      <c r="N887266" s="10"/>
    </row>
    <row r="887267" spans="14:14">
      <c r="N887267" s="10"/>
    </row>
    <row r="887268" spans="14:14">
      <c r="N887268" s="10"/>
    </row>
    <row r="887269" spans="14:14">
      <c r="N887269" s="10"/>
    </row>
    <row r="887270" spans="14:14">
      <c r="N887270" s="10"/>
    </row>
    <row r="887271" spans="14:14">
      <c r="N887271" s="10"/>
    </row>
    <row r="887272" spans="14:14">
      <c r="N887272" s="10"/>
    </row>
    <row r="887273" spans="14:14">
      <c r="N887273" s="10"/>
    </row>
    <row r="887274" spans="14:14">
      <c r="N887274" s="10"/>
    </row>
    <row r="887275" spans="14:14">
      <c r="N887275" s="10"/>
    </row>
    <row r="887276" spans="14:14">
      <c r="N887276" s="10"/>
    </row>
    <row r="887277" spans="14:14">
      <c r="N887277" s="10"/>
    </row>
    <row r="887278" spans="14:14">
      <c r="N887278" s="10"/>
    </row>
    <row r="887279" spans="14:14">
      <c r="N887279" s="10"/>
    </row>
    <row r="887280" spans="14:14">
      <c r="N887280" s="10"/>
    </row>
    <row r="887281" spans="14:14">
      <c r="N887281" s="10"/>
    </row>
    <row r="887282" spans="14:14">
      <c r="N887282" s="10"/>
    </row>
    <row r="887283" spans="14:14">
      <c r="N887283" s="10"/>
    </row>
    <row r="887284" spans="14:14">
      <c r="N887284" s="10"/>
    </row>
    <row r="887285" spans="14:14">
      <c r="N887285" s="10"/>
    </row>
    <row r="887286" spans="14:14">
      <c r="N887286" s="10"/>
    </row>
    <row r="887287" spans="14:14">
      <c r="N887287" s="10"/>
    </row>
    <row r="887288" spans="14:14">
      <c r="N887288" s="10"/>
    </row>
    <row r="887289" spans="14:14">
      <c r="N887289" s="10"/>
    </row>
    <row r="887290" spans="14:14">
      <c r="N887290" s="10"/>
    </row>
    <row r="887291" spans="14:14">
      <c r="N887291" s="10"/>
    </row>
    <row r="887292" spans="14:14">
      <c r="N887292" s="10"/>
    </row>
    <row r="887293" spans="14:14">
      <c r="N887293" s="10"/>
    </row>
    <row r="887294" spans="14:14">
      <c r="N887294" s="10"/>
    </row>
    <row r="887295" spans="14:14">
      <c r="N887295" s="10"/>
    </row>
    <row r="887296" spans="14:14">
      <c r="N887296" s="10"/>
    </row>
    <row r="887297" spans="14:14">
      <c r="N887297" s="10"/>
    </row>
    <row r="887298" spans="14:14">
      <c r="N887298" s="10"/>
    </row>
    <row r="887299" spans="14:14">
      <c r="N887299" s="10"/>
    </row>
    <row r="887300" spans="14:14">
      <c r="N887300" s="10"/>
    </row>
    <row r="887301" spans="14:14">
      <c r="N887301" s="10"/>
    </row>
    <row r="887302" spans="14:14">
      <c r="N887302" s="10"/>
    </row>
    <row r="887303" spans="14:14">
      <c r="N887303" s="10"/>
    </row>
    <row r="887304" spans="14:14">
      <c r="N887304" s="10"/>
    </row>
    <row r="887305" spans="14:14">
      <c r="N887305" s="10"/>
    </row>
    <row r="887306" spans="14:14">
      <c r="N887306" s="10"/>
    </row>
    <row r="887307" spans="14:14">
      <c r="N887307" s="10"/>
    </row>
    <row r="887308" spans="14:14">
      <c r="N887308" s="10"/>
    </row>
    <row r="887309" spans="14:14">
      <c r="N887309" s="10"/>
    </row>
    <row r="887310" spans="14:14">
      <c r="N887310" s="10"/>
    </row>
    <row r="887311" spans="14:14">
      <c r="N887311" s="10"/>
    </row>
    <row r="887312" spans="14:14">
      <c r="N887312" s="10"/>
    </row>
    <row r="887313" spans="14:14">
      <c r="N887313" s="10"/>
    </row>
    <row r="887314" spans="14:14">
      <c r="N887314" s="10"/>
    </row>
    <row r="887315" spans="14:14">
      <c r="N887315" s="10"/>
    </row>
    <row r="887316" spans="14:14">
      <c r="N887316" s="10"/>
    </row>
    <row r="887317" spans="14:14">
      <c r="N887317" s="10"/>
    </row>
    <row r="887318" spans="14:14">
      <c r="N887318" s="10"/>
    </row>
    <row r="887319" spans="14:14">
      <c r="N887319" s="10"/>
    </row>
    <row r="887320" spans="14:14">
      <c r="N887320" s="10"/>
    </row>
    <row r="887321" spans="14:14">
      <c r="N887321" s="10"/>
    </row>
    <row r="887322" spans="14:14">
      <c r="N887322" s="10"/>
    </row>
    <row r="887323" spans="14:14">
      <c r="N887323" s="10"/>
    </row>
    <row r="887324" spans="14:14">
      <c r="N887324" s="10"/>
    </row>
    <row r="887325" spans="14:14">
      <c r="N887325" s="10"/>
    </row>
    <row r="887326" spans="14:14">
      <c r="N887326" s="10"/>
    </row>
    <row r="887327" spans="14:14">
      <c r="N887327" s="10"/>
    </row>
    <row r="887328" spans="14:14">
      <c r="N887328" s="10"/>
    </row>
    <row r="887329" spans="14:14">
      <c r="N887329" s="10"/>
    </row>
    <row r="887330" spans="14:14">
      <c r="N887330" s="10"/>
    </row>
    <row r="887331" spans="14:14">
      <c r="N887331" s="10"/>
    </row>
    <row r="887332" spans="14:14">
      <c r="N887332" s="10"/>
    </row>
    <row r="887333" spans="14:14">
      <c r="N887333" s="10"/>
    </row>
    <row r="887334" spans="14:14">
      <c r="N887334" s="10"/>
    </row>
    <row r="887335" spans="14:14">
      <c r="N887335" s="10"/>
    </row>
    <row r="887336" spans="14:14">
      <c r="N887336" s="10"/>
    </row>
    <row r="887337" spans="14:14">
      <c r="N887337" s="10"/>
    </row>
    <row r="887338" spans="14:14">
      <c r="N887338" s="10"/>
    </row>
    <row r="887339" spans="14:14">
      <c r="N887339" s="10"/>
    </row>
    <row r="887340" spans="14:14">
      <c r="N887340" s="10"/>
    </row>
    <row r="887341" spans="14:14">
      <c r="N887341" s="10"/>
    </row>
    <row r="887342" spans="14:14">
      <c r="N887342" s="10"/>
    </row>
    <row r="887343" spans="14:14">
      <c r="N887343" s="10"/>
    </row>
    <row r="887344" spans="14:14">
      <c r="N887344" s="10"/>
    </row>
    <row r="887345" spans="14:14">
      <c r="N887345" s="10"/>
    </row>
    <row r="887346" spans="14:14">
      <c r="N887346" s="10"/>
    </row>
    <row r="887347" spans="14:14">
      <c r="N887347" s="10"/>
    </row>
    <row r="887348" spans="14:14">
      <c r="N887348" s="10"/>
    </row>
    <row r="887349" spans="14:14">
      <c r="N887349" s="10"/>
    </row>
    <row r="887350" spans="14:14">
      <c r="N887350" s="10"/>
    </row>
    <row r="887351" spans="14:14">
      <c r="N887351" s="10"/>
    </row>
    <row r="887352" spans="14:14">
      <c r="N887352" s="10"/>
    </row>
    <row r="887353" spans="14:14">
      <c r="N887353" s="10"/>
    </row>
    <row r="887354" spans="14:14">
      <c r="N887354" s="10"/>
    </row>
    <row r="887355" spans="14:14">
      <c r="N887355" s="10"/>
    </row>
    <row r="887356" spans="14:14">
      <c r="N887356" s="10"/>
    </row>
    <row r="887357" spans="14:14">
      <c r="N887357" s="10"/>
    </row>
    <row r="887358" spans="14:14">
      <c r="N887358" s="10"/>
    </row>
    <row r="887359" spans="14:14">
      <c r="N887359" s="10"/>
    </row>
    <row r="887360" spans="14:14">
      <c r="N887360" s="10"/>
    </row>
    <row r="887361" spans="14:14">
      <c r="N887361" s="10"/>
    </row>
    <row r="887362" spans="14:14">
      <c r="N887362" s="10"/>
    </row>
    <row r="887363" spans="14:14">
      <c r="N887363" s="10"/>
    </row>
    <row r="887364" spans="14:14">
      <c r="N887364" s="10"/>
    </row>
    <row r="887365" spans="14:14">
      <c r="N887365" s="10"/>
    </row>
    <row r="887366" spans="14:14">
      <c r="N887366" s="10"/>
    </row>
    <row r="887367" spans="14:14">
      <c r="N887367" s="10"/>
    </row>
    <row r="887368" spans="14:14">
      <c r="N887368" s="10"/>
    </row>
    <row r="887369" spans="14:14">
      <c r="N887369" s="10"/>
    </row>
    <row r="887370" spans="14:14">
      <c r="N887370" s="10"/>
    </row>
    <row r="887371" spans="14:14">
      <c r="N887371" s="10"/>
    </row>
    <row r="887372" spans="14:14">
      <c r="N887372" s="10"/>
    </row>
    <row r="887373" spans="14:14">
      <c r="N887373" s="10"/>
    </row>
    <row r="887374" spans="14:14">
      <c r="N887374" s="10"/>
    </row>
    <row r="887375" spans="14:14">
      <c r="N887375" s="10"/>
    </row>
    <row r="887376" spans="14:14">
      <c r="N887376" s="10"/>
    </row>
    <row r="887377" spans="14:14">
      <c r="N887377" s="10"/>
    </row>
    <row r="887378" spans="14:14">
      <c r="N887378" s="10"/>
    </row>
    <row r="887379" spans="14:14">
      <c r="N887379" s="10"/>
    </row>
    <row r="887380" spans="14:14">
      <c r="N887380" s="10"/>
    </row>
    <row r="887381" spans="14:14">
      <c r="N887381" s="10"/>
    </row>
    <row r="887382" spans="14:14">
      <c r="N887382" s="10"/>
    </row>
    <row r="887383" spans="14:14">
      <c r="N887383" s="10"/>
    </row>
    <row r="887384" spans="14:14">
      <c r="N887384" s="10"/>
    </row>
    <row r="887385" spans="14:14">
      <c r="N887385" s="10"/>
    </row>
    <row r="887386" spans="14:14">
      <c r="N887386" s="10"/>
    </row>
    <row r="887387" spans="14:14">
      <c r="N887387" s="10"/>
    </row>
    <row r="887388" spans="14:14">
      <c r="N887388" s="10"/>
    </row>
    <row r="887389" spans="14:14">
      <c r="N887389" s="10"/>
    </row>
    <row r="887390" spans="14:14">
      <c r="N887390" s="10"/>
    </row>
    <row r="887391" spans="14:14">
      <c r="N887391" s="10"/>
    </row>
    <row r="887392" spans="14:14">
      <c r="N887392" s="10"/>
    </row>
    <row r="887393" spans="14:14">
      <c r="N887393" s="10"/>
    </row>
    <row r="887394" spans="14:14">
      <c r="N887394" s="10"/>
    </row>
    <row r="887395" spans="14:14">
      <c r="N887395" s="10"/>
    </row>
    <row r="887396" spans="14:14">
      <c r="N887396" s="10"/>
    </row>
    <row r="887397" spans="14:14">
      <c r="N887397" s="10"/>
    </row>
    <row r="887398" spans="14:14">
      <c r="N887398" s="10"/>
    </row>
    <row r="887399" spans="14:14">
      <c r="N887399" s="10"/>
    </row>
    <row r="887400" spans="14:14">
      <c r="N887400" s="10"/>
    </row>
    <row r="887401" spans="14:14">
      <c r="N887401" s="10"/>
    </row>
    <row r="887402" spans="14:14">
      <c r="N887402" s="10"/>
    </row>
    <row r="887403" spans="14:14">
      <c r="N887403" s="10"/>
    </row>
    <row r="887404" spans="14:14">
      <c r="N887404" s="10"/>
    </row>
    <row r="887405" spans="14:14">
      <c r="N887405" s="10"/>
    </row>
    <row r="887406" spans="14:14">
      <c r="N887406" s="10"/>
    </row>
    <row r="887407" spans="14:14">
      <c r="N887407" s="10"/>
    </row>
    <row r="887408" spans="14:14">
      <c r="N887408" s="10"/>
    </row>
    <row r="887409" spans="14:14">
      <c r="N887409" s="10"/>
    </row>
    <row r="887410" spans="14:14">
      <c r="N887410" s="10"/>
    </row>
    <row r="887411" spans="14:14">
      <c r="N887411" s="10"/>
    </row>
    <row r="887412" spans="14:14">
      <c r="N887412" s="10"/>
    </row>
    <row r="887413" spans="14:14">
      <c r="N887413" s="10"/>
    </row>
    <row r="887414" spans="14:14">
      <c r="N887414" s="10"/>
    </row>
    <row r="887415" spans="14:14">
      <c r="N887415" s="10"/>
    </row>
    <row r="887416" spans="14:14">
      <c r="N887416" s="10"/>
    </row>
    <row r="887417" spans="14:14">
      <c r="N887417" s="10"/>
    </row>
    <row r="887418" spans="14:14">
      <c r="N887418" s="10"/>
    </row>
    <row r="887419" spans="14:14">
      <c r="N887419" s="10"/>
    </row>
    <row r="887420" spans="14:14">
      <c r="N887420" s="10"/>
    </row>
    <row r="887421" spans="14:14">
      <c r="N887421" s="10"/>
    </row>
    <row r="887422" spans="14:14">
      <c r="N887422" s="10"/>
    </row>
    <row r="887423" spans="14:14">
      <c r="N887423" s="10"/>
    </row>
    <row r="887424" spans="14:14">
      <c r="N887424" s="10"/>
    </row>
    <row r="887425" spans="14:14">
      <c r="N887425" s="10"/>
    </row>
    <row r="887426" spans="14:14">
      <c r="N887426" s="10"/>
    </row>
    <row r="887427" spans="14:14">
      <c r="N887427" s="10"/>
    </row>
    <row r="887428" spans="14:14">
      <c r="N887428" s="10"/>
    </row>
    <row r="887429" spans="14:14">
      <c r="N887429" s="10"/>
    </row>
    <row r="887430" spans="14:14">
      <c r="N887430" s="10"/>
    </row>
    <row r="887431" spans="14:14">
      <c r="N887431" s="10"/>
    </row>
    <row r="887432" spans="14:14">
      <c r="N887432" s="10"/>
    </row>
    <row r="887433" spans="14:14">
      <c r="N887433" s="10"/>
    </row>
    <row r="887434" spans="14:14">
      <c r="N887434" s="10"/>
    </row>
    <row r="887435" spans="14:14">
      <c r="N887435" s="10"/>
    </row>
    <row r="887436" spans="14:14">
      <c r="N887436" s="10"/>
    </row>
    <row r="887437" spans="14:14">
      <c r="N887437" s="10"/>
    </row>
    <row r="887438" spans="14:14">
      <c r="N887438" s="10"/>
    </row>
    <row r="887439" spans="14:14">
      <c r="N887439" s="10"/>
    </row>
    <row r="887440" spans="14:14">
      <c r="N887440" s="10"/>
    </row>
    <row r="887441" spans="14:14">
      <c r="N887441" s="10"/>
    </row>
    <row r="887442" spans="14:14">
      <c r="N887442" s="10"/>
    </row>
    <row r="887443" spans="14:14">
      <c r="N887443" s="10"/>
    </row>
    <row r="887444" spans="14:14">
      <c r="N887444" s="10"/>
    </row>
    <row r="887445" spans="14:14">
      <c r="N887445" s="10"/>
    </row>
    <row r="887446" spans="14:14">
      <c r="N887446" s="10"/>
    </row>
    <row r="887447" spans="14:14">
      <c r="N887447" s="10"/>
    </row>
    <row r="887448" spans="14:14">
      <c r="N887448" s="10"/>
    </row>
    <row r="887449" spans="14:14">
      <c r="N887449" s="10"/>
    </row>
    <row r="887450" spans="14:14">
      <c r="N887450" s="10"/>
    </row>
    <row r="887451" spans="14:14">
      <c r="N887451" s="10"/>
    </row>
    <row r="887452" spans="14:14">
      <c r="N887452" s="10"/>
    </row>
    <row r="887453" spans="14:14">
      <c r="N887453" s="10"/>
    </row>
    <row r="887454" spans="14:14">
      <c r="N887454" s="10"/>
    </row>
    <row r="887455" spans="14:14">
      <c r="N887455" s="10"/>
    </row>
    <row r="887456" spans="14:14">
      <c r="N887456" s="10"/>
    </row>
    <row r="887457" spans="14:14">
      <c r="N887457" s="10"/>
    </row>
    <row r="887458" spans="14:14">
      <c r="N887458" s="10"/>
    </row>
    <row r="887459" spans="14:14">
      <c r="N887459" s="10"/>
    </row>
    <row r="887460" spans="14:14">
      <c r="N887460" s="10"/>
    </row>
    <row r="887461" spans="14:14">
      <c r="N887461" s="10"/>
    </row>
    <row r="887462" spans="14:14">
      <c r="N887462" s="10"/>
    </row>
    <row r="887463" spans="14:14">
      <c r="N887463" s="10"/>
    </row>
    <row r="887464" spans="14:14">
      <c r="N887464" s="10"/>
    </row>
    <row r="887465" spans="14:14">
      <c r="N887465" s="10"/>
    </row>
    <row r="887466" spans="14:14">
      <c r="N887466" s="10"/>
    </row>
    <row r="887467" spans="14:14">
      <c r="N887467" s="10"/>
    </row>
    <row r="887468" spans="14:14">
      <c r="N887468" s="10"/>
    </row>
    <row r="887469" spans="14:14">
      <c r="N887469" s="10"/>
    </row>
    <row r="887470" spans="14:14">
      <c r="N887470" s="10"/>
    </row>
    <row r="887471" spans="14:14">
      <c r="N887471" s="10"/>
    </row>
    <row r="887472" spans="14:14">
      <c r="N887472" s="10"/>
    </row>
    <row r="887473" spans="14:14">
      <c r="N887473" s="10"/>
    </row>
    <row r="887474" spans="14:14">
      <c r="N887474" s="10"/>
    </row>
    <row r="887475" spans="14:14">
      <c r="N887475" s="10"/>
    </row>
    <row r="887476" spans="14:14">
      <c r="N887476" s="10"/>
    </row>
    <row r="887477" spans="14:14">
      <c r="N887477" s="10"/>
    </row>
    <row r="887478" spans="14:14">
      <c r="N887478" s="10"/>
    </row>
    <row r="887479" spans="14:14">
      <c r="N887479" s="10"/>
    </row>
    <row r="887480" spans="14:14">
      <c r="N887480" s="10"/>
    </row>
    <row r="887481" spans="14:14">
      <c r="N887481" s="10"/>
    </row>
    <row r="887482" spans="14:14">
      <c r="N887482" s="10"/>
    </row>
    <row r="887483" spans="14:14">
      <c r="N887483" s="10"/>
    </row>
    <row r="887484" spans="14:14">
      <c r="N887484" s="10"/>
    </row>
    <row r="887485" spans="14:14">
      <c r="N887485" s="10"/>
    </row>
    <row r="887486" spans="14:14">
      <c r="N887486" s="10"/>
    </row>
    <row r="887487" spans="14:14">
      <c r="N887487" s="10"/>
    </row>
    <row r="887488" spans="14:14">
      <c r="N887488" s="10"/>
    </row>
    <row r="887489" spans="14:14">
      <c r="N887489" s="10"/>
    </row>
    <row r="887490" spans="14:14">
      <c r="N887490" s="10"/>
    </row>
    <row r="887491" spans="14:14">
      <c r="N887491" s="10"/>
    </row>
    <row r="887492" spans="14:14">
      <c r="N887492" s="10"/>
    </row>
    <row r="887493" spans="14:14">
      <c r="N887493" s="10"/>
    </row>
    <row r="887494" spans="14:14">
      <c r="N887494" s="10"/>
    </row>
    <row r="887495" spans="14:14">
      <c r="N887495" s="10"/>
    </row>
    <row r="887496" spans="14:14">
      <c r="N887496" s="10"/>
    </row>
    <row r="887497" spans="14:14">
      <c r="N887497" s="10"/>
    </row>
    <row r="887498" spans="14:14">
      <c r="N887498" s="10"/>
    </row>
    <row r="887499" spans="14:14">
      <c r="N887499" s="10"/>
    </row>
    <row r="887500" spans="14:14">
      <c r="N887500" s="10"/>
    </row>
    <row r="887501" spans="14:14">
      <c r="N887501" s="10"/>
    </row>
    <row r="887502" spans="14:14">
      <c r="N887502" s="10"/>
    </row>
    <row r="887503" spans="14:14">
      <c r="N887503" s="10"/>
    </row>
    <row r="887504" spans="14:14">
      <c r="N887504" s="10"/>
    </row>
    <row r="887505" spans="14:14">
      <c r="N887505" s="10"/>
    </row>
    <row r="887506" spans="14:14">
      <c r="N887506" s="10"/>
    </row>
    <row r="887507" spans="14:14">
      <c r="N887507" s="10"/>
    </row>
    <row r="887508" spans="14:14">
      <c r="N887508" s="10"/>
    </row>
    <row r="887509" spans="14:14">
      <c r="N887509" s="10"/>
    </row>
    <row r="887510" spans="14:14">
      <c r="N887510" s="10"/>
    </row>
    <row r="887511" spans="14:14">
      <c r="N887511" s="10"/>
    </row>
    <row r="887512" spans="14:14">
      <c r="N887512" s="10"/>
    </row>
    <row r="887513" spans="14:14">
      <c r="N887513" s="10"/>
    </row>
    <row r="887514" spans="14:14">
      <c r="N887514" s="10"/>
    </row>
    <row r="887515" spans="14:14">
      <c r="N887515" s="10"/>
    </row>
    <row r="887516" spans="14:14">
      <c r="N887516" s="10"/>
    </row>
    <row r="887517" spans="14:14">
      <c r="N887517" s="10"/>
    </row>
    <row r="887518" spans="14:14">
      <c r="N887518" s="10"/>
    </row>
    <row r="887519" spans="14:14">
      <c r="N887519" s="10"/>
    </row>
    <row r="887520" spans="14:14">
      <c r="N887520" s="10"/>
    </row>
    <row r="887521" spans="14:14">
      <c r="N887521" s="10"/>
    </row>
    <row r="887522" spans="14:14">
      <c r="N887522" s="10"/>
    </row>
    <row r="887523" spans="14:14">
      <c r="N887523" s="10"/>
    </row>
    <row r="887524" spans="14:14">
      <c r="N887524" s="10"/>
    </row>
    <row r="887525" spans="14:14">
      <c r="N887525" s="10"/>
    </row>
    <row r="887526" spans="14:14">
      <c r="N887526" s="10"/>
    </row>
    <row r="887527" spans="14:14">
      <c r="N887527" s="10"/>
    </row>
    <row r="887528" spans="14:14">
      <c r="N887528" s="10"/>
    </row>
    <row r="887529" spans="14:14">
      <c r="N887529" s="10"/>
    </row>
    <row r="887530" spans="14:14">
      <c r="N887530" s="10"/>
    </row>
    <row r="887531" spans="14:14">
      <c r="N887531" s="10"/>
    </row>
    <row r="887532" spans="14:14">
      <c r="N887532" s="10"/>
    </row>
    <row r="887533" spans="14:14">
      <c r="N887533" s="10"/>
    </row>
    <row r="887534" spans="14:14">
      <c r="N887534" s="10"/>
    </row>
    <row r="887535" spans="14:14">
      <c r="N887535" s="10"/>
    </row>
    <row r="887536" spans="14:14">
      <c r="N887536" s="10"/>
    </row>
    <row r="887537" spans="14:14">
      <c r="N887537" s="10"/>
    </row>
    <row r="887538" spans="14:14">
      <c r="N887538" s="10"/>
    </row>
    <row r="887539" spans="14:14">
      <c r="N887539" s="10"/>
    </row>
    <row r="887540" spans="14:14">
      <c r="N887540" s="10"/>
    </row>
    <row r="887541" spans="14:14">
      <c r="N887541" s="10"/>
    </row>
    <row r="887542" spans="14:14">
      <c r="N887542" s="10"/>
    </row>
    <row r="887543" spans="14:14">
      <c r="N887543" s="10"/>
    </row>
    <row r="887544" spans="14:14">
      <c r="N887544" s="10"/>
    </row>
    <row r="887545" spans="14:14">
      <c r="N887545" s="10"/>
    </row>
    <row r="887546" spans="14:14">
      <c r="N887546" s="10"/>
    </row>
    <row r="887547" spans="14:14">
      <c r="N887547" s="10"/>
    </row>
    <row r="887548" spans="14:14">
      <c r="N887548" s="10"/>
    </row>
    <row r="887549" spans="14:14">
      <c r="N887549" s="10"/>
    </row>
    <row r="887550" spans="14:14">
      <c r="N887550" s="10"/>
    </row>
    <row r="887551" spans="14:14">
      <c r="N887551" s="10"/>
    </row>
    <row r="887552" spans="14:14">
      <c r="N887552" s="10"/>
    </row>
    <row r="887553" spans="14:14">
      <c r="N887553" s="10"/>
    </row>
    <row r="887554" spans="14:14">
      <c r="N887554" s="10"/>
    </row>
    <row r="887555" spans="14:14">
      <c r="N887555" s="10"/>
    </row>
    <row r="887556" spans="14:14">
      <c r="N887556" s="10"/>
    </row>
    <row r="887557" spans="14:14">
      <c r="N887557" s="10"/>
    </row>
    <row r="887558" spans="14:14">
      <c r="N887558" s="10"/>
    </row>
    <row r="887559" spans="14:14">
      <c r="N887559" s="10"/>
    </row>
    <row r="887560" spans="14:14">
      <c r="N887560" s="10"/>
    </row>
    <row r="887561" spans="14:14">
      <c r="N887561" s="10"/>
    </row>
    <row r="887562" spans="14:14">
      <c r="N887562" s="10"/>
    </row>
    <row r="887563" spans="14:14">
      <c r="N887563" s="10"/>
    </row>
    <row r="887564" spans="14:14">
      <c r="N887564" s="10"/>
    </row>
    <row r="887565" spans="14:14">
      <c r="N887565" s="10"/>
    </row>
    <row r="887566" spans="14:14">
      <c r="N887566" s="10"/>
    </row>
    <row r="887567" spans="14:14">
      <c r="N887567" s="10"/>
    </row>
    <row r="887568" spans="14:14">
      <c r="N887568" s="10"/>
    </row>
    <row r="887569" spans="14:14">
      <c r="N887569" s="10"/>
    </row>
    <row r="887570" spans="14:14">
      <c r="N887570" s="10"/>
    </row>
    <row r="887571" spans="14:14">
      <c r="N887571" s="10"/>
    </row>
    <row r="887572" spans="14:14">
      <c r="N887572" s="10"/>
    </row>
    <row r="887573" spans="14:14">
      <c r="N887573" s="10"/>
    </row>
    <row r="887574" spans="14:14">
      <c r="N887574" s="10"/>
    </row>
    <row r="887575" spans="14:14">
      <c r="N887575" s="10"/>
    </row>
    <row r="887576" spans="14:14">
      <c r="N887576" s="10"/>
    </row>
    <row r="887577" spans="14:14">
      <c r="N887577" s="10"/>
    </row>
    <row r="887578" spans="14:14">
      <c r="N887578" s="10"/>
    </row>
    <row r="887579" spans="14:14">
      <c r="N887579" s="10"/>
    </row>
    <row r="887580" spans="14:14">
      <c r="N887580" s="10"/>
    </row>
    <row r="887581" spans="14:14">
      <c r="N887581" s="10"/>
    </row>
    <row r="887582" spans="14:14">
      <c r="N887582" s="10"/>
    </row>
    <row r="887583" spans="14:14">
      <c r="N887583" s="10"/>
    </row>
    <row r="887584" spans="14:14">
      <c r="N887584" s="10"/>
    </row>
    <row r="887585" spans="14:14">
      <c r="N887585" s="10"/>
    </row>
    <row r="887586" spans="14:14">
      <c r="N887586" s="10"/>
    </row>
    <row r="887587" spans="14:14">
      <c r="N887587" s="10"/>
    </row>
    <row r="887588" spans="14:14">
      <c r="N887588" s="10"/>
    </row>
    <row r="887589" spans="14:14">
      <c r="N887589" s="10"/>
    </row>
    <row r="887590" spans="14:14">
      <c r="N887590" s="10"/>
    </row>
    <row r="887591" spans="14:14">
      <c r="N887591" s="10"/>
    </row>
    <row r="887592" spans="14:14">
      <c r="N887592" s="10"/>
    </row>
    <row r="887593" spans="14:14">
      <c r="N887593" s="10"/>
    </row>
    <row r="887594" spans="14:14">
      <c r="N887594" s="10"/>
    </row>
    <row r="887595" spans="14:14">
      <c r="N887595" s="10"/>
    </row>
    <row r="887596" spans="14:14">
      <c r="N887596" s="10"/>
    </row>
    <row r="887597" spans="14:14">
      <c r="N887597" s="10"/>
    </row>
    <row r="887598" spans="14:14">
      <c r="N887598" s="10"/>
    </row>
    <row r="887599" spans="14:14">
      <c r="N887599" s="10"/>
    </row>
    <row r="887600" spans="14:14">
      <c r="N887600" s="10"/>
    </row>
    <row r="887601" spans="14:14">
      <c r="N887601" s="10"/>
    </row>
    <row r="887602" spans="14:14">
      <c r="N887602" s="10"/>
    </row>
    <row r="887603" spans="14:14">
      <c r="N887603" s="10"/>
    </row>
    <row r="887604" spans="14:14">
      <c r="N887604" s="10"/>
    </row>
    <row r="887605" spans="14:14">
      <c r="N887605" s="10"/>
    </row>
    <row r="887606" spans="14:14">
      <c r="N887606" s="10"/>
    </row>
    <row r="887607" spans="14:14">
      <c r="N887607" s="10"/>
    </row>
    <row r="887608" spans="14:14">
      <c r="N887608" s="10"/>
    </row>
    <row r="887609" spans="14:14">
      <c r="N887609" s="10"/>
    </row>
    <row r="887610" spans="14:14">
      <c r="N887610" s="10"/>
    </row>
    <row r="887611" spans="14:14">
      <c r="N887611" s="10"/>
    </row>
    <row r="887612" spans="14:14">
      <c r="N887612" s="10"/>
    </row>
    <row r="887613" spans="14:14">
      <c r="N887613" s="10"/>
    </row>
    <row r="887614" spans="14:14">
      <c r="N887614" s="10"/>
    </row>
    <row r="887615" spans="14:14">
      <c r="N887615" s="10"/>
    </row>
    <row r="887616" spans="14:14">
      <c r="N887616" s="10"/>
    </row>
    <row r="887617" spans="14:14">
      <c r="N887617" s="10"/>
    </row>
    <row r="887618" spans="14:14">
      <c r="N887618" s="10"/>
    </row>
    <row r="887619" spans="14:14">
      <c r="N887619" s="10"/>
    </row>
    <row r="887620" spans="14:14">
      <c r="N887620" s="10"/>
    </row>
    <row r="887621" spans="14:14">
      <c r="N887621" s="10"/>
    </row>
    <row r="887622" spans="14:14">
      <c r="N887622" s="10"/>
    </row>
    <row r="887623" spans="14:14">
      <c r="N887623" s="10"/>
    </row>
    <row r="887624" spans="14:14">
      <c r="N887624" s="10"/>
    </row>
    <row r="887625" spans="14:14">
      <c r="N887625" s="10"/>
    </row>
    <row r="887626" spans="14:14">
      <c r="N887626" s="10"/>
    </row>
    <row r="887627" spans="14:14">
      <c r="N887627" s="10"/>
    </row>
    <row r="887628" spans="14:14">
      <c r="N887628" s="10"/>
    </row>
    <row r="887629" spans="14:14">
      <c r="N887629" s="10"/>
    </row>
    <row r="887630" spans="14:14">
      <c r="N887630" s="10"/>
    </row>
    <row r="887631" spans="14:14">
      <c r="N887631" s="10"/>
    </row>
    <row r="887632" spans="14:14">
      <c r="N887632" s="10"/>
    </row>
    <row r="887633" spans="14:14">
      <c r="N887633" s="10"/>
    </row>
    <row r="887634" spans="14:14">
      <c r="N887634" s="10"/>
    </row>
    <row r="887635" spans="14:14">
      <c r="N887635" s="10"/>
    </row>
    <row r="887636" spans="14:14">
      <c r="N887636" s="10"/>
    </row>
    <row r="887637" spans="14:14">
      <c r="N887637" s="10"/>
    </row>
    <row r="887638" spans="14:14">
      <c r="N887638" s="10"/>
    </row>
    <row r="887639" spans="14:14">
      <c r="N887639" s="10"/>
    </row>
    <row r="887640" spans="14:14">
      <c r="N887640" s="10"/>
    </row>
    <row r="887641" spans="14:14">
      <c r="N887641" s="10"/>
    </row>
    <row r="887642" spans="14:14">
      <c r="N887642" s="10"/>
    </row>
    <row r="887643" spans="14:14">
      <c r="N887643" s="10"/>
    </row>
    <row r="887644" spans="14:14">
      <c r="N887644" s="10"/>
    </row>
    <row r="887645" spans="14:14">
      <c r="N887645" s="10"/>
    </row>
    <row r="887646" spans="14:14">
      <c r="N887646" s="10"/>
    </row>
    <row r="887647" spans="14:14">
      <c r="N887647" s="10"/>
    </row>
    <row r="887648" spans="14:14">
      <c r="N887648" s="10"/>
    </row>
    <row r="887649" spans="14:14">
      <c r="N887649" s="10"/>
    </row>
    <row r="887650" spans="14:14">
      <c r="N887650" s="10"/>
    </row>
    <row r="887651" spans="14:14">
      <c r="N887651" s="10"/>
    </row>
    <row r="887652" spans="14:14">
      <c r="N887652" s="10"/>
    </row>
    <row r="887653" spans="14:14">
      <c r="N887653" s="10"/>
    </row>
    <row r="887654" spans="14:14">
      <c r="N887654" s="10"/>
    </row>
    <row r="887655" spans="14:14">
      <c r="N887655" s="10"/>
    </row>
    <row r="887656" spans="14:14">
      <c r="N887656" s="10"/>
    </row>
    <row r="887657" spans="14:14">
      <c r="N887657" s="10"/>
    </row>
    <row r="887658" spans="14:14">
      <c r="N887658" s="10"/>
    </row>
    <row r="887659" spans="14:14">
      <c r="N887659" s="10"/>
    </row>
    <row r="887660" spans="14:14">
      <c r="N887660" s="10"/>
    </row>
    <row r="887661" spans="14:14">
      <c r="N887661" s="10"/>
    </row>
    <row r="887662" spans="14:14">
      <c r="N887662" s="10"/>
    </row>
    <row r="887663" spans="14:14">
      <c r="N887663" s="10"/>
    </row>
    <row r="887664" spans="14:14">
      <c r="N887664" s="10"/>
    </row>
    <row r="887665" spans="14:14">
      <c r="N887665" s="10"/>
    </row>
    <row r="887666" spans="14:14">
      <c r="N887666" s="10"/>
    </row>
    <row r="887667" spans="14:14">
      <c r="N887667" s="10"/>
    </row>
    <row r="887668" spans="14:14">
      <c r="N887668" s="10"/>
    </row>
    <row r="887669" spans="14:14">
      <c r="N887669" s="10"/>
    </row>
    <row r="887670" spans="14:14">
      <c r="N887670" s="10"/>
    </row>
    <row r="887671" spans="14:14">
      <c r="N887671" s="10"/>
    </row>
    <row r="887672" spans="14:14">
      <c r="N887672" s="10"/>
    </row>
    <row r="887673" spans="14:14">
      <c r="N887673" s="10"/>
    </row>
    <row r="887674" spans="14:14">
      <c r="N887674" s="10"/>
    </row>
    <row r="887675" spans="14:14">
      <c r="N887675" s="10"/>
    </row>
    <row r="887676" spans="14:14">
      <c r="N887676" s="10"/>
    </row>
    <row r="887677" spans="14:14">
      <c r="N887677" s="10"/>
    </row>
    <row r="887678" spans="14:14">
      <c r="N887678" s="10"/>
    </row>
    <row r="887679" spans="14:14">
      <c r="N887679" s="10"/>
    </row>
    <row r="887680" spans="14:14">
      <c r="N887680" s="10"/>
    </row>
    <row r="887681" spans="14:14">
      <c r="N887681" s="10"/>
    </row>
    <row r="887682" spans="14:14">
      <c r="N887682" s="10"/>
    </row>
    <row r="887683" spans="14:14">
      <c r="N887683" s="10"/>
    </row>
    <row r="887684" spans="14:14">
      <c r="N887684" s="10"/>
    </row>
    <row r="887685" spans="14:14">
      <c r="N887685" s="10"/>
    </row>
    <row r="887686" spans="14:14">
      <c r="N887686" s="10"/>
    </row>
    <row r="887687" spans="14:14">
      <c r="N887687" s="10"/>
    </row>
    <row r="887688" spans="14:14">
      <c r="N887688" s="10"/>
    </row>
    <row r="887689" spans="14:14">
      <c r="N887689" s="10"/>
    </row>
    <row r="887690" spans="14:14">
      <c r="N887690" s="10"/>
    </row>
    <row r="887691" spans="14:14">
      <c r="N887691" s="10"/>
    </row>
    <row r="887692" spans="14:14">
      <c r="N887692" s="10"/>
    </row>
    <row r="887693" spans="14:14">
      <c r="N887693" s="10"/>
    </row>
    <row r="887694" spans="14:14">
      <c r="N887694" s="10"/>
    </row>
    <row r="887695" spans="14:14">
      <c r="N887695" s="10"/>
    </row>
    <row r="887696" spans="14:14">
      <c r="N887696" s="10"/>
    </row>
    <row r="887697" spans="14:14">
      <c r="N887697" s="10"/>
    </row>
    <row r="887698" spans="14:14">
      <c r="N887698" s="10"/>
    </row>
    <row r="887699" spans="14:14">
      <c r="N887699" s="10"/>
    </row>
    <row r="887700" spans="14:14">
      <c r="N887700" s="10"/>
    </row>
    <row r="887701" spans="14:14">
      <c r="N887701" s="10"/>
    </row>
    <row r="887702" spans="14:14">
      <c r="N887702" s="10"/>
    </row>
    <row r="887703" spans="14:14">
      <c r="N887703" s="10"/>
    </row>
    <row r="887704" spans="14:14">
      <c r="N887704" s="10"/>
    </row>
    <row r="887705" spans="14:14">
      <c r="N887705" s="10"/>
    </row>
    <row r="887706" spans="14:14">
      <c r="N887706" s="10"/>
    </row>
    <row r="887707" spans="14:14">
      <c r="N887707" s="10"/>
    </row>
    <row r="887708" spans="14:14">
      <c r="N887708" s="10"/>
    </row>
    <row r="887709" spans="14:14">
      <c r="N887709" s="10"/>
    </row>
    <row r="887710" spans="14:14">
      <c r="N887710" s="10"/>
    </row>
    <row r="887711" spans="14:14">
      <c r="N887711" s="10"/>
    </row>
    <row r="887712" spans="14:14">
      <c r="N887712" s="10"/>
    </row>
    <row r="887713" spans="14:14">
      <c r="N887713" s="10"/>
    </row>
    <row r="887714" spans="14:14">
      <c r="N887714" s="10"/>
    </row>
    <row r="887715" spans="14:14">
      <c r="N887715" s="10"/>
    </row>
    <row r="887716" spans="14:14">
      <c r="N887716" s="10"/>
    </row>
    <row r="887717" spans="14:14">
      <c r="N887717" s="10"/>
    </row>
    <row r="887718" spans="14:14">
      <c r="N887718" s="10"/>
    </row>
    <row r="887719" spans="14:14">
      <c r="N887719" s="10"/>
    </row>
    <row r="887720" spans="14:14">
      <c r="N887720" s="10"/>
    </row>
    <row r="887721" spans="14:14">
      <c r="N887721" s="10"/>
    </row>
    <row r="887722" spans="14:14">
      <c r="N887722" s="10"/>
    </row>
    <row r="887723" spans="14:14">
      <c r="N887723" s="10"/>
    </row>
    <row r="887724" spans="14:14">
      <c r="N887724" s="10"/>
    </row>
    <row r="887725" spans="14:14">
      <c r="N887725" s="10"/>
    </row>
    <row r="887726" spans="14:14">
      <c r="N887726" s="10"/>
    </row>
    <row r="887727" spans="14:14">
      <c r="N887727" s="10"/>
    </row>
    <row r="887728" spans="14:14">
      <c r="N887728" s="10"/>
    </row>
    <row r="887729" spans="14:14">
      <c r="N887729" s="10"/>
    </row>
    <row r="887730" spans="14:14">
      <c r="N887730" s="10"/>
    </row>
    <row r="887731" spans="14:14">
      <c r="N887731" s="10"/>
    </row>
    <row r="887732" spans="14:14">
      <c r="N887732" s="10"/>
    </row>
    <row r="887733" spans="14:14">
      <c r="N887733" s="10"/>
    </row>
    <row r="887734" spans="14:14">
      <c r="N887734" s="10"/>
    </row>
    <row r="887735" spans="14:14">
      <c r="N887735" s="10"/>
    </row>
    <row r="887736" spans="14:14">
      <c r="N887736" s="10"/>
    </row>
    <row r="887737" spans="14:14">
      <c r="N887737" s="10"/>
    </row>
    <row r="887738" spans="14:14">
      <c r="N887738" s="10"/>
    </row>
    <row r="887739" spans="14:14">
      <c r="N887739" s="10"/>
    </row>
    <row r="887740" spans="14:14">
      <c r="N887740" s="10"/>
    </row>
    <row r="887741" spans="14:14">
      <c r="N887741" s="10"/>
    </row>
    <row r="887742" spans="14:14">
      <c r="N887742" s="10"/>
    </row>
    <row r="887743" spans="14:14">
      <c r="N887743" s="10"/>
    </row>
    <row r="887744" spans="14:14">
      <c r="N887744" s="10"/>
    </row>
    <row r="887745" spans="14:14">
      <c r="N887745" s="10"/>
    </row>
    <row r="887746" spans="14:14">
      <c r="N887746" s="10"/>
    </row>
    <row r="887747" spans="14:14">
      <c r="N887747" s="10"/>
    </row>
    <row r="887748" spans="14:14">
      <c r="N887748" s="10"/>
    </row>
    <row r="887749" spans="14:14">
      <c r="N887749" s="10"/>
    </row>
    <row r="887750" spans="14:14">
      <c r="N887750" s="10"/>
    </row>
    <row r="887751" spans="14:14">
      <c r="N887751" s="10"/>
    </row>
    <row r="887752" spans="14:14">
      <c r="N887752" s="10"/>
    </row>
    <row r="887753" spans="14:14">
      <c r="N887753" s="10"/>
    </row>
    <row r="887754" spans="14:14">
      <c r="N887754" s="10"/>
    </row>
    <row r="887755" spans="14:14">
      <c r="N887755" s="10"/>
    </row>
    <row r="887756" spans="14:14">
      <c r="N887756" s="10"/>
    </row>
    <row r="887757" spans="14:14">
      <c r="N887757" s="10"/>
    </row>
    <row r="887758" spans="14:14">
      <c r="N887758" s="10"/>
    </row>
    <row r="887759" spans="14:14">
      <c r="N887759" s="10"/>
    </row>
    <row r="887760" spans="14:14">
      <c r="N887760" s="10"/>
    </row>
    <row r="887761" spans="14:14">
      <c r="N887761" s="10"/>
    </row>
    <row r="887762" spans="14:14">
      <c r="N887762" s="10"/>
    </row>
    <row r="887763" spans="14:14">
      <c r="N887763" s="10"/>
    </row>
    <row r="887764" spans="14:14">
      <c r="N887764" s="10"/>
    </row>
    <row r="887765" spans="14:14">
      <c r="N887765" s="10"/>
    </row>
    <row r="887766" spans="14:14">
      <c r="N887766" s="10"/>
    </row>
    <row r="887767" spans="14:14">
      <c r="N887767" s="10"/>
    </row>
    <row r="887768" spans="14:14">
      <c r="N887768" s="10"/>
    </row>
    <row r="887769" spans="14:14">
      <c r="N887769" s="10"/>
    </row>
    <row r="887770" spans="14:14">
      <c r="N887770" s="10"/>
    </row>
    <row r="887771" spans="14:14">
      <c r="N887771" s="10"/>
    </row>
    <row r="887772" spans="14:14">
      <c r="N887772" s="10"/>
    </row>
    <row r="887773" spans="14:14">
      <c r="N887773" s="10"/>
    </row>
    <row r="887774" spans="14:14">
      <c r="N887774" s="10"/>
    </row>
    <row r="887775" spans="14:14">
      <c r="N887775" s="10"/>
    </row>
    <row r="887776" spans="14:14">
      <c r="N887776" s="10"/>
    </row>
    <row r="887777" spans="14:14">
      <c r="N887777" s="10"/>
    </row>
    <row r="887778" spans="14:14">
      <c r="N887778" s="10"/>
    </row>
    <row r="887779" spans="14:14">
      <c r="N887779" s="10"/>
    </row>
    <row r="887780" spans="14:14">
      <c r="N887780" s="10"/>
    </row>
    <row r="887781" spans="14:14">
      <c r="N887781" s="10"/>
    </row>
    <row r="887782" spans="14:14">
      <c r="N887782" s="10"/>
    </row>
    <row r="887783" spans="14:14">
      <c r="N887783" s="10"/>
    </row>
    <row r="887784" spans="14:14">
      <c r="N887784" s="10"/>
    </row>
    <row r="887785" spans="14:14">
      <c r="N887785" s="10"/>
    </row>
    <row r="887786" spans="14:14">
      <c r="N887786" s="10"/>
    </row>
    <row r="887787" spans="14:14">
      <c r="N887787" s="10"/>
    </row>
    <row r="887788" spans="14:14">
      <c r="N887788" s="10"/>
    </row>
    <row r="887789" spans="14:14">
      <c r="N887789" s="10"/>
    </row>
    <row r="887790" spans="14:14">
      <c r="N887790" s="10"/>
    </row>
    <row r="887791" spans="14:14">
      <c r="N887791" s="10"/>
    </row>
    <row r="887792" spans="14:14">
      <c r="N887792" s="10"/>
    </row>
    <row r="887793" spans="14:14">
      <c r="N887793" s="10"/>
    </row>
    <row r="887794" spans="14:14">
      <c r="N887794" s="10"/>
    </row>
    <row r="887795" spans="14:14">
      <c r="N887795" s="10"/>
    </row>
    <row r="887796" spans="14:14">
      <c r="N887796" s="10"/>
    </row>
    <row r="887797" spans="14:14">
      <c r="N887797" s="10"/>
    </row>
    <row r="887798" spans="14:14">
      <c r="N887798" s="10"/>
    </row>
    <row r="887799" spans="14:14">
      <c r="N887799" s="10"/>
    </row>
    <row r="887800" spans="14:14">
      <c r="N887800" s="10"/>
    </row>
    <row r="887801" spans="14:14">
      <c r="N887801" s="10"/>
    </row>
    <row r="887802" spans="14:14">
      <c r="N887802" s="10"/>
    </row>
    <row r="887803" spans="14:14">
      <c r="N887803" s="10"/>
    </row>
    <row r="887804" spans="14:14">
      <c r="N887804" s="10"/>
    </row>
    <row r="887805" spans="14:14">
      <c r="N887805" s="10"/>
    </row>
    <row r="887806" spans="14:14">
      <c r="N887806" s="10"/>
    </row>
    <row r="887807" spans="14:14">
      <c r="N887807" s="10"/>
    </row>
    <row r="887808" spans="14:14">
      <c r="N887808" s="10"/>
    </row>
    <row r="887809" spans="14:14">
      <c r="N887809" s="10"/>
    </row>
    <row r="887810" spans="14:14">
      <c r="N887810" s="10"/>
    </row>
    <row r="887811" spans="14:14">
      <c r="N887811" s="10"/>
    </row>
    <row r="887812" spans="14:14">
      <c r="N887812" s="10"/>
    </row>
    <row r="887813" spans="14:14">
      <c r="N887813" s="10"/>
    </row>
    <row r="887814" spans="14:14">
      <c r="N887814" s="10"/>
    </row>
    <row r="887815" spans="14:14">
      <c r="N887815" s="10"/>
    </row>
    <row r="887816" spans="14:14">
      <c r="N887816" s="10"/>
    </row>
    <row r="887817" spans="14:14">
      <c r="N887817" s="10"/>
    </row>
    <row r="887818" spans="14:14">
      <c r="N887818" s="10"/>
    </row>
    <row r="887819" spans="14:14">
      <c r="N887819" s="10"/>
    </row>
    <row r="887820" spans="14:14">
      <c r="N887820" s="10"/>
    </row>
    <row r="887821" spans="14:14">
      <c r="N887821" s="10"/>
    </row>
    <row r="887822" spans="14:14">
      <c r="N887822" s="10"/>
    </row>
    <row r="887823" spans="14:14">
      <c r="N887823" s="10"/>
    </row>
    <row r="887824" spans="14:14">
      <c r="N887824" s="10"/>
    </row>
    <row r="887825" spans="14:14">
      <c r="N887825" s="10"/>
    </row>
    <row r="887826" spans="14:14">
      <c r="N887826" s="10"/>
    </row>
    <row r="887827" spans="14:14">
      <c r="N887827" s="10"/>
    </row>
    <row r="887828" spans="14:14">
      <c r="N887828" s="10"/>
    </row>
    <row r="887829" spans="14:14">
      <c r="N887829" s="10"/>
    </row>
    <row r="887830" spans="14:14">
      <c r="N887830" s="10"/>
    </row>
    <row r="887831" spans="14:14">
      <c r="N887831" s="10"/>
    </row>
    <row r="887832" spans="14:14">
      <c r="N887832" s="10"/>
    </row>
    <row r="887833" spans="14:14">
      <c r="N887833" s="10"/>
    </row>
    <row r="887834" spans="14:14">
      <c r="N887834" s="10"/>
    </row>
    <row r="887835" spans="14:14">
      <c r="N887835" s="10"/>
    </row>
    <row r="887836" spans="14:14">
      <c r="N887836" s="10"/>
    </row>
    <row r="887837" spans="14:14">
      <c r="N887837" s="10"/>
    </row>
    <row r="887838" spans="14:14">
      <c r="N887838" s="10"/>
    </row>
    <row r="887839" spans="14:14">
      <c r="N887839" s="10"/>
    </row>
    <row r="887840" spans="14:14">
      <c r="N887840" s="10"/>
    </row>
    <row r="887841" spans="14:14">
      <c r="N887841" s="10"/>
    </row>
    <row r="887842" spans="14:14">
      <c r="N887842" s="10"/>
    </row>
    <row r="887843" spans="14:14">
      <c r="N887843" s="10"/>
    </row>
    <row r="887844" spans="14:14">
      <c r="N887844" s="10"/>
    </row>
    <row r="887845" spans="14:14">
      <c r="N887845" s="10"/>
    </row>
    <row r="887846" spans="14:14">
      <c r="N887846" s="10"/>
    </row>
    <row r="887847" spans="14:14">
      <c r="N887847" s="10"/>
    </row>
    <row r="887848" spans="14:14">
      <c r="N887848" s="10"/>
    </row>
    <row r="887849" spans="14:14">
      <c r="N887849" s="10"/>
    </row>
    <row r="887850" spans="14:14">
      <c r="N887850" s="10"/>
    </row>
    <row r="887851" spans="14:14">
      <c r="N887851" s="10"/>
    </row>
    <row r="887852" spans="14:14">
      <c r="N887852" s="10"/>
    </row>
    <row r="887853" spans="14:14">
      <c r="N887853" s="10"/>
    </row>
    <row r="887854" spans="14:14">
      <c r="N887854" s="10"/>
    </row>
    <row r="887855" spans="14:14">
      <c r="N887855" s="10"/>
    </row>
    <row r="887856" spans="14:14">
      <c r="N887856" s="10"/>
    </row>
    <row r="887857" spans="14:14">
      <c r="N887857" s="10"/>
    </row>
    <row r="887858" spans="14:14">
      <c r="N887858" s="10"/>
    </row>
    <row r="887859" spans="14:14">
      <c r="N887859" s="10"/>
    </row>
    <row r="887860" spans="14:14">
      <c r="N887860" s="10"/>
    </row>
    <row r="887861" spans="14:14">
      <c r="N887861" s="10"/>
    </row>
    <row r="887862" spans="14:14">
      <c r="N887862" s="10"/>
    </row>
    <row r="887863" spans="14:14">
      <c r="N887863" s="10"/>
    </row>
    <row r="887864" spans="14:14">
      <c r="N887864" s="10"/>
    </row>
    <row r="887865" spans="14:14">
      <c r="N887865" s="10"/>
    </row>
    <row r="887866" spans="14:14">
      <c r="N887866" s="10"/>
    </row>
    <row r="887867" spans="14:14">
      <c r="N887867" s="10"/>
    </row>
    <row r="887868" spans="14:14">
      <c r="N887868" s="10"/>
    </row>
    <row r="887869" spans="14:14">
      <c r="N887869" s="10"/>
    </row>
    <row r="887870" spans="14:14">
      <c r="N887870" s="10"/>
    </row>
    <row r="887871" spans="14:14">
      <c r="N887871" s="10"/>
    </row>
    <row r="887872" spans="14:14">
      <c r="N887872" s="10"/>
    </row>
    <row r="887873" spans="14:14">
      <c r="N887873" s="10"/>
    </row>
    <row r="887874" spans="14:14">
      <c r="N887874" s="10"/>
    </row>
    <row r="887875" spans="14:14">
      <c r="N887875" s="10"/>
    </row>
    <row r="887876" spans="14:14">
      <c r="N887876" s="10"/>
    </row>
    <row r="887877" spans="14:14">
      <c r="N887877" s="10"/>
    </row>
    <row r="887878" spans="14:14">
      <c r="N887878" s="10"/>
    </row>
    <row r="887879" spans="14:14">
      <c r="N887879" s="10"/>
    </row>
    <row r="887880" spans="14:14">
      <c r="N887880" s="10"/>
    </row>
    <row r="887881" spans="14:14">
      <c r="N887881" s="10"/>
    </row>
    <row r="887882" spans="14:14">
      <c r="N887882" s="10"/>
    </row>
    <row r="887883" spans="14:14">
      <c r="N887883" s="10"/>
    </row>
    <row r="887884" spans="14:14">
      <c r="N887884" s="10"/>
    </row>
    <row r="887885" spans="14:14">
      <c r="N887885" s="10"/>
    </row>
    <row r="887886" spans="14:14">
      <c r="N887886" s="10"/>
    </row>
    <row r="887887" spans="14:14">
      <c r="N887887" s="10"/>
    </row>
    <row r="887888" spans="14:14">
      <c r="N887888" s="10"/>
    </row>
    <row r="887889" spans="14:14">
      <c r="N887889" s="10"/>
    </row>
    <row r="887890" spans="14:14">
      <c r="N887890" s="10"/>
    </row>
    <row r="887891" spans="14:14">
      <c r="N887891" s="10"/>
    </row>
    <row r="887892" spans="14:14">
      <c r="N887892" s="10"/>
    </row>
    <row r="887893" spans="14:14">
      <c r="N887893" s="10"/>
    </row>
    <row r="887894" spans="14:14">
      <c r="N887894" s="10"/>
    </row>
    <row r="887895" spans="14:14">
      <c r="N887895" s="10"/>
    </row>
    <row r="887896" spans="14:14">
      <c r="N887896" s="10"/>
    </row>
    <row r="887897" spans="14:14">
      <c r="N887897" s="10"/>
    </row>
    <row r="887898" spans="14:14">
      <c r="N887898" s="10"/>
    </row>
    <row r="887899" spans="14:14">
      <c r="N887899" s="10"/>
    </row>
    <row r="887900" spans="14:14">
      <c r="N887900" s="10"/>
    </row>
    <row r="887901" spans="14:14">
      <c r="N887901" s="10"/>
    </row>
    <row r="887902" spans="14:14">
      <c r="N887902" s="10"/>
    </row>
    <row r="887903" spans="14:14">
      <c r="N887903" s="10"/>
    </row>
    <row r="887904" spans="14:14">
      <c r="N887904" s="10"/>
    </row>
    <row r="887905" spans="14:14">
      <c r="N887905" s="10"/>
    </row>
    <row r="887906" spans="14:14">
      <c r="N887906" s="10"/>
    </row>
    <row r="887907" spans="14:14">
      <c r="N887907" s="10"/>
    </row>
    <row r="887908" spans="14:14">
      <c r="N887908" s="10"/>
    </row>
    <row r="887909" spans="14:14">
      <c r="N887909" s="10"/>
    </row>
    <row r="887910" spans="14:14">
      <c r="N887910" s="10"/>
    </row>
    <row r="887911" spans="14:14">
      <c r="N887911" s="10"/>
    </row>
    <row r="887912" spans="14:14">
      <c r="N887912" s="10"/>
    </row>
    <row r="887913" spans="14:14">
      <c r="N887913" s="10"/>
    </row>
    <row r="887914" spans="14:14">
      <c r="N887914" s="10"/>
    </row>
    <row r="887915" spans="14:14">
      <c r="N887915" s="10"/>
    </row>
    <row r="887916" spans="14:14">
      <c r="N887916" s="10"/>
    </row>
    <row r="887917" spans="14:14">
      <c r="N887917" s="10"/>
    </row>
    <row r="887918" spans="14:14">
      <c r="N887918" s="10"/>
    </row>
    <row r="887919" spans="14:14">
      <c r="N887919" s="10"/>
    </row>
    <row r="887920" spans="14:14">
      <c r="N887920" s="10"/>
    </row>
    <row r="887921" spans="14:14">
      <c r="N887921" s="10"/>
    </row>
    <row r="887922" spans="14:14">
      <c r="N887922" s="10"/>
    </row>
    <row r="887923" spans="14:14">
      <c r="N887923" s="10"/>
    </row>
    <row r="887924" spans="14:14">
      <c r="N887924" s="10"/>
    </row>
    <row r="887925" spans="14:14">
      <c r="N887925" s="10"/>
    </row>
    <row r="887926" spans="14:14">
      <c r="N887926" s="10"/>
    </row>
    <row r="887927" spans="14:14">
      <c r="N887927" s="10"/>
    </row>
    <row r="887928" spans="14:14">
      <c r="N887928" s="10"/>
    </row>
    <row r="887929" spans="14:14">
      <c r="N887929" s="10"/>
    </row>
    <row r="887930" spans="14:14">
      <c r="N887930" s="10"/>
    </row>
    <row r="887931" spans="14:14">
      <c r="N887931" s="10"/>
    </row>
    <row r="887932" spans="14:14">
      <c r="N887932" s="10"/>
    </row>
    <row r="887933" spans="14:14">
      <c r="N887933" s="10"/>
    </row>
    <row r="887934" spans="14:14">
      <c r="N887934" s="10"/>
    </row>
    <row r="887935" spans="14:14">
      <c r="N887935" s="10"/>
    </row>
    <row r="887936" spans="14:14">
      <c r="N887936" s="10"/>
    </row>
    <row r="887937" spans="14:14">
      <c r="N887937" s="10"/>
    </row>
    <row r="887938" spans="14:14">
      <c r="N887938" s="10"/>
    </row>
    <row r="887939" spans="14:14">
      <c r="N887939" s="10"/>
    </row>
    <row r="887940" spans="14:14">
      <c r="N887940" s="10"/>
    </row>
    <row r="887941" spans="14:14">
      <c r="N887941" s="10"/>
    </row>
    <row r="887942" spans="14:14">
      <c r="N887942" s="10"/>
    </row>
    <row r="887943" spans="14:14">
      <c r="N887943" s="10"/>
    </row>
    <row r="887944" spans="14:14">
      <c r="N887944" s="10"/>
    </row>
    <row r="887945" spans="14:14">
      <c r="N887945" s="10"/>
    </row>
    <row r="887946" spans="14:14">
      <c r="N887946" s="10"/>
    </row>
    <row r="887947" spans="14:14">
      <c r="N887947" s="10"/>
    </row>
    <row r="887948" spans="14:14">
      <c r="N887948" s="10"/>
    </row>
    <row r="887949" spans="14:14">
      <c r="N887949" s="10"/>
    </row>
    <row r="887950" spans="14:14">
      <c r="N887950" s="10"/>
    </row>
    <row r="887951" spans="14:14">
      <c r="N887951" s="10"/>
    </row>
    <row r="887952" spans="14:14">
      <c r="N887952" s="10"/>
    </row>
    <row r="887953" spans="14:14">
      <c r="N887953" s="10"/>
    </row>
    <row r="887954" spans="14:14">
      <c r="N887954" s="10"/>
    </row>
    <row r="887955" spans="14:14">
      <c r="N887955" s="10"/>
    </row>
    <row r="887956" spans="14:14">
      <c r="N887956" s="10"/>
    </row>
    <row r="887957" spans="14:14">
      <c r="N887957" s="10"/>
    </row>
    <row r="887958" spans="14:14">
      <c r="N887958" s="10"/>
    </row>
    <row r="887959" spans="14:14">
      <c r="N887959" s="10"/>
    </row>
    <row r="887960" spans="14:14">
      <c r="N887960" s="10"/>
    </row>
    <row r="887961" spans="14:14">
      <c r="N887961" s="10"/>
    </row>
    <row r="887962" spans="14:14">
      <c r="N887962" s="10"/>
    </row>
    <row r="887963" spans="14:14">
      <c r="N887963" s="10"/>
    </row>
    <row r="887964" spans="14:14">
      <c r="N887964" s="10"/>
    </row>
    <row r="887965" spans="14:14">
      <c r="N887965" s="10"/>
    </row>
    <row r="887966" spans="14:14">
      <c r="N887966" s="10"/>
    </row>
    <row r="887967" spans="14:14">
      <c r="N887967" s="10"/>
    </row>
    <row r="887968" spans="14:14">
      <c r="N887968" s="10"/>
    </row>
    <row r="887969" spans="14:14">
      <c r="N887969" s="10"/>
    </row>
    <row r="887970" spans="14:14">
      <c r="N887970" s="10"/>
    </row>
    <row r="887971" spans="14:14">
      <c r="N887971" s="10"/>
    </row>
    <row r="887972" spans="14:14">
      <c r="N887972" s="10"/>
    </row>
    <row r="887973" spans="14:14">
      <c r="N887973" s="10"/>
    </row>
    <row r="887974" spans="14:14">
      <c r="N887974" s="10"/>
    </row>
    <row r="887975" spans="14:14">
      <c r="N887975" s="10"/>
    </row>
    <row r="887976" spans="14:14">
      <c r="N887976" s="10"/>
    </row>
    <row r="887977" spans="14:14">
      <c r="N887977" s="10"/>
    </row>
    <row r="887978" spans="14:14">
      <c r="N887978" s="10"/>
    </row>
    <row r="887979" spans="14:14">
      <c r="N887979" s="10"/>
    </row>
    <row r="887980" spans="14:14">
      <c r="N887980" s="10"/>
    </row>
    <row r="887981" spans="14:14">
      <c r="N887981" s="10"/>
    </row>
    <row r="887982" spans="14:14">
      <c r="N887982" s="10"/>
    </row>
    <row r="887983" spans="14:14">
      <c r="N887983" s="10"/>
    </row>
    <row r="887984" spans="14:14">
      <c r="N887984" s="10"/>
    </row>
    <row r="887985" spans="14:14">
      <c r="N887985" s="10"/>
    </row>
    <row r="887986" spans="14:14">
      <c r="N887986" s="10"/>
    </row>
    <row r="887987" spans="14:14">
      <c r="N887987" s="10"/>
    </row>
    <row r="887988" spans="14:14">
      <c r="N887988" s="10"/>
    </row>
    <row r="887989" spans="14:14">
      <c r="N887989" s="10"/>
    </row>
    <row r="887990" spans="14:14">
      <c r="N887990" s="10"/>
    </row>
    <row r="887991" spans="14:14">
      <c r="N887991" s="10"/>
    </row>
    <row r="887992" spans="14:14">
      <c r="N887992" s="10"/>
    </row>
    <row r="887993" spans="14:14">
      <c r="N887993" s="10"/>
    </row>
    <row r="887994" spans="14:14">
      <c r="N887994" s="10"/>
    </row>
    <row r="887995" spans="14:14">
      <c r="N887995" s="10"/>
    </row>
    <row r="887996" spans="14:14">
      <c r="N887996" s="10"/>
    </row>
    <row r="887997" spans="14:14">
      <c r="N887997" s="10"/>
    </row>
    <row r="887998" spans="14:14">
      <c r="N887998" s="10"/>
    </row>
    <row r="887999" spans="14:14">
      <c r="N887999" s="10"/>
    </row>
    <row r="888000" spans="14:14">
      <c r="N888000" s="10"/>
    </row>
    <row r="888001" spans="14:14">
      <c r="N888001" s="10"/>
    </row>
    <row r="888002" spans="14:14">
      <c r="N888002" s="10"/>
    </row>
    <row r="888003" spans="14:14">
      <c r="N888003" s="10"/>
    </row>
    <row r="888004" spans="14:14">
      <c r="N888004" s="10"/>
    </row>
    <row r="888005" spans="14:14">
      <c r="N888005" s="10"/>
    </row>
    <row r="888006" spans="14:14">
      <c r="N888006" s="10"/>
    </row>
    <row r="888007" spans="14:14">
      <c r="N888007" s="10"/>
    </row>
    <row r="888008" spans="14:14">
      <c r="N888008" s="10"/>
    </row>
    <row r="888009" spans="14:14">
      <c r="N888009" s="10"/>
    </row>
    <row r="888010" spans="14:14">
      <c r="N888010" s="10"/>
    </row>
    <row r="888011" spans="14:14">
      <c r="N888011" s="10"/>
    </row>
    <row r="888012" spans="14:14">
      <c r="N888012" s="10"/>
    </row>
    <row r="888013" spans="14:14">
      <c r="N888013" s="10"/>
    </row>
    <row r="888014" spans="14:14">
      <c r="N888014" s="10"/>
    </row>
    <row r="888015" spans="14:14">
      <c r="N888015" s="10"/>
    </row>
    <row r="888016" spans="14:14">
      <c r="N888016" s="10"/>
    </row>
    <row r="888017" spans="14:14">
      <c r="N888017" s="10"/>
    </row>
    <row r="888018" spans="14:14">
      <c r="N888018" s="10"/>
    </row>
    <row r="888019" spans="14:14">
      <c r="N888019" s="10"/>
    </row>
    <row r="888020" spans="14:14">
      <c r="N888020" s="10"/>
    </row>
    <row r="888021" spans="14:14">
      <c r="N888021" s="10"/>
    </row>
    <row r="888022" spans="14:14">
      <c r="N888022" s="10"/>
    </row>
    <row r="888023" spans="14:14">
      <c r="N888023" s="10"/>
    </row>
    <row r="888024" spans="14:14">
      <c r="N888024" s="10"/>
    </row>
    <row r="888025" spans="14:14">
      <c r="N888025" s="10"/>
    </row>
    <row r="888026" spans="14:14">
      <c r="N888026" s="10"/>
    </row>
    <row r="888027" spans="14:14">
      <c r="N888027" s="10"/>
    </row>
    <row r="888028" spans="14:14">
      <c r="N888028" s="10"/>
    </row>
    <row r="888029" spans="14:14">
      <c r="N888029" s="10"/>
    </row>
    <row r="888030" spans="14:14">
      <c r="N888030" s="10"/>
    </row>
    <row r="888031" spans="14:14">
      <c r="N888031" s="10"/>
    </row>
    <row r="888032" spans="14:14">
      <c r="N888032" s="10"/>
    </row>
    <row r="888033" spans="14:14">
      <c r="N888033" s="10"/>
    </row>
    <row r="888034" spans="14:14">
      <c r="N888034" s="10"/>
    </row>
    <row r="888035" spans="14:14">
      <c r="N888035" s="10"/>
    </row>
    <row r="888036" spans="14:14">
      <c r="N888036" s="10"/>
    </row>
    <row r="888037" spans="14:14">
      <c r="N888037" s="10"/>
    </row>
    <row r="888038" spans="14:14">
      <c r="N888038" s="10"/>
    </row>
    <row r="888039" spans="14:14">
      <c r="N888039" s="10"/>
    </row>
    <row r="888040" spans="14:14">
      <c r="N888040" s="10"/>
    </row>
    <row r="888041" spans="14:14">
      <c r="N888041" s="10"/>
    </row>
    <row r="888042" spans="14:14">
      <c r="N888042" s="10"/>
    </row>
    <row r="888043" spans="14:14">
      <c r="N888043" s="10"/>
    </row>
    <row r="888044" spans="14:14">
      <c r="N888044" s="10"/>
    </row>
    <row r="888045" spans="14:14">
      <c r="N888045" s="10"/>
    </row>
    <row r="888046" spans="14:14">
      <c r="N888046" s="10"/>
    </row>
    <row r="888047" spans="14:14">
      <c r="N888047" s="10"/>
    </row>
    <row r="888048" spans="14:14">
      <c r="N888048" s="10"/>
    </row>
    <row r="888049" spans="14:14">
      <c r="N888049" s="10"/>
    </row>
    <row r="888050" spans="14:14">
      <c r="N888050" s="10"/>
    </row>
    <row r="888051" spans="14:14">
      <c r="N888051" s="10"/>
    </row>
    <row r="888052" spans="14:14">
      <c r="N888052" s="10"/>
    </row>
    <row r="888053" spans="14:14">
      <c r="N888053" s="10"/>
    </row>
    <row r="888054" spans="14:14">
      <c r="N888054" s="10"/>
    </row>
    <row r="888055" spans="14:14">
      <c r="N888055" s="10"/>
    </row>
    <row r="888056" spans="14:14">
      <c r="N888056" s="10"/>
    </row>
    <row r="888057" spans="14:14">
      <c r="N888057" s="10"/>
    </row>
    <row r="888058" spans="14:14">
      <c r="N888058" s="10"/>
    </row>
    <row r="888059" spans="14:14">
      <c r="N888059" s="10"/>
    </row>
    <row r="888060" spans="14:14">
      <c r="N888060" s="10"/>
    </row>
    <row r="888061" spans="14:14">
      <c r="N888061" s="10"/>
    </row>
    <row r="888062" spans="14:14">
      <c r="N888062" s="10"/>
    </row>
    <row r="888063" spans="14:14">
      <c r="N888063" s="10"/>
    </row>
    <row r="888064" spans="14:14">
      <c r="N888064" s="10"/>
    </row>
    <row r="888065" spans="14:14">
      <c r="N888065" s="10"/>
    </row>
    <row r="888066" spans="14:14">
      <c r="N888066" s="10"/>
    </row>
    <row r="888067" spans="14:14">
      <c r="N888067" s="10"/>
    </row>
    <row r="888068" spans="14:14">
      <c r="N888068" s="10"/>
    </row>
    <row r="888069" spans="14:14">
      <c r="N888069" s="10"/>
    </row>
    <row r="888070" spans="14:14">
      <c r="N888070" s="10"/>
    </row>
    <row r="888071" spans="14:14">
      <c r="N888071" s="10"/>
    </row>
    <row r="888072" spans="14:14">
      <c r="N888072" s="10"/>
    </row>
    <row r="888073" spans="14:14">
      <c r="N888073" s="10"/>
    </row>
    <row r="888074" spans="14:14">
      <c r="N888074" s="10"/>
    </row>
    <row r="888075" spans="14:14">
      <c r="N888075" s="10"/>
    </row>
    <row r="888076" spans="14:14">
      <c r="N888076" s="10"/>
    </row>
    <row r="888077" spans="14:14">
      <c r="N888077" s="10"/>
    </row>
    <row r="888078" spans="14:14">
      <c r="N888078" s="10"/>
    </row>
    <row r="888079" spans="14:14">
      <c r="N888079" s="10"/>
    </row>
    <row r="888080" spans="14:14">
      <c r="N888080" s="10"/>
    </row>
    <row r="888081" spans="14:14">
      <c r="N888081" s="10"/>
    </row>
    <row r="888082" spans="14:14">
      <c r="N888082" s="10"/>
    </row>
    <row r="888083" spans="14:14">
      <c r="N888083" s="10"/>
    </row>
    <row r="888084" spans="14:14">
      <c r="N888084" s="10"/>
    </row>
    <row r="888085" spans="14:14">
      <c r="N888085" s="10"/>
    </row>
    <row r="888086" spans="14:14">
      <c r="N888086" s="10"/>
    </row>
    <row r="888087" spans="14:14">
      <c r="N888087" s="10"/>
    </row>
    <row r="888088" spans="14:14">
      <c r="N888088" s="10"/>
    </row>
    <row r="888089" spans="14:14">
      <c r="N888089" s="10"/>
    </row>
    <row r="888090" spans="14:14">
      <c r="N888090" s="10"/>
    </row>
    <row r="888091" spans="14:14">
      <c r="N888091" s="10"/>
    </row>
    <row r="888092" spans="14:14">
      <c r="N888092" s="10"/>
    </row>
    <row r="888093" spans="14:14">
      <c r="N888093" s="10"/>
    </row>
    <row r="888094" spans="14:14">
      <c r="N888094" s="10"/>
    </row>
    <row r="888095" spans="14:14">
      <c r="N888095" s="10"/>
    </row>
    <row r="888096" spans="14:14">
      <c r="N888096" s="10"/>
    </row>
    <row r="888097" spans="14:14">
      <c r="N888097" s="10"/>
    </row>
    <row r="888098" spans="14:14">
      <c r="N888098" s="10"/>
    </row>
    <row r="888099" spans="14:14">
      <c r="N888099" s="10"/>
    </row>
    <row r="888100" spans="14:14">
      <c r="N888100" s="10"/>
    </row>
    <row r="888101" spans="14:14">
      <c r="N888101" s="10"/>
    </row>
    <row r="888102" spans="14:14">
      <c r="N888102" s="10"/>
    </row>
    <row r="888103" spans="14:14">
      <c r="N888103" s="10"/>
    </row>
    <row r="888104" spans="14:14">
      <c r="N888104" s="10"/>
    </row>
    <row r="888105" spans="14:14">
      <c r="N888105" s="10"/>
    </row>
    <row r="888106" spans="14:14">
      <c r="N888106" s="10"/>
    </row>
    <row r="888107" spans="14:14">
      <c r="N888107" s="10"/>
    </row>
    <row r="888108" spans="14:14">
      <c r="N888108" s="10"/>
    </row>
    <row r="888109" spans="14:14">
      <c r="N888109" s="10"/>
    </row>
    <row r="888110" spans="14:14">
      <c r="N888110" s="10"/>
    </row>
    <row r="888111" spans="14:14">
      <c r="N888111" s="10"/>
    </row>
    <row r="888112" spans="14:14">
      <c r="N888112" s="10"/>
    </row>
    <row r="888113" spans="14:14">
      <c r="N888113" s="10"/>
    </row>
    <row r="888114" spans="14:14">
      <c r="N888114" s="10"/>
    </row>
    <row r="888115" spans="14:14">
      <c r="N888115" s="10"/>
    </row>
    <row r="888116" spans="14:14">
      <c r="N888116" s="10"/>
    </row>
    <row r="888117" spans="14:14">
      <c r="N888117" s="10"/>
    </row>
    <row r="888118" spans="14:14">
      <c r="N888118" s="10"/>
    </row>
    <row r="888119" spans="14:14">
      <c r="N888119" s="10"/>
    </row>
    <row r="888120" spans="14:14">
      <c r="N888120" s="10"/>
    </row>
    <row r="888121" spans="14:14">
      <c r="N888121" s="10"/>
    </row>
    <row r="888122" spans="14:14">
      <c r="N888122" s="10"/>
    </row>
    <row r="888123" spans="14:14">
      <c r="N888123" s="10"/>
    </row>
    <row r="888124" spans="14:14">
      <c r="N888124" s="10"/>
    </row>
    <row r="888125" spans="14:14">
      <c r="N888125" s="10"/>
    </row>
    <row r="888126" spans="14:14">
      <c r="N888126" s="10"/>
    </row>
    <row r="888127" spans="14:14">
      <c r="N888127" s="10"/>
    </row>
    <row r="888128" spans="14:14">
      <c r="N888128" s="10"/>
    </row>
    <row r="888129" spans="14:14">
      <c r="N888129" s="10"/>
    </row>
    <row r="888130" spans="14:14">
      <c r="N888130" s="10"/>
    </row>
    <row r="888131" spans="14:14">
      <c r="N888131" s="10"/>
    </row>
    <row r="888132" spans="14:14">
      <c r="N888132" s="10"/>
    </row>
    <row r="888133" spans="14:14">
      <c r="N888133" s="10"/>
    </row>
    <row r="888134" spans="14:14">
      <c r="N888134" s="10"/>
    </row>
    <row r="888135" spans="14:14">
      <c r="N888135" s="10"/>
    </row>
    <row r="888136" spans="14:14">
      <c r="N888136" s="10"/>
    </row>
    <row r="888137" spans="14:14">
      <c r="N888137" s="10"/>
    </row>
    <row r="888138" spans="14:14">
      <c r="N888138" s="10"/>
    </row>
    <row r="888139" spans="14:14">
      <c r="N888139" s="10"/>
    </row>
    <row r="888140" spans="14:14">
      <c r="N888140" s="10"/>
    </row>
    <row r="888141" spans="14:14">
      <c r="N888141" s="10"/>
    </row>
    <row r="888142" spans="14:14">
      <c r="N888142" s="10"/>
    </row>
    <row r="888143" spans="14:14">
      <c r="N888143" s="10"/>
    </row>
    <row r="888144" spans="14:14">
      <c r="N888144" s="10"/>
    </row>
    <row r="888145" spans="14:14">
      <c r="N888145" s="10"/>
    </row>
    <row r="888146" spans="14:14">
      <c r="N888146" s="10"/>
    </row>
    <row r="888147" spans="14:14">
      <c r="N888147" s="10"/>
    </row>
    <row r="888148" spans="14:14">
      <c r="N888148" s="10"/>
    </row>
    <row r="888149" spans="14:14">
      <c r="N888149" s="10"/>
    </row>
    <row r="888150" spans="14:14">
      <c r="N888150" s="10"/>
    </row>
    <row r="888151" spans="14:14">
      <c r="N888151" s="10"/>
    </row>
    <row r="888152" spans="14:14">
      <c r="N888152" s="10"/>
    </row>
    <row r="888153" spans="14:14">
      <c r="N888153" s="10"/>
    </row>
    <row r="888154" spans="14:14">
      <c r="N888154" s="10"/>
    </row>
    <row r="888155" spans="14:14">
      <c r="N888155" s="10"/>
    </row>
    <row r="888156" spans="14:14">
      <c r="N888156" s="10"/>
    </row>
    <row r="888157" spans="14:14">
      <c r="N888157" s="10"/>
    </row>
    <row r="888158" spans="14:14">
      <c r="N888158" s="10"/>
    </row>
    <row r="888159" spans="14:14">
      <c r="N888159" s="10"/>
    </row>
    <row r="888160" spans="14:14">
      <c r="N888160" s="10"/>
    </row>
    <row r="888161" spans="14:14">
      <c r="N888161" s="10"/>
    </row>
    <row r="888162" spans="14:14">
      <c r="N888162" s="10"/>
    </row>
    <row r="888163" spans="14:14">
      <c r="N888163" s="10"/>
    </row>
    <row r="888164" spans="14:14">
      <c r="N888164" s="10"/>
    </row>
    <row r="888165" spans="14:14">
      <c r="N888165" s="10"/>
    </row>
    <row r="888166" spans="14:14">
      <c r="N888166" s="10"/>
    </row>
    <row r="888167" spans="14:14">
      <c r="N888167" s="10"/>
    </row>
    <row r="888168" spans="14:14">
      <c r="N888168" s="10"/>
    </row>
    <row r="888169" spans="14:14">
      <c r="N888169" s="10"/>
    </row>
    <row r="888170" spans="14:14">
      <c r="N888170" s="10"/>
    </row>
    <row r="888171" spans="14:14">
      <c r="N888171" s="10"/>
    </row>
    <row r="888172" spans="14:14">
      <c r="N888172" s="10"/>
    </row>
    <row r="888173" spans="14:14">
      <c r="N888173" s="10"/>
    </row>
    <row r="888174" spans="14:14">
      <c r="N888174" s="10"/>
    </row>
    <row r="888175" spans="14:14">
      <c r="N888175" s="10"/>
    </row>
    <row r="888176" spans="14:14">
      <c r="N888176" s="10"/>
    </row>
    <row r="888177" spans="14:14">
      <c r="N888177" s="10"/>
    </row>
    <row r="888178" spans="14:14">
      <c r="N888178" s="10"/>
    </row>
    <row r="888179" spans="14:14">
      <c r="N888179" s="10"/>
    </row>
    <row r="888180" spans="14:14">
      <c r="N888180" s="10"/>
    </row>
    <row r="888181" spans="14:14">
      <c r="N888181" s="10"/>
    </row>
    <row r="888182" spans="14:14">
      <c r="N888182" s="10"/>
    </row>
    <row r="888183" spans="14:14">
      <c r="N888183" s="10"/>
    </row>
    <row r="888184" spans="14:14">
      <c r="N888184" s="10"/>
    </row>
    <row r="888185" spans="14:14">
      <c r="N888185" s="10"/>
    </row>
    <row r="888186" spans="14:14">
      <c r="N888186" s="10"/>
    </row>
    <row r="888187" spans="14:14">
      <c r="N888187" s="10"/>
    </row>
    <row r="888188" spans="14:14">
      <c r="N888188" s="10"/>
    </row>
    <row r="888189" spans="14:14">
      <c r="N888189" s="10"/>
    </row>
    <row r="888190" spans="14:14">
      <c r="N888190" s="10"/>
    </row>
    <row r="888191" spans="14:14">
      <c r="N888191" s="10"/>
    </row>
    <row r="888192" spans="14:14">
      <c r="N888192" s="10"/>
    </row>
    <row r="888193" spans="14:14">
      <c r="N888193" s="10"/>
    </row>
    <row r="888194" spans="14:14">
      <c r="N888194" s="10"/>
    </row>
    <row r="888195" spans="14:14">
      <c r="N888195" s="10"/>
    </row>
    <row r="888196" spans="14:14">
      <c r="N888196" s="10"/>
    </row>
    <row r="888197" spans="14:14">
      <c r="N888197" s="10"/>
    </row>
    <row r="888198" spans="14:14">
      <c r="N888198" s="10"/>
    </row>
    <row r="888199" spans="14:14">
      <c r="N888199" s="10"/>
    </row>
    <row r="888200" spans="14:14">
      <c r="N888200" s="10"/>
    </row>
    <row r="888201" spans="14:14">
      <c r="N888201" s="10"/>
    </row>
    <row r="888202" spans="14:14">
      <c r="N888202" s="10"/>
    </row>
    <row r="888203" spans="14:14">
      <c r="N888203" s="10"/>
    </row>
    <row r="888204" spans="14:14">
      <c r="N888204" s="10"/>
    </row>
    <row r="888205" spans="14:14">
      <c r="N888205" s="10"/>
    </row>
    <row r="888206" spans="14:14">
      <c r="N888206" s="10"/>
    </row>
    <row r="888207" spans="14:14">
      <c r="N888207" s="10"/>
    </row>
    <row r="888208" spans="14:14">
      <c r="N888208" s="10"/>
    </row>
    <row r="888209" spans="14:14">
      <c r="N888209" s="10"/>
    </row>
    <row r="888210" spans="14:14">
      <c r="N888210" s="10"/>
    </row>
    <row r="888211" spans="14:14">
      <c r="N888211" s="10"/>
    </row>
    <row r="888212" spans="14:14">
      <c r="N888212" s="10"/>
    </row>
    <row r="888213" spans="14:14">
      <c r="N888213" s="10"/>
    </row>
    <row r="888214" spans="14:14">
      <c r="N888214" s="10"/>
    </row>
    <row r="888215" spans="14:14">
      <c r="N888215" s="10"/>
    </row>
    <row r="888216" spans="14:14">
      <c r="N888216" s="10"/>
    </row>
    <row r="888217" spans="14:14">
      <c r="N888217" s="10"/>
    </row>
    <row r="888218" spans="14:14">
      <c r="N888218" s="10"/>
    </row>
    <row r="888219" spans="14:14">
      <c r="N888219" s="10"/>
    </row>
    <row r="888220" spans="14:14">
      <c r="N888220" s="10"/>
    </row>
    <row r="888221" spans="14:14">
      <c r="N888221" s="10"/>
    </row>
    <row r="888222" spans="14:14">
      <c r="N888222" s="10"/>
    </row>
    <row r="888223" spans="14:14">
      <c r="N888223" s="10"/>
    </row>
    <row r="888224" spans="14:14">
      <c r="N888224" s="10"/>
    </row>
    <row r="888225" spans="14:14">
      <c r="N888225" s="10"/>
    </row>
    <row r="888226" spans="14:14">
      <c r="N888226" s="10"/>
    </row>
    <row r="888227" spans="14:14">
      <c r="N888227" s="10"/>
    </row>
    <row r="888228" spans="14:14">
      <c r="N888228" s="10"/>
    </row>
    <row r="888229" spans="14:14">
      <c r="N888229" s="10"/>
    </row>
    <row r="888230" spans="14:14">
      <c r="N888230" s="10"/>
    </row>
    <row r="888231" spans="14:14">
      <c r="N888231" s="10"/>
    </row>
    <row r="888232" spans="14:14">
      <c r="N888232" s="10"/>
    </row>
    <row r="888233" spans="14:14">
      <c r="N888233" s="10"/>
    </row>
    <row r="888234" spans="14:14">
      <c r="N888234" s="10"/>
    </row>
    <row r="888235" spans="14:14">
      <c r="N888235" s="10"/>
    </row>
    <row r="888236" spans="14:14">
      <c r="N888236" s="10"/>
    </row>
    <row r="888237" spans="14:14">
      <c r="N888237" s="10"/>
    </row>
    <row r="888238" spans="14:14">
      <c r="N888238" s="10"/>
    </row>
    <row r="888239" spans="14:14">
      <c r="N888239" s="10"/>
    </row>
    <row r="888240" spans="14:14">
      <c r="N888240" s="10"/>
    </row>
    <row r="888241" spans="14:14">
      <c r="N888241" s="10"/>
    </row>
    <row r="888242" spans="14:14">
      <c r="N888242" s="10"/>
    </row>
    <row r="888243" spans="14:14">
      <c r="N888243" s="10"/>
    </row>
    <row r="888244" spans="14:14">
      <c r="N888244" s="10"/>
    </row>
    <row r="888245" spans="14:14">
      <c r="N888245" s="10"/>
    </row>
    <row r="888246" spans="14:14">
      <c r="N888246" s="10"/>
    </row>
    <row r="888247" spans="14:14">
      <c r="N888247" s="10"/>
    </row>
    <row r="888248" spans="14:14">
      <c r="N888248" s="10"/>
    </row>
    <row r="888249" spans="14:14">
      <c r="N888249" s="10"/>
    </row>
    <row r="888250" spans="14:14">
      <c r="N888250" s="10"/>
    </row>
    <row r="888251" spans="14:14">
      <c r="N888251" s="10"/>
    </row>
    <row r="888252" spans="14:14">
      <c r="N888252" s="10"/>
    </row>
    <row r="888253" spans="14:14">
      <c r="N888253" s="10"/>
    </row>
    <row r="888254" spans="14:14">
      <c r="N888254" s="10"/>
    </row>
    <row r="888255" spans="14:14">
      <c r="N888255" s="10"/>
    </row>
    <row r="888256" spans="14:14">
      <c r="N888256" s="10"/>
    </row>
    <row r="888257" spans="14:14">
      <c r="N888257" s="10"/>
    </row>
    <row r="888258" spans="14:14">
      <c r="N888258" s="10"/>
    </row>
    <row r="888259" spans="14:14">
      <c r="N888259" s="10"/>
    </row>
    <row r="888260" spans="14:14">
      <c r="N888260" s="10"/>
    </row>
    <row r="888261" spans="14:14">
      <c r="N888261" s="10"/>
    </row>
    <row r="888262" spans="14:14">
      <c r="N888262" s="10"/>
    </row>
    <row r="888263" spans="14:14">
      <c r="N888263" s="10"/>
    </row>
    <row r="888264" spans="14:14">
      <c r="N888264" s="10"/>
    </row>
    <row r="888265" spans="14:14">
      <c r="N888265" s="10"/>
    </row>
    <row r="888266" spans="14:14">
      <c r="N888266" s="10"/>
    </row>
    <row r="888267" spans="14:14">
      <c r="N888267" s="10"/>
    </row>
    <row r="888268" spans="14:14">
      <c r="N888268" s="10"/>
    </row>
    <row r="888269" spans="14:14">
      <c r="N888269" s="10"/>
    </row>
    <row r="888270" spans="14:14">
      <c r="N888270" s="10"/>
    </row>
    <row r="888271" spans="14:14">
      <c r="N888271" s="10"/>
    </row>
    <row r="888272" spans="14:14">
      <c r="N888272" s="10"/>
    </row>
    <row r="888273" spans="14:14">
      <c r="N888273" s="10"/>
    </row>
    <row r="888274" spans="14:14">
      <c r="N888274" s="10"/>
    </row>
    <row r="888275" spans="14:14">
      <c r="N888275" s="10"/>
    </row>
    <row r="888276" spans="14:14">
      <c r="N888276" s="10"/>
    </row>
    <row r="888277" spans="14:14">
      <c r="N888277" s="10"/>
    </row>
    <row r="888278" spans="14:14">
      <c r="N888278" s="10"/>
    </row>
    <row r="888279" spans="14:14">
      <c r="N888279" s="10"/>
    </row>
    <row r="888280" spans="14:14">
      <c r="N888280" s="10"/>
    </row>
    <row r="888281" spans="14:14">
      <c r="N888281" s="10"/>
    </row>
    <row r="888282" spans="14:14">
      <c r="N888282" s="10"/>
    </row>
    <row r="888283" spans="14:14">
      <c r="N888283" s="10"/>
    </row>
    <row r="888284" spans="14:14">
      <c r="N888284" s="10"/>
    </row>
    <row r="888285" spans="14:14">
      <c r="N888285" s="10"/>
    </row>
    <row r="888286" spans="14:14">
      <c r="N888286" s="10"/>
    </row>
    <row r="888287" spans="14:14">
      <c r="N888287" s="10"/>
    </row>
    <row r="888288" spans="14:14">
      <c r="N888288" s="10"/>
    </row>
    <row r="888289" spans="14:14">
      <c r="N888289" s="10"/>
    </row>
    <row r="888290" spans="14:14">
      <c r="N888290" s="10"/>
    </row>
    <row r="888291" spans="14:14">
      <c r="N888291" s="10"/>
    </row>
    <row r="888292" spans="14:14">
      <c r="N888292" s="10"/>
    </row>
    <row r="888293" spans="14:14">
      <c r="N888293" s="10"/>
    </row>
    <row r="888294" spans="14:14">
      <c r="N888294" s="10"/>
    </row>
    <row r="888295" spans="14:14">
      <c r="N888295" s="10"/>
    </row>
    <row r="888296" spans="14:14">
      <c r="N888296" s="10"/>
    </row>
    <row r="888297" spans="14:14">
      <c r="N888297" s="10"/>
    </row>
    <row r="888298" spans="14:14">
      <c r="N888298" s="10"/>
    </row>
    <row r="888299" spans="14:14">
      <c r="N888299" s="10"/>
    </row>
    <row r="888300" spans="14:14">
      <c r="N888300" s="10"/>
    </row>
    <row r="888301" spans="14:14">
      <c r="N888301" s="10"/>
    </row>
    <row r="888302" spans="14:14">
      <c r="N888302" s="10"/>
    </row>
    <row r="888303" spans="14:14">
      <c r="N888303" s="10"/>
    </row>
    <row r="888304" spans="14:14">
      <c r="N888304" s="10"/>
    </row>
    <row r="888305" spans="14:14">
      <c r="N888305" s="10"/>
    </row>
    <row r="888306" spans="14:14">
      <c r="N888306" s="10"/>
    </row>
    <row r="888307" spans="14:14">
      <c r="N888307" s="10"/>
    </row>
    <row r="888308" spans="14:14">
      <c r="N888308" s="10"/>
    </row>
    <row r="888309" spans="14:14">
      <c r="N888309" s="10"/>
    </row>
    <row r="888310" spans="14:14">
      <c r="N888310" s="10"/>
    </row>
    <row r="888311" spans="14:14">
      <c r="N888311" s="10"/>
    </row>
    <row r="888312" spans="14:14">
      <c r="N888312" s="10"/>
    </row>
    <row r="888313" spans="14:14">
      <c r="N888313" s="10"/>
    </row>
    <row r="888314" spans="14:14">
      <c r="N888314" s="10"/>
    </row>
    <row r="888315" spans="14:14">
      <c r="N888315" s="10"/>
    </row>
    <row r="888316" spans="14:14">
      <c r="N888316" s="10"/>
    </row>
    <row r="888317" spans="14:14">
      <c r="N888317" s="10"/>
    </row>
    <row r="888318" spans="14:14">
      <c r="N888318" s="10"/>
    </row>
    <row r="888319" spans="14:14">
      <c r="N888319" s="10"/>
    </row>
    <row r="888320" spans="14:14">
      <c r="N888320" s="10"/>
    </row>
    <row r="888321" spans="14:14">
      <c r="N888321" s="10"/>
    </row>
    <row r="888322" spans="14:14">
      <c r="N888322" s="10"/>
    </row>
    <row r="888323" spans="14:14">
      <c r="N888323" s="10"/>
    </row>
    <row r="888324" spans="14:14">
      <c r="N888324" s="10"/>
    </row>
    <row r="888325" spans="14:14">
      <c r="N888325" s="10"/>
    </row>
    <row r="888326" spans="14:14">
      <c r="N888326" s="10"/>
    </row>
    <row r="888327" spans="14:14">
      <c r="N888327" s="10"/>
    </row>
    <row r="888328" spans="14:14">
      <c r="N888328" s="10"/>
    </row>
    <row r="888329" spans="14:14">
      <c r="N888329" s="10"/>
    </row>
    <row r="888330" spans="14:14">
      <c r="N888330" s="10"/>
    </row>
    <row r="888331" spans="14:14">
      <c r="N888331" s="10"/>
    </row>
    <row r="888332" spans="14:14">
      <c r="N888332" s="10"/>
    </row>
    <row r="888333" spans="14:14">
      <c r="N888333" s="10"/>
    </row>
    <row r="888334" spans="14:14">
      <c r="N888334" s="10"/>
    </row>
    <row r="888335" spans="14:14">
      <c r="N888335" s="10"/>
    </row>
    <row r="888336" spans="14:14">
      <c r="N888336" s="10"/>
    </row>
    <row r="888337" spans="14:14">
      <c r="N888337" s="10"/>
    </row>
    <row r="888338" spans="14:14">
      <c r="N888338" s="10"/>
    </row>
    <row r="888339" spans="14:14">
      <c r="N888339" s="10"/>
    </row>
    <row r="888340" spans="14:14">
      <c r="N888340" s="10"/>
    </row>
    <row r="888341" spans="14:14">
      <c r="N888341" s="10"/>
    </row>
    <row r="888342" spans="14:14">
      <c r="N888342" s="10"/>
    </row>
    <row r="888343" spans="14:14">
      <c r="N888343" s="10"/>
    </row>
    <row r="888344" spans="14:14">
      <c r="N888344" s="10"/>
    </row>
    <row r="888345" spans="14:14">
      <c r="N888345" s="10"/>
    </row>
    <row r="888346" spans="14:14">
      <c r="N888346" s="10"/>
    </row>
    <row r="888347" spans="14:14">
      <c r="N888347" s="10"/>
    </row>
    <row r="888348" spans="14:14">
      <c r="N888348" s="10"/>
    </row>
    <row r="888349" spans="14:14">
      <c r="N888349" s="10"/>
    </row>
    <row r="888350" spans="14:14">
      <c r="N888350" s="10"/>
    </row>
    <row r="888351" spans="14:14">
      <c r="N888351" s="10"/>
    </row>
    <row r="888352" spans="14:14">
      <c r="N888352" s="10"/>
    </row>
    <row r="888353" spans="14:14">
      <c r="N888353" s="10"/>
    </row>
    <row r="888354" spans="14:14">
      <c r="N888354" s="10"/>
    </row>
    <row r="888355" spans="14:14">
      <c r="N888355" s="10"/>
    </row>
    <row r="888356" spans="14:14">
      <c r="N888356" s="10"/>
    </row>
    <row r="888357" spans="14:14">
      <c r="N888357" s="10"/>
    </row>
    <row r="888358" spans="14:14">
      <c r="N888358" s="10"/>
    </row>
    <row r="888359" spans="14:14">
      <c r="N888359" s="10"/>
    </row>
    <row r="888360" spans="14:14">
      <c r="N888360" s="10"/>
    </row>
    <row r="888361" spans="14:14">
      <c r="N888361" s="10"/>
    </row>
    <row r="888362" spans="14:14">
      <c r="N888362" s="10"/>
    </row>
    <row r="888363" spans="14:14">
      <c r="N888363" s="10"/>
    </row>
    <row r="888364" spans="14:14">
      <c r="N888364" s="10"/>
    </row>
    <row r="888365" spans="14:14">
      <c r="N888365" s="10"/>
    </row>
    <row r="888366" spans="14:14">
      <c r="N888366" s="10"/>
    </row>
    <row r="888367" spans="14:14">
      <c r="N888367" s="10"/>
    </row>
    <row r="888368" spans="14:14">
      <c r="N888368" s="10"/>
    </row>
    <row r="888369" spans="14:14">
      <c r="N888369" s="10"/>
    </row>
    <row r="888370" spans="14:14">
      <c r="N888370" s="10"/>
    </row>
    <row r="888371" spans="14:14">
      <c r="N888371" s="10"/>
    </row>
    <row r="888372" spans="14:14">
      <c r="N888372" s="10"/>
    </row>
    <row r="888373" spans="14:14">
      <c r="N888373" s="10"/>
    </row>
    <row r="888374" spans="14:14">
      <c r="N888374" s="10"/>
    </row>
    <row r="888375" spans="14:14">
      <c r="N888375" s="10"/>
    </row>
    <row r="888376" spans="14:14">
      <c r="N888376" s="10"/>
    </row>
    <row r="888377" spans="14:14">
      <c r="N888377" s="10"/>
    </row>
    <row r="888378" spans="14:14">
      <c r="N888378" s="10"/>
    </row>
    <row r="888379" spans="14:14">
      <c r="N888379" s="10"/>
    </row>
    <row r="888380" spans="14:14">
      <c r="N888380" s="10"/>
    </row>
    <row r="888381" spans="14:14">
      <c r="N888381" s="10"/>
    </row>
    <row r="888382" spans="14:14">
      <c r="N888382" s="10"/>
    </row>
    <row r="888383" spans="14:14">
      <c r="N888383" s="10"/>
    </row>
    <row r="888384" spans="14:14">
      <c r="N888384" s="10"/>
    </row>
    <row r="888385" spans="14:14">
      <c r="N888385" s="10"/>
    </row>
    <row r="888386" spans="14:14">
      <c r="N888386" s="10"/>
    </row>
    <row r="888387" spans="14:14">
      <c r="N888387" s="10"/>
    </row>
    <row r="888388" spans="14:14">
      <c r="N888388" s="10"/>
    </row>
    <row r="888389" spans="14:14">
      <c r="N888389" s="10"/>
    </row>
    <row r="888390" spans="14:14">
      <c r="N888390" s="10"/>
    </row>
    <row r="888391" spans="14:14">
      <c r="N888391" s="10"/>
    </row>
    <row r="888392" spans="14:14">
      <c r="N888392" s="10"/>
    </row>
    <row r="888393" spans="14:14">
      <c r="N888393" s="10"/>
    </row>
    <row r="888394" spans="14:14">
      <c r="N888394" s="10"/>
    </row>
    <row r="888395" spans="14:14">
      <c r="N888395" s="10"/>
    </row>
    <row r="888396" spans="14:14">
      <c r="N888396" s="10"/>
    </row>
    <row r="888397" spans="14:14">
      <c r="N888397" s="10"/>
    </row>
    <row r="888398" spans="14:14">
      <c r="N888398" s="10"/>
    </row>
    <row r="888399" spans="14:14">
      <c r="N888399" s="10"/>
    </row>
    <row r="888400" spans="14:14">
      <c r="N888400" s="10"/>
    </row>
    <row r="888401" spans="14:14">
      <c r="N888401" s="10"/>
    </row>
    <row r="888402" spans="14:14">
      <c r="N888402" s="10"/>
    </row>
    <row r="888403" spans="14:14">
      <c r="N888403" s="10"/>
    </row>
    <row r="888404" spans="14:14">
      <c r="N888404" s="10"/>
    </row>
    <row r="888405" spans="14:14">
      <c r="N888405" s="10"/>
    </row>
    <row r="888406" spans="14:14">
      <c r="N888406" s="10"/>
    </row>
    <row r="888407" spans="14:14">
      <c r="N888407" s="10"/>
    </row>
    <row r="888408" spans="14:14">
      <c r="N888408" s="10"/>
    </row>
    <row r="888409" spans="14:14">
      <c r="N888409" s="10"/>
    </row>
    <row r="888410" spans="14:14">
      <c r="N888410" s="10"/>
    </row>
    <row r="888411" spans="14:14">
      <c r="N888411" s="10"/>
    </row>
    <row r="888412" spans="14:14">
      <c r="N888412" s="10"/>
    </row>
    <row r="888413" spans="14:14">
      <c r="N888413" s="10"/>
    </row>
    <row r="888414" spans="14:14">
      <c r="N888414" s="10"/>
    </row>
    <row r="888415" spans="14:14">
      <c r="N888415" s="10"/>
    </row>
    <row r="888416" spans="14:14">
      <c r="N888416" s="10"/>
    </row>
    <row r="888417" spans="14:14">
      <c r="N888417" s="10"/>
    </row>
    <row r="888418" spans="14:14">
      <c r="N888418" s="10"/>
    </row>
    <row r="888419" spans="14:14">
      <c r="N888419" s="10"/>
    </row>
    <row r="888420" spans="14:14">
      <c r="N888420" s="10"/>
    </row>
    <row r="888421" spans="14:14">
      <c r="N888421" s="10"/>
    </row>
    <row r="888422" spans="14:14">
      <c r="N888422" s="10"/>
    </row>
    <row r="888423" spans="14:14">
      <c r="N888423" s="10"/>
    </row>
    <row r="888424" spans="14:14">
      <c r="N888424" s="10"/>
    </row>
    <row r="888425" spans="14:14">
      <c r="N888425" s="10"/>
    </row>
    <row r="888426" spans="14:14">
      <c r="N888426" s="10"/>
    </row>
    <row r="888427" spans="14:14">
      <c r="N888427" s="10"/>
    </row>
    <row r="888428" spans="14:14">
      <c r="N888428" s="10"/>
    </row>
    <row r="888429" spans="14:14">
      <c r="N888429" s="10"/>
    </row>
    <row r="888430" spans="14:14">
      <c r="N888430" s="10"/>
    </row>
    <row r="888431" spans="14:14">
      <c r="N888431" s="10"/>
    </row>
    <row r="888432" spans="14:14">
      <c r="N888432" s="10"/>
    </row>
    <row r="888433" spans="14:14">
      <c r="N888433" s="10"/>
    </row>
    <row r="888434" spans="14:14">
      <c r="N888434" s="10"/>
    </row>
    <row r="888435" spans="14:14">
      <c r="N888435" s="10"/>
    </row>
    <row r="888436" spans="14:14">
      <c r="N888436" s="10"/>
    </row>
    <row r="888437" spans="14:14">
      <c r="N888437" s="10"/>
    </row>
    <row r="888438" spans="14:14">
      <c r="N888438" s="10"/>
    </row>
    <row r="888439" spans="14:14">
      <c r="N888439" s="10"/>
    </row>
    <row r="888440" spans="14:14">
      <c r="N888440" s="10"/>
    </row>
    <row r="888441" spans="14:14">
      <c r="N888441" s="10"/>
    </row>
    <row r="888442" spans="14:14">
      <c r="N888442" s="10"/>
    </row>
    <row r="888443" spans="14:14">
      <c r="N888443" s="10"/>
    </row>
    <row r="888444" spans="14:14">
      <c r="N888444" s="10"/>
    </row>
    <row r="888445" spans="14:14">
      <c r="N888445" s="10"/>
    </row>
    <row r="888446" spans="14:14">
      <c r="N888446" s="10"/>
    </row>
    <row r="888447" spans="14:14">
      <c r="N888447" s="10"/>
    </row>
    <row r="888448" spans="14:14">
      <c r="N888448" s="10"/>
    </row>
    <row r="888449" spans="14:14">
      <c r="N888449" s="10"/>
    </row>
    <row r="888450" spans="14:14">
      <c r="N888450" s="10"/>
    </row>
    <row r="888451" spans="14:14">
      <c r="N888451" s="10"/>
    </row>
    <row r="888452" spans="14:14">
      <c r="N888452" s="10"/>
    </row>
    <row r="888453" spans="14:14">
      <c r="N888453" s="10"/>
    </row>
    <row r="888454" spans="14:14">
      <c r="N888454" s="10"/>
    </row>
    <row r="888455" spans="14:14">
      <c r="N888455" s="10"/>
    </row>
    <row r="888456" spans="14:14">
      <c r="N888456" s="10"/>
    </row>
    <row r="888457" spans="14:14">
      <c r="N888457" s="10"/>
    </row>
    <row r="888458" spans="14:14">
      <c r="N888458" s="10"/>
    </row>
    <row r="888459" spans="14:14">
      <c r="N888459" s="10"/>
    </row>
    <row r="888460" spans="14:14">
      <c r="N888460" s="10"/>
    </row>
    <row r="888461" spans="14:14">
      <c r="N888461" s="10"/>
    </row>
    <row r="888462" spans="14:14">
      <c r="N888462" s="10"/>
    </row>
    <row r="888463" spans="14:14">
      <c r="N888463" s="10"/>
    </row>
    <row r="888464" spans="14:14">
      <c r="N888464" s="10"/>
    </row>
    <row r="888465" spans="14:14">
      <c r="N888465" s="10"/>
    </row>
    <row r="888466" spans="14:14">
      <c r="N888466" s="10"/>
    </row>
    <row r="888467" spans="14:14">
      <c r="N888467" s="10"/>
    </row>
    <row r="888468" spans="14:14">
      <c r="N888468" s="10"/>
    </row>
    <row r="888469" spans="14:14">
      <c r="N888469" s="10"/>
    </row>
    <row r="888470" spans="14:14">
      <c r="N888470" s="10"/>
    </row>
    <row r="888471" spans="14:14">
      <c r="N888471" s="10"/>
    </row>
    <row r="888472" spans="14:14">
      <c r="N888472" s="10"/>
    </row>
    <row r="888473" spans="14:14">
      <c r="N888473" s="10"/>
    </row>
    <row r="888474" spans="14:14">
      <c r="N888474" s="10"/>
    </row>
    <row r="888475" spans="14:14">
      <c r="N888475" s="10"/>
    </row>
    <row r="888476" spans="14:14">
      <c r="N888476" s="10"/>
    </row>
    <row r="888477" spans="14:14">
      <c r="N888477" s="10"/>
    </row>
    <row r="888478" spans="14:14">
      <c r="N888478" s="10"/>
    </row>
    <row r="888479" spans="14:14">
      <c r="N888479" s="10"/>
    </row>
    <row r="888480" spans="14:14">
      <c r="N888480" s="10"/>
    </row>
    <row r="888481" spans="14:14">
      <c r="N888481" s="10"/>
    </row>
    <row r="888482" spans="14:14">
      <c r="N888482" s="10"/>
    </row>
    <row r="888483" spans="14:14">
      <c r="N888483" s="10"/>
    </row>
    <row r="888484" spans="14:14">
      <c r="N888484" s="10"/>
    </row>
    <row r="888485" spans="14:14">
      <c r="N888485" s="10"/>
    </row>
    <row r="888486" spans="14:14">
      <c r="N888486" s="10"/>
    </row>
    <row r="888487" spans="14:14">
      <c r="N888487" s="10"/>
    </row>
    <row r="888488" spans="14:14">
      <c r="N888488" s="10"/>
    </row>
    <row r="888489" spans="14:14">
      <c r="N888489" s="10"/>
    </row>
    <row r="888490" spans="14:14">
      <c r="N888490" s="10"/>
    </row>
    <row r="888491" spans="14:14">
      <c r="N888491" s="10"/>
    </row>
    <row r="888492" spans="14:14">
      <c r="N888492" s="10"/>
    </row>
    <row r="888493" spans="14:14">
      <c r="N888493" s="10"/>
    </row>
    <row r="888494" spans="14:14">
      <c r="N888494" s="10"/>
    </row>
    <row r="888495" spans="14:14">
      <c r="N888495" s="10"/>
    </row>
    <row r="888496" spans="14:14">
      <c r="N888496" s="10"/>
    </row>
    <row r="888497" spans="14:14">
      <c r="N888497" s="10"/>
    </row>
    <row r="888498" spans="14:14">
      <c r="N888498" s="10"/>
    </row>
    <row r="888499" spans="14:14">
      <c r="N888499" s="10"/>
    </row>
    <row r="888500" spans="14:14">
      <c r="N888500" s="10"/>
    </row>
    <row r="888501" spans="14:14">
      <c r="N888501" s="10"/>
    </row>
    <row r="888502" spans="14:14">
      <c r="N888502" s="10"/>
    </row>
    <row r="888503" spans="14:14">
      <c r="N888503" s="10"/>
    </row>
    <row r="888504" spans="14:14">
      <c r="N888504" s="10"/>
    </row>
    <row r="888505" spans="14:14">
      <c r="N888505" s="10"/>
    </row>
    <row r="888506" spans="14:14">
      <c r="N888506" s="10"/>
    </row>
    <row r="888507" spans="14:14">
      <c r="N888507" s="10"/>
    </row>
    <row r="888508" spans="14:14">
      <c r="N888508" s="10"/>
    </row>
    <row r="888509" spans="14:14">
      <c r="N888509" s="10"/>
    </row>
    <row r="888510" spans="14:14">
      <c r="N888510" s="10"/>
    </row>
    <row r="888511" spans="14:14">
      <c r="N888511" s="10"/>
    </row>
    <row r="888512" spans="14:14">
      <c r="N888512" s="10"/>
    </row>
    <row r="888513" spans="14:14">
      <c r="N888513" s="10"/>
    </row>
    <row r="888514" spans="14:14">
      <c r="N888514" s="10"/>
    </row>
    <row r="888515" spans="14:14">
      <c r="N888515" s="10"/>
    </row>
    <row r="888516" spans="14:14">
      <c r="N888516" s="10"/>
    </row>
    <row r="888517" spans="14:14">
      <c r="N888517" s="10"/>
    </row>
    <row r="888518" spans="14:14">
      <c r="N888518" s="10"/>
    </row>
    <row r="888519" spans="14:14">
      <c r="N888519" s="10"/>
    </row>
    <row r="888520" spans="14:14">
      <c r="N888520" s="10"/>
    </row>
    <row r="888521" spans="14:14">
      <c r="N888521" s="10"/>
    </row>
    <row r="888522" spans="14:14">
      <c r="N888522" s="10"/>
    </row>
    <row r="888523" spans="14:14">
      <c r="N888523" s="10"/>
    </row>
    <row r="888524" spans="14:14">
      <c r="N888524" s="10"/>
    </row>
    <row r="888525" spans="14:14">
      <c r="N888525" s="10"/>
    </row>
    <row r="888526" spans="14:14">
      <c r="N888526" s="10"/>
    </row>
    <row r="888527" spans="14:14">
      <c r="N888527" s="10"/>
    </row>
    <row r="888528" spans="14:14">
      <c r="N888528" s="10"/>
    </row>
    <row r="888529" spans="14:14">
      <c r="N888529" s="10"/>
    </row>
    <row r="888530" spans="14:14">
      <c r="N888530" s="10"/>
    </row>
    <row r="888531" spans="14:14">
      <c r="N888531" s="10"/>
    </row>
    <row r="888532" spans="14:14">
      <c r="N888532" s="10"/>
    </row>
    <row r="888533" spans="14:14">
      <c r="N888533" s="10"/>
    </row>
    <row r="888534" spans="14:14">
      <c r="N888534" s="10"/>
    </row>
    <row r="888535" spans="14:14">
      <c r="N888535" s="10"/>
    </row>
    <row r="888536" spans="14:14">
      <c r="N888536" s="10"/>
    </row>
    <row r="888537" spans="14:14">
      <c r="N888537" s="10"/>
    </row>
    <row r="888538" spans="14:14">
      <c r="N888538" s="10"/>
    </row>
    <row r="888539" spans="14:14">
      <c r="N888539" s="10"/>
    </row>
    <row r="888540" spans="14:14">
      <c r="N888540" s="10"/>
    </row>
    <row r="888541" spans="14:14">
      <c r="N888541" s="10"/>
    </row>
    <row r="888542" spans="14:14">
      <c r="N888542" s="10"/>
    </row>
    <row r="888543" spans="14:14">
      <c r="N888543" s="10"/>
    </row>
    <row r="888544" spans="14:14">
      <c r="N888544" s="10"/>
    </row>
    <row r="888545" spans="14:14">
      <c r="N888545" s="10"/>
    </row>
    <row r="888546" spans="14:14">
      <c r="N888546" s="10"/>
    </row>
    <row r="888547" spans="14:14">
      <c r="N888547" s="10"/>
    </row>
    <row r="888548" spans="14:14">
      <c r="N888548" s="10"/>
    </row>
    <row r="888549" spans="14:14">
      <c r="N888549" s="10"/>
    </row>
    <row r="888550" spans="14:14">
      <c r="N888550" s="10"/>
    </row>
    <row r="888551" spans="14:14">
      <c r="N888551" s="10"/>
    </row>
    <row r="888552" spans="14:14">
      <c r="N888552" s="10"/>
    </row>
    <row r="888553" spans="14:14">
      <c r="N888553" s="10"/>
    </row>
    <row r="888554" spans="14:14">
      <c r="N888554" s="10"/>
    </row>
    <row r="888555" spans="14:14">
      <c r="N888555" s="10"/>
    </row>
    <row r="888556" spans="14:14">
      <c r="N888556" s="10"/>
    </row>
    <row r="888557" spans="14:14">
      <c r="N888557" s="10"/>
    </row>
    <row r="888558" spans="14:14">
      <c r="N888558" s="10"/>
    </row>
    <row r="888559" spans="14:14">
      <c r="N888559" s="10"/>
    </row>
    <row r="888560" spans="14:14">
      <c r="N888560" s="10"/>
    </row>
    <row r="888561" spans="14:14">
      <c r="N888561" s="10"/>
    </row>
    <row r="888562" spans="14:14">
      <c r="N888562" s="10"/>
    </row>
    <row r="888563" spans="14:14">
      <c r="N888563" s="10"/>
    </row>
    <row r="888564" spans="14:14">
      <c r="N888564" s="10"/>
    </row>
    <row r="888565" spans="14:14">
      <c r="N888565" s="10"/>
    </row>
    <row r="888566" spans="14:14">
      <c r="N888566" s="10"/>
    </row>
    <row r="888567" spans="14:14">
      <c r="N888567" s="10"/>
    </row>
    <row r="888568" spans="14:14">
      <c r="N888568" s="10"/>
    </row>
    <row r="888569" spans="14:14">
      <c r="N888569" s="10"/>
    </row>
    <row r="888570" spans="14:14">
      <c r="N888570" s="10"/>
    </row>
    <row r="888571" spans="14:14">
      <c r="N888571" s="10"/>
    </row>
    <row r="888572" spans="14:14">
      <c r="N888572" s="10"/>
    </row>
    <row r="888573" spans="14:14">
      <c r="N888573" s="10"/>
    </row>
    <row r="888574" spans="14:14">
      <c r="N888574" s="10"/>
    </row>
    <row r="888575" spans="14:14">
      <c r="N888575" s="10"/>
    </row>
    <row r="888576" spans="14:14">
      <c r="N888576" s="10"/>
    </row>
    <row r="888577" spans="14:14">
      <c r="N888577" s="10"/>
    </row>
    <row r="888578" spans="14:14">
      <c r="N888578" s="10"/>
    </row>
    <row r="888579" spans="14:14">
      <c r="N888579" s="10"/>
    </row>
    <row r="888580" spans="14:14">
      <c r="N888580" s="10"/>
    </row>
    <row r="888581" spans="14:14">
      <c r="N888581" s="10"/>
    </row>
    <row r="888582" spans="14:14">
      <c r="N888582" s="10"/>
    </row>
    <row r="888583" spans="14:14">
      <c r="N888583" s="10"/>
    </row>
    <row r="888584" spans="14:14">
      <c r="N888584" s="10"/>
    </row>
    <row r="888585" spans="14:14">
      <c r="N888585" s="10"/>
    </row>
    <row r="888586" spans="14:14">
      <c r="N888586" s="10"/>
    </row>
    <row r="888587" spans="14:14">
      <c r="N888587" s="10"/>
    </row>
    <row r="888588" spans="14:14">
      <c r="N888588" s="10"/>
    </row>
    <row r="888589" spans="14:14">
      <c r="N888589" s="10"/>
    </row>
    <row r="888590" spans="14:14">
      <c r="N888590" s="10"/>
    </row>
    <row r="888591" spans="14:14">
      <c r="N888591" s="10"/>
    </row>
    <row r="888592" spans="14:14">
      <c r="N888592" s="10"/>
    </row>
    <row r="888593" spans="14:14">
      <c r="N888593" s="10"/>
    </row>
    <row r="888594" spans="14:14">
      <c r="N888594" s="10"/>
    </row>
    <row r="888595" spans="14:14">
      <c r="N888595" s="10"/>
    </row>
    <row r="888596" spans="14:14">
      <c r="N888596" s="10"/>
    </row>
    <row r="888597" spans="14:14">
      <c r="N888597" s="10"/>
    </row>
    <row r="888598" spans="14:14">
      <c r="N888598" s="10"/>
    </row>
    <row r="888599" spans="14:14">
      <c r="N888599" s="10"/>
    </row>
    <row r="888600" spans="14:14">
      <c r="N888600" s="10"/>
    </row>
    <row r="888601" spans="14:14">
      <c r="N888601" s="10"/>
    </row>
    <row r="888602" spans="14:14">
      <c r="N888602" s="10"/>
    </row>
    <row r="888603" spans="14:14">
      <c r="N888603" s="10"/>
    </row>
    <row r="888604" spans="14:14">
      <c r="N888604" s="10"/>
    </row>
    <row r="888605" spans="14:14">
      <c r="N888605" s="10"/>
    </row>
    <row r="888606" spans="14:14">
      <c r="N888606" s="10"/>
    </row>
    <row r="888607" spans="14:14">
      <c r="N888607" s="10"/>
    </row>
    <row r="888608" spans="14:14">
      <c r="N888608" s="10"/>
    </row>
    <row r="888609" spans="14:14">
      <c r="N888609" s="10"/>
    </row>
    <row r="888610" spans="14:14">
      <c r="N888610" s="10"/>
    </row>
    <row r="888611" spans="14:14">
      <c r="N888611" s="10"/>
    </row>
    <row r="888612" spans="14:14">
      <c r="N888612" s="10"/>
    </row>
    <row r="888613" spans="14:14">
      <c r="N888613" s="10"/>
    </row>
    <row r="888614" spans="14:14">
      <c r="N888614" s="10"/>
    </row>
    <row r="888615" spans="14:14">
      <c r="N888615" s="10"/>
    </row>
    <row r="888616" spans="14:14">
      <c r="N888616" s="10"/>
    </row>
    <row r="888617" spans="14:14">
      <c r="N888617" s="10"/>
    </row>
    <row r="888618" spans="14:14">
      <c r="N888618" s="10"/>
    </row>
    <row r="888619" spans="14:14">
      <c r="N888619" s="10"/>
    </row>
    <row r="888620" spans="14:14">
      <c r="N888620" s="10"/>
    </row>
    <row r="888621" spans="14:14">
      <c r="N888621" s="10"/>
    </row>
    <row r="888622" spans="14:14">
      <c r="N888622" s="10"/>
    </row>
    <row r="888623" spans="14:14">
      <c r="N888623" s="10"/>
    </row>
    <row r="888624" spans="14:14">
      <c r="N888624" s="10"/>
    </row>
    <row r="888625" spans="14:14">
      <c r="N888625" s="10"/>
    </row>
    <row r="888626" spans="14:14">
      <c r="N888626" s="10"/>
    </row>
    <row r="888627" spans="14:14">
      <c r="N888627" s="10"/>
    </row>
    <row r="888628" spans="14:14">
      <c r="N888628" s="10"/>
    </row>
    <row r="888629" spans="14:14">
      <c r="N888629" s="10"/>
    </row>
    <row r="888630" spans="14:14">
      <c r="N888630" s="10"/>
    </row>
    <row r="888631" spans="14:14">
      <c r="N888631" s="10"/>
    </row>
    <row r="888632" spans="14:14">
      <c r="N888632" s="10"/>
    </row>
    <row r="888633" spans="14:14">
      <c r="N888633" s="10"/>
    </row>
    <row r="888634" spans="14:14">
      <c r="N888634" s="10"/>
    </row>
    <row r="888635" spans="14:14">
      <c r="N888635" s="10"/>
    </row>
    <row r="888636" spans="14:14">
      <c r="N888636" s="10"/>
    </row>
    <row r="888637" spans="14:14">
      <c r="N888637" s="10"/>
    </row>
    <row r="888638" spans="14:14">
      <c r="N888638" s="10"/>
    </row>
    <row r="888639" spans="14:14">
      <c r="N888639" s="10"/>
    </row>
    <row r="888640" spans="14:14">
      <c r="N888640" s="10"/>
    </row>
    <row r="888641" spans="14:14">
      <c r="N888641" s="10"/>
    </row>
    <row r="888642" spans="14:14">
      <c r="N888642" s="10"/>
    </row>
    <row r="888643" spans="14:14">
      <c r="N888643" s="10"/>
    </row>
    <row r="888644" spans="14:14">
      <c r="N888644" s="10"/>
    </row>
    <row r="888645" spans="14:14">
      <c r="N888645" s="10"/>
    </row>
    <row r="888646" spans="14:14">
      <c r="N888646" s="10"/>
    </row>
    <row r="888647" spans="14:14">
      <c r="N888647" s="10"/>
    </row>
    <row r="888648" spans="14:14">
      <c r="N888648" s="10"/>
    </row>
    <row r="888649" spans="14:14">
      <c r="N888649" s="10"/>
    </row>
    <row r="888650" spans="14:14">
      <c r="N888650" s="10"/>
    </row>
    <row r="888651" spans="14:14">
      <c r="N888651" s="10"/>
    </row>
    <row r="888652" spans="14:14">
      <c r="N888652" s="10"/>
    </row>
    <row r="888653" spans="14:14">
      <c r="N888653" s="10"/>
    </row>
    <row r="888654" spans="14:14">
      <c r="N888654" s="10"/>
    </row>
    <row r="888655" spans="14:14">
      <c r="N888655" s="10"/>
    </row>
    <row r="888656" spans="14:14">
      <c r="N888656" s="10"/>
    </row>
    <row r="888657" spans="14:14">
      <c r="N888657" s="10"/>
    </row>
    <row r="888658" spans="14:14">
      <c r="N888658" s="10"/>
    </row>
    <row r="888659" spans="14:14">
      <c r="N888659" s="10"/>
    </row>
    <row r="888660" spans="14:14">
      <c r="N888660" s="10"/>
    </row>
    <row r="888661" spans="14:14">
      <c r="N888661" s="10"/>
    </row>
    <row r="888662" spans="14:14">
      <c r="N888662" s="10"/>
    </row>
    <row r="888663" spans="14:14">
      <c r="N888663" s="10"/>
    </row>
    <row r="888664" spans="14:14">
      <c r="N888664" s="10"/>
    </row>
    <row r="888665" spans="14:14">
      <c r="N888665" s="10"/>
    </row>
    <row r="888666" spans="14:14">
      <c r="N888666" s="10"/>
    </row>
    <row r="888667" spans="14:14">
      <c r="N888667" s="10"/>
    </row>
    <row r="888668" spans="14:14">
      <c r="N888668" s="10"/>
    </row>
    <row r="888669" spans="14:14">
      <c r="N888669" s="10"/>
    </row>
    <row r="888670" spans="14:14">
      <c r="N888670" s="10"/>
    </row>
    <row r="888671" spans="14:14">
      <c r="N888671" s="10"/>
    </row>
    <row r="888672" spans="14:14">
      <c r="N888672" s="10"/>
    </row>
    <row r="888673" spans="14:14">
      <c r="N888673" s="10"/>
    </row>
    <row r="888674" spans="14:14">
      <c r="N888674" s="10"/>
    </row>
    <row r="888675" spans="14:14">
      <c r="N888675" s="10"/>
    </row>
    <row r="888676" spans="14:14">
      <c r="N888676" s="10"/>
    </row>
    <row r="888677" spans="14:14">
      <c r="N888677" s="10"/>
    </row>
    <row r="888678" spans="14:14">
      <c r="N888678" s="10"/>
    </row>
    <row r="888679" spans="14:14">
      <c r="N888679" s="10"/>
    </row>
    <row r="888680" spans="14:14">
      <c r="N888680" s="10"/>
    </row>
    <row r="888681" spans="14:14">
      <c r="N888681" s="10"/>
    </row>
    <row r="888682" spans="14:14">
      <c r="N888682" s="10"/>
    </row>
    <row r="888683" spans="14:14">
      <c r="N888683" s="10"/>
    </row>
    <row r="888684" spans="14:14">
      <c r="N888684" s="10"/>
    </row>
    <row r="888685" spans="14:14">
      <c r="N888685" s="10"/>
    </row>
    <row r="888686" spans="14:14">
      <c r="N888686" s="10"/>
    </row>
    <row r="888687" spans="14:14">
      <c r="N888687" s="10"/>
    </row>
    <row r="888688" spans="14:14">
      <c r="N888688" s="10"/>
    </row>
    <row r="888689" spans="14:14">
      <c r="N888689" s="10"/>
    </row>
    <row r="888690" spans="14:14">
      <c r="N888690" s="10"/>
    </row>
    <row r="888691" spans="14:14">
      <c r="N888691" s="10"/>
    </row>
    <row r="888692" spans="14:14">
      <c r="N888692" s="10"/>
    </row>
    <row r="888693" spans="14:14">
      <c r="N888693" s="10"/>
    </row>
    <row r="888694" spans="14:14">
      <c r="N888694" s="10"/>
    </row>
    <row r="888695" spans="14:14">
      <c r="N888695" s="10"/>
    </row>
    <row r="888696" spans="14:14">
      <c r="N888696" s="10"/>
    </row>
    <row r="888697" spans="14:14">
      <c r="N888697" s="10"/>
    </row>
    <row r="888698" spans="14:14">
      <c r="N888698" s="10"/>
    </row>
    <row r="888699" spans="14:14">
      <c r="N888699" s="10"/>
    </row>
    <row r="888700" spans="14:14">
      <c r="N888700" s="10"/>
    </row>
    <row r="888701" spans="14:14">
      <c r="N888701" s="10"/>
    </row>
    <row r="888702" spans="14:14">
      <c r="N888702" s="10"/>
    </row>
    <row r="888703" spans="14:14">
      <c r="N888703" s="10"/>
    </row>
    <row r="888704" spans="14:14">
      <c r="N888704" s="10"/>
    </row>
    <row r="888705" spans="14:14">
      <c r="N888705" s="10"/>
    </row>
    <row r="888706" spans="14:14">
      <c r="N888706" s="10"/>
    </row>
    <row r="888707" spans="14:14">
      <c r="N888707" s="10"/>
    </row>
    <row r="888708" spans="14:14">
      <c r="N888708" s="10"/>
    </row>
    <row r="888709" spans="14:14">
      <c r="N888709" s="10"/>
    </row>
    <row r="888710" spans="14:14">
      <c r="N888710" s="10"/>
    </row>
    <row r="888711" spans="14:14">
      <c r="N888711" s="10"/>
    </row>
    <row r="888712" spans="14:14">
      <c r="N888712" s="10"/>
    </row>
    <row r="888713" spans="14:14">
      <c r="N888713" s="10"/>
    </row>
    <row r="888714" spans="14:14">
      <c r="N888714" s="10"/>
    </row>
    <row r="888715" spans="14:14">
      <c r="N888715" s="10"/>
    </row>
    <row r="888716" spans="14:14">
      <c r="N888716" s="10"/>
    </row>
    <row r="888717" spans="14:14">
      <c r="N888717" s="10"/>
    </row>
    <row r="888718" spans="14:14">
      <c r="N888718" s="10"/>
    </row>
    <row r="888719" spans="14:14">
      <c r="N888719" s="10"/>
    </row>
    <row r="888720" spans="14:14">
      <c r="N888720" s="10"/>
    </row>
    <row r="888721" spans="14:14">
      <c r="N888721" s="10"/>
    </row>
    <row r="888722" spans="14:14">
      <c r="N888722" s="10"/>
    </row>
    <row r="888723" spans="14:14">
      <c r="N888723" s="10"/>
    </row>
    <row r="888724" spans="14:14">
      <c r="N888724" s="10"/>
    </row>
    <row r="888725" spans="14:14">
      <c r="N888725" s="10"/>
    </row>
    <row r="888726" spans="14:14">
      <c r="N888726" s="10"/>
    </row>
    <row r="888727" spans="14:14">
      <c r="N888727" s="10"/>
    </row>
    <row r="888728" spans="14:14">
      <c r="N888728" s="10"/>
    </row>
    <row r="888729" spans="14:14">
      <c r="N888729" s="10"/>
    </row>
    <row r="888730" spans="14:14">
      <c r="N888730" s="10"/>
    </row>
    <row r="888731" spans="14:14">
      <c r="N888731" s="10"/>
    </row>
    <row r="888732" spans="14:14">
      <c r="N888732" s="10"/>
    </row>
    <row r="888733" spans="14:14">
      <c r="N888733" s="10"/>
    </row>
    <row r="888734" spans="14:14">
      <c r="N888734" s="10"/>
    </row>
    <row r="888735" spans="14:14">
      <c r="N888735" s="10"/>
    </row>
    <row r="888736" spans="14:14">
      <c r="N888736" s="10"/>
    </row>
    <row r="888737" spans="14:14">
      <c r="N888737" s="10"/>
    </row>
    <row r="888738" spans="14:14">
      <c r="N888738" s="10"/>
    </row>
    <row r="888739" spans="14:14">
      <c r="N888739" s="10"/>
    </row>
    <row r="888740" spans="14:14">
      <c r="N888740" s="10"/>
    </row>
    <row r="888741" spans="14:14">
      <c r="N888741" s="10"/>
    </row>
    <row r="888742" spans="14:14">
      <c r="N888742" s="10"/>
    </row>
    <row r="888743" spans="14:14">
      <c r="N888743" s="10"/>
    </row>
    <row r="888744" spans="14:14">
      <c r="N888744" s="10"/>
    </row>
    <row r="888745" spans="14:14">
      <c r="N888745" s="10"/>
    </row>
    <row r="888746" spans="14:14">
      <c r="N888746" s="10"/>
    </row>
    <row r="888747" spans="14:14">
      <c r="N888747" s="10"/>
    </row>
    <row r="888748" spans="14:14">
      <c r="N888748" s="10"/>
    </row>
    <row r="888749" spans="14:14">
      <c r="N888749" s="10"/>
    </row>
    <row r="888750" spans="14:14">
      <c r="N888750" s="10"/>
    </row>
    <row r="888751" spans="14:14">
      <c r="N888751" s="10"/>
    </row>
    <row r="888752" spans="14:14">
      <c r="N888752" s="10"/>
    </row>
    <row r="888753" spans="14:14">
      <c r="N888753" s="10"/>
    </row>
    <row r="888754" spans="14:14">
      <c r="N888754" s="10"/>
    </row>
    <row r="888755" spans="14:14">
      <c r="N888755" s="10"/>
    </row>
    <row r="888756" spans="14:14">
      <c r="N888756" s="10"/>
    </row>
    <row r="888757" spans="14:14">
      <c r="N888757" s="10"/>
    </row>
    <row r="888758" spans="14:14">
      <c r="N888758" s="10"/>
    </row>
    <row r="888759" spans="14:14">
      <c r="N888759" s="10"/>
    </row>
    <row r="888760" spans="14:14">
      <c r="N888760" s="10"/>
    </row>
    <row r="888761" spans="14:14">
      <c r="N888761" s="10"/>
    </row>
    <row r="888762" spans="14:14">
      <c r="N888762" s="10"/>
    </row>
    <row r="888763" spans="14:14">
      <c r="N888763" s="10"/>
    </row>
    <row r="888764" spans="14:14">
      <c r="N888764" s="10"/>
    </row>
    <row r="888765" spans="14:14">
      <c r="N888765" s="10"/>
    </row>
    <row r="888766" spans="14:14">
      <c r="N888766" s="10"/>
    </row>
    <row r="888767" spans="14:14">
      <c r="N888767" s="10"/>
    </row>
    <row r="888768" spans="14:14">
      <c r="N888768" s="10"/>
    </row>
    <row r="888769" spans="14:14">
      <c r="N888769" s="10"/>
    </row>
    <row r="888770" spans="14:14">
      <c r="N888770" s="10"/>
    </row>
    <row r="888771" spans="14:14">
      <c r="N888771" s="10"/>
    </row>
    <row r="888772" spans="14:14">
      <c r="N888772" s="10"/>
    </row>
    <row r="888773" spans="14:14">
      <c r="N888773" s="10"/>
    </row>
    <row r="888774" spans="14:14">
      <c r="N888774" s="10"/>
    </row>
    <row r="888775" spans="14:14">
      <c r="N888775" s="10"/>
    </row>
    <row r="888776" spans="14:14">
      <c r="N888776" s="10"/>
    </row>
    <row r="888777" spans="14:14">
      <c r="N888777" s="10"/>
    </row>
    <row r="888778" spans="14:14">
      <c r="N888778" s="10"/>
    </row>
    <row r="888779" spans="14:14">
      <c r="N888779" s="10"/>
    </row>
    <row r="888780" spans="14:14">
      <c r="N888780" s="10"/>
    </row>
    <row r="888781" spans="14:14">
      <c r="N888781" s="10"/>
    </row>
    <row r="888782" spans="14:14">
      <c r="N888782" s="10"/>
    </row>
    <row r="888783" spans="14:14">
      <c r="N888783" s="10"/>
    </row>
    <row r="888784" spans="14:14">
      <c r="N888784" s="10"/>
    </row>
    <row r="888785" spans="14:14">
      <c r="N888785" s="10"/>
    </row>
    <row r="888786" spans="14:14">
      <c r="N888786" s="10"/>
    </row>
    <row r="888787" spans="14:14">
      <c r="N888787" s="10"/>
    </row>
    <row r="888788" spans="14:14">
      <c r="N888788" s="10"/>
    </row>
    <row r="888789" spans="14:14">
      <c r="N888789" s="10"/>
    </row>
    <row r="888790" spans="14:14">
      <c r="N888790" s="10"/>
    </row>
    <row r="888791" spans="14:14">
      <c r="N888791" s="10"/>
    </row>
    <row r="888792" spans="14:14">
      <c r="N888792" s="10"/>
    </row>
    <row r="888793" spans="14:14">
      <c r="N888793" s="10"/>
    </row>
    <row r="888794" spans="14:14">
      <c r="N888794" s="10"/>
    </row>
    <row r="888795" spans="14:14">
      <c r="N888795" s="10"/>
    </row>
    <row r="888796" spans="14:14">
      <c r="N888796" s="10"/>
    </row>
    <row r="888797" spans="14:14">
      <c r="N888797" s="10"/>
    </row>
    <row r="888798" spans="14:14">
      <c r="N888798" s="10"/>
    </row>
    <row r="888799" spans="14:14">
      <c r="N888799" s="10"/>
    </row>
    <row r="888800" spans="14:14">
      <c r="N888800" s="10"/>
    </row>
    <row r="888801" spans="14:14">
      <c r="N888801" s="10"/>
    </row>
    <row r="888802" spans="14:14">
      <c r="N888802" s="10"/>
    </row>
    <row r="888803" spans="14:14">
      <c r="N888803" s="10"/>
    </row>
    <row r="888804" spans="14:14">
      <c r="N888804" s="10"/>
    </row>
    <row r="888805" spans="14:14">
      <c r="N888805" s="10"/>
    </row>
    <row r="888806" spans="14:14">
      <c r="N888806" s="10"/>
    </row>
    <row r="888807" spans="14:14">
      <c r="N888807" s="10"/>
    </row>
    <row r="888808" spans="14:14">
      <c r="N888808" s="10"/>
    </row>
    <row r="888809" spans="14:14">
      <c r="N888809" s="10"/>
    </row>
    <row r="888810" spans="14:14">
      <c r="N888810" s="10"/>
    </row>
    <row r="888811" spans="14:14">
      <c r="N888811" s="10"/>
    </row>
    <row r="888812" spans="14:14">
      <c r="N888812" s="10"/>
    </row>
    <row r="888813" spans="14:14">
      <c r="N888813" s="10"/>
    </row>
    <row r="888814" spans="14:14">
      <c r="N888814" s="10"/>
    </row>
    <row r="888815" spans="14:14">
      <c r="N888815" s="10"/>
    </row>
    <row r="888816" spans="14:14">
      <c r="N888816" s="10"/>
    </row>
    <row r="888817" spans="14:14">
      <c r="N888817" s="10"/>
    </row>
    <row r="888818" spans="14:14">
      <c r="N888818" s="10"/>
    </row>
    <row r="888819" spans="14:14">
      <c r="N888819" s="10"/>
    </row>
    <row r="888820" spans="14:14">
      <c r="N888820" s="10"/>
    </row>
    <row r="888821" spans="14:14">
      <c r="N888821" s="10"/>
    </row>
    <row r="888822" spans="14:14">
      <c r="N888822" s="10"/>
    </row>
    <row r="888823" spans="14:14">
      <c r="N888823" s="10"/>
    </row>
    <row r="888824" spans="14:14">
      <c r="N888824" s="10"/>
    </row>
    <row r="888825" spans="14:14">
      <c r="N888825" s="10"/>
    </row>
    <row r="888826" spans="14:14">
      <c r="N888826" s="10"/>
    </row>
    <row r="888827" spans="14:14">
      <c r="N888827" s="10"/>
    </row>
    <row r="888828" spans="14:14">
      <c r="N888828" s="10"/>
    </row>
    <row r="888829" spans="14:14">
      <c r="N888829" s="10"/>
    </row>
    <row r="888830" spans="14:14">
      <c r="N888830" s="10"/>
    </row>
    <row r="888831" spans="14:14">
      <c r="N888831" s="10"/>
    </row>
    <row r="888832" spans="14:14">
      <c r="N888832" s="10"/>
    </row>
    <row r="888833" spans="14:14">
      <c r="N888833" s="10"/>
    </row>
    <row r="888834" spans="14:14">
      <c r="N888834" s="10"/>
    </row>
    <row r="888835" spans="14:14">
      <c r="N888835" s="10"/>
    </row>
    <row r="888836" spans="14:14">
      <c r="N888836" s="10"/>
    </row>
    <row r="888837" spans="14:14">
      <c r="N888837" s="10"/>
    </row>
    <row r="888838" spans="14:14">
      <c r="N888838" s="10"/>
    </row>
    <row r="888839" spans="14:14">
      <c r="N888839" s="10"/>
    </row>
    <row r="888840" spans="14:14">
      <c r="N888840" s="10"/>
    </row>
    <row r="888841" spans="14:14">
      <c r="N888841" s="10"/>
    </row>
    <row r="888842" spans="14:14">
      <c r="N888842" s="10"/>
    </row>
    <row r="888843" spans="14:14">
      <c r="N888843" s="10"/>
    </row>
    <row r="888844" spans="14:14">
      <c r="N888844" s="10"/>
    </row>
    <row r="888845" spans="14:14">
      <c r="N888845" s="10"/>
    </row>
    <row r="888846" spans="14:14">
      <c r="N888846" s="10"/>
    </row>
    <row r="888847" spans="14:14">
      <c r="N888847" s="10"/>
    </row>
    <row r="888848" spans="14:14">
      <c r="N888848" s="10"/>
    </row>
    <row r="888849" spans="14:14">
      <c r="N888849" s="10"/>
    </row>
    <row r="888850" spans="14:14">
      <c r="N888850" s="10"/>
    </row>
    <row r="888851" spans="14:14">
      <c r="N888851" s="10"/>
    </row>
    <row r="888852" spans="14:14">
      <c r="N888852" s="10"/>
    </row>
    <row r="888853" spans="14:14">
      <c r="N888853" s="10"/>
    </row>
    <row r="888854" spans="14:14">
      <c r="N888854" s="10"/>
    </row>
    <row r="888855" spans="14:14">
      <c r="N888855" s="10"/>
    </row>
    <row r="888856" spans="14:14">
      <c r="N888856" s="10"/>
    </row>
    <row r="888857" spans="14:14">
      <c r="N888857" s="10"/>
    </row>
    <row r="888858" spans="14:14">
      <c r="N888858" s="10"/>
    </row>
    <row r="888859" spans="14:14">
      <c r="N888859" s="10"/>
    </row>
    <row r="888860" spans="14:14">
      <c r="N888860" s="10"/>
    </row>
    <row r="888861" spans="14:14">
      <c r="N888861" s="10"/>
    </row>
    <row r="888862" spans="14:14">
      <c r="N888862" s="10"/>
    </row>
    <row r="888863" spans="14:14">
      <c r="N888863" s="10"/>
    </row>
    <row r="888864" spans="14:14">
      <c r="N888864" s="10"/>
    </row>
    <row r="888865" spans="14:14">
      <c r="N888865" s="10"/>
    </row>
    <row r="888866" spans="14:14">
      <c r="N888866" s="10"/>
    </row>
    <row r="888867" spans="14:14">
      <c r="N888867" s="10"/>
    </row>
    <row r="888868" spans="14:14">
      <c r="N888868" s="10"/>
    </row>
    <row r="888869" spans="14:14">
      <c r="N888869" s="10"/>
    </row>
    <row r="888870" spans="14:14">
      <c r="N888870" s="10"/>
    </row>
    <row r="888871" spans="14:14">
      <c r="N888871" s="10"/>
    </row>
    <row r="888872" spans="14:14">
      <c r="N888872" s="10"/>
    </row>
    <row r="888873" spans="14:14">
      <c r="N888873" s="10"/>
    </row>
    <row r="888874" spans="14:14">
      <c r="N888874" s="10"/>
    </row>
    <row r="888875" spans="14:14">
      <c r="N888875" s="10"/>
    </row>
    <row r="888876" spans="14:14">
      <c r="N888876" s="10"/>
    </row>
    <row r="888877" spans="14:14">
      <c r="N888877" s="10"/>
    </row>
    <row r="888878" spans="14:14">
      <c r="N888878" s="10"/>
    </row>
    <row r="888879" spans="14:14">
      <c r="N888879" s="10"/>
    </row>
    <row r="888880" spans="14:14">
      <c r="N888880" s="10"/>
    </row>
    <row r="888881" spans="14:14">
      <c r="N888881" s="10"/>
    </row>
    <row r="888882" spans="14:14">
      <c r="N888882" s="10"/>
    </row>
    <row r="888883" spans="14:14">
      <c r="N888883" s="10"/>
    </row>
    <row r="888884" spans="14:14">
      <c r="N888884" s="10"/>
    </row>
    <row r="888885" spans="14:14">
      <c r="N888885" s="10"/>
    </row>
    <row r="888886" spans="14:14">
      <c r="N888886" s="10"/>
    </row>
    <row r="888887" spans="14:14">
      <c r="N888887" s="10"/>
    </row>
    <row r="888888" spans="14:14">
      <c r="N888888" s="10"/>
    </row>
    <row r="888889" spans="14:14">
      <c r="N888889" s="10"/>
    </row>
    <row r="888890" spans="14:14">
      <c r="N888890" s="10"/>
    </row>
    <row r="888891" spans="14:14">
      <c r="N888891" s="10"/>
    </row>
    <row r="888892" spans="14:14">
      <c r="N888892" s="10"/>
    </row>
    <row r="888893" spans="14:14">
      <c r="N888893" s="10"/>
    </row>
    <row r="888894" spans="14:14">
      <c r="N888894" s="10"/>
    </row>
    <row r="888895" spans="14:14">
      <c r="N888895" s="10"/>
    </row>
    <row r="888896" spans="14:14">
      <c r="N888896" s="10"/>
    </row>
    <row r="888897" spans="14:14">
      <c r="N888897" s="10"/>
    </row>
    <row r="888898" spans="14:14">
      <c r="N888898" s="10"/>
    </row>
    <row r="888899" spans="14:14">
      <c r="N888899" s="10"/>
    </row>
    <row r="888900" spans="14:14">
      <c r="N888900" s="10"/>
    </row>
    <row r="888901" spans="14:14">
      <c r="N888901" s="10"/>
    </row>
    <row r="888902" spans="14:14">
      <c r="N888902" s="10"/>
    </row>
    <row r="888903" spans="14:14">
      <c r="N888903" s="10"/>
    </row>
    <row r="888904" spans="14:14">
      <c r="N888904" s="10"/>
    </row>
    <row r="888905" spans="14:14">
      <c r="N888905" s="10"/>
    </row>
    <row r="888906" spans="14:14">
      <c r="N888906" s="10"/>
    </row>
    <row r="888907" spans="14:14">
      <c r="N888907" s="10"/>
    </row>
    <row r="888908" spans="14:14">
      <c r="N888908" s="10"/>
    </row>
    <row r="888909" spans="14:14">
      <c r="N888909" s="10"/>
    </row>
    <row r="888910" spans="14:14">
      <c r="N888910" s="10"/>
    </row>
    <row r="888911" spans="14:14">
      <c r="N888911" s="10"/>
    </row>
    <row r="888912" spans="14:14">
      <c r="N888912" s="10"/>
    </row>
    <row r="888913" spans="14:14">
      <c r="N888913" s="10"/>
    </row>
    <row r="888914" spans="14:14">
      <c r="N888914" s="10"/>
    </row>
    <row r="888915" spans="14:14">
      <c r="N888915" s="10"/>
    </row>
    <row r="888916" spans="14:14">
      <c r="N888916" s="10"/>
    </row>
    <row r="888917" spans="14:14">
      <c r="N888917" s="10"/>
    </row>
    <row r="888918" spans="14:14">
      <c r="N888918" s="10"/>
    </row>
    <row r="888919" spans="14:14">
      <c r="N888919" s="10"/>
    </row>
    <row r="888920" spans="14:14">
      <c r="N888920" s="10"/>
    </row>
    <row r="888921" spans="14:14">
      <c r="N888921" s="10"/>
    </row>
    <row r="888922" spans="14:14">
      <c r="N888922" s="10"/>
    </row>
    <row r="888923" spans="14:14">
      <c r="N888923" s="10"/>
    </row>
    <row r="888924" spans="14:14">
      <c r="N888924" s="10"/>
    </row>
    <row r="888925" spans="14:14">
      <c r="N888925" s="10"/>
    </row>
    <row r="888926" spans="14:14">
      <c r="N888926" s="10"/>
    </row>
    <row r="888927" spans="14:14">
      <c r="N888927" s="10"/>
    </row>
    <row r="888928" spans="14:14">
      <c r="N888928" s="10"/>
    </row>
    <row r="888929" spans="14:14">
      <c r="N888929" s="10"/>
    </row>
    <row r="888930" spans="14:14">
      <c r="N888930" s="10"/>
    </row>
    <row r="888931" spans="14:14">
      <c r="N888931" s="10"/>
    </row>
    <row r="888932" spans="14:14">
      <c r="N888932" s="10"/>
    </row>
    <row r="888933" spans="14:14">
      <c r="N888933" s="10"/>
    </row>
    <row r="888934" spans="14:14">
      <c r="N888934" s="10"/>
    </row>
    <row r="888935" spans="14:14">
      <c r="N888935" s="10"/>
    </row>
    <row r="888936" spans="14:14">
      <c r="N888936" s="10"/>
    </row>
    <row r="888937" spans="14:14">
      <c r="N888937" s="10"/>
    </row>
    <row r="888938" spans="14:14">
      <c r="N888938" s="10"/>
    </row>
    <row r="888939" spans="14:14">
      <c r="N888939" s="10"/>
    </row>
    <row r="888940" spans="14:14">
      <c r="N888940" s="10"/>
    </row>
    <row r="888941" spans="14:14">
      <c r="N888941" s="10"/>
    </row>
    <row r="888942" spans="14:14">
      <c r="N888942" s="10"/>
    </row>
    <row r="888943" spans="14:14">
      <c r="N888943" s="10"/>
    </row>
    <row r="888944" spans="14:14">
      <c r="N888944" s="10"/>
    </row>
    <row r="888945" spans="14:14">
      <c r="N888945" s="10"/>
    </row>
    <row r="888946" spans="14:14">
      <c r="N888946" s="10"/>
    </row>
    <row r="888947" spans="14:14">
      <c r="N888947" s="10"/>
    </row>
    <row r="888948" spans="14:14">
      <c r="N888948" s="10"/>
    </row>
    <row r="888949" spans="14:14">
      <c r="N888949" s="10"/>
    </row>
    <row r="888950" spans="14:14">
      <c r="N888950" s="10"/>
    </row>
    <row r="888951" spans="14:14">
      <c r="N888951" s="10"/>
    </row>
    <row r="888952" spans="14:14">
      <c r="N888952" s="10"/>
    </row>
    <row r="888953" spans="14:14">
      <c r="N888953" s="10"/>
    </row>
    <row r="888954" spans="14:14">
      <c r="N888954" s="10"/>
    </row>
    <row r="888955" spans="14:14">
      <c r="N888955" s="10"/>
    </row>
    <row r="888956" spans="14:14">
      <c r="N888956" s="10"/>
    </row>
    <row r="888957" spans="14:14">
      <c r="N888957" s="10"/>
    </row>
    <row r="888958" spans="14:14">
      <c r="N888958" s="10"/>
    </row>
    <row r="888959" spans="14:14">
      <c r="N888959" s="10"/>
    </row>
    <row r="888960" spans="14:14">
      <c r="N888960" s="10"/>
    </row>
    <row r="888961" spans="14:14">
      <c r="N888961" s="10"/>
    </row>
    <row r="888962" spans="14:14">
      <c r="N888962" s="10"/>
    </row>
    <row r="888963" spans="14:14">
      <c r="N888963" s="10"/>
    </row>
    <row r="888964" spans="14:14">
      <c r="N888964" s="10"/>
    </row>
    <row r="888965" spans="14:14">
      <c r="N888965" s="10"/>
    </row>
    <row r="888966" spans="14:14">
      <c r="N888966" s="10"/>
    </row>
    <row r="888967" spans="14:14">
      <c r="N888967" s="10"/>
    </row>
    <row r="888968" spans="14:14">
      <c r="N888968" s="10"/>
    </row>
    <row r="888969" spans="14:14">
      <c r="N888969" s="10"/>
    </row>
    <row r="888970" spans="14:14">
      <c r="N888970" s="10"/>
    </row>
    <row r="888971" spans="14:14">
      <c r="N888971" s="10"/>
    </row>
    <row r="888972" spans="14:14">
      <c r="N888972" s="10"/>
    </row>
    <row r="888973" spans="14:14">
      <c r="N888973" s="10"/>
    </row>
    <row r="888974" spans="14:14">
      <c r="N888974" s="10"/>
    </row>
    <row r="888975" spans="14:14">
      <c r="N888975" s="10"/>
    </row>
    <row r="888976" spans="14:14">
      <c r="N888976" s="10"/>
    </row>
    <row r="888977" spans="14:14">
      <c r="N888977" s="10"/>
    </row>
    <row r="888978" spans="14:14">
      <c r="N888978" s="10"/>
    </row>
    <row r="888979" spans="14:14">
      <c r="N888979" s="10"/>
    </row>
    <row r="888980" spans="14:14">
      <c r="N888980" s="10"/>
    </row>
    <row r="888981" spans="14:14">
      <c r="N888981" s="10"/>
    </row>
    <row r="888982" spans="14:14">
      <c r="N888982" s="10"/>
    </row>
    <row r="888983" spans="14:14">
      <c r="N888983" s="10"/>
    </row>
    <row r="888984" spans="14:14">
      <c r="N888984" s="10"/>
    </row>
    <row r="888985" spans="14:14">
      <c r="N888985" s="10"/>
    </row>
    <row r="888986" spans="14:14">
      <c r="N888986" s="10"/>
    </row>
    <row r="888987" spans="14:14">
      <c r="N888987" s="10"/>
    </row>
    <row r="888988" spans="14:14">
      <c r="N888988" s="10"/>
    </row>
    <row r="888989" spans="14:14">
      <c r="N888989" s="10"/>
    </row>
    <row r="888990" spans="14:14">
      <c r="N888990" s="10"/>
    </row>
    <row r="888991" spans="14:14">
      <c r="N888991" s="10"/>
    </row>
    <row r="888992" spans="14:14">
      <c r="N888992" s="10"/>
    </row>
    <row r="888993" spans="14:14">
      <c r="N888993" s="10"/>
    </row>
    <row r="888994" spans="14:14">
      <c r="N888994" s="10"/>
    </row>
    <row r="888995" spans="14:14">
      <c r="N888995" s="10"/>
    </row>
    <row r="888996" spans="14:14">
      <c r="N888996" s="10"/>
    </row>
    <row r="888997" spans="14:14">
      <c r="N888997" s="10"/>
    </row>
    <row r="888998" spans="14:14">
      <c r="N888998" s="10"/>
    </row>
    <row r="888999" spans="14:14">
      <c r="N888999" s="10"/>
    </row>
    <row r="889000" spans="14:14">
      <c r="N889000" s="10"/>
    </row>
    <row r="889001" spans="14:14">
      <c r="N889001" s="10"/>
    </row>
    <row r="889002" spans="14:14">
      <c r="N889002" s="10"/>
    </row>
    <row r="889003" spans="14:14">
      <c r="N889003" s="10"/>
    </row>
    <row r="889004" spans="14:14">
      <c r="N889004" s="10"/>
    </row>
    <row r="889005" spans="14:14">
      <c r="N889005" s="10"/>
    </row>
    <row r="889006" spans="14:14">
      <c r="N889006" s="10"/>
    </row>
    <row r="889007" spans="14:14">
      <c r="N889007" s="10"/>
    </row>
    <row r="889008" spans="14:14">
      <c r="N889008" s="10"/>
    </row>
    <row r="889009" spans="14:14">
      <c r="N889009" s="10"/>
    </row>
    <row r="889010" spans="14:14">
      <c r="N889010" s="10"/>
    </row>
    <row r="889011" spans="14:14">
      <c r="N889011" s="10"/>
    </row>
    <row r="889012" spans="14:14">
      <c r="N889012" s="10"/>
    </row>
    <row r="889013" spans="14:14">
      <c r="N889013" s="10"/>
    </row>
    <row r="889014" spans="14:14">
      <c r="N889014" s="10"/>
    </row>
    <row r="889015" spans="14:14">
      <c r="N889015" s="10"/>
    </row>
    <row r="889016" spans="14:14">
      <c r="N889016" s="10"/>
    </row>
    <row r="889017" spans="14:14">
      <c r="N889017" s="10"/>
    </row>
    <row r="889018" spans="14:14">
      <c r="N889018" s="10"/>
    </row>
    <row r="889019" spans="14:14">
      <c r="N889019" s="10"/>
    </row>
    <row r="889020" spans="14:14">
      <c r="N889020" s="10"/>
    </row>
    <row r="889021" spans="14:14">
      <c r="N889021" s="10"/>
    </row>
    <row r="889022" spans="14:14">
      <c r="N889022" s="10"/>
    </row>
    <row r="889023" spans="14:14">
      <c r="N889023" s="10"/>
    </row>
    <row r="889024" spans="14:14">
      <c r="N889024" s="10"/>
    </row>
    <row r="889025" spans="14:14">
      <c r="N889025" s="10"/>
    </row>
    <row r="889026" spans="14:14">
      <c r="N889026" s="10"/>
    </row>
    <row r="889027" spans="14:14">
      <c r="N889027" s="10"/>
    </row>
    <row r="889028" spans="14:14">
      <c r="N889028" s="10"/>
    </row>
    <row r="889029" spans="14:14">
      <c r="N889029" s="10"/>
    </row>
    <row r="889030" spans="14:14">
      <c r="N889030" s="10"/>
    </row>
    <row r="889031" spans="14:14">
      <c r="N889031" s="10"/>
    </row>
    <row r="889032" spans="14:14">
      <c r="N889032" s="10"/>
    </row>
    <row r="889033" spans="14:14">
      <c r="N889033" s="10"/>
    </row>
    <row r="889034" spans="14:14">
      <c r="N889034" s="10"/>
    </row>
    <row r="889035" spans="14:14">
      <c r="N889035" s="10"/>
    </row>
    <row r="889036" spans="14:14">
      <c r="N889036" s="10"/>
    </row>
    <row r="889037" spans="14:14">
      <c r="N889037" s="10"/>
    </row>
    <row r="889038" spans="14:14">
      <c r="N889038" s="10"/>
    </row>
    <row r="889039" spans="14:14">
      <c r="N889039" s="10"/>
    </row>
    <row r="889040" spans="14:14">
      <c r="N889040" s="10"/>
    </row>
    <row r="889041" spans="14:14">
      <c r="N889041" s="10"/>
    </row>
    <row r="889042" spans="14:14">
      <c r="N889042" s="10"/>
    </row>
    <row r="889043" spans="14:14">
      <c r="N889043" s="10"/>
    </row>
    <row r="889044" spans="14:14">
      <c r="N889044" s="10"/>
    </row>
    <row r="889045" spans="14:14">
      <c r="N889045" s="10"/>
    </row>
    <row r="889046" spans="14:14">
      <c r="N889046" s="10"/>
    </row>
    <row r="889047" spans="14:14">
      <c r="N889047" s="10"/>
    </row>
    <row r="889048" spans="14:14">
      <c r="N889048" s="10"/>
    </row>
    <row r="889049" spans="14:14">
      <c r="N889049" s="10"/>
    </row>
    <row r="889050" spans="14:14">
      <c r="N889050" s="10"/>
    </row>
    <row r="889051" spans="14:14">
      <c r="N889051" s="10"/>
    </row>
    <row r="889052" spans="14:14">
      <c r="N889052" s="10"/>
    </row>
    <row r="889053" spans="14:14">
      <c r="N889053" s="10"/>
    </row>
    <row r="889054" spans="14:14">
      <c r="N889054" s="10"/>
    </row>
    <row r="889055" spans="14:14">
      <c r="N889055" s="10"/>
    </row>
    <row r="889056" spans="14:14">
      <c r="N889056" s="10"/>
    </row>
    <row r="889057" spans="14:14">
      <c r="N889057" s="10"/>
    </row>
    <row r="889058" spans="14:14">
      <c r="N889058" s="10"/>
    </row>
    <row r="889059" spans="14:14">
      <c r="N889059" s="10"/>
    </row>
    <row r="889060" spans="14:14">
      <c r="N889060" s="10"/>
    </row>
    <row r="889061" spans="14:14">
      <c r="N889061" s="10"/>
    </row>
    <row r="889062" spans="14:14">
      <c r="N889062" s="10"/>
    </row>
    <row r="889063" spans="14:14">
      <c r="N889063" s="10"/>
    </row>
    <row r="889064" spans="14:14">
      <c r="N889064" s="10"/>
    </row>
    <row r="889065" spans="14:14">
      <c r="N889065" s="10"/>
    </row>
    <row r="889066" spans="14:14">
      <c r="N889066" s="10"/>
    </row>
    <row r="889067" spans="14:14">
      <c r="N889067" s="10"/>
    </row>
    <row r="889068" spans="14:14">
      <c r="N889068" s="10"/>
    </row>
    <row r="889069" spans="14:14">
      <c r="N889069" s="10"/>
    </row>
    <row r="889070" spans="14:14">
      <c r="N889070" s="10"/>
    </row>
    <row r="889071" spans="14:14">
      <c r="N889071" s="10"/>
    </row>
    <row r="889072" spans="14:14">
      <c r="N889072" s="10"/>
    </row>
    <row r="889073" spans="14:14">
      <c r="N889073" s="10"/>
    </row>
    <row r="889074" spans="14:14">
      <c r="N889074" s="10"/>
    </row>
    <row r="889075" spans="14:14">
      <c r="N889075" s="10"/>
    </row>
    <row r="889076" spans="14:14">
      <c r="N889076" s="10"/>
    </row>
    <row r="889077" spans="14:14">
      <c r="N889077" s="10"/>
    </row>
    <row r="889078" spans="14:14">
      <c r="N889078" s="10"/>
    </row>
    <row r="889079" spans="14:14">
      <c r="N889079" s="10"/>
    </row>
    <row r="889080" spans="14:14">
      <c r="N889080" s="10"/>
    </row>
    <row r="889081" spans="14:14">
      <c r="N889081" s="10"/>
    </row>
    <row r="889082" spans="14:14">
      <c r="N889082" s="10"/>
    </row>
    <row r="889083" spans="14:14">
      <c r="N889083" s="10"/>
    </row>
    <row r="889084" spans="14:14">
      <c r="N889084" s="10"/>
    </row>
    <row r="889085" spans="14:14">
      <c r="N889085" s="10"/>
    </row>
    <row r="889086" spans="14:14">
      <c r="N889086" s="10"/>
    </row>
    <row r="889087" spans="14:14">
      <c r="N889087" s="10"/>
    </row>
    <row r="889088" spans="14:14">
      <c r="N889088" s="10"/>
    </row>
    <row r="889089" spans="14:14">
      <c r="N889089" s="10"/>
    </row>
    <row r="889090" spans="14:14">
      <c r="N889090" s="10"/>
    </row>
    <row r="889091" spans="14:14">
      <c r="N889091" s="10"/>
    </row>
    <row r="889092" spans="14:14">
      <c r="N889092" s="10"/>
    </row>
    <row r="889093" spans="14:14">
      <c r="N889093" s="10"/>
    </row>
    <row r="889094" spans="14:14">
      <c r="N889094" s="10"/>
    </row>
    <row r="889095" spans="14:14">
      <c r="N889095" s="10"/>
    </row>
    <row r="889096" spans="14:14">
      <c r="N889096" s="10"/>
    </row>
    <row r="889097" spans="14:14">
      <c r="N889097" s="10"/>
    </row>
    <row r="889098" spans="14:14">
      <c r="N889098" s="10"/>
    </row>
    <row r="889099" spans="14:14">
      <c r="N889099" s="10"/>
    </row>
    <row r="889100" spans="14:14">
      <c r="N889100" s="10"/>
    </row>
    <row r="889101" spans="14:14">
      <c r="N889101" s="10"/>
    </row>
    <row r="889102" spans="14:14">
      <c r="N889102" s="10"/>
    </row>
    <row r="889103" spans="14:14">
      <c r="N889103" s="10"/>
    </row>
    <row r="889104" spans="14:14">
      <c r="N889104" s="10"/>
    </row>
    <row r="889105" spans="14:14">
      <c r="N889105" s="10"/>
    </row>
    <row r="889106" spans="14:14">
      <c r="N889106" s="10"/>
    </row>
    <row r="889107" spans="14:14">
      <c r="N889107" s="10"/>
    </row>
    <row r="889108" spans="14:14">
      <c r="N889108" s="10"/>
    </row>
    <row r="889109" spans="14:14">
      <c r="N889109" s="10"/>
    </row>
    <row r="889110" spans="14:14">
      <c r="N889110" s="10"/>
    </row>
    <row r="889111" spans="14:14">
      <c r="N889111" s="10"/>
    </row>
    <row r="889112" spans="14:14">
      <c r="N889112" s="10"/>
    </row>
    <row r="889113" spans="14:14">
      <c r="N889113" s="10"/>
    </row>
    <row r="889114" spans="14:14">
      <c r="N889114" s="10"/>
    </row>
    <row r="889115" spans="14:14">
      <c r="N889115" s="10"/>
    </row>
    <row r="889116" spans="14:14">
      <c r="N889116" s="10"/>
    </row>
    <row r="889117" spans="14:14">
      <c r="N889117" s="10"/>
    </row>
    <row r="889118" spans="14:14">
      <c r="N889118" s="10"/>
    </row>
    <row r="889119" spans="14:14">
      <c r="N889119" s="10"/>
    </row>
    <row r="889120" spans="14:14">
      <c r="N889120" s="10"/>
    </row>
    <row r="889121" spans="14:14">
      <c r="N889121" s="10"/>
    </row>
    <row r="889122" spans="14:14">
      <c r="N889122" s="10"/>
    </row>
    <row r="889123" spans="14:14">
      <c r="N889123" s="10"/>
    </row>
    <row r="889124" spans="14:14">
      <c r="N889124" s="10"/>
    </row>
    <row r="889125" spans="14:14">
      <c r="N889125" s="10"/>
    </row>
    <row r="889126" spans="14:14">
      <c r="N889126" s="10"/>
    </row>
    <row r="889127" spans="14:14">
      <c r="N889127" s="10"/>
    </row>
    <row r="889128" spans="14:14">
      <c r="N889128" s="10"/>
    </row>
    <row r="889129" spans="14:14">
      <c r="N889129" s="10"/>
    </row>
    <row r="889130" spans="14:14">
      <c r="N889130" s="10"/>
    </row>
    <row r="889131" spans="14:14">
      <c r="N889131" s="10"/>
    </row>
    <row r="889132" spans="14:14">
      <c r="N889132" s="10"/>
    </row>
    <row r="889133" spans="14:14">
      <c r="N889133" s="10"/>
    </row>
    <row r="889134" spans="14:14">
      <c r="N889134" s="10"/>
    </row>
    <row r="889135" spans="14:14">
      <c r="N889135" s="10"/>
    </row>
    <row r="889136" spans="14:14">
      <c r="N889136" s="10"/>
    </row>
    <row r="889137" spans="14:14">
      <c r="N889137" s="10"/>
    </row>
    <row r="889138" spans="14:14">
      <c r="N889138" s="10"/>
    </row>
    <row r="889139" spans="14:14">
      <c r="N889139" s="10"/>
    </row>
    <row r="889140" spans="14:14">
      <c r="N889140" s="10"/>
    </row>
    <row r="889141" spans="14:14">
      <c r="N889141" s="10"/>
    </row>
    <row r="889142" spans="14:14">
      <c r="N889142" s="10"/>
    </row>
    <row r="889143" spans="14:14">
      <c r="N889143" s="10"/>
    </row>
    <row r="889144" spans="14:14">
      <c r="N889144" s="10"/>
    </row>
    <row r="889145" spans="14:14">
      <c r="N889145" s="10"/>
    </row>
    <row r="889146" spans="14:14">
      <c r="N889146" s="10"/>
    </row>
    <row r="889147" spans="14:14">
      <c r="N889147" s="10"/>
    </row>
    <row r="889148" spans="14:14">
      <c r="N889148" s="10"/>
    </row>
    <row r="889149" spans="14:14">
      <c r="N889149" s="10"/>
    </row>
    <row r="889150" spans="14:14">
      <c r="N889150" s="10"/>
    </row>
    <row r="889151" spans="14:14">
      <c r="N889151" s="10"/>
    </row>
    <row r="889152" spans="14:14">
      <c r="N889152" s="10"/>
    </row>
    <row r="889153" spans="14:14">
      <c r="N889153" s="10"/>
    </row>
    <row r="889154" spans="14:14">
      <c r="N889154" s="10"/>
    </row>
    <row r="889155" spans="14:14">
      <c r="N889155" s="10"/>
    </row>
    <row r="889156" spans="14:14">
      <c r="N889156" s="10"/>
    </row>
    <row r="889157" spans="14:14">
      <c r="N889157" s="10"/>
    </row>
    <row r="889158" spans="14:14">
      <c r="N889158" s="10"/>
    </row>
    <row r="889159" spans="14:14">
      <c r="N889159" s="10"/>
    </row>
    <row r="889160" spans="14:14">
      <c r="N889160" s="10"/>
    </row>
    <row r="889161" spans="14:14">
      <c r="N889161" s="10"/>
    </row>
    <row r="889162" spans="14:14">
      <c r="N889162" s="10"/>
    </row>
    <row r="889163" spans="14:14">
      <c r="N889163" s="10"/>
    </row>
    <row r="889164" spans="14:14">
      <c r="N889164" s="10"/>
    </row>
    <row r="889165" spans="14:14">
      <c r="N889165" s="10"/>
    </row>
    <row r="889166" spans="14:14">
      <c r="N889166" s="10"/>
    </row>
    <row r="889167" spans="14:14">
      <c r="N889167" s="10"/>
    </row>
    <row r="889168" spans="14:14">
      <c r="N889168" s="10"/>
    </row>
    <row r="889169" spans="14:14">
      <c r="N889169" s="10"/>
    </row>
    <row r="889170" spans="14:14">
      <c r="N889170" s="10"/>
    </row>
    <row r="889171" spans="14:14">
      <c r="N889171" s="10"/>
    </row>
    <row r="889172" spans="14:14">
      <c r="N889172" s="10"/>
    </row>
    <row r="889173" spans="14:14">
      <c r="N889173" s="10"/>
    </row>
    <row r="889174" spans="14:14">
      <c r="N889174" s="10"/>
    </row>
    <row r="889175" spans="14:14">
      <c r="N889175" s="10"/>
    </row>
    <row r="889176" spans="14:14">
      <c r="N889176" s="10"/>
    </row>
    <row r="889177" spans="14:14">
      <c r="N889177" s="10"/>
    </row>
    <row r="889178" spans="14:14">
      <c r="N889178" s="10"/>
    </row>
    <row r="889179" spans="14:14">
      <c r="N889179" s="10"/>
    </row>
    <row r="889180" spans="14:14">
      <c r="N889180" s="10"/>
    </row>
    <row r="889181" spans="14:14">
      <c r="N889181" s="10"/>
    </row>
    <row r="889182" spans="14:14">
      <c r="N889182" s="10"/>
    </row>
    <row r="889183" spans="14:14">
      <c r="N889183" s="10"/>
    </row>
    <row r="889184" spans="14:14">
      <c r="N889184" s="10"/>
    </row>
    <row r="889185" spans="14:14">
      <c r="N889185" s="10"/>
    </row>
    <row r="889186" spans="14:14">
      <c r="N889186" s="10"/>
    </row>
    <row r="889187" spans="14:14">
      <c r="N889187" s="10"/>
    </row>
    <row r="889188" spans="14:14">
      <c r="N889188" s="10"/>
    </row>
    <row r="889189" spans="14:14">
      <c r="N889189" s="10"/>
    </row>
    <row r="889190" spans="14:14">
      <c r="N889190" s="10"/>
    </row>
    <row r="889191" spans="14:14">
      <c r="N889191" s="10"/>
    </row>
    <row r="889192" spans="14:14">
      <c r="N889192" s="10"/>
    </row>
    <row r="889193" spans="14:14">
      <c r="N889193" s="10"/>
    </row>
    <row r="889194" spans="14:14">
      <c r="N889194" s="10"/>
    </row>
    <row r="889195" spans="14:14">
      <c r="N889195" s="10"/>
    </row>
    <row r="889196" spans="14:14">
      <c r="N889196" s="10"/>
    </row>
    <row r="889197" spans="14:14">
      <c r="N889197" s="10"/>
    </row>
    <row r="889198" spans="14:14">
      <c r="N889198" s="10"/>
    </row>
    <row r="889199" spans="14:14">
      <c r="N889199" s="10"/>
    </row>
    <row r="889200" spans="14:14">
      <c r="N889200" s="10"/>
    </row>
    <row r="889201" spans="14:14">
      <c r="N889201" s="10"/>
    </row>
    <row r="889202" spans="14:14">
      <c r="N889202" s="10"/>
    </row>
    <row r="889203" spans="14:14">
      <c r="N889203" s="10"/>
    </row>
    <row r="889204" spans="14:14">
      <c r="N889204" s="10"/>
    </row>
    <row r="889205" spans="14:14">
      <c r="N889205" s="10"/>
    </row>
    <row r="889206" spans="14:14">
      <c r="N889206" s="10"/>
    </row>
    <row r="889207" spans="14:14">
      <c r="N889207" s="10"/>
    </row>
    <row r="889208" spans="14:14">
      <c r="N889208" s="10"/>
    </row>
    <row r="889209" spans="14:14">
      <c r="N889209" s="10"/>
    </row>
    <row r="889210" spans="14:14">
      <c r="N889210" s="10"/>
    </row>
    <row r="889211" spans="14:14">
      <c r="N889211" s="10"/>
    </row>
    <row r="889212" spans="14:14">
      <c r="N889212" s="10"/>
    </row>
    <row r="889213" spans="14:14">
      <c r="N889213" s="10"/>
    </row>
    <row r="889214" spans="14:14">
      <c r="N889214" s="10"/>
    </row>
    <row r="889215" spans="14:14">
      <c r="N889215" s="10"/>
    </row>
    <row r="889216" spans="14:14">
      <c r="N889216" s="10"/>
    </row>
    <row r="889217" spans="14:14">
      <c r="N889217" s="10"/>
    </row>
    <row r="889218" spans="14:14">
      <c r="N889218" s="10"/>
    </row>
    <row r="889219" spans="14:14">
      <c r="N889219" s="10"/>
    </row>
    <row r="889220" spans="14:14">
      <c r="N889220" s="10"/>
    </row>
    <row r="889221" spans="14:14">
      <c r="N889221" s="10"/>
    </row>
    <row r="889222" spans="14:14">
      <c r="N889222" s="10"/>
    </row>
    <row r="889223" spans="14:14">
      <c r="N889223" s="10"/>
    </row>
    <row r="889224" spans="14:14">
      <c r="N889224" s="10"/>
    </row>
    <row r="889225" spans="14:14">
      <c r="N889225" s="10"/>
    </row>
    <row r="889226" spans="14:14">
      <c r="N889226" s="10"/>
    </row>
    <row r="889227" spans="14:14">
      <c r="N889227" s="10"/>
    </row>
    <row r="889228" spans="14:14">
      <c r="N889228" s="10"/>
    </row>
    <row r="889229" spans="14:14">
      <c r="N889229" s="10"/>
    </row>
    <row r="889230" spans="14:14">
      <c r="N889230" s="10"/>
    </row>
    <row r="889231" spans="14:14">
      <c r="N889231" s="10"/>
    </row>
    <row r="889232" spans="14:14">
      <c r="N889232" s="10"/>
    </row>
    <row r="889233" spans="14:14">
      <c r="N889233" s="10"/>
    </row>
    <row r="889234" spans="14:14">
      <c r="N889234" s="10"/>
    </row>
    <row r="889235" spans="14:14">
      <c r="N889235" s="10"/>
    </row>
    <row r="889236" spans="14:14">
      <c r="N889236" s="10"/>
    </row>
    <row r="889237" spans="14:14">
      <c r="N889237" s="10"/>
    </row>
    <row r="889238" spans="14:14">
      <c r="N889238" s="10"/>
    </row>
    <row r="889239" spans="14:14">
      <c r="N889239" s="10"/>
    </row>
    <row r="889240" spans="14:14">
      <c r="N889240" s="10"/>
    </row>
    <row r="889241" spans="14:14">
      <c r="N889241" s="10"/>
    </row>
    <row r="889242" spans="14:14">
      <c r="N889242" s="10"/>
    </row>
    <row r="889243" spans="14:14">
      <c r="N889243" s="10"/>
    </row>
    <row r="889244" spans="14:14">
      <c r="N889244" s="10"/>
    </row>
    <row r="889245" spans="14:14">
      <c r="N889245" s="10"/>
    </row>
    <row r="889246" spans="14:14">
      <c r="N889246" s="10"/>
    </row>
    <row r="889247" spans="14:14">
      <c r="N889247" s="10"/>
    </row>
    <row r="889248" spans="14:14">
      <c r="N889248" s="10"/>
    </row>
    <row r="889249" spans="14:14">
      <c r="N889249" s="10"/>
    </row>
    <row r="889250" spans="14:14">
      <c r="N889250" s="10"/>
    </row>
    <row r="889251" spans="14:14">
      <c r="N889251" s="10"/>
    </row>
    <row r="889252" spans="14:14">
      <c r="N889252" s="10"/>
    </row>
    <row r="889253" spans="14:14">
      <c r="N889253" s="10"/>
    </row>
    <row r="889254" spans="14:14">
      <c r="N889254" s="10"/>
    </row>
    <row r="889255" spans="14:14">
      <c r="N889255" s="10"/>
    </row>
    <row r="889256" spans="14:14">
      <c r="N889256" s="10"/>
    </row>
    <row r="889257" spans="14:14">
      <c r="N889257" s="10"/>
    </row>
    <row r="889258" spans="14:14">
      <c r="N889258" s="10"/>
    </row>
    <row r="889259" spans="14:14">
      <c r="N889259" s="10"/>
    </row>
    <row r="889260" spans="14:14">
      <c r="N889260" s="10"/>
    </row>
    <row r="889261" spans="14:14">
      <c r="N889261" s="10"/>
    </row>
    <row r="889262" spans="14:14">
      <c r="N889262" s="10"/>
    </row>
    <row r="889263" spans="14:14">
      <c r="N889263" s="10"/>
    </row>
    <row r="889264" spans="14:14">
      <c r="N889264" s="10"/>
    </row>
    <row r="889265" spans="14:14">
      <c r="N889265" s="10"/>
    </row>
    <row r="889266" spans="14:14">
      <c r="N889266" s="10"/>
    </row>
    <row r="889267" spans="14:14">
      <c r="N889267" s="10"/>
    </row>
    <row r="889268" spans="14:14">
      <c r="N889268" s="10"/>
    </row>
    <row r="889269" spans="14:14">
      <c r="N889269" s="10"/>
    </row>
    <row r="889270" spans="14:14">
      <c r="N889270" s="10"/>
    </row>
    <row r="889271" spans="14:14">
      <c r="N889271" s="10"/>
    </row>
    <row r="889272" spans="14:14">
      <c r="N889272" s="10"/>
    </row>
    <row r="889273" spans="14:14">
      <c r="N889273" s="10"/>
    </row>
    <row r="889274" spans="14:14">
      <c r="N889274" s="10"/>
    </row>
    <row r="889275" spans="14:14">
      <c r="N889275" s="10"/>
    </row>
    <row r="889276" spans="14:14">
      <c r="N889276" s="10"/>
    </row>
    <row r="889277" spans="14:14">
      <c r="N889277" s="10"/>
    </row>
    <row r="889278" spans="14:14">
      <c r="N889278" s="10"/>
    </row>
    <row r="889279" spans="14:14">
      <c r="N889279" s="10"/>
    </row>
    <row r="889280" spans="14:14">
      <c r="N889280" s="10"/>
    </row>
    <row r="889281" spans="14:14">
      <c r="N889281" s="10"/>
    </row>
    <row r="889282" spans="14:14">
      <c r="N889282" s="10"/>
    </row>
    <row r="889283" spans="14:14">
      <c r="N889283" s="10"/>
    </row>
    <row r="889284" spans="14:14">
      <c r="N889284" s="10"/>
    </row>
    <row r="889285" spans="14:14">
      <c r="N889285" s="10"/>
    </row>
    <row r="889286" spans="14:14">
      <c r="N889286" s="10"/>
    </row>
    <row r="889287" spans="14:14">
      <c r="N889287" s="10"/>
    </row>
    <row r="889288" spans="14:14">
      <c r="N889288" s="10"/>
    </row>
    <row r="889289" spans="14:14">
      <c r="N889289" s="10"/>
    </row>
    <row r="889290" spans="14:14">
      <c r="N889290" s="10"/>
    </row>
    <row r="889291" spans="14:14">
      <c r="N889291" s="10"/>
    </row>
    <row r="889292" spans="14:14">
      <c r="N889292" s="10"/>
    </row>
    <row r="889293" spans="14:14">
      <c r="N889293" s="10"/>
    </row>
    <row r="889294" spans="14:14">
      <c r="N889294" s="10"/>
    </row>
    <row r="889295" spans="14:14">
      <c r="N889295" s="10"/>
    </row>
    <row r="889296" spans="14:14">
      <c r="N889296" s="10"/>
    </row>
    <row r="889297" spans="14:14">
      <c r="N889297" s="10"/>
    </row>
    <row r="889298" spans="14:14">
      <c r="N889298" s="10"/>
    </row>
    <row r="889299" spans="14:14">
      <c r="N889299" s="10"/>
    </row>
    <row r="889300" spans="14:14">
      <c r="N889300" s="10"/>
    </row>
    <row r="889301" spans="14:14">
      <c r="N889301" s="10"/>
    </row>
    <row r="889302" spans="14:14">
      <c r="N889302" s="10"/>
    </row>
    <row r="889303" spans="14:14">
      <c r="N889303" s="10"/>
    </row>
    <row r="889304" spans="14:14">
      <c r="N889304" s="10"/>
    </row>
    <row r="889305" spans="14:14">
      <c r="N889305" s="10"/>
    </row>
    <row r="889306" spans="14:14">
      <c r="N889306" s="10"/>
    </row>
    <row r="889307" spans="14:14">
      <c r="N889307" s="10"/>
    </row>
    <row r="889308" spans="14:14">
      <c r="N889308" s="10"/>
    </row>
    <row r="889309" spans="14:14">
      <c r="N889309" s="10"/>
    </row>
    <row r="889310" spans="14:14">
      <c r="N889310" s="10"/>
    </row>
    <row r="889311" spans="14:14">
      <c r="N889311" s="10"/>
    </row>
    <row r="889312" spans="14:14">
      <c r="N889312" s="10"/>
    </row>
    <row r="889313" spans="14:14">
      <c r="N889313" s="10"/>
    </row>
    <row r="889314" spans="14:14">
      <c r="N889314" s="10"/>
    </row>
    <row r="889315" spans="14:14">
      <c r="N889315" s="10"/>
    </row>
    <row r="889316" spans="14:14">
      <c r="N889316" s="10"/>
    </row>
    <row r="889317" spans="14:14">
      <c r="N889317" s="10"/>
    </row>
    <row r="889318" spans="14:14">
      <c r="N889318" s="10"/>
    </row>
    <row r="889319" spans="14:14">
      <c r="N889319" s="10"/>
    </row>
    <row r="889320" spans="14:14">
      <c r="N889320" s="10"/>
    </row>
    <row r="889321" spans="14:14">
      <c r="N889321" s="10"/>
    </row>
    <row r="889322" spans="14:14">
      <c r="N889322" s="10"/>
    </row>
    <row r="889323" spans="14:14">
      <c r="N889323" s="10"/>
    </row>
    <row r="889324" spans="14:14">
      <c r="N889324" s="10"/>
    </row>
    <row r="889325" spans="14:14">
      <c r="N889325" s="10"/>
    </row>
    <row r="889326" spans="14:14">
      <c r="N889326" s="10"/>
    </row>
    <row r="889327" spans="14:14">
      <c r="N889327" s="10"/>
    </row>
    <row r="889328" spans="14:14">
      <c r="N889328" s="10"/>
    </row>
    <row r="889329" spans="14:14">
      <c r="N889329" s="10"/>
    </row>
    <row r="889330" spans="14:14">
      <c r="N889330" s="10"/>
    </row>
    <row r="889331" spans="14:14">
      <c r="N889331" s="10"/>
    </row>
    <row r="889332" spans="14:14">
      <c r="N889332" s="10"/>
    </row>
    <row r="889333" spans="14:14">
      <c r="N889333" s="10"/>
    </row>
    <row r="889334" spans="14:14">
      <c r="N889334" s="10"/>
    </row>
    <row r="889335" spans="14:14">
      <c r="N889335" s="10"/>
    </row>
    <row r="889336" spans="14:14">
      <c r="N889336" s="10"/>
    </row>
    <row r="889337" spans="14:14">
      <c r="N889337" s="10"/>
    </row>
    <row r="889338" spans="14:14">
      <c r="N889338" s="10"/>
    </row>
    <row r="889339" spans="14:14">
      <c r="N889339" s="10"/>
    </row>
    <row r="889340" spans="14:14">
      <c r="N889340" s="10"/>
    </row>
    <row r="889341" spans="14:14">
      <c r="N889341" s="10"/>
    </row>
    <row r="889342" spans="14:14">
      <c r="N889342" s="10"/>
    </row>
    <row r="889343" spans="14:14">
      <c r="N889343" s="10"/>
    </row>
    <row r="889344" spans="14:14">
      <c r="N889344" s="10"/>
    </row>
    <row r="889345" spans="14:14">
      <c r="N889345" s="10"/>
    </row>
    <row r="889346" spans="14:14">
      <c r="N889346" s="10"/>
    </row>
    <row r="889347" spans="14:14">
      <c r="N889347" s="10"/>
    </row>
    <row r="889348" spans="14:14">
      <c r="N889348" s="10"/>
    </row>
    <row r="889349" spans="14:14">
      <c r="N889349" s="10"/>
    </row>
    <row r="889350" spans="14:14">
      <c r="N889350" s="10"/>
    </row>
    <row r="889351" spans="14:14">
      <c r="N889351" s="10"/>
    </row>
    <row r="889352" spans="14:14">
      <c r="N889352" s="10"/>
    </row>
    <row r="889353" spans="14:14">
      <c r="N889353" s="10"/>
    </row>
    <row r="889354" spans="14:14">
      <c r="N889354" s="10"/>
    </row>
    <row r="889355" spans="14:14">
      <c r="N889355" s="10"/>
    </row>
    <row r="889356" spans="14:14">
      <c r="N889356" s="10"/>
    </row>
    <row r="889357" spans="14:14">
      <c r="N889357" s="10"/>
    </row>
    <row r="889358" spans="14:14">
      <c r="N889358" s="10"/>
    </row>
    <row r="889359" spans="14:14">
      <c r="N889359" s="10"/>
    </row>
    <row r="889360" spans="14:14">
      <c r="N889360" s="10"/>
    </row>
    <row r="889361" spans="14:14">
      <c r="N889361" s="10"/>
    </row>
    <row r="889362" spans="14:14">
      <c r="N889362" s="10"/>
    </row>
    <row r="889363" spans="14:14">
      <c r="N889363" s="10"/>
    </row>
    <row r="889364" spans="14:14">
      <c r="N889364" s="10"/>
    </row>
    <row r="889365" spans="14:14">
      <c r="N889365" s="10"/>
    </row>
    <row r="889366" spans="14:14">
      <c r="N889366" s="10"/>
    </row>
    <row r="889367" spans="14:14">
      <c r="N889367" s="10"/>
    </row>
    <row r="889368" spans="14:14">
      <c r="N889368" s="10"/>
    </row>
    <row r="889369" spans="14:14">
      <c r="N889369" s="10"/>
    </row>
    <row r="889370" spans="14:14">
      <c r="N889370" s="10"/>
    </row>
    <row r="889371" spans="14:14">
      <c r="N889371" s="10"/>
    </row>
    <row r="889372" spans="14:14">
      <c r="N889372" s="10"/>
    </row>
    <row r="889373" spans="14:14">
      <c r="N889373" s="10"/>
    </row>
    <row r="889374" spans="14:14">
      <c r="N889374" s="10"/>
    </row>
    <row r="889375" spans="14:14">
      <c r="N889375" s="10"/>
    </row>
    <row r="889376" spans="14:14">
      <c r="N889376" s="10"/>
    </row>
    <row r="889377" spans="14:14">
      <c r="N889377" s="10"/>
    </row>
    <row r="889378" spans="14:14">
      <c r="N889378" s="10"/>
    </row>
    <row r="889379" spans="14:14">
      <c r="N889379" s="10"/>
    </row>
    <row r="889380" spans="14:14">
      <c r="N889380" s="10"/>
    </row>
    <row r="889381" spans="14:14">
      <c r="N889381" s="10"/>
    </row>
    <row r="889382" spans="14:14">
      <c r="N889382" s="10"/>
    </row>
    <row r="889383" spans="14:14">
      <c r="N889383" s="10"/>
    </row>
    <row r="889384" spans="14:14">
      <c r="N889384" s="10"/>
    </row>
    <row r="889385" spans="14:14">
      <c r="N889385" s="10"/>
    </row>
    <row r="889386" spans="14:14">
      <c r="N889386" s="10"/>
    </row>
    <row r="889387" spans="14:14">
      <c r="N889387" s="10"/>
    </row>
    <row r="889388" spans="14:14">
      <c r="N889388" s="10"/>
    </row>
    <row r="889389" spans="14:14">
      <c r="N889389" s="10"/>
    </row>
    <row r="889390" spans="14:14">
      <c r="N889390" s="10"/>
    </row>
    <row r="889391" spans="14:14">
      <c r="N889391" s="10"/>
    </row>
    <row r="889392" spans="14:14">
      <c r="N889392" s="10"/>
    </row>
    <row r="889393" spans="14:14">
      <c r="N889393" s="10"/>
    </row>
    <row r="889394" spans="14:14">
      <c r="N889394" s="10"/>
    </row>
    <row r="889395" spans="14:14">
      <c r="N889395" s="10"/>
    </row>
    <row r="889396" spans="14:14">
      <c r="N889396" s="10"/>
    </row>
    <row r="889397" spans="14:14">
      <c r="N889397" s="10"/>
    </row>
    <row r="889398" spans="14:14">
      <c r="N889398" s="10"/>
    </row>
    <row r="889399" spans="14:14">
      <c r="N889399" s="10"/>
    </row>
    <row r="889400" spans="14:14">
      <c r="N889400" s="10"/>
    </row>
    <row r="889401" spans="14:14">
      <c r="N889401" s="10"/>
    </row>
    <row r="889402" spans="14:14">
      <c r="N889402" s="10"/>
    </row>
    <row r="889403" spans="14:14">
      <c r="N889403" s="10"/>
    </row>
    <row r="889404" spans="14:14">
      <c r="N889404" s="10"/>
    </row>
    <row r="889405" spans="14:14">
      <c r="N889405" s="10"/>
    </row>
    <row r="889406" spans="14:14">
      <c r="N889406" s="10"/>
    </row>
    <row r="889407" spans="14:14">
      <c r="N889407" s="10"/>
    </row>
    <row r="889408" spans="14:14">
      <c r="N889408" s="10"/>
    </row>
    <row r="889409" spans="14:14">
      <c r="N889409" s="10"/>
    </row>
    <row r="889410" spans="14:14">
      <c r="N889410" s="10"/>
    </row>
    <row r="889411" spans="14:14">
      <c r="N889411" s="10"/>
    </row>
    <row r="889412" spans="14:14">
      <c r="N889412" s="10"/>
    </row>
    <row r="889413" spans="14:14">
      <c r="N889413" s="10"/>
    </row>
    <row r="889414" spans="14:14">
      <c r="N889414" s="10"/>
    </row>
    <row r="889415" spans="14:14">
      <c r="N889415" s="10"/>
    </row>
    <row r="889416" spans="14:14">
      <c r="N889416" s="10"/>
    </row>
    <row r="889417" spans="14:14">
      <c r="N889417" s="10"/>
    </row>
    <row r="889418" spans="14:14">
      <c r="N889418" s="10"/>
    </row>
    <row r="889419" spans="14:14">
      <c r="N889419" s="10"/>
    </row>
    <row r="889420" spans="14:14">
      <c r="N889420" s="10"/>
    </row>
    <row r="889421" spans="14:14">
      <c r="N889421" s="10"/>
    </row>
    <row r="889422" spans="14:14">
      <c r="N889422" s="10"/>
    </row>
    <row r="889423" spans="14:14">
      <c r="N889423" s="10"/>
    </row>
    <row r="889424" spans="14:14">
      <c r="N889424" s="10"/>
    </row>
    <row r="889425" spans="14:14">
      <c r="N889425" s="10"/>
    </row>
    <row r="889426" spans="14:14">
      <c r="N889426" s="10"/>
    </row>
    <row r="889427" spans="14:14">
      <c r="N889427" s="10"/>
    </row>
    <row r="889428" spans="14:14">
      <c r="N889428" s="10"/>
    </row>
    <row r="889429" spans="14:14">
      <c r="N889429" s="10"/>
    </row>
    <row r="889430" spans="14:14">
      <c r="N889430" s="10"/>
    </row>
    <row r="889431" spans="14:14">
      <c r="N889431" s="10"/>
    </row>
    <row r="889432" spans="14:14">
      <c r="N889432" s="10"/>
    </row>
    <row r="889433" spans="14:14">
      <c r="N889433" s="10"/>
    </row>
    <row r="889434" spans="14:14">
      <c r="N889434" s="10"/>
    </row>
    <row r="889435" spans="14:14">
      <c r="N889435" s="10"/>
    </row>
    <row r="889436" spans="14:14">
      <c r="N889436" s="10"/>
    </row>
    <row r="889437" spans="14:14">
      <c r="N889437" s="10"/>
    </row>
    <row r="889438" spans="14:14">
      <c r="N889438" s="10"/>
    </row>
    <row r="889439" spans="14:14">
      <c r="N889439" s="10"/>
    </row>
    <row r="889440" spans="14:14">
      <c r="N889440" s="10"/>
    </row>
    <row r="889441" spans="14:14">
      <c r="N889441" s="10"/>
    </row>
    <row r="889442" spans="14:14">
      <c r="N889442" s="10"/>
    </row>
    <row r="889443" spans="14:14">
      <c r="N889443" s="10"/>
    </row>
    <row r="889444" spans="14:14">
      <c r="N889444" s="10"/>
    </row>
    <row r="889445" spans="14:14">
      <c r="N889445" s="10"/>
    </row>
    <row r="889446" spans="14:14">
      <c r="N889446" s="10"/>
    </row>
    <row r="889447" spans="14:14">
      <c r="N889447" s="10"/>
    </row>
    <row r="889448" spans="14:14">
      <c r="N889448" s="10"/>
    </row>
    <row r="889449" spans="14:14">
      <c r="N889449" s="10"/>
    </row>
    <row r="889450" spans="14:14">
      <c r="N889450" s="10"/>
    </row>
    <row r="889451" spans="14:14">
      <c r="N889451" s="10"/>
    </row>
    <row r="889452" spans="14:14">
      <c r="N889452" s="10"/>
    </row>
    <row r="889453" spans="14:14">
      <c r="N889453" s="10"/>
    </row>
    <row r="889454" spans="14:14">
      <c r="N889454" s="10"/>
    </row>
    <row r="889455" spans="14:14">
      <c r="N889455" s="10"/>
    </row>
    <row r="889456" spans="14:14">
      <c r="N889456" s="10"/>
    </row>
    <row r="889457" spans="14:14">
      <c r="N889457" s="10"/>
    </row>
    <row r="889458" spans="14:14">
      <c r="N889458" s="10"/>
    </row>
    <row r="889459" spans="14:14">
      <c r="N889459" s="10"/>
    </row>
    <row r="889460" spans="14:14">
      <c r="N889460" s="10"/>
    </row>
    <row r="889461" spans="14:14">
      <c r="N889461" s="10"/>
    </row>
    <row r="889462" spans="14:14">
      <c r="N889462" s="10"/>
    </row>
    <row r="889463" spans="14:14">
      <c r="N889463" s="10"/>
    </row>
    <row r="889464" spans="14:14">
      <c r="N889464" s="10"/>
    </row>
    <row r="889465" spans="14:14">
      <c r="N889465" s="10"/>
    </row>
    <row r="889466" spans="14:14">
      <c r="N889466" s="10"/>
    </row>
    <row r="889467" spans="14:14">
      <c r="N889467" s="10"/>
    </row>
    <row r="889468" spans="14:14">
      <c r="N889468" s="10"/>
    </row>
    <row r="889469" spans="14:14">
      <c r="N889469" s="10"/>
    </row>
    <row r="889470" spans="14:14">
      <c r="N889470" s="10"/>
    </row>
    <row r="889471" spans="14:14">
      <c r="N889471" s="10"/>
    </row>
    <row r="889472" spans="14:14">
      <c r="N889472" s="10"/>
    </row>
    <row r="889473" spans="14:14">
      <c r="N889473" s="10"/>
    </row>
    <row r="889474" spans="14:14">
      <c r="N889474" s="10"/>
    </row>
    <row r="889475" spans="14:14">
      <c r="N889475" s="10"/>
    </row>
    <row r="889476" spans="14:14">
      <c r="N889476" s="10"/>
    </row>
    <row r="889477" spans="14:14">
      <c r="N889477" s="10"/>
    </row>
    <row r="889478" spans="14:14">
      <c r="N889478" s="10"/>
    </row>
    <row r="889479" spans="14:14">
      <c r="N889479" s="10"/>
    </row>
    <row r="889480" spans="14:14">
      <c r="N889480" s="10"/>
    </row>
    <row r="889481" spans="14:14">
      <c r="N889481" s="10"/>
    </row>
    <row r="889482" spans="14:14">
      <c r="N889482" s="10"/>
    </row>
    <row r="889483" spans="14:14">
      <c r="N889483" s="10"/>
    </row>
    <row r="889484" spans="14:14">
      <c r="N889484" s="10"/>
    </row>
    <row r="889485" spans="14:14">
      <c r="N889485" s="10"/>
    </row>
    <row r="889486" spans="14:14">
      <c r="N889486" s="10"/>
    </row>
    <row r="889487" spans="14:14">
      <c r="N889487" s="10"/>
    </row>
    <row r="889488" spans="14:14">
      <c r="N889488" s="10"/>
    </row>
    <row r="889489" spans="14:14">
      <c r="N889489" s="10"/>
    </row>
    <row r="889490" spans="14:14">
      <c r="N889490" s="10"/>
    </row>
    <row r="889491" spans="14:14">
      <c r="N889491" s="10"/>
    </row>
    <row r="889492" spans="14:14">
      <c r="N889492" s="10"/>
    </row>
    <row r="889493" spans="14:14">
      <c r="N889493" s="10"/>
    </row>
    <row r="889494" spans="14:14">
      <c r="N889494" s="10"/>
    </row>
    <row r="889495" spans="14:14">
      <c r="N889495" s="10"/>
    </row>
    <row r="889496" spans="14:14">
      <c r="N889496" s="10"/>
    </row>
    <row r="889497" spans="14:14">
      <c r="N889497" s="10"/>
    </row>
    <row r="889498" spans="14:14">
      <c r="N889498" s="10"/>
    </row>
    <row r="889499" spans="14:14">
      <c r="N889499" s="10"/>
    </row>
    <row r="889500" spans="14:14">
      <c r="N889500" s="10"/>
    </row>
    <row r="889501" spans="14:14">
      <c r="N889501" s="10"/>
    </row>
    <row r="889502" spans="14:14">
      <c r="N889502" s="10"/>
    </row>
    <row r="889503" spans="14:14">
      <c r="N889503" s="10"/>
    </row>
    <row r="889504" spans="14:14">
      <c r="N889504" s="10"/>
    </row>
    <row r="889505" spans="14:14">
      <c r="N889505" s="10"/>
    </row>
    <row r="889506" spans="14:14">
      <c r="N889506" s="10"/>
    </row>
    <row r="889507" spans="14:14">
      <c r="N889507" s="10"/>
    </row>
    <row r="889508" spans="14:14">
      <c r="N889508" s="10"/>
    </row>
    <row r="889509" spans="14:14">
      <c r="N889509" s="10"/>
    </row>
    <row r="889510" spans="14:14">
      <c r="N889510" s="10"/>
    </row>
    <row r="889511" spans="14:14">
      <c r="N889511" s="10"/>
    </row>
    <row r="889512" spans="14:14">
      <c r="N889512" s="10"/>
    </row>
    <row r="889513" spans="14:14">
      <c r="N889513" s="10"/>
    </row>
    <row r="889514" spans="14:14">
      <c r="N889514" s="10"/>
    </row>
    <row r="889515" spans="14:14">
      <c r="N889515" s="10"/>
    </row>
    <row r="889516" spans="14:14">
      <c r="N889516" s="10"/>
    </row>
    <row r="889517" spans="14:14">
      <c r="N889517" s="10"/>
    </row>
    <row r="889518" spans="14:14">
      <c r="N889518" s="10"/>
    </row>
    <row r="889519" spans="14:14">
      <c r="N889519" s="10"/>
    </row>
    <row r="889520" spans="14:14">
      <c r="N889520" s="10"/>
    </row>
    <row r="889521" spans="14:14">
      <c r="N889521" s="10"/>
    </row>
    <row r="889522" spans="14:14">
      <c r="N889522" s="10"/>
    </row>
    <row r="889523" spans="14:14">
      <c r="N889523" s="10"/>
    </row>
    <row r="889524" spans="14:14">
      <c r="N889524" s="10"/>
    </row>
    <row r="889525" spans="14:14">
      <c r="N889525" s="10"/>
    </row>
    <row r="889526" spans="14:14">
      <c r="N889526" s="10"/>
    </row>
    <row r="889527" spans="14:14">
      <c r="N889527" s="10"/>
    </row>
    <row r="889528" spans="14:14">
      <c r="N889528" s="10"/>
    </row>
    <row r="889529" spans="14:14">
      <c r="N889529" s="10"/>
    </row>
    <row r="889530" spans="14:14">
      <c r="N889530" s="10"/>
    </row>
    <row r="889531" spans="14:14">
      <c r="N889531" s="10"/>
    </row>
    <row r="889532" spans="14:14">
      <c r="N889532" s="10"/>
    </row>
    <row r="889533" spans="14:14">
      <c r="N889533" s="10"/>
    </row>
    <row r="889534" spans="14:14">
      <c r="N889534" s="10"/>
    </row>
    <row r="889535" spans="14:14">
      <c r="N889535" s="10"/>
    </row>
    <row r="889536" spans="14:14">
      <c r="N889536" s="10"/>
    </row>
    <row r="889537" spans="14:14">
      <c r="N889537" s="10"/>
    </row>
    <row r="889538" spans="14:14">
      <c r="N889538" s="10"/>
    </row>
    <row r="889539" spans="14:14">
      <c r="N889539" s="10"/>
    </row>
    <row r="889540" spans="14:14">
      <c r="N889540" s="10"/>
    </row>
    <row r="889541" spans="14:14">
      <c r="N889541" s="10"/>
    </row>
    <row r="889542" spans="14:14">
      <c r="N889542" s="10"/>
    </row>
    <row r="889543" spans="14:14">
      <c r="N889543" s="10"/>
    </row>
    <row r="889544" spans="14:14">
      <c r="N889544" s="10"/>
    </row>
    <row r="889545" spans="14:14">
      <c r="N889545" s="10"/>
    </row>
    <row r="889546" spans="14:14">
      <c r="N889546" s="10"/>
    </row>
    <row r="889547" spans="14:14">
      <c r="N889547" s="10"/>
    </row>
    <row r="889548" spans="14:14">
      <c r="N889548" s="10"/>
    </row>
    <row r="889549" spans="14:14">
      <c r="N889549" s="10"/>
    </row>
    <row r="889550" spans="14:14">
      <c r="N889550" s="10"/>
    </row>
    <row r="889551" spans="14:14">
      <c r="N889551" s="10"/>
    </row>
    <row r="889552" spans="14:14">
      <c r="N889552" s="10"/>
    </row>
    <row r="889553" spans="14:14">
      <c r="N889553" s="10"/>
    </row>
    <row r="889554" spans="14:14">
      <c r="N889554" s="10"/>
    </row>
    <row r="889555" spans="14:14">
      <c r="N889555" s="10"/>
    </row>
    <row r="889556" spans="14:14">
      <c r="N889556" s="10"/>
    </row>
    <row r="889557" spans="14:14">
      <c r="N889557" s="10"/>
    </row>
    <row r="889558" spans="14:14">
      <c r="N889558" s="10"/>
    </row>
    <row r="889559" spans="14:14">
      <c r="N889559" s="10"/>
    </row>
    <row r="889560" spans="14:14">
      <c r="N889560" s="10"/>
    </row>
    <row r="889561" spans="14:14">
      <c r="N889561" s="10"/>
    </row>
    <row r="889562" spans="14:14">
      <c r="N889562" s="10"/>
    </row>
    <row r="889563" spans="14:14">
      <c r="N889563" s="10"/>
    </row>
    <row r="889564" spans="14:14">
      <c r="N889564" s="10"/>
    </row>
    <row r="889565" spans="14:14">
      <c r="N889565" s="10"/>
    </row>
    <row r="889566" spans="14:14">
      <c r="N889566" s="10"/>
    </row>
    <row r="889567" spans="14:14">
      <c r="N889567" s="10"/>
    </row>
    <row r="889568" spans="14:14">
      <c r="N889568" s="10"/>
    </row>
    <row r="889569" spans="14:14">
      <c r="N889569" s="10"/>
    </row>
    <row r="889570" spans="14:14">
      <c r="N889570" s="10"/>
    </row>
    <row r="889571" spans="14:14">
      <c r="N889571" s="10"/>
    </row>
    <row r="889572" spans="14:14">
      <c r="N889572" s="10"/>
    </row>
    <row r="889573" spans="14:14">
      <c r="N889573" s="10"/>
    </row>
    <row r="889574" spans="14:14">
      <c r="N889574" s="10"/>
    </row>
    <row r="889575" spans="14:14">
      <c r="N889575" s="10"/>
    </row>
    <row r="889576" spans="14:14">
      <c r="N889576" s="10"/>
    </row>
    <row r="889577" spans="14:14">
      <c r="N889577" s="10"/>
    </row>
    <row r="889578" spans="14:14">
      <c r="N889578" s="10"/>
    </row>
    <row r="889579" spans="14:14">
      <c r="N889579" s="10"/>
    </row>
    <row r="889580" spans="14:14">
      <c r="N889580" s="10"/>
    </row>
    <row r="889581" spans="14:14">
      <c r="N889581" s="10"/>
    </row>
    <row r="889582" spans="14:14">
      <c r="N889582" s="10"/>
    </row>
    <row r="889583" spans="14:14">
      <c r="N889583" s="10"/>
    </row>
    <row r="889584" spans="14:14">
      <c r="N889584" s="10"/>
    </row>
    <row r="889585" spans="14:14">
      <c r="N889585" s="10"/>
    </row>
    <row r="889586" spans="14:14">
      <c r="N889586" s="10"/>
    </row>
    <row r="889587" spans="14:14">
      <c r="N889587" s="10"/>
    </row>
    <row r="889588" spans="14:14">
      <c r="N889588" s="10"/>
    </row>
    <row r="889589" spans="14:14">
      <c r="N889589" s="10"/>
    </row>
    <row r="889590" spans="14:14">
      <c r="N889590" s="10"/>
    </row>
    <row r="889591" spans="14:14">
      <c r="N889591" s="10"/>
    </row>
    <row r="889592" spans="14:14">
      <c r="N889592" s="10"/>
    </row>
    <row r="889593" spans="14:14">
      <c r="N889593" s="10"/>
    </row>
    <row r="889594" spans="14:14">
      <c r="N889594" s="10"/>
    </row>
    <row r="889595" spans="14:14">
      <c r="N889595" s="10"/>
    </row>
    <row r="889596" spans="14:14">
      <c r="N889596" s="10"/>
    </row>
    <row r="889597" spans="14:14">
      <c r="N889597" s="10"/>
    </row>
    <row r="889598" spans="14:14">
      <c r="N889598" s="10"/>
    </row>
    <row r="889599" spans="14:14">
      <c r="N889599" s="10"/>
    </row>
    <row r="889600" spans="14:14">
      <c r="N889600" s="10"/>
    </row>
    <row r="889601" spans="14:14">
      <c r="N889601" s="10"/>
    </row>
    <row r="889602" spans="14:14">
      <c r="N889602" s="10"/>
    </row>
    <row r="889603" spans="14:14">
      <c r="N889603" s="10"/>
    </row>
    <row r="889604" spans="14:14">
      <c r="N889604" s="10"/>
    </row>
    <row r="889605" spans="14:14">
      <c r="N889605" s="10"/>
    </row>
    <row r="889606" spans="14:14">
      <c r="N889606" s="10"/>
    </row>
    <row r="889607" spans="14:14">
      <c r="N889607" s="10"/>
    </row>
    <row r="889608" spans="14:14">
      <c r="N889608" s="10"/>
    </row>
    <row r="889609" spans="14:14">
      <c r="N889609" s="10"/>
    </row>
    <row r="889610" spans="14:14">
      <c r="N889610" s="10"/>
    </row>
    <row r="889611" spans="14:14">
      <c r="N889611" s="10"/>
    </row>
    <row r="889612" spans="14:14">
      <c r="N889612" s="10"/>
    </row>
    <row r="889613" spans="14:14">
      <c r="N889613" s="10"/>
    </row>
    <row r="889614" spans="14:14">
      <c r="N889614" s="10"/>
    </row>
    <row r="889615" spans="14:14">
      <c r="N889615" s="10"/>
    </row>
    <row r="889616" spans="14:14">
      <c r="N889616" s="10"/>
    </row>
    <row r="889617" spans="14:14">
      <c r="N889617" s="10"/>
    </row>
    <row r="889618" spans="14:14">
      <c r="N889618" s="10"/>
    </row>
    <row r="889619" spans="14:14">
      <c r="N889619" s="10"/>
    </row>
    <row r="889620" spans="14:14">
      <c r="N889620" s="10"/>
    </row>
    <row r="889621" spans="14:14">
      <c r="N889621" s="10"/>
    </row>
    <row r="889622" spans="14:14">
      <c r="N889622" s="10"/>
    </row>
    <row r="889623" spans="14:14">
      <c r="N889623" s="10"/>
    </row>
    <row r="889624" spans="14:14">
      <c r="N889624" s="10"/>
    </row>
    <row r="889625" spans="14:14">
      <c r="N889625" s="10"/>
    </row>
    <row r="889626" spans="14:14">
      <c r="N889626" s="10"/>
    </row>
    <row r="889627" spans="14:14">
      <c r="N889627" s="10"/>
    </row>
    <row r="889628" spans="14:14">
      <c r="N889628" s="10"/>
    </row>
    <row r="889629" spans="14:14">
      <c r="N889629" s="10"/>
    </row>
    <row r="889630" spans="14:14">
      <c r="N889630" s="10"/>
    </row>
    <row r="889631" spans="14:14">
      <c r="N889631" s="10"/>
    </row>
    <row r="889632" spans="14:14">
      <c r="N889632" s="10"/>
    </row>
    <row r="889633" spans="14:14">
      <c r="N889633" s="10"/>
    </row>
    <row r="889634" spans="14:14">
      <c r="N889634" s="10"/>
    </row>
    <row r="889635" spans="14:14">
      <c r="N889635" s="10"/>
    </row>
    <row r="889636" spans="14:14">
      <c r="N889636" s="10"/>
    </row>
    <row r="889637" spans="14:14">
      <c r="N889637" s="10"/>
    </row>
    <row r="889638" spans="14:14">
      <c r="N889638" s="10"/>
    </row>
    <row r="889639" spans="14:14">
      <c r="N889639" s="10"/>
    </row>
    <row r="889640" spans="14:14">
      <c r="N889640" s="10"/>
    </row>
    <row r="889641" spans="14:14">
      <c r="N889641" s="10"/>
    </row>
    <row r="889642" spans="14:14">
      <c r="N889642" s="10"/>
    </row>
    <row r="889643" spans="14:14">
      <c r="N889643" s="10"/>
    </row>
    <row r="889644" spans="14:14">
      <c r="N889644" s="10"/>
    </row>
    <row r="889645" spans="14:14">
      <c r="N889645" s="10"/>
    </row>
    <row r="889646" spans="14:14">
      <c r="N889646" s="10"/>
    </row>
    <row r="889647" spans="14:14">
      <c r="N889647" s="10"/>
    </row>
    <row r="889648" spans="14:14">
      <c r="N889648" s="10"/>
    </row>
    <row r="889649" spans="14:14">
      <c r="N889649" s="10"/>
    </row>
    <row r="889650" spans="14:14">
      <c r="N889650" s="10"/>
    </row>
    <row r="889651" spans="14:14">
      <c r="N889651" s="10"/>
    </row>
    <row r="889652" spans="14:14">
      <c r="N889652" s="10"/>
    </row>
    <row r="889653" spans="14:14">
      <c r="N889653" s="10"/>
    </row>
    <row r="889654" spans="14:14">
      <c r="N889654" s="10"/>
    </row>
    <row r="889655" spans="14:14">
      <c r="N889655" s="10"/>
    </row>
    <row r="889656" spans="14:14">
      <c r="N889656" s="10"/>
    </row>
    <row r="889657" spans="14:14">
      <c r="N889657" s="10"/>
    </row>
    <row r="889658" spans="14:14">
      <c r="N889658" s="10"/>
    </row>
    <row r="889659" spans="14:14">
      <c r="N889659" s="10"/>
    </row>
    <row r="889660" spans="14:14">
      <c r="N889660" s="10"/>
    </row>
    <row r="889661" spans="14:14">
      <c r="N889661" s="10"/>
    </row>
    <row r="889662" spans="14:14">
      <c r="N889662" s="10"/>
    </row>
    <row r="889663" spans="14:14">
      <c r="N889663" s="10"/>
    </row>
    <row r="889664" spans="14:14">
      <c r="N889664" s="10"/>
    </row>
    <row r="889665" spans="14:14">
      <c r="N889665" s="10"/>
    </row>
    <row r="889666" spans="14:14">
      <c r="N889666" s="10"/>
    </row>
    <row r="889667" spans="14:14">
      <c r="N889667" s="10"/>
    </row>
    <row r="889668" spans="14:14">
      <c r="N889668" s="10"/>
    </row>
    <row r="889669" spans="14:14">
      <c r="N889669" s="10"/>
    </row>
    <row r="889670" spans="14:14">
      <c r="N889670" s="10"/>
    </row>
    <row r="889671" spans="14:14">
      <c r="N889671" s="10"/>
    </row>
    <row r="889672" spans="14:14">
      <c r="N889672" s="10"/>
    </row>
    <row r="889673" spans="14:14">
      <c r="N889673" s="10"/>
    </row>
    <row r="889674" spans="14:14">
      <c r="N889674" s="10"/>
    </row>
    <row r="889675" spans="14:14">
      <c r="N889675" s="10"/>
    </row>
    <row r="889676" spans="14:14">
      <c r="N889676" s="10"/>
    </row>
    <row r="889677" spans="14:14">
      <c r="N889677" s="10"/>
    </row>
    <row r="889678" spans="14:14">
      <c r="N889678" s="10"/>
    </row>
    <row r="889679" spans="14:14">
      <c r="N889679" s="10"/>
    </row>
    <row r="889680" spans="14:14">
      <c r="N889680" s="10"/>
    </row>
    <row r="889681" spans="14:14">
      <c r="N889681" s="10"/>
    </row>
    <row r="889682" spans="14:14">
      <c r="N889682" s="10"/>
    </row>
    <row r="889683" spans="14:14">
      <c r="N889683" s="10"/>
    </row>
    <row r="889684" spans="14:14">
      <c r="N889684" s="10"/>
    </row>
    <row r="889685" spans="14:14">
      <c r="N889685" s="10"/>
    </row>
    <row r="889686" spans="14:14">
      <c r="N889686" s="10"/>
    </row>
    <row r="889687" spans="14:14">
      <c r="N889687" s="10"/>
    </row>
    <row r="889688" spans="14:14">
      <c r="N889688" s="10"/>
    </row>
    <row r="889689" spans="14:14">
      <c r="N889689" s="10"/>
    </row>
    <row r="889690" spans="14:14">
      <c r="N889690" s="10"/>
    </row>
    <row r="889691" spans="14:14">
      <c r="N889691" s="10"/>
    </row>
    <row r="889692" spans="14:14">
      <c r="N889692" s="10"/>
    </row>
    <row r="889693" spans="14:14">
      <c r="N889693" s="10"/>
    </row>
    <row r="889694" spans="14:14">
      <c r="N889694" s="10"/>
    </row>
    <row r="889695" spans="14:14">
      <c r="N889695" s="10"/>
    </row>
    <row r="889696" spans="14:14">
      <c r="N889696" s="10"/>
    </row>
    <row r="889697" spans="14:14">
      <c r="N889697" s="10"/>
    </row>
    <row r="889698" spans="14:14">
      <c r="N889698" s="10"/>
    </row>
    <row r="889699" spans="14:14">
      <c r="N889699" s="10"/>
    </row>
    <row r="889700" spans="14:14">
      <c r="N889700" s="10"/>
    </row>
    <row r="889701" spans="14:14">
      <c r="N889701" s="10"/>
    </row>
    <row r="889702" spans="14:14">
      <c r="N889702" s="10"/>
    </row>
    <row r="889703" spans="14:14">
      <c r="N889703" s="10"/>
    </row>
    <row r="889704" spans="14:14">
      <c r="N889704" s="10"/>
    </row>
    <row r="889705" spans="14:14">
      <c r="N889705" s="10"/>
    </row>
    <row r="889706" spans="14:14">
      <c r="N889706" s="10"/>
    </row>
    <row r="889707" spans="14:14">
      <c r="N889707" s="10"/>
    </row>
    <row r="889708" spans="14:14">
      <c r="N889708" s="10"/>
    </row>
    <row r="889709" spans="14:14">
      <c r="N889709" s="10"/>
    </row>
    <row r="889710" spans="14:14">
      <c r="N889710" s="10"/>
    </row>
    <row r="889711" spans="14:14">
      <c r="N889711" s="10"/>
    </row>
    <row r="889712" spans="14:14">
      <c r="N889712" s="10"/>
    </row>
    <row r="889713" spans="14:14">
      <c r="N889713" s="10"/>
    </row>
    <row r="889714" spans="14:14">
      <c r="N889714" s="10"/>
    </row>
    <row r="889715" spans="14:14">
      <c r="N889715" s="10"/>
    </row>
    <row r="889716" spans="14:14">
      <c r="N889716" s="10"/>
    </row>
    <row r="889717" spans="14:14">
      <c r="N889717" s="10"/>
    </row>
    <row r="889718" spans="14:14">
      <c r="N889718" s="10"/>
    </row>
    <row r="889719" spans="14:14">
      <c r="N889719" s="10"/>
    </row>
    <row r="889720" spans="14:14">
      <c r="N889720" s="10"/>
    </row>
    <row r="889721" spans="14:14">
      <c r="N889721" s="10"/>
    </row>
    <row r="889722" spans="14:14">
      <c r="N889722" s="10"/>
    </row>
    <row r="889723" spans="14:14">
      <c r="N889723" s="10"/>
    </row>
    <row r="889724" spans="14:14">
      <c r="N889724" s="10"/>
    </row>
    <row r="889725" spans="14:14">
      <c r="N889725" s="10"/>
    </row>
    <row r="889726" spans="14:14">
      <c r="N889726" s="10"/>
    </row>
    <row r="889727" spans="14:14">
      <c r="N889727" s="10"/>
    </row>
    <row r="889728" spans="14:14">
      <c r="N889728" s="10"/>
    </row>
    <row r="889729" spans="14:14">
      <c r="N889729" s="10"/>
    </row>
    <row r="889730" spans="14:14">
      <c r="N889730" s="10"/>
    </row>
    <row r="889731" spans="14:14">
      <c r="N889731" s="10"/>
    </row>
    <row r="889732" spans="14:14">
      <c r="N889732" s="10"/>
    </row>
    <row r="889733" spans="14:14">
      <c r="N889733" s="10"/>
    </row>
    <row r="889734" spans="14:14">
      <c r="N889734" s="10"/>
    </row>
    <row r="889735" spans="14:14">
      <c r="N889735" s="10"/>
    </row>
    <row r="889736" spans="14:14">
      <c r="N889736" s="10"/>
    </row>
    <row r="889737" spans="14:14">
      <c r="N889737" s="10"/>
    </row>
    <row r="889738" spans="14:14">
      <c r="N889738" s="10"/>
    </row>
    <row r="889739" spans="14:14">
      <c r="N889739" s="10"/>
    </row>
    <row r="889740" spans="14:14">
      <c r="N889740" s="10"/>
    </row>
    <row r="889741" spans="14:14">
      <c r="N889741" s="10"/>
    </row>
    <row r="889742" spans="14:14">
      <c r="N889742" s="10"/>
    </row>
    <row r="889743" spans="14:14">
      <c r="N889743" s="10"/>
    </row>
    <row r="889744" spans="14:14">
      <c r="N889744" s="10"/>
    </row>
    <row r="889745" spans="14:14">
      <c r="N889745" s="10"/>
    </row>
    <row r="889746" spans="14:14">
      <c r="N889746" s="10"/>
    </row>
    <row r="889747" spans="14:14">
      <c r="N889747" s="10"/>
    </row>
    <row r="889748" spans="14:14">
      <c r="N889748" s="10"/>
    </row>
    <row r="889749" spans="14:14">
      <c r="N889749" s="10"/>
    </row>
    <row r="889750" spans="14:14">
      <c r="N889750" s="10"/>
    </row>
    <row r="889751" spans="14:14">
      <c r="N889751" s="10"/>
    </row>
    <row r="889752" spans="14:14">
      <c r="N889752" s="10"/>
    </row>
    <row r="889753" spans="14:14">
      <c r="N889753" s="10"/>
    </row>
    <row r="889754" spans="14:14">
      <c r="N889754" s="10"/>
    </row>
    <row r="889755" spans="14:14">
      <c r="N889755" s="10"/>
    </row>
    <row r="889756" spans="14:14">
      <c r="N889756" s="10"/>
    </row>
    <row r="889757" spans="14:14">
      <c r="N889757" s="10"/>
    </row>
    <row r="889758" spans="14:14">
      <c r="N889758" s="10"/>
    </row>
    <row r="889759" spans="14:14">
      <c r="N889759" s="10"/>
    </row>
    <row r="889760" spans="14:14">
      <c r="N889760" s="10"/>
    </row>
    <row r="889761" spans="14:14">
      <c r="N889761" s="10"/>
    </row>
    <row r="889762" spans="14:14">
      <c r="N889762" s="10"/>
    </row>
    <row r="889763" spans="14:14">
      <c r="N889763" s="10"/>
    </row>
    <row r="889764" spans="14:14">
      <c r="N889764" s="10"/>
    </row>
    <row r="889765" spans="14:14">
      <c r="N889765" s="10"/>
    </row>
    <row r="889766" spans="14:14">
      <c r="N889766" s="10"/>
    </row>
    <row r="889767" spans="14:14">
      <c r="N889767" s="10"/>
    </row>
    <row r="889768" spans="14:14">
      <c r="N889768" s="10"/>
    </row>
    <row r="889769" spans="14:14">
      <c r="N889769" s="10"/>
    </row>
    <row r="889770" spans="14:14">
      <c r="N889770" s="10"/>
    </row>
    <row r="889771" spans="14:14">
      <c r="N889771" s="10"/>
    </row>
    <row r="889772" spans="14:14">
      <c r="N889772" s="10"/>
    </row>
    <row r="889773" spans="14:14">
      <c r="N889773" s="10"/>
    </row>
    <row r="889774" spans="14:14">
      <c r="N889774" s="10"/>
    </row>
    <row r="889775" spans="14:14">
      <c r="N889775" s="10"/>
    </row>
    <row r="889776" spans="14:14">
      <c r="N889776" s="10"/>
    </row>
    <row r="889777" spans="14:14">
      <c r="N889777" s="10"/>
    </row>
    <row r="889778" spans="14:14">
      <c r="N889778" s="10"/>
    </row>
    <row r="889779" spans="14:14">
      <c r="N889779" s="10"/>
    </row>
    <row r="889780" spans="14:14">
      <c r="N889780" s="10"/>
    </row>
    <row r="889781" spans="14:14">
      <c r="N889781" s="10"/>
    </row>
    <row r="889782" spans="14:14">
      <c r="N889782" s="10"/>
    </row>
    <row r="889783" spans="14:14">
      <c r="N889783" s="10"/>
    </row>
    <row r="889784" spans="14:14">
      <c r="N889784" s="10"/>
    </row>
    <row r="889785" spans="14:14">
      <c r="N889785" s="10"/>
    </row>
    <row r="889786" spans="14:14">
      <c r="N889786" s="10"/>
    </row>
    <row r="889787" spans="14:14">
      <c r="N889787" s="10"/>
    </row>
    <row r="889788" spans="14:14">
      <c r="N889788" s="10"/>
    </row>
    <row r="889789" spans="14:14">
      <c r="N889789" s="10"/>
    </row>
    <row r="889790" spans="14:14">
      <c r="N889790" s="10"/>
    </row>
    <row r="889791" spans="14:14">
      <c r="N889791" s="10"/>
    </row>
    <row r="889792" spans="14:14">
      <c r="N889792" s="10"/>
    </row>
    <row r="889793" spans="14:14">
      <c r="N889793" s="10"/>
    </row>
    <row r="889794" spans="14:14">
      <c r="N889794" s="10"/>
    </row>
    <row r="889795" spans="14:14">
      <c r="N889795" s="10"/>
    </row>
    <row r="889796" spans="14:14">
      <c r="N889796" s="10"/>
    </row>
    <row r="889797" spans="14:14">
      <c r="N889797" s="10"/>
    </row>
    <row r="889798" spans="14:14">
      <c r="N889798" s="10"/>
    </row>
    <row r="889799" spans="14:14">
      <c r="N889799" s="10"/>
    </row>
    <row r="889800" spans="14:14">
      <c r="N889800" s="10"/>
    </row>
    <row r="889801" spans="14:14">
      <c r="N889801" s="10"/>
    </row>
    <row r="889802" spans="14:14">
      <c r="N889802" s="10"/>
    </row>
    <row r="889803" spans="14:14">
      <c r="N889803" s="10"/>
    </row>
    <row r="889804" spans="14:14">
      <c r="N889804" s="10"/>
    </row>
    <row r="889805" spans="14:14">
      <c r="N889805" s="10"/>
    </row>
    <row r="889806" spans="14:14">
      <c r="N889806" s="10"/>
    </row>
    <row r="889807" spans="14:14">
      <c r="N889807" s="10"/>
    </row>
    <row r="889808" spans="14:14">
      <c r="N889808" s="10"/>
    </row>
    <row r="889809" spans="14:14">
      <c r="N889809" s="10"/>
    </row>
    <row r="889810" spans="14:14">
      <c r="N889810" s="10"/>
    </row>
    <row r="889811" spans="14:14">
      <c r="N889811" s="10"/>
    </row>
    <row r="889812" spans="14:14">
      <c r="N889812" s="10"/>
    </row>
    <row r="889813" spans="14:14">
      <c r="N889813" s="10"/>
    </row>
    <row r="889814" spans="14:14">
      <c r="N889814" s="10"/>
    </row>
    <row r="889815" spans="14:14">
      <c r="N889815" s="10"/>
    </row>
    <row r="889816" spans="14:14">
      <c r="N889816" s="10"/>
    </row>
    <row r="889817" spans="14:14">
      <c r="N889817" s="10"/>
    </row>
    <row r="889818" spans="14:14">
      <c r="N889818" s="10"/>
    </row>
    <row r="889819" spans="14:14">
      <c r="N889819" s="10"/>
    </row>
    <row r="889820" spans="14:14">
      <c r="N889820" s="10"/>
    </row>
    <row r="889821" spans="14:14">
      <c r="N889821" s="10"/>
    </row>
    <row r="889822" spans="14:14">
      <c r="N889822" s="10"/>
    </row>
    <row r="889823" spans="14:14">
      <c r="N889823" s="10"/>
    </row>
    <row r="889824" spans="14:14">
      <c r="N889824" s="10"/>
    </row>
    <row r="889825" spans="14:14">
      <c r="N889825" s="10"/>
    </row>
    <row r="889826" spans="14:14">
      <c r="N889826" s="10"/>
    </row>
    <row r="889827" spans="14:14">
      <c r="N889827" s="10"/>
    </row>
    <row r="889828" spans="14:14">
      <c r="N889828" s="10"/>
    </row>
    <row r="889829" spans="14:14">
      <c r="N889829" s="10"/>
    </row>
    <row r="889830" spans="14:14">
      <c r="N889830" s="10"/>
    </row>
    <row r="889831" spans="14:14">
      <c r="N889831" s="10"/>
    </row>
    <row r="889832" spans="14:14">
      <c r="N889832" s="10"/>
    </row>
    <row r="889833" spans="14:14">
      <c r="N889833" s="10"/>
    </row>
    <row r="889834" spans="14:14">
      <c r="N889834" s="10"/>
    </row>
    <row r="889835" spans="14:14">
      <c r="N889835" s="10"/>
    </row>
    <row r="889836" spans="14:14">
      <c r="N889836" s="10"/>
    </row>
    <row r="889837" spans="14:14">
      <c r="N889837" s="10"/>
    </row>
    <row r="889838" spans="14:14">
      <c r="N889838" s="10"/>
    </row>
    <row r="889839" spans="14:14">
      <c r="N889839" s="10"/>
    </row>
    <row r="889840" spans="14:14">
      <c r="N889840" s="10"/>
    </row>
    <row r="889841" spans="14:14">
      <c r="N889841" s="10"/>
    </row>
    <row r="889842" spans="14:14">
      <c r="N889842" s="10"/>
    </row>
    <row r="889843" spans="14:14">
      <c r="N889843" s="10"/>
    </row>
    <row r="889844" spans="14:14">
      <c r="N889844" s="10"/>
    </row>
    <row r="889845" spans="14:14">
      <c r="N889845" s="10"/>
    </row>
    <row r="889846" spans="14:14">
      <c r="N889846" s="10"/>
    </row>
    <row r="889847" spans="14:14">
      <c r="N889847" s="10"/>
    </row>
    <row r="889848" spans="14:14">
      <c r="N889848" s="10"/>
    </row>
    <row r="889849" spans="14:14">
      <c r="N889849" s="10"/>
    </row>
    <row r="889850" spans="14:14">
      <c r="N889850" s="10"/>
    </row>
    <row r="889851" spans="14:14">
      <c r="N889851" s="10"/>
    </row>
    <row r="889852" spans="14:14">
      <c r="N889852" s="10"/>
    </row>
    <row r="889853" spans="14:14">
      <c r="N889853" s="10"/>
    </row>
    <row r="889854" spans="14:14">
      <c r="N889854" s="10"/>
    </row>
    <row r="889855" spans="14:14">
      <c r="N889855" s="10"/>
    </row>
    <row r="889856" spans="14:14">
      <c r="N889856" s="10"/>
    </row>
    <row r="889857" spans="14:14">
      <c r="N889857" s="10"/>
    </row>
    <row r="889858" spans="14:14">
      <c r="N889858" s="10"/>
    </row>
    <row r="889859" spans="14:14">
      <c r="N889859" s="10"/>
    </row>
    <row r="889860" spans="14:14">
      <c r="N889860" s="10"/>
    </row>
    <row r="889861" spans="14:14">
      <c r="N889861" s="10"/>
    </row>
    <row r="889862" spans="14:14">
      <c r="N889862" s="10"/>
    </row>
    <row r="889863" spans="14:14">
      <c r="N889863" s="10"/>
    </row>
    <row r="889864" spans="14:14">
      <c r="N889864" s="10"/>
    </row>
    <row r="889865" spans="14:14">
      <c r="N889865" s="10"/>
    </row>
    <row r="889866" spans="14:14">
      <c r="N889866" s="10"/>
    </row>
    <row r="889867" spans="14:14">
      <c r="N889867" s="10"/>
    </row>
    <row r="889868" spans="14:14">
      <c r="N889868" s="10"/>
    </row>
    <row r="889869" spans="14:14">
      <c r="N889869" s="10"/>
    </row>
    <row r="889870" spans="14:14">
      <c r="N889870" s="10"/>
    </row>
    <row r="889871" spans="14:14">
      <c r="N889871" s="10"/>
    </row>
    <row r="889872" spans="14:14">
      <c r="N889872" s="10"/>
    </row>
    <row r="889873" spans="14:14">
      <c r="N889873" s="10"/>
    </row>
    <row r="889874" spans="14:14">
      <c r="N889874" s="10"/>
    </row>
    <row r="889875" spans="14:14">
      <c r="N889875" s="10"/>
    </row>
    <row r="889876" spans="14:14">
      <c r="N889876" s="10"/>
    </row>
    <row r="889877" spans="14:14">
      <c r="N889877" s="10"/>
    </row>
    <row r="889878" spans="14:14">
      <c r="N889878" s="10"/>
    </row>
    <row r="889879" spans="14:14">
      <c r="N889879" s="10"/>
    </row>
    <row r="889880" spans="14:14">
      <c r="N889880" s="10"/>
    </row>
    <row r="889881" spans="14:14">
      <c r="N889881" s="10"/>
    </row>
    <row r="889882" spans="14:14">
      <c r="N889882" s="10"/>
    </row>
    <row r="889883" spans="14:14">
      <c r="N889883" s="10"/>
    </row>
    <row r="889884" spans="14:14">
      <c r="N889884" s="10"/>
    </row>
    <row r="889885" spans="14:14">
      <c r="N889885" s="10"/>
    </row>
    <row r="889886" spans="14:14">
      <c r="N889886" s="10"/>
    </row>
    <row r="889887" spans="14:14">
      <c r="N889887" s="10"/>
    </row>
    <row r="889888" spans="14:14">
      <c r="N889888" s="10"/>
    </row>
    <row r="889889" spans="14:14">
      <c r="N889889" s="10"/>
    </row>
    <row r="889890" spans="14:14">
      <c r="N889890" s="10"/>
    </row>
    <row r="889891" spans="14:14">
      <c r="N889891" s="10"/>
    </row>
    <row r="889892" spans="14:14">
      <c r="N889892" s="10"/>
    </row>
    <row r="889893" spans="14:14">
      <c r="N889893" s="10"/>
    </row>
    <row r="889894" spans="14:14">
      <c r="N889894" s="10"/>
    </row>
    <row r="889895" spans="14:14">
      <c r="N889895" s="10"/>
    </row>
    <row r="889896" spans="14:14">
      <c r="N889896" s="10"/>
    </row>
    <row r="889897" spans="14:14">
      <c r="N889897" s="10"/>
    </row>
    <row r="889898" spans="14:14">
      <c r="N889898" s="10"/>
    </row>
    <row r="889899" spans="14:14">
      <c r="N889899" s="10"/>
    </row>
    <row r="889900" spans="14:14">
      <c r="N889900" s="10"/>
    </row>
    <row r="889901" spans="14:14">
      <c r="N889901" s="10"/>
    </row>
    <row r="889902" spans="14:14">
      <c r="N889902" s="10"/>
    </row>
    <row r="889903" spans="14:14">
      <c r="N889903" s="10"/>
    </row>
    <row r="889904" spans="14:14">
      <c r="N889904" s="10"/>
    </row>
    <row r="889905" spans="14:14">
      <c r="N889905" s="10"/>
    </row>
    <row r="889906" spans="14:14">
      <c r="N889906" s="10"/>
    </row>
    <row r="889907" spans="14:14">
      <c r="N889907" s="10"/>
    </row>
    <row r="889908" spans="14:14">
      <c r="N889908" s="10"/>
    </row>
    <row r="889909" spans="14:14">
      <c r="N889909" s="10"/>
    </row>
    <row r="889910" spans="14:14">
      <c r="N889910" s="10"/>
    </row>
    <row r="889911" spans="14:14">
      <c r="N889911" s="10"/>
    </row>
    <row r="889912" spans="14:14">
      <c r="N889912" s="10"/>
    </row>
    <row r="889913" spans="14:14">
      <c r="N889913" s="10"/>
    </row>
    <row r="889914" spans="14:14">
      <c r="N889914" s="10"/>
    </row>
    <row r="889915" spans="14:14">
      <c r="N889915" s="10"/>
    </row>
    <row r="889916" spans="14:14">
      <c r="N889916" s="10"/>
    </row>
    <row r="889917" spans="14:14">
      <c r="N889917" s="10"/>
    </row>
    <row r="889918" spans="14:14">
      <c r="N889918" s="10"/>
    </row>
    <row r="889919" spans="14:14">
      <c r="N889919" s="10"/>
    </row>
    <row r="889920" spans="14:14">
      <c r="N889920" s="10"/>
    </row>
    <row r="889921" spans="14:14">
      <c r="N889921" s="10"/>
    </row>
    <row r="889922" spans="14:14">
      <c r="N889922" s="10"/>
    </row>
    <row r="889923" spans="14:14">
      <c r="N889923" s="10"/>
    </row>
    <row r="889924" spans="14:14">
      <c r="N889924" s="10"/>
    </row>
    <row r="889925" spans="14:14">
      <c r="N889925" s="10"/>
    </row>
    <row r="889926" spans="14:14">
      <c r="N889926" s="10"/>
    </row>
    <row r="889927" spans="14:14">
      <c r="N889927" s="10"/>
    </row>
    <row r="889928" spans="14:14">
      <c r="N889928" s="10"/>
    </row>
    <row r="889929" spans="14:14">
      <c r="N889929" s="10"/>
    </row>
    <row r="889930" spans="14:14">
      <c r="N889930" s="10"/>
    </row>
    <row r="889931" spans="14:14">
      <c r="N889931" s="10"/>
    </row>
    <row r="889932" spans="14:14">
      <c r="N889932" s="10"/>
    </row>
    <row r="889933" spans="14:14">
      <c r="N889933" s="10"/>
    </row>
    <row r="889934" spans="14:14">
      <c r="N889934" s="10"/>
    </row>
    <row r="889935" spans="14:14">
      <c r="N889935" s="10"/>
    </row>
    <row r="889936" spans="14:14">
      <c r="N889936" s="10"/>
    </row>
    <row r="889937" spans="14:14">
      <c r="N889937" s="10"/>
    </row>
    <row r="889938" spans="14:14">
      <c r="N889938" s="10"/>
    </row>
    <row r="889939" spans="14:14">
      <c r="N889939" s="10"/>
    </row>
    <row r="889940" spans="14:14">
      <c r="N889940" s="10"/>
    </row>
    <row r="889941" spans="14:14">
      <c r="N889941" s="10"/>
    </row>
    <row r="889942" spans="14:14">
      <c r="N889942" s="10"/>
    </row>
    <row r="889943" spans="14:14">
      <c r="N889943" s="10"/>
    </row>
    <row r="889944" spans="14:14">
      <c r="N889944" s="10"/>
    </row>
    <row r="889945" spans="14:14">
      <c r="N889945" s="10"/>
    </row>
    <row r="889946" spans="14:14">
      <c r="N889946" s="10"/>
    </row>
    <row r="889947" spans="14:14">
      <c r="N889947" s="10"/>
    </row>
    <row r="889948" spans="14:14">
      <c r="N889948" s="10"/>
    </row>
    <row r="889949" spans="14:14">
      <c r="N889949" s="10"/>
    </row>
    <row r="889950" spans="14:14">
      <c r="N889950" s="10"/>
    </row>
    <row r="889951" spans="14:14">
      <c r="N889951" s="10"/>
    </row>
    <row r="889952" spans="14:14">
      <c r="N889952" s="10"/>
    </row>
    <row r="889953" spans="14:14">
      <c r="N889953" s="10"/>
    </row>
    <row r="889954" spans="14:14">
      <c r="N889954" s="10"/>
    </row>
    <row r="889955" spans="14:14">
      <c r="N889955" s="10"/>
    </row>
    <row r="889956" spans="14:14">
      <c r="N889956" s="10"/>
    </row>
    <row r="889957" spans="14:14">
      <c r="N889957" s="10"/>
    </row>
    <row r="889958" spans="14:14">
      <c r="N889958" s="10"/>
    </row>
    <row r="889959" spans="14:14">
      <c r="N889959" s="10"/>
    </row>
    <row r="889960" spans="14:14">
      <c r="N889960" s="10"/>
    </row>
    <row r="889961" spans="14:14">
      <c r="N889961" s="10"/>
    </row>
    <row r="889962" spans="14:14">
      <c r="N889962" s="10"/>
    </row>
    <row r="889963" spans="14:14">
      <c r="N889963" s="10"/>
    </row>
    <row r="889964" spans="14:14">
      <c r="N889964" s="10"/>
    </row>
    <row r="889965" spans="14:14">
      <c r="N889965" s="10"/>
    </row>
    <row r="889966" spans="14:14">
      <c r="N889966" s="10"/>
    </row>
    <row r="889967" spans="14:14">
      <c r="N889967" s="10"/>
    </row>
    <row r="889968" spans="14:14">
      <c r="N889968" s="10"/>
    </row>
    <row r="889969" spans="14:14">
      <c r="N889969" s="10"/>
    </row>
    <row r="889970" spans="14:14">
      <c r="N889970" s="10"/>
    </row>
    <row r="889971" spans="14:14">
      <c r="N889971" s="10"/>
    </row>
    <row r="889972" spans="14:14">
      <c r="N889972" s="10"/>
    </row>
    <row r="889973" spans="14:14">
      <c r="N889973" s="10"/>
    </row>
    <row r="889974" spans="14:14">
      <c r="N889974" s="10"/>
    </row>
    <row r="889975" spans="14:14">
      <c r="N889975" s="10"/>
    </row>
    <row r="889976" spans="14:14">
      <c r="N889976" s="10"/>
    </row>
    <row r="889977" spans="14:14">
      <c r="N889977" s="10"/>
    </row>
    <row r="889978" spans="14:14">
      <c r="N889978" s="10"/>
    </row>
    <row r="889979" spans="14:14">
      <c r="N889979" s="10"/>
    </row>
    <row r="889980" spans="14:14">
      <c r="N889980" s="10"/>
    </row>
    <row r="889981" spans="14:14">
      <c r="N889981" s="10"/>
    </row>
    <row r="889982" spans="14:14">
      <c r="N889982" s="10"/>
    </row>
    <row r="889983" spans="14:14">
      <c r="N889983" s="10"/>
    </row>
    <row r="889984" spans="14:14">
      <c r="N889984" s="10"/>
    </row>
    <row r="889985" spans="14:14">
      <c r="N889985" s="10"/>
    </row>
    <row r="889986" spans="14:14">
      <c r="N889986" s="10"/>
    </row>
    <row r="889987" spans="14:14">
      <c r="N889987" s="10"/>
    </row>
    <row r="889988" spans="14:14">
      <c r="N889988" s="10"/>
    </row>
    <row r="889989" spans="14:14">
      <c r="N889989" s="10"/>
    </row>
    <row r="889990" spans="14:14">
      <c r="N889990" s="10"/>
    </row>
    <row r="889991" spans="14:14">
      <c r="N889991" s="10"/>
    </row>
    <row r="889992" spans="14:14">
      <c r="N889992" s="10"/>
    </row>
    <row r="889993" spans="14:14">
      <c r="N889993" s="10"/>
    </row>
    <row r="889994" spans="14:14">
      <c r="N889994" s="10"/>
    </row>
    <row r="889995" spans="14:14">
      <c r="N889995" s="10"/>
    </row>
    <row r="889996" spans="14:14">
      <c r="N889996" s="10"/>
    </row>
    <row r="889997" spans="14:14">
      <c r="N889997" s="10"/>
    </row>
    <row r="889998" spans="14:14">
      <c r="N889998" s="10"/>
    </row>
    <row r="889999" spans="14:14">
      <c r="N889999" s="10"/>
    </row>
    <row r="890000" spans="14:14">
      <c r="N890000" s="10"/>
    </row>
    <row r="890001" spans="14:14">
      <c r="N890001" s="10"/>
    </row>
    <row r="890002" spans="14:14">
      <c r="N890002" s="10"/>
    </row>
    <row r="890003" spans="14:14">
      <c r="N890003" s="10"/>
    </row>
    <row r="890004" spans="14:14">
      <c r="N890004" s="10"/>
    </row>
    <row r="890005" spans="14:14">
      <c r="N890005" s="10"/>
    </row>
    <row r="890006" spans="14:14">
      <c r="N890006" s="10"/>
    </row>
    <row r="890007" spans="14:14">
      <c r="N890007" s="10"/>
    </row>
    <row r="890008" spans="14:14">
      <c r="N890008" s="10"/>
    </row>
    <row r="890009" spans="14:14">
      <c r="N890009" s="10"/>
    </row>
    <row r="890010" spans="14:14">
      <c r="N890010" s="10"/>
    </row>
    <row r="890011" spans="14:14">
      <c r="N890011" s="10"/>
    </row>
    <row r="890012" spans="14:14">
      <c r="N890012" s="10"/>
    </row>
    <row r="890013" spans="14:14">
      <c r="N890013" s="10"/>
    </row>
    <row r="890014" spans="14:14">
      <c r="N890014" s="10"/>
    </row>
    <row r="890015" spans="14:14">
      <c r="N890015" s="10"/>
    </row>
    <row r="890016" spans="14:14">
      <c r="N890016" s="10"/>
    </row>
    <row r="890017" spans="14:14">
      <c r="N890017" s="10"/>
    </row>
    <row r="890018" spans="14:14">
      <c r="N890018" s="10"/>
    </row>
    <row r="890019" spans="14:14">
      <c r="N890019" s="10"/>
    </row>
    <row r="890020" spans="14:14">
      <c r="N890020" s="10"/>
    </row>
    <row r="890021" spans="14:14">
      <c r="N890021" s="10"/>
    </row>
    <row r="890022" spans="14:14">
      <c r="N890022" s="10"/>
    </row>
    <row r="890023" spans="14:14">
      <c r="N890023" s="10"/>
    </row>
    <row r="890024" spans="14:14">
      <c r="N890024" s="10"/>
    </row>
    <row r="890025" spans="14:14">
      <c r="N890025" s="10"/>
    </row>
    <row r="890026" spans="14:14">
      <c r="N890026" s="10"/>
    </row>
    <row r="890027" spans="14:14">
      <c r="N890027" s="10"/>
    </row>
    <row r="890028" spans="14:14">
      <c r="N890028" s="10"/>
    </row>
    <row r="890029" spans="14:14">
      <c r="N890029" s="10"/>
    </row>
    <row r="890030" spans="14:14">
      <c r="N890030" s="10"/>
    </row>
    <row r="890031" spans="14:14">
      <c r="N890031" s="10"/>
    </row>
    <row r="890032" spans="14:14">
      <c r="N890032" s="10"/>
    </row>
    <row r="890033" spans="14:14">
      <c r="N890033" s="10"/>
    </row>
    <row r="890034" spans="14:14">
      <c r="N890034" s="10"/>
    </row>
    <row r="890035" spans="14:14">
      <c r="N890035" s="10"/>
    </row>
    <row r="890036" spans="14:14">
      <c r="N890036" s="10"/>
    </row>
    <row r="890037" spans="14:14">
      <c r="N890037" s="10"/>
    </row>
    <row r="890038" spans="14:14">
      <c r="N890038" s="10"/>
    </row>
    <row r="890039" spans="14:14">
      <c r="N890039" s="10"/>
    </row>
    <row r="890040" spans="14:14">
      <c r="N890040" s="10"/>
    </row>
    <row r="890041" spans="14:14">
      <c r="N890041" s="10"/>
    </row>
    <row r="890042" spans="14:14">
      <c r="N890042" s="10"/>
    </row>
    <row r="890043" spans="14:14">
      <c r="N890043" s="10"/>
    </row>
    <row r="890044" spans="14:14">
      <c r="N890044" s="10"/>
    </row>
    <row r="890045" spans="14:14">
      <c r="N890045" s="10"/>
    </row>
    <row r="890046" spans="14:14">
      <c r="N890046" s="10"/>
    </row>
    <row r="890047" spans="14:14">
      <c r="N890047" s="10"/>
    </row>
    <row r="890048" spans="14:14">
      <c r="N890048" s="10"/>
    </row>
    <row r="890049" spans="14:14">
      <c r="N890049" s="10"/>
    </row>
    <row r="890050" spans="14:14">
      <c r="N890050" s="10"/>
    </row>
    <row r="890051" spans="14:14">
      <c r="N890051" s="10"/>
    </row>
    <row r="890052" spans="14:14">
      <c r="N890052" s="10"/>
    </row>
    <row r="890053" spans="14:14">
      <c r="N890053" s="10"/>
    </row>
    <row r="890054" spans="14:14">
      <c r="N890054" s="10"/>
    </row>
    <row r="890055" spans="14:14">
      <c r="N890055" s="10"/>
    </row>
    <row r="890056" spans="14:14">
      <c r="N890056" s="10"/>
    </row>
    <row r="890057" spans="14:14">
      <c r="N890057" s="10"/>
    </row>
    <row r="890058" spans="14:14">
      <c r="N890058" s="10"/>
    </row>
    <row r="890059" spans="14:14">
      <c r="N890059" s="10"/>
    </row>
    <row r="890060" spans="14:14">
      <c r="N890060" s="10"/>
    </row>
    <row r="890061" spans="14:14">
      <c r="N890061" s="10"/>
    </row>
    <row r="890062" spans="14:14">
      <c r="N890062" s="10"/>
    </row>
    <row r="890063" spans="14:14">
      <c r="N890063" s="10"/>
    </row>
    <row r="890064" spans="14:14">
      <c r="N890064" s="10"/>
    </row>
    <row r="890065" spans="14:14">
      <c r="N890065" s="10"/>
    </row>
    <row r="890066" spans="14:14">
      <c r="N890066" s="10"/>
    </row>
    <row r="890067" spans="14:14">
      <c r="N890067" s="10"/>
    </row>
    <row r="890068" spans="14:14">
      <c r="N890068" s="10"/>
    </row>
    <row r="890069" spans="14:14">
      <c r="N890069" s="10"/>
    </row>
    <row r="890070" spans="14:14">
      <c r="N890070" s="10"/>
    </row>
    <row r="890071" spans="14:14">
      <c r="N890071" s="10"/>
    </row>
    <row r="890072" spans="14:14">
      <c r="N890072" s="10"/>
    </row>
    <row r="890073" spans="14:14">
      <c r="N890073" s="10"/>
    </row>
    <row r="890074" spans="14:14">
      <c r="N890074" s="10"/>
    </row>
    <row r="890075" spans="14:14">
      <c r="N890075" s="10"/>
    </row>
    <row r="890076" spans="14:14">
      <c r="N890076" s="10"/>
    </row>
    <row r="890077" spans="14:14">
      <c r="N890077" s="10"/>
    </row>
    <row r="890078" spans="14:14">
      <c r="N890078" s="10"/>
    </row>
    <row r="890079" spans="14:14">
      <c r="N890079" s="10"/>
    </row>
    <row r="890080" spans="14:14">
      <c r="N890080" s="10"/>
    </row>
    <row r="890081" spans="14:14">
      <c r="N890081" s="10"/>
    </row>
    <row r="890082" spans="14:14">
      <c r="N890082" s="10"/>
    </row>
    <row r="890083" spans="14:14">
      <c r="N890083" s="10"/>
    </row>
    <row r="890084" spans="14:14">
      <c r="N890084" s="10"/>
    </row>
    <row r="890085" spans="14:14">
      <c r="N890085" s="10"/>
    </row>
    <row r="890086" spans="14:14">
      <c r="N890086" s="10"/>
    </row>
    <row r="890087" spans="14:14">
      <c r="N890087" s="10"/>
    </row>
    <row r="890088" spans="14:14">
      <c r="N890088" s="10"/>
    </row>
    <row r="890089" spans="14:14">
      <c r="N890089" s="10"/>
    </row>
    <row r="890090" spans="14:14">
      <c r="N890090" s="10"/>
    </row>
    <row r="890091" spans="14:14">
      <c r="N890091" s="10"/>
    </row>
    <row r="890092" spans="14:14">
      <c r="N890092" s="10"/>
    </row>
    <row r="890093" spans="14:14">
      <c r="N890093" s="10"/>
    </row>
    <row r="890094" spans="14:14">
      <c r="N890094" s="10"/>
    </row>
    <row r="890095" spans="14:14">
      <c r="N890095" s="10"/>
    </row>
    <row r="890096" spans="14:14">
      <c r="N890096" s="10"/>
    </row>
    <row r="890097" spans="14:14">
      <c r="N890097" s="10"/>
    </row>
    <row r="890098" spans="14:14">
      <c r="N890098" s="10"/>
    </row>
    <row r="890099" spans="14:14">
      <c r="N890099" s="10"/>
    </row>
    <row r="890100" spans="14:14">
      <c r="N890100" s="10"/>
    </row>
    <row r="890101" spans="14:14">
      <c r="N890101" s="10"/>
    </row>
    <row r="890102" spans="14:14">
      <c r="N890102" s="10"/>
    </row>
    <row r="890103" spans="14:14">
      <c r="N890103" s="10"/>
    </row>
    <row r="890104" spans="14:14">
      <c r="N890104" s="10"/>
    </row>
    <row r="890105" spans="14:14">
      <c r="N890105" s="10"/>
    </row>
    <row r="890106" spans="14:14">
      <c r="N890106" s="10"/>
    </row>
    <row r="890107" spans="14:14">
      <c r="N890107" s="10"/>
    </row>
    <row r="890108" spans="14:14">
      <c r="N890108" s="10"/>
    </row>
    <row r="890109" spans="14:14">
      <c r="N890109" s="10"/>
    </row>
    <row r="890110" spans="14:14">
      <c r="N890110" s="10"/>
    </row>
    <row r="890111" spans="14:14">
      <c r="N890111" s="10"/>
    </row>
    <row r="890112" spans="14:14">
      <c r="N890112" s="10"/>
    </row>
    <row r="890113" spans="14:14">
      <c r="N890113" s="10"/>
    </row>
    <row r="890114" spans="14:14">
      <c r="N890114" s="10"/>
    </row>
    <row r="890115" spans="14:14">
      <c r="N890115" s="10"/>
    </row>
    <row r="890116" spans="14:14">
      <c r="N890116" s="10"/>
    </row>
    <row r="890117" spans="14:14">
      <c r="N890117" s="10"/>
    </row>
    <row r="890118" spans="14:14">
      <c r="N890118" s="10"/>
    </row>
    <row r="890119" spans="14:14">
      <c r="N890119" s="10"/>
    </row>
    <row r="890120" spans="14:14">
      <c r="N890120" s="10"/>
    </row>
    <row r="890121" spans="14:14">
      <c r="N890121" s="10"/>
    </row>
    <row r="890122" spans="14:14">
      <c r="N890122" s="10"/>
    </row>
    <row r="890123" spans="14:14">
      <c r="N890123" s="10"/>
    </row>
    <row r="890124" spans="14:14">
      <c r="N890124" s="10"/>
    </row>
    <row r="890125" spans="14:14">
      <c r="N890125" s="10"/>
    </row>
    <row r="890126" spans="14:14">
      <c r="N890126" s="10"/>
    </row>
    <row r="890127" spans="14:14">
      <c r="N890127" s="10"/>
    </row>
    <row r="890128" spans="14:14">
      <c r="N890128" s="10"/>
    </row>
    <row r="890129" spans="14:14">
      <c r="N890129" s="10"/>
    </row>
    <row r="890130" spans="14:14">
      <c r="N890130" s="10"/>
    </row>
    <row r="890131" spans="14:14">
      <c r="N890131" s="10"/>
    </row>
    <row r="890132" spans="14:14">
      <c r="N890132" s="10"/>
    </row>
    <row r="890133" spans="14:14">
      <c r="N890133" s="10"/>
    </row>
    <row r="890134" spans="14:14">
      <c r="N890134" s="10"/>
    </row>
    <row r="890135" spans="14:14">
      <c r="N890135" s="10"/>
    </row>
    <row r="890136" spans="14:14">
      <c r="N890136" s="10"/>
    </row>
    <row r="890137" spans="14:14">
      <c r="N890137" s="10"/>
    </row>
    <row r="890138" spans="14:14">
      <c r="N890138" s="10"/>
    </row>
    <row r="890139" spans="14:14">
      <c r="N890139" s="10"/>
    </row>
    <row r="890140" spans="14:14">
      <c r="N890140" s="10"/>
    </row>
    <row r="890141" spans="14:14">
      <c r="N890141" s="10"/>
    </row>
    <row r="890142" spans="14:14">
      <c r="N890142" s="10"/>
    </row>
    <row r="890143" spans="14:14">
      <c r="N890143" s="10"/>
    </row>
    <row r="890144" spans="14:14">
      <c r="N890144" s="10"/>
    </row>
    <row r="890145" spans="14:14">
      <c r="N890145" s="10"/>
    </row>
    <row r="890146" spans="14:14">
      <c r="N890146" s="10"/>
    </row>
    <row r="890147" spans="14:14">
      <c r="N890147" s="10"/>
    </row>
    <row r="890148" spans="14:14">
      <c r="N890148" s="10"/>
    </row>
    <row r="890149" spans="14:14">
      <c r="N890149" s="10"/>
    </row>
    <row r="890150" spans="14:14">
      <c r="N890150" s="10"/>
    </row>
    <row r="890151" spans="14:14">
      <c r="N890151" s="10"/>
    </row>
    <row r="890152" spans="14:14">
      <c r="N890152" s="10"/>
    </row>
    <row r="890153" spans="14:14">
      <c r="N890153" s="10"/>
    </row>
    <row r="890154" spans="14:14">
      <c r="N890154" s="10"/>
    </row>
    <row r="890155" spans="14:14">
      <c r="N890155" s="10"/>
    </row>
    <row r="890156" spans="14:14">
      <c r="N890156" s="10"/>
    </row>
    <row r="890157" spans="14:14">
      <c r="N890157" s="10"/>
    </row>
    <row r="890158" spans="14:14">
      <c r="N890158" s="10"/>
    </row>
    <row r="890159" spans="14:14">
      <c r="N890159" s="10"/>
    </row>
    <row r="890160" spans="14:14">
      <c r="N890160" s="10"/>
    </row>
    <row r="890161" spans="14:14">
      <c r="N890161" s="10"/>
    </row>
    <row r="890162" spans="14:14">
      <c r="N890162" s="10"/>
    </row>
    <row r="890163" spans="14:14">
      <c r="N890163" s="10"/>
    </row>
    <row r="890164" spans="14:14">
      <c r="N890164" s="10"/>
    </row>
    <row r="890165" spans="14:14">
      <c r="N890165" s="10"/>
    </row>
    <row r="890166" spans="14:14">
      <c r="N890166" s="10"/>
    </row>
    <row r="890167" spans="14:14">
      <c r="N890167" s="10"/>
    </row>
    <row r="890168" spans="14:14">
      <c r="N890168" s="10"/>
    </row>
    <row r="890169" spans="14:14">
      <c r="N890169" s="10"/>
    </row>
    <row r="890170" spans="14:14">
      <c r="N890170" s="10"/>
    </row>
    <row r="890171" spans="14:14">
      <c r="N890171" s="10"/>
    </row>
    <row r="890172" spans="14:14">
      <c r="N890172" s="10"/>
    </row>
    <row r="890173" spans="14:14">
      <c r="N890173" s="10"/>
    </row>
    <row r="890174" spans="14:14">
      <c r="N890174" s="10"/>
    </row>
    <row r="890175" spans="14:14">
      <c r="N890175" s="10"/>
    </row>
    <row r="890176" spans="14:14">
      <c r="N890176" s="10"/>
    </row>
    <row r="890177" spans="14:14">
      <c r="N890177" s="10"/>
    </row>
    <row r="890178" spans="14:14">
      <c r="N890178" s="10"/>
    </row>
    <row r="890179" spans="14:14">
      <c r="N890179" s="10"/>
    </row>
    <row r="890180" spans="14:14">
      <c r="N890180" s="10"/>
    </row>
    <row r="890181" spans="14:14">
      <c r="N890181" s="10"/>
    </row>
    <row r="890182" spans="14:14">
      <c r="N890182" s="10"/>
    </row>
    <row r="890183" spans="14:14">
      <c r="N890183" s="10"/>
    </row>
    <row r="890184" spans="14:14">
      <c r="N890184" s="10"/>
    </row>
    <row r="890185" spans="14:14">
      <c r="N890185" s="10"/>
    </row>
    <row r="890186" spans="14:14">
      <c r="N890186" s="10"/>
    </row>
    <row r="890187" spans="14:14">
      <c r="N890187" s="10"/>
    </row>
    <row r="890188" spans="14:14">
      <c r="N890188" s="10"/>
    </row>
    <row r="890189" spans="14:14">
      <c r="N890189" s="10"/>
    </row>
    <row r="890190" spans="14:14">
      <c r="N890190" s="10"/>
    </row>
    <row r="890191" spans="14:14">
      <c r="N890191" s="10"/>
    </row>
    <row r="890192" spans="14:14">
      <c r="N890192" s="10"/>
    </row>
    <row r="890193" spans="14:14">
      <c r="N890193" s="10"/>
    </row>
    <row r="890194" spans="14:14">
      <c r="N890194" s="10"/>
    </row>
    <row r="890195" spans="14:14">
      <c r="N890195" s="10"/>
    </row>
    <row r="890196" spans="14:14">
      <c r="N890196" s="10"/>
    </row>
    <row r="890197" spans="14:14">
      <c r="N890197" s="10"/>
    </row>
    <row r="890198" spans="14:14">
      <c r="N890198" s="10"/>
    </row>
    <row r="890199" spans="14:14">
      <c r="N890199" s="10"/>
    </row>
    <row r="890200" spans="14:14">
      <c r="N890200" s="10"/>
    </row>
    <row r="890201" spans="14:14">
      <c r="N890201" s="10"/>
    </row>
    <row r="890202" spans="14:14">
      <c r="N890202" s="10"/>
    </row>
    <row r="890203" spans="14:14">
      <c r="N890203" s="10"/>
    </row>
    <row r="890204" spans="14:14">
      <c r="N890204" s="10"/>
    </row>
    <row r="890205" spans="14:14">
      <c r="N890205" s="10"/>
    </row>
    <row r="890206" spans="14:14">
      <c r="N890206" s="10"/>
    </row>
    <row r="890207" spans="14:14">
      <c r="N890207" s="10"/>
    </row>
    <row r="890208" spans="14:14">
      <c r="N890208" s="10"/>
    </row>
    <row r="890209" spans="14:14">
      <c r="N890209" s="10"/>
    </row>
    <row r="890210" spans="14:14">
      <c r="N890210" s="10"/>
    </row>
    <row r="890211" spans="14:14">
      <c r="N890211" s="10"/>
    </row>
    <row r="890212" spans="14:14">
      <c r="N890212" s="10"/>
    </row>
    <row r="890213" spans="14:14">
      <c r="N890213" s="10"/>
    </row>
    <row r="890214" spans="14:14">
      <c r="N890214" s="10"/>
    </row>
    <row r="890215" spans="14:14">
      <c r="N890215" s="10"/>
    </row>
    <row r="890216" spans="14:14">
      <c r="N890216" s="10"/>
    </row>
    <row r="890217" spans="14:14">
      <c r="N890217" s="10"/>
    </row>
    <row r="890218" spans="14:14">
      <c r="N890218" s="10"/>
    </row>
    <row r="890219" spans="14:14">
      <c r="N890219" s="10"/>
    </row>
    <row r="890220" spans="14:14">
      <c r="N890220" s="10"/>
    </row>
    <row r="890221" spans="14:14">
      <c r="N890221" s="10"/>
    </row>
    <row r="890222" spans="14:14">
      <c r="N890222" s="10"/>
    </row>
    <row r="890223" spans="14:14">
      <c r="N890223" s="10"/>
    </row>
    <row r="890224" spans="14:14">
      <c r="N890224" s="10"/>
    </row>
    <row r="890225" spans="14:14">
      <c r="N890225" s="10"/>
    </row>
    <row r="890226" spans="14:14">
      <c r="N890226" s="10"/>
    </row>
    <row r="890227" spans="14:14">
      <c r="N890227" s="10"/>
    </row>
    <row r="890228" spans="14:14">
      <c r="N890228" s="10"/>
    </row>
    <row r="890229" spans="14:14">
      <c r="N890229" s="10"/>
    </row>
    <row r="890230" spans="14:14">
      <c r="N890230" s="10"/>
    </row>
    <row r="890231" spans="14:14">
      <c r="N890231" s="10"/>
    </row>
    <row r="890232" spans="14:14">
      <c r="N890232" s="10"/>
    </row>
    <row r="890233" spans="14:14">
      <c r="N890233" s="10"/>
    </row>
    <row r="890234" spans="14:14">
      <c r="N890234" s="10"/>
    </row>
    <row r="890235" spans="14:14">
      <c r="N890235" s="10"/>
    </row>
    <row r="890236" spans="14:14">
      <c r="N890236" s="10"/>
    </row>
    <row r="890237" spans="14:14">
      <c r="N890237" s="10"/>
    </row>
    <row r="890238" spans="14:14">
      <c r="N890238" s="10"/>
    </row>
    <row r="890239" spans="14:14">
      <c r="N890239" s="10"/>
    </row>
    <row r="890240" spans="14:14">
      <c r="N890240" s="10"/>
    </row>
    <row r="890241" spans="14:14">
      <c r="N890241" s="10"/>
    </row>
    <row r="890242" spans="14:14">
      <c r="N890242" s="10"/>
    </row>
    <row r="890243" spans="14:14">
      <c r="N890243" s="10"/>
    </row>
    <row r="890244" spans="14:14">
      <c r="N890244" s="10"/>
    </row>
    <row r="890245" spans="14:14">
      <c r="N890245" s="10"/>
    </row>
    <row r="890246" spans="14:14">
      <c r="N890246" s="10"/>
    </row>
    <row r="890247" spans="14:14">
      <c r="N890247" s="10"/>
    </row>
    <row r="890248" spans="14:14">
      <c r="N890248" s="10"/>
    </row>
    <row r="890249" spans="14:14">
      <c r="N890249" s="10"/>
    </row>
    <row r="890250" spans="14:14">
      <c r="N890250" s="10"/>
    </row>
    <row r="890251" spans="14:14">
      <c r="N890251" s="10"/>
    </row>
    <row r="890252" spans="14:14">
      <c r="N890252" s="10"/>
    </row>
    <row r="890253" spans="14:14">
      <c r="N890253" s="10"/>
    </row>
    <row r="890254" spans="14:14">
      <c r="N890254" s="10"/>
    </row>
    <row r="890255" spans="14:14">
      <c r="N890255" s="10"/>
    </row>
    <row r="890256" spans="14:14">
      <c r="N890256" s="10"/>
    </row>
    <row r="890257" spans="14:14">
      <c r="N890257" s="10"/>
    </row>
    <row r="890258" spans="14:14">
      <c r="N890258" s="10"/>
    </row>
    <row r="890259" spans="14:14">
      <c r="N890259" s="10"/>
    </row>
    <row r="890260" spans="14:14">
      <c r="N890260" s="10"/>
    </row>
    <row r="890261" spans="14:14">
      <c r="N890261" s="10"/>
    </row>
    <row r="890262" spans="14:14">
      <c r="N890262" s="10"/>
    </row>
    <row r="890263" spans="14:14">
      <c r="N890263" s="10"/>
    </row>
    <row r="890264" spans="14:14">
      <c r="N890264" s="10"/>
    </row>
    <row r="890265" spans="14:14">
      <c r="N890265" s="10"/>
    </row>
    <row r="890266" spans="14:14">
      <c r="N890266" s="10"/>
    </row>
    <row r="890267" spans="14:14">
      <c r="N890267" s="10"/>
    </row>
    <row r="890268" spans="14:14">
      <c r="N890268" s="10"/>
    </row>
    <row r="890269" spans="14:14">
      <c r="N890269" s="10"/>
    </row>
    <row r="890270" spans="14:14">
      <c r="N890270" s="10"/>
    </row>
    <row r="890271" spans="14:14">
      <c r="N890271" s="10"/>
    </row>
    <row r="890272" spans="14:14">
      <c r="N890272" s="10"/>
    </row>
    <row r="890273" spans="14:14">
      <c r="N890273" s="10"/>
    </row>
    <row r="890274" spans="14:14">
      <c r="N890274" s="10"/>
    </row>
    <row r="890275" spans="14:14">
      <c r="N890275" s="10"/>
    </row>
    <row r="890276" spans="14:14">
      <c r="N890276" s="10"/>
    </row>
    <row r="890277" spans="14:14">
      <c r="N890277" s="10"/>
    </row>
    <row r="890278" spans="14:14">
      <c r="N890278" s="10"/>
    </row>
    <row r="890279" spans="14:14">
      <c r="N890279" s="10"/>
    </row>
    <row r="890280" spans="14:14">
      <c r="N890280" s="10"/>
    </row>
    <row r="890281" spans="14:14">
      <c r="N890281" s="10"/>
    </row>
    <row r="890282" spans="14:14">
      <c r="N890282" s="10"/>
    </row>
    <row r="890283" spans="14:14">
      <c r="N890283" s="10"/>
    </row>
    <row r="890284" spans="14:14">
      <c r="N890284" s="10"/>
    </row>
    <row r="890285" spans="14:14">
      <c r="N890285" s="10"/>
    </row>
    <row r="890286" spans="14:14">
      <c r="N890286" s="10"/>
    </row>
    <row r="890287" spans="14:14">
      <c r="N890287" s="10"/>
    </row>
    <row r="890288" spans="14:14">
      <c r="N890288" s="10"/>
    </row>
    <row r="890289" spans="14:14">
      <c r="N890289" s="10"/>
    </row>
    <row r="890290" spans="14:14">
      <c r="N890290" s="10"/>
    </row>
    <row r="890291" spans="14:14">
      <c r="N890291" s="10"/>
    </row>
    <row r="890292" spans="14:14">
      <c r="N890292" s="10"/>
    </row>
    <row r="890293" spans="14:14">
      <c r="N890293" s="10"/>
    </row>
    <row r="890294" spans="14:14">
      <c r="N890294" s="10"/>
    </row>
    <row r="890295" spans="14:14">
      <c r="N890295" s="10"/>
    </row>
    <row r="890296" spans="14:14">
      <c r="N890296" s="10"/>
    </row>
    <row r="890297" spans="14:14">
      <c r="N890297" s="10"/>
    </row>
    <row r="890298" spans="14:14">
      <c r="N890298" s="10"/>
    </row>
    <row r="890299" spans="14:14">
      <c r="N890299" s="10"/>
    </row>
    <row r="890300" spans="14:14">
      <c r="N890300" s="10"/>
    </row>
    <row r="890301" spans="14:14">
      <c r="N890301" s="10"/>
    </row>
    <row r="890302" spans="14:14">
      <c r="N890302" s="10"/>
    </row>
    <row r="890303" spans="14:14">
      <c r="N890303" s="10"/>
    </row>
    <row r="890304" spans="14:14">
      <c r="N890304" s="10"/>
    </row>
    <row r="890305" spans="14:14">
      <c r="N890305" s="10"/>
    </row>
    <row r="890306" spans="14:14">
      <c r="N890306" s="10"/>
    </row>
    <row r="890307" spans="14:14">
      <c r="N890307" s="10"/>
    </row>
    <row r="890308" spans="14:14">
      <c r="N890308" s="10"/>
    </row>
    <row r="890309" spans="14:14">
      <c r="N890309" s="10"/>
    </row>
    <row r="890310" spans="14:14">
      <c r="N890310" s="10"/>
    </row>
    <row r="890311" spans="14:14">
      <c r="N890311" s="10"/>
    </row>
    <row r="890312" spans="14:14">
      <c r="N890312" s="10"/>
    </row>
    <row r="890313" spans="14:14">
      <c r="N890313" s="10"/>
    </row>
    <row r="890314" spans="14:14">
      <c r="N890314" s="10"/>
    </row>
    <row r="890315" spans="14:14">
      <c r="N890315" s="10"/>
    </row>
    <row r="890316" spans="14:14">
      <c r="N890316" s="10"/>
    </row>
    <row r="890317" spans="14:14">
      <c r="N890317" s="10"/>
    </row>
    <row r="890318" spans="14:14">
      <c r="N890318" s="10"/>
    </row>
    <row r="890319" spans="14:14">
      <c r="N890319" s="10"/>
    </row>
    <row r="890320" spans="14:14">
      <c r="N890320" s="10"/>
    </row>
    <row r="890321" spans="14:14">
      <c r="N890321" s="10"/>
    </row>
    <row r="890322" spans="14:14">
      <c r="N890322" s="10"/>
    </row>
    <row r="890323" spans="14:14">
      <c r="N890323" s="10"/>
    </row>
    <row r="890324" spans="14:14">
      <c r="N890324" s="10"/>
    </row>
    <row r="890325" spans="14:14">
      <c r="N890325" s="10"/>
    </row>
    <row r="890326" spans="14:14">
      <c r="N890326" s="10"/>
    </row>
    <row r="890327" spans="14:14">
      <c r="N890327" s="10"/>
    </row>
    <row r="890328" spans="14:14">
      <c r="N890328" s="10"/>
    </row>
    <row r="890329" spans="14:14">
      <c r="N890329" s="10"/>
    </row>
    <row r="890330" spans="14:14">
      <c r="N890330" s="10"/>
    </row>
    <row r="890331" spans="14:14">
      <c r="N890331" s="10"/>
    </row>
    <row r="890332" spans="14:14">
      <c r="N890332" s="10"/>
    </row>
    <row r="890333" spans="14:14">
      <c r="N890333" s="10"/>
    </row>
    <row r="890334" spans="14:14">
      <c r="N890334" s="10"/>
    </row>
    <row r="890335" spans="14:14">
      <c r="N890335" s="10"/>
    </row>
    <row r="890336" spans="14:14">
      <c r="N890336" s="10"/>
    </row>
    <row r="890337" spans="14:14">
      <c r="N890337" s="10"/>
    </row>
    <row r="890338" spans="14:14">
      <c r="N890338" s="10"/>
    </row>
    <row r="890339" spans="14:14">
      <c r="N890339" s="10"/>
    </row>
    <row r="890340" spans="14:14">
      <c r="N890340" s="10"/>
    </row>
    <row r="890341" spans="14:14">
      <c r="N890341" s="10"/>
    </row>
    <row r="890342" spans="14:14">
      <c r="N890342" s="10"/>
    </row>
    <row r="890343" spans="14:14">
      <c r="N890343" s="10"/>
    </row>
    <row r="890344" spans="14:14">
      <c r="N890344" s="10"/>
    </row>
    <row r="890345" spans="14:14">
      <c r="N890345" s="10"/>
    </row>
    <row r="890346" spans="14:14">
      <c r="N890346" s="10"/>
    </row>
    <row r="890347" spans="14:14">
      <c r="N890347" s="10"/>
    </row>
    <row r="890348" spans="14:14">
      <c r="N890348" s="10"/>
    </row>
    <row r="890349" spans="14:14">
      <c r="N890349" s="10"/>
    </row>
    <row r="890350" spans="14:14">
      <c r="N890350" s="10"/>
    </row>
    <row r="890351" spans="14:14">
      <c r="N890351" s="10"/>
    </row>
    <row r="890352" spans="14:14">
      <c r="N890352" s="10"/>
    </row>
    <row r="890353" spans="14:14">
      <c r="N890353" s="10"/>
    </row>
    <row r="890354" spans="14:14">
      <c r="N890354" s="10"/>
    </row>
    <row r="890355" spans="14:14">
      <c r="N890355" s="10"/>
    </row>
    <row r="890356" spans="14:14">
      <c r="N890356" s="10"/>
    </row>
    <row r="890357" spans="14:14">
      <c r="N890357" s="10"/>
    </row>
    <row r="890358" spans="14:14">
      <c r="N890358" s="10"/>
    </row>
    <row r="890359" spans="14:14">
      <c r="N890359" s="10"/>
    </row>
    <row r="890360" spans="14:14">
      <c r="N890360" s="10"/>
    </row>
    <row r="890361" spans="14:14">
      <c r="N890361" s="10"/>
    </row>
    <row r="890362" spans="14:14">
      <c r="N890362" s="10"/>
    </row>
    <row r="890363" spans="14:14">
      <c r="N890363" s="10"/>
    </row>
    <row r="890364" spans="14:14">
      <c r="N890364" s="10"/>
    </row>
    <row r="890365" spans="14:14">
      <c r="N890365" s="10"/>
    </row>
    <row r="890366" spans="14:14">
      <c r="N890366" s="10"/>
    </row>
    <row r="890367" spans="14:14">
      <c r="N890367" s="10"/>
    </row>
    <row r="890368" spans="14:14">
      <c r="N890368" s="10"/>
    </row>
    <row r="890369" spans="14:14">
      <c r="N890369" s="10"/>
    </row>
    <row r="890370" spans="14:14">
      <c r="N890370" s="10"/>
    </row>
    <row r="890371" spans="14:14">
      <c r="N890371" s="10"/>
    </row>
    <row r="890372" spans="14:14">
      <c r="N890372" s="10"/>
    </row>
    <row r="890373" spans="14:14">
      <c r="N890373" s="10"/>
    </row>
    <row r="890374" spans="14:14">
      <c r="N890374" s="10"/>
    </row>
    <row r="890375" spans="14:14">
      <c r="N890375" s="10"/>
    </row>
    <row r="890376" spans="14:14">
      <c r="N890376" s="10"/>
    </row>
    <row r="890377" spans="14:14">
      <c r="N890377" s="10"/>
    </row>
    <row r="890378" spans="14:14">
      <c r="N890378" s="10"/>
    </row>
    <row r="890379" spans="14:14">
      <c r="N890379" s="10"/>
    </row>
    <row r="890380" spans="14:14">
      <c r="N890380" s="10"/>
    </row>
    <row r="890381" spans="14:14">
      <c r="N890381" s="10"/>
    </row>
    <row r="890382" spans="14:14">
      <c r="N890382" s="10"/>
    </row>
    <row r="890383" spans="14:14">
      <c r="N890383" s="10"/>
    </row>
    <row r="890384" spans="14:14">
      <c r="N890384" s="10"/>
    </row>
    <row r="890385" spans="14:14">
      <c r="N890385" s="10"/>
    </row>
    <row r="890386" spans="14:14">
      <c r="N890386" s="10"/>
    </row>
    <row r="890387" spans="14:14">
      <c r="N890387" s="10"/>
    </row>
    <row r="890388" spans="14:14">
      <c r="N890388" s="10"/>
    </row>
    <row r="890389" spans="14:14">
      <c r="N890389" s="10"/>
    </row>
    <row r="890390" spans="14:14">
      <c r="N890390" s="10"/>
    </row>
    <row r="890391" spans="14:14">
      <c r="N890391" s="10"/>
    </row>
    <row r="890392" spans="14:14">
      <c r="N890392" s="10"/>
    </row>
    <row r="890393" spans="14:14">
      <c r="N890393" s="10"/>
    </row>
    <row r="890394" spans="14:14">
      <c r="N890394" s="10"/>
    </row>
    <row r="890395" spans="14:14">
      <c r="N890395" s="10"/>
    </row>
    <row r="890396" spans="14:14">
      <c r="N890396" s="10"/>
    </row>
    <row r="890397" spans="14:14">
      <c r="N890397" s="10"/>
    </row>
    <row r="890398" spans="14:14">
      <c r="N890398" s="10"/>
    </row>
    <row r="890399" spans="14:14">
      <c r="N890399" s="10"/>
    </row>
    <row r="890400" spans="14:14">
      <c r="N890400" s="10"/>
    </row>
    <row r="890401" spans="14:14">
      <c r="N890401" s="10"/>
    </row>
    <row r="890402" spans="14:14">
      <c r="N890402" s="10"/>
    </row>
    <row r="890403" spans="14:14">
      <c r="N890403" s="10"/>
    </row>
    <row r="890404" spans="14:14">
      <c r="N890404" s="10"/>
    </row>
    <row r="890405" spans="14:14">
      <c r="N890405" s="10"/>
    </row>
    <row r="890406" spans="14:14">
      <c r="N890406" s="10"/>
    </row>
    <row r="890407" spans="14:14">
      <c r="N890407" s="10"/>
    </row>
    <row r="890408" spans="14:14">
      <c r="N890408" s="10"/>
    </row>
    <row r="890409" spans="14:14">
      <c r="N890409" s="10"/>
    </row>
    <row r="890410" spans="14:14">
      <c r="N890410" s="10"/>
    </row>
    <row r="890411" spans="14:14">
      <c r="N890411" s="10"/>
    </row>
    <row r="890412" spans="14:14">
      <c r="N890412" s="10"/>
    </row>
    <row r="890413" spans="14:14">
      <c r="N890413" s="10"/>
    </row>
    <row r="890414" spans="14:14">
      <c r="N890414" s="10"/>
    </row>
    <row r="890415" spans="14:14">
      <c r="N890415" s="10"/>
    </row>
    <row r="890416" spans="14:14">
      <c r="N890416" s="10"/>
    </row>
    <row r="890417" spans="14:14">
      <c r="N890417" s="10"/>
    </row>
    <row r="890418" spans="14:14">
      <c r="N890418" s="10"/>
    </row>
    <row r="890419" spans="14:14">
      <c r="N890419" s="10"/>
    </row>
    <row r="890420" spans="14:14">
      <c r="N890420" s="10"/>
    </row>
    <row r="890421" spans="14:14">
      <c r="N890421" s="10"/>
    </row>
    <row r="890422" spans="14:14">
      <c r="N890422" s="10"/>
    </row>
    <row r="890423" spans="14:14">
      <c r="N890423" s="10"/>
    </row>
    <row r="890424" spans="14:14">
      <c r="N890424" s="10"/>
    </row>
    <row r="890425" spans="14:14">
      <c r="N890425" s="10"/>
    </row>
    <row r="890426" spans="14:14">
      <c r="N890426" s="10"/>
    </row>
    <row r="890427" spans="14:14">
      <c r="N890427" s="10"/>
    </row>
    <row r="890428" spans="14:14">
      <c r="N890428" s="10"/>
    </row>
    <row r="890429" spans="14:14">
      <c r="N890429" s="10"/>
    </row>
    <row r="890430" spans="14:14">
      <c r="N890430" s="10"/>
    </row>
    <row r="890431" spans="14:14">
      <c r="N890431" s="10"/>
    </row>
    <row r="890432" spans="14:14">
      <c r="N890432" s="10"/>
    </row>
    <row r="890433" spans="14:14">
      <c r="N890433" s="10"/>
    </row>
    <row r="890434" spans="14:14">
      <c r="N890434" s="10"/>
    </row>
    <row r="890435" spans="14:14">
      <c r="N890435" s="10"/>
    </row>
    <row r="890436" spans="14:14">
      <c r="N890436" s="10"/>
    </row>
    <row r="890437" spans="14:14">
      <c r="N890437" s="10"/>
    </row>
    <row r="890438" spans="14:14">
      <c r="N890438" s="10"/>
    </row>
    <row r="890439" spans="14:14">
      <c r="N890439" s="10"/>
    </row>
    <row r="890440" spans="14:14">
      <c r="N890440" s="10"/>
    </row>
    <row r="890441" spans="14:14">
      <c r="N890441" s="10"/>
    </row>
    <row r="890442" spans="14:14">
      <c r="N890442" s="10"/>
    </row>
    <row r="890443" spans="14:14">
      <c r="N890443" s="10"/>
    </row>
    <row r="890444" spans="14:14">
      <c r="N890444" s="10"/>
    </row>
    <row r="890445" spans="14:14">
      <c r="N890445" s="10"/>
    </row>
    <row r="890446" spans="14:14">
      <c r="N890446" s="10"/>
    </row>
    <row r="890447" spans="14:14">
      <c r="N890447" s="10"/>
    </row>
    <row r="890448" spans="14:14">
      <c r="N890448" s="10"/>
    </row>
    <row r="890449" spans="14:14">
      <c r="N890449" s="10"/>
    </row>
    <row r="890450" spans="14:14">
      <c r="N890450" s="10"/>
    </row>
    <row r="890451" spans="14:14">
      <c r="N890451" s="10"/>
    </row>
    <row r="890452" spans="14:14">
      <c r="N890452" s="10"/>
    </row>
    <row r="890453" spans="14:14">
      <c r="N890453" s="10"/>
    </row>
    <row r="890454" spans="14:14">
      <c r="N890454" s="10"/>
    </row>
    <row r="890455" spans="14:14">
      <c r="N890455" s="10"/>
    </row>
    <row r="890456" spans="14:14">
      <c r="N890456" s="10"/>
    </row>
    <row r="890457" spans="14:14">
      <c r="N890457" s="10"/>
    </row>
    <row r="890458" spans="14:14">
      <c r="N890458" s="10"/>
    </row>
    <row r="890459" spans="14:14">
      <c r="N890459" s="10"/>
    </row>
    <row r="890460" spans="14:14">
      <c r="N890460" s="10"/>
    </row>
    <row r="890461" spans="14:14">
      <c r="N890461" s="10"/>
    </row>
    <row r="890462" spans="14:14">
      <c r="N890462" s="10"/>
    </row>
    <row r="890463" spans="14:14">
      <c r="N890463" s="10"/>
    </row>
    <row r="890464" spans="14:14">
      <c r="N890464" s="10"/>
    </row>
    <row r="890465" spans="14:14">
      <c r="N890465" s="10"/>
    </row>
    <row r="890466" spans="14:14">
      <c r="N890466" s="10"/>
    </row>
    <row r="890467" spans="14:14">
      <c r="N890467" s="10"/>
    </row>
    <row r="890468" spans="14:14">
      <c r="N890468" s="10"/>
    </row>
    <row r="890469" spans="14:14">
      <c r="N890469" s="10"/>
    </row>
    <row r="890470" spans="14:14">
      <c r="N890470" s="10"/>
    </row>
    <row r="890471" spans="14:14">
      <c r="N890471" s="10"/>
    </row>
    <row r="890472" spans="14:14">
      <c r="N890472" s="10"/>
    </row>
    <row r="890473" spans="14:14">
      <c r="N890473" s="10"/>
    </row>
    <row r="890474" spans="14:14">
      <c r="N890474" s="10"/>
    </row>
    <row r="890475" spans="14:14">
      <c r="N890475" s="10"/>
    </row>
    <row r="890476" spans="14:14">
      <c r="N890476" s="10"/>
    </row>
    <row r="890477" spans="14:14">
      <c r="N890477" s="10"/>
    </row>
    <row r="890478" spans="14:14">
      <c r="N890478" s="10"/>
    </row>
    <row r="890479" spans="14:14">
      <c r="N890479" s="10"/>
    </row>
    <row r="890480" spans="14:14">
      <c r="N890480" s="10"/>
    </row>
    <row r="890481" spans="14:14">
      <c r="N890481" s="10"/>
    </row>
    <row r="890482" spans="14:14">
      <c r="N890482" s="10"/>
    </row>
    <row r="890483" spans="14:14">
      <c r="N890483" s="10"/>
    </row>
    <row r="890484" spans="14:14">
      <c r="N890484" s="10"/>
    </row>
    <row r="890485" spans="14:14">
      <c r="N890485" s="10"/>
    </row>
    <row r="890486" spans="14:14">
      <c r="N890486" s="10"/>
    </row>
    <row r="890487" spans="14:14">
      <c r="N890487" s="10"/>
    </row>
    <row r="890488" spans="14:14">
      <c r="N890488" s="10"/>
    </row>
    <row r="890489" spans="14:14">
      <c r="N890489" s="10"/>
    </row>
    <row r="890490" spans="14:14">
      <c r="N890490" s="10"/>
    </row>
    <row r="890491" spans="14:14">
      <c r="N890491" s="10"/>
    </row>
    <row r="890492" spans="14:14">
      <c r="N890492" s="10"/>
    </row>
    <row r="890493" spans="14:14">
      <c r="N890493" s="10"/>
    </row>
    <row r="890494" spans="14:14">
      <c r="N890494" s="10"/>
    </row>
    <row r="890495" spans="14:14">
      <c r="N890495" s="10"/>
    </row>
    <row r="890496" spans="14:14">
      <c r="N890496" s="10"/>
    </row>
    <row r="890497" spans="14:14">
      <c r="N890497" s="10"/>
    </row>
    <row r="890498" spans="14:14">
      <c r="N890498" s="10"/>
    </row>
    <row r="890499" spans="14:14">
      <c r="N890499" s="10"/>
    </row>
    <row r="890500" spans="14:14">
      <c r="N890500" s="10"/>
    </row>
    <row r="890501" spans="14:14">
      <c r="N890501" s="10"/>
    </row>
    <row r="890502" spans="14:14">
      <c r="N890502" s="10"/>
    </row>
    <row r="890503" spans="14:14">
      <c r="N890503" s="10"/>
    </row>
    <row r="890504" spans="14:14">
      <c r="N890504" s="10"/>
    </row>
    <row r="890505" spans="14:14">
      <c r="N890505" s="10"/>
    </row>
    <row r="890506" spans="14:14">
      <c r="N890506" s="10"/>
    </row>
    <row r="890507" spans="14:14">
      <c r="N890507" s="10"/>
    </row>
    <row r="890508" spans="14:14">
      <c r="N890508" s="10"/>
    </row>
    <row r="890509" spans="14:14">
      <c r="N890509" s="10"/>
    </row>
    <row r="890510" spans="14:14">
      <c r="N890510" s="10"/>
    </row>
    <row r="890511" spans="14:14">
      <c r="N890511" s="10"/>
    </row>
    <row r="890512" spans="14:14">
      <c r="N890512" s="10"/>
    </row>
    <row r="890513" spans="14:14">
      <c r="N890513" s="10"/>
    </row>
    <row r="890514" spans="14:14">
      <c r="N890514" s="10"/>
    </row>
    <row r="890515" spans="14:14">
      <c r="N890515" s="10"/>
    </row>
    <row r="890516" spans="14:14">
      <c r="N890516" s="10"/>
    </row>
    <row r="890517" spans="14:14">
      <c r="N890517" s="10"/>
    </row>
    <row r="890518" spans="14:14">
      <c r="N890518" s="10"/>
    </row>
    <row r="890519" spans="14:14">
      <c r="N890519" s="10"/>
    </row>
    <row r="890520" spans="14:14">
      <c r="N890520" s="10"/>
    </row>
    <row r="890521" spans="14:14">
      <c r="N890521" s="10"/>
    </row>
    <row r="890522" spans="14:14">
      <c r="N890522" s="10"/>
    </row>
    <row r="890523" spans="14:14">
      <c r="N890523" s="10"/>
    </row>
    <row r="890524" spans="14:14">
      <c r="N890524" s="10"/>
    </row>
    <row r="890525" spans="14:14">
      <c r="N890525" s="10"/>
    </row>
    <row r="890526" spans="14:14">
      <c r="N890526" s="10"/>
    </row>
    <row r="890527" spans="14:14">
      <c r="N890527" s="10"/>
    </row>
    <row r="890528" spans="14:14">
      <c r="N890528" s="10"/>
    </row>
    <row r="890529" spans="14:14">
      <c r="N890529" s="10"/>
    </row>
    <row r="890530" spans="14:14">
      <c r="N890530" s="10"/>
    </row>
    <row r="890531" spans="14:14">
      <c r="N890531" s="10"/>
    </row>
    <row r="890532" spans="14:14">
      <c r="N890532" s="10"/>
    </row>
    <row r="890533" spans="14:14">
      <c r="N890533" s="10"/>
    </row>
    <row r="890534" spans="14:14">
      <c r="N890534" s="10"/>
    </row>
    <row r="890535" spans="14:14">
      <c r="N890535" s="10"/>
    </row>
    <row r="890536" spans="14:14">
      <c r="N890536" s="10"/>
    </row>
    <row r="890537" spans="14:14">
      <c r="N890537" s="10"/>
    </row>
    <row r="890538" spans="14:14">
      <c r="N890538" s="10"/>
    </row>
    <row r="890539" spans="14:14">
      <c r="N890539" s="10"/>
    </row>
    <row r="890540" spans="14:14">
      <c r="N890540" s="10"/>
    </row>
    <row r="890541" spans="14:14">
      <c r="N890541" s="10"/>
    </row>
    <row r="890542" spans="14:14">
      <c r="N890542" s="10"/>
    </row>
    <row r="890543" spans="14:14">
      <c r="N890543" s="10"/>
    </row>
    <row r="890544" spans="14:14">
      <c r="N890544" s="10"/>
    </row>
    <row r="890545" spans="14:14">
      <c r="N890545" s="10"/>
    </row>
    <row r="890546" spans="14:14">
      <c r="N890546" s="10"/>
    </row>
    <row r="890547" spans="14:14">
      <c r="N890547" s="10"/>
    </row>
    <row r="890548" spans="14:14">
      <c r="N890548" s="10"/>
    </row>
    <row r="890549" spans="14:14">
      <c r="N890549" s="10"/>
    </row>
    <row r="890550" spans="14:14">
      <c r="N890550" s="10"/>
    </row>
    <row r="890551" spans="14:14">
      <c r="N890551" s="10"/>
    </row>
    <row r="890552" spans="14:14">
      <c r="N890552" s="10"/>
    </row>
    <row r="890553" spans="14:14">
      <c r="N890553" s="10"/>
    </row>
    <row r="890554" spans="14:14">
      <c r="N890554" s="10"/>
    </row>
    <row r="890555" spans="14:14">
      <c r="N890555" s="10"/>
    </row>
    <row r="890556" spans="14:14">
      <c r="N890556" s="10"/>
    </row>
    <row r="890557" spans="14:14">
      <c r="N890557" s="10"/>
    </row>
    <row r="890558" spans="14:14">
      <c r="N890558" s="10"/>
    </row>
    <row r="890559" spans="14:14">
      <c r="N890559" s="10"/>
    </row>
    <row r="890560" spans="14:14">
      <c r="N890560" s="10"/>
    </row>
    <row r="890561" spans="14:14">
      <c r="N890561" s="10"/>
    </row>
    <row r="890562" spans="14:14">
      <c r="N890562" s="10"/>
    </row>
    <row r="890563" spans="14:14">
      <c r="N890563" s="10"/>
    </row>
    <row r="890564" spans="14:14">
      <c r="N890564" s="10"/>
    </row>
    <row r="890565" spans="14:14">
      <c r="N890565" s="10"/>
    </row>
    <row r="890566" spans="14:14">
      <c r="N890566" s="10"/>
    </row>
    <row r="890567" spans="14:14">
      <c r="N890567" s="10"/>
    </row>
    <row r="890568" spans="14:14">
      <c r="N890568" s="10"/>
    </row>
    <row r="890569" spans="14:14">
      <c r="N890569" s="10"/>
    </row>
    <row r="890570" spans="14:14">
      <c r="N890570" s="10"/>
    </row>
    <row r="890571" spans="14:14">
      <c r="N890571" s="10"/>
    </row>
    <row r="890572" spans="14:14">
      <c r="N890572" s="10"/>
    </row>
    <row r="890573" spans="14:14">
      <c r="N890573" s="10"/>
    </row>
    <row r="890574" spans="14:14">
      <c r="N890574" s="10"/>
    </row>
    <row r="890575" spans="14:14">
      <c r="N890575" s="10"/>
    </row>
    <row r="890576" spans="14:14">
      <c r="N890576" s="10"/>
    </row>
    <row r="890577" spans="14:14">
      <c r="N890577" s="10"/>
    </row>
    <row r="890578" spans="14:14">
      <c r="N890578" s="10"/>
    </row>
    <row r="890579" spans="14:14">
      <c r="N890579" s="10"/>
    </row>
    <row r="890580" spans="14:14">
      <c r="N890580" s="10"/>
    </row>
    <row r="890581" spans="14:14">
      <c r="N890581" s="10"/>
    </row>
    <row r="890582" spans="14:14">
      <c r="N890582" s="10"/>
    </row>
    <row r="890583" spans="14:14">
      <c r="N890583" s="10"/>
    </row>
    <row r="890584" spans="14:14">
      <c r="N890584" s="10"/>
    </row>
    <row r="890585" spans="14:14">
      <c r="N890585" s="10"/>
    </row>
    <row r="890586" spans="14:14">
      <c r="N890586" s="10"/>
    </row>
    <row r="890587" spans="14:14">
      <c r="N890587" s="10"/>
    </row>
    <row r="890588" spans="14:14">
      <c r="N890588" s="10"/>
    </row>
    <row r="890589" spans="14:14">
      <c r="N890589" s="10"/>
    </row>
    <row r="890590" spans="14:14">
      <c r="N890590" s="10"/>
    </row>
    <row r="890591" spans="14:14">
      <c r="N890591" s="10"/>
    </row>
    <row r="890592" spans="14:14">
      <c r="N890592" s="10"/>
    </row>
    <row r="890593" spans="14:14">
      <c r="N890593" s="10"/>
    </row>
    <row r="890594" spans="14:14">
      <c r="N890594" s="10"/>
    </row>
    <row r="890595" spans="14:14">
      <c r="N890595" s="10"/>
    </row>
    <row r="890596" spans="14:14">
      <c r="N890596" s="10"/>
    </row>
    <row r="890597" spans="14:14">
      <c r="N890597" s="10"/>
    </row>
    <row r="890598" spans="14:14">
      <c r="N890598" s="10"/>
    </row>
    <row r="890599" spans="14:14">
      <c r="N890599" s="10"/>
    </row>
    <row r="890600" spans="14:14">
      <c r="N890600" s="10"/>
    </row>
    <row r="890601" spans="14:14">
      <c r="N890601" s="10"/>
    </row>
    <row r="890602" spans="14:14">
      <c r="N890602" s="10"/>
    </row>
    <row r="890603" spans="14:14">
      <c r="N890603" s="10"/>
    </row>
    <row r="890604" spans="14:14">
      <c r="N890604" s="10"/>
    </row>
    <row r="890605" spans="14:14">
      <c r="N890605" s="10"/>
    </row>
    <row r="890606" spans="14:14">
      <c r="N890606" s="10"/>
    </row>
    <row r="890607" spans="14:14">
      <c r="N890607" s="10"/>
    </row>
    <row r="890608" spans="14:14">
      <c r="N890608" s="10"/>
    </row>
    <row r="890609" spans="14:14">
      <c r="N890609" s="10"/>
    </row>
    <row r="890610" spans="14:14">
      <c r="N890610" s="10"/>
    </row>
    <row r="890611" spans="14:14">
      <c r="N890611" s="10"/>
    </row>
    <row r="890612" spans="14:14">
      <c r="N890612" s="10"/>
    </row>
    <row r="890613" spans="14:14">
      <c r="N890613" s="10"/>
    </row>
    <row r="890614" spans="14:14">
      <c r="N890614" s="10"/>
    </row>
    <row r="890615" spans="14:14">
      <c r="N890615" s="10"/>
    </row>
    <row r="890616" spans="14:14">
      <c r="N890616" s="10"/>
    </row>
    <row r="890617" spans="14:14">
      <c r="N890617" s="10"/>
    </row>
    <row r="890618" spans="14:14">
      <c r="N890618" s="10"/>
    </row>
    <row r="890619" spans="14:14">
      <c r="N890619" s="10"/>
    </row>
    <row r="890620" spans="14:14">
      <c r="N890620" s="10"/>
    </row>
    <row r="890621" spans="14:14">
      <c r="N890621" s="10"/>
    </row>
    <row r="890622" spans="14:14">
      <c r="N890622" s="10"/>
    </row>
    <row r="890623" spans="14:14">
      <c r="N890623" s="10"/>
    </row>
    <row r="890624" spans="14:14">
      <c r="N890624" s="10"/>
    </row>
    <row r="890625" spans="14:14">
      <c r="N890625" s="10"/>
    </row>
    <row r="890626" spans="14:14">
      <c r="N890626" s="10"/>
    </row>
    <row r="890627" spans="14:14">
      <c r="N890627" s="10"/>
    </row>
    <row r="890628" spans="14:14">
      <c r="N890628" s="10"/>
    </row>
    <row r="890629" spans="14:14">
      <c r="N890629" s="10"/>
    </row>
    <row r="890630" spans="14:14">
      <c r="N890630" s="10"/>
    </row>
    <row r="890631" spans="14:14">
      <c r="N890631" s="10"/>
    </row>
    <row r="890632" spans="14:14">
      <c r="N890632" s="10"/>
    </row>
    <row r="890633" spans="14:14">
      <c r="N890633" s="10"/>
    </row>
    <row r="890634" spans="14:14">
      <c r="N890634" s="10"/>
    </row>
    <row r="890635" spans="14:14">
      <c r="N890635" s="10"/>
    </row>
    <row r="890636" spans="14:14">
      <c r="N890636" s="10"/>
    </row>
    <row r="890637" spans="14:14">
      <c r="N890637" s="10"/>
    </row>
    <row r="890638" spans="14:14">
      <c r="N890638" s="10"/>
    </row>
    <row r="890639" spans="14:14">
      <c r="N890639" s="10"/>
    </row>
    <row r="890640" spans="14:14">
      <c r="N890640" s="10"/>
    </row>
    <row r="890641" spans="14:14">
      <c r="N890641" s="10"/>
    </row>
    <row r="890642" spans="14:14">
      <c r="N890642" s="10"/>
    </row>
    <row r="890643" spans="14:14">
      <c r="N890643" s="10"/>
    </row>
    <row r="890644" spans="14:14">
      <c r="N890644" s="10"/>
    </row>
    <row r="890645" spans="14:14">
      <c r="N890645" s="10"/>
    </row>
    <row r="890646" spans="14:14">
      <c r="N890646" s="10"/>
    </row>
    <row r="890647" spans="14:14">
      <c r="N890647" s="10"/>
    </row>
    <row r="890648" spans="14:14">
      <c r="N890648" s="10"/>
    </row>
    <row r="890649" spans="14:14">
      <c r="N890649" s="10"/>
    </row>
    <row r="890650" spans="14:14">
      <c r="N890650" s="10"/>
    </row>
    <row r="890651" spans="14:14">
      <c r="N890651" s="10"/>
    </row>
    <row r="890652" spans="14:14">
      <c r="N890652" s="10"/>
    </row>
    <row r="890653" spans="14:14">
      <c r="N890653" s="10"/>
    </row>
    <row r="890654" spans="14:14">
      <c r="N890654" s="10"/>
    </row>
    <row r="890655" spans="14:14">
      <c r="N890655" s="10"/>
    </row>
    <row r="890656" spans="14:14">
      <c r="N890656" s="10"/>
    </row>
    <row r="890657" spans="14:14">
      <c r="N890657" s="10"/>
    </row>
    <row r="890658" spans="14:14">
      <c r="N890658" s="10"/>
    </row>
    <row r="890659" spans="14:14">
      <c r="N890659" s="10"/>
    </row>
    <row r="890660" spans="14:14">
      <c r="N890660" s="10"/>
    </row>
    <row r="890661" spans="14:14">
      <c r="N890661" s="10"/>
    </row>
    <row r="890662" spans="14:14">
      <c r="N890662" s="10"/>
    </row>
    <row r="890663" spans="14:14">
      <c r="N890663" s="10"/>
    </row>
    <row r="890664" spans="14:14">
      <c r="N890664" s="10"/>
    </row>
    <row r="890665" spans="14:14">
      <c r="N890665" s="10"/>
    </row>
    <row r="890666" spans="14:14">
      <c r="N890666" s="10"/>
    </row>
    <row r="890667" spans="14:14">
      <c r="N890667" s="10"/>
    </row>
    <row r="890668" spans="14:14">
      <c r="N890668" s="10"/>
    </row>
    <row r="890669" spans="14:14">
      <c r="N890669" s="10"/>
    </row>
    <row r="890670" spans="14:14">
      <c r="N890670" s="10"/>
    </row>
    <row r="890671" spans="14:14">
      <c r="N890671" s="10"/>
    </row>
    <row r="890672" spans="14:14">
      <c r="N890672" s="10"/>
    </row>
    <row r="890673" spans="14:14">
      <c r="N890673" s="10"/>
    </row>
    <row r="890674" spans="14:14">
      <c r="N890674" s="10"/>
    </row>
    <row r="890675" spans="14:14">
      <c r="N890675" s="10"/>
    </row>
    <row r="890676" spans="14:14">
      <c r="N890676" s="10"/>
    </row>
    <row r="890677" spans="14:14">
      <c r="N890677" s="10"/>
    </row>
    <row r="890678" spans="14:14">
      <c r="N890678" s="10"/>
    </row>
    <row r="890679" spans="14:14">
      <c r="N890679" s="10"/>
    </row>
    <row r="890680" spans="14:14">
      <c r="N890680" s="10"/>
    </row>
    <row r="890681" spans="14:14">
      <c r="N890681" s="10"/>
    </row>
    <row r="890682" spans="14:14">
      <c r="N890682" s="10"/>
    </row>
    <row r="890683" spans="14:14">
      <c r="N890683" s="10"/>
    </row>
    <row r="890684" spans="14:14">
      <c r="N890684" s="10"/>
    </row>
    <row r="890685" spans="14:14">
      <c r="N890685" s="10"/>
    </row>
    <row r="890686" spans="14:14">
      <c r="N890686" s="10"/>
    </row>
    <row r="890687" spans="14:14">
      <c r="N890687" s="10"/>
    </row>
    <row r="890688" spans="14:14">
      <c r="N890688" s="10"/>
    </row>
    <row r="890689" spans="14:14">
      <c r="N890689" s="10"/>
    </row>
    <row r="890690" spans="14:14">
      <c r="N890690" s="10"/>
    </row>
    <row r="890691" spans="14:14">
      <c r="N890691" s="10"/>
    </row>
    <row r="890692" spans="14:14">
      <c r="N890692" s="10"/>
    </row>
    <row r="890693" spans="14:14">
      <c r="N890693" s="10"/>
    </row>
    <row r="890694" spans="14:14">
      <c r="N890694" s="10"/>
    </row>
    <row r="890695" spans="14:14">
      <c r="N890695" s="10"/>
    </row>
    <row r="890696" spans="14:14">
      <c r="N890696" s="10"/>
    </row>
    <row r="890697" spans="14:14">
      <c r="N890697" s="10"/>
    </row>
    <row r="890698" spans="14:14">
      <c r="N890698" s="10"/>
    </row>
    <row r="890699" spans="14:14">
      <c r="N890699" s="10"/>
    </row>
    <row r="890700" spans="14:14">
      <c r="N890700" s="10"/>
    </row>
    <row r="890701" spans="14:14">
      <c r="N890701" s="10"/>
    </row>
    <row r="890702" spans="14:14">
      <c r="N890702" s="10"/>
    </row>
    <row r="890703" spans="14:14">
      <c r="N890703" s="10"/>
    </row>
    <row r="890704" spans="14:14">
      <c r="N890704" s="10"/>
    </row>
    <row r="890705" spans="14:14">
      <c r="N890705" s="10"/>
    </row>
    <row r="890706" spans="14:14">
      <c r="N890706" s="10"/>
    </row>
    <row r="890707" spans="14:14">
      <c r="N890707" s="10"/>
    </row>
    <row r="890708" spans="14:14">
      <c r="N890708" s="10"/>
    </row>
    <row r="890709" spans="14:14">
      <c r="N890709" s="10"/>
    </row>
    <row r="890710" spans="14:14">
      <c r="N890710" s="10"/>
    </row>
    <row r="890711" spans="14:14">
      <c r="N890711" s="10"/>
    </row>
    <row r="890712" spans="14:14">
      <c r="N890712" s="10"/>
    </row>
    <row r="890713" spans="14:14">
      <c r="N890713" s="10"/>
    </row>
    <row r="890714" spans="14:14">
      <c r="N890714" s="10"/>
    </row>
    <row r="890715" spans="14:14">
      <c r="N890715" s="10"/>
    </row>
    <row r="890716" spans="14:14">
      <c r="N890716" s="10"/>
    </row>
    <row r="890717" spans="14:14">
      <c r="N890717" s="10"/>
    </row>
    <row r="890718" spans="14:14">
      <c r="N890718" s="10"/>
    </row>
    <row r="890719" spans="14:14">
      <c r="N890719" s="10"/>
    </row>
    <row r="890720" spans="14:14">
      <c r="N890720" s="10"/>
    </row>
    <row r="890721" spans="14:14">
      <c r="N890721" s="10"/>
    </row>
    <row r="890722" spans="14:14">
      <c r="N890722" s="10"/>
    </row>
    <row r="890723" spans="14:14">
      <c r="N890723" s="10"/>
    </row>
    <row r="890724" spans="14:14">
      <c r="N890724" s="10"/>
    </row>
    <row r="890725" spans="14:14">
      <c r="N890725" s="10"/>
    </row>
    <row r="890726" spans="14:14">
      <c r="N890726" s="10"/>
    </row>
    <row r="890727" spans="14:14">
      <c r="N890727" s="10"/>
    </row>
    <row r="890728" spans="14:14">
      <c r="N890728" s="10"/>
    </row>
    <row r="890729" spans="14:14">
      <c r="N890729" s="10"/>
    </row>
    <row r="890730" spans="14:14">
      <c r="N890730" s="10"/>
    </row>
    <row r="890731" spans="14:14">
      <c r="N890731" s="10"/>
    </row>
    <row r="890732" spans="14:14">
      <c r="N890732" s="10"/>
    </row>
    <row r="890733" spans="14:14">
      <c r="N890733" s="10"/>
    </row>
    <row r="890734" spans="14:14">
      <c r="N890734" s="10"/>
    </row>
    <row r="890735" spans="14:14">
      <c r="N890735" s="10"/>
    </row>
    <row r="890736" spans="14:14">
      <c r="N890736" s="10"/>
    </row>
    <row r="890737" spans="14:14">
      <c r="N890737" s="10"/>
    </row>
    <row r="890738" spans="14:14">
      <c r="N890738" s="10"/>
    </row>
    <row r="890739" spans="14:14">
      <c r="N890739" s="10"/>
    </row>
    <row r="890740" spans="14:14">
      <c r="N890740" s="10"/>
    </row>
    <row r="890741" spans="14:14">
      <c r="N890741" s="10"/>
    </row>
    <row r="890742" spans="14:14">
      <c r="N890742" s="10"/>
    </row>
    <row r="890743" spans="14:14">
      <c r="N890743" s="10"/>
    </row>
    <row r="890744" spans="14:14">
      <c r="N890744" s="10"/>
    </row>
    <row r="890745" spans="14:14">
      <c r="N890745" s="10"/>
    </row>
    <row r="890746" spans="14:14">
      <c r="N890746" s="10"/>
    </row>
    <row r="890747" spans="14:14">
      <c r="N890747" s="10"/>
    </row>
    <row r="890748" spans="14:14">
      <c r="N890748" s="10"/>
    </row>
    <row r="890749" spans="14:14">
      <c r="N890749" s="10"/>
    </row>
    <row r="890750" spans="14:14">
      <c r="N890750" s="10"/>
    </row>
    <row r="890751" spans="14:14">
      <c r="N890751" s="10"/>
    </row>
    <row r="890752" spans="14:14">
      <c r="N890752" s="10"/>
    </row>
    <row r="890753" spans="14:14">
      <c r="N890753" s="10"/>
    </row>
    <row r="890754" spans="14:14">
      <c r="N890754" s="10"/>
    </row>
    <row r="890755" spans="14:14">
      <c r="N890755" s="10"/>
    </row>
    <row r="890756" spans="14:14">
      <c r="N890756" s="10"/>
    </row>
    <row r="890757" spans="14:14">
      <c r="N890757" s="10"/>
    </row>
    <row r="890758" spans="14:14">
      <c r="N890758" s="10"/>
    </row>
    <row r="890759" spans="14:14">
      <c r="N890759" s="10"/>
    </row>
    <row r="890760" spans="14:14">
      <c r="N890760" s="10"/>
    </row>
    <row r="890761" spans="14:14">
      <c r="N890761" s="10"/>
    </row>
    <row r="890762" spans="14:14">
      <c r="N890762" s="10"/>
    </row>
    <row r="890763" spans="14:14">
      <c r="N890763" s="10"/>
    </row>
    <row r="890764" spans="14:14">
      <c r="N890764" s="10"/>
    </row>
    <row r="890765" spans="14:14">
      <c r="N890765" s="10"/>
    </row>
    <row r="890766" spans="14:14">
      <c r="N890766" s="10"/>
    </row>
    <row r="890767" spans="14:14">
      <c r="N890767" s="10"/>
    </row>
    <row r="890768" spans="14:14">
      <c r="N890768" s="10"/>
    </row>
    <row r="890769" spans="14:14">
      <c r="N890769" s="10"/>
    </row>
    <row r="890770" spans="14:14">
      <c r="N890770" s="10"/>
    </row>
    <row r="890771" spans="14:14">
      <c r="N890771" s="10"/>
    </row>
    <row r="890772" spans="14:14">
      <c r="N890772" s="10"/>
    </row>
    <row r="890773" spans="14:14">
      <c r="N890773" s="10"/>
    </row>
    <row r="890774" spans="14:14">
      <c r="N890774" s="10"/>
    </row>
    <row r="890775" spans="14:14">
      <c r="N890775" s="10"/>
    </row>
    <row r="890776" spans="14:14">
      <c r="N890776" s="10"/>
    </row>
    <row r="890777" spans="14:14">
      <c r="N890777" s="10"/>
    </row>
    <row r="890778" spans="14:14">
      <c r="N890778" s="10"/>
    </row>
    <row r="890779" spans="14:14">
      <c r="N890779" s="10"/>
    </row>
    <row r="890780" spans="14:14">
      <c r="N890780" s="10"/>
    </row>
    <row r="890781" spans="14:14">
      <c r="N890781" s="10"/>
    </row>
    <row r="890782" spans="14:14">
      <c r="N890782" s="10"/>
    </row>
    <row r="890783" spans="14:14">
      <c r="N890783" s="10"/>
    </row>
    <row r="890784" spans="14:14">
      <c r="N890784" s="10"/>
    </row>
    <row r="890785" spans="14:14">
      <c r="N890785" s="10"/>
    </row>
    <row r="890786" spans="14:14">
      <c r="N890786" s="10"/>
    </row>
    <row r="890787" spans="14:14">
      <c r="N890787" s="10"/>
    </row>
    <row r="890788" spans="14:14">
      <c r="N890788" s="10"/>
    </row>
    <row r="890789" spans="14:14">
      <c r="N890789" s="10"/>
    </row>
    <row r="890790" spans="14:14">
      <c r="N890790" s="10"/>
    </row>
    <row r="890791" spans="14:14">
      <c r="N890791" s="10"/>
    </row>
    <row r="890792" spans="14:14">
      <c r="N890792" s="10"/>
    </row>
    <row r="890793" spans="14:14">
      <c r="N890793" s="10"/>
    </row>
    <row r="890794" spans="14:14">
      <c r="N890794" s="10"/>
    </row>
    <row r="890795" spans="14:14">
      <c r="N890795" s="10"/>
    </row>
    <row r="890796" spans="14:14">
      <c r="N890796" s="10"/>
    </row>
    <row r="890797" spans="14:14">
      <c r="N890797" s="10"/>
    </row>
    <row r="890798" spans="14:14">
      <c r="N890798" s="10"/>
    </row>
    <row r="890799" spans="14:14">
      <c r="N890799" s="10"/>
    </row>
    <row r="890800" spans="14:14">
      <c r="N890800" s="10"/>
    </row>
    <row r="890801" spans="14:14">
      <c r="N890801" s="10"/>
    </row>
    <row r="890802" spans="14:14">
      <c r="N890802" s="10"/>
    </row>
    <row r="890803" spans="14:14">
      <c r="N890803" s="10"/>
    </row>
    <row r="890804" spans="14:14">
      <c r="N890804" s="10"/>
    </row>
    <row r="890805" spans="14:14">
      <c r="N890805" s="10"/>
    </row>
    <row r="890806" spans="14:14">
      <c r="N890806" s="10"/>
    </row>
    <row r="890807" spans="14:14">
      <c r="N890807" s="10"/>
    </row>
    <row r="890808" spans="14:14">
      <c r="N890808" s="10"/>
    </row>
    <row r="890809" spans="14:14">
      <c r="N890809" s="10"/>
    </row>
    <row r="890810" spans="14:14">
      <c r="N890810" s="10"/>
    </row>
    <row r="890811" spans="14:14">
      <c r="N890811" s="10"/>
    </row>
    <row r="890812" spans="14:14">
      <c r="N890812" s="10"/>
    </row>
    <row r="890813" spans="14:14">
      <c r="N890813" s="10"/>
    </row>
    <row r="890814" spans="14:14">
      <c r="N890814" s="10"/>
    </row>
    <row r="890815" spans="14:14">
      <c r="N890815" s="10"/>
    </row>
    <row r="890816" spans="14:14">
      <c r="N890816" s="10"/>
    </row>
    <row r="890817" spans="14:14">
      <c r="N890817" s="10"/>
    </row>
    <row r="890818" spans="14:14">
      <c r="N890818" s="10"/>
    </row>
    <row r="890819" spans="14:14">
      <c r="N890819" s="10"/>
    </row>
    <row r="890820" spans="14:14">
      <c r="N890820" s="10"/>
    </row>
    <row r="890821" spans="14:14">
      <c r="N890821" s="10"/>
    </row>
    <row r="890822" spans="14:14">
      <c r="N890822" s="10"/>
    </row>
    <row r="890823" spans="14:14">
      <c r="N890823" s="10"/>
    </row>
    <row r="890824" spans="14:14">
      <c r="N890824" s="10"/>
    </row>
    <row r="890825" spans="14:14">
      <c r="N890825" s="10"/>
    </row>
    <row r="890826" spans="14:14">
      <c r="N890826" s="10"/>
    </row>
    <row r="890827" spans="14:14">
      <c r="N890827" s="10"/>
    </row>
    <row r="890828" spans="14:14">
      <c r="N890828" s="10"/>
    </row>
    <row r="890829" spans="14:14">
      <c r="N890829" s="10"/>
    </row>
    <row r="890830" spans="14:14">
      <c r="N890830" s="10"/>
    </row>
    <row r="890831" spans="14:14">
      <c r="N890831" s="10"/>
    </row>
    <row r="890832" spans="14:14">
      <c r="N890832" s="10"/>
    </row>
    <row r="890833" spans="14:14">
      <c r="N890833" s="10"/>
    </row>
    <row r="890834" spans="14:14">
      <c r="N890834" s="10"/>
    </row>
    <row r="890835" spans="14:14">
      <c r="N890835" s="10"/>
    </row>
    <row r="890836" spans="14:14">
      <c r="N890836" s="10"/>
    </row>
    <row r="890837" spans="14:14">
      <c r="N890837" s="10"/>
    </row>
    <row r="890838" spans="14:14">
      <c r="N890838" s="10"/>
    </row>
    <row r="890839" spans="14:14">
      <c r="N890839" s="10"/>
    </row>
    <row r="890840" spans="14:14">
      <c r="N890840" s="10"/>
    </row>
    <row r="890841" spans="14:14">
      <c r="N890841" s="10"/>
    </row>
    <row r="890842" spans="14:14">
      <c r="N890842" s="10"/>
    </row>
    <row r="890843" spans="14:14">
      <c r="N890843" s="10"/>
    </row>
    <row r="890844" spans="14:14">
      <c r="N890844" s="10"/>
    </row>
    <row r="890845" spans="14:14">
      <c r="N890845" s="10"/>
    </row>
    <row r="890846" spans="14:14">
      <c r="N890846" s="10"/>
    </row>
    <row r="890847" spans="14:14">
      <c r="N890847" s="10"/>
    </row>
    <row r="890848" spans="14:14">
      <c r="N890848" s="10"/>
    </row>
    <row r="890849" spans="14:14">
      <c r="N890849" s="10"/>
    </row>
    <row r="890850" spans="14:14">
      <c r="N890850" s="10"/>
    </row>
    <row r="890851" spans="14:14">
      <c r="N890851" s="10"/>
    </row>
    <row r="890852" spans="14:14">
      <c r="N890852" s="10"/>
    </row>
    <row r="890853" spans="14:14">
      <c r="N890853" s="10"/>
    </row>
    <row r="890854" spans="14:14">
      <c r="N890854" s="10"/>
    </row>
    <row r="890855" spans="14:14">
      <c r="N890855" s="10"/>
    </row>
    <row r="890856" spans="14:14">
      <c r="N890856" s="10"/>
    </row>
    <row r="890857" spans="14:14">
      <c r="N890857" s="10"/>
    </row>
    <row r="890858" spans="14:14">
      <c r="N890858" s="10"/>
    </row>
    <row r="890859" spans="14:14">
      <c r="N890859" s="10"/>
    </row>
    <row r="890860" spans="14:14">
      <c r="N890860" s="10"/>
    </row>
    <row r="890861" spans="14:14">
      <c r="N890861" s="10"/>
    </row>
    <row r="890862" spans="14:14">
      <c r="N890862" s="10"/>
    </row>
    <row r="890863" spans="14:14">
      <c r="N890863" s="10"/>
    </row>
    <row r="890864" spans="14:14">
      <c r="N890864" s="10"/>
    </row>
    <row r="890865" spans="14:14">
      <c r="N890865" s="10"/>
    </row>
    <row r="890866" spans="14:14">
      <c r="N890866" s="10"/>
    </row>
    <row r="890867" spans="14:14">
      <c r="N890867" s="10"/>
    </row>
    <row r="890868" spans="14:14">
      <c r="N890868" s="10"/>
    </row>
    <row r="890869" spans="14:14">
      <c r="N890869" s="10"/>
    </row>
    <row r="890870" spans="14:14">
      <c r="N890870" s="10"/>
    </row>
    <row r="890871" spans="14:14">
      <c r="N890871" s="10"/>
    </row>
    <row r="890872" spans="14:14">
      <c r="N890872" s="10"/>
    </row>
    <row r="890873" spans="14:14">
      <c r="N890873" s="10"/>
    </row>
    <row r="890874" spans="14:14">
      <c r="N890874" s="10"/>
    </row>
    <row r="890875" spans="14:14">
      <c r="N890875" s="10"/>
    </row>
    <row r="890876" spans="14:14">
      <c r="N890876" s="10"/>
    </row>
    <row r="890877" spans="14:14">
      <c r="N890877" s="10"/>
    </row>
    <row r="890878" spans="14:14">
      <c r="N890878" s="10"/>
    </row>
    <row r="890879" spans="14:14">
      <c r="N890879" s="10"/>
    </row>
    <row r="890880" spans="14:14">
      <c r="N890880" s="10"/>
    </row>
    <row r="890881" spans="14:14">
      <c r="N890881" s="10"/>
    </row>
    <row r="890882" spans="14:14">
      <c r="N890882" s="10"/>
    </row>
    <row r="890883" spans="14:14">
      <c r="N890883" s="10"/>
    </row>
    <row r="890884" spans="14:14">
      <c r="N890884" s="10"/>
    </row>
    <row r="890885" spans="14:14">
      <c r="N890885" s="10"/>
    </row>
    <row r="890886" spans="14:14">
      <c r="N890886" s="10"/>
    </row>
    <row r="890887" spans="14:14">
      <c r="N890887" s="10"/>
    </row>
    <row r="890888" spans="14:14">
      <c r="N890888" s="10"/>
    </row>
    <row r="890889" spans="14:14">
      <c r="N890889" s="10"/>
    </row>
    <row r="890890" spans="14:14">
      <c r="N890890" s="10"/>
    </row>
    <row r="890891" spans="14:14">
      <c r="N890891" s="10"/>
    </row>
    <row r="890892" spans="14:14">
      <c r="N890892" s="10"/>
    </row>
    <row r="890893" spans="14:14">
      <c r="N890893" s="10"/>
    </row>
    <row r="890894" spans="14:14">
      <c r="N890894" s="10"/>
    </row>
    <row r="890895" spans="14:14">
      <c r="N890895" s="10"/>
    </row>
    <row r="890896" spans="14:14">
      <c r="N890896" s="10"/>
    </row>
    <row r="890897" spans="14:14">
      <c r="N890897" s="10"/>
    </row>
    <row r="890898" spans="14:14">
      <c r="N890898" s="10"/>
    </row>
    <row r="890899" spans="14:14">
      <c r="N890899" s="10"/>
    </row>
    <row r="890900" spans="14:14">
      <c r="N890900" s="10"/>
    </row>
    <row r="890901" spans="14:14">
      <c r="N890901" s="10"/>
    </row>
    <row r="890902" spans="14:14">
      <c r="N890902" s="10"/>
    </row>
    <row r="890903" spans="14:14">
      <c r="N890903" s="10"/>
    </row>
    <row r="890904" spans="14:14">
      <c r="N890904" s="10"/>
    </row>
    <row r="890905" spans="14:14">
      <c r="N890905" s="10"/>
    </row>
    <row r="890906" spans="14:14">
      <c r="N890906" s="10"/>
    </row>
    <row r="890907" spans="14:14">
      <c r="N890907" s="10"/>
    </row>
    <row r="890908" spans="14:14">
      <c r="N890908" s="10"/>
    </row>
    <row r="890909" spans="14:14">
      <c r="N890909" s="10"/>
    </row>
    <row r="890910" spans="14:14">
      <c r="N890910" s="10"/>
    </row>
    <row r="890911" spans="14:14">
      <c r="N890911" s="10"/>
    </row>
    <row r="890912" spans="14:14">
      <c r="N890912" s="10"/>
    </row>
    <row r="890913" spans="14:14">
      <c r="N890913" s="10"/>
    </row>
    <row r="890914" spans="14:14">
      <c r="N890914" s="10"/>
    </row>
    <row r="890915" spans="14:14">
      <c r="N890915" s="10"/>
    </row>
    <row r="890916" spans="14:14">
      <c r="N890916" s="10"/>
    </row>
    <row r="890917" spans="14:14">
      <c r="N890917" s="10"/>
    </row>
    <row r="890918" spans="14:14">
      <c r="N890918" s="10"/>
    </row>
    <row r="890919" spans="14:14">
      <c r="N890919" s="10"/>
    </row>
    <row r="890920" spans="14:14">
      <c r="N890920" s="10"/>
    </row>
    <row r="890921" spans="14:14">
      <c r="N890921" s="10"/>
    </row>
    <row r="890922" spans="14:14">
      <c r="N890922" s="10"/>
    </row>
    <row r="890923" spans="14:14">
      <c r="N890923" s="10"/>
    </row>
    <row r="890924" spans="14:14">
      <c r="N890924" s="10"/>
    </row>
    <row r="890925" spans="14:14">
      <c r="N890925" s="10"/>
    </row>
    <row r="890926" spans="14:14">
      <c r="N890926" s="10"/>
    </row>
    <row r="890927" spans="14:14">
      <c r="N890927" s="10"/>
    </row>
    <row r="890928" spans="14:14">
      <c r="N890928" s="10"/>
    </row>
    <row r="890929" spans="14:14">
      <c r="N890929" s="10"/>
    </row>
    <row r="890930" spans="14:14">
      <c r="N890930" s="10"/>
    </row>
    <row r="890931" spans="14:14">
      <c r="N890931" s="10"/>
    </row>
    <row r="890932" spans="14:14">
      <c r="N890932" s="10"/>
    </row>
    <row r="890933" spans="14:14">
      <c r="N890933" s="10"/>
    </row>
    <row r="890934" spans="14:14">
      <c r="N890934" s="10"/>
    </row>
    <row r="890935" spans="14:14">
      <c r="N890935" s="10"/>
    </row>
    <row r="890936" spans="14:14">
      <c r="N890936" s="10"/>
    </row>
    <row r="890937" spans="14:14">
      <c r="N890937" s="10"/>
    </row>
    <row r="890938" spans="14:14">
      <c r="N890938" s="10"/>
    </row>
    <row r="890939" spans="14:14">
      <c r="N890939" s="10"/>
    </row>
    <row r="890940" spans="14:14">
      <c r="N890940" s="10"/>
    </row>
    <row r="890941" spans="14:14">
      <c r="N890941" s="10"/>
    </row>
    <row r="890942" spans="14:14">
      <c r="N890942" s="10"/>
    </row>
    <row r="890943" spans="14:14">
      <c r="N890943" s="10"/>
    </row>
    <row r="890944" spans="14:14">
      <c r="N890944" s="10"/>
    </row>
    <row r="890945" spans="14:14">
      <c r="N890945" s="10"/>
    </row>
    <row r="890946" spans="14:14">
      <c r="N890946" s="10"/>
    </row>
    <row r="890947" spans="14:14">
      <c r="N890947" s="10"/>
    </row>
    <row r="890948" spans="14:14">
      <c r="N890948" s="10"/>
    </row>
    <row r="890949" spans="14:14">
      <c r="N890949" s="10"/>
    </row>
    <row r="890950" spans="14:14">
      <c r="N890950" s="10"/>
    </row>
    <row r="890951" spans="14:14">
      <c r="N890951" s="10"/>
    </row>
    <row r="890952" spans="14:14">
      <c r="N890952" s="10"/>
    </row>
    <row r="890953" spans="14:14">
      <c r="N890953" s="10"/>
    </row>
    <row r="890954" spans="14:14">
      <c r="N890954" s="10"/>
    </row>
    <row r="890955" spans="14:14">
      <c r="N890955" s="10"/>
    </row>
    <row r="890956" spans="14:14">
      <c r="N890956" s="10"/>
    </row>
    <row r="890957" spans="14:14">
      <c r="N890957" s="10"/>
    </row>
    <row r="890958" spans="14:14">
      <c r="N890958" s="10"/>
    </row>
    <row r="890959" spans="14:14">
      <c r="N890959" s="10"/>
    </row>
    <row r="890960" spans="14:14">
      <c r="N890960" s="10"/>
    </row>
    <row r="890961" spans="14:14">
      <c r="N890961" s="10"/>
    </row>
    <row r="890962" spans="14:14">
      <c r="N890962" s="10"/>
    </row>
    <row r="890963" spans="14:14">
      <c r="N890963" s="10"/>
    </row>
    <row r="890964" spans="14:14">
      <c r="N890964" s="10"/>
    </row>
    <row r="890965" spans="14:14">
      <c r="N890965" s="10"/>
    </row>
    <row r="890966" spans="14:14">
      <c r="N890966" s="10"/>
    </row>
    <row r="890967" spans="14:14">
      <c r="N890967" s="10"/>
    </row>
    <row r="890968" spans="14:14">
      <c r="N890968" s="10"/>
    </row>
    <row r="890969" spans="14:14">
      <c r="N890969" s="10"/>
    </row>
    <row r="890970" spans="14:14">
      <c r="N890970" s="10"/>
    </row>
    <row r="890971" spans="14:14">
      <c r="N890971" s="10"/>
    </row>
    <row r="890972" spans="14:14">
      <c r="N890972" s="10"/>
    </row>
    <row r="890973" spans="14:14">
      <c r="N890973" s="10"/>
    </row>
    <row r="890974" spans="14:14">
      <c r="N890974" s="10"/>
    </row>
    <row r="890975" spans="14:14">
      <c r="N890975" s="10"/>
    </row>
    <row r="890976" spans="14:14">
      <c r="N890976" s="10"/>
    </row>
    <row r="890977" spans="14:14">
      <c r="N890977" s="10"/>
    </row>
    <row r="890978" spans="14:14">
      <c r="N890978" s="10"/>
    </row>
    <row r="890979" spans="14:14">
      <c r="N890979" s="10"/>
    </row>
    <row r="890980" spans="14:14">
      <c r="N890980" s="10"/>
    </row>
    <row r="890981" spans="14:14">
      <c r="N890981" s="10"/>
    </row>
    <row r="890982" spans="14:14">
      <c r="N890982" s="10"/>
    </row>
    <row r="890983" spans="14:14">
      <c r="N890983" s="10"/>
    </row>
    <row r="890984" spans="14:14">
      <c r="N890984" s="10"/>
    </row>
    <row r="890985" spans="14:14">
      <c r="N890985" s="10"/>
    </row>
    <row r="890986" spans="14:14">
      <c r="N890986" s="10"/>
    </row>
    <row r="890987" spans="14:14">
      <c r="N890987" s="10"/>
    </row>
    <row r="890988" spans="14:14">
      <c r="N890988" s="10"/>
    </row>
    <row r="890989" spans="14:14">
      <c r="N890989" s="10"/>
    </row>
    <row r="890990" spans="14:14">
      <c r="N890990" s="10"/>
    </row>
    <row r="890991" spans="14:14">
      <c r="N890991" s="10"/>
    </row>
    <row r="890992" spans="14:14">
      <c r="N890992" s="10"/>
    </row>
    <row r="890993" spans="14:14">
      <c r="N890993" s="10"/>
    </row>
    <row r="890994" spans="14:14">
      <c r="N890994" s="10"/>
    </row>
    <row r="890995" spans="14:14">
      <c r="N890995" s="10"/>
    </row>
    <row r="890996" spans="14:14">
      <c r="N890996" s="10"/>
    </row>
    <row r="890997" spans="14:14">
      <c r="N890997" s="10"/>
    </row>
    <row r="890998" spans="14:14">
      <c r="N890998" s="10"/>
    </row>
    <row r="890999" spans="14:14">
      <c r="N890999" s="10"/>
    </row>
    <row r="891000" spans="14:14">
      <c r="N891000" s="10"/>
    </row>
    <row r="891001" spans="14:14">
      <c r="N891001" s="10"/>
    </row>
    <row r="891002" spans="14:14">
      <c r="N891002" s="10"/>
    </row>
    <row r="891003" spans="14:14">
      <c r="N891003" s="10"/>
    </row>
    <row r="891004" spans="14:14">
      <c r="N891004" s="10"/>
    </row>
    <row r="891005" spans="14:14">
      <c r="N891005" s="10"/>
    </row>
    <row r="891006" spans="14:14">
      <c r="N891006" s="10"/>
    </row>
    <row r="891007" spans="14:14">
      <c r="N891007" s="10"/>
    </row>
    <row r="891008" spans="14:14">
      <c r="N891008" s="10"/>
    </row>
    <row r="891009" spans="14:14">
      <c r="N891009" s="10"/>
    </row>
    <row r="891010" spans="14:14">
      <c r="N891010" s="10"/>
    </row>
    <row r="891011" spans="14:14">
      <c r="N891011" s="10"/>
    </row>
    <row r="891012" spans="14:14">
      <c r="N891012" s="10"/>
    </row>
    <row r="891013" spans="14:14">
      <c r="N891013" s="10"/>
    </row>
    <row r="891014" spans="14:14">
      <c r="N891014" s="10"/>
    </row>
    <row r="891015" spans="14:14">
      <c r="N891015" s="10"/>
    </row>
    <row r="891016" spans="14:14">
      <c r="N891016" s="10"/>
    </row>
    <row r="891017" spans="14:14">
      <c r="N891017" s="10"/>
    </row>
    <row r="891018" spans="14:14">
      <c r="N891018" s="10"/>
    </row>
    <row r="891019" spans="14:14">
      <c r="N891019" s="10"/>
    </row>
    <row r="891020" spans="14:14">
      <c r="N891020" s="10"/>
    </row>
    <row r="891021" spans="14:14">
      <c r="N891021" s="10"/>
    </row>
    <row r="891022" spans="14:14">
      <c r="N891022" s="10"/>
    </row>
    <row r="891023" spans="14:14">
      <c r="N891023" s="10"/>
    </row>
    <row r="891024" spans="14:14">
      <c r="N891024" s="10"/>
    </row>
    <row r="891025" spans="14:14">
      <c r="N891025" s="10"/>
    </row>
    <row r="891026" spans="14:14">
      <c r="N891026" s="10"/>
    </row>
    <row r="891027" spans="14:14">
      <c r="N891027" s="10"/>
    </row>
    <row r="891028" spans="14:14">
      <c r="N891028" s="10"/>
    </row>
    <row r="891029" spans="14:14">
      <c r="N891029" s="10"/>
    </row>
    <row r="891030" spans="14:14">
      <c r="N891030" s="10"/>
    </row>
    <row r="891031" spans="14:14">
      <c r="N891031" s="10"/>
    </row>
    <row r="891032" spans="14:14">
      <c r="N891032" s="10"/>
    </row>
    <row r="891033" spans="14:14">
      <c r="N891033" s="10"/>
    </row>
    <row r="891034" spans="14:14">
      <c r="N891034" s="10"/>
    </row>
    <row r="891035" spans="14:14">
      <c r="N891035" s="10"/>
    </row>
    <row r="891036" spans="14:14">
      <c r="N891036" s="10"/>
    </row>
    <row r="891037" spans="14:14">
      <c r="N891037" s="10"/>
    </row>
    <row r="891038" spans="14:14">
      <c r="N891038" s="10"/>
    </row>
    <row r="891039" spans="14:14">
      <c r="N891039" s="10"/>
    </row>
    <row r="891040" spans="14:14">
      <c r="N891040" s="10"/>
    </row>
    <row r="891041" spans="14:14">
      <c r="N891041" s="10"/>
    </row>
    <row r="891042" spans="14:14">
      <c r="N891042" s="10"/>
    </row>
    <row r="891043" spans="14:14">
      <c r="N891043" s="10"/>
    </row>
    <row r="891044" spans="14:14">
      <c r="N891044" s="10"/>
    </row>
    <row r="891045" spans="14:14">
      <c r="N891045" s="10"/>
    </row>
    <row r="891046" spans="14:14">
      <c r="N891046" s="10"/>
    </row>
    <row r="891047" spans="14:14">
      <c r="N891047" s="10"/>
    </row>
    <row r="891048" spans="14:14">
      <c r="N891048" s="10"/>
    </row>
    <row r="891049" spans="14:14">
      <c r="N891049" s="10"/>
    </row>
    <row r="891050" spans="14:14">
      <c r="N891050" s="10"/>
    </row>
    <row r="891051" spans="14:14">
      <c r="N891051" s="10"/>
    </row>
    <row r="891052" spans="14:14">
      <c r="N891052" s="10"/>
    </row>
    <row r="891053" spans="14:14">
      <c r="N891053" s="10"/>
    </row>
    <row r="891054" spans="14:14">
      <c r="N891054" s="10"/>
    </row>
    <row r="891055" spans="14:14">
      <c r="N891055" s="10"/>
    </row>
    <row r="891056" spans="14:14">
      <c r="N891056" s="10"/>
    </row>
    <row r="891057" spans="14:14">
      <c r="N891057" s="10"/>
    </row>
    <row r="891058" spans="14:14">
      <c r="N891058" s="10"/>
    </row>
    <row r="891059" spans="14:14">
      <c r="N891059" s="10"/>
    </row>
    <row r="891060" spans="14:14">
      <c r="N891060" s="10"/>
    </row>
    <row r="891061" spans="14:14">
      <c r="N891061" s="10"/>
    </row>
    <row r="891062" spans="14:14">
      <c r="N891062" s="10"/>
    </row>
    <row r="891063" spans="14:14">
      <c r="N891063" s="10"/>
    </row>
    <row r="891064" spans="14:14">
      <c r="N891064" s="10"/>
    </row>
    <row r="891065" spans="14:14">
      <c r="N891065" s="10"/>
    </row>
    <row r="891066" spans="14:14">
      <c r="N891066" s="10"/>
    </row>
    <row r="891067" spans="14:14">
      <c r="N891067" s="10"/>
    </row>
    <row r="891068" spans="14:14">
      <c r="N891068" s="10"/>
    </row>
    <row r="891069" spans="14:14">
      <c r="N891069" s="10"/>
    </row>
    <row r="891070" spans="14:14">
      <c r="N891070" s="10"/>
    </row>
    <row r="891071" spans="14:14">
      <c r="N891071" s="10"/>
    </row>
    <row r="891072" spans="14:14">
      <c r="N891072" s="10"/>
    </row>
    <row r="891073" spans="14:14">
      <c r="N891073" s="10"/>
    </row>
    <row r="891074" spans="14:14">
      <c r="N891074" s="10"/>
    </row>
    <row r="891075" spans="14:14">
      <c r="N891075" s="10"/>
    </row>
    <row r="891076" spans="14:14">
      <c r="N891076" s="10"/>
    </row>
    <row r="891077" spans="14:14">
      <c r="N891077" s="10"/>
    </row>
    <row r="891078" spans="14:14">
      <c r="N891078" s="10"/>
    </row>
    <row r="891079" spans="14:14">
      <c r="N891079" s="10"/>
    </row>
    <row r="891080" spans="14:14">
      <c r="N891080" s="10"/>
    </row>
    <row r="891081" spans="14:14">
      <c r="N891081" s="10"/>
    </row>
    <row r="891082" spans="14:14">
      <c r="N891082" s="10"/>
    </row>
    <row r="891083" spans="14:14">
      <c r="N891083" s="10"/>
    </row>
    <row r="891084" spans="14:14">
      <c r="N891084" s="10"/>
    </row>
    <row r="891085" spans="14:14">
      <c r="N891085" s="10"/>
    </row>
    <row r="891086" spans="14:14">
      <c r="N891086" s="10"/>
    </row>
    <row r="891087" spans="14:14">
      <c r="N891087" s="10"/>
    </row>
    <row r="891088" spans="14:14">
      <c r="N891088" s="10"/>
    </row>
    <row r="891089" spans="14:14">
      <c r="N891089" s="10"/>
    </row>
    <row r="891090" spans="14:14">
      <c r="N891090" s="10"/>
    </row>
    <row r="891091" spans="14:14">
      <c r="N891091" s="10"/>
    </row>
    <row r="891092" spans="14:14">
      <c r="N891092" s="10"/>
    </row>
    <row r="891093" spans="14:14">
      <c r="N891093" s="10"/>
    </row>
    <row r="891094" spans="14:14">
      <c r="N891094" s="10"/>
    </row>
    <row r="891095" spans="14:14">
      <c r="N891095" s="10"/>
    </row>
    <row r="891096" spans="14:14">
      <c r="N891096" s="10"/>
    </row>
    <row r="891097" spans="14:14">
      <c r="N891097" s="10"/>
    </row>
    <row r="891098" spans="14:14">
      <c r="N891098" s="10"/>
    </row>
    <row r="891099" spans="14:14">
      <c r="N891099" s="10"/>
    </row>
    <row r="891100" spans="14:14">
      <c r="N891100" s="10"/>
    </row>
    <row r="891101" spans="14:14">
      <c r="N891101" s="10"/>
    </row>
    <row r="891102" spans="14:14">
      <c r="N891102" s="10"/>
    </row>
    <row r="891103" spans="14:14">
      <c r="N891103" s="10"/>
    </row>
    <row r="891104" spans="14:14">
      <c r="N891104" s="10"/>
    </row>
    <row r="891105" spans="14:14">
      <c r="N891105" s="10"/>
    </row>
    <row r="891106" spans="14:14">
      <c r="N891106" s="10"/>
    </row>
    <row r="891107" spans="14:14">
      <c r="N891107" s="10"/>
    </row>
    <row r="891108" spans="14:14">
      <c r="N891108" s="10"/>
    </row>
    <row r="891109" spans="14:14">
      <c r="N891109" s="10"/>
    </row>
    <row r="891110" spans="14:14">
      <c r="N891110" s="10"/>
    </row>
    <row r="891111" spans="14:14">
      <c r="N891111" s="10"/>
    </row>
    <row r="891112" spans="14:14">
      <c r="N891112" s="10"/>
    </row>
    <row r="891113" spans="14:14">
      <c r="N891113" s="10"/>
    </row>
    <row r="891114" spans="14:14">
      <c r="N891114" s="10"/>
    </row>
    <row r="891115" spans="14:14">
      <c r="N891115" s="10"/>
    </row>
    <row r="891116" spans="14:14">
      <c r="N891116" s="10"/>
    </row>
    <row r="891117" spans="14:14">
      <c r="N891117" s="10"/>
    </row>
    <row r="891118" spans="14:14">
      <c r="N891118" s="10"/>
    </row>
    <row r="891119" spans="14:14">
      <c r="N891119" s="10"/>
    </row>
    <row r="891120" spans="14:14">
      <c r="N891120" s="10"/>
    </row>
    <row r="891121" spans="14:14">
      <c r="N891121" s="10"/>
    </row>
    <row r="891122" spans="14:14">
      <c r="N891122" s="10"/>
    </row>
    <row r="891123" spans="14:14">
      <c r="N891123" s="10"/>
    </row>
    <row r="891124" spans="14:14">
      <c r="N891124" s="10"/>
    </row>
    <row r="891125" spans="14:14">
      <c r="N891125" s="10"/>
    </row>
    <row r="891126" spans="14:14">
      <c r="N891126" s="10"/>
    </row>
    <row r="891127" spans="14:14">
      <c r="N891127" s="10"/>
    </row>
    <row r="891128" spans="14:14">
      <c r="N891128" s="10"/>
    </row>
    <row r="891129" spans="14:14">
      <c r="N891129" s="10"/>
    </row>
    <row r="891130" spans="14:14">
      <c r="N891130" s="10"/>
    </row>
    <row r="891131" spans="14:14">
      <c r="N891131" s="10"/>
    </row>
    <row r="891132" spans="14:14">
      <c r="N891132" s="10"/>
    </row>
    <row r="891133" spans="14:14">
      <c r="N891133" s="10"/>
    </row>
    <row r="891134" spans="14:14">
      <c r="N891134" s="10"/>
    </row>
    <row r="891135" spans="14:14">
      <c r="N891135" s="10"/>
    </row>
    <row r="891136" spans="14:14">
      <c r="N891136" s="10"/>
    </row>
    <row r="891137" spans="14:14">
      <c r="N891137" s="10"/>
    </row>
    <row r="891138" spans="14:14">
      <c r="N891138" s="10"/>
    </row>
    <row r="891139" spans="14:14">
      <c r="N891139" s="10"/>
    </row>
    <row r="891140" spans="14:14">
      <c r="N891140" s="10"/>
    </row>
    <row r="891141" spans="14:14">
      <c r="N891141" s="10"/>
    </row>
    <row r="891142" spans="14:14">
      <c r="N891142" s="10"/>
    </row>
    <row r="891143" spans="14:14">
      <c r="N891143" s="10"/>
    </row>
    <row r="891144" spans="14:14">
      <c r="N891144" s="10"/>
    </row>
    <row r="891145" spans="14:14">
      <c r="N891145" s="10"/>
    </row>
    <row r="891146" spans="14:14">
      <c r="N891146" s="10"/>
    </row>
    <row r="891147" spans="14:14">
      <c r="N891147" s="10"/>
    </row>
    <row r="891148" spans="14:14">
      <c r="N891148" s="10"/>
    </row>
    <row r="891149" spans="14:14">
      <c r="N891149" s="10"/>
    </row>
    <row r="891150" spans="14:14">
      <c r="N891150" s="10"/>
    </row>
    <row r="891151" spans="14:14">
      <c r="N891151" s="10"/>
    </row>
    <row r="891152" spans="14:14">
      <c r="N891152" s="10"/>
    </row>
    <row r="891153" spans="14:14">
      <c r="N891153" s="10"/>
    </row>
    <row r="891154" spans="14:14">
      <c r="N891154" s="10"/>
    </row>
    <row r="891155" spans="14:14">
      <c r="N891155" s="10"/>
    </row>
    <row r="891156" spans="14:14">
      <c r="N891156" s="10"/>
    </row>
    <row r="891157" spans="14:14">
      <c r="N891157" s="10"/>
    </row>
    <row r="891158" spans="14:14">
      <c r="N891158" s="10"/>
    </row>
    <row r="891159" spans="14:14">
      <c r="N891159" s="10"/>
    </row>
    <row r="891160" spans="14:14">
      <c r="N891160" s="10"/>
    </row>
    <row r="891161" spans="14:14">
      <c r="N891161" s="10"/>
    </row>
    <row r="891162" spans="14:14">
      <c r="N891162" s="10"/>
    </row>
    <row r="891163" spans="14:14">
      <c r="N891163" s="10"/>
    </row>
    <row r="891164" spans="14:14">
      <c r="N891164" s="10"/>
    </row>
    <row r="891165" spans="14:14">
      <c r="N891165" s="10"/>
    </row>
    <row r="891166" spans="14:14">
      <c r="N891166" s="10"/>
    </row>
    <row r="891167" spans="14:14">
      <c r="N891167" s="10"/>
    </row>
    <row r="891168" spans="14:14">
      <c r="N891168" s="10"/>
    </row>
    <row r="891169" spans="14:14">
      <c r="N891169" s="10"/>
    </row>
    <row r="891170" spans="14:14">
      <c r="N891170" s="10"/>
    </row>
    <row r="891171" spans="14:14">
      <c r="N891171" s="10"/>
    </row>
    <row r="891172" spans="14:14">
      <c r="N891172" s="10"/>
    </row>
    <row r="891173" spans="14:14">
      <c r="N891173" s="10"/>
    </row>
    <row r="891174" spans="14:14">
      <c r="N891174" s="10"/>
    </row>
    <row r="891175" spans="14:14">
      <c r="N891175" s="10"/>
    </row>
    <row r="891176" spans="14:14">
      <c r="N891176" s="10"/>
    </row>
    <row r="891177" spans="14:14">
      <c r="N891177" s="10"/>
    </row>
    <row r="891178" spans="14:14">
      <c r="N891178" s="10"/>
    </row>
    <row r="891179" spans="14:14">
      <c r="N891179" s="10"/>
    </row>
    <row r="891180" spans="14:14">
      <c r="N891180" s="10"/>
    </row>
    <row r="891181" spans="14:14">
      <c r="N891181" s="10"/>
    </row>
    <row r="891182" spans="14:14">
      <c r="N891182" s="10"/>
    </row>
    <row r="891183" spans="14:14">
      <c r="N891183" s="10"/>
    </row>
    <row r="891184" spans="14:14">
      <c r="N891184" s="10"/>
    </row>
    <row r="891185" spans="14:14">
      <c r="N891185" s="10"/>
    </row>
    <row r="891186" spans="14:14">
      <c r="N891186" s="10"/>
    </row>
    <row r="891187" spans="14:14">
      <c r="N891187" s="10"/>
    </row>
    <row r="891188" spans="14:14">
      <c r="N891188" s="10"/>
    </row>
    <row r="891189" spans="14:14">
      <c r="N891189" s="10"/>
    </row>
    <row r="891190" spans="14:14">
      <c r="N891190" s="10"/>
    </row>
    <row r="891191" spans="14:14">
      <c r="N891191" s="10"/>
    </row>
    <row r="891192" spans="14:14">
      <c r="N891192" s="10"/>
    </row>
    <row r="891193" spans="14:14">
      <c r="N891193" s="10"/>
    </row>
    <row r="891194" spans="14:14">
      <c r="N891194" s="10"/>
    </row>
    <row r="891195" spans="14:14">
      <c r="N891195" s="10"/>
    </row>
    <row r="891196" spans="14:14">
      <c r="N891196" s="10"/>
    </row>
    <row r="891197" spans="14:14">
      <c r="N891197" s="10"/>
    </row>
    <row r="891198" spans="14:14">
      <c r="N891198" s="10"/>
    </row>
    <row r="891199" spans="14:14">
      <c r="N891199" s="10"/>
    </row>
    <row r="891200" spans="14:14">
      <c r="N891200" s="10"/>
    </row>
    <row r="891201" spans="14:14">
      <c r="N891201" s="10"/>
    </row>
    <row r="891202" spans="14:14">
      <c r="N891202" s="10"/>
    </row>
    <row r="891203" spans="14:14">
      <c r="N891203" s="10"/>
    </row>
    <row r="891204" spans="14:14">
      <c r="N891204" s="10"/>
    </row>
    <row r="891205" spans="14:14">
      <c r="N891205" s="10"/>
    </row>
    <row r="891206" spans="14:14">
      <c r="N891206" s="10"/>
    </row>
    <row r="891207" spans="14:14">
      <c r="N891207" s="10"/>
    </row>
    <row r="891208" spans="14:14">
      <c r="N891208" s="10"/>
    </row>
    <row r="891209" spans="14:14">
      <c r="N891209" s="10"/>
    </row>
    <row r="891210" spans="14:14">
      <c r="N891210" s="10"/>
    </row>
    <row r="891211" spans="14:14">
      <c r="N891211" s="10"/>
    </row>
    <row r="891212" spans="14:14">
      <c r="N891212" s="10"/>
    </row>
    <row r="891213" spans="14:14">
      <c r="N891213" s="10"/>
    </row>
    <row r="891214" spans="14:14">
      <c r="N891214" s="10"/>
    </row>
    <row r="891215" spans="14:14">
      <c r="N891215" s="10"/>
    </row>
    <row r="891216" spans="14:14">
      <c r="N891216" s="10"/>
    </row>
    <row r="891217" spans="14:14">
      <c r="N891217" s="10"/>
    </row>
    <row r="891218" spans="14:14">
      <c r="N891218" s="10"/>
    </row>
    <row r="891219" spans="14:14">
      <c r="N891219" s="10"/>
    </row>
    <row r="891220" spans="14:14">
      <c r="N891220" s="10"/>
    </row>
    <row r="891221" spans="14:14">
      <c r="N891221" s="10"/>
    </row>
    <row r="891222" spans="14:14">
      <c r="N891222" s="10"/>
    </row>
    <row r="891223" spans="14:14">
      <c r="N891223" s="10"/>
    </row>
    <row r="891224" spans="14:14">
      <c r="N891224" s="10"/>
    </row>
    <row r="891225" spans="14:14">
      <c r="N891225" s="10"/>
    </row>
    <row r="891226" spans="14:14">
      <c r="N891226" s="10"/>
    </row>
    <row r="891227" spans="14:14">
      <c r="N891227" s="10"/>
    </row>
    <row r="891228" spans="14:14">
      <c r="N891228" s="10"/>
    </row>
    <row r="891229" spans="14:14">
      <c r="N891229" s="10"/>
    </row>
    <row r="891230" spans="14:14">
      <c r="N891230" s="10"/>
    </row>
    <row r="891231" spans="14:14">
      <c r="N891231" s="10"/>
    </row>
    <row r="891232" spans="14:14">
      <c r="N891232" s="10"/>
    </row>
    <row r="891233" spans="14:14">
      <c r="N891233" s="10"/>
    </row>
    <row r="891234" spans="14:14">
      <c r="N891234" s="10"/>
    </row>
    <row r="891235" spans="14:14">
      <c r="N891235" s="10"/>
    </row>
    <row r="891236" spans="14:14">
      <c r="N891236" s="10"/>
    </row>
    <row r="891237" spans="14:14">
      <c r="N891237" s="10"/>
    </row>
    <row r="891238" spans="14:14">
      <c r="N891238" s="10"/>
    </row>
    <row r="891239" spans="14:14">
      <c r="N891239" s="10"/>
    </row>
    <row r="891240" spans="14:14">
      <c r="N891240" s="10"/>
    </row>
    <row r="891241" spans="14:14">
      <c r="N891241" s="10"/>
    </row>
    <row r="891242" spans="14:14">
      <c r="N891242" s="10"/>
    </row>
    <row r="891243" spans="14:14">
      <c r="N891243" s="10"/>
    </row>
    <row r="891244" spans="14:14">
      <c r="N891244" s="10"/>
    </row>
    <row r="891245" spans="14:14">
      <c r="N891245" s="10"/>
    </row>
    <row r="891246" spans="14:14">
      <c r="N891246" s="10"/>
    </row>
    <row r="891247" spans="14:14">
      <c r="N891247" s="10"/>
    </row>
    <row r="891248" spans="14:14">
      <c r="N891248" s="10"/>
    </row>
    <row r="891249" spans="14:14">
      <c r="N891249" s="10"/>
    </row>
    <row r="891250" spans="14:14">
      <c r="N891250" s="10"/>
    </row>
    <row r="891251" spans="14:14">
      <c r="N891251" s="10"/>
    </row>
    <row r="891252" spans="14:14">
      <c r="N891252" s="10"/>
    </row>
    <row r="891253" spans="14:14">
      <c r="N891253" s="10"/>
    </row>
    <row r="891254" spans="14:14">
      <c r="N891254" s="10"/>
    </row>
    <row r="891255" spans="14:14">
      <c r="N891255" s="10"/>
    </row>
    <row r="891256" spans="14:14">
      <c r="N891256" s="10"/>
    </row>
    <row r="891257" spans="14:14">
      <c r="N891257" s="10"/>
    </row>
    <row r="891258" spans="14:14">
      <c r="N891258" s="10"/>
    </row>
    <row r="891259" spans="14:14">
      <c r="N891259" s="10"/>
    </row>
    <row r="891260" spans="14:14">
      <c r="N891260" s="10"/>
    </row>
    <row r="891261" spans="14:14">
      <c r="N891261" s="10"/>
    </row>
    <row r="891262" spans="14:14">
      <c r="N891262" s="10"/>
    </row>
    <row r="891263" spans="14:14">
      <c r="N891263" s="10"/>
    </row>
    <row r="891264" spans="14:14">
      <c r="N891264" s="10"/>
    </row>
    <row r="891265" spans="14:14">
      <c r="N891265" s="10"/>
    </row>
    <row r="891266" spans="14:14">
      <c r="N891266" s="10"/>
    </row>
    <row r="891267" spans="14:14">
      <c r="N891267" s="10"/>
    </row>
    <row r="891268" spans="14:14">
      <c r="N891268" s="10"/>
    </row>
    <row r="891269" spans="14:14">
      <c r="N891269" s="10"/>
    </row>
    <row r="891270" spans="14:14">
      <c r="N891270" s="10"/>
    </row>
    <row r="891271" spans="14:14">
      <c r="N891271" s="10"/>
    </row>
    <row r="891272" spans="14:14">
      <c r="N891272" s="10"/>
    </row>
    <row r="891273" spans="14:14">
      <c r="N891273" s="10"/>
    </row>
    <row r="891274" spans="14:14">
      <c r="N891274" s="10"/>
    </row>
    <row r="891275" spans="14:14">
      <c r="N891275" s="10"/>
    </row>
    <row r="891276" spans="14:14">
      <c r="N891276" s="10"/>
    </row>
    <row r="891277" spans="14:14">
      <c r="N891277" s="10"/>
    </row>
    <row r="891278" spans="14:14">
      <c r="N891278" s="10"/>
    </row>
    <row r="891279" spans="14:14">
      <c r="N891279" s="10"/>
    </row>
    <row r="891280" spans="14:14">
      <c r="N891280" s="10"/>
    </row>
    <row r="891281" spans="14:14">
      <c r="N891281" s="10"/>
    </row>
    <row r="891282" spans="14:14">
      <c r="N891282" s="10"/>
    </row>
    <row r="891283" spans="14:14">
      <c r="N891283" s="10"/>
    </row>
    <row r="891284" spans="14:14">
      <c r="N891284" s="10"/>
    </row>
    <row r="891285" spans="14:14">
      <c r="N891285" s="10"/>
    </row>
    <row r="891286" spans="14:14">
      <c r="N891286" s="10"/>
    </row>
    <row r="891287" spans="14:14">
      <c r="N891287" s="10"/>
    </row>
    <row r="891288" spans="14:14">
      <c r="N891288" s="10"/>
    </row>
    <row r="891289" spans="14:14">
      <c r="N891289" s="10"/>
    </row>
    <row r="891290" spans="14:14">
      <c r="N891290" s="10"/>
    </row>
    <row r="891291" spans="14:14">
      <c r="N891291" s="10"/>
    </row>
    <row r="891292" spans="14:14">
      <c r="N891292" s="10"/>
    </row>
    <row r="891293" spans="14:14">
      <c r="N891293" s="10"/>
    </row>
    <row r="891294" spans="14:14">
      <c r="N891294" s="10"/>
    </row>
    <row r="891295" spans="14:14">
      <c r="N891295" s="10"/>
    </row>
    <row r="891296" spans="14:14">
      <c r="N891296" s="10"/>
    </row>
    <row r="891297" spans="14:14">
      <c r="N891297" s="10"/>
    </row>
    <row r="891298" spans="14:14">
      <c r="N891298" s="10"/>
    </row>
    <row r="891299" spans="14:14">
      <c r="N891299" s="10"/>
    </row>
    <row r="891300" spans="14:14">
      <c r="N891300" s="10"/>
    </row>
    <row r="891301" spans="14:14">
      <c r="N891301" s="10"/>
    </row>
    <row r="891302" spans="14:14">
      <c r="N891302" s="10"/>
    </row>
    <row r="891303" spans="14:14">
      <c r="N891303" s="10"/>
    </row>
    <row r="891304" spans="14:14">
      <c r="N891304" s="10"/>
    </row>
    <row r="891305" spans="14:14">
      <c r="N891305" s="10"/>
    </row>
    <row r="891306" spans="14:14">
      <c r="N891306" s="10"/>
    </row>
    <row r="891307" spans="14:14">
      <c r="N891307" s="10"/>
    </row>
    <row r="891308" spans="14:14">
      <c r="N891308" s="10"/>
    </row>
    <row r="891309" spans="14:14">
      <c r="N891309" s="10"/>
    </row>
    <row r="891310" spans="14:14">
      <c r="N891310" s="10"/>
    </row>
    <row r="891311" spans="14:14">
      <c r="N891311" s="10"/>
    </row>
    <row r="891312" spans="14:14">
      <c r="N891312" s="10"/>
    </row>
    <row r="891313" spans="14:14">
      <c r="N891313" s="10"/>
    </row>
    <row r="891314" spans="14:14">
      <c r="N891314" s="10"/>
    </row>
    <row r="891315" spans="14:14">
      <c r="N891315" s="10"/>
    </row>
    <row r="891316" spans="14:14">
      <c r="N891316" s="10"/>
    </row>
    <row r="891317" spans="14:14">
      <c r="N891317" s="10"/>
    </row>
    <row r="891318" spans="14:14">
      <c r="N891318" s="10"/>
    </row>
    <row r="891319" spans="14:14">
      <c r="N891319" s="10"/>
    </row>
    <row r="891320" spans="14:14">
      <c r="N891320" s="10"/>
    </row>
    <row r="891321" spans="14:14">
      <c r="N891321" s="10"/>
    </row>
    <row r="891322" spans="14:14">
      <c r="N891322" s="10"/>
    </row>
    <row r="891323" spans="14:14">
      <c r="N891323" s="10"/>
    </row>
    <row r="891324" spans="14:14">
      <c r="N891324" s="10"/>
    </row>
    <row r="891325" spans="14:14">
      <c r="N891325" s="10"/>
    </row>
    <row r="891326" spans="14:14">
      <c r="N891326" s="10"/>
    </row>
    <row r="891327" spans="14:14">
      <c r="N891327" s="10"/>
    </row>
    <row r="891328" spans="14:14">
      <c r="N891328" s="10"/>
    </row>
    <row r="891329" spans="14:14">
      <c r="N891329" s="10"/>
    </row>
    <row r="891330" spans="14:14">
      <c r="N891330" s="10"/>
    </row>
    <row r="891331" spans="14:14">
      <c r="N891331" s="10"/>
    </row>
    <row r="891332" spans="14:14">
      <c r="N891332" s="10"/>
    </row>
    <row r="891333" spans="14:14">
      <c r="N891333" s="10"/>
    </row>
    <row r="891334" spans="14:14">
      <c r="N891334" s="10"/>
    </row>
    <row r="891335" spans="14:14">
      <c r="N891335" s="10"/>
    </row>
    <row r="891336" spans="14:14">
      <c r="N891336" s="10"/>
    </row>
    <row r="891337" spans="14:14">
      <c r="N891337" s="10"/>
    </row>
    <row r="891338" spans="14:14">
      <c r="N891338" s="10"/>
    </row>
    <row r="891339" spans="14:14">
      <c r="N891339" s="10"/>
    </row>
    <row r="891340" spans="14:14">
      <c r="N891340" s="10"/>
    </row>
    <row r="891341" spans="14:14">
      <c r="N891341" s="10"/>
    </row>
    <row r="891342" spans="14:14">
      <c r="N891342" s="10"/>
    </row>
    <row r="891343" spans="14:14">
      <c r="N891343" s="10"/>
    </row>
    <row r="891344" spans="14:14">
      <c r="N891344" s="10"/>
    </row>
    <row r="891345" spans="14:14">
      <c r="N891345" s="10"/>
    </row>
    <row r="891346" spans="14:14">
      <c r="N891346" s="10"/>
    </row>
    <row r="891347" spans="14:14">
      <c r="N891347" s="10"/>
    </row>
    <row r="891348" spans="14:14">
      <c r="N891348" s="10"/>
    </row>
    <row r="891349" spans="14:14">
      <c r="N891349" s="10"/>
    </row>
    <row r="891350" spans="14:14">
      <c r="N891350" s="10"/>
    </row>
    <row r="891351" spans="14:14">
      <c r="N891351" s="10"/>
    </row>
    <row r="891352" spans="14:14">
      <c r="N891352" s="10"/>
    </row>
    <row r="891353" spans="14:14">
      <c r="N891353" s="10"/>
    </row>
    <row r="891354" spans="14:14">
      <c r="N891354" s="10"/>
    </row>
    <row r="891355" spans="14:14">
      <c r="N891355" s="10"/>
    </row>
    <row r="891356" spans="14:14">
      <c r="N891356" s="10"/>
    </row>
    <row r="891357" spans="14:14">
      <c r="N891357" s="10"/>
    </row>
    <row r="891358" spans="14:14">
      <c r="N891358" s="10"/>
    </row>
    <row r="891359" spans="14:14">
      <c r="N891359" s="10"/>
    </row>
    <row r="891360" spans="14:14">
      <c r="N891360" s="10"/>
    </row>
    <row r="891361" spans="14:14">
      <c r="N891361" s="10"/>
    </row>
    <row r="891362" spans="14:14">
      <c r="N891362" s="10"/>
    </row>
    <row r="891363" spans="14:14">
      <c r="N891363" s="10"/>
    </row>
    <row r="891364" spans="14:14">
      <c r="N891364" s="10"/>
    </row>
    <row r="891365" spans="14:14">
      <c r="N891365" s="10"/>
    </row>
    <row r="891366" spans="14:14">
      <c r="N891366" s="10"/>
    </row>
    <row r="891367" spans="14:14">
      <c r="N891367" s="10"/>
    </row>
    <row r="891368" spans="14:14">
      <c r="N891368" s="10"/>
    </row>
    <row r="891369" spans="14:14">
      <c r="N891369" s="10"/>
    </row>
    <row r="891370" spans="14:14">
      <c r="N891370" s="10"/>
    </row>
    <row r="891371" spans="14:14">
      <c r="N891371" s="10"/>
    </row>
    <row r="891372" spans="14:14">
      <c r="N891372" s="10"/>
    </row>
    <row r="891373" spans="14:14">
      <c r="N891373" s="10"/>
    </row>
    <row r="891374" spans="14:14">
      <c r="N891374" s="10"/>
    </row>
    <row r="891375" spans="14:14">
      <c r="N891375" s="10"/>
    </row>
    <row r="891376" spans="14:14">
      <c r="N891376" s="10"/>
    </row>
    <row r="891377" spans="14:14">
      <c r="N891377" s="10"/>
    </row>
    <row r="891378" spans="14:14">
      <c r="N891378" s="10"/>
    </row>
    <row r="891379" spans="14:14">
      <c r="N891379" s="10"/>
    </row>
    <row r="891380" spans="14:14">
      <c r="N891380" s="10"/>
    </row>
    <row r="891381" spans="14:14">
      <c r="N891381" s="10"/>
    </row>
    <row r="891382" spans="14:14">
      <c r="N891382" s="10"/>
    </row>
    <row r="891383" spans="14:14">
      <c r="N891383" s="10"/>
    </row>
    <row r="891384" spans="14:14">
      <c r="N891384" s="10"/>
    </row>
    <row r="891385" spans="14:14">
      <c r="N891385" s="10"/>
    </row>
    <row r="891386" spans="14:14">
      <c r="N891386" s="10"/>
    </row>
    <row r="891387" spans="14:14">
      <c r="N891387" s="10"/>
    </row>
    <row r="891388" spans="14:14">
      <c r="N891388" s="10"/>
    </row>
    <row r="891389" spans="14:14">
      <c r="N891389" s="10"/>
    </row>
    <row r="891390" spans="14:14">
      <c r="N891390" s="10"/>
    </row>
    <row r="891391" spans="14:14">
      <c r="N891391" s="10"/>
    </row>
    <row r="891392" spans="14:14">
      <c r="N891392" s="10"/>
    </row>
    <row r="891393" spans="14:14">
      <c r="N891393" s="10"/>
    </row>
    <row r="891394" spans="14:14">
      <c r="N891394" s="10"/>
    </row>
    <row r="891395" spans="14:14">
      <c r="N891395" s="10"/>
    </row>
    <row r="891396" spans="14:14">
      <c r="N891396" s="10"/>
    </row>
    <row r="891397" spans="14:14">
      <c r="N891397" s="10"/>
    </row>
    <row r="891398" spans="14:14">
      <c r="N891398" s="10"/>
    </row>
    <row r="891399" spans="14:14">
      <c r="N891399" s="10"/>
    </row>
    <row r="891400" spans="14:14">
      <c r="N891400" s="10"/>
    </row>
    <row r="891401" spans="14:14">
      <c r="N891401" s="10"/>
    </row>
    <row r="891402" spans="14:14">
      <c r="N891402" s="10"/>
    </row>
    <row r="891403" spans="14:14">
      <c r="N891403" s="10"/>
    </row>
    <row r="891404" spans="14:14">
      <c r="N891404" s="10"/>
    </row>
    <row r="891405" spans="14:14">
      <c r="N891405" s="10"/>
    </row>
    <row r="891406" spans="14:14">
      <c r="N891406" s="10"/>
    </row>
    <row r="891407" spans="14:14">
      <c r="N891407" s="10"/>
    </row>
    <row r="891408" spans="14:14">
      <c r="N891408" s="10"/>
    </row>
    <row r="891409" spans="14:14">
      <c r="N891409" s="10"/>
    </row>
    <row r="891410" spans="14:14">
      <c r="N891410" s="10"/>
    </row>
    <row r="891411" spans="14:14">
      <c r="N891411" s="10"/>
    </row>
    <row r="891412" spans="14:14">
      <c r="N891412" s="10"/>
    </row>
    <row r="891413" spans="14:14">
      <c r="N891413" s="10"/>
    </row>
    <row r="891414" spans="14:14">
      <c r="N891414" s="10"/>
    </row>
    <row r="891415" spans="14:14">
      <c r="N891415" s="10"/>
    </row>
    <row r="891416" spans="14:14">
      <c r="N891416" s="10"/>
    </row>
    <row r="891417" spans="14:14">
      <c r="N891417" s="10"/>
    </row>
    <row r="891418" spans="14:14">
      <c r="N891418" s="10"/>
    </row>
    <row r="891419" spans="14:14">
      <c r="N891419" s="10"/>
    </row>
    <row r="891420" spans="14:14">
      <c r="N891420" s="10"/>
    </row>
    <row r="891421" spans="14:14">
      <c r="N891421" s="10"/>
    </row>
    <row r="891422" spans="14:14">
      <c r="N891422" s="10"/>
    </row>
    <row r="891423" spans="14:14">
      <c r="N891423" s="10"/>
    </row>
    <row r="891424" spans="14:14">
      <c r="N891424" s="10"/>
    </row>
    <row r="891425" spans="14:14">
      <c r="N891425" s="10"/>
    </row>
    <row r="891426" spans="14:14">
      <c r="N891426" s="10"/>
    </row>
    <row r="891427" spans="14:14">
      <c r="N891427" s="10"/>
    </row>
    <row r="891428" spans="14:14">
      <c r="N891428" s="10"/>
    </row>
    <row r="891429" spans="14:14">
      <c r="N891429" s="10"/>
    </row>
    <row r="891430" spans="14:14">
      <c r="N891430" s="10"/>
    </row>
    <row r="891431" spans="14:14">
      <c r="N891431" s="10"/>
    </row>
    <row r="891432" spans="14:14">
      <c r="N891432" s="10"/>
    </row>
    <row r="891433" spans="14:14">
      <c r="N891433" s="10"/>
    </row>
    <row r="891434" spans="14:14">
      <c r="N891434" s="10"/>
    </row>
    <row r="891435" spans="14:14">
      <c r="N891435" s="10"/>
    </row>
    <row r="891436" spans="14:14">
      <c r="N891436" s="10"/>
    </row>
    <row r="891437" spans="14:14">
      <c r="N891437" s="10"/>
    </row>
    <row r="891438" spans="14:14">
      <c r="N891438" s="10"/>
    </row>
    <row r="891439" spans="14:14">
      <c r="N891439" s="10"/>
    </row>
    <row r="891440" spans="14:14">
      <c r="N891440" s="10"/>
    </row>
    <row r="891441" spans="14:14">
      <c r="N891441" s="10"/>
    </row>
    <row r="891442" spans="14:14">
      <c r="N891442" s="10"/>
    </row>
    <row r="891443" spans="14:14">
      <c r="N891443" s="10"/>
    </row>
    <row r="891444" spans="14:14">
      <c r="N891444" s="10"/>
    </row>
    <row r="891445" spans="14:14">
      <c r="N891445" s="10"/>
    </row>
    <row r="891446" spans="14:14">
      <c r="N891446" s="10"/>
    </row>
    <row r="891447" spans="14:14">
      <c r="N891447" s="10"/>
    </row>
    <row r="891448" spans="14:14">
      <c r="N891448" s="10"/>
    </row>
    <row r="891449" spans="14:14">
      <c r="N891449" s="10"/>
    </row>
    <row r="891450" spans="14:14">
      <c r="N891450" s="10"/>
    </row>
    <row r="891451" spans="14:14">
      <c r="N891451" s="10"/>
    </row>
    <row r="891452" spans="14:14">
      <c r="N891452" s="10"/>
    </row>
    <row r="891453" spans="14:14">
      <c r="N891453" s="10"/>
    </row>
    <row r="891454" spans="14:14">
      <c r="N891454" s="10"/>
    </row>
    <row r="891455" spans="14:14">
      <c r="N891455" s="10"/>
    </row>
    <row r="891456" spans="14:14">
      <c r="N891456" s="10"/>
    </row>
    <row r="891457" spans="14:14">
      <c r="N891457" s="10"/>
    </row>
    <row r="891458" spans="14:14">
      <c r="N891458" s="10"/>
    </row>
    <row r="891459" spans="14:14">
      <c r="N891459" s="10"/>
    </row>
    <row r="891460" spans="14:14">
      <c r="N891460" s="10"/>
    </row>
    <row r="891461" spans="14:14">
      <c r="N891461" s="10"/>
    </row>
    <row r="891462" spans="14:14">
      <c r="N891462" s="10"/>
    </row>
    <row r="891463" spans="14:14">
      <c r="N891463" s="10"/>
    </row>
    <row r="891464" spans="14:14">
      <c r="N891464" s="10"/>
    </row>
    <row r="891465" spans="14:14">
      <c r="N891465" s="10"/>
    </row>
    <row r="891466" spans="14:14">
      <c r="N891466" s="10"/>
    </row>
    <row r="891467" spans="14:14">
      <c r="N891467" s="10"/>
    </row>
    <row r="891468" spans="14:14">
      <c r="N891468" s="10"/>
    </row>
    <row r="891469" spans="14:14">
      <c r="N891469" s="10"/>
    </row>
    <row r="891470" spans="14:14">
      <c r="N891470" s="10"/>
    </row>
    <row r="891471" spans="14:14">
      <c r="N891471" s="10"/>
    </row>
    <row r="891472" spans="14:14">
      <c r="N891472" s="10"/>
    </row>
    <row r="891473" spans="14:14">
      <c r="N891473" s="10"/>
    </row>
    <row r="891474" spans="14:14">
      <c r="N891474" s="10"/>
    </row>
    <row r="891475" spans="14:14">
      <c r="N891475" s="10"/>
    </row>
    <row r="891476" spans="14:14">
      <c r="N891476" s="10"/>
    </row>
    <row r="891477" spans="14:14">
      <c r="N891477" s="10"/>
    </row>
    <row r="891478" spans="14:14">
      <c r="N891478" s="10"/>
    </row>
    <row r="891479" spans="14:14">
      <c r="N891479" s="10"/>
    </row>
    <row r="891480" spans="14:14">
      <c r="N891480" s="10"/>
    </row>
    <row r="891481" spans="14:14">
      <c r="N891481" s="10"/>
    </row>
    <row r="891482" spans="14:14">
      <c r="N891482" s="10"/>
    </row>
    <row r="891483" spans="14:14">
      <c r="N891483" s="10"/>
    </row>
    <row r="891484" spans="14:14">
      <c r="N891484" s="10"/>
    </row>
    <row r="891485" spans="14:14">
      <c r="N891485" s="10"/>
    </row>
    <row r="891486" spans="14:14">
      <c r="N891486" s="10"/>
    </row>
    <row r="891487" spans="14:14">
      <c r="N891487" s="10"/>
    </row>
    <row r="891488" spans="14:14">
      <c r="N891488" s="10"/>
    </row>
    <row r="891489" spans="14:14">
      <c r="N891489" s="10"/>
    </row>
    <row r="891490" spans="14:14">
      <c r="N891490" s="10"/>
    </row>
    <row r="891491" spans="14:14">
      <c r="N891491" s="10"/>
    </row>
    <row r="891492" spans="14:14">
      <c r="N891492" s="10"/>
    </row>
    <row r="891493" spans="14:14">
      <c r="N891493" s="10"/>
    </row>
    <row r="891494" spans="14:14">
      <c r="N891494" s="10"/>
    </row>
    <row r="891495" spans="14:14">
      <c r="N891495" s="10"/>
    </row>
    <row r="891496" spans="14:14">
      <c r="N891496" s="10"/>
    </row>
    <row r="891497" spans="14:14">
      <c r="N891497" s="10"/>
    </row>
    <row r="891498" spans="14:14">
      <c r="N891498" s="10"/>
    </row>
    <row r="891499" spans="14:14">
      <c r="N891499" s="10"/>
    </row>
    <row r="891500" spans="14:14">
      <c r="N891500" s="10"/>
    </row>
    <row r="891501" spans="14:14">
      <c r="N891501" s="10"/>
    </row>
    <row r="891502" spans="14:14">
      <c r="N891502" s="10"/>
    </row>
    <row r="891503" spans="14:14">
      <c r="N891503" s="10"/>
    </row>
    <row r="891504" spans="14:14">
      <c r="N891504" s="10"/>
    </row>
    <row r="891505" spans="14:14">
      <c r="N891505" s="10"/>
    </row>
    <row r="891506" spans="14:14">
      <c r="N891506" s="10"/>
    </row>
    <row r="891507" spans="14:14">
      <c r="N891507" s="10"/>
    </row>
    <row r="891508" spans="14:14">
      <c r="N891508" s="10"/>
    </row>
    <row r="891509" spans="14:14">
      <c r="N891509" s="10"/>
    </row>
    <row r="891510" spans="14:14">
      <c r="N891510" s="10"/>
    </row>
    <row r="891511" spans="14:14">
      <c r="N891511" s="10"/>
    </row>
    <row r="891512" spans="14:14">
      <c r="N891512" s="10"/>
    </row>
    <row r="891513" spans="14:14">
      <c r="N891513" s="10"/>
    </row>
    <row r="891514" spans="14:14">
      <c r="N891514" s="10"/>
    </row>
    <row r="891515" spans="14:14">
      <c r="N891515" s="10"/>
    </row>
    <row r="891516" spans="14:14">
      <c r="N891516" s="10"/>
    </row>
    <row r="891517" spans="14:14">
      <c r="N891517" s="10"/>
    </row>
    <row r="891518" spans="14:14">
      <c r="N891518" s="10"/>
    </row>
    <row r="891519" spans="14:14">
      <c r="N891519" s="10"/>
    </row>
    <row r="891520" spans="14:14">
      <c r="N891520" s="10"/>
    </row>
    <row r="891521" spans="14:14">
      <c r="N891521" s="10"/>
    </row>
    <row r="891522" spans="14:14">
      <c r="N891522" s="10"/>
    </row>
    <row r="891523" spans="14:14">
      <c r="N891523" s="10"/>
    </row>
    <row r="891524" spans="14:14">
      <c r="N891524" s="10"/>
    </row>
    <row r="891525" spans="14:14">
      <c r="N891525" s="10"/>
    </row>
    <row r="891526" spans="14:14">
      <c r="N891526" s="10"/>
    </row>
    <row r="891527" spans="14:14">
      <c r="N891527" s="10"/>
    </row>
    <row r="891528" spans="14:14">
      <c r="N891528" s="10"/>
    </row>
    <row r="891529" spans="14:14">
      <c r="N891529" s="10"/>
    </row>
    <row r="891530" spans="14:14">
      <c r="N891530" s="10"/>
    </row>
    <row r="891531" spans="14:14">
      <c r="N891531" s="10"/>
    </row>
    <row r="891532" spans="14:14">
      <c r="N891532" s="10"/>
    </row>
    <row r="891533" spans="14:14">
      <c r="N891533" s="10"/>
    </row>
    <row r="891534" spans="14:14">
      <c r="N891534" s="10"/>
    </row>
    <row r="891535" spans="14:14">
      <c r="N891535" s="10"/>
    </row>
    <row r="891536" spans="14:14">
      <c r="N891536" s="10"/>
    </row>
    <row r="891537" spans="14:14">
      <c r="N891537" s="10"/>
    </row>
    <row r="891538" spans="14:14">
      <c r="N891538" s="10"/>
    </row>
    <row r="891539" spans="14:14">
      <c r="N891539" s="10"/>
    </row>
    <row r="891540" spans="14:14">
      <c r="N891540" s="10"/>
    </row>
    <row r="891541" spans="14:14">
      <c r="N891541" s="10"/>
    </row>
    <row r="891542" spans="14:14">
      <c r="N891542" s="10"/>
    </row>
    <row r="891543" spans="14:14">
      <c r="N891543" s="10"/>
    </row>
    <row r="891544" spans="14:14">
      <c r="N891544" s="10"/>
    </row>
    <row r="891545" spans="14:14">
      <c r="N891545" s="10"/>
    </row>
    <row r="891546" spans="14:14">
      <c r="N891546" s="10"/>
    </row>
    <row r="891547" spans="14:14">
      <c r="N891547" s="10"/>
    </row>
    <row r="891548" spans="14:14">
      <c r="N891548" s="10"/>
    </row>
    <row r="891549" spans="14:14">
      <c r="N891549" s="10"/>
    </row>
    <row r="891550" spans="14:14">
      <c r="N891550" s="10"/>
    </row>
    <row r="891551" spans="14:14">
      <c r="N891551" s="10"/>
    </row>
    <row r="891552" spans="14:14">
      <c r="N891552" s="10"/>
    </row>
    <row r="891553" spans="14:14">
      <c r="N891553" s="10"/>
    </row>
    <row r="891554" spans="14:14">
      <c r="N891554" s="10"/>
    </row>
    <row r="891555" spans="14:14">
      <c r="N891555" s="10"/>
    </row>
    <row r="891556" spans="14:14">
      <c r="N891556" s="10"/>
    </row>
    <row r="891557" spans="14:14">
      <c r="N891557" s="10"/>
    </row>
    <row r="891558" spans="14:14">
      <c r="N891558" s="10"/>
    </row>
    <row r="891559" spans="14:14">
      <c r="N891559" s="10"/>
    </row>
    <row r="891560" spans="14:14">
      <c r="N891560" s="10"/>
    </row>
    <row r="891561" spans="14:14">
      <c r="N891561" s="10"/>
    </row>
    <row r="891562" spans="14:14">
      <c r="N891562" s="10"/>
    </row>
    <row r="891563" spans="14:14">
      <c r="N891563" s="10"/>
    </row>
    <row r="891564" spans="14:14">
      <c r="N891564" s="10"/>
    </row>
    <row r="891565" spans="14:14">
      <c r="N891565" s="10"/>
    </row>
    <row r="891566" spans="14:14">
      <c r="N891566" s="10"/>
    </row>
    <row r="891567" spans="14:14">
      <c r="N891567" s="10"/>
    </row>
    <row r="891568" spans="14:14">
      <c r="N891568" s="10"/>
    </row>
    <row r="891569" spans="14:14">
      <c r="N891569" s="10"/>
    </row>
    <row r="891570" spans="14:14">
      <c r="N891570" s="10"/>
    </row>
    <row r="891571" spans="14:14">
      <c r="N891571" s="10"/>
    </row>
    <row r="891572" spans="14:14">
      <c r="N891572" s="10"/>
    </row>
    <row r="891573" spans="14:14">
      <c r="N891573" s="10"/>
    </row>
    <row r="891574" spans="14:14">
      <c r="N891574" s="10"/>
    </row>
    <row r="891575" spans="14:14">
      <c r="N891575" s="10"/>
    </row>
    <row r="891576" spans="14:14">
      <c r="N891576" s="10"/>
    </row>
    <row r="891577" spans="14:14">
      <c r="N891577" s="10"/>
    </row>
    <row r="891578" spans="14:14">
      <c r="N891578" s="10"/>
    </row>
    <row r="891579" spans="14:14">
      <c r="N891579" s="10"/>
    </row>
    <row r="891580" spans="14:14">
      <c r="N891580" s="10"/>
    </row>
    <row r="891581" spans="14:14">
      <c r="N891581" s="10"/>
    </row>
    <row r="891582" spans="14:14">
      <c r="N891582" s="10"/>
    </row>
    <row r="891583" spans="14:14">
      <c r="N891583" s="10"/>
    </row>
    <row r="891584" spans="14:14">
      <c r="N891584" s="10"/>
    </row>
    <row r="891585" spans="14:14">
      <c r="N891585" s="10"/>
    </row>
    <row r="891586" spans="14:14">
      <c r="N891586" s="10"/>
    </row>
    <row r="891587" spans="14:14">
      <c r="N891587" s="10"/>
    </row>
    <row r="891588" spans="14:14">
      <c r="N891588" s="10"/>
    </row>
    <row r="891589" spans="14:14">
      <c r="N891589" s="10"/>
    </row>
    <row r="891590" spans="14:14">
      <c r="N891590" s="10"/>
    </row>
    <row r="891591" spans="14:14">
      <c r="N891591" s="10"/>
    </row>
    <row r="891592" spans="14:14">
      <c r="N891592" s="10"/>
    </row>
    <row r="891593" spans="14:14">
      <c r="N891593" s="10"/>
    </row>
    <row r="891594" spans="14:14">
      <c r="N891594" s="10"/>
    </row>
    <row r="891595" spans="14:14">
      <c r="N891595" s="10"/>
    </row>
    <row r="891596" spans="14:14">
      <c r="N891596" s="10"/>
    </row>
    <row r="891597" spans="14:14">
      <c r="N891597" s="10"/>
    </row>
    <row r="891598" spans="14:14">
      <c r="N891598" s="10"/>
    </row>
    <row r="891599" spans="14:14">
      <c r="N891599" s="10"/>
    </row>
    <row r="891600" spans="14:14">
      <c r="N891600" s="10"/>
    </row>
    <row r="891601" spans="14:14">
      <c r="N891601" s="10"/>
    </row>
    <row r="891602" spans="14:14">
      <c r="N891602" s="10"/>
    </row>
    <row r="891603" spans="14:14">
      <c r="N891603" s="10"/>
    </row>
    <row r="891604" spans="14:14">
      <c r="N891604" s="10"/>
    </row>
    <row r="891605" spans="14:14">
      <c r="N891605" s="10"/>
    </row>
    <row r="891606" spans="14:14">
      <c r="N891606" s="10"/>
    </row>
    <row r="891607" spans="14:14">
      <c r="N891607" s="10"/>
    </row>
    <row r="891608" spans="14:14">
      <c r="N891608" s="10"/>
    </row>
    <row r="891609" spans="14:14">
      <c r="N891609" s="10"/>
    </row>
    <row r="891610" spans="14:14">
      <c r="N891610" s="10"/>
    </row>
    <row r="891611" spans="14:14">
      <c r="N891611" s="10"/>
    </row>
    <row r="891612" spans="14:14">
      <c r="N891612" s="10"/>
    </row>
    <row r="891613" spans="14:14">
      <c r="N891613" s="10"/>
    </row>
    <row r="891614" spans="14:14">
      <c r="N891614" s="10"/>
    </row>
    <row r="891615" spans="14:14">
      <c r="N891615" s="10"/>
    </row>
    <row r="891616" spans="14:14">
      <c r="N891616" s="10"/>
    </row>
    <row r="891617" spans="14:14">
      <c r="N891617" s="10"/>
    </row>
    <row r="891618" spans="14:14">
      <c r="N891618" s="10"/>
    </row>
    <row r="891619" spans="14:14">
      <c r="N891619" s="10"/>
    </row>
    <row r="891620" spans="14:14">
      <c r="N891620" s="10"/>
    </row>
    <row r="891621" spans="14:14">
      <c r="N891621" s="10"/>
    </row>
    <row r="891622" spans="14:14">
      <c r="N891622" s="10"/>
    </row>
    <row r="891623" spans="14:14">
      <c r="N891623" s="10"/>
    </row>
    <row r="891624" spans="14:14">
      <c r="N891624" s="10"/>
    </row>
    <row r="891625" spans="14:14">
      <c r="N891625" s="10"/>
    </row>
    <row r="891626" spans="14:14">
      <c r="N891626" s="10"/>
    </row>
    <row r="891627" spans="14:14">
      <c r="N891627" s="10"/>
    </row>
    <row r="891628" spans="14:14">
      <c r="N891628" s="10"/>
    </row>
    <row r="891629" spans="14:14">
      <c r="N891629" s="10"/>
    </row>
    <row r="891630" spans="14:14">
      <c r="N891630" s="10"/>
    </row>
    <row r="891631" spans="14:14">
      <c r="N891631" s="10"/>
    </row>
    <row r="891632" spans="14:14">
      <c r="N891632" s="10"/>
    </row>
    <row r="891633" spans="14:14">
      <c r="N891633" s="10"/>
    </row>
    <row r="891634" spans="14:14">
      <c r="N891634" s="10"/>
    </row>
    <row r="891635" spans="14:14">
      <c r="N891635" s="10"/>
    </row>
    <row r="891636" spans="14:14">
      <c r="N891636" s="10"/>
    </row>
    <row r="891637" spans="14:14">
      <c r="N891637" s="10"/>
    </row>
    <row r="891638" spans="14:14">
      <c r="N891638" s="10"/>
    </row>
    <row r="891639" spans="14:14">
      <c r="N891639" s="10"/>
    </row>
    <row r="891640" spans="14:14">
      <c r="N891640" s="10"/>
    </row>
    <row r="891641" spans="14:14">
      <c r="N891641" s="10"/>
    </row>
    <row r="891642" spans="14:14">
      <c r="N891642" s="10"/>
    </row>
    <row r="891643" spans="14:14">
      <c r="N891643" s="10"/>
    </row>
    <row r="891644" spans="14:14">
      <c r="N891644" s="10"/>
    </row>
    <row r="891645" spans="14:14">
      <c r="N891645" s="10"/>
    </row>
    <row r="891646" spans="14:14">
      <c r="N891646" s="10"/>
    </row>
    <row r="891647" spans="14:14">
      <c r="N891647" s="10"/>
    </row>
    <row r="891648" spans="14:14">
      <c r="N891648" s="10"/>
    </row>
    <row r="891649" spans="14:14">
      <c r="N891649" s="10"/>
    </row>
    <row r="891650" spans="14:14">
      <c r="N891650" s="10"/>
    </row>
    <row r="891651" spans="14:14">
      <c r="N891651" s="10"/>
    </row>
    <row r="891652" spans="14:14">
      <c r="N891652" s="10"/>
    </row>
    <row r="891653" spans="14:14">
      <c r="N891653" s="10"/>
    </row>
    <row r="891654" spans="14:14">
      <c r="N891654" s="10"/>
    </row>
    <row r="891655" spans="14:14">
      <c r="N891655" s="10"/>
    </row>
    <row r="891656" spans="14:14">
      <c r="N891656" s="10"/>
    </row>
    <row r="891657" spans="14:14">
      <c r="N891657" s="10"/>
    </row>
    <row r="891658" spans="14:14">
      <c r="N891658" s="10"/>
    </row>
    <row r="891659" spans="14:14">
      <c r="N891659" s="10"/>
    </row>
    <row r="891660" spans="14:14">
      <c r="N891660" s="10"/>
    </row>
    <row r="891661" spans="14:14">
      <c r="N891661" s="10"/>
    </row>
    <row r="891662" spans="14:14">
      <c r="N891662" s="10"/>
    </row>
    <row r="891663" spans="14:14">
      <c r="N891663" s="10"/>
    </row>
    <row r="891664" spans="14:14">
      <c r="N891664" s="10"/>
    </row>
    <row r="891665" spans="14:14">
      <c r="N891665" s="10"/>
    </row>
    <row r="891666" spans="14:14">
      <c r="N891666" s="10"/>
    </row>
    <row r="891667" spans="14:14">
      <c r="N891667" s="10"/>
    </row>
    <row r="891668" spans="14:14">
      <c r="N891668" s="10"/>
    </row>
    <row r="891669" spans="14:14">
      <c r="N891669" s="10"/>
    </row>
    <row r="891670" spans="14:14">
      <c r="N891670" s="10"/>
    </row>
    <row r="891671" spans="14:14">
      <c r="N891671" s="10"/>
    </row>
    <row r="891672" spans="14:14">
      <c r="N891672" s="10"/>
    </row>
    <row r="891673" spans="14:14">
      <c r="N891673" s="10"/>
    </row>
    <row r="891674" spans="14:14">
      <c r="N891674" s="10"/>
    </row>
    <row r="891675" spans="14:14">
      <c r="N891675" s="10"/>
    </row>
    <row r="891676" spans="14:14">
      <c r="N891676" s="10"/>
    </row>
    <row r="891677" spans="14:14">
      <c r="N891677" s="10"/>
    </row>
    <row r="891678" spans="14:14">
      <c r="N891678" s="10"/>
    </row>
    <row r="891679" spans="14:14">
      <c r="N891679" s="10"/>
    </row>
    <row r="891680" spans="14:14">
      <c r="N891680" s="10"/>
    </row>
    <row r="891681" spans="14:14">
      <c r="N891681" s="10"/>
    </row>
    <row r="891682" spans="14:14">
      <c r="N891682" s="10"/>
    </row>
    <row r="891683" spans="14:14">
      <c r="N891683" s="10"/>
    </row>
    <row r="891684" spans="14:14">
      <c r="N891684" s="10"/>
    </row>
    <row r="891685" spans="14:14">
      <c r="N891685" s="10"/>
    </row>
    <row r="891686" spans="14:14">
      <c r="N891686" s="10"/>
    </row>
    <row r="891687" spans="14:14">
      <c r="N891687" s="10"/>
    </row>
    <row r="891688" spans="14:14">
      <c r="N891688" s="10"/>
    </row>
    <row r="891689" spans="14:14">
      <c r="N891689" s="10"/>
    </row>
    <row r="891690" spans="14:14">
      <c r="N891690" s="10"/>
    </row>
    <row r="891691" spans="14:14">
      <c r="N891691" s="10"/>
    </row>
    <row r="891692" spans="14:14">
      <c r="N891692" s="10"/>
    </row>
    <row r="891693" spans="14:14">
      <c r="N891693" s="10"/>
    </row>
    <row r="891694" spans="14:14">
      <c r="N891694" s="10"/>
    </row>
    <row r="891695" spans="14:14">
      <c r="N891695" s="10"/>
    </row>
    <row r="891696" spans="14:14">
      <c r="N891696" s="10"/>
    </row>
    <row r="891697" spans="14:14">
      <c r="N891697" s="10"/>
    </row>
    <row r="891698" spans="14:14">
      <c r="N891698" s="10"/>
    </row>
    <row r="891699" spans="14:14">
      <c r="N891699" s="10"/>
    </row>
    <row r="891700" spans="14:14">
      <c r="N891700" s="10"/>
    </row>
    <row r="891701" spans="14:14">
      <c r="N891701" s="10"/>
    </row>
    <row r="891702" spans="14:14">
      <c r="N891702" s="10"/>
    </row>
    <row r="891703" spans="14:14">
      <c r="N891703" s="10"/>
    </row>
    <row r="891704" spans="14:14">
      <c r="N891704" s="10"/>
    </row>
    <row r="891705" spans="14:14">
      <c r="N891705" s="10"/>
    </row>
    <row r="891706" spans="14:14">
      <c r="N891706" s="10"/>
    </row>
    <row r="891707" spans="14:14">
      <c r="N891707" s="10"/>
    </row>
    <row r="891708" spans="14:14">
      <c r="N891708" s="10"/>
    </row>
    <row r="891709" spans="14:14">
      <c r="N891709" s="10"/>
    </row>
    <row r="891710" spans="14:14">
      <c r="N891710" s="10"/>
    </row>
    <row r="891711" spans="14:14">
      <c r="N891711" s="10"/>
    </row>
    <row r="891712" spans="14:14">
      <c r="N891712" s="10"/>
    </row>
    <row r="891713" spans="14:14">
      <c r="N891713" s="10"/>
    </row>
    <row r="891714" spans="14:14">
      <c r="N891714" s="10"/>
    </row>
    <row r="891715" spans="14:14">
      <c r="N891715" s="10"/>
    </row>
    <row r="891716" spans="14:14">
      <c r="N891716" s="10"/>
    </row>
    <row r="891717" spans="14:14">
      <c r="N891717" s="10"/>
    </row>
    <row r="891718" spans="14:14">
      <c r="N891718" s="10"/>
    </row>
    <row r="891719" spans="14:14">
      <c r="N891719" s="10"/>
    </row>
    <row r="891720" spans="14:14">
      <c r="N891720" s="10"/>
    </row>
    <row r="891721" spans="14:14">
      <c r="N891721" s="10"/>
    </row>
    <row r="891722" spans="14:14">
      <c r="N891722" s="10"/>
    </row>
    <row r="891723" spans="14:14">
      <c r="N891723" s="10"/>
    </row>
    <row r="891724" spans="14:14">
      <c r="N891724" s="10"/>
    </row>
    <row r="891725" spans="14:14">
      <c r="N891725" s="10"/>
    </row>
    <row r="891726" spans="14:14">
      <c r="N891726" s="10"/>
    </row>
    <row r="891727" spans="14:14">
      <c r="N891727" s="10"/>
    </row>
    <row r="891728" spans="14:14">
      <c r="N891728" s="10"/>
    </row>
    <row r="891729" spans="14:14">
      <c r="N891729" s="10"/>
    </row>
    <row r="891730" spans="14:14">
      <c r="N891730" s="10"/>
    </row>
    <row r="891731" spans="14:14">
      <c r="N891731" s="10"/>
    </row>
    <row r="891732" spans="14:14">
      <c r="N891732" s="10"/>
    </row>
    <row r="891733" spans="14:14">
      <c r="N891733" s="10"/>
    </row>
    <row r="891734" spans="14:14">
      <c r="N891734" s="10"/>
    </row>
    <row r="891735" spans="14:14">
      <c r="N891735" s="10"/>
    </row>
    <row r="891736" spans="14:14">
      <c r="N891736" s="10"/>
    </row>
    <row r="891737" spans="14:14">
      <c r="N891737" s="10"/>
    </row>
    <row r="891738" spans="14:14">
      <c r="N891738" s="10"/>
    </row>
    <row r="891739" spans="14:14">
      <c r="N891739" s="10"/>
    </row>
    <row r="891740" spans="14:14">
      <c r="N891740" s="10"/>
    </row>
    <row r="891741" spans="14:14">
      <c r="N891741" s="10"/>
    </row>
    <row r="891742" spans="14:14">
      <c r="N891742" s="10"/>
    </row>
    <row r="891743" spans="14:14">
      <c r="N891743" s="10"/>
    </row>
    <row r="891744" spans="14:14">
      <c r="N891744" s="10"/>
    </row>
    <row r="891745" spans="14:14">
      <c r="N891745" s="10"/>
    </row>
    <row r="891746" spans="14:14">
      <c r="N891746" s="10"/>
    </row>
    <row r="891747" spans="14:14">
      <c r="N891747" s="10"/>
    </row>
    <row r="891748" spans="14:14">
      <c r="N891748" s="10"/>
    </row>
    <row r="891749" spans="14:14">
      <c r="N891749" s="10"/>
    </row>
    <row r="891750" spans="14:14">
      <c r="N891750" s="10"/>
    </row>
    <row r="891751" spans="14:14">
      <c r="N891751" s="10"/>
    </row>
    <row r="891752" spans="14:14">
      <c r="N891752" s="10"/>
    </row>
    <row r="891753" spans="14:14">
      <c r="N891753" s="10"/>
    </row>
    <row r="891754" spans="14:14">
      <c r="N891754" s="10"/>
    </row>
    <row r="891755" spans="14:14">
      <c r="N891755" s="10"/>
    </row>
    <row r="891756" spans="14:14">
      <c r="N891756" s="10"/>
    </row>
    <row r="891757" spans="14:14">
      <c r="N891757" s="10"/>
    </row>
    <row r="891758" spans="14:14">
      <c r="N891758" s="10"/>
    </row>
    <row r="891759" spans="14:14">
      <c r="N891759" s="10"/>
    </row>
    <row r="891760" spans="14:14">
      <c r="N891760" s="10"/>
    </row>
    <row r="891761" spans="14:14">
      <c r="N891761" s="10"/>
    </row>
    <row r="891762" spans="14:14">
      <c r="N891762" s="10"/>
    </row>
    <row r="891763" spans="14:14">
      <c r="N891763" s="10"/>
    </row>
    <row r="891764" spans="14:14">
      <c r="N891764" s="10"/>
    </row>
    <row r="891765" spans="14:14">
      <c r="N891765" s="10"/>
    </row>
    <row r="891766" spans="14:14">
      <c r="N891766" s="10"/>
    </row>
    <row r="891767" spans="14:14">
      <c r="N891767" s="10"/>
    </row>
    <row r="891768" spans="14:14">
      <c r="N891768" s="10"/>
    </row>
    <row r="891769" spans="14:14">
      <c r="N891769" s="10"/>
    </row>
    <row r="891770" spans="14:14">
      <c r="N891770" s="10"/>
    </row>
    <row r="891771" spans="14:14">
      <c r="N891771" s="10"/>
    </row>
    <row r="891772" spans="14:14">
      <c r="N891772" s="10"/>
    </row>
    <row r="891773" spans="14:14">
      <c r="N891773" s="10"/>
    </row>
    <row r="891774" spans="14:14">
      <c r="N891774" s="10"/>
    </row>
    <row r="891775" spans="14:14">
      <c r="N891775" s="10"/>
    </row>
    <row r="891776" spans="14:14">
      <c r="N891776" s="10"/>
    </row>
    <row r="891777" spans="14:14">
      <c r="N891777" s="10"/>
    </row>
    <row r="891778" spans="14:14">
      <c r="N891778" s="10"/>
    </row>
    <row r="891779" spans="14:14">
      <c r="N891779" s="10"/>
    </row>
    <row r="891780" spans="14:14">
      <c r="N891780" s="10"/>
    </row>
    <row r="891781" spans="14:14">
      <c r="N891781" s="10"/>
    </row>
    <row r="891782" spans="14:14">
      <c r="N891782" s="10"/>
    </row>
    <row r="891783" spans="14:14">
      <c r="N891783" s="10"/>
    </row>
    <row r="891784" spans="14:14">
      <c r="N891784" s="10"/>
    </row>
    <row r="891785" spans="14:14">
      <c r="N891785" s="10"/>
    </row>
    <row r="891786" spans="14:14">
      <c r="N891786" s="10"/>
    </row>
    <row r="891787" spans="14:14">
      <c r="N891787" s="10"/>
    </row>
    <row r="891788" spans="14:14">
      <c r="N891788" s="10"/>
    </row>
    <row r="891789" spans="14:14">
      <c r="N891789" s="10"/>
    </row>
    <row r="891790" spans="14:14">
      <c r="N891790" s="10"/>
    </row>
    <row r="891791" spans="14:14">
      <c r="N891791" s="10"/>
    </row>
    <row r="891792" spans="14:14">
      <c r="N891792" s="10"/>
    </row>
    <row r="891793" spans="14:14">
      <c r="N891793" s="10"/>
    </row>
    <row r="891794" spans="14:14">
      <c r="N891794" s="10"/>
    </row>
    <row r="891795" spans="14:14">
      <c r="N891795" s="10"/>
    </row>
    <row r="891796" spans="14:14">
      <c r="N891796" s="10"/>
    </row>
    <row r="891797" spans="14:14">
      <c r="N891797" s="10"/>
    </row>
    <row r="891798" spans="14:14">
      <c r="N891798" s="10"/>
    </row>
    <row r="891799" spans="14:14">
      <c r="N891799" s="10"/>
    </row>
    <row r="891800" spans="14:14">
      <c r="N891800" s="10"/>
    </row>
    <row r="891801" spans="14:14">
      <c r="N891801" s="10"/>
    </row>
    <row r="891802" spans="14:14">
      <c r="N891802" s="10"/>
    </row>
    <row r="891803" spans="14:14">
      <c r="N891803" s="10"/>
    </row>
    <row r="891804" spans="14:14">
      <c r="N891804" s="10"/>
    </row>
    <row r="891805" spans="14:14">
      <c r="N891805" s="10"/>
    </row>
    <row r="891806" spans="14:14">
      <c r="N891806" s="10"/>
    </row>
    <row r="891807" spans="14:14">
      <c r="N891807" s="10"/>
    </row>
    <row r="891808" spans="14:14">
      <c r="N891808" s="10"/>
    </row>
    <row r="891809" spans="14:14">
      <c r="N891809" s="10"/>
    </row>
    <row r="891810" spans="14:14">
      <c r="N891810" s="10"/>
    </row>
    <row r="891811" spans="14:14">
      <c r="N891811" s="10"/>
    </row>
    <row r="891812" spans="14:14">
      <c r="N891812" s="10"/>
    </row>
    <row r="891813" spans="14:14">
      <c r="N891813" s="10"/>
    </row>
    <row r="891814" spans="14:14">
      <c r="N891814" s="10"/>
    </row>
    <row r="891815" spans="14:14">
      <c r="N891815" s="10"/>
    </row>
    <row r="891816" spans="14:14">
      <c r="N891816" s="10"/>
    </row>
    <row r="891817" spans="14:14">
      <c r="N891817" s="10"/>
    </row>
    <row r="891818" spans="14:14">
      <c r="N891818" s="10"/>
    </row>
    <row r="891819" spans="14:14">
      <c r="N891819" s="10"/>
    </row>
    <row r="891820" spans="14:14">
      <c r="N891820" s="10"/>
    </row>
    <row r="891821" spans="14:14">
      <c r="N891821" s="10"/>
    </row>
    <row r="891822" spans="14:14">
      <c r="N891822" s="10"/>
    </row>
    <row r="891823" spans="14:14">
      <c r="N891823" s="10"/>
    </row>
    <row r="891824" spans="14:14">
      <c r="N891824" s="10"/>
    </row>
    <row r="891825" spans="14:14">
      <c r="N891825" s="10"/>
    </row>
    <row r="891826" spans="14:14">
      <c r="N891826" s="10"/>
    </row>
    <row r="891827" spans="14:14">
      <c r="N891827" s="10"/>
    </row>
    <row r="891828" spans="14:14">
      <c r="N891828" s="10"/>
    </row>
    <row r="891829" spans="14:14">
      <c r="N891829" s="10"/>
    </row>
    <row r="891830" spans="14:14">
      <c r="N891830" s="10"/>
    </row>
    <row r="891831" spans="14:14">
      <c r="N891831" s="10"/>
    </row>
    <row r="891832" spans="14:14">
      <c r="N891832" s="10"/>
    </row>
    <row r="891833" spans="14:14">
      <c r="N891833" s="10"/>
    </row>
    <row r="891834" spans="14:14">
      <c r="N891834" s="10"/>
    </row>
    <row r="891835" spans="14:14">
      <c r="N891835" s="10"/>
    </row>
    <row r="891836" spans="14:14">
      <c r="N891836" s="10"/>
    </row>
    <row r="891837" spans="14:14">
      <c r="N891837" s="10"/>
    </row>
    <row r="891838" spans="14:14">
      <c r="N891838" s="10"/>
    </row>
    <row r="891839" spans="14:14">
      <c r="N891839" s="10"/>
    </row>
    <row r="891840" spans="14:14">
      <c r="N891840" s="10"/>
    </row>
    <row r="891841" spans="14:14">
      <c r="N891841" s="10"/>
    </row>
    <row r="891842" spans="14:14">
      <c r="N891842" s="10"/>
    </row>
    <row r="891843" spans="14:14">
      <c r="N891843" s="10"/>
    </row>
    <row r="891844" spans="14:14">
      <c r="N891844" s="10"/>
    </row>
    <row r="891845" spans="14:14">
      <c r="N891845" s="10"/>
    </row>
    <row r="891846" spans="14:14">
      <c r="N891846" s="10"/>
    </row>
    <row r="891847" spans="14:14">
      <c r="N891847" s="10"/>
    </row>
    <row r="891848" spans="14:14">
      <c r="N891848" s="10"/>
    </row>
    <row r="891849" spans="14:14">
      <c r="N891849" s="10"/>
    </row>
    <row r="891850" spans="14:14">
      <c r="N891850" s="10"/>
    </row>
    <row r="891851" spans="14:14">
      <c r="N891851" s="10"/>
    </row>
    <row r="891852" spans="14:14">
      <c r="N891852" s="10"/>
    </row>
    <row r="891853" spans="14:14">
      <c r="N891853" s="10"/>
    </row>
    <row r="891854" spans="14:14">
      <c r="N891854" s="10"/>
    </row>
    <row r="891855" spans="14:14">
      <c r="N891855" s="10"/>
    </row>
    <row r="891856" spans="14:14">
      <c r="N891856" s="10"/>
    </row>
    <row r="891857" spans="14:14">
      <c r="N891857" s="10"/>
    </row>
    <row r="891858" spans="14:14">
      <c r="N891858" s="10"/>
    </row>
    <row r="891859" spans="14:14">
      <c r="N891859" s="10"/>
    </row>
    <row r="891860" spans="14:14">
      <c r="N891860" s="10"/>
    </row>
    <row r="891861" spans="14:14">
      <c r="N891861" s="10"/>
    </row>
    <row r="891862" spans="14:14">
      <c r="N891862" s="10"/>
    </row>
    <row r="891863" spans="14:14">
      <c r="N891863" s="10"/>
    </row>
    <row r="891864" spans="14:14">
      <c r="N891864" s="10"/>
    </row>
    <row r="891865" spans="14:14">
      <c r="N891865" s="10"/>
    </row>
    <row r="891866" spans="14:14">
      <c r="N891866" s="10"/>
    </row>
    <row r="891867" spans="14:14">
      <c r="N891867" s="10"/>
    </row>
    <row r="891868" spans="14:14">
      <c r="N891868" s="10"/>
    </row>
    <row r="891869" spans="14:14">
      <c r="N891869" s="10"/>
    </row>
    <row r="891870" spans="14:14">
      <c r="N891870" s="10"/>
    </row>
    <row r="891871" spans="14:14">
      <c r="N891871" s="10"/>
    </row>
    <row r="891872" spans="14:14">
      <c r="N891872" s="10"/>
    </row>
    <row r="891873" spans="14:14">
      <c r="N891873" s="10"/>
    </row>
    <row r="891874" spans="14:14">
      <c r="N891874" s="10"/>
    </row>
    <row r="891875" spans="14:14">
      <c r="N891875" s="10"/>
    </row>
    <row r="891876" spans="14:14">
      <c r="N891876" s="10"/>
    </row>
    <row r="891877" spans="14:14">
      <c r="N891877" s="10"/>
    </row>
    <row r="891878" spans="14:14">
      <c r="N891878" s="10"/>
    </row>
    <row r="891879" spans="14:14">
      <c r="N891879" s="10"/>
    </row>
    <row r="891880" spans="14:14">
      <c r="N891880" s="10"/>
    </row>
    <row r="891881" spans="14:14">
      <c r="N891881" s="10"/>
    </row>
    <row r="891882" spans="14:14">
      <c r="N891882" s="10"/>
    </row>
    <row r="891883" spans="14:14">
      <c r="N891883" s="10"/>
    </row>
    <row r="891884" spans="14:14">
      <c r="N891884" s="10"/>
    </row>
    <row r="891885" spans="14:14">
      <c r="N891885" s="10"/>
    </row>
    <row r="891886" spans="14:14">
      <c r="N891886" s="10"/>
    </row>
    <row r="891887" spans="14:14">
      <c r="N891887" s="10"/>
    </row>
    <row r="891888" spans="14:14">
      <c r="N891888" s="10"/>
    </row>
    <row r="891889" spans="14:14">
      <c r="N891889" s="10"/>
    </row>
    <row r="891890" spans="14:14">
      <c r="N891890" s="10"/>
    </row>
    <row r="891891" spans="14:14">
      <c r="N891891" s="10"/>
    </row>
    <row r="891892" spans="14:14">
      <c r="N891892" s="10"/>
    </row>
    <row r="891893" spans="14:14">
      <c r="N891893" s="10"/>
    </row>
    <row r="891894" spans="14:14">
      <c r="N891894" s="10"/>
    </row>
    <row r="891895" spans="14:14">
      <c r="N891895" s="10"/>
    </row>
    <row r="891896" spans="14:14">
      <c r="N891896" s="10"/>
    </row>
    <row r="891897" spans="14:14">
      <c r="N891897" s="10"/>
    </row>
    <row r="891898" spans="14:14">
      <c r="N891898" s="10"/>
    </row>
    <row r="891899" spans="14:14">
      <c r="N891899" s="10"/>
    </row>
    <row r="891900" spans="14:14">
      <c r="N891900" s="10"/>
    </row>
    <row r="891901" spans="14:14">
      <c r="N891901" s="10"/>
    </row>
    <row r="891902" spans="14:14">
      <c r="N891902" s="10"/>
    </row>
    <row r="891903" spans="14:14">
      <c r="N891903" s="10"/>
    </row>
    <row r="891904" spans="14:14">
      <c r="N891904" s="10"/>
    </row>
    <row r="891905" spans="14:14">
      <c r="N891905" s="10"/>
    </row>
    <row r="891906" spans="14:14">
      <c r="N891906" s="10"/>
    </row>
    <row r="891907" spans="14:14">
      <c r="N891907" s="10"/>
    </row>
    <row r="891908" spans="14:14">
      <c r="N891908" s="10"/>
    </row>
    <row r="891909" spans="14:14">
      <c r="N891909" s="10"/>
    </row>
    <row r="891910" spans="14:14">
      <c r="N891910" s="10"/>
    </row>
    <row r="891911" spans="14:14">
      <c r="N891911" s="10"/>
    </row>
    <row r="891912" spans="14:14">
      <c r="N891912" s="10"/>
    </row>
    <row r="891913" spans="14:14">
      <c r="N891913" s="10"/>
    </row>
    <row r="891914" spans="14:14">
      <c r="N891914" s="10"/>
    </row>
    <row r="891915" spans="14:14">
      <c r="N891915" s="10"/>
    </row>
    <row r="891916" spans="14:14">
      <c r="N891916" s="10"/>
    </row>
    <row r="891917" spans="14:14">
      <c r="N891917" s="10"/>
    </row>
    <row r="891918" spans="14:14">
      <c r="N891918" s="10"/>
    </row>
    <row r="891919" spans="14:14">
      <c r="N891919" s="10"/>
    </row>
    <row r="891920" spans="14:14">
      <c r="N891920" s="10"/>
    </row>
    <row r="891921" spans="14:14">
      <c r="N891921" s="10"/>
    </row>
    <row r="891922" spans="14:14">
      <c r="N891922" s="10"/>
    </row>
    <row r="891923" spans="14:14">
      <c r="N891923" s="10"/>
    </row>
    <row r="891924" spans="14:14">
      <c r="N891924" s="10"/>
    </row>
    <row r="891925" spans="14:14">
      <c r="N891925" s="10"/>
    </row>
    <row r="891926" spans="14:14">
      <c r="N891926" s="10"/>
    </row>
    <row r="891927" spans="14:14">
      <c r="N891927" s="10"/>
    </row>
    <row r="891928" spans="14:14">
      <c r="N891928" s="10"/>
    </row>
    <row r="891929" spans="14:14">
      <c r="N891929" s="10"/>
    </row>
    <row r="891930" spans="14:14">
      <c r="N891930" s="10"/>
    </row>
    <row r="891931" spans="14:14">
      <c r="N891931" s="10"/>
    </row>
    <row r="891932" spans="14:14">
      <c r="N891932" s="10"/>
    </row>
    <row r="891933" spans="14:14">
      <c r="N891933" s="10"/>
    </row>
    <row r="891934" spans="14:14">
      <c r="N891934" s="10"/>
    </row>
    <row r="891935" spans="14:14">
      <c r="N891935" s="10"/>
    </row>
    <row r="891936" spans="14:14">
      <c r="N891936" s="10"/>
    </row>
    <row r="891937" spans="14:14">
      <c r="N891937" s="10"/>
    </row>
    <row r="891938" spans="14:14">
      <c r="N891938" s="10"/>
    </row>
    <row r="891939" spans="14:14">
      <c r="N891939" s="10"/>
    </row>
    <row r="891940" spans="14:14">
      <c r="N891940" s="10"/>
    </row>
    <row r="891941" spans="14:14">
      <c r="N891941" s="10"/>
    </row>
    <row r="891942" spans="14:14">
      <c r="N891942" s="10"/>
    </row>
    <row r="891943" spans="14:14">
      <c r="N891943" s="10"/>
    </row>
    <row r="891944" spans="14:14">
      <c r="N891944" s="10"/>
    </row>
    <row r="891945" spans="14:14">
      <c r="N891945" s="10"/>
    </row>
    <row r="891946" spans="14:14">
      <c r="N891946" s="10"/>
    </row>
    <row r="891947" spans="14:14">
      <c r="N891947" s="10"/>
    </row>
    <row r="891948" spans="14:14">
      <c r="N891948" s="10"/>
    </row>
    <row r="891949" spans="14:14">
      <c r="N891949" s="10"/>
    </row>
    <row r="891950" spans="14:14">
      <c r="N891950" s="10"/>
    </row>
    <row r="891951" spans="14:14">
      <c r="N891951" s="10"/>
    </row>
    <row r="891952" spans="14:14">
      <c r="N891952" s="10"/>
    </row>
    <row r="891953" spans="14:14">
      <c r="N891953" s="10"/>
    </row>
    <row r="891954" spans="14:14">
      <c r="N891954" s="10"/>
    </row>
    <row r="891955" spans="14:14">
      <c r="N891955" s="10"/>
    </row>
    <row r="891956" spans="14:14">
      <c r="N891956" s="10"/>
    </row>
    <row r="891957" spans="14:14">
      <c r="N891957" s="10"/>
    </row>
    <row r="891958" spans="14:14">
      <c r="N891958" s="10"/>
    </row>
    <row r="891959" spans="14:14">
      <c r="N891959" s="10"/>
    </row>
    <row r="891960" spans="14:14">
      <c r="N891960" s="10"/>
    </row>
    <row r="891961" spans="14:14">
      <c r="N891961" s="10"/>
    </row>
    <row r="891962" spans="14:14">
      <c r="N891962" s="10"/>
    </row>
    <row r="891963" spans="14:14">
      <c r="N891963" s="10"/>
    </row>
    <row r="891964" spans="14:14">
      <c r="N891964" s="10"/>
    </row>
    <row r="891965" spans="14:14">
      <c r="N891965" s="10"/>
    </row>
    <row r="891966" spans="14:14">
      <c r="N891966" s="10"/>
    </row>
    <row r="891967" spans="14:14">
      <c r="N891967" s="10"/>
    </row>
    <row r="891968" spans="14:14">
      <c r="N891968" s="10"/>
    </row>
    <row r="891969" spans="14:14">
      <c r="N891969" s="10"/>
    </row>
    <row r="891970" spans="14:14">
      <c r="N891970" s="10"/>
    </row>
    <row r="891971" spans="14:14">
      <c r="N891971" s="10"/>
    </row>
    <row r="891972" spans="14:14">
      <c r="N891972" s="10"/>
    </row>
    <row r="891973" spans="14:14">
      <c r="N891973" s="10"/>
    </row>
    <row r="891974" spans="14:14">
      <c r="N891974" s="10"/>
    </row>
    <row r="891975" spans="14:14">
      <c r="N891975" s="10"/>
    </row>
    <row r="891976" spans="14:14">
      <c r="N891976" s="10"/>
    </row>
    <row r="891977" spans="14:14">
      <c r="N891977" s="10"/>
    </row>
    <row r="891978" spans="14:14">
      <c r="N891978" s="10"/>
    </row>
    <row r="891979" spans="14:14">
      <c r="N891979" s="10"/>
    </row>
    <row r="891980" spans="14:14">
      <c r="N891980" s="10"/>
    </row>
    <row r="891981" spans="14:14">
      <c r="N891981" s="10"/>
    </row>
    <row r="891982" spans="14:14">
      <c r="N891982" s="10"/>
    </row>
    <row r="891983" spans="14:14">
      <c r="N891983" s="10"/>
    </row>
    <row r="891984" spans="14:14">
      <c r="N891984" s="10"/>
    </row>
    <row r="891985" spans="14:14">
      <c r="N891985" s="10"/>
    </row>
    <row r="891986" spans="14:14">
      <c r="N891986" s="10"/>
    </row>
    <row r="891987" spans="14:14">
      <c r="N891987" s="10"/>
    </row>
    <row r="891988" spans="14:14">
      <c r="N891988" s="10"/>
    </row>
    <row r="891989" spans="14:14">
      <c r="N891989" s="10"/>
    </row>
    <row r="891990" spans="14:14">
      <c r="N891990" s="10"/>
    </row>
    <row r="891991" spans="14:14">
      <c r="N891991" s="10"/>
    </row>
    <row r="891992" spans="14:14">
      <c r="N891992" s="10"/>
    </row>
    <row r="891993" spans="14:14">
      <c r="N891993" s="10"/>
    </row>
    <row r="891994" spans="14:14">
      <c r="N891994" s="10"/>
    </row>
    <row r="891995" spans="14:14">
      <c r="N891995" s="10"/>
    </row>
    <row r="891996" spans="14:14">
      <c r="N891996" s="10"/>
    </row>
    <row r="891997" spans="14:14">
      <c r="N891997" s="10"/>
    </row>
    <row r="891998" spans="14:14">
      <c r="N891998" s="10"/>
    </row>
    <row r="891999" spans="14:14">
      <c r="N891999" s="10"/>
    </row>
    <row r="892000" spans="14:14">
      <c r="N892000" s="10"/>
    </row>
    <row r="892001" spans="14:14">
      <c r="N892001" s="10"/>
    </row>
    <row r="892002" spans="14:14">
      <c r="N892002" s="10"/>
    </row>
    <row r="892003" spans="14:14">
      <c r="N892003" s="10"/>
    </row>
    <row r="892004" spans="14:14">
      <c r="N892004" s="10"/>
    </row>
    <row r="892005" spans="14:14">
      <c r="N892005" s="10"/>
    </row>
    <row r="892006" spans="14:14">
      <c r="N892006" s="10"/>
    </row>
    <row r="892007" spans="14:14">
      <c r="N892007" s="10"/>
    </row>
    <row r="892008" spans="14:14">
      <c r="N892008" s="10"/>
    </row>
    <row r="892009" spans="14:14">
      <c r="N892009" s="10"/>
    </row>
    <row r="892010" spans="14:14">
      <c r="N892010" s="10"/>
    </row>
    <row r="892011" spans="14:14">
      <c r="N892011" s="10"/>
    </row>
    <row r="892012" spans="14:14">
      <c r="N892012" s="10"/>
    </row>
    <row r="892013" spans="14:14">
      <c r="N892013" s="10"/>
    </row>
    <row r="892014" spans="14:14">
      <c r="N892014" s="10"/>
    </row>
    <row r="892015" spans="14:14">
      <c r="N892015" s="10"/>
    </row>
    <row r="892016" spans="14:14">
      <c r="N892016" s="10"/>
    </row>
    <row r="892017" spans="14:14">
      <c r="N892017" s="10"/>
    </row>
    <row r="892018" spans="14:14">
      <c r="N892018" s="10"/>
    </row>
    <row r="892019" spans="14:14">
      <c r="N892019" s="10"/>
    </row>
    <row r="892020" spans="14:14">
      <c r="N892020" s="10"/>
    </row>
    <row r="892021" spans="14:14">
      <c r="N892021" s="10"/>
    </row>
    <row r="892022" spans="14:14">
      <c r="N892022" s="10"/>
    </row>
    <row r="892023" spans="14:14">
      <c r="N892023" s="10"/>
    </row>
    <row r="892024" spans="14:14">
      <c r="N892024" s="10"/>
    </row>
    <row r="892025" spans="14:14">
      <c r="N892025" s="10"/>
    </row>
    <row r="892026" spans="14:14">
      <c r="N892026" s="10"/>
    </row>
    <row r="892027" spans="14:14">
      <c r="N892027" s="10"/>
    </row>
    <row r="892028" spans="14:14">
      <c r="N892028" s="10"/>
    </row>
    <row r="892029" spans="14:14">
      <c r="N892029" s="10"/>
    </row>
    <row r="892030" spans="14:14">
      <c r="N892030" s="10"/>
    </row>
    <row r="892031" spans="14:14">
      <c r="N892031" s="10"/>
    </row>
    <row r="892032" spans="14:14">
      <c r="N892032" s="10"/>
    </row>
    <row r="892033" spans="14:14">
      <c r="N892033" s="10"/>
    </row>
    <row r="892034" spans="14:14">
      <c r="N892034" s="10"/>
    </row>
    <row r="892035" spans="14:14">
      <c r="N892035" s="10"/>
    </row>
    <row r="892036" spans="14:14">
      <c r="N892036" s="10"/>
    </row>
    <row r="892037" spans="14:14">
      <c r="N892037" s="10"/>
    </row>
    <row r="892038" spans="14:14">
      <c r="N892038" s="10"/>
    </row>
    <row r="892039" spans="14:14">
      <c r="N892039" s="10"/>
    </row>
    <row r="892040" spans="14:14">
      <c r="N892040" s="10"/>
    </row>
    <row r="892041" spans="14:14">
      <c r="N892041" s="10"/>
    </row>
    <row r="892042" spans="14:14">
      <c r="N892042" s="10"/>
    </row>
    <row r="892043" spans="14:14">
      <c r="N892043" s="10"/>
    </row>
    <row r="892044" spans="14:14">
      <c r="N892044" s="10"/>
    </row>
    <row r="892045" spans="14:14">
      <c r="N892045" s="10"/>
    </row>
    <row r="892046" spans="14:14">
      <c r="N892046" s="10"/>
    </row>
    <row r="892047" spans="14:14">
      <c r="N892047" s="10"/>
    </row>
    <row r="892048" spans="14:14">
      <c r="N892048" s="10"/>
    </row>
    <row r="892049" spans="14:14">
      <c r="N892049" s="10"/>
    </row>
    <row r="892050" spans="14:14">
      <c r="N892050" s="10"/>
    </row>
    <row r="892051" spans="14:14">
      <c r="N892051" s="10"/>
    </row>
    <row r="892052" spans="14:14">
      <c r="N892052" s="10"/>
    </row>
    <row r="892053" spans="14:14">
      <c r="N892053" s="10"/>
    </row>
    <row r="892054" spans="14:14">
      <c r="N892054" s="10"/>
    </row>
    <row r="892055" spans="14:14">
      <c r="N892055" s="10"/>
    </row>
    <row r="892056" spans="14:14">
      <c r="N892056" s="10"/>
    </row>
    <row r="892057" spans="14:14">
      <c r="N892057" s="10"/>
    </row>
    <row r="892058" spans="14:14">
      <c r="N892058" s="10"/>
    </row>
    <row r="892059" spans="14:14">
      <c r="N892059" s="10"/>
    </row>
    <row r="892060" spans="14:14">
      <c r="N892060" s="10"/>
    </row>
    <row r="892061" spans="14:14">
      <c r="N892061" s="10"/>
    </row>
    <row r="892062" spans="14:14">
      <c r="N892062" s="10"/>
    </row>
    <row r="892063" spans="14:14">
      <c r="N892063" s="10"/>
    </row>
    <row r="892064" spans="14:14">
      <c r="N892064" s="10"/>
    </row>
    <row r="892065" spans="14:14">
      <c r="N892065" s="10"/>
    </row>
    <row r="892066" spans="14:14">
      <c r="N892066" s="10"/>
    </row>
    <row r="892067" spans="14:14">
      <c r="N892067" s="10"/>
    </row>
    <row r="892068" spans="14:14">
      <c r="N892068" s="10"/>
    </row>
    <row r="892069" spans="14:14">
      <c r="N892069" s="10"/>
    </row>
    <row r="892070" spans="14:14">
      <c r="N892070" s="10"/>
    </row>
    <row r="892071" spans="14:14">
      <c r="N892071" s="10"/>
    </row>
    <row r="892072" spans="14:14">
      <c r="N892072" s="10"/>
    </row>
    <row r="892073" spans="14:14">
      <c r="N892073" s="10"/>
    </row>
    <row r="892074" spans="14:14">
      <c r="N892074" s="10"/>
    </row>
    <row r="892075" spans="14:14">
      <c r="N892075" s="10"/>
    </row>
    <row r="892076" spans="14:14">
      <c r="N892076" s="10"/>
    </row>
    <row r="892077" spans="14:14">
      <c r="N892077" s="10"/>
    </row>
    <row r="892078" spans="14:14">
      <c r="N892078" s="10"/>
    </row>
    <row r="892079" spans="14:14">
      <c r="N892079" s="10"/>
    </row>
    <row r="892080" spans="14:14">
      <c r="N892080" s="10"/>
    </row>
    <row r="892081" spans="14:14">
      <c r="N892081" s="10"/>
    </row>
    <row r="892082" spans="14:14">
      <c r="N892082" s="10"/>
    </row>
    <row r="892083" spans="14:14">
      <c r="N892083" s="10"/>
    </row>
    <row r="892084" spans="14:14">
      <c r="N892084" s="10"/>
    </row>
    <row r="892085" spans="14:14">
      <c r="N892085" s="10"/>
    </row>
    <row r="892086" spans="14:14">
      <c r="N892086" s="10"/>
    </row>
    <row r="892087" spans="14:14">
      <c r="N892087" s="10"/>
    </row>
    <row r="892088" spans="14:14">
      <c r="N892088" s="10"/>
    </row>
    <row r="892089" spans="14:14">
      <c r="N892089" s="10"/>
    </row>
    <row r="892090" spans="14:14">
      <c r="N892090" s="10"/>
    </row>
    <row r="892091" spans="14:14">
      <c r="N892091" s="10"/>
    </row>
    <row r="892092" spans="14:14">
      <c r="N892092" s="10"/>
    </row>
    <row r="892093" spans="14:14">
      <c r="N892093" s="10"/>
    </row>
    <row r="892094" spans="14:14">
      <c r="N892094" s="10"/>
    </row>
    <row r="892095" spans="14:14">
      <c r="N892095" s="10"/>
    </row>
    <row r="892096" spans="14:14">
      <c r="N892096" s="10"/>
    </row>
    <row r="892097" spans="14:14">
      <c r="N892097" s="10"/>
    </row>
    <row r="892098" spans="14:14">
      <c r="N892098" s="10"/>
    </row>
    <row r="892099" spans="14:14">
      <c r="N892099" s="10"/>
    </row>
    <row r="892100" spans="14:14">
      <c r="N892100" s="10"/>
    </row>
    <row r="892101" spans="14:14">
      <c r="N892101" s="10"/>
    </row>
    <row r="892102" spans="14:14">
      <c r="N892102" s="10"/>
    </row>
    <row r="892103" spans="14:14">
      <c r="N892103" s="10"/>
    </row>
    <row r="892104" spans="14:14">
      <c r="N892104" s="10"/>
    </row>
    <row r="892105" spans="14:14">
      <c r="N892105" s="10"/>
    </row>
    <row r="892106" spans="14:14">
      <c r="N892106" s="10"/>
    </row>
    <row r="892107" spans="14:14">
      <c r="N892107" s="10"/>
    </row>
    <row r="892108" spans="14:14">
      <c r="N892108" s="10"/>
    </row>
    <row r="892109" spans="14:14">
      <c r="N892109" s="10"/>
    </row>
    <row r="892110" spans="14:14">
      <c r="N892110" s="10"/>
    </row>
    <row r="892111" spans="14:14">
      <c r="N892111" s="10"/>
    </row>
    <row r="892112" spans="14:14">
      <c r="N892112" s="10"/>
    </row>
    <row r="892113" spans="14:14">
      <c r="N892113" s="10"/>
    </row>
    <row r="892114" spans="14:14">
      <c r="N892114" s="10"/>
    </row>
    <row r="892115" spans="14:14">
      <c r="N892115" s="10"/>
    </row>
    <row r="892116" spans="14:14">
      <c r="N892116" s="10"/>
    </row>
    <row r="892117" spans="14:14">
      <c r="N892117" s="10"/>
    </row>
    <row r="892118" spans="14:14">
      <c r="N892118" s="10"/>
    </row>
    <row r="892119" spans="14:14">
      <c r="N892119" s="10"/>
    </row>
    <row r="892120" spans="14:14">
      <c r="N892120" s="10"/>
    </row>
    <row r="892121" spans="14:14">
      <c r="N892121" s="10"/>
    </row>
    <row r="892122" spans="14:14">
      <c r="N892122" s="10"/>
    </row>
    <row r="892123" spans="14:14">
      <c r="N892123" s="10"/>
    </row>
    <row r="892124" spans="14:14">
      <c r="N892124" s="10"/>
    </row>
    <row r="892125" spans="14:14">
      <c r="N892125" s="10"/>
    </row>
    <row r="892126" spans="14:14">
      <c r="N892126" s="10"/>
    </row>
    <row r="892127" spans="14:14">
      <c r="N892127" s="10"/>
    </row>
    <row r="892128" spans="14:14">
      <c r="N892128" s="10"/>
    </row>
    <row r="892129" spans="14:14">
      <c r="N892129" s="10"/>
    </row>
    <row r="892130" spans="14:14">
      <c r="N892130" s="10"/>
    </row>
    <row r="892131" spans="14:14">
      <c r="N892131" s="10"/>
    </row>
    <row r="892132" spans="14:14">
      <c r="N892132" s="10"/>
    </row>
    <row r="892133" spans="14:14">
      <c r="N892133" s="10"/>
    </row>
    <row r="892134" spans="14:14">
      <c r="N892134" s="10"/>
    </row>
    <row r="892135" spans="14:14">
      <c r="N892135" s="10"/>
    </row>
    <row r="892136" spans="14:14">
      <c r="N892136" s="10"/>
    </row>
    <row r="892137" spans="14:14">
      <c r="N892137" s="10"/>
    </row>
    <row r="892138" spans="14:14">
      <c r="N892138" s="10"/>
    </row>
    <row r="892139" spans="14:14">
      <c r="N892139" s="10"/>
    </row>
    <row r="892140" spans="14:14">
      <c r="N892140" s="10"/>
    </row>
    <row r="892141" spans="14:14">
      <c r="N892141" s="10"/>
    </row>
    <row r="892142" spans="14:14">
      <c r="N892142" s="10"/>
    </row>
    <row r="892143" spans="14:14">
      <c r="N892143" s="10"/>
    </row>
    <row r="892144" spans="14:14">
      <c r="N892144" s="10"/>
    </row>
    <row r="892145" spans="14:14">
      <c r="N892145" s="10"/>
    </row>
    <row r="892146" spans="14:14">
      <c r="N892146" s="10"/>
    </row>
    <row r="892147" spans="14:14">
      <c r="N892147" s="10"/>
    </row>
    <row r="892148" spans="14:14">
      <c r="N892148" s="10"/>
    </row>
    <row r="892149" spans="14:14">
      <c r="N892149" s="10"/>
    </row>
    <row r="892150" spans="14:14">
      <c r="N892150" s="10"/>
    </row>
    <row r="892151" spans="14:14">
      <c r="N892151" s="10"/>
    </row>
    <row r="892152" spans="14:14">
      <c r="N892152" s="10"/>
    </row>
    <row r="892153" spans="14:14">
      <c r="N892153" s="10"/>
    </row>
    <row r="892154" spans="14:14">
      <c r="N892154" s="10"/>
    </row>
    <row r="892155" spans="14:14">
      <c r="N892155" s="10"/>
    </row>
    <row r="892156" spans="14:14">
      <c r="N892156" s="10"/>
    </row>
    <row r="892157" spans="14:14">
      <c r="N892157" s="10"/>
    </row>
    <row r="892158" spans="14:14">
      <c r="N892158" s="10"/>
    </row>
    <row r="892159" spans="14:14">
      <c r="N892159" s="10"/>
    </row>
    <row r="892160" spans="14:14">
      <c r="N892160" s="10"/>
    </row>
    <row r="892161" spans="14:14">
      <c r="N892161" s="10"/>
    </row>
    <row r="892162" spans="14:14">
      <c r="N892162" s="10"/>
    </row>
    <row r="892163" spans="14:14">
      <c r="N892163" s="10"/>
    </row>
    <row r="892164" spans="14:14">
      <c r="N892164" s="10"/>
    </row>
    <row r="892165" spans="14:14">
      <c r="N892165" s="10"/>
    </row>
    <row r="892166" spans="14:14">
      <c r="N892166" s="10"/>
    </row>
    <row r="892167" spans="14:14">
      <c r="N892167" s="10"/>
    </row>
    <row r="892168" spans="14:14">
      <c r="N892168" s="10"/>
    </row>
    <row r="892169" spans="14:14">
      <c r="N892169" s="10"/>
    </row>
    <row r="892170" spans="14:14">
      <c r="N892170" s="10"/>
    </row>
    <row r="892171" spans="14:14">
      <c r="N892171" s="10"/>
    </row>
    <row r="892172" spans="14:14">
      <c r="N892172" s="10"/>
    </row>
    <row r="892173" spans="14:14">
      <c r="N892173" s="10"/>
    </row>
    <row r="892174" spans="14:14">
      <c r="N892174" s="10"/>
    </row>
    <row r="892175" spans="14:14">
      <c r="N892175" s="10"/>
    </row>
    <row r="892176" spans="14:14">
      <c r="N892176" s="10"/>
    </row>
    <row r="892177" spans="14:14">
      <c r="N892177" s="10"/>
    </row>
    <row r="892178" spans="14:14">
      <c r="N892178" s="10"/>
    </row>
    <row r="892179" spans="14:14">
      <c r="N892179" s="10"/>
    </row>
    <row r="892180" spans="14:14">
      <c r="N892180" s="10"/>
    </row>
    <row r="892181" spans="14:14">
      <c r="N892181" s="10"/>
    </row>
    <row r="892182" spans="14:14">
      <c r="N892182" s="10"/>
    </row>
    <row r="892183" spans="14:14">
      <c r="N892183" s="10"/>
    </row>
    <row r="892184" spans="14:14">
      <c r="N892184" s="10"/>
    </row>
    <row r="892185" spans="14:14">
      <c r="N892185" s="10"/>
    </row>
    <row r="892186" spans="14:14">
      <c r="N892186" s="10"/>
    </row>
    <row r="892187" spans="14:14">
      <c r="N892187" s="10"/>
    </row>
    <row r="892188" spans="14:14">
      <c r="N892188" s="10"/>
    </row>
    <row r="892189" spans="14:14">
      <c r="N892189" s="10"/>
    </row>
    <row r="892190" spans="14:14">
      <c r="N892190" s="10"/>
    </row>
    <row r="892191" spans="14:14">
      <c r="N892191" s="10"/>
    </row>
    <row r="892192" spans="14:14">
      <c r="N892192" s="10"/>
    </row>
    <row r="892193" spans="14:14">
      <c r="N892193" s="10"/>
    </row>
    <row r="892194" spans="14:14">
      <c r="N892194" s="10"/>
    </row>
    <row r="892195" spans="14:14">
      <c r="N892195" s="10"/>
    </row>
    <row r="892196" spans="14:14">
      <c r="N892196" s="10"/>
    </row>
    <row r="892197" spans="14:14">
      <c r="N892197" s="10"/>
    </row>
    <row r="892198" spans="14:14">
      <c r="N892198" s="10"/>
    </row>
    <row r="892199" spans="14:14">
      <c r="N892199" s="10"/>
    </row>
    <row r="892200" spans="14:14">
      <c r="N892200" s="10"/>
    </row>
    <row r="892201" spans="14:14">
      <c r="N892201" s="10"/>
    </row>
    <row r="892202" spans="14:14">
      <c r="N892202" s="10"/>
    </row>
    <row r="892203" spans="14:14">
      <c r="N892203" s="10"/>
    </row>
    <row r="892204" spans="14:14">
      <c r="N892204" s="10"/>
    </row>
    <row r="892205" spans="14:14">
      <c r="N892205" s="10"/>
    </row>
    <row r="892206" spans="14:14">
      <c r="N892206" s="10"/>
    </row>
    <row r="892207" spans="14:14">
      <c r="N892207" s="10"/>
    </row>
    <row r="892208" spans="14:14">
      <c r="N892208" s="10"/>
    </row>
    <row r="892209" spans="14:14">
      <c r="N892209" s="10"/>
    </row>
    <row r="892210" spans="14:14">
      <c r="N892210" s="10"/>
    </row>
    <row r="892211" spans="14:14">
      <c r="N892211" s="10"/>
    </row>
    <row r="892212" spans="14:14">
      <c r="N892212" s="10"/>
    </row>
    <row r="892213" spans="14:14">
      <c r="N892213" s="10"/>
    </row>
    <row r="892214" spans="14:14">
      <c r="N892214" s="10"/>
    </row>
    <row r="892215" spans="14:14">
      <c r="N892215" s="10"/>
    </row>
    <row r="892216" spans="14:14">
      <c r="N892216" s="10"/>
    </row>
    <row r="892217" spans="14:14">
      <c r="N892217" s="10"/>
    </row>
    <row r="892218" spans="14:14">
      <c r="N892218" s="10"/>
    </row>
    <row r="892219" spans="14:14">
      <c r="N892219" s="10"/>
    </row>
    <row r="892220" spans="14:14">
      <c r="N892220" s="10"/>
    </row>
    <row r="892221" spans="14:14">
      <c r="N892221" s="10"/>
    </row>
    <row r="892222" spans="14:14">
      <c r="N892222" s="10"/>
    </row>
    <row r="892223" spans="14:14">
      <c r="N892223" s="10"/>
    </row>
    <row r="892224" spans="14:14">
      <c r="N892224" s="10"/>
    </row>
    <row r="892225" spans="14:14">
      <c r="N892225" s="10"/>
    </row>
    <row r="892226" spans="14:14">
      <c r="N892226" s="10"/>
    </row>
    <row r="892227" spans="14:14">
      <c r="N892227" s="10"/>
    </row>
    <row r="892228" spans="14:14">
      <c r="N892228" s="10"/>
    </row>
    <row r="892229" spans="14:14">
      <c r="N892229" s="10"/>
    </row>
    <row r="892230" spans="14:14">
      <c r="N892230" s="10"/>
    </row>
    <row r="892231" spans="14:14">
      <c r="N892231" s="10"/>
    </row>
    <row r="892232" spans="14:14">
      <c r="N892232" s="10"/>
    </row>
    <row r="892233" spans="14:14">
      <c r="N892233" s="10"/>
    </row>
    <row r="892234" spans="14:14">
      <c r="N892234" s="10"/>
    </row>
    <row r="892235" spans="14:14">
      <c r="N892235" s="10"/>
    </row>
    <row r="892236" spans="14:14">
      <c r="N892236" s="10"/>
    </row>
    <row r="892237" spans="14:14">
      <c r="N892237" s="10"/>
    </row>
    <row r="892238" spans="14:14">
      <c r="N892238" s="10"/>
    </row>
    <row r="892239" spans="14:14">
      <c r="N892239" s="10"/>
    </row>
    <row r="892240" spans="14:14">
      <c r="N892240" s="10"/>
    </row>
    <row r="892241" spans="14:14">
      <c r="N892241" s="10"/>
    </row>
    <row r="892242" spans="14:14">
      <c r="N892242" s="10"/>
    </row>
    <row r="892243" spans="14:14">
      <c r="N892243" s="10"/>
    </row>
    <row r="892244" spans="14:14">
      <c r="N892244" s="10"/>
    </row>
    <row r="892245" spans="14:14">
      <c r="N892245" s="10"/>
    </row>
    <row r="892246" spans="14:14">
      <c r="N892246" s="10"/>
    </row>
    <row r="892247" spans="14:14">
      <c r="N892247" s="10"/>
    </row>
    <row r="892248" spans="14:14">
      <c r="N892248" s="10"/>
    </row>
    <row r="892249" spans="14:14">
      <c r="N892249" s="10"/>
    </row>
    <row r="892250" spans="14:14">
      <c r="N892250" s="10"/>
    </row>
    <row r="892251" spans="14:14">
      <c r="N892251" s="10"/>
    </row>
    <row r="892252" spans="14:14">
      <c r="N892252" s="10"/>
    </row>
    <row r="892253" spans="14:14">
      <c r="N892253" s="10"/>
    </row>
    <row r="892254" spans="14:14">
      <c r="N892254" s="10"/>
    </row>
    <row r="892255" spans="14:14">
      <c r="N892255" s="10"/>
    </row>
    <row r="892256" spans="14:14">
      <c r="N892256" s="10"/>
    </row>
    <row r="892257" spans="14:14">
      <c r="N892257" s="10"/>
    </row>
    <row r="892258" spans="14:14">
      <c r="N892258" s="10"/>
    </row>
    <row r="892259" spans="14:14">
      <c r="N892259" s="10"/>
    </row>
    <row r="892260" spans="14:14">
      <c r="N892260" s="10"/>
    </row>
    <row r="892261" spans="14:14">
      <c r="N892261" s="10"/>
    </row>
    <row r="892262" spans="14:14">
      <c r="N892262" s="10"/>
    </row>
    <row r="892263" spans="14:14">
      <c r="N892263" s="10"/>
    </row>
    <row r="892264" spans="14:14">
      <c r="N892264" s="10"/>
    </row>
    <row r="892265" spans="14:14">
      <c r="N892265" s="10"/>
    </row>
    <row r="892266" spans="14:14">
      <c r="N892266" s="10"/>
    </row>
    <row r="892267" spans="14:14">
      <c r="N892267" s="10"/>
    </row>
    <row r="892268" spans="14:14">
      <c r="N892268" s="10"/>
    </row>
    <row r="892269" spans="14:14">
      <c r="N892269" s="10"/>
    </row>
    <row r="892270" spans="14:14">
      <c r="N892270" s="10"/>
    </row>
    <row r="892271" spans="14:14">
      <c r="N892271" s="10"/>
    </row>
    <row r="892272" spans="14:14">
      <c r="N892272" s="10"/>
    </row>
    <row r="892273" spans="14:14">
      <c r="N892273" s="10"/>
    </row>
    <row r="892274" spans="14:14">
      <c r="N892274" s="10"/>
    </row>
    <row r="892275" spans="14:14">
      <c r="N892275" s="10"/>
    </row>
    <row r="892276" spans="14:14">
      <c r="N892276" s="10"/>
    </row>
    <row r="892277" spans="14:14">
      <c r="N892277" s="10"/>
    </row>
    <row r="892278" spans="14:14">
      <c r="N892278" s="10"/>
    </row>
    <row r="892279" spans="14:14">
      <c r="N892279" s="10"/>
    </row>
    <row r="892280" spans="14:14">
      <c r="N892280" s="10"/>
    </row>
    <row r="892281" spans="14:14">
      <c r="N892281" s="10"/>
    </row>
    <row r="892282" spans="14:14">
      <c r="N892282" s="10"/>
    </row>
    <row r="892283" spans="14:14">
      <c r="N892283" s="10"/>
    </row>
    <row r="892284" spans="14:14">
      <c r="N892284" s="10"/>
    </row>
    <row r="892285" spans="14:14">
      <c r="N892285" s="10"/>
    </row>
    <row r="892286" spans="14:14">
      <c r="N892286" s="10"/>
    </row>
    <row r="892287" spans="14:14">
      <c r="N892287" s="10"/>
    </row>
    <row r="892288" spans="14:14">
      <c r="N892288" s="10"/>
    </row>
    <row r="892289" spans="14:14">
      <c r="N892289" s="10"/>
    </row>
    <row r="892290" spans="14:14">
      <c r="N892290" s="10"/>
    </row>
    <row r="892291" spans="14:14">
      <c r="N892291" s="10"/>
    </row>
    <row r="892292" spans="14:14">
      <c r="N892292" s="10"/>
    </row>
    <row r="892293" spans="14:14">
      <c r="N892293" s="10"/>
    </row>
    <row r="892294" spans="14:14">
      <c r="N892294" s="10"/>
    </row>
    <row r="892295" spans="14:14">
      <c r="N892295" s="10"/>
    </row>
    <row r="892296" spans="14:14">
      <c r="N892296" s="10"/>
    </row>
    <row r="892297" spans="14:14">
      <c r="N892297" s="10"/>
    </row>
    <row r="892298" spans="14:14">
      <c r="N892298" s="10"/>
    </row>
    <row r="892299" spans="14:14">
      <c r="N892299" s="10"/>
    </row>
    <row r="892300" spans="14:14">
      <c r="N892300" s="10"/>
    </row>
    <row r="892301" spans="14:14">
      <c r="N892301" s="10"/>
    </row>
    <row r="892302" spans="14:14">
      <c r="N892302" s="10"/>
    </row>
    <row r="892303" spans="14:14">
      <c r="N892303" s="10"/>
    </row>
    <row r="892304" spans="14:14">
      <c r="N892304" s="10"/>
    </row>
    <row r="892305" spans="14:14">
      <c r="N892305" s="10"/>
    </row>
    <row r="892306" spans="14:14">
      <c r="N892306" s="10"/>
    </row>
    <row r="892307" spans="14:14">
      <c r="N892307" s="10"/>
    </row>
    <row r="892308" spans="14:14">
      <c r="N892308" s="10"/>
    </row>
    <row r="892309" spans="14:14">
      <c r="N892309" s="10"/>
    </row>
    <row r="892310" spans="14:14">
      <c r="N892310" s="10"/>
    </row>
    <row r="892311" spans="14:14">
      <c r="N892311" s="10"/>
    </row>
    <row r="892312" spans="14:14">
      <c r="N892312" s="10"/>
    </row>
    <row r="892313" spans="14:14">
      <c r="N892313" s="10"/>
    </row>
    <row r="892314" spans="14:14">
      <c r="N892314" s="10"/>
    </row>
    <row r="892315" spans="14:14">
      <c r="N892315" s="10"/>
    </row>
    <row r="892316" spans="14:14">
      <c r="N892316" s="10"/>
    </row>
    <row r="892317" spans="14:14">
      <c r="N892317" s="10"/>
    </row>
    <row r="892318" spans="14:14">
      <c r="N892318" s="10"/>
    </row>
    <row r="892319" spans="14:14">
      <c r="N892319" s="10"/>
    </row>
    <row r="892320" spans="14:14">
      <c r="N892320" s="10"/>
    </row>
    <row r="892321" spans="14:14">
      <c r="N892321" s="10"/>
    </row>
    <row r="892322" spans="14:14">
      <c r="N892322" s="10"/>
    </row>
    <row r="892323" spans="14:14">
      <c r="N892323" s="10"/>
    </row>
    <row r="892324" spans="14:14">
      <c r="N892324" s="10"/>
    </row>
    <row r="892325" spans="14:14">
      <c r="N892325" s="10"/>
    </row>
    <row r="892326" spans="14:14">
      <c r="N892326" s="10"/>
    </row>
    <row r="892327" spans="14:14">
      <c r="N892327" s="10"/>
    </row>
    <row r="892328" spans="14:14">
      <c r="N892328" s="10"/>
    </row>
    <row r="892329" spans="14:14">
      <c r="N892329" s="10"/>
    </row>
    <row r="892330" spans="14:14">
      <c r="N892330" s="10"/>
    </row>
    <row r="892331" spans="14:14">
      <c r="N892331" s="10"/>
    </row>
    <row r="892332" spans="14:14">
      <c r="N892332" s="10"/>
    </row>
    <row r="892333" spans="14:14">
      <c r="N892333" s="10"/>
    </row>
    <row r="892334" spans="14:14">
      <c r="N892334" s="10"/>
    </row>
    <row r="892335" spans="14:14">
      <c r="N892335" s="10"/>
    </row>
    <row r="892336" spans="14:14">
      <c r="N892336" s="10"/>
    </row>
    <row r="892337" spans="14:14">
      <c r="N892337" s="10"/>
    </row>
    <row r="892338" spans="14:14">
      <c r="N892338" s="10"/>
    </row>
    <row r="892339" spans="14:14">
      <c r="N892339" s="10"/>
    </row>
    <row r="892340" spans="14:14">
      <c r="N892340" s="10"/>
    </row>
    <row r="892341" spans="14:14">
      <c r="N892341" s="10"/>
    </row>
    <row r="892342" spans="14:14">
      <c r="N892342" s="10"/>
    </row>
    <row r="892343" spans="14:14">
      <c r="N892343" s="10"/>
    </row>
    <row r="892344" spans="14:14">
      <c r="N892344" s="10"/>
    </row>
    <row r="892345" spans="14:14">
      <c r="N892345" s="10"/>
    </row>
    <row r="892346" spans="14:14">
      <c r="N892346" s="10"/>
    </row>
    <row r="892347" spans="14:14">
      <c r="N892347" s="10"/>
    </row>
    <row r="892348" spans="14:14">
      <c r="N892348" s="10"/>
    </row>
    <row r="892349" spans="14:14">
      <c r="N892349" s="10"/>
    </row>
    <row r="892350" spans="14:14">
      <c r="N892350" s="10"/>
    </row>
    <row r="892351" spans="14:14">
      <c r="N892351" s="10"/>
    </row>
    <row r="892352" spans="14:14">
      <c r="N892352" s="10"/>
    </row>
    <row r="892353" spans="14:14">
      <c r="N892353" s="10"/>
    </row>
    <row r="892354" spans="14:14">
      <c r="N892354" s="10"/>
    </row>
    <row r="892355" spans="14:14">
      <c r="N892355" s="10"/>
    </row>
    <row r="892356" spans="14:14">
      <c r="N892356" s="10"/>
    </row>
    <row r="892357" spans="14:14">
      <c r="N892357" s="10"/>
    </row>
    <row r="892358" spans="14:14">
      <c r="N892358" s="10"/>
    </row>
    <row r="892359" spans="14:14">
      <c r="N892359" s="10"/>
    </row>
    <row r="892360" spans="14:14">
      <c r="N892360" s="10"/>
    </row>
    <row r="892361" spans="14:14">
      <c r="N892361" s="10"/>
    </row>
    <row r="892362" spans="14:14">
      <c r="N892362" s="10"/>
    </row>
    <row r="892363" spans="14:14">
      <c r="N892363" s="10"/>
    </row>
    <row r="892364" spans="14:14">
      <c r="N892364" s="10"/>
    </row>
    <row r="892365" spans="14:14">
      <c r="N892365" s="10"/>
    </row>
    <row r="892366" spans="14:14">
      <c r="N892366" s="10"/>
    </row>
    <row r="892367" spans="14:14">
      <c r="N892367" s="10"/>
    </row>
    <row r="892368" spans="14:14">
      <c r="N892368" s="10"/>
    </row>
    <row r="892369" spans="14:14">
      <c r="N892369" s="10"/>
    </row>
    <row r="892370" spans="14:14">
      <c r="N892370" s="10"/>
    </row>
    <row r="892371" spans="14:14">
      <c r="N892371" s="10"/>
    </row>
    <row r="892372" spans="14:14">
      <c r="N892372" s="10"/>
    </row>
    <row r="892373" spans="14:14">
      <c r="N892373" s="10"/>
    </row>
    <row r="892374" spans="14:14">
      <c r="N892374" s="10"/>
    </row>
    <row r="892375" spans="14:14">
      <c r="N892375" s="10"/>
    </row>
    <row r="892376" spans="14:14">
      <c r="N892376" s="10"/>
    </row>
    <row r="892377" spans="14:14">
      <c r="N892377" s="10"/>
    </row>
    <row r="892378" spans="14:14">
      <c r="N892378" s="10"/>
    </row>
    <row r="892379" spans="14:14">
      <c r="N892379" s="10"/>
    </row>
    <row r="892380" spans="14:14">
      <c r="N892380" s="10"/>
    </row>
    <row r="892381" spans="14:14">
      <c r="N892381" s="10"/>
    </row>
    <row r="892382" spans="14:14">
      <c r="N892382" s="10"/>
    </row>
    <row r="892383" spans="14:14">
      <c r="N892383" s="10"/>
    </row>
    <row r="892384" spans="14:14">
      <c r="N892384" s="10"/>
    </row>
    <row r="892385" spans="14:14">
      <c r="N892385" s="10"/>
    </row>
    <row r="892386" spans="14:14">
      <c r="N892386" s="10"/>
    </row>
    <row r="892387" spans="14:14">
      <c r="N892387" s="10"/>
    </row>
    <row r="892388" spans="14:14">
      <c r="N892388" s="10"/>
    </row>
    <row r="892389" spans="14:14">
      <c r="N892389" s="10"/>
    </row>
    <row r="892390" spans="14:14">
      <c r="N892390" s="10"/>
    </row>
    <row r="892391" spans="14:14">
      <c r="N892391" s="10"/>
    </row>
    <row r="892392" spans="14:14">
      <c r="N892392" s="10"/>
    </row>
    <row r="892393" spans="14:14">
      <c r="N892393" s="10"/>
    </row>
    <row r="892394" spans="14:14">
      <c r="N892394" s="10"/>
    </row>
    <row r="892395" spans="14:14">
      <c r="N892395" s="10"/>
    </row>
    <row r="892396" spans="14:14">
      <c r="N892396" s="10"/>
    </row>
    <row r="892397" spans="14:14">
      <c r="N892397" s="10"/>
    </row>
    <row r="892398" spans="14:14">
      <c r="N892398" s="10"/>
    </row>
    <row r="892399" spans="14:14">
      <c r="N892399" s="10"/>
    </row>
    <row r="892400" spans="14:14">
      <c r="N892400" s="10"/>
    </row>
    <row r="892401" spans="14:14">
      <c r="N892401" s="10"/>
    </row>
    <row r="892402" spans="14:14">
      <c r="N892402" s="10"/>
    </row>
    <row r="892403" spans="14:14">
      <c r="N892403" s="10"/>
    </row>
    <row r="892404" spans="14:14">
      <c r="N892404" s="10"/>
    </row>
    <row r="892405" spans="14:14">
      <c r="N892405" s="10"/>
    </row>
    <row r="892406" spans="14:14">
      <c r="N892406" s="10"/>
    </row>
    <row r="892407" spans="14:14">
      <c r="N892407" s="10"/>
    </row>
    <row r="892408" spans="14:14">
      <c r="N892408" s="10"/>
    </row>
    <row r="892409" spans="14:14">
      <c r="N892409" s="10"/>
    </row>
    <row r="892410" spans="14:14">
      <c r="N892410" s="10"/>
    </row>
    <row r="892411" spans="14:14">
      <c r="N892411" s="10"/>
    </row>
    <row r="892412" spans="14:14">
      <c r="N892412" s="10"/>
    </row>
    <row r="892413" spans="14:14">
      <c r="N892413" s="10"/>
    </row>
    <row r="892414" spans="14:14">
      <c r="N892414" s="10"/>
    </row>
    <row r="892415" spans="14:14">
      <c r="N892415" s="10"/>
    </row>
    <row r="892416" spans="14:14">
      <c r="N892416" s="10"/>
    </row>
    <row r="892417" spans="14:14">
      <c r="N892417" s="10"/>
    </row>
    <row r="892418" spans="14:14">
      <c r="N892418" s="10"/>
    </row>
    <row r="892419" spans="14:14">
      <c r="N892419" s="10"/>
    </row>
    <row r="892420" spans="14:14">
      <c r="N892420" s="10"/>
    </row>
    <row r="892421" spans="14:14">
      <c r="N892421" s="10"/>
    </row>
    <row r="892422" spans="14:14">
      <c r="N892422" s="10"/>
    </row>
    <row r="892423" spans="14:14">
      <c r="N892423" s="10"/>
    </row>
    <row r="892424" spans="14:14">
      <c r="N892424" s="10"/>
    </row>
    <row r="892425" spans="14:14">
      <c r="N892425" s="10"/>
    </row>
    <row r="892426" spans="14:14">
      <c r="N892426" s="10"/>
    </row>
    <row r="892427" spans="14:14">
      <c r="N892427" s="10"/>
    </row>
    <row r="892428" spans="14:14">
      <c r="N892428" s="10"/>
    </row>
    <row r="892429" spans="14:14">
      <c r="N892429" s="10"/>
    </row>
    <row r="892430" spans="14:14">
      <c r="N892430" s="10"/>
    </row>
    <row r="892431" spans="14:14">
      <c r="N892431" s="10"/>
    </row>
    <row r="892432" spans="14:14">
      <c r="N892432" s="10"/>
    </row>
    <row r="892433" spans="14:14">
      <c r="N892433" s="10"/>
    </row>
    <row r="892434" spans="14:14">
      <c r="N892434" s="10"/>
    </row>
    <row r="892435" spans="14:14">
      <c r="N892435" s="10"/>
    </row>
    <row r="892436" spans="14:14">
      <c r="N892436" s="10"/>
    </row>
    <row r="892437" spans="14:14">
      <c r="N892437" s="10"/>
    </row>
    <row r="892438" spans="14:14">
      <c r="N892438" s="10"/>
    </row>
    <row r="892439" spans="14:14">
      <c r="N892439" s="10"/>
    </row>
    <row r="892440" spans="14:14">
      <c r="N892440" s="10"/>
    </row>
    <row r="892441" spans="14:14">
      <c r="N892441" s="10"/>
    </row>
    <row r="892442" spans="14:14">
      <c r="N892442" s="10"/>
    </row>
    <row r="892443" spans="14:14">
      <c r="N892443" s="10"/>
    </row>
    <row r="892444" spans="14:14">
      <c r="N892444" s="10"/>
    </row>
    <row r="892445" spans="14:14">
      <c r="N892445" s="10"/>
    </row>
    <row r="892446" spans="14:14">
      <c r="N892446" s="10"/>
    </row>
    <row r="892447" spans="14:14">
      <c r="N892447" s="10"/>
    </row>
    <row r="892448" spans="14:14">
      <c r="N892448" s="10"/>
    </row>
    <row r="892449" spans="14:14">
      <c r="N892449" s="10"/>
    </row>
    <row r="892450" spans="14:14">
      <c r="N892450" s="10"/>
    </row>
    <row r="892451" spans="14:14">
      <c r="N892451" s="10"/>
    </row>
    <row r="892452" spans="14:14">
      <c r="N892452" s="10"/>
    </row>
    <row r="892453" spans="14:14">
      <c r="N892453" s="10"/>
    </row>
    <row r="892454" spans="14:14">
      <c r="N892454" s="10"/>
    </row>
    <row r="892455" spans="14:14">
      <c r="N892455" s="10"/>
    </row>
    <row r="892456" spans="14:14">
      <c r="N892456" s="10"/>
    </row>
    <row r="892457" spans="14:14">
      <c r="N892457" s="10"/>
    </row>
    <row r="892458" spans="14:14">
      <c r="N892458" s="10"/>
    </row>
    <row r="892459" spans="14:14">
      <c r="N892459" s="10"/>
    </row>
    <row r="892460" spans="14:14">
      <c r="N892460" s="10"/>
    </row>
    <row r="892461" spans="14:14">
      <c r="N892461" s="10"/>
    </row>
    <row r="892462" spans="14:14">
      <c r="N892462" s="10"/>
    </row>
    <row r="892463" spans="14:14">
      <c r="N892463" s="10"/>
    </row>
    <row r="892464" spans="14:14">
      <c r="N892464" s="10"/>
    </row>
    <row r="892465" spans="14:14">
      <c r="N892465" s="10"/>
    </row>
    <row r="892466" spans="14:14">
      <c r="N892466" s="10"/>
    </row>
    <row r="892467" spans="14:14">
      <c r="N892467" s="10"/>
    </row>
    <row r="892468" spans="14:14">
      <c r="N892468" s="10"/>
    </row>
    <row r="892469" spans="14:14">
      <c r="N892469" s="10"/>
    </row>
    <row r="892470" spans="14:14">
      <c r="N892470" s="10"/>
    </row>
    <row r="892471" spans="14:14">
      <c r="N892471" s="10"/>
    </row>
    <row r="892472" spans="14:14">
      <c r="N892472" s="10"/>
    </row>
    <row r="892473" spans="14:14">
      <c r="N892473" s="10"/>
    </row>
    <row r="892474" spans="14:14">
      <c r="N892474" s="10"/>
    </row>
    <row r="892475" spans="14:14">
      <c r="N892475" s="10"/>
    </row>
    <row r="892476" spans="14:14">
      <c r="N892476" s="10"/>
    </row>
    <row r="892477" spans="14:14">
      <c r="N892477" s="10"/>
    </row>
    <row r="892478" spans="14:14">
      <c r="N892478" s="10"/>
    </row>
    <row r="892479" spans="14:14">
      <c r="N892479" s="10"/>
    </row>
    <row r="892480" spans="14:14">
      <c r="N892480" s="10"/>
    </row>
    <row r="892481" spans="14:14">
      <c r="N892481" s="10"/>
    </row>
    <row r="892482" spans="14:14">
      <c r="N892482" s="10"/>
    </row>
    <row r="892483" spans="14:14">
      <c r="N892483" s="10"/>
    </row>
    <row r="892484" spans="14:14">
      <c r="N892484" s="10"/>
    </row>
    <row r="892485" spans="14:14">
      <c r="N892485" s="10"/>
    </row>
    <row r="892486" spans="14:14">
      <c r="N892486" s="10"/>
    </row>
    <row r="892487" spans="14:14">
      <c r="N892487" s="10"/>
    </row>
    <row r="892488" spans="14:14">
      <c r="N892488" s="10"/>
    </row>
    <row r="892489" spans="14:14">
      <c r="N892489" s="10"/>
    </row>
    <row r="892490" spans="14:14">
      <c r="N892490" s="10"/>
    </row>
    <row r="892491" spans="14:14">
      <c r="N892491" s="10"/>
    </row>
    <row r="892492" spans="14:14">
      <c r="N892492" s="10"/>
    </row>
    <row r="892493" spans="14:14">
      <c r="N892493" s="10"/>
    </row>
    <row r="892494" spans="14:14">
      <c r="N892494" s="10"/>
    </row>
    <row r="892495" spans="14:14">
      <c r="N892495" s="10"/>
    </row>
    <row r="892496" spans="14:14">
      <c r="N892496" s="10"/>
    </row>
    <row r="892497" spans="14:14">
      <c r="N892497" s="10"/>
    </row>
    <row r="892498" spans="14:14">
      <c r="N892498" s="10"/>
    </row>
    <row r="892499" spans="14:14">
      <c r="N892499" s="10"/>
    </row>
    <row r="892500" spans="14:14">
      <c r="N892500" s="10"/>
    </row>
    <row r="892501" spans="14:14">
      <c r="N892501" s="10"/>
    </row>
    <row r="892502" spans="14:14">
      <c r="N892502" s="10"/>
    </row>
    <row r="892503" spans="14:14">
      <c r="N892503" s="10"/>
    </row>
    <row r="892504" spans="14:14">
      <c r="N892504" s="10"/>
    </row>
    <row r="892505" spans="14:14">
      <c r="N892505" s="10"/>
    </row>
    <row r="892506" spans="14:14">
      <c r="N892506" s="10"/>
    </row>
    <row r="892507" spans="14:14">
      <c r="N892507" s="10"/>
    </row>
    <row r="892508" spans="14:14">
      <c r="N892508" s="10"/>
    </row>
    <row r="892509" spans="14:14">
      <c r="N892509" s="10"/>
    </row>
    <row r="892510" spans="14:14">
      <c r="N892510" s="10"/>
    </row>
    <row r="892511" spans="14:14">
      <c r="N892511" s="10"/>
    </row>
    <row r="892512" spans="14:14">
      <c r="N892512" s="10"/>
    </row>
    <row r="892513" spans="14:14">
      <c r="N892513" s="10"/>
    </row>
    <row r="892514" spans="14:14">
      <c r="N892514" s="10"/>
    </row>
    <row r="892515" spans="14:14">
      <c r="N892515" s="10"/>
    </row>
    <row r="892516" spans="14:14">
      <c r="N892516" s="10"/>
    </row>
    <row r="892517" spans="14:14">
      <c r="N892517" s="10"/>
    </row>
    <row r="892518" spans="14:14">
      <c r="N892518" s="10"/>
    </row>
    <row r="892519" spans="14:14">
      <c r="N892519" s="10"/>
    </row>
    <row r="892520" spans="14:14">
      <c r="N892520" s="10"/>
    </row>
    <row r="892521" spans="14:14">
      <c r="N892521" s="10"/>
    </row>
    <row r="892522" spans="14:14">
      <c r="N892522" s="10"/>
    </row>
    <row r="892523" spans="14:14">
      <c r="N892523" s="10"/>
    </row>
    <row r="892524" spans="14:14">
      <c r="N892524" s="10"/>
    </row>
    <row r="892525" spans="14:14">
      <c r="N892525" s="10"/>
    </row>
    <row r="892526" spans="14:14">
      <c r="N892526" s="10"/>
    </row>
    <row r="892527" spans="14:14">
      <c r="N892527" s="10"/>
    </row>
    <row r="892528" spans="14:14">
      <c r="N892528" s="10"/>
    </row>
    <row r="892529" spans="14:14">
      <c r="N892529" s="10"/>
    </row>
    <row r="892530" spans="14:14">
      <c r="N892530" s="10"/>
    </row>
    <row r="892531" spans="14:14">
      <c r="N892531" s="10"/>
    </row>
    <row r="892532" spans="14:14">
      <c r="N892532" s="10"/>
    </row>
    <row r="892533" spans="14:14">
      <c r="N892533" s="10"/>
    </row>
    <row r="892534" spans="14:14">
      <c r="N892534" s="10"/>
    </row>
    <row r="892535" spans="14:14">
      <c r="N892535" s="10"/>
    </row>
    <row r="892536" spans="14:14">
      <c r="N892536" s="10"/>
    </row>
    <row r="892537" spans="14:14">
      <c r="N892537" s="10"/>
    </row>
    <row r="892538" spans="14:14">
      <c r="N892538" s="10"/>
    </row>
    <row r="892539" spans="14:14">
      <c r="N892539" s="10"/>
    </row>
    <row r="892540" spans="14:14">
      <c r="N892540" s="10"/>
    </row>
    <row r="892541" spans="14:14">
      <c r="N892541" s="10"/>
    </row>
    <row r="892542" spans="14:14">
      <c r="N892542" s="10"/>
    </row>
    <row r="892543" spans="14:14">
      <c r="N892543" s="10"/>
    </row>
    <row r="892544" spans="14:14">
      <c r="N892544" s="10"/>
    </row>
    <row r="892545" spans="14:14">
      <c r="N892545" s="10"/>
    </row>
    <row r="892546" spans="14:14">
      <c r="N892546" s="10"/>
    </row>
    <row r="892547" spans="14:14">
      <c r="N892547" s="10"/>
    </row>
    <row r="892548" spans="14:14">
      <c r="N892548" s="10"/>
    </row>
    <row r="892549" spans="14:14">
      <c r="N892549" s="10"/>
    </row>
    <row r="892550" spans="14:14">
      <c r="N892550" s="10"/>
    </row>
    <row r="892551" spans="14:14">
      <c r="N892551" s="10"/>
    </row>
    <row r="892552" spans="14:14">
      <c r="N892552" s="10"/>
    </row>
    <row r="892553" spans="14:14">
      <c r="N892553" s="10"/>
    </row>
    <row r="892554" spans="14:14">
      <c r="N892554" s="10"/>
    </row>
    <row r="892555" spans="14:14">
      <c r="N892555" s="10"/>
    </row>
    <row r="892556" spans="14:14">
      <c r="N892556" s="10"/>
    </row>
    <row r="892557" spans="14:14">
      <c r="N892557" s="10"/>
    </row>
    <row r="892558" spans="14:14">
      <c r="N892558" s="10"/>
    </row>
    <row r="892559" spans="14:14">
      <c r="N892559" s="10"/>
    </row>
    <row r="892560" spans="14:14">
      <c r="N892560" s="10"/>
    </row>
    <row r="892561" spans="14:14">
      <c r="N892561" s="10"/>
    </row>
    <row r="892562" spans="14:14">
      <c r="N892562" s="10"/>
    </row>
    <row r="892563" spans="14:14">
      <c r="N892563" s="10"/>
    </row>
    <row r="892564" spans="14:14">
      <c r="N892564" s="10"/>
    </row>
    <row r="892565" spans="14:14">
      <c r="N892565" s="10"/>
    </row>
    <row r="892566" spans="14:14">
      <c r="N892566" s="10"/>
    </row>
    <row r="892567" spans="14:14">
      <c r="N892567" s="10"/>
    </row>
    <row r="892568" spans="14:14">
      <c r="N892568" s="10"/>
    </row>
    <row r="892569" spans="14:14">
      <c r="N892569" s="10"/>
    </row>
    <row r="892570" spans="14:14">
      <c r="N892570" s="10"/>
    </row>
    <row r="892571" spans="14:14">
      <c r="N892571" s="10"/>
    </row>
    <row r="892572" spans="14:14">
      <c r="N892572" s="10"/>
    </row>
    <row r="892573" spans="14:14">
      <c r="N892573" s="10"/>
    </row>
    <row r="892574" spans="14:14">
      <c r="N892574" s="10"/>
    </row>
    <row r="892575" spans="14:14">
      <c r="N892575" s="10"/>
    </row>
    <row r="892576" spans="14:14">
      <c r="N892576" s="10"/>
    </row>
    <row r="892577" spans="14:14">
      <c r="N892577" s="10"/>
    </row>
    <row r="892578" spans="14:14">
      <c r="N892578" s="10"/>
    </row>
    <row r="892579" spans="14:14">
      <c r="N892579" s="10"/>
    </row>
    <row r="892580" spans="14:14">
      <c r="N892580" s="10"/>
    </row>
    <row r="892581" spans="14:14">
      <c r="N892581" s="10"/>
    </row>
    <row r="892582" spans="14:14">
      <c r="N892582" s="10"/>
    </row>
    <row r="892583" spans="14:14">
      <c r="N892583" s="10"/>
    </row>
    <row r="892584" spans="14:14">
      <c r="N892584" s="10"/>
    </row>
    <row r="892585" spans="14:14">
      <c r="N892585" s="10"/>
    </row>
    <row r="892586" spans="14:14">
      <c r="N892586" s="10"/>
    </row>
    <row r="892587" spans="14:14">
      <c r="N892587" s="10"/>
    </row>
    <row r="892588" spans="14:14">
      <c r="N892588" s="10"/>
    </row>
    <row r="892589" spans="14:14">
      <c r="N892589" s="10"/>
    </row>
    <row r="892590" spans="14:14">
      <c r="N892590" s="10"/>
    </row>
    <row r="892591" spans="14:14">
      <c r="N892591" s="10"/>
    </row>
    <row r="892592" spans="14:14">
      <c r="N892592" s="10"/>
    </row>
    <row r="892593" spans="14:14">
      <c r="N892593" s="10"/>
    </row>
    <row r="892594" spans="14:14">
      <c r="N892594" s="10"/>
    </row>
    <row r="892595" spans="14:14">
      <c r="N892595" s="10"/>
    </row>
    <row r="892596" spans="14:14">
      <c r="N892596" s="10"/>
    </row>
    <row r="892597" spans="14:14">
      <c r="N892597" s="10"/>
    </row>
    <row r="892598" spans="14:14">
      <c r="N892598" s="10"/>
    </row>
    <row r="892599" spans="14:14">
      <c r="N892599" s="10"/>
    </row>
    <row r="892600" spans="14:14">
      <c r="N892600" s="10"/>
    </row>
    <row r="892601" spans="14:14">
      <c r="N892601" s="10"/>
    </row>
    <row r="892602" spans="14:14">
      <c r="N892602" s="10"/>
    </row>
    <row r="892603" spans="14:14">
      <c r="N892603" s="10"/>
    </row>
    <row r="892604" spans="14:14">
      <c r="N892604" s="10"/>
    </row>
    <row r="892605" spans="14:14">
      <c r="N892605" s="10"/>
    </row>
    <row r="892606" spans="14:14">
      <c r="N892606" s="10"/>
    </row>
    <row r="892607" spans="14:14">
      <c r="N892607" s="10"/>
    </row>
    <row r="892608" spans="14:14">
      <c r="N892608" s="10"/>
    </row>
    <row r="892609" spans="14:14">
      <c r="N892609" s="10"/>
    </row>
    <row r="892610" spans="14:14">
      <c r="N892610" s="10"/>
    </row>
    <row r="892611" spans="14:14">
      <c r="N892611" s="10"/>
    </row>
    <row r="892612" spans="14:14">
      <c r="N892612" s="10"/>
    </row>
    <row r="892613" spans="14:14">
      <c r="N892613" s="10"/>
    </row>
    <row r="892614" spans="14:14">
      <c r="N892614" s="10"/>
    </row>
    <row r="892615" spans="14:14">
      <c r="N892615" s="10"/>
    </row>
    <row r="892616" spans="14:14">
      <c r="N892616" s="10"/>
    </row>
    <row r="892617" spans="14:14">
      <c r="N892617" s="10"/>
    </row>
    <row r="892618" spans="14:14">
      <c r="N892618" s="10"/>
    </row>
    <row r="892619" spans="14:14">
      <c r="N892619" s="10"/>
    </row>
    <row r="892620" spans="14:14">
      <c r="N892620" s="10"/>
    </row>
    <row r="892621" spans="14:14">
      <c r="N892621" s="10"/>
    </row>
    <row r="892622" spans="14:14">
      <c r="N892622" s="10"/>
    </row>
    <row r="892623" spans="14:14">
      <c r="N892623" s="10"/>
    </row>
    <row r="892624" spans="14:14">
      <c r="N892624" s="10"/>
    </row>
    <row r="892625" spans="14:14">
      <c r="N892625" s="10"/>
    </row>
    <row r="892626" spans="14:14">
      <c r="N892626" s="10"/>
    </row>
    <row r="892627" spans="14:14">
      <c r="N892627" s="10"/>
    </row>
    <row r="892628" spans="14:14">
      <c r="N892628" s="10"/>
    </row>
    <row r="892629" spans="14:14">
      <c r="N892629" s="10"/>
    </row>
    <row r="892630" spans="14:14">
      <c r="N892630" s="10"/>
    </row>
    <row r="892631" spans="14:14">
      <c r="N892631" s="10"/>
    </row>
    <row r="892632" spans="14:14">
      <c r="N892632" s="10"/>
    </row>
    <row r="892633" spans="14:14">
      <c r="N892633" s="10"/>
    </row>
    <row r="892634" spans="14:14">
      <c r="N892634" s="10"/>
    </row>
    <row r="892635" spans="14:14">
      <c r="N892635" s="10"/>
    </row>
    <row r="892636" spans="14:14">
      <c r="N892636" s="10"/>
    </row>
    <row r="892637" spans="14:14">
      <c r="N892637" s="10"/>
    </row>
    <row r="892638" spans="14:14">
      <c r="N892638" s="10"/>
    </row>
    <row r="892639" spans="14:14">
      <c r="N892639" s="10"/>
    </row>
    <row r="892640" spans="14:14">
      <c r="N892640" s="10"/>
    </row>
    <row r="892641" spans="14:14">
      <c r="N892641" s="10"/>
    </row>
    <row r="892642" spans="14:14">
      <c r="N892642" s="10"/>
    </row>
    <row r="892643" spans="14:14">
      <c r="N892643" s="10"/>
    </row>
    <row r="892644" spans="14:14">
      <c r="N892644" s="10"/>
    </row>
    <row r="892645" spans="14:14">
      <c r="N892645" s="10"/>
    </row>
    <row r="892646" spans="14:14">
      <c r="N892646" s="10"/>
    </row>
    <row r="892647" spans="14:14">
      <c r="N892647" s="10"/>
    </row>
    <row r="892648" spans="14:14">
      <c r="N892648" s="10"/>
    </row>
    <row r="892649" spans="14:14">
      <c r="N892649" s="10"/>
    </row>
    <row r="892650" spans="14:14">
      <c r="N892650" s="10"/>
    </row>
    <row r="892651" spans="14:14">
      <c r="N892651" s="10"/>
    </row>
    <row r="892652" spans="14:14">
      <c r="N892652" s="10"/>
    </row>
    <row r="892653" spans="14:14">
      <c r="N892653" s="10"/>
    </row>
    <row r="892654" spans="14:14">
      <c r="N892654" s="10"/>
    </row>
    <row r="892655" spans="14:14">
      <c r="N892655" s="10"/>
    </row>
    <row r="892656" spans="14:14">
      <c r="N892656" s="10"/>
    </row>
    <row r="892657" spans="14:14">
      <c r="N892657" s="10"/>
    </row>
    <row r="892658" spans="14:14">
      <c r="N892658" s="10"/>
    </row>
    <row r="892659" spans="14:14">
      <c r="N892659" s="10"/>
    </row>
    <row r="892660" spans="14:14">
      <c r="N892660" s="10"/>
    </row>
    <row r="892661" spans="14:14">
      <c r="N892661" s="10"/>
    </row>
    <row r="892662" spans="14:14">
      <c r="N892662" s="10"/>
    </row>
    <row r="892663" spans="14:14">
      <c r="N892663" s="10"/>
    </row>
    <row r="892664" spans="14:14">
      <c r="N892664" s="10"/>
    </row>
    <row r="892665" spans="14:14">
      <c r="N892665" s="10"/>
    </row>
    <row r="892666" spans="14:14">
      <c r="N892666" s="10"/>
    </row>
    <row r="892667" spans="14:14">
      <c r="N892667" s="10"/>
    </row>
    <row r="892668" spans="14:14">
      <c r="N892668" s="10"/>
    </row>
    <row r="892669" spans="14:14">
      <c r="N892669" s="10"/>
    </row>
    <row r="892670" spans="14:14">
      <c r="N892670" s="10"/>
    </row>
    <row r="892671" spans="14:14">
      <c r="N892671" s="10"/>
    </row>
    <row r="892672" spans="14:14">
      <c r="N892672" s="10"/>
    </row>
    <row r="892673" spans="14:14">
      <c r="N892673" s="10"/>
    </row>
    <row r="892674" spans="14:14">
      <c r="N892674" s="10"/>
    </row>
    <row r="892675" spans="14:14">
      <c r="N892675" s="10"/>
    </row>
    <row r="892676" spans="14:14">
      <c r="N892676" s="10"/>
    </row>
    <row r="892677" spans="14:14">
      <c r="N892677" s="10"/>
    </row>
    <row r="892678" spans="14:14">
      <c r="N892678" s="10"/>
    </row>
    <row r="892679" spans="14:14">
      <c r="N892679" s="10"/>
    </row>
    <row r="892680" spans="14:14">
      <c r="N892680" s="10"/>
    </row>
    <row r="892681" spans="14:14">
      <c r="N892681" s="10"/>
    </row>
    <row r="892682" spans="14:14">
      <c r="N892682" s="10"/>
    </row>
    <row r="892683" spans="14:14">
      <c r="N892683" s="10"/>
    </row>
    <row r="892684" spans="14:14">
      <c r="N892684" s="10"/>
    </row>
    <row r="892685" spans="14:14">
      <c r="N892685" s="10"/>
    </row>
    <row r="892686" spans="14:14">
      <c r="N892686" s="10"/>
    </row>
    <row r="892687" spans="14:14">
      <c r="N892687" s="10"/>
    </row>
    <row r="892688" spans="14:14">
      <c r="N892688" s="10"/>
    </row>
    <row r="892689" spans="14:14">
      <c r="N892689" s="10"/>
    </row>
    <row r="892690" spans="14:14">
      <c r="N892690" s="10"/>
    </row>
    <row r="892691" spans="14:14">
      <c r="N892691" s="10"/>
    </row>
    <row r="892692" spans="14:14">
      <c r="N892692" s="10"/>
    </row>
    <row r="892693" spans="14:14">
      <c r="N892693" s="10"/>
    </row>
    <row r="892694" spans="14:14">
      <c r="N892694" s="10"/>
    </row>
    <row r="892695" spans="14:14">
      <c r="N892695" s="10"/>
    </row>
    <row r="892696" spans="14:14">
      <c r="N892696" s="10"/>
    </row>
    <row r="892697" spans="14:14">
      <c r="N892697" s="10"/>
    </row>
    <row r="892698" spans="14:14">
      <c r="N892698" s="10"/>
    </row>
    <row r="892699" spans="14:14">
      <c r="N892699" s="10"/>
    </row>
    <row r="892700" spans="14:14">
      <c r="N892700" s="10"/>
    </row>
    <row r="892701" spans="14:14">
      <c r="N892701" s="10"/>
    </row>
    <row r="892702" spans="14:14">
      <c r="N892702" s="10"/>
    </row>
    <row r="892703" spans="14:14">
      <c r="N892703" s="10"/>
    </row>
    <row r="892704" spans="14:14">
      <c r="N892704" s="10"/>
    </row>
    <row r="892705" spans="14:14">
      <c r="N892705" s="10"/>
    </row>
    <row r="892706" spans="14:14">
      <c r="N892706" s="10"/>
    </row>
    <row r="892707" spans="14:14">
      <c r="N892707" s="10"/>
    </row>
    <row r="892708" spans="14:14">
      <c r="N892708" s="10"/>
    </row>
    <row r="892709" spans="14:14">
      <c r="N892709" s="10"/>
    </row>
    <row r="892710" spans="14:14">
      <c r="N892710" s="10"/>
    </row>
    <row r="892711" spans="14:14">
      <c r="N892711" s="10"/>
    </row>
    <row r="892712" spans="14:14">
      <c r="N892712" s="10"/>
    </row>
    <row r="892713" spans="14:14">
      <c r="N892713" s="10"/>
    </row>
    <row r="892714" spans="14:14">
      <c r="N892714" s="10"/>
    </row>
    <row r="892715" spans="14:14">
      <c r="N892715" s="10"/>
    </row>
    <row r="892716" spans="14:14">
      <c r="N892716" s="10"/>
    </row>
    <row r="892717" spans="14:14">
      <c r="N892717" s="10"/>
    </row>
    <row r="892718" spans="14:14">
      <c r="N892718" s="10"/>
    </row>
    <row r="892719" spans="14:14">
      <c r="N892719" s="10"/>
    </row>
    <row r="892720" spans="14:14">
      <c r="N892720" s="10"/>
    </row>
    <row r="892721" spans="14:14">
      <c r="N892721" s="10"/>
    </row>
    <row r="892722" spans="14:14">
      <c r="N892722" s="10"/>
    </row>
    <row r="892723" spans="14:14">
      <c r="N892723" s="10"/>
    </row>
    <row r="892724" spans="14:14">
      <c r="N892724" s="10"/>
    </row>
    <row r="892725" spans="14:14">
      <c r="N892725" s="10"/>
    </row>
    <row r="892726" spans="14:14">
      <c r="N892726" s="10"/>
    </row>
    <row r="892727" spans="14:14">
      <c r="N892727" s="10"/>
    </row>
    <row r="892728" spans="14:14">
      <c r="N892728" s="10"/>
    </row>
    <row r="892729" spans="14:14">
      <c r="N892729" s="10"/>
    </row>
    <row r="892730" spans="14:14">
      <c r="N892730" s="10"/>
    </row>
    <row r="892731" spans="14:14">
      <c r="N892731" s="10"/>
    </row>
    <row r="892732" spans="14:14">
      <c r="N892732" s="10"/>
    </row>
    <row r="892733" spans="14:14">
      <c r="N892733" s="10"/>
    </row>
    <row r="892734" spans="14:14">
      <c r="N892734" s="10"/>
    </row>
    <row r="892735" spans="14:14">
      <c r="N892735" s="10"/>
    </row>
    <row r="892736" spans="14:14">
      <c r="N892736" s="10"/>
    </row>
    <row r="892737" spans="14:14">
      <c r="N892737" s="10"/>
    </row>
    <row r="892738" spans="14:14">
      <c r="N892738" s="10"/>
    </row>
    <row r="892739" spans="14:14">
      <c r="N892739" s="10"/>
    </row>
    <row r="892740" spans="14:14">
      <c r="N892740" s="10"/>
    </row>
    <row r="892741" spans="14:14">
      <c r="N892741" s="10"/>
    </row>
    <row r="892742" spans="14:14">
      <c r="N892742" s="10"/>
    </row>
    <row r="892743" spans="14:14">
      <c r="N892743" s="10"/>
    </row>
    <row r="892744" spans="14:14">
      <c r="N892744" s="10"/>
    </row>
    <row r="892745" spans="14:14">
      <c r="N892745" s="10"/>
    </row>
    <row r="892746" spans="14:14">
      <c r="N892746" s="10"/>
    </row>
    <row r="892747" spans="14:14">
      <c r="N892747" s="10"/>
    </row>
    <row r="892748" spans="14:14">
      <c r="N892748" s="10"/>
    </row>
    <row r="892749" spans="14:14">
      <c r="N892749" s="10"/>
    </row>
    <row r="892750" spans="14:14">
      <c r="N892750" s="10"/>
    </row>
    <row r="892751" spans="14:14">
      <c r="N892751" s="10"/>
    </row>
    <row r="892752" spans="14:14">
      <c r="N892752" s="10"/>
    </row>
    <row r="892753" spans="14:14">
      <c r="N892753" s="10"/>
    </row>
    <row r="892754" spans="14:14">
      <c r="N892754" s="10"/>
    </row>
    <row r="892755" spans="14:14">
      <c r="N892755" s="10"/>
    </row>
    <row r="892756" spans="14:14">
      <c r="N892756" s="10"/>
    </row>
    <row r="892757" spans="14:14">
      <c r="N892757" s="10"/>
    </row>
    <row r="892758" spans="14:14">
      <c r="N892758" s="10"/>
    </row>
    <row r="892759" spans="14:14">
      <c r="N892759" s="10"/>
    </row>
    <row r="892760" spans="14:14">
      <c r="N892760" s="10"/>
    </row>
    <row r="892761" spans="14:14">
      <c r="N892761" s="10"/>
    </row>
    <row r="892762" spans="14:14">
      <c r="N892762" s="10"/>
    </row>
    <row r="892763" spans="14:14">
      <c r="N892763" s="10"/>
    </row>
    <row r="892764" spans="14:14">
      <c r="N892764" s="10"/>
    </row>
    <row r="892765" spans="14:14">
      <c r="N892765" s="10"/>
    </row>
    <row r="892766" spans="14:14">
      <c r="N892766" s="10"/>
    </row>
    <row r="892767" spans="14:14">
      <c r="N892767" s="10"/>
    </row>
    <row r="892768" spans="14:14">
      <c r="N892768" s="10"/>
    </row>
    <row r="892769" spans="14:14">
      <c r="N892769" s="10"/>
    </row>
    <row r="892770" spans="14:14">
      <c r="N892770" s="10"/>
    </row>
    <row r="892771" spans="14:14">
      <c r="N892771" s="10"/>
    </row>
    <row r="892772" spans="14:14">
      <c r="N892772" s="10"/>
    </row>
    <row r="892773" spans="14:14">
      <c r="N892773" s="10"/>
    </row>
    <row r="892774" spans="14:14">
      <c r="N892774" s="10"/>
    </row>
    <row r="892775" spans="14:14">
      <c r="N892775" s="10"/>
    </row>
    <row r="892776" spans="14:14">
      <c r="N892776" s="10"/>
    </row>
    <row r="892777" spans="14:14">
      <c r="N892777" s="10"/>
    </row>
    <row r="892778" spans="14:14">
      <c r="N892778" s="10"/>
    </row>
    <row r="892779" spans="14:14">
      <c r="N892779" s="10"/>
    </row>
    <row r="892780" spans="14:14">
      <c r="N892780" s="10"/>
    </row>
    <row r="892781" spans="14:14">
      <c r="N892781" s="10"/>
    </row>
    <row r="892782" spans="14:14">
      <c r="N892782" s="10"/>
    </row>
    <row r="892783" spans="14:14">
      <c r="N892783" s="10"/>
    </row>
    <row r="892784" spans="14:14">
      <c r="N892784" s="10"/>
    </row>
    <row r="892785" spans="14:14">
      <c r="N892785" s="10"/>
    </row>
    <row r="892786" spans="14:14">
      <c r="N892786" s="10"/>
    </row>
    <row r="892787" spans="14:14">
      <c r="N892787" s="10"/>
    </row>
    <row r="892788" spans="14:14">
      <c r="N892788" s="10"/>
    </row>
    <row r="892789" spans="14:14">
      <c r="N892789" s="10"/>
    </row>
    <row r="892790" spans="14:14">
      <c r="N892790" s="10"/>
    </row>
    <row r="892791" spans="14:14">
      <c r="N892791" s="10"/>
    </row>
    <row r="892792" spans="14:14">
      <c r="N892792" s="10"/>
    </row>
    <row r="892793" spans="14:14">
      <c r="N892793" s="10"/>
    </row>
    <row r="892794" spans="14:14">
      <c r="N892794" s="10"/>
    </row>
    <row r="892795" spans="14:14">
      <c r="N892795" s="10"/>
    </row>
    <row r="892796" spans="14:14">
      <c r="N892796" s="10"/>
    </row>
    <row r="892797" spans="14:14">
      <c r="N892797" s="10"/>
    </row>
    <row r="892798" spans="14:14">
      <c r="N892798" s="10"/>
    </row>
    <row r="892799" spans="14:14">
      <c r="N892799" s="10"/>
    </row>
    <row r="892800" spans="14:14">
      <c r="N892800" s="10"/>
    </row>
    <row r="892801" spans="14:14">
      <c r="N892801" s="10"/>
    </row>
    <row r="892802" spans="14:14">
      <c r="N892802" s="10"/>
    </row>
    <row r="892803" spans="14:14">
      <c r="N892803" s="10"/>
    </row>
    <row r="892804" spans="14:14">
      <c r="N892804" s="10"/>
    </row>
    <row r="892805" spans="14:14">
      <c r="N892805" s="10"/>
    </row>
    <row r="892806" spans="14:14">
      <c r="N892806" s="10"/>
    </row>
    <row r="892807" spans="14:14">
      <c r="N892807" s="10"/>
    </row>
    <row r="892808" spans="14:14">
      <c r="N892808" s="10"/>
    </row>
    <row r="892809" spans="14:14">
      <c r="N892809" s="10"/>
    </row>
    <row r="892810" spans="14:14">
      <c r="N892810" s="10"/>
    </row>
    <row r="892811" spans="14:14">
      <c r="N892811" s="10"/>
    </row>
    <row r="892812" spans="14:14">
      <c r="N892812" s="10"/>
    </row>
    <row r="892813" spans="14:14">
      <c r="N892813" s="10"/>
    </row>
    <row r="892814" spans="14:14">
      <c r="N892814" s="10"/>
    </row>
    <row r="892815" spans="14:14">
      <c r="N892815" s="10"/>
    </row>
    <row r="892816" spans="14:14">
      <c r="N892816" s="10"/>
    </row>
    <row r="892817" spans="14:14">
      <c r="N892817" s="10"/>
    </row>
    <row r="892818" spans="14:14">
      <c r="N892818" s="10"/>
    </row>
    <row r="892819" spans="14:14">
      <c r="N892819" s="10"/>
    </row>
    <row r="892820" spans="14:14">
      <c r="N892820" s="10"/>
    </row>
    <row r="892821" spans="14:14">
      <c r="N892821" s="10"/>
    </row>
    <row r="892822" spans="14:14">
      <c r="N892822" s="10"/>
    </row>
    <row r="892823" spans="14:14">
      <c r="N892823" s="10"/>
    </row>
    <row r="892824" spans="14:14">
      <c r="N892824" s="10"/>
    </row>
    <row r="892825" spans="14:14">
      <c r="N892825" s="10"/>
    </row>
    <row r="892826" spans="14:14">
      <c r="N892826" s="10"/>
    </row>
    <row r="892827" spans="14:14">
      <c r="N892827" s="10"/>
    </row>
    <row r="892828" spans="14:14">
      <c r="N892828" s="10"/>
    </row>
    <row r="892829" spans="14:14">
      <c r="N892829" s="10"/>
    </row>
    <row r="892830" spans="14:14">
      <c r="N892830" s="10"/>
    </row>
    <row r="892831" spans="14:14">
      <c r="N892831" s="10"/>
    </row>
    <row r="892832" spans="14:14">
      <c r="N892832" s="10"/>
    </row>
    <row r="892833" spans="14:14">
      <c r="N892833" s="10"/>
    </row>
    <row r="892834" spans="14:14">
      <c r="N892834" s="10"/>
    </row>
    <row r="892835" spans="14:14">
      <c r="N892835" s="10"/>
    </row>
    <row r="892836" spans="14:14">
      <c r="N892836" s="10"/>
    </row>
    <row r="892837" spans="14:14">
      <c r="N892837" s="10"/>
    </row>
    <row r="892838" spans="14:14">
      <c r="N892838" s="10"/>
    </row>
    <row r="892839" spans="14:14">
      <c r="N892839" s="10"/>
    </row>
    <row r="892840" spans="14:14">
      <c r="N892840" s="10"/>
    </row>
    <row r="892841" spans="14:14">
      <c r="N892841" s="10"/>
    </row>
    <row r="892842" spans="14:14">
      <c r="N892842" s="10"/>
    </row>
    <row r="892843" spans="14:14">
      <c r="N892843" s="10"/>
    </row>
    <row r="892844" spans="14:14">
      <c r="N892844" s="10"/>
    </row>
    <row r="892845" spans="14:14">
      <c r="N892845" s="10"/>
    </row>
    <row r="892846" spans="14:14">
      <c r="N892846" s="10"/>
    </row>
    <row r="892847" spans="14:14">
      <c r="N892847" s="10"/>
    </row>
    <row r="892848" spans="14:14">
      <c r="N892848" s="10"/>
    </row>
    <row r="892849" spans="14:14">
      <c r="N892849" s="10"/>
    </row>
    <row r="892850" spans="14:14">
      <c r="N892850" s="10"/>
    </row>
    <row r="892851" spans="14:14">
      <c r="N892851" s="10"/>
    </row>
    <row r="892852" spans="14:14">
      <c r="N892852" s="10"/>
    </row>
    <row r="892853" spans="14:14">
      <c r="N892853" s="10"/>
    </row>
    <row r="892854" spans="14:14">
      <c r="N892854" s="10"/>
    </row>
    <row r="892855" spans="14:14">
      <c r="N892855" s="10"/>
    </row>
    <row r="892856" spans="14:14">
      <c r="N892856" s="10"/>
    </row>
    <row r="892857" spans="14:14">
      <c r="N892857" s="10"/>
    </row>
    <row r="892858" spans="14:14">
      <c r="N892858" s="10"/>
    </row>
    <row r="892859" spans="14:14">
      <c r="N892859" s="10"/>
    </row>
    <row r="892860" spans="14:14">
      <c r="N892860" s="10"/>
    </row>
    <row r="892861" spans="14:14">
      <c r="N892861" s="10"/>
    </row>
    <row r="892862" spans="14:14">
      <c r="N892862" s="10"/>
    </row>
    <row r="892863" spans="14:14">
      <c r="N892863" s="10"/>
    </row>
    <row r="892864" spans="14:14">
      <c r="N892864" s="10"/>
    </row>
    <row r="892865" spans="14:14">
      <c r="N892865" s="10"/>
    </row>
    <row r="892866" spans="14:14">
      <c r="N892866" s="10"/>
    </row>
    <row r="892867" spans="14:14">
      <c r="N892867" s="10"/>
    </row>
    <row r="892868" spans="14:14">
      <c r="N892868" s="10"/>
    </row>
    <row r="892869" spans="14:14">
      <c r="N892869" s="10"/>
    </row>
    <row r="892870" spans="14:14">
      <c r="N892870" s="10"/>
    </row>
    <row r="892871" spans="14:14">
      <c r="N892871" s="10"/>
    </row>
    <row r="892872" spans="14:14">
      <c r="N892872" s="10"/>
    </row>
    <row r="892873" spans="14:14">
      <c r="N892873" s="10"/>
    </row>
    <row r="892874" spans="14:14">
      <c r="N892874" s="10"/>
    </row>
    <row r="892875" spans="14:14">
      <c r="N892875" s="10"/>
    </row>
    <row r="892876" spans="14:14">
      <c r="N892876" s="10"/>
    </row>
    <row r="892877" spans="14:14">
      <c r="N892877" s="10"/>
    </row>
    <row r="892878" spans="14:14">
      <c r="N892878" s="10"/>
    </row>
    <row r="892879" spans="14:14">
      <c r="N892879" s="10"/>
    </row>
    <row r="892880" spans="14:14">
      <c r="N892880" s="10"/>
    </row>
    <row r="892881" spans="14:14">
      <c r="N892881" s="10"/>
    </row>
    <row r="892882" spans="14:14">
      <c r="N892882" s="10"/>
    </row>
    <row r="892883" spans="14:14">
      <c r="N892883" s="10"/>
    </row>
    <row r="892884" spans="14:14">
      <c r="N892884" s="10"/>
    </row>
    <row r="892885" spans="14:14">
      <c r="N892885" s="10"/>
    </row>
    <row r="892886" spans="14:14">
      <c r="N892886" s="10"/>
    </row>
    <row r="892887" spans="14:14">
      <c r="N892887" s="10"/>
    </row>
    <row r="892888" spans="14:14">
      <c r="N892888" s="10"/>
    </row>
    <row r="892889" spans="14:14">
      <c r="N892889" s="10"/>
    </row>
    <row r="892890" spans="14:14">
      <c r="N892890" s="10"/>
    </row>
    <row r="892891" spans="14:14">
      <c r="N892891" s="10"/>
    </row>
    <row r="892892" spans="14:14">
      <c r="N892892" s="10"/>
    </row>
    <row r="892893" spans="14:14">
      <c r="N892893" s="10"/>
    </row>
    <row r="892894" spans="14:14">
      <c r="N892894" s="10"/>
    </row>
    <row r="892895" spans="14:14">
      <c r="N892895" s="10"/>
    </row>
    <row r="892896" spans="14:14">
      <c r="N892896" s="10"/>
    </row>
    <row r="892897" spans="14:14">
      <c r="N892897" s="10"/>
    </row>
    <row r="892898" spans="14:14">
      <c r="N892898" s="10"/>
    </row>
    <row r="892899" spans="14:14">
      <c r="N892899" s="10"/>
    </row>
    <row r="892900" spans="14:14">
      <c r="N892900" s="10"/>
    </row>
    <row r="892901" spans="14:14">
      <c r="N892901" s="10"/>
    </row>
    <row r="892902" spans="14:14">
      <c r="N892902" s="10"/>
    </row>
    <row r="892903" spans="14:14">
      <c r="N892903" s="10"/>
    </row>
    <row r="892904" spans="14:14">
      <c r="N892904" s="10"/>
    </row>
    <row r="892905" spans="14:14">
      <c r="N892905" s="10"/>
    </row>
    <row r="892906" spans="14:14">
      <c r="N892906" s="10"/>
    </row>
    <row r="892907" spans="14:14">
      <c r="N892907" s="10"/>
    </row>
    <row r="892908" spans="14:14">
      <c r="N892908" s="10"/>
    </row>
    <row r="892909" spans="14:14">
      <c r="N892909" s="10"/>
    </row>
    <row r="892910" spans="14:14">
      <c r="N892910" s="10"/>
    </row>
    <row r="892911" spans="14:14">
      <c r="N892911" s="10"/>
    </row>
    <row r="892912" spans="14:14">
      <c r="N892912" s="10"/>
    </row>
    <row r="892913" spans="14:14">
      <c r="N892913" s="10"/>
    </row>
    <row r="892914" spans="14:14">
      <c r="N892914" s="10"/>
    </row>
    <row r="892915" spans="14:14">
      <c r="N892915" s="10"/>
    </row>
    <row r="892916" spans="14:14">
      <c r="N892916" s="10"/>
    </row>
    <row r="892917" spans="14:14">
      <c r="N892917" s="10"/>
    </row>
    <row r="892918" spans="14:14">
      <c r="N892918" s="10"/>
    </row>
    <row r="892919" spans="14:14">
      <c r="N892919" s="10"/>
    </row>
    <row r="892920" spans="14:14">
      <c r="N892920" s="10"/>
    </row>
    <row r="892921" spans="14:14">
      <c r="N892921" s="10"/>
    </row>
    <row r="892922" spans="14:14">
      <c r="N892922" s="10"/>
    </row>
    <row r="892923" spans="14:14">
      <c r="N892923" s="10"/>
    </row>
    <row r="892924" spans="14:14">
      <c r="N892924" s="10"/>
    </row>
    <row r="892925" spans="14:14">
      <c r="N892925" s="10"/>
    </row>
    <row r="892926" spans="14:14">
      <c r="N892926" s="10"/>
    </row>
    <row r="892927" spans="14:14">
      <c r="N892927" s="10"/>
    </row>
    <row r="892928" spans="14:14">
      <c r="N892928" s="10"/>
    </row>
    <row r="892929" spans="14:14">
      <c r="N892929" s="10"/>
    </row>
    <row r="892930" spans="14:14">
      <c r="N892930" s="10"/>
    </row>
    <row r="892931" spans="14:14">
      <c r="N892931" s="10"/>
    </row>
    <row r="892932" spans="14:14">
      <c r="N892932" s="10"/>
    </row>
    <row r="892933" spans="14:14">
      <c r="N892933" s="10"/>
    </row>
    <row r="892934" spans="14:14">
      <c r="N892934" s="10"/>
    </row>
    <row r="892935" spans="14:14">
      <c r="N892935" s="10"/>
    </row>
    <row r="892936" spans="14:14">
      <c r="N892936" s="10"/>
    </row>
    <row r="892937" spans="14:14">
      <c r="N892937" s="10"/>
    </row>
    <row r="892938" spans="14:14">
      <c r="N892938" s="10"/>
    </row>
    <row r="892939" spans="14:14">
      <c r="N892939" s="10"/>
    </row>
    <row r="892940" spans="14:14">
      <c r="N892940" s="10"/>
    </row>
    <row r="892941" spans="14:14">
      <c r="N892941" s="10"/>
    </row>
    <row r="892942" spans="14:14">
      <c r="N892942" s="10"/>
    </row>
    <row r="892943" spans="14:14">
      <c r="N892943" s="10"/>
    </row>
    <row r="892944" spans="14:14">
      <c r="N892944" s="10"/>
    </row>
    <row r="892945" spans="14:14">
      <c r="N892945" s="10"/>
    </row>
    <row r="892946" spans="14:14">
      <c r="N892946" s="10"/>
    </row>
    <row r="892947" spans="14:14">
      <c r="N892947" s="10"/>
    </row>
    <row r="892948" spans="14:14">
      <c r="N892948" s="10"/>
    </row>
    <row r="892949" spans="14:14">
      <c r="N892949" s="10"/>
    </row>
    <row r="892950" spans="14:14">
      <c r="N892950" s="10"/>
    </row>
    <row r="892951" spans="14:14">
      <c r="N892951" s="10"/>
    </row>
    <row r="892952" spans="14:14">
      <c r="N892952" s="10"/>
    </row>
    <row r="892953" spans="14:14">
      <c r="N892953" s="10"/>
    </row>
    <row r="892954" spans="14:14">
      <c r="N892954" s="10"/>
    </row>
    <row r="892955" spans="14:14">
      <c r="N892955" s="10"/>
    </row>
    <row r="892956" spans="14:14">
      <c r="N892956" s="10"/>
    </row>
    <row r="892957" spans="14:14">
      <c r="N892957" s="10"/>
    </row>
    <row r="892958" spans="14:14">
      <c r="N892958" s="10"/>
    </row>
    <row r="892959" spans="14:14">
      <c r="N892959" s="10"/>
    </row>
    <row r="892960" spans="14:14">
      <c r="N892960" s="10"/>
    </row>
    <row r="892961" spans="14:14">
      <c r="N892961" s="10"/>
    </row>
    <row r="892962" spans="14:14">
      <c r="N892962" s="10"/>
    </row>
    <row r="892963" spans="14:14">
      <c r="N892963" s="10"/>
    </row>
    <row r="892964" spans="14:14">
      <c r="N892964" s="10"/>
    </row>
    <row r="892965" spans="14:14">
      <c r="N892965" s="10"/>
    </row>
    <row r="892966" spans="14:14">
      <c r="N892966" s="10"/>
    </row>
    <row r="892967" spans="14:14">
      <c r="N892967" s="10"/>
    </row>
    <row r="892968" spans="14:14">
      <c r="N892968" s="10"/>
    </row>
    <row r="892969" spans="14:14">
      <c r="N892969" s="10"/>
    </row>
    <row r="892970" spans="14:14">
      <c r="N892970" s="10"/>
    </row>
    <row r="892971" spans="14:14">
      <c r="N892971" s="10"/>
    </row>
    <row r="892972" spans="14:14">
      <c r="N892972" s="10"/>
    </row>
    <row r="892973" spans="14:14">
      <c r="N892973" s="10"/>
    </row>
    <row r="892974" spans="14:14">
      <c r="N892974" s="10"/>
    </row>
    <row r="892975" spans="14:14">
      <c r="N892975" s="10"/>
    </row>
    <row r="892976" spans="14:14">
      <c r="N892976" s="10"/>
    </row>
    <row r="892977" spans="14:14">
      <c r="N892977" s="10"/>
    </row>
    <row r="892978" spans="14:14">
      <c r="N892978" s="10"/>
    </row>
    <row r="892979" spans="14:14">
      <c r="N892979" s="10"/>
    </row>
    <row r="892980" spans="14:14">
      <c r="N892980" s="10"/>
    </row>
    <row r="892981" spans="14:14">
      <c r="N892981" s="10"/>
    </row>
    <row r="892982" spans="14:14">
      <c r="N892982" s="10"/>
    </row>
    <row r="892983" spans="14:14">
      <c r="N892983" s="10"/>
    </row>
    <row r="892984" spans="14:14">
      <c r="N892984" s="10"/>
    </row>
    <row r="892985" spans="14:14">
      <c r="N892985" s="10"/>
    </row>
    <row r="892986" spans="14:14">
      <c r="N892986" s="10"/>
    </row>
    <row r="892987" spans="14:14">
      <c r="N892987" s="10"/>
    </row>
    <row r="892988" spans="14:14">
      <c r="N892988" s="10"/>
    </row>
    <row r="892989" spans="14:14">
      <c r="N892989" s="10"/>
    </row>
    <row r="892990" spans="14:14">
      <c r="N892990" s="10"/>
    </row>
    <row r="892991" spans="14:14">
      <c r="N892991" s="10"/>
    </row>
    <row r="892992" spans="14:14">
      <c r="N892992" s="10"/>
    </row>
    <row r="892993" spans="14:14">
      <c r="N892993" s="10"/>
    </row>
    <row r="892994" spans="14:14">
      <c r="N892994" s="10"/>
    </row>
    <row r="892995" spans="14:14">
      <c r="N892995" s="10"/>
    </row>
    <row r="892996" spans="14:14">
      <c r="N892996" s="10"/>
    </row>
    <row r="892997" spans="14:14">
      <c r="N892997" s="10"/>
    </row>
    <row r="892998" spans="14:14">
      <c r="N892998" s="10"/>
    </row>
    <row r="892999" spans="14:14">
      <c r="N892999" s="10"/>
    </row>
    <row r="893000" spans="14:14">
      <c r="N893000" s="10"/>
    </row>
    <row r="893001" spans="14:14">
      <c r="N893001" s="10"/>
    </row>
    <row r="893002" spans="14:14">
      <c r="N893002" s="10"/>
    </row>
    <row r="893003" spans="14:14">
      <c r="N893003" s="10"/>
    </row>
    <row r="893004" spans="14:14">
      <c r="N893004" s="10"/>
    </row>
    <row r="893005" spans="14:14">
      <c r="N893005" s="10"/>
    </row>
    <row r="893006" spans="14:14">
      <c r="N893006" s="10"/>
    </row>
    <row r="893007" spans="14:14">
      <c r="N893007" s="10"/>
    </row>
    <row r="893008" spans="14:14">
      <c r="N893008" s="10"/>
    </row>
    <row r="893009" spans="14:14">
      <c r="N893009" s="10"/>
    </row>
    <row r="893010" spans="14:14">
      <c r="N893010" s="10"/>
    </row>
    <row r="893011" spans="14:14">
      <c r="N893011" s="10"/>
    </row>
    <row r="893012" spans="14:14">
      <c r="N893012" s="10"/>
    </row>
    <row r="893013" spans="14:14">
      <c r="N893013" s="10"/>
    </row>
    <row r="893014" spans="14:14">
      <c r="N893014" s="10"/>
    </row>
    <row r="893015" spans="14:14">
      <c r="N893015" s="10"/>
    </row>
    <row r="893016" spans="14:14">
      <c r="N893016" s="10"/>
    </row>
    <row r="893017" spans="14:14">
      <c r="N893017" s="10"/>
    </row>
    <row r="893018" spans="14:14">
      <c r="N893018" s="10"/>
    </row>
    <row r="893019" spans="14:14">
      <c r="N893019" s="10"/>
    </row>
    <row r="893020" spans="14:14">
      <c r="N893020" s="10"/>
    </row>
    <row r="893021" spans="14:14">
      <c r="N893021" s="10"/>
    </row>
    <row r="893022" spans="14:14">
      <c r="N893022" s="10"/>
    </row>
    <row r="893023" spans="14:14">
      <c r="N893023" s="10"/>
    </row>
    <row r="893024" spans="14:14">
      <c r="N893024" s="10"/>
    </row>
    <row r="893025" spans="14:14">
      <c r="N893025" s="10"/>
    </row>
    <row r="893026" spans="14:14">
      <c r="N893026" s="10"/>
    </row>
    <row r="893027" spans="14:14">
      <c r="N893027" s="10"/>
    </row>
    <row r="893028" spans="14:14">
      <c r="N893028" s="10"/>
    </row>
    <row r="893029" spans="14:14">
      <c r="N893029" s="10"/>
    </row>
    <row r="893030" spans="14:14">
      <c r="N893030" s="10"/>
    </row>
    <row r="893031" spans="14:14">
      <c r="N893031" s="10"/>
    </row>
    <row r="893032" spans="14:14">
      <c r="N893032" s="10"/>
    </row>
    <row r="893033" spans="14:14">
      <c r="N893033" s="10"/>
    </row>
    <row r="893034" spans="14:14">
      <c r="N893034" s="10"/>
    </row>
    <row r="893035" spans="14:14">
      <c r="N893035" s="10"/>
    </row>
    <row r="893036" spans="14:14">
      <c r="N893036" s="10"/>
    </row>
    <row r="893037" spans="14:14">
      <c r="N893037" s="10"/>
    </row>
    <row r="893038" spans="14:14">
      <c r="N893038" s="10"/>
    </row>
    <row r="893039" spans="14:14">
      <c r="N893039" s="10"/>
    </row>
    <row r="893040" spans="14:14">
      <c r="N893040" s="10"/>
    </row>
    <row r="893041" spans="14:14">
      <c r="N893041" s="10"/>
    </row>
    <row r="893042" spans="14:14">
      <c r="N893042" s="10"/>
    </row>
    <row r="893043" spans="14:14">
      <c r="N893043" s="10"/>
    </row>
    <row r="893044" spans="14:14">
      <c r="N893044" s="10"/>
    </row>
    <row r="893045" spans="14:14">
      <c r="N893045" s="10"/>
    </row>
    <row r="893046" spans="14:14">
      <c r="N893046" s="10"/>
    </row>
    <row r="893047" spans="14:14">
      <c r="N893047" s="10"/>
    </row>
    <row r="893048" spans="14:14">
      <c r="N893048" s="10"/>
    </row>
    <row r="893049" spans="14:14">
      <c r="N893049" s="10"/>
    </row>
    <row r="893050" spans="14:14">
      <c r="N893050" s="10"/>
    </row>
    <row r="893051" spans="14:14">
      <c r="N893051" s="10"/>
    </row>
    <row r="893052" spans="14:14">
      <c r="N893052" s="10"/>
    </row>
    <row r="893053" spans="14:14">
      <c r="N893053" s="10"/>
    </row>
    <row r="893054" spans="14:14">
      <c r="N893054" s="10"/>
    </row>
    <row r="893055" spans="14:14">
      <c r="N893055" s="10"/>
    </row>
    <row r="893056" spans="14:14">
      <c r="N893056" s="10"/>
    </row>
    <row r="893057" spans="14:14">
      <c r="N893057" s="10"/>
    </row>
    <row r="893058" spans="14:14">
      <c r="N893058" s="10"/>
    </row>
    <row r="893059" spans="14:14">
      <c r="N893059" s="10"/>
    </row>
    <row r="893060" spans="14:14">
      <c r="N893060" s="10"/>
    </row>
    <row r="893061" spans="14:14">
      <c r="N893061" s="10"/>
    </row>
    <row r="893062" spans="14:14">
      <c r="N893062" s="10"/>
    </row>
    <row r="893063" spans="14:14">
      <c r="N893063" s="10"/>
    </row>
    <row r="893064" spans="14:14">
      <c r="N893064" s="10"/>
    </row>
    <row r="893065" spans="14:14">
      <c r="N893065" s="10"/>
    </row>
    <row r="893066" spans="14:14">
      <c r="N893066" s="10"/>
    </row>
    <row r="893067" spans="14:14">
      <c r="N893067" s="10"/>
    </row>
    <row r="893068" spans="14:14">
      <c r="N893068" s="10"/>
    </row>
    <row r="893069" spans="14:14">
      <c r="N893069" s="10"/>
    </row>
    <row r="893070" spans="14:14">
      <c r="N893070" s="10"/>
    </row>
    <row r="893071" spans="14:14">
      <c r="N893071" s="10"/>
    </row>
    <row r="893072" spans="14:14">
      <c r="N893072" s="10"/>
    </row>
    <row r="893073" spans="14:14">
      <c r="N893073" s="10"/>
    </row>
    <row r="893074" spans="14:14">
      <c r="N893074" s="10"/>
    </row>
    <row r="893075" spans="14:14">
      <c r="N893075" s="10"/>
    </row>
    <row r="893076" spans="14:14">
      <c r="N893076" s="10"/>
    </row>
    <row r="893077" spans="14:14">
      <c r="N893077" s="10"/>
    </row>
    <row r="893078" spans="14:14">
      <c r="N893078" s="10"/>
    </row>
    <row r="893079" spans="14:14">
      <c r="N893079" s="10"/>
    </row>
    <row r="893080" spans="14:14">
      <c r="N893080" s="10"/>
    </row>
    <row r="893081" spans="14:14">
      <c r="N893081" s="10"/>
    </row>
    <row r="893082" spans="14:14">
      <c r="N893082" s="10"/>
    </row>
    <row r="893083" spans="14:14">
      <c r="N893083" s="10"/>
    </row>
    <row r="893084" spans="14:14">
      <c r="N893084" s="10"/>
    </row>
    <row r="893085" spans="14:14">
      <c r="N893085" s="10"/>
    </row>
    <row r="893086" spans="14:14">
      <c r="N893086" s="10"/>
    </row>
    <row r="893087" spans="14:14">
      <c r="N893087" s="10"/>
    </row>
    <row r="893088" spans="14:14">
      <c r="N893088" s="10"/>
    </row>
    <row r="893089" spans="14:14">
      <c r="N893089" s="10"/>
    </row>
    <row r="893090" spans="14:14">
      <c r="N893090" s="10"/>
    </row>
    <row r="893091" spans="14:14">
      <c r="N893091" s="10"/>
    </row>
    <row r="893092" spans="14:14">
      <c r="N893092" s="10"/>
    </row>
    <row r="893093" spans="14:14">
      <c r="N893093" s="10"/>
    </row>
    <row r="893094" spans="14:14">
      <c r="N893094" s="10"/>
    </row>
    <row r="893095" spans="14:14">
      <c r="N893095" s="10"/>
    </row>
    <row r="893096" spans="14:14">
      <c r="N893096" s="10"/>
    </row>
    <row r="893097" spans="14:14">
      <c r="N893097" s="10"/>
    </row>
    <row r="893098" spans="14:14">
      <c r="N893098" s="10"/>
    </row>
    <row r="893099" spans="14:14">
      <c r="N893099" s="10"/>
    </row>
    <row r="893100" spans="14:14">
      <c r="N893100" s="10"/>
    </row>
    <row r="893101" spans="14:14">
      <c r="N893101" s="10"/>
    </row>
    <row r="893102" spans="14:14">
      <c r="N893102" s="10"/>
    </row>
    <row r="893103" spans="14:14">
      <c r="N893103" s="10"/>
    </row>
    <row r="893104" spans="14:14">
      <c r="N893104" s="10"/>
    </row>
    <row r="893105" spans="14:14">
      <c r="N893105" s="10"/>
    </row>
    <row r="893106" spans="14:14">
      <c r="N893106" s="10"/>
    </row>
    <row r="893107" spans="14:14">
      <c r="N893107" s="10"/>
    </row>
    <row r="893108" spans="14:14">
      <c r="N893108" s="10"/>
    </row>
    <row r="893109" spans="14:14">
      <c r="N893109" s="10"/>
    </row>
    <row r="893110" spans="14:14">
      <c r="N893110" s="10"/>
    </row>
    <row r="893111" spans="14:14">
      <c r="N893111" s="10"/>
    </row>
    <row r="893112" spans="14:14">
      <c r="N893112" s="10"/>
    </row>
    <row r="893113" spans="14:14">
      <c r="N893113" s="10"/>
    </row>
    <row r="893114" spans="14:14">
      <c r="N893114" s="10"/>
    </row>
    <row r="893115" spans="14:14">
      <c r="N893115" s="10"/>
    </row>
    <row r="893116" spans="14:14">
      <c r="N893116" s="10"/>
    </row>
    <row r="893117" spans="14:14">
      <c r="N893117" s="10"/>
    </row>
    <row r="893118" spans="14:14">
      <c r="N893118" s="10"/>
    </row>
    <row r="893119" spans="14:14">
      <c r="N893119" s="10"/>
    </row>
    <row r="893120" spans="14:14">
      <c r="N893120" s="10"/>
    </row>
    <row r="893121" spans="14:14">
      <c r="N893121" s="10"/>
    </row>
    <row r="893122" spans="14:14">
      <c r="N893122" s="10"/>
    </row>
    <row r="893123" spans="14:14">
      <c r="N893123" s="10"/>
    </row>
    <row r="893124" spans="14:14">
      <c r="N893124" s="10"/>
    </row>
    <row r="893125" spans="14:14">
      <c r="N893125" s="10"/>
    </row>
    <row r="893126" spans="14:14">
      <c r="N893126" s="10"/>
    </row>
    <row r="893127" spans="14:14">
      <c r="N893127" s="10"/>
    </row>
    <row r="893128" spans="14:14">
      <c r="N893128" s="10"/>
    </row>
    <row r="893129" spans="14:14">
      <c r="N893129" s="10"/>
    </row>
    <row r="893130" spans="14:14">
      <c r="N893130" s="10"/>
    </row>
    <row r="893131" spans="14:14">
      <c r="N893131" s="10"/>
    </row>
    <row r="893132" spans="14:14">
      <c r="N893132" s="10"/>
    </row>
    <row r="893133" spans="14:14">
      <c r="N893133" s="10"/>
    </row>
    <row r="893134" spans="14:14">
      <c r="N893134" s="10"/>
    </row>
    <row r="893135" spans="14:14">
      <c r="N893135" s="10"/>
    </row>
    <row r="893136" spans="14:14">
      <c r="N893136" s="10"/>
    </row>
    <row r="893137" spans="14:14">
      <c r="N893137" s="10"/>
    </row>
    <row r="893138" spans="14:14">
      <c r="N893138" s="10"/>
    </row>
    <row r="893139" spans="14:14">
      <c r="N893139" s="10"/>
    </row>
    <row r="893140" spans="14:14">
      <c r="N893140" s="10"/>
    </row>
    <row r="893141" spans="14:14">
      <c r="N893141" s="10"/>
    </row>
    <row r="893142" spans="14:14">
      <c r="N893142" s="10"/>
    </row>
    <row r="893143" spans="14:14">
      <c r="N893143" s="10"/>
    </row>
    <row r="893144" spans="14:14">
      <c r="N893144" s="10"/>
    </row>
    <row r="893145" spans="14:14">
      <c r="N893145" s="10"/>
    </row>
    <row r="893146" spans="14:14">
      <c r="N893146" s="10"/>
    </row>
    <row r="893147" spans="14:14">
      <c r="N893147" s="10"/>
    </row>
    <row r="893148" spans="14:14">
      <c r="N893148" s="10"/>
    </row>
    <row r="893149" spans="14:14">
      <c r="N893149" s="10"/>
    </row>
    <row r="893150" spans="14:14">
      <c r="N893150" s="10"/>
    </row>
    <row r="893151" spans="14:14">
      <c r="N893151" s="10"/>
    </row>
    <row r="893152" spans="14:14">
      <c r="N893152" s="10"/>
    </row>
    <row r="893153" spans="14:14">
      <c r="N893153" s="10"/>
    </row>
    <row r="893154" spans="14:14">
      <c r="N893154" s="10"/>
    </row>
    <row r="893155" spans="14:14">
      <c r="N893155" s="10"/>
    </row>
    <row r="893156" spans="14:14">
      <c r="N893156" s="10"/>
    </row>
    <row r="893157" spans="14:14">
      <c r="N893157" s="10"/>
    </row>
    <row r="893158" spans="14:14">
      <c r="N893158" s="10"/>
    </row>
    <row r="893159" spans="14:14">
      <c r="N893159" s="10"/>
    </row>
    <row r="893160" spans="14:14">
      <c r="N893160" s="10"/>
    </row>
    <row r="893161" spans="14:14">
      <c r="N893161" s="10"/>
    </row>
    <row r="893162" spans="14:14">
      <c r="N893162" s="10"/>
    </row>
    <row r="893163" spans="14:14">
      <c r="N893163" s="10"/>
    </row>
    <row r="893164" spans="14:14">
      <c r="N893164" s="10"/>
    </row>
    <row r="893165" spans="14:14">
      <c r="N893165" s="10"/>
    </row>
    <row r="893166" spans="14:14">
      <c r="N893166" s="10"/>
    </row>
    <row r="893167" spans="14:14">
      <c r="N893167" s="10"/>
    </row>
    <row r="893168" spans="14:14">
      <c r="N893168" s="10"/>
    </row>
    <row r="893169" spans="14:14">
      <c r="N893169" s="10"/>
    </row>
    <row r="893170" spans="14:14">
      <c r="N893170" s="10"/>
    </row>
    <row r="893171" spans="14:14">
      <c r="N893171" s="10"/>
    </row>
    <row r="893172" spans="14:14">
      <c r="N893172" s="10"/>
    </row>
    <row r="893173" spans="14:14">
      <c r="N893173" s="10"/>
    </row>
    <row r="893174" spans="14:14">
      <c r="N893174" s="10"/>
    </row>
    <row r="893175" spans="14:14">
      <c r="N893175" s="10"/>
    </row>
    <row r="893176" spans="14:14">
      <c r="N893176" s="10"/>
    </row>
    <row r="893177" spans="14:14">
      <c r="N893177" s="10"/>
    </row>
    <row r="893178" spans="14:14">
      <c r="N893178" s="10"/>
    </row>
    <row r="893179" spans="14:14">
      <c r="N893179" s="10"/>
    </row>
    <row r="893180" spans="14:14">
      <c r="N893180" s="10"/>
    </row>
    <row r="893181" spans="14:14">
      <c r="N893181" s="10"/>
    </row>
    <row r="893182" spans="14:14">
      <c r="N893182" s="10"/>
    </row>
    <row r="893183" spans="14:14">
      <c r="N893183" s="10"/>
    </row>
    <row r="893184" spans="14:14">
      <c r="N893184" s="10"/>
    </row>
    <row r="893185" spans="14:14">
      <c r="N893185" s="10"/>
    </row>
    <row r="893186" spans="14:14">
      <c r="N893186" s="10"/>
    </row>
    <row r="893187" spans="14:14">
      <c r="N893187" s="10"/>
    </row>
    <row r="893188" spans="14:14">
      <c r="N893188" s="10"/>
    </row>
    <row r="893189" spans="14:14">
      <c r="N893189" s="10"/>
    </row>
    <row r="893190" spans="14:14">
      <c r="N893190" s="10"/>
    </row>
    <row r="893191" spans="14:14">
      <c r="N893191" s="10"/>
    </row>
    <row r="893192" spans="14:14">
      <c r="N893192" s="10"/>
    </row>
    <row r="893193" spans="14:14">
      <c r="N893193" s="10"/>
    </row>
    <row r="893194" spans="14:14">
      <c r="N893194" s="10"/>
    </row>
    <row r="893195" spans="14:14">
      <c r="N893195" s="10"/>
    </row>
    <row r="893196" spans="14:14">
      <c r="N893196" s="10"/>
    </row>
    <row r="893197" spans="14:14">
      <c r="N893197" s="10"/>
    </row>
    <row r="893198" spans="14:14">
      <c r="N893198" s="10"/>
    </row>
    <row r="893199" spans="14:14">
      <c r="N893199" s="10"/>
    </row>
    <row r="893200" spans="14:14">
      <c r="N893200" s="10"/>
    </row>
    <row r="893201" spans="14:14">
      <c r="N893201" s="10"/>
    </row>
    <row r="893202" spans="14:14">
      <c r="N893202" s="10"/>
    </row>
    <row r="893203" spans="14:14">
      <c r="N893203" s="10"/>
    </row>
    <row r="893204" spans="14:14">
      <c r="N893204" s="10"/>
    </row>
    <row r="893205" spans="14:14">
      <c r="N893205" s="10"/>
    </row>
    <row r="893206" spans="14:14">
      <c r="N893206" s="10"/>
    </row>
    <row r="893207" spans="14:14">
      <c r="N893207" s="10"/>
    </row>
    <row r="893208" spans="14:14">
      <c r="N893208" s="10"/>
    </row>
    <row r="893209" spans="14:14">
      <c r="N893209" s="10"/>
    </row>
    <row r="893210" spans="14:14">
      <c r="N893210" s="10"/>
    </row>
    <row r="893211" spans="14:14">
      <c r="N893211" s="10"/>
    </row>
    <row r="893212" spans="14:14">
      <c r="N893212" s="10"/>
    </row>
    <row r="893213" spans="14:14">
      <c r="N893213" s="10"/>
    </row>
    <row r="893214" spans="14:14">
      <c r="N893214" s="10"/>
    </row>
    <row r="893215" spans="14:14">
      <c r="N893215" s="10"/>
    </row>
    <row r="893216" spans="14:14">
      <c r="N893216" s="10"/>
    </row>
    <row r="893217" spans="14:14">
      <c r="N893217" s="10"/>
    </row>
    <row r="893218" spans="14:14">
      <c r="N893218" s="10"/>
    </row>
    <row r="893219" spans="14:14">
      <c r="N893219" s="10"/>
    </row>
    <row r="893220" spans="14:14">
      <c r="N893220" s="10"/>
    </row>
    <row r="893221" spans="14:14">
      <c r="N893221" s="10"/>
    </row>
    <row r="893222" spans="14:14">
      <c r="N893222" s="10"/>
    </row>
    <row r="893223" spans="14:14">
      <c r="N893223" s="10"/>
    </row>
    <row r="893224" spans="14:14">
      <c r="N893224" s="10"/>
    </row>
    <row r="893225" spans="14:14">
      <c r="N893225" s="10"/>
    </row>
    <row r="893226" spans="14:14">
      <c r="N893226" s="10"/>
    </row>
    <row r="893227" spans="14:14">
      <c r="N893227" s="10"/>
    </row>
    <row r="893228" spans="14:14">
      <c r="N893228" s="10"/>
    </row>
    <row r="893229" spans="14:14">
      <c r="N893229" s="10"/>
    </row>
    <row r="893230" spans="14:14">
      <c r="N893230" s="10"/>
    </row>
    <row r="893231" spans="14:14">
      <c r="N893231" s="10"/>
    </row>
    <row r="893232" spans="14:14">
      <c r="N893232" s="10"/>
    </row>
    <row r="893233" spans="14:14">
      <c r="N893233" s="10"/>
    </row>
    <row r="893234" spans="14:14">
      <c r="N893234" s="10"/>
    </row>
    <row r="893235" spans="14:14">
      <c r="N893235" s="10"/>
    </row>
    <row r="893236" spans="14:14">
      <c r="N893236" s="10"/>
    </row>
    <row r="893237" spans="14:14">
      <c r="N893237" s="10"/>
    </row>
    <row r="893238" spans="14:14">
      <c r="N893238" s="10"/>
    </row>
    <row r="893239" spans="14:14">
      <c r="N893239" s="10"/>
    </row>
    <row r="893240" spans="14:14">
      <c r="N893240" s="10"/>
    </row>
    <row r="893241" spans="14:14">
      <c r="N893241" s="10"/>
    </row>
    <row r="893242" spans="14:14">
      <c r="N893242" s="10"/>
    </row>
    <row r="893243" spans="14:14">
      <c r="N893243" s="10"/>
    </row>
    <row r="893244" spans="14:14">
      <c r="N893244" s="10"/>
    </row>
    <row r="893245" spans="14:14">
      <c r="N893245" s="10"/>
    </row>
    <row r="893246" spans="14:14">
      <c r="N893246" s="10"/>
    </row>
    <row r="893247" spans="14:14">
      <c r="N893247" s="10"/>
    </row>
    <row r="893248" spans="14:14">
      <c r="N893248" s="10"/>
    </row>
    <row r="893249" spans="14:14">
      <c r="N893249" s="10"/>
    </row>
    <row r="893250" spans="14:14">
      <c r="N893250" s="10"/>
    </row>
    <row r="893251" spans="14:14">
      <c r="N893251" s="10"/>
    </row>
    <row r="893252" spans="14:14">
      <c r="N893252" s="10"/>
    </row>
    <row r="893253" spans="14:14">
      <c r="N893253" s="10"/>
    </row>
    <row r="893254" spans="14:14">
      <c r="N893254" s="10"/>
    </row>
    <row r="893255" spans="14:14">
      <c r="N893255" s="10"/>
    </row>
    <row r="893256" spans="14:14">
      <c r="N893256" s="10"/>
    </row>
    <row r="893257" spans="14:14">
      <c r="N893257" s="10"/>
    </row>
    <row r="893258" spans="14:14">
      <c r="N893258" s="10"/>
    </row>
    <row r="893259" spans="14:14">
      <c r="N893259" s="10"/>
    </row>
    <row r="893260" spans="14:14">
      <c r="N893260" s="10"/>
    </row>
    <row r="893261" spans="14:14">
      <c r="N893261" s="10"/>
    </row>
    <row r="893262" spans="14:14">
      <c r="N893262" s="10"/>
    </row>
    <row r="893263" spans="14:14">
      <c r="N893263" s="10"/>
    </row>
    <row r="893264" spans="14:14">
      <c r="N893264" s="10"/>
    </row>
    <row r="893265" spans="14:14">
      <c r="N893265" s="10"/>
    </row>
    <row r="893266" spans="14:14">
      <c r="N893266" s="10"/>
    </row>
    <row r="893267" spans="14:14">
      <c r="N893267" s="10"/>
    </row>
    <row r="893268" spans="14:14">
      <c r="N893268" s="10"/>
    </row>
    <row r="893269" spans="14:14">
      <c r="N893269" s="10"/>
    </row>
    <row r="893270" spans="14:14">
      <c r="N893270" s="10"/>
    </row>
    <row r="893271" spans="14:14">
      <c r="N893271" s="10"/>
    </row>
    <row r="893272" spans="14:14">
      <c r="N893272" s="10"/>
    </row>
    <row r="893273" spans="14:14">
      <c r="N893273" s="10"/>
    </row>
    <row r="893274" spans="14:14">
      <c r="N893274" s="10"/>
    </row>
    <row r="893275" spans="14:14">
      <c r="N893275" s="10"/>
    </row>
    <row r="893276" spans="14:14">
      <c r="N893276" s="10"/>
    </row>
    <row r="893277" spans="14:14">
      <c r="N893277" s="10"/>
    </row>
    <row r="893278" spans="14:14">
      <c r="N893278" s="10"/>
    </row>
    <row r="893279" spans="14:14">
      <c r="N893279" s="10"/>
    </row>
    <row r="893280" spans="14:14">
      <c r="N893280" s="10"/>
    </row>
    <row r="893281" spans="14:14">
      <c r="N893281" s="10"/>
    </row>
    <row r="893282" spans="14:14">
      <c r="N893282" s="10"/>
    </row>
    <row r="893283" spans="14:14">
      <c r="N893283" s="10"/>
    </row>
    <row r="893284" spans="14:14">
      <c r="N893284" s="10"/>
    </row>
    <row r="893285" spans="14:14">
      <c r="N893285" s="10"/>
    </row>
    <row r="893286" spans="14:14">
      <c r="N893286" s="10"/>
    </row>
    <row r="893287" spans="14:14">
      <c r="N893287" s="10"/>
    </row>
    <row r="893288" spans="14:14">
      <c r="N893288" s="10"/>
    </row>
    <row r="893289" spans="14:14">
      <c r="N893289" s="10"/>
    </row>
    <row r="893290" spans="14:14">
      <c r="N893290" s="10"/>
    </row>
    <row r="893291" spans="14:14">
      <c r="N893291" s="10"/>
    </row>
    <row r="893292" spans="14:14">
      <c r="N893292" s="10"/>
    </row>
    <row r="893293" spans="14:14">
      <c r="N893293" s="10"/>
    </row>
    <row r="893294" spans="14:14">
      <c r="N893294" s="10"/>
    </row>
    <row r="893295" spans="14:14">
      <c r="N893295" s="10"/>
    </row>
    <row r="893296" spans="14:14">
      <c r="N893296" s="10"/>
    </row>
    <row r="893297" spans="14:14">
      <c r="N893297" s="10"/>
    </row>
    <row r="893298" spans="14:14">
      <c r="N893298" s="10"/>
    </row>
    <row r="893299" spans="14:14">
      <c r="N893299" s="10"/>
    </row>
    <row r="893300" spans="14:14">
      <c r="N893300" s="10"/>
    </row>
    <row r="893301" spans="14:14">
      <c r="N893301" s="10"/>
    </row>
    <row r="893302" spans="14:14">
      <c r="N893302" s="10"/>
    </row>
    <row r="893303" spans="14:14">
      <c r="N893303" s="10"/>
    </row>
    <row r="893304" spans="14:14">
      <c r="N893304" s="10"/>
    </row>
    <row r="893305" spans="14:14">
      <c r="N893305" s="10"/>
    </row>
    <row r="893306" spans="14:14">
      <c r="N893306" s="10"/>
    </row>
    <row r="893307" spans="14:14">
      <c r="N893307" s="10"/>
    </row>
    <row r="893308" spans="14:14">
      <c r="N893308" s="10"/>
    </row>
    <row r="893309" spans="14:14">
      <c r="N893309" s="10"/>
    </row>
    <row r="893310" spans="14:14">
      <c r="N893310" s="10"/>
    </row>
    <row r="893311" spans="14:14">
      <c r="N893311" s="10"/>
    </row>
    <row r="893312" spans="14:14">
      <c r="N893312" s="10"/>
    </row>
    <row r="893313" spans="14:14">
      <c r="N893313" s="10"/>
    </row>
    <row r="893314" spans="14:14">
      <c r="N893314" s="10"/>
    </row>
    <row r="893315" spans="14:14">
      <c r="N893315" s="10"/>
    </row>
    <row r="893316" spans="14:14">
      <c r="N893316" s="10"/>
    </row>
    <row r="893317" spans="14:14">
      <c r="N893317" s="10"/>
    </row>
    <row r="893318" spans="14:14">
      <c r="N893318" s="10"/>
    </row>
    <row r="893319" spans="14:14">
      <c r="N893319" s="10"/>
    </row>
    <row r="893320" spans="14:14">
      <c r="N893320" s="10"/>
    </row>
    <row r="893321" spans="14:14">
      <c r="N893321" s="10"/>
    </row>
    <row r="893322" spans="14:14">
      <c r="N893322" s="10"/>
    </row>
    <row r="893323" spans="14:14">
      <c r="N893323" s="10"/>
    </row>
    <row r="893324" spans="14:14">
      <c r="N893324" s="10"/>
    </row>
    <row r="893325" spans="14:14">
      <c r="N893325" s="10"/>
    </row>
    <row r="893326" spans="14:14">
      <c r="N893326" s="10"/>
    </row>
    <row r="893327" spans="14:14">
      <c r="N893327" s="10"/>
    </row>
    <row r="893328" spans="14:14">
      <c r="N893328" s="10"/>
    </row>
    <row r="893329" spans="14:14">
      <c r="N893329" s="10"/>
    </row>
    <row r="893330" spans="14:14">
      <c r="N893330" s="10"/>
    </row>
    <row r="893331" spans="14:14">
      <c r="N893331" s="10"/>
    </row>
    <row r="893332" spans="14:14">
      <c r="N893332" s="10"/>
    </row>
    <row r="893333" spans="14:14">
      <c r="N893333" s="10"/>
    </row>
    <row r="893334" spans="14:14">
      <c r="N893334" s="10"/>
    </row>
    <row r="893335" spans="14:14">
      <c r="N893335" s="10"/>
    </row>
    <row r="893336" spans="14:14">
      <c r="N893336" s="10"/>
    </row>
    <row r="893337" spans="14:14">
      <c r="N893337" s="10"/>
    </row>
    <row r="893338" spans="14:14">
      <c r="N893338" s="10"/>
    </row>
    <row r="893339" spans="14:14">
      <c r="N893339" s="10"/>
    </row>
    <row r="893340" spans="14:14">
      <c r="N893340" s="10"/>
    </row>
    <row r="893341" spans="14:14">
      <c r="N893341" s="10"/>
    </row>
    <row r="893342" spans="14:14">
      <c r="N893342" s="10"/>
    </row>
    <row r="893343" spans="14:14">
      <c r="N893343" s="10"/>
    </row>
    <row r="893344" spans="14:14">
      <c r="N893344" s="10"/>
    </row>
    <row r="893345" spans="14:14">
      <c r="N893345" s="10"/>
    </row>
    <row r="893346" spans="14:14">
      <c r="N893346" s="10"/>
    </row>
    <row r="893347" spans="14:14">
      <c r="N893347" s="10"/>
    </row>
    <row r="893348" spans="14:14">
      <c r="N893348" s="10"/>
    </row>
    <row r="893349" spans="14:14">
      <c r="N893349" s="10"/>
    </row>
    <row r="893350" spans="14:14">
      <c r="N893350" s="10"/>
    </row>
    <row r="893351" spans="14:14">
      <c r="N893351" s="10"/>
    </row>
    <row r="893352" spans="14:14">
      <c r="N893352" s="10"/>
    </row>
    <row r="893353" spans="14:14">
      <c r="N893353" s="10"/>
    </row>
    <row r="893354" spans="14:14">
      <c r="N893354" s="10"/>
    </row>
    <row r="893355" spans="14:14">
      <c r="N893355" s="10"/>
    </row>
    <row r="893356" spans="14:14">
      <c r="N893356" s="10"/>
    </row>
    <row r="893357" spans="14:14">
      <c r="N893357" s="10"/>
    </row>
    <row r="893358" spans="14:14">
      <c r="N893358" s="10"/>
    </row>
    <row r="893359" spans="14:14">
      <c r="N893359" s="10"/>
    </row>
    <row r="893360" spans="14:14">
      <c r="N893360" s="10"/>
    </row>
    <row r="893361" spans="14:14">
      <c r="N893361" s="10"/>
    </row>
    <row r="893362" spans="14:14">
      <c r="N893362" s="10"/>
    </row>
    <row r="893363" spans="14:14">
      <c r="N893363" s="10"/>
    </row>
    <row r="893364" spans="14:14">
      <c r="N893364" s="10"/>
    </row>
    <row r="893365" spans="14:14">
      <c r="N893365" s="10"/>
    </row>
    <row r="893366" spans="14:14">
      <c r="N893366" s="10"/>
    </row>
    <row r="893367" spans="14:14">
      <c r="N893367" s="10"/>
    </row>
    <row r="893368" spans="14:14">
      <c r="N893368" s="10"/>
    </row>
    <row r="893369" spans="14:14">
      <c r="N893369" s="10"/>
    </row>
    <row r="893370" spans="14:14">
      <c r="N893370" s="10"/>
    </row>
    <row r="893371" spans="14:14">
      <c r="N893371" s="10"/>
    </row>
    <row r="893372" spans="14:14">
      <c r="N893372" s="10"/>
    </row>
    <row r="893373" spans="14:14">
      <c r="N893373" s="10"/>
    </row>
    <row r="893374" spans="14:14">
      <c r="N893374" s="10"/>
    </row>
    <row r="893375" spans="14:14">
      <c r="N893375" s="10"/>
    </row>
    <row r="893376" spans="14:14">
      <c r="N893376" s="10"/>
    </row>
    <row r="893377" spans="14:14">
      <c r="N893377" s="10"/>
    </row>
    <row r="893378" spans="14:14">
      <c r="N893378" s="10"/>
    </row>
    <row r="893379" spans="14:14">
      <c r="N893379" s="10"/>
    </row>
    <row r="893380" spans="14:14">
      <c r="N893380" s="10"/>
    </row>
    <row r="893381" spans="14:14">
      <c r="N893381" s="10"/>
    </row>
    <row r="893382" spans="14:14">
      <c r="N893382" s="10"/>
    </row>
    <row r="893383" spans="14:14">
      <c r="N893383" s="10"/>
    </row>
    <row r="893384" spans="14:14">
      <c r="N893384" s="10"/>
    </row>
    <row r="893385" spans="14:14">
      <c r="N893385" s="10"/>
    </row>
    <row r="893386" spans="14:14">
      <c r="N893386" s="10"/>
    </row>
    <row r="893387" spans="14:14">
      <c r="N893387" s="10"/>
    </row>
    <row r="893388" spans="14:14">
      <c r="N893388" s="10"/>
    </row>
    <row r="893389" spans="14:14">
      <c r="N893389" s="10"/>
    </row>
    <row r="893390" spans="14:14">
      <c r="N893390" s="10"/>
    </row>
    <row r="893391" spans="14:14">
      <c r="N893391" s="10"/>
    </row>
    <row r="893392" spans="14:14">
      <c r="N893392" s="10"/>
    </row>
    <row r="893393" spans="14:14">
      <c r="N893393" s="10"/>
    </row>
    <row r="893394" spans="14:14">
      <c r="N893394" s="10"/>
    </row>
    <row r="893395" spans="14:14">
      <c r="N893395" s="10"/>
    </row>
    <row r="893396" spans="14:14">
      <c r="N893396" s="10"/>
    </row>
    <row r="893397" spans="14:14">
      <c r="N893397" s="10"/>
    </row>
    <row r="893398" spans="14:14">
      <c r="N893398" s="10"/>
    </row>
    <row r="893399" spans="14:14">
      <c r="N893399" s="10"/>
    </row>
    <row r="893400" spans="14:14">
      <c r="N893400" s="10"/>
    </row>
    <row r="893401" spans="14:14">
      <c r="N893401" s="10"/>
    </row>
    <row r="893402" spans="14:14">
      <c r="N893402" s="10"/>
    </row>
    <row r="893403" spans="14:14">
      <c r="N893403" s="10"/>
    </row>
    <row r="893404" spans="14:14">
      <c r="N893404" s="10"/>
    </row>
    <row r="893405" spans="14:14">
      <c r="N893405" s="10"/>
    </row>
    <row r="893406" spans="14:14">
      <c r="N893406" s="10"/>
    </row>
    <row r="893407" spans="14:14">
      <c r="N893407" s="10"/>
    </row>
    <row r="893408" spans="14:14">
      <c r="N893408" s="10"/>
    </row>
    <row r="893409" spans="14:14">
      <c r="N893409" s="10"/>
    </row>
    <row r="893410" spans="14:14">
      <c r="N893410" s="10"/>
    </row>
    <row r="893411" spans="14:14">
      <c r="N893411" s="10"/>
    </row>
    <row r="893412" spans="14:14">
      <c r="N893412" s="10"/>
    </row>
    <row r="893413" spans="14:14">
      <c r="N893413" s="10"/>
    </row>
    <row r="893414" spans="14:14">
      <c r="N893414" s="10"/>
    </row>
    <row r="893415" spans="14:14">
      <c r="N893415" s="10"/>
    </row>
    <row r="893416" spans="14:14">
      <c r="N893416" s="10"/>
    </row>
    <row r="893417" spans="14:14">
      <c r="N893417" s="10"/>
    </row>
    <row r="893418" spans="14:14">
      <c r="N893418" s="10"/>
    </row>
    <row r="893419" spans="14:14">
      <c r="N893419" s="10"/>
    </row>
    <row r="893420" spans="14:14">
      <c r="N893420" s="10"/>
    </row>
    <row r="893421" spans="14:14">
      <c r="N893421" s="10"/>
    </row>
    <row r="893422" spans="14:14">
      <c r="N893422" s="10"/>
    </row>
    <row r="893423" spans="14:14">
      <c r="N893423" s="10"/>
    </row>
    <row r="893424" spans="14:14">
      <c r="N893424" s="10"/>
    </row>
    <row r="893425" spans="14:14">
      <c r="N893425" s="10"/>
    </row>
    <row r="893426" spans="14:14">
      <c r="N893426" s="10"/>
    </row>
    <row r="893427" spans="14:14">
      <c r="N893427" s="10"/>
    </row>
    <row r="893428" spans="14:14">
      <c r="N893428" s="10"/>
    </row>
    <row r="893429" spans="14:14">
      <c r="N893429" s="10"/>
    </row>
    <row r="893430" spans="14:14">
      <c r="N893430" s="10"/>
    </row>
    <row r="893431" spans="14:14">
      <c r="N893431" s="10"/>
    </row>
    <row r="893432" spans="14:14">
      <c r="N893432" s="10"/>
    </row>
    <row r="893433" spans="14:14">
      <c r="N893433" s="10"/>
    </row>
    <row r="893434" spans="14:14">
      <c r="N893434" s="10"/>
    </row>
    <row r="893435" spans="14:14">
      <c r="N893435" s="10"/>
    </row>
    <row r="893436" spans="14:14">
      <c r="N893436" s="10"/>
    </row>
    <row r="893437" spans="14:14">
      <c r="N893437" s="10"/>
    </row>
    <row r="893438" spans="14:14">
      <c r="N893438" s="10"/>
    </row>
    <row r="893439" spans="14:14">
      <c r="N893439" s="10"/>
    </row>
    <row r="893440" spans="14:14">
      <c r="N893440" s="10"/>
    </row>
    <row r="893441" spans="14:14">
      <c r="N893441" s="10"/>
    </row>
    <row r="893442" spans="14:14">
      <c r="N893442" s="10"/>
    </row>
    <row r="893443" spans="14:14">
      <c r="N893443" s="10"/>
    </row>
    <row r="893444" spans="14:14">
      <c r="N893444" s="10"/>
    </row>
    <row r="893445" spans="14:14">
      <c r="N893445" s="10"/>
    </row>
    <row r="893446" spans="14:14">
      <c r="N893446" s="10"/>
    </row>
    <row r="893447" spans="14:14">
      <c r="N893447" s="10"/>
    </row>
    <row r="893448" spans="14:14">
      <c r="N893448" s="10"/>
    </row>
    <row r="893449" spans="14:14">
      <c r="N893449" s="10"/>
    </row>
    <row r="893450" spans="14:14">
      <c r="N893450" s="10"/>
    </row>
    <row r="893451" spans="14:14">
      <c r="N893451" s="10"/>
    </row>
    <row r="893452" spans="14:14">
      <c r="N893452" s="10"/>
    </row>
    <row r="893453" spans="14:14">
      <c r="N893453" s="10"/>
    </row>
    <row r="893454" spans="14:14">
      <c r="N893454" s="10"/>
    </row>
    <row r="893455" spans="14:14">
      <c r="N893455" s="10"/>
    </row>
    <row r="893456" spans="14:14">
      <c r="N893456" s="10"/>
    </row>
    <row r="893457" spans="14:14">
      <c r="N893457" s="10"/>
    </row>
    <row r="893458" spans="14:14">
      <c r="N893458" s="10"/>
    </row>
    <row r="893459" spans="14:14">
      <c r="N893459" s="10"/>
    </row>
    <row r="893460" spans="14:14">
      <c r="N893460" s="10"/>
    </row>
    <row r="893461" spans="14:14">
      <c r="N893461" s="10"/>
    </row>
    <row r="893462" spans="14:14">
      <c r="N893462" s="10"/>
    </row>
    <row r="893463" spans="14:14">
      <c r="N893463" s="10"/>
    </row>
    <row r="893464" spans="14:14">
      <c r="N893464" s="10"/>
    </row>
    <row r="893465" spans="14:14">
      <c r="N893465" s="10"/>
    </row>
    <row r="893466" spans="14:14">
      <c r="N893466" s="10"/>
    </row>
    <row r="893467" spans="14:14">
      <c r="N893467" s="10"/>
    </row>
    <row r="893468" spans="14:14">
      <c r="N893468" s="10"/>
    </row>
    <row r="893469" spans="14:14">
      <c r="N893469" s="10"/>
    </row>
    <row r="893470" spans="14:14">
      <c r="N893470" s="10"/>
    </row>
    <row r="893471" spans="14:14">
      <c r="N893471" s="10"/>
    </row>
    <row r="893472" spans="14:14">
      <c r="N893472" s="10"/>
    </row>
    <row r="893473" spans="14:14">
      <c r="N893473" s="10"/>
    </row>
    <row r="893474" spans="14:14">
      <c r="N893474" s="10"/>
    </row>
    <row r="893475" spans="14:14">
      <c r="N893475" s="10"/>
    </row>
    <row r="893476" spans="14:14">
      <c r="N893476" s="10"/>
    </row>
    <row r="893477" spans="14:14">
      <c r="N893477" s="10"/>
    </row>
    <row r="893478" spans="14:14">
      <c r="N893478" s="10"/>
    </row>
    <row r="893479" spans="14:14">
      <c r="N893479" s="10"/>
    </row>
    <row r="893480" spans="14:14">
      <c r="N893480" s="10"/>
    </row>
    <row r="893481" spans="14:14">
      <c r="N893481" s="10"/>
    </row>
    <row r="893482" spans="14:14">
      <c r="N893482" s="10"/>
    </row>
    <row r="893483" spans="14:14">
      <c r="N893483" s="10"/>
    </row>
    <row r="893484" spans="14:14">
      <c r="N893484" s="10"/>
    </row>
    <row r="893485" spans="14:14">
      <c r="N893485" s="10"/>
    </row>
    <row r="893486" spans="14:14">
      <c r="N893486" s="10"/>
    </row>
    <row r="893487" spans="14:14">
      <c r="N893487" s="10"/>
    </row>
    <row r="893488" spans="14:14">
      <c r="N893488" s="10"/>
    </row>
    <row r="893489" spans="14:14">
      <c r="N893489" s="10"/>
    </row>
    <row r="893490" spans="14:14">
      <c r="N893490" s="10"/>
    </row>
    <row r="893491" spans="14:14">
      <c r="N893491" s="10"/>
    </row>
    <row r="893492" spans="14:14">
      <c r="N893492" s="10"/>
    </row>
    <row r="893493" spans="14:14">
      <c r="N893493" s="10"/>
    </row>
    <row r="893494" spans="14:14">
      <c r="N893494" s="10"/>
    </row>
    <row r="893495" spans="14:14">
      <c r="N893495" s="10"/>
    </row>
    <row r="893496" spans="14:14">
      <c r="N893496" s="10"/>
    </row>
    <row r="893497" spans="14:14">
      <c r="N893497" s="10"/>
    </row>
    <row r="893498" spans="14:14">
      <c r="N893498" s="10"/>
    </row>
    <row r="893499" spans="14:14">
      <c r="N893499" s="10"/>
    </row>
    <row r="893500" spans="14:14">
      <c r="N893500" s="10"/>
    </row>
    <row r="893501" spans="14:14">
      <c r="N893501" s="10"/>
    </row>
    <row r="893502" spans="14:14">
      <c r="N893502" s="10"/>
    </row>
    <row r="893503" spans="14:14">
      <c r="N893503" s="10"/>
    </row>
    <row r="893504" spans="14:14">
      <c r="N893504" s="10"/>
    </row>
    <row r="893505" spans="14:14">
      <c r="N893505" s="10"/>
    </row>
    <row r="893506" spans="14:14">
      <c r="N893506" s="10"/>
    </row>
    <row r="893507" spans="14:14">
      <c r="N893507" s="10"/>
    </row>
    <row r="893508" spans="14:14">
      <c r="N893508" s="10"/>
    </row>
    <row r="893509" spans="14:14">
      <c r="N893509" s="10"/>
    </row>
    <row r="893510" spans="14:14">
      <c r="N893510" s="10"/>
    </row>
    <row r="893511" spans="14:14">
      <c r="N893511" s="10"/>
    </row>
    <row r="893512" spans="14:14">
      <c r="N893512" s="10"/>
    </row>
    <row r="893513" spans="14:14">
      <c r="N893513" s="10"/>
    </row>
    <row r="893514" spans="14:14">
      <c r="N893514" s="10"/>
    </row>
    <row r="893515" spans="14:14">
      <c r="N893515" s="10"/>
    </row>
    <row r="893516" spans="14:14">
      <c r="N893516" s="10"/>
    </row>
    <row r="893517" spans="14:14">
      <c r="N893517" s="10"/>
    </row>
    <row r="893518" spans="14:14">
      <c r="N893518" s="10"/>
    </row>
    <row r="893519" spans="14:14">
      <c r="N893519" s="10"/>
    </row>
    <row r="893520" spans="14:14">
      <c r="N893520" s="10"/>
    </row>
    <row r="893521" spans="14:14">
      <c r="N893521" s="10"/>
    </row>
    <row r="893522" spans="14:14">
      <c r="N893522" s="10"/>
    </row>
    <row r="893523" spans="14:14">
      <c r="N893523" s="10"/>
    </row>
    <row r="893524" spans="14:14">
      <c r="N893524" s="10"/>
    </row>
    <row r="893525" spans="14:14">
      <c r="N893525" s="10"/>
    </row>
    <row r="893526" spans="14:14">
      <c r="N893526" s="10"/>
    </row>
    <row r="893527" spans="14:14">
      <c r="N893527" s="10"/>
    </row>
    <row r="893528" spans="14:14">
      <c r="N893528" s="10"/>
    </row>
    <row r="893529" spans="14:14">
      <c r="N893529" s="10"/>
    </row>
    <row r="893530" spans="14:14">
      <c r="N893530" s="10"/>
    </row>
    <row r="893531" spans="14:14">
      <c r="N893531" s="10"/>
    </row>
    <row r="893532" spans="14:14">
      <c r="N893532" s="10"/>
    </row>
    <row r="893533" spans="14:14">
      <c r="N893533" s="10"/>
    </row>
    <row r="893534" spans="14:14">
      <c r="N893534" s="10"/>
    </row>
    <row r="893535" spans="14:14">
      <c r="N893535" s="10"/>
    </row>
    <row r="893536" spans="14:14">
      <c r="N893536" s="10"/>
    </row>
    <row r="893537" spans="14:14">
      <c r="N893537" s="10"/>
    </row>
    <row r="893538" spans="14:14">
      <c r="N893538" s="10"/>
    </row>
    <row r="893539" spans="14:14">
      <c r="N893539" s="10"/>
    </row>
    <row r="893540" spans="14:14">
      <c r="N893540" s="10"/>
    </row>
    <row r="893541" spans="14:14">
      <c r="N893541" s="10"/>
    </row>
    <row r="893542" spans="14:14">
      <c r="N893542" s="10"/>
    </row>
    <row r="893543" spans="14:14">
      <c r="N893543" s="10"/>
    </row>
    <row r="893544" spans="14:14">
      <c r="N893544" s="10"/>
    </row>
    <row r="893545" spans="14:14">
      <c r="N893545" s="10"/>
    </row>
    <row r="893546" spans="14:14">
      <c r="N893546" s="10"/>
    </row>
    <row r="893547" spans="14:14">
      <c r="N893547" s="10"/>
    </row>
    <row r="893548" spans="14:14">
      <c r="N893548" s="10"/>
    </row>
    <row r="893549" spans="14:14">
      <c r="N893549" s="10"/>
    </row>
    <row r="893550" spans="14:14">
      <c r="N893550" s="10"/>
    </row>
    <row r="893551" spans="14:14">
      <c r="N893551" s="10"/>
    </row>
    <row r="893552" spans="14:14">
      <c r="N893552" s="10"/>
    </row>
    <row r="893553" spans="14:14">
      <c r="N893553" s="10"/>
    </row>
    <row r="893554" spans="14:14">
      <c r="N893554" s="10"/>
    </row>
    <row r="893555" spans="14:14">
      <c r="N893555" s="10"/>
    </row>
    <row r="893556" spans="14:14">
      <c r="N893556" s="10"/>
    </row>
    <row r="893557" spans="14:14">
      <c r="N893557" s="10"/>
    </row>
    <row r="893558" spans="14:14">
      <c r="N893558" s="10"/>
    </row>
    <row r="893559" spans="14:14">
      <c r="N893559" s="10"/>
    </row>
    <row r="893560" spans="14:14">
      <c r="N893560" s="10"/>
    </row>
    <row r="893561" spans="14:14">
      <c r="N893561" s="10"/>
    </row>
    <row r="893562" spans="14:14">
      <c r="N893562" s="10"/>
    </row>
    <row r="893563" spans="14:14">
      <c r="N893563" s="10"/>
    </row>
    <row r="893564" spans="14:14">
      <c r="N893564" s="10"/>
    </row>
    <row r="893565" spans="14:14">
      <c r="N893565" s="10"/>
    </row>
    <row r="893566" spans="14:14">
      <c r="N893566" s="10"/>
    </row>
    <row r="893567" spans="14:14">
      <c r="N893567" s="10"/>
    </row>
    <row r="893568" spans="14:14">
      <c r="N893568" s="10"/>
    </row>
    <row r="893569" spans="14:14">
      <c r="N893569" s="10"/>
    </row>
    <row r="893570" spans="14:14">
      <c r="N893570" s="10"/>
    </row>
    <row r="893571" spans="14:14">
      <c r="N893571" s="10"/>
    </row>
    <row r="893572" spans="14:14">
      <c r="N893572" s="10"/>
    </row>
    <row r="893573" spans="14:14">
      <c r="N893573" s="10"/>
    </row>
    <row r="893574" spans="14:14">
      <c r="N893574" s="10"/>
    </row>
    <row r="893575" spans="14:14">
      <c r="N893575" s="10"/>
    </row>
    <row r="893576" spans="14:14">
      <c r="N893576" s="10"/>
    </row>
    <row r="893577" spans="14:14">
      <c r="N893577" s="10"/>
    </row>
    <row r="893578" spans="14:14">
      <c r="N893578" s="10"/>
    </row>
    <row r="893579" spans="14:14">
      <c r="N893579" s="10"/>
    </row>
    <row r="893580" spans="14:14">
      <c r="N893580" s="10"/>
    </row>
    <row r="893581" spans="14:14">
      <c r="N893581" s="10"/>
    </row>
    <row r="893582" spans="14:14">
      <c r="N893582" s="10"/>
    </row>
    <row r="893583" spans="14:14">
      <c r="N893583" s="10"/>
    </row>
    <row r="893584" spans="14:14">
      <c r="N893584" s="10"/>
    </row>
    <row r="893585" spans="14:14">
      <c r="N893585" s="10"/>
    </row>
    <row r="893586" spans="14:14">
      <c r="N893586" s="10"/>
    </row>
    <row r="893587" spans="14:14">
      <c r="N893587" s="10"/>
    </row>
    <row r="893588" spans="14:14">
      <c r="N893588" s="10"/>
    </row>
    <row r="893589" spans="14:14">
      <c r="N893589" s="10"/>
    </row>
    <row r="893590" spans="14:14">
      <c r="N893590" s="10"/>
    </row>
    <row r="893591" spans="14:14">
      <c r="N893591" s="10"/>
    </row>
    <row r="893592" spans="14:14">
      <c r="N893592" s="10"/>
    </row>
    <row r="893593" spans="14:14">
      <c r="N893593" s="10"/>
    </row>
    <row r="893594" spans="14:14">
      <c r="N893594" s="10"/>
    </row>
    <row r="893595" spans="14:14">
      <c r="N893595" s="10"/>
    </row>
    <row r="893596" spans="14:14">
      <c r="N893596" s="10"/>
    </row>
    <row r="893597" spans="14:14">
      <c r="N893597" s="10"/>
    </row>
    <row r="893598" spans="14:14">
      <c r="N893598" s="10"/>
    </row>
    <row r="893599" spans="14:14">
      <c r="N893599" s="10"/>
    </row>
    <row r="893600" spans="14:14">
      <c r="N893600" s="10"/>
    </row>
    <row r="893601" spans="14:14">
      <c r="N893601" s="10"/>
    </row>
    <row r="893602" spans="14:14">
      <c r="N893602" s="10"/>
    </row>
    <row r="893603" spans="14:14">
      <c r="N893603" s="10"/>
    </row>
    <row r="893604" spans="14:14">
      <c r="N893604" s="10"/>
    </row>
    <row r="893605" spans="14:14">
      <c r="N893605" s="10"/>
    </row>
    <row r="893606" spans="14:14">
      <c r="N893606" s="10"/>
    </row>
    <row r="893607" spans="14:14">
      <c r="N893607" s="10"/>
    </row>
    <row r="893608" spans="14:14">
      <c r="N893608" s="10"/>
    </row>
    <row r="893609" spans="14:14">
      <c r="N893609" s="10"/>
    </row>
    <row r="893610" spans="14:14">
      <c r="N893610" s="10"/>
    </row>
    <row r="893611" spans="14:14">
      <c r="N893611" s="10"/>
    </row>
    <row r="893612" spans="14:14">
      <c r="N893612" s="10"/>
    </row>
    <row r="893613" spans="14:14">
      <c r="N893613" s="10"/>
    </row>
    <row r="893614" spans="14:14">
      <c r="N893614" s="10"/>
    </row>
    <row r="893615" spans="14:14">
      <c r="N893615" s="10"/>
    </row>
    <row r="893616" spans="14:14">
      <c r="N893616" s="10"/>
    </row>
    <row r="893617" spans="14:14">
      <c r="N893617" s="10"/>
    </row>
    <row r="893618" spans="14:14">
      <c r="N893618" s="10"/>
    </row>
    <row r="893619" spans="14:14">
      <c r="N893619" s="10"/>
    </row>
    <row r="893620" spans="14:14">
      <c r="N893620" s="10"/>
    </row>
    <row r="893621" spans="14:14">
      <c r="N893621" s="10"/>
    </row>
    <row r="893622" spans="14:14">
      <c r="N893622" s="10"/>
    </row>
    <row r="893623" spans="14:14">
      <c r="N893623" s="10"/>
    </row>
    <row r="893624" spans="14:14">
      <c r="N893624" s="10"/>
    </row>
    <row r="893625" spans="14:14">
      <c r="N893625" s="10"/>
    </row>
    <row r="893626" spans="14:14">
      <c r="N893626" s="10"/>
    </row>
    <row r="893627" spans="14:14">
      <c r="N893627" s="10"/>
    </row>
    <row r="893628" spans="14:14">
      <c r="N893628" s="10"/>
    </row>
    <row r="893629" spans="14:14">
      <c r="N893629" s="10"/>
    </row>
    <row r="893630" spans="14:14">
      <c r="N893630" s="10"/>
    </row>
    <row r="893631" spans="14:14">
      <c r="N893631" s="10"/>
    </row>
    <row r="893632" spans="14:14">
      <c r="N893632" s="10"/>
    </row>
    <row r="893633" spans="14:14">
      <c r="N893633" s="10"/>
    </row>
    <row r="893634" spans="14:14">
      <c r="N893634" s="10"/>
    </row>
    <row r="893635" spans="14:14">
      <c r="N893635" s="10"/>
    </row>
    <row r="893636" spans="14:14">
      <c r="N893636" s="10"/>
    </row>
    <row r="893637" spans="14:14">
      <c r="N893637" s="10"/>
    </row>
    <row r="893638" spans="14:14">
      <c r="N893638" s="10"/>
    </row>
    <row r="893639" spans="14:14">
      <c r="N893639" s="10"/>
    </row>
    <row r="893640" spans="14:14">
      <c r="N893640" s="10"/>
    </row>
    <row r="893641" spans="14:14">
      <c r="N893641" s="10"/>
    </row>
    <row r="893642" spans="14:14">
      <c r="N893642" s="10"/>
    </row>
    <row r="893643" spans="14:14">
      <c r="N893643" s="10"/>
    </row>
    <row r="893644" spans="14:14">
      <c r="N893644" s="10"/>
    </row>
    <row r="893645" spans="14:14">
      <c r="N893645" s="10"/>
    </row>
    <row r="893646" spans="14:14">
      <c r="N893646" s="10"/>
    </row>
    <row r="893647" spans="14:14">
      <c r="N893647" s="10"/>
    </row>
    <row r="893648" spans="14:14">
      <c r="N893648" s="10"/>
    </row>
    <row r="893649" spans="14:14">
      <c r="N893649" s="10"/>
    </row>
    <row r="893650" spans="14:14">
      <c r="N893650" s="10"/>
    </row>
    <row r="893651" spans="14:14">
      <c r="N893651" s="10"/>
    </row>
    <row r="893652" spans="14:14">
      <c r="N893652" s="10"/>
    </row>
    <row r="893653" spans="14:14">
      <c r="N893653" s="10"/>
    </row>
    <row r="893654" spans="14:14">
      <c r="N893654" s="10"/>
    </row>
    <row r="893655" spans="14:14">
      <c r="N893655" s="10"/>
    </row>
    <row r="893656" spans="14:14">
      <c r="N893656" s="10"/>
    </row>
    <row r="893657" spans="14:14">
      <c r="N893657" s="10"/>
    </row>
    <row r="893658" spans="14:14">
      <c r="N893658" s="10"/>
    </row>
    <row r="893659" spans="14:14">
      <c r="N893659" s="10"/>
    </row>
    <row r="893660" spans="14:14">
      <c r="N893660" s="10"/>
    </row>
    <row r="893661" spans="14:14">
      <c r="N893661" s="10"/>
    </row>
    <row r="893662" spans="14:14">
      <c r="N893662" s="10"/>
    </row>
    <row r="893663" spans="14:14">
      <c r="N893663" s="10"/>
    </row>
    <row r="893664" spans="14:14">
      <c r="N893664" s="10"/>
    </row>
    <row r="893665" spans="14:14">
      <c r="N893665" s="10"/>
    </row>
    <row r="893666" spans="14:14">
      <c r="N893666" s="10"/>
    </row>
    <row r="893667" spans="14:14">
      <c r="N893667" s="10"/>
    </row>
    <row r="893668" spans="14:14">
      <c r="N893668" s="10"/>
    </row>
    <row r="893669" spans="14:14">
      <c r="N893669" s="10"/>
    </row>
    <row r="893670" spans="14:14">
      <c r="N893670" s="10"/>
    </row>
    <row r="893671" spans="14:14">
      <c r="N893671" s="10"/>
    </row>
    <row r="893672" spans="14:14">
      <c r="N893672" s="10"/>
    </row>
    <row r="893673" spans="14:14">
      <c r="N893673" s="10"/>
    </row>
    <row r="893674" spans="14:14">
      <c r="N893674" s="10"/>
    </row>
    <row r="893675" spans="14:14">
      <c r="N893675" s="10"/>
    </row>
    <row r="893676" spans="14:14">
      <c r="N893676" s="10"/>
    </row>
    <row r="893677" spans="14:14">
      <c r="N893677" s="10"/>
    </row>
    <row r="893678" spans="14:14">
      <c r="N893678" s="10"/>
    </row>
    <row r="893679" spans="14:14">
      <c r="N893679" s="10"/>
    </row>
    <row r="893680" spans="14:14">
      <c r="N893680" s="10"/>
    </row>
    <row r="893681" spans="14:14">
      <c r="N893681" s="10"/>
    </row>
    <row r="893682" spans="14:14">
      <c r="N893682" s="10"/>
    </row>
    <row r="893683" spans="14:14">
      <c r="N893683" s="10"/>
    </row>
    <row r="893684" spans="14:14">
      <c r="N893684" s="10"/>
    </row>
    <row r="893685" spans="14:14">
      <c r="N893685" s="10"/>
    </row>
    <row r="893686" spans="14:14">
      <c r="N893686" s="10"/>
    </row>
    <row r="893687" spans="14:14">
      <c r="N893687" s="10"/>
    </row>
    <row r="893688" spans="14:14">
      <c r="N893688" s="10"/>
    </row>
    <row r="893689" spans="14:14">
      <c r="N893689" s="10"/>
    </row>
    <row r="893690" spans="14:14">
      <c r="N893690" s="10"/>
    </row>
    <row r="893691" spans="14:14">
      <c r="N893691" s="10"/>
    </row>
    <row r="893692" spans="14:14">
      <c r="N893692" s="10"/>
    </row>
    <row r="893693" spans="14:14">
      <c r="N893693" s="10"/>
    </row>
    <row r="893694" spans="14:14">
      <c r="N893694" s="10"/>
    </row>
    <row r="893695" spans="14:14">
      <c r="N893695" s="10"/>
    </row>
    <row r="893696" spans="14:14">
      <c r="N893696" s="10"/>
    </row>
    <row r="893697" spans="14:14">
      <c r="N893697" s="10"/>
    </row>
    <row r="893698" spans="14:14">
      <c r="N893698" s="10"/>
    </row>
    <row r="893699" spans="14:14">
      <c r="N893699" s="10"/>
    </row>
    <row r="893700" spans="14:14">
      <c r="N893700" s="10"/>
    </row>
    <row r="893701" spans="14:14">
      <c r="N893701" s="10"/>
    </row>
    <row r="893702" spans="14:14">
      <c r="N893702" s="10"/>
    </row>
    <row r="893703" spans="14:14">
      <c r="N893703" s="10"/>
    </row>
    <row r="893704" spans="14:14">
      <c r="N893704" s="10"/>
    </row>
    <row r="893705" spans="14:14">
      <c r="N893705" s="10"/>
    </row>
    <row r="893706" spans="14:14">
      <c r="N893706" s="10"/>
    </row>
    <row r="893707" spans="14:14">
      <c r="N893707" s="10"/>
    </row>
    <row r="893708" spans="14:14">
      <c r="N893708" s="10"/>
    </row>
    <row r="893709" spans="14:14">
      <c r="N893709" s="10"/>
    </row>
    <row r="893710" spans="14:14">
      <c r="N893710" s="10"/>
    </row>
    <row r="893711" spans="14:14">
      <c r="N893711" s="10"/>
    </row>
    <row r="893712" spans="14:14">
      <c r="N893712" s="10"/>
    </row>
    <row r="893713" spans="14:14">
      <c r="N893713" s="10"/>
    </row>
    <row r="893714" spans="14:14">
      <c r="N893714" s="10"/>
    </row>
    <row r="893715" spans="14:14">
      <c r="N893715" s="10"/>
    </row>
    <row r="893716" spans="14:14">
      <c r="N893716" s="10"/>
    </row>
    <row r="893717" spans="14:14">
      <c r="N893717" s="10"/>
    </row>
    <row r="893718" spans="14:14">
      <c r="N893718" s="10"/>
    </row>
    <row r="893719" spans="14:14">
      <c r="N893719" s="10"/>
    </row>
    <row r="893720" spans="14:14">
      <c r="N893720" s="10"/>
    </row>
    <row r="893721" spans="14:14">
      <c r="N893721" s="10"/>
    </row>
    <row r="893722" spans="14:14">
      <c r="N893722" s="10"/>
    </row>
    <row r="893723" spans="14:14">
      <c r="N893723" s="10"/>
    </row>
    <row r="893724" spans="14:14">
      <c r="N893724" s="10"/>
    </row>
    <row r="893725" spans="14:14">
      <c r="N893725" s="10"/>
    </row>
    <row r="893726" spans="14:14">
      <c r="N893726" s="10"/>
    </row>
    <row r="893727" spans="14:14">
      <c r="N893727" s="10"/>
    </row>
    <row r="893728" spans="14:14">
      <c r="N893728" s="10"/>
    </row>
    <row r="893729" spans="14:14">
      <c r="N893729" s="10"/>
    </row>
    <row r="893730" spans="14:14">
      <c r="N893730" s="10"/>
    </row>
    <row r="893731" spans="14:14">
      <c r="N893731" s="10"/>
    </row>
    <row r="893732" spans="14:14">
      <c r="N893732" s="10"/>
    </row>
    <row r="893733" spans="14:14">
      <c r="N893733" s="10"/>
    </row>
    <row r="893734" spans="14:14">
      <c r="N893734" s="10"/>
    </row>
    <row r="893735" spans="14:14">
      <c r="N893735" s="10"/>
    </row>
    <row r="893736" spans="14:14">
      <c r="N893736" s="10"/>
    </row>
    <row r="893737" spans="14:14">
      <c r="N893737" s="10"/>
    </row>
    <row r="893738" spans="14:14">
      <c r="N893738" s="10"/>
    </row>
    <row r="893739" spans="14:14">
      <c r="N893739" s="10"/>
    </row>
    <row r="893740" spans="14:14">
      <c r="N893740" s="10"/>
    </row>
    <row r="893741" spans="14:14">
      <c r="N893741" s="10"/>
    </row>
    <row r="893742" spans="14:14">
      <c r="N893742" s="10"/>
    </row>
    <row r="893743" spans="14:14">
      <c r="N893743" s="10"/>
    </row>
    <row r="893744" spans="14:14">
      <c r="N893744" s="10"/>
    </row>
    <row r="893745" spans="14:14">
      <c r="N893745" s="10"/>
    </row>
    <row r="893746" spans="14:14">
      <c r="N893746" s="10"/>
    </row>
    <row r="893747" spans="14:14">
      <c r="N893747" s="10"/>
    </row>
    <row r="893748" spans="14:14">
      <c r="N893748" s="10"/>
    </row>
    <row r="893749" spans="14:14">
      <c r="N893749" s="10"/>
    </row>
    <row r="893750" spans="14:14">
      <c r="N893750" s="10"/>
    </row>
    <row r="893751" spans="14:14">
      <c r="N893751" s="10"/>
    </row>
    <row r="893752" spans="14:14">
      <c r="N893752" s="10"/>
    </row>
    <row r="893753" spans="14:14">
      <c r="N893753" s="10"/>
    </row>
    <row r="893754" spans="14:14">
      <c r="N893754" s="10"/>
    </row>
    <row r="893755" spans="14:14">
      <c r="N893755" s="10"/>
    </row>
    <row r="893756" spans="14:14">
      <c r="N893756" s="10"/>
    </row>
    <row r="893757" spans="14:14">
      <c r="N893757" s="10"/>
    </row>
    <row r="893758" spans="14:14">
      <c r="N893758" s="10"/>
    </row>
    <row r="893759" spans="14:14">
      <c r="N893759" s="10"/>
    </row>
    <row r="893760" spans="14:14">
      <c r="N893760" s="10"/>
    </row>
    <row r="893761" spans="14:14">
      <c r="N893761" s="10"/>
    </row>
    <row r="893762" spans="14:14">
      <c r="N893762" s="10"/>
    </row>
    <row r="893763" spans="14:14">
      <c r="N893763" s="10"/>
    </row>
    <row r="893764" spans="14:14">
      <c r="N893764" s="10"/>
    </row>
    <row r="893765" spans="14:14">
      <c r="N893765" s="10"/>
    </row>
    <row r="893766" spans="14:14">
      <c r="N893766" s="10"/>
    </row>
    <row r="893767" spans="14:14">
      <c r="N893767" s="10"/>
    </row>
    <row r="893768" spans="14:14">
      <c r="N893768" s="10"/>
    </row>
    <row r="893769" spans="14:14">
      <c r="N893769" s="10"/>
    </row>
    <row r="893770" spans="14:14">
      <c r="N893770" s="10"/>
    </row>
    <row r="893771" spans="14:14">
      <c r="N893771" s="10"/>
    </row>
    <row r="893772" spans="14:14">
      <c r="N893772" s="10"/>
    </row>
    <row r="893773" spans="14:14">
      <c r="N893773" s="10"/>
    </row>
    <row r="893774" spans="14:14">
      <c r="N893774" s="10"/>
    </row>
    <row r="893775" spans="14:14">
      <c r="N893775" s="10"/>
    </row>
    <row r="893776" spans="14:14">
      <c r="N893776" s="10"/>
    </row>
    <row r="893777" spans="14:14">
      <c r="N893777" s="10"/>
    </row>
    <row r="893778" spans="14:14">
      <c r="N893778" s="10"/>
    </row>
    <row r="893779" spans="14:14">
      <c r="N893779" s="10"/>
    </row>
    <row r="893780" spans="14:14">
      <c r="N893780" s="10"/>
    </row>
    <row r="893781" spans="14:14">
      <c r="N893781" s="10"/>
    </row>
    <row r="893782" spans="14:14">
      <c r="N893782" s="10"/>
    </row>
    <row r="893783" spans="14:14">
      <c r="N893783" s="10"/>
    </row>
    <row r="893784" spans="14:14">
      <c r="N893784" s="10"/>
    </row>
    <row r="893785" spans="14:14">
      <c r="N893785" s="10"/>
    </row>
    <row r="893786" spans="14:14">
      <c r="N893786" s="10"/>
    </row>
    <row r="893787" spans="14:14">
      <c r="N893787" s="10"/>
    </row>
    <row r="893788" spans="14:14">
      <c r="N893788" s="10"/>
    </row>
    <row r="893789" spans="14:14">
      <c r="N893789" s="10"/>
    </row>
    <row r="893790" spans="14:14">
      <c r="N893790" s="10"/>
    </row>
    <row r="893791" spans="14:14">
      <c r="N893791" s="10"/>
    </row>
    <row r="893792" spans="14:14">
      <c r="N893792" s="10"/>
    </row>
    <row r="893793" spans="14:14">
      <c r="N893793" s="10"/>
    </row>
    <row r="893794" spans="14:14">
      <c r="N893794" s="10"/>
    </row>
    <row r="893795" spans="14:14">
      <c r="N893795" s="10"/>
    </row>
    <row r="893796" spans="14:14">
      <c r="N893796" s="10"/>
    </row>
    <row r="893797" spans="14:14">
      <c r="N893797" s="10"/>
    </row>
    <row r="893798" spans="14:14">
      <c r="N893798" s="10"/>
    </row>
    <row r="893799" spans="14:14">
      <c r="N893799" s="10"/>
    </row>
    <row r="893800" spans="14:14">
      <c r="N893800" s="10"/>
    </row>
    <row r="893801" spans="14:14">
      <c r="N893801" s="10"/>
    </row>
    <row r="893802" spans="14:14">
      <c r="N893802" s="10"/>
    </row>
    <row r="893803" spans="14:14">
      <c r="N893803" s="10"/>
    </row>
    <row r="893804" spans="14:14">
      <c r="N893804" s="10"/>
    </row>
    <row r="893805" spans="14:14">
      <c r="N893805" s="10"/>
    </row>
    <row r="893806" spans="14:14">
      <c r="N893806" s="10"/>
    </row>
    <row r="893807" spans="14:14">
      <c r="N893807" s="10"/>
    </row>
    <row r="893808" spans="14:14">
      <c r="N893808" s="10"/>
    </row>
    <row r="893809" spans="14:14">
      <c r="N893809" s="10"/>
    </row>
    <row r="893810" spans="14:14">
      <c r="N893810" s="10"/>
    </row>
    <row r="893811" spans="14:14">
      <c r="N893811" s="10"/>
    </row>
    <row r="893812" spans="14:14">
      <c r="N893812" s="10"/>
    </row>
    <row r="893813" spans="14:14">
      <c r="N893813" s="10"/>
    </row>
    <row r="893814" spans="14:14">
      <c r="N893814" s="10"/>
    </row>
    <row r="893815" spans="14:14">
      <c r="N893815" s="10"/>
    </row>
    <row r="893816" spans="14:14">
      <c r="N893816" s="10"/>
    </row>
    <row r="893817" spans="14:14">
      <c r="N893817" s="10"/>
    </row>
    <row r="893818" spans="14:14">
      <c r="N893818" s="10"/>
    </row>
    <row r="893819" spans="14:14">
      <c r="N893819" s="10"/>
    </row>
    <row r="893820" spans="14:14">
      <c r="N893820" s="10"/>
    </row>
    <row r="893821" spans="14:14">
      <c r="N893821" s="10"/>
    </row>
    <row r="893822" spans="14:14">
      <c r="N893822" s="10"/>
    </row>
    <row r="893823" spans="14:14">
      <c r="N893823" s="10"/>
    </row>
    <row r="893824" spans="14:14">
      <c r="N893824" s="10"/>
    </row>
    <row r="893825" spans="14:14">
      <c r="N893825" s="10"/>
    </row>
    <row r="893826" spans="14:14">
      <c r="N893826" s="10"/>
    </row>
    <row r="893827" spans="14:14">
      <c r="N893827" s="10"/>
    </row>
    <row r="893828" spans="14:14">
      <c r="N893828" s="10"/>
    </row>
    <row r="893829" spans="14:14">
      <c r="N893829" s="10"/>
    </row>
    <row r="893830" spans="14:14">
      <c r="N893830" s="10"/>
    </row>
    <row r="893831" spans="14:14">
      <c r="N893831" s="10"/>
    </row>
    <row r="893832" spans="14:14">
      <c r="N893832" s="10"/>
    </row>
    <row r="893833" spans="14:14">
      <c r="N893833" s="10"/>
    </row>
    <row r="893834" spans="14:14">
      <c r="N893834" s="10"/>
    </row>
    <row r="893835" spans="14:14">
      <c r="N893835" s="10"/>
    </row>
    <row r="893836" spans="14:14">
      <c r="N893836" s="10"/>
    </row>
    <row r="893837" spans="14:14">
      <c r="N893837" s="10"/>
    </row>
    <row r="893838" spans="14:14">
      <c r="N893838" s="10"/>
    </row>
    <row r="893839" spans="14:14">
      <c r="N893839" s="10"/>
    </row>
    <row r="893840" spans="14:14">
      <c r="N893840" s="10"/>
    </row>
    <row r="893841" spans="14:14">
      <c r="N893841" s="10"/>
    </row>
    <row r="893842" spans="14:14">
      <c r="N893842" s="10"/>
    </row>
    <row r="893843" spans="14:14">
      <c r="N893843" s="10"/>
    </row>
    <row r="893844" spans="14:14">
      <c r="N893844" s="10"/>
    </row>
    <row r="893845" spans="14:14">
      <c r="N893845" s="10"/>
    </row>
    <row r="893846" spans="14:14">
      <c r="N893846" s="10"/>
    </row>
    <row r="893847" spans="14:14">
      <c r="N893847" s="10"/>
    </row>
    <row r="893848" spans="14:14">
      <c r="N893848" s="10"/>
    </row>
    <row r="893849" spans="14:14">
      <c r="N893849" s="10"/>
    </row>
    <row r="893850" spans="14:14">
      <c r="N893850" s="10"/>
    </row>
    <row r="893851" spans="14:14">
      <c r="N893851" s="10"/>
    </row>
    <row r="893852" spans="14:14">
      <c r="N893852" s="10"/>
    </row>
    <row r="893853" spans="14:14">
      <c r="N893853" s="10"/>
    </row>
    <row r="893854" spans="14:14">
      <c r="N893854" s="10"/>
    </row>
    <row r="893855" spans="14:14">
      <c r="N893855" s="10"/>
    </row>
    <row r="893856" spans="14:14">
      <c r="N893856" s="10"/>
    </row>
    <row r="893857" spans="14:14">
      <c r="N893857" s="10"/>
    </row>
    <row r="893858" spans="14:14">
      <c r="N893858" s="10"/>
    </row>
    <row r="893859" spans="14:14">
      <c r="N893859" s="10"/>
    </row>
    <row r="893860" spans="14:14">
      <c r="N893860" s="10"/>
    </row>
    <row r="893861" spans="14:14">
      <c r="N893861" s="10"/>
    </row>
    <row r="893862" spans="14:14">
      <c r="N893862" s="10"/>
    </row>
    <row r="893863" spans="14:14">
      <c r="N893863" s="10"/>
    </row>
    <row r="893864" spans="14:14">
      <c r="N893864" s="10"/>
    </row>
    <row r="893865" spans="14:14">
      <c r="N893865" s="10"/>
    </row>
    <row r="893866" spans="14:14">
      <c r="N893866" s="10"/>
    </row>
    <row r="893867" spans="14:14">
      <c r="N893867" s="10"/>
    </row>
    <row r="893868" spans="14:14">
      <c r="N893868" s="10"/>
    </row>
    <row r="893869" spans="14:14">
      <c r="N893869" s="10"/>
    </row>
    <row r="893870" spans="14:14">
      <c r="N893870" s="10"/>
    </row>
    <row r="893871" spans="14:14">
      <c r="N893871" s="10"/>
    </row>
    <row r="893872" spans="14:14">
      <c r="N893872" s="10"/>
    </row>
    <row r="893873" spans="14:14">
      <c r="N893873" s="10"/>
    </row>
    <row r="893874" spans="14:14">
      <c r="N893874" s="10"/>
    </row>
    <row r="893875" spans="14:14">
      <c r="N893875" s="10"/>
    </row>
    <row r="893876" spans="14:14">
      <c r="N893876" s="10"/>
    </row>
    <row r="893877" spans="14:14">
      <c r="N893877" s="10"/>
    </row>
    <row r="893878" spans="14:14">
      <c r="N893878" s="10"/>
    </row>
    <row r="893879" spans="14:14">
      <c r="N893879" s="10"/>
    </row>
    <row r="893880" spans="14:14">
      <c r="N893880" s="10"/>
    </row>
    <row r="893881" spans="14:14">
      <c r="N893881" s="10"/>
    </row>
    <row r="893882" spans="14:14">
      <c r="N893882" s="10"/>
    </row>
    <row r="893883" spans="14:14">
      <c r="N893883" s="10"/>
    </row>
    <row r="893884" spans="14:14">
      <c r="N893884" s="10"/>
    </row>
    <row r="893885" spans="14:14">
      <c r="N893885" s="10"/>
    </row>
    <row r="893886" spans="14:14">
      <c r="N893886" s="10"/>
    </row>
    <row r="893887" spans="14:14">
      <c r="N893887" s="10"/>
    </row>
    <row r="893888" spans="14:14">
      <c r="N893888" s="10"/>
    </row>
    <row r="893889" spans="14:14">
      <c r="N893889" s="10"/>
    </row>
    <row r="893890" spans="14:14">
      <c r="N893890" s="10"/>
    </row>
    <row r="893891" spans="14:14">
      <c r="N893891" s="10"/>
    </row>
    <row r="893892" spans="14:14">
      <c r="N893892" s="10"/>
    </row>
    <row r="893893" spans="14:14">
      <c r="N893893" s="10"/>
    </row>
    <row r="893894" spans="14:14">
      <c r="N893894" s="10"/>
    </row>
    <row r="893895" spans="14:14">
      <c r="N893895" s="10"/>
    </row>
    <row r="893896" spans="14:14">
      <c r="N893896" s="10"/>
    </row>
    <row r="893897" spans="14:14">
      <c r="N893897" s="10"/>
    </row>
    <row r="893898" spans="14:14">
      <c r="N893898" s="10"/>
    </row>
    <row r="893899" spans="14:14">
      <c r="N893899" s="10"/>
    </row>
    <row r="893900" spans="14:14">
      <c r="N893900" s="10"/>
    </row>
    <row r="893901" spans="14:14">
      <c r="N893901" s="10"/>
    </row>
    <row r="893902" spans="14:14">
      <c r="N893902" s="10"/>
    </row>
    <row r="893903" spans="14:14">
      <c r="N893903" s="10"/>
    </row>
    <row r="893904" spans="14:14">
      <c r="N893904" s="10"/>
    </row>
    <row r="893905" spans="14:14">
      <c r="N893905" s="10"/>
    </row>
    <row r="893906" spans="14:14">
      <c r="N893906" s="10"/>
    </row>
    <row r="893907" spans="14:14">
      <c r="N893907" s="10"/>
    </row>
    <row r="893908" spans="14:14">
      <c r="N893908" s="10"/>
    </row>
    <row r="893909" spans="14:14">
      <c r="N893909" s="10"/>
    </row>
    <row r="893910" spans="14:14">
      <c r="N893910" s="10"/>
    </row>
    <row r="893911" spans="14:14">
      <c r="N893911" s="10"/>
    </row>
    <row r="893912" spans="14:14">
      <c r="N893912" s="10"/>
    </row>
    <row r="893913" spans="14:14">
      <c r="N893913" s="10"/>
    </row>
    <row r="893914" spans="14:14">
      <c r="N893914" s="10"/>
    </row>
    <row r="893915" spans="14:14">
      <c r="N893915" s="10"/>
    </row>
    <row r="893916" spans="14:14">
      <c r="N893916" s="10"/>
    </row>
    <row r="893917" spans="14:14">
      <c r="N893917" s="10"/>
    </row>
    <row r="893918" spans="14:14">
      <c r="N893918" s="10"/>
    </row>
    <row r="893919" spans="14:14">
      <c r="N893919" s="10"/>
    </row>
    <row r="893920" spans="14:14">
      <c r="N893920" s="10"/>
    </row>
    <row r="893921" spans="14:14">
      <c r="N893921" s="10"/>
    </row>
    <row r="893922" spans="14:14">
      <c r="N893922" s="10"/>
    </row>
    <row r="893923" spans="14:14">
      <c r="N893923" s="10"/>
    </row>
    <row r="893924" spans="14:14">
      <c r="N893924" s="10"/>
    </row>
    <row r="893925" spans="14:14">
      <c r="N893925" s="10"/>
    </row>
    <row r="893926" spans="14:14">
      <c r="N893926" s="10"/>
    </row>
    <row r="893927" spans="14:14">
      <c r="N893927" s="10"/>
    </row>
    <row r="893928" spans="14:14">
      <c r="N893928" s="10"/>
    </row>
    <row r="893929" spans="14:14">
      <c r="N893929" s="10"/>
    </row>
    <row r="893930" spans="14:14">
      <c r="N893930" s="10"/>
    </row>
    <row r="893931" spans="14:14">
      <c r="N893931" s="10"/>
    </row>
    <row r="893932" spans="14:14">
      <c r="N893932" s="10"/>
    </row>
    <row r="893933" spans="14:14">
      <c r="N893933" s="10"/>
    </row>
    <row r="893934" spans="14:14">
      <c r="N893934" s="10"/>
    </row>
    <row r="893935" spans="14:14">
      <c r="N893935" s="10"/>
    </row>
    <row r="893936" spans="14:14">
      <c r="N893936" s="10"/>
    </row>
    <row r="893937" spans="14:14">
      <c r="N893937" s="10"/>
    </row>
    <row r="893938" spans="14:14">
      <c r="N893938" s="10"/>
    </row>
    <row r="893939" spans="14:14">
      <c r="N893939" s="10"/>
    </row>
    <row r="893940" spans="14:14">
      <c r="N893940" s="10"/>
    </row>
    <row r="893941" spans="14:14">
      <c r="N893941" s="10"/>
    </row>
    <row r="893942" spans="14:14">
      <c r="N893942" s="10"/>
    </row>
    <row r="893943" spans="14:14">
      <c r="N893943" s="10"/>
    </row>
    <row r="893944" spans="14:14">
      <c r="N893944" s="10"/>
    </row>
    <row r="893945" spans="14:14">
      <c r="N893945" s="10"/>
    </row>
    <row r="893946" spans="14:14">
      <c r="N893946" s="10"/>
    </row>
    <row r="893947" spans="14:14">
      <c r="N893947" s="10"/>
    </row>
    <row r="893948" spans="14:14">
      <c r="N893948" s="10"/>
    </row>
    <row r="893949" spans="14:14">
      <c r="N893949" s="10"/>
    </row>
    <row r="893950" spans="14:14">
      <c r="N893950" s="10"/>
    </row>
    <row r="893951" spans="14:14">
      <c r="N893951" s="10"/>
    </row>
    <row r="893952" spans="14:14">
      <c r="N893952" s="10"/>
    </row>
    <row r="893953" spans="14:14">
      <c r="N893953" s="10"/>
    </row>
    <row r="893954" spans="14:14">
      <c r="N893954" s="10"/>
    </row>
    <row r="893955" spans="14:14">
      <c r="N893955" s="10"/>
    </row>
    <row r="893956" spans="14:14">
      <c r="N893956" s="10"/>
    </row>
    <row r="893957" spans="14:14">
      <c r="N893957" s="10"/>
    </row>
    <row r="893958" spans="14:14">
      <c r="N893958" s="10"/>
    </row>
    <row r="893959" spans="14:14">
      <c r="N893959" s="10"/>
    </row>
    <row r="893960" spans="14:14">
      <c r="N893960" s="10"/>
    </row>
    <row r="893961" spans="14:14">
      <c r="N893961" s="10"/>
    </row>
    <row r="893962" spans="14:14">
      <c r="N893962" s="10"/>
    </row>
    <row r="893963" spans="14:14">
      <c r="N893963" s="10"/>
    </row>
    <row r="893964" spans="14:14">
      <c r="N893964" s="10"/>
    </row>
    <row r="893965" spans="14:14">
      <c r="N893965" s="10"/>
    </row>
    <row r="893966" spans="14:14">
      <c r="N893966" s="10"/>
    </row>
    <row r="893967" spans="14:14">
      <c r="N893967" s="10"/>
    </row>
    <row r="893968" spans="14:14">
      <c r="N893968" s="10"/>
    </row>
    <row r="893969" spans="14:14">
      <c r="N893969" s="10"/>
    </row>
    <row r="893970" spans="14:14">
      <c r="N893970" s="10"/>
    </row>
    <row r="893971" spans="14:14">
      <c r="N893971" s="10"/>
    </row>
    <row r="893972" spans="14:14">
      <c r="N893972" s="10"/>
    </row>
    <row r="893973" spans="14:14">
      <c r="N893973" s="10"/>
    </row>
    <row r="893974" spans="14:14">
      <c r="N893974" s="10"/>
    </row>
    <row r="893975" spans="14:14">
      <c r="N893975" s="10"/>
    </row>
    <row r="893976" spans="14:14">
      <c r="N893976" s="10"/>
    </row>
    <row r="893977" spans="14:14">
      <c r="N893977" s="10"/>
    </row>
    <row r="893978" spans="14:14">
      <c r="N893978" s="10"/>
    </row>
    <row r="893979" spans="14:14">
      <c r="N893979" s="10"/>
    </row>
    <row r="893980" spans="14:14">
      <c r="N893980" s="10"/>
    </row>
    <row r="893981" spans="14:14">
      <c r="N893981" s="10"/>
    </row>
    <row r="893982" spans="14:14">
      <c r="N893982" s="10"/>
    </row>
    <row r="893983" spans="14:14">
      <c r="N893983" s="10"/>
    </row>
    <row r="893984" spans="14:14">
      <c r="N893984" s="10"/>
    </row>
    <row r="893985" spans="14:14">
      <c r="N893985" s="10"/>
    </row>
    <row r="893986" spans="14:14">
      <c r="N893986" s="10"/>
    </row>
    <row r="893987" spans="14:14">
      <c r="N893987" s="10"/>
    </row>
    <row r="893988" spans="14:14">
      <c r="N893988" s="10"/>
    </row>
    <row r="893989" spans="14:14">
      <c r="N893989" s="10"/>
    </row>
    <row r="893990" spans="14:14">
      <c r="N893990" s="10"/>
    </row>
    <row r="893991" spans="14:14">
      <c r="N893991" s="10"/>
    </row>
    <row r="893992" spans="14:14">
      <c r="N893992" s="10"/>
    </row>
    <row r="893993" spans="14:14">
      <c r="N893993" s="10"/>
    </row>
    <row r="893994" spans="14:14">
      <c r="N893994" s="10"/>
    </row>
    <row r="893995" spans="14:14">
      <c r="N893995" s="10"/>
    </row>
    <row r="893996" spans="14:14">
      <c r="N893996" s="10"/>
    </row>
    <row r="893997" spans="14:14">
      <c r="N893997" s="10"/>
    </row>
    <row r="893998" spans="14:14">
      <c r="N893998" s="10"/>
    </row>
    <row r="893999" spans="14:14">
      <c r="N893999" s="10"/>
    </row>
    <row r="894000" spans="14:14">
      <c r="N894000" s="10"/>
    </row>
    <row r="894001" spans="14:14">
      <c r="N894001" s="10"/>
    </row>
    <row r="894002" spans="14:14">
      <c r="N894002" s="10"/>
    </row>
    <row r="894003" spans="14:14">
      <c r="N894003" s="10"/>
    </row>
    <row r="894004" spans="14:14">
      <c r="N894004" s="10"/>
    </row>
    <row r="894005" spans="14:14">
      <c r="N894005" s="10"/>
    </row>
    <row r="894006" spans="14:14">
      <c r="N894006" s="10"/>
    </row>
    <row r="894007" spans="14:14">
      <c r="N894007" s="10"/>
    </row>
    <row r="894008" spans="14:14">
      <c r="N894008" s="10"/>
    </row>
    <row r="894009" spans="14:14">
      <c r="N894009" s="10"/>
    </row>
    <row r="894010" spans="14:14">
      <c r="N894010" s="10"/>
    </row>
    <row r="894011" spans="14:14">
      <c r="N894011" s="10"/>
    </row>
    <row r="894012" spans="14:14">
      <c r="N894012" s="10"/>
    </row>
    <row r="894013" spans="14:14">
      <c r="N894013" s="10"/>
    </row>
    <row r="894014" spans="14:14">
      <c r="N894014" s="10"/>
    </row>
    <row r="894015" spans="14:14">
      <c r="N894015" s="10"/>
    </row>
    <row r="894016" spans="14:14">
      <c r="N894016" s="10"/>
    </row>
    <row r="894017" spans="14:14">
      <c r="N894017" s="10"/>
    </row>
    <row r="894018" spans="14:14">
      <c r="N894018" s="10"/>
    </row>
    <row r="894019" spans="14:14">
      <c r="N894019" s="10"/>
    </row>
    <row r="894020" spans="14:14">
      <c r="N894020" s="10"/>
    </row>
    <row r="894021" spans="14:14">
      <c r="N894021" s="10"/>
    </row>
    <row r="894022" spans="14:14">
      <c r="N894022" s="10"/>
    </row>
    <row r="894023" spans="14:14">
      <c r="N894023" s="10"/>
    </row>
    <row r="894024" spans="14:14">
      <c r="N894024" s="10"/>
    </row>
    <row r="894025" spans="14:14">
      <c r="N894025" s="10"/>
    </row>
    <row r="894026" spans="14:14">
      <c r="N894026" s="10"/>
    </row>
    <row r="894027" spans="14:14">
      <c r="N894027" s="10"/>
    </row>
    <row r="894028" spans="14:14">
      <c r="N894028" s="10"/>
    </row>
    <row r="894029" spans="14:14">
      <c r="N894029" s="10"/>
    </row>
    <row r="894030" spans="14:14">
      <c r="N894030" s="10"/>
    </row>
    <row r="894031" spans="14:14">
      <c r="N894031" s="10"/>
    </row>
    <row r="894032" spans="14:14">
      <c r="N894032" s="10"/>
    </row>
    <row r="894033" spans="14:14">
      <c r="N894033" s="10"/>
    </row>
    <row r="894034" spans="14:14">
      <c r="N894034" s="10"/>
    </row>
    <row r="894035" spans="14:14">
      <c r="N894035" s="10"/>
    </row>
    <row r="894036" spans="14:14">
      <c r="N894036" s="10"/>
    </row>
    <row r="894037" spans="14:14">
      <c r="N894037" s="10"/>
    </row>
    <row r="894038" spans="14:14">
      <c r="N894038" s="10"/>
    </row>
    <row r="894039" spans="14:14">
      <c r="N894039" s="10"/>
    </row>
    <row r="894040" spans="14:14">
      <c r="N894040" s="10"/>
    </row>
    <row r="894041" spans="14:14">
      <c r="N894041" s="10"/>
    </row>
    <row r="894042" spans="14:14">
      <c r="N894042" s="10"/>
    </row>
    <row r="894043" spans="14:14">
      <c r="N894043" s="10"/>
    </row>
    <row r="894044" spans="14:14">
      <c r="N894044" s="10"/>
    </row>
    <row r="894045" spans="14:14">
      <c r="N894045" s="10"/>
    </row>
    <row r="894046" spans="14:14">
      <c r="N894046" s="10"/>
    </row>
    <row r="894047" spans="14:14">
      <c r="N894047" s="10"/>
    </row>
    <row r="894048" spans="14:14">
      <c r="N894048" s="10"/>
    </row>
    <row r="894049" spans="14:14">
      <c r="N894049" s="10"/>
    </row>
    <row r="894050" spans="14:14">
      <c r="N894050" s="10"/>
    </row>
    <row r="894051" spans="14:14">
      <c r="N894051" s="10"/>
    </row>
    <row r="894052" spans="14:14">
      <c r="N894052" s="10"/>
    </row>
    <row r="894053" spans="14:14">
      <c r="N894053" s="10"/>
    </row>
    <row r="894054" spans="14:14">
      <c r="N894054" s="10"/>
    </row>
    <row r="894055" spans="14:14">
      <c r="N894055" s="10"/>
    </row>
    <row r="894056" spans="14:14">
      <c r="N894056" s="10"/>
    </row>
    <row r="894057" spans="14:14">
      <c r="N894057" s="10"/>
    </row>
    <row r="894058" spans="14:14">
      <c r="N894058" s="10"/>
    </row>
    <row r="894059" spans="14:14">
      <c r="N894059" s="10"/>
    </row>
    <row r="894060" spans="14:14">
      <c r="N894060" s="10"/>
    </row>
    <row r="894061" spans="14:14">
      <c r="N894061" s="10"/>
    </row>
    <row r="894062" spans="14:14">
      <c r="N894062" s="10"/>
    </row>
    <row r="894063" spans="14:14">
      <c r="N894063" s="10"/>
    </row>
    <row r="894064" spans="14:14">
      <c r="N894064" s="10"/>
    </row>
    <row r="894065" spans="14:14">
      <c r="N894065" s="10"/>
    </row>
    <row r="894066" spans="14:14">
      <c r="N894066" s="10"/>
    </row>
    <row r="894067" spans="14:14">
      <c r="N894067" s="10"/>
    </row>
    <row r="894068" spans="14:14">
      <c r="N894068" s="10"/>
    </row>
    <row r="894069" spans="14:14">
      <c r="N894069" s="10"/>
    </row>
    <row r="894070" spans="14:14">
      <c r="N894070" s="10"/>
    </row>
    <row r="894071" spans="14:14">
      <c r="N894071" s="10"/>
    </row>
    <row r="894072" spans="14:14">
      <c r="N894072" s="10"/>
    </row>
    <row r="894073" spans="14:14">
      <c r="N894073" s="10"/>
    </row>
    <row r="894074" spans="14:14">
      <c r="N894074" s="10"/>
    </row>
    <row r="894075" spans="14:14">
      <c r="N894075" s="10"/>
    </row>
    <row r="894076" spans="14:14">
      <c r="N894076" s="10"/>
    </row>
    <row r="894077" spans="14:14">
      <c r="N894077" s="10"/>
    </row>
    <row r="894078" spans="14:14">
      <c r="N894078" s="10"/>
    </row>
    <row r="894079" spans="14:14">
      <c r="N894079" s="10"/>
    </row>
    <row r="894080" spans="14:14">
      <c r="N894080" s="10"/>
    </row>
    <row r="894081" spans="14:14">
      <c r="N894081" s="10"/>
    </row>
    <row r="894082" spans="14:14">
      <c r="N894082" s="10"/>
    </row>
    <row r="894083" spans="14:14">
      <c r="N894083" s="10"/>
    </row>
    <row r="894084" spans="14:14">
      <c r="N894084" s="10"/>
    </row>
    <row r="894085" spans="14:14">
      <c r="N894085" s="10"/>
    </row>
    <row r="894086" spans="14:14">
      <c r="N894086" s="10"/>
    </row>
    <row r="894087" spans="14:14">
      <c r="N894087" s="10"/>
    </row>
    <row r="894088" spans="14:14">
      <c r="N894088" s="10"/>
    </row>
    <row r="894089" spans="14:14">
      <c r="N894089" s="10"/>
    </row>
    <row r="894090" spans="14:14">
      <c r="N894090" s="10"/>
    </row>
    <row r="894091" spans="14:14">
      <c r="N894091" s="10"/>
    </row>
    <row r="894092" spans="14:14">
      <c r="N894092" s="10"/>
    </row>
    <row r="894093" spans="14:14">
      <c r="N894093" s="10"/>
    </row>
    <row r="894094" spans="14:14">
      <c r="N894094" s="10"/>
    </row>
    <row r="894095" spans="14:14">
      <c r="N894095" s="10"/>
    </row>
    <row r="894096" spans="14:14">
      <c r="N894096" s="10"/>
    </row>
    <row r="894097" spans="14:14">
      <c r="N894097" s="10"/>
    </row>
    <row r="894098" spans="14:14">
      <c r="N894098" s="10"/>
    </row>
    <row r="894099" spans="14:14">
      <c r="N894099" s="10"/>
    </row>
    <row r="894100" spans="14:14">
      <c r="N894100" s="10"/>
    </row>
    <row r="894101" spans="14:14">
      <c r="N894101" s="10"/>
    </row>
    <row r="894102" spans="14:14">
      <c r="N894102" s="10"/>
    </row>
    <row r="894103" spans="14:14">
      <c r="N894103" s="10"/>
    </row>
    <row r="894104" spans="14:14">
      <c r="N894104" s="10"/>
    </row>
    <row r="894105" spans="14:14">
      <c r="N894105" s="10"/>
    </row>
    <row r="894106" spans="14:14">
      <c r="N894106" s="10"/>
    </row>
    <row r="894107" spans="14:14">
      <c r="N894107" s="10"/>
    </row>
    <row r="894108" spans="14:14">
      <c r="N894108" s="10"/>
    </row>
    <row r="894109" spans="14:14">
      <c r="N894109" s="10"/>
    </row>
    <row r="894110" spans="14:14">
      <c r="N894110" s="10"/>
    </row>
    <row r="894111" spans="14:14">
      <c r="N894111" s="10"/>
    </row>
    <row r="894112" spans="14:14">
      <c r="N894112" s="10"/>
    </row>
    <row r="894113" spans="14:14">
      <c r="N894113" s="10"/>
    </row>
    <row r="894114" spans="14:14">
      <c r="N894114" s="10"/>
    </row>
    <row r="894115" spans="14:14">
      <c r="N894115" s="10"/>
    </row>
    <row r="894116" spans="14:14">
      <c r="N894116" s="10"/>
    </row>
    <row r="894117" spans="14:14">
      <c r="N894117" s="10"/>
    </row>
    <row r="894118" spans="14:14">
      <c r="N894118" s="10"/>
    </row>
    <row r="894119" spans="14:14">
      <c r="N894119" s="10"/>
    </row>
    <row r="894120" spans="14:14">
      <c r="N894120" s="10"/>
    </row>
    <row r="894121" spans="14:14">
      <c r="N894121" s="10"/>
    </row>
    <row r="894122" spans="14:14">
      <c r="N894122" s="10"/>
    </row>
    <row r="894123" spans="14:14">
      <c r="N894123" s="10"/>
    </row>
    <row r="894124" spans="14:14">
      <c r="N894124" s="10"/>
    </row>
    <row r="894125" spans="14:14">
      <c r="N894125" s="10"/>
    </row>
    <row r="894126" spans="14:14">
      <c r="N894126" s="10"/>
    </row>
    <row r="894127" spans="14:14">
      <c r="N894127" s="10"/>
    </row>
    <row r="894128" spans="14:14">
      <c r="N894128" s="10"/>
    </row>
    <row r="894129" spans="14:14">
      <c r="N894129" s="10"/>
    </row>
    <row r="894130" spans="14:14">
      <c r="N894130" s="10"/>
    </row>
    <row r="894131" spans="14:14">
      <c r="N894131" s="10"/>
    </row>
    <row r="894132" spans="14:14">
      <c r="N894132" s="10"/>
    </row>
    <row r="894133" spans="14:14">
      <c r="N894133" s="10"/>
    </row>
    <row r="894134" spans="14:14">
      <c r="N894134" s="10"/>
    </row>
    <row r="894135" spans="14:14">
      <c r="N894135" s="10"/>
    </row>
    <row r="894136" spans="14:14">
      <c r="N894136" s="10"/>
    </row>
    <row r="894137" spans="14:14">
      <c r="N894137" s="10"/>
    </row>
    <row r="894138" spans="14:14">
      <c r="N894138" s="10"/>
    </row>
    <row r="894139" spans="14:14">
      <c r="N894139" s="10"/>
    </row>
    <row r="894140" spans="14:14">
      <c r="N894140" s="10"/>
    </row>
    <row r="894141" spans="14:14">
      <c r="N894141" s="10"/>
    </row>
    <row r="894142" spans="14:14">
      <c r="N894142" s="10"/>
    </row>
    <row r="894143" spans="14:14">
      <c r="N894143" s="10"/>
    </row>
    <row r="894144" spans="14:14">
      <c r="N894144" s="10"/>
    </row>
    <row r="894145" spans="14:14">
      <c r="N894145" s="10"/>
    </row>
    <row r="894146" spans="14:14">
      <c r="N894146" s="10"/>
    </row>
    <row r="894147" spans="14:14">
      <c r="N894147" s="10"/>
    </row>
    <row r="894148" spans="14:14">
      <c r="N894148" s="10"/>
    </row>
    <row r="894149" spans="14:14">
      <c r="N894149" s="10"/>
    </row>
    <row r="894150" spans="14:14">
      <c r="N894150" s="10"/>
    </row>
    <row r="894151" spans="14:14">
      <c r="N894151" s="10"/>
    </row>
    <row r="894152" spans="14:14">
      <c r="N894152" s="10"/>
    </row>
    <row r="894153" spans="14:14">
      <c r="N894153" s="10"/>
    </row>
    <row r="894154" spans="14:14">
      <c r="N894154" s="10"/>
    </row>
    <row r="894155" spans="14:14">
      <c r="N894155" s="10"/>
    </row>
    <row r="894156" spans="14:14">
      <c r="N894156" s="10"/>
    </row>
    <row r="894157" spans="14:14">
      <c r="N894157" s="10"/>
    </row>
    <row r="894158" spans="14:14">
      <c r="N894158" s="10"/>
    </row>
    <row r="894159" spans="14:14">
      <c r="N894159" s="10"/>
    </row>
    <row r="894160" spans="14:14">
      <c r="N894160" s="10"/>
    </row>
    <row r="894161" spans="14:14">
      <c r="N894161" s="10"/>
    </row>
    <row r="894162" spans="14:14">
      <c r="N894162" s="10"/>
    </row>
    <row r="894163" spans="14:14">
      <c r="N894163" s="10"/>
    </row>
    <row r="894164" spans="14:14">
      <c r="N894164" s="10"/>
    </row>
    <row r="894165" spans="14:14">
      <c r="N894165" s="10"/>
    </row>
    <row r="894166" spans="14:14">
      <c r="N894166" s="10"/>
    </row>
    <row r="894167" spans="14:14">
      <c r="N894167" s="10"/>
    </row>
    <row r="894168" spans="14:14">
      <c r="N894168" s="10"/>
    </row>
    <row r="894169" spans="14:14">
      <c r="N894169" s="10"/>
    </row>
    <row r="894170" spans="14:14">
      <c r="N894170" s="10"/>
    </row>
    <row r="894171" spans="14:14">
      <c r="N894171" s="10"/>
    </row>
    <row r="894172" spans="14:14">
      <c r="N894172" s="10"/>
    </row>
    <row r="894173" spans="14:14">
      <c r="N894173" s="10"/>
    </row>
    <row r="894174" spans="14:14">
      <c r="N894174" s="10"/>
    </row>
    <row r="894175" spans="14:14">
      <c r="N894175" s="10"/>
    </row>
    <row r="894176" spans="14:14">
      <c r="N894176" s="10"/>
    </row>
    <row r="894177" spans="14:14">
      <c r="N894177" s="10"/>
    </row>
    <row r="894178" spans="14:14">
      <c r="N894178" s="10"/>
    </row>
    <row r="894179" spans="14:14">
      <c r="N894179" s="10"/>
    </row>
    <row r="894180" spans="14:14">
      <c r="N894180" s="10"/>
    </row>
    <row r="894181" spans="14:14">
      <c r="N894181" s="10"/>
    </row>
    <row r="894182" spans="14:14">
      <c r="N894182" s="10"/>
    </row>
    <row r="894183" spans="14:14">
      <c r="N894183" s="10"/>
    </row>
    <row r="894184" spans="14:14">
      <c r="N894184" s="10"/>
    </row>
    <row r="894185" spans="14:14">
      <c r="N894185" s="10"/>
    </row>
    <row r="894186" spans="14:14">
      <c r="N894186" s="10"/>
    </row>
    <row r="894187" spans="14:14">
      <c r="N894187" s="10"/>
    </row>
    <row r="894188" spans="14:14">
      <c r="N894188" s="10"/>
    </row>
    <row r="894189" spans="14:14">
      <c r="N894189" s="10"/>
    </row>
    <row r="894190" spans="14:14">
      <c r="N894190" s="10"/>
    </row>
    <row r="894191" spans="14:14">
      <c r="N894191" s="10"/>
    </row>
    <row r="894192" spans="14:14">
      <c r="N894192" s="10"/>
    </row>
    <row r="894193" spans="14:14">
      <c r="N894193" s="10"/>
    </row>
    <row r="894194" spans="14:14">
      <c r="N894194" s="10"/>
    </row>
    <row r="894195" spans="14:14">
      <c r="N894195" s="10"/>
    </row>
    <row r="894196" spans="14:14">
      <c r="N894196" s="10"/>
    </row>
    <row r="894197" spans="14:14">
      <c r="N894197" s="10"/>
    </row>
    <row r="894198" spans="14:14">
      <c r="N894198" s="10"/>
    </row>
    <row r="894199" spans="14:14">
      <c r="N894199" s="10"/>
    </row>
    <row r="894200" spans="14:14">
      <c r="N894200" s="10"/>
    </row>
    <row r="894201" spans="14:14">
      <c r="N894201" s="10"/>
    </row>
    <row r="894202" spans="14:14">
      <c r="N894202" s="10"/>
    </row>
    <row r="894203" spans="14:14">
      <c r="N894203" s="10"/>
    </row>
    <row r="894204" spans="14:14">
      <c r="N894204" s="10"/>
    </row>
    <row r="894205" spans="14:14">
      <c r="N894205" s="10"/>
    </row>
    <row r="894206" spans="14:14">
      <c r="N894206" s="10"/>
    </row>
    <row r="894207" spans="14:14">
      <c r="N894207" s="10"/>
    </row>
    <row r="894208" spans="14:14">
      <c r="N894208" s="10"/>
    </row>
    <row r="894209" spans="14:14">
      <c r="N894209" s="10"/>
    </row>
    <row r="894210" spans="14:14">
      <c r="N894210" s="10"/>
    </row>
    <row r="894211" spans="14:14">
      <c r="N894211" s="10"/>
    </row>
    <row r="894212" spans="14:14">
      <c r="N894212" s="10"/>
    </row>
    <row r="894213" spans="14:14">
      <c r="N894213" s="10"/>
    </row>
    <row r="894214" spans="14:14">
      <c r="N894214" s="10"/>
    </row>
    <row r="894215" spans="14:14">
      <c r="N894215" s="10"/>
    </row>
    <row r="894216" spans="14:14">
      <c r="N894216" s="10"/>
    </row>
    <row r="894217" spans="14:14">
      <c r="N894217" s="10"/>
    </row>
    <row r="894218" spans="14:14">
      <c r="N894218" s="10"/>
    </row>
    <row r="894219" spans="14:14">
      <c r="N894219" s="10"/>
    </row>
    <row r="894220" spans="14:14">
      <c r="N894220" s="10"/>
    </row>
    <row r="894221" spans="14:14">
      <c r="N894221" s="10"/>
    </row>
    <row r="894222" spans="14:14">
      <c r="N894222" s="10"/>
    </row>
    <row r="894223" spans="14:14">
      <c r="N894223" s="10"/>
    </row>
    <row r="894224" spans="14:14">
      <c r="N894224" s="10"/>
    </row>
    <row r="894225" spans="14:14">
      <c r="N894225" s="10"/>
    </row>
    <row r="894226" spans="14:14">
      <c r="N894226" s="10"/>
    </row>
    <row r="894227" spans="14:14">
      <c r="N894227" s="10"/>
    </row>
    <row r="894228" spans="14:14">
      <c r="N894228" s="10"/>
    </row>
    <row r="894229" spans="14:14">
      <c r="N894229" s="10"/>
    </row>
    <row r="894230" spans="14:14">
      <c r="N894230" s="10"/>
    </row>
    <row r="894231" spans="14:14">
      <c r="N894231" s="10"/>
    </row>
    <row r="894232" spans="14:14">
      <c r="N894232" s="10"/>
    </row>
    <row r="894233" spans="14:14">
      <c r="N894233" s="10"/>
    </row>
    <row r="894234" spans="14:14">
      <c r="N894234" s="10"/>
    </row>
    <row r="894235" spans="14:14">
      <c r="N894235" s="10"/>
    </row>
    <row r="894236" spans="14:14">
      <c r="N894236" s="10"/>
    </row>
    <row r="894237" spans="14:14">
      <c r="N894237" s="10"/>
    </row>
    <row r="894238" spans="14:14">
      <c r="N894238" s="10"/>
    </row>
    <row r="894239" spans="14:14">
      <c r="N894239" s="10"/>
    </row>
    <row r="894240" spans="14:14">
      <c r="N894240" s="10"/>
    </row>
    <row r="894241" spans="14:14">
      <c r="N894241" s="10"/>
    </row>
    <row r="894242" spans="14:14">
      <c r="N894242" s="10"/>
    </row>
    <row r="894243" spans="14:14">
      <c r="N894243" s="10"/>
    </row>
    <row r="894244" spans="14:14">
      <c r="N894244" s="10"/>
    </row>
    <row r="894245" spans="14:14">
      <c r="N894245" s="10"/>
    </row>
    <row r="894246" spans="14:14">
      <c r="N894246" s="10"/>
    </row>
    <row r="894247" spans="14:14">
      <c r="N894247" s="10"/>
    </row>
    <row r="894248" spans="14:14">
      <c r="N894248" s="10"/>
    </row>
    <row r="894249" spans="14:14">
      <c r="N894249" s="10"/>
    </row>
    <row r="894250" spans="14:14">
      <c r="N894250" s="10"/>
    </row>
    <row r="894251" spans="14:14">
      <c r="N894251" s="10"/>
    </row>
    <row r="894252" spans="14:14">
      <c r="N894252" s="10"/>
    </row>
    <row r="894253" spans="14:14">
      <c r="N894253" s="10"/>
    </row>
    <row r="894254" spans="14:14">
      <c r="N894254" s="10"/>
    </row>
    <row r="894255" spans="14:14">
      <c r="N894255" s="10"/>
    </row>
    <row r="894256" spans="14:14">
      <c r="N894256" s="10"/>
    </row>
    <row r="894257" spans="14:14">
      <c r="N894257" s="10"/>
    </row>
    <row r="894258" spans="14:14">
      <c r="N894258" s="10"/>
    </row>
    <row r="894259" spans="14:14">
      <c r="N894259" s="10"/>
    </row>
    <row r="894260" spans="14:14">
      <c r="N894260" s="10"/>
    </row>
    <row r="894261" spans="14:14">
      <c r="N894261" s="10"/>
    </row>
    <row r="894262" spans="14:14">
      <c r="N894262" s="10"/>
    </row>
    <row r="894263" spans="14:14">
      <c r="N894263" s="10"/>
    </row>
    <row r="894264" spans="14:14">
      <c r="N894264" s="10"/>
    </row>
    <row r="894265" spans="14:14">
      <c r="N894265" s="10"/>
    </row>
    <row r="894266" spans="14:14">
      <c r="N894266" s="10"/>
    </row>
    <row r="894267" spans="14:14">
      <c r="N894267" s="10"/>
    </row>
    <row r="894268" spans="14:14">
      <c r="N894268" s="10"/>
    </row>
    <row r="894269" spans="14:14">
      <c r="N894269" s="10"/>
    </row>
    <row r="894270" spans="14:14">
      <c r="N894270" s="10"/>
    </row>
    <row r="894271" spans="14:14">
      <c r="N894271" s="10"/>
    </row>
    <row r="894272" spans="14:14">
      <c r="N894272" s="10"/>
    </row>
    <row r="894273" spans="14:14">
      <c r="N894273" s="10"/>
    </row>
    <row r="894274" spans="14:14">
      <c r="N894274" s="10"/>
    </row>
    <row r="894275" spans="14:14">
      <c r="N894275" s="10"/>
    </row>
    <row r="894276" spans="14:14">
      <c r="N894276" s="10"/>
    </row>
    <row r="894277" spans="14:14">
      <c r="N894277" s="10"/>
    </row>
    <row r="894278" spans="14:14">
      <c r="N894278" s="10"/>
    </row>
    <row r="894279" spans="14:14">
      <c r="N894279" s="10"/>
    </row>
    <row r="894280" spans="14:14">
      <c r="N894280" s="10"/>
    </row>
    <row r="894281" spans="14:14">
      <c r="N894281" s="10"/>
    </row>
    <row r="894282" spans="14:14">
      <c r="N894282" s="10"/>
    </row>
    <row r="894283" spans="14:14">
      <c r="N894283" s="10"/>
    </row>
    <row r="894284" spans="14:14">
      <c r="N894284" s="10"/>
    </row>
    <row r="894285" spans="14:14">
      <c r="N894285" s="10"/>
    </row>
    <row r="894286" spans="14:14">
      <c r="N894286" s="10"/>
    </row>
    <row r="894287" spans="14:14">
      <c r="N894287" s="10"/>
    </row>
    <row r="894288" spans="14:14">
      <c r="N894288" s="10"/>
    </row>
    <row r="894289" spans="14:14">
      <c r="N894289" s="10"/>
    </row>
    <row r="894290" spans="14:14">
      <c r="N894290" s="10"/>
    </row>
    <row r="894291" spans="14:14">
      <c r="N894291" s="10"/>
    </row>
    <row r="894292" spans="14:14">
      <c r="N894292" s="10"/>
    </row>
    <row r="894293" spans="14:14">
      <c r="N894293" s="10"/>
    </row>
    <row r="894294" spans="14:14">
      <c r="N894294" s="10"/>
    </row>
    <row r="894295" spans="14:14">
      <c r="N894295" s="10"/>
    </row>
    <row r="894296" spans="14:14">
      <c r="N894296" s="10"/>
    </row>
    <row r="894297" spans="14:14">
      <c r="N894297" s="10"/>
    </row>
    <row r="894298" spans="14:14">
      <c r="N894298" s="10"/>
    </row>
    <row r="894299" spans="14:14">
      <c r="N894299" s="10"/>
    </row>
    <row r="894300" spans="14:14">
      <c r="N894300" s="10"/>
    </row>
    <row r="894301" spans="14:14">
      <c r="N894301" s="10"/>
    </row>
    <row r="894302" spans="14:14">
      <c r="N894302" s="10"/>
    </row>
    <row r="894303" spans="14:14">
      <c r="N894303" s="10"/>
    </row>
    <row r="894304" spans="14:14">
      <c r="N894304" s="10"/>
    </row>
    <row r="894305" spans="14:14">
      <c r="N894305" s="10"/>
    </row>
    <row r="894306" spans="14:14">
      <c r="N894306" s="10"/>
    </row>
    <row r="894307" spans="14:14">
      <c r="N894307" s="10"/>
    </row>
    <row r="894308" spans="14:14">
      <c r="N894308" s="10"/>
    </row>
    <row r="894309" spans="14:14">
      <c r="N894309" s="10"/>
    </row>
    <row r="894310" spans="14:14">
      <c r="N894310" s="10"/>
    </row>
    <row r="894311" spans="14:14">
      <c r="N894311" s="10"/>
    </row>
    <row r="894312" spans="14:14">
      <c r="N894312" s="10"/>
    </row>
    <row r="894313" spans="14:14">
      <c r="N894313" s="10"/>
    </row>
    <row r="894314" spans="14:14">
      <c r="N894314" s="10"/>
    </row>
    <row r="894315" spans="14:14">
      <c r="N894315" s="10"/>
    </row>
    <row r="894316" spans="14:14">
      <c r="N894316" s="10"/>
    </row>
    <row r="894317" spans="14:14">
      <c r="N894317" s="10"/>
    </row>
    <row r="894318" spans="14:14">
      <c r="N894318" s="10"/>
    </row>
    <row r="894319" spans="14:14">
      <c r="N894319" s="10"/>
    </row>
    <row r="894320" spans="14:14">
      <c r="N894320" s="10"/>
    </row>
    <row r="894321" spans="14:14">
      <c r="N894321" s="10"/>
    </row>
    <row r="894322" spans="14:14">
      <c r="N894322" s="10"/>
    </row>
    <row r="894323" spans="14:14">
      <c r="N894323" s="10"/>
    </row>
    <row r="894324" spans="14:14">
      <c r="N894324" s="10"/>
    </row>
    <row r="894325" spans="14:14">
      <c r="N894325" s="10"/>
    </row>
    <row r="894326" spans="14:14">
      <c r="N894326" s="10"/>
    </row>
    <row r="894327" spans="14:14">
      <c r="N894327" s="10"/>
    </row>
    <row r="894328" spans="14:14">
      <c r="N894328" s="10"/>
    </row>
    <row r="894329" spans="14:14">
      <c r="N894329" s="10"/>
    </row>
    <row r="894330" spans="14:14">
      <c r="N894330" s="10"/>
    </row>
    <row r="894331" spans="14:14">
      <c r="N894331" s="10"/>
    </row>
    <row r="894332" spans="14:14">
      <c r="N894332" s="10"/>
    </row>
    <row r="894333" spans="14:14">
      <c r="N894333" s="10"/>
    </row>
    <row r="894334" spans="14:14">
      <c r="N894334" s="10"/>
    </row>
    <row r="894335" spans="14:14">
      <c r="N894335" s="10"/>
    </row>
    <row r="894336" spans="14:14">
      <c r="N894336" s="10"/>
    </row>
    <row r="894337" spans="14:14">
      <c r="N894337" s="10"/>
    </row>
    <row r="894338" spans="14:14">
      <c r="N894338" s="10"/>
    </row>
    <row r="894339" spans="14:14">
      <c r="N894339" s="10"/>
    </row>
    <row r="894340" spans="14:14">
      <c r="N894340" s="10"/>
    </row>
    <row r="894341" spans="14:14">
      <c r="N894341" s="10"/>
    </row>
    <row r="894342" spans="14:14">
      <c r="N894342" s="10"/>
    </row>
    <row r="894343" spans="14:14">
      <c r="N894343" s="10"/>
    </row>
    <row r="894344" spans="14:14">
      <c r="N894344" s="10"/>
    </row>
    <row r="894345" spans="14:14">
      <c r="N894345" s="10"/>
    </row>
    <row r="894346" spans="14:14">
      <c r="N894346" s="10"/>
    </row>
    <row r="894347" spans="14:14">
      <c r="N894347" s="10"/>
    </row>
    <row r="894348" spans="14:14">
      <c r="N894348" s="10"/>
    </row>
    <row r="894349" spans="14:14">
      <c r="N894349" s="10"/>
    </row>
    <row r="894350" spans="14:14">
      <c r="N894350" s="10"/>
    </row>
    <row r="894351" spans="14:14">
      <c r="N894351" s="10"/>
    </row>
    <row r="894352" spans="14:14">
      <c r="N894352" s="10"/>
    </row>
    <row r="894353" spans="14:14">
      <c r="N894353" s="10"/>
    </row>
    <row r="894354" spans="14:14">
      <c r="N894354" s="10"/>
    </row>
    <row r="894355" spans="14:14">
      <c r="N894355" s="10"/>
    </row>
    <row r="894356" spans="14:14">
      <c r="N894356" s="10"/>
    </row>
    <row r="894357" spans="14:14">
      <c r="N894357" s="10"/>
    </row>
    <row r="894358" spans="14:14">
      <c r="N894358" s="10"/>
    </row>
    <row r="894359" spans="14:14">
      <c r="N894359" s="10"/>
    </row>
    <row r="894360" spans="14:14">
      <c r="N894360" s="10"/>
    </row>
    <row r="894361" spans="14:14">
      <c r="N894361" s="10"/>
    </row>
    <row r="894362" spans="14:14">
      <c r="N894362" s="10"/>
    </row>
    <row r="894363" spans="14:14">
      <c r="N894363" s="10"/>
    </row>
    <row r="894364" spans="14:14">
      <c r="N894364" s="10"/>
    </row>
    <row r="894365" spans="14:14">
      <c r="N894365" s="10"/>
    </row>
    <row r="894366" spans="14:14">
      <c r="N894366" s="10"/>
    </row>
    <row r="894367" spans="14:14">
      <c r="N894367" s="10"/>
    </row>
    <row r="894368" spans="14:14">
      <c r="N894368" s="10"/>
    </row>
    <row r="894369" spans="14:14">
      <c r="N894369" s="10"/>
    </row>
    <row r="894370" spans="14:14">
      <c r="N894370" s="10"/>
    </row>
    <row r="894371" spans="14:14">
      <c r="N894371" s="10"/>
    </row>
    <row r="894372" spans="14:14">
      <c r="N894372" s="10"/>
    </row>
    <row r="894373" spans="14:14">
      <c r="N894373" s="10"/>
    </row>
    <row r="894374" spans="14:14">
      <c r="N894374" s="10"/>
    </row>
    <row r="894375" spans="14:14">
      <c r="N894375" s="10"/>
    </row>
    <row r="894376" spans="14:14">
      <c r="N894376" s="10"/>
    </row>
    <row r="894377" spans="14:14">
      <c r="N894377" s="10"/>
    </row>
    <row r="894378" spans="14:14">
      <c r="N894378" s="10"/>
    </row>
    <row r="894379" spans="14:14">
      <c r="N894379" s="10"/>
    </row>
    <row r="894380" spans="14:14">
      <c r="N894380" s="10"/>
    </row>
    <row r="894381" spans="14:14">
      <c r="N894381" s="10"/>
    </row>
    <row r="894382" spans="14:14">
      <c r="N894382" s="10"/>
    </row>
    <row r="894383" spans="14:14">
      <c r="N894383" s="10"/>
    </row>
    <row r="894384" spans="14:14">
      <c r="N894384" s="10"/>
    </row>
    <row r="894385" spans="14:14">
      <c r="N894385" s="10"/>
    </row>
    <row r="894386" spans="14:14">
      <c r="N894386" s="10"/>
    </row>
    <row r="894387" spans="14:14">
      <c r="N894387" s="10"/>
    </row>
    <row r="894388" spans="14:14">
      <c r="N894388" s="10"/>
    </row>
    <row r="894389" spans="14:14">
      <c r="N894389" s="10"/>
    </row>
    <row r="894390" spans="14:14">
      <c r="N894390" s="10"/>
    </row>
    <row r="894391" spans="14:14">
      <c r="N894391" s="10"/>
    </row>
    <row r="894392" spans="14:14">
      <c r="N894392" s="10"/>
    </row>
    <row r="894393" spans="14:14">
      <c r="N894393" s="10"/>
    </row>
    <row r="894394" spans="14:14">
      <c r="N894394" s="10"/>
    </row>
    <row r="894395" spans="14:14">
      <c r="N894395" s="10"/>
    </row>
    <row r="894396" spans="14:14">
      <c r="N894396" s="10"/>
    </row>
    <row r="894397" spans="14:14">
      <c r="N894397" s="10"/>
    </row>
    <row r="894398" spans="14:14">
      <c r="N894398" s="10"/>
    </row>
    <row r="894399" spans="14:14">
      <c r="N894399" s="10"/>
    </row>
    <row r="894400" spans="14:14">
      <c r="N894400" s="10"/>
    </row>
    <row r="894401" spans="14:14">
      <c r="N894401" s="10"/>
    </row>
    <row r="894402" spans="14:14">
      <c r="N894402" s="10"/>
    </row>
    <row r="894403" spans="14:14">
      <c r="N894403" s="10"/>
    </row>
    <row r="894404" spans="14:14">
      <c r="N894404" s="10"/>
    </row>
    <row r="894405" spans="14:14">
      <c r="N894405" s="10"/>
    </row>
    <row r="894406" spans="14:14">
      <c r="N894406" s="10"/>
    </row>
    <row r="894407" spans="14:14">
      <c r="N894407" s="10"/>
    </row>
    <row r="894408" spans="14:14">
      <c r="N894408" s="10"/>
    </row>
    <row r="894409" spans="14:14">
      <c r="N894409" s="10"/>
    </row>
    <row r="894410" spans="14:14">
      <c r="N894410" s="10"/>
    </row>
    <row r="894411" spans="14:14">
      <c r="N894411" s="10"/>
    </row>
    <row r="894412" spans="14:14">
      <c r="N894412" s="10"/>
    </row>
    <row r="894413" spans="14:14">
      <c r="N894413" s="10"/>
    </row>
    <row r="894414" spans="14:14">
      <c r="N894414" s="10"/>
    </row>
    <row r="894415" spans="14:14">
      <c r="N894415" s="10"/>
    </row>
    <row r="894416" spans="14:14">
      <c r="N894416" s="10"/>
    </row>
    <row r="894417" spans="14:14">
      <c r="N894417" s="10"/>
    </row>
    <row r="894418" spans="14:14">
      <c r="N894418" s="10"/>
    </row>
    <row r="894419" spans="14:14">
      <c r="N894419" s="10"/>
    </row>
    <row r="894420" spans="14:14">
      <c r="N894420" s="10"/>
    </row>
    <row r="894421" spans="14:14">
      <c r="N894421" s="10"/>
    </row>
    <row r="894422" spans="14:14">
      <c r="N894422" s="10"/>
    </row>
    <row r="894423" spans="14:14">
      <c r="N894423" s="10"/>
    </row>
    <row r="894424" spans="14:14">
      <c r="N894424" s="10"/>
    </row>
    <row r="894425" spans="14:14">
      <c r="N894425" s="10"/>
    </row>
    <row r="894426" spans="14:14">
      <c r="N894426" s="10"/>
    </row>
    <row r="894427" spans="14:14">
      <c r="N894427" s="10"/>
    </row>
    <row r="894428" spans="14:14">
      <c r="N894428" s="10"/>
    </row>
    <row r="894429" spans="14:14">
      <c r="N894429" s="10"/>
    </row>
    <row r="894430" spans="14:14">
      <c r="N894430" s="10"/>
    </row>
    <row r="894431" spans="14:14">
      <c r="N894431" s="10"/>
    </row>
    <row r="894432" spans="14:14">
      <c r="N894432" s="10"/>
    </row>
    <row r="894433" spans="14:14">
      <c r="N894433" s="10"/>
    </row>
    <row r="894434" spans="14:14">
      <c r="N894434" s="10"/>
    </row>
    <row r="894435" spans="14:14">
      <c r="N894435" s="10"/>
    </row>
    <row r="894436" spans="14:14">
      <c r="N894436" s="10"/>
    </row>
    <row r="894437" spans="14:14">
      <c r="N894437" s="10"/>
    </row>
    <row r="894438" spans="14:14">
      <c r="N894438" s="10"/>
    </row>
    <row r="894439" spans="14:14">
      <c r="N894439" s="10"/>
    </row>
    <row r="894440" spans="14:14">
      <c r="N894440" s="10"/>
    </row>
    <row r="894441" spans="14:14">
      <c r="N894441" s="10"/>
    </row>
    <row r="894442" spans="14:14">
      <c r="N894442" s="10"/>
    </row>
    <row r="894443" spans="14:14">
      <c r="N894443" s="10"/>
    </row>
    <row r="894444" spans="14:14">
      <c r="N894444" s="10"/>
    </row>
    <row r="894445" spans="14:14">
      <c r="N894445" s="10"/>
    </row>
    <row r="894446" spans="14:14">
      <c r="N894446" s="10"/>
    </row>
    <row r="894447" spans="14:14">
      <c r="N894447" s="10"/>
    </row>
    <row r="894448" spans="14:14">
      <c r="N894448" s="10"/>
    </row>
    <row r="894449" spans="14:14">
      <c r="N894449" s="10"/>
    </row>
    <row r="894450" spans="14:14">
      <c r="N894450" s="10"/>
    </row>
    <row r="894451" spans="14:14">
      <c r="N894451" s="10"/>
    </row>
    <row r="894452" spans="14:14">
      <c r="N894452" s="10"/>
    </row>
    <row r="894453" spans="14:14">
      <c r="N894453" s="10"/>
    </row>
    <row r="894454" spans="14:14">
      <c r="N894454" s="10"/>
    </row>
    <row r="894455" spans="14:14">
      <c r="N894455" s="10"/>
    </row>
    <row r="894456" spans="14:14">
      <c r="N894456" s="10"/>
    </row>
    <row r="894457" spans="14:14">
      <c r="N894457" s="10"/>
    </row>
    <row r="894458" spans="14:14">
      <c r="N894458" s="10"/>
    </row>
    <row r="894459" spans="14:14">
      <c r="N894459" s="10"/>
    </row>
    <row r="894460" spans="14:14">
      <c r="N894460" s="10"/>
    </row>
    <row r="894461" spans="14:14">
      <c r="N894461" s="10"/>
    </row>
    <row r="894462" spans="14:14">
      <c r="N894462" s="10"/>
    </row>
    <row r="894463" spans="14:14">
      <c r="N894463" s="10"/>
    </row>
    <row r="894464" spans="14:14">
      <c r="N894464" s="10"/>
    </row>
    <row r="894465" spans="14:14">
      <c r="N894465" s="10"/>
    </row>
    <row r="894466" spans="14:14">
      <c r="N894466" s="10"/>
    </row>
    <row r="894467" spans="14:14">
      <c r="N894467" s="10"/>
    </row>
    <row r="894468" spans="14:14">
      <c r="N894468" s="10"/>
    </row>
    <row r="894469" spans="14:14">
      <c r="N894469" s="10"/>
    </row>
    <row r="894470" spans="14:14">
      <c r="N894470" s="10"/>
    </row>
    <row r="894471" spans="14:14">
      <c r="N894471" s="10"/>
    </row>
    <row r="894472" spans="14:14">
      <c r="N894472" s="10"/>
    </row>
    <row r="894473" spans="14:14">
      <c r="N894473" s="10"/>
    </row>
    <row r="894474" spans="14:14">
      <c r="N894474" s="10"/>
    </row>
    <row r="894475" spans="14:14">
      <c r="N894475" s="10"/>
    </row>
    <row r="894476" spans="14:14">
      <c r="N894476" s="10"/>
    </row>
    <row r="894477" spans="14:14">
      <c r="N894477" s="10"/>
    </row>
    <row r="894478" spans="14:14">
      <c r="N894478" s="10"/>
    </row>
    <row r="894479" spans="14:14">
      <c r="N894479" s="10"/>
    </row>
    <row r="894480" spans="14:14">
      <c r="N894480" s="10"/>
    </row>
    <row r="894481" spans="14:14">
      <c r="N894481" s="10"/>
    </row>
    <row r="894482" spans="14:14">
      <c r="N894482" s="10"/>
    </row>
    <row r="894483" spans="14:14">
      <c r="N894483" s="10"/>
    </row>
    <row r="894484" spans="14:14">
      <c r="N894484" s="10"/>
    </row>
    <row r="894485" spans="14:14">
      <c r="N894485" s="10"/>
    </row>
    <row r="894486" spans="14:14">
      <c r="N894486" s="10"/>
    </row>
    <row r="894487" spans="14:14">
      <c r="N894487" s="10"/>
    </row>
    <row r="894488" spans="14:14">
      <c r="N894488" s="10"/>
    </row>
    <row r="894489" spans="14:14">
      <c r="N894489" s="10"/>
    </row>
    <row r="894490" spans="14:14">
      <c r="N894490" s="10"/>
    </row>
    <row r="894491" spans="14:14">
      <c r="N894491" s="10"/>
    </row>
    <row r="894492" spans="14:14">
      <c r="N894492" s="10"/>
    </row>
    <row r="894493" spans="14:14">
      <c r="N894493" s="10"/>
    </row>
    <row r="894494" spans="14:14">
      <c r="N894494" s="10"/>
    </row>
    <row r="894495" spans="14:14">
      <c r="N894495" s="10"/>
    </row>
    <row r="894496" spans="14:14">
      <c r="N894496" s="10"/>
    </row>
    <row r="894497" spans="14:14">
      <c r="N894497" s="10"/>
    </row>
    <row r="894498" spans="14:14">
      <c r="N894498" s="10"/>
    </row>
    <row r="894499" spans="14:14">
      <c r="N894499" s="10"/>
    </row>
    <row r="894500" spans="14:14">
      <c r="N894500" s="10"/>
    </row>
    <row r="894501" spans="14:14">
      <c r="N894501" s="10"/>
    </row>
    <row r="894502" spans="14:14">
      <c r="N894502" s="10"/>
    </row>
    <row r="894503" spans="14:14">
      <c r="N894503" s="10"/>
    </row>
    <row r="894504" spans="14:14">
      <c r="N894504" s="10"/>
    </row>
    <row r="894505" spans="14:14">
      <c r="N894505" s="10"/>
    </row>
    <row r="894506" spans="14:14">
      <c r="N894506" s="10"/>
    </row>
    <row r="894507" spans="14:14">
      <c r="N894507" s="10"/>
    </row>
    <row r="894508" spans="14:14">
      <c r="N894508" s="10"/>
    </row>
    <row r="894509" spans="14:14">
      <c r="N894509" s="10"/>
    </row>
    <row r="894510" spans="14:14">
      <c r="N894510" s="10"/>
    </row>
    <row r="894511" spans="14:14">
      <c r="N894511" s="10"/>
    </row>
    <row r="894512" spans="14:14">
      <c r="N894512" s="10"/>
    </row>
    <row r="894513" spans="14:14">
      <c r="N894513" s="10"/>
    </row>
    <row r="894514" spans="14:14">
      <c r="N894514" s="10"/>
    </row>
    <row r="894515" spans="14:14">
      <c r="N894515" s="10"/>
    </row>
    <row r="894516" spans="14:14">
      <c r="N894516" s="10"/>
    </row>
    <row r="894517" spans="14:14">
      <c r="N894517" s="10"/>
    </row>
    <row r="894518" spans="14:14">
      <c r="N894518" s="10"/>
    </row>
    <row r="894519" spans="14:14">
      <c r="N894519" s="10"/>
    </row>
    <row r="894520" spans="14:14">
      <c r="N894520" s="10"/>
    </row>
    <row r="894521" spans="14:14">
      <c r="N894521" s="10"/>
    </row>
    <row r="894522" spans="14:14">
      <c r="N894522" s="10"/>
    </row>
    <row r="894523" spans="14:14">
      <c r="N894523" s="10"/>
    </row>
    <row r="894524" spans="14:14">
      <c r="N894524" s="10"/>
    </row>
    <row r="894525" spans="14:14">
      <c r="N894525" s="10"/>
    </row>
    <row r="894526" spans="14:14">
      <c r="N894526" s="10"/>
    </row>
    <row r="894527" spans="14:14">
      <c r="N894527" s="10"/>
    </row>
    <row r="894528" spans="14:14">
      <c r="N894528" s="10"/>
    </row>
    <row r="894529" spans="14:14">
      <c r="N894529" s="10"/>
    </row>
    <row r="894530" spans="14:14">
      <c r="N894530" s="10"/>
    </row>
    <row r="894531" spans="14:14">
      <c r="N894531" s="10"/>
    </row>
    <row r="894532" spans="14:14">
      <c r="N894532" s="10"/>
    </row>
    <row r="894533" spans="14:14">
      <c r="N894533" s="10"/>
    </row>
    <row r="894534" spans="14:14">
      <c r="N894534" s="10"/>
    </row>
    <row r="894535" spans="14:14">
      <c r="N894535" s="10"/>
    </row>
    <row r="894536" spans="14:14">
      <c r="N894536" s="10"/>
    </row>
    <row r="894537" spans="14:14">
      <c r="N894537" s="10"/>
    </row>
    <row r="894538" spans="14:14">
      <c r="N894538" s="10"/>
    </row>
    <row r="894539" spans="14:14">
      <c r="N894539" s="10"/>
    </row>
    <row r="894540" spans="14:14">
      <c r="N894540" s="10"/>
    </row>
    <row r="894541" spans="14:14">
      <c r="N894541" s="10"/>
    </row>
    <row r="894542" spans="14:14">
      <c r="N894542" s="10"/>
    </row>
    <row r="894543" spans="14:14">
      <c r="N894543" s="10"/>
    </row>
    <row r="894544" spans="14:14">
      <c r="N894544" s="10"/>
    </row>
    <row r="894545" spans="14:14">
      <c r="N894545" s="10"/>
    </row>
    <row r="894546" spans="14:14">
      <c r="N894546" s="10"/>
    </row>
    <row r="894547" spans="14:14">
      <c r="N894547" s="10"/>
    </row>
    <row r="894548" spans="14:14">
      <c r="N894548" s="10"/>
    </row>
    <row r="894549" spans="14:14">
      <c r="N894549" s="10"/>
    </row>
    <row r="894550" spans="14:14">
      <c r="N894550" s="10"/>
    </row>
    <row r="894551" spans="14:14">
      <c r="N894551" s="10"/>
    </row>
    <row r="894552" spans="14:14">
      <c r="N894552" s="10"/>
    </row>
    <row r="894553" spans="14:14">
      <c r="N894553" s="10"/>
    </row>
    <row r="894554" spans="14:14">
      <c r="N894554" s="10"/>
    </row>
    <row r="894555" spans="14:14">
      <c r="N894555" s="10"/>
    </row>
    <row r="894556" spans="14:14">
      <c r="N894556" s="10"/>
    </row>
    <row r="894557" spans="14:14">
      <c r="N894557" s="10"/>
    </row>
    <row r="894558" spans="14:14">
      <c r="N894558" s="10"/>
    </row>
    <row r="894559" spans="14:14">
      <c r="N894559" s="10"/>
    </row>
    <row r="894560" spans="14:14">
      <c r="N894560" s="10"/>
    </row>
    <row r="894561" spans="14:14">
      <c r="N894561" s="10"/>
    </row>
    <row r="894562" spans="14:14">
      <c r="N894562" s="10"/>
    </row>
    <row r="894563" spans="14:14">
      <c r="N894563" s="10"/>
    </row>
    <row r="894564" spans="14:14">
      <c r="N894564" s="10"/>
    </row>
    <row r="894565" spans="14:14">
      <c r="N894565" s="10"/>
    </row>
    <row r="894566" spans="14:14">
      <c r="N894566" s="10"/>
    </row>
    <row r="894567" spans="14:14">
      <c r="N894567" s="10"/>
    </row>
    <row r="894568" spans="14:14">
      <c r="N894568" s="10"/>
    </row>
    <row r="894569" spans="14:14">
      <c r="N894569" s="10"/>
    </row>
    <row r="894570" spans="14:14">
      <c r="N894570" s="10"/>
    </row>
    <row r="894571" spans="14:14">
      <c r="N894571" s="10"/>
    </row>
    <row r="894572" spans="14:14">
      <c r="N894572" s="10"/>
    </row>
    <row r="894573" spans="14:14">
      <c r="N894573" s="10"/>
    </row>
    <row r="894574" spans="14:14">
      <c r="N894574" s="10"/>
    </row>
    <row r="894575" spans="14:14">
      <c r="N894575" s="10"/>
    </row>
    <row r="894576" spans="14:14">
      <c r="N894576" s="10"/>
    </row>
    <row r="894577" spans="14:14">
      <c r="N894577" s="10"/>
    </row>
    <row r="894578" spans="14:14">
      <c r="N894578" s="10"/>
    </row>
    <row r="894579" spans="14:14">
      <c r="N894579" s="10"/>
    </row>
    <row r="894580" spans="14:14">
      <c r="N894580" s="10"/>
    </row>
    <row r="894581" spans="14:14">
      <c r="N894581" s="10"/>
    </row>
    <row r="894582" spans="14:14">
      <c r="N894582" s="10"/>
    </row>
    <row r="894583" spans="14:14">
      <c r="N894583" s="10"/>
    </row>
    <row r="894584" spans="14:14">
      <c r="N894584" s="10"/>
    </row>
    <row r="894585" spans="14:14">
      <c r="N894585" s="10"/>
    </row>
    <row r="894586" spans="14:14">
      <c r="N894586" s="10"/>
    </row>
    <row r="894587" spans="14:14">
      <c r="N894587" s="10"/>
    </row>
    <row r="894588" spans="14:14">
      <c r="N894588" s="10"/>
    </row>
    <row r="894589" spans="14:14">
      <c r="N894589" s="10"/>
    </row>
    <row r="894590" spans="14:14">
      <c r="N894590" s="10"/>
    </row>
    <row r="894591" spans="14:14">
      <c r="N894591" s="10"/>
    </row>
    <row r="894592" spans="14:14">
      <c r="N894592" s="10"/>
    </row>
    <row r="894593" spans="14:14">
      <c r="N894593" s="10"/>
    </row>
    <row r="894594" spans="14:14">
      <c r="N894594" s="10"/>
    </row>
    <row r="894595" spans="14:14">
      <c r="N894595" s="10"/>
    </row>
    <row r="894596" spans="14:14">
      <c r="N894596" s="10"/>
    </row>
    <row r="894597" spans="14:14">
      <c r="N894597" s="10"/>
    </row>
    <row r="894598" spans="14:14">
      <c r="N894598" s="10"/>
    </row>
    <row r="894599" spans="14:14">
      <c r="N894599" s="10"/>
    </row>
    <row r="894600" spans="14:14">
      <c r="N894600" s="10"/>
    </row>
    <row r="894601" spans="14:14">
      <c r="N894601" s="10"/>
    </row>
    <row r="894602" spans="14:14">
      <c r="N894602" s="10"/>
    </row>
    <row r="894603" spans="14:14">
      <c r="N894603" s="10"/>
    </row>
    <row r="894604" spans="14:14">
      <c r="N894604" s="10"/>
    </row>
    <row r="894605" spans="14:14">
      <c r="N894605" s="10"/>
    </row>
    <row r="894606" spans="14:14">
      <c r="N894606" s="10"/>
    </row>
    <row r="894607" spans="14:14">
      <c r="N894607" s="10"/>
    </row>
    <row r="894608" spans="14:14">
      <c r="N894608" s="10"/>
    </row>
    <row r="894609" spans="14:14">
      <c r="N894609" s="10"/>
    </row>
    <row r="894610" spans="14:14">
      <c r="N894610" s="10"/>
    </row>
    <row r="894611" spans="14:14">
      <c r="N894611" s="10"/>
    </row>
    <row r="894612" spans="14:14">
      <c r="N894612" s="10"/>
    </row>
    <row r="894613" spans="14:14">
      <c r="N894613" s="10"/>
    </row>
    <row r="894614" spans="14:14">
      <c r="N894614" s="10"/>
    </row>
    <row r="894615" spans="14:14">
      <c r="N894615" s="10"/>
    </row>
    <row r="894616" spans="14:14">
      <c r="N894616" s="10"/>
    </row>
    <row r="894617" spans="14:14">
      <c r="N894617" s="10"/>
    </row>
    <row r="894618" spans="14:14">
      <c r="N894618" s="10"/>
    </row>
    <row r="894619" spans="14:14">
      <c r="N894619" s="10"/>
    </row>
    <row r="894620" spans="14:14">
      <c r="N894620" s="10"/>
    </row>
    <row r="894621" spans="14:14">
      <c r="N894621" s="10"/>
    </row>
    <row r="894622" spans="14:14">
      <c r="N894622" s="10"/>
    </row>
    <row r="894623" spans="14:14">
      <c r="N894623" s="10"/>
    </row>
    <row r="894624" spans="14:14">
      <c r="N894624" s="10"/>
    </row>
    <row r="894625" spans="14:14">
      <c r="N894625" s="10"/>
    </row>
    <row r="894626" spans="14:14">
      <c r="N894626" s="10"/>
    </row>
    <row r="894627" spans="14:14">
      <c r="N894627" s="10"/>
    </row>
    <row r="894628" spans="14:14">
      <c r="N894628" s="10"/>
    </row>
    <row r="894629" spans="14:14">
      <c r="N894629" s="10"/>
    </row>
    <row r="894630" spans="14:14">
      <c r="N894630" s="10"/>
    </row>
    <row r="894631" spans="14:14">
      <c r="N894631" s="10"/>
    </row>
    <row r="894632" spans="14:14">
      <c r="N894632" s="10"/>
    </row>
    <row r="894633" spans="14:14">
      <c r="N894633" s="10"/>
    </row>
    <row r="894634" spans="14:14">
      <c r="N894634" s="10"/>
    </row>
    <row r="894635" spans="14:14">
      <c r="N894635" s="10"/>
    </row>
    <row r="894636" spans="14:14">
      <c r="N894636" s="10"/>
    </row>
    <row r="894637" spans="14:14">
      <c r="N894637" s="10"/>
    </row>
    <row r="894638" spans="14:14">
      <c r="N894638" s="10"/>
    </row>
    <row r="894639" spans="14:14">
      <c r="N894639" s="10"/>
    </row>
    <row r="894640" spans="14:14">
      <c r="N894640" s="10"/>
    </row>
    <row r="894641" spans="14:14">
      <c r="N894641" s="10"/>
    </row>
    <row r="894642" spans="14:14">
      <c r="N894642" s="10"/>
    </row>
    <row r="894643" spans="14:14">
      <c r="N894643" s="10"/>
    </row>
    <row r="894644" spans="14:14">
      <c r="N894644" s="10"/>
    </row>
    <row r="894645" spans="14:14">
      <c r="N894645" s="10"/>
    </row>
    <row r="894646" spans="14:14">
      <c r="N894646" s="10"/>
    </row>
    <row r="894647" spans="14:14">
      <c r="N894647" s="10"/>
    </row>
    <row r="894648" spans="14:14">
      <c r="N894648" s="10"/>
    </row>
    <row r="894649" spans="14:14">
      <c r="N894649" s="10"/>
    </row>
    <row r="894650" spans="14:14">
      <c r="N894650" s="10"/>
    </row>
    <row r="894651" spans="14:14">
      <c r="N894651" s="10"/>
    </row>
    <row r="894652" spans="14:14">
      <c r="N894652" s="10"/>
    </row>
    <row r="894653" spans="14:14">
      <c r="N894653" s="10"/>
    </row>
    <row r="894654" spans="14:14">
      <c r="N894654" s="10"/>
    </row>
    <row r="894655" spans="14:14">
      <c r="N894655" s="10"/>
    </row>
    <row r="894656" spans="14:14">
      <c r="N894656" s="10"/>
    </row>
    <row r="894657" spans="14:14">
      <c r="N894657" s="10"/>
    </row>
    <row r="894658" spans="14:14">
      <c r="N894658" s="10"/>
    </row>
    <row r="894659" spans="14:14">
      <c r="N894659" s="10"/>
    </row>
    <row r="894660" spans="14:14">
      <c r="N894660" s="10"/>
    </row>
    <row r="894661" spans="14:14">
      <c r="N894661" s="10"/>
    </row>
    <row r="894662" spans="14:14">
      <c r="N894662" s="10"/>
    </row>
    <row r="894663" spans="14:14">
      <c r="N894663" s="10"/>
    </row>
    <row r="894664" spans="14:14">
      <c r="N894664" s="10"/>
    </row>
    <row r="894665" spans="14:14">
      <c r="N894665" s="10"/>
    </row>
    <row r="894666" spans="14:14">
      <c r="N894666" s="10"/>
    </row>
    <row r="894667" spans="14:14">
      <c r="N894667" s="10"/>
    </row>
    <row r="894668" spans="14:14">
      <c r="N894668" s="10"/>
    </row>
    <row r="894669" spans="14:14">
      <c r="N894669" s="10"/>
    </row>
    <row r="894670" spans="14:14">
      <c r="N894670" s="10"/>
    </row>
    <row r="894671" spans="14:14">
      <c r="N894671" s="10"/>
    </row>
    <row r="894672" spans="14:14">
      <c r="N894672" s="10"/>
    </row>
    <row r="894673" spans="14:14">
      <c r="N894673" s="10"/>
    </row>
    <row r="894674" spans="14:14">
      <c r="N894674" s="10"/>
    </row>
    <row r="894675" spans="14:14">
      <c r="N894675" s="10"/>
    </row>
    <row r="894676" spans="14:14">
      <c r="N894676" s="10"/>
    </row>
    <row r="894677" spans="14:14">
      <c r="N894677" s="10"/>
    </row>
    <row r="894678" spans="14:14">
      <c r="N894678" s="10"/>
    </row>
    <row r="894679" spans="14:14">
      <c r="N894679" s="10"/>
    </row>
    <row r="894680" spans="14:14">
      <c r="N894680" s="10"/>
    </row>
    <row r="894681" spans="14:14">
      <c r="N894681" s="10"/>
    </row>
    <row r="894682" spans="14:14">
      <c r="N894682" s="10"/>
    </row>
    <row r="894683" spans="14:14">
      <c r="N894683" s="10"/>
    </row>
    <row r="894684" spans="14:14">
      <c r="N894684" s="10"/>
    </row>
    <row r="894685" spans="14:14">
      <c r="N894685" s="10"/>
    </row>
    <row r="894686" spans="14:14">
      <c r="N894686" s="10"/>
    </row>
    <row r="894687" spans="14:14">
      <c r="N894687" s="10"/>
    </row>
    <row r="894688" spans="14:14">
      <c r="N894688" s="10"/>
    </row>
    <row r="894689" spans="14:14">
      <c r="N894689" s="10"/>
    </row>
    <row r="894690" spans="14:14">
      <c r="N894690" s="10"/>
    </row>
    <row r="894691" spans="14:14">
      <c r="N894691" s="10"/>
    </row>
    <row r="894692" spans="14:14">
      <c r="N894692" s="10"/>
    </row>
    <row r="894693" spans="14:14">
      <c r="N894693" s="10"/>
    </row>
    <row r="894694" spans="14:14">
      <c r="N894694" s="10"/>
    </row>
    <row r="894695" spans="14:14">
      <c r="N894695" s="10"/>
    </row>
    <row r="894696" spans="14:14">
      <c r="N894696" s="10"/>
    </row>
    <row r="894697" spans="14:14">
      <c r="N894697" s="10"/>
    </row>
    <row r="894698" spans="14:14">
      <c r="N894698" s="10"/>
    </row>
    <row r="894699" spans="14:14">
      <c r="N894699" s="10"/>
    </row>
    <row r="894700" spans="14:14">
      <c r="N894700" s="10"/>
    </row>
    <row r="894701" spans="14:14">
      <c r="N894701" s="10"/>
    </row>
    <row r="894702" spans="14:14">
      <c r="N894702" s="10"/>
    </row>
    <row r="894703" spans="14:14">
      <c r="N894703" s="10"/>
    </row>
    <row r="894704" spans="14:14">
      <c r="N894704" s="10"/>
    </row>
    <row r="894705" spans="14:14">
      <c r="N894705" s="10"/>
    </row>
    <row r="894706" spans="14:14">
      <c r="N894706" s="10"/>
    </row>
    <row r="894707" spans="14:14">
      <c r="N894707" s="10"/>
    </row>
    <row r="894708" spans="14:14">
      <c r="N894708" s="10"/>
    </row>
    <row r="894709" spans="14:14">
      <c r="N894709" s="10"/>
    </row>
    <row r="894710" spans="14:14">
      <c r="N894710" s="10"/>
    </row>
    <row r="894711" spans="14:14">
      <c r="N894711" s="10"/>
    </row>
    <row r="894712" spans="14:14">
      <c r="N894712" s="10"/>
    </row>
    <row r="894713" spans="14:14">
      <c r="N894713" s="10"/>
    </row>
    <row r="894714" spans="14:14">
      <c r="N894714" s="10"/>
    </row>
    <row r="894715" spans="14:14">
      <c r="N894715" s="10"/>
    </row>
    <row r="894716" spans="14:14">
      <c r="N894716" s="10"/>
    </row>
    <row r="894717" spans="14:14">
      <c r="N894717" s="10"/>
    </row>
    <row r="894718" spans="14:14">
      <c r="N894718" s="10"/>
    </row>
    <row r="894719" spans="14:14">
      <c r="N894719" s="10"/>
    </row>
    <row r="894720" spans="14:14">
      <c r="N894720" s="10"/>
    </row>
    <row r="894721" spans="14:14">
      <c r="N894721" s="10"/>
    </row>
    <row r="894722" spans="14:14">
      <c r="N894722" s="10"/>
    </row>
    <row r="894723" spans="14:14">
      <c r="N894723" s="10"/>
    </row>
    <row r="894724" spans="14:14">
      <c r="N894724" s="10"/>
    </row>
    <row r="894725" spans="14:14">
      <c r="N894725" s="10"/>
    </row>
    <row r="894726" spans="14:14">
      <c r="N894726" s="10"/>
    </row>
    <row r="894727" spans="14:14">
      <c r="N894727" s="10"/>
    </row>
    <row r="894728" spans="14:14">
      <c r="N894728" s="10"/>
    </row>
    <row r="894729" spans="14:14">
      <c r="N894729" s="10"/>
    </row>
    <row r="894730" spans="14:14">
      <c r="N894730" s="10"/>
    </row>
    <row r="894731" spans="14:14">
      <c r="N894731" s="10"/>
    </row>
    <row r="894732" spans="14:14">
      <c r="N894732" s="10"/>
    </row>
    <row r="894733" spans="14:14">
      <c r="N894733" s="10"/>
    </row>
    <row r="894734" spans="14:14">
      <c r="N894734" s="10"/>
    </row>
    <row r="894735" spans="14:14">
      <c r="N894735" s="10"/>
    </row>
    <row r="894736" spans="14:14">
      <c r="N894736" s="10"/>
    </row>
    <row r="894737" spans="14:14">
      <c r="N894737" s="10"/>
    </row>
    <row r="894738" spans="14:14">
      <c r="N894738" s="10"/>
    </row>
    <row r="894739" spans="14:14">
      <c r="N894739" s="10"/>
    </row>
    <row r="894740" spans="14:14">
      <c r="N894740" s="10"/>
    </row>
    <row r="894741" spans="14:14">
      <c r="N894741" s="10"/>
    </row>
    <row r="894742" spans="14:14">
      <c r="N894742" s="10"/>
    </row>
    <row r="894743" spans="14:14">
      <c r="N894743" s="10"/>
    </row>
    <row r="894744" spans="14:14">
      <c r="N894744" s="10"/>
    </row>
    <row r="894745" spans="14:14">
      <c r="N894745" s="10"/>
    </row>
    <row r="894746" spans="14:14">
      <c r="N894746" s="10"/>
    </row>
    <row r="894747" spans="14:14">
      <c r="N894747" s="10"/>
    </row>
    <row r="894748" spans="14:14">
      <c r="N894748" s="10"/>
    </row>
    <row r="894749" spans="14:14">
      <c r="N894749" s="10"/>
    </row>
    <row r="894750" spans="14:14">
      <c r="N894750" s="10"/>
    </row>
    <row r="894751" spans="14:14">
      <c r="N894751" s="10"/>
    </row>
    <row r="894752" spans="14:14">
      <c r="N894752" s="10"/>
    </row>
    <row r="894753" spans="14:14">
      <c r="N894753" s="10"/>
    </row>
    <row r="894754" spans="14:14">
      <c r="N894754" s="10"/>
    </row>
    <row r="894755" spans="14:14">
      <c r="N894755" s="10"/>
    </row>
    <row r="894756" spans="14:14">
      <c r="N894756" s="10"/>
    </row>
    <row r="894757" spans="14:14">
      <c r="N894757" s="10"/>
    </row>
    <row r="894758" spans="14:14">
      <c r="N894758" s="10"/>
    </row>
    <row r="894759" spans="14:14">
      <c r="N894759" s="10"/>
    </row>
    <row r="894760" spans="14:14">
      <c r="N894760" s="10"/>
    </row>
    <row r="894761" spans="14:14">
      <c r="N894761" s="10"/>
    </row>
    <row r="894762" spans="14:14">
      <c r="N894762" s="10"/>
    </row>
    <row r="894763" spans="14:14">
      <c r="N894763" s="10"/>
    </row>
    <row r="894764" spans="14:14">
      <c r="N894764" s="10"/>
    </row>
    <row r="894765" spans="14:14">
      <c r="N894765" s="10"/>
    </row>
    <row r="894766" spans="14:14">
      <c r="N894766" s="10"/>
    </row>
    <row r="894767" spans="14:14">
      <c r="N894767" s="10"/>
    </row>
    <row r="894768" spans="14:14">
      <c r="N894768" s="10"/>
    </row>
    <row r="894769" spans="14:14">
      <c r="N894769" s="10"/>
    </row>
    <row r="894770" spans="14:14">
      <c r="N894770" s="10"/>
    </row>
    <row r="894771" spans="14:14">
      <c r="N894771" s="10"/>
    </row>
    <row r="894772" spans="14:14">
      <c r="N894772" s="10"/>
    </row>
    <row r="894773" spans="14:14">
      <c r="N894773" s="10"/>
    </row>
    <row r="894774" spans="14:14">
      <c r="N894774" s="10"/>
    </row>
    <row r="894775" spans="14:14">
      <c r="N894775" s="10"/>
    </row>
    <row r="894776" spans="14:14">
      <c r="N894776" s="10"/>
    </row>
    <row r="894777" spans="14:14">
      <c r="N894777" s="10"/>
    </row>
    <row r="894778" spans="14:14">
      <c r="N894778" s="10"/>
    </row>
    <row r="894779" spans="14:14">
      <c r="N894779" s="10"/>
    </row>
    <row r="894780" spans="14:14">
      <c r="N894780" s="10"/>
    </row>
    <row r="894781" spans="14:14">
      <c r="N894781" s="10"/>
    </row>
    <row r="894782" spans="14:14">
      <c r="N894782" s="10"/>
    </row>
    <row r="894783" spans="14:14">
      <c r="N894783" s="10"/>
    </row>
    <row r="894784" spans="14:14">
      <c r="N894784" s="10"/>
    </row>
    <row r="894785" spans="14:14">
      <c r="N894785" s="10"/>
    </row>
    <row r="894786" spans="14:14">
      <c r="N894786" s="10"/>
    </row>
    <row r="894787" spans="14:14">
      <c r="N894787" s="10"/>
    </row>
    <row r="894788" spans="14:14">
      <c r="N894788" s="10"/>
    </row>
    <row r="894789" spans="14:14">
      <c r="N894789" s="10"/>
    </row>
    <row r="894790" spans="14:14">
      <c r="N894790" s="10"/>
    </row>
    <row r="894791" spans="14:14">
      <c r="N894791" s="10"/>
    </row>
    <row r="894792" spans="14:14">
      <c r="N894792" s="10"/>
    </row>
    <row r="894793" spans="14:14">
      <c r="N894793" s="10"/>
    </row>
    <row r="894794" spans="14:14">
      <c r="N894794" s="10"/>
    </row>
    <row r="894795" spans="14:14">
      <c r="N894795" s="10"/>
    </row>
    <row r="894796" spans="14:14">
      <c r="N894796" s="10"/>
    </row>
    <row r="894797" spans="14:14">
      <c r="N894797" s="10"/>
    </row>
    <row r="894798" spans="14:14">
      <c r="N894798" s="10"/>
    </row>
    <row r="894799" spans="14:14">
      <c r="N894799" s="10"/>
    </row>
    <row r="894800" spans="14:14">
      <c r="N894800" s="10"/>
    </row>
    <row r="894801" spans="14:14">
      <c r="N894801" s="10"/>
    </row>
    <row r="894802" spans="14:14">
      <c r="N894802" s="10"/>
    </row>
    <row r="894803" spans="14:14">
      <c r="N894803" s="10"/>
    </row>
    <row r="894804" spans="14:14">
      <c r="N894804" s="10"/>
    </row>
    <row r="894805" spans="14:14">
      <c r="N894805" s="10"/>
    </row>
    <row r="894806" spans="14:14">
      <c r="N894806" s="10"/>
    </row>
    <row r="894807" spans="14:14">
      <c r="N894807" s="10"/>
    </row>
    <row r="894808" spans="14:14">
      <c r="N894808" s="10"/>
    </row>
    <row r="894809" spans="14:14">
      <c r="N894809" s="10"/>
    </row>
    <row r="894810" spans="14:14">
      <c r="N894810" s="10"/>
    </row>
    <row r="894811" spans="14:14">
      <c r="N894811" s="10"/>
    </row>
    <row r="894812" spans="14:14">
      <c r="N894812" s="10"/>
    </row>
    <row r="894813" spans="14:14">
      <c r="N894813" s="10"/>
    </row>
    <row r="894814" spans="14:14">
      <c r="N894814" s="10"/>
    </row>
    <row r="894815" spans="14:14">
      <c r="N894815" s="10"/>
    </row>
    <row r="894816" spans="14:14">
      <c r="N894816" s="10"/>
    </row>
    <row r="894817" spans="14:14">
      <c r="N894817" s="10"/>
    </row>
    <row r="894818" spans="14:14">
      <c r="N894818" s="10"/>
    </row>
    <row r="894819" spans="14:14">
      <c r="N894819" s="10"/>
    </row>
    <row r="894820" spans="14:14">
      <c r="N894820" s="10"/>
    </row>
    <row r="894821" spans="14:14">
      <c r="N894821" s="10"/>
    </row>
    <row r="894822" spans="14:14">
      <c r="N894822" s="10"/>
    </row>
    <row r="894823" spans="14:14">
      <c r="N894823" s="10"/>
    </row>
    <row r="894824" spans="14:14">
      <c r="N894824" s="10"/>
    </row>
    <row r="894825" spans="14:14">
      <c r="N894825" s="10"/>
    </row>
    <row r="894826" spans="14:14">
      <c r="N894826" s="10"/>
    </row>
    <row r="894827" spans="14:14">
      <c r="N894827" s="10"/>
    </row>
    <row r="894828" spans="14:14">
      <c r="N894828" s="10"/>
    </row>
    <row r="894829" spans="14:14">
      <c r="N894829" s="10"/>
    </row>
    <row r="894830" spans="14:14">
      <c r="N894830" s="10"/>
    </row>
    <row r="894831" spans="14:14">
      <c r="N894831" s="10"/>
    </row>
    <row r="894832" spans="14:14">
      <c r="N894832" s="10"/>
    </row>
    <row r="894833" spans="14:14">
      <c r="N894833" s="10"/>
    </row>
    <row r="894834" spans="14:14">
      <c r="N894834" s="10"/>
    </row>
    <row r="894835" spans="14:14">
      <c r="N894835" s="10"/>
    </row>
    <row r="894836" spans="14:14">
      <c r="N894836" s="10"/>
    </row>
    <row r="894837" spans="14:14">
      <c r="N894837" s="10"/>
    </row>
    <row r="894838" spans="14:14">
      <c r="N894838" s="10"/>
    </row>
    <row r="894839" spans="14:14">
      <c r="N894839" s="10"/>
    </row>
    <row r="894840" spans="14:14">
      <c r="N894840" s="10"/>
    </row>
    <row r="894841" spans="14:14">
      <c r="N894841" s="10"/>
    </row>
    <row r="894842" spans="14:14">
      <c r="N894842" s="10"/>
    </row>
    <row r="894843" spans="14:14">
      <c r="N894843" s="10"/>
    </row>
    <row r="894844" spans="14:14">
      <c r="N894844" s="10"/>
    </row>
    <row r="894845" spans="14:14">
      <c r="N894845" s="10"/>
    </row>
    <row r="894846" spans="14:14">
      <c r="N894846" s="10"/>
    </row>
    <row r="894847" spans="14:14">
      <c r="N894847" s="10"/>
    </row>
    <row r="894848" spans="14:14">
      <c r="N894848" s="10"/>
    </row>
    <row r="894849" spans="14:14">
      <c r="N894849" s="10"/>
    </row>
    <row r="894850" spans="14:14">
      <c r="N894850" s="10"/>
    </row>
    <row r="894851" spans="14:14">
      <c r="N894851" s="10"/>
    </row>
    <row r="894852" spans="14:14">
      <c r="N894852" s="10"/>
    </row>
    <row r="894853" spans="14:14">
      <c r="N894853" s="10"/>
    </row>
    <row r="894854" spans="14:14">
      <c r="N894854" s="10"/>
    </row>
    <row r="894855" spans="14:14">
      <c r="N894855" s="10"/>
    </row>
    <row r="894856" spans="14:14">
      <c r="N894856" s="10"/>
    </row>
    <row r="894857" spans="14:14">
      <c r="N894857" s="10"/>
    </row>
    <row r="894858" spans="14:14">
      <c r="N894858" s="10"/>
    </row>
    <row r="894859" spans="14:14">
      <c r="N894859" s="10"/>
    </row>
    <row r="894860" spans="14:14">
      <c r="N894860" s="10"/>
    </row>
    <row r="894861" spans="14:14">
      <c r="N894861" s="10"/>
    </row>
    <row r="894862" spans="14:14">
      <c r="N894862" s="10"/>
    </row>
    <row r="894863" spans="14:14">
      <c r="N894863" s="10"/>
    </row>
    <row r="894864" spans="14:14">
      <c r="N894864" s="10"/>
    </row>
    <row r="894865" spans="14:14">
      <c r="N894865" s="10"/>
    </row>
    <row r="894866" spans="14:14">
      <c r="N894866" s="10"/>
    </row>
    <row r="894867" spans="14:14">
      <c r="N894867" s="10"/>
    </row>
    <row r="894868" spans="14:14">
      <c r="N894868" s="10"/>
    </row>
    <row r="894869" spans="14:14">
      <c r="N894869" s="10"/>
    </row>
    <row r="894870" spans="14:14">
      <c r="N894870" s="10"/>
    </row>
    <row r="894871" spans="14:14">
      <c r="N894871" s="10"/>
    </row>
    <row r="894872" spans="14:14">
      <c r="N894872" s="10"/>
    </row>
    <row r="894873" spans="14:14">
      <c r="N894873" s="10"/>
    </row>
    <row r="894874" spans="14:14">
      <c r="N894874" s="10"/>
    </row>
    <row r="894875" spans="14:14">
      <c r="N894875" s="10"/>
    </row>
    <row r="894876" spans="14:14">
      <c r="N894876" s="10"/>
    </row>
    <row r="894877" spans="14:14">
      <c r="N894877" s="10"/>
    </row>
    <row r="894878" spans="14:14">
      <c r="N894878" s="10"/>
    </row>
    <row r="894879" spans="14:14">
      <c r="N894879" s="10"/>
    </row>
    <row r="894880" spans="14:14">
      <c r="N894880" s="10"/>
    </row>
    <row r="894881" spans="14:14">
      <c r="N894881" s="10"/>
    </row>
    <row r="894882" spans="14:14">
      <c r="N894882" s="10"/>
    </row>
    <row r="894883" spans="14:14">
      <c r="N894883" s="10"/>
    </row>
    <row r="894884" spans="14:14">
      <c r="N894884" s="10"/>
    </row>
    <row r="894885" spans="14:14">
      <c r="N894885" s="10"/>
    </row>
    <row r="894886" spans="14:14">
      <c r="N894886" s="10"/>
    </row>
    <row r="894887" spans="14:14">
      <c r="N894887" s="10"/>
    </row>
    <row r="894888" spans="14:14">
      <c r="N894888" s="10"/>
    </row>
    <row r="894889" spans="14:14">
      <c r="N894889" s="10"/>
    </row>
    <row r="894890" spans="14:14">
      <c r="N894890" s="10"/>
    </row>
    <row r="894891" spans="14:14">
      <c r="N894891" s="10"/>
    </row>
    <row r="894892" spans="14:14">
      <c r="N894892" s="10"/>
    </row>
    <row r="894893" spans="14:14">
      <c r="N894893" s="10"/>
    </row>
    <row r="894894" spans="14:14">
      <c r="N894894" s="10"/>
    </row>
    <row r="894895" spans="14:14">
      <c r="N894895" s="10"/>
    </row>
    <row r="894896" spans="14:14">
      <c r="N894896" s="10"/>
    </row>
    <row r="894897" spans="14:14">
      <c r="N894897" s="10"/>
    </row>
    <row r="894898" spans="14:14">
      <c r="N894898" s="10"/>
    </row>
    <row r="894899" spans="14:14">
      <c r="N894899" s="10"/>
    </row>
    <row r="894900" spans="14:14">
      <c r="N894900" s="10"/>
    </row>
    <row r="894901" spans="14:14">
      <c r="N894901" s="10"/>
    </row>
    <row r="894902" spans="14:14">
      <c r="N894902" s="10"/>
    </row>
    <row r="894903" spans="14:14">
      <c r="N894903" s="10"/>
    </row>
    <row r="894904" spans="14:14">
      <c r="N894904" s="10"/>
    </row>
    <row r="894905" spans="14:14">
      <c r="N894905" s="10"/>
    </row>
    <row r="894906" spans="14:14">
      <c r="N894906" s="10"/>
    </row>
    <row r="894907" spans="14:14">
      <c r="N894907" s="10"/>
    </row>
    <row r="894908" spans="14:14">
      <c r="N894908" s="10"/>
    </row>
    <row r="894909" spans="14:14">
      <c r="N894909" s="10"/>
    </row>
    <row r="894910" spans="14:14">
      <c r="N894910" s="10"/>
    </row>
    <row r="894911" spans="14:14">
      <c r="N894911" s="10"/>
    </row>
    <row r="894912" spans="14:14">
      <c r="N894912" s="10"/>
    </row>
    <row r="894913" spans="14:14">
      <c r="N894913" s="10"/>
    </row>
    <row r="894914" spans="14:14">
      <c r="N894914" s="10"/>
    </row>
    <row r="894915" spans="14:14">
      <c r="N894915" s="10"/>
    </row>
    <row r="894916" spans="14:14">
      <c r="N894916" s="10"/>
    </row>
    <row r="894917" spans="14:14">
      <c r="N894917" s="10"/>
    </row>
    <row r="894918" spans="14:14">
      <c r="N894918" s="10"/>
    </row>
    <row r="894919" spans="14:14">
      <c r="N894919" s="10"/>
    </row>
    <row r="894920" spans="14:14">
      <c r="N894920" s="10"/>
    </row>
    <row r="894921" spans="14:14">
      <c r="N894921" s="10"/>
    </row>
    <row r="894922" spans="14:14">
      <c r="N894922" s="10"/>
    </row>
    <row r="894923" spans="14:14">
      <c r="N894923" s="10"/>
    </row>
    <row r="894924" spans="14:14">
      <c r="N894924" s="10"/>
    </row>
    <row r="894925" spans="14:14">
      <c r="N894925" s="10"/>
    </row>
    <row r="894926" spans="14:14">
      <c r="N894926" s="10"/>
    </row>
    <row r="894927" spans="14:14">
      <c r="N894927" s="10"/>
    </row>
    <row r="894928" spans="14:14">
      <c r="N894928" s="10"/>
    </row>
    <row r="894929" spans="14:14">
      <c r="N894929" s="10"/>
    </row>
    <row r="894930" spans="14:14">
      <c r="N894930" s="10"/>
    </row>
    <row r="894931" spans="14:14">
      <c r="N894931" s="10"/>
    </row>
    <row r="894932" spans="14:14">
      <c r="N894932" s="10"/>
    </row>
    <row r="894933" spans="14:14">
      <c r="N894933" s="10"/>
    </row>
    <row r="894934" spans="14:14">
      <c r="N894934" s="10"/>
    </row>
    <row r="894935" spans="14:14">
      <c r="N894935" s="10"/>
    </row>
    <row r="894936" spans="14:14">
      <c r="N894936" s="10"/>
    </row>
    <row r="894937" spans="14:14">
      <c r="N894937" s="10"/>
    </row>
    <row r="894938" spans="14:14">
      <c r="N894938" s="10"/>
    </row>
    <row r="894939" spans="14:14">
      <c r="N894939" s="10"/>
    </row>
    <row r="894940" spans="14:14">
      <c r="N894940" s="10"/>
    </row>
    <row r="894941" spans="14:14">
      <c r="N894941" s="10"/>
    </row>
    <row r="894942" spans="14:14">
      <c r="N894942" s="10"/>
    </row>
    <row r="894943" spans="14:14">
      <c r="N894943" s="10"/>
    </row>
    <row r="894944" spans="14:14">
      <c r="N894944" s="10"/>
    </row>
    <row r="894945" spans="14:14">
      <c r="N894945" s="10"/>
    </row>
    <row r="894946" spans="14:14">
      <c r="N894946" s="10"/>
    </row>
    <row r="894947" spans="14:14">
      <c r="N894947" s="10"/>
    </row>
    <row r="894948" spans="14:14">
      <c r="N894948" s="10"/>
    </row>
    <row r="894949" spans="14:14">
      <c r="N894949" s="10"/>
    </row>
    <row r="894950" spans="14:14">
      <c r="N894950" s="10"/>
    </row>
    <row r="894951" spans="14:14">
      <c r="N894951" s="10"/>
    </row>
    <row r="894952" spans="14:14">
      <c r="N894952" s="10"/>
    </row>
    <row r="894953" spans="14:14">
      <c r="N894953" s="10"/>
    </row>
    <row r="894954" spans="14:14">
      <c r="N894954" s="10"/>
    </row>
    <row r="894955" spans="14:14">
      <c r="N894955" s="10"/>
    </row>
    <row r="894956" spans="14:14">
      <c r="N894956" s="10"/>
    </row>
    <row r="894957" spans="14:14">
      <c r="N894957" s="10"/>
    </row>
    <row r="894958" spans="14:14">
      <c r="N894958" s="10"/>
    </row>
    <row r="894959" spans="14:14">
      <c r="N894959" s="10"/>
    </row>
    <row r="894960" spans="14:14">
      <c r="N894960" s="10"/>
    </row>
    <row r="894961" spans="14:14">
      <c r="N894961" s="10"/>
    </row>
    <row r="894962" spans="14:14">
      <c r="N894962" s="10"/>
    </row>
    <row r="894963" spans="14:14">
      <c r="N894963" s="10"/>
    </row>
    <row r="894964" spans="14:14">
      <c r="N894964" s="10"/>
    </row>
    <row r="894965" spans="14:14">
      <c r="N894965" s="10"/>
    </row>
    <row r="894966" spans="14:14">
      <c r="N894966" s="10"/>
    </row>
    <row r="894967" spans="14:14">
      <c r="N894967" s="10"/>
    </row>
    <row r="894968" spans="14:14">
      <c r="N894968" s="10"/>
    </row>
    <row r="894969" spans="14:14">
      <c r="N894969" s="10"/>
    </row>
    <row r="894970" spans="14:14">
      <c r="N894970" s="10"/>
    </row>
    <row r="894971" spans="14:14">
      <c r="N894971" s="10"/>
    </row>
    <row r="894972" spans="14:14">
      <c r="N894972" s="10"/>
    </row>
    <row r="894973" spans="14:14">
      <c r="N894973" s="10"/>
    </row>
    <row r="894974" spans="14:14">
      <c r="N894974" s="10"/>
    </row>
    <row r="894975" spans="14:14">
      <c r="N894975" s="10"/>
    </row>
    <row r="894976" spans="14:14">
      <c r="N894976" s="10"/>
    </row>
    <row r="894977" spans="14:14">
      <c r="N894977" s="10"/>
    </row>
    <row r="894978" spans="14:14">
      <c r="N894978" s="10"/>
    </row>
    <row r="894979" spans="14:14">
      <c r="N894979" s="10"/>
    </row>
    <row r="894980" spans="14:14">
      <c r="N894980" s="10"/>
    </row>
    <row r="894981" spans="14:14">
      <c r="N894981" s="10"/>
    </row>
    <row r="894982" spans="14:14">
      <c r="N894982" s="10"/>
    </row>
    <row r="894983" spans="14:14">
      <c r="N894983" s="10"/>
    </row>
    <row r="894984" spans="14:14">
      <c r="N894984" s="10"/>
    </row>
    <row r="894985" spans="14:14">
      <c r="N894985" s="10"/>
    </row>
    <row r="894986" spans="14:14">
      <c r="N894986" s="10"/>
    </row>
    <row r="894987" spans="14:14">
      <c r="N894987" s="10"/>
    </row>
    <row r="894988" spans="14:14">
      <c r="N894988" s="10"/>
    </row>
    <row r="894989" spans="14:14">
      <c r="N894989" s="10"/>
    </row>
    <row r="894990" spans="14:14">
      <c r="N894990" s="10"/>
    </row>
    <row r="894991" spans="14:14">
      <c r="N894991" s="10"/>
    </row>
    <row r="894992" spans="14:14">
      <c r="N894992" s="10"/>
    </row>
    <row r="894993" spans="14:14">
      <c r="N894993" s="10"/>
    </row>
    <row r="894994" spans="14:14">
      <c r="N894994" s="10"/>
    </row>
    <row r="894995" spans="14:14">
      <c r="N894995" s="10"/>
    </row>
    <row r="894996" spans="14:14">
      <c r="N894996" s="10"/>
    </row>
    <row r="894997" spans="14:14">
      <c r="N894997" s="10"/>
    </row>
    <row r="894998" spans="14:14">
      <c r="N894998" s="10"/>
    </row>
    <row r="894999" spans="14:14">
      <c r="N894999" s="10"/>
    </row>
    <row r="895000" spans="14:14">
      <c r="N895000" s="10"/>
    </row>
    <row r="895001" spans="14:14">
      <c r="N895001" s="10"/>
    </row>
    <row r="895002" spans="14:14">
      <c r="N895002" s="10"/>
    </row>
    <row r="895003" spans="14:14">
      <c r="N895003" s="10"/>
    </row>
    <row r="895004" spans="14:14">
      <c r="N895004" s="10"/>
    </row>
    <row r="895005" spans="14:14">
      <c r="N895005" s="10"/>
    </row>
    <row r="895006" spans="14:14">
      <c r="N895006" s="10"/>
    </row>
    <row r="895007" spans="14:14">
      <c r="N895007" s="10"/>
    </row>
    <row r="895008" spans="14:14">
      <c r="N895008" s="10"/>
    </row>
    <row r="895009" spans="14:14">
      <c r="N895009" s="10"/>
    </row>
    <row r="895010" spans="14:14">
      <c r="N895010" s="10"/>
    </row>
    <row r="895011" spans="14:14">
      <c r="N895011" s="10"/>
    </row>
    <row r="895012" spans="14:14">
      <c r="N895012" s="10"/>
    </row>
    <row r="895013" spans="14:14">
      <c r="N895013" s="10"/>
    </row>
    <row r="895014" spans="14:14">
      <c r="N895014" s="10"/>
    </row>
    <row r="895015" spans="14:14">
      <c r="N895015" s="10"/>
    </row>
    <row r="895016" spans="14:14">
      <c r="N895016" s="10"/>
    </row>
    <row r="895017" spans="14:14">
      <c r="N895017" s="10"/>
    </row>
    <row r="895018" spans="14:14">
      <c r="N895018" s="10"/>
    </row>
    <row r="895019" spans="14:14">
      <c r="N895019" s="10"/>
    </row>
    <row r="895020" spans="14:14">
      <c r="N895020" s="10"/>
    </row>
    <row r="895021" spans="14:14">
      <c r="N895021" s="10"/>
    </row>
    <row r="895022" spans="14:14">
      <c r="N895022" s="10"/>
    </row>
    <row r="895023" spans="14:14">
      <c r="N895023" s="10"/>
    </row>
    <row r="895024" spans="14:14">
      <c r="N895024" s="10"/>
    </row>
    <row r="895025" spans="14:14">
      <c r="N895025" s="10"/>
    </row>
    <row r="895026" spans="14:14">
      <c r="N895026" s="10"/>
    </row>
    <row r="895027" spans="14:14">
      <c r="N895027" s="10"/>
    </row>
    <row r="895028" spans="14:14">
      <c r="N895028" s="10"/>
    </row>
    <row r="895029" spans="14:14">
      <c r="N895029" s="10"/>
    </row>
    <row r="895030" spans="14:14">
      <c r="N895030" s="10"/>
    </row>
    <row r="895031" spans="14:14">
      <c r="N895031" s="10"/>
    </row>
    <row r="895032" spans="14:14">
      <c r="N895032" s="10"/>
    </row>
    <row r="895033" spans="14:14">
      <c r="N895033" s="10"/>
    </row>
    <row r="895034" spans="14:14">
      <c r="N895034" s="10"/>
    </row>
    <row r="895035" spans="14:14">
      <c r="N895035" s="10"/>
    </row>
    <row r="895036" spans="14:14">
      <c r="N895036" s="10"/>
    </row>
    <row r="895037" spans="14:14">
      <c r="N895037" s="10"/>
    </row>
    <row r="895038" spans="14:14">
      <c r="N895038" s="10"/>
    </row>
    <row r="895039" spans="14:14">
      <c r="N895039" s="10"/>
    </row>
    <row r="895040" spans="14:14">
      <c r="N895040" s="10"/>
    </row>
    <row r="895041" spans="14:14">
      <c r="N895041" s="10"/>
    </row>
    <row r="895042" spans="14:14">
      <c r="N895042" s="10"/>
    </row>
    <row r="895043" spans="14:14">
      <c r="N895043" s="10"/>
    </row>
    <row r="895044" spans="14:14">
      <c r="N895044" s="10"/>
    </row>
    <row r="895045" spans="14:14">
      <c r="N895045" s="10"/>
    </row>
    <row r="895046" spans="14:14">
      <c r="N895046" s="10"/>
    </row>
    <row r="895047" spans="14:14">
      <c r="N895047" s="10"/>
    </row>
    <row r="895048" spans="14:14">
      <c r="N895048" s="10"/>
    </row>
    <row r="895049" spans="14:14">
      <c r="N895049" s="10"/>
    </row>
    <row r="895050" spans="14:14">
      <c r="N895050" s="10"/>
    </row>
    <row r="895051" spans="14:14">
      <c r="N895051" s="10"/>
    </row>
    <row r="895052" spans="14:14">
      <c r="N895052" s="10"/>
    </row>
    <row r="895053" spans="14:14">
      <c r="N895053" s="10"/>
    </row>
    <row r="895054" spans="14:14">
      <c r="N895054" s="10"/>
    </row>
    <row r="895055" spans="14:14">
      <c r="N895055" s="10"/>
    </row>
    <row r="895056" spans="14:14">
      <c r="N895056" s="10"/>
    </row>
    <row r="895057" spans="14:14">
      <c r="N895057" s="10"/>
    </row>
    <row r="895058" spans="14:14">
      <c r="N895058" s="10"/>
    </row>
    <row r="895059" spans="14:14">
      <c r="N895059" s="10"/>
    </row>
    <row r="895060" spans="14:14">
      <c r="N895060" s="10"/>
    </row>
    <row r="895061" spans="14:14">
      <c r="N895061" s="10"/>
    </row>
    <row r="895062" spans="14:14">
      <c r="N895062" s="10"/>
    </row>
    <row r="895063" spans="14:14">
      <c r="N895063" s="10"/>
    </row>
    <row r="895064" spans="14:14">
      <c r="N895064" s="10"/>
    </row>
    <row r="895065" spans="14:14">
      <c r="N895065" s="10"/>
    </row>
    <row r="895066" spans="14:14">
      <c r="N895066" s="10"/>
    </row>
    <row r="895067" spans="14:14">
      <c r="N895067" s="10"/>
    </row>
    <row r="895068" spans="14:14">
      <c r="N895068" s="10"/>
    </row>
    <row r="895069" spans="14:14">
      <c r="N895069" s="10"/>
    </row>
    <row r="895070" spans="14:14">
      <c r="N895070" s="10"/>
    </row>
    <row r="895071" spans="14:14">
      <c r="N895071" s="10"/>
    </row>
    <row r="895072" spans="14:14">
      <c r="N895072" s="10"/>
    </row>
    <row r="895073" spans="14:14">
      <c r="N895073" s="10"/>
    </row>
    <row r="895074" spans="14:14">
      <c r="N895074" s="10"/>
    </row>
    <row r="895075" spans="14:14">
      <c r="N895075" s="10"/>
    </row>
    <row r="895076" spans="14:14">
      <c r="N895076" s="10"/>
    </row>
    <row r="895077" spans="14:14">
      <c r="N895077" s="10"/>
    </row>
    <row r="895078" spans="14:14">
      <c r="N895078" s="10"/>
    </row>
    <row r="895079" spans="14:14">
      <c r="N895079" s="10"/>
    </row>
    <row r="895080" spans="14:14">
      <c r="N895080" s="10"/>
    </row>
    <row r="895081" spans="14:14">
      <c r="N895081" s="10"/>
    </row>
    <row r="895082" spans="14:14">
      <c r="N895082" s="10"/>
    </row>
    <row r="895083" spans="14:14">
      <c r="N895083" s="10"/>
    </row>
    <row r="895084" spans="14:14">
      <c r="N895084" s="10"/>
    </row>
    <row r="895085" spans="14:14">
      <c r="N895085" s="10"/>
    </row>
    <row r="895086" spans="14:14">
      <c r="N895086" s="10"/>
    </row>
    <row r="895087" spans="14:14">
      <c r="N895087" s="10"/>
    </row>
    <row r="895088" spans="14:14">
      <c r="N895088" s="10"/>
    </row>
    <row r="895089" spans="14:14">
      <c r="N895089" s="10"/>
    </row>
    <row r="895090" spans="14:14">
      <c r="N895090" s="10"/>
    </row>
    <row r="895091" spans="14:14">
      <c r="N895091" s="10"/>
    </row>
    <row r="895092" spans="14:14">
      <c r="N895092" s="10"/>
    </row>
    <row r="895093" spans="14:14">
      <c r="N895093" s="10"/>
    </row>
    <row r="895094" spans="14:14">
      <c r="N895094" s="10"/>
    </row>
    <row r="895095" spans="14:14">
      <c r="N895095" s="10"/>
    </row>
    <row r="895096" spans="14:14">
      <c r="N895096" s="10"/>
    </row>
    <row r="895097" spans="14:14">
      <c r="N895097" s="10"/>
    </row>
    <row r="895098" spans="14:14">
      <c r="N895098" s="10"/>
    </row>
    <row r="895099" spans="14:14">
      <c r="N895099" s="10"/>
    </row>
    <row r="895100" spans="14:14">
      <c r="N895100" s="10"/>
    </row>
    <row r="895101" spans="14:14">
      <c r="N895101" s="10"/>
    </row>
    <row r="895102" spans="14:14">
      <c r="N895102" s="10"/>
    </row>
    <row r="895103" spans="14:14">
      <c r="N895103" s="10"/>
    </row>
    <row r="895104" spans="14:14">
      <c r="N895104" s="10"/>
    </row>
    <row r="895105" spans="14:14">
      <c r="N895105" s="10"/>
    </row>
    <row r="895106" spans="14:14">
      <c r="N895106" s="10"/>
    </row>
    <row r="895107" spans="14:14">
      <c r="N895107" s="10"/>
    </row>
    <row r="895108" spans="14:14">
      <c r="N895108" s="10"/>
    </row>
    <row r="895109" spans="14:14">
      <c r="N895109" s="10"/>
    </row>
    <row r="895110" spans="14:14">
      <c r="N895110" s="10"/>
    </row>
    <row r="895111" spans="14:14">
      <c r="N895111" s="10"/>
    </row>
    <row r="895112" spans="14:14">
      <c r="N895112" s="10"/>
    </row>
    <row r="895113" spans="14:14">
      <c r="N895113" s="10"/>
    </row>
    <row r="895114" spans="14:14">
      <c r="N895114" s="10"/>
    </row>
    <row r="895115" spans="14:14">
      <c r="N895115" s="10"/>
    </row>
    <row r="895116" spans="14:14">
      <c r="N895116" s="10"/>
    </row>
    <row r="895117" spans="14:14">
      <c r="N895117" s="10"/>
    </row>
    <row r="895118" spans="14:14">
      <c r="N895118" s="10"/>
    </row>
    <row r="895119" spans="14:14">
      <c r="N895119" s="10"/>
    </row>
    <row r="895120" spans="14:14">
      <c r="N895120" s="10"/>
    </row>
    <row r="895121" spans="14:14">
      <c r="N895121" s="10"/>
    </row>
    <row r="895122" spans="14:14">
      <c r="N895122" s="10"/>
    </row>
    <row r="895123" spans="14:14">
      <c r="N895123" s="10"/>
    </row>
    <row r="895124" spans="14:14">
      <c r="N895124" s="10"/>
    </row>
    <row r="895125" spans="14:14">
      <c r="N895125" s="10"/>
    </row>
    <row r="895126" spans="14:14">
      <c r="N895126" s="10"/>
    </row>
    <row r="895127" spans="14:14">
      <c r="N895127" s="10"/>
    </row>
    <row r="895128" spans="14:14">
      <c r="N895128" s="10"/>
    </row>
    <row r="895129" spans="14:14">
      <c r="N895129" s="10"/>
    </row>
    <row r="895130" spans="14:14">
      <c r="N895130" s="10"/>
    </row>
    <row r="895131" spans="14:14">
      <c r="N895131" s="10"/>
    </row>
    <row r="895132" spans="14:14">
      <c r="N895132" s="10"/>
    </row>
    <row r="895133" spans="14:14">
      <c r="N895133" s="10"/>
    </row>
    <row r="895134" spans="14:14">
      <c r="N895134" s="10"/>
    </row>
    <row r="895135" spans="14:14">
      <c r="N895135" s="10"/>
    </row>
    <row r="895136" spans="14:14">
      <c r="N895136" s="10"/>
    </row>
    <row r="895137" spans="14:14">
      <c r="N895137" s="10"/>
    </row>
    <row r="895138" spans="14:14">
      <c r="N895138" s="10"/>
    </row>
    <row r="895139" spans="14:14">
      <c r="N895139" s="10"/>
    </row>
    <row r="895140" spans="14:14">
      <c r="N895140" s="10"/>
    </row>
    <row r="895141" spans="14:14">
      <c r="N895141" s="10"/>
    </row>
    <row r="895142" spans="14:14">
      <c r="N895142" s="10"/>
    </row>
    <row r="895143" spans="14:14">
      <c r="N895143" s="10"/>
    </row>
    <row r="895144" spans="14:14">
      <c r="N895144" s="10"/>
    </row>
    <row r="895145" spans="14:14">
      <c r="N895145" s="10"/>
    </row>
    <row r="895146" spans="14:14">
      <c r="N895146" s="10"/>
    </row>
    <row r="895147" spans="14:14">
      <c r="N895147" s="10"/>
    </row>
    <row r="895148" spans="14:14">
      <c r="N895148" s="10"/>
    </row>
    <row r="895149" spans="14:14">
      <c r="N895149" s="10"/>
    </row>
    <row r="895150" spans="14:14">
      <c r="N895150" s="10"/>
    </row>
    <row r="895151" spans="14:14">
      <c r="N895151" s="10"/>
    </row>
    <row r="895152" spans="14:14">
      <c r="N895152" s="10"/>
    </row>
    <row r="895153" spans="14:14">
      <c r="N895153" s="10"/>
    </row>
    <row r="895154" spans="14:14">
      <c r="N895154" s="10"/>
    </row>
    <row r="895155" spans="14:14">
      <c r="N895155" s="10"/>
    </row>
    <row r="895156" spans="14:14">
      <c r="N895156" s="10"/>
    </row>
    <row r="895157" spans="14:14">
      <c r="N895157" s="10"/>
    </row>
    <row r="895158" spans="14:14">
      <c r="N895158" s="10"/>
    </row>
    <row r="895159" spans="14:14">
      <c r="N895159" s="10"/>
    </row>
    <row r="895160" spans="14:14">
      <c r="N895160" s="10"/>
    </row>
    <row r="895161" spans="14:14">
      <c r="N895161" s="10"/>
    </row>
    <row r="895162" spans="14:14">
      <c r="N895162" s="10"/>
    </row>
    <row r="895163" spans="14:14">
      <c r="N895163" s="10"/>
    </row>
    <row r="895164" spans="14:14">
      <c r="N895164" s="10"/>
    </row>
    <row r="895165" spans="14:14">
      <c r="N895165" s="10"/>
    </row>
    <row r="895166" spans="14:14">
      <c r="N895166" s="10"/>
    </row>
    <row r="895167" spans="14:14">
      <c r="N895167" s="10"/>
    </row>
    <row r="895168" spans="14:14">
      <c r="N895168" s="10"/>
    </row>
    <row r="895169" spans="14:14">
      <c r="N895169" s="10"/>
    </row>
    <row r="895170" spans="14:14">
      <c r="N895170" s="10"/>
    </row>
    <row r="895171" spans="14:14">
      <c r="N895171" s="10"/>
    </row>
    <row r="895172" spans="14:14">
      <c r="N895172" s="10"/>
    </row>
    <row r="895173" spans="14:14">
      <c r="N895173" s="10"/>
    </row>
    <row r="895174" spans="14:14">
      <c r="N895174" s="10"/>
    </row>
    <row r="895175" spans="14:14">
      <c r="N895175" s="10"/>
    </row>
    <row r="895176" spans="14:14">
      <c r="N895176" s="10"/>
    </row>
    <row r="895177" spans="14:14">
      <c r="N895177" s="10"/>
    </row>
    <row r="895178" spans="14:14">
      <c r="N895178" s="10"/>
    </row>
    <row r="895179" spans="14:14">
      <c r="N895179" s="10"/>
    </row>
    <row r="895180" spans="14:14">
      <c r="N895180" s="10"/>
    </row>
    <row r="895181" spans="14:14">
      <c r="N895181" s="10"/>
    </row>
    <row r="895182" spans="14:14">
      <c r="N895182" s="10"/>
    </row>
    <row r="895183" spans="14:14">
      <c r="N895183" s="10"/>
    </row>
    <row r="895184" spans="14:14">
      <c r="N895184" s="10"/>
    </row>
    <row r="895185" spans="14:14">
      <c r="N895185" s="10"/>
    </row>
    <row r="895186" spans="14:14">
      <c r="N895186" s="10"/>
    </row>
    <row r="895187" spans="14:14">
      <c r="N895187" s="10"/>
    </row>
    <row r="895188" spans="14:14">
      <c r="N895188" s="10"/>
    </row>
    <row r="895189" spans="14:14">
      <c r="N895189" s="10"/>
    </row>
    <row r="895190" spans="14:14">
      <c r="N895190" s="10"/>
    </row>
    <row r="895191" spans="14:14">
      <c r="N895191" s="10"/>
    </row>
    <row r="895192" spans="14:14">
      <c r="N895192" s="10"/>
    </row>
    <row r="895193" spans="14:14">
      <c r="N895193" s="10"/>
    </row>
    <row r="895194" spans="14:14">
      <c r="N895194" s="10"/>
    </row>
    <row r="895195" spans="14:14">
      <c r="N895195" s="10"/>
    </row>
    <row r="895196" spans="14:14">
      <c r="N895196" s="10"/>
    </row>
    <row r="895197" spans="14:14">
      <c r="N895197" s="10"/>
    </row>
    <row r="895198" spans="14:14">
      <c r="N895198" s="10"/>
    </row>
    <row r="895199" spans="14:14">
      <c r="N895199" s="10"/>
    </row>
    <row r="895200" spans="14:14">
      <c r="N895200" s="10"/>
    </row>
    <row r="895201" spans="14:14">
      <c r="N895201" s="10"/>
    </row>
    <row r="895202" spans="14:14">
      <c r="N895202" s="10"/>
    </row>
    <row r="895203" spans="14:14">
      <c r="N895203" s="10"/>
    </row>
    <row r="895204" spans="14:14">
      <c r="N895204" s="10"/>
    </row>
    <row r="895205" spans="14:14">
      <c r="N895205" s="10"/>
    </row>
    <row r="895206" spans="14:14">
      <c r="N895206" s="10"/>
    </row>
    <row r="895207" spans="14:14">
      <c r="N895207" s="10"/>
    </row>
    <row r="895208" spans="14:14">
      <c r="N895208" s="10"/>
    </row>
    <row r="895209" spans="14:14">
      <c r="N895209" s="10"/>
    </row>
    <row r="895210" spans="14:14">
      <c r="N895210" s="10"/>
    </row>
    <row r="895211" spans="14:14">
      <c r="N895211" s="10"/>
    </row>
    <row r="895212" spans="14:14">
      <c r="N895212" s="10"/>
    </row>
    <row r="895213" spans="14:14">
      <c r="N895213" s="10"/>
    </row>
    <row r="895214" spans="14:14">
      <c r="N895214" s="10"/>
    </row>
    <row r="895215" spans="14:14">
      <c r="N895215" s="10"/>
    </row>
    <row r="895216" spans="14:14">
      <c r="N895216" s="10"/>
    </row>
    <row r="895217" spans="14:14">
      <c r="N895217" s="10"/>
    </row>
    <row r="895218" spans="14:14">
      <c r="N895218" s="10"/>
    </row>
    <row r="895219" spans="14:14">
      <c r="N895219" s="10"/>
    </row>
    <row r="895220" spans="14:14">
      <c r="N895220" s="10"/>
    </row>
    <row r="895221" spans="14:14">
      <c r="N895221" s="10"/>
    </row>
    <row r="895222" spans="14:14">
      <c r="N895222" s="10"/>
    </row>
    <row r="895223" spans="14:14">
      <c r="N895223" s="10"/>
    </row>
    <row r="895224" spans="14:14">
      <c r="N895224" s="10"/>
    </row>
    <row r="895225" spans="14:14">
      <c r="N895225" s="10"/>
    </row>
    <row r="895226" spans="14:14">
      <c r="N895226" s="10"/>
    </row>
    <row r="895227" spans="14:14">
      <c r="N895227" s="10"/>
    </row>
    <row r="895228" spans="14:14">
      <c r="N895228" s="10"/>
    </row>
    <row r="895229" spans="14:14">
      <c r="N895229" s="10"/>
    </row>
    <row r="895230" spans="14:14">
      <c r="N895230" s="10"/>
    </row>
    <row r="895231" spans="14:14">
      <c r="N895231" s="10"/>
    </row>
    <row r="895232" spans="14:14">
      <c r="N895232" s="10"/>
    </row>
    <row r="895233" spans="14:14">
      <c r="N895233" s="10"/>
    </row>
    <row r="895234" spans="14:14">
      <c r="N895234" s="10"/>
    </row>
    <row r="895235" spans="14:14">
      <c r="N895235" s="10"/>
    </row>
    <row r="895236" spans="14:14">
      <c r="N895236" s="10"/>
    </row>
    <row r="895237" spans="14:14">
      <c r="N895237" s="10"/>
    </row>
    <row r="895238" spans="14:14">
      <c r="N895238" s="10"/>
    </row>
    <row r="895239" spans="14:14">
      <c r="N895239" s="10"/>
    </row>
    <row r="895240" spans="14:14">
      <c r="N895240" s="10"/>
    </row>
    <row r="895241" spans="14:14">
      <c r="N895241" s="10"/>
    </row>
    <row r="895242" spans="14:14">
      <c r="N895242" s="10"/>
    </row>
    <row r="895243" spans="14:14">
      <c r="N895243" s="10"/>
    </row>
    <row r="895244" spans="14:14">
      <c r="N895244" s="10"/>
    </row>
    <row r="895245" spans="14:14">
      <c r="N895245" s="10"/>
    </row>
    <row r="895246" spans="14:14">
      <c r="N895246" s="10"/>
    </row>
    <row r="895247" spans="14:14">
      <c r="N895247" s="10"/>
    </row>
    <row r="895248" spans="14:14">
      <c r="N895248" s="10"/>
    </row>
    <row r="895249" spans="14:14">
      <c r="N895249" s="10"/>
    </row>
    <row r="895250" spans="14:14">
      <c r="N895250" s="10"/>
    </row>
    <row r="895251" spans="14:14">
      <c r="N895251" s="10"/>
    </row>
    <row r="895252" spans="14:14">
      <c r="N895252" s="10"/>
    </row>
    <row r="895253" spans="14:14">
      <c r="N895253" s="10"/>
    </row>
    <row r="895254" spans="14:14">
      <c r="N895254" s="10"/>
    </row>
    <row r="895255" spans="14:14">
      <c r="N895255" s="10"/>
    </row>
    <row r="895256" spans="14:14">
      <c r="N895256" s="10"/>
    </row>
    <row r="895257" spans="14:14">
      <c r="N895257" s="10"/>
    </row>
    <row r="895258" spans="14:14">
      <c r="N895258" s="10"/>
    </row>
    <row r="895259" spans="14:14">
      <c r="N895259" s="10"/>
    </row>
    <row r="895260" spans="14:14">
      <c r="N895260" s="10"/>
    </row>
    <row r="895261" spans="14:14">
      <c r="N895261" s="10"/>
    </row>
    <row r="895262" spans="14:14">
      <c r="N895262" s="10"/>
    </row>
    <row r="895263" spans="14:14">
      <c r="N895263" s="10"/>
    </row>
    <row r="895264" spans="14:14">
      <c r="N895264" s="10"/>
    </row>
    <row r="895265" spans="14:14">
      <c r="N895265" s="10"/>
    </row>
    <row r="895266" spans="14:14">
      <c r="N895266" s="10"/>
    </row>
    <row r="895267" spans="14:14">
      <c r="N895267" s="10"/>
    </row>
    <row r="895268" spans="14:14">
      <c r="N895268" s="10"/>
    </row>
    <row r="895269" spans="14:14">
      <c r="N895269" s="10"/>
    </row>
    <row r="895270" spans="14:14">
      <c r="N895270" s="10"/>
    </row>
    <row r="895271" spans="14:14">
      <c r="N895271" s="10"/>
    </row>
    <row r="895272" spans="14:14">
      <c r="N895272" s="10"/>
    </row>
    <row r="895273" spans="14:14">
      <c r="N895273" s="10"/>
    </row>
    <row r="895274" spans="14:14">
      <c r="N895274" s="10"/>
    </row>
    <row r="895275" spans="14:14">
      <c r="N895275" s="10"/>
    </row>
    <row r="895276" spans="14:14">
      <c r="N895276" s="10"/>
    </row>
    <row r="895277" spans="14:14">
      <c r="N895277" s="10"/>
    </row>
    <row r="895278" spans="14:14">
      <c r="N895278" s="10"/>
    </row>
    <row r="895279" spans="14:14">
      <c r="N895279" s="10"/>
    </row>
    <row r="895280" spans="14:14">
      <c r="N895280" s="10"/>
    </row>
    <row r="895281" spans="14:14">
      <c r="N895281" s="10"/>
    </row>
    <row r="895282" spans="14:14">
      <c r="N895282" s="10"/>
    </row>
    <row r="895283" spans="14:14">
      <c r="N895283" s="10"/>
    </row>
    <row r="895284" spans="14:14">
      <c r="N895284" s="10"/>
    </row>
    <row r="895285" spans="14:14">
      <c r="N895285" s="10"/>
    </row>
    <row r="895286" spans="14:14">
      <c r="N895286" s="10"/>
    </row>
    <row r="895287" spans="14:14">
      <c r="N895287" s="10"/>
    </row>
    <row r="895288" spans="14:14">
      <c r="N895288" s="10"/>
    </row>
    <row r="895289" spans="14:14">
      <c r="N895289" s="10"/>
    </row>
    <row r="895290" spans="14:14">
      <c r="N895290" s="10"/>
    </row>
    <row r="895291" spans="14:14">
      <c r="N895291" s="10"/>
    </row>
    <row r="895292" spans="14:14">
      <c r="N895292" s="10"/>
    </row>
    <row r="895293" spans="14:14">
      <c r="N895293" s="10"/>
    </row>
    <row r="895294" spans="14:14">
      <c r="N895294" s="10"/>
    </row>
    <row r="895295" spans="14:14">
      <c r="N895295" s="10"/>
    </row>
    <row r="895296" spans="14:14">
      <c r="N895296" s="10"/>
    </row>
    <row r="895297" spans="14:14">
      <c r="N895297" s="10"/>
    </row>
    <row r="895298" spans="14:14">
      <c r="N895298" s="10"/>
    </row>
    <row r="895299" spans="14:14">
      <c r="N895299" s="10"/>
    </row>
    <row r="895300" spans="14:14">
      <c r="N895300" s="10"/>
    </row>
    <row r="895301" spans="14:14">
      <c r="N895301" s="10"/>
    </row>
    <row r="895302" spans="14:14">
      <c r="N895302" s="10"/>
    </row>
    <row r="895303" spans="14:14">
      <c r="N895303" s="10"/>
    </row>
    <row r="895304" spans="14:14">
      <c r="N895304" s="10"/>
    </row>
    <row r="895305" spans="14:14">
      <c r="N895305" s="10"/>
    </row>
    <row r="895306" spans="14:14">
      <c r="N895306" s="10"/>
    </row>
    <row r="895307" spans="14:14">
      <c r="N895307" s="10"/>
    </row>
    <row r="895308" spans="14:14">
      <c r="N895308" s="10"/>
    </row>
    <row r="895309" spans="14:14">
      <c r="N895309" s="10"/>
    </row>
    <row r="895310" spans="14:14">
      <c r="N895310" s="10"/>
    </row>
    <row r="895311" spans="14:14">
      <c r="N895311" s="10"/>
    </row>
    <row r="895312" spans="14:14">
      <c r="N895312" s="10"/>
    </row>
    <row r="895313" spans="14:14">
      <c r="N895313" s="10"/>
    </row>
    <row r="895314" spans="14:14">
      <c r="N895314" s="10"/>
    </row>
    <row r="895315" spans="14:14">
      <c r="N895315" s="10"/>
    </row>
    <row r="895316" spans="14:14">
      <c r="N895316" s="10"/>
    </row>
    <row r="895317" spans="14:14">
      <c r="N895317" s="10"/>
    </row>
    <row r="895318" spans="14:14">
      <c r="N895318" s="10"/>
    </row>
    <row r="895319" spans="14:14">
      <c r="N895319" s="10"/>
    </row>
    <row r="895320" spans="14:14">
      <c r="N895320" s="10"/>
    </row>
    <row r="895321" spans="14:14">
      <c r="N895321" s="10"/>
    </row>
    <row r="895322" spans="14:14">
      <c r="N895322" s="10"/>
    </row>
    <row r="895323" spans="14:14">
      <c r="N895323" s="10"/>
    </row>
    <row r="895324" spans="14:14">
      <c r="N895324" s="10"/>
    </row>
    <row r="895325" spans="14:14">
      <c r="N895325" s="10"/>
    </row>
    <row r="895326" spans="14:14">
      <c r="N895326" s="10"/>
    </row>
    <row r="895327" spans="14:14">
      <c r="N895327" s="10"/>
    </row>
    <row r="895328" spans="14:14">
      <c r="N895328" s="10"/>
    </row>
    <row r="895329" spans="14:14">
      <c r="N895329" s="10"/>
    </row>
    <row r="895330" spans="14:14">
      <c r="N895330" s="10"/>
    </row>
    <row r="895331" spans="14:14">
      <c r="N895331" s="10"/>
    </row>
    <row r="895332" spans="14:14">
      <c r="N895332" s="10"/>
    </row>
    <row r="895333" spans="14:14">
      <c r="N895333" s="10"/>
    </row>
    <row r="895334" spans="14:14">
      <c r="N895334" s="10"/>
    </row>
    <row r="895335" spans="14:14">
      <c r="N895335" s="10"/>
    </row>
    <row r="895336" spans="14:14">
      <c r="N895336" s="10"/>
    </row>
    <row r="895337" spans="14:14">
      <c r="N895337" s="10"/>
    </row>
    <row r="895338" spans="14:14">
      <c r="N895338" s="10"/>
    </row>
    <row r="895339" spans="14:14">
      <c r="N895339" s="10"/>
    </row>
    <row r="895340" spans="14:14">
      <c r="N895340" s="10"/>
    </row>
    <row r="895341" spans="14:14">
      <c r="N895341" s="10"/>
    </row>
    <row r="895342" spans="14:14">
      <c r="N895342" s="10"/>
    </row>
    <row r="895343" spans="14:14">
      <c r="N895343" s="10"/>
    </row>
    <row r="895344" spans="14:14">
      <c r="N895344" s="10"/>
    </row>
    <row r="895345" spans="14:14">
      <c r="N895345" s="10"/>
    </row>
    <row r="895346" spans="14:14">
      <c r="N895346" s="10"/>
    </row>
    <row r="895347" spans="14:14">
      <c r="N895347" s="10"/>
    </row>
    <row r="895348" spans="14:14">
      <c r="N895348" s="10"/>
    </row>
    <row r="895349" spans="14:14">
      <c r="N895349" s="10"/>
    </row>
    <row r="895350" spans="14:14">
      <c r="N895350" s="10"/>
    </row>
    <row r="895351" spans="14:14">
      <c r="N895351" s="10"/>
    </row>
    <row r="895352" spans="14:14">
      <c r="N895352" s="10"/>
    </row>
    <row r="895353" spans="14:14">
      <c r="N895353" s="10"/>
    </row>
    <row r="895354" spans="14:14">
      <c r="N895354" s="10"/>
    </row>
    <row r="895355" spans="14:14">
      <c r="N895355" s="10"/>
    </row>
    <row r="895356" spans="14:14">
      <c r="N895356" s="10"/>
    </row>
    <row r="895357" spans="14:14">
      <c r="N895357" s="10"/>
    </row>
    <row r="895358" spans="14:14">
      <c r="N895358" s="10"/>
    </row>
    <row r="895359" spans="14:14">
      <c r="N895359" s="10"/>
    </row>
    <row r="895360" spans="14:14">
      <c r="N895360" s="10"/>
    </row>
    <row r="895361" spans="14:14">
      <c r="N895361" s="10"/>
    </row>
    <row r="895362" spans="14:14">
      <c r="N895362" s="10"/>
    </row>
    <row r="895363" spans="14:14">
      <c r="N895363" s="10"/>
    </row>
    <row r="895364" spans="14:14">
      <c r="N895364" s="10"/>
    </row>
    <row r="895365" spans="14:14">
      <c r="N895365" s="10"/>
    </row>
    <row r="895366" spans="14:14">
      <c r="N895366" s="10"/>
    </row>
    <row r="895367" spans="14:14">
      <c r="N895367" s="10"/>
    </row>
    <row r="895368" spans="14:14">
      <c r="N895368" s="10"/>
    </row>
    <row r="895369" spans="14:14">
      <c r="N895369" s="10"/>
    </row>
    <row r="895370" spans="14:14">
      <c r="N895370" s="10"/>
    </row>
    <row r="895371" spans="14:14">
      <c r="N895371" s="10"/>
    </row>
    <row r="895372" spans="14:14">
      <c r="N895372" s="10"/>
    </row>
    <row r="895373" spans="14:14">
      <c r="N895373" s="10"/>
    </row>
    <row r="895374" spans="14:14">
      <c r="N895374" s="10"/>
    </row>
    <row r="895375" spans="14:14">
      <c r="N895375" s="10"/>
    </row>
    <row r="895376" spans="14:14">
      <c r="N895376" s="10"/>
    </row>
    <row r="895377" spans="14:14">
      <c r="N895377" s="10"/>
    </row>
    <row r="895378" spans="14:14">
      <c r="N895378" s="10"/>
    </row>
    <row r="895379" spans="14:14">
      <c r="N895379" s="10"/>
    </row>
    <row r="895380" spans="14:14">
      <c r="N895380" s="10"/>
    </row>
    <row r="895381" spans="14:14">
      <c r="N895381" s="10"/>
    </row>
    <row r="895382" spans="14:14">
      <c r="N895382" s="10"/>
    </row>
    <row r="895383" spans="14:14">
      <c r="N895383" s="10"/>
    </row>
    <row r="895384" spans="14:14">
      <c r="N895384" s="10"/>
    </row>
    <row r="895385" spans="14:14">
      <c r="N895385" s="10"/>
    </row>
    <row r="895386" spans="14:14">
      <c r="N895386" s="10"/>
    </row>
    <row r="895387" spans="14:14">
      <c r="N895387" s="10"/>
    </row>
    <row r="895388" spans="14:14">
      <c r="N895388" s="10"/>
    </row>
    <row r="895389" spans="14:14">
      <c r="N895389" s="10"/>
    </row>
    <row r="895390" spans="14:14">
      <c r="N895390" s="10"/>
    </row>
    <row r="895391" spans="14:14">
      <c r="N895391" s="10"/>
    </row>
    <row r="895392" spans="14:14">
      <c r="N895392" s="10"/>
    </row>
    <row r="895393" spans="14:14">
      <c r="N895393" s="10"/>
    </row>
    <row r="895394" spans="14:14">
      <c r="N895394" s="10"/>
    </row>
    <row r="895395" spans="14:14">
      <c r="N895395" s="10"/>
    </row>
    <row r="895396" spans="14:14">
      <c r="N895396" s="10"/>
    </row>
    <row r="895397" spans="14:14">
      <c r="N895397" s="10"/>
    </row>
    <row r="895398" spans="14:14">
      <c r="N895398" s="10"/>
    </row>
    <row r="895399" spans="14:14">
      <c r="N895399" s="10"/>
    </row>
    <row r="895400" spans="14:14">
      <c r="N895400" s="10"/>
    </row>
    <row r="895401" spans="14:14">
      <c r="N895401" s="10"/>
    </row>
    <row r="895402" spans="14:14">
      <c r="N895402" s="10"/>
    </row>
    <row r="895403" spans="14:14">
      <c r="N895403" s="10"/>
    </row>
    <row r="895404" spans="14:14">
      <c r="N895404" s="10"/>
    </row>
    <row r="895405" spans="14:14">
      <c r="N895405" s="10"/>
    </row>
    <row r="895406" spans="14:14">
      <c r="N895406" s="10"/>
    </row>
    <row r="895407" spans="14:14">
      <c r="N895407" s="10"/>
    </row>
    <row r="895408" spans="14:14">
      <c r="N895408" s="10"/>
    </row>
    <row r="895409" spans="14:14">
      <c r="N895409" s="10"/>
    </row>
    <row r="895410" spans="14:14">
      <c r="N895410" s="10"/>
    </row>
    <row r="895411" spans="14:14">
      <c r="N895411" s="10"/>
    </row>
    <row r="895412" spans="14:14">
      <c r="N895412" s="10"/>
    </row>
    <row r="895413" spans="14:14">
      <c r="N895413" s="10"/>
    </row>
    <row r="895414" spans="14:14">
      <c r="N895414" s="10"/>
    </row>
    <row r="895415" spans="14:14">
      <c r="N895415" s="10"/>
    </row>
    <row r="895416" spans="14:14">
      <c r="N895416" s="10"/>
    </row>
    <row r="895417" spans="14:14">
      <c r="N895417" s="10"/>
    </row>
    <row r="895418" spans="14:14">
      <c r="N895418" s="10"/>
    </row>
    <row r="895419" spans="14:14">
      <c r="N895419" s="10"/>
    </row>
    <row r="895420" spans="14:14">
      <c r="N895420" s="10"/>
    </row>
    <row r="895421" spans="14:14">
      <c r="N895421" s="10"/>
    </row>
    <row r="895422" spans="14:14">
      <c r="N895422" s="10"/>
    </row>
    <row r="895423" spans="14:14">
      <c r="N895423" s="10"/>
    </row>
    <row r="895424" spans="14:14">
      <c r="N895424" s="10"/>
    </row>
    <row r="895425" spans="14:14">
      <c r="N895425" s="10"/>
    </row>
    <row r="895426" spans="14:14">
      <c r="N895426" s="10"/>
    </row>
    <row r="895427" spans="14:14">
      <c r="N895427" s="10"/>
    </row>
    <row r="895428" spans="14:14">
      <c r="N895428" s="10"/>
    </row>
    <row r="895429" spans="14:14">
      <c r="N895429" s="10"/>
    </row>
    <row r="895430" spans="14:14">
      <c r="N895430" s="10"/>
    </row>
    <row r="895431" spans="14:14">
      <c r="N895431" s="10"/>
    </row>
    <row r="895432" spans="14:14">
      <c r="N895432" s="10"/>
    </row>
    <row r="895433" spans="14:14">
      <c r="N895433" s="10"/>
    </row>
    <row r="895434" spans="14:14">
      <c r="N895434" s="10"/>
    </row>
    <row r="895435" spans="14:14">
      <c r="N895435" s="10"/>
    </row>
    <row r="895436" spans="14:14">
      <c r="N895436" s="10"/>
    </row>
    <row r="895437" spans="14:14">
      <c r="N895437" s="10"/>
    </row>
    <row r="895438" spans="14:14">
      <c r="N895438" s="10"/>
    </row>
    <row r="895439" spans="14:14">
      <c r="N895439" s="10"/>
    </row>
    <row r="895440" spans="14:14">
      <c r="N895440" s="10"/>
    </row>
    <row r="895441" spans="14:14">
      <c r="N895441" s="10"/>
    </row>
    <row r="895442" spans="14:14">
      <c r="N895442" s="10"/>
    </row>
    <row r="895443" spans="14:14">
      <c r="N895443" s="10"/>
    </row>
    <row r="895444" spans="14:14">
      <c r="N895444" s="10"/>
    </row>
    <row r="895445" spans="14:14">
      <c r="N895445" s="10"/>
    </row>
    <row r="895446" spans="14:14">
      <c r="N895446" s="10"/>
    </row>
    <row r="895447" spans="14:14">
      <c r="N895447" s="10"/>
    </row>
    <row r="895448" spans="14:14">
      <c r="N895448" s="10"/>
    </row>
    <row r="895449" spans="14:14">
      <c r="N895449" s="10"/>
    </row>
    <row r="895450" spans="14:14">
      <c r="N895450" s="10"/>
    </row>
    <row r="895451" spans="14:14">
      <c r="N895451" s="10"/>
    </row>
    <row r="895452" spans="14:14">
      <c r="N895452" s="10"/>
    </row>
    <row r="895453" spans="14:14">
      <c r="N895453" s="10"/>
    </row>
    <row r="895454" spans="14:14">
      <c r="N895454" s="10"/>
    </row>
    <row r="895455" spans="14:14">
      <c r="N895455" s="10"/>
    </row>
    <row r="895456" spans="14:14">
      <c r="N895456" s="10"/>
    </row>
    <row r="895457" spans="14:14">
      <c r="N895457" s="10"/>
    </row>
    <row r="895458" spans="14:14">
      <c r="N895458" s="10"/>
    </row>
    <row r="895459" spans="14:14">
      <c r="N895459" s="10"/>
    </row>
    <row r="895460" spans="14:14">
      <c r="N895460" s="10"/>
    </row>
    <row r="895461" spans="14:14">
      <c r="N895461" s="10"/>
    </row>
    <row r="895462" spans="14:14">
      <c r="N895462" s="10"/>
    </row>
    <row r="895463" spans="14:14">
      <c r="N895463" s="10"/>
    </row>
    <row r="895464" spans="14:14">
      <c r="N895464" s="10"/>
    </row>
    <row r="895465" spans="14:14">
      <c r="N895465" s="10"/>
    </row>
    <row r="895466" spans="14:14">
      <c r="N895466" s="10"/>
    </row>
    <row r="895467" spans="14:14">
      <c r="N895467" s="10"/>
    </row>
    <row r="895468" spans="14:14">
      <c r="N895468" s="10"/>
    </row>
    <row r="895469" spans="14:14">
      <c r="N895469" s="10"/>
    </row>
    <row r="895470" spans="14:14">
      <c r="N895470" s="10"/>
    </row>
    <row r="895471" spans="14:14">
      <c r="N895471" s="10"/>
    </row>
    <row r="895472" spans="14:14">
      <c r="N895472" s="10"/>
    </row>
    <row r="895473" spans="14:14">
      <c r="N895473" s="10"/>
    </row>
    <row r="895474" spans="14:14">
      <c r="N895474" s="10"/>
    </row>
    <row r="895475" spans="14:14">
      <c r="N895475" s="10"/>
    </row>
    <row r="895476" spans="14:14">
      <c r="N895476" s="10"/>
    </row>
    <row r="895477" spans="14:14">
      <c r="N895477" s="10"/>
    </row>
    <row r="895478" spans="14:14">
      <c r="N895478" s="10"/>
    </row>
    <row r="895479" spans="14:14">
      <c r="N895479" s="10"/>
    </row>
    <row r="895480" spans="14:14">
      <c r="N895480" s="10"/>
    </row>
    <row r="895481" spans="14:14">
      <c r="N895481" s="10"/>
    </row>
    <row r="895482" spans="14:14">
      <c r="N895482" s="10"/>
    </row>
    <row r="895483" spans="14:14">
      <c r="N895483" s="10"/>
    </row>
    <row r="895484" spans="14:14">
      <c r="N895484" s="10"/>
    </row>
    <row r="895485" spans="14:14">
      <c r="N895485" s="10"/>
    </row>
    <row r="895486" spans="14:14">
      <c r="N895486" s="10"/>
    </row>
    <row r="895487" spans="14:14">
      <c r="N895487" s="10"/>
    </row>
    <row r="895488" spans="14:14">
      <c r="N895488" s="10"/>
    </row>
    <row r="895489" spans="14:14">
      <c r="N895489" s="10"/>
    </row>
    <row r="895490" spans="14:14">
      <c r="N895490" s="10"/>
    </row>
    <row r="895491" spans="14:14">
      <c r="N895491" s="10"/>
    </row>
    <row r="895492" spans="14:14">
      <c r="N895492" s="10"/>
    </row>
    <row r="895493" spans="14:14">
      <c r="N895493" s="10"/>
    </row>
    <row r="895494" spans="14:14">
      <c r="N895494" s="10"/>
    </row>
    <row r="895495" spans="14:14">
      <c r="N895495" s="10"/>
    </row>
    <row r="895496" spans="14:14">
      <c r="N895496" s="10"/>
    </row>
    <row r="895497" spans="14:14">
      <c r="N895497" s="10"/>
    </row>
    <row r="895498" spans="14:14">
      <c r="N895498" s="10"/>
    </row>
    <row r="895499" spans="14:14">
      <c r="N895499" s="10"/>
    </row>
    <row r="895500" spans="14:14">
      <c r="N895500" s="10"/>
    </row>
    <row r="895501" spans="14:14">
      <c r="N895501" s="10"/>
    </row>
    <row r="895502" spans="14:14">
      <c r="N895502" s="10"/>
    </row>
    <row r="895503" spans="14:14">
      <c r="N895503" s="10"/>
    </row>
    <row r="895504" spans="14:14">
      <c r="N895504" s="10"/>
    </row>
    <row r="895505" spans="14:14">
      <c r="N895505" s="10"/>
    </row>
    <row r="895506" spans="14:14">
      <c r="N895506" s="10"/>
    </row>
    <row r="895507" spans="14:14">
      <c r="N895507" s="10"/>
    </row>
    <row r="895508" spans="14:14">
      <c r="N895508" s="10"/>
    </row>
    <row r="895509" spans="14:14">
      <c r="N895509" s="10"/>
    </row>
    <row r="895510" spans="14:14">
      <c r="N895510" s="10"/>
    </row>
    <row r="895511" spans="14:14">
      <c r="N895511" s="10"/>
    </row>
    <row r="895512" spans="14:14">
      <c r="N895512" s="10"/>
    </row>
    <row r="895513" spans="14:14">
      <c r="N895513" s="10"/>
    </row>
    <row r="895514" spans="14:14">
      <c r="N895514" s="10"/>
    </row>
    <row r="895515" spans="14:14">
      <c r="N895515" s="10"/>
    </row>
    <row r="895516" spans="14:14">
      <c r="N895516" s="10"/>
    </row>
    <row r="895517" spans="14:14">
      <c r="N895517" s="10"/>
    </row>
    <row r="895518" spans="14:14">
      <c r="N895518" s="10"/>
    </row>
    <row r="895519" spans="14:14">
      <c r="N895519" s="10"/>
    </row>
    <row r="895520" spans="14:14">
      <c r="N895520" s="10"/>
    </row>
    <row r="895521" spans="14:14">
      <c r="N895521" s="10"/>
    </row>
    <row r="895522" spans="14:14">
      <c r="N895522" s="10"/>
    </row>
    <row r="895523" spans="14:14">
      <c r="N895523" s="10"/>
    </row>
    <row r="895524" spans="14:14">
      <c r="N895524" s="10"/>
    </row>
    <row r="895525" spans="14:14">
      <c r="N895525" s="10"/>
    </row>
    <row r="895526" spans="14:14">
      <c r="N895526" s="10"/>
    </row>
    <row r="895527" spans="14:14">
      <c r="N895527" s="10"/>
    </row>
    <row r="895528" spans="14:14">
      <c r="N895528" s="10"/>
    </row>
    <row r="895529" spans="14:14">
      <c r="N895529" s="10"/>
    </row>
    <row r="895530" spans="14:14">
      <c r="N895530" s="10"/>
    </row>
    <row r="895531" spans="14:14">
      <c r="N895531" s="10"/>
    </row>
    <row r="895532" spans="14:14">
      <c r="N895532" s="10"/>
    </row>
    <row r="895533" spans="14:14">
      <c r="N895533" s="10"/>
    </row>
    <row r="895534" spans="14:14">
      <c r="N895534" s="10"/>
    </row>
    <row r="895535" spans="14:14">
      <c r="N895535" s="10"/>
    </row>
    <row r="895536" spans="14:14">
      <c r="N895536" s="10"/>
    </row>
    <row r="895537" spans="14:14">
      <c r="N895537" s="10"/>
    </row>
    <row r="895538" spans="14:14">
      <c r="N895538" s="10"/>
    </row>
    <row r="895539" spans="14:14">
      <c r="N895539" s="10"/>
    </row>
    <row r="895540" spans="14:14">
      <c r="N895540" s="10"/>
    </row>
    <row r="895541" spans="14:14">
      <c r="N895541" s="10"/>
    </row>
    <row r="895542" spans="14:14">
      <c r="N895542" s="10"/>
    </row>
    <row r="895543" spans="14:14">
      <c r="N895543" s="10"/>
    </row>
    <row r="895544" spans="14:14">
      <c r="N895544" s="10"/>
    </row>
    <row r="895545" spans="14:14">
      <c r="N895545" s="10"/>
    </row>
    <row r="895546" spans="14:14">
      <c r="N895546" s="10"/>
    </row>
    <row r="895547" spans="14:14">
      <c r="N895547" s="10"/>
    </row>
    <row r="895548" spans="14:14">
      <c r="N895548" s="10"/>
    </row>
    <row r="895549" spans="14:14">
      <c r="N895549" s="10"/>
    </row>
    <row r="895550" spans="14:14">
      <c r="N895550" s="10"/>
    </row>
    <row r="895551" spans="14:14">
      <c r="N895551" s="10"/>
    </row>
    <row r="895552" spans="14:14">
      <c r="N895552" s="10"/>
    </row>
    <row r="895553" spans="14:14">
      <c r="N895553" s="10"/>
    </row>
    <row r="895554" spans="14:14">
      <c r="N895554" s="10"/>
    </row>
    <row r="895555" spans="14:14">
      <c r="N895555" s="10"/>
    </row>
    <row r="895556" spans="14:14">
      <c r="N895556" s="10"/>
    </row>
    <row r="895557" spans="14:14">
      <c r="N895557" s="10"/>
    </row>
    <row r="895558" spans="14:14">
      <c r="N895558" s="10"/>
    </row>
    <row r="895559" spans="14:14">
      <c r="N895559" s="10"/>
    </row>
    <row r="895560" spans="14:14">
      <c r="N895560" s="10"/>
    </row>
    <row r="895561" spans="14:14">
      <c r="N895561" s="10"/>
    </row>
    <row r="895562" spans="14:14">
      <c r="N895562" s="10"/>
    </row>
    <row r="895563" spans="14:14">
      <c r="N895563" s="10"/>
    </row>
    <row r="895564" spans="14:14">
      <c r="N895564" s="10"/>
    </row>
    <row r="895565" spans="14:14">
      <c r="N895565" s="10"/>
    </row>
    <row r="895566" spans="14:14">
      <c r="N895566" s="10"/>
    </row>
    <row r="895567" spans="14:14">
      <c r="N895567" s="10"/>
    </row>
    <row r="895568" spans="14:14">
      <c r="N895568" s="10"/>
    </row>
    <row r="895569" spans="14:14">
      <c r="N895569" s="10"/>
    </row>
    <row r="895570" spans="14:14">
      <c r="N895570" s="10"/>
    </row>
    <row r="895571" spans="14:14">
      <c r="N895571" s="10"/>
    </row>
    <row r="895572" spans="14:14">
      <c r="N895572" s="10"/>
    </row>
    <row r="895573" spans="14:14">
      <c r="N895573" s="10"/>
    </row>
    <row r="895574" spans="14:14">
      <c r="N895574" s="10"/>
    </row>
    <row r="895575" spans="14:14">
      <c r="N895575" s="10"/>
    </row>
    <row r="895576" spans="14:14">
      <c r="N895576" s="10"/>
    </row>
    <row r="895577" spans="14:14">
      <c r="N895577" s="10"/>
    </row>
    <row r="895578" spans="14:14">
      <c r="N895578" s="10"/>
    </row>
    <row r="895579" spans="14:14">
      <c r="N895579" s="10"/>
    </row>
    <row r="895580" spans="14:14">
      <c r="N895580" s="10"/>
    </row>
    <row r="895581" spans="14:14">
      <c r="N895581" s="10"/>
    </row>
    <row r="895582" spans="14:14">
      <c r="N895582" s="10"/>
    </row>
    <row r="895583" spans="14:14">
      <c r="N895583" s="10"/>
    </row>
    <row r="895584" spans="14:14">
      <c r="N895584" s="10"/>
    </row>
    <row r="895585" spans="14:14">
      <c r="N895585" s="10"/>
    </row>
    <row r="895586" spans="14:14">
      <c r="N895586" s="10"/>
    </row>
    <row r="895587" spans="14:14">
      <c r="N895587" s="10"/>
    </row>
    <row r="895588" spans="14:14">
      <c r="N895588" s="10"/>
    </row>
    <row r="895589" spans="14:14">
      <c r="N895589" s="10"/>
    </row>
    <row r="895590" spans="14:14">
      <c r="N895590" s="10"/>
    </row>
    <row r="895591" spans="14:14">
      <c r="N895591" s="10"/>
    </row>
    <row r="895592" spans="14:14">
      <c r="N895592" s="10"/>
    </row>
    <row r="895593" spans="14:14">
      <c r="N895593" s="10"/>
    </row>
    <row r="895594" spans="14:14">
      <c r="N895594" s="10"/>
    </row>
    <row r="895595" spans="14:14">
      <c r="N895595" s="10"/>
    </row>
    <row r="895596" spans="14:14">
      <c r="N895596" s="10"/>
    </row>
    <row r="895597" spans="14:14">
      <c r="N895597" s="10"/>
    </row>
    <row r="895598" spans="14:14">
      <c r="N895598" s="10"/>
    </row>
    <row r="895599" spans="14:14">
      <c r="N895599" s="10"/>
    </row>
    <row r="895600" spans="14:14">
      <c r="N895600" s="10"/>
    </row>
    <row r="895601" spans="14:14">
      <c r="N895601" s="10"/>
    </row>
    <row r="895602" spans="14:14">
      <c r="N895602" s="10"/>
    </row>
    <row r="895603" spans="14:14">
      <c r="N895603" s="10"/>
    </row>
    <row r="895604" spans="14:14">
      <c r="N895604" s="10"/>
    </row>
    <row r="895605" spans="14:14">
      <c r="N895605" s="10"/>
    </row>
    <row r="895606" spans="14:14">
      <c r="N895606" s="10"/>
    </row>
    <row r="895607" spans="14:14">
      <c r="N895607" s="10"/>
    </row>
    <row r="895608" spans="14:14">
      <c r="N895608" s="10"/>
    </row>
    <row r="895609" spans="14:14">
      <c r="N895609" s="10"/>
    </row>
    <row r="895610" spans="14:14">
      <c r="N895610" s="10"/>
    </row>
    <row r="895611" spans="14:14">
      <c r="N895611" s="10"/>
    </row>
    <row r="895612" spans="14:14">
      <c r="N895612" s="10"/>
    </row>
    <row r="895613" spans="14:14">
      <c r="N895613" s="10"/>
    </row>
    <row r="895614" spans="14:14">
      <c r="N895614" s="10"/>
    </row>
    <row r="895615" spans="14:14">
      <c r="N895615" s="10"/>
    </row>
    <row r="895616" spans="14:14">
      <c r="N895616" s="10"/>
    </row>
    <row r="895617" spans="14:14">
      <c r="N895617" s="10"/>
    </row>
    <row r="895618" spans="14:14">
      <c r="N895618" s="10"/>
    </row>
    <row r="895619" spans="14:14">
      <c r="N895619" s="10"/>
    </row>
    <row r="895620" spans="14:14">
      <c r="N895620" s="10"/>
    </row>
    <row r="895621" spans="14:14">
      <c r="N895621" s="10"/>
    </row>
    <row r="895622" spans="14:14">
      <c r="N895622" s="10"/>
    </row>
    <row r="895623" spans="14:14">
      <c r="N895623" s="10"/>
    </row>
    <row r="895624" spans="14:14">
      <c r="N895624" s="10"/>
    </row>
    <row r="895625" spans="14:14">
      <c r="N895625" s="10"/>
    </row>
    <row r="895626" spans="14:14">
      <c r="N895626" s="10"/>
    </row>
    <row r="895627" spans="14:14">
      <c r="N895627" s="10"/>
    </row>
    <row r="895628" spans="14:14">
      <c r="N895628" s="10"/>
    </row>
    <row r="895629" spans="14:14">
      <c r="N895629" s="10"/>
    </row>
    <row r="895630" spans="14:14">
      <c r="N895630" s="10"/>
    </row>
    <row r="895631" spans="14:14">
      <c r="N895631" s="10"/>
    </row>
    <row r="895632" spans="14:14">
      <c r="N895632" s="10"/>
    </row>
    <row r="895633" spans="14:14">
      <c r="N895633" s="10"/>
    </row>
    <row r="895634" spans="14:14">
      <c r="N895634" s="10"/>
    </row>
    <row r="895635" spans="14:14">
      <c r="N895635" s="10"/>
    </row>
    <row r="895636" spans="14:14">
      <c r="N895636" s="10"/>
    </row>
    <row r="895637" spans="14:14">
      <c r="N895637" s="10"/>
    </row>
    <row r="895638" spans="14:14">
      <c r="N895638" s="10"/>
    </row>
    <row r="895639" spans="14:14">
      <c r="N895639" s="10"/>
    </row>
    <row r="895640" spans="14:14">
      <c r="N895640" s="10"/>
    </row>
    <row r="895641" spans="14:14">
      <c r="N895641" s="10"/>
    </row>
    <row r="895642" spans="14:14">
      <c r="N895642" s="10"/>
    </row>
    <row r="895643" spans="14:14">
      <c r="N895643" s="10"/>
    </row>
    <row r="895644" spans="14:14">
      <c r="N895644" s="10"/>
    </row>
    <row r="895645" spans="14:14">
      <c r="N895645" s="10"/>
    </row>
    <row r="895646" spans="14:14">
      <c r="N895646" s="10"/>
    </row>
    <row r="895647" spans="14:14">
      <c r="N895647" s="10"/>
    </row>
    <row r="895648" spans="14:14">
      <c r="N895648" s="10"/>
    </row>
    <row r="895649" spans="14:14">
      <c r="N895649" s="10"/>
    </row>
    <row r="895650" spans="14:14">
      <c r="N895650" s="10"/>
    </row>
    <row r="895651" spans="14:14">
      <c r="N895651" s="10"/>
    </row>
    <row r="895652" spans="14:14">
      <c r="N895652" s="10"/>
    </row>
    <row r="895653" spans="14:14">
      <c r="N895653" s="10"/>
    </row>
    <row r="895654" spans="14:14">
      <c r="N895654" s="10"/>
    </row>
    <row r="895655" spans="14:14">
      <c r="N895655" s="10"/>
    </row>
    <row r="895656" spans="14:14">
      <c r="N895656" s="10"/>
    </row>
    <row r="895657" spans="14:14">
      <c r="N895657" s="10"/>
    </row>
    <row r="895658" spans="14:14">
      <c r="N895658" s="10"/>
    </row>
    <row r="895659" spans="14:14">
      <c r="N895659" s="10"/>
    </row>
    <row r="895660" spans="14:14">
      <c r="N895660" s="10"/>
    </row>
    <row r="895661" spans="14:14">
      <c r="N895661" s="10"/>
    </row>
    <row r="895662" spans="14:14">
      <c r="N895662" s="10"/>
    </row>
    <row r="895663" spans="14:14">
      <c r="N895663" s="10"/>
    </row>
    <row r="895664" spans="14:14">
      <c r="N895664" s="10"/>
    </row>
    <row r="895665" spans="14:14">
      <c r="N895665" s="10"/>
    </row>
    <row r="895666" spans="14:14">
      <c r="N895666" s="10"/>
    </row>
    <row r="895667" spans="14:14">
      <c r="N895667" s="10"/>
    </row>
    <row r="895668" spans="14:14">
      <c r="N895668" s="10"/>
    </row>
    <row r="895669" spans="14:14">
      <c r="N895669" s="10"/>
    </row>
    <row r="895670" spans="14:14">
      <c r="N895670" s="10"/>
    </row>
    <row r="895671" spans="14:14">
      <c r="N895671" s="10"/>
    </row>
    <row r="895672" spans="14:14">
      <c r="N895672" s="10"/>
    </row>
    <row r="895673" spans="14:14">
      <c r="N895673" s="10"/>
    </row>
    <row r="895674" spans="14:14">
      <c r="N895674" s="10"/>
    </row>
    <row r="895675" spans="14:14">
      <c r="N895675" s="10"/>
    </row>
    <row r="895676" spans="14:14">
      <c r="N895676" s="10"/>
    </row>
    <row r="895677" spans="14:14">
      <c r="N895677" s="10"/>
    </row>
    <row r="895678" spans="14:14">
      <c r="N895678" s="10"/>
    </row>
    <row r="895679" spans="14:14">
      <c r="N895679" s="10"/>
    </row>
    <row r="895680" spans="14:14">
      <c r="N895680" s="10"/>
    </row>
    <row r="895681" spans="14:14">
      <c r="N895681" s="10"/>
    </row>
    <row r="895682" spans="14:14">
      <c r="N895682" s="10"/>
    </row>
    <row r="895683" spans="14:14">
      <c r="N895683" s="10"/>
    </row>
    <row r="895684" spans="14:14">
      <c r="N895684" s="10"/>
    </row>
    <row r="895685" spans="14:14">
      <c r="N895685" s="10"/>
    </row>
    <row r="895686" spans="14:14">
      <c r="N895686" s="10"/>
    </row>
    <row r="895687" spans="14:14">
      <c r="N895687" s="10"/>
    </row>
    <row r="895688" spans="14:14">
      <c r="N895688" s="10"/>
    </row>
    <row r="895689" spans="14:14">
      <c r="N895689" s="10"/>
    </row>
    <row r="895690" spans="14:14">
      <c r="N895690" s="10"/>
    </row>
    <row r="895691" spans="14:14">
      <c r="N895691" s="10"/>
    </row>
    <row r="895692" spans="14:14">
      <c r="N895692" s="10"/>
    </row>
    <row r="895693" spans="14:14">
      <c r="N895693" s="10"/>
    </row>
    <row r="895694" spans="14:14">
      <c r="N895694" s="10"/>
    </row>
    <row r="895695" spans="14:14">
      <c r="N895695" s="10"/>
    </row>
    <row r="895696" spans="14:14">
      <c r="N895696" s="10"/>
    </row>
    <row r="895697" spans="14:14">
      <c r="N895697" s="10"/>
    </row>
    <row r="895698" spans="14:14">
      <c r="N895698" s="10"/>
    </row>
    <row r="895699" spans="14:14">
      <c r="N895699" s="10"/>
    </row>
    <row r="895700" spans="14:14">
      <c r="N895700" s="10"/>
    </row>
    <row r="895701" spans="14:14">
      <c r="N895701" s="10"/>
    </row>
    <row r="895702" spans="14:14">
      <c r="N895702" s="10"/>
    </row>
    <row r="895703" spans="14:14">
      <c r="N895703" s="10"/>
    </row>
    <row r="895704" spans="14:14">
      <c r="N895704" s="10"/>
    </row>
    <row r="895705" spans="14:14">
      <c r="N895705" s="10"/>
    </row>
    <row r="895706" spans="14:14">
      <c r="N895706" s="10"/>
    </row>
    <row r="895707" spans="14:14">
      <c r="N895707" s="10"/>
    </row>
    <row r="895708" spans="14:14">
      <c r="N895708" s="10"/>
    </row>
    <row r="895709" spans="14:14">
      <c r="N895709" s="10"/>
    </row>
    <row r="895710" spans="14:14">
      <c r="N895710" s="10"/>
    </row>
    <row r="895711" spans="14:14">
      <c r="N895711" s="10"/>
    </row>
    <row r="895712" spans="14:14">
      <c r="N895712" s="10"/>
    </row>
    <row r="895713" spans="14:14">
      <c r="N895713" s="10"/>
    </row>
    <row r="895714" spans="14:14">
      <c r="N895714" s="10"/>
    </row>
    <row r="895715" spans="14:14">
      <c r="N895715" s="10"/>
    </row>
    <row r="895716" spans="14:14">
      <c r="N895716" s="10"/>
    </row>
    <row r="895717" spans="14:14">
      <c r="N895717" s="10"/>
    </row>
    <row r="895718" spans="14:14">
      <c r="N895718" s="10"/>
    </row>
    <row r="895719" spans="14:14">
      <c r="N895719" s="10"/>
    </row>
    <row r="895720" spans="14:14">
      <c r="N895720" s="10"/>
    </row>
    <row r="895721" spans="14:14">
      <c r="N895721" s="10"/>
    </row>
    <row r="895722" spans="14:14">
      <c r="N895722" s="10"/>
    </row>
    <row r="895723" spans="14:14">
      <c r="N895723" s="10"/>
    </row>
    <row r="895724" spans="14:14">
      <c r="N895724" s="10"/>
    </row>
    <row r="895725" spans="14:14">
      <c r="N895725" s="10"/>
    </row>
    <row r="895726" spans="14:14">
      <c r="N895726" s="10"/>
    </row>
    <row r="895727" spans="14:14">
      <c r="N895727" s="10"/>
    </row>
    <row r="895728" spans="14:14">
      <c r="N895728" s="10"/>
    </row>
    <row r="895729" spans="14:14">
      <c r="N895729" s="10"/>
    </row>
    <row r="895730" spans="14:14">
      <c r="N895730" s="10"/>
    </row>
    <row r="895731" spans="14:14">
      <c r="N895731" s="10"/>
    </row>
    <row r="895732" spans="14:14">
      <c r="N895732" s="10"/>
    </row>
    <row r="895733" spans="14:14">
      <c r="N895733" s="10"/>
    </row>
    <row r="895734" spans="14:14">
      <c r="N895734" s="10"/>
    </row>
    <row r="895735" spans="14:14">
      <c r="N895735" s="10"/>
    </row>
    <row r="895736" spans="14:14">
      <c r="N895736" s="10"/>
    </row>
    <row r="895737" spans="14:14">
      <c r="N895737" s="10"/>
    </row>
    <row r="895738" spans="14:14">
      <c r="N895738" s="10"/>
    </row>
    <row r="895739" spans="14:14">
      <c r="N895739" s="10"/>
    </row>
    <row r="895740" spans="14:14">
      <c r="N895740" s="10"/>
    </row>
    <row r="895741" spans="14:14">
      <c r="N895741" s="10"/>
    </row>
    <row r="895742" spans="14:14">
      <c r="N895742" s="10"/>
    </row>
    <row r="895743" spans="14:14">
      <c r="N895743" s="10"/>
    </row>
    <row r="895744" spans="14:14">
      <c r="N895744" s="10"/>
    </row>
    <row r="895745" spans="14:14">
      <c r="N895745" s="10"/>
    </row>
    <row r="895746" spans="14:14">
      <c r="N895746" s="10"/>
    </row>
    <row r="895747" spans="14:14">
      <c r="N895747" s="10"/>
    </row>
    <row r="895748" spans="14:14">
      <c r="N895748" s="10"/>
    </row>
    <row r="895749" spans="14:14">
      <c r="N895749" s="10"/>
    </row>
    <row r="895750" spans="14:14">
      <c r="N895750" s="10"/>
    </row>
    <row r="895751" spans="14:14">
      <c r="N895751" s="10"/>
    </row>
    <row r="895752" spans="14:14">
      <c r="N895752" s="10"/>
    </row>
    <row r="895753" spans="14:14">
      <c r="N895753" s="10"/>
    </row>
    <row r="895754" spans="14:14">
      <c r="N895754" s="10"/>
    </row>
    <row r="895755" spans="14:14">
      <c r="N895755" s="10"/>
    </row>
    <row r="895756" spans="14:14">
      <c r="N895756" s="10"/>
    </row>
    <row r="895757" spans="14:14">
      <c r="N895757" s="10"/>
    </row>
    <row r="895758" spans="14:14">
      <c r="N895758" s="10"/>
    </row>
    <row r="895759" spans="14:14">
      <c r="N895759" s="10"/>
    </row>
    <row r="895760" spans="14:14">
      <c r="N895760" s="10"/>
    </row>
    <row r="895761" spans="14:14">
      <c r="N895761" s="10"/>
    </row>
    <row r="895762" spans="14:14">
      <c r="N895762" s="10"/>
    </row>
    <row r="895763" spans="14:14">
      <c r="N895763" s="10"/>
    </row>
    <row r="895764" spans="14:14">
      <c r="N895764" s="10"/>
    </row>
    <row r="895765" spans="14:14">
      <c r="N895765" s="10"/>
    </row>
    <row r="895766" spans="14:14">
      <c r="N895766" s="10"/>
    </row>
    <row r="895767" spans="14:14">
      <c r="N895767" s="10"/>
    </row>
    <row r="895768" spans="14:14">
      <c r="N895768" s="10"/>
    </row>
    <row r="895769" spans="14:14">
      <c r="N895769" s="10"/>
    </row>
    <row r="895770" spans="14:14">
      <c r="N895770" s="10"/>
    </row>
    <row r="895771" spans="14:14">
      <c r="N895771" s="10"/>
    </row>
    <row r="895772" spans="14:14">
      <c r="N895772" s="10"/>
    </row>
    <row r="895773" spans="14:14">
      <c r="N895773" s="10"/>
    </row>
    <row r="895774" spans="14:14">
      <c r="N895774" s="10"/>
    </row>
    <row r="895775" spans="14:14">
      <c r="N895775" s="10"/>
    </row>
    <row r="895776" spans="14:14">
      <c r="N895776" s="10"/>
    </row>
    <row r="895777" spans="14:14">
      <c r="N895777" s="10"/>
    </row>
    <row r="895778" spans="14:14">
      <c r="N895778" s="10"/>
    </row>
    <row r="895779" spans="14:14">
      <c r="N895779" s="10"/>
    </row>
    <row r="895780" spans="14:14">
      <c r="N895780" s="10"/>
    </row>
    <row r="895781" spans="14:14">
      <c r="N895781" s="10"/>
    </row>
    <row r="895782" spans="14:14">
      <c r="N895782" s="10"/>
    </row>
    <row r="895783" spans="14:14">
      <c r="N895783" s="10"/>
    </row>
    <row r="895784" spans="14:14">
      <c r="N895784" s="10"/>
    </row>
    <row r="895785" spans="14:14">
      <c r="N895785" s="10"/>
    </row>
    <row r="895786" spans="14:14">
      <c r="N895786" s="10"/>
    </row>
    <row r="895787" spans="14:14">
      <c r="N895787" s="10"/>
    </row>
    <row r="895788" spans="14:14">
      <c r="N895788" s="10"/>
    </row>
    <row r="895789" spans="14:14">
      <c r="N895789" s="10"/>
    </row>
    <row r="895790" spans="14:14">
      <c r="N895790" s="10"/>
    </row>
    <row r="895791" spans="14:14">
      <c r="N895791" s="10"/>
    </row>
    <row r="895792" spans="14:14">
      <c r="N895792" s="10"/>
    </row>
    <row r="895793" spans="14:14">
      <c r="N895793" s="10"/>
    </row>
    <row r="895794" spans="14:14">
      <c r="N895794" s="10"/>
    </row>
    <row r="895795" spans="14:14">
      <c r="N895795" s="10"/>
    </row>
    <row r="895796" spans="14:14">
      <c r="N895796" s="10"/>
    </row>
    <row r="895797" spans="14:14">
      <c r="N895797" s="10"/>
    </row>
    <row r="895798" spans="14:14">
      <c r="N895798" s="10"/>
    </row>
    <row r="895799" spans="14:14">
      <c r="N895799" s="10"/>
    </row>
    <row r="895800" spans="14:14">
      <c r="N895800" s="10"/>
    </row>
    <row r="895801" spans="14:14">
      <c r="N895801" s="10"/>
    </row>
    <row r="895802" spans="14:14">
      <c r="N895802" s="10"/>
    </row>
    <row r="895803" spans="14:14">
      <c r="N895803" s="10"/>
    </row>
    <row r="895804" spans="14:14">
      <c r="N895804" s="10"/>
    </row>
    <row r="895805" spans="14:14">
      <c r="N895805" s="10"/>
    </row>
    <row r="895806" spans="14:14">
      <c r="N895806" s="10"/>
    </row>
    <row r="895807" spans="14:14">
      <c r="N895807" s="10"/>
    </row>
    <row r="895808" spans="14:14">
      <c r="N895808" s="10"/>
    </row>
    <row r="895809" spans="14:14">
      <c r="N895809" s="10"/>
    </row>
    <row r="895810" spans="14:14">
      <c r="N895810" s="10"/>
    </row>
    <row r="895811" spans="14:14">
      <c r="N895811" s="10"/>
    </row>
    <row r="895812" spans="14:14">
      <c r="N895812" s="10"/>
    </row>
    <row r="895813" spans="14:14">
      <c r="N895813" s="10"/>
    </row>
    <row r="895814" spans="14:14">
      <c r="N895814" s="10"/>
    </row>
    <row r="895815" spans="14:14">
      <c r="N895815" s="10"/>
    </row>
    <row r="895816" spans="14:14">
      <c r="N895816" s="10"/>
    </row>
    <row r="895817" spans="14:14">
      <c r="N895817" s="10"/>
    </row>
    <row r="895818" spans="14:14">
      <c r="N895818" s="10"/>
    </row>
    <row r="895819" spans="14:14">
      <c r="N895819" s="10"/>
    </row>
    <row r="895820" spans="14:14">
      <c r="N895820" s="10"/>
    </row>
    <row r="895821" spans="14:14">
      <c r="N895821" s="10"/>
    </row>
    <row r="895822" spans="14:14">
      <c r="N895822" s="10"/>
    </row>
    <row r="895823" spans="14:14">
      <c r="N895823" s="10"/>
    </row>
    <row r="895824" spans="14:14">
      <c r="N895824" s="10"/>
    </row>
    <row r="895825" spans="14:14">
      <c r="N895825" s="10"/>
    </row>
    <row r="895826" spans="14:14">
      <c r="N895826" s="10"/>
    </row>
    <row r="895827" spans="14:14">
      <c r="N895827" s="10"/>
    </row>
    <row r="895828" spans="14:14">
      <c r="N895828" s="10"/>
    </row>
    <row r="895829" spans="14:14">
      <c r="N895829" s="10"/>
    </row>
    <row r="895830" spans="14:14">
      <c r="N895830" s="10"/>
    </row>
    <row r="895831" spans="14:14">
      <c r="N895831" s="10"/>
    </row>
    <row r="895832" spans="14:14">
      <c r="N895832" s="10"/>
    </row>
    <row r="895833" spans="14:14">
      <c r="N895833" s="10"/>
    </row>
    <row r="895834" spans="14:14">
      <c r="N895834" s="10"/>
    </row>
    <row r="895835" spans="14:14">
      <c r="N895835" s="10"/>
    </row>
    <row r="895836" spans="14:14">
      <c r="N895836" s="10"/>
    </row>
    <row r="895837" spans="14:14">
      <c r="N895837" s="10"/>
    </row>
    <row r="895838" spans="14:14">
      <c r="N895838" s="10"/>
    </row>
    <row r="895839" spans="14:14">
      <c r="N895839" s="10"/>
    </row>
    <row r="895840" spans="14:14">
      <c r="N895840" s="10"/>
    </row>
    <row r="895841" spans="14:14">
      <c r="N895841" s="10"/>
    </row>
    <row r="895842" spans="14:14">
      <c r="N895842" s="10"/>
    </row>
    <row r="895843" spans="14:14">
      <c r="N895843" s="10"/>
    </row>
    <row r="895844" spans="14:14">
      <c r="N895844" s="10"/>
    </row>
    <row r="895845" spans="14:14">
      <c r="N895845" s="10"/>
    </row>
    <row r="895846" spans="14:14">
      <c r="N895846" s="10"/>
    </row>
    <row r="895847" spans="14:14">
      <c r="N895847" s="10"/>
    </row>
    <row r="895848" spans="14:14">
      <c r="N895848" s="10"/>
    </row>
    <row r="895849" spans="14:14">
      <c r="N895849" s="10"/>
    </row>
    <row r="895850" spans="14:14">
      <c r="N895850" s="10"/>
    </row>
    <row r="895851" spans="14:14">
      <c r="N895851" s="10"/>
    </row>
    <row r="895852" spans="14:14">
      <c r="N895852" s="10"/>
    </row>
    <row r="895853" spans="14:14">
      <c r="N895853" s="10"/>
    </row>
    <row r="895854" spans="14:14">
      <c r="N895854" s="10"/>
    </row>
    <row r="895855" spans="14:14">
      <c r="N895855" s="10"/>
    </row>
    <row r="895856" spans="14:14">
      <c r="N895856" s="10"/>
    </row>
    <row r="895857" spans="14:14">
      <c r="N895857" s="10"/>
    </row>
    <row r="895858" spans="14:14">
      <c r="N895858" s="10"/>
    </row>
    <row r="895859" spans="14:14">
      <c r="N895859" s="10"/>
    </row>
    <row r="895860" spans="14:14">
      <c r="N895860" s="10"/>
    </row>
    <row r="895861" spans="14:14">
      <c r="N895861" s="10"/>
    </row>
    <row r="895862" spans="14:14">
      <c r="N895862" s="10"/>
    </row>
    <row r="895863" spans="14:14">
      <c r="N895863" s="10"/>
    </row>
    <row r="895864" spans="14:14">
      <c r="N895864" s="10"/>
    </row>
    <row r="895865" spans="14:14">
      <c r="N895865" s="10"/>
    </row>
    <row r="895866" spans="14:14">
      <c r="N895866" s="10"/>
    </row>
    <row r="895867" spans="14:14">
      <c r="N895867" s="10"/>
    </row>
    <row r="895868" spans="14:14">
      <c r="N895868" s="10"/>
    </row>
    <row r="895869" spans="14:14">
      <c r="N895869" s="10"/>
    </row>
    <row r="895870" spans="14:14">
      <c r="N895870" s="10"/>
    </row>
    <row r="895871" spans="14:14">
      <c r="N895871" s="10"/>
    </row>
    <row r="895872" spans="14:14">
      <c r="N895872" s="10"/>
    </row>
    <row r="895873" spans="14:14">
      <c r="N895873" s="10"/>
    </row>
    <row r="895874" spans="14:14">
      <c r="N895874" s="10"/>
    </row>
    <row r="895875" spans="14:14">
      <c r="N895875" s="10"/>
    </row>
    <row r="895876" spans="14:14">
      <c r="N895876" s="10"/>
    </row>
    <row r="895877" spans="14:14">
      <c r="N895877" s="10"/>
    </row>
    <row r="895878" spans="14:14">
      <c r="N895878" s="10"/>
    </row>
    <row r="895879" spans="14:14">
      <c r="N895879" s="10"/>
    </row>
    <row r="895880" spans="14:14">
      <c r="N895880" s="10"/>
    </row>
    <row r="895881" spans="14:14">
      <c r="N895881" s="10"/>
    </row>
    <row r="895882" spans="14:14">
      <c r="N895882" s="10"/>
    </row>
    <row r="895883" spans="14:14">
      <c r="N895883" s="10"/>
    </row>
    <row r="895884" spans="14:14">
      <c r="N895884" s="10"/>
    </row>
    <row r="895885" spans="14:14">
      <c r="N895885" s="10"/>
    </row>
    <row r="895886" spans="14:14">
      <c r="N895886" s="10"/>
    </row>
    <row r="895887" spans="14:14">
      <c r="N895887" s="10"/>
    </row>
    <row r="895888" spans="14:14">
      <c r="N895888" s="10"/>
    </row>
    <row r="895889" spans="14:14">
      <c r="N895889" s="10"/>
    </row>
    <row r="895890" spans="14:14">
      <c r="N895890" s="10"/>
    </row>
    <row r="895891" spans="14:14">
      <c r="N895891" s="10"/>
    </row>
    <row r="895892" spans="14:14">
      <c r="N895892" s="10"/>
    </row>
    <row r="895893" spans="14:14">
      <c r="N895893" s="10"/>
    </row>
    <row r="895894" spans="14:14">
      <c r="N895894" s="10"/>
    </row>
    <row r="895895" spans="14:14">
      <c r="N895895" s="10"/>
    </row>
    <row r="895896" spans="14:14">
      <c r="N895896" s="10"/>
    </row>
    <row r="895897" spans="14:14">
      <c r="N895897" s="10"/>
    </row>
    <row r="895898" spans="14:14">
      <c r="N895898" s="10"/>
    </row>
    <row r="895899" spans="14:14">
      <c r="N895899" s="10"/>
    </row>
    <row r="895900" spans="14:14">
      <c r="N895900" s="10"/>
    </row>
    <row r="895901" spans="14:14">
      <c r="N895901" s="10"/>
    </row>
    <row r="895902" spans="14:14">
      <c r="N895902" s="10"/>
    </row>
    <row r="895903" spans="14:14">
      <c r="N895903" s="10"/>
    </row>
    <row r="895904" spans="14:14">
      <c r="N895904" s="10"/>
    </row>
    <row r="895905" spans="14:14">
      <c r="N895905" s="10"/>
    </row>
    <row r="895906" spans="14:14">
      <c r="N895906" s="10"/>
    </row>
    <row r="895907" spans="14:14">
      <c r="N895907" s="10"/>
    </row>
    <row r="895908" spans="14:14">
      <c r="N895908" s="10"/>
    </row>
    <row r="895909" spans="14:14">
      <c r="N895909" s="10"/>
    </row>
    <row r="895910" spans="14:14">
      <c r="N895910" s="10"/>
    </row>
    <row r="895911" spans="14:14">
      <c r="N895911" s="10"/>
    </row>
    <row r="895912" spans="14:14">
      <c r="N895912" s="10"/>
    </row>
    <row r="895913" spans="14:14">
      <c r="N895913" s="10"/>
    </row>
    <row r="895914" spans="14:14">
      <c r="N895914" s="10"/>
    </row>
    <row r="895915" spans="14:14">
      <c r="N895915" s="10"/>
    </row>
    <row r="895916" spans="14:14">
      <c r="N895916" s="10"/>
    </row>
    <row r="895917" spans="14:14">
      <c r="N895917" s="10"/>
    </row>
    <row r="895918" spans="14:14">
      <c r="N895918" s="10"/>
    </row>
    <row r="895919" spans="14:14">
      <c r="N895919" s="10"/>
    </row>
    <row r="895920" spans="14:14">
      <c r="N895920" s="10"/>
    </row>
    <row r="895921" spans="14:14">
      <c r="N895921" s="10"/>
    </row>
    <row r="895922" spans="14:14">
      <c r="N895922" s="10"/>
    </row>
    <row r="895923" spans="14:14">
      <c r="N895923" s="10"/>
    </row>
    <row r="895924" spans="14:14">
      <c r="N895924" s="10"/>
    </row>
    <row r="895925" spans="14:14">
      <c r="N895925" s="10"/>
    </row>
    <row r="895926" spans="14:14">
      <c r="N895926" s="10"/>
    </row>
    <row r="895927" spans="14:14">
      <c r="N895927" s="10"/>
    </row>
    <row r="895928" spans="14:14">
      <c r="N895928" s="10"/>
    </row>
    <row r="895929" spans="14:14">
      <c r="N895929" s="10"/>
    </row>
    <row r="895930" spans="14:14">
      <c r="N895930" s="10"/>
    </row>
    <row r="895931" spans="14:14">
      <c r="N895931" s="10"/>
    </row>
    <row r="895932" spans="14:14">
      <c r="N895932" s="10"/>
    </row>
    <row r="895933" spans="14:14">
      <c r="N895933" s="10"/>
    </row>
    <row r="895934" spans="14:14">
      <c r="N895934" s="10"/>
    </row>
    <row r="895935" spans="14:14">
      <c r="N895935" s="10"/>
    </row>
    <row r="895936" spans="14:14">
      <c r="N895936" s="10"/>
    </row>
    <row r="895937" spans="14:14">
      <c r="N895937" s="10"/>
    </row>
    <row r="895938" spans="14:14">
      <c r="N895938" s="10"/>
    </row>
    <row r="895939" spans="14:14">
      <c r="N895939" s="10"/>
    </row>
    <row r="895940" spans="14:14">
      <c r="N895940" s="10"/>
    </row>
    <row r="895941" spans="14:14">
      <c r="N895941" s="10"/>
    </row>
    <row r="895942" spans="14:14">
      <c r="N895942" s="10"/>
    </row>
    <row r="895943" spans="14:14">
      <c r="N895943" s="10"/>
    </row>
    <row r="895944" spans="14:14">
      <c r="N895944" s="10"/>
    </row>
    <row r="895945" spans="14:14">
      <c r="N895945" s="10"/>
    </row>
    <row r="895946" spans="14:14">
      <c r="N895946" s="10"/>
    </row>
    <row r="895947" spans="14:14">
      <c r="N895947" s="10"/>
    </row>
    <row r="895948" spans="14:14">
      <c r="N895948" s="10"/>
    </row>
    <row r="895949" spans="14:14">
      <c r="N895949" s="10"/>
    </row>
    <row r="895950" spans="14:14">
      <c r="N895950" s="10"/>
    </row>
    <row r="895951" spans="14:14">
      <c r="N895951" s="10"/>
    </row>
    <row r="895952" spans="14:14">
      <c r="N895952" s="10"/>
    </row>
    <row r="895953" spans="14:14">
      <c r="N895953" s="10"/>
    </row>
    <row r="895954" spans="14:14">
      <c r="N895954" s="10"/>
    </row>
    <row r="895955" spans="14:14">
      <c r="N895955" s="10"/>
    </row>
    <row r="895956" spans="14:14">
      <c r="N895956" s="10"/>
    </row>
    <row r="895957" spans="14:14">
      <c r="N895957" s="10"/>
    </row>
    <row r="895958" spans="14:14">
      <c r="N895958" s="10"/>
    </row>
    <row r="895959" spans="14:14">
      <c r="N895959" s="10"/>
    </row>
    <row r="895960" spans="14:14">
      <c r="N895960" s="10"/>
    </row>
    <row r="895961" spans="14:14">
      <c r="N895961" s="10"/>
    </row>
    <row r="895962" spans="14:14">
      <c r="N895962" s="10"/>
    </row>
    <row r="895963" spans="14:14">
      <c r="N895963" s="10"/>
    </row>
    <row r="895964" spans="14:14">
      <c r="N895964" s="10"/>
    </row>
    <row r="895965" spans="14:14">
      <c r="N895965" s="10"/>
    </row>
    <row r="895966" spans="14:14">
      <c r="N895966" s="10"/>
    </row>
    <row r="895967" spans="14:14">
      <c r="N895967" s="10"/>
    </row>
    <row r="895968" spans="14:14">
      <c r="N895968" s="10"/>
    </row>
    <row r="895969" spans="14:14">
      <c r="N895969" s="10"/>
    </row>
    <row r="895970" spans="14:14">
      <c r="N895970" s="10"/>
    </row>
    <row r="895971" spans="14:14">
      <c r="N895971" s="10"/>
    </row>
    <row r="895972" spans="14:14">
      <c r="N895972" s="10"/>
    </row>
    <row r="895973" spans="14:14">
      <c r="N895973" s="10"/>
    </row>
    <row r="895974" spans="14:14">
      <c r="N895974" s="10"/>
    </row>
    <row r="895975" spans="14:14">
      <c r="N895975" s="10"/>
    </row>
    <row r="895976" spans="14:14">
      <c r="N895976" s="10"/>
    </row>
    <row r="895977" spans="14:14">
      <c r="N895977" s="10"/>
    </row>
    <row r="895978" spans="14:14">
      <c r="N895978" s="10"/>
    </row>
    <row r="895979" spans="14:14">
      <c r="N895979" s="10"/>
    </row>
    <row r="895980" spans="14:14">
      <c r="N895980" s="10"/>
    </row>
    <row r="895981" spans="14:14">
      <c r="N895981" s="10"/>
    </row>
    <row r="895982" spans="14:14">
      <c r="N895982" s="10"/>
    </row>
    <row r="895983" spans="14:14">
      <c r="N895983" s="10"/>
    </row>
    <row r="895984" spans="14:14">
      <c r="N895984" s="10"/>
    </row>
    <row r="895985" spans="14:14">
      <c r="N895985" s="10"/>
    </row>
    <row r="895986" spans="14:14">
      <c r="N895986" s="10"/>
    </row>
    <row r="895987" spans="14:14">
      <c r="N895987" s="10"/>
    </row>
    <row r="895988" spans="14:14">
      <c r="N895988" s="10"/>
    </row>
    <row r="895989" spans="14:14">
      <c r="N895989" s="10"/>
    </row>
    <row r="895990" spans="14:14">
      <c r="N895990" s="10"/>
    </row>
    <row r="895991" spans="14:14">
      <c r="N895991" s="10"/>
    </row>
    <row r="895992" spans="14:14">
      <c r="N895992" s="10"/>
    </row>
    <row r="895993" spans="14:14">
      <c r="N895993" s="10"/>
    </row>
    <row r="895994" spans="14:14">
      <c r="N895994" s="10"/>
    </row>
    <row r="895995" spans="14:14">
      <c r="N895995" s="10"/>
    </row>
    <row r="895996" spans="14:14">
      <c r="N895996" s="10"/>
    </row>
    <row r="895997" spans="14:14">
      <c r="N895997" s="10"/>
    </row>
    <row r="895998" spans="14:14">
      <c r="N895998" s="10"/>
    </row>
    <row r="895999" spans="14:14">
      <c r="N895999" s="10"/>
    </row>
    <row r="896000" spans="14:14">
      <c r="N896000" s="10"/>
    </row>
    <row r="896001" spans="14:14">
      <c r="N896001" s="10"/>
    </row>
    <row r="896002" spans="14:14">
      <c r="N896002" s="10"/>
    </row>
    <row r="896003" spans="14:14">
      <c r="N896003" s="10"/>
    </row>
    <row r="896004" spans="14:14">
      <c r="N896004" s="10"/>
    </row>
    <row r="896005" spans="14:14">
      <c r="N896005" s="10"/>
    </row>
    <row r="896006" spans="14:14">
      <c r="N896006" s="10"/>
    </row>
    <row r="896007" spans="14:14">
      <c r="N896007" s="10"/>
    </row>
    <row r="896008" spans="14:14">
      <c r="N896008" s="10"/>
    </row>
    <row r="896009" spans="14:14">
      <c r="N896009" s="10"/>
    </row>
    <row r="896010" spans="14:14">
      <c r="N896010" s="10"/>
    </row>
    <row r="896011" spans="14:14">
      <c r="N896011" s="10"/>
    </row>
    <row r="896012" spans="14:14">
      <c r="N896012" s="10"/>
    </row>
    <row r="896013" spans="14:14">
      <c r="N896013" s="10"/>
    </row>
    <row r="896014" spans="14:14">
      <c r="N896014" s="10"/>
    </row>
    <row r="896015" spans="14:14">
      <c r="N896015" s="10"/>
    </row>
    <row r="896016" spans="14:14">
      <c r="N896016" s="10"/>
    </row>
    <row r="896017" spans="14:14">
      <c r="N896017" s="10"/>
    </row>
    <row r="896018" spans="14:14">
      <c r="N896018" s="10"/>
    </row>
    <row r="896019" spans="14:14">
      <c r="N896019" s="10"/>
    </row>
    <row r="896020" spans="14:14">
      <c r="N896020" s="10"/>
    </row>
    <row r="896021" spans="14:14">
      <c r="N896021" s="10"/>
    </row>
    <row r="896022" spans="14:14">
      <c r="N896022" s="10"/>
    </row>
    <row r="896023" spans="14:14">
      <c r="N896023" s="10"/>
    </row>
    <row r="896024" spans="14:14">
      <c r="N896024" s="10"/>
    </row>
    <row r="896025" spans="14:14">
      <c r="N896025" s="10"/>
    </row>
    <row r="896026" spans="14:14">
      <c r="N896026" s="10"/>
    </row>
    <row r="896027" spans="14:14">
      <c r="N896027" s="10"/>
    </row>
    <row r="896028" spans="14:14">
      <c r="N896028" s="10"/>
    </row>
    <row r="896029" spans="14:14">
      <c r="N896029" s="10"/>
    </row>
    <row r="896030" spans="14:14">
      <c r="N896030" s="10"/>
    </row>
    <row r="896031" spans="14:14">
      <c r="N896031" s="10"/>
    </row>
    <row r="896032" spans="14:14">
      <c r="N896032" s="10"/>
    </row>
    <row r="896033" spans="14:14">
      <c r="N896033" s="10"/>
    </row>
    <row r="896034" spans="14:14">
      <c r="N896034" s="10"/>
    </row>
    <row r="896035" spans="14:14">
      <c r="N896035" s="10"/>
    </row>
    <row r="896036" spans="14:14">
      <c r="N896036" s="10"/>
    </row>
    <row r="896037" spans="14:14">
      <c r="N896037" s="10"/>
    </row>
    <row r="896038" spans="14:14">
      <c r="N896038" s="10"/>
    </row>
    <row r="896039" spans="14:14">
      <c r="N896039" s="10"/>
    </row>
    <row r="896040" spans="14:14">
      <c r="N896040" s="10"/>
    </row>
    <row r="896041" spans="14:14">
      <c r="N896041" s="10"/>
    </row>
    <row r="896042" spans="14:14">
      <c r="N896042" s="10"/>
    </row>
    <row r="896043" spans="14:14">
      <c r="N896043" s="10"/>
    </row>
    <row r="896044" spans="14:14">
      <c r="N896044" s="10"/>
    </row>
    <row r="896045" spans="14:14">
      <c r="N896045" s="10"/>
    </row>
    <row r="896046" spans="14:14">
      <c r="N896046" s="10"/>
    </row>
    <row r="896047" spans="14:14">
      <c r="N896047" s="10"/>
    </row>
    <row r="896048" spans="14:14">
      <c r="N896048" s="10"/>
    </row>
    <row r="896049" spans="14:14">
      <c r="N896049" s="10"/>
    </row>
    <row r="896050" spans="14:14">
      <c r="N896050" s="10"/>
    </row>
    <row r="896051" spans="14:14">
      <c r="N896051" s="10"/>
    </row>
    <row r="896052" spans="14:14">
      <c r="N896052" s="10"/>
    </row>
    <row r="896053" spans="14:14">
      <c r="N896053" s="10"/>
    </row>
    <row r="896054" spans="14:14">
      <c r="N896054" s="10"/>
    </row>
    <row r="896055" spans="14:14">
      <c r="N896055" s="10"/>
    </row>
    <row r="896056" spans="14:14">
      <c r="N896056" s="10"/>
    </row>
    <row r="896057" spans="14:14">
      <c r="N896057" s="10"/>
    </row>
    <row r="896058" spans="14:14">
      <c r="N896058" s="10"/>
    </row>
    <row r="896059" spans="14:14">
      <c r="N896059" s="10"/>
    </row>
    <row r="896060" spans="14:14">
      <c r="N896060" s="10"/>
    </row>
    <row r="896061" spans="14:14">
      <c r="N896061" s="10"/>
    </row>
    <row r="896062" spans="14:14">
      <c r="N896062" s="10"/>
    </row>
    <row r="896063" spans="14:14">
      <c r="N896063" s="10"/>
    </row>
    <row r="896064" spans="14:14">
      <c r="N896064" s="10"/>
    </row>
    <row r="896065" spans="14:14">
      <c r="N896065" s="10"/>
    </row>
    <row r="896066" spans="14:14">
      <c r="N896066" s="10"/>
    </row>
    <row r="896067" spans="14:14">
      <c r="N896067" s="10"/>
    </row>
    <row r="896068" spans="14:14">
      <c r="N896068" s="10"/>
    </row>
    <row r="896069" spans="14:14">
      <c r="N896069" s="10"/>
    </row>
    <row r="896070" spans="14:14">
      <c r="N896070" s="10"/>
    </row>
    <row r="896071" spans="14:14">
      <c r="N896071" s="10"/>
    </row>
    <row r="896072" spans="14:14">
      <c r="N896072" s="10"/>
    </row>
    <row r="896073" spans="14:14">
      <c r="N896073" s="10"/>
    </row>
    <row r="896074" spans="14:14">
      <c r="N896074" s="10"/>
    </row>
    <row r="896075" spans="14:14">
      <c r="N896075" s="10"/>
    </row>
    <row r="896076" spans="14:14">
      <c r="N896076" s="10"/>
    </row>
    <row r="896077" spans="14:14">
      <c r="N896077" s="10"/>
    </row>
    <row r="896078" spans="14:14">
      <c r="N896078" s="10"/>
    </row>
    <row r="896079" spans="14:14">
      <c r="N896079" s="10"/>
    </row>
    <row r="896080" spans="14:14">
      <c r="N896080" s="10"/>
    </row>
    <row r="896081" spans="14:14">
      <c r="N896081" s="10"/>
    </row>
    <row r="896082" spans="14:14">
      <c r="N896082" s="10"/>
    </row>
    <row r="896083" spans="14:14">
      <c r="N896083" s="10"/>
    </row>
    <row r="896084" spans="14:14">
      <c r="N896084" s="10"/>
    </row>
    <row r="896085" spans="14:14">
      <c r="N896085" s="10"/>
    </row>
    <row r="896086" spans="14:14">
      <c r="N896086" s="10"/>
    </row>
    <row r="896087" spans="14:14">
      <c r="N896087" s="10"/>
    </row>
    <row r="896088" spans="14:14">
      <c r="N896088" s="10"/>
    </row>
    <row r="896089" spans="14:14">
      <c r="N896089" s="10"/>
    </row>
    <row r="896090" spans="14:14">
      <c r="N896090" s="10"/>
    </row>
    <row r="896091" spans="14:14">
      <c r="N896091" s="10"/>
    </row>
    <row r="896092" spans="14:14">
      <c r="N896092" s="10"/>
    </row>
    <row r="896093" spans="14:14">
      <c r="N896093" s="10"/>
    </row>
    <row r="896094" spans="14:14">
      <c r="N896094" s="10"/>
    </row>
    <row r="896095" spans="14:14">
      <c r="N896095" s="10"/>
    </row>
    <row r="896096" spans="14:14">
      <c r="N896096" s="10"/>
    </row>
    <row r="896097" spans="14:14">
      <c r="N896097" s="10"/>
    </row>
    <row r="896098" spans="14:14">
      <c r="N896098" s="10"/>
    </row>
    <row r="896099" spans="14:14">
      <c r="N896099" s="10"/>
    </row>
    <row r="896100" spans="14:14">
      <c r="N896100" s="10"/>
    </row>
    <row r="896101" spans="14:14">
      <c r="N896101" s="10"/>
    </row>
    <row r="896102" spans="14:14">
      <c r="N896102" s="10"/>
    </row>
    <row r="896103" spans="14:14">
      <c r="N896103" s="10"/>
    </row>
    <row r="896104" spans="14:14">
      <c r="N896104" s="10"/>
    </row>
    <row r="896105" spans="14:14">
      <c r="N896105" s="10"/>
    </row>
    <row r="896106" spans="14:14">
      <c r="N896106" s="10"/>
    </row>
    <row r="896107" spans="14:14">
      <c r="N896107" s="10"/>
    </row>
    <row r="896108" spans="14:14">
      <c r="N896108" s="10"/>
    </row>
    <row r="896109" spans="14:14">
      <c r="N896109" s="10"/>
    </row>
    <row r="896110" spans="14:14">
      <c r="N896110" s="10"/>
    </row>
    <row r="896111" spans="14:14">
      <c r="N896111" s="10"/>
    </row>
    <row r="896112" spans="14:14">
      <c r="N896112" s="10"/>
    </row>
    <row r="896113" spans="14:14">
      <c r="N896113" s="10"/>
    </row>
    <row r="896114" spans="14:14">
      <c r="N896114" s="10"/>
    </row>
    <row r="896115" spans="14:14">
      <c r="N896115" s="10"/>
    </row>
    <row r="896116" spans="14:14">
      <c r="N896116" s="10"/>
    </row>
    <row r="896117" spans="14:14">
      <c r="N896117" s="10"/>
    </row>
    <row r="896118" spans="14:14">
      <c r="N896118" s="10"/>
    </row>
    <row r="896119" spans="14:14">
      <c r="N896119" s="10"/>
    </row>
    <row r="896120" spans="14:14">
      <c r="N896120" s="10"/>
    </row>
    <row r="896121" spans="14:14">
      <c r="N896121" s="10"/>
    </row>
    <row r="896122" spans="14:14">
      <c r="N896122" s="10"/>
    </row>
    <row r="896123" spans="14:14">
      <c r="N896123" s="10"/>
    </row>
    <row r="896124" spans="14:14">
      <c r="N896124" s="10"/>
    </row>
    <row r="896125" spans="14:14">
      <c r="N896125" s="10"/>
    </row>
    <row r="896126" spans="14:14">
      <c r="N896126" s="10"/>
    </row>
    <row r="896127" spans="14:14">
      <c r="N896127" s="10"/>
    </row>
    <row r="896128" spans="14:14">
      <c r="N896128" s="10"/>
    </row>
    <row r="896129" spans="14:14">
      <c r="N896129" s="10"/>
    </row>
    <row r="896130" spans="14:14">
      <c r="N896130" s="10"/>
    </row>
    <row r="896131" spans="14:14">
      <c r="N896131" s="10"/>
    </row>
    <row r="896132" spans="14:14">
      <c r="N896132" s="10"/>
    </row>
    <row r="896133" spans="14:14">
      <c r="N896133" s="10"/>
    </row>
    <row r="896134" spans="14:14">
      <c r="N896134" s="10"/>
    </row>
    <row r="896135" spans="14:14">
      <c r="N896135" s="10"/>
    </row>
    <row r="896136" spans="14:14">
      <c r="N896136" s="10"/>
    </row>
    <row r="896137" spans="14:14">
      <c r="N896137" s="10"/>
    </row>
    <row r="896138" spans="14:14">
      <c r="N896138" s="10"/>
    </row>
    <row r="896139" spans="14:14">
      <c r="N896139" s="10"/>
    </row>
    <row r="896140" spans="14:14">
      <c r="N896140" s="10"/>
    </row>
    <row r="896141" spans="14:14">
      <c r="N896141" s="10"/>
    </row>
    <row r="896142" spans="14:14">
      <c r="N896142" s="10"/>
    </row>
    <row r="896143" spans="14:14">
      <c r="N896143" s="10"/>
    </row>
    <row r="896144" spans="14:14">
      <c r="N896144" s="10"/>
    </row>
    <row r="896145" spans="14:14">
      <c r="N896145" s="10"/>
    </row>
    <row r="896146" spans="14:14">
      <c r="N896146" s="10"/>
    </row>
    <row r="896147" spans="14:14">
      <c r="N896147" s="10"/>
    </row>
    <row r="896148" spans="14:14">
      <c r="N896148" s="10"/>
    </row>
    <row r="896149" spans="14:14">
      <c r="N896149" s="10"/>
    </row>
    <row r="896150" spans="14:14">
      <c r="N896150" s="10"/>
    </row>
    <row r="896151" spans="14:14">
      <c r="N896151" s="10"/>
    </row>
    <row r="896152" spans="14:14">
      <c r="N896152" s="10"/>
    </row>
    <row r="896153" spans="14:14">
      <c r="N896153" s="10"/>
    </row>
    <row r="896154" spans="14:14">
      <c r="N896154" s="10"/>
    </row>
    <row r="896155" spans="14:14">
      <c r="N896155" s="10"/>
    </row>
    <row r="896156" spans="14:14">
      <c r="N896156" s="10"/>
    </row>
    <row r="896157" spans="14:14">
      <c r="N896157" s="10"/>
    </row>
    <row r="896158" spans="14:14">
      <c r="N896158" s="10"/>
    </row>
    <row r="896159" spans="14:14">
      <c r="N896159" s="10"/>
    </row>
    <row r="896160" spans="14:14">
      <c r="N896160" s="10"/>
    </row>
    <row r="896161" spans="14:14">
      <c r="N896161" s="10"/>
    </row>
    <row r="896162" spans="14:14">
      <c r="N896162" s="10"/>
    </row>
    <row r="896163" spans="14:14">
      <c r="N896163" s="10"/>
    </row>
    <row r="896164" spans="14:14">
      <c r="N896164" s="10"/>
    </row>
    <row r="896165" spans="14:14">
      <c r="N896165" s="10"/>
    </row>
    <row r="896166" spans="14:14">
      <c r="N896166" s="10"/>
    </row>
    <row r="896167" spans="14:14">
      <c r="N896167" s="10"/>
    </row>
    <row r="896168" spans="14:14">
      <c r="N896168" s="10"/>
    </row>
    <row r="896169" spans="14:14">
      <c r="N896169" s="10"/>
    </row>
    <row r="896170" spans="14:14">
      <c r="N896170" s="10"/>
    </row>
    <row r="896171" spans="14:14">
      <c r="N896171" s="10"/>
    </row>
    <row r="896172" spans="14:14">
      <c r="N896172" s="10"/>
    </row>
    <row r="896173" spans="14:14">
      <c r="N896173" s="10"/>
    </row>
    <row r="896174" spans="14:14">
      <c r="N896174" s="10"/>
    </row>
    <row r="896175" spans="14:14">
      <c r="N896175" s="10"/>
    </row>
    <row r="896176" spans="14:14">
      <c r="N896176" s="10"/>
    </row>
    <row r="896177" spans="14:14">
      <c r="N896177" s="10"/>
    </row>
    <row r="896178" spans="14:14">
      <c r="N896178" s="10"/>
    </row>
    <row r="896179" spans="14:14">
      <c r="N896179" s="10"/>
    </row>
    <row r="896180" spans="14:14">
      <c r="N896180" s="10"/>
    </row>
    <row r="896181" spans="14:14">
      <c r="N896181" s="10"/>
    </row>
    <row r="896182" spans="14:14">
      <c r="N896182" s="10"/>
    </row>
    <row r="896183" spans="14:14">
      <c r="N896183" s="10"/>
    </row>
    <row r="896184" spans="14:14">
      <c r="N896184" s="10"/>
    </row>
    <row r="896185" spans="14:14">
      <c r="N896185" s="10"/>
    </row>
    <row r="896186" spans="14:14">
      <c r="N896186" s="10"/>
    </row>
    <row r="896187" spans="14:14">
      <c r="N896187" s="10"/>
    </row>
    <row r="896188" spans="14:14">
      <c r="N896188" s="10"/>
    </row>
    <row r="896189" spans="14:14">
      <c r="N896189" s="10"/>
    </row>
    <row r="896190" spans="14:14">
      <c r="N896190" s="10"/>
    </row>
    <row r="896191" spans="14:14">
      <c r="N896191" s="10"/>
    </row>
    <row r="896192" spans="14:14">
      <c r="N896192" s="10"/>
    </row>
    <row r="896193" spans="14:14">
      <c r="N896193" s="10"/>
    </row>
    <row r="896194" spans="14:14">
      <c r="N896194" s="10"/>
    </row>
    <row r="896195" spans="14:14">
      <c r="N896195" s="10"/>
    </row>
    <row r="896196" spans="14:14">
      <c r="N896196" s="10"/>
    </row>
    <row r="896197" spans="14:14">
      <c r="N896197" s="10"/>
    </row>
    <row r="896198" spans="14:14">
      <c r="N896198" s="10"/>
    </row>
    <row r="896199" spans="14:14">
      <c r="N896199" s="10"/>
    </row>
    <row r="896200" spans="14:14">
      <c r="N896200" s="10"/>
    </row>
    <row r="896201" spans="14:14">
      <c r="N896201" s="10"/>
    </row>
    <row r="896202" spans="14:14">
      <c r="N896202" s="10"/>
    </row>
    <row r="896203" spans="14:14">
      <c r="N896203" s="10"/>
    </row>
    <row r="896204" spans="14:14">
      <c r="N896204" s="10"/>
    </row>
    <row r="896205" spans="14:14">
      <c r="N896205" s="10"/>
    </row>
    <row r="896206" spans="14:14">
      <c r="N896206" s="10"/>
    </row>
    <row r="896207" spans="14:14">
      <c r="N896207" s="10"/>
    </row>
    <row r="896208" spans="14:14">
      <c r="N896208" s="10"/>
    </row>
    <row r="896209" spans="14:14">
      <c r="N896209" s="10"/>
    </row>
    <row r="896210" spans="14:14">
      <c r="N896210" s="10"/>
    </row>
    <row r="896211" spans="14:14">
      <c r="N896211" s="10"/>
    </row>
    <row r="896212" spans="14:14">
      <c r="N896212" s="10"/>
    </row>
    <row r="896213" spans="14:14">
      <c r="N896213" s="10"/>
    </row>
    <row r="896214" spans="14:14">
      <c r="N896214" s="10"/>
    </row>
    <row r="896215" spans="14:14">
      <c r="N896215" s="10"/>
    </row>
    <row r="896216" spans="14:14">
      <c r="N896216" s="10"/>
    </row>
    <row r="896217" spans="14:14">
      <c r="N896217" s="10"/>
    </row>
    <row r="896218" spans="14:14">
      <c r="N896218" s="10"/>
    </row>
    <row r="896219" spans="14:14">
      <c r="N896219" s="10"/>
    </row>
    <row r="896220" spans="14:14">
      <c r="N896220" s="10"/>
    </row>
    <row r="896221" spans="14:14">
      <c r="N896221" s="10"/>
    </row>
    <row r="896222" spans="14:14">
      <c r="N896222" s="10"/>
    </row>
    <row r="896223" spans="14:14">
      <c r="N896223" s="10"/>
    </row>
    <row r="896224" spans="14:14">
      <c r="N896224" s="10"/>
    </row>
    <row r="896225" spans="14:14">
      <c r="N896225" s="10"/>
    </row>
    <row r="896226" spans="14:14">
      <c r="N896226" s="10"/>
    </row>
    <row r="896227" spans="14:14">
      <c r="N896227" s="10"/>
    </row>
    <row r="896228" spans="14:14">
      <c r="N896228" s="10"/>
    </row>
    <row r="896229" spans="14:14">
      <c r="N896229" s="10"/>
    </row>
    <row r="896230" spans="14:14">
      <c r="N896230" s="10"/>
    </row>
    <row r="896231" spans="14:14">
      <c r="N896231" s="10"/>
    </row>
    <row r="896232" spans="14:14">
      <c r="N896232" s="10"/>
    </row>
    <row r="896233" spans="14:14">
      <c r="N896233" s="10"/>
    </row>
    <row r="896234" spans="14:14">
      <c r="N896234" s="10"/>
    </row>
    <row r="896235" spans="14:14">
      <c r="N896235" s="10"/>
    </row>
    <row r="896236" spans="14:14">
      <c r="N896236" s="10"/>
    </row>
    <row r="896237" spans="14:14">
      <c r="N896237" s="10"/>
    </row>
    <row r="896238" spans="14:14">
      <c r="N896238" s="10"/>
    </row>
    <row r="896239" spans="14:14">
      <c r="N896239" s="10"/>
    </row>
    <row r="896240" spans="14:14">
      <c r="N896240" s="10"/>
    </row>
    <row r="896241" spans="14:14">
      <c r="N896241" s="10"/>
    </row>
    <row r="896242" spans="14:14">
      <c r="N896242" s="10"/>
    </row>
    <row r="896243" spans="14:14">
      <c r="N896243" s="10"/>
    </row>
    <row r="896244" spans="14:14">
      <c r="N896244" s="10"/>
    </row>
    <row r="896245" spans="14:14">
      <c r="N896245" s="10"/>
    </row>
    <row r="896246" spans="14:14">
      <c r="N896246" s="10"/>
    </row>
    <row r="896247" spans="14:14">
      <c r="N896247" s="10"/>
    </row>
    <row r="896248" spans="14:14">
      <c r="N896248" s="10"/>
    </row>
    <row r="896249" spans="14:14">
      <c r="N896249" s="10"/>
    </row>
    <row r="896250" spans="14:14">
      <c r="N896250" s="10"/>
    </row>
    <row r="896251" spans="14:14">
      <c r="N896251" s="10"/>
    </row>
    <row r="896252" spans="14:14">
      <c r="N896252" s="10"/>
    </row>
    <row r="896253" spans="14:14">
      <c r="N896253" s="10"/>
    </row>
    <row r="896254" spans="14:14">
      <c r="N896254" s="10"/>
    </row>
    <row r="896255" spans="14:14">
      <c r="N896255" s="10"/>
    </row>
    <row r="896256" spans="14:14">
      <c r="N896256" s="10"/>
    </row>
    <row r="896257" spans="14:14">
      <c r="N896257" s="10"/>
    </row>
    <row r="896258" spans="14:14">
      <c r="N896258" s="10"/>
    </row>
    <row r="896259" spans="14:14">
      <c r="N896259" s="10"/>
    </row>
    <row r="896260" spans="14:14">
      <c r="N896260" s="10"/>
    </row>
    <row r="896261" spans="14:14">
      <c r="N896261" s="10"/>
    </row>
    <row r="896262" spans="14:14">
      <c r="N896262" s="10"/>
    </row>
    <row r="896263" spans="14:14">
      <c r="N896263" s="10"/>
    </row>
    <row r="896264" spans="14:14">
      <c r="N896264" s="10"/>
    </row>
    <row r="896265" spans="14:14">
      <c r="N896265" s="10"/>
    </row>
    <row r="896266" spans="14:14">
      <c r="N896266" s="10"/>
    </row>
    <row r="896267" spans="14:14">
      <c r="N896267" s="10"/>
    </row>
    <row r="896268" spans="14:14">
      <c r="N896268" s="10"/>
    </row>
    <row r="896269" spans="14:14">
      <c r="N896269" s="10"/>
    </row>
    <row r="896270" spans="14:14">
      <c r="N896270" s="10"/>
    </row>
    <row r="896271" spans="14:14">
      <c r="N896271" s="10"/>
    </row>
    <row r="896272" spans="14:14">
      <c r="N896272" s="10"/>
    </row>
    <row r="896273" spans="14:14">
      <c r="N896273" s="10"/>
    </row>
    <row r="896274" spans="14:14">
      <c r="N896274" s="10"/>
    </row>
    <row r="896275" spans="14:14">
      <c r="N896275" s="10"/>
    </row>
    <row r="896276" spans="14:14">
      <c r="N896276" s="10"/>
    </row>
    <row r="896277" spans="14:14">
      <c r="N896277" s="10"/>
    </row>
    <row r="896278" spans="14:14">
      <c r="N896278" s="10"/>
    </row>
    <row r="896279" spans="14:14">
      <c r="N896279" s="10"/>
    </row>
    <row r="896280" spans="14:14">
      <c r="N896280" s="10"/>
    </row>
    <row r="896281" spans="14:14">
      <c r="N896281" s="10"/>
    </row>
    <row r="896282" spans="14:14">
      <c r="N896282" s="10"/>
    </row>
    <row r="896283" spans="14:14">
      <c r="N896283" s="10"/>
    </row>
    <row r="896284" spans="14:14">
      <c r="N896284" s="10"/>
    </row>
    <row r="896285" spans="14:14">
      <c r="N896285" s="10"/>
    </row>
    <row r="896286" spans="14:14">
      <c r="N896286" s="10"/>
    </row>
    <row r="896287" spans="14:14">
      <c r="N896287" s="10"/>
    </row>
    <row r="896288" spans="14:14">
      <c r="N896288" s="10"/>
    </row>
    <row r="896289" spans="14:14">
      <c r="N896289" s="10"/>
    </row>
    <row r="896290" spans="14:14">
      <c r="N896290" s="10"/>
    </row>
    <row r="896291" spans="14:14">
      <c r="N896291" s="10"/>
    </row>
    <row r="896292" spans="14:14">
      <c r="N896292" s="10"/>
    </row>
    <row r="896293" spans="14:14">
      <c r="N896293" s="10"/>
    </row>
    <row r="896294" spans="14:14">
      <c r="N896294" s="10"/>
    </row>
    <row r="896295" spans="14:14">
      <c r="N896295" s="10"/>
    </row>
    <row r="896296" spans="14:14">
      <c r="N896296" s="10"/>
    </row>
    <row r="896297" spans="14:14">
      <c r="N896297" s="10"/>
    </row>
    <row r="896298" spans="14:14">
      <c r="N896298" s="10"/>
    </row>
    <row r="896299" spans="14:14">
      <c r="N896299" s="10"/>
    </row>
    <row r="896300" spans="14:14">
      <c r="N896300" s="10"/>
    </row>
    <row r="896301" spans="14:14">
      <c r="N896301" s="10"/>
    </row>
    <row r="896302" spans="14:14">
      <c r="N896302" s="10"/>
    </row>
    <row r="896303" spans="14:14">
      <c r="N896303" s="10"/>
    </row>
    <row r="896304" spans="14:14">
      <c r="N896304" s="10"/>
    </row>
    <row r="896305" spans="14:14">
      <c r="N896305" s="10"/>
    </row>
    <row r="896306" spans="14:14">
      <c r="N896306" s="10"/>
    </row>
    <row r="896307" spans="14:14">
      <c r="N896307" s="10"/>
    </row>
    <row r="896308" spans="14:14">
      <c r="N896308" s="10"/>
    </row>
    <row r="896309" spans="14:14">
      <c r="N896309" s="10"/>
    </row>
    <row r="896310" spans="14:14">
      <c r="N896310" s="10"/>
    </row>
    <row r="896311" spans="14:14">
      <c r="N896311" s="10"/>
    </row>
    <row r="896312" spans="14:14">
      <c r="N896312" s="10"/>
    </row>
    <row r="896313" spans="14:14">
      <c r="N896313" s="10"/>
    </row>
    <row r="896314" spans="14:14">
      <c r="N896314" s="10"/>
    </row>
    <row r="896315" spans="14:14">
      <c r="N896315" s="10"/>
    </row>
    <row r="896316" spans="14:14">
      <c r="N896316" s="10"/>
    </row>
    <row r="896317" spans="14:14">
      <c r="N896317" s="10"/>
    </row>
    <row r="896318" spans="14:14">
      <c r="N896318" s="10"/>
    </row>
    <row r="896319" spans="14:14">
      <c r="N896319" s="10"/>
    </row>
    <row r="896320" spans="14:14">
      <c r="N896320" s="10"/>
    </row>
    <row r="896321" spans="14:14">
      <c r="N896321" s="10"/>
    </row>
    <row r="896322" spans="14:14">
      <c r="N896322" s="10"/>
    </row>
    <row r="896323" spans="14:14">
      <c r="N896323" s="10"/>
    </row>
    <row r="896324" spans="14:14">
      <c r="N896324" s="10"/>
    </row>
    <row r="896325" spans="14:14">
      <c r="N896325" s="10"/>
    </row>
    <row r="896326" spans="14:14">
      <c r="N896326" s="10"/>
    </row>
    <row r="896327" spans="14:14">
      <c r="N896327" s="10"/>
    </row>
    <row r="896328" spans="14:14">
      <c r="N896328" s="10"/>
    </row>
    <row r="896329" spans="14:14">
      <c r="N896329" s="10"/>
    </row>
    <row r="896330" spans="14:14">
      <c r="N896330" s="10"/>
    </row>
    <row r="896331" spans="14:14">
      <c r="N896331" s="10"/>
    </row>
    <row r="896332" spans="14:14">
      <c r="N896332" s="10"/>
    </row>
    <row r="896333" spans="14:14">
      <c r="N896333" s="10"/>
    </row>
    <row r="896334" spans="14:14">
      <c r="N896334" s="10"/>
    </row>
    <row r="896335" spans="14:14">
      <c r="N896335" s="10"/>
    </row>
    <row r="896336" spans="14:14">
      <c r="N896336" s="10"/>
    </row>
    <row r="896337" spans="14:14">
      <c r="N896337" s="10"/>
    </row>
    <row r="896338" spans="14:14">
      <c r="N896338" s="10"/>
    </row>
    <row r="896339" spans="14:14">
      <c r="N896339" s="10"/>
    </row>
    <row r="896340" spans="14:14">
      <c r="N896340" s="10"/>
    </row>
    <row r="896341" spans="14:14">
      <c r="N896341" s="10"/>
    </row>
    <row r="896342" spans="14:14">
      <c r="N896342" s="10"/>
    </row>
    <row r="896343" spans="14:14">
      <c r="N896343" s="10"/>
    </row>
    <row r="896344" spans="14:14">
      <c r="N896344" s="10"/>
    </row>
    <row r="896345" spans="14:14">
      <c r="N896345" s="10"/>
    </row>
    <row r="896346" spans="14:14">
      <c r="N896346" s="10"/>
    </row>
    <row r="896347" spans="14:14">
      <c r="N896347" s="10"/>
    </row>
    <row r="896348" spans="14:14">
      <c r="N896348" s="10"/>
    </row>
    <row r="896349" spans="14:14">
      <c r="N896349" s="10"/>
    </row>
    <row r="896350" spans="14:14">
      <c r="N896350" s="10"/>
    </row>
    <row r="896351" spans="14:14">
      <c r="N896351" s="10"/>
    </row>
    <row r="896352" spans="14:14">
      <c r="N896352" s="10"/>
    </row>
    <row r="896353" spans="14:14">
      <c r="N896353" s="10"/>
    </row>
    <row r="896354" spans="14:14">
      <c r="N896354" s="10"/>
    </row>
    <row r="896355" spans="14:14">
      <c r="N896355" s="10"/>
    </row>
    <row r="896356" spans="14:14">
      <c r="N896356" s="10"/>
    </row>
    <row r="896357" spans="14:14">
      <c r="N896357" s="10"/>
    </row>
    <row r="896358" spans="14:14">
      <c r="N896358" s="10"/>
    </row>
    <row r="896359" spans="14:14">
      <c r="N896359" s="10"/>
    </row>
    <row r="896360" spans="14:14">
      <c r="N896360" s="10"/>
    </row>
    <row r="896361" spans="14:14">
      <c r="N896361" s="10"/>
    </row>
    <row r="896362" spans="14:14">
      <c r="N896362" s="10"/>
    </row>
    <row r="896363" spans="14:14">
      <c r="N896363" s="10"/>
    </row>
    <row r="896364" spans="14:14">
      <c r="N896364" s="10"/>
    </row>
    <row r="896365" spans="14:14">
      <c r="N896365" s="10"/>
    </row>
    <row r="896366" spans="14:14">
      <c r="N896366" s="10"/>
    </row>
    <row r="896367" spans="14:14">
      <c r="N896367" s="10"/>
    </row>
    <row r="896368" spans="14:14">
      <c r="N896368" s="10"/>
    </row>
    <row r="896369" spans="14:14">
      <c r="N896369" s="10"/>
    </row>
    <row r="896370" spans="14:14">
      <c r="N896370" s="10"/>
    </row>
    <row r="896371" spans="14:14">
      <c r="N896371" s="10"/>
    </row>
    <row r="896372" spans="14:14">
      <c r="N896372" s="10"/>
    </row>
    <row r="896373" spans="14:14">
      <c r="N896373" s="10"/>
    </row>
    <row r="896374" spans="14:14">
      <c r="N896374" s="10"/>
    </row>
    <row r="896375" spans="14:14">
      <c r="N896375" s="10"/>
    </row>
    <row r="896376" spans="14:14">
      <c r="N896376" s="10"/>
    </row>
    <row r="896377" spans="14:14">
      <c r="N896377" s="10"/>
    </row>
    <row r="896378" spans="14:14">
      <c r="N896378" s="10"/>
    </row>
    <row r="896379" spans="14:14">
      <c r="N896379" s="10"/>
    </row>
    <row r="896380" spans="14:14">
      <c r="N896380" s="10"/>
    </row>
    <row r="896381" spans="14:14">
      <c r="N896381" s="10"/>
    </row>
    <row r="896382" spans="14:14">
      <c r="N896382" s="10"/>
    </row>
    <row r="896383" spans="14:14">
      <c r="N896383" s="10"/>
    </row>
    <row r="896384" spans="14:14">
      <c r="N896384" s="10"/>
    </row>
    <row r="896385" spans="14:14">
      <c r="N896385" s="10"/>
    </row>
    <row r="896386" spans="14:14">
      <c r="N896386" s="10"/>
    </row>
    <row r="896387" spans="14:14">
      <c r="N896387" s="10"/>
    </row>
    <row r="896388" spans="14:14">
      <c r="N896388" s="10"/>
    </row>
    <row r="896389" spans="14:14">
      <c r="N896389" s="10"/>
    </row>
    <row r="896390" spans="14:14">
      <c r="N896390" s="10"/>
    </row>
    <row r="896391" spans="14:14">
      <c r="N896391" s="10"/>
    </row>
    <row r="896392" spans="14:14">
      <c r="N896392" s="10"/>
    </row>
    <row r="896393" spans="14:14">
      <c r="N896393" s="10"/>
    </row>
    <row r="896394" spans="14:14">
      <c r="N896394" s="10"/>
    </row>
    <row r="896395" spans="14:14">
      <c r="N896395" s="10"/>
    </row>
    <row r="896396" spans="14:14">
      <c r="N896396" s="10"/>
    </row>
    <row r="896397" spans="14:14">
      <c r="N896397" s="10"/>
    </row>
    <row r="896398" spans="14:14">
      <c r="N896398" s="10"/>
    </row>
    <row r="896399" spans="14:14">
      <c r="N896399" s="10"/>
    </row>
    <row r="896400" spans="14:14">
      <c r="N896400" s="10"/>
    </row>
    <row r="896401" spans="14:14">
      <c r="N896401" s="10"/>
    </row>
    <row r="896402" spans="14:14">
      <c r="N896402" s="10"/>
    </row>
    <row r="896403" spans="14:14">
      <c r="N896403" s="10"/>
    </row>
    <row r="896404" spans="14:14">
      <c r="N896404" s="10"/>
    </row>
    <row r="896405" spans="14:14">
      <c r="N896405" s="10"/>
    </row>
    <row r="896406" spans="14:14">
      <c r="N896406" s="10"/>
    </row>
    <row r="896407" spans="14:14">
      <c r="N896407" s="10"/>
    </row>
    <row r="896408" spans="14:14">
      <c r="N896408" s="10"/>
    </row>
    <row r="896409" spans="14:14">
      <c r="N896409" s="10"/>
    </row>
    <row r="896410" spans="14:14">
      <c r="N896410" s="10"/>
    </row>
    <row r="896411" spans="14:14">
      <c r="N896411" s="10"/>
    </row>
    <row r="896412" spans="14:14">
      <c r="N896412" s="10"/>
    </row>
    <row r="896413" spans="14:14">
      <c r="N896413" s="10"/>
    </row>
    <row r="896414" spans="14:14">
      <c r="N896414" s="10"/>
    </row>
    <row r="896415" spans="14:14">
      <c r="N896415" s="10"/>
    </row>
    <row r="896416" spans="14:14">
      <c r="N896416" s="10"/>
    </row>
    <row r="896417" spans="14:14">
      <c r="N896417" s="10"/>
    </row>
    <row r="896418" spans="14:14">
      <c r="N896418" s="10"/>
    </row>
    <row r="896419" spans="14:14">
      <c r="N896419" s="10"/>
    </row>
    <row r="896420" spans="14:14">
      <c r="N896420" s="10"/>
    </row>
    <row r="896421" spans="14:14">
      <c r="N896421" s="10"/>
    </row>
    <row r="896422" spans="14:14">
      <c r="N896422" s="10"/>
    </row>
    <row r="896423" spans="14:14">
      <c r="N896423" s="10"/>
    </row>
    <row r="896424" spans="14:14">
      <c r="N896424" s="10"/>
    </row>
    <row r="896425" spans="14:14">
      <c r="N896425" s="10"/>
    </row>
    <row r="896426" spans="14:14">
      <c r="N896426" s="10"/>
    </row>
    <row r="896427" spans="14:14">
      <c r="N896427" s="10"/>
    </row>
    <row r="896428" spans="14:14">
      <c r="N896428" s="10"/>
    </row>
    <row r="896429" spans="14:14">
      <c r="N896429" s="10"/>
    </row>
    <row r="896430" spans="14:14">
      <c r="N896430" s="10"/>
    </row>
    <row r="896431" spans="14:14">
      <c r="N896431" s="10"/>
    </row>
    <row r="896432" spans="14:14">
      <c r="N896432" s="10"/>
    </row>
    <row r="896433" spans="14:14">
      <c r="N896433" s="10"/>
    </row>
    <row r="896434" spans="14:14">
      <c r="N896434" s="10"/>
    </row>
    <row r="896435" spans="14:14">
      <c r="N896435" s="10"/>
    </row>
    <row r="896436" spans="14:14">
      <c r="N896436" s="10"/>
    </row>
    <row r="896437" spans="14:14">
      <c r="N896437" s="10"/>
    </row>
    <row r="896438" spans="14:14">
      <c r="N896438" s="10"/>
    </row>
    <row r="896439" spans="14:14">
      <c r="N896439" s="10"/>
    </row>
    <row r="896440" spans="14:14">
      <c r="N896440" s="10"/>
    </row>
    <row r="896441" spans="14:14">
      <c r="N896441" s="10"/>
    </row>
    <row r="896442" spans="14:14">
      <c r="N896442" s="10"/>
    </row>
    <row r="896443" spans="14:14">
      <c r="N896443" s="10"/>
    </row>
    <row r="896444" spans="14:14">
      <c r="N896444" s="10"/>
    </row>
    <row r="896445" spans="14:14">
      <c r="N896445" s="10"/>
    </row>
    <row r="896446" spans="14:14">
      <c r="N896446" s="10"/>
    </row>
    <row r="896447" spans="14:14">
      <c r="N896447" s="10"/>
    </row>
    <row r="896448" spans="14:14">
      <c r="N896448" s="10"/>
    </row>
    <row r="896449" spans="14:14">
      <c r="N896449" s="10"/>
    </row>
    <row r="896450" spans="14:14">
      <c r="N896450" s="10"/>
    </row>
    <row r="896451" spans="14:14">
      <c r="N896451" s="10"/>
    </row>
    <row r="896452" spans="14:14">
      <c r="N896452" s="10"/>
    </row>
    <row r="896453" spans="14:14">
      <c r="N896453" s="10"/>
    </row>
    <row r="896454" spans="14:14">
      <c r="N896454" s="10"/>
    </row>
    <row r="896455" spans="14:14">
      <c r="N896455" s="10"/>
    </row>
    <row r="896456" spans="14:14">
      <c r="N896456" s="10"/>
    </row>
    <row r="896457" spans="14:14">
      <c r="N896457" s="10"/>
    </row>
    <row r="896458" spans="14:14">
      <c r="N896458" s="10"/>
    </row>
    <row r="896459" spans="14:14">
      <c r="N896459" s="10"/>
    </row>
    <row r="896460" spans="14:14">
      <c r="N896460" s="10"/>
    </row>
    <row r="896461" spans="14:14">
      <c r="N896461" s="10"/>
    </row>
    <row r="896462" spans="14:14">
      <c r="N896462" s="10"/>
    </row>
    <row r="896463" spans="14:14">
      <c r="N896463" s="10"/>
    </row>
    <row r="896464" spans="14:14">
      <c r="N896464" s="10"/>
    </row>
    <row r="896465" spans="14:14">
      <c r="N896465" s="10"/>
    </row>
    <row r="896466" spans="14:14">
      <c r="N896466" s="10"/>
    </row>
    <row r="896467" spans="14:14">
      <c r="N896467" s="10"/>
    </row>
    <row r="896468" spans="14:14">
      <c r="N896468" s="10"/>
    </row>
    <row r="896469" spans="14:14">
      <c r="N896469" s="10"/>
    </row>
    <row r="896470" spans="14:14">
      <c r="N896470" s="10"/>
    </row>
    <row r="896471" spans="14:14">
      <c r="N896471" s="10"/>
    </row>
    <row r="896472" spans="14:14">
      <c r="N896472" s="10"/>
    </row>
    <row r="896473" spans="14:14">
      <c r="N896473" s="10"/>
    </row>
    <row r="896474" spans="14:14">
      <c r="N896474" s="10"/>
    </row>
    <row r="896475" spans="14:14">
      <c r="N896475" s="10"/>
    </row>
    <row r="896476" spans="14:14">
      <c r="N896476" s="10"/>
    </row>
    <row r="896477" spans="14:14">
      <c r="N896477" s="10"/>
    </row>
    <row r="896478" spans="14:14">
      <c r="N896478" s="10"/>
    </row>
    <row r="896479" spans="14:14">
      <c r="N896479" s="10"/>
    </row>
    <row r="896480" spans="14:14">
      <c r="N896480" s="10"/>
    </row>
    <row r="896481" spans="14:14">
      <c r="N896481" s="10"/>
    </row>
    <row r="896482" spans="14:14">
      <c r="N896482" s="10"/>
    </row>
    <row r="896483" spans="14:14">
      <c r="N896483" s="10"/>
    </row>
    <row r="896484" spans="14:14">
      <c r="N896484" s="10"/>
    </row>
    <row r="896485" spans="14:14">
      <c r="N896485" s="10"/>
    </row>
    <row r="896486" spans="14:14">
      <c r="N896486" s="10"/>
    </row>
    <row r="896487" spans="14:14">
      <c r="N896487" s="10"/>
    </row>
    <row r="896488" spans="14:14">
      <c r="N896488" s="10"/>
    </row>
    <row r="896489" spans="14:14">
      <c r="N896489" s="10"/>
    </row>
    <row r="896490" spans="14:14">
      <c r="N896490" s="10"/>
    </row>
    <row r="896491" spans="14:14">
      <c r="N896491" s="10"/>
    </row>
    <row r="896492" spans="14:14">
      <c r="N896492" s="10"/>
    </row>
    <row r="896493" spans="14:14">
      <c r="N896493" s="10"/>
    </row>
    <row r="896494" spans="14:14">
      <c r="N896494" s="10"/>
    </row>
    <row r="896495" spans="14:14">
      <c r="N896495" s="10"/>
    </row>
    <row r="896496" spans="14:14">
      <c r="N896496" s="10"/>
    </row>
    <row r="896497" spans="14:14">
      <c r="N896497" s="10"/>
    </row>
    <row r="896498" spans="14:14">
      <c r="N896498" s="10"/>
    </row>
    <row r="896499" spans="14:14">
      <c r="N896499" s="10"/>
    </row>
    <row r="896500" spans="14:14">
      <c r="N896500" s="10"/>
    </row>
    <row r="896501" spans="14:14">
      <c r="N896501" s="10"/>
    </row>
    <row r="896502" spans="14:14">
      <c r="N896502" s="10"/>
    </row>
    <row r="896503" spans="14:14">
      <c r="N896503" s="10"/>
    </row>
    <row r="896504" spans="14:14">
      <c r="N896504" s="10"/>
    </row>
    <row r="896505" spans="14:14">
      <c r="N896505" s="10"/>
    </row>
    <row r="896506" spans="14:14">
      <c r="N896506" s="10"/>
    </row>
    <row r="896507" spans="14:14">
      <c r="N896507" s="10"/>
    </row>
    <row r="896508" spans="14:14">
      <c r="N896508" s="10"/>
    </row>
    <row r="896509" spans="14:14">
      <c r="N896509" s="10"/>
    </row>
    <row r="896510" spans="14:14">
      <c r="N896510" s="10"/>
    </row>
    <row r="896511" spans="14:14">
      <c r="N896511" s="10"/>
    </row>
    <row r="896512" spans="14:14">
      <c r="N896512" s="10"/>
    </row>
    <row r="896513" spans="14:14">
      <c r="N896513" s="10"/>
    </row>
    <row r="896514" spans="14:14">
      <c r="N896514" s="10"/>
    </row>
    <row r="896515" spans="14:14">
      <c r="N896515" s="10"/>
    </row>
    <row r="896516" spans="14:14">
      <c r="N896516" s="10"/>
    </row>
    <row r="896517" spans="14:14">
      <c r="N896517" s="10"/>
    </row>
    <row r="896518" spans="14:14">
      <c r="N896518" s="10"/>
    </row>
    <row r="896519" spans="14:14">
      <c r="N896519" s="10"/>
    </row>
    <row r="896520" spans="14:14">
      <c r="N896520" s="10"/>
    </row>
    <row r="896521" spans="14:14">
      <c r="N896521" s="10"/>
    </row>
    <row r="896522" spans="14:14">
      <c r="N896522" s="10"/>
    </row>
    <row r="896523" spans="14:14">
      <c r="N896523" s="10"/>
    </row>
    <row r="896524" spans="14:14">
      <c r="N896524" s="10"/>
    </row>
    <row r="896525" spans="14:14">
      <c r="N896525" s="10"/>
    </row>
    <row r="896526" spans="14:14">
      <c r="N896526" s="10"/>
    </row>
    <row r="896527" spans="14:14">
      <c r="N896527" s="10"/>
    </row>
    <row r="896528" spans="14:14">
      <c r="N896528" s="10"/>
    </row>
    <row r="896529" spans="14:14">
      <c r="N896529" s="10"/>
    </row>
    <row r="896530" spans="14:14">
      <c r="N896530" s="10"/>
    </row>
    <row r="896531" spans="14:14">
      <c r="N896531" s="10"/>
    </row>
    <row r="896532" spans="14:14">
      <c r="N896532" s="10"/>
    </row>
    <row r="896533" spans="14:14">
      <c r="N896533" s="10"/>
    </row>
    <row r="896534" spans="14:14">
      <c r="N896534" s="10"/>
    </row>
    <row r="896535" spans="14:14">
      <c r="N896535" s="10"/>
    </row>
    <row r="896536" spans="14:14">
      <c r="N896536" s="10"/>
    </row>
    <row r="896537" spans="14:14">
      <c r="N896537" s="10"/>
    </row>
    <row r="896538" spans="14:14">
      <c r="N896538" s="10"/>
    </row>
    <row r="896539" spans="14:14">
      <c r="N896539" s="10"/>
    </row>
    <row r="896540" spans="14:14">
      <c r="N896540" s="10"/>
    </row>
    <row r="896541" spans="14:14">
      <c r="N896541" s="10"/>
    </row>
    <row r="896542" spans="14:14">
      <c r="N896542" s="10"/>
    </row>
    <row r="896543" spans="14:14">
      <c r="N896543" s="10"/>
    </row>
    <row r="896544" spans="14:14">
      <c r="N896544" s="10"/>
    </row>
    <row r="896545" spans="14:14">
      <c r="N896545" s="10"/>
    </row>
    <row r="896546" spans="14:14">
      <c r="N896546" s="10"/>
    </row>
    <row r="896547" spans="14:14">
      <c r="N896547" s="10"/>
    </row>
    <row r="896548" spans="14:14">
      <c r="N896548" s="10"/>
    </row>
    <row r="896549" spans="14:14">
      <c r="N896549" s="10"/>
    </row>
    <row r="896550" spans="14:14">
      <c r="N896550" s="10"/>
    </row>
    <row r="896551" spans="14:14">
      <c r="N896551" s="10"/>
    </row>
    <row r="896552" spans="14:14">
      <c r="N896552" s="10"/>
    </row>
    <row r="896553" spans="14:14">
      <c r="N896553" s="10"/>
    </row>
    <row r="896554" spans="14:14">
      <c r="N896554" s="10"/>
    </row>
    <row r="896555" spans="14:14">
      <c r="N896555" s="10"/>
    </row>
    <row r="896556" spans="14:14">
      <c r="N896556" s="10"/>
    </row>
    <row r="896557" spans="14:14">
      <c r="N896557" s="10"/>
    </row>
    <row r="896558" spans="14:14">
      <c r="N896558" s="10"/>
    </row>
    <row r="896559" spans="14:14">
      <c r="N896559" s="10"/>
    </row>
    <row r="896560" spans="14:14">
      <c r="N896560" s="10"/>
    </row>
    <row r="896561" spans="14:14">
      <c r="N896561" s="10"/>
    </row>
    <row r="896562" spans="14:14">
      <c r="N896562" s="10"/>
    </row>
    <row r="896563" spans="14:14">
      <c r="N896563" s="10"/>
    </row>
    <row r="896564" spans="14:14">
      <c r="N896564" s="10"/>
    </row>
    <row r="896565" spans="14:14">
      <c r="N896565" s="10"/>
    </row>
    <row r="896566" spans="14:14">
      <c r="N896566" s="10"/>
    </row>
    <row r="896567" spans="14:14">
      <c r="N896567" s="10"/>
    </row>
    <row r="896568" spans="14:14">
      <c r="N896568" s="10"/>
    </row>
    <row r="896569" spans="14:14">
      <c r="N896569" s="10"/>
    </row>
    <row r="896570" spans="14:14">
      <c r="N896570" s="10"/>
    </row>
    <row r="896571" spans="14:14">
      <c r="N896571" s="10"/>
    </row>
    <row r="896572" spans="14:14">
      <c r="N896572" s="10"/>
    </row>
    <row r="896573" spans="14:14">
      <c r="N896573" s="10"/>
    </row>
    <row r="896574" spans="14:14">
      <c r="N896574" s="10"/>
    </row>
    <row r="896575" spans="14:14">
      <c r="N896575" s="10"/>
    </row>
    <row r="896576" spans="14:14">
      <c r="N896576" s="10"/>
    </row>
    <row r="896577" spans="14:14">
      <c r="N896577" s="10"/>
    </row>
    <row r="896578" spans="14:14">
      <c r="N896578" s="10"/>
    </row>
    <row r="896579" spans="14:14">
      <c r="N896579" s="10"/>
    </row>
    <row r="896580" spans="14:14">
      <c r="N896580" s="10"/>
    </row>
    <row r="896581" spans="14:14">
      <c r="N896581" s="10"/>
    </row>
    <row r="896582" spans="14:14">
      <c r="N896582" s="10"/>
    </row>
    <row r="896583" spans="14:14">
      <c r="N896583" s="10"/>
    </row>
    <row r="896584" spans="14:14">
      <c r="N896584" s="10"/>
    </row>
    <row r="896585" spans="14:14">
      <c r="N896585" s="10"/>
    </row>
    <row r="896586" spans="14:14">
      <c r="N896586" s="10"/>
    </row>
    <row r="896587" spans="14:14">
      <c r="N896587" s="10"/>
    </row>
    <row r="896588" spans="14:14">
      <c r="N896588" s="10"/>
    </row>
    <row r="896589" spans="14:14">
      <c r="N896589" s="10"/>
    </row>
    <row r="896590" spans="14:14">
      <c r="N896590" s="10"/>
    </row>
    <row r="896591" spans="14:14">
      <c r="N896591" s="10"/>
    </row>
    <row r="896592" spans="14:14">
      <c r="N896592" s="10"/>
    </row>
    <row r="896593" spans="14:14">
      <c r="N896593" s="10"/>
    </row>
    <row r="896594" spans="14:14">
      <c r="N896594" s="10"/>
    </row>
    <row r="896595" spans="14:14">
      <c r="N896595" s="10"/>
    </row>
    <row r="896596" spans="14:14">
      <c r="N896596" s="10"/>
    </row>
    <row r="896597" spans="14:14">
      <c r="N896597" s="10"/>
    </row>
    <row r="896598" spans="14:14">
      <c r="N896598" s="10"/>
    </row>
    <row r="896599" spans="14:14">
      <c r="N896599" s="10"/>
    </row>
    <row r="896600" spans="14:14">
      <c r="N896600" s="10"/>
    </row>
    <row r="896601" spans="14:14">
      <c r="N896601" s="10"/>
    </row>
    <row r="896602" spans="14:14">
      <c r="N896602" s="10"/>
    </row>
    <row r="896603" spans="14:14">
      <c r="N896603" s="10"/>
    </row>
    <row r="896604" spans="14:14">
      <c r="N896604" s="10"/>
    </row>
    <row r="896605" spans="14:14">
      <c r="N896605" s="10"/>
    </row>
    <row r="896606" spans="14:14">
      <c r="N896606" s="10"/>
    </row>
    <row r="896607" spans="14:14">
      <c r="N896607" s="10"/>
    </row>
    <row r="896608" spans="14:14">
      <c r="N896608" s="10"/>
    </row>
    <row r="896609" spans="14:14">
      <c r="N896609" s="10"/>
    </row>
    <row r="896610" spans="14:14">
      <c r="N896610" s="10"/>
    </row>
    <row r="896611" spans="14:14">
      <c r="N896611" s="10"/>
    </row>
    <row r="896612" spans="14:14">
      <c r="N896612" s="10"/>
    </row>
    <row r="896613" spans="14:14">
      <c r="N896613" s="10"/>
    </row>
    <row r="896614" spans="14:14">
      <c r="N896614" s="10"/>
    </row>
    <row r="896615" spans="14:14">
      <c r="N896615" s="10"/>
    </row>
    <row r="896616" spans="14:14">
      <c r="N896616" s="10"/>
    </row>
    <row r="896617" spans="14:14">
      <c r="N896617" s="10"/>
    </row>
    <row r="896618" spans="14:14">
      <c r="N896618" s="10"/>
    </row>
    <row r="896619" spans="14:14">
      <c r="N896619" s="10"/>
    </row>
    <row r="896620" spans="14:14">
      <c r="N896620" s="10"/>
    </row>
    <row r="896621" spans="14:14">
      <c r="N896621" s="10"/>
    </row>
    <row r="896622" spans="14:14">
      <c r="N896622" s="10"/>
    </row>
    <row r="896623" spans="14:14">
      <c r="N896623" s="10"/>
    </row>
    <row r="896624" spans="14:14">
      <c r="N896624" s="10"/>
    </row>
    <row r="896625" spans="14:14">
      <c r="N896625" s="10"/>
    </row>
    <row r="896626" spans="14:14">
      <c r="N896626" s="10"/>
    </row>
    <row r="896627" spans="14:14">
      <c r="N896627" s="10"/>
    </row>
    <row r="896628" spans="14:14">
      <c r="N896628" s="10"/>
    </row>
    <row r="896629" spans="14:14">
      <c r="N896629" s="10"/>
    </row>
    <row r="896630" spans="14:14">
      <c r="N896630" s="10"/>
    </row>
    <row r="896631" spans="14:14">
      <c r="N896631" s="10"/>
    </row>
    <row r="896632" spans="14:14">
      <c r="N896632" s="10"/>
    </row>
    <row r="896633" spans="14:14">
      <c r="N896633" s="10"/>
    </row>
    <row r="896634" spans="14:14">
      <c r="N896634" s="10"/>
    </row>
    <row r="896635" spans="14:14">
      <c r="N896635" s="10"/>
    </row>
    <row r="896636" spans="14:14">
      <c r="N896636" s="10"/>
    </row>
    <row r="896637" spans="14:14">
      <c r="N896637" s="10"/>
    </row>
    <row r="896638" spans="14:14">
      <c r="N896638" s="10"/>
    </row>
    <row r="896639" spans="14:14">
      <c r="N896639" s="10"/>
    </row>
    <row r="896640" spans="14:14">
      <c r="N896640" s="10"/>
    </row>
    <row r="896641" spans="14:14">
      <c r="N896641" s="10"/>
    </row>
    <row r="896642" spans="14:14">
      <c r="N896642" s="10"/>
    </row>
    <row r="896643" spans="14:14">
      <c r="N896643" s="10"/>
    </row>
    <row r="896644" spans="14:14">
      <c r="N896644" s="10"/>
    </row>
    <row r="896645" spans="14:14">
      <c r="N896645" s="10"/>
    </row>
    <row r="896646" spans="14:14">
      <c r="N896646" s="10"/>
    </row>
    <row r="896647" spans="14:14">
      <c r="N896647" s="10"/>
    </row>
    <row r="896648" spans="14:14">
      <c r="N896648" s="10"/>
    </row>
    <row r="896649" spans="14:14">
      <c r="N896649" s="10"/>
    </row>
    <row r="896650" spans="14:14">
      <c r="N896650" s="10"/>
    </row>
    <row r="896651" spans="14:14">
      <c r="N896651" s="10"/>
    </row>
    <row r="896652" spans="14:14">
      <c r="N896652" s="10"/>
    </row>
    <row r="896653" spans="14:14">
      <c r="N896653" s="10"/>
    </row>
    <row r="896654" spans="14:14">
      <c r="N896654" s="10"/>
    </row>
    <row r="896655" spans="14:14">
      <c r="N896655" s="10"/>
    </row>
    <row r="896656" spans="14:14">
      <c r="N896656" s="10"/>
    </row>
    <row r="896657" spans="14:14">
      <c r="N896657" s="10"/>
    </row>
    <row r="896658" spans="14:14">
      <c r="N896658" s="10"/>
    </row>
    <row r="896659" spans="14:14">
      <c r="N896659" s="10"/>
    </row>
    <row r="896660" spans="14:14">
      <c r="N896660" s="10"/>
    </row>
    <row r="896661" spans="14:14">
      <c r="N896661" s="10"/>
    </row>
    <row r="896662" spans="14:14">
      <c r="N896662" s="10"/>
    </row>
    <row r="896663" spans="14:14">
      <c r="N896663" s="10"/>
    </row>
    <row r="896664" spans="14:14">
      <c r="N896664" s="10"/>
    </row>
    <row r="896665" spans="14:14">
      <c r="N896665" s="10"/>
    </row>
    <row r="896666" spans="14:14">
      <c r="N896666" s="10"/>
    </row>
    <row r="896667" spans="14:14">
      <c r="N896667" s="10"/>
    </row>
    <row r="896668" spans="14:14">
      <c r="N896668" s="10"/>
    </row>
    <row r="896669" spans="14:14">
      <c r="N896669" s="10"/>
    </row>
    <row r="896670" spans="14:14">
      <c r="N896670" s="10"/>
    </row>
    <row r="896671" spans="14:14">
      <c r="N896671" s="10"/>
    </row>
    <row r="896672" spans="14:14">
      <c r="N896672" s="10"/>
    </row>
    <row r="896673" spans="14:14">
      <c r="N896673" s="10"/>
    </row>
    <row r="896674" spans="14:14">
      <c r="N896674" s="10"/>
    </row>
    <row r="896675" spans="14:14">
      <c r="N896675" s="10"/>
    </row>
    <row r="896676" spans="14:14">
      <c r="N896676" s="10"/>
    </row>
    <row r="896677" spans="14:14">
      <c r="N896677" s="10"/>
    </row>
    <row r="896678" spans="14:14">
      <c r="N896678" s="10"/>
    </row>
    <row r="896679" spans="14:14">
      <c r="N896679" s="10"/>
    </row>
    <row r="896680" spans="14:14">
      <c r="N896680" s="10"/>
    </row>
    <row r="896681" spans="14:14">
      <c r="N896681" s="10"/>
    </row>
    <row r="896682" spans="14:14">
      <c r="N896682" s="10"/>
    </row>
    <row r="896683" spans="14:14">
      <c r="N896683" s="10"/>
    </row>
    <row r="896684" spans="14:14">
      <c r="N896684" s="10"/>
    </row>
    <row r="896685" spans="14:14">
      <c r="N896685" s="10"/>
    </row>
    <row r="896686" spans="14:14">
      <c r="N896686" s="10"/>
    </row>
    <row r="896687" spans="14:14">
      <c r="N896687" s="10"/>
    </row>
    <row r="896688" spans="14:14">
      <c r="N896688" s="10"/>
    </row>
    <row r="896689" spans="14:14">
      <c r="N896689" s="10"/>
    </row>
    <row r="896690" spans="14:14">
      <c r="N896690" s="10"/>
    </row>
    <row r="896691" spans="14:14">
      <c r="N896691" s="10"/>
    </row>
    <row r="896692" spans="14:14">
      <c r="N896692" s="10"/>
    </row>
    <row r="896693" spans="14:14">
      <c r="N896693" s="10"/>
    </row>
    <row r="896694" spans="14:14">
      <c r="N896694" s="10"/>
    </row>
    <row r="896695" spans="14:14">
      <c r="N896695" s="10"/>
    </row>
    <row r="896696" spans="14:14">
      <c r="N896696" s="10"/>
    </row>
    <row r="896697" spans="14:14">
      <c r="N896697" s="10"/>
    </row>
    <row r="896698" spans="14:14">
      <c r="N896698" s="10"/>
    </row>
    <row r="896699" spans="14:14">
      <c r="N896699" s="10"/>
    </row>
    <row r="896700" spans="14:14">
      <c r="N896700" s="10"/>
    </row>
    <row r="896701" spans="14:14">
      <c r="N896701" s="10"/>
    </row>
    <row r="896702" spans="14:14">
      <c r="N896702" s="10"/>
    </row>
    <row r="896703" spans="14:14">
      <c r="N896703" s="10"/>
    </row>
    <row r="896704" spans="14:14">
      <c r="N896704" s="10"/>
    </row>
    <row r="896705" spans="14:14">
      <c r="N896705" s="10"/>
    </row>
    <row r="896706" spans="14:14">
      <c r="N896706" s="10"/>
    </row>
    <row r="896707" spans="14:14">
      <c r="N896707" s="10"/>
    </row>
    <row r="896708" spans="14:14">
      <c r="N896708" s="10"/>
    </row>
    <row r="896709" spans="14:14">
      <c r="N896709" s="10"/>
    </row>
    <row r="896710" spans="14:14">
      <c r="N896710" s="10"/>
    </row>
    <row r="896711" spans="14:14">
      <c r="N896711" s="10"/>
    </row>
    <row r="896712" spans="14:14">
      <c r="N896712" s="10"/>
    </row>
    <row r="896713" spans="14:14">
      <c r="N896713" s="10"/>
    </row>
    <row r="896714" spans="14:14">
      <c r="N896714" s="10"/>
    </row>
    <row r="896715" spans="14:14">
      <c r="N896715" s="10"/>
    </row>
    <row r="896716" spans="14:14">
      <c r="N896716" s="10"/>
    </row>
    <row r="896717" spans="14:14">
      <c r="N896717" s="10"/>
    </row>
    <row r="896718" spans="14:14">
      <c r="N896718" s="10"/>
    </row>
    <row r="896719" spans="14:14">
      <c r="N896719" s="10"/>
    </row>
    <row r="896720" spans="14:14">
      <c r="N896720" s="10"/>
    </row>
    <row r="896721" spans="14:14">
      <c r="N896721" s="10"/>
    </row>
    <row r="896722" spans="14:14">
      <c r="N896722" s="10"/>
    </row>
    <row r="896723" spans="14:14">
      <c r="N896723" s="10"/>
    </row>
    <row r="896724" spans="14:14">
      <c r="N896724" s="10"/>
    </row>
    <row r="896725" spans="14:14">
      <c r="N896725" s="10"/>
    </row>
    <row r="896726" spans="14:14">
      <c r="N896726" s="10"/>
    </row>
    <row r="896727" spans="14:14">
      <c r="N896727" s="10"/>
    </row>
    <row r="896728" spans="14:14">
      <c r="N896728" s="10"/>
    </row>
    <row r="896729" spans="14:14">
      <c r="N896729" s="10"/>
    </row>
    <row r="896730" spans="14:14">
      <c r="N896730" s="10"/>
    </row>
    <row r="896731" spans="14:14">
      <c r="N896731" s="10"/>
    </row>
    <row r="896732" spans="14:14">
      <c r="N896732" s="10"/>
    </row>
    <row r="896733" spans="14:14">
      <c r="N896733" s="10"/>
    </row>
    <row r="896734" spans="14:14">
      <c r="N896734" s="10"/>
    </row>
    <row r="896735" spans="14:14">
      <c r="N896735" s="10"/>
    </row>
    <row r="896736" spans="14:14">
      <c r="N896736" s="10"/>
    </row>
    <row r="896737" spans="14:14">
      <c r="N896737" s="10"/>
    </row>
    <row r="896738" spans="14:14">
      <c r="N896738" s="10"/>
    </row>
    <row r="896739" spans="14:14">
      <c r="N896739" s="10"/>
    </row>
    <row r="896740" spans="14:14">
      <c r="N896740" s="10"/>
    </row>
    <row r="896741" spans="14:14">
      <c r="N896741" s="10"/>
    </row>
    <row r="896742" spans="14:14">
      <c r="N896742" s="10"/>
    </row>
    <row r="896743" spans="14:14">
      <c r="N896743" s="10"/>
    </row>
    <row r="896744" spans="14:14">
      <c r="N896744" s="10"/>
    </row>
    <row r="896745" spans="14:14">
      <c r="N896745" s="10"/>
    </row>
    <row r="896746" spans="14:14">
      <c r="N896746" s="10"/>
    </row>
    <row r="896747" spans="14:14">
      <c r="N896747" s="10"/>
    </row>
    <row r="896748" spans="14:14">
      <c r="N896748" s="10"/>
    </row>
    <row r="896749" spans="14:14">
      <c r="N896749" s="10"/>
    </row>
    <row r="896750" spans="14:14">
      <c r="N896750" s="10"/>
    </row>
    <row r="896751" spans="14:14">
      <c r="N896751" s="10"/>
    </row>
    <row r="896752" spans="14:14">
      <c r="N896752" s="10"/>
    </row>
    <row r="896753" spans="14:14">
      <c r="N896753" s="10"/>
    </row>
    <row r="896754" spans="14:14">
      <c r="N896754" s="10"/>
    </row>
    <row r="896755" spans="14:14">
      <c r="N896755" s="10"/>
    </row>
    <row r="896756" spans="14:14">
      <c r="N896756" s="10"/>
    </row>
    <row r="896757" spans="14:14">
      <c r="N896757" s="10"/>
    </row>
    <row r="896758" spans="14:14">
      <c r="N896758" s="10"/>
    </row>
    <row r="896759" spans="14:14">
      <c r="N896759" s="10"/>
    </row>
    <row r="896760" spans="14:14">
      <c r="N896760" s="10"/>
    </row>
    <row r="896761" spans="14:14">
      <c r="N896761" s="10"/>
    </row>
    <row r="896762" spans="14:14">
      <c r="N896762" s="10"/>
    </row>
    <row r="896763" spans="14:14">
      <c r="N896763" s="10"/>
    </row>
    <row r="896764" spans="14:14">
      <c r="N896764" s="10"/>
    </row>
    <row r="896765" spans="14:14">
      <c r="N896765" s="10"/>
    </row>
    <row r="896766" spans="14:14">
      <c r="N896766" s="10"/>
    </row>
    <row r="896767" spans="14:14">
      <c r="N896767" s="10"/>
    </row>
    <row r="896768" spans="14:14">
      <c r="N896768" s="10"/>
    </row>
    <row r="896769" spans="14:14">
      <c r="N896769" s="10"/>
    </row>
    <row r="896770" spans="14:14">
      <c r="N896770" s="10"/>
    </row>
    <row r="896771" spans="14:14">
      <c r="N896771" s="10"/>
    </row>
    <row r="896772" spans="14:14">
      <c r="N896772" s="10"/>
    </row>
    <row r="896773" spans="14:14">
      <c r="N896773" s="10"/>
    </row>
    <row r="896774" spans="14:14">
      <c r="N896774" s="10"/>
    </row>
    <row r="896775" spans="14:14">
      <c r="N896775" s="10"/>
    </row>
    <row r="896776" spans="14:14">
      <c r="N896776" s="10"/>
    </row>
    <row r="896777" spans="14:14">
      <c r="N896777" s="10"/>
    </row>
    <row r="896778" spans="14:14">
      <c r="N896778" s="10"/>
    </row>
    <row r="896779" spans="14:14">
      <c r="N896779" s="10"/>
    </row>
    <row r="896780" spans="14:14">
      <c r="N896780" s="10"/>
    </row>
    <row r="896781" spans="14:14">
      <c r="N896781" s="10"/>
    </row>
    <row r="896782" spans="14:14">
      <c r="N896782" s="10"/>
    </row>
    <row r="896783" spans="14:14">
      <c r="N896783" s="10"/>
    </row>
    <row r="896784" spans="14:14">
      <c r="N896784" s="10"/>
    </row>
    <row r="896785" spans="14:14">
      <c r="N896785" s="10"/>
    </row>
    <row r="896786" spans="14:14">
      <c r="N896786" s="10"/>
    </row>
    <row r="896787" spans="14:14">
      <c r="N896787" s="10"/>
    </row>
    <row r="896788" spans="14:14">
      <c r="N896788" s="10"/>
    </row>
    <row r="896789" spans="14:14">
      <c r="N896789" s="10"/>
    </row>
    <row r="896790" spans="14:14">
      <c r="N896790" s="10"/>
    </row>
    <row r="896791" spans="14:14">
      <c r="N896791" s="10"/>
    </row>
    <row r="896792" spans="14:14">
      <c r="N896792" s="10"/>
    </row>
    <row r="896793" spans="14:14">
      <c r="N896793" s="10"/>
    </row>
    <row r="896794" spans="14:14">
      <c r="N896794" s="10"/>
    </row>
    <row r="896795" spans="14:14">
      <c r="N896795" s="10"/>
    </row>
    <row r="896796" spans="14:14">
      <c r="N896796" s="10"/>
    </row>
    <row r="896797" spans="14:14">
      <c r="N896797" s="10"/>
    </row>
    <row r="896798" spans="14:14">
      <c r="N896798" s="10"/>
    </row>
    <row r="896799" spans="14:14">
      <c r="N896799" s="10"/>
    </row>
    <row r="896800" spans="14:14">
      <c r="N896800" s="10"/>
    </row>
    <row r="896801" spans="14:14">
      <c r="N896801" s="10"/>
    </row>
    <row r="896802" spans="14:14">
      <c r="N896802" s="10"/>
    </row>
    <row r="896803" spans="14:14">
      <c r="N896803" s="10"/>
    </row>
    <row r="896804" spans="14:14">
      <c r="N896804" s="10"/>
    </row>
    <row r="896805" spans="14:14">
      <c r="N896805" s="10"/>
    </row>
    <row r="896806" spans="14:14">
      <c r="N896806" s="10"/>
    </row>
    <row r="896807" spans="14:14">
      <c r="N896807" s="10"/>
    </row>
    <row r="896808" spans="14:14">
      <c r="N896808" s="10"/>
    </row>
    <row r="896809" spans="14:14">
      <c r="N896809" s="10"/>
    </row>
    <row r="896810" spans="14:14">
      <c r="N896810" s="10"/>
    </row>
    <row r="896811" spans="14:14">
      <c r="N896811" s="10"/>
    </row>
    <row r="896812" spans="14:14">
      <c r="N896812" s="10"/>
    </row>
    <row r="896813" spans="14:14">
      <c r="N896813" s="10"/>
    </row>
    <row r="896814" spans="14:14">
      <c r="N896814" s="10"/>
    </row>
    <row r="896815" spans="14:14">
      <c r="N896815" s="10"/>
    </row>
    <row r="896816" spans="14:14">
      <c r="N896816" s="10"/>
    </row>
    <row r="896817" spans="14:14">
      <c r="N896817" s="10"/>
    </row>
    <row r="896818" spans="14:14">
      <c r="N896818" s="10"/>
    </row>
    <row r="896819" spans="14:14">
      <c r="N896819" s="10"/>
    </row>
    <row r="896820" spans="14:14">
      <c r="N896820" s="10"/>
    </row>
    <row r="896821" spans="14:14">
      <c r="N896821" s="10"/>
    </row>
    <row r="896822" spans="14:14">
      <c r="N896822" s="10"/>
    </row>
    <row r="896823" spans="14:14">
      <c r="N896823" s="10"/>
    </row>
    <row r="896824" spans="14:14">
      <c r="N896824" s="10"/>
    </row>
    <row r="896825" spans="14:14">
      <c r="N896825" s="10"/>
    </row>
    <row r="896826" spans="14:14">
      <c r="N896826" s="10"/>
    </row>
    <row r="896827" spans="14:14">
      <c r="N896827" s="10"/>
    </row>
    <row r="896828" spans="14:14">
      <c r="N896828" s="10"/>
    </row>
    <row r="896829" spans="14:14">
      <c r="N896829" s="10"/>
    </row>
    <row r="896830" spans="14:14">
      <c r="N896830" s="10"/>
    </row>
    <row r="896831" spans="14:14">
      <c r="N896831" s="10"/>
    </row>
    <row r="896832" spans="14:14">
      <c r="N896832" s="10"/>
    </row>
    <row r="896833" spans="14:14">
      <c r="N896833" s="10"/>
    </row>
    <row r="896834" spans="14:14">
      <c r="N896834" s="10"/>
    </row>
    <row r="896835" spans="14:14">
      <c r="N896835" s="10"/>
    </row>
    <row r="896836" spans="14:14">
      <c r="N896836" s="10"/>
    </row>
    <row r="896837" spans="14:14">
      <c r="N896837" s="10"/>
    </row>
    <row r="896838" spans="14:14">
      <c r="N896838" s="10"/>
    </row>
    <row r="896839" spans="14:14">
      <c r="N896839" s="10"/>
    </row>
    <row r="896840" spans="14:14">
      <c r="N896840" s="10"/>
    </row>
    <row r="896841" spans="14:14">
      <c r="N896841" s="10"/>
    </row>
    <row r="896842" spans="14:14">
      <c r="N896842" s="10"/>
    </row>
    <row r="896843" spans="14:14">
      <c r="N896843" s="10"/>
    </row>
    <row r="896844" spans="14:14">
      <c r="N896844" s="10"/>
    </row>
    <row r="896845" spans="14:14">
      <c r="N896845" s="10"/>
    </row>
    <row r="896846" spans="14:14">
      <c r="N896846" s="10"/>
    </row>
    <row r="896847" spans="14:14">
      <c r="N896847" s="10"/>
    </row>
    <row r="896848" spans="14:14">
      <c r="N896848" s="10"/>
    </row>
    <row r="896849" spans="14:14">
      <c r="N896849" s="10"/>
    </row>
    <row r="896850" spans="14:14">
      <c r="N896850" s="10"/>
    </row>
    <row r="896851" spans="14:14">
      <c r="N896851" s="10"/>
    </row>
    <row r="896852" spans="14:14">
      <c r="N896852" s="10"/>
    </row>
    <row r="896853" spans="14:14">
      <c r="N896853" s="10"/>
    </row>
    <row r="896854" spans="14:14">
      <c r="N896854" s="10"/>
    </row>
    <row r="896855" spans="14:14">
      <c r="N896855" s="10"/>
    </row>
    <row r="896856" spans="14:14">
      <c r="N896856" s="10"/>
    </row>
    <row r="896857" spans="14:14">
      <c r="N896857" s="10"/>
    </row>
    <row r="896858" spans="14:14">
      <c r="N896858" s="10"/>
    </row>
    <row r="896859" spans="14:14">
      <c r="N896859" s="10"/>
    </row>
    <row r="896860" spans="14:14">
      <c r="N896860" s="10"/>
    </row>
    <row r="896861" spans="14:14">
      <c r="N896861" s="10"/>
    </row>
    <row r="896862" spans="14:14">
      <c r="N896862" s="10"/>
    </row>
    <row r="896863" spans="14:14">
      <c r="N896863" s="10"/>
    </row>
    <row r="896864" spans="14:14">
      <c r="N896864" s="10"/>
    </row>
    <row r="896865" spans="14:14">
      <c r="N896865" s="10"/>
    </row>
    <row r="896866" spans="14:14">
      <c r="N896866" s="10"/>
    </row>
    <row r="896867" spans="14:14">
      <c r="N896867" s="10"/>
    </row>
    <row r="896868" spans="14:14">
      <c r="N896868" s="10"/>
    </row>
    <row r="896869" spans="14:14">
      <c r="N896869" s="10"/>
    </row>
    <row r="896870" spans="14:14">
      <c r="N896870" s="10"/>
    </row>
    <row r="896871" spans="14:14">
      <c r="N896871" s="10"/>
    </row>
    <row r="896872" spans="14:14">
      <c r="N896872" s="10"/>
    </row>
    <row r="896873" spans="14:14">
      <c r="N896873" s="10"/>
    </row>
    <row r="896874" spans="14:14">
      <c r="N896874" s="10"/>
    </row>
    <row r="896875" spans="14:14">
      <c r="N896875" s="10"/>
    </row>
    <row r="896876" spans="14:14">
      <c r="N896876" s="10"/>
    </row>
    <row r="896877" spans="14:14">
      <c r="N896877" s="10"/>
    </row>
    <row r="896878" spans="14:14">
      <c r="N896878" s="10"/>
    </row>
    <row r="896879" spans="14:14">
      <c r="N896879" s="10"/>
    </row>
    <row r="896880" spans="14:14">
      <c r="N896880" s="10"/>
    </row>
    <row r="896881" spans="14:14">
      <c r="N896881" s="10"/>
    </row>
    <row r="896882" spans="14:14">
      <c r="N896882" s="10"/>
    </row>
    <row r="896883" spans="14:14">
      <c r="N896883" s="10"/>
    </row>
    <row r="896884" spans="14:14">
      <c r="N896884" s="10"/>
    </row>
    <row r="896885" spans="14:14">
      <c r="N896885" s="10"/>
    </row>
    <row r="896886" spans="14:14">
      <c r="N896886" s="10"/>
    </row>
    <row r="896887" spans="14:14">
      <c r="N896887" s="10"/>
    </row>
    <row r="896888" spans="14:14">
      <c r="N896888" s="10"/>
    </row>
    <row r="896889" spans="14:14">
      <c r="N896889" s="10"/>
    </row>
    <row r="896890" spans="14:14">
      <c r="N896890" s="10"/>
    </row>
    <row r="896891" spans="14:14">
      <c r="N896891" s="10"/>
    </row>
    <row r="896892" spans="14:14">
      <c r="N896892" s="10"/>
    </row>
    <row r="896893" spans="14:14">
      <c r="N896893" s="10"/>
    </row>
    <row r="896894" spans="14:14">
      <c r="N896894" s="10"/>
    </row>
    <row r="896895" spans="14:14">
      <c r="N896895" s="10"/>
    </row>
    <row r="896896" spans="14:14">
      <c r="N896896" s="10"/>
    </row>
    <row r="896897" spans="14:14">
      <c r="N896897" s="10"/>
    </row>
    <row r="896898" spans="14:14">
      <c r="N896898" s="10"/>
    </row>
    <row r="896899" spans="14:14">
      <c r="N896899" s="10"/>
    </row>
    <row r="896900" spans="14:14">
      <c r="N896900" s="10"/>
    </row>
    <row r="896901" spans="14:14">
      <c r="N896901" s="10"/>
    </row>
    <row r="896902" spans="14:14">
      <c r="N896902" s="10"/>
    </row>
    <row r="896903" spans="14:14">
      <c r="N896903" s="10"/>
    </row>
    <row r="896904" spans="14:14">
      <c r="N896904" s="10"/>
    </row>
    <row r="896905" spans="14:14">
      <c r="N896905" s="10"/>
    </row>
    <row r="896906" spans="14:14">
      <c r="N896906" s="10"/>
    </row>
    <row r="896907" spans="14:14">
      <c r="N896907" s="10"/>
    </row>
    <row r="896908" spans="14:14">
      <c r="N896908" s="10"/>
    </row>
    <row r="896909" spans="14:14">
      <c r="N896909" s="10"/>
    </row>
    <row r="896910" spans="14:14">
      <c r="N896910" s="10"/>
    </row>
    <row r="896911" spans="14:14">
      <c r="N896911" s="10"/>
    </row>
    <row r="896912" spans="14:14">
      <c r="N896912" s="10"/>
    </row>
    <row r="896913" spans="14:14">
      <c r="N896913" s="10"/>
    </row>
    <row r="896914" spans="14:14">
      <c r="N896914" s="10"/>
    </row>
    <row r="896915" spans="14:14">
      <c r="N896915" s="10"/>
    </row>
    <row r="896916" spans="14:14">
      <c r="N896916" s="10"/>
    </row>
    <row r="896917" spans="14:14">
      <c r="N896917" s="10"/>
    </row>
    <row r="896918" spans="14:14">
      <c r="N896918" s="10"/>
    </row>
    <row r="896919" spans="14:14">
      <c r="N896919" s="10"/>
    </row>
    <row r="896920" spans="14:14">
      <c r="N896920" s="10"/>
    </row>
    <row r="896921" spans="14:14">
      <c r="N896921" s="10"/>
    </row>
    <row r="896922" spans="14:14">
      <c r="N896922" s="10"/>
    </row>
    <row r="896923" spans="14:14">
      <c r="N896923" s="10"/>
    </row>
    <row r="896924" spans="14:14">
      <c r="N896924" s="10"/>
    </row>
    <row r="896925" spans="14:14">
      <c r="N896925" s="10"/>
    </row>
    <row r="896926" spans="14:14">
      <c r="N896926" s="10"/>
    </row>
    <row r="896927" spans="14:14">
      <c r="N896927" s="10"/>
    </row>
    <row r="896928" spans="14:14">
      <c r="N896928" s="10"/>
    </row>
    <row r="896929" spans="14:14">
      <c r="N896929" s="10"/>
    </row>
    <row r="896930" spans="14:14">
      <c r="N896930" s="10"/>
    </row>
    <row r="896931" spans="14:14">
      <c r="N896931" s="10"/>
    </row>
    <row r="896932" spans="14:14">
      <c r="N896932" s="10"/>
    </row>
    <row r="896933" spans="14:14">
      <c r="N896933" s="10"/>
    </row>
    <row r="896934" spans="14:14">
      <c r="N896934" s="10"/>
    </row>
    <row r="896935" spans="14:14">
      <c r="N896935" s="10"/>
    </row>
    <row r="896936" spans="14:14">
      <c r="N896936" s="10"/>
    </row>
    <row r="896937" spans="14:14">
      <c r="N896937" s="10"/>
    </row>
    <row r="896938" spans="14:14">
      <c r="N896938" s="10"/>
    </row>
    <row r="896939" spans="14:14">
      <c r="N896939" s="10"/>
    </row>
    <row r="896940" spans="14:14">
      <c r="N896940" s="10"/>
    </row>
    <row r="896941" spans="14:14">
      <c r="N896941" s="10"/>
    </row>
    <row r="896942" spans="14:14">
      <c r="N896942" s="10"/>
    </row>
    <row r="896943" spans="14:14">
      <c r="N896943" s="10"/>
    </row>
    <row r="896944" spans="14:14">
      <c r="N896944" s="10"/>
    </row>
    <row r="896945" spans="14:14">
      <c r="N896945" s="10"/>
    </row>
    <row r="896946" spans="14:14">
      <c r="N896946" s="10"/>
    </row>
    <row r="896947" spans="14:14">
      <c r="N896947" s="10"/>
    </row>
    <row r="896948" spans="14:14">
      <c r="N896948" s="10"/>
    </row>
    <row r="896949" spans="14:14">
      <c r="N896949" s="10"/>
    </row>
    <row r="896950" spans="14:14">
      <c r="N896950" s="10"/>
    </row>
    <row r="896951" spans="14:14">
      <c r="N896951" s="10"/>
    </row>
    <row r="896952" spans="14:14">
      <c r="N896952" s="10"/>
    </row>
    <row r="896953" spans="14:14">
      <c r="N896953" s="10"/>
    </row>
    <row r="896954" spans="14:14">
      <c r="N896954" s="10"/>
    </row>
    <row r="896955" spans="14:14">
      <c r="N896955" s="10"/>
    </row>
    <row r="896956" spans="14:14">
      <c r="N896956" s="10"/>
    </row>
    <row r="896957" spans="14:14">
      <c r="N896957" s="10"/>
    </row>
    <row r="896958" spans="14:14">
      <c r="N896958" s="10"/>
    </row>
    <row r="896959" spans="14:14">
      <c r="N896959" s="10"/>
    </row>
    <row r="896960" spans="14:14">
      <c r="N896960" s="10"/>
    </row>
    <row r="896961" spans="14:14">
      <c r="N896961" s="10"/>
    </row>
    <row r="896962" spans="14:14">
      <c r="N896962" s="10"/>
    </row>
    <row r="896963" spans="14:14">
      <c r="N896963" s="10"/>
    </row>
    <row r="896964" spans="14:14">
      <c r="N896964" s="10"/>
    </row>
    <row r="896965" spans="14:14">
      <c r="N896965" s="10"/>
    </row>
    <row r="896966" spans="14:14">
      <c r="N896966" s="10"/>
    </row>
    <row r="896967" spans="14:14">
      <c r="N896967" s="10"/>
    </row>
    <row r="896968" spans="14:14">
      <c r="N896968" s="10"/>
    </row>
    <row r="896969" spans="14:14">
      <c r="N896969" s="10"/>
    </row>
    <row r="896970" spans="14:14">
      <c r="N896970" s="10"/>
    </row>
    <row r="896971" spans="14:14">
      <c r="N896971" s="10"/>
    </row>
    <row r="896972" spans="14:14">
      <c r="N896972" s="10"/>
    </row>
    <row r="896973" spans="14:14">
      <c r="N896973" s="10"/>
    </row>
    <row r="896974" spans="14:14">
      <c r="N896974" s="10"/>
    </row>
    <row r="896975" spans="14:14">
      <c r="N896975" s="10"/>
    </row>
    <row r="896976" spans="14:14">
      <c r="N896976" s="10"/>
    </row>
    <row r="896977" spans="14:14">
      <c r="N896977" s="10"/>
    </row>
    <row r="896978" spans="14:14">
      <c r="N896978" s="10"/>
    </row>
    <row r="896979" spans="14:14">
      <c r="N896979" s="10"/>
    </row>
    <row r="896980" spans="14:14">
      <c r="N896980" s="10"/>
    </row>
    <row r="896981" spans="14:14">
      <c r="N896981" s="10"/>
    </row>
    <row r="896982" spans="14:14">
      <c r="N896982" s="10"/>
    </row>
    <row r="896983" spans="14:14">
      <c r="N896983" s="10"/>
    </row>
    <row r="896984" spans="14:14">
      <c r="N896984" s="10"/>
    </row>
    <row r="896985" spans="14:14">
      <c r="N896985" s="10"/>
    </row>
    <row r="896986" spans="14:14">
      <c r="N896986" s="10"/>
    </row>
    <row r="896987" spans="14:14">
      <c r="N896987" s="10"/>
    </row>
    <row r="896988" spans="14:14">
      <c r="N896988" s="10"/>
    </row>
    <row r="896989" spans="14:14">
      <c r="N896989" s="10"/>
    </row>
    <row r="896990" spans="14:14">
      <c r="N896990" s="10"/>
    </row>
    <row r="896991" spans="14:14">
      <c r="N896991" s="10"/>
    </row>
    <row r="896992" spans="14:14">
      <c r="N896992" s="10"/>
    </row>
    <row r="896993" spans="14:14">
      <c r="N896993" s="10"/>
    </row>
    <row r="896994" spans="14:14">
      <c r="N896994" s="10"/>
    </row>
    <row r="896995" spans="14:14">
      <c r="N896995" s="10"/>
    </row>
    <row r="896996" spans="14:14">
      <c r="N896996" s="10"/>
    </row>
    <row r="896997" spans="14:14">
      <c r="N896997" s="10"/>
    </row>
    <row r="896998" spans="14:14">
      <c r="N896998" s="10"/>
    </row>
    <row r="896999" spans="14:14">
      <c r="N896999" s="10"/>
    </row>
    <row r="897000" spans="14:14">
      <c r="N897000" s="10"/>
    </row>
    <row r="897001" spans="14:14">
      <c r="N897001" s="10"/>
    </row>
    <row r="897002" spans="14:14">
      <c r="N897002" s="10"/>
    </row>
    <row r="897003" spans="14:14">
      <c r="N897003" s="10"/>
    </row>
    <row r="897004" spans="14:14">
      <c r="N897004" s="10"/>
    </row>
    <row r="897005" spans="14:14">
      <c r="N897005" s="10"/>
    </row>
    <row r="897006" spans="14:14">
      <c r="N897006" s="10"/>
    </row>
    <row r="897007" spans="14:14">
      <c r="N897007" s="10"/>
    </row>
    <row r="897008" spans="14:14">
      <c r="N897008" s="10"/>
    </row>
    <row r="897009" spans="14:14">
      <c r="N897009" s="10"/>
    </row>
    <row r="897010" spans="14:14">
      <c r="N897010" s="10"/>
    </row>
    <row r="897011" spans="14:14">
      <c r="N897011" s="10"/>
    </row>
    <row r="897012" spans="14:14">
      <c r="N897012" s="10"/>
    </row>
    <row r="897013" spans="14:14">
      <c r="N897013" s="10"/>
    </row>
    <row r="897014" spans="14:14">
      <c r="N897014" s="10"/>
    </row>
    <row r="897015" spans="14:14">
      <c r="N897015" s="10"/>
    </row>
    <row r="897016" spans="14:14">
      <c r="N897016" s="10"/>
    </row>
    <row r="897017" spans="14:14">
      <c r="N897017" s="10"/>
    </row>
    <row r="897018" spans="14:14">
      <c r="N897018" s="10"/>
    </row>
    <row r="897019" spans="14:14">
      <c r="N897019" s="10"/>
    </row>
    <row r="897020" spans="14:14">
      <c r="N897020" s="10"/>
    </row>
    <row r="897021" spans="14:14">
      <c r="N897021" s="10"/>
    </row>
    <row r="897022" spans="14:14">
      <c r="N897022" s="10"/>
    </row>
    <row r="897023" spans="14:14">
      <c r="N897023" s="10"/>
    </row>
    <row r="897024" spans="14:14">
      <c r="N897024" s="10"/>
    </row>
    <row r="897025" spans="14:14">
      <c r="N897025" s="10"/>
    </row>
    <row r="897026" spans="14:14">
      <c r="N897026" s="10"/>
    </row>
    <row r="897027" spans="14:14">
      <c r="N897027" s="10"/>
    </row>
    <row r="897028" spans="14:14">
      <c r="N897028" s="10"/>
    </row>
    <row r="897029" spans="14:14">
      <c r="N897029" s="10"/>
    </row>
    <row r="897030" spans="14:14">
      <c r="N897030" s="10"/>
    </row>
    <row r="897031" spans="14:14">
      <c r="N897031" s="10"/>
    </row>
    <row r="897032" spans="14:14">
      <c r="N897032" s="10"/>
    </row>
    <row r="897033" spans="14:14">
      <c r="N897033" s="10"/>
    </row>
    <row r="897034" spans="14:14">
      <c r="N897034" s="10"/>
    </row>
    <row r="897035" spans="14:14">
      <c r="N897035" s="10"/>
    </row>
    <row r="897036" spans="14:14">
      <c r="N897036" s="10"/>
    </row>
    <row r="897037" spans="14:14">
      <c r="N897037" s="10"/>
    </row>
    <row r="897038" spans="14:14">
      <c r="N897038" s="10"/>
    </row>
    <row r="897039" spans="14:14">
      <c r="N897039" s="10"/>
    </row>
    <row r="897040" spans="14:14">
      <c r="N897040" s="10"/>
    </row>
    <row r="897041" spans="14:14">
      <c r="N897041" s="10"/>
    </row>
    <row r="897042" spans="14:14">
      <c r="N897042" s="10"/>
    </row>
    <row r="897043" spans="14:14">
      <c r="N897043" s="10"/>
    </row>
    <row r="897044" spans="14:14">
      <c r="N897044" s="10"/>
    </row>
    <row r="897045" spans="14:14">
      <c r="N897045" s="10"/>
    </row>
    <row r="897046" spans="14:14">
      <c r="N897046" s="10"/>
    </row>
    <row r="897047" spans="14:14">
      <c r="N897047" s="10"/>
    </row>
    <row r="897048" spans="14:14">
      <c r="N897048" s="10"/>
    </row>
    <row r="897049" spans="14:14">
      <c r="N897049" s="10"/>
    </row>
    <row r="897050" spans="14:14">
      <c r="N897050" s="10"/>
    </row>
    <row r="897051" spans="14:14">
      <c r="N897051" s="10"/>
    </row>
    <row r="897052" spans="14:14">
      <c r="N897052" s="10"/>
    </row>
    <row r="897053" spans="14:14">
      <c r="N897053" s="10"/>
    </row>
    <row r="897054" spans="14:14">
      <c r="N897054" s="10"/>
    </row>
    <row r="897055" spans="14:14">
      <c r="N897055" s="10"/>
    </row>
    <row r="897056" spans="14:14">
      <c r="N897056" s="10"/>
    </row>
    <row r="897057" spans="14:14">
      <c r="N897057" s="10"/>
    </row>
    <row r="897058" spans="14:14">
      <c r="N897058" s="10"/>
    </row>
    <row r="897059" spans="14:14">
      <c r="N897059" s="10"/>
    </row>
    <row r="897060" spans="14:14">
      <c r="N897060" s="10"/>
    </row>
    <row r="897061" spans="14:14">
      <c r="N897061" s="10"/>
    </row>
    <row r="897062" spans="14:14">
      <c r="N897062" s="10"/>
    </row>
    <row r="897063" spans="14:14">
      <c r="N897063" s="10"/>
    </row>
    <row r="897064" spans="14:14">
      <c r="N897064" s="10"/>
    </row>
    <row r="897065" spans="14:14">
      <c r="N897065" s="10"/>
    </row>
    <row r="897066" spans="14:14">
      <c r="N897066" s="10"/>
    </row>
    <row r="897067" spans="14:14">
      <c r="N897067" s="10"/>
    </row>
    <row r="897068" spans="14:14">
      <c r="N897068" s="10"/>
    </row>
    <row r="897069" spans="14:14">
      <c r="N897069" s="10"/>
    </row>
    <row r="897070" spans="14:14">
      <c r="N897070" s="10"/>
    </row>
    <row r="897071" spans="14:14">
      <c r="N897071" s="10"/>
    </row>
    <row r="897072" spans="14:14">
      <c r="N897072" s="10"/>
    </row>
    <row r="897073" spans="14:14">
      <c r="N897073" s="10"/>
    </row>
    <row r="897074" spans="14:14">
      <c r="N897074" s="10"/>
    </row>
    <row r="897075" spans="14:14">
      <c r="N897075" s="10"/>
    </row>
    <row r="897076" spans="14:14">
      <c r="N897076" s="10"/>
    </row>
    <row r="897077" spans="14:14">
      <c r="N897077" s="10"/>
    </row>
    <row r="897078" spans="14:14">
      <c r="N897078" s="10"/>
    </row>
    <row r="897079" spans="14:14">
      <c r="N897079" s="10"/>
    </row>
    <row r="897080" spans="14:14">
      <c r="N897080" s="10"/>
    </row>
    <row r="897081" spans="14:14">
      <c r="N897081" s="10"/>
    </row>
    <row r="897082" spans="14:14">
      <c r="N897082" s="10"/>
    </row>
    <row r="897083" spans="14:14">
      <c r="N897083" s="10"/>
    </row>
    <row r="897084" spans="14:14">
      <c r="N897084" s="10"/>
    </row>
    <row r="897085" spans="14:14">
      <c r="N897085" s="10"/>
    </row>
    <row r="897086" spans="14:14">
      <c r="N897086" s="10"/>
    </row>
    <row r="897087" spans="14:14">
      <c r="N897087" s="10"/>
    </row>
    <row r="897088" spans="14:14">
      <c r="N897088" s="10"/>
    </row>
    <row r="897089" spans="14:14">
      <c r="N897089" s="10"/>
    </row>
    <row r="897090" spans="14:14">
      <c r="N897090" s="10"/>
    </row>
    <row r="897091" spans="14:14">
      <c r="N897091" s="10"/>
    </row>
    <row r="897092" spans="14:14">
      <c r="N897092" s="10"/>
    </row>
    <row r="897093" spans="14:14">
      <c r="N897093" s="10"/>
    </row>
    <row r="897094" spans="14:14">
      <c r="N897094" s="10"/>
    </row>
    <row r="897095" spans="14:14">
      <c r="N897095" s="10"/>
    </row>
    <row r="897096" spans="14:14">
      <c r="N897096" s="10"/>
    </row>
    <row r="897097" spans="14:14">
      <c r="N897097" s="10"/>
    </row>
    <row r="897098" spans="14:14">
      <c r="N897098" s="10"/>
    </row>
    <row r="897099" spans="14:14">
      <c r="N897099" s="10"/>
    </row>
    <row r="897100" spans="14:14">
      <c r="N897100" s="10"/>
    </row>
    <row r="897101" spans="14:14">
      <c r="N897101" s="10"/>
    </row>
    <row r="897102" spans="14:14">
      <c r="N897102" s="10"/>
    </row>
    <row r="897103" spans="14:14">
      <c r="N897103" s="10"/>
    </row>
    <row r="897104" spans="14:14">
      <c r="N897104" s="10"/>
    </row>
    <row r="897105" spans="14:14">
      <c r="N897105" s="10"/>
    </row>
    <row r="897106" spans="14:14">
      <c r="N897106" s="10"/>
    </row>
    <row r="897107" spans="14:14">
      <c r="N897107" s="10"/>
    </row>
    <row r="897108" spans="14:14">
      <c r="N897108" s="10"/>
    </row>
    <row r="897109" spans="14:14">
      <c r="N897109" s="10"/>
    </row>
    <row r="897110" spans="14:14">
      <c r="N897110" s="10"/>
    </row>
    <row r="897111" spans="14:14">
      <c r="N897111" s="10"/>
    </row>
    <row r="897112" spans="14:14">
      <c r="N897112" s="10"/>
    </row>
    <row r="897113" spans="14:14">
      <c r="N897113" s="10"/>
    </row>
    <row r="897114" spans="14:14">
      <c r="N897114" s="10"/>
    </row>
    <row r="897115" spans="14:14">
      <c r="N897115" s="10"/>
    </row>
    <row r="897116" spans="14:14">
      <c r="N897116" s="10"/>
    </row>
    <row r="897117" spans="14:14">
      <c r="N897117" s="10"/>
    </row>
    <row r="897118" spans="14:14">
      <c r="N897118" s="10"/>
    </row>
    <row r="897119" spans="14:14">
      <c r="N897119" s="10"/>
    </row>
    <row r="897120" spans="14:14">
      <c r="N897120" s="10"/>
    </row>
    <row r="897121" spans="14:14">
      <c r="N897121" s="10"/>
    </row>
    <row r="897122" spans="14:14">
      <c r="N897122" s="10"/>
    </row>
    <row r="897123" spans="14:14">
      <c r="N897123" s="10"/>
    </row>
    <row r="897124" spans="14:14">
      <c r="N897124" s="10"/>
    </row>
    <row r="897125" spans="14:14">
      <c r="N897125" s="10"/>
    </row>
    <row r="897126" spans="14:14">
      <c r="N897126" s="10"/>
    </row>
    <row r="897127" spans="14:14">
      <c r="N897127" s="10"/>
    </row>
    <row r="897128" spans="14:14">
      <c r="N897128" s="10"/>
    </row>
    <row r="897129" spans="14:14">
      <c r="N897129" s="10"/>
    </row>
    <row r="897130" spans="14:14">
      <c r="N897130" s="10"/>
    </row>
    <row r="897131" spans="14:14">
      <c r="N897131" s="10"/>
    </row>
    <row r="897132" spans="14:14">
      <c r="N897132" s="10"/>
    </row>
    <row r="897133" spans="14:14">
      <c r="N897133" s="10"/>
    </row>
    <row r="897134" spans="14:14">
      <c r="N897134" s="10"/>
    </row>
    <row r="897135" spans="14:14">
      <c r="N897135" s="10"/>
    </row>
    <row r="897136" spans="14:14">
      <c r="N897136" s="10"/>
    </row>
    <row r="897137" spans="14:14">
      <c r="N897137" s="10"/>
    </row>
    <row r="897138" spans="14:14">
      <c r="N897138" s="10"/>
    </row>
    <row r="897139" spans="14:14">
      <c r="N897139" s="10"/>
    </row>
    <row r="897140" spans="14:14">
      <c r="N897140" s="10"/>
    </row>
    <row r="897141" spans="14:14">
      <c r="N897141" s="10"/>
    </row>
    <row r="897142" spans="14:14">
      <c r="N897142" s="10"/>
    </row>
    <row r="897143" spans="14:14">
      <c r="N897143" s="10"/>
    </row>
    <row r="897144" spans="14:14">
      <c r="N897144" s="10"/>
    </row>
    <row r="897145" spans="14:14">
      <c r="N897145" s="10"/>
    </row>
    <row r="897146" spans="14:14">
      <c r="N897146" s="10"/>
    </row>
    <row r="897147" spans="14:14">
      <c r="N897147" s="10"/>
    </row>
    <row r="897148" spans="14:14">
      <c r="N897148" s="10"/>
    </row>
    <row r="897149" spans="14:14">
      <c r="N897149" s="10"/>
    </row>
    <row r="897150" spans="14:14">
      <c r="N897150" s="10"/>
    </row>
    <row r="897151" spans="14:14">
      <c r="N897151" s="10"/>
    </row>
    <row r="897152" spans="14:14">
      <c r="N897152" s="10"/>
    </row>
    <row r="897153" spans="14:14">
      <c r="N897153" s="10"/>
    </row>
    <row r="897154" spans="14:14">
      <c r="N897154" s="10"/>
    </row>
    <row r="897155" spans="14:14">
      <c r="N897155" s="10"/>
    </row>
    <row r="897156" spans="14:14">
      <c r="N897156" s="10"/>
    </row>
    <row r="897157" spans="14:14">
      <c r="N897157" s="10"/>
    </row>
    <row r="897158" spans="14:14">
      <c r="N897158" s="10"/>
    </row>
    <row r="897159" spans="14:14">
      <c r="N897159" s="10"/>
    </row>
    <row r="897160" spans="14:14">
      <c r="N897160" s="10"/>
    </row>
    <row r="897161" spans="14:14">
      <c r="N897161" s="10"/>
    </row>
    <row r="897162" spans="14:14">
      <c r="N897162" s="10"/>
    </row>
    <row r="897163" spans="14:14">
      <c r="N897163" s="10"/>
    </row>
    <row r="897164" spans="14:14">
      <c r="N897164" s="10"/>
    </row>
    <row r="897165" spans="14:14">
      <c r="N897165" s="10"/>
    </row>
    <row r="897166" spans="14:14">
      <c r="N897166" s="10"/>
    </row>
    <row r="897167" spans="14:14">
      <c r="N897167" s="10"/>
    </row>
    <row r="897168" spans="14:14">
      <c r="N897168" s="10"/>
    </row>
    <row r="897169" spans="14:14">
      <c r="N897169" s="10"/>
    </row>
    <row r="897170" spans="14:14">
      <c r="N897170" s="10"/>
    </row>
    <row r="897171" spans="14:14">
      <c r="N897171" s="10"/>
    </row>
    <row r="897172" spans="14:14">
      <c r="N897172" s="10"/>
    </row>
    <row r="897173" spans="14:14">
      <c r="N897173" s="10"/>
    </row>
    <row r="897174" spans="14:14">
      <c r="N897174" s="10"/>
    </row>
    <row r="897175" spans="14:14">
      <c r="N897175" s="10"/>
    </row>
    <row r="897176" spans="14:14">
      <c r="N897176" s="10"/>
    </row>
    <row r="897177" spans="14:14">
      <c r="N897177" s="10"/>
    </row>
    <row r="897178" spans="14:14">
      <c r="N897178" s="10"/>
    </row>
    <row r="897179" spans="14:14">
      <c r="N897179" s="10"/>
    </row>
    <row r="897180" spans="14:14">
      <c r="N897180" s="10"/>
    </row>
    <row r="897181" spans="14:14">
      <c r="N897181" s="10"/>
    </row>
    <row r="897182" spans="14:14">
      <c r="N897182" s="10"/>
    </row>
    <row r="897183" spans="14:14">
      <c r="N897183" s="10"/>
    </row>
    <row r="897184" spans="14:14">
      <c r="N897184" s="10"/>
    </row>
    <row r="897185" spans="14:14">
      <c r="N897185" s="10"/>
    </row>
    <row r="897186" spans="14:14">
      <c r="N897186" s="10"/>
    </row>
    <row r="897187" spans="14:14">
      <c r="N897187" s="10"/>
    </row>
    <row r="897188" spans="14:14">
      <c r="N897188" s="10"/>
    </row>
    <row r="897189" spans="14:14">
      <c r="N897189" s="10"/>
    </row>
    <row r="897190" spans="14:14">
      <c r="N897190" s="10"/>
    </row>
    <row r="897191" spans="14:14">
      <c r="N897191" s="10"/>
    </row>
    <row r="897192" spans="14:14">
      <c r="N897192" s="10"/>
    </row>
    <row r="897193" spans="14:14">
      <c r="N897193" s="10"/>
    </row>
    <row r="897194" spans="14:14">
      <c r="N897194" s="10"/>
    </row>
    <row r="897195" spans="14:14">
      <c r="N897195" s="10"/>
    </row>
    <row r="897196" spans="14:14">
      <c r="N897196" s="10"/>
    </row>
    <row r="897197" spans="14:14">
      <c r="N897197" s="10"/>
    </row>
    <row r="897198" spans="14:14">
      <c r="N897198" s="10"/>
    </row>
    <row r="897199" spans="14:14">
      <c r="N897199" s="10"/>
    </row>
    <row r="897200" spans="14:14">
      <c r="N897200" s="10"/>
    </row>
    <row r="897201" spans="14:14">
      <c r="N897201" s="10"/>
    </row>
    <row r="897202" spans="14:14">
      <c r="N897202" s="10"/>
    </row>
    <row r="897203" spans="14:14">
      <c r="N897203" s="10"/>
    </row>
    <row r="897204" spans="14:14">
      <c r="N897204" s="10"/>
    </row>
    <row r="897205" spans="14:14">
      <c r="N897205" s="10"/>
    </row>
    <row r="897206" spans="14:14">
      <c r="N897206" s="10"/>
    </row>
    <row r="897207" spans="14:14">
      <c r="N897207" s="10"/>
    </row>
    <row r="897208" spans="14:14">
      <c r="N897208" s="10"/>
    </row>
    <row r="897209" spans="14:14">
      <c r="N897209" s="10"/>
    </row>
    <row r="897210" spans="14:14">
      <c r="N897210" s="10"/>
    </row>
    <row r="897211" spans="14:14">
      <c r="N897211" s="10"/>
    </row>
    <row r="897212" spans="14:14">
      <c r="N897212" s="10"/>
    </row>
    <row r="897213" spans="14:14">
      <c r="N897213" s="10"/>
    </row>
    <row r="897214" spans="14:14">
      <c r="N897214" s="10"/>
    </row>
    <row r="897215" spans="14:14">
      <c r="N897215" s="10"/>
    </row>
    <row r="897216" spans="14:14">
      <c r="N897216" s="10"/>
    </row>
    <row r="897217" spans="14:14">
      <c r="N897217" s="10"/>
    </row>
    <row r="897218" spans="14:14">
      <c r="N897218" s="10"/>
    </row>
    <row r="897219" spans="14:14">
      <c r="N897219" s="10"/>
    </row>
    <row r="897220" spans="14:14">
      <c r="N897220" s="10"/>
    </row>
    <row r="897221" spans="14:14">
      <c r="N897221" s="10"/>
    </row>
    <row r="897222" spans="14:14">
      <c r="N897222" s="10"/>
    </row>
    <row r="897223" spans="14:14">
      <c r="N897223" s="10"/>
    </row>
    <row r="897224" spans="14:14">
      <c r="N897224" s="10"/>
    </row>
    <row r="897225" spans="14:14">
      <c r="N897225" s="10"/>
    </row>
    <row r="897226" spans="14:14">
      <c r="N897226" s="10"/>
    </row>
    <row r="897227" spans="14:14">
      <c r="N897227" s="10"/>
    </row>
    <row r="897228" spans="14:14">
      <c r="N897228" s="10"/>
    </row>
    <row r="897229" spans="14:14">
      <c r="N897229" s="10"/>
    </row>
    <row r="897230" spans="14:14">
      <c r="N897230" s="10"/>
    </row>
    <row r="897231" spans="14:14">
      <c r="N897231" s="10"/>
    </row>
    <row r="897232" spans="14:14">
      <c r="N897232" s="10"/>
    </row>
    <row r="897233" spans="14:14">
      <c r="N897233" s="10"/>
    </row>
    <row r="897234" spans="14:14">
      <c r="N897234" s="10"/>
    </row>
    <row r="897235" spans="14:14">
      <c r="N897235" s="10"/>
    </row>
    <row r="897236" spans="14:14">
      <c r="N897236" s="10"/>
    </row>
    <row r="897237" spans="14:14">
      <c r="N897237" s="10"/>
    </row>
    <row r="897238" spans="14:14">
      <c r="N897238" s="10"/>
    </row>
    <row r="897239" spans="14:14">
      <c r="N897239" s="10"/>
    </row>
    <row r="897240" spans="14:14">
      <c r="N897240" s="10"/>
    </row>
    <row r="897241" spans="14:14">
      <c r="N897241" s="10"/>
    </row>
    <row r="897242" spans="14:14">
      <c r="N897242" s="10"/>
    </row>
    <row r="897243" spans="14:14">
      <c r="N897243" s="10"/>
    </row>
    <row r="897244" spans="14:14">
      <c r="N897244" s="10"/>
    </row>
    <row r="897245" spans="14:14">
      <c r="N897245" s="10"/>
    </row>
    <row r="897246" spans="14:14">
      <c r="N897246" s="10"/>
    </row>
    <row r="897247" spans="14:14">
      <c r="N897247" s="10"/>
    </row>
    <row r="897248" spans="14:14">
      <c r="N897248" s="10"/>
    </row>
    <row r="897249" spans="14:14">
      <c r="N897249" s="10"/>
    </row>
    <row r="897250" spans="14:14">
      <c r="N897250" s="10"/>
    </row>
    <row r="897251" spans="14:14">
      <c r="N897251" s="10"/>
    </row>
    <row r="897252" spans="14:14">
      <c r="N897252" s="10"/>
    </row>
    <row r="897253" spans="14:14">
      <c r="N897253" s="10"/>
    </row>
    <row r="897254" spans="14:14">
      <c r="N897254" s="10"/>
    </row>
    <row r="897255" spans="14:14">
      <c r="N897255" s="10"/>
    </row>
    <row r="897256" spans="14:14">
      <c r="N897256" s="10"/>
    </row>
    <row r="897257" spans="14:14">
      <c r="N897257" s="10"/>
    </row>
    <row r="897258" spans="14:14">
      <c r="N897258" s="10"/>
    </row>
    <row r="897259" spans="14:14">
      <c r="N897259" s="10"/>
    </row>
    <row r="897260" spans="14:14">
      <c r="N897260" s="10"/>
    </row>
    <row r="897261" spans="14:14">
      <c r="N897261" s="10"/>
    </row>
    <row r="897262" spans="14:14">
      <c r="N897262" s="10"/>
    </row>
    <row r="897263" spans="14:14">
      <c r="N897263" s="10"/>
    </row>
    <row r="897264" spans="14:14">
      <c r="N897264" s="10"/>
    </row>
    <row r="897265" spans="14:14">
      <c r="N897265" s="10"/>
    </row>
    <row r="897266" spans="14:14">
      <c r="N897266" s="10"/>
    </row>
    <row r="897267" spans="14:14">
      <c r="N897267" s="10"/>
    </row>
    <row r="897268" spans="14:14">
      <c r="N897268" s="10"/>
    </row>
    <row r="897269" spans="14:14">
      <c r="N897269" s="10"/>
    </row>
    <row r="897270" spans="14:14">
      <c r="N897270" s="10"/>
    </row>
    <row r="897271" spans="14:14">
      <c r="N897271" s="10"/>
    </row>
    <row r="897272" spans="14:14">
      <c r="N897272" s="10"/>
    </row>
    <row r="897273" spans="14:14">
      <c r="N897273" s="10"/>
    </row>
    <row r="897274" spans="14:14">
      <c r="N897274" s="10"/>
    </row>
    <row r="897275" spans="14:14">
      <c r="N897275" s="10"/>
    </row>
    <row r="897276" spans="14:14">
      <c r="N897276" s="10"/>
    </row>
    <row r="897277" spans="14:14">
      <c r="N897277" s="10"/>
    </row>
    <row r="897278" spans="14:14">
      <c r="N897278" s="10"/>
    </row>
    <row r="897279" spans="14:14">
      <c r="N897279" s="10"/>
    </row>
    <row r="897280" spans="14:14">
      <c r="N897280" s="10"/>
    </row>
    <row r="897281" spans="14:14">
      <c r="N897281" s="10"/>
    </row>
    <row r="897282" spans="14:14">
      <c r="N897282" s="10"/>
    </row>
    <row r="897283" spans="14:14">
      <c r="N897283" s="10"/>
    </row>
    <row r="897284" spans="14:14">
      <c r="N897284" s="10"/>
    </row>
    <row r="897285" spans="14:14">
      <c r="N897285" s="10"/>
    </row>
    <row r="897286" spans="14:14">
      <c r="N897286" s="10"/>
    </row>
    <row r="897287" spans="14:14">
      <c r="N897287" s="10"/>
    </row>
    <row r="897288" spans="14:14">
      <c r="N897288" s="10"/>
    </row>
    <row r="897289" spans="14:14">
      <c r="N897289" s="10"/>
    </row>
    <row r="897290" spans="14:14">
      <c r="N897290" s="10"/>
    </row>
    <row r="897291" spans="14:14">
      <c r="N897291" s="10"/>
    </row>
    <row r="897292" spans="14:14">
      <c r="N897292" s="10"/>
    </row>
    <row r="897293" spans="14:14">
      <c r="N897293" s="10"/>
    </row>
    <row r="897294" spans="14:14">
      <c r="N897294" s="10"/>
    </row>
    <row r="897295" spans="14:14">
      <c r="N897295" s="10"/>
    </row>
    <row r="897296" spans="14:14">
      <c r="N897296" s="10"/>
    </row>
    <row r="897297" spans="14:14">
      <c r="N897297" s="10"/>
    </row>
    <row r="897298" spans="14:14">
      <c r="N897298" s="10"/>
    </row>
    <row r="897299" spans="14:14">
      <c r="N897299" s="10"/>
    </row>
    <row r="897300" spans="14:14">
      <c r="N897300" s="10"/>
    </row>
    <row r="897301" spans="14:14">
      <c r="N897301" s="10"/>
    </row>
    <row r="897302" spans="14:14">
      <c r="N897302" s="10"/>
    </row>
    <row r="897303" spans="14:14">
      <c r="N897303" s="10"/>
    </row>
    <row r="897304" spans="14:14">
      <c r="N897304" s="10"/>
    </row>
    <row r="897305" spans="14:14">
      <c r="N897305" s="10"/>
    </row>
    <row r="897306" spans="14:14">
      <c r="N897306" s="10"/>
    </row>
    <row r="897307" spans="14:14">
      <c r="N897307" s="10"/>
    </row>
    <row r="897308" spans="14:14">
      <c r="N897308" s="10"/>
    </row>
    <row r="897309" spans="14:14">
      <c r="N897309" s="10"/>
    </row>
    <row r="897310" spans="14:14">
      <c r="N897310" s="10"/>
    </row>
    <row r="897311" spans="14:14">
      <c r="N897311" s="10"/>
    </row>
    <row r="897312" spans="14:14">
      <c r="N897312" s="10"/>
    </row>
    <row r="897313" spans="14:14">
      <c r="N897313" s="10"/>
    </row>
    <row r="897314" spans="14:14">
      <c r="N897314" s="10"/>
    </row>
    <row r="897315" spans="14:14">
      <c r="N897315" s="10"/>
    </row>
    <row r="897316" spans="14:14">
      <c r="N897316" s="10"/>
    </row>
    <row r="897317" spans="14:14">
      <c r="N897317" s="10"/>
    </row>
    <row r="897318" spans="14:14">
      <c r="N897318" s="10"/>
    </row>
    <row r="897319" spans="14:14">
      <c r="N897319" s="10"/>
    </row>
    <row r="897320" spans="14:14">
      <c r="N897320" s="10"/>
    </row>
    <row r="897321" spans="14:14">
      <c r="N897321" s="10"/>
    </row>
    <row r="897322" spans="14:14">
      <c r="N897322" s="10"/>
    </row>
    <row r="897323" spans="14:14">
      <c r="N897323" s="10"/>
    </row>
    <row r="897324" spans="14:14">
      <c r="N897324" s="10"/>
    </row>
    <row r="897325" spans="14:14">
      <c r="N897325" s="10"/>
    </row>
    <row r="897326" spans="14:14">
      <c r="N897326" s="10"/>
    </row>
    <row r="897327" spans="14:14">
      <c r="N897327" s="10"/>
    </row>
    <row r="897328" spans="14:14">
      <c r="N897328" s="10"/>
    </row>
    <row r="897329" spans="14:14">
      <c r="N897329" s="10"/>
    </row>
    <row r="897330" spans="14:14">
      <c r="N897330" s="10"/>
    </row>
    <row r="897331" spans="14:14">
      <c r="N897331" s="10"/>
    </row>
    <row r="897332" spans="14:14">
      <c r="N897332" s="10"/>
    </row>
    <row r="897333" spans="14:14">
      <c r="N897333" s="10"/>
    </row>
    <row r="897334" spans="14:14">
      <c r="N897334" s="10"/>
    </row>
    <row r="897335" spans="14:14">
      <c r="N897335" s="10"/>
    </row>
    <row r="897336" spans="14:14">
      <c r="N897336" s="10"/>
    </row>
    <row r="897337" spans="14:14">
      <c r="N897337" s="10"/>
    </row>
    <row r="897338" spans="14:14">
      <c r="N897338" s="10"/>
    </row>
    <row r="897339" spans="14:14">
      <c r="N897339" s="10"/>
    </row>
    <row r="897340" spans="14:14">
      <c r="N897340" s="10"/>
    </row>
    <row r="897341" spans="14:14">
      <c r="N897341" s="10"/>
    </row>
    <row r="897342" spans="14:14">
      <c r="N897342" s="10"/>
    </row>
    <row r="897343" spans="14:14">
      <c r="N897343" s="10"/>
    </row>
    <row r="897344" spans="14:14">
      <c r="N897344" s="10"/>
    </row>
    <row r="897345" spans="14:14">
      <c r="N897345" s="10"/>
    </row>
    <row r="897346" spans="14:14">
      <c r="N897346" s="10"/>
    </row>
    <row r="897347" spans="14:14">
      <c r="N897347" s="10"/>
    </row>
    <row r="897348" spans="14:14">
      <c r="N897348" s="10"/>
    </row>
    <row r="897349" spans="14:14">
      <c r="N897349" s="10"/>
    </row>
    <row r="897350" spans="14:14">
      <c r="N897350" s="10"/>
    </row>
    <row r="897351" spans="14:14">
      <c r="N897351" s="10"/>
    </row>
    <row r="897352" spans="14:14">
      <c r="N897352" s="10"/>
    </row>
    <row r="897353" spans="14:14">
      <c r="N897353" s="10"/>
    </row>
    <row r="897354" spans="14:14">
      <c r="N897354" s="10"/>
    </row>
    <row r="897355" spans="14:14">
      <c r="N897355" s="10"/>
    </row>
    <row r="897356" spans="14:14">
      <c r="N897356" s="10"/>
    </row>
    <row r="897357" spans="14:14">
      <c r="N897357" s="10"/>
    </row>
    <row r="897358" spans="14:14">
      <c r="N897358" s="10"/>
    </row>
    <row r="897359" spans="14:14">
      <c r="N897359" s="10"/>
    </row>
    <row r="897360" spans="14:14">
      <c r="N897360" s="10"/>
    </row>
    <row r="897361" spans="14:14">
      <c r="N897361" s="10"/>
    </row>
    <row r="897362" spans="14:14">
      <c r="N897362" s="10"/>
    </row>
    <row r="897363" spans="14:14">
      <c r="N897363" s="10"/>
    </row>
    <row r="897364" spans="14:14">
      <c r="N897364" s="10"/>
    </row>
    <row r="897365" spans="14:14">
      <c r="N897365" s="10"/>
    </row>
    <row r="897366" spans="14:14">
      <c r="N897366" s="10"/>
    </row>
    <row r="897367" spans="14:14">
      <c r="N897367" s="10"/>
    </row>
    <row r="897368" spans="14:14">
      <c r="N897368" s="10"/>
    </row>
    <row r="897369" spans="14:14">
      <c r="N897369" s="10"/>
    </row>
    <row r="897370" spans="14:14">
      <c r="N897370" s="10"/>
    </row>
    <row r="897371" spans="14:14">
      <c r="N897371" s="10"/>
    </row>
    <row r="897372" spans="14:14">
      <c r="N897372" s="10"/>
    </row>
    <row r="897373" spans="14:14">
      <c r="N897373" s="10"/>
    </row>
    <row r="897374" spans="14:14">
      <c r="N897374" s="10"/>
    </row>
    <row r="897375" spans="14:14">
      <c r="N897375" s="10"/>
    </row>
    <row r="897376" spans="14:14">
      <c r="N897376" s="10"/>
    </row>
    <row r="897377" spans="14:14">
      <c r="N897377" s="10"/>
    </row>
    <row r="897378" spans="14:14">
      <c r="N897378" s="10"/>
    </row>
    <row r="897379" spans="14:14">
      <c r="N897379" s="10"/>
    </row>
    <row r="897380" spans="14:14">
      <c r="N897380" s="10"/>
    </row>
    <row r="897381" spans="14:14">
      <c r="N897381" s="10"/>
    </row>
    <row r="897382" spans="14:14">
      <c r="N897382" s="10"/>
    </row>
    <row r="897383" spans="14:14">
      <c r="N897383" s="10"/>
    </row>
    <row r="897384" spans="14:14">
      <c r="N897384" s="10"/>
    </row>
    <row r="897385" spans="14:14">
      <c r="N897385" s="10"/>
    </row>
    <row r="897386" spans="14:14">
      <c r="N897386" s="10"/>
    </row>
    <row r="897387" spans="14:14">
      <c r="N897387" s="10"/>
    </row>
    <row r="897388" spans="14:14">
      <c r="N897388" s="10"/>
    </row>
    <row r="897389" spans="14:14">
      <c r="N897389" s="10"/>
    </row>
    <row r="897390" spans="14:14">
      <c r="N897390" s="10"/>
    </row>
    <row r="897391" spans="14:14">
      <c r="N897391" s="10"/>
    </row>
    <row r="897392" spans="14:14">
      <c r="N897392" s="10"/>
    </row>
    <row r="897393" spans="14:14">
      <c r="N897393" s="10"/>
    </row>
    <row r="897394" spans="14:14">
      <c r="N897394" s="10"/>
    </row>
    <row r="897395" spans="14:14">
      <c r="N897395" s="10"/>
    </row>
    <row r="897396" spans="14:14">
      <c r="N897396" s="10"/>
    </row>
    <row r="897397" spans="14:14">
      <c r="N897397" s="10"/>
    </row>
    <row r="897398" spans="14:14">
      <c r="N897398" s="10"/>
    </row>
    <row r="897399" spans="14:14">
      <c r="N897399" s="10"/>
    </row>
    <row r="897400" spans="14:14">
      <c r="N897400" s="10"/>
    </row>
    <row r="897401" spans="14:14">
      <c r="N897401" s="10"/>
    </row>
    <row r="897402" spans="14:14">
      <c r="N897402" s="10"/>
    </row>
    <row r="897403" spans="14:14">
      <c r="N897403" s="10"/>
    </row>
    <row r="897404" spans="14:14">
      <c r="N897404" s="10"/>
    </row>
    <row r="897405" spans="14:14">
      <c r="N897405" s="10"/>
    </row>
    <row r="897406" spans="14:14">
      <c r="N897406" s="10"/>
    </row>
    <row r="897407" spans="14:14">
      <c r="N897407" s="10"/>
    </row>
    <row r="897408" spans="14:14">
      <c r="N897408" s="10"/>
    </row>
    <row r="897409" spans="14:14">
      <c r="N897409" s="10"/>
    </row>
    <row r="897410" spans="14:14">
      <c r="N897410" s="10"/>
    </row>
    <row r="897411" spans="14:14">
      <c r="N897411" s="10"/>
    </row>
    <row r="897412" spans="14:14">
      <c r="N897412" s="10"/>
    </row>
    <row r="897413" spans="14:14">
      <c r="N897413" s="10"/>
    </row>
    <row r="897414" spans="14:14">
      <c r="N897414" s="10"/>
    </row>
    <row r="897415" spans="14:14">
      <c r="N897415" s="10"/>
    </row>
    <row r="897416" spans="14:14">
      <c r="N897416" s="10"/>
    </row>
    <row r="897417" spans="14:14">
      <c r="N897417" s="10"/>
    </row>
    <row r="897418" spans="14:14">
      <c r="N897418" s="10"/>
    </row>
    <row r="897419" spans="14:14">
      <c r="N897419" s="10"/>
    </row>
    <row r="897420" spans="14:14">
      <c r="N897420" s="10"/>
    </row>
    <row r="897421" spans="14:14">
      <c r="N897421" s="10"/>
    </row>
    <row r="897422" spans="14:14">
      <c r="N897422" s="10"/>
    </row>
    <row r="897423" spans="14:14">
      <c r="N897423" s="10"/>
    </row>
    <row r="897424" spans="14:14">
      <c r="N897424" s="10"/>
    </row>
    <row r="897425" spans="14:14">
      <c r="N897425" s="10"/>
    </row>
    <row r="897426" spans="14:14">
      <c r="N897426" s="10"/>
    </row>
    <row r="897427" spans="14:14">
      <c r="N897427" s="10"/>
    </row>
    <row r="897428" spans="14:14">
      <c r="N897428" s="10"/>
    </row>
    <row r="897429" spans="14:14">
      <c r="N897429" s="10"/>
    </row>
    <row r="897430" spans="14:14">
      <c r="N897430" s="10"/>
    </row>
    <row r="897431" spans="14:14">
      <c r="N897431" s="10"/>
    </row>
    <row r="897432" spans="14:14">
      <c r="N897432" s="10"/>
    </row>
    <row r="897433" spans="14:14">
      <c r="N897433" s="10"/>
    </row>
    <row r="897434" spans="14:14">
      <c r="N897434" s="10"/>
    </row>
    <row r="897435" spans="14:14">
      <c r="N897435" s="10"/>
    </row>
    <row r="897436" spans="14:14">
      <c r="N897436" s="10"/>
    </row>
    <row r="897437" spans="14:14">
      <c r="N897437" s="10"/>
    </row>
    <row r="897438" spans="14:14">
      <c r="N897438" s="10"/>
    </row>
    <row r="897439" spans="14:14">
      <c r="N897439" s="10"/>
    </row>
    <row r="897440" spans="14:14">
      <c r="N897440" s="10"/>
    </row>
    <row r="897441" spans="14:14">
      <c r="N897441" s="10"/>
    </row>
    <row r="897442" spans="14:14">
      <c r="N897442" s="10"/>
    </row>
    <row r="897443" spans="14:14">
      <c r="N897443" s="10"/>
    </row>
    <row r="897444" spans="14:14">
      <c r="N897444" s="10"/>
    </row>
    <row r="897445" spans="14:14">
      <c r="N897445" s="10"/>
    </row>
    <row r="897446" spans="14:14">
      <c r="N897446" s="10"/>
    </row>
    <row r="897447" spans="14:14">
      <c r="N897447" s="10"/>
    </row>
    <row r="897448" spans="14:14">
      <c r="N897448" s="10"/>
    </row>
    <row r="897449" spans="14:14">
      <c r="N897449" s="10"/>
    </row>
    <row r="897450" spans="14:14">
      <c r="N897450" s="10"/>
    </row>
    <row r="897451" spans="14:14">
      <c r="N897451" s="10"/>
    </row>
    <row r="897452" spans="14:14">
      <c r="N897452" s="10"/>
    </row>
    <row r="897453" spans="14:14">
      <c r="N897453" s="10"/>
    </row>
    <row r="897454" spans="14:14">
      <c r="N897454" s="10"/>
    </row>
    <row r="897455" spans="14:14">
      <c r="N897455" s="10"/>
    </row>
    <row r="897456" spans="14:14">
      <c r="N897456" s="10"/>
    </row>
    <row r="897457" spans="14:14">
      <c r="N897457" s="10"/>
    </row>
    <row r="897458" spans="14:14">
      <c r="N897458" s="10"/>
    </row>
    <row r="897459" spans="14:14">
      <c r="N897459" s="10"/>
    </row>
    <row r="897460" spans="14:14">
      <c r="N897460" s="10"/>
    </row>
    <row r="897461" spans="14:14">
      <c r="N897461" s="10"/>
    </row>
    <row r="897462" spans="14:14">
      <c r="N897462" s="10"/>
    </row>
    <row r="897463" spans="14:14">
      <c r="N897463" s="10"/>
    </row>
    <row r="897464" spans="14:14">
      <c r="N897464" s="10"/>
    </row>
    <row r="897465" spans="14:14">
      <c r="N897465" s="10"/>
    </row>
    <row r="897466" spans="14:14">
      <c r="N897466" s="10"/>
    </row>
    <row r="897467" spans="14:14">
      <c r="N897467" s="10"/>
    </row>
    <row r="897468" spans="14:14">
      <c r="N897468" s="10"/>
    </row>
    <row r="897469" spans="14:14">
      <c r="N897469" s="10"/>
    </row>
    <row r="897470" spans="14:14">
      <c r="N897470" s="10"/>
    </row>
    <row r="897471" spans="14:14">
      <c r="N897471" s="10"/>
    </row>
    <row r="897472" spans="14:14">
      <c r="N897472" s="10"/>
    </row>
    <row r="897473" spans="14:14">
      <c r="N897473" s="10"/>
    </row>
    <row r="897474" spans="14:14">
      <c r="N897474" s="10"/>
    </row>
    <row r="897475" spans="14:14">
      <c r="N897475" s="10"/>
    </row>
    <row r="897476" spans="14:14">
      <c r="N897476" s="10"/>
    </row>
    <row r="897477" spans="14:14">
      <c r="N897477" s="10"/>
    </row>
    <row r="897478" spans="14:14">
      <c r="N897478" s="10"/>
    </row>
    <row r="897479" spans="14:14">
      <c r="N897479" s="10"/>
    </row>
    <row r="897480" spans="14:14">
      <c r="N897480" s="10"/>
    </row>
    <row r="897481" spans="14:14">
      <c r="N897481" s="10"/>
    </row>
    <row r="897482" spans="14:14">
      <c r="N897482" s="10"/>
    </row>
    <row r="897483" spans="14:14">
      <c r="N897483" s="10"/>
    </row>
    <row r="897484" spans="14:14">
      <c r="N897484" s="10"/>
    </row>
    <row r="897485" spans="14:14">
      <c r="N897485" s="10"/>
    </row>
    <row r="897486" spans="14:14">
      <c r="N897486" s="10"/>
    </row>
    <row r="897487" spans="14:14">
      <c r="N897487" s="10"/>
    </row>
    <row r="897488" spans="14:14">
      <c r="N897488" s="10"/>
    </row>
    <row r="897489" spans="14:14">
      <c r="N897489" s="10"/>
    </row>
    <row r="897490" spans="14:14">
      <c r="N897490" s="10"/>
    </row>
    <row r="897491" spans="14:14">
      <c r="N897491" s="10"/>
    </row>
    <row r="897492" spans="14:14">
      <c r="N897492" s="10"/>
    </row>
    <row r="897493" spans="14:14">
      <c r="N897493" s="10"/>
    </row>
    <row r="897494" spans="14:14">
      <c r="N897494" s="10"/>
    </row>
    <row r="897495" spans="14:14">
      <c r="N897495" s="10"/>
    </row>
    <row r="897496" spans="14:14">
      <c r="N897496" s="10"/>
    </row>
    <row r="897497" spans="14:14">
      <c r="N897497" s="10"/>
    </row>
    <row r="897498" spans="14:14">
      <c r="N897498" s="10"/>
    </row>
    <row r="897499" spans="14:14">
      <c r="N897499" s="10"/>
    </row>
    <row r="897500" spans="14:14">
      <c r="N897500" s="10"/>
    </row>
    <row r="897501" spans="14:14">
      <c r="N897501" s="10"/>
    </row>
    <row r="897502" spans="14:14">
      <c r="N897502" s="10"/>
    </row>
    <row r="897503" spans="14:14">
      <c r="N897503" s="10"/>
    </row>
    <row r="897504" spans="14:14">
      <c r="N897504" s="10"/>
    </row>
    <row r="897505" spans="14:14">
      <c r="N897505" s="10"/>
    </row>
    <row r="897506" spans="14:14">
      <c r="N897506" s="10"/>
    </row>
    <row r="897507" spans="14:14">
      <c r="N897507" s="10"/>
    </row>
    <row r="897508" spans="14:14">
      <c r="N897508" s="10"/>
    </row>
    <row r="897509" spans="14:14">
      <c r="N897509" s="10"/>
    </row>
    <row r="897510" spans="14:14">
      <c r="N897510" s="10"/>
    </row>
    <row r="897511" spans="14:14">
      <c r="N897511" s="10"/>
    </row>
    <row r="897512" spans="14:14">
      <c r="N897512" s="10"/>
    </row>
    <row r="897513" spans="14:14">
      <c r="N897513" s="10"/>
    </row>
    <row r="897514" spans="14:14">
      <c r="N897514" s="10"/>
    </row>
    <row r="897515" spans="14:14">
      <c r="N897515" s="10"/>
    </row>
    <row r="897516" spans="14:14">
      <c r="N897516" s="10"/>
    </row>
    <row r="897517" spans="14:14">
      <c r="N897517" s="10"/>
    </row>
    <row r="897518" spans="14:14">
      <c r="N897518" s="10"/>
    </row>
    <row r="897519" spans="14:14">
      <c r="N897519" s="10"/>
    </row>
    <row r="897520" spans="14:14">
      <c r="N897520" s="10"/>
    </row>
    <row r="897521" spans="14:14">
      <c r="N897521" s="10"/>
    </row>
    <row r="897522" spans="14:14">
      <c r="N897522" s="10"/>
    </row>
    <row r="897523" spans="14:14">
      <c r="N897523" s="10"/>
    </row>
    <row r="897524" spans="14:14">
      <c r="N897524" s="10"/>
    </row>
    <row r="897525" spans="14:14">
      <c r="N897525" s="10"/>
    </row>
    <row r="897526" spans="14:14">
      <c r="N897526" s="10"/>
    </row>
    <row r="897527" spans="14:14">
      <c r="N897527" s="10"/>
    </row>
    <row r="897528" spans="14:14">
      <c r="N897528" s="10"/>
    </row>
    <row r="897529" spans="14:14">
      <c r="N897529" s="10"/>
    </row>
    <row r="897530" spans="14:14">
      <c r="N897530" s="10"/>
    </row>
    <row r="897531" spans="14:14">
      <c r="N897531" s="10"/>
    </row>
    <row r="897532" spans="14:14">
      <c r="N897532" s="10"/>
    </row>
    <row r="897533" spans="14:14">
      <c r="N897533" s="10"/>
    </row>
    <row r="897534" spans="14:14">
      <c r="N897534" s="10"/>
    </row>
    <row r="897535" spans="14:14">
      <c r="N897535" s="10"/>
    </row>
    <row r="897536" spans="14:14">
      <c r="N897536" s="10"/>
    </row>
    <row r="897537" spans="14:14">
      <c r="N897537" s="10"/>
    </row>
    <row r="897538" spans="14:14">
      <c r="N897538" s="10"/>
    </row>
    <row r="897539" spans="14:14">
      <c r="N897539" s="10"/>
    </row>
    <row r="897540" spans="14:14">
      <c r="N897540" s="10"/>
    </row>
    <row r="897541" spans="14:14">
      <c r="N897541" s="10"/>
    </row>
    <row r="897542" spans="14:14">
      <c r="N897542" s="10"/>
    </row>
    <row r="897543" spans="14:14">
      <c r="N897543" s="10"/>
    </row>
    <row r="897544" spans="14:14">
      <c r="N897544" s="10"/>
    </row>
    <row r="897545" spans="14:14">
      <c r="N897545" s="10"/>
    </row>
    <row r="897546" spans="14:14">
      <c r="N897546" s="10"/>
    </row>
    <row r="897547" spans="14:14">
      <c r="N897547" s="10"/>
    </row>
    <row r="897548" spans="14:14">
      <c r="N897548" s="10"/>
    </row>
    <row r="897549" spans="14:14">
      <c r="N897549" s="10"/>
    </row>
    <row r="897550" spans="14:14">
      <c r="N897550" s="10"/>
    </row>
    <row r="897551" spans="14:14">
      <c r="N897551" s="10"/>
    </row>
    <row r="897552" spans="14:14">
      <c r="N897552" s="10"/>
    </row>
    <row r="897553" spans="14:14">
      <c r="N897553" s="10"/>
    </row>
    <row r="897554" spans="14:14">
      <c r="N897554" s="10"/>
    </row>
    <row r="897555" spans="14:14">
      <c r="N897555" s="10"/>
    </row>
    <row r="897556" spans="14:14">
      <c r="N897556" s="10"/>
    </row>
    <row r="897557" spans="14:14">
      <c r="N897557" s="10"/>
    </row>
    <row r="897558" spans="14:14">
      <c r="N897558" s="10"/>
    </row>
    <row r="897559" spans="14:14">
      <c r="N897559" s="10"/>
    </row>
    <row r="897560" spans="14:14">
      <c r="N897560" s="10"/>
    </row>
    <row r="897561" spans="14:14">
      <c r="N897561" s="10"/>
    </row>
    <row r="897562" spans="14:14">
      <c r="N897562" s="10"/>
    </row>
    <row r="897563" spans="14:14">
      <c r="N897563" s="10"/>
    </row>
    <row r="897564" spans="14:14">
      <c r="N897564" s="10"/>
    </row>
    <row r="897565" spans="14:14">
      <c r="N897565" s="10"/>
    </row>
    <row r="897566" spans="14:14">
      <c r="N897566" s="10"/>
    </row>
    <row r="897567" spans="14:14">
      <c r="N897567" s="10"/>
    </row>
    <row r="897568" spans="14:14">
      <c r="N897568" s="10"/>
    </row>
    <row r="897569" spans="14:14">
      <c r="N897569" s="10"/>
    </row>
    <row r="897570" spans="14:14">
      <c r="N897570" s="10"/>
    </row>
    <row r="897571" spans="14:14">
      <c r="N897571" s="10"/>
    </row>
    <row r="897572" spans="14:14">
      <c r="N897572" s="10"/>
    </row>
    <row r="897573" spans="14:14">
      <c r="N897573" s="10"/>
    </row>
    <row r="897574" spans="14:14">
      <c r="N897574" s="10"/>
    </row>
    <row r="897575" spans="14:14">
      <c r="N897575" s="10"/>
    </row>
    <row r="897576" spans="14:14">
      <c r="N897576" s="10"/>
    </row>
    <row r="897577" spans="14:14">
      <c r="N897577" s="10"/>
    </row>
    <row r="897578" spans="14:14">
      <c r="N897578" s="10"/>
    </row>
    <row r="897579" spans="14:14">
      <c r="N897579" s="10"/>
    </row>
    <row r="897580" spans="14:14">
      <c r="N897580" s="10"/>
    </row>
    <row r="897581" spans="14:14">
      <c r="N897581" s="10"/>
    </row>
    <row r="897582" spans="14:14">
      <c r="N897582" s="10"/>
    </row>
    <row r="897583" spans="14:14">
      <c r="N897583" s="10"/>
    </row>
    <row r="897584" spans="14:14">
      <c r="N897584" s="10"/>
    </row>
    <row r="897585" spans="14:14">
      <c r="N897585" s="10"/>
    </row>
    <row r="897586" spans="14:14">
      <c r="N897586" s="10"/>
    </row>
    <row r="897587" spans="14:14">
      <c r="N897587" s="10"/>
    </row>
    <row r="897588" spans="14:14">
      <c r="N897588" s="10"/>
    </row>
    <row r="897589" spans="14:14">
      <c r="N897589" s="10"/>
    </row>
    <row r="897590" spans="14:14">
      <c r="N897590" s="10"/>
    </row>
    <row r="897591" spans="14:14">
      <c r="N897591" s="10"/>
    </row>
    <row r="897592" spans="14:14">
      <c r="N897592" s="10"/>
    </row>
    <row r="897593" spans="14:14">
      <c r="N897593" s="10"/>
    </row>
    <row r="897594" spans="14:14">
      <c r="N897594" s="10"/>
    </row>
    <row r="897595" spans="14:14">
      <c r="N897595" s="10"/>
    </row>
    <row r="897596" spans="14:14">
      <c r="N897596" s="10"/>
    </row>
    <row r="897597" spans="14:14">
      <c r="N897597" s="10"/>
    </row>
    <row r="897598" spans="14:14">
      <c r="N897598" s="10"/>
    </row>
    <row r="897599" spans="14:14">
      <c r="N897599" s="10"/>
    </row>
    <row r="897600" spans="14:14">
      <c r="N897600" s="10"/>
    </row>
    <row r="897601" spans="14:14">
      <c r="N897601" s="10"/>
    </row>
    <row r="897602" spans="14:14">
      <c r="N897602" s="10"/>
    </row>
    <row r="897603" spans="14:14">
      <c r="N897603" s="10"/>
    </row>
    <row r="897604" spans="14:14">
      <c r="N897604" s="10"/>
    </row>
    <row r="897605" spans="14:14">
      <c r="N897605" s="10"/>
    </row>
    <row r="897606" spans="14:14">
      <c r="N897606" s="10"/>
    </row>
    <row r="897607" spans="14:14">
      <c r="N897607" s="10"/>
    </row>
    <row r="897608" spans="14:14">
      <c r="N897608" s="10"/>
    </row>
    <row r="897609" spans="14:14">
      <c r="N897609" s="10"/>
    </row>
    <row r="897610" spans="14:14">
      <c r="N897610" s="10"/>
    </row>
    <row r="897611" spans="14:14">
      <c r="N897611" s="10"/>
    </row>
    <row r="897612" spans="14:14">
      <c r="N897612" s="10"/>
    </row>
    <row r="897613" spans="14:14">
      <c r="N897613" s="10"/>
    </row>
    <row r="897614" spans="14:14">
      <c r="N897614" s="10"/>
    </row>
    <row r="897615" spans="14:14">
      <c r="N897615" s="10"/>
    </row>
    <row r="897616" spans="14:14">
      <c r="N897616" s="10"/>
    </row>
    <row r="897617" spans="14:14">
      <c r="N897617" s="10"/>
    </row>
    <row r="897618" spans="14:14">
      <c r="N897618" s="10"/>
    </row>
    <row r="897619" spans="14:14">
      <c r="N897619" s="10"/>
    </row>
    <row r="897620" spans="14:14">
      <c r="N897620" s="10"/>
    </row>
    <row r="897621" spans="14:14">
      <c r="N897621" s="10"/>
    </row>
    <row r="897622" spans="14:14">
      <c r="N897622" s="10"/>
    </row>
    <row r="897623" spans="14:14">
      <c r="N897623" s="10"/>
    </row>
    <row r="897624" spans="14:14">
      <c r="N897624" s="10"/>
    </row>
    <row r="897625" spans="14:14">
      <c r="N897625" s="10"/>
    </row>
    <row r="897626" spans="14:14">
      <c r="N897626" s="10"/>
    </row>
    <row r="897627" spans="14:14">
      <c r="N897627" s="10"/>
    </row>
    <row r="897628" spans="14:14">
      <c r="N897628" s="10"/>
    </row>
    <row r="897629" spans="14:14">
      <c r="N897629" s="10"/>
    </row>
    <row r="897630" spans="14:14">
      <c r="N897630" s="10"/>
    </row>
    <row r="897631" spans="14:14">
      <c r="N897631" s="10"/>
    </row>
    <row r="897632" spans="14:14">
      <c r="N897632" s="10"/>
    </row>
    <row r="897633" spans="14:14">
      <c r="N897633" s="10"/>
    </row>
    <row r="897634" spans="14:14">
      <c r="N897634" s="10"/>
    </row>
    <row r="897635" spans="14:14">
      <c r="N897635" s="10"/>
    </row>
    <row r="897636" spans="14:14">
      <c r="N897636" s="10"/>
    </row>
    <row r="897637" spans="14:14">
      <c r="N897637" s="10"/>
    </row>
    <row r="897638" spans="14:14">
      <c r="N897638" s="10"/>
    </row>
    <row r="897639" spans="14:14">
      <c r="N897639" s="10"/>
    </row>
    <row r="897640" spans="14:14">
      <c r="N897640" s="10"/>
    </row>
    <row r="897641" spans="14:14">
      <c r="N897641" s="10"/>
    </row>
    <row r="897642" spans="14:14">
      <c r="N897642" s="10"/>
    </row>
    <row r="897643" spans="14:14">
      <c r="N897643" s="10"/>
    </row>
    <row r="897644" spans="14:14">
      <c r="N897644" s="10"/>
    </row>
    <row r="897645" spans="14:14">
      <c r="N897645" s="10"/>
    </row>
    <row r="897646" spans="14:14">
      <c r="N897646" s="10"/>
    </row>
    <row r="897647" spans="14:14">
      <c r="N897647" s="10"/>
    </row>
    <row r="897648" spans="14:14">
      <c r="N897648" s="10"/>
    </row>
    <row r="897649" spans="14:14">
      <c r="N897649" s="10"/>
    </row>
    <row r="897650" spans="14:14">
      <c r="N897650" s="10"/>
    </row>
    <row r="897651" spans="14:14">
      <c r="N897651" s="10"/>
    </row>
    <row r="897652" spans="14:14">
      <c r="N897652" s="10"/>
    </row>
    <row r="897653" spans="14:14">
      <c r="N897653" s="10"/>
    </row>
    <row r="897654" spans="14:14">
      <c r="N897654" s="10"/>
    </row>
    <row r="897655" spans="14:14">
      <c r="N897655" s="10"/>
    </row>
    <row r="897656" spans="14:14">
      <c r="N897656" s="10"/>
    </row>
    <row r="897657" spans="14:14">
      <c r="N897657" s="10"/>
    </row>
    <row r="897658" spans="14:14">
      <c r="N897658" s="10"/>
    </row>
    <row r="897659" spans="14:14">
      <c r="N897659" s="10"/>
    </row>
    <row r="897660" spans="14:14">
      <c r="N897660" s="10"/>
    </row>
    <row r="897661" spans="14:14">
      <c r="N897661" s="10"/>
    </row>
    <row r="897662" spans="14:14">
      <c r="N897662" s="10"/>
    </row>
    <row r="897663" spans="14:14">
      <c r="N897663" s="10"/>
    </row>
    <row r="897664" spans="14:14">
      <c r="N897664" s="10"/>
    </row>
    <row r="897665" spans="14:14">
      <c r="N897665" s="10"/>
    </row>
    <row r="897666" spans="14:14">
      <c r="N897666" s="10"/>
    </row>
    <row r="897667" spans="14:14">
      <c r="N897667" s="10"/>
    </row>
    <row r="897668" spans="14:14">
      <c r="N897668" s="10"/>
    </row>
    <row r="897669" spans="14:14">
      <c r="N897669" s="10"/>
    </row>
    <row r="897670" spans="14:14">
      <c r="N897670" s="10"/>
    </row>
    <row r="897671" spans="14:14">
      <c r="N897671" s="10"/>
    </row>
    <row r="897672" spans="14:14">
      <c r="N897672" s="10"/>
    </row>
    <row r="897673" spans="14:14">
      <c r="N897673" s="10"/>
    </row>
    <row r="897674" spans="14:14">
      <c r="N897674" s="10"/>
    </row>
    <row r="897675" spans="14:14">
      <c r="N897675" s="10"/>
    </row>
    <row r="897676" spans="14:14">
      <c r="N897676" s="10"/>
    </row>
    <row r="897677" spans="14:14">
      <c r="N897677" s="10"/>
    </row>
    <row r="897678" spans="14:14">
      <c r="N897678" s="10"/>
    </row>
    <row r="897679" spans="14:14">
      <c r="N897679" s="10"/>
    </row>
    <row r="897680" spans="14:14">
      <c r="N897680" s="10"/>
    </row>
    <row r="897681" spans="14:14">
      <c r="N897681" s="10"/>
    </row>
    <row r="897682" spans="14:14">
      <c r="N897682" s="10"/>
    </row>
    <row r="897683" spans="14:14">
      <c r="N897683" s="10"/>
    </row>
    <row r="897684" spans="14:14">
      <c r="N897684" s="10"/>
    </row>
    <row r="897685" spans="14:14">
      <c r="N897685" s="10"/>
    </row>
    <row r="897686" spans="14:14">
      <c r="N897686" s="10"/>
    </row>
    <row r="897687" spans="14:14">
      <c r="N897687" s="10"/>
    </row>
    <row r="897688" spans="14:14">
      <c r="N897688" s="10"/>
    </row>
    <row r="897689" spans="14:14">
      <c r="N897689" s="10"/>
    </row>
    <row r="897690" spans="14:14">
      <c r="N897690" s="10"/>
    </row>
    <row r="897691" spans="14:14">
      <c r="N897691" s="10"/>
    </row>
    <row r="897692" spans="14:14">
      <c r="N897692" s="10"/>
    </row>
    <row r="897693" spans="14:14">
      <c r="N897693" s="10"/>
    </row>
    <row r="897694" spans="14:14">
      <c r="N897694" s="10"/>
    </row>
    <row r="897695" spans="14:14">
      <c r="N897695" s="10"/>
    </row>
    <row r="897696" spans="14:14">
      <c r="N897696" s="10"/>
    </row>
    <row r="897697" spans="14:14">
      <c r="N897697" s="10"/>
    </row>
    <row r="897698" spans="14:14">
      <c r="N897698" s="10"/>
    </row>
    <row r="897699" spans="14:14">
      <c r="N897699" s="10"/>
    </row>
    <row r="897700" spans="14:14">
      <c r="N897700" s="10"/>
    </row>
    <row r="897701" spans="14:14">
      <c r="N897701" s="10"/>
    </row>
    <row r="897702" spans="14:14">
      <c r="N897702" s="10"/>
    </row>
    <row r="897703" spans="14:14">
      <c r="N897703" s="10"/>
    </row>
    <row r="897704" spans="14:14">
      <c r="N897704" s="10"/>
    </row>
    <row r="897705" spans="14:14">
      <c r="N897705" s="10"/>
    </row>
    <row r="897706" spans="14:14">
      <c r="N897706" s="10"/>
    </row>
    <row r="897707" spans="14:14">
      <c r="N897707" s="10"/>
    </row>
    <row r="897708" spans="14:14">
      <c r="N897708" s="10"/>
    </row>
    <row r="897709" spans="14:14">
      <c r="N897709" s="10"/>
    </row>
    <row r="897710" spans="14:14">
      <c r="N897710" s="10"/>
    </row>
    <row r="897711" spans="14:14">
      <c r="N897711" s="10"/>
    </row>
    <row r="897712" spans="14:14">
      <c r="N897712" s="10"/>
    </row>
    <row r="897713" spans="14:14">
      <c r="N897713" s="10"/>
    </row>
    <row r="897714" spans="14:14">
      <c r="N897714" s="10"/>
    </row>
    <row r="897715" spans="14:14">
      <c r="N897715" s="10"/>
    </row>
    <row r="897716" spans="14:14">
      <c r="N897716" s="10"/>
    </row>
    <row r="897717" spans="14:14">
      <c r="N897717" s="10"/>
    </row>
    <row r="897718" spans="14:14">
      <c r="N897718" s="10"/>
    </row>
    <row r="897719" spans="14:14">
      <c r="N897719" s="10"/>
    </row>
    <row r="897720" spans="14:14">
      <c r="N897720" s="10"/>
    </row>
    <row r="897721" spans="14:14">
      <c r="N897721" s="10"/>
    </row>
    <row r="897722" spans="14:14">
      <c r="N897722" s="10"/>
    </row>
    <row r="897723" spans="14:14">
      <c r="N897723" s="10"/>
    </row>
    <row r="897724" spans="14:14">
      <c r="N897724" s="10"/>
    </row>
    <row r="897725" spans="14:14">
      <c r="N897725" s="10"/>
    </row>
    <row r="897726" spans="14:14">
      <c r="N897726" s="10"/>
    </row>
    <row r="897727" spans="14:14">
      <c r="N897727" s="10"/>
    </row>
    <row r="897728" spans="14:14">
      <c r="N897728" s="10"/>
    </row>
    <row r="897729" spans="14:14">
      <c r="N897729" s="10"/>
    </row>
    <row r="897730" spans="14:14">
      <c r="N897730" s="10"/>
    </row>
    <row r="897731" spans="14:14">
      <c r="N897731" s="10"/>
    </row>
    <row r="897732" spans="14:14">
      <c r="N897732" s="10"/>
    </row>
    <row r="897733" spans="14:14">
      <c r="N897733" s="10"/>
    </row>
    <row r="897734" spans="14:14">
      <c r="N897734" s="10"/>
    </row>
    <row r="897735" spans="14:14">
      <c r="N897735" s="10"/>
    </row>
    <row r="897736" spans="14:14">
      <c r="N897736" s="10"/>
    </row>
    <row r="897737" spans="14:14">
      <c r="N897737" s="10"/>
    </row>
    <row r="897738" spans="14:14">
      <c r="N897738" s="10"/>
    </row>
    <row r="897739" spans="14:14">
      <c r="N897739" s="10"/>
    </row>
    <row r="897740" spans="14:14">
      <c r="N897740" s="10"/>
    </row>
    <row r="897741" spans="14:14">
      <c r="N897741" s="10"/>
    </row>
    <row r="897742" spans="14:14">
      <c r="N897742" s="10"/>
    </row>
    <row r="897743" spans="14:14">
      <c r="N897743" s="10"/>
    </row>
    <row r="897744" spans="14:14">
      <c r="N897744" s="10"/>
    </row>
    <row r="897745" spans="14:14">
      <c r="N897745" s="10"/>
    </row>
    <row r="897746" spans="14:14">
      <c r="N897746" s="10"/>
    </row>
    <row r="897747" spans="14:14">
      <c r="N897747" s="10"/>
    </row>
    <row r="897748" spans="14:14">
      <c r="N897748" s="10"/>
    </row>
    <row r="897749" spans="14:14">
      <c r="N897749" s="10"/>
    </row>
    <row r="897750" spans="14:14">
      <c r="N897750" s="10"/>
    </row>
    <row r="897751" spans="14:14">
      <c r="N897751" s="10"/>
    </row>
    <row r="897752" spans="14:14">
      <c r="N897752" s="10"/>
    </row>
    <row r="897753" spans="14:14">
      <c r="N897753" s="10"/>
    </row>
    <row r="897754" spans="14:14">
      <c r="N897754" s="10"/>
    </row>
    <row r="897755" spans="14:14">
      <c r="N897755" s="10"/>
    </row>
    <row r="897756" spans="14:14">
      <c r="N897756" s="10"/>
    </row>
    <row r="897757" spans="14:14">
      <c r="N897757" s="10"/>
    </row>
    <row r="897758" spans="14:14">
      <c r="N897758" s="10"/>
    </row>
    <row r="897759" spans="14:14">
      <c r="N897759" s="10"/>
    </row>
    <row r="897760" spans="14:14">
      <c r="N897760" s="10"/>
    </row>
    <row r="897761" spans="14:14">
      <c r="N897761" s="10"/>
    </row>
    <row r="897762" spans="14:14">
      <c r="N897762" s="10"/>
    </row>
    <row r="897763" spans="14:14">
      <c r="N897763" s="10"/>
    </row>
    <row r="897764" spans="14:14">
      <c r="N897764" s="10"/>
    </row>
    <row r="897765" spans="14:14">
      <c r="N897765" s="10"/>
    </row>
    <row r="897766" spans="14:14">
      <c r="N897766" s="10"/>
    </row>
    <row r="897767" spans="14:14">
      <c r="N897767" s="10"/>
    </row>
    <row r="897768" spans="14:14">
      <c r="N897768" s="10"/>
    </row>
    <row r="897769" spans="14:14">
      <c r="N897769" s="10"/>
    </row>
    <row r="897770" spans="14:14">
      <c r="N897770" s="10"/>
    </row>
    <row r="897771" spans="14:14">
      <c r="N897771" s="10"/>
    </row>
    <row r="897772" spans="14:14">
      <c r="N897772" s="10"/>
    </row>
    <row r="897773" spans="14:14">
      <c r="N897773" s="10"/>
    </row>
    <row r="897774" spans="14:14">
      <c r="N897774" s="10"/>
    </row>
    <row r="897775" spans="14:14">
      <c r="N897775" s="10"/>
    </row>
    <row r="897776" spans="14:14">
      <c r="N897776" s="10"/>
    </row>
    <row r="897777" spans="14:14">
      <c r="N897777" s="10"/>
    </row>
    <row r="897778" spans="14:14">
      <c r="N897778" s="10"/>
    </row>
    <row r="897779" spans="14:14">
      <c r="N897779" s="10"/>
    </row>
    <row r="897780" spans="14:14">
      <c r="N897780" s="10"/>
    </row>
    <row r="897781" spans="14:14">
      <c r="N897781" s="10"/>
    </row>
    <row r="897782" spans="14:14">
      <c r="N897782" s="10"/>
    </row>
    <row r="897783" spans="14:14">
      <c r="N897783" s="10"/>
    </row>
    <row r="897784" spans="14:14">
      <c r="N897784" s="10"/>
    </row>
    <row r="897785" spans="14:14">
      <c r="N897785" s="10"/>
    </row>
    <row r="897786" spans="14:14">
      <c r="N897786" s="10"/>
    </row>
    <row r="897787" spans="14:14">
      <c r="N897787" s="10"/>
    </row>
    <row r="897788" spans="14:14">
      <c r="N897788" s="10"/>
    </row>
    <row r="897789" spans="14:14">
      <c r="N897789" s="10"/>
    </row>
    <row r="897790" spans="14:14">
      <c r="N897790" s="10"/>
    </row>
    <row r="897791" spans="14:14">
      <c r="N897791" s="10"/>
    </row>
    <row r="897792" spans="14:14">
      <c r="N897792" s="10"/>
    </row>
    <row r="897793" spans="14:14">
      <c r="N897793" s="10"/>
    </row>
    <row r="897794" spans="14:14">
      <c r="N897794" s="10"/>
    </row>
    <row r="897795" spans="14:14">
      <c r="N897795" s="10"/>
    </row>
    <row r="897796" spans="14:14">
      <c r="N897796" s="10"/>
    </row>
    <row r="897797" spans="14:14">
      <c r="N897797" s="10"/>
    </row>
    <row r="897798" spans="14:14">
      <c r="N897798" s="10"/>
    </row>
    <row r="897799" spans="14:14">
      <c r="N897799" s="10"/>
    </row>
    <row r="897800" spans="14:14">
      <c r="N897800" s="10"/>
    </row>
    <row r="897801" spans="14:14">
      <c r="N897801" s="10"/>
    </row>
    <row r="897802" spans="14:14">
      <c r="N897802" s="10"/>
    </row>
    <row r="897803" spans="14:14">
      <c r="N897803" s="10"/>
    </row>
    <row r="897804" spans="14:14">
      <c r="N897804" s="10"/>
    </row>
    <row r="897805" spans="14:14">
      <c r="N897805" s="10"/>
    </row>
    <row r="897806" spans="14:14">
      <c r="N897806" s="10"/>
    </row>
    <row r="897807" spans="14:14">
      <c r="N897807" s="10"/>
    </row>
    <row r="897808" spans="14:14">
      <c r="N897808" s="10"/>
    </row>
    <row r="897809" spans="14:14">
      <c r="N897809" s="10"/>
    </row>
    <row r="897810" spans="14:14">
      <c r="N897810" s="10"/>
    </row>
    <row r="897811" spans="14:14">
      <c r="N897811" s="10"/>
    </row>
    <row r="897812" spans="14:14">
      <c r="N897812" s="10"/>
    </row>
    <row r="897813" spans="14:14">
      <c r="N897813" s="10"/>
    </row>
    <row r="897814" spans="14:14">
      <c r="N897814" s="10"/>
    </row>
    <row r="897815" spans="14:14">
      <c r="N897815" s="10"/>
    </row>
    <row r="897816" spans="14:14">
      <c r="N897816" s="10"/>
    </row>
    <row r="897817" spans="14:14">
      <c r="N897817" s="10"/>
    </row>
    <row r="897818" spans="14:14">
      <c r="N897818" s="10"/>
    </row>
    <row r="897819" spans="14:14">
      <c r="N897819" s="10"/>
    </row>
    <row r="897820" spans="14:14">
      <c r="N897820" s="10"/>
    </row>
    <row r="897821" spans="14:14">
      <c r="N897821" s="10"/>
    </row>
    <row r="897822" spans="14:14">
      <c r="N897822" s="10"/>
    </row>
    <row r="897823" spans="14:14">
      <c r="N897823" s="10"/>
    </row>
    <row r="897824" spans="14:14">
      <c r="N897824" s="10"/>
    </row>
    <row r="897825" spans="14:14">
      <c r="N897825" s="10"/>
    </row>
    <row r="897826" spans="14:14">
      <c r="N897826" s="10"/>
    </row>
    <row r="897827" spans="14:14">
      <c r="N897827" s="10"/>
    </row>
    <row r="897828" spans="14:14">
      <c r="N897828" s="10"/>
    </row>
    <row r="897829" spans="14:14">
      <c r="N897829" s="10"/>
    </row>
    <row r="897830" spans="14:14">
      <c r="N897830" s="10"/>
    </row>
    <row r="897831" spans="14:14">
      <c r="N897831" s="10"/>
    </row>
    <row r="897832" spans="14:14">
      <c r="N897832" s="10"/>
    </row>
    <row r="897833" spans="14:14">
      <c r="N897833" s="10"/>
    </row>
    <row r="897834" spans="14:14">
      <c r="N897834" s="10"/>
    </row>
    <row r="897835" spans="14:14">
      <c r="N897835" s="10"/>
    </row>
    <row r="897836" spans="14:14">
      <c r="N897836" s="10"/>
    </row>
    <row r="897837" spans="14:14">
      <c r="N897837" s="10"/>
    </row>
    <row r="897838" spans="14:14">
      <c r="N897838" s="10"/>
    </row>
    <row r="897839" spans="14:14">
      <c r="N897839" s="10"/>
    </row>
    <row r="897840" spans="14:14">
      <c r="N897840" s="10"/>
    </row>
    <row r="897841" spans="14:14">
      <c r="N897841" s="10"/>
    </row>
    <row r="897842" spans="14:14">
      <c r="N897842" s="10"/>
    </row>
    <row r="897843" spans="14:14">
      <c r="N897843" s="10"/>
    </row>
    <row r="897844" spans="14:14">
      <c r="N897844" s="10"/>
    </row>
    <row r="897845" spans="14:14">
      <c r="N897845" s="10"/>
    </row>
    <row r="897846" spans="14:14">
      <c r="N897846" s="10"/>
    </row>
    <row r="897847" spans="14:14">
      <c r="N897847" s="10"/>
    </row>
    <row r="897848" spans="14:14">
      <c r="N897848" s="10"/>
    </row>
    <row r="897849" spans="14:14">
      <c r="N897849" s="10"/>
    </row>
    <row r="897850" spans="14:14">
      <c r="N897850" s="10"/>
    </row>
    <row r="897851" spans="14:14">
      <c r="N897851" s="10"/>
    </row>
    <row r="897852" spans="14:14">
      <c r="N897852" s="10"/>
    </row>
    <row r="897853" spans="14:14">
      <c r="N897853" s="10"/>
    </row>
    <row r="897854" spans="14:14">
      <c r="N897854" s="10"/>
    </row>
    <row r="897855" spans="14:14">
      <c r="N897855" s="10"/>
    </row>
    <row r="897856" spans="14:14">
      <c r="N897856" s="10"/>
    </row>
    <row r="897857" spans="14:14">
      <c r="N897857" s="10"/>
    </row>
    <row r="897858" spans="14:14">
      <c r="N897858" s="10"/>
    </row>
    <row r="897859" spans="14:14">
      <c r="N897859" s="10"/>
    </row>
    <row r="897860" spans="14:14">
      <c r="N897860" s="10"/>
    </row>
    <row r="897861" spans="14:14">
      <c r="N897861" s="10"/>
    </row>
    <row r="897862" spans="14:14">
      <c r="N897862" s="10"/>
    </row>
    <row r="897863" spans="14:14">
      <c r="N897863" s="10"/>
    </row>
    <row r="897864" spans="14:14">
      <c r="N897864" s="10"/>
    </row>
    <row r="897865" spans="14:14">
      <c r="N897865" s="10"/>
    </row>
    <row r="897866" spans="14:14">
      <c r="N897866" s="10"/>
    </row>
    <row r="897867" spans="14:14">
      <c r="N897867" s="10"/>
    </row>
    <row r="897868" spans="14:14">
      <c r="N897868" s="10"/>
    </row>
    <row r="897869" spans="14:14">
      <c r="N897869" s="10"/>
    </row>
    <row r="897870" spans="14:14">
      <c r="N897870" s="10"/>
    </row>
    <row r="897871" spans="14:14">
      <c r="N897871" s="10"/>
    </row>
    <row r="897872" spans="14:14">
      <c r="N897872" s="10"/>
    </row>
    <row r="897873" spans="14:14">
      <c r="N897873" s="10"/>
    </row>
    <row r="897874" spans="14:14">
      <c r="N897874" s="10"/>
    </row>
    <row r="897875" spans="14:14">
      <c r="N897875" s="10"/>
    </row>
    <row r="897876" spans="14:14">
      <c r="N897876" s="10"/>
    </row>
    <row r="897877" spans="14:14">
      <c r="N897877" s="10"/>
    </row>
    <row r="897878" spans="14:14">
      <c r="N897878" s="10"/>
    </row>
    <row r="897879" spans="14:14">
      <c r="N897879" s="10"/>
    </row>
    <row r="897880" spans="14:14">
      <c r="N897880" s="10"/>
    </row>
    <row r="897881" spans="14:14">
      <c r="N897881" s="10"/>
    </row>
    <row r="897882" spans="14:14">
      <c r="N897882" s="10"/>
    </row>
    <row r="897883" spans="14:14">
      <c r="N897883" s="10"/>
    </row>
    <row r="897884" spans="14:14">
      <c r="N897884" s="10"/>
    </row>
    <row r="897885" spans="14:14">
      <c r="N897885" s="10"/>
    </row>
    <row r="897886" spans="14:14">
      <c r="N897886" s="10"/>
    </row>
    <row r="897887" spans="14:14">
      <c r="N897887" s="10"/>
    </row>
    <row r="897888" spans="14:14">
      <c r="N897888" s="10"/>
    </row>
    <row r="897889" spans="14:14">
      <c r="N897889" s="10"/>
    </row>
    <row r="897890" spans="14:14">
      <c r="N897890" s="10"/>
    </row>
    <row r="897891" spans="14:14">
      <c r="N897891" s="10"/>
    </row>
    <row r="897892" spans="14:14">
      <c r="N897892" s="10"/>
    </row>
    <row r="897893" spans="14:14">
      <c r="N897893" s="10"/>
    </row>
    <row r="897894" spans="14:14">
      <c r="N897894" s="10"/>
    </row>
    <row r="897895" spans="14:14">
      <c r="N897895" s="10"/>
    </row>
    <row r="897896" spans="14:14">
      <c r="N897896" s="10"/>
    </row>
    <row r="897897" spans="14:14">
      <c r="N897897" s="10"/>
    </row>
    <row r="897898" spans="14:14">
      <c r="N897898" s="10"/>
    </row>
    <row r="897899" spans="14:14">
      <c r="N897899" s="10"/>
    </row>
    <row r="897900" spans="14:14">
      <c r="N897900" s="10"/>
    </row>
    <row r="897901" spans="14:14">
      <c r="N897901" s="10"/>
    </row>
    <row r="897902" spans="14:14">
      <c r="N897902" s="10"/>
    </row>
    <row r="897903" spans="14:14">
      <c r="N897903" s="10"/>
    </row>
    <row r="897904" spans="14:14">
      <c r="N897904" s="10"/>
    </row>
    <row r="897905" spans="14:14">
      <c r="N897905" s="10"/>
    </row>
    <row r="897906" spans="14:14">
      <c r="N897906" s="10"/>
    </row>
    <row r="897907" spans="14:14">
      <c r="N897907" s="10"/>
    </row>
    <row r="897908" spans="14:14">
      <c r="N897908" s="10"/>
    </row>
    <row r="897909" spans="14:14">
      <c r="N897909" s="10"/>
    </row>
    <row r="897910" spans="14:14">
      <c r="N897910" s="10"/>
    </row>
    <row r="897911" spans="14:14">
      <c r="N897911" s="10"/>
    </row>
    <row r="897912" spans="14:14">
      <c r="N897912" s="10"/>
    </row>
    <row r="897913" spans="14:14">
      <c r="N897913" s="10"/>
    </row>
    <row r="897914" spans="14:14">
      <c r="N897914" s="10"/>
    </row>
    <row r="897915" spans="14:14">
      <c r="N897915" s="10"/>
    </row>
    <row r="897916" spans="14:14">
      <c r="N897916" s="10"/>
    </row>
    <row r="897917" spans="14:14">
      <c r="N897917" s="10"/>
    </row>
    <row r="897918" spans="14:14">
      <c r="N897918" s="10"/>
    </row>
    <row r="897919" spans="14:14">
      <c r="N897919" s="10"/>
    </row>
    <row r="897920" spans="14:14">
      <c r="N897920" s="10"/>
    </row>
    <row r="897921" spans="14:14">
      <c r="N897921" s="10"/>
    </row>
    <row r="897922" spans="14:14">
      <c r="N897922" s="10"/>
    </row>
    <row r="897923" spans="14:14">
      <c r="N897923" s="10"/>
    </row>
    <row r="897924" spans="14:14">
      <c r="N897924" s="10"/>
    </row>
    <row r="897925" spans="14:14">
      <c r="N897925" s="10"/>
    </row>
    <row r="897926" spans="14:14">
      <c r="N897926" s="10"/>
    </row>
    <row r="897927" spans="14:14">
      <c r="N897927" s="10"/>
    </row>
    <row r="897928" spans="14:14">
      <c r="N897928" s="10"/>
    </row>
    <row r="897929" spans="14:14">
      <c r="N897929" s="10"/>
    </row>
    <row r="897930" spans="14:14">
      <c r="N897930" s="10"/>
    </row>
    <row r="897931" spans="14:14">
      <c r="N897931" s="10"/>
    </row>
    <row r="897932" spans="14:14">
      <c r="N897932" s="10"/>
    </row>
    <row r="897933" spans="14:14">
      <c r="N897933" s="10"/>
    </row>
    <row r="897934" spans="14:14">
      <c r="N897934" s="10"/>
    </row>
    <row r="897935" spans="14:14">
      <c r="N897935" s="10"/>
    </row>
    <row r="897936" spans="14:14">
      <c r="N897936" s="10"/>
    </row>
    <row r="897937" spans="14:14">
      <c r="N897937" s="10"/>
    </row>
    <row r="897938" spans="14:14">
      <c r="N897938" s="10"/>
    </row>
    <row r="897939" spans="14:14">
      <c r="N897939" s="10"/>
    </row>
    <row r="897940" spans="14:14">
      <c r="N897940" s="10"/>
    </row>
    <row r="897941" spans="14:14">
      <c r="N897941" s="10"/>
    </row>
    <row r="897942" spans="14:14">
      <c r="N897942" s="10"/>
    </row>
    <row r="897943" spans="14:14">
      <c r="N897943" s="10"/>
    </row>
    <row r="897944" spans="14:14">
      <c r="N897944" s="10"/>
    </row>
    <row r="897945" spans="14:14">
      <c r="N897945" s="10"/>
    </row>
    <row r="897946" spans="14:14">
      <c r="N897946" s="10"/>
    </row>
    <row r="897947" spans="14:14">
      <c r="N897947" s="10"/>
    </row>
    <row r="897948" spans="14:14">
      <c r="N897948" s="10"/>
    </row>
    <row r="897949" spans="14:14">
      <c r="N897949" s="10"/>
    </row>
    <row r="897950" spans="14:14">
      <c r="N897950" s="10"/>
    </row>
    <row r="897951" spans="14:14">
      <c r="N897951" s="10"/>
    </row>
    <row r="897952" spans="14:14">
      <c r="N897952" s="10"/>
    </row>
    <row r="897953" spans="14:14">
      <c r="N897953" s="10"/>
    </row>
    <row r="897954" spans="14:14">
      <c r="N897954" s="10"/>
    </row>
    <row r="897955" spans="14:14">
      <c r="N897955" s="10"/>
    </row>
    <row r="897956" spans="14:14">
      <c r="N897956" s="10"/>
    </row>
    <row r="897957" spans="14:14">
      <c r="N897957" s="10"/>
    </row>
    <row r="897958" spans="14:14">
      <c r="N897958" s="10"/>
    </row>
    <row r="897959" spans="14:14">
      <c r="N897959" s="10"/>
    </row>
    <row r="897960" spans="14:14">
      <c r="N897960" s="10"/>
    </row>
    <row r="897961" spans="14:14">
      <c r="N897961" s="10"/>
    </row>
    <row r="897962" spans="14:14">
      <c r="N897962" s="10"/>
    </row>
    <row r="897963" spans="14:14">
      <c r="N897963" s="10"/>
    </row>
    <row r="897964" spans="14:14">
      <c r="N897964" s="10"/>
    </row>
    <row r="897965" spans="14:14">
      <c r="N897965" s="10"/>
    </row>
    <row r="897966" spans="14:14">
      <c r="N897966" s="10"/>
    </row>
    <row r="897967" spans="14:14">
      <c r="N897967" s="10"/>
    </row>
    <row r="897968" spans="14:14">
      <c r="N897968" s="10"/>
    </row>
    <row r="897969" spans="14:14">
      <c r="N897969" s="10"/>
    </row>
    <row r="897970" spans="14:14">
      <c r="N897970" s="10"/>
    </row>
    <row r="897971" spans="14:14">
      <c r="N897971" s="10"/>
    </row>
    <row r="897972" spans="14:14">
      <c r="N897972" s="10"/>
    </row>
    <row r="897973" spans="14:14">
      <c r="N897973" s="10"/>
    </row>
    <row r="897974" spans="14:14">
      <c r="N897974" s="10"/>
    </row>
    <row r="897975" spans="14:14">
      <c r="N897975" s="10"/>
    </row>
    <row r="897976" spans="14:14">
      <c r="N897976" s="10"/>
    </row>
    <row r="897977" spans="14:14">
      <c r="N897977" s="10"/>
    </row>
    <row r="897978" spans="14:14">
      <c r="N897978" s="10"/>
    </row>
    <row r="897979" spans="14:14">
      <c r="N897979" s="10"/>
    </row>
    <row r="897980" spans="14:14">
      <c r="N897980" s="10"/>
    </row>
    <row r="897981" spans="14:14">
      <c r="N897981" s="10"/>
    </row>
    <row r="897982" spans="14:14">
      <c r="N897982" s="10"/>
    </row>
    <row r="897983" spans="14:14">
      <c r="N897983" s="10"/>
    </row>
    <row r="897984" spans="14:14">
      <c r="N897984" s="10"/>
    </row>
    <row r="897985" spans="14:14">
      <c r="N897985" s="10"/>
    </row>
    <row r="897986" spans="14:14">
      <c r="N897986" s="10"/>
    </row>
    <row r="897987" spans="14:14">
      <c r="N897987" s="10"/>
    </row>
    <row r="897988" spans="14:14">
      <c r="N897988" s="10"/>
    </row>
    <row r="897989" spans="14:14">
      <c r="N897989" s="10"/>
    </row>
    <row r="897990" spans="14:14">
      <c r="N897990" s="10"/>
    </row>
    <row r="897991" spans="14:14">
      <c r="N897991" s="10"/>
    </row>
    <row r="897992" spans="14:14">
      <c r="N897992" s="10"/>
    </row>
    <row r="897993" spans="14:14">
      <c r="N897993" s="10"/>
    </row>
    <row r="897994" spans="14:14">
      <c r="N897994" s="10"/>
    </row>
    <row r="897995" spans="14:14">
      <c r="N897995" s="10"/>
    </row>
    <row r="897996" spans="14:14">
      <c r="N897996" s="10"/>
    </row>
    <row r="897997" spans="14:14">
      <c r="N897997" s="10"/>
    </row>
    <row r="897998" spans="14:14">
      <c r="N897998" s="10"/>
    </row>
    <row r="897999" spans="14:14">
      <c r="N897999" s="10"/>
    </row>
    <row r="898000" spans="14:14">
      <c r="N898000" s="10"/>
    </row>
    <row r="898001" spans="14:14">
      <c r="N898001" s="10"/>
    </row>
    <row r="898002" spans="14:14">
      <c r="N898002" s="10"/>
    </row>
    <row r="898003" spans="14:14">
      <c r="N898003" s="10"/>
    </row>
    <row r="898004" spans="14:14">
      <c r="N898004" s="10"/>
    </row>
    <row r="898005" spans="14:14">
      <c r="N898005" s="10"/>
    </row>
    <row r="898006" spans="14:14">
      <c r="N898006" s="10"/>
    </row>
    <row r="898007" spans="14:14">
      <c r="N898007" s="10"/>
    </row>
    <row r="898008" spans="14:14">
      <c r="N898008" s="10"/>
    </row>
    <row r="898009" spans="14:14">
      <c r="N898009" s="10"/>
    </row>
    <row r="898010" spans="14:14">
      <c r="N898010" s="10"/>
    </row>
    <row r="898011" spans="14:14">
      <c r="N898011" s="10"/>
    </row>
    <row r="898012" spans="14:14">
      <c r="N898012" s="10"/>
    </row>
    <row r="898013" spans="14:14">
      <c r="N898013" s="10"/>
    </row>
    <row r="898014" spans="14:14">
      <c r="N898014" s="10"/>
    </row>
    <row r="898015" spans="14:14">
      <c r="N898015" s="10"/>
    </row>
    <row r="898016" spans="14:14">
      <c r="N898016" s="10"/>
    </row>
    <row r="898017" spans="14:14">
      <c r="N898017" s="10"/>
    </row>
    <row r="898018" spans="14:14">
      <c r="N898018" s="10"/>
    </row>
    <row r="898019" spans="14:14">
      <c r="N898019" s="10"/>
    </row>
    <row r="898020" spans="14:14">
      <c r="N898020" s="10"/>
    </row>
    <row r="898021" spans="14:14">
      <c r="N898021" s="10"/>
    </row>
    <row r="898022" spans="14:14">
      <c r="N898022" s="10"/>
    </row>
    <row r="898023" spans="14:14">
      <c r="N898023" s="10"/>
    </row>
    <row r="898024" spans="14:14">
      <c r="N898024" s="10"/>
    </row>
    <row r="898025" spans="14:14">
      <c r="N898025" s="10"/>
    </row>
    <row r="898026" spans="14:14">
      <c r="N898026" s="10"/>
    </row>
    <row r="898027" spans="14:14">
      <c r="N898027" s="10"/>
    </row>
    <row r="898028" spans="14:14">
      <c r="N898028" s="10"/>
    </row>
    <row r="898029" spans="14:14">
      <c r="N898029" s="10"/>
    </row>
    <row r="898030" spans="14:14">
      <c r="N898030" s="10"/>
    </row>
    <row r="898031" spans="14:14">
      <c r="N898031" s="10"/>
    </row>
    <row r="898032" spans="14:14">
      <c r="N898032" s="10"/>
    </row>
    <row r="898033" spans="14:14">
      <c r="N898033" s="10"/>
    </row>
    <row r="898034" spans="14:14">
      <c r="N898034" s="10"/>
    </row>
    <row r="898035" spans="14:14">
      <c r="N898035" s="10"/>
    </row>
    <row r="898036" spans="14:14">
      <c r="N898036" s="10"/>
    </row>
    <row r="898037" spans="14:14">
      <c r="N898037" s="10"/>
    </row>
    <row r="898038" spans="14:14">
      <c r="N898038" s="10"/>
    </row>
    <row r="898039" spans="14:14">
      <c r="N898039" s="10"/>
    </row>
    <row r="898040" spans="14:14">
      <c r="N898040" s="10"/>
    </row>
    <row r="898041" spans="14:14">
      <c r="N898041" s="10"/>
    </row>
    <row r="898042" spans="14:14">
      <c r="N898042" s="10"/>
    </row>
    <row r="898043" spans="14:14">
      <c r="N898043" s="10"/>
    </row>
    <row r="898044" spans="14:14">
      <c r="N898044" s="10"/>
    </row>
    <row r="898045" spans="14:14">
      <c r="N898045" s="10"/>
    </row>
    <row r="898046" spans="14:14">
      <c r="N898046" s="10"/>
    </row>
    <row r="898047" spans="14:14">
      <c r="N898047" s="10"/>
    </row>
    <row r="898048" spans="14:14">
      <c r="N898048" s="10"/>
    </row>
    <row r="898049" spans="14:14">
      <c r="N898049" s="10"/>
    </row>
    <row r="898050" spans="14:14">
      <c r="N898050" s="10"/>
    </row>
    <row r="898051" spans="14:14">
      <c r="N898051" s="10"/>
    </row>
    <row r="898052" spans="14:14">
      <c r="N898052" s="10"/>
    </row>
    <row r="898053" spans="14:14">
      <c r="N898053" s="10"/>
    </row>
    <row r="898054" spans="14:14">
      <c r="N898054" s="10"/>
    </row>
    <row r="898055" spans="14:14">
      <c r="N898055" s="10"/>
    </row>
    <row r="898056" spans="14:14">
      <c r="N898056" s="10"/>
    </row>
    <row r="898057" spans="14:14">
      <c r="N898057" s="10"/>
    </row>
    <row r="898058" spans="14:14">
      <c r="N898058" s="10"/>
    </row>
    <row r="898059" spans="14:14">
      <c r="N898059" s="10"/>
    </row>
    <row r="898060" spans="14:14">
      <c r="N898060" s="10"/>
    </row>
    <row r="898061" spans="14:14">
      <c r="N898061" s="10"/>
    </row>
    <row r="898062" spans="14:14">
      <c r="N898062" s="10"/>
    </row>
    <row r="898063" spans="14:14">
      <c r="N898063" s="10"/>
    </row>
    <row r="898064" spans="14:14">
      <c r="N898064" s="10"/>
    </row>
    <row r="898065" spans="14:14">
      <c r="N898065" s="10"/>
    </row>
    <row r="898066" spans="14:14">
      <c r="N898066" s="10"/>
    </row>
    <row r="898067" spans="14:14">
      <c r="N898067" s="10"/>
    </row>
    <row r="898068" spans="14:14">
      <c r="N898068" s="10"/>
    </row>
    <row r="898069" spans="14:14">
      <c r="N898069" s="10"/>
    </row>
    <row r="898070" spans="14:14">
      <c r="N898070" s="10"/>
    </row>
    <row r="898071" spans="14:14">
      <c r="N898071" s="10"/>
    </row>
    <row r="898072" spans="14:14">
      <c r="N898072" s="10"/>
    </row>
    <row r="898073" spans="14:14">
      <c r="N898073" s="10"/>
    </row>
    <row r="898074" spans="14:14">
      <c r="N898074" s="10"/>
    </row>
    <row r="898075" spans="14:14">
      <c r="N898075" s="10"/>
    </row>
    <row r="898076" spans="14:14">
      <c r="N898076" s="10"/>
    </row>
    <row r="898077" spans="14:14">
      <c r="N898077" s="10"/>
    </row>
    <row r="898078" spans="14:14">
      <c r="N898078" s="10"/>
    </row>
    <row r="898079" spans="14:14">
      <c r="N898079" s="10"/>
    </row>
    <row r="898080" spans="14:14">
      <c r="N898080" s="10"/>
    </row>
    <row r="898081" spans="14:14">
      <c r="N898081" s="10"/>
    </row>
    <row r="898082" spans="14:14">
      <c r="N898082" s="10"/>
    </row>
    <row r="898083" spans="14:14">
      <c r="N898083" s="10"/>
    </row>
    <row r="898084" spans="14:14">
      <c r="N898084" s="10"/>
    </row>
    <row r="898085" spans="14:14">
      <c r="N898085" s="10"/>
    </row>
    <row r="898086" spans="14:14">
      <c r="N898086" s="10"/>
    </row>
    <row r="898087" spans="14:14">
      <c r="N898087" s="10"/>
    </row>
    <row r="898088" spans="14:14">
      <c r="N898088" s="10"/>
    </row>
    <row r="898089" spans="14:14">
      <c r="N898089" s="10"/>
    </row>
    <row r="898090" spans="14:14">
      <c r="N898090" s="10"/>
    </row>
    <row r="898091" spans="14:14">
      <c r="N898091" s="10"/>
    </row>
    <row r="898092" spans="14:14">
      <c r="N898092" s="10"/>
    </row>
    <row r="898093" spans="14:14">
      <c r="N898093" s="10"/>
    </row>
    <row r="898094" spans="14:14">
      <c r="N898094" s="10"/>
    </row>
    <row r="898095" spans="14:14">
      <c r="N898095" s="10"/>
    </row>
    <row r="898096" spans="14:14">
      <c r="N898096" s="10"/>
    </row>
    <row r="898097" spans="14:14">
      <c r="N898097" s="10"/>
    </row>
    <row r="898098" spans="14:14">
      <c r="N898098" s="10"/>
    </row>
    <row r="898099" spans="14:14">
      <c r="N898099" s="10"/>
    </row>
    <row r="898100" spans="14:14">
      <c r="N898100" s="10"/>
    </row>
    <row r="898101" spans="14:14">
      <c r="N898101" s="10"/>
    </row>
    <row r="898102" spans="14:14">
      <c r="N898102" s="10"/>
    </row>
    <row r="898103" spans="14:14">
      <c r="N898103" s="10"/>
    </row>
    <row r="898104" spans="14:14">
      <c r="N898104" s="10"/>
    </row>
    <row r="898105" spans="14:14">
      <c r="N898105" s="10"/>
    </row>
    <row r="898106" spans="14:14">
      <c r="N898106" s="10"/>
    </row>
    <row r="898107" spans="14:14">
      <c r="N898107" s="10"/>
    </row>
    <row r="898108" spans="14:14">
      <c r="N898108" s="10"/>
    </row>
    <row r="898109" spans="14:14">
      <c r="N898109" s="10"/>
    </row>
    <row r="898110" spans="14:14">
      <c r="N898110" s="10"/>
    </row>
    <row r="898111" spans="14:14">
      <c r="N898111" s="10"/>
    </row>
    <row r="898112" spans="14:14">
      <c r="N898112" s="10"/>
    </row>
    <row r="898113" spans="14:14">
      <c r="N898113" s="10"/>
    </row>
    <row r="898114" spans="14:14">
      <c r="N898114" s="10"/>
    </row>
    <row r="898115" spans="14:14">
      <c r="N898115" s="10"/>
    </row>
    <row r="898116" spans="14:14">
      <c r="N898116" s="10"/>
    </row>
    <row r="898117" spans="14:14">
      <c r="N898117" s="10"/>
    </row>
    <row r="898118" spans="14:14">
      <c r="N898118" s="10"/>
    </row>
    <row r="898119" spans="14:14">
      <c r="N898119" s="10"/>
    </row>
    <row r="898120" spans="14:14">
      <c r="N898120" s="10"/>
    </row>
    <row r="898121" spans="14:14">
      <c r="N898121" s="10"/>
    </row>
    <row r="898122" spans="14:14">
      <c r="N898122" s="10"/>
    </row>
    <row r="898123" spans="14:14">
      <c r="N898123" s="10"/>
    </row>
    <row r="898124" spans="14:14">
      <c r="N898124" s="10"/>
    </row>
    <row r="898125" spans="14:14">
      <c r="N898125" s="10"/>
    </row>
    <row r="898126" spans="14:14">
      <c r="N898126" s="10"/>
    </row>
    <row r="898127" spans="14:14">
      <c r="N898127" s="10"/>
    </row>
    <row r="898128" spans="14:14">
      <c r="N898128" s="10"/>
    </row>
    <row r="898129" spans="14:14">
      <c r="N898129" s="10"/>
    </row>
    <row r="898130" spans="14:14">
      <c r="N898130" s="10"/>
    </row>
    <row r="898131" spans="14:14">
      <c r="N898131" s="10"/>
    </row>
    <row r="898132" spans="14:14">
      <c r="N898132" s="10"/>
    </row>
    <row r="898133" spans="14:14">
      <c r="N898133" s="10"/>
    </row>
    <row r="898134" spans="14:14">
      <c r="N898134" s="10"/>
    </row>
    <row r="898135" spans="14:14">
      <c r="N898135" s="10"/>
    </row>
    <row r="898136" spans="14:14">
      <c r="N898136" s="10"/>
    </row>
    <row r="898137" spans="14:14">
      <c r="N898137" s="10"/>
    </row>
    <row r="898138" spans="14:14">
      <c r="N898138" s="10"/>
    </row>
    <row r="898139" spans="14:14">
      <c r="N898139" s="10"/>
    </row>
    <row r="898140" spans="14:14">
      <c r="N898140" s="10"/>
    </row>
    <row r="898141" spans="14:14">
      <c r="N898141" s="10"/>
    </row>
    <row r="898142" spans="14:14">
      <c r="N898142" s="10"/>
    </row>
    <row r="898143" spans="14:14">
      <c r="N898143" s="10"/>
    </row>
    <row r="898144" spans="14:14">
      <c r="N898144" s="10"/>
    </row>
    <row r="898145" spans="14:14">
      <c r="N898145" s="10"/>
    </row>
    <row r="898146" spans="14:14">
      <c r="N898146" s="10"/>
    </row>
    <row r="898147" spans="14:14">
      <c r="N898147" s="10"/>
    </row>
    <row r="898148" spans="14:14">
      <c r="N898148" s="10"/>
    </row>
    <row r="898149" spans="14:14">
      <c r="N898149" s="10"/>
    </row>
    <row r="898150" spans="14:14">
      <c r="N898150" s="10"/>
    </row>
    <row r="898151" spans="14:14">
      <c r="N898151" s="10"/>
    </row>
    <row r="898152" spans="14:14">
      <c r="N898152" s="10"/>
    </row>
    <row r="898153" spans="14:14">
      <c r="N898153" s="10"/>
    </row>
    <row r="898154" spans="14:14">
      <c r="N898154" s="10"/>
    </row>
    <row r="898155" spans="14:14">
      <c r="N898155" s="10"/>
    </row>
    <row r="898156" spans="14:14">
      <c r="N898156" s="10"/>
    </row>
    <row r="898157" spans="14:14">
      <c r="N898157" s="10"/>
    </row>
    <row r="898158" spans="14:14">
      <c r="N898158" s="10"/>
    </row>
    <row r="898159" spans="14:14">
      <c r="N898159" s="10"/>
    </row>
    <row r="898160" spans="14:14">
      <c r="N898160" s="10"/>
    </row>
    <row r="898161" spans="14:14">
      <c r="N898161" s="10"/>
    </row>
    <row r="898162" spans="14:14">
      <c r="N898162" s="10"/>
    </row>
    <row r="898163" spans="14:14">
      <c r="N898163" s="10"/>
    </row>
    <row r="898164" spans="14:14">
      <c r="N898164" s="10"/>
    </row>
    <row r="898165" spans="14:14">
      <c r="N898165" s="10"/>
    </row>
    <row r="898166" spans="14:14">
      <c r="N898166" s="10"/>
    </row>
    <row r="898167" spans="14:14">
      <c r="N898167" s="10"/>
    </row>
    <row r="898168" spans="14:14">
      <c r="N898168" s="10"/>
    </row>
    <row r="898169" spans="14:14">
      <c r="N898169" s="10"/>
    </row>
    <row r="898170" spans="14:14">
      <c r="N898170" s="10"/>
    </row>
    <row r="898171" spans="14:14">
      <c r="N898171" s="10"/>
    </row>
    <row r="898172" spans="14:14">
      <c r="N898172" s="10"/>
    </row>
    <row r="898173" spans="14:14">
      <c r="N898173" s="10"/>
    </row>
    <row r="898174" spans="14:14">
      <c r="N898174" s="10"/>
    </row>
    <row r="898175" spans="14:14">
      <c r="N898175" s="10"/>
    </row>
    <row r="898176" spans="14:14">
      <c r="N898176" s="10"/>
    </row>
    <row r="898177" spans="14:14">
      <c r="N898177" s="10"/>
    </row>
    <row r="898178" spans="14:14">
      <c r="N898178" s="10"/>
    </row>
    <row r="898179" spans="14:14">
      <c r="N898179" s="10"/>
    </row>
    <row r="898180" spans="14:14">
      <c r="N898180" s="10"/>
    </row>
    <row r="898181" spans="14:14">
      <c r="N898181" s="10"/>
    </row>
    <row r="898182" spans="14:14">
      <c r="N898182" s="10"/>
    </row>
    <row r="898183" spans="14:14">
      <c r="N898183" s="10"/>
    </row>
    <row r="898184" spans="14:14">
      <c r="N898184" s="10"/>
    </row>
    <row r="898185" spans="14:14">
      <c r="N898185" s="10"/>
    </row>
    <row r="898186" spans="14:14">
      <c r="N898186" s="10"/>
    </row>
    <row r="898187" spans="14:14">
      <c r="N898187" s="10"/>
    </row>
    <row r="898188" spans="14:14">
      <c r="N898188" s="10"/>
    </row>
    <row r="898189" spans="14:14">
      <c r="N898189" s="10"/>
    </row>
    <row r="898190" spans="14:14">
      <c r="N898190" s="10"/>
    </row>
    <row r="898191" spans="14:14">
      <c r="N898191" s="10"/>
    </row>
    <row r="898192" spans="14:14">
      <c r="N898192" s="10"/>
    </row>
    <row r="898193" spans="14:14">
      <c r="N898193" s="10"/>
    </row>
    <row r="898194" spans="14:14">
      <c r="N898194" s="10"/>
    </row>
    <row r="898195" spans="14:14">
      <c r="N898195" s="10"/>
    </row>
    <row r="898196" spans="14:14">
      <c r="N898196" s="10"/>
    </row>
    <row r="898197" spans="14:14">
      <c r="N898197" s="10"/>
    </row>
    <row r="898198" spans="14:14">
      <c r="N898198" s="10"/>
    </row>
    <row r="898199" spans="14:14">
      <c r="N898199" s="10"/>
    </row>
    <row r="898200" spans="14:14">
      <c r="N898200" s="10"/>
    </row>
    <row r="898201" spans="14:14">
      <c r="N898201" s="10"/>
    </row>
    <row r="898202" spans="14:14">
      <c r="N898202" s="10"/>
    </row>
    <row r="898203" spans="14:14">
      <c r="N898203" s="10"/>
    </row>
    <row r="898204" spans="14:14">
      <c r="N898204" s="10"/>
    </row>
    <row r="898205" spans="14:14">
      <c r="N898205" s="10"/>
    </row>
    <row r="898206" spans="14:14">
      <c r="N898206" s="10"/>
    </row>
    <row r="898207" spans="14:14">
      <c r="N898207" s="10"/>
    </row>
    <row r="898208" spans="14:14">
      <c r="N898208" s="10"/>
    </row>
    <row r="898209" spans="14:14">
      <c r="N898209" s="10"/>
    </row>
    <row r="898210" spans="14:14">
      <c r="N898210" s="10"/>
    </row>
    <row r="898211" spans="14:14">
      <c r="N898211" s="10"/>
    </row>
    <row r="898212" spans="14:14">
      <c r="N898212" s="10"/>
    </row>
    <row r="898213" spans="14:14">
      <c r="N898213" s="10"/>
    </row>
    <row r="898214" spans="14:14">
      <c r="N898214" s="10"/>
    </row>
    <row r="898215" spans="14:14">
      <c r="N898215" s="10"/>
    </row>
    <row r="898216" spans="14:14">
      <c r="N898216" s="10"/>
    </row>
    <row r="898217" spans="14:14">
      <c r="N898217" s="10"/>
    </row>
    <row r="898218" spans="14:14">
      <c r="N898218" s="10"/>
    </row>
    <row r="898219" spans="14:14">
      <c r="N898219" s="10"/>
    </row>
    <row r="898220" spans="14:14">
      <c r="N898220" s="10"/>
    </row>
    <row r="898221" spans="14:14">
      <c r="N898221" s="10"/>
    </row>
    <row r="898222" spans="14:14">
      <c r="N898222" s="10"/>
    </row>
    <row r="898223" spans="14:14">
      <c r="N898223" s="10"/>
    </row>
    <row r="898224" spans="14:14">
      <c r="N898224" s="10"/>
    </row>
    <row r="898225" spans="14:14">
      <c r="N898225" s="10"/>
    </row>
    <row r="898226" spans="14:14">
      <c r="N898226" s="10"/>
    </row>
    <row r="898227" spans="14:14">
      <c r="N898227" s="10"/>
    </row>
    <row r="898228" spans="14:14">
      <c r="N898228" s="10"/>
    </row>
    <row r="898229" spans="14:14">
      <c r="N898229" s="10"/>
    </row>
    <row r="898230" spans="14:14">
      <c r="N898230" s="10"/>
    </row>
    <row r="898231" spans="14:14">
      <c r="N898231" s="10"/>
    </row>
    <row r="898232" spans="14:14">
      <c r="N898232" s="10"/>
    </row>
    <row r="898233" spans="14:14">
      <c r="N898233" s="10"/>
    </row>
    <row r="898234" spans="14:14">
      <c r="N898234" s="10"/>
    </row>
    <row r="898235" spans="14:14">
      <c r="N898235" s="10"/>
    </row>
    <row r="898236" spans="14:14">
      <c r="N898236" s="10"/>
    </row>
    <row r="898237" spans="14:14">
      <c r="N898237" s="10"/>
    </row>
    <row r="898238" spans="14:14">
      <c r="N898238" s="10"/>
    </row>
    <row r="898239" spans="14:14">
      <c r="N898239" s="10"/>
    </row>
    <row r="898240" spans="14:14">
      <c r="N898240" s="10"/>
    </row>
    <row r="898241" spans="14:14">
      <c r="N898241" s="10"/>
    </row>
    <row r="898242" spans="14:14">
      <c r="N898242" s="10"/>
    </row>
    <row r="898243" spans="14:14">
      <c r="N898243" s="10"/>
    </row>
    <row r="898244" spans="14:14">
      <c r="N898244" s="10"/>
    </row>
    <row r="898245" spans="14:14">
      <c r="N898245" s="10"/>
    </row>
    <row r="898246" spans="14:14">
      <c r="N898246" s="10"/>
    </row>
    <row r="898247" spans="14:14">
      <c r="N898247" s="10"/>
    </row>
    <row r="898248" spans="14:14">
      <c r="N898248" s="10"/>
    </row>
    <row r="898249" spans="14:14">
      <c r="N898249" s="10"/>
    </row>
    <row r="898250" spans="14:14">
      <c r="N898250" s="10"/>
    </row>
    <row r="898251" spans="14:14">
      <c r="N898251" s="10"/>
    </row>
    <row r="898252" spans="14:14">
      <c r="N898252" s="10"/>
    </row>
    <row r="898253" spans="14:14">
      <c r="N898253" s="10"/>
    </row>
    <row r="898254" spans="14:14">
      <c r="N898254" s="10"/>
    </row>
    <row r="898255" spans="14:14">
      <c r="N898255" s="10"/>
    </row>
    <row r="898256" spans="14:14">
      <c r="N898256" s="10"/>
    </row>
    <row r="898257" spans="14:14">
      <c r="N898257" s="10"/>
    </row>
    <row r="898258" spans="14:14">
      <c r="N898258" s="10"/>
    </row>
    <row r="898259" spans="14:14">
      <c r="N898259" s="10"/>
    </row>
    <row r="898260" spans="14:14">
      <c r="N898260" s="10"/>
    </row>
    <row r="898261" spans="14:14">
      <c r="N898261" s="10"/>
    </row>
    <row r="898262" spans="14:14">
      <c r="N898262" s="10"/>
    </row>
    <row r="898263" spans="14:14">
      <c r="N898263" s="10"/>
    </row>
    <row r="898264" spans="14:14">
      <c r="N898264" s="10"/>
    </row>
    <row r="898265" spans="14:14">
      <c r="N898265" s="10"/>
    </row>
    <row r="898266" spans="14:14">
      <c r="N898266" s="10"/>
    </row>
    <row r="898267" spans="14:14">
      <c r="N898267" s="10"/>
    </row>
    <row r="898268" spans="14:14">
      <c r="N898268" s="10"/>
    </row>
    <row r="898269" spans="14:14">
      <c r="N898269" s="10"/>
    </row>
    <row r="898270" spans="14:14">
      <c r="N898270" s="10"/>
    </row>
    <row r="898271" spans="14:14">
      <c r="N898271" s="10"/>
    </row>
    <row r="898272" spans="14:14">
      <c r="N898272" s="10"/>
    </row>
    <row r="898273" spans="14:14">
      <c r="N898273" s="10"/>
    </row>
    <row r="898274" spans="14:14">
      <c r="N898274" s="10"/>
    </row>
    <row r="898275" spans="14:14">
      <c r="N898275" s="10"/>
    </row>
    <row r="898276" spans="14:14">
      <c r="N898276" s="10"/>
    </row>
    <row r="898277" spans="14:14">
      <c r="N898277" s="10"/>
    </row>
    <row r="898278" spans="14:14">
      <c r="N898278" s="10"/>
    </row>
    <row r="898279" spans="14:14">
      <c r="N898279" s="10"/>
    </row>
    <row r="898280" spans="14:14">
      <c r="N898280" s="10"/>
    </row>
    <row r="898281" spans="14:14">
      <c r="N898281" s="10"/>
    </row>
    <row r="898282" spans="14:14">
      <c r="N898282" s="10"/>
    </row>
    <row r="898283" spans="14:14">
      <c r="N898283" s="10"/>
    </row>
    <row r="898284" spans="14:14">
      <c r="N898284" s="10"/>
    </row>
    <row r="898285" spans="14:14">
      <c r="N898285" s="10"/>
    </row>
    <row r="898286" spans="14:14">
      <c r="N898286" s="10"/>
    </row>
    <row r="898287" spans="14:14">
      <c r="N898287" s="10"/>
    </row>
    <row r="898288" spans="14:14">
      <c r="N898288" s="10"/>
    </row>
    <row r="898289" spans="14:14">
      <c r="N898289" s="10"/>
    </row>
    <row r="898290" spans="14:14">
      <c r="N898290" s="10"/>
    </row>
    <row r="898291" spans="14:14">
      <c r="N898291" s="10"/>
    </row>
    <row r="898292" spans="14:14">
      <c r="N898292" s="10"/>
    </row>
    <row r="898293" spans="14:14">
      <c r="N898293" s="10"/>
    </row>
    <row r="898294" spans="14:14">
      <c r="N898294" s="10"/>
    </row>
    <row r="898295" spans="14:14">
      <c r="N898295" s="10"/>
    </row>
    <row r="898296" spans="14:14">
      <c r="N898296" s="10"/>
    </row>
    <row r="898297" spans="14:14">
      <c r="N898297" s="10"/>
    </row>
    <row r="898298" spans="14:14">
      <c r="N898298" s="10"/>
    </row>
    <row r="898299" spans="14:14">
      <c r="N898299" s="10"/>
    </row>
    <row r="898300" spans="14:14">
      <c r="N898300" s="10"/>
    </row>
    <row r="898301" spans="14:14">
      <c r="N898301" s="10"/>
    </row>
    <row r="898302" spans="14:14">
      <c r="N898302" s="10"/>
    </row>
    <row r="898303" spans="14:14">
      <c r="N898303" s="10"/>
    </row>
    <row r="898304" spans="14:14">
      <c r="N898304" s="10"/>
    </row>
    <row r="898305" spans="14:14">
      <c r="N898305" s="10"/>
    </row>
    <row r="898306" spans="14:14">
      <c r="N898306" s="10"/>
    </row>
    <row r="898307" spans="14:14">
      <c r="N898307" s="10"/>
    </row>
    <row r="898308" spans="14:14">
      <c r="N898308" s="10"/>
    </row>
    <row r="898309" spans="14:14">
      <c r="N898309" s="10"/>
    </row>
    <row r="898310" spans="14:14">
      <c r="N898310" s="10"/>
    </row>
    <row r="898311" spans="14:14">
      <c r="N898311" s="10"/>
    </row>
    <row r="898312" spans="14:14">
      <c r="N898312" s="10"/>
    </row>
    <row r="898313" spans="14:14">
      <c r="N898313" s="10"/>
    </row>
    <row r="898314" spans="14:14">
      <c r="N898314" s="10"/>
    </row>
    <row r="898315" spans="14:14">
      <c r="N898315" s="10"/>
    </row>
    <row r="898316" spans="14:14">
      <c r="N898316" s="10"/>
    </row>
    <row r="898317" spans="14:14">
      <c r="N898317" s="10"/>
    </row>
    <row r="898318" spans="14:14">
      <c r="N898318" s="10"/>
    </row>
    <row r="898319" spans="14:14">
      <c r="N898319" s="10"/>
    </row>
    <row r="898320" spans="14:14">
      <c r="N898320" s="10"/>
    </row>
    <row r="898321" spans="14:14">
      <c r="N898321" s="10"/>
    </row>
    <row r="898322" spans="14:14">
      <c r="N898322" s="10"/>
    </row>
    <row r="898323" spans="14:14">
      <c r="N898323" s="10"/>
    </row>
    <row r="898324" spans="14:14">
      <c r="N898324" s="10"/>
    </row>
    <row r="898325" spans="14:14">
      <c r="N898325" s="10"/>
    </row>
    <row r="898326" spans="14:14">
      <c r="N898326" s="10"/>
    </row>
    <row r="898327" spans="14:14">
      <c r="N898327" s="10"/>
    </row>
    <row r="898328" spans="14:14">
      <c r="N898328" s="10"/>
    </row>
    <row r="898329" spans="14:14">
      <c r="N898329" s="10"/>
    </row>
    <row r="898330" spans="14:14">
      <c r="N898330" s="10"/>
    </row>
    <row r="898331" spans="14:14">
      <c r="N898331" s="10"/>
    </row>
    <row r="898332" spans="14:14">
      <c r="N898332" s="10"/>
    </row>
    <row r="898333" spans="14:14">
      <c r="N898333" s="10"/>
    </row>
    <row r="898334" spans="14:14">
      <c r="N898334" s="10"/>
    </row>
    <row r="898335" spans="14:14">
      <c r="N898335" s="10"/>
    </row>
    <row r="898336" spans="14:14">
      <c r="N898336" s="10"/>
    </row>
    <row r="898337" spans="14:14">
      <c r="N898337" s="10"/>
    </row>
    <row r="898338" spans="14:14">
      <c r="N898338" s="10"/>
    </row>
    <row r="898339" spans="14:14">
      <c r="N898339" s="10"/>
    </row>
    <row r="898340" spans="14:14">
      <c r="N898340" s="10"/>
    </row>
    <row r="898341" spans="14:14">
      <c r="N898341" s="10"/>
    </row>
    <row r="898342" spans="14:14">
      <c r="N898342" s="10"/>
    </row>
    <row r="898343" spans="14:14">
      <c r="N898343" s="10"/>
    </row>
    <row r="898344" spans="14:14">
      <c r="N898344" s="10"/>
    </row>
    <row r="898345" spans="14:14">
      <c r="N898345" s="10"/>
    </row>
    <row r="898346" spans="14:14">
      <c r="N898346" s="10"/>
    </row>
    <row r="898347" spans="14:14">
      <c r="N898347" s="10"/>
    </row>
    <row r="898348" spans="14:14">
      <c r="N898348" s="10"/>
    </row>
    <row r="898349" spans="14:14">
      <c r="N898349" s="10"/>
    </row>
    <row r="898350" spans="14:14">
      <c r="N898350" s="10"/>
    </row>
    <row r="898351" spans="14:14">
      <c r="N898351" s="10"/>
    </row>
    <row r="898352" spans="14:14">
      <c r="N898352" s="10"/>
    </row>
    <row r="898353" spans="14:14">
      <c r="N898353" s="10"/>
    </row>
    <row r="898354" spans="14:14">
      <c r="N898354" s="10"/>
    </row>
    <row r="898355" spans="14:14">
      <c r="N898355" s="10"/>
    </row>
    <row r="898356" spans="14:14">
      <c r="N898356" s="10"/>
    </row>
    <row r="898357" spans="14:14">
      <c r="N898357" s="10"/>
    </row>
    <row r="898358" spans="14:14">
      <c r="N898358" s="10"/>
    </row>
    <row r="898359" spans="14:14">
      <c r="N898359" s="10"/>
    </row>
    <row r="898360" spans="14:14">
      <c r="N898360" s="10"/>
    </row>
    <row r="898361" spans="14:14">
      <c r="N898361" s="10"/>
    </row>
    <row r="898362" spans="14:14">
      <c r="N898362" s="10"/>
    </row>
    <row r="898363" spans="14:14">
      <c r="N898363" s="10"/>
    </row>
    <row r="898364" spans="14:14">
      <c r="N898364" s="10"/>
    </row>
    <row r="898365" spans="14:14">
      <c r="N898365" s="10"/>
    </row>
    <row r="898366" spans="14:14">
      <c r="N898366" s="10"/>
    </row>
    <row r="898367" spans="14:14">
      <c r="N898367" s="10"/>
    </row>
    <row r="898368" spans="14:14">
      <c r="N898368" s="10"/>
    </row>
    <row r="898369" spans="14:14">
      <c r="N898369" s="10"/>
    </row>
    <row r="898370" spans="14:14">
      <c r="N898370" s="10"/>
    </row>
    <row r="898371" spans="14:14">
      <c r="N898371" s="10"/>
    </row>
    <row r="898372" spans="14:14">
      <c r="N898372" s="10"/>
    </row>
    <row r="898373" spans="14:14">
      <c r="N898373" s="10"/>
    </row>
    <row r="898374" spans="14:14">
      <c r="N898374" s="10"/>
    </row>
    <row r="898375" spans="14:14">
      <c r="N898375" s="10"/>
    </row>
    <row r="898376" spans="14:14">
      <c r="N898376" s="10"/>
    </row>
    <row r="898377" spans="14:14">
      <c r="N898377" s="10"/>
    </row>
    <row r="898378" spans="14:14">
      <c r="N898378" s="10"/>
    </row>
    <row r="898379" spans="14:14">
      <c r="N898379" s="10"/>
    </row>
    <row r="898380" spans="14:14">
      <c r="N898380" s="10"/>
    </row>
    <row r="898381" spans="14:14">
      <c r="N898381" s="10"/>
    </row>
    <row r="898382" spans="14:14">
      <c r="N898382" s="10"/>
    </row>
    <row r="898383" spans="14:14">
      <c r="N898383" s="10"/>
    </row>
    <row r="898384" spans="14:14">
      <c r="N898384" s="10"/>
    </row>
    <row r="898385" spans="14:14">
      <c r="N898385" s="10"/>
    </row>
    <row r="898386" spans="14:14">
      <c r="N898386" s="10"/>
    </row>
    <row r="898387" spans="14:14">
      <c r="N898387" s="10"/>
    </row>
    <row r="898388" spans="14:14">
      <c r="N898388" s="10"/>
    </row>
    <row r="898389" spans="14:14">
      <c r="N898389" s="10"/>
    </row>
    <row r="898390" spans="14:14">
      <c r="N898390" s="10"/>
    </row>
    <row r="898391" spans="14:14">
      <c r="N898391" s="10"/>
    </row>
    <row r="898392" spans="14:14">
      <c r="N898392" s="10"/>
    </row>
    <row r="898393" spans="14:14">
      <c r="N898393" s="10"/>
    </row>
    <row r="898394" spans="14:14">
      <c r="N898394" s="10"/>
    </row>
    <row r="898395" spans="14:14">
      <c r="N898395" s="10"/>
    </row>
    <row r="898396" spans="14:14">
      <c r="N898396" s="10"/>
    </row>
    <row r="898397" spans="14:14">
      <c r="N898397" s="10"/>
    </row>
    <row r="898398" spans="14:14">
      <c r="N898398" s="10"/>
    </row>
    <row r="898399" spans="14:14">
      <c r="N898399" s="10"/>
    </row>
    <row r="898400" spans="14:14">
      <c r="N898400" s="10"/>
    </row>
    <row r="898401" spans="14:14">
      <c r="N898401" s="10"/>
    </row>
    <row r="898402" spans="14:14">
      <c r="N898402" s="10"/>
    </row>
    <row r="898403" spans="14:14">
      <c r="N898403" s="10"/>
    </row>
    <row r="898404" spans="14:14">
      <c r="N898404" s="10"/>
    </row>
    <row r="898405" spans="14:14">
      <c r="N898405" s="10"/>
    </row>
    <row r="898406" spans="14:14">
      <c r="N898406" s="10"/>
    </row>
    <row r="898407" spans="14:14">
      <c r="N898407" s="10"/>
    </row>
    <row r="898408" spans="14:14">
      <c r="N898408" s="10"/>
    </row>
    <row r="898409" spans="14:14">
      <c r="N898409" s="10"/>
    </row>
    <row r="898410" spans="14:14">
      <c r="N898410" s="10"/>
    </row>
    <row r="898411" spans="14:14">
      <c r="N898411" s="10"/>
    </row>
    <row r="898412" spans="14:14">
      <c r="N898412" s="10"/>
    </row>
    <row r="898413" spans="14:14">
      <c r="N898413" s="10"/>
    </row>
    <row r="898414" spans="14:14">
      <c r="N898414" s="10"/>
    </row>
    <row r="898415" spans="14:14">
      <c r="N898415" s="10"/>
    </row>
    <row r="898416" spans="14:14">
      <c r="N898416" s="10"/>
    </row>
    <row r="898417" spans="14:14">
      <c r="N898417" s="10"/>
    </row>
    <row r="898418" spans="14:14">
      <c r="N898418" s="10"/>
    </row>
    <row r="898419" spans="14:14">
      <c r="N898419" s="10"/>
    </row>
    <row r="898420" spans="14:14">
      <c r="N898420" s="10"/>
    </row>
    <row r="898421" spans="14:14">
      <c r="N898421" s="10"/>
    </row>
    <row r="898422" spans="14:14">
      <c r="N898422" s="10"/>
    </row>
    <row r="898423" spans="14:14">
      <c r="N898423" s="10"/>
    </row>
    <row r="898424" spans="14:14">
      <c r="N898424" s="10"/>
    </row>
    <row r="898425" spans="14:14">
      <c r="N898425" s="10"/>
    </row>
    <row r="898426" spans="14:14">
      <c r="N898426" s="10"/>
    </row>
    <row r="898427" spans="14:14">
      <c r="N898427" s="10"/>
    </row>
    <row r="898428" spans="14:14">
      <c r="N898428" s="10"/>
    </row>
    <row r="898429" spans="14:14">
      <c r="N898429" s="10"/>
    </row>
    <row r="898430" spans="14:14">
      <c r="N898430" s="10"/>
    </row>
    <row r="898431" spans="14:14">
      <c r="N898431" s="10"/>
    </row>
    <row r="898432" spans="14:14">
      <c r="N898432" s="10"/>
    </row>
    <row r="898433" spans="14:14">
      <c r="N898433" s="10"/>
    </row>
    <row r="898434" spans="14:14">
      <c r="N898434" s="10"/>
    </row>
    <row r="898435" spans="14:14">
      <c r="N898435" s="10"/>
    </row>
    <row r="898436" spans="14:14">
      <c r="N898436" s="10"/>
    </row>
    <row r="898437" spans="14:14">
      <c r="N898437" s="10"/>
    </row>
    <row r="898438" spans="14:14">
      <c r="N898438" s="10"/>
    </row>
    <row r="898439" spans="14:14">
      <c r="N898439" s="10"/>
    </row>
    <row r="898440" spans="14:14">
      <c r="N898440" s="10"/>
    </row>
    <row r="898441" spans="14:14">
      <c r="N898441" s="10"/>
    </row>
    <row r="898442" spans="14:14">
      <c r="N898442" s="10"/>
    </row>
    <row r="898443" spans="14:14">
      <c r="N898443" s="10"/>
    </row>
    <row r="898444" spans="14:14">
      <c r="N898444" s="10"/>
    </row>
    <row r="898445" spans="14:14">
      <c r="N898445" s="10"/>
    </row>
    <row r="898446" spans="14:14">
      <c r="N898446" s="10"/>
    </row>
    <row r="898447" spans="14:14">
      <c r="N898447" s="10"/>
    </row>
    <row r="898448" spans="14:14">
      <c r="N898448" s="10"/>
    </row>
    <row r="898449" spans="14:14">
      <c r="N898449" s="10"/>
    </row>
    <row r="898450" spans="14:14">
      <c r="N898450" s="10"/>
    </row>
    <row r="898451" spans="14:14">
      <c r="N898451" s="10"/>
    </row>
    <row r="898452" spans="14:14">
      <c r="N898452" s="10"/>
    </row>
    <row r="898453" spans="14:14">
      <c r="N898453" s="10"/>
    </row>
    <row r="898454" spans="14:14">
      <c r="N898454" s="10"/>
    </row>
    <row r="898455" spans="14:14">
      <c r="N898455" s="10"/>
    </row>
    <row r="898456" spans="14:14">
      <c r="N898456" s="10"/>
    </row>
    <row r="898457" spans="14:14">
      <c r="N898457" s="10"/>
    </row>
    <row r="898458" spans="14:14">
      <c r="N898458" s="10"/>
    </row>
    <row r="898459" spans="14:14">
      <c r="N898459" s="10"/>
    </row>
    <row r="898460" spans="14:14">
      <c r="N898460" s="10"/>
    </row>
    <row r="898461" spans="14:14">
      <c r="N898461" s="10"/>
    </row>
    <row r="898462" spans="14:14">
      <c r="N898462" s="10"/>
    </row>
    <row r="898463" spans="14:14">
      <c r="N898463" s="10"/>
    </row>
    <row r="898464" spans="14:14">
      <c r="N898464" s="10"/>
    </row>
    <row r="898465" spans="14:14">
      <c r="N898465" s="10"/>
    </row>
    <row r="898466" spans="14:14">
      <c r="N898466" s="10"/>
    </row>
    <row r="898467" spans="14:14">
      <c r="N898467" s="10"/>
    </row>
    <row r="898468" spans="14:14">
      <c r="N898468" s="10"/>
    </row>
    <row r="898469" spans="14:14">
      <c r="N898469" s="10"/>
    </row>
    <row r="898470" spans="14:14">
      <c r="N898470" s="10"/>
    </row>
    <row r="898471" spans="14:14">
      <c r="N898471" s="10"/>
    </row>
    <row r="898472" spans="14:14">
      <c r="N898472" s="10"/>
    </row>
    <row r="898473" spans="14:14">
      <c r="N898473" s="10"/>
    </row>
    <row r="898474" spans="14:14">
      <c r="N898474" s="10"/>
    </row>
    <row r="898475" spans="14:14">
      <c r="N898475" s="10"/>
    </row>
    <row r="898476" spans="14:14">
      <c r="N898476" s="10"/>
    </row>
    <row r="898477" spans="14:14">
      <c r="N898477" s="10"/>
    </row>
    <row r="898478" spans="14:14">
      <c r="N898478" s="10"/>
    </row>
    <row r="898479" spans="14:14">
      <c r="N898479" s="10"/>
    </row>
    <row r="898480" spans="14:14">
      <c r="N898480" s="10"/>
    </row>
    <row r="898481" spans="14:14">
      <c r="N898481" s="10"/>
    </row>
    <row r="898482" spans="14:14">
      <c r="N898482" s="10"/>
    </row>
    <row r="898483" spans="14:14">
      <c r="N898483" s="10"/>
    </row>
    <row r="898484" spans="14:14">
      <c r="N898484" s="10"/>
    </row>
    <row r="898485" spans="14:14">
      <c r="N898485" s="10"/>
    </row>
    <row r="898486" spans="14:14">
      <c r="N898486" s="10"/>
    </row>
    <row r="898487" spans="14:14">
      <c r="N898487" s="10"/>
    </row>
    <row r="898488" spans="14:14">
      <c r="N898488" s="10"/>
    </row>
    <row r="898489" spans="14:14">
      <c r="N898489" s="10"/>
    </row>
    <row r="898490" spans="14:14">
      <c r="N898490" s="10"/>
    </row>
    <row r="898491" spans="14:14">
      <c r="N898491" s="10"/>
    </row>
    <row r="898492" spans="14:14">
      <c r="N898492" s="10"/>
    </row>
    <row r="898493" spans="14:14">
      <c r="N898493" s="10"/>
    </row>
    <row r="898494" spans="14:14">
      <c r="N898494" s="10"/>
    </row>
    <row r="898495" spans="14:14">
      <c r="N898495" s="10"/>
    </row>
    <row r="898496" spans="14:14">
      <c r="N898496" s="10"/>
    </row>
    <row r="898497" spans="14:14">
      <c r="N898497" s="10"/>
    </row>
    <row r="898498" spans="14:14">
      <c r="N898498" s="10"/>
    </row>
    <row r="898499" spans="14:14">
      <c r="N898499" s="10"/>
    </row>
    <row r="898500" spans="14:14">
      <c r="N898500" s="10"/>
    </row>
    <row r="898501" spans="14:14">
      <c r="N898501" s="10"/>
    </row>
    <row r="898502" spans="14:14">
      <c r="N898502" s="10"/>
    </row>
    <row r="898503" spans="14:14">
      <c r="N898503" s="10"/>
    </row>
    <row r="898504" spans="14:14">
      <c r="N898504" s="10"/>
    </row>
    <row r="898505" spans="14:14">
      <c r="N898505" s="10"/>
    </row>
    <row r="898506" spans="14:14">
      <c r="N898506" s="10"/>
    </row>
    <row r="898507" spans="14:14">
      <c r="N898507" s="10"/>
    </row>
    <row r="898508" spans="14:14">
      <c r="N898508" s="10"/>
    </row>
    <row r="898509" spans="14:14">
      <c r="N898509" s="10"/>
    </row>
    <row r="898510" spans="14:14">
      <c r="N898510" s="10"/>
    </row>
    <row r="898511" spans="14:14">
      <c r="N898511" s="10"/>
    </row>
    <row r="898512" spans="14:14">
      <c r="N898512" s="10"/>
    </row>
    <row r="898513" spans="14:14">
      <c r="N898513" s="10"/>
    </row>
    <row r="898514" spans="14:14">
      <c r="N898514" s="10"/>
    </row>
    <row r="898515" spans="14:14">
      <c r="N898515" s="10"/>
    </row>
    <row r="898516" spans="14:14">
      <c r="N898516" s="10"/>
    </row>
    <row r="898517" spans="14:14">
      <c r="N898517" s="10"/>
    </row>
    <row r="898518" spans="14:14">
      <c r="N898518" s="10"/>
    </row>
    <row r="898519" spans="14:14">
      <c r="N898519" s="10"/>
    </row>
    <row r="898520" spans="14:14">
      <c r="N898520" s="10"/>
    </row>
    <row r="898521" spans="14:14">
      <c r="N898521" s="10"/>
    </row>
    <row r="898522" spans="14:14">
      <c r="N898522" s="10"/>
    </row>
    <row r="898523" spans="14:14">
      <c r="N898523" s="10"/>
    </row>
    <row r="898524" spans="14:14">
      <c r="N898524" s="10"/>
    </row>
    <row r="898525" spans="14:14">
      <c r="N898525" s="10"/>
    </row>
    <row r="898526" spans="14:14">
      <c r="N898526" s="10"/>
    </row>
    <row r="898527" spans="14:14">
      <c r="N898527" s="10"/>
    </row>
    <row r="898528" spans="14:14">
      <c r="N898528" s="10"/>
    </row>
    <row r="898529" spans="14:14">
      <c r="N898529" s="10"/>
    </row>
    <row r="898530" spans="14:14">
      <c r="N898530" s="10"/>
    </row>
    <row r="898531" spans="14:14">
      <c r="N898531" s="10"/>
    </row>
    <row r="898532" spans="14:14">
      <c r="N898532" s="10"/>
    </row>
    <row r="898533" spans="14:14">
      <c r="N898533" s="10"/>
    </row>
    <row r="898534" spans="14:14">
      <c r="N898534" s="10"/>
    </row>
    <row r="898535" spans="14:14">
      <c r="N898535" s="10"/>
    </row>
    <row r="898536" spans="14:14">
      <c r="N898536" s="10"/>
    </row>
    <row r="898537" spans="14:14">
      <c r="N898537" s="10"/>
    </row>
    <row r="898538" spans="14:14">
      <c r="N898538" s="10"/>
    </row>
    <row r="898539" spans="14:14">
      <c r="N898539" s="10"/>
    </row>
    <row r="898540" spans="14:14">
      <c r="N898540" s="10"/>
    </row>
    <row r="898541" spans="14:14">
      <c r="N898541" s="10"/>
    </row>
    <row r="898542" spans="14:14">
      <c r="N898542" s="10"/>
    </row>
    <row r="898543" spans="14:14">
      <c r="N898543" s="10"/>
    </row>
    <row r="898544" spans="14:14">
      <c r="N898544" s="10"/>
    </row>
    <row r="898545" spans="14:14">
      <c r="N898545" s="10"/>
    </row>
    <row r="898546" spans="14:14">
      <c r="N898546" s="10"/>
    </row>
    <row r="898547" spans="14:14">
      <c r="N898547" s="10"/>
    </row>
    <row r="898548" spans="14:14">
      <c r="N898548" s="10"/>
    </row>
    <row r="898549" spans="14:14">
      <c r="N898549" s="10"/>
    </row>
    <row r="898550" spans="14:14">
      <c r="N898550" s="10"/>
    </row>
    <row r="898551" spans="14:14">
      <c r="N898551" s="10"/>
    </row>
    <row r="898552" spans="14:14">
      <c r="N898552" s="10"/>
    </row>
    <row r="898553" spans="14:14">
      <c r="N898553" s="10"/>
    </row>
    <row r="898554" spans="14:14">
      <c r="N898554" s="10"/>
    </row>
    <row r="898555" spans="14:14">
      <c r="N898555" s="10"/>
    </row>
    <row r="898556" spans="14:14">
      <c r="N898556" s="10"/>
    </row>
    <row r="898557" spans="14:14">
      <c r="N898557" s="10"/>
    </row>
    <row r="898558" spans="14:14">
      <c r="N898558" s="10"/>
    </row>
    <row r="898559" spans="14:14">
      <c r="N898559" s="10"/>
    </row>
    <row r="898560" spans="14:14">
      <c r="N898560" s="10"/>
    </row>
    <row r="898561" spans="14:14">
      <c r="N898561" s="10"/>
    </row>
    <row r="898562" spans="14:14">
      <c r="N898562" s="10"/>
    </row>
    <row r="898563" spans="14:14">
      <c r="N898563" s="10"/>
    </row>
    <row r="898564" spans="14:14">
      <c r="N898564" s="10"/>
    </row>
    <row r="898565" spans="14:14">
      <c r="N898565" s="10"/>
    </row>
    <row r="898566" spans="14:14">
      <c r="N898566" s="10"/>
    </row>
    <row r="898567" spans="14:14">
      <c r="N898567" s="10"/>
    </row>
    <row r="898568" spans="14:14">
      <c r="N898568" s="10"/>
    </row>
    <row r="898569" spans="14:14">
      <c r="N898569" s="10"/>
    </row>
    <row r="898570" spans="14:14">
      <c r="N898570" s="10"/>
    </row>
    <row r="898571" spans="14:14">
      <c r="N898571" s="10"/>
    </row>
    <row r="898572" spans="14:14">
      <c r="N898572" s="10"/>
    </row>
    <row r="898573" spans="14:14">
      <c r="N898573" s="10"/>
    </row>
    <row r="898574" spans="14:14">
      <c r="N898574" s="10"/>
    </row>
    <row r="898575" spans="14:14">
      <c r="N898575" s="10"/>
    </row>
    <row r="898576" spans="14:14">
      <c r="N898576" s="10"/>
    </row>
    <row r="898577" spans="14:14">
      <c r="N898577" s="10"/>
    </row>
    <row r="898578" spans="14:14">
      <c r="N898578" s="10"/>
    </row>
    <row r="898579" spans="14:14">
      <c r="N898579" s="10"/>
    </row>
    <row r="898580" spans="14:14">
      <c r="N898580" s="10"/>
    </row>
    <row r="898581" spans="14:14">
      <c r="N898581" s="10"/>
    </row>
    <row r="898582" spans="14:14">
      <c r="N898582" s="10"/>
    </row>
    <row r="898583" spans="14:14">
      <c r="N898583" s="10"/>
    </row>
    <row r="898584" spans="14:14">
      <c r="N898584" s="10"/>
    </row>
    <row r="898585" spans="14:14">
      <c r="N898585" s="10"/>
    </row>
    <row r="898586" spans="14:14">
      <c r="N898586" s="10"/>
    </row>
    <row r="898587" spans="14:14">
      <c r="N898587" s="10"/>
    </row>
    <row r="898588" spans="14:14">
      <c r="N898588" s="10"/>
    </row>
    <row r="898589" spans="14:14">
      <c r="N898589" s="10"/>
    </row>
    <row r="898590" spans="14:14">
      <c r="N898590" s="10"/>
    </row>
    <row r="898591" spans="14:14">
      <c r="N898591" s="10"/>
    </row>
    <row r="898592" spans="14:14">
      <c r="N898592" s="10"/>
    </row>
    <row r="898593" spans="14:14">
      <c r="N898593" s="10"/>
    </row>
    <row r="898594" spans="14:14">
      <c r="N898594" s="10"/>
    </row>
    <row r="898595" spans="14:14">
      <c r="N898595" s="10"/>
    </row>
    <row r="898596" spans="14:14">
      <c r="N898596" s="10"/>
    </row>
    <row r="898597" spans="14:14">
      <c r="N898597" s="10"/>
    </row>
    <row r="898598" spans="14:14">
      <c r="N898598" s="10"/>
    </row>
    <row r="898599" spans="14:14">
      <c r="N898599" s="10"/>
    </row>
    <row r="898600" spans="14:14">
      <c r="N898600" s="10"/>
    </row>
    <row r="898601" spans="14:14">
      <c r="N898601" s="10"/>
    </row>
    <row r="898602" spans="14:14">
      <c r="N898602" s="10"/>
    </row>
    <row r="898603" spans="14:14">
      <c r="N898603" s="10"/>
    </row>
    <row r="898604" spans="14:14">
      <c r="N898604" s="10"/>
    </row>
    <row r="898605" spans="14:14">
      <c r="N898605" s="10"/>
    </row>
    <row r="898606" spans="14:14">
      <c r="N898606" s="10"/>
    </row>
    <row r="898607" spans="14:14">
      <c r="N898607" s="10"/>
    </row>
    <row r="898608" spans="14:14">
      <c r="N898608" s="10"/>
    </row>
    <row r="898609" spans="14:14">
      <c r="N898609" s="10"/>
    </row>
    <row r="898610" spans="14:14">
      <c r="N898610" s="10"/>
    </row>
    <row r="898611" spans="14:14">
      <c r="N898611" s="10"/>
    </row>
    <row r="898612" spans="14:14">
      <c r="N898612" s="10"/>
    </row>
    <row r="898613" spans="14:14">
      <c r="N898613" s="10"/>
    </row>
    <row r="898614" spans="14:14">
      <c r="N898614" s="10"/>
    </row>
    <row r="898615" spans="14:14">
      <c r="N898615" s="10"/>
    </row>
    <row r="898616" spans="14:14">
      <c r="N898616" s="10"/>
    </row>
    <row r="898617" spans="14:14">
      <c r="N898617" s="10"/>
    </row>
    <row r="898618" spans="14:14">
      <c r="N898618" s="10"/>
    </row>
    <row r="898619" spans="14:14">
      <c r="N898619" s="10"/>
    </row>
    <row r="898620" spans="14:14">
      <c r="N898620" s="10"/>
    </row>
    <row r="898621" spans="14:14">
      <c r="N898621" s="10"/>
    </row>
    <row r="898622" spans="14:14">
      <c r="N898622" s="10"/>
    </row>
    <row r="898623" spans="14:14">
      <c r="N898623" s="10"/>
    </row>
    <row r="898624" spans="14:14">
      <c r="N898624" s="10"/>
    </row>
    <row r="898625" spans="14:14">
      <c r="N898625" s="10"/>
    </row>
    <row r="898626" spans="14:14">
      <c r="N898626" s="10"/>
    </row>
    <row r="898627" spans="14:14">
      <c r="N898627" s="10"/>
    </row>
    <row r="898628" spans="14:14">
      <c r="N898628" s="10"/>
    </row>
    <row r="898629" spans="14:14">
      <c r="N898629" s="10"/>
    </row>
    <row r="898630" spans="14:14">
      <c r="N898630" s="10"/>
    </row>
    <row r="898631" spans="14:14">
      <c r="N898631" s="10"/>
    </row>
    <row r="898632" spans="14:14">
      <c r="N898632" s="10"/>
    </row>
    <row r="898633" spans="14:14">
      <c r="N898633" s="10"/>
    </row>
    <row r="898634" spans="14:14">
      <c r="N898634" s="10"/>
    </row>
    <row r="898635" spans="14:14">
      <c r="N898635" s="10"/>
    </row>
    <row r="898636" spans="14:14">
      <c r="N898636" s="10"/>
    </row>
    <row r="898637" spans="14:14">
      <c r="N898637" s="10"/>
    </row>
    <row r="898638" spans="14:14">
      <c r="N898638" s="10"/>
    </row>
    <row r="898639" spans="14:14">
      <c r="N898639" s="10"/>
    </row>
    <row r="898640" spans="14:14">
      <c r="N898640" s="10"/>
    </row>
    <row r="898641" spans="14:14">
      <c r="N898641" s="10"/>
    </row>
    <row r="898642" spans="14:14">
      <c r="N898642" s="10"/>
    </row>
    <row r="898643" spans="14:14">
      <c r="N898643" s="10"/>
    </row>
    <row r="898644" spans="14:14">
      <c r="N898644" s="10"/>
    </row>
    <row r="898645" spans="14:14">
      <c r="N898645" s="10"/>
    </row>
    <row r="898646" spans="14:14">
      <c r="N898646" s="10"/>
    </row>
    <row r="898647" spans="14:14">
      <c r="N898647" s="10"/>
    </row>
    <row r="898648" spans="14:14">
      <c r="N898648" s="10"/>
    </row>
    <row r="898649" spans="14:14">
      <c r="N898649" s="10"/>
    </row>
    <row r="898650" spans="14:14">
      <c r="N898650" s="10"/>
    </row>
    <row r="898651" spans="14:14">
      <c r="N898651" s="10"/>
    </row>
    <row r="898652" spans="14:14">
      <c r="N898652" s="10"/>
    </row>
    <row r="898653" spans="14:14">
      <c r="N898653" s="10"/>
    </row>
    <row r="898654" spans="14:14">
      <c r="N898654" s="10"/>
    </row>
    <row r="898655" spans="14:14">
      <c r="N898655" s="10"/>
    </row>
    <row r="898656" spans="14:14">
      <c r="N898656" s="10"/>
    </row>
    <row r="898657" spans="14:14">
      <c r="N898657" s="10"/>
    </row>
    <row r="898658" spans="14:14">
      <c r="N898658" s="10"/>
    </row>
    <row r="898659" spans="14:14">
      <c r="N898659" s="10"/>
    </row>
    <row r="898660" spans="14:14">
      <c r="N898660" s="10"/>
    </row>
    <row r="898661" spans="14:14">
      <c r="N898661" s="10"/>
    </row>
    <row r="898662" spans="14:14">
      <c r="N898662" s="10"/>
    </row>
    <row r="898663" spans="14:14">
      <c r="N898663" s="10"/>
    </row>
    <row r="898664" spans="14:14">
      <c r="N898664" s="10"/>
    </row>
    <row r="898665" spans="14:14">
      <c r="N898665" s="10"/>
    </row>
    <row r="898666" spans="14:14">
      <c r="N898666" s="10"/>
    </row>
    <row r="898667" spans="14:14">
      <c r="N898667" s="10"/>
    </row>
    <row r="898668" spans="14:14">
      <c r="N898668" s="10"/>
    </row>
    <row r="898669" spans="14:14">
      <c r="N898669" s="10"/>
    </row>
    <row r="898670" spans="14:14">
      <c r="N898670" s="10"/>
    </row>
    <row r="898671" spans="14:14">
      <c r="N898671" s="10"/>
    </row>
    <row r="898672" spans="14:14">
      <c r="N898672" s="10"/>
    </row>
    <row r="898673" spans="14:14">
      <c r="N898673" s="10"/>
    </row>
    <row r="898674" spans="14:14">
      <c r="N898674" s="10"/>
    </row>
    <row r="898675" spans="14:14">
      <c r="N898675" s="10"/>
    </row>
    <row r="898676" spans="14:14">
      <c r="N898676" s="10"/>
    </row>
    <row r="898677" spans="14:14">
      <c r="N898677" s="10"/>
    </row>
    <row r="898678" spans="14:14">
      <c r="N898678" s="10"/>
    </row>
    <row r="898679" spans="14:14">
      <c r="N898679" s="10"/>
    </row>
    <row r="898680" spans="14:14">
      <c r="N898680" s="10"/>
    </row>
    <row r="898681" spans="14:14">
      <c r="N898681" s="10"/>
    </row>
    <row r="898682" spans="14:14">
      <c r="N898682" s="10"/>
    </row>
    <row r="898683" spans="14:14">
      <c r="N898683" s="10"/>
    </row>
    <row r="898684" spans="14:14">
      <c r="N898684" s="10"/>
    </row>
    <row r="898685" spans="14:14">
      <c r="N898685" s="10"/>
    </row>
    <row r="898686" spans="14:14">
      <c r="N898686" s="10"/>
    </row>
    <row r="898687" spans="14:14">
      <c r="N898687" s="10"/>
    </row>
    <row r="898688" spans="14:14">
      <c r="N898688" s="10"/>
    </row>
    <row r="898689" spans="14:14">
      <c r="N898689" s="10"/>
    </row>
    <row r="898690" spans="14:14">
      <c r="N898690" s="10"/>
    </row>
    <row r="898691" spans="14:14">
      <c r="N898691" s="10"/>
    </row>
    <row r="898692" spans="14:14">
      <c r="N898692" s="10"/>
    </row>
    <row r="898693" spans="14:14">
      <c r="N898693" s="10"/>
    </row>
    <row r="898694" spans="14:14">
      <c r="N898694" s="10"/>
    </row>
    <row r="898695" spans="14:14">
      <c r="N898695" s="10"/>
    </row>
    <row r="898696" spans="14:14">
      <c r="N898696" s="10"/>
    </row>
    <row r="898697" spans="14:14">
      <c r="N898697" s="10"/>
    </row>
    <row r="898698" spans="14:14">
      <c r="N898698" s="10"/>
    </row>
    <row r="898699" spans="14:14">
      <c r="N898699" s="10"/>
    </row>
    <row r="898700" spans="14:14">
      <c r="N898700" s="10"/>
    </row>
    <row r="898701" spans="14:14">
      <c r="N898701" s="10"/>
    </row>
    <row r="898702" spans="14:14">
      <c r="N898702" s="10"/>
    </row>
    <row r="898703" spans="14:14">
      <c r="N898703" s="10"/>
    </row>
    <row r="898704" spans="14:14">
      <c r="N898704" s="10"/>
    </row>
    <row r="898705" spans="14:14">
      <c r="N898705" s="10"/>
    </row>
    <row r="898706" spans="14:14">
      <c r="N898706" s="10"/>
    </row>
    <row r="898707" spans="14:14">
      <c r="N898707" s="10"/>
    </row>
    <row r="898708" spans="14:14">
      <c r="N898708" s="10"/>
    </row>
    <row r="898709" spans="14:14">
      <c r="N898709" s="10"/>
    </row>
    <row r="898710" spans="14:14">
      <c r="N898710" s="10"/>
    </row>
    <row r="898711" spans="14:14">
      <c r="N898711" s="10"/>
    </row>
    <row r="898712" spans="14:14">
      <c r="N898712" s="10"/>
    </row>
    <row r="898713" spans="14:14">
      <c r="N898713" s="10"/>
    </row>
    <row r="898714" spans="14:14">
      <c r="N898714" s="10"/>
    </row>
    <row r="898715" spans="14:14">
      <c r="N898715" s="10"/>
    </row>
    <row r="898716" spans="14:14">
      <c r="N898716" s="10"/>
    </row>
    <row r="898717" spans="14:14">
      <c r="N898717" s="10"/>
    </row>
    <row r="898718" spans="14:14">
      <c r="N898718" s="10"/>
    </row>
    <row r="898719" spans="14:14">
      <c r="N898719" s="10"/>
    </row>
    <row r="898720" spans="14:14">
      <c r="N898720" s="10"/>
    </row>
    <row r="898721" spans="14:14">
      <c r="N898721" s="10"/>
    </row>
    <row r="898722" spans="14:14">
      <c r="N898722" s="10"/>
    </row>
    <row r="898723" spans="14:14">
      <c r="N898723" s="10"/>
    </row>
    <row r="898724" spans="14:14">
      <c r="N898724" s="10"/>
    </row>
    <row r="898725" spans="14:14">
      <c r="N898725" s="10"/>
    </row>
    <row r="898726" spans="14:14">
      <c r="N898726" s="10"/>
    </row>
    <row r="898727" spans="14:14">
      <c r="N898727" s="10"/>
    </row>
    <row r="898728" spans="14:14">
      <c r="N898728" s="10"/>
    </row>
    <row r="898729" spans="14:14">
      <c r="N898729" s="10"/>
    </row>
    <row r="898730" spans="14:14">
      <c r="N898730" s="10"/>
    </row>
    <row r="898731" spans="14:14">
      <c r="N898731" s="10"/>
    </row>
    <row r="898732" spans="14:14">
      <c r="N898732" s="10"/>
    </row>
    <row r="898733" spans="14:14">
      <c r="N898733" s="10"/>
    </row>
    <row r="898734" spans="14:14">
      <c r="N898734" s="10"/>
    </row>
    <row r="898735" spans="14:14">
      <c r="N898735" s="10"/>
    </row>
    <row r="898736" spans="14:14">
      <c r="N898736" s="10"/>
    </row>
    <row r="898737" spans="14:14">
      <c r="N898737" s="10"/>
    </row>
    <row r="898738" spans="14:14">
      <c r="N898738" s="10"/>
    </row>
    <row r="898739" spans="14:14">
      <c r="N898739" s="10"/>
    </row>
    <row r="898740" spans="14:14">
      <c r="N898740" s="10"/>
    </row>
    <row r="898741" spans="14:14">
      <c r="N898741" s="10"/>
    </row>
    <row r="898742" spans="14:14">
      <c r="N898742" s="10"/>
    </row>
    <row r="898743" spans="14:14">
      <c r="N898743" s="10"/>
    </row>
    <row r="898744" spans="14:14">
      <c r="N898744" s="10"/>
    </row>
    <row r="898745" spans="14:14">
      <c r="N898745" s="10"/>
    </row>
    <row r="898746" spans="14:14">
      <c r="N898746" s="10"/>
    </row>
    <row r="898747" spans="14:14">
      <c r="N898747" s="10"/>
    </row>
    <row r="898748" spans="14:14">
      <c r="N898748" s="10"/>
    </row>
    <row r="898749" spans="14:14">
      <c r="N898749" s="10"/>
    </row>
    <row r="898750" spans="14:14">
      <c r="N898750" s="10"/>
    </row>
    <row r="898751" spans="14:14">
      <c r="N898751" s="10"/>
    </row>
    <row r="898752" spans="14:14">
      <c r="N898752" s="10"/>
    </row>
    <row r="898753" spans="14:14">
      <c r="N898753" s="10"/>
    </row>
    <row r="898754" spans="14:14">
      <c r="N898754" s="10"/>
    </row>
    <row r="898755" spans="14:14">
      <c r="N898755" s="10"/>
    </row>
    <row r="898756" spans="14:14">
      <c r="N898756" s="10"/>
    </row>
    <row r="898757" spans="14:14">
      <c r="N898757" s="10"/>
    </row>
    <row r="898758" spans="14:14">
      <c r="N898758" s="10"/>
    </row>
    <row r="898759" spans="14:14">
      <c r="N898759" s="10"/>
    </row>
    <row r="898760" spans="14:14">
      <c r="N898760" s="10"/>
    </row>
    <row r="898761" spans="14:14">
      <c r="N898761" s="10"/>
    </row>
    <row r="898762" spans="14:14">
      <c r="N898762" s="10"/>
    </row>
    <row r="898763" spans="14:14">
      <c r="N898763" s="10"/>
    </row>
    <row r="898764" spans="14:14">
      <c r="N898764" s="10"/>
    </row>
    <row r="898765" spans="14:14">
      <c r="N898765" s="10"/>
    </row>
    <row r="898766" spans="14:14">
      <c r="N898766" s="10"/>
    </row>
    <row r="898767" spans="14:14">
      <c r="N898767" s="10"/>
    </row>
    <row r="898768" spans="14:14">
      <c r="N898768" s="10"/>
    </row>
    <row r="898769" spans="14:14">
      <c r="N898769" s="10"/>
    </row>
    <row r="898770" spans="14:14">
      <c r="N898770" s="10"/>
    </row>
    <row r="898771" spans="14:14">
      <c r="N898771" s="10"/>
    </row>
    <row r="898772" spans="14:14">
      <c r="N898772" s="10"/>
    </row>
    <row r="898773" spans="14:14">
      <c r="N898773" s="10"/>
    </row>
    <row r="898774" spans="14:14">
      <c r="N898774" s="10"/>
    </row>
    <row r="898775" spans="14:14">
      <c r="N898775" s="10"/>
    </row>
    <row r="898776" spans="14:14">
      <c r="N898776" s="10"/>
    </row>
    <row r="898777" spans="14:14">
      <c r="N898777" s="10"/>
    </row>
    <row r="898778" spans="14:14">
      <c r="N898778" s="10"/>
    </row>
    <row r="898779" spans="14:14">
      <c r="N898779" s="10"/>
    </row>
    <row r="898780" spans="14:14">
      <c r="N898780" s="10"/>
    </row>
    <row r="898781" spans="14:14">
      <c r="N898781" s="10"/>
    </row>
    <row r="898782" spans="14:14">
      <c r="N898782" s="10"/>
    </row>
    <row r="898783" spans="14:14">
      <c r="N898783" s="10"/>
    </row>
    <row r="898784" spans="14:14">
      <c r="N898784" s="10"/>
    </row>
    <row r="898785" spans="14:14">
      <c r="N898785" s="10"/>
    </row>
    <row r="898786" spans="14:14">
      <c r="N898786" s="10"/>
    </row>
    <row r="898787" spans="14:14">
      <c r="N898787" s="10"/>
    </row>
    <row r="898788" spans="14:14">
      <c r="N898788" s="10"/>
    </row>
    <row r="898789" spans="14:14">
      <c r="N898789" s="10"/>
    </row>
    <row r="898790" spans="14:14">
      <c r="N898790" s="10"/>
    </row>
    <row r="898791" spans="14:14">
      <c r="N898791" s="10"/>
    </row>
    <row r="898792" spans="14:14">
      <c r="N898792" s="10"/>
    </row>
    <row r="898793" spans="14:14">
      <c r="N898793" s="10"/>
    </row>
    <row r="898794" spans="14:14">
      <c r="N898794" s="10"/>
    </row>
    <row r="898795" spans="14:14">
      <c r="N898795" s="10"/>
    </row>
    <row r="898796" spans="14:14">
      <c r="N898796" s="10"/>
    </row>
    <row r="898797" spans="14:14">
      <c r="N898797" s="10"/>
    </row>
    <row r="898798" spans="14:14">
      <c r="N898798" s="10"/>
    </row>
    <row r="898799" spans="14:14">
      <c r="N898799" s="10"/>
    </row>
    <row r="898800" spans="14:14">
      <c r="N898800" s="10"/>
    </row>
    <row r="898801" spans="14:14">
      <c r="N898801" s="10"/>
    </row>
    <row r="898802" spans="14:14">
      <c r="N898802" s="10"/>
    </row>
    <row r="898803" spans="14:14">
      <c r="N898803" s="10"/>
    </row>
    <row r="898804" spans="14:14">
      <c r="N898804" s="10"/>
    </row>
    <row r="898805" spans="14:14">
      <c r="N898805" s="10"/>
    </row>
    <row r="898806" spans="14:14">
      <c r="N898806" s="10"/>
    </row>
    <row r="898807" spans="14:14">
      <c r="N898807" s="10"/>
    </row>
    <row r="898808" spans="14:14">
      <c r="N898808" s="10"/>
    </row>
    <row r="898809" spans="14:14">
      <c r="N898809" s="10"/>
    </row>
    <row r="898810" spans="14:14">
      <c r="N898810" s="10"/>
    </row>
    <row r="898811" spans="14:14">
      <c r="N898811" s="10"/>
    </row>
    <row r="898812" spans="14:14">
      <c r="N898812" s="10"/>
    </row>
    <row r="898813" spans="14:14">
      <c r="N898813" s="10"/>
    </row>
    <row r="898814" spans="14:14">
      <c r="N898814" s="10"/>
    </row>
    <row r="898815" spans="14:14">
      <c r="N898815" s="10"/>
    </row>
    <row r="898816" spans="14:14">
      <c r="N898816" s="10"/>
    </row>
    <row r="898817" spans="14:14">
      <c r="N898817" s="10"/>
    </row>
    <row r="898818" spans="14:14">
      <c r="N898818" s="10"/>
    </row>
    <row r="898819" spans="14:14">
      <c r="N898819" s="10"/>
    </row>
    <row r="898820" spans="14:14">
      <c r="N898820" s="10"/>
    </row>
    <row r="898821" spans="14:14">
      <c r="N898821" s="10"/>
    </row>
    <row r="898822" spans="14:14">
      <c r="N898822" s="10"/>
    </row>
    <row r="898823" spans="14:14">
      <c r="N898823" s="10"/>
    </row>
    <row r="898824" spans="14:14">
      <c r="N898824" s="10"/>
    </row>
    <row r="898825" spans="14:14">
      <c r="N898825" s="10"/>
    </row>
    <row r="898826" spans="14:14">
      <c r="N898826" s="10"/>
    </row>
    <row r="898827" spans="14:14">
      <c r="N898827" s="10"/>
    </row>
    <row r="898828" spans="14:14">
      <c r="N898828" s="10"/>
    </row>
    <row r="898829" spans="14:14">
      <c r="N898829" s="10"/>
    </row>
    <row r="898830" spans="14:14">
      <c r="N898830" s="10"/>
    </row>
    <row r="898831" spans="14:14">
      <c r="N898831" s="10"/>
    </row>
    <row r="898832" spans="14:14">
      <c r="N898832" s="10"/>
    </row>
    <row r="898833" spans="14:14">
      <c r="N898833" s="10"/>
    </row>
    <row r="898834" spans="14:14">
      <c r="N898834" s="10"/>
    </row>
    <row r="898835" spans="14:14">
      <c r="N898835" s="10"/>
    </row>
    <row r="898836" spans="14:14">
      <c r="N898836" s="10"/>
    </row>
    <row r="898837" spans="14:14">
      <c r="N898837" s="10"/>
    </row>
    <row r="898838" spans="14:14">
      <c r="N898838" s="10"/>
    </row>
    <row r="898839" spans="14:14">
      <c r="N898839" s="10"/>
    </row>
    <row r="898840" spans="14:14">
      <c r="N898840" s="10"/>
    </row>
    <row r="898841" spans="14:14">
      <c r="N898841" s="10"/>
    </row>
    <row r="898842" spans="14:14">
      <c r="N898842" s="10"/>
    </row>
    <row r="898843" spans="14:14">
      <c r="N898843" s="10"/>
    </row>
    <row r="898844" spans="14:14">
      <c r="N898844" s="10"/>
    </row>
    <row r="898845" spans="14:14">
      <c r="N898845" s="10"/>
    </row>
    <row r="898846" spans="14:14">
      <c r="N898846" s="10"/>
    </row>
    <row r="898847" spans="14:14">
      <c r="N898847" s="10"/>
    </row>
    <row r="898848" spans="14:14">
      <c r="N898848" s="10"/>
    </row>
    <row r="898849" spans="14:14">
      <c r="N898849" s="10"/>
    </row>
    <row r="898850" spans="14:14">
      <c r="N898850" s="10"/>
    </row>
    <row r="898851" spans="14:14">
      <c r="N898851" s="10"/>
    </row>
    <row r="898852" spans="14:14">
      <c r="N898852" s="10"/>
    </row>
    <row r="898853" spans="14:14">
      <c r="N898853" s="10"/>
    </row>
    <row r="898854" spans="14:14">
      <c r="N898854" s="10"/>
    </row>
    <row r="898855" spans="14:14">
      <c r="N898855" s="10"/>
    </row>
    <row r="898856" spans="14:14">
      <c r="N898856" s="10"/>
    </row>
    <row r="898857" spans="14:14">
      <c r="N898857" s="10"/>
    </row>
    <row r="898858" spans="14:14">
      <c r="N898858" s="10"/>
    </row>
    <row r="898859" spans="14:14">
      <c r="N898859" s="10"/>
    </row>
    <row r="898860" spans="14:14">
      <c r="N898860" s="10"/>
    </row>
    <row r="898861" spans="14:14">
      <c r="N898861" s="10"/>
    </row>
    <row r="898862" spans="14:14">
      <c r="N898862" s="10"/>
    </row>
    <row r="898863" spans="14:14">
      <c r="N898863" s="10"/>
    </row>
    <row r="898864" spans="14:14">
      <c r="N898864" s="10"/>
    </row>
    <row r="898865" spans="14:14">
      <c r="N898865" s="10"/>
    </row>
    <row r="898866" spans="14:14">
      <c r="N898866" s="10"/>
    </row>
    <row r="898867" spans="14:14">
      <c r="N898867" s="10"/>
    </row>
    <row r="898868" spans="14:14">
      <c r="N898868" s="10"/>
    </row>
    <row r="898869" spans="14:14">
      <c r="N898869" s="10"/>
    </row>
    <row r="898870" spans="14:14">
      <c r="N898870" s="10"/>
    </row>
    <row r="898871" spans="14:14">
      <c r="N898871" s="10"/>
    </row>
    <row r="898872" spans="14:14">
      <c r="N898872" s="10"/>
    </row>
    <row r="898873" spans="14:14">
      <c r="N898873" s="10"/>
    </row>
    <row r="898874" spans="14:14">
      <c r="N898874" s="10"/>
    </row>
    <row r="898875" spans="14:14">
      <c r="N898875" s="10"/>
    </row>
    <row r="898876" spans="14:14">
      <c r="N898876" s="10"/>
    </row>
    <row r="898877" spans="14:14">
      <c r="N898877" s="10"/>
    </row>
    <row r="898878" spans="14:14">
      <c r="N898878" s="10"/>
    </row>
    <row r="898879" spans="14:14">
      <c r="N898879" s="10"/>
    </row>
    <row r="898880" spans="14:14">
      <c r="N898880" s="10"/>
    </row>
    <row r="898881" spans="14:14">
      <c r="N898881" s="10"/>
    </row>
    <row r="898882" spans="14:14">
      <c r="N898882" s="10"/>
    </row>
    <row r="898883" spans="14:14">
      <c r="N898883" s="10"/>
    </row>
    <row r="898884" spans="14:14">
      <c r="N898884" s="10"/>
    </row>
    <row r="898885" spans="14:14">
      <c r="N898885" s="10"/>
    </row>
    <row r="898886" spans="14:14">
      <c r="N898886" s="10"/>
    </row>
    <row r="898887" spans="14:14">
      <c r="N898887" s="10"/>
    </row>
    <row r="898888" spans="14:14">
      <c r="N898888" s="10"/>
    </row>
    <row r="898889" spans="14:14">
      <c r="N898889" s="10"/>
    </row>
    <row r="898890" spans="14:14">
      <c r="N898890" s="10"/>
    </row>
    <row r="898891" spans="14:14">
      <c r="N898891" s="10"/>
    </row>
    <row r="898892" spans="14:14">
      <c r="N898892" s="10"/>
    </row>
    <row r="898893" spans="14:14">
      <c r="N898893" s="10"/>
    </row>
    <row r="898894" spans="14:14">
      <c r="N898894" s="10"/>
    </row>
    <row r="898895" spans="14:14">
      <c r="N898895" s="10"/>
    </row>
    <row r="898896" spans="14:14">
      <c r="N898896" s="10"/>
    </row>
    <row r="898897" spans="14:14">
      <c r="N898897" s="10"/>
    </row>
    <row r="898898" spans="14:14">
      <c r="N898898" s="10"/>
    </row>
    <row r="898899" spans="14:14">
      <c r="N898899" s="10"/>
    </row>
    <row r="898900" spans="14:14">
      <c r="N898900" s="10"/>
    </row>
    <row r="898901" spans="14:14">
      <c r="N898901" s="10"/>
    </row>
    <row r="898902" spans="14:14">
      <c r="N898902" s="10"/>
    </row>
    <row r="898903" spans="14:14">
      <c r="N898903" s="10"/>
    </row>
    <row r="898904" spans="14:14">
      <c r="N898904" s="10"/>
    </row>
    <row r="898905" spans="14:14">
      <c r="N898905" s="10"/>
    </row>
    <row r="898906" spans="14:14">
      <c r="N898906" s="10"/>
    </row>
    <row r="898907" spans="14:14">
      <c r="N898907" s="10"/>
    </row>
    <row r="898908" spans="14:14">
      <c r="N898908" s="10"/>
    </row>
    <row r="898909" spans="14:14">
      <c r="N898909" s="10"/>
    </row>
    <row r="898910" spans="14:14">
      <c r="N898910" s="10"/>
    </row>
    <row r="898911" spans="14:14">
      <c r="N898911" s="10"/>
    </row>
    <row r="898912" spans="14:14">
      <c r="N898912" s="10"/>
    </row>
    <row r="898913" spans="14:14">
      <c r="N898913" s="10"/>
    </row>
    <row r="898914" spans="14:14">
      <c r="N898914" s="10"/>
    </row>
    <row r="898915" spans="14:14">
      <c r="N898915" s="10"/>
    </row>
    <row r="898916" spans="14:14">
      <c r="N898916" s="10"/>
    </row>
    <row r="898917" spans="14:14">
      <c r="N898917" s="10"/>
    </row>
    <row r="898918" spans="14:14">
      <c r="N898918" s="10"/>
    </row>
    <row r="898919" spans="14:14">
      <c r="N898919" s="10"/>
    </row>
    <row r="898920" spans="14:14">
      <c r="N898920" s="10"/>
    </row>
    <row r="898921" spans="14:14">
      <c r="N898921" s="10"/>
    </row>
    <row r="898922" spans="14:14">
      <c r="N898922" s="10"/>
    </row>
    <row r="898923" spans="14:14">
      <c r="N898923" s="10"/>
    </row>
    <row r="898924" spans="14:14">
      <c r="N898924" s="10"/>
    </row>
    <row r="898925" spans="14:14">
      <c r="N898925" s="10"/>
    </row>
    <row r="898926" spans="14:14">
      <c r="N898926" s="10"/>
    </row>
    <row r="898927" spans="14:14">
      <c r="N898927" s="10"/>
    </row>
    <row r="898928" spans="14:14">
      <c r="N898928" s="10"/>
    </row>
    <row r="898929" spans="14:14">
      <c r="N898929" s="10"/>
    </row>
    <row r="898930" spans="14:14">
      <c r="N898930" s="10"/>
    </row>
    <row r="898931" spans="14:14">
      <c r="N898931" s="10"/>
    </row>
    <row r="898932" spans="14:14">
      <c r="N898932" s="10"/>
    </row>
    <row r="898933" spans="14:14">
      <c r="N898933" s="10"/>
    </row>
    <row r="898934" spans="14:14">
      <c r="N898934" s="10"/>
    </row>
    <row r="898935" spans="14:14">
      <c r="N898935" s="10"/>
    </row>
    <row r="898936" spans="14:14">
      <c r="N898936" s="10"/>
    </row>
    <row r="898937" spans="14:14">
      <c r="N898937" s="10"/>
    </row>
    <row r="898938" spans="14:14">
      <c r="N898938" s="10"/>
    </row>
    <row r="898939" spans="14:14">
      <c r="N898939" s="10"/>
    </row>
    <row r="898940" spans="14:14">
      <c r="N898940" s="10"/>
    </row>
    <row r="898941" spans="14:14">
      <c r="N898941" s="10"/>
    </row>
    <row r="898942" spans="14:14">
      <c r="N898942" s="10"/>
    </row>
    <row r="898943" spans="14:14">
      <c r="N898943" s="10"/>
    </row>
    <row r="898944" spans="14:14">
      <c r="N898944" s="10"/>
    </row>
    <row r="898945" spans="14:14">
      <c r="N898945" s="10"/>
    </row>
    <row r="898946" spans="14:14">
      <c r="N898946" s="10"/>
    </row>
    <row r="898947" spans="14:14">
      <c r="N898947" s="10"/>
    </row>
    <row r="898948" spans="14:14">
      <c r="N898948" s="10"/>
    </row>
    <row r="898949" spans="14:14">
      <c r="N898949" s="10"/>
    </row>
    <row r="898950" spans="14:14">
      <c r="N898950" s="10"/>
    </row>
    <row r="898951" spans="14:14">
      <c r="N898951" s="10"/>
    </row>
    <row r="898952" spans="14:14">
      <c r="N898952" s="10"/>
    </row>
    <row r="898953" spans="14:14">
      <c r="N898953" s="10"/>
    </row>
    <row r="898954" spans="14:14">
      <c r="N898954" s="10"/>
    </row>
    <row r="898955" spans="14:14">
      <c r="N898955" s="10"/>
    </row>
    <row r="898956" spans="14:14">
      <c r="N898956" s="10"/>
    </row>
    <row r="898957" spans="14:14">
      <c r="N898957" s="10"/>
    </row>
    <row r="898958" spans="14:14">
      <c r="N898958" s="10"/>
    </row>
    <row r="898959" spans="14:14">
      <c r="N898959" s="10"/>
    </row>
    <row r="898960" spans="14:14">
      <c r="N898960" s="10"/>
    </row>
    <row r="898961" spans="14:14">
      <c r="N898961" s="10"/>
    </row>
    <row r="898962" spans="14:14">
      <c r="N898962" s="10"/>
    </row>
    <row r="898963" spans="14:14">
      <c r="N898963" s="10"/>
    </row>
    <row r="898964" spans="14:14">
      <c r="N898964" s="10"/>
    </row>
    <row r="898965" spans="14:14">
      <c r="N898965" s="10"/>
    </row>
    <row r="898966" spans="14:14">
      <c r="N898966" s="10"/>
    </row>
    <row r="898967" spans="14:14">
      <c r="N898967" s="10"/>
    </row>
    <row r="898968" spans="14:14">
      <c r="N898968" s="10"/>
    </row>
    <row r="898969" spans="14:14">
      <c r="N898969" s="10"/>
    </row>
    <row r="898970" spans="14:14">
      <c r="N898970" s="10"/>
    </row>
    <row r="898971" spans="14:14">
      <c r="N898971" s="10"/>
    </row>
    <row r="898972" spans="14:14">
      <c r="N898972" s="10"/>
    </row>
    <row r="898973" spans="14:14">
      <c r="N898973" s="10"/>
    </row>
    <row r="898974" spans="14:14">
      <c r="N898974" s="10"/>
    </row>
    <row r="898975" spans="14:14">
      <c r="N898975" s="10"/>
    </row>
    <row r="898976" spans="14:14">
      <c r="N898976" s="10"/>
    </row>
    <row r="898977" spans="14:14">
      <c r="N898977" s="10"/>
    </row>
    <row r="898978" spans="14:14">
      <c r="N898978" s="10"/>
    </row>
    <row r="898979" spans="14:14">
      <c r="N898979" s="10"/>
    </row>
    <row r="898980" spans="14:14">
      <c r="N898980" s="10"/>
    </row>
    <row r="898981" spans="14:14">
      <c r="N898981" s="10"/>
    </row>
    <row r="898982" spans="14:14">
      <c r="N898982" s="10"/>
    </row>
    <row r="898983" spans="14:14">
      <c r="N898983" s="10"/>
    </row>
    <row r="898984" spans="14:14">
      <c r="N898984" s="10"/>
    </row>
    <row r="898985" spans="14:14">
      <c r="N898985" s="10"/>
    </row>
    <row r="898986" spans="14:14">
      <c r="N898986" s="10"/>
    </row>
    <row r="898987" spans="14:14">
      <c r="N898987" s="10"/>
    </row>
    <row r="898988" spans="14:14">
      <c r="N898988" s="10"/>
    </row>
    <row r="898989" spans="14:14">
      <c r="N898989" s="10"/>
    </row>
    <row r="898990" spans="14:14">
      <c r="N898990" s="10"/>
    </row>
    <row r="898991" spans="14:14">
      <c r="N898991" s="10"/>
    </row>
    <row r="898992" spans="14:14">
      <c r="N898992" s="10"/>
    </row>
    <row r="898993" spans="14:14">
      <c r="N898993" s="10"/>
    </row>
    <row r="898994" spans="14:14">
      <c r="N898994" s="10"/>
    </row>
    <row r="898995" spans="14:14">
      <c r="N898995" s="10"/>
    </row>
    <row r="898996" spans="14:14">
      <c r="N898996" s="10"/>
    </row>
    <row r="898997" spans="14:14">
      <c r="N898997" s="10"/>
    </row>
    <row r="898998" spans="14:14">
      <c r="N898998" s="10"/>
    </row>
    <row r="898999" spans="14:14">
      <c r="N898999" s="10"/>
    </row>
    <row r="899000" spans="14:14">
      <c r="N899000" s="10"/>
    </row>
    <row r="899001" spans="14:14">
      <c r="N899001" s="10"/>
    </row>
    <row r="899002" spans="14:14">
      <c r="N899002" s="10"/>
    </row>
    <row r="899003" spans="14:14">
      <c r="N899003" s="10"/>
    </row>
    <row r="899004" spans="14:14">
      <c r="N899004" s="10"/>
    </row>
    <row r="899005" spans="14:14">
      <c r="N899005" s="10"/>
    </row>
    <row r="899006" spans="14:14">
      <c r="N899006" s="10"/>
    </row>
    <row r="899007" spans="14:14">
      <c r="N899007" s="10"/>
    </row>
    <row r="899008" spans="14:14">
      <c r="N899008" s="10"/>
    </row>
    <row r="899009" spans="14:14">
      <c r="N899009" s="10"/>
    </row>
    <row r="899010" spans="14:14">
      <c r="N899010" s="10"/>
    </row>
    <row r="899011" spans="14:14">
      <c r="N899011" s="10"/>
    </row>
    <row r="899012" spans="14:14">
      <c r="N899012" s="10"/>
    </row>
    <row r="899013" spans="14:14">
      <c r="N899013" s="10"/>
    </row>
    <row r="899014" spans="14:14">
      <c r="N899014" s="10"/>
    </row>
    <row r="899015" spans="14:14">
      <c r="N899015" s="10"/>
    </row>
    <row r="899016" spans="14:14">
      <c r="N899016" s="10"/>
    </row>
    <row r="899017" spans="14:14">
      <c r="N899017" s="10"/>
    </row>
    <row r="899018" spans="14:14">
      <c r="N899018" s="10"/>
    </row>
    <row r="899019" spans="14:14">
      <c r="N899019" s="10"/>
    </row>
    <row r="899020" spans="14:14">
      <c r="N899020" s="10"/>
    </row>
    <row r="899021" spans="14:14">
      <c r="N899021" s="10"/>
    </row>
    <row r="899022" spans="14:14">
      <c r="N899022" s="10"/>
    </row>
    <row r="899023" spans="14:14">
      <c r="N899023" s="10"/>
    </row>
    <row r="899024" spans="14:14">
      <c r="N899024" s="10"/>
    </row>
    <row r="899025" spans="14:14">
      <c r="N899025" s="10"/>
    </row>
    <row r="899026" spans="14:14">
      <c r="N899026" s="10"/>
    </row>
    <row r="899027" spans="14:14">
      <c r="N899027" s="10"/>
    </row>
    <row r="899028" spans="14:14">
      <c r="N899028" s="10"/>
    </row>
    <row r="899029" spans="14:14">
      <c r="N899029" s="10"/>
    </row>
    <row r="899030" spans="14:14">
      <c r="N899030" s="10"/>
    </row>
    <row r="899031" spans="14:14">
      <c r="N899031" s="10"/>
    </row>
    <row r="899032" spans="14:14">
      <c r="N899032" s="10"/>
    </row>
    <row r="899033" spans="14:14">
      <c r="N899033" s="10"/>
    </row>
    <row r="899034" spans="14:14">
      <c r="N899034" s="10"/>
    </row>
    <row r="899035" spans="14:14">
      <c r="N899035" s="10"/>
    </row>
    <row r="899036" spans="14:14">
      <c r="N899036" s="10"/>
    </row>
    <row r="899037" spans="14:14">
      <c r="N899037" s="10"/>
    </row>
    <row r="899038" spans="14:14">
      <c r="N899038" s="10"/>
    </row>
    <row r="899039" spans="14:14">
      <c r="N899039" s="10"/>
    </row>
    <row r="899040" spans="14:14">
      <c r="N899040" s="10"/>
    </row>
    <row r="899041" spans="14:14">
      <c r="N899041" s="10"/>
    </row>
    <row r="899042" spans="14:14">
      <c r="N899042" s="10"/>
    </row>
    <row r="899043" spans="14:14">
      <c r="N899043" s="10"/>
    </row>
    <row r="899044" spans="14:14">
      <c r="N899044" s="10"/>
    </row>
    <row r="899045" spans="14:14">
      <c r="N899045" s="10"/>
    </row>
    <row r="899046" spans="14:14">
      <c r="N899046" s="10"/>
    </row>
    <row r="899047" spans="14:14">
      <c r="N899047" s="10"/>
    </row>
    <row r="899048" spans="14:14">
      <c r="N899048" s="10"/>
    </row>
    <row r="899049" spans="14:14">
      <c r="N899049" s="10"/>
    </row>
    <row r="899050" spans="14:14">
      <c r="N899050" s="10"/>
    </row>
    <row r="899051" spans="14:14">
      <c r="N899051" s="10"/>
    </row>
    <row r="899052" spans="14:14">
      <c r="N899052" s="10"/>
    </row>
    <row r="899053" spans="14:14">
      <c r="N899053" s="10"/>
    </row>
    <row r="899054" spans="14:14">
      <c r="N899054" s="10"/>
    </row>
    <row r="899055" spans="14:14">
      <c r="N899055" s="10"/>
    </row>
    <row r="899056" spans="14:14">
      <c r="N899056" s="10"/>
    </row>
    <row r="899057" spans="14:14">
      <c r="N899057" s="10"/>
    </row>
    <row r="899058" spans="14:14">
      <c r="N899058" s="10"/>
    </row>
    <row r="899059" spans="14:14">
      <c r="N899059" s="10"/>
    </row>
    <row r="899060" spans="14:14">
      <c r="N899060" s="10"/>
    </row>
    <row r="899061" spans="14:14">
      <c r="N899061" s="10"/>
    </row>
    <row r="899062" spans="14:14">
      <c r="N899062" s="10"/>
    </row>
    <row r="899063" spans="14:14">
      <c r="N899063" s="10"/>
    </row>
    <row r="899064" spans="14:14">
      <c r="N899064" s="10"/>
    </row>
    <row r="899065" spans="14:14">
      <c r="N899065" s="10"/>
    </row>
    <row r="899066" spans="14:14">
      <c r="N899066" s="10"/>
    </row>
    <row r="899067" spans="14:14">
      <c r="N899067" s="10"/>
    </row>
    <row r="899068" spans="14:14">
      <c r="N899068" s="10"/>
    </row>
    <row r="899069" spans="14:14">
      <c r="N899069" s="10"/>
    </row>
    <row r="899070" spans="14:14">
      <c r="N899070" s="10"/>
    </row>
    <row r="899071" spans="14:14">
      <c r="N899071" s="10"/>
    </row>
    <row r="899072" spans="14:14">
      <c r="N899072" s="10"/>
    </row>
    <row r="899073" spans="14:14">
      <c r="N899073" s="10"/>
    </row>
    <row r="899074" spans="14:14">
      <c r="N899074" s="10"/>
    </row>
    <row r="899075" spans="14:14">
      <c r="N899075" s="10"/>
    </row>
    <row r="899076" spans="14:14">
      <c r="N899076" s="10"/>
    </row>
    <row r="899077" spans="14:14">
      <c r="N899077" s="10"/>
    </row>
    <row r="899078" spans="14:14">
      <c r="N899078" s="10"/>
    </row>
    <row r="899079" spans="14:14">
      <c r="N899079" s="10"/>
    </row>
    <row r="899080" spans="14:14">
      <c r="N899080" s="10"/>
    </row>
    <row r="899081" spans="14:14">
      <c r="N899081" s="10"/>
    </row>
    <row r="899082" spans="14:14">
      <c r="N899082" s="10"/>
    </row>
    <row r="899083" spans="14:14">
      <c r="N899083" s="10"/>
    </row>
    <row r="899084" spans="14:14">
      <c r="N899084" s="10"/>
    </row>
    <row r="899085" spans="14:14">
      <c r="N899085" s="10"/>
    </row>
    <row r="899086" spans="14:14">
      <c r="N899086" s="10"/>
    </row>
    <row r="899087" spans="14:14">
      <c r="N899087" s="10"/>
    </row>
    <row r="899088" spans="14:14">
      <c r="N899088" s="10"/>
    </row>
    <row r="899089" spans="14:14">
      <c r="N899089" s="10"/>
    </row>
    <row r="899090" spans="14:14">
      <c r="N899090" s="10"/>
    </row>
    <row r="899091" spans="14:14">
      <c r="N899091" s="10"/>
    </row>
    <row r="899092" spans="14:14">
      <c r="N899092" s="10"/>
    </row>
    <row r="899093" spans="14:14">
      <c r="N899093" s="10"/>
    </row>
    <row r="899094" spans="14:14">
      <c r="N899094" s="10"/>
    </row>
    <row r="899095" spans="14:14">
      <c r="N899095" s="10"/>
    </row>
    <row r="899096" spans="14:14">
      <c r="N899096" s="10"/>
    </row>
    <row r="899097" spans="14:14">
      <c r="N899097" s="10"/>
    </row>
    <row r="899098" spans="14:14">
      <c r="N899098" s="10"/>
    </row>
    <row r="899099" spans="14:14">
      <c r="N899099" s="10"/>
    </row>
    <row r="899100" spans="14:14">
      <c r="N899100" s="10"/>
    </row>
    <row r="899101" spans="14:14">
      <c r="N899101" s="10"/>
    </row>
    <row r="899102" spans="14:14">
      <c r="N899102" s="10"/>
    </row>
    <row r="899103" spans="14:14">
      <c r="N899103" s="10"/>
    </row>
    <row r="899104" spans="14:14">
      <c r="N899104" s="10"/>
    </row>
    <row r="899105" spans="14:14">
      <c r="N899105" s="10"/>
    </row>
    <row r="899106" spans="14:14">
      <c r="N899106" s="10"/>
    </row>
    <row r="899107" spans="14:14">
      <c r="N899107" s="10"/>
    </row>
    <row r="899108" spans="14:14">
      <c r="N899108" s="10"/>
    </row>
    <row r="899109" spans="14:14">
      <c r="N899109" s="10"/>
    </row>
    <row r="899110" spans="14:14">
      <c r="N899110" s="10"/>
    </row>
    <row r="899111" spans="14:14">
      <c r="N899111" s="10"/>
    </row>
    <row r="899112" spans="14:14">
      <c r="N899112" s="10"/>
    </row>
    <row r="899113" spans="14:14">
      <c r="N899113" s="10"/>
    </row>
    <row r="899114" spans="14:14">
      <c r="N899114" s="10"/>
    </row>
    <row r="899115" spans="14:14">
      <c r="N899115" s="10"/>
    </row>
    <row r="899116" spans="14:14">
      <c r="N899116" s="10"/>
    </row>
    <row r="899117" spans="14:14">
      <c r="N899117" s="10"/>
    </row>
    <row r="899118" spans="14:14">
      <c r="N899118" s="10"/>
    </row>
    <row r="899119" spans="14:14">
      <c r="N899119" s="10"/>
    </row>
    <row r="899120" spans="14:14">
      <c r="N899120" s="10"/>
    </row>
    <row r="899121" spans="14:14">
      <c r="N899121" s="10"/>
    </row>
    <row r="899122" spans="14:14">
      <c r="N899122" s="10"/>
    </row>
    <row r="899123" spans="14:14">
      <c r="N899123" s="10"/>
    </row>
    <row r="899124" spans="14:14">
      <c r="N899124" s="10"/>
    </row>
    <row r="899125" spans="14:14">
      <c r="N899125" s="10"/>
    </row>
    <row r="899126" spans="14:14">
      <c r="N899126" s="10"/>
    </row>
    <row r="899127" spans="14:14">
      <c r="N899127" s="10"/>
    </row>
    <row r="899128" spans="14:14">
      <c r="N899128" s="10"/>
    </row>
    <row r="899129" spans="14:14">
      <c r="N899129" s="10"/>
    </row>
    <row r="899130" spans="14:14">
      <c r="N899130" s="10"/>
    </row>
    <row r="899131" spans="14:14">
      <c r="N899131" s="10"/>
    </row>
    <row r="899132" spans="14:14">
      <c r="N899132" s="10"/>
    </row>
    <row r="899133" spans="14:14">
      <c r="N899133" s="10"/>
    </row>
    <row r="899134" spans="14:14">
      <c r="N899134" s="10"/>
    </row>
    <row r="899135" spans="14:14">
      <c r="N899135" s="10"/>
    </row>
    <row r="899136" spans="14:14">
      <c r="N899136" s="10"/>
    </row>
    <row r="899137" spans="14:14">
      <c r="N899137" s="10"/>
    </row>
    <row r="899138" spans="14:14">
      <c r="N899138" s="10"/>
    </row>
    <row r="899139" spans="14:14">
      <c r="N899139" s="10"/>
    </row>
    <row r="899140" spans="14:14">
      <c r="N899140" s="10"/>
    </row>
    <row r="899141" spans="14:14">
      <c r="N899141" s="10"/>
    </row>
    <row r="899142" spans="14:14">
      <c r="N899142" s="10"/>
    </row>
    <row r="899143" spans="14:14">
      <c r="N899143" s="10"/>
    </row>
    <row r="899144" spans="14:14">
      <c r="N899144" s="10"/>
    </row>
    <row r="899145" spans="14:14">
      <c r="N899145" s="10"/>
    </row>
    <row r="899146" spans="14:14">
      <c r="N899146" s="10"/>
    </row>
    <row r="899147" spans="14:14">
      <c r="N899147" s="10"/>
    </row>
    <row r="899148" spans="14:14">
      <c r="N899148" s="10"/>
    </row>
    <row r="899149" spans="14:14">
      <c r="N899149" s="10"/>
    </row>
    <row r="899150" spans="14:14">
      <c r="N899150" s="10"/>
    </row>
    <row r="899151" spans="14:14">
      <c r="N899151" s="10"/>
    </row>
    <row r="899152" spans="14:14">
      <c r="N899152" s="10"/>
    </row>
    <row r="899153" spans="14:14">
      <c r="N899153" s="10"/>
    </row>
    <row r="899154" spans="14:14">
      <c r="N899154" s="10"/>
    </row>
    <row r="899155" spans="14:14">
      <c r="N899155" s="10"/>
    </row>
    <row r="899156" spans="14:14">
      <c r="N899156" s="10"/>
    </row>
    <row r="899157" spans="14:14">
      <c r="N899157" s="10"/>
    </row>
    <row r="899158" spans="14:14">
      <c r="N899158" s="10"/>
    </row>
    <row r="899159" spans="14:14">
      <c r="N899159" s="10"/>
    </row>
    <row r="899160" spans="14:14">
      <c r="N899160" s="10"/>
    </row>
    <row r="899161" spans="14:14">
      <c r="N899161" s="10"/>
    </row>
    <row r="899162" spans="14:14">
      <c r="N899162" s="10"/>
    </row>
    <row r="899163" spans="14:14">
      <c r="N899163" s="10"/>
    </row>
    <row r="899164" spans="14:14">
      <c r="N899164" s="10"/>
    </row>
    <row r="899165" spans="14:14">
      <c r="N899165" s="10"/>
    </row>
    <row r="899166" spans="14:14">
      <c r="N899166" s="10"/>
    </row>
    <row r="899167" spans="14:14">
      <c r="N899167" s="10"/>
    </row>
    <row r="899168" spans="14:14">
      <c r="N899168" s="10"/>
    </row>
    <row r="899169" spans="14:14">
      <c r="N899169" s="10"/>
    </row>
    <row r="899170" spans="14:14">
      <c r="N899170" s="10"/>
    </row>
    <row r="899171" spans="14:14">
      <c r="N899171" s="10"/>
    </row>
    <row r="899172" spans="14:14">
      <c r="N899172" s="10"/>
    </row>
    <row r="899173" spans="14:14">
      <c r="N899173" s="10"/>
    </row>
    <row r="899174" spans="14:14">
      <c r="N899174" s="10"/>
    </row>
    <row r="899175" spans="14:14">
      <c r="N899175" s="10"/>
    </row>
    <row r="899176" spans="14:14">
      <c r="N899176" s="10"/>
    </row>
    <row r="899177" spans="14:14">
      <c r="N899177" s="10"/>
    </row>
    <row r="899178" spans="14:14">
      <c r="N899178" s="10"/>
    </row>
    <row r="899179" spans="14:14">
      <c r="N899179" s="10"/>
    </row>
    <row r="899180" spans="14:14">
      <c r="N899180" s="10"/>
    </row>
    <row r="899181" spans="14:14">
      <c r="N899181" s="10"/>
    </row>
    <row r="899182" spans="14:14">
      <c r="N899182" s="10"/>
    </row>
    <row r="899183" spans="14:14">
      <c r="N899183" s="10"/>
    </row>
    <row r="899184" spans="14:14">
      <c r="N899184" s="10"/>
    </row>
    <row r="899185" spans="14:14">
      <c r="N899185" s="10"/>
    </row>
    <row r="899186" spans="14:14">
      <c r="N899186" s="10"/>
    </row>
    <row r="899187" spans="14:14">
      <c r="N899187" s="10"/>
    </row>
    <row r="899188" spans="14:14">
      <c r="N899188" s="10"/>
    </row>
    <row r="899189" spans="14:14">
      <c r="N899189" s="10"/>
    </row>
    <row r="899190" spans="14:14">
      <c r="N899190" s="10"/>
    </row>
    <row r="899191" spans="14:14">
      <c r="N899191" s="10"/>
    </row>
    <row r="899192" spans="14:14">
      <c r="N899192" s="10"/>
    </row>
    <row r="899193" spans="14:14">
      <c r="N899193" s="10"/>
    </row>
    <row r="899194" spans="14:14">
      <c r="N899194" s="10"/>
    </row>
    <row r="899195" spans="14:14">
      <c r="N899195" s="10"/>
    </row>
    <row r="899196" spans="14:14">
      <c r="N899196" s="10"/>
    </row>
    <row r="899197" spans="14:14">
      <c r="N899197" s="10"/>
    </row>
    <row r="899198" spans="14:14">
      <c r="N899198" s="10"/>
    </row>
    <row r="899199" spans="14:14">
      <c r="N899199" s="10"/>
    </row>
    <row r="899200" spans="14:14">
      <c r="N899200" s="10"/>
    </row>
    <row r="899201" spans="14:14">
      <c r="N899201" s="10"/>
    </row>
    <row r="899202" spans="14:14">
      <c r="N899202" s="10"/>
    </row>
    <row r="899203" spans="14:14">
      <c r="N899203" s="10"/>
    </row>
    <row r="899204" spans="14:14">
      <c r="N899204" s="10"/>
    </row>
    <row r="899205" spans="14:14">
      <c r="N899205" s="10"/>
    </row>
    <row r="899206" spans="14:14">
      <c r="N899206" s="10"/>
    </row>
    <row r="899207" spans="14:14">
      <c r="N899207" s="10"/>
    </row>
    <row r="899208" spans="14:14">
      <c r="N899208" s="10"/>
    </row>
    <row r="899209" spans="14:14">
      <c r="N899209" s="10"/>
    </row>
    <row r="899210" spans="14:14">
      <c r="N899210" s="10"/>
    </row>
    <row r="899211" spans="14:14">
      <c r="N899211" s="10"/>
    </row>
    <row r="899212" spans="14:14">
      <c r="N899212" s="10"/>
    </row>
    <row r="899213" spans="14:14">
      <c r="N899213" s="10"/>
    </row>
    <row r="899214" spans="14:14">
      <c r="N899214" s="10"/>
    </row>
    <row r="899215" spans="14:14">
      <c r="N899215" s="10"/>
    </row>
    <row r="899216" spans="14:14">
      <c r="N899216" s="10"/>
    </row>
    <row r="899217" spans="14:14">
      <c r="N899217" s="10"/>
    </row>
    <row r="899218" spans="14:14">
      <c r="N899218" s="10"/>
    </row>
    <row r="899219" spans="14:14">
      <c r="N899219" s="10"/>
    </row>
    <row r="899220" spans="14:14">
      <c r="N899220" s="10"/>
    </row>
    <row r="899221" spans="14:14">
      <c r="N899221" s="10"/>
    </row>
    <row r="899222" spans="14:14">
      <c r="N899222" s="10"/>
    </row>
    <row r="899223" spans="14:14">
      <c r="N899223" s="10"/>
    </row>
    <row r="899224" spans="14:14">
      <c r="N899224" s="10"/>
    </row>
    <row r="899225" spans="14:14">
      <c r="N899225" s="10"/>
    </row>
    <row r="899226" spans="14:14">
      <c r="N899226" s="10"/>
    </row>
    <row r="899227" spans="14:14">
      <c r="N899227" s="10"/>
    </row>
    <row r="899228" spans="14:14">
      <c r="N899228" s="10"/>
    </row>
    <row r="899229" spans="14:14">
      <c r="N899229" s="10"/>
    </row>
    <row r="899230" spans="14:14">
      <c r="N899230" s="10"/>
    </row>
    <row r="899231" spans="14:14">
      <c r="N899231" s="10"/>
    </row>
    <row r="899232" spans="14:14">
      <c r="N899232" s="10"/>
    </row>
    <row r="899233" spans="14:14">
      <c r="N899233" s="10"/>
    </row>
    <row r="899234" spans="14:14">
      <c r="N899234" s="10"/>
    </row>
    <row r="899235" spans="14:14">
      <c r="N899235" s="10"/>
    </row>
    <row r="899236" spans="14:14">
      <c r="N899236" s="10"/>
    </row>
    <row r="899237" spans="14:14">
      <c r="N899237" s="10"/>
    </row>
    <row r="899238" spans="14:14">
      <c r="N899238" s="10"/>
    </row>
    <row r="899239" spans="14:14">
      <c r="N899239" s="10"/>
    </row>
    <row r="899240" spans="14:14">
      <c r="N899240" s="10"/>
    </row>
    <row r="899241" spans="14:14">
      <c r="N899241" s="10"/>
    </row>
    <row r="899242" spans="14:14">
      <c r="N899242" s="10"/>
    </row>
    <row r="899243" spans="14:14">
      <c r="N899243" s="10"/>
    </row>
    <row r="899244" spans="14:14">
      <c r="N899244" s="10"/>
    </row>
    <row r="899245" spans="14:14">
      <c r="N899245" s="10"/>
    </row>
    <row r="899246" spans="14:14">
      <c r="N899246" s="10"/>
    </row>
    <row r="899247" spans="14:14">
      <c r="N899247" s="10"/>
    </row>
    <row r="899248" spans="14:14">
      <c r="N899248" s="10"/>
    </row>
    <row r="899249" spans="14:14">
      <c r="N899249" s="10"/>
    </row>
    <row r="899250" spans="14:14">
      <c r="N899250" s="10"/>
    </row>
    <row r="899251" spans="14:14">
      <c r="N899251" s="10"/>
    </row>
    <row r="899252" spans="14:14">
      <c r="N899252" s="10"/>
    </row>
    <row r="899253" spans="14:14">
      <c r="N899253" s="10"/>
    </row>
    <row r="899254" spans="14:14">
      <c r="N899254" s="10"/>
    </row>
    <row r="899255" spans="14:14">
      <c r="N899255" s="10"/>
    </row>
    <row r="899256" spans="14:14">
      <c r="N899256" s="10"/>
    </row>
    <row r="899257" spans="14:14">
      <c r="N899257" s="10"/>
    </row>
    <row r="899258" spans="14:14">
      <c r="N899258" s="10"/>
    </row>
    <row r="899259" spans="14:14">
      <c r="N899259" s="10"/>
    </row>
    <row r="899260" spans="14:14">
      <c r="N899260" s="10"/>
    </row>
    <row r="899261" spans="14:14">
      <c r="N899261" s="10"/>
    </row>
    <row r="899262" spans="14:14">
      <c r="N899262" s="10"/>
    </row>
    <row r="899263" spans="14:14">
      <c r="N899263" s="10"/>
    </row>
    <row r="899264" spans="14:14">
      <c r="N899264" s="10"/>
    </row>
    <row r="899265" spans="14:14">
      <c r="N899265" s="10"/>
    </row>
    <row r="899266" spans="14:14">
      <c r="N899266" s="10"/>
    </row>
    <row r="899267" spans="14:14">
      <c r="N899267" s="10"/>
    </row>
    <row r="899268" spans="14:14">
      <c r="N899268" s="10"/>
    </row>
    <row r="899269" spans="14:14">
      <c r="N899269" s="10"/>
    </row>
    <row r="899270" spans="14:14">
      <c r="N899270" s="10"/>
    </row>
    <row r="899271" spans="14:14">
      <c r="N899271" s="10"/>
    </row>
    <row r="899272" spans="14:14">
      <c r="N899272" s="10"/>
    </row>
    <row r="899273" spans="14:14">
      <c r="N899273" s="10"/>
    </row>
    <row r="899274" spans="14:14">
      <c r="N899274" s="10"/>
    </row>
    <row r="899275" spans="14:14">
      <c r="N899275" s="10"/>
    </row>
    <row r="899276" spans="14:14">
      <c r="N899276" s="10"/>
    </row>
    <row r="899277" spans="14:14">
      <c r="N899277" s="10"/>
    </row>
    <row r="899278" spans="14:14">
      <c r="N899278" s="10"/>
    </row>
    <row r="899279" spans="14:14">
      <c r="N899279" s="10"/>
    </row>
    <row r="899280" spans="14:14">
      <c r="N899280" s="10"/>
    </row>
    <row r="899281" spans="14:14">
      <c r="N899281" s="10"/>
    </row>
    <row r="899282" spans="14:14">
      <c r="N899282" s="10"/>
    </row>
    <row r="899283" spans="14:14">
      <c r="N899283" s="10"/>
    </row>
    <row r="899284" spans="14:14">
      <c r="N899284" s="10"/>
    </row>
    <row r="899285" spans="14:14">
      <c r="N899285" s="10"/>
    </row>
    <row r="899286" spans="14:14">
      <c r="N899286" s="10"/>
    </row>
    <row r="899287" spans="14:14">
      <c r="N899287" s="10"/>
    </row>
    <row r="899288" spans="14:14">
      <c r="N899288" s="10"/>
    </row>
    <row r="899289" spans="14:14">
      <c r="N899289" s="10"/>
    </row>
    <row r="899290" spans="14:14">
      <c r="N899290" s="10"/>
    </row>
    <row r="899291" spans="14:14">
      <c r="N899291" s="10"/>
    </row>
    <row r="899292" spans="14:14">
      <c r="N899292" s="10"/>
    </row>
    <row r="899293" spans="14:14">
      <c r="N899293" s="10"/>
    </row>
    <row r="899294" spans="14:14">
      <c r="N899294" s="10"/>
    </row>
    <row r="899295" spans="14:14">
      <c r="N899295" s="10"/>
    </row>
    <row r="899296" spans="14:14">
      <c r="N899296" s="10"/>
    </row>
    <row r="899297" spans="14:14">
      <c r="N899297" s="10"/>
    </row>
    <row r="899298" spans="14:14">
      <c r="N899298" s="10"/>
    </row>
    <row r="899299" spans="14:14">
      <c r="N899299" s="10"/>
    </row>
    <row r="899300" spans="14:14">
      <c r="N899300" s="10"/>
    </row>
    <row r="899301" spans="14:14">
      <c r="N899301" s="10"/>
    </row>
    <row r="899302" spans="14:14">
      <c r="N899302" s="10"/>
    </row>
    <row r="899303" spans="14:14">
      <c r="N899303" s="10"/>
    </row>
    <row r="899304" spans="14:14">
      <c r="N899304" s="10"/>
    </row>
    <row r="899305" spans="14:14">
      <c r="N899305" s="10"/>
    </row>
    <row r="899306" spans="14:14">
      <c r="N899306" s="10"/>
    </row>
    <row r="899307" spans="14:14">
      <c r="N899307" s="10"/>
    </row>
    <row r="899308" spans="14:14">
      <c r="N899308" s="10"/>
    </row>
    <row r="899309" spans="14:14">
      <c r="N899309" s="10"/>
    </row>
    <row r="899310" spans="14:14">
      <c r="N899310" s="10"/>
    </row>
    <row r="899311" spans="14:14">
      <c r="N899311" s="10"/>
    </row>
    <row r="899312" spans="14:14">
      <c r="N899312" s="10"/>
    </row>
    <row r="899313" spans="14:14">
      <c r="N899313" s="10"/>
    </row>
    <row r="899314" spans="14:14">
      <c r="N899314" s="10"/>
    </row>
    <row r="899315" spans="14:14">
      <c r="N899315" s="10"/>
    </row>
    <row r="899316" spans="14:14">
      <c r="N899316" s="10"/>
    </row>
    <row r="899317" spans="14:14">
      <c r="N899317" s="10"/>
    </row>
    <row r="899318" spans="14:14">
      <c r="N899318" s="10"/>
    </row>
    <row r="899319" spans="14:14">
      <c r="N899319" s="10"/>
    </row>
    <row r="899320" spans="14:14">
      <c r="N899320" s="10"/>
    </row>
    <row r="899321" spans="14:14">
      <c r="N899321" s="10"/>
    </row>
    <row r="899322" spans="14:14">
      <c r="N899322" s="10"/>
    </row>
    <row r="899323" spans="14:14">
      <c r="N899323" s="10"/>
    </row>
    <row r="899324" spans="14:14">
      <c r="N899324" s="10"/>
    </row>
    <row r="899325" spans="14:14">
      <c r="N899325" s="10"/>
    </row>
    <row r="899326" spans="14:14">
      <c r="N899326" s="10"/>
    </row>
    <row r="899327" spans="14:14">
      <c r="N899327" s="10"/>
    </row>
    <row r="899328" spans="14:14">
      <c r="N899328" s="10"/>
    </row>
    <row r="899329" spans="14:14">
      <c r="N899329" s="10"/>
    </row>
    <row r="899330" spans="14:14">
      <c r="N899330" s="10"/>
    </row>
    <row r="899331" spans="14:14">
      <c r="N899331" s="10"/>
    </row>
    <row r="899332" spans="14:14">
      <c r="N899332" s="10"/>
    </row>
    <row r="899333" spans="14:14">
      <c r="N899333" s="10"/>
    </row>
    <row r="899334" spans="14:14">
      <c r="N899334" s="10"/>
    </row>
    <row r="899335" spans="14:14">
      <c r="N899335" s="10"/>
    </row>
    <row r="899336" spans="14:14">
      <c r="N899336" s="10"/>
    </row>
    <row r="899337" spans="14:14">
      <c r="N899337" s="10"/>
    </row>
    <row r="899338" spans="14:14">
      <c r="N899338" s="10"/>
    </row>
    <row r="899339" spans="14:14">
      <c r="N899339" s="10"/>
    </row>
    <row r="899340" spans="14:14">
      <c r="N899340" s="10"/>
    </row>
    <row r="899341" spans="14:14">
      <c r="N899341" s="10"/>
    </row>
    <row r="899342" spans="14:14">
      <c r="N899342" s="10"/>
    </row>
    <row r="899343" spans="14:14">
      <c r="N899343" s="10"/>
    </row>
    <row r="899344" spans="14:14">
      <c r="N899344" s="10"/>
    </row>
    <row r="899345" spans="14:14">
      <c r="N899345" s="10"/>
    </row>
    <row r="899346" spans="14:14">
      <c r="N899346" s="10"/>
    </row>
    <row r="899347" spans="14:14">
      <c r="N899347" s="10"/>
    </row>
    <row r="899348" spans="14:14">
      <c r="N899348" s="10"/>
    </row>
    <row r="899349" spans="14:14">
      <c r="N899349" s="10"/>
    </row>
    <row r="899350" spans="14:14">
      <c r="N899350" s="10"/>
    </row>
    <row r="899351" spans="14:14">
      <c r="N899351" s="10"/>
    </row>
    <row r="899352" spans="14:14">
      <c r="N899352" s="10"/>
    </row>
    <row r="899353" spans="14:14">
      <c r="N899353" s="10"/>
    </row>
    <row r="899354" spans="14:14">
      <c r="N899354" s="10"/>
    </row>
    <row r="899355" spans="14:14">
      <c r="N899355" s="10"/>
    </row>
    <row r="899356" spans="14:14">
      <c r="N899356" s="10"/>
    </row>
    <row r="899357" spans="14:14">
      <c r="N899357" s="10"/>
    </row>
    <row r="899358" spans="14:14">
      <c r="N899358" s="10"/>
    </row>
    <row r="899359" spans="14:14">
      <c r="N899359" s="10"/>
    </row>
    <row r="899360" spans="14:14">
      <c r="N899360" s="10"/>
    </row>
    <row r="899361" spans="14:14">
      <c r="N899361" s="10"/>
    </row>
    <row r="899362" spans="14:14">
      <c r="N899362" s="10"/>
    </row>
    <row r="899363" spans="14:14">
      <c r="N899363" s="10"/>
    </row>
    <row r="899364" spans="14:14">
      <c r="N899364" s="10"/>
    </row>
    <row r="899365" spans="14:14">
      <c r="N899365" s="10"/>
    </row>
    <row r="899366" spans="14:14">
      <c r="N899366" s="10"/>
    </row>
    <row r="899367" spans="14:14">
      <c r="N899367" s="10"/>
    </row>
    <row r="899368" spans="14:14">
      <c r="N899368" s="10"/>
    </row>
    <row r="899369" spans="14:14">
      <c r="N899369" s="10"/>
    </row>
    <row r="899370" spans="14:14">
      <c r="N899370" s="10"/>
    </row>
    <row r="899371" spans="14:14">
      <c r="N899371" s="10"/>
    </row>
    <row r="899372" spans="14:14">
      <c r="N899372" s="10"/>
    </row>
    <row r="899373" spans="14:14">
      <c r="N899373" s="10"/>
    </row>
    <row r="899374" spans="14:14">
      <c r="N899374" s="10"/>
    </row>
    <row r="899375" spans="14:14">
      <c r="N899375" s="10"/>
    </row>
    <row r="899376" spans="14:14">
      <c r="N899376" s="10"/>
    </row>
    <row r="899377" spans="14:14">
      <c r="N899377" s="10"/>
    </row>
    <row r="899378" spans="14:14">
      <c r="N899378" s="10"/>
    </row>
    <row r="899379" spans="14:14">
      <c r="N899379" s="10"/>
    </row>
    <row r="899380" spans="14:14">
      <c r="N899380" s="10"/>
    </row>
    <row r="899381" spans="14:14">
      <c r="N899381" s="10"/>
    </row>
    <row r="899382" spans="14:14">
      <c r="N899382" s="10"/>
    </row>
    <row r="899383" spans="14:14">
      <c r="N899383" s="10"/>
    </row>
    <row r="899384" spans="14:14">
      <c r="N899384" s="10"/>
    </row>
    <row r="899385" spans="14:14">
      <c r="N899385" s="10"/>
    </row>
    <row r="899386" spans="14:14">
      <c r="N899386" s="10"/>
    </row>
    <row r="899387" spans="14:14">
      <c r="N899387" s="10"/>
    </row>
    <row r="899388" spans="14:14">
      <c r="N899388" s="10"/>
    </row>
    <row r="899389" spans="14:14">
      <c r="N899389" s="10"/>
    </row>
    <row r="899390" spans="14:14">
      <c r="N899390" s="10"/>
    </row>
    <row r="899391" spans="14:14">
      <c r="N899391" s="10"/>
    </row>
    <row r="899392" spans="14:14">
      <c r="N899392" s="10"/>
    </row>
    <row r="899393" spans="14:14">
      <c r="N899393" s="10"/>
    </row>
    <row r="899394" spans="14:14">
      <c r="N899394" s="10"/>
    </row>
    <row r="899395" spans="14:14">
      <c r="N899395" s="10"/>
    </row>
    <row r="899396" spans="14:14">
      <c r="N899396" s="10"/>
    </row>
    <row r="899397" spans="14:14">
      <c r="N899397" s="10"/>
    </row>
    <row r="899398" spans="14:14">
      <c r="N899398" s="10"/>
    </row>
    <row r="899399" spans="14:14">
      <c r="N899399" s="10"/>
    </row>
    <row r="899400" spans="14:14">
      <c r="N899400" s="10"/>
    </row>
    <row r="899401" spans="14:14">
      <c r="N899401" s="10"/>
    </row>
    <row r="899402" spans="14:14">
      <c r="N899402" s="10"/>
    </row>
    <row r="899403" spans="14:14">
      <c r="N899403" s="10"/>
    </row>
    <row r="899404" spans="14:14">
      <c r="N899404" s="10"/>
    </row>
    <row r="899405" spans="14:14">
      <c r="N899405" s="10"/>
    </row>
    <row r="899406" spans="14:14">
      <c r="N899406" s="10"/>
    </row>
    <row r="899407" spans="14:14">
      <c r="N899407" s="10"/>
    </row>
    <row r="899408" spans="14:14">
      <c r="N899408" s="10"/>
    </row>
    <row r="899409" spans="14:14">
      <c r="N899409" s="10"/>
    </row>
    <row r="899410" spans="14:14">
      <c r="N899410" s="10"/>
    </row>
    <row r="899411" spans="14:14">
      <c r="N899411" s="10"/>
    </row>
    <row r="899412" spans="14:14">
      <c r="N899412" s="10"/>
    </row>
    <row r="899413" spans="14:14">
      <c r="N899413" s="10"/>
    </row>
    <row r="899414" spans="14:14">
      <c r="N899414" s="10"/>
    </row>
    <row r="899415" spans="14:14">
      <c r="N899415" s="10"/>
    </row>
    <row r="899416" spans="14:14">
      <c r="N899416" s="10"/>
    </row>
    <row r="899417" spans="14:14">
      <c r="N899417" s="10"/>
    </row>
    <row r="899418" spans="14:14">
      <c r="N899418" s="10"/>
    </row>
    <row r="899419" spans="14:14">
      <c r="N899419" s="10"/>
    </row>
    <row r="899420" spans="14:14">
      <c r="N899420" s="10"/>
    </row>
    <row r="899421" spans="14:14">
      <c r="N899421" s="10"/>
    </row>
    <row r="899422" spans="14:14">
      <c r="N899422" s="10"/>
    </row>
    <row r="899423" spans="14:14">
      <c r="N899423" s="10"/>
    </row>
    <row r="899424" spans="14:14">
      <c r="N899424" s="10"/>
    </row>
    <row r="899425" spans="14:14">
      <c r="N899425" s="10"/>
    </row>
    <row r="899426" spans="14:14">
      <c r="N899426" s="10"/>
    </row>
    <row r="899427" spans="14:14">
      <c r="N899427" s="10"/>
    </row>
    <row r="899428" spans="14:14">
      <c r="N899428" s="10"/>
    </row>
    <row r="899429" spans="14:14">
      <c r="N899429" s="10"/>
    </row>
    <row r="899430" spans="14:14">
      <c r="N899430" s="10"/>
    </row>
    <row r="899431" spans="14:14">
      <c r="N899431" s="10"/>
    </row>
    <row r="899432" spans="14:14">
      <c r="N899432" s="10"/>
    </row>
    <row r="899433" spans="14:14">
      <c r="N899433" s="10"/>
    </row>
    <row r="899434" spans="14:14">
      <c r="N899434" s="10"/>
    </row>
    <row r="899435" spans="14:14">
      <c r="N899435" s="10"/>
    </row>
    <row r="899436" spans="14:14">
      <c r="N899436" s="10"/>
    </row>
    <row r="899437" spans="14:14">
      <c r="N899437" s="10"/>
    </row>
    <row r="899438" spans="14:14">
      <c r="N899438" s="10"/>
    </row>
    <row r="899439" spans="14:14">
      <c r="N899439" s="10"/>
    </row>
    <row r="899440" spans="14:14">
      <c r="N899440" s="10"/>
    </row>
    <row r="899441" spans="14:14">
      <c r="N899441" s="10"/>
    </row>
    <row r="899442" spans="14:14">
      <c r="N899442" s="10"/>
    </row>
    <row r="899443" spans="14:14">
      <c r="N899443" s="10"/>
    </row>
    <row r="899444" spans="14:14">
      <c r="N899444" s="10"/>
    </row>
    <row r="899445" spans="14:14">
      <c r="N899445" s="10"/>
    </row>
    <row r="899446" spans="14:14">
      <c r="N899446" s="10"/>
    </row>
    <row r="899447" spans="14:14">
      <c r="N899447" s="10"/>
    </row>
    <row r="899448" spans="14:14">
      <c r="N899448" s="10"/>
    </row>
    <row r="899449" spans="14:14">
      <c r="N899449" s="10"/>
    </row>
    <row r="899450" spans="14:14">
      <c r="N899450" s="10"/>
    </row>
    <row r="899451" spans="14:14">
      <c r="N899451" s="10"/>
    </row>
    <row r="899452" spans="14:14">
      <c r="N899452" s="10"/>
    </row>
    <row r="899453" spans="14:14">
      <c r="N899453" s="10"/>
    </row>
    <row r="899454" spans="14:14">
      <c r="N899454" s="10"/>
    </row>
    <row r="899455" spans="14:14">
      <c r="N899455" s="10"/>
    </row>
    <row r="899456" spans="14:14">
      <c r="N899456" s="10"/>
    </row>
    <row r="899457" spans="14:14">
      <c r="N899457" s="10"/>
    </row>
    <row r="899458" spans="14:14">
      <c r="N899458" s="10"/>
    </row>
    <row r="899459" spans="14:14">
      <c r="N899459" s="10"/>
    </row>
    <row r="899460" spans="14:14">
      <c r="N899460" s="10"/>
    </row>
    <row r="899461" spans="14:14">
      <c r="N899461" s="10"/>
    </row>
    <row r="899462" spans="14:14">
      <c r="N899462" s="10"/>
    </row>
    <row r="899463" spans="14:14">
      <c r="N899463" s="10"/>
    </row>
    <row r="899464" spans="14:14">
      <c r="N899464" s="10"/>
    </row>
    <row r="899465" spans="14:14">
      <c r="N899465" s="10"/>
    </row>
    <row r="899466" spans="14:14">
      <c r="N899466" s="10"/>
    </row>
    <row r="899467" spans="14:14">
      <c r="N899467" s="10"/>
    </row>
    <row r="899468" spans="14:14">
      <c r="N899468" s="10"/>
    </row>
    <row r="899469" spans="14:14">
      <c r="N899469" s="10"/>
    </row>
    <row r="899470" spans="14:14">
      <c r="N899470" s="10"/>
    </row>
    <row r="899471" spans="14:14">
      <c r="N899471" s="10"/>
    </row>
    <row r="899472" spans="14:14">
      <c r="N899472" s="10"/>
    </row>
    <row r="899473" spans="14:14">
      <c r="N899473" s="10"/>
    </row>
    <row r="899474" spans="14:14">
      <c r="N899474" s="10"/>
    </row>
    <row r="899475" spans="14:14">
      <c r="N899475" s="10"/>
    </row>
    <row r="899476" spans="14:14">
      <c r="N899476" s="10"/>
    </row>
    <row r="899477" spans="14:14">
      <c r="N899477" s="10"/>
    </row>
    <row r="899478" spans="14:14">
      <c r="N899478" s="10"/>
    </row>
    <row r="899479" spans="14:14">
      <c r="N899479" s="10"/>
    </row>
    <row r="899480" spans="14:14">
      <c r="N899480" s="10"/>
    </row>
    <row r="899481" spans="14:14">
      <c r="N899481" s="10"/>
    </row>
    <row r="899482" spans="14:14">
      <c r="N899482" s="10"/>
    </row>
    <row r="899483" spans="14:14">
      <c r="N899483" s="10"/>
    </row>
    <row r="899484" spans="14:14">
      <c r="N899484" s="10"/>
    </row>
    <row r="899485" spans="14:14">
      <c r="N899485" s="10"/>
    </row>
    <row r="899486" spans="14:14">
      <c r="N899486" s="10"/>
    </row>
    <row r="899487" spans="14:14">
      <c r="N899487" s="10"/>
    </row>
    <row r="899488" spans="14:14">
      <c r="N899488" s="10"/>
    </row>
    <row r="899489" spans="14:14">
      <c r="N899489" s="10"/>
    </row>
    <row r="899490" spans="14:14">
      <c r="N899490" s="10"/>
    </row>
    <row r="899491" spans="14:14">
      <c r="N899491" s="10"/>
    </row>
    <row r="899492" spans="14:14">
      <c r="N899492" s="10"/>
    </row>
    <row r="899493" spans="14:14">
      <c r="N899493" s="10"/>
    </row>
    <row r="899494" spans="14:14">
      <c r="N899494" s="10"/>
    </row>
    <row r="899495" spans="14:14">
      <c r="N899495" s="10"/>
    </row>
    <row r="899496" spans="14:14">
      <c r="N899496" s="10"/>
    </row>
    <row r="899497" spans="14:14">
      <c r="N899497" s="10"/>
    </row>
    <row r="899498" spans="14:14">
      <c r="N899498" s="10"/>
    </row>
    <row r="899499" spans="14:14">
      <c r="N899499" s="10"/>
    </row>
    <row r="899500" spans="14:14">
      <c r="N899500" s="10"/>
    </row>
    <row r="899501" spans="14:14">
      <c r="N899501" s="10"/>
    </row>
    <row r="899502" spans="14:14">
      <c r="N899502" s="10"/>
    </row>
    <row r="899503" spans="14:14">
      <c r="N899503" s="10"/>
    </row>
    <row r="899504" spans="14:14">
      <c r="N899504" s="10"/>
    </row>
    <row r="899505" spans="14:14">
      <c r="N899505" s="10"/>
    </row>
    <row r="899506" spans="14:14">
      <c r="N899506" s="10"/>
    </row>
    <row r="899507" spans="14:14">
      <c r="N899507" s="10"/>
    </row>
    <row r="899508" spans="14:14">
      <c r="N899508" s="10"/>
    </row>
    <row r="899509" spans="14:14">
      <c r="N899509" s="10"/>
    </row>
    <row r="899510" spans="14:14">
      <c r="N899510" s="10"/>
    </row>
    <row r="899511" spans="14:14">
      <c r="N899511" s="10"/>
    </row>
    <row r="899512" spans="14:14">
      <c r="N899512" s="10"/>
    </row>
    <row r="899513" spans="14:14">
      <c r="N899513" s="10"/>
    </row>
    <row r="899514" spans="14:14">
      <c r="N899514" s="10"/>
    </row>
    <row r="899515" spans="14:14">
      <c r="N899515" s="10"/>
    </row>
    <row r="899516" spans="14:14">
      <c r="N899516" s="10"/>
    </row>
    <row r="899517" spans="14:14">
      <c r="N899517" s="10"/>
    </row>
    <row r="899518" spans="14:14">
      <c r="N899518" s="10"/>
    </row>
    <row r="899519" spans="14:14">
      <c r="N899519" s="10"/>
    </row>
    <row r="899520" spans="14:14">
      <c r="N899520" s="10"/>
    </row>
    <row r="899521" spans="14:14">
      <c r="N899521" s="10"/>
    </row>
    <row r="899522" spans="14:14">
      <c r="N899522" s="10"/>
    </row>
    <row r="899523" spans="14:14">
      <c r="N899523" s="10"/>
    </row>
    <row r="899524" spans="14:14">
      <c r="N899524" s="10"/>
    </row>
    <row r="899525" spans="14:14">
      <c r="N899525" s="10"/>
    </row>
    <row r="899526" spans="14:14">
      <c r="N899526" s="10"/>
    </row>
    <row r="899527" spans="14:14">
      <c r="N899527" s="10"/>
    </row>
    <row r="899528" spans="14:14">
      <c r="N899528" s="10"/>
    </row>
    <row r="899529" spans="14:14">
      <c r="N899529" s="10"/>
    </row>
    <row r="899530" spans="14:14">
      <c r="N899530" s="10"/>
    </row>
    <row r="899531" spans="14:14">
      <c r="N899531" s="10"/>
    </row>
    <row r="899532" spans="14:14">
      <c r="N899532" s="10"/>
    </row>
    <row r="899533" spans="14:14">
      <c r="N899533" s="10"/>
    </row>
    <row r="899534" spans="14:14">
      <c r="N899534" s="10"/>
    </row>
    <row r="899535" spans="14:14">
      <c r="N899535" s="10"/>
    </row>
    <row r="899536" spans="14:14">
      <c r="N899536" s="10"/>
    </row>
    <row r="899537" spans="14:14">
      <c r="N899537" s="10"/>
    </row>
    <row r="899538" spans="14:14">
      <c r="N899538" s="10"/>
    </row>
    <row r="899539" spans="14:14">
      <c r="N899539" s="10"/>
    </row>
    <row r="899540" spans="14:14">
      <c r="N899540" s="10"/>
    </row>
    <row r="899541" spans="14:14">
      <c r="N899541" s="10"/>
    </row>
    <row r="899542" spans="14:14">
      <c r="N899542" s="10"/>
    </row>
    <row r="899543" spans="14:14">
      <c r="N899543" s="10"/>
    </row>
    <row r="899544" spans="14:14">
      <c r="N899544" s="10"/>
    </row>
    <row r="899545" spans="14:14">
      <c r="N899545" s="10"/>
    </row>
    <row r="899546" spans="14:14">
      <c r="N899546" s="10"/>
    </row>
    <row r="899547" spans="14:14">
      <c r="N899547" s="10"/>
    </row>
    <row r="899548" spans="14:14">
      <c r="N899548" s="10"/>
    </row>
    <row r="899549" spans="14:14">
      <c r="N899549" s="10"/>
    </row>
    <row r="899550" spans="14:14">
      <c r="N899550" s="10"/>
    </row>
    <row r="899551" spans="14:14">
      <c r="N899551" s="10"/>
    </row>
    <row r="899552" spans="14:14">
      <c r="N899552" s="10"/>
    </row>
    <row r="899553" spans="14:14">
      <c r="N899553" s="10"/>
    </row>
    <row r="899554" spans="14:14">
      <c r="N899554" s="10"/>
    </row>
    <row r="899555" spans="14:14">
      <c r="N899555" s="10"/>
    </row>
    <row r="899556" spans="14:14">
      <c r="N899556" s="10"/>
    </row>
    <row r="899557" spans="14:14">
      <c r="N899557" s="10"/>
    </row>
    <row r="899558" spans="14:14">
      <c r="N899558" s="10"/>
    </row>
    <row r="899559" spans="14:14">
      <c r="N899559" s="10"/>
    </row>
    <row r="899560" spans="14:14">
      <c r="N899560" s="10"/>
    </row>
    <row r="899561" spans="14:14">
      <c r="N899561" s="10"/>
    </row>
    <row r="899562" spans="14:14">
      <c r="N899562" s="10"/>
    </row>
    <row r="899563" spans="14:14">
      <c r="N899563" s="10"/>
    </row>
    <row r="899564" spans="14:14">
      <c r="N899564" s="10"/>
    </row>
    <row r="899565" spans="14:14">
      <c r="N899565" s="10"/>
    </row>
    <row r="899566" spans="14:14">
      <c r="N899566" s="10"/>
    </row>
    <row r="899567" spans="14:14">
      <c r="N899567" s="10"/>
    </row>
    <row r="899568" spans="14:14">
      <c r="N899568" s="10"/>
    </row>
    <row r="899569" spans="14:14">
      <c r="N899569" s="10"/>
    </row>
    <row r="899570" spans="14:14">
      <c r="N899570" s="10"/>
    </row>
    <row r="899571" spans="14:14">
      <c r="N899571" s="10"/>
    </row>
    <row r="899572" spans="14:14">
      <c r="N899572" s="10"/>
    </row>
    <row r="899573" spans="14:14">
      <c r="N899573" s="10"/>
    </row>
    <row r="899574" spans="14:14">
      <c r="N899574" s="10"/>
    </row>
    <row r="899575" spans="14:14">
      <c r="N899575" s="10"/>
    </row>
    <row r="899576" spans="14:14">
      <c r="N899576" s="10"/>
    </row>
    <row r="899577" spans="14:14">
      <c r="N899577" s="10"/>
    </row>
    <row r="899578" spans="14:14">
      <c r="N899578" s="10"/>
    </row>
    <row r="899579" spans="14:14">
      <c r="N899579" s="10"/>
    </row>
    <row r="899580" spans="14:14">
      <c r="N899580" s="10"/>
    </row>
    <row r="899581" spans="14:14">
      <c r="N899581" s="10"/>
    </row>
    <row r="899582" spans="14:14">
      <c r="N899582" s="10"/>
    </row>
    <row r="899583" spans="14:14">
      <c r="N899583" s="10"/>
    </row>
    <row r="899584" spans="14:14">
      <c r="N899584" s="10"/>
    </row>
    <row r="899585" spans="14:14">
      <c r="N899585" s="10"/>
    </row>
    <row r="899586" spans="14:14">
      <c r="N899586" s="10"/>
    </row>
    <row r="899587" spans="14:14">
      <c r="N899587" s="10"/>
    </row>
    <row r="899588" spans="14:14">
      <c r="N899588" s="10"/>
    </row>
    <row r="899589" spans="14:14">
      <c r="N899589" s="10"/>
    </row>
    <row r="899590" spans="14:14">
      <c r="N899590" s="10"/>
    </row>
    <row r="899591" spans="14:14">
      <c r="N899591" s="10"/>
    </row>
    <row r="899592" spans="14:14">
      <c r="N899592" s="10"/>
    </row>
    <row r="899593" spans="14:14">
      <c r="N899593" s="10"/>
    </row>
    <row r="899594" spans="14:14">
      <c r="N899594" s="10"/>
    </row>
    <row r="899595" spans="14:14">
      <c r="N899595" s="10"/>
    </row>
    <row r="899596" spans="14:14">
      <c r="N899596" s="10"/>
    </row>
    <row r="899597" spans="14:14">
      <c r="N899597" s="10"/>
    </row>
    <row r="899598" spans="14:14">
      <c r="N899598" s="10"/>
    </row>
    <row r="899599" spans="14:14">
      <c r="N899599" s="10"/>
    </row>
    <row r="899600" spans="14:14">
      <c r="N899600" s="10"/>
    </row>
    <row r="899601" spans="14:14">
      <c r="N899601" s="10"/>
    </row>
    <row r="899602" spans="14:14">
      <c r="N899602" s="10"/>
    </row>
    <row r="899603" spans="14:14">
      <c r="N899603" s="10"/>
    </row>
    <row r="899604" spans="14:14">
      <c r="N899604" s="10"/>
    </row>
    <row r="899605" spans="14:14">
      <c r="N899605" s="10"/>
    </row>
    <row r="899606" spans="14:14">
      <c r="N899606" s="10"/>
    </row>
    <row r="899607" spans="14:14">
      <c r="N899607" s="10"/>
    </row>
    <row r="899608" spans="14:14">
      <c r="N899608" s="10"/>
    </row>
    <row r="899609" spans="14:14">
      <c r="N899609" s="10"/>
    </row>
    <row r="899610" spans="14:14">
      <c r="N899610" s="10"/>
    </row>
    <row r="899611" spans="14:14">
      <c r="N899611" s="10"/>
    </row>
    <row r="899612" spans="14:14">
      <c r="N899612" s="10"/>
    </row>
    <row r="899613" spans="14:14">
      <c r="N899613" s="10"/>
    </row>
    <row r="899614" spans="14:14">
      <c r="N899614" s="10"/>
    </row>
    <row r="899615" spans="14:14">
      <c r="N899615" s="10"/>
    </row>
    <row r="899616" spans="14:14">
      <c r="N899616" s="10"/>
    </row>
    <row r="899617" spans="14:14">
      <c r="N899617" s="10"/>
    </row>
    <row r="899618" spans="14:14">
      <c r="N899618" s="10"/>
    </row>
    <row r="899619" spans="14:14">
      <c r="N899619" s="10"/>
    </row>
    <row r="899620" spans="14:14">
      <c r="N899620" s="10"/>
    </row>
    <row r="899621" spans="14:14">
      <c r="N899621" s="10"/>
    </row>
    <row r="899622" spans="14:14">
      <c r="N899622" s="10"/>
    </row>
    <row r="899623" spans="14:14">
      <c r="N899623" s="10"/>
    </row>
    <row r="899624" spans="14:14">
      <c r="N899624" s="10"/>
    </row>
    <row r="899625" spans="14:14">
      <c r="N899625" s="10"/>
    </row>
    <row r="899626" spans="14:14">
      <c r="N899626" s="10"/>
    </row>
    <row r="899627" spans="14:14">
      <c r="N899627" s="10"/>
    </row>
    <row r="899628" spans="14:14">
      <c r="N899628" s="10"/>
    </row>
    <row r="899629" spans="14:14">
      <c r="N899629" s="10"/>
    </row>
    <row r="899630" spans="14:14">
      <c r="N899630" s="10"/>
    </row>
    <row r="899631" spans="14:14">
      <c r="N899631" s="10"/>
    </row>
    <row r="899632" spans="14:14">
      <c r="N899632" s="10"/>
    </row>
    <row r="899633" spans="14:14">
      <c r="N899633" s="10"/>
    </row>
    <row r="899634" spans="14:14">
      <c r="N899634" s="10"/>
    </row>
    <row r="899635" spans="14:14">
      <c r="N899635" s="10"/>
    </row>
    <row r="899636" spans="14:14">
      <c r="N899636" s="10"/>
    </row>
    <row r="899637" spans="14:14">
      <c r="N899637" s="10"/>
    </row>
    <row r="899638" spans="14:14">
      <c r="N899638" s="10"/>
    </row>
    <row r="899639" spans="14:14">
      <c r="N899639" s="10"/>
    </row>
    <row r="899640" spans="14:14">
      <c r="N899640" s="10"/>
    </row>
    <row r="899641" spans="14:14">
      <c r="N899641" s="10"/>
    </row>
    <row r="899642" spans="14:14">
      <c r="N899642" s="10"/>
    </row>
    <row r="899643" spans="14:14">
      <c r="N899643" s="10"/>
    </row>
    <row r="899644" spans="14:14">
      <c r="N899644" s="10"/>
    </row>
    <row r="899645" spans="14:14">
      <c r="N899645" s="10"/>
    </row>
    <row r="899646" spans="14:14">
      <c r="N899646" s="10"/>
    </row>
    <row r="899647" spans="14:14">
      <c r="N899647" s="10"/>
    </row>
    <row r="899648" spans="14:14">
      <c r="N899648" s="10"/>
    </row>
    <row r="899649" spans="14:14">
      <c r="N899649" s="10"/>
    </row>
    <row r="899650" spans="14:14">
      <c r="N899650" s="10"/>
    </row>
    <row r="899651" spans="14:14">
      <c r="N899651" s="10"/>
    </row>
    <row r="899652" spans="14:14">
      <c r="N899652" s="10"/>
    </row>
    <row r="899653" spans="14:14">
      <c r="N899653" s="10"/>
    </row>
    <row r="899654" spans="14:14">
      <c r="N899654" s="10"/>
    </row>
    <row r="899655" spans="14:14">
      <c r="N899655" s="10"/>
    </row>
    <row r="899656" spans="14:14">
      <c r="N899656" s="10"/>
    </row>
    <row r="899657" spans="14:14">
      <c r="N899657" s="10"/>
    </row>
    <row r="899658" spans="14:14">
      <c r="N899658" s="10"/>
    </row>
    <row r="899659" spans="14:14">
      <c r="N899659" s="10"/>
    </row>
    <row r="899660" spans="14:14">
      <c r="N899660" s="10"/>
    </row>
    <row r="899661" spans="14:14">
      <c r="N899661" s="10"/>
    </row>
    <row r="899662" spans="14:14">
      <c r="N899662" s="10"/>
    </row>
    <row r="899663" spans="14:14">
      <c r="N899663" s="10"/>
    </row>
    <row r="899664" spans="14:14">
      <c r="N899664" s="10"/>
    </row>
    <row r="899665" spans="14:14">
      <c r="N899665" s="10"/>
    </row>
    <row r="899666" spans="14:14">
      <c r="N899666" s="10"/>
    </row>
    <row r="899667" spans="14:14">
      <c r="N899667" s="10"/>
    </row>
    <row r="899668" spans="14:14">
      <c r="N899668" s="10"/>
    </row>
    <row r="899669" spans="14:14">
      <c r="N899669" s="10"/>
    </row>
    <row r="899670" spans="14:14">
      <c r="N899670" s="10"/>
    </row>
    <row r="899671" spans="14:14">
      <c r="N899671" s="10"/>
    </row>
    <row r="899672" spans="14:14">
      <c r="N899672" s="10"/>
    </row>
    <row r="899673" spans="14:14">
      <c r="N899673" s="10"/>
    </row>
    <row r="899674" spans="14:14">
      <c r="N899674" s="10"/>
    </row>
    <row r="899675" spans="14:14">
      <c r="N899675" s="10"/>
    </row>
    <row r="899676" spans="14:14">
      <c r="N899676" s="10"/>
    </row>
    <row r="899677" spans="14:14">
      <c r="N899677" s="10"/>
    </row>
    <row r="899678" spans="14:14">
      <c r="N899678" s="10"/>
    </row>
    <row r="899679" spans="14:14">
      <c r="N899679" s="10"/>
    </row>
    <row r="899680" spans="14:14">
      <c r="N899680" s="10"/>
    </row>
    <row r="899681" spans="14:14">
      <c r="N899681" s="10"/>
    </row>
    <row r="899682" spans="14:14">
      <c r="N899682" s="10"/>
    </row>
    <row r="899683" spans="14:14">
      <c r="N899683" s="10"/>
    </row>
    <row r="899684" spans="14:14">
      <c r="N899684" s="10"/>
    </row>
    <row r="899685" spans="14:14">
      <c r="N899685" s="10"/>
    </row>
    <row r="899686" spans="14:14">
      <c r="N899686" s="10"/>
    </row>
    <row r="899687" spans="14:14">
      <c r="N899687" s="10"/>
    </row>
    <row r="899688" spans="14:14">
      <c r="N899688" s="10"/>
    </row>
    <row r="899689" spans="14:14">
      <c r="N899689" s="10"/>
    </row>
    <row r="899690" spans="14:14">
      <c r="N899690" s="10"/>
    </row>
    <row r="899691" spans="14:14">
      <c r="N899691" s="10"/>
    </row>
    <row r="899692" spans="14:14">
      <c r="N899692" s="10"/>
    </row>
    <row r="899693" spans="14:14">
      <c r="N899693" s="10"/>
    </row>
    <row r="899694" spans="14:14">
      <c r="N899694" s="10"/>
    </row>
    <row r="899695" spans="14:14">
      <c r="N899695" s="10"/>
    </row>
    <row r="899696" spans="14:14">
      <c r="N899696" s="10"/>
    </row>
    <row r="899697" spans="14:14">
      <c r="N899697" s="10"/>
    </row>
    <row r="899698" spans="14:14">
      <c r="N899698" s="10"/>
    </row>
    <row r="899699" spans="14:14">
      <c r="N899699" s="10"/>
    </row>
    <row r="899700" spans="14:14">
      <c r="N899700" s="10"/>
    </row>
    <row r="899701" spans="14:14">
      <c r="N899701" s="10"/>
    </row>
    <row r="899702" spans="14:14">
      <c r="N899702" s="10"/>
    </row>
    <row r="899703" spans="14:14">
      <c r="N899703" s="10"/>
    </row>
    <row r="899704" spans="14:14">
      <c r="N899704" s="10"/>
    </row>
    <row r="899705" spans="14:14">
      <c r="N899705" s="10"/>
    </row>
    <row r="899706" spans="14:14">
      <c r="N899706" s="10"/>
    </row>
    <row r="899707" spans="14:14">
      <c r="N899707" s="10"/>
    </row>
    <row r="899708" spans="14:14">
      <c r="N899708" s="10"/>
    </row>
    <row r="899709" spans="14:14">
      <c r="N899709" s="10"/>
    </row>
    <row r="899710" spans="14:14">
      <c r="N899710" s="10"/>
    </row>
    <row r="899711" spans="14:14">
      <c r="N899711" s="10"/>
    </row>
    <row r="899712" spans="14:14">
      <c r="N899712" s="10"/>
    </row>
    <row r="899713" spans="14:14">
      <c r="N899713" s="10"/>
    </row>
    <row r="899714" spans="14:14">
      <c r="N899714" s="10"/>
    </row>
    <row r="899715" spans="14:14">
      <c r="N899715" s="10"/>
    </row>
    <row r="899716" spans="14:14">
      <c r="N899716" s="10"/>
    </row>
    <row r="899717" spans="14:14">
      <c r="N899717" s="10"/>
    </row>
    <row r="899718" spans="14:14">
      <c r="N899718" s="10"/>
    </row>
    <row r="899719" spans="14:14">
      <c r="N899719" s="10"/>
    </row>
    <row r="899720" spans="14:14">
      <c r="N899720" s="10"/>
    </row>
    <row r="899721" spans="14:14">
      <c r="N899721" s="10"/>
    </row>
    <row r="899722" spans="14:14">
      <c r="N899722" s="10"/>
    </row>
    <row r="899723" spans="14:14">
      <c r="N899723" s="10"/>
    </row>
    <row r="899724" spans="14:14">
      <c r="N899724" s="10"/>
    </row>
    <row r="899725" spans="14:14">
      <c r="N899725" s="10"/>
    </row>
    <row r="899726" spans="14:14">
      <c r="N899726" s="10"/>
    </row>
    <row r="899727" spans="14:14">
      <c r="N899727" s="10"/>
    </row>
    <row r="899728" spans="14:14">
      <c r="N899728" s="10"/>
    </row>
    <row r="899729" spans="14:14">
      <c r="N899729" s="10"/>
    </row>
    <row r="899730" spans="14:14">
      <c r="N899730" s="10"/>
    </row>
    <row r="899731" spans="14:14">
      <c r="N899731" s="10"/>
    </row>
    <row r="899732" spans="14:14">
      <c r="N899732" s="10"/>
    </row>
    <row r="899733" spans="14:14">
      <c r="N899733" s="10"/>
    </row>
    <row r="899734" spans="14:14">
      <c r="N899734" s="10"/>
    </row>
    <row r="899735" spans="14:14">
      <c r="N899735" s="10"/>
    </row>
    <row r="899736" spans="14:14">
      <c r="N899736" s="10"/>
    </row>
    <row r="899737" spans="14:14">
      <c r="N899737" s="10"/>
    </row>
    <row r="899738" spans="14:14">
      <c r="N899738" s="10"/>
    </row>
    <row r="899739" spans="14:14">
      <c r="N899739" s="10"/>
    </row>
    <row r="899740" spans="14:14">
      <c r="N899740" s="10"/>
    </row>
    <row r="899741" spans="14:14">
      <c r="N899741" s="10"/>
    </row>
    <row r="899742" spans="14:14">
      <c r="N899742" s="10"/>
    </row>
    <row r="899743" spans="14:14">
      <c r="N899743" s="10"/>
    </row>
    <row r="899744" spans="14:14">
      <c r="N899744" s="10"/>
    </row>
    <row r="899745" spans="14:14">
      <c r="N899745" s="10"/>
    </row>
    <row r="899746" spans="14:14">
      <c r="N899746" s="10"/>
    </row>
    <row r="899747" spans="14:14">
      <c r="N899747" s="10"/>
    </row>
    <row r="899748" spans="14:14">
      <c r="N899748" s="10"/>
    </row>
    <row r="899749" spans="14:14">
      <c r="N899749" s="10"/>
    </row>
    <row r="899750" spans="14:14">
      <c r="N899750" s="10"/>
    </row>
    <row r="899751" spans="14:14">
      <c r="N899751" s="10"/>
    </row>
    <row r="899752" spans="14:14">
      <c r="N899752" s="10"/>
    </row>
    <row r="899753" spans="14:14">
      <c r="N899753" s="10"/>
    </row>
    <row r="899754" spans="14:14">
      <c r="N899754" s="10"/>
    </row>
    <row r="899755" spans="14:14">
      <c r="N899755" s="10"/>
    </row>
    <row r="899756" spans="14:14">
      <c r="N899756" s="10"/>
    </row>
    <row r="899757" spans="14:14">
      <c r="N899757" s="10"/>
    </row>
    <row r="899758" spans="14:14">
      <c r="N899758" s="10"/>
    </row>
    <row r="899759" spans="14:14">
      <c r="N899759" s="10"/>
    </row>
    <row r="899760" spans="14:14">
      <c r="N899760" s="10"/>
    </row>
    <row r="899761" spans="14:14">
      <c r="N899761" s="10"/>
    </row>
    <row r="899762" spans="14:14">
      <c r="N899762" s="10"/>
    </row>
    <row r="899763" spans="14:14">
      <c r="N899763" s="10"/>
    </row>
    <row r="899764" spans="14:14">
      <c r="N899764" s="10"/>
    </row>
    <row r="899765" spans="14:14">
      <c r="N899765" s="10"/>
    </row>
    <row r="899766" spans="14:14">
      <c r="N899766" s="10"/>
    </row>
    <row r="899767" spans="14:14">
      <c r="N899767" s="10"/>
    </row>
    <row r="899768" spans="14:14">
      <c r="N899768" s="10"/>
    </row>
    <row r="899769" spans="14:14">
      <c r="N899769" s="10"/>
    </row>
    <row r="899770" spans="14:14">
      <c r="N899770" s="10"/>
    </row>
    <row r="899771" spans="14:14">
      <c r="N899771" s="10"/>
    </row>
    <row r="899772" spans="14:14">
      <c r="N899772" s="10"/>
    </row>
    <row r="899773" spans="14:14">
      <c r="N899773" s="10"/>
    </row>
    <row r="899774" spans="14:14">
      <c r="N899774" s="10"/>
    </row>
    <row r="899775" spans="14:14">
      <c r="N899775" s="10"/>
    </row>
    <row r="899776" spans="14:14">
      <c r="N899776" s="10"/>
    </row>
    <row r="899777" spans="14:14">
      <c r="N899777" s="10"/>
    </row>
    <row r="899778" spans="14:14">
      <c r="N899778" s="10"/>
    </row>
    <row r="899779" spans="14:14">
      <c r="N899779" s="10"/>
    </row>
    <row r="899780" spans="14:14">
      <c r="N899780" s="10"/>
    </row>
    <row r="899781" spans="14:14">
      <c r="N899781" s="10"/>
    </row>
    <row r="899782" spans="14:14">
      <c r="N899782" s="10"/>
    </row>
    <row r="899783" spans="14:14">
      <c r="N899783" s="10"/>
    </row>
    <row r="899784" spans="14:14">
      <c r="N899784" s="10"/>
    </row>
    <row r="899785" spans="14:14">
      <c r="N899785" s="10"/>
    </row>
    <row r="899786" spans="14:14">
      <c r="N899786" s="10"/>
    </row>
    <row r="899787" spans="14:14">
      <c r="N899787" s="10"/>
    </row>
    <row r="899788" spans="14:14">
      <c r="N899788" s="10"/>
    </row>
    <row r="899789" spans="14:14">
      <c r="N899789" s="10"/>
    </row>
    <row r="899790" spans="14:14">
      <c r="N899790" s="10"/>
    </row>
    <row r="899791" spans="14:14">
      <c r="N899791" s="10"/>
    </row>
    <row r="899792" spans="14:14">
      <c r="N899792" s="10"/>
    </row>
    <row r="899793" spans="14:14">
      <c r="N899793" s="10"/>
    </row>
    <row r="899794" spans="14:14">
      <c r="N899794" s="10"/>
    </row>
    <row r="899795" spans="14:14">
      <c r="N899795" s="10"/>
    </row>
    <row r="899796" spans="14:14">
      <c r="N899796" s="10"/>
    </row>
    <row r="899797" spans="14:14">
      <c r="N899797" s="10"/>
    </row>
    <row r="899798" spans="14:14">
      <c r="N899798" s="10"/>
    </row>
    <row r="899799" spans="14:14">
      <c r="N899799" s="10"/>
    </row>
    <row r="899800" spans="14:14">
      <c r="N899800" s="10"/>
    </row>
    <row r="899801" spans="14:14">
      <c r="N899801" s="10"/>
    </row>
    <row r="899802" spans="14:14">
      <c r="N899802" s="10"/>
    </row>
    <row r="899803" spans="14:14">
      <c r="N899803" s="10"/>
    </row>
    <row r="899804" spans="14:14">
      <c r="N899804" s="10"/>
    </row>
    <row r="899805" spans="14:14">
      <c r="N899805" s="10"/>
    </row>
    <row r="899806" spans="14:14">
      <c r="N899806" s="10"/>
    </row>
    <row r="899807" spans="14:14">
      <c r="N899807" s="10"/>
    </row>
    <row r="899808" spans="14:14">
      <c r="N899808" s="10"/>
    </row>
    <row r="899809" spans="14:14">
      <c r="N899809" s="10"/>
    </row>
    <row r="899810" spans="14:14">
      <c r="N899810" s="10"/>
    </row>
    <row r="899811" spans="14:14">
      <c r="N899811" s="10"/>
    </row>
    <row r="899812" spans="14:14">
      <c r="N899812" s="10"/>
    </row>
    <row r="899813" spans="14:14">
      <c r="N899813" s="10"/>
    </row>
    <row r="899814" spans="14:14">
      <c r="N899814" s="10"/>
    </row>
    <row r="899815" spans="14:14">
      <c r="N899815" s="10"/>
    </row>
    <row r="899816" spans="14:14">
      <c r="N899816" s="10"/>
    </row>
    <row r="899817" spans="14:14">
      <c r="N899817" s="10"/>
    </row>
    <row r="899818" spans="14:14">
      <c r="N899818" s="10"/>
    </row>
    <row r="899819" spans="14:14">
      <c r="N899819" s="10"/>
    </row>
    <row r="899820" spans="14:14">
      <c r="N899820" s="10"/>
    </row>
    <row r="899821" spans="14:14">
      <c r="N899821" s="10"/>
    </row>
    <row r="899822" spans="14:14">
      <c r="N899822" s="10"/>
    </row>
    <row r="899823" spans="14:14">
      <c r="N899823" s="10"/>
    </row>
    <row r="899824" spans="14:14">
      <c r="N899824" s="10"/>
    </row>
    <row r="899825" spans="14:14">
      <c r="N899825" s="10"/>
    </row>
    <row r="899826" spans="14:14">
      <c r="N899826" s="10"/>
    </row>
    <row r="899827" spans="14:14">
      <c r="N899827" s="10"/>
    </row>
    <row r="899828" spans="14:14">
      <c r="N899828" s="10"/>
    </row>
    <row r="899829" spans="14:14">
      <c r="N899829" s="10"/>
    </row>
    <row r="899830" spans="14:14">
      <c r="N899830" s="10"/>
    </row>
    <row r="899831" spans="14:14">
      <c r="N899831" s="10"/>
    </row>
    <row r="899832" spans="14:14">
      <c r="N899832" s="10"/>
    </row>
    <row r="899833" spans="14:14">
      <c r="N899833" s="10"/>
    </row>
    <row r="899834" spans="14:14">
      <c r="N899834" s="10"/>
    </row>
    <row r="899835" spans="14:14">
      <c r="N899835" s="10"/>
    </row>
    <row r="899836" spans="14:14">
      <c r="N899836" s="10"/>
    </row>
    <row r="899837" spans="14:14">
      <c r="N899837" s="10"/>
    </row>
    <row r="899838" spans="14:14">
      <c r="N899838" s="10"/>
    </row>
    <row r="899839" spans="14:14">
      <c r="N899839" s="10"/>
    </row>
    <row r="899840" spans="14:14">
      <c r="N899840" s="10"/>
    </row>
    <row r="899841" spans="14:14">
      <c r="N899841" s="10"/>
    </row>
    <row r="899842" spans="14:14">
      <c r="N899842" s="10"/>
    </row>
    <row r="899843" spans="14:14">
      <c r="N899843" s="10"/>
    </row>
    <row r="899844" spans="14:14">
      <c r="N899844" s="10"/>
    </row>
    <row r="899845" spans="14:14">
      <c r="N899845" s="10"/>
    </row>
    <row r="899846" spans="14:14">
      <c r="N899846" s="10"/>
    </row>
    <row r="899847" spans="14:14">
      <c r="N899847" s="10"/>
    </row>
    <row r="899848" spans="14:14">
      <c r="N899848" s="10"/>
    </row>
    <row r="899849" spans="14:14">
      <c r="N899849" s="10"/>
    </row>
    <row r="899850" spans="14:14">
      <c r="N899850" s="10"/>
    </row>
    <row r="899851" spans="14:14">
      <c r="N899851" s="10"/>
    </row>
    <row r="899852" spans="14:14">
      <c r="N899852" s="10"/>
    </row>
    <row r="899853" spans="14:14">
      <c r="N899853" s="10"/>
    </row>
    <row r="899854" spans="14:14">
      <c r="N899854" s="10"/>
    </row>
    <row r="899855" spans="14:14">
      <c r="N899855" s="10"/>
    </row>
    <row r="899856" spans="14:14">
      <c r="N899856" s="10"/>
    </row>
    <row r="899857" spans="14:14">
      <c r="N899857" s="10"/>
    </row>
    <row r="899858" spans="14:14">
      <c r="N899858" s="10"/>
    </row>
    <row r="899859" spans="14:14">
      <c r="N899859" s="10"/>
    </row>
    <row r="899860" spans="14:14">
      <c r="N899860" s="10"/>
    </row>
    <row r="899861" spans="14:14">
      <c r="N899861" s="10"/>
    </row>
    <row r="899862" spans="14:14">
      <c r="N899862" s="10"/>
    </row>
    <row r="899863" spans="14:14">
      <c r="N899863" s="10"/>
    </row>
    <row r="899864" spans="14:14">
      <c r="N899864" s="10"/>
    </row>
    <row r="899865" spans="14:14">
      <c r="N899865" s="10"/>
    </row>
    <row r="899866" spans="14:14">
      <c r="N899866" s="10"/>
    </row>
    <row r="899867" spans="14:14">
      <c r="N899867" s="10"/>
    </row>
    <row r="899868" spans="14:14">
      <c r="N899868" s="10"/>
    </row>
    <row r="899869" spans="14:14">
      <c r="N899869" s="10"/>
    </row>
    <row r="899870" spans="14:14">
      <c r="N899870" s="10"/>
    </row>
    <row r="899871" spans="14:14">
      <c r="N899871" s="10"/>
    </row>
    <row r="899872" spans="14:14">
      <c r="N899872" s="10"/>
    </row>
    <row r="899873" spans="14:14">
      <c r="N899873" s="10"/>
    </row>
    <row r="899874" spans="14:14">
      <c r="N899874" s="10"/>
    </row>
    <row r="899875" spans="14:14">
      <c r="N899875" s="10"/>
    </row>
    <row r="899876" spans="14:14">
      <c r="N899876" s="10"/>
    </row>
    <row r="899877" spans="14:14">
      <c r="N899877" s="10"/>
    </row>
    <row r="899878" spans="14:14">
      <c r="N899878" s="10"/>
    </row>
    <row r="899879" spans="14:14">
      <c r="N899879" s="10"/>
    </row>
    <row r="899880" spans="14:14">
      <c r="N899880" s="10"/>
    </row>
    <row r="899881" spans="14:14">
      <c r="N899881" s="10"/>
    </row>
    <row r="899882" spans="14:14">
      <c r="N899882" s="10"/>
    </row>
    <row r="899883" spans="14:14">
      <c r="N899883" s="10"/>
    </row>
    <row r="899884" spans="14:14">
      <c r="N899884" s="10"/>
    </row>
    <row r="899885" spans="14:14">
      <c r="N899885" s="10"/>
    </row>
    <row r="899886" spans="14:14">
      <c r="N899886" s="10"/>
    </row>
    <row r="899887" spans="14:14">
      <c r="N899887" s="10"/>
    </row>
    <row r="899888" spans="14:14">
      <c r="N899888" s="10"/>
    </row>
    <row r="899889" spans="14:14">
      <c r="N899889" s="10"/>
    </row>
    <row r="899890" spans="14:14">
      <c r="N899890" s="10"/>
    </row>
    <row r="899891" spans="14:14">
      <c r="N899891" s="10"/>
    </row>
    <row r="899892" spans="14:14">
      <c r="N899892" s="10"/>
    </row>
    <row r="899893" spans="14:14">
      <c r="N899893" s="10"/>
    </row>
    <row r="899894" spans="14:14">
      <c r="N899894" s="10"/>
    </row>
    <row r="899895" spans="14:14">
      <c r="N899895" s="10"/>
    </row>
    <row r="899896" spans="14:14">
      <c r="N899896" s="10"/>
    </row>
    <row r="899897" spans="14:14">
      <c r="N899897" s="10"/>
    </row>
    <row r="899898" spans="14:14">
      <c r="N899898" s="10"/>
    </row>
    <row r="899899" spans="14:14">
      <c r="N899899" s="10"/>
    </row>
    <row r="899900" spans="14:14">
      <c r="N899900" s="10"/>
    </row>
    <row r="899901" spans="14:14">
      <c r="N899901" s="10"/>
    </row>
    <row r="899902" spans="14:14">
      <c r="N899902" s="10"/>
    </row>
    <row r="899903" spans="14:14">
      <c r="N899903" s="10"/>
    </row>
    <row r="899904" spans="14:14">
      <c r="N899904" s="10"/>
    </row>
    <row r="899905" spans="14:14">
      <c r="N899905" s="10"/>
    </row>
    <row r="899906" spans="14:14">
      <c r="N899906" s="10"/>
    </row>
    <row r="899907" spans="14:14">
      <c r="N899907" s="10"/>
    </row>
    <row r="899908" spans="14:14">
      <c r="N899908" s="10"/>
    </row>
    <row r="899909" spans="14:14">
      <c r="N899909" s="10"/>
    </row>
    <row r="899910" spans="14:14">
      <c r="N899910" s="10"/>
    </row>
    <row r="899911" spans="14:14">
      <c r="N899911" s="10"/>
    </row>
    <row r="899912" spans="14:14">
      <c r="N899912" s="10"/>
    </row>
    <row r="899913" spans="14:14">
      <c r="N899913" s="10"/>
    </row>
    <row r="899914" spans="14:14">
      <c r="N899914" s="10"/>
    </row>
    <row r="899915" spans="14:14">
      <c r="N899915" s="10"/>
    </row>
    <row r="899916" spans="14:14">
      <c r="N899916" s="10"/>
    </row>
    <row r="899917" spans="14:14">
      <c r="N899917" s="10"/>
    </row>
    <row r="899918" spans="14:14">
      <c r="N899918" s="10"/>
    </row>
    <row r="899919" spans="14:14">
      <c r="N899919" s="10"/>
    </row>
    <row r="899920" spans="14:14">
      <c r="N899920" s="10"/>
    </row>
    <row r="899921" spans="14:14">
      <c r="N899921" s="10"/>
    </row>
    <row r="899922" spans="14:14">
      <c r="N899922" s="10"/>
    </row>
    <row r="899923" spans="14:14">
      <c r="N899923" s="10"/>
    </row>
    <row r="899924" spans="14:14">
      <c r="N899924" s="10"/>
    </row>
    <row r="899925" spans="14:14">
      <c r="N899925" s="10"/>
    </row>
    <row r="899926" spans="14:14">
      <c r="N899926" s="10"/>
    </row>
    <row r="899927" spans="14:14">
      <c r="N899927" s="10"/>
    </row>
    <row r="899928" spans="14:14">
      <c r="N899928" s="10"/>
    </row>
    <row r="899929" spans="14:14">
      <c r="N899929" s="10"/>
    </row>
    <row r="899930" spans="14:14">
      <c r="N899930" s="10"/>
    </row>
    <row r="899931" spans="14:14">
      <c r="N899931" s="10"/>
    </row>
    <row r="899932" spans="14:14">
      <c r="N899932" s="10"/>
    </row>
    <row r="899933" spans="14:14">
      <c r="N899933" s="10"/>
    </row>
    <row r="899934" spans="14:14">
      <c r="N899934" s="10"/>
    </row>
    <row r="899935" spans="14:14">
      <c r="N899935" s="10"/>
    </row>
    <row r="899936" spans="14:14">
      <c r="N899936" s="10"/>
    </row>
    <row r="899937" spans="14:14">
      <c r="N899937" s="10"/>
    </row>
    <row r="899938" spans="14:14">
      <c r="N899938" s="10"/>
    </row>
    <row r="899939" spans="14:14">
      <c r="N899939" s="10"/>
    </row>
    <row r="899940" spans="14:14">
      <c r="N899940" s="10"/>
    </row>
    <row r="899941" spans="14:14">
      <c r="N899941" s="10"/>
    </row>
    <row r="899942" spans="14:14">
      <c r="N899942" s="10"/>
    </row>
    <row r="899943" spans="14:14">
      <c r="N899943" s="10"/>
    </row>
    <row r="899944" spans="14:14">
      <c r="N899944" s="10"/>
    </row>
    <row r="899945" spans="14:14">
      <c r="N899945" s="10"/>
    </row>
    <row r="899946" spans="14:14">
      <c r="N899946" s="10"/>
    </row>
    <row r="899947" spans="14:14">
      <c r="N899947" s="10"/>
    </row>
    <row r="899948" spans="14:14">
      <c r="N899948" s="10"/>
    </row>
    <row r="899949" spans="14:14">
      <c r="N899949" s="10"/>
    </row>
    <row r="899950" spans="14:14">
      <c r="N899950" s="10"/>
    </row>
    <row r="899951" spans="14:14">
      <c r="N899951" s="10"/>
    </row>
    <row r="899952" spans="14:14">
      <c r="N899952" s="10"/>
    </row>
    <row r="899953" spans="14:14">
      <c r="N899953" s="10"/>
    </row>
    <row r="899954" spans="14:14">
      <c r="N899954" s="10"/>
    </row>
    <row r="899955" spans="14:14">
      <c r="N899955" s="10"/>
    </row>
    <row r="899956" spans="14:14">
      <c r="N899956" s="10"/>
    </row>
    <row r="899957" spans="14:14">
      <c r="N899957" s="10"/>
    </row>
    <row r="899958" spans="14:14">
      <c r="N899958" s="10"/>
    </row>
    <row r="899959" spans="14:14">
      <c r="N899959" s="10"/>
    </row>
    <row r="899960" spans="14:14">
      <c r="N899960" s="10"/>
    </row>
    <row r="899961" spans="14:14">
      <c r="N899961" s="10"/>
    </row>
    <row r="899962" spans="14:14">
      <c r="N899962" s="10"/>
    </row>
    <row r="899963" spans="14:14">
      <c r="N899963" s="10"/>
    </row>
    <row r="899964" spans="14:14">
      <c r="N899964" s="10"/>
    </row>
    <row r="899965" spans="14:14">
      <c r="N899965" s="10"/>
    </row>
    <row r="899966" spans="14:14">
      <c r="N899966" s="10"/>
    </row>
    <row r="899967" spans="14:14">
      <c r="N899967" s="10"/>
    </row>
    <row r="899968" spans="14:14">
      <c r="N899968" s="10"/>
    </row>
    <row r="899969" spans="14:14">
      <c r="N899969" s="10"/>
    </row>
    <row r="899970" spans="14:14">
      <c r="N899970" s="10"/>
    </row>
    <row r="899971" spans="14:14">
      <c r="N899971" s="10"/>
    </row>
    <row r="899972" spans="14:14">
      <c r="N899972" s="10"/>
    </row>
    <row r="899973" spans="14:14">
      <c r="N899973" s="10"/>
    </row>
    <row r="899974" spans="14:14">
      <c r="N899974" s="10"/>
    </row>
    <row r="899975" spans="14:14">
      <c r="N899975" s="10"/>
    </row>
    <row r="899976" spans="14:14">
      <c r="N899976" s="10"/>
    </row>
    <row r="899977" spans="14:14">
      <c r="N899977" s="10"/>
    </row>
    <row r="899978" spans="14:14">
      <c r="N899978" s="10"/>
    </row>
    <row r="899979" spans="14:14">
      <c r="N899979" s="10"/>
    </row>
    <row r="899980" spans="14:14">
      <c r="N899980" s="10"/>
    </row>
    <row r="899981" spans="14:14">
      <c r="N899981" s="10"/>
    </row>
    <row r="899982" spans="14:14">
      <c r="N899982" s="10"/>
    </row>
    <row r="899983" spans="14:14">
      <c r="N899983" s="10"/>
    </row>
    <row r="899984" spans="14:14">
      <c r="N899984" s="10"/>
    </row>
    <row r="899985" spans="14:14">
      <c r="N899985" s="10"/>
    </row>
    <row r="899986" spans="14:14">
      <c r="N899986" s="10"/>
    </row>
    <row r="899987" spans="14:14">
      <c r="N899987" s="10"/>
    </row>
    <row r="899988" spans="14:14">
      <c r="N899988" s="10"/>
    </row>
    <row r="899989" spans="14:14">
      <c r="N899989" s="10"/>
    </row>
    <row r="899990" spans="14:14">
      <c r="N899990" s="10"/>
    </row>
    <row r="899991" spans="14:14">
      <c r="N899991" s="10"/>
    </row>
    <row r="899992" spans="14:14">
      <c r="N899992" s="10"/>
    </row>
    <row r="899993" spans="14:14">
      <c r="N899993" s="10"/>
    </row>
    <row r="899994" spans="14:14">
      <c r="N899994" s="10"/>
    </row>
    <row r="899995" spans="14:14">
      <c r="N899995" s="10"/>
    </row>
    <row r="899996" spans="14:14">
      <c r="N899996" s="10"/>
    </row>
    <row r="899997" spans="14:14">
      <c r="N899997" s="10"/>
    </row>
    <row r="899998" spans="14:14">
      <c r="N899998" s="10"/>
    </row>
    <row r="899999" spans="14:14">
      <c r="N899999" s="10"/>
    </row>
    <row r="900000" spans="14:14">
      <c r="N900000" s="10"/>
    </row>
    <row r="900001" spans="14:14">
      <c r="N900001" s="10"/>
    </row>
    <row r="900002" spans="14:14">
      <c r="N900002" s="10"/>
    </row>
    <row r="900003" spans="14:14">
      <c r="N900003" s="10"/>
    </row>
    <row r="900004" spans="14:14">
      <c r="N900004" s="10"/>
    </row>
    <row r="900005" spans="14:14">
      <c r="N900005" s="10"/>
    </row>
    <row r="900006" spans="14:14">
      <c r="N900006" s="10"/>
    </row>
    <row r="900007" spans="14:14">
      <c r="N900007" s="10"/>
    </row>
    <row r="900008" spans="14:14">
      <c r="N900008" s="10"/>
    </row>
    <row r="900009" spans="14:14">
      <c r="N900009" s="10"/>
    </row>
    <row r="900010" spans="14:14">
      <c r="N900010" s="10"/>
    </row>
    <row r="900011" spans="14:14">
      <c r="N900011" s="10"/>
    </row>
    <row r="900012" spans="14:14">
      <c r="N900012" s="10"/>
    </row>
    <row r="900013" spans="14:14">
      <c r="N900013" s="10"/>
    </row>
    <row r="900014" spans="14:14">
      <c r="N900014" s="10"/>
    </row>
    <row r="900015" spans="14:14">
      <c r="N900015" s="10"/>
    </row>
    <row r="900016" spans="14:14">
      <c r="N900016" s="10"/>
    </row>
    <row r="900017" spans="14:14">
      <c r="N900017" s="10"/>
    </row>
    <row r="900018" spans="14:14">
      <c r="N900018" s="10"/>
    </row>
    <row r="900019" spans="14:14">
      <c r="N900019" s="10"/>
    </row>
    <row r="900020" spans="14:14">
      <c r="N900020" s="10"/>
    </row>
    <row r="900021" spans="14:14">
      <c r="N900021" s="10"/>
    </row>
    <row r="900022" spans="14:14">
      <c r="N900022" s="10"/>
    </row>
    <row r="900023" spans="14:14">
      <c r="N900023" s="10"/>
    </row>
    <row r="900024" spans="14:14">
      <c r="N900024" s="10"/>
    </row>
    <row r="900025" spans="14:14">
      <c r="N900025" s="10"/>
    </row>
    <row r="900026" spans="14:14">
      <c r="N900026" s="10"/>
    </row>
    <row r="900027" spans="14:14">
      <c r="N900027" s="10"/>
    </row>
    <row r="900028" spans="14:14">
      <c r="N900028" s="10"/>
    </row>
    <row r="900029" spans="14:14">
      <c r="N900029" s="10"/>
    </row>
    <row r="900030" spans="14:14">
      <c r="N900030" s="10"/>
    </row>
    <row r="900031" spans="14:14">
      <c r="N900031" s="10"/>
    </row>
    <row r="900032" spans="14:14">
      <c r="N900032" s="10"/>
    </row>
    <row r="900033" spans="14:14">
      <c r="N900033" s="10"/>
    </row>
    <row r="900034" spans="14:14">
      <c r="N900034" s="10"/>
    </row>
    <row r="900035" spans="14:14">
      <c r="N900035" s="10"/>
    </row>
    <row r="900036" spans="14:14">
      <c r="N900036" s="10"/>
    </row>
    <row r="900037" spans="14:14">
      <c r="N900037" s="10"/>
    </row>
    <row r="900038" spans="14:14">
      <c r="N900038" s="10"/>
    </row>
    <row r="900039" spans="14:14">
      <c r="N900039" s="10"/>
    </row>
    <row r="900040" spans="14:14">
      <c r="N900040" s="10"/>
    </row>
    <row r="900041" spans="14:14">
      <c r="N900041" s="10"/>
    </row>
    <row r="900042" spans="14:14">
      <c r="N900042" s="10"/>
    </row>
    <row r="900043" spans="14:14">
      <c r="N900043" s="10"/>
    </row>
    <row r="900044" spans="14:14">
      <c r="N900044" s="10"/>
    </row>
    <row r="900045" spans="14:14">
      <c r="N900045" s="10"/>
    </row>
    <row r="900046" spans="14:14">
      <c r="N900046" s="10"/>
    </row>
    <row r="900047" spans="14:14">
      <c r="N900047" s="10"/>
    </row>
    <row r="900048" spans="14:14">
      <c r="N900048" s="10"/>
    </row>
    <row r="900049" spans="14:14">
      <c r="N900049" s="10"/>
    </row>
    <row r="900050" spans="14:14">
      <c r="N900050" s="10"/>
    </row>
    <row r="900051" spans="14:14">
      <c r="N900051" s="10"/>
    </row>
    <row r="900052" spans="14:14">
      <c r="N900052" s="10"/>
    </row>
    <row r="900053" spans="14:14">
      <c r="N900053" s="10"/>
    </row>
    <row r="900054" spans="14:14">
      <c r="N900054" s="10"/>
    </row>
    <row r="900055" spans="14:14">
      <c r="N900055" s="10"/>
    </row>
    <row r="900056" spans="14:14">
      <c r="N900056" s="10"/>
    </row>
    <row r="900057" spans="14:14">
      <c r="N900057" s="10"/>
    </row>
    <row r="900058" spans="14:14">
      <c r="N900058" s="10"/>
    </row>
    <row r="900059" spans="14:14">
      <c r="N900059" s="10"/>
    </row>
    <row r="900060" spans="14:14">
      <c r="N900060" s="10"/>
    </row>
    <row r="900061" spans="14:14">
      <c r="N900061" s="10"/>
    </row>
    <row r="900062" spans="14:14">
      <c r="N900062" s="10"/>
    </row>
    <row r="900063" spans="14:14">
      <c r="N900063" s="10"/>
    </row>
    <row r="900064" spans="14:14">
      <c r="N900064" s="10"/>
    </row>
    <row r="900065" spans="14:14">
      <c r="N900065" s="10"/>
    </row>
    <row r="900066" spans="14:14">
      <c r="N900066" s="10"/>
    </row>
    <row r="900067" spans="14:14">
      <c r="N900067" s="10"/>
    </row>
    <row r="900068" spans="14:14">
      <c r="N900068" s="10"/>
    </row>
    <row r="900069" spans="14:14">
      <c r="N900069" s="10"/>
    </row>
    <row r="900070" spans="14:14">
      <c r="N900070" s="10"/>
    </row>
    <row r="900071" spans="14:14">
      <c r="N900071" s="10"/>
    </row>
    <row r="900072" spans="14:14">
      <c r="N900072" s="10"/>
    </row>
    <row r="900073" spans="14:14">
      <c r="N900073" s="10"/>
    </row>
    <row r="900074" spans="14:14">
      <c r="N900074" s="10"/>
    </row>
    <row r="900075" spans="14:14">
      <c r="N900075" s="10"/>
    </row>
    <row r="900076" spans="14:14">
      <c r="N900076" s="10"/>
    </row>
    <row r="900077" spans="14:14">
      <c r="N900077" s="10"/>
    </row>
    <row r="900078" spans="14:14">
      <c r="N900078" s="10"/>
    </row>
    <row r="900079" spans="14:14">
      <c r="N900079" s="10"/>
    </row>
    <row r="900080" spans="14:14">
      <c r="N900080" s="10"/>
    </row>
    <row r="900081" spans="14:14">
      <c r="N900081" s="10"/>
    </row>
    <row r="900082" spans="14:14">
      <c r="N900082" s="10"/>
    </row>
    <row r="900083" spans="14:14">
      <c r="N900083" s="10"/>
    </row>
    <row r="900084" spans="14:14">
      <c r="N900084" s="10"/>
    </row>
    <row r="900085" spans="14:14">
      <c r="N900085" s="10"/>
    </row>
    <row r="900086" spans="14:14">
      <c r="N900086" s="10"/>
    </row>
    <row r="900087" spans="14:14">
      <c r="N900087" s="10"/>
    </row>
    <row r="900088" spans="14:14">
      <c r="N900088" s="10"/>
    </row>
    <row r="900089" spans="14:14">
      <c r="N900089" s="10"/>
    </row>
    <row r="900090" spans="14:14">
      <c r="N900090" s="10"/>
    </row>
    <row r="900091" spans="14:14">
      <c r="N900091" s="10"/>
    </row>
    <row r="900092" spans="14:14">
      <c r="N900092" s="10"/>
    </row>
    <row r="900093" spans="14:14">
      <c r="N900093" s="10"/>
    </row>
    <row r="900094" spans="14:14">
      <c r="N900094" s="10"/>
    </row>
    <row r="900095" spans="14:14">
      <c r="N900095" s="10"/>
    </row>
    <row r="900096" spans="14:14">
      <c r="N900096" s="10"/>
    </row>
    <row r="900097" spans="14:14">
      <c r="N900097" s="10"/>
    </row>
    <row r="900098" spans="14:14">
      <c r="N900098" s="10"/>
    </row>
    <row r="900099" spans="14:14">
      <c r="N900099" s="10"/>
    </row>
    <row r="900100" spans="14:14">
      <c r="N900100" s="10"/>
    </row>
    <row r="900101" spans="14:14">
      <c r="N900101" s="10"/>
    </row>
    <row r="900102" spans="14:14">
      <c r="N900102" s="10"/>
    </row>
    <row r="900103" spans="14:14">
      <c r="N900103" s="10"/>
    </row>
    <row r="900104" spans="14:14">
      <c r="N900104" s="10"/>
    </row>
    <row r="900105" spans="14:14">
      <c r="N900105" s="10"/>
    </row>
    <row r="900106" spans="14:14">
      <c r="N900106" s="10"/>
    </row>
    <row r="900107" spans="14:14">
      <c r="N900107" s="10"/>
    </row>
    <row r="900108" spans="14:14">
      <c r="N900108" s="10"/>
    </row>
    <row r="900109" spans="14:14">
      <c r="N900109" s="10"/>
    </row>
    <row r="900110" spans="14:14">
      <c r="N900110" s="10"/>
    </row>
    <row r="900111" spans="14:14">
      <c r="N900111" s="10"/>
    </row>
    <row r="900112" spans="14:14">
      <c r="N900112" s="10"/>
    </row>
    <row r="900113" spans="14:14">
      <c r="N900113" s="10"/>
    </row>
    <row r="900114" spans="14:14">
      <c r="N900114" s="10"/>
    </row>
    <row r="900115" spans="14:14">
      <c r="N900115" s="10"/>
    </row>
    <row r="900116" spans="14:14">
      <c r="N900116" s="10"/>
    </row>
    <row r="900117" spans="14:14">
      <c r="N900117" s="10"/>
    </row>
    <row r="900118" spans="14:14">
      <c r="N900118" s="10"/>
    </row>
    <row r="900119" spans="14:14">
      <c r="N900119" s="10"/>
    </row>
    <row r="900120" spans="14:14">
      <c r="N900120" s="10"/>
    </row>
    <row r="900121" spans="14:14">
      <c r="N900121" s="10"/>
    </row>
    <row r="900122" spans="14:14">
      <c r="N900122" s="10"/>
    </row>
    <row r="900123" spans="14:14">
      <c r="N900123" s="10"/>
    </row>
    <row r="900124" spans="14:14">
      <c r="N900124" s="10"/>
    </row>
    <row r="900125" spans="14:14">
      <c r="N900125" s="10"/>
    </row>
    <row r="900126" spans="14:14">
      <c r="N900126" s="10"/>
    </row>
    <row r="900127" spans="14:14">
      <c r="N900127" s="10"/>
    </row>
    <row r="900128" spans="14:14">
      <c r="N900128" s="10"/>
    </row>
    <row r="900129" spans="14:14">
      <c r="N900129" s="10"/>
    </row>
    <row r="900130" spans="14:14">
      <c r="N900130" s="10"/>
    </row>
    <row r="900131" spans="14:14">
      <c r="N900131" s="10"/>
    </row>
    <row r="900132" spans="14:14">
      <c r="N900132" s="10"/>
    </row>
    <row r="900133" spans="14:14">
      <c r="N900133" s="10"/>
    </row>
    <row r="900134" spans="14:14">
      <c r="N900134" s="10"/>
    </row>
    <row r="900135" spans="14:14">
      <c r="N900135" s="10"/>
    </row>
    <row r="900136" spans="14:14">
      <c r="N900136" s="10"/>
    </row>
    <row r="900137" spans="14:14">
      <c r="N900137" s="10"/>
    </row>
    <row r="900138" spans="14:14">
      <c r="N900138" s="10"/>
    </row>
    <row r="900139" spans="14:14">
      <c r="N900139" s="10"/>
    </row>
    <row r="900140" spans="14:14">
      <c r="N900140" s="10"/>
    </row>
    <row r="900141" spans="14:14">
      <c r="N900141" s="10"/>
    </row>
    <row r="900142" spans="14:14">
      <c r="N900142" s="10"/>
    </row>
    <row r="900143" spans="14:14">
      <c r="N900143" s="10"/>
    </row>
    <row r="900144" spans="14:14">
      <c r="N900144" s="10"/>
    </row>
    <row r="900145" spans="14:14">
      <c r="N900145" s="10"/>
    </row>
    <row r="900146" spans="14:14">
      <c r="N900146" s="10"/>
    </row>
    <row r="900147" spans="14:14">
      <c r="N900147" s="10"/>
    </row>
    <row r="900148" spans="14:14">
      <c r="N900148" s="10"/>
    </row>
    <row r="900149" spans="14:14">
      <c r="N900149" s="10"/>
    </row>
    <row r="900150" spans="14:14">
      <c r="N900150" s="10"/>
    </row>
    <row r="900151" spans="14:14">
      <c r="N900151" s="10"/>
    </row>
    <row r="900152" spans="14:14">
      <c r="N900152" s="10"/>
    </row>
    <row r="900153" spans="14:14">
      <c r="N900153" s="10"/>
    </row>
    <row r="900154" spans="14:14">
      <c r="N900154" s="10"/>
    </row>
    <row r="900155" spans="14:14">
      <c r="N900155" s="10"/>
    </row>
    <row r="900156" spans="14:14">
      <c r="N900156" s="10"/>
    </row>
    <row r="900157" spans="14:14">
      <c r="N900157" s="10"/>
    </row>
    <row r="900158" spans="14:14">
      <c r="N900158" s="10"/>
    </row>
    <row r="900159" spans="14:14">
      <c r="N900159" s="10"/>
    </row>
    <row r="900160" spans="14:14">
      <c r="N900160" s="10"/>
    </row>
    <row r="900161" spans="14:14">
      <c r="N900161" s="10"/>
    </row>
    <row r="900162" spans="14:14">
      <c r="N900162" s="10"/>
    </row>
    <row r="900163" spans="14:14">
      <c r="N900163" s="10"/>
    </row>
    <row r="900164" spans="14:14">
      <c r="N900164" s="10"/>
    </row>
    <row r="900165" spans="14:14">
      <c r="N900165" s="10"/>
    </row>
    <row r="900166" spans="14:14">
      <c r="N900166" s="10"/>
    </row>
    <row r="900167" spans="14:14">
      <c r="N900167" s="10"/>
    </row>
    <row r="900168" spans="14:14">
      <c r="N900168" s="10"/>
    </row>
    <row r="900169" spans="14:14">
      <c r="N900169" s="10"/>
    </row>
    <row r="900170" spans="14:14">
      <c r="N900170" s="10"/>
    </row>
    <row r="900171" spans="14:14">
      <c r="N900171" s="10"/>
    </row>
    <row r="900172" spans="14:14">
      <c r="N900172" s="10"/>
    </row>
    <row r="900173" spans="14:14">
      <c r="N900173" s="10"/>
    </row>
    <row r="900174" spans="14:14">
      <c r="N900174" s="10"/>
    </row>
    <row r="900175" spans="14:14">
      <c r="N900175" s="10"/>
    </row>
    <row r="900176" spans="14:14">
      <c r="N900176" s="10"/>
    </row>
    <row r="900177" spans="14:14">
      <c r="N900177" s="10"/>
    </row>
    <row r="900178" spans="14:14">
      <c r="N900178" s="10"/>
    </row>
    <row r="900179" spans="14:14">
      <c r="N900179" s="10"/>
    </row>
    <row r="900180" spans="14:14">
      <c r="N900180" s="10"/>
    </row>
    <row r="900181" spans="14:14">
      <c r="N900181" s="10"/>
    </row>
    <row r="900182" spans="14:14">
      <c r="N900182" s="10"/>
    </row>
    <row r="900183" spans="14:14">
      <c r="N900183" s="10"/>
    </row>
    <row r="900184" spans="14:14">
      <c r="N900184" s="10"/>
    </row>
    <row r="900185" spans="14:14">
      <c r="N900185" s="10"/>
    </row>
    <row r="900186" spans="14:14">
      <c r="N900186" s="10"/>
    </row>
    <row r="900187" spans="14:14">
      <c r="N900187" s="10"/>
    </row>
    <row r="900188" spans="14:14">
      <c r="N900188" s="10"/>
    </row>
    <row r="900189" spans="14:14">
      <c r="N900189" s="10"/>
    </row>
    <row r="900190" spans="14:14">
      <c r="N900190" s="10"/>
    </row>
    <row r="900191" spans="14:14">
      <c r="N900191" s="10"/>
    </row>
    <row r="900192" spans="14:14">
      <c r="N900192" s="10"/>
    </row>
    <row r="900193" spans="14:14">
      <c r="N900193" s="10"/>
    </row>
    <row r="900194" spans="14:14">
      <c r="N900194" s="10"/>
    </row>
    <row r="900195" spans="14:14">
      <c r="N900195" s="10"/>
    </row>
    <row r="900196" spans="14:14">
      <c r="N900196" s="10"/>
    </row>
    <row r="900197" spans="14:14">
      <c r="N900197" s="10"/>
    </row>
    <row r="900198" spans="14:14">
      <c r="N900198" s="10"/>
    </row>
    <row r="900199" spans="14:14">
      <c r="N900199" s="10"/>
    </row>
    <row r="900200" spans="14:14">
      <c r="N900200" s="10"/>
    </row>
    <row r="900201" spans="14:14">
      <c r="N900201" s="10"/>
    </row>
    <row r="900202" spans="14:14">
      <c r="N900202" s="10"/>
    </row>
    <row r="900203" spans="14:14">
      <c r="N900203" s="10"/>
    </row>
    <row r="900204" spans="14:14">
      <c r="N900204" s="10"/>
    </row>
    <row r="900205" spans="14:14">
      <c r="N900205" s="10"/>
    </row>
    <row r="900206" spans="14:14">
      <c r="N900206" s="10"/>
    </row>
    <row r="900207" spans="14:14">
      <c r="N900207" s="10"/>
    </row>
    <row r="900208" spans="14:14">
      <c r="N900208" s="10"/>
    </row>
    <row r="900209" spans="14:14">
      <c r="N900209" s="10"/>
    </row>
    <row r="900210" spans="14:14">
      <c r="N900210" s="10"/>
    </row>
    <row r="900211" spans="14:14">
      <c r="N900211" s="10"/>
    </row>
    <row r="900212" spans="14:14">
      <c r="N900212" s="10"/>
    </row>
    <row r="900213" spans="14:14">
      <c r="N900213" s="10"/>
    </row>
    <row r="900214" spans="14:14">
      <c r="N900214" s="10"/>
    </row>
    <row r="900215" spans="14:14">
      <c r="N900215" s="10"/>
    </row>
    <row r="900216" spans="14:14">
      <c r="N900216" s="10"/>
    </row>
    <row r="900217" spans="14:14">
      <c r="N900217" s="10"/>
    </row>
    <row r="900218" spans="14:14">
      <c r="N900218" s="10"/>
    </row>
    <row r="900219" spans="14:14">
      <c r="N900219" s="10"/>
    </row>
    <row r="900220" spans="14:14">
      <c r="N900220" s="10"/>
    </row>
    <row r="900221" spans="14:14">
      <c r="N900221" s="10"/>
    </row>
    <row r="900222" spans="14:14">
      <c r="N900222" s="10"/>
    </row>
    <row r="900223" spans="14:14">
      <c r="N900223" s="10"/>
    </row>
    <row r="900224" spans="14:14">
      <c r="N900224" s="10"/>
    </row>
    <row r="900225" spans="14:14">
      <c r="N900225" s="10"/>
    </row>
    <row r="900226" spans="14:14">
      <c r="N900226" s="10"/>
    </row>
    <row r="900227" spans="14:14">
      <c r="N900227" s="10"/>
    </row>
    <row r="900228" spans="14:14">
      <c r="N900228" s="10"/>
    </row>
    <row r="900229" spans="14:14">
      <c r="N900229" s="10"/>
    </row>
    <row r="900230" spans="14:14">
      <c r="N900230" s="10"/>
    </row>
    <row r="900231" spans="14:14">
      <c r="N900231" s="10"/>
    </row>
    <row r="900232" spans="14:14">
      <c r="N900232" s="10"/>
    </row>
    <row r="900233" spans="14:14">
      <c r="N900233" s="10"/>
    </row>
    <row r="900234" spans="14:14">
      <c r="N900234" s="10"/>
    </row>
    <row r="900235" spans="14:14">
      <c r="N900235" s="10"/>
    </row>
    <row r="900236" spans="14:14">
      <c r="N900236" s="10"/>
    </row>
    <row r="900237" spans="14:14">
      <c r="N900237" s="10"/>
    </row>
    <row r="900238" spans="14:14">
      <c r="N900238" s="10"/>
    </row>
    <row r="900239" spans="14:14">
      <c r="N900239" s="10"/>
    </row>
    <row r="900240" spans="14:14">
      <c r="N900240" s="10"/>
    </row>
    <row r="900241" spans="14:14">
      <c r="N900241" s="10"/>
    </row>
    <row r="900242" spans="14:14">
      <c r="N900242" s="10"/>
    </row>
    <row r="900243" spans="14:14">
      <c r="N900243" s="10"/>
    </row>
    <row r="900244" spans="14:14">
      <c r="N900244" s="10"/>
    </row>
    <row r="900245" spans="14:14">
      <c r="N900245" s="10"/>
    </row>
    <row r="900246" spans="14:14">
      <c r="N900246" s="10"/>
    </row>
    <row r="900247" spans="14:14">
      <c r="N900247" s="10"/>
    </row>
    <row r="900248" spans="14:14">
      <c r="N900248" s="10"/>
    </row>
    <row r="900249" spans="14:14">
      <c r="N900249" s="10"/>
    </row>
    <row r="900250" spans="14:14">
      <c r="N900250" s="10"/>
    </row>
    <row r="900251" spans="14:14">
      <c r="N900251" s="10"/>
    </row>
    <row r="900252" spans="14:14">
      <c r="N900252" s="10"/>
    </row>
    <row r="900253" spans="14:14">
      <c r="N900253" s="10"/>
    </row>
    <row r="900254" spans="14:14">
      <c r="N900254" s="10"/>
    </row>
    <row r="900255" spans="14:14">
      <c r="N900255" s="10"/>
    </row>
    <row r="900256" spans="14:14">
      <c r="N900256" s="10"/>
    </row>
    <row r="900257" spans="14:14">
      <c r="N900257" s="10"/>
    </row>
    <row r="900258" spans="14:14">
      <c r="N900258" s="10"/>
    </row>
    <row r="900259" spans="14:14">
      <c r="N900259" s="10"/>
    </row>
    <row r="900260" spans="14:14">
      <c r="N900260" s="10"/>
    </row>
    <row r="900261" spans="14:14">
      <c r="N900261" s="10"/>
    </row>
    <row r="900262" spans="14:14">
      <c r="N900262" s="10"/>
    </row>
    <row r="900263" spans="14:14">
      <c r="N900263" s="10"/>
    </row>
    <row r="900264" spans="14:14">
      <c r="N900264" s="10"/>
    </row>
    <row r="900265" spans="14:14">
      <c r="N900265" s="10"/>
    </row>
    <row r="900266" spans="14:14">
      <c r="N900266" s="10"/>
    </row>
    <row r="900267" spans="14:14">
      <c r="N900267" s="10"/>
    </row>
    <row r="900268" spans="14:14">
      <c r="N900268" s="10"/>
    </row>
    <row r="900269" spans="14:14">
      <c r="N900269" s="10"/>
    </row>
    <row r="900270" spans="14:14">
      <c r="N900270" s="10"/>
    </row>
    <row r="900271" spans="14:14">
      <c r="N900271" s="10"/>
    </row>
    <row r="900272" spans="14:14">
      <c r="N900272" s="10"/>
    </row>
    <row r="900273" spans="14:14">
      <c r="N900273" s="10"/>
    </row>
    <row r="900274" spans="14:14">
      <c r="N900274" s="10"/>
    </row>
    <row r="900275" spans="14:14">
      <c r="N900275" s="10"/>
    </row>
    <row r="900276" spans="14:14">
      <c r="N900276" s="10"/>
    </row>
    <row r="900277" spans="14:14">
      <c r="N900277" s="10"/>
    </row>
    <row r="900278" spans="14:14">
      <c r="N900278" s="10"/>
    </row>
    <row r="900279" spans="14:14">
      <c r="N900279" s="10"/>
    </row>
    <row r="900280" spans="14:14">
      <c r="N900280" s="10"/>
    </row>
    <row r="900281" spans="14:14">
      <c r="N900281" s="10"/>
    </row>
    <row r="900282" spans="14:14">
      <c r="N900282" s="10"/>
    </row>
    <row r="900283" spans="14:14">
      <c r="N900283" s="10"/>
    </row>
    <row r="900284" spans="14:14">
      <c r="N900284" s="10"/>
    </row>
    <row r="900285" spans="14:14">
      <c r="N900285" s="10"/>
    </row>
    <row r="900286" spans="14:14">
      <c r="N900286" s="10"/>
    </row>
    <row r="900287" spans="14:14">
      <c r="N900287" s="10"/>
    </row>
    <row r="900288" spans="14:14">
      <c r="N900288" s="10"/>
    </row>
    <row r="900289" spans="14:14">
      <c r="N900289" s="10"/>
    </row>
    <row r="900290" spans="14:14">
      <c r="N900290" s="10"/>
    </row>
    <row r="900291" spans="14:14">
      <c r="N900291" s="10"/>
    </row>
    <row r="900292" spans="14:14">
      <c r="N900292" s="10"/>
    </row>
    <row r="900293" spans="14:14">
      <c r="N900293" s="10"/>
    </row>
    <row r="900294" spans="14:14">
      <c r="N900294" s="10"/>
    </row>
    <row r="900295" spans="14:14">
      <c r="N900295" s="10"/>
    </row>
    <row r="900296" spans="14:14">
      <c r="N900296" s="10"/>
    </row>
    <row r="900297" spans="14:14">
      <c r="N900297" s="10"/>
    </row>
    <row r="900298" spans="14:14">
      <c r="N900298" s="10"/>
    </row>
    <row r="900299" spans="14:14">
      <c r="N900299" s="10"/>
    </row>
    <row r="900300" spans="14:14">
      <c r="N900300" s="10"/>
    </row>
    <row r="900301" spans="14:14">
      <c r="N900301" s="10"/>
    </row>
    <row r="900302" spans="14:14">
      <c r="N900302" s="10"/>
    </row>
    <row r="900303" spans="14:14">
      <c r="N900303" s="10"/>
    </row>
    <row r="900304" spans="14:14">
      <c r="N900304" s="10"/>
    </row>
    <row r="900305" spans="14:14">
      <c r="N900305" s="10"/>
    </row>
    <row r="900306" spans="14:14">
      <c r="N900306" s="10"/>
    </row>
    <row r="900307" spans="14:14">
      <c r="N900307" s="10"/>
    </row>
    <row r="900308" spans="14:14">
      <c r="N900308" s="10"/>
    </row>
    <row r="900309" spans="14:14">
      <c r="N900309" s="10"/>
    </row>
    <row r="900310" spans="14:14">
      <c r="N900310" s="10"/>
    </row>
    <row r="900311" spans="14:14">
      <c r="N900311" s="10"/>
    </row>
    <row r="900312" spans="14:14">
      <c r="N900312" s="10"/>
    </row>
    <row r="900313" spans="14:14">
      <c r="N900313" s="10"/>
    </row>
    <row r="900314" spans="14:14">
      <c r="N900314" s="10"/>
    </row>
    <row r="900315" spans="14:14">
      <c r="N900315" s="10"/>
    </row>
    <row r="900316" spans="14:14">
      <c r="N900316" s="10"/>
    </row>
    <row r="900317" spans="14:14">
      <c r="N900317" s="10"/>
    </row>
    <row r="900318" spans="14:14">
      <c r="N900318" s="10"/>
    </row>
    <row r="900319" spans="14:14">
      <c r="N900319" s="10"/>
    </row>
    <row r="900320" spans="14:14">
      <c r="N900320" s="10"/>
    </row>
    <row r="900321" spans="14:14">
      <c r="N900321" s="10"/>
    </row>
    <row r="900322" spans="14:14">
      <c r="N900322" s="10"/>
    </row>
    <row r="900323" spans="14:14">
      <c r="N900323" s="10"/>
    </row>
    <row r="900324" spans="14:14">
      <c r="N900324" s="10"/>
    </row>
    <row r="900325" spans="14:14">
      <c r="N900325" s="10"/>
    </row>
    <row r="900326" spans="14:14">
      <c r="N900326" s="10"/>
    </row>
    <row r="900327" spans="14:14">
      <c r="N900327" s="10"/>
    </row>
    <row r="900328" spans="14:14">
      <c r="N900328" s="10"/>
    </row>
    <row r="900329" spans="14:14">
      <c r="N900329" s="10"/>
    </row>
    <row r="900330" spans="14:14">
      <c r="N900330" s="10"/>
    </row>
    <row r="900331" spans="14:14">
      <c r="N900331" s="10"/>
    </row>
    <row r="900332" spans="14:14">
      <c r="N900332" s="10"/>
    </row>
    <row r="900333" spans="14:14">
      <c r="N900333" s="10"/>
    </row>
    <row r="900334" spans="14:14">
      <c r="N900334" s="10"/>
    </row>
    <row r="900335" spans="14:14">
      <c r="N900335" s="10"/>
    </row>
    <row r="900336" spans="14:14">
      <c r="N900336" s="10"/>
    </row>
    <row r="900337" spans="14:14">
      <c r="N900337" s="10"/>
    </row>
    <row r="900338" spans="14:14">
      <c r="N900338" s="10"/>
    </row>
    <row r="900339" spans="14:14">
      <c r="N900339" s="10"/>
    </row>
    <row r="900340" spans="14:14">
      <c r="N900340" s="10"/>
    </row>
    <row r="900341" spans="14:14">
      <c r="N900341" s="10"/>
    </row>
    <row r="900342" spans="14:14">
      <c r="N900342" s="10"/>
    </row>
    <row r="900343" spans="14:14">
      <c r="N900343" s="10"/>
    </row>
    <row r="900344" spans="14:14">
      <c r="N900344" s="10"/>
    </row>
    <row r="900345" spans="14:14">
      <c r="N900345" s="10"/>
    </row>
    <row r="900346" spans="14:14">
      <c r="N900346" s="10"/>
    </row>
    <row r="900347" spans="14:14">
      <c r="N900347" s="10"/>
    </row>
    <row r="900348" spans="14:14">
      <c r="N900348" s="10"/>
    </row>
    <row r="900349" spans="14:14">
      <c r="N900349" s="10"/>
    </row>
    <row r="900350" spans="14:14">
      <c r="N900350" s="10"/>
    </row>
    <row r="900351" spans="14:14">
      <c r="N900351" s="10"/>
    </row>
    <row r="900352" spans="14:14">
      <c r="N900352" s="10"/>
    </row>
    <row r="900353" spans="14:14">
      <c r="N900353" s="10"/>
    </row>
    <row r="900354" spans="14:14">
      <c r="N900354" s="10"/>
    </row>
    <row r="900355" spans="14:14">
      <c r="N900355" s="10"/>
    </row>
    <row r="900356" spans="14:14">
      <c r="N900356" s="10"/>
    </row>
    <row r="900357" spans="14:14">
      <c r="N900357" s="10"/>
    </row>
    <row r="900358" spans="14:14">
      <c r="N900358" s="10"/>
    </row>
    <row r="900359" spans="14:14">
      <c r="N900359" s="10"/>
    </row>
    <row r="900360" spans="14:14">
      <c r="N900360" s="10"/>
    </row>
    <row r="900361" spans="14:14">
      <c r="N900361" s="10"/>
    </row>
    <row r="900362" spans="14:14">
      <c r="N900362" s="10"/>
    </row>
    <row r="900363" spans="14:14">
      <c r="N900363" s="10"/>
    </row>
    <row r="900364" spans="14:14">
      <c r="N900364" s="10"/>
    </row>
    <row r="900365" spans="14:14">
      <c r="N900365" s="10"/>
    </row>
    <row r="900366" spans="14:14">
      <c r="N900366" s="10"/>
    </row>
    <row r="900367" spans="14:14">
      <c r="N900367" s="10"/>
    </row>
    <row r="900368" spans="14:14">
      <c r="N900368" s="10"/>
    </row>
    <row r="900369" spans="14:14">
      <c r="N900369" s="10"/>
    </row>
    <row r="900370" spans="14:14">
      <c r="N900370" s="10"/>
    </row>
    <row r="900371" spans="14:14">
      <c r="N900371" s="10"/>
    </row>
    <row r="900372" spans="14:14">
      <c r="N900372" s="10"/>
    </row>
    <row r="900373" spans="14:14">
      <c r="N900373" s="10"/>
    </row>
    <row r="900374" spans="14:14">
      <c r="N900374" s="10"/>
    </row>
    <row r="900375" spans="14:14">
      <c r="N900375" s="10"/>
    </row>
    <row r="900376" spans="14:14">
      <c r="N900376" s="10"/>
    </row>
    <row r="900377" spans="14:14">
      <c r="N900377" s="10"/>
    </row>
    <row r="900378" spans="14:14">
      <c r="N900378" s="10"/>
    </row>
    <row r="900379" spans="14:14">
      <c r="N900379" s="10"/>
    </row>
    <row r="900380" spans="14:14">
      <c r="N900380" s="10"/>
    </row>
    <row r="900381" spans="14:14">
      <c r="N900381" s="10"/>
    </row>
    <row r="900382" spans="14:14">
      <c r="N900382" s="10"/>
    </row>
    <row r="900383" spans="14:14">
      <c r="N900383" s="10"/>
    </row>
    <row r="900384" spans="14:14">
      <c r="N900384" s="10"/>
    </row>
    <row r="900385" spans="14:14">
      <c r="N900385" s="10"/>
    </row>
    <row r="900386" spans="14:14">
      <c r="N900386" s="10"/>
    </row>
    <row r="900387" spans="14:14">
      <c r="N900387" s="10"/>
    </row>
    <row r="900388" spans="14:14">
      <c r="N900388" s="10"/>
    </row>
    <row r="900389" spans="14:14">
      <c r="N900389" s="10"/>
    </row>
    <row r="900390" spans="14:14">
      <c r="N900390" s="10"/>
    </row>
    <row r="900391" spans="14:14">
      <c r="N900391" s="10"/>
    </row>
    <row r="900392" spans="14:14">
      <c r="N900392" s="10"/>
    </row>
    <row r="900393" spans="14:14">
      <c r="N900393" s="10"/>
    </row>
    <row r="900394" spans="14:14">
      <c r="N900394" s="10"/>
    </row>
    <row r="900395" spans="14:14">
      <c r="N900395" s="10"/>
    </row>
    <row r="900396" spans="14:14">
      <c r="N900396" s="10"/>
    </row>
    <row r="900397" spans="14:14">
      <c r="N900397" s="10"/>
    </row>
    <row r="900398" spans="14:14">
      <c r="N900398" s="10"/>
    </row>
    <row r="900399" spans="14:14">
      <c r="N900399" s="10"/>
    </row>
    <row r="900400" spans="14:14">
      <c r="N900400" s="10"/>
    </row>
    <row r="900401" spans="14:14">
      <c r="N900401" s="10"/>
    </row>
    <row r="900402" spans="14:14">
      <c r="N900402" s="10"/>
    </row>
    <row r="900403" spans="14:14">
      <c r="N900403" s="10"/>
    </row>
    <row r="900404" spans="14:14">
      <c r="N900404" s="10"/>
    </row>
    <row r="900405" spans="14:14">
      <c r="N900405" s="10"/>
    </row>
    <row r="900406" spans="14:14">
      <c r="N900406" s="10"/>
    </row>
    <row r="900407" spans="14:14">
      <c r="N900407" s="10"/>
    </row>
    <row r="900408" spans="14:14">
      <c r="N900408" s="10"/>
    </row>
    <row r="900409" spans="14:14">
      <c r="N900409" s="10"/>
    </row>
    <row r="900410" spans="14:14">
      <c r="N900410" s="10"/>
    </row>
    <row r="900411" spans="14:14">
      <c r="N900411" s="10"/>
    </row>
    <row r="900412" spans="14:14">
      <c r="N900412" s="10"/>
    </row>
    <row r="900413" spans="14:14">
      <c r="N900413" s="10"/>
    </row>
    <row r="900414" spans="14:14">
      <c r="N900414" s="10"/>
    </row>
    <row r="900415" spans="14:14">
      <c r="N900415" s="10"/>
    </row>
    <row r="900416" spans="14:14">
      <c r="N900416" s="10"/>
    </row>
    <row r="900417" spans="14:14">
      <c r="N900417" s="10"/>
    </row>
    <row r="900418" spans="14:14">
      <c r="N900418" s="10"/>
    </row>
    <row r="900419" spans="14:14">
      <c r="N900419" s="10"/>
    </row>
    <row r="900420" spans="14:14">
      <c r="N900420" s="10"/>
    </row>
    <row r="900421" spans="14:14">
      <c r="N900421" s="10"/>
    </row>
    <row r="900422" spans="14:14">
      <c r="N900422" s="10"/>
    </row>
    <row r="900423" spans="14:14">
      <c r="N900423" s="10"/>
    </row>
    <row r="900424" spans="14:14">
      <c r="N900424" s="10"/>
    </row>
    <row r="900425" spans="14:14">
      <c r="N900425" s="10"/>
    </row>
    <row r="900426" spans="14:14">
      <c r="N900426" s="10"/>
    </row>
    <row r="900427" spans="14:14">
      <c r="N900427" s="10"/>
    </row>
    <row r="900428" spans="14:14">
      <c r="N900428" s="10"/>
    </row>
    <row r="900429" spans="14:14">
      <c r="N900429" s="10"/>
    </row>
    <row r="900430" spans="14:14">
      <c r="N900430" s="10"/>
    </row>
    <row r="900431" spans="14:14">
      <c r="N900431" s="10"/>
    </row>
    <row r="900432" spans="14:14">
      <c r="N900432" s="10"/>
    </row>
    <row r="900433" spans="14:14">
      <c r="N900433" s="10"/>
    </row>
    <row r="900434" spans="14:14">
      <c r="N900434" s="10"/>
    </row>
    <row r="900435" spans="14:14">
      <c r="N900435" s="10"/>
    </row>
    <row r="900436" spans="14:14">
      <c r="N900436" s="10"/>
    </row>
    <row r="900437" spans="14:14">
      <c r="N900437" s="10"/>
    </row>
    <row r="900438" spans="14:14">
      <c r="N900438" s="10"/>
    </row>
    <row r="900439" spans="14:14">
      <c r="N900439" s="10"/>
    </row>
    <row r="900440" spans="14:14">
      <c r="N900440" s="10"/>
    </row>
    <row r="900441" spans="14:14">
      <c r="N900441" s="10"/>
    </row>
    <row r="900442" spans="14:14">
      <c r="N900442" s="10"/>
    </row>
    <row r="900443" spans="14:14">
      <c r="N900443" s="10"/>
    </row>
    <row r="900444" spans="14:14">
      <c r="N900444" s="10"/>
    </row>
    <row r="900445" spans="14:14">
      <c r="N900445" s="10"/>
    </row>
    <row r="900446" spans="14:14">
      <c r="N900446" s="10"/>
    </row>
    <row r="900447" spans="14:14">
      <c r="N900447" s="10"/>
    </row>
    <row r="900448" spans="14:14">
      <c r="N900448" s="10"/>
    </row>
    <row r="900449" spans="14:14">
      <c r="N900449" s="10"/>
    </row>
    <row r="900450" spans="14:14">
      <c r="N900450" s="10"/>
    </row>
    <row r="900451" spans="14:14">
      <c r="N900451" s="10"/>
    </row>
    <row r="900452" spans="14:14">
      <c r="N900452" s="10"/>
    </row>
    <row r="900453" spans="14:14">
      <c r="N900453" s="10"/>
    </row>
    <row r="900454" spans="14:14">
      <c r="N900454" s="10"/>
    </row>
    <row r="900455" spans="14:14">
      <c r="N900455" s="10"/>
    </row>
    <row r="900456" spans="14:14">
      <c r="N900456" s="10"/>
    </row>
    <row r="900457" spans="14:14">
      <c r="N900457" s="10"/>
    </row>
    <row r="900458" spans="14:14">
      <c r="N900458" s="10"/>
    </row>
    <row r="900459" spans="14:14">
      <c r="N900459" s="10"/>
    </row>
    <row r="900460" spans="14:14">
      <c r="N900460" s="10"/>
    </row>
    <row r="900461" spans="14:14">
      <c r="N900461" s="10"/>
    </row>
    <row r="900462" spans="14:14">
      <c r="N900462" s="10"/>
    </row>
    <row r="900463" spans="14:14">
      <c r="N900463" s="10"/>
    </row>
    <row r="900464" spans="14:14">
      <c r="N900464" s="10"/>
    </row>
    <row r="900465" spans="14:14">
      <c r="N900465" s="10"/>
    </row>
    <row r="900466" spans="14:14">
      <c r="N900466" s="10"/>
    </row>
    <row r="900467" spans="14:14">
      <c r="N900467" s="10"/>
    </row>
    <row r="900468" spans="14:14">
      <c r="N900468" s="10"/>
    </row>
    <row r="900469" spans="14:14">
      <c r="N900469" s="10"/>
    </row>
    <row r="900470" spans="14:14">
      <c r="N900470" s="10"/>
    </row>
    <row r="900471" spans="14:14">
      <c r="N900471" s="10"/>
    </row>
    <row r="900472" spans="14:14">
      <c r="N900472" s="10"/>
    </row>
    <row r="900473" spans="14:14">
      <c r="N900473" s="10"/>
    </row>
    <row r="900474" spans="14:14">
      <c r="N900474" s="10"/>
    </row>
    <row r="900475" spans="14:14">
      <c r="N900475" s="10"/>
    </row>
    <row r="900476" spans="14:14">
      <c r="N900476" s="10"/>
    </row>
    <row r="900477" spans="14:14">
      <c r="N900477" s="10"/>
    </row>
    <row r="900478" spans="14:14">
      <c r="N900478" s="10"/>
    </row>
    <row r="900479" spans="14:14">
      <c r="N900479" s="10"/>
    </row>
    <row r="900480" spans="14:14">
      <c r="N900480" s="10"/>
    </row>
    <row r="900481" spans="14:14">
      <c r="N900481" s="10"/>
    </row>
    <row r="900482" spans="14:14">
      <c r="N900482" s="10"/>
    </row>
    <row r="900483" spans="14:14">
      <c r="N900483" s="10"/>
    </row>
    <row r="900484" spans="14:14">
      <c r="N900484" s="10"/>
    </row>
    <row r="900485" spans="14:14">
      <c r="N900485" s="10"/>
    </row>
    <row r="900486" spans="14:14">
      <c r="N900486" s="10"/>
    </row>
    <row r="900487" spans="14:14">
      <c r="N900487" s="10"/>
    </row>
    <row r="900488" spans="14:14">
      <c r="N900488" s="10"/>
    </row>
    <row r="900489" spans="14:14">
      <c r="N900489" s="10"/>
    </row>
    <row r="900490" spans="14:14">
      <c r="N900490" s="10"/>
    </row>
    <row r="900491" spans="14:14">
      <c r="N900491" s="10"/>
    </row>
    <row r="900492" spans="14:14">
      <c r="N900492" s="10"/>
    </row>
    <row r="900493" spans="14:14">
      <c r="N900493" s="10"/>
    </row>
    <row r="900494" spans="14:14">
      <c r="N900494" s="10"/>
    </row>
    <row r="900495" spans="14:14">
      <c r="N900495" s="10"/>
    </row>
    <row r="900496" spans="14:14">
      <c r="N900496" s="10"/>
    </row>
    <row r="900497" spans="14:14">
      <c r="N900497" s="10"/>
    </row>
    <row r="900498" spans="14:14">
      <c r="N900498" s="10"/>
    </row>
    <row r="900499" spans="14:14">
      <c r="N900499" s="10"/>
    </row>
    <row r="900500" spans="14:14">
      <c r="N900500" s="10"/>
    </row>
    <row r="900501" spans="14:14">
      <c r="N900501" s="10"/>
    </row>
    <row r="900502" spans="14:14">
      <c r="N900502" s="10"/>
    </row>
    <row r="900503" spans="14:14">
      <c r="N900503" s="10"/>
    </row>
    <row r="900504" spans="14:14">
      <c r="N900504" s="10"/>
    </row>
    <row r="900505" spans="14:14">
      <c r="N900505" s="10"/>
    </row>
    <row r="900506" spans="14:14">
      <c r="N900506" s="10"/>
    </row>
    <row r="900507" spans="14:14">
      <c r="N900507" s="10"/>
    </row>
    <row r="900508" spans="14:14">
      <c r="N900508" s="10"/>
    </row>
    <row r="900509" spans="14:14">
      <c r="N900509" s="10"/>
    </row>
    <row r="900510" spans="14:14">
      <c r="N900510" s="10"/>
    </row>
    <row r="900511" spans="14:14">
      <c r="N900511" s="10"/>
    </row>
    <row r="900512" spans="14:14">
      <c r="N900512" s="10"/>
    </row>
    <row r="900513" spans="14:14">
      <c r="N900513" s="10"/>
    </row>
    <row r="900514" spans="14:14">
      <c r="N900514" s="10"/>
    </row>
    <row r="900515" spans="14:14">
      <c r="N900515" s="10"/>
    </row>
    <row r="900516" spans="14:14">
      <c r="N900516" s="10"/>
    </row>
    <row r="900517" spans="14:14">
      <c r="N900517" s="10"/>
    </row>
    <row r="900518" spans="14:14">
      <c r="N900518" s="10"/>
    </row>
    <row r="900519" spans="14:14">
      <c r="N900519" s="10"/>
    </row>
    <row r="900520" spans="14:14">
      <c r="N900520" s="10"/>
    </row>
    <row r="900521" spans="14:14">
      <c r="N900521" s="10"/>
    </row>
    <row r="900522" spans="14:14">
      <c r="N900522" s="10"/>
    </row>
    <row r="900523" spans="14:14">
      <c r="N900523" s="10"/>
    </row>
    <row r="900524" spans="14:14">
      <c r="N900524" s="10"/>
    </row>
    <row r="900525" spans="14:14">
      <c r="N900525" s="10"/>
    </row>
    <row r="900526" spans="14:14">
      <c r="N900526" s="10"/>
    </row>
    <row r="900527" spans="14:14">
      <c r="N900527" s="10"/>
    </row>
    <row r="900528" spans="14:14">
      <c r="N900528" s="10"/>
    </row>
    <row r="900529" spans="14:14">
      <c r="N900529" s="10"/>
    </row>
    <row r="900530" spans="14:14">
      <c r="N900530" s="10"/>
    </row>
    <row r="900531" spans="14:14">
      <c r="N900531" s="10"/>
    </row>
    <row r="900532" spans="14:14">
      <c r="N900532" s="10"/>
    </row>
    <row r="900533" spans="14:14">
      <c r="N900533" s="10"/>
    </row>
    <row r="900534" spans="14:14">
      <c r="N900534" s="10"/>
    </row>
    <row r="900535" spans="14:14">
      <c r="N900535" s="10"/>
    </row>
    <row r="900536" spans="14:14">
      <c r="N900536" s="10"/>
    </row>
    <row r="900537" spans="14:14">
      <c r="N900537" s="10"/>
    </row>
    <row r="900538" spans="14:14">
      <c r="N900538" s="10"/>
    </row>
    <row r="900539" spans="14:14">
      <c r="N900539" s="10"/>
    </row>
    <row r="900540" spans="14:14">
      <c r="N900540" s="10"/>
    </row>
    <row r="900541" spans="14:14">
      <c r="N900541" s="10"/>
    </row>
    <row r="900542" spans="14:14">
      <c r="N900542" s="10"/>
    </row>
    <row r="900543" spans="14:14">
      <c r="N900543" s="10"/>
    </row>
    <row r="900544" spans="14:14">
      <c r="N900544" s="10"/>
    </row>
    <row r="900545" spans="14:14">
      <c r="N900545" s="10"/>
    </row>
    <row r="900546" spans="14:14">
      <c r="N900546" s="10"/>
    </row>
    <row r="900547" spans="14:14">
      <c r="N900547" s="10"/>
    </row>
    <row r="900548" spans="14:14">
      <c r="N900548" s="10"/>
    </row>
    <row r="900549" spans="14:14">
      <c r="N900549" s="10"/>
    </row>
    <row r="900550" spans="14:14">
      <c r="N900550" s="10"/>
    </row>
    <row r="900551" spans="14:14">
      <c r="N900551" s="10"/>
    </row>
    <row r="900552" spans="14:14">
      <c r="N900552" s="10"/>
    </row>
    <row r="900553" spans="14:14">
      <c r="N900553" s="10"/>
    </row>
    <row r="900554" spans="14:14">
      <c r="N900554" s="10"/>
    </row>
    <row r="900555" spans="14:14">
      <c r="N900555" s="10"/>
    </row>
    <row r="900556" spans="14:14">
      <c r="N900556" s="10"/>
    </row>
    <row r="900557" spans="14:14">
      <c r="N900557" s="10"/>
    </row>
    <row r="900558" spans="14:14">
      <c r="N900558" s="10"/>
    </row>
    <row r="900559" spans="14:14">
      <c r="N900559" s="10"/>
    </row>
    <row r="900560" spans="14:14">
      <c r="N900560" s="10"/>
    </row>
    <row r="900561" spans="14:14">
      <c r="N900561" s="10"/>
    </row>
    <row r="900562" spans="14:14">
      <c r="N900562" s="10"/>
    </row>
    <row r="900563" spans="14:14">
      <c r="N900563" s="10"/>
    </row>
    <row r="900564" spans="14:14">
      <c r="N900564" s="10"/>
    </row>
    <row r="900565" spans="14:14">
      <c r="N900565" s="10"/>
    </row>
    <row r="900566" spans="14:14">
      <c r="N900566" s="10"/>
    </row>
    <row r="900567" spans="14:14">
      <c r="N900567" s="10"/>
    </row>
    <row r="900568" spans="14:14">
      <c r="N900568" s="10"/>
    </row>
    <row r="900569" spans="14:14">
      <c r="N900569" s="10"/>
    </row>
    <row r="900570" spans="14:14">
      <c r="N900570" s="10"/>
    </row>
    <row r="900571" spans="14:14">
      <c r="N900571" s="10"/>
    </row>
    <row r="900572" spans="14:14">
      <c r="N900572" s="10"/>
    </row>
    <row r="900573" spans="14:14">
      <c r="N900573" s="10"/>
    </row>
    <row r="900574" spans="14:14">
      <c r="N900574" s="10"/>
    </row>
    <row r="900575" spans="14:14">
      <c r="N900575" s="10"/>
    </row>
    <row r="900576" spans="14:14">
      <c r="N900576" s="10"/>
    </row>
    <row r="900577" spans="14:14">
      <c r="N900577" s="10"/>
    </row>
    <row r="900578" spans="14:14">
      <c r="N900578" s="10"/>
    </row>
    <row r="900579" spans="14:14">
      <c r="N900579" s="10"/>
    </row>
    <row r="900580" spans="14:14">
      <c r="N900580" s="10"/>
    </row>
    <row r="900581" spans="14:14">
      <c r="N900581" s="10"/>
    </row>
    <row r="900582" spans="14:14">
      <c r="N900582" s="10"/>
    </row>
    <row r="900583" spans="14:14">
      <c r="N900583" s="10"/>
    </row>
    <row r="900584" spans="14:14">
      <c r="N900584" s="10"/>
    </row>
    <row r="900585" spans="14:14">
      <c r="N900585" s="10"/>
    </row>
    <row r="900586" spans="14:14">
      <c r="N900586" s="10"/>
    </row>
    <row r="900587" spans="14:14">
      <c r="N900587" s="10"/>
    </row>
    <row r="900588" spans="14:14">
      <c r="N900588" s="10"/>
    </row>
    <row r="900589" spans="14:14">
      <c r="N900589" s="10"/>
    </row>
    <row r="900590" spans="14:14">
      <c r="N900590" s="10"/>
    </row>
    <row r="900591" spans="14:14">
      <c r="N900591" s="10"/>
    </row>
    <row r="900592" spans="14:14">
      <c r="N900592" s="10"/>
    </row>
    <row r="900593" spans="14:14">
      <c r="N900593" s="10"/>
    </row>
    <row r="900594" spans="14:14">
      <c r="N900594" s="10"/>
    </row>
    <row r="900595" spans="14:14">
      <c r="N900595" s="10"/>
    </row>
    <row r="900596" spans="14:14">
      <c r="N900596" s="10"/>
    </row>
    <row r="900597" spans="14:14">
      <c r="N900597" s="10"/>
    </row>
    <row r="900598" spans="14:14">
      <c r="N900598" s="10"/>
    </row>
    <row r="900599" spans="14:14">
      <c r="N900599" s="10"/>
    </row>
    <row r="900600" spans="14:14">
      <c r="N900600" s="10"/>
    </row>
    <row r="900601" spans="14:14">
      <c r="N900601" s="10"/>
    </row>
    <row r="900602" spans="14:14">
      <c r="N900602" s="10"/>
    </row>
    <row r="900603" spans="14:14">
      <c r="N900603" s="10"/>
    </row>
    <row r="900604" spans="14:14">
      <c r="N900604" s="10"/>
    </row>
    <row r="900605" spans="14:14">
      <c r="N900605" s="10"/>
    </row>
    <row r="900606" spans="14:14">
      <c r="N900606" s="10"/>
    </row>
    <row r="900607" spans="14:14">
      <c r="N900607" s="10"/>
    </row>
    <row r="900608" spans="14:14">
      <c r="N900608" s="10"/>
    </row>
    <row r="900609" spans="14:14">
      <c r="N900609" s="10"/>
    </row>
    <row r="900610" spans="14:14">
      <c r="N900610" s="10"/>
    </row>
    <row r="900611" spans="14:14">
      <c r="N900611" s="10"/>
    </row>
    <row r="900612" spans="14:14">
      <c r="N900612" s="10"/>
    </row>
    <row r="900613" spans="14:14">
      <c r="N900613" s="10"/>
    </row>
    <row r="900614" spans="14:14">
      <c r="N900614" s="10"/>
    </row>
    <row r="900615" spans="14:14">
      <c r="N900615" s="10"/>
    </row>
    <row r="900616" spans="14:14">
      <c r="N900616" s="10"/>
    </row>
    <row r="900617" spans="14:14">
      <c r="N900617" s="10"/>
    </row>
    <row r="900618" spans="14:14">
      <c r="N900618" s="10"/>
    </row>
    <row r="900619" spans="14:14">
      <c r="N900619" s="10"/>
    </row>
    <row r="900620" spans="14:14">
      <c r="N900620" s="10"/>
    </row>
    <row r="900621" spans="14:14">
      <c r="N900621" s="10"/>
    </row>
    <row r="900622" spans="14:14">
      <c r="N900622" s="10"/>
    </row>
    <row r="900623" spans="14:14">
      <c r="N900623" s="10"/>
    </row>
    <row r="900624" spans="14:14">
      <c r="N900624" s="10"/>
    </row>
    <row r="900625" spans="14:14">
      <c r="N900625" s="10"/>
    </row>
    <row r="900626" spans="14:14">
      <c r="N900626" s="10"/>
    </row>
    <row r="900627" spans="14:14">
      <c r="N900627" s="10"/>
    </row>
    <row r="900628" spans="14:14">
      <c r="N900628" s="10"/>
    </row>
    <row r="900629" spans="14:14">
      <c r="N900629" s="10"/>
    </row>
    <row r="900630" spans="14:14">
      <c r="N900630" s="10"/>
    </row>
    <row r="900631" spans="14:14">
      <c r="N900631" s="10"/>
    </row>
    <row r="900632" spans="14:14">
      <c r="N900632" s="10"/>
    </row>
    <row r="900633" spans="14:14">
      <c r="N900633" s="10"/>
    </row>
    <row r="900634" spans="14:14">
      <c r="N900634" s="10"/>
    </row>
    <row r="900635" spans="14:14">
      <c r="N900635" s="10"/>
    </row>
    <row r="900636" spans="14:14">
      <c r="N900636" s="10"/>
    </row>
    <row r="900637" spans="14:14">
      <c r="N900637" s="10"/>
    </row>
    <row r="900638" spans="14:14">
      <c r="N900638" s="10"/>
    </row>
    <row r="900639" spans="14:14">
      <c r="N900639" s="10"/>
    </row>
    <row r="900640" spans="14:14">
      <c r="N900640" s="10"/>
    </row>
    <row r="900641" spans="14:14">
      <c r="N900641" s="10"/>
    </row>
    <row r="900642" spans="14:14">
      <c r="N900642" s="10"/>
    </row>
    <row r="900643" spans="14:14">
      <c r="N900643" s="10"/>
    </row>
    <row r="900644" spans="14:14">
      <c r="N900644" s="10"/>
    </row>
    <row r="900645" spans="14:14">
      <c r="N900645" s="10"/>
    </row>
    <row r="900646" spans="14:14">
      <c r="N900646" s="10"/>
    </row>
    <row r="900647" spans="14:14">
      <c r="N900647" s="10"/>
    </row>
    <row r="900648" spans="14:14">
      <c r="N900648" s="10"/>
    </row>
    <row r="900649" spans="14:14">
      <c r="N900649" s="10"/>
    </row>
    <row r="900650" spans="14:14">
      <c r="N900650" s="10"/>
    </row>
    <row r="900651" spans="14:14">
      <c r="N900651" s="10"/>
    </row>
    <row r="900652" spans="14:14">
      <c r="N900652" s="10"/>
    </row>
    <row r="900653" spans="14:14">
      <c r="N900653" s="10"/>
    </row>
    <row r="900654" spans="14:14">
      <c r="N900654" s="10"/>
    </row>
    <row r="900655" spans="14:14">
      <c r="N900655" s="10"/>
    </row>
    <row r="900656" spans="14:14">
      <c r="N900656" s="10"/>
    </row>
    <row r="900657" spans="14:14">
      <c r="N900657" s="10"/>
    </row>
    <row r="900658" spans="14:14">
      <c r="N900658" s="10"/>
    </row>
    <row r="900659" spans="14:14">
      <c r="N900659" s="10"/>
    </row>
    <row r="900660" spans="14:14">
      <c r="N900660" s="10"/>
    </row>
    <row r="900661" spans="14:14">
      <c r="N900661" s="10"/>
    </row>
    <row r="900662" spans="14:14">
      <c r="N900662" s="10"/>
    </row>
    <row r="900663" spans="14:14">
      <c r="N900663" s="10"/>
    </row>
    <row r="900664" spans="14:14">
      <c r="N900664" s="10"/>
    </row>
    <row r="900665" spans="14:14">
      <c r="N900665" s="10"/>
    </row>
    <row r="900666" spans="14:14">
      <c r="N900666" s="10"/>
    </row>
    <row r="900667" spans="14:14">
      <c r="N900667" s="10"/>
    </row>
    <row r="900668" spans="14:14">
      <c r="N900668" s="10"/>
    </row>
    <row r="900669" spans="14:14">
      <c r="N900669" s="10"/>
    </row>
    <row r="900670" spans="14:14">
      <c r="N900670" s="10"/>
    </row>
    <row r="900671" spans="14:14">
      <c r="N900671" s="10"/>
    </row>
    <row r="900672" spans="14:14">
      <c r="N900672" s="10"/>
    </row>
    <row r="900673" spans="14:14">
      <c r="N900673" s="10"/>
    </row>
    <row r="900674" spans="14:14">
      <c r="N900674" s="10"/>
    </row>
    <row r="900675" spans="14:14">
      <c r="N900675" s="10"/>
    </row>
    <row r="900676" spans="14:14">
      <c r="N900676" s="10"/>
    </row>
    <row r="900677" spans="14:14">
      <c r="N900677" s="10"/>
    </row>
    <row r="900678" spans="14:14">
      <c r="N900678" s="10"/>
    </row>
    <row r="900679" spans="14:14">
      <c r="N900679" s="10"/>
    </row>
    <row r="900680" spans="14:14">
      <c r="N900680" s="10"/>
    </row>
    <row r="900681" spans="14:14">
      <c r="N900681" s="10"/>
    </row>
    <row r="900682" spans="14:14">
      <c r="N900682" s="10"/>
    </row>
    <row r="900683" spans="14:14">
      <c r="N900683" s="10"/>
    </row>
    <row r="900684" spans="14:14">
      <c r="N900684" s="10"/>
    </row>
    <row r="900685" spans="14:14">
      <c r="N900685" s="10"/>
    </row>
    <row r="900686" spans="14:14">
      <c r="N900686" s="10"/>
    </row>
    <row r="900687" spans="14:14">
      <c r="N900687" s="10"/>
    </row>
    <row r="900688" spans="14:14">
      <c r="N900688" s="10"/>
    </row>
    <row r="900689" spans="14:14">
      <c r="N900689" s="10"/>
    </row>
    <row r="900690" spans="14:14">
      <c r="N900690" s="10"/>
    </row>
    <row r="900691" spans="14:14">
      <c r="N900691" s="10"/>
    </row>
    <row r="900692" spans="14:14">
      <c r="N900692" s="10"/>
    </row>
    <row r="900693" spans="14:14">
      <c r="N900693" s="10"/>
    </row>
    <row r="900694" spans="14:14">
      <c r="N900694" s="10"/>
    </row>
    <row r="900695" spans="14:14">
      <c r="N900695" s="10"/>
    </row>
    <row r="900696" spans="14:14">
      <c r="N900696" s="10"/>
    </row>
    <row r="900697" spans="14:14">
      <c r="N900697" s="10"/>
    </row>
    <row r="900698" spans="14:14">
      <c r="N900698" s="10"/>
    </row>
    <row r="900699" spans="14:14">
      <c r="N900699" s="10"/>
    </row>
    <row r="900700" spans="14:14">
      <c r="N900700" s="10"/>
    </row>
    <row r="900701" spans="14:14">
      <c r="N900701" s="10"/>
    </row>
    <row r="900702" spans="14:14">
      <c r="N900702" s="10"/>
    </row>
    <row r="900703" spans="14:14">
      <c r="N900703" s="10"/>
    </row>
    <row r="900704" spans="14:14">
      <c r="N900704" s="10"/>
    </row>
    <row r="900705" spans="14:14">
      <c r="N900705" s="10"/>
    </row>
    <row r="900706" spans="14:14">
      <c r="N900706" s="10"/>
    </row>
    <row r="900707" spans="14:14">
      <c r="N900707" s="10"/>
    </row>
    <row r="900708" spans="14:14">
      <c r="N900708" s="10"/>
    </row>
    <row r="900709" spans="14:14">
      <c r="N900709" s="10"/>
    </row>
    <row r="900710" spans="14:14">
      <c r="N900710" s="10"/>
    </row>
    <row r="900711" spans="14:14">
      <c r="N900711" s="10"/>
    </row>
    <row r="900712" spans="14:14">
      <c r="N900712" s="10"/>
    </row>
    <row r="900713" spans="14:14">
      <c r="N900713" s="10"/>
    </row>
    <row r="900714" spans="14:14">
      <c r="N900714" s="10"/>
    </row>
    <row r="900715" spans="14:14">
      <c r="N900715" s="10"/>
    </row>
    <row r="900716" spans="14:14">
      <c r="N900716" s="10"/>
    </row>
    <row r="900717" spans="14:14">
      <c r="N900717" s="10"/>
    </row>
    <row r="900718" spans="14:14">
      <c r="N900718" s="10"/>
    </row>
    <row r="900719" spans="14:14">
      <c r="N900719" s="10"/>
    </row>
    <row r="900720" spans="14:14">
      <c r="N900720" s="10"/>
    </row>
    <row r="900721" spans="14:14">
      <c r="N900721" s="10"/>
    </row>
    <row r="900722" spans="14:14">
      <c r="N900722" s="10"/>
    </row>
    <row r="900723" spans="14:14">
      <c r="N900723" s="10"/>
    </row>
    <row r="900724" spans="14:14">
      <c r="N900724" s="10"/>
    </row>
    <row r="900725" spans="14:14">
      <c r="N900725" s="10"/>
    </row>
    <row r="900726" spans="14:14">
      <c r="N900726" s="10"/>
    </row>
    <row r="900727" spans="14:14">
      <c r="N900727" s="10"/>
    </row>
    <row r="900728" spans="14:14">
      <c r="N900728" s="10"/>
    </row>
    <row r="900729" spans="14:14">
      <c r="N900729" s="10"/>
    </row>
    <row r="900730" spans="14:14">
      <c r="N900730" s="10"/>
    </row>
    <row r="900731" spans="14:14">
      <c r="N900731" s="10"/>
    </row>
    <row r="900732" spans="14:14">
      <c r="N900732" s="10"/>
    </row>
    <row r="900733" spans="14:14">
      <c r="N900733" s="10"/>
    </row>
    <row r="900734" spans="14:14">
      <c r="N900734" s="10"/>
    </row>
    <row r="900735" spans="14:14">
      <c r="N900735" s="10"/>
    </row>
    <row r="900736" spans="14:14">
      <c r="N900736" s="10"/>
    </row>
    <row r="900737" spans="14:14">
      <c r="N900737" s="10"/>
    </row>
    <row r="900738" spans="14:14">
      <c r="N900738" s="10"/>
    </row>
    <row r="900739" spans="14:14">
      <c r="N900739" s="10"/>
    </row>
    <row r="900740" spans="14:14">
      <c r="N900740" s="10"/>
    </row>
    <row r="900741" spans="14:14">
      <c r="N900741" s="10"/>
    </row>
    <row r="900742" spans="14:14">
      <c r="N900742" s="10"/>
    </row>
    <row r="900743" spans="14:14">
      <c r="N900743" s="10"/>
    </row>
    <row r="900744" spans="14:14">
      <c r="N900744" s="10"/>
    </row>
    <row r="900745" spans="14:14">
      <c r="N900745" s="10"/>
    </row>
    <row r="900746" spans="14:14">
      <c r="N900746" s="10"/>
    </row>
    <row r="900747" spans="14:14">
      <c r="N900747" s="10"/>
    </row>
    <row r="900748" spans="14:14">
      <c r="N900748" s="10"/>
    </row>
    <row r="900749" spans="14:14">
      <c r="N900749" s="10"/>
    </row>
    <row r="900750" spans="14:14">
      <c r="N900750" s="10"/>
    </row>
    <row r="900751" spans="14:14">
      <c r="N900751" s="10"/>
    </row>
    <row r="900752" spans="14:14">
      <c r="N900752" s="10"/>
    </row>
    <row r="900753" spans="14:14">
      <c r="N900753" s="10"/>
    </row>
    <row r="900754" spans="14:14">
      <c r="N900754" s="10"/>
    </row>
    <row r="900755" spans="14:14">
      <c r="N900755" s="10"/>
    </row>
    <row r="900756" spans="14:14">
      <c r="N900756" s="10"/>
    </row>
    <row r="900757" spans="14:14">
      <c r="N900757" s="10"/>
    </row>
    <row r="900758" spans="14:14">
      <c r="N900758" s="10"/>
    </row>
    <row r="900759" spans="14:14">
      <c r="N900759" s="10"/>
    </row>
    <row r="900760" spans="14:14">
      <c r="N900760" s="10"/>
    </row>
    <row r="900761" spans="14:14">
      <c r="N900761" s="10"/>
    </row>
    <row r="900762" spans="14:14">
      <c r="N900762" s="10"/>
    </row>
    <row r="900763" spans="14:14">
      <c r="N900763" s="10"/>
    </row>
    <row r="900764" spans="14:14">
      <c r="N900764" s="10"/>
    </row>
    <row r="900765" spans="14:14">
      <c r="N900765" s="10"/>
    </row>
    <row r="900766" spans="14:14">
      <c r="N900766" s="10"/>
    </row>
    <row r="900767" spans="14:14">
      <c r="N900767" s="10"/>
    </row>
    <row r="900768" spans="14:14">
      <c r="N900768" s="10"/>
    </row>
    <row r="900769" spans="14:14">
      <c r="N900769" s="10"/>
    </row>
    <row r="900770" spans="14:14">
      <c r="N900770" s="10"/>
    </row>
    <row r="900771" spans="14:14">
      <c r="N900771" s="10"/>
    </row>
    <row r="900772" spans="14:14">
      <c r="N900772" s="10"/>
    </row>
    <row r="900773" spans="14:14">
      <c r="N900773" s="10"/>
    </row>
    <row r="900774" spans="14:14">
      <c r="N900774" s="10"/>
    </row>
    <row r="900775" spans="14:14">
      <c r="N900775" s="10"/>
    </row>
    <row r="900776" spans="14:14">
      <c r="N900776" s="10"/>
    </row>
    <row r="900777" spans="14:14">
      <c r="N900777" s="10"/>
    </row>
    <row r="900778" spans="14:14">
      <c r="N900778" s="10"/>
    </row>
    <row r="900779" spans="14:14">
      <c r="N900779" s="10"/>
    </row>
    <row r="900780" spans="14:14">
      <c r="N900780" s="10"/>
    </row>
    <row r="900781" spans="14:14">
      <c r="N900781" s="10"/>
    </row>
    <row r="900782" spans="14:14">
      <c r="N900782" s="10"/>
    </row>
    <row r="900783" spans="14:14">
      <c r="N900783" s="10"/>
    </row>
    <row r="900784" spans="14:14">
      <c r="N900784" s="10"/>
    </row>
    <row r="900785" spans="14:14">
      <c r="N900785" s="10"/>
    </row>
    <row r="900786" spans="14:14">
      <c r="N900786" s="10"/>
    </row>
    <row r="900787" spans="14:14">
      <c r="N900787" s="10"/>
    </row>
    <row r="900788" spans="14:14">
      <c r="N900788" s="10"/>
    </row>
    <row r="900789" spans="14:14">
      <c r="N900789" s="10"/>
    </row>
    <row r="900790" spans="14:14">
      <c r="N900790" s="10"/>
    </row>
    <row r="900791" spans="14:14">
      <c r="N900791" s="10"/>
    </row>
    <row r="900792" spans="14:14">
      <c r="N900792" s="10"/>
    </row>
    <row r="900793" spans="14:14">
      <c r="N900793" s="10"/>
    </row>
    <row r="900794" spans="14:14">
      <c r="N900794" s="10"/>
    </row>
    <row r="900795" spans="14:14">
      <c r="N900795" s="10"/>
    </row>
    <row r="900796" spans="14:14">
      <c r="N900796" s="10"/>
    </row>
    <row r="900797" spans="14:14">
      <c r="N900797" s="10"/>
    </row>
    <row r="900798" spans="14:14">
      <c r="N900798" s="10"/>
    </row>
    <row r="900799" spans="14:14">
      <c r="N900799" s="10"/>
    </row>
    <row r="900800" spans="14:14">
      <c r="N900800" s="10"/>
    </row>
    <row r="900801" spans="14:14">
      <c r="N900801" s="10"/>
    </row>
    <row r="900802" spans="14:14">
      <c r="N900802" s="10"/>
    </row>
    <row r="900803" spans="14:14">
      <c r="N900803" s="10"/>
    </row>
    <row r="900804" spans="14:14">
      <c r="N900804" s="10"/>
    </row>
    <row r="900805" spans="14:14">
      <c r="N900805" s="10"/>
    </row>
    <row r="900806" spans="14:14">
      <c r="N900806" s="10"/>
    </row>
    <row r="900807" spans="14:14">
      <c r="N900807" s="10"/>
    </row>
    <row r="900808" spans="14:14">
      <c r="N900808" s="10"/>
    </row>
    <row r="900809" spans="14:14">
      <c r="N900809" s="10"/>
    </row>
    <row r="900810" spans="14:14">
      <c r="N900810" s="10"/>
    </row>
    <row r="900811" spans="14:14">
      <c r="N900811" s="10"/>
    </row>
    <row r="900812" spans="14:14">
      <c r="N900812" s="10"/>
    </row>
    <row r="900813" spans="14:14">
      <c r="N900813" s="10"/>
    </row>
    <row r="900814" spans="14:14">
      <c r="N900814" s="10"/>
    </row>
    <row r="900815" spans="14:14">
      <c r="N900815" s="10"/>
    </row>
    <row r="900816" spans="14:14">
      <c r="N900816" s="10"/>
    </row>
    <row r="900817" spans="14:14">
      <c r="N900817" s="10"/>
    </row>
    <row r="900818" spans="14:14">
      <c r="N900818" s="10"/>
    </row>
    <row r="900819" spans="14:14">
      <c r="N900819" s="10"/>
    </row>
    <row r="900820" spans="14:14">
      <c r="N900820" s="10"/>
    </row>
    <row r="900821" spans="14:14">
      <c r="N900821" s="10"/>
    </row>
    <row r="900822" spans="14:14">
      <c r="N900822" s="10"/>
    </row>
    <row r="900823" spans="14:14">
      <c r="N900823" s="10"/>
    </row>
    <row r="900824" spans="14:14">
      <c r="N900824" s="10"/>
    </row>
    <row r="900825" spans="14:14">
      <c r="N900825" s="10"/>
    </row>
    <row r="900826" spans="14:14">
      <c r="N900826" s="10"/>
    </row>
    <row r="900827" spans="14:14">
      <c r="N900827" s="10"/>
    </row>
    <row r="900828" spans="14:14">
      <c r="N900828" s="10"/>
    </row>
    <row r="900829" spans="14:14">
      <c r="N900829" s="10"/>
    </row>
    <row r="900830" spans="14:14">
      <c r="N900830" s="10"/>
    </row>
    <row r="900831" spans="14:14">
      <c r="N900831" s="10"/>
    </row>
    <row r="900832" spans="14:14">
      <c r="N900832" s="10"/>
    </row>
    <row r="900833" spans="14:14">
      <c r="N900833" s="10"/>
    </row>
    <row r="900834" spans="14:14">
      <c r="N900834" s="10"/>
    </row>
    <row r="900835" spans="14:14">
      <c r="N900835" s="10"/>
    </row>
    <row r="900836" spans="14:14">
      <c r="N900836" s="10"/>
    </row>
    <row r="900837" spans="14:14">
      <c r="N900837" s="10"/>
    </row>
    <row r="900838" spans="14:14">
      <c r="N900838" s="10"/>
    </row>
    <row r="900839" spans="14:14">
      <c r="N900839" s="10"/>
    </row>
    <row r="900840" spans="14:14">
      <c r="N900840" s="10"/>
    </row>
    <row r="900841" spans="14:14">
      <c r="N900841" s="10"/>
    </row>
    <row r="900842" spans="14:14">
      <c r="N900842" s="10"/>
    </row>
    <row r="900843" spans="14:14">
      <c r="N900843" s="10"/>
    </row>
    <row r="900844" spans="14:14">
      <c r="N900844" s="10"/>
    </row>
    <row r="900845" spans="14:14">
      <c r="N900845" s="10"/>
    </row>
    <row r="900846" spans="14:14">
      <c r="N900846" s="10"/>
    </row>
    <row r="900847" spans="14:14">
      <c r="N900847" s="10"/>
    </row>
    <row r="900848" spans="14:14">
      <c r="N900848" s="10"/>
    </row>
    <row r="900849" spans="14:14">
      <c r="N900849" s="10"/>
    </row>
    <row r="900850" spans="14:14">
      <c r="N900850" s="10"/>
    </row>
    <row r="900851" spans="14:14">
      <c r="N900851" s="10"/>
    </row>
    <row r="900852" spans="14:14">
      <c r="N900852" s="10"/>
    </row>
    <row r="900853" spans="14:14">
      <c r="N900853" s="10"/>
    </row>
    <row r="900854" spans="14:14">
      <c r="N900854" s="10"/>
    </row>
    <row r="900855" spans="14:14">
      <c r="N900855" s="10"/>
    </row>
    <row r="900856" spans="14:14">
      <c r="N900856" s="10"/>
    </row>
    <row r="900857" spans="14:14">
      <c r="N900857" s="10"/>
    </row>
    <row r="900858" spans="14:14">
      <c r="N900858" s="10"/>
    </row>
    <row r="900859" spans="14:14">
      <c r="N900859" s="10"/>
    </row>
    <row r="900860" spans="14:14">
      <c r="N900860" s="10"/>
    </row>
    <row r="900861" spans="14:14">
      <c r="N900861" s="10"/>
    </row>
    <row r="900862" spans="14:14">
      <c r="N900862" s="10"/>
    </row>
    <row r="900863" spans="14:14">
      <c r="N900863" s="10"/>
    </row>
    <row r="900864" spans="14:14">
      <c r="N900864" s="10"/>
    </row>
    <row r="900865" spans="14:14">
      <c r="N900865" s="10"/>
    </row>
    <row r="900866" spans="14:14">
      <c r="N900866" s="10"/>
    </row>
    <row r="900867" spans="14:14">
      <c r="N900867" s="10"/>
    </row>
    <row r="900868" spans="14:14">
      <c r="N900868" s="10"/>
    </row>
    <row r="900869" spans="14:14">
      <c r="N900869" s="10"/>
    </row>
    <row r="900870" spans="14:14">
      <c r="N900870" s="10"/>
    </row>
    <row r="900871" spans="14:14">
      <c r="N900871" s="10"/>
    </row>
    <row r="900872" spans="14:14">
      <c r="N900872" s="10"/>
    </row>
    <row r="900873" spans="14:14">
      <c r="N900873" s="10"/>
    </row>
    <row r="900874" spans="14:14">
      <c r="N900874" s="10"/>
    </row>
    <row r="900875" spans="14:14">
      <c r="N900875" s="10"/>
    </row>
    <row r="900876" spans="14:14">
      <c r="N900876" s="10"/>
    </row>
    <row r="900877" spans="14:14">
      <c r="N900877" s="10"/>
    </row>
    <row r="900878" spans="14:14">
      <c r="N900878" s="10"/>
    </row>
    <row r="900879" spans="14:14">
      <c r="N900879" s="10"/>
    </row>
    <row r="900880" spans="14:14">
      <c r="N900880" s="10"/>
    </row>
    <row r="900881" spans="14:14">
      <c r="N900881" s="10"/>
    </row>
    <row r="900882" spans="14:14">
      <c r="N900882" s="10"/>
    </row>
    <row r="900883" spans="14:14">
      <c r="N900883" s="10"/>
    </row>
    <row r="900884" spans="14:14">
      <c r="N900884" s="10"/>
    </row>
    <row r="900885" spans="14:14">
      <c r="N900885" s="10"/>
    </row>
    <row r="900886" spans="14:14">
      <c r="N900886" s="10"/>
    </row>
    <row r="900887" spans="14:14">
      <c r="N900887" s="10"/>
    </row>
    <row r="900888" spans="14:14">
      <c r="N900888" s="10"/>
    </row>
    <row r="900889" spans="14:14">
      <c r="N900889" s="10"/>
    </row>
    <row r="900890" spans="14:14">
      <c r="N900890" s="10"/>
    </row>
    <row r="900891" spans="14:14">
      <c r="N900891" s="10"/>
    </row>
    <row r="900892" spans="14:14">
      <c r="N900892" s="10"/>
    </row>
    <row r="900893" spans="14:14">
      <c r="N900893" s="10"/>
    </row>
    <row r="900894" spans="14:14">
      <c r="N900894" s="10"/>
    </row>
    <row r="900895" spans="14:14">
      <c r="N900895" s="10"/>
    </row>
    <row r="900896" spans="14:14">
      <c r="N900896" s="10"/>
    </row>
    <row r="900897" spans="14:14">
      <c r="N900897" s="10"/>
    </row>
    <row r="900898" spans="14:14">
      <c r="N900898" s="10"/>
    </row>
    <row r="900899" spans="14:14">
      <c r="N900899" s="10"/>
    </row>
    <row r="900900" spans="14:14">
      <c r="N900900" s="10"/>
    </row>
    <row r="900901" spans="14:14">
      <c r="N900901" s="10"/>
    </row>
    <row r="900902" spans="14:14">
      <c r="N900902" s="10"/>
    </row>
    <row r="900903" spans="14:14">
      <c r="N900903" s="10"/>
    </row>
    <row r="900904" spans="14:14">
      <c r="N900904" s="10"/>
    </row>
    <row r="900905" spans="14:14">
      <c r="N900905" s="10"/>
    </row>
    <row r="900906" spans="14:14">
      <c r="N900906" s="10"/>
    </row>
    <row r="900907" spans="14:14">
      <c r="N900907" s="10"/>
    </row>
    <row r="900908" spans="14:14">
      <c r="N900908" s="10"/>
    </row>
    <row r="900909" spans="14:14">
      <c r="N900909" s="10"/>
    </row>
    <row r="900910" spans="14:14">
      <c r="N900910" s="10"/>
    </row>
    <row r="900911" spans="14:14">
      <c r="N900911" s="10"/>
    </row>
    <row r="900912" spans="14:14">
      <c r="N900912" s="10"/>
    </row>
    <row r="900913" spans="14:14">
      <c r="N900913" s="10"/>
    </row>
    <row r="900914" spans="14:14">
      <c r="N900914" s="10"/>
    </row>
    <row r="900915" spans="14:14">
      <c r="N900915" s="10"/>
    </row>
    <row r="900916" spans="14:14">
      <c r="N900916" s="10"/>
    </row>
    <row r="900917" spans="14:14">
      <c r="N900917" s="10"/>
    </row>
    <row r="900918" spans="14:14">
      <c r="N900918" s="10"/>
    </row>
    <row r="900919" spans="14:14">
      <c r="N900919" s="10"/>
    </row>
    <row r="900920" spans="14:14">
      <c r="N900920" s="10"/>
    </row>
    <row r="900921" spans="14:14">
      <c r="N900921" s="10"/>
    </row>
    <row r="900922" spans="14:14">
      <c r="N900922" s="10"/>
    </row>
    <row r="900923" spans="14:14">
      <c r="N900923" s="10"/>
    </row>
    <row r="900924" spans="14:14">
      <c r="N900924" s="10"/>
    </row>
    <row r="900925" spans="14:14">
      <c r="N900925" s="10"/>
    </row>
    <row r="900926" spans="14:14">
      <c r="N900926" s="10"/>
    </row>
    <row r="900927" spans="14:14">
      <c r="N900927" s="10"/>
    </row>
    <row r="900928" spans="14:14">
      <c r="N900928" s="10"/>
    </row>
    <row r="900929" spans="14:14">
      <c r="N900929" s="10"/>
    </row>
    <row r="900930" spans="14:14">
      <c r="N900930" s="10"/>
    </row>
    <row r="900931" spans="14:14">
      <c r="N900931" s="10"/>
    </row>
    <row r="900932" spans="14:14">
      <c r="N900932" s="10"/>
    </row>
    <row r="900933" spans="14:14">
      <c r="N900933" s="10"/>
    </row>
    <row r="900934" spans="14:14">
      <c r="N900934" s="10"/>
    </row>
    <row r="900935" spans="14:14">
      <c r="N900935" s="10"/>
    </row>
    <row r="900936" spans="14:14">
      <c r="N900936" s="10"/>
    </row>
    <row r="900937" spans="14:14">
      <c r="N900937" s="10"/>
    </row>
    <row r="900938" spans="14:14">
      <c r="N900938" s="10"/>
    </row>
    <row r="900939" spans="14:14">
      <c r="N900939" s="10"/>
    </row>
    <row r="900940" spans="14:14">
      <c r="N900940" s="10"/>
    </row>
    <row r="900941" spans="14:14">
      <c r="N900941" s="10"/>
    </row>
    <row r="900942" spans="14:14">
      <c r="N900942" s="10"/>
    </row>
    <row r="900943" spans="14:14">
      <c r="N900943" s="10"/>
    </row>
    <row r="900944" spans="14:14">
      <c r="N900944" s="10"/>
    </row>
    <row r="900945" spans="14:14">
      <c r="N900945" s="10"/>
    </row>
    <row r="900946" spans="14:14">
      <c r="N900946" s="10"/>
    </row>
    <row r="900947" spans="14:14">
      <c r="N900947" s="10"/>
    </row>
    <row r="900948" spans="14:14">
      <c r="N900948" s="10"/>
    </row>
    <row r="900949" spans="14:14">
      <c r="N900949" s="10"/>
    </row>
    <row r="900950" spans="14:14">
      <c r="N900950" s="10"/>
    </row>
    <row r="900951" spans="14:14">
      <c r="N900951" s="10"/>
    </row>
    <row r="900952" spans="14:14">
      <c r="N900952" s="10"/>
    </row>
    <row r="900953" spans="14:14">
      <c r="N900953" s="10"/>
    </row>
    <row r="900954" spans="14:14">
      <c r="N900954" s="10"/>
    </row>
    <row r="900955" spans="14:14">
      <c r="N900955" s="10"/>
    </row>
    <row r="900956" spans="14:14">
      <c r="N900956" s="10"/>
    </row>
    <row r="900957" spans="14:14">
      <c r="N900957" s="10"/>
    </row>
    <row r="900958" spans="14:14">
      <c r="N900958" s="10"/>
    </row>
    <row r="900959" spans="14:14">
      <c r="N900959" s="10"/>
    </row>
    <row r="900960" spans="14:14">
      <c r="N900960" s="10"/>
    </row>
    <row r="900961" spans="14:14">
      <c r="N900961" s="10"/>
    </row>
    <row r="900962" spans="14:14">
      <c r="N900962" s="10"/>
    </row>
    <row r="900963" spans="14:14">
      <c r="N900963" s="10"/>
    </row>
    <row r="900964" spans="14:14">
      <c r="N900964" s="10"/>
    </row>
    <row r="900965" spans="14:14">
      <c r="N900965" s="10"/>
    </row>
    <row r="900966" spans="14:14">
      <c r="N900966" s="10"/>
    </row>
    <row r="900967" spans="14:14">
      <c r="N900967" s="10"/>
    </row>
    <row r="900968" spans="14:14">
      <c r="N900968" s="10"/>
    </row>
    <row r="900969" spans="14:14">
      <c r="N900969" s="10"/>
    </row>
    <row r="900970" spans="14:14">
      <c r="N900970" s="10"/>
    </row>
    <row r="900971" spans="14:14">
      <c r="N900971" s="10"/>
    </row>
    <row r="900972" spans="14:14">
      <c r="N900972" s="10"/>
    </row>
    <row r="900973" spans="14:14">
      <c r="N900973" s="10"/>
    </row>
    <row r="900974" spans="14:14">
      <c r="N900974" s="10"/>
    </row>
    <row r="900975" spans="14:14">
      <c r="N900975" s="10"/>
    </row>
    <row r="900976" spans="14:14">
      <c r="N900976" s="10"/>
    </row>
    <row r="900977" spans="14:14">
      <c r="N900977" s="10"/>
    </row>
    <row r="900978" spans="14:14">
      <c r="N900978" s="10"/>
    </row>
    <row r="900979" spans="14:14">
      <c r="N900979" s="10"/>
    </row>
    <row r="900980" spans="14:14">
      <c r="N900980" s="10"/>
    </row>
    <row r="900981" spans="14:14">
      <c r="N900981" s="10"/>
    </row>
    <row r="900982" spans="14:14">
      <c r="N900982" s="10"/>
    </row>
    <row r="900983" spans="14:14">
      <c r="N900983" s="10"/>
    </row>
    <row r="900984" spans="14:14">
      <c r="N900984" s="10"/>
    </row>
    <row r="900985" spans="14:14">
      <c r="N900985" s="10"/>
    </row>
    <row r="900986" spans="14:14">
      <c r="N900986" s="10"/>
    </row>
    <row r="900987" spans="14:14">
      <c r="N900987" s="10"/>
    </row>
    <row r="900988" spans="14:14">
      <c r="N900988" s="10"/>
    </row>
    <row r="900989" spans="14:14">
      <c r="N900989" s="10"/>
    </row>
    <row r="900990" spans="14:14">
      <c r="N900990" s="10"/>
    </row>
    <row r="900991" spans="14:14">
      <c r="N900991" s="10"/>
    </row>
    <row r="900992" spans="14:14">
      <c r="N900992" s="10"/>
    </row>
    <row r="900993" spans="14:14">
      <c r="N900993" s="10"/>
    </row>
    <row r="900994" spans="14:14">
      <c r="N900994" s="10"/>
    </row>
    <row r="900995" spans="14:14">
      <c r="N900995" s="10"/>
    </row>
    <row r="900996" spans="14:14">
      <c r="N900996" s="10"/>
    </row>
    <row r="900997" spans="14:14">
      <c r="N900997" s="10"/>
    </row>
    <row r="900998" spans="14:14">
      <c r="N900998" s="10"/>
    </row>
    <row r="900999" spans="14:14">
      <c r="N900999" s="10"/>
    </row>
    <row r="901000" spans="14:14">
      <c r="N901000" s="10"/>
    </row>
    <row r="901001" spans="14:14">
      <c r="N901001" s="10"/>
    </row>
    <row r="901002" spans="14:14">
      <c r="N901002" s="10"/>
    </row>
    <row r="901003" spans="14:14">
      <c r="N901003" s="10"/>
    </row>
    <row r="901004" spans="14:14">
      <c r="N901004" s="10"/>
    </row>
    <row r="901005" spans="14:14">
      <c r="N901005" s="10"/>
    </row>
    <row r="901006" spans="14:14">
      <c r="N901006" s="10"/>
    </row>
    <row r="901007" spans="14:14">
      <c r="N901007" s="10"/>
    </row>
    <row r="901008" spans="14:14">
      <c r="N901008" s="10"/>
    </row>
    <row r="901009" spans="14:14">
      <c r="N901009" s="10"/>
    </row>
    <row r="901010" spans="14:14">
      <c r="N901010" s="10"/>
    </row>
    <row r="901011" spans="14:14">
      <c r="N901011" s="10"/>
    </row>
    <row r="901012" spans="14:14">
      <c r="N901012" s="10"/>
    </row>
    <row r="901013" spans="14:14">
      <c r="N901013" s="10"/>
    </row>
    <row r="901014" spans="14:14">
      <c r="N901014" s="10"/>
    </row>
    <row r="901015" spans="14:14">
      <c r="N901015" s="10"/>
    </row>
    <row r="901016" spans="14:14">
      <c r="N901016" s="10"/>
    </row>
    <row r="901017" spans="14:14">
      <c r="N901017" s="10"/>
    </row>
    <row r="901018" spans="14:14">
      <c r="N901018" s="10"/>
    </row>
    <row r="901019" spans="14:14">
      <c r="N901019" s="10"/>
    </row>
    <row r="901020" spans="14:14">
      <c r="N901020" s="10"/>
    </row>
    <row r="901021" spans="14:14">
      <c r="N901021" s="10"/>
    </row>
    <row r="901022" spans="14:14">
      <c r="N901022" s="10"/>
    </row>
    <row r="901023" spans="14:14">
      <c r="N901023" s="10"/>
    </row>
    <row r="901024" spans="14:14">
      <c r="N901024" s="10"/>
    </row>
    <row r="901025" spans="14:14">
      <c r="N901025" s="10"/>
    </row>
    <row r="901026" spans="14:14">
      <c r="N901026" s="10"/>
    </row>
    <row r="901027" spans="14:14">
      <c r="N901027" s="10"/>
    </row>
    <row r="901028" spans="14:14">
      <c r="N901028" s="10"/>
    </row>
    <row r="901029" spans="14:14">
      <c r="N901029" s="10"/>
    </row>
    <row r="901030" spans="14:14">
      <c r="N901030" s="10"/>
    </row>
    <row r="901031" spans="14:14">
      <c r="N901031" s="10"/>
    </row>
    <row r="901032" spans="14:14">
      <c r="N901032" s="10"/>
    </row>
    <row r="901033" spans="14:14">
      <c r="N901033" s="10"/>
    </row>
    <row r="901034" spans="14:14">
      <c r="N901034" s="10"/>
    </row>
    <row r="901035" spans="14:14">
      <c r="N901035" s="10"/>
    </row>
    <row r="901036" spans="14:14">
      <c r="N901036" s="10"/>
    </row>
    <row r="901037" spans="14:14">
      <c r="N901037" s="10"/>
    </row>
    <row r="901038" spans="14:14">
      <c r="N901038" s="10"/>
    </row>
    <row r="901039" spans="14:14">
      <c r="N901039" s="10"/>
    </row>
    <row r="901040" spans="14:14">
      <c r="N901040" s="10"/>
    </row>
    <row r="901041" spans="14:14">
      <c r="N901041" s="10"/>
    </row>
    <row r="901042" spans="14:14">
      <c r="N901042" s="10"/>
    </row>
    <row r="901043" spans="14:14">
      <c r="N901043" s="10"/>
    </row>
    <row r="901044" spans="14:14">
      <c r="N901044" s="10"/>
    </row>
    <row r="901045" spans="14:14">
      <c r="N901045" s="10"/>
    </row>
    <row r="901046" spans="14:14">
      <c r="N901046" s="10"/>
    </row>
    <row r="901047" spans="14:14">
      <c r="N901047" s="10"/>
    </row>
    <row r="901048" spans="14:14">
      <c r="N901048" s="10"/>
    </row>
    <row r="901049" spans="14:14">
      <c r="N901049" s="10"/>
    </row>
    <row r="901050" spans="14:14">
      <c r="N901050" s="10"/>
    </row>
    <row r="901051" spans="14:14">
      <c r="N901051" s="10"/>
    </row>
    <row r="901052" spans="14:14">
      <c r="N901052" s="10"/>
    </row>
    <row r="901053" spans="14:14">
      <c r="N901053" s="10"/>
    </row>
    <row r="901054" spans="14:14">
      <c r="N901054" s="10"/>
    </row>
    <row r="901055" spans="14:14">
      <c r="N901055" s="10"/>
    </row>
    <row r="901056" spans="14:14">
      <c r="N901056" s="10"/>
    </row>
    <row r="901057" spans="14:14">
      <c r="N901057" s="10"/>
    </row>
    <row r="901058" spans="14:14">
      <c r="N901058" s="10"/>
    </row>
    <row r="901059" spans="14:14">
      <c r="N901059" s="10"/>
    </row>
    <row r="901060" spans="14:14">
      <c r="N901060" s="10"/>
    </row>
    <row r="901061" spans="14:14">
      <c r="N901061" s="10"/>
    </row>
    <row r="901062" spans="14:14">
      <c r="N901062" s="10"/>
    </row>
    <row r="901063" spans="14:14">
      <c r="N901063" s="10"/>
    </row>
    <row r="901064" spans="14:14">
      <c r="N901064" s="10"/>
    </row>
    <row r="901065" spans="14:14">
      <c r="N901065" s="10"/>
    </row>
    <row r="901066" spans="14:14">
      <c r="N901066" s="10"/>
    </row>
    <row r="901067" spans="14:14">
      <c r="N901067" s="10"/>
    </row>
    <row r="901068" spans="14:14">
      <c r="N901068" s="10"/>
    </row>
    <row r="901069" spans="14:14">
      <c r="N901069" s="10"/>
    </row>
    <row r="901070" spans="14:14">
      <c r="N901070" s="10"/>
    </row>
    <row r="901071" spans="14:14">
      <c r="N901071" s="10"/>
    </row>
    <row r="901072" spans="14:14">
      <c r="N901072" s="10"/>
    </row>
    <row r="901073" spans="14:14">
      <c r="N901073" s="10"/>
    </row>
    <row r="901074" spans="14:14">
      <c r="N901074" s="10"/>
    </row>
    <row r="901075" spans="14:14">
      <c r="N901075" s="10"/>
    </row>
    <row r="901076" spans="14:14">
      <c r="N901076" s="10"/>
    </row>
    <row r="901077" spans="14:14">
      <c r="N901077" s="10"/>
    </row>
    <row r="901078" spans="14:14">
      <c r="N901078" s="10"/>
    </row>
    <row r="901079" spans="14:14">
      <c r="N901079" s="10"/>
    </row>
    <row r="901080" spans="14:14">
      <c r="N901080" s="10"/>
    </row>
    <row r="901081" spans="14:14">
      <c r="N901081" s="10"/>
    </row>
    <row r="901082" spans="14:14">
      <c r="N901082" s="10"/>
    </row>
    <row r="901083" spans="14:14">
      <c r="N901083" s="10"/>
    </row>
    <row r="901084" spans="14:14">
      <c r="N901084" s="10"/>
    </row>
    <row r="901085" spans="14:14">
      <c r="N901085" s="10"/>
    </row>
    <row r="901086" spans="14:14">
      <c r="N901086" s="10"/>
    </row>
    <row r="901087" spans="14:14">
      <c r="N901087" s="10"/>
    </row>
    <row r="901088" spans="14:14">
      <c r="N901088" s="10"/>
    </row>
    <row r="901089" spans="14:14">
      <c r="N901089" s="10"/>
    </row>
    <row r="901090" spans="14:14">
      <c r="N901090" s="10"/>
    </row>
    <row r="901091" spans="14:14">
      <c r="N901091" s="10"/>
    </row>
    <row r="901092" spans="14:14">
      <c r="N901092" s="10"/>
    </row>
    <row r="901093" spans="14:14">
      <c r="N901093" s="10"/>
    </row>
    <row r="901094" spans="14:14">
      <c r="N901094" s="10"/>
    </row>
    <row r="901095" spans="14:14">
      <c r="N901095" s="10"/>
    </row>
    <row r="901096" spans="14:14">
      <c r="N901096" s="10"/>
    </row>
    <row r="901097" spans="14:14">
      <c r="N901097" s="10"/>
    </row>
    <row r="901098" spans="14:14">
      <c r="N901098" s="10"/>
    </row>
    <row r="901099" spans="14:14">
      <c r="N901099" s="10"/>
    </row>
    <row r="901100" spans="14:14">
      <c r="N901100" s="10"/>
    </row>
    <row r="901101" spans="14:14">
      <c r="N901101" s="10"/>
    </row>
    <row r="901102" spans="14:14">
      <c r="N901102" s="10"/>
    </row>
    <row r="901103" spans="14:14">
      <c r="N901103" s="10"/>
    </row>
    <row r="901104" spans="14:14">
      <c r="N901104" s="10"/>
    </row>
    <row r="901105" spans="14:14">
      <c r="N901105" s="10"/>
    </row>
    <row r="901106" spans="14:14">
      <c r="N901106" s="10"/>
    </row>
    <row r="901107" spans="14:14">
      <c r="N901107" s="10"/>
    </row>
    <row r="901108" spans="14:14">
      <c r="N901108" s="10"/>
    </row>
    <row r="901109" spans="14:14">
      <c r="N901109" s="10"/>
    </row>
    <row r="901110" spans="14:14">
      <c r="N901110" s="10"/>
    </row>
    <row r="901111" spans="14:14">
      <c r="N901111" s="10"/>
    </row>
    <row r="901112" spans="14:14">
      <c r="N901112" s="10"/>
    </row>
    <row r="901113" spans="14:14">
      <c r="N901113" s="10"/>
    </row>
    <row r="901114" spans="14:14">
      <c r="N901114" s="10"/>
    </row>
    <row r="901115" spans="14:14">
      <c r="N901115" s="10"/>
    </row>
    <row r="901116" spans="14:14">
      <c r="N901116" s="10"/>
    </row>
    <row r="901117" spans="14:14">
      <c r="N901117" s="10"/>
    </row>
    <row r="901118" spans="14:14">
      <c r="N901118" s="10"/>
    </row>
    <row r="901119" spans="14:14">
      <c r="N901119" s="10"/>
    </row>
    <row r="901120" spans="14:14">
      <c r="N901120" s="10"/>
    </row>
    <row r="901121" spans="14:14">
      <c r="N901121" s="10"/>
    </row>
    <row r="901122" spans="14:14">
      <c r="N901122" s="10"/>
    </row>
    <row r="901123" spans="14:14">
      <c r="N901123" s="10"/>
    </row>
    <row r="901124" spans="14:14">
      <c r="N901124" s="10"/>
    </row>
    <row r="901125" spans="14:14">
      <c r="N901125" s="10"/>
    </row>
    <row r="901126" spans="14:14">
      <c r="N901126" s="10"/>
    </row>
    <row r="901127" spans="14:14">
      <c r="N901127" s="10"/>
    </row>
    <row r="901128" spans="14:14">
      <c r="N901128" s="10"/>
    </row>
    <row r="901129" spans="14:14">
      <c r="N901129" s="10"/>
    </row>
    <row r="901130" spans="14:14">
      <c r="N901130" s="10"/>
    </row>
    <row r="901131" spans="14:14">
      <c r="N901131" s="10"/>
    </row>
    <row r="901132" spans="14:14">
      <c r="N901132" s="10"/>
    </row>
    <row r="901133" spans="14:14">
      <c r="N901133" s="10"/>
    </row>
    <row r="901134" spans="14:14">
      <c r="N901134" s="10"/>
    </row>
    <row r="901135" spans="14:14">
      <c r="N901135" s="10"/>
    </row>
    <row r="901136" spans="14:14">
      <c r="N901136" s="10"/>
    </row>
    <row r="901137" spans="14:14">
      <c r="N901137" s="10"/>
    </row>
    <row r="901138" spans="14:14">
      <c r="N901138" s="10"/>
    </row>
    <row r="901139" spans="14:14">
      <c r="N901139" s="10"/>
    </row>
    <row r="901140" spans="14:14">
      <c r="N901140" s="10"/>
    </row>
    <row r="901141" spans="14:14">
      <c r="N901141" s="10"/>
    </row>
    <row r="901142" spans="14:14">
      <c r="N901142" s="10"/>
    </row>
    <row r="901143" spans="14:14">
      <c r="N901143" s="10"/>
    </row>
    <row r="901144" spans="14:14">
      <c r="N901144" s="10"/>
    </row>
    <row r="901145" spans="14:14">
      <c r="N901145" s="10"/>
    </row>
    <row r="901146" spans="14:14">
      <c r="N901146" s="10"/>
    </row>
    <row r="901147" spans="14:14">
      <c r="N901147" s="10"/>
    </row>
    <row r="901148" spans="14:14">
      <c r="N901148" s="10"/>
    </row>
    <row r="901149" spans="14:14">
      <c r="N901149" s="10"/>
    </row>
    <row r="901150" spans="14:14">
      <c r="N901150" s="10"/>
    </row>
    <row r="901151" spans="14:14">
      <c r="N901151" s="10"/>
    </row>
    <row r="901152" spans="14:14">
      <c r="N901152" s="10"/>
    </row>
    <row r="901153" spans="14:14">
      <c r="N901153" s="10"/>
    </row>
    <row r="901154" spans="14:14">
      <c r="N901154" s="10"/>
    </row>
    <row r="901155" spans="14:14">
      <c r="N901155" s="10"/>
    </row>
    <row r="901156" spans="14:14">
      <c r="N901156" s="10"/>
    </row>
    <row r="901157" spans="14:14">
      <c r="N901157" s="10"/>
    </row>
    <row r="901158" spans="14:14">
      <c r="N901158" s="10"/>
    </row>
    <row r="901159" spans="14:14">
      <c r="N901159" s="10"/>
    </row>
    <row r="901160" spans="14:14">
      <c r="N901160" s="10"/>
    </row>
    <row r="901161" spans="14:14">
      <c r="N901161" s="10"/>
    </row>
    <row r="901162" spans="14:14">
      <c r="N901162" s="10"/>
    </row>
    <row r="901163" spans="14:14">
      <c r="N901163" s="10"/>
    </row>
    <row r="901164" spans="14:14">
      <c r="N901164" s="10"/>
    </row>
    <row r="901165" spans="14:14">
      <c r="N901165" s="10"/>
    </row>
    <row r="901166" spans="14:14">
      <c r="N901166" s="10"/>
    </row>
    <row r="901167" spans="14:14">
      <c r="N901167" s="10"/>
    </row>
    <row r="901168" spans="14:14">
      <c r="N901168" s="10"/>
    </row>
    <row r="901169" spans="14:14">
      <c r="N901169" s="10"/>
    </row>
    <row r="901170" spans="14:14">
      <c r="N901170" s="10"/>
    </row>
    <row r="901171" spans="14:14">
      <c r="N901171" s="10"/>
    </row>
    <row r="901172" spans="14:14">
      <c r="N901172" s="10"/>
    </row>
    <row r="901173" spans="14:14">
      <c r="N901173" s="10"/>
    </row>
    <row r="901174" spans="14:14">
      <c r="N901174" s="10"/>
    </row>
    <row r="901175" spans="14:14">
      <c r="N901175" s="10"/>
    </row>
    <row r="901176" spans="14:14">
      <c r="N901176" s="10"/>
    </row>
    <row r="901177" spans="14:14">
      <c r="N901177" s="10"/>
    </row>
    <row r="901178" spans="14:14">
      <c r="N901178" s="10"/>
    </row>
    <row r="901179" spans="14:14">
      <c r="N901179" s="10"/>
    </row>
    <row r="901180" spans="14:14">
      <c r="N901180" s="10"/>
    </row>
    <row r="901181" spans="14:14">
      <c r="N901181" s="10"/>
    </row>
    <row r="901182" spans="14:14">
      <c r="N901182" s="10"/>
    </row>
    <row r="901183" spans="14:14">
      <c r="N901183" s="10"/>
    </row>
    <row r="901184" spans="14:14">
      <c r="N901184" s="10"/>
    </row>
    <row r="901185" spans="14:14">
      <c r="N901185" s="10"/>
    </row>
    <row r="901186" spans="14:14">
      <c r="N901186" s="10"/>
    </row>
    <row r="901187" spans="14:14">
      <c r="N901187" s="10"/>
    </row>
    <row r="901188" spans="14:14">
      <c r="N901188" s="10"/>
    </row>
    <row r="901189" spans="14:14">
      <c r="N901189" s="10"/>
    </row>
    <row r="901190" spans="14:14">
      <c r="N901190" s="10"/>
    </row>
    <row r="901191" spans="14:14">
      <c r="N901191" s="10"/>
    </row>
    <row r="901192" spans="14:14">
      <c r="N901192" s="10"/>
    </row>
    <row r="901193" spans="14:14">
      <c r="N901193" s="10"/>
    </row>
    <row r="901194" spans="14:14">
      <c r="N901194" s="10"/>
    </row>
    <row r="901195" spans="14:14">
      <c r="N901195" s="10"/>
    </row>
    <row r="901196" spans="14:14">
      <c r="N901196" s="10"/>
    </row>
    <row r="901197" spans="14:14">
      <c r="N901197" s="10"/>
    </row>
    <row r="901198" spans="14:14">
      <c r="N901198" s="10"/>
    </row>
    <row r="901199" spans="14:14">
      <c r="N901199" s="10"/>
    </row>
    <row r="901200" spans="14:14">
      <c r="N901200" s="10"/>
    </row>
    <row r="901201" spans="14:14">
      <c r="N901201" s="10"/>
    </row>
    <row r="901202" spans="14:14">
      <c r="N901202" s="10"/>
    </row>
    <row r="901203" spans="14:14">
      <c r="N901203" s="10"/>
    </row>
    <row r="901204" spans="14:14">
      <c r="N901204" s="10"/>
    </row>
    <row r="901205" spans="14:14">
      <c r="N901205" s="10"/>
    </row>
    <row r="901206" spans="14:14">
      <c r="N901206" s="10"/>
    </row>
    <row r="901207" spans="14:14">
      <c r="N901207" s="10"/>
    </row>
    <row r="901208" spans="14:14">
      <c r="N901208" s="10"/>
    </row>
    <row r="901209" spans="14:14">
      <c r="N901209" s="10"/>
    </row>
    <row r="901210" spans="14:14">
      <c r="N901210" s="10"/>
    </row>
    <row r="901211" spans="14:14">
      <c r="N901211" s="10"/>
    </row>
    <row r="901212" spans="14:14">
      <c r="N901212" s="10"/>
    </row>
    <row r="901213" spans="14:14">
      <c r="N901213" s="10"/>
    </row>
    <row r="901214" spans="14:14">
      <c r="N901214" s="10"/>
    </row>
    <row r="901215" spans="14:14">
      <c r="N901215" s="10"/>
    </row>
    <row r="901216" spans="14:14">
      <c r="N901216" s="10"/>
    </row>
    <row r="901217" spans="14:14">
      <c r="N901217" s="10"/>
    </row>
    <row r="901218" spans="14:14">
      <c r="N901218" s="10"/>
    </row>
    <row r="901219" spans="14:14">
      <c r="N901219" s="10"/>
    </row>
    <row r="901220" spans="14:14">
      <c r="N901220" s="10"/>
    </row>
    <row r="901221" spans="14:14">
      <c r="N901221" s="10"/>
    </row>
    <row r="901222" spans="14:14">
      <c r="N901222" s="10"/>
    </row>
    <row r="901223" spans="14:14">
      <c r="N901223" s="10"/>
    </row>
    <row r="901224" spans="14:14">
      <c r="N901224" s="10"/>
    </row>
    <row r="901225" spans="14:14">
      <c r="N901225" s="10"/>
    </row>
    <row r="901226" spans="14:14">
      <c r="N901226" s="10"/>
    </row>
    <row r="901227" spans="14:14">
      <c r="N901227" s="10"/>
    </row>
    <row r="901228" spans="14:14">
      <c r="N901228" s="10"/>
    </row>
    <row r="901229" spans="14:14">
      <c r="N901229" s="10"/>
    </row>
    <row r="901230" spans="14:14">
      <c r="N901230" s="10"/>
    </row>
    <row r="901231" spans="14:14">
      <c r="N901231" s="10"/>
    </row>
    <row r="901232" spans="14:14">
      <c r="N901232" s="10"/>
    </row>
    <row r="901233" spans="14:14">
      <c r="N901233" s="10"/>
    </row>
    <row r="901234" spans="14:14">
      <c r="N901234" s="10"/>
    </row>
    <row r="901235" spans="14:14">
      <c r="N901235" s="10"/>
    </row>
    <row r="901236" spans="14:14">
      <c r="N901236" s="10"/>
    </row>
    <row r="901237" spans="14:14">
      <c r="N901237" s="10"/>
    </row>
    <row r="901238" spans="14:14">
      <c r="N901238" s="10"/>
    </row>
    <row r="901239" spans="14:14">
      <c r="N901239" s="10"/>
    </row>
    <row r="901240" spans="14:14">
      <c r="N901240" s="10"/>
    </row>
    <row r="901241" spans="14:14">
      <c r="N901241" s="10"/>
    </row>
    <row r="901242" spans="14:14">
      <c r="N901242" s="10"/>
    </row>
    <row r="901243" spans="14:14">
      <c r="N901243" s="10"/>
    </row>
    <row r="901244" spans="14:14">
      <c r="N901244" s="10"/>
    </row>
    <row r="901245" spans="14:14">
      <c r="N901245" s="10"/>
    </row>
    <row r="901246" spans="14:14">
      <c r="N901246" s="10"/>
    </row>
    <row r="901247" spans="14:14">
      <c r="N901247" s="10"/>
    </row>
    <row r="901248" spans="14:14">
      <c r="N901248" s="10"/>
    </row>
    <row r="901249" spans="14:14">
      <c r="N901249" s="10"/>
    </row>
    <row r="901250" spans="14:14">
      <c r="N901250" s="10"/>
    </row>
    <row r="901251" spans="14:14">
      <c r="N901251" s="10"/>
    </row>
    <row r="901252" spans="14:14">
      <c r="N901252" s="10"/>
    </row>
    <row r="901253" spans="14:14">
      <c r="N901253" s="10"/>
    </row>
    <row r="901254" spans="14:14">
      <c r="N901254" s="10"/>
    </row>
    <row r="901255" spans="14:14">
      <c r="N901255" s="10"/>
    </row>
    <row r="901256" spans="14:14">
      <c r="N901256" s="10"/>
    </row>
    <row r="901257" spans="14:14">
      <c r="N901257" s="10"/>
    </row>
    <row r="901258" spans="14:14">
      <c r="N901258" s="10"/>
    </row>
    <row r="901259" spans="14:14">
      <c r="N901259" s="10"/>
    </row>
    <row r="901260" spans="14:14">
      <c r="N901260" s="10"/>
    </row>
    <row r="901261" spans="14:14">
      <c r="N901261" s="10"/>
    </row>
    <row r="901262" spans="14:14">
      <c r="N901262" s="10"/>
    </row>
    <row r="901263" spans="14:14">
      <c r="N901263" s="10"/>
    </row>
    <row r="901264" spans="14:14">
      <c r="N901264" s="10"/>
    </row>
    <row r="901265" spans="14:14">
      <c r="N901265" s="10"/>
    </row>
    <row r="901266" spans="14:14">
      <c r="N901266" s="10"/>
    </row>
    <row r="901267" spans="14:14">
      <c r="N901267" s="10"/>
    </row>
    <row r="901268" spans="14:14">
      <c r="N901268" s="10"/>
    </row>
    <row r="901269" spans="14:14">
      <c r="N901269" s="10"/>
    </row>
    <row r="901270" spans="14:14">
      <c r="N901270" s="10"/>
    </row>
    <row r="901271" spans="14:14">
      <c r="N901271" s="10"/>
    </row>
    <row r="901272" spans="14:14">
      <c r="N901272" s="10"/>
    </row>
    <row r="901273" spans="14:14">
      <c r="N901273" s="10"/>
    </row>
    <row r="901274" spans="14:14">
      <c r="N901274" s="10"/>
    </row>
    <row r="901275" spans="14:14">
      <c r="N901275" s="10"/>
    </row>
    <row r="901276" spans="14:14">
      <c r="N901276" s="10"/>
    </row>
    <row r="901277" spans="14:14">
      <c r="N901277" s="10"/>
    </row>
    <row r="901278" spans="14:14">
      <c r="N901278" s="10"/>
    </row>
    <row r="901279" spans="14:14">
      <c r="N901279" s="10"/>
    </row>
    <row r="901280" spans="14:14">
      <c r="N901280" s="10"/>
    </row>
    <row r="901281" spans="14:14">
      <c r="N901281" s="10"/>
    </row>
    <row r="901282" spans="14:14">
      <c r="N901282" s="10"/>
    </row>
    <row r="901283" spans="14:14">
      <c r="N901283" s="10"/>
    </row>
    <row r="901284" spans="14:14">
      <c r="N901284" s="10"/>
    </row>
    <row r="901285" spans="14:14">
      <c r="N901285" s="10"/>
    </row>
    <row r="901286" spans="14:14">
      <c r="N901286" s="10"/>
    </row>
    <row r="901287" spans="14:14">
      <c r="N901287" s="10"/>
    </row>
    <row r="901288" spans="14:14">
      <c r="N901288" s="10"/>
    </row>
    <row r="901289" spans="14:14">
      <c r="N901289" s="10"/>
    </row>
    <row r="901290" spans="14:14">
      <c r="N901290" s="10"/>
    </row>
    <row r="901291" spans="14:14">
      <c r="N901291" s="10"/>
    </row>
    <row r="901292" spans="14:14">
      <c r="N901292" s="10"/>
    </row>
    <row r="901293" spans="14:14">
      <c r="N901293" s="10"/>
    </row>
    <row r="901294" spans="14:14">
      <c r="N901294" s="10"/>
    </row>
    <row r="901295" spans="14:14">
      <c r="N901295" s="10"/>
    </row>
    <row r="901296" spans="14:14">
      <c r="N901296" s="10"/>
    </row>
    <row r="901297" spans="14:14">
      <c r="N901297" s="10"/>
    </row>
    <row r="901298" spans="14:14">
      <c r="N901298" s="10"/>
    </row>
    <row r="901299" spans="14:14">
      <c r="N901299" s="10"/>
    </row>
    <row r="901300" spans="14:14">
      <c r="N901300" s="10"/>
    </row>
    <row r="901301" spans="14:14">
      <c r="N901301" s="10"/>
    </row>
    <row r="901302" spans="14:14">
      <c r="N901302" s="10"/>
    </row>
    <row r="901303" spans="14:14">
      <c r="N901303" s="10"/>
    </row>
    <row r="901304" spans="14:14">
      <c r="N901304" s="10"/>
    </row>
    <row r="901305" spans="14:14">
      <c r="N901305" s="10"/>
    </row>
    <row r="901306" spans="14:14">
      <c r="N901306" s="10"/>
    </row>
    <row r="901307" spans="14:14">
      <c r="N901307" s="10"/>
    </row>
    <row r="901308" spans="14:14">
      <c r="N901308" s="10"/>
    </row>
    <row r="901309" spans="14:14">
      <c r="N901309" s="10"/>
    </row>
    <row r="901310" spans="14:14">
      <c r="N901310" s="10"/>
    </row>
    <row r="901311" spans="14:14">
      <c r="N901311" s="10"/>
    </row>
    <row r="901312" spans="14:14">
      <c r="N901312" s="10"/>
    </row>
    <row r="901313" spans="14:14">
      <c r="N901313" s="10"/>
    </row>
    <row r="901314" spans="14:14">
      <c r="N901314" s="10"/>
    </row>
    <row r="901315" spans="14:14">
      <c r="N901315" s="10"/>
    </row>
    <row r="901316" spans="14:14">
      <c r="N901316" s="10"/>
    </row>
    <row r="901317" spans="14:14">
      <c r="N901317" s="10"/>
    </row>
    <row r="901318" spans="14:14">
      <c r="N901318" s="10"/>
    </row>
    <row r="901319" spans="14:14">
      <c r="N901319" s="10"/>
    </row>
    <row r="901320" spans="14:14">
      <c r="N901320" s="10"/>
    </row>
    <row r="901321" spans="14:14">
      <c r="N901321" s="10"/>
    </row>
    <row r="901322" spans="14:14">
      <c r="N901322" s="10"/>
    </row>
    <row r="901323" spans="14:14">
      <c r="N901323" s="10"/>
    </row>
    <row r="901324" spans="14:14">
      <c r="N901324" s="10"/>
    </row>
    <row r="901325" spans="14:14">
      <c r="N901325" s="10"/>
    </row>
    <row r="901326" spans="14:14">
      <c r="N901326" s="10"/>
    </row>
    <row r="901327" spans="14:14">
      <c r="N901327" s="10"/>
    </row>
    <row r="901328" spans="14:14">
      <c r="N901328" s="10"/>
    </row>
    <row r="901329" spans="14:14">
      <c r="N901329" s="10"/>
    </row>
    <row r="901330" spans="14:14">
      <c r="N901330" s="10"/>
    </row>
    <row r="901331" spans="14:14">
      <c r="N901331" s="10"/>
    </row>
    <row r="901332" spans="14:14">
      <c r="N901332" s="10"/>
    </row>
    <row r="901333" spans="14:14">
      <c r="N901333" s="10"/>
    </row>
    <row r="901334" spans="14:14">
      <c r="N901334" s="10"/>
    </row>
    <row r="901335" spans="14:14">
      <c r="N901335" s="10"/>
    </row>
    <row r="901336" spans="14:14">
      <c r="N901336" s="10"/>
    </row>
    <row r="901337" spans="14:14">
      <c r="N901337" s="10"/>
    </row>
    <row r="901338" spans="14:14">
      <c r="N901338" s="10"/>
    </row>
    <row r="901339" spans="14:14">
      <c r="N901339" s="10"/>
    </row>
    <row r="901340" spans="14:14">
      <c r="N901340" s="10"/>
    </row>
    <row r="901341" spans="14:14">
      <c r="N901341" s="10"/>
    </row>
    <row r="901342" spans="14:14">
      <c r="N901342" s="10"/>
    </row>
    <row r="901343" spans="14:14">
      <c r="N901343" s="10"/>
    </row>
    <row r="901344" spans="14:14">
      <c r="N901344" s="10"/>
    </row>
    <row r="901345" spans="14:14">
      <c r="N901345" s="10"/>
    </row>
    <row r="901346" spans="14:14">
      <c r="N901346" s="10"/>
    </row>
    <row r="901347" spans="14:14">
      <c r="N901347" s="10"/>
    </row>
    <row r="901348" spans="14:14">
      <c r="N901348" s="10"/>
    </row>
    <row r="901349" spans="14:14">
      <c r="N901349" s="10"/>
    </row>
    <row r="901350" spans="14:14">
      <c r="N901350" s="10"/>
    </row>
    <row r="901351" spans="14:14">
      <c r="N901351" s="10"/>
    </row>
    <row r="901352" spans="14:14">
      <c r="N901352" s="10"/>
    </row>
    <row r="901353" spans="14:14">
      <c r="N901353" s="10"/>
    </row>
    <row r="901354" spans="14:14">
      <c r="N901354" s="10"/>
    </row>
    <row r="901355" spans="14:14">
      <c r="N901355" s="10"/>
    </row>
    <row r="901356" spans="14:14">
      <c r="N901356" s="10"/>
    </row>
    <row r="901357" spans="14:14">
      <c r="N901357" s="10"/>
    </row>
    <row r="901358" spans="14:14">
      <c r="N901358" s="10"/>
    </row>
    <row r="901359" spans="14:14">
      <c r="N901359" s="10"/>
    </row>
    <row r="901360" spans="14:14">
      <c r="N901360" s="10"/>
    </row>
    <row r="901361" spans="14:14">
      <c r="N901361" s="10"/>
    </row>
    <row r="901362" spans="14:14">
      <c r="N901362" s="10"/>
    </row>
    <row r="901363" spans="14:14">
      <c r="N901363" s="10"/>
    </row>
    <row r="901364" spans="14:14">
      <c r="N901364" s="10"/>
    </row>
    <row r="901365" spans="14:14">
      <c r="N901365" s="10"/>
    </row>
    <row r="901366" spans="14:14">
      <c r="N901366" s="10"/>
    </row>
    <row r="901367" spans="14:14">
      <c r="N901367" s="10"/>
    </row>
    <row r="901368" spans="14:14">
      <c r="N901368" s="10"/>
    </row>
    <row r="901369" spans="14:14">
      <c r="N901369" s="10"/>
    </row>
    <row r="901370" spans="14:14">
      <c r="N901370" s="10"/>
    </row>
    <row r="901371" spans="14:14">
      <c r="N901371" s="10"/>
    </row>
    <row r="901372" spans="14:14">
      <c r="N901372" s="10"/>
    </row>
    <row r="901373" spans="14:14">
      <c r="N901373" s="10"/>
    </row>
    <row r="901374" spans="14:14">
      <c r="N901374" s="10"/>
    </row>
    <row r="901375" spans="14:14">
      <c r="N901375" s="10"/>
    </row>
    <row r="901376" spans="14:14">
      <c r="N901376" s="10"/>
    </row>
    <row r="901377" spans="14:14">
      <c r="N901377" s="10"/>
    </row>
    <row r="901378" spans="14:14">
      <c r="N901378" s="10"/>
    </row>
    <row r="901379" spans="14:14">
      <c r="N901379" s="10"/>
    </row>
    <row r="901380" spans="14:14">
      <c r="N901380" s="10"/>
    </row>
    <row r="901381" spans="14:14">
      <c r="N901381" s="10"/>
    </row>
    <row r="901382" spans="14:14">
      <c r="N901382" s="10"/>
    </row>
    <row r="901383" spans="14:14">
      <c r="N901383" s="10"/>
    </row>
    <row r="901384" spans="14:14">
      <c r="N901384" s="10"/>
    </row>
    <row r="901385" spans="14:14">
      <c r="N901385" s="10"/>
    </row>
    <row r="901386" spans="14:14">
      <c r="N901386" s="10"/>
    </row>
    <row r="901387" spans="14:14">
      <c r="N901387" s="10"/>
    </row>
    <row r="901388" spans="14:14">
      <c r="N901388" s="10"/>
    </row>
    <row r="901389" spans="14:14">
      <c r="N901389" s="10"/>
    </row>
    <row r="901390" spans="14:14">
      <c r="N901390" s="10"/>
    </row>
    <row r="901391" spans="14:14">
      <c r="N901391" s="10"/>
    </row>
    <row r="901392" spans="14:14">
      <c r="N901392" s="10"/>
    </row>
    <row r="901393" spans="14:14">
      <c r="N901393" s="10"/>
    </row>
    <row r="901394" spans="14:14">
      <c r="N901394" s="10"/>
    </row>
    <row r="901395" spans="14:14">
      <c r="N901395" s="10"/>
    </row>
    <row r="901396" spans="14:14">
      <c r="N901396" s="10"/>
    </row>
    <row r="901397" spans="14:14">
      <c r="N901397" s="10"/>
    </row>
    <row r="901398" spans="14:14">
      <c r="N901398" s="10"/>
    </row>
    <row r="901399" spans="14:14">
      <c r="N901399" s="10"/>
    </row>
    <row r="901400" spans="14:14">
      <c r="N901400" s="10"/>
    </row>
    <row r="901401" spans="14:14">
      <c r="N901401" s="10"/>
    </row>
    <row r="901402" spans="14:14">
      <c r="N901402" s="10"/>
    </row>
    <row r="901403" spans="14:14">
      <c r="N901403" s="10"/>
    </row>
    <row r="901404" spans="14:14">
      <c r="N901404" s="10"/>
    </row>
    <row r="901405" spans="14:14">
      <c r="N901405" s="10"/>
    </row>
    <row r="901406" spans="14:14">
      <c r="N901406" s="10"/>
    </row>
    <row r="901407" spans="14:14">
      <c r="N901407" s="10"/>
    </row>
    <row r="901408" spans="14:14">
      <c r="N901408" s="10"/>
    </row>
    <row r="901409" spans="14:14">
      <c r="N901409" s="10"/>
    </row>
    <row r="901410" spans="14:14">
      <c r="N901410" s="10"/>
    </row>
    <row r="901411" spans="14:14">
      <c r="N901411" s="10"/>
    </row>
    <row r="901412" spans="14:14">
      <c r="N901412" s="10"/>
    </row>
    <row r="901413" spans="14:14">
      <c r="N901413" s="10"/>
    </row>
    <row r="901414" spans="14:14">
      <c r="N901414" s="10"/>
    </row>
    <row r="901415" spans="14:14">
      <c r="N901415" s="10"/>
    </row>
    <row r="901416" spans="14:14">
      <c r="N901416" s="10"/>
    </row>
    <row r="901417" spans="14:14">
      <c r="N901417" s="10"/>
    </row>
    <row r="901418" spans="14:14">
      <c r="N901418" s="10"/>
    </row>
    <row r="901419" spans="14:14">
      <c r="N901419" s="10"/>
    </row>
    <row r="901420" spans="14:14">
      <c r="N901420" s="10"/>
    </row>
    <row r="901421" spans="14:14">
      <c r="N901421" s="10"/>
    </row>
    <row r="901422" spans="14:14">
      <c r="N901422" s="10"/>
    </row>
    <row r="901423" spans="14:14">
      <c r="N901423" s="10"/>
    </row>
    <row r="901424" spans="14:14">
      <c r="N901424" s="10"/>
    </row>
    <row r="901425" spans="14:14">
      <c r="N901425" s="10"/>
    </row>
    <row r="901426" spans="14:14">
      <c r="N901426" s="10"/>
    </row>
    <row r="901427" spans="14:14">
      <c r="N901427" s="10"/>
    </row>
    <row r="901428" spans="14:14">
      <c r="N901428" s="10"/>
    </row>
    <row r="901429" spans="14:14">
      <c r="N901429" s="10"/>
    </row>
    <row r="901430" spans="14:14">
      <c r="N901430" s="10"/>
    </row>
    <row r="901431" spans="14:14">
      <c r="N901431" s="10"/>
    </row>
    <row r="901432" spans="14:14">
      <c r="N901432" s="10"/>
    </row>
    <row r="901433" spans="14:14">
      <c r="N901433" s="10"/>
    </row>
    <row r="901434" spans="14:14">
      <c r="N901434" s="10"/>
    </row>
    <row r="901435" spans="14:14">
      <c r="N901435" s="10"/>
    </row>
    <row r="901436" spans="14:14">
      <c r="N901436" s="10"/>
    </row>
    <row r="901437" spans="14:14">
      <c r="N901437" s="10"/>
    </row>
    <row r="901438" spans="14:14">
      <c r="N901438" s="10"/>
    </row>
    <row r="901439" spans="14:14">
      <c r="N901439" s="10"/>
    </row>
    <row r="901440" spans="14:14">
      <c r="N901440" s="10"/>
    </row>
    <row r="901441" spans="14:14">
      <c r="N901441" s="10"/>
    </row>
    <row r="901442" spans="14:14">
      <c r="N901442" s="10"/>
    </row>
    <row r="901443" spans="14:14">
      <c r="N901443" s="10"/>
    </row>
    <row r="901444" spans="14:14">
      <c r="N901444" s="10"/>
    </row>
    <row r="901445" spans="14:14">
      <c r="N901445" s="10"/>
    </row>
    <row r="901446" spans="14:14">
      <c r="N901446" s="10"/>
    </row>
    <row r="901447" spans="14:14">
      <c r="N901447" s="10"/>
    </row>
    <row r="901448" spans="14:14">
      <c r="N901448" s="10"/>
    </row>
    <row r="901449" spans="14:14">
      <c r="N901449" s="10"/>
    </row>
    <row r="901450" spans="14:14">
      <c r="N901450" s="10"/>
    </row>
    <row r="901451" spans="14:14">
      <c r="N901451" s="10"/>
    </row>
    <row r="901452" spans="14:14">
      <c r="N901452" s="10"/>
    </row>
    <row r="901453" spans="14:14">
      <c r="N901453" s="10"/>
    </row>
    <row r="901454" spans="14:14">
      <c r="N901454" s="10"/>
    </row>
    <row r="901455" spans="14:14">
      <c r="N901455" s="10"/>
    </row>
    <row r="901456" spans="14:14">
      <c r="N901456" s="10"/>
    </row>
    <row r="901457" spans="14:14">
      <c r="N901457" s="10"/>
    </row>
    <row r="901458" spans="14:14">
      <c r="N901458" s="10"/>
    </row>
    <row r="901459" spans="14:14">
      <c r="N901459" s="10"/>
    </row>
    <row r="901460" spans="14:14">
      <c r="N901460" s="10"/>
    </row>
    <row r="901461" spans="14:14">
      <c r="N901461" s="10"/>
    </row>
    <row r="901462" spans="14:14">
      <c r="N901462" s="10"/>
    </row>
    <row r="901463" spans="14:14">
      <c r="N901463" s="10"/>
    </row>
    <row r="901464" spans="14:14">
      <c r="N901464" s="10"/>
    </row>
    <row r="901465" spans="14:14">
      <c r="N901465" s="10"/>
    </row>
    <row r="901466" spans="14:14">
      <c r="N901466" s="10"/>
    </row>
    <row r="901467" spans="14:14">
      <c r="N901467" s="10"/>
    </row>
    <row r="901468" spans="14:14">
      <c r="N901468" s="10"/>
    </row>
    <row r="901469" spans="14:14">
      <c r="N901469" s="10"/>
    </row>
    <row r="901470" spans="14:14">
      <c r="N901470" s="10"/>
    </row>
    <row r="901471" spans="14:14">
      <c r="N901471" s="10"/>
    </row>
    <row r="901472" spans="14:14">
      <c r="N901472" s="10"/>
    </row>
    <row r="901473" spans="14:14">
      <c r="N901473" s="10"/>
    </row>
    <row r="901474" spans="14:14">
      <c r="N901474" s="10"/>
    </row>
    <row r="901475" spans="14:14">
      <c r="N901475" s="10"/>
    </row>
    <row r="901476" spans="14:14">
      <c r="N901476" s="10"/>
    </row>
    <row r="901477" spans="14:14">
      <c r="N901477" s="10"/>
    </row>
    <row r="901478" spans="14:14">
      <c r="N901478" s="10"/>
    </row>
    <row r="901479" spans="14:14">
      <c r="N901479" s="10"/>
    </row>
    <row r="901480" spans="14:14">
      <c r="N901480" s="10"/>
    </row>
    <row r="901481" spans="14:14">
      <c r="N901481" s="10"/>
    </row>
    <row r="901482" spans="14:14">
      <c r="N901482" s="10"/>
    </row>
    <row r="901483" spans="14:14">
      <c r="N901483" s="10"/>
    </row>
    <row r="901484" spans="14:14">
      <c r="N901484" s="10"/>
    </row>
    <row r="901485" spans="14:14">
      <c r="N901485" s="10"/>
    </row>
    <row r="901486" spans="14:14">
      <c r="N901486" s="10"/>
    </row>
    <row r="901487" spans="14:14">
      <c r="N901487" s="10"/>
    </row>
    <row r="901488" spans="14:14">
      <c r="N901488" s="10"/>
    </row>
    <row r="901489" spans="14:14">
      <c r="N901489" s="10"/>
    </row>
    <row r="901490" spans="14:14">
      <c r="N901490" s="10"/>
    </row>
    <row r="901491" spans="14:14">
      <c r="N901491" s="10"/>
    </row>
    <row r="901492" spans="14:14">
      <c r="N901492" s="10"/>
    </row>
    <row r="901493" spans="14:14">
      <c r="N901493" s="10"/>
    </row>
    <row r="901494" spans="14:14">
      <c r="N901494" s="10"/>
    </row>
    <row r="901495" spans="14:14">
      <c r="N901495" s="10"/>
    </row>
    <row r="901496" spans="14:14">
      <c r="N901496" s="10"/>
    </row>
    <row r="901497" spans="14:14">
      <c r="N901497" s="10"/>
    </row>
    <row r="901498" spans="14:14">
      <c r="N901498" s="10"/>
    </row>
    <row r="901499" spans="14:14">
      <c r="N901499" s="10"/>
    </row>
    <row r="901500" spans="14:14">
      <c r="N901500" s="10"/>
    </row>
    <row r="901501" spans="14:14">
      <c r="N901501" s="10"/>
    </row>
    <row r="901502" spans="14:14">
      <c r="N901502" s="10"/>
    </row>
    <row r="901503" spans="14:14">
      <c r="N901503" s="10"/>
    </row>
    <row r="901504" spans="14:14">
      <c r="N901504" s="10"/>
    </row>
    <row r="901505" spans="14:14">
      <c r="N901505" s="10"/>
    </row>
    <row r="901506" spans="14:14">
      <c r="N901506" s="10"/>
    </row>
    <row r="901507" spans="14:14">
      <c r="N901507" s="10"/>
    </row>
    <row r="901508" spans="14:14">
      <c r="N901508" s="10"/>
    </row>
    <row r="901509" spans="14:14">
      <c r="N901509" s="10"/>
    </row>
    <row r="901510" spans="14:14">
      <c r="N901510" s="10"/>
    </row>
    <row r="901511" spans="14:14">
      <c r="N901511" s="10"/>
    </row>
    <row r="901512" spans="14:14">
      <c r="N901512" s="10"/>
    </row>
    <row r="901513" spans="14:14">
      <c r="N901513" s="10"/>
    </row>
    <row r="901514" spans="14:14">
      <c r="N901514" s="10"/>
    </row>
    <row r="901515" spans="14:14">
      <c r="N901515" s="10"/>
    </row>
    <row r="901516" spans="14:14">
      <c r="N901516" s="10"/>
    </row>
    <row r="901517" spans="14:14">
      <c r="N901517" s="10"/>
    </row>
    <row r="901518" spans="14:14">
      <c r="N901518" s="10"/>
    </row>
    <row r="901519" spans="14:14">
      <c r="N901519" s="10"/>
    </row>
    <row r="901520" spans="14:14">
      <c r="N901520" s="10"/>
    </row>
    <row r="901521" spans="14:14">
      <c r="N901521" s="10"/>
    </row>
    <row r="901522" spans="14:14">
      <c r="N901522" s="10"/>
    </row>
    <row r="901523" spans="14:14">
      <c r="N901523" s="10"/>
    </row>
    <row r="901524" spans="14:14">
      <c r="N901524" s="10"/>
    </row>
    <row r="901525" spans="14:14">
      <c r="N901525" s="10"/>
    </row>
    <row r="901526" spans="14:14">
      <c r="N901526" s="10"/>
    </row>
    <row r="901527" spans="14:14">
      <c r="N901527" s="10"/>
    </row>
    <row r="901528" spans="14:14">
      <c r="N901528" s="10"/>
    </row>
    <row r="901529" spans="14:14">
      <c r="N901529" s="10"/>
    </row>
    <row r="901530" spans="14:14">
      <c r="N901530" s="10"/>
    </row>
    <row r="901531" spans="14:14">
      <c r="N901531" s="10"/>
    </row>
    <row r="901532" spans="14:14">
      <c r="N901532" s="10"/>
    </row>
    <row r="901533" spans="14:14">
      <c r="N901533" s="10"/>
    </row>
    <row r="901534" spans="14:14">
      <c r="N901534" s="10"/>
    </row>
    <row r="901535" spans="14:14">
      <c r="N901535" s="10"/>
    </row>
    <row r="901536" spans="14:14">
      <c r="N901536" s="10"/>
    </row>
    <row r="901537" spans="14:14">
      <c r="N901537" s="10"/>
    </row>
    <row r="901538" spans="14:14">
      <c r="N901538" s="10"/>
    </row>
    <row r="901539" spans="14:14">
      <c r="N901539" s="10"/>
    </row>
    <row r="901540" spans="14:14">
      <c r="N901540" s="10"/>
    </row>
    <row r="901541" spans="14:14">
      <c r="N901541" s="10"/>
    </row>
    <row r="901542" spans="14:14">
      <c r="N901542" s="10"/>
    </row>
    <row r="901543" spans="14:14">
      <c r="N901543" s="10"/>
    </row>
    <row r="901544" spans="14:14">
      <c r="N901544" s="10"/>
    </row>
    <row r="901545" spans="14:14">
      <c r="N901545" s="10"/>
    </row>
    <row r="901546" spans="14:14">
      <c r="N901546" s="10"/>
    </row>
    <row r="901547" spans="14:14">
      <c r="N901547" s="10"/>
    </row>
    <row r="901548" spans="14:14">
      <c r="N901548" s="10"/>
    </row>
    <row r="901549" spans="14:14">
      <c r="N901549" s="10"/>
    </row>
    <row r="901550" spans="14:14">
      <c r="N901550" s="10"/>
    </row>
    <row r="901551" spans="14:14">
      <c r="N901551" s="10"/>
    </row>
    <row r="901552" spans="14:14">
      <c r="N901552" s="10"/>
    </row>
    <row r="901553" spans="14:14">
      <c r="N901553" s="10"/>
    </row>
    <row r="901554" spans="14:14">
      <c r="N901554" s="10"/>
    </row>
    <row r="901555" spans="14:14">
      <c r="N901555" s="10"/>
    </row>
    <row r="901556" spans="14:14">
      <c r="N901556" s="10"/>
    </row>
    <row r="901557" spans="14:14">
      <c r="N901557" s="10"/>
    </row>
    <row r="901558" spans="14:14">
      <c r="N901558" s="10"/>
    </row>
    <row r="901559" spans="14:14">
      <c r="N901559" s="10"/>
    </row>
    <row r="901560" spans="14:14">
      <c r="N901560" s="10"/>
    </row>
    <row r="901561" spans="14:14">
      <c r="N901561" s="10"/>
    </row>
    <row r="901562" spans="14:14">
      <c r="N901562" s="10"/>
    </row>
    <row r="901563" spans="14:14">
      <c r="N901563" s="10"/>
    </row>
    <row r="901564" spans="14:14">
      <c r="N901564" s="10"/>
    </row>
    <row r="901565" spans="14:14">
      <c r="N901565" s="10"/>
    </row>
    <row r="901566" spans="14:14">
      <c r="N901566" s="10"/>
    </row>
    <row r="901567" spans="14:14">
      <c r="N901567" s="10"/>
    </row>
    <row r="901568" spans="14:14">
      <c r="N901568" s="10"/>
    </row>
    <row r="901569" spans="14:14">
      <c r="N901569" s="10"/>
    </row>
    <row r="901570" spans="14:14">
      <c r="N901570" s="10"/>
    </row>
    <row r="901571" spans="14:14">
      <c r="N901571" s="10"/>
    </row>
    <row r="901572" spans="14:14">
      <c r="N901572" s="10"/>
    </row>
    <row r="901573" spans="14:14">
      <c r="N901573" s="10"/>
    </row>
    <row r="901574" spans="14:14">
      <c r="N901574" s="10"/>
    </row>
    <row r="901575" spans="14:14">
      <c r="N901575" s="10"/>
    </row>
    <row r="901576" spans="14:14">
      <c r="N901576" s="10"/>
    </row>
    <row r="901577" spans="14:14">
      <c r="N901577" s="10"/>
    </row>
    <row r="901578" spans="14:14">
      <c r="N901578" s="10"/>
    </row>
    <row r="901579" spans="14:14">
      <c r="N901579" s="10"/>
    </row>
    <row r="901580" spans="14:14">
      <c r="N901580" s="10"/>
    </row>
    <row r="901581" spans="14:14">
      <c r="N901581" s="10"/>
    </row>
    <row r="901582" spans="14:14">
      <c r="N901582" s="10"/>
    </row>
    <row r="901583" spans="14:14">
      <c r="N901583" s="10"/>
    </row>
    <row r="901584" spans="14:14">
      <c r="N901584" s="10"/>
    </row>
    <row r="901585" spans="14:14">
      <c r="N901585" s="10"/>
    </row>
    <row r="901586" spans="14:14">
      <c r="N901586" s="10"/>
    </row>
    <row r="901587" spans="14:14">
      <c r="N901587" s="10"/>
    </row>
    <row r="901588" spans="14:14">
      <c r="N901588" s="10"/>
    </row>
    <row r="901589" spans="14:14">
      <c r="N901589" s="10"/>
    </row>
    <row r="901590" spans="14:14">
      <c r="N901590" s="10"/>
    </row>
    <row r="901591" spans="14:14">
      <c r="N901591" s="10"/>
    </row>
    <row r="901592" spans="14:14">
      <c r="N901592" s="10"/>
    </row>
    <row r="901593" spans="14:14">
      <c r="N901593" s="10"/>
    </row>
    <row r="901594" spans="14:14">
      <c r="N901594" s="10"/>
    </row>
    <row r="901595" spans="14:14">
      <c r="N901595" s="10"/>
    </row>
    <row r="901596" spans="14:14">
      <c r="N901596" s="10"/>
    </row>
    <row r="901597" spans="14:14">
      <c r="N901597" s="10"/>
    </row>
    <row r="901598" spans="14:14">
      <c r="N901598" s="10"/>
    </row>
    <row r="901599" spans="14:14">
      <c r="N901599" s="10"/>
    </row>
    <row r="901600" spans="14:14">
      <c r="N901600" s="10"/>
    </row>
    <row r="901601" spans="14:14">
      <c r="N901601" s="10"/>
    </row>
    <row r="901602" spans="14:14">
      <c r="N901602" s="10"/>
    </row>
    <row r="901603" spans="14:14">
      <c r="N901603" s="10"/>
    </row>
    <row r="901604" spans="14:14">
      <c r="N901604" s="10"/>
    </row>
    <row r="901605" spans="14:14">
      <c r="N901605" s="10"/>
    </row>
    <row r="901606" spans="14:14">
      <c r="N901606" s="10"/>
    </row>
    <row r="901607" spans="14:14">
      <c r="N901607" s="10"/>
    </row>
    <row r="901608" spans="14:14">
      <c r="N901608" s="10"/>
    </row>
    <row r="901609" spans="14:14">
      <c r="N901609" s="10"/>
    </row>
    <row r="901610" spans="14:14">
      <c r="N901610" s="10"/>
    </row>
    <row r="901611" spans="14:14">
      <c r="N901611" s="10"/>
    </row>
    <row r="901612" spans="14:14">
      <c r="N901612" s="10"/>
    </row>
    <row r="901613" spans="14:14">
      <c r="N901613" s="10"/>
    </row>
    <row r="901614" spans="14:14">
      <c r="N901614" s="10"/>
    </row>
    <row r="901615" spans="14:14">
      <c r="N901615" s="10"/>
    </row>
    <row r="901616" spans="14:14">
      <c r="N901616" s="10"/>
    </row>
    <row r="901617" spans="14:14">
      <c r="N901617" s="10"/>
    </row>
    <row r="901618" spans="14:14">
      <c r="N901618" s="10"/>
    </row>
    <row r="901619" spans="14:14">
      <c r="N901619" s="10"/>
    </row>
    <row r="901620" spans="14:14">
      <c r="N901620" s="10"/>
    </row>
    <row r="901621" spans="14:14">
      <c r="N901621" s="10"/>
    </row>
    <row r="901622" spans="14:14">
      <c r="N901622" s="10"/>
    </row>
    <row r="901623" spans="14:14">
      <c r="N901623" s="10"/>
    </row>
    <row r="901624" spans="14:14">
      <c r="N901624" s="10"/>
    </row>
    <row r="901625" spans="14:14">
      <c r="N901625" s="10"/>
    </row>
    <row r="901626" spans="14:14">
      <c r="N901626" s="10"/>
    </row>
    <row r="901627" spans="14:14">
      <c r="N901627" s="10"/>
    </row>
    <row r="901628" spans="14:14">
      <c r="N901628" s="10"/>
    </row>
    <row r="901629" spans="14:14">
      <c r="N901629" s="10"/>
    </row>
    <row r="901630" spans="14:14">
      <c r="N901630" s="10"/>
    </row>
    <row r="901631" spans="14:14">
      <c r="N901631" s="10"/>
    </row>
    <row r="901632" spans="14:14">
      <c r="N901632" s="10"/>
    </row>
    <row r="901633" spans="14:14">
      <c r="N901633" s="10"/>
    </row>
    <row r="901634" spans="14:14">
      <c r="N901634" s="10"/>
    </row>
    <row r="901635" spans="14:14">
      <c r="N901635" s="10"/>
    </row>
    <row r="901636" spans="14:14">
      <c r="N901636" s="10"/>
    </row>
    <row r="901637" spans="14:14">
      <c r="N901637" s="10"/>
    </row>
    <row r="901638" spans="14:14">
      <c r="N901638" s="10"/>
    </row>
    <row r="901639" spans="14:14">
      <c r="N901639" s="10"/>
    </row>
    <row r="901640" spans="14:14">
      <c r="N901640" s="10"/>
    </row>
    <row r="901641" spans="14:14">
      <c r="N901641" s="10"/>
    </row>
    <row r="901642" spans="14:14">
      <c r="N901642" s="10"/>
    </row>
    <row r="901643" spans="14:14">
      <c r="N901643" s="10"/>
    </row>
    <row r="901644" spans="14:14">
      <c r="N901644" s="10"/>
    </row>
    <row r="901645" spans="14:14">
      <c r="N901645" s="10"/>
    </row>
    <row r="901646" spans="14:14">
      <c r="N901646" s="10"/>
    </row>
    <row r="901647" spans="14:14">
      <c r="N901647" s="10"/>
    </row>
    <row r="901648" spans="14:14">
      <c r="N901648" s="10"/>
    </row>
    <row r="901649" spans="14:14">
      <c r="N901649" s="10"/>
    </row>
    <row r="901650" spans="14:14">
      <c r="N901650" s="10"/>
    </row>
    <row r="901651" spans="14:14">
      <c r="N901651" s="10"/>
    </row>
    <row r="901652" spans="14:14">
      <c r="N901652" s="10"/>
    </row>
    <row r="901653" spans="14:14">
      <c r="N901653" s="10"/>
    </row>
    <row r="901654" spans="14:14">
      <c r="N901654" s="10"/>
    </row>
    <row r="901655" spans="14:14">
      <c r="N901655" s="10"/>
    </row>
    <row r="901656" spans="14:14">
      <c r="N901656" s="10"/>
    </row>
    <row r="901657" spans="14:14">
      <c r="N901657" s="10"/>
    </row>
    <row r="901658" spans="14:14">
      <c r="N901658" s="10"/>
    </row>
    <row r="901659" spans="14:14">
      <c r="N901659" s="10"/>
    </row>
    <row r="901660" spans="14:14">
      <c r="N901660" s="10"/>
    </row>
    <row r="901661" spans="14:14">
      <c r="N901661" s="10"/>
    </row>
    <row r="901662" spans="14:14">
      <c r="N901662" s="10"/>
    </row>
    <row r="901663" spans="14:14">
      <c r="N901663" s="10"/>
    </row>
    <row r="901664" spans="14:14">
      <c r="N901664" s="10"/>
    </row>
    <row r="901665" spans="14:14">
      <c r="N901665" s="10"/>
    </row>
    <row r="901666" spans="14:14">
      <c r="N901666" s="10"/>
    </row>
    <row r="901667" spans="14:14">
      <c r="N901667" s="10"/>
    </row>
    <row r="901668" spans="14:14">
      <c r="N901668" s="10"/>
    </row>
    <row r="901669" spans="14:14">
      <c r="N901669" s="10"/>
    </row>
    <row r="901670" spans="14:14">
      <c r="N901670" s="10"/>
    </row>
    <row r="901671" spans="14:14">
      <c r="N901671" s="10"/>
    </row>
    <row r="901672" spans="14:14">
      <c r="N901672" s="10"/>
    </row>
    <row r="901673" spans="14:14">
      <c r="N901673" s="10"/>
    </row>
    <row r="901674" spans="14:14">
      <c r="N901674" s="10"/>
    </row>
    <row r="901675" spans="14:14">
      <c r="N901675" s="10"/>
    </row>
    <row r="901676" spans="14:14">
      <c r="N901676" s="10"/>
    </row>
    <row r="901677" spans="14:14">
      <c r="N901677" s="10"/>
    </row>
    <row r="901678" spans="14:14">
      <c r="N901678" s="10"/>
    </row>
    <row r="901679" spans="14:14">
      <c r="N901679" s="10"/>
    </row>
    <row r="901680" spans="14:14">
      <c r="N901680" s="10"/>
    </row>
    <row r="901681" spans="14:14">
      <c r="N901681" s="10"/>
    </row>
    <row r="901682" spans="14:14">
      <c r="N901682" s="10"/>
    </row>
    <row r="901683" spans="14:14">
      <c r="N901683" s="10"/>
    </row>
    <row r="901684" spans="14:14">
      <c r="N901684" s="10"/>
    </row>
    <row r="901685" spans="14:14">
      <c r="N901685" s="10"/>
    </row>
    <row r="901686" spans="14:14">
      <c r="N901686" s="10"/>
    </row>
    <row r="901687" spans="14:14">
      <c r="N901687" s="10"/>
    </row>
    <row r="901688" spans="14:14">
      <c r="N901688" s="10"/>
    </row>
    <row r="901689" spans="14:14">
      <c r="N901689" s="10"/>
    </row>
    <row r="901690" spans="14:14">
      <c r="N901690" s="10"/>
    </row>
    <row r="901691" spans="14:14">
      <c r="N901691" s="10"/>
    </row>
    <row r="901692" spans="14:14">
      <c r="N901692" s="10"/>
    </row>
    <row r="901693" spans="14:14">
      <c r="N901693" s="10"/>
    </row>
    <row r="901694" spans="14:14">
      <c r="N901694" s="10"/>
    </row>
    <row r="901695" spans="14:14">
      <c r="N901695" s="10"/>
    </row>
    <row r="901696" spans="14:14">
      <c r="N901696" s="10"/>
    </row>
    <row r="901697" spans="14:14">
      <c r="N901697" s="10"/>
    </row>
    <row r="901698" spans="14:14">
      <c r="N901698" s="10"/>
    </row>
    <row r="901699" spans="14:14">
      <c r="N901699" s="10"/>
    </row>
    <row r="901700" spans="14:14">
      <c r="N901700" s="10"/>
    </row>
    <row r="901701" spans="14:14">
      <c r="N901701" s="10"/>
    </row>
    <row r="901702" spans="14:14">
      <c r="N901702" s="10"/>
    </row>
    <row r="901703" spans="14:14">
      <c r="N901703" s="10"/>
    </row>
    <row r="901704" spans="14:14">
      <c r="N901704" s="10"/>
    </row>
    <row r="901705" spans="14:14">
      <c r="N901705" s="10"/>
    </row>
    <row r="901706" spans="14:14">
      <c r="N901706" s="10"/>
    </row>
    <row r="901707" spans="14:14">
      <c r="N901707" s="10"/>
    </row>
    <row r="901708" spans="14:14">
      <c r="N901708" s="10"/>
    </row>
    <row r="901709" spans="14:14">
      <c r="N901709" s="10"/>
    </row>
    <row r="901710" spans="14:14">
      <c r="N901710" s="10"/>
    </row>
    <row r="901711" spans="14:14">
      <c r="N901711" s="10"/>
    </row>
    <row r="901712" spans="14:14">
      <c r="N901712" s="10"/>
    </row>
    <row r="901713" spans="14:14">
      <c r="N901713" s="10"/>
    </row>
    <row r="901714" spans="14:14">
      <c r="N901714" s="10"/>
    </row>
    <row r="901715" spans="14:14">
      <c r="N901715" s="10"/>
    </row>
    <row r="901716" spans="14:14">
      <c r="N901716" s="10"/>
    </row>
    <row r="901717" spans="14:14">
      <c r="N901717" s="10"/>
    </row>
    <row r="901718" spans="14:14">
      <c r="N901718" s="10"/>
    </row>
    <row r="901719" spans="14:14">
      <c r="N901719" s="10"/>
    </row>
    <row r="901720" spans="14:14">
      <c r="N901720" s="10"/>
    </row>
    <row r="901721" spans="14:14">
      <c r="N901721" s="10"/>
    </row>
    <row r="901722" spans="14:14">
      <c r="N901722" s="10"/>
    </row>
    <row r="901723" spans="14:14">
      <c r="N901723" s="10"/>
    </row>
    <row r="901724" spans="14:14">
      <c r="N901724" s="10"/>
    </row>
    <row r="901725" spans="14:14">
      <c r="N901725" s="10"/>
    </row>
    <row r="901726" spans="14:14">
      <c r="N901726" s="10"/>
    </row>
    <row r="901727" spans="14:14">
      <c r="N901727" s="10"/>
    </row>
    <row r="901728" spans="14:14">
      <c r="N901728" s="10"/>
    </row>
    <row r="901729" spans="14:14">
      <c r="N901729" s="10"/>
    </row>
    <row r="901730" spans="14:14">
      <c r="N901730" s="10"/>
    </row>
    <row r="901731" spans="14:14">
      <c r="N901731" s="10"/>
    </row>
    <row r="901732" spans="14:14">
      <c r="N901732" s="10"/>
    </row>
    <row r="901733" spans="14:14">
      <c r="N901733" s="10"/>
    </row>
    <row r="901734" spans="14:14">
      <c r="N901734" s="10"/>
    </row>
    <row r="901735" spans="14:14">
      <c r="N901735" s="10"/>
    </row>
    <row r="901736" spans="14:14">
      <c r="N901736" s="10"/>
    </row>
    <row r="901737" spans="14:14">
      <c r="N901737" s="10"/>
    </row>
    <row r="901738" spans="14:14">
      <c r="N901738" s="10"/>
    </row>
    <row r="901739" spans="14:14">
      <c r="N901739" s="10"/>
    </row>
    <row r="901740" spans="14:14">
      <c r="N901740" s="10"/>
    </row>
    <row r="901741" spans="14:14">
      <c r="N901741" s="10"/>
    </row>
    <row r="901742" spans="14:14">
      <c r="N901742" s="10"/>
    </row>
    <row r="901743" spans="14:14">
      <c r="N901743" s="10"/>
    </row>
    <row r="901744" spans="14:14">
      <c r="N901744" s="10"/>
    </row>
    <row r="901745" spans="14:14">
      <c r="N901745" s="10"/>
    </row>
    <row r="901746" spans="14:14">
      <c r="N901746" s="10"/>
    </row>
    <row r="901747" spans="14:14">
      <c r="N901747" s="10"/>
    </row>
    <row r="901748" spans="14:14">
      <c r="N901748" s="10"/>
    </row>
    <row r="901749" spans="14:14">
      <c r="N901749" s="10"/>
    </row>
    <row r="901750" spans="14:14">
      <c r="N901750" s="10"/>
    </row>
    <row r="901751" spans="14:14">
      <c r="N901751" s="10"/>
    </row>
    <row r="901752" spans="14:14">
      <c r="N901752" s="10"/>
    </row>
    <row r="901753" spans="14:14">
      <c r="N901753" s="10"/>
    </row>
    <row r="901754" spans="14:14">
      <c r="N901754" s="10"/>
    </row>
    <row r="901755" spans="14:14">
      <c r="N901755" s="10"/>
    </row>
    <row r="901756" spans="14:14">
      <c r="N901756" s="10"/>
    </row>
    <row r="901757" spans="14:14">
      <c r="N901757" s="10"/>
    </row>
    <row r="901758" spans="14:14">
      <c r="N901758" s="10"/>
    </row>
    <row r="901759" spans="14:14">
      <c r="N901759" s="10"/>
    </row>
    <row r="901760" spans="14:14">
      <c r="N901760" s="10"/>
    </row>
    <row r="901761" spans="14:14">
      <c r="N901761" s="10"/>
    </row>
    <row r="901762" spans="14:14">
      <c r="N901762" s="10"/>
    </row>
    <row r="901763" spans="14:14">
      <c r="N901763" s="10"/>
    </row>
    <row r="901764" spans="14:14">
      <c r="N901764" s="10"/>
    </row>
    <row r="901765" spans="14:14">
      <c r="N901765" s="10"/>
    </row>
    <row r="901766" spans="14:14">
      <c r="N901766" s="10"/>
    </row>
    <row r="901767" spans="14:14">
      <c r="N901767" s="10"/>
    </row>
    <row r="901768" spans="14:14">
      <c r="N901768" s="10"/>
    </row>
    <row r="901769" spans="14:14">
      <c r="N901769" s="10"/>
    </row>
    <row r="901770" spans="14:14">
      <c r="N901770" s="10"/>
    </row>
    <row r="901771" spans="14:14">
      <c r="N901771" s="10"/>
    </row>
    <row r="901772" spans="14:14">
      <c r="N901772" s="10"/>
    </row>
    <row r="901773" spans="14:14">
      <c r="N901773" s="10"/>
    </row>
    <row r="901774" spans="14:14">
      <c r="N901774" s="10"/>
    </row>
    <row r="901775" spans="14:14">
      <c r="N901775" s="10"/>
    </row>
    <row r="901776" spans="14:14">
      <c r="N901776" s="10"/>
    </row>
    <row r="901777" spans="14:14">
      <c r="N901777" s="10"/>
    </row>
    <row r="901778" spans="14:14">
      <c r="N901778" s="10"/>
    </row>
    <row r="901779" spans="14:14">
      <c r="N901779" s="10"/>
    </row>
    <row r="901780" spans="14:14">
      <c r="N901780" s="10"/>
    </row>
    <row r="901781" spans="14:14">
      <c r="N901781" s="10"/>
    </row>
    <row r="901782" spans="14:14">
      <c r="N901782" s="10"/>
    </row>
    <row r="901783" spans="14:14">
      <c r="N901783" s="10"/>
    </row>
    <row r="901784" spans="14:14">
      <c r="N901784" s="10"/>
    </row>
    <row r="901785" spans="14:14">
      <c r="N901785" s="10"/>
    </row>
    <row r="901786" spans="14:14">
      <c r="N901786" s="10"/>
    </row>
    <row r="901787" spans="14:14">
      <c r="N901787" s="10"/>
    </row>
    <row r="901788" spans="14:14">
      <c r="N901788" s="10"/>
    </row>
    <row r="901789" spans="14:14">
      <c r="N901789" s="10"/>
    </row>
    <row r="901790" spans="14:14">
      <c r="N901790" s="10"/>
    </row>
    <row r="901791" spans="14:14">
      <c r="N901791" s="10"/>
    </row>
    <row r="901792" spans="14:14">
      <c r="N901792" s="10"/>
    </row>
    <row r="901793" spans="14:14">
      <c r="N901793" s="10"/>
    </row>
    <row r="901794" spans="14:14">
      <c r="N901794" s="10"/>
    </row>
    <row r="901795" spans="14:14">
      <c r="N901795" s="10"/>
    </row>
    <row r="901796" spans="14:14">
      <c r="N901796" s="10"/>
    </row>
    <row r="901797" spans="14:14">
      <c r="N901797" s="10"/>
    </row>
    <row r="901798" spans="14:14">
      <c r="N901798" s="10"/>
    </row>
    <row r="901799" spans="14:14">
      <c r="N901799" s="10"/>
    </row>
    <row r="901800" spans="14:14">
      <c r="N901800" s="10"/>
    </row>
    <row r="901801" spans="14:14">
      <c r="N901801" s="10"/>
    </row>
    <row r="901802" spans="14:14">
      <c r="N901802" s="10"/>
    </row>
    <row r="901803" spans="14:14">
      <c r="N901803" s="10"/>
    </row>
    <row r="901804" spans="14:14">
      <c r="N901804" s="10"/>
    </row>
    <row r="901805" spans="14:14">
      <c r="N901805" s="10"/>
    </row>
    <row r="901806" spans="14:14">
      <c r="N901806" s="10"/>
    </row>
    <row r="901807" spans="14:14">
      <c r="N901807" s="10"/>
    </row>
    <row r="901808" spans="14:14">
      <c r="N901808" s="10"/>
    </row>
    <row r="901809" spans="14:14">
      <c r="N901809" s="10"/>
    </row>
    <row r="901810" spans="14:14">
      <c r="N901810" s="10"/>
    </row>
    <row r="901811" spans="14:14">
      <c r="N901811" s="10"/>
    </row>
    <row r="901812" spans="14:14">
      <c r="N901812" s="10"/>
    </row>
    <row r="901813" spans="14:14">
      <c r="N901813" s="10"/>
    </row>
    <row r="901814" spans="14:14">
      <c r="N901814" s="10"/>
    </row>
    <row r="901815" spans="14:14">
      <c r="N901815" s="10"/>
    </row>
    <row r="901816" spans="14:14">
      <c r="N901816" s="10"/>
    </row>
    <row r="901817" spans="14:14">
      <c r="N901817" s="10"/>
    </row>
    <row r="901818" spans="14:14">
      <c r="N901818" s="10"/>
    </row>
    <row r="901819" spans="14:14">
      <c r="N901819" s="10"/>
    </row>
    <row r="901820" spans="14:14">
      <c r="N901820" s="10"/>
    </row>
    <row r="901821" spans="14:14">
      <c r="N901821" s="10"/>
    </row>
    <row r="901822" spans="14:14">
      <c r="N901822" s="10"/>
    </row>
    <row r="901823" spans="14:14">
      <c r="N901823" s="10"/>
    </row>
    <row r="901824" spans="14:14">
      <c r="N901824" s="10"/>
    </row>
    <row r="901825" spans="14:14">
      <c r="N901825" s="10"/>
    </row>
    <row r="901826" spans="14:14">
      <c r="N901826" s="10"/>
    </row>
    <row r="901827" spans="14:14">
      <c r="N901827" s="10"/>
    </row>
    <row r="901828" spans="14:14">
      <c r="N901828" s="10"/>
    </row>
    <row r="901829" spans="14:14">
      <c r="N901829" s="10"/>
    </row>
    <row r="901830" spans="14:14">
      <c r="N901830" s="10"/>
    </row>
    <row r="901831" spans="14:14">
      <c r="N901831" s="10"/>
    </row>
    <row r="901832" spans="14:14">
      <c r="N901832" s="10"/>
    </row>
    <row r="901833" spans="14:14">
      <c r="N901833" s="10"/>
    </row>
    <row r="901834" spans="14:14">
      <c r="N901834" s="10"/>
    </row>
    <row r="901835" spans="14:14">
      <c r="N901835" s="10"/>
    </row>
    <row r="901836" spans="14:14">
      <c r="N901836" s="10"/>
    </row>
    <row r="901837" spans="14:14">
      <c r="N901837" s="10"/>
    </row>
    <row r="901838" spans="14:14">
      <c r="N901838" s="10"/>
    </row>
    <row r="901839" spans="14:14">
      <c r="N901839" s="10"/>
    </row>
    <row r="901840" spans="14:14">
      <c r="N901840" s="10"/>
    </row>
    <row r="901841" spans="14:14">
      <c r="N901841" s="10"/>
    </row>
    <row r="901842" spans="14:14">
      <c r="N901842" s="10"/>
    </row>
    <row r="901843" spans="14:14">
      <c r="N901843" s="10"/>
    </row>
    <row r="901844" spans="14:14">
      <c r="N901844" s="10"/>
    </row>
    <row r="901845" spans="14:14">
      <c r="N901845" s="10"/>
    </row>
    <row r="901846" spans="14:14">
      <c r="N901846" s="10"/>
    </row>
    <row r="901847" spans="14:14">
      <c r="N901847" s="10"/>
    </row>
    <row r="901848" spans="14:14">
      <c r="N901848" s="10"/>
    </row>
    <row r="901849" spans="14:14">
      <c r="N901849" s="10"/>
    </row>
    <row r="901850" spans="14:14">
      <c r="N901850" s="10"/>
    </row>
    <row r="901851" spans="14:14">
      <c r="N901851" s="10"/>
    </row>
    <row r="901852" spans="14:14">
      <c r="N901852" s="10"/>
    </row>
    <row r="901853" spans="14:14">
      <c r="N901853" s="10"/>
    </row>
    <row r="901854" spans="14:14">
      <c r="N901854" s="10"/>
    </row>
    <row r="901855" spans="14:14">
      <c r="N901855" s="10"/>
    </row>
    <row r="901856" spans="14:14">
      <c r="N901856" s="10"/>
    </row>
    <row r="901857" spans="14:14">
      <c r="N901857" s="10"/>
    </row>
    <row r="901858" spans="14:14">
      <c r="N901858" s="10"/>
    </row>
    <row r="901859" spans="14:14">
      <c r="N901859" s="10"/>
    </row>
    <row r="901860" spans="14:14">
      <c r="N901860" s="10"/>
    </row>
    <row r="901861" spans="14:14">
      <c r="N901861" s="10"/>
    </row>
    <row r="901862" spans="14:14">
      <c r="N901862" s="10"/>
    </row>
    <row r="901863" spans="14:14">
      <c r="N901863" s="10"/>
    </row>
    <row r="901864" spans="14:14">
      <c r="N901864" s="10"/>
    </row>
    <row r="901865" spans="14:14">
      <c r="N901865" s="10"/>
    </row>
    <row r="901866" spans="14:14">
      <c r="N901866" s="10"/>
    </row>
    <row r="901867" spans="14:14">
      <c r="N901867" s="10"/>
    </row>
    <row r="901868" spans="14:14">
      <c r="N901868" s="10"/>
    </row>
    <row r="901869" spans="14:14">
      <c r="N901869" s="10"/>
    </row>
    <row r="901870" spans="14:14">
      <c r="N901870" s="10"/>
    </row>
    <row r="901871" spans="14:14">
      <c r="N901871" s="10"/>
    </row>
    <row r="901872" spans="14:14">
      <c r="N901872" s="10"/>
    </row>
    <row r="901873" spans="14:14">
      <c r="N901873" s="10"/>
    </row>
    <row r="901874" spans="14:14">
      <c r="N901874" s="10"/>
    </row>
    <row r="901875" spans="14:14">
      <c r="N901875" s="10"/>
    </row>
    <row r="901876" spans="14:14">
      <c r="N901876" s="10"/>
    </row>
    <row r="901877" spans="14:14">
      <c r="N901877" s="10"/>
    </row>
    <row r="901878" spans="14:14">
      <c r="N901878" s="10"/>
    </row>
    <row r="901879" spans="14:14">
      <c r="N901879" s="10"/>
    </row>
    <row r="901880" spans="14:14">
      <c r="N901880" s="10"/>
    </row>
    <row r="901881" spans="14:14">
      <c r="N901881" s="10"/>
    </row>
    <row r="901882" spans="14:14">
      <c r="N901882" s="10"/>
    </row>
    <row r="901883" spans="14:14">
      <c r="N901883" s="10"/>
    </row>
    <row r="901884" spans="14:14">
      <c r="N901884" s="10"/>
    </row>
    <row r="901885" spans="14:14">
      <c r="N901885" s="10"/>
    </row>
    <row r="901886" spans="14:14">
      <c r="N901886" s="10"/>
    </row>
    <row r="901887" spans="14:14">
      <c r="N901887" s="10"/>
    </row>
    <row r="901888" spans="14:14">
      <c r="N901888" s="10"/>
    </row>
    <row r="901889" spans="14:14">
      <c r="N901889" s="10"/>
    </row>
    <row r="901890" spans="14:14">
      <c r="N901890" s="10"/>
    </row>
    <row r="901891" spans="14:14">
      <c r="N901891" s="10"/>
    </row>
    <row r="901892" spans="14:14">
      <c r="N901892" s="10"/>
    </row>
    <row r="901893" spans="14:14">
      <c r="N901893" s="10"/>
    </row>
    <row r="901894" spans="14:14">
      <c r="N901894" s="10"/>
    </row>
    <row r="901895" spans="14:14">
      <c r="N901895" s="10"/>
    </row>
    <row r="901896" spans="14:14">
      <c r="N901896" s="10"/>
    </row>
    <row r="901897" spans="14:14">
      <c r="N901897" s="10"/>
    </row>
    <row r="901898" spans="14:14">
      <c r="N901898" s="10"/>
    </row>
    <row r="901899" spans="14:14">
      <c r="N901899" s="10"/>
    </row>
    <row r="901900" spans="14:14">
      <c r="N901900" s="10"/>
    </row>
    <row r="901901" spans="14:14">
      <c r="N901901" s="10"/>
    </row>
    <row r="901902" spans="14:14">
      <c r="N901902" s="10"/>
    </row>
    <row r="901903" spans="14:14">
      <c r="N901903" s="10"/>
    </row>
    <row r="901904" spans="14:14">
      <c r="N901904" s="10"/>
    </row>
    <row r="901905" spans="14:14">
      <c r="N901905" s="10"/>
    </row>
    <row r="901906" spans="14:14">
      <c r="N901906" s="10"/>
    </row>
    <row r="901907" spans="14:14">
      <c r="N901907" s="10"/>
    </row>
    <row r="901908" spans="14:14">
      <c r="N901908" s="10"/>
    </row>
    <row r="901909" spans="14:14">
      <c r="N901909" s="10"/>
    </row>
    <row r="901910" spans="14:14">
      <c r="N901910" s="10"/>
    </row>
    <row r="901911" spans="14:14">
      <c r="N901911" s="10"/>
    </row>
    <row r="901912" spans="14:14">
      <c r="N901912" s="10"/>
    </row>
    <row r="901913" spans="14:14">
      <c r="N901913" s="10"/>
    </row>
    <row r="901914" spans="14:14">
      <c r="N901914" s="10"/>
    </row>
    <row r="901915" spans="14:14">
      <c r="N901915" s="10"/>
    </row>
    <row r="901916" spans="14:14">
      <c r="N901916" s="10"/>
    </row>
    <row r="901917" spans="14:14">
      <c r="N901917" s="10"/>
    </row>
    <row r="901918" spans="14:14">
      <c r="N901918" s="10"/>
    </row>
    <row r="901919" spans="14:14">
      <c r="N901919" s="10"/>
    </row>
    <row r="901920" spans="14:14">
      <c r="N901920" s="10"/>
    </row>
    <row r="901921" spans="14:14">
      <c r="N901921" s="10"/>
    </row>
    <row r="901922" spans="14:14">
      <c r="N901922" s="10"/>
    </row>
    <row r="901923" spans="14:14">
      <c r="N901923" s="10"/>
    </row>
    <row r="901924" spans="14:14">
      <c r="N901924" s="10"/>
    </row>
    <row r="901925" spans="14:14">
      <c r="N901925" s="10"/>
    </row>
    <row r="901926" spans="14:14">
      <c r="N901926" s="10"/>
    </row>
    <row r="901927" spans="14:14">
      <c r="N901927" s="10"/>
    </row>
    <row r="901928" spans="14:14">
      <c r="N901928" s="10"/>
    </row>
    <row r="901929" spans="14:14">
      <c r="N901929" s="10"/>
    </row>
    <row r="901930" spans="14:14">
      <c r="N901930" s="10"/>
    </row>
    <row r="901931" spans="14:14">
      <c r="N901931" s="10"/>
    </row>
    <row r="901932" spans="14:14">
      <c r="N901932" s="10"/>
    </row>
    <row r="901933" spans="14:14">
      <c r="N901933" s="10"/>
    </row>
    <row r="901934" spans="14:14">
      <c r="N901934" s="10"/>
    </row>
    <row r="901935" spans="14:14">
      <c r="N901935" s="10"/>
    </row>
    <row r="901936" spans="14:14">
      <c r="N901936" s="10"/>
    </row>
    <row r="901937" spans="14:14">
      <c r="N901937" s="10"/>
    </row>
    <row r="901938" spans="14:14">
      <c r="N901938" s="10"/>
    </row>
    <row r="901939" spans="14:14">
      <c r="N901939" s="10"/>
    </row>
    <row r="901940" spans="14:14">
      <c r="N901940" s="10"/>
    </row>
    <row r="901941" spans="14:14">
      <c r="N901941" s="10"/>
    </row>
    <row r="901942" spans="14:14">
      <c r="N901942" s="10"/>
    </row>
    <row r="901943" spans="14:14">
      <c r="N901943" s="10"/>
    </row>
    <row r="901944" spans="14:14">
      <c r="N901944" s="10"/>
    </row>
    <row r="901945" spans="14:14">
      <c r="N901945" s="10"/>
    </row>
    <row r="901946" spans="14:14">
      <c r="N901946" s="10"/>
    </row>
    <row r="901947" spans="14:14">
      <c r="N901947" s="10"/>
    </row>
    <row r="901948" spans="14:14">
      <c r="N901948" s="10"/>
    </row>
    <row r="901949" spans="14:14">
      <c r="N901949" s="10"/>
    </row>
    <row r="901950" spans="14:14">
      <c r="N901950" s="10"/>
    </row>
    <row r="901951" spans="14:14">
      <c r="N901951" s="10"/>
    </row>
    <row r="901952" spans="14:14">
      <c r="N901952" s="10"/>
    </row>
    <row r="901953" spans="14:14">
      <c r="N901953" s="10"/>
    </row>
    <row r="901954" spans="14:14">
      <c r="N901954" s="10"/>
    </row>
    <row r="901955" spans="14:14">
      <c r="N901955" s="10"/>
    </row>
    <row r="901956" spans="14:14">
      <c r="N901956" s="10"/>
    </row>
    <row r="901957" spans="14:14">
      <c r="N901957" s="10"/>
    </row>
    <row r="901958" spans="14:14">
      <c r="N901958" s="10"/>
    </row>
    <row r="901959" spans="14:14">
      <c r="N901959" s="10"/>
    </row>
    <row r="901960" spans="14:14">
      <c r="N901960" s="10"/>
    </row>
    <row r="901961" spans="14:14">
      <c r="N901961" s="10"/>
    </row>
    <row r="901962" spans="14:14">
      <c r="N901962" s="10"/>
    </row>
    <row r="901963" spans="14:14">
      <c r="N901963" s="10"/>
    </row>
    <row r="901964" spans="14:14">
      <c r="N901964" s="10"/>
    </row>
    <row r="901965" spans="14:14">
      <c r="N901965" s="10"/>
    </row>
    <row r="901966" spans="14:14">
      <c r="N901966" s="10"/>
    </row>
    <row r="901967" spans="14:14">
      <c r="N901967" s="10"/>
    </row>
    <row r="901968" spans="14:14">
      <c r="N901968" s="10"/>
    </row>
    <row r="901969" spans="14:14">
      <c r="N901969" s="10"/>
    </row>
    <row r="901970" spans="14:14">
      <c r="N901970" s="10"/>
    </row>
    <row r="901971" spans="14:14">
      <c r="N901971" s="10"/>
    </row>
    <row r="901972" spans="14:14">
      <c r="N901972" s="10"/>
    </row>
    <row r="901973" spans="14:14">
      <c r="N901973" s="10"/>
    </row>
    <row r="901974" spans="14:14">
      <c r="N901974" s="10"/>
    </row>
    <row r="901975" spans="14:14">
      <c r="N901975" s="10"/>
    </row>
    <row r="901976" spans="14:14">
      <c r="N901976" s="10"/>
    </row>
    <row r="901977" spans="14:14">
      <c r="N901977" s="10"/>
    </row>
    <row r="901978" spans="14:14">
      <c r="N901978" s="10"/>
    </row>
    <row r="901979" spans="14:14">
      <c r="N901979" s="10"/>
    </row>
    <row r="901980" spans="14:14">
      <c r="N901980" s="10"/>
    </row>
    <row r="901981" spans="14:14">
      <c r="N901981" s="10"/>
    </row>
    <row r="901982" spans="14:14">
      <c r="N901982" s="10"/>
    </row>
    <row r="901983" spans="14:14">
      <c r="N901983" s="10"/>
    </row>
    <row r="901984" spans="14:14">
      <c r="N901984" s="10"/>
    </row>
    <row r="901985" spans="14:14">
      <c r="N901985" s="10"/>
    </row>
    <row r="901986" spans="14:14">
      <c r="N901986" s="10"/>
    </row>
    <row r="901987" spans="14:14">
      <c r="N901987" s="10"/>
    </row>
    <row r="901988" spans="14:14">
      <c r="N901988" s="10"/>
    </row>
    <row r="901989" spans="14:14">
      <c r="N901989" s="10"/>
    </row>
    <row r="901990" spans="14:14">
      <c r="N901990" s="10"/>
    </row>
    <row r="901991" spans="14:14">
      <c r="N901991" s="10"/>
    </row>
    <row r="901992" spans="14:14">
      <c r="N901992" s="10"/>
    </row>
    <row r="901993" spans="14:14">
      <c r="N901993" s="10"/>
    </row>
    <row r="901994" spans="14:14">
      <c r="N901994" s="10"/>
    </row>
    <row r="901995" spans="14:14">
      <c r="N901995" s="10"/>
    </row>
    <row r="901996" spans="14:14">
      <c r="N901996" s="10"/>
    </row>
    <row r="901997" spans="14:14">
      <c r="N901997" s="10"/>
    </row>
    <row r="901998" spans="14:14">
      <c r="N901998" s="10"/>
    </row>
    <row r="901999" spans="14:14">
      <c r="N901999" s="10"/>
    </row>
    <row r="902000" spans="14:14">
      <c r="N902000" s="10"/>
    </row>
    <row r="902001" spans="14:14">
      <c r="N902001" s="10"/>
    </row>
    <row r="902002" spans="14:14">
      <c r="N902002" s="10"/>
    </row>
    <row r="902003" spans="14:14">
      <c r="N902003" s="10"/>
    </row>
    <row r="902004" spans="14:14">
      <c r="N902004" s="10"/>
    </row>
    <row r="902005" spans="14:14">
      <c r="N902005" s="10"/>
    </row>
    <row r="902006" spans="14:14">
      <c r="N902006" s="10"/>
    </row>
    <row r="902007" spans="14:14">
      <c r="N902007" s="10"/>
    </row>
    <row r="902008" spans="14:14">
      <c r="N902008" s="10"/>
    </row>
    <row r="902009" spans="14:14">
      <c r="N902009" s="10"/>
    </row>
    <row r="902010" spans="14:14">
      <c r="N902010" s="10"/>
    </row>
    <row r="902011" spans="14:14">
      <c r="N902011" s="10"/>
    </row>
    <row r="902012" spans="14:14">
      <c r="N902012" s="10"/>
    </row>
    <row r="902013" spans="14:14">
      <c r="N902013" s="10"/>
    </row>
    <row r="902014" spans="14:14">
      <c r="N902014" s="10"/>
    </row>
    <row r="902015" spans="14:14">
      <c r="N902015" s="10"/>
    </row>
    <row r="902016" spans="14:14">
      <c r="N902016" s="10"/>
    </row>
    <row r="902017" spans="14:14">
      <c r="N902017" s="10"/>
    </row>
    <row r="902018" spans="14:14">
      <c r="N902018" s="10"/>
    </row>
    <row r="902019" spans="14:14">
      <c r="N902019" s="10"/>
    </row>
    <row r="902020" spans="14:14">
      <c r="N902020" s="10"/>
    </row>
    <row r="902021" spans="14:14">
      <c r="N902021" s="10"/>
    </row>
    <row r="902022" spans="14:14">
      <c r="N902022" s="10"/>
    </row>
    <row r="902023" spans="14:14">
      <c r="N902023" s="10"/>
    </row>
    <row r="902024" spans="14:14">
      <c r="N902024" s="10"/>
    </row>
    <row r="902025" spans="14:14">
      <c r="N902025" s="10"/>
    </row>
    <row r="902026" spans="14:14">
      <c r="N902026" s="10"/>
    </row>
    <row r="902027" spans="14:14">
      <c r="N902027" s="10"/>
    </row>
    <row r="902028" spans="14:14">
      <c r="N902028" s="10"/>
    </row>
    <row r="902029" spans="14:14">
      <c r="N902029" s="10"/>
    </row>
    <row r="902030" spans="14:14">
      <c r="N902030" s="10"/>
    </row>
    <row r="902031" spans="14:14">
      <c r="N902031" s="10"/>
    </row>
    <row r="902032" spans="14:14">
      <c r="N902032" s="10"/>
    </row>
    <row r="902033" spans="14:14">
      <c r="N902033" s="10"/>
    </row>
    <row r="902034" spans="14:14">
      <c r="N902034" s="10"/>
    </row>
    <row r="902035" spans="14:14">
      <c r="N902035" s="10"/>
    </row>
    <row r="902036" spans="14:14">
      <c r="N902036" s="10"/>
    </row>
    <row r="902037" spans="14:14">
      <c r="N902037" s="10"/>
    </row>
    <row r="902038" spans="14:14">
      <c r="N902038" s="10"/>
    </row>
    <row r="902039" spans="14:14">
      <c r="N902039" s="10"/>
    </row>
    <row r="902040" spans="14:14">
      <c r="N902040" s="10"/>
    </row>
    <row r="902041" spans="14:14">
      <c r="N902041" s="10"/>
    </row>
    <row r="902042" spans="14:14">
      <c r="N902042" s="10"/>
    </row>
    <row r="902043" spans="14:14">
      <c r="N902043" s="10"/>
    </row>
    <row r="902044" spans="14:14">
      <c r="N902044" s="10"/>
    </row>
    <row r="902045" spans="14:14">
      <c r="N902045" s="10"/>
    </row>
    <row r="902046" spans="14:14">
      <c r="N902046" s="10"/>
    </row>
    <row r="902047" spans="14:14">
      <c r="N902047" s="10"/>
    </row>
    <row r="902048" spans="14:14">
      <c r="N902048" s="10"/>
    </row>
    <row r="902049" spans="14:14">
      <c r="N902049" s="10"/>
    </row>
    <row r="902050" spans="14:14">
      <c r="N902050" s="10"/>
    </row>
    <row r="902051" spans="14:14">
      <c r="N902051" s="10"/>
    </row>
    <row r="902052" spans="14:14">
      <c r="N902052" s="10"/>
    </row>
    <row r="902053" spans="14:14">
      <c r="N902053" s="10"/>
    </row>
    <row r="902054" spans="14:14">
      <c r="N902054" s="10"/>
    </row>
    <row r="902055" spans="14:14">
      <c r="N902055" s="10"/>
    </row>
    <row r="902056" spans="14:14">
      <c r="N902056" s="10"/>
    </row>
    <row r="902057" spans="14:14">
      <c r="N902057" s="10"/>
    </row>
    <row r="902058" spans="14:14">
      <c r="N902058" s="10"/>
    </row>
    <row r="902059" spans="14:14">
      <c r="N902059" s="10"/>
    </row>
    <row r="902060" spans="14:14">
      <c r="N902060" s="10"/>
    </row>
    <row r="902061" spans="14:14">
      <c r="N902061" s="10"/>
    </row>
    <row r="902062" spans="14:14">
      <c r="N902062" s="10"/>
    </row>
    <row r="902063" spans="14:14">
      <c r="N902063" s="10"/>
    </row>
    <row r="902064" spans="14:14">
      <c r="N902064" s="10"/>
    </row>
    <row r="902065" spans="14:14">
      <c r="N902065" s="10"/>
    </row>
    <row r="902066" spans="14:14">
      <c r="N902066" s="10"/>
    </row>
    <row r="902067" spans="14:14">
      <c r="N902067" s="10"/>
    </row>
    <row r="902068" spans="14:14">
      <c r="N902068" s="10"/>
    </row>
    <row r="902069" spans="14:14">
      <c r="N902069" s="10"/>
    </row>
    <row r="902070" spans="14:14">
      <c r="N902070" s="10"/>
    </row>
    <row r="902071" spans="14:14">
      <c r="N902071" s="10"/>
    </row>
    <row r="902072" spans="14:14">
      <c r="N902072" s="10"/>
    </row>
    <row r="902073" spans="14:14">
      <c r="N902073" s="10"/>
    </row>
    <row r="902074" spans="14:14">
      <c r="N902074" s="10"/>
    </row>
    <row r="902075" spans="14:14">
      <c r="N902075" s="10"/>
    </row>
    <row r="902076" spans="14:14">
      <c r="N902076" s="10"/>
    </row>
    <row r="902077" spans="14:14">
      <c r="N902077" s="10"/>
    </row>
    <row r="902078" spans="14:14">
      <c r="N902078" s="10"/>
    </row>
    <row r="902079" spans="14:14">
      <c r="N902079" s="10"/>
    </row>
    <row r="902080" spans="14:14">
      <c r="N902080" s="10"/>
    </row>
    <row r="902081" spans="14:14">
      <c r="N902081" s="10"/>
    </row>
    <row r="902082" spans="14:14">
      <c r="N902082" s="10"/>
    </row>
    <row r="902083" spans="14:14">
      <c r="N902083" s="10"/>
    </row>
    <row r="902084" spans="14:14">
      <c r="N902084" s="10"/>
    </row>
    <row r="902085" spans="14:14">
      <c r="N902085" s="10"/>
    </row>
    <row r="902086" spans="14:14">
      <c r="N902086" s="10"/>
    </row>
    <row r="902087" spans="14:14">
      <c r="N902087" s="10"/>
    </row>
    <row r="902088" spans="14:14">
      <c r="N902088" s="10"/>
    </row>
    <row r="902089" spans="14:14">
      <c r="N902089" s="10"/>
    </row>
    <row r="902090" spans="14:14">
      <c r="N902090" s="10"/>
    </row>
    <row r="902091" spans="14:14">
      <c r="N902091" s="10"/>
    </row>
    <row r="902092" spans="14:14">
      <c r="N902092" s="10"/>
    </row>
    <row r="902093" spans="14:14">
      <c r="N902093" s="10"/>
    </row>
    <row r="902094" spans="14:14">
      <c r="N902094" s="10"/>
    </row>
    <row r="902095" spans="14:14">
      <c r="N902095" s="10"/>
    </row>
    <row r="902096" spans="14:14">
      <c r="N902096" s="10"/>
    </row>
    <row r="902097" spans="14:14">
      <c r="N902097" s="10"/>
    </row>
    <row r="902098" spans="14:14">
      <c r="N902098" s="10"/>
    </row>
    <row r="902099" spans="14:14">
      <c r="N902099" s="10"/>
    </row>
    <row r="902100" spans="14:14">
      <c r="N902100" s="10"/>
    </row>
    <row r="902101" spans="14:14">
      <c r="N902101" s="10"/>
    </row>
    <row r="902102" spans="14:14">
      <c r="N902102" s="10"/>
    </row>
    <row r="902103" spans="14:14">
      <c r="N902103" s="10"/>
    </row>
    <row r="902104" spans="14:14">
      <c r="N902104" s="10"/>
    </row>
    <row r="902105" spans="14:14">
      <c r="N902105" s="10"/>
    </row>
    <row r="902106" spans="14:14">
      <c r="N902106" s="10"/>
    </row>
    <row r="902107" spans="14:14">
      <c r="N902107" s="10"/>
    </row>
    <row r="902108" spans="14:14">
      <c r="N902108" s="10"/>
    </row>
    <row r="902109" spans="14:14">
      <c r="N902109" s="10"/>
    </row>
    <row r="902110" spans="14:14">
      <c r="N902110" s="10"/>
    </row>
    <row r="902111" spans="14:14">
      <c r="N902111" s="10"/>
    </row>
    <row r="902112" spans="14:14">
      <c r="N902112" s="10"/>
    </row>
    <row r="902113" spans="14:14">
      <c r="N902113" s="10"/>
    </row>
    <row r="902114" spans="14:14">
      <c r="N902114" s="10"/>
    </row>
    <row r="902115" spans="14:14">
      <c r="N902115" s="10"/>
    </row>
    <row r="902116" spans="14:14">
      <c r="N902116" s="10"/>
    </row>
    <row r="902117" spans="14:14">
      <c r="N902117" s="10"/>
    </row>
    <row r="902118" spans="14:14">
      <c r="N902118" s="10"/>
    </row>
    <row r="902119" spans="14:14">
      <c r="N902119" s="10"/>
    </row>
    <row r="902120" spans="14:14">
      <c r="N902120" s="10"/>
    </row>
    <row r="902121" spans="14:14">
      <c r="N902121" s="10"/>
    </row>
    <row r="902122" spans="14:14">
      <c r="N902122" s="10"/>
    </row>
    <row r="902123" spans="14:14">
      <c r="N902123" s="10"/>
    </row>
    <row r="902124" spans="14:14">
      <c r="N902124" s="10"/>
    </row>
    <row r="902125" spans="14:14">
      <c r="N902125" s="10"/>
    </row>
    <row r="902126" spans="14:14">
      <c r="N902126" s="10"/>
    </row>
    <row r="902127" spans="14:14">
      <c r="N902127" s="10"/>
    </row>
    <row r="902128" spans="14:14">
      <c r="N902128" s="10"/>
    </row>
    <row r="902129" spans="14:14">
      <c r="N902129" s="10"/>
    </row>
    <row r="902130" spans="14:14">
      <c r="N902130" s="10"/>
    </row>
    <row r="902131" spans="14:14">
      <c r="N902131" s="10"/>
    </row>
    <row r="902132" spans="14:14">
      <c r="N902132" s="10"/>
    </row>
    <row r="902133" spans="14:14">
      <c r="N902133" s="10"/>
    </row>
    <row r="902134" spans="14:14">
      <c r="N902134" s="10"/>
    </row>
    <row r="902135" spans="14:14">
      <c r="N902135" s="10"/>
    </row>
    <row r="902136" spans="14:14">
      <c r="N902136" s="10"/>
    </row>
    <row r="902137" spans="14:14">
      <c r="N902137" s="10"/>
    </row>
    <row r="902138" spans="14:14">
      <c r="N902138" s="10"/>
    </row>
    <row r="902139" spans="14:14">
      <c r="N902139" s="10"/>
    </row>
    <row r="902140" spans="14:14">
      <c r="N902140" s="10"/>
    </row>
    <row r="902141" spans="14:14">
      <c r="N902141" s="10"/>
    </row>
    <row r="902142" spans="14:14">
      <c r="N902142" s="10"/>
    </row>
    <row r="902143" spans="14:14">
      <c r="N902143" s="10"/>
    </row>
    <row r="902144" spans="14:14">
      <c r="N902144" s="10"/>
    </row>
    <row r="902145" spans="14:14">
      <c r="N902145" s="10"/>
    </row>
    <row r="902146" spans="14:14">
      <c r="N902146" s="10"/>
    </row>
    <row r="902147" spans="14:14">
      <c r="N902147" s="10"/>
    </row>
    <row r="902148" spans="14:14">
      <c r="N902148" s="10"/>
    </row>
    <row r="902149" spans="14:14">
      <c r="N902149" s="10"/>
    </row>
    <row r="902150" spans="14:14">
      <c r="N902150" s="10"/>
    </row>
    <row r="902151" spans="14:14">
      <c r="N902151" s="10"/>
    </row>
    <row r="902152" spans="14:14">
      <c r="N902152" s="10"/>
    </row>
    <row r="902153" spans="14:14">
      <c r="N902153" s="10"/>
    </row>
    <row r="902154" spans="14:14">
      <c r="N902154" s="10"/>
    </row>
    <row r="902155" spans="14:14">
      <c r="N902155" s="10"/>
    </row>
    <row r="902156" spans="14:14">
      <c r="N902156" s="10"/>
    </row>
    <row r="902157" spans="14:14">
      <c r="N902157" s="10"/>
    </row>
    <row r="902158" spans="14:14">
      <c r="N902158" s="10"/>
    </row>
    <row r="902159" spans="14:14">
      <c r="N902159" s="10"/>
    </row>
    <row r="902160" spans="14:14">
      <c r="N902160" s="10"/>
    </row>
    <row r="902161" spans="14:14">
      <c r="N902161" s="10"/>
    </row>
    <row r="902162" spans="14:14">
      <c r="N902162" s="10"/>
    </row>
    <row r="902163" spans="14:14">
      <c r="N902163" s="10"/>
    </row>
    <row r="902164" spans="14:14">
      <c r="N902164" s="10"/>
    </row>
    <row r="902165" spans="14:14">
      <c r="N902165" s="10"/>
    </row>
    <row r="902166" spans="14:14">
      <c r="N902166" s="10"/>
    </row>
    <row r="902167" spans="14:14">
      <c r="N902167" s="10"/>
    </row>
    <row r="902168" spans="14:14">
      <c r="N902168" s="10"/>
    </row>
    <row r="902169" spans="14:14">
      <c r="N902169" s="10"/>
    </row>
    <row r="902170" spans="14:14">
      <c r="N902170" s="10"/>
    </row>
    <row r="902171" spans="14:14">
      <c r="N902171" s="10"/>
    </row>
    <row r="902172" spans="14:14">
      <c r="N902172" s="10"/>
    </row>
    <row r="902173" spans="14:14">
      <c r="N902173" s="10"/>
    </row>
    <row r="902174" spans="14:14">
      <c r="N902174" s="10"/>
    </row>
    <row r="902175" spans="14:14">
      <c r="N902175" s="10"/>
    </row>
    <row r="902176" spans="14:14">
      <c r="N902176" s="10"/>
    </row>
    <row r="902177" spans="14:14">
      <c r="N902177" s="10"/>
    </row>
    <row r="902178" spans="14:14">
      <c r="N902178" s="10"/>
    </row>
    <row r="902179" spans="14:14">
      <c r="N902179" s="10"/>
    </row>
    <row r="902180" spans="14:14">
      <c r="N902180" s="10"/>
    </row>
    <row r="902181" spans="14:14">
      <c r="N902181" s="10"/>
    </row>
    <row r="902182" spans="14:14">
      <c r="N902182" s="10"/>
    </row>
    <row r="902183" spans="14:14">
      <c r="N902183" s="10"/>
    </row>
    <row r="902184" spans="14:14">
      <c r="N902184" s="10"/>
    </row>
    <row r="902185" spans="14:14">
      <c r="N902185" s="10"/>
    </row>
    <row r="902186" spans="14:14">
      <c r="N902186" s="10"/>
    </row>
    <row r="902187" spans="14:14">
      <c r="N902187" s="10"/>
    </row>
    <row r="902188" spans="14:14">
      <c r="N902188" s="10"/>
    </row>
    <row r="902189" spans="14:14">
      <c r="N902189" s="10"/>
    </row>
    <row r="902190" spans="14:14">
      <c r="N902190" s="10"/>
    </row>
    <row r="902191" spans="14:14">
      <c r="N902191" s="10"/>
    </row>
    <row r="902192" spans="14:14">
      <c r="N902192" s="10"/>
    </row>
    <row r="902193" spans="14:14">
      <c r="N902193" s="10"/>
    </row>
    <row r="902194" spans="14:14">
      <c r="N902194" s="10"/>
    </row>
    <row r="902195" spans="14:14">
      <c r="N902195" s="10"/>
    </row>
    <row r="902196" spans="14:14">
      <c r="N902196" s="10"/>
    </row>
    <row r="902197" spans="14:14">
      <c r="N902197" s="10"/>
    </row>
    <row r="902198" spans="14:14">
      <c r="N902198" s="10"/>
    </row>
    <row r="902199" spans="14:14">
      <c r="N902199" s="10"/>
    </row>
    <row r="902200" spans="14:14">
      <c r="N902200" s="10"/>
    </row>
    <row r="902201" spans="14:14">
      <c r="N902201" s="10"/>
    </row>
    <row r="902202" spans="14:14">
      <c r="N902202" s="10"/>
    </row>
    <row r="902203" spans="14:14">
      <c r="N902203" s="10"/>
    </row>
    <row r="902204" spans="14:14">
      <c r="N902204" s="10"/>
    </row>
    <row r="902205" spans="14:14">
      <c r="N902205" s="10"/>
    </row>
    <row r="902206" spans="14:14">
      <c r="N902206" s="10"/>
    </row>
    <row r="902207" spans="14:14">
      <c r="N902207" s="10"/>
    </row>
    <row r="902208" spans="14:14">
      <c r="N902208" s="10"/>
    </row>
    <row r="902209" spans="14:14">
      <c r="N902209" s="10"/>
    </row>
    <row r="902210" spans="14:14">
      <c r="N902210" s="10"/>
    </row>
    <row r="902211" spans="14:14">
      <c r="N902211" s="10"/>
    </row>
    <row r="902212" spans="14:14">
      <c r="N902212" s="10"/>
    </row>
    <row r="902213" spans="14:14">
      <c r="N902213" s="10"/>
    </row>
    <row r="902214" spans="14:14">
      <c r="N902214" s="10"/>
    </row>
    <row r="902215" spans="14:14">
      <c r="N902215" s="10"/>
    </row>
    <row r="902216" spans="14:14">
      <c r="N902216" s="10"/>
    </row>
    <row r="902217" spans="14:14">
      <c r="N902217" s="10"/>
    </row>
    <row r="902218" spans="14:14">
      <c r="N902218" s="10"/>
    </row>
    <row r="902219" spans="14:14">
      <c r="N902219" s="10"/>
    </row>
    <row r="902220" spans="14:14">
      <c r="N902220" s="10"/>
    </row>
    <row r="902221" spans="14:14">
      <c r="N902221" s="10"/>
    </row>
    <row r="902222" spans="14:14">
      <c r="N902222" s="10"/>
    </row>
    <row r="902223" spans="14:14">
      <c r="N902223" s="10"/>
    </row>
    <row r="902224" spans="14:14">
      <c r="N902224" s="10"/>
    </row>
    <row r="902225" spans="14:14">
      <c r="N902225" s="10"/>
    </row>
    <row r="902226" spans="14:14">
      <c r="N902226" s="10"/>
    </row>
    <row r="902227" spans="14:14">
      <c r="N902227" s="10"/>
    </row>
    <row r="902228" spans="14:14">
      <c r="N902228" s="10"/>
    </row>
    <row r="902229" spans="14:14">
      <c r="N902229" s="10"/>
    </row>
    <row r="902230" spans="14:14">
      <c r="N902230" s="10"/>
    </row>
    <row r="902231" spans="14:14">
      <c r="N902231" s="10"/>
    </row>
    <row r="902232" spans="14:14">
      <c r="N902232" s="10"/>
    </row>
    <row r="902233" spans="14:14">
      <c r="N902233" s="10"/>
    </row>
    <row r="902234" spans="14:14">
      <c r="N902234" s="10"/>
    </row>
    <row r="902235" spans="14:14">
      <c r="N902235" s="10"/>
    </row>
    <row r="902236" spans="14:14">
      <c r="N902236" s="10"/>
    </row>
    <row r="902237" spans="14:14">
      <c r="N902237" s="10"/>
    </row>
    <row r="902238" spans="14:14">
      <c r="N902238" s="10"/>
    </row>
    <row r="902239" spans="14:14">
      <c r="N902239" s="10"/>
    </row>
    <row r="902240" spans="14:14">
      <c r="N902240" s="10"/>
    </row>
    <row r="902241" spans="14:14">
      <c r="N902241" s="10"/>
    </row>
    <row r="902242" spans="14:14">
      <c r="N902242" s="10"/>
    </row>
    <row r="902243" spans="14:14">
      <c r="N902243" s="10"/>
    </row>
    <row r="902244" spans="14:14">
      <c r="N902244" s="10"/>
    </row>
    <row r="902245" spans="14:14">
      <c r="N902245" s="10"/>
    </row>
    <row r="902246" spans="14:14">
      <c r="N902246" s="10"/>
    </row>
    <row r="902247" spans="14:14">
      <c r="N902247" s="10"/>
    </row>
    <row r="902248" spans="14:14">
      <c r="N902248" s="10"/>
    </row>
    <row r="902249" spans="14:14">
      <c r="N902249" s="10"/>
    </row>
    <row r="902250" spans="14:14">
      <c r="N902250" s="10"/>
    </row>
    <row r="902251" spans="14:14">
      <c r="N902251" s="10"/>
    </row>
    <row r="902252" spans="14:14">
      <c r="N902252" s="10"/>
    </row>
    <row r="902253" spans="14:14">
      <c r="N902253" s="10"/>
    </row>
    <row r="902254" spans="14:14">
      <c r="N902254" s="10"/>
    </row>
    <row r="902255" spans="14:14">
      <c r="N902255" s="10"/>
    </row>
    <row r="902256" spans="14:14">
      <c r="N902256" s="10"/>
    </row>
    <row r="902257" spans="14:14">
      <c r="N902257" s="10"/>
    </row>
    <row r="902258" spans="14:14">
      <c r="N902258" s="10"/>
    </row>
    <row r="902259" spans="14:14">
      <c r="N902259" s="10"/>
    </row>
    <row r="902260" spans="14:14">
      <c r="N902260" s="10"/>
    </row>
    <row r="902261" spans="14:14">
      <c r="N902261" s="10"/>
    </row>
    <row r="902262" spans="14:14">
      <c r="N902262" s="10"/>
    </row>
    <row r="902263" spans="14:14">
      <c r="N902263" s="10"/>
    </row>
    <row r="902264" spans="14:14">
      <c r="N902264" s="10"/>
    </row>
    <row r="902265" spans="14:14">
      <c r="N902265" s="10"/>
    </row>
    <row r="902266" spans="14:14">
      <c r="N902266" s="10"/>
    </row>
    <row r="902267" spans="14:14">
      <c r="N902267" s="10"/>
    </row>
    <row r="902268" spans="14:14">
      <c r="N902268" s="10"/>
    </row>
    <row r="902269" spans="14:14">
      <c r="N902269" s="10"/>
    </row>
    <row r="902270" spans="14:14">
      <c r="N902270" s="10"/>
    </row>
    <row r="902271" spans="14:14">
      <c r="N902271" s="10"/>
    </row>
    <row r="902272" spans="14:14">
      <c r="N902272" s="10"/>
    </row>
    <row r="902273" spans="14:14">
      <c r="N902273" s="10"/>
    </row>
    <row r="902274" spans="14:14">
      <c r="N902274" s="10"/>
    </row>
    <row r="902275" spans="14:14">
      <c r="N902275" s="10"/>
    </row>
    <row r="902276" spans="14:14">
      <c r="N902276" s="10"/>
    </row>
    <row r="902277" spans="14:14">
      <c r="N902277" s="10"/>
    </row>
    <row r="902278" spans="14:14">
      <c r="N902278" s="10"/>
    </row>
    <row r="902279" spans="14:14">
      <c r="N902279" s="10"/>
    </row>
    <row r="902280" spans="14:14">
      <c r="N902280" s="10"/>
    </row>
    <row r="902281" spans="14:14">
      <c r="N902281" s="10"/>
    </row>
    <row r="902282" spans="14:14">
      <c r="N902282" s="10"/>
    </row>
    <row r="902283" spans="14:14">
      <c r="N902283" s="10"/>
    </row>
    <row r="902284" spans="14:14">
      <c r="N902284" s="10"/>
    </row>
    <row r="902285" spans="14:14">
      <c r="N902285" s="10"/>
    </row>
    <row r="902286" spans="14:14">
      <c r="N902286" s="10"/>
    </row>
    <row r="902287" spans="14:14">
      <c r="N902287" s="10"/>
    </row>
    <row r="902288" spans="14:14">
      <c r="N902288" s="10"/>
    </row>
    <row r="902289" spans="14:14">
      <c r="N902289" s="10"/>
    </row>
    <row r="902290" spans="14:14">
      <c r="N902290" s="10"/>
    </row>
    <row r="902291" spans="14:14">
      <c r="N902291" s="10"/>
    </row>
    <row r="902292" spans="14:14">
      <c r="N902292" s="10"/>
    </row>
    <row r="902293" spans="14:14">
      <c r="N902293" s="10"/>
    </row>
    <row r="902294" spans="14:14">
      <c r="N902294" s="10"/>
    </row>
    <row r="902295" spans="14:14">
      <c r="N902295" s="10"/>
    </row>
    <row r="902296" spans="14:14">
      <c r="N902296" s="10"/>
    </row>
    <row r="902297" spans="14:14">
      <c r="N902297" s="10"/>
    </row>
    <row r="902298" spans="14:14">
      <c r="N902298" s="10"/>
    </row>
    <row r="902299" spans="14:14">
      <c r="N902299" s="10"/>
    </row>
    <row r="902300" spans="14:14">
      <c r="N902300" s="10"/>
    </row>
    <row r="902301" spans="14:14">
      <c r="N902301" s="10"/>
    </row>
    <row r="902302" spans="14:14">
      <c r="N902302" s="10"/>
    </row>
    <row r="902303" spans="14:14">
      <c r="N902303" s="10"/>
    </row>
    <row r="902304" spans="14:14">
      <c r="N902304" s="10"/>
    </row>
    <row r="902305" spans="14:14">
      <c r="N902305" s="10"/>
    </row>
    <row r="902306" spans="14:14">
      <c r="N902306" s="10"/>
    </row>
    <row r="902307" spans="14:14">
      <c r="N902307" s="10"/>
    </row>
    <row r="902308" spans="14:14">
      <c r="N902308" s="10"/>
    </row>
    <row r="902309" spans="14:14">
      <c r="N902309" s="10"/>
    </row>
    <row r="902310" spans="14:14">
      <c r="N902310" s="10"/>
    </row>
    <row r="902311" spans="14:14">
      <c r="N902311" s="10"/>
    </row>
    <row r="902312" spans="14:14">
      <c r="N902312" s="10"/>
    </row>
    <row r="902313" spans="14:14">
      <c r="N902313" s="10"/>
    </row>
    <row r="902314" spans="14:14">
      <c r="N902314" s="10"/>
    </row>
    <row r="902315" spans="14:14">
      <c r="N902315" s="10"/>
    </row>
    <row r="902316" spans="14:14">
      <c r="N902316" s="10"/>
    </row>
    <row r="902317" spans="14:14">
      <c r="N902317" s="10"/>
    </row>
    <row r="902318" spans="14:14">
      <c r="N902318" s="10"/>
    </row>
    <row r="902319" spans="14:14">
      <c r="N902319" s="10"/>
    </row>
    <row r="902320" spans="14:14">
      <c r="N902320" s="10"/>
    </row>
    <row r="902321" spans="14:14">
      <c r="N902321" s="10"/>
    </row>
    <row r="902322" spans="14:14">
      <c r="N902322" s="10"/>
    </row>
    <row r="902323" spans="14:14">
      <c r="N902323" s="10"/>
    </row>
    <row r="902324" spans="14:14">
      <c r="N902324" s="10"/>
    </row>
    <row r="902325" spans="14:14">
      <c r="N902325" s="10"/>
    </row>
    <row r="902326" spans="14:14">
      <c r="N902326" s="10"/>
    </row>
    <row r="902327" spans="14:14">
      <c r="N902327" s="10"/>
    </row>
    <row r="902328" spans="14:14">
      <c r="N902328" s="10"/>
    </row>
    <row r="902329" spans="14:14">
      <c r="N902329" s="10"/>
    </row>
    <row r="902330" spans="14:14">
      <c r="N902330" s="10"/>
    </row>
    <row r="902331" spans="14:14">
      <c r="N902331" s="10"/>
    </row>
    <row r="902332" spans="14:14">
      <c r="N902332" s="10"/>
    </row>
    <row r="902333" spans="14:14">
      <c r="N902333" s="10"/>
    </row>
    <row r="902334" spans="14:14">
      <c r="N902334" s="10"/>
    </row>
    <row r="902335" spans="14:14">
      <c r="N902335" s="10"/>
    </row>
    <row r="902336" spans="14:14">
      <c r="N902336" s="10"/>
    </row>
    <row r="902337" spans="14:14">
      <c r="N902337" s="10"/>
    </row>
    <row r="902338" spans="14:14">
      <c r="N902338" s="10"/>
    </row>
    <row r="902339" spans="14:14">
      <c r="N902339" s="10"/>
    </row>
    <row r="902340" spans="14:14">
      <c r="N902340" s="10"/>
    </row>
    <row r="902341" spans="14:14">
      <c r="N902341" s="10"/>
    </row>
    <row r="902342" spans="14:14">
      <c r="N902342" s="10"/>
    </row>
    <row r="902343" spans="14:14">
      <c r="N902343" s="10"/>
    </row>
    <row r="902344" spans="14:14">
      <c r="N902344" s="10"/>
    </row>
    <row r="902345" spans="14:14">
      <c r="N902345" s="10"/>
    </row>
    <row r="902346" spans="14:14">
      <c r="N902346" s="10"/>
    </row>
    <row r="902347" spans="14:14">
      <c r="N902347" s="10"/>
    </row>
    <row r="902348" spans="14:14">
      <c r="N902348" s="10"/>
    </row>
    <row r="902349" spans="14:14">
      <c r="N902349" s="10"/>
    </row>
    <row r="902350" spans="14:14">
      <c r="N902350" s="10"/>
    </row>
    <row r="902351" spans="14:14">
      <c r="N902351" s="10"/>
    </row>
    <row r="902352" spans="14:14">
      <c r="N902352" s="10"/>
    </row>
    <row r="902353" spans="14:14">
      <c r="N902353" s="10"/>
    </row>
    <row r="902354" spans="14:14">
      <c r="N902354" s="10"/>
    </row>
    <row r="902355" spans="14:14">
      <c r="N902355" s="10"/>
    </row>
    <row r="902356" spans="14:14">
      <c r="N902356" s="10"/>
    </row>
    <row r="902357" spans="14:14">
      <c r="N902357" s="10"/>
    </row>
    <row r="902358" spans="14:14">
      <c r="N902358" s="10"/>
    </row>
    <row r="902359" spans="14:14">
      <c r="N902359" s="10"/>
    </row>
    <row r="902360" spans="14:14">
      <c r="N902360" s="10"/>
    </row>
    <row r="902361" spans="14:14">
      <c r="N902361" s="10"/>
    </row>
    <row r="902362" spans="14:14">
      <c r="N902362" s="10"/>
    </row>
    <row r="902363" spans="14:14">
      <c r="N902363" s="10"/>
    </row>
    <row r="902364" spans="14:14">
      <c r="N902364" s="10"/>
    </row>
    <row r="902365" spans="14:14">
      <c r="N902365" s="10"/>
    </row>
    <row r="902366" spans="14:14">
      <c r="N902366" s="10"/>
    </row>
    <row r="902367" spans="14:14">
      <c r="N902367" s="10"/>
    </row>
    <row r="902368" spans="14:14">
      <c r="N902368" s="10"/>
    </row>
    <row r="902369" spans="14:14">
      <c r="N902369" s="10"/>
    </row>
    <row r="902370" spans="14:14">
      <c r="N902370" s="10"/>
    </row>
    <row r="902371" spans="14:14">
      <c r="N902371" s="10"/>
    </row>
    <row r="902372" spans="14:14">
      <c r="N902372" s="10"/>
    </row>
    <row r="902373" spans="14:14">
      <c r="N902373" s="10"/>
    </row>
    <row r="902374" spans="14:14">
      <c r="N902374" s="10"/>
    </row>
    <row r="902375" spans="14:14">
      <c r="N902375" s="10"/>
    </row>
    <row r="902376" spans="14:14">
      <c r="N902376" s="10"/>
    </row>
    <row r="902377" spans="14:14">
      <c r="N902377" s="10"/>
    </row>
    <row r="902378" spans="14:14">
      <c r="N902378" s="10"/>
    </row>
    <row r="902379" spans="14:14">
      <c r="N902379" s="10"/>
    </row>
    <row r="902380" spans="14:14">
      <c r="N902380" s="10"/>
    </row>
    <row r="902381" spans="14:14">
      <c r="N902381" s="10"/>
    </row>
    <row r="902382" spans="14:14">
      <c r="N902382" s="10"/>
    </row>
    <row r="902383" spans="14:14">
      <c r="N902383" s="10"/>
    </row>
    <row r="902384" spans="14:14">
      <c r="N902384" s="10"/>
    </row>
    <row r="902385" spans="14:14">
      <c r="N902385" s="10"/>
    </row>
    <row r="902386" spans="14:14">
      <c r="N902386" s="10"/>
    </row>
    <row r="902387" spans="14:14">
      <c r="N902387" s="10"/>
    </row>
    <row r="902388" spans="14:14">
      <c r="N902388" s="10"/>
    </row>
    <row r="902389" spans="14:14">
      <c r="N902389" s="10"/>
    </row>
    <row r="902390" spans="14:14">
      <c r="N902390" s="10"/>
    </row>
    <row r="902391" spans="14:14">
      <c r="N902391" s="10"/>
    </row>
    <row r="902392" spans="14:14">
      <c r="N902392" s="10"/>
    </row>
    <row r="902393" spans="14:14">
      <c r="N902393" s="10"/>
    </row>
    <row r="902394" spans="14:14">
      <c r="N902394" s="10"/>
    </row>
    <row r="902395" spans="14:14">
      <c r="N902395" s="10"/>
    </row>
    <row r="902396" spans="14:14">
      <c r="N902396" s="10"/>
    </row>
    <row r="902397" spans="14:14">
      <c r="N902397" s="10"/>
    </row>
    <row r="902398" spans="14:14">
      <c r="N902398" s="10"/>
    </row>
    <row r="902399" spans="14:14">
      <c r="N902399" s="10"/>
    </row>
    <row r="902400" spans="14:14">
      <c r="N902400" s="10"/>
    </row>
    <row r="902401" spans="14:14">
      <c r="N902401" s="10"/>
    </row>
    <row r="902402" spans="14:14">
      <c r="N902402" s="10"/>
    </row>
    <row r="902403" spans="14:14">
      <c r="N902403" s="10"/>
    </row>
    <row r="902404" spans="14:14">
      <c r="N902404" s="10"/>
    </row>
    <row r="902405" spans="14:14">
      <c r="N902405" s="10"/>
    </row>
    <row r="902406" spans="14:14">
      <c r="N902406" s="10"/>
    </row>
    <row r="902407" spans="14:14">
      <c r="N902407" s="10"/>
    </row>
    <row r="902408" spans="14:14">
      <c r="N902408" s="10"/>
    </row>
    <row r="902409" spans="14:14">
      <c r="N902409" s="10"/>
    </row>
    <row r="902410" spans="14:14">
      <c r="N902410" s="10"/>
    </row>
    <row r="902411" spans="14:14">
      <c r="N902411" s="10"/>
    </row>
    <row r="902412" spans="14:14">
      <c r="N902412" s="10"/>
    </row>
    <row r="902413" spans="14:14">
      <c r="N902413" s="10"/>
    </row>
    <row r="902414" spans="14:14">
      <c r="N902414" s="10"/>
    </row>
    <row r="902415" spans="14:14">
      <c r="N902415" s="10"/>
    </row>
    <row r="902416" spans="14:14">
      <c r="N902416" s="10"/>
    </row>
    <row r="902417" spans="14:14">
      <c r="N902417" s="10"/>
    </row>
    <row r="902418" spans="14:14">
      <c r="N902418" s="10"/>
    </row>
    <row r="902419" spans="14:14">
      <c r="N902419" s="10"/>
    </row>
    <row r="902420" spans="14:14">
      <c r="N902420" s="10"/>
    </row>
    <row r="902421" spans="14:14">
      <c r="N902421" s="10"/>
    </row>
    <row r="902422" spans="14:14">
      <c r="N902422" s="10"/>
    </row>
    <row r="902423" spans="14:14">
      <c r="N902423" s="10"/>
    </row>
    <row r="902424" spans="14:14">
      <c r="N902424" s="10"/>
    </row>
    <row r="902425" spans="14:14">
      <c r="N902425" s="10"/>
    </row>
    <row r="902426" spans="14:14">
      <c r="N902426" s="10"/>
    </row>
    <row r="902427" spans="14:14">
      <c r="N902427" s="10"/>
    </row>
    <row r="902428" spans="14:14">
      <c r="N902428" s="10"/>
    </row>
    <row r="902429" spans="14:14">
      <c r="N902429" s="10"/>
    </row>
    <row r="902430" spans="14:14">
      <c r="N902430" s="10"/>
    </row>
    <row r="902431" spans="14:14">
      <c r="N902431" s="10"/>
    </row>
    <row r="902432" spans="14:14">
      <c r="N902432" s="10"/>
    </row>
    <row r="902433" spans="14:14">
      <c r="N902433" s="10"/>
    </row>
    <row r="902434" spans="14:14">
      <c r="N902434" s="10"/>
    </row>
    <row r="902435" spans="14:14">
      <c r="N902435" s="10"/>
    </row>
    <row r="902436" spans="14:14">
      <c r="N902436" s="10"/>
    </row>
    <row r="902437" spans="14:14">
      <c r="N902437" s="10"/>
    </row>
    <row r="902438" spans="14:14">
      <c r="N902438" s="10"/>
    </row>
    <row r="902439" spans="14:14">
      <c r="N902439" s="10"/>
    </row>
    <row r="902440" spans="14:14">
      <c r="N902440" s="10"/>
    </row>
    <row r="902441" spans="14:14">
      <c r="N902441" s="10"/>
    </row>
    <row r="902442" spans="14:14">
      <c r="N902442" s="10"/>
    </row>
    <row r="902443" spans="14:14">
      <c r="N902443" s="10"/>
    </row>
    <row r="902444" spans="14:14">
      <c r="N902444" s="10"/>
    </row>
    <row r="902445" spans="14:14">
      <c r="N902445" s="10"/>
    </row>
    <row r="902446" spans="14:14">
      <c r="N902446" s="10"/>
    </row>
    <row r="902447" spans="14:14">
      <c r="N902447" s="10"/>
    </row>
    <row r="902448" spans="14:14">
      <c r="N902448" s="10"/>
    </row>
    <row r="902449" spans="14:14">
      <c r="N902449" s="10"/>
    </row>
    <row r="902450" spans="14:14">
      <c r="N902450" s="10"/>
    </row>
    <row r="902451" spans="14:14">
      <c r="N902451" s="10"/>
    </row>
    <row r="902452" spans="14:14">
      <c r="N902452" s="10"/>
    </row>
    <row r="902453" spans="14:14">
      <c r="N902453" s="10"/>
    </row>
    <row r="902454" spans="14:14">
      <c r="N902454" s="10"/>
    </row>
    <row r="902455" spans="14:14">
      <c r="N902455" s="10"/>
    </row>
    <row r="902456" spans="14:14">
      <c r="N902456" s="10"/>
    </row>
    <row r="902457" spans="14:14">
      <c r="N902457" s="10"/>
    </row>
    <row r="902458" spans="14:14">
      <c r="N902458" s="10"/>
    </row>
    <row r="902459" spans="14:14">
      <c r="N902459" s="10"/>
    </row>
    <row r="902460" spans="14:14">
      <c r="N902460" s="10"/>
    </row>
    <row r="902461" spans="14:14">
      <c r="N902461" s="10"/>
    </row>
    <row r="902462" spans="14:14">
      <c r="N902462" s="10"/>
    </row>
    <row r="902463" spans="14:14">
      <c r="N902463" s="10"/>
    </row>
    <row r="902464" spans="14:14">
      <c r="N902464" s="10"/>
    </row>
    <row r="902465" spans="14:14">
      <c r="N902465" s="10"/>
    </row>
    <row r="902466" spans="14:14">
      <c r="N902466" s="10"/>
    </row>
    <row r="902467" spans="14:14">
      <c r="N902467" s="10"/>
    </row>
    <row r="902468" spans="14:14">
      <c r="N902468" s="10"/>
    </row>
    <row r="902469" spans="14:14">
      <c r="N902469" s="10"/>
    </row>
    <row r="902470" spans="14:14">
      <c r="N902470" s="10"/>
    </row>
    <row r="902471" spans="14:14">
      <c r="N902471" s="10"/>
    </row>
    <row r="902472" spans="14:14">
      <c r="N902472" s="10"/>
    </row>
    <row r="902473" spans="14:14">
      <c r="N902473" s="10"/>
    </row>
    <row r="902474" spans="14:14">
      <c r="N902474" s="10"/>
    </row>
    <row r="902475" spans="14:14">
      <c r="N902475" s="10"/>
    </row>
    <row r="902476" spans="14:14">
      <c r="N902476" s="10"/>
    </row>
    <row r="902477" spans="14:14">
      <c r="N902477" s="10"/>
    </row>
    <row r="902478" spans="14:14">
      <c r="N902478" s="10"/>
    </row>
    <row r="902479" spans="14:14">
      <c r="N902479" s="10"/>
    </row>
    <row r="902480" spans="14:14">
      <c r="N902480" s="10"/>
    </row>
    <row r="902481" spans="14:14">
      <c r="N902481" s="10"/>
    </row>
    <row r="902482" spans="14:14">
      <c r="N902482" s="10"/>
    </row>
    <row r="902483" spans="14:14">
      <c r="N902483" s="10"/>
    </row>
    <row r="902484" spans="14:14">
      <c r="N902484" s="10"/>
    </row>
    <row r="902485" spans="14:14">
      <c r="N902485" s="10"/>
    </row>
    <row r="902486" spans="14:14">
      <c r="N902486" s="10"/>
    </row>
    <row r="902487" spans="14:14">
      <c r="N902487" s="10"/>
    </row>
    <row r="902488" spans="14:14">
      <c r="N902488" s="10"/>
    </row>
    <row r="902489" spans="14:14">
      <c r="N902489" s="10"/>
    </row>
    <row r="902490" spans="14:14">
      <c r="N902490" s="10"/>
    </row>
    <row r="902491" spans="14:14">
      <c r="N902491" s="10"/>
    </row>
    <row r="902492" spans="14:14">
      <c r="N902492" s="10"/>
    </row>
    <row r="902493" spans="14:14">
      <c r="N902493" s="10"/>
    </row>
    <row r="902494" spans="14:14">
      <c r="N902494" s="10"/>
    </row>
    <row r="902495" spans="14:14">
      <c r="N902495" s="10"/>
    </row>
    <row r="902496" spans="14:14">
      <c r="N902496" s="10"/>
    </row>
    <row r="902497" spans="14:14">
      <c r="N902497" s="10"/>
    </row>
    <row r="902498" spans="14:14">
      <c r="N902498" s="10"/>
    </row>
    <row r="902499" spans="14:14">
      <c r="N902499" s="10"/>
    </row>
    <row r="902500" spans="14:14">
      <c r="N902500" s="10"/>
    </row>
    <row r="902501" spans="14:14">
      <c r="N902501" s="10"/>
    </row>
    <row r="902502" spans="14:14">
      <c r="N902502" s="10"/>
    </row>
    <row r="902503" spans="14:14">
      <c r="N902503" s="10"/>
    </row>
    <row r="902504" spans="14:14">
      <c r="N902504" s="10"/>
    </row>
    <row r="902505" spans="14:14">
      <c r="N902505" s="10"/>
    </row>
    <row r="902506" spans="14:14">
      <c r="N902506" s="10"/>
    </row>
    <row r="902507" spans="14:14">
      <c r="N902507" s="10"/>
    </row>
    <row r="902508" spans="14:14">
      <c r="N902508" s="10"/>
    </row>
    <row r="902509" spans="14:14">
      <c r="N902509" s="10"/>
    </row>
    <row r="902510" spans="14:14">
      <c r="N902510" s="10"/>
    </row>
    <row r="902511" spans="14:14">
      <c r="N902511" s="10"/>
    </row>
    <row r="902512" spans="14:14">
      <c r="N902512" s="10"/>
    </row>
    <row r="902513" spans="14:14">
      <c r="N902513" s="10"/>
    </row>
    <row r="902514" spans="14:14">
      <c r="N902514" s="10"/>
    </row>
    <row r="902515" spans="14:14">
      <c r="N902515" s="10"/>
    </row>
    <row r="902516" spans="14:14">
      <c r="N902516" s="10"/>
    </row>
    <row r="902517" spans="14:14">
      <c r="N902517" s="10"/>
    </row>
    <row r="902518" spans="14:14">
      <c r="N902518" s="10"/>
    </row>
    <row r="902519" spans="14:14">
      <c r="N902519" s="10"/>
    </row>
    <row r="902520" spans="14:14">
      <c r="N902520" s="10"/>
    </row>
    <row r="902521" spans="14:14">
      <c r="N902521" s="10"/>
    </row>
    <row r="902522" spans="14:14">
      <c r="N902522" s="10"/>
    </row>
    <row r="902523" spans="14:14">
      <c r="N902523" s="10"/>
    </row>
    <row r="902524" spans="14:14">
      <c r="N902524" s="10"/>
    </row>
    <row r="902525" spans="14:14">
      <c r="N902525" s="10"/>
    </row>
    <row r="902526" spans="14:14">
      <c r="N902526" s="10"/>
    </row>
    <row r="902527" spans="14:14">
      <c r="N902527" s="10"/>
    </row>
    <row r="902528" spans="14:14">
      <c r="N902528" s="10"/>
    </row>
    <row r="902529" spans="14:14">
      <c r="N902529" s="10"/>
    </row>
    <row r="902530" spans="14:14">
      <c r="N902530" s="10"/>
    </row>
    <row r="902531" spans="14:14">
      <c r="N902531" s="10"/>
    </row>
    <row r="902532" spans="14:14">
      <c r="N902532" s="10"/>
    </row>
    <row r="902533" spans="14:14">
      <c r="N902533" s="10"/>
    </row>
    <row r="902534" spans="14:14">
      <c r="N902534" s="10"/>
    </row>
    <row r="902535" spans="14:14">
      <c r="N902535" s="10"/>
    </row>
    <row r="902536" spans="14:14">
      <c r="N902536" s="10"/>
    </row>
    <row r="902537" spans="14:14">
      <c r="N902537" s="10"/>
    </row>
    <row r="902538" spans="14:14">
      <c r="N902538" s="10"/>
    </row>
    <row r="902539" spans="14:14">
      <c r="N902539" s="10"/>
    </row>
    <row r="902540" spans="14:14">
      <c r="N902540" s="10"/>
    </row>
    <row r="902541" spans="14:14">
      <c r="N902541" s="10"/>
    </row>
    <row r="902542" spans="14:14">
      <c r="N902542" s="10"/>
    </row>
    <row r="902543" spans="14:14">
      <c r="N902543" s="10"/>
    </row>
    <row r="902544" spans="14:14">
      <c r="N902544" s="10"/>
    </row>
    <row r="902545" spans="14:14">
      <c r="N902545" s="10"/>
    </row>
    <row r="902546" spans="14:14">
      <c r="N902546" s="10"/>
    </row>
    <row r="902547" spans="14:14">
      <c r="N902547" s="10"/>
    </row>
    <row r="902548" spans="14:14">
      <c r="N902548" s="10"/>
    </row>
    <row r="902549" spans="14:14">
      <c r="N902549" s="10"/>
    </row>
    <row r="902550" spans="14:14">
      <c r="N902550" s="10"/>
    </row>
    <row r="902551" spans="14:14">
      <c r="N902551" s="10"/>
    </row>
    <row r="902552" spans="14:14">
      <c r="N902552" s="10"/>
    </row>
    <row r="902553" spans="14:14">
      <c r="N902553" s="10"/>
    </row>
    <row r="902554" spans="14:14">
      <c r="N902554" s="10"/>
    </row>
    <row r="902555" spans="14:14">
      <c r="N902555" s="10"/>
    </row>
    <row r="902556" spans="14:14">
      <c r="N902556" s="10"/>
    </row>
    <row r="902557" spans="14:14">
      <c r="N902557" s="10"/>
    </row>
    <row r="902558" spans="14:14">
      <c r="N902558" s="10"/>
    </row>
    <row r="902559" spans="14:14">
      <c r="N902559" s="10"/>
    </row>
    <row r="902560" spans="14:14">
      <c r="N902560" s="10"/>
    </row>
    <row r="902561" spans="14:14">
      <c r="N902561" s="10"/>
    </row>
    <row r="902562" spans="14:14">
      <c r="N902562" s="10"/>
    </row>
    <row r="902563" spans="14:14">
      <c r="N902563" s="10"/>
    </row>
    <row r="902564" spans="14:14">
      <c r="N902564" s="10"/>
    </row>
    <row r="902565" spans="14:14">
      <c r="N902565" s="10"/>
    </row>
    <row r="902566" spans="14:14">
      <c r="N902566" s="10"/>
    </row>
    <row r="902567" spans="14:14">
      <c r="N902567" s="10"/>
    </row>
    <row r="902568" spans="14:14">
      <c r="N902568" s="10"/>
    </row>
    <row r="902569" spans="14:14">
      <c r="N902569" s="10"/>
    </row>
    <row r="902570" spans="14:14">
      <c r="N902570" s="10"/>
    </row>
    <row r="902571" spans="14:14">
      <c r="N902571" s="10"/>
    </row>
    <row r="902572" spans="14:14">
      <c r="N902572" s="10"/>
    </row>
    <row r="902573" spans="14:14">
      <c r="N902573" s="10"/>
    </row>
    <row r="902574" spans="14:14">
      <c r="N902574" s="10"/>
    </row>
    <row r="902575" spans="14:14">
      <c r="N902575" s="10"/>
    </row>
    <row r="902576" spans="14:14">
      <c r="N902576" s="10"/>
    </row>
    <row r="902577" spans="14:14">
      <c r="N902577" s="10"/>
    </row>
    <row r="902578" spans="14:14">
      <c r="N902578" s="10"/>
    </row>
    <row r="902579" spans="14:14">
      <c r="N902579" s="10"/>
    </row>
    <row r="902580" spans="14:14">
      <c r="N902580" s="10"/>
    </row>
    <row r="902581" spans="14:14">
      <c r="N902581" s="10"/>
    </row>
    <row r="902582" spans="14:14">
      <c r="N902582" s="10"/>
    </row>
    <row r="902583" spans="14:14">
      <c r="N902583" s="10"/>
    </row>
    <row r="902584" spans="14:14">
      <c r="N902584" s="10"/>
    </row>
    <row r="902585" spans="14:14">
      <c r="N902585" s="10"/>
    </row>
    <row r="902586" spans="14:14">
      <c r="N902586" s="10"/>
    </row>
    <row r="902587" spans="14:14">
      <c r="N902587" s="10"/>
    </row>
    <row r="902588" spans="14:14">
      <c r="N902588" s="10"/>
    </row>
    <row r="902589" spans="14:14">
      <c r="N902589" s="10"/>
    </row>
    <row r="902590" spans="14:14">
      <c r="N902590" s="10"/>
    </row>
    <row r="902591" spans="14:14">
      <c r="N902591" s="10"/>
    </row>
    <row r="902592" spans="14:14">
      <c r="N902592" s="10"/>
    </row>
    <row r="902593" spans="14:14">
      <c r="N902593" s="10"/>
    </row>
    <row r="902594" spans="14:14">
      <c r="N902594" s="10"/>
    </row>
    <row r="902595" spans="14:14">
      <c r="N902595" s="10"/>
    </row>
    <row r="902596" spans="14:14">
      <c r="N902596" s="10"/>
    </row>
    <row r="902597" spans="14:14">
      <c r="N902597" s="10"/>
    </row>
    <row r="902598" spans="14:14">
      <c r="N902598" s="10"/>
    </row>
    <row r="902599" spans="14:14">
      <c r="N902599" s="10"/>
    </row>
    <row r="902600" spans="14:14">
      <c r="N902600" s="10"/>
    </row>
    <row r="902601" spans="14:14">
      <c r="N902601" s="10"/>
    </row>
    <row r="902602" spans="14:14">
      <c r="N902602" s="10"/>
    </row>
    <row r="902603" spans="14:14">
      <c r="N902603" s="10"/>
    </row>
    <row r="902604" spans="14:14">
      <c r="N902604" s="10"/>
    </row>
    <row r="902605" spans="14:14">
      <c r="N902605" s="10"/>
    </row>
    <row r="902606" spans="14:14">
      <c r="N902606" s="10"/>
    </row>
    <row r="902607" spans="14:14">
      <c r="N902607" s="10"/>
    </row>
    <row r="902608" spans="14:14">
      <c r="N902608" s="10"/>
    </row>
    <row r="902609" spans="14:14">
      <c r="N902609" s="10"/>
    </row>
    <row r="902610" spans="14:14">
      <c r="N902610" s="10"/>
    </row>
    <row r="902611" spans="14:14">
      <c r="N902611" s="10"/>
    </row>
    <row r="902612" spans="14:14">
      <c r="N902612" s="10"/>
    </row>
    <row r="902613" spans="14:14">
      <c r="N902613" s="10"/>
    </row>
    <row r="902614" spans="14:14">
      <c r="N902614" s="10"/>
    </row>
    <row r="902615" spans="14:14">
      <c r="N902615" s="10"/>
    </row>
    <row r="902616" spans="14:14">
      <c r="N902616" s="10"/>
    </row>
    <row r="902617" spans="14:14">
      <c r="N902617" s="10"/>
    </row>
    <row r="902618" spans="14:14">
      <c r="N902618" s="10"/>
    </row>
    <row r="902619" spans="14:14">
      <c r="N902619" s="10"/>
    </row>
    <row r="902620" spans="14:14">
      <c r="N902620" s="10"/>
    </row>
    <row r="902621" spans="14:14">
      <c r="N902621" s="10"/>
    </row>
    <row r="902622" spans="14:14">
      <c r="N902622" s="10"/>
    </row>
    <row r="902623" spans="14:14">
      <c r="N902623" s="10"/>
    </row>
    <row r="902624" spans="14:14">
      <c r="N902624" s="10"/>
    </row>
    <row r="902625" spans="14:14">
      <c r="N902625" s="10"/>
    </row>
    <row r="902626" spans="14:14">
      <c r="N902626" s="10"/>
    </row>
    <row r="902627" spans="14:14">
      <c r="N902627" s="10"/>
    </row>
    <row r="902628" spans="14:14">
      <c r="N902628" s="10"/>
    </row>
    <row r="902629" spans="14:14">
      <c r="N902629" s="10"/>
    </row>
    <row r="902630" spans="14:14">
      <c r="N902630" s="10"/>
    </row>
    <row r="902631" spans="14:14">
      <c r="N902631" s="10"/>
    </row>
    <row r="902632" spans="14:14">
      <c r="N902632" s="10"/>
    </row>
    <row r="902633" spans="14:14">
      <c r="N902633" s="10"/>
    </row>
    <row r="902634" spans="14:14">
      <c r="N902634" s="10"/>
    </row>
    <row r="902635" spans="14:14">
      <c r="N902635" s="10"/>
    </row>
    <row r="902636" spans="14:14">
      <c r="N902636" s="10"/>
    </row>
    <row r="902637" spans="14:14">
      <c r="N902637" s="10"/>
    </row>
    <row r="902638" spans="14:14">
      <c r="N902638" s="10"/>
    </row>
    <row r="902639" spans="14:14">
      <c r="N902639" s="10"/>
    </row>
    <row r="902640" spans="14:14">
      <c r="N902640" s="10"/>
    </row>
    <row r="902641" spans="14:14">
      <c r="N902641" s="10"/>
    </row>
    <row r="902642" spans="14:14">
      <c r="N902642" s="10"/>
    </row>
    <row r="902643" spans="14:14">
      <c r="N902643" s="10"/>
    </row>
    <row r="902644" spans="14:14">
      <c r="N902644" s="10"/>
    </row>
    <row r="902645" spans="14:14">
      <c r="N902645" s="10"/>
    </row>
    <row r="902646" spans="14:14">
      <c r="N902646" s="10"/>
    </row>
    <row r="902647" spans="14:14">
      <c r="N902647" s="10"/>
    </row>
    <row r="902648" spans="14:14">
      <c r="N902648" s="10"/>
    </row>
    <row r="902649" spans="14:14">
      <c r="N902649" s="10"/>
    </row>
    <row r="902650" spans="14:14">
      <c r="N902650" s="10"/>
    </row>
    <row r="902651" spans="14:14">
      <c r="N902651" s="10"/>
    </row>
    <row r="902652" spans="14:14">
      <c r="N902652" s="10"/>
    </row>
    <row r="902653" spans="14:14">
      <c r="N902653" s="10"/>
    </row>
    <row r="902654" spans="14:14">
      <c r="N902654" s="10"/>
    </row>
    <row r="902655" spans="14:14">
      <c r="N902655" s="10"/>
    </row>
    <row r="902656" spans="14:14">
      <c r="N902656" s="10"/>
    </row>
    <row r="902657" spans="14:14">
      <c r="N902657" s="10"/>
    </row>
    <row r="902658" spans="14:14">
      <c r="N902658" s="10"/>
    </row>
    <row r="902659" spans="14:14">
      <c r="N902659" s="10"/>
    </row>
    <row r="902660" spans="14:14">
      <c r="N902660" s="10"/>
    </row>
    <row r="902661" spans="14:14">
      <c r="N902661" s="10"/>
    </row>
    <row r="902662" spans="14:14">
      <c r="N902662" s="10"/>
    </row>
    <row r="902663" spans="14:14">
      <c r="N902663" s="10"/>
    </row>
    <row r="902664" spans="14:14">
      <c r="N902664" s="10"/>
    </row>
    <row r="902665" spans="14:14">
      <c r="N902665" s="10"/>
    </row>
    <row r="902666" spans="14:14">
      <c r="N902666" s="10"/>
    </row>
    <row r="902667" spans="14:14">
      <c r="N902667" s="10"/>
    </row>
    <row r="902668" spans="14:14">
      <c r="N902668" s="10"/>
    </row>
    <row r="902669" spans="14:14">
      <c r="N902669" s="10"/>
    </row>
    <row r="902670" spans="14:14">
      <c r="N902670" s="10"/>
    </row>
    <row r="902671" spans="14:14">
      <c r="N902671" s="10"/>
    </row>
    <row r="902672" spans="14:14">
      <c r="N902672" s="10"/>
    </row>
    <row r="902673" spans="14:14">
      <c r="N902673" s="10"/>
    </row>
    <row r="902674" spans="14:14">
      <c r="N902674" s="10"/>
    </row>
    <row r="902675" spans="14:14">
      <c r="N902675" s="10"/>
    </row>
    <row r="902676" spans="14:14">
      <c r="N902676" s="10"/>
    </row>
    <row r="902677" spans="14:14">
      <c r="N902677" s="10"/>
    </row>
    <row r="902678" spans="14:14">
      <c r="N902678" s="10"/>
    </row>
    <row r="902679" spans="14:14">
      <c r="N902679" s="10"/>
    </row>
    <row r="902680" spans="14:14">
      <c r="N902680" s="10"/>
    </row>
    <row r="902681" spans="14:14">
      <c r="N902681" s="10"/>
    </row>
    <row r="902682" spans="14:14">
      <c r="N902682" s="10"/>
    </row>
    <row r="902683" spans="14:14">
      <c r="N902683" s="10"/>
    </row>
    <row r="902684" spans="14:14">
      <c r="N902684" s="10"/>
    </row>
    <row r="902685" spans="14:14">
      <c r="N902685" s="10"/>
    </row>
    <row r="902686" spans="14:14">
      <c r="N902686" s="10"/>
    </row>
    <row r="902687" spans="14:14">
      <c r="N902687" s="10"/>
    </row>
    <row r="902688" spans="14:14">
      <c r="N902688" s="10"/>
    </row>
    <row r="902689" spans="14:14">
      <c r="N902689" s="10"/>
    </row>
    <row r="902690" spans="14:14">
      <c r="N902690" s="10"/>
    </row>
    <row r="902691" spans="14:14">
      <c r="N902691" s="10"/>
    </row>
    <row r="902692" spans="14:14">
      <c r="N902692" s="10"/>
    </row>
    <row r="902693" spans="14:14">
      <c r="N902693" s="10"/>
    </row>
    <row r="902694" spans="14:14">
      <c r="N902694" s="10"/>
    </row>
    <row r="902695" spans="14:14">
      <c r="N902695" s="10"/>
    </row>
    <row r="902696" spans="14:14">
      <c r="N902696" s="10"/>
    </row>
    <row r="902697" spans="14:14">
      <c r="N902697" s="10"/>
    </row>
    <row r="902698" spans="14:14">
      <c r="N902698" s="10"/>
    </row>
    <row r="902699" spans="14:14">
      <c r="N902699" s="10"/>
    </row>
    <row r="902700" spans="14:14">
      <c r="N902700" s="10"/>
    </row>
    <row r="902701" spans="14:14">
      <c r="N902701" s="10"/>
    </row>
    <row r="902702" spans="14:14">
      <c r="N902702" s="10"/>
    </row>
    <row r="902703" spans="14:14">
      <c r="N902703" s="10"/>
    </row>
    <row r="902704" spans="14:14">
      <c r="N902704" s="10"/>
    </row>
    <row r="902705" spans="14:14">
      <c r="N902705" s="10"/>
    </row>
    <row r="902706" spans="14:14">
      <c r="N902706" s="10"/>
    </row>
    <row r="902707" spans="14:14">
      <c r="N902707" s="10"/>
    </row>
    <row r="902708" spans="14:14">
      <c r="N902708" s="10"/>
    </row>
    <row r="902709" spans="14:14">
      <c r="N902709" s="10"/>
    </row>
    <row r="902710" spans="14:14">
      <c r="N902710" s="10"/>
    </row>
    <row r="902711" spans="14:14">
      <c r="N902711" s="10"/>
    </row>
    <row r="902712" spans="14:14">
      <c r="N902712" s="10"/>
    </row>
    <row r="902713" spans="14:14">
      <c r="N902713" s="10"/>
    </row>
    <row r="902714" spans="14:14">
      <c r="N902714" s="10"/>
    </row>
    <row r="902715" spans="14:14">
      <c r="N902715" s="10"/>
    </row>
    <row r="902716" spans="14:14">
      <c r="N902716" s="10"/>
    </row>
    <row r="902717" spans="14:14">
      <c r="N902717" s="10"/>
    </row>
    <row r="902718" spans="14:14">
      <c r="N902718" s="10"/>
    </row>
    <row r="902719" spans="14:14">
      <c r="N902719" s="10"/>
    </row>
    <row r="902720" spans="14:14">
      <c r="N902720" s="10"/>
    </row>
    <row r="902721" spans="14:14">
      <c r="N902721" s="10"/>
    </row>
    <row r="902722" spans="14:14">
      <c r="N902722" s="10"/>
    </row>
    <row r="902723" spans="14:14">
      <c r="N902723" s="10"/>
    </row>
    <row r="902724" spans="14:14">
      <c r="N902724" s="10"/>
    </row>
    <row r="902725" spans="14:14">
      <c r="N902725" s="10"/>
    </row>
    <row r="902726" spans="14:14">
      <c r="N902726" s="10"/>
    </row>
    <row r="902727" spans="14:14">
      <c r="N902727" s="10"/>
    </row>
    <row r="902728" spans="14:14">
      <c r="N902728" s="10"/>
    </row>
    <row r="902729" spans="14:14">
      <c r="N902729" s="10"/>
    </row>
    <row r="902730" spans="14:14">
      <c r="N902730" s="10"/>
    </row>
    <row r="902731" spans="14:14">
      <c r="N902731" s="10"/>
    </row>
    <row r="902732" spans="14:14">
      <c r="N902732" s="10"/>
    </row>
    <row r="902733" spans="14:14">
      <c r="N902733" s="10"/>
    </row>
    <row r="902734" spans="14:14">
      <c r="N902734" s="10"/>
    </row>
    <row r="902735" spans="14:14">
      <c r="N902735" s="10"/>
    </row>
    <row r="902736" spans="14:14">
      <c r="N902736" s="10"/>
    </row>
    <row r="902737" spans="14:14">
      <c r="N902737" s="10"/>
    </row>
    <row r="902738" spans="14:14">
      <c r="N902738" s="10"/>
    </row>
    <row r="902739" spans="14:14">
      <c r="N902739" s="10"/>
    </row>
    <row r="902740" spans="14:14">
      <c r="N902740" s="10"/>
    </row>
    <row r="902741" spans="14:14">
      <c r="N902741" s="10"/>
    </row>
    <row r="902742" spans="14:14">
      <c r="N902742" s="10"/>
    </row>
    <row r="902743" spans="14:14">
      <c r="N902743" s="10"/>
    </row>
    <row r="902744" spans="14:14">
      <c r="N902744" s="10"/>
    </row>
    <row r="902745" spans="14:14">
      <c r="N902745" s="10"/>
    </row>
    <row r="902746" spans="14:14">
      <c r="N902746" s="10"/>
    </row>
    <row r="902747" spans="14:14">
      <c r="N902747" s="10"/>
    </row>
    <row r="902748" spans="14:14">
      <c r="N902748" s="10"/>
    </row>
    <row r="902749" spans="14:14">
      <c r="N902749" s="10"/>
    </row>
    <row r="902750" spans="14:14">
      <c r="N902750" s="10"/>
    </row>
    <row r="902751" spans="14:14">
      <c r="N902751" s="10"/>
    </row>
    <row r="902752" spans="14:14">
      <c r="N902752" s="10"/>
    </row>
    <row r="902753" spans="14:14">
      <c r="N902753" s="10"/>
    </row>
    <row r="902754" spans="14:14">
      <c r="N902754" s="10"/>
    </row>
    <row r="902755" spans="14:14">
      <c r="N902755" s="10"/>
    </row>
    <row r="902756" spans="14:14">
      <c r="N902756" s="10"/>
    </row>
    <row r="902757" spans="14:14">
      <c r="N902757" s="10"/>
    </row>
    <row r="902758" spans="14:14">
      <c r="N902758" s="10"/>
    </row>
    <row r="902759" spans="14:14">
      <c r="N902759" s="10"/>
    </row>
    <row r="902760" spans="14:14">
      <c r="N902760" s="10"/>
    </row>
    <row r="902761" spans="14:14">
      <c r="N902761" s="10"/>
    </row>
    <row r="902762" spans="14:14">
      <c r="N902762" s="10"/>
    </row>
    <row r="902763" spans="14:14">
      <c r="N902763" s="10"/>
    </row>
    <row r="902764" spans="14:14">
      <c r="N902764" s="10"/>
    </row>
    <row r="902765" spans="14:14">
      <c r="N902765" s="10"/>
    </row>
    <row r="902766" spans="14:14">
      <c r="N902766" s="10"/>
    </row>
    <row r="902767" spans="14:14">
      <c r="N902767" s="10"/>
    </row>
    <row r="902768" spans="14:14">
      <c r="N902768" s="10"/>
    </row>
    <row r="902769" spans="14:14">
      <c r="N902769" s="10"/>
    </row>
    <row r="902770" spans="14:14">
      <c r="N902770" s="10"/>
    </row>
    <row r="902771" spans="14:14">
      <c r="N902771" s="10"/>
    </row>
    <row r="902772" spans="14:14">
      <c r="N902772" s="10"/>
    </row>
    <row r="902773" spans="14:14">
      <c r="N902773" s="10"/>
    </row>
    <row r="902774" spans="14:14">
      <c r="N902774" s="10"/>
    </row>
    <row r="902775" spans="14:14">
      <c r="N902775" s="10"/>
    </row>
    <row r="902776" spans="14:14">
      <c r="N902776" s="10"/>
    </row>
    <row r="902777" spans="14:14">
      <c r="N902777" s="10"/>
    </row>
    <row r="902778" spans="14:14">
      <c r="N902778" s="10"/>
    </row>
    <row r="902779" spans="14:14">
      <c r="N902779" s="10"/>
    </row>
    <row r="902780" spans="14:14">
      <c r="N902780" s="10"/>
    </row>
    <row r="902781" spans="14:14">
      <c r="N902781" s="10"/>
    </row>
    <row r="902782" spans="14:14">
      <c r="N902782" s="10"/>
    </row>
    <row r="902783" spans="14:14">
      <c r="N902783" s="10"/>
    </row>
    <row r="902784" spans="14:14">
      <c r="N902784" s="10"/>
    </row>
    <row r="902785" spans="14:14">
      <c r="N902785" s="10"/>
    </row>
    <row r="902786" spans="14:14">
      <c r="N902786" s="10"/>
    </row>
    <row r="902787" spans="14:14">
      <c r="N902787" s="10"/>
    </row>
    <row r="902788" spans="14:14">
      <c r="N902788" s="10"/>
    </row>
    <row r="902789" spans="14:14">
      <c r="N902789" s="10"/>
    </row>
    <row r="902790" spans="14:14">
      <c r="N902790" s="10"/>
    </row>
    <row r="902791" spans="14:14">
      <c r="N902791" s="10"/>
    </row>
    <row r="902792" spans="14:14">
      <c r="N902792" s="10"/>
    </row>
    <row r="902793" spans="14:14">
      <c r="N902793" s="10"/>
    </row>
    <row r="902794" spans="14:14">
      <c r="N902794" s="10"/>
    </row>
    <row r="902795" spans="14:14">
      <c r="N902795" s="10"/>
    </row>
    <row r="902796" spans="14:14">
      <c r="N902796" s="10"/>
    </row>
    <row r="902797" spans="14:14">
      <c r="N902797" s="10"/>
    </row>
    <row r="902798" spans="14:14">
      <c r="N902798" s="10"/>
    </row>
    <row r="902799" spans="14:14">
      <c r="N902799" s="10"/>
    </row>
    <row r="902800" spans="14:14">
      <c r="N902800" s="10"/>
    </row>
    <row r="902801" spans="14:14">
      <c r="N902801" s="10"/>
    </row>
    <row r="902802" spans="14:14">
      <c r="N902802" s="10"/>
    </row>
    <row r="902803" spans="14:14">
      <c r="N902803" s="10"/>
    </row>
    <row r="902804" spans="14:14">
      <c r="N902804" s="10"/>
    </row>
    <row r="902805" spans="14:14">
      <c r="N902805" s="10"/>
    </row>
    <row r="902806" spans="14:14">
      <c r="N902806" s="10"/>
    </row>
    <row r="902807" spans="14:14">
      <c r="N902807" s="10"/>
    </row>
    <row r="902808" spans="14:14">
      <c r="N902808" s="10"/>
    </row>
    <row r="902809" spans="14:14">
      <c r="N902809" s="10"/>
    </row>
    <row r="902810" spans="14:14">
      <c r="N902810" s="10"/>
    </row>
    <row r="902811" spans="14:14">
      <c r="N902811" s="10"/>
    </row>
    <row r="902812" spans="14:14">
      <c r="N902812" s="10"/>
    </row>
    <row r="902813" spans="14:14">
      <c r="N902813" s="10"/>
    </row>
    <row r="902814" spans="14:14">
      <c r="N902814" s="10"/>
    </row>
    <row r="902815" spans="14:14">
      <c r="N902815" s="10"/>
    </row>
    <row r="902816" spans="14:14">
      <c r="N902816" s="10"/>
    </row>
    <row r="902817" spans="14:14">
      <c r="N902817" s="10"/>
    </row>
    <row r="902818" spans="14:14">
      <c r="N902818" s="10"/>
    </row>
    <row r="902819" spans="14:14">
      <c r="N902819" s="10"/>
    </row>
    <row r="902820" spans="14:14">
      <c r="N902820" s="10"/>
    </row>
    <row r="902821" spans="14:14">
      <c r="N902821" s="10"/>
    </row>
    <row r="902822" spans="14:14">
      <c r="N902822" s="10"/>
    </row>
    <row r="902823" spans="14:14">
      <c r="N902823" s="10"/>
    </row>
    <row r="902824" spans="14:14">
      <c r="N902824" s="10"/>
    </row>
    <row r="902825" spans="14:14">
      <c r="N902825" s="10"/>
    </row>
    <row r="902826" spans="14:14">
      <c r="N902826" s="10"/>
    </row>
    <row r="902827" spans="14:14">
      <c r="N902827" s="10"/>
    </row>
    <row r="902828" spans="14:14">
      <c r="N902828" s="10"/>
    </row>
    <row r="902829" spans="14:14">
      <c r="N902829" s="10"/>
    </row>
    <row r="902830" spans="14:14">
      <c r="N902830" s="10"/>
    </row>
    <row r="902831" spans="14:14">
      <c r="N902831" s="10"/>
    </row>
    <row r="902832" spans="14:14">
      <c r="N902832" s="10"/>
    </row>
    <row r="902833" spans="14:14">
      <c r="N902833" s="10"/>
    </row>
    <row r="902834" spans="14:14">
      <c r="N902834" s="10"/>
    </row>
    <row r="902835" spans="14:14">
      <c r="N902835" s="10"/>
    </row>
    <row r="902836" spans="14:14">
      <c r="N902836" s="10"/>
    </row>
    <row r="902837" spans="14:14">
      <c r="N902837" s="10"/>
    </row>
    <row r="902838" spans="14:14">
      <c r="N902838" s="10"/>
    </row>
    <row r="902839" spans="14:14">
      <c r="N902839" s="10"/>
    </row>
    <row r="902840" spans="14:14">
      <c r="N902840" s="10"/>
    </row>
    <row r="902841" spans="14:14">
      <c r="N902841" s="10"/>
    </row>
    <row r="902842" spans="14:14">
      <c r="N902842" s="10"/>
    </row>
    <row r="902843" spans="14:14">
      <c r="N902843" s="10"/>
    </row>
    <row r="902844" spans="14:14">
      <c r="N902844" s="10"/>
    </row>
    <row r="902845" spans="14:14">
      <c r="N902845" s="10"/>
    </row>
    <row r="902846" spans="14:14">
      <c r="N902846" s="10"/>
    </row>
    <row r="902847" spans="14:14">
      <c r="N902847" s="10"/>
    </row>
    <row r="902848" spans="14:14">
      <c r="N902848" s="10"/>
    </row>
    <row r="902849" spans="14:14">
      <c r="N902849" s="10"/>
    </row>
    <row r="902850" spans="14:14">
      <c r="N902850" s="10"/>
    </row>
    <row r="902851" spans="14:14">
      <c r="N902851" s="10"/>
    </row>
    <row r="902852" spans="14:14">
      <c r="N902852" s="10"/>
    </row>
    <row r="902853" spans="14:14">
      <c r="N902853" s="10"/>
    </row>
    <row r="902854" spans="14:14">
      <c r="N902854" s="10"/>
    </row>
    <row r="902855" spans="14:14">
      <c r="N902855" s="10"/>
    </row>
    <row r="902856" spans="14:14">
      <c r="N902856" s="10"/>
    </row>
    <row r="902857" spans="14:14">
      <c r="N902857" s="10"/>
    </row>
    <row r="902858" spans="14:14">
      <c r="N902858" s="10"/>
    </row>
    <row r="902859" spans="14:14">
      <c r="N902859" s="10"/>
    </row>
    <row r="902860" spans="14:14">
      <c r="N902860" s="10"/>
    </row>
    <row r="902861" spans="14:14">
      <c r="N902861" s="10"/>
    </row>
    <row r="902862" spans="14:14">
      <c r="N902862" s="10"/>
    </row>
    <row r="902863" spans="14:14">
      <c r="N902863" s="10"/>
    </row>
    <row r="902864" spans="14:14">
      <c r="N902864" s="10"/>
    </row>
    <row r="902865" spans="14:14">
      <c r="N902865" s="10"/>
    </row>
    <row r="902866" spans="14:14">
      <c r="N902866" s="10"/>
    </row>
    <row r="902867" spans="14:14">
      <c r="N902867" s="10"/>
    </row>
    <row r="902868" spans="14:14">
      <c r="N902868" s="10"/>
    </row>
    <row r="902869" spans="14:14">
      <c r="N902869" s="10"/>
    </row>
    <row r="902870" spans="14:14">
      <c r="N902870" s="10"/>
    </row>
    <row r="902871" spans="14:14">
      <c r="N902871" s="10"/>
    </row>
    <row r="902872" spans="14:14">
      <c r="N902872" s="10"/>
    </row>
    <row r="902873" spans="14:14">
      <c r="N902873" s="10"/>
    </row>
    <row r="902874" spans="14:14">
      <c r="N902874" s="10"/>
    </row>
    <row r="902875" spans="14:14">
      <c r="N902875" s="10"/>
    </row>
    <row r="902876" spans="14:14">
      <c r="N902876" s="10"/>
    </row>
    <row r="902877" spans="14:14">
      <c r="N902877" s="10"/>
    </row>
    <row r="902878" spans="14:14">
      <c r="N902878" s="10"/>
    </row>
    <row r="902879" spans="14:14">
      <c r="N902879" s="10"/>
    </row>
    <row r="902880" spans="14:14">
      <c r="N902880" s="10"/>
    </row>
    <row r="902881" spans="14:14">
      <c r="N902881" s="10"/>
    </row>
    <row r="902882" spans="14:14">
      <c r="N902882" s="10"/>
    </row>
    <row r="902883" spans="14:14">
      <c r="N902883" s="10"/>
    </row>
    <row r="902884" spans="14:14">
      <c r="N902884" s="10"/>
    </row>
    <row r="902885" spans="14:14">
      <c r="N902885" s="10"/>
    </row>
    <row r="902886" spans="14:14">
      <c r="N902886" s="10"/>
    </row>
    <row r="902887" spans="14:14">
      <c r="N902887" s="10"/>
    </row>
    <row r="902888" spans="14:14">
      <c r="N902888" s="10"/>
    </row>
    <row r="902889" spans="14:14">
      <c r="N902889" s="10"/>
    </row>
    <row r="902890" spans="14:14">
      <c r="N902890" s="10"/>
    </row>
    <row r="902891" spans="14:14">
      <c r="N902891" s="10"/>
    </row>
    <row r="902892" spans="14:14">
      <c r="N902892" s="10"/>
    </row>
    <row r="902893" spans="14:14">
      <c r="N902893" s="10"/>
    </row>
    <row r="902894" spans="14:14">
      <c r="N902894" s="10"/>
    </row>
    <row r="902895" spans="14:14">
      <c r="N902895" s="10"/>
    </row>
    <row r="902896" spans="14:14">
      <c r="N902896" s="10"/>
    </row>
    <row r="902897" spans="14:14">
      <c r="N902897" s="10"/>
    </row>
    <row r="902898" spans="14:14">
      <c r="N902898" s="10"/>
    </row>
    <row r="902899" spans="14:14">
      <c r="N902899" s="10"/>
    </row>
    <row r="902900" spans="14:14">
      <c r="N902900" s="10"/>
    </row>
    <row r="902901" spans="14:14">
      <c r="N902901" s="10"/>
    </row>
    <row r="902902" spans="14:14">
      <c r="N902902" s="10"/>
    </row>
    <row r="902903" spans="14:14">
      <c r="N902903" s="10"/>
    </row>
    <row r="902904" spans="14:14">
      <c r="N902904" s="10"/>
    </row>
    <row r="902905" spans="14:14">
      <c r="N902905" s="10"/>
    </row>
    <row r="902906" spans="14:14">
      <c r="N902906" s="10"/>
    </row>
    <row r="902907" spans="14:14">
      <c r="N902907" s="10"/>
    </row>
    <row r="902908" spans="14:14">
      <c r="N902908" s="10"/>
    </row>
    <row r="902909" spans="14:14">
      <c r="N902909" s="10"/>
    </row>
    <row r="902910" spans="14:14">
      <c r="N902910" s="10"/>
    </row>
    <row r="902911" spans="14:14">
      <c r="N902911" s="10"/>
    </row>
    <row r="902912" spans="14:14">
      <c r="N902912" s="10"/>
    </row>
    <row r="902913" spans="14:14">
      <c r="N902913" s="10"/>
    </row>
    <row r="902914" spans="14:14">
      <c r="N902914" s="10"/>
    </row>
    <row r="902915" spans="14:14">
      <c r="N902915" s="10"/>
    </row>
    <row r="902916" spans="14:14">
      <c r="N902916" s="10"/>
    </row>
    <row r="902917" spans="14:14">
      <c r="N902917" s="10"/>
    </row>
    <row r="902918" spans="14:14">
      <c r="N902918" s="10"/>
    </row>
    <row r="902919" spans="14:14">
      <c r="N902919" s="10"/>
    </row>
    <row r="902920" spans="14:14">
      <c r="N902920" s="10"/>
    </row>
    <row r="902921" spans="14:14">
      <c r="N902921" s="10"/>
    </row>
    <row r="902922" spans="14:14">
      <c r="N902922" s="10"/>
    </row>
    <row r="902923" spans="14:14">
      <c r="N902923" s="10"/>
    </row>
    <row r="902924" spans="14:14">
      <c r="N902924" s="10"/>
    </row>
    <row r="902925" spans="14:14">
      <c r="N902925" s="10"/>
    </row>
    <row r="902926" spans="14:14">
      <c r="N902926" s="10"/>
    </row>
    <row r="902927" spans="14:14">
      <c r="N902927" s="10"/>
    </row>
    <row r="902928" spans="14:14">
      <c r="N902928" s="10"/>
    </row>
    <row r="902929" spans="14:14">
      <c r="N902929" s="10"/>
    </row>
    <row r="902930" spans="14:14">
      <c r="N902930" s="10"/>
    </row>
    <row r="902931" spans="14:14">
      <c r="N902931" s="10"/>
    </row>
    <row r="902932" spans="14:14">
      <c r="N902932" s="10"/>
    </row>
    <row r="902933" spans="14:14">
      <c r="N902933" s="10"/>
    </row>
    <row r="902934" spans="14:14">
      <c r="N902934" s="10"/>
    </row>
    <row r="902935" spans="14:14">
      <c r="N902935" s="10"/>
    </row>
    <row r="902936" spans="14:14">
      <c r="N902936" s="10"/>
    </row>
    <row r="902937" spans="14:14">
      <c r="N902937" s="10"/>
    </row>
    <row r="902938" spans="14:14">
      <c r="N902938" s="10"/>
    </row>
    <row r="902939" spans="14:14">
      <c r="N902939" s="10"/>
    </row>
    <row r="902940" spans="14:14">
      <c r="N902940" s="10"/>
    </row>
    <row r="902941" spans="14:14">
      <c r="N902941" s="10"/>
    </row>
    <row r="902942" spans="14:14">
      <c r="N902942" s="10"/>
    </row>
    <row r="902943" spans="14:14">
      <c r="N902943" s="10"/>
    </row>
    <row r="902944" spans="14:14">
      <c r="N902944" s="10"/>
    </row>
    <row r="902945" spans="14:14">
      <c r="N902945" s="10"/>
    </row>
    <row r="902946" spans="14:14">
      <c r="N902946" s="10"/>
    </row>
    <row r="902947" spans="14:14">
      <c r="N902947" s="10"/>
    </row>
    <row r="902948" spans="14:14">
      <c r="N902948" s="10"/>
    </row>
    <row r="902949" spans="14:14">
      <c r="N902949" s="10"/>
    </row>
    <row r="902950" spans="14:14">
      <c r="N902950" s="10"/>
    </row>
    <row r="902951" spans="14:14">
      <c r="N902951" s="10"/>
    </row>
    <row r="902952" spans="14:14">
      <c r="N902952" s="10"/>
    </row>
    <row r="902953" spans="14:14">
      <c r="N902953" s="10"/>
    </row>
    <row r="902954" spans="14:14">
      <c r="N902954" s="10"/>
    </row>
    <row r="902955" spans="14:14">
      <c r="N902955" s="10"/>
    </row>
    <row r="902956" spans="14:14">
      <c r="N902956" s="10"/>
    </row>
    <row r="902957" spans="14:14">
      <c r="N902957" s="10"/>
    </row>
    <row r="902958" spans="14:14">
      <c r="N902958" s="10"/>
    </row>
    <row r="902959" spans="14:14">
      <c r="N902959" s="10"/>
    </row>
    <row r="902960" spans="14:14">
      <c r="N902960" s="10"/>
    </row>
    <row r="902961" spans="14:14">
      <c r="N902961" s="10"/>
    </row>
    <row r="902962" spans="14:14">
      <c r="N902962" s="10"/>
    </row>
    <row r="902963" spans="14:14">
      <c r="N902963" s="10"/>
    </row>
    <row r="902964" spans="14:14">
      <c r="N902964" s="10"/>
    </row>
    <row r="902965" spans="14:14">
      <c r="N902965" s="10"/>
    </row>
    <row r="902966" spans="14:14">
      <c r="N902966" s="10"/>
    </row>
    <row r="902967" spans="14:14">
      <c r="N902967" s="10"/>
    </row>
    <row r="902968" spans="14:14">
      <c r="N902968" s="10"/>
    </row>
    <row r="902969" spans="14:14">
      <c r="N902969" s="10"/>
    </row>
    <row r="902970" spans="14:14">
      <c r="N902970" s="10"/>
    </row>
    <row r="902971" spans="14:14">
      <c r="N902971" s="10"/>
    </row>
    <row r="902972" spans="14:14">
      <c r="N902972" s="10"/>
    </row>
    <row r="902973" spans="14:14">
      <c r="N902973" s="10"/>
    </row>
    <row r="902974" spans="14:14">
      <c r="N902974" s="10"/>
    </row>
    <row r="902975" spans="14:14">
      <c r="N902975" s="10"/>
    </row>
    <row r="902976" spans="14:14">
      <c r="N902976" s="10"/>
    </row>
    <row r="902977" spans="14:14">
      <c r="N902977" s="10"/>
    </row>
    <row r="902978" spans="14:14">
      <c r="N902978" s="10"/>
    </row>
    <row r="902979" spans="14:14">
      <c r="N902979" s="10"/>
    </row>
    <row r="902980" spans="14:14">
      <c r="N902980" s="10"/>
    </row>
    <row r="902981" spans="14:14">
      <c r="N902981" s="10"/>
    </row>
    <row r="902982" spans="14:14">
      <c r="N902982" s="10"/>
    </row>
    <row r="902983" spans="14:14">
      <c r="N902983" s="10"/>
    </row>
    <row r="902984" spans="14:14">
      <c r="N902984" s="10"/>
    </row>
    <row r="902985" spans="14:14">
      <c r="N902985" s="10"/>
    </row>
    <row r="902986" spans="14:14">
      <c r="N902986" s="10"/>
    </row>
    <row r="902987" spans="14:14">
      <c r="N902987" s="10"/>
    </row>
    <row r="902988" spans="14:14">
      <c r="N902988" s="10"/>
    </row>
    <row r="902989" spans="14:14">
      <c r="N902989" s="10"/>
    </row>
    <row r="902990" spans="14:14">
      <c r="N902990" s="10"/>
    </row>
    <row r="902991" spans="14:14">
      <c r="N902991" s="10"/>
    </row>
    <row r="902992" spans="14:14">
      <c r="N902992" s="10"/>
    </row>
    <row r="902993" spans="14:14">
      <c r="N902993" s="10"/>
    </row>
    <row r="902994" spans="14:14">
      <c r="N902994" s="10"/>
    </row>
    <row r="902995" spans="14:14">
      <c r="N902995" s="10"/>
    </row>
    <row r="902996" spans="14:14">
      <c r="N902996" s="10"/>
    </row>
    <row r="902997" spans="14:14">
      <c r="N902997" s="10"/>
    </row>
    <row r="902998" spans="14:14">
      <c r="N902998" s="10"/>
    </row>
    <row r="902999" spans="14:14">
      <c r="N902999" s="10"/>
    </row>
    <row r="903000" spans="14:14">
      <c r="N903000" s="10"/>
    </row>
    <row r="903001" spans="14:14">
      <c r="N903001" s="10"/>
    </row>
    <row r="903002" spans="14:14">
      <c r="N903002" s="10"/>
    </row>
    <row r="903003" spans="14:14">
      <c r="N903003" s="10"/>
    </row>
    <row r="903004" spans="14:14">
      <c r="N903004" s="10"/>
    </row>
    <row r="903005" spans="14:14">
      <c r="N903005" s="10"/>
    </row>
    <row r="903006" spans="14:14">
      <c r="N903006" s="10"/>
    </row>
    <row r="903007" spans="14:14">
      <c r="N903007" s="10"/>
    </row>
    <row r="903008" spans="14:14">
      <c r="N903008" s="10"/>
    </row>
    <row r="903009" spans="14:14">
      <c r="N903009" s="10"/>
    </row>
    <row r="903010" spans="14:14">
      <c r="N903010" s="10"/>
    </row>
    <row r="903011" spans="14:14">
      <c r="N903011" s="10"/>
    </row>
    <row r="903012" spans="14:14">
      <c r="N903012" s="10"/>
    </row>
    <row r="903013" spans="14:14">
      <c r="N903013" s="10"/>
    </row>
    <row r="903014" spans="14:14">
      <c r="N903014" s="10"/>
    </row>
    <row r="903015" spans="14:14">
      <c r="N903015" s="10"/>
    </row>
    <row r="903016" spans="14:14">
      <c r="N903016" s="10"/>
    </row>
    <row r="903017" spans="14:14">
      <c r="N903017" s="10"/>
    </row>
    <row r="903018" spans="14:14">
      <c r="N903018" s="10"/>
    </row>
    <row r="903019" spans="14:14">
      <c r="N903019" s="10"/>
    </row>
    <row r="903020" spans="14:14">
      <c r="N903020" s="10"/>
    </row>
    <row r="903021" spans="14:14">
      <c r="N903021" s="10"/>
    </row>
    <row r="903022" spans="14:14">
      <c r="N903022" s="10"/>
    </row>
    <row r="903023" spans="14:14">
      <c r="N903023" s="10"/>
    </row>
    <row r="903024" spans="14:14">
      <c r="N903024" s="10"/>
    </row>
    <row r="903025" spans="14:14">
      <c r="N903025" s="10"/>
    </row>
    <row r="903026" spans="14:14">
      <c r="N903026" s="10"/>
    </row>
    <row r="903027" spans="14:14">
      <c r="N903027" s="10"/>
    </row>
    <row r="903028" spans="14:14">
      <c r="N903028" s="10"/>
    </row>
    <row r="903029" spans="14:14">
      <c r="N903029" s="10"/>
    </row>
    <row r="903030" spans="14:14">
      <c r="N903030" s="10"/>
    </row>
    <row r="903031" spans="14:14">
      <c r="N903031" s="10"/>
    </row>
    <row r="903032" spans="14:14">
      <c r="N903032" s="10"/>
    </row>
    <row r="903033" spans="14:14">
      <c r="N903033" s="10"/>
    </row>
    <row r="903034" spans="14:14">
      <c r="N903034" s="10"/>
    </row>
    <row r="903035" spans="14:14">
      <c r="N903035" s="10"/>
    </row>
    <row r="903036" spans="14:14">
      <c r="N903036" s="10"/>
    </row>
    <row r="903037" spans="14:14">
      <c r="N903037" s="10"/>
    </row>
    <row r="903038" spans="14:14">
      <c r="N903038" s="10"/>
    </row>
    <row r="903039" spans="14:14">
      <c r="N903039" s="10"/>
    </row>
    <row r="903040" spans="14:14">
      <c r="N903040" s="10"/>
    </row>
    <row r="903041" spans="14:14">
      <c r="N903041" s="10"/>
    </row>
    <row r="903042" spans="14:14">
      <c r="N903042" s="10"/>
    </row>
    <row r="903043" spans="14:14">
      <c r="N903043" s="10"/>
    </row>
    <row r="903044" spans="14:14">
      <c r="N903044" s="10"/>
    </row>
    <row r="903045" spans="14:14">
      <c r="N903045" s="10"/>
    </row>
    <row r="903046" spans="14:14">
      <c r="N903046" s="10"/>
    </row>
    <row r="903047" spans="14:14">
      <c r="N903047" s="10"/>
    </row>
    <row r="903048" spans="14:14">
      <c r="N903048" s="10"/>
    </row>
    <row r="903049" spans="14:14">
      <c r="N903049" s="10"/>
    </row>
    <row r="903050" spans="14:14">
      <c r="N903050" s="10"/>
    </row>
    <row r="903051" spans="14:14">
      <c r="N903051" s="10"/>
    </row>
    <row r="903052" spans="14:14">
      <c r="N903052" s="10"/>
    </row>
    <row r="903053" spans="14:14">
      <c r="N903053" s="10"/>
    </row>
    <row r="903054" spans="14:14">
      <c r="N903054" s="10"/>
    </row>
    <row r="903055" spans="14:14">
      <c r="N903055" s="10"/>
    </row>
    <row r="903056" spans="14:14">
      <c r="N903056" s="10"/>
    </row>
    <row r="903057" spans="14:14">
      <c r="N903057" s="10"/>
    </row>
    <row r="903058" spans="14:14">
      <c r="N903058" s="10"/>
    </row>
    <row r="903059" spans="14:14">
      <c r="N903059" s="10"/>
    </row>
    <row r="903060" spans="14:14">
      <c r="N903060" s="10"/>
    </row>
    <row r="903061" spans="14:14">
      <c r="N903061" s="10"/>
    </row>
    <row r="903062" spans="14:14">
      <c r="N903062" s="10"/>
    </row>
    <row r="903063" spans="14:14">
      <c r="N903063" s="10"/>
    </row>
    <row r="903064" spans="14:14">
      <c r="N903064" s="10"/>
    </row>
    <row r="903065" spans="14:14">
      <c r="N903065" s="10"/>
    </row>
    <row r="903066" spans="14:14">
      <c r="N903066" s="10"/>
    </row>
    <row r="903067" spans="14:14">
      <c r="N903067" s="10"/>
    </row>
    <row r="903068" spans="14:14">
      <c r="N903068" s="10"/>
    </row>
    <row r="903069" spans="14:14">
      <c r="N903069" s="10"/>
    </row>
    <row r="903070" spans="14:14">
      <c r="N903070" s="10"/>
    </row>
    <row r="903071" spans="14:14">
      <c r="N903071" s="10"/>
    </row>
    <row r="903072" spans="14:14">
      <c r="N903072" s="10"/>
    </row>
    <row r="903073" spans="14:14">
      <c r="N903073" s="10"/>
    </row>
    <row r="903074" spans="14:14">
      <c r="N903074" s="10"/>
    </row>
    <row r="903075" spans="14:14">
      <c r="N903075" s="10"/>
    </row>
    <row r="903076" spans="14:14">
      <c r="N903076" s="10"/>
    </row>
    <row r="903077" spans="14:14">
      <c r="N903077" s="10"/>
    </row>
    <row r="903078" spans="14:14">
      <c r="N903078" s="10"/>
    </row>
    <row r="903079" spans="14:14">
      <c r="N903079" s="10"/>
    </row>
    <row r="903080" spans="14:14">
      <c r="N903080" s="10"/>
    </row>
    <row r="903081" spans="14:14">
      <c r="N903081" s="10"/>
    </row>
    <row r="903082" spans="14:14">
      <c r="N903082" s="10"/>
    </row>
    <row r="903083" spans="14:14">
      <c r="N903083" s="10"/>
    </row>
    <row r="903084" spans="14:14">
      <c r="N903084" s="10"/>
    </row>
    <row r="903085" spans="14:14">
      <c r="N903085" s="10"/>
    </row>
    <row r="903086" spans="14:14">
      <c r="N903086" s="10"/>
    </row>
    <row r="903087" spans="14:14">
      <c r="N903087" s="10"/>
    </row>
    <row r="903088" spans="14:14">
      <c r="N903088" s="10"/>
    </row>
    <row r="903089" spans="14:14">
      <c r="N903089" s="10"/>
    </row>
    <row r="903090" spans="14:14">
      <c r="N903090" s="10"/>
    </row>
    <row r="903091" spans="14:14">
      <c r="N903091" s="10"/>
    </row>
    <row r="903092" spans="14:14">
      <c r="N903092" s="10"/>
    </row>
    <row r="903093" spans="14:14">
      <c r="N903093" s="10"/>
    </row>
    <row r="903094" spans="14:14">
      <c r="N903094" s="10"/>
    </row>
    <row r="903095" spans="14:14">
      <c r="N903095" s="10"/>
    </row>
    <row r="903096" spans="14:14">
      <c r="N903096" s="10"/>
    </row>
    <row r="903097" spans="14:14">
      <c r="N903097" s="10"/>
    </row>
    <row r="903098" spans="14:14">
      <c r="N903098" s="10"/>
    </row>
    <row r="903099" spans="14:14">
      <c r="N903099" s="10"/>
    </row>
    <row r="903100" spans="14:14">
      <c r="N903100" s="10"/>
    </row>
    <row r="903101" spans="14:14">
      <c r="N903101" s="10"/>
    </row>
    <row r="903102" spans="14:14">
      <c r="N903102" s="10"/>
    </row>
    <row r="903103" spans="14:14">
      <c r="N903103" s="10"/>
    </row>
    <row r="903104" spans="14:14">
      <c r="N903104" s="10"/>
    </row>
    <row r="903105" spans="14:14">
      <c r="N903105" s="10"/>
    </row>
    <row r="903106" spans="14:14">
      <c r="N903106" s="10"/>
    </row>
    <row r="903107" spans="14:14">
      <c r="N903107" s="10"/>
    </row>
    <row r="903108" spans="14:14">
      <c r="N903108" s="10"/>
    </row>
    <row r="903109" spans="14:14">
      <c r="N903109" s="10"/>
    </row>
    <row r="903110" spans="14:14">
      <c r="N903110" s="10"/>
    </row>
    <row r="903111" spans="14:14">
      <c r="N903111" s="10"/>
    </row>
    <row r="903112" spans="14:14">
      <c r="N903112" s="10"/>
    </row>
    <row r="903113" spans="14:14">
      <c r="N903113" s="10"/>
    </row>
    <row r="903114" spans="14:14">
      <c r="N903114" s="10"/>
    </row>
    <row r="903115" spans="14:14">
      <c r="N903115" s="10"/>
    </row>
    <row r="903116" spans="14:14">
      <c r="N903116" s="10"/>
    </row>
    <row r="903117" spans="14:14">
      <c r="N903117" s="10"/>
    </row>
    <row r="903118" spans="14:14">
      <c r="N903118" s="10"/>
    </row>
    <row r="903119" spans="14:14">
      <c r="N903119" s="10"/>
    </row>
    <row r="903120" spans="14:14">
      <c r="N903120" s="10"/>
    </row>
    <row r="903121" spans="14:14">
      <c r="N903121" s="10"/>
    </row>
    <row r="903122" spans="14:14">
      <c r="N903122" s="10"/>
    </row>
    <row r="903123" spans="14:14">
      <c r="N903123" s="10"/>
    </row>
    <row r="903124" spans="14:14">
      <c r="N903124" s="10"/>
    </row>
    <row r="903125" spans="14:14">
      <c r="N903125" s="10"/>
    </row>
    <row r="903126" spans="14:14">
      <c r="N903126" s="10"/>
    </row>
    <row r="903127" spans="14:14">
      <c r="N903127" s="10"/>
    </row>
    <row r="903128" spans="14:14">
      <c r="N903128" s="10"/>
    </row>
    <row r="903129" spans="14:14">
      <c r="N903129" s="10"/>
    </row>
    <row r="903130" spans="14:14">
      <c r="N903130" s="10"/>
    </row>
    <row r="903131" spans="14:14">
      <c r="N903131" s="10"/>
    </row>
    <row r="903132" spans="14:14">
      <c r="N903132" s="10"/>
    </row>
    <row r="903133" spans="14:14">
      <c r="N903133" s="10"/>
    </row>
    <row r="903134" spans="14:14">
      <c r="N903134" s="10"/>
    </row>
    <row r="903135" spans="14:14">
      <c r="N903135" s="10"/>
    </row>
    <row r="903136" spans="14:14">
      <c r="N903136" s="10"/>
    </row>
    <row r="903137" spans="14:14">
      <c r="N903137" s="10"/>
    </row>
    <row r="903138" spans="14:14">
      <c r="N903138" s="10"/>
    </row>
    <row r="903139" spans="14:14">
      <c r="N903139" s="10"/>
    </row>
    <row r="903140" spans="14:14">
      <c r="N903140" s="10"/>
    </row>
    <row r="903141" spans="14:14">
      <c r="N903141" s="10"/>
    </row>
    <row r="903142" spans="14:14">
      <c r="N903142" s="10"/>
    </row>
    <row r="903143" spans="14:14">
      <c r="N903143" s="10"/>
    </row>
    <row r="903144" spans="14:14">
      <c r="N903144" s="10"/>
    </row>
    <row r="903145" spans="14:14">
      <c r="N903145" s="10"/>
    </row>
    <row r="903146" spans="14:14">
      <c r="N903146" s="10"/>
    </row>
    <row r="903147" spans="14:14">
      <c r="N903147" s="10"/>
    </row>
    <row r="903148" spans="14:14">
      <c r="N903148" s="10"/>
    </row>
    <row r="903149" spans="14:14">
      <c r="N903149" s="10"/>
    </row>
    <row r="903150" spans="14:14">
      <c r="N903150" s="10"/>
    </row>
    <row r="903151" spans="14:14">
      <c r="N903151" s="10"/>
    </row>
    <row r="903152" spans="14:14">
      <c r="N903152" s="10"/>
    </row>
    <row r="903153" spans="14:14">
      <c r="N903153" s="10"/>
    </row>
    <row r="903154" spans="14:14">
      <c r="N903154" s="10"/>
    </row>
    <row r="903155" spans="14:14">
      <c r="N903155" s="10"/>
    </row>
    <row r="903156" spans="14:14">
      <c r="N903156" s="10"/>
    </row>
    <row r="903157" spans="14:14">
      <c r="N903157" s="10"/>
    </row>
    <row r="903158" spans="14:14">
      <c r="N903158" s="10"/>
    </row>
    <row r="903159" spans="14:14">
      <c r="N903159" s="10"/>
    </row>
    <row r="903160" spans="14:14">
      <c r="N903160" s="10"/>
    </row>
    <row r="903161" spans="14:14">
      <c r="N903161" s="10"/>
    </row>
    <row r="903162" spans="14:14">
      <c r="N903162" s="10"/>
    </row>
    <row r="903163" spans="14:14">
      <c r="N903163" s="10"/>
    </row>
    <row r="903164" spans="14:14">
      <c r="N903164" s="10"/>
    </row>
    <row r="903165" spans="14:14">
      <c r="N903165" s="10"/>
    </row>
    <row r="903166" spans="14:14">
      <c r="N903166" s="10"/>
    </row>
    <row r="903167" spans="14:14">
      <c r="N903167" s="10"/>
    </row>
    <row r="903168" spans="14:14">
      <c r="N903168" s="10"/>
    </row>
    <row r="903169" spans="14:14">
      <c r="N903169" s="10"/>
    </row>
    <row r="903170" spans="14:14">
      <c r="N903170" s="10"/>
    </row>
    <row r="903171" spans="14:14">
      <c r="N903171" s="10"/>
    </row>
    <row r="903172" spans="14:14">
      <c r="N903172" s="10"/>
    </row>
    <row r="903173" spans="14:14">
      <c r="N903173" s="10"/>
    </row>
    <row r="903174" spans="14:14">
      <c r="N903174" s="10"/>
    </row>
    <row r="903175" spans="14:14">
      <c r="N903175" s="10"/>
    </row>
    <row r="903176" spans="14:14">
      <c r="N903176" s="10"/>
    </row>
    <row r="903177" spans="14:14">
      <c r="N903177" s="10"/>
    </row>
    <row r="903178" spans="14:14">
      <c r="N903178" s="10"/>
    </row>
    <row r="903179" spans="14:14">
      <c r="N903179" s="10"/>
    </row>
    <row r="903180" spans="14:14">
      <c r="N903180" s="10"/>
    </row>
    <row r="903181" spans="14:14">
      <c r="N903181" s="10"/>
    </row>
    <row r="903182" spans="14:14">
      <c r="N903182" s="10"/>
    </row>
    <row r="903183" spans="14:14">
      <c r="N903183" s="10"/>
    </row>
    <row r="903184" spans="14:14">
      <c r="N903184" s="10"/>
    </row>
    <row r="903185" spans="14:14">
      <c r="N903185" s="10"/>
    </row>
    <row r="903186" spans="14:14">
      <c r="N903186" s="10"/>
    </row>
    <row r="903187" spans="14:14">
      <c r="N903187" s="10"/>
    </row>
    <row r="903188" spans="14:14">
      <c r="N903188" s="10"/>
    </row>
    <row r="903189" spans="14:14">
      <c r="N903189" s="10"/>
    </row>
    <row r="903190" spans="14:14">
      <c r="N903190" s="10"/>
    </row>
    <row r="903191" spans="14:14">
      <c r="N903191" s="10"/>
    </row>
    <row r="903192" spans="14:14">
      <c r="N903192" s="10"/>
    </row>
    <row r="903193" spans="14:14">
      <c r="N903193" s="10"/>
    </row>
    <row r="903194" spans="14:14">
      <c r="N903194" s="10"/>
    </row>
    <row r="903195" spans="14:14">
      <c r="N903195" s="10"/>
    </row>
    <row r="903196" spans="14:14">
      <c r="N903196" s="10"/>
    </row>
    <row r="903197" spans="14:14">
      <c r="N903197" s="10"/>
    </row>
    <row r="903198" spans="14:14">
      <c r="N903198" s="10"/>
    </row>
    <row r="903199" spans="14:14">
      <c r="N903199" s="10"/>
    </row>
    <row r="903200" spans="14:14">
      <c r="N903200" s="10"/>
    </row>
    <row r="903201" spans="14:14">
      <c r="N903201" s="10"/>
    </row>
    <row r="903202" spans="14:14">
      <c r="N903202" s="10"/>
    </row>
    <row r="903203" spans="14:14">
      <c r="N903203" s="10"/>
    </row>
    <row r="903204" spans="14:14">
      <c r="N903204" s="10"/>
    </row>
    <row r="903205" spans="14:14">
      <c r="N903205" s="10"/>
    </row>
    <row r="903206" spans="14:14">
      <c r="N903206" s="10"/>
    </row>
    <row r="903207" spans="14:14">
      <c r="N903207" s="10"/>
    </row>
    <row r="903208" spans="14:14">
      <c r="N903208" s="10"/>
    </row>
    <row r="903209" spans="14:14">
      <c r="N903209" s="10"/>
    </row>
    <row r="903210" spans="14:14">
      <c r="N903210" s="10"/>
    </row>
    <row r="903211" spans="14:14">
      <c r="N903211" s="10"/>
    </row>
    <row r="903212" spans="14:14">
      <c r="N903212" s="10"/>
    </row>
    <row r="903213" spans="14:14">
      <c r="N903213" s="10"/>
    </row>
    <row r="903214" spans="14:14">
      <c r="N903214" s="10"/>
    </row>
    <row r="903215" spans="14:14">
      <c r="N903215" s="10"/>
    </row>
    <row r="903216" spans="14:14">
      <c r="N903216" s="10"/>
    </row>
    <row r="903217" spans="14:14">
      <c r="N903217" s="10"/>
    </row>
    <row r="903218" spans="14:14">
      <c r="N903218" s="10"/>
    </row>
    <row r="903219" spans="14:14">
      <c r="N903219" s="10"/>
    </row>
    <row r="903220" spans="14:14">
      <c r="N903220" s="10"/>
    </row>
    <row r="903221" spans="14:14">
      <c r="N903221" s="10"/>
    </row>
    <row r="903222" spans="14:14">
      <c r="N903222" s="10"/>
    </row>
    <row r="903223" spans="14:14">
      <c r="N903223" s="10"/>
    </row>
    <row r="903224" spans="14:14">
      <c r="N903224" s="10"/>
    </row>
    <row r="903225" spans="14:14">
      <c r="N903225" s="10"/>
    </row>
    <row r="903226" spans="14:14">
      <c r="N903226" s="10"/>
    </row>
    <row r="903227" spans="14:14">
      <c r="N903227" s="10"/>
    </row>
    <row r="903228" spans="14:14">
      <c r="N903228" s="10"/>
    </row>
    <row r="903229" spans="14:14">
      <c r="N903229" s="10"/>
    </row>
    <row r="903230" spans="14:14">
      <c r="N903230" s="10"/>
    </row>
    <row r="903231" spans="14:14">
      <c r="N903231" s="10"/>
    </row>
    <row r="903232" spans="14:14">
      <c r="N903232" s="10"/>
    </row>
    <row r="903233" spans="14:14">
      <c r="N903233" s="10"/>
    </row>
    <row r="903234" spans="14:14">
      <c r="N903234" s="10"/>
    </row>
    <row r="903235" spans="14:14">
      <c r="N903235" s="10"/>
    </row>
    <row r="903236" spans="14:14">
      <c r="N903236" s="10"/>
    </row>
    <row r="903237" spans="14:14">
      <c r="N903237" s="10"/>
    </row>
    <row r="903238" spans="14:14">
      <c r="N903238" s="10"/>
    </row>
    <row r="903239" spans="14:14">
      <c r="N903239" s="10"/>
    </row>
    <row r="903240" spans="14:14">
      <c r="N903240" s="10"/>
    </row>
    <row r="903241" spans="14:14">
      <c r="N903241" s="10"/>
    </row>
    <row r="903242" spans="14:14">
      <c r="N903242" s="10"/>
    </row>
    <row r="903243" spans="14:14">
      <c r="N903243" s="10"/>
    </row>
    <row r="903244" spans="14:14">
      <c r="N903244" s="10"/>
    </row>
    <row r="903245" spans="14:14">
      <c r="N903245" s="10"/>
    </row>
    <row r="903246" spans="14:14">
      <c r="N903246" s="10"/>
    </row>
    <row r="903247" spans="14:14">
      <c r="N903247" s="10"/>
    </row>
    <row r="903248" spans="14:14">
      <c r="N903248" s="10"/>
    </row>
    <row r="903249" spans="14:14">
      <c r="N903249" s="10"/>
    </row>
    <row r="903250" spans="14:14">
      <c r="N903250" s="10"/>
    </row>
    <row r="903251" spans="14:14">
      <c r="N903251" s="10"/>
    </row>
    <row r="903252" spans="14:14">
      <c r="N903252" s="10"/>
    </row>
    <row r="903253" spans="14:14">
      <c r="N903253" s="10"/>
    </row>
    <row r="903254" spans="14:14">
      <c r="N903254" s="10"/>
    </row>
    <row r="903255" spans="14:14">
      <c r="N903255" s="10"/>
    </row>
    <row r="903256" spans="14:14">
      <c r="N903256" s="10"/>
    </row>
    <row r="903257" spans="14:14">
      <c r="N903257" s="10"/>
    </row>
    <row r="903258" spans="14:14">
      <c r="N903258" s="10"/>
    </row>
    <row r="903259" spans="14:14">
      <c r="N903259" s="10"/>
    </row>
    <row r="903260" spans="14:14">
      <c r="N903260" s="10"/>
    </row>
    <row r="903261" spans="14:14">
      <c r="N903261" s="10"/>
    </row>
    <row r="903262" spans="14:14">
      <c r="N903262" s="10"/>
    </row>
    <row r="903263" spans="14:14">
      <c r="N903263" s="10"/>
    </row>
    <row r="903264" spans="14:14">
      <c r="N903264" s="10"/>
    </row>
    <row r="903265" spans="14:14">
      <c r="N903265" s="10"/>
    </row>
    <row r="903266" spans="14:14">
      <c r="N903266" s="10"/>
    </row>
    <row r="903267" spans="14:14">
      <c r="N903267" s="10"/>
    </row>
    <row r="903268" spans="14:14">
      <c r="N903268" s="10"/>
    </row>
    <row r="903269" spans="14:14">
      <c r="N903269" s="10"/>
    </row>
    <row r="903270" spans="14:14">
      <c r="N903270" s="10"/>
    </row>
    <row r="903271" spans="14:14">
      <c r="N903271" s="10"/>
    </row>
    <row r="903272" spans="14:14">
      <c r="N903272" s="10"/>
    </row>
    <row r="903273" spans="14:14">
      <c r="N903273" s="10"/>
    </row>
    <row r="903274" spans="14:14">
      <c r="N903274" s="10"/>
    </row>
    <row r="903275" spans="14:14">
      <c r="N903275" s="10"/>
    </row>
    <row r="903276" spans="14:14">
      <c r="N903276" s="10"/>
    </row>
    <row r="903277" spans="14:14">
      <c r="N903277" s="10"/>
    </row>
    <row r="903278" spans="14:14">
      <c r="N903278" s="10"/>
    </row>
    <row r="903279" spans="14:14">
      <c r="N903279" s="10"/>
    </row>
    <row r="903280" spans="14:14">
      <c r="N903280" s="10"/>
    </row>
    <row r="903281" spans="14:14">
      <c r="N903281" s="10"/>
    </row>
    <row r="903282" spans="14:14">
      <c r="N903282" s="10"/>
    </row>
    <row r="903283" spans="14:14">
      <c r="N903283" s="10"/>
    </row>
    <row r="903284" spans="14:14">
      <c r="N903284" s="10"/>
    </row>
    <row r="903285" spans="14:14">
      <c r="N903285" s="10"/>
    </row>
    <row r="903286" spans="14:14">
      <c r="N903286" s="10"/>
    </row>
    <row r="903287" spans="14:14">
      <c r="N903287" s="10"/>
    </row>
    <row r="903288" spans="14:14">
      <c r="N903288" s="10"/>
    </row>
    <row r="903289" spans="14:14">
      <c r="N903289" s="10"/>
    </row>
    <row r="903290" spans="14:14">
      <c r="N903290" s="10"/>
    </row>
    <row r="903291" spans="14:14">
      <c r="N903291" s="10"/>
    </row>
    <row r="903292" spans="14:14">
      <c r="N903292" s="10"/>
    </row>
    <row r="903293" spans="14:14">
      <c r="N903293" s="10"/>
    </row>
    <row r="903294" spans="14:14">
      <c r="N903294" s="10"/>
    </row>
    <row r="903295" spans="14:14">
      <c r="N903295" s="10"/>
    </row>
    <row r="903296" spans="14:14">
      <c r="N903296" s="10"/>
    </row>
    <row r="903297" spans="14:14">
      <c r="N903297" s="10"/>
    </row>
    <row r="903298" spans="14:14">
      <c r="N903298" s="10"/>
    </row>
    <row r="903299" spans="14:14">
      <c r="N903299" s="10"/>
    </row>
    <row r="903300" spans="14:14">
      <c r="N903300" s="10"/>
    </row>
    <row r="903301" spans="14:14">
      <c r="N903301" s="10"/>
    </row>
    <row r="903302" spans="14:14">
      <c r="N903302" s="10"/>
    </row>
    <row r="903303" spans="14:14">
      <c r="N903303" s="10"/>
    </row>
    <row r="903304" spans="14:14">
      <c r="N903304" s="10"/>
    </row>
    <row r="903305" spans="14:14">
      <c r="N903305" s="10"/>
    </row>
    <row r="903306" spans="14:14">
      <c r="N903306" s="10"/>
    </row>
    <row r="903307" spans="14:14">
      <c r="N903307" s="10"/>
    </row>
    <row r="903308" spans="14:14">
      <c r="N903308" s="10"/>
    </row>
    <row r="903309" spans="14:14">
      <c r="N903309" s="10"/>
    </row>
    <row r="903310" spans="14:14">
      <c r="N903310" s="10"/>
    </row>
    <row r="903311" spans="14:14">
      <c r="N903311" s="10"/>
    </row>
    <row r="903312" spans="14:14">
      <c r="N903312" s="10"/>
    </row>
    <row r="903313" spans="14:14">
      <c r="N903313" s="10"/>
    </row>
    <row r="903314" spans="14:14">
      <c r="N903314" s="10"/>
    </row>
    <row r="903315" spans="14:14">
      <c r="N903315" s="10"/>
    </row>
    <row r="903316" spans="14:14">
      <c r="N903316" s="10"/>
    </row>
    <row r="903317" spans="14:14">
      <c r="N903317" s="10"/>
    </row>
    <row r="903318" spans="14:14">
      <c r="N903318" s="10"/>
    </row>
    <row r="903319" spans="14:14">
      <c r="N903319" s="10"/>
    </row>
    <row r="903320" spans="14:14">
      <c r="N903320" s="10"/>
    </row>
    <row r="903321" spans="14:14">
      <c r="N903321" s="10"/>
    </row>
    <row r="903322" spans="14:14">
      <c r="N903322" s="10"/>
    </row>
    <row r="903323" spans="14:14">
      <c r="N903323" s="10"/>
    </row>
    <row r="903324" spans="14:14">
      <c r="N903324" s="10"/>
    </row>
    <row r="903325" spans="14:14">
      <c r="N903325" s="10"/>
    </row>
    <row r="903326" spans="14:14">
      <c r="N903326" s="10"/>
    </row>
    <row r="903327" spans="14:14">
      <c r="N903327" s="10"/>
    </row>
    <row r="903328" spans="14:14">
      <c r="N903328" s="10"/>
    </row>
    <row r="903329" spans="14:14">
      <c r="N903329" s="10"/>
    </row>
    <row r="903330" spans="14:14">
      <c r="N903330" s="10"/>
    </row>
    <row r="903331" spans="14:14">
      <c r="N903331" s="10"/>
    </row>
    <row r="903332" spans="14:14">
      <c r="N903332" s="10"/>
    </row>
    <row r="903333" spans="14:14">
      <c r="N903333" s="10"/>
    </row>
    <row r="903334" spans="14:14">
      <c r="N903334" s="10"/>
    </row>
    <row r="903335" spans="14:14">
      <c r="N903335" s="10"/>
    </row>
    <row r="903336" spans="14:14">
      <c r="N903336" s="10"/>
    </row>
    <row r="903337" spans="14:14">
      <c r="N903337" s="10"/>
    </row>
    <row r="903338" spans="14:14">
      <c r="N903338" s="10"/>
    </row>
    <row r="903339" spans="14:14">
      <c r="N903339" s="10"/>
    </row>
    <row r="903340" spans="14:14">
      <c r="N903340" s="10"/>
    </row>
    <row r="903341" spans="14:14">
      <c r="N903341" s="10"/>
    </row>
    <row r="903342" spans="14:14">
      <c r="N903342" s="10"/>
    </row>
    <row r="903343" spans="14:14">
      <c r="N903343" s="10"/>
    </row>
    <row r="903344" spans="14:14">
      <c r="N903344" s="10"/>
    </row>
    <row r="903345" spans="14:14">
      <c r="N903345" s="10"/>
    </row>
    <row r="903346" spans="14:14">
      <c r="N903346" s="10"/>
    </row>
    <row r="903347" spans="14:14">
      <c r="N903347" s="10"/>
    </row>
    <row r="903348" spans="14:14">
      <c r="N903348" s="10"/>
    </row>
    <row r="903349" spans="14:14">
      <c r="N903349" s="10"/>
    </row>
    <row r="903350" spans="14:14">
      <c r="N903350" s="10"/>
    </row>
    <row r="903351" spans="14:14">
      <c r="N903351" s="10"/>
    </row>
    <row r="903352" spans="14:14">
      <c r="N903352" s="10"/>
    </row>
    <row r="903353" spans="14:14">
      <c r="N903353" s="10"/>
    </row>
    <row r="903354" spans="14:14">
      <c r="N903354" s="10"/>
    </row>
    <row r="903355" spans="14:14">
      <c r="N903355" s="10"/>
    </row>
    <row r="903356" spans="14:14">
      <c r="N903356" s="10"/>
    </row>
    <row r="903357" spans="14:14">
      <c r="N903357" s="10"/>
    </row>
    <row r="903358" spans="14:14">
      <c r="N903358" s="10"/>
    </row>
    <row r="903359" spans="14:14">
      <c r="N903359" s="10"/>
    </row>
    <row r="903360" spans="14:14">
      <c r="N903360" s="10"/>
    </row>
    <row r="903361" spans="14:14">
      <c r="N903361" s="10"/>
    </row>
    <row r="903362" spans="14:14">
      <c r="N903362" s="10"/>
    </row>
    <row r="903363" spans="14:14">
      <c r="N903363" s="10"/>
    </row>
    <row r="903364" spans="14:14">
      <c r="N903364" s="10"/>
    </row>
    <row r="903365" spans="14:14">
      <c r="N903365" s="10"/>
    </row>
    <row r="903366" spans="14:14">
      <c r="N903366" s="10"/>
    </row>
    <row r="903367" spans="14:14">
      <c r="N903367" s="10"/>
    </row>
    <row r="903368" spans="14:14">
      <c r="N903368" s="10"/>
    </row>
    <row r="903369" spans="14:14">
      <c r="N903369" s="10"/>
    </row>
    <row r="903370" spans="14:14">
      <c r="N903370" s="10"/>
    </row>
    <row r="903371" spans="14:14">
      <c r="N903371" s="10"/>
    </row>
    <row r="903372" spans="14:14">
      <c r="N903372" s="10"/>
    </row>
    <row r="903373" spans="14:14">
      <c r="N903373" s="10"/>
    </row>
    <row r="903374" spans="14:14">
      <c r="N903374" s="10"/>
    </row>
    <row r="903375" spans="14:14">
      <c r="N903375" s="10"/>
    </row>
    <row r="903376" spans="14:14">
      <c r="N903376" s="10"/>
    </row>
    <row r="903377" spans="14:14">
      <c r="N903377" s="10"/>
    </row>
    <row r="903378" spans="14:14">
      <c r="N903378" s="10"/>
    </row>
    <row r="903379" spans="14:14">
      <c r="N903379" s="10"/>
    </row>
    <row r="903380" spans="14:14">
      <c r="N903380" s="10"/>
    </row>
    <row r="903381" spans="14:14">
      <c r="N903381" s="10"/>
    </row>
    <row r="903382" spans="14:14">
      <c r="N903382" s="10"/>
    </row>
    <row r="903383" spans="14:14">
      <c r="N903383" s="10"/>
    </row>
    <row r="903384" spans="14:14">
      <c r="N903384" s="10"/>
    </row>
    <row r="903385" spans="14:14">
      <c r="N903385" s="10"/>
    </row>
    <row r="903386" spans="14:14">
      <c r="N903386" s="10"/>
    </row>
    <row r="903387" spans="14:14">
      <c r="N903387" s="10"/>
    </row>
    <row r="903388" spans="14:14">
      <c r="N903388" s="10"/>
    </row>
    <row r="903389" spans="14:14">
      <c r="N903389" s="10"/>
    </row>
    <row r="903390" spans="14:14">
      <c r="N903390" s="10"/>
    </row>
    <row r="903391" spans="14:14">
      <c r="N903391" s="10"/>
    </row>
    <row r="903392" spans="14:14">
      <c r="N903392" s="10"/>
    </row>
    <row r="903393" spans="14:14">
      <c r="N903393" s="10"/>
    </row>
    <row r="903394" spans="14:14">
      <c r="N903394" s="10"/>
    </row>
    <row r="903395" spans="14:14">
      <c r="N903395" s="10"/>
    </row>
    <row r="903396" spans="14:14">
      <c r="N903396" s="10"/>
    </row>
    <row r="903397" spans="14:14">
      <c r="N903397" s="10"/>
    </row>
    <row r="903398" spans="14:14">
      <c r="N903398" s="10"/>
    </row>
    <row r="903399" spans="14:14">
      <c r="N903399" s="10"/>
    </row>
    <row r="903400" spans="14:14">
      <c r="N903400" s="10"/>
    </row>
    <row r="903401" spans="14:14">
      <c r="N903401" s="10"/>
    </row>
    <row r="903402" spans="14:14">
      <c r="N903402" s="10"/>
    </row>
    <row r="903403" spans="14:14">
      <c r="N903403" s="10"/>
    </row>
    <row r="903404" spans="14:14">
      <c r="N903404" s="10"/>
    </row>
    <row r="903405" spans="14:14">
      <c r="N903405" s="10"/>
    </row>
    <row r="903406" spans="14:14">
      <c r="N903406" s="10"/>
    </row>
    <row r="903407" spans="14:14">
      <c r="N903407" s="10"/>
    </row>
    <row r="903408" spans="14:14">
      <c r="N903408" s="10"/>
    </row>
    <row r="903409" spans="14:14">
      <c r="N903409" s="10"/>
    </row>
    <row r="903410" spans="14:14">
      <c r="N903410" s="10"/>
    </row>
    <row r="903411" spans="14:14">
      <c r="N903411" s="10"/>
    </row>
    <row r="903412" spans="14:14">
      <c r="N903412" s="10"/>
    </row>
    <row r="903413" spans="14:14">
      <c r="N903413" s="10"/>
    </row>
    <row r="903414" spans="14:14">
      <c r="N903414" s="10"/>
    </row>
    <row r="903415" spans="14:14">
      <c r="N903415" s="10"/>
    </row>
    <row r="903416" spans="14:14">
      <c r="N903416" s="10"/>
    </row>
    <row r="903417" spans="14:14">
      <c r="N903417" s="10"/>
    </row>
    <row r="903418" spans="14:14">
      <c r="N903418" s="10"/>
    </row>
    <row r="903419" spans="14:14">
      <c r="N903419" s="10"/>
    </row>
    <row r="903420" spans="14:14">
      <c r="N903420" s="10"/>
    </row>
    <row r="903421" spans="14:14">
      <c r="N903421" s="10"/>
    </row>
    <row r="903422" spans="14:14">
      <c r="N903422" s="10"/>
    </row>
    <row r="903423" spans="14:14">
      <c r="N903423" s="10"/>
    </row>
    <row r="903424" spans="14:14">
      <c r="N903424" s="10"/>
    </row>
    <row r="903425" spans="14:14">
      <c r="N903425" s="10"/>
    </row>
    <row r="903426" spans="14:14">
      <c r="N903426" s="10"/>
    </row>
    <row r="903427" spans="14:14">
      <c r="N903427" s="10"/>
    </row>
    <row r="903428" spans="14:14">
      <c r="N903428" s="10"/>
    </row>
    <row r="903429" spans="14:14">
      <c r="N903429" s="10"/>
    </row>
    <row r="903430" spans="14:14">
      <c r="N903430" s="10"/>
    </row>
    <row r="903431" spans="14:14">
      <c r="N903431" s="10"/>
    </row>
    <row r="903432" spans="14:14">
      <c r="N903432" s="10"/>
    </row>
    <row r="903433" spans="14:14">
      <c r="N903433" s="10"/>
    </row>
    <row r="903434" spans="14:14">
      <c r="N903434" s="10"/>
    </row>
    <row r="903435" spans="14:14">
      <c r="N903435" s="10"/>
    </row>
    <row r="903436" spans="14:14">
      <c r="N903436" s="10"/>
    </row>
    <row r="903437" spans="14:14">
      <c r="N903437" s="10"/>
    </row>
    <row r="903438" spans="14:14">
      <c r="N903438" s="10"/>
    </row>
    <row r="903439" spans="14:14">
      <c r="N903439" s="10"/>
    </row>
    <row r="903440" spans="14:14">
      <c r="N903440" s="10"/>
    </row>
    <row r="903441" spans="14:14">
      <c r="N903441" s="10"/>
    </row>
    <row r="903442" spans="14:14">
      <c r="N903442" s="10"/>
    </row>
    <row r="903443" spans="14:14">
      <c r="N903443" s="10"/>
    </row>
    <row r="903444" spans="14:14">
      <c r="N903444" s="10"/>
    </row>
    <row r="903445" spans="14:14">
      <c r="N903445" s="10"/>
    </row>
    <row r="903446" spans="14:14">
      <c r="N903446" s="10"/>
    </row>
    <row r="903447" spans="14:14">
      <c r="N903447" s="10"/>
    </row>
    <row r="903448" spans="14:14">
      <c r="N903448" s="10"/>
    </row>
    <row r="903449" spans="14:14">
      <c r="N903449" s="10"/>
    </row>
    <row r="903450" spans="14:14">
      <c r="N903450" s="10"/>
    </row>
    <row r="903451" spans="14:14">
      <c r="N903451" s="10"/>
    </row>
    <row r="903452" spans="14:14">
      <c r="N903452" s="10"/>
    </row>
    <row r="903453" spans="14:14">
      <c r="N903453" s="10"/>
    </row>
    <row r="903454" spans="14:14">
      <c r="N903454" s="10"/>
    </row>
    <row r="903455" spans="14:14">
      <c r="N903455" s="10"/>
    </row>
    <row r="903456" spans="14:14">
      <c r="N903456" s="10"/>
    </row>
    <row r="903457" spans="14:14">
      <c r="N903457" s="10"/>
    </row>
    <row r="903458" spans="14:14">
      <c r="N903458" s="10"/>
    </row>
    <row r="903459" spans="14:14">
      <c r="N903459" s="10"/>
    </row>
    <row r="903460" spans="14:14">
      <c r="N903460" s="10"/>
    </row>
    <row r="903461" spans="14:14">
      <c r="N903461" s="10"/>
    </row>
    <row r="903462" spans="14:14">
      <c r="N903462" s="10"/>
    </row>
    <row r="903463" spans="14:14">
      <c r="N903463" s="10"/>
    </row>
    <row r="903464" spans="14:14">
      <c r="N903464" s="10"/>
    </row>
    <row r="903465" spans="14:14">
      <c r="N903465" s="10"/>
    </row>
    <row r="903466" spans="14:14">
      <c r="N903466" s="10"/>
    </row>
    <row r="903467" spans="14:14">
      <c r="N903467" s="10"/>
    </row>
    <row r="903468" spans="14:14">
      <c r="N903468" s="10"/>
    </row>
    <row r="903469" spans="14:14">
      <c r="N903469" s="10"/>
    </row>
    <row r="903470" spans="14:14">
      <c r="N903470" s="10"/>
    </row>
    <row r="903471" spans="14:14">
      <c r="N903471" s="10"/>
    </row>
    <row r="903472" spans="14:14">
      <c r="N903472" s="10"/>
    </row>
    <row r="903473" spans="14:14">
      <c r="N903473" s="10"/>
    </row>
    <row r="903474" spans="14:14">
      <c r="N903474" s="10"/>
    </row>
    <row r="903475" spans="14:14">
      <c r="N903475" s="10"/>
    </row>
    <row r="903476" spans="14:14">
      <c r="N903476" s="10"/>
    </row>
    <row r="903477" spans="14:14">
      <c r="N903477" s="10"/>
    </row>
    <row r="903478" spans="14:14">
      <c r="N903478" s="10"/>
    </row>
    <row r="903479" spans="14:14">
      <c r="N903479" s="10"/>
    </row>
    <row r="903480" spans="14:14">
      <c r="N903480" s="10"/>
    </row>
    <row r="903481" spans="14:14">
      <c r="N903481" s="10"/>
    </row>
    <row r="903482" spans="14:14">
      <c r="N903482" s="10"/>
    </row>
    <row r="903483" spans="14:14">
      <c r="N903483" s="10"/>
    </row>
    <row r="903484" spans="14:14">
      <c r="N903484" s="10"/>
    </row>
    <row r="903485" spans="14:14">
      <c r="N903485" s="10"/>
    </row>
    <row r="903486" spans="14:14">
      <c r="N903486" s="10"/>
    </row>
    <row r="903487" spans="14:14">
      <c r="N903487" s="10"/>
    </row>
    <row r="903488" spans="14:14">
      <c r="N903488" s="10"/>
    </row>
    <row r="903489" spans="14:14">
      <c r="N903489" s="10"/>
    </row>
    <row r="903490" spans="14:14">
      <c r="N903490" s="10"/>
    </row>
    <row r="903491" spans="14:14">
      <c r="N903491" s="10"/>
    </row>
    <row r="903492" spans="14:14">
      <c r="N903492" s="10"/>
    </row>
    <row r="903493" spans="14:14">
      <c r="N903493" s="10"/>
    </row>
    <row r="903494" spans="14:14">
      <c r="N903494" s="10"/>
    </row>
    <row r="903495" spans="14:14">
      <c r="N903495" s="10"/>
    </row>
    <row r="903496" spans="14:14">
      <c r="N903496" s="10"/>
    </row>
    <row r="903497" spans="14:14">
      <c r="N903497" s="10"/>
    </row>
    <row r="903498" spans="14:14">
      <c r="N903498" s="10"/>
    </row>
    <row r="903499" spans="14:14">
      <c r="N903499" s="10"/>
    </row>
    <row r="903500" spans="14:14">
      <c r="N903500" s="10"/>
    </row>
    <row r="903501" spans="14:14">
      <c r="N903501" s="10"/>
    </row>
    <row r="903502" spans="14:14">
      <c r="N903502" s="10"/>
    </row>
    <row r="903503" spans="14:14">
      <c r="N903503" s="10"/>
    </row>
    <row r="903504" spans="14:14">
      <c r="N903504" s="10"/>
    </row>
    <row r="903505" spans="14:14">
      <c r="N903505" s="10"/>
    </row>
    <row r="903506" spans="14:14">
      <c r="N903506" s="10"/>
    </row>
    <row r="903507" spans="14:14">
      <c r="N903507" s="10"/>
    </row>
    <row r="903508" spans="14:14">
      <c r="N903508" s="10"/>
    </row>
    <row r="903509" spans="14:14">
      <c r="N903509" s="10"/>
    </row>
    <row r="903510" spans="14:14">
      <c r="N903510" s="10"/>
    </row>
    <row r="903511" spans="14:14">
      <c r="N903511" s="10"/>
    </row>
    <row r="903512" spans="14:14">
      <c r="N903512" s="10"/>
    </row>
    <row r="903513" spans="14:14">
      <c r="N903513" s="10"/>
    </row>
    <row r="903514" spans="14:14">
      <c r="N903514" s="10"/>
    </row>
    <row r="903515" spans="14:14">
      <c r="N903515" s="10"/>
    </row>
    <row r="903516" spans="14:14">
      <c r="N903516" s="10"/>
    </row>
    <row r="903517" spans="14:14">
      <c r="N903517" s="10"/>
    </row>
    <row r="903518" spans="14:14">
      <c r="N903518" s="10"/>
    </row>
    <row r="903519" spans="14:14">
      <c r="N903519" s="10"/>
    </row>
    <row r="903520" spans="14:14">
      <c r="N903520" s="10"/>
    </row>
    <row r="903521" spans="14:14">
      <c r="N903521" s="10"/>
    </row>
    <row r="903522" spans="14:14">
      <c r="N903522" s="10"/>
    </row>
    <row r="903523" spans="14:14">
      <c r="N903523" s="10"/>
    </row>
    <row r="903524" spans="14:14">
      <c r="N903524" s="10"/>
    </row>
    <row r="903525" spans="14:14">
      <c r="N903525" s="10"/>
    </row>
    <row r="903526" spans="14:14">
      <c r="N903526" s="10"/>
    </row>
    <row r="903527" spans="14:14">
      <c r="N903527" s="10"/>
    </row>
    <row r="903528" spans="14:14">
      <c r="N903528" s="10"/>
    </row>
    <row r="903529" spans="14:14">
      <c r="N903529" s="10"/>
    </row>
    <row r="903530" spans="14:14">
      <c r="N903530" s="10"/>
    </row>
    <row r="903531" spans="14:14">
      <c r="N903531" s="10"/>
    </row>
    <row r="903532" spans="14:14">
      <c r="N903532" s="10"/>
    </row>
    <row r="903533" spans="14:14">
      <c r="N903533" s="10"/>
    </row>
    <row r="903534" spans="14:14">
      <c r="N903534" s="10"/>
    </row>
    <row r="903535" spans="14:14">
      <c r="N903535" s="10"/>
    </row>
    <row r="903536" spans="14:14">
      <c r="N903536" s="10"/>
    </row>
    <row r="903537" spans="14:14">
      <c r="N903537" s="10"/>
    </row>
    <row r="903538" spans="14:14">
      <c r="N903538" s="10"/>
    </row>
    <row r="903539" spans="14:14">
      <c r="N903539" s="10"/>
    </row>
    <row r="903540" spans="14:14">
      <c r="N903540" s="10"/>
    </row>
    <row r="903541" spans="14:14">
      <c r="N903541" s="10"/>
    </row>
    <row r="903542" spans="14:14">
      <c r="N903542" s="10"/>
    </row>
    <row r="903543" spans="14:14">
      <c r="N903543" s="10"/>
    </row>
    <row r="903544" spans="14:14">
      <c r="N903544" s="10"/>
    </row>
    <row r="903545" spans="14:14">
      <c r="N903545" s="10"/>
    </row>
    <row r="903546" spans="14:14">
      <c r="N903546" s="10"/>
    </row>
    <row r="903547" spans="14:14">
      <c r="N903547" s="10"/>
    </row>
    <row r="903548" spans="14:14">
      <c r="N903548" s="10"/>
    </row>
    <row r="903549" spans="14:14">
      <c r="N903549" s="10"/>
    </row>
    <row r="903550" spans="14:14">
      <c r="N903550" s="10"/>
    </row>
    <row r="903551" spans="14:14">
      <c r="N903551" s="10"/>
    </row>
    <row r="903552" spans="14:14">
      <c r="N903552" s="10"/>
    </row>
    <row r="903553" spans="14:14">
      <c r="N903553" s="10"/>
    </row>
    <row r="903554" spans="14:14">
      <c r="N903554" s="10"/>
    </row>
    <row r="903555" spans="14:14">
      <c r="N903555" s="10"/>
    </row>
    <row r="903556" spans="14:14">
      <c r="N903556" s="10"/>
    </row>
    <row r="903557" spans="14:14">
      <c r="N903557" s="10"/>
    </row>
    <row r="903558" spans="14:14">
      <c r="N903558" s="10"/>
    </row>
    <row r="903559" spans="14:14">
      <c r="N903559" s="10"/>
    </row>
    <row r="903560" spans="14:14">
      <c r="N903560" s="10"/>
    </row>
    <row r="903561" spans="14:14">
      <c r="N903561" s="10"/>
    </row>
    <row r="903562" spans="14:14">
      <c r="N903562" s="10"/>
    </row>
    <row r="903563" spans="14:14">
      <c r="N903563" s="10"/>
    </row>
    <row r="903564" spans="14:14">
      <c r="N903564" s="10"/>
    </row>
    <row r="903565" spans="14:14">
      <c r="N903565" s="10"/>
    </row>
    <row r="903566" spans="14:14">
      <c r="N903566" s="10"/>
    </row>
    <row r="903567" spans="14:14">
      <c r="N903567" s="10"/>
    </row>
    <row r="903568" spans="14:14">
      <c r="N903568" s="10"/>
    </row>
    <row r="903569" spans="14:14">
      <c r="N903569" s="10"/>
    </row>
    <row r="903570" spans="14:14">
      <c r="N903570" s="10"/>
    </row>
    <row r="903571" spans="14:14">
      <c r="N903571" s="10"/>
    </row>
    <row r="903572" spans="14:14">
      <c r="N903572" s="10"/>
    </row>
    <row r="903573" spans="14:14">
      <c r="N903573" s="10"/>
    </row>
    <row r="903574" spans="14:14">
      <c r="N903574" s="10"/>
    </row>
    <row r="903575" spans="14:14">
      <c r="N903575" s="10"/>
    </row>
    <row r="903576" spans="14:14">
      <c r="N903576" s="10"/>
    </row>
    <row r="903577" spans="14:14">
      <c r="N903577" s="10"/>
    </row>
    <row r="903578" spans="14:14">
      <c r="N903578" s="10"/>
    </row>
    <row r="903579" spans="14:14">
      <c r="N903579" s="10"/>
    </row>
    <row r="903580" spans="14:14">
      <c r="N903580" s="10"/>
    </row>
    <row r="903581" spans="14:14">
      <c r="N903581" s="10"/>
    </row>
    <row r="903582" spans="14:14">
      <c r="N903582" s="10"/>
    </row>
    <row r="903583" spans="14:14">
      <c r="N903583" s="10"/>
    </row>
    <row r="903584" spans="14:14">
      <c r="N903584" s="10"/>
    </row>
    <row r="903585" spans="14:14">
      <c r="N903585" s="10"/>
    </row>
    <row r="903586" spans="14:14">
      <c r="N903586" s="10"/>
    </row>
    <row r="903587" spans="14:14">
      <c r="N903587" s="10"/>
    </row>
    <row r="903588" spans="14:14">
      <c r="N903588" s="10"/>
    </row>
    <row r="903589" spans="14:14">
      <c r="N903589" s="10"/>
    </row>
    <row r="903590" spans="14:14">
      <c r="N903590" s="10"/>
    </row>
    <row r="903591" spans="14:14">
      <c r="N903591" s="10"/>
    </row>
    <row r="903592" spans="14:14">
      <c r="N903592" s="10"/>
    </row>
    <row r="903593" spans="14:14">
      <c r="N903593" s="10"/>
    </row>
    <row r="903594" spans="14:14">
      <c r="N903594" s="10"/>
    </row>
    <row r="903595" spans="14:14">
      <c r="N903595" s="10"/>
    </row>
    <row r="903596" spans="14:14">
      <c r="N903596" s="10"/>
    </row>
    <row r="903597" spans="14:14">
      <c r="N903597" s="10"/>
    </row>
    <row r="903598" spans="14:14">
      <c r="N903598" s="10"/>
    </row>
    <row r="903599" spans="14:14">
      <c r="N903599" s="10"/>
    </row>
    <row r="903600" spans="14:14">
      <c r="N903600" s="10"/>
    </row>
    <row r="903601" spans="14:14">
      <c r="N903601" s="10"/>
    </row>
    <row r="903602" spans="14:14">
      <c r="N903602" s="10"/>
    </row>
    <row r="903603" spans="14:14">
      <c r="N903603" s="10"/>
    </row>
    <row r="903604" spans="14:14">
      <c r="N903604" s="10"/>
    </row>
    <row r="903605" spans="14:14">
      <c r="N903605" s="10"/>
    </row>
    <row r="903606" spans="14:14">
      <c r="N903606" s="10"/>
    </row>
    <row r="903607" spans="14:14">
      <c r="N903607" s="10"/>
    </row>
    <row r="903608" spans="14:14">
      <c r="N903608" s="10"/>
    </row>
    <row r="903609" spans="14:14">
      <c r="N903609" s="10"/>
    </row>
    <row r="903610" spans="14:14">
      <c r="N903610" s="10"/>
    </row>
    <row r="903611" spans="14:14">
      <c r="N903611" s="10"/>
    </row>
    <row r="903612" spans="14:14">
      <c r="N903612" s="10"/>
    </row>
    <row r="903613" spans="14:14">
      <c r="N903613" s="10"/>
    </row>
    <row r="903614" spans="14:14">
      <c r="N903614" s="10"/>
    </row>
    <row r="903615" spans="14:14">
      <c r="N903615" s="10"/>
    </row>
    <row r="903616" spans="14:14">
      <c r="N903616" s="10"/>
    </row>
    <row r="903617" spans="14:14">
      <c r="N903617" s="10"/>
    </row>
    <row r="903618" spans="14:14">
      <c r="N903618" s="10"/>
    </row>
    <row r="903619" spans="14:14">
      <c r="N903619" s="10"/>
    </row>
    <row r="903620" spans="14:14">
      <c r="N903620" s="10"/>
    </row>
    <row r="903621" spans="14:14">
      <c r="N903621" s="10"/>
    </row>
    <row r="903622" spans="14:14">
      <c r="N903622" s="10"/>
    </row>
    <row r="903623" spans="14:14">
      <c r="N903623" s="10"/>
    </row>
    <row r="903624" spans="14:14">
      <c r="N903624" s="10"/>
    </row>
    <row r="903625" spans="14:14">
      <c r="N903625" s="10"/>
    </row>
    <row r="903626" spans="14:14">
      <c r="N903626" s="10"/>
    </row>
    <row r="903627" spans="14:14">
      <c r="N903627" s="10"/>
    </row>
    <row r="903628" spans="14:14">
      <c r="N903628" s="10"/>
    </row>
    <row r="903629" spans="14:14">
      <c r="N903629" s="10"/>
    </row>
    <row r="903630" spans="14:14">
      <c r="N903630" s="10"/>
    </row>
    <row r="903631" spans="14:14">
      <c r="N903631" s="10"/>
    </row>
    <row r="903632" spans="14:14">
      <c r="N903632" s="10"/>
    </row>
    <row r="903633" spans="14:14">
      <c r="N903633" s="10"/>
    </row>
    <row r="903634" spans="14:14">
      <c r="N903634" s="10"/>
    </row>
    <row r="903635" spans="14:14">
      <c r="N903635" s="10"/>
    </row>
    <row r="903636" spans="14:14">
      <c r="N903636" s="10"/>
    </row>
    <row r="903637" spans="14:14">
      <c r="N903637" s="10"/>
    </row>
    <row r="903638" spans="14:14">
      <c r="N903638" s="10"/>
    </row>
    <row r="903639" spans="14:14">
      <c r="N903639" s="10"/>
    </row>
    <row r="903640" spans="14:14">
      <c r="N903640" s="10"/>
    </row>
    <row r="903641" spans="14:14">
      <c r="N903641" s="10"/>
    </row>
    <row r="903642" spans="14:14">
      <c r="N903642" s="10"/>
    </row>
    <row r="903643" spans="14:14">
      <c r="N903643" s="10"/>
    </row>
    <row r="903644" spans="14:14">
      <c r="N903644" s="10"/>
    </row>
    <row r="903645" spans="14:14">
      <c r="N903645" s="10"/>
    </row>
    <row r="903646" spans="14:14">
      <c r="N903646" s="10"/>
    </row>
    <row r="903647" spans="14:14">
      <c r="N903647" s="10"/>
    </row>
    <row r="903648" spans="14:14">
      <c r="N903648" s="10"/>
    </row>
    <row r="903649" spans="14:14">
      <c r="N903649" s="10"/>
    </row>
    <row r="903650" spans="14:14">
      <c r="N903650" s="10"/>
    </row>
    <row r="903651" spans="14:14">
      <c r="N903651" s="10"/>
    </row>
    <row r="903652" spans="14:14">
      <c r="N903652" s="10"/>
    </row>
    <row r="903653" spans="14:14">
      <c r="N903653" s="10"/>
    </row>
    <row r="903654" spans="14:14">
      <c r="N903654" s="10"/>
    </row>
    <row r="903655" spans="14:14">
      <c r="N903655" s="10"/>
    </row>
    <row r="903656" spans="14:14">
      <c r="N903656" s="10"/>
    </row>
    <row r="903657" spans="14:14">
      <c r="N903657" s="10"/>
    </row>
    <row r="903658" spans="14:14">
      <c r="N903658" s="10"/>
    </row>
    <row r="903659" spans="14:14">
      <c r="N903659" s="10"/>
    </row>
    <row r="903660" spans="14:14">
      <c r="N903660" s="10"/>
    </row>
    <row r="903661" spans="14:14">
      <c r="N903661" s="10"/>
    </row>
    <row r="903662" spans="14:14">
      <c r="N903662" s="10"/>
    </row>
    <row r="903663" spans="14:14">
      <c r="N903663" s="10"/>
    </row>
    <row r="903664" spans="14:14">
      <c r="N903664" s="10"/>
    </row>
    <row r="903665" spans="14:14">
      <c r="N903665" s="10"/>
    </row>
    <row r="903666" spans="14:14">
      <c r="N903666" s="10"/>
    </row>
    <row r="903667" spans="14:14">
      <c r="N903667" s="10"/>
    </row>
    <row r="903668" spans="14:14">
      <c r="N903668" s="10"/>
    </row>
    <row r="903669" spans="14:14">
      <c r="N903669" s="10"/>
    </row>
    <row r="903670" spans="14:14">
      <c r="N903670" s="10"/>
    </row>
    <row r="903671" spans="14:14">
      <c r="N903671" s="10"/>
    </row>
    <row r="903672" spans="14:14">
      <c r="N903672" s="10"/>
    </row>
    <row r="903673" spans="14:14">
      <c r="N903673" s="10"/>
    </row>
    <row r="903674" spans="14:14">
      <c r="N903674" s="10"/>
    </row>
    <row r="903675" spans="14:14">
      <c r="N903675" s="10"/>
    </row>
    <row r="903676" spans="14:14">
      <c r="N903676" s="10"/>
    </row>
    <row r="903677" spans="14:14">
      <c r="N903677" s="10"/>
    </row>
    <row r="903678" spans="14:14">
      <c r="N903678" s="10"/>
    </row>
    <row r="903679" spans="14:14">
      <c r="N903679" s="10"/>
    </row>
    <row r="903680" spans="14:14">
      <c r="N903680" s="10"/>
    </row>
    <row r="903681" spans="14:14">
      <c r="N903681" s="10"/>
    </row>
    <row r="903682" spans="14:14">
      <c r="N903682" s="10"/>
    </row>
    <row r="903683" spans="14:14">
      <c r="N903683" s="10"/>
    </row>
    <row r="903684" spans="14:14">
      <c r="N903684" s="10"/>
    </row>
    <row r="903685" spans="14:14">
      <c r="N903685" s="10"/>
    </row>
    <row r="903686" spans="14:14">
      <c r="N903686" s="10"/>
    </row>
    <row r="903687" spans="14:14">
      <c r="N903687" s="10"/>
    </row>
    <row r="903688" spans="14:14">
      <c r="N903688" s="10"/>
    </row>
    <row r="903689" spans="14:14">
      <c r="N903689" s="10"/>
    </row>
    <row r="903690" spans="14:14">
      <c r="N903690" s="10"/>
    </row>
    <row r="903691" spans="14:14">
      <c r="N903691" s="10"/>
    </row>
    <row r="903692" spans="14:14">
      <c r="N903692" s="10"/>
    </row>
    <row r="903693" spans="14:14">
      <c r="N903693" s="10"/>
    </row>
    <row r="903694" spans="14:14">
      <c r="N903694" s="10"/>
    </row>
    <row r="903695" spans="14:14">
      <c r="N903695" s="10"/>
    </row>
    <row r="903696" spans="14:14">
      <c r="N903696" s="10"/>
    </row>
    <row r="903697" spans="14:14">
      <c r="N903697" s="10"/>
    </row>
    <row r="903698" spans="14:14">
      <c r="N903698" s="10"/>
    </row>
    <row r="903699" spans="14:14">
      <c r="N903699" s="10"/>
    </row>
    <row r="903700" spans="14:14">
      <c r="N903700" s="10"/>
    </row>
    <row r="903701" spans="14:14">
      <c r="N903701" s="10"/>
    </row>
    <row r="903702" spans="14:14">
      <c r="N903702" s="10"/>
    </row>
    <row r="903703" spans="14:14">
      <c r="N903703" s="10"/>
    </row>
    <row r="903704" spans="14:14">
      <c r="N903704" s="10"/>
    </row>
    <row r="903705" spans="14:14">
      <c r="N903705" s="10"/>
    </row>
    <row r="903706" spans="14:14">
      <c r="N903706" s="10"/>
    </row>
    <row r="903707" spans="14:14">
      <c r="N903707" s="10"/>
    </row>
    <row r="903708" spans="14:14">
      <c r="N903708" s="10"/>
    </row>
    <row r="903709" spans="14:14">
      <c r="N903709" s="10"/>
    </row>
    <row r="903710" spans="14:14">
      <c r="N903710" s="10"/>
    </row>
    <row r="903711" spans="14:14">
      <c r="N903711" s="10"/>
    </row>
    <row r="903712" spans="14:14">
      <c r="N903712" s="10"/>
    </row>
    <row r="903713" spans="14:14">
      <c r="N903713" s="10"/>
    </row>
    <row r="903714" spans="14:14">
      <c r="N903714" s="10"/>
    </row>
    <row r="903715" spans="14:14">
      <c r="N903715" s="10"/>
    </row>
    <row r="903716" spans="14:14">
      <c r="N903716" s="10"/>
    </row>
    <row r="903717" spans="14:14">
      <c r="N903717" s="10"/>
    </row>
    <row r="903718" spans="14:14">
      <c r="N903718" s="10"/>
    </row>
    <row r="903719" spans="14:14">
      <c r="N903719" s="10"/>
    </row>
    <row r="903720" spans="14:14">
      <c r="N903720" s="10"/>
    </row>
    <row r="903721" spans="14:14">
      <c r="N903721" s="10"/>
    </row>
    <row r="903722" spans="14:14">
      <c r="N903722" s="10"/>
    </row>
    <row r="903723" spans="14:14">
      <c r="N903723" s="10"/>
    </row>
    <row r="903724" spans="14:14">
      <c r="N903724" s="10"/>
    </row>
    <row r="903725" spans="14:14">
      <c r="N903725" s="10"/>
    </row>
    <row r="903726" spans="14:14">
      <c r="N903726" s="10"/>
    </row>
    <row r="903727" spans="14:14">
      <c r="N903727" s="10"/>
    </row>
    <row r="903728" spans="14:14">
      <c r="N903728" s="10"/>
    </row>
    <row r="903729" spans="14:14">
      <c r="N903729" s="10"/>
    </row>
    <row r="903730" spans="14:14">
      <c r="N903730" s="10"/>
    </row>
    <row r="903731" spans="14:14">
      <c r="N903731" s="10"/>
    </row>
    <row r="903732" spans="14:14">
      <c r="N903732" s="10"/>
    </row>
    <row r="903733" spans="14:14">
      <c r="N903733" s="10"/>
    </row>
    <row r="903734" spans="14:14">
      <c r="N903734" s="10"/>
    </row>
    <row r="903735" spans="14:14">
      <c r="N903735" s="10"/>
    </row>
    <row r="903736" spans="14:14">
      <c r="N903736" s="10"/>
    </row>
    <row r="903737" spans="14:14">
      <c r="N903737" s="10"/>
    </row>
    <row r="903738" spans="14:14">
      <c r="N903738" s="10"/>
    </row>
    <row r="903739" spans="14:14">
      <c r="N903739" s="10"/>
    </row>
    <row r="903740" spans="14:14">
      <c r="N903740" s="10"/>
    </row>
    <row r="903741" spans="14:14">
      <c r="N903741" s="10"/>
    </row>
    <row r="903742" spans="14:14">
      <c r="N903742" s="10"/>
    </row>
    <row r="903743" spans="14:14">
      <c r="N903743" s="10"/>
    </row>
    <row r="903744" spans="14:14">
      <c r="N903744" s="10"/>
    </row>
    <row r="903745" spans="14:14">
      <c r="N903745" s="10"/>
    </row>
    <row r="903746" spans="14:14">
      <c r="N903746" s="10"/>
    </row>
    <row r="903747" spans="14:14">
      <c r="N903747" s="10"/>
    </row>
    <row r="903748" spans="14:14">
      <c r="N903748" s="10"/>
    </row>
    <row r="903749" spans="14:14">
      <c r="N903749" s="10"/>
    </row>
    <row r="903750" spans="14:14">
      <c r="N903750" s="10"/>
    </row>
    <row r="903751" spans="14:14">
      <c r="N903751" s="10"/>
    </row>
    <row r="903752" spans="14:14">
      <c r="N903752" s="10"/>
    </row>
    <row r="903753" spans="14:14">
      <c r="N903753" s="10"/>
    </row>
    <row r="903754" spans="14:14">
      <c r="N903754" s="10"/>
    </row>
    <row r="903755" spans="14:14">
      <c r="N903755" s="10"/>
    </row>
    <row r="903756" spans="14:14">
      <c r="N903756" s="10"/>
    </row>
    <row r="903757" spans="14:14">
      <c r="N903757" s="10"/>
    </row>
    <row r="903758" spans="14:14">
      <c r="N903758" s="10"/>
    </row>
    <row r="903759" spans="14:14">
      <c r="N903759" s="10"/>
    </row>
    <row r="903760" spans="14:14">
      <c r="N903760" s="10"/>
    </row>
    <row r="903761" spans="14:14">
      <c r="N903761" s="10"/>
    </row>
    <row r="903762" spans="14:14">
      <c r="N903762" s="10"/>
    </row>
    <row r="903763" spans="14:14">
      <c r="N903763" s="10"/>
    </row>
    <row r="903764" spans="14:14">
      <c r="N903764" s="10"/>
    </row>
    <row r="903765" spans="14:14">
      <c r="N903765" s="10"/>
    </row>
    <row r="903766" spans="14:14">
      <c r="N903766" s="10"/>
    </row>
    <row r="903767" spans="14:14">
      <c r="N903767" s="10"/>
    </row>
    <row r="903768" spans="14:14">
      <c r="N903768" s="10"/>
    </row>
    <row r="903769" spans="14:14">
      <c r="N903769" s="10"/>
    </row>
    <row r="903770" spans="14:14">
      <c r="N903770" s="10"/>
    </row>
    <row r="903771" spans="14:14">
      <c r="N903771" s="10"/>
    </row>
    <row r="903772" spans="14:14">
      <c r="N903772" s="10"/>
    </row>
    <row r="903773" spans="14:14">
      <c r="N903773" s="10"/>
    </row>
    <row r="903774" spans="14:14">
      <c r="N903774" s="10"/>
    </row>
    <row r="903775" spans="14:14">
      <c r="N903775" s="10"/>
    </row>
    <row r="903776" spans="14:14">
      <c r="N903776" s="10"/>
    </row>
    <row r="903777" spans="14:14">
      <c r="N903777" s="10"/>
    </row>
    <row r="903778" spans="14:14">
      <c r="N903778" s="10"/>
    </row>
    <row r="903779" spans="14:14">
      <c r="N903779" s="10"/>
    </row>
    <row r="903780" spans="14:14">
      <c r="N903780" s="10"/>
    </row>
    <row r="903781" spans="14:14">
      <c r="N903781" s="10"/>
    </row>
    <row r="903782" spans="14:14">
      <c r="N903782" s="10"/>
    </row>
    <row r="903783" spans="14:14">
      <c r="N903783" s="10"/>
    </row>
    <row r="903784" spans="14:14">
      <c r="N903784" s="10"/>
    </row>
    <row r="903785" spans="14:14">
      <c r="N903785" s="10"/>
    </row>
    <row r="903786" spans="14:14">
      <c r="N903786" s="10"/>
    </row>
    <row r="903787" spans="14:14">
      <c r="N903787" s="10"/>
    </row>
    <row r="903788" spans="14:14">
      <c r="N903788" s="10"/>
    </row>
    <row r="903789" spans="14:14">
      <c r="N903789" s="10"/>
    </row>
    <row r="903790" spans="14:14">
      <c r="N903790" s="10"/>
    </row>
    <row r="903791" spans="14:14">
      <c r="N903791" s="10"/>
    </row>
    <row r="903792" spans="14:14">
      <c r="N903792" s="10"/>
    </row>
    <row r="903793" spans="14:14">
      <c r="N903793" s="10"/>
    </row>
    <row r="903794" spans="14:14">
      <c r="N903794" s="10"/>
    </row>
    <row r="903795" spans="14:14">
      <c r="N903795" s="10"/>
    </row>
    <row r="903796" spans="14:14">
      <c r="N903796" s="10"/>
    </row>
    <row r="903797" spans="14:14">
      <c r="N903797" s="10"/>
    </row>
    <row r="903798" spans="14:14">
      <c r="N903798" s="10"/>
    </row>
    <row r="903799" spans="14:14">
      <c r="N903799" s="10"/>
    </row>
    <row r="903800" spans="14:14">
      <c r="N903800" s="10"/>
    </row>
    <row r="903801" spans="14:14">
      <c r="N903801" s="10"/>
    </row>
    <row r="903802" spans="14:14">
      <c r="N903802" s="10"/>
    </row>
    <row r="903803" spans="14:14">
      <c r="N903803" s="10"/>
    </row>
    <row r="903804" spans="14:14">
      <c r="N903804" s="10"/>
    </row>
    <row r="903805" spans="14:14">
      <c r="N903805" s="10"/>
    </row>
    <row r="903806" spans="14:14">
      <c r="N903806" s="10"/>
    </row>
    <row r="903807" spans="14:14">
      <c r="N903807" s="10"/>
    </row>
    <row r="903808" spans="14:14">
      <c r="N903808" s="10"/>
    </row>
    <row r="903809" spans="14:14">
      <c r="N903809" s="10"/>
    </row>
    <row r="903810" spans="14:14">
      <c r="N903810" s="10"/>
    </row>
    <row r="903811" spans="14:14">
      <c r="N903811" s="10"/>
    </row>
    <row r="903812" spans="14:14">
      <c r="N903812" s="10"/>
    </row>
    <row r="903813" spans="14:14">
      <c r="N903813" s="10"/>
    </row>
    <row r="903814" spans="14:14">
      <c r="N903814" s="10"/>
    </row>
    <row r="903815" spans="14:14">
      <c r="N903815" s="10"/>
    </row>
    <row r="903816" spans="14:14">
      <c r="N903816" s="10"/>
    </row>
    <row r="903817" spans="14:14">
      <c r="N903817" s="10"/>
    </row>
    <row r="903818" spans="14:14">
      <c r="N903818" s="10"/>
    </row>
    <row r="903819" spans="14:14">
      <c r="N903819" s="10"/>
    </row>
    <row r="903820" spans="14:14">
      <c r="N903820" s="10"/>
    </row>
    <row r="903821" spans="14:14">
      <c r="N903821" s="10"/>
    </row>
    <row r="903822" spans="14:14">
      <c r="N903822" s="10"/>
    </row>
    <row r="903823" spans="14:14">
      <c r="N903823" s="10"/>
    </row>
    <row r="903824" spans="14:14">
      <c r="N903824" s="10"/>
    </row>
    <row r="903825" spans="14:14">
      <c r="N903825" s="10"/>
    </row>
    <row r="903826" spans="14:14">
      <c r="N903826" s="10"/>
    </row>
    <row r="903827" spans="14:14">
      <c r="N903827" s="10"/>
    </row>
    <row r="903828" spans="14:14">
      <c r="N903828" s="10"/>
    </row>
    <row r="903829" spans="14:14">
      <c r="N903829" s="10"/>
    </row>
    <row r="903830" spans="14:14">
      <c r="N903830" s="10"/>
    </row>
    <row r="903831" spans="14:14">
      <c r="N903831" s="10"/>
    </row>
    <row r="903832" spans="14:14">
      <c r="N903832" s="10"/>
    </row>
    <row r="903833" spans="14:14">
      <c r="N903833" s="10"/>
    </row>
    <row r="903834" spans="14:14">
      <c r="N903834" s="10"/>
    </row>
    <row r="903835" spans="14:14">
      <c r="N903835" s="10"/>
    </row>
    <row r="903836" spans="14:14">
      <c r="N903836" s="10"/>
    </row>
    <row r="903837" spans="14:14">
      <c r="N903837" s="10"/>
    </row>
    <row r="903838" spans="14:14">
      <c r="N903838" s="10"/>
    </row>
    <row r="903839" spans="14:14">
      <c r="N903839" s="10"/>
    </row>
    <row r="903840" spans="14:14">
      <c r="N903840" s="10"/>
    </row>
    <row r="903841" spans="14:14">
      <c r="N903841" s="10"/>
    </row>
    <row r="903842" spans="14:14">
      <c r="N903842" s="10"/>
    </row>
    <row r="903843" spans="14:14">
      <c r="N903843" s="10"/>
    </row>
    <row r="903844" spans="14:14">
      <c r="N903844" s="10"/>
    </row>
    <row r="903845" spans="14:14">
      <c r="N903845" s="10"/>
    </row>
    <row r="903846" spans="14:14">
      <c r="N903846" s="10"/>
    </row>
    <row r="903847" spans="14:14">
      <c r="N903847" s="10"/>
    </row>
    <row r="903848" spans="14:14">
      <c r="N903848" s="10"/>
    </row>
    <row r="903849" spans="14:14">
      <c r="N903849" s="10"/>
    </row>
    <row r="903850" spans="14:14">
      <c r="N903850" s="10"/>
    </row>
    <row r="903851" spans="14:14">
      <c r="N903851" s="10"/>
    </row>
    <row r="903852" spans="14:14">
      <c r="N903852" s="10"/>
    </row>
    <row r="903853" spans="14:14">
      <c r="N903853" s="10"/>
    </row>
    <row r="903854" spans="14:14">
      <c r="N903854" s="10"/>
    </row>
    <row r="903855" spans="14:14">
      <c r="N903855" s="10"/>
    </row>
    <row r="903856" spans="14:14">
      <c r="N903856" s="10"/>
    </row>
    <row r="903857" spans="14:14">
      <c r="N903857" s="10"/>
    </row>
    <row r="903858" spans="14:14">
      <c r="N903858" s="10"/>
    </row>
    <row r="903859" spans="14:14">
      <c r="N903859" s="10"/>
    </row>
    <row r="903860" spans="14:14">
      <c r="N903860" s="10"/>
    </row>
    <row r="903861" spans="14:14">
      <c r="N903861" s="10"/>
    </row>
    <row r="903862" spans="14:14">
      <c r="N903862" s="10"/>
    </row>
    <row r="903863" spans="14:14">
      <c r="N903863" s="10"/>
    </row>
    <row r="903864" spans="14:14">
      <c r="N903864" s="10"/>
    </row>
    <row r="903865" spans="14:14">
      <c r="N903865" s="10"/>
    </row>
    <row r="903866" spans="14:14">
      <c r="N903866" s="10"/>
    </row>
    <row r="903867" spans="14:14">
      <c r="N903867" s="10"/>
    </row>
    <row r="903868" spans="14:14">
      <c r="N903868" s="10"/>
    </row>
    <row r="903869" spans="14:14">
      <c r="N903869" s="10"/>
    </row>
    <row r="903870" spans="14:14">
      <c r="N903870" s="10"/>
    </row>
    <row r="903871" spans="14:14">
      <c r="N903871" s="10"/>
    </row>
    <row r="903872" spans="14:14">
      <c r="N903872" s="10"/>
    </row>
    <row r="903873" spans="14:14">
      <c r="N903873" s="10"/>
    </row>
    <row r="903874" spans="14:14">
      <c r="N903874" s="10"/>
    </row>
    <row r="903875" spans="14:14">
      <c r="N903875" s="10"/>
    </row>
    <row r="903876" spans="14:14">
      <c r="N903876" s="10"/>
    </row>
    <row r="903877" spans="14:14">
      <c r="N903877" s="10"/>
    </row>
    <row r="903878" spans="14:14">
      <c r="N903878" s="10"/>
    </row>
    <row r="903879" spans="14:14">
      <c r="N903879" s="10"/>
    </row>
    <row r="903880" spans="14:14">
      <c r="N903880" s="10"/>
    </row>
    <row r="903881" spans="14:14">
      <c r="N903881" s="10"/>
    </row>
    <row r="903882" spans="14:14">
      <c r="N903882" s="10"/>
    </row>
    <row r="903883" spans="14:14">
      <c r="N903883" s="10"/>
    </row>
    <row r="903884" spans="14:14">
      <c r="N903884" s="10"/>
    </row>
    <row r="903885" spans="14:14">
      <c r="N903885" s="10"/>
    </row>
    <row r="903886" spans="14:14">
      <c r="N903886" s="10"/>
    </row>
    <row r="903887" spans="14:14">
      <c r="N903887" s="10"/>
    </row>
    <row r="903888" spans="14:14">
      <c r="N903888" s="10"/>
    </row>
    <row r="903889" spans="14:14">
      <c r="N903889" s="10"/>
    </row>
    <row r="903890" spans="14:14">
      <c r="N903890" s="10"/>
    </row>
    <row r="903891" spans="14:14">
      <c r="N903891" s="10"/>
    </row>
    <row r="903892" spans="14:14">
      <c r="N903892" s="10"/>
    </row>
    <row r="903893" spans="14:14">
      <c r="N903893" s="10"/>
    </row>
    <row r="903894" spans="14:14">
      <c r="N903894" s="10"/>
    </row>
    <row r="903895" spans="14:14">
      <c r="N903895" s="10"/>
    </row>
    <row r="903896" spans="14:14">
      <c r="N903896" s="10"/>
    </row>
    <row r="903897" spans="14:14">
      <c r="N903897" s="10"/>
    </row>
    <row r="903898" spans="14:14">
      <c r="N903898" s="10"/>
    </row>
    <row r="903899" spans="14:14">
      <c r="N903899" s="10"/>
    </row>
    <row r="903900" spans="14:14">
      <c r="N903900" s="10"/>
    </row>
    <row r="903901" spans="14:14">
      <c r="N903901" s="10"/>
    </row>
    <row r="903902" spans="14:14">
      <c r="N903902" s="10"/>
    </row>
    <row r="903903" spans="14:14">
      <c r="N903903" s="10"/>
    </row>
    <row r="903904" spans="14:14">
      <c r="N903904" s="10"/>
    </row>
    <row r="903905" spans="14:14">
      <c r="N903905" s="10"/>
    </row>
    <row r="903906" spans="14:14">
      <c r="N903906" s="10"/>
    </row>
    <row r="903907" spans="14:14">
      <c r="N903907" s="10"/>
    </row>
    <row r="903908" spans="14:14">
      <c r="N903908" s="10"/>
    </row>
    <row r="903909" spans="14:14">
      <c r="N903909" s="10"/>
    </row>
    <row r="903910" spans="14:14">
      <c r="N903910" s="10"/>
    </row>
    <row r="903911" spans="14:14">
      <c r="N903911" s="10"/>
    </row>
    <row r="903912" spans="14:14">
      <c r="N903912" s="10"/>
    </row>
    <row r="903913" spans="14:14">
      <c r="N903913" s="10"/>
    </row>
    <row r="903914" spans="14:14">
      <c r="N903914" s="10"/>
    </row>
    <row r="903915" spans="14:14">
      <c r="N903915" s="10"/>
    </row>
    <row r="903916" spans="14:14">
      <c r="N903916" s="10"/>
    </row>
    <row r="903917" spans="14:14">
      <c r="N903917" s="10"/>
    </row>
    <row r="903918" spans="14:14">
      <c r="N903918" s="10"/>
    </row>
    <row r="903919" spans="14:14">
      <c r="N903919" s="10"/>
    </row>
    <row r="903920" spans="14:14">
      <c r="N903920" s="10"/>
    </row>
    <row r="903921" spans="14:14">
      <c r="N903921" s="10"/>
    </row>
    <row r="903922" spans="14:14">
      <c r="N903922" s="10"/>
    </row>
    <row r="903923" spans="14:14">
      <c r="N903923" s="10"/>
    </row>
    <row r="903924" spans="14:14">
      <c r="N903924" s="10"/>
    </row>
    <row r="903925" spans="14:14">
      <c r="N903925" s="10"/>
    </row>
    <row r="903926" spans="14:14">
      <c r="N903926" s="10"/>
    </row>
    <row r="903927" spans="14:14">
      <c r="N903927" s="10"/>
    </row>
    <row r="903928" spans="14:14">
      <c r="N903928" s="10"/>
    </row>
    <row r="903929" spans="14:14">
      <c r="N903929" s="10"/>
    </row>
    <row r="903930" spans="14:14">
      <c r="N903930" s="10"/>
    </row>
    <row r="903931" spans="14:14">
      <c r="N903931" s="10"/>
    </row>
    <row r="903932" spans="14:14">
      <c r="N903932" s="10"/>
    </row>
    <row r="903933" spans="14:14">
      <c r="N903933" s="10"/>
    </row>
    <row r="903934" spans="14:14">
      <c r="N903934" s="10"/>
    </row>
    <row r="903935" spans="14:14">
      <c r="N903935" s="10"/>
    </row>
    <row r="903936" spans="14:14">
      <c r="N903936" s="10"/>
    </row>
    <row r="903937" spans="14:14">
      <c r="N903937" s="10"/>
    </row>
    <row r="903938" spans="14:14">
      <c r="N903938" s="10"/>
    </row>
    <row r="903939" spans="14:14">
      <c r="N903939" s="10"/>
    </row>
    <row r="903940" spans="14:14">
      <c r="N903940" s="10"/>
    </row>
    <row r="903941" spans="14:14">
      <c r="N903941" s="10"/>
    </row>
    <row r="903942" spans="14:14">
      <c r="N903942" s="10"/>
    </row>
    <row r="903943" spans="14:14">
      <c r="N903943" s="10"/>
    </row>
    <row r="903944" spans="14:14">
      <c r="N903944" s="10"/>
    </row>
    <row r="903945" spans="14:14">
      <c r="N903945" s="10"/>
    </row>
    <row r="903946" spans="14:14">
      <c r="N903946" s="10"/>
    </row>
    <row r="903947" spans="14:14">
      <c r="N903947" s="10"/>
    </row>
    <row r="903948" spans="14:14">
      <c r="N903948" s="10"/>
    </row>
    <row r="903949" spans="14:14">
      <c r="N903949" s="10"/>
    </row>
    <row r="903950" spans="14:14">
      <c r="N903950" s="10"/>
    </row>
    <row r="903951" spans="14:14">
      <c r="N903951" s="10"/>
    </row>
    <row r="903952" spans="14:14">
      <c r="N903952" s="10"/>
    </row>
    <row r="903953" spans="14:14">
      <c r="N903953" s="10"/>
    </row>
    <row r="903954" spans="14:14">
      <c r="N903954" s="10"/>
    </row>
    <row r="903955" spans="14:14">
      <c r="N903955" s="10"/>
    </row>
    <row r="903956" spans="14:14">
      <c r="N903956" s="10"/>
    </row>
    <row r="903957" spans="14:14">
      <c r="N903957" s="10"/>
    </row>
    <row r="903958" spans="14:14">
      <c r="N903958" s="10"/>
    </row>
    <row r="903959" spans="14:14">
      <c r="N903959" s="10"/>
    </row>
    <row r="903960" spans="14:14">
      <c r="N903960" s="10"/>
    </row>
    <row r="903961" spans="14:14">
      <c r="N903961" s="10"/>
    </row>
    <row r="903962" spans="14:14">
      <c r="N903962" s="10"/>
    </row>
    <row r="903963" spans="14:14">
      <c r="N903963" s="10"/>
    </row>
    <row r="903964" spans="14:14">
      <c r="N903964" s="10"/>
    </row>
    <row r="903965" spans="14:14">
      <c r="N903965" s="10"/>
    </row>
    <row r="903966" spans="14:14">
      <c r="N903966" s="10"/>
    </row>
    <row r="903967" spans="14:14">
      <c r="N903967" s="10"/>
    </row>
    <row r="903968" spans="14:14">
      <c r="N903968" s="10"/>
    </row>
    <row r="903969" spans="14:14">
      <c r="N903969" s="10"/>
    </row>
    <row r="903970" spans="14:14">
      <c r="N903970" s="10"/>
    </row>
    <row r="903971" spans="14:14">
      <c r="N903971" s="10"/>
    </row>
    <row r="903972" spans="14:14">
      <c r="N903972" s="10"/>
    </row>
    <row r="903973" spans="14:14">
      <c r="N903973" s="10"/>
    </row>
    <row r="903974" spans="14:14">
      <c r="N903974" s="10"/>
    </row>
    <row r="903975" spans="14:14">
      <c r="N903975" s="10"/>
    </row>
    <row r="903976" spans="14:14">
      <c r="N903976" s="10"/>
    </row>
    <row r="903977" spans="14:14">
      <c r="N903977" s="10"/>
    </row>
    <row r="903978" spans="14:14">
      <c r="N903978" s="10"/>
    </row>
    <row r="903979" spans="14:14">
      <c r="N903979" s="10"/>
    </row>
    <row r="903980" spans="14:14">
      <c r="N903980" s="10"/>
    </row>
    <row r="903981" spans="14:14">
      <c r="N903981" s="10"/>
    </row>
    <row r="903982" spans="14:14">
      <c r="N903982" s="10"/>
    </row>
    <row r="903983" spans="14:14">
      <c r="N903983" s="10"/>
    </row>
    <row r="903984" spans="14:14">
      <c r="N903984" s="10"/>
    </row>
    <row r="903985" spans="14:14">
      <c r="N903985" s="10"/>
    </row>
    <row r="903986" spans="14:14">
      <c r="N903986" s="10"/>
    </row>
    <row r="903987" spans="14:14">
      <c r="N903987" s="10"/>
    </row>
    <row r="903988" spans="14:14">
      <c r="N903988" s="10"/>
    </row>
    <row r="903989" spans="14:14">
      <c r="N903989" s="10"/>
    </row>
    <row r="903990" spans="14:14">
      <c r="N903990" s="10"/>
    </row>
    <row r="903991" spans="14:14">
      <c r="N903991" s="10"/>
    </row>
    <row r="903992" spans="14:14">
      <c r="N903992" s="10"/>
    </row>
    <row r="903993" spans="14:14">
      <c r="N903993" s="10"/>
    </row>
    <row r="903994" spans="14:14">
      <c r="N903994" s="10"/>
    </row>
    <row r="903995" spans="14:14">
      <c r="N903995" s="10"/>
    </row>
    <row r="903996" spans="14:14">
      <c r="N903996" s="10"/>
    </row>
    <row r="903997" spans="14:14">
      <c r="N903997" s="10"/>
    </row>
    <row r="903998" spans="14:14">
      <c r="N903998" s="10"/>
    </row>
    <row r="903999" spans="14:14">
      <c r="N903999" s="10"/>
    </row>
    <row r="904000" spans="14:14">
      <c r="N904000" s="10"/>
    </row>
    <row r="904001" spans="14:14">
      <c r="N904001" s="10"/>
    </row>
    <row r="904002" spans="14:14">
      <c r="N904002" s="10"/>
    </row>
    <row r="904003" spans="14:14">
      <c r="N904003" s="10"/>
    </row>
    <row r="904004" spans="14:14">
      <c r="N904004" s="10"/>
    </row>
    <row r="904005" spans="14:14">
      <c r="N904005" s="10"/>
    </row>
    <row r="904006" spans="14:14">
      <c r="N904006" s="10"/>
    </row>
    <row r="904007" spans="14:14">
      <c r="N904007" s="10"/>
    </row>
    <row r="904008" spans="14:14">
      <c r="N904008" s="10"/>
    </row>
    <row r="904009" spans="14:14">
      <c r="N904009" s="10"/>
    </row>
    <row r="904010" spans="14:14">
      <c r="N904010" s="10"/>
    </row>
    <row r="904011" spans="14:14">
      <c r="N904011" s="10"/>
    </row>
    <row r="904012" spans="14:14">
      <c r="N904012" s="10"/>
    </row>
    <row r="904013" spans="14:14">
      <c r="N904013" s="10"/>
    </row>
    <row r="904014" spans="14:14">
      <c r="N904014" s="10"/>
    </row>
    <row r="904015" spans="14:14">
      <c r="N904015" s="10"/>
    </row>
    <row r="904016" spans="14:14">
      <c r="N904016" s="10"/>
    </row>
    <row r="904017" spans="14:14">
      <c r="N904017" s="10"/>
    </row>
    <row r="904018" spans="14:14">
      <c r="N904018" s="10"/>
    </row>
    <row r="904019" spans="14:14">
      <c r="N904019" s="10"/>
    </row>
    <row r="904020" spans="14:14">
      <c r="N904020" s="10"/>
    </row>
    <row r="904021" spans="14:14">
      <c r="N904021" s="10"/>
    </row>
    <row r="904022" spans="14:14">
      <c r="N904022" s="10"/>
    </row>
    <row r="904023" spans="14:14">
      <c r="N904023" s="10"/>
    </row>
    <row r="904024" spans="14:14">
      <c r="N904024" s="10"/>
    </row>
    <row r="904025" spans="14:14">
      <c r="N904025" s="10"/>
    </row>
    <row r="904026" spans="14:14">
      <c r="N904026" s="10"/>
    </row>
    <row r="904027" spans="14:14">
      <c r="N904027" s="10"/>
    </row>
    <row r="904028" spans="14:14">
      <c r="N904028" s="10"/>
    </row>
    <row r="904029" spans="14:14">
      <c r="N904029" s="10"/>
    </row>
    <row r="904030" spans="14:14">
      <c r="N904030" s="10"/>
    </row>
    <row r="904031" spans="14:14">
      <c r="N904031" s="10"/>
    </row>
    <row r="904032" spans="14:14">
      <c r="N904032" s="10"/>
    </row>
    <row r="904033" spans="14:14">
      <c r="N904033" s="10"/>
    </row>
    <row r="904034" spans="14:14">
      <c r="N904034" s="10"/>
    </row>
    <row r="904035" spans="14:14">
      <c r="N904035" s="10"/>
    </row>
    <row r="904036" spans="14:14">
      <c r="N904036" s="10"/>
    </row>
    <row r="904037" spans="14:14">
      <c r="N904037" s="10"/>
    </row>
    <row r="904038" spans="14:14">
      <c r="N904038" s="10"/>
    </row>
    <row r="904039" spans="14:14">
      <c r="N904039" s="10"/>
    </row>
    <row r="904040" spans="14:14">
      <c r="N904040" s="10"/>
    </row>
    <row r="904041" spans="14:14">
      <c r="N904041" s="10"/>
    </row>
    <row r="904042" spans="14:14">
      <c r="N904042" s="10"/>
    </row>
    <row r="904043" spans="14:14">
      <c r="N904043" s="10"/>
    </row>
    <row r="904044" spans="14:14">
      <c r="N904044" s="10"/>
    </row>
    <row r="904045" spans="14:14">
      <c r="N904045" s="10"/>
    </row>
    <row r="904046" spans="14:14">
      <c r="N904046" s="10"/>
    </row>
    <row r="904047" spans="14:14">
      <c r="N904047" s="10"/>
    </row>
    <row r="904048" spans="14:14">
      <c r="N904048" s="10"/>
    </row>
    <row r="904049" spans="14:14">
      <c r="N904049" s="10"/>
    </row>
    <row r="904050" spans="14:14">
      <c r="N904050" s="10"/>
    </row>
    <row r="904051" spans="14:14">
      <c r="N904051" s="10"/>
    </row>
    <row r="904052" spans="14:14">
      <c r="N904052" s="10"/>
    </row>
    <row r="904053" spans="14:14">
      <c r="N904053" s="10"/>
    </row>
    <row r="904054" spans="14:14">
      <c r="N904054" s="10"/>
    </row>
    <row r="904055" spans="14:14">
      <c r="N904055" s="10"/>
    </row>
    <row r="904056" spans="14:14">
      <c r="N904056" s="10"/>
    </row>
    <row r="904057" spans="14:14">
      <c r="N904057" s="10"/>
    </row>
    <row r="904058" spans="14:14">
      <c r="N904058" s="10"/>
    </row>
    <row r="904059" spans="14:14">
      <c r="N904059" s="10"/>
    </row>
    <row r="904060" spans="14:14">
      <c r="N904060" s="10"/>
    </row>
    <row r="904061" spans="14:14">
      <c r="N904061" s="10"/>
    </row>
    <row r="904062" spans="14:14">
      <c r="N904062" s="10"/>
    </row>
    <row r="904063" spans="14:14">
      <c r="N904063" s="10"/>
    </row>
    <row r="904064" spans="14:14">
      <c r="N904064" s="10"/>
    </row>
    <row r="904065" spans="14:14">
      <c r="N904065" s="10"/>
    </row>
    <row r="904066" spans="14:14">
      <c r="N904066" s="10"/>
    </row>
    <row r="904067" spans="14:14">
      <c r="N904067" s="10"/>
    </row>
    <row r="904068" spans="14:14">
      <c r="N904068" s="10"/>
    </row>
    <row r="904069" spans="14:14">
      <c r="N904069" s="10"/>
    </row>
    <row r="904070" spans="14:14">
      <c r="N904070" s="10"/>
    </row>
    <row r="904071" spans="14:14">
      <c r="N904071" s="10"/>
    </row>
    <row r="904072" spans="14:14">
      <c r="N904072" s="10"/>
    </row>
    <row r="904073" spans="14:14">
      <c r="N904073" s="10"/>
    </row>
    <row r="904074" spans="14:14">
      <c r="N904074" s="10"/>
    </row>
    <row r="904075" spans="14:14">
      <c r="N904075" s="10"/>
    </row>
    <row r="904076" spans="14:14">
      <c r="N904076" s="10"/>
    </row>
    <row r="904077" spans="14:14">
      <c r="N904077" s="10"/>
    </row>
    <row r="904078" spans="14:14">
      <c r="N904078" s="10"/>
    </row>
    <row r="904079" spans="14:14">
      <c r="N904079" s="10"/>
    </row>
    <row r="904080" spans="14:14">
      <c r="N904080" s="10"/>
    </row>
    <row r="904081" spans="14:14">
      <c r="N904081" s="10"/>
    </row>
    <row r="904082" spans="14:14">
      <c r="N904082" s="10"/>
    </row>
    <row r="904083" spans="14:14">
      <c r="N904083" s="10"/>
    </row>
    <row r="904084" spans="14:14">
      <c r="N904084" s="10"/>
    </row>
    <row r="904085" spans="14:14">
      <c r="N904085" s="10"/>
    </row>
    <row r="904086" spans="14:14">
      <c r="N904086" s="10"/>
    </row>
    <row r="904087" spans="14:14">
      <c r="N904087" s="10"/>
    </row>
    <row r="904088" spans="14:14">
      <c r="N904088" s="10"/>
    </row>
    <row r="904089" spans="14:14">
      <c r="N904089" s="10"/>
    </row>
    <row r="904090" spans="14:14">
      <c r="N904090" s="10"/>
    </row>
    <row r="904091" spans="14:14">
      <c r="N904091" s="10"/>
    </row>
    <row r="904092" spans="14:14">
      <c r="N904092" s="10"/>
    </row>
    <row r="904093" spans="14:14">
      <c r="N904093" s="10"/>
    </row>
    <row r="904094" spans="14:14">
      <c r="N904094" s="10"/>
    </row>
    <row r="904095" spans="14:14">
      <c r="N904095" s="10"/>
    </row>
    <row r="904096" spans="14:14">
      <c r="N904096" s="10"/>
    </row>
    <row r="904097" spans="14:14">
      <c r="N904097" s="10"/>
    </row>
    <row r="904098" spans="14:14">
      <c r="N904098" s="10"/>
    </row>
    <row r="904099" spans="14:14">
      <c r="N904099" s="10"/>
    </row>
    <row r="904100" spans="14:14">
      <c r="N904100" s="10"/>
    </row>
    <row r="904101" spans="14:14">
      <c r="N904101" s="10"/>
    </row>
    <row r="904102" spans="14:14">
      <c r="N904102" s="10"/>
    </row>
    <row r="904103" spans="14:14">
      <c r="N904103" s="10"/>
    </row>
    <row r="904104" spans="14:14">
      <c r="N904104" s="10"/>
    </row>
    <row r="904105" spans="14:14">
      <c r="N904105" s="10"/>
    </row>
    <row r="904106" spans="14:14">
      <c r="N904106" s="10"/>
    </row>
    <row r="904107" spans="14:14">
      <c r="N904107" s="10"/>
    </row>
    <row r="904108" spans="14:14">
      <c r="N904108" s="10"/>
    </row>
    <row r="904109" spans="14:14">
      <c r="N904109" s="10"/>
    </row>
    <row r="904110" spans="14:14">
      <c r="N904110" s="10"/>
    </row>
    <row r="904111" spans="14:14">
      <c r="N904111" s="10"/>
    </row>
    <row r="904112" spans="14:14">
      <c r="N904112" s="10"/>
    </row>
    <row r="904113" spans="14:14">
      <c r="N904113" s="10"/>
    </row>
    <row r="904114" spans="14:14">
      <c r="N904114" s="10"/>
    </row>
    <row r="904115" spans="14:14">
      <c r="N904115" s="10"/>
    </row>
    <row r="904116" spans="14:14">
      <c r="N904116" s="10"/>
    </row>
    <row r="904117" spans="14:14">
      <c r="N904117" s="10"/>
    </row>
    <row r="904118" spans="14:14">
      <c r="N904118" s="10"/>
    </row>
    <row r="904119" spans="14:14">
      <c r="N904119" s="10"/>
    </row>
    <row r="904120" spans="14:14">
      <c r="N904120" s="10"/>
    </row>
    <row r="904121" spans="14:14">
      <c r="N904121" s="10"/>
    </row>
    <row r="904122" spans="14:14">
      <c r="N904122" s="10"/>
    </row>
    <row r="904123" spans="14:14">
      <c r="N904123" s="10"/>
    </row>
    <row r="904124" spans="14:14">
      <c r="N904124" s="10"/>
    </row>
    <row r="904125" spans="14:14">
      <c r="N904125" s="10"/>
    </row>
    <row r="904126" spans="14:14">
      <c r="N904126" s="10"/>
    </row>
    <row r="904127" spans="14:14">
      <c r="N904127" s="10"/>
    </row>
    <row r="904128" spans="14:14">
      <c r="N904128" s="10"/>
    </row>
    <row r="904129" spans="14:14">
      <c r="N904129" s="10"/>
    </row>
    <row r="904130" spans="14:14">
      <c r="N904130" s="10"/>
    </row>
    <row r="904131" spans="14:14">
      <c r="N904131" s="10"/>
    </row>
    <row r="904132" spans="14:14">
      <c r="N904132" s="10"/>
    </row>
    <row r="904133" spans="14:14">
      <c r="N904133" s="10"/>
    </row>
    <row r="904134" spans="14:14">
      <c r="N904134" s="10"/>
    </row>
    <row r="904135" spans="14:14">
      <c r="N904135" s="10"/>
    </row>
    <row r="904136" spans="14:14">
      <c r="N904136" s="10"/>
    </row>
    <row r="904137" spans="14:14">
      <c r="N904137" s="10"/>
    </row>
    <row r="904138" spans="14:14">
      <c r="N904138" s="10"/>
    </row>
    <row r="904139" spans="14:14">
      <c r="N904139" s="10"/>
    </row>
    <row r="904140" spans="14:14">
      <c r="N904140" s="10"/>
    </row>
    <row r="904141" spans="14:14">
      <c r="N904141" s="10"/>
    </row>
    <row r="904142" spans="14:14">
      <c r="N904142" s="10"/>
    </row>
    <row r="904143" spans="14:14">
      <c r="N904143" s="10"/>
    </row>
    <row r="904144" spans="14:14">
      <c r="N904144" s="10"/>
    </row>
    <row r="904145" spans="14:14">
      <c r="N904145" s="10"/>
    </row>
    <row r="904146" spans="14:14">
      <c r="N904146" s="10"/>
    </row>
    <row r="904147" spans="14:14">
      <c r="N904147" s="10"/>
    </row>
    <row r="904148" spans="14:14">
      <c r="N904148" s="10"/>
    </row>
    <row r="904149" spans="14:14">
      <c r="N904149" s="10"/>
    </row>
    <row r="904150" spans="14:14">
      <c r="N904150" s="10"/>
    </row>
    <row r="904151" spans="14:14">
      <c r="N904151" s="10"/>
    </row>
    <row r="904152" spans="14:14">
      <c r="N904152" s="10"/>
    </row>
    <row r="904153" spans="14:14">
      <c r="N904153" s="10"/>
    </row>
    <row r="904154" spans="14:14">
      <c r="N904154" s="10"/>
    </row>
    <row r="904155" spans="14:14">
      <c r="N904155" s="10"/>
    </row>
    <row r="904156" spans="14:14">
      <c r="N904156" s="10"/>
    </row>
    <row r="904157" spans="14:14">
      <c r="N904157" s="10"/>
    </row>
    <row r="904158" spans="14:14">
      <c r="N904158" s="10"/>
    </row>
    <row r="904159" spans="14:14">
      <c r="N904159" s="10"/>
    </row>
    <row r="904160" spans="14:14">
      <c r="N904160" s="10"/>
    </row>
    <row r="904161" spans="14:14">
      <c r="N904161" s="10"/>
    </row>
    <row r="904162" spans="14:14">
      <c r="N904162" s="10"/>
    </row>
    <row r="904163" spans="14:14">
      <c r="N904163" s="10"/>
    </row>
    <row r="904164" spans="14:14">
      <c r="N904164" s="10"/>
    </row>
    <row r="904165" spans="14:14">
      <c r="N904165" s="10"/>
    </row>
    <row r="904166" spans="14:14">
      <c r="N904166" s="10"/>
    </row>
    <row r="904167" spans="14:14">
      <c r="N904167" s="10"/>
    </row>
    <row r="904168" spans="14:14">
      <c r="N904168" s="10"/>
    </row>
    <row r="904169" spans="14:14">
      <c r="N904169" s="10"/>
    </row>
    <row r="904170" spans="14:14">
      <c r="N904170" s="10"/>
    </row>
    <row r="904171" spans="14:14">
      <c r="N904171" s="10"/>
    </row>
    <row r="904172" spans="14:14">
      <c r="N904172" s="10"/>
    </row>
    <row r="904173" spans="14:14">
      <c r="N904173" s="10"/>
    </row>
    <row r="904174" spans="14:14">
      <c r="N904174" s="10"/>
    </row>
    <row r="904175" spans="14:14">
      <c r="N904175" s="10"/>
    </row>
    <row r="904176" spans="14:14">
      <c r="N904176" s="10"/>
    </row>
    <row r="904177" spans="14:14">
      <c r="N904177" s="10"/>
    </row>
    <row r="904178" spans="14:14">
      <c r="N904178" s="10"/>
    </row>
    <row r="904179" spans="14:14">
      <c r="N904179" s="10"/>
    </row>
    <row r="904180" spans="14:14">
      <c r="N904180" s="10"/>
    </row>
    <row r="904181" spans="14:14">
      <c r="N904181" s="10"/>
    </row>
    <row r="904182" spans="14:14">
      <c r="N904182" s="10"/>
    </row>
    <row r="904183" spans="14:14">
      <c r="N904183" s="10"/>
    </row>
    <row r="904184" spans="14:14">
      <c r="N904184" s="10"/>
    </row>
    <row r="904185" spans="14:14">
      <c r="N904185" s="10"/>
    </row>
    <row r="904186" spans="14:14">
      <c r="N904186" s="10"/>
    </row>
    <row r="904187" spans="14:14">
      <c r="N904187" s="10"/>
    </row>
    <row r="904188" spans="14:14">
      <c r="N904188" s="10"/>
    </row>
    <row r="904189" spans="14:14">
      <c r="N904189" s="10"/>
    </row>
    <row r="904190" spans="14:14">
      <c r="N904190" s="10"/>
    </row>
    <row r="904191" spans="14:14">
      <c r="N904191" s="10"/>
    </row>
    <row r="904192" spans="14:14">
      <c r="N904192" s="10"/>
    </row>
    <row r="904193" spans="14:14">
      <c r="N904193" s="10"/>
    </row>
    <row r="904194" spans="14:14">
      <c r="N904194" s="10"/>
    </row>
    <row r="904195" spans="14:14">
      <c r="N904195" s="10"/>
    </row>
    <row r="904196" spans="14:14">
      <c r="N904196" s="10"/>
    </row>
    <row r="904197" spans="14:14">
      <c r="N904197" s="10"/>
    </row>
    <row r="904198" spans="14:14">
      <c r="N904198" s="10"/>
    </row>
    <row r="904199" spans="14:14">
      <c r="N904199" s="10"/>
    </row>
    <row r="904200" spans="14:14">
      <c r="N904200" s="10"/>
    </row>
    <row r="904201" spans="14:14">
      <c r="N904201" s="10"/>
    </row>
    <row r="904202" spans="14:14">
      <c r="N904202" s="10"/>
    </row>
    <row r="904203" spans="14:14">
      <c r="N904203" s="10"/>
    </row>
    <row r="904204" spans="14:14">
      <c r="N904204" s="10"/>
    </row>
    <row r="904205" spans="14:14">
      <c r="N904205" s="10"/>
    </row>
    <row r="904206" spans="14:14">
      <c r="N904206" s="10"/>
    </row>
    <row r="904207" spans="14:14">
      <c r="N904207" s="10"/>
    </row>
    <row r="904208" spans="14:14">
      <c r="N904208" s="10"/>
    </row>
    <row r="904209" spans="14:14">
      <c r="N904209" s="10"/>
    </row>
    <row r="904210" spans="14:14">
      <c r="N904210" s="10"/>
    </row>
    <row r="904211" spans="14:14">
      <c r="N904211" s="10"/>
    </row>
    <row r="904212" spans="14:14">
      <c r="N904212" s="10"/>
    </row>
    <row r="904213" spans="14:14">
      <c r="N904213" s="10"/>
    </row>
    <row r="904214" spans="14:14">
      <c r="N904214" s="10"/>
    </row>
    <row r="904215" spans="14:14">
      <c r="N904215" s="10"/>
    </row>
    <row r="904216" spans="14:14">
      <c r="N904216" s="10"/>
    </row>
    <row r="904217" spans="14:14">
      <c r="N904217" s="10"/>
    </row>
    <row r="904218" spans="14:14">
      <c r="N904218" s="10"/>
    </row>
    <row r="904219" spans="14:14">
      <c r="N904219" s="10"/>
    </row>
    <row r="904220" spans="14:14">
      <c r="N904220" s="10"/>
    </row>
    <row r="904221" spans="14:14">
      <c r="N904221" s="10"/>
    </row>
    <row r="904222" spans="14:14">
      <c r="N904222" s="10"/>
    </row>
    <row r="904223" spans="14:14">
      <c r="N904223" s="10"/>
    </row>
    <row r="904224" spans="14:14">
      <c r="N904224" s="10"/>
    </row>
    <row r="904225" spans="14:14">
      <c r="N904225" s="10"/>
    </row>
    <row r="904226" spans="14:14">
      <c r="N904226" s="10"/>
    </row>
    <row r="904227" spans="14:14">
      <c r="N904227" s="10"/>
    </row>
    <row r="904228" spans="14:14">
      <c r="N904228" s="10"/>
    </row>
    <row r="904229" spans="14:14">
      <c r="N904229" s="10"/>
    </row>
    <row r="904230" spans="14:14">
      <c r="N904230" s="10"/>
    </row>
    <row r="904231" spans="14:14">
      <c r="N904231" s="10"/>
    </row>
    <row r="904232" spans="14:14">
      <c r="N904232" s="10"/>
    </row>
    <row r="904233" spans="14:14">
      <c r="N904233" s="10"/>
    </row>
    <row r="904234" spans="14:14">
      <c r="N904234" s="10"/>
    </row>
    <row r="904235" spans="14:14">
      <c r="N904235" s="10"/>
    </row>
    <row r="904236" spans="14:14">
      <c r="N904236" s="10"/>
    </row>
    <row r="904237" spans="14:14">
      <c r="N904237" s="10"/>
    </row>
    <row r="904238" spans="14:14">
      <c r="N904238" s="10"/>
    </row>
    <row r="904239" spans="14:14">
      <c r="N904239" s="10"/>
    </row>
    <row r="904240" spans="14:14">
      <c r="N904240" s="10"/>
    </row>
    <row r="904241" spans="14:14">
      <c r="N904241" s="10"/>
    </row>
    <row r="904242" spans="14:14">
      <c r="N904242" s="10"/>
    </row>
    <row r="904243" spans="14:14">
      <c r="N904243" s="10"/>
    </row>
    <row r="904244" spans="14:14">
      <c r="N904244" s="10"/>
    </row>
    <row r="904245" spans="14:14">
      <c r="N904245" s="10"/>
    </row>
    <row r="904246" spans="14:14">
      <c r="N904246" s="10"/>
    </row>
    <row r="904247" spans="14:14">
      <c r="N904247" s="10"/>
    </row>
    <row r="904248" spans="14:14">
      <c r="N904248" s="10"/>
    </row>
    <row r="904249" spans="14:14">
      <c r="N904249" s="10"/>
    </row>
    <row r="904250" spans="14:14">
      <c r="N904250" s="10"/>
    </row>
    <row r="904251" spans="14:14">
      <c r="N904251" s="10"/>
    </row>
    <row r="904252" spans="14:14">
      <c r="N904252" s="10"/>
    </row>
    <row r="904253" spans="14:14">
      <c r="N904253" s="10"/>
    </row>
    <row r="904254" spans="14:14">
      <c r="N904254" s="10"/>
    </row>
    <row r="904255" spans="14:14">
      <c r="N904255" s="10"/>
    </row>
    <row r="904256" spans="14:14">
      <c r="N904256" s="10"/>
    </row>
    <row r="904257" spans="14:14">
      <c r="N904257" s="10"/>
    </row>
    <row r="904258" spans="14:14">
      <c r="N904258" s="10"/>
    </row>
    <row r="904259" spans="14:14">
      <c r="N904259" s="10"/>
    </row>
    <row r="904260" spans="14:14">
      <c r="N904260" s="10"/>
    </row>
    <row r="904261" spans="14:14">
      <c r="N904261" s="10"/>
    </row>
    <row r="904262" spans="14:14">
      <c r="N904262" s="10"/>
    </row>
    <row r="904263" spans="14:14">
      <c r="N904263" s="10"/>
    </row>
    <row r="904264" spans="14:14">
      <c r="N904264" s="10"/>
    </row>
    <row r="904265" spans="14:14">
      <c r="N904265" s="10"/>
    </row>
    <row r="904266" spans="14:14">
      <c r="N904266" s="10"/>
    </row>
    <row r="904267" spans="14:14">
      <c r="N904267" s="10"/>
    </row>
    <row r="904268" spans="14:14">
      <c r="N904268" s="10"/>
    </row>
    <row r="904269" spans="14:14">
      <c r="N904269" s="10"/>
    </row>
    <row r="904270" spans="14:14">
      <c r="N904270" s="10"/>
    </row>
    <row r="904271" spans="14:14">
      <c r="N904271" s="10"/>
    </row>
    <row r="904272" spans="14:14">
      <c r="N904272" s="10"/>
    </row>
    <row r="904273" spans="14:14">
      <c r="N904273" s="10"/>
    </row>
    <row r="904274" spans="14:14">
      <c r="N904274" s="10"/>
    </row>
    <row r="904275" spans="14:14">
      <c r="N904275" s="10"/>
    </row>
    <row r="904276" spans="14:14">
      <c r="N904276" s="10"/>
    </row>
    <row r="904277" spans="14:14">
      <c r="N904277" s="10"/>
    </row>
    <row r="904278" spans="14:14">
      <c r="N904278" s="10"/>
    </row>
    <row r="904279" spans="14:14">
      <c r="N904279" s="10"/>
    </row>
    <row r="904280" spans="14:14">
      <c r="N904280" s="10"/>
    </row>
    <row r="904281" spans="14:14">
      <c r="N904281" s="10"/>
    </row>
    <row r="904282" spans="14:14">
      <c r="N904282" s="10"/>
    </row>
    <row r="904283" spans="14:14">
      <c r="N904283" s="10"/>
    </row>
    <row r="904284" spans="14:14">
      <c r="N904284" s="10"/>
    </row>
    <row r="904285" spans="14:14">
      <c r="N904285" s="10"/>
    </row>
    <row r="904286" spans="14:14">
      <c r="N904286" s="10"/>
    </row>
    <row r="904287" spans="14:14">
      <c r="N904287" s="10"/>
    </row>
    <row r="904288" spans="14:14">
      <c r="N904288" s="10"/>
    </row>
    <row r="904289" spans="14:14">
      <c r="N904289" s="10"/>
    </row>
    <row r="904290" spans="14:14">
      <c r="N904290" s="10"/>
    </row>
    <row r="904291" spans="14:14">
      <c r="N904291" s="10"/>
    </row>
    <row r="904292" spans="14:14">
      <c r="N904292" s="10"/>
    </row>
    <row r="904293" spans="14:14">
      <c r="N904293" s="10"/>
    </row>
    <row r="904294" spans="14:14">
      <c r="N904294" s="10"/>
    </row>
    <row r="904295" spans="14:14">
      <c r="N904295" s="10"/>
    </row>
    <row r="904296" spans="14:14">
      <c r="N904296" s="10"/>
    </row>
    <row r="904297" spans="14:14">
      <c r="N904297" s="10"/>
    </row>
    <row r="904298" spans="14:14">
      <c r="N904298" s="10"/>
    </row>
    <row r="904299" spans="14:14">
      <c r="N904299" s="10"/>
    </row>
    <row r="904300" spans="14:14">
      <c r="N904300" s="10"/>
    </row>
    <row r="904301" spans="14:14">
      <c r="N904301" s="10"/>
    </row>
    <row r="904302" spans="14:14">
      <c r="N904302" s="10"/>
    </row>
    <row r="904303" spans="14:14">
      <c r="N904303" s="10"/>
    </row>
    <row r="904304" spans="14:14">
      <c r="N904304" s="10"/>
    </row>
    <row r="904305" spans="14:14">
      <c r="N904305" s="10"/>
    </row>
    <row r="904306" spans="14:14">
      <c r="N904306" s="10"/>
    </row>
    <row r="904307" spans="14:14">
      <c r="N904307" s="10"/>
    </row>
    <row r="904308" spans="14:14">
      <c r="N904308" s="10"/>
    </row>
    <row r="904309" spans="14:14">
      <c r="N904309" s="10"/>
    </row>
    <row r="904310" spans="14:14">
      <c r="N904310" s="10"/>
    </row>
    <row r="904311" spans="14:14">
      <c r="N904311" s="10"/>
    </row>
    <row r="904312" spans="14:14">
      <c r="N904312" s="10"/>
    </row>
    <row r="904313" spans="14:14">
      <c r="N904313" s="10"/>
    </row>
    <row r="904314" spans="14:14">
      <c r="N904314" s="10"/>
    </row>
    <row r="904315" spans="14:14">
      <c r="N904315" s="10"/>
    </row>
    <row r="904316" spans="14:14">
      <c r="N904316" s="10"/>
    </row>
    <row r="904317" spans="14:14">
      <c r="N904317" s="10"/>
    </row>
    <row r="904318" spans="14:14">
      <c r="N904318" s="10"/>
    </row>
    <row r="904319" spans="14:14">
      <c r="N904319" s="10"/>
    </row>
    <row r="904320" spans="14:14">
      <c r="N904320" s="10"/>
    </row>
    <row r="904321" spans="14:14">
      <c r="N904321" s="10"/>
    </row>
    <row r="904322" spans="14:14">
      <c r="N904322" s="10"/>
    </row>
    <row r="904323" spans="14:14">
      <c r="N904323" s="10"/>
    </row>
    <row r="904324" spans="14:14">
      <c r="N904324" s="10"/>
    </row>
    <row r="904325" spans="14:14">
      <c r="N904325" s="10"/>
    </row>
    <row r="904326" spans="14:14">
      <c r="N904326" s="10"/>
    </row>
    <row r="904327" spans="14:14">
      <c r="N904327" s="10"/>
    </row>
    <row r="904328" spans="14:14">
      <c r="N904328" s="10"/>
    </row>
    <row r="904329" spans="14:14">
      <c r="N904329" s="10"/>
    </row>
    <row r="904330" spans="14:14">
      <c r="N904330" s="10"/>
    </row>
    <row r="904331" spans="14:14">
      <c r="N904331" s="10"/>
    </row>
    <row r="904332" spans="14:14">
      <c r="N904332" s="10"/>
    </row>
    <row r="904333" spans="14:14">
      <c r="N904333" s="10"/>
    </row>
    <row r="904334" spans="14:14">
      <c r="N904334" s="10"/>
    </row>
    <row r="904335" spans="14:14">
      <c r="N904335" s="10"/>
    </row>
    <row r="904336" spans="14:14">
      <c r="N904336" s="10"/>
    </row>
    <row r="904337" spans="14:14">
      <c r="N904337" s="10"/>
    </row>
    <row r="904338" spans="14:14">
      <c r="N904338" s="10"/>
    </row>
    <row r="904339" spans="14:14">
      <c r="N904339" s="10"/>
    </row>
    <row r="904340" spans="14:14">
      <c r="N904340" s="10"/>
    </row>
    <row r="904341" spans="14:14">
      <c r="N904341" s="10"/>
    </row>
    <row r="904342" spans="14:14">
      <c r="N904342" s="10"/>
    </row>
    <row r="904343" spans="14:14">
      <c r="N904343" s="10"/>
    </row>
    <row r="904344" spans="14:14">
      <c r="N904344" s="10"/>
    </row>
    <row r="904345" spans="14:14">
      <c r="N904345" s="10"/>
    </row>
    <row r="904346" spans="14:14">
      <c r="N904346" s="10"/>
    </row>
    <row r="904347" spans="14:14">
      <c r="N904347" s="10"/>
    </row>
    <row r="904348" spans="14:14">
      <c r="N904348" s="10"/>
    </row>
    <row r="904349" spans="14:14">
      <c r="N904349" s="10"/>
    </row>
    <row r="904350" spans="14:14">
      <c r="N904350" s="10"/>
    </row>
    <row r="904351" spans="14:14">
      <c r="N904351" s="10"/>
    </row>
    <row r="904352" spans="14:14">
      <c r="N904352" s="10"/>
    </row>
    <row r="904353" spans="14:14">
      <c r="N904353" s="10"/>
    </row>
    <row r="904354" spans="14:14">
      <c r="N904354" s="10"/>
    </row>
    <row r="904355" spans="14:14">
      <c r="N904355" s="10"/>
    </row>
    <row r="904356" spans="14:14">
      <c r="N904356" s="10"/>
    </row>
    <row r="904357" spans="14:14">
      <c r="N904357" s="10"/>
    </row>
    <row r="904358" spans="14:14">
      <c r="N904358" s="10"/>
    </row>
    <row r="904359" spans="14:14">
      <c r="N904359" s="10"/>
    </row>
    <row r="904360" spans="14:14">
      <c r="N904360" s="10"/>
    </row>
    <row r="904361" spans="14:14">
      <c r="N904361" s="10"/>
    </row>
    <row r="904362" spans="14:14">
      <c r="N904362" s="10"/>
    </row>
    <row r="904363" spans="14:14">
      <c r="N904363" s="10"/>
    </row>
    <row r="904364" spans="14:14">
      <c r="N904364" s="10"/>
    </row>
    <row r="904365" spans="14:14">
      <c r="N904365" s="10"/>
    </row>
    <row r="904366" spans="14:14">
      <c r="N904366" s="10"/>
    </row>
    <row r="904367" spans="14:14">
      <c r="N904367" s="10"/>
    </row>
    <row r="904368" spans="14:14">
      <c r="N904368" s="10"/>
    </row>
    <row r="904369" spans="14:14">
      <c r="N904369" s="10"/>
    </row>
    <row r="904370" spans="14:14">
      <c r="N904370" s="10"/>
    </row>
    <row r="904371" spans="14:14">
      <c r="N904371" s="10"/>
    </row>
    <row r="904372" spans="14:14">
      <c r="N904372" s="10"/>
    </row>
    <row r="904373" spans="14:14">
      <c r="N904373" s="10"/>
    </row>
    <row r="904374" spans="14:14">
      <c r="N904374" s="10"/>
    </row>
    <row r="904375" spans="14:14">
      <c r="N904375" s="10"/>
    </row>
    <row r="904376" spans="14:14">
      <c r="N904376" s="10"/>
    </row>
    <row r="904377" spans="14:14">
      <c r="N904377" s="10"/>
    </row>
    <row r="904378" spans="14:14">
      <c r="N904378" s="10"/>
    </row>
    <row r="904379" spans="14:14">
      <c r="N904379" s="10"/>
    </row>
    <row r="904380" spans="14:14">
      <c r="N904380" s="10"/>
    </row>
    <row r="904381" spans="14:14">
      <c r="N904381" s="10"/>
    </row>
    <row r="904382" spans="14:14">
      <c r="N904382" s="10"/>
    </row>
    <row r="904383" spans="14:14">
      <c r="N904383" s="10"/>
    </row>
    <row r="904384" spans="14:14">
      <c r="N904384" s="10"/>
    </row>
    <row r="904385" spans="14:14">
      <c r="N904385" s="10"/>
    </row>
    <row r="904386" spans="14:14">
      <c r="N904386" s="10"/>
    </row>
    <row r="904387" spans="14:14">
      <c r="N904387" s="10"/>
    </row>
    <row r="904388" spans="14:14">
      <c r="N904388" s="10"/>
    </row>
    <row r="904389" spans="14:14">
      <c r="N904389" s="10"/>
    </row>
    <row r="904390" spans="14:14">
      <c r="N904390" s="10"/>
    </row>
    <row r="904391" spans="14:14">
      <c r="N904391" s="10"/>
    </row>
    <row r="904392" spans="14:14">
      <c r="N904392" s="10"/>
    </row>
    <row r="904393" spans="14:14">
      <c r="N904393" s="10"/>
    </row>
    <row r="904394" spans="14:14">
      <c r="N904394" s="10"/>
    </row>
    <row r="904395" spans="14:14">
      <c r="N904395" s="10"/>
    </row>
    <row r="904396" spans="14:14">
      <c r="N904396" s="10"/>
    </row>
    <row r="904397" spans="14:14">
      <c r="N904397" s="10"/>
    </row>
    <row r="904398" spans="14:14">
      <c r="N904398" s="10"/>
    </row>
    <row r="904399" spans="14:14">
      <c r="N904399" s="10"/>
    </row>
    <row r="904400" spans="14:14">
      <c r="N904400" s="10"/>
    </row>
    <row r="904401" spans="14:14">
      <c r="N904401" s="10"/>
    </row>
    <row r="904402" spans="14:14">
      <c r="N904402" s="10"/>
    </row>
    <row r="904403" spans="14:14">
      <c r="N904403" s="10"/>
    </row>
    <row r="904404" spans="14:14">
      <c r="N904404" s="10"/>
    </row>
    <row r="904405" spans="14:14">
      <c r="N904405" s="10"/>
    </row>
    <row r="904406" spans="14:14">
      <c r="N904406" s="10"/>
    </row>
    <row r="904407" spans="14:14">
      <c r="N904407" s="10"/>
    </row>
    <row r="904408" spans="14:14">
      <c r="N904408" s="10"/>
    </row>
    <row r="904409" spans="14:14">
      <c r="N904409" s="10"/>
    </row>
    <row r="904410" spans="14:14">
      <c r="N904410" s="10"/>
    </row>
    <row r="904411" spans="14:14">
      <c r="N904411" s="10"/>
    </row>
    <row r="904412" spans="14:14">
      <c r="N904412" s="10"/>
    </row>
    <row r="904413" spans="14:14">
      <c r="N904413" s="10"/>
    </row>
    <row r="904414" spans="14:14">
      <c r="N904414" s="10"/>
    </row>
    <row r="904415" spans="14:14">
      <c r="N904415" s="10"/>
    </row>
    <row r="904416" spans="14:14">
      <c r="N904416" s="10"/>
    </row>
    <row r="904417" spans="14:14">
      <c r="N904417" s="10"/>
    </row>
    <row r="904418" spans="14:14">
      <c r="N904418" s="10"/>
    </row>
    <row r="904419" spans="14:14">
      <c r="N904419" s="10"/>
    </row>
    <row r="904420" spans="14:14">
      <c r="N904420" s="10"/>
    </row>
    <row r="904421" spans="14:14">
      <c r="N904421" s="10"/>
    </row>
    <row r="904422" spans="14:14">
      <c r="N904422" s="10"/>
    </row>
    <row r="904423" spans="14:14">
      <c r="N904423" s="10"/>
    </row>
    <row r="904424" spans="14:14">
      <c r="N904424" s="10"/>
    </row>
    <row r="904425" spans="14:14">
      <c r="N904425" s="10"/>
    </row>
    <row r="904426" spans="14:14">
      <c r="N904426" s="10"/>
    </row>
    <row r="904427" spans="14:14">
      <c r="N904427" s="10"/>
    </row>
    <row r="904428" spans="14:14">
      <c r="N904428" s="10"/>
    </row>
    <row r="904429" spans="14:14">
      <c r="N904429" s="10"/>
    </row>
    <row r="904430" spans="14:14">
      <c r="N904430" s="10"/>
    </row>
    <row r="904431" spans="14:14">
      <c r="N904431" s="10"/>
    </row>
    <row r="904432" spans="14:14">
      <c r="N904432" s="10"/>
    </row>
    <row r="904433" spans="14:14">
      <c r="N904433" s="10"/>
    </row>
    <row r="904434" spans="14:14">
      <c r="N904434" s="10"/>
    </row>
    <row r="904435" spans="14:14">
      <c r="N904435" s="10"/>
    </row>
    <row r="904436" spans="14:14">
      <c r="N904436" s="10"/>
    </row>
    <row r="904437" spans="14:14">
      <c r="N904437" s="10"/>
    </row>
    <row r="904438" spans="14:14">
      <c r="N904438" s="10"/>
    </row>
    <row r="904439" spans="14:14">
      <c r="N904439" s="10"/>
    </row>
    <row r="904440" spans="14:14">
      <c r="N904440" s="10"/>
    </row>
    <row r="904441" spans="14:14">
      <c r="N904441" s="10"/>
    </row>
    <row r="904442" spans="14:14">
      <c r="N904442" s="10"/>
    </row>
    <row r="904443" spans="14:14">
      <c r="N904443" s="10"/>
    </row>
    <row r="904444" spans="14:14">
      <c r="N904444" s="10"/>
    </row>
    <row r="904445" spans="14:14">
      <c r="N904445" s="10"/>
    </row>
    <row r="904446" spans="14:14">
      <c r="N904446" s="10"/>
    </row>
    <row r="904447" spans="14:14">
      <c r="N904447" s="10"/>
    </row>
    <row r="904448" spans="14:14">
      <c r="N904448" s="10"/>
    </row>
    <row r="904449" spans="14:14">
      <c r="N904449" s="10"/>
    </row>
    <row r="904450" spans="14:14">
      <c r="N904450" s="10"/>
    </row>
    <row r="904451" spans="14:14">
      <c r="N904451" s="10"/>
    </row>
    <row r="904452" spans="14:14">
      <c r="N904452" s="10"/>
    </row>
    <row r="904453" spans="14:14">
      <c r="N904453" s="10"/>
    </row>
    <row r="904454" spans="14:14">
      <c r="N904454" s="10"/>
    </row>
    <row r="904455" spans="14:14">
      <c r="N904455" s="10"/>
    </row>
    <row r="904456" spans="14:14">
      <c r="N904456" s="10"/>
    </row>
    <row r="904457" spans="14:14">
      <c r="N904457" s="10"/>
    </row>
    <row r="904458" spans="14:14">
      <c r="N904458" s="10"/>
    </row>
    <row r="904459" spans="14:14">
      <c r="N904459" s="10"/>
    </row>
    <row r="904460" spans="14:14">
      <c r="N904460" s="10"/>
    </row>
    <row r="904461" spans="14:14">
      <c r="N904461" s="10"/>
    </row>
    <row r="904462" spans="14:14">
      <c r="N904462" s="10"/>
    </row>
    <row r="904463" spans="14:14">
      <c r="N904463" s="10"/>
    </row>
    <row r="904464" spans="14:14">
      <c r="N904464" s="10"/>
    </row>
    <row r="904465" spans="14:14">
      <c r="N904465" s="10"/>
    </row>
    <row r="904466" spans="14:14">
      <c r="N904466" s="10"/>
    </row>
    <row r="904467" spans="14:14">
      <c r="N904467" s="10"/>
    </row>
    <row r="904468" spans="14:14">
      <c r="N904468" s="10"/>
    </row>
    <row r="904469" spans="14:14">
      <c r="N904469" s="10"/>
    </row>
    <row r="904470" spans="14:14">
      <c r="N904470" s="10"/>
    </row>
    <row r="904471" spans="14:14">
      <c r="N904471" s="10"/>
    </row>
    <row r="904472" spans="14:14">
      <c r="N904472" s="10"/>
    </row>
    <row r="904473" spans="14:14">
      <c r="N904473" s="10"/>
    </row>
    <row r="904474" spans="14:14">
      <c r="N904474" s="10"/>
    </row>
    <row r="904475" spans="14:14">
      <c r="N904475" s="10"/>
    </row>
    <row r="904476" spans="14:14">
      <c r="N904476" s="10"/>
    </row>
    <row r="904477" spans="14:14">
      <c r="N904477" s="10"/>
    </row>
    <row r="904478" spans="14:14">
      <c r="N904478" s="10"/>
    </row>
    <row r="904479" spans="14:14">
      <c r="N904479" s="10"/>
    </row>
    <row r="904480" spans="14:14">
      <c r="N904480" s="10"/>
    </row>
    <row r="904481" spans="14:14">
      <c r="N904481" s="10"/>
    </row>
    <row r="904482" spans="14:14">
      <c r="N904482" s="10"/>
    </row>
    <row r="904483" spans="14:14">
      <c r="N904483" s="10"/>
    </row>
    <row r="904484" spans="14:14">
      <c r="N904484" s="10"/>
    </row>
    <row r="904485" spans="14:14">
      <c r="N904485" s="10"/>
    </row>
    <row r="904486" spans="14:14">
      <c r="N904486" s="10"/>
    </row>
    <row r="904487" spans="14:14">
      <c r="N904487" s="10"/>
    </row>
    <row r="904488" spans="14:14">
      <c r="N904488" s="10"/>
    </row>
    <row r="904489" spans="14:14">
      <c r="N904489" s="10"/>
    </row>
    <row r="904490" spans="14:14">
      <c r="N904490" s="10"/>
    </row>
    <row r="904491" spans="14:14">
      <c r="N904491" s="10"/>
    </row>
    <row r="904492" spans="14:14">
      <c r="N904492" s="10"/>
    </row>
    <row r="904493" spans="14:14">
      <c r="N904493" s="10"/>
    </row>
    <row r="904494" spans="14:14">
      <c r="N904494" s="10"/>
    </row>
    <row r="904495" spans="14:14">
      <c r="N904495" s="10"/>
    </row>
    <row r="904496" spans="14:14">
      <c r="N904496" s="10"/>
    </row>
    <row r="904497" spans="14:14">
      <c r="N904497" s="10"/>
    </row>
    <row r="904498" spans="14:14">
      <c r="N904498" s="10"/>
    </row>
    <row r="904499" spans="14:14">
      <c r="N904499" s="10"/>
    </row>
    <row r="904500" spans="14:14">
      <c r="N904500" s="10"/>
    </row>
    <row r="904501" spans="14:14">
      <c r="N904501" s="10"/>
    </row>
    <row r="904502" spans="14:14">
      <c r="N904502" s="10"/>
    </row>
    <row r="904503" spans="14:14">
      <c r="N904503" s="10"/>
    </row>
    <row r="904504" spans="14:14">
      <c r="N904504" s="10"/>
    </row>
    <row r="904505" spans="14:14">
      <c r="N904505" s="10"/>
    </row>
    <row r="904506" spans="14:14">
      <c r="N904506" s="10"/>
    </row>
    <row r="904507" spans="14:14">
      <c r="N904507" s="10"/>
    </row>
    <row r="904508" spans="14:14">
      <c r="N904508" s="10"/>
    </row>
    <row r="904509" spans="14:14">
      <c r="N904509" s="10"/>
    </row>
    <row r="904510" spans="14:14">
      <c r="N904510" s="10"/>
    </row>
    <row r="904511" spans="14:14">
      <c r="N904511" s="10"/>
    </row>
    <row r="904512" spans="14:14">
      <c r="N904512" s="10"/>
    </row>
    <row r="904513" spans="14:14">
      <c r="N904513" s="10"/>
    </row>
    <row r="904514" spans="14:14">
      <c r="N904514" s="10"/>
    </row>
    <row r="904515" spans="14:14">
      <c r="N904515" s="10"/>
    </row>
    <row r="904516" spans="14:14">
      <c r="N904516" s="10"/>
    </row>
    <row r="904517" spans="14:14">
      <c r="N904517" s="10"/>
    </row>
    <row r="904518" spans="14:14">
      <c r="N904518" s="10"/>
    </row>
    <row r="904519" spans="14:14">
      <c r="N904519" s="10"/>
    </row>
    <row r="904520" spans="14:14">
      <c r="N904520" s="10"/>
    </row>
    <row r="904521" spans="14:14">
      <c r="N904521" s="10"/>
    </row>
    <row r="904522" spans="14:14">
      <c r="N904522" s="10"/>
    </row>
    <row r="904523" spans="14:14">
      <c r="N904523" s="10"/>
    </row>
    <row r="904524" spans="14:14">
      <c r="N904524" s="10"/>
    </row>
    <row r="904525" spans="14:14">
      <c r="N904525" s="10"/>
    </row>
    <row r="904526" spans="14:14">
      <c r="N904526" s="10"/>
    </row>
    <row r="904527" spans="14:14">
      <c r="N904527" s="10"/>
    </row>
    <row r="904528" spans="14:14">
      <c r="N904528" s="10"/>
    </row>
    <row r="904529" spans="14:14">
      <c r="N904529" s="10"/>
    </row>
    <row r="904530" spans="14:14">
      <c r="N904530" s="10"/>
    </row>
    <row r="904531" spans="14:14">
      <c r="N904531" s="10"/>
    </row>
    <row r="904532" spans="14:14">
      <c r="N904532" s="10"/>
    </row>
    <row r="904533" spans="14:14">
      <c r="N904533" s="10"/>
    </row>
    <row r="904534" spans="14:14">
      <c r="N904534" s="10"/>
    </row>
    <row r="904535" spans="14:14">
      <c r="N904535" s="10"/>
    </row>
    <row r="904536" spans="14:14">
      <c r="N904536" s="10"/>
    </row>
    <row r="904537" spans="14:14">
      <c r="N904537" s="10"/>
    </row>
    <row r="904538" spans="14:14">
      <c r="N904538" s="10"/>
    </row>
    <row r="904539" spans="14:14">
      <c r="N904539" s="10"/>
    </row>
    <row r="904540" spans="14:14">
      <c r="N904540" s="10"/>
    </row>
    <row r="904541" spans="14:14">
      <c r="N904541" s="10"/>
    </row>
    <row r="904542" spans="14:14">
      <c r="N904542" s="10"/>
    </row>
    <row r="904543" spans="14:14">
      <c r="N904543" s="10"/>
    </row>
    <row r="904544" spans="14:14">
      <c r="N904544" s="10"/>
    </row>
    <row r="904545" spans="14:14">
      <c r="N904545" s="10"/>
    </row>
    <row r="904546" spans="14:14">
      <c r="N904546" s="10"/>
    </row>
    <row r="904547" spans="14:14">
      <c r="N904547" s="10"/>
    </row>
    <row r="904548" spans="14:14">
      <c r="N904548" s="10"/>
    </row>
    <row r="904549" spans="14:14">
      <c r="N904549" s="10"/>
    </row>
    <row r="904550" spans="14:14">
      <c r="N904550" s="10"/>
    </row>
    <row r="904551" spans="14:14">
      <c r="N904551" s="10"/>
    </row>
    <row r="904552" spans="14:14">
      <c r="N904552" s="10"/>
    </row>
    <row r="904553" spans="14:14">
      <c r="N904553" s="10"/>
    </row>
    <row r="904554" spans="14:14">
      <c r="N904554" s="10"/>
    </row>
    <row r="904555" spans="14:14">
      <c r="N904555" s="10"/>
    </row>
    <row r="904556" spans="14:14">
      <c r="N904556" s="10"/>
    </row>
    <row r="904557" spans="14:14">
      <c r="N904557" s="10"/>
    </row>
    <row r="904558" spans="14:14">
      <c r="N904558" s="10"/>
    </row>
    <row r="904559" spans="14:14">
      <c r="N904559" s="10"/>
    </row>
    <row r="904560" spans="14:14">
      <c r="N904560" s="10"/>
    </row>
    <row r="904561" spans="14:14">
      <c r="N904561" s="10"/>
    </row>
    <row r="904562" spans="14:14">
      <c r="N904562" s="10"/>
    </row>
    <row r="904563" spans="14:14">
      <c r="N904563" s="10"/>
    </row>
    <row r="904564" spans="14:14">
      <c r="N904564" s="10"/>
    </row>
    <row r="904565" spans="14:14">
      <c r="N904565" s="10"/>
    </row>
    <row r="904566" spans="14:14">
      <c r="N904566" s="10"/>
    </row>
    <row r="904567" spans="14:14">
      <c r="N904567" s="10"/>
    </row>
    <row r="904568" spans="14:14">
      <c r="N904568" s="10"/>
    </row>
    <row r="904569" spans="14:14">
      <c r="N904569" s="10"/>
    </row>
    <row r="904570" spans="14:14">
      <c r="N904570" s="10"/>
    </row>
    <row r="904571" spans="14:14">
      <c r="N904571" s="10"/>
    </row>
    <row r="904572" spans="14:14">
      <c r="N904572" s="10"/>
    </row>
    <row r="904573" spans="14:14">
      <c r="N904573" s="10"/>
    </row>
    <row r="904574" spans="14:14">
      <c r="N904574" s="10"/>
    </row>
    <row r="904575" spans="14:14">
      <c r="N904575" s="10"/>
    </row>
    <row r="904576" spans="14:14">
      <c r="N904576" s="10"/>
    </row>
    <row r="904577" spans="14:14">
      <c r="N904577" s="10"/>
    </row>
    <row r="904578" spans="14:14">
      <c r="N904578" s="10"/>
    </row>
    <row r="904579" spans="14:14">
      <c r="N904579" s="10"/>
    </row>
    <row r="904580" spans="14:14">
      <c r="N904580" s="10"/>
    </row>
    <row r="904581" spans="14:14">
      <c r="N904581" s="10"/>
    </row>
    <row r="904582" spans="14:14">
      <c r="N904582" s="10"/>
    </row>
    <row r="904583" spans="14:14">
      <c r="N904583" s="10"/>
    </row>
    <row r="904584" spans="14:14">
      <c r="N904584" s="10"/>
    </row>
    <row r="904585" spans="14:14">
      <c r="N904585" s="10"/>
    </row>
    <row r="904586" spans="14:14">
      <c r="N904586" s="10"/>
    </row>
    <row r="904587" spans="14:14">
      <c r="N904587" s="10"/>
    </row>
    <row r="904588" spans="14:14">
      <c r="N904588" s="10"/>
    </row>
    <row r="904589" spans="14:14">
      <c r="N904589" s="10"/>
    </row>
    <row r="904590" spans="14:14">
      <c r="N904590" s="10"/>
    </row>
    <row r="904591" spans="14:14">
      <c r="N904591" s="10"/>
    </row>
    <row r="904592" spans="14:14">
      <c r="N904592" s="10"/>
    </row>
    <row r="904593" spans="14:14">
      <c r="N904593" s="10"/>
    </row>
    <row r="904594" spans="14:14">
      <c r="N904594" s="10"/>
    </row>
    <row r="904595" spans="14:14">
      <c r="N904595" s="10"/>
    </row>
    <row r="904596" spans="14:14">
      <c r="N904596" s="10"/>
    </row>
    <row r="904597" spans="14:14">
      <c r="N904597" s="10"/>
    </row>
    <row r="904598" spans="14:14">
      <c r="N904598" s="10"/>
    </row>
    <row r="904599" spans="14:14">
      <c r="N904599" s="10"/>
    </row>
    <row r="904600" spans="14:14">
      <c r="N904600" s="10"/>
    </row>
    <row r="904601" spans="14:14">
      <c r="N904601" s="10"/>
    </row>
    <row r="904602" spans="14:14">
      <c r="N904602" s="10"/>
    </row>
    <row r="904603" spans="14:14">
      <c r="N904603" s="10"/>
    </row>
    <row r="904604" spans="14:14">
      <c r="N904604" s="10"/>
    </row>
    <row r="904605" spans="14:14">
      <c r="N904605" s="10"/>
    </row>
    <row r="904606" spans="14:14">
      <c r="N904606" s="10"/>
    </row>
    <row r="904607" spans="14:14">
      <c r="N904607" s="10"/>
    </row>
    <row r="904608" spans="14:14">
      <c r="N904608" s="10"/>
    </row>
    <row r="904609" spans="14:14">
      <c r="N904609" s="10"/>
    </row>
    <row r="904610" spans="14:14">
      <c r="N904610" s="10"/>
    </row>
    <row r="904611" spans="14:14">
      <c r="N904611" s="10"/>
    </row>
    <row r="904612" spans="14:14">
      <c r="N904612" s="10"/>
    </row>
    <row r="904613" spans="14:14">
      <c r="N904613" s="10"/>
    </row>
    <row r="904614" spans="14:14">
      <c r="N904614" s="10"/>
    </row>
    <row r="904615" spans="14:14">
      <c r="N904615" s="10"/>
    </row>
    <row r="904616" spans="14:14">
      <c r="N904616" s="10"/>
    </row>
    <row r="904617" spans="14:14">
      <c r="N904617" s="10"/>
    </row>
    <row r="904618" spans="14:14">
      <c r="N904618" s="10"/>
    </row>
    <row r="904619" spans="14:14">
      <c r="N904619" s="10"/>
    </row>
    <row r="904620" spans="14:14">
      <c r="N904620" s="10"/>
    </row>
    <row r="904621" spans="14:14">
      <c r="N904621" s="10"/>
    </row>
    <row r="904622" spans="14:14">
      <c r="N904622" s="10"/>
    </row>
    <row r="904623" spans="14:14">
      <c r="N904623" s="10"/>
    </row>
    <row r="904624" spans="14:14">
      <c r="N904624" s="10"/>
    </row>
    <row r="904625" spans="14:14">
      <c r="N904625" s="10"/>
    </row>
    <row r="904626" spans="14:14">
      <c r="N904626" s="10"/>
    </row>
    <row r="904627" spans="14:14">
      <c r="N904627" s="10"/>
    </row>
    <row r="904628" spans="14:14">
      <c r="N904628" s="10"/>
    </row>
    <row r="904629" spans="14:14">
      <c r="N904629" s="10"/>
    </row>
    <row r="904630" spans="14:14">
      <c r="N904630" s="10"/>
    </row>
    <row r="904631" spans="14:14">
      <c r="N904631" s="10"/>
    </row>
    <row r="904632" spans="14:14">
      <c r="N904632" s="10"/>
    </row>
    <row r="904633" spans="14:14">
      <c r="N904633" s="10"/>
    </row>
    <row r="904634" spans="14:14">
      <c r="N904634" s="10"/>
    </row>
    <row r="904635" spans="14:14">
      <c r="N904635" s="10"/>
    </row>
    <row r="904636" spans="14:14">
      <c r="N904636" s="10"/>
    </row>
    <row r="904637" spans="14:14">
      <c r="N904637" s="10"/>
    </row>
    <row r="904638" spans="14:14">
      <c r="N904638" s="10"/>
    </row>
    <row r="904639" spans="14:14">
      <c r="N904639" s="10"/>
    </row>
    <row r="904640" spans="14:14">
      <c r="N904640" s="10"/>
    </row>
    <row r="904641" spans="14:14">
      <c r="N904641" s="10"/>
    </row>
    <row r="904642" spans="14:14">
      <c r="N904642" s="10"/>
    </row>
    <row r="904643" spans="14:14">
      <c r="N904643" s="10"/>
    </row>
    <row r="904644" spans="14:14">
      <c r="N904644" s="10"/>
    </row>
    <row r="904645" spans="14:14">
      <c r="N904645" s="10"/>
    </row>
    <row r="904646" spans="14:14">
      <c r="N904646" s="10"/>
    </row>
    <row r="904647" spans="14:14">
      <c r="N904647" s="10"/>
    </row>
    <row r="904648" spans="14:14">
      <c r="N904648" s="10"/>
    </row>
    <row r="904649" spans="14:14">
      <c r="N904649" s="10"/>
    </row>
    <row r="904650" spans="14:14">
      <c r="N904650" s="10"/>
    </row>
    <row r="904651" spans="14:14">
      <c r="N904651" s="10"/>
    </row>
    <row r="904652" spans="14:14">
      <c r="N904652" s="10"/>
    </row>
    <row r="904653" spans="14:14">
      <c r="N904653" s="10"/>
    </row>
    <row r="904654" spans="14:14">
      <c r="N904654" s="10"/>
    </row>
    <row r="904655" spans="14:14">
      <c r="N904655" s="10"/>
    </row>
    <row r="904656" spans="14:14">
      <c r="N904656" s="10"/>
    </row>
    <row r="904657" spans="14:14">
      <c r="N904657" s="10"/>
    </row>
    <row r="904658" spans="14:14">
      <c r="N904658" s="10"/>
    </row>
    <row r="904659" spans="14:14">
      <c r="N904659" s="10"/>
    </row>
    <row r="904660" spans="14:14">
      <c r="N904660" s="10"/>
    </row>
    <row r="904661" spans="14:14">
      <c r="N904661" s="10"/>
    </row>
    <row r="904662" spans="14:14">
      <c r="N904662" s="10"/>
    </row>
    <row r="904663" spans="14:14">
      <c r="N904663" s="10"/>
    </row>
    <row r="904664" spans="14:14">
      <c r="N904664" s="10"/>
    </row>
    <row r="904665" spans="14:14">
      <c r="N904665" s="10"/>
    </row>
    <row r="904666" spans="14:14">
      <c r="N904666" s="10"/>
    </row>
    <row r="904667" spans="14:14">
      <c r="N904667" s="10"/>
    </row>
    <row r="904668" spans="14:14">
      <c r="N904668" s="10"/>
    </row>
    <row r="904669" spans="14:14">
      <c r="N904669" s="10"/>
    </row>
    <row r="904670" spans="14:14">
      <c r="N904670" s="10"/>
    </row>
    <row r="904671" spans="14:14">
      <c r="N904671" s="10"/>
    </row>
    <row r="904672" spans="14:14">
      <c r="N904672" s="10"/>
    </row>
    <row r="904673" spans="14:14">
      <c r="N904673" s="10"/>
    </row>
    <row r="904674" spans="14:14">
      <c r="N904674" s="10"/>
    </row>
    <row r="904675" spans="14:14">
      <c r="N904675" s="10"/>
    </row>
    <row r="904676" spans="14:14">
      <c r="N904676" s="10"/>
    </row>
    <row r="904677" spans="14:14">
      <c r="N904677" s="10"/>
    </row>
    <row r="904678" spans="14:14">
      <c r="N904678" s="10"/>
    </row>
    <row r="904679" spans="14:14">
      <c r="N904679" s="10"/>
    </row>
    <row r="904680" spans="14:14">
      <c r="N904680" s="10"/>
    </row>
    <row r="904681" spans="14:14">
      <c r="N904681" s="10"/>
    </row>
    <row r="904682" spans="14:14">
      <c r="N904682" s="10"/>
    </row>
    <row r="904683" spans="14:14">
      <c r="N904683" s="10"/>
    </row>
    <row r="904684" spans="14:14">
      <c r="N904684" s="10"/>
    </row>
    <row r="904685" spans="14:14">
      <c r="N904685" s="10"/>
    </row>
    <row r="904686" spans="14:14">
      <c r="N904686" s="10"/>
    </row>
    <row r="904687" spans="14:14">
      <c r="N904687" s="10"/>
    </row>
    <row r="904688" spans="14:14">
      <c r="N904688" s="10"/>
    </row>
    <row r="904689" spans="14:14">
      <c r="N904689" s="10"/>
    </row>
    <row r="904690" spans="14:14">
      <c r="N904690" s="10"/>
    </row>
    <row r="904691" spans="14:14">
      <c r="N904691" s="10"/>
    </row>
    <row r="904692" spans="14:14">
      <c r="N904692" s="10"/>
    </row>
    <row r="904693" spans="14:14">
      <c r="N904693" s="10"/>
    </row>
    <row r="904694" spans="14:14">
      <c r="N904694" s="10"/>
    </row>
    <row r="904695" spans="14:14">
      <c r="N904695" s="10"/>
    </row>
    <row r="904696" spans="14:14">
      <c r="N904696" s="10"/>
    </row>
    <row r="904697" spans="14:14">
      <c r="N904697" s="10"/>
    </row>
    <row r="904698" spans="14:14">
      <c r="N904698" s="10"/>
    </row>
    <row r="904699" spans="14:14">
      <c r="N904699" s="10"/>
    </row>
    <row r="904700" spans="14:14">
      <c r="N904700" s="10"/>
    </row>
    <row r="904701" spans="14:14">
      <c r="N904701" s="10"/>
    </row>
    <row r="904702" spans="14:14">
      <c r="N904702" s="10"/>
    </row>
    <row r="904703" spans="14:14">
      <c r="N904703" s="10"/>
    </row>
    <row r="904704" spans="14:14">
      <c r="N904704" s="10"/>
    </row>
    <row r="904705" spans="14:14">
      <c r="N904705" s="10"/>
    </row>
    <row r="904706" spans="14:14">
      <c r="N904706" s="10"/>
    </row>
    <row r="904707" spans="14:14">
      <c r="N904707" s="10"/>
    </row>
    <row r="904708" spans="14:14">
      <c r="N904708" s="10"/>
    </row>
    <row r="904709" spans="14:14">
      <c r="N904709" s="10"/>
    </row>
    <row r="904710" spans="14:14">
      <c r="N904710" s="10"/>
    </row>
    <row r="904711" spans="14:14">
      <c r="N904711" s="10"/>
    </row>
    <row r="904712" spans="14:14">
      <c r="N904712" s="10"/>
    </row>
    <row r="904713" spans="14:14">
      <c r="N904713" s="10"/>
    </row>
    <row r="904714" spans="14:14">
      <c r="N904714" s="10"/>
    </row>
    <row r="904715" spans="14:14">
      <c r="N904715" s="10"/>
    </row>
    <row r="904716" spans="14:14">
      <c r="N904716" s="10"/>
    </row>
    <row r="904717" spans="14:14">
      <c r="N904717" s="10"/>
    </row>
    <row r="904718" spans="14:14">
      <c r="N904718" s="10"/>
    </row>
    <row r="904719" spans="14:14">
      <c r="N904719" s="10"/>
    </row>
    <row r="904720" spans="14:14">
      <c r="N904720" s="10"/>
    </row>
    <row r="904721" spans="14:14">
      <c r="N904721" s="10"/>
    </row>
    <row r="904722" spans="14:14">
      <c r="N904722" s="10"/>
    </row>
    <row r="904723" spans="14:14">
      <c r="N904723" s="10"/>
    </row>
    <row r="904724" spans="14:14">
      <c r="N904724" s="10"/>
    </row>
    <row r="904725" spans="14:14">
      <c r="N904725" s="10"/>
    </row>
    <row r="904726" spans="14:14">
      <c r="N904726" s="10"/>
    </row>
    <row r="904727" spans="14:14">
      <c r="N904727" s="10"/>
    </row>
    <row r="904728" spans="14:14">
      <c r="N904728" s="10"/>
    </row>
    <row r="904729" spans="14:14">
      <c r="N904729" s="10"/>
    </row>
    <row r="904730" spans="14:14">
      <c r="N904730" s="10"/>
    </row>
    <row r="904731" spans="14:14">
      <c r="N904731" s="10"/>
    </row>
    <row r="904732" spans="14:14">
      <c r="N904732" s="10"/>
    </row>
    <row r="904733" spans="14:14">
      <c r="N904733" s="10"/>
    </row>
    <row r="904734" spans="14:14">
      <c r="N904734" s="10"/>
    </row>
    <row r="904735" spans="14:14">
      <c r="N904735" s="10"/>
    </row>
    <row r="904736" spans="14:14">
      <c r="N904736" s="10"/>
    </row>
    <row r="904737" spans="14:14">
      <c r="N904737" s="10"/>
    </row>
    <row r="904738" spans="14:14">
      <c r="N904738" s="10"/>
    </row>
    <row r="904739" spans="14:14">
      <c r="N904739" s="10"/>
    </row>
    <row r="904740" spans="14:14">
      <c r="N904740" s="10"/>
    </row>
    <row r="904741" spans="14:14">
      <c r="N904741" s="10"/>
    </row>
    <row r="904742" spans="14:14">
      <c r="N904742" s="10"/>
    </row>
    <row r="904743" spans="14:14">
      <c r="N904743" s="10"/>
    </row>
    <row r="904744" spans="14:14">
      <c r="N904744" s="10"/>
    </row>
    <row r="904745" spans="14:14">
      <c r="N904745" s="10"/>
    </row>
    <row r="904746" spans="14:14">
      <c r="N904746" s="10"/>
    </row>
    <row r="904747" spans="14:14">
      <c r="N904747" s="10"/>
    </row>
    <row r="904748" spans="14:14">
      <c r="N904748" s="10"/>
    </row>
    <row r="904749" spans="14:14">
      <c r="N904749" s="10"/>
    </row>
    <row r="904750" spans="14:14">
      <c r="N904750" s="10"/>
    </row>
    <row r="904751" spans="14:14">
      <c r="N904751" s="10"/>
    </row>
    <row r="904752" spans="14:14">
      <c r="N904752" s="10"/>
    </row>
    <row r="904753" spans="14:14">
      <c r="N904753" s="10"/>
    </row>
    <row r="904754" spans="14:14">
      <c r="N904754" s="10"/>
    </row>
    <row r="904755" spans="14:14">
      <c r="N904755" s="10"/>
    </row>
    <row r="904756" spans="14:14">
      <c r="N904756" s="10"/>
    </row>
    <row r="904757" spans="14:14">
      <c r="N904757" s="10"/>
    </row>
    <row r="904758" spans="14:14">
      <c r="N904758" s="10"/>
    </row>
    <row r="904759" spans="14:14">
      <c r="N904759" s="10"/>
    </row>
    <row r="904760" spans="14:14">
      <c r="N904760" s="10"/>
    </row>
    <row r="904761" spans="14:14">
      <c r="N904761" s="10"/>
    </row>
    <row r="904762" spans="14:14">
      <c r="N904762" s="10"/>
    </row>
    <row r="904763" spans="14:14">
      <c r="N904763" s="10"/>
    </row>
    <row r="904764" spans="14:14">
      <c r="N904764" s="10"/>
    </row>
    <row r="904765" spans="14:14">
      <c r="N904765" s="10"/>
    </row>
    <row r="904766" spans="14:14">
      <c r="N904766" s="10"/>
    </row>
    <row r="904767" spans="14:14">
      <c r="N904767" s="10"/>
    </row>
    <row r="904768" spans="14:14">
      <c r="N904768" s="10"/>
    </row>
    <row r="904769" spans="14:14">
      <c r="N904769" s="10"/>
    </row>
    <row r="904770" spans="14:14">
      <c r="N904770" s="10"/>
    </row>
    <row r="904771" spans="14:14">
      <c r="N904771" s="10"/>
    </row>
    <row r="904772" spans="14:14">
      <c r="N904772" s="10"/>
    </row>
    <row r="904773" spans="14:14">
      <c r="N904773" s="10"/>
    </row>
    <row r="904774" spans="14:14">
      <c r="N904774" s="10"/>
    </row>
    <row r="904775" spans="14:14">
      <c r="N904775" s="10"/>
    </row>
    <row r="904776" spans="14:14">
      <c r="N904776" s="10"/>
    </row>
    <row r="904777" spans="14:14">
      <c r="N904777" s="10"/>
    </row>
    <row r="904778" spans="14:14">
      <c r="N904778" s="10"/>
    </row>
    <row r="904779" spans="14:14">
      <c r="N904779" s="10"/>
    </row>
    <row r="904780" spans="14:14">
      <c r="N904780" s="10"/>
    </row>
    <row r="904781" spans="14:14">
      <c r="N904781" s="10"/>
    </row>
    <row r="904782" spans="14:14">
      <c r="N904782" s="10"/>
    </row>
    <row r="904783" spans="14:14">
      <c r="N904783" s="10"/>
    </row>
    <row r="904784" spans="14:14">
      <c r="N904784" s="10"/>
    </row>
    <row r="904785" spans="14:14">
      <c r="N904785" s="10"/>
    </row>
    <row r="904786" spans="14:14">
      <c r="N904786" s="10"/>
    </row>
    <row r="904787" spans="14:14">
      <c r="N904787" s="10"/>
    </row>
    <row r="904788" spans="14:14">
      <c r="N904788" s="10"/>
    </row>
    <row r="904789" spans="14:14">
      <c r="N904789" s="10"/>
    </row>
    <row r="904790" spans="14:14">
      <c r="N904790" s="10"/>
    </row>
    <row r="904791" spans="14:14">
      <c r="N904791" s="10"/>
    </row>
    <row r="904792" spans="14:14">
      <c r="N904792" s="10"/>
    </row>
    <row r="904793" spans="14:14">
      <c r="N904793" s="10"/>
    </row>
    <row r="904794" spans="14:14">
      <c r="N904794" s="10"/>
    </row>
    <row r="904795" spans="14:14">
      <c r="N904795" s="10"/>
    </row>
    <row r="904796" spans="14:14">
      <c r="N904796" s="10"/>
    </row>
    <row r="904797" spans="14:14">
      <c r="N904797" s="10"/>
    </row>
    <row r="904798" spans="14:14">
      <c r="N904798" s="10"/>
    </row>
    <row r="904799" spans="14:14">
      <c r="N904799" s="10"/>
    </row>
    <row r="904800" spans="14:14">
      <c r="N904800" s="10"/>
    </row>
    <row r="904801" spans="14:14">
      <c r="N904801" s="10"/>
    </row>
    <row r="904802" spans="14:14">
      <c r="N904802" s="10"/>
    </row>
    <row r="904803" spans="14:14">
      <c r="N904803" s="10"/>
    </row>
    <row r="904804" spans="14:14">
      <c r="N904804" s="10"/>
    </row>
    <row r="904805" spans="14:14">
      <c r="N904805" s="10"/>
    </row>
    <row r="904806" spans="14:14">
      <c r="N904806" s="10"/>
    </row>
    <row r="904807" spans="14:14">
      <c r="N904807" s="10"/>
    </row>
    <row r="904808" spans="14:14">
      <c r="N904808" s="10"/>
    </row>
    <row r="904809" spans="14:14">
      <c r="N904809" s="10"/>
    </row>
    <row r="904810" spans="14:14">
      <c r="N904810" s="10"/>
    </row>
    <row r="904811" spans="14:14">
      <c r="N904811" s="10"/>
    </row>
    <row r="904812" spans="14:14">
      <c r="N904812" s="10"/>
    </row>
    <row r="904813" spans="14:14">
      <c r="N904813" s="10"/>
    </row>
    <row r="904814" spans="14:14">
      <c r="N904814" s="10"/>
    </row>
    <row r="904815" spans="14:14">
      <c r="N904815" s="10"/>
    </row>
    <row r="904816" spans="14:14">
      <c r="N904816" s="10"/>
    </row>
    <row r="904817" spans="14:14">
      <c r="N904817" s="10"/>
    </row>
    <row r="904818" spans="14:14">
      <c r="N904818" s="10"/>
    </row>
    <row r="904819" spans="14:14">
      <c r="N904819" s="10"/>
    </row>
    <row r="904820" spans="14:14">
      <c r="N904820" s="10"/>
    </row>
    <row r="904821" spans="14:14">
      <c r="N904821" s="10"/>
    </row>
    <row r="904822" spans="14:14">
      <c r="N904822" s="10"/>
    </row>
    <row r="904823" spans="14:14">
      <c r="N904823" s="10"/>
    </row>
    <row r="904824" spans="14:14">
      <c r="N904824" s="10"/>
    </row>
    <row r="904825" spans="14:14">
      <c r="N904825" s="10"/>
    </row>
    <row r="904826" spans="14:14">
      <c r="N904826" s="10"/>
    </row>
    <row r="904827" spans="14:14">
      <c r="N904827" s="10"/>
    </row>
    <row r="904828" spans="14:14">
      <c r="N904828" s="10"/>
    </row>
    <row r="904829" spans="14:14">
      <c r="N904829" s="10"/>
    </row>
    <row r="904830" spans="14:14">
      <c r="N904830" s="10"/>
    </row>
    <row r="904831" spans="14:14">
      <c r="N904831" s="10"/>
    </row>
    <row r="904832" spans="14:14">
      <c r="N904832" s="10"/>
    </row>
    <row r="904833" spans="14:14">
      <c r="N904833" s="10"/>
    </row>
    <row r="904834" spans="14:14">
      <c r="N904834" s="10"/>
    </row>
    <row r="904835" spans="14:14">
      <c r="N904835" s="10"/>
    </row>
    <row r="904836" spans="14:14">
      <c r="N904836" s="10"/>
    </row>
    <row r="904837" spans="14:14">
      <c r="N904837" s="10"/>
    </row>
    <row r="904838" spans="14:14">
      <c r="N904838" s="10"/>
    </row>
    <row r="904839" spans="14:14">
      <c r="N904839" s="10"/>
    </row>
    <row r="904840" spans="14:14">
      <c r="N904840" s="10"/>
    </row>
    <row r="904841" spans="14:14">
      <c r="N904841" s="10"/>
    </row>
    <row r="904842" spans="14:14">
      <c r="N904842" s="10"/>
    </row>
    <row r="904843" spans="14:14">
      <c r="N904843" s="10"/>
    </row>
    <row r="904844" spans="14:14">
      <c r="N904844" s="10"/>
    </row>
    <row r="904845" spans="14:14">
      <c r="N904845" s="10"/>
    </row>
    <row r="904846" spans="14:14">
      <c r="N904846" s="10"/>
    </row>
    <row r="904847" spans="14:14">
      <c r="N904847" s="10"/>
    </row>
    <row r="904848" spans="14:14">
      <c r="N904848" s="10"/>
    </row>
    <row r="904849" spans="14:14">
      <c r="N904849" s="10"/>
    </row>
    <row r="904850" spans="14:14">
      <c r="N904850" s="10"/>
    </row>
    <row r="904851" spans="14:14">
      <c r="N904851" s="10"/>
    </row>
    <row r="904852" spans="14:14">
      <c r="N904852" s="10"/>
    </row>
    <row r="904853" spans="14:14">
      <c r="N904853" s="10"/>
    </row>
    <row r="904854" spans="14:14">
      <c r="N904854" s="10"/>
    </row>
    <row r="904855" spans="14:14">
      <c r="N904855" s="10"/>
    </row>
    <row r="904856" spans="14:14">
      <c r="N904856" s="10"/>
    </row>
    <row r="904857" spans="14:14">
      <c r="N904857" s="10"/>
    </row>
    <row r="904858" spans="14:14">
      <c r="N904858" s="10"/>
    </row>
    <row r="904859" spans="14:14">
      <c r="N904859" s="10"/>
    </row>
    <row r="904860" spans="14:14">
      <c r="N904860" s="10"/>
    </row>
    <row r="904861" spans="14:14">
      <c r="N904861" s="10"/>
    </row>
    <row r="904862" spans="14:14">
      <c r="N904862" s="10"/>
    </row>
    <row r="904863" spans="14:14">
      <c r="N904863" s="10"/>
    </row>
    <row r="904864" spans="14:14">
      <c r="N904864" s="10"/>
    </row>
    <row r="904865" spans="14:14">
      <c r="N904865" s="10"/>
    </row>
    <row r="904866" spans="14:14">
      <c r="N904866" s="10"/>
    </row>
    <row r="904867" spans="14:14">
      <c r="N904867" s="10"/>
    </row>
    <row r="904868" spans="14:14">
      <c r="N904868" s="10"/>
    </row>
    <row r="904869" spans="14:14">
      <c r="N904869" s="10"/>
    </row>
    <row r="904870" spans="14:14">
      <c r="N904870" s="10"/>
    </row>
    <row r="904871" spans="14:14">
      <c r="N904871" s="10"/>
    </row>
    <row r="904872" spans="14:14">
      <c r="N904872" s="10"/>
    </row>
    <row r="904873" spans="14:14">
      <c r="N904873" s="10"/>
    </row>
    <row r="904874" spans="14:14">
      <c r="N904874" s="10"/>
    </row>
    <row r="904875" spans="14:14">
      <c r="N904875" s="10"/>
    </row>
    <row r="904876" spans="14:14">
      <c r="N904876" s="10"/>
    </row>
    <row r="904877" spans="14:14">
      <c r="N904877" s="10"/>
    </row>
    <row r="904878" spans="14:14">
      <c r="N904878" s="10"/>
    </row>
    <row r="904879" spans="14:14">
      <c r="N904879" s="10"/>
    </row>
    <row r="904880" spans="14:14">
      <c r="N904880" s="10"/>
    </row>
    <row r="904881" spans="14:14">
      <c r="N904881" s="10"/>
    </row>
    <row r="904882" spans="14:14">
      <c r="N904882" s="10"/>
    </row>
    <row r="904883" spans="14:14">
      <c r="N904883" s="10"/>
    </row>
    <row r="904884" spans="14:14">
      <c r="N904884" s="10"/>
    </row>
    <row r="904885" spans="14:14">
      <c r="N904885" s="10"/>
    </row>
    <row r="904886" spans="14:14">
      <c r="N904886" s="10"/>
    </row>
    <row r="904887" spans="14:14">
      <c r="N904887" s="10"/>
    </row>
    <row r="904888" spans="14:14">
      <c r="N904888" s="10"/>
    </row>
    <row r="904889" spans="14:14">
      <c r="N904889" s="10"/>
    </row>
    <row r="904890" spans="14:14">
      <c r="N904890" s="10"/>
    </row>
    <row r="904891" spans="14:14">
      <c r="N904891" s="10"/>
    </row>
    <row r="904892" spans="14:14">
      <c r="N904892" s="10"/>
    </row>
    <row r="904893" spans="14:14">
      <c r="N904893" s="10"/>
    </row>
    <row r="904894" spans="14:14">
      <c r="N904894" s="10"/>
    </row>
    <row r="904895" spans="14:14">
      <c r="N904895" s="10"/>
    </row>
    <row r="904896" spans="14:14">
      <c r="N904896" s="10"/>
    </row>
    <row r="904897" spans="14:14">
      <c r="N904897" s="10"/>
    </row>
    <row r="904898" spans="14:14">
      <c r="N904898" s="10"/>
    </row>
    <row r="904899" spans="14:14">
      <c r="N904899" s="10"/>
    </row>
    <row r="904900" spans="14:14">
      <c r="N904900" s="10"/>
    </row>
    <row r="904901" spans="14:14">
      <c r="N904901" s="10"/>
    </row>
    <row r="904902" spans="14:14">
      <c r="N904902" s="10"/>
    </row>
    <row r="904903" spans="14:14">
      <c r="N904903" s="10"/>
    </row>
    <row r="904904" spans="14:14">
      <c r="N904904" s="10"/>
    </row>
    <row r="904905" spans="14:14">
      <c r="N904905" s="10"/>
    </row>
    <row r="904906" spans="14:14">
      <c r="N904906" s="10"/>
    </row>
    <row r="904907" spans="14:14">
      <c r="N904907" s="10"/>
    </row>
    <row r="904908" spans="14:14">
      <c r="N904908" s="10"/>
    </row>
    <row r="904909" spans="14:14">
      <c r="N904909" s="10"/>
    </row>
    <row r="904910" spans="14:14">
      <c r="N904910" s="10"/>
    </row>
    <row r="904911" spans="14:14">
      <c r="N904911" s="10"/>
    </row>
    <row r="904912" spans="14:14">
      <c r="N904912" s="10"/>
    </row>
    <row r="904913" spans="14:14">
      <c r="N904913" s="10"/>
    </row>
    <row r="904914" spans="14:14">
      <c r="N904914" s="10"/>
    </row>
    <row r="904915" spans="14:14">
      <c r="N904915" s="10"/>
    </row>
    <row r="904916" spans="14:14">
      <c r="N904916" s="10"/>
    </row>
    <row r="904917" spans="14:14">
      <c r="N904917" s="10"/>
    </row>
    <row r="904918" spans="14:14">
      <c r="N904918" s="10"/>
    </row>
    <row r="904919" spans="14:14">
      <c r="N904919" s="10"/>
    </row>
    <row r="904920" spans="14:14">
      <c r="N904920" s="10"/>
    </row>
    <row r="904921" spans="14:14">
      <c r="N904921" s="10"/>
    </row>
    <row r="904922" spans="14:14">
      <c r="N904922" s="10"/>
    </row>
    <row r="904923" spans="14:14">
      <c r="N904923" s="10"/>
    </row>
    <row r="904924" spans="14:14">
      <c r="N904924" s="10"/>
    </row>
    <row r="904925" spans="14:14">
      <c r="N904925" s="10"/>
    </row>
    <row r="904926" spans="14:14">
      <c r="N904926" s="10"/>
    </row>
    <row r="904927" spans="14:14">
      <c r="N904927" s="10"/>
    </row>
    <row r="904928" spans="14:14">
      <c r="N904928" s="10"/>
    </row>
    <row r="904929" spans="14:14">
      <c r="N904929" s="10"/>
    </row>
    <row r="904930" spans="14:14">
      <c r="N904930" s="10"/>
    </row>
    <row r="904931" spans="14:14">
      <c r="N904931" s="10"/>
    </row>
    <row r="904932" spans="14:14">
      <c r="N904932" s="10"/>
    </row>
    <row r="904933" spans="14:14">
      <c r="N904933" s="10"/>
    </row>
    <row r="904934" spans="14:14">
      <c r="N904934" s="10"/>
    </row>
    <row r="904935" spans="14:14">
      <c r="N904935" s="10"/>
    </row>
    <row r="904936" spans="14:14">
      <c r="N904936" s="10"/>
    </row>
    <row r="904937" spans="14:14">
      <c r="N904937" s="10"/>
    </row>
    <row r="904938" spans="14:14">
      <c r="N904938" s="10"/>
    </row>
    <row r="904939" spans="14:14">
      <c r="N904939" s="10"/>
    </row>
    <row r="904940" spans="14:14">
      <c r="N904940" s="10"/>
    </row>
    <row r="904941" spans="14:14">
      <c r="N904941" s="10"/>
    </row>
    <row r="904942" spans="14:14">
      <c r="N904942" s="10"/>
    </row>
    <row r="904943" spans="14:14">
      <c r="N904943" s="10"/>
    </row>
    <row r="904944" spans="14:14">
      <c r="N904944" s="10"/>
    </row>
    <row r="904945" spans="14:14">
      <c r="N904945" s="10"/>
    </row>
    <row r="904946" spans="14:14">
      <c r="N904946" s="10"/>
    </row>
    <row r="904947" spans="14:14">
      <c r="N904947" s="10"/>
    </row>
    <row r="904948" spans="14:14">
      <c r="N904948" s="10"/>
    </row>
    <row r="904949" spans="14:14">
      <c r="N904949" s="10"/>
    </row>
    <row r="904950" spans="14:14">
      <c r="N904950" s="10"/>
    </row>
    <row r="904951" spans="14:14">
      <c r="N904951" s="10"/>
    </row>
    <row r="904952" spans="14:14">
      <c r="N904952" s="10"/>
    </row>
    <row r="904953" spans="14:14">
      <c r="N904953" s="10"/>
    </row>
    <row r="904954" spans="14:14">
      <c r="N904954" s="10"/>
    </row>
    <row r="904955" spans="14:14">
      <c r="N904955" s="10"/>
    </row>
    <row r="904956" spans="14:14">
      <c r="N904956" s="10"/>
    </row>
    <row r="904957" spans="14:14">
      <c r="N904957" s="10"/>
    </row>
    <row r="904958" spans="14:14">
      <c r="N904958" s="10"/>
    </row>
    <row r="904959" spans="14:14">
      <c r="N904959" s="10"/>
    </row>
    <row r="904960" spans="14:14">
      <c r="N904960" s="10"/>
    </row>
    <row r="904961" spans="14:14">
      <c r="N904961" s="10"/>
    </row>
    <row r="904962" spans="14:14">
      <c r="N904962" s="10"/>
    </row>
    <row r="904963" spans="14:14">
      <c r="N904963" s="10"/>
    </row>
    <row r="904964" spans="14:14">
      <c r="N904964" s="10"/>
    </row>
    <row r="904965" spans="14:14">
      <c r="N904965" s="10"/>
    </row>
    <row r="904966" spans="14:14">
      <c r="N904966" s="10"/>
    </row>
    <row r="904967" spans="14:14">
      <c r="N904967" s="10"/>
    </row>
    <row r="904968" spans="14:14">
      <c r="N904968" s="10"/>
    </row>
    <row r="904969" spans="14:14">
      <c r="N904969" s="10"/>
    </row>
    <row r="904970" spans="14:14">
      <c r="N904970" s="10"/>
    </row>
    <row r="904971" spans="14:14">
      <c r="N904971" s="10"/>
    </row>
    <row r="904972" spans="14:14">
      <c r="N904972" s="10"/>
    </row>
    <row r="904973" spans="14:14">
      <c r="N904973" s="10"/>
    </row>
    <row r="904974" spans="14:14">
      <c r="N904974" s="10"/>
    </row>
    <row r="904975" spans="14:14">
      <c r="N904975" s="10"/>
    </row>
    <row r="904976" spans="14:14">
      <c r="N904976" s="10"/>
    </row>
    <row r="904977" spans="14:14">
      <c r="N904977" s="10"/>
    </row>
    <row r="904978" spans="14:14">
      <c r="N904978" s="10"/>
    </row>
    <row r="904979" spans="14:14">
      <c r="N904979" s="10"/>
    </row>
    <row r="904980" spans="14:14">
      <c r="N904980" s="10"/>
    </row>
    <row r="904981" spans="14:14">
      <c r="N904981" s="10"/>
    </row>
    <row r="904982" spans="14:14">
      <c r="N904982" s="10"/>
    </row>
    <row r="904983" spans="14:14">
      <c r="N904983" s="10"/>
    </row>
    <row r="904984" spans="14:14">
      <c r="N904984" s="10"/>
    </row>
    <row r="904985" spans="14:14">
      <c r="N904985" s="10"/>
    </row>
    <row r="904986" spans="14:14">
      <c r="N904986" s="10"/>
    </row>
    <row r="904987" spans="14:14">
      <c r="N904987" s="10"/>
    </row>
    <row r="904988" spans="14:14">
      <c r="N904988" s="10"/>
    </row>
    <row r="904989" spans="14:14">
      <c r="N904989" s="10"/>
    </row>
    <row r="904990" spans="14:14">
      <c r="N904990" s="10"/>
    </row>
    <row r="904991" spans="14:14">
      <c r="N904991" s="10"/>
    </row>
    <row r="904992" spans="14:14">
      <c r="N904992" s="10"/>
    </row>
    <row r="904993" spans="14:14">
      <c r="N904993" s="10"/>
    </row>
    <row r="904994" spans="14:14">
      <c r="N904994" s="10"/>
    </row>
    <row r="904995" spans="14:14">
      <c r="N904995" s="10"/>
    </row>
    <row r="904996" spans="14:14">
      <c r="N904996" s="10"/>
    </row>
    <row r="904997" spans="14:14">
      <c r="N904997" s="10"/>
    </row>
    <row r="904998" spans="14:14">
      <c r="N904998" s="10"/>
    </row>
    <row r="904999" spans="14:14">
      <c r="N904999" s="10"/>
    </row>
    <row r="905000" spans="14:14">
      <c r="N905000" s="10"/>
    </row>
    <row r="905001" spans="14:14">
      <c r="N905001" s="10"/>
    </row>
    <row r="905002" spans="14:14">
      <c r="N905002" s="10"/>
    </row>
    <row r="905003" spans="14:14">
      <c r="N905003" s="10"/>
    </row>
    <row r="905004" spans="14:14">
      <c r="N905004" s="10"/>
    </row>
    <row r="905005" spans="14:14">
      <c r="N905005" s="10"/>
    </row>
    <row r="905006" spans="14:14">
      <c r="N905006" s="10"/>
    </row>
    <row r="905007" spans="14:14">
      <c r="N905007" s="10"/>
    </row>
    <row r="905008" spans="14:14">
      <c r="N905008" s="10"/>
    </row>
    <row r="905009" spans="14:14">
      <c r="N905009" s="10"/>
    </row>
    <row r="905010" spans="14:14">
      <c r="N905010" s="10"/>
    </row>
    <row r="905011" spans="14:14">
      <c r="N905011" s="10"/>
    </row>
    <row r="905012" spans="14:14">
      <c r="N905012" s="10"/>
    </row>
    <row r="905013" spans="14:14">
      <c r="N905013" s="10"/>
    </row>
    <row r="905014" spans="14:14">
      <c r="N905014" s="10"/>
    </row>
    <row r="905015" spans="14:14">
      <c r="N905015" s="10"/>
    </row>
    <row r="905016" spans="14:14">
      <c r="N905016" s="10"/>
    </row>
    <row r="905017" spans="14:14">
      <c r="N905017" s="10"/>
    </row>
    <row r="905018" spans="14:14">
      <c r="N905018" s="10"/>
    </row>
    <row r="905019" spans="14:14">
      <c r="N905019" s="10"/>
    </row>
    <row r="905020" spans="14:14">
      <c r="N905020" s="10"/>
    </row>
    <row r="905021" spans="14:14">
      <c r="N905021" s="10"/>
    </row>
    <row r="905022" spans="14:14">
      <c r="N905022" s="10"/>
    </row>
    <row r="905023" spans="14:14">
      <c r="N905023" s="10"/>
    </row>
    <row r="905024" spans="14:14">
      <c r="N905024" s="10"/>
    </row>
    <row r="905025" spans="14:14">
      <c r="N905025" s="10"/>
    </row>
    <row r="905026" spans="14:14">
      <c r="N905026" s="10"/>
    </row>
    <row r="905027" spans="14:14">
      <c r="N905027" s="10"/>
    </row>
    <row r="905028" spans="14:14">
      <c r="N905028" s="10"/>
    </row>
    <row r="905029" spans="14:14">
      <c r="N905029" s="10"/>
    </row>
    <row r="905030" spans="14:14">
      <c r="N905030" s="10"/>
    </row>
    <row r="905031" spans="14:14">
      <c r="N905031" s="10"/>
    </row>
    <row r="905032" spans="14:14">
      <c r="N905032" s="10"/>
    </row>
    <row r="905033" spans="14:14">
      <c r="N905033" s="10"/>
    </row>
    <row r="905034" spans="14:14">
      <c r="N905034" s="10"/>
    </row>
    <row r="905035" spans="14:14">
      <c r="N905035" s="10"/>
    </row>
    <row r="905036" spans="14:14">
      <c r="N905036" s="10"/>
    </row>
    <row r="905037" spans="14:14">
      <c r="N905037" s="10"/>
    </row>
    <row r="905038" spans="14:14">
      <c r="N905038" s="10"/>
    </row>
    <row r="905039" spans="14:14">
      <c r="N905039" s="10"/>
    </row>
    <row r="905040" spans="14:14">
      <c r="N905040" s="10"/>
    </row>
    <row r="905041" spans="14:14">
      <c r="N905041" s="10"/>
    </row>
    <row r="905042" spans="14:14">
      <c r="N905042" s="10"/>
    </row>
    <row r="905043" spans="14:14">
      <c r="N905043" s="10"/>
    </row>
    <row r="905044" spans="14:14">
      <c r="N905044" s="10"/>
    </row>
    <row r="905045" spans="14:14">
      <c r="N905045" s="10"/>
    </row>
    <row r="905046" spans="14:14">
      <c r="N905046" s="10"/>
    </row>
    <row r="905047" spans="14:14">
      <c r="N905047" s="10"/>
    </row>
    <row r="905048" spans="14:14">
      <c r="N905048" s="10"/>
    </row>
    <row r="905049" spans="14:14">
      <c r="N905049" s="10"/>
    </row>
    <row r="905050" spans="14:14">
      <c r="N905050" s="10"/>
    </row>
    <row r="905051" spans="14:14">
      <c r="N905051" s="10"/>
    </row>
    <row r="905052" spans="14:14">
      <c r="N905052" s="10"/>
    </row>
    <row r="905053" spans="14:14">
      <c r="N905053" s="10"/>
    </row>
    <row r="905054" spans="14:14">
      <c r="N905054" s="10"/>
    </row>
    <row r="905055" spans="14:14">
      <c r="N905055" s="10"/>
    </row>
    <row r="905056" spans="14:14">
      <c r="N905056" s="10"/>
    </row>
    <row r="905057" spans="14:14">
      <c r="N905057" s="10"/>
    </row>
    <row r="905058" spans="14:14">
      <c r="N905058" s="10"/>
    </row>
    <row r="905059" spans="14:14">
      <c r="N905059" s="10"/>
    </row>
    <row r="905060" spans="14:14">
      <c r="N905060" s="10"/>
    </row>
    <row r="905061" spans="14:14">
      <c r="N905061" s="10"/>
    </row>
    <row r="905062" spans="14:14">
      <c r="N905062" s="10"/>
    </row>
    <row r="905063" spans="14:14">
      <c r="N905063" s="10"/>
    </row>
    <row r="905064" spans="14:14">
      <c r="N905064" s="10"/>
    </row>
    <row r="905065" spans="14:14">
      <c r="N905065" s="10"/>
    </row>
    <row r="905066" spans="14:14">
      <c r="N905066" s="10"/>
    </row>
    <row r="905067" spans="14:14">
      <c r="N905067" s="10"/>
    </row>
    <row r="905068" spans="14:14">
      <c r="N905068" s="10"/>
    </row>
    <row r="905069" spans="14:14">
      <c r="N905069" s="10"/>
    </row>
    <row r="905070" spans="14:14">
      <c r="N905070" s="10"/>
    </row>
    <row r="905071" spans="14:14">
      <c r="N905071" s="10"/>
    </row>
    <row r="905072" spans="14:14">
      <c r="N905072" s="10"/>
    </row>
    <row r="905073" spans="14:14">
      <c r="N905073" s="10"/>
    </row>
    <row r="905074" spans="14:14">
      <c r="N905074" s="10"/>
    </row>
    <row r="905075" spans="14:14">
      <c r="N905075" s="10"/>
    </row>
    <row r="905076" spans="14:14">
      <c r="N905076" s="10"/>
    </row>
    <row r="905077" spans="14:14">
      <c r="N905077" s="10"/>
    </row>
    <row r="905078" spans="14:14">
      <c r="N905078" s="10"/>
    </row>
    <row r="905079" spans="14:14">
      <c r="N905079" s="10"/>
    </row>
    <row r="905080" spans="14:14">
      <c r="N905080" s="10"/>
    </row>
    <row r="905081" spans="14:14">
      <c r="N905081" s="10"/>
    </row>
    <row r="905082" spans="14:14">
      <c r="N905082" s="10"/>
    </row>
    <row r="905083" spans="14:14">
      <c r="N905083" s="10"/>
    </row>
    <row r="905084" spans="14:14">
      <c r="N905084" s="10"/>
    </row>
    <row r="905085" spans="14:14">
      <c r="N905085" s="10"/>
    </row>
    <row r="905086" spans="14:14">
      <c r="N905086" s="10"/>
    </row>
    <row r="905087" spans="14:14">
      <c r="N905087" s="10"/>
    </row>
    <row r="905088" spans="14:14">
      <c r="N905088" s="10"/>
    </row>
    <row r="905089" spans="14:14">
      <c r="N905089" s="10"/>
    </row>
    <row r="905090" spans="14:14">
      <c r="N905090" s="10"/>
    </row>
    <row r="905091" spans="14:14">
      <c r="N905091" s="10"/>
    </row>
    <row r="905092" spans="14:14">
      <c r="N905092" s="10"/>
    </row>
    <row r="905093" spans="14:14">
      <c r="N905093" s="10"/>
    </row>
    <row r="905094" spans="14:14">
      <c r="N905094" s="10"/>
    </row>
    <row r="905095" spans="14:14">
      <c r="N905095" s="10"/>
    </row>
    <row r="905096" spans="14:14">
      <c r="N905096" s="10"/>
    </row>
    <row r="905097" spans="14:14">
      <c r="N905097" s="10"/>
    </row>
    <row r="905098" spans="14:14">
      <c r="N905098" s="10"/>
    </row>
    <row r="905099" spans="14:14">
      <c r="N905099" s="10"/>
    </row>
    <row r="905100" spans="14:14">
      <c r="N905100" s="10"/>
    </row>
    <row r="905101" spans="14:14">
      <c r="N905101" s="10"/>
    </row>
    <row r="905102" spans="14:14">
      <c r="N905102" s="10"/>
    </row>
    <row r="905103" spans="14:14">
      <c r="N905103" s="10"/>
    </row>
    <row r="905104" spans="14:14">
      <c r="N905104" s="10"/>
    </row>
    <row r="905105" spans="14:14">
      <c r="N905105" s="10"/>
    </row>
    <row r="905106" spans="14:14">
      <c r="N905106" s="10"/>
    </row>
    <row r="905107" spans="14:14">
      <c r="N905107" s="10"/>
    </row>
    <row r="905108" spans="14:14">
      <c r="N905108" s="10"/>
    </row>
    <row r="905109" spans="14:14">
      <c r="N905109" s="10"/>
    </row>
    <row r="905110" spans="14:14">
      <c r="N905110" s="10"/>
    </row>
    <row r="905111" spans="14:14">
      <c r="N905111" s="10"/>
    </row>
    <row r="905112" spans="14:14">
      <c r="N905112" s="10"/>
    </row>
    <row r="905113" spans="14:14">
      <c r="N905113" s="10"/>
    </row>
    <row r="905114" spans="14:14">
      <c r="N905114" s="10"/>
    </row>
    <row r="905115" spans="14:14">
      <c r="N905115" s="10"/>
    </row>
    <row r="905116" spans="14:14">
      <c r="N905116" s="10"/>
    </row>
    <row r="905117" spans="14:14">
      <c r="N905117" s="10"/>
    </row>
    <row r="905118" spans="14:14">
      <c r="N905118" s="10"/>
    </row>
    <row r="905119" spans="14:14">
      <c r="N905119" s="10"/>
    </row>
    <row r="905120" spans="14:14">
      <c r="N905120" s="10"/>
    </row>
    <row r="905121" spans="14:14">
      <c r="N905121" s="10"/>
    </row>
    <row r="905122" spans="14:14">
      <c r="N905122" s="10"/>
    </row>
    <row r="905123" spans="14:14">
      <c r="N905123" s="10"/>
    </row>
    <row r="905124" spans="14:14">
      <c r="N905124" s="10"/>
    </row>
    <row r="905125" spans="14:14">
      <c r="N905125" s="10"/>
    </row>
    <row r="905126" spans="14:14">
      <c r="N905126" s="10"/>
    </row>
    <row r="905127" spans="14:14">
      <c r="N905127" s="10"/>
    </row>
    <row r="905128" spans="14:14">
      <c r="N905128" s="10"/>
    </row>
    <row r="905129" spans="14:14">
      <c r="N905129" s="10"/>
    </row>
    <row r="905130" spans="14:14">
      <c r="N905130" s="10"/>
    </row>
    <row r="905131" spans="14:14">
      <c r="N905131" s="10"/>
    </row>
    <row r="905132" spans="14:14">
      <c r="N905132" s="10"/>
    </row>
    <row r="905133" spans="14:14">
      <c r="N905133" s="10"/>
    </row>
    <row r="905134" spans="14:14">
      <c r="N905134" s="10"/>
    </row>
    <row r="905135" spans="14:14">
      <c r="N905135" s="10"/>
    </row>
    <row r="905136" spans="14:14">
      <c r="N905136" s="10"/>
    </row>
    <row r="905137" spans="14:14">
      <c r="N905137" s="10"/>
    </row>
    <row r="905138" spans="14:14">
      <c r="N905138" s="10"/>
    </row>
    <row r="905139" spans="14:14">
      <c r="N905139" s="10"/>
    </row>
    <row r="905140" spans="14:14">
      <c r="N905140" s="10"/>
    </row>
    <row r="905141" spans="14:14">
      <c r="N905141" s="10"/>
    </row>
    <row r="905142" spans="14:14">
      <c r="N905142" s="10"/>
    </row>
    <row r="905143" spans="14:14">
      <c r="N905143" s="10"/>
    </row>
    <row r="905144" spans="14:14">
      <c r="N905144" s="10"/>
    </row>
    <row r="905145" spans="14:14">
      <c r="N905145" s="10"/>
    </row>
    <row r="905146" spans="14:14">
      <c r="N905146" s="10"/>
    </row>
    <row r="905147" spans="14:14">
      <c r="N905147" s="10"/>
    </row>
    <row r="905148" spans="14:14">
      <c r="N905148" s="10"/>
    </row>
    <row r="905149" spans="14:14">
      <c r="N905149" s="10"/>
    </row>
    <row r="905150" spans="14:14">
      <c r="N905150" s="10"/>
    </row>
    <row r="905151" spans="14:14">
      <c r="N905151" s="10"/>
    </row>
    <row r="905152" spans="14:14">
      <c r="N905152" s="10"/>
    </row>
    <row r="905153" spans="14:14">
      <c r="N905153" s="10"/>
    </row>
    <row r="905154" spans="14:14">
      <c r="N905154" s="10"/>
    </row>
    <row r="905155" spans="14:14">
      <c r="N905155" s="10"/>
    </row>
    <row r="905156" spans="14:14">
      <c r="N905156" s="10"/>
    </row>
    <row r="905157" spans="14:14">
      <c r="N905157" s="10"/>
    </row>
    <row r="905158" spans="14:14">
      <c r="N905158" s="10"/>
    </row>
    <row r="905159" spans="14:14">
      <c r="N905159" s="10"/>
    </row>
    <row r="905160" spans="14:14">
      <c r="N905160" s="10"/>
    </row>
    <row r="905161" spans="14:14">
      <c r="N905161" s="10"/>
    </row>
    <row r="905162" spans="14:14">
      <c r="N905162" s="10"/>
    </row>
    <row r="905163" spans="14:14">
      <c r="N905163" s="10"/>
    </row>
    <row r="905164" spans="14:14">
      <c r="N905164" s="10"/>
    </row>
    <row r="905165" spans="14:14">
      <c r="N905165" s="10"/>
    </row>
    <row r="905166" spans="14:14">
      <c r="N905166" s="10"/>
    </row>
    <row r="905167" spans="14:14">
      <c r="N905167" s="10"/>
    </row>
    <row r="905168" spans="14:14">
      <c r="N905168" s="10"/>
    </row>
    <row r="905169" spans="14:14">
      <c r="N905169" s="10"/>
    </row>
    <row r="905170" spans="14:14">
      <c r="N905170" s="10"/>
    </row>
    <row r="905171" spans="14:14">
      <c r="N905171" s="10"/>
    </row>
    <row r="905172" spans="14:14">
      <c r="N905172" s="10"/>
    </row>
    <row r="905173" spans="14:14">
      <c r="N905173" s="10"/>
    </row>
    <row r="905174" spans="14:14">
      <c r="N905174" s="10"/>
    </row>
    <row r="905175" spans="14:14">
      <c r="N905175" s="10"/>
    </row>
    <row r="905176" spans="14:14">
      <c r="N905176" s="10"/>
    </row>
    <row r="905177" spans="14:14">
      <c r="N905177" s="10"/>
    </row>
    <row r="905178" spans="14:14">
      <c r="N905178" s="10"/>
    </row>
    <row r="905179" spans="14:14">
      <c r="N905179" s="10"/>
    </row>
    <row r="905180" spans="14:14">
      <c r="N905180" s="10"/>
    </row>
    <row r="905181" spans="14:14">
      <c r="N905181" s="10"/>
    </row>
    <row r="905182" spans="14:14">
      <c r="N905182" s="10"/>
    </row>
    <row r="905183" spans="14:14">
      <c r="N905183" s="10"/>
    </row>
    <row r="905184" spans="14:14">
      <c r="N905184" s="10"/>
    </row>
    <row r="905185" spans="14:14">
      <c r="N905185" s="10"/>
    </row>
    <row r="905186" spans="14:14">
      <c r="N905186" s="10"/>
    </row>
    <row r="905187" spans="14:14">
      <c r="N905187" s="10"/>
    </row>
    <row r="905188" spans="14:14">
      <c r="N905188" s="10"/>
    </row>
    <row r="905189" spans="14:14">
      <c r="N905189" s="10"/>
    </row>
    <row r="905190" spans="14:14">
      <c r="N905190" s="10"/>
    </row>
    <row r="905191" spans="14:14">
      <c r="N905191" s="10"/>
    </row>
    <row r="905192" spans="14:14">
      <c r="N905192" s="10"/>
    </row>
    <row r="905193" spans="14:14">
      <c r="N905193" s="10"/>
    </row>
    <row r="905194" spans="14:14">
      <c r="N905194" s="10"/>
    </row>
    <row r="905195" spans="14:14">
      <c r="N905195" s="10"/>
    </row>
    <row r="905196" spans="14:14">
      <c r="N905196" s="10"/>
    </row>
    <row r="905197" spans="14:14">
      <c r="N905197" s="10"/>
    </row>
    <row r="905198" spans="14:14">
      <c r="N905198" s="10"/>
    </row>
    <row r="905199" spans="14:14">
      <c r="N905199" s="10"/>
    </row>
    <row r="905200" spans="14:14">
      <c r="N905200" s="10"/>
    </row>
    <row r="905201" spans="14:14">
      <c r="N905201" s="10"/>
    </row>
    <row r="905202" spans="14:14">
      <c r="N905202" s="10"/>
    </row>
    <row r="905203" spans="14:14">
      <c r="N905203" s="10"/>
    </row>
    <row r="905204" spans="14:14">
      <c r="N905204" s="10"/>
    </row>
    <row r="905205" spans="14:14">
      <c r="N905205" s="10"/>
    </row>
    <row r="905206" spans="14:14">
      <c r="N905206" s="10"/>
    </row>
    <row r="905207" spans="14:14">
      <c r="N905207" s="10"/>
    </row>
    <row r="905208" spans="14:14">
      <c r="N905208" s="10"/>
    </row>
    <row r="905209" spans="14:14">
      <c r="N905209" s="10"/>
    </row>
    <row r="905210" spans="14:14">
      <c r="N905210" s="10"/>
    </row>
    <row r="905211" spans="14:14">
      <c r="N905211" s="10"/>
    </row>
    <row r="905212" spans="14:14">
      <c r="N905212" s="10"/>
    </row>
    <row r="905213" spans="14:14">
      <c r="N905213" s="10"/>
    </row>
    <row r="905214" spans="14:14">
      <c r="N905214" s="10"/>
    </row>
    <row r="905215" spans="14:14">
      <c r="N905215" s="10"/>
    </row>
    <row r="905216" spans="14:14">
      <c r="N905216" s="10"/>
    </row>
    <row r="905217" spans="14:14">
      <c r="N905217" s="10"/>
    </row>
    <row r="905218" spans="14:14">
      <c r="N905218" s="10"/>
    </row>
    <row r="905219" spans="14:14">
      <c r="N905219" s="10"/>
    </row>
    <row r="905220" spans="14:14">
      <c r="N905220" s="10"/>
    </row>
    <row r="905221" spans="14:14">
      <c r="N905221" s="10"/>
    </row>
    <row r="905222" spans="14:14">
      <c r="N905222" s="10"/>
    </row>
    <row r="905223" spans="14:14">
      <c r="N905223" s="10"/>
    </row>
    <row r="905224" spans="14:14">
      <c r="N905224" s="10"/>
    </row>
    <row r="905225" spans="14:14">
      <c r="N905225" s="10"/>
    </row>
    <row r="905226" spans="14:14">
      <c r="N905226" s="10"/>
    </row>
    <row r="905227" spans="14:14">
      <c r="N905227" s="10"/>
    </row>
    <row r="905228" spans="14:14">
      <c r="N905228" s="10"/>
    </row>
    <row r="905229" spans="14:14">
      <c r="N905229" s="10"/>
    </row>
    <row r="905230" spans="14:14">
      <c r="N905230" s="10"/>
    </row>
    <row r="905231" spans="14:14">
      <c r="N905231" s="10"/>
    </row>
    <row r="905232" spans="14:14">
      <c r="N905232" s="10"/>
    </row>
    <row r="905233" spans="14:14">
      <c r="N905233" s="10"/>
    </row>
    <row r="905234" spans="14:14">
      <c r="N905234" s="10"/>
    </row>
    <row r="905235" spans="14:14">
      <c r="N905235" s="10"/>
    </row>
    <row r="905236" spans="14:14">
      <c r="N905236" s="10"/>
    </row>
    <row r="905237" spans="14:14">
      <c r="N905237" s="10"/>
    </row>
    <row r="905238" spans="14:14">
      <c r="N905238" s="10"/>
    </row>
    <row r="905239" spans="14:14">
      <c r="N905239" s="10"/>
    </row>
    <row r="905240" spans="14:14">
      <c r="N905240" s="10"/>
    </row>
    <row r="905241" spans="14:14">
      <c r="N905241" s="10"/>
    </row>
    <row r="905242" spans="14:14">
      <c r="N905242" s="10"/>
    </row>
    <row r="905243" spans="14:14">
      <c r="N905243" s="10"/>
    </row>
    <row r="905244" spans="14:14">
      <c r="N905244" s="10"/>
    </row>
    <row r="905245" spans="14:14">
      <c r="N905245" s="10"/>
    </row>
    <row r="905246" spans="14:14">
      <c r="N905246" s="10"/>
    </row>
    <row r="905247" spans="14:14">
      <c r="N905247" s="10"/>
    </row>
    <row r="905248" spans="14:14">
      <c r="N905248" s="10"/>
    </row>
    <row r="905249" spans="14:14">
      <c r="N905249" s="10"/>
    </row>
    <row r="905250" spans="14:14">
      <c r="N905250" s="10"/>
    </row>
    <row r="905251" spans="14:14">
      <c r="N905251" s="10"/>
    </row>
    <row r="905252" spans="14:14">
      <c r="N905252" s="10"/>
    </row>
    <row r="905253" spans="14:14">
      <c r="N905253" s="10"/>
    </row>
    <row r="905254" spans="14:14">
      <c r="N905254" s="10"/>
    </row>
    <row r="905255" spans="14:14">
      <c r="N905255" s="10"/>
    </row>
    <row r="905256" spans="14:14">
      <c r="N905256" s="10"/>
    </row>
    <row r="905257" spans="14:14">
      <c r="N905257" s="10"/>
    </row>
    <row r="905258" spans="14:14">
      <c r="N905258" s="10"/>
    </row>
    <row r="905259" spans="14:14">
      <c r="N905259" s="10"/>
    </row>
    <row r="905260" spans="14:14">
      <c r="N905260" s="10"/>
    </row>
    <row r="905261" spans="14:14">
      <c r="N905261" s="10"/>
    </row>
    <row r="905262" spans="14:14">
      <c r="N905262" s="10"/>
    </row>
    <row r="905263" spans="14:14">
      <c r="N905263" s="10"/>
    </row>
    <row r="905264" spans="14:14">
      <c r="N905264" s="10"/>
    </row>
    <row r="905265" spans="14:14">
      <c r="N905265" s="10"/>
    </row>
    <row r="905266" spans="14:14">
      <c r="N905266" s="10"/>
    </row>
    <row r="905267" spans="14:14">
      <c r="N905267" s="10"/>
    </row>
    <row r="905268" spans="14:14">
      <c r="N905268" s="10"/>
    </row>
    <row r="905269" spans="14:14">
      <c r="N905269" s="10"/>
    </row>
    <row r="905270" spans="14:14">
      <c r="N905270" s="10"/>
    </row>
    <row r="905271" spans="14:14">
      <c r="N905271" s="10"/>
    </row>
    <row r="905272" spans="14:14">
      <c r="N905272" s="10"/>
    </row>
    <row r="905273" spans="14:14">
      <c r="N905273" s="10"/>
    </row>
    <row r="905274" spans="14:14">
      <c r="N905274" s="10"/>
    </row>
    <row r="905275" spans="14:14">
      <c r="N905275" s="10"/>
    </row>
    <row r="905276" spans="14:14">
      <c r="N905276" s="10"/>
    </row>
    <row r="905277" spans="14:14">
      <c r="N905277" s="10"/>
    </row>
    <row r="905278" spans="14:14">
      <c r="N905278" s="10"/>
    </row>
    <row r="905279" spans="14:14">
      <c r="N905279" s="10"/>
    </row>
    <row r="905280" spans="14:14">
      <c r="N905280" s="10"/>
    </row>
    <row r="905281" spans="14:14">
      <c r="N905281" s="10"/>
    </row>
    <row r="905282" spans="14:14">
      <c r="N905282" s="10"/>
    </row>
    <row r="905283" spans="14:14">
      <c r="N905283" s="10"/>
    </row>
    <row r="905284" spans="14:14">
      <c r="N905284" s="10"/>
    </row>
    <row r="905285" spans="14:14">
      <c r="N905285" s="10"/>
    </row>
    <row r="905286" spans="14:14">
      <c r="N905286" s="10"/>
    </row>
    <row r="905287" spans="14:14">
      <c r="N905287" s="10"/>
    </row>
    <row r="905288" spans="14:14">
      <c r="N905288" s="10"/>
    </row>
    <row r="905289" spans="14:14">
      <c r="N905289" s="10"/>
    </row>
    <row r="905290" spans="14:14">
      <c r="N905290" s="10"/>
    </row>
    <row r="905291" spans="14:14">
      <c r="N905291" s="10"/>
    </row>
    <row r="905292" spans="14:14">
      <c r="N905292" s="10"/>
    </row>
    <row r="905293" spans="14:14">
      <c r="N905293" s="10"/>
    </row>
    <row r="905294" spans="14:14">
      <c r="N905294" s="10"/>
    </row>
    <row r="905295" spans="14:14">
      <c r="N905295" s="10"/>
    </row>
    <row r="905296" spans="14:14">
      <c r="N905296" s="10"/>
    </row>
    <row r="905297" spans="14:14">
      <c r="N905297" s="10"/>
    </row>
    <row r="905298" spans="14:14">
      <c r="N905298" s="10"/>
    </row>
    <row r="905299" spans="14:14">
      <c r="N905299" s="10"/>
    </row>
    <row r="905300" spans="14:14">
      <c r="N905300" s="10"/>
    </row>
    <row r="905301" spans="14:14">
      <c r="N905301" s="10"/>
    </row>
    <row r="905302" spans="14:14">
      <c r="N905302" s="10"/>
    </row>
    <row r="905303" spans="14:14">
      <c r="N905303" s="10"/>
    </row>
    <row r="905304" spans="14:14">
      <c r="N905304" s="10"/>
    </row>
    <row r="905305" spans="14:14">
      <c r="N905305" s="10"/>
    </row>
    <row r="905306" spans="14:14">
      <c r="N905306" s="10"/>
    </row>
    <row r="905307" spans="14:14">
      <c r="N905307" s="10"/>
    </row>
    <row r="905308" spans="14:14">
      <c r="N905308" s="10"/>
    </row>
    <row r="905309" spans="14:14">
      <c r="N905309" s="10"/>
    </row>
    <row r="905310" spans="14:14">
      <c r="N905310" s="10"/>
    </row>
    <row r="905311" spans="14:14">
      <c r="N905311" s="10"/>
    </row>
    <row r="905312" spans="14:14">
      <c r="N905312" s="10"/>
    </row>
    <row r="905313" spans="14:14">
      <c r="N905313" s="10"/>
    </row>
    <row r="905314" spans="14:14">
      <c r="N905314" s="10"/>
    </row>
    <row r="905315" spans="14:14">
      <c r="N905315" s="10"/>
    </row>
    <row r="905316" spans="14:14">
      <c r="N905316" s="10"/>
    </row>
    <row r="905317" spans="14:14">
      <c r="N905317" s="10"/>
    </row>
    <row r="905318" spans="14:14">
      <c r="N905318" s="10"/>
    </row>
    <row r="905319" spans="14:14">
      <c r="N905319" s="10"/>
    </row>
    <row r="905320" spans="14:14">
      <c r="N905320" s="10"/>
    </row>
    <row r="905321" spans="14:14">
      <c r="N905321" s="10"/>
    </row>
    <row r="905322" spans="14:14">
      <c r="N905322" s="10"/>
    </row>
    <row r="905323" spans="14:14">
      <c r="N905323" s="10"/>
    </row>
    <row r="905324" spans="14:14">
      <c r="N905324" s="10"/>
    </row>
    <row r="905325" spans="14:14">
      <c r="N905325" s="10"/>
    </row>
    <row r="905326" spans="14:14">
      <c r="N905326" s="10"/>
    </row>
    <row r="905327" spans="14:14">
      <c r="N905327" s="10"/>
    </row>
    <row r="905328" spans="14:14">
      <c r="N905328" s="10"/>
    </row>
    <row r="905329" spans="14:14">
      <c r="N905329" s="10"/>
    </row>
    <row r="905330" spans="14:14">
      <c r="N905330" s="10"/>
    </row>
    <row r="905331" spans="14:14">
      <c r="N905331" s="10"/>
    </row>
    <row r="905332" spans="14:14">
      <c r="N905332" s="10"/>
    </row>
    <row r="905333" spans="14:14">
      <c r="N905333" s="10"/>
    </row>
    <row r="905334" spans="14:14">
      <c r="N905334" s="10"/>
    </row>
    <row r="905335" spans="14:14">
      <c r="N905335" s="10"/>
    </row>
    <row r="905336" spans="14:14">
      <c r="N905336" s="10"/>
    </row>
    <row r="905337" spans="14:14">
      <c r="N905337" s="10"/>
    </row>
    <row r="905338" spans="14:14">
      <c r="N905338" s="10"/>
    </row>
    <row r="905339" spans="14:14">
      <c r="N905339" s="10"/>
    </row>
    <row r="905340" spans="14:14">
      <c r="N905340" s="10"/>
    </row>
    <row r="905341" spans="14:14">
      <c r="N905341" s="10"/>
    </row>
    <row r="905342" spans="14:14">
      <c r="N905342" s="10"/>
    </row>
    <row r="905343" spans="14:14">
      <c r="N905343" s="10"/>
    </row>
    <row r="905344" spans="14:14">
      <c r="N905344" s="10"/>
    </row>
    <row r="905345" spans="14:14">
      <c r="N905345" s="10"/>
    </row>
    <row r="905346" spans="14:14">
      <c r="N905346" s="10"/>
    </row>
    <row r="905347" spans="14:14">
      <c r="N905347" s="10"/>
    </row>
    <row r="905348" spans="14:14">
      <c r="N905348" s="10"/>
    </row>
    <row r="905349" spans="14:14">
      <c r="N905349" s="10"/>
    </row>
    <row r="905350" spans="14:14">
      <c r="N905350" s="10"/>
    </row>
    <row r="905351" spans="14:14">
      <c r="N905351" s="10"/>
    </row>
    <row r="905352" spans="14:14">
      <c r="N905352" s="10"/>
    </row>
    <row r="905353" spans="14:14">
      <c r="N905353" s="10"/>
    </row>
    <row r="905354" spans="14:14">
      <c r="N905354" s="10"/>
    </row>
    <row r="905355" spans="14:14">
      <c r="N905355" s="10"/>
    </row>
    <row r="905356" spans="14:14">
      <c r="N905356" s="10"/>
    </row>
    <row r="905357" spans="14:14">
      <c r="N905357" s="10"/>
    </row>
    <row r="905358" spans="14:14">
      <c r="N905358" s="10"/>
    </row>
    <row r="905359" spans="14:14">
      <c r="N905359" s="10"/>
    </row>
    <row r="905360" spans="14:14">
      <c r="N905360" s="10"/>
    </row>
    <row r="905361" spans="14:14">
      <c r="N905361" s="10"/>
    </row>
    <row r="905362" spans="14:14">
      <c r="N905362" s="10"/>
    </row>
    <row r="905363" spans="14:14">
      <c r="N905363" s="10"/>
    </row>
    <row r="905364" spans="14:14">
      <c r="N905364" s="10"/>
    </row>
    <row r="905365" spans="14:14">
      <c r="N905365" s="10"/>
    </row>
    <row r="905366" spans="14:14">
      <c r="N905366" s="10"/>
    </row>
    <row r="905367" spans="14:14">
      <c r="N905367" s="10"/>
    </row>
    <row r="905368" spans="14:14">
      <c r="N905368" s="10"/>
    </row>
    <row r="905369" spans="14:14">
      <c r="N905369" s="10"/>
    </row>
    <row r="905370" spans="14:14">
      <c r="N905370" s="10"/>
    </row>
    <row r="905371" spans="14:14">
      <c r="N905371" s="10"/>
    </row>
    <row r="905372" spans="14:14">
      <c r="N905372" s="10"/>
    </row>
    <row r="905373" spans="14:14">
      <c r="N905373" s="10"/>
    </row>
    <row r="905374" spans="14:14">
      <c r="N905374" s="10"/>
    </row>
    <row r="905375" spans="14:14">
      <c r="N905375" s="10"/>
    </row>
    <row r="905376" spans="14:14">
      <c r="N905376" s="10"/>
    </row>
    <row r="905377" spans="14:14">
      <c r="N905377" s="10"/>
    </row>
    <row r="905378" spans="14:14">
      <c r="N905378" s="10"/>
    </row>
    <row r="905379" spans="14:14">
      <c r="N905379" s="10"/>
    </row>
    <row r="905380" spans="14:14">
      <c r="N905380" s="10"/>
    </row>
    <row r="905381" spans="14:14">
      <c r="N905381" s="10"/>
    </row>
    <row r="905382" spans="14:14">
      <c r="N905382" s="10"/>
    </row>
    <row r="905383" spans="14:14">
      <c r="N905383" s="10"/>
    </row>
    <row r="905384" spans="14:14">
      <c r="N905384" s="10"/>
    </row>
    <row r="905385" spans="14:14">
      <c r="N905385" s="10"/>
    </row>
    <row r="905386" spans="14:14">
      <c r="N905386" s="10"/>
    </row>
    <row r="905387" spans="14:14">
      <c r="N905387" s="10"/>
    </row>
    <row r="905388" spans="14:14">
      <c r="N905388" s="10"/>
    </row>
    <row r="905389" spans="14:14">
      <c r="N905389" s="10"/>
    </row>
    <row r="905390" spans="14:14">
      <c r="N905390" s="10"/>
    </row>
    <row r="905391" spans="14:14">
      <c r="N905391" s="10"/>
    </row>
    <row r="905392" spans="14:14">
      <c r="N905392" s="10"/>
    </row>
    <row r="905393" spans="14:14">
      <c r="N905393" s="10"/>
    </row>
    <row r="905394" spans="14:14">
      <c r="N905394" s="10"/>
    </row>
    <row r="905395" spans="14:14">
      <c r="N905395" s="10"/>
    </row>
    <row r="905396" spans="14:14">
      <c r="N905396" s="10"/>
    </row>
    <row r="905397" spans="14:14">
      <c r="N905397" s="10"/>
    </row>
    <row r="905398" spans="14:14">
      <c r="N905398" s="10"/>
    </row>
    <row r="905399" spans="14:14">
      <c r="N905399" s="10"/>
    </row>
    <row r="905400" spans="14:14">
      <c r="N905400" s="10"/>
    </row>
    <row r="905401" spans="14:14">
      <c r="N905401" s="10"/>
    </row>
    <row r="905402" spans="14:14">
      <c r="N905402" s="10"/>
    </row>
    <row r="905403" spans="14:14">
      <c r="N905403" s="10"/>
    </row>
    <row r="905404" spans="14:14">
      <c r="N905404" s="10"/>
    </row>
    <row r="905405" spans="14:14">
      <c r="N905405" s="10"/>
    </row>
    <row r="905406" spans="14:14">
      <c r="N905406" s="10"/>
    </row>
    <row r="905407" spans="14:14">
      <c r="N905407" s="10"/>
    </row>
    <row r="905408" spans="14:14">
      <c r="N905408" s="10"/>
    </row>
    <row r="905409" spans="14:14">
      <c r="N905409" s="10"/>
    </row>
    <row r="905410" spans="14:14">
      <c r="N905410" s="10"/>
    </row>
    <row r="905411" spans="14:14">
      <c r="N905411" s="10"/>
    </row>
    <row r="905412" spans="14:14">
      <c r="N905412" s="10"/>
    </row>
    <row r="905413" spans="14:14">
      <c r="N905413" s="10"/>
    </row>
    <row r="905414" spans="14:14">
      <c r="N905414" s="10"/>
    </row>
    <row r="905415" spans="14:14">
      <c r="N905415" s="10"/>
    </row>
    <row r="905416" spans="14:14">
      <c r="N905416" s="10"/>
    </row>
    <row r="905417" spans="14:14">
      <c r="N905417" s="10"/>
    </row>
    <row r="905418" spans="14:14">
      <c r="N905418" s="10"/>
    </row>
    <row r="905419" spans="14:14">
      <c r="N905419" s="10"/>
    </row>
    <row r="905420" spans="14:14">
      <c r="N905420" s="10"/>
    </row>
    <row r="905421" spans="14:14">
      <c r="N905421" s="10"/>
    </row>
    <row r="905422" spans="14:14">
      <c r="N905422" s="10"/>
    </row>
    <row r="905423" spans="14:14">
      <c r="N905423" s="10"/>
    </row>
    <row r="905424" spans="14:14">
      <c r="N905424" s="10"/>
    </row>
    <row r="905425" spans="14:14">
      <c r="N905425" s="10"/>
    </row>
    <row r="905426" spans="14:14">
      <c r="N905426" s="10"/>
    </row>
    <row r="905427" spans="14:14">
      <c r="N905427" s="10"/>
    </row>
    <row r="905428" spans="14:14">
      <c r="N905428" s="10"/>
    </row>
    <row r="905429" spans="14:14">
      <c r="N905429" s="10"/>
    </row>
    <row r="905430" spans="14:14">
      <c r="N905430" s="10"/>
    </row>
    <row r="905431" spans="14:14">
      <c r="N905431" s="10"/>
    </row>
    <row r="905432" spans="14:14">
      <c r="N905432" s="10"/>
    </row>
    <row r="905433" spans="14:14">
      <c r="N905433" s="10"/>
    </row>
    <row r="905434" spans="14:14">
      <c r="N905434" s="10"/>
    </row>
    <row r="905435" spans="14:14">
      <c r="N905435" s="10"/>
    </row>
    <row r="905436" spans="14:14">
      <c r="N905436" s="10"/>
    </row>
    <row r="905437" spans="14:14">
      <c r="N905437" s="10"/>
    </row>
    <row r="905438" spans="14:14">
      <c r="N905438" s="10"/>
    </row>
    <row r="905439" spans="14:14">
      <c r="N905439" s="10"/>
    </row>
    <row r="905440" spans="14:14">
      <c r="N905440" s="10"/>
    </row>
    <row r="905441" spans="14:14">
      <c r="N905441" s="10"/>
    </row>
    <row r="905442" spans="14:14">
      <c r="N905442" s="10"/>
    </row>
    <row r="905443" spans="14:14">
      <c r="N905443" s="10"/>
    </row>
    <row r="905444" spans="14:14">
      <c r="N905444" s="10"/>
    </row>
    <row r="905445" spans="14:14">
      <c r="N905445" s="10"/>
    </row>
    <row r="905446" spans="14:14">
      <c r="N905446" s="10"/>
    </row>
    <row r="905447" spans="14:14">
      <c r="N905447" s="10"/>
    </row>
    <row r="905448" spans="14:14">
      <c r="N905448" s="10"/>
    </row>
    <row r="905449" spans="14:14">
      <c r="N905449" s="10"/>
    </row>
    <row r="905450" spans="14:14">
      <c r="N905450" s="10"/>
    </row>
    <row r="905451" spans="14:14">
      <c r="N905451" s="10"/>
    </row>
    <row r="905452" spans="14:14">
      <c r="N905452" s="10"/>
    </row>
    <row r="905453" spans="14:14">
      <c r="N905453" s="10"/>
    </row>
    <row r="905454" spans="14:14">
      <c r="N905454" s="10"/>
    </row>
    <row r="905455" spans="14:14">
      <c r="N905455" s="10"/>
    </row>
    <row r="905456" spans="14:14">
      <c r="N905456" s="10"/>
    </row>
    <row r="905457" spans="14:14">
      <c r="N905457" s="10"/>
    </row>
    <row r="905458" spans="14:14">
      <c r="N905458" s="10"/>
    </row>
    <row r="905459" spans="14:14">
      <c r="N905459" s="10"/>
    </row>
    <row r="905460" spans="14:14">
      <c r="N905460" s="10"/>
    </row>
    <row r="905461" spans="14:14">
      <c r="N905461" s="10"/>
    </row>
    <row r="905462" spans="14:14">
      <c r="N905462" s="10"/>
    </row>
    <row r="905463" spans="14:14">
      <c r="N905463" s="10"/>
    </row>
    <row r="905464" spans="14:14">
      <c r="N905464" s="10"/>
    </row>
    <row r="905465" spans="14:14">
      <c r="N905465" s="10"/>
    </row>
    <row r="905466" spans="14:14">
      <c r="N905466" s="10"/>
    </row>
    <row r="905467" spans="14:14">
      <c r="N905467" s="10"/>
    </row>
    <row r="905468" spans="14:14">
      <c r="N905468" s="10"/>
    </row>
    <row r="905469" spans="14:14">
      <c r="N905469" s="10"/>
    </row>
    <row r="905470" spans="14:14">
      <c r="N905470" s="10"/>
    </row>
    <row r="905471" spans="14:14">
      <c r="N905471" s="10"/>
    </row>
    <row r="905472" spans="14:14">
      <c r="N905472" s="10"/>
    </row>
    <row r="905473" spans="14:14">
      <c r="N905473" s="10"/>
    </row>
    <row r="905474" spans="14:14">
      <c r="N905474" s="10"/>
    </row>
    <row r="905475" spans="14:14">
      <c r="N905475" s="10"/>
    </row>
    <row r="905476" spans="14:14">
      <c r="N905476" s="10"/>
    </row>
    <row r="905477" spans="14:14">
      <c r="N905477" s="10"/>
    </row>
    <row r="905478" spans="14:14">
      <c r="N905478" s="10"/>
    </row>
    <row r="905479" spans="14:14">
      <c r="N905479" s="10"/>
    </row>
    <row r="905480" spans="14:14">
      <c r="N905480" s="10"/>
    </row>
    <row r="905481" spans="14:14">
      <c r="N905481" s="10"/>
    </row>
    <row r="905482" spans="14:14">
      <c r="N905482" s="10"/>
    </row>
    <row r="905483" spans="14:14">
      <c r="N905483" s="10"/>
    </row>
    <row r="905484" spans="14:14">
      <c r="N905484" s="10"/>
    </row>
    <row r="905485" spans="14:14">
      <c r="N905485" s="10"/>
    </row>
    <row r="905486" spans="14:14">
      <c r="N905486" s="10"/>
    </row>
    <row r="905487" spans="14:14">
      <c r="N905487" s="10"/>
    </row>
    <row r="905488" spans="14:14">
      <c r="N905488" s="10"/>
    </row>
    <row r="905489" spans="14:14">
      <c r="N905489" s="10"/>
    </row>
    <row r="905490" spans="14:14">
      <c r="N905490" s="10"/>
    </row>
    <row r="905491" spans="14:14">
      <c r="N905491" s="10"/>
    </row>
    <row r="905492" spans="14:14">
      <c r="N905492" s="10"/>
    </row>
    <row r="905493" spans="14:14">
      <c r="N905493" s="10"/>
    </row>
    <row r="905494" spans="14:14">
      <c r="N905494" s="10"/>
    </row>
    <row r="905495" spans="14:14">
      <c r="N905495" s="10"/>
    </row>
    <row r="905496" spans="14:14">
      <c r="N905496" s="10"/>
    </row>
    <row r="905497" spans="14:14">
      <c r="N905497" s="10"/>
    </row>
    <row r="905498" spans="14:14">
      <c r="N905498" s="10"/>
    </row>
    <row r="905499" spans="14:14">
      <c r="N905499" s="10"/>
    </row>
    <row r="905500" spans="14:14">
      <c r="N905500" s="10"/>
    </row>
    <row r="905501" spans="14:14">
      <c r="N905501" s="10"/>
    </row>
    <row r="905502" spans="14:14">
      <c r="N905502" s="10"/>
    </row>
    <row r="905503" spans="14:14">
      <c r="N905503" s="10"/>
    </row>
    <row r="905504" spans="14:14">
      <c r="N905504" s="10"/>
    </row>
    <row r="905505" spans="14:14">
      <c r="N905505" s="10"/>
    </row>
    <row r="905506" spans="14:14">
      <c r="N905506" s="10"/>
    </row>
    <row r="905507" spans="14:14">
      <c r="N905507" s="10"/>
    </row>
    <row r="905508" spans="14:14">
      <c r="N905508" s="10"/>
    </row>
    <row r="905509" spans="14:14">
      <c r="N905509" s="10"/>
    </row>
    <row r="905510" spans="14:14">
      <c r="N905510" s="10"/>
    </row>
    <row r="905511" spans="14:14">
      <c r="N905511" s="10"/>
    </row>
    <row r="905512" spans="14:14">
      <c r="N905512" s="10"/>
    </row>
    <row r="905513" spans="14:14">
      <c r="N905513" s="10"/>
    </row>
    <row r="905514" spans="14:14">
      <c r="N905514" s="10"/>
    </row>
    <row r="905515" spans="14:14">
      <c r="N905515" s="10"/>
    </row>
    <row r="905516" spans="14:14">
      <c r="N905516" s="10"/>
    </row>
    <row r="905517" spans="14:14">
      <c r="N905517" s="10"/>
    </row>
    <row r="905518" spans="14:14">
      <c r="N905518" s="10"/>
    </row>
    <row r="905519" spans="14:14">
      <c r="N905519" s="10"/>
    </row>
    <row r="905520" spans="14:14">
      <c r="N905520" s="10"/>
    </row>
    <row r="905521" spans="14:14">
      <c r="N905521" s="10"/>
    </row>
    <row r="905522" spans="14:14">
      <c r="N905522" s="10"/>
    </row>
    <row r="905523" spans="14:14">
      <c r="N905523" s="10"/>
    </row>
    <row r="905524" spans="14:14">
      <c r="N905524" s="10"/>
    </row>
    <row r="905525" spans="14:14">
      <c r="N905525" s="10"/>
    </row>
    <row r="905526" spans="14:14">
      <c r="N905526" s="10"/>
    </row>
    <row r="905527" spans="14:14">
      <c r="N905527" s="10"/>
    </row>
    <row r="905528" spans="14:14">
      <c r="N905528" s="10"/>
    </row>
    <row r="905529" spans="14:14">
      <c r="N905529" s="10"/>
    </row>
    <row r="905530" spans="14:14">
      <c r="N905530" s="10"/>
    </row>
    <row r="905531" spans="14:14">
      <c r="N905531" s="10"/>
    </row>
    <row r="905532" spans="14:14">
      <c r="N905532" s="10"/>
    </row>
    <row r="905533" spans="14:14">
      <c r="N905533" s="10"/>
    </row>
    <row r="905534" spans="14:14">
      <c r="N905534" s="10"/>
    </row>
    <row r="905535" spans="14:14">
      <c r="N905535" s="10"/>
    </row>
    <row r="905536" spans="14:14">
      <c r="N905536" s="10"/>
    </row>
    <row r="905537" spans="14:14">
      <c r="N905537" s="10"/>
    </row>
    <row r="905538" spans="14:14">
      <c r="N905538" s="10"/>
    </row>
    <row r="905539" spans="14:14">
      <c r="N905539" s="10"/>
    </row>
    <row r="905540" spans="14:14">
      <c r="N905540" s="10"/>
    </row>
    <row r="905541" spans="14:14">
      <c r="N905541" s="10"/>
    </row>
    <row r="905542" spans="14:14">
      <c r="N905542" s="10"/>
    </row>
    <row r="905543" spans="14:14">
      <c r="N905543" s="10"/>
    </row>
    <row r="905544" spans="14:14">
      <c r="N905544" s="10"/>
    </row>
    <row r="905545" spans="14:14">
      <c r="N905545" s="10"/>
    </row>
    <row r="905546" spans="14:14">
      <c r="N905546" s="10"/>
    </row>
    <row r="905547" spans="14:14">
      <c r="N905547" s="10"/>
    </row>
    <row r="905548" spans="14:14">
      <c r="N905548" s="10"/>
    </row>
    <row r="905549" spans="14:14">
      <c r="N905549" s="10"/>
    </row>
    <row r="905550" spans="14:14">
      <c r="N905550" s="10"/>
    </row>
    <row r="905551" spans="14:14">
      <c r="N905551" s="10"/>
    </row>
    <row r="905552" spans="14:14">
      <c r="N905552" s="10"/>
    </row>
    <row r="905553" spans="14:14">
      <c r="N905553" s="10"/>
    </row>
    <row r="905554" spans="14:14">
      <c r="N905554" s="10"/>
    </row>
    <row r="905555" spans="14:14">
      <c r="N905555" s="10"/>
    </row>
    <row r="905556" spans="14:14">
      <c r="N905556" s="10"/>
    </row>
    <row r="905557" spans="14:14">
      <c r="N905557" s="10"/>
    </row>
    <row r="905558" spans="14:14">
      <c r="N905558" s="10"/>
    </row>
    <row r="905559" spans="14:14">
      <c r="N905559" s="10"/>
    </row>
    <row r="905560" spans="14:14">
      <c r="N905560" s="10"/>
    </row>
    <row r="905561" spans="14:14">
      <c r="N905561" s="10"/>
    </row>
    <row r="905562" spans="14:14">
      <c r="N905562" s="10"/>
    </row>
    <row r="905563" spans="14:14">
      <c r="N905563" s="10"/>
    </row>
    <row r="905564" spans="14:14">
      <c r="N905564" s="10"/>
    </row>
    <row r="905565" spans="14:14">
      <c r="N905565" s="10"/>
    </row>
    <row r="905566" spans="14:14">
      <c r="N905566" s="10"/>
    </row>
    <row r="905567" spans="14:14">
      <c r="N905567" s="10"/>
    </row>
    <row r="905568" spans="14:14">
      <c r="N905568" s="10"/>
    </row>
    <row r="905569" spans="14:14">
      <c r="N905569" s="10"/>
    </row>
    <row r="905570" spans="14:14">
      <c r="N905570" s="10"/>
    </row>
    <row r="905571" spans="14:14">
      <c r="N905571" s="10"/>
    </row>
    <row r="905572" spans="14:14">
      <c r="N905572" s="10"/>
    </row>
    <row r="905573" spans="14:14">
      <c r="N905573" s="10"/>
    </row>
    <row r="905574" spans="14:14">
      <c r="N905574" s="10"/>
    </row>
    <row r="905575" spans="14:14">
      <c r="N905575" s="10"/>
    </row>
    <row r="905576" spans="14:14">
      <c r="N905576" s="10"/>
    </row>
    <row r="905577" spans="14:14">
      <c r="N905577" s="10"/>
    </row>
    <row r="905578" spans="14:14">
      <c r="N905578" s="10"/>
    </row>
    <row r="905579" spans="14:14">
      <c r="N905579" s="10"/>
    </row>
    <row r="905580" spans="14:14">
      <c r="N905580" s="10"/>
    </row>
    <row r="905581" spans="14:14">
      <c r="N905581" s="10"/>
    </row>
    <row r="905582" spans="14:14">
      <c r="N905582" s="10"/>
    </row>
    <row r="905583" spans="14:14">
      <c r="N905583" s="10"/>
    </row>
    <row r="905584" spans="14:14">
      <c r="N905584" s="10"/>
    </row>
    <row r="905585" spans="14:14">
      <c r="N905585" s="10"/>
    </row>
    <row r="905586" spans="14:14">
      <c r="N905586" s="10"/>
    </row>
    <row r="905587" spans="14:14">
      <c r="N905587" s="10"/>
    </row>
    <row r="905588" spans="14:14">
      <c r="N905588" s="10"/>
    </row>
    <row r="905589" spans="14:14">
      <c r="N905589" s="10"/>
    </row>
    <row r="905590" spans="14:14">
      <c r="N905590" s="10"/>
    </row>
    <row r="905591" spans="14:14">
      <c r="N905591" s="10"/>
    </row>
    <row r="905592" spans="14:14">
      <c r="N905592" s="10"/>
    </row>
    <row r="905593" spans="14:14">
      <c r="N905593" s="10"/>
    </row>
    <row r="905594" spans="14:14">
      <c r="N905594" s="10"/>
    </row>
    <row r="905595" spans="14:14">
      <c r="N905595" s="10"/>
    </row>
    <row r="905596" spans="14:14">
      <c r="N905596" s="10"/>
    </row>
    <row r="905597" spans="14:14">
      <c r="N905597" s="10"/>
    </row>
    <row r="905598" spans="14:14">
      <c r="N905598" s="10"/>
    </row>
    <row r="905599" spans="14:14">
      <c r="N905599" s="10"/>
    </row>
    <row r="905600" spans="14:14">
      <c r="N905600" s="10"/>
    </row>
    <row r="905601" spans="14:14">
      <c r="N905601" s="10"/>
    </row>
    <row r="905602" spans="14:14">
      <c r="N905602" s="10"/>
    </row>
    <row r="905603" spans="14:14">
      <c r="N905603" s="10"/>
    </row>
    <row r="905604" spans="14:14">
      <c r="N905604" s="10"/>
    </row>
    <row r="905605" spans="14:14">
      <c r="N905605" s="10"/>
    </row>
    <row r="905606" spans="14:14">
      <c r="N905606" s="10"/>
    </row>
    <row r="905607" spans="14:14">
      <c r="N905607" s="10"/>
    </row>
    <row r="905608" spans="14:14">
      <c r="N905608" s="10"/>
    </row>
    <row r="905609" spans="14:14">
      <c r="N905609" s="10"/>
    </row>
    <row r="905610" spans="14:14">
      <c r="N905610" s="10"/>
    </row>
    <row r="905611" spans="14:14">
      <c r="N905611" s="10"/>
    </row>
    <row r="905612" spans="14:14">
      <c r="N905612" s="10"/>
    </row>
    <row r="905613" spans="14:14">
      <c r="N905613" s="10"/>
    </row>
    <row r="905614" spans="14:14">
      <c r="N905614" s="10"/>
    </row>
    <row r="905615" spans="14:14">
      <c r="N905615" s="10"/>
    </row>
    <row r="905616" spans="14:14">
      <c r="N905616" s="10"/>
    </row>
    <row r="905617" spans="14:14">
      <c r="N905617" s="10"/>
    </row>
    <row r="905618" spans="14:14">
      <c r="N905618" s="10"/>
    </row>
    <row r="905619" spans="14:14">
      <c r="N905619" s="10"/>
    </row>
    <row r="905620" spans="14:14">
      <c r="N905620" s="10"/>
    </row>
    <row r="905621" spans="14:14">
      <c r="N905621" s="10"/>
    </row>
    <row r="905622" spans="14:14">
      <c r="N905622" s="10"/>
    </row>
    <row r="905623" spans="14:14">
      <c r="N905623" s="10"/>
    </row>
    <row r="905624" spans="14:14">
      <c r="N905624" s="10"/>
    </row>
    <row r="905625" spans="14:14">
      <c r="N905625" s="10"/>
    </row>
    <row r="905626" spans="14:14">
      <c r="N905626" s="10"/>
    </row>
    <row r="905627" spans="14:14">
      <c r="N905627" s="10"/>
    </row>
    <row r="905628" spans="14:14">
      <c r="N905628" s="10"/>
    </row>
    <row r="905629" spans="14:14">
      <c r="N905629" s="10"/>
    </row>
    <row r="905630" spans="14:14">
      <c r="N905630" s="10"/>
    </row>
    <row r="905631" spans="14:14">
      <c r="N905631" s="10"/>
    </row>
    <row r="905632" spans="14:14">
      <c r="N905632" s="10"/>
    </row>
    <row r="905633" spans="14:14">
      <c r="N905633" s="10"/>
    </row>
    <row r="905634" spans="14:14">
      <c r="N905634" s="10"/>
    </row>
    <row r="905635" spans="14:14">
      <c r="N905635" s="10"/>
    </row>
    <row r="905636" spans="14:14">
      <c r="N905636" s="10"/>
    </row>
    <row r="905637" spans="14:14">
      <c r="N905637" s="10"/>
    </row>
    <row r="905638" spans="14:14">
      <c r="N905638" s="10"/>
    </row>
    <row r="905639" spans="14:14">
      <c r="N905639" s="10"/>
    </row>
    <row r="905640" spans="14:14">
      <c r="N905640" s="10"/>
    </row>
    <row r="905641" spans="14:14">
      <c r="N905641" s="10"/>
    </row>
    <row r="905642" spans="14:14">
      <c r="N905642" s="10"/>
    </row>
    <row r="905643" spans="14:14">
      <c r="N905643" s="10"/>
    </row>
    <row r="905644" spans="14:14">
      <c r="N905644" s="10"/>
    </row>
    <row r="905645" spans="14:14">
      <c r="N905645" s="10"/>
    </row>
    <row r="905646" spans="14:14">
      <c r="N905646" s="10"/>
    </row>
    <row r="905647" spans="14:14">
      <c r="N905647" s="10"/>
    </row>
    <row r="905648" spans="14:14">
      <c r="N905648" s="10"/>
    </row>
    <row r="905649" spans="14:14">
      <c r="N905649" s="10"/>
    </row>
    <row r="905650" spans="14:14">
      <c r="N905650" s="10"/>
    </row>
    <row r="905651" spans="14:14">
      <c r="N905651" s="10"/>
    </row>
    <row r="905652" spans="14:14">
      <c r="N905652" s="10"/>
    </row>
    <row r="905653" spans="14:14">
      <c r="N905653" s="10"/>
    </row>
    <row r="905654" spans="14:14">
      <c r="N905654" s="10"/>
    </row>
    <row r="905655" spans="14:14">
      <c r="N905655" s="10"/>
    </row>
    <row r="905656" spans="14:14">
      <c r="N905656" s="10"/>
    </row>
    <row r="905657" spans="14:14">
      <c r="N905657" s="10"/>
    </row>
    <row r="905658" spans="14:14">
      <c r="N905658" s="10"/>
    </row>
    <row r="905659" spans="14:14">
      <c r="N905659" s="10"/>
    </row>
    <row r="905660" spans="14:14">
      <c r="N905660" s="10"/>
    </row>
    <row r="905661" spans="14:14">
      <c r="N905661" s="10"/>
    </row>
    <row r="905662" spans="14:14">
      <c r="N905662" s="10"/>
    </row>
    <row r="905663" spans="14:14">
      <c r="N905663" s="10"/>
    </row>
    <row r="905664" spans="14:14">
      <c r="N905664" s="10"/>
    </row>
    <row r="905665" spans="14:14">
      <c r="N905665" s="10"/>
    </row>
    <row r="905666" spans="14:14">
      <c r="N905666" s="10"/>
    </row>
    <row r="905667" spans="14:14">
      <c r="N905667" s="10"/>
    </row>
    <row r="905668" spans="14:14">
      <c r="N905668" s="10"/>
    </row>
    <row r="905669" spans="14:14">
      <c r="N905669" s="10"/>
    </row>
    <row r="905670" spans="14:14">
      <c r="N905670" s="10"/>
    </row>
    <row r="905671" spans="14:14">
      <c r="N905671" s="10"/>
    </row>
    <row r="905672" spans="14:14">
      <c r="N905672" s="10"/>
    </row>
    <row r="905673" spans="14:14">
      <c r="N905673" s="10"/>
    </row>
    <row r="905674" spans="14:14">
      <c r="N905674" s="10"/>
    </row>
    <row r="905675" spans="14:14">
      <c r="N905675" s="10"/>
    </row>
    <row r="905676" spans="14:14">
      <c r="N905676" s="10"/>
    </row>
    <row r="905677" spans="14:14">
      <c r="N905677" s="10"/>
    </row>
    <row r="905678" spans="14:14">
      <c r="N905678" s="10"/>
    </row>
    <row r="905679" spans="14:14">
      <c r="N905679" s="10"/>
    </row>
    <row r="905680" spans="14:14">
      <c r="N905680" s="10"/>
    </row>
    <row r="905681" spans="14:14">
      <c r="N905681" s="10"/>
    </row>
    <row r="905682" spans="14:14">
      <c r="N905682" s="10"/>
    </row>
    <row r="905683" spans="14:14">
      <c r="N905683" s="10"/>
    </row>
    <row r="905684" spans="14:14">
      <c r="N905684" s="10"/>
    </row>
    <row r="905685" spans="14:14">
      <c r="N905685" s="10"/>
    </row>
    <row r="905686" spans="14:14">
      <c r="N905686" s="10"/>
    </row>
    <row r="905687" spans="14:14">
      <c r="N905687" s="10"/>
    </row>
    <row r="905688" spans="14:14">
      <c r="N905688" s="10"/>
    </row>
    <row r="905689" spans="14:14">
      <c r="N905689" s="10"/>
    </row>
    <row r="905690" spans="14:14">
      <c r="N905690" s="10"/>
    </row>
    <row r="905691" spans="14:14">
      <c r="N905691" s="10"/>
    </row>
    <row r="905692" spans="14:14">
      <c r="N905692" s="10"/>
    </row>
    <row r="905693" spans="14:14">
      <c r="N905693" s="10"/>
    </row>
    <row r="905694" spans="14:14">
      <c r="N905694" s="10"/>
    </row>
    <row r="905695" spans="14:14">
      <c r="N905695" s="10"/>
    </row>
    <row r="905696" spans="14:14">
      <c r="N905696" s="10"/>
    </row>
    <row r="905697" spans="14:14">
      <c r="N905697" s="10"/>
    </row>
    <row r="905698" spans="14:14">
      <c r="N905698" s="10"/>
    </row>
    <row r="905699" spans="14:14">
      <c r="N905699" s="10"/>
    </row>
    <row r="905700" spans="14:14">
      <c r="N905700" s="10"/>
    </row>
    <row r="905701" spans="14:14">
      <c r="N905701" s="10"/>
    </row>
    <row r="905702" spans="14:14">
      <c r="N905702" s="10"/>
    </row>
    <row r="905703" spans="14:14">
      <c r="N905703" s="10"/>
    </row>
    <row r="905704" spans="14:14">
      <c r="N905704" s="10"/>
    </row>
    <row r="905705" spans="14:14">
      <c r="N905705" s="10"/>
    </row>
    <row r="905706" spans="14:14">
      <c r="N905706" s="10"/>
    </row>
    <row r="905707" spans="14:14">
      <c r="N905707" s="10"/>
    </row>
    <row r="905708" spans="14:14">
      <c r="N905708" s="10"/>
    </row>
    <row r="905709" spans="14:14">
      <c r="N905709" s="10"/>
    </row>
    <row r="905710" spans="14:14">
      <c r="N905710" s="10"/>
    </row>
    <row r="905711" spans="14:14">
      <c r="N905711" s="10"/>
    </row>
    <row r="905712" spans="14:14">
      <c r="N905712" s="10"/>
    </row>
    <row r="905713" spans="14:14">
      <c r="N905713" s="10"/>
    </row>
    <row r="905714" spans="14:14">
      <c r="N905714" s="10"/>
    </row>
    <row r="905715" spans="14:14">
      <c r="N905715" s="10"/>
    </row>
    <row r="905716" spans="14:14">
      <c r="N905716" s="10"/>
    </row>
    <row r="905717" spans="14:14">
      <c r="N905717" s="10"/>
    </row>
    <row r="905718" spans="14:14">
      <c r="N905718" s="10"/>
    </row>
    <row r="905719" spans="14:14">
      <c r="N905719" s="10"/>
    </row>
    <row r="905720" spans="14:14">
      <c r="N905720" s="10"/>
    </row>
    <row r="905721" spans="14:14">
      <c r="N905721" s="10"/>
    </row>
    <row r="905722" spans="14:14">
      <c r="N905722" s="10"/>
    </row>
    <row r="905723" spans="14:14">
      <c r="N905723" s="10"/>
    </row>
    <row r="905724" spans="14:14">
      <c r="N905724" s="10"/>
    </row>
    <row r="905725" spans="14:14">
      <c r="N905725" s="10"/>
    </row>
    <row r="905726" spans="14:14">
      <c r="N905726" s="10"/>
    </row>
    <row r="905727" spans="14:14">
      <c r="N905727" s="10"/>
    </row>
    <row r="905728" spans="14:14">
      <c r="N905728" s="10"/>
    </row>
    <row r="905729" spans="14:14">
      <c r="N905729" s="10"/>
    </row>
    <row r="905730" spans="14:14">
      <c r="N905730" s="10"/>
    </row>
    <row r="905731" spans="14:14">
      <c r="N905731" s="10"/>
    </row>
    <row r="905732" spans="14:14">
      <c r="N905732" s="10"/>
    </row>
    <row r="905733" spans="14:14">
      <c r="N905733" s="10"/>
    </row>
    <row r="905734" spans="14:14">
      <c r="N905734" s="10"/>
    </row>
    <row r="905735" spans="14:14">
      <c r="N905735" s="10"/>
    </row>
    <row r="905736" spans="14:14">
      <c r="N905736" s="10"/>
    </row>
    <row r="905737" spans="14:14">
      <c r="N905737" s="10"/>
    </row>
    <row r="905738" spans="14:14">
      <c r="N905738" s="10"/>
    </row>
    <row r="905739" spans="14:14">
      <c r="N905739" s="10"/>
    </row>
    <row r="905740" spans="14:14">
      <c r="N905740" s="10"/>
    </row>
    <row r="905741" spans="14:14">
      <c r="N905741" s="10"/>
    </row>
    <row r="905742" spans="14:14">
      <c r="N905742" s="10"/>
    </row>
    <row r="905743" spans="14:14">
      <c r="N905743" s="10"/>
    </row>
    <row r="905744" spans="14:14">
      <c r="N905744" s="10"/>
    </row>
    <row r="905745" spans="14:14">
      <c r="N905745" s="10"/>
    </row>
    <row r="905746" spans="14:14">
      <c r="N905746" s="10"/>
    </row>
    <row r="905747" spans="14:14">
      <c r="N905747" s="10"/>
    </row>
    <row r="905748" spans="14:14">
      <c r="N905748" s="10"/>
    </row>
    <row r="905749" spans="14:14">
      <c r="N905749" s="10"/>
    </row>
    <row r="905750" spans="14:14">
      <c r="N905750" s="10"/>
    </row>
    <row r="905751" spans="14:14">
      <c r="N905751" s="10"/>
    </row>
    <row r="905752" spans="14:14">
      <c r="N905752" s="10"/>
    </row>
    <row r="905753" spans="14:14">
      <c r="N905753" s="10"/>
    </row>
    <row r="905754" spans="14:14">
      <c r="N905754" s="10"/>
    </row>
    <row r="905755" spans="14:14">
      <c r="N905755" s="10"/>
    </row>
    <row r="905756" spans="14:14">
      <c r="N905756" s="10"/>
    </row>
    <row r="905757" spans="14:14">
      <c r="N905757" s="10"/>
    </row>
    <row r="905758" spans="14:14">
      <c r="N905758" s="10"/>
    </row>
    <row r="905759" spans="14:14">
      <c r="N905759" s="10"/>
    </row>
    <row r="905760" spans="14:14">
      <c r="N905760" s="10"/>
    </row>
    <row r="905761" spans="14:14">
      <c r="N905761" s="10"/>
    </row>
    <row r="905762" spans="14:14">
      <c r="N905762" s="10"/>
    </row>
    <row r="905763" spans="14:14">
      <c r="N905763" s="10"/>
    </row>
    <row r="905764" spans="14:14">
      <c r="N905764" s="10"/>
    </row>
    <row r="905765" spans="14:14">
      <c r="N905765" s="10"/>
    </row>
    <row r="905766" spans="14:14">
      <c r="N905766" s="10"/>
    </row>
    <row r="905767" spans="14:14">
      <c r="N905767" s="10"/>
    </row>
    <row r="905768" spans="14:14">
      <c r="N905768" s="10"/>
    </row>
    <row r="905769" spans="14:14">
      <c r="N905769" s="10"/>
    </row>
    <row r="905770" spans="14:14">
      <c r="N905770" s="10"/>
    </row>
    <row r="905771" spans="14:14">
      <c r="N905771" s="10"/>
    </row>
    <row r="905772" spans="14:14">
      <c r="N905772" s="10"/>
    </row>
    <row r="905773" spans="14:14">
      <c r="N905773" s="10"/>
    </row>
    <row r="905774" spans="14:14">
      <c r="N905774" s="10"/>
    </row>
    <row r="905775" spans="14:14">
      <c r="N905775" s="10"/>
    </row>
    <row r="905776" spans="14:14">
      <c r="N905776" s="10"/>
    </row>
    <row r="905777" spans="14:14">
      <c r="N905777" s="10"/>
    </row>
    <row r="905778" spans="14:14">
      <c r="N905778" s="10"/>
    </row>
    <row r="905779" spans="14:14">
      <c r="N905779" s="10"/>
    </row>
    <row r="905780" spans="14:14">
      <c r="N905780" s="10"/>
    </row>
    <row r="905781" spans="14:14">
      <c r="N905781" s="10"/>
    </row>
    <row r="905782" spans="14:14">
      <c r="N905782" s="10"/>
    </row>
    <row r="905783" spans="14:14">
      <c r="N905783" s="10"/>
    </row>
    <row r="905784" spans="14:14">
      <c r="N905784" s="10"/>
    </row>
    <row r="905785" spans="14:14">
      <c r="N905785" s="10"/>
    </row>
    <row r="905786" spans="14:14">
      <c r="N905786" s="10"/>
    </row>
    <row r="905787" spans="14:14">
      <c r="N905787" s="10"/>
    </row>
    <row r="905788" spans="14:14">
      <c r="N905788" s="10"/>
    </row>
    <row r="905789" spans="14:14">
      <c r="N905789" s="10"/>
    </row>
    <row r="905790" spans="14:14">
      <c r="N905790" s="10"/>
    </row>
    <row r="905791" spans="14:14">
      <c r="N905791" s="10"/>
    </row>
    <row r="905792" spans="14:14">
      <c r="N905792" s="10"/>
    </row>
    <row r="905793" spans="14:14">
      <c r="N905793" s="10"/>
    </row>
    <row r="905794" spans="14:14">
      <c r="N905794" s="10"/>
    </row>
    <row r="905795" spans="14:14">
      <c r="N905795" s="10"/>
    </row>
    <row r="905796" spans="14:14">
      <c r="N905796" s="10"/>
    </row>
    <row r="905797" spans="14:14">
      <c r="N905797" s="10"/>
    </row>
    <row r="905798" spans="14:14">
      <c r="N905798" s="10"/>
    </row>
    <row r="905799" spans="14:14">
      <c r="N905799" s="10"/>
    </row>
    <row r="905800" spans="14:14">
      <c r="N905800" s="10"/>
    </row>
    <row r="905801" spans="14:14">
      <c r="N905801" s="10"/>
    </row>
    <row r="905802" spans="14:14">
      <c r="N905802" s="10"/>
    </row>
    <row r="905803" spans="14:14">
      <c r="N905803" s="10"/>
    </row>
    <row r="905804" spans="14:14">
      <c r="N905804" s="10"/>
    </row>
    <row r="905805" spans="14:14">
      <c r="N905805" s="10"/>
    </row>
    <row r="905806" spans="14:14">
      <c r="N905806" s="10"/>
    </row>
    <row r="905807" spans="14:14">
      <c r="N905807" s="10"/>
    </row>
    <row r="905808" spans="14:14">
      <c r="N905808" s="10"/>
    </row>
    <row r="905809" spans="14:14">
      <c r="N905809" s="10"/>
    </row>
    <row r="905810" spans="14:14">
      <c r="N905810" s="10"/>
    </row>
    <row r="905811" spans="14:14">
      <c r="N905811" s="10"/>
    </row>
    <row r="905812" spans="14:14">
      <c r="N905812" s="10"/>
    </row>
    <row r="905813" spans="14:14">
      <c r="N905813" s="10"/>
    </row>
    <row r="905814" spans="14:14">
      <c r="N905814" s="10"/>
    </row>
    <row r="905815" spans="14:14">
      <c r="N905815" s="10"/>
    </row>
    <row r="905816" spans="14:14">
      <c r="N905816" s="10"/>
    </row>
    <row r="905817" spans="14:14">
      <c r="N905817" s="10"/>
    </row>
    <row r="905818" spans="14:14">
      <c r="N905818" s="10"/>
    </row>
    <row r="905819" spans="14:14">
      <c r="N905819" s="10"/>
    </row>
    <row r="905820" spans="14:14">
      <c r="N905820" s="10"/>
    </row>
    <row r="905821" spans="14:14">
      <c r="N905821" s="10"/>
    </row>
    <row r="905822" spans="14:14">
      <c r="N905822" s="10"/>
    </row>
    <row r="905823" spans="14:14">
      <c r="N905823" s="10"/>
    </row>
    <row r="905824" spans="14:14">
      <c r="N905824" s="10"/>
    </row>
    <row r="905825" spans="14:14">
      <c r="N905825" s="10"/>
    </row>
    <row r="905826" spans="14:14">
      <c r="N905826" s="10"/>
    </row>
    <row r="905827" spans="14:14">
      <c r="N905827" s="10"/>
    </row>
    <row r="905828" spans="14:14">
      <c r="N905828" s="10"/>
    </row>
    <row r="905829" spans="14:14">
      <c r="N905829" s="10"/>
    </row>
    <row r="905830" spans="14:14">
      <c r="N905830" s="10"/>
    </row>
    <row r="905831" spans="14:14">
      <c r="N905831" s="10"/>
    </row>
    <row r="905832" spans="14:14">
      <c r="N905832" s="10"/>
    </row>
    <row r="905833" spans="14:14">
      <c r="N905833" s="10"/>
    </row>
    <row r="905834" spans="14:14">
      <c r="N905834" s="10"/>
    </row>
    <row r="905835" spans="14:14">
      <c r="N905835" s="10"/>
    </row>
    <row r="905836" spans="14:14">
      <c r="N905836" s="10"/>
    </row>
    <row r="905837" spans="14:14">
      <c r="N905837" s="10"/>
    </row>
    <row r="905838" spans="14:14">
      <c r="N905838" s="10"/>
    </row>
    <row r="905839" spans="14:14">
      <c r="N905839" s="10"/>
    </row>
    <row r="905840" spans="14:14">
      <c r="N905840" s="10"/>
    </row>
    <row r="905841" spans="14:14">
      <c r="N905841" s="10"/>
    </row>
    <row r="905842" spans="14:14">
      <c r="N905842" s="10"/>
    </row>
    <row r="905843" spans="14:14">
      <c r="N905843" s="10"/>
    </row>
    <row r="905844" spans="14:14">
      <c r="N905844" s="10"/>
    </row>
    <row r="905845" spans="14:14">
      <c r="N905845" s="10"/>
    </row>
    <row r="905846" spans="14:14">
      <c r="N905846" s="10"/>
    </row>
    <row r="905847" spans="14:14">
      <c r="N905847" s="10"/>
    </row>
    <row r="905848" spans="14:14">
      <c r="N905848" s="10"/>
    </row>
    <row r="905849" spans="14:14">
      <c r="N905849" s="10"/>
    </row>
    <row r="905850" spans="14:14">
      <c r="N905850" s="10"/>
    </row>
    <row r="905851" spans="14:14">
      <c r="N905851" s="10"/>
    </row>
    <row r="905852" spans="14:14">
      <c r="N905852" s="10"/>
    </row>
    <row r="905853" spans="14:14">
      <c r="N905853" s="10"/>
    </row>
    <row r="905854" spans="14:14">
      <c r="N905854" s="10"/>
    </row>
    <row r="905855" spans="14:14">
      <c r="N905855" s="10"/>
    </row>
    <row r="905856" spans="14:14">
      <c r="N905856" s="10"/>
    </row>
    <row r="905857" spans="14:14">
      <c r="N905857" s="10"/>
    </row>
    <row r="905858" spans="14:14">
      <c r="N905858" s="10"/>
    </row>
    <row r="905859" spans="14:14">
      <c r="N905859" s="10"/>
    </row>
    <row r="905860" spans="14:14">
      <c r="N905860" s="10"/>
    </row>
    <row r="905861" spans="14:14">
      <c r="N905861" s="10"/>
    </row>
    <row r="905862" spans="14:14">
      <c r="N905862" s="10"/>
    </row>
    <row r="905863" spans="14:14">
      <c r="N905863" s="10"/>
    </row>
    <row r="905864" spans="14:14">
      <c r="N905864" s="10"/>
    </row>
    <row r="905865" spans="14:14">
      <c r="N905865" s="10"/>
    </row>
    <row r="905866" spans="14:14">
      <c r="N905866" s="10"/>
    </row>
    <row r="905867" spans="14:14">
      <c r="N905867" s="10"/>
    </row>
    <row r="905868" spans="14:14">
      <c r="N905868" s="10"/>
    </row>
    <row r="905869" spans="14:14">
      <c r="N905869" s="10"/>
    </row>
    <row r="905870" spans="14:14">
      <c r="N905870" s="10"/>
    </row>
    <row r="905871" spans="14:14">
      <c r="N905871" s="10"/>
    </row>
    <row r="905872" spans="14:14">
      <c r="N905872" s="10"/>
    </row>
    <row r="905873" spans="14:14">
      <c r="N905873" s="10"/>
    </row>
    <row r="905874" spans="14:14">
      <c r="N905874" s="10"/>
    </row>
    <row r="905875" spans="14:14">
      <c r="N905875" s="10"/>
    </row>
    <row r="905876" spans="14:14">
      <c r="N905876" s="10"/>
    </row>
    <row r="905877" spans="14:14">
      <c r="N905877" s="10"/>
    </row>
    <row r="905878" spans="14:14">
      <c r="N905878" s="10"/>
    </row>
    <row r="905879" spans="14:14">
      <c r="N905879" s="10"/>
    </row>
    <row r="905880" spans="14:14">
      <c r="N905880" s="10"/>
    </row>
    <row r="905881" spans="14:14">
      <c r="N905881" s="10"/>
    </row>
    <row r="905882" spans="14:14">
      <c r="N905882" s="10"/>
    </row>
    <row r="905883" spans="14:14">
      <c r="N905883" s="10"/>
    </row>
    <row r="905884" spans="14:14">
      <c r="N905884" s="10"/>
    </row>
    <row r="905885" spans="14:14">
      <c r="N905885" s="10"/>
    </row>
    <row r="905886" spans="14:14">
      <c r="N905886" s="10"/>
    </row>
    <row r="905887" spans="14:14">
      <c r="N905887" s="10"/>
    </row>
    <row r="905888" spans="14:14">
      <c r="N905888" s="10"/>
    </row>
    <row r="905889" spans="14:14">
      <c r="N905889" s="10"/>
    </row>
    <row r="905890" spans="14:14">
      <c r="N905890" s="10"/>
    </row>
    <row r="905891" spans="14:14">
      <c r="N905891" s="10"/>
    </row>
    <row r="905892" spans="14:14">
      <c r="N905892" s="10"/>
    </row>
    <row r="905893" spans="14:14">
      <c r="N905893" s="10"/>
    </row>
    <row r="905894" spans="14:14">
      <c r="N905894" s="10"/>
    </row>
    <row r="905895" spans="14:14">
      <c r="N905895" s="10"/>
    </row>
    <row r="905896" spans="14:14">
      <c r="N905896" s="10"/>
    </row>
    <row r="905897" spans="14:14">
      <c r="N905897" s="10"/>
    </row>
    <row r="905898" spans="14:14">
      <c r="N905898" s="10"/>
    </row>
    <row r="905899" spans="14:14">
      <c r="N905899" s="10"/>
    </row>
    <row r="905900" spans="14:14">
      <c r="N905900" s="10"/>
    </row>
    <row r="905901" spans="14:14">
      <c r="N905901" s="10"/>
    </row>
    <row r="905902" spans="14:14">
      <c r="N905902" s="10"/>
    </row>
    <row r="905903" spans="14:14">
      <c r="N905903" s="10"/>
    </row>
    <row r="905904" spans="14:14">
      <c r="N905904" s="10"/>
    </row>
    <row r="905905" spans="14:14">
      <c r="N905905" s="10"/>
    </row>
    <row r="905906" spans="14:14">
      <c r="N905906" s="10"/>
    </row>
    <row r="905907" spans="14:14">
      <c r="N905907" s="10"/>
    </row>
    <row r="905908" spans="14:14">
      <c r="N905908" s="10"/>
    </row>
    <row r="905909" spans="14:14">
      <c r="N905909" s="10"/>
    </row>
    <row r="905910" spans="14:14">
      <c r="N905910" s="10"/>
    </row>
    <row r="905911" spans="14:14">
      <c r="N905911" s="10"/>
    </row>
    <row r="905912" spans="14:14">
      <c r="N905912" s="10"/>
    </row>
    <row r="905913" spans="14:14">
      <c r="N905913" s="10"/>
    </row>
    <row r="905914" spans="14:14">
      <c r="N905914" s="10"/>
    </row>
    <row r="905915" spans="14:14">
      <c r="N905915" s="10"/>
    </row>
    <row r="905916" spans="14:14">
      <c r="N905916" s="10"/>
    </row>
    <row r="905917" spans="14:14">
      <c r="N905917" s="10"/>
    </row>
    <row r="905918" spans="14:14">
      <c r="N905918" s="10"/>
    </row>
    <row r="905919" spans="14:14">
      <c r="N905919" s="10"/>
    </row>
    <row r="905920" spans="14:14">
      <c r="N905920" s="10"/>
    </row>
    <row r="905921" spans="14:14">
      <c r="N905921" s="10"/>
    </row>
    <row r="905922" spans="14:14">
      <c r="N905922" s="10"/>
    </row>
    <row r="905923" spans="14:14">
      <c r="N905923" s="10"/>
    </row>
    <row r="905924" spans="14:14">
      <c r="N905924" s="10"/>
    </row>
    <row r="905925" spans="14:14">
      <c r="N905925" s="10"/>
    </row>
    <row r="905926" spans="14:14">
      <c r="N905926" s="10"/>
    </row>
    <row r="905927" spans="14:14">
      <c r="N905927" s="10"/>
    </row>
    <row r="905928" spans="14:14">
      <c r="N905928" s="10"/>
    </row>
    <row r="905929" spans="14:14">
      <c r="N905929" s="10"/>
    </row>
    <row r="905930" spans="14:14">
      <c r="N905930" s="10"/>
    </row>
    <row r="905931" spans="14:14">
      <c r="N905931" s="10"/>
    </row>
    <row r="905932" spans="14:14">
      <c r="N905932" s="10"/>
    </row>
    <row r="905933" spans="14:14">
      <c r="N905933" s="10"/>
    </row>
    <row r="905934" spans="14:14">
      <c r="N905934" s="10"/>
    </row>
    <row r="905935" spans="14:14">
      <c r="N905935" s="10"/>
    </row>
    <row r="905936" spans="14:14">
      <c r="N905936" s="10"/>
    </row>
    <row r="905937" spans="14:14">
      <c r="N905937" s="10"/>
    </row>
    <row r="905938" spans="14:14">
      <c r="N905938" s="10"/>
    </row>
    <row r="905939" spans="14:14">
      <c r="N905939" s="10"/>
    </row>
    <row r="905940" spans="14:14">
      <c r="N905940" s="10"/>
    </row>
    <row r="905941" spans="14:14">
      <c r="N905941" s="10"/>
    </row>
    <row r="905942" spans="14:14">
      <c r="N905942" s="10"/>
    </row>
    <row r="905943" spans="14:14">
      <c r="N905943" s="10"/>
    </row>
    <row r="905944" spans="14:14">
      <c r="N905944" s="10"/>
    </row>
    <row r="905945" spans="14:14">
      <c r="N905945" s="10"/>
    </row>
    <row r="905946" spans="14:14">
      <c r="N905946" s="10"/>
    </row>
    <row r="905947" spans="14:14">
      <c r="N905947" s="10"/>
    </row>
    <row r="905948" spans="14:14">
      <c r="N905948" s="10"/>
    </row>
    <row r="905949" spans="14:14">
      <c r="N905949" s="10"/>
    </row>
    <row r="905950" spans="14:14">
      <c r="N905950" s="10"/>
    </row>
    <row r="905951" spans="14:14">
      <c r="N905951" s="10"/>
    </row>
    <row r="905952" spans="14:14">
      <c r="N905952" s="10"/>
    </row>
    <row r="905953" spans="14:14">
      <c r="N905953" s="10"/>
    </row>
    <row r="905954" spans="14:14">
      <c r="N905954" s="10"/>
    </row>
    <row r="905955" spans="14:14">
      <c r="N905955" s="10"/>
    </row>
    <row r="905956" spans="14:14">
      <c r="N905956" s="10"/>
    </row>
    <row r="905957" spans="14:14">
      <c r="N905957" s="10"/>
    </row>
    <row r="905958" spans="14:14">
      <c r="N905958" s="10"/>
    </row>
    <row r="905959" spans="14:14">
      <c r="N905959" s="10"/>
    </row>
    <row r="905960" spans="14:14">
      <c r="N905960" s="10"/>
    </row>
    <row r="905961" spans="14:14">
      <c r="N905961" s="10"/>
    </row>
    <row r="905962" spans="14:14">
      <c r="N905962" s="10"/>
    </row>
    <row r="905963" spans="14:14">
      <c r="N905963" s="10"/>
    </row>
    <row r="905964" spans="14:14">
      <c r="N905964" s="10"/>
    </row>
    <row r="905965" spans="14:14">
      <c r="N905965" s="10"/>
    </row>
    <row r="905966" spans="14:14">
      <c r="N905966" s="10"/>
    </row>
    <row r="905967" spans="14:14">
      <c r="N905967" s="10"/>
    </row>
    <row r="905968" spans="14:14">
      <c r="N905968" s="10"/>
    </row>
    <row r="905969" spans="14:14">
      <c r="N905969" s="10"/>
    </row>
    <row r="905970" spans="14:14">
      <c r="N905970" s="10"/>
    </row>
    <row r="905971" spans="14:14">
      <c r="N905971" s="10"/>
    </row>
    <row r="905972" spans="14:14">
      <c r="N905972" s="10"/>
    </row>
    <row r="905973" spans="14:14">
      <c r="N905973" s="10"/>
    </row>
    <row r="905974" spans="14:14">
      <c r="N905974" s="10"/>
    </row>
    <row r="905975" spans="14:14">
      <c r="N905975" s="10"/>
    </row>
    <row r="905976" spans="14:14">
      <c r="N905976" s="10"/>
    </row>
    <row r="905977" spans="14:14">
      <c r="N905977" s="10"/>
    </row>
    <row r="905978" spans="14:14">
      <c r="N905978" s="10"/>
    </row>
    <row r="905979" spans="14:14">
      <c r="N905979" s="10"/>
    </row>
    <row r="905980" spans="14:14">
      <c r="N905980" s="10"/>
    </row>
    <row r="905981" spans="14:14">
      <c r="N905981" s="10"/>
    </row>
    <row r="905982" spans="14:14">
      <c r="N905982" s="10"/>
    </row>
    <row r="905983" spans="14:14">
      <c r="N905983" s="10"/>
    </row>
    <row r="905984" spans="14:14">
      <c r="N905984" s="10"/>
    </row>
    <row r="905985" spans="14:14">
      <c r="N905985" s="10"/>
    </row>
    <row r="905986" spans="14:14">
      <c r="N905986" s="10"/>
    </row>
    <row r="905987" spans="14:14">
      <c r="N905987" s="10"/>
    </row>
    <row r="905988" spans="14:14">
      <c r="N905988" s="10"/>
    </row>
    <row r="905989" spans="14:14">
      <c r="N905989" s="10"/>
    </row>
    <row r="905990" spans="14:14">
      <c r="N905990" s="10"/>
    </row>
    <row r="905991" spans="14:14">
      <c r="N905991" s="10"/>
    </row>
    <row r="905992" spans="14:14">
      <c r="N905992" s="10"/>
    </row>
    <row r="905993" spans="14:14">
      <c r="N905993" s="10"/>
    </row>
    <row r="905994" spans="14:14">
      <c r="N905994" s="10"/>
    </row>
    <row r="905995" spans="14:14">
      <c r="N905995" s="10"/>
    </row>
    <row r="905996" spans="14:14">
      <c r="N905996" s="10"/>
    </row>
    <row r="905997" spans="14:14">
      <c r="N905997" s="10"/>
    </row>
    <row r="905998" spans="14:14">
      <c r="N905998" s="10"/>
    </row>
    <row r="905999" spans="14:14">
      <c r="N905999" s="10"/>
    </row>
    <row r="906000" spans="14:14">
      <c r="N906000" s="10"/>
    </row>
    <row r="906001" spans="14:14">
      <c r="N906001" s="10"/>
    </row>
    <row r="906002" spans="14:14">
      <c r="N906002" s="10"/>
    </row>
    <row r="906003" spans="14:14">
      <c r="N906003" s="10"/>
    </row>
    <row r="906004" spans="14:14">
      <c r="N906004" s="10"/>
    </row>
    <row r="906005" spans="14:14">
      <c r="N906005" s="10"/>
    </row>
    <row r="906006" spans="14:14">
      <c r="N906006" s="10"/>
    </row>
    <row r="906007" spans="14:14">
      <c r="N906007" s="10"/>
    </row>
    <row r="906008" spans="14:14">
      <c r="N906008" s="10"/>
    </row>
    <row r="906009" spans="14:14">
      <c r="N906009" s="10"/>
    </row>
    <row r="906010" spans="14:14">
      <c r="N906010" s="10"/>
    </row>
    <row r="906011" spans="14:14">
      <c r="N906011" s="10"/>
    </row>
    <row r="906012" spans="14:14">
      <c r="N906012" s="10"/>
    </row>
    <row r="906013" spans="14:14">
      <c r="N906013" s="10"/>
    </row>
    <row r="906014" spans="14:14">
      <c r="N906014" s="10"/>
    </row>
    <row r="906015" spans="14:14">
      <c r="N906015" s="10"/>
    </row>
    <row r="906016" spans="14:14">
      <c r="N906016" s="10"/>
    </row>
    <row r="906017" spans="14:14">
      <c r="N906017" s="10"/>
    </row>
    <row r="906018" spans="14:14">
      <c r="N906018" s="10"/>
    </row>
    <row r="906019" spans="14:14">
      <c r="N906019" s="10"/>
    </row>
    <row r="906020" spans="14:14">
      <c r="N906020" s="10"/>
    </row>
    <row r="906021" spans="14:14">
      <c r="N906021" s="10"/>
    </row>
    <row r="906022" spans="14:14">
      <c r="N906022" s="10"/>
    </row>
    <row r="906023" spans="14:14">
      <c r="N906023" s="10"/>
    </row>
    <row r="906024" spans="14:14">
      <c r="N906024" s="10"/>
    </row>
    <row r="906025" spans="14:14">
      <c r="N906025" s="10"/>
    </row>
    <row r="906026" spans="14:14">
      <c r="N906026" s="10"/>
    </row>
    <row r="906027" spans="14:14">
      <c r="N906027" s="10"/>
    </row>
    <row r="906028" spans="14:14">
      <c r="N906028" s="10"/>
    </row>
    <row r="906029" spans="14:14">
      <c r="N906029" s="10"/>
    </row>
    <row r="906030" spans="14:14">
      <c r="N906030" s="10"/>
    </row>
    <row r="906031" spans="14:14">
      <c r="N906031" s="10"/>
    </row>
    <row r="906032" spans="14:14">
      <c r="N906032" s="10"/>
    </row>
    <row r="906033" spans="14:14">
      <c r="N906033" s="10"/>
    </row>
    <row r="906034" spans="14:14">
      <c r="N906034" s="10"/>
    </row>
    <row r="906035" spans="14:14">
      <c r="N906035" s="10"/>
    </row>
    <row r="906036" spans="14:14">
      <c r="N906036" s="10"/>
    </row>
    <row r="906037" spans="14:14">
      <c r="N906037" s="10"/>
    </row>
    <row r="906038" spans="14:14">
      <c r="N906038" s="10"/>
    </row>
    <row r="906039" spans="14:14">
      <c r="N906039" s="10"/>
    </row>
    <row r="906040" spans="14:14">
      <c r="N906040" s="10"/>
    </row>
    <row r="906041" spans="14:14">
      <c r="N906041" s="10"/>
    </row>
    <row r="906042" spans="14:14">
      <c r="N906042" s="10"/>
    </row>
    <row r="906043" spans="14:14">
      <c r="N906043" s="10"/>
    </row>
    <row r="906044" spans="14:14">
      <c r="N906044" s="10"/>
    </row>
    <row r="906045" spans="14:14">
      <c r="N906045" s="10"/>
    </row>
    <row r="906046" spans="14:14">
      <c r="N906046" s="10"/>
    </row>
    <row r="906047" spans="14:14">
      <c r="N906047" s="10"/>
    </row>
    <row r="906048" spans="14:14">
      <c r="N906048" s="10"/>
    </row>
    <row r="906049" spans="14:14">
      <c r="N906049" s="10"/>
    </row>
    <row r="906050" spans="14:14">
      <c r="N906050" s="10"/>
    </row>
    <row r="906051" spans="14:14">
      <c r="N906051" s="10"/>
    </row>
    <row r="906052" spans="14:14">
      <c r="N906052" s="10"/>
    </row>
    <row r="906053" spans="14:14">
      <c r="N906053" s="10"/>
    </row>
    <row r="906054" spans="14:14">
      <c r="N906054" s="10"/>
    </row>
    <row r="906055" spans="14:14">
      <c r="N906055" s="10"/>
    </row>
    <row r="906056" spans="14:14">
      <c r="N906056" s="10"/>
    </row>
    <row r="906057" spans="14:14">
      <c r="N906057" s="10"/>
    </row>
    <row r="906058" spans="14:14">
      <c r="N906058" s="10"/>
    </row>
    <row r="906059" spans="14:14">
      <c r="N906059" s="10"/>
    </row>
    <row r="906060" spans="14:14">
      <c r="N906060" s="10"/>
    </row>
    <row r="906061" spans="14:14">
      <c r="N906061" s="10"/>
    </row>
    <row r="906062" spans="14:14">
      <c r="N906062" s="10"/>
    </row>
    <row r="906063" spans="14:14">
      <c r="N906063" s="10"/>
    </row>
    <row r="906064" spans="14:14">
      <c r="N906064" s="10"/>
    </row>
    <row r="906065" spans="14:14">
      <c r="N906065" s="10"/>
    </row>
    <row r="906066" spans="14:14">
      <c r="N906066" s="10"/>
    </row>
    <row r="906067" spans="14:14">
      <c r="N906067" s="10"/>
    </row>
    <row r="906068" spans="14:14">
      <c r="N906068" s="10"/>
    </row>
    <row r="906069" spans="14:14">
      <c r="N906069" s="10"/>
    </row>
    <row r="906070" spans="14:14">
      <c r="N906070" s="10"/>
    </row>
    <row r="906071" spans="14:14">
      <c r="N906071" s="10"/>
    </row>
    <row r="906072" spans="14:14">
      <c r="N906072" s="10"/>
    </row>
    <row r="906073" spans="14:14">
      <c r="N906073" s="10"/>
    </row>
    <row r="906074" spans="14:14">
      <c r="N906074" s="10"/>
    </row>
    <row r="906075" spans="14:14">
      <c r="N906075" s="10"/>
    </row>
    <row r="906076" spans="14:14">
      <c r="N906076" s="10"/>
    </row>
    <row r="906077" spans="14:14">
      <c r="N906077" s="10"/>
    </row>
    <row r="906078" spans="14:14">
      <c r="N906078" s="10"/>
    </row>
    <row r="906079" spans="14:14">
      <c r="N906079" s="10"/>
    </row>
    <row r="906080" spans="14:14">
      <c r="N906080" s="10"/>
    </row>
    <row r="906081" spans="14:14">
      <c r="N906081" s="10"/>
    </row>
    <row r="906082" spans="14:14">
      <c r="N906082" s="10"/>
    </row>
    <row r="906083" spans="14:14">
      <c r="N906083" s="10"/>
    </row>
    <row r="906084" spans="14:14">
      <c r="N906084" s="10"/>
    </row>
    <row r="906085" spans="14:14">
      <c r="N906085" s="10"/>
    </row>
    <row r="906086" spans="14:14">
      <c r="N906086" s="10"/>
    </row>
    <row r="906087" spans="14:14">
      <c r="N906087" s="10"/>
    </row>
    <row r="906088" spans="14:14">
      <c r="N906088" s="10"/>
    </row>
    <row r="906089" spans="14:14">
      <c r="N906089" s="10"/>
    </row>
    <row r="906090" spans="14:14">
      <c r="N906090" s="10"/>
    </row>
    <row r="906091" spans="14:14">
      <c r="N906091" s="10"/>
    </row>
    <row r="906092" spans="14:14">
      <c r="N906092" s="10"/>
    </row>
    <row r="906093" spans="14:14">
      <c r="N906093" s="10"/>
    </row>
    <row r="906094" spans="14:14">
      <c r="N906094" s="10"/>
    </row>
    <row r="906095" spans="14:14">
      <c r="N906095" s="10"/>
    </row>
    <row r="906096" spans="14:14">
      <c r="N906096" s="10"/>
    </row>
    <row r="906097" spans="14:14">
      <c r="N906097" s="10"/>
    </row>
    <row r="906098" spans="14:14">
      <c r="N906098" s="10"/>
    </row>
    <row r="906099" spans="14:14">
      <c r="N906099" s="10"/>
    </row>
    <row r="906100" spans="14:14">
      <c r="N906100" s="10"/>
    </row>
    <row r="906101" spans="14:14">
      <c r="N906101" s="10"/>
    </row>
    <row r="906102" spans="14:14">
      <c r="N906102" s="10"/>
    </row>
    <row r="906103" spans="14:14">
      <c r="N906103" s="10"/>
    </row>
    <row r="906104" spans="14:14">
      <c r="N906104" s="10"/>
    </row>
    <row r="906105" spans="14:14">
      <c r="N906105" s="10"/>
    </row>
    <row r="906106" spans="14:14">
      <c r="N906106" s="10"/>
    </row>
    <row r="906107" spans="14:14">
      <c r="N906107" s="10"/>
    </row>
    <row r="906108" spans="14:14">
      <c r="N906108" s="10"/>
    </row>
    <row r="906109" spans="14:14">
      <c r="N906109" s="10"/>
    </row>
    <row r="906110" spans="14:14">
      <c r="N906110" s="10"/>
    </row>
    <row r="906111" spans="14:14">
      <c r="N906111" s="10"/>
    </row>
    <row r="906112" spans="14:14">
      <c r="N906112" s="10"/>
    </row>
    <row r="906113" spans="14:14">
      <c r="N906113" s="10"/>
    </row>
    <row r="906114" spans="14:14">
      <c r="N906114" s="10"/>
    </row>
    <row r="906115" spans="14:14">
      <c r="N906115" s="10"/>
    </row>
    <row r="906116" spans="14:14">
      <c r="N906116" s="10"/>
    </row>
    <row r="906117" spans="14:14">
      <c r="N906117" s="10"/>
    </row>
    <row r="906118" spans="14:14">
      <c r="N906118" s="10"/>
    </row>
    <row r="906119" spans="14:14">
      <c r="N906119" s="10"/>
    </row>
    <row r="906120" spans="14:14">
      <c r="N906120" s="10"/>
    </row>
    <row r="906121" spans="14:14">
      <c r="N906121" s="10"/>
    </row>
    <row r="906122" spans="14:14">
      <c r="N906122" s="10"/>
    </row>
    <row r="906123" spans="14:14">
      <c r="N906123" s="10"/>
    </row>
    <row r="906124" spans="14:14">
      <c r="N906124" s="10"/>
    </row>
    <row r="906125" spans="14:14">
      <c r="N906125" s="10"/>
    </row>
    <row r="906126" spans="14:14">
      <c r="N906126" s="10"/>
    </row>
    <row r="906127" spans="14:14">
      <c r="N906127" s="10"/>
    </row>
    <row r="906128" spans="14:14">
      <c r="N906128" s="10"/>
    </row>
    <row r="906129" spans="14:14">
      <c r="N906129" s="10"/>
    </row>
    <row r="906130" spans="14:14">
      <c r="N906130" s="10"/>
    </row>
    <row r="906131" spans="14:14">
      <c r="N906131" s="10"/>
    </row>
    <row r="906132" spans="14:14">
      <c r="N906132" s="10"/>
    </row>
    <row r="906133" spans="14:14">
      <c r="N906133" s="10"/>
    </row>
    <row r="906134" spans="14:14">
      <c r="N906134" s="10"/>
    </row>
    <row r="906135" spans="14:14">
      <c r="N906135" s="10"/>
    </row>
    <row r="906136" spans="14:14">
      <c r="N906136" s="10"/>
    </row>
    <row r="906137" spans="14:14">
      <c r="N906137" s="10"/>
    </row>
    <row r="906138" spans="14:14">
      <c r="N906138" s="10"/>
    </row>
    <row r="906139" spans="14:14">
      <c r="N906139" s="10"/>
    </row>
    <row r="906140" spans="14:14">
      <c r="N906140" s="10"/>
    </row>
    <row r="906141" spans="14:14">
      <c r="N906141" s="10"/>
    </row>
    <row r="906142" spans="14:14">
      <c r="N906142" s="10"/>
    </row>
    <row r="906143" spans="14:14">
      <c r="N906143" s="10"/>
    </row>
    <row r="906144" spans="14:14">
      <c r="N906144" s="10"/>
    </row>
    <row r="906145" spans="14:14">
      <c r="N906145" s="10"/>
    </row>
    <row r="906146" spans="14:14">
      <c r="N906146" s="10"/>
    </row>
    <row r="906147" spans="14:14">
      <c r="N906147" s="10"/>
    </row>
    <row r="906148" spans="14:14">
      <c r="N906148" s="10"/>
    </row>
    <row r="906149" spans="14:14">
      <c r="N906149" s="10"/>
    </row>
    <row r="906150" spans="14:14">
      <c r="N906150" s="10"/>
    </row>
    <row r="906151" spans="14:14">
      <c r="N906151" s="10"/>
    </row>
    <row r="906152" spans="14:14">
      <c r="N906152" s="10"/>
    </row>
    <row r="906153" spans="14:14">
      <c r="N906153" s="10"/>
    </row>
    <row r="906154" spans="14:14">
      <c r="N906154" s="10"/>
    </row>
    <row r="906155" spans="14:14">
      <c r="N906155" s="10"/>
    </row>
    <row r="906156" spans="14:14">
      <c r="N906156" s="10"/>
    </row>
    <row r="906157" spans="14:14">
      <c r="N906157" s="10"/>
    </row>
    <row r="906158" spans="14:14">
      <c r="N906158" s="10"/>
    </row>
    <row r="906159" spans="14:14">
      <c r="N906159" s="10"/>
    </row>
    <row r="906160" spans="14:14">
      <c r="N906160" s="10"/>
    </row>
    <row r="906161" spans="14:14">
      <c r="N906161" s="10"/>
    </row>
    <row r="906162" spans="14:14">
      <c r="N906162" s="10"/>
    </row>
    <row r="906163" spans="14:14">
      <c r="N906163" s="10"/>
    </row>
    <row r="906164" spans="14:14">
      <c r="N906164" s="10"/>
    </row>
    <row r="906165" spans="14:14">
      <c r="N906165" s="10"/>
    </row>
    <row r="906166" spans="14:14">
      <c r="N906166" s="10"/>
    </row>
    <row r="906167" spans="14:14">
      <c r="N906167" s="10"/>
    </row>
    <row r="906168" spans="14:14">
      <c r="N906168" s="10"/>
    </row>
    <row r="906169" spans="14:14">
      <c r="N906169" s="10"/>
    </row>
    <row r="906170" spans="14:14">
      <c r="N906170" s="10"/>
    </row>
    <row r="906171" spans="14:14">
      <c r="N906171" s="10"/>
    </row>
    <row r="906172" spans="14:14">
      <c r="N906172" s="10"/>
    </row>
    <row r="906173" spans="14:14">
      <c r="N906173" s="10"/>
    </row>
    <row r="906174" spans="14:14">
      <c r="N906174" s="10"/>
    </row>
    <row r="906175" spans="14:14">
      <c r="N906175" s="10"/>
    </row>
    <row r="906176" spans="14:14">
      <c r="N906176" s="10"/>
    </row>
    <row r="906177" spans="14:14">
      <c r="N906177" s="10"/>
    </row>
    <row r="906178" spans="14:14">
      <c r="N906178" s="10"/>
    </row>
    <row r="906179" spans="14:14">
      <c r="N906179" s="10"/>
    </row>
    <row r="906180" spans="14:14">
      <c r="N906180" s="10"/>
    </row>
    <row r="906181" spans="14:14">
      <c r="N906181" s="10"/>
    </row>
    <row r="906182" spans="14:14">
      <c r="N906182" s="10"/>
    </row>
    <row r="906183" spans="14:14">
      <c r="N906183" s="10"/>
    </row>
    <row r="906184" spans="14:14">
      <c r="N906184" s="10"/>
    </row>
    <row r="906185" spans="14:14">
      <c r="N906185" s="10"/>
    </row>
    <row r="906186" spans="14:14">
      <c r="N906186" s="10"/>
    </row>
    <row r="906187" spans="14:14">
      <c r="N906187" s="10"/>
    </row>
    <row r="906188" spans="14:14">
      <c r="N906188" s="10"/>
    </row>
    <row r="906189" spans="14:14">
      <c r="N906189" s="10"/>
    </row>
    <row r="906190" spans="14:14">
      <c r="N906190" s="10"/>
    </row>
    <row r="906191" spans="14:14">
      <c r="N906191" s="10"/>
    </row>
    <row r="906192" spans="14:14">
      <c r="N906192" s="10"/>
    </row>
    <row r="906193" spans="14:14">
      <c r="N906193" s="10"/>
    </row>
    <row r="906194" spans="14:14">
      <c r="N906194" s="10"/>
    </row>
    <row r="906195" spans="14:14">
      <c r="N906195" s="10"/>
    </row>
    <row r="906196" spans="14:14">
      <c r="N906196" s="10"/>
    </row>
    <row r="906197" spans="14:14">
      <c r="N906197" s="10"/>
    </row>
    <row r="906198" spans="14:14">
      <c r="N906198" s="10"/>
    </row>
    <row r="906199" spans="14:14">
      <c r="N906199" s="10"/>
    </row>
    <row r="906200" spans="14:14">
      <c r="N906200" s="10"/>
    </row>
    <row r="906201" spans="14:14">
      <c r="N906201" s="10"/>
    </row>
    <row r="906202" spans="14:14">
      <c r="N906202" s="10"/>
    </row>
    <row r="906203" spans="14:14">
      <c r="N906203" s="10"/>
    </row>
    <row r="906204" spans="14:14">
      <c r="N906204" s="10"/>
    </row>
    <row r="906205" spans="14:14">
      <c r="N906205" s="10"/>
    </row>
    <row r="906206" spans="14:14">
      <c r="N906206" s="10"/>
    </row>
    <row r="906207" spans="14:14">
      <c r="N906207" s="10"/>
    </row>
    <row r="906208" spans="14:14">
      <c r="N906208" s="10"/>
    </row>
    <row r="906209" spans="14:14">
      <c r="N906209" s="10"/>
    </row>
    <row r="906210" spans="14:14">
      <c r="N906210" s="10"/>
    </row>
    <row r="906211" spans="14:14">
      <c r="N906211" s="10"/>
    </row>
    <row r="906212" spans="14:14">
      <c r="N906212" s="10"/>
    </row>
    <row r="906213" spans="14:14">
      <c r="N906213" s="10"/>
    </row>
    <row r="906214" spans="14:14">
      <c r="N906214" s="10"/>
    </row>
    <row r="906215" spans="14:14">
      <c r="N906215" s="10"/>
    </row>
    <row r="906216" spans="14:14">
      <c r="N906216" s="10"/>
    </row>
    <row r="906217" spans="14:14">
      <c r="N906217" s="10"/>
    </row>
    <row r="906218" spans="14:14">
      <c r="N906218" s="10"/>
    </row>
    <row r="906219" spans="14:14">
      <c r="N906219" s="10"/>
    </row>
    <row r="906220" spans="14:14">
      <c r="N906220" s="10"/>
    </row>
    <row r="906221" spans="14:14">
      <c r="N906221" s="10"/>
    </row>
    <row r="906222" spans="14:14">
      <c r="N906222" s="10"/>
    </row>
    <row r="906223" spans="14:14">
      <c r="N906223" s="10"/>
    </row>
    <row r="906224" spans="14:14">
      <c r="N906224" s="10"/>
    </row>
    <row r="906225" spans="14:14">
      <c r="N906225" s="10"/>
    </row>
    <row r="906226" spans="14:14">
      <c r="N906226" s="10"/>
    </row>
    <row r="906227" spans="14:14">
      <c r="N906227" s="10"/>
    </row>
    <row r="906228" spans="14:14">
      <c r="N906228" s="10"/>
    </row>
    <row r="906229" spans="14:14">
      <c r="N906229" s="10"/>
    </row>
    <row r="906230" spans="14:14">
      <c r="N906230" s="10"/>
    </row>
    <row r="906231" spans="14:14">
      <c r="N906231" s="10"/>
    </row>
    <row r="906232" spans="14:14">
      <c r="N906232" s="10"/>
    </row>
    <row r="906233" spans="14:14">
      <c r="N906233" s="10"/>
    </row>
    <row r="906234" spans="14:14">
      <c r="N906234" s="10"/>
    </row>
    <row r="906235" spans="14:14">
      <c r="N906235" s="10"/>
    </row>
    <row r="906236" spans="14:14">
      <c r="N906236" s="10"/>
    </row>
    <row r="906237" spans="14:14">
      <c r="N906237" s="10"/>
    </row>
    <row r="906238" spans="14:14">
      <c r="N906238" s="10"/>
    </row>
    <row r="906239" spans="14:14">
      <c r="N906239" s="10"/>
    </row>
    <row r="906240" spans="14:14">
      <c r="N906240" s="10"/>
    </row>
    <row r="906241" spans="14:14">
      <c r="N906241" s="10"/>
    </row>
    <row r="906242" spans="14:14">
      <c r="N906242" s="10"/>
    </row>
    <row r="906243" spans="14:14">
      <c r="N906243" s="10"/>
    </row>
    <row r="906244" spans="14:14">
      <c r="N906244" s="10"/>
    </row>
    <row r="906245" spans="14:14">
      <c r="N906245" s="10"/>
    </row>
    <row r="906246" spans="14:14">
      <c r="N906246" s="10"/>
    </row>
    <row r="906247" spans="14:14">
      <c r="N906247" s="10"/>
    </row>
    <row r="906248" spans="14:14">
      <c r="N906248" s="10"/>
    </row>
    <row r="906249" spans="14:14">
      <c r="N906249" s="10"/>
    </row>
    <row r="906250" spans="14:14">
      <c r="N906250" s="10"/>
    </row>
    <row r="906251" spans="14:14">
      <c r="N906251" s="10"/>
    </row>
    <row r="906252" spans="14:14">
      <c r="N906252" s="10"/>
    </row>
    <row r="906253" spans="14:14">
      <c r="N906253" s="10"/>
    </row>
    <row r="906254" spans="14:14">
      <c r="N906254" s="10"/>
    </row>
    <row r="906255" spans="14:14">
      <c r="N906255" s="10"/>
    </row>
    <row r="906256" spans="14:14">
      <c r="N906256" s="10"/>
    </row>
    <row r="906257" spans="14:14">
      <c r="N906257" s="10"/>
    </row>
    <row r="906258" spans="14:14">
      <c r="N906258" s="10"/>
    </row>
    <row r="906259" spans="14:14">
      <c r="N906259" s="10"/>
    </row>
    <row r="906260" spans="14:14">
      <c r="N906260" s="10"/>
    </row>
    <row r="906261" spans="14:14">
      <c r="N906261" s="10"/>
    </row>
    <row r="906262" spans="14:14">
      <c r="N906262" s="10"/>
    </row>
    <row r="906263" spans="14:14">
      <c r="N906263" s="10"/>
    </row>
    <row r="906264" spans="14:14">
      <c r="N906264" s="10"/>
    </row>
    <row r="906265" spans="14:14">
      <c r="N906265" s="10"/>
    </row>
    <row r="906266" spans="14:14">
      <c r="N906266" s="10"/>
    </row>
    <row r="906267" spans="14:14">
      <c r="N906267" s="10"/>
    </row>
    <row r="906268" spans="14:14">
      <c r="N906268" s="10"/>
    </row>
    <row r="906269" spans="14:14">
      <c r="N906269" s="10"/>
    </row>
    <row r="906270" spans="14:14">
      <c r="N906270" s="10"/>
    </row>
    <row r="906271" spans="14:14">
      <c r="N906271" s="10"/>
    </row>
    <row r="906272" spans="14:14">
      <c r="N906272" s="10"/>
    </row>
    <row r="906273" spans="14:14">
      <c r="N906273" s="10"/>
    </row>
    <row r="906274" spans="14:14">
      <c r="N906274" s="10"/>
    </row>
    <row r="906275" spans="14:14">
      <c r="N906275" s="10"/>
    </row>
    <row r="906276" spans="14:14">
      <c r="N906276" s="10"/>
    </row>
    <row r="906277" spans="14:14">
      <c r="N906277" s="10"/>
    </row>
    <row r="906278" spans="14:14">
      <c r="N906278" s="10"/>
    </row>
    <row r="906279" spans="14:14">
      <c r="N906279" s="10"/>
    </row>
    <row r="906280" spans="14:14">
      <c r="N906280" s="10"/>
    </row>
    <row r="906281" spans="14:14">
      <c r="N906281" s="10"/>
    </row>
    <row r="906282" spans="14:14">
      <c r="N906282" s="10"/>
    </row>
    <row r="906283" spans="14:14">
      <c r="N906283" s="10"/>
    </row>
    <row r="906284" spans="14:14">
      <c r="N906284" s="10"/>
    </row>
    <row r="906285" spans="14:14">
      <c r="N906285" s="10"/>
    </row>
    <row r="906286" spans="14:14">
      <c r="N906286" s="10"/>
    </row>
    <row r="906287" spans="14:14">
      <c r="N906287" s="10"/>
    </row>
    <row r="906288" spans="14:14">
      <c r="N906288" s="10"/>
    </row>
    <row r="906289" spans="14:14">
      <c r="N906289" s="10"/>
    </row>
    <row r="906290" spans="14:14">
      <c r="N906290" s="10"/>
    </row>
    <row r="906291" spans="14:14">
      <c r="N906291" s="10"/>
    </row>
    <row r="906292" spans="14:14">
      <c r="N906292" s="10"/>
    </row>
    <row r="906293" spans="14:14">
      <c r="N906293" s="10"/>
    </row>
    <row r="906294" spans="14:14">
      <c r="N906294" s="10"/>
    </row>
    <row r="906295" spans="14:14">
      <c r="N906295" s="10"/>
    </row>
    <row r="906296" spans="14:14">
      <c r="N906296" s="10"/>
    </row>
    <row r="906297" spans="14:14">
      <c r="N906297" s="10"/>
    </row>
    <row r="906298" spans="14:14">
      <c r="N906298" s="10"/>
    </row>
    <row r="906299" spans="14:14">
      <c r="N906299" s="10"/>
    </row>
    <row r="906300" spans="14:14">
      <c r="N906300" s="10"/>
    </row>
    <row r="906301" spans="14:14">
      <c r="N906301" s="10"/>
    </row>
    <row r="906302" spans="14:14">
      <c r="N906302" s="10"/>
    </row>
    <row r="906303" spans="14:14">
      <c r="N906303" s="10"/>
    </row>
    <row r="906304" spans="14:14">
      <c r="N906304" s="10"/>
    </row>
    <row r="906305" spans="14:14">
      <c r="N906305" s="10"/>
    </row>
    <row r="906306" spans="14:14">
      <c r="N906306" s="10"/>
    </row>
    <row r="906307" spans="14:14">
      <c r="N906307" s="10"/>
    </row>
    <row r="906308" spans="14:14">
      <c r="N906308" s="10"/>
    </row>
    <row r="906309" spans="14:14">
      <c r="N906309" s="10"/>
    </row>
    <row r="906310" spans="14:14">
      <c r="N906310" s="10"/>
    </row>
    <row r="906311" spans="14:14">
      <c r="N906311" s="10"/>
    </row>
    <row r="906312" spans="14:14">
      <c r="N906312" s="10"/>
    </row>
    <row r="906313" spans="14:14">
      <c r="N906313" s="10"/>
    </row>
    <row r="906314" spans="14:14">
      <c r="N906314" s="10"/>
    </row>
    <row r="906315" spans="14:14">
      <c r="N906315" s="10"/>
    </row>
    <row r="906316" spans="14:14">
      <c r="N906316" s="10"/>
    </row>
    <row r="906317" spans="14:14">
      <c r="N906317" s="10"/>
    </row>
    <row r="906318" spans="14:14">
      <c r="N906318" s="10"/>
    </row>
    <row r="906319" spans="14:14">
      <c r="N906319" s="10"/>
    </row>
    <row r="906320" spans="14:14">
      <c r="N906320" s="10"/>
    </row>
    <row r="906321" spans="14:14">
      <c r="N906321" s="10"/>
    </row>
    <row r="906322" spans="14:14">
      <c r="N906322" s="10"/>
    </row>
    <row r="906323" spans="14:14">
      <c r="N906323" s="10"/>
    </row>
    <row r="906324" spans="14:14">
      <c r="N906324" s="10"/>
    </row>
    <row r="906325" spans="14:14">
      <c r="N906325" s="10"/>
    </row>
    <row r="906326" spans="14:14">
      <c r="N906326" s="10"/>
    </row>
    <row r="906327" spans="14:14">
      <c r="N906327" s="10"/>
    </row>
    <row r="906328" spans="14:14">
      <c r="N906328" s="10"/>
    </row>
    <row r="906329" spans="14:14">
      <c r="N906329" s="10"/>
    </row>
    <row r="906330" spans="14:14">
      <c r="N906330" s="10"/>
    </row>
    <row r="906331" spans="14:14">
      <c r="N906331" s="10"/>
    </row>
    <row r="906332" spans="14:14">
      <c r="N906332" s="10"/>
    </row>
    <row r="906333" spans="14:14">
      <c r="N906333" s="10"/>
    </row>
    <row r="906334" spans="14:14">
      <c r="N906334" s="10"/>
    </row>
    <row r="906335" spans="14:14">
      <c r="N906335" s="10"/>
    </row>
    <row r="906336" spans="14:14">
      <c r="N906336" s="10"/>
    </row>
    <row r="906337" spans="14:14">
      <c r="N906337" s="10"/>
    </row>
    <row r="906338" spans="14:14">
      <c r="N906338" s="10"/>
    </row>
    <row r="906339" spans="14:14">
      <c r="N906339" s="10"/>
    </row>
    <row r="906340" spans="14:14">
      <c r="N906340" s="10"/>
    </row>
    <row r="906341" spans="14:14">
      <c r="N906341" s="10"/>
    </row>
    <row r="906342" spans="14:14">
      <c r="N906342" s="10"/>
    </row>
    <row r="906343" spans="14:14">
      <c r="N906343" s="10"/>
    </row>
    <row r="906344" spans="14:14">
      <c r="N906344" s="10"/>
    </row>
    <row r="906345" spans="14:14">
      <c r="N906345" s="10"/>
    </row>
    <row r="906346" spans="14:14">
      <c r="N906346" s="10"/>
    </row>
    <row r="906347" spans="14:14">
      <c r="N906347" s="10"/>
    </row>
    <row r="906348" spans="14:14">
      <c r="N906348" s="10"/>
    </row>
    <row r="906349" spans="14:14">
      <c r="N906349" s="10"/>
    </row>
    <row r="906350" spans="14:14">
      <c r="N906350" s="10"/>
    </row>
    <row r="906351" spans="14:14">
      <c r="N906351" s="10"/>
    </row>
    <row r="906352" spans="14:14">
      <c r="N906352" s="10"/>
    </row>
    <row r="906353" spans="14:14">
      <c r="N906353" s="10"/>
    </row>
    <row r="906354" spans="14:14">
      <c r="N906354" s="10"/>
    </row>
    <row r="906355" spans="14:14">
      <c r="N906355" s="10"/>
    </row>
    <row r="906356" spans="14:14">
      <c r="N906356" s="10"/>
    </row>
    <row r="906357" spans="14:14">
      <c r="N906357" s="10"/>
    </row>
    <row r="906358" spans="14:14">
      <c r="N906358" s="10"/>
    </row>
    <row r="906359" spans="14:14">
      <c r="N906359" s="10"/>
    </row>
    <row r="906360" spans="14:14">
      <c r="N906360" s="10"/>
    </row>
    <row r="906361" spans="14:14">
      <c r="N906361" s="10"/>
    </row>
    <row r="906362" spans="14:14">
      <c r="N906362" s="10"/>
    </row>
    <row r="906363" spans="14:14">
      <c r="N906363" s="10"/>
    </row>
    <row r="906364" spans="14:14">
      <c r="N906364" s="10"/>
    </row>
    <row r="906365" spans="14:14">
      <c r="N906365" s="10"/>
    </row>
    <row r="906366" spans="14:14">
      <c r="N906366" s="10"/>
    </row>
    <row r="906367" spans="14:14">
      <c r="N906367" s="10"/>
    </row>
    <row r="906368" spans="14:14">
      <c r="N906368" s="10"/>
    </row>
    <row r="906369" spans="14:14">
      <c r="N906369" s="10"/>
    </row>
    <row r="906370" spans="14:14">
      <c r="N906370" s="10"/>
    </row>
    <row r="906371" spans="14:14">
      <c r="N906371" s="10"/>
    </row>
    <row r="906372" spans="14:14">
      <c r="N906372" s="10"/>
    </row>
    <row r="906373" spans="14:14">
      <c r="N906373" s="10"/>
    </row>
    <row r="906374" spans="14:14">
      <c r="N906374" s="10"/>
    </row>
    <row r="906375" spans="14:14">
      <c r="N906375" s="10"/>
    </row>
    <row r="906376" spans="14:14">
      <c r="N906376" s="10"/>
    </row>
    <row r="906377" spans="14:14">
      <c r="N906377" s="10"/>
    </row>
    <row r="906378" spans="14:14">
      <c r="N906378" s="10"/>
    </row>
    <row r="906379" spans="14:14">
      <c r="N906379" s="10"/>
    </row>
    <row r="906380" spans="14:14">
      <c r="N906380" s="10"/>
    </row>
    <row r="906381" spans="14:14">
      <c r="N906381" s="10"/>
    </row>
    <row r="906382" spans="14:14">
      <c r="N906382" s="10"/>
    </row>
    <row r="906383" spans="14:14">
      <c r="N906383" s="10"/>
    </row>
    <row r="906384" spans="14:14">
      <c r="N906384" s="10"/>
    </row>
    <row r="906385" spans="14:14">
      <c r="N906385" s="10"/>
    </row>
    <row r="906386" spans="14:14">
      <c r="N906386" s="10"/>
    </row>
    <row r="906387" spans="14:14">
      <c r="N906387" s="10"/>
    </row>
    <row r="906388" spans="14:14">
      <c r="N906388" s="10"/>
    </row>
    <row r="906389" spans="14:14">
      <c r="N906389" s="10"/>
    </row>
    <row r="906390" spans="14:14">
      <c r="N906390" s="10"/>
    </row>
    <row r="906391" spans="14:14">
      <c r="N906391" s="10"/>
    </row>
    <row r="906392" spans="14:14">
      <c r="N906392" s="10"/>
    </row>
    <row r="906393" spans="14:14">
      <c r="N906393" s="10"/>
    </row>
    <row r="906394" spans="14:14">
      <c r="N906394" s="10"/>
    </row>
    <row r="906395" spans="14:14">
      <c r="N906395" s="10"/>
    </row>
    <row r="906396" spans="14:14">
      <c r="N906396" s="10"/>
    </row>
    <row r="906397" spans="14:14">
      <c r="N906397" s="10"/>
    </row>
    <row r="906398" spans="14:14">
      <c r="N906398" s="10"/>
    </row>
    <row r="906399" spans="14:14">
      <c r="N906399" s="10"/>
    </row>
    <row r="906400" spans="14:14">
      <c r="N906400" s="10"/>
    </row>
    <row r="906401" spans="14:14">
      <c r="N906401" s="10"/>
    </row>
    <row r="906402" spans="14:14">
      <c r="N906402" s="10"/>
    </row>
    <row r="906403" spans="14:14">
      <c r="N906403" s="10"/>
    </row>
    <row r="906404" spans="14:14">
      <c r="N906404" s="10"/>
    </row>
    <row r="906405" spans="14:14">
      <c r="N906405" s="10"/>
    </row>
    <row r="906406" spans="14:14">
      <c r="N906406" s="10"/>
    </row>
    <row r="906407" spans="14:14">
      <c r="N906407" s="10"/>
    </row>
    <row r="906408" spans="14:14">
      <c r="N906408" s="10"/>
    </row>
    <row r="906409" spans="14:14">
      <c r="N906409" s="10"/>
    </row>
    <row r="906410" spans="14:14">
      <c r="N906410" s="10"/>
    </row>
    <row r="906411" spans="14:14">
      <c r="N906411" s="10"/>
    </row>
    <row r="906412" spans="14:14">
      <c r="N906412" s="10"/>
    </row>
    <row r="906413" spans="14:14">
      <c r="N906413" s="10"/>
    </row>
    <row r="906414" spans="14:14">
      <c r="N906414" s="10"/>
    </row>
    <row r="906415" spans="14:14">
      <c r="N906415" s="10"/>
    </row>
    <row r="906416" spans="14:14">
      <c r="N906416" s="10"/>
    </row>
    <row r="906417" spans="14:14">
      <c r="N906417" s="10"/>
    </row>
    <row r="906418" spans="14:14">
      <c r="N906418" s="10"/>
    </row>
    <row r="906419" spans="14:14">
      <c r="N906419" s="10"/>
    </row>
    <row r="906420" spans="14:14">
      <c r="N906420" s="10"/>
    </row>
    <row r="906421" spans="14:14">
      <c r="N906421" s="10"/>
    </row>
    <row r="906422" spans="14:14">
      <c r="N906422" s="10"/>
    </row>
    <row r="906423" spans="14:14">
      <c r="N906423" s="10"/>
    </row>
    <row r="906424" spans="14:14">
      <c r="N906424" s="10"/>
    </row>
    <row r="906425" spans="14:14">
      <c r="N906425" s="10"/>
    </row>
    <row r="906426" spans="14:14">
      <c r="N906426" s="10"/>
    </row>
    <row r="906427" spans="14:14">
      <c r="N906427" s="10"/>
    </row>
    <row r="906428" spans="14:14">
      <c r="N906428" s="10"/>
    </row>
    <row r="906429" spans="14:14">
      <c r="N906429" s="10"/>
    </row>
    <row r="906430" spans="14:14">
      <c r="N906430" s="10"/>
    </row>
    <row r="906431" spans="14:14">
      <c r="N906431" s="10"/>
    </row>
    <row r="906432" spans="14:14">
      <c r="N906432" s="10"/>
    </row>
    <row r="906433" spans="14:14">
      <c r="N906433" s="10"/>
    </row>
    <row r="906434" spans="14:14">
      <c r="N906434" s="10"/>
    </row>
    <row r="906435" spans="14:14">
      <c r="N906435" s="10"/>
    </row>
    <row r="906436" spans="14:14">
      <c r="N906436" s="10"/>
    </row>
    <row r="906437" spans="14:14">
      <c r="N906437" s="10"/>
    </row>
    <row r="906438" spans="14:14">
      <c r="N906438" s="10"/>
    </row>
    <row r="906439" spans="14:14">
      <c r="N906439" s="10"/>
    </row>
    <row r="906440" spans="14:14">
      <c r="N906440" s="10"/>
    </row>
    <row r="906441" spans="14:14">
      <c r="N906441" s="10"/>
    </row>
    <row r="906442" spans="14:14">
      <c r="N906442" s="10"/>
    </row>
    <row r="906443" spans="14:14">
      <c r="N906443" s="10"/>
    </row>
    <row r="906444" spans="14:14">
      <c r="N906444" s="10"/>
    </row>
    <row r="906445" spans="14:14">
      <c r="N906445" s="10"/>
    </row>
    <row r="906446" spans="14:14">
      <c r="N906446" s="10"/>
    </row>
    <row r="906447" spans="14:14">
      <c r="N906447" s="10"/>
    </row>
    <row r="906448" spans="14:14">
      <c r="N906448" s="10"/>
    </row>
    <row r="906449" spans="14:14">
      <c r="N906449" s="10"/>
    </row>
    <row r="906450" spans="14:14">
      <c r="N906450" s="10"/>
    </row>
    <row r="906451" spans="14:14">
      <c r="N906451" s="10"/>
    </row>
    <row r="906452" spans="14:14">
      <c r="N906452" s="10"/>
    </row>
    <row r="906453" spans="14:14">
      <c r="N906453" s="10"/>
    </row>
    <row r="906454" spans="14:14">
      <c r="N906454" s="10"/>
    </row>
    <row r="906455" spans="14:14">
      <c r="N906455" s="10"/>
    </row>
    <row r="906456" spans="14:14">
      <c r="N906456" s="10"/>
    </row>
    <row r="906457" spans="14:14">
      <c r="N906457" s="10"/>
    </row>
    <row r="906458" spans="14:14">
      <c r="N906458" s="10"/>
    </row>
    <row r="906459" spans="14:14">
      <c r="N906459" s="10"/>
    </row>
    <row r="906460" spans="14:14">
      <c r="N906460" s="10"/>
    </row>
    <row r="906461" spans="14:14">
      <c r="N906461" s="10"/>
    </row>
    <row r="906462" spans="14:14">
      <c r="N906462" s="10"/>
    </row>
    <row r="906463" spans="14:14">
      <c r="N906463" s="10"/>
    </row>
    <row r="906464" spans="14:14">
      <c r="N906464" s="10"/>
    </row>
    <row r="906465" spans="14:14">
      <c r="N906465" s="10"/>
    </row>
    <row r="906466" spans="14:14">
      <c r="N906466" s="10"/>
    </row>
    <row r="906467" spans="14:14">
      <c r="N906467" s="10"/>
    </row>
    <row r="906468" spans="14:14">
      <c r="N906468" s="10"/>
    </row>
    <row r="906469" spans="14:14">
      <c r="N906469" s="10"/>
    </row>
    <row r="906470" spans="14:14">
      <c r="N906470" s="10"/>
    </row>
    <row r="906471" spans="14:14">
      <c r="N906471" s="10"/>
    </row>
    <row r="906472" spans="14:14">
      <c r="N906472" s="10"/>
    </row>
    <row r="906473" spans="14:14">
      <c r="N906473" s="10"/>
    </row>
    <row r="906474" spans="14:14">
      <c r="N906474" s="10"/>
    </row>
    <row r="906475" spans="14:14">
      <c r="N906475" s="10"/>
    </row>
    <row r="906476" spans="14:14">
      <c r="N906476" s="10"/>
    </row>
    <row r="906477" spans="14:14">
      <c r="N906477" s="10"/>
    </row>
    <row r="906478" spans="14:14">
      <c r="N906478" s="10"/>
    </row>
    <row r="906479" spans="14:14">
      <c r="N906479" s="10"/>
    </row>
    <row r="906480" spans="14:14">
      <c r="N906480" s="10"/>
    </row>
    <row r="906481" spans="14:14">
      <c r="N906481" s="10"/>
    </row>
    <row r="906482" spans="14:14">
      <c r="N906482" s="10"/>
    </row>
    <row r="906483" spans="14:14">
      <c r="N906483" s="10"/>
    </row>
    <row r="906484" spans="14:14">
      <c r="N906484" s="10"/>
    </row>
    <row r="906485" spans="14:14">
      <c r="N906485" s="10"/>
    </row>
    <row r="906486" spans="14:14">
      <c r="N906486" s="10"/>
    </row>
    <row r="906487" spans="14:14">
      <c r="N906487" s="10"/>
    </row>
    <row r="906488" spans="14:14">
      <c r="N906488" s="10"/>
    </row>
    <row r="906489" spans="14:14">
      <c r="N906489" s="10"/>
    </row>
    <row r="906490" spans="14:14">
      <c r="N906490" s="10"/>
    </row>
    <row r="906491" spans="14:14">
      <c r="N906491" s="10"/>
    </row>
    <row r="906492" spans="14:14">
      <c r="N906492" s="10"/>
    </row>
    <row r="906493" spans="14:14">
      <c r="N906493" s="10"/>
    </row>
    <row r="906494" spans="14:14">
      <c r="N906494" s="10"/>
    </row>
    <row r="906495" spans="14:14">
      <c r="N906495" s="10"/>
    </row>
    <row r="906496" spans="14:14">
      <c r="N906496" s="10"/>
    </row>
    <row r="906497" spans="14:14">
      <c r="N906497" s="10"/>
    </row>
    <row r="906498" spans="14:14">
      <c r="N906498" s="10"/>
    </row>
    <row r="906499" spans="14:14">
      <c r="N906499" s="10"/>
    </row>
    <row r="906500" spans="14:14">
      <c r="N906500" s="10"/>
    </row>
    <row r="906501" spans="14:14">
      <c r="N906501" s="10"/>
    </row>
    <row r="906502" spans="14:14">
      <c r="N906502" s="10"/>
    </row>
    <row r="906503" spans="14:14">
      <c r="N906503" s="10"/>
    </row>
    <row r="906504" spans="14:14">
      <c r="N906504" s="10"/>
    </row>
    <row r="906505" spans="14:14">
      <c r="N906505" s="10"/>
    </row>
    <row r="906506" spans="14:14">
      <c r="N906506" s="10"/>
    </row>
    <row r="906507" spans="14:14">
      <c r="N906507" s="10"/>
    </row>
    <row r="906508" spans="14:14">
      <c r="N906508" s="10"/>
    </row>
    <row r="906509" spans="14:14">
      <c r="N906509" s="10"/>
    </row>
    <row r="906510" spans="14:14">
      <c r="N906510" s="10"/>
    </row>
    <row r="906511" spans="14:14">
      <c r="N906511" s="10"/>
    </row>
    <row r="906512" spans="14:14">
      <c r="N906512" s="10"/>
    </row>
    <row r="906513" spans="14:14">
      <c r="N906513" s="10"/>
    </row>
    <row r="906514" spans="14:14">
      <c r="N906514" s="10"/>
    </row>
    <row r="906515" spans="14:14">
      <c r="N906515" s="10"/>
    </row>
    <row r="906516" spans="14:14">
      <c r="N906516" s="10"/>
    </row>
    <row r="906517" spans="14:14">
      <c r="N906517" s="10"/>
    </row>
    <row r="906518" spans="14:14">
      <c r="N906518" s="10"/>
    </row>
    <row r="906519" spans="14:14">
      <c r="N906519" s="10"/>
    </row>
    <row r="906520" spans="14:14">
      <c r="N906520" s="10"/>
    </row>
    <row r="906521" spans="14:14">
      <c r="N906521" s="10"/>
    </row>
    <row r="906522" spans="14:14">
      <c r="N906522" s="10"/>
    </row>
    <row r="906523" spans="14:14">
      <c r="N906523" s="10"/>
    </row>
    <row r="906524" spans="14:14">
      <c r="N906524" s="10"/>
    </row>
    <row r="906525" spans="14:14">
      <c r="N906525" s="10"/>
    </row>
    <row r="906526" spans="14:14">
      <c r="N906526" s="10"/>
    </row>
    <row r="906527" spans="14:14">
      <c r="N906527" s="10"/>
    </row>
    <row r="906528" spans="14:14">
      <c r="N906528" s="10"/>
    </row>
    <row r="906529" spans="14:14">
      <c r="N906529" s="10"/>
    </row>
    <row r="906530" spans="14:14">
      <c r="N906530" s="10"/>
    </row>
    <row r="906531" spans="14:14">
      <c r="N906531" s="10"/>
    </row>
    <row r="906532" spans="14:14">
      <c r="N906532" s="10"/>
    </row>
    <row r="906533" spans="14:14">
      <c r="N906533" s="10"/>
    </row>
    <row r="906534" spans="14:14">
      <c r="N906534" s="10"/>
    </row>
    <row r="906535" spans="14:14">
      <c r="N906535" s="10"/>
    </row>
    <row r="906536" spans="14:14">
      <c r="N906536" s="10"/>
    </row>
    <row r="906537" spans="14:14">
      <c r="N906537" s="10"/>
    </row>
    <row r="906538" spans="14:14">
      <c r="N906538" s="10"/>
    </row>
    <row r="906539" spans="14:14">
      <c r="N906539" s="10"/>
    </row>
    <row r="906540" spans="14:14">
      <c r="N906540" s="10"/>
    </row>
    <row r="906541" spans="14:14">
      <c r="N906541" s="10"/>
    </row>
    <row r="906542" spans="14:14">
      <c r="N906542" s="10"/>
    </row>
    <row r="906543" spans="14:14">
      <c r="N906543" s="10"/>
    </row>
    <row r="906544" spans="14:14">
      <c r="N906544" s="10"/>
    </row>
    <row r="906545" spans="14:14">
      <c r="N906545" s="10"/>
    </row>
    <row r="906546" spans="14:14">
      <c r="N906546" s="10"/>
    </row>
    <row r="906547" spans="14:14">
      <c r="N906547" s="10"/>
    </row>
    <row r="906548" spans="14:14">
      <c r="N906548" s="10"/>
    </row>
    <row r="906549" spans="14:14">
      <c r="N906549" s="10"/>
    </row>
    <row r="906550" spans="14:14">
      <c r="N906550" s="10"/>
    </row>
    <row r="906551" spans="14:14">
      <c r="N906551" s="10"/>
    </row>
    <row r="906552" spans="14:14">
      <c r="N906552" s="10"/>
    </row>
    <row r="906553" spans="14:14">
      <c r="N906553" s="10"/>
    </row>
    <row r="906554" spans="14:14">
      <c r="N906554" s="10"/>
    </row>
    <row r="906555" spans="14:14">
      <c r="N906555" s="10"/>
    </row>
    <row r="906556" spans="14:14">
      <c r="N906556" s="10"/>
    </row>
    <row r="906557" spans="14:14">
      <c r="N906557" s="10"/>
    </row>
    <row r="906558" spans="14:14">
      <c r="N906558" s="10"/>
    </row>
    <row r="906559" spans="14:14">
      <c r="N906559" s="10"/>
    </row>
    <row r="906560" spans="14:14">
      <c r="N906560" s="10"/>
    </row>
    <row r="906561" spans="14:14">
      <c r="N906561" s="10"/>
    </row>
    <row r="906562" spans="14:14">
      <c r="N906562" s="10"/>
    </row>
    <row r="906563" spans="14:14">
      <c r="N906563" s="10"/>
    </row>
    <row r="906564" spans="14:14">
      <c r="N906564" s="10"/>
    </row>
    <row r="906565" spans="14:14">
      <c r="N906565" s="10"/>
    </row>
    <row r="906566" spans="14:14">
      <c r="N906566" s="10"/>
    </row>
    <row r="906567" spans="14:14">
      <c r="N906567" s="10"/>
    </row>
    <row r="906568" spans="14:14">
      <c r="N906568" s="10"/>
    </row>
    <row r="906569" spans="14:14">
      <c r="N906569" s="10"/>
    </row>
    <row r="906570" spans="14:14">
      <c r="N906570" s="10"/>
    </row>
    <row r="906571" spans="14:14">
      <c r="N906571" s="10"/>
    </row>
    <row r="906572" spans="14:14">
      <c r="N906572" s="10"/>
    </row>
    <row r="906573" spans="14:14">
      <c r="N906573" s="10"/>
    </row>
    <row r="906574" spans="14:14">
      <c r="N906574" s="10"/>
    </row>
    <row r="906575" spans="14:14">
      <c r="N906575" s="10"/>
    </row>
    <row r="906576" spans="14:14">
      <c r="N906576" s="10"/>
    </row>
    <row r="906577" spans="14:14">
      <c r="N906577" s="10"/>
    </row>
    <row r="906578" spans="14:14">
      <c r="N906578" s="10"/>
    </row>
    <row r="906579" spans="14:14">
      <c r="N906579" s="10"/>
    </row>
    <row r="906580" spans="14:14">
      <c r="N906580" s="10"/>
    </row>
    <row r="906581" spans="14:14">
      <c r="N906581" s="10"/>
    </row>
    <row r="906582" spans="14:14">
      <c r="N906582" s="10"/>
    </row>
    <row r="906583" spans="14:14">
      <c r="N906583" s="10"/>
    </row>
    <row r="906584" spans="14:14">
      <c r="N906584" s="10"/>
    </row>
    <row r="906585" spans="14:14">
      <c r="N906585" s="10"/>
    </row>
    <row r="906586" spans="14:14">
      <c r="N906586" s="10"/>
    </row>
    <row r="906587" spans="14:14">
      <c r="N906587" s="10"/>
    </row>
    <row r="906588" spans="14:14">
      <c r="N906588" s="10"/>
    </row>
    <row r="906589" spans="14:14">
      <c r="N906589" s="10"/>
    </row>
    <row r="906590" spans="14:14">
      <c r="N906590" s="10"/>
    </row>
    <row r="906591" spans="14:14">
      <c r="N906591" s="10"/>
    </row>
    <row r="906592" spans="14:14">
      <c r="N906592" s="10"/>
    </row>
    <row r="906593" spans="14:14">
      <c r="N906593" s="10"/>
    </row>
    <row r="906594" spans="14:14">
      <c r="N906594" s="10"/>
    </row>
    <row r="906595" spans="14:14">
      <c r="N906595" s="10"/>
    </row>
    <row r="906596" spans="14:14">
      <c r="N906596" s="10"/>
    </row>
    <row r="906597" spans="14:14">
      <c r="N906597" s="10"/>
    </row>
    <row r="906598" spans="14:14">
      <c r="N906598" s="10"/>
    </row>
    <row r="906599" spans="14:14">
      <c r="N906599" s="10"/>
    </row>
    <row r="906600" spans="14:14">
      <c r="N906600" s="10"/>
    </row>
    <row r="906601" spans="14:14">
      <c r="N906601" s="10"/>
    </row>
    <row r="906602" spans="14:14">
      <c r="N906602" s="10"/>
    </row>
    <row r="906603" spans="14:14">
      <c r="N906603" s="10"/>
    </row>
    <row r="906604" spans="14:14">
      <c r="N906604" s="10"/>
    </row>
    <row r="906605" spans="14:14">
      <c r="N906605" s="10"/>
    </row>
    <row r="906606" spans="14:14">
      <c r="N906606" s="10"/>
    </row>
    <row r="906607" spans="14:14">
      <c r="N906607" s="10"/>
    </row>
    <row r="906608" spans="14:14">
      <c r="N906608" s="10"/>
    </row>
    <row r="906609" spans="14:14">
      <c r="N906609" s="10"/>
    </row>
    <row r="906610" spans="14:14">
      <c r="N906610" s="10"/>
    </row>
    <row r="906611" spans="14:14">
      <c r="N906611" s="10"/>
    </row>
    <row r="906612" spans="14:14">
      <c r="N906612" s="10"/>
    </row>
    <row r="906613" spans="14:14">
      <c r="N906613" s="10"/>
    </row>
    <row r="906614" spans="14:14">
      <c r="N906614" s="10"/>
    </row>
    <row r="906615" spans="14:14">
      <c r="N906615" s="10"/>
    </row>
    <row r="906616" spans="14:14">
      <c r="N906616" s="10"/>
    </row>
    <row r="906617" spans="14:14">
      <c r="N906617" s="10"/>
    </row>
    <row r="906618" spans="14:14">
      <c r="N906618" s="10"/>
    </row>
    <row r="906619" spans="14:14">
      <c r="N906619" s="10"/>
    </row>
    <row r="906620" spans="14:14">
      <c r="N906620" s="10"/>
    </row>
    <row r="906621" spans="14:14">
      <c r="N906621" s="10"/>
    </row>
    <row r="906622" spans="14:14">
      <c r="N906622" s="10"/>
    </row>
    <row r="906623" spans="14:14">
      <c r="N906623" s="10"/>
    </row>
    <row r="906624" spans="14:14">
      <c r="N906624" s="10"/>
    </row>
    <row r="906625" spans="14:14">
      <c r="N906625" s="10"/>
    </row>
    <row r="906626" spans="14:14">
      <c r="N906626" s="10"/>
    </row>
    <row r="906627" spans="14:14">
      <c r="N906627" s="10"/>
    </row>
    <row r="906628" spans="14:14">
      <c r="N906628" s="10"/>
    </row>
    <row r="906629" spans="14:14">
      <c r="N906629" s="10"/>
    </row>
    <row r="906630" spans="14:14">
      <c r="N906630" s="10"/>
    </row>
    <row r="906631" spans="14:14">
      <c r="N906631" s="10"/>
    </row>
    <row r="906632" spans="14:14">
      <c r="N906632" s="10"/>
    </row>
    <row r="906633" spans="14:14">
      <c r="N906633" s="10"/>
    </row>
    <row r="906634" spans="14:14">
      <c r="N906634" s="10"/>
    </row>
    <row r="906635" spans="14:14">
      <c r="N906635" s="10"/>
    </row>
    <row r="906636" spans="14:14">
      <c r="N906636" s="10"/>
    </row>
    <row r="906637" spans="14:14">
      <c r="N906637" s="10"/>
    </row>
    <row r="906638" spans="14:14">
      <c r="N906638" s="10"/>
    </row>
    <row r="906639" spans="14:14">
      <c r="N906639" s="10"/>
    </row>
    <row r="906640" spans="14:14">
      <c r="N906640" s="10"/>
    </row>
    <row r="906641" spans="14:14">
      <c r="N906641" s="10"/>
    </row>
    <row r="906642" spans="14:14">
      <c r="N906642" s="10"/>
    </row>
    <row r="906643" spans="14:14">
      <c r="N906643" s="10"/>
    </row>
    <row r="906644" spans="14:14">
      <c r="N906644" s="10"/>
    </row>
    <row r="906645" spans="14:14">
      <c r="N906645" s="10"/>
    </row>
    <row r="906646" spans="14:14">
      <c r="N906646" s="10"/>
    </row>
    <row r="906647" spans="14:14">
      <c r="N906647" s="10"/>
    </row>
    <row r="906648" spans="14:14">
      <c r="N906648" s="10"/>
    </row>
    <row r="906649" spans="14:14">
      <c r="N906649" s="10"/>
    </row>
    <row r="906650" spans="14:14">
      <c r="N906650" s="10"/>
    </row>
    <row r="906651" spans="14:14">
      <c r="N906651" s="10"/>
    </row>
    <row r="906652" spans="14:14">
      <c r="N906652" s="10"/>
    </row>
    <row r="906653" spans="14:14">
      <c r="N906653" s="10"/>
    </row>
    <row r="906654" spans="14:14">
      <c r="N906654" s="10"/>
    </row>
    <row r="906655" spans="14:14">
      <c r="N906655" s="10"/>
    </row>
    <row r="906656" spans="14:14">
      <c r="N906656" s="10"/>
    </row>
    <row r="906657" spans="14:14">
      <c r="N906657" s="10"/>
    </row>
    <row r="906658" spans="14:14">
      <c r="N906658" s="10"/>
    </row>
    <row r="906659" spans="14:14">
      <c r="N906659" s="10"/>
    </row>
    <row r="906660" spans="14:14">
      <c r="N906660" s="10"/>
    </row>
    <row r="906661" spans="14:14">
      <c r="N906661" s="10"/>
    </row>
    <row r="906662" spans="14:14">
      <c r="N906662" s="10"/>
    </row>
    <row r="906663" spans="14:14">
      <c r="N906663" s="10"/>
    </row>
    <row r="906664" spans="14:14">
      <c r="N906664" s="10"/>
    </row>
    <row r="906665" spans="14:14">
      <c r="N906665" s="10"/>
    </row>
    <row r="906666" spans="14:14">
      <c r="N906666" s="10"/>
    </row>
    <row r="906667" spans="14:14">
      <c r="N906667" s="10"/>
    </row>
    <row r="906668" spans="14:14">
      <c r="N906668" s="10"/>
    </row>
    <row r="906669" spans="14:14">
      <c r="N906669" s="10"/>
    </row>
    <row r="906670" spans="14:14">
      <c r="N906670" s="10"/>
    </row>
    <row r="906671" spans="14:14">
      <c r="N906671" s="10"/>
    </row>
    <row r="906672" spans="14:14">
      <c r="N906672" s="10"/>
    </row>
    <row r="906673" spans="14:14">
      <c r="N906673" s="10"/>
    </row>
    <row r="906674" spans="14:14">
      <c r="N906674" s="10"/>
    </row>
    <row r="906675" spans="14:14">
      <c r="N906675" s="10"/>
    </row>
    <row r="906676" spans="14:14">
      <c r="N906676" s="10"/>
    </row>
    <row r="906677" spans="14:14">
      <c r="N906677" s="10"/>
    </row>
    <row r="906678" spans="14:14">
      <c r="N906678" s="10"/>
    </row>
    <row r="906679" spans="14:14">
      <c r="N906679" s="10"/>
    </row>
    <row r="906680" spans="14:14">
      <c r="N906680" s="10"/>
    </row>
    <row r="906681" spans="14:14">
      <c r="N906681" s="10"/>
    </row>
    <row r="906682" spans="14:14">
      <c r="N906682" s="10"/>
    </row>
    <row r="906683" spans="14:14">
      <c r="N906683" s="10"/>
    </row>
    <row r="906684" spans="14:14">
      <c r="N906684" s="10"/>
    </row>
    <row r="906685" spans="14:14">
      <c r="N906685" s="10"/>
    </row>
    <row r="906686" spans="14:14">
      <c r="N906686" s="10"/>
    </row>
    <row r="906687" spans="14:14">
      <c r="N906687" s="10"/>
    </row>
    <row r="906688" spans="14:14">
      <c r="N906688" s="10"/>
    </row>
    <row r="906689" spans="14:14">
      <c r="N906689" s="10"/>
    </row>
    <row r="906690" spans="14:14">
      <c r="N906690" s="10"/>
    </row>
    <row r="906691" spans="14:14">
      <c r="N906691" s="10"/>
    </row>
    <row r="906692" spans="14:14">
      <c r="N906692" s="10"/>
    </row>
    <row r="906693" spans="14:14">
      <c r="N906693" s="10"/>
    </row>
    <row r="906694" spans="14:14">
      <c r="N906694" s="10"/>
    </row>
    <row r="906695" spans="14:14">
      <c r="N906695" s="10"/>
    </row>
    <row r="906696" spans="14:14">
      <c r="N906696" s="10"/>
    </row>
    <row r="906697" spans="14:14">
      <c r="N906697" s="10"/>
    </row>
    <row r="906698" spans="14:14">
      <c r="N906698" s="10"/>
    </row>
    <row r="906699" spans="14:14">
      <c r="N906699" s="10"/>
    </row>
    <row r="906700" spans="14:14">
      <c r="N906700" s="10"/>
    </row>
    <row r="906701" spans="14:14">
      <c r="N906701" s="10"/>
    </row>
    <row r="906702" spans="14:14">
      <c r="N906702" s="10"/>
    </row>
    <row r="906703" spans="14:14">
      <c r="N906703" s="10"/>
    </row>
    <row r="906704" spans="14:14">
      <c r="N906704" s="10"/>
    </row>
    <row r="906705" spans="14:14">
      <c r="N906705" s="10"/>
    </row>
    <row r="906706" spans="14:14">
      <c r="N906706" s="10"/>
    </row>
    <row r="906707" spans="14:14">
      <c r="N906707" s="10"/>
    </row>
    <row r="906708" spans="14:14">
      <c r="N906708" s="10"/>
    </row>
    <row r="906709" spans="14:14">
      <c r="N906709" s="10"/>
    </row>
    <row r="906710" spans="14:14">
      <c r="N906710" s="10"/>
    </row>
    <row r="906711" spans="14:14">
      <c r="N906711" s="10"/>
    </row>
    <row r="906712" spans="14:14">
      <c r="N906712" s="10"/>
    </row>
    <row r="906713" spans="14:14">
      <c r="N906713" s="10"/>
    </row>
    <row r="906714" spans="14:14">
      <c r="N906714" s="10"/>
    </row>
    <row r="906715" spans="14:14">
      <c r="N906715" s="10"/>
    </row>
    <row r="906716" spans="14:14">
      <c r="N906716" s="10"/>
    </row>
    <row r="906717" spans="14:14">
      <c r="N906717" s="10"/>
    </row>
    <row r="906718" spans="14:14">
      <c r="N906718" s="10"/>
    </row>
    <row r="906719" spans="14:14">
      <c r="N906719" s="10"/>
    </row>
    <row r="906720" spans="14:14">
      <c r="N906720" s="10"/>
    </row>
    <row r="906721" spans="14:14">
      <c r="N906721" s="10"/>
    </row>
    <row r="906722" spans="14:14">
      <c r="N906722" s="10"/>
    </row>
    <row r="906723" spans="14:14">
      <c r="N906723" s="10"/>
    </row>
    <row r="906724" spans="14:14">
      <c r="N906724" s="10"/>
    </row>
    <row r="906725" spans="14:14">
      <c r="N906725" s="10"/>
    </row>
    <row r="906726" spans="14:14">
      <c r="N906726" s="10"/>
    </row>
    <row r="906727" spans="14:14">
      <c r="N906727" s="10"/>
    </row>
    <row r="906728" spans="14:14">
      <c r="N906728" s="10"/>
    </row>
    <row r="906729" spans="14:14">
      <c r="N906729" s="10"/>
    </row>
    <row r="906730" spans="14:14">
      <c r="N906730" s="10"/>
    </row>
    <row r="906731" spans="14:14">
      <c r="N906731" s="10"/>
    </row>
    <row r="906732" spans="14:14">
      <c r="N906732" s="10"/>
    </row>
    <row r="906733" spans="14:14">
      <c r="N906733" s="10"/>
    </row>
    <row r="906734" spans="14:14">
      <c r="N906734" s="10"/>
    </row>
    <row r="906735" spans="14:14">
      <c r="N906735" s="10"/>
    </row>
    <row r="906736" spans="14:14">
      <c r="N906736" s="10"/>
    </row>
    <row r="906737" spans="14:14">
      <c r="N906737" s="10"/>
    </row>
    <row r="906738" spans="14:14">
      <c r="N906738" s="10"/>
    </row>
    <row r="906739" spans="14:14">
      <c r="N906739" s="10"/>
    </row>
    <row r="906740" spans="14:14">
      <c r="N906740" s="10"/>
    </row>
    <row r="906741" spans="14:14">
      <c r="N906741" s="10"/>
    </row>
    <row r="906742" spans="14:14">
      <c r="N906742" s="10"/>
    </row>
    <row r="906743" spans="14:14">
      <c r="N906743" s="10"/>
    </row>
    <row r="906744" spans="14:14">
      <c r="N906744" s="10"/>
    </row>
    <row r="906745" spans="14:14">
      <c r="N906745" s="10"/>
    </row>
    <row r="906746" spans="14:14">
      <c r="N906746" s="10"/>
    </row>
    <row r="906747" spans="14:14">
      <c r="N906747" s="10"/>
    </row>
    <row r="906748" spans="14:14">
      <c r="N906748" s="10"/>
    </row>
    <row r="906749" spans="14:14">
      <c r="N906749" s="10"/>
    </row>
    <row r="906750" spans="14:14">
      <c r="N906750" s="10"/>
    </row>
    <row r="906751" spans="14:14">
      <c r="N906751" s="10"/>
    </row>
    <row r="906752" spans="14:14">
      <c r="N906752" s="10"/>
    </row>
    <row r="906753" spans="14:14">
      <c r="N906753" s="10"/>
    </row>
    <row r="906754" spans="14:14">
      <c r="N906754" s="10"/>
    </row>
    <row r="906755" spans="14:14">
      <c r="N906755" s="10"/>
    </row>
    <row r="906756" spans="14:14">
      <c r="N906756" s="10"/>
    </row>
    <row r="906757" spans="14:14">
      <c r="N906757" s="10"/>
    </row>
    <row r="906758" spans="14:14">
      <c r="N906758" s="10"/>
    </row>
    <row r="906759" spans="14:14">
      <c r="N906759" s="10"/>
    </row>
    <row r="906760" spans="14:14">
      <c r="N906760" s="10"/>
    </row>
    <row r="906761" spans="14:14">
      <c r="N906761" s="10"/>
    </row>
    <row r="906762" spans="14:14">
      <c r="N906762" s="10"/>
    </row>
    <row r="906763" spans="14:14">
      <c r="N906763" s="10"/>
    </row>
    <row r="906764" spans="14:14">
      <c r="N906764" s="10"/>
    </row>
    <row r="906765" spans="14:14">
      <c r="N906765" s="10"/>
    </row>
    <row r="906766" spans="14:14">
      <c r="N906766" s="10"/>
    </row>
    <row r="906767" spans="14:14">
      <c r="N906767" s="10"/>
    </row>
    <row r="906768" spans="14:14">
      <c r="N906768" s="10"/>
    </row>
    <row r="906769" spans="14:14">
      <c r="N906769" s="10"/>
    </row>
    <row r="906770" spans="14:14">
      <c r="N906770" s="10"/>
    </row>
    <row r="906771" spans="14:14">
      <c r="N906771" s="10"/>
    </row>
    <row r="906772" spans="14:14">
      <c r="N906772" s="10"/>
    </row>
    <row r="906773" spans="14:14">
      <c r="N906773" s="10"/>
    </row>
    <row r="906774" spans="14:14">
      <c r="N906774" s="10"/>
    </row>
    <row r="906775" spans="14:14">
      <c r="N906775" s="10"/>
    </row>
    <row r="906776" spans="14:14">
      <c r="N906776" s="10"/>
    </row>
    <row r="906777" spans="14:14">
      <c r="N906777" s="10"/>
    </row>
    <row r="906778" spans="14:14">
      <c r="N906778" s="10"/>
    </row>
    <row r="906779" spans="14:14">
      <c r="N906779" s="10"/>
    </row>
    <row r="906780" spans="14:14">
      <c r="N906780" s="10"/>
    </row>
    <row r="906781" spans="14:14">
      <c r="N906781" s="10"/>
    </row>
    <row r="906782" spans="14:14">
      <c r="N906782" s="10"/>
    </row>
    <row r="906783" spans="14:14">
      <c r="N906783" s="10"/>
    </row>
    <row r="906784" spans="14:14">
      <c r="N906784" s="10"/>
    </row>
    <row r="906785" spans="14:14">
      <c r="N906785" s="10"/>
    </row>
    <row r="906786" spans="14:14">
      <c r="N906786" s="10"/>
    </row>
    <row r="906787" spans="14:14">
      <c r="N906787" s="10"/>
    </row>
    <row r="906788" spans="14:14">
      <c r="N906788" s="10"/>
    </row>
    <row r="906789" spans="14:14">
      <c r="N906789" s="10"/>
    </row>
    <row r="906790" spans="14:14">
      <c r="N906790" s="10"/>
    </row>
    <row r="906791" spans="14:14">
      <c r="N906791" s="10"/>
    </row>
    <row r="906792" spans="14:14">
      <c r="N906792" s="10"/>
    </row>
    <row r="906793" spans="14:14">
      <c r="N906793" s="10"/>
    </row>
    <row r="906794" spans="14:14">
      <c r="N906794" s="10"/>
    </row>
    <row r="906795" spans="14:14">
      <c r="N906795" s="10"/>
    </row>
    <row r="906796" spans="14:14">
      <c r="N906796" s="10"/>
    </row>
    <row r="906797" spans="14:14">
      <c r="N906797" s="10"/>
    </row>
    <row r="906798" spans="14:14">
      <c r="N906798" s="10"/>
    </row>
    <row r="906799" spans="14:14">
      <c r="N906799" s="10"/>
    </row>
    <row r="906800" spans="14:14">
      <c r="N906800" s="10"/>
    </row>
    <row r="906801" spans="14:14">
      <c r="N906801" s="10"/>
    </row>
    <row r="906802" spans="14:14">
      <c r="N906802" s="10"/>
    </row>
    <row r="906803" spans="14:14">
      <c r="N906803" s="10"/>
    </row>
    <row r="906804" spans="14:14">
      <c r="N906804" s="10"/>
    </row>
    <row r="906805" spans="14:14">
      <c r="N906805" s="10"/>
    </row>
    <row r="906806" spans="14:14">
      <c r="N906806" s="10"/>
    </row>
    <row r="906807" spans="14:14">
      <c r="N906807" s="10"/>
    </row>
    <row r="906808" spans="14:14">
      <c r="N906808" s="10"/>
    </row>
    <row r="906809" spans="14:14">
      <c r="N906809" s="10"/>
    </row>
    <row r="906810" spans="14:14">
      <c r="N906810" s="10"/>
    </row>
    <row r="906811" spans="14:14">
      <c r="N906811" s="10"/>
    </row>
    <row r="906812" spans="14:14">
      <c r="N906812" s="10"/>
    </row>
    <row r="906813" spans="14:14">
      <c r="N906813" s="10"/>
    </row>
    <row r="906814" spans="14:14">
      <c r="N906814" s="10"/>
    </row>
    <row r="906815" spans="14:14">
      <c r="N906815" s="10"/>
    </row>
    <row r="906816" spans="14:14">
      <c r="N906816" s="10"/>
    </row>
    <row r="906817" spans="14:14">
      <c r="N906817" s="10"/>
    </row>
    <row r="906818" spans="14:14">
      <c r="N906818" s="10"/>
    </row>
    <row r="906819" spans="14:14">
      <c r="N906819" s="10"/>
    </row>
    <row r="906820" spans="14:14">
      <c r="N906820" s="10"/>
    </row>
    <row r="906821" spans="14:14">
      <c r="N906821" s="10"/>
    </row>
    <row r="906822" spans="14:14">
      <c r="N906822" s="10"/>
    </row>
    <row r="906823" spans="14:14">
      <c r="N906823" s="10"/>
    </row>
    <row r="906824" spans="14:14">
      <c r="N906824" s="10"/>
    </row>
    <row r="906825" spans="14:14">
      <c r="N906825" s="10"/>
    </row>
    <row r="906826" spans="14:14">
      <c r="N906826" s="10"/>
    </row>
    <row r="906827" spans="14:14">
      <c r="N906827" s="10"/>
    </row>
    <row r="906828" spans="14:14">
      <c r="N906828" s="10"/>
    </row>
    <row r="906829" spans="14:14">
      <c r="N906829" s="10"/>
    </row>
    <row r="906830" spans="14:14">
      <c r="N906830" s="10"/>
    </row>
    <row r="906831" spans="14:14">
      <c r="N906831" s="10"/>
    </row>
    <row r="906832" spans="14:14">
      <c r="N906832" s="10"/>
    </row>
    <row r="906833" spans="14:14">
      <c r="N906833" s="10"/>
    </row>
    <row r="906834" spans="14:14">
      <c r="N906834" s="10"/>
    </row>
    <row r="906835" spans="14:14">
      <c r="N906835" s="10"/>
    </row>
    <row r="906836" spans="14:14">
      <c r="N906836" s="10"/>
    </row>
    <row r="906837" spans="14:14">
      <c r="N906837" s="10"/>
    </row>
    <row r="906838" spans="14:14">
      <c r="N906838" s="10"/>
    </row>
    <row r="906839" spans="14:14">
      <c r="N906839" s="10"/>
    </row>
    <row r="906840" spans="14:14">
      <c r="N906840" s="10"/>
    </row>
    <row r="906841" spans="14:14">
      <c r="N906841" s="10"/>
    </row>
    <row r="906842" spans="14:14">
      <c r="N906842" s="10"/>
    </row>
    <row r="906843" spans="14:14">
      <c r="N906843" s="10"/>
    </row>
    <row r="906844" spans="14:14">
      <c r="N906844" s="10"/>
    </row>
    <row r="906845" spans="14:14">
      <c r="N906845" s="10"/>
    </row>
    <row r="906846" spans="14:14">
      <c r="N906846" s="10"/>
    </row>
    <row r="906847" spans="14:14">
      <c r="N906847" s="10"/>
    </row>
    <row r="906848" spans="14:14">
      <c r="N906848" s="10"/>
    </row>
    <row r="906849" spans="14:14">
      <c r="N906849" s="10"/>
    </row>
    <row r="906850" spans="14:14">
      <c r="N906850" s="10"/>
    </row>
    <row r="906851" spans="14:14">
      <c r="N906851" s="10"/>
    </row>
    <row r="906852" spans="14:14">
      <c r="N906852" s="10"/>
    </row>
    <row r="906853" spans="14:14">
      <c r="N906853" s="10"/>
    </row>
    <row r="906854" spans="14:14">
      <c r="N906854" s="10"/>
    </row>
    <row r="906855" spans="14:14">
      <c r="N906855" s="10"/>
    </row>
    <row r="906856" spans="14:14">
      <c r="N906856" s="10"/>
    </row>
    <row r="906857" spans="14:14">
      <c r="N906857" s="10"/>
    </row>
    <row r="906858" spans="14:14">
      <c r="N906858" s="10"/>
    </row>
    <row r="906859" spans="14:14">
      <c r="N906859" s="10"/>
    </row>
    <row r="906860" spans="14:14">
      <c r="N906860" s="10"/>
    </row>
    <row r="906861" spans="14:14">
      <c r="N906861" s="10"/>
    </row>
    <row r="906862" spans="14:14">
      <c r="N906862" s="10"/>
    </row>
    <row r="906863" spans="14:14">
      <c r="N906863" s="10"/>
    </row>
    <row r="906864" spans="14:14">
      <c r="N906864" s="10"/>
    </row>
    <row r="906865" spans="14:14">
      <c r="N906865" s="10"/>
    </row>
    <row r="906866" spans="14:14">
      <c r="N906866" s="10"/>
    </row>
    <row r="906867" spans="14:14">
      <c r="N906867" s="10"/>
    </row>
    <row r="906868" spans="14:14">
      <c r="N906868" s="10"/>
    </row>
    <row r="906869" spans="14:14">
      <c r="N906869" s="10"/>
    </row>
    <row r="906870" spans="14:14">
      <c r="N906870" s="10"/>
    </row>
    <row r="906871" spans="14:14">
      <c r="N906871" s="10"/>
    </row>
    <row r="906872" spans="14:14">
      <c r="N906872" s="10"/>
    </row>
    <row r="906873" spans="14:14">
      <c r="N906873" s="10"/>
    </row>
    <row r="906874" spans="14:14">
      <c r="N906874" s="10"/>
    </row>
    <row r="906875" spans="14:14">
      <c r="N906875" s="10"/>
    </row>
    <row r="906876" spans="14:14">
      <c r="N906876" s="10"/>
    </row>
    <row r="906877" spans="14:14">
      <c r="N906877" s="10"/>
    </row>
    <row r="906878" spans="14:14">
      <c r="N906878" s="10"/>
    </row>
    <row r="906879" spans="14:14">
      <c r="N906879" s="10"/>
    </row>
    <row r="906880" spans="14:14">
      <c r="N906880" s="10"/>
    </row>
    <row r="906881" spans="14:14">
      <c r="N906881" s="10"/>
    </row>
    <row r="906882" spans="14:14">
      <c r="N906882" s="10"/>
    </row>
    <row r="906883" spans="14:14">
      <c r="N906883" s="10"/>
    </row>
    <row r="906884" spans="14:14">
      <c r="N906884" s="10"/>
    </row>
    <row r="906885" spans="14:14">
      <c r="N906885" s="10"/>
    </row>
    <row r="906886" spans="14:14">
      <c r="N906886" s="10"/>
    </row>
    <row r="906887" spans="14:14">
      <c r="N906887" s="10"/>
    </row>
    <row r="906888" spans="14:14">
      <c r="N906888" s="10"/>
    </row>
    <row r="906889" spans="14:14">
      <c r="N906889" s="10"/>
    </row>
    <row r="906890" spans="14:14">
      <c r="N906890" s="10"/>
    </row>
    <row r="906891" spans="14:14">
      <c r="N906891" s="10"/>
    </row>
    <row r="906892" spans="14:14">
      <c r="N906892" s="10"/>
    </row>
    <row r="906893" spans="14:14">
      <c r="N906893" s="10"/>
    </row>
    <row r="906894" spans="14:14">
      <c r="N906894" s="10"/>
    </row>
    <row r="906895" spans="14:14">
      <c r="N906895" s="10"/>
    </row>
    <row r="906896" spans="14:14">
      <c r="N906896" s="10"/>
    </row>
    <row r="906897" spans="14:14">
      <c r="N906897" s="10"/>
    </row>
    <row r="906898" spans="14:14">
      <c r="N906898" s="10"/>
    </row>
    <row r="906899" spans="14:14">
      <c r="N906899" s="10"/>
    </row>
    <row r="906900" spans="14:14">
      <c r="N906900" s="10"/>
    </row>
    <row r="906901" spans="14:14">
      <c r="N906901" s="10"/>
    </row>
    <row r="906902" spans="14:14">
      <c r="N906902" s="10"/>
    </row>
    <row r="906903" spans="14:14">
      <c r="N906903" s="10"/>
    </row>
    <row r="906904" spans="14:14">
      <c r="N906904" s="10"/>
    </row>
    <row r="906905" spans="14:14">
      <c r="N906905" s="10"/>
    </row>
    <row r="906906" spans="14:14">
      <c r="N906906" s="10"/>
    </row>
    <row r="906907" spans="14:14">
      <c r="N906907" s="10"/>
    </row>
    <row r="906908" spans="14:14">
      <c r="N906908" s="10"/>
    </row>
    <row r="906909" spans="14:14">
      <c r="N906909" s="10"/>
    </row>
    <row r="906910" spans="14:14">
      <c r="N906910" s="10"/>
    </row>
    <row r="906911" spans="14:14">
      <c r="N906911" s="10"/>
    </row>
    <row r="906912" spans="14:14">
      <c r="N906912" s="10"/>
    </row>
    <row r="906913" spans="14:14">
      <c r="N906913" s="10"/>
    </row>
    <row r="906914" spans="14:14">
      <c r="N906914" s="10"/>
    </row>
    <row r="906915" spans="14:14">
      <c r="N906915" s="10"/>
    </row>
    <row r="906916" spans="14:14">
      <c r="N906916" s="10"/>
    </row>
    <row r="906917" spans="14:14">
      <c r="N906917" s="10"/>
    </row>
    <row r="906918" spans="14:14">
      <c r="N906918" s="10"/>
    </row>
    <row r="906919" spans="14:14">
      <c r="N906919" s="10"/>
    </row>
    <row r="906920" spans="14:14">
      <c r="N906920" s="10"/>
    </row>
    <row r="906921" spans="14:14">
      <c r="N906921" s="10"/>
    </row>
    <row r="906922" spans="14:14">
      <c r="N906922" s="10"/>
    </row>
    <row r="906923" spans="14:14">
      <c r="N906923" s="10"/>
    </row>
    <row r="906924" spans="14:14">
      <c r="N906924" s="10"/>
    </row>
    <row r="906925" spans="14:14">
      <c r="N906925" s="10"/>
    </row>
    <row r="906926" spans="14:14">
      <c r="N906926" s="10"/>
    </row>
    <row r="906927" spans="14:14">
      <c r="N906927" s="10"/>
    </row>
    <row r="906928" spans="14:14">
      <c r="N906928" s="10"/>
    </row>
    <row r="906929" spans="14:14">
      <c r="N906929" s="10"/>
    </row>
    <row r="906930" spans="14:14">
      <c r="N906930" s="10"/>
    </row>
    <row r="906931" spans="14:14">
      <c r="N906931" s="10"/>
    </row>
    <row r="906932" spans="14:14">
      <c r="N906932" s="10"/>
    </row>
    <row r="906933" spans="14:14">
      <c r="N906933" s="10"/>
    </row>
    <row r="906934" spans="14:14">
      <c r="N906934" s="10"/>
    </row>
    <row r="906935" spans="14:14">
      <c r="N906935" s="10"/>
    </row>
    <row r="906936" spans="14:14">
      <c r="N906936" s="10"/>
    </row>
    <row r="906937" spans="14:14">
      <c r="N906937" s="10"/>
    </row>
    <row r="906938" spans="14:14">
      <c r="N906938" s="10"/>
    </row>
    <row r="906939" spans="14:14">
      <c r="N906939" s="10"/>
    </row>
    <row r="906940" spans="14:14">
      <c r="N906940" s="10"/>
    </row>
    <row r="906941" spans="14:14">
      <c r="N906941" s="10"/>
    </row>
    <row r="906942" spans="14:14">
      <c r="N906942" s="10"/>
    </row>
    <row r="906943" spans="14:14">
      <c r="N906943" s="10"/>
    </row>
    <row r="906944" spans="14:14">
      <c r="N906944" s="10"/>
    </row>
    <row r="906945" spans="14:14">
      <c r="N906945" s="10"/>
    </row>
    <row r="906946" spans="14:14">
      <c r="N906946" s="10"/>
    </row>
    <row r="906947" spans="14:14">
      <c r="N906947" s="10"/>
    </row>
    <row r="906948" spans="14:14">
      <c r="N906948" s="10"/>
    </row>
    <row r="906949" spans="14:14">
      <c r="N906949" s="10"/>
    </row>
    <row r="906950" spans="14:14">
      <c r="N906950" s="10"/>
    </row>
    <row r="906951" spans="14:14">
      <c r="N906951" s="10"/>
    </row>
    <row r="906952" spans="14:14">
      <c r="N906952" s="10"/>
    </row>
    <row r="906953" spans="14:14">
      <c r="N906953" s="10"/>
    </row>
    <row r="906954" spans="14:14">
      <c r="N906954" s="10"/>
    </row>
    <row r="906955" spans="14:14">
      <c r="N906955" s="10"/>
    </row>
    <row r="906956" spans="14:14">
      <c r="N906956" s="10"/>
    </row>
    <row r="906957" spans="14:14">
      <c r="N906957" s="10"/>
    </row>
    <row r="906958" spans="14:14">
      <c r="N906958" s="10"/>
    </row>
    <row r="906959" spans="14:14">
      <c r="N906959" s="10"/>
    </row>
    <row r="906960" spans="14:14">
      <c r="N906960" s="10"/>
    </row>
    <row r="906961" spans="14:14">
      <c r="N906961" s="10"/>
    </row>
    <row r="906962" spans="14:14">
      <c r="N906962" s="10"/>
    </row>
    <row r="906963" spans="14:14">
      <c r="N906963" s="10"/>
    </row>
    <row r="906964" spans="14:14">
      <c r="N906964" s="10"/>
    </row>
    <row r="906965" spans="14:14">
      <c r="N906965" s="10"/>
    </row>
    <row r="906966" spans="14:14">
      <c r="N906966" s="10"/>
    </row>
    <row r="906967" spans="14:14">
      <c r="N906967" s="10"/>
    </row>
    <row r="906968" spans="14:14">
      <c r="N906968" s="10"/>
    </row>
    <row r="906969" spans="14:14">
      <c r="N906969" s="10"/>
    </row>
    <row r="906970" spans="14:14">
      <c r="N906970" s="10"/>
    </row>
    <row r="906971" spans="14:14">
      <c r="N906971" s="10"/>
    </row>
    <row r="906972" spans="14:14">
      <c r="N906972" s="10"/>
    </row>
    <row r="906973" spans="14:14">
      <c r="N906973" s="10"/>
    </row>
    <row r="906974" spans="14:14">
      <c r="N906974" s="10"/>
    </row>
    <row r="906975" spans="14:14">
      <c r="N906975" s="10"/>
    </row>
    <row r="906976" spans="14:14">
      <c r="N906976" s="10"/>
    </row>
    <row r="906977" spans="14:14">
      <c r="N906977" s="10"/>
    </row>
    <row r="906978" spans="14:14">
      <c r="N906978" s="10"/>
    </row>
    <row r="906979" spans="14:14">
      <c r="N906979" s="10"/>
    </row>
    <row r="906980" spans="14:14">
      <c r="N906980" s="10"/>
    </row>
    <row r="906981" spans="14:14">
      <c r="N906981" s="10"/>
    </row>
    <row r="906982" spans="14:14">
      <c r="N906982" s="10"/>
    </row>
    <row r="906983" spans="14:14">
      <c r="N906983" s="10"/>
    </row>
    <row r="906984" spans="14:14">
      <c r="N906984" s="10"/>
    </row>
    <row r="906985" spans="14:14">
      <c r="N906985" s="10"/>
    </row>
    <row r="906986" spans="14:14">
      <c r="N906986" s="10"/>
    </row>
    <row r="906987" spans="14:14">
      <c r="N906987" s="10"/>
    </row>
    <row r="906988" spans="14:14">
      <c r="N906988" s="10"/>
    </row>
    <row r="906989" spans="14:14">
      <c r="N906989" s="10"/>
    </row>
    <row r="906990" spans="14:14">
      <c r="N906990" s="10"/>
    </row>
    <row r="906991" spans="14:14">
      <c r="N906991" s="10"/>
    </row>
    <row r="906992" spans="14:14">
      <c r="N906992" s="10"/>
    </row>
    <row r="906993" spans="14:14">
      <c r="N906993" s="10"/>
    </row>
    <row r="906994" spans="14:14">
      <c r="N906994" s="10"/>
    </row>
    <row r="906995" spans="14:14">
      <c r="N906995" s="10"/>
    </row>
    <row r="906996" spans="14:14">
      <c r="N906996" s="10"/>
    </row>
    <row r="906997" spans="14:14">
      <c r="N906997" s="10"/>
    </row>
    <row r="906998" spans="14:14">
      <c r="N906998" s="10"/>
    </row>
    <row r="906999" spans="14:14">
      <c r="N906999" s="10"/>
    </row>
    <row r="907000" spans="14:14">
      <c r="N907000" s="10"/>
    </row>
    <row r="907001" spans="14:14">
      <c r="N907001" s="10"/>
    </row>
    <row r="907002" spans="14:14">
      <c r="N907002" s="10"/>
    </row>
    <row r="907003" spans="14:14">
      <c r="N907003" s="10"/>
    </row>
    <row r="907004" spans="14:14">
      <c r="N907004" s="10"/>
    </row>
    <row r="907005" spans="14:14">
      <c r="N907005" s="10"/>
    </row>
    <row r="907006" spans="14:14">
      <c r="N907006" s="10"/>
    </row>
    <row r="907007" spans="14:14">
      <c r="N907007" s="10"/>
    </row>
    <row r="907008" spans="14:14">
      <c r="N907008" s="10"/>
    </row>
    <row r="907009" spans="14:14">
      <c r="N907009" s="10"/>
    </row>
    <row r="907010" spans="14:14">
      <c r="N907010" s="10"/>
    </row>
    <row r="907011" spans="14:14">
      <c r="N907011" s="10"/>
    </row>
    <row r="907012" spans="14:14">
      <c r="N907012" s="10"/>
    </row>
    <row r="907013" spans="14:14">
      <c r="N907013" s="10"/>
    </row>
    <row r="907014" spans="14:14">
      <c r="N907014" s="10"/>
    </row>
    <row r="907015" spans="14:14">
      <c r="N907015" s="10"/>
    </row>
    <row r="907016" spans="14:14">
      <c r="N907016" s="10"/>
    </row>
    <row r="907017" spans="14:14">
      <c r="N907017" s="10"/>
    </row>
    <row r="907018" spans="14:14">
      <c r="N907018" s="10"/>
    </row>
    <row r="907019" spans="14:14">
      <c r="N907019" s="10"/>
    </row>
    <row r="907020" spans="14:14">
      <c r="N907020" s="10"/>
    </row>
    <row r="907021" spans="14:14">
      <c r="N907021" s="10"/>
    </row>
    <row r="907022" spans="14:14">
      <c r="N907022" s="10"/>
    </row>
    <row r="907023" spans="14:14">
      <c r="N907023" s="10"/>
    </row>
    <row r="907024" spans="14:14">
      <c r="N907024" s="10"/>
    </row>
    <row r="907025" spans="14:14">
      <c r="N907025" s="10"/>
    </row>
    <row r="907026" spans="14:14">
      <c r="N907026" s="10"/>
    </row>
    <row r="907027" spans="14:14">
      <c r="N907027" s="10"/>
    </row>
    <row r="907028" spans="14:14">
      <c r="N907028" s="10"/>
    </row>
    <row r="907029" spans="14:14">
      <c r="N907029" s="10"/>
    </row>
    <row r="907030" spans="14:14">
      <c r="N907030" s="10"/>
    </row>
    <row r="907031" spans="14:14">
      <c r="N907031" s="10"/>
    </row>
    <row r="907032" spans="14:14">
      <c r="N907032" s="10"/>
    </row>
    <row r="907033" spans="14:14">
      <c r="N907033" s="10"/>
    </row>
    <row r="907034" spans="14:14">
      <c r="N907034" s="10"/>
    </row>
    <row r="907035" spans="14:14">
      <c r="N907035" s="10"/>
    </row>
    <row r="907036" spans="14:14">
      <c r="N907036" s="10"/>
    </row>
    <row r="907037" spans="14:14">
      <c r="N907037" s="10"/>
    </row>
    <row r="907038" spans="14:14">
      <c r="N907038" s="10"/>
    </row>
    <row r="907039" spans="14:14">
      <c r="N907039" s="10"/>
    </row>
    <row r="907040" spans="14:14">
      <c r="N907040" s="10"/>
    </row>
    <row r="907041" spans="14:14">
      <c r="N907041" s="10"/>
    </row>
    <row r="907042" spans="14:14">
      <c r="N907042" s="10"/>
    </row>
    <row r="907043" spans="14:14">
      <c r="N907043" s="10"/>
    </row>
    <row r="907044" spans="14:14">
      <c r="N907044" s="10"/>
    </row>
    <row r="907045" spans="14:14">
      <c r="N907045" s="10"/>
    </row>
    <row r="907046" spans="14:14">
      <c r="N907046" s="10"/>
    </row>
    <row r="907047" spans="14:14">
      <c r="N907047" s="10"/>
    </row>
    <row r="907048" spans="14:14">
      <c r="N907048" s="10"/>
    </row>
    <row r="907049" spans="14:14">
      <c r="N907049" s="10"/>
    </row>
    <row r="907050" spans="14:14">
      <c r="N907050" s="10"/>
    </row>
    <row r="907051" spans="14:14">
      <c r="N907051" s="10"/>
    </row>
    <row r="907052" spans="14:14">
      <c r="N907052" s="10"/>
    </row>
    <row r="907053" spans="14:14">
      <c r="N907053" s="10"/>
    </row>
    <row r="907054" spans="14:14">
      <c r="N907054" s="10"/>
    </row>
    <row r="907055" spans="14:14">
      <c r="N907055" s="10"/>
    </row>
    <row r="907056" spans="14:14">
      <c r="N907056" s="10"/>
    </row>
    <row r="907057" spans="14:14">
      <c r="N907057" s="10"/>
    </row>
    <row r="907058" spans="14:14">
      <c r="N907058" s="10"/>
    </row>
    <row r="907059" spans="14:14">
      <c r="N907059" s="10"/>
    </row>
    <row r="907060" spans="14:14">
      <c r="N907060" s="10"/>
    </row>
    <row r="907061" spans="14:14">
      <c r="N907061" s="10"/>
    </row>
    <row r="907062" spans="14:14">
      <c r="N907062" s="10"/>
    </row>
    <row r="907063" spans="14:14">
      <c r="N907063" s="10"/>
    </row>
    <row r="907064" spans="14:14">
      <c r="N907064" s="10"/>
    </row>
    <row r="907065" spans="14:14">
      <c r="N907065" s="10"/>
    </row>
    <row r="907066" spans="14:14">
      <c r="N907066" s="10"/>
    </row>
    <row r="907067" spans="14:14">
      <c r="N907067" s="10"/>
    </row>
    <row r="907068" spans="14:14">
      <c r="N907068" s="10"/>
    </row>
    <row r="907069" spans="14:14">
      <c r="N907069" s="10"/>
    </row>
    <row r="907070" spans="14:14">
      <c r="N907070" s="10"/>
    </row>
    <row r="907071" spans="14:14">
      <c r="N907071" s="10"/>
    </row>
    <row r="907072" spans="14:14">
      <c r="N907072" s="10"/>
    </row>
    <row r="907073" spans="14:14">
      <c r="N907073" s="10"/>
    </row>
    <row r="907074" spans="14:14">
      <c r="N907074" s="10"/>
    </row>
    <row r="907075" spans="14:14">
      <c r="N907075" s="10"/>
    </row>
    <row r="907076" spans="14:14">
      <c r="N907076" s="10"/>
    </row>
    <row r="907077" spans="14:14">
      <c r="N907077" s="10"/>
    </row>
    <row r="907078" spans="14:14">
      <c r="N907078" s="10"/>
    </row>
    <row r="907079" spans="14:14">
      <c r="N907079" s="10"/>
    </row>
    <row r="907080" spans="14:14">
      <c r="N907080" s="10"/>
    </row>
    <row r="907081" spans="14:14">
      <c r="N907081" s="10"/>
    </row>
    <row r="907082" spans="14:14">
      <c r="N907082" s="10"/>
    </row>
    <row r="907083" spans="14:14">
      <c r="N907083" s="10"/>
    </row>
    <row r="907084" spans="14:14">
      <c r="N907084" s="10"/>
    </row>
    <row r="907085" spans="14:14">
      <c r="N907085" s="10"/>
    </row>
    <row r="907086" spans="14:14">
      <c r="N907086" s="10"/>
    </row>
    <row r="907087" spans="14:14">
      <c r="N907087" s="10"/>
    </row>
    <row r="907088" spans="14:14">
      <c r="N907088" s="10"/>
    </row>
    <row r="907089" spans="14:14">
      <c r="N907089" s="10"/>
    </row>
    <row r="907090" spans="14:14">
      <c r="N907090" s="10"/>
    </row>
    <row r="907091" spans="14:14">
      <c r="N907091" s="10"/>
    </row>
    <row r="907092" spans="14:14">
      <c r="N907092" s="10"/>
    </row>
    <row r="907093" spans="14:14">
      <c r="N907093" s="10"/>
    </row>
    <row r="907094" spans="14:14">
      <c r="N907094" s="10"/>
    </row>
    <row r="907095" spans="14:14">
      <c r="N907095" s="10"/>
    </row>
    <row r="907096" spans="14:14">
      <c r="N907096" s="10"/>
    </row>
    <row r="907097" spans="14:14">
      <c r="N907097" s="10"/>
    </row>
    <row r="907098" spans="14:14">
      <c r="N907098" s="10"/>
    </row>
    <row r="907099" spans="14:14">
      <c r="N907099" s="10"/>
    </row>
    <row r="907100" spans="14:14">
      <c r="N907100" s="10"/>
    </row>
    <row r="907101" spans="14:14">
      <c r="N907101" s="10"/>
    </row>
    <row r="907102" spans="14:14">
      <c r="N907102" s="10"/>
    </row>
    <row r="907103" spans="14:14">
      <c r="N907103" s="10"/>
    </row>
    <row r="907104" spans="14:14">
      <c r="N907104" s="10"/>
    </row>
    <row r="907105" spans="14:14">
      <c r="N907105" s="10"/>
    </row>
    <row r="907106" spans="14:14">
      <c r="N907106" s="10"/>
    </row>
    <row r="907107" spans="14:14">
      <c r="N907107" s="10"/>
    </row>
    <row r="907108" spans="14:14">
      <c r="N907108" s="10"/>
    </row>
    <row r="907109" spans="14:14">
      <c r="N907109" s="10"/>
    </row>
    <row r="907110" spans="14:14">
      <c r="N907110" s="10"/>
    </row>
    <row r="907111" spans="14:14">
      <c r="N907111" s="10"/>
    </row>
    <row r="907112" spans="14:14">
      <c r="N907112" s="10"/>
    </row>
    <row r="907113" spans="14:14">
      <c r="N907113" s="10"/>
    </row>
    <row r="907114" spans="14:14">
      <c r="N907114" s="10"/>
    </row>
    <row r="907115" spans="14:14">
      <c r="N907115" s="10"/>
    </row>
    <row r="907116" spans="14:14">
      <c r="N907116" s="10"/>
    </row>
    <row r="907117" spans="14:14">
      <c r="N907117" s="10"/>
    </row>
    <row r="907118" spans="14:14">
      <c r="N907118" s="10"/>
    </row>
    <row r="907119" spans="14:14">
      <c r="N907119" s="10"/>
    </row>
    <row r="907120" spans="14:14">
      <c r="N907120" s="10"/>
    </row>
    <row r="907121" spans="14:14">
      <c r="N907121" s="10"/>
    </row>
    <row r="907122" spans="14:14">
      <c r="N907122" s="10"/>
    </row>
    <row r="907123" spans="14:14">
      <c r="N907123" s="10"/>
    </row>
    <row r="907124" spans="14:14">
      <c r="N907124" s="10"/>
    </row>
    <row r="907125" spans="14:14">
      <c r="N907125" s="10"/>
    </row>
    <row r="907126" spans="14:14">
      <c r="N907126" s="10"/>
    </row>
    <row r="907127" spans="14:14">
      <c r="N907127" s="10"/>
    </row>
    <row r="907128" spans="14:14">
      <c r="N907128" s="10"/>
    </row>
    <row r="907129" spans="14:14">
      <c r="N907129" s="10"/>
    </row>
    <row r="907130" spans="14:14">
      <c r="N907130" s="10"/>
    </row>
    <row r="907131" spans="14:14">
      <c r="N907131" s="10"/>
    </row>
    <row r="907132" spans="14:14">
      <c r="N907132" s="10"/>
    </row>
    <row r="907133" spans="14:14">
      <c r="N907133" s="10"/>
    </row>
    <row r="907134" spans="14:14">
      <c r="N907134" s="10"/>
    </row>
    <row r="907135" spans="14:14">
      <c r="N907135" s="10"/>
    </row>
    <row r="907136" spans="14:14">
      <c r="N907136" s="10"/>
    </row>
    <row r="907137" spans="14:14">
      <c r="N907137" s="10"/>
    </row>
    <row r="907138" spans="14:14">
      <c r="N907138" s="10"/>
    </row>
    <row r="907139" spans="14:14">
      <c r="N907139" s="10"/>
    </row>
    <row r="907140" spans="14:14">
      <c r="N907140" s="10"/>
    </row>
    <row r="907141" spans="14:14">
      <c r="N907141" s="10"/>
    </row>
    <row r="907142" spans="14:14">
      <c r="N907142" s="10"/>
    </row>
    <row r="907143" spans="14:14">
      <c r="N907143" s="10"/>
    </row>
    <row r="907144" spans="14:14">
      <c r="N907144" s="10"/>
    </row>
    <row r="907145" spans="14:14">
      <c r="N907145" s="10"/>
    </row>
    <row r="907146" spans="14:14">
      <c r="N907146" s="10"/>
    </row>
    <row r="907147" spans="14:14">
      <c r="N907147" s="10"/>
    </row>
    <row r="907148" spans="14:14">
      <c r="N907148" s="10"/>
    </row>
    <row r="907149" spans="14:14">
      <c r="N907149" s="10"/>
    </row>
    <row r="907150" spans="14:14">
      <c r="N907150" s="10"/>
    </row>
    <row r="907151" spans="14:14">
      <c r="N907151" s="10"/>
    </row>
    <row r="907152" spans="14:14">
      <c r="N907152" s="10"/>
    </row>
    <row r="907153" spans="14:14">
      <c r="N907153" s="10"/>
    </row>
    <row r="907154" spans="14:14">
      <c r="N907154" s="10"/>
    </row>
    <row r="907155" spans="14:14">
      <c r="N907155" s="10"/>
    </row>
    <row r="907156" spans="14:14">
      <c r="N907156" s="10"/>
    </row>
    <row r="907157" spans="14:14">
      <c r="N907157" s="10"/>
    </row>
    <row r="907158" spans="14:14">
      <c r="N907158" s="10"/>
    </row>
    <row r="907159" spans="14:14">
      <c r="N907159" s="10"/>
    </row>
    <row r="907160" spans="14:14">
      <c r="N907160" s="10"/>
    </row>
    <row r="907161" spans="14:14">
      <c r="N907161" s="10"/>
    </row>
    <row r="907162" spans="14:14">
      <c r="N907162" s="10"/>
    </row>
    <row r="907163" spans="14:14">
      <c r="N907163" s="10"/>
    </row>
    <row r="907164" spans="14:14">
      <c r="N907164" s="10"/>
    </row>
    <row r="907165" spans="14:14">
      <c r="N907165" s="10"/>
    </row>
    <row r="907166" spans="14:14">
      <c r="N907166" s="10"/>
    </row>
    <row r="907167" spans="14:14">
      <c r="N907167" s="10"/>
    </row>
    <row r="907168" spans="14:14">
      <c r="N907168" s="10"/>
    </row>
    <row r="907169" spans="14:14">
      <c r="N907169" s="10"/>
    </row>
    <row r="907170" spans="14:14">
      <c r="N907170" s="10"/>
    </row>
    <row r="907171" spans="14:14">
      <c r="N907171" s="10"/>
    </row>
    <row r="907172" spans="14:14">
      <c r="N907172" s="10"/>
    </row>
    <row r="907173" spans="14:14">
      <c r="N907173" s="10"/>
    </row>
    <row r="907174" spans="14:14">
      <c r="N907174" s="10"/>
    </row>
    <row r="907175" spans="14:14">
      <c r="N907175" s="10"/>
    </row>
    <row r="907176" spans="14:14">
      <c r="N907176" s="10"/>
    </row>
    <row r="907177" spans="14:14">
      <c r="N907177" s="10"/>
    </row>
    <row r="907178" spans="14:14">
      <c r="N907178" s="10"/>
    </row>
    <row r="907179" spans="14:14">
      <c r="N907179" s="10"/>
    </row>
    <row r="907180" spans="14:14">
      <c r="N907180" s="10"/>
    </row>
    <row r="907181" spans="14:14">
      <c r="N907181" s="10"/>
    </row>
    <row r="907182" spans="14:14">
      <c r="N907182" s="10"/>
    </row>
    <row r="907183" spans="14:14">
      <c r="N907183" s="10"/>
    </row>
    <row r="907184" spans="14:14">
      <c r="N907184" s="10"/>
    </row>
    <row r="907185" spans="14:14">
      <c r="N907185" s="10"/>
    </row>
    <row r="907186" spans="14:14">
      <c r="N907186" s="10"/>
    </row>
    <row r="907187" spans="14:14">
      <c r="N907187" s="10"/>
    </row>
    <row r="907188" spans="14:14">
      <c r="N907188" s="10"/>
    </row>
    <row r="907189" spans="14:14">
      <c r="N907189" s="10"/>
    </row>
    <row r="907190" spans="14:14">
      <c r="N907190" s="10"/>
    </row>
    <row r="907191" spans="14:14">
      <c r="N907191" s="10"/>
    </row>
    <row r="907192" spans="14:14">
      <c r="N907192" s="10"/>
    </row>
    <row r="907193" spans="14:14">
      <c r="N907193" s="10"/>
    </row>
    <row r="907194" spans="14:14">
      <c r="N907194" s="10"/>
    </row>
    <row r="907195" spans="14:14">
      <c r="N907195" s="10"/>
    </row>
    <row r="907196" spans="14:14">
      <c r="N907196" s="10"/>
    </row>
    <row r="907197" spans="14:14">
      <c r="N907197" s="10"/>
    </row>
    <row r="907198" spans="14:14">
      <c r="N907198" s="10"/>
    </row>
    <row r="907199" spans="14:14">
      <c r="N907199" s="10"/>
    </row>
    <row r="907200" spans="14:14">
      <c r="N907200" s="10"/>
    </row>
    <row r="907201" spans="14:14">
      <c r="N907201" s="10"/>
    </row>
    <row r="907202" spans="14:14">
      <c r="N907202" s="10"/>
    </row>
    <row r="907203" spans="14:14">
      <c r="N907203" s="10"/>
    </row>
    <row r="907204" spans="14:14">
      <c r="N907204" s="10"/>
    </row>
    <row r="907205" spans="14:14">
      <c r="N907205" s="10"/>
    </row>
    <row r="907206" spans="14:14">
      <c r="N907206" s="10"/>
    </row>
    <row r="907207" spans="14:14">
      <c r="N907207" s="10"/>
    </row>
    <row r="907208" spans="14:14">
      <c r="N907208" s="10"/>
    </row>
    <row r="907209" spans="14:14">
      <c r="N907209" s="10"/>
    </row>
    <row r="907210" spans="14:14">
      <c r="N907210" s="10"/>
    </row>
    <row r="907211" spans="14:14">
      <c r="N907211" s="10"/>
    </row>
    <row r="907212" spans="14:14">
      <c r="N907212" s="10"/>
    </row>
    <row r="907213" spans="14:14">
      <c r="N907213" s="10"/>
    </row>
    <row r="907214" spans="14:14">
      <c r="N907214" s="10"/>
    </row>
    <row r="907215" spans="14:14">
      <c r="N907215" s="10"/>
    </row>
    <row r="907216" spans="14:14">
      <c r="N907216" s="10"/>
    </row>
    <row r="907217" spans="14:14">
      <c r="N907217" s="10"/>
    </row>
    <row r="907218" spans="14:14">
      <c r="N907218" s="10"/>
    </row>
    <row r="907219" spans="14:14">
      <c r="N907219" s="10"/>
    </row>
    <row r="907220" spans="14:14">
      <c r="N907220" s="10"/>
    </row>
    <row r="907221" spans="14:14">
      <c r="N907221" s="10"/>
    </row>
    <row r="907222" spans="14:14">
      <c r="N907222" s="10"/>
    </row>
    <row r="907223" spans="14:14">
      <c r="N907223" s="10"/>
    </row>
    <row r="907224" spans="14:14">
      <c r="N907224" s="10"/>
    </row>
    <row r="907225" spans="14:14">
      <c r="N907225" s="10"/>
    </row>
    <row r="907226" spans="14:14">
      <c r="N907226" s="10"/>
    </row>
    <row r="907227" spans="14:14">
      <c r="N907227" s="10"/>
    </row>
    <row r="907228" spans="14:14">
      <c r="N907228" s="10"/>
    </row>
    <row r="907229" spans="14:14">
      <c r="N907229" s="10"/>
    </row>
    <row r="907230" spans="14:14">
      <c r="N907230" s="10"/>
    </row>
    <row r="907231" spans="14:14">
      <c r="N907231" s="10"/>
    </row>
    <row r="907232" spans="14:14">
      <c r="N907232" s="10"/>
    </row>
    <row r="907233" spans="14:14">
      <c r="N907233" s="10"/>
    </row>
    <row r="907234" spans="14:14">
      <c r="N907234" s="10"/>
    </row>
    <row r="907235" spans="14:14">
      <c r="N907235" s="10"/>
    </row>
    <row r="907236" spans="14:14">
      <c r="N907236" s="10"/>
    </row>
    <row r="907237" spans="14:14">
      <c r="N907237" s="10"/>
    </row>
    <row r="907238" spans="14:14">
      <c r="N907238" s="10"/>
    </row>
    <row r="907239" spans="14:14">
      <c r="N907239" s="10"/>
    </row>
    <row r="907240" spans="14:14">
      <c r="N907240" s="10"/>
    </row>
    <row r="907241" spans="14:14">
      <c r="N907241" s="10"/>
    </row>
    <row r="907242" spans="14:14">
      <c r="N907242" s="10"/>
    </row>
    <row r="907243" spans="14:14">
      <c r="N907243" s="10"/>
    </row>
    <row r="907244" spans="14:14">
      <c r="N907244" s="10"/>
    </row>
    <row r="907245" spans="14:14">
      <c r="N907245" s="10"/>
    </row>
    <row r="907246" spans="14:14">
      <c r="N907246" s="10"/>
    </row>
    <row r="907247" spans="14:14">
      <c r="N907247" s="10"/>
    </row>
    <row r="907248" spans="14:14">
      <c r="N907248" s="10"/>
    </row>
    <row r="907249" spans="14:14">
      <c r="N907249" s="10"/>
    </row>
    <row r="907250" spans="14:14">
      <c r="N907250" s="10"/>
    </row>
    <row r="907251" spans="14:14">
      <c r="N907251" s="10"/>
    </row>
    <row r="907252" spans="14:14">
      <c r="N907252" s="10"/>
    </row>
    <row r="907253" spans="14:14">
      <c r="N907253" s="10"/>
    </row>
    <row r="907254" spans="14:14">
      <c r="N907254" s="10"/>
    </row>
    <row r="907255" spans="14:14">
      <c r="N907255" s="10"/>
    </row>
    <row r="907256" spans="14:14">
      <c r="N907256" s="10"/>
    </row>
    <row r="907257" spans="14:14">
      <c r="N907257" s="10"/>
    </row>
    <row r="907258" spans="14:14">
      <c r="N907258" s="10"/>
    </row>
    <row r="907259" spans="14:14">
      <c r="N907259" s="10"/>
    </row>
    <row r="907260" spans="14:14">
      <c r="N907260" s="10"/>
    </row>
    <row r="907261" spans="14:14">
      <c r="N907261" s="10"/>
    </row>
    <row r="907262" spans="14:14">
      <c r="N907262" s="10"/>
    </row>
    <row r="907263" spans="14:14">
      <c r="N907263" s="10"/>
    </row>
    <row r="907264" spans="14:14">
      <c r="N907264" s="10"/>
    </row>
    <row r="907265" spans="14:14">
      <c r="N907265" s="10"/>
    </row>
    <row r="907266" spans="14:14">
      <c r="N907266" s="10"/>
    </row>
    <row r="907267" spans="14:14">
      <c r="N907267" s="10"/>
    </row>
    <row r="907268" spans="14:14">
      <c r="N907268" s="10"/>
    </row>
    <row r="907269" spans="14:14">
      <c r="N907269" s="10"/>
    </row>
    <row r="907270" spans="14:14">
      <c r="N907270" s="10"/>
    </row>
    <row r="907271" spans="14:14">
      <c r="N907271" s="10"/>
    </row>
    <row r="907272" spans="14:14">
      <c r="N907272" s="10"/>
    </row>
    <row r="907273" spans="14:14">
      <c r="N907273" s="10"/>
    </row>
    <row r="907274" spans="14:14">
      <c r="N907274" s="10"/>
    </row>
    <row r="907275" spans="14:14">
      <c r="N907275" s="10"/>
    </row>
    <row r="907276" spans="14:14">
      <c r="N907276" s="10"/>
    </row>
    <row r="907277" spans="14:14">
      <c r="N907277" s="10"/>
    </row>
    <row r="907278" spans="14:14">
      <c r="N907278" s="10"/>
    </row>
    <row r="907279" spans="14:14">
      <c r="N907279" s="10"/>
    </row>
    <row r="907280" spans="14:14">
      <c r="N907280" s="10"/>
    </row>
    <row r="907281" spans="14:14">
      <c r="N907281" s="10"/>
    </row>
    <row r="907282" spans="14:14">
      <c r="N907282" s="10"/>
    </row>
    <row r="907283" spans="14:14">
      <c r="N907283" s="10"/>
    </row>
    <row r="907284" spans="14:14">
      <c r="N907284" s="10"/>
    </row>
    <row r="907285" spans="14:14">
      <c r="N907285" s="10"/>
    </row>
    <row r="907286" spans="14:14">
      <c r="N907286" s="10"/>
    </row>
    <row r="907287" spans="14:14">
      <c r="N907287" s="10"/>
    </row>
    <row r="907288" spans="14:14">
      <c r="N907288" s="10"/>
    </row>
    <row r="907289" spans="14:14">
      <c r="N907289" s="10"/>
    </row>
    <row r="907290" spans="14:14">
      <c r="N907290" s="10"/>
    </row>
    <row r="907291" spans="14:14">
      <c r="N907291" s="10"/>
    </row>
    <row r="907292" spans="14:14">
      <c r="N907292" s="10"/>
    </row>
    <row r="907293" spans="14:14">
      <c r="N907293" s="10"/>
    </row>
    <row r="907294" spans="14:14">
      <c r="N907294" s="10"/>
    </row>
    <row r="907295" spans="14:14">
      <c r="N907295" s="10"/>
    </row>
    <row r="907296" spans="14:14">
      <c r="N907296" s="10"/>
    </row>
    <row r="907297" spans="14:14">
      <c r="N907297" s="10"/>
    </row>
    <row r="907298" spans="14:14">
      <c r="N907298" s="10"/>
    </row>
    <row r="907299" spans="14:14">
      <c r="N907299" s="10"/>
    </row>
    <row r="907300" spans="14:14">
      <c r="N907300" s="10"/>
    </row>
    <row r="907301" spans="14:14">
      <c r="N907301" s="10"/>
    </row>
    <row r="907302" spans="14:14">
      <c r="N907302" s="10"/>
    </row>
    <row r="907303" spans="14:14">
      <c r="N907303" s="10"/>
    </row>
    <row r="907304" spans="14:14">
      <c r="N907304" s="10"/>
    </row>
    <row r="907305" spans="14:14">
      <c r="N907305" s="10"/>
    </row>
    <row r="907306" spans="14:14">
      <c r="N907306" s="10"/>
    </row>
    <row r="907307" spans="14:14">
      <c r="N907307" s="10"/>
    </row>
    <row r="907308" spans="14:14">
      <c r="N907308" s="10"/>
    </row>
    <row r="907309" spans="14:14">
      <c r="N907309" s="10"/>
    </row>
    <row r="907310" spans="14:14">
      <c r="N907310" s="10"/>
    </row>
    <row r="907311" spans="14:14">
      <c r="N907311" s="10"/>
    </row>
    <row r="907312" spans="14:14">
      <c r="N907312" s="10"/>
    </row>
    <row r="907313" spans="14:14">
      <c r="N907313" s="10"/>
    </row>
    <row r="907314" spans="14:14">
      <c r="N907314" s="10"/>
    </row>
    <row r="907315" spans="14:14">
      <c r="N907315" s="10"/>
    </row>
    <row r="907316" spans="14:14">
      <c r="N907316" s="10"/>
    </row>
    <row r="907317" spans="14:14">
      <c r="N907317" s="10"/>
    </row>
    <row r="907318" spans="14:14">
      <c r="N907318" s="10"/>
    </row>
    <row r="907319" spans="14:14">
      <c r="N907319" s="10"/>
    </row>
    <row r="907320" spans="14:14">
      <c r="N907320" s="10"/>
    </row>
    <row r="907321" spans="14:14">
      <c r="N907321" s="10"/>
    </row>
    <row r="907322" spans="14:14">
      <c r="N907322" s="10"/>
    </row>
    <row r="907323" spans="14:14">
      <c r="N907323" s="10"/>
    </row>
    <row r="907324" spans="14:14">
      <c r="N907324" s="10"/>
    </row>
    <row r="907325" spans="14:14">
      <c r="N907325" s="10"/>
    </row>
    <row r="907326" spans="14:14">
      <c r="N907326" s="10"/>
    </row>
    <row r="907327" spans="14:14">
      <c r="N907327" s="10"/>
    </row>
    <row r="907328" spans="14:14">
      <c r="N907328" s="10"/>
    </row>
    <row r="907329" spans="14:14">
      <c r="N907329" s="10"/>
    </row>
    <row r="907330" spans="14:14">
      <c r="N907330" s="10"/>
    </row>
    <row r="907331" spans="14:14">
      <c r="N907331" s="10"/>
    </row>
    <row r="907332" spans="14:14">
      <c r="N907332" s="10"/>
    </row>
    <row r="907333" spans="14:14">
      <c r="N907333" s="10"/>
    </row>
    <row r="907334" spans="14:14">
      <c r="N907334" s="10"/>
    </row>
    <row r="907335" spans="14:14">
      <c r="N907335" s="10"/>
    </row>
    <row r="907336" spans="14:14">
      <c r="N907336" s="10"/>
    </row>
    <row r="907337" spans="14:14">
      <c r="N907337" s="10"/>
    </row>
    <row r="907338" spans="14:14">
      <c r="N907338" s="10"/>
    </row>
    <row r="907339" spans="14:14">
      <c r="N907339" s="10"/>
    </row>
    <row r="907340" spans="14:14">
      <c r="N907340" s="10"/>
    </row>
    <row r="907341" spans="14:14">
      <c r="N907341" s="10"/>
    </row>
    <row r="907342" spans="14:14">
      <c r="N907342" s="10"/>
    </row>
    <row r="907343" spans="14:14">
      <c r="N907343" s="10"/>
    </row>
    <row r="907344" spans="14:14">
      <c r="N907344" s="10"/>
    </row>
    <row r="907345" spans="14:14">
      <c r="N907345" s="10"/>
    </row>
    <row r="907346" spans="14:14">
      <c r="N907346" s="10"/>
    </row>
    <row r="907347" spans="14:14">
      <c r="N907347" s="10"/>
    </row>
    <row r="907348" spans="14:14">
      <c r="N907348" s="10"/>
    </row>
    <row r="907349" spans="14:14">
      <c r="N907349" s="10"/>
    </row>
    <row r="907350" spans="14:14">
      <c r="N907350" s="10"/>
    </row>
    <row r="907351" spans="14:14">
      <c r="N907351" s="10"/>
    </row>
    <row r="907352" spans="14:14">
      <c r="N907352" s="10"/>
    </row>
    <row r="907353" spans="14:14">
      <c r="N907353" s="10"/>
    </row>
    <row r="907354" spans="14:14">
      <c r="N907354" s="10"/>
    </row>
    <row r="907355" spans="14:14">
      <c r="N907355" s="10"/>
    </row>
    <row r="907356" spans="14:14">
      <c r="N907356" s="10"/>
    </row>
    <row r="907357" spans="14:14">
      <c r="N907357" s="10"/>
    </row>
    <row r="907358" spans="14:14">
      <c r="N907358" s="10"/>
    </row>
    <row r="907359" spans="14:14">
      <c r="N907359" s="10"/>
    </row>
    <row r="907360" spans="14:14">
      <c r="N907360" s="10"/>
    </row>
    <row r="907361" spans="14:14">
      <c r="N907361" s="10"/>
    </row>
    <row r="907362" spans="14:14">
      <c r="N907362" s="10"/>
    </row>
    <row r="907363" spans="14:14">
      <c r="N907363" s="10"/>
    </row>
    <row r="907364" spans="14:14">
      <c r="N907364" s="10"/>
    </row>
    <row r="907365" spans="14:14">
      <c r="N907365" s="10"/>
    </row>
    <row r="907366" spans="14:14">
      <c r="N907366" s="10"/>
    </row>
    <row r="907367" spans="14:14">
      <c r="N907367" s="10"/>
    </row>
    <row r="907368" spans="14:14">
      <c r="N907368" s="10"/>
    </row>
    <row r="907369" spans="14:14">
      <c r="N907369" s="10"/>
    </row>
    <row r="907370" spans="14:14">
      <c r="N907370" s="10"/>
    </row>
    <row r="907371" spans="14:14">
      <c r="N907371" s="10"/>
    </row>
    <row r="907372" spans="14:14">
      <c r="N907372" s="10"/>
    </row>
    <row r="907373" spans="14:14">
      <c r="N907373" s="10"/>
    </row>
    <row r="907374" spans="14:14">
      <c r="N907374" s="10"/>
    </row>
    <row r="907375" spans="14:14">
      <c r="N907375" s="10"/>
    </row>
    <row r="907376" spans="14:14">
      <c r="N907376" s="10"/>
    </row>
    <row r="907377" spans="14:14">
      <c r="N907377" s="10"/>
    </row>
    <row r="907378" spans="14:14">
      <c r="N907378" s="10"/>
    </row>
    <row r="907379" spans="14:14">
      <c r="N907379" s="10"/>
    </row>
    <row r="907380" spans="14:14">
      <c r="N907380" s="10"/>
    </row>
    <row r="907381" spans="14:14">
      <c r="N907381" s="10"/>
    </row>
    <row r="907382" spans="14:14">
      <c r="N907382" s="10"/>
    </row>
    <row r="907383" spans="14:14">
      <c r="N907383" s="10"/>
    </row>
    <row r="907384" spans="14:14">
      <c r="N907384" s="10"/>
    </row>
    <row r="907385" spans="14:14">
      <c r="N907385" s="10"/>
    </row>
    <row r="907386" spans="14:14">
      <c r="N907386" s="10"/>
    </row>
    <row r="907387" spans="14:14">
      <c r="N907387" s="10"/>
    </row>
    <row r="907388" spans="14:14">
      <c r="N907388" s="10"/>
    </row>
    <row r="907389" spans="14:14">
      <c r="N907389" s="10"/>
    </row>
    <row r="907390" spans="14:14">
      <c r="N907390" s="10"/>
    </row>
    <row r="907391" spans="14:14">
      <c r="N907391" s="10"/>
    </row>
    <row r="907392" spans="14:14">
      <c r="N907392" s="10"/>
    </row>
    <row r="907393" spans="14:14">
      <c r="N907393" s="10"/>
    </row>
    <row r="907394" spans="14:14">
      <c r="N907394" s="10"/>
    </row>
    <row r="907395" spans="14:14">
      <c r="N907395" s="10"/>
    </row>
    <row r="907396" spans="14:14">
      <c r="N907396" s="10"/>
    </row>
    <row r="907397" spans="14:14">
      <c r="N907397" s="10"/>
    </row>
    <row r="907398" spans="14:14">
      <c r="N907398" s="10"/>
    </row>
    <row r="907399" spans="14:14">
      <c r="N907399" s="10"/>
    </row>
    <row r="907400" spans="14:14">
      <c r="N907400" s="10"/>
    </row>
    <row r="907401" spans="14:14">
      <c r="N907401" s="10"/>
    </row>
    <row r="907402" spans="14:14">
      <c r="N907402" s="10"/>
    </row>
    <row r="907403" spans="14:14">
      <c r="N907403" s="10"/>
    </row>
    <row r="907404" spans="14:14">
      <c r="N907404" s="10"/>
    </row>
    <row r="907405" spans="14:14">
      <c r="N907405" s="10"/>
    </row>
    <row r="907406" spans="14:14">
      <c r="N907406" s="10"/>
    </row>
    <row r="907407" spans="14:14">
      <c r="N907407" s="10"/>
    </row>
    <row r="907408" spans="14:14">
      <c r="N907408" s="10"/>
    </row>
    <row r="907409" spans="14:14">
      <c r="N907409" s="10"/>
    </row>
    <row r="907410" spans="14:14">
      <c r="N907410" s="10"/>
    </row>
    <row r="907411" spans="14:14">
      <c r="N907411" s="10"/>
    </row>
    <row r="907412" spans="14:14">
      <c r="N907412" s="10"/>
    </row>
    <row r="907413" spans="14:14">
      <c r="N907413" s="10"/>
    </row>
    <row r="907414" spans="14:14">
      <c r="N907414" s="10"/>
    </row>
    <row r="907415" spans="14:14">
      <c r="N907415" s="10"/>
    </row>
    <row r="907416" spans="14:14">
      <c r="N907416" s="10"/>
    </row>
    <row r="907417" spans="14:14">
      <c r="N907417" s="10"/>
    </row>
    <row r="907418" spans="14:14">
      <c r="N907418" s="10"/>
    </row>
    <row r="907419" spans="14:14">
      <c r="N907419" s="10"/>
    </row>
    <row r="907420" spans="14:14">
      <c r="N907420" s="10"/>
    </row>
    <row r="907421" spans="14:14">
      <c r="N907421" s="10"/>
    </row>
    <row r="907422" spans="14:14">
      <c r="N907422" s="10"/>
    </row>
    <row r="907423" spans="14:14">
      <c r="N907423" s="10"/>
    </row>
    <row r="907424" spans="14:14">
      <c r="N907424" s="10"/>
    </row>
    <row r="907425" spans="14:14">
      <c r="N907425" s="10"/>
    </row>
    <row r="907426" spans="14:14">
      <c r="N907426" s="10"/>
    </row>
    <row r="907427" spans="14:14">
      <c r="N907427" s="10"/>
    </row>
    <row r="907428" spans="14:14">
      <c r="N907428" s="10"/>
    </row>
    <row r="907429" spans="14:14">
      <c r="N907429" s="10"/>
    </row>
    <row r="907430" spans="14:14">
      <c r="N907430" s="10"/>
    </row>
    <row r="907431" spans="14:14">
      <c r="N907431" s="10"/>
    </row>
    <row r="907432" spans="14:14">
      <c r="N907432" s="10"/>
    </row>
    <row r="907433" spans="14:14">
      <c r="N907433" s="10"/>
    </row>
    <row r="907434" spans="14:14">
      <c r="N907434" s="10"/>
    </row>
    <row r="907435" spans="14:14">
      <c r="N907435" s="10"/>
    </row>
    <row r="907436" spans="14:14">
      <c r="N907436" s="10"/>
    </row>
    <row r="907437" spans="14:14">
      <c r="N907437" s="10"/>
    </row>
    <row r="907438" spans="14:14">
      <c r="N907438" s="10"/>
    </row>
    <row r="907439" spans="14:14">
      <c r="N907439" s="10"/>
    </row>
    <row r="907440" spans="14:14">
      <c r="N907440" s="10"/>
    </row>
    <row r="907441" spans="14:14">
      <c r="N907441" s="10"/>
    </row>
    <row r="907442" spans="14:14">
      <c r="N907442" s="10"/>
    </row>
    <row r="907443" spans="14:14">
      <c r="N907443" s="10"/>
    </row>
    <row r="907444" spans="14:14">
      <c r="N907444" s="10"/>
    </row>
    <row r="907445" spans="14:14">
      <c r="N907445" s="10"/>
    </row>
    <row r="907446" spans="14:14">
      <c r="N907446" s="10"/>
    </row>
    <row r="907447" spans="14:14">
      <c r="N907447" s="10"/>
    </row>
    <row r="907448" spans="14:14">
      <c r="N907448" s="10"/>
    </row>
    <row r="907449" spans="14:14">
      <c r="N907449" s="10"/>
    </row>
    <row r="907450" spans="14:14">
      <c r="N907450" s="10"/>
    </row>
    <row r="907451" spans="14:14">
      <c r="N907451" s="10"/>
    </row>
    <row r="907452" spans="14:14">
      <c r="N907452" s="10"/>
    </row>
    <row r="907453" spans="14:14">
      <c r="N907453" s="10"/>
    </row>
    <row r="907454" spans="14:14">
      <c r="N907454" s="10"/>
    </row>
    <row r="907455" spans="14:14">
      <c r="N907455" s="10"/>
    </row>
    <row r="907456" spans="14:14">
      <c r="N907456" s="10"/>
    </row>
    <row r="907457" spans="14:14">
      <c r="N907457" s="10"/>
    </row>
    <row r="907458" spans="14:14">
      <c r="N907458" s="10"/>
    </row>
    <row r="907459" spans="14:14">
      <c r="N907459" s="10"/>
    </row>
    <row r="907460" spans="14:14">
      <c r="N907460" s="10"/>
    </row>
    <row r="907461" spans="14:14">
      <c r="N907461" s="10"/>
    </row>
    <row r="907462" spans="14:14">
      <c r="N907462" s="10"/>
    </row>
    <row r="907463" spans="14:14">
      <c r="N907463" s="10"/>
    </row>
    <row r="907464" spans="14:14">
      <c r="N907464" s="10"/>
    </row>
    <row r="907465" spans="14:14">
      <c r="N907465" s="10"/>
    </row>
    <row r="907466" spans="14:14">
      <c r="N907466" s="10"/>
    </row>
    <row r="907467" spans="14:14">
      <c r="N907467" s="10"/>
    </row>
    <row r="907468" spans="14:14">
      <c r="N907468" s="10"/>
    </row>
    <row r="907469" spans="14:14">
      <c r="N907469" s="10"/>
    </row>
    <row r="907470" spans="14:14">
      <c r="N907470" s="10"/>
    </row>
    <row r="907471" spans="14:14">
      <c r="N907471" s="10"/>
    </row>
    <row r="907472" spans="14:14">
      <c r="N907472" s="10"/>
    </row>
    <row r="907473" spans="14:14">
      <c r="N907473" s="10"/>
    </row>
    <row r="907474" spans="14:14">
      <c r="N907474" s="10"/>
    </row>
    <row r="907475" spans="14:14">
      <c r="N907475" s="10"/>
    </row>
    <row r="907476" spans="14:14">
      <c r="N907476" s="10"/>
    </row>
    <row r="907477" spans="14:14">
      <c r="N907477" s="10"/>
    </row>
    <row r="907478" spans="14:14">
      <c r="N907478" s="10"/>
    </row>
    <row r="907479" spans="14:14">
      <c r="N907479" s="10"/>
    </row>
    <row r="907480" spans="14:14">
      <c r="N907480" s="10"/>
    </row>
    <row r="907481" spans="14:14">
      <c r="N907481" s="10"/>
    </row>
    <row r="907482" spans="14:14">
      <c r="N907482" s="10"/>
    </row>
    <row r="907483" spans="14:14">
      <c r="N907483" s="10"/>
    </row>
    <row r="907484" spans="14:14">
      <c r="N907484" s="10"/>
    </row>
    <row r="907485" spans="14:14">
      <c r="N907485" s="10"/>
    </row>
    <row r="907486" spans="14:14">
      <c r="N907486" s="10"/>
    </row>
    <row r="907487" spans="14:14">
      <c r="N907487" s="10"/>
    </row>
    <row r="907488" spans="14:14">
      <c r="N907488" s="10"/>
    </row>
    <row r="907489" spans="14:14">
      <c r="N907489" s="10"/>
    </row>
    <row r="907490" spans="14:14">
      <c r="N907490" s="10"/>
    </row>
    <row r="907491" spans="14:14">
      <c r="N907491" s="10"/>
    </row>
    <row r="907492" spans="14:14">
      <c r="N907492" s="10"/>
    </row>
    <row r="907493" spans="14:14">
      <c r="N907493" s="10"/>
    </row>
    <row r="907494" spans="14:14">
      <c r="N907494" s="10"/>
    </row>
    <row r="907495" spans="14:14">
      <c r="N907495" s="10"/>
    </row>
    <row r="907496" spans="14:14">
      <c r="N907496" s="10"/>
    </row>
    <row r="907497" spans="14:14">
      <c r="N907497" s="10"/>
    </row>
    <row r="907498" spans="14:14">
      <c r="N907498" s="10"/>
    </row>
    <row r="907499" spans="14:14">
      <c r="N907499" s="10"/>
    </row>
    <row r="907500" spans="14:14">
      <c r="N907500" s="10"/>
    </row>
    <row r="907501" spans="14:14">
      <c r="N907501" s="10"/>
    </row>
    <row r="907502" spans="14:14">
      <c r="N907502" s="10"/>
    </row>
    <row r="907503" spans="14:14">
      <c r="N907503" s="10"/>
    </row>
    <row r="907504" spans="14:14">
      <c r="N907504" s="10"/>
    </row>
    <row r="907505" spans="14:14">
      <c r="N907505" s="10"/>
    </row>
    <row r="907506" spans="14:14">
      <c r="N907506" s="10"/>
    </row>
    <row r="907507" spans="14:14">
      <c r="N907507" s="10"/>
    </row>
    <row r="907508" spans="14:14">
      <c r="N907508" s="10"/>
    </row>
    <row r="907509" spans="14:14">
      <c r="N907509" s="10"/>
    </row>
    <row r="907510" spans="14:14">
      <c r="N907510" s="10"/>
    </row>
    <row r="907511" spans="14:14">
      <c r="N907511" s="10"/>
    </row>
    <row r="907512" spans="14:14">
      <c r="N907512" s="10"/>
    </row>
    <row r="907513" spans="14:14">
      <c r="N907513" s="10"/>
    </row>
    <row r="907514" spans="14:14">
      <c r="N907514" s="10"/>
    </row>
    <row r="907515" spans="14:14">
      <c r="N907515" s="10"/>
    </row>
    <row r="907516" spans="14:14">
      <c r="N907516" s="10"/>
    </row>
    <row r="907517" spans="14:14">
      <c r="N907517" s="10"/>
    </row>
    <row r="907518" spans="14:14">
      <c r="N907518" s="10"/>
    </row>
    <row r="907519" spans="14:14">
      <c r="N907519" s="10"/>
    </row>
    <row r="907520" spans="14:14">
      <c r="N907520" s="10"/>
    </row>
    <row r="907521" spans="14:14">
      <c r="N907521" s="10"/>
    </row>
    <row r="907522" spans="14:14">
      <c r="N907522" s="10"/>
    </row>
    <row r="907523" spans="14:14">
      <c r="N907523" s="10"/>
    </row>
    <row r="907524" spans="14:14">
      <c r="N907524" s="10"/>
    </row>
    <row r="907525" spans="14:14">
      <c r="N907525" s="10"/>
    </row>
    <row r="907526" spans="14:14">
      <c r="N907526" s="10"/>
    </row>
    <row r="907527" spans="14:14">
      <c r="N907527" s="10"/>
    </row>
    <row r="907528" spans="14:14">
      <c r="N907528" s="10"/>
    </row>
    <row r="907529" spans="14:14">
      <c r="N907529" s="10"/>
    </row>
    <row r="907530" spans="14:14">
      <c r="N907530" s="10"/>
    </row>
    <row r="907531" spans="14:14">
      <c r="N907531" s="10"/>
    </row>
    <row r="907532" spans="14:14">
      <c r="N907532" s="10"/>
    </row>
    <row r="907533" spans="14:14">
      <c r="N907533" s="10"/>
    </row>
    <row r="907534" spans="14:14">
      <c r="N907534" s="10"/>
    </row>
    <row r="907535" spans="14:14">
      <c r="N907535" s="10"/>
    </row>
    <row r="907536" spans="14:14">
      <c r="N907536" s="10"/>
    </row>
    <row r="907537" spans="14:14">
      <c r="N907537" s="10"/>
    </row>
    <row r="907538" spans="14:14">
      <c r="N907538" s="10"/>
    </row>
    <row r="907539" spans="14:14">
      <c r="N907539" s="10"/>
    </row>
    <row r="907540" spans="14:14">
      <c r="N907540" s="10"/>
    </row>
    <row r="907541" spans="14:14">
      <c r="N907541" s="10"/>
    </row>
    <row r="907542" spans="14:14">
      <c r="N907542" s="10"/>
    </row>
    <row r="907543" spans="14:14">
      <c r="N907543" s="10"/>
    </row>
    <row r="907544" spans="14:14">
      <c r="N907544" s="10"/>
    </row>
    <row r="907545" spans="14:14">
      <c r="N907545" s="10"/>
    </row>
    <row r="907546" spans="14:14">
      <c r="N907546" s="10"/>
    </row>
    <row r="907547" spans="14:14">
      <c r="N907547" s="10"/>
    </row>
    <row r="907548" spans="14:14">
      <c r="N907548" s="10"/>
    </row>
    <row r="907549" spans="14:14">
      <c r="N907549" s="10"/>
    </row>
    <row r="907550" spans="14:14">
      <c r="N907550" s="10"/>
    </row>
    <row r="907551" spans="14:14">
      <c r="N907551" s="10"/>
    </row>
    <row r="907552" spans="14:14">
      <c r="N907552" s="10"/>
    </row>
    <row r="907553" spans="14:14">
      <c r="N907553" s="10"/>
    </row>
    <row r="907554" spans="14:14">
      <c r="N907554" s="10"/>
    </row>
    <row r="907555" spans="14:14">
      <c r="N907555" s="10"/>
    </row>
    <row r="907556" spans="14:14">
      <c r="N907556" s="10"/>
    </row>
    <row r="907557" spans="14:14">
      <c r="N907557" s="10"/>
    </row>
    <row r="907558" spans="14:14">
      <c r="N907558" s="10"/>
    </row>
    <row r="907559" spans="14:14">
      <c r="N907559" s="10"/>
    </row>
    <row r="907560" spans="14:14">
      <c r="N907560" s="10"/>
    </row>
    <row r="907561" spans="14:14">
      <c r="N907561" s="10"/>
    </row>
    <row r="907562" spans="14:14">
      <c r="N907562" s="10"/>
    </row>
    <row r="907563" spans="14:14">
      <c r="N907563" s="10"/>
    </row>
    <row r="907564" spans="14:14">
      <c r="N907564" s="10"/>
    </row>
    <row r="907565" spans="14:14">
      <c r="N907565" s="10"/>
    </row>
    <row r="907566" spans="14:14">
      <c r="N907566" s="10"/>
    </row>
    <row r="907567" spans="14:14">
      <c r="N907567" s="10"/>
    </row>
    <row r="907568" spans="14:14">
      <c r="N907568" s="10"/>
    </row>
    <row r="907569" spans="14:14">
      <c r="N907569" s="10"/>
    </row>
    <row r="907570" spans="14:14">
      <c r="N907570" s="10"/>
    </row>
    <row r="907571" spans="14:14">
      <c r="N907571" s="10"/>
    </row>
    <row r="907572" spans="14:14">
      <c r="N907572" s="10"/>
    </row>
    <row r="907573" spans="14:14">
      <c r="N907573" s="10"/>
    </row>
    <row r="907574" spans="14:14">
      <c r="N907574" s="10"/>
    </row>
    <row r="907575" spans="14:14">
      <c r="N907575" s="10"/>
    </row>
    <row r="907576" spans="14:14">
      <c r="N907576" s="10"/>
    </row>
    <row r="907577" spans="14:14">
      <c r="N907577" s="10"/>
    </row>
    <row r="907578" spans="14:14">
      <c r="N907578" s="10"/>
    </row>
    <row r="907579" spans="14:14">
      <c r="N907579" s="10"/>
    </row>
    <row r="907580" spans="14:14">
      <c r="N907580" s="10"/>
    </row>
    <row r="907581" spans="14:14">
      <c r="N907581" s="10"/>
    </row>
    <row r="907582" spans="14:14">
      <c r="N907582" s="10"/>
    </row>
    <row r="907583" spans="14:14">
      <c r="N907583" s="10"/>
    </row>
    <row r="907584" spans="14:14">
      <c r="N907584" s="10"/>
    </row>
    <row r="907585" spans="14:14">
      <c r="N907585" s="10"/>
    </row>
    <row r="907586" spans="14:14">
      <c r="N907586" s="10"/>
    </row>
    <row r="907587" spans="14:14">
      <c r="N907587" s="10"/>
    </row>
    <row r="907588" spans="14:14">
      <c r="N907588" s="10"/>
    </row>
    <row r="907589" spans="14:14">
      <c r="N907589" s="10"/>
    </row>
    <row r="907590" spans="14:14">
      <c r="N907590" s="10"/>
    </row>
    <row r="907591" spans="14:14">
      <c r="N907591" s="10"/>
    </row>
    <row r="907592" spans="14:14">
      <c r="N907592" s="10"/>
    </row>
    <row r="907593" spans="14:14">
      <c r="N907593" s="10"/>
    </row>
    <row r="907594" spans="14:14">
      <c r="N907594" s="10"/>
    </row>
    <row r="907595" spans="14:14">
      <c r="N907595" s="10"/>
    </row>
    <row r="907596" spans="14:14">
      <c r="N907596" s="10"/>
    </row>
    <row r="907597" spans="14:14">
      <c r="N907597" s="10"/>
    </row>
    <row r="907598" spans="14:14">
      <c r="N907598" s="10"/>
    </row>
    <row r="907599" spans="14:14">
      <c r="N907599" s="10"/>
    </row>
    <row r="907600" spans="14:14">
      <c r="N907600" s="10"/>
    </row>
    <row r="907601" spans="14:14">
      <c r="N907601" s="10"/>
    </row>
    <row r="907602" spans="14:14">
      <c r="N907602" s="10"/>
    </row>
    <row r="907603" spans="14:14">
      <c r="N907603" s="10"/>
    </row>
    <row r="907604" spans="14:14">
      <c r="N907604" s="10"/>
    </row>
    <row r="907605" spans="14:14">
      <c r="N907605" s="10"/>
    </row>
    <row r="907606" spans="14:14">
      <c r="N907606" s="10"/>
    </row>
    <row r="907607" spans="14:14">
      <c r="N907607" s="10"/>
    </row>
    <row r="907608" spans="14:14">
      <c r="N907608" s="10"/>
    </row>
    <row r="907609" spans="14:14">
      <c r="N907609" s="10"/>
    </row>
    <row r="907610" spans="14:14">
      <c r="N907610" s="10"/>
    </row>
    <row r="907611" spans="14:14">
      <c r="N907611" s="10"/>
    </row>
    <row r="907612" spans="14:14">
      <c r="N907612" s="10"/>
    </row>
    <row r="907613" spans="14:14">
      <c r="N907613" s="10"/>
    </row>
    <row r="907614" spans="14:14">
      <c r="N907614" s="10"/>
    </row>
    <row r="907615" spans="14:14">
      <c r="N907615" s="10"/>
    </row>
    <row r="907616" spans="14:14">
      <c r="N907616" s="10"/>
    </row>
    <row r="907617" spans="14:14">
      <c r="N907617" s="10"/>
    </row>
    <row r="907618" spans="14:14">
      <c r="N907618" s="10"/>
    </row>
    <row r="907619" spans="14:14">
      <c r="N907619" s="10"/>
    </row>
    <row r="907620" spans="14:14">
      <c r="N907620" s="10"/>
    </row>
    <row r="907621" spans="14:14">
      <c r="N907621" s="10"/>
    </row>
    <row r="907622" spans="14:14">
      <c r="N907622" s="10"/>
    </row>
    <row r="907623" spans="14:14">
      <c r="N907623" s="10"/>
    </row>
    <row r="907624" spans="14:14">
      <c r="N907624" s="10"/>
    </row>
    <row r="907625" spans="14:14">
      <c r="N907625" s="10"/>
    </row>
    <row r="907626" spans="14:14">
      <c r="N907626" s="10"/>
    </row>
    <row r="907627" spans="14:14">
      <c r="N907627" s="10"/>
    </row>
    <row r="907628" spans="14:14">
      <c r="N907628" s="10"/>
    </row>
    <row r="907629" spans="14:14">
      <c r="N907629" s="10"/>
    </row>
    <row r="907630" spans="14:14">
      <c r="N907630" s="10"/>
    </row>
    <row r="907631" spans="14:14">
      <c r="N907631" s="10"/>
    </row>
    <row r="907632" spans="14:14">
      <c r="N907632" s="10"/>
    </row>
    <row r="907633" spans="14:14">
      <c r="N907633" s="10"/>
    </row>
    <row r="907634" spans="14:14">
      <c r="N907634" s="10"/>
    </row>
    <row r="907635" spans="14:14">
      <c r="N907635" s="10"/>
    </row>
    <row r="907636" spans="14:14">
      <c r="N907636" s="10"/>
    </row>
    <row r="907637" spans="14:14">
      <c r="N907637" s="10"/>
    </row>
    <row r="907638" spans="14:14">
      <c r="N907638" s="10"/>
    </row>
    <row r="907639" spans="14:14">
      <c r="N907639" s="10"/>
    </row>
    <row r="907640" spans="14:14">
      <c r="N907640" s="10"/>
    </row>
    <row r="907641" spans="14:14">
      <c r="N907641" s="10"/>
    </row>
    <row r="907642" spans="14:14">
      <c r="N907642" s="10"/>
    </row>
    <row r="907643" spans="14:14">
      <c r="N907643" s="10"/>
    </row>
    <row r="907644" spans="14:14">
      <c r="N907644" s="10"/>
    </row>
    <row r="907645" spans="14:14">
      <c r="N907645" s="10"/>
    </row>
    <row r="907646" spans="14:14">
      <c r="N907646" s="10"/>
    </row>
    <row r="907647" spans="14:14">
      <c r="N907647" s="10"/>
    </row>
    <row r="907648" spans="14:14">
      <c r="N907648" s="10"/>
    </row>
    <row r="907649" spans="14:14">
      <c r="N907649" s="10"/>
    </row>
    <row r="907650" spans="14:14">
      <c r="N907650" s="10"/>
    </row>
    <row r="907651" spans="14:14">
      <c r="N907651" s="10"/>
    </row>
    <row r="907652" spans="14:14">
      <c r="N907652" s="10"/>
    </row>
    <row r="907653" spans="14:14">
      <c r="N907653" s="10"/>
    </row>
    <row r="907654" spans="14:14">
      <c r="N907654" s="10"/>
    </row>
    <row r="907655" spans="14:14">
      <c r="N907655" s="10"/>
    </row>
    <row r="907656" spans="14:14">
      <c r="N907656" s="10"/>
    </row>
    <row r="907657" spans="14:14">
      <c r="N907657" s="10"/>
    </row>
    <row r="907658" spans="14:14">
      <c r="N907658" s="10"/>
    </row>
    <row r="907659" spans="14:14">
      <c r="N907659" s="10"/>
    </row>
    <row r="907660" spans="14:14">
      <c r="N907660" s="10"/>
    </row>
    <row r="907661" spans="14:14">
      <c r="N907661" s="10"/>
    </row>
    <row r="907662" spans="14:14">
      <c r="N907662" s="10"/>
    </row>
    <row r="907663" spans="14:14">
      <c r="N907663" s="10"/>
    </row>
    <row r="907664" spans="14:14">
      <c r="N907664" s="10"/>
    </row>
    <row r="907665" spans="14:14">
      <c r="N907665" s="10"/>
    </row>
    <row r="907666" spans="14:14">
      <c r="N907666" s="10"/>
    </row>
    <row r="907667" spans="14:14">
      <c r="N907667" s="10"/>
    </row>
    <row r="907668" spans="14:14">
      <c r="N907668" s="10"/>
    </row>
    <row r="907669" spans="14:14">
      <c r="N907669" s="10"/>
    </row>
    <row r="907670" spans="14:14">
      <c r="N907670" s="10"/>
    </row>
    <row r="907671" spans="14:14">
      <c r="N907671" s="10"/>
    </row>
    <row r="907672" spans="14:14">
      <c r="N907672" s="10"/>
    </row>
    <row r="907673" spans="14:14">
      <c r="N907673" s="10"/>
    </row>
    <row r="907674" spans="14:14">
      <c r="N907674" s="10"/>
    </row>
    <row r="907675" spans="14:14">
      <c r="N907675" s="10"/>
    </row>
    <row r="907676" spans="14:14">
      <c r="N907676" s="10"/>
    </row>
    <row r="907677" spans="14:14">
      <c r="N907677" s="10"/>
    </row>
    <row r="907678" spans="14:14">
      <c r="N907678" s="10"/>
    </row>
    <row r="907679" spans="14:14">
      <c r="N907679" s="10"/>
    </row>
    <row r="907680" spans="14:14">
      <c r="N907680" s="10"/>
    </row>
    <row r="907681" spans="14:14">
      <c r="N907681" s="10"/>
    </row>
    <row r="907682" spans="14:14">
      <c r="N907682" s="10"/>
    </row>
    <row r="907683" spans="14:14">
      <c r="N907683" s="10"/>
    </row>
    <row r="907684" spans="14:14">
      <c r="N907684" s="10"/>
    </row>
    <row r="907685" spans="14:14">
      <c r="N907685" s="10"/>
    </row>
    <row r="907686" spans="14:14">
      <c r="N907686" s="10"/>
    </row>
    <row r="907687" spans="14:14">
      <c r="N907687" s="10"/>
    </row>
    <row r="907688" spans="14:14">
      <c r="N907688" s="10"/>
    </row>
    <row r="907689" spans="14:14">
      <c r="N907689" s="10"/>
    </row>
    <row r="907690" spans="14:14">
      <c r="N907690" s="10"/>
    </row>
    <row r="907691" spans="14:14">
      <c r="N907691" s="10"/>
    </row>
    <row r="907692" spans="14:14">
      <c r="N907692" s="10"/>
    </row>
    <row r="907693" spans="14:14">
      <c r="N907693" s="10"/>
    </row>
    <row r="907694" spans="14:14">
      <c r="N907694" s="10"/>
    </row>
    <row r="907695" spans="14:14">
      <c r="N907695" s="10"/>
    </row>
    <row r="907696" spans="14:14">
      <c r="N907696" s="10"/>
    </row>
    <row r="907697" spans="14:14">
      <c r="N907697" s="10"/>
    </row>
    <row r="907698" spans="14:14">
      <c r="N907698" s="10"/>
    </row>
    <row r="907699" spans="14:14">
      <c r="N907699" s="10"/>
    </row>
    <row r="907700" spans="14:14">
      <c r="N907700" s="10"/>
    </row>
    <row r="907701" spans="14:14">
      <c r="N907701" s="10"/>
    </row>
    <row r="907702" spans="14:14">
      <c r="N907702" s="10"/>
    </row>
    <row r="907703" spans="14:14">
      <c r="N907703" s="10"/>
    </row>
    <row r="907704" spans="14:14">
      <c r="N907704" s="10"/>
    </row>
    <row r="907705" spans="14:14">
      <c r="N907705" s="10"/>
    </row>
    <row r="907706" spans="14:14">
      <c r="N907706" s="10"/>
    </row>
    <row r="907707" spans="14:14">
      <c r="N907707" s="10"/>
    </row>
    <row r="907708" spans="14:14">
      <c r="N907708" s="10"/>
    </row>
    <row r="907709" spans="14:14">
      <c r="N907709" s="10"/>
    </row>
    <row r="907710" spans="14:14">
      <c r="N907710" s="10"/>
    </row>
    <row r="907711" spans="14:14">
      <c r="N907711" s="10"/>
    </row>
    <row r="907712" spans="14:14">
      <c r="N907712" s="10"/>
    </row>
    <row r="907713" spans="14:14">
      <c r="N907713" s="10"/>
    </row>
    <row r="907714" spans="14:14">
      <c r="N907714" s="10"/>
    </row>
    <row r="907715" spans="14:14">
      <c r="N907715" s="10"/>
    </row>
    <row r="907716" spans="14:14">
      <c r="N907716" s="10"/>
    </row>
    <row r="907717" spans="14:14">
      <c r="N907717" s="10"/>
    </row>
    <row r="907718" spans="14:14">
      <c r="N907718" s="10"/>
    </row>
    <row r="907719" spans="14:14">
      <c r="N907719" s="10"/>
    </row>
    <row r="907720" spans="14:14">
      <c r="N907720" s="10"/>
    </row>
    <row r="907721" spans="14:14">
      <c r="N907721" s="10"/>
    </row>
    <row r="907722" spans="14:14">
      <c r="N907722" s="10"/>
    </row>
    <row r="907723" spans="14:14">
      <c r="N907723" s="10"/>
    </row>
    <row r="907724" spans="14:14">
      <c r="N907724" s="10"/>
    </row>
    <row r="907725" spans="14:14">
      <c r="N907725" s="10"/>
    </row>
    <row r="907726" spans="14:14">
      <c r="N907726" s="10"/>
    </row>
    <row r="907727" spans="14:14">
      <c r="N907727" s="10"/>
    </row>
    <row r="907728" spans="14:14">
      <c r="N907728" s="10"/>
    </row>
    <row r="907729" spans="14:14">
      <c r="N907729" s="10"/>
    </row>
    <row r="907730" spans="14:14">
      <c r="N907730" s="10"/>
    </row>
    <row r="907731" spans="14:14">
      <c r="N907731" s="10"/>
    </row>
    <row r="907732" spans="14:14">
      <c r="N907732" s="10"/>
    </row>
    <row r="907733" spans="14:14">
      <c r="N907733" s="10"/>
    </row>
    <row r="907734" spans="14:14">
      <c r="N907734" s="10"/>
    </row>
    <row r="907735" spans="14:14">
      <c r="N907735" s="10"/>
    </row>
    <row r="907736" spans="14:14">
      <c r="N907736" s="10"/>
    </row>
    <row r="907737" spans="14:14">
      <c r="N907737" s="10"/>
    </row>
    <row r="907738" spans="14:14">
      <c r="N907738" s="10"/>
    </row>
    <row r="907739" spans="14:14">
      <c r="N907739" s="10"/>
    </row>
    <row r="907740" spans="14:14">
      <c r="N907740" s="10"/>
    </row>
    <row r="907741" spans="14:14">
      <c r="N907741" s="10"/>
    </row>
    <row r="907742" spans="14:14">
      <c r="N907742" s="10"/>
    </row>
    <row r="907743" spans="14:14">
      <c r="N907743" s="10"/>
    </row>
    <row r="907744" spans="14:14">
      <c r="N907744" s="10"/>
    </row>
    <row r="907745" spans="14:14">
      <c r="N907745" s="10"/>
    </row>
    <row r="907746" spans="14:14">
      <c r="N907746" s="10"/>
    </row>
    <row r="907747" spans="14:14">
      <c r="N907747" s="10"/>
    </row>
    <row r="907748" spans="14:14">
      <c r="N907748" s="10"/>
    </row>
    <row r="907749" spans="14:14">
      <c r="N907749" s="10"/>
    </row>
    <row r="907750" spans="14:14">
      <c r="N907750" s="10"/>
    </row>
    <row r="907751" spans="14:14">
      <c r="N907751" s="10"/>
    </row>
    <row r="907752" spans="14:14">
      <c r="N907752" s="10"/>
    </row>
    <row r="907753" spans="14:14">
      <c r="N907753" s="10"/>
    </row>
    <row r="907754" spans="14:14">
      <c r="N907754" s="10"/>
    </row>
    <row r="907755" spans="14:14">
      <c r="N907755" s="10"/>
    </row>
    <row r="907756" spans="14:14">
      <c r="N907756" s="10"/>
    </row>
    <row r="907757" spans="14:14">
      <c r="N907757" s="10"/>
    </row>
    <row r="907758" spans="14:14">
      <c r="N907758" s="10"/>
    </row>
    <row r="907759" spans="14:14">
      <c r="N907759" s="10"/>
    </row>
    <row r="907760" spans="14:14">
      <c r="N907760" s="10"/>
    </row>
    <row r="907761" spans="14:14">
      <c r="N907761" s="10"/>
    </row>
    <row r="907762" spans="14:14">
      <c r="N907762" s="10"/>
    </row>
    <row r="907763" spans="14:14">
      <c r="N907763" s="10"/>
    </row>
    <row r="907764" spans="14:14">
      <c r="N907764" s="10"/>
    </row>
    <row r="907765" spans="14:14">
      <c r="N907765" s="10"/>
    </row>
    <row r="907766" spans="14:14">
      <c r="N907766" s="10"/>
    </row>
    <row r="907767" spans="14:14">
      <c r="N907767" s="10"/>
    </row>
    <row r="907768" spans="14:14">
      <c r="N907768" s="10"/>
    </row>
    <row r="907769" spans="14:14">
      <c r="N907769" s="10"/>
    </row>
    <row r="907770" spans="14:14">
      <c r="N907770" s="10"/>
    </row>
    <row r="907771" spans="14:14">
      <c r="N907771" s="10"/>
    </row>
    <row r="907772" spans="14:14">
      <c r="N907772" s="10"/>
    </row>
    <row r="907773" spans="14:14">
      <c r="N907773" s="10"/>
    </row>
    <row r="907774" spans="14:14">
      <c r="N907774" s="10"/>
    </row>
    <row r="907775" spans="14:14">
      <c r="N907775" s="10"/>
    </row>
    <row r="907776" spans="14:14">
      <c r="N907776" s="10"/>
    </row>
    <row r="907777" spans="14:14">
      <c r="N907777" s="10"/>
    </row>
    <row r="907778" spans="14:14">
      <c r="N907778" s="10"/>
    </row>
    <row r="907779" spans="14:14">
      <c r="N907779" s="10"/>
    </row>
    <row r="907780" spans="14:14">
      <c r="N907780" s="10"/>
    </row>
    <row r="907781" spans="14:14">
      <c r="N907781" s="10"/>
    </row>
    <row r="907782" spans="14:14">
      <c r="N907782" s="10"/>
    </row>
    <row r="907783" spans="14:14">
      <c r="N907783" s="10"/>
    </row>
    <row r="907784" spans="14:14">
      <c r="N907784" s="10"/>
    </row>
    <row r="907785" spans="14:14">
      <c r="N907785" s="10"/>
    </row>
    <row r="907786" spans="14:14">
      <c r="N907786" s="10"/>
    </row>
    <row r="907787" spans="14:14">
      <c r="N907787" s="10"/>
    </row>
    <row r="907788" spans="14:14">
      <c r="N907788" s="10"/>
    </row>
    <row r="907789" spans="14:14">
      <c r="N907789" s="10"/>
    </row>
    <row r="907790" spans="14:14">
      <c r="N907790" s="10"/>
    </row>
    <row r="907791" spans="14:14">
      <c r="N907791" s="10"/>
    </row>
    <row r="907792" spans="14:14">
      <c r="N907792" s="10"/>
    </row>
    <row r="907793" spans="14:14">
      <c r="N907793" s="10"/>
    </row>
    <row r="907794" spans="14:14">
      <c r="N907794" s="10"/>
    </row>
    <row r="907795" spans="14:14">
      <c r="N907795" s="10"/>
    </row>
    <row r="907796" spans="14:14">
      <c r="N907796" s="10"/>
    </row>
    <row r="907797" spans="14:14">
      <c r="N907797" s="10"/>
    </row>
    <row r="907798" spans="14:14">
      <c r="N907798" s="10"/>
    </row>
    <row r="907799" spans="14:14">
      <c r="N907799" s="10"/>
    </row>
    <row r="907800" spans="14:14">
      <c r="N907800" s="10"/>
    </row>
    <row r="907801" spans="14:14">
      <c r="N907801" s="10"/>
    </row>
    <row r="907802" spans="14:14">
      <c r="N907802" s="10"/>
    </row>
    <row r="907803" spans="14:14">
      <c r="N907803" s="10"/>
    </row>
    <row r="907804" spans="14:14">
      <c r="N907804" s="10"/>
    </row>
    <row r="907805" spans="14:14">
      <c r="N907805" s="10"/>
    </row>
    <row r="907806" spans="14:14">
      <c r="N907806" s="10"/>
    </row>
    <row r="907807" spans="14:14">
      <c r="N907807" s="10"/>
    </row>
    <row r="907808" spans="14:14">
      <c r="N907808" s="10"/>
    </row>
    <row r="907809" spans="14:14">
      <c r="N907809" s="10"/>
    </row>
    <row r="907810" spans="14:14">
      <c r="N907810" s="10"/>
    </row>
    <row r="907811" spans="14:14">
      <c r="N907811" s="10"/>
    </row>
    <row r="907812" spans="14:14">
      <c r="N907812" s="10"/>
    </row>
    <row r="907813" spans="14:14">
      <c r="N907813" s="10"/>
    </row>
    <row r="907814" spans="14:14">
      <c r="N907814" s="10"/>
    </row>
    <row r="907815" spans="14:14">
      <c r="N907815" s="10"/>
    </row>
    <row r="907816" spans="14:14">
      <c r="N907816" s="10"/>
    </row>
    <row r="907817" spans="14:14">
      <c r="N907817" s="10"/>
    </row>
    <row r="907818" spans="14:14">
      <c r="N907818" s="10"/>
    </row>
    <row r="907819" spans="14:14">
      <c r="N907819" s="10"/>
    </row>
    <row r="907820" spans="14:14">
      <c r="N907820" s="10"/>
    </row>
    <row r="907821" spans="14:14">
      <c r="N907821" s="10"/>
    </row>
    <row r="907822" spans="14:14">
      <c r="N907822" s="10"/>
    </row>
    <row r="907823" spans="14:14">
      <c r="N907823" s="10"/>
    </row>
    <row r="907824" spans="14:14">
      <c r="N907824" s="10"/>
    </row>
    <row r="907825" spans="14:14">
      <c r="N907825" s="10"/>
    </row>
    <row r="907826" spans="14:14">
      <c r="N907826" s="10"/>
    </row>
    <row r="907827" spans="14:14">
      <c r="N907827" s="10"/>
    </row>
    <row r="907828" spans="14:14">
      <c r="N907828" s="10"/>
    </row>
    <row r="907829" spans="14:14">
      <c r="N907829" s="10"/>
    </row>
    <row r="907830" spans="14:14">
      <c r="N907830" s="10"/>
    </row>
    <row r="907831" spans="14:14">
      <c r="N907831" s="10"/>
    </row>
    <row r="907832" spans="14:14">
      <c r="N907832" s="10"/>
    </row>
    <row r="907833" spans="14:14">
      <c r="N907833" s="10"/>
    </row>
    <row r="907834" spans="14:14">
      <c r="N907834" s="10"/>
    </row>
    <row r="907835" spans="14:14">
      <c r="N907835" s="10"/>
    </row>
    <row r="907836" spans="14:14">
      <c r="N907836" s="10"/>
    </row>
    <row r="907837" spans="14:14">
      <c r="N907837" s="10"/>
    </row>
    <row r="907838" spans="14:14">
      <c r="N907838" s="10"/>
    </row>
    <row r="907839" spans="14:14">
      <c r="N907839" s="10"/>
    </row>
    <row r="907840" spans="14:14">
      <c r="N907840" s="10"/>
    </row>
    <row r="907841" spans="14:14">
      <c r="N907841" s="10"/>
    </row>
    <row r="907842" spans="14:14">
      <c r="N907842" s="10"/>
    </row>
    <row r="907843" spans="14:14">
      <c r="N907843" s="10"/>
    </row>
    <row r="907844" spans="14:14">
      <c r="N907844" s="10"/>
    </row>
    <row r="907845" spans="14:14">
      <c r="N907845" s="10"/>
    </row>
    <row r="907846" spans="14:14">
      <c r="N907846" s="10"/>
    </row>
    <row r="907847" spans="14:14">
      <c r="N907847" s="10"/>
    </row>
    <row r="907848" spans="14:14">
      <c r="N907848" s="10"/>
    </row>
    <row r="907849" spans="14:14">
      <c r="N907849" s="10"/>
    </row>
    <row r="907850" spans="14:14">
      <c r="N907850" s="10"/>
    </row>
    <row r="907851" spans="14:14">
      <c r="N907851" s="10"/>
    </row>
    <row r="907852" spans="14:14">
      <c r="N907852" s="10"/>
    </row>
    <row r="907853" spans="14:14">
      <c r="N907853" s="10"/>
    </row>
    <row r="907854" spans="14:14">
      <c r="N907854" s="10"/>
    </row>
    <row r="907855" spans="14:14">
      <c r="N907855" s="10"/>
    </row>
    <row r="907856" spans="14:14">
      <c r="N907856" s="10"/>
    </row>
    <row r="907857" spans="14:14">
      <c r="N907857" s="10"/>
    </row>
    <row r="907858" spans="14:14">
      <c r="N907858" s="10"/>
    </row>
    <row r="907859" spans="14:14">
      <c r="N907859" s="10"/>
    </row>
    <row r="907860" spans="14:14">
      <c r="N907860" s="10"/>
    </row>
    <row r="907861" spans="14:14">
      <c r="N907861" s="10"/>
    </row>
    <row r="907862" spans="14:14">
      <c r="N907862" s="10"/>
    </row>
    <row r="907863" spans="14:14">
      <c r="N907863" s="10"/>
    </row>
    <row r="907864" spans="14:14">
      <c r="N907864" s="10"/>
    </row>
    <row r="907865" spans="14:14">
      <c r="N907865" s="10"/>
    </row>
    <row r="907866" spans="14:14">
      <c r="N907866" s="10"/>
    </row>
    <row r="907867" spans="14:14">
      <c r="N907867" s="10"/>
    </row>
    <row r="907868" spans="14:14">
      <c r="N907868" s="10"/>
    </row>
    <row r="907869" spans="14:14">
      <c r="N907869" s="10"/>
    </row>
    <row r="907870" spans="14:14">
      <c r="N907870" s="10"/>
    </row>
    <row r="907871" spans="14:14">
      <c r="N907871" s="10"/>
    </row>
    <row r="907872" spans="14:14">
      <c r="N907872" s="10"/>
    </row>
    <row r="907873" spans="14:14">
      <c r="N907873" s="10"/>
    </row>
    <row r="907874" spans="14:14">
      <c r="N907874" s="10"/>
    </row>
    <row r="907875" spans="14:14">
      <c r="N907875" s="10"/>
    </row>
    <row r="907876" spans="14:14">
      <c r="N907876" s="10"/>
    </row>
    <row r="907877" spans="14:14">
      <c r="N907877" s="10"/>
    </row>
    <row r="907878" spans="14:14">
      <c r="N907878" s="10"/>
    </row>
    <row r="907879" spans="14:14">
      <c r="N907879" s="10"/>
    </row>
    <row r="907880" spans="14:14">
      <c r="N907880" s="10"/>
    </row>
    <row r="907881" spans="14:14">
      <c r="N907881" s="10"/>
    </row>
    <row r="907882" spans="14:14">
      <c r="N907882" s="10"/>
    </row>
    <row r="907883" spans="14:14">
      <c r="N907883" s="10"/>
    </row>
    <row r="907884" spans="14:14">
      <c r="N907884" s="10"/>
    </row>
    <row r="907885" spans="14:14">
      <c r="N907885" s="10"/>
    </row>
    <row r="907886" spans="14:14">
      <c r="N907886" s="10"/>
    </row>
    <row r="907887" spans="14:14">
      <c r="N907887" s="10"/>
    </row>
    <row r="907888" spans="14:14">
      <c r="N907888" s="10"/>
    </row>
    <row r="907889" spans="14:14">
      <c r="N907889" s="10"/>
    </row>
    <row r="907890" spans="14:14">
      <c r="N907890" s="10"/>
    </row>
    <row r="907891" spans="14:14">
      <c r="N907891" s="10"/>
    </row>
    <row r="907892" spans="14:14">
      <c r="N907892" s="10"/>
    </row>
    <row r="907893" spans="14:14">
      <c r="N907893" s="10"/>
    </row>
    <row r="907894" spans="14:14">
      <c r="N907894" s="10"/>
    </row>
    <row r="907895" spans="14:14">
      <c r="N907895" s="10"/>
    </row>
    <row r="907896" spans="14:14">
      <c r="N907896" s="10"/>
    </row>
    <row r="907897" spans="14:14">
      <c r="N907897" s="10"/>
    </row>
    <row r="907898" spans="14:14">
      <c r="N907898" s="10"/>
    </row>
    <row r="907899" spans="14:14">
      <c r="N907899" s="10"/>
    </row>
    <row r="907900" spans="14:14">
      <c r="N907900" s="10"/>
    </row>
    <row r="907901" spans="14:14">
      <c r="N907901" s="10"/>
    </row>
    <row r="907902" spans="14:14">
      <c r="N907902" s="10"/>
    </row>
    <row r="907903" spans="14:14">
      <c r="N907903" s="10"/>
    </row>
    <row r="907904" spans="14:14">
      <c r="N907904" s="10"/>
    </row>
    <row r="907905" spans="14:14">
      <c r="N907905" s="10"/>
    </row>
    <row r="907906" spans="14:14">
      <c r="N907906" s="10"/>
    </row>
    <row r="907907" spans="14:14">
      <c r="N907907" s="10"/>
    </row>
    <row r="907908" spans="14:14">
      <c r="N907908" s="10"/>
    </row>
    <row r="907909" spans="14:14">
      <c r="N907909" s="10"/>
    </row>
    <row r="907910" spans="14:14">
      <c r="N907910" s="10"/>
    </row>
    <row r="907911" spans="14:14">
      <c r="N907911" s="10"/>
    </row>
    <row r="907912" spans="14:14">
      <c r="N907912" s="10"/>
    </row>
    <row r="907913" spans="14:14">
      <c r="N907913" s="10"/>
    </row>
    <row r="907914" spans="14:14">
      <c r="N907914" s="10"/>
    </row>
    <row r="907915" spans="14:14">
      <c r="N907915" s="10"/>
    </row>
    <row r="907916" spans="14:14">
      <c r="N907916" s="10"/>
    </row>
    <row r="907917" spans="14:14">
      <c r="N907917" s="10"/>
    </row>
    <row r="907918" spans="14:14">
      <c r="N907918" s="10"/>
    </row>
    <row r="907919" spans="14:14">
      <c r="N907919" s="10"/>
    </row>
    <row r="907920" spans="14:14">
      <c r="N907920" s="10"/>
    </row>
    <row r="907921" spans="14:14">
      <c r="N907921" s="10"/>
    </row>
    <row r="907922" spans="14:14">
      <c r="N907922" s="10"/>
    </row>
    <row r="907923" spans="14:14">
      <c r="N907923" s="10"/>
    </row>
    <row r="907924" spans="14:14">
      <c r="N907924" s="10"/>
    </row>
    <row r="907925" spans="14:14">
      <c r="N907925" s="10"/>
    </row>
    <row r="907926" spans="14:14">
      <c r="N907926" s="10"/>
    </row>
    <row r="907927" spans="14:14">
      <c r="N907927" s="10"/>
    </row>
    <row r="907928" spans="14:14">
      <c r="N907928" s="10"/>
    </row>
    <row r="907929" spans="14:14">
      <c r="N907929" s="10"/>
    </row>
    <row r="907930" spans="14:14">
      <c r="N907930" s="10"/>
    </row>
    <row r="907931" spans="14:14">
      <c r="N907931" s="10"/>
    </row>
    <row r="907932" spans="14:14">
      <c r="N907932" s="10"/>
    </row>
    <row r="907933" spans="14:14">
      <c r="N907933" s="10"/>
    </row>
    <row r="907934" spans="14:14">
      <c r="N907934" s="10"/>
    </row>
    <row r="907935" spans="14:14">
      <c r="N907935" s="10"/>
    </row>
    <row r="907936" spans="14:14">
      <c r="N907936" s="10"/>
    </row>
    <row r="907937" spans="14:14">
      <c r="N907937" s="10"/>
    </row>
    <row r="907938" spans="14:14">
      <c r="N907938" s="10"/>
    </row>
    <row r="907939" spans="14:14">
      <c r="N907939" s="10"/>
    </row>
    <row r="907940" spans="14:14">
      <c r="N907940" s="10"/>
    </row>
    <row r="907941" spans="14:14">
      <c r="N907941" s="10"/>
    </row>
    <row r="907942" spans="14:14">
      <c r="N907942" s="10"/>
    </row>
    <row r="907943" spans="14:14">
      <c r="N907943" s="10"/>
    </row>
    <row r="907944" spans="14:14">
      <c r="N907944" s="10"/>
    </row>
    <row r="907945" spans="14:14">
      <c r="N907945" s="10"/>
    </row>
    <row r="907946" spans="14:14">
      <c r="N907946" s="10"/>
    </row>
    <row r="907947" spans="14:14">
      <c r="N907947" s="10"/>
    </row>
    <row r="907948" spans="14:14">
      <c r="N907948" s="10"/>
    </row>
    <row r="907949" spans="14:14">
      <c r="N907949" s="10"/>
    </row>
    <row r="907950" spans="14:14">
      <c r="N907950" s="10"/>
    </row>
    <row r="907951" spans="14:14">
      <c r="N907951" s="10"/>
    </row>
    <row r="907952" spans="14:14">
      <c r="N907952" s="10"/>
    </row>
    <row r="907953" spans="14:14">
      <c r="N907953" s="10"/>
    </row>
    <row r="907954" spans="14:14">
      <c r="N907954" s="10"/>
    </row>
    <row r="907955" spans="14:14">
      <c r="N907955" s="10"/>
    </row>
    <row r="907956" spans="14:14">
      <c r="N907956" s="10"/>
    </row>
    <row r="907957" spans="14:14">
      <c r="N907957" s="10"/>
    </row>
    <row r="907958" spans="14:14">
      <c r="N907958" s="10"/>
    </row>
    <row r="907959" spans="14:14">
      <c r="N907959" s="10"/>
    </row>
    <row r="907960" spans="14:14">
      <c r="N907960" s="10"/>
    </row>
    <row r="907961" spans="14:14">
      <c r="N907961" s="10"/>
    </row>
    <row r="907962" spans="14:14">
      <c r="N907962" s="10"/>
    </row>
    <row r="907963" spans="14:14">
      <c r="N907963" s="10"/>
    </row>
    <row r="907964" spans="14:14">
      <c r="N907964" s="10"/>
    </row>
    <row r="907965" spans="14:14">
      <c r="N907965" s="10"/>
    </row>
    <row r="907966" spans="14:14">
      <c r="N907966" s="10"/>
    </row>
    <row r="907967" spans="14:14">
      <c r="N907967" s="10"/>
    </row>
    <row r="907968" spans="14:14">
      <c r="N907968" s="10"/>
    </row>
    <row r="907969" spans="14:14">
      <c r="N907969" s="10"/>
    </row>
    <row r="907970" spans="14:14">
      <c r="N907970" s="10"/>
    </row>
    <row r="907971" spans="14:14">
      <c r="N907971" s="10"/>
    </row>
    <row r="907972" spans="14:14">
      <c r="N907972" s="10"/>
    </row>
    <row r="907973" spans="14:14">
      <c r="N907973" s="10"/>
    </row>
    <row r="907974" spans="14:14">
      <c r="N907974" s="10"/>
    </row>
    <row r="907975" spans="14:14">
      <c r="N907975" s="10"/>
    </row>
    <row r="907976" spans="14:14">
      <c r="N907976" s="10"/>
    </row>
    <row r="907977" spans="14:14">
      <c r="N907977" s="10"/>
    </row>
    <row r="907978" spans="14:14">
      <c r="N907978" s="10"/>
    </row>
    <row r="907979" spans="14:14">
      <c r="N907979" s="10"/>
    </row>
    <row r="907980" spans="14:14">
      <c r="N907980" s="10"/>
    </row>
    <row r="907981" spans="14:14">
      <c r="N907981" s="10"/>
    </row>
    <row r="907982" spans="14:14">
      <c r="N907982" s="10"/>
    </row>
    <row r="907983" spans="14:14">
      <c r="N907983" s="10"/>
    </row>
    <row r="907984" spans="14:14">
      <c r="N907984" s="10"/>
    </row>
    <row r="907985" spans="14:14">
      <c r="N907985" s="10"/>
    </row>
    <row r="907986" spans="14:14">
      <c r="N907986" s="10"/>
    </row>
    <row r="907987" spans="14:14">
      <c r="N907987" s="10"/>
    </row>
    <row r="907988" spans="14:14">
      <c r="N907988" s="10"/>
    </row>
    <row r="907989" spans="14:14">
      <c r="N907989" s="10"/>
    </row>
    <row r="907990" spans="14:14">
      <c r="N907990" s="10"/>
    </row>
    <row r="907991" spans="14:14">
      <c r="N907991" s="10"/>
    </row>
    <row r="907992" spans="14:14">
      <c r="N907992" s="10"/>
    </row>
    <row r="907993" spans="14:14">
      <c r="N907993" s="10"/>
    </row>
    <row r="907994" spans="14:14">
      <c r="N907994" s="10"/>
    </row>
    <row r="907995" spans="14:14">
      <c r="N907995" s="10"/>
    </row>
    <row r="907996" spans="14:14">
      <c r="N907996" s="10"/>
    </row>
    <row r="907997" spans="14:14">
      <c r="N907997" s="10"/>
    </row>
    <row r="907998" spans="14:14">
      <c r="N907998" s="10"/>
    </row>
    <row r="907999" spans="14:14">
      <c r="N907999" s="10"/>
    </row>
    <row r="908000" spans="14:14">
      <c r="N908000" s="10"/>
    </row>
    <row r="908001" spans="14:14">
      <c r="N908001" s="10"/>
    </row>
    <row r="908002" spans="14:14">
      <c r="N908002" s="10"/>
    </row>
    <row r="908003" spans="14:14">
      <c r="N908003" s="10"/>
    </row>
    <row r="908004" spans="14:14">
      <c r="N908004" s="10"/>
    </row>
    <row r="908005" spans="14:14">
      <c r="N908005" s="10"/>
    </row>
    <row r="908006" spans="14:14">
      <c r="N908006" s="10"/>
    </row>
    <row r="908007" spans="14:14">
      <c r="N908007" s="10"/>
    </row>
    <row r="908008" spans="14:14">
      <c r="N908008" s="10"/>
    </row>
    <row r="908009" spans="14:14">
      <c r="N908009" s="10"/>
    </row>
    <row r="908010" spans="14:14">
      <c r="N908010" s="10"/>
    </row>
    <row r="908011" spans="14:14">
      <c r="N908011" s="10"/>
    </row>
    <row r="908012" spans="14:14">
      <c r="N908012" s="10"/>
    </row>
    <row r="908013" spans="14:14">
      <c r="N908013" s="10"/>
    </row>
    <row r="908014" spans="14:14">
      <c r="N908014" s="10"/>
    </row>
    <row r="908015" spans="14:14">
      <c r="N908015" s="10"/>
    </row>
    <row r="908016" spans="14:14">
      <c r="N908016" s="10"/>
    </row>
    <row r="908017" spans="14:14">
      <c r="N908017" s="10"/>
    </row>
    <row r="908018" spans="14:14">
      <c r="N908018" s="10"/>
    </row>
    <row r="908019" spans="14:14">
      <c r="N908019" s="10"/>
    </row>
    <row r="908020" spans="14:14">
      <c r="N908020" s="10"/>
    </row>
    <row r="908021" spans="14:14">
      <c r="N908021" s="10"/>
    </row>
    <row r="908022" spans="14:14">
      <c r="N908022" s="10"/>
    </row>
    <row r="908023" spans="14:14">
      <c r="N908023" s="10"/>
    </row>
    <row r="908024" spans="14:14">
      <c r="N908024" s="10"/>
    </row>
    <row r="908025" spans="14:14">
      <c r="N908025" s="10"/>
    </row>
    <row r="908026" spans="14:14">
      <c r="N908026" s="10"/>
    </row>
    <row r="908027" spans="14:14">
      <c r="N908027" s="10"/>
    </row>
    <row r="908028" spans="14:14">
      <c r="N908028" s="10"/>
    </row>
    <row r="908029" spans="14:14">
      <c r="N908029" s="10"/>
    </row>
    <row r="908030" spans="14:14">
      <c r="N908030" s="10"/>
    </row>
    <row r="908031" spans="14:14">
      <c r="N908031" s="10"/>
    </row>
    <row r="908032" spans="14:14">
      <c r="N908032" s="10"/>
    </row>
    <row r="908033" spans="14:14">
      <c r="N908033" s="10"/>
    </row>
    <row r="908034" spans="14:14">
      <c r="N908034" s="10"/>
    </row>
    <row r="908035" spans="14:14">
      <c r="N908035" s="10"/>
    </row>
    <row r="908036" spans="14:14">
      <c r="N908036" s="10"/>
    </row>
    <row r="908037" spans="14:14">
      <c r="N908037" s="10"/>
    </row>
    <row r="908038" spans="14:14">
      <c r="N908038" s="10"/>
    </row>
    <row r="908039" spans="14:14">
      <c r="N908039" s="10"/>
    </row>
    <row r="908040" spans="14:14">
      <c r="N908040" s="10"/>
    </row>
    <row r="908041" spans="14:14">
      <c r="N908041" s="10"/>
    </row>
    <row r="908042" spans="14:14">
      <c r="N908042" s="10"/>
    </row>
    <row r="908043" spans="14:14">
      <c r="N908043" s="10"/>
    </row>
    <row r="908044" spans="14:14">
      <c r="N908044" s="10"/>
    </row>
    <row r="908045" spans="14:14">
      <c r="N908045" s="10"/>
    </row>
    <row r="908046" spans="14:14">
      <c r="N908046" s="10"/>
    </row>
    <row r="908047" spans="14:14">
      <c r="N908047" s="10"/>
    </row>
    <row r="908048" spans="14:14">
      <c r="N908048" s="10"/>
    </row>
    <row r="908049" spans="14:14">
      <c r="N908049" s="10"/>
    </row>
    <row r="908050" spans="14:14">
      <c r="N908050" s="10"/>
    </row>
    <row r="908051" spans="14:14">
      <c r="N908051" s="10"/>
    </row>
    <row r="908052" spans="14:14">
      <c r="N908052" s="10"/>
    </row>
    <row r="908053" spans="14:14">
      <c r="N908053" s="10"/>
    </row>
    <row r="908054" spans="14:14">
      <c r="N908054" s="10"/>
    </row>
    <row r="908055" spans="14:14">
      <c r="N908055" s="10"/>
    </row>
    <row r="908056" spans="14:14">
      <c r="N908056" s="10"/>
    </row>
    <row r="908057" spans="14:14">
      <c r="N908057" s="10"/>
    </row>
    <row r="908058" spans="14:14">
      <c r="N908058" s="10"/>
    </row>
    <row r="908059" spans="14:14">
      <c r="N908059" s="10"/>
    </row>
    <row r="908060" spans="14:14">
      <c r="N908060" s="10"/>
    </row>
    <row r="908061" spans="14:14">
      <c r="N908061" s="10"/>
    </row>
    <row r="908062" spans="14:14">
      <c r="N908062" s="10"/>
    </row>
    <row r="908063" spans="14:14">
      <c r="N908063" s="10"/>
    </row>
    <row r="908064" spans="14:14">
      <c r="N908064" s="10"/>
    </row>
    <row r="908065" spans="14:14">
      <c r="N908065" s="10"/>
    </row>
    <row r="908066" spans="14:14">
      <c r="N908066" s="10"/>
    </row>
    <row r="908067" spans="14:14">
      <c r="N908067" s="10"/>
    </row>
    <row r="908068" spans="14:14">
      <c r="N908068" s="10"/>
    </row>
    <row r="908069" spans="14:14">
      <c r="N908069" s="10"/>
    </row>
    <row r="908070" spans="14:14">
      <c r="N908070" s="10"/>
    </row>
    <row r="908071" spans="14:14">
      <c r="N908071" s="10"/>
    </row>
    <row r="908072" spans="14:14">
      <c r="N908072" s="10"/>
    </row>
    <row r="908073" spans="14:14">
      <c r="N908073" s="10"/>
    </row>
    <row r="908074" spans="14:14">
      <c r="N908074" s="10"/>
    </row>
    <row r="908075" spans="14:14">
      <c r="N908075" s="10"/>
    </row>
    <row r="908076" spans="14:14">
      <c r="N908076" s="10"/>
    </row>
    <row r="908077" spans="14:14">
      <c r="N908077" s="10"/>
    </row>
    <row r="908078" spans="14:14">
      <c r="N908078" s="10"/>
    </row>
    <row r="908079" spans="14:14">
      <c r="N908079" s="10"/>
    </row>
    <row r="908080" spans="14:14">
      <c r="N908080" s="10"/>
    </row>
    <row r="908081" spans="14:14">
      <c r="N908081" s="10"/>
    </row>
    <row r="908082" spans="14:14">
      <c r="N908082" s="10"/>
    </row>
    <row r="908083" spans="14:14">
      <c r="N908083" s="10"/>
    </row>
    <row r="908084" spans="14:14">
      <c r="N908084" s="10"/>
    </row>
    <row r="908085" spans="14:14">
      <c r="N908085" s="10"/>
    </row>
    <row r="908086" spans="14:14">
      <c r="N908086" s="10"/>
    </row>
    <row r="908087" spans="14:14">
      <c r="N908087" s="10"/>
    </row>
    <row r="908088" spans="14:14">
      <c r="N908088" s="10"/>
    </row>
    <row r="908089" spans="14:14">
      <c r="N908089" s="10"/>
    </row>
    <row r="908090" spans="14:14">
      <c r="N908090" s="10"/>
    </row>
    <row r="908091" spans="14:14">
      <c r="N908091" s="10"/>
    </row>
    <row r="908092" spans="14:14">
      <c r="N908092" s="10"/>
    </row>
    <row r="908093" spans="14:14">
      <c r="N908093" s="10"/>
    </row>
    <row r="908094" spans="14:14">
      <c r="N908094" s="10"/>
    </row>
    <row r="908095" spans="14:14">
      <c r="N908095" s="10"/>
    </row>
    <row r="908096" spans="14:14">
      <c r="N908096" s="10"/>
    </row>
    <row r="908097" spans="14:14">
      <c r="N908097" s="10"/>
    </row>
    <row r="908098" spans="14:14">
      <c r="N908098" s="10"/>
    </row>
    <row r="908099" spans="14:14">
      <c r="N908099" s="10"/>
    </row>
    <row r="908100" spans="14:14">
      <c r="N908100" s="10"/>
    </row>
    <row r="908101" spans="14:14">
      <c r="N908101" s="10"/>
    </row>
    <row r="908102" spans="14:14">
      <c r="N908102" s="10"/>
    </row>
    <row r="908103" spans="14:14">
      <c r="N908103" s="10"/>
    </row>
    <row r="908104" spans="14:14">
      <c r="N908104" s="10"/>
    </row>
    <row r="908105" spans="14:14">
      <c r="N908105" s="10"/>
    </row>
    <row r="908106" spans="14:14">
      <c r="N908106" s="10"/>
    </row>
    <row r="908107" spans="14:14">
      <c r="N908107" s="10"/>
    </row>
    <row r="908108" spans="14:14">
      <c r="N908108" s="10"/>
    </row>
    <row r="908109" spans="14:14">
      <c r="N908109" s="10"/>
    </row>
    <row r="908110" spans="14:14">
      <c r="N908110" s="10"/>
    </row>
    <row r="908111" spans="14:14">
      <c r="N908111" s="10"/>
    </row>
    <row r="908112" spans="14:14">
      <c r="N908112" s="10"/>
    </row>
    <row r="908113" spans="14:14">
      <c r="N908113" s="10"/>
    </row>
    <row r="908114" spans="14:14">
      <c r="N908114" s="10"/>
    </row>
    <row r="908115" spans="14:14">
      <c r="N908115" s="10"/>
    </row>
    <row r="908116" spans="14:14">
      <c r="N908116" s="10"/>
    </row>
    <row r="908117" spans="14:14">
      <c r="N908117" s="10"/>
    </row>
    <row r="908118" spans="14:14">
      <c r="N908118" s="10"/>
    </row>
    <row r="908119" spans="14:14">
      <c r="N908119" s="10"/>
    </row>
    <row r="908120" spans="14:14">
      <c r="N908120" s="10"/>
    </row>
    <row r="908121" spans="14:14">
      <c r="N908121" s="10"/>
    </row>
    <row r="908122" spans="14:14">
      <c r="N908122" s="10"/>
    </row>
    <row r="908123" spans="14:14">
      <c r="N908123" s="10"/>
    </row>
    <row r="908124" spans="14:14">
      <c r="N908124" s="10"/>
    </row>
    <row r="908125" spans="14:14">
      <c r="N908125" s="10"/>
    </row>
    <row r="908126" spans="14:14">
      <c r="N908126" s="10"/>
    </row>
    <row r="908127" spans="14:14">
      <c r="N908127" s="10"/>
    </row>
    <row r="908128" spans="14:14">
      <c r="N908128" s="10"/>
    </row>
    <row r="908129" spans="14:14">
      <c r="N908129" s="10"/>
    </row>
    <row r="908130" spans="14:14">
      <c r="N908130" s="10"/>
    </row>
    <row r="908131" spans="14:14">
      <c r="N908131" s="10"/>
    </row>
    <row r="908132" spans="14:14">
      <c r="N908132" s="10"/>
    </row>
    <row r="908133" spans="14:14">
      <c r="N908133" s="10"/>
    </row>
    <row r="908134" spans="14:14">
      <c r="N908134" s="10"/>
    </row>
    <row r="908135" spans="14:14">
      <c r="N908135" s="10"/>
    </row>
    <row r="908136" spans="14:14">
      <c r="N908136" s="10"/>
    </row>
    <row r="908137" spans="14:14">
      <c r="N908137" s="10"/>
    </row>
    <row r="908138" spans="14:14">
      <c r="N908138" s="10"/>
    </row>
    <row r="908139" spans="14:14">
      <c r="N908139" s="10"/>
    </row>
    <row r="908140" spans="14:14">
      <c r="N908140" s="10"/>
    </row>
    <row r="908141" spans="14:14">
      <c r="N908141" s="10"/>
    </row>
    <row r="908142" spans="14:14">
      <c r="N908142" s="10"/>
    </row>
    <row r="908143" spans="14:14">
      <c r="N908143" s="10"/>
    </row>
    <row r="908144" spans="14:14">
      <c r="N908144" s="10"/>
    </row>
    <row r="908145" spans="14:14">
      <c r="N908145" s="10"/>
    </row>
    <row r="908146" spans="14:14">
      <c r="N908146" s="10"/>
    </row>
    <row r="908147" spans="14:14">
      <c r="N908147" s="10"/>
    </row>
    <row r="908148" spans="14:14">
      <c r="N908148" s="10"/>
    </row>
    <row r="908149" spans="14:14">
      <c r="N908149" s="10"/>
    </row>
    <row r="908150" spans="14:14">
      <c r="N908150" s="10"/>
    </row>
    <row r="908151" spans="14:14">
      <c r="N908151" s="10"/>
    </row>
    <row r="908152" spans="14:14">
      <c r="N908152" s="10"/>
    </row>
    <row r="908153" spans="14:14">
      <c r="N908153" s="10"/>
    </row>
    <row r="908154" spans="14:14">
      <c r="N908154" s="10"/>
    </row>
    <row r="908155" spans="14:14">
      <c r="N908155" s="10"/>
    </row>
    <row r="908156" spans="14:14">
      <c r="N908156" s="10"/>
    </row>
    <row r="908157" spans="14:14">
      <c r="N908157" s="10"/>
    </row>
    <row r="908158" spans="14:14">
      <c r="N908158" s="10"/>
    </row>
    <row r="908159" spans="14:14">
      <c r="N908159" s="10"/>
    </row>
    <row r="908160" spans="14:14">
      <c r="N908160" s="10"/>
    </row>
    <row r="908161" spans="14:14">
      <c r="N908161" s="10"/>
    </row>
    <row r="908162" spans="14:14">
      <c r="N908162" s="10"/>
    </row>
    <row r="908163" spans="14:14">
      <c r="N908163" s="10"/>
    </row>
    <row r="908164" spans="14:14">
      <c r="N908164" s="10"/>
    </row>
    <row r="908165" spans="14:14">
      <c r="N908165" s="10"/>
    </row>
    <row r="908166" spans="14:14">
      <c r="N908166" s="10"/>
    </row>
    <row r="908167" spans="14:14">
      <c r="N908167" s="10"/>
    </row>
    <row r="908168" spans="14:14">
      <c r="N908168" s="10"/>
    </row>
    <row r="908169" spans="14:14">
      <c r="N908169" s="10"/>
    </row>
    <row r="908170" spans="14:14">
      <c r="N908170" s="10"/>
    </row>
    <row r="908171" spans="14:14">
      <c r="N908171" s="10"/>
    </row>
    <row r="908172" spans="14:14">
      <c r="N908172" s="10"/>
    </row>
    <row r="908173" spans="14:14">
      <c r="N908173" s="10"/>
    </row>
    <row r="908174" spans="14:14">
      <c r="N908174" s="10"/>
    </row>
    <row r="908175" spans="14:14">
      <c r="N908175" s="10"/>
    </row>
    <row r="908176" spans="14:14">
      <c r="N908176" s="10"/>
    </row>
    <row r="908177" spans="14:14">
      <c r="N908177" s="10"/>
    </row>
    <row r="908178" spans="14:14">
      <c r="N908178" s="10"/>
    </row>
    <row r="908179" spans="14:14">
      <c r="N908179" s="10"/>
    </row>
    <row r="908180" spans="14:14">
      <c r="N908180" s="10"/>
    </row>
    <row r="908181" spans="14:14">
      <c r="N908181" s="10"/>
    </row>
    <row r="908182" spans="14:14">
      <c r="N908182" s="10"/>
    </row>
    <row r="908183" spans="14:14">
      <c r="N908183" s="10"/>
    </row>
    <row r="908184" spans="14:14">
      <c r="N908184" s="10"/>
    </row>
    <row r="908185" spans="14:14">
      <c r="N908185" s="10"/>
    </row>
    <row r="908186" spans="14:14">
      <c r="N908186" s="10"/>
    </row>
    <row r="908187" spans="14:14">
      <c r="N908187" s="10"/>
    </row>
    <row r="908188" spans="14:14">
      <c r="N908188" s="10"/>
    </row>
    <row r="908189" spans="14:14">
      <c r="N908189" s="10"/>
    </row>
    <row r="908190" spans="14:14">
      <c r="N908190" s="10"/>
    </row>
    <row r="908191" spans="14:14">
      <c r="N908191" s="10"/>
    </row>
    <row r="908192" spans="14:14">
      <c r="N908192" s="10"/>
    </row>
    <row r="908193" spans="14:14">
      <c r="N908193" s="10"/>
    </row>
    <row r="908194" spans="14:14">
      <c r="N908194" s="10"/>
    </row>
    <row r="908195" spans="14:14">
      <c r="N908195" s="10"/>
    </row>
    <row r="908196" spans="14:14">
      <c r="N908196" s="10"/>
    </row>
    <row r="908197" spans="14:14">
      <c r="N908197" s="10"/>
    </row>
    <row r="908198" spans="14:14">
      <c r="N908198" s="10"/>
    </row>
    <row r="908199" spans="14:14">
      <c r="N908199" s="10"/>
    </row>
    <row r="908200" spans="14:14">
      <c r="N908200" s="10"/>
    </row>
    <row r="908201" spans="14:14">
      <c r="N908201" s="10"/>
    </row>
    <row r="908202" spans="14:14">
      <c r="N908202" s="10"/>
    </row>
    <row r="908203" spans="14:14">
      <c r="N908203" s="10"/>
    </row>
    <row r="908204" spans="14:14">
      <c r="N908204" s="10"/>
    </row>
    <row r="908205" spans="14:14">
      <c r="N908205" s="10"/>
    </row>
    <row r="908206" spans="14:14">
      <c r="N908206" s="10"/>
    </row>
    <row r="908207" spans="14:14">
      <c r="N908207" s="10"/>
    </row>
    <row r="908208" spans="14:14">
      <c r="N908208" s="10"/>
    </row>
    <row r="908209" spans="14:14">
      <c r="N908209" s="10"/>
    </row>
    <row r="908210" spans="14:14">
      <c r="N908210" s="10"/>
    </row>
    <row r="908211" spans="14:14">
      <c r="N908211" s="10"/>
    </row>
    <row r="908212" spans="14:14">
      <c r="N908212" s="10"/>
    </row>
    <row r="908213" spans="14:14">
      <c r="N908213" s="10"/>
    </row>
    <row r="908214" spans="14:14">
      <c r="N908214" s="10"/>
    </row>
    <row r="908215" spans="14:14">
      <c r="N908215" s="10"/>
    </row>
    <row r="908216" spans="14:14">
      <c r="N908216" s="10"/>
    </row>
    <row r="908217" spans="14:14">
      <c r="N908217" s="10"/>
    </row>
    <row r="908218" spans="14:14">
      <c r="N908218" s="10"/>
    </row>
    <row r="908219" spans="14:14">
      <c r="N908219" s="10"/>
    </row>
    <row r="908220" spans="14:14">
      <c r="N908220" s="10"/>
    </row>
    <row r="908221" spans="14:14">
      <c r="N908221" s="10"/>
    </row>
    <row r="908222" spans="14:14">
      <c r="N908222" s="10"/>
    </row>
    <row r="908223" spans="14:14">
      <c r="N908223" s="10"/>
    </row>
    <row r="908224" spans="14:14">
      <c r="N908224" s="10"/>
    </row>
    <row r="908225" spans="14:14">
      <c r="N908225" s="10"/>
    </row>
    <row r="908226" spans="14:14">
      <c r="N908226" s="10"/>
    </row>
    <row r="908227" spans="14:14">
      <c r="N908227" s="10"/>
    </row>
    <row r="908228" spans="14:14">
      <c r="N908228" s="10"/>
    </row>
    <row r="908229" spans="14:14">
      <c r="N908229" s="10"/>
    </row>
    <row r="908230" spans="14:14">
      <c r="N908230" s="10"/>
    </row>
    <row r="908231" spans="14:14">
      <c r="N908231" s="10"/>
    </row>
    <row r="908232" spans="14:14">
      <c r="N908232" s="10"/>
    </row>
    <row r="908233" spans="14:14">
      <c r="N908233" s="10"/>
    </row>
    <row r="908234" spans="14:14">
      <c r="N908234" s="10"/>
    </row>
    <row r="908235" spans="14:14">
      <c r="N908235" s="10"/>
    </row>
    <row r="908236" spans="14:14">
      <c r="N908236" s="10"/>
    </row>
    <row r="908237" spans="14:14">
      <c r="N908237" s="10"/>
    </row>
    <row r="908238" spans="14:14">
      <c r="N908238" s="10"/>
    </row>
    <row r="908239" spans="14:14">
      <c r="N908239" s="10"/>
    </row>
    <row r="908240" spans="14:14">
      <c r="N908240" s="10"/>
    </row>
    <row r="908241" spans="14:14">
      <c r="N908241" s="10"/>
    </row>
    <row r="908242" spans="14:14">
      <c r="N908242" s="10"/>
    </row>
    <row r="908243" spans="14:14">
      <c r="N908243" s="10"/>
    </row>
    <row r="908244" spans="14:14">
      <c r="N908244" s="10"/>
    </row>
    <row r="908245" spans="14:14">
      <c r="N908245" s="10"/>
    </row>
    <row r="908246" spans="14:14">
      <c r="N908246" s="10"/>
    </row>
    <row r="908247" spans="14:14">
      <c r="N908247" s="10"/>
    </row>
    <row r="908248" spans="14:14">
      <c r="N908248" s="10"/>
    </row>
    <row r="908249" spans="14:14">
      <c r="N908249" s="10"/>
    </row>
    <row r="908250" spans="14:14">
      <c r="N908250" s="10"/>
    </row>
    <row r="908251" spans="14:14">
      <c r="N908251" s="10"/>
    </row>
    <row r="908252" spans="14:14">
      <c r="N908252" s="10"/>
    </row>
    <row r="908253" spans="14:14">
      <c r="N908253" s="10"/>
    </row>
    <row r="908254" spans="14:14">
      <c r="N908254" s="10"/>
    </row>
    <row r="908255" spans="14:14">
      <c r="N908255" s="10"/>
    </row>
    <row r="908256" spans="14:14">
      <c r="N908256" s="10"/>
    </row>
    <row r="908257" spans="14:14">
      <c r="N908257" s="10"/>
    </row>
    <row r="908258" spans="14:14">
      <c r="N908258" s="10"/>
    </row>
    <row r="908259" spans="14:14">
      <c r="N908259" s="10"/>
    </row>
    <row r="908260" spans="14:14">
      <c r="N908260" s="10"/>
    </row>
    <row r="908261" spans="14:14">
      <c r="N908261" s="10"/>
    </row>
    <row r="908262" spans="14:14">
      <c r="N908262" s="10"/>
    </row>
    <row r="908263" spans="14:14">
      <c r="N908263" s="10"/>
    </row>
    <row r="908264" spans="14:14">
      <c r="N908264" s="10"/>
    </row>
    <row r="908265" spans="14:14">
      <c r="N908265" s="10"/>
    </row>
    <row r="908266" spans="14:14">
      <c r="N908266" s="10"/>
    </row>
    <row r="908267" spans="14:14">
      <c r="N908267" s="10"/>
    </row>
    <row r="908268" spans="14:14">
      <c r="N908268" s="10"/>
    </row>
    <row r="908269" spans="14:14">
      <c r="N908269" s="10"/>
    </row>
    <row r="908270" spans="14:14">
      <c r="N908270" s="10"/>
    </row>
    <row r="908271" spans="14:14">
      <c r="N908271" s="10"/>
    </row>
    <row r="908272" spans="14:14">
      <c r="N908272" s="10"/>
    </row>
    <row r="908273" spans="14:14">
      <c r="N908273" s="10"/>
    </row>
    <row r="908274" spans="14:14">
      <c r="N908274" s="10"/>
    </row>
    <row r="908275" spans="14:14">
      <c r="N908275" s="10"/>
    </row>
    <row r="908276" spans="14:14">
      <c r="N908276" s="10"/>
    </row>
    <row r="908277" spans="14:14">
      <c r="N908277" s="10"/>
    </row>
    <row r="908278" spans="14:14">
      <c r="N908278" s="10"/>
    </row>
    <row r="908279" spans="14:14">
      <c r="N908279" s="10"/>
    </row>
    <row r="908280" spans="14:14">
      <c r="N908280" s="10"/>
    </row>
    <row r="908281" spans="14:14">
      <c r="N908281" s="10"/>
    </row>
    <row r="908282" spans="14:14">
      <c r="N908282" s="10"/>
    </row>
    <row r="908283" spans="14:14">
      <c r="N908283" s="10"/>
    </row>
    <row r="908284" spans="14:14">
      <c r="N908284" s="10"/>
    </row>
    <row r="908285" spans="14:14">
      <c r="N908285" s="10"/>
    </row>
    <row r="908286" spans="14:14">
      <c r="N908286" s="10"/>
    </row>
    <row r="908287" spans="14:14">
      <c r="N908287" s="10"/>
    </row>
    <row r="908288" spans="14:14">
      <c r="N908288" s="10"/>
    </row>
    <row r="908289" spans="14:14">
      <c r="N908289" s="10"/>
    </row>
    <row r="908290" spans="14:14">
      <c r="N908290" s="10"/>
    </row>
    <row r="908291" spans="14:14">
      <c r="N908291" s="10"/>
    </row>
    <row r="908292" spans="14:14">
      <c r="N908292" s="10"/>
    </row>
    <row r="908293" spans="14:14">
      <c r="N908293" s="10"/>
    </row>
    <row r="908294" spans="14:14">
      <c r="N908294" s="10"/>
    </row>
    <row r="908295" spans="14:14">
      <c r="N908295" s="10"/>
    </row>
    <row r="908296" spans="14:14">
      <c r="N908296" s="10"/>
    </row>
    <row r="908297" spans="14:14">
      <c r="N908297" s="10"/>
    </row>
    <row r="908298" spans="14:14">
      <c r="N908298" s="10"/>
    </row>
    <row r="908299" spans="14:14">
      <c r="N908299" s="10"/>
    </row>
    <row r="908300" spans="14:14">
      <c r="N908300" s="10"/>
    </row>
    <row r="908301" spans="14:14">
      <c r="N908301" s="10"/>
    </row>
    <row r="908302" spans="14:14">
      <c r="N908302" s="10"/>
    </row>
    <row r="908303" spans="14:14">
      <c r="N908303" s="10"/>
    </row>
    <row r="908304" spans="14:14">
      <c r="N908304" s="10"/>
    </row>
    <row r="908305" spans="14:14">
      <c r="N908305" s="10"/>
    </row>
    <row r="908306" spans="14:14">
      <c r="N908306" s="10"/>
    </row>
    <row r="908307" spans="14:14">
      <c r="N908307" s="10"/>
    </row>
    <row r="908308" spans="14:14">
      <c r="N908308" s="10"/>
    </row>
    <row r="908309" spans="14:14">
      <c r="N908309" s="10"/>
    </row>
    <row r="908310" spans="14:14">
      <c r="N908310" s="10"/>
    </row>
    <row r="908311" spans="14:14">
      <c r="N908311" s="10"/>
    </row>
    <row r="908312" spans="14:14">
      <c r="N908312" s="10"/>
    </row>
    <row r="908313" spans="14:14">
      <c r="N908313" s="10"/>
    </row>
    <row r="908314" spans="14:14">
      <c r="N908314" s="10"/>
    </row>
    <row r="908315" spans="14:14">
      <c r="N908315" s="10"/>
    </row>
    <row r="908316" spans="14:14">
      <c r="N908316" s="10"/>
    </row>
    <row r="908317" spans="14:14">
      <c r="N908317" s="10"/>
    </row>
    <row r="908318" spans="14:14">
      <c r="N908318" s="10"/>
    </row>
    <row r="908319" spans="14:14">
      <c r="N908319" s="10"/>
    </row>
    <row r="908320" spans="14:14">
      <c r="N908320" s="10"/>
    </row>
    <row r="908321" spans="14:14">
      <c r="N908321" s="10"/>
    </row>
    <row r="908322" spans="14:14">
      <c r="N908322" s="10"/>
    </row>
    <row r="908323" spans="14:14">
      <c r="N908323" s="10"/>
    </row>
    <row r="908324" spans="14:14">
      <c r="N908324" s="10"/>
    </row>
    <row r="908325" spans="14:14">
      <c r="N908325" s="10"/>
    </row>
    <row r="908326" spans="14:14">
      <c r="N908326" s="10"/>
    </row>
    <row r="908327" spans="14:14">
      <c r="N908327" s="10"/>
    </row>
    <row r="908328" spans="14:14">
      <c r="N908328" s="10"/>
    </row>
    <row r="908329" spans="14:14">
      <c r="N908329" s="10"/>
    </row>
    <row r="908330" spans="14:14">
      <c r="N908330" s="10"/>
    </row>
    <row r="908331" spans="14:14">
      <c r="N908331" s="10"/>
    </row>
    <row r="908332" spans="14:14">
      <c r="N908332" s="10"/>
    </row>
    <row r="908333" spans="14:14">
      <c r="N908333" s="10"/>
    </row>
    <row r="908334" spans="14:14">
      <c r="N908334" s="10"/>
    </row>
    <row r="908335" spans="14:14">
      <c r="N908335" s="10"/>
    </row>
    <row r="908336" spans="14:14">
      <c r="N908336" s="10"/>
    </row>
    <row r="908337" spans="14:14">
      <c r="N908337" s="10"/>
    </row>
    <row r="908338" spans="14:14">
      <c r="N908338" s="10"/>
    </row>
    <row r="908339" spans="14:14">
      <c r="N908339" s="10"/>
    </row>
    <row r="908340" spans="14:14">
      <c r="N908340" s="10"/>
    </row>
    <row r="908341" spans="14:14">
      <c r="N908341" s="10"/>
    </row>
    <row r="908342" spans="14:14">
      <c r="N908342" s="10"/>
    </row>
    <row r="908343" spans="14:14">
      <c r="N908343" s="10"/>
    </row>
    <row r="908344" spans="14:14">
      <c r="N908344" s="10"/>
    </row>
    <row r="908345" spans="14:14">
      <c r="N908345" s="10"/>
    </row>
    <row r="908346" spans="14:14">
      <c r="N908346" s="10"/>
    </row>
    <row r="908347" spans="14:14">
      <c r="N908347" s="10"/>
    </row>
    <row r="908348" spans="14:14">
      <c r="N908348" s="10"/>
    </row>
    <row r="908349" spans="14:14">
      <c r="N908349" s="10"/>
    </row>
    <row r="908350" spans="14:14">
      <c r="N908350" s="10"/>
    </row>
    <row r="908351" spans="14:14">
      <c r="N908351" s="10"/>
    </row>
    <row r="908352" spans="14:14">
      <c r="N908352" s="10"/>
    </row>
    <row r="908353" spans="14:14">
      <c r="N908353" s="10"/>
    </row>
    <row r="908354" spans="14:14">
      <c r="N908354" s="10"/>
    </row>
    <row r="908355" spans="14:14">
      <c r="N908355" s="10"/>
    </row>
    <row r="908356" spans="14:14">
      <c r="N908356" s="10"/>
    </row>
    <row r="908357" spans="14:14">
      <c r="N908357" s="10"/>
    </row>
    <row r="908358" spans="14:14">
      <c r="N908358" s="10"/>
    </row>
    <row r="908359" spans="14:14">
      <c r="N908359" s="10"/>
    </row>
    <row r="908360" spans="14:14">
      <c r="N908360" s="10"/>
    </row>
    <row r="908361" spans="14:14">
      <c r="N908361" s="10"/>
    </row>
    <row r="908362" spans="14:14">
      <c r="N908362" s="10"/>
    </row>
    <row r="908363" spans="14:14">
      <c r="N908363" s="10"/>
    </row>
    <row r="908364" spans="14:14">
      <c r="N908364" s="10"/>
    </row>
    <row r="908365" spans="14:14">
      <c r="N908365" s="10"/>
    </row>
    <row r="908366" spans="14:14">
      <c r="N908366" s="10"/>
    </row>
    <row r="908367" spans="14:14">
      <c r="N908367" s="10"/>
    </row>
    <row r="908368" spans="14:14">
      <c r="N908368" s="10"/>
    </row>
    <row r="908369" spans="14:14">
      <c r="N908369" s="10"/>
    </row>
    <row r="908370" spans="14:14">
      <c r="N908370" s="10"/>
    </row>
    <row r="908371" spans="14:14">
      <c r="N908371" s="10"/>
    </row>
    <row r="908372" spans="14:14">
      <c r="N908372" s="10"/>
    </row>
    <row r="908373" spans="14:14">
      <c r="N908373" s="10"/>
    </row>
    <row r="908374" spans="14:14">
      <c r="N908374" s="10"/>
    </row>
    <row r="908375" spans="14:14">
      <c r="N908375" s="10"/>
    </row>
    <row r="908376" spans="14:14">
      <c r="N908376" s="10"/>
    </row>
    <row r="908377" spans="14:14">
      <c r="N908377" s="10"/>
    </row>
    <row r="908378" spans="14:14">
      <c r="N908378" s="10"/>
    </row>
    <row r="908379" spans="14:14">
      <c r="N908379" s="10"/>
    </row>
    <row r="908380" spans="14:14">
      <c r="N908380" s="10"/>
    </row>
    <row r="908381" spans="14:14">
      <c r="N908381" s="10"/>
    </row>
    <row r="908382" spans="14:14">
      <c r="N908382" s="10"/>
    </row>
    <row r="908383" spans="14:14">
      <c r="N908383" s="10"/>
    </row>
    <row r="908384" spans="14:14">
      <c r="N908384" s="10"/>
    </row>
    <row r="908385" spans="14:14">
      <c r="N908385" s="10"/>
    </row>
    <row r="908386" spans="14:14">
      <c r="N908386" s="10"/>
    </row>
    <row r="908387" spans="14:14">
      <c r="N908387" s="10"/>
    </row>
    <row r="908388" spans="14:14">
      <c r="N908388" s="10"/>
    </row>
    <row r="908389" spans="14:14">
      <c r="N908389" s="10"/>
    </row>
    <row r="908390" spans="14:14">
      <c r="N908390" s="10"/>
    </row>
    <row r="908391" spans="14:14">
      <c r="N908391" s="10"/>
    </row>
    <row r="908392" spans="14:14">
      <c r="N908392" s="10"/>
    </row>
    <row r="908393" spans="14:14">
      <c r="N908393" s="10"/>
    </row>
    <row r="908394" spans="14:14">
      <c r="N908394" s="10"/>
    </row>
    <row r="908395" spans="14:14">
      <c r="N908395" s="10"/>
    </row>
    <row r="908396" spans="14:14">
      <c r="N908396" s="10"/>
    </row>
    <row r="908397" spans="14:14">
      <c r="N908397" s="10"/>
    </row>
    <row r="908398" spans="14:14">
      <c r="N908398" s="10"/>
    </row>
    <row r="908399" spans="14:14">
      <c r="N908399" s="10"/>
    </row>
    <row r="908400" spans="14:14">
      <c r="N908400" s="10"/>
    </row>
    <row r="908401" spans="14:14">
      <c r="N908401" s="10"/>
    </row>
    <row r="908402" spans="14:14">
      <c r="N908402" s="10"/>
    </row>
    <row r="908403" spans="14:14">
      <c r="N908403" s="10"/>
    </row>
    <row r="908404" spans="14:14">
      <c r="N908404" s="10"/>
    </row>
    <row r="908405" spans="14:14">
      <c r="N908405" s="10"/>
    </row>
    <row r="908406" spans="14:14">
      <c r="N908406" s="10"/>
    </row>
    <row r="908407" spans="14:14">
      <c r="N908407" s="10"/>
    </row>
    <row r="908408" spans="14:14">
      <c r="N908408" s="10"/>
    </row>
    <row r="908409" spans="14:14">
      <c r="N908409" s="10"/>
    </row>
    <row r="908410" spans="14:14">
      <c r="N908410" s="10"/>
    </row>
    <row r="908411" spans="14:14">
      <c r="N908411" s="10"/>
    </row>
    <row r="908412" spans="14:14">
      <c r="N908412" s="10"/>
    </row>
    <row r="908413" spans="14:14">
      <c r="N908413" s="10"/>
    </row>
    <row r="908414" spans="14:14">
      <c r="N908414" s="10"/>
    </row>
    <row r="908415" spans="14:14">
      <c r="N908415" s="10"/>
    </row>
    <row r="908416" spans="14:14">
      <c r="N908416" s="10"/>
    </row>
    <row r="908417" spans="14:14">
      <c r="N908417" s="10"/>
    </row>
    <row r="908418" spans="14:14">
      <c r="N908418" s="10"/>
    </row>
    <row r="908419" spans="14:14">
      <c r="N908419" s="10"/>
    </row>
    <row r="908420" spans="14:14">
      <c r="N908420" s="10"/>
    </row>
    <row r="908421" spans="14:14">
      <c r="N908421" s="10"/>
    </row>
    <row r="908422" spans="14:14">
      <c r="N908422" s="10"/>
    </row>
    <row r="908423" spans="14:14">
      <c r="N908423" s="10"/>
    </row>
    <row r="908424" spans="14:14">
      <c r="N908424" s="10"/>
    </row>
    <row r="908425" spans="14:14">
      <c r="N908425" s="10"/>
    </row>
    <row r="908426" spans="14:14">
      <c r="N908426" s="10"/>
    </row>
    <row r="908427" spans="14:14">
      <c r="N908427" s="10"/>
    </row>
    <row r="908428" spans="14:14">
      <c r="N908428" s="10"/>
    </row>
    <row r="908429" spans="14:14">
      <c r="N908429" s="10"/>
    </row>
    <row r="908430" spans="14:14">
      <c r="N908430" s="10"/>
    </row>
    <row r="908431" spans="14:14">
      <c r="N908431" s="10"/>
    </row>
    <row r="908432" spans="14:14">
      <c r="N908432" s="10"/>
    </row>
    <row r="908433" spans="14:14">
      <c r="N908433" s="10"/>
    </row>
    <row r="908434" spans="14:14">
      <c r="N908434" s="10"/>
    </row>
    <row r="908435" spans="14:14">
      <c r="N908435" s="10"/>
    </row>
    <row r="908436" spans="14:14">
      <c r="N908436" s="10"/>
    </row>
    <row r="908437" spans="14:14">
      <c r="N908437" s="10"/>
    </row>
    <row r="908438" spans="14:14">
      <c r="N908438" s="10"/>
    </row>
    <row r="908439" spans="14:14">
      <c r="N908439" s="10"/>
    </row>
    <row r="908440" spans="14:14">
      <c r="N908440" s="10"/>
    </row>
    <row r="908441" spans="14:14">
      <c r="N908441" s="10"/>
    </row>
    <row r="908442" spans="14:14">
      <c r="N908442" s="10"/>
    </row>
    <row r="908443" spans="14:14">
      <c r="N908443" s="10"/>
    </row>
    <row r="908444" spans="14:14">
      <c r="N908444" s="10"/>
    </row>
    <row r="908445" spans="14:14">
      <c r="N908445" s="10"/>
    </row>
    <row r="908446" spans="14:14">
      <c r="N908446" s="10"/>
    </row>
    <row r="908447" spans="14:14">
      <c r="N908447" s="10"/>
    </row>
    <row r="908448" spans="14:14">
      <c r="N908448" s="10"/>
    </row>
    <row r="908449" spans="14:14">
      <c r="N908449" s="10"/>
    </row>
    <row r="908450" spans="14:14">
      <c r="N908450" s="10"/>
    </row>
    <row r="908451" spans="14:14">
      <c r="N908451" s="10"/>
    </row>
    <row r="908452" spans="14:14">
      <c r="N908452" s="10"/>
    </row>
    <row r="908453" spans="14:14">
      <c r="N908453" s="10"/>
    </row>
    <row r="908454" spans="14:14">
      <c r="N908454" s="10"/>
    </row>
    <row r="908455" spans="14:14">
      <c r="N908455" s="10"/>
    </row>
    <row r="908456" spans="14:14">
      <c r="N908456" s="10"/>
    </row>
    <row r="908457" spans="14:14">
      <c r="N908457" s="10"/>
    </row>
    <row r="908458" spans="14:14">
      <c r="N908458" s="10"/>
    </row>
    <row r="908459" spans="14:14">
      <c r="N908459" s="10"/>
    </row>
    <row r="908460" spans="14:14">
      <c r="N908460" s="10"/>
    </row>
    <row r="908461" spans="14:14">
      <c r="N908461" s="10"/>
    </row>
    <row r="908462" spans="14:14">
      <c r="N908462" s="10"/>
    </row>
    <row r="908463" spans="14:14">
      <c r="N908463" s="10"/>
    </row>
    <row r="908464" spans="14:14">
      <c r="N908464" s="10"/>
    </row>
    <row r="908465" spans="14:14">
      <c r="N908465" s="10"/>
    </row>
    <row r="908466" spans="14:14">
      <c r="N908466" s="10"/>
    </row>
    <row r="908467" spans="14:14">
      <c r="N908467" s="10"/>
    </row>
    <row r="908468" spans="14:14">
      <c r="N908468" s="10"/>
    </row>
    <row r="908469" spans="14:14">
      <c r="N908469" s="10"/>
    </row>
    <row r="908470" spans="14:14">
      <c r="N908470" s="10"/>
    </row>
    <row r="908471" spans="14:14">
      <c r="N908471" s="10"/>
    </row>
    <row r="908472" spans="14:14">
      <c r="N908472" s="10"/>
    </row>
    <row r="908473" spans="14:14">
      <c r="N908473" s="10"/>
    </row>
    <row r="908474" spans="14:14">
      <c r="N908474" s="10"/>
    </row>
    <row r="908475" spans="14:14">
      <c r="N908475" s="10"/>
    </row>
    <row r="908476" spans="14:14">
      <c r="N908476" s="10"/>
    </row>
    <row r="908477" spans="14:14">
      <c r="N908477" s="10"/>
    </row>
    <row r="908478" spans="14:14">
      <c r="N908478" s="10"/>
    </row>
    <row r="908479" spans="14:14">
      <c r="N908479" s="10"/>
    </row>
    <row r="908480" spans="14:14">
      <c r="N908480" s="10"/>
    </row>
    <row r="908481" spans="14:14">
      <c r="N908481" s="10"/>
    </row>
    <row r="908482" spans="14:14">
      <c r="N908482" s="10"/>
    </row>
    <row r="908483" spans="14:14">
      <c r="N908483" s="10"/>
    </row>
    <row r="908484" spans="14:14">
      <c r="N908484" s="10"/>
    </row>
    <row r="908485" spans="14:14">
      <c r="N908485" s="10"/>
    </row>
    <row r="908486" spans="14:14">
      <c r="N908486" s="10"/>
    </row>
    <row r="908487" spans="14:14">
      <c r="N908487" s="10"/>
    </row>
    <row r="908488" spans="14:14">
      <c r="N908488" s="10"/>
    </row>
    <row r="908489" spans="14:14">
      <c r="N908489" s="10"/>
    </row>
    <row r="908490" spans="14:14">
      <c r="N908490" s="10"/>
    </row>
    <row r="908491" spans="14:14">
      <c r="N908491" s="10"/>
    </row>
    <row r="908492" spans="14:14">
      <c r="N908492" s="10"/>
    </row>
    <row r="908493" spans="14:14">
      <c r="N908493" s="10"/>
    </row>
    <row r="908494" spans="14:14">
      <c r="N908494" s="10"/>
    </row>
    <row r="908495" spans="14:14">
      <c r="N908495" s="10"/>
    </row>
    <row r="908496" spans="14:14">
      <c r="N908496" s="10"/>
    </row>
    <row r="908497" spans="14:14">
      <c r="N908497" s="10"/>
    </row>
    <row r="908498" spans="14:14">
      <c r="N908498" s="10"/>
    </row>
    <row r="908499" spans="14:14">
      <c r="N908499" s="10"/>
    </row>
    <row r="908500" spans="14:14">
      <c r="N908500" s="10"/>
    </row>
    <row r="908501" spans="14:14">
      <c r="N908501" s="10"/>
    </row>
    <row r="908502" spans="14:14">
      <c r="N908502" s="10"/>
    </row>
    <row r="908503" spans="14:14">
      <c r="N908503" s="10"/>
    </row>
    <row r="908504" spans="14:14">
      <c r="N908504" s="10"/>
    </row>
    <row r="908505" spans="14:14">
      <c r="N908505" s="10"/>
    </row>
    <row r="908506" spans="14:14">
      <c r="N908506" s="10"/>
    </row>
    <row r="908507" spans="14:14">
      <c r="N908507" s="10"/>
    </row>
    <row r="908508" spans="14:14">
      <c r="N908508" s="10"/>
    </row>
    <row r="908509" spans="14:14">
      <c r="N908509" s="10"/>
    </row>
    <row r="908510" spans="14:14">
      <c r="N908510" s="10"/>
    </row>
    <row r="908511" spans="14:14">
      <c r="N908511" s="10"/>
    </row>
    <row r="908512" spans="14:14">
      <c r="N908512" s="10"/>
    </row>
    <row r="908513" spans="14:14">
      <c r="N908513" s="10"/>
    </row>
    <row r="908514" spans="14:14">
      <c r="N908514" s="10"/>
    </row>
    <row r="908515" spans="14:14">
      <c r="N908515" s="10"/>
    </row>
    <row r="908516" spans="14:14">
      <c r="N908516" s="10"/>
    </row>
    <row r="908517" spans="14:14">
      <c r="N908517" s="10"/>
    </row>
    <row r="908518" spans="14:14">
      <c r="N908518" s="10"/>
    </row>
    <row r="908519" spans="14:14">
      <c r="N908519" s="10"/>
    </row>
    <row r="908520" spans="14:14">
      <c r="N908520" s="10"/>
    </row>
    <row r="908521" spans="14:14">
      <c r="N908521" s="10"/>
    </row>
    <row r="908522" spans="14:14">
      <c r="N908522" s="10"/>
    </row>
    <row r="908523" spans="14:14">
      <c r="N908523" s="10"/>
    </row>
    <row r="908524" spans="14:14">
      <c r="N908524" s="10"/>
    </row>
    <row r="908525" spans="14:14">
      <c r="N908525" s="10"/>
    </row>
    <row r="908526" spans="14:14">
      <c r="N908526" s="10"/>
    </row>
    <row r="908527" spans="14:14">
      <c r="N908527" s="10"/>
    </row>
    <row r="908528" spans="14:14">
      <c r="N908528" s="10"/>
    </row>
    <row r="908529" spans="14:14">
      <c r="N908529" s="10"/>
    </row>
    <row r="908530" spans="14:14">
      <c r="N908530" s="10"/>
    </row>
    <row r="908531" spans="14:14">
      <c r="N908531" s="10"/>
    </row>
    <row r="908532" spans="14:14">
      <c r="N908532" s="10"/>
    </row>
    <row r="908533" spans="14:14">
      <c r="N908533" s="10"/>
    </row>
    <row r="908534" spans="14:14">
      <c r="N908534" s="10"/>
    </row>
    <row r="908535" spans="14:14">
      <c r="N908535" s="10"/>
    </row>
    <row r="908536" spans="14:14">
      <c r="N908536" s="10"/>
    </row>
    <row r="908537" spans="14:14">
      <c r="N908537" s="10"/>
    </row>
    <row r="908538" spans="14:14">
      <c r="N908538" s="10"/>
    </row>
    <row r="908539" spans="14:14">
      <c r="N908539" s="10"/>
    </row>
    <row r="908540" spans="14:14">
      <c r="N908540" s="10"/>
    </row>
    <row r="908541" spans="14:14">
      <c r="N908541" s="10"/>
    </row>
    <row r="908542" spans="14:14">
      <c r="N908542" s="10"/>
    </row>
    <row r="908543" spans="14:14">
      <c r="N908543" s="10"/>
    </row>
    <row r="908544" spans="14:14">
      <c r="N908544" s="10"/>
    </row>
    <row r="908545" spans="14:14">
      <c r="N908545" s="10"/>
    </row>
    <row r="908546" spans="14:14">
      <c r="N908546" s="10"/>
    </row>
    <row r="908547" spans="14:14">
      <c r="N908547" s="10"/>
    </row>
    <row r="908548" spans="14:14">
      <c r="N908548" s="10"/>
    </row>
    <row r="908549" spans="14:14">
      <c r="N908549" s="10"/>
    </row>
    <row r="908550" spans="14:14">
      <c r="N908550" s="10"/>
    </row>
    <row r="908551" spans="14:14">
      <c r="N908551" s="10"/>
    </row>
    <row r="908552" spans="14:14">
      <c r="N908552" s="10"/>
    </row>
    <row r="908553" spans="14:14">
      <c r="N908553" s="10"/>
    </row>
    <row r="908554" spans="14:14">
      <c r="N908554" s="10"/>
    </row>
    <row r="908555" spans="14:14">
      <c r="N908555" s="10"/>
    </row>
    <row r="908556" spans="14:14">
      <c r="N908556" s="10"/>
    </row>
    <row r="908557" spans="14:14">
      <c r="N908557" s="10"/>
    </row>
    <row r="908558" spans="14:14">
      <c r="N908558" s="10"/>
    </row>
    <row r="908559" spans="14:14">
      <c r="N908559" s="10"/>
    </row>
    <row r="908560" spans="14:14">
      <c r="N908560" s="10"/>
    </row>
    <row r="908561" spans="14:14">
      <c r="N908561" s="10"/>
    </row>
    <row r="908562" spans="14:14">
      <c r="N908562" s="10"/>
    </row>
    <row r="908563" spans="14:14">
      <c r="N908563" s="10"/>
    </row>
    <row r="908564" spans="14:14">
      <c r="N908564" s="10"/>
    </row>
    <row r="908565" spans="14:14">
      <c r="N908565" s="10"/>
    </row>
    <row r="908566" spans="14:14">
      <c r="N908566" s="10"/>
    </row>
    <row r="908567" spans="14:14">
      <c r="N908567" s="10"/>
    </row>
    <row r="908568" spans="14:14">
      <c r="N908568" s="10"/>
    </row>
    <row r="908569" spans="14:14">
      <c r="N908569" s="10"/>
    </row>
    <row r="908570" spans="14:14">
      <c r="N908570" s="10"/>
    </row>
    <row r="908571" spans="14:14">
      <c r="N908571" s="10"/>
    </row>
    <row r="908572" spans="14:14">
      <c r="N908572" s="10"/>
    </row>
    <row r="908573" spans="14:14">
      <c r="N908573" s="10"/>
    </row>
    <row r="908574" spans="14:14">
      <c r="N908574" s="10"/>
    </row>
    <row r="908575" spans="14:14">
      <c r="N908575" s="10"/>
    </row>
    <row r="908576" spans="14:14">
      <c r="N908576" s="10"/>
    </row>
    <row r="908577" spans="14:14">
      <c r="N908577" s="10"/>
    </row>
    <row r="908578" spans="14:14">
      <c r="N908578" s="10"/>
    </row>
    <row r="908579" spans="14:14">
      <c r="N908579" s="10"/>
    </row>
    <row r="908580" spans="14:14">
      <c r="N908580" s="10"/>
    </row>
    <row r="908581" spans="14:14">
      <c r="N908581" s="10"/>
    </row>
    <row r="908582" spans="14:14">
      <c r="N908582" s="10"/>
    </row>
    <row r="908583" spans="14:14">
      <c r="N908583" s="10"/>
    </row>
    <row r="908584" spans="14:14">
      <c r="N908584" s="10"/>
    </row>
    <row r="908585" spans="14:14">
      <c r="N908585" s="10"/>
    </row>
    <row r="908586" spans="14:14">
      <c r="N908586" s="10"/>
    </row>
    <row r="908587" spans="14:14">
      <c r="N908587" s="10"/>
    </row>
    <row r="908588" spans="14:14">
      <c r="N908588" s="10"/>
    </row>
    <row r="908589" spans="14:14">
      <c r="N908589" s="10"/>
    </row>
    <row r="908590" spans="14:14">
      <c r="N908590" s="10"/>
    </row>
    <row r="908591" spans="14:14">
      <c r="N908591" s="10"/>
    </row>
    <row r="908592" spans="14:14">
      <c r="N908592" s="10"/>
    </row>
    <row r="908593" spans="14:14">
      <c r="N908593" s="10"/>
    </row>
    <row r="908594" spans="14:14">
      <c r="N908594" s="10"/>
    </row>
    <row r="908595" spans="14:14">
      <c r="N908595" s="10"/>
    </row>
    <row r="908596" spans="14:14">
      <c r="N908596" s="10"/>
    </row>
    <row r="908597" spans="14:14">
      <c r="N908597" s="10"/>
    </row>
    <row r="908598" spans="14:14">
      <c r="N908598" s="10"/>
    </row>
    <row r="908599" spans="14:14">
      <c r="N908599" s="10"/>
    </row>
    <row r="908600" spans="14:14">
      <c r="N908600" s="10"/>
    </row>
    <row r="908601" spans="14:14">
      <c r="N908601" s="10"/>
    </row>
    <row r="908602" spans="14:14">
      <c r="N908602" s="10"/>
    </row>
    <row r="908603" spans="14:14">
      <c r="N908603" s="10"/>
    </row>
    <row r="908604" spans="14:14">
      <c r="N908604" s="10"/>
    </row>
    <row r="908605" spans="14:14">
      <c r="N908605" s="10"/>
    </row>
    <row r="908606" spans="14:14">
      <c r="N908606" s="10"/>
    </row>
    <row r="908607" spans="14:14">
      <c r="N908607" s="10"/>
    </row>
    <row r="908608" spans="14:14">
      <c r="N908608" s="10"/>
    </row>
    <row r="908609" spans="14:14">
      <c r="N908609" s="10"/>
    </row>
    <row r="908610" spans="14:14">
      <c r="N908610" s="10"/>
    </row>
    <row r="908611" spans="14:14">
      <c r="N908611" s="10"/>
    </row>
    <row r="908612" spans="14:14">
      <c r="N908612" s="10"/>
    </row>
    <row r="908613" spans="14:14">
      <c r="N908613" s="10"/>
    </row>
    <row r="908614" spans="14:14">
      <c r="N908614" s="10"/>
    </row>
    <row r="908615" spans="14:14">
      <c r="N908615" s="10"/>
    </row>
    <row r="908616" spans="14:14">
      <c r="N908616" s="10"/>
    </row>
    <row r="908617" spans="14:14">
      <c r="N908617" s="10"/>
    </row>
    <row r="908618" spans="14:14">
      <c r="N908618" s="10"/>
    </row>
    <row r="908619" spans="14:14">
      <c r="N908619" s="10"/>
    </row>
    <row r="908620" spans="14:14">
      <c r="N908620" s="10"/>
    </row>
    <row r="908621" spans="14:14">
      <c r="N908621" s="10"/>
    </row>
    <row r="908622" spans="14:14">
      <c r="N908622" s="10"/>
    </row>
    <row r="908623" spans="14:14">
      <c r="N908623" s="10"/>
    </row>
    <row r="908624" spans="14:14">
      <c r="N908624" s="10"/>
    </row>
    <row r="908625" spans="14:14">
      <c r="N908625" s="10"/>
    </row>
    <row r="908626" spans="14:14">
      <c r="N908626" s="10"/>
    </row>
    <row r="908627" spans="14:14">
      <c r="N908627" s="10"/>
    </row>
    <row r="908628" spans="14:14">
      <c r="N908628" s="10"/>
    </row>
    <row r="908629" spans="14:14">
      <c r="N908629" s="10"/>
    </row>
    <row r="908630" spans="14:14">
      <c r="N908630" s="10"/>
    </row>
    <row r="908631" spans="14:14">
      <c r="N908631" s="10"/>
    </row>
    <row r="908632" spans="14:14">
      <c r="N908632" s="10"/>
    </row>
    <row r="908633" spans="14:14">
      <c r="N908633" s="10"/>
    </row>
    <row r="908634" spans="14:14">
      <c r="N908634" s="10"/>
    </row>
    <row r="908635" spans="14:14">
      <c r="N908635" s="10"/>
    </row>
    <row r="908636" spans="14:14">
      <c r="N908636" s="10"/>
    </row>
    <row r="908637" spans="14:14">
      <c r="N908637" s="10"/>
    </row>
    <row r="908638" spans="14:14">
      <c r="N908638" s="10"/>
    </row>
    <row r="908639" spans="14:14">
      <c r="N908639" s="10"/>
    </row>
    <row r="908640" spans="14:14">
      <c r="N908640" s="10"/>
    </row>
    <row r="908641" spans="14:14">
      <c r="N908641" s="10"/>
    </row>
    <row r="908642" spans="14:14">
      <c r="N908642" s="10"/>
    </row>
    <row r="908643" spans="14:14">
      <c r="N908643" s="10"/>
    </row>
    <row r="908644" spans="14:14">
      <c r="N908644" s="10"/>
    </row>
    <row r="908645" spans="14:14">
      <c r="N908645" s="10"/>
    </row>
    <row r="908646" spans="14:14">
      <c r="N908646" s="10"/>
    </row>
    <row r="908647" spans="14:14">
      <c r="N908647" s="10"/>
    </row>
    <row r="908648" spans="14:14">
      <c r="N908648" s="10"/>
    </row>
    <row r="908649" spans="14:14">
      <c r="N908649" s="10"/>
    </row>
    <row r="908650" spans="14:14">
      <c r="N908650" s="10"/>
    </row>
    <row r="908651" spans="14:14">
      <c r="N908651" s="10"/>
    </row>
    <row r="908652" spans="14:14">
      <c r="N908652" s="10"/>
    </row>
    <row r="908653" spans="14:14">
      <c r="N908653" s="10"/>
    </row>
    <row r="908654" spans="14:14">
      <c r="N908654" s="10"/>
    </row>
    <row r="908655" spans="14:14">
      <c r="N908655" s="10"/>
    </row>
    <row r="908656" spans="14:14">
      <c r="N908656" s="10"/>
    </row>
    <row r="908657" spans="14:14">
      <c r="N908657" s="10"/>
    </row>
    <row r="908658" spans="14:14">
      <c r="N908658" s="10"/>
    </row>
    <row r="908659" spans="14:14">
      <c r="N908659" s="10"/>
    </row>
    <row r="908660" spans="14:14">
      <c r="N908660" s="10"/>
    </row>
    <row r="908661" spans="14:14">
      <c r="N908661" s="10"/>
    </row>
    <row r="908662" spans="14:14">
      <c r="N908662" s="10"/>
    </row>
    <row r="908663" spans="14:14">
      <c r="N908663" s="10"/>
    </row>
    <row r="908664" spans="14:14">
      <c r="N908664" s="10"/>
    </row>
    <row r="908665" spans="14:14">
      <c r="N908665" s="10"/>
    </row>
    <row r="908666" spans="14:14">
      <c r="N908666" s="10"/>
    </row>
    <row r="908667" spans="14:14">
      <c r="N908667" s="10"/>
    </row>
    <row r="908668" spans="14:14">
      <c r="N908668" s="10"/>
    </row>
    <row r="908669" spans="14:14">
      <c r="N908669" s="10"/>
    </row>
    <row r="908670" spans="14:14">
      <c r="N908670" s="10"/>
    </row>
    <row r="908671" spans="14:14">
      <c r="N908671" s="10"/>
    </row>
    <row r="908672" spans="14:14">
      <c r="N908672" s="10"/>
    </row>
    <row r="908673" spans="14:14">
      <c r="N908673" s="10"/>
    </row>
    <row r="908674" spans="14:14">
      <c r="N908674" s="10"/>
    </row>
    <row r="908675" spans="14:14">
      <c r="N908675" s="10"/>
    </row>
    <row r="908676" spans="14:14">
      <c r="N908676" s="10"/>
    </row>
    <row r="908677" spans="14:14">
      <c r="N908677" s="10"/>
    </row>
    <row r="908678" spans="14:14">
      <c r="N908678" s="10"/>
    </row>
    <row r="908679" spans="14:14">
      <c r="N908679" s="10"/>
    </row>
    <row r="908680" spans="14:14">
      <c r="N908680" s="10"/>
    </row>
    <row r="908681" spans="14:14">
      <c r="N908681" s="10"/>
    </row>
    <row r="908682" spans="14:14">
      <c r="N908682" s="10"/>
    </row>
    <row r="908683" spans="14:14">
      <c r="N908683" s="10"/>
    </row>
    <row r="908684" spans="14:14">
      <c r="N908684" s="10"/>
    </row>
    <row r="908685" spans="14:14">
      <c r="N908685" s="10"/>
    </row>
    <row r="908686" spans="14:14">
      <c r="N908686" s="10"/>
    </row>
    <row r="908687" spans="14:14">
      <c r="N908687" s="10"/>
    </row>
    <row r="908688" spans="14:14">
      <c r="N908688" s="10"/>
    </row>
    <row r="908689" spans="14:14">
      <c r="N908689" s="10"/>
    </row>
    <row r="908690" spans="14:14">
      <c r="N908690" s="10"/>
    </row>
    <row r="908691" spans="14:14">
      <c r="N908691" s="10"/>
    </row>
    <row r="908692" spans="14:14">
      <c r="N908692" s="10"/>
    </row>
    <row r="908693" spans="14:14">
      <c r="N908693" s="10"/>
    </row>
    <row r="908694" spans="14:14">
      <c r="N908694" s="10"/>
    </row>
    <row r="908695" spans="14:14">
      <c r="N908695" s="10"/>
    </row>
    <row r="908696" spans="14:14">
      <c r="N908696" s="10"/>
    </row>
    <row r="908697" spans="14:14">
      <c r="N908697" s="10"/>
    </row>
    <row r="908698" spans="14:14">
      <c r="N908698" s="10"/>
    </row>
    <row r="908699" spans="14:14">
      <c r="N908699" s="10"/>
    </row>
    <row r="908700" spans="14:14">
      <c r="N908700" s="10"/>
    </row>
    <row r="908701" spans="14:14">
      <c r="N908701" s="10"/>
    </row>
    <row r="908702" spans="14:14">
      <c r="N908702" s="10"/>
    </row>
    <row r="908703" spans="14:14">
      <c r="N908703" s="10"/>
    </row>
    <row r="908704" spans="14:14">
      <c r="N908704" s="10"/>
    </row>
    <row r="908705" spans="14:14">
      <c r="N908705" s="10"/>
    </row>
    <row r="908706" spans="14:14">
      <c r="N908706" s="10"/>
    </row>
    <row r="908707" spans="14:14">
      <c r="N908707" s="10"/>
    </row>
    <row r="908708" spans="14:14">
      <c r="N908708" s="10"/>
    </row>
    <row r="908709" spans="14:14">
      <c r="N908709" s="10"/>
    </row>
    <row r="908710" spans="14:14">
      <c r="N908710" s="10"/>
    </row>
    <row r="908711" spans="14:14">
      <c r="N908711" s="10"/>
    </row>
    <row r="908712" spans="14:14">
      <c r="N908712" s="10"/>
    </row>
    <row r="908713" spans="14:14">
      <c r="N908713" s="10"/>
    </row>
    <row r="908714" spans="14:14">
      <c r="N908714" s="10"/>
    </row>
    <row r="908715" spans="14:14">
      <c r="N908715" s="10"/>
    </row>
    <row r="908716" spans="14:14">
      <c r="N908716" s="10"/>
    </row>
    <row r="908717" spans="14:14">
      <c r="N908717" s="10"/>
    </row>
    <row r="908718" spans="14:14">
      <c r="N908718" s="10"/>
    </row>
    <row r="908719" spans="14:14">
      <c r="N908719" s="10"/>
    </row>
    <row r="908720" spans="14:14">
      <c r="N908720" s="10"/>
    </row>
    <row r="908721" spans="14:14">
      <c r="N908721" s="10"/>
    </row>
    <row r="908722" spans="14:14">
      <c r="N908722" s="10"/>
    </row>
    <row r="908723" spans="14:14">
      <c r="N908723" s="10"/>
    </row>
    <row r="908724" spans="14:14">
      <c r="N908724" s="10"/>
    </row>
    <row r="908725" spans="14:14">
      <c r="N908725" s="10"/>
    </row>
    <row r="908726" spans="14:14">
      <c r="N908726" s="10"/>
    </row>
    <row r="908727" spans="14:14">
      <c r="N908727" s="10"/>
    </row>
    <row r="908728" spans="14:14">
      <c r="N908728" s="10"/>
    </row>
    <row r="908729" spans="14:14">
      <c r="N908729" s="10"/>
    </row>
    <row r="908730" spans="14:14">
      <c r="N908730" s="10"/>
    </row>
    <row r="908731" spans="14:14">
      <c r="N908731" s="10"/>
    </row>
    <row r="908732" spans="14:14">
      <c r="N908732" s="10"/>
    </row>
    <row r="908733" spans="14:14">
      <c r="N908733" s="10"/>
    </row>
    <row r="908734" spans="14:14">
      <c r="N908734" s="10"/>
    </row>
    <row r="908735" spans="14:14">
      <c r="N908735" s="10"/>
    </row>
    <row r="908736" spans="14:14">
      <c r="N908736" s="10"/>
    </row>
    <row r="908737" spans="14:14">
      <c r="N908737" s="10"/>
    </row>
    <row r="908738" spans="14:14">
      <c r="N908738" s="10"/>
    </row>
    <row r="908739" spans="14:14">
      <c r="N908739" s="10"/>
    </row>
    <row r="908740" spans="14:14">
      <c r="N908740" s="10"/>
    </row>
    <row r="908741" spans="14:14">
      <c r="N908741" s="10"/>
    </row>
    <row r="908742" spans="14:14">
      <c r="N908742" s="10"/>
    </row>
    <row r="908743" spans="14:14">
      <c r="N908743" s="10"/>
    </row>
    <row r="908744" spans="14:14">
      <c r="N908744" s="10"/>
    </row>
    <row r="908745" spans="14:14">
      <c r="N908745" s="10"/>
    </row>
    <row r="908746" spans="14:14">
      <c r="N908746" s="10"/>
    </row>
    <row r="908747" spans="14:14">
      <c r="N908747" s="10"/>
    </row>
    <row r="908748" spans="14:14">
      <c r="N908748" s="10"/>
    </row>
    <row r="908749" spans="14:14">
      <c r="N908749" s="10"/>
    </row>
    <row r="908750" spans="14:14">
      <c r="N908750" s="10"/>
    </row>
    <row r="908751" spans="14:14">
      <c r="N908751" s="10"/>
    </row>
    <row r="908752" spans="14:14">
      <c r="N908752" s="10"/>
    </row>
    <row r="908753" spans="14:14">
      <c r="N908753" s="10"/>
    </row>
    <row r="908754" spans="14:14">
      <c r="N908754" s="10"/>
    </row>
    <row r="908755" spans="14:14">
      <c r="N908755" s="10"/>
    </row>
    <row r="908756" spans="14:14">
      <c r="N908756" s="10"/>
    </row>
    <row r="908757" spans="14:14">
      <c r="N908757" s="10"/>
    </row>
    <row r="908758" spans="14:14">
      <c r="N908758" s="10"/>
    </row>
    <row r="908759" spans="14:14">
      <c r="N908759" s="10"/>
    </row>
    <row r="908760" spans="14:14">
      <c r="N908760" s="10"/>
    </row>
    <row r="908761" spans="14:14">
      <c r="N908761" s="10"/>
    </row>
    <row r="908762" spans="14:14">
      <c r="N908762" s="10"/>
    </row>
    <row r="908763" spans="14:14">
      <c r="N908763" s="10"/>
    </row>
    <row r="908764" spans="14:14">
      <c r="N908764" s="10"/>
    </row>
    <row r="908765" spans="14:14">
      <c r="N908765" s="10"/>
    </row>
    <row r="908766" spans="14:14">
      <c r="N908766" s="10"/>
    </row>
    <row r="908767" spans="14:14">
      <c r="N908767" s="10"/>
    </row>
    <row r="908768" spans="14:14">
      <c r="N908768" s="10"/>
    </row>
    <row r="908769" spans="14:14">
      <c r="N908769" s="10"/>
    </row>
    <row r="908770" spans="14:14">
      <c r="N908770" s="10"/>
    </row>
    <row r="908771" spans="14:14">
      <c r="N908771" s="10"/>
    </row>
    <row r="908772" spans="14:14">
      <c r="N908772" s="10"/>
    </row>
    <row r="908773" spans="14:14">
      <c r="N908773" s="10"/>
    </row>
    <row r="908774" spans="14:14">
      <c r="N908774" s="10"/>
    </row>
    <row r="908775" spans="14:14">
      <c r="N908775" s="10"/>
    </row>
    <row r="908776" spans="14:14">
      <c r="N908776" s="10"/>
    </row>
    <row r="908777" spans="14:14">
      <c r="N908777" s="10"/>
    </row>
    <row r="908778" spans="14:14">
      <c r="N908778" s="10"/>
    </row>
    <row r="908779" spans="14:14">
      <c r="N908779" s="10"/>
    </row>
    <row r="908780" spans="14:14">
      <c r="N908780" s="10"/>
    </row>
    <row r="908781" spans="14:14">
      <c r="N908781" s="10"/>
    </row>
    <row r="908782" spans="14:14">
      <c r="N908782" s="10"/>
    </row>
    <row r="908783" spans="14:14">
      <c r="N908783" s="10"/>
    </row>
    <row r="908784" spans="14:14">
      <c r="N908784" s="10"/>
    </row>
    <row r="908785" spans="14:14">
      <c r="N908785" s="10"/>
    </row>
    <row r="908786" spans="14:14">
      <c r="N908786" s="10"/>
    </row>
    <row r="908787" spans="14:14">
      <c r="N908787" s="10"/>
    </row>
    <row r="908788" spans="14:14">
      <c r="N908788" s="10"/>
    </row>
    <row r="908789" spans="14:14">
      <c r="N908789" s="10"/>
    </row>
    <row r="908790" spans="14:14">
      <c r="N908790" s="10"/>
    </row>
    <row r="908791" spans="14:14">
      <c r="N908791" s="10"/>
    </row>
    <row r="908792" spans="14:14">
      <c r="N908792" s="10"/>
    </row>
    <row r="908793" spans="14:14">
      <c r="N908793" s="10"/>
    </row>
    <row r="908794" spans="14:14">
      <c r="N908794" s="10"/>
    </row>
    <row r="908795" spans="14:14">
      <c r="N908795" s="10"/>
    </row>
    <row r="908796" spans="14:14">
      <c r="N908796" s="10"/>
    </row>
    <row r="908797" spans="14:14">
      <c r="N908797" s="10"/>
    </row>
    <row r="908798" spans="14:14">
      <c r="N908798" s="10"/>
    </row>
    <row r="908799" spans="14:14">
      <c r="N908799" s="10"/>
    </row>
    <row r="908800" spans="14:14">
      <c r="N908800" s="10"/>
    </row>
    <row r="908801" spans="14:14">
      <c r="N908801" s="10"/>
    </row>
    <row r="908802" spans="14:14">
      <c r="N908802" s="10"/>
    </row>
    <row r="908803" spans="14:14">
      <c r="N908803" s="10"/>
    </row>
    <row r="908804" spans="14:14">
      <c r="N908804" s="10"/>
    </row>
    <row r="908805" spans="14:14">
      <c r="N908805" s="10"/>
    </row>
    <row r="908806" spans="14:14">
      <c r="N908806" s="10"/>
    </row>
    <row r="908807" spans="14:14">
      <c r="N908807" s="10"/>
    </row>
    <row r="908808" spans="14:14">
      <c r="N908808" s="10"/>
    </row>
    <row r="908809" spans="14:14">
      <c r="N908809" s="10"/>
    </row>
    <row r="908810" spans="14:14">
      <c r="N908810" s="10"/>
    </row>
    <row r="908811" spans="14:14">
      <c r="N908811" s="10"/>
    </row>
    <row r="908812" spans="14:14">
      <c r="N908812" s="10"/>
    </row>
    <row r="908813" spans="14:14">
      <c r="N908813" s="10"/>
    </row>
    <row r="908814" spans="14:14">
      <c r="N908814" s="10"/>
    </row>
    <row r="908815" spans="14:14">
      <c r="N908815" s="10"/>
    </row>
    <row r="908816" spans="14:14">
      <c r="N908816" s="10"/>
    </row>
    <row r="908817" spans="14:14">
      <c r="N908817" s="10"/>
    </row>
    <row r="908818" spans="14:14">
      <c r="N908818" s="10"/>
    </row>
    <row r="908819" spans="14:14">
      <c r="N908819" s="10"/>
    </row>
    <row r="908820" spans="14:14">
      <c r="N908820" s="10"/>
    </row>
    <row r="908821" spans="14:14">
      <c r="N908821" s="10"/>
    </row>
    <row r="908822" spans="14:14">
      <c r="N908822" s="10"/>
    </row>
    <row r="908823" spans="14:14">
      <c r="N908823" s="10"/>
    </row>
    <row r="908824" spans="14:14">
      <c r="N908824" s="10"/>
    </row>
    <row r="908825" spans="14:14">
      <c r="N908825" s="10"/>
    </row>
    <row r="908826" spans="14:14">
      <c r="N908826" s="10"/>
    </row>
    <row r="908827" spans="14:14">
      <c r="N908827" s="10"/>
    </row>
    <row r="908828" spans="14:14">
      <c r="N908828" s="10"/>
    </row>
    <row r="908829" spans="14:14">
      <c r="N908829" s="10"/>
    </row>
    <row r="908830" spans="14:14">
      <c r="N908830" s="10"/>
    </row>
    <row r="908831" spans="14:14">
      <c r="N908831" s="10"/>
    </row>
    <row r="908832" spans="14:14">
      <c r="N908832" s="10"/>
    </row>
    <row r="908833" spans="14:14">
      <c r="N908833" s="10"/>
    </row>
    <row r="908834" spans="14:14">
      <c r="N908834" s="10"/>
    </row>
    <row r="908835" spans="14:14">
      <c r="N908835" s="10"/>
    </row>
    <row r="908836" spans="14:14">
      <c r="N908836" s="10"/>
    </row>
    <row r="908837" spans="14:14">
      <c r="N908837" s="10"/>
    </row>
    <row r="908838" spans="14:14">
      <c r="N908838" s="10"/>
    </row>
    <row r="908839" spans="14:14">
      <c r="N908839" s="10"/>
    </row>
    <row r="908840" spans="14:14">
      <c r="N908840" s="10"/>
    </row>
    <row r="908841" spans="14:14">
      <c r="N908841" s="10"/>
    </row>
    <row r="908842" spans="14:14">
      <c r="N908842" s="10"/>
    </row>
    <row r="908843" spans="14:14">
      <c r="N908843" s="10"/>
    </row>
    <row r="908844" spans="14:14">
      <c r="N908844" s="10"/>
    </row>
    <row r="908845" spans="14:14">
      <c r="N908845" s="10"/>
    </row>
    <row r="908846" spans="14:14">
      <c r="N908846" s="10"/>
    </row>
    <row r="908847" spans="14:14">
      <c r="N908847" s="10"/>
    </row>
    <row r="908848" spans="14:14">
      <c r="N908848" s="10"/>
    </row>
    <row r="908849" spans="14:14">
      <c r="N908849" s="10"/>
    </row>
    <row r="908850" spans="14:14">
      <c r="N908850" s="10"/>
    </row>
    <row r="908851" spans="14:14">
      <c r="N908851" s="10"/>
    </row>
    <row r="908852" spans="14:14">
      <c r="N908852" s="10"/>
    </row>
    <row r="908853" spans="14:14">
      <c r="N908853" s="10"/>
    </row>
    <row r="908854" spans="14:14">
      <c r="N908854" s="10"/>
    </row>
    <row r="908855" spans="14:14">
      <c r="N908855" s="10"/>
    </row>
    <row r="908856" spans="14:14">
      <c r="N908856" s="10"/>
    </row>
    <row r="908857" spans="14:14">
      <c r="N908857" s="10"/>
    </row>
    <row r="908858" spans="14:14">
      <c r="N908858" s="10"/>
    </row>
    <row r="908859" spans="14:14">
      <c r="N908859" s="10"/>
    </row>
    <row r="908860" spans="14:14">
      <c r="N908860" s="10"/>
    </row>
    <row r="908861" spans="14:14">
      <c r="N908861" s="10"/>
    </row>
    <row r="908862" spans="14:14">
      <c r="N908862" s="10"/>
    </row>
    <row r="908863" spans="14:14">
      <c r="N908863" s="10"/>
    </row>
    <row r="908864" spans="14:14">
      <c r="N908864" s="10"/>
    </row>
    <row r="908865" spans="14:14">
      <c r="N908865" s="10"/>
    </row>
    <row r="908866" spans="14:14">
      <c r="N908866" s="10"/>
    </row>
    <row r="908867" spans="14:14">
      <c r="N908867" s="10"/>
    </row>
    <row r="908868" spans="14:14">
      <c r="N908868" s="10"/>
    </row>
    <row r="908869" spans="14:14">
      <c r="N908869" s="10"/>
    </row>
    <row r="908870" spans="14:14">
      <c r="N908870" s="10"/>
    </row>
    <row r="908871" spans="14:14">
      <c r="N908871" s="10"/>
    </row>
    <row r="908872" spans="14:14">
      <c r="N908872" s="10"/>
    </row>
    <row r="908873" spans="14:14">
      <c r="N908873" s="10"/>
    </row>
    <row r="908874" spans="14:14">
      <c r="N908874" s="10"/>
    </row>
    <row r="908875" spans="14:14">
      <c r="N908875" s="10"/>
    </row>
    <row r="908876" spans="14:14">
      <c r="N908876" s="10"/>
    </row>
    <row r="908877" spans="14:14">
      <c r="N908877" s="10"/>
    </row>
    <row r="908878" spans="14:14">
      <c r="N908878" s="10"/>
    </row>
    <row r="908879" spans="14:14">
      <c r="N908879" s="10"/>
    </row>
    <row r="908880" spans="14:14">
      <c r="N908880" s="10"/>
    </row>
    <row r="908881" spans="14:14">
      <c r="N908881" s="10"/>
    </row>
    <row r="908882" spans="14:14">
      <c r="N908882" s="10"/>
    </row>
    <row r="908883" spans="14:14">
      <c r="N908883" s="10"/>
    </row>
    <row r="908884" spans="14:14">
      <c r="N908884" s="10"/>
    </row>
    <row r="908885" spans="14:14">
      <c r="N908885" s="10"/>
    </row>
    <row r="908886" spans="14:14">
      <c r="N908886" s="10"/>
    </row>
    <row r="908887" spans="14:14">
      <c r="N908887" s="10"/>
    </row>
    <row r="908888" spans="14:14">
      <c r="N908888" s="10"/>
    </row>
    <row r="908889" spans="14:14">
      <c r="N908889" s="10"/>
    </row>
    <row r="908890" spans="14:14">
      <c r="N908890" s="10"/>
    </row>
    <row r="908891" spans="14:14">
      <c r="N908891" s="10"/>
    </row>
    <row r="908892" spans="14:14">
      <c r="N908892" s="10"/>
    </row>
    <row r="908893" spans="14:14">
      <c r="N908893" s="10"/>
    </row>
    <row r="908894" spans="14:14">
      <c r="N908894" s="10"/>
    </row>
    <row r="908895" spans="14:14">
      <c r="N908895" s="10"/>
    </row>
    <row r="908896" spans="14:14">
      <c r="N908896" s="10"/>
    </row>
    <row r="908897" spans="14:14">
      <c r="N908897" s="10"/>
    </row>
    <row r="908898" spans="14:14">
      <c r="N908898" s="10"/>
    </row>
    <row r="908899" spans="14:14">
      <c r="N908899" s="10"/>
    </row>
    <row r="908900" spans="14:14">
      <c r="N908900" s="10"/>
    </row>
    <row r="908901" spans="14:14">
      <c r="N908901" s="10"/>
    </row>
    <row r="908902" spans="14:14">
      <c r="N908902" s="10"/>
    </row>
    <row r="908903" spans="14:14">
      <c r="N908903" s="10"/>
    </row>
    <row r="908904" spans="14:14">
      <c r="N908904" s="10"/>
    </row>
    <row r="908905" spans="14:14">
      <c r="N908905" s="10"/>
    </row>
    <row r="908906" spans="14:14">
      <c r="N908906" s="10"/>
    </row>
    <row r="908907" spans="14:14">
      <c r="N908907" s="10"/>
    </row>
    <row r="908908" spans="14:14">
      <c r="N908908" s="10"/>
    </row>
    <row r="908909" spans="14:14">
      <c r="N908909" s="10"/>
    </row>
    <row r="908910" spans="14:14">
      <c r="N908910" s="10"/>
    </row>
    <row r="908911" spans="14:14">
      <c r="N908911" s="10"/>
    </row>
    <row r="908912" spans="14:14">
      <c r="N908912" s="10"/>
    </row>
    <row r="908913" spans="14:14">
      <c r="N908913" s="10"/>
    </row>
    <row r="908914" spans="14:14">
      <c r="N908914" s="10"/>
    </row>
    <row r="908915" spans="14:14">
      <c r="N908915" s="10"/>
    </row>
    <row r="908916" spans="14:14">
      <c r="N908916" s="10"/>
    </row>
    <row r="908917" spans="14:14">
      <c r="N908917" s="10"/>
    </row>
    <row r="908918" spans="14:14">
      <c r="N908918" s="10"/>
    </row>
    <row r="908919" spans="14:14">
      <c r="N908919" s="10"/>
    </row>
    <row r="908920" spans="14:14">
      <c r="N908920" s="10"/>
    </row>
    <row r="908921" spans="14:14">
      <c r="N908921" s="10"/>
    </row>
    <row r="908922" spans="14:14">
      <c r="N908922" s="10"/>
    </row>
    <row r="908923" spans="14:14">
      <c r="N908923" s="10"/>
    </row>
    <row r="908924" spans="14:14">
      <c r="N908924" s="10"/>
    </row>
    <row r="908925" spans="14:14">
      <c r="N908925" s="10"/>
    </row>
    <row r="908926" spans="14:14">
      <c r="N908926" s="10"/>
    </row>
    <row r="908927" spans="14:14">
      <c r="N908927" s="10"/>
    </row>
    <row r="908928" spans="14:14">
      <c r="N908928" s="10"/>
    </row>
    <row r="908929" spans="14:14">
      <c r="N908929" s="10"/>
    </row>
    <row r="908930" spans="14:14">
      <c r="N908930" s="10"/>
    </row>
    <row r="908931" spans="14:14">
      <c r="N908931" s="10"/>
    </row>
    <row r="908932" spans="14:14">
      <c r="N908932" s="10"/>
    </row>
    <row r="908933" spans="14:14">
      <c r="N908933" s="10"/>
    </row>
    <row r="908934" spans="14:14">
      <c r="N908934" s="10"/>
    </row>
    <row r="908935" spans="14:14">
      <c r="N908935" s="10"/>
    </row>
    <row r="908936" spans="14:14">
      <c r="N908936" s="10"/>
    </row>
    <row r="908937" spans="14:14">
      <c r="N908937" s="10"/>
    </row>
    <row r="908938" spans="14:14">
      <c r="N908938" s="10"/>
    </row>
    <row r="908939" spans="14:14">
      <c r="N908939" s="10"/>
    </row>
    <row r="908940" spans="14:14">
      <c r="N908940" s="10"/>
    </row>
    <row r="908941" spans="14:14">
      <c r="N908941" s="10"/>
    </row>
    <row r="908942" spans="14:14">
      <c r="N908942" s="10"/>
    </row>
    <row r="908943" spans="14:14">
      <c r="N908943" s="10"/>
    </row>
    <row r="908944" spans="14:14">
      <c r="N908944" s="10"/>
    </row>
    <row r="908945" spans="14:14">
      <c r="N908945" s="10"/>
    </row>
    <row r="908946" spans="14:14">
      <c r="N908946" s="10"/>
    </row>
    <row r="908947" spans="14:14">
      <c r="N908947" s="10"/>
    </row>
    <row r="908948" spans="14:14">
      <c r="N908948" s="10"/>
    </row>
    <row r="908949" spans="14:14">
      <c r="N908949" s="10"/>
    </row>
    <row r="908950" spans="14:14">
      <c r="N908950" s="10"/>
    </row>
    <row r="908951" spans="14:14">
      <c r="N908951" s="10"/>
    </row>
    <row r="908952" spans="14:14">
      <c r="N908952" s="10"/>
    </row>
    <row r="908953" spans="14:14">
      <c r="N908953" s="10"/>
    </row>
    <row r="908954" spans="14:14">
      <c r="N908954" s="10"/>
    </row>
    <row r="908955" spans="14:14">
      <c r="N908955" s="10"/>
    </row>
    <row r="908956" spans="14:14">
      <c r="N908956" s="10"/>
    </row>
    <row r="908957" spans="14:14">
      <c r="N908957" s="10"/>
    </row>
    <row r="908958" spans="14:14">
      <c r="N908958" s="10"/>
    </row>
    <row r="908959" spans="14:14">
      <c r="N908959" s="10"/>
    </row>
    <row r="908960" spans="14:14">
      <c r="N908960" s="10"/>
    </row>
    <row r="908961" spans="14:14">
      <c r="N908961" s="10"/>
    </row>
    <row r="908962" spans="14:14">
      <c r="N908962" s="10"/>
    </row>
    <row r="908963" spans="14:14">
      <c r="N908963" s="10"/>
    </row>
    <row r="908964" spans="14:14">
      <c r="N908964" s="10"/>
    </row>
    <row r="908965" spans="14:14">
      <c r="N908965" s="10"/>
    </row>
    <row r="908966" spans="14:14">
      <c r="N908966" s="10"/>
    </row>
    <row r="908967" spans="14:14">
      <c r="N908967" s="10"/>
    </row>
    <row r="908968" spans="14:14">
      <c r="N908968" s="10"/>
    </row>
    <row r="908969" spans="14:14">
      <c r="N908969" s="10"/>
    </row>
    <row r="908970" spans="14:14">
      <c r="N908970" s="10"/>
    </row>
    <row r="908971" spans="14:14">
      <c r="N908971" s="10"/>
    </row>
    <row r="908972" spans="14:14">
      <c r="N908972" s="10"/>
    </row>
    <row r="908973" spans="14:14">
      <c r="N908973" s="10"/>
    </row>
    <row r="908974" spans="14:14">
      <c r="N908974" s="10"/>
    </row>
    <row r="908975" spans="14:14">
      <c r="N908975" s="10"/>
    </row>
    <row r="908976" spans="14:14">
      <c r="N908976" s="10"/>
    </row>
    <row r="908977" spans="14:14">
      <c r="N908977" s="10"/>
    </row>
    <row r="908978" spans="14:14">
      <c r="N908978" s="10"/>
    </row>
    <row r="908979" spans="14:14">
      <c r="N908979" s="10"/>
    </row>
    <row r="908980" spans="14:14">
      <c r="N908980" s="10"/>
    </row>
    <row r="908981" spans="14:14">
      <c r="N908981" s="10"/>
    </row>
    <row r="908982" spans="14:14">
      <c r="N908982" s="10"/>
    </row>
    <row r="908983" spans="14:14">
      <c r="N908983" s="10"/>
    </row>
    <row r="908984" spans="14:14">
      <c r="N908984" s="10"/>
    </row>
    <row r="908985" spans="14:14">
      <c r="N908985" s="10"/>
    </row>
    <row r="908986" spans="14:14">
      <c r="N908986" s="10"/>
    </row>
    <row r="908987" spans="14:14">
      <c r="N908987" s="10"/>
    </row>
    <row r="908988" spans="14:14">
      <c r="N908988" s="10"/>
    </row>
    <row r="908989" spans="14:14">
      <c r="N908989" s="10"/>
    </row>
    <row r="908990" spans="14:14">
      <c r="N908990" s="10"/>
    </row>
    <row r="908991" spans="14:14">
      <c r="N908991" s="10"/>
    </row>
    <row r="908992" spans="14:14">
      <c r="N908992" s="10"/>
    </row>
    <row r="908993" spans="14:14">
      <c r="N908993" s="10"/>
    </row>
    <row r="908994" spans="14:14">
      <c r="N908994" s="10"/>
    </row>
    <row r="908995" spans="14:14">
      <c r="N908995" s="10"/>
    </row>
    <row r="908996" spans="14:14">
      <c r="N908996" s="10"/>
    </row>
    <row r="908997" spans="14:14">
      <c r="N908997" s="10"/>
    </row>
    <row r="908998" spans="14:14">
      <c r="N908998" s="10"/>
    </row>
    <row r="908999" spans="14:14">
      <c r="N908999" s="10"/>
    </row>
    <row r="909000" spans="14:14">
      <c r="N909000" s="10"/>
    </row>
    <row r="909001" spans="14:14">
      <c r="N909001" s="10"/>
    </row>
    <row r="909002" spans="14:14">
      <c r="N909002" s="10"/>
    </row>
    <row r="909003" spans="14:14">
      <c r="N909003" s="10"/>
    </row>
    <row r="909004" spans="14:14">
      <c r="N909004" s="10"/>
    </row>
    <row r="909005" spans="14:14">
      <c r="N909005" s="10"/>
    </row>
    <row r="909006" spans="14:14">
      <c r="N909006" s="10"/>
    </row>
    <row r="909007" spans="14:14">
      <c r="N909007" s="10"/>
    </row>
    <row r="909008" spans="14:14">
      <c r="N909008" s="10"/>
    </row>
    <row r="909009" spans="14:14">
      <c r="N909009" s="10"/>
    </row>
    <row r="909010" spans="14:14">
      <c r="N909010" s="10"/>
    </row>
    <row r="909011" spans="14:14">
      <c r="N909011" s="10"/>
    </row>
    <row r="909012" spans="14:14">
      <c r="N909012" s="10"/>
    </row>
    <row r="909013" spans="14:14">
      <c r="N909013" s="10"/>
    </row>
    <row r="909014" spans="14:14">
      <c r="N909014" s="10"/>
    </row>
    <row r="909015" spans="14:14">
      <c r="N909015" s="10"/>
    </row>
    <row r="909016" spans="14:14">
      <c r="N909016" s="10"/>
    </row>
    <row r="909017" spans="14:14">
      <c r="N909017" s="10"/>
    </row>
    <row r="909018" spans="14:14">
      <c r="N909018" s="10"/>
    </row>
    <row r="909019" spans="14:14">
      <c r="N909019" s="10"/>
    </row>
    <row r="909020" spans="14:14">
      <c r="N909020" s="10"/>
    </row>
    <row r="909021" spans="14:14">
      <c r="N909021" s="10"/>
    </row>
    <row r="909022" spans="14:14">
      <c r="N909022" s="10"/>
    </row>
    <row r="909023" spans="14:14">
      <c r="N909023" s="10"/>
    </row>
    <row r="909024" spans="14:14">
      <c r="N909024" s="10"/>
    </row>
    <row r="909025" spans="14:14">
      <c r="N909025" s="10"/>
    </row>
    <row r="909026" spans="14:14">
      <c r="N909026" s="10"/>
    </row>
    <row r="909027" spans="14:14">
      <c r="N909027" s="10"/>
    </row>
    <row r="909028" spans="14:14">
      <c r="N909028" s="10"/>
    </row>
    <row r="909029" spans="14:14">
      <c r="N909029" s="10"/>
    </row>
    <row r="909030" spans="14:14">
      <c r="N909030" s="10"/>
    </row>
    <row r="909031" spans="14:14">
      <c r="N909031" s="10"/>
    </row>
    <row r="909032" spans="14:14">
      <c r="N909032" s="10"/>
    </row>
    <row r="909033" spans="14:14">
      <c r="N909033" s="10"/>
    </row>
    <row r="909034" spans="14:14">
      <c r="N909034" s="10"/>
    </row>
    <row r="909035" spans="14:14">
      <c r="N909035" s="10"/>
    </row>
    <row r="909036" spans="14:14">
      <c r="N909036" s="10"/>
    </row>
    <row r="909037" spans="14:14">
      <c r="N909037" s="10"/>
    </row>
    <row r="909038" spans="14:14">
      <c r="N909038" s="10"/>
    </row>
    <row r="909039" spans="14:14">
      <c r="N909039" s="10"/>
    </row>
    <row r="909040" spans="14:14">
      <c r="N909040" s="10"/>
    </row>
    <row r="909041" spans="14:14">
      <c r="N909041" s="10"/>
    </row>
    <row r="909042" spans="14:14">
      <c r="N909042" s="10"/>
    </row>
    <row r="909043" spans="14:14">
      <c r="N909043" s="10"/>
    </row>
    <row r="909044" spans="14:14">
      <c r="N909044" s="10"/>
    </row>
    <row r="909045" spans="14:14">
      <c r="N909045" s="10"/>
    </row>
    <row r="909046" spans="14:14">
      <c r="N909046" s="10"/>
    </row>
    <row r="909047" spans="14:14">
      <c r="N909047" s="10"/>
    </row>
    <row r="909048" spans="14:14">
      <c r="N909048" s="10"/>
    </row>
    <row r="909049" spans="14:14">
      <c r="N909049" s="10"/>
    </row>
    <row r="909050" spans="14:14">
      <c r="N909050" s="10"/>
    </row>
    <row r="909051" spans="14:14">
      <c r="N909051" s="10"/>
    </row>
    <row r="909052" spans="14:14">
      <c r="N909052" s="10"/>
    </row>
    <row r="909053" spans="14:14">
      <c r="N909053" s="10"/>
    </row>
    <row r="909054" spans="14:14">
      <c r="N909054" s="10"/>
    </row>
    <row r="909055" spans="14:14">
      <c r="N909055" s="10"/>
    </row>
    <row r="909056" spans="14:14">
      <c r="N909056" s="10"/>
    </row>
    <row r="909057" spans="14:14">
      <c r="N909057" s="10"/>
    </row>
    <row r="909058" spans="14:14">
      <c r="N909058" s="10"/>
    </row>
    <row r="909059" spans="14:14">
      <c r="N909059" s="10"/>
    </row>
    <row r="909060" spans="14:14">
      <c r="N909060" s="10"/>
    </row>
    <row r="909061" spans="14:14">
      <c r="N909061" s="10"/>
    </row>
    <row r="909062" spans="14:14">
      <c r="N909062" s="10"/>
    </row>
    <row r="909063" spans="14:14">
      <c r="N909063" s="10"/>
    </row>
    <row r="909064" spans="14:14">
      <c r="N909064" s="10"/>
    </row>
    <row r="909065" spans="14:14">
      <c r="N909065" s="10"/>
    </row>
    <row r="909066" spans="14:14">
      <c r="N909066" s="10"/>
    </row>
    <row r="909067" spans="14:14">
      <c r="N909067" s="10"/>
    </row>
    <row r="909068" spans="14:14">
      <c r="N909068" s="10"/>
    </row>
    <row r="909069" spans="14:14">
      <c r="N909069" s="10"/>
    </row>
    <row r="909070" spans="14:14">
      <c r="N909070" s="10"/>
    </row>
    <row r="909071" spans="14:14">
      <c r="N909071" s="10"/>
    </row>
    <row r="909072" spans="14:14">
      <c r="N909072" s="10"/>
    </row>
    <row r="909073" spans="14:14">
      <c r="N909073" s="10"/>
    </row>
    <row r="909074" spans="14:14">
      <c r="N909074" s="10"/>
    </row>
    <row r="909075" spans="14:14">
      <c r="N909075" s="10"/>
    </row>
    <row r="909076" spans="14:14">
      <c r="N909076" s="10"/>
    </row>
    <row r="909077" spans="14:14">
      <c r="N909077" s="10"/>
    </row>
    <row r="909078" spans="14:14">
      <c r="N909078" s="10"/>
    </row>
    <row r="909079" spans="14:14">
      <c r="N909079" s="10"/>
    </row>
    <row r="909080" spans="14:14">
      <c r="N909080" s="10"/>
    </row>
    <row r="909081" spans="14:14">
      <c r="N909081" s="10"/>
    </row>
    <row r="909082" spans="14:14">
      <c r="N909082" s="10"/>
    </row>
    <row r="909083" spans="14:14">
      <c r="N909083" s="10"/>
    </row>
    <row r="909084" spans="14:14">
      <c r="N909084" s="10"/>
    </row>
    <row r="909085" spans="14:14">
      <c r="N909085" s="10"/>
    </row>
    <row r="909086" spans="14:14">
      <c r="N909086" s="10"/>
    </row>
    <row r="909087" spans="14:14">
      <c r="N909087" s="10"/>
    </row>
    <row r="909088" spans="14:14">
      <c r="N909088" s="10"/>
    </row>
    <row r="909089" spans="14:14">
      <c r="N909089" s="10"/>
    </row>
    <row r="909090" spans="14:14">
      <c r="N909090" s="10"/>
    </row>
    <row r="909091" spans="14:14">
      <c r="N909091" s="10"/>
    </row>
    <row r="909092" spans="14:14">
      <c r="N909092" s="10"/>
    </row>
    <row r="909093" spans="14:14">
      <c r="N909093" s="10"/>
    </row>
    <row r="909094" spans="14:14">
      <c r="N909094" s="10"/>
    </row>
    <row r="909095" spans="14:14">
      <c r="N909095" s="10"/>
    </row>
    <row r="909096" spans="14:14">
      <c r="N909096" s="10"/>
    </row>
    <row r="909097" spans="14:14">
      <c r="N909097" s="10"/>
    </row>
    <row r="909098" spans="14:14">
      <c r="N909098" s="10"/>
    </row>
    <row r="909099" spans="14:14">
      <c r="N909099" s="10"/>
    </row>
    <row r="909100" spans="14:14">
      <c r="N909100" s="10"/>
    </row>
    <row r="909101" spans="14:14">
      <c r="N909101" s="10"/>
    </row>
    <row r="909102" spans="14:14">
      <c r="N909102" s="10"/>
    </row>
    <row r="909103" spans="14:14">
      <c r="N909103" s="10"/>
    </row>
    <row r="909104" spans="14:14">
      <c r="N909104" s="10"/>
    </row>
    <row r="909105" spans="14:14">
      <c r="N909105" s="10"/>
    </row>
    <row r="909106" spans="14:14">
      <c r="N909106" s="10"/>
    </row>
    <row r="909107" spans="14:14">
      <c r="N909107" s="10"/>
    </row>
    <row r="909108" spans="14:14">
      <c r="N909108" s="10"/>
    </row>
    <row r="909109" spans="14:14">
      <c r="N909109" s="10"/>
    </row>
    <row r="909110" spans="14:14">
      <c r="N909110" s="10"/>
    </row>
    <row r="909111" spans="14:14">
      <c r="N909111" s="10"/>
    </row>
    <row r="909112" spans="14:14">
      <c r="N909112" s="10"/>
    </row>
    <row r="909113" spans="14:14">
      <c r="N909113" s="10"/>
    </row>
    <row r="909114" spans="14:14">
      <c r="N909114" s="10"/>
    </row>
    <row r="909115" spans="14:14">
      <c r="N909115" s="10"/>
    </row>
    <row r="909116" spans="14:14">
      <c r="N909116" s="10"/>
    </row>
    <row r="909117" spans="14:14">
      <c r="N909117" s="10"/>
    </row>
    <row r="909118" spans="14:14">
      <c r="N909118" s="10"/>
    </row>
    <row r="909119" spans="14:14">
      <c r="N909119" s="10"/>
    </row>
    <row r="909120" spans="14:14">
      <c r="N909120" s="10"/>
    </row>
    <row r="909121" spans="14:14">
      <c r="N909121" s="10"/>
    </row>
    <row r="909122" spans="14:14">
      <c r="N909122" s="10"/>
    </row>
    <row r="909123" spans="14:14">
      <c r="N909123" s="10"/>
    </row>
    <row r="909124" spans="14:14">
      <c r="N909124" s="10"/>
    </row>
    <row r="909125" spans="14:14">
      <c r="N909125" s="10"/>
    </row>
    <row r="909126" spans="14:14">
      <c r="N909126" s="10"/>
    </row>
    <row r="909127" spans="14:14">
      <c r="N909127" s="10"/>
    </row>
    <row r="909128" spans="14:14">
      <c r="N909128" s="10"/>
    </row>
    <row r="909129" spans="14:14">
      <c r="N909129" s="10"/>
    </row>
    <row r="909130" spans="14:14">
      <c r="N909130" s="10"/>
    </row>
    <row r="909131" spans="14:14">
      <c r="N909131" s="10"/>
    </row>
    <row r="909132" spans="14:14">
      <c r="N909132" s="10"/>
    </row>
    <row r="909133" spans="14:14">
      <c r="N909133" s="10"/>
    </row>
    <row r="909134" spans="14:14">
      <c r="N909134" s="10"/>
    </row>
    <row r="909135" spans="14:14">
      <c r="N909135" s="10"/>
    </row>
    <row r="909136" spans="14:14">
      <c r="N909136" s="10"/>
    </row>
    <row r="909137" spans="14:14">
      <c r="N909137" s="10"/>
    </row>
    <row r="909138" spans="14:14">
      <c r="N909138" s="10"/>
    </row>
    <row r="909139" spans="14:14">
      <c r="N909139" s="10"/>
    </row>
    <row r="909140" spans="14:14">
      <c r="N909140" s="10"/>
    </row>
    <row r="909141" spans="14:14">
      <c r="N909141" s="10"/>
    </row>
    <row r="909142" spans="14:14">
      <c r="N909142" s="10"/>
    </row>
    <row r="909143" spans="14:14">
      <c r="N909143" s="10"/>
    </row>
    <row r="909144" spans="14:14">
      <c r="N909144" s="10"/>
    </row>
    <row r="909145" spans="14:14">
      <c r="N909145" s="10"/>
    </row>
    <row r="909146" spans="14:14">
      <c r="N909146" s="10"/>
    </row>
    <row r="909147" spans="14:14">
      <c r="N909147" s="10"/>
    </row>
    <row r="909148" spans="14:14">
      <c r="N909148" s="10"/>
    </row>
    <row r="909149" spans="14:14">
      <c r="N909149" s="10"/>
    </row>
    <row r="909150" spans="14:14">
      <c r="N909150" s="10"/>
    </row>
    <row r="909151" spans="14:14">
      <c r="N909151" s="10"/>
    </row>
    <row r="909152" spans="14:14">
      <c r="N909152" s="10"/>
    </row>
    <row r="909153" spans="14:14">
      <c r="N909153" s="10"/>
    </row>
    <row r="909154" spans="14:14">
      <c r="N909154" s="10"/>
    </row>
    <row r="909155" spans="14:14">
      <c r="N909155" s="10"/>
    </row>
    <row r="909156" spans="14:14">
      <c r="N909156" s="10"/>
    </row>
    <row r="909157" spans="14:14">
      <c r="N909157" s="10"/>
    </row>
    <row r="909158" spans="14:14">
      <c r="N909158" s="10"/>
    </row>
    <row r="909159" spans="14:14">
      <c r="N909159" s="10"/>
    </row>
    <row r="909160" spans="14:14">
      <c r="N909160" s="10"/>
    </row>
    <row r="909161" spans="14:14">
      <c r="N909161" s="10"/>
    </row>
    <row r="909162" spans="14:14">
      <c r="N909162" s="10"/>
    </row>
    <row r="909163" spans="14:14">
      <c r="N909163" s="10"/>
    </row>
    <row r="909164" spans="14:14">
      <c r="N909164" s="10"/>
    </row>
    <row r="909165" spans="14:14">
      <c r="N909165" s="10"/>
    </row>
    <row r="909166" spans="14:14">
      <c r="N909166" s="10"/>
    </row>
    <row r="909167" spans="14:14">
      <c r="N909167" s="10"/>
    </row>
    <row r="909168" spans="14:14">
      <c r="N909168" s="10"/>
    </row>
    <row r="909169" spans="14:14">
      <c r="N909169" s="10"/>
    </row>
    <row r="909170" spans="14:14">
      <c r="N909170" s="10"/>
    </row>
    <row r="909171" spans="14:14">
      <c r="N909171" s="10"/>
    </row>
    <row r="909172" spans="14:14">
      <c r="N909172" s="10"/>
    </row>
    <row r="909173" spans="14:14">
      <c r="N909173" s="10"/>
    </row>
    <row r="909174" spans="14:14">
      <c r="N909174" s="10"/>
    </row>
    <row r="909175" spans="14:14">
      <c r="N909175" s="10"/>
    </row>
    <row r="909176" spans="14:14">
      <c r="N909176" s="10"/>
    </row>
    <row r="909177" spans="14:14">
      <c r="N909177" s="10"/>
    </row>
    <row r="909178" spans="14:14">
      <c r="N909178" s="10"/>
    </row>
    <row r="909179" spans="14:14">
      <c r="N909179" s="10"/>
    </row>
    <row r="909180" spans="14:14">
      <c r="N909180" s="10"/>
    </row>
    <row r="909181" spans="14:14">
      <c r="N909181" s="10"/>
    </row>
    <row r="909182" spans="14:14">
      <c r="N909182" s="10"/>
    </row>
    <row r="909183" spans="14:14">
      <c r="N909183" s="10"/>
    </row>
    <row r="909184" spans="14:14">
      <c r="N909184" s="10"/>
    </row>
    <row r="909185" spans="14:14">
      <c r="N909185" s="10"/>
    </row>
    <row r="909186" spans="14:14">
      <c r="N909186" s="10"/>
    </row>
    <row r="909187" spans="14:14">
      <c r="N909187" s="10"/>
    </row>
    <row r="909188" spans="14:14">
      <c r="N909188" s="10"/>
    </row>
    <row r="909189" spans="14:14">
      <c r="N909189" s="10"/>
    </row>
    <row r="909190" spans="14:14">
      <c r="N909190" s="10"/>
    </row>
    <row r="909191" spans="14:14">
      <c r="N909191" s="10"/>
    </row>
    <row r="909192" spans="14:14">
      <c r="N909192" s="10"/>
    </row>
    <row r="909193" spans="14:14">
      <c r="N909193" s="10"/>
    </row>
    <row r="909194" spans="14:14">
      <c r="N909194" s="10"/>
    </row>
    <row r="909195" spans="14:14">
      <c r="N909195" s="10"/>
    </row>
    <row r="909196" spans="14:14">
      <c r="N909196" s="10"/>
    </row>
    <row r="909197" spans="14:14">
      <c r="N909197" s="10"/>
    </row>
    <row r="909198" spans="14:14">
      <c r="N909198" s="10"/>
    </row>
    <row r="909199" spans="14:14">
      <c r="N909199" s="10"/>
    </row>
    <row r="909200" spans="14:14">
      <c r="N909200" s="10"/>
    </row>
    <row r="909201" spans="14:14">
      <c r="N909201" s="10"/>
    </row>
    <row r="909202" spans="14:14">
      <c r="N909202" s="10"/>
    </row>
    <row r="909203" spans="14:14">
      <c r="N909203" s="10"/>
    </row>
    <row r="909204" spans="14:14">
      <c r="N909204" s="10"/>
    </row>
    <row r="909205" spans="14:14">
      <c r="N909205" s="10"/>
    </row>
    <row r="909206" spans="14:14">
      <c r="N909206" s="10"/>
    </row>
    <row r="909207" spans="14:14">
      <c r="N909207" s="10"/>
    </row>
    <row r="909208" spans="14:14">
      <c r="N909208" s="10"/>
    </row>
    <row r="909209" spans="14:14">
      <c r="N909209" s="10"/>
    </row>
    <row r="909210" spans="14:14">
      <c r="N909210" s="10"/>
    </row>
    <row r="909211" spans="14:14">
      <c r="N909211" s="10"/>
    </row>
    <row r="909212" spans="14:14">
      <c r="N909212" s="10"/>
    </row>
    <row r="909213" spans="14:14">
      <c r="N909213" s="10"/>
    </row>
    <row r="909214" spans="14:14">
      <c r="N909214" s="10"/>
    </row>
    <row r="909215" spans="14:14">
      <c r="N909215" s="10"/>
    </row>
    <row r="909216" spans="14:14">
      <c r="N909216" s="10"/>
    </row>
    <row r="909217" spans="14:14">
      <c r="N909217" s="10"/>
    </row>
    <row r="909218" spans="14:14">
      <c r="N909218" s="10"/>
    </row>
    <row r="909219" spans="14:14">
      <c r="N909219" s="10"/>
    </row>
    <row r="909220" spans="14:14">
      <c r="N909220" s="10"/>
    </row>
    <row r="909221" spans="14:14">
      <c r="N909221" s="10"/>
    </row>
    <row r="909222" spans="14:14">
      <c r="N909222" s="10"/>
    </row>
    <row r="909223" spans="14:14">
      <c r="N909223" s="10"/>
    </row>
    <row r="909224" spans="14:14">
      <c r="N909224" s="10"/>
    </row>
    <row r="909225" spans="14:14">
      <c r="N909225" s="10"/>
    </row>
    <row r="909226" spans="14:14">
      <c r="N909226" s="10"/>
    </row>
    <row r="909227" spans="14:14">
      <c r="N909227" s="10"/>
    </row>
    <row r="909228" spans="14:14">
      <c r="N909228" s="10"/>
    </row>
    <row r="909229" spans="14:14">
      <c r="N909229" s="10"/>
    </row>
    <row r="909230" spans="14:14">
      <c r="N909230" s="10"/>
    </row>
    <row r="909231" spans="14:14">
      <c r="N909231" s="10"/>
    </row>
    <row r="909232" spans="14:14">
      <c r="N909232" s="10"/>
    </row>
    <row r="909233" spans="14:14">
      <c r="N909233" s="10"/>
    </row>
    <row r="909234" spans="14:14">
      <c r="N909234" s="10"/>
    </row>
    <row r="909235" spans="14:14">
      <c r="N909235" s="10"/>
    </row>
    <row r="909236" spans="14:14">
      <c r="N909236" s="10"/>
    </row>
    <row r="909237" spans="14:14">
      <c r="N909237" s="10"/>
    </row>
    <row r="909238" spans="14:14">
      <c r="N909238" s="10"/>
    </row>
    <row r="909239" spans="14:14">
      <c r="N909239" s="10"/>
    </row>
    <row r="909240" spans="14:14">
      <c r="N909240" s="10"/>
    </row>
    <row r="909241" spans="14:14">
      <c r="N909241" s="10"/>
    </row>
    <row r="909242" spans="14:14">
      <c r="N909242" s="10"/>
    </row>
    <row r="909243" spans="14:14">
      <c r="N909243" s="10"/>
    </row>
    <row r="909244" spans="14:14">
      <c r="N909244" s="10"/>
    </row>
    <row r="909245" spans="14:14">
      <c r="N909245" s="10"/>
    </row>
    <row r="909246" spans="14:14">
      <c r="N909246" s="10"/>
    </row>
    <row r="909247" spans="14:14">
      <c r="N909247" s="10"/>
    </row>
    <row r="909248" spans="14:14">
      <c r="N909248" s="10"/>
    </row>
    <row r="909249" spans="14:14">
      <c r="N909249" s="10"/>
    </row>
    <row r="909250" spans="14:14">
      <c r="N909250" s="10"/>
    </row>
    <row r="909251" spans="14:14">
      <c r="N909251" s="10"/>
    </row>
    <row r="909252" spans="14:14">
      <c r="N909252" s="10"/>
    </row>
    <row r="909253" spans="14:14">
      <c r="N909253" s="10"/>
    </row>
    <row r="909254" spans="14:14">
      <c r="N909254" s="10"/>
    </row>
    <row r="909255" spans="14:14">
      <c r="N909255" s="10"/>
    </row>
    <row r="909256" spans="14:14">
      <c r="N909256" s="10"/>
    </row>
    <row r="909257" spans="14:14">
      <c r="N909257" s="10"/>
    </row>
    <row r="909258" spans="14:14">
      <c r="N909258" s="10"/>
    </row>
    <row r="909259" spans="14:14">
      <c r="N909259" s="10"/>
    </row>
    <row r="909260" spans="14:14">
      <c r="N909260" s="10"/>
    </row>
    <row r="909261" spans="14:14">
      <c r="N909261" s="10"/>
    </row>
    <row r="909262" spans="14:14">
      <c r="N909262" s="10"/>
    </row>
    <row r="909263" spans="14:14">
      <c r="N909263" s="10"/>
    </row>
    <row r="909264" spans="14:14">
      <c r="N909264" s="10"/>
    </row>
    <row r="909265" spans="14:14">
      <c r="N909265" s="10"/>
    </row>
    <row r="909266" spans="14:14">
      <c r="N909266" s="10"/>
    </row>
    <row r="909267" spans="14:14">
      <c r="N909267" s="10"/>
    </row>
    <row r="909268" spans="14:14">
      <c r="N909268" s="10"/>
    </row>
    <row r="909269" spans="14:14">
      <c r="N909269" s="10"/>
    </row>
    <row r="909270" spans="14:14">
      <c r="N909270" s="10"/>
    </row>
    <row r="909271" spans="14:14">
      <c r="N909271" s="10"/>
    </row>
    <row r="909272" spans="14:14">
      <c r="N909272" s="10"/>
    </row>
    <row r="909273" spans="14:14">
      <c r="N909273" s="10"/>
    </row>
    <row r="909274" spans="14:14">
      <c r="N909274" s="10"/>
    </row>
    <row r="909275" spans="14:14">
      <c r="N909275" s="10"/>
    </row>
    <row r="909276" spans="14:14">
      <c r="N909276" s="10"/>
    </row>
    <row r="909277" spans="14:14">
      <c r="N909277" s="10"/>
    </row>
    <row r="909278" spans="14:14">
      <c r="N909278" s="10"/>
    </row>
    <row r="909279" spans="14:14">
      <c r="N909279" s="10"/>
    </row>
    <row r="909280" spans="14:14">
      <c r="N909280" s="10"/>
    </row>
    <row r="909281" spans="14:14">
      <c r="N909281" s="10"/>
    </row>
    <row r="909282" spans="14:14">
      <c r="N909282" s="10"/>
    </row>
    <row r="909283" spans="14:14">
      <c r="N909283" s="10"/>
    </row>
    <row r="909284" spans="14:14">
      <c r="N909284" s="10"/>
    </row>
    <row r="909285" spans="14:14">
      <c r="N909285" s="10"/>
    </row>
    <row r="909286" spans="14:14">
      <c r="N909286" s="10"/>
    </row>
    <row r="909287" spans="14:14">
      <c r="N909287" s="10"/>
    </row>
    <row r="909288" spans="14:14">
      <c r="N909288" s="10"/>
    </row>
    <row r="909289" spans="14:14">
      <c r="N909289" s="10"/>
    </row>
    <row r="909290" spans="14:14">
      <c r="N909290" s="10"/>
    </row>
    <row r="909291" spans="14:14">
      <c r="N909291" s="10"/>
    </row>
    <row r="909292" spans="14:14">
      <c r="N909292" s="10"/>
    </row>
    <row r="909293" spans="14:14">
      <c r="N909293" s="10"/>
    </row>
    <row r="909294" spans="14:14">
      <c r="N909294" s="10"/>
    </row>
    <row r="909295" spans="14:14">
      <c r="N909295" s="10"/>
    </row>
    <row r="909296" spans="14:14">
      <c r="N909296" s="10"/>
    </row>
    <row r="909297" spans="14:14">
      <c r="N909297" s="10"/>
    </row>
    <row r="909298" spans="14:14">
      <c r="N909298" s="10"/>
    </row>
    <row r="909299" spans="14:14">
      <c r="N909299" s="10"/>
    </row>
    <row r="909300" spans="14:14">
      <c r="N909300" s="10"/>
    </row>
    <row r="909301" spans="14:14">
      <c r="N909301" s="10"/>
    </row>
    <row r="909302" spans="14:14">
      <c r="N909302" s="10"/>
    </row>
    <row r="909303" spans="14:14">
      <c r="N909303" s="10"/>
    </row>
    <row r="909304" spans="14:14">
      <c r="N909304" s="10"/>
    </row>
    <row r="909305" spans="14:14">
      <c r="N909305" s="10"/>
    </row>
    <row r="909306" spans="14:14">
      <c r="N909306" s="10"/>
    </row>
    <row r="909307" spans="14:14">
      <c r="N909307" s="10"/>
    </row>
    <row r="909308" spans="14:14">
      <c r="N909308" s="10"/>
    </row>
    <row r="909309" spans="14:14">
      <c r="N909309" s="10"/>
    </row>
    <row r="909310" spans="14:14">
      <c r="N909310" s="10"/>
    </row>
    <row r="909311" spans="14:14">
      <c r="N909311" s="10"/>
    </row>
    <row r="909312" spans="14:14">
      <c r="N909312" s="10"/>
    </row>
    <row r="909313" spans="14:14">
      <c r="N909313" s="10"/>
    </row>
    <row r="909314" spans="14:14">
      <c r="N909314" s="10"/>
    </row>
    <row r="909315" spans="14:14">
      <c r="N909315" s="10"/>
    </row>
    <row r="909316" spans="14:14">
      <c r="N909316" s="10"/>
    </row>
    <row r="909317" spans="14:14">
      <c r="N909317" s="10"/>
    </row>
    <row r="909318" spans="14:14">
      <c r="N909318" s="10"/>
    </row>
    <row r="909319" spans="14:14">
      <c r="N909319" s="10"/>
    </row>
    <row r="909320" spans="14:14">
      <c r="N909320" s="10"/>
    </row>
    <row r="909321" spans="14:14">
      <c r="N909321" s="10"/>
    </row>
    <row r="909322" spans="14:14">
      <c r="N909322" s="10"/>
    </row>
    <row r="909323" spans="14:14">
      <c r="N909323" s="10"/>
    </row>
    <row r="909324" spans="14:14">
      <c r="N909324" s="10"/>
    </row>
    <row r="909325" spans="14:14">
      <c r="N909325" s="10"/>
    </row>
    <row r="909326" spans="14:14">
      <c r="N909326" s="10"/>
    </row>
    <row r="909327" spans="14:14">
      <c r="N909327" s="10"/>
    </row>
    <row r="909328" spans="14:14">
      <c r="N909328" s="10"/>
    </row>
    <row r="909329" spans="14:14">
      <c r="N909329" s="10"/>
    </row>
    <row r="909330" spans="14:14">
      <c r="N909330" s="10"/>
    </row>
    <row r="909331" spans="14:14">
      <c r="N909331" s="10"/>
    </row>
    <row r="909332" spans="14:14">
      <c r="N909332" s="10"/>
    </row>
    <row r="909333" spans="14:14">
      <c r="N909333" s="10"/>
    </row>
    <row r="909334" spans="14:14">
      <c r="N909334" s="10"/>
    </row>
    <row r="909335" spans="14:14">
      <c r="N909335" s="10"/>
    </row>
    <row r="909336" spans="14:14">
      <c r="N909336" s="10"/>
    </row>
    <row r="909337" spans="14:14">
      <c r="N909337" s="10"/>
    </row>
    <row r="909338" spans="14:14">
      <c r="N909338" s="10"/>
    </row>
    <row r="909339" spans="14:14">
      <c r="N909339" s="10"/>
    </row>
    <row r="909340" spans="14:14">
      <c r="N909340" s="10"/>
    </row>
    <row r="909341" spans="14:14">
      <c r="N909341" s="10"/>
    </row>
    <row r="909342" spans="14:14">
      <c r="N909342" s="10"/>
    </row>
    <row r="909343" spans="14:14">
      <c r="N909343" s="10"/>
    </row>
    <row r="909344" spans="14:14">
      <c r="N909344" s="10"/>
    </row>
    <row r="909345" spans="14:14">
      <c r="N909345" s="10"/>
    </row>
    <row r="909346" spans="14:14">
      <c r="N909346" s="10"/>
    </row>
    <row r="909347" spans="14:14">
      <c r="N909347" s="10"/>
    </row>
    <row r="909348" spans="14:14">
      <c r="N909348" s="10"/>
    </row>
    <row r="909349" spans="14:14">
      <c r="N909349" s="10"/>
    </row>
    <row r="909350" spans="14:14">
      <c r="N909350" s="10"/>
    </row>
    <row r="909351" spans="14:14">
      <c r="N909351" s="10"/>
    </row>
    <row r="909352" spans="14:14">
      <c r="N909352" s="10"/>
    </row>
    <row r="909353" spans="14:14">
      <c r="N909353" s="10"/>
    </row>
    <row r="909354" spans="14:14">
      <c r="N909354" s="10"/>
    </row>
    <row r="909355" spans="14:14">
      <c r="N909355" s="10"/>
    </row>
    <row r="909356" spans="14:14">
      <c r="N909356" s="10"/>
    </row>
    <row r="909357" spans="14:14">
      <c r="N909357" s="10"/>
    </row>
    <row r="909358" spans="14:14">
      <c r="N909358" s="10"/>
    </row>
    <row r="909359" spans="14:14">
      <c r="N909359" s="10"/>
    </row>
    <row r="909360" spans="14:14">
      <c r="N909360" s="10"/>
    </row>
    <row r="909361" spans="14:14">
      <c r="N909361" s="10"/>
    </row>
    <row r="909362" spans="14:14">
      <c r="N909362" s="10"/>
    </row>
    <row r="909363" spans="14:14">
      <c r="N909363" s="10"/>
    </row>
    <row r="909364" spans="14:14">
      <c r="N909364" s="10"/>
    </row>
    <row r="909365" spans="14:14">
      <c r="N909365" s="10"/>
    </row>
    <row r="909366" spans="14:14">
      <c r="N909366" s="10"/>
    </row>
    <row r="909367" spans="14:14">
      <c r="N909367" s="10"/>
    </row>
    <row r="909368" spans="14:14">
      <c r="N909368" s="10"/>
    </row>
    <row r="909369" spans="14:14">
      <c r="N909369" s="10"/>
    </row>
    <row r="909370" spans="14:14">
      <c r="N909370" s="10"/>
    </row>
    <row r="909371" spans="14:14">
      <c r="N909371" s="10"/>
    </row>
    <row r="909372" spans="14:14">
      <c r="N909372" s="10"/>
    </row>
    <row r="909373" spans="14:14">
      <c r="N909373" s="10"/>
    </row>
    <row r="909374" spans="14:14">
      <c r="N909374" s="10"/>
    </row>
    <row r="909375" spans="14:14">
      <c r="N909375" s="10"/>
    </row>
    <row r="909376" spans="14:14">
      <c r="N909376" s="10"/>
    </row>
    <row r="909377" spans="14:14">
      <c r="N909377" s="10"/>
    </row>
    <row r="909378" spans="14:14">
      <c r="N909378" s="10"/>
    </row>
    <row r="909379" spans="14:14">
      <c r="N909379" s="10"/>
    </row>
    <row r="909380" spans="14:14">
      <c r="N909380" s="10"/>
    </row>
    <row r="909381" spans="14:14">
      <c r="N909381" s="10"/>
    </row>
    <row r="909382" spans="14:14">
      <c r="N909382" s="10"/>
    </row>
    <row r="909383" spans="14:14">
      <c r="N909383" s="10"/>
    </row>
    <row r="909384" spans="14:14">
      <c r="N909384" s="10"/>
    </row>
    <row r="909385" spans="14:14">
      <c r="N909385" s="10"/>
    </row>
    <row r="909386" spans="14:14">
      <c r="N909386" s="10"/>
    </row>
    <row r="909387" spans="14:14">
      <c r="N909387" s="10"/>
    </row>
    <row r="909388" spans="14:14">
      <c r="N909388" s="10"/>
    </row>
    <row r="909389" spans="14:14">
      <c r="N909389" s="10"/>
    </row>
    <row r="909390" spans="14:14">
      <c r="N909390" s="10"/>
    </row>
    <row r="909391" spans="14:14">
      <c r="N909391" s="10"/>
    </row>
    <row r="909392" spans="14:14">
      <c r="N909392" s="10"/>
    </row>
    <row r="909393" spans="14:14">
      <c r="N909393" s="10"/>
    </row>
    <row r="909394" spans="14:14">
      <c r="N909394" s="10"/>
    </row>
    <row r="909395" spans="14:14">
      <c r="N909395" s="10"/>
    </row>
    <row r="909396" spans="14:14">
      <c r="N909396" s="10"/>
    </row>
    <row r="909397" spans="14:14">
      <c r="N909397" s="10"/>
    </row>
    <row r="909398" spans="14:14">
      <c r="N909398" s="10"/>
    </row>
    <row r="909399" spans="14:14">
      <c r="N909399" s="10"/>
    </row>
    <row r="909400" spans="14:14">
      <c r="N909400" s="10"/>
    </row>
    <row r="909401" spans="14:14">
      <c r="N909401" s="10"/>
    </row>
    <row r="909402" spans="14:14">
      <c r="N909402" s="10"/>
    </row>
    <row r="909403" spans="14:14">
      <c r="N909403" s="10"/>
    </row>
    <row r="909404" spans="14:14">
      <c r="N909404" s="10"/>
    </row>
    <row r="909405" spans="14:14">
      <c r="N909405" s="10"/>
    </row>
    <row r="909406" spans="14:14">
      <c r="N909406" s="10"/>
    </row>
    <row r="909407" spans="14:14">
      <c r="N909407" s="10"/>
    </row>
    <row r="909408" spans="14:14">
      <c r="N909408" s="10"/>
    </row>
    <row r="909409" spans="14:14">
      <c r="N909409" s="10"/>
    </row>
    <row r="909410" spans="14:14">
      <c r="N909410" s="10"/>
    </row>
    <row r="909411" spans="14:14">
      <c r="N909411" s="10"/>
    </row>
    <row r="909412" spans="14:14">
      <c r="N909412" s="10"/>
    </row>
    <row r="909413" spans="14:14">
      <c r="N909413" s="10"/>
    </row>
    <row r="909414" spans="14:14">
      <c r="N909414" s="10"/>
    </row>
    <row r="909415" spans="14:14">
      <c r="N909415" s="10"/>
    </row>
    <row r="909416" spans="14:14">
      <c r="N909416" s="10"/>
    </row>
    <row r="909417" spans="14:14">
      <c r="N909417" s="10"/>
    </row>
    <row r="909418" spans="14:14">
      <c r="N909418" s="10"/>
    </row>
    <row r="909419" spans="14:14">
      <c r="N909419" s="10"/>
    </row>
    <row r="909420" spans="14:14">
      <c r="N909420" s="10"/>
    </row>
    <row r="909421" spans="14:14">
      <c r="N909421" s="10"/>
    </row>
    <row r="909422" spans="14:14">
      <c r="N909422" s="10"/>
    </row>
    <row r="909423" spans="14:14">
      <c r="N909423" s="10"/>
    </row>
    <row r="909424" spans="14:14">
      <c r="N909424" s="10"/>
    </row>
    <row r="909425" spans="14:14">
      <c r="N909425" s="10"/>
    </row>
    <row r="909426" spans="14:14">
      <c r="N909426" s="10"/>
    </row>
    <row r="909427" spans="14:14">
      <c r="N909427" s="10"/>
    </row>
    <row r="909428" spans="14:14">
      <c r="N909428" s="10"/>
    </row>
    <row r="909429" spans="14:14">
      <c r="N909429" s="10"/>
    </row>
    <row r="909430" spans="14:14">
      <c r="N909430" s="10"/>
    </row>
    <row r="909431" spans="14:14">
      <c r="N909431" s="10"/>
    </row>
    <row r="909432" spans="14:14">
      <c r="N909432" s="10"/>
    </row>
    <row r="909433" spans="14:14">
      <c r="N909433" s="10"/>
    </row>
    <row r="909434" spans="14:14">
      <c r="N909434" s="10"/>
    </row>
    <row r="909435" spans="14:14">
      <c r="N909435" s="10"/>
    </row>
    <row r="909436" spans="14:14">
      <c r="N909436" s="10"/>
    </row>
    <row r="909437" spans="14:14">
      <c r="N909437" s="10"/>
    </row>
    <row r="909438" spans="14:14">
      <c r="N909438" s="10"/>
    </row>
    <row r="909439" spans="14:14">
      <c r="N909439" s="10"/>
    </row>
    <row r="909440" spans="14:14">
      <c r="N909440" s="10"/>
    </row>
    <row r="909441" spans="14:14">
      <c r="N909441" s="10"/>
    </row>
    <row r="909442" spans="14:14">
      <c r="N909442" s="10"/>
    </row>
    <row r="909443" spans="14:14">
      <c r="N909443" s="10"/>
    </row>
    <row r="909444" spans="14:14">
      <c r="N909444" s="10"/>
    </row>
    <row r="909445" spans="14:14">
      <c r="N909445" s="10"/>
    </row>
    <row r="909446" spans="14:14">
      <c r="N909446" s="10"/>
    </row>
    <row r="909447" spans="14:14">
      <c r="N909447" s="10"/>
    </row>
    <row r="909448" spans="14:14">
      <c r="N909448" s="10"/>
    </row>
    <row r="909449" spans="14:14">
      <c r="N909449" s="10"/>
    </row>
    <row r="909450" spans="14:14">
      <c r="N909450" s="10"/>
    </row>
    <row r="909451" spans="14:14">
      <c r="N909451" s="10"/>
    </row>
    <row r="909452" spans="14:14">
      <c r="N909452" s="10"/>
    </row>
    <row r="909453" spans="14:14">
      <c r="N909453" s="10"/>
    </row>
    <row r="909454" spans="14:14">
      <c r="N909454" s="10"/>
    </row>
    <row r="909455" spans="14:14">
      <c r="N909455" s="10"/>
    </row>
    <row r="909456" spans="14:14">
      <c r="N909456" s="10"/>
    </row>
    <row r="909457" spans="14:14">
      <c r="N909457" s="10"/>
    </row>
    <row r="909458" spans="14:14">
      <c r="N909458" s="10"/>
    </row>
    <row r="909459" spans="14:14">
      <c r="N909459" s="10"/>
    </row>
    <row r="909460" spans="14:14">
      <c r="N909460" s="10"/>
    </row>
    <row r="909461" spans="14:14">
      <c r="N909461" s="10"/>
    </row>
    <row r="909462" spans="14:14">
      <c r="N909462" s="10"/>
    </row>
    <row r="909463" spans="14:14">
      <c r="N909463" s="10"/>
    </row>
    <row r="909464" spans="14:14">
      <c r="N909464" s="10"/>
    </row>
    <row r="909465" spans="14:14">
      <c r="N909465" s="10"/>
    </row>
    <row r="909466" spans="14:14">
      <c r="N909466" s="10"/>
    </row>
    <row r="909467" spans="14:14">
      <c r="N909467" s="10"/>
    </row>
    <row r="909468" spans="14:14">
      <c r="N909468" s="10"/>
    </row>
    <row r="909469" spans="14:14">
      <c r="N909469" s="10"/>
    </row>
    <row r="909470" spans="14:14">
      <c r="N909470" s="10"/>
    </row>
    <row r="909471" spans="14:14">
      <c r="N909471" s="10"/>
    </row>
    <row r="909472" spans="14:14">
      <c r="N909472" s="10"/>
    </row>
    <row r="909473" spans="14:14">
      <c r="N909473" s="10"/>
    </row>
    <row r="909474" spans="14:14">
      <c r="N909474" s="10"/>
    </row>
    <row r="909475" spans="14:14">
      <c r="N909475" s="10"/>
    </row>
    <row r="909476" spans="14:14">
      <c r="N909476" s="10"/>
    </row>
    <row r="909477" spans="14:14">
      <c r="N909477" s="10"/>
    </row>
    <row r="909478" spans="14:14">
      <c r="N909478" s="10"/>
    </row>
    <row r="909479" spans="14:14">
      <c r="N909479" s="10"/>
    </row>
    <row r="909480" spans="14:14">
      <c r="N909480" s="10"/>
    </row>
    <row r="909481" spans="14:14">
      <c r="N909481" s="10"/>
    </row>
    <row r="909482" spans="14:14">
      <c r="N909482" s="10"/>
    </row>
    <row r="909483" spans="14:14">
      <c r="N909483" s="10"/>
    </row>
    <row r="909484" spans="14:14">
      <c r="N909484" s="10"/>
    </row>
    <row r="909485" spans="14:14">
      <c r="N909485" s="10"/>
    </row>
    <row r="909486" spans="14:14">
      <c r="N909486" s="10"/>
    </row>
    <row r="909487" spans="14:14">
      <c r="N909487" s="10"/>
    </row>
    <row r="909488" spans="14:14">
      <c r="N909488" s="10"/>
    </row>
    <row r="909489" spans="14:14">
      <c r="N909489" s="10"/>
    </row>
    <row r="909490" spans="14:14">
      <c r="N909490" s="10"/>
    </row>
    <row r="909491" spans="14:14">
      <c r="N909491" s="10"/>
    </row>
    <row r="909492" spans="14:14">
      <c r="N909492" s="10"/>
    </row>
    <row r="909493" spans="14:14">
      <c r="N909493" s="10"/>
    </row>
    <row r="909494" spans="14:14">
      <c r="N909494" s="10"/>
    </row>
    <row r="909495" spans="14:14">
      <c r="N909495" s="10"/>
    </row>
    <row r="909496" spans="14:14">
      <c r="N909496" s="10"/>
    </row>
    <row r="909497" spans="14:14">
      <c r="N909497" s="10"/>
    </row>
    <row r="909498" spans="14:14">
      <c r="N909498" s="10"/>
    </row>
    <row r="909499" spans="14:14">
      <c r="N909499" s="10"/>
    </row>
    <row r="909500" spans="14:14">
      <c r="N909500" s="10"/>
    </row>
    <row r="909501" spans="14:14">
      <c r="N909501" s="10"/>
    </row>
    <row r="909502" spans="14:14">
      <c r="N909502" s="10"/>
    </row>
    <row r="909503" spans="14:14">
      <c r="N909503" s="10"/>
    </row>
    <row r="909504" spans="14:14">
      <c r="N909504" s="10"/>
    </row>
    <row r="909505" spans="14:14">
      <c r="N909505" s="10"/>
    </row>
    <row r="909506" spans="14:14">
      <c r="N909506" s="10"/>
    </row>
    <row r="909507" spans="14:14">
      <c r="N909507" s="10"/>
    </row>
    <row r="909508" spans="14:14">
      <c r="N909508" s="10"/>
    </row>
    <row r="909509" spans="14:14">
      <c r="N909509" s="10"/>
    </row>
    <row r="909510" spans="14:14">
      <c r="N909510" s="10"/>
    </row>
    <row r="909511" spans="14:14">
      <c r="N909511" s="10"/>
    </row>
    <row r="909512" spans="14:14">
      <c r="N909512" s="10"/>
    </row>
    <row r="909513" spans="14:14">
      <c r="N909513" s="10"/>
    </row>
    <row r="909514" spans="14:14">
      <c r="N909514" s="10"/>
    </row>
    <row r="909515" spans="14:14">
      <c r="N909515" s="10"/>
    </row>
    <row r="909516" spans="14:14">
      <c r="N909516" s="10"/>
    </row>
    <row r="909517" spans="14:14">
      <c r="N909517" s="10"/>
    </row>
    <row r="909518" spans="14:14">
      <c r="N909518" s="10"/>
    </row>
    <row r="909519" spans="14:14">
      <c r="N909519" s="10"/>
    </row>
    <row r="909520" spans="14:14">
      <c r="N909520" s="10"/>
    </row>
    <row r="909521" spans="14:14">
      <c r="N909521" s="10"/>
    </row>
    <row r="909522" spans="14:14">
      <c r="N909522" s="10"/>
    </row>
    <row r="909523" spans="14:14">
      <c r="N909523" s="10"/>
    </row>
    <row r="909524" spans="14:14">
      <c r="N909524" s="10"/>
    </row>
    <row r="909525" spans="14:14">
      <c r="N909525" s="10"/>
    </row>
    <row r="909526" spans="14:14">
      <c r="N909526" s="10"/>
    </row>
    <row r="909527" spans="14:14">
      <c r="N909527" s="10"/>
    </row>
    <row r="909528" spans="14:14">
      <c r="N909528" s="10"/>
    </row>
    <row r="909529" spans="14:14">
      <c r="N909529" s="10"/>
    </row>
    <row r="909530" spans="14:14">
      <c r="N909530" s="10"/>
    </row>
    <row r="909531" spans="14:14">
      <c r="N909531" s="10"/>
    </row>
    <row r="909532" spans="14:14">
      <c r="N909532" s="10"/>
    </row>
    <row r="909533" spans="14:14">
      <c r="N909533" s="10"/>
    </row>
    <row r="909534" spans="14:14">
      <c r="N909534" s="10"/>
    </row>
    <row r="909535" spans="14:14">
      <c r="N909535" s="10"/>
    </row>
    <row r="909536" spans="14:14">
      <c r="N909536" s="10"/>
    </row>
    <row r="909537" spans="14:14">
      <c r="N909537" s="10"/>
    </row>
    <row r="909538" spans="14:14">
      <c r="N909538" s="10"/>
    </row>
    <row r="909539" spans="14:14">
      <c r="N909539" s="10"/>
    </row>
    <row r="909540" spans="14:14">
      <c r="N909540" s="10"/>
    </row>
    <row r="909541" spans="14:14">
      <c r="N909541" s="10"/>
    </row>
    <row r="909542" spans="14:14">
      <c r="N909542" s="10"/>
    </row>
    <row r="909543" spans="14:14">
      <c r="N909543" s="10"/>
    </row>
    <row r="909544" spans="14:14">
      <c r="N909544" s="10"/>
    </row>
    <row r="909545" spans="14:14">
      <c r="N909545" s="10"/>
    </row>
    <row r="909546" spans="14:14">
      <c r="N909546" s="10"/>
    </row>
    <row r="909547" spans="14:14">
      <c r="N909547" s="10"/>
    </row>
    <row r="909548" spans="14:14">
      <c r="N909548" s="10"/>
    </row>
    <row r="909549" spans="14:14">
      <c r="N909549" s="10"/>
    </row>
    <row r="909550" spans="14:14">
      <c r="N909550" s="10"/>
    </row>
    <row r="909551" spans="14:14">
      <c r="N909551" s="10"/>
    </row>
    <row r="909552" spans="14:14">
      <c r="N909552" s="10"/>
    </row>
    <row r="909553" spans="14:14">
      <c r="N909553" s="10"/>
    </row>
    <row r="909554" spans="14:14">
      <c r="N909554" s="10"/>
    </row>
    <row r="909555" spans="14:14">
      <c r="N909555" s="10"/>
    </row>
    <row r="909556" spans="14:14">
      <c r="N909556" s="10"/>
    </row>
    <row r="909557" spans="14:14">
      <c r="N909557" s="10"/>
    </row>
    <row r="909558" spans="14:14">
      <c r="N909558" s="10"/>
    </row>
    <row r="909559" spans="14:14">
      <c r="N909559" s="10"/>
    </row>
    <row r="909560" spans="14:14">
      <c r="N909560" s="10"/>
    </row>
    <row r="909561" spans="14:14">
      <c r="N909561" s="10"/>
    </row>
    <row r="909562" spans="14:14">
      <c r="N909562" s="10"/>
    </row>
    <row r="909563" spans="14:14">
      <c r="N909563" s="10"/>
    </row>
    <row r="909564" spans="14:14">
      <c r="N909564" s="10"/>
    </row>
    <row r="909565" spans="14:14">
      <c r="N909565" s="10"/>
    </row>
    <row r="909566" spans="14:14">
      <c r="N909566" s="10"/>
    </row>
    <row r="909567" spans="14:14">
      <c r="N909567" s="10"/>
    </row>
    <row r="909568" spans="14:14">
      <c r="N909568" s="10"/>
    </row>
    <row r="909569" spans="14:14">
      <c r="N909569" s="10"/>
    </row>
    <row r="909570" spans="14:14">
      <c r="N909570" s="10"/>
    </row>
    <row r="909571" spans="14:14">
      <c r="N909571" s="10"/>
    </row>
    <row r="909572" spans="14:14">
      <c r="N909572" s="10"/>
    </row>
    <row r="909573" spans="14:14">
      <c r="N909573" s="10"/>
    </row>
    <row r="909574" spans="14:14">
      <c r="N909574" s="10"/>
    </row>
    <row r="909575" spans="14:14">
      <c r="N909575" s="10"/>
    </row>
    <row r="909576" spans="14:14">
      <c r="N909576" s="10"/>
    </row>
    <row r="909577" spans="14:14">
      <c r="N909577" s="10"/>
    </row>
    <row r="909578" spans="14:14">
      <c r="N909578" s="10"/>
    </row>
    <row r="909579" spans="14:14">
      <c r="N909579" s="10"/>
    </row>
    <row r="909580" spans="14:14">
      <c r="N909580" s="10"/>
    </row>
    <row r="909581" spans="14:14">
      <c r="N909581" s="10"/>
    </row>
    <row r="909582" spans="14:14">
      <c r="N909582" s="10"/>
    </row>
    <row r="909583" spans="14:14">
      <c r="N909583" s="10"/>
    </row>
    <row r="909584" spans="14:14">
      <c r="N909584" s="10"/>
    </row>
    <row r="909585" spans="14:14">
      <c r="N909585" s="10"/>
    </row>
    <row r="909586" spans="14:14">
      <c r="N909586" s="10"/>
    </row>
    <row r="909587" spans="14:14">
      <c r="N909587" s="10"/>
    </row>
    <row r="909588" spans="14:14">
      <c r="N909588" s="10"/>
    </row>
    <row r="909589" spans="14:14">
      <c r="N909589" s="10"/>
    </row>
    <row r="909590" spans="14:14">
      <c r="N909590" s="10"/>
    </row>
    <row r="909591" spans="14:14">
      <c r="N909591" s="10"/>
    </row>
    <row r="909592" spans="14:14">
      <c r="N909592" s="10"/>
    </row>
    <row r="909593" spans="14:14">
      <c r="N909593" s="10"/>
    </row>
    <row r="909594" spans="14:14">
      <c r="N909594" s="10"/>
    </row>
    <row r="909595" spans="14:14">
      <c r="N909595" s="10"/>
    </row>
    <row r="909596" spans="14:14">
      <c r="N909596" s="10"/>
    </row>
    <row r="909597" spans="14:14">
      <c r="N909597" s="10"/>
    </row>
    <row r="909598" spans="14:14">
      <c r="N909598" s="10"/>
    </row>
    <row r="909599" spans="14:14">
      <c r="N909599" s="10"/>
    </row>
    <row r="909600" spans="14:14">
      <c r="N909600" s="10"/>
    </row>
    <row r="909601" spans="14:14">
      <c r="N909601" s="10"/>
    </row>
    <row r="909602" spans="14:14">
      <c r="N909602" s="10"/>
    </row>
    <row r="909603" spans="14:14">
      <c r="N909603" s="10"/>
    </row>
    <row r="909604" spans="14:14">
      <c r="N909604" s="10"/>
    </row>
    <row r="909605" spans="14:14">
      <c r="N909605" s="10"/>
    </row>
    <row r="909606" spans="14:14">
      <c r="N909606" s="10"/>
    </row>
    <row r="909607" spans="14:14">
      <c r="N909607" s="10"/>
    </row>
    <row r="909608" spans="14:14">
      <c r="N909608" s="10"/>
    </row>
    <row r="909609" spans="14:14">
      <c r="N909609" s="10"/>
    </row>
    <row r="909610" spans="14:14">
      <c r="N909610" s="10"/>
    </row>
    <row r="909611" spans="14:14">
      <c r="N909611" s="10"/>
    </row>
    <row r="909612" spans="14:14">
      <c r="N909612" s="10"/>
    </row>
    <row r="909613" spans="14:14">
      <c r="N909613" s="10"/>
    </row>
    <row r="909614" spans="14:14">
      <c r="N909614" s="10"/>
    </row>
    <row r="909615" spans="14:14">
      <c r="N909615" s="10"/>
    </row>
    <row r="909616" spans="14:14">
      <c r="N909616" s="10"/>
    </row>
    <row r="909617" spans="14:14">
      <c r="N909617" s="10"/>
    </row>
    <row r="909618" spans="14:14">
      <c r="N909618" s="10"/>
    </row>
    <row r="909619" spans="14:14">
      <c r="N909619" s="10"/>
    </row>
    <row r="909620" spans="14:14">
      <c r="N909620" s="10"/>
    </row>
    <row r="909621" spans="14:14">
      <c r="N909621" s="10"/>
    </row>
    <row r="909622" spans="14:14">
      <c r="N909622" s="10"/>
    </row>
    <row r="909623" spans="14:14">
      <c r="N909623" s="10"/>
    </row>
    <row r="909624" spans="14:14">
      <c r="N909624" s="10"/>
    </row>
    <row r="909625" spans="14:14">
      <c r="N909625" s="10"/>
    </row>
    <row r="909626" spans="14:14">
      <c r="N909626" s="10"/>
    </row>
    <row r="909627" spans="14:14">
      <c r="N909627" s="10"/>
    </row>
    <row r="909628" spans="14:14">
      <c r="N909628" s="10"/>
    </row>
    <row r="909629" spans="14:14">
      <c r="N909629" s="10"/>
    </row>
    <row r="909630" spans="14:14">
      <c r="N909630" s="10"/>
    </row>
    <row r="909631" spans="14:14">
      <c r="N909631" s="10"/>
    </row>
    <row r="909632" spans="14:14">
      <c r="N909632" s="10"/>
    </row>
    <row r="909633" spans="14:14">
      <c r="N909633" s="10"/>
    </row>
    <row r="909634" spans="14:14">
      <c r="N909634" s="10"/>
    </row>
    <row r="909635" spans="14:14">
      <c r="N909635" s="10"/>
    </row>
    <row r="909636" spans="14:14">
      <c r="N909636" s="10"/>
    </row>
    <row r="909637" spans="14:14">
      <c r="N909637" s="10"/>
    </row>
    <row r="909638" spans="14:14">
      <c r="N909638" s="10"/>
    </row>
    <row r="909639" spans="14:14">
      <c r="N909639" s="10"/>
    </row>
    <row r="909640" spans="14:14">
      <c r="N909640" s="10"/>
    </row>
    <row r="909641" spans="14:14">
      <c r="N909641" s="10"/>
    </row>
    <row r="909642" spans="14:14">
      <c r="N909642" s="10"/>
    </row>
    <row r="909643" spans="14:14">
      <c r="N909643" s="10"/>
    </row>
    <row r="909644" spans="14:14">
      <c r="N909644" s="10"/>
    </row>
    <row r="909645" spans="14:14">
      <c r="N909645" s="10"/>
    </row>
    <row r="909646" spans="14:14">
      <c r="N909646" s="10"/>
    </row>
    <row r="909647" spans="14:14">
      <c r="N909647" s="10"/>
    </row>
    <row r="909648" spans="14:14">
      <c r="N909648" s="10"/>
    </row>
    <row r="909649" spans="14:14">
      <c r="N909649" s="10"/>
    </row>
    <row r="909650" spans="14:14">
      <c r="N909650" s="10"/>
    </row>
    <row r="909651" spans="14:14">
      <c r="N909651" s="10"/>
    </row>
    <row r="909652" spans="14:14">
      <c r="N909652" s="10"/>
    </row>
    <row r="909653" spans="14:14">
      <c r="N909653" s="10"/>
    </row>
    <row r="909654" spans="14:14">
      <c r="N909654" s="10"/>
    </row>
    <row r="909655" spans="14:14">
      <c r="N909655" s="10"/>
    </row>
    <row r="909656" spans="14:14">
      <c r="N909656" s="10"/>
    </row>
    <row r="909657" spans="14:14">
      <c r="N909657" s="10"/>
    </row>
    <row r="909658" spans="14:14">
      <c r="N909658" s="10"/>
    </row>
    <row r="909659" spans="14:14">
      <c r="N909659" s="10"/>
    </row>
    <row r="909660" spans="14:14">
      <c r="N909660" s="10"/>
    </row>
    <row r="909661" spans="14:14">
      <c r="N909661" s="10"/>
    </row>
    <row r="909662" spans="14:14">
      <c r="N909662" s="10"/>
    </row>
    <row r="909663" spans="14:14">
      <c r="N909663" s="10"/>
    </row>
    <row r="909664" spans="14:14">
      <c r="N909664" s="10"/>
    </row>
    <row r="909665" spans="14:14">
      <c r="N909665" s="10"/>
    </row>
    <row r="909666" spans="14:14">
      <c r="N909666" s="10"/>
    </row>
    <row r="909667" spans="14:14">
      <c r="N909667" s="10"/>
    </row>
    <row r="909668" spans="14:14">
      <c r="N909668" s="10"/>
    </row>
    <row r="909669" spans="14:14">
      <c r="N909669" s="10"/>
    </row>
    <row r="909670" spans="14:14">
      <c r="N909670" s="10"/>
    </row>
    <row r="909671" spans="14:14">
      <c r="N909671" s="10"/>
    </row>
    <row r="909672" spans="14:14">
      <c r="N909672" s="10"/>
    </row>
    <row r="909673" spans="14:14">
      <c r="N909673" s="10"/>
    </row>
    <row r="909674" spans="14:14">
      <c r="N909674" s="10"/>
    </row>
    <row r="909675" spans="14:14">
      <c r="N909675" s="10"/>
    </row>
    <row r="909676" spans="14:14">
      <c r="N909676" s="10"/>
    </row>
    <row r="909677" spans="14:14">
      <c r="N909677" s="10"/>
    </row>
    <row r="909678" spans="14:14">
      <c r="N909678" s="10"/>
    </row>
    <row r="909679" spans="14:14">
      <c r="N909679" s="10"/>
    </row>
    <row r="909680" spans="14:14">
      <c r="N909680" s="10"/>
    </row>
    <row r="909681" spans="14:14">
      <c r="N909681" s="10"/>
    </row>
    <row r="909682" spans="14:14">
      <c r="N909682" s="10"/>
    </row>
    <row r="909683" spans="14:14">
      <c r="N909683" s="10"/>
    </row>
    <row r="909684" spans="14:14">
      <c r="N909684" s="10"/>
    </row>
    <row r="909685" spans="14:14">
      <c r="N909685" s="10"/>
    </row>
    <row r="909686" spans="14:14">
      <c r="N909686" s="10"/>
    </row>
    <row r="909687" spans="14:14">
      <c r="N909687" s="10"/>
    </row>
    <row r="909688" spans="14:14">
      <c r="N909688" s="10"/>
    </row>
    <row r="909689" spans="14:14">
      <c r="N909689" s="10"/>
    </row>
    <row r="909690" spans="14:14">
      <c r="N909690" s="10"/>
    </row>
    <row r="909691" spans="14:14">
      <c r="N909691" s="10"/>
    </row>
    <row r="909692" spans="14:14">
      <c r="N909692" s="10"/>
    </row>
    <row r="909693" spans="14:14">
      <c r="N909693" s="10"/>
    </row>
    <row r="909694" spans="14:14">
      <c r="N909694" s="10"/>
    </row>
    <row r="909695" spans="14:14">
      <c r="N909695" s="10"/>
    </row>
    <row r="909696" spans="14:14">
      <c r="N909696" s="10"/>
    </row>
    <row r="909697" spans="14:14">
      <c r="N909697" s="10"/>
    </row>
    <row r="909698" spans="14:14">
      <c r="N909698" s="10"/>
    </row>
    <row r="909699" spans="14:14">
      <c r="N909699" s="10"/>
    </row>
    <row r="909700" spans="14:14">
      <c r="N909700" s="10"/>
    </row>
    <row r="909701" spans="14:14">
      <c r="N909701" s="10"/>
    </row>
    <row r="909702" spans="14:14">
      <c r="N909702" s="10"/>
    </row>
    <row r="909703" spans="14:14">
      <c r="N909703" s="10"/>
    </row>
    <row r="909704" spans="14:14">
      <c r="N909704" s="10"/>
    </row>
    <row r="909705" spans="14:14">
      <c r="N909705" s="10"/>
    </row>
    <row r="909706" spans="14:14">
      <c r="N909706" s="10"/>
    </row>
    <row r="909707" spans="14:14">
      <c r="N909707" s="10"/>
    </row>
    <row r="909708" spans="14:14">
      <c r="N909708" s="10"/>
    </row>
    <row r="909709" spans="14:14">
      <c r="N909709" s="10"/>
    </row>
    <row r="909710" spans="14:14">
      <c r="N909710" s="10"/>
    </row>
    <row r="909711" spans="14:14">
      <c r="N909711" s="10"/>
    </row>
    <row r="909712" spans="14:14">
      <c r="N909712" s="10"/>
    </row>
    <row r="909713" spans="14:14">
      <c r="N909713" s="10"/>
    </row>
    <row r="909714" spans="14:14">
      <c r="N909714" s="10"/>
    </row>
    <row r="909715" spans="14:14">
      <c r="N909715" s="10"/>
    </row>
    <row r="909716" spans="14:14">
      <c r="N909716" s="10"/>
    </row>
    <row r="909717" spans="14:14">
      <c r="N909717" s="10"/>
    </row>
    <row r="909718" spans="14:14">
      <c r="N909718" s="10"/>
    </row>
    <row r="909719" spans="14:14">
      <c r="N909719" s="10"/>
    </row>
    <row r="909720" spans="14:14">
      <c r="N909720" s="10"/>
    </row>
    <row r="909721" spans="14:14">
      <c r="N909721" s="10"/>
    </row>
    <row r="909722" spans="14:14">
      <c r="N909722" s="10"/>
    </row>
    <row r="909723" spans="14:14">
      <c r="N909723" s="10"/>
    </row>
    <row r="909724" spans="14:14">
      <c r="N909724" s="10"/>
    </row>
    <row r="909725" spans="14:14">
      <c r="N909725" s="10"/>
    </row>
    <row r="909726" spans="14:14">
      <c r="N909726" s="10"/>
    </row>
    <row r="909727" spans="14:14">
      <c r="N909727" s="10"/>
    </row>
    <row r="909728" spans="14:14">
      <c r="N909728" s="10"/>
    </row>
    <row r="909729" spans="14:14">
      <c r="N909729" s="10"/>
    </row>
    <row r="909730" spans="14:14">
      <c r="N909730" s="10"/>
    </row>
    <row r="909731" spans="14:14">
      <c r="N909731" s="10"/>
    </row>
    <row r="909732" spans="14:14">
      <c r="N909732" s="10"/>
    </row>
    <row r="909733" spans="14:14">
      <c r="N909733" s="10"/>
    </row>
    <row r="909734" spans="14:14">
      <c r="N909734" s="10"/>
    </row>
    <row r="909735" spans="14:14">
      <c r="N909735" s="10"/>
    </row>
    <row r="909736" spans="14:14">
      <c r="N909736" s="10"/>
    </row>
    <row r="909737" spans="14:14">
      <c r="N909737" s="10"/>
    </row>
    <row r="909738" spans="14:14">
      <c r="N909738" s="10"/>
    </row>
    <row r="909739" spans="14:14">
      <c r="N909739" s="10"/>
    </row>
    <row r="909740" spans="14:14">
      <c r="N909740" s="10"/>
    </row>
    <row r="909741" spans="14:14">
      <c r="N909741" s="10"/>
    </row>
    <row r="909742" spans="14:14">
      <c r="N909742" s="10"/>
    </row>
    <row r="909743" spans="14:14">
      <c r="N909743" s="10"/>
    </row>
    <row r="909744" spans="14:14">
      <c r="N909744" s="10"/>
    </row>
    <row r="909745" spans="14:14">
      <c r="N909745" s="10"/>
    </row>
    <row r="909746" spans="14:14">
      <c r="N909746" s="10"/>
    </row>
    <row r="909747" spans="14:14">
      <c r="N909747" s="10"/>
    </row>
    <row r="909748" spans="14:14">
      <c r="N909748" s="10"/>
    </row>
    <row r="909749" spans="14:14">
      <c r="N909749" s="10"/>
    </row>
    <row r="909750" spans="14:14">
      <c r="N909750" s="10"/>
    </row>
    <row r="909751" spans="14:14">
      <c r="N909751" s="10"/>
    </row>
    <row r="909752" spans="14:14">
      <c r="N909752" s="10"/>
    </row>
    <row r="909753" spans="14:14">
      <c r="N909753" s="10"/>
    </row>
    <row r="909754" spans="14:14">
      <c r="N909754" s="10"/>
    </row>
    <row r="909755" spans="14:14">
      <c r="N909755" s="10"/>
    </row>
    <row r="909756" spans="14:14">
      <c r="N909756" s="10"/>
    </row>
    <row r="909757" spans="14:14">
      <c r="N909757" s="10"/>
    </row>
    <row r="909758" spans="14:14">
      <c r="N909758" s="10"/>
    </row>
    <row r="909759" spans="14:14">
      <c r="N909759" s="10"/>
    </row>
    <row r="909760" spans="14:14">
      <c r="N909760" s="10"/>
    </row>
    <row r="909761" spans="14:14">
      <c r="N909761" s="10"/>
    </row>
    <row r="909762" spans="14:14">
      <c r="N909762" s="10"/>
    </row>
    <row r="909763" spans="14:14">
      <c r="N909763" s="10"/>
    </row>
    <row r="909764" spans="14:14">
      <c r="N909764" s="10"/>
    </row>
    <row r="909765" spans="14:14">
      <c r="N909765" s="10"/>
    </row>
    <row r="909766" spans="14:14">
      <c r="N909766" s="10"/>
    </row>
    <row r="909767" spans="14:14">
      <c r="N909767" s="10"/>
    </row>
    <row r="909768" spans="14:14">
      <c r="N909768" s="10"/>
    </row>
    <row r="909769" spans="14:14">
      <c r="N909769" s="10"/>
    </row>
    <row r="909770" spans="14:14">
      <c r="N909770" s="10"/>
    </row>
    <row r="909771" spans="14:14">
      <c r="N909771" s="10"/>
    </row>
    <row r="909772" spans="14:14">
      <c r="N909772" s="10"/>
    </row>
    <row r="909773" spans="14:14">
      <c r="N909773" s="10"/>
    </row>
    <row r="909774" spans="14:14">
      <c r="N909774" s="10"/>
    </row>
    <row r="909775" spans="14:14">
      <c r="N909775" s="10"/>
    </row>
    <row r="909776" spans="14:14">
      <c r="N909776" s="10"/>
    </row>
    <row r="909777" spans="14:14">
      <c r="N909777" s="10"/>
    </row>
    <row r="909778" spans="14:14">
      <c r="N909778" s="10"/>
    </row>
    <row r="909779" spans="14:14">
      <c r="N909779" s="10"/>
    </row>
    <row r="909780" spans="14:14">
      <c r="N909780" s="10"/>
    </row>
    <row r="909781" spans="14:14">
      <c r="N909781" s="10"/>
    </row>
    <row r="909782" spans="14:14">
      <c r="N909782" s="10"/>
    </row>
    <row r="909783" spans="14:14">
      <c r="N909783" s="10"/>
    </row>
    <row r="909784" spans="14:14">
      <c r="N909784" s="10"/>
    </row>
    <row r="909785" spans="14:14">
      <c r="N909785" s="10"/>
    </row>
    <row r="909786" spans="14:14">
      <c r="N909786" s="10"/>
    </row>
    <row r="909787" spans="14:14">
      <c r="N909787" s="10"/>
    </row>
    <row r="909788" spans="14:14">
      <c r="N909788" s="10"/>
    </row>
    <row r="909789" spans="14:14">
      <c r="N909789" s="10"/>
    </row>
    <row r="909790" spans="14:14">
      <c r="N909790" s="10"/>
    </row>
    <row r="909791" spans="14:14">
      <c r="N909791" s="10"/>
    </row>
    <row r="909792" spans="14:14">
      <c r="N909792" s="10"/>
    </row>
    <row r="909793" spans="14:14">
      <c r="N909793" s="10"/>
    </row>
    <row r="909794" spans="14:14">
      <c r="N909794" s="10"/>
    </row>
    <row r="909795" spans="14:14">
      <c r="N909795" s="10"/>
    </row>
    <row r="909796" spans="14:14">
      <c r="N909796" s="10"/>
    </row>
    <row r="909797" spans="14:14">
      <c r="N909797" s="10"/>
    </row>
    <row r="909798" spans="14:14">
      <c r="N909798" s="10"/>
    </row>
    <row r="909799" spans="14:14">
      <c r="N909799" s="10"/>
    </row>
    <row r="909800" spans="14:14">
      <c r="N909800" s="10"/>
    </row>
    <row r="909801" spans="14:14">
      <c r="N909801" s="10"/>
    </row>
    <row r="909802" spans="14:14">
      <c r="N909802" s="10"/>
    </row>
    <row r="909803" spans="14:14">
      <c r="N909803" s="10"/>
    </row>
    <row r="909804" spans="14:14">
      <c r="N909804" s="10"/>
    </row>
    <row r="909805" spans="14:14">
      <c r="N909805" s="10"/>
    </row>
    <row r="909806" spans="14:14">
      <c r="N909806" s="10"/>
    </row>
    <row r="909807" spans="14:14">
      <c r="N909807" s="10"/>
    </row>
    <row r="909808" spans="14:14">
      <c r="N909808" s="10"/>
    </row>
    <row r="909809" spans="14:14">
      <c r="N909809" s="10"/>
    </row>
    <row r="909810" spans="14:14">
      <c r="N909810" s="10"/>
    </row>
    <row r="909811" spans="14:14">
      <c r="N909811" s="10"/>
    </row>
    <row r="909812" spans="14:14">
      <c r="N909812" s="10"/>
    </row>
    <row r="909813" spans="14:14">
      <c r="N909813" s="10"/>
    </row>
    <row r="909814" spans="14:14">
      <c r="N909814" s="10"/>
    </row>
    <row r="909815" spans="14:14">
      <c r="N909815" s="10"/>
    </row>
    <row r="909816" spans="14:14">
      <c r="N909816" s="10"/>
    </row>
    <row r="909817" spans="14:14">
      <c r="N909817" s="10"/>
    </row>
    <row r="909818" spans="14:14">
      <c r="N909818" s="10"/>
    </row>
    <row r="909819" spans="14:14">
      <c r="N909819" s="10"/>
    </row>
    <row r="909820" spans="14:14">
      <c r="N909820" s="10"/>
    </row>
    <row r="909821" spans="14:14">
      <c r="N909821" s="10"/>
    </row>
    <row r="909822" spans="14:14">
      <c r="N909822" s="10"/>
    </row>
    <row r="909823" spans="14:14">
      <c r="N909823" s="10"/>
    </row>
    <row r="909824" spans="14:14">
      <c r="N909824" s="10"/>
    </row>
    <row r="909825" spans="14:14">
      <c r="N909825" s="10"/>
    </row>
    <row r="909826" spans="14:14">
      <c r="N909826" s="10"/>
    </row>
    <row r="909827" spans="14:14">
      <c r="N909827" s="10"/>
    </row>
    <row r="909828" spans="14:14">
      <c r="N909828" s="10"/>
    </row>
    <row r="909829" spans="14:14">
      <c r="N909829" s="10"/>
    </row>
    <row r="909830" spans="14:14">
      <c r="N909830" s="10"/>
    </row>
    <row r="909831" spans="14:14">
      <c r="N909831" s="10"/>
    </row>
    <row r="909832" spans="14:14">
      <c r="N909832" s="10"/>
    </row>
    <row r="909833" spans="14:14">
      <c r="N909833" s="10"/>
    </row>
    <row r="909834" spans="14:14">
      <c r="N909834" s="10"/>
    </row>
    <row r="909835" spans="14:14">
      <c r="N909835" s="10"/>
    </row>
    <row r="909836" spans="14:14">
      <c r="N909836" s="10"/>
    </row>
    <row r="909837" spans="14:14">
      <c r="N909837" s="10"/>
    </row>
    <row r="909838" spans="14:14">
      <c r="N909838" s="10"/>
    </row>
    <row r="909839" spans="14:14">
      <c r="N909839" s="10"/>
    </row>
    <row r="909840" spans="14:14">
      <c r="N909840" s="10"/>
    </row>
    <row r="909841" spans="14:14">
      <c r="N909841" s="10"/>
    </row>
    <row r="909842" spans="14:14">
      <c r="N909842" s="10"/>
    </row>
    <row r="909843" spans="14:14">
      <c r="N909843" s="10"/>
    </row>
    <row r="909844" spans="14:14">
      <c r="N909844" s="10"/>
    </row>
    <row r="909845" spans="14:14">
      <c r="N909845" s="10"/>
    </row>
    <row r="909846" spans="14:14">
      <c r="N909846" s="10"/>
    </row>
    <row r="909847" spans="14:14">
      <c r="N909847" s="10"/>
    </row>
    <row r="909848" spans="14:14">
      <c r="N909848" s="10"/>
    </row>
    <row r="909849" spans="14:14">
      <c r="N909849" s="10"/>
    </row>
    <row r="909850" spans="14:14">
      <c r="N909850" s="10"/>
    </row>
    <row r="909851" spans="14:14">
      <c r="N909851" s="10"/>
    </row>
    <row r="909852" spans="14:14">
      <c r="N909852" s="10"/>
    </row>
    <row r="909853" spans="14:14">
      <c r="N909853" s="10"/>
    </row>
    <row r="909854" spans="14:14">
      <c r="N909854" s="10"/>
    </row>
    <row r="909855" spans="14:14">
      <c r="N909855" s="10"/>
    </row>
    <row r="909856" spans="14:14">
      <c r="N909856" s="10"/>
    </row>
    <row r="909857" spans="14:14">
      <c r="N909857" s="10"/>
    </row>
    <row r="909858" spans="14:14">
      <c r="N909858" s="10"/>
    </row>
    <row r="909859" spans="14:14">
      <c r="N909859" s="10"/>
    </row>
    <row r="909860" spans="14:14">
      <c r="N909860" s="10"/>
    </row>
    <row r="909861" spans="14:14">
      <c r="N909861" s="10"/>
    </row>
    <row r="909862" spans="14:14">
      <c r="N909862" s="10"/>
    </row>
    <row r="909863" spans="14:14">
      <c r="N909863" s="10"/>
    </row>
    <row r="909864" spans="14:14">
      <c r="N909864" s="10"/>
    </row>
    <row r="909865" spans="14:14">
      <c r="N909865" s="10"/>
    </row>
    <row r="909866" spans="14:14">
      <c r="N909866" s="10"/>
    </row>
    <row r="909867" spans="14:14">
      <c r="N909867" s="10"/>
    </row>
    <row r="909868" spans="14:14">
      <c r="N909868" s="10"/>
    </row>
    <row r="909869" spans="14:14">
      <c r="N909869" s="10"/>
    </row>
    <row r="909870" spans="14:14">
      <c r="N909870" s="10"/>
    </row>
    <row r="909871" spans="14:14">
      <c r="N909871" s="10"/>
    </row>
    <row r="909872" spans="14:14">
      <c r="N909872" s="10"/>
    </row>
    <row r="909873" spans="14:14">
      <c r="N909873" s="10"/>
    </row>
    <row r="909874" spans="14:14">
      <c r="N909874" s="10"/>
    </row>
    <row r="909875" spans="14:14">
      <c r="N909875" s="10"/>
    </row>
    <row r="909876" spans="14:14">
      <c r="N909876" s="10"/>
    </row>
    <row r="909877" spans="14:14">
      <c r="N909877" s="10"/>
    </row>
    <row r="909878" spans="14:14">
      <c r="N909878" s="10"/>
    </row>
    <row r="909879" spans="14:14">
      <c r="N909879" s="10"/>
    </row>
    <row r="909880" spans="14:14">
      <c r="N909880" s="10"/>
    </row>
    <row r="909881" spans="14:14">
      <c r="N909881" s="10"/>
    </row>
    <row r="909882" spans="14:14">
      <c r="N909882" s="10"/>
    </row>
    <row r="909883" spans="14:14">
      <c r="N909883" s="10"/>
    </row>
    <row r="909884" spans="14:14">
      <c r="N909884" s="10"/>
    </row>
    <row r="909885" spans="14:14">
      <c r="N909885" s="10"/>
    </row>
    <row r="909886" spans="14:14">
      <c r="N909886" s="10"/>
    </row>
    <row r="909887" spans="14:14">
      <c r="N909887" s="10"/>
    </row>
    <row r="909888" spans="14:14">
      <c r="N909888" s="10"/>
    </row>
    <row r="909889" spans="14:14">
      <c r="N909889" s="10"/>
    </row>
    <row r="909890" spans="14:14">
      <c r="N909890" s="10"/>
    </row>
    <row r="909891" spans="14:14">
      <c r="N909891" s="10"/>
    </row>
    <row r="909892" spans="14:14">
      <c r="N909892" s="10"/>
    </row>
    <row r="909893" spans="14:14">
      <c r="N909893" s="10"/>
    </row>
    <row r="909894" spans="14:14">
      <c r="N909894" s="10"/>
    </row>
    <row r="909895" spans="14:14">
      <c r="N909895" s="10"/>
    </row>
    <row r="909896" spans="14:14">
      <c r="N909896" s="10"/>
    </row>
    <row r="909897" spans="14:14">
      <c r="N909897" s="10"/>
    </row>
    <row r="909898" spans="14:14">
      <c r="N909898" s="10"/>
    </row>
    <row r="909899" spans="14:14">
      <c r="N909899" s="10"/>
    </row>
    <row r="909900" spans="14:14">
      <c r="N909900" s="10"/>
    </row>
    <row r="909901" spans="14:14">
      <c r="N909901" s="10"/>
    </row>
    <row r="909902" spans="14:14">
      <c r="N909902" s="10"/>
    </row>
    <row r="909903" spans="14:14">
      <c r="N909903" s="10"/>
    </row>
    <row r="909904" spans="14:14">
      <c r="N909904" s="10"/>
    </row>
    <row r="909905" spans="14:14">
      <c r="N909905" s="10"/>
    </row>
    <row r="909906" spans="14:14">
      <c r="N909906" s="10"/>
    </row>
    <row r="909907" spans="14:14">
      <c r="N909907" s="10"/>
    </row>
    <row r="909908" spans="14:14">
      <c r="N909908" s="10"/>
    </row>
    <row r="909909" spans="14:14">
      <c r="N909909" s="10"/>
    </row>
    <row r="909910" spans="14:14">
      <c r="N909910" s="10"/>
    </row>
    <row r="909911" spans="14:14">
      <c r="N909911" s="10"/>
    </row>
    <row r="909912" spans="14:14">
      <c r="N909912" s="10"/>
    </row>
    <row r="909913" spans="14:14">
      <c r="N909913" s="10"/>
    </row>
    <row r="909914" spans="14:14">
      <c r="N909914" s="10"/>
    </row>
    <row r="909915" spans="14:14">
      <c r="N909915" s="10"/>
    </row>
    <row r="909916" spans="14:14">
      <c r="N909916" s="10"/>
    </row>
    <row r="909917" spans="14:14">
      <c r="N909917" s="10"/>
    </row>
    <row r="909918" spans="14:14">
      <c r="N909918" s="10"/>
    </row>
    <row r="909919" spans="14:14">
      <c r="N909919" s="10"/>
    </row>
    <row r="909920" spans="14:14">
      <c r="N909920" s="10"/>
    </row>
    <row r="909921" spans="14:14">
      <c r="N909921" s="10"/>
    </row>
    <row r="909922" spans="14:14">
      <c r="N909922" s="10"/>
    </row>
    <row r="909923" spans="14:14">
      <c r="N909923" s="10"/>
    </row>
    <row r="909924" spans="14:14">
      <c r="N909924" s="10"/>
    </row>
    <row r="909925" spans="14:14">
      <c r="N909925" s="10"/>
    </row>
    <row r="909926" spans="14:14">
      <c r="N909926" s="10"/>
    </row>
    <row r="909927" spans="14:14">
      <c r="N909927" s="10"/>
    </row>
    <row r="909928" spans="14:14">
      <c r="N909928" s="10"/>
    </row>
    <row r="909929" spans="14:14">
      <c r="N909929" s="10"/>
    </row>
    <row r="909930" spans="14:14">
      <c r="N909930" s="10"/>
    </row>
    <row r="909931" spans="14:14">
      <c r="N909931" s="10"/>
    </row>
    <row r="909932" spans="14:14">
      <c r="N909932" s="10"/>
    </row>
    <row r="909933" spans="14:14">
      <c r="N909933" s="10"/>
    </row>
    <row r="909934" spans="14:14">
      <c r="N909934" s="10"/>
    </row>
    <row r="909935" spans="14:14">
      <c r="N909935" s="10"/>
    </row>
    <row r="909936" spans="14:14">
      <c r="N909936" s="10"/>
    </row>
    <row r="909937" spans="14:14">
      <c r="N909937" s="10"/>
    </row>
    <row r="909938" spans="14:14">
      <c r="N909938" s="10"/>
    </row>
    <row r="909939" spans="14:14">
      <c r="N909939" s="10"/>
    </row>
    <row r="909940" spans="14:14">
      <c r="N909940" s="10"/>
    </row>
    <row r="909941" spans="14:14">
      <c r="N909941" s="10"/>
    </row>
    <row r="909942" spans="14:14">
      <c r="N909942" s="10"/>
    </row>
    <row r="909943" spans="14:14">
      <c r="N909943" s="10"/>
    </row>
    <row r="909944" spans="14:14">
      <c r="N909944" s="10"/>
    </row>
    <row r="909945" spans="14:14">
      <c r="N909945" s="10"/>
    </row>
    <row r="909946" spans="14:14">
      <c r="N909946" s="10"/>
    </row>
    <row r="909947" spans="14:14">
      <c r="N909947" s="10"/>
    </row>
    <row r="909948" spans="14:14">
      <c r="N909948" s="10"/>
    </row>
    <row r="909949" spans="14:14">
      <c r="N909949" s="10"/>
    </row>
    <row r="909950" spans="14:14">
      <c r="N909950" s="10"/>
    </row>
    <row r="909951" spans="14:14">
      <c r="N909951" s="10"/>
    </row>
    <row r="909952" spans="14:14">
      <c r="N909952" s="10"/>
    </row>
    <row r="909953" spans="14:14">
      <c r="N909953" s="10"/>
    </row>
    <row r="909954" spans="14:14">
      <c r="N909954" s="10"/>
    </row>
    <row r="909955" spans="14:14">
      <c r="N909955" s="10"/>
    </row>
    <row r="909956" spans="14:14">
      <c r="N909956" s="10"/>
    </row>
    <row r="909957" spans="14:14">
      <c r="N909957" s="10"/>
    </row>
    <row r="909958" spans="14:14">
      <c r="N909958" s="10"/>
    </row>
    <row r="909959" spans="14:14">
      <c r="N909959" s="10"/>
    </row>
    <row r="909960" spans="14:14">
      <c r="N909960" s="10"/>
    </row>
    <row r="909961" spans="14:14">
      <c r="N909961" s="10"/>
    </row>
    <row r="909962" spans="14:14">
      <c r="N909962" s="10"/>
    </row>
    <row r="909963" spans="14:14">
      <c r="N909963" s="10"/>
    </row>
    <row r="909964" spans="14:14">
      <c r="N909964" s="10"/>
    </row>
    <row r="909965" spans="14:14">
      <c r="N909965" s="10"/>
    </row>
    <row r="909966" spans="14:14">
      <c r="N909966" s="10"/>
    </row>
    <row r="909967" spans="14:14">
      <c r="N909967" s="10"/>
    </row>
    <row r="909968" spans="14:14">
      <c r="N909968" s="10"/>
    </row>
    <row r="909969" spans="14:14">
      <c r="N909969" s="10"/>
    </row>
    <row r="909970" spans="14:14">
      <c r="N909970" s="10"/>
    </row>
    <row r="909971" spans="14:14">
      <c r="N909971" s="10"/>
    </row>
    <row r="909972" spans="14:14">
      <c r="N909972" s="10"/>
    </row>
    <row r="909973" spans="14:14">
      <c r="N909973" s="10"/>
    </row>
    <row r="909974" spans="14:14">
      <c r="N909974" s="10"/>
    </row>
    <row r="909975" spans="14:14">
      <c r="N909975" s="10"/>
    </row>
    <row r="909976" spans="14:14">
      <c r="N909976" s="10"/>
    </row>
    <row r="909977" spans="14:14">
      <c r="N909977" s="10"/>
    </row>
    <row r="909978" spans="14:14">
      <c r="N909978" s="10"/>
    </row>
    <row r="909979" spans="14:14">
      <c r="N909979" s="10"/>
    </row>
    <row r="909980" spans="14:14">
      <c r="N909980" s="10"/>
    </row>
    <row r="909981" spans="14:14">
      <c r="N909981" s="10"/>
    </row>
    <row r="909982" spans="14:14">
      <c r="N909982" s="10"/>
    </row>
    <row r="909983" spans="14:14">
      <c r="N909983" s="10"/>
    </row>
    <row r="909984" spans="14:14">
      <c r="N909984" s="10"/>
    </row>
    <row r="909985" spans="14:14">
      <c r="N909985" s="10"/>
    </row>
    <row r="909986" spans="14:14">
      <c r="N909986" s="10"/>
    </row>
    <row r="909987" spans="14:14">
      <c r="N909987" s="10"/>
    </row>
    <row r="909988" spans="14:14">
      <c r="N909988" s="10"/>
    </row>
    <row r="909989" spans="14:14">
      <c r="N909989" s="10"/>
    </row>
    <row r="909990" spans="14:14">
      <c r="N909990" s="10"/>
    </row>
    <row r="909991" spans="14:14">
      <c r="N909991" s="10"/>
    </row>
    <row r="909992" spans="14:14">
      <c r="N909992" s="10"/>
    </row>
    <row r="909993" spans="14:14">
      <c r="N909993" s="10"/>
    </row>
    <row r="909994" spans="14:14">
      <c r="N909994" s="10"/>
    </row>
    <row r="909995" spans="14:14">
      <c r="N909995" s="10"/>
    </row>
    <row r="909996" spans="14:14">
      <c r="N909996" s="10"/>
    </row>
    <row r="909997" spans="14:14">
      <c r="N909997" s="10"/>
    </row>
    <row r="909998" spans="14:14">
      <c r="N909998" s="10"/>
    </row>
    <row r="909999" spans="14:14">
      <c r="N909999" s="10"/>
    </row>
    <row r="910000" spans="14:14">
      <c r="N910000" s="10"/>
    </row>
    <row r="910001" spans="14:14">
      <c r="N910001" s="10"/>
    </row>
    <row r="910002" spans="14:14">
      <c r="N910002" s="10"/>
    </row>
    <row r="910003" spans="14:14">
      <c r="N910003" s="10"/>
    </row>
    <row r="910004" spans="14:14">
      <c r="N910004" s="10"/>
    </row>
    <row r="910005" spans="14:14">
      <c r="N910005" s="10"/>
    </row>
    <row r="910006" spans="14:14">
      <c r="N910006" s="10"/>
    </row>
    <row r="910007" spans="14:14">
      <c r="N910007" s="10"/>
    </row>
    <row r="910008" spans="14:14">
      <c r="N910008" s="10"/>
    </row>
    <row r="910009" spans="14:14">
      <c r="N910009" s="10"/>
    </row>
    <row r="910010" spans="14:14">
      <c r="N910010" s="10"/>
    </row>
    <row r="910011" spans="14:14">
      <c r="N910011" s="10"/>
    </row>
    <row r="910012" spans="14:14">
      <c r="N910012" s="10"/>
    </row>
    <row r="910013" spans="14:14">
      <c r="N910013" s="10"/>
    </row>
    <row r="910014" spans="14:14">
      <c r="N910014" s="10"/>
    </row>
    <row r="910015" spans="14:14">
      <c r="N910015" s="10"/>
    </row>
    <row r="910016" spans="14:14">
      <c r="N910016" s="10"/>
    </row>
    <row r="910017" spans="14:14">
      <c r="N910017" s="10"/>
    </row>
    <row r="910018" spans="14:14">
      <c r="N910018" s="10"/>
    </row>
    <row r="910019" spans="14:14">
      <c r="N910019" s="10"/>
    </row>
    <row r="910020" spans="14:14">
      <c r="N910020" s="10"/>
    </row>
    <row r="910021" spans="14:14">
      <c r="N910021" s="10"/>
    </row>
    <row r="910022" spans="14:14">
      <c r="N910022" s="10"/>
    </row>
    <row r="910023" spans="14:14">
      <c r="N910023" s="10"/>
    </row>
    <row r="910024" spans="14:14">
      <c r="N910024" s="10"/>
    </row>
    <row r="910025" spans="14:14">
      <c r="N910025" s="10"/>
    </row>
    <row r="910026" spans="14:14">
      <c r="N910026" s="10"/>
    </row>
    <row r="910027" spans="14:14">
      <c r="N910027" s="10"/>
    </row>
    <row r="910028" spans="14:14">
      <c r="N910028" s="10"/>
    </row>
    <row r="910029" spans="14:14">
      <c r="N910029" s="10"/>
    </row>
    <row r="910030" spans="14:14">
      <c r="N910030" s="10"/>
    </row>
    <row r="910031" spans="14:14">
      <c r="N910031" s="10"/>
    </row>
    <row r="910032" spans="14:14">
      <c r="N910032" s="10"/>
    </row>
    <row r="910033" spans="14:14">
      <c r="N910033" s="10"/>
    </row>
    <row r="910034" spans="14:14">
      <c r="N910034" s="10"/>
    </row>
    <row r="910035" spans="14:14">
      <c r="N910035" s="10"/>
    </row>
    <row r="910036" spans="14:14">
      <c r="N910036" s="10"/>
    </row>
    <row r="910037" spans="14:14">
      <c r="N910037" s="10"/>
    </row>
    <row r="910038" spans="14:14">
      <c r="N910038" s="10"/>
    </row>
    <row r="910039" spans="14:14">
      <c r="N910039" s="10"/>
    </row>
    <row r="910040" spans="14:14">
      <c r="N910040" s="10"/>
    </row>
    <row r="910041" spans="14:14">
      <c r="N910041" s="10"/>
    </row>
    <row r="910042" spans="14:14">
      <c r="N910042" s="10"/>
    </row>
    <row r="910043" spans="14:14">
      <c r="N910043" s="10"/>
    </row>
    <row r="910044" spans="14:14">
      <c r="N910044" s="10"/>
    </row>
    <row r="910045" spans="14:14">
      <c r="N910045" s="10"/>
    </row>
    <row r="910046" spans="14:14">
      <c r="N910046" s="10"/>
    </row>
    <row r="910047" spans="14:14">
      <c r="N910047" s="10"/>
    </row>
    <row r="910048" spans="14:14">
      <c r="N910048" s="10"/>
    </row>
    <row r="910049" spans="14:14">
      <c r="N910049" s="10"/>
    </row>
    <row r="910050" spans="14:14">
      <c r="N910050" s="10"/>
    </row>
    <row r="910051" spans="14:14">
      <c r="N910051" s="10"/>
    </row>
    <row r="910052" spans="14:14">
      <c r="N910052" s="10"/>
    </row>
    <row r="910053" spans="14:14">
      <c r="N910053" s="10"/>
    </row>
    <row r="910054" spans="14:14">
      <c r="N910054" s="10"/>
    </row>
    <row r="910055" spans="14:14">
      <c r="N910055" s="10"/>
    </row>
    <row r="910056" spans="14:14">
      <c r="N910056" s="10"/>
    </row>
    <row r="910057" spans="14:14">
      <c r="N910057" s="10"/>
    </row>
    <row r="910058" spans="14:14">
      <c r="N910058" s="10"/>
    </row>
    <row r="910059" spans="14:14">
      <c r="N910059" s="10"/>
    </row>
    <row r="910060" spans="14:14">
      <c r="N910060" s="10"/>
    </row>
    <row r="910061" spans="14:14">
      <c r="N910061" s="10"/>
    </row>
    <row r="910062" spans="14:14">
      <c r="N910062" s="10"/>
    </row>
    <row r="910063" spans="14:14">
      <c r="N910063" s="10"/>
    </row>
    <row r="910064" spans="14:14">
      <c r="N910064" s="10"/>
    </row>
    <row r="910065" spans="14:14">
      <c r="N910065" s="10"/>
    </row>
    <row r="910066" spans="14:14">
      <c r="N910066" s="10"/>
    </row>
    <row r="910067" spans="14:14">
      <c r="N910067" s="10"/>
    </row>
    <row r="910068" spans="14:14">
      <c r="N910068" s="10"/>
    </row>
    <row r="910069" spans="14:14">
      <c r="N910069" s="10"/>
    </row>
    <row r="910070" spans="14:14">
      <c r="N910070" s="10"/>
    </row>
    <row r="910071" spans="14:14">
      <c r="N910071" s="10"/>
    </row>
    <row r="910072" spans="14:14">
      <c r="N910072" s="10"/>
    </row>
    <row r="910073" spans="14:14">
      <c r="N910073" s="10"/>
    </row>
    <row r="910074" spans="14:14">
      <c r="N910074" s="10"/>
    </row>
    <row r="910075" spans="14:14">
      <c r="N910075" s="10"/>
    </row>
    <row r="910076" spans="14:14">
      <c r="N910076" s="10"/>
    </row>
    <row r="910077" spans="14:14">
      <c r="N910077" s="10"/>
    </row>
    <row r="910078" spans="14:14">
      <c r="N910078" s="10"/>
    </row>
    <row r="910079" spans="14:14">
      <c r="N910079" s="10"/>
    </row>
    <row r="910080" spans="14:14">
      <c r="N910080" s="10"/>
    </row>
    <row r="910081" spans="14:14">
      <c r="N910081" s="10"/>
    </row>
    <row r="910082" spans="14:14">
      <c r="N910082" s="10"/>
    </row>
    <row r="910083" spans="14:14">
      <c r="N910083" s="10"/>
    </row>
    <row r="910084" spans="14:14">
      <c r="N910084" s="10"/>
    </row>
    <row r="910085" spans="14:14">
      <c r="N910085" s="10"/>
    </row>
    <row r="910086" spans="14:14">
      <c r="N910086" s="10"/>
    </row>
    <row r="910087" spans="14:14">
      <c r="N910087" s="10"/>
    </row>
    <row r="910088" spans="14:14">
      <c r="N910088" s="10"/>
    </row>
    <row r="910089" spans="14:14">
      <c r="N910089" s="10"/>
    </row>
    <row r="910090" spans="14:14">
      <c r="N910090" s="10"/>
    </row>
    <row r="910091" spans="14:14">
      <c r="N910091" s="10"/>
    </row>
    <row r="910092" spans="14:14">
      <c r="N910092" s="10"/>
    </row>
    <row r="910093" spans="14:14">
      <c r="N910093" s="10"/>
    </row>
    <row r="910094" spans="14:14">
      <c r="N910094" s="10"/>
    </row>
    <row r="910095" spans="14:14">
      <c r="N910095" s="10"/>
    </row>
    <row r="910096" spans="14:14">
      <c r="N910096" s="10"/>
    </row>
    <row r="910097" spans="14:14">
      <c r="N910097" s="10"/>
    </row>
    <row r="910098" spans="14:14">
      <c r="N910098" s="10"/>
    </row>
    <row r="910099" spans="14:14">
      <c r="N910099" s="10"/>
    </row>
    <row r="910100" spans="14:14">
      <c r="N910100" s="10"/>
    </row>
    <row r="910101" spans="14:14">
      <c r="N910101" s="10"/>
    </row>
    <row r="910102" spans="14:14">
      <c r="N910102" s="10"/>
    </row>
    <row r="910103" spans="14:14">
      <c r="N910103" s="10"/>
    </row>
    <row r="910104" spans="14:14">
      <c r="N910104" s="10"/>
    </row>
    <row r="910105" spans="14:14">
      <c r="N910105" s="10"/>
    </row>
    <row r="910106" spans="14:14">
      <c r="N910106" s="10"/>
    </row>
    <row r="910107" spans="14:14">
      <c r="N910107" s="10"/>
    </row>
    <row r="910108" spans="14:14">
      <c r="N910108" s="10"/>
    </row>
    <row r="910109" spans="14:14">
      <c r="N910109" s="10"/>
    </row>
    <row r="910110" spans="14:14">
      <c r="N910110" s="10"/>
    </row>
    <row r="910111" spans="14:14">
      <c r="N910111" s="10"/>
    </row>
    <row r="910112" spans="14:14">
      <c r="N910112" s="10"/>
    </row>
    <row r="910113" spans="14:14">
      <c r="N910113" s="10"/>
    </row>
    <row r="910114" spans="14:14">
      <c r="N910114" s="10"/>
    </row>
    <row r="910115" spans="14:14">
      <c r="N910115" s="10"/>
    </row>
    <row r="910116" spans="14:14">
      <c r="N910116" s="10"/>
    </row>
    <row r="910117" spans="14:14">
      <c r="N910117" s="10"/>
    </row>
    <row r="910118" spans="14:14">
      <c r="N910118" s="10"/>
    </row>
    <row r="910119" spans="14:14">
      <c r="N910119" s="10"/>
    </row>
    <row r="910120" spans="14:14">
      <c r="N910120" s="10"/>
    </row>
    <row r="910121" spans="14:14">
      <c r="N910121" s="10"/>
    </row>
    <row r="910122" spans="14:14">
      <c r="N910122" s="10"/>
    </row>
    <row r="910123" spans="14:14">
      <c r="N910123" s="10"/>
    </row>
    <row r="910124" spans="14:14">
      <c r="N910124" s="10"/>
    </row>
    <row r="910125" spans="14:14">
      <c r="N910125" s="10"/>
    </row>
    <row r="910126" spans="14:14">
      <c r="N910126" s="10"/>
    </row>
    <row r="910127" spans="14:14">
      <c r="N910127" s="10"/>
    </row>
    <row r="910128" spans="14:14">
      <c r="N910128" s="10"/>
    </row>
    <row r="910129" spans="14:14">
      <c r="N910129" s="10"/>
    </row>
    <row r="910130" spans="14:14">
      <c r="N910130" s="10"/>
    </row>
    <row r="910131" spans="14:14">
      <c r="N910131" s="10"/>
    </row>
    <row r="910132" spans="14:14">
      <c r="N910132" s="10"/>
    </row>
    <row r="910133" spans="14:14">
      <c r="N910133" s="10"/>
    </row>
    <row r="910134" spans="14:14">
      <c r="N910134" s="10"/>
    </row>
    <row r="910135" spans="14:14">
      <c r="N910135" s="10"/>
    </row>
    <row r="910136" spans="14:14">
      <c r="N910136" s="10"/>
    </row>
    <row r="910137" spans="14:14">
      <c r="N910137" s="10"/>
    </row>
    <row r="910138" spans="14:14">
      <c r="N910138" s="10"/>
    </row>
    <row r="910139" spans="14:14">
      <c r="N910139" s="10"/>
    </row>
    <row r="910140" spans="14:14">
      <c r="N910140" s="10"/>
    </row>
    <row r="910141" spans="14:14">
      <c r="N910141" s="10"/>
    </row>
    <row r="910142" spans="14:14">
      <c r="N910142" s="10"/>
    </row>
    <row r="910143" spans="14:14">
      <c r="N910143" s="10"/>
    </row>
    <row r="910144" spans="14:14">
      <c r="N910144" s="10"/>
    </row>
    <row r="910145" spans="14:14">
      <c r="N910145" s="10"/>
    </row>
    <row r="910146" spans="14:14">
      <c r="N910146" s="10"/>
    </row>
    <row r="910147" spans="14:14">
      <c r="N910147" s="10"/>
    </row>
    <row r="910148" spans="14:14">
      <c r="N910148" s="10"/>
    </row>
    <row r="910149" spans="14:14">
      <c r="N910149" s="10"/>
    </row>
    <row r="910150" spans="14:14">
      <c r="N910150" s="10"/>
    </row>
    <row r="910151" spans="14:14">
      <c r="N910151" s="10"/>
    </row>
    <row r="910152" spans="14:14">
      <c r="N910152" s="10"/>
    </row>
    <row r="910153" spans="14:14">
      <c r="N910153" s="10"/>
    </row>
    <row r="910154" spans="14:14">
      <c r="N910154" s="10"/>
    </row>
    <row r="910155" spans="14:14">
      <c r="N910155" s="10"/>
    </row>
    <row r="910156" spans="14:14">
      <c r="N910156" s="10"/>
    </row>
    <row r="910157" spans="14:14">
      <c r="N910157" s="10"/>
    </row>
    <row r="910158" spans="14:14">
      <c r="N910158" s="10"/>
    </row>
    <row r="910159" spans="14:14">
      <c r="N910159" s="10"/>
    </row>
    <row r="910160" spans="14:14">
      <c r="N910160" s="10"/>
    </row>
    <row r="910161" spans="14:14">
      <c r="N910161" s="10"/>
    </row>
    <row r="910162" spans="14:14">
      <c r="N910162" s="10"/>
    </row>
    <row r="910163" spans="14:14">
      <c r="N910163" s="10"/>
    </row>
    <row r="910164" spans="14:14">
      <c r="N910164" s="10"/>
    </row>
    <row r="910165" spans="14:14">
      <c r="N910165" s="10"/>
    </row>
    <row r="910166" spans="14:14">
      <c r="N910166" s="10"/>
    </row>
    <row r="910167" spans="14:14">
      <c r="N910167" s="10"/>
    </row>
    <row r="910168" spans="14:14">
      <c r="N910168" s="10"/>
    </row>
    <row r="910169" spans="14:14">
      <c r="N910169" s="10"/>
    </row>
    <row r="910170" spans="14:14">
      <c r="N910170" s="10"/>
    </row>
    <row r="910171" spans="14:14">
      <c r="N910171" s="10"/>
    </row>
    <row r="910172" spans="14:14">
      <c r="N910172" s="10"/>
    </row>
    <row r="910173" spans="14:14">
      <c r="N910173" s="10"/>
    </row>
    <row r="910174" spans="14:14">
      <c r="N910174" s="10"/>
    </row>
    <row r="910175" spans="14:14">
      <c r="N910175" s="10"/>
    </row>
    <row r="910176" spans="14:14">
      <c r="N910176" s="10"/>
    </row>
    <row r="910177" spans="14:14">
      <c r="N910177" s="10"/>
    </row>
    <row r="910178" spans="14:14">
      <c r="N910178" s="10"/>
    </row>
    <row r="910179" spans="14:14">
      <c r="N910179" s="10"/>
    </row>
    <row r="910180" spans="14:14">
      <c r="N910180" s="10"/>
    </row>
    <row r="910181" spans="14:14">
      <c r="N910181" s="10"/>
    </row>
    <row r="910182" spans="14:14">
      <c r="N910182" s="10"/>
    </row>
    <row r="910183" spans="14:14">
      <c r="N910183" s="10"/>
    </row>
    <row r="910184" spans="14:14">
      <c r="N910184" s="10"/>
    </row>
    <row r="910185" spans="14:14">
      <c r="N910185" s="10"/>
    </row>
    <row r="910186" spans="14:14">
      <c r="N910186" s="10"/>
    </row>
    <row r="910187" spans="14:14">
      <c r="N910187" s="10"/>
    </row>
    <row r="910188" spans="14:14">
      <c r="N910188" s="10"/>
    </row>
    <row r="910189" spans="14:14">
      <c r="N910189" s="10"/>
    </row>
    <row r="910190" spans="14:14">
      <c r="N910190" s="10"/>
    </row>
    <row r="910191" spans="14:14">
      <c r="N910191" s="10"/>
    </row>
    <row r="910192" spans="14:14">
      <c r="N910192" s="10"/>
    </row>
    <row r="910193" spans="14:14">
      <c r="N910193" s="10"/>
    </row>
    <row r="910194" spans="14:14">
      <c r="N910194" s="10"/>
    </row>
    <row r="910195" spans="14:14">
      <c r="N910195" s="10"/>
    </row>
    <row r="910196" spans="14:14">
      <c r="N910196" s="10"/>
    </row>
    <row r="910197" spans="14:14">
      <c r="N910197" s="10"/>
    </row>
    <row r="910198" spans="14:14">
      <c r="N910198" s="10"/>
    </row>
    <row r="910199" spans="14:14">
      <c r="N910199" s="10"/>
    </row>
    <row r="910200" spans="14:14">
      <c r="N910200" s="10"/>
    </row>
    <row r="910201" spans="14:14">
      <c r="N910201" s="10"/>
    </row>
    <row r="910202" spans="14:14">
      <c r="N910202" s="10"/>
    </row>
    <row r="910203" spans="14:14">
      <c r="N910203" s="10"/>
    </row>
    <row r="910204" spans="14:14">
      <c r="N910204" s="10"/>
    </row>
    <row r="910205" spans="14:14">
      <c r="N910205" s="10"/>
    </row>
    <row r="910206" spans="14:14">
      <c r="N910206" s="10"/>
    </row>
    <row r="910207" spans="14:14">
      <c r="N910207" s="10"/>
    </row>
    <row r="910208" spans="14:14">
      <c r="N910208" s="10"/>
    </row>
    <row r="910209" spans="14:14">
      <c r="N910209" s="10"/>
    </row>
    <row r="910210" spans="14:14">
      <c r="N910210" s="10"/>
    </row>
    <row r="910211" spans="14:14">
      <c r="N910211" s="10"/>
    </row>
    <row r="910212" spans="14:14">
      <c r="N910212" s="10"/>
    </row>
    <row r="910213" spans="14:14">
      <c r="N910213" s="10"/>
    </row>
    <row r="910214" spans="14:14">
      <c r="N910214" s="10"/>
    </row>
    <row r="910215" spans="14:14">
      <c r="N910215" s="10"/>
    </row>
    <row r="910216" spans="14:14">
      <c r="N910216" s="10"/>
    </row>
    <row r="910217" spans="14:14">
      <c r="N910217" s="10"/>
    </row>
    <row r="910218" spans="14:14">
      <c r="N910218" s="10"/>
    </row>
    <row r="910219" spans="14:14">
      <c r="N910219" s="10"/>
    </row>
    <row r="910220" spans="14:14">
      <c r="N910220" s="10"/>
    </row>
    <row r="910221" spans="14:14">
      <c r="N910221" s="10"/>
    </row>
    <row r="910222" spans="14:14">
      <c r="N910222" s="10"/>
    </row>
    <row r="910223" spans="14:14">
      <c r="N910223" s="10"/>
    </row>
    <row r="910224" spans="14:14">
      <c r="N910224" s="10"/>
    </row>
    <row r="910225" spans="14:14">
      <c r="N910225" s="10"/>
    </row>
    <row r="910226" spans="14:14">
      <c r="N910226" s="10"/>
    </row>
    <row r="910227" spans="14:14">
      <c r="N910227" s="10"/>
    </row>
    <row r="910228" spans="14:14">
      <c r="N910228" s="10"/>
    </row>
    <row r="910229" spans="14:14">
      <c r="N910229" s="10"/>
    </row>
    <row r="910230" spans="14:14">
      <c r="N910230" s="10"/>
    </row>
    <row r="910231" spans="14:14">
      <c r="N910231" s="10"/>
    </row>
    <row r="910232" spans="14:14">
      <c r="N910232" s="10"/>
    </row>
    <row r="910233" spans="14:14">
      <c r="N910233" s="10"/>
    </row>
    <row r="910234" spans="14:14">
      <c r="N910234" s="10"/>
    </row>
    <row r="910235" spans="14:14">
      <c r="N910235" s="10"/>
    </row>
    <row r="910236" spans="14:14">
      <c r="N910236" s="10"/>
    </row>
    <row r="910237" spans="14:14">
      <c r="N910237" s="10"/>
    </row>
    <row r="910238" spans="14:14">
      <c r="N910238" s="10"/>
    </row>
    <row r="910239" spans="14:14">
      <c r="N910239" s="10"/>
    </row>
    <row r="910240" spans="14:14">
      <c r="N910240" s="10"/>
    </row>
    <row r="910241" spans="14:14">
      <c r="N910241" s="10"/>
    </row>
    <row r="910242" spans="14:14">
      <c r="N910242" s="10"/>
    </row>
    <row r="910243" spans="14:14">
      <c r="N910243" s="10"/>
    </row>
    <row r="910244" spans="14:14">
      <c r="N910244" s="10"/>
    </row>
    <row r="910245" spans="14:14">
      <c r="N910245" s="10"/>
    </row>
    <row r="910246" spans="14:14">
      <c r="N910246" s="10"/>
    </row>
    <row r="910247" spans="14:14">
      <c r="N910247" s="10"/>
    </row>
    <row r="910248" spans="14:14">
      <c r="N910248" s="10"/>
    </row>
    <row r="910249" spans="14:14">
      <c r="N910249" s="10"/>
    </row>
    <row r="910250" spans="14:14">
      <c r="N910250" s="10"/>
    </row>
    <row r="910251" spans="14:14">
      <c r="N910251" s="10"/>
    </row>
    <row r="910252" spans="14:14">
      <c r="N910252" s="10"/>
    </row>
    <row r="910253" spans="14:14">
      <c r="N910253" s="10"/>
    </row>
    <row r="910254" spans="14:14">
      <c r="N910254" s="10"/>
    </row>
    <row r="910255" spans="14:14">
      <c r="N910255" s="10"/>
    </row>
    <row r="910256" spans="14:14">
      <c r="N910256" s="10"/>
    </row>
    <row r="910257" spans="14:14">
      <c r="N910257" s="10"/>
    </row>
    <row r="910258" spans="14:14">
      <c r="N910258" s="10"/>
    </row>
    <row r="910259" spans="14:14">
      <c r="N910259" s="10"/>
    </row>
    <row r="910260" spans="14:14">
      <c r="N910260" s="10"/>
    </row>
    <row r="910261" spans="14:14">
      <c r="N910261" s="10"/>
    </row>
    <row r="910262" spans="14:14">
      <c r="N910262" s="10"/>
    </row>
    <row r="910263" spans="14:14">
      <c r="N910263" s="10"/>
    </row>
    <row r="910264" spans="14:14">
      <c r="N910264" s="10"/>
    </row>
    <row r="910265" spans="14:14">
      <c r="N910265" s="10"/>
    </row>
    <row r="910266" spans="14:14">
      <c r="N910266" s="10"/>
    </row>
    <row r="910267" spans="14:14">
      <c r="N910267" s="10"/>
    </row>
    <row r="910268" spans="14:14">
      <c r="N910268" s="10"/>
    </row>
    <row r="910269" spans="14:14">
      <c r="N910269" s="10"/>
    </row>
    <row r="910270" spans="14:14">
      <c r="N910270" s="10"/>
    </row>
    <row r="910271" spans="14:14">
      <c r="N910271" s="10"/>
    </row>
    <row r="910272" spans="14:14">
      <c r="N910272" s="10"/>
    </row>
    <row r="910273" spans="14:14">
      <c r="N910273" s="10"/>
    </row>
    <row r="910274" spans="14:14">
      <c r="N910274" s="10"/>
    </row>
    <row r="910275" spans="14:14">
      <c r="N910275" s="10"/>
    </row>
    <row r="910276" spans="14:14">
      <c r="N910276" s="10"/>
    </row>
    <row r="910277" spans="14:14">
      <c r="N910277" s="10"/>
    </row>
    <row r="910278" spans="14:14">
      <c r="N910278" s="10"/>
    </row>
    <row r="910279" spans="14:14">
      <c r="N910279" s="10"/>
    </row>
    <row r="910280" spans="14:14">
      <c r="N910280" s="10"/>
    </row>
    <row r="910281" spans="14:14">
      <c r="N910281" s="10"/>
    </row>
    <row r="910282" spans="14:14">
      <c r="N910282" s="10"/>
    </row>
    <row r="910283" spans="14:14">
      <c r="N910283" s="10"/>
    </row>
    <row r="910284" spans="14:14">
      <c r="N910284" s="10"/>
    </row>
    <row r="910285" spans="14:14">
      <c r="N910285" s="10"/>
    </row>
    <row r="910286" spans="14:14">
      <c r="N910286" s="10"/>
    </row>
    <row r="910287" spans="14:14">
      <c r="N910287" s="10"/>
    </row>
    <row r="910288" spans="14:14">
      <c r="N910288" s="10"/>
    </row>
    <row r="910289" spans="14:14">
      <c r="N910289" s="10"/>
    </row>
    <row r="910290" spans="14:14">
      <c r="N910290" s="10"/>
    </row>
    <row r="910291" spans="14:14">
      <c r="N910291" s="10"/>
    </row>
    <row r="910292" spans="14:14">
      <c r="N910292" s="10"/>
    </row>
    <row r="910293" spans="14:14">
      <c r="N910293" s="10"/>
    </row>
    <row r="910294" spans="14:14">
      <c r="N910294" s="10"/>
    </row>
    <row r="910295" spans="14:14">
      <c r="N910295" s="10"/>
    </row>
    <row r="910296" spans="14:14">
      <c r="N910296" s="10"/>
    </row>
    <row r="910297" spans="14:14">
      <c r="N910297" s="10"/>
    </row>
    <row r="910298" spans="14:14">
      <c r="N910298" s="10"/>
    </row>
    <row r="910299" spans="14:14">
      <c r="N910299" s="10"/>
    </row>
    <row r="910300" spans="14:14">
      <c r="N910300" s="10"/>
    </row>
    <row r="910301" spans="14:14">
      <c r="N910301" s="10"/>
    </row>
    <row r="910302" spans="14:14">
      <c r="N910302" s="10"/>
    </row>
    <row r="910303" spans="14:14">
      <c r="N910303" s="10"/>
    </row>
    <row r="910304" spans="14:14">
      <c r="N910304" s="10"/>
    </row>
    <row r="910305" spans="14:14">
      <c r="N910305" s="10"/>
    </row>
    <row r="910306" spans="14:14">
      <c r="N910306" s="10"/>
    </row>
    <row r="910307" spans="14:14">
      <c r="N910307" s="10"/>
    </row>
    <row r="910308" spans="14:14">
      <c r="N910308" s="10"/>
    </row>
    <row r="910309" spans="14:14">
      <c r="N910309" s="10"/>
    </row>
    <row r="910310" spans="14:14">
      <c r="N910310" s="10"/>
    </row>
    <row r="910311" spans="14:14">
      <c r="N910311" s="10"/>
    </row>
    <row r="910312" spans="14:14">
      <c r="N910312" s="10"/>
    </row>
    <row r="910313" spans="14:14">
      <c r="N910313" s="10"/>
    </row>
    <row r="910314" spans="14:14">
      <c r="N910314" s="10"/>
    </row>
    <row r="910315" spans="14:14">
      <c r="N910315" s="10"/>
    </row>
    <row r="910316" spans="14:14">
      <c r="N910316" s="10"/>
    </row>
    <row r="910317" spans="14:14">
      <c r="N910317" s="10"/>
    </row>
    <row r="910318" spans="14:14">
      <c r="N910318" s="10"/>
    </row>
    <row r="910319" spans="14:14">
      <c r="N910319" s="10"/>
    </row>
    <row r="910320" spans="14:14">
      <c r="N910320" s="10"/>
    </row>
    <row r="910321" spans="14:14">
      <c r="N910321" s="10"/>
    </row>
    <row r="910322" spans="14:14">
      <c r="N910322" s="10"/>
    </row>
    <row r="910323" spans="14:14">
      <c r="N910323" s="10"/>
    </row>
    <row r="910324" spans="14:14">
      <c r="N910324" s="10"/>
    </row>
    <row r="910325" spans="14:14">
      <c r="N910325" s="10"/>
    </row>
    <row r="910326" spans="14:14">
      <c r="N910326" s="10"/>
    </row>
    <row r="910327" spans="14:14">
      <c r="N910327" s="10"/>
    </row>
    <row r="910328" spans="14:14">
      <c r="N910328" s="10"/>
    </row>
    <row r="910329" spans="14:14">
      <c r="N910329" s="10"/>
    </row>
    <row r="910330" spans="14:14">
      <c r="N910330" s="10"/>
    </row>
    <row r="910331" spans="14:14">
      <c r="N910331" s="10"/>
    </row>
    <row r="910332" spans="14:14">
      <c r="N910332" s="10"/>
    </row>
    <row r="910333" spans="14:14">
      <c r="N910333" s="10"/>
    </row>
    <row r="910334" spans="14:14">
      <c r="N910334" s="10"/>
    </row>
    <row r="910335" spans="14:14">
      <c r="N910335" s="10"/>
    </row>
    <row r="910336" spans="14:14">
      <c r="N910336" s="10"/>
    </row>
    <row r="910337" spans="14:14">
      <c r="N910337" s="10"/>
    </row>
    <row r="910338" spans="14:14">
      <c r="N910338" s="10"/>
    </row>
    <row r="910339" spans="14:14">
      <c r="N910339" s="10"/>
    </row>
    <row r="910340" spans="14:14">
      <c r="N910340" s="10"/>
    </row>
    <row r="910341" spans="14:14">
      <c r="N910341" s="10"/>
    </row>
    <row r="910342" spans="14:14">
      <c r="N910342" s="10"/>
    </row>
    <row r="910343" spans="14:14">
      <c r="N910343" s="10"/>
    </row>
    <row r="910344" spans="14:14">
      <c r="N910344" s="10"/>
    </row>
    <row r="910345" spans="14:14">
      <c r="N910345" s="10"/>
    </row>
    <row r="910346" spans="14:14">
      <c r="N910346" s="10"/>
    </row>
    <row r="910347" spans="14:14">
      <c r="N910347" s="10"/>
    </row>
    <row r="910348" spans="14:14">
      <c r="N910348" s="10"/>
    </row>
    <row r="910349" spans="14:14">
      <c r="N910349" s="10"/>
    </row>
    <row r="910350" spans="14:14">
      <c r="N910350" s="10"/>
    </row>
    <row r="910351" spans="14:14">
      <c r="N910351" s="10"/>
    </row>
    <row r="910352" spans="14:14">
      <c r="N910352" s="10"/>
    </row>
    <row r="910353" spans="14:14">
      <c r="N910353" s="10"/>
    </row>
    <row r="910354" spans="14:14">
      <c r="N910354" s="10"/>
    </row>
    <row r="910355" spans="14:14">
      <c r="N910355" s="10"/>
    </row>
    <row r="910356" spans="14:14">
      <c r="N910356" s="10"/>
    </row>
    <row r="910357" spans="14:14">
      <c r="N910357" s="10"/>
    </row>
    <row r="910358" spans="14:14">
      <c r="N910358" s="10"/>
    </row>
    <row r="910359" spans="14:14">
      <c r="N910359" s="10"/>
    </row>
    <row r="910360" spans="14:14">
      <c r="N910360" s="10"/>
    </row>
    <row r="910361" spans="14:14">
      <c r="N910361" s="10"/>
    </row>
    <row r="910362" spans="14:14">
      <c r="N910362" s="10"/>
    </row>
    <row r="910363" spans="14:14">
      <c r="N910363" s="10"/>
    </row>
    <row r="910364" spans="14:14">
      <c r="N910364" s="10"/>
    </row>
    <row r="910365" spans="14:14">
      <c r="N910365" s="10"/>
    </row>
    <row r="910366" spans="14:14">
      <c r="N910366" s="10"/>
    </row>
    <row r="910367" spans="14:14">
      <c r="N910367" s="10"/>
    </row>
    <row r="910368" spans="14:14">
      <c r="N910368" s="10"/>
    </row>
    <row r="910369" spans="14:14">
      <c r="N910369" s="10"/>
    </row>
    <row r="910370" spans="14:14">
      <c r="N910370" s="10"/>
    </row>
    <row r="910371" spans="14:14">
      <c r="N910371" s="10"/>
    </row>
    <row r="910372" spans="14:14">
      <c r="N910372" s="10"/>
    </row>
    <row r="910373" spans="14:14">
      <c r="N910373" s="10"/>
    </row>
    <row r="910374" spans="14:14">
      <c r="N910374" s="10"/>
    </row>
    <row r="910375" spans="14:14">
      <c r="N910375" s="10"/>
    </row>
    <row r="910376" spans="14:14">
      <c r="N910376" s="10"/>
    </row>
    <row r="910377" spans="14:14">
      <c r="N910377" s="10"/>
    </row>
    <row r="910378" spans="14:14">
      <c r="N910378" s="10"/>
    </row>
    <row r="910379" spans="14:14">
      <c r="N910379" s="10"/>
    </row>
    <row r="910380" spans="14:14">
      <c r="N910380" s="10"/>
    </row>
    <row r="910381" spans="14:14">
      <c r="N910381" s="10"/>
    </row>
    <row r="910382" spans="14:14">
      <c r="N910382" s="10"/>
    </row>
    <row r="910383" spans="14:14">
      <c r="N910383" s="10"/>
    </row>
    <row r="910384" spans="14:14">
      <c r="N910384" s="10"/>
    </row>
    <row r="910385" spans="14:14">
      <c r="N910385" s="10"/>
    </row>
    <row r="910386" spans="14:14">
      <c r="N910386" s="10"/>
    </row>
    <row r="910387" spans="14:14">
      <c r="N910387" s="10"/>
    </row>
    <row r="910388" spans="14:14">
      <c r="N910388" s="10"/>
    </row>
    <row r="910389" spans="14:14">
      <c r="N910389" s="10"/>
    </row>
    <row r="910390" spans="14:14">
      <c r="N910390" s="10"/>
    </row>
    <row r="910391" spans="14:14">
      <c r="N910391" s="10"/>
    </row>
    <row r="910392" spans="14:14">
      <c r="N910392" s="10"/>
    </row>
    <row r="910393" spans="14:14">
      <c r="N910393" s="10"/>
    </row>
    <row r="910394" spans="14:14">
      <c r="N910394" s="10"/>
    </row>
    <row r="910395" spans="14:14">
      <c r="N910395" s="10"/>
    </row>
    <row r="910396" spans="14:14">
      <c r="N910396" s="10"/>
    </row>
    <row r="910397" spans="14:14">
      <c r="N910397" s="10"/>
    </row>
    <row r="910398" spans="14:14">
      <c r="N910398" s="10"/>
    </row>
    <row r="910399" spans="14:14">
      <c r="N910399" s="10"/>
    </row>
    <row r="910400" spans="14:14">
      <c r="N910400" s="10"/>
    </row>
    <row r="910401" spans="14:14">
      <c r="N910401" s="10"/>
    </row>
    <row r="910402" spans="14:14">
      <c r="N910402" s="10"/>
    </row>
    <row r="910403" spans="14:14">
      <c r="N910403" s="10"/>
    </row>
    <row r="910404" spans="14:14">
      <c r="N910404" s="10"/>
    </row>
    <row r="910405" spans="14:14">
      <c r="N910405" s="10"/>
    </row>
    <row r="910406" spans="14:14">
      <c r="N910406" s="10"/>
    </row>
    <row r="910407" spans="14:14">
      <c r="N910407" s="10"/>
    </row>
    <row r="910408" spans="14:14">
      <c r="N910408" s="10"/>
    </row>
    <row r="910409" spans="14:14">
      <c r="N910409" s="10"/>
    </row>
    <row r="910410" spans="14:14">
      <c r="N910410" s="10"/>
    </row>
    <row r="910411" spans="14:14">
      <c r="N910411" s="10"/>
    </row>
    <row r="910412" spans="14:14">
      <c r="N910412" s="10"/>
    </row>
    <row r="910413" spans="14:14">
      <c r="N910413" s="10"/>
    </row>
    <row r="910414" spans="14:14">
      <c r="N910414" s="10"/>
    </row>
    <row r="910415" spans="14:14">
      <c r="N910415" s="10"/>
    </row>
    <row r="910416" spans="14:14">
      <c r="N910416" s="10"/>
    </row>
    <row r="910417" spans="14:14">
      <c r="N910417" s="10"/>
    </row>
    <row r="910418" spans="14:14">
      <c r="N910418" s="10"/>
    </row>
    <row r="910419" spans="14:14">
      <c r="N910419" s="10"/>
    </row>
    <row r="910420" spans="14:14">
      <c r="N910420" s="10"/>
    </row>
    <row r="910421" spans="14:14">
      <c r="N910421" s="10"/>
    </row>
    <row r="910422" spans="14:14">
      <c r="N910422" s="10"/>
    </row>
    <row r="910423" spans="14:14">
      <c r="N910423" s="10"/>
    </row>
    <row r="910424" spans="14:14">
      <c r="N910424" s="10"/>
    </row>
    <row r="910425" spans="14:14">
      <c r="N910425" s="10"/>
    </row>
    <row r="910426" spans="14:14">
      <c r="N910426" s="10"/>
    </row>
    <row r="910427" spans="14:14">
      <c r="N910427" s="10"/>
    </row>
    <row r="910428" spans="14:14">
      <c r="N910428" s="10"/>
    </row>
    <row r="910429" spans="14:14">
      <c r="N910429" s="10"/>
    </row>
    <row r="910430" spans="14:14">
      <c r="N910430" s="10"/>
    </row>
    <row r="910431" spans="14:14">
      <c r="N910431" s="10"/>
    </row>
    <row r="910432" spans="14:14">
      <c r="N910432" s="10"/>
    </row>
    <row r="910433" spans="14:14">
      <c r="N910433" s="10"/>
    </row>
    <row r="910434" spans="14:14">
      <c r="N910434" s="10"/>
    </row>
    <row r="910435" spans="14:14">
      <c r="N910435" s="10"/>
    </row>
    <row r="910436" spans="14:14">
      <c r="N910436" s="10"/>
    </row>
    <row r="910437" spans="14:14">
      <c r="N910437" s="10"/>
    </row>
    <row r="910438" spans="14:14">
      <c r="N910438" s="10"/>
    </row>
    <row r="910439" spans="14:14">
      <c r="N910439" s="10"/>
    </row>
    <row r="910440" spans="14:14">
      <c r="N910440" s="10"/>
    </row>
    <row r="910441" spans="14:14">
      <c r="N910441" s="10"/>
    </row>
    <row r="910442" spans="14:14">
      <c r="N910442" s="10"/>
    </row>
    <row r="910443" spans="14:14">
      <c r="N910443" s="10"/>
    </row>
    <row r="910444" spans="14:14">
      <c r="N910444" s="10"/>
    </row>
    <row r="910445" spans="14:14">
      <c r="N910445" s="10"/>
    </row>
    <row r="910446" spans="14:14">
      <c r="N910446" s="10"/>
    </row>
    <row r="910447" spans="14:14">
      <c r="N910447" s="10"/>
    </row>
    <row r="910448" spans="14:14">
      <c r="N910448" s="10"/>
    </row>
    <row r="910449" spans="14:14">
      <c r="N910449" s="10"/>
    </row>
    <row r="910450" spans="14:14">
      <c r="N910450" s="10"/>
    </row>
    <row r="910451" spans="14:14">
      <c r="N910451" s="10"/>
    </row>
    <row r="910452" spans="14:14">
      <c r="N910452" s="10"/>
    </row>
    <row r="910453" spans="14:14">
      <c r="N910453" s="10"/>
    </row>
    <row r="910454" spans="14:14">
      <c r="N910454" s="10"/>
    </row>
    <row r="910455" spans="14:14">
      <c r="N910455" s="10"/>
    </row>
    <row r="910456" spans="14:14">
      <c r="N910456" s="10"/>
    </row>
    <row r="910457" spans="14:14">
      <c r="N910457" s="10"/>
    </row>
    <row r="910458" spans="14:14">
      <c r="N910458" s="10"/>
    </row>
    <row r="910459" spans="14:14">
      <c r="N910459" s="10"/>
    </row>
    <row r="910460" spans="14:14">
      <c r="N910460" s="10"/>
    </row>
    <row r="910461" spans="14:14">
      <c r="N910461" s="10"/>
    </row>
    <row r="910462" spans="14:14">
      <c r="N910462" s="10"/>
    </row>
    <row r="910463" spans="14:14">
      <c r="N910463" s="10"/>
    </row>
    <row r="910464" spans="14:14">
      <c r="N910464" s="10"/>
    </row>
    <row r="910465" spans="14:14">
      <c r="N910465" s="10"/>
    </row>
    <row r="910466" spans="14:14">
      <c r="N910466" s="10"/>
    </row>
    <row r="910467" spans="14:14">
      <c r="N910467" s="10"/>
    </row>
    <row r="910468" spans="14:14">
      <c r="N910468" s="10"/>
    </row>
    <row r="910469" spans="14:14">
      <c r="N910469" s="10"/>
    </row>
    <row r="910470" spans="14:14">
      <c r="N910470" s="10"/>
    </row>
    <row r="910471" spans="14:14">
      <c r="N910471" s="10"/>
    </row>
    <row r="910472" spans="14:14">
      <c r="N910472" s="10"/>
    </row>
    <row r="910473" spans="14:14">
      <c r="N910473" s="10"/>
    </row>
    <row r="910474" spans="14:14">
      <c r="N910474" s="10"/>
    </row>
    <row r="910475" spans="14:14">
      <c r="N910475" s="10"/>
    </row>
    <row r="910476" spans="14:14">
      <c r="N910476" s="10"/>
    </row>
    <row r="910477" spans="14:14">
      <c r="N910477" s="10"/>
    </row>
    <row r="910478" spans="14:14">
      <c r="N910478" s="10"/>
    </row>
    <row r="910479" spans="14:14">
      <c r="N910479" s="10"/>
    </row>
    <row r="910480" spans="14:14">
      <c r="N910480" s="10"/>
    </row>
    <row r="910481" spans="14:14">
      <c r="N910481" s="10"/>
    </row>
    <row r="910482" spans="14:14">
      <c r="N910482" s="10"/>
    </row>
    <row r="910483" spans="14:14">
      <c r="N910483" s="10"/>
    </row>
    <row r="910484" spans="14:14">
      <c r="N910484" s="10"/>
    </row>
    <row r="910485" spans="14:14">
      <c r="N910485" s="10"/>
    </row>
    <row r="910486" spans="14:14">
      <c r="N910486" s="10"/>
    </row>
    <row r="910487" spans="14:14">
      <c r="N910487" s="10"/>
    </row>
    <row r="910488" spans="14:14">
      <c r="N910488" s="10"/>
    </row>
    <row r="910489" spans="14:14">
      <c r="N910489" s="10"/>
    </row>
    <row r="910490" spans="14:14">
      <c r="N910490" s="10"/>
    </row>
    <row r="910491" spans="14:14">
      <c r="N910491" s="10"/>
    </row>
    <row r="910492" spans="14:14">
      <c r="N910492" s="10"/>
    </row>
    <row r="910493" spans="14:14">
      <c r="N910493" s="10"/>
    </row>
    <row r="910494" spans="14:14">
      <c r="N910494" s="10"/>
    </row>
    <row r="910495" spans="14:14">
      <c r="N910495" s="10"/>
    </row>
    <row r="910496" spans="14:14">
      <c r="N910496" s="10"/>
    </row>
    <row r="910497" spans="14:14">
      <c r="N910497" s="10"/>
    </row>
    <row r="910498" spans="14:14">
      <c r="N910498" s="10"/>
    </row>
    <row r="910499" spans="14:14">
      <c r="N910499" s="10"/>
    </row>
    <row r="910500" spans="14:14">
      <c r="N910500" s="10"/>
    </row>
    <row r="910501" spans="14:14">
      <c r="N910501" s="10"/>
    </row>
    <row r="910502" spans="14:14">
      <c r="N910502" s="10"/>
    </row>
    <row r="910503" spans="14:14">
      <c r="N910503" s="10"/>
    </row>
    <row r="910504" spans="14:14">
      <c r="N910504" s="10"/>
    </row>
    <row r="910505" spans="14:14">
      <c r="N910505" s="10"/>
    </row>
    <row r="910506" spans="14:14">
      <c r="N910506" s="10"/>
    </row>
    <row r="910507" spans="14:14">
      <c r="N910507" s="10"/>
    </row>
    <row r="910508" spans="14:14">
      <c r="N910508" s="10"/>
    </row>
    <row r="910509" spans="14:14">
      <c r="N910509" s="10"/>
    </row>
    <row r="910510" spans="14:14">
      <c r="N910510" s="10"/>
    </row>
    <row r="910511" spans="14:14">
      <c r="N910511" s="10"/>
    </row>
    <row r="910512" spans="14:14">
      <c r="N910512" s="10"/>
    </row>
    <row r="910513" spans="14:14">
      <c r="N910513" s="10"/>
    </row>
    <row r="910514" spans="14:14">
      <c r="N910514" s="10"/>
    </row>
    <row r="910515" spans="14:14">
      <c r="N910515" s="10"/>
    </row>
    <row r="910516" spans="14:14">
      <c r="N910516" s="10"/>
    </row>
    <row r="910517" spans="14:14">
      <c r="N910517" s="10"/>
    </row>
    <row r="910518" spans="14:14">
      <c r="N910518" s="10"/>
    </row>
    <row r="910519" spans="14:14">
      <c r="N910519" s="10"/>
    </row>
    <row r="910520" spans="14:14">
      <c r="N910520" s="10"/>
    </row>
    <row r="910521" spans="14:14">
      <c r="N910521" s="10"/>
    </row>
    <row r="910522" spans="14:14">
      <c r="N910522" s="10"/>
    </row>
    <row r="910523" spans="14:14">
      <c r="N910523" s="10"/>
    </row>
    <row r="910524" spans="14:14">
      <c r="N910524" s="10"/>
    </row>
    <row r="910525" spans="14:14">
      <c r="N910525" s="10"/>
    </row>
    <row r="910526" spans="14:14">
      <c r="N910526" s="10"/>
    </row>
    <row r="910527" spans="14:14">
      <c r="N910527" s="10"/>
    </row>
    <row r="910528" spans="14:14">
      <c r="N910528" s="10"/>
    </row>
    <row r="910529" spans="14:14">
      <c r="N910529" s="10"/>
    </row>
    <row r="910530" spans="14:14">
      <c r="N910530" s="10"/>
    </row>
    <row r="910531" spans="14:14">
      <c r="N910531" s="10"/>
    </row>
    <row r="910532" spans="14:14">
      <c r="N910532" s="10"/>
    </row>
    <row r="910533" spans="14:14">
      <c r="N910533" s="10"/>
    </row>
    <row r="910534" spans="14:14">
      <c r="N910534" s="10"/>
    </row>
    <row r="910535" spans="14:14">
      <c r="N910535" s="10"/>
    </row>
    <row r="910536" spans="14:14">
      <c r="N910536" s="10"/>
    </row>
    <row r="910537" spans="14:14">
      <c r="N910537" s="10"/>
    </row>
    <row r="910538" spans="14:14">
      <c r="N910538" s="10"/>
    </row>
    <row r="910539" spans="14:14">
      <c r="N910539" s="10"/>
    </row>
    <row r="910540" spans="14:14">
      <c r="N910540" s="10"/>
    </row>
    <row r="910541" spans="14:14">
      <c r="N910541" s="10"/>
    </row>
    <row r="910542" spans="14:14">
      <c r="N910542" s="10"/>
    </row>
    <row r="910543" spans="14:14">
      <c r="N910543" s="10"/>
    </row>
    <row r="910544" spans="14:14">
      <c r="N910544" s="10"/>
    </row>
    <row r="910545" spans="14:14">
      <c r="N910545" s="10"/>
    </row>
    <row r="910546" spans="14:14">
      <c r="N910546" s="10"/>
    </row>
    <row r="910547" spans="14:14">
      <c r="N910547" s="10"/>
    </row>
    <row r="910548" spans="14:14">
      <c r="N910548" s="10"/>
    </row>
    <row r="910549" spans="14:14">
      <c r="N910549" s="10"/>
    </row>
    <row r="910550" spans="14:14">
      <c r="N910550" s="10"/>
    </row>
    <row r="910551" spans="14:14">
      <c r="N910551" s="10"/>
    </row>
    <row r="910552" spans="14:14">
      <c r="N910552" s="10"/>
    </row>
    <row r="910553" spans="14:14">
      <c r="N910553" s="10"/>
    </row>
    <row r="910554" spans="14:14">
      <c r="N910554" s="10"/>
    </row>
    <row r="910555" spans="14:14">
      <c r="N910555" s="10"/>
    </row>
    <row r="910556" spans="14:14">
      <c r="N910556" s="10"/>
    </row>
    <row r="910557" spans="14:14">
      <c r="N910557" s="10"/>
    </row>
    <row r="910558" spans="14:14">
      <c r="N910558" s="10"/>
    </row>
    <row r="910559" spans="14:14">
      <c r="N910559" s="10"/>
    </row>
    <row r="910560" spans="14:14">
      <c r="N910560" s="10"/>
    </row>
    <row r="910561" spans="14:14">
      <c r="N910561" s="10"/>
    </row>
    <row r="910562" spans="14:14">
      <c r="N910562" s="10"/>
    </row>
    <row r="910563" spans="14:14">
      <c r="N910563" s="10"/>
    </row>
    <row r="910564" spans="14:14">
      <c r="N910564" s="10"/>
    </row>
    <row r="910565" spans="14:14">
      <c r="N910565" s="10"/>
    </row>
    <row r="910566" spans="14:14">
      <c r="N910566" s="10"/>
    </row>
    <row r="910567" spans="14:14">
      <c r="N910567" s="10"/>
    </row>
    <row r="910568" spans="14:14">
      <c r="N910568" s="10"/>
    </row>
    <row r="910569" spans="14:14">
      <c r="N910569" s="10"/>
    </row>
    <row r="910570" spans="14:14">
      <c r="N910570" s="10"/>
    </row>
    <row r="910571" spans="14:14">
      <c r="N910571" s="10"/>
    </row>
    <row r="910572" spans="14:14">
      <c r="N910572" s="10"/>
    </row>
    <row r="910573" spans="14:14">
      <c r="N910573" s="10"/>
    </row>
    <row r="910574" spans="14:14">
      <c r="N910574" s="10"/>
    </row>
    <row r="910575" spans="14:14">
      <c r="N910575" s="10"/>
    </row>
    <row r="910576" spans="14:14">
      <c r="N910576" s="10"/>
    </row>
    <row r="910577" spans="14:14">
      <c r="N910577" s="10"/>
    </row>
    <row r="910578" spans="14:14">
      <c r="N910578" s="10"/>
    </row>
    <row r="910579" spans="14:14">
      <c r="N910579" s="10"/>
    </row>
    <row r="910580" spans="14:14">
      <c r="N910580" s="10"/>
    </row>
    <row r="910581" spans="14:14">
      <c r="N910581" s="10"/>
    </row>
    <row r="910582" spans="14:14">
      <c r="N910582" s="10"/>
    </row>
    <row r="910583" spans="14:14">
      <c r="N910583" s="10"/>
    </row>
    <row r="910584" spans="14:14">
      <c r="N910584" s="10"/>
    </row>
    <row r="910585" spans="14:14">
      <c r="N910585" s="10"/>
    </row>
    <row r="910586" spans="14:14">
      <c r="N910586" s="10"/>
    </row>
    <row r="910587" spans="14:14">
      <c r="N910587" s="10"/>
    </row>
    <row r="910588" spans="14:14">
      <c r="N910588" s="10"/>
    </row>
    <row r="910589" spans="14:14">
      <c r="N910589" s="10"/>
    </row>
    <row r="910590" spans="14:14">
      <c r="N910590" s="10"/>
    </row>
    <row r="910591" spans="14:14">
      <c r="N910591" s="10"/>
    </row>
    <row r="910592" spans="14:14">
      <c r="N910592" s="10"/>
    </row>
    <row r="910593" spans="14:14">
      <c r="N910593" s="10"/>
    </row>
    <row r="910594" spans="14:14">
      <c r="N910594" s="10"/>
    </row>
    <row r="910595" spans="14:14">
      <c r="N910595" s="10"/>
    </row>
    <row r="910596" spans="14:14">
      <c r="N910596" s="10"/>
    </row>
    <row r="910597" spans="14:14">
      <c r="N910597" s="10"/>
    </row>
    <row r="910598" spans="14:14">
      <c r="N910598" s="10"/>
    </row>
    <row r="910599" spans="14:14">
      <c r="N910599" s="10"/>
    </row>
    <row r="910600" spans="14:14">
      <c r="N910600" s="10"/>
    </row>
    <row r="910601" spans="14:14">
      <c r="N910601" s="10"/>
    </row>
    <row r="910602" spans="14:14">
      <c r="N910602" s="10"/>
    </row>
    <row r="910603" spans="14:14">
      <c r="N910603" s="10"/>
    </row>
    <row r="910604" spans="14:14">
      <c r="N910604" s="10"/>
    </row>
    <row r="910605" spans="14:14">
      <c r="N910605" s="10"/>
    </row>
    <row r="910606" spans="14:14">
      <c r="N910606" s="10"/>
    </row>
    <row r="910607" spans="14:14">
      <c r="N910607" s="10"/>
    </row>
    <row r="910608" spans="14:14">
      <c r="N910608" s="10"/>
    </row>
    <row r="910609" spans="14:14">
      <c r="N910609" s="10"/>
    </row>
    <row r="910610" spans="14:14">
      <c r="N910610" s="10"/>
    </row>
    <row r="910611" spans="14:14">
      <c r="N910611" s="10"/>
    </row>
    <row r="910612" spans="14:14">
      <c r="N910612" s="10"/>
    </row>
    <row r="910613" spans="14:14">
      <c r="N910613" s="10"/>
    </row>
    <row r="910614" spans="14:14">
      <c r="N910614" s="10"/>
    </row>
    <row r="910615" spans="14:14">
      <c r="N910615" s="10"/>
    </row>
    <row r="910616" spans="14:14">
      <c r="N910616" s="10"/>
    </row>
    <row r="910617" spans="14:14">
      <c r="N910617" s="10"/>
    </row>
    <row r="910618" spans="14:14">
      <c r="N910618" s="10"/>
    </row>
    <row r="910619" spans="14:14">
      <c r="N910619" s="10"/>
    </row>
    <row r="910620" spans="14:14">
      <c r="N910620" s="10"/>
    </row>
    <row r="910621" spans="14:14">
      <c r="N910621" s="10"/>
    </row>
    <row r="910622" spans="14:14">
      <c r="N910622" s="10"/>
    </row>
    <row r="910623" spans="14:14">
      <c r="N910623" s="10"/>
    </row>
    <row r="910624" spans="14:14">
      <c r="N910624" s="10"/>
    </row>
    <row r="910625" spans="14:14">
      <c r="N910625" s="10"/>
    </row>
    <row r="910626" spans="14:14">
      <c r="N910626" s="10"/>
    </row>
    <row r="910627" spans="14:14">
      <c r="N910627" s="10"/>
    </row>
    <row r="910628" spans="14:14">
      <c r="N910628" s="10"/>
    </row>
    <row r="910629" spans="14:14">
      <c r="N910629" s="10"/>
    </row>
    <row r="910630" spans="14:14">
      <c r="N910630" s="10"/>
    </row>
    <row r="910631" spans="14:14">
      <c r="N910631" s="10"/>
    </row>
    <row r="910632" spans="14:14">
      <c r="N910632" s="10"/>
    </row>
    <row r="910633" spans="14:14">
      <c r="N910633" s="10"/>
    </row>
    <row r="910634" spans="14:14">
      <c r="N910634" s="10"/>
    </row>
    <row r="910635" spans="14:14">
      <c r="N910635" s="10"/>
    </row>
    <row r="910636" spans="14:14">
      <c r="N910636" s="10"/>
    </row>
    <row r="910637" spans="14:14">
      <c r="N910637" s="10"/>
    </row>
    <row r="910638" spans="14:14">
      <c r="N910638" s="10"/>
    </row>
    <row r="910639" spans="14:14">
      <c r="N910639" s="10"/>
    </row>
    <row r="910640" spans="14:14">
      <c r="N910640" s="10"/>
    </row>
    <row r="910641" spans="14:14">
      <c r="N910641" s="10"/>
    </row>
    <row r="910642" spans="14:14">
      <c r="N910642" s="10"/>
    </row>
    <row r="910643" spans="14:14">
      <c r="N910643" s="10"/>
    </row>
    <row r="910644" spans="14:14">
      <c r="N910644" s="10"/>
    </row>
    <row r="910645" spans="14:14">
      <c r="N910645" s="10"/>
    </row>
    <row r="910646" spans="14:14">
      <c r="N910646" s="10"/>
    </row>
    <row r="910647" spans="14:14">
      <c r="N910647" s="10"/>
    </row>
    <row r="910648" spans="14:14">
      <c r="N910648" s="10"/>
    </row>
    <row r="910649" spans="14:14">
      <c r="N910649" s="10"/>
    </row>
    <row r="910650" spans="14:14">
      <c r="N910650" s="10"/>
    </row>
    <row r="910651" spans="14:14">
      <c r="N910651" s="10"/>
    </row>
    <row r="910652" spans="14:14">
      <c r="N910652" s="10"/>
    </row>
    <row r="910653" spans="14:14">
      <c r="N910653" s="10"/>
    </row>
    <row r="910654" spans="14:14">
      <c r="N910654" s="10"/>
    </row>
    <row r="910655" spans="14:14">
      <c r="N910655" s="10"/>
    </row>
    <row r="910656" spans="14:14">
      <c r="N910656" s="10"/>
    </row>
    <row r="910657" spans="14:14">
      <c r="N910657" s="10"/>
    </row>
    <row r="910658" spans="14:14">
      <c r="N910658" s="10"/>
    </row>
    <row r="910659" spans="14:14">
      <c r="N910659" s="10"/>
    </row>
    <row r="910660" spans="14:14">
      <c r="N910660" s="10"/>
    </row>
    <row r="910661" spans="14:14">
      <c r="N910661" s="10"/>
    </row>
    <row r="910662" spans="14:14">
      <c r="N910662" s="10"/>
    </row>
    <row r="910663" spans="14:14">
      <c r="N910663" s="10"/>
    </row>
    <row r="910664" spans="14:14">
      <c r="N910664" s="10"/>
    </row>
    <row r="910665" spans="14:14">
      <c r="N910665" s="10"/>
    </row>
    <row r="910666" spans="14:14">
      <c r="N910666" s="10"/>
    </row>
    <row r="910667" spans="14:14">
      <c r="N910667" s="10"/>
    </row>
    <row r="910668" spans="14:14">
      <c r="N910668" s="10"/>
    </row>
    <row r="910669" spans="14:14">
      <c r="N910669" s="10"/>
    </row>
    <row r="910670" spans="14:14">
      <c r="N910670" s="10"/>
    </row>
    <row r="910671" spans="14:14">
      <c r="N910671" s="10"/>
    </row>
    <row r="910672" spans="14:14">
      <c r="N910672" s="10"/>
    </row>
    <row r="910673" spans="14:14">
      <c r="N910673" s="10"/>
    </row>
    <row r="910674" spans="14:14">
      <c r="N910674" s="10"/>
    </row>
    <row r="910675" spans="14:14">
      <c r="N910675" s="10"/>
    </row>
    <row r="910676" spans="14:14">
      <c r="N910676" s="10"/>
    </row>
    <row r="910677" spans="14:14">
      <c r="N910677" s="10"/>
    </row>
    <row r="910678" spans="14:14">
      <c r="N910678" s="10"/>
    </row>
    <row r="910679" spans="14:14">
      <c r="N910679" s="10"/>
    </row>
    <row r="910680" spans="14:14">
      <c r="N910680" s="10"/>
    </row>
    <row r="910681" spans="14:14">
      <c r="N910681" s="10"/>
    </row>
    <row r="910682" spans="14:14">
      <c r="N910682" s="10"/>
    </row>
    <row r="910683" spans="14:14">
      <c r="N910683" s="10"/>
    </row>
    <row r="910684" spans="14:14">
      <c r="N910684" s="10"/>
    </row>
    <row r="910685" spans="14:14">
      <c r="N910685" s="10"/>
    </row>
    <row r="910686" spans="14:14">
      <c r="N910686" s="10"/>
    </row>
    <row r="910687" spans="14:14">
      <c r="N910687" s="10"/>
    </row>
    <row r="910688" spans="14:14">
      <c r="N910688" s="10"/>
    </row>
    <row r="910689" spans="14:14">
      <c r="N910689" s="10"/>
    </row>
    <row r="910690" spans="14:14">
      <c r="N910690" s="10"/>
    </row>
    <row r="910691" spans="14:14">
      <c r="N910691" s="10"/>
    </row>
    <row r="910692" spans="14:14">
      <c r="N910692" s="10"/>
    </row>
    <row r="910693" spans="14:14">
      <c r="N910693" s="10"/>
    </row>
    <row r="910694" spans="14:14">
      <c r="N910694" s="10"/>
    </row>
    <row r="910695" spans="14:14">
      <c r="N910695" s="10"/>
    </row>
    <row r="910696" spans="14:14">
      <c r="N910696" s="10"/>
    </row>
    <row r="910697" spans="14:14">
      <c r="N910697" s="10"/>
    </row>
    <row r="910698" spans="14:14">
      <c r="N910698" s="10"/>
    </row>
    <row r="910699" spans="14:14">
      <c r="N910699" s="10"/>
    </row>
    <row r="910700" spans="14:14">
      <c r="N910700" s="10"/>
    </row>
    <row r="910701" spans="14:14">
      <c r="N910701" s="10"/>
    </row>
    <row r="910702" spans="14:14">
      <c r="N910702" s="10"/>
    </row>
    <row r="910703" spans="14:14">
      <c r="N910703" s="10"/>
    </row>
    <row r="910704" spans="14:14">
      <c r="N910704" s="10"/>
    </row>
    <row r="910705" spans="14:14">
      <c r="N910705" s="10"/>
    </row>
    <row r="910706" spans="14:14">
      <c r="N910706" s="10"/>
    </row>
    <row r="910707" spans="14:14">
      <c r="N910707" s="10"/>
    </row>
    <row r="910708" spans="14:14">
      <c r="N910708" s="10"/>
    </row>
    <row r="910709" spans="14:14">
      <c r="N910709" s="10"/>
    </row>
    <row r="910710" spans="14:14">
      <c r="N910710" s="10"/>
    </row>
    <row r="910711" spans="14:14">
      <c r="N910711" s="10"/>
    </row>
    <row r="910712" spans="14:14">
      <c r="N910712" s="10"/>
    </row>
    <row r="910713" spans="14:14">
      <c r="N910713" s="10"/>
    </row>
    <row r="910714" spans="14:14">
      <c r="N910714" s="10"/>
    </row>
    <row r="910715" spans="14:14">
      <c r="N910715" s="10"/>
    </row>
    <row r="910716" spans="14:14">
      <c r="N910716" s="10"/>
    </row>
    <row r="910717" spans="14:14">
      <c r="N910717" s="10"/>
    </row>
    <row r="910718" spans="14:14">
      <c r="N910718" s="10"/>
    </row>
    <row r="910719" spans="14:14">
      <c r="N910719" s="10"/>
    </row>
    <row r="910720" spans="14:14">
      <c r="N910720" s="10"/>
    </row>
    <row r="910721" spans="14:14">
      <c r="N910721" s="10"/>
    </row>
    <row r="910722" spans="14:14">
      <c r="N910722" s="10"/>
    </row>
    <row r="910723" spans="14:14">
      <c r="N910723" s="10"/>
    </row>
    <row r="910724" spans="14:14">
      <c r="N910724" s="10"/>
    </row>
    <row r="910725" spans="14:14">
      <c r="N910725" s="10"/>
    </row>
    <row r="910726" spans="14:14">
      <c r="N910726" s="10"/>
    </row>
    <row r="910727" spans="14:14">
      <c r="N910727" s="10"/>
    </row>
    <row r="910728" spans="14:14">
      <c r="N910728" s="10"/>
    </row>
    <row r="910729" spans="14:14">
      <c r="N910729" s="10"/>
    </row>
    <row r="910730" spans="14:14">
      <c r="N910730" s="10"/>
    </row>
    <row r="910731" spans="14:14">
      <c r="N910731" s="10"/>
    </row>
    <row r="910732" spans="14:14">
      <c r="N910732" s="10"/>
    </row>
    <row r="910733" spans="14:14">
      <c r="N910733" s="10"/>
    </row>
    <row r="910734" spans="14:14">
      <c r="N910734" s="10"/>
    </row>
    <row r="910735" spans="14:14">
      <c r="N910735" s="10"/>
    </row>
    <row r="910736" spans="14:14">
      <c r="N910736" s="10"/>
    </row>
    <row r="910737" spans="14:14">
      <c r="N910737" s="10"/>
    </row>
    <row r="910738" spans="14:14">
      <c r="N910738" s="10"/>
    </row>
    <row r="910739" spans="14:14">
      <c r="N910739" s="10"/>
    </row>
    <row r="910740" spans="14:14">
      <c r="N910740" s="10"/>
    </row>
    <row r="910741" spans="14:14">
      <c r="N910741" s="10"/>
    </row>
    <row r="910742" spans="14:14">
      <c r="N910742" s="10"/>
    </row>
    <row r="910743" spans="14:14">
      <c r="N910743" s="10"/>
    </row>
    <row r="910744" spans="14:14">
      <c r="N910744" s="10"/>
    </row>
    <row r="910745" spans="14:14">
      <c r="N910745" s="10"/>
    </row>
    <row r="910746" spans="14:14">
      <c r="N910746" s="10"/>
    </row>
    <row r="910747" spans="14:14">
      <c r="N910747" s="10"/>
    </row>
    <row r="910748" spans="14:14">
      <c r="N910748" s="10"/>
    </row>
    <row r="910749" spans="14:14">
      <c r="N910749" s="10"/>
    </row>
    <row r="910750" spans="14:14">
      <c r="N910750" s="10"/>
    </row>
    <row r="910751" spans="14:14">
      <c r="N910751" s="10"/>
    </row>
    <row r="910752" spans="14:14">
      <c r="N910752" s="10"/>
    </row>
    <row r="910753" spans="14:14">
      <c r="N910753" s="10"/>
    </row>
    <row r="910754" spans="14:14">
      <c r="N910754" s="10"/>
    </row>
    <row r="910755" spans="14:14">
      <c r="N910755" s="10"/>
    </row>
    <row r="910756" spans="14:14">
      <c r="N910756" s="10"/>
    </row>
    <row r="910757" spans="14:14">
      <c r="N910757" s="10"/>
    </row>
    <row r="910758" spans="14:14">
      <c r="N910758" s="10"/>
    </row>
    <row r="910759" spans="14:14">
      <c r="N910759" s="10"/>
    </row>
    <row r="910760" spans="14:14">
      <c r="N910760" s="10"/>
    </row>
    <row r="910761" spans="14:14">
      <c r="N910761" s="10"/>
    </row>
    <row r="910762" spans="14:14">
      <c r="N910762" s="10"/>
    </row>
    <row r="910763" spans="14:14">
      <c r="N910763" s="10"/>
    </row>
    <row r="910764" spans="14:14">
      <c r="N910764" s="10"/>
    </row>
    <row r="910765" spans="14:14">
      <c r="N910765" s="10"/>
    </row>
    <row r="910766" spans="14:14">
      <c r="N910766" s="10"/>
    </row>
    <row r="910767" spans="14:14">
      <c r="N910767" s="10"/>
    </row>
    <row r="910768" spans="14:14">
      <c r="N910768" s="10"/>
    </row>
    <row r="910769" spans="14:14">
      <c r="N910769" s="10"/>
    </row>
    <row r="910770" spans="14:14">
      <c r="N910770" s="10"/>
    </row>
    <row r="910771" spans="14:14">
      <c r="N910771" s="10"/>
    </row>
    <row r="910772" spans="14:14">
      <c r="N910772" s="10"/>
    </row>
    <row r="910773" spans="14:14">
      <c r="N910773" s="10"/>
    </row>
    <row r="910774" spans="14:14">
      <c r="N910774" s="10"/>
    </row>
    <row r="910775" spans="14:14">
      <c r="N910775" s="10"/>
    </row>
    <row r="910776" spans="14:14">
      <c r="N910776" s="10"/>
    </row>
    <row r="910777" spans="14:14">
      <c r="N910777" s="10"/>
    </row>
    <row r="910778" spans="14:14">
      <c r="N910778" s="10"/>
    </row>
    <row r="910779" spans="14:14">
      <c r="N910779" s="10"/>
    </row>
    <row r="910780" spans="14:14">
      <c r="N910780" s="10"/>
    </row>
    <row r="910781" spans="14:14">
      <c r="N910781" s="10"/>
    </row>
    <row r="910782" spans="14:14">
      <c r="N910782" s="10"/>
    </row>
    <row r="910783" spans="14:14">
      <c r="N910783" s="10"/>
    </row>
    <row r="910784" spans="14:14">
      <c r="N910784" s="10"/>
    </row>
    <row r="910785" spans="14:14">
      <c r="N910785" s="10"/>
    </row>
    <row r="910786" spans="14:14">
      <c r="N910786" s="10"/>
    </row>
    <row r="910787" spans="14:14">
      <c r="N910787" s="10"/>
    </row>
    <row r="910788" spans="14:14">
      <c r="N910788" s="10"/>
    </row>
    <row r="910789" spans="14:14">
      <c r="N910789" s="10"/>
    </row>
    <row r="910790" spans="14:14">
      <c r="N910790" s="10"/>
    </row>
    <row r="910791" spans="14:14">
      <c r="N910791" s="10"/>
    </row>
    <row r="910792" spans="14:14">
      <c r="N910792" s="10"/>
    </row>
    <row r="910793" spans="14:14">
      <c r="N910793" s="10"/>
    </row>
    <row r="910794" spans="14:14">
      <c r="N910794" s="10"/>
    </row>
    <row r="910795" spans="14:14">
      <c r="N910795" s="10"/>
    </row>
    <row r="910796" spans="14:14">
      <c r="N910796" s="10"/>
    </row>
    <row r="910797" spans="14:14">
      <c r="N910797" s="10"/>
    </row>
    <row r="910798" spans="14:14">
      <c r="N910798" s="10"/>
    </row>
    <row r="910799" spans="14:14">
      <c r="N910799" s="10"/>
    </row>
    <row r="910800" spans="14:14">
      <c r="N910800" s="10"/>
    </row>
    <row r="910801" spans="14:14">
      <c r="N910801" s="10"/>
    </row>
    <row r="910802" spans="14:14">
      <c r="N910802" s="10"/>
    </row>
    <row r="910803" spans="14:14">
      <c r="N910803" s="10"/>
    </row>
    <row r="910804" spans="14:14">
      <c r="N910804" s="10"/>
    </row>
    <row r="910805" spans="14:14">
      <c r="N910805" s="10"/>
    </row>
    <row r="910806" spans="14:14">
      <c r="N910806" s="10"/>
    </row>
    <row r="910807" spans="14:14">
      <c r="N910807" s="10"/>
    </row>
    <row r="910808" spans="14:14">
      <c r="N910808" s="10"/>
    </row>
    <row r="910809" spans="14:14">
      <c r="N910809" s="10"/>
    </row>
    <row r="910810" spans="14:14">
      <c r="N910810" s="10"/>
    </row>
    <row r="910811" spans="14:14">
      <c r="N910811" s="10"/>
    </row>
    <row r="910812" spans="14:14">
      <c r="N910812" s="10"/>
    </row>
    <row r="910813" spans="14:14">
      <c r="N910813" s="10"/>
    </row>
    <row r="910814" spans="14:14">
      <c r="N910814" s="10"/>
    </row>
    <row r="910815" spans="14:14">
      <c r="N910815" s="10"/>
    </row>
    <row r="910816" spans="14:14">
      <c r="N910816" s="10"/>
    </row>
    <row r="910817" spans="14:14">
      <c r="N910817" s="10"/>
    </row>
    <row r="910818" spans="14:14">
      <c r="N910818" s="10"/>
    </row>
    <row r="910819" spans="14:14">
      <c r="N910819" s="10"/>
    </row>
    <row r="910820" spans="14:14">
      <c r="N910820" s="10"/>
    </row>
    <row r="910821" spans="14:14">
      <c r="N910821" s="10"/>
    </row>
    <row r="910822" spans="14:14">
      <c r="N910822" s="10"/>
    </row>
    <row r="910823" spans="14:14">
      <c r="N910823" s="10"/>
    </row>
    <row r="910824" spans="14:14">
      <c r="N910824" s="10"/>
    </row>
    <row r="910825" spans="14:14">
      <c r="N910825" s="10"/>
    </row>
    <row r="910826" spans="14:14">
      <c r="N910826" s="10"/>
    </row>
    <row r="910827" spans="14:14">
      <c r="N910827" s="10"/>
    </row>
    <row r="910828" spans="14:14">
      <c r="N910828" s="10"/>
    </row>
    <row r="910829" spans="14:14">
      <c r="N910829" s="10"/>
    </row>
    <row r="910830" spans="14:14">
      <c r="N910830" s="10"/>
    </row>
    <row r="910831" spans="14:14">
      <c r="N910831" s="10"/>
    </row>
    <row r="910832" spans="14:14">
      <c r="N910832" s="10"/>
    </row>
    <row r="910833" spans="14:14">
      <c r="N910833" s="10"/>
    </row>
    <row r="910834" spans="14:14">
      <c r="N910834" s="10"/>
    </row>
    <row r="910835" spans="14:14">
      <c r="N910835" s="10"/>
    </row>
    <row r="910836" spans="14:14">
      <c r="N910836" s="10"/>
    </row>
    <row r="910837" spans="14:14">
      <c r="N910837" s="10"/>
    </row>
    <row r="910838" spans="14:14">
      <c r="N910838" s="10"/>
    </row>
    <row r="910839" spans="14:14">
      <c r="N910839" s="10"/>
    </row>
    <row r="910840" spans="14:14">
      <c r="N910840" s="10"/>
    </row>
    <row r="910841" spans="14:14">
      <c r="N910841" s="10"/>
    </row>
    <row r="910842" spans="14:14">
      <c r="N910842" s="10"/>
    </row>
    <row r="910843" spans="14:14">
      <c r="N910843" s="10"/>
    </row>
    <row r="910844" spans="14:14">
      <c r="N910844" s="10"/>
    </row>
    <row r="910845" spans="14:14">
      <c r="N910845" s="10"/>
    </row>
    <row r="910846" spans="14:14">
      <c r="N910846" s="10"/>
    </row>
    <row r="910847" spans="14:14">
      <c r="N910847" s="10"/>
    </row>
    <row r="910848" spans="14:14">
      <c r="N910848" s="10"/>
    </row>
    <row r="910849" spans="14:14">
      <c r="N910849" s="10"/>
    </row>
    <row r="910850" spans="14:14">
      <c r="N910850" s="10"/>
    </row>
    <row r="910851" spans="14:14">
      <c r="N910851" s="10"/>
    </row>
    <row r="910852" spans="14:14">
      <c r="N910852" s="10"/>
    </row>
    <row r="910853" spans="14:14">
      <c r="N910853" s="10"/>
    </row>
    <row r="910854" spans="14:14">
      <c r="N910854" s="10"/>
    </row>
    <row r="910855" spans="14:14">
      <c r="N910855" s="10"/>
    </row>
    <row r="910856" spans="14:14">
      <c r="N910856" s="10"/>
    </row>
    <row r="910857" spans="14:14">
      <c r="N910857" s="10"/>
    </row>
    <row r="910858" spans="14:14">
      <c r="N910858" s="10"/>
    </row>
    <row r="910859" spans="14:14">
      <c r="N910859" s="10"/>
    </row>
    <row r="910860" spans="14:14">
      <c r="N910860" s="10"/>
    </row>
    <row r="910861" spans="14:14">
      <c r="N910861" s="10"/>
    </row>
    <row r="910862" spans="14:14">
      <c r="N910862" s="10"/>
    </row>
    <row r="910863" spans="14:14">
      <c r="N910863" s="10"/>
    </row>
    <row r="910864" spans="14:14">
      <c r="N910864" s="10"/>
    </row>
    <row r="910865" spans="14:14">
      <c r="N910865" s="10"/>
    </row>
    <row r="910866" spans="14:14">
      <c r="N910866" s="10"/>
    </row>
    <row r="910867" spans="14:14">
      <c r="N910867" s="10"/>
    </row>
    <row r="910868" spans="14:14">
      <c r="N910868" s="10"/>
    </row>
    <row r="910869" spans="14:14">
      <c r="N910869" s="10"/>
    </row>
    <row r="910870" spans="14:14">
      <c r="N910870" s="10"/>
    </row>
    <row r="910871" spans="14:14">
      <c r="N910871" s="10"/>
    </row>
    <row r="910872" spans="14:14">
      <c r="N910872" s="10"/>
    </row>
    <row r="910873" spans="14:14">
      <c r="N910873" s="10"/>
    </row>
    <row r="910874" spans="14:14">
      <c r="N910874" s="10"/>
    </row>
    <row r="910875" spans="14:14">
      <c r="N910875" s="10"/>
    </row>
    <row r="910876" spans="14:14">
      <c r="N910876" s="10"/>
    </row>
    <row r="910877" spans="14:14">
      <c r="N910877" s="10"/>
    </row>
    <row r="910878" spans="14:14">
      <c r="N910878" s="10"/>
    </row>
    <row r="910879" spans="14:14">
      <c r="N910879" s="10"/>
    </row>
    <row r="910880" spans="14:14">
      <c r="N910880" s="10"/>
    </row>
    <row r="910881" spans="14:14">
      <c r="N910881" s="10"/>
    </row>
    <row r="910882" spans="14:14">
      <c r="N910882" s="10"/>
    </row>
    <row r="910883" spans="14:14">
      <c r="N910883" s="10"/>
    </row>
    <row r="910884" spans="14:14">
      <c r="N910884" s="10"/>
    </row>
    <row r="910885" spans="14:14">
      <c r="N910885" s="10"/>
    </row>
    <row r="910886" spans="14:14">
      <c r="N910886" s="10"/>
    </row>
    <row r="910887" spans="14:14">
      <c r="N910887" s="10"/>
    </row>
    <row r="910888" spans="14:14">
      <c r="N910888" s="10"/>
    </row>
    <row r="910889" spans="14:14">
      <c r="N910889" s="10"/>
    </row>
    <row r="910890" spans="14:14">
      <c r="N910890" s="10"/>
    </row>
    <row r="910891" spans="14:14">
      <c r="N910891" s="10"/>
    </row>
    <row r="910892" spans="14:14">
      <c r="N910892" s="10"/>
    </row>
    <row r="910893" spans="14:14">
      <c r="N910893" s="10"/>
    </row>
    <row r="910894" spans="14:14">
      <c r="N910894" s="10"/>
    </row>
    <row r="910895" spans="14:14">
      <c r="N910895" s="10"/>
    </row>
    <row r="910896" spans="14:14">
      <c r="N910896" s="10"/>
    </row>
    <row r="910897" spans="14:14">
      <c r="N910897" s="10"/>
    </row>
    <row r="910898" spans="14:14">
      <c r="N910898" s="10"/>
    </row>
    <row r="910899" spans="14:14">
      <c r="N910899" s="10"/>
    </row>
    <row r="910900" spans="14:14">
      <c r="N910900" s="10"/>
    </row>
    <row r="910901" spans="14:14">
      <c r="N910901" s="10"/>
    </row>
    <row r="910902" spans="14:14">
      <c r="N910902" s="10"/>
    </row>
    <row r="910903" spans="14:14">
      <c r="N910903" s="10"/>
    </row>
    <row r="910904" spans="14:14">
      <c r="N910904" s="10"/>
    </row>
    <row r="910905" spans="14:14">
      <c r="N910905" s="10"/>
    </row>
    <row r="910906" spans="14:14">
      <c r="N910906" s="10"/>
    </row>
    <row r="910907" spans="14:14">
      <c r="N910907" s="10"/>
    </row>
    <row r="910908" spans="14:14">
      <c r="N910908" s="10"/>
    </row>
    <row r="910909" spans="14:14">
      <c r="N910909" s="10"/>
    </row>
    <row r="910910" spans="14:14">
      <c r="N910910" s="10"/>
    </row>
    <row r="910911" spans="14:14">
      <c r="N910911" s="10"/>
    </row>
    <row r="910912" spans="14:14">
      <c r="N910912" s="10"/>
    </row>
    <row r="910913" spans="14:14">
      <c r="N910913" s="10"/>
    </row>
    <row r="910914" spans="14:14">
      <c r="N910914" s="10"/>
    </row>
    <row r="910915" spans="14:14">
      <c r="N910915" s="10"/>
    </row>
    <row r="910916" spans="14:14">
      <c r="N910916" s="10"/>
    </row>
    <row r="910917" spans="14:14">
      <c r="N910917" s="10"/>
    </row>
    <row r="910918" spans="14:14">
      <c r="N910918" s="10"/>
    </row>
    <row r="910919" spans="14:14">
      <c r="N910919" s="10"/>
    </row>
    <row r="910920" spans="14:14">
      <c r="N910920" s="10"/>
    </row>
    <row r="910921" spans="14:14">
      <c r="N910921" s="10"/>
    </row>
    <row r="910922" spans="14:14">
      <c r="N910922" s="10"/>
    </row>
    <row r="910923" spans="14:14">
      <c r="N910923" s="10"/>
    </row>
    <row r="910924" spans="14:14">
      <c r="N910924" s="10"/>
    </row>
    <row r="910925" spans="14:14">
      <c r="N910925" s="10"/>
    </row>
    <row r="910926" spans="14:14">
      <c r="N910926" s="10"/>
    </row>
    <row r="910927" spans="14:14">
      <c r="N910927" s="10"/>
    </row>
    <row r="910928" spans="14:14">
      <c r="N910928" s="10"/>
    </row>
    <row r="910929" spans="14:14">
      <c r="N910929" s="10"/>
    </row>
    <row r="910930" spans="14:14">
      <c r="N910930" s="10"/>
    </row>
    <row r="910931" spans="14:14">
      <c r="N910931" s="10"/>
    </row>
    <row r="910932" spans="14:14">
      <c r="N910932" s="10"/>
    </row>
    <row r="910933" spans="14:14">
      <c r="N910933" s="10"/>
    </row>
    <row r="910934" spans="14:14">
      <c r="N910934" s="10"/>
    </row>
    <row r="910935" spans="14:14">
      <c r="N910935" s="10"/>
    </row>
    <row r="910936" spans="14:14">
      <c r="N910936" s="10"/>
    </row>
    <row r="910937" spans="14:14">
      <c r="N910937" s="10"/>
    </row>
    <row r="910938" spans="14:14">
      <c r="N910938" s="10"/>
    </row>
    <row r="910939" spans="14:14">
      <c r="N910939" s="10"/>
    </row>
    <row r="910940" spans="14:14">
      <c r="N910940" s="10"/>
    </row>
    <row r="910941" spans="14:14">
      <c r="N910941" s="10"/>
    </row>
    <row r="910942" spans="14:14">
      <c r="N910942" s="10"/>
    </row>
    <row r="910943" spans="14:14">
      <c r="N910943" s="10"/>
    </row>
    <row r="910944" spans="14:14">
      <c r="N910944" s="10"/>
    </row>
    <row r="910945" spans="14:14">
      <c r="N910945" s="10"/>
    </row>
    <row r="910946" spans="14:14">
      <c r="N910946" s="10"/>
    </row>
    <row r="910947" spans="14:14">
      <c r="N910947" s="10"/>
    </row>
    <row r="910948" spans="14:14">
      <c r="N910948" s="10"/>
    </row>
    <row r="910949" spans="14:14">
      <c r="N910949" s="10"/>
    </row>
    <row r="910950" spans="14:14">
      <c r="N910950" s="10"/>
    </row>
    <row r="910951" spans="14:14">
      <c r="N910951" s="10"/>
    </row>
    <row r="910952" spans="14:14">
      <c r="N910952" s="10"/>
    </row>
    <row r="910953" spans="14:14">
      <c r="N910953" s="10"/>
    </row>
    <row r="910954" spans="14:14">
      <c r="N910954" s="10"/>
    </row>
    <row r="910955" spans="14:14">
      <c r="N910955" s="10"/>
    </row>
    <row r="910956" spans="14:14">
      <c r="N910956" s="10"/>
    </row>
    <row r="910957" spans="14:14">
      <c r="N910957" s="10"/>
    </row>
    <row r="910958" spans="14:14">
      <c r="N910958" s="10"/>
    </row>
    <row r="910959" spans="14:14">
      <c r="N910959" s="10"/>
    </row>
    <row r="910960" spans="14:14">
      <c r="N910960" s="10"/>
    </row>
    <row r="910961" spans="14:14">
      <c r="N910961" s="10"/>
    </row>
    <row r="910962" spans="14:14">
      <c r="N910962" s="10"/>
    </row>
    <row r="910963" spans="14:14">
      <c r="N910963" s="10"/>
    </row>
    <row r="910964" spans="14:14">
      <c r="N910964" s="10"/>
    </row>
    <row r="910965" spans="14:14">
      <c r="N910965" s="10"/>
    </row>
    <row r="910966" spans="14:14">
      <c r="N910966" s="10"/>
    </row>
    <row r="910967" spans="14:14">
      <c r="N910967" s="10"/>
    </row>
    <row r="910968" spans="14:14">
      <c r="N910968" s="10"/>
    </row>
    <row r="910969" spans="14:14">
      <c r="N910969" s="10"/>
    </row>
    <row r="910970" spans="14:14">
      <c r="N910970" s="10"/>
    </row>
    <row r="910971" spans="14:14">
      <c r="N910971" s="10"/>
    </row>
    <row r="910972" spans="14:14">
      <c r="N910972" s="10"/>
    </row>
    <row r="910973" spans="14:14">
      <c r="N910973" s="10"/>
    </row>
    <row r="910974" spans="14:14">
      <c r="N910974" s="10"/>
    </row>
    <row r="910975" spans="14:14">
      <c r="N910975" s="10"/>
    </row>
    <row r="910976" spans="14:14">
      <c r="N910976" s="10"/>
    </row>
    <row r="910977" spans="14:14">
      <c r="N910977" s="10"/>
    </row>
    <row r="910978" spans="14:14">
      <c r="N910978" s="10"/>
    </row>
    <row r="910979" spans="14:14">
      <c r="N910979" s="10"/>
    </row>
    <row r="910980" spans="14:14">
      <c r="N910980" s="10"/>
    </row>
    <row r="910981" spans="14:14">
      <c r="N910981" s="10"/>
    </row>
    <row r="910982" spans="14:14">
      <c r="N910982" s="10"/>
    </row>
    <row r="910983" spans="14:14">
      <c r="N910983" s="10"/>
    </row>
    <row r="910984" spans="14:14">
      <c r="N910984" s="10"/>
    </row>
    <row r="910985" spans="14:14">
      <c r="N910985" s="10"/>
    </row>
    <row r="910986" spans="14:14">
      <c r="N910986" s="10"/>
    </row>
    <row r="910987" spans="14:14">
      <c r="N910987" s="10"/>
    </row>
    <row r="910988" spans="14:14">
      <c r="N910988" s="10"/>
    </row>
    <row r="910989" spans="14:14">
      <c r="N910989" s="10"/>
    </row>
    <row r="910990" spans="14:14">
      <c r="N910990" s="10"/>
    </row>
    <row r="910991" spans="14:14">
      <c r="N910991" s="10"/>
    </row>
    <row r="910992" spans="14:14">
      <c r="N910992" s="10"/>
    </row>
    <row r="910993" spans="14:14">
      <c r="N910993" s="10"/>
    </row>
    <row r="910994" spans="14:14">
      <c r="N910994" s="10"/>
    </row>
    <row r="910995" spans="14:14">
      <c r="N910995" s="10"/>
    </row>
    <row r="910996" spans="14:14">
      <c r="N910996" s="10"/>
    </row>
    <row r="910997" spans="14:14">
      <c r="N910997" s="10"/>
    </row>
    <row r="910998" spans="14:14">
      <c r="N910998" s="10"/>
    </row>
    <row r="910999" spans="14:14">
      <c r="N910999" s="10"/>
    </row>
    <row r="911000" spans="14:14">
      <c r="N911000" s="10"/>
    </row>
    <row r="911001" spans="14:14">
      <c r="N911001" s="10"/>
    </row>
    <row r="911002" spans="14:14">
      <c r="N911002" s="10"/>
    </row>
    <row r="911003" spans="14:14">
      <c r="N911003" s="10"/>
    </row>
    <row r="911004" spans="14:14">
      <c r="N911004" s="10"/>
    </row>
    <row r="911005" spans="14:14">
      <c r="N911005" s="10"/>
    </row>
    <row r="911006" spans="14:14">
      <c r="N911006" s="10"/>
    </row>
    <row r="911007" spans="14:14">
      <c r="N911007" s="10"/>
    </row>
    <row r="911008" spans="14:14">
      <c r="N911008" s="10"/>
    </row>
    <row r="911009" spans="14:14">
      <c r="N911009" s="10"/>
    </row>
    <row r="911010" spans="14:14">
      <c r="N911010" s="10"/>
    </row>
    <row r="911011" spans="14:14">
      <c r="N911011" s="10"/>
    </row>
    <row r="911012" spans="14:14">
      <c r="N911012" s="10"/>
    </row>
    <row r="911013" spans="14:14">
      <c r="N911013" s="10"/>
    </row>
    <row r="911014" spans="14:14">
      <c r="N911014" s="10"/>
    </row>
    <row r="911015" spans="14:14">
      <c r="N911015" s="10"/>
    </row>
    <row r="911016" spans="14:14">
      <c r="N911016" s="10"/>
    </row>
    <row r="911017" spans="14:14">
      <c r="N911017" s="10"/>
    </row>
    <row r="911018" spans="14:14">
      <c r="N911018" s="10"/>
    </row>
    <row r="911019" spans="14:14">
      <c r="N911019" s="10"/>
    </row>
    <row r="911020" spans="14:14">
      <c r="N911020" s="10"/>
    </row>
    <row r="911021" spans="14:14">
      <c r="N911021" s="10"/>
    </row>
    <row r="911022" spans="14:14">
      <c r="N911022" s="10"/>
    </row>
    <row r="911023" spans="14:14">
      <c r="N911023" s="10"/>
    </row>
    <row r="911024" spans="14:14">
      <c r="N911024" s="10"/>
    </row>
    <row r="911025" spans="14:14">
      <c r="N911025" s="10"/>
    </row>
    <row r="911026" spans="14:14">
      <c r="N911026" s="10"/>
    </row>
    <row r="911027" spans="14:14">
      <c r="N911027" s="10"/>
    </row>
    <row r="911028" spans="14:14">
      <c r="N911028" s="10"/>
    </row>
    <row r="911029" spans="14:14">
      <c r="N911029" s="10"/>
    </row>
    <row r="911030" spans="14:14">
      <c r="N911030" s="10"/>
    </row>
    <row r="911031" spans="14:14">
      <c r="N911031" s="10"/>
    </row>
    <row r="911032" spans="14:14">
      <c r="N911032" s="10"/>
    </row>
    <row r="911033" spans="14:14">
      <c r="N911033" s="10"/>
    </row>
    <row r="911034" spans="14:14">
      <c r="N911034" s="10"/>
    </row>
    <row r="911035" spans="14:14">
      <c r="N911035" s="10"/>
    </row>
    <row r="911036" spans="14:14">
      <c r="N911036" s="10"/>
    </row>
    <row r="911037" spans="14:14">
      <c r="N911037" s="10"/>
    </row>
    <row r="911038" spans="14:14">
      <c r="N911038" s="10"/>
    </row>
    <row r="911039" spans="14:14">
      <c r="N911039" s="10"/>
    </row>
    <row r="911040" spans="14:14">
      <c r="N911040" s="10"/>
    </row>
    <row r="911041" spans="14:14">
      <c r="N911041" s="10"/>
    </row>
    <row r="911042" spans="14:14">
      <c r="N911042" s="10"/>
    </row>
    <row r="911043" spans="14:14">
      <c r="N911043" s="10"/>
    </row>
    <row r="911044" spans="14:14">
      <c r="N911044" s="10"/>
    </row>
    <row r="911045" spans="14:14">
      <c r="N911045" s="10"/>
    </row>
    <row r="911046" spans="14:14">
      <c r="N911046" s="10"/>
    </row>
    <row r="911047" spans="14:14">
      <c r="N911047" s="10"/>
    </row>
    <row r="911048" spans="14:14">
      <c r="N911048" s="10"/>
    </row>
    <row r="911049" spans="14:14">
      <c r="N911049" s="10"/>
    </row>
    <row r="911050" spans="14:14">
      <c r="N911050" s="10"/>
    </row>
    <row r="911051" spans="14:14">
      <c r="N911051" s="10"/>
    </row>
    <row r="911052" spans="14:14">
      <c r="N911052" s="10"/>
    </row>
    <row r="911053" spans="14:14">
      <c r="N911053" s="10"/>
    </row>
    <row r="911054" spans="14:14">
      <c r="N911054" s="10"/>
    </row>
    <row r="911055" spans="14:14">
      <c r="N911055" s="10"/>
    </row>
    <row r="911056" spans="14:14">
      <c r="N911056" s="10"/>
    </row>
    <row r="911057" spans="14:14">
      <c r="N911057" s="10"/>
    </row>
    <row r="911058" spans="14:14">
      <c r="N911058" s="10"/>
    </row>
    <row r="911059" spans="14:14">
      <c r="N911059" s="10"/>
    </row>
    <row r="911060" spans="14:14">
      <c r="N911060" s="10"/>
    </row>
    <row r="911061" spans="14:14">
      <c r="N911061" s="10"/>
    </row>
    <row r="911062" spans="14:14">
      <c r="N911062" s="10"/>
    </row>
    <row r="911063" spans="14:14">
      <c r="N911063" s="10"/>
    </row>
    <row r="911064" spans="14:14">
      <c r="N911064" s="10"/>
    </row>
    <row r="911065" spans="14:14">
      <c r="N911065" s="10"/>
    </row>
    <row r="911066" spans="14:14">
      <c r="N911066" s="10"/>
    </row>
    <row r="911067" spans="14:14">
      <c r="N911067" s="10"/>
    </row>
    <row r="911068" spans="14:14">
      <c r="N911068" s="10"/>
    </row>
    <row r="911069" spans="14:14">
      <c r="N911069" s="10"/>
    </row>
    <row r="911070" spans="14:14">
      <c r="N911070" s="10"/>
    </row>
    <row r="911071" spans="14:14">
      <c r="N911071" s="10"/>
    </row>
    <row r="911072" spans="14:14">
      <c r="N911072" s="10"/>
    </row>
    <row r="911073" spans="14:14">
      <c r="N911073" s="10"/>
    </row>
    <row r="911074" spans="14:14">
      <c r="N911074" s="10"/>
    </row>
    <row r="911075" spans="14:14">
      <c r="N911075" s="10"/>
    </row>
    <row r="911076" spans="14:14">
      <c r="N911076" s="10"/>
    </row>
    <row r="911077" spans="14:14">
      <c r="N911077" s="10"/>
    </row>
    <row r="911078" spans="14:14">
      <c r="N911078" s="10"/>
    </row>
    <row r="911079" spans="14:14">
      <c r="N911079" s="10"/>
    </row>
    <row r="911080" spans="14:14">
      <c r="N911080" s="10"/>
    </row>
    <row r="911081" spans="14:14">
      <c r="N911081" s="10"/>
    </row>
    <row r="911082" spans="14:14">
      <c r="N911082" s="10"/>
    </row>
    <row r="911083" spans="14:14">
      <c r="N911083" s="10"/>
    </row>
    <row r="911084" spans="14:14">
      <c r="N911084" s="10"/>
    </row>
    <row r="911085" spans="14:14">
      <c r="N911085" s="10"/>
    </row>
    <row r="911086" spans="14:14">
      <c r="N911086" s="10"/>
    </row>
    <row r="911087" spans="14:14">
      <c r="N911087" s="10"/>
    </row>
    <row r="911088" spans="14:14">
      <c r="N911088" s="10"/>
    </row>
    <row r="911089" spans="14:14">
      <c r="N911089" s="10"/>
    </row>
    <row r="911090" spans="14:14">
      <c r="N911090" s="10"/>
    </row>
    <row r="911091" spans="14:14">
      <c r="N911091" s="10"/>
    </row>
    <row r="911092" spans="14:14">
      <c r="N911092" s="10"/>
    </row>
    <row r="911093" spans="14:14">
      <c r="N911093" s="10"/>
    </row>
    <row r="911094" spans="14:14">
      <c r="N911094" s="10"/>
    </row>
    <row r="911095" spans="14:14">
      <c r="N911095" s="10"/>
    </row>
    <row r="911096" spans="14:14">
      <c r="N911096" s="10"/>
    </row>
    <row r="911097" spans="14:14">
      <c r="N911097" s="10"/>
    </row>
    <row r="911098" spans="14:14">
      <c r="N911098" s="10"/>
    </row>
    <row r="911099" spans="14:14">
      <c r="N911099" s="10"/>
    </row>
    <row r="911100" spans="14:14">
      <c r="N911100" s="10"/>
    </row>
    <row r="911101" spans="14:14">
      <c r="N911101" s="10"/>
    </row>
    <row r="911102" spans="14:14">
      <c r="N911102" s="10"/>
    </row>
    <row r="911103" spans="14:14">
      <c r="N911103" s="10"/>
    </row>
    <row r="911104" spans="14:14">
      <c r="N911104" s="10"/>
    </row>
    <row r="911105" spans="14:14">
      <c r="N911105" s="10"/>
    </row>
    <row r="911106" spans="14:14">
      <c r="N911106" s="10"/>
    </row>
    <row r="911107" spans="14:14">
      <c r="N911107" s="10"/>
    </row>
    <row r="911108" spans="14:14">
      <c r="N911108" s="10"/>
    </row>
    <row r="911109" spans="14:14">
      <c r="N911109" s="10"/>
    </row>
    <row r="911110" spans="14:14">
      <c r="N911110" s="10"/>
    </row>
    <row r="911111" spans="14:14">
      <c r="N911111" s="10"/>
    </row>
    <row r="911112" spans="14:14">
      <c r="N911112" s="10"/>
    </row>
    <row r="911113" spans="14:14">
      <c r="N911113" s="10"/>
    </row>
    <row r="911114" spans="14:14">
      <c r="N911114" s="10"/>
    </row>
    <row r="911115" spans="14:14">
      <c r="N911115" s="10"/>
    </row>
    <row r="911116" spans="14:14">
      <c r="N911116" s="10"/>
    </row>
    <row r="911117" spans="14:14">
      <c r="N911117" s="10"/>
    </row>
    <row r="911118" spans="14:14">
      <c r="N911118" s="10"/>
    </row>
    <row r="911119" spans="14:14">
      <c r="N911119" s="10"/>
    </row>
    <row r="911120" spans="14:14">
      <c r="N911120" s="10"/>
    </row>
    <row r="911121" spans="14:14">
      <c r="N911121" s="10"/>
    </row>
    <row r="911122" spans="14:14">
      <c r="N911122" s="10"/>
    </row>
    <row r="911123" spans="14:14">
      <c r="N911123" s="10"/>
    </row>
    <row r="911124" spans="14:14">
      <c r="N911124" s="10"/>
    </row>
    <row r="911125" spans="14:14">
      <c r="N911125" s="10"/>
    </row>
    <row r="911126" spans="14:14">
      <c r="N911126" s="10"/>
    </row>
    <row r="911127" spans="14:14">
      <c r="N911127" s="10"/>
    </row>
    <row r="911128" spans="14:14">
      <c r="N911128" s="10"/>
    </row>
    <row r="911129" spans="14:14">
      <c r="N911129" s="10"/>
    </row>
    <row r="911130" spans="14:14">
      <c r="N911130" s="10"/>
    </row>
    <row r="911131" spans="14:14">
      <c r="N911131" s="10"/>
    </row>
    <row r="911132" spans="14:14">
      <c r="N911132" s="10"/>
    </row>
    <row r="911133" spans="14:14">
      <c r="N911133" s="10"/>
    </row>
    <row r="911134" spans="14:14">
      <c r="N911134" s="10"/>
    </row>
    <row r="911135" spans="14:14">
      <c r="N911135" s="10"/>
    </row>
    <row r="911136" spans="14:14">
      <c r="N911136" s="10"/>
    </row>
    <row r="911137" spans="14:14">
      <c r="N911137" s="10"/>
    </row>
    <row r="911138" spans="14:14">
      <c r="N911138" s="10"/>
    </row>
    <row r="911139" spans="14:14">
      <c r="N911139" s="10"/>
    </row>
    <row r="911140" spans="14:14">
      <c r="N911140" s="10"/>
    </row>
    <row r="911141" spans="14:14">
      <c r="N911141" s="10"/>
    </row>
    <row r="911142" spans="14:14">
      <c r="N911142" s="10"/>
    </row>
    <row r="911143" spans="14:14">
      <c r="N911143" s="10"/>
    </row>
    <row r="911144" spans="14:14">
      <c r="N911144" s="10"/>
    </row>
    <row r="911145" spans="14:14">
      <c r="N911145" s="10"/>
    </row>
    <row r="911146" spans="14:14">
      <c r="N911146" s="10"/>
    </row>
    <row r="911147" spans="14:14">
      <c r="N911147" s="10"/>
    </row>
    <row r="911148" spans="14:14">
      <c r="N911148" s="10"/>
    </row>
    <row r="911149" spans="14:14">
      <c r="N911149" s="10"/>
    </row>
    <row r="911150" spans="14:14">
      <c r="N911150" s="10"/>
    </row>
    <row r="911151" spans="14:14">
      <c r="N911151" s="10"/>
    </row>
    <row r="911152" spans="14:14">
      <c r="N911152" s="10"/>
    </row>
    <row r="911153" spans="14:14">
      <c r="N911153" s="10"/>
    </row>
    <row r="911154" spans="14:14">
      <c r="N911154" s="10"/>
    </row>
    <row r="911155" spans="14:14">
      <c r="N911155" s="10"/>
    </row>
    <row r="911156" spans="14:14">
      <c r="N911156" s="10"/>
    </row>
    <row r="911157" spans="14:14">
      <c r="N911157" s="10"/>
    </row>
    <row r="911158" spans="14:14">
      <c r="N911158" s="10"/>
    </row>
    <row r="911159" spans="14:14">
      <c r="N911159" s="10"/>
    </row>
    <row r="911160" spans="14:14">
      <c r="N911160" s="10"/>
    </row>
    <row r="911161" spans="14:14">
      <c r="N911161" s="10"/>
    </row>
    <row r="911162" spans="14:14">
      <c r="N911162" s="10"/>
    </row>
    <row r="911163" spans="14:14">
      <c r="N911163" s="10"/>
    </row>
    <row r="911164" spans="14:14">
      <c r="N911164" s="10"/>
    </row>
    <row r="911165" spans="14:14">
      <c r="N911165" s="10"/>
    </row>
    <row r="911166" spans="14:14">
      <c r="N911166" s="10"/>
    </row>
    <row r="911167" spans="14:14">
      <c r="N911167" s="10"/>
    </row>
    <row r="911168" spans="14:14">
      <c r="N911168" s="10"/>
    </row>
    <row r="911169" spans="14:14">
      <c r="N911169" s="10"/>
    </row>
    <row r="911170" spans="14:14">
      <c r="N911170" s="10"/>
    </row>
    <row r="911171" spans="14:14">
      <c r="N911171" s="10"/>
    </row>
    <row r="911172" spans="14:14">
      <c r="N911172" s="10"/>
    </row>
    <row r="911173" spans="14:14">
      <c r="N911173" s="10"/>
    </row>
    <row r="911174" spans="14:14">
      <c r="N911174" s="10"/>
    </row>
    <row r="911175" spans="14:14">
      <c r="N911175" s="10"/>
    </row>
    <row r="911176" spans="14:14">
      <c r="N911176" s="10"/>
    </row>
    <row r="911177" spans="14:14">
      <c r="N911177" s="10"/>
    </row>
    <row r="911178" spans="14:14">
      <c r="N911178" s="10"/>
    </row>
    <row r="911179" spans="14:14">
      <c r="N911179" s="10"/>
    </row>
    <row r="911180" spans="14:14">
      <c r="N911180" s="10"/>
    </row>
    <row r="911181" spans="14:14">
      <c r="N911181" s="10"/>
    </row>
    <row r="911182" spans="14:14">
      <c r="N911182" s="10"/>
    </row>
    <row r="911183" spans="14:14">
      <c r="N911183" s="10"/>
    </row>
    <row r="911184" spans="14:14">
      <c r="N911184" s="10"/>
    </row>
    <row r="911185" spans="14:14">
      <c r="N911185" s="10"/>
    </row>
    <row r="911186" spans="14:14">
      <c r="N911186" s="10"/>
    </row>
    <row r="911187" spans="14:14">
      <c r="N911187" s="10"/>
    </row>
    <row r="911188" spans="14:14">
      <c r="N911188" s="10"/>
    </row>
    <row r="911189" spans="14:14">
      <c r="N911189" s="10"/>
    </row>
    <row r="911190" spans="14:14">
      <c r="N911190" s="10"/>
    </row>
    <row r="911191" spans="14:14">
      <c r="N911191" s="10"/>
    </row>
    <row r="911192" spans="14:14">
      <c r="N911192" s="10"/>
    </row>
    <row r="911193" spans="14:14">
      <c r="N911193" s="10"/>
    </row>
    <row r="911194" spans="14:14">
      <c r="N911194" s="10"/>
    </row>
    <row r="911195" spans="14:14">
      <c r="N911195" s="10"/>
    </row>
    <row r="911196" spans="14:14">
      <c r="N911196" s="10"/>
    </row>
    <row r="911197" spans="14:14">
      <c r="N911197" s="10"/>
    </row>
    <row r="911198" spans="14:14">
      <c r="N911198" s="10"/>
    </row>
    <row r="911199" spans="14:14">
      <c r="N911199" s="10"/>
    </row>
    <row r="911200" spans="14:14">
      <c r="N911200" s="10"/>
    </row>
    <row r="911201" spans="14:14">
      <c r="N911201" s="10"/>
    </row>
    <row r="911202" spans="14:14">
      <c r="N911202" s="10"/>
    </row>
    <row r="911203" spans="14:14">
      <c r="N911203" s="10"/>
    </row>
    <row r="911204" spans="14:14">
      <c r="N911204" s="10"/>
    </row>
    <row r="911205" spans="14:14">
      <c r="N911205" s="10"/>
    </row>
    <row r="911206" spans="14:14">
      <c r="N911206" s="10"/>
    </row>
    <row r="911207" spans="14:14">
      <c r="N911207" s="10"/>
    </row>
    <row r="911208" spans="14:14">
      <c r="N911208" s="10"/>
    </row>
    <row r="911209" spans="14:14">
      <c r="N911209" s="10"/>
    </row>
    <row r="911210" spans="14:14">
      <c r="N911210" s="10"/>
    </row>
    <row r="911211" spans="14:14">
      <c r="N911211" s="10"/>
    </row>
    <row r="911212" spans="14:14">
      <c r="N911212" s="10"/>
    </row>
    <row r="911213" spans="14:14">
      <c r="N911213" s="10"/>
    </row>
    <row r="911214" spans="14:14">
      <c r="N911214" s="10"/>
    </row>
    <row r="911215" spans="14:14">
      <c r="N911215" s="10"/>
    </row>
    <row r="911216" spans="14:14">
      <c r="N911216" s="10"/>
    </row>
    <row r="911217" spans="14:14">
      <c r="N911217" s="10"/>
    </row>
    <row r="911218" spans="14:14">
      <c r="N911218" s="10"/>
    </row>
    <row r="911219" spans="14:14">
      <c r="N911219" s="10"/>
    </row>
    <row r="911220" spans="14:14">
      <c r="N911220" s="10"/>
    </row>
    <row r="911221" spans="14:14">
      <c r="N911221" s="10"/>
    </row>
    <row r="911222" spans="14:14">
      <c r="N911222" s="10"/>
    </row>
    <row r="911223" spans="14:14">
      <c r="N911223" s="10"/>
    </row>
    <row r="911224" spans="14:14">
      <c r="N911224" s="10"/>
    </row>
    <row r="911225" spans="14:14">
      <c r="N911225" s="10"/>
    </row>
    <row r="911226" spans="14:14">
      <c r="N911226" s="10"/>
    </row>
    <row r="911227" spans="14:14">
      <c r="N911227" s="10"/>
    </row>
    <row r="911228" spans="14:14">
      <c r="N911228" s="10"/>
    </row>
    <row r="911229" spans="14:14">
      <c r="N911229" s="10"/>
    </row>
    <row r="911230" spans="14:14">
      <c r="N911230" s="10"/>
    </row>
    <row r="911231" spans="14:14">
      <c r="N911231" s="10"/>
    </row>
    <row r="911232" spans="14:14">
      <c r="N911232" s="10"/>
    </row>
    <row r="911233" spans="14:14">
      <c r="N911233" s="10"/>
    </row>
    <row r="911234" spans="14:14">
      <c r="N911234" s="10"/>
    </row>
    <row r="911235" spans="14:14">
      <c r="N911235" s="10"/>
    </row>
    <row r="911236" spans="14:14">
      <c r="N911236" s="10"/>
    </row>
    <row r="911237" spans="14:14">
      <c r="N911237" s="10"/>
    </row>
    <row r="911238" spans="14:14">
      <c r="N911238" s="10"/>
    </row>
    <row r="911239" spans="14:14">
      <c r="N911239" s="10"/>
    </row>
    <row r="911240" spans="14:14">
      <c r="N911240" s="10"/>
    </row>
    <row r="911241" spans="14:14">
      <c r="N911241" s="10"/>
    </row>
    <row r="911242" spans="14:14">
      <c r="N911242" s="10"/>
    </row>
    <row r="911243" spans="14:14">
      <c r="N911243" s="10"/>
    </row>
    <row r="911244" spans="14:14">
      <c r="N911244" s="10"/>
    </row>
    <row r="911245" spans="14:14">
      <c r="N911245" s="10"/>
    </row>
    <row r="911246" spans="14:14">
      <c r="N911246" s="10"/>
    </row>
    <row r="911247" spans="14:14">
      <c r="N911247" s="10"/>
    </row>
    <row r="911248" spans="14:14">
      <c r="N911248" s="10"/>
    </row>
    <row r="911249" spans="14:14">
      <c r="N911249" s="10"/>
    </row>
    <row r="911250" spans="14:14">
      <c r="N911250" s="10"/>
    </row>
    <row r="911251" spans="14:14">
      <c r="N911251" s="10"/>
    </row>
    <row r="911252" spans="14:14">
      <c r="N911252" s="10"/>
    </row>
    <row r="911253" spans="14:14">
      <c r="N911253" s="10"/>
    </row>
    <row r="911254" spans="14:14">
      <c r="N911254" s="10"/>
    </row>
    <row r="911255" spans="14:14">
      <c r="N911255" s="10"/>
    </row>
    <row r="911256" spans="14:14">
      <c r="N911256" s="10"/>
    </row>
    <row r="911257" spans="14:14">
      <c r="N911257" s="10"/>
    </row>
    <row r="911258" spans="14:14">
      <c r="N911258" s="10"/>
    </row>
    <row r="911259" spans="14:14">
      <c r="N911259" s="10"/>
    </row>
    <row r="911260" spans="14:14">
      <c r="N911260" s="10"/>
    </row>
    <row r="911261" spans="14:14">
      <c r="N911261" s="10"/>
    </row>
    <row r="911262" spans="14:14">
      <c r="N911262" s="10"/>
    </row>
    <row r="911263" spans="14:14">
      <c r="N911263" s="10"/>
    </row>
    <row r="911264" spans="14:14">
      <c r="N911264" s="10"/>
    </row>
    <row r="911265" spans="14:14">
      <c r="N911265" s="10"/>
    </row>
    <row r="911266" spans="14:14">
      <c r="N911266" s="10"/>
    </row>
    <row r="911267" spans="14:14">
      <c r="N911267" s="10"/>
    </row>
    <row r="911268" spans="14:14">
      <c r="N911268" s="10"/>
    </row>
    <row r="911269" spans="14:14">
      <c r="N911269" s="10"/>
    </row>
    <row r="911270" spans="14:14">
      <c r="N911270" s="10"/>
    </row>
    <row r="911271" spans="14:14">
      <c r="N911271" s="10"/>
    </row>
    <row r="911272" spans="14:14">
      <c r="N911272" s="10"/>
    </row>
    <row r="911273" spans="14:14">
      <c r="N911273" s="10"/>
    </row>
    <row r="911274" spans="14:14">
      <c r="N911274" s="10"/>
    </row>
    <row r="911275" spans="14:14">
      <c r="N911275" s="10"/>
    </row>
    <row r="911276" spans="14:14">
      <c r="N911276" s="10"/>
    </row>
    <row r="911277" spans="14:14">
      <c r="N911277" s="10"/>
    </row>
    <row r="911278" spans="14:14">
      <c r="N911278" s="10"/>
    </row>
    <row r="911279" spans="14:14">
      <c r="N911279" s="10"/>
    </row>
    <row r="911280" spans="14:14">
      <c r="N911280" s="10"/>
    </row>
    <row r="911281" spans="14:14">
      <c r="N911281" s="10"/>
    </row>
    <row r="911282" spans="14:14">
      <c r="N911282" s="10"/>
    </row>
    <row r="911283" spans="14:14">
      <c r="N911283" s="10"/>
    </row>
    <row r="911284" spans="14:14">
      <c r="N911284" s="10"/>
    </row>
    <row r="911285" spans="14:14">
      <c r="N911285" s="10"/>
    </row>
    <row r="911286" spans="14:14">
      <c r="N911286" s="10"/>
    </row>
    <row r="911287" spans="14:14">
      <c r="N911287" s="10"/>
    </row>
    <row r="911288" spans="14:14">
      <c r="N911288" s="10"/>
    </row>
    <row r="911289" spans="14:14">
      <c r="N911289" s="10"/>
    </row>
    <row r="911290" spans="14:14">
      <c r="N911290" s="10"/>
    </row>
    <row r="911291" spans="14:14">
      <c r="N911291" s="10"/>
    </row>
    <row r="911292" spans="14:14">
      <c r="N911292" s="10"/>
    </row>
    <row r="911293" spans="14:14">
      <c r="N911293" s="10"/>
    </row>
    <row r="911294" spans="14:14">
      <c r="N911294" s="10"/>
    </row>
    <row r="911295" spans="14:14">
      <c r="N911295" s="10"/>
    </row>
    <row r="911296" spans="14:14">
      <c r="N911296" s="10"/>
    </row>
    <row r="911297" spans="14:14">
      <c r="N911297" s="10"/>
    </row>
    <row r="911298" spans="14:14">
      <c r="N911298" s="10"/>
    </row>
    <row r="911299" spans="14:14">
      <c r="N911299" s="10"/>
    </row>
    <row r="911300" spans="14:14">
      <c r="N911300" s="10"/>
    </row>
    <row r="911301" spans="14:14">
      <c r="N911301" s="10"/>
    </row>
    <row r="911302" spans="14:14">
      <c r="N911302" s="10"/>
    </row>
    <row r="911303" spans="14:14">
      <c r="N911303" s="10"/>
    </row>
    <row r="911304" spans="14:14">
      <c r="N911304" s="10"/>
    </row>
    <row r="911305" spans="14:14">
      <c r="N911305" s="10"/>
    </row>
    <row r="911306" spans="14:14">
      <c r="N911306" s="10"/>
    </row>
    <row r="911307" spans="14:14">
      <c r="N911307" s="10"/>
    </row>
    <row r="911308" spans="14:14">
      <c r="N911308" s="10"/>
    </row>
    <row r="911309" spans="14:14">
      <c r="N911309" s="10"/>
    </row>
    <row r="911310" spans="14:14">
      <c r="N911310" s="10"/>
    </row>
    <row r="911311" spans="14:14">
      <c r="N911311" s="10"/>
    </row>
    <row r="911312" spans="14:14">
      <c r="N911312" s="10"/>
    </row>
    <row r="911313" spans="14:14">
      <c r="N911313" s="10"/>
    </row>
    <row r="911314" spans="14:14">
      <c r="N911314" s="10"/>
    </row>
    <row r="911315" spans="14:14">
      <c r="N911315" s="10"/>
    </row>
    <row r="911316" spans="14:14">
      <c r="N911316" s="10"/>
    </row>
    <row r="911317" spans="14:14">
      <c r="N911317" s="10"/>
    </row>
    <row r="911318" spans="14:14">
      <c r="N911318" s="10"/>
    </row>
    <row r="911319" spans="14:14">
      <c r="N911319" s="10"/>
    </row>
    <row r="911320" spans="14:14">
      <c r="N911320" s="10"/>
    </row>
    <row r="911321" spans="14:14">
      <c r="N911321" s="10"/>
    </row>
    <row r="911322" spans="14:14">
      <c r="N911322" s="10"/>
    </row>
    <row r="911323" spans="14:14">
      <c r="N911323" s="10"/>
    </row>
    <row r="911324" spans="14:14">
      <c r="N911324" s="10"/>
    </row>
    <row r="911325" spans="14:14">
      <c r="N911325" s="10"/>
    </row>
    <row r="911326" spans="14:14">
      <c r="N911326" s="10"/>
    </row>
    <row r="911327" spans="14:14">
      <c r="N911327" s="10"/>
    </row>
    <row r="911328" spans="14:14">
      <c r="N911328" s="10"/>
    </row>
    <row r="911329" spans="14:14">
      <c r="N911329" s="10"/>
    </row>
    <row r="911330" spans="14:14">
      <c r="N911330" s="10"/>
    </row>
    <row r="911331" spans="14:14">
      <c r="N911331" s="10"/>
    </row>
    <row r="911332" spans="14:14">
      <c r="N911332" s="10"/>
    </row>
    <row r="911333" spans="14:14">
      <c r="N911333" s="10"/>
    </row>
    <row r="911334" spans="14:14">
      <c r="N911334" s="10"/>
    </row>
    <row r="911335" spans="14:14">
      <c r="N911335" s="10"/>
    </row>
    <row r="911336" spans="14:14">
      <c r="N911336" s="10"/>
    </row>
    <row r="911337" spans="14:14">
      <c r="N911337" s="10"/>
    </row>
    <row r="911338" spans="14:14">
      <c r="N911338" s="10"/>
    </row>
    <row r="911339" spans="14:14">
      <c r="N911339" s="10"/>
    </row>
    <row r="911340" spans="14:14">
      <c r="N911340" s="10"/>
    </row>
    <row r="911341" spans="14:14">
      <c r="N911341" s="10"/>
    </row>
    <row r="911342" spans="14:14">
      <c r="N911342" s="10"/>
    </row>
    <row r="911343" spans="14:14">
      <c r="N911343" s="10"/>
    </row>
    <row r="911344" spans="14:14">
      <c r="N911344" s="10"/>
    </row>
    <row r="911345" spans="14:14">
      <c r="N911345" s="10"/>
    </row>
    <row r="911346" spans="14:14">
      <c r="N911346" s="10"/>
    </row>
    <row r="911347" spans="14:14">
      <c r="N911347" s="10"/>
    </row>
    <row r="911348" spans="14:14">
      <c r="N911348" s="10"/>
    </row>
    <row r="911349" spans="14:14">
      <c r="N911349" s="10"/>
    </row>
    <row r="911350" spans="14:14">
      <c r="N911350" s="10"/>
    </row>
    <row r="911351" spans="14:14">
      <c r="N911351" s="10"/>
    </row>
    <row r="911352" spans="14:14">
      <c r="N911352" s="10"/>
    </row>
    <row r="911353" spans="14:14">
      <c r="N911353" s="10"/>
    </row>
    <row r="911354" spans="14:14">
      <c r="N911354" s="10"/>
    </row>
    <row r="911355" spans="14:14">
      <c r="N911355" s="10"/>
    </row>
    <row r="911356" spans="14:14">
      <c r="N911356" s="10"/>
    </row>
    <row r="911357" spans="14:14">
      <c r="N911357" s="10"/>
    </row>
    <row r="911358" spans="14:14">
      <c r="N911358" s="10"/>
    </row>
    <row r="911359" spans="14:14">
      <c r="N911359" s="10"/>
    </row>
    <row r="911360" spans="14:14">
      <c r="N911360" s="10"/>
    </row>
    <row r="911361" spans="14:14">
      <c r="N911361" s="10"/>
    </row>
    <row r="911362" spans="14:14">
      <c r="N911362" s="10"/>
    </row>
    <row r="911363" spans="14:14">
      <c r="N911363" s="10"/>
    </row>
    <row r="911364" spans="14:14">
      <c r="N911364" s="10"/>
    </row>
    <row r="911365" spans="14:14">
      <c r="N911365" s="10"/>
    </row>
    <row r="911366" spans="14:14">
      <c r="N911366" s="10"/>
    </row>
    <row r="911367" spans="14:14">
      <c r="N911367" s="10"/>
    </row>
    <row r="911368" spans="14:14">
      <c r="N911368" s="10"/>
    </row>
    <row r="911369" spans="14:14">
      <c r="N911369" s="10"/>
    </row>
    <row r="911370" spans="14:14">
      <c r="N911370" s="10"/>
    </row>
    <row r="911371" spans="14:14">
      <c r="N911371" s="10"/>
    </row>
    <row r="911372" spans="14:14">
      <c r="N911372" s="10"/>
    </row>
    <row r="911373" spans="14:14">
      <c r="N911373" s="10"/>
    </row>
    <row r="911374" spans="14:14">
      <c r="N911374" s="10"/>
    </row>
    <row r="911375" spans="14:14">
      <c r="N911375" s="10"/>
    </row>
    <row r="911376" spans="14:14">
      <c r="N911376" s="10"/>
    </row>
    <row r="911377" spans="14:14">
      <c r="N911377" s="10"/>
    </row>
    <row r="911378" spans="14:14">
      <c r="N911378" s="10"/>
    </row>
    <row r="911379" spans="14:14">
      <c r="N911379" s="10"/>
    </row>
    <row r="911380" spans="14:14">
      <c r="N911380" s="10"/>
    </row>
    <row r="911381" spans="14:14">
      <c r="N911381" s="10"/>
    </row>
    <row r="911382" spans="14:14">
      <c r="N911382" s="10"/>
    </row>
    <row r="911383" spans="14:14">
      <c r="N911383" s="10"/>
    </row>
    <row r="911384" spans="14:14">
      <c r="N911384" s="10"/>
    </row>
    <row r="911385" spans="14:14">
      <c r="N911385" s="10"/>
    </row>
    <row r="911386" spans="14:14">
      <c r="N911386" s="10"/>
    </row>
    <row r="911387" spans="14:14">
      <c r="N911387" s="10"/>
    </row>
    <row r="911388" spans="14:14">
      <c r="N911388" s="10"/>
    </row>
    <row r="911389" spans="14:14">
      <c r="N911389" s="10"/>
    </row>
    <row r="911390" spans="14:14">
      <c r="N911390" s="10"/>
    </row>
    <row r="911391" spans="14:14">
      <c r="N911391" s="10"/>
    </row>
    <row r="911392" spans="14:14">
      <c r="N911392" s="10"/>
    </row>
    <row r="911393" spans="14:14">
      <c r="N911393" s="10"/>
    </row>
    <row r="911394" spans="14:14">
      <c r="N911394" s="10"/>
    </row>
    <row r="911395" spans="14:14">
      <c r="N911395" s="10"/>
    </row>
    <row r="911396" spans="14:14">
      <c r="N911396" s="10"/>
    </row>
    <row r="911397" spans="14:14">
      <c r="N911397" s="10"/>
    </row>
    <row r="911398" spans="14:14">
      <c r="N911398" s="10"/>
    </row>
    <row r="911399" spans="14:14">
      <c r="N911399" s="10"/>
    </row>
    <row r="911400" spans="14:14">
      <c r="N911400" s="10"/>
    </row>
    <row r="911401" spans="14:14">
      <c r="N911401" s="10"/>
    </row>
    <row r="911402" spans="14:14">
      <c r="N911402" s="10"/>
    </row>
    <row r="911403" spans="14:14">
      <c r="N911403" s="10"/>
    </row>
    <row r="911404" spans="14:14">
      <c r="N911404" s="10"/>
    </row>
    <row r="911405" spans="14:14">
      <c r="N911405" s="10"/>
    </row>
    <row r="911406" spans="14:14">
      <c r="N911406" s="10"/>
    </row>
    <row r="911407" spans="14:14">
      <c r="N911407" s="10"/>
    </row>
    <row r="911408" spans="14:14">
      <c r="N911408" s="10"/>
    </row>
    <row r="911409" spans="14:14">
      <c r="N911409" s="10"/>
    </row>
    <row r="911410" spans="14:14">
      <c r="N911410" s="10"/>
    </row>
    <row r="911411" spans="14:14">
      <c r="N911411" s="10"/>
    </row>
    <row r="911412" spans="14:14">
      <c r="N911412" s="10"/>
    </row>
    <row r="911413" spans="14:14">
      <c r="N911413" s="10"/>
    </row>
    <row r="911414" spans="14:14">
      <c r="N911414" s="10"/>
    </row>
    <row r="911415" spans="14:14">
      <c r="N911415" s="10"/>
    </row>
    <row r="911416" spans="14:14">
      <c r="N911416" s="10"/>
    </row>
    <row r="911417" spans="14:14">
      <c r="N911417" s="10"/>
    </row>
    <row r="911418" spans="14:14">
      <c r="N911418" s="10"/>
    </row>
    <row r="911419" spans="14:14">
      <c r="N911419" s="10"/>
    </row>
    <row r="911420" spans="14:14">
      <c r="N911420" s="10"/>
    </row>
    <row r="911421" spans="14:14">
      <c r="N911421" s="10"/>
    </row>
    <row r="911422" spans="14:14">
      <c r="N911422" s="10"/>
    </row>
    <row r="911423" spans="14:14">
      <c r="N911423" s="10"/>
    </row>
    <row r="911424" spans="14:14">
      <c r="N911424" s="10"/>
    </row>
    <row r="911425" spans="14:14">
      <c r="N911425" s="10"/>
    </row>
    <row r="911426" spans="14:14">
      <c r="N911426" s="10"/>
    </row>
    <row r="911427" spans="14:14">
      <c r="N911427" s="10"/>
    </row>
    <row r="911428" spans="14:14">
      <c r="N911428" s="10"/>
    </row>
    <row r="911429" spans="14:14">
      <c r="N911429" s="10"/>
    </row>
    <row r="911430" spans="14:14">
      <c r="N911430" s="10"/>
    </row>
    <row r="911431" spans="14:14">
      <c r="N911431" s="10"/>
    </row>
    <row r="911432" spans="14:14">
      <c r="N911432" s="10"/>
    </row>
    <row r="911433" spans="14:14">
      <c r="N911433" s="10"/>
    </row>
    <row r="911434" spans="14:14">
      <c r="N911434" s="10"/>
    </row>
    <row r="911435" spans="14:14">
      <c r="N911435" s="10"/>
    </row>
    <row r="911436" spans="14:14">
      <c r="N911436" s="10"/>
    </row>
    <row r="911437" spans="14:14">
      <c r="N911437" s="10"/>
    </row>
    <row r="911438" spans="14:14">
      <c r="N911438" s="10"/>
    </row>
    <row r="911439" spans="14:14">
      <c r="N911439" s="10"/>
    </row>
    <row r="911440" spans="14:14">
      <c r="N911440" s="10"/>
    </row>
    <row r="911441" spans="14:14">
      <c r="N911441" s="10"/>
    </row>
    <row r="911442" spans="14:14">
      <c r="N911442" s="10"/>
    </row>
    <row r="911443" spans="14:14">
      <c r="N911443" s="10"/>
    </row>
    <row r="911444" spans="14:14">
      <c r="N911444" s="10"/>
    </row>
    <row r="911445" spans="14:14">
      <c r="N911445" s="10"/>
    </row>
    <row r="911446" spans="14:14">
      <c r="N911446" s="10"/>
    </row>
    <row r="911447" spans="14:14">
      <c r="N911447" s="10"/>
    </row>
    <row r="911448" spans="14:14">
      <c r="N911448" s="10"/>
    </row>
    <row r="911449" spans="14:14">
      <c r="N911449" s="10"/>
    </row>
    <row r="911450" spans="14:14">
      <c r="N911450" s="10"/>
    </row>
    <row r="911451" spans="14:14">
      <c r="N911451" s="10"/>
    </row>
    <row r="911452" spans="14:14">
      <c r="N911452" s="10"/>
    </row>
    <row r="911453" spans="14:14">
      <c r="N911453" s="10"/>
    </row>
    <row r="911454" spans="14:14">
      <c r="N911454" s="10"/>
    </row>
    <row r="911455" spans="14:14">
      <c r="N911455" s="10"/>
    </row>
    <row r="911456" spans="14:14">
      <c r="N911456" s="10"/>
    </row>
    <row r="911457" spans="14:14">
      <c r="N911457" s="10"/>
    </row>
    <row r="911458" spans="14:14">
      <c r="N911458" s="10"/>
    </row>
    <row r="911459" spans="14:14">
      <c r="N911459" s="10"/>
    </row>
    <row r="911460" spans="14:14">
      <c r="N911460" s="10"/>
    </row>
    <row r="911461" spans="14:14">
      <c r="N911461" s="10"/>
    </row>
    <row r="911462" spans="14:14">
      <c r="N911462" s="10"/>
    </row>
    <row r="911463" spans="14:14">
      <c r="N911463" s="10"/>
    </row>
    <row r="911464" spans="14:14">
      <c r="N911464" s="10"/>
    </row>
    <row r="911465" spans="14:14">
      <c r="N911465" s="10"/>
    </row>
    <row r="911466" spans="14:14">
      <c r="N911466" s="10"/>
    </row>
    <row r="911467" spans="14:14">
      <c r="N911467" s="10"/>
    </row>
    <row r="911468" spans="14:14">
      <c r="N911468" s="10"/>
    </row>
    <row r="911469" spans="14:14">
      <c r="N911469" s="10"/>
    </row>
    <row r="911470" spans="14:14">
      <c r="N911470" s="10"/>
    </row>
    <row r="911471" spans="14:14">
      <c r="N911471" s="10"/>
    </row>
    <row r="911472" spans="14:14">
      <c r="N911472" s="10"/>
    </row>
    <row r="911473" spans="14:14">
      <c r="N911473" s="10"/>
    </row>
    <row r="911474" spans="14:14">
      <c r="N911474" s="10"/>
    </row>
    <row r="911475" spans="14:14">
      <c r="N911475" s="10"/>
    </row>
    <row r="911476" spans="14:14">
      <c r="N911476" s="10"/>
    </row>
    <row r="911477" spans="14:14">
      <c r="N911477" s="10"/>
    </row>
    <row r="911478" spans="14:14">
      <c r="N911478" s="10"/>
    </row>
    <row r="911479" spans="14:14">
      <c r="N911479" s="10"/>
    </row>
    <row r="911480" spans="14:14">
      <c r="N911480" s="10"/>
    </row>
    <row r="911481" spans="14:14">
      <c r="N911481" s="10"/>
    </row>
    <row r="911482" spans="14:14">
      <c r="N911482" s="10"/>
    </row>
    <row r="911483" spans="14:14">
      <c r="N911483" s="10"/>
    </row>
    <row r="911484" spans="14:14">
      <c r="N911484" s="10"/>
    </row>
    <row r="911485" spans="14:14">
      <c r="N911485" s="10"/>
    </row>
    <row r="911486" spans="14:14">
      <c r="N911486" s="10"/>
    </row>
    <row r="911487" spans="14:14">
      <c r="N911487" s="10"/>
    </row>
    <row r="911488" spans="14:14">
      <c r="N911488" s="10"/>
    </row>
    <row r="911489" spans="14:14">
      <c r="N911489" s="10"/>
    </row>
    <row r="911490" spans="14:14">
      <c r="N911490" s="10"/>
    </row>
    <row r="911491" spans="14:14">
      <c r="N911491" s="10"/>
    </row>
    <row r="911492" spans="14:14">
      <c r="N911492" s="10"/>
    </row>
    <row r="911493" spans="14:14">
      <c r="N911493" s="10"/>
    </row>
    <row r="911494" spans="14:14">
      <c r="N911494" s="10"/>
    </row>
    <row r="911495" spans="14:14">
      <c r="N911495" s="10"/>
    </row>
    <row r="911496" spans="14:14">
      <c r="N911496" s="10"/>
    </row>
    <row r="911497" spans="14:14">
      <c r="N911497" s="10"/>
    </row>
    <row r="911498" spans="14:14">
      <c r="N911498" s="10"/>
    </row>
    <row r="911499" spans="14:14">
      <c r="N911499" s="10"/>
    </row>
    <row r="911500" spans="14:14">
      <c r="N911500" s="10"/>
    </row>
    <row r="911501" spans="14:14">
      <c r="N911501" s="10"/>
    </row>
    <row r="911502" spans="14:14">
      <c r="N911502" s="10"/>
    </row>
    <row r="911503" spans="14:14">
      <c r="N911503" s="10"/>
    </row>
    <row r="911504" spans="14:14">
      <c r="N911504" s="10"/>
    </row>
    <row r="911505" spans="14:14">
      <c r="N911505" s="10"/>
    </row>
    <row r="911506" spans="14:14">
      <c r="N911506" s="10"/>
    </row>
    <row r="911507" spans="14:14">
      <c r="N911507" s="10"/>
    </row>
    <row r="911508" spans="14:14">
      <c r="N911508" s="10"/>
    </row>
    <row r="911509" spans="14:14">
      <c r="N911509" s="10"/>
    </row>
    <row r="911510" spans="14:14">
      <c r="N911510" s="10"/>
    </row>
    <row r="911511" spans="14:14">
      <c r="N911511" s="10"/>
    </row>
    <row r="911512" spans="14:14">
      <c r="N911512" s="10"/>
    </row>
    <row r="911513" spans="14:14">
      <c r="N911513" s="10"/>
    </row>
    <row r="911514" spans="14:14">
      <c r="N911514" s="10"/>
    </row>
    <row r="911515" spans="14:14">
      <c r="N911515" s="10"/>
    </row>
    <row r="911516" spans="14:14">
      <c r="N911516" s="10"/>
    </row>
    <row r="911517" spans="14:14">
      <c r="N911517" s="10"/>
    </row>
    <row r="911518" spans="14:14">
      <c r="N911518" s="10"/>
    </row>
    <row r="911519" spans="14:14">
      <c r="N911519" s="10"/>
    </row>
    <row r="911520" spans="14:14">
      <c r="N911520" s="10"/>
    </row>
    <row r="911521" spans="14:14">
      <c r="N911521" s="10"/>
    </row>
    <row r="911522" spans="14:14">
      <c r="N911522" s="10"/>
    </row>
    <row r="911523" spans="14:14">
      <c r="N911523" s="10"/>
    </row>
    <row r="911524" spans="14:14">
      <c r="N911524" s="10"/>
    </row>
    <row r="911525" spans="14:14">
      <c r="N911525" s="10"/>
    </row>
    <row r="911526" spans="14:14">
      <c r="N911526" s="10"/>
    </row>
    <row r="911527" spans="14:14">
      <c r="N911527" s="10"/>
    </row>
    <row r="911528" spans="14:14">
      <c r="N911528" s="10"/>
    </row>
    <row r="911529" spans="14:14">
      <c r="N911529" s="10"/>
    </row>
    <row r="911530" spans="14:14">
      <c r="N911530" s="10"/>
    </row>
    <row r="911531" spans="14:14">
      <c r="N911531" s="10"/>
    </row>
    <row r="911532" spans="14:14">
      <c r="N911532" s="10"/>
    </row>
    <row r="911533" spans="14:14">
      <c r="N911533" s="10"/>
    </row>
    <row r="911534" spans="14:14">
      <c r="N911534" s="10"/>
    </row>
    <row r="911535" spans="14:14">
      <c r="N911535" s="10"/>
    </row>
    <row r="911536" spans="14:14">
      <c r="N911536" s="10"/>
    </row>
    <row r="911537" spans="14:14">
      <c r="N911537" s="10"/>
    </row>
    <row r="911538" spans="14:14">
      <c r="N911538" s="10"/>
    </row>
    <row r="911539" spans="14:14">
      <c r="N911539" s="10"/>
    </row>
    <row r="911540" spans="14:14">
      <c r="N911540" s="10"/>
    </row>
    <row r="911541" spans="14:14">
      <c r="N911541" s="10"/>
    </row>
    <row r="911542" spans="14:14">
      <c r="N911542" s="10"/>
    </row>
    <row r="911543" spans="14:14">
      <c r="N911543" s="10"/>
    </row>
    <row r="911544" spans="14:14">
      <c r="N911544" s="10"/>
    </row>
    <row r="911545" spans="14:14">
      <c r="N911545" s="10"/>
    </row>
    <row r="911546" spans="14:14">
      <c r="N911546" s="10"/>
    </row>
    <row r="911547" spans="14:14">
      <c r="N911547" s="10"/>
    </row>
    <row r="911548" spans="14:14">
      <c r="N911548" s="10"/>
    </row>
    <row r="911549" spans="14:14">
      <c r="N911549" s="10"/>
    </row>
    <row r="911550" spans="14:14">
      <c r="N911550" s="10"/>
    </row>
    <row r="911551" spans="14:14">
      <c r="N911551" s="10"/>
    </row>
    <row r="911552" spans="14:14">
      <c r="N911552" s="10"/>
    </row>
    <row r="911553" spans="14:14">
      <c r="N911553" s="10"/>
    </row>
    <row r="911554" spans="14:14">
      <c r="N911554" s="10"/>
    </row>
    <row r="911555" spans="14:14">
      <c r="N911555" s="10"/>
    </row>
    <row r="911556" spans="14:14">
      <c r="N911556" s="10"/>
    </row>
    <row r="911557" spans="14:14">
      <c r="N911557" s="10"/>
    </row>
    <row r="911558" spans="14:14">
      <c r="N911558" s="10"/>
    </row>
    <row r="911559" spans="14:14">
      <c r="N911559" s="10"/>
    </row>
    <row r="911560" spans="14:14">
      <c r="N911560" s="10"/>
    </row>
    <row r="911561" spans="14:14">
      <c r="N911561" s="10"/>
    </row>
    <row r="911562" spans="14:14">
      <c r="N911562" s="10"/>
    </row>
    <row r="911563" spans="14:14">
      <c r="N911563" s="10"/>
    </row>
    <row r="911564" spans="14:14">
      <c r="N911564" s="10"/>
    </row>
    <row r="911565" spans="14:14">
      <c r="N911565" s="10"/>
    </row>
    <row r="911566" spans="14:14">
      <c r="N911566" s="10"/>
    </row>
    <row r="911567" spans="14:14">
      <c r="N911567" s="10"/>
    </row>
    <row r="911568" spans="14:14">
      <c r="N911568" s="10"/>
    </row>
    <row r="911569" spans="14:14">
      <c r="N911569" s="10"/>
    </row>
    <row r="911570" spans="14:14">
      <c r="N911570" s="10"/>
    </row>
    <row r="911571" spans="14:14">
      <c r="N911571" s="10"/>
    </row>
    <row r="911572" spans="14:14">
      <c r="N911572" s="10"/>
    </row>
    <row r="911573" spans="14:14">
      <c r="N911573" s="10"/>
    </row>
    <row r="911574" spans="14:14">
      <c r="N911574" s="10"/>
    </row>
    <row r="911575" spans="14:14">
      <c r="N911575" s="10"/>
    </row>
    <row r="911576" spans="14:14">
      <c r="N911576" s="10"/>
    </row>
    <row r="911577" spans="14:14">
      <c r="N911577" s="10"/>
    </row>
    <row r="911578" spans="14:14">
      <c r="N911578" s="10"/>
    </row>
    <row r="911579" spans="14:14">
      <c r="N911579" s="10"/>
    </row>
    <row r="911580" spans="14:14">
      <c r="N911580" s="10"/>
    </row>
    <row r="911581" spans="14:14">
      <c r="N911581" s="10"/>
    </row>
    <row r="911582" spans="14:14">
      <c r="N911582" s="10"/>
    </row>
    <row r="911583" spans="14:14">
      <c r="N911583" s="10"/>
    </row>
    <row r="911584" spans="14:14">
      <c r="N911584" s="10"/>
    </row>
    <row r="911585" spans="14:14">
      <c r="N911585" s="10"/>
    </row>
    <row r="911586" spans="14:14">
      <c r="N911586" s="10"/>
    </row>
    <row r="911587" spans="14:14">
      <c r="N911587" s="10"/>
    </row>
    <row r="911588" spans="14:14">
      <c r="N911588" s="10"/>
    </row>
    <row r="911589" spans="14:14">
      <c r="N911589" s="10"/>
    </row>
    <row r="911590" spans="14:14">
      <c r="N911590" s="10"/>
    </row>
    <row r="911591" spans="14:14">
      <c r="N911591" s="10"/>
    </row>
    <row r="911592" spans="14:14">
      <c r="N911592" s="10"/>
    </row>
    <row r="911593" spans="14:14">
      <c r="N911593" s="10"/>
    </row>
    <row r="911594" spans="14:14">
      <c r="N911594" s="10"/>
    </row>
    <row r="911595" spans="14:14">
      <c r="N911595" s="10"/>
    </row>
    <row r="911596" spans="14:14">
      <c r="N911596" s="10"/>
    </row>
    <row r="911597" spans="14:14">
      <c r="N911597" s="10"/>
    </row>
    <row r="911598" spans="14:14">
      <c r="N911598" s="10"/>
    </row>
    <row r="911599" spans="14:14">
      <c r="N911599" s="10"/>
    </row>
    <row r="911600" spans="14:14">
      <c r="N911600" s="10"/>
    </row>
    <row r="911601" spans="14:14">
      <c r="N911601" s="10"/>
    </row>
    <row r="911602" spans="14:14">
      <c r="N911602" s="10"/>
    </row>
    <row r="911603" spans="14:14">
      <c r="N911603" s="10"/>
    </row>
    <row r="911604" spans="14:14">
      <c r="N911604" s="10"/>
    </row>
    <row r="911605" spans="14:14">
      <c r="N911605" s="10"/>
    </row>
    <row r="911606" spans="14:14">
      <c r="N911606" s="10"/>
    </row>
    <row r="911607" spans="14:14">
      <c r="N911607" s="10"/>
    </row>
    <row r="911608" spans="14:14">
      <c r="N911608" s="10"/>
    </row>
    <row r="911609" spans="14:14">
      <c r="N911609" s="10"/>
    </row>
    <row r="911610" spans="14:14">
      <c r="N911610" s="10"/>
    </row>
    <row r="911611" spans="14:14">
      <c r="N911611" s="10"/>
    </row>
    <row r="911612" spans="14:14">
      <c r="N911612" s="10"/>
    </row>
    <row r="911613" spans="14:14">
      <c r="N911613" s="10"/>
    </row>
    <row r="911614" spans="14:14">
      <c r="N911614" s="10"/>
    </row>
    <row r="911615" spans="14:14">
      <c r="N911615" s="10"/>
    </row>
    <row r="911616" spans="14:14">
      <c r="N911616" s="10"/>
    </row>
    <row r="911617" spans="14:14">
      <c r="N911617" s="10"/>
    </row>
    <row r="911618" spans="14:14">
      <c r="N911618" s="10"/>
    </row>
    <row r="911619" spans="14:14">
      <c r="N911619" s="10"/>
    </row>
    <row r="911620" spans="14:14">
      <c r="N911620" s="10"/>
    </row>
    <row r="911621" spans="14:14">
      <c r="N911621" s="10"/>
    </row>
    <row r="911622" spans="14:14">
      <c r="N911622" s="10"/>
    </row>
    <row r="911623" spans="14:14">
      <c r="N911623" s="10"/>
    </row>
    <row r="911624" spans="14:14">
      <c r="N911624" s="10"/>
    </row>
    <row r="911625" spans="14:14">
      <c r="N911625" s="10"/>
    </row>
    <row r="911626" spans="14:14">
      <c r="N911626" s="10"/>
    </row>
    <row r="911627" spans="14:14">
      <c r="N911627" s="10"/>
    </row>
    <row r="911628" spans="14:14">
      <c r="N911628" s="10"/>
    </row>
    <row r="911629" spans="14:14">
      <c r="N911629" s="10"/>
    </row>
    <row r="911630" spans="14:14">
      <c r="N911630" s="10"/>
    </row>
    <row r="911631" spans="14:14">
      <c r="N911631" s="10"/>
    </row>
    <row r="911632" spans="14:14">
      <c r="N911632" s="10"/>
    </row>
    <row r="911633" spans="14:14">
      <c r="N911633" s="10"/>
    </row>
    <row r="911634" spans="14:14">
      <c r="N911634" s="10"/>
    </row>
    <row r="911635" spans="14:14">
      <c r="N911635" s="10"/>
    </row>
    <row r="911636" spans="14:14">
      <c r="N911636" s="10"/>
    </row>
    <row r="911637" spans="14:14">
      <c r="N911637" s="10"/>
    </row>
    <row r="911638" spans="14:14">
      <c r="N911638" s="10"/>
    </row>
    <row r="911639" spans="14:14">
      <c r="N911639" s="10"/>
    </row>
    <row r="911640" spans="14:14">
      <c r="N911640" s="10"/>
    </row>
    <row r="911641" spans="14:14">
      <c r="N911641" s="10"/>
    </row>
    <row r="911642" spans="14:14">
      <c r="N911642" s="10"/>
    </row>
    <row r="911643" spans="14:14">
      <c r="N911643" s="10"/>
    </row>
    <row r="911644" spans="14:14">
      <c r="N911644" s="10"/>
    </row>
    <row r="911645" spans="14:14">
      <c r="N911645" s="10"/>
    </row>
    <row r="911646" spans="14:14">
      <c r="N911646" s="10"/>
    </row>
    <row r="911647" spans="14:14">
      <c r="N911647" s="10"/>
    </row>
    <row r="911648" spans="14:14">
      <c r="N911648" s="10"/>
    </row>
    <row r="911649" spans="14:14">
      <c r="N911649" s="10"/>
    </row>
    <row r="911650" spans="14:14">
      <c r="N911650" s="10"/>
    </row>
    <row r="911651" spans="14:14">
      <c r="N911651" s="10"/>
    </row>
    <row r="911652" spans="14:14">
      <c r="N911652" s="10"/>
    </row>
    <row r="911653" spans="14:14">
      <c r="N911653" s="10"/>
    </row>
    <row r="911654" spans="14:14">
      <c r="N911654" s="10"/>
    </row>
    <row r="911655" spans="14:14">
      <c r="N911655" s="10"/>
    </row>
    <row r="911656" spans="14:14">
      <c r="N911656" s="10"/>
    </row>
    <row r="911657" spans="14:14">
      <c r="N911657" s="10"/>
    </row>
    <row r="911658" spans="14:14">
      <c r="N911658" s="10"/>
    </row>
    <row r="911659" spans="14:14">
      <c r="N911659" s="10"/>
    </row>
    <row r="911660" spans="14:14">
      <c r="N911660" s="10"/>
    </row>
    <row r="911661" spans="14:14">
      <c r="N911661" s="10"/>
    </row>
    <row r="911662" spans="14:14">
      <c r="N911662" s="10"/>
    </row>
    <row r="911663" spans="14:14">
      <c r="N911663" s="10"/>
    </row>
    <row r="911664" spans="14:14">
      <c r="N911664" s="10"/>
    </row>
    <row r="911665" spans="14:14">
      <c r="N911665" s="10"/>
    </row>
    <row r="911666" spans="14:14">
      <c r="N911666" s="10"/>
    </row>
    <row r="911667" spans="14:14">
      <c r="N911667" s="10"/>
    </row>
    <row r="911668" spans="14:14">
      <c r="N911668" s="10"/>
    </row>
    <row r="911669" spans="14:14">
      <c r="N911669" s="10"/>
    </row>
    <row r="911670" spans="14:14">
      <c r="N911670" s="10"/>
    </row>
    <row r="911671" spans="14:14">
      <c r="N911671" s="10"/>
    </row>
    <row r="911672" spans="14:14">
      <c r="N911672" s="10"/>
    </row>
    <row r="911673" spans="14:14">
      <c r="N911673" s="10"/>
    </row>
    <row r="911674" spans="14:14">
      <c r="N911674" s="10"/>
    </row>
    <row r="911675" spans="14:14">
      <c r="N911675" s="10"/>
    </row>
    <row r="911676" spans="14:14">
      <c r="N911676" s="10"/>
    </row>
    <row r="911677" spans="14:14">
      <c r="N911677" s="10"/>
    </row>
    <row r="911678" spans="14:14">
      <c r="N911678" s="10"/>
    </row>
    <row r="911679" spans="14:14">
      <c r="N911679" s="10"/>
    </row>
    <row r="911680" spans="14:14">
      <c r="N911680" s="10"/>
    </row>
    <row r="911681" spans="14:14">
      <c r="N911681" s="10"/>
    </row>
    <row r="911682" spans="14:14">
      <c r="N911682" s="10"/>
    </row>
    <row r="911683" spans="14:14">
      <c r="N911683" s="10"/>
    </row>
    <row r="911684" spans="14:14">
      <c r="N911684" s="10"/>
    </row>
    <row r="911685" spans="14:14">
      <c r="N911685" s="10"/>
    </row>
    <row r="911686" spans="14:14">
      <c r="N911686" s="10"/>
    </row>
    <row r="911687" spans="14:14">
      <c r="N911687" s="10"/>
    </row>
    <row r="911688" spans="14:14">
      <c r="N911688" s="10"/>
    </row>
    <row r="911689" spans="14:14">
      <c r="N911689" s="10"/>
    </row>
    <row r="911690" spans="14:14">
      <c r="N911690" s="10"/>
    </row>
    <row r="911691" spans="14:14">
      <c r="N911691" s="10"/>
    </row>
    <row r="911692" spans="14:14">
      <c r="N911692" s="10"/>
    </row>
    <row r="911693" spans="14:14">
      <c r="N911693" s="10"/>
    </row>
    <row r="911694" spans="14:14">
      <c r="N911694" s="10"/>
    </row>
    <row r="911695" spans="14:14">
      <c r="N911695" s="10"/>
    </row>
    <row r="911696" spans="14:14">
      <c r="N911696" s="10"/>
    </row>
    <row r="911697" spans="14:14">
      <c r="N911697" s="10"/>
    </row>
    <row r="911698" spans="14:14">
      <c r="N911698" s="10"/>
    </row>
    <row r="911699" spans="14:14">
      <c r="N911699" s="10"/>
    </row>
    <row r="911700" spans="14:14">
      <c r="N911700" s="10"/>
    </row>
    <row r="911701" spans="14:14">
      <c r="N911701" s="10"/>
    </row>
    <row r="911702" spans="14:14">
      <c r="N911702" s="10"/>
    </row>
    <row r="911703" spans="14:14">
      <c r="N911703" s="10"/>
    </row>
    <row r="911704" spans="14:14">
      <c r="N911704" s="10"/>
    </row>
    <row r="911705" spans="14:14">
      <c r="N911705" s="10"/>
    </row>
    <row r="911706" spans="14:14">
      <c r="N911706" s="10"/>
    </row>
    <row r="911707" spans="14:14">
      <c r="N911707" s="10"/>
    </row>
    <row r="911708" spans="14:14">
      <c r="N911708" s="10"/>
    </row>
    <row r="911709" spans="14:14">
      <c r="N911709" s="10"/>
    </row>
    <row r="911710" spans="14:14">
      <c r="N911710" s="10"/>
    </row>
    <row r="911711" spans="14:14">
      <c r="N911711" s="10"/>
    </row>
    <row r="911712" spans="14:14">
      <c r="N911712" s="10"/>
    </row>
    <row r="911713" spans="14:14">
      <c r="N911713" s="10"/>
    </row>
    <row r="911714" spans="14:14">
      <c r="N911714" s="10"/>
    </row>
    <row r="911715" spans="14:14">
      <c r="N911715" s="10"/>
    </row>
    <row r="911716" spans="14:14">
      <c r="N911716" s="10"/>
    </row>
    <row r="911717" spans="14:14">
      <c r="N911717" s="10"/>
    </row>
    <row r="911718" spans="14:14">
      <c r="N911718" s="10"/>
    </row>
    <row r="911719" spans="14:14">
      <c r="N911719" s="10"/>
    </row>
    <row r="911720" spans="14:14">
      <c r="N911720" s="10"/>
    </row>
    <row r="911721" spans="14:14">
      <c r="N911721" s="10"/>
    </row>
    <row r="911722" spans="14:14">
      <c r="N911722" s="10"/>
    </row>
    <row r="911723" spans="14:14">
      <c r="N911723" s="10"/>
    </row>
    <row r="911724" spans="14:14">
      <c r="N911724" s="10"/>
    </row>
    <row r="911725" spans="14:14">
      <c r="N911725" s="10"/>
    </row>
    <row r="911726" spans="14:14">
      <c r="N911726" s="10"/>
    </row>
    <row r="911727" spans="14:14">
      <c r="N911727" s="10"/>
    </row>
    <row r="911728" spans="14:14">
      <c r="N911728" s="10"/>
    </row>
    <row r="911729" spans="14:14">
      <c r="N911729" s="10"/>
    </row>
    <row r="911730" spans="14:14">
      <c r="N911730" s="10"/>
    </row>
    <row r="911731" spans="14:14">
      <c r="N911731" s="10"/>
    </row>
    <row r="911732" spans="14:14">
      <c r="N911732" s="10"/>
    </row>
    <row r="911733" spans="14:14">
      <c r="N911733" s="10"/>
    </row>
    <row r="911734" spans="14:14">
      <c r="N911734" s="10"/>
    </row>
    <row r="911735" spans="14:14">
      <c r="N911735" s="10"/>
    </row>
    <row r="911736" spans="14:14">
      <c r="N911736" s="10"/>
    </row>
    <row r="911737" spans="14:14">
      <c r="N911737" s="10"/>
    </row>
    <row r="911738" spans="14:14">
      <c r="N911738" s="10"/>
    </row>
    <row r="911739" spans="14:14">
      <c r="N911739" s="10"/>
    </row>
    <row r="911740" spans="14:14">
      <c r="N911740" s="10"/>
    </row>
    <row r="911741" spans="14:14">
      <c r="N911741" s="10"/>
    </row>
    <row r="911742" spans="14:14">
      <c r="N911742" s="10"/>
    </row>
    <row r="911743" spans="14:14">
      <c r="N911743" s="10"/>
    </row>
    <row r="911744" spans="14:14">
      <c r="N911744" s="10"/>
    </row>
    <row r="911745" spans="14:14">
      <c r="N911745" s="10"/>
    </row>
    <row r="911746" spans="14:14">
      <c r="N911746" s="10"/>
    </row>
    <row r="911747" spans="14:14">
      <c r="N911747" s="10"/>
    </row>
    <row r="911748" spans="14:14">
      <c r="N911748" s="10"/>
    </row>
    <row r="911749" spans="14:14">
      <c r="N911749" s="10"/>
    </row>
    <row r="911750" spans="14:14">
      <c r="N911750" s="10"/>
    </row>
    <row r="911751" spans="14:14">
      <c r="N911751" s="10"/>
    </row>
    <row r="911752" spans="14:14">
      <c r="N911752" s="10"/>
    </row>
    <row r="911753" spans="14:14">
      <c r="N911753" s="10"/>
    </row>
    <row r="911754" spans="14:14">
      <c r="N911754" s="10"/>
    </row>
    <row r="911755" spans="14:14">
      <c r="N911755" s="10"/>
    </row>
    <row r="911756" spans="14:14">
      <c r="N911756" s="10"/>
    </row>
    <row r="911757" spans="14:14">
      <c r="N911757" s="10"/>
    </row>
    <row r="911758" spans="14:14">
      <c r="N911758" s="10"/>
    </row>
    <row r="911759" spans="14:14">
      <c r="N911759" s="10"/>
    </row>
    <row r="911760" spans="14:14">
      <c r="N911760" s="10"/>
    </row>
    <row r="911761" spans="14:14">
      <c r="N911761" s="10"/>
    </row>
    <row r="911762" spans="14:14">
      <c r="N911762" s="10"/>
    </row>
    <row r="911763" spans="14:14">
      <c r="N911763" s="10"/>
    </row>
    <row r="911764" spans="14:14">
      <c r="N911764" s="10"/>
    </row>
    <row r="911765" spans="14:14">
      <c r="N911765" s="10"/>
    </row>
    <row r="911766" spans="14:14">
      <c r="N911766" s="10"/>
    </row>
    <row r="911767" spans="14:14">
      <c r="N911767" s="10"/>
    </row>
    <row r="911768" spans="14:14">
      <c r="N911768" s="10"/>
    </row>
    <row r="911769" spans="14:14">
      <c r="N911769" s="10"/>
    </row>
    <row r="911770" spans="14:14">
      <c r="N911770" s="10"/>
    </row>
    <row r="911771" spans="14:14">
      <c r="N911771" s="10"/>
    </row>
    <row r="911772" spans="14:14">
      <c r="N911772" s="10"/>
    </row>
    <row r="911773" spans="14:14">
      <c r="N911773" s="10"/>
    </row>
    <row r="911774" spans="14:14">
      <c r="N911774" s="10"/>
    </row>
    <row r="911775" spans="14:14">
      <c r="N911775" s="10"/>
    </row>
    <row r="911776" spans="14:14">
      <c r="N911776" s="10"/>
    </row>
    <row r="911777" spans="14:14">
      <c r="N911777" s="10"/>
    </row>
    <row r="911778" spans="14:14">
      <c r="N911778" s="10"/>
    </row>
    <row r="911779" spans="14:14">
      <c r="N911779" s="10"/>
    </row>
    <row r="911780" spans="14:14">
      <c r="N911780" s="10"/>
    </row>
    <row r="911781" spans="14:14">
      <c r="N911781" s="10"/>
    </row>
    <row r="911782" spans="14:14">
      <c r="N911782" s="10"/>
    </row>
    <row r="911783" spans="14:14">
      <c r="N911783" s="10"/>
    </row>
    <row r="911784" spans="14:14">
      <c r="N911784" s="10"/>
    </row>
    <row r="911785" spans="14:14">
      <c r="N911785" s="10"/>
    </row>
    <row r="911786" spans="14:14">
      <c r="N911786" s="10"/>
    </row>
    <row r="911787" spans="14:14">
      <c r="N911787" s="10"/>
    </row>
    <row r="911788" spans="14:14">
      <c r="N911788" s="10"/>
    </row>
    <row r="911789" spans="14:14">
      <c r="N911789" s="10"/>
    </row>
    <row r="911790" spans="14:14">
      <c r="N911790" s="10"/>
    </row>
    <row r="911791" spans="14:14">
      <c r="N911791" s="10"/>
    </row>
    <row r="911792" spans="14:14">
      <c r="N911792" s="10"/>
    </row>
    <row r="911793" spans="14:14">
      <c r="N911793" s="10"/>
    </row>
    <row r="911794" spans="14:14">
      <c r="N911794" s="10"/>
    </row>
    <row r="911795" spans="14:14">
      <c r="N911795" s="10"/>
    </row>
    <row r="911796" spans="14:14">
      <c r="N911796" s="10"/>
    </row>
    <row r="911797" spans="14:14">
      <c r="N911797" s="10"/>
    </row>
    <row r="911798" spans="14:14">
      <c r="N911798" s="10"/>
    </row>
    <row r="911799" spans="14:14">
      <c r="N911799" s="10"/>
    </row>
    <row r="911800" spans="14:14">
      <c r="N911800" s="10"/>
    </row>
    <row r="911801" spans="14:14">
      <c r="N911801" s="10"/>
    </row>
    <row r="911802" spans="14:14">
      <c r="N911802" s="10"/>
    </row>
    <row r="911803" spans="14:14">
      <c r="N911803" s="10"/>
    </row>
    <row r="911804" spans="14:14">
      <c r="N911804" s="10"/>
    </row>
    <row r="911805" spans="14:14">
      <c r="N911805" s="10"/>
    </row>
    <row r="911806" spans="14:14">
      <c r="N911806" s="10"/>
    </row>
    <row r="911807" spans="14:14">
      <c r="N911807" s="10"/>
    </row>
    <row r="911808" spans="14:14">
      <c r="N911808" s="10"/>
    </row>
    <row r="911809" spans="14:14">
      <c r="N911809" s="10"/>
    </row>
    <row r="911810" spans="14:14">
      <c r="N911810" s="10"/>
    </row>
    <row r="911811" spans="14:14">
      <c r="N911811" s="10"/>
    </row>
    <row r="911812" spans="14:14">
      <c r="N911812" s="10"/>
    </row>
    <row r="911813" spans="14:14">
      <c r="N911813" s="10"/>
    </row>
    <row r="911814" spans="14:14">
      <c r="N911814" s="10"/>
    </row>
    <row r="911815" spans="14:14">
      <c r="N911815" s="10"/>
    </row>
    <row r="911816" spans="14:14">
      <c r="N911816" s="10"/>
    </row>
    <row r="911817" spans="14:14">
      <c r="N911817" s="10"/>
    </row>
    <row r="911818" spans="14:14">
      <c r="N911818" s="10"/>
    </row>
    <row r="911819" spans="14:14">
      <c r="N911819" s="10"/>
    </row>
    <row r="911820" spans="14:14">
      <c r="N911820" s="10"/>
    </row>
    <row r="911821" spans="14:14">
      <c r="N911821" s="10"/>
    </row>
    <row r="911822" spans="14:14">
      <c r="N911822" s="10"/>
    </row>
    <row r="911823" spans="14:14">
      <c r="N911823" s="10"/>
    </row>
    <row r="911824" spans="14:14">
      <c r="N911824" s="10"/>
    </row>
    <row r="911825" spans="14:14">
      <c r="N911825" s="10"/>
    </row>
    <row r="911826" spans="14:14">
      <c r="N911826" s="10"/>
    </row>
    <row r="911827" spans="14:14">
      <c r="N911827" s="10"/>
    </row>
    <row r="911828" spans="14:14">
      <c r="N911828" s="10"/>
    </row>
    <row r="911829" spans="14:14">
      <c r="N911829" s="10"/>
    </row>
    <row r="911830" spans="14:14">
      <c r="N911830" s="10"/>
    </row>
    <row r="911831" spans="14:14">
      <c r="N911831" s="10"/>
    </row>
    <row r="911832" spans="14:14">
      <c r="N911832" s="10"/>
    </row>
    <row r="911833" spans="14:14">
      <c r="N911833" s="10"/>
    </row>
    <row r="911834" spans="14:14">
      <c r="N911834" s="10"/>
    </row>
    <row r="911835" spans="14:14">
      <c r="N911835" s="10"/>
    </row>
    <row r="911836" spans="14:14">
      <c r="N911836" s="10"/>
    </row>
    <row r="911837" spans="14:14">
      <c r="N911837" s="10"/>
    </row>
    <row r="911838" spans="14:14">
      <c r="N911838" s="10"/>
    </row>
    <row r="911839" spans="14:14">
      <c r="N911839" s="10"/>
    </row>
    <row r="911840" spans="14:14">
      <c r="N911840" s="10"/>
    </row>
    <row r="911841" spans="14:14">
      <c r="N911841" s="10"/>
    </row>
    <row r="911842" spans="14:14">
      <c r="N911842" s="10"/>
    </row>
    <row r="911843" spans="14:14">
      <c r="N911843" s="10"/>
    </row>
    <row r="911844" spans="14:14">
      <c r="N911844" s="10"/>
    </row>
    <row r="911845" spans="14:14">
      <c r="N911845" s="10"/>
    </row>
    <row r="911846" spans="14:14">
      <c r="N911846" s="10"/>
    </row>
    <row r="911847" spans="14:14">
      <c r="N911847" s="10"/>
    </row>
    <row r="911848" spans="14:14">
      <c r="N911848" s="10"/>
    </row>
    <row r="911849" spans="14:14">
      <c r="N911849" s="10"/>
    </row>
    <row r="911850" spans="14:14">
      <c r="N911850" s="10"/>
    </row>
    <row r="911851" spans="14:14">
      <c r="N911851" s="10"/>
    </row>
    <row r="911852" spans="14:14">
      <c r="N911852" s="10"/>
    </row>
    <row r="911853" spans="14:14">
      <c r="N911853" s="10"/>
    </row>
    <row r="911854" spans="14:14">
      <c r="N911854" s="10"/>
    </row>
    <row r="911855" spans="14:14">
      <c r="N911855" s="10"/>
    </row>
    <row r="911856" spans="14:14">
      <c r="N911856" s="10"/>
    </row>
    <row r="911857" spans="14:14">
      <c r="N911857" s="10"/>
    </row>
    <row r="911858" spans="14:14">
      <c r="N911858" s="10"/>
    </row>
    <row r="911859" spans="14:14">
      <c r="N911859" s="10"/>
    </row>
    <row r="911860" spans="14:14">
      <c r="N911860" s="10"/>
    </row>
    <row r="911861" spans="14:14">
      <c r="N911861" s="10"/>
    </row>
    <row r="911862" spans="14:14">
      <c r="N911862" s="10"/>
    </row>
    <row r="911863" spans="14:14">
      <c r="N911863" s="10"/>
    </row>
    <row r="911864" spans="14:14">
      <c r="N911864" s="10"/>
    </row>
    <row r="911865" spans="14:14">
      <c r="N911865" s="10"/>
    </row>
    <row r="911866" spans="14:14">
      <c r="N911866" s="10"/>
    </row>
    <row r="911867" spans="14:14">
      <c r="N911867" s="10"/>
    </row>
    <row r="911868" spans="14:14">
      <c r="N911868" s="10"/>
    </row>
    <row r="911869" spans="14:14">
      <c r="N911869" s="10"/>
    </row>
    <row r="911870" spans="14:14">
      <c r="N911870" s="10"/>
    </row>
    <row r="911871" spans="14:14">
      <c r="N911871" s="10"/>
    </row>
    <row r="911872" spans="14:14">
      <c r="N911872" s="10"/>
    </row>
    <row r="911873" spans="14:14">
      <c r="N911873" s="10"/>
    </row>
    <row r="911874" spans="14:14">
      <c r="N911874" s="10"/>
    </row>
    <row r="911875" spans="14:14">
      <c r="N911875" s="10"/>
    </row>
    <row r="911876" spans="14:14">
      <c r="N911876" s="10"/>
    </row>
    <row r="911877" spans="14:14">
      <c r="N911877" s="10"/>
    </row>
    <row r="911878" spans="14:14">
      <c r="N911878" s="10"/>
    </row>
    <row r="911879" spans="14:14">
      <c r="N911879" s="10"/>
    </row>
    <row r="911880" spans="14:14">
      <c r="N911880" s="10"/>
    </row>
    <row r="911881" spans="14:14">
      <c r="N911881" s="10"/>
    </row>
    <row r="911882" spans="14:14">
      <c r="N911882" s="10"/>
    </row>
    <row r="911883" spans="14:14">
      <c r="N911883" s="10"/>
    </row>
    <row r="911884" spans="14:14">
      <c r="N911884" s="10"/>
    </row>
    <row r="911885" spans="14:14">
      <c r="N911885" s="10"/>
    </row>
    <row r="911886" spans="14:14">
      <c r="N911886" s="10"/>
    </row>
    <row r="911887" spans="14:14">
      <c r="N911887" s="10"/>
    </row>
    <row r="911888" spans="14:14">
      <c r="N911888" s="10"/>
    </row>
    <row r="911889" spans="14:14">
      <c r="N911889" s="10"/>
    </row>
    <row r="911890" spans="14:14">
      <c r="N911890" s="10"/>
    </row>
    <row r="911891" spans="14:14">
      <c r="N911891" s="10"/>
    </row>
    <row r="911892" spans="14:14">
      <c r="N911892" s="10"/>
    </row>
    <row r="911893" spans="14:14">
      <c r="N911893" s="10"/>
    </row>
    <row r="911894" spans="14:14">
      <c r="N911894" s="10"/>
    </row>
    <row r="911895" spans="14:14">
      <c r="N911895" s="10"/>
    </row>
    <row r="911896" spans="14:14">
      <c r="N911896" s="10"/>
    </row>
    <row r="911897" spans="14:14">
      <c r="N911897" s="10"/>
    </row>
    <row r="911898" spans="14:14">
      <c r="N911898" s="10"/>
    </row>
    <row r="911899" spans="14:14">
      <c r="N911899" s="10"/>
    </row>
    <row r="911900" spans="14:14">
      <c r="N911900" s="10"/>
    </row>
    <row r="911901" spans="14:14">
      <c r="N911901" s="10"/>
    </row>
    <row r="911902" spans="14:14">
      <c r="N911902" s="10"/>
    </row>
    <row r="911903" spans="14:14">
      <c r="N911903" s="10"/>
    </row>
    <row r="911904" spans="14:14">
      <c r="N911904" s="10"/>
    </row>
    <row r="911905" spans="14:14">
      <c r="N911905" s="10"/>
    </row>
    <row r="911906" spans="14:14">
      <c r="N911906" s="10"/>
    </row>
    <row r="911907" spans="14:14">
      <c r="N911907" s="10"/>
    </row>
    <row r="911908" spans="14:14">
      <c r="N911908" s="10"/>
    </row>
    <row r="911909" spans="14:14">
      <c r="N911909" s="10"/>
    </row>
    <row r="911910" spans="14:14">
      <c r="N911910" s="10"/>
    </row>
    <row r="911911" spans="14:14">
      <c r="N911911" s="10"/>
    </row>
    <row r="911912" spans="14:14">
      <c r="N911912" s="10"/>
    </row>
    <row r="911913" spans="14:14">
      <c r="N911913" s="10"/>
    </row>
    <row r="911914" spans="14:14">
      <c r="N911914" s="10"/>
    </row>
    <row r="911915" spans="14:14">
      <c r="N911915" s="10"/>
    </row>
    <row r="911916" spans="14:14">
      <c r="N911916" s="10"/>
    </row>
    <row r="911917" spans="14:14">
      <c r="N911917" s="10"/>
    </row>
    <row r="911918" spans="14:14">
      <c r="N911918" s="10"/>
    </row>
    <row r="911919" spans="14:14">
      <c r="N911919" s="10"/>
    </row>
    <row r="911920" spans="14:14">
      <c r="N911920" s="10"/>
    </row>
    <row r="911921" spans="14:14">
      <c r="N911921" s="10"/>
    </row>
    <row r="911922" spans="14:14">
      <c r="N911922" s="10"/>
    </row>
    <row r="911923" spans="14:14">
      <c r="N911923" s="10"/>
    </row>
    <row r="911924" spans="14:14">
      <c r="N911924" s="10"/>
    </row>
    <row r="911925" spans="14:14">
      <c r="N911925" s="10"/>
    </row>
    <row r="911926" spans="14:14">
      <c r="N911926" s="10"/>
    </row>
    <row r="911927" spans="14:14">
      <c r="N911927" s="10"/>
    </row>
    <row r="911928" spans="14:14">
      <c r="N911928" s="10"/>
    </row>
    <row r="911929" spans="14:14">
      <c r="N911929" s="10"/>
    </row>
    <row r="911930" spans="14:14">
      <c r="N911930" s="10"/>
    </row>
    <row r="911931" spans="14:14">
      <c r="N911931" s="10"/>
    </row>
    <row r="911932" spans="14:14">
      <c r="N911932" s="10"/>
    </row>
    <row r="911933" spans="14:14">
      <c r="N911933" s="10"/>
    </row>
    <row r="911934" spans="14:14">
      <c r="N911934" s="10"/>
    </row>
    <row r="911935" spans="14:14">
      <c r="N911935" s="10"/>
    </row>
    <row r="911936" spans="14:14">
      <c r="N911936" s="10"/>
    </row>
    <row r="911937" spans="14:14">
      <c r="N911937" s="10"/>
    </row>
    <row r="911938" spans="14:14">
      <c r="N911938" s="10"/>
    </row>
    <row r="911939" spans="14:14">
      <c r="N911939" s="10"/>
    </row>
    <row r="911940" spans="14:14">
      <c r="N911940" s="10"/>
    </row>
    <row r="911941" spans="14:14">
      <c r="N911941" s="10"/>
    </row>
    <row r="911942" spans="14:14">
      <c r="N911942" s="10"/>
    </row>
    <row r="911943" spans="14:14">
      <c r="N911943" s="10"/>
    </row>
    <row r="911944" spans="14:14">
      <c r="N911944" s="10"/>
    </row>
    <row r="911945" spans="14:14">
      <c r="N911945" s="10"/>
    </row>
    <row r="911946" spans="14:14">
      <c r="N911946" s="10"/>
    </row>
    <row r="911947" spans="14:14">
      <c r="N911947" s="10"/>
    </row>
    <row r="911948" spans="14:14">
      <c r="N911948" s="10"/>
    </row>
    <row r="911949" spans="14:14">
      <c r="N911949" s="10"/>
    </row>
    <row r="911950" spans="14:14">
      <c r="N911950" s="10"/>
    </row>
    <row r="911951" spans="14:14">
      <c r="N911951" s="10"/>
    </row>
    <row r="911952" spans="14:14">
      <c r="N911952" s="10"/>
    </row>
    <row r="911953" spans="14:14">
      <c r="N911953" s="10"/>
    </row>
    <row r="911954" spans="14:14">
      <c r="N911954" s="10"/>
    </row>
    <row r="911955" spans="14:14">
      <c r="N911955" s="10"/>
    </row>
    <row r="911956" spans="14:14">
      <c r="N911956" s="10"/>
    </row>
    <row r="911957" spans="14:14">
      <c r="N911957" s="10"/>
    </row>
    <row r="911958" spans="14:14">
      <c r="N911958" s="10"/>
    </row>
    <row r="911959" spans="14:14">
      <c r="N911959" s="10"/>
    </row>
    <row r="911960" spans="14:14">
      <c r="N911960" s="10"/>
    </row>
    <row r="911961" spans="14:14">
      <c r="N911961" s="10"/>
    </row>
    <row r="911962" spans="14:14">
      <c r="N911962" s="10"/>
    </row>
    <row r="911963" spans="14:14">
      <c r="N911963" s="10"/>
    </row>
    <row r="911964" spans="14:14">
      <c r="N911964" s="10"/>
    </row>
    <row r="911965" spans="14:14">
      <c r="N911965" s="10"/>
    </row>
    <row r="911966" spans="14:14">
      <c r="N911966" s="10"/>
    </row>
    <row r="911967" spans="14:14">
      <c r="N911967" s="10"/>
    </row>
    <row r="911968" spans="14:14">
      <c r="N911968" s="10"/>
    </row>
    <row r="911969" spans="14:14">
      <c r="N911969" s="10"/>
    </row>
    <row r="911970" spans="14:14">
      <c r="N911970" s="10"/>
    </row>
    <row r="911971" spans="14:14">
      <c r="N911971" s="10"/>
    </row>
    <row r="911972" spans="14:14">
      <c r="N911972" s="10"/>
    </row>
    <row r="911973" spans="14:14">
      <c r="N911973" s="10"/>
    </row>
    <row r="911974" spans="14:14">
      <c r="N911974" s="10"/>
    </row>
    <row r="911975" spans="14:14">
      <c r="N911975" s="10"/>
    </row>
    <row r="911976" spans="14:14">
      <c r="N911976" s="10"/>
    </row>
    <row r="911977" spans="14:14">
      <c r="N911977" s="10"/>
    </row>
    <row r="911978" spans="14:14">
      <c r="N911978" s="10"/>
    </row>
    <row r="911979" spans="14:14">
      <c r="N911979" s="10"/>
    </row>
    <row r="911980" spans="14:14">
      <c r="N911980" s="10"/>
    </row>
    <row r="911981" spans="14:14">
      <c r="N911981" s="10"/>
    </row>
    <row r="911982" spans="14:14">
      <c r="N911982" s="10"/>
    </row>
    <row r="911983" spans="14:14">
      <c r="N911983" s="10"/>
    </row>
    <row r="911984" spans="14:14">
      <c r="N911984" s="10"/>
    </row>
    <row r="911985" spans="14:14">
      <c r="N911985" s="10"/>
    </row>
    <row r="911986" spans="14:14">
      <c r="N911986" s="10"/>
    </row>
    <row r="911987" spans="14:14">
      <c r="N911987" s="10"/>
    </row>
    <row r="911988" spans="14:14">
      <c r="N911988" s="10"/>
    </row>
    <row r="911989" spans="14:14">
      <c r="N911989" s="10"/>
    </row>
    <row r="911990" spans="14:14">
      <c r="N911990" s="10"/>
    </row>
    <row r="911991" spans="14:14">
      <c r="N911991" s="10"/>
    </row>
    <row r="911992" spans="14:14">
      <c r="N911992" s="10"/>
    </row>
    <row r="911993" spans="14:14">
      <c r="N911993" s="10"/>
    </row>
    <row r="911994" spans="14:14">
      <c r="N911994" s="10"/>
    </row>
    <row r="911995" spans="14:14">
      <c r="N911995" s="10"/>
    </row>
    <row r="911996" spans="14:14">
      <c r="N911996" s="10"/>
    </row>
    <row r="911997" spans="14:14">
      <c r="N911997" s="10"/>
    </row>
    <row r="911998" spans="14:14">
      <c r="N911998" s="10"/>
    </row>
    <row r="911999" spans="14:14">
      <c r="N911999" s="10"/>
    </row>
    <row r="912000" spans="14:14">
      <c r="N912000" s="10"/>
    </row>
    <row r="912001" spans="14:14">
      <c r="N912001" s="10"/>
    </row>
    <row r="912002" spans="14:14">
      <c r="N912002" s="10"/>
    </row>
    <row r="912003" spans="14:14">
      <c r="N912003" s="10"/>
    </row>
    <row r="912004" spans="14:14">
      <c r="N912004" s="10"/>
    </row>
    <row r="912005" spans="14:14">
      <c r="N912005" s="10"/>
    </row>
    <row r="912006" spans="14:14">
      <c r="N912006" s="10"/>
    </row>
    <row r="912007" spans="14:14">
      <c r="N912007" s="10"/>
    </row>
    <row r="912008" spans="14:14">
      <c r="N912008" s="10"/>
    </row>
    <row r="912009" spans="14:14">
      <c r="N912009" s="10"/>
    </row>
    <row r="912010" spans="14:14">
      <c r="N912010" s="10"/>
    </row>
    <row r="912011" spans="14:14">
      <c r="N912011" s="10"/>
    </row>
    <row r="912012" spans="14:14">
      <c r="N912012" s="10"/>
    </row>
    <row r="912013" spans="14:14">
      <c r="N912013" s="10"/>
    </row>
    <row r="912014" spans="14:14">
      <c r="N912014" s="10"/>
    </row>
    <row r="912015" spans="14:14">
      <c r="N912015" s="10"/>
    </row>
    <row r="912016" spans="14:14">
      <c r="N912016" s="10"/>
    </row>
    <row r="912017" spans="14:14">
      <c r="N912017" s="10"/>
    </row>
    <row r="912018" spans="14:14">
      <c r="N912018" s="10"/>
    </row>
    <row r="912019" spans="14:14">
      <c r="N912019" s="10"/>
    </row>
    <row r="912020" spans="14:14">
      <c r="N912020" s="10"/>
    </row>
    <row r="912021" spans="14:14">
      <c r="N912021" s="10"/>
    </row>
    <row r="912022" spans="14:14">
      <c r="N912022" s="10"/>
    </row>
    <row r="912023" spans="14:14">
      <c r="N912023" s="10"/>
    </row>
    <row r="912024" spans="14:14">
      <c r="N912024" s="10"/>
    </row>
    <row r="912025" spans="14:14">
      <c r="N912025" s="10"/>
    </row>
    <row r="912026" spans="14:14">
      <c r="N912026" s="10"/>
    </row>
    <row r="912027" spans="14:14">
      <c r="N912027" s="10"/>
    </row>
    <row r="912028" spans="14:14">
      <c r="N912028" s="10"/>
    </row>
    <row r="912029" spans="14:14">
      <c r="N912029" s="10"/>
    </row>
    <row r="912030" spans="14:14">
      <c r="N912030" s="10"/>
    </row>
    <row r="912031" spans="14:14">
      <c r="N912031" s="10"/>
    </row>
    <row r="912032" spans="14:14">
      <c r="N912032" s="10"/>
    </row>
    <row r="912033" spans="14:14">
      <c r="N912033" s="10"/>
    </row>
    <row r="912034" spans="14:14">
      <c r="N912034" s="10"/>
    </row>
    <row r="912035" spans="14:14">
      <c r="N912035" s="10"/>
    </row>
    <row r="912036" spans="14:14">
      <c r="N912036" s="10"/>
    </row>
    <row r="912037" spans="14:14">
      <c r="N912037" s="10"/>
    </row>
    <row r="912038" spans="14:14">
      <c r="N912038" s="10"/>
    </row>
    <row r="912039" spans="14:14">
      <c r="N912039" s="10"/>
    </row>
    <row r="912040" spans="14:14">
      <c r="N912040" s="10"/>
    </row>
    <row r="912041" spans="14:14">
      <c r="N912041" s="10"/>
    </row>
    <row r="912042" spans="14:14">
      <c r="N912042" s="10"/>
    </row>
    <row r="912043" spans="14:14">
      <c r="N912043" s="10"/>
    </row>
    <row r="912044" spans="14:14">
      <c r="N912044" s="10"/>
    </row>
    <row r="912045" spans="14:14">
      <c r="N912045" s="10"/>
    </row>
    <row r="912046" spans="14:14">
      <c r="N912046" s="10"/>
    </row>
    <row r="912047" spans="14:14">
      <c r="N912047" s="10"/>
    </row>
    <row r="912048" spans="14:14">
      <c r="N912048" s="10"/>
    </row>
    <row r="912049" spans="14:14">
      <c r="N912049" s="10"/>
    </row>
    <row r="912050" spans="14:14">
      <c r="N912050" s="10"/>
    </row>
    <row r="912051" spans="14:14">
      <c r="N912051" s="10"/>
    </row>
    <row r="912052" spans="14:14">
      <c r="N912052" s="10"/>
    </row>
    <row r="912053" spans="14:14">
      <c r="N912053" s="10"/>
    </row>
    <row r="912054" spans="14:14">
      <c r="N912054" s="10"/>
    </row>
    <row r="912055" spans="14:14">
      <c r="N912055" s="10"/>
    </row>
    <row r="912056" spans="14:14">
      <c r="N912056" s="10"/>
    </row>
    <row r="912057" spans="14:14">
      <c r="N912057" s="10"/>
    </row>
    <row r="912058" spans="14:14">
      <c r="N912058" s="10"/>
    </row>
    <row r="912059" spans="14:14">
      <c r="N912059" s="10"/>
    </row>
    <row r="912060" spans="14:14">
      <c r="N912060" s="10"/>
    </row>
    <row r="912061" spans="14:14">
      <c r="N912061" s="10"/>
    </row>
    <row r="912062" spans="14:14">
      <c r="N912062" s="10"/>
    </row>
    <row r="912063" spans="14:14">
      <c r="N912063" s="10"/>
    </row>
    <row r="912064" spans="14:14">
      <c r="N912064" s="10"/>
    </row>
    <row r="912065" spans="14:14">
      <c r="N912065" s="10"/>
    </row>
    <row r="912066" spans="14:14">
      <c r="N912066" s="10"/>
    </row>
    <row r="912067" spans="14:14">
      <c r="N912067" s="10"/>
    </row>
    <row r="912068" spans="14:14">
      <c r="N912068" s="10"/>
    </row>
    <row r="912069" spans="14:14">
      <c r="N912069" s="10"/>
    </row>
    <row r="912070" spans="14:14">
      <c r="N912070" s="10"/>
    </row>
    <row r="912071" spans="14:14">
      <c r="N912071" s="10"/>
    </row>
    <row r="912072" spans="14:14">
      <c r="N912072" s="10"/>
    </row>
    <row r="912073" spans="14:14">
      <c r="N912073" s="10"/>
    </row>
    <row r="912074" spans="14:14">
      <c r="N912074" s="10"/>
    </row>
    <row r="912075" spans="14:14">
      <c r="N912075" s="10"/>
    </row>
    <row r="912076" spans="14:14">
      <c r="N912076" s="10"/>
    </row>
    <row r="912077" spans="14:14">
      <c r="N912077" s="10"/>
    </row>
    <row r="912078" spans="14:14">
      <c r="N912078" s="10"/>
    </row>
    <row r="912079" spans="14:14">
      <c r="N912079" s="10"/>
    </row>
    <row r="912080" spans="14:14">
      <c r="N912080" s="10"/>
    </row>
    <row r="912081" spans="14:14">
      <c r="N912081" s="10"/>
    </row>
    <row r="912082" spans="14:14">
      <c r="N912082" s="10"/>
    </row>
    <row r="912083" spans="14:14">
      <c r="N912083" s="10"/>
    </row>
    <row r="912084" spans="14:14">
      <c r="N912084" s="10"/>
    </row>
    <row r="912085" spans="14:14">
      <c r="N912085" s="10"/>
    </row>
    <row r="912086" spans="14:14">
      <c r="N912086" s="10"/>
    </row>
    <row r="912087" spans="14:14">
      <c r="N912087" s="10"/>
    </row>
    <row r="912088" spans="14:14">
      <c r="N912088" s="10"/>
    </row>
    <row r="912089" spans="14:14">
      <c r="N912089" s="10"/>
    </row>
    <row r="912090" spans="14:14">
      <c r="N912090" s="10"/>
    </row>
    <row r="912091" spans="14:14">
      <c r="N912091" s="10"/>
    </row>
    <row r="912092" spans="14:14">
      <c r="N912092" s="10"/>
    </row>
    <row r="912093" spans="14:14">
      <c r="N912093" s="10"/>
    </row>
    <row r="912094" spans="14:14">
      <c r="N912094" s="10"/>
    </row>
    <row r="912095" spans="14:14">
      <c r="N912095" s="10"/>
    </row>
    <row r="912096" spans="14:14">
      <c r="N912096" s="10"/>
    </row>
    <row r="912097" spans="14:14">
      <c r="N912097" s="10"/>
    </row>
    <row r="912098" spans="14:14">
      <c r="N912098" s="10"/>
    </row>
    <row r="912099" spans="14:14">
      <c r="N912099" s="10"/>
    </row>
    <row r="912100" spans="14:14">
      <c r="N912100" s="10"/>
    </row>
    <row r="912101" spans="14:14">
      <c r="N912101" s="10"/>
    </row>
    <row r="912102" spans="14:14">
      <c r="N912102" s="10"/>
    </row>
    <row r="912103" spans="14:14">
      <c r="N912103" s="10"/>
    </row>
    <row r="912104" spans="14:14">
      <c r="N912104" s="10"/>
    </row>
    <row r="912105" spans="14:14">
      <c r="N912105" s="10"/>
    </row>
    <row r="912106" spans="14:14">
      <c r="N912106" s="10"/>
    </row>
    <row r="912107" spans="14:14">
      <c r="N912107" s="10"/>
    </row>
    <row r="912108" spans="14:14">
      <c r="N912108" s="10"/>
    </row>
    <row r="912109" spans="14:14">
      <c r="N912109" s="10"/>
    </row>
    <row r="912110" spans="14:14">
      <c r="N912110" s="10"/>
    </row>
    <row r="912111" spans="14:14">
      <c r="N912111" s="10"/>
    </row>
    <row r="912112" spans="14:14">
      <c r="N912112" s="10"/>
    </row>
    <row r="912113" spans="14:14">
      <c r="N912113" s="10"/>
    </row>
    <row r="912114" spans="14:14">
      <c r="N912114" s="10"/>
    </row>
    <row r="912115" spans="14:14">
      <c r="N912115" s="10"/>
    </row>
    <row r="912116" spans="14:14">
      <c r="N912116" s="10"/>
    </row>
    <row r="912117" spans="14:14">
      <c r="N912117" s="10"/>
    </row>
    <row r="912118" spans="14:14">
      <c r="N912118" s="10"/>
    </row>
    <row r="912119" spans="14:14">
      <c r="N912119" s="10"/>
    </row>
    <row r="912120" spans="14:14">
      <c r="N912120" s="10"/>
    </row>
    <row r="912121" spans="14:14">
      <c r="N912121" s="10"/>
    </row>
    <row r="912122" spans="14:14">
      <c r="N912122" s="10"/>
    </row>
    <row r="912123" spans="14:14">
      <c r="N912123" s="10"/>
    </row>
    <row r="912124" spans="14:14">
      <c r="N912124" s="10"/>
    </row>
    <row r="912125" spans="14:14">
      <c r="N912125" s="10"/>
    </row>
    <row r="912126" spans="14:14">
      <c r="N912126" s="10"/>
    </row>
    <row r="912127" spans="14:14">
      <c r="N912127" s="10"/>
    </row>
    <row r="912128" spans="14:14">
      <c r="N912128" s="10"/>
    </row>
    <row r="912129" spans="14:14">
      <c r="N912129" s="10"/>
    </row>
    <row r="912130" spans="14:14">
      <c r="N912130" s="10"/>
    </row>
    <row r="912131" spans="14:14">
      <c r="N912131" s="10"/>
    </row>
    <row r="912132" spans="14:14">
      <c r="N912132" s="10"/>
    </row>
    <row r="912133" spans="14:14">
      <c r="N912133" s="10"/>
    </row>
    <row r="912134" spans="14:14">
      <c r="N912134" s="10"/>
    </row>
    <row r="912135" spans="14:14">
      <c r="N912135" s="10"/>
    </row>
    <row r="912136" spans="14:14">
      <c r="N912136" s="10"/>
    </row>
    <row r="912137" spans="14:14">
      <c r="N912137" s="10"/>
    </row>
    <row r="912138" spans="14:14">
      <c r="N912138" s="10"/>
    </row>
    <row r="912139" spans="14:14">
      <c r="N912139" s="10"/>
    </row>
    <row r="912140" spans="14:14">
      <c r="N912140" s="10"/>
    </row>
    <row r="912141" spans="14:14">
      <c r="N912141" s="10"/>
    </row>
    <row r="912142" spans="14:14">
      <c r="N912142" s="10"/>
    </row>
    <row r="912143" spans="14:14">
      <c r="N912143" s="10"/>
    </row>
    <row r="912144" spans="14:14">
      <c r="N912144" s="10"/>
    </row>
    <row r="912145" spans="14:14">
      <c r="N912145" s="10"/>
    </row>
    <row r="912146" spans="14:14">
      <c r="N912146" s="10"/>
    </row>
    <row r="912147" spans="14:14">
      <c r="N912147" s="10"/>
    </row>
    <row r="912148" spans="14:14">
      <c r="N912148" s="10"/>
    </row>
    <row r="912149" spans="14:14">
      <c r="N912149" s="10"/>
    </row>
    <row r="912150" spans="14:14">
      <c r="N912150" s="10"/>
    </row>
    <row r="912151" spans="14:14">
      <c r="N912151" s="10"/>
    </row>
    <row r="912152" spans="14:14">
      <c r="N912152" s="10"/>
    </row>
    <row r="912153" spans="14:14">
      <c r="N912153" s="10"/>
    </row>
    <row r="912154" spans="14:14">
      <c r="N912154" s="10"/>
    </row>
    <row r="912155" spans="14:14">
      <c r="N912155" s="10"/>
    </row>
    <row r="912156" spans="14:14">
      <c r="N912156" s="10"/>
    </row>
    <row r="912157" spans="14:14">
      <c r="N912157" s="10"/>
    </row>
    <row r="912158" spans="14:14">
      <c r="N912158" s="10"/>
    </row>
    <row r="912159" spans="14:14">
      <c r="N912159" s="10"/>
    </row>
    <row r="912160" spans="14:14">
      <c r="N912160" s="10"/>
    </row>
    <row r="912161" spans="14:14">
      <c r="N912161" s="10"/>
    </row>
    <row r="912162" spans="14:14">
      <c r="N912162" s="10"/>
    </row>
    <row r="912163" spans="14:14">
      <c r="N912163" s="10"/>
    </row>
    <row r="912164" spans="14:14">
      <c r="N912164" s="10"/>
    </row>
    <row r="912165" spans="14:14">
      <c r="N912165" s="10"/>
    </row>
    <row r="912166" spans="14:14">
      <c r="N912166" s="10"/>
    </row>
    <row r="912167" spans="14:14">
      <c r="N912167" s="10"/>
    </row>
    <row r="912168" spans="14:14">
      <c r="N912168" s="10"/>
    </row>
    <row r="912169" spans="14:14">
      <c r="N912169" s="10"/>
    </row>
    <row r="912170" spans="14:14">
      <c r="N912170" s="10"/>
    </row>
    <row r="912171" spans="14:14">
      <c r="N912171" s="10"/>
    </row>
    <row r="912172" spans="14:14">
      <c r="N912172" s="10"/>
    </row>
    <row r="912173" spans="14:14">
      <c r="N912173" s="10"/>
    </row>
    <row r="912174" spans="14:14">
      <c r="N912174" s="10"/>
    </row>
    <row r="912175" spans="14:14">
      <c r="N912175" s="10"/>
    </row>
    <row r="912176" spans="14:14">
      <c r="N912176" s="10"/>
    </row>
    <row r="912177" spans="14:14">
      <c r="N912177" s="10"/>
    </row>
    <row r="912178" spans="14:14">
      <c r="N912178" s="10"/>
    </row>
    <row r="912179" spans="14:14">
      <c r="N912179" s="10"/>
    </row>
    <row r="912180" spans="14:14">
      <c r="N912180" s="10"/>
    </row>
    <row r="912181" spans="14:14">
      <c r="N912181" s="10"/>
    </row>
    <row r="912182" spans="14:14">
      <c r="N912182" s="10"/>
    </row>
    <row r="912183" spans="14:14">
      <c r="N912183" s="10"/>
    </row>
    <row r="912184" spans="14:14">
      <c r="N912184" s="10"/>
    </row>
    <row r="912185" spans="14:14">
      <c r="N912185" s="10"/>
    </row>
    <row r="912186" spans="14:14">
      <c r="N912186" s="10"/>
    </row>
    <row r="912187" spans="14:14">
      <c r="N912187" s="10"/>
    </row>
    <row r="912188" spans="14:14">
      <c r="N912188" s="10"/>
    </row>
    <row r="912189" spans="14:14">
      <c r="N912189" s="10"/>
    </row>
    <row r="912190" spans="14:14">
      <c r="N912190" s="10"/>
    </row>
    <row r="912191" spans="14:14">
      <c r="N912191" s="10"/>
    </row>
    <row r="912192" spans="14:14">
      <c r="N912192" s="10"/>
    </row>
    <row r="912193" spans="14:14">
      <c r="N912193" s="10"/>
    </row>
    <row r="912194" spans="14:14">
      <c r="N912194" s="10"/>
    </row>
    <row r="912195" spans="14:14">
      <c r="N912195" s="10"/>
    </row>
    <row r="912196" spans="14:14">
      <c r="N912196" s="10"/>
    </row>
    <row r="912197" spans="14:14">
      <c r="N912197" s="10"/>
    </row>
    <row r="912198" spans="14:14">
      <c r="N912198" s="10"/>
    </row>
    <row r="912199" spans="14:14">
      <c r="N912199" s="10"/>
    </row>
    <row r="912200" spans="14:14">
      <c r="N912200" s="10"/>
    </row>
    <row r="912201" spans="14:14">
      <c r="N912201" s="10"/>
    </row>
    <row r="912202" spans="14:14">
      <c r="N912202" s="10"/>
    </row>
    <row r="912203" spans="14:14">
      <c r="N912203" s="10"/>
    </row>
    <row r="912204" spans="14:14">
      <c r="N912204" s="10"/>
    </row>
    <row r="912205" spans="14:14">
      <c r="N912205" s="10"/>
    </row>
    <row r="912206" spans="14:14">
      <c r="N912206" s="10"/>
    </row>
    <row r="912207" spans="14:14">
      <c r="N912207" s="10"/>
    </row>
    <row r="912208" spans="14:14">
      <c r="N912208" s="10"/>
    </row>
    <row r="912209" spans="14:14">
      <c r="N912209" s="10"/>
    </row>
    <row r="912210" spans="14:14">
      <c r="N912210" s="10"/>
    </row>
    <row r="912211" spans="14:14">
      <c r="N912211" s="10"/>
    </row>
    <row r="912212" spans="14:14">
      <c r="N912212" s="10"/>
    </row>
    <row r="912213" spans="14:14">
      <c r="N912213" s="10"/>
    </row>
    <row r="912214" spans="14:14">
      <c r="N912214" s="10"/>
    </row>
    <row r="912215" spans="14:14">
      <c r="N912215" s="10"/>
    </row>
    <row r="912216" spans="14:14">
      <c r="N912216" s="10"/>
    </row>
    <row r="912217" spans="14:14">
      <c r="N912217" s="10"/>
    </row>
    <row r="912218" spans="14:14">
      <c r="N912218" s="10"/>
    </row>
    <row r="912219" spans="14:14">
      <c r="N912219" s="10"/>
    </row>
    <row r="912220" spans="14:14">
      <c r="N912220" s="10"/>
    </row>
    <row r="912221" spans="14:14">
      <c r="N912221" s="10"/>
    </row>
    <row r="912222" spans="14:14">
      <c r="N912222" s="10"/>
    </row>
    <row r="912223" spans="14:14">
      <c r="N912223" s="10"/>
    </row>
    <row r="912224" spans="14:14">
      <c r="N912224" s="10"/>
    </row>
    <row r="912225" spans="14:14">
      <c r="N912225" s="10"/>
    </row>
    <row r="912226" spans="14:14">
      <c r="N912226" s="10"/>
    </row>
    <row r="912227" spans="14:14">
      <c r="N912227" s="10"/>
    </row>
    <row r="912228" spans="14:14">
      <c r="N912228" s="10"/>
    </row>
    <row r="912229" spans="14:14">
      <c r="N912229" s="10"/>
    </row>
    <row r="912230" spans="14:14">
      <c r="N912230" s="10"/>
    </row>
    <row r="912231" spans="14:14">
      <c r="N912231" s="10"/>
    </row>
    <row r="912232" spans="14:14">
      <c r="N912232" s="10"/>
    </row>
    <row r="912233" spans="14:14">
      <c r="N912233" s="10"/>
    </row>
    <row r="912234" spans="14:14">
      <c r="N912234" s="10"/>
    </row>
    <row r="912235" spans="14:14">
      <c r="N912235" s="10"/>
    </row>
    <row r="912236" spans="14:14">
      <c r="N912236" s="10"/>
    </row>
    <row r="912237" spans="14:14">
      <c r="N912237" s="10"/>
    </row>
    <row r="912238" spans="14:14">
      <c r="N912238" s="10"/>
    </row>
    <row r="912239" spans="14:14">
      <c r="N912239" s="10"/>
    </row>
    <row r="912240" spans="14:14">
      <c r="N912240" s="10"/>
    </row>
    <row r="912241" spans="14:14">
      <c r="N912241" s="10"/>
    </row>
    <row r="912242" spans="14:14">
      <c r="N912242" s="10"/>
    </row>
    <row r="912243" spans="14:14">
      <c r="N912243" s="10"/>
    </row>
    <row r="912244" spans="14:14">
      <c r="N912244" s="10"/>
    </row>
    <row r="912245" spans="14:14">
      <c r="N912245" s="10"/>
    </row>
    <row r="912246" spans="14:14">
      <c r="N912246" s="10"/>
    </row>
    <row r="912247" spans="14:14">
      <c r="N912247" s="10"/>
    </row>
    <row r="912248" spans="14:14">
      <c r="N912248" s="10"/>
    </row>
    <row r="912249" spans="14:14">
      <c r="N912249" s="10"/>
    </row>
    <row r="912250" spans="14:14">
      <c r="N912250" s="10"/>
    </row>
    <row r="912251" spans="14:14">
      <c r="N912251" s="10"/>
    </row>
    <row r="912252" spans="14:14">
      <c r="N912252" s="10"/>
    </row>
    <row r="912253" spans="14:14">
      <c r="N912253" s="10"/>
    </row>
    <row r="912254" spans="14:14">
      <c r="N912254" s="10"/>
    </row>
    <row r="912255" spans="14:14">
      <c r="N912255" s="10"/>
    </row>
    <row r="912256" spans="14:14">
      <c r="N912256" s="10"/>
    </row>
    <row r="912257" spans="14:14">
      <c r="N912257" s="10"/>
    </row>
    <row r="912258" spans="14:14">
      <c r="N912258" s="10"/>
    </row>
    <row r="912259" spans="14:14">
      <c r="N912259" s="10"/>
    </row>
    <row r="912260" spans="14:14">
      <c r="N912260" s="10"/>
    </row>
    <row r="912261" spans="14:14">
      <c r="N912261" s="10"/>
    </row>
    <row r="912262" spans="14:14">
      <c r="N912262" s="10"/>
    </row>
    <row r="912263" spans="14:14">
      <c r="N912263" s="10"/>
    </row>
    <row r="912264" spans="14:14">
      <c r="N912264" s="10"/>
    </row>
    <row r="912265" spans="14:14">
      <c r="N912265" s="10"/>
    </row>
    <row r="912266" spans="14:14">
      <c r="N912266" s="10"/>
    </row>
    <row r="912267" spans="14:14">
      <c r="N912267" s="10"/>
    </row>
    <row r="912268" spans="14:14">
      <c r="N912268" s="10"/>
    </row>
    <row r="912269" spans="14:14">
      <c r="N912269" s="10"/>
    </row>
    <row r="912270" spans="14:14">
      <c r="N912270" s="10"/>
    </row>
    <row r="912271" spans="14:14">
      <c r="N912271" s="10"/>
    </row>
    <row r="912272" spans="14:14">
      <c r="N912272" s="10"/>
    </row>
    <row r="912273" spans="14:14">
      <c r="N912273" s="10"/>
    </row>
    <row r="912274" spans="14:14">
      <c r="N912274" s="10"/>
    </row>
    <row r="912275" spans="14:14">
      <c r="N912275" s="10"/>
    </row>
    <row r="912276" spans="14:14">
      <c r="N912276" s="10"/>
    </row>
    <row r="912277" spans="14:14">
      <c r="N912277" s="10"/>
    </row>
    <row r="912278" spans="14:14">
      <c r="N912278" s="10"/>
    </row>
    <row r="912279" spans="14:14">
      <c r="N912279" s="10"/>
    </row>
    <row r="912280" spans="14:14">
      <c r="N912280" s="10"/>
    </row>
    <row r="912281" spans="14:14">
      <c r="N912281" s="10"/>
    </row>
    <row r="912282" spans="14:14">
      <c r="N912282" s="10"/>
    </row>
    <row r="912283" spans="14:14">
      <c r="N912283" s="10"/>
    </row>
    <row r="912284" spans="14:14">
      <c r="N912284" s="10"/>
    </row>
    <row r="912285" spans="14:14">
      <c r="N912285" s="10"/>
    </row>
    <row r="912286" spans="14:14">
      <c r="N912286" s="10"/>
    </row>
    <row r="912287" spans="14:14">
      <c r="N912287" s="10"/>
    </row>
    <row r="912288" spans="14:14">
      <c r="N912288" s="10"/>
    </row>
    <row r="912289" spans="14:14">
      <c r="N912289" s="10"/>
    </row>
    <row r="912290" spans="14:14">
      <c r="N912290" s="10"/>
    </row>
    <row r="912291" spans="14:14">
      <c r="N912291" s="10"/>
    </row>
    <row r="912292" spans="14:14">
      <c r="N912292" s="10"/>
    </row>
    <row r="912293" spans="14:14">
      <c r="N912293" s="10"/>
    </row>
    <row r="912294" spans="14:14">
      <c r="N912294" s="10"/>
    </row>
    <row r="912295" spans="14:14">
      <c r="N912295" s="10"/>
    </row>
    <row r="912296" spans="14:14">
      <c r="N912296" s="10"/>
    </row>
    <row r="912297" spans="14:14">
      <c r="N912297" s="10"/>
    </row>
    <row r="912298" spans="14:14">
      <c r="N912298" s="10"/>
    </row>
    <row r="912299" spans="14:14">
      <c r="N912299" s="10"/>
    </row>
    <row r="912300" spans="14:14">
      <c r="N912300" s="10"/>
    </row>
    <row r="912301" spans="14:14">
      <c r="N912301" s="10"/>
    </row>
    <row r="912302" spans="14:14">
      <c r="N912302" s="10"/>
    </row>
    <row r="912303" spans="14:14">
      <c r="N912303" s="10"/>
    </row>
    <row r="912304" spans="14:14">
      <c r="N912304" s="10"/>
    </row>
    <row r="912305" spans="14:14">
      <c r="N912305" s="10"/>
    </row>
    <row r="912306" spans="14:14">
      <c r="N912306" s="10"/>
    </row>
    <row r="912307" spans="14:14">
      <c r="N912307" s="10"/>
    </row>
    <row r="912308" spans="14:14">
      <c r="N912308" s="10"/>
    </row>
    <row r="912309" spans="14:14">
      <c r="N912309" s="10"/>
    </row>
    <row r="912310" spans="14:14">
      <c r="N912310" s="10"/>
    </row>
    <row r="912311" spans="14:14">
      <c r="N912311" s="10"/>
    </row>
    <row r="912312" spans="14:14">
      <c r="N912312" s="10"/>
    </row>
    <row r="912313" spans="14:14">
      <c r="N912313" s="10"/>
    </row>
    <row r="912314" spans="14:14">
      <c r="N912314" s="10"/>
    </row>
    <row r="912315" spans="14:14">
      <c r="N912315" s="10"/>
    </row>
    <row r="912316" spans="14:14">
      <c r="N912316" s="10"/>
    </row>
    <row r="912317" spans="14:14">
      <c r="N912317" s="10"/>
    </row>
    <row r="912318" spans="14:14">
      <c r="N912318" s="10"/>
    </row>
    <row r="912319" spans="14:14">
      <c r="N912319" s="10"/>
    </row>
    <row r="912320" spans="14:14">
      <c r="N912320" s="10"/>
    </row>
    <row r="912321" spans="14:14">
      <c r="N912321" s="10"/>
    </row>
    <row r="912322" spans="14:14">
      <c r="N912322" s="10"/>
    </row>
    <row r="912323" spans="14:14">
      <c r="N912323" s="10"/>
    </row>
    <row r="912324" spans="14:14">
      <c r="N912324" s="10"/>
    </row>
    <row r="912325" spans="14:14">
      <c r="N912325" s="10"/>
    </row>
    <row r="912326" spans="14:14">
      <c r="N912326" s="10"/>
    </row>
    <row r="912327" spans="14:14">
      <c r="N912327" s="10"/>
    </row>
    <row r="912328" spans="14:14">
      <c r="N912328" s="10"/>
    </row>
    <row r="912329" spans="14:14">
      <c r="N912329" s="10"/>
    </row>
    <row r="912330" spans="14:14">
      <c r="N912330" s="10"/>
    </row>
    <row r="912331" spans="14:14">
      <c r="N912331" s="10"/>
    </row>
    <row r="912332" spans="14:14">
      <c r="N912332" s="10"/>
    </row>
    <row r="912333" spans="14:14">
      <c r="N912333" s="10"/>
    </row>
    <row r="912334" spans="14:14">
      <c r="N912334" s="10"/>
    </row>
    <row r="912335" spans="14:14">
      <c r="N912335" s="10"/>
    </row>
    <row r="912336" spans="14:14">
      <c r="N912336" s="10"/>
    </row>
    <row r="912337" spans="14:14">
      <c r="N912337" s="10"/>
    </row>
    <row r="912338" spans="14:14">
      <c r="N912338" s="10"/>
    </row>
    <row r="912339" spans="14:14">
      <c r="N912339" s="10"/>
    </row>
    <row r="912340" spans="14:14">
      <c r="N912340" s="10"/>
    </row>
    <row r="912341" spans="14:14">
      <c r="N912341" s="10"/>
    </row>
    <row r="912342" spans="14:14">
      <c r="N912342" s="10"/>
    </row>
    <row r="912343" spans="14:14">
      <c r="N912343" s="10"/>
    </row>
    <row r="912344" spans="14:14">
      <c r="N912344" s="10"/>
    </row>
    <row r="912345" spans="14:14">
      <c r="N912345" s="10"/>
    </row>
    <row r="912346" spans="14:14">
      <c r="N912346" s="10"/>
    </row>
    <row r="912347" spans="14:14">
      <c r="N912347" s="10"/>
    </row>
    <row r="912348" spans="14:14">
      <c r="N912348" s="10"/>
    </row>
    <row r="912349" spans="14:14">
      <c r="N912349" s="10"/>
    </row>
    <row r="912350" spans="14:14">
      <c r="N912350" s="10"/>
    </row>
    <row r="912351" spans="14:14">
      <c r="N912351" s="10"/>
    </row>
    <row r="912352" spans="14:14">
      <c r="N912352" s="10"/>
    </row>
    <row r="912353" spans="14:14">
      <c r="N912353" s="10"/>
    </row>
    <row r="912354" spans="14:14">
      <c r="N912354" s="10"/>
    </row>
    <row r="912355" spans="14:14">
      <c r="N912355" s="10"/>
    </row>
    <row r="912356" spans="14:14">
      <c r="N912356" s="10"/>
    </row>
    <row r="912357" spans="14:14">
      <c r="N912357" s="10"/>
    </row>
    <row r="912358" spans="14:14">
      <c r="N912358" s="10"/>
    </row>
    <row r="912359" spans="14:14">
      <c r="N912359" s="10"/>
    </row>
    <row r="912360" spans="14:14">
      <c r="N912360" s="10"/>
    </row>
    <row r="912361" spans="14:14">
      <c r="N912361" s="10"/>
    </row>
    <row r="912362" spans="14:14">
      <c r="N912362" s="10"/>
    </row>
    <row r="912363" spans="14:14">
      <c r="N912363" s="10"/>
    </row>
    <row r="912364" spans="14:14">
      <c r="N912364" s="10"/>
    </row>
    <row r="912365" spans="14:14">
      <c r="N912365" s="10"/>
    </row>
    <row r="912366" spans="14:14">
      <c r="N912366" s="10"/>
    </row>
    <row r="912367" spans="14:14">
      <c r="N912367" s="10"/>
    </row>
    <row r="912368" spans="14:14">
      <c r="N912368" s="10"/>
    </row>
    <row r="912369" spans="14:14">
      <c r="N912369" s="10"/>
    </row>
    <row r="912370" spans="14:14">
      <c r="N912370" s="10"/>
    </row>
    <row r="912371" spans="14:14">
      <c r="N912371" s="10"/>
    </row>
    <row r="912372" spans="14:14">
      <c r="N912372" s="10"/>
    </row>
    <row r="912373" spans="14:14">
      <c r="N912373" s="10"/>
    </row>
    <row r="912374" spans="14:14">
      <c r="N912374" s="10"/>
    </row>
    <row r="912375" spans="14:14">
      <c r="N912375" s="10"/>
    </row>
    <row r="912376" spans="14:14">
      <c r="N912376" s="10"/>
    </row>
    <row r="912377" spans="14:14">
      <c r="N912377" s="10"/>
    </row>
    <row r="912378" spans="14:14">
      <c r="N912378" s="10"/>
    </row>
    <row r="912379" spans="14:14">
      <c r="N912379" s="10"/>
    </row>
    <row r="912380" spans="14:14">
      <c r="N912380" s="10"/>
    </row>
    <row r="912381" spans="14:14">
      <c r="N912381" s="10"/>
    </row>
    <row r="912382" spans="14:14">
      <c r="N912382" s="10"/>
    </row>
    <row r="912383" spans="14:14">
      <c r="N912383" s="10"/>
    </row>
    <row r="912384" spans="14:14">
      <c r="N912384" s="10"/>
    </row>
    <row r="912385" spans="14:14">
      <c r="N912385" s="10"/>
    </row>
    <row r="912386" spans="14:14">
      <c r="N912386" s="10"/>
    </row>
    <row r="912387" spans="14:14">
      <c r="N912387" s="10"/>
    </row>
    <row r="912388" spans="14:14">
      <c r="N912388" s="10"/>
    </row>
    <row r="912389" spans="14:14">
      <c r="N912389" s="10"/>
    </row>
    <row r="912390" spans="14:14">
      <c r="N912390" s="10"/>
    </row>
    <row r="912391" spans="14:14">
      <c r="N912391" s="10"/>
    </row>
    <row r="912392" spans="14:14">
      <c r="N912392" s="10"/>
    </row>
    <row r="912393" spans="14:14">
      <c r="N912393" s="10"/>
    </row>
    <row r="912394" spans="14:14">
      <c r="N912394" s="10"/>
    </row>
    <row r="912395" spans="14:14">
      <c r="N912395" s="10"/>
    </row>
    <row r="912396" spans="14:14">
      <c r="N912396" s="10"/>
    </row>
    <row r="912397" spans="14:14">
      <c r="N912397" s="10"/>
    </row>
    <row r="912398" spans="14:14">
      <c r="N912398" s="10"/>
    </row>
    <row r="912399" spans="14:14">
      <c r="N912399" s="10"/>
    </row>
    <row r="912400" spans="14:14">
      <c r="N912400" s="10"/>
    </row>
    <row r="912401" spans="14:14">
      <c r="N912401" s="10"/>
    </row>
    <row r="912402" spans="14:14">
      <c r="N912402" s="10"/>
    </row>
    <row r="912403" spans="14:14">
      <c r="N912403" s="10"/>
    </row>
    <row r="912404" spans="14:14">
      <c r="N912404" s="10"/>
    </row>
    <row r="912405" spans="14:14">
      <c r="N912405" s="10"/>
    </row>
    <row r="912406" spans="14:14">
      <c r="N912406" s="10"/>
    </row>
    <row r="912407" spans="14:14">
      <c r="N912407" s="10"/>
    </row>
    <row r="912408" spans="14:14">
      <c r="N912408" s="10"/>
    </row>
    <row r="912409" spans="14:14">
      <c r="N912409" s="10"/>
    </row>
    <row r="912410" spans="14:14">
      <c r="N912410" s="10"/>
    </row>
    <row r="912411" spans="14:14">
      <c r="N912411" s="10"/>
    </row>
    <row r="912412" spans="14:14">
      <c r="N912412" s="10"/>
    </row>
    <row r="912413" spans="14:14">
      <c r="N912413" s="10"/>
    </row>
    <row r="912414" spans="14:14">
      <c r="N912414" s="10"/>
    </row>
    <row r="912415" spans="14:14">
      <c r="N912415" s="10"/>
    </row>
    <row r="912416" spans="14:14">
      <c r="N912416" s="10"/>
    </row>
    <row r="912417" spans="14:14">
      <c r="N912417" s="10"/>
    </row>
    <row r="912418" spans="14:14">
      <c r="N912418" s="10"/>
    </row>
    <row r="912419" spans="14:14">
      <c r="N912419" s="10"/>
    </row>
    <row r="912420" spans="14:14">
      <c r="N912420" s="10"/>
    </row>
    <row r="912421" spans="14:14">
      <c r="N912421" s="10"/>
    </row>
    <row r="912422" spans="14:14">
      <c r="N912422" s="10"/>
    </row>
    <row r="912423" spans="14:14">
      <c r="N912423" s="10"/>
    </row>
    <row r="912424" spans="14:14">
      <c r="N912424" s="10"/>
    </row>
    <row r="912425" spans="14:14">
      <c r="N912425" s="10"/>
    </row>
    <row r="912426" spans="14:14">
      <c r="N912426" s="10"/>
    </row>
    <row r="912427" spans="14:14">
      <c r="N912427" s="10"/>
    </row>
    <row r="912428" spans="14:14">
      <c r="N912428" s="10"/>
    </row>
    <row r="912429" spans="14:14">
      <c r="N912429" s="10"/>
    </row>
    <row r="912430" spans="14:14">
      <c r="N912430" s="10"/>
    </row>
    <row r="912431" spans="14:14">
      <c r="N912431" s="10"/>
    </row>
    <row r="912432" spans="14:14">
      <c r="N912432" s="10"/>
    </row>
    <row r="912433" spans="14:14">
      <c r="N912433" s="10"/>
    </row>
    <row r="912434" spans="14:14">
      <c r="N912434" s="10"/>
    </row>
    <row r="912435" spans="14:14">
      <c r="N912435" s="10"/>
    </row>
    <row r="912436" spans="14:14">
      <c r="N912436" s="10"/>
    </row>
    <row r="912437" spans="14:14">
      <c r="N912437" s="10"/>
    </row>
    <row r="912438" spans="14:14">
      <c r="N912438" s="10"/>
    </row>
    <row r="912439" spans="14:14">
      <c r="N912439" s="10"/>
    </row>
    <row r="912440" spans="14:14">
      <c r="N912440" s="10"/>
    </row>
    <row r="912441" spans="14:14">
      <c r="N912441" s="10"/>
    </row>
    <row r="912442" spans="14:14">
      <c r="N912442" s="10"/>
    </row>
    <row r="912443" spans="14:14">
      <c r="N912443" s="10"/>
    </row>
    <row r="912444" spans="14:14">
      <c r="N912444" s="10"/>
    </row>
    <row r="912445" spans="14:14">
      <c r="N912445" s="10"/>
    </row>
    <row r="912446" spans="14:14">
      <c r="N912446" s="10"/>
    </row>
    <row r="912447" spans="14:14">
      <c r="N912447" s="10"/>
    </row>
    <row r="912448" spans="14:14">
      <c r="N912448" s="10"/>
    </row>
    <row r="912449" spans="14:14">
      <c r="N912449" s="10"/>
    </row>
    <row r="912450" spans="14:14">
      <c r="N912450" s="10"/>
    </row>
    <row r="912451" spans="14:14">
      <c r="N912451" s="10"/>
    </row>
    <row r="912452" spans="14:14">
      <c r="N912452" s="10"/>
    </row>
    <row r="912453" spans="14:14">
      <c r="N912453" s="10"/>
    </row>
    <row r="912454" spans="14:14">
      <c r="N912454" s="10"/>
    </row>
    <row r="912455" spans="14:14">
      <c r="N912455" s="10"/>
    </row>
    <row r="912456" spans="14:14">
      <c r="N912456" s="10"/>
    </row>
    <row r="912457" spans="14:14">
      <c r="N912457" s="10"/>
    </row>
    <row r="912458" spans="14:14">
      <c r="N912458" s="10"/>
    </row>
    <row r="912459" spans="14:14">
      <c r="N912459" s="10"/>
    </row>
    <row r="912460" spans="14:14">
      <c r="N912460" s="10"/>
    </row>
    <row r="912461" spans="14:14">
      <c r="N912461" s="10"/>
    </row>
    <row r="912462" spans="14:14">
      <c r="N912462" s="10"/>
    </row>
    <row r="912463" spans="14:14">
      <c r="N912463" s="10"/>
    </row>
    <row r="912464" spans="14:14">
      <c r="N912464" s="10"/>
    </row>
    <row r="912465" spans="14:14">
      <c r="N912465" s="10"/>
    </row>
    <row r="912466" spans="14:14">
      <c r="N912466" s="10"/>
    </row>
    <row r="912467" spans="14:14">
      <c r="N912467" s="10"/>
    </row>
    <row r="912468" spans="14:14">
      <c r="N912468" s="10"/>
    </row>
    <row r="912469" spans="14:14">
      <c r="N912469" s="10"/>
    </row>
    <row r="912470" spans="14:14">
      <c r="N912470" s="10"/>
    </row>
    <row r="912471" spans="14:14">
      <c r="N912471" s="10"/>
    </row>
    <row r="912472" spans="14:14">
      <c r="N912472" s="10"/>
    </row>
    <row r="912473" spans="14:14">
      <c r="N912473" s="10"/>
    </row>
    <row r="912474" spans="14:14">
      <c r="N912474" s="10"/>
    </row>
    <row r="912475" spans="14:14">
      <c r="N912475" s="10"/>
    </row>
    <row r="912476" spans="14:14">
      <c r="N912476" s="10"/>
    </row>
    <row r="912477" spans="14:14">
      <c r="N912477" s="10"/>
    </row>
    <row r="912478" spans="14:14">
      <c r="N912478" s="10"/>
    </row>
    <row r="912479" spans="14:14">
      <c r="N912479" s="10"/>
    </row>
    <row r="912480" spans="14:14">
      <c r="N912480" s="10"/>
    </row>
    <row r="912481" spans="14:14">
      <c r="N912481" s="10"/>
    </row>
    <row r="912482" spans="14:14">
      <c r="N912482" s="10"/>
    </row>
    <row r="912483" spans="14:14">
      <c r="N912483" s="10"/>
    </row>
    <row r="912484" spans="14:14">
      <c r="N912484" s="10"/>
    </row>
    <row r="912485" spans="14:14">
      <c r="N912485" s="10"/>
    </row>
    <row r="912486" spans="14:14">
      <c r="N912486" s="10"/>
    </row>
    <row r="912487" spans="14:14">
      <c r="N912487" s="10"/>
    </row>
    <row r="912488" spans="14:14">
      <c r="N912488" s="10"/>
    </row>
    <row r="912489" spans="14:14">
      <c r="N912489" s="10"/>
    </row>
    <row r="912490" spans="14:14">
      <c r="N912490" s="10"/>
    </row>
    <row r="912491" spans="14:14">
      <c r="N912491" s="10"/>
    </row>
    <row r="912492" spans="14:14">
      <c r="N912492" s="10"/>
    </row>
    <row r="912493" spans="14:14">
      <c r="N912493" s="10"/>
    </row>
    <row r="912494" spans="14:14">
      <c r="N912494" s="10"/>
    </row>
    <row r="912495" spans="14:14">
      <c r="N912495" s="10"/>
    </row>
    <row r="912496" spans="14:14">
      <c r="N912496" s="10"/>
    </row>
    <row r="912497" spans="14:14">
      <c r="N912497" s="10"/>
    </row>
    <row r="912498" spans="14:14">
      <c r="N912498" s="10"/>
    </row>
    <row r="912499" spans="14:14">
      <c r="N912499" s="10"/>
    </row>
    <row r="912500" spans="14:14">
      <c r="N912500" s="10"/>
    </row>
    <row r="912501" spans="14:14">
      <c r="N912501" s="10"/>
    </row>
    <row r="912502" spans="14:14">
      <c r="N912502" s="10"/>
    </row>
    <row r="912503" spans="14:14">
      <c r="N912503" s="10"/>
    </row>
    <row r="912504" spans="14:14">
      <c r="N912504" s="10"/>
    </row>
    <row r="912505" spans="14:14">
      <c r="N912505" s="10"/>
    </row>
    <row r="912506" spans="14:14">
      <c r="N912506" s="10"/>
    </row>
    <row r="912507" spans="14:14">
      <c r="N912507" s="10"/>
    </row>
    <row r="912508" spans="14:14">
      <c r="N912508" s="10"/>
    </row>
    <row r="912509" spans="14:14">
      <c r="N912509" s="10"/>
    </row>
    <row r="912510" spans="14:14">
      <c r="N912510" s="10"/>
    </row>
    <row r="912511" spans="14:14">
      <c r="N912511" s="10"/>
    </row>
    <row r="912512" spans="14:14">
      <c r="N912512" s="10"/>
    </row>
    <row r="912513" spans="14:14">
      <c r="N912513" s="10"/>
    </row>
    <row r="912514" spans="14:14">
      <c r="N912514" s="10"/>
    </row>
    <row r="912515" spans="14:14">
      <c r="N912515" s="10"/>
    </row>
    <row r="912516" spans="14:14">
      <c r="N912516" s="10"/>
    </row>
    <row r="912517" spans="14:14">
      <c r="N912517" s="10"/>
    </row>
    <row r="912518" spans="14:14">
      <c r="N912518" s="10"/>
    </row>
    <row r="912519" spans="14:14">
      <c r="N912519" s="10"/>
    </row>
    <row r="912520" spans="14:14">
      <c r="N912520" s="10"/>
    </row>
    <row r="912521" spans="14:14">
      <c r="N912521" s="10"/>
    </row>
    <row r="912522" spans="14:14">
      <c r="N912522" s="10"/>
    </row>
    <row r="912523" spans="14:14">
      <c r="N912523" s="10"/>
    </row>
    <row r="912524" spans="14:14">
      <c r="N912524" s="10"/>
    </row>
    <row r="912525" spans="14:14">
      <c r="N912525" s="10"/>
    </row>
    <row r="912526" spans="14:14">
      <c r="N912526" s="10"/>
    </row>
    <row r="912527" spans="14:14">
      <c r="N912527" s="10"/>
    </row>
    <row r="912528" spans="14:14">
      <c r="N912528" s="10"/>
    </row>
    <row r="912529" spans="14:14">
      <c r="N912529" s="10"/>
    </row>
    <row r="912530" spans="14:14">
      <c r="N912530" s="10"/>
    </row>
    <row r="912531" spans="14:14">
      <c r="N912531" s="10"/>
    </row>
    <row r="912532" spans="14:14">
      <c r="N912532" s="10"/>
    </row>
    <row r="912533" spans="14:14">
      <c r="N912533" s="10"/>
    </row>
    <row r="912534" spans="14:14">
      <c r="N912534" s="10"/>
    </row>
    <row r="912535" spans="14:14">
      <c r="N912535" s="10"/>
    </row>
    <row r="912536" spans="14:14">
      <c r="N912536" s="10"/>
    </row>
    <row r="912537" spans="14:14">
      <c r="N912537" s="10"/>
    </row>
    <row r="912538" spans="14:14">
      <c r="N912538" s="10"/>
    </row>
    <row r="912539" spans="14:14">
      <c r="N912539" s="10"/>
    </row>
    <row r="912540" spans="14:14">
      <c r="N912540" s="10"/>
    </row>
    <row r="912541" spans="14:14">
      <c r="N912541" s="10"/>
    </row>
    <row r="912542" spans="14:14">
      <c r="N912542" s="10"/>
    </row>
    <row r="912543" spans="14:14">
      <c r="N912543" s="10"/>
    </row>
    <row r="912544" spans="14:14">
      <c r="N912544" s="10"/>
    </row>
    <row r="912545" spans="14:14">
      <c r="N912545" s="10"/>
    </row>
    <row r="912546" spans="14:14">
      <c r="N912546" s="10"/>
    </row>
    <row r="912547" spans="14:14">
      <c r="N912547" s="10"/>
    </row>
    <row r="912548" spans="14:14">
      <c r="N912548" s="10"/>
    </row>
    <row r="912549" spans="14:14">
      <c r="N912549" s="10"/>
    </row>
    <row r="912550" spans="14:14">
      <c r="N912550" s="10"/>
    </row>
    <row r="912551" spans="14:14">
      <c r="N912551" s="10"/>
    </row>
    <row r="912552" spans="14:14">
      <c r="N912552" s="10"/>
    </row>
    <row r="912553" spans="14:14">
      <c r="N912553" s="10"/>
    </row>
    <row r="912554" spans="14:14">
      <c r="N912554" s="10"/>
    </row>
    <row r="912555" spans="14:14">
      <c r="N912555" s="10"/>
    </row>
    <row r="912556" spans="14:14">
      <c r="N912556" s="10"/>
    </row>
    <row r="912557" spans="14:14">
      <c r="N912557" s="10"/>
    </row>
    <row r="912558" spans="14:14">
      <c r="N912558" s="10"/>
    </row>
    <row r="912559" spans="14:14">
      <c r="N912559" s="10"/>
    </row>
    <row r="912560" spans="14:14">
      <c r="N912560" s="10"/>
    </row>
    <row r="912561" spans="14:14">
      <c r="N912561" s="10"/>
    </row>
    <row r="912562" spans="14:14">
      <c r="N912562" s="10"/>
    </row>
    <row r="912563" spans="14:14">
      <c r="N912563" s="10"/>
    </row>
    <row r="912564" spans="14:14">
      <c r="N912564" s="10"/>
    </row>
    <row r="912565" spans="14:14">
      <c r="N912565" s="10"/>
    </row>
    <row r="912566" spans="14:14">
      <c r="N912566" s="10"/>
    </row>
    <row r="912567" spans="14:14">
      <c r="N912567" s="10"/>
    </row>
    <row r="912568" spans="14:14">
      <c r="N912568" s="10"/>
    </row>
    <row r="912569" spans="14:14">
      <c r="N912569" s="10"/>
    </row>
    <row r="912570" spans="14:14">
      <c r="N912570" s="10"/>
    </row>
    <row r="912571" spans="14:14">
      <c r="N912571" s="10"/>
    </row>
    <row r="912572" spans="14:14">
      <c r="N912572" s="10"/>
    </row>
    <row r="912573" spans="14:14">
      <c r="N912573" s="10"/>
    </row>
    <row r="912574" spans="14:14">
      <c r="N912574" s="10"/>
    </row>
    <row r="912575" spans="14:14">
      <c r="N912575" s="10"/>
    </row>
    <row r="912576" spans="14:14">
      <c r="N912576" s="10"/>
    </row>
    <row r="912577" spans="14:14">
      <c r="N912577" s="10"/>
    </row>
    <row r="912578" spans="14:14">
      <c r="N912578" s="10"/>
    </row>
    <row r="912579" spans="14:14">
      <c r="N912579" s="10"/>
    </row>
    <row r="912580" spans="14:14">
      <c r="N912580" s="10"/>
    </row>
    <row r="912581" spans="14:14">
      <c r="N912581" s="10"/>
    </row>
    <row r="912582" spans="14:14">
      <c r="N912582" s="10"/>
    </row>
    <row r="912583" spans="14:14">
      <c r="N912583" s="10"/>
    </row>
    <row r="912584" spans="14:14">
      <c r="N912584" s="10"/>
    </row>
    <row r="912585" spans="14:14">
      <c r="N912585" s="10"/>
    </row>
    <row r="912586" spans="14:14">
      <c r="N912586" s="10"/>
    </row>
    <row r="912587" spans="14:14">
      <c r="N912587" s="10"/>
    </row>
    <row r="912588" spans="14:14">
      <c r="N912588" s="10"/>
    </row>
    <row r="912589" spans="14:14">
      <c r="N912589" s="10"/>
    </row>
    <row r="912590" spans="14:14">
      <c r="N912590" s="10"/>
    </row>
    <row r="912591" spans="14:14">
      <c r="N912591" s="10"/>
    </row>
    <row r="912592" spans="14:14">
      <c r="N912592" s="10"/>
    </row>
    <row r="912593" spans="14:14">
      <c r="N912593" s="10"/>
    </row>
    <row r="912594" spans="14:14">
      <c r="N912594" s="10"/>
    </row>
    <row r="912595" spans="14:14">
      <c r="N912595" s="10"/>
    </row>
    <row r="912596" spans="14:14">
      <c r="N912596" s="10"/>
    </row>
    <row r="912597" spans="14:14">
      <c r="N912597" s="10"/>
    </row>
    <row r="912598" spans="14:14">
      <c r="N912598" s="10"/>
    </row>
    <row r="912599" spans="14:14">
      <c r="N912599" s="10"/>
    </row>
    <row r="912600" spans="14:14">
      <c r="N912600" s="10"/>
    </row>
    <row r="912601" spans="14:14">
      <c r="N912601" s="10"/>
    </row>
    <row r="912602" spans="14:14">
      <c r="N912602" s="10"/>
    </row>
    <row r="912603" spans="14:14">
      <c r="N912603" s="10"/>
    </row>
    <row r="912604" spans="14:14">
      <c r="N912604" s="10"/>
    </row>
    <row r="912605" spans="14:14">
      <c r="N912605" s="10"/>
    </row>
    <row r="912606" spans="14:14">
      <c r="N912606" s="10"/>
    </row>
    <row r="912607" spans="14:14">
      <c r="N912607" s="10"/>
    </row>
    <row r="912608" spans="14:14">
      <c r="N912608" s="10"/>
    </row>
    <row r="912609" spans="14:14">
      <c r="N912609" s="10"/>
    </row>
    <row r="912610" spans="14:14">
      <c r="N912610" s="10"/>
    </row>
    <row r="912611" spans="14:14">
      <c r="N912611" s="10"/>
    </row>
    <row r="912612" spans="14:14">
      <c r="N912612" s="10"/>
    </row>
    <row r="912613" spans="14:14">
      <c r="N912613" s="10"/>
    </row>
    <row r="912614" spans="14:14">
      <c r="N912614" s="10"/>
    </row>
    <row r="912615" spans="14:14">
      <c r="N912615" s="10"/>
    </row>
    <row r="912616" spans="14:14">
      <c r="N912616" s="10"/>
    </row>
    <row r="912617" spans="14:14">
      <c r="N912617" s="10"/>
    </row>
    <row r="912618" spans="14:14">
      <c r="N912618" s="10"/>
    </row>
    <row r="912619" spans="14:14">
      <c r="N912619" s="10"/>
    </row>
    <row r="912620" spans="14:14">
      <c r="N912620" s="10"/>
    </row>
    <row r="912621" spans="14:14">
      <c r="N912621" s="10"/>
    </row>
    <row r="912622" spans="14:14">
      <c r="N912622" s="10"/>
    </row>
    <row r="912623" spans="14:14">
      <c r="N912623" s="10"/>
    </row>
    <row r="912624" spans="14:14">
      <c r="N912624" s="10"/>
    </row>
    <row r="912625" spans="14:14">
      <c r="N912625" s="10"/>
    </row>
    <row r="912626" spans="14:14">
      <c r="N912626" s="10"/>
    </row>
    <row r="912627" spans="14:14">
      <c r="N912627" s="10"/>
    </row>
    <row r="912628" spans="14:14">
      <c r="N912628" s="10"/>
    </row>
    <row r="912629" spans="14:14">
      <c r="N912629" s="10"/>
    </row>
    <row r="912630" spans="14:14">
      <c r="N912630" s="10"/>
    </row>
    <row r="912631" spans="14:14">
      <c r="N912631" s="10"/>
    </row>
    <row r="912632" spans="14:14">
      <c r="N912632" s="10"/>
    </row>
    <row r="912633" spans="14:14">
      <c r="N912633" s="10"/>
    </row>
    <row r="912634" spans="14:14">
      <c r="N912634" s="10"/>
    </row>
    <row r="912635" spans="14:14">
      <c r="N912635" s="10"/>
    </row>
    <row r="912636" spans="14:14">
      <c r="N912636" s="10"/>
    </row>
    <row r="912637" spans="14:14">
      <c r="N912637" s="10"/>
    </row>
    <row r="912638" spans="14:14">
      <c r="N912638" s="10"/>
    </row>
    <row r="912639" spans="14:14">
      <c r="N912639" s="10"/>
    </row>
    <row r="912640" spans="14:14">
      <c r="N912640" s="10"/>
    </row>
    <row r="912641" spans="14:14">
      <c r="N912641" s="10"/>
    </row>
    <row r="912642" spans="14:14">
      <c r="N912642" s="10"/>
    </row>
    <row r="912643" spans="14:14">
      <c r="N912643" s="10"/>
    </row>
    <row r="912644" spans="14:14">
      <c r="N912644" s="10"/>
    </row>
    <row r="912645" spans="14:14">
      <c r="N912645" s="10"/>
    </row>
    <row r="912646" spans="14:14">
      <c r="N912646" s="10"/>
    </row>
    <row r="912647" spans="14:14">
      <c r="N912647" s="10"/>
    </row>
    <row r="912648" spans="14:14">
      <c r="N912648" s="10"/>
    </row>
    <row r="912649" spans="14:14">
      <c r="N912649" s="10"/>
    </row>
    <row r="912650" spans="14:14">
      <c r="N912650" s="10"/>
    </row>
    <row r="912651" spans="14:14">
      <c r="N912651" s="10"/>
    </row>
    <row r="912652" spans="14:14">
      <c r="N912652" s="10"/>
    </row>
    <row r="912653" spans="14:14">
      <c r="N912653" s="10"/>
    </row>
    <row r="912654" spans="14:14">
      <c r="N912654" s="10"/>
    </row>
    <row r="912655" spans="14:14">
      <c r="N912655" s="10"/>
    </row>
    <row r="912656" spans="14:14">
      <c r="N912656" s="10"/>
    </row>
    <row r="912657" spans="14:14">
      <c r="N912657" s="10"/>
    </row>
    <row r="912658" spans="14:14">
      <c r="N912658" s="10"/>
    </row>
    <row r="912659" spans="14:14">
      <c r="N912659" s="10"/>
    </row>
    <row r="912660" spans="14:14">
      <c r="N912660" s="10"/>
    </row>
    <row r="912661" spans="14:14">
      <c r="N912661" s="10"/>
    </row>
    <row r="912662" spans="14:14">
      <c r="N912662" s="10"/>
    </row>
    <row r="912663" spans="14:14">
      <c r="N912663" s="10"/>
    </row>
    <row r="912664" spans="14:14">
      <c r="N912664" s="10"/>
    </row>
    <row r="912665" spans="14:14">
      <c r="N912665" s="10"/>
    </row>
    <row r="912666" spans="14:14">
      <c r="N912666" s="10"/>
    </row>
    <row r="912667" spans="14:14">
      <c r="N912667" s="10"/>
    </row>
    <row r="912668" spans="14:14">
      <c r="N912668" s="10"/>
    </row>
    <row r="912669" spans="14:14">
      <c r="N912669" s="10"/>
    </row>
    <row r="912670" spans="14:14">
      <c r="N912670" s="10"/>
    </row>
    <row r="912671" spans="14:14">
      <c r="N912671" s="10"/>
    </row>
    <row r="912672" spans="14:14">
      <c r="N912672" s="10"/>
    </row>
    <row r="912673" spans="14:14">
      <c r="N912673" s="10"/>
    </row>
    <row r="912674" spans="14:14">
      <c r="N912674" s="10"/>
    </row>
    <row r="912675" spans="14:14">
      <c r="N912675" s="10"/>
    </row>
    <row r="912676" spans="14:14">
      <c r="N912676" s="10"/>
    </row>
    <row r="912677" spans="14:14">
      <c r="N912677" s="10"/>
    </row>
    <row r="912678" spans="14:14">
      <c r="N912678" s="10"/>
    </row>
    <row r="912679" spans="14:14">
      <c r="N912679" s="10"/>
    </row>
    <row r="912680" spans="14:14">
      <c r="N912680" s="10"/>
    </row>
    <row r="912681" spans="14:14">
      <c r="N912681" s="10"/>
    </row>
    <row r="912682" spans="14:14">
      <c r="N912682" s="10"/>
    </row>
    <row r="912683" spans="14:14">
      <c r="N912683" s="10"/>
    </row>
    <row r="912684" spans="14:14">
      <c r="N912684" s="10"/>
    </row>
    <row r="912685" spans="14:14">
      <c r="N912685" s="10"/>
    </row>
    <row r="912686" spans="14:14">
      <c r="N912686" s="10"/>
    </row>
    <row r="912687" spans="14:14">
      <c r="N912687" s="10"/>
    </row>
    <row r="912688" spans="14:14">
      <c r="N912688" s="10"/>
    </row>
    <row r="912689" spans="14:14">
      <c r="N912689" s="10"/>
    </row>
    <row r="912690" spans="14:14">
      <c r="N912690" s="10"/>
    </row>
    <row r="912691" spans="14:14">
      <c r="N912691" s="10"/>
    </row>
    <row r="912692" spans="14:14">
      <c r="N912692" s="10"/>
    </row>
    <row r="912693" spans="14:14">
      <c r="N912693" s="10"/>
    </row>
    <row r="912694" spans="14:14">
      <c r="N912694" s="10"/>
    </row>
    <row r="912695" spans="14:14">
      <c r="N912695" s="10"/>
    </row>
    <row r="912696" spans="14:14">
      <c r="N912696" s="10"/>
    </row>
    <row r="912697" spans="14:14">
      <c r="N912697" s="10"/>
    </row>
    <row r="912698" spans="14:14">
      <c r="N912698" s="10"/>
    </row>
    <row r="912699" spans="14:14">
      <c r="N912699" s="10"/>
    </row>
    <row r="912700" spans="14:14">
      <c r="N912700" s="10"/>
    </row>
    <row r="912701" spans="14:14">
      <c r="N912701" s="10"/>
    </row>
    <row r="912702" spans="14:14">
      <c r="N912702" s="10"/>
    </row>
    <row r="912703" spans="14:14">
      <c r="N912703" s="10"/>
    </row>
    <row r="912704" spans="14:14">
      <c r="N912704" s="10"/>
    </row>
    <row r="912705" spans="14:14">
      <c r="N912705" s="10"/>
    </row>
    <row r="912706" spans="14:14">
      <c r="N912706" s="10"/>
    </row>
    <row r="912707" spans="14:14">
      <c r="N912707" s="10"/>
    </row>
    <row r="912708" spans="14:14">
      <c r="N912708" s="10"/>
    </row>
    <row r="912709" spans="14:14">
      <c r="N912709" s="10"/>
    </row>
    <row r="912710" spans="14:14">
      <c r="N912710" s="10"/>
    </row>
    <row r="912711" spans="14:14">
      <c r="N912711" s="10"/>
    </row>
    <row r="912712" spans="14:14">
      <c r="N912712" s="10"/>
    </row>
    <row r="912713" spans="14:14">
      <c r="N912713" s="10"/>
    </row>
    <row r="912714" spans="14:14">
      <c r="N912714" s="10"/>
    </row>
    <row r="912715" spans="14:14">
      <c r="N912715" s="10"/>
    </row>
    <row r="912716" spans="14:14">
      <c r="N912716" s="10"/>
    </row>
    <row r="912717" spans="14:14">
      <c r="N912717" s="10"/>
    </row>
    <row r="912718" spans="14:14">
      <c r="N912718" s="10"/>
    </row>
    <row r="912719" spans="14:14">
      <c r="N912719" s="10"/>
    </row>
    <row r="912720" spans="14:14">
      <c r="N912720" s="10"/>
    </row>
    <row r="912721" spans="14:14">
      <c r="N912721" s="10"/>
    </row>
    <row r="912722" spans="14:14">
      <c r="N912722" s="10"/>
    </row>
    <row r="912723" spans="14:14">
      <c r="N912723" s="10"/>
    </row>
    <row r="912724" spans="14:14">
      <c r="N912724" s="10"/>
    </row>
    <row r="912725" spans="14:14">
      <c r="N912725" s="10"/>
    </row>
    <row r="912726" spans="14:14">
      <c r="N912726" s="10"/>
    </row>
    <row r="912727" spans="14:14">
      <c r="N912727" s="10"/>
    </row>
    <row r="912728" spans="14:14">
      <c r="N912728" s="10"/>
    </row>
    <row r="912729" spans="14:14">
      <c r="N912729" s="10"/>
    </row>
    <row r="912730" spans="14:14">
      <c r="N912730" s="10"/>
    </row>
    <row r="912731" spans="14:14">
      <c r="N912731" s="10"/>
    </row>
    <row r="912732" spans="14:14">
      <c r="N912732" s="10"/>
    </row>
    <row r="912733" spans="14:14">
      <c r="N912733" s="10"/>
    </row>
    <row r="912734" spans="14:14">
      <c r="N912734" s="10"/>
    </row>
    <row r="912735" spans="14:14">
      <c r="N912735" s="10"/>
    </row>
    <row r="912736" spans="14:14">
      <c r="N912736" s="10"/>
    </row>
    <row r="912737" spans="14:14">
      <c r="N912737" s="10"/>
    </row>
    <row r="912738" spans="14:14">
      <c r="N912738" s="10"/>
    </row>
    <row r="912739" spans="14:14">
      <c r="N912739" s="10"/>
    </row>
    <row r="912740" spans="14:14">
      <c r="N912740" s="10"/>
    </row>
    <row r="912741" spans="14:14">
      <c r="N912741" s="10"/>
    </row>
    <row r="912742" spans="14:14">
      <c r="N912742" s="10"/>
    </row>
    <row r="912743" spans="14:14">
      <c r="N912743" s="10"/>
    </row>
    <row r="912744" spans="14:14">
      <c r="N912744" s="10"/>
    </row>
    <row r="912745" spans="14:14">
      <c r="N912745" s="10"/>
    </row>
    <row r="912746" spans="14:14">
      <c r="N912746" s="10"/>
    </row>
    <row r="912747" spans="14:14">
      <c r="N912747" s="10"/>
    </row>
    <row r="912748" spans="14:14">
      <c r="N912748" s="10"/>
    </row>
    <row r="912749" spans="14:14">
      <c r="N912749" s="10"/>
    </row>
    <row r="912750" spans="14:14">
      <c r="N912750" s="10"/>
    </row>
    <row r="912751" spans="14:14">
      <c r="N912751" s="10"/>
    </row>
    <row r="912752" spans="14:14">
      <c r="N912752" s="10"/>
    </row>
    <row r="912753" spans="14:14">
      <c r="N912753" s="10"/>
    </row>
    <row r="912754" spans="14:14">
      <c r="N912754" s="10"/>
    </row>
    <row r="912755" spans="14:14">
      <c r="N912755" s="10"/>
    </row>
    <row r="912756" spans="14:14">
      <c r="N912756" s="10"/>
    </row>
    <row r="912757" spans="14:14">
      <c r="N912757" s="10"/>
    </row>
    <row r="912758" spans="14:14">
      <c r="N912758" s="10"/>
    </row>
    <row r="912759" spans="14:14">
      <c r="N912759" s="10"/>
    </row>
    <row r="912760" spans="14:14">
      <c r="N912760" s="10"/>
    </row>
    <row r="912761" spans="14:14">
      <c r="N912761" s="10"/>
    </row>
    <row r="912762" spans="14:14">
      <c r="N912762" s="10"/>
    </row>
    <row r="912763" spans="14:14">
      <c r="N912763" s="10"/>
    </row>
    <row r="912764" spans="14:14">
      <c r="N912764" s="10"/>
    </row>
    <row r="912765" spans="14:14">
      <c r="N912765" s="10"/>
    </row>
    <row r="912766" spans="14:14">
      <c r="N912766" s="10"/>
    </row>
    <row r="912767" spans="14:14">
      <c r="N912767" s="10"/>
    </row>
    <row r="912768" spans="14:14">
      <c r="N912768" s="10"/>
    </row>
    <row r="912769" spans="14:14">
      <c r="N912769" s="10"/>
    </row>
    <row r="912770" spans="14:14">
      <c r="N912770" s="10"/>
    </row>
    <row r="912771" spans="14:14">
      <c r="N912771" s="10"/>
    </row>
    <row r="912772" spans="14:14">
      <c r="N912772" s="10"/>
    </row>
    <row r="912773" spans="14:14">
      <c r="N912773" s="10"/>
    </row>
    <row r="912774" spans="14:14">
      <c r="N912774" s="10"/>
    </row>
    <row r="912775" spans="14:14">
      <c r="N912775" s="10"/>
    </row>
    <row r="912776" spans="14:14">
      <c r="N912776" s="10"/>
    </row>
    <row r="912777" spans="14:14">
      <c r="N912777" s="10"/>
    </row>
    <row r="912778" spans="14:14">
      <c r="N912778" s="10"/>
    </row>
    <row r="912779" spans="14:14">
      <c r="N912779" s="10"/>
    </row>
    <row r="912780" spans="14:14">
      <c r="N912780" s="10"/>
    </row>
    <row r="912781" spans="14:14">
      <c r="N912781" s="10"/>
    </row>
    <row r="912782" spans="14:14">
      <c r="N912782" s="10"/>
    </row>
    <row r="912783" spans="14:14">
      <c r="N912783" s="10"/>
    </row>
    <row r="912784" spans="14:14">
      <c r="N912784" s="10"/>
    </row>
    <row r="912785" spans="14:14">
      <c r="N912785" s="10"/>
    </row>
    <row r="912786" spans="14:14">
      <c r="N912786" s="10"/>
    </row>
    <row r="912787" spans="14:14">
      <c r="N912787" s="10"/>
    </row>
    <row r="912788" spans="14:14">
      <c r="N912788" s="10"/>
    </row>
    <row r="912789" spans="14:14">
      <c r="N912789" s="10"/>
    </row>
    <row r="912790" spans="14:14">
      <c r="N912790" s="10"/>
    </row>
    <row r="912791" spans="14:14">
      <c r="N912791" s="10"/>
    </row>
    <row r="912792" spans="14:14">
      <c r="N912792" s="10"/>
    </row>
    <row r="912793" spans="14:14">
      <c r="N912793" s="10"/>
    </row>
    <row r="912794" spans="14:14">
      <c r="N912794" s="10"/>
    </row>
    <row r="912795" spans="14:14">
      <c r="N912795" s="10"/>
    </row>
    <row r="912796" spans="14:14">
      <c r="N912796" s="10"/>
    </row>
    <row r="912797" spans="14:14">
      <c r="N912797" s="10"/>
    </row>
    <row r="912798" spans="14:14">
      <c r="N912798" s="10"/>
    </row>
    <row r="912799" spans="14:14">
      <c r="N912799" s="10"/>
    </row>
    <row r="912800" spans="14:14">
      <c r="N912800" s="10"/>
    </row>
    <row r="912801" spans="14:14">
      <c r="N912801" s="10"/>
    </row>
    <row r="912802" spans="14:14">
      <c r="N912802" s="10"/>
    </row>
    <row r="912803" spans="14:14">
      <c r="N912803" s="10"/>
    </row>
    <row r="912804" spans="14:14">
      <c r="N912804" s="10"/>
    </row>
    <row r="912805" spans="14:14">
      <c r="N912805" s="10"/>
    </row>
    <row r="912806" spans="14:14">
      <c r="N912806" s="10"/>
    </row>
    <row r="912807" spans="14:14">
      <c r="N912807" s="10"/>
    </row>
    <row r="912808" spans="14:14">
      <c r="N912808" s="10"/>
    </row>
    <row r="912809" spans="14:14">
      <c r="N912809" s="10"/>
    </row>
    <row r="912810" spans="14:14">
      <c r="N912810" s="10"/>
    </row>
    <row r="912811" spans="14:14">
      <c r="N912811" s="10"/>
    </row>
    <row r="912812" spans="14:14">
      <c r="N912812" s="10"/>
    </row>
    <row r="912813" spans="14:14">
      <c r="N912813" s="10"/>
    </row>
    <row r="912814" spans="14:14">
      <c r="N912814" s="10"/>
    </row>
    <row r="912815" spans="14:14">
      <c r="N912815" s="10"/>
    </row>
    <row r="912816" spans="14:14">
      <c r="N912816" s="10"/>
    </row>
    <row r="912817" spans="14:14">
      <c r="N912817" s="10"/>
    </row>
    <row r="912818" spans="14:14">
      <c r="N912818" s="10"/>
    </row>
    <row r="912819" spans="14:14">
      <c r="N912819" s="10"/>
    </row>
    <row r="912820" spans="14:14">
      <c r="N912820" s="10"/>
    </row>
    <row r="912821" spans="14:14">
      <c r="N912821" s="10"/>
    </row>
    <row r="912822" spans="14:14">
      <c r="N912822" s="10"/>
    </row>
    <row r="912823" spans="14:14">
      <c r="N912823" s="10"/>
    </row>
    <row r="912824" spans="14:14">
      <c r="N912824" s="10"/>
    </row>
    <row r="912825" spans="14:14">
      <c r="N912825" s="10"/>
    </row>
    <row r="912826" spans="14:14">
      <c r="N912826" s="10"/>
    </row>
    <row r="912827" spans="14:14">
      <c r="N912827" s="10"/>
    </row>
    <row r="912828" spans="14:14">
      <c r="N912828" s="10"/>
    </row>
    <row r="912829" spans="14:14">
      <c r="N912829" s="10"/>
    </row>
    <row r="912830" spans="14:14">
      <c r="N912830" s="10"/>
    </row>
    <row r="912831" spans="14:14">
      <c r="N912831" s="10"/>
    </row>
    <row r="912832" spans="14:14">
      <c r="N912832" s="10"/>
    </row>
    <row r="912833" spans="14:14">
      <c r="N912833" s="10"/>
    </row>
    <row r="912834" spans="14:14">
      <c r="N912834" s="10"/>
    </row>
    <row r="912835" spans="14:14">
      <c r="N912835" s="10"/>
    </row>
    <row r="912836" spans="14:14">
      <c r="N912836" s="10"/>
    </row>
    <row r="912837" spans="14:14">
      <c r="N912837" s="10"/>
    </row>
    <row r="912838" spans="14:14">
      <c r="N912838" s="10"/>
    </row>
    <row r="912839" spans="14:14">
      <c r="N912839" s="10"/>
    </row>
    <row r="912840" spans="14:14">
      <c r="N912840" s="10"/>
    </row>
    <row r="912841" spans="14:14">
      <c r="N912841" s="10"/>
    </row>
    <row r="912842" spans="14:14">
      <c r="N912842" s="10"/>
    </row>
    <row r="912843" spans="14:14">
      <c r="N912843" s="10"/>
    </row>
    <row r="912844" spans="14:14">
      <c r="N912844" s="10"/>
    </row>
    <row r="912845" spans="14:14">
      <c r="N912845" s="10"/>
    </row>
    <row r="912846" spans="14:14">
      <c r="N912846" s="10"/>
    </row>
    <row r="912847" spans="14:14">
      <c r="N912847" s="10"/>
    </row>
    <row r="912848" spans="14:14">
      <c r="N912848" s="10"/>
    </row>
    <row r="912849" spans="14:14">
      <c r="N912849" s="10"/>
    </row>
    <row r="912850" spans="14:14">
      <c r="N912850" s="10"/>
    </row>
    <row r="912851" spans="14:14">
      <c r="N912851" s="10"/>
    </row>
    <row r="912852" spans="14:14">
      <c r="N912852" s="10"/>
    </row>
    <row r="912853" spans="14:14">
      <c r="N912853" s="10"/>
    </row>
    <row r="912854" spans="14:14">
      <c r="N912854" s="10"/>
    </row>
    <row r="912855" spans="14:14">
      <c r="N912855" s="10"/>
    </row>
    <row r="912856" spans="14:14">
      <c r="N912856" s="10"/>
    </row>
    <row r="912857" spans="14:14">
      <c r="N912857" s="10"/>
    </row>
    <row r="912858" spans="14:14">
      <c r="N912858" s="10"/>
    </row>
    <row r="912859" spans="14:14">
      <c r="N912859" s="10"/>
    </row>
    <row r="912860" spans="14:14">
      <c r="N912860" s="10"/>
    </row>
    <row r="912861" spans="14:14">
      <c r="N912861" s="10"/>
    </row>
    <row r="912862" spans="14:14">
      <c r="N912862" s="10"/>
    </row>
    <row r="912863" spans="14:14">
      <c r="N912863" s="10"/>
    </row>
    <row r="912864" spans="14:14">
      <c r="N912864" s="10"/>
    </row>
    <row r="912865" spans="14:14">
      <c r="N912865" s="10"/>
    </row>
    <row r="912866" spans="14:14">
      <c r="N912866" s="10"/>
    </row>
    <row r="912867" spans="14:14">
      <c r="N912867" s="10"/>
    </row>
    <row r="912868" spans="14:14">
      <c r="N912868" s="10"/>
    </row>
    <row r="912869" spans="14:14">
      <c r="N912869" s="10"/>
    </row>
    <row r="912870" spans="14:14">
      <c r="N912870" s="10"/>
    </row>
    <row r="912871" spans="14:14">
      <c r="N912871" s="10"/>
    </row>
    <row r="912872" spans="14:14">
      <c r="N912872" s="10"/>
    </row>
    <row r="912873" spans="14:14">
      <c r="N912873" s="10"/>
    </row>
    <row r="912874" spans="14:14">
      <c r="N912874" s="10"/>
    </row>
    <row r="912875" spans="14:14">
      <c r="N912875" s="10"/>
    </row>
    <row r="912876" spans="14:14">
      <c r="N912876" s="10"/>
    </row>
    <row r="912877" spans="14:14">
      <c r="N912877" s="10"/>
    </row>
    <row r="912878" spans="14:14">
      <c r="N912878" s="10"/>
    </row>
    <row r="912879" spans="14:14">
      <c r="N912879" s="10"/>
    </row>
    <row r="912880" spans="14:14">
      <c r="N912880" s="10"/>
    </row>
    <row r="912881" spans="14:14">
      <c r="N912881" s="10"/>
    </row>
    <row r="912882" spans="14:14">
      <c r="N912882" s="10"/>
    </row>
    <row r="912883" spans="14:14">
      <c r="N912883" s="10"/>
    </row>
    <row r="912884" spans="14:14">
      <c r="N912884" s="10"/>
    </row>
    <row r="912885" spans="14:14">
      <c r="N912885" s="10"/>
    </row>
    <row r="912886" spans="14:14">
      <c r="N912886" s="10"/>
    </row>
    <row r="912887" spans="14:14">
      <c r="N912887" s="10"/>
    </row>
    <row r="912888" spans="14:14">
      <c r="N912888" s="10"/>
    </row>
    <row r="912889" spans="14:14">
      <c r="N912889" s="10"/>
    </row>
    <row r="912890" spans="14:14">
      <c r="N912890" s="10"/>
    </row>
    <row r="912891" spans="14:14">
      <c r="N912891" s="10"/>
    </row>
    <row r="912892" spans="14:14">
      <c r="N912892" s="10"/>
    </row>
    <row r="912893" spans="14:14">
      <c r="N912893" s="10"/>
    </row>
    <row r="912894" spans="14:14">
      <c r="N912894" s="10"/>
    </row>
    <row r="912895" spans="14:14">
      <c r="N912895" s="10"/>
    </row>
    <row r="912896" spans="14:14">
      <c r="N912896" s="10"/>
    </row>
    <row r="912897" spans="14:14">
      <c r="N912897" s="10"/>
    </row>
    <row r="912898" spans="14:14">
      <c r="N912898" s="10"/>
    </row>
    <row r="912899" spans="14:14">
      <c r="N912899" s="10"/>
    </row>
    <row r="912900" spans="14:14">
      <c r="N912900" s="10"/>
    </row>
    <row r="912901" spans="14:14">
      <c r="N912901" s="10"/>
    </row>
    <row r="912902" spans="14:14">
      <c r="N912902" s="10"/>
    </row>
    <row r="912903" spans="14:14">
      <c r="N912903" s="10"/>
    </row>
    <row r="912904" spans="14:14">
      <c r="N912904" s="10"/>
    </row>
    <row r="912905" spans="14:14">
      <c r="N912905" s="10"/>
    </row>
    <row r="912906" spans="14:14">
      <c r="N912906" s="10"/>
    </row>
    <row r="912907" spans="14:14">
      <c r="N912907" s="10"/>
    </row>
    <row r="912908" spans="14:14">
      <c r="N912908" s="10"/>
    </row>
    <row r="912909" spans="14:14">
      <c r="N912909" s="10"/>
    </row>
    <row r="912910" spans="14:14">
      <c r="N912910" s="10"/>
    </row>
    <row r="912911" spans="14:14">
      <c r="N912911" s="10"/>
    </row>
    <row r="912912" spans="14:14">
      <c r="N912912" s="10"/>
    </row>
    <row r="912913" spans="14:14">
      <c r="N912913" s="10"/>
    </row>
    <row r="912914" spans="14:14">
      <c r="N912914" s="10"/>
    </row>
    <row r="912915" spans="14:14">
      <c r="N912915" s="10"/>
    </row>
    <row r="912916" spans="14:14">
      <c r="N912916" s="10"/>
    </row>
    <row r="912917" spans="14:14">
      <c r="N912917" s="10"/>
    </row>
    <row r="912918" spans="14:14">
      <c r="N912918" s="10"/>
    </row>
    <row r="912919" spans="14:14">
      <c r="N912919" s="10"/>
    </row>
    <row r="912920" spans="14:14">
      <c r="N912920" s="10"/>
    </row>
    <row r="912921" spans="14:14">
      <c r="N912921" s="10"/>
    </row>
    <row r="912922" spans="14:14">
      <c r="N912922" s="10"/>
    </row>
    <row r="912923" spans="14:14">
      <c r="N912923" s="10"/>
    </row>
    <row r="912924" spans="14:14">
      <c r="N912924" s="10"/>
    </row>
    <row r="912925" spans="14:14">
      <c r="N912925" s="10"/>
    </row>
    <row r="912926" spans="14:14">
      <c r="N912926" s="10"/>
    </row>
    <row r="912927" spans="14:14">
      <c r="N912927" s="10"/>
    </row>
    <row r="912928" spans="14:14">
      <c r="N912928" s="10"/>
    </row>
    <row r="912929" spans="14:14">
      <c r="N912929" s="10"/>
    </row>
    <row r="912930" spans="14:14">
      <c r="N912930" s="10"/>
    </row>
    <row r="912931" spans="14:14">
      <c r="N912931" s="10"/>
    </row>
    <row r="912932" spans="14:14">
      <c r="N912932" s="10"/>
    </row>
    <row r="912933" spans="14:14">
      <c r="N912933" s="10"/>
    </row>
    <row r="912934" spans="14:14">
      <c r="N912934" s="10"/>
    </row>
    <row r="912935" spans="14:14">
      <c r="N912935" s="10"/>
    </row>
    <row r="912936" spans="14:14">
      <c r="N912936" s="10"/>
    </row>
    <row r="912937" spans="14:14">
      <c r="N912937" s="10"/>
    </row>
    <row r="912938" spans="14:14">
      <c r="N912938" s="10"/>
    </row>
    <row r="912939" spans="14:14">
      <c r="N912939" s="10"/>
    </row>
    <row r="912940" spans="14:14">
      <c r="N912940" s="10"/>
    </row>
    <row r="912941" spans="14:14">
      <c r="N912941" s="10"/>
    </row>
    <row r="912942" spans="14:14">
      <c r="N912942" s="10"/>
    </row>
    <row r="912943" spans="14:14">
      <c r="N912943" s="10"/>
    </row>
    <row r="912944" spans="14:14">
      <c r="N912944" s="10"/>
    </row>
    <row r="912945" spans="14:14">
      <c r="N912945" s="10"/>
    </row>
    <row r="912946" spans="14:14">
      <c r="N912946" s="10"/>
    </row>
    <row r="912947" spans="14:14">
      <c r="N912947" s="10"/>
    </row>
    <row r="912948" spans="14:14">
      <c r="N912948" s="10"/>
    </row>
    <row r="912949" spans="14:14">
      <c r="N912949" s="10"/>
    </row>
    <row r="912950" spans="14:14">
      <c r="N912950" s="10"/>
    </row>
    <row r="912951" spans="14:14">
      <c r="N912951" s="10"/>
    </row>
    <row r="912952" spans="14:14">
      <c r="N912952" s="10"/>
    </row>
    <row r="912953" spans="14:14">
      <c r="N912953" s="10"/>
    </row>
    <row r="912954" spans="14:14">
      <c r="N912954" s="10"/>
    </row>
    <row r="912955" spans="14:14">
      <c r="N912955" s="10"/>
    </row>
    <row r="912956" spans="14:14">
      <c r="N912956" s="10"/>
    </row>
    <row r="912957" spans="14:14">
      <c r="N912957" s="10"/>
    </row>
    <row r="912958" spans="14:14">
      <c r="N912958" s="10"/>
    </row>
    <row r="912959" spans="14:14">
      <c r="N912959" s="10"/>
    </row>
    <row r="912960" spans="14:14">
      <c r="N912960" s="10"/>
    </row>
    <row r="912961" spans="14:14">
      <c r="N912961" s="10"/>
    </row>
    <row r="912962" spans="14:14">
      <c r="N912962" s="10"/>
    </row>
    <row r="912963" spans="14:14">
      <c r="N912963" s="10"/>
    </row>
    <row r="912964" spans="14:14">
      <c r="N912964" s="10"/>
    </row>
    <row r="912965" spans="14:14">
      <c r="N912965" s="10"/>
    </row>
    <row r="912966" spans="14:14">
      <c r="N912966" s="10"/>
    </row>
    <row r="912967" spans="14:14">
      <c r="N912967" s="10"/>
    </row>
    <row r="912968" spans="14:14">
      <c r="N912968" s="10"/>
    </row>
    <row r="912969" spans="14:14">
      <c r="N912969" s="10"/>
    </row>
    <row r="912970" spans="14:14">
      <c r="N912970" s="10"/>
    </row>
    <row r="912971" spans="14:14">
      <c r="N912971" s="10"/>
    </row>
    <row r="912972" spans="14:14">
      <c r="N912972" s="10"/>
    </row>
    <row r="912973" spans="14:14">
      <c r="N912973" s="10"/>
    </row>
    <row r="912974" spans="14:14">
      <c r="N912974" s="10"/>
    </row>
    <row r="912975" spans="14:14">
      <c r="N912975" s="10"/>
    </row>
    <row r="912976" spans="14:14">
      <c r="N912976" s="10"/>
    </row>
    <row r="912977" spans="14:14">
      <c r="N912977" s="10"/>
    </row>
    <row r="912978" spans="14:14">
      <c r="N912978" s="10"/>
    </row>
    <row r="912979" spans="14:14">
      <c r="N912979" s="10"/>
    </row>
    <row r="912980" spans="14:14">
      <c r="N912980" s="10"/>
    </row>
    <row r="912981" spans="14:14">
      <c r="N912981" s="10"/>
    </row>
    <row r="912982" spans="14:14">
      <c r="N912982" s="10"/>
    </row>
    <row r="912983" spans="14:14">
      <c r="N912983" s="10"/>
    </row>
    <row r="912984" spans="14:14">
      <c r="N912984" s="10"/>
    </row>
    <row r="912985" spans="14:14">
      <c r="N912985" s="10"/>
    </row>
    <row r="912986" spans="14:14">
      <c r="N912986" s="10"/>
    </row>
    <row r="912987" spans="14:14">
      <c r="N912987" s="10"/>
    </row>
    <row r="912988" spans="14:14">
      <c r="N912988" s="10"/>
    </row>
    <row r="912989" spans="14:14">
      <c r="N912989" s="10"/>
    </row>
    <row r="912990" spans="14:14">
      <c r="N912990" s="10"/>
    </row>
    <row r="912991" spans="14:14">
      <c r="N912991" s="10"/>
    </row>
    <row r="912992" spans="14:14">
      <c r="N912992" s="10"/>
    </row>
    <row r="912993" spans="14:14">
      <c r="N912993" s="10"/>
    </row>
    <row r="912994" spans="14:14">
      <c r="N912994" s="10"/>
    </row>
    <row r="912995" spans="14:14">
      <c r="N912995" s="10"/>
    </row>
    <row r="912996" spans="14:14">
      <c r="N912996" s="10"/>
    </row>
    <row r="912997" spans="14:14">
      <c r="N912997" s="10"/>
    </row>
    <row r="912998" spans="14:14">
      <c r="N912998" s="10"/>
    </row>
    <row r="912999" spans="14:14">
      <c r="N912999" s="10"/>
    </row>
    <row r="913000" spans="14:14">
      <c r="N913000" s="10"/>
    </row>
    <row r="913001" spans="14:14">
      <c r="N913001" s="10"/>
    </row>
    <row r="913002" spans="14:14">
      <c r="N913002" s="10"/>
    </row>
    <row r="913003" spans="14:14">
      <c r="N913003" s="10"/>
    </row>
    <row r="913004" spans="14:14">
      <c r="N913004" s="10"/>
    </row>
    <row r="913005" spans="14:14">
      <c r="N913005" s="10"/>
    </row>
    <row r="913006" spans="14:14">
      <c r="N913006" s="10"/>
    </row>
    <row r="913007" spans="14:14">
      <c r="N913007" s="10"/>
    </row>
    <row r="913008" spans="14:14">
      <c r="N913008" s="10"/>
    </row>
    <row r="913009" spans="14:14">
      <c r="N913009" s="10"/>
    </row>
    <row r="913010" spans="14:14">
      <c r="N913010" s="10"/>
    </row>
    <row r="913011" spans="14:14">
      <c r="N913011" s="10"/>
    </row>
    <row r="913012" spans="14:14">
      <c r="N913012" s="10"/>
    </row>
    <row r="913013" spans="14:14">
      <c r="N913013" s="10"/>
    </row>
    <row r="913014" spans="14:14">
      <c r="N913014" s="10"/>
    </row>
    <row r="913015" spans="14:14">
      <c r="N913015" s="10"/>
    </row>
    <row r="913016" spans="14:14">
      <c r="N913016" s="10"/>
    </row>
    <row r="913017" spans="14:14">
      <c r="N913017" s="10"/>
    </row>
    <row r="913018" spans="14:14">
      <c r="N913018" s="10"/>
    </row>
    <row r="913019" spans="14:14">
      <c r="N913019" s="10"/>
    </row>
    <row r="913020" spans="14:14">
      <c r="N913020" s="10"/>
    </row>
    <row r="913021" spans="14:14">
      <c r="N913021" s="10"/>
    </row>
    <row r="913022" spans="14:14">
      <c r="N913022" s="10"/>
    </row>
    <row r="913023" spans="14:14">
      <c r="N913023" s="10"/>
    </row>
    <row r="913024" spans="14:14">
      <c r="N913024" s="10"/>
    </row>
    <row r="913025" spans="14:14">
      <c r="N913025" s="10"/>
    </row>
    <row r="913026" spans="14:14">
      <c r="N913026" s="10"/>
    </row>
    <row r="913027" spans="14:14">
      <c r="N913027" s="10"/>
    </row>
    <row r="913028" spans="14:14">
      <c r="N913028" s="10"/>
    </row>
    <row r="913029" spans="14:14">
      <c r="N913029" s="10"/>
    </row>
    <row r="913030" spans="14:14">
      <c r="N913030" s="10"/>
    </row>
    <row r="913031" spans="14:14">
      <c r="N913031" s="10"/>
    </row>
    <row r="913032" spans="14:14">
      <c r="N913032" s="10"/>
    </row>
    <row r="913033" spans="14:14">
      <c r="N913033" s="10"/>
    </row>
    <row r="913034" spans="14:14">
      <c r="N913034" s="10"/>
    </row>
    <row r="913035" spans="14:14">
      <c r="N913035" s="10"/>
    </row>
    <row r="913036" spans="14:14">
      <c r="N913036" s="10"/>
    </row>
    <row r="913037" spans="14:14">
      <c r="N913037" s="10"/>
    </row>
    <row r="913038" spans="14:14">
      <c r="N913038" s="10"/>
    </row>
    <row r="913039" spans="14:14">
      <c r="N913039" s="10"/>
    </row>
    <row r="913040" spans="14:14">
      <c r="N913040" s="10"/>
    </row>
    <row r="913041" spans="14:14">
      <c r="N913041" s="10"/>
    </row>
    <row r="913042" spans="14:14">
      <c r="N913042" s="10"/>
    </row>
    <row r="913043" spans="14:14">
      <c r="N913043" s="10"/>
    </row>
    <row r="913044" spans="14:14">
      <c r="N913044" s="10"/>
    </row>
    <row r="913045" spans="14:14">
      <c r="N913045" s="10"/>
    </row>
    <row r="913046" spans="14:14">
      <c r="N913046" s="10"/>
    </row>
    <row r="913047" spans="14:14">
      <c r="N913047" s="10"/>
    </row>
    <row r="913048" spans="14:14">
      <c r="N913048" s="10"/>
    </row>
    <row r="913049" spans="14:14">
      <c r="N913049" s="10"/>
    </row>
    <row r="913050" spans="14:14">
      <c r="N913050" s="10"/>
    </row>
    <row r="913051" spans="14:14">
      <c r="N913051" s="10"/>
    </row>
    <row r="913052" spans="14:14">
      <c r="N913052" s="10"/>
    </row>
    <row r="913053" spans="14:14">
      <c r="N913053" s="10"/>
    </row>
    <row r="913054" spans="14:14">
      <c r="N913054" s="10"/>
    </row>
    <row r="913055" spans="14:14">
      <c r="N913055" s="10"/>
    </row>
    <row r="913056" spans="14:14">
      <c r="N913056" s="10"/>
    </row>
    <row r="913057" spans="14:14">
      <c r="N913057" s="10"/>
    </row>
    <row r="913058" spans="14:14">
      <c r="N913058" s="10"/>
    </row>
    <row r="913059" spans="14:14">
      <c r="N913059" s="10"/>
    </row>
    <row r="913060" spans="14:14">
      <c r="N913060" s="10"/>
    </row>
    <row r="913061" spans="14:14">
      <c r="N913061" s="10"/>
    </row>
    <row r="913062" spans="14:14">
      <c r="N913062" s="10"/>
    </row>
    <row r="913063" spans="14:14">
      <c r="N913063" s="10"/>
    </row>
    <row r="913064" spans="14:14">
      <c r="N913064" s="10"/>
    </row>
    <row r="913065" spans="14:14">
      <c r="N913065" s="10"/>
    </row>
    <row r="913066" spans="14:14">
      <c r="N913066" s="10"/>
    </row>
    <row r="913067" spans="14:14">
      <c r="N913067" s="10"/>
    </row>
    <row r="913068" spans="14:14">
      <c r="N913068" s="10"/>
    </row>
    <row r="913069" spans="14:14">
      <c r="N913069" s="10"/>
    </row>
    <row r="913070" spans="14:14">
      <c r="N913070" s="10"/>
    </row>
    <row r="913071" spans="14:14">
      <c r="N913071" s="10"/>
    </row>
    <row r="913072" spans="14:14">
      <c r="N913072" s="10"/>
    </row>
    <row r="913073" spans="14:14">
      <c r="N913073" s="10"/>
    </row>
    <row r="913074" spans="14:14">
      <c r="N913074" s="10"/>
    </row>
    <row r="913075" spans="14:14">
      <c r="N913075" s="10"/>
    </row>
    <row r="913076" spans="14:14">
      <c r="N913076" s="10"/>
    </row>
    <row r="913077" spans="14:14">
      <c r="N913077" s="10"/>
    </row>
    <row r="913078" spans="14:14">
      <c r="N913078" s="10"/>
    </row>
    <row r="913079" spans="14:14">
      <c r="N913079" s="10"/>
    </row>
    <row r="913080" spans="14:14">
      <c r="N913080" s="10"/>
    </row>
    <row r="913081" spans="14:14">
      <c r="N913081" s="10"/>
    </row>
    <row r="913082" spans="14:14">
      <c r="N913082" s="10"/>
    </row>
    <row r="913083" spans="14:14">
      <c r="N913083" s="10"/>
    </row>
    <row r="913084" spans="14:14">
      <c r="N913084" s="10"/>
    </row>
    <row r="913085" spans="14:14">
      <c r="N913085" s="10"/>
    </row>
    <row r="913086" spans="14:14">
      <c r="N913086" s="10"/>
    </row>
    <row r="913087" spans="14:14">
      <c r="N913087" s="10"/>
    </row>
    <row r="913088" spans="14:14">
      <c r="N913088" s="10"/>
    </row>
    <row r="913089" spans="14:14">
      <c r="N913089" s="10"/>
    </row>
    <row r="913090" spans="14:14">
      <c r="N913090" s="10"/>
    </row>
    <row r="913091" spans="14:14">
      <c r="N913091" s="10"/>
    </row>
    <row r="913092" spans="14:14">
      <c r="N913092" s="10"/>
    </row>
    <row r="913093" spans="14:14">
      <c r="N913093" s="10"/>
    </row>
    <row r="913094" spans="14:14">
      <c r="N913094" s="10"/>
    </row>
    <row r="913095" spans="14:14">
      <c r="N913095" s="10"/>
    </row>
    <row r="913096" spans="14:14">
      <c r="N913096" s="10"/>
    </row>
    <row r="913097" spans="14:14">
      <c r="N913097" s="10"/>
    </row>
    <row r="913098" spans="14:14">
      <c r="N913098" s="10"/>
    </row>
    <row r="913099" spans="14:14">
      <c r="N913099" s="10"/>
    </row>
    <row r="913100" spans="14:14">
      <c r="N913100" s="10"/>
    </row>
    <row r="913101" spans="14:14">
      <c r="N913101" s="10"/>
    </row>
    <row r="913102" spans="14:14">
      <c r="N913102" s="10"/>
    </row>
    <row r="913103" spans="14:14">
      <c r="N913103" s="10"/>
    </row>
    <row r="913104" spans="14:14">
      <c r="N913104" s="10"/>
    </row>
    <row r="913105" spans="14:14">
      <c r="N913105" s="10"/>
    </row>
    <row r="913106" spans="14:14">
      <c r="N913106" s="10"/>
    </row>
    <row r="913107" spans="14:14">
      <c r="N913107" s="10"/>
    </row>
    <row r="913108" spans="14:14">
      <c r="N913108" s="10"/>
    </row>
    <row r="913109" spans="14:14">
      <c r="N913109" s="10"/>
    </row>
    <row r="913110" spans="14:14">
      <c r="N913110" s="10"/>
    </row>
    <row r="913111" spans="14:14">
      <c r="N913111" s="10"/>
    </row>
    <row r="913112" spans="14:14">
      <c r="N913112" s="10"/>
    </row>
    <row r="913113" spans="14:14">
      <c r="N913113" s="10"/>
    </row>
    <row r="913114" spans="14:14">
      <c r="N913114" s="10"/>
    </row>
    <row r="913115" spans="14:14">
      <c r="N913115" s="10"/>
    </row>
    <row r="913116" spans="14:14">
      <c r="N913116" s="10"/>
    </row>
    <row r="913117" spans="14:14">
      <c r="N913117" s="10"/>
    </row>
    <row r="913118" spans="14:14">
      <c r="N913118" s="10"/>
    </row>
    <row r="913119" spans="14:14">
      <c r="N913119" s="10"/>
    </row>
    <row r="913120" spans="14:14">
      <c r="N913120" s="10"/>
    </row>
    <row r="913121" spans="14:14">
      <c r="N913121" s="10"/>
    </row>
    <row r="913122" spans="14:14">
      <c r="N913122" s="10"/>
    </row>
    <row r="913123" spans="14:14">
      <c r="N913123" s="10"/>
    </row>
    <row r="913124" spans="14:14">
      <c r="N913124" s="10"/>
    </row>
    <row r="913125" spans="14:14">
      <c r="N913125" s="10"/>
    </row>
    <row r="913126" spans="14:14">
      <c r="N913126" s="10"/>
    </row>
    <row r="913127" spans="14:14">
      <c r="N913127" s="10"/>
    </row>
    <row r="913128" spans="14:14">
      <c r="N913128" s="10"/>
    </row>
    <row r="913129" spans="14:14">
      <c r="N913129" s="10"/>
    </row>
    <row r="913130" spans="14:14">
      <c r="N913130" s="10"/>
    </row>
    <row r="913131" spans="14:14">
      <c r="N913131" s="10"/>
    </row>
    <row r="913132" spans="14:14">
      <c r="N913132" s="10"/>
    </row>
    <row r="913133" spans="14:14">
      <c r="N913133" s="10"/>
    </row>
    <row r="913134" spans="14:14">
      <c r="N913134" s="10"/>
    </row>
    <row r="913135" spans="14:14">
      <c r="N913135" s="10"/>
    </row>
    <row r="913136" spans="14:14">
      <c r="N913136" s="10"/>
    </row>
    <row r="913137" spans="14:14">
      <c r="N913137" s="10"/>
    </row>
    <row r="913138" spans="14:14">
      <c r="N913138" s="10"/>
    </row>
    <row r="913139" spans="14:14">
      <c r="N913139" s="10"/>
    </row>
    <row r="913140" spans="14:14">
      <c r="N913140" s="10"/>
    </row>
    <row r="913141" spans="14:14">
      <c r="N913141" s="10"/>
    </row>
    <row r="913142" spans="14:14">
      <c r="N913142" s="10"/>
    </row>
    <row r="913143" spans="14:14">
      <c r="N913143" s="10"/>
    </row>
    <row r="913144" spans="14:14">
      <c r="N913144" s="10"/>
    </row>
    <row r="913145" spans="14:14">
      <c r="N913145" s="10"/>
    </row>
    <row r="913146" spans="14:14">
      <c r="N913146" s="10"/>
    </row>
    <row r="913147" spans="14:14">
      <c r="N913147" s="10"/>
    </row>
    <row r="913148" spans="14:14">
      <c r="N913148" s="10"/>
    </row>
    <row r="913149" spans="14:14">
      <c r="N913149" s="10"/>
    </row>
    <row r="913150" spans="14:14">
      <c r="N913150" s="10"/>
    </row>
    <row r="913151" spans="14:14">
      <c r="N913151" s="10"/>
    </row>
    <row r="913152" spans="14:14">
      <c r="N913152" s="10"/>
    </row>
    <row r="913153" spans="14:14">
      <c r="N913153" s="10"/>
    </row>
    <row r="913154" spans="14:14">
      <c r="N913154" s="10"/>
    </row>
    <row r="913155" spans="14:14">
      <c r="N913155" s="10"/>
    </row>
    <row r="913156" spans="14:14">
      <c r="N913156" s="10"/>
    </row>
    <row r="913157" spans="14:14">
      <c r="N913157" s="10"/>
    </row>
    <row r="913158" spans="14:14">
      <c r="N913158" s="10"/>
    </row>
    <row r="913159" spans="14:14">
      <c r="N913159" s="10"/>
    </row>
    <row r="913160" spans="14:14">
      <c r="N913160" s="10"/>
    </row>
    <row r="913161" spans="14:14">
      <c r="N913161" s="10"/>
    </row>
    <row r="913162" spans="14:14">
      <c r="N913162" s="10"/>
    </row>
    <row r="913163" spans="14:14">
      <c r="N913163" s="10"/>
    </row>
    <row r="913164" spans="14:14">
      <c r="N913164" s="10"/>
    </row>
    <row r="913165" spans="14:14">
      <c r="N913165" s="10"/>
    </row>
    <row r="913166" spans="14:14">
      <c r="N913166" s="10"/>
    </row>
    <row r="913167" spans="14:14">
      <c r="N913167" s="10"/>
    </row>
    <row r="913168" spans="14:14">
      <c r="N913168" s="10"/>
    </row>
    <row r="913169" spans="14:14">
      <c r="N913169" s="10"/>
    </row>
    <row r="913170" spans="14:14">
      <c r="N913170" s="10"/>
    </row>
    <row r="913171" spans="14:14">
      <c r="N913171" s="10"/>
    </row>
    <row r="913172" spans="14:14">
      <c r="N913172" s="10"/>
    </row>
    <row r="913173" spans="14:14">
      <c r="N913173" s="10"/>
    </row>
    <row r="913174" spans="14:14">
      <c r="N913174" s="10"/>
    </row>
    <row r="913175" spans="14:14">
      <c r="N913175" s="10"/>
    </row>
    <row r="913176" spans="14:14">
      <c r="N913176" s="10"/>
    </row>
    <row r="913177" spans="14:14">
      <c r="N913177" s="10"/>
    </row>
    <row r="913178" spans="14:14">
      <c r="N913178" s="10"/>
    </row>
    <row r="913179" spans="14:14">
      <c r="N913179" s="10"/>
    </row>
    <row r="913180" spans="14:14">
      <c r="N913180" s="10"/>
    </row>
    <row r="913181" spans="14:14">
      <c r="N913181" s="10"/>
    </row>
    <row r="913182" spans="14:14">
      <c r="N913182" s="10"/>
    </row>
    <row r="913183" spans="14:14">
      <c r="N913183" s="10"/>
    </row>
    <row r="913184" spans="14:14">
      <c r="N913184" s="10"/>
    </row>
    <row r="913185" spans="14:14">
      <c r="N913185" s="10"/>
    </row>
    <row r="913186" spans="14:14">
      <c r="N913186" s="10"/>
    </row>
    <row r="913187" spans="14:14">
      <c r="N913187" s="10"/>
    </row>
    <row r="913188" spans="14:14">
      <c r="N913188" s="10"/>
    </row>
    <row r="913189" spans="14:14">
      <c r="N913189" s="10"/>
    </row>
    <row r="913190" spans="14:14">
      <c r="N913190" s="10"/>
    </row>
    <row r="913191" spans="14:14">
      <c r="N913191" s="10"/>
    </row>
    <row r="913192" spans="14:14">
      <c r="N913192" s="10"/>
    </row>
    <row r="913193" spans="14:14">
      <c r="N913193" s="10"/>
    </row>
    <row r="913194" spans="14:14">
      <c r="N913194" s="10"/>
    </row>
    <row r="913195" spans="14:14">
      <c r="N913195" s="10"/>
    </row>
    <row r="913196" spans="14:14">
      <c r="N913196" s="10"/>
    </row>
    <row r="913197" spans="14:14">
      <c r="N913197" s="10"/>
    </row>
    <row r="913198" spans="14:14">
      <c r="N913198" s="10"/>
    </row>
    <row r="913199" spans="14:14">
      <c r="N913199" s="10"/>
    </row>
    <row r="913200" spans="14:14">
      <c r="N913200" s="10"/>
    </row>
    <row r="913201" spans="14:14">
      <c r="N913201" s="10"/>
    </row>
    <row r="913202" spans="14:14">
      <c r="N913202" s="10"/>
    </row>
    <row r="913203" spans="14:14">
      <c r="N913203" s="10"/>
    </row>
    <row r="913204" spans="14:14">
      <c r="N913204" s="10"/>
    </row>
    <row r="913205" spans="14:14">
      <c r="N913205" s="10"/>
    </row>
    <row r="913206" spans="14:14">
      <c r="N913206" s="10"/>
    </row>
    <row r="913207" spans="14:14">
      <c r="N913207" s="10"/>
    </row>
    <row r="913208" spans="14:14">
      <c r="N913208" s="10"/>
    </row>
    <row r="913209" spans="14:14">
      <c r="N913209" s="10"/>
    </row>
    <row r="913210" spans="14:14">
      <c r="N913210" s="10"/>
    </row>
    <row r="913211" spans="14:14">
      <c r="N913211" s="10"/>
    </row>
    <row r="913212" spans="14:14">
      <c r="N913212" s="10"/>
    </row>
    <row r="913213" spans="14:14">
      <c r="N913213" s="10"/>
    </row>
    <row r="913214" spans="14:14">
      <c r="N913214" s="10"/>
    </row>
    <row r="913215" spans="14:14">
      <c r="N913215" s="10"/>
    </row>
    <row r="913216" spans="14:14">
      <c r="N913216" s="10"/>
    </row>
    <row r="913217" spans="14:14">
      <c r="N913217" s="10"/>
    </row>
    <row r="913218" spans="14:14">
      <c r="N913218" s="10"/>
    </row>
    <row r="913219" spans="14:14">
      <c r="N913219" s="10"/>
    </row>
    <row r="913220" spans="14:14">
      <c r="N913220" s="10"/>
    </row>
    <row r="913221" spans="14:14">
      <c r="N913221" s="10"/>
    </row>
    <row r="913222" spans="14:14">
      <c r="N913222" s="10"/>
    </row>
    <row r="913223" spans="14:14">
      <c r="N913223" s="10"/>
    </row>
    <row r="913224" spans="14:14">
      <c r="N913224" s="10"/>
    </row>
    <row r="913225" spans="14:14">
      <c r="N913225" s="10"/>
    </row>
    <row r="913226" spans="14:14">
      <c r="N913226" s="10"/>
    </row>
    <row r="913227" spans="14:14">
      <c r="N913227" s="10"/>
    </row>
    <row r="913228" spans="14:14">
      <c r="N913228" s="10"/>
    </row>
    <row r="913229" spans="14:14">
      <c r="N913229" s="10"/>
    </row>
    <row r="913230" spans="14:14">
      <c r="N913230" s="10"/>
    </row>
    <row r="913231" spans="14:14">
      <c r="N913231" s="10"/>
    </row>
    <row r="913232" spans="14:14">
      <c r="N913232" s="10"/>
    </row>
    <row r="913233" spans="14:14">
      <c r="N913233" s="10"/>
    </row>
    <row r="913234" spans="14:14">
      <c r="N913234" s="10"/>
    </row>
    <row r="913235" spans="14:14">
      <c r="N913235" s="10"/>
    </row>
    <row r="913236" spans="14:14">
      <c r="N913236" s="10"/>
    </row>
    <row r="913237" spans="14:14">
      <c r="N913237" s="10"/>
    </row>
    <row r="913238" spans="14:14">
      <c r="N913238" s="10"/>
    </row>
    <row r="913239" spans="14:14">
      <c r="N913239" s="10"/>
    </row>
    <row r="913240" spans="14:14">
      <c r="N913240" s="10"/>
    </row>
    <row r="913241" spans="14:14">
      <c r="N913241" s="10"/>
    </row>
    <row r="913242" spans="14:14">
      <c r="N913242" s="10"/>
    </row>
    <row r="913243" spans="14:14">
      <c r="N913243" s="10"/>
    </row>
    <row r="913244" spans="14:14">
      <c r="N913244" s="10"/>
    </row>
    <row r="913245" spans="14:14">
      <c r="N913245" s="10"/>
    </row>
    <row r="913246" spans="14:14">
      <c r="N913246" s="10"/>
    </row>
    <row r="913247" spans="14:14">
      <c r="N913247" s="10"/>
    </row>
    <row r="913248" spans="14:14">
      <c r="N913248" s="10"/>
    </row>
    <row r="913249" spans="14:14">
      <c r="N913249" s="10"/>
    </row>
    <row r="913250" spans="14:14">
      <c r="N913250" s="10"/>
    </row>
    <row r="913251" spans="14:14">
      <c r="N913251" s="10"/>
    </row>
    <row r="913252" spans="14:14">
      <c r="N913252" s="10"/>
    </row>
    <row r="913253" spans="14:14">
      <c r="N913253" s="10"/>
    </row>
    <row r="913254" spans="14:14">
      <c r="N913254" s="10"/>
    </row>
    <row r="913255" spans="14:14">
      <c r="N913255" s="10"/>
    </row>
    <row r="913256" spans="14:14">
      <c r="N913256" s="10"/>
    </row>
    <row r="913257" spans="14:14">
      <c r="N913257" s="10"/>
    </row>
    <row r="913258" spans="14:14">
      <c r="N913258" s="10"/>
    </row>
    <row r="913259" spans="14:14">
      <c r="N913259" s="10"/>
    </row>
    <row r="913260" spans="14:14">
      <c r="N913260" s="10"/>
    </row>
    <row r="913261" spans="14:14">
      <c r="N913261" s="10"/>
    </row>
    <row r="913262" spans="14:14">
      <c r="N913262" s="10"/>
    </row>
    <row r="913263" spans="14:14">
      <c r="N913263" s="10"/>
    </row>
    <row r="913264" spans="14:14">
      <c r="N913264" s="10"/>
    </row>
    <row r="913265" spans="14:14">
      <c r="N913265" s="10"/>
    </row>
    <row r="913266" spans="14:14">
      <c r="N913266" s="10"/>
    </row>
    <row r="913267" spans="14:14">
      <c r="N913267" s="10"/>
    </row>
    <row r="913268" spans="14:14">
      <c r="N913268" s="10"/>
    </row>
    <row r="913269" spans="14:14">
      <c r="N913269" s="10"/>
    </row>
    <row r="913270" spans="14:14">
      <c r="N913270" s="10"/>
    </row>
    <row r="913271" spans="14:14">
      <c r="N913271" s="10"/>
    </row>
    <row r="913272" spans="14:14">
      <c r="N913272" s="10"/>
    </row>
    <row r="913273" spans="14:14">
      <c r="N913273" s="10"/>
    </row>
    <row r="913274" spans="14:14">
      <c r="N913274" s="10"/>
    </row>
    <row r="913275" spans="14:14">
      <c r="N913275" s="10"/>
    </row>
    <row r="913276" spans="14:14">
      <c r="N913276" s="10"/>
    </row>
    <row r="913277" spans="14:14">
      <c r="N913277" s="10"/>
    </row>
    <row r="913278" spans="14:14">
      <c r="N913278" s="10"/>
    </row>
    <row r="913279" spans="14:14">
      <c r="N913279" s="10"/>
    </row>
    <row r="913280" spans="14:14">
      <c r="N913280" s="10"/>
    </row>
    <row r="913281" spans="14:14">
      <c r="N913281" s="10"/>
    </row>
    <row r="913282" spans="14:14">
      <c r="N913282" s="10"/>
    </row>
    <row r="913283" spans="14:14">
      <c r="N913283" s="10"/>
    </row>
    <row r="913284" spans="14:14">
      <c r="N913284" s="10"/>
    </row>
    <row r="913285" spans="14:14">
      <c r="N913285" s="10"/>
    </row>
    <row r="913286" spans="14:14">
      <c r="N913286" s="10"/>
    </row>
    <row r="913287" spans="14:14">
      <c r="N913287" s="10"/>
    </row>
    <row r="913288" spans="14:14">
      <c r="N913288" s="10"/>
    </row>
    <row r="913289" spans="14:14">
      <c r="N913289" s="10"/>
    </row>
    <row r="913290" spans="14:14">
      <c r="N913290" s="10"/>
    </row>
    <row r="913291" spans="14:14">
      <c r="N913291" s="10"/>
    </row>
    <row r="913292" spans="14:14">
      <c r="N913292" s="10"/>
    </row>
    <row r="913293" spans="14:14">
      <c r="N913293" s="10"/>
    </row>
    <row r="913294" spans="14:14">
      <c r="N913294" s="10"/>
    </row>
    <row r="913295" spans="14:14">
      <c r="N913295" s="10"/>
    </row>
    <row r="913296" spans="14:14">
      <c r="N913296" s="10"/>
    </row>
    <row r="913297" spans="14:14">
      <c r="N913297" s="10"/>
    </row>
    <row r="913298" spans="14:14">
      <c r="N913298" s="10"/>
    </row>
    <row r="913299" spans="14:14">
      <c r="N913299" s="10"/>
    </row>
    <row r="913300" spans="14:14">
      <c r="N913300" s="10"/>
    </row>
    <row r="913301" spans="14:14">
      <c r="N913301" s="10"/>
    </row>
    <row r="913302" spans="14:14">
      <c r="N913302" s="10"/>
    </row>
    <row r="913303" spans="14:14">
      <c r="N913303" s="10"/>
    </row>
    <row r="913304" spans="14:14">
      <c r="N913304" s="10"/>
    </row>
    <row r="913305" spans="14:14">
      <c r="N913305" s="10"/>
    </row>
    <row r="913306" spans="14:14">
      <c r="N913306" s="10"/>
    </row>
    <row r="913307" spans="14:14">
      <c r="N913307" s="10"/>
    </row>
    <row r="913308" spans="14:14">
      <c r="N913308" s="10"/>
    </row>
    <row r="913309" spans="14:14">
      <c r="N913309" s="10"/>
    </row>
    <row r="913310" spans="14:14">
      <c r="N913310" s="10"/>
    </row>
    <row r="913311" spans="14:14">
      <c r="N913311" s="10"/>
    </row>
    <row r="913312" spans="14:14">
      <c r="N913312" s="10"/>
    </row>
    <row r="913313" spans="14:14">
      <c r="N913313" s="10"/>
    </row>
    <row r="913314" spans="14:14">
      <c r="N913314" s="10"/>
    </row>
    <row r="913315" spans="14:14">
      <c r="N913315" s="10"/>
    </row>
    <row r="913316" spans="14:14">
      <c r="N913316" s="10"/>
    </row>
    <row r="913317" spans="14:14">
      <c r="N913317" s="10"/>
    </row>
    <row r="913318" spans="14:14">
      <c r="N913318" s="10"/>
    </row>
    <row r="913319" spans="14:14">
      <c r="N913319" s="10"/>
    </row>
    <row r="913320" spans="14:14">
      <c r="N913320" s="10"/>
    </row>
    <row r="913321" spans="14:14">
      <c r="N913321" s="10"/>
    </row>
    <row r="913322" spans="14:14">
      <c r="N913322" s="10"/>
    </row>
    <row r="913323" spans="14:14">
      <c r="N913323" s="10"/>
    </row>
    <row r="913324" spans="14:14">
      <c r="N913324" s="10"/>
    </row>
    <row r="913325" spans="14:14">
      <c r="N913325" s="10"/>
    </row>
    <row r="913326" spans="14:14">
      <c r="N913326" s="10"/>
    </row>
    <row r="913327" spans="14:14">
      <c r="N913327" s="10"/>
    </row>
    <row r="913328" spans="14:14">
      <c r="N913328" s="10"/>
    </row>
    <row r="913329" spans="14:14">
      <c r="N913329" s="10"/>
    </row>
    <row r="913330" spans="14:14">
      <c r="N913330" s="10"/>
    </row>
    <row r="913331" spans="14:14">
      <c r="N913331" s="10"/>
    </row>
    <row r="913332" spans="14:14">
      <c r="N913332" s="10"/>
    </row>
    <row r="913333" spans="14:14">
      <c r="N913333" s="10"/>
    </row>
    <row r="913334" spans="14:14">
      <c r="N913334" s="10"/>
    </row>
    <row r="913335" spans="14:14">
      <c r="N913335" s="10"/>
    </row>
    <row r="913336" spans="14:14">
      <c r="N913336" s="10"/>
    </row>
    <row r="913337" spans="14:14">
      <c r="N913337" s="10"/>
    </row>
    <row r="913338" spans="14:14">
      <c r="N913338" s="10"/>
    </row>
    <row r="913339" spans="14:14">
      <c r="N913339" s="10"/>
    </row>
    <row r="913340" spans="14:14">
      <c r="N913340" s="10"/>
    </row>
    <row r="913341" spans="14:14">
      <c r="N913341" s="10"/>
    </row>
    <row r="913342" spans="14:14">
      <c r="N913342" s="10"/>
    </row>
    <row r="913343" spans="14:14">
      <c r="N913343" s="10"/>
    </row>
    <row r="913344" spans="14:14">
      <c r="N913344" s="10"/>
    </row>
    <row r="913345" spans="14:14">
      <c r="N913345" s="10"/>
    </row>
    <row r="913346" spans="14:14">
      <c r="N913346" s="10"/>
    </row>
    <row r="913347" spans="14:14">
      <c r="N913347" s="10"/>
    </row>
    <row r="913348" spans="14:14">
      <c r="N913348" s="10"/>
    </row>
    <row r="913349" spans="14:14">
      <c r="N913349" s="10"/>
    </row>
    <row r="913350" spans="14:14">
      <c r="N913350" s="10"/>
    </row>
    <row r="913351" spans="14:14">
      <c r="N913351" s="10"/>
    </row>
    <row r="913352" spans="14:14">
      <c r="N913352" s="10"/>
    </row>
    <row r="913353" spans="14:14">
      <c r="N913353" s="10"/>
    </row>
    <row r="913354" spans="14:14">
      <c r="N913354" s="10"/>
    </row>
    <row r="913355" spans="14:14">
      <c r="N913355" s="10"/>
    </row>
    <row r="913356" spans="14:14">
      <c r="N913356" s="10"/>
    </row>
    <row r="913357" spans="14:14">
      <c r="N913357" s="10"/>
    </row>
    <row r="913358" spans="14:14">
      <c r="N913358" s="10"/>
    </row>
    <row r="913359" spans="14:14">
      <c r="N913359" s="10"/>
    </row>
    <row r="913360" spans="14:14">
      <c r="N913360" s="10"/>
    </row>
    <row r="913361" spans="14:14">
      <c r="N913361" s="10"/>
    </row>
    <row r="913362" spans="14:14">
      <c r="N913362" s="10"/>
    </row>
    <row r="913363" spans="14:14">
      <c r="N913363" s="10"/>
    </row>
    <row r="913364" spans="14:14">
      <c r="N913364" s="10"/>
    </row>
    <row r="913365" spans="14:14">
      <c r="N913365" s="10"/>
    </row>
    <row r="913366" spans="14:14">
      <c r="N913366" s="10"/>
    </row>
    <row r="913367" spans="14:14">
      <c r="N913367" s="10"/>
    </row>
    <row r="913368" spans="14:14">
      <c r="N913368" s="10"/>
    </row>
    <row r="913369" spans="14:14">
      <c r="N913369" s="10"/>
    </row>
    <row r="913370" spans="14:14">
      <c r="N913370" s="10"/>
    </row>
    <row r="913371" spans="14:14">
      <c r="N913371" s="10"/>
    </row>
    <row r="913372" spans="14:14">
      <c r="N913372" s="10"/>
    </row>
    <row r="913373" spans="14:14">
      <c r="N913373" s="10"/>
    </row>
    <row r="913374" spans="14:14">
      <c r="N913374" s="10"/>
    </row>
    <row r="913375" spans="14:14">
      <c r="N913375" s="10"/>
    </row>
    <row r="913376" spans="14:14">
      <c r="N913376" s="10"/>
    </row>
    <row r="913377" spans="14:14">
      <c r="N913377" s="10"/>
    </row>
    <row r="913378" spans="14:14">
      <c r="N913378" s="10"/>
    </row>
    <row r="913379" spans="14:14">
      <c r="N913379" s="10"/>
    </row>
    <row r="913380" spans="14:14">
      <c r="N913380" s="10"/>
    </row>
    <row r="913381" spans="14:14">
      <c r="N913381" s="10"/>
    </row>
    <row r="913382" spans="14:14">
      <c r="N913382" s="10"/>
    </row>
    <row r="913383" spans="14:14">
      <c r="N913383" s="10"/>
    </row>
    <row r="913384" spans="14:14">
      <c r="N913384" s="10"/>
    </row>
    <row r="913385" spans="14:14">
      <c r="N913385" s="10"/>
    </row>
    <row r="913386" spans="14:14">
      <c r="N913386" s="10"/>
    </row>
    <row r="913387" spans="14:14">
      <c r="N913387" s="10"/>
    </row>
    <row r="913388" spans="14:14">
      <c r="N913388" s="10"/>
    </row>
    <row r="913389" spans="14:14">
      <c r="N913389" s="10"/>
    </row>
    <row r="913390" spans="14:14">
      <c r="N913390" s="10"/>
    </row>
    <row r="913391" spans="14:14">
      <c r="N913391" s="10"/>
    </row>
    <row r="913392" spans="14:14">
      <c r="N913392" s="10"/>
    </row>
    <row r="913393" spans="14:14">
      <c r="N913393" s="10"/>
    </row>
    <row r="913394" spans="14:14">
      <c r="N913394" s="10"/>
    </row>
    <row r="913395" spans="14:14">
      <c r="N913395" s="10"/>
    </row>
    <row r="913396" spans="14:14">
      <c r="N913396" s="10"/>
    </row>
    <row r="913397" spans="14:14">
      <c r="N913397" s="10"/>
    </row>
    <row r="913398" spans="14:14">
      <c r="N913398" s="10"/>
    </row>
    <row r="913399" spans="14:14">
      <c r="N913399" s="10"/>
    </row>
    <row r="913400" spans="14:14">
      <c r="N913400" s="10"/>
    </row>
    <row r="913401" spans="14:14">
      <c r="N913401" s="10"/>
    </row>
    <row r="913402" spans="14:14">
      <c r="N913402" s="10"/>
    </row>
    <row r="913403" spans="14:14">
      <c r="N913403" s="10"/>
    </row>
    <row r="913404" spans="14:14">
      <c r="N913404" s="10"/>
    </row>
    <row r="913405" spans="14:14">
      <c r="N913405" s="10"/>
    </row>
    <row r="913406" spans="14:14">
      <c r="N913406" s="10"/>
    </row>
    <row r="913407" spans="14:14">
      <c r="N913407" s="10"/>
    </row>
    <row r="913408" spans="14:14">
      <c r="N913408" s="10"/>
    </row>
    <row r="913409" spans="14:14">
      <c r="N913409" s="10"/>
    </row>
    <row r="913410" spans="14:14">
      <c r="N913410" s="10"/>
    </row>
    <row r="913411" spans="14:14">
      <c r="N913411" s="10"/>
    </row>
    <row r="913412" spans="14:14">
      <c r="N913412" s="10"/>
    </row>
    <row r="913413" spans="14:14">
      <c r="N913413" s="10"/>
    </row>
    <row r="913414" spans="14:14">
      <c r="N913414" s="10"/>
    </row>
    <row r="913415" spans="14:14">
      <c r="N913415" s="10"/>
    </row>
    <row r="913416" spans="14:14">
      <c r="N913416" s="10"/>
    </row>
    <row r="913417" spans="14:14">
      <c r="N913417" s="10"/>
    </row>
    <row r="913418" spans="14:14">
      <c r="N913418" s="10"/>
    </row>
    <row r="913419" spans="14:14">
      <c r="N913419" s="10"/>
    </row>
    <row r="913420" spans="14:14">
      <c r="N913420" s="10"/>
    </row>
    <row r="913421" spans="14:14">
      <c r="N913421" s="10"/>
    </row>
    <row r="913422" spans="14:14">
      <c r="N913422" s="10"/>
    </row>
    <row r="913423" spans="14:14">
      <c r="N913423" s="10"/>
    </row>
    <row r="913424" spans="14:14">
      <c r="N913424" s="10"/>
    </row>
    <row r="913425" spans="14:14">
      <c r="N913425" s="10"/>
    </row>
    <row r="913426" spans="14:14">
      <c r="N913426" s="10"/>
    </row>
    <row r="913427" spans="14:14">
      <c r="N913427" s="10"/>
    </row>
    <row r="913428" spans="14:14">
      <c r="N913428" s="10"/>
    </row>
    <row r="913429" spans="14:14">
      <c r="N913429" s="10"/>
    </row>
    <row r="913430" spans="14:14">
      <c r="N913430" s="10"/>
    </row>
    <row r="913431" spans="14:14">
      <c r="N913431" s="10"/>
    </row>
    <row r="913432" spans="14:14">
      <c r="N913432" s="10"/>
    </row>
    <row r="913433" spans="14:14">
      <c r="N913433" s="10"/>
    </row>
    <row r="913434" spans="14:14">
      <c r="N913434" s="10"/>
    </row>
    <row r="913435" spans="14:14">
      <c r="N913435" s="10"/>
    </row>
    <row r="913436" spans="14:14">
      <c r="N913436" s="10"/>
    </row>
    <row r="913437" spans="14:14">
      <c r="N913437" s="10"/>
    </row>
    <row r="913438" spans="14:14">
      <c r="N913438" s="10"/>
    </row>
    <row r="913439" spans="14:14">
      <c r="N913439" s="10"/>
    </row>
    <row r="913440" spans="14:14">
      <c r="N913440" s="10"/>
    </row>
    <row r="913441" spans="14:14">
      <c r="N913441" s="10"/>
    </row>
    <row r="913442" spans="14:14">
      <c r="N913442" s="10"/>
    </row>
    <row r="913443" spans="14:14">
      <c r="N913443" s="10"/>
    </row>
    <row r="913444" spans="14:14">
      <c r="N913444" s="10"/>
    </row>
    <row r="913445" spans="14:14">
      <c r="N913445" s="10"/>
    </row>
    <row r="913446" spans="14:14">
      <c r="N913446" s="10"/>
    </row>
    <row r="913447" spans="14:14">
      <c r="N913447" s="10"/>
    </row>
    <row r="913448" spans="14:14">
      <c r="N913448" s="10"/>
    </row>
    <row r="913449" spans="14:14">
      <c r="N913449" s="10"/>
    </row>
    <row r="913450" spans="14:14">
      <c r="N913450" s="10"/>
    </row>
    <row r="913451" spans="14:14">
      <c r="N913451" s="10"/>
    </row>
    <row r="913452" spans="14:14">
      <c r="N913452" s="10"/>
    </row>
    <row r="913453" spans="14:14">
      <c r="N913453" s="10"/>
    </row>
    <row r="913454" spans="14:14">
      <c r="N913454" s="10"/>
    </row>
    <row r="913455" spans="14:14">
      <c r="N913455" s="10"/>
    </row>
    <row r="913456" spans="14:14">
      <c r="N913456" s="10"/>
    </row>
    <row r="913457" spans="14:14">
      <c r="N913457" s="10"/>
    </row>
    <row r="913458" spans="14:14">
      <c r="N913458" s="10"/>
    </row>
    <row r="913459" spans="14:14">
      <c r="N913459" s="10"/>
    </row>
    <row r="913460" spans="14:14">
      <c r="N913460" s="10"/>
    </row>
    <row r="913461" spans="14:14">
      <c r="N913461" s="10"/>
    </row>
    <row r="913462" spans="14:14">
      <c r="N913462" s="10"/>
    </row>
    <row r="913463" spans="14:14">
      <c r="N913463" s="10"/>
    </row>
    <row r="913464" spans="14:14">
      <c r="N913464" s="10"/>
    </row>
    <row r="913465" spans="14:14">
      <c r="N913465" s="10"/>
    </row>
    <row r="913466" spans="14:14">
      <c r="N913466" s="10"/>
    </row>
    <row r="913467" spans="14:14">
      <c r="N913467" s="10"/>
    </row>
    <row r="913468" spans="14:14">
      <c r="N913468" s="10"/>
    </row>
    <row r="913469" spans="14:14">
      <c r="N913469" s="10"/>
    </row>
    <row r="913470" spans="14:14">
      <c r="N913470" s="10"/>
    </row>
    <row r="913471" spans="14:14">
      <c r="N913471" s="10"/>
    </row>
    <row r="913472" spans="14:14">
      <c r="N913472" s="10"/>
    </row>
    <row r="913473" spans="14:14">
      <c r="N913473" s="10"/>
    </row>
    <row r="913474" spans="14:14">
      <c r="N913474" s="10"/>
    </row>
    <row r="913475" spans="14:14">
      <c r="N913475" s="10"/>
    </row>
    <row r="913476" spans="14:14">
      <c r="N913476" s="10"/>
    </row>
    <row r="913477" spans="14:14">
      <c r="N913477" s="10"/>
    </row>
    <row r="913478" spans="14:14">
      <c r="N913478" s="10"/>
    </row>
    <row r="913479" spans="14:14">
      <c r="N913479" s="10"/>
    </row>
    <row r="913480" spans="14:14">
      <c r="N913480" s="10"/>
    </row>
    <row r="913481" spans="14:14">
      <c r="N913481" s="10"/>
    </row>
    <row r="913482" spans="14:14">
      <c r="N913482" s="10"/>
    </row>
    <row r="913483" spans="14:14">
      <c r="N913483" s="10"/>
    </row>
    <row r="913484" spans="14:14">
      <c r="N913484" s="10"/>
    </row>
    <row r="913485" spans="14:14">
      <c r="N913485" s="10"/>
    </row>
    <row r="913486" spans="14:14">
      <c r="N913486" s="10"/>
    </row>
    <row r="913487" spans="14:14">
      <c r="N913487" s="10"/>
    </row>
    <row r="913488" spans="14:14">
      <c r="N913488" s="10"/>
    </row>
    <row r="913489" spans="14:14">
      <c r="N913489" s="10"/>
    </row>
    <row r="913490" spans="14:14">
      <c r="N913490" s="10"/>
    </row>
    <row r="913491" spans="14:14">
      <c r="N913491" s="10"/>
    </row>
    <row r="913492" spans="14:14">
      <c r="N913492" s="10"/>
    </row>
    <row r="913493" spans="14:14">
      <c r="N913493" s="10"/>
    </row>
    <row r="913494" spans="14:14">
      <c r="N913494" s="10"/>
    </row>
    <row r="913495" spans="14:14">
      <c r="N913495" s="10"/>
    </row>
    <row r="913496" spans="14:14">
      <c r="N913496" s="10"/>
    </row>
    <row r="913497" spans="14:14">
      <c r="N913497" s="10"/>
    </row>
    <row r="913498" spans="14:14">
      <c r="N913498" s="10"/>
    </row>
    <row r="913499" spans="14:14">
      <c r="N913499" s="10"/>
    </row>
    <row r="913500" spans="14:14">
      <c r="N913500" s="10"/>
    </row>
    <row r="913501" spans="14:14">
      <c r="N913501" s="10"/>
    </row>
    <row r="913502" spans="14:14">
      <c r="N913502" s="10"/>
    </row>
    <row r="913503" spans="14:14">
      <c r="N913503" s="10"/>
    </row>
    <row r="913504" spans="14:14">
      <c r="N913504" s="10"/>
    </row>
    <row r="913505" spans="14:14">
      <c r="N913505" s="10"/>
    </row>
    <row r="913506" spans="14:14">
      <c r="N913506" s="10"/>
    </row>
    <row r="913507" spans="14:14">
      <c r="N913507" s="10"/>
    </row>
    <row r="913508" spans="14:14">
      <c r="N913508" s="10"/>
    </row>
    <row r="913509" spans="14:14">
      <c r="N913509" s="10"/>
    </row>
    <row r="913510" spans="14:14">
      <c r="N913510" s="10"/>
    </row>
    <row r="913511" spans="14:14">
      <c r="N913511" s="10"/>
    </row>
    <row r="913512" spans="14:14">
      <c r="N913512" s="10"/>
    </row>
    <row r="913513" spans="14:14">
      <c r="N913513" s="10"/>
    </row>
    <row r="913514" spans="14:14">
      <c r="N913514" s="10"/>
    </row>
    <row r="913515" spans="14:14">
      <c r="N913515" s="10"/>
    </row>
    <row r="913516" spans="14:14">
      <c r="N913516" s="10"/>
    </row>
    <row r="913517" spans="14:14">
      <c r="N913517" s="10"/>
    </row>
    <row r="913518" spans="14:14">
      <c r="N913518" s="10"/>
    </row>
    <row r="913519" spans="14:14">
      <c r="N913519" s="10"/>
    </row>
    <row r="913520" spans="14:14">
      <c r="N913520" s="10"/>
    </row>
    <row r="913521" spans="14:14">
      <c r="N913521" s="10"/>
    </row>
    <row r="913522" spans="14:14">
      <c r="N913522" s="10"/>
    </row>
    <row r="913523" spans="14:14">
      <c r="N913523" s="10"/>
    </row>
    <row r="913524" spans="14:14">
      <c r="N913524" s="10"/>
    </row>
    <row r="913525" spans="14:14">
      <c r="N913525" s="10"/>
    </row>
    <row r="913526" spans="14:14">
      <c r="N913526" s="10"/>
    </row>
    <row r="913527" spans="14:14">
      <c r="N913527" s="10"/>
    </row>
    <row r="913528" spans="14:14">
      <c r="N913528" s="10"/>
    </row>
    <row r="913529" spans="14:14">
      <c r="N913529" s="10"/>
    </row>
    <row r="913530" spans="14:14">
      <c r="N913530" s="10"/>
    </row>
    <row r="913531" spans="14:14">
      <c r="N913531" s="10"/>
    </row>
    <row r="913532" spans="14:14">
      <c r="N913532" s="10"/>
    </row>
    <row r="913533" spans="14:14">
      <c r="N913533" s="10"/>
    </row>
    <row r="913534" spans="14:14">
      <c r="N913534" s="10"/>
    </row>
    <row r="913535" spans="14:14">
      <c r="N913535" s="10"/>
    </row>
    <row r="913536" spans="14:14">
      <c r="N913536" s="10"/>
    </row>
    <row r="913537" spans="14:14">
      <c r="N913537" s="10"/>
    </row>
    <row r="913538" spans="14:14">
      <c r="N913538" s="10"/>
    </row>
    <row r="913539" spans="14:14">
      <c r="N913539" s="10"/>
    </row>
    <row r="913540" spans="14:14">
      <c r="N913540" s="10"/>
    </row>
    <row r="913541" spans="14:14">
      <c r="N913541" s="10"/>
    </row>
    <row r="913542" spans="14:14">
      <c r="N913542" s="10"/>
    </row>
    <row r="913543" spans="14:14">
      <c r="N913543" s="10"/>
    </row>
    <row r="913544" spans="14:14">
      <c r="N913544" s="10"/>
    </row>
    <row r="913545" spans="14:14">
      <c r="N913545" s="10"/>
    </row>
    <row r="913546" spans="14:14">
      <c r="N913546" s="10"/>
    </row>
    <row r="913547" spans="14:14">
      <c r="N913547" s="10"/>
    </row>
    <row r="913548" spans="14:14">
      <c r="N913548" s="10"/>
    </row>
    <row r="913549" spans="14:14">
      <c r="N913549" s="10"/>
    </row>
    <row r="913550" spans="14:14">
      <c r="N913550" s="10"/>
    </row>
    <row r="913551" spans="14:14">
      <c r="N913551" s="10"/>
    </row>
    <row r="913552" spans="14:14">
      <c r="N913552" s="10"/>
    </row>
    <row r="913553" spans="14:14">
      <c r="N913553" s="10"/>
    </row>
    <row r="913554" spans="14:14">
      <c r="N913554" s="10"/>
    </row>
    <row r="913555" spans="14:14">
      <c r="N913555" s="10"/>
    </row>
    <row r="913556" spans="14:14">
      <c r="N913556" s="10"/>
    </row>
    <row r="913557" spans="14:14">
      <c r="N913557" s="10"/>
    </row>
    <row r="913558" spans="14:14">
      <c r="N913558" s="10"/>
    </row>
    <row r="913559" spans="14:14">
      <c r="N913559" s="10"/>
    </row>
    <row r="913560" spans="14:14">
      <c r="N913560" s="10"/>
    </row>
    <row r="913561" spans="14:14">
      <c r="N913561" s="10"/>
    </row>
    <row r="913562" spans="14:14">
      <c r="N913562" s="10"/>
    </row>
    <row r="913563" spans="14:14">
      <c r="N913563" s="10"/>
    </row>
    <row r="913564" spans="14:14">
      <c r="N913564" s="10"/>
    </row>
    <row r="913565" spans="14:14">
      <c r="N913565" s="10"/>
    </row>
    <row r="913566" spans="14:14">
      <c r="N913566" s="10"/>
    </row>
    <row r="913567" spans="14:14">
      <c r="N913567" s="10"/>
    </row>
    <row r="913568" spans="14:14">
      <c r="N913568" s="10"/>
    </row>
    <row r="913569" spans="14:14">
      <c r="N913569" s="10"/>
    </row>
    <row r="913570" spans="14:14">
      <c r="N913570" s="10"/>
    </row>
    <row r="913571" spans="14:14">
      <c r="N913571" s="10"/>
    </row>
    <row r="913572" spans="14:14">
      <c r="N913572" s="10"/>
    </row>
    <row r="913573" spans="14:14">
      <c r="N913573" s="10"/>
    </row>
    <row r="913574" spans="14:14">
      <c r="N913574" s="10"/>
    </row>
    <row r="913575" spans="14:14">
      <c r="N913575" s="10"/>
    </row>
    <row r="913576" spans="14:14">
      <c r="N913576" s="10"/>
    </row>
    <row r="913577" spans="14:14">
      <c r="N913577" s="10"/>
    </row>
    <row r="913578" spans="14:14">
      <c r="N913578" s="10"/>
    </row>
    <row r="913579" spans="14:14">
      <c r="N913579" s="10"/>
    </row>
    <row r="913580" spans="14:14">
      <c r="N913580" s="10"/>
    </row>
    <row r="913581" spans="14:14">
      <c r="N913581" s="10"/>
    </row>
    <row r="913582" spans="14:14">
      <c r="N913582" s="10"/>
    </row>
    <row r="913583" spans="14:14">
      <c r="N913583" s="10"/>
    </row>
    <row r="913584" spans="14:14">
      <c r="N913584" s="10"/>
    </row>
    <row r="913585" spans="14:14">
      <c r="N913585" s="10"/>
    </row>
    <row r="913586" spans="14:14">
      <c r="N913586" s="10"/>
    </row>
    <row r="913587" spans="14:14">
      <c r="N913587" s="10"/>
    </row>
    <row r="913588" spans="14:14">
      <c r="N913588" s="10"/>
    </row>
    <row r="913589" spans="14:14">
      <c r="N913589" s="10"/>
    </row>
    <row r="913590" spans="14:14">
      <c r="N913590" s="10"/>
    </row>
    <row r="913591" spans="14:14">
      <c r="N913591" s="10"/>
    </row>
    <row r="913592" spans="14:14">
      <c r="N913592" s="10"/>
    </row>
    <row r="913593" spans="14:14">
      <c r="N913593" s="10"/>
    </row>
    <row r="913594" spans="14:14">
      <c r="N913594" s="10"/>
    </row>
    <row r="913595" spans="14:14">
      <c r="N913595" s="10"/>
    </row>
    <row r="913596" spans="14:14">
      <c r="N913596" s="10"/>
    </row>
    <row r="913597" spans="14:14">
      <c r="N913597" s="10"/>
    </row>
    <row r="913598" spans="14:14">
      <c r="N913598" s="10"/>
    </row>
    <row r="913599" spans="14:14">
      <c r="N913599" s="10"/>
    </row>
    <row r="913600" spans="14:14">
      <c r="N913600" s="10"/>
    </row>
    <row r="913601" spans="14:14">
      <c r="N913601" s="10"/>
    </row>
    <row r="913602" spans="14:14">
      <c r="N913602" s="10"/>
    </row>
    <row r="913603" spans="14:14">
      <c r="N913603" s="10"/>
    </row>
    <row r="913604" spans="14:14">
      <c r="N913604" s="10"/>
    </row>
    <row r="913605" spans="14:14">
      <c r="N913605" s="10"/>
    </row>
    <row r="913606" spans="14:14">
      <c r="N913606" s="10"/>
    </row>
    <row r="913607" spans="14:14">
      <c r="N913607" s="10"/>
    </row>
    <row r="913608" spans="14:14">
      <c r="N913608" s="10"/>
    </row>
    <row r="913609" spans="14:14">
      <c r="N913609" s="10"/>
    </row>
    <row r="913610" spans="14:14">
      <c r="N913610" s="10"/>
    </row>
    <row r="913611" spans="14:14">
      <c r="N913611" s="10"/>
    </row>
    <row r="913612" spans="14:14">
      <c r="N913612" s="10"/>
    </row>
    <row r="913613" spans="14:14">
      <c r="N913613" s="10"/>
    </row>
    <row r="913614" spans="14:14">
      <c r="N913614" s="10"/>
    </row>
    <row r="913615" spans="14:14">
      <c r="N913615" s="10"/>
    </row>
    <row r="913616" spans="14:14">
      <c r="N913616" s="10"/>
    </row>
    <row r="913617" spans="14:14">
      <c r="N913617" s="10"/>
    </row>
    <row r="913618" spans="14:14">
      <c r="N913618" s="10"/>
    </row>
    <row r="913619" spans="14:14">
      <c r="N913619" s="10"/>
    </row>
    <row r="913620" spans="14:14">
      <c r="N913620" s="10"/>
    </row>
    <row r="913621" spans="14:14">
      <c r="N913621" s="10"/>
    </row>
    <row r="913622" spans="14:14">
      <c r="N913622" s="10"/>
    </row>
    <row r="913623" spans="14:14">
      <c r="N913623" s="10"/>
    </row>
    <row r="913624" spans="14:14">
      <c r="N913624" s="10"/>
    </row>
    <row r="913625" spans="14:14">
      <c r="N913625" s="10"/>
    </row>
    <row r="913626" spans="14:14">
      <c r="N913626" s="10"/>
    </row>
    <row r="913627" spans="14:14">
      <c r="N913627" s="10"/>
    </row>
    <row r="913628" spans="14:14">
      <c r="N913628" s="10"/>
    </row>
    <row r="913629" spans="14:14">
      <c r="N913629" s="10"/>
    </row>
    <row r="913630" spans="14:14">
      <c r="N913630" s="10"/>
    </row>
    <row r="913631" spans="14:14">
      <c r="N913631" s="10"/>
    </row>
    <row r="913632" spans="14:14">
      <c r="N913632" s="10"/>
    </row>
    <row r="913633" spans="14:14">
      <c r="N913633" s="10"/>
    </row>
    <row r="913634" spans="14:14">
      <c r="N913634" s="10"/>
    </row>
    <row r="913635" spans="14:14">
      <c r="N913635" s="10"/>
    </row>
    <row r="913636" spans="14:14">
      <c r="N913636" s="10"/>
    </row>
    <row r="913637" spans="14:14">
      <c r="N913637" s="10"/>
    </row>
    <row r="913638" spans="14:14">
      <c r="N913638" s="10"/>
    </row>
    <row r="913639" spans="14:14">
      <c r="N913639" s="10"/>
    </row>
    <row r="913640" spans="14:14">
      <c r="N913640" s="10"/>
    </row>
    <row r="913641" spans="14:14">
      <c r="N913641" s="10"/>
    </row>
    <row r="913642" spans="14:14">
      <c r="N913642" s="10"/>
    </row>
    <row r="913643" spans="14:14">
      <c r="N913643" s="10"/>
    </row>
    <row r="913644" spans="14:14">
      <c r="N913644" s="10"/>
    </row>
    <row r="913645" spans="14:14">
      <c r="N913645" s="10"/>
    </row>
    <row r="913646" spans="14:14">
      <c r="N913646" s="10"/>
    </row>
    <row r="913647" spans="14:14">
      <c r="N913647" s="10"/>
    </row>
    <row r="913648" spans="14:14">
      <c r="N913648" s="10"/>
    </row>
    <row r="913649" spans="14:14">
      <c r="N913649" s="10"/>
    </row>
    <row r="913650" spans="14:14">
      <c r="N913650" s="10"/>
    </row>
    <row r="913651" spans="14:14">
      <c r="N913651" s="10"/>
    </row>
    <row r="913652" spans="14:14">
      <c r="N913652" s="10"/>
    </row>
    <row r="913653" spans="14:14">
      <c r="N913653" s="10"/>
    </row>
    <row r="913654" spans="14:14">
      <c r="N913654" s="10"/>
    </row>
    <row r="913655" spans="14:14">
      <c r="N913655" s="10"/>
    </row>
    <row r="913656" spans="14:14">
      <c r="N913656" s="10"/>
    </row>
    <row r="913657" spans="14:14">
      <c r="N913657" s="10"/>
    </row>
    <row r="913658" spans="14:14">
      <c r="N913658" s="10"/>
    </row>
    <row r="913659" spans="14:14">
      <c r="N913659" s="10"/>
    </row>
    <row r="913660" spans="14:14">
      <c r="N913660" s="10"/>
    </row>
    <row r="913661" spans="14:14">
      <c r="N913661" s="10"/>
    </row>
    <row r="913662" spans="14:14">
      <c r="N913662" s="10"/>
    </row>
    <row r="913663" spans="14:14">
      <c r="N913663" s="10"/>
    </row>
    <row r="913664" spans="14:14">
      <c r="N913664" s="10"/>
    </row>
    <row r="913665" spans="14:14">
      <c r="N913665" s="10"/>
    </row>
    <row r="913666" spans="14:14">
      <c r="N913666" s="10"/>
    </row>
    <row r="913667" spans="14:14">
      <c r="N913667" s="10"/>
    </row>
    <row r="913668" spans="14:14">
      <c r="N913668" s="10"/>
    </row>
    <row r="913669" spans="14:14">
      <c r="N913669" s="10"/>
    </row>
    <row r="913670" spans="14:14">
      <c r="N913670" s="10"/>
    </row>
    <row r="913671" spans="14:14">
      <c r="N913671" s="10"/>
    </row>
    <row r="913672" spans="14:14">
      <c r="N913672" s="10"/>
    </row>
    <row r="913673" spans="14:14">
      <c r="N913673" s="10"/>
    </row>
    <row r="913674" spans="14:14">
      <c r="N913674" s="10"/>
    </row>
    <row r="913675" spans="14:14">
      <c r="N913675" s="10"/>
    </row>
    <row r="913676" spans="14:14">
      <c r="N913676" s="10"/>
    </row>
    <row r="913677" spans="14:14">
      <c r="N913677" s="10"/>
    </row>
    <row r="913678" spans="14:14">
      <c r="N913678" s="10"/>
    </row>
    <row r="913679" spans="14:14">
      <c r="N913679" s="10"/>
    </row>
    <row r="913680" spans="14:14">
      <c r="N913680" s="10"/>
    </row>
    <row r="913681" spans="14:14">
      <c r="N913681" s="10"/>
    </row>
    <row r="913682" spans="14:14">
      <c r="N913682" s="10"/>
    </row>
    <row r="913683" spans="14:14">
      <c r="N913683" s="10"/>
    </row>
    <row r="913684" spans="14:14">
      <c r="N913684" s="10"/>
    </row>
    <row r="913685" spans="14:14">
      <c r="N913685" s="10"/>
    </row>
    <row r="913686" spans="14:14">
      <c r="N913686" s="10"/>
    </row>
    <row r="913687" spans="14:14">
      <c r="N913687" s="10"/>
    </row>
    <row r="913688" spans="14:14">
      <c r="N913688" s="10"/>
    </row>
    <row r="913689" spans="14:14">
      <c r="N913689" s="10"/>
    </row>
    <row r="913690" spans="14:14">
      <c r="N913690" s="10"/>
    </row>
    <row r="913691" spans="14:14">
      <c r="N913691" s="10"/>
    </row>
    <row r="913692" spans="14:14">
      <c r="N913692" s="10"/>
    </row>
    <row r="913693" spans="14:14">
      <c r="N913693" s="10"/>
    </row>
    <row r="913694" spans="14:14">
      <c r="N913694" s="10"/>
    </row>
    <row r="913695" spans="14:14">
      <c r="N913695" s="10"/>
    </row>
    <row r="913696" spans="14:14">
      <c r="N913696" s="10"/>
    </row>
    <row r="913697" spans="14:14">
      <c r="N913697" s="10"/>
    </row>
    <row r="913698" spans="14:14">
      <c r="N913698" s="10"/>
    </row>
    <row r="913699" spans="14:14">
      <c r="N913699" s="10"/>
    </row>
    <row r="913700" spans="14:14">
      <c r="N913700" s="10"/>
    </row>
    <row r="913701" spans="14:14">
      <c r="N913701" s="10"/>
    </row>
    <row r="913702" spans="14:14">
      <c r="N913702" s="10"/>
    </row>
    <row r="913703" spans="14:14">
      <c r="N913703" s="10"/>
    </row>
    <row r="913704" spans="14:14">
      <c r="N913704" s="10"/>
    </row>
    <row r="913705" spans="14:14">
      <c r="N913705" s="10"/>
    </row>
    <row r="913706" spans="14:14">
      <c r="N913706" s="10"/>
    </row>
    <row r="913707" spans="14:14">
      <c r="N913707" s="10"/>
    </row>
    <row r="913708" spans="14:14">
      <c r="N913708" s="10"/>
    </row>
    <row r="913709" spans="14:14">
      <c r="N913709" s="10"/>
    </row>
    <row r="913710" spans="14:14">
      <c r="N913710" s="10"/>
    </row>
    <row r="913711" spans="14:14">
      <c r="N913711" s="10"/>
    </row>
    <row r="913712" spans="14:14">
      <c r="N913712" s="10"/>
    </row>
    <row r="913713" spans="14:14">
      <c r="N913713" s="10"/>
    </row>
    <row r="913714" spans="14:14">
      <c r="N913714" s="10"/>
    </row>
    <row r="913715" spans="14:14">
      <c r="N913715" s="10"/>
    </row>
    <row r="913716" spans="14:14">
      <c r="N913716" s="10"/>
    </row>
    <row r="913717" spans="14:14">
      <c r="N913717" s="10"/>
    </row>
    <row r="913718" spans="14:14">
      <c r="N913718" s="10"/>
    </row>
    <row r="913719" spans="14:14">
      <c r="N913719" s="10"/>
    </row>
    <row r="913720" spans="14:14">
      <c r="N913720" s="10"/>
    </row>
    <row r="913721" spans="14:14">
      <c r="N913721" s="10"/>
    </row>
    <row r="913722" spans="14:14">
      <c r="N913722" s="10"/>
    </row>
    <row r="913723" spans="14:14">
      <c r="N913723" s="10"/>
    </row>
    <row r="913724" spans="14:14">
      <c r="N913724" s="10"/>
    </row>
    <row r="913725" spans="14:14">
      <c r="N913725" s="10"/>
    </row>
    <row r="913726" spans="14:14">
      <c r="N913726" s="10"/>
    </row>
    <row r="913727" spans="14:14">
      <c r="N913727" s="10"/>
    </row>
    <row r="913728" spans="14:14">
      <c r="N913728" s="10"/>
    </row>
    <row r="913729" spans="14:14">
      <c r="N913729" s="10"/>
    </row>
    <row r="913730" spans="14:14">
      <c r="N913730" s="10"/>
    </row>
    <row r="913731" spans="14:14">
      <c r="N913731" s="10"/>
    </row>
    <row r="913732" spans="14:14">
      <c r="N913732" s="10"/>
    </row>
    <row r="913733" spans="14:14">
      <c r="N913733" s="10"/>
    </row>
    <row r="913734" spans="14:14">
      <c r="N913734" s="10"/>
    </row>
    <row r="913735" spans="14:14">
      <c r="N913735" s="10"/>
    </row>
    <row r="913736" spans="14:14">
      <c r="N913736" s="10"/>
    </row>
    <row r="913737" spans="14:14">
      <c r="N913737" s="10"/>
    </row>
    <row r="913738" spans="14:14">
      <c r="N913738" s="10"/>
    </row>
    <row r="913739" spans="14:14">
      <c r="N913739" s="10"/>
    </row>
    <row r="913740" spans="14:14">
      <c r="N913740" s="10"/>
    </row>
    <row r="913741" spans="14:14">
      <c r="N913741" s="10"/>
    </row>
    <row r="913742" spans="14:14">
      <c r="N913742" s="10"/>
    </row>
    <row r="913743" spans="14:14">
      <c r="N913743" s="10"/>
    </row>
    <row r="913744" spans="14:14">
      <c r="N913744" s="10"/>
    </row>
    <row r="913745" spans="14:14">
      <c r="N913745" s="10"/>
    </row>
    <row r="913746" spans="14:14">
      <c r="N913746" s="10"/>
    </row>
    <row r="913747" spans="14:14">
      <c r="N913747" s="10"/>
    </row>
    <row r="913748" spans="14:14">
      <c r="N913748" s="10"/>
    </row>
    <row r="913749" spans="14:14">
      <c r="N913749" s="10"/>
    </row>
    <row r="913750" spans="14:14">
      <c r="N913750" s="10"/>
    </row>
    <row r="913751" spans="14:14">
      <c r="N913751" s="10"/>
    </row>
    <row r="913752" spans="14:14">
      <c r="N913752" s="10"/>
    </row>
    <row r="913753" spans="14:14">
      <c r="N913753" s="10"/>
    </row>
    <row r="913754" spans="14:14">
      <c r="N913754" s="10"/>
    </row>
    <row r="913755" spans="14:14">
      <c r="N913755" s="10"/>
    </row>
    <row r="913756" spans="14:14">
      <c r="N913756" s="10"/>
    </row>
    <row r="913757" spans="14:14">
      <c r="N913757" s="10"/>
    </row>
    <row r="913758" spans="14:14">
      <c r="N913758" s="10"/>
    </row>
    <row r="913759" spans="14:14">
      <c r="N913759" s="10"/>
    </row>
    <row r="913760" spans="14:14">
      <c r="N913760" s="10"/>
    </row>
    <row r="913761" spans="14:14">
      <c r="N913761" s="10"/>
    </row>
    <row r="913762" spans="14:14">
      <c r="N913762" s="10"/>
    </row>
    <row r="913763" spans="14:14">
      <c r="N913763" s="10"/>
    </row>
    <row r="913764" spans="14:14">
      <c r="N913764" s="10"/>
    </row>
    <row r="913765" spans="14:14">
      <c r="N913765" s="10"/>
    </row>
    <row r="913766" spans="14:14">
      <c r="N913766" s="10"/>
    </row>
    <row r="913767" spans="14:14">
      <c r="N913767" s="10"/>
    </row>
    <row r="913768" spans="14:14">
      <c r="N913768" s="10"/>
    </row>
    <row r="913769" spans="14:14">
      <c r="N913769" s="10"/>
    </row>
    <row r="913770" spans="14:14">
      <c r="N913770" s="10"/>
    </row>
    <row r="913771" spans="14:14">
      <c r="N913771" s="10"/>
    </row>
    <row r="913772" spans="14:14">
      <c r="N913772" s="10"/>
    </row>
    <row r="913773" spans="14:14">
      <c r="N913773" s="10"/>
    </row>
    <row r="913774" spans="14:14">
      <c r="N913774" s="10"/>
    </row>
    <row r="913775" spans="14:14">
      <c r="N913775" s="10"/>
    </row>
    <row r="913776" spans="14:14">
      <c r="N913776" s="10"/>
    </row>
    <row r="913777" spans="14:14">
      <c r="N913777" s="10"/>
    </row>
    <row r="913778" spans="14:14">
      <c r="N913778" s="10"/>
    </row>
    <row r="913779" spans="14:14">
      <c r="N913779" s="10"/>
    </row>
    <row r="913780" spans="14:14">
      <c r="N913780" s="10"/>
    </row>
    <row r="913781" spans="14:14">
      <c r="N913781" s="10"/>
    </row>
    <row r="913782" spans="14:14">
      <c r="N913782" s="10"/>
    </row>
    <row r="913783" spans="14:14">
      <c r="N913783" s="10"/>
    </row>
    <row r="913784" spans="14:14">
      <c r="N913784" s="10"/>
    </row>
    <row r="913785" spans="14:14">
      <c r="N913785" s="10"/>
    </row>
    <row r="913786" spans="14:14">
      <c r="N913786" s="10"/>
    </row>
    <row r="913787" spans="14:14">
      <c r="N913787" s="10"/>
    </row>
    <row r="913788" spans="14:14">
      <c r="N913788" s="10"/>
    </row>
    <row r="913789" spans="14:14">
      <c r="N913789" s="10"/>
    </row>
    <row r="913790" spans="14:14">
      <c r="N913790" s="10"/>
    </row>
    <row r="913791" spans="14:14">
      <c r="N913791" s="10"/>
    </row>
    <row r="913792" spans="14:14">
      <c r="N913792" s="10"/>
    </row>
    <row r="913793" spans="14:14">
      <c r="N913793" s="10"/>
    </row>
    <row r="913794" spans="14:14">
      <c r="N913794" s="10"/>
    </row>
    <row r="913795" spans="14:14">
      <c r="N913795" s="10"/>
    </row>
    <row r="913796" spans="14:14">
      <c r="N913796" s="10"/>
    </row>
    <row r="913797" spans="14:14">
      <c r="N913797" s="10"/>
    </row>
    <row r="913798" spans="14:14">
      <c r="N913798" s="10"/>
    </row>
    <row r="913799" spans="14:14">
      <c r="N913799" s="10"/>
    </row>
    <row r="913800" spans="14:14">
      <c r="N913800" s="10"/>
    </row>
    <row r="913801" spans="14:14">
      <c r="N913801" s="10"/>
    </row>
    <row r="913802" spans="14:14">
      <c r="N913802" s="10"/>
    </row>
    <row r="913803" spans="14:14">
      <c r="N913803" s="10"/>
    </row>
    <row r="913804" spans="14:14">
      <c r="N913804" s="10"/>
    </row>
    <row r="913805" spans="14:14">
      <c r="N913805" s="10"/>
    </row>
    <row r="913806" spans="14:14">
      <c r="N913806" s="10"/>
    </row>
    <row r="913807" spans="14:14">
      <c r="N913807" s="10"/>
    </row>
    <row r="913808" spans="14:14">
      <c r="N913808" s="10"/>
    </row>
    <row r="913809" spans="14:14">
      <c r="N913809" s="10"/>
    </row>
    <row r="913810" spans="14:14">
      <c r="N913810" s="10"/>
    </row>
    <row r="913811" spans="14:14">
      <c r="N913811" s="10"/>
    </row>
    <row r="913812" spans="14:14">
      <c r="N913812" s="10"/>
    </row>
    <row r="913813" spans="14:14">
      <c r="N913813" s="10"/>
    </row>
    <row r="913814" spans="14:14">
      <c r="N913814" s="10"/>
    </row>
    <row r="913815" spans="14:14">
      <c r="N913815" s="10"/>
    </row>
    <row r="913816" spans="14:14">
      <c r="N913816" s="10"/>
    </row>
    <row r="913817" spans="14:14">
      <c r="N913817" s="10"/>
    </row>
    <row r="913818" spans="14:14">
      <c r="N913818" s="10"/>
    </row>
    <row r="913819" spans="14:14">
      <c r="N913819" s="10"/>
    </row>
    <row r="913820" spans="14:14">
      <c r="N913820" s="10"/>
    </row>
    <row r="913821" spans="14:14">
      <c r="N913821" s="10"/>
    </row>
    <row r="913822" spans="14:14">
      <c r="N913822" s="10"/>
    </row>
    <row r="913823" spans="14:14">
      <c r="N913823" s="10"/>
    </row>
    <row r="913824" spans="14:14">
      <c r="N913824" s="10"/>
    </row>
    <row r="913825" spans="14:14">
      <c r="N913825" s="10"/>
    </row>
    <row r="913826" spans="14:14">
      <c r="N913826" s="10"/>
    </row>
    <row r="913827" spans="14:14">
      <c r="N913827" s="10"/>
    </row>
    <row r="913828" spans="14:14">
      <c r="N913828" s="10"/>
    </row>
    <row r="913829" spans="14:14">
      <c r="N913829" s="10"/>
    </row>
    <row r="913830" spans="14:14">
      <c r="N913830" s="10"/>
    </row>
    <row r="913831" spans="14:14">
      <c r="N913831" s="10"/>
    </row>
    <row r="913832" spans="14:14">
      <c r="N913832" s="10"/>
    </row>
    <row r="913833" spans="14:14">
      <c r="N913833" s="10"/>
    </row>
    <row r="913834" spans="14:14">
      <c r="N913834" s="10"/>
    </row>
    <row r="913835" spans="14:14">
      <c r="N913835" s="10"/>
    </row>
    <row r="913836" spans="14:14">
      <c r="N913836" s="10"/>
    </row>
    <row r="913837" spans="14:14">
      <c r="N913837" s="10"/>
    </row>
    <row r="913838" spans="14:14">
      <c r="N913838" s="10"/>
    </row>
    <row r="913839" spans="14:14">
      <c r="N913839" s="10"/>
    </row>
    <row r="913840" spans="14:14">
      <c r="N913840" s="10"/>
    </row>
    <row r="913841" spans="14:14">
      <c r="N913841" s="10"/>
    </row>
    <row r="913842" spans="14:14">
      <c r="N913842" s="10"/>
    </row>
    <row r="913843" spans="14:14">
      <c r="N913843" s="10"/>
    </row>
    <row r="913844" spans="14:14">
      <c r="N913844" s="10"/>
    </row>
    <row r="913845" spans="14:14">
      <c r="N913845" s="10"/>
    </row>
    <row r="913846" spans="14:14">
      <c r="N913846" s="10"/>
    </row>
    <row r="913847" spans="14:14">
      <c r="N913847" s="10"/>
    </row>
    <row r="913848" spans="14:14">
      <c r="N913848" s="10"/>
    </row>
    <row r="913849" spans="14:14">
      <c r="N913849" s="10"/>
    </row>
    <row r="913850" spans="14:14">
      <c r="N913850" s="10"/>
    </row>
    <row r="913851" spans="14:14">
      <c r="N913851" s="10"/>
    </row>
    <row r="913852" spans="14:14">
      <c r="N913852" s="10"/>
    </row>
    <row r="913853" spans="14:14">
      <c r="N913853" s="10"/>
    </row>
    <row r="913854" spans="14:14">
      <c r="N913854" s="10"/>
    </row>
    <row r="913855" spans="14:14">
      <c r="N913855" s="10"/>
    </row>
    <row r="913856" spans="14:14">
      <c r="N913856" s="10"/>
    </row>
    <row r="913857" spans="14:14">
      <c r="N913857" s="10"/>
    </row>
    <row r="913858" spans="14:14">
      <c r="N913858" s="10"/>
    </row>
    <row r="913859" spans="14:14">
      <c r="N913859" s="10"/>
    </row>
    <row r="913860" spans="14:14">
      <c r="N913860" s="10"/>
    </row>
    <row r="913861" spans="14:14">
      <c r="N913861" s="10"/>
    </row>
    <row r="913862" spans="14:14">
      <c r="N913862" s="10"/>
    </row>
    <row r="913863" spans="14:14">
      <c r="N913863" s="10"/>
    </row>
    <row r="913864" spans="14:14">
      <c r="N913864" s="10"/>
    </row>
    <row r="913865" spans="14:14">
      <c r="N913865" s="10"/>
    </row>
    <row r="913866" spans="14:14">
      <c r="N913866" s="10"/>
    </row>
    <row r="913867" spans="14:14">
      <c r="N913867" s="10"/>
    </row>
    <row r="913868" spans="14:14">
      <c r="N913868" s="10"/>
    </row>
    <row r="913869" spans="14:14">
      <c r="N913869" s="10"/>
    </row>
    <row r="913870" spans="14:14">
      <c r="N913870" s="10"/>
    </row>
    <row r="913871" spans="14:14">
      <c r="N913871" s="10"/>
    </row>
    <row r="913872" spans="14:14">
      <c r="N913872" s="10"/>
    </row>
    <row r="913873" spans="14:14">
      <c r="N913873" s="10"/>
    </row>
    <row r="913874" spans="14:14">
      <c r="N913874" s="10"/>
    </row>
    <row r="913875" spans="14:14">
      <c r="N913875" s="10"/>
    </row>
    <row r="913876" spans="14:14">
      <c r="N913876" s="10"/>
    </row>
    <row r="913877" spans="14:14">
      <c r="N913877" s="10"/>
    </row>
    <row r="913878" spans="14:14">
      <c r="N913878" s="10"/>
    </row>
    <row r="913879" spans="14:14">
      <c r="N913879" s="10"/>
    </row>
    <row r="913880" spans="14:14">
      <c r="N913880" s="10"/>
    </row>
    <row r="913881" spans="14:14">
      <c r="N913881" s="10"/>
    </row>
    <row r="913882" spans="14:14">
      <c r="N913882" s="10"/>
    </row>
    <row r="913883" spans="14:14">
      <c r="N913883" s="10"/>
    </row>
    <row r="913884" spans="14:14">
      <c r="N913884" s="10"/>
    </row>
    <row r="913885" spans="14:14">
      <c r="N913885" s="10"/>
    </row>
    <row r="913886" spans="14:14">
      <c r="N913886" s="10"/>
    </row>
    <row r="913887" spans="14:14">
      <c r="N913887" s="10"/>
    </row>
    <row r="913888" spans="14:14">
      <c r="N913888" s="10"/>
    </row>
    <row r="913889" spans="14:14">
      <c r="N913889" s="10"/>
    </row>
    <row r="913890" spans="14:14">
      <c r="N913890" s="10"/>
    </row>
    <row r="913891" spans="14:14">
      <c r="N913891" s="10"/>
    </row>
    <row r="913892" spans="14:14">
      <c r="N913892" s="10"/>
    </row>
    <row r="913893" spans="14:14">
      <c r="N913893" s="10"/>
    </row>
    <row r="913894" spans="14:14">
      <c r="N913894" s="10"/>
    </row>
    <row r="913895" spans="14:14">
      <c r="N913895" s="10"/>
    </row>
    <row r="913896" spans="14:14">
      <c r="N913896" s="10"/>
    </row>
    <row r="913897" spans="14:14">
      <c r="N913897" s="10"/>
    </row>
    <row r="913898" spans="14:14">
      <c r="N913898" s="10"/>
    </row>
    <row r="913899" spans="14:14">
      <c r="N913899" s="10"/>
    </row>
    <row r="913900" spans="14:14">
      <c r="N913900" s="10"/>
    </row>
    <row r="913901" spans="14:14">
      <c r="N913901" s="10"/>
    </row>
    <row r="913902" spans="14:14">
      <c r="N913902" s="10"/>
    </row>
    <row r="913903" spans="14:14">
      <c r="N913903" s="10"/>
    </row>
    <row r="913904" spans="14:14">
      <c r="N913904" s="10"/>
    </row>
    <row r="913905" spans="14:14">
      <c r="N913905" s="10"/>
    </row>
    <row r="913906" spans="14:14">
      <c r="N913906" s="10"/>
    </row>
    <row r="913907" spans="14:14">
      <c r="N913907" s="10"/>
    </row>
    <row r="913908" spans="14:14">
      <c r="N913908" s="10"/>
    </row>
    <row r="913909" spans="14:14">
      <c r="N913909" s="10"/>
    </row>
    <row r="913910" spans="14:14">
      <c r="N913910" s="10"/>
    </row>
    <row r="913911" spans="14:14">
      <c r="N913911" s="10"/>
    </row>
    <row r="913912" spans="14:14">
      <c r="N913912" s="10"/>
    </row>
    <row r="913913" spans="14:14">
      <c r="N913913" s="10"/>
    </row>
    <row r="913914" spans="14:14">
      <c r="N913914" s="10"/>
    </row>
    <row r="913915" spans="14:14">
      <c r="N913915" s="10"/>
    </row>
    <row r="913916" spans="14:14">
      <c r="N913916" s="10"/>
    </row>
    <row r="913917" spans="14:14">
      <c r="N913917" s="10"/>
    </row>
    <row r="913918" spans="14:14">
      <c r="N913918" s="10"/>
    </row>
    <row r="913919" spans="14:14">
      <c r="N913919" s="10"/>
    </row>
    <row r="913920" spans="14:14">
      <c r="N913920" s="10"/>
    </row>
    <row r="913921" spans="14:14">
      <c r="N913921" s="10"/>
    </row>
    <row r="913922" spans="14:14">
      <c r="N913922" s="10"/>
    </row>
    <row r="913923" spans="14:14">
      <c r="N913923" s="10"/>
    </row>
    <row r="913924" spans="14:14">
      <c r="N913924" s="10"/>
    </row>
    <row r="913925" spans="14:14">
      <c r="N913925" s="10"/>
    </row>
    <row r="913926" spans="14:14">
      <c r="N913926" s="10"/>
    </row>
    <row r="913927" spans="14:14">
      <c r="N913927" s="10"/>
    </row>
    <row r="913928" spans="14:14">
      <c r="N913928" s="10"/>
    </row>
    <row r="913929" spans="14:14">
      <c r="N913929" s="10"/>
    </row>
    <row r="913930" spans="14:14">
      <c r="N913930" s="10"/>
    </row>
    <row r="913931" spans="14:14">
      <c r="N913931" s="10"/>
    </row>
    <row r="913932" spans="14:14">
      <c r="N913932" s="10"/>
    </row>
    <row r="913933" spans="14:14">
      <c r="N913933" s="10"/>
    </row>
    <row r="913934" spans="14:14">
      <c r="N913934" s="10"/>
    </row>
    <row r="913935" spans="14:14">
      <c r="N913935" s="10"/>
    </row>
    <row r="913936" spans="14:14">
      <c r="N913936" s="10"/>
    </row>
    <row r="913937" spans="14:14">
      <c r="N913937" s="10"/>
    </row>
    <row r="913938" spans="14:14">
      <c r="N913938" s="10"/>
    </row>
    <row r="913939" spans="14:14">
      <c r="N913939" s="10"/>
    </row>
    <row r="913940" spans="14:14">
      <c r="N913940" s="10"/>
    </row>
    <row r="913941" spans="14:14">
      <c r="N913941" s="10"/>
    </row>
    <row r="913942" spans="14:14">
      <c r="N913942" s="10"/>
    </row>
    <row r="913943" spans="14:14">
      <c r="N913943" s="10"/>
    </row>
    <row r="913944" spans="14:14">
      <c r="N913944" s="10"/>
    </row>
    <row r="913945" spans="14:14">
      <c r="N913945" s="10"/>
    </row>
    <row r="913946" spans="14:14">
      <c r="N913946" s="10"/>
    </row>
    <row r="913947" spans="14:14">
      <c r="N913947" s="10"/>
    </row>
    <row r="913948" spans="14:14">
      <c r="N913948" s="10"/>
    </row>
    <row r="913949" spans="14:14">
      <c r="N913949" s="10"/>
    </row>
    <row r="913950" spans="14:14">
      <c r="N913950" s="10"/>
    </row>
    <row r="913951" spans="14:14">
      <c r="N913951" s="10"/>
    </row>
    <row r="913952" spans="14:14">
      <c r="N913952" s="10"/>
    </row>
    <row r="913953" spans="14:14">
      <c r="N913953" s="10"/>
    </row>
    <row r="913954" spans="14:14">
      <c r="N913954" s="10"/>
    </row>
    <row r="913955" spans="14:14">
      <c r="N913955" s="10"/>
    </row>
    <row r="913956" spans="14:14">
      <c r="N913956" s="10"/>
    </row>
    <row r="913957" spans="14:14">
      <c r="N913957" s="10"/>
    </row>
    <row r="913958" spans="14:14">
      <c r="N913958" s="10"/>
    </row>
    <row r="913959" spans="14:14">
      <c r="N913959" s="10"/>
    </row>
    <row r="913960" spans="14:14">
      <c r="N913960" s="10"/>
    </row>
    <row r="913961" spans="14:14">
      <c r="N913961" s="10"/>
    </row>
    <row r="913962" spans="14:14">
      <c r="N913962" s="10"/>
    </row>
    <row r="913963" spans="14:14">
      <c r="N913963" s="10"/>
    </row>
    <row r="913964" spans="14:14">
      <c r="N913964" s="10"/>
    </row>
    <row r="913965" spans="14:14">
      <c r="N913965" s="10"/>
    </row>
    <row r="913966" spans="14:14">
      <c r="N913966" s="10"/>
    </row>
    <row r="913967" spans="14:14">
      <c r="N913967" s="10"/>
    </row>
    <row r="913968" spans="14:14">
      <c r="N913968" s="10"/>
    </row>
    <row r="913969" spans="14:14">
      <c r="N913969" s="10"/>
    </row>
    <row r="913970" spans="14:14">
      <c r="N913970" s="10"/>
    </row>
    <row r="913971" spans="14:14">
      <c r="N913971" s="10"/>
    </row>
    <row r="913972" spans="14:14">
      <c r="N913972" s="10"/>
    </row>
    <row r="913973" spans="14:14">
      <c r="N913973" s="10"/>
    </row>
    <row r="913974" spans="14:14">
      <c r="N913974" s="10"/>
    </row>
    <row r="913975" spans="14:14">
      <c r="N913975" s="10"/>
    </row>
    <row r="913976" spans="14:14">
      <c r="N913976" s="10"/>
    </row>
    <row r="913977" spans="14:14">
      <c r="N913977" s="10"/>
    </row>
    <row r="913978" spans="14:14">
      <c r="N913978" s="10"/>
    </row>
    <row r="913979" spans="14:14">
      <c r="N913979" s="10"/>
    </row>
    <row r="913980" spans="14:14">
      <c r="N913980" s="10"/>
    </row>
    <row r="913981" spans="14:14">
      <c r="N913981" s="10"/>
    </row>
    <row r="913982" spans="14:14">
      <c r="N913982" s="10"/>
    </row>
    <row r="913983" spans="14:14">
      <c r="N913983" s="10"/>
    </row>
    <row r="913984" spans="14:14">
      <c r="N913984" s="10"/>
    </row>
    <row r="913985" spans="14:14">
      <c r="N913985" s="10"/>
    </row>
    <row r="913986" spans="14:14">
      <c r="N913986" s="10"/>
    </row>
    <row r="913987" spans="14:14">
      <c r="N913987" s="10"/>
    </row>
    <row r="913988" spans="14:14">
      <c r="N913988" s="10"/>
    </row>
    <row r="913989" spans="14:14">
      <c r="N913989" s="10"/>
    </row>
    <row r="913990" spans="14:14">
      <c r="N913990" s="10"/>
    </row>
    <row r="913991" spans="14:14">
      <c r="N913991" s="10"/>
    </row>
    <row r="913992" spans="14:14">
      <c r="N913992" s="10"/>
    </row>
    <row r="913993" spans="14:14">
      <c r="N913993" s="10"/>
    </row>
    <row r="913994" spans="14:14">
      <c r="N913994" s="10"/>
    </row>
    <row r="913995" spans="14:14">
      <c r="N913995" s="10"/>
    </row>
    <row r="913996" spans="14:14">
      <c r="N913996" s="10"/>
    </row>
    <row r="913997" spans="14:14">
      <c r="N913997" s="10"/>
    </row>
    <row r="913998" spans="14:14">
      <c r="N913998" s="10"/>
    </row>
    <row r="913999" spans="14:14">
      <c r="N913999" s="10"/>
    </row>
    <row r="914000" spans="14:14">
      <c r="N914000" s="10"/>
    </row>
    <row r="914001" spans="14:14">
      <c r="N914001" s="10"/>
    </row>
    <row r="914002" spans="14:14">
      <c r="N914002" s="10"/>
    </row>
    <row r="914003" spans="14:14">
      <c r="N914003" s="10"/>
    </row>
    <row r="914004" spans="14:14">
      <c r="N914004" s="10"/>
    </row>
    <row r="914005" spans="14:14">
      <c r="N914005" s="10"/>
    </row>
    <row r="914006" spans="14:14">
      <c r="N914006" s="10"/>
    </row>
    <row r="914007" spans="14:14">
      <c r="N914007" s="10"/>
    </row>
    <row r="914008" spans="14:14">
      <c r="N914008" s="10"/>
    </row>
    <row r="914009" spans="14:14">
      <c r="N914009" s="10"/>
    </row>
    <row r="914010" spans="14:14">
      <c r="N914010" s="10"/>
    </row>
    <row r="914011" spans="14:14">
      <c r="N914011" s="10"/>
    </row>
    <row r="914012" spans="14:14">
      <c r="N914012" s="10"/>
    </row>
    <row r="914013" spans="14:14">
      <c r="N914013" s="10"/>
    </row>
    <row r="914014" spans="14:14">
      <c r="N914014" s="10"/>
    </row>
    <row r="914015" spans="14:14">
      <c r="N914015" s="10"/>
    </row>
    <row r="914016" spans="14:14">
      <c r="N914016" s="10"/>
    </row>
    <row r="914017" spans="14:14">
      <c r="N914017" s="10"/>
    </row>
    <row r="914018" spans="14:14">
      <c r="N914018" s="10"/>
    </row>
    <row r="914019" spans="14:14">
      <c r="N914019" s="10"/>
    </row>
    <row r="914020" spans="14:14">
      <c r="N914020" s="10"/>
    </row>
    <row r="914021" spans="14:14">
      <c r="N914021" s="10"/>
    </row>
    <row r="914022" spans="14:14">
      <c r="N914022" s="10"/>
    </row>
    <row r="914023" spans="14:14">
      <c r="N914023" s="10"/>
    </row>
    <row r="914024" spans="14:14">
      <c r="N914024" s="10"/>
    </row>
    <row r="914025" spans="14:14">
      <c r="N914025" s="10"/>
    </row>
    <row r="914026" spans="14:14">
      <c r="N914026" s="10"/>
    </row>
    <row r="914027" spans="14:14">
      <c r="N914027" s="10"/>
    </row>
    <row r="914028" spans="14:14">
      <c r="N914028" s="10"/>
    </row>
    <row r="914029" spans="14:14">
      <c r="N914029" s="10"/>
    </row>
    <row r="914030" spans="14:14">
      <c r="N914030" s="10"/>
    </row>
    <row r="914031" spans="14:14">
      <c r="N914031" s="10"/>
    </row>
    <row r="914032" spans="14:14">
      <c r="N914032" s="10"/>
    </row>
    <row r="914033" spans="14:14">
      <c r="N914033" s="10"/>
    </row>
    <row r="914034" spans="14:14">
      <c r="N914034" s="10"/>
    </row>
    <row r="914035" spans="14:14">
      <c r="N914035" s="10"/>
    </row>
    <row r="914036" spans="14:14">
      <c r="N914036" s="10"/>
    </row>
    <row r="914037" spans="14:14">
      <c r="N914037" s="10"/>
    </row>
    <row r="914038" spans="14:14">
      <c r="N914038" s="10"/>
    </row>
    <row r="914039" spans="14:14">
      <c r="N914039" s="10"/>
    </row>
    <row r="914040" spans="14:14">
      <c r="N914040" s="10"/>
    </row>
    <row r="914041" spans="14:14">
      <c r="N914041" s="10"/>
    </row>
    <row r="914042" spans="14:14">
      <c r="N914042" s="10"/>
    </row>
    <row r="914043" spans="14:14">
      <c r="N914043" s="10"/>
    </row>
    <row r="914044" spans="14:14">
      <c r="N914044" s="10"/>
    </row>
    <row r="914045" spans="14:14">
      <c r="N914045" s="10"/>
    </row>
    <row r="914046" spans="14:14">
      <c r="N914046" s="10"/>
    </row>
    <row r="914047" spans="14:14">
      <c r="N914047" s="10"/>
    </row>
    <row r="914048" spans="14:14">
      <c r="N914048" s="10"/>
    </row>
    <row r="914049" spans="14:14">
      <c r="N914049" s="10"/>
    </row>
    <row r="914050" spans="14:14">
      <c r="N914050" s="10"/>
    </row>
    <row r="914051" spans="14:14">
      <c r="N914051" s="10"/>
    </row>
    <row r="914052" spans="14:14">
      <c r="N914052" s="10"/>
    </row>
    <row r="914053" spans="14:14">
      <c r="N914053" s="10"/>
    </row>
    <row r="914054" spans="14:14">
      <c r="N914054" s="10"/>
    </row>
    <row r="914055" spans="14:14">
      <c r="N914055" s="10"/>
    </row>
    <row r="914056" spans="14:14">
      <c r="N914056" s="10"/>
    </row>
    <row r="914057" spans="14:14">
      <c r="N914057" s="10"/>
    </row>
    <row r="914058" spans="14:14">
      <c r="N914058" s="10"/>
    </row>
    <row r="914059" spans="14:14">
      <c r="N914059" s="10"/>
    </row>
    <row r="914060" spans="14:14">
      <c r="N914060" s="10"/>
    </row>
    <row r="914061" spans="14:14">
      <c r="N914061" s="10"/>
    </row>
    <row r="914062" spans="14:14">
      <c r="N914062" s="10"/>
    </row>
    <row r="914063" spans="14:14">
      <c r="N914063" s="10"/>
    </row>
    <row r="914064" spans="14:14">
      <c r="N914064" s="10"/>
    </row>
    <row r="914065" spans="14:14">
      <c r="N914065" s="10"/>
    </row>
    <row r="914066" spans="14:14">
      <c r="N914066" s="10"/>
    </row>
    <row r="914067" spans="14:14">
      <c r="N914067" s="10"/>
    </row>
    <row r="914068" spans="14:14">
      <c r="N914068" s="10"/>
    </row>
    <row r="914069" spans="14:14">
      <c r="N914069" s="10"/>
    </row>
    <row r="914070" spans="14:14">
      <c r="N914070" s="10"/>
    </row>
    <row r="914071" spans="14:14">
      <c r="N914071" s="10"/>
    </row>
    <row r="914072" spans="14:14">
      <c r="N914072" s="10"/>
    </row>
    <row r="914073" spans="14:14">
      <c r="N914073" s="10"/>
    </row>
    <row r="914074" spans="14:14">
      <c r="N914074" s="10"/>
    </row>
    <row r="914075" spans="14:14">
      <c r="N914075" s="10"/>
    </row>
    <row r="914076" spans="14:14">
      <c r="N914076" s="10"/>
    </row>
    <row r="914077" spans="14:14">
      <c r="N914077" s="10"/>
    </row>
    <row r="914078" spans="14:14">
      <c r="N914078" s="10"/>
    </row>
    <row r="914079" spans="14:14">
      <c r="N914079" s="10"/>
    </row>
    <row r="914080" spans="14:14">
      <c r="N914080" s="10"/>
    </row>
    <row r="914081" spans="14:14">
      <c r="N914081" s="10"/>
    </row>
    <row r="914082" spans="14:14">
      <c r="N914082" s="10"/>
    </row>
    <row r="914083" spans="14:14">
      <c r="N914083" s="10"/>
    </row>
    <row r="914084" spans="14:14">
      <c r="N914084" s="10"/>
    </row>
    <row r="914085" spans="14:14">
      <c r="N914085" s="10"/>
    </row>
    <row r="914086" spans="14:14">
      <c r="N914086" s="10"/>
    </row>
    <row r="914087" spans="14:14">
      <c r="N914087" s="10"/>
    </row>
    <row r="914088" spans="14:14">
      <c r="N914088" s="10"/>
    </row>
    <row r="914089" spans="14:14">
      <c r="N914089" s="10"/>
    </row>
    <row r="914090" spans="14:14">
      <c r="N914090" s="10"/>
    </row>
    <row r="914091" spans="14:14">
      <c r="N914091" s="10"/>
    </row>
    <row r="914092" spans="14:14">
      <c r="N914092" s="10"/>
    </row>
    <row r="914093" spans="14:14">
      <c r="N914093" s="10"/>
    </row>
    <row r="914094" spans="14:14">
      <c r="N914094" s="10"/>
    </row>
    <row r="914095" spans="14:14">
      <c r="N914095" s="10"/>
    </row>
    <row r="914096" spans="14:14">
      <c r="N914096" s="10"/>
    </row>
    <row r="914097" spans="14:14">
      <c r="N914097" s="10"/>
    </row>
    <row r="914098" spans="14:14">
      <c r="N914098" s="10"/>
    </row>
    <row r="914099" spans="14:14">
      <c r="N914099" s="10"/>
    </row>
    <row r="914100" spans="14:14">
      <c r="N914100" s="10"/>
    </row>
    <row r="914101" spans="14:14">
      <c r="N914101" s="10"/>
    </row>
    <row r="914102" spans="14:14">
      <c r="N914102" s="10"/>
    </row>
    <row r="914103" spans="14:14">
      <c r="N914103" s="10"/>
    </row>
    <row r="914104" spans="14:14">
      <c r="N914104" s="10"/>
    </row>
    <row r="914105" spans="14:14">
      <c r="N914105" s="10"/>
    </row>
    <row r="914106" spans="14:14">
      <c r="N914106" s="10"/>
    </row>
    <row r="914107" spans="14:14">
      <c r="N914107" s="10"/>
    </row>
    <row r="914108" spans="14:14">
      <c r="N914108" s="10"/>
    </row>
    <row r="914109" spans="14:14">
      <c r="N914109" s="10"/>
    </row>
    <row r="914110" spans="14:14">
      <c r="N914110" s="10"/>
    </row>
    <row r="914111" spans="14:14">
      <c r="N914111" s="10"/>
    </row>
    <row r="914112" spans="14:14">
      <c r="N914112" s="10"/>
    </row>
    <row r="914113" spans="14:14">
      <c r="N914113" s="10"/>
    </row>
    <row r="914114" spans="14:14">
      <c r="N914114" s="10"/>
    </row>
    <row r="914115" spans="14:14">
      <c r="N914115" s="10"/>
    </row>
    <row r="914116" spans="14:14">
      <c r="N914116" s="10"/>
    </row>
    <row r="914117" spans="14:14">
      <c r="N914117" s="10"/>
    </row>
    <row r="914118" spans="14:14">
      <c r="N914118" s="10"/>
    </row>
    <row r="914119" spans="14:14">
      <c r="N914119" s="10"/>
    </row>
    <row r="914120" spans="14:14">
      <c r="N914120" s="10"/>
    </row>
    <row r="914121" spans="14:14">
      <c r="N914121" s="10"/>
    </row>
    <row r="914122" spans="14:14">
      <c r="N914122" s="10"/>
    </row>
    <row r="914123" spans="14:14">
      <c r="N914123" s="10"/>
    </row>
    <row r="914124" spans="14:14">
      <c r="N914124" s="10"/>
    </row>
    <row r="914125" spans="14:14">
      <c r="N914125" s="10"/>
    </row>
    <row r="914126" spans="14:14">
      <c r="N914126" s="10"/>
    </row>
    <row r="914127" spans="14:14">
      <c r="N914127" s="10"/>
    </row>
    <row r="914128" spans="14:14">
      <c r="N914128" s="10"/>
    </row>
    <row r="914129" spans="14:14">
      <c r="N914129" s="10"/>
    </row>
    <row r="914130" spans="14:14">
      <c r="N914130" s="10"/>
    </row>
    <row r="914131" spans="14:14">
      <c r="N914131" s="10"/>
    </row>
    <row r="914132" spans="14:14">
      <c r="N914132" s="10"/>
    </row>
    <row r="914133" spans="14:14">
      <c r="N914133" s="10"/>
    </row>
    <row r="914134" spans="14:14">
      <c r="N914134" s="10"/>
    </row>
    <row r="914135" spans="14:14">
      <c r="N914135" s="10"/>
    </row>
    <row r="914136" spans="14:14">
      <c r="N914136" s="10"/>
    </row>
    <row r="914137" spans="14:14">
      <c r="N914137" s="10"/>
    </row>
    <row r="914138" spans="14:14">
      <c r="N914138" s="10"/>
    </row>
    <row r="914139" spans="14:14">
      <c r="N914139" s="10"/>
    </row>
    <row r="914140" spans="14:14">
      <c r="N914140" s="10"/>
    </row>
    <row r="914141" spans="14:14">
      <c r="N914141" s="10"/>
    </row>
    <row r="914142" spans="14:14">
      <c r="N914142" s="10"/>
    </row>
    <row r="914143" spans="14:14">
      <c r="N914143" s="10"/>
    </row>
    <row r="914144" spans="14:14">
      <c r="N914144" s="10"/>
    </row>
    <row r="914145" spans="14:14">
      <c r="N914145" s="10"/>
    </row>
    <row r="914146" spans="14:14">
      <c r="N914146" s="10"/>
    </row>
    <row r="914147" spans="14:14">
      <c r="N914147" s="10"/>
    </row>
    <row r="914148" spans="14:14">
      <c r="N914148" s="10"/>
    </row>
    <row r="914149" spans="14:14">
      <c r="N914149" s="10"/>
    </row>
    <row r="914150" spans="14:14">
      <c r="N914150" s="10"/>
    </row>
    <row r="914151" spans="14:14">
      <c r="N914151" s="10"/>
    </row>
    <row r="914152" spans="14:14">
      <c r="N914152" s="10"/>
    </row>
    <row r="914153" spans="14:14">
      <c r="N914153" s="10"/>
    </row>
    <row r="914154" spans="14:14">
      <c r="N914154" s="10"/>
    </row>
    <row r="914155" spans="14:14">
      <c r="N914155" s="10"/>
    </row>
    <row r="914156" spans="14:14">
      <c r="N914156" s="10"/>
    </row>
    <row r="914157" spans="14:14">
      <c r="N914157" s="10"/>
    </row>
    <row r="914158" spans="14:14">
      <c r="N914158" s="10"/>
    </row>
    <row r="914159" spans="14:14">
      <c r="N914159" s="10"/>
    </row>
    <row r="914160" spans="14:14">
      <c r="N914160" s="10"/>
    </row>
    <row r="914161" spans="14:14">
      <c r="N914161" s="10"/>
    </row>
    <row r="914162" spans="14:14">
      <c r="N914162" s="10"/>
    </row>
    <row r="914163" spans="14:14">
      <c r="N914163" s="10"/>
    </row>
    <row r="914164" spans="14:14">
      <c r="N914164" s="10"/>
    </row>
    <row r="914165" spans="14:14">
      <c r="N914165" s="10"/>
    </row>
    <row r="914166" spans="14:14">
      <c r="N914166" s="10"/>
    </row>
    <row r="914167" spans="14:14">
      <c r="N914167" s="10"/>
    </row>
    <row r="914168" spans="14:14">
      <c r="N914168" s="10"/>
    </row>
    <row r="914169" spans="14:14">
      <c r="N914169" s="10"/>
    </row>
    <row r="914170" spans="14:14">
      <c r="N914170" s="10"/>
    </row>
    <row r="914171" spans="14:14">
      <c r="N914171" s="10"/>
    </row>
    <row r="914172" spans="14:14">
      <c r="N914172" s="10"/>
    </row>
    <row r="914173" spans="14:14">
      <c r="N914173" s="10"/>
    </row>
    <row r="914174" spans="14:14">
      <c r="N914174" s="10"/>
    </row>
    <row r="914175" spans="14:14">
      <c r="N914175" s="10"/>
    </row>
    <row r="914176" spans="14:14">
      <c r="N914176" s="10"/>
    </row>
    <row r="914177" spans="14:14">
      <c r="N914177" s="10"/>
    </row>
    <row r="914178" spans="14:14">
      <c r="N914178" s="10"/>
    </row>
    <row r="914179" spans="14:14">
      <c r="N914179" s="10"/>
    </row>
    <row r="914180" spans="14:14">
      <c r="N914180" s="10"/>
    </row>
    <row r="914181" spans="14:14">
      <c r="N914181" s="10"/>
    </row>
    <row r="914182" spans="14:14">
      <c r="N914182" s="10"/>
    </row>
    <row r="914183" spans="14:14">
      <c r="N914183" s="10"/>
    </row>
    <row r="914184" spans="14:14">
      <c r="N914184" s="10"/>
    </row>
    <row r="914185" spans="14:14">
      <c r="N914185" s="10"/>
    </row>
    <row r="914186" spans="14:14">
      <c r="N914186" s="10"/>
    </row>
    <row r="914187" spans="14:14">
      <c r="N914187" s="10"/>
    </row>
    <row r="914188" spans="14:14">
      <c r="N914188" s="10"/>
    </row>
    <row r="914189" spans="14:14">
      <c r="N914189" s="10"/>
    </row>
    <row r="914190" spans="14:14">
      <c r="N914190" s="10"/>
    </row>
    <row r="914191" spans="14:14">
      <c r="N914191" s="10"/>
    </row>
    <row r="914192" spans="14:14">
      <c r="N914192" s="10"/>
    </row>
    <row r="914193" spans="14:14">
      <c r="N914193" s="10"/>
    </row>
    <row r="914194" spans="14:14">
      <c r="N914194" s="10"/>
    </row>
    <row r="914195" spans="14:14">
      <c r="N914195" s="10"/>
    </row>
    <row r="914196" spans="14:14">
      <c r="N914196" s="10"/>
    </row>
    <row r="914197" spans="14:14">
      <c r="N914197" s="10"/>
    </row>
    <row r="914198" spans="14:14">
      <c r="N914198" s="10"/>
    </row>
    <row r="914199" spans="14:14">
      <c r="N914199" s="10"/>
    </row>
    <row r="914200" spans="14:14">
      <c r="N914200" s="10"/>
    </row>
    <row r="914201" spans="14:14">
      <c r="N914201" s="10"/>
    </row>
    <row r="914202" spans="14:14">
      <c r="N914202" s="10"/>
    </row>
    <row r="914203" spans="14:14">
      <c r="N914203" s="10"/>
    </row>
    <row r="914204" spans="14:14">
      <c r="N914204" s="10"/>
    </row>
    <row r="914205" spans="14:14">
      <c r="N914205" s="10"/>
    </row>
    <row r="914206" spans="14:14">
      <c r="N914206" s="10"/>
    </row>
    <row r="914207" spans="14:14">
      <c r="N914207" s="10"/>
    </row>
    <row r="914208" spans="14:14">
      <c r="N914208" s="10"/>
    </row>
    <row r="914209" spans="14:14">
      <c r="N914209" s="10"/>
    </row>
    <row r="914210" spans="14:14">
      <c r="N914210" s="10"/>
    </row>
    <row r="914211" spans="14:14">
      <c r="N914211" s="10"/>
    </row>
    <row r="914212" spans="14:14">
      <c r="N914212" s="10"/>
    </row>
    <row r="914213" spans="14:14">
      <c r="N914213" s="10"/>
    </row>
    <row r="914214" spans="14:14">
      <c r="N914214" s="10"/>
    </row>
    <row r="914215" spans="14:14">
      <c r="N914215" s="10"/>
    </row>
    <row r="914216" spans="14:14">
      <c r="N914216" s="10"/>
    </row>
    <row r="914217" spans="14:14">
      <c r="N914217" s="10"/>
    </row>
    <row r="914218" spans="14:14">
      <c r="N914218" s="10"/>
    </row>
    <row r="914219" spans="14:14">
      <c r="N914219" s="10"/>
    </row>
    <row r="914220" spans="14:14">
      <c r="N914220" s="10"/>
    </row>
    <row r="914221" spans="14:14">
      <c r="N914221" s="10"/>
    </row>
    <row r="914222" spans="14:14">
      <c r="N914222" s="10"/>
    </row>
    <row r="914223" spans="14:14">
      <c r="N914223" s="10"/>
    </row>
    <row r="914224" spans="14:14">
      <c r="N914224" s="10"/>
    </row>
    <row r="914225" spans="14:14">
      <c r="N914225" s="10"/>
    </row>
    <row r="914226" spans="14:14">
      <c r="N914226" s="10"/>
    </row>
    <row r="914227" spans="14:14">
      <c r="N914227" s="10"/>
    </row>
    <row r="914228" spans="14:14">
      <c r="N914228" s="10"/>
    </row>
    <row r="914229" spans="14:14">
      <c r="N914229" s="10"/>
    </row>
    <row r="914230" spans="14:14">
      <c r="N914230" s="10"/>
    </row>
    <row r="914231" spans="14:14">
      <c r="N914231" s="10"/>
    </row>
    <row r="914232" spans="14:14">
      <c r="N914232" s="10"/>
    </row>
    <row r="914233" spans="14:14">
      <c r="N914233" s="10"/>
    </row>
    <row r="914234" spans="14:14">
      <c r="N914234" s="10"/>
    </row>
    <row r="914235" spans="14:14">
      <c r="N914235" s="10"/>
    </row>
    <row r="914236" spans="14:14">
      <c r="N914236" s="10"/>
    </row>
    <row r="914237" spans="14:14">
      <c r="N914237" s="10"/>
    </row>
    <row r="914238" spans="14:14">
      <c r="N914238" s="10"/>
    </row>
    <row r="914239" spans="14:14">
      <c r="N914239" s="10"/>
    </row>
    <row r="914240" spans="14:14">
      <c r="N914240" s="10"/>
    </row>
    <row r="914241" spans="14:14">
      <c r="N914241" s="10"/>
    </row>
    <row r="914242" spans="14:14">
      <c r="N914242" s="10"/>
    </row>
    <row r="914243" spans="14:14">
      <c r="N914243" s="10"/>
    </row>
    <row r="914244" spans="14:14">
      <c r="N914244" s="10"/>
    </row>
    <row r="914245" spans="14:14">
      <c r="N914245" s="10"/>
    </row>
    <row r="914246" spans="14:14">
      <c r="N914246" s="10"/>
    </row>
    <row r="914247" spans="14:14">
      <c r="N914247" s="10"/>
    </row>
    <row r="914248" spans="14:14">
      <c r="N914248" s="10"/>
    </row>
    <row r="914249" spans="14:14">
      <c r="N914249" s="10"/>
    </row>
    <row r="914250" spans="14:14">
      <c r="N914250" s="10"/>
    </row>
    <row r="914251" spans="14:14">
      <c r="N914251" s="10"/>
    </row>
    <row r="914252" spans="14:14">
      <c r="N914252" s="10"/>
    </row>
    <row r="914253" spans="14:14">
      <c r="N914253" s="10"/>
    </row>
    <row r="914254" spans="14:14">
      <c r="N914254" s="10"/>
    </row>
    <row r="914255" spans="14:14">
      <c r="N914255" s="10"/>
    </row>
    <row r="914256" spans="14:14">
      <c r="N914256" s="10"/>
    </row>
    <row r="914257" spans="14:14">
      <c r="N914257" s="10"/>
    </row>
    <row r="914258" spans="14:14">
      <c r="N914258" s="10"/>
    </row>
    <row r="914259" spans="14:14">
      <c r="N914259" s="10"/>
    </row>
    <row r="914260" spans="14:14">
      <c r="N914260" s="10"/>
    </row>
    <row r="914261" spans="14:14">
      <c r="N914261" s="10"/>
    </row>
    <row r="914262" spans="14:14">
      <c r="N914262" s="10"/>
    </row>
    <row r="914263" spans="14:14">
      <c r="N914263" s="10"/>
    </row>
    <row r="914264" spans="14:14">
      <c r="N914264" s="10"/>
    </row>
    <row r="914265" spans="14:14">
      <c r="N914265" s="10"/>
    </row>
    <row r="914266" spans="14:14">
      <c r="N914266" s="10"/>
    </row>
    <row r="914267" spans="14:14">
      <c r="N914267" s="10"/>
    </row>
    <row r="914268" spans="14:14">
      <c r="N914268" s="10"/>
    </row>
    <row r="914269" spans="14:14">
      <c r="N914269" s="10"/>
    </row>
    <row r="914270" spans="14:14">
      <c r="N914270" s="10"/>
    </row>
    <row r="914271" spans="14:14">
      <c r="N914271" s="10"/>
    </row>
    <row r="914272" spans="14:14">
      <c r="N914272" s="10"/>
    </row>
    <row r="914273" spans="14:14">
      <c r="N914273" s="10"/>
    </row>
    <row r="914274" spans="14:14">
      <c r="N914274" s="10"/>
    </row>
    <row r="914275" spans="14:14">
      <c r="N914275" s="10"/>
    </row>
    <row r="914276" spans="14:14">
      <c r="N914276" s="10"/>
    </row>
    <row r="914277" spans="14:14">
      <c r="N914277" s="10"/>
    </row>
    <row r="914278" spans="14:14">
      <c r="N914278" s="10"/>
    </row>
    <row r="914279" spans="14:14">
      <c r="N914279" s="10"/>
    </row>
    <row r="914280" spans="14:14">
      <c r="N914280" s="10"/>
    </row>
    <row r="914281" spans="14:14">
      <c r="N914281" s="10"/>
    </row>
    <row r="914282" spans="14:14">
      <c r="N914282" s="10"/>
    </row>
    <row r="914283" spans="14:14">
      <c r="N914283" s="10"/>
    </row>
    <row r="914284" spans="14:14">
      <c r="N914284" s="10"/>
    </row>
    <row r="914285" spans="14:14">
      <c r="N914285" s="10"/>
    </row>
    <row r="914286" spans="14:14">
      <c r="N914286" s="10"/>
    </row>
    <row r="914287" spans="14:14">
      <c r="N914287" s="10"/>
    </row>
    <row r="914288" spans="14:14">
      <c r="N914288" s="10"/>
    </row>
    <row r="914289" spans="14:14">
      <c r="N914289" s="10"/>
    </row>
    <row r="914290" spans="14:14">
      <c r="N914290" s="10"/>
    </row>
    <row r="914291" spans="14:14">
      <c r="N914291" s="10"/>
    </row>
    <row r="914292" spans="14:14">
      <c r="N914292" s="10"/>
    </row>
    <row r="914293" spans="14:14">
      <c r="N914293" s="10"/>
    </row>
    <row r="914294" spans="14:14">
      <c r="N914294" s="10"/>
    </row>
    <row r="914295" spans="14:14">
      <c r="N914295" s="10"/>
    </row>
    <row r="914296" spans="14:14">
      <c r="N914296" s="10"/>
    </row>
    <row r="914297" spans="14:14">
      <c r="N914297" s="10"/>
    </row>
    <row r="914298" spans="14:14">
      <c r="N914298" s="10"/>
    </row>
    <row r="914299" spans="14:14">
      <c r="N914299" s="10"/>
    </row>
    <row r="914300" spans="14:14">
      <c r="N914300" s="10"/>
    </row>
    <row r="914301" spans="14:14">
      <c r="N914301" s="10"/>
    </row>
    <row r="914302" spans="14:14">
      <c r="N914302" s="10"/>
    </row>
    <row r="914303" spans="14:14">
      <c r="N914303" s="10"/>
    </row>
    <row r="914304" spans="14:14">
      <c r="N914304" s="10"/>
    </row>
    <row r="914305" spans="14:14">
      <c r="N914305" s="10"/>
    </row>
    <row r="914306" spans="14:14">
      <c r="N914306" s="10"/>
    </row>
    <row r="914307" spans="14:14">
      <c r="N914307" s="10"/>
    </row>
    <row r="914308" spans="14:14">
      <c r="N914308" s="10"/>
    </row>
    <row r="914309" spans="14:14">
      <c r="N914309" s="10"/>
    </row>
    <row r="914310" spans="14:14">
      <c r="N914310" s="10"/>
    </row>
    <row r="914311" spans="14:14">
      <c r="N914311" s="10"/>
    </row>
    <row r="914312" spans="14:14">
      <c r="N914312" s="10"/>
    </row>
    <row r="914313" spans="14:14">
      <c r="N914313" s="10"/>
    </row>
    <row r="914314" spans="14:14">
      <c r="N914314" s="10"/>
    </row>
    <row r="914315" spans="14:14">
      <c r="N914315" s="10"/>
    </row>
    <row r="914316" spans="14:14">
      <c r="N914316" s="10"/>
    </row>
    <row r="914317" spans="14:14">
      <c r="N914317" s="10"/>
    </row>
    <row r="914318" spans="14:14">
      <c r="N914318" s="10"/>
    </row>
    <row r="914319" spans="14:14">
      <c r="N914319" s="10"/>
    </row>
    <row r="914320" spans="14:14">
      <c r="N914320" s="10"/>
    </row>
    <row r="914321" spans="14:14">
      <c r="N914321" s="10"/>
    </row>
    <row r="914322" spans="14:14">
      <c r="N914322" s="10"/>
    </row>
    <row r="914323" spans="14:14">
      <c r="N914323" s="10"/>
    </row>
    <row r="914324" spans="14:14">
      <c r="N914324" s="10"/>
    </row>
    <row r="914325" spans="14:14">
      <c r="N914325" s="10"/>
    </row>
    <row r="914326" spans="14:14">
      <c r="N914326" s="10"/>
    </row>
    <row r="914327" spans="14:14">
      <c r="N914327" s="10"/>
    </row>
    <row r="914328" spans="14:14">
      <c r="N914328" s="10"/>
    </row>
    <row r="914329" spans="14:14">
      <c r="N914329" s="10"/>
    </row>
    <row r="914330" spans="14:14">
      <c r="N914330" s="10"/>
    </row>
    <row r="914331" spans="14:14">
      <c r="N914331" s="10"/>
    </row>
    <row r="914332" spans="14:14">
      <c r="N914332" s="10"/>
    </row>
    <row r="914333" spans="14:14">
      <c r="N914333" s="10"/>
    </row>
    <row r="914334" spans="14:14">
      <c r="N914334" s="10"/>
    </row>
    <row r="914335" spans="14:14">
      <c r="N914335" s="10"/>
    </row>
    <row r="914336" spans="14:14">
      <c r="N914336" s="10"/>
    </row>
    <row r="914337" spans="14:14">
      <c r="N914337" s="10"/>
    </row>
    <row r="914338" spans="14:14">
      <c r="N914338" s="10"/>
    </row>
    <row r="914339" spans="14:14">
      <c r="N914339" s="10"/>
    </row>
    <row r="914340" spans="14:14">
      <c r="N914340" s="10"/>
    </row>
    <row r="914341" spans="14:14">
      <c r="N914341" s="10"/>
    </row>
    <row r="914342" spans="14:14">
      <c r="N914342" s="10"/>
    </row>
    <row r="914343" spans="14:14">
      <c r="N914343" s="10"/>
    </row>
    <row r="914344" spans="14:14">
      <c r="N914344" s="10"/>
    </row>
    <row r="914345" spans="14:14">
      <c r="N914345" s="10"/>
    </row>
    <row r="914346" spans="14:14">
      <c r="N914346" s="10"/>
    </row>
    <row r="914347" spans="14:14">
      <c r="N914347" s="10"/>
    </row>
    <row r="914348" spans="14:14">
      <c r="N914348" s="10"/>
    </row>
    <row r="914349" spans="14:14">
      <c r="N914349" s="10"/>
    </row>
    <row r="914350" spans="14:14">
      <c r="N914350" s="10"/>
    </row>
    <row r="914351" spans="14:14">
      <c r="N914351" s="10"/>
    </row>
    <row r="914352" spans="14:14">
      <c r="N914352" s="10"/>
    </row>
    <row r="914353" spans="14:14">
      <c r="N914353" s="10"/>
    </row>
    <row r="914354" spans="14:14">
      <c r="N914354" s="10"/>
    </row>
    <row r="914355" spans="14:14">
      <c r="N914355" s="10"/>
    </row>
    <row r="914356" spans="14:14">
      <c r="N914356" s="10"/>
    </row>
    <row r="914357" spans="14:14">
      <c r="N914357" s="10"/>
    </row>
    <row r="914358" spans="14:14">
      <c r="N914358" s="10"/>
    </row>
    <row r="914359" spans="14:14">
      <c r="N914359" s="10"/>
    </row>
    <row r="914360" spans="14:14">
      <c r="N914360" s="10"/>
    </row>
    <row r="914361" spans="14:14">
      <c r="N914361" s="10"/>
    </row>
    <row r="914362" spans="14:14">
      <c r="N914362" s="10"/>
    </row>
    <row r="914363" spans="14:14">
      <c r="N914363" s="10"/>
    </row>
    <row r="914364" spans="14:14">
      <c r="N914364" s="10"/>
    </row>
    <row r="914365" spans="14:14">
      <c r="N914365" s="10"/>
    </row>
    <row r="914366" spans="14:14">
      <c r="N914366" s="10"/>
    </row>
    <row r="914367" spans="14:14">
      <c r="N914367" s="10"/>
    </row>
    <row r="914368" spans="14:14">
      <c r="N914368" s="10"/>
    </row>
    <row r="914369" spans="14:14">
      <c r="N914369" s="10"/>
    </row>
    <row r="914370" spans="14:14">
      <c r="N914370" s="10"/>
    </row>
    <row r="914371" spans="14:14">
      <c r="N914371" s="10"/>
    </row>
    <row r="914372" spans="14:14">
      <c r="N914372" s="10"/>
    </row>
    <row r="914373" spans="14:14">
      <c r="N914373" s="10"/>
    </row>
    <row r="914374" spans="14:14">
      <c r="N914374" s="10"/>
    </row>
    <row r="914375" spans="14:14">
      <c r="N914375" s="10"/>
    </row>
    <row r="914376" spans="14:14">
      <c r="N914376" s="10"/>
    </row>
    <row r="914377" spans="14:14">
      <c r="N914377" s="10"/>
    </row>
    <row r="914378" spans="14:14">
      <c r="N914378" s="10"/>
    </row>
    <row r="914379" spans="14:14">
      <c r="N914379" s="10"/>
    </row>
    <row r="914380" spans="14:14">
      <c r="N914380" s="10"/>
    </row>
    <row r="914381" spans="14:14">
      <c r="N914381" s="10"/>
    </row>
    <row r="914382" spans="14:14">
      <c r="N914382" s="10"/>
    </row>
    <row r="914383" spans="14:14">
      <c r="N914383" s="10"/>
    </row>
    <row r="914384" spans="14:14">
      <c r="N914384" s="10"/>
    </row>
    <row r="914385" spans="14:14">
      <c r="N914385" s="10"/>
    </row>
    <row r="914386" spans="14:14">
      <c r="N914386" s="10"/>
    </row>
    <row r="914387" spans="14:14">
      <c r="N914387" s="10"/>
    </row>
    <row r="914388" spans="14:14">
      <c r="N914388" s="10"/>
    </row>
    <row r="914389" spans="14:14">
      <c r="N914389" s="10"/>
    </row>
    <row r="914390" spans="14:14">
      <c r="N914390" s="10"/>
    </row>
    <row r="914391" spans="14:14">
      <c r="N914391" s="10"/>
    </row>
    <row r="914392" spans="14:14">
      <c r="N914392" s="10"/>
    </row>
    <row r="914393" spans="14:14">
      <c r="N914393" s="10"/>
    </row>
    <row r="914394" spans="14:14">
      <c r="N914394" s="10"/>
    </row>
    <row r="914395" spans="14:14">
      <c r="N914395" s="10"/>
    </row>
    <row r="914396" spans="14:14">
      <c r="N914396" s="10"/>
    </row>
    <row r="914397" spans="14:14">
      <c r="N914397" s="10"/>
    </row>
    <row r="914398" spans="14:14">
      <c r="N914398" s="10"/>
    </row>
    <row r="914399" spans="14:14">
      <c r="N914399" s="10"/>
    </row>
    <row r="914400" spans="14:14">
      <c r="N914400" s="10"/>
    </row>
    <row r="914401" spans="14:14">
      <c r="N914401" s="10"/>
    </row>
    <row r="914402" spans="14:14">
      <c r="N914402" s="10"/>
    </row>
    <row r="914403" spans="14:14">
      <c r="N914403" s="10"/>
    </row>
    <row r="914404" spans="14:14">
      <c r="N914404" s="10"/>
    </row>
    <row r="914405" spans="14:14">
      <c r="N914405" s="10"/>
    </row>
    <row r="914406" spans="14:14">
      <c r="N914406" s="10"/>
    </row>
    <row r="914407" spans="14:14">
      <c r="N914407" s="10"/>
    </row>
    <row r="914408" spans="14:14">
      <c r="N914408" s="10"/>
    </row>
    <row r="914409" spans="14:14">
      <c r="N914409" s="10"/>
    </row>
    <row r="914410" spans="14:14">
      <c r="N914410" s="10"/>
    </row>
    <row r="914411" spans="14:14">
      <c r="N914411" s="10"/>
    </row>
    <row r="914412" spans="14:14">
      <c r="N914412" s="10"/>
    </row>
    <row r="914413" spans="14:14">
      <c r="N914413" s="10"/>
    </row>
    <row r="914414" spans="14:14">
      <c r="N914414" s="10"/>
    </row>
    <row r="914415" spans="14:14">
      <c r="N914415" s="10"/>
    </row>
    <row r="914416" spans="14:14">
      <c r="N914416" s="10"/>
    </row>
    <row r="914417" spans="14:14">
      <c r="N914417" s="10"/>
    </row>
    <row r="914418" spans="14:14">
      <c r="N914418" s="10"/>
    </row>
    <row r="914419" spans="14:14">
      <c r="N914419" s="10"/>
    </row>
    <row r="914420" spans="14:14">
      <c r="N914420" s="10"/>
    </row>
    <row r="914421" spans="14:14">
      <c r="N914421" s="10"/>
    </row>
    <row r="914422" spans="14:14">
      <c r="N914422" s="10"/>
    </row>
    <row r="914423" spans="14:14">
      <c r="N914423" s="10"/>
    </row>
    <row r="914424" spans="14:14">
      <c r="N914424" s="10"/>
    </row>
    <row r="914425" spans="14:14">
      <c r="N914425" s="10"/>
    </row>
    <row r="914426" spans="14:14">
      <c r="N914426" s="10"/>
    </row>
    <row r="914427" spans="14:14">
      <c r="N914427" s="10"/>
    </row>
    <row r="914428" spans="14:14">
      <c r="N914428" s="10"/>
    </row>
    <row r="914429" spans="14:14">
      <c r="N914429" s="10"/>
    </row>
    <row r="914430" spans="14:14">
      <c r="N914430" s="10"/>
    </row>
    <row r="914431" spans="14:14">
      <c r="N914431" s="10"/>
    </row>
    <row r="914432" spans="14:14">
      <c r="N914432" s="10"/>
    </row>
    <row r="914433" spans="14:14">
      <c r="N914433" s="10"/>
    </row>
    <row r="914434" spans="14:14">
      <c r="N914434" s="10"/>
    </row>
    <row r="914435" spans="14:14">
      <c r="N914435" s="10"/>
    </row>
    <row r="914436" spans="14:14">
      <c r="N914436" s="10"/>
    </row>
    <row r="914437" spans="14:14">
      <c r="N914437" s="10"/>
    </row>
    <row r="914438" spans="14:14">
      <c r="N914438" s="10"/>
    </row>
    <row r="914439" spans="14:14">
      <c r="N914439" s="10"/>
    </row>
    <row r="914440" spans="14:14">
      <c r="N914440" s="10"/>
    </row>
    <row r="914441" spans="14:14">
      <c r="N914441" s="10"/>
    </row>
    <row r="914442" spans="14:14">
      <c r="N914442" s="10"/>
    </row>
    <row r="914443" spans="14:14">
      <c r="N914443" s="10"/>
    </row>
    <row r="914444" spans="14:14">
      <c r="N914444" s="10"/>
    </row>
    <row r="914445" spans="14:14">
      <c r="N914445" s="10"/>
    </row>
    <row r="914446" spans="14:14">
      <c r="N914446" s="10"/>
    </row>
    <row r="914447" spans="14:14">
      <c r="N914447" s="10"/>
    </row>
    <row r="914448" spans="14:14">
      <c r="N914448" s="10"/>
    </row>
    <row r="914449" spans="14:14">
      <c r="N914449" s="10"/>
    </row>
    <row r="914450" spans="14:14">
      <c r="N914450" s="10"/>
    </row>
    <row r="914451" spans="14:14">
      <c r="N914451" s="10"/>
    </row>
    <row r="914452" spans="14:14">
      <c r="N914452" s="10"/>
    </row>
    <row r="914453" spans="14:14">
      <c r="N914453" s="10"/>
    </row>
    <row r="914454" spans="14:14">
      <c r="N914454" s="10"/>
    </row>
    <row r="914455" spans="14:14">
      <c r="N914455" s="10"/>
    </row>
    <row r="914456" spans="14:14">
      <c r="N914456" s="10"/>
    </row>
    <row r="914457" spans="14:14">
      <c r="N914457" s="10"/>
    </row>
    <row r="914458" spans="14:14">
      <c r="N914458" s="10"/>
    </row>
    <row r="914459" spans="14:14">
      <c r="N914459" s="10"/>
    </row>
    <row r="914460" spans="14:14">
      <c r="N914460" s="10"/>
    </row>
    <row r="914461" spans="14:14">
      <c r="N914461" s="10"/>
    </row>
    <row r="914462" spans="14:14">
      <c r="N914462" s="10"/>
    </row>
    <row r="914463" spans="14:14">
      <c r="N914463" s="10"/>
    </row>
    <row r="914464" spans="14:14">
      <c r="N914464" s="10"/>
    </row>
    <row r="914465" spans="14:14">
      <c r="N914465" s="10"/>
    </row>
    <row r="914466" spans="14:14">
      <c r="N914466" s="10"/>
    </row>
    <row r="914467" spans="14:14">
      <c r="N914467" s="10"/>
    </row>
    <row r="914468" spans="14:14">
      <c r="N914468" s="10"/>
    </row>
    <row r="914469" spans="14:14">
      <c r="N914469" s="10"/>
    </row>
    <row r="914470" spans="14:14">
      <c r="N914470" s="10"/>
    </row>
    <row r="914471" spans="14:14">
      <c r="N914471" s="10"/>
    </row>
    <row r="914472" spans="14:14">
      <c r="N914472" s="10"/>
    </row>
    <row r="914473" spans="14:14">
      <c r="N914473" s="10"/>
    </row>
    <row r="914474" spans="14:14">
      <c r="N914474" s="10"/>
    </row>
    <row r="914475" spans="14:14">
      <c r="N914475" s="10"/>
    </row>
    <row r="914476" spans="14:14">
      <c r="N914476" s="10"/>
    </row>
    <row r="914477" spans="14:14">
      <c r="N914477" s="10"/>
    </row>
    <row r="914478" spans="14:14">
      <c r="N914478" s="10"/>
    </row>
    <row r="914479" spans="14:14">
      <c r="N914479" s="10"/>
    </row>
    <row r="914480" spans="14:14">
      <c r="N914480" s="10"/>
    </row>
    <row r="914481" spans="14:14">
      <c r="N914481" s="10"/>
    </row>
    <row r="914482" spans="14:14">
      <c r="N914482" s="10"/>
    </row>
    <row r="914483" spans="14:14">
      <c r="N914483" s="10"/>
    </row>
    <row r="914484" spans="14:14">
      <c r="N914484" s="10"/>
    </row>
    <row r="914485" spans="14:14">
      <c r="N914485" s="10"/>
    </row>
    <row r="914486" spans="14:14">
      <c r="N914486" s="10"/>
    </row>
    <row r="914487" spans="14:14">
      <c r="N914487" s="10"/>
    </row>
    <row r="914488" spans="14:14">
      <c r="N914488" s="10"/>
    </row>
    <row r="914489" spans="14:14">
      <c r="N914489" s="10"/>
    </row>
    <row r="914490" spans="14:14">
      <c r="N914490" s="10"/>
    </row>
    <row r="914491" spans="14:14">
      <c r="N914491" s="10"/>
    </row>
    <row r="914492" spans="14:14">
      <c r="N914492" s="10"/>
    </row>
    <row r="914493" spans="14:14">
      <c r="N914493" s="10"/>
    </row>
    <row r="914494" spans="14:14">
      <c r="N914494" s="10"/>
    </row>
    <row r="914495" spans="14:14">
      <c r="N914495" s="10"/>
    </row>
    <row r="914496" spans="14:14">
      <c r="N914496" s="10"/>
    </row>
    <row r="914497" spans="14:14">
      <c r="N914497" s="10"/>
    </row>
    <row r="914498" spans="14:14">
      <c r="N914498" s="10"/>
    </row>
    <row r="914499" spans="14:14">
      <c r="N914499" s="10"/>
    </row>
    <row r="914500" spans="14:14">
      <c r="N914500" s="10"/>
    </row>
    <row r="914501" spans="14:14">
      <c r="N914501" s="10"/>
    </row>
    <row r="914502" spans="14:14">
      <c r="N914502" s="10"/>
    </row>
    <row r="914503" spans="14:14">
      <c r="N914503" s="10"/>
    </row>
    <row r="914504" spans="14:14">
      <c r="N914504" s="10"/>
    </row>
    <row r="914505" spans="14:14">
      <c r="N914505" s="10"/>
    </row>
    <row r="914506" spans="14:14">
      <c r="N914506" s="10"/>
    </row>
    <row r="914507" spans="14:14">
      <c r="N914507" s="10"/>
    </row>
    <row r="914508" spans="14:14">
      <c r="N914508" s="10"/>
    </row>
    <row r="914509" spans="14:14">
      <c r="N914509" s="10"/>
    </row>
    <row r="914510" spans="14:14">
      <c r="N914510" s="10"/>
    </row>
    <row r="914511" spans="14:14">
      <c r="N914511" s="10"/>
    </row>
    <row r="914512" spans="14:14">
      <c r="N914512" s="10"/>
    </row>
    <row r="914513" spans="14:14">
      <c r="N914513" s="10"/>
    </row>
    <row r="914514" spans="14:14">
      <c r="N914514" s="10"/>
    </row>
    <row r="914515" spans="14:14">
      <c r="N914515" s="10"/>
    </row>
    <row r="914516" spans="14:14">
      <c r="N914516" s="10"/>
    </row>
    <row r="914517" spans="14:14">
      <c r="N914517" s="10"/>
    </row>
    <row r="914518" spans="14:14">
      <c r="N914518" s="10"/>
    </row>
    <row r="914519" spans="14:14">
      <c r="N914519" s="10"/>
    </row>
    <row r="914520" spans="14:14">
      <c r="N914520" s="10"/>
    </row>
    <row r="914521" spans="14:14">
      <c r="N914521" s="10"/>
    </row>
    <row r="914522" spans="14:14">
      <c r="N914522" s="10"/>
    </row>
    <row r="914523" spans="14:14">
      <c r="N914523" s="10"/>
    </row>
    <row r="914524" spans="14:14">
      <c r="N914524" s="10"/>
    </row>
    <row r="914525" spans="14:14">
      <c r="N914525" s="10"/>
    </row>
    <row r="914526" spans="14:14">
      <c r="N914526" s="10"/>
    </row>
    <row r="914527" spans="14:14">
      <c r="N914527" s="10"/>
    </row>
    <row r="914528" spans="14:14">
      <c r="N914528" s="10"/>
    </row>
    <row r="914529" spans="14:14">
      <c r="N914529" s="10"/>
    </row>
    <row r="914530" spans="14:14">
      <c r="N914530" s="10"/>
    </row>
    <row r="914531" spans="14:14">
      <c r="N914531" s="10"/>
    </row>
    <row r="914532" spans="14:14">
      <c r="N914532" s="10"/>
    </row>
    <row r="914533" spans="14:14">
      <c r="N914533" s="10"/>
    </row>
    <row r="914534" spans="14:14">
      <c r="N914534" s="10"/>
    </row>
    <row r="914535" spans="14:14">
      <c r="N914535" s="10"/>
    </row>
    <row r="914536" spans="14:14">
      <c r="N914536" s="10"/>
    </row>
    <row r="914537" spans="14:14">
      <c r="N914537" s="10"/>
    </row>
    <row r="914538" spans="14:14">
      <c r="N914538" s="10"/>
    </row>
    <row r="914539" spans="14:14">
      <c r="N914539" s="10"/>
    </row>
    <row r="914540" spans="14:14">
      <c r="N914540" s="10"/>
    </row>
    <row r="914541" spans="14:14">
      <c r="N914541" s="10"/>
    </row>
    <row r="914542" spans="14:14">
      <c r="N914542" s="10"/>
    </row>
    <row r="914543" spans="14:14">
      <c r="N914543" s="10"/>
    </row>
    <row r="914544" spans="14:14">
      <c r="N914544" s="10"/>
    </row>
    <row r="914545" spans="14:14">
      <c r="N914545" s="10"/>
    </row>
    <row r="914546" spans="14:14">
      <c r="N914546" s="10"/>
    </row>
    <row r="914547" spans="14:14">
      <c r="N914547" s="10"/>
    </row>
    <row r="914548" spans="14:14">
      <c r="N914548" s="10"/>
    </row>
    <row r="914549" spans="14:14">
      <c r="N914549" s="10"/>
    </row>
    <row r="914550" spans="14:14">
      <c r="N914550" s="10"/>
    </row>
    <row r="914551" spans="14:14">
      <c r="N914551" s="10"/>
    </row>
    <row r="914552" spans="14:14">
      <c r="N914552" s="10"/>
    </row>
    <row r="914553" spans="14:14">
      <c r="N914553" s="10"/>
    </row>
    <row r="914554" spans="14:14">
      <c r="N914554" s="10"/>
    </row>
    <row r="914555" spans="14:14">
      <c r="N914555" s="10"/>
    </row>
    <row r="914556" spans="14:14">
      <c r="N914556" s="10"/>
    </row>
    <row r="914557" spans="14:14">
      <c r="N914557" s="10"/>
    </row>
    <row r="914558" spans="14:14">
      <c r="N914558" s="10"/>
    </row>
    <row r="914559" spans="14:14">
      <c r="N914559" s="10"/>
    </row>
    <row r="914560" spans="14:14">
      <c r="N914560" s="10"/>
    </row>
    <row r="914561" spans="14:14">
      <c r="N914561" s="10"/>
    </row>
    <row r="914562" spans="14:14">
      <c r="N914562" s="10"/>
    </row>
    <row r="914563" spans="14:14">
      <c r="N914563" s="10"/>
    </row>
    <row r="914564" spans="14:14">
      <c r="N914564" s="10"/>
    </row>
    <row r="914565" spans="14:14">
      <c r="N914565" s="10"/>
    </row>
    <row r="914566" spans="14:14">
      <c r="N914566" s="10"/>
    </row>
    <row r="914567" spans="14:14">
      <c r="N914567" s="10"/>
    </row>
    <row r="914568" spans="14:14">
      <c r="N914568" s="10"/>
    </row>
    <row r="914569" spans="14:14">
      <c r="N914569" s="10"/>
    </row>
    <row r="914570" spans="14:14">
      <c r="N914570" s="10"/>
    </row>
    <row r="914571" spans="14:14">
      <c r="N914571" s="10"/>
    </row>
    <row r="914572" spans="14:14">
      <c r="N914572" s="10"/>
    </row>
    <row r="914573" spans="14:14">
      <c r="N914573" s="10"/>
    </row>
    <row r="914574" spans="14:14">
      <c r="N914574" s="10"/>
    </row>
    <row r="914575" spans="14:14">
      <c r="N914575" s="10"/>
    </row>
    <row r="914576" spans="14:14">
      <c r="N914576" s="10"/>
    </row>
    <row r="914577" spans="14:14">
      <c r="N914577" s="10"/>
    </row>
    <row r="914578" spans="14:14">
      <c r="N914578" s="10"/>
    </row>
    <row r="914579" spans="14:14">
      <c r="N914579" s="10"/>
    </row>
    <row r="914580" spans="14:14">
      <c r="N914580" s="10"/>
    </row>
    <row r="914581" spans="14:14">
      <c r="N914581" s="10"/>
    </row>
    <row r="914582" spans="14:14">
      <c r="N914582" s="10"/>
    </row>
    <row r="914583" spans="14:14">
      <c r="N914583" s="10"/>
    </row>
    <row r="914584" spans="14:14">
      <c r="N914584" s="10"/>
    </row>
    <row r="914585" spans="14:14">
      <c r="N914585" s="10"/>
    </row>
    <row r="914586" spans="14:14">
      <c r="N914586" s="10"/>
    </row>
    <row r="914587" spans="14:14">
      <c r="N914587" s="10"/>
    </row>
    <row r="914588" spans="14:14">
      <c r="N914588" s="10"/>
    </row>
    <row r="914589" spans="14:14">
      <c r="N914589" s="10"/>
    </row>
    <row r="914590" spans="14:14">
      <c r="N914590" s="10"/>
    </row>
    <row r="914591" spans="14:14">
      <c r="N914591" s="10"/>
    </row>
    <row r="914592" spans="14:14">
      <c r="N914592" s="10"/>
    </row>
    <row r="914593" spans="14:14">
      <c r="N914593" s="10"/>
    </row>
    <row r="914594" spans="14:14">
      <c r="N914594" s="10"/>
    </row>
    <row r="914595" spans="14:14">
      <c r="N914595" s="10"/>
    </row>
    <row r="914596" spans="14:14">
      <c r="N914596" s="10"/>
    </row>
    <row r="914597" spans="14:14">
      <c r="N914597" s="10"/>
    </row>
    <row r="914598" spans="14:14">
      <c r="N914598" s="10"/>
    </row>
    <row r="914599" spans="14:14">
      <c r="N914599" s="10"/>
    </row>
    <row r="914600" spans="14:14">
      <c r="N914600" s="10"/>
    </row>
    <row r="914601" spans="14:14">
      <c r="N914601" s="10"/>
    </row>
    <row r="914602" spans="14:14">
      <c r="N914602" s="10"/>
    </row>
    <row r="914603" spans="14:14">
      <c r="N914603" s="10"/>
    </row>
    <row r="914604" spans="14:14">
      <c r="N914604" s="10"/>
    </row>
    <row r="914605" spans="14:14">
      <c r="N914605" s="10"/>
    </row>
    <row r="914606" spans="14:14">
      <c r="N914606" s="10"/>
    </row>
    <row r="914607" spans="14:14">
      <c r="N914607" s="10"/>
    </row>
    <row r="914608" spans="14:14">
      <c r="N914608" s="10"/>
    </row>
    <row r="914609" spans="14:14">
      <c r="N914609" s="10"/>
    </row>
    <row r="914610" spans="14:14">
      <c r="N914610" s="10"/>
    </row>
    <row r="914611" spans="14:14">
      <c r="N914611" s="10"/>
    </row>
    <row r="914612" spans="14:14">
      <c r="N914612" s="10"/>
    </row>
    <row r="914613" spans="14:14">
      <c r="N914613" s="10"/>
    </row>
    <row r="914614" spans="14:14">
      <c r="N914614" s="10"/>
    </row>
    <row r="914615" spans="14:14">
      <c r="N914615" s="10"/>
    </row>
    <row r="914616" spans="14:14">
      <c r="N914616" s="10"/>
    </row>
    <row r="914617" spans="14:14">
      <c r="N914617" s="10"/>
    </row>
    <row r="914618" spans="14:14">
      <c r="N914618" s="10"/>
    </row>
    <row r="914619" spans="14:14">
      <c r="N914619" s="10"/>
    </row>
    <row r="914620" spans="14:14">
      <c r="N914620" s="10"/>
    </row>
    <row r="914621" spans="14:14">
      <c r="N914621" s="10"/>
    </row>
    <row r="914622" spans="14:14">
      <c r="N914622" s="10"/>
    </row>
    <row r="914623" spans="14:14">
      <c r="N914623" s="10"/>
    </row>
    <row r="914624" spans="14:14">
      <c r="N914624" s="10"/>
    </row>
    <row r="914625" spans="14:14">
      <c r="N914625" s="10"/>
    </row>
    <row r="914626" spans="14:14">
      <c r="N914626" s="10"/>
    </row>
    <row r="914627" spans="14:14">
      <c r="N914627" s="10"/>
    </row>
    <row r="914628" spans="14:14">
      <c r="N914628" s="10"/>
    </row>
    <row r="914629" spans="14:14">
      <c r="N914629" s="10"/>
    </row>
    <row r="914630" spans="14:14">
      <c r="N914630" s="10"/>
    </row>
    <row r="914631" spans="14:14">
      <c r="N914631" s="10"/>
    </row>
    <row r="914632" spans="14:14">
      <c r="N914632" s="10"/>
    </row>
    <row r="914633" spans="14:14">
      <c r="N914633" s="10"/>
    </row>
    <row r="914634" spans="14:14">
      <c r="N914634" s="10"/>
    </row>
    <row r="914635" spans="14:14">
      <c r="N914635" s="10"/>
    </row>
    <row r="914636" spans="14:14">
      <c r="N914636" s="10"/>
    </row>
    <row r="914637" spans="14:14">
      <c r="N914637" s="10"/>
    </row>
    <row r="914638" spans="14:14">
      <c r="N914638" s="10"/>
    </row>
    <row r="914639" spans="14:14">
      <c r="N914639" s="10"/>
    </row>
    <row r="914640" spans="14:14">
      <c r="N914640" s="10"/>
    </row>
    <row r="914641" spans="14:14">
      <c r="N914641" s="10"/>
    </row>
    <row r="914642" spans="14:14">
      <c r="N914642" s="10"/>
    </row>
    <row r="914643" spans="14:14">
      <c r="N914643" s="10"/>
    </row>
    <row r="914644" spans="14:14">
      <c r="N914644" s="10"/>
    </row>
    <row r="914645" spans="14:14">
      <c r="N914645" s="10"/>
    </row>
    <row r="914646" spans="14:14">
      <c r="N914646" s="10"/>
    </row>
    <row r="914647" spans="14:14">
      <c r="N914647" s="10"/>
    </row>
    <row r="914648" spans="14:14">
      <c r="N914648" s="10"/>
    </row>
    <row r="914649" spans="14:14">
      <c r="N914649" s="10"/>
    </row>
    <row r="914650" spans="14:14">
      <c r="N914650" s="10"/>
    </row>
    <row r="914651" spans="14:14">
      <c r="N914651" s="10"/>
    </row>
    <row r="914652" spans="14:14">
      <c r="N914652" s="10"/>
    </row>
    <row r="914653" spans="14:14">
      <c r="N914653" s="10"/>
    </row>
    <row r="914654" spans="14:14">
      <c r="N914654" s="10"/>
    </row>
    <row r="914655" spans="14:14">
      <c r="N914655" s="10"/>
    </row>
    <row r="914656" spans="14:14">
      <c r="N914656" s="10"/>
    </row>
    <row r="914657" spans="14:14">
      <c r="N914657" s="10"/>
    </row>
    <row r="914658" spans="14:14">
      <c r="N914658" s="10"/>
    </row>
    <row r="914659" spans="14:14">
      <c r="N914659" s="10"/>
    </row>
    <row r="914660" spans="14:14">
      <c r="N914660" s="10"/>
    </row>
    <row r="914661" spans="14:14">
      <c r="N914661" s="10"/>
    </row>
    <row r="914662" spans="14:14">
      <c r="N914662" s="10"/>
    </row>
    <row r="914663" spans="14:14">
      <c r="N914663" s="10"/>
    </row>
    <row r="914664" spans="14:14">
      <c r="N914664" s="10"/>
    </row>
    <row r="914665" spans="14:14">
      <c r="N914665" s="10"/>
    </row>
    <row r="914666" spans="14:14">
      <c r="N914666" s="10"/>
    </row>
    <row r="914667" spans="14:14">
      <c r="N914667" s="10"/>
    </row>
    <row r="914668" spans="14:14">
      <c r="N914668" s="10"/>
    </row>
    <row r="914669" spans="14:14">
      <c r="N914669" s="10"/>
    </row>
    <row r="914670" spans="14:14">
      <c r="N914670" s="10"/>
    </row>
    <row r="914671" spans="14:14">
      <c r="N914671" s="10"/>
    </row>
    <row r="914672" spans="14:14">
      <c r="N914672" s="10"/>
    </row>
    <row r="914673" spans="14:14">
      <c r="N914673" s="10"/>
    </row>
    <row r="914674" spans="14:14">
      <c r="N914674" s="10"/>
    </row>
    <row r="914675" spans="14:14">
      <c r="N914675" s="10"/>
    </row>
    <row r="914676" spans="14:14">
      <c r="N914676" s="10"/>
    </row>
    <row r="914677" spans="14:14">
      <c r="N914677" s="10"/>
    </row>
    <row r="914678" spans="14:14">
      <c r="N914678" s="10"/>
    </row>
    <row r="914679" spans="14:14">
      <c r="N914679" s="10"/>
    </row>
    <row r="914680" spans="14:14">
      <c r="N914680" s="10"/>
    </row>
    <row r="914681" spans="14:14">
      <c r="N914681" s="10"/>
    </row>
    <row r="914682" spans="14:14">
      <c r="N914682" s="10"/>
    </row>
    <row r="914683" spans="14:14">
      <c r="N914683" s="10"/>
    </row>
    <row r="914684" spans="14:14">
      <c r="N914684" s="10"/>
    </row>
    <row r="914685" spans="14:14">
      <c r="N914685" s="10"/>
    </row>
    <row r="914686" spans="14:14">
      <c r="N914686" s="10"/>
    </row>
    <row r="914687" spans="14:14">
      <c r="N914687" s="10"/>
    </row>
    <row r="914688" spans="14:14">
      <c r="N914688" s="10"/>
    </row>
    <row r="914689" spans="14:14">
      <c r="N914689" s="10"/>
    </row>
    <row r="914690" spans="14:14">
      <c r="N914690" s="10"/>
    </row>
    <row r="914691" spans="14:14">
      <c r="N914691" s="10"/>
    </row>
    <row r="914692" spans="14:14">
      <c r="N914692" s="10"/>
    </row>
    <row r="914693" spans="14:14">
      <c r="N914693" s="10"/>
    </row>
    <row r="914694" spans="14:14">
      <c r="N914694" s="10"/>
    </row>
    <row r="914695" spans="14:14">
      <c r="N914695" s="10"/>
    </row>
    <row r="914696" spans="14:14">
      <c r="N914696" s="10"/>
    </row>
    <row r="914697" spans="14:14">
      <c r="N914697" s="10"/>
    </row>
    <row r="914698" spans="14:14">
      <c r="N914698" s="10"/>
    </row>
    <row r="914699" spans="14:14">
      <c r="N914699" s="10"/>
    </row>
    <row r="914700" spans="14:14">
      <c r="N914700" s="10"/>
    </row>
    <row r="914701" spans="14:14">
      <c r="N914701" s="10"/>
    </row>
    <row r="914702" spans="14:14">
      <c r="N914702" s="10"/>
    </row>
    <row r="914703" spans="14:14">
      <c r="N914703" s="10"/>
    </row>
    <row r="914704" spans="14:14">
      <c r="N914704" s="10"/>
    </row>
    <row r="914705" spans="14:14">
      <c r="N914705" s="10"/>
    </row>
    <row r="914706" spans="14:14">
      <c r="N914706" s="10"/>
    </row>
    <row r="914707" spans="14:14">
      <c r="N914707" s="10"/>
    </row>
    <row r="914708" spans="14:14">
      <c r="N914708" s="10"/>
    </row>
    <row r="914709" spans="14:14">
      <c r="N914709" s="10"/>
    </row>
    <row r="914710" spans="14:14">
      <c r="N914710" s="10"/>
    </row>
    <row r="914711" spans="14:14">
      <c r="N914711" s="10"/>
    </row>
    <row r="914712" spans="14:14">
      <c r="N914712" s="10"/>
    </row>
    <row r="914713" spans="14:14">
      <c r="N914713" s="10"/>
    </row>
    <row r="914714" spans="14:14">
      <c r="N914714" s="10"/>
    </row>
    <row r="914715" spans="14:14">
      <c r="N914715" s="10"/>
    </row>
    <row r="914716" spans="14:14">
      <c r="N914716" s="10"/>
    </row>
    <row r="914717" spans="14:14">
      <c r="N914717" s="10"/>
    </row>
    <row r="914718" spans="14:14">
      <c r="N914718" s="10"/>
    </row>
    <row r="914719" spans="14:14">
      <c r="N914719" s="10"/>
    </row>
    <row r="914720" spans="14:14">
      <c r="N914720" s="10"/>
    </row>
    <row r="914721" spans="14:14">
      <c r="N914721" s="10"/>
    </row>
    <row r="914722" spans="14:14">
      <c r="N914722" s="10"/>
    </row>
    <row r="914723" spans="14:14">
      <c r="N914723" s="10"/>
    </row>
    <row r="914724" spans="14:14">
      <c r="N914724" s="10"/>
    </row>
    <row r="914725" spans="14:14">
      <c r="N914725" s="10"/>
    </row>
    <row r="914726" spans="14:14">
      <c r="N914726" s="10"/>
    </row>
    <row r="914727" spans="14:14">
      <c r="N914727" s="10"/>
    </row>
    <row r="914728" spans="14:14">
      <c r="N914728" s="10"/>
    </row>
    <row r="914729" spans="14:14">
      <c r="N914729" s="10"/>
    </row>
    <row r="914730" spans="14:14">
      <c r="N914730" s="10"/>
    </row>
    <row r="914731" spans="14:14">
      <c r="N914731" s="10"/>
    </row>
    <row r="914732" spans="14:14">
      <c r="N914732" s="10"/>
    </row>
    <row r="914733" spans="14:14">
      <c r="N914733" s="10"/>
    </row>
    <row r="914734" spans="14:14">
      <c r="N914734" s="10"/>
    </row>
    <row r="914735" spans="14:14">
      <c r="N914735" s="10"/>
    </row>
    <row r="914736" spans="14:14">
      <c r="N914736" s="10"/>
    </row>
    <row r="914737" spans="14:14">
      <c r="N914737" s="10"/>
    </row>
    <row r="914738" spans="14:14">
      <c r="N914738" s="10"/>
    </row>
    <row r="914739" spans="14:14">
      <c r="N914739" s="10"/>
    </row>
    <row r="914740" spans="14:14">
      <c r="N914740" s="10"/>
    </row>
    <row r="914741" spans="14:14">
      <c r="N914741" s="10"/>
    </row>
    <row r="914742" spans="14:14">
      <c r="N914742" s="10"/>
    </row>
    <row r="914743" spans="14:14">
      <c r="N914743" s="10"/>
    </row>
    <row r="914744" spans="14:14">
      <c r="N914744" s="10"/>
    </row>
    <row r="914745" spans="14:14">
      <c r="N914745" s="10"/>
    </row>
    <row r="914746" spans="14:14">
      <c r="N914746" s="10"/>
    </row>
    <row r="914747" spans="14:14">
      <c r="N914747" s="10"/>
    </row>
    <row r="914748" spans="14:14">
      <c r="N914748" s="10"/>
    </row>
    <row r="914749" spans="14:14">
      <c r="N914749" s="10"/>
    </row>
    <row r="914750" spans="14:14">
      <c r="N914750" s="10"/>
    </row>
    <row r="914751" spans="14:14">
      <c r="N914751" s="10"/>
    </row>
    <row r="914752" spans="14:14">
      <c r="N914752" s="10"/>
    </row>
    <row r="914753" spans="14:14">
      <c r="N914753" s="10"/>
    </row>
    <row r="914754" spans="14:14">
      <c r="N914754" s="10"/>
    </row>
    <row r="914755" spans="14:14">
      <c r="N914755" s="10"/>
    </row>
    <row r="914756" spans="14:14">
      <c r="N914756" s="10"/>
    </row>
    <row r="914757" spans="14:14">
      <c r="N914757" s="10"/>
    </row>
    <row r="914758" spans="14:14">
      <c r="N914758" s="10"/>
    </row>
    <row r="914759" spans="14:14">
      <c r="N914759" s="10"/>
    </row>
    <row r="914760" spans="14:14">
      <c r="N914760" s="10"/>
    </row>
    <row r="914761" spans="14:14">
      <c r="N914761" s="10"/>
    </row>
    <row r="914762" spans="14:14">
      <c r="N914762" s="10"/>
    </row>
    <row r="914763" spans="14:14">
      <c r="N914763" s="10"/>
    </row>
    <row r="914764" spans="14:14">
      <c r="N914764" s="10"/>
    </row>
    <row r="914765" spans="14:14">
      <c r="N914765" s="10"/>
    </row>
    <row r="914766" spans="14:14">
      <c r="N914766" s="10"/>
    </row>
    <row r="914767" spans="14:14">
      <c r="N914767" s="10"/>
    </row>
    <row r="914768" spans="14:14">
      <c r="N914768" s="10"/>
    </row>
    <row r="914769" spans="14:14">
      <c r="N914769" s="10"/>
    </row>
    <row r="914770" spans="14:14">
      <c r="N914770" s="10"/>
    </row>
    <row r="914771" spans="14:14">
      <c r="N914771" s="10"/>
    </row>
    <row r="914772" spans="14:14">
      <c r="N914772" s="10"/>
    </row>
    <row r="914773" spans="14:14">
      <c r="N914773" s="10"/>
    </row>
    <row r="914774" spans="14:14">
      <c r="N914774" s="10"/>
    </row>
    <row r="914775" spans="14:14">
      <c r="N914775" s="10"/>
    </row>
    <row r="914776" spans="14:14">
      <c r="N914776" s="10"/>
    </row>
    <row r="914777" spans="14:14">
      <c r="N914777" s="10"/>
    </row>
    <row r="914778" spans="14:14">
      <c r="N914778" s="10"/>
    </row>
    <row r="914779" spans="14:14">
      <c r="N914779" s="10"/>
    </row>
    <row r="914780" spans="14:14">
      <c r="N914780" s="10"/>
    </row>
    <row r="914781" spans="14:14">
      <c r="N914781" s="10"/>
    </row>
    <row r="914782" spans="14:14">
      <c r="N914782" s="10"/>
    </row>
    <row r="914783" spans="14:14">
      <c r="N914783" s="10"/>
    </row>
    <row r="914784" spans="14:14">
      <c r="N914784" s="10"/>
    </row>
    <row r="914785" spans="14:14">
      <c r="N914785" s="10"/>
    </row>
    <row r="914786" spans="14:14">
      <c r="N914786" s="10"/>
    </row>
    <row r="914787" spans="14:14">
      <c r="N914787" s="10"/>
    </row>
    <row r="914788" spans="14:14">
      <c r="N914788" s="10"/>
    </row>
    <row r="914789" spans="14:14">
      <c r="N914789" s="10"/>
    </row>
    <row r="914790" spans="14:14">
      <c r="N914790" s="10"/>
    </row>
    <row r="914791" spans="14:14">
      <c r="N914791" s="10"/>
    </row>
    <row r="914792" spans="14:14">
      <c r="N914792" s="10"/>
    </row>
    <row r="914793" spans="14:14">
      <c r="N914793" s="10"/>
    </row>
    <row r="914794" spans="14:14">
      <c r="N914794" s="10"/>
    </row>
    <row r="914795" spans="14:14">
      <c r="N914795" s="10"/>
    </row>
    <row r="914796" spans="14:14">
      <c r="N914796" s="10"/>
    </row>
    <row r="914797" spans="14:14">
      <c r="N914797" s="10"/>
    </row>
    <row r="914798" spans="14:14">
      <c r="N914798" s="10"/>
    </row>
    <row r="914799" spans="14:14">
      <c r="N914799" s="10"/>
    </row>
    <row r="914800" spans="14:14">
      <c r="N914800" s="10"/>
    </row>
    <row r="914801" spans="14:14">
      <c r="N914801" s="10"/>
    </row>
    <row r="914802" spans="14:14">
      <c r="N914802" s="10"/>
    </row>
    <row r="914803" spans="14:14">
      <c r="N914803" s="10"/>
    </row>
    <row r="914804" spans="14:14">
      <c r="N914804" s="10"/>
    </row>
    <row r="914805" spans="14:14">
      <c r="N914805" s="10"/>
    </row>
    <row r="914806" spans="14:14">
      <c r="N914806" s="10"/>
    </row>
    <row r="914807" spans="14:14">
      <c r="N914807" s="10"/>
    </row>
    <row r="914808" spans="14:14">
      <c r="N914808" s="10"/>
    </row>
    <row r="914809" spans="14:14">
      <c r="N914809" s="10"/>
    </row>
    <row r="914810" spans="14:14">
      <c r="N914810" s="10"/>
    </row>
    <row r="914811" spans="14:14">
      <c r="N914811" s="10"/>
    </row>
    <row r="914812" spans="14:14">
      <c r="N914812" s="10"/>
    </row>
    <row r="914813" spans="14:14">
      <c r="N914813" s="10"/>
    </row>
    <row r="914814" spans="14:14">
      <c r="N914814" s="10"/>
    </row>
    <row r="914815" spans="14:14">
      <c r="N914815" s="10"/>
    </row>
    <row r="914816" spans="14:14">
      <c r="N914816" s="10"/>
    </row>
    <row r="914817" spans="14:14">
      <c r="N914817" s="10"/>
    </row>
    <row r="914818" spans="14:14">
      <c r="N914818" s="10"/>
    </row>
    <row r="914819" spans="14:14">
      <c r="N914819" s="10"/>
    </row>
    <row r="914820" spans="14:14">
      <c r="N914820" s="10"/>
    </row>
    <row r="914821" spans="14:14">
      <c r="N914821" s="10"/>
    </row>
    <row r="914822" spans="14:14">
      <c r="N914822" s="10"/>
    </row>
    <row r="914823" spans="14:14">
      <c r="N914823" s="10"/>
    </row>
    <row r="914824" spans="14:14">
      <c r="N914824" s="10"/>
    </row>
    <row r="914825" spans="14:14">
      <c r="N914825" s="10"/>
    </row>
    <row r="914826" spans="14:14">
      <c r="N914826" s="10"/>
    </row>
    <row r="914827" spans="14:14">
      <c r="N914827" s="10"/>
    </row>
    <row r="914828" spans="14:14">
      <c r="N914828" s="10"/>
    </row>
    <row r="914829" spans="14:14">
      <c r="N914829" s="10"/>
    </row>
    <row r="914830" spans="14:14">
      <c r="N914830" s="10"/>
    </row>
    <row r="914831" spans="14:14">
      <c r="N914831" s="10"/>
    </row>
    <row r="914832" spans="14:14">
      <c r="N914832" s="10"/>
    </row>
    <row r="914833" spans="14:14">
      <c r="N914833" s="10"/>
    </row>
    <row r="914834" spans="14:14">
      <c r="N914834" s="10"/>
    </row>
    <row r="914835" spans="14:14">
      <c r="N914835" s="10"/>
    </row>
    <row r="914836" spans="14:14">
      <c r="N914836" s="10"/>
    </row>
    <row r="914837" spans="14:14">
      <c r="N914837" s="10"/>
    </row>
    <row r="914838" spans="14:14">
      <c r="N914838" s="10"/>
    </row>
    <row r="914839" spans="14:14">
      <c r="N914839" s="10"/>
    </row>
    <row r="914840" spans="14:14">
      <c r="N914840" s="10"/>
    </row>
    <row r="914841" spans="14:14">
      <c r="N914841" s="10"/>
    </row>
    <row r="914842" spans="14:14">
      <c r="N914842" s="10"/>
    </row>
    <row r="914843" spans="14:14">
      <c r="N914843" s="10"/>
    </row>
    <row r="914844" spans="14:14">
      <c r="N914844" s="10"/>
    </row>
    <row r="914845" spans="14:14">
      <c r="N914845" s="10"/>
    </row>
    <row r="914846" spans="14:14">
      <c r="N914846" s="10"/>
    </row>
    <row r="914847" spans="14:14">
      <c r="N914847" s="10"/>
    </row>
    <row r="914848" spans="14:14">
      <c r="N914848" s="10"/>
    </row>
    <row r="914849" spans="14:14">
      <c r="N914849" s="10"/>
    </row>
    <row r="914850" spans="14:14">
      <c r="N914850" s="10"/>
    </row>
    <row r="914851" spans="14:14">
      <c r="N914851" s="10"/>
    </row>
    <row r="914852" spans="14:14">
      <c r="N914852" s="10"/>
    </row>
    <row r="914853" spans="14:14">
      <c r="N914853" s="10"/>
    </row>
    <row r="914854" spans="14:14">
      <c r="N914854" s="10"/>
    </row>
    <row r="914855" spans="14:14">
      <c r="N914855" s="10"/>
    </row>
    <row r="914856" spans="14:14">
      <c r="N914856" s="10"/>
    </row>
    <row r="914857" spans="14:14">
      <c r="N914857" s="10"/>
    </row>
    <row r="914858" spans="14:14">
      <c r="N914858" s="10"/>
    </row>
    <row r="914859" spans="14:14">
      <c r="N914859" s="10"/>
    </row>
    <row r="914860" spans="14:14">
      <c r="N914860" s="10"/>
    </row>
    <row r="914861" spans="14:14">
      <c r="N914861" s="10"/>
    </row>
    <row r="914862" spans="14:14">
      <c r="N914862" s="10"/>
    </row>
    <row r="914863" spans="14:14">
      <c r="N914863" s="10"/>
    </row>
    <row r="914864" spans="14:14">
      <c r="N914864" s="10"/>
    </row>
    <row r="914865" spans="14:14">
      <c r="N914865" s="10"/>
    </row>
    <row r="914866" spans="14:14">
      <c r="N914866" s="10"/>
    </row>
    <row r="914867" spans="14:14">
      <c r="N914867" s="10"/>
    </row>
    <row r="914868" spans="14:14">
      <c r="N914868" s="10"/>
    </row>
    <row r="914869" spans="14:14">
      <c r="N914869" s="10"/>
    </row>
    <row r="914870" spans="14:14">
      <c r="N914870" s="10"/>
    </row>
    <row r="914871" spans="14:14">
      <c r="N914871" s="10"/>
    </row>
    <row r="914872" spans="14:14">
      <c r="N914872" s="10"/>
    </row>
    <row r="914873" spans="14:14">
      <c r="N914873" s="10"/>
    </row>
    <row r="914874" spans="14:14">
      <c r="N914874" s="10"/>
    </row>
    <row r="914875" spans="14:14">
      <c r="N914875" s="10"/>
    </row>
    <row r="914876" spans="14:14">
      <c r="N914876" s="10"/>
    </row>
    <row r="914877" spans="14:14">
      <c r="N914877" s="10"/>
    </row>
    <row r="914878" spans="14:14">
      <c r="N914878" s="10"/>
    </row>
    <row r="914879" spans="14:14">
      <c r="N914879" s="10"/>
    </row>
    <row r="914880" spans="14:14">
      <c r="N914880" s="10"/>
    </row>
    <row r="914881" spans="14:14">
      <c r="N914881" s="10"/>
    </row>
    <row r="914882" spans="14:14">
      <c r="N914882" s="10"/>
    </row>
    <row r="914883" spans="14:14">
      <c r="N914883" s="10"/>
    </row>
    <row r="914884" spans="14:14">
      <c r="N914884" s="10"/>
    </row>
    <row r="914885" spans="14:14">
      <c r="N914885" s="10"/>
    </row>
    <row r="914886" spans="14:14">
      <c r="N914886" s="10"/>
    </row>
    <row r="914887" spans="14:14">
      <c r="N914887" s="10"/>
    </row>
    <row r="914888" spans="14:14">
      <c r="N914888" s="10"/>
    </row>
    <row r="914889" spans="14:14">
      <c r="N914889" s="10"/>
    </row>
    <row r="914890" spans="14:14">
      <c r="N914890" s="10"/>
    </row>
    <row r="914891" spans="14:14">
      <c r="N914891" s="10"/>
    </row>
    <row r="914892" spans="14:14">
      <c r="N914892" s="10"/>
    </row>
    <row r="914893" spans="14:14">
      <c r="N914893" s="10"/>
    </row>
    <row r="914894" spans="14:14">
      <c r="N914894" s="10"/>
    </row>
    <row r="914895" spans="14:14">
      <c r="N914895" s="10"/>
    </row>
    <row r="914896" spans="14:14">
      <c r="N914896" s="10"/>
    </row>
    <row r="914897" spans="14:14">
      <c r="N914897" s="10"/>
    </row>
    <row r="914898" spans="14:14">
      <c r="N914898" s="10"/>
    </row>
    <row r="914899" spans="14:14">
      <c r="N914899" s="10"/>
    </row>
    <row r="914900" spans="14:14">
      <c r="N914900" s="10"/>
    </row>
    <row r="914901" spans="14:14">
      <c r="N914901" s="10"/>
    </row>
    <row r="914902" spans="14:14">
      <c r="N914902" s="10"/>
    </row>
    <row r="914903" spans="14:14">
      <c r="N914903" s="10"/>
    </row>
    <row r="914904" spans="14:14">
      <c r="N914904" s="10"/>
    </row>
    <row r="914905" spans="14:14">
      <c r="N914905" s="10"/>
    </row>
    <row r="914906" spans="14:14">
      <c r="N914906" s="10"/>
    </row>
    <row r="914907" spans="14:14">
      <c r="N914907" s="10"/>
    </row>
    <row r="914908" spans="14:14">
      <c r="N914908" s="10"/>
    </row>
    <row r="914909" spans="14:14">
      <c r="N914909" s="10"/>
    </row>
    <row r="914910" spans="14:14">
      <c r="N914910" s="10"/>
    </row>
    <row r="914911" spans="14:14">
      <c r="N914911" s="10"/>
    </row>
    <row r="914912" spans="14:14">
      <c r="N914912" s="10"/>
    </row>
    <row r="914913" spans="14:14">
      <c r="N914913" s="10"/>
    </row>
    <row r="914914" spans="14:14">
      <c r="N914914" s="10"/>
    </row>
    <row r="914915" spans="14:14">
      <c r="N914915" s="10"/>
    </row>
    <row r="914916" spans="14:14">
      <c r="N914916" s="10"/>
    </row>
    <row r="914917" spans="14:14">
      <c r="N914917" s="10"/>
    </row>
    <row r="914918" spans="14:14">
      <c r="N914918" s="10"/>
    </row>
    <row r="914919" spans="14:14">
      <c r="N914919" s="10"/>
    </row>
    <row r="914920" spans="14:14">
      <c r="N914920" s="10"/>
    </row>
    <row r="914921" spans="14:14">
      <c r="N914921" s="10"/>
    </row>
    <row r="914922" spans="14:14">
      <c r="N914922" s="10"/>
    </row>
    <row r="914923" spans="14:14">
      <c r="N914923" s="10"/>
    </row>
    <row r="914924" spans="14:14">
      <c r="N914924" s="10"/>
    </row>
    <row r="914925" spans="14:14">
      <c r="N914925" s="10"/>
    </row>
    <row r="914926" spans="14:14">
      <c r="N914926" s="10"/>
    </row>
    <row r="914927" spans="14:14">
      <c r="N914927" s="10"/>
    </row>
    <row r="914928" spans="14:14">
      <c r="N914928" s="10"/>
    </row>
    <row r="914929" spans="14:14">
      <c r="N914929" s="10"/>
    </row>
    <row r="914930" spans="14:14">
      <c r="N914930" s="10"/>
    </row>
    <row r="914931" spans="14:14">
      <c r="N914931" s="10"/>
    </row>
    <row r="914932" spans="14:14">
      <c r="N914932" s="10"/>
    </row>
    <row r="914933" spans="14:14">
      <c r="N914933" s="10"/>
    </row>
    <row r="914934" spans="14:14">
      <c r="N914934" s="10"/>
    </row>
    <row r="914935" spans="14:14">
      <c r="N914935" s="10"/>
    </row>
    <row r="914936" spans="14:14">
      <c r="N914936" s="10"/>
    </row>
    <row r="914937" spans="14:14">
      <c r="N914937" s="10"/>
    </row>
    <row r="914938" spans="14:14">
      <c r="N914938" s="10"/>
    </row>
    <row r="914939" spans="14:14">
      <c r="N914939" s="10"/>
    </row>
    <row r="914940" spans="14:14">
      <c r="N914940" s="10"/>
    </row>
    <row r="914941" spans="14:14">
      <c r="N914941" s="10"/>
    </row>
    <row r="914942" spans="14:14">
      <c r="N914942" s="10"/>
    </row>
    <row r="914943" spans="14:14">
      <c r="N914943" s="10"/>
    </row>
    <row r="914944" spans="14:14">
      <c r="N914944" s="10"/>
    </row>
    <row r="914945" spans="14:14">
      <c r="N914945" s="10"/>
    </row>
    <row r="914946" spans="14:14">
      <c r="N914946" s="10"/>
    </row>
    <row r="914947" spans="14:14">
      <c r="N914947" s="10"/>
    </row>
    <row r="914948" spans="14:14">
      <c r="N914948" s="10"/>
    </row>
    <row r="914949" spans="14:14">
      <c r="N914949" s="10"/>
    </row>
    <row r="914950" spans="14:14">
      <c r="N914950" s="10"/>
    </row>
    <row r="914951" spans="14:14">
      <c r="N914951" s="10"/>
    </row>
    <row r="914952" spans="14:14">
      <c r="N914952" s="10"/>
    </row>
    <row r="914953" spans="14:14">
      <c r="N914953" s="10"/>
    </row>
    <row r="914954" spans="14:14">
      <c r="N914954" s="10"/>
    </row>
    <row r="914955" spans="14:14">
      <c r="N914955" s="10"/>
    </row>
    <row r="914956" spans="14:14">
      <c r="N914956" s="10"/>
    </row>
    <row r="914957" spans="14:14">
      <c r="N914957" s="10"/>
    </row>
    <row r="914958" spans="14:14">
      <c r="N914958" s="10"/>
    </row>
    <row r="914959" spans="14:14">
      <c r="N914959" s="10"/>
    </row>
    <row r="914960" spans="14:14">
      <c r="N914960" s="10"/>
    </row>
    <row r="914961" spans="14:14">
      <c r="N914961" s="10"/>
    </row>
    <row r="914962" spans="14:14">
      <c r="N914962" s="10"/>
    </row>
    <row r="914963" spans="14:14">
      <c r="N914963" s="10"/>
    </row>
    <row r="914964" spans="14:14">
      <c r="N914964" s="10"/>
    </row>
    <row r="914965" spans="14:14">
      <c r="N914965" s="10"/>
    </row>
    <row r="914966" spans="14:14">
      <c r="N914966" s="10"/>
    </row>
    <row r="914967" spans="14:14">
      <c r="N914967" s="10"/>
    </row>
    <row r="914968" spans="14:14">
      <c r="N914968" s="10"/>
    </row>
    <row r="914969" spans="14:14">
      <c r="N914969" s="10"/>
    </row>
    <row r="914970" spans="14:14">
      <c r="N914970" s="10"/>
    </row>
    <row r="914971" spans="14:14">
      <c r="N914971" s="10"/>
    </row>
    <row r="914972" spans="14:14">
      <c r="N914972" s="10"/>
    </row>
    <row r="914973" spans="14:14">
      <c r="N914973" s="10"/>
    </row>
    <row r="914974" spans="14:14">
      <c r="N914974" s="10"/>
    </row>
    <row r="914975" spans="14:14">
      <c r="N914975" s="10"/>
    </row>
    <row r="914976" spans="14:14">
      <c r="N914976" s="10"/>
    </row>
    <row r="914977" spans="14:14">
      <c r="N914977" s="10"/>
    </row>
    <row r="914978" spans="14:14">
      <c r="N914978" s="10"/>
    </row>
    <row r="914979" spans="14:14">
      <c r="N914979" s="10"/>
    </row>
    <row r="914980" spans="14:14">
      <c r="N914980" s="10"/>
    </row>
    <row r="914981" spans="14:14">
      <c r="N914981" s="10"/>
    </row>
    <row r="914982" spans="14:14">
      <c r="N914982" s="10"/>
    </row>
    <row r="914983" spans="14:14">
      <c r="N914983" s="10"/>
    </row>
    <row r="914984" spans="14:14">
      <c r="N914984" s="10"/>
    </row>
    <row r="914985" spans="14:14">
      <c r="N914985" s="10"/>
    </row>
    <row r="914986" spans="14:14">
      <c r="N914986" s="10"/>
    </row>
    <row r="914987" spans="14:14">
      <c r="N914987" s="10"/>
    </row>
    <row r="914988" spans="14:14">
      <c r="N914988" s="10"/>
    </row>
    <row r="914989" spans="14:14">
      <c r="N914989" s="10"/>
    </row>
    <row r="914990" spans="14:14">
      <c r="N914990" s="10"/>
    </row>
    <row r="914991" spans="14:14">
      <c r="N914991" s="10"/>
    </row>
    <row r="914992" spans="14:14">
      <c r="N914992" s="10"/>
    </row>
    <row r="914993" spans="14:14">
      <c r="N914993" s="10"/>
    </row>
    <row r="914994" spans="14:14">
      <c r="N914994" s="10"/>
    </row>
    <row r="914995" spans="14:14">
      <c r="N914995" s="10"/>
    </row>
    <row r="914996" spans="14:14">
      <c r="N914996" s="10"/>
    </row>
    <row r="914997" spans="14:14">
      <c r="N914997" s="10"/>
    </row>
    <row r="914998" spans="14:14">
      <c r="N914998" s="10"/>
    </row>
    <row r="914999" spans="14:14">
      <c r="N914999" s="10"/>
    </row>
    <row r="915000" spans="14:14">
      <c r="N915000" s="10"/>
    </row>
    <row r="915001" spans="14:14">
      <c r="N915001" s="10"/>
    </row>
    <row r="915002" spans="14:14">
      <c r="N915002" s="10"/>
    </row>
    <row r="915003" spans="14:14">
      <c r="N915003" s="10"/>
    </row>
    <row r="915004" spans="14:14">
      <c r="N915004" s="10"/>
    </row>
    <row r="915005" spans="14:14">
      <c r="N915005" s="10"/>
    </row>
    <row r="915006" spans="14:14">
      <c r="N915006" s="10"/>
    </row>
    <row r="915007" spans="14:14">
      <c r="N915007" s="10"/>
    </row>
    <row r="915008" spans="14:14">
      <c r="N915008" s="10"/>
    </row>
    <row r="915009" spans="14:14">
      <c r="N915009" s="10"/>
    </row>
    <row r="915010" spans="14:14">
      <c r="N915010" s="10"/>
    </row>
    <row r="915011" spans="14:14">
      <c r="N915011" s="10"/>
    </row>
    <row r="915012" spans="14:14">
      <c r="N915012" s="10"/>
    </row>
    <row r="915013" spans="14:14">
      <c r="N915013" s="10"/>
    </row>
    <row r="915014" spans="14:14">
      <c r="N915014" s="10"/>
    </row>
    <row r="915015" spans="14:14">
      <c r="N915015" s="10"/>
    </row>
    <row r="915016" spans="14:14">
      <c r="N915016" s="10"/>
    </row>
    <row r="915017" spans="14:14">
      <c r="N915017" s="10"/>
    </row>
    <row r="915018" spans="14:14">
      <c r="N915018" s="10"/>
    </row>
    <row r="915019" spans="14:14">
      <c r="N915019" s="10"/>
    </row>
    <row r="915020" spans="14:14">
      <c r="N915020" s="10"/>
    </row>
    <row r="915021" spans="14:14">
      <c r="N915021" s="10"/>
    </row>
    <row r="915022" spans="14:14">
      <c r="N915022" s="10"/>
    </row>
    <row r="915023" spans="14:14">
      <c r="N915023" s="10"/>
    </row>
    <row r="915024" spans="14:14">
      <c r="N915024" s="10"/>
    </row>
    <row r="915025" spans="14:14">
      <c r="N915025" s="10"/>
    </row>
    <row r="915026" spans="14:14">
      <c r="N915026" s="10"/>
    </row>
    <row r="915027" spans="14:14">
      <c r="N915027" s="10"/>
    </row>
    <row r="915028" spans="14:14">
      <c r="N915028" s="10"/>
    </row>
    <row r="915029" spans="14:14">
      <c r="N915029" s="10"/>
    </row>
    <row r="915030" spans="14:14">
      <c r="N915030" s="10"/>
    </row>
    <row r="915031" spans="14:14">
      <c r="N915031" s="10"/>
    </row>
    <row r="915032" spans="14:14">
      <c r="N915032" s="10"/>
    </row>
    <row r="915033" spans="14:14">
      <c r="N915033" s="10"/>
    </row>
    <row r="915034" spans="14:14">
      <c r="N915034" s="10"/>
    </row>
    <row r="915035" spans="14:14">
      <c r="N915035" s="10"/>
    </row>
    <row r="915036" spans="14:14">
      <c r="N915036" s="10"/>
    </row>
    <row r="915037" spans="14:14">
      <c r="N915037" s="10"/>
    </row>
    <row r="915038" spans="14:14">
      <c r="N915038" s="10"/>
    </row>
    <row r="915039" spans="14:14">
      <c r="N915039" s="10"/>
    </row>
    <row r="915040" spans="14:14">
      <c r="N915040" s="10"/>
    </row>
    <row r="915041" spans="14:14">
      <c r="N915041" s="10"/>
    </row>
    <row r="915042" spans="14:14">
      <c r="N915042" s="10"/>
    </row>
    <row r="915043" spans="14:14">
      <c r="N915043" s="10"/>
    </row>
    <row r="915044" spans="14:14">
      <c r="N915044" s="10"/>
    </row>
    <row r="915045" spans="14:14">
      <c r="N915045" s="10"/>
    </row>
    <row r="915046" spans="14:14">
      <c r="N915046" s="10"/>
    </row>
    <row r="915047" spans="14:14">
      <c r="N915047" s="10"/>
    </row>
    <row r="915048" spans="14:14">
      <c r="N915048" s="10"/>
    </row>
    <row r="915049" spans="14:14">
      <c r="N915049" s="10"/>
    </row>
    <row r="915050" spans="14:14">
      <c r="N915050" s="10"/>
    </row>
    <row r="915051" spans="14:14">
      <c r="N915051" s="10"/>
    </row>
    <row r="915052" spans="14:14">
      <c r="N915052" s="10"/>
    </row>
    <row r="915053" spans="14:14">
      <c r="N915053" s="10"/>
    </row>
    <row r="915054" spans="14:14">
      <c r="N915054" s="10"/>
    </row>
    <row r="915055" spans="14:14">
      <c r="N915055" s="10"/>
    </row>
    <row r="915056" spans="14:14">
      <c r="N915056" s="10"/>
    </row>
    <row r="915057" spans="14:14">
      <c r="N915057" s="10"/>
    </row>
    <row r="915058" spans="14:14">
      <c r="N915058" s="10"/>
    </row>
    <row r="915059" spans="14:14">
      <c r="N915059" s="10"/>
    </row>
    <row r="915060" spans="14:14">
      <c r="N915060" s="10"/>
    </row>
    <row r="915061" spans="14:14">
      <c r="N915061" s="10"/>
    </row>
    <row r="915062" spans="14:14">
      <c r="N915062" s="10"/>
    </row>
    <row r="915063" spans="14:14">
      <c r="N915063" s="10"/>
    </row>
    <row r="915064" spans="14:14">
      <c r="N915064" s="10"/>
    </row>
    <row r="915065" spans="14:14">
      <c r="N915065" s="10"/>
    </row>
    <row r="915066" spans="14:14">
      <c r="N915066" s="10"/>
    </row>
    <row r="915067" spans="14:14">
      <c r="N915067" s="10"/>
    </row>
    <row r="915068" spans="14:14">
      <c r="N915068" s="10"/>
    </row>
    <row r="915069" spans="14:14">
      <c r="N915069" s="10"/>
    </row>
    <row r="915070" spans="14:14">
      <c r="N915070" s="10"/>
    </row>
    <row r="915071" spans="14:14">
      <c r="N915071" s="10"/>
    </row>
    <row r="915072" spans="14:14">
      <c r="N915072" s="10"/>
    </row>
    <row r="915073" spans="14:14">
      <c r="N915073" s="10"/>
    </row>
    <row r="915074" spans="14:14">
      <c r="N915074" s="10"/>
    </row>
    <row r="915075" spans="14:14">
      <c r="N915075" s="10"/>
    </row>
    <row r="915076" spans="14:14">
      <c r="N915076" s="10"/>
    </row>
    <row r="915077" spans="14:14">
      <c r="N915077" s="10"/>
    </row>
    <row r="915078" spans="14:14">
      <c r="N915078" s="10"/>
    </row>
    <row r="915079" spans="14:14">
      <c r="N915079" s="10"/>
    </row>
    <row r="915080" spans="14:14">
      <c r="N915080" s="10"/>
    </row>
    <row r="915081" spans="14:14">
      <c r="N915081" s="10"/>
    </row>
    <row r="915082" spans="14:14">
      <c r="N915082" s="10"/>
    </row>
    <row r="915083" spans="14:14">
      <c r="N915083" s="10"/>
    </row>
    <row r="915084" spans="14:14">
      <c r="N915084" s="10"/>
    </row>
    <row r="915085" spans="14:14">
      <c r="N915085" s="10"/>
    </row>
    <row r="915086" spans="14:14">
      <c r="N915086" s="10"/>
    </row>
    <row r="915087" spans="14:14">
      <c r="N915087" s="10"/>
    </row>
    <row r="915088" spans="14:14">
      <c r="N915088" s="10"/>
    </row>
    <row r="915089" spans="14:14">
      <c r="N915089" s="10"/>
    </row>
    <row r="915090" spans="14:14">
      <c r="N915090" s="10"/>
    </row>
    <row r="915091" spans="14:14">
      <c r="N915091" s="10"/>
    </row>
    <row r="915092" spans="14:14">
      <c r="N915092" s="10"/>
    </row>
    <row r="915093" spans="14:14">
      <c r="N915093" s="10"/>
    </row>
    <row r="915094" spans="14:14">
      <c r="N915094" s="10"/>
    </row>
    <row r="915095" spans="14:14">
      <c r="N915095" s="10"/>
    </row>
    <row r="915096" spans="14:14">
      <c r="N915096" s="10"/>
    </row>
    <row r="915097" spans="14:14">
      <c r="N915097" s="10"/>
    </row>
    <row r="915098" spans="14:14">
      <c r="N915098" s="10"/>
    </row>
    <row r="915099" spans="14:14">
      <c r="N915099" s="10"/>
    </row>
    <row r="915100" spans="14:14">
      <c r="N915100" s="10"/>
    </row>
    <row r="915101" spans="14:14">
      <c r="N915101" s="10"/>
    </row>
    <row r="915102" spans="14:14">
      <c r="N915102" s="10"/>
    </row>
    <row r="915103" spans="14:14">
      <c r="N915103" s="10"/>
    </row>
    <row r="915104" spans="14:14">
      <c r="N915104" s="10"/>
    </row>
    <row r="915105" spans="14:14">
      <c r="N915105" s="10"/>
    </row>
    <row r="915106" spans="14:14">
      <c r="N915106" s="10"/>
    </row>
    <row r="915107" spans="14:14">
      <c r="N915107" s="10"/>
    </row>
    <row r="915108" spans="14:14">
      <c r="N915108" s="10"/>
    </row>
    <row r="915109" spans="14:14">
      <c r="N915109" s="10"/>
    </row>
    <row r="915110" spans="14:14">
      <c r="N915110" s="10"/>
    </row>
    <row r="915111" spans="14:14">
      <c r="N915111" s="10"/>
    </row>
    <row r="915112" spans="14:14">
      <c r="N915112" s="10"/>
    </row>
    <row r="915113" spans="14:14">
      <c r="N915113" s="10"/>
    </row>
    <row r="915114" spans="14:14">
      <c r="N915114" s="10"/>
    </row>
    <row r="915115" spans="14:14">
      <c r="N915115" s="10"/>
    </row>
    <row r="915116" spans="14:14">
      <c r="N915116" s="10"/>
    </row>
    <row r="915117" spans="14:14">
      <c r="N915117" s="10"/>
    </row>
    <row r="915118" spans="14:14">
      <c r="N915118" s="10"/>
    </row>
    <row r="915119" spans="14:14">
      <c r="N915119" s="10"/>
    </row>
    <row r="915120" spans="14:14">
      <c r="N915120" s="10"/>
    </row>
    <row r="915121" spans="14:14">
      <c r="N915121" s="10"/>
    </row>
    <row r="915122" spans="14:14">
      <c r="N915122" s="10"/>
    </row>
    <row r="915123" spans="14:14">
      <c r="N915123" s="10"/>
    </row>
    <row r="915124" spans="14:14">
      <c r="N915124" s="10"/>
    </row>
    <row r="915125" spans="14:14">
      <c r="N915125" s="10"/>
    </row>
    <row r="915126" spans="14:14">
      <c r="N915126" s="10"/>
    </row>
    <row r="915127" spans="14:14">
      <c r="N915127" s="10"/>
    </row>
    <row r="915128" spans="14:14">
      <c r="N915128" s="10"/>
    </row>
    <row r="915129" spans="14:14">
      <c r="N915129" s="10"/>
    </row>
    <row r="915130" spans="14:14">
      <c r="N915130" s="10"/>
    </row>
    <row r="915131" spans="14:14">
      <c r="N915131" s="10"/>
    </row>
    <row r="915132" spans="14:14">
      <c r="N915132" s="10"/>
    </row>
    <row r="915133" spans="14:14">
      <c r="N915133" s="10"/>
    </row>
    <row r="915134" spans="14:14">
      <c r="N915134" s="10"/>
    </row>
    <row r="915135" spans="14:14">
      <c r="N915135" s="10"/>
    </row>
    <row r="915136" spans="14:14">
      <c r="N915136" s="10"/>
    </row>
    <row r="915137" spans="14:14">
      <c r="N915137" s="10"/>
    </row>
    <row r="915138" spans="14:14">
      <c r="N915138" s="10"/>
    </row>
    <row r="915139" spans="14:14">
      <c r="N915139" s="10"/>
    </row>
    <row r="915140" spans="14:14">
      <c r="N915140" s="10"/>
    </row>
    <row r="915141" spans="14:14">
      <c r="N915141" s="10"/>
    </row>
    <row r="915142" spans="14:14">
      <c r="N915142" s="10"/>
    </row>
    <row r="915143" spans="14:14">
      <c r="N915143" s="10"/>
    </row>
    <row r="915144" spans="14:14">
      <c r="N915144" s="10"/>
    </row>
    <row r="915145" spans="14:14">
      <c r="N915145" s="10"/>
    </row>
    <row r="915146" spans="14:14">
      <c r="N915146" s="10"/>
    </row>
    <row r="915147" spans="14:14">
      <c r="N915147" s="10"/>
    </row>
    <row r="915148" spans="14:14">
      <c r="N915148" s="10"/>
    </row>
    <row r="915149" spans="14:14">
      <c r="N915149" s="10"/>
    </row>
    <row r="915150" spans="14:14">
      <c r="N915150" s="10"/>
    </row>
    <row r="915151" spans="14:14">
      <c r="N915151" s="10"/>
    </row>
    <row r="915152" spans="14:14">
      <c r="N915152" s="10"/>
    </row>
    <row r="915153" spans="14:14">
      <c r="N915153" s="10"/>
    </row>
    <row r="915154" spans="14:14">
      <c r="N915154" s="10"/>
    </row>
    <row r="915155" spans="14:14">
      <c r="N915155" s="10"/>
    </row>
    <row r="915156" spans="14:14">
      <c r="N915156" s="10"/>
    </row>
    <row r="915157" spans="14:14">
      <c r="N915157" s="10"/>
    </row>
    <row r="915158" spans="14:14">
      <c r="N915158" s="10"/>
    </row>
    <row r="915159" spans="14:14">
      <c r="N915159" s="10"/>
    </row>
    <row r="915160" spans="14:14">
      <c r="N915160" s="10"/>
    </row>
    <row r="915161" spans="14:14">
      <c r="N915161" s="10"/>
    </row>
    <row r="915162" spans="14:14">
      <c r="N915162" s="10"/>
    </row>
    <row r="915163" spans="14:14">
      <c r="N915163" s="10"/>
    </row>
    <row r="915164" spans="14:14">
      <c r="N915164" s="10"/>
    </row>
    <row r="915165" spans="14:14">
      <c r="N915165" s="10"/>
    </row>
    <row r="915166" spans="14:14">
      <c r="N915166" s="10"/>
    </row>
    <row r="915167" spans="14:14">
      <c r="N915167" s="10"/>
    </row>
    <row r="915168" spans="14:14">
      <c r="N915168" s="10"/>
    </row>
    <row r="915169" spans="14:14">
      <c r="N915169" s="10"/>
    </row>
    <row r="915170" spans="14:14">
      <c r="N915170" s="10"/>
    </row>
    <row r="915171" spans="14:14">
      <c r="N915171" s="10"/>
    </row>
    <row r="915172" spans="14:14">
      <c r="N915172" s="10"/>
    </row>
    <row r="915173" spans="14:14">
      <c r="N915173" s="10"/>
    </row>
    <row r="915174" spans="14:14">
      <c r="N915174" s="10"/>
    </row>
    <row r="915175" spans="14:14">
      <c r="N915175" s="10"/>
    </row>
    <row r="915176" spans="14:14">
      <c r="N915176" s="10"/>
    </row>
    <row r="915177" spans="14:14">
      <c r="N915177" s="10"/>
    </row>
    <row r="915178" spans="14:14">
      <c r="N915178" s="10"/>
    </row>
    <row r="915179" spans="14:14">
      <c r="N915179" s="10"/>
    </row>
    <row r="915180" spans="14:14">
      <c r="N915180" s="10"/>
    </row>
    <row r="915181" spans="14:14">
      <c r="N915181" s="10"/>
    </row>
    <row r="915182" spans="14:14">
      <c r="N915182" s="10"/>
    </row>
    <row r="915183" spans="14:14">
      <c r="N915183" s="10"/>
    </row>
    <row r="915184" spans="14:14">
      <c r="N915184" s="10"/>
    </row>
    <row r="915185" spans="14:14">
      <c r="N915185" s="10"/>
    </row>
    <row r="915186" spans="14:14">
      <c r="N915186" s="10"/>
    </row>
    <row r="915187" spans="14:14">
      <c r="N915187" s="10"/>
    </row>
    <row r="915188" spans="14:14">
      <c r="N915188" s="10"/>
    </row>
    <row r="915189" spans="14:14">
      <c r="N915189" s="10"/>
    </row>
    <row r="915190" spans="14:14">
      <c r="N915190" s="10"/>
    </row>
    <row r="915191" spans="14:14">
      <c r="N915191" s="10"/>
    </row>
    <row r="915192" spans="14:14">
      <c r="N915192" s="10"/>
    </row>
    <row r="915193" spans="14:14">
      <c r="N915193" s="10"/>
    </row>
    <row r="915194" spans="14:14">
      <c r="N915194" s="10"/>
    </row>
    <row r="915195" spans="14:14">
      <c r="N915195" s="10"/>
    </row>
    <row r="915196" spans="14:14">
      <c r="N915196" s="10"/>
    </row>
    <row r="915197" spans="14:14">
      <c r="N915197" s="10"/>
    </row>
    <row r="915198" spans="14:14">
      <c r="N915198" s="10"/>
    </row>
    <row r="915199" spans="14:14">
      <c r="N915199" s="10"/>
    </row>
    <row r="915200" spans="14:14">
      <c r="N915200" s="10"/>
    </row>
    <row r="915201" spans="14:14">
      <c r="N915201" s="10"/>
    </row>
    <row r="915202" spans="14:14">
      <c r="N915202" s="10"/>
    </row>
    <row r="915203" spans="14:14">
      <c r="N915203" s="10"/>
    </row>
    <row r="915204" spans="14:14">
      <c r="N915204" s="10"/>
    </row>
    <row r="915205" spans="14:14">
      <c r="N915205" s="10"/>
    </row>
    <row r="915206" spans="14:14">
      <c r="N915206" s="10"/>
    </row>
    <row r="915207" spans="14:14">
      <c r="N915207" s="10"/>
    </row>
    <row r="915208" spans="14:14">
      <c r="N915208" s="10"/>
    </row>
    <row r="915209" spans="14:14">
      <c r="N915209" s="10"/>
    </row>
    <row r="915210" spans="14:14">
      <c r="N915210" s="10"/>
    </row>
    <row r="915211" spans="14:14">
      <c r="N915211" s="10"/>
    </row>
    <row r="915212" spans="14:14">
      <c r="N915212" s="10"/>
    </row>
    <row r="915213" spans="14:14">
      <c r="N915213" s="10"/>
    </row>
    <row r="915214" spans="14:14">
      <c r="N915214" s="10"/>
    </row>
    <row r="915215" spans="14:14">
      <c r="N915215" s="10"/>
    </row>
    <row r="915216" spans="14:14">
      <c r="N915216" s="10"/>
    </row>
    <row r="915217" spans="14:14">
      <c r="N915217" s="10"/>
    </row>
    <row r="915218" spans="14:14">
      <c r="N915218" s="10"/>
    </row>
    <row r="915219" spans="14:14">
      <c r="N915219" s="10"/>
    </row>
    <row r="915220" spans="14:14">
      <c r="N915220" s="10"/>
    </row>
    <row r="915221" spans="14:14">
      <c r="N915221" s="10"/>
    </row>
    <row r="915222" spans="14:14">
      <c r="N915222" s="10"/>
    </row>
    <row r="915223" spans="14:14">
      <c r="N915223" s="10"/>
    </row>
    <row r="915224" spans="14:14">
      <c r="N915224" s="10"/>
    </row>
    <row r="915225" spans="14:14">
      <c r="N915225" s="10"/>
    </row>
    <row r="915226" spans="14:14">
      <c r="N915226" s="10"/>
    </row>
    <row r="915227" spans="14:14">
      <c r="N915227" s="10"/>
    </row>
    <row r="915228" spans="14:14">
      <c r="N915228" s="10"/>
    </row>
    <row r="915229" spans="14:14">
      <c r="N915229" s="10"/>
    </row>
    <row r="915230" spans="14:14">
      <c r="N915230" s="10"/>
    </row>
    <row r="915231" spans="14:14">
      <c r="N915231" s="10"/>
    </row>
    <row r="915232" spans="14:14">
      <c r="N915232" s="10"/>
    </row>
    <row r="915233" spans="14:14">
      <c r="N915233" s="10"/>
    </row>
    <row r="915234" spans="14:14">
      <c r="N915234" s="10"/>
    </row>
    <row r="915235" spans="14:14">
      <c r="N915235" s="10"/>
    </row>
    <row r="915236" spans="14:14">
      <c r="N915236" s="10"/>
    </row>
    <row r="915237" spans="14:14">
      <c r="N915237" s="10"/>
    </row>
    <row r="915238" spans="14:14">
      <c r="N915238" s="10"/>
    </row>
    <row r="915239" spans="14:14">
      <c r="N915239" s="10"/>
    </row>
    <row r="915240" spans="14:14">
      <c r="N915240" s="10"/>
    </row>
    <row r="915241" spans="14:14">
      <c r="N915241" s="10"/>
    </row>
    <row r="915242" spans="14:14">
      <c r="N915242" s="10"/>
    </row>
    <row r="915243" spans="14:14">
      <c r="N915243" s="10"/>
    </row>
    <row r="915244" spans="14:14">
      <c r="N915244" s="10"/>
    </row>
    <row r="915245" spans="14:14">
      <c r="N915245" s="10"/>
    </row>
    <row r="915246" spans="14:14">
      <c r="N915246" s="10"/>
    </row>
    <row r="915247" spans="14:14">
      <c r="N915247" s="10"/>
    </row>
    <row r="915248" spans="14:14">
      <c r="N915248" s="10"/>
    </row>
    <row r="915249" spans="14:14">
      <c r="N915249" s="10"/>
    </row>
    <row r="915250" spans="14:14">
      <c r="N915250" s="10"/>
    </row>
    <row r="915251" spans="14:14">
      <c r="N915251" s="10"/>
    </row>
    <row r="915252" spans="14:14">
      <c r="N915252" s="10"/>
    </row>
    <row r="915253" spans="14:14">
      <c r="N915253" s="10"/>
    </row>
    <row r="915254" spans="14:14">
      <c r="N915254" s="10"/>
    </row>
    <row r="915255" spans="14:14">
      <c r="N915255" s="10"/>
    </row>
    <row r="915256" spans="14:14">
      <c r="N915256" s="10"/>
    </row>
    <row r="915257" spans="14:14">
      <c r="N915257" s="10"/>
    </row>
    <row r="915258" spans="14:14">
      <c r="N915258" s="10"/>
    </row>
    <row r="915259" spans="14:14">
      <c r="N915259" s="10"/>
    </row>
    <row r="915260" spans="14:14">
      <c r="N915260" s="10"/>
    </row>
    <row r="915261" spans="14:14">
      <c r="N915261" s="10"/>
    </row>
    <row r="915262" spans="14:14">
      <c r="N915262" s="10"/>
    </row>
    <row r="915263" spans="14:14">
      <c r="N915263" s="10"/>
    </row>
    <row r="915264" spans="14:14">
      <c r="N915264" s="10"/>
    </row>
    <row r="915265" spans="14:14">
      <c r="N915265" s="10"/>
    </row>
    <row r="915266" spans="14:14">
      <c r="N915266" s="10"/>
    </row>
    <row r="915267" spans="14:14">
      <c r="N915267" s="10"/>
    </row>
    <row r="915268" spans="14:14">
      <c r="N915268" s="10"/>
    </row>
    <row r="915269" spans="14:14">
      <c r="N915269" s="10"/>
    </row>
    <row r="915270" spans="14:14">
      <c r="N915270" s="10"/>
    </row>
    <row r="915271" spans="14:14">
      <c r="N915271" s="10"/>
    </row>
    <row r="915272" spans="14:14">
      <c r="N915272" s="10"/>
    </row>
    <row r="915273" spans="14:14">
      <c r="N915273" s="10"/>
    </row>
    <row r="915274" spans="14:14">
      <c r="N915274" s="10"/>
    </row>
    <row r="915275" spans="14:14">
      <c r="N915275" s="10"/>
    </row>
    <row r="915276" spans="14:14">
      <c r="N915276" s="10"/>
    </row>
    <row r="915277" spans="14:14">
      <c r="N915277" s="10"/>
    </row>
    <row r="915278" spans="14:14">
      <c r="N915278" s="10"/>
    </row>
    <row r="915279" spans="14:14">
      <c r="N915279" s="10"/>
    </row>
    <row r="915280" spans="14:14">
      <c r="N915280" s="10"/>
    </row>
    <row r="915281" spans="14:14">
      <c r="N915281" s="10"/>
    </row>
    <row r="915282" spans="14:14">
      <c r="N915282" s="10"/>
    </row>
    <row r="915283" spans="14:14">
      <c r="N915283" s="10"/>
    </row>
    <row r="915284" spans="14:14">
      <c r="N915284" s="10"/>
    </row>
    <row r="915285" spans="14:14">
      <c r="N915285" s="10"/>
    </row>
    <row r="915286" spans="14:14">
      <c r="N915286" s="10"/>
    </row>
    <row r="915287" spans="14:14">
      <c r="N915287" s="10"/>
    </row>
    <row r="915288" spans="14:14">
      <c r="N915288" s="10"/>
    </row>
    <row r="915289" spans="14:14">
      <c r="N915289" s="10"/>
    </row>
    <row r="915290" spans="14:14">
      <c r="N915290" s="10"/>
    </row>
    <row r="915291" spans="14:14">
      <c r="N915291" s="10"/>
    </row>
    <row r="915292" spans="14:14">
      <c r="N915292" s="10"/>
    </row>
    <row r="915293" spans="14:14">
      <c r="N915293" s="10"/>
    </row>
    <row r="915294" spans="14:14">
      <c r="N915294" s="10"/>
    </row>
    <row r="915295" spans="14:14">
      <c r="N915295" s="10"/>
    </row>
    <row r="915296" spans="14:14">
      <c r="N915296" s="10"/>
    </row>
    <row r="915297" spans="14:14">
      <c r="N915297" s="10"/>
    </row>
    <row r="915298" spans="14:14">
      <c r="N915298" s="10"/>
    </row>
    <row r="915299" spans="14:14">
      <c r="N915299" s="10"/>
    </row>
    <row r="915300" spans="14:14">
      <c r="N915300" s="10"/>
    </row>
    <row r="915301" spans="14:14">
      <c r="N915301" s="10"/>
    </row>
    <row r="915302" spans="14:14">
      <c r="N915302" s="10"/>
    </row>
    <row r="915303" spans="14:14">
      <c r="N915303" s="10"/>
    </row>
    <row r="915304" spans="14:14">
      <c r="N915304" s="10"/>
    </row>
    <row r="915305" spans="14:14">
      <c r="N915305" s="10"/>
    </row>
    <row r="915306" spans="14:14">
      <c r="N915306" s="10"/>
    </row>
    <row r="915307" spans="14:14">
      <c r="N915307" s="10"/>
    </row>
    <row r="915308" spans="14:14">
      <c r="N915308" s="10"/>
    </row>
    <row r="915309" spans="14:14">
      <c r="N915309" s="10"/>
    </row>
    <row r="915310" spans="14:14">
      <c r="N915310" s="10"/>
    </row>
    <row r="915311" spans="14:14">
      <c r="N915311" s="10"/>
    </row>
    <row r="915312" spans="14:14">
      <c r="N915312" s="10"/>
    </row>
    <row r="915313" spans="14:14">
      <c r="N915313" s="10"/>
    </row>
    <row r="915314" spans="14:14">
      <c r="N915314" s="10"/>
    </row>
    <row r="915315" spans="14:14">
      <c r="N915315" s="10"/>
    </row>
    <row r="915316" spans="14:14">
      <c r="N915316" s="10"/>
    </row>
    <row r="915317" spans="14:14">
      <c r="N915317" s="10"/>
    </row>
    <row r="915318" spans="14:14">
      <c r="N915318" s="10"/>
    </row>
    <row r="915319" spans="14:14">
      <c r="N915319" s="10"/>
    </row>
    <row r="915320" spans="14:14">
      <c r="N915320" s="10"/>
    </row>
    <row r="915321" spans="14:14">
      <c r="N915321" s="10"/>
    </row>
    <row r="915322" spans="14:14">
      <c r="N915322" s="10"/>
    </row>
    <row r="915323" spans="14:14">
      <c r="N915323" s="10"/>
    </row>
    <row r="915324" spans="14:14">
      <c r="N915324" s="10"/>
    </row>
    <row r="915325" spans="14:14">
      <c r="N915325" s="10"/>
    </row>
    <row r="915326" spans="14:14">
      <c r="N915326" s="10"/>
    </row>
    <row r="915327" spans="14:14">
      <c r="N915327" s="10"/>
    </row>
    <row r="915328" spans="14:14">
      <c r="N915328" s="10"/>
    </row>
    <row r="915329" spans="14:14">
      <c r="N915329" s="10"/>
    </row>
    <row r="915330" spans="14:14">
      <c r="N915330" s="10"/>
    </row>
    <row r="915331" spans="14:14">
      <c r="N915331" s="10"/>
    </row>
    <row r="915332" spans="14:14">
      <c r="N915332" s="10"/>
    </row>
    <row r="915333" spans="14:14">
      <c r="N915333" s="10"/>
    </row>
    <row r="915334" spans="14:14">
      <c r="N915334" s="10"/>
    </row>
    <row r="915335" spans="14:14">
      <c r="N915335" s="10"/>
    </row>
    <row r="915336" spans="14:14">
      <c r="N915336" s="10"/>
    </row>
    <row r="915337" spans="14:14">
      <c r="N915337" s="10"/>
    </row>
    <row r="915338" spans="14:14">
      <c r="N915338" s="10"/>
    </row>
    <row r="915339" spans="14:14">
      <c r="N915339" s="10"/>
    </row>
    <row r="915340" spans="14:14">
      <c r="N915340" s="10"/>
    </row>
    <row r="915341" spans="14:14">
      <c r="N915341" s="10"/>
    </row>
    <row r="915342" spans="14:14">
      <c r="N915342" s="10"/>
    </row>
    <row r="915343" spans="14:14">
      <c r="N915343" s="10"/>
    </row>
    <row r="915344" spans="14:14">
      <c r="N915344" s="10"/>
    </row>
    <row r="915345" spans="14:14">
      <c r="N915345" s="10"/>
    </row>
    <row r="915346" spans="14:14">
      <c r="N915346" s="10"/>
    </row>
    <row r="915347" spans="14:14">
      <c r="N915347" s="10"/>
    </row>
    <row r="915348" spans="14:14">
      <c r="N915348" s="10"/>
    </row>
    <row r="915349" spans="14:14">
      <c r="N915349" s="10"/>
    </row>
    <row r="915350" spans="14:14">
      <c r="N915350" s="10"/>
    </row>
    <row r="915351" spans="14:14">
      <c r="N915351" s="10"/>
    </row>
    <row r="915352" spans="14:14">
      <c r="N915352" s="10"/>
    </row>
    <row r="915353" spans="14:14">
      <c r="N915353" s="10"/>
    </row>
    <row r="915354" spans="14:14">
      <c r="N915354" s="10"/>
    </row>
    <row r="915355" spans="14:14">
      <c r="N915355" s="10"/>
    </row>
    <row r="915356" spans="14:14">
      <c r="N915356" s="10"/>
    </row>
    <row r="915357" spans="14:14">
      <c r="N915357" s="10"/>
    </row>
    <row r="915358" spans="14:14">
      <c r="N915358" s="10"/>
    </row>
    <row r="915359" spans="14:14">
      <c r="N915359" s="10"/>
    </row>
    <row r="915360" spans="14:14">
      <c r="N915360" s="10"/>
    </row>
    <row r="915361" spans="14:14">
      <c r="N915361" s="10"/>
    </row>
    <row r="915362" spans="14:14">
      <c r="N915362" s="10"/>
    </row>
    <row r="915363" spans="14:14">
      <c r="N915363" s="10"/>
    </row>
    <row r="915364" spans="14:14">
      <c r="N915364" s="10"/>
    </row>
    <row r="915365" spans="14:14">
      <c r="N915365" s="10"/>
    </row>
    <row r="915366" spans="14:14">
      <c r="N915366" s="10"/>
    </row>
    <row r="915367" spans="14:14">
      <c r="N915367" s="10"/>
    </row>
    <row r="915368" spans="14:14">
      <c r="N915368" s="10"/>
    </row>
    <row r="915369" spans="14:14">
      <c r="N915369" s="10"/>
    </row>
    <row r="915370" spans="14:14">
      <c r="N915370" s="10"/>
    </row>
    <row r="915371" spans="14:14">
      <c r="N915371" s="10"/>
    </row>
    <row r="915372" spans="14:14">
      <c r="N915372" s="10"/>
    </row>
    <row r="915373" spans="14:14">
      <c r="N915373" s="10"/>
    </row>
    <row r="915374" spans="14:14">
      <c r="N915374" s="10"/>
    </row>
    <row r="915375" spans="14:14">
      <c r="N915375" s="10"/>
    </row>
    <row r="915376" spans="14:14">
      <c r="N915376" s="10"/>
    </row>
    <row r="915377" spans="14:14">
      <c r="N915377" s="10"/>
    </row>
    <row r="915378" spans="14:14">
      <c r="N915378" s="10"/>
    </row>
    <row r="915379" spans="14:14">
      <c r="N915379" s="10"/>
    </row>
    <row r="915380" spans="14:14">
      <c r="N915380" s="10"/>
    </row>
    <row r="915381" spans="14:14">
      <c r="N915381" s="10"/>
    </row>
    <row r="915382" spans="14:14">
      <c r="N915382" s="10"/>
    </row>
    <row r="915383" spans="14:14">
      <c r="N915383" s="10"/>
    </row>
    <row r="915384" spans="14:14">
      <c r="N915384" s="10"/>
    </row>
    <row r="915385" spans="14:14">
      <c r="N915385" s="10"/>
    </row>
    <row r="915386" spans="14:14">
      <c r="N915386" s="10"/>
    </row>
    <row r="915387" spans="14:14">
      <c r="N915387" s="10"/>
    </row>
    <row r="915388" spans="14:14">
      <c r="N915388" s="10"/>
    </row>
    <row r="915389" spans="14:14">
      <c r="N915389" s="10"/>
    </row>
    <row r="915390" spans="14:14">
      <c r="N915390" s="10"/>
    </row>
    <row r="915391" spans="14:14">
      <c r="N915391" s="10"/>
    </row>
    <row r="915392" spans="14:14">
      <c r="N915392" s="10"/>
    </row>
    <row r="915393" spans="14:14">
      <c r="N915393" s="10"/>
    </row>
    <row r="915394" spans="14:14">
      <c r="N915394" s="10"/>
    </row>
    <row r="915395" spans="14:14">
      <c r="N915395" s="10"/>
    </row>
    <row r="915396" spans="14:14">
      <c r="N915396" s="10"/>
    </row>
    <row r="915397" spans="14:14">
      <c r="N915397" s="10"/>
    </row>
    <row r="915398" spans="14:14">
      <c r="N915398" s="10"/>
    </row>
    <row r="915399" spans="14:14">
      <c r="N915399" s="10"/>
    </row>
    <row r="915400" spans="14:14">
      <c r="N915400" s="10"/>
    </row>
    <row r="915401" spans="14:14">
      <c r="N915401" s="10"/>
    </row>
    <row r="915402" spans="14:14">
      <c r="N915402" s="10"/>
    </row>
    <row r="915403" spans="14:14">
      <c r="N915403" s="10"/>
    </row>
    <row r="915404" spans="14:14">
      <c r="N915404" s="10"/>
    </row>
    <row r="915405" spans="14:14">
      <c r="N915405" s="10"/>
    </row>
    <row r="915406" spans="14:14">
      <c r="N915406" s="10"/>
    </row>
    <row r="915407" spans="14:14">
      <c r="N915407" s="10"/>
    </row>
    <row r="915408" spans="14:14">
      <c r="N915408" s="10"/>
    </row>
    <row r="915409" spans="14:14">
      <c r="N915409" s="10"/>
    </row>
    <row r="915410" spans="14:14">
      <c r="N915410" s="10"/>
    </row>
    <row r="915411" spans="14:14">
      <c r="N915411" s="10"/>
    </row>
    <row r="915412" spans="14:14">
      <c r="N915412" s="10"/>
    </row>
    <row r="915413" spans="14:14">
      <c r="N915413" s="10"/>
    </row>
    <row r="915414" spans="14:14">
      <c r="N915414" s="10"/>
    </row>
    <row r="915415" spans="14:14">
      <c r="N915415" s="10"/>
    </row>
    <row r="915416" spans="14:14">
      <c r="N915416" s="10"/>
    </row>
    <row r="915417" spans="14:14">
      <c r="N915417" s="10"/>
    </row>
    <row r="915418" spans="14:14">
      <c r="N915418" s="10"/>
    </row>
    <row r="915419" spans="14:14">
      <c r="N915419" s="10"/>
    </row>
    <row r="915420" spans="14:14">
      <c r="N915420" s="10"/>
    </row>
    <row r="915421" spans="14:14">
      <c r="N915421" s="10"/>
    </row>
    <row r="915422" spans="14:14">
      <c r="N915422" s="10"/>
    </row>
    <row r="915423" spans="14:14">
      <c r="N915423" s="10"/>
    </row>
    <row r="915424" spans="14:14">
      <c r="N915424" s="10"/>
    </row>
    <row r="915425" spans="14:14">
      <c r="N915425" s="10"/>
    </row>
    <row r="915426" spans="14:14">
      <c r="N915426" s="10"/>
    </row>
    <row r="915427" spans="14:14">
      <c r="N915427" s="10"/>
    </row>
    <row r="915428" spans="14:14">
      <c r="N915428" s="10"/>
    </row>
    <row r="915429" spans="14:14">
      <c r="N915429" s="10"/>
    </row>
    <row r="915430" spans="14:14">
      <c r="N915430" s="10"/>
    </row>
    <row r="915431" spans="14:14">
      <c r="N915431" s="10"/>
    </row>
    <row r="915432" spans="14:14">
      <c r="N915432" s="10"/>
    </row>
    <row r="915433" spans="14:14">
      <c r="N915433" s="10"/>
    </row>
    <row r="915434" spans="14:14">
      <c r="N915434" s="10"/>
    </row>
    <row r="915435" spans="14:14">
      <c r="N915435" s="10"/>
    </row>
    <row r="915436" spans="14:14">
      <c r="N915436" s="10"/>
    </row>
    <row r="915437" spans="14:14">
      <c r="N915437" s="10"/>
    </row>
    <row r="915438" spans="14:14">
      <c r="N915438" s="10"/>
    </row>
    <row r="915439" spans="14:14">
      <c r="N915439" s="10"/>
    </row>
    <row r="915440" spans="14:14">
      <c r="N915440" s="10"/>
    </row>
    <row r="915441" spans="14:14">
      <c r="N915441" s="10"/>
    </row>
    <row r="915442" spans="14:14">
      <c r="N915442" s="10"/>
    </row>
    <row r="915443" spans="14:14">
      <c r="N915443" s="10"/>
    </row>
    <row r="915444" spans="14:14">
      <c r="N915444" s="10"/>
    </row>
    <row r="915445" spans="14:14">
      <c r="N915445" s="10"/>
    </row>
    <row r="915446" spans="14:14">
      <c r="N915446" s="10"/>
    </row>
    <row r="915447" spans="14:14">
      <c r="N915447" s="10"/>
    </row>
    <row r="915448" spans="14:14">
      <c r="N915448" s="10"/>
    </row>
    <row r="915449" spans="14:14">
      <c r="N915449" s="10"/>
    </row>
    <row r="915450" spans="14:14">
      <c r="N915450" s="10"/>
    </row>
    <row r="915451" spans="14:14">
      <c r="N915451" s="10"/>
    </row>
    <row r="915452" spans="14:14">
      <c r="N915452" s="10"/>
    </row>
    <row r="915453" spans="14:14">
      <c r="N915453" s="10"/>
    </row>
    <row r="915454" spans="14:14">
      <c r="N915454" s="10"/>
    </row>
    <row r="915455" spans="14:14">
      <c r="N915455" s="10"/>
    </row>
    <row r="915456" spans="14:14">
      <c r="N915456" s="10"/>
    </row>
    <row r="915457" spans="14:14">
      <c r="N915457" s="10"/>
    </row>
    <row r="915458" spans="14:14">
      <c r="N915458" s="10"/>
    </row>
    <row r="915459" spans="14:14">
      <c r="N915459" s="10"/>
    </row>
    <row r="915460" spans="14:14">
      <c r="N915460" s="10"/>
    </row>
    <row r="915461" spans="14:14">
      <c r="N915461" s="10"/>
    </row>
    <row r="915462" spans="14:14">
      <c r="N915462" s="10"/>
    </row>
    <row r="915463" spans="14:14">
      <c r="N915463" s="10"/>
    </row>
    <row r="915464" spans="14:14">
      <c r="N915464" s="10"/>
    </row>
    <row r="915465" spans="14:14">
      <c r="N915465" s="10"/>
    </row>
    <row r="915466" spans="14:14">
      <c r="N915466" s="10"/>
    </row>
    <row r="915467" spans="14:14">
      <c r="N915467" s="10"/>
    </row>
    <row r="915468" spans="14:14">
      <c r="N915468" s="10"/>
    </row>
    <row r="915469" spans="14:14">
      <c r="N915469" s="10"/>
    </row>
    <row r="915470" spans="14:14">
      <c r="N915470" s="10"/>
    </row>
    <row r="915471" spans="14:14">
      <c r="N915471" s="10"/>
    </row>
    <row r="915472" spans="14:14">
      <c r="N915472" s="10"/>
    </row>
    <row r="915473" spans="14:14">
      <c r="N915473" s="10"/>
    </row>
    <row r="915474" spans="14:14">
      <c r="N915474" s="10"/>
    </row>
    <row r="915475" spans="14:14">
      <c r="N915475" s="10"/>
    </row>
    <row r="915476" spans="14:14">
      <c r="N915476" s="10"/>
    </row>
    <row r="915477" spans="14:14">
      <c r="N915477" s="10"/>
    </row>
    <row r="915478" spans="14:14">
      <c r="N915478" s="10"/>
    </row>
    <row r="915479" spans="14:14">
      <c r="N915479" s="10"/>
    </row>
    <row r="915480" spans="14:14">
      <c r="N915480" s="10"/>
    </row>
    <row r="915481" spans="14:14">
      <c r="N915481" s="10"/>
    </row>
    <row r="915482" spans="14:14">
      <c r="N915482" s="10"/>
    </row>
    <row r="915483" spans="14:14">
      <c r="N915483" s="10"/>
    </row>
    <row r="915484" spans="14:14">
      <c r="N915484" s="10"/>
    </row>
    <row r="915485" spans="14:14">
      <c r="N915485" s="10"/>
    </row>
    <row r="915486" spans="14:14">
      <c r="N915486" s="10"/>
    </row>
    <row r="915487" spans="14:14">
      <c r="N915487" s="10"/>
    </row>
    <row r="915488" spans="14:14">
      <c r="N915488" s="10"/>
    </row>
    <row r="915489" spans="14:14">
      <c r="N915489" s="10"/>
    </row>
    <row r="915490" spans="14:14">
      <c r="N915490" s="10"/>
    </row>
    <row r="915491" spans="14:14">
      <c r="N915491" s="10"/>
    </row>
    <row r="915492" spans="14:14">
      <c r="N915492" s="10"/>
    </row>
    <row r="915493" spans="14:14">
      <c r="N915493" s="10"/>
    </row>
    <row r="915494" spans="14:14">
      <c r="N915494" s="10"/>
    </row>
    <row r="915495" spans="14:14">
      <c r="N915495" s="10"/>
    </row>
    <row r="915496" spans="14:14">
      <c r="N915496" s="10"/>
    </row>
    <row r="915497" spans="14:14">
      <c r="N915497" s="10"/>
    </row>
    <row r="915498" spans="14:14">
      <c r="N915498" s="10"/>
    </row>
    <row r="915499" spans="14:14">
      <c r="N915499" s="10"/>
    </row>
    <row r="915500" spans="14:14">
      <c r="N915500" s="10"/>
    </row>
    <row r="915501" spans="14:14">
      <c r="N915501" s="10"/>
    </row>
    <row r="915502" spans="14:14">
      <c r="N915502" s="10"/>
    </row>
    <row r="915503" spans="14:14">
      <c r="N915503" s="10"/>
    </row>
    <row r="915504" spans="14:14">
      <c r="N915504" s="10"/>
    </row>
    <row r="915505" spans="14:14">
      <c r="N915505" s="10"/>
    </row>
    <row r="915506" spans="14:14">
      <c r="N915506" s="10"/>
    </row>
    <row r="915507" spans="14:14">
      <c r="N915507" s="10"/>
    </row>
    <row r="915508" spans="14:14">
      <c r="N915508" s="10"/>
    </row>
    <row r="915509" spans="14:14">
      <c r="N915509" s="10"/>
    </row>
    <row r="915510" spans="14:14">
      <c r="N915510" s="10"/>
    </row>
    <row r="915511" spans="14:14">
      <c r="N915511" s="10"/>
    </row>
    <row r="915512" spans="14:14">
      <c r="N915512" s="10"/>
    </row>
    <row r="915513" spans="14:14">
      <c r="N915513" s="10"/>
    </row>
    <row r="915514" spans="14:14">
      <c r="N915514" s="10"/>
    </row>
    <row r="915515" spans="14:14">
      <c r="N915515" s="10"/>
    </row>
    <row r="915516" spans="14:14">
      <c r="N915516" s="10"/>
    </row>
    <row r="915517" spans="14:14">
      <c r="N915517" s="10"/>
    </row>
    <row r="915518" spans="14:14">
      <c r="N915518" s="10"/>
    </row>
    <row r="915519" spans="14:14">
      <c r="N915519" s="10"/>
    </row>
    <row r="915520" spans="14:14">
      <c r="N915520" s="10"/>
    </row>
    <row r="915521" spans="14:14">
      <c r="N915521" s="10"/>
    </row>
    <row r="915522" spans="14:14">
      <c r="N915522" s="10"/>
    </row>
    <row r="915523" spans="14:14">
      <c r="N915523" s="10"/>
    </row>
    <row r="915524" spans="14:14">
      <c r="N915524" s="10"/>
    </row>
    <row r="915525" spans="14:14">
      <c r="N915525" s="10"/>
    </row>
    <row r="915526" spans="14:14">
      <c r="N915526" s="10"/>
    </row>
    <row r="915527" spans="14:14">
      <c r="N915527" s="10"/>
    </row>
    <row r="915528" spans="14:14">
      <c r="N915528" s="10"/>
    </row>
    <row r="915529" spans="14:14">
      <c r="N915529" s="10"/>
    </row>
    <row r="915530" spans="14:14">
      <c r="N915530" s="10"/>
    </row>
    <row r="915531" spans="14:14">
      <c r="N915531" s="10"/>
    </row>
    <row r="915532" spans="14:14">
      <c r="N915532" s="10"/>
    </row>
    <row r="915533" spans="14:14">
      <c r="N915533" s="10"/>
    </row>
    <row r="915534" spans="14:14">
      <c r="N915534" s="10"/>
    </row>
    <row r="915535" spans="14:14">
      <c r="N915535" s="10"/>
    </row>
    <row r="915536" spans="14:14">
      <c r="N915536" s="10"/>
    </row>
    <row r="915537" spans="14:14">
      <c r="N915537" s="10"/>
    </row>
    <row r="915538" spans="14:14">
      <c r="N915538" s="10"/>
    </row>
    <row r="915539" spans="14:14">
      <c r="N915539" s="10"/>
    </row>
    <row r="915540" spans="14:14">
      <c r="N915540" s="10"/>
    </row>
    <row r="915541" spans="14:14">
      <c r="N915541" s="10"/>
    </row>
    <row r="915542" spans="14:14">
      <c r="N915542" s="10"/>
    </row>
    <row r="915543" spans="14:14">
      <c r="N915543" s="10"/>
    </row>
    <row r="915544" spans="14:14">
      <c r="N915544" s="10"/>
    </row>
    <row r="915545" spans="14:14">
      <c r="N915545" s="10"/>
    </row>
    <row r="915546" spans="14:14">
      <c r="N915546" s="10"/>
    </row>
    <row r="915547" spans="14:14">
      <c r="N915547" s="10"/>
    </row>
    <row r="915548" spans="14:14">
      <c r="N915548" s="10"/>
    </row>
    <row r="915549" spans="14:14">
      <c r="N915549" s="10"/>
    </row>
    <row r="915550" spans="14:14">
      <c r="N915550" s="10"/>
    </row>
    <row r="915551" spans="14:14">
      <c r="N915551" s="10"/>
    </row>
    <row r="915552" spans="14:14">
      <c r="N915552" s="10"/>
    </row>
    <row r="915553" spans="14:14">
      <c r="N915553" s="10"/>
    </row>
    <row r="915554" spans="14:14">
      <c r="N915554" s="10"/>
    </row>
    <row r="915555" spans="14:14">
      <c r="N915555" s="10"/>
    </row>
    <row r="915556" spans="14:14">
      <c r="N915556" s="10"/>
    </row>
    <row r="915557" spans="14:14">
      <c r="N915557" s="10"/>
    </row>
    <row r="915558" spans="14:14">
      <c r="N915558" s="10"/>
    </row>
    <row r="915559" spans="14:14">
      <c r="N915559" s="10"/>
    </row>
    <row r="915560" spans="14:14">
      <c r="N915560" s="10"/>
    </row>
    <row r="915561" spans="14:14">
      <c r="N915561" s="10"/>
    </row>
    <row r="915562" spans="14:14">
      <c r="N915562" s="10"/>
    </row>
    <row r="915563" spans="14:14">
      <c r="N915563" s="10"/>
    </row>
    <row r="915564" spans="14:14">
      <c r="N915564" s="10"/>
    </row>
    <row r="915565" spans="14:14">
      <c r="N915565" s="10"/>
    </row>
    <row r="915566" spans="14:14">
      <c r="N915566" s="10"/>
    </row>
    <row r="915567" spans="14:14">
      <c r="N915567" s="10"/>
    </row>
    <row r="915568" spans="14:14">
      <c r="N915568" s="10"/>
    </row>
    <row r="915569" spans="14:14">
      <c r="N915569" s="10"/>
    </row>
    <row r="915570" spans="14:14">
      <c r="N915570" s="10"/>
    </row>
    <row r="915571" spans="14:14">
      <c r="N915571" s="10"/>
    </row>
    <row r="915572" spans="14:14">
      <c r="N915572" s="10"/>
    </row>
    <row r="915573" spans="14:14">
      <c r="N915573" s="10"/>
    </row>
    <row r="915574" spans="14:14">
      <c r="N915574" s="10"/>
    </row>
    <row r="915575" spans="14:14">
      <c r="N915575" s="10"/>
    </row>
    <row r="915576" spans="14:14">
      <c r="N915576" s="10"/>
    </row>
    <row r="915577" spans="14:14">
      <c r="N915577" s="10"/>
    </row>
    <row r="915578" spans="14:14">
      <c r="N915578" s="10"/>
    </row>
    <row r="915579" spans="14:14">
      <c r="N915579" s="10"/>
    </row>
    <row r="915580" spans="14:14">
      <c r="N915580" s="10"/>
    </row>
    <row r="915581" spans="14:14">
      <c r="N915581" s="10"/>
    </row>
    <row r="915582" spans="14:14">
      <c r="N915582" s="10"/>
    </row>
    <row r="915583" spans="14:14">
      <c r="N915583" s="10"/>
    </row>
    <row r="915584" spans="14:14">
      <c r="N915584" s="10"/>
    </row>
    <row r="915585" spans="14:14">
      <c r="N915585" s="10"/>
    </row>
    <row r="915586" spans="14:14">
      <c r="N915586" s="10"/>
    </row>
    <row r="915587" spans="14:14">
      <c r="N915587" s="10"/>
    </row>
    <row r="915588" spans="14:14">
      <c r="N915588" s="10"/>
    </row>
    <row r="915589" spans="14:14">
      <c r="N915589" s="10"/>
    </row>
    <row r="915590" spans="14:14">
      <c r="N915590" s="10"/>
    </row>
    <row r="915591" spans="14:14">
      <c r="N915591" s="10"/>
    </row>
    <row r="915592" spans="14:14">
      <c r="N915592" s="10"/>
    </row>
    <row r="915593" spans="14:14">
      <c r="N915593" s="10"/>
    </row>
    <row r="915594" spans="14:14">
      <c r="N915594" s="10"/>
    </row>
    <row r="915595" spans="14:14">
      <c r="N915595" s="10"/>
    </row>
    <row r="915596" spans="14:14">
      <c r="N915596" s="10"/>
    </row>
    <row r="915597" spans="14:14">
      <c r="N915597" s="10"/>
    </row>
    <row r="915598" spans="14:14">
      <c r="N915598" s="10"/>
    </row>
    <row r="915599" spans="14:14">
      <c r="N915599" s="10"/>
    </row>
    <row r="915600" spans="14:14">
      <c r="N915600" s="10"/>
    </row>
    <row r="915601" spans="14:14">
      <c r="N915601" s="10"/>
    </row>
    <row r="915602" spans="14:14">
      <c r="N915602" s="10"/>
    </row>
    <row r="915603" spans="14:14">
      <c r="N915603" s="10"/>
    </row>
    <row r="915604" spans="14:14">
      <c r="N915604" s="10"/>
    </row>
    <row r="915605" spans="14:14">
      <c r="N915605" s="10"/>
    </row>
    <row r="915606" spans="14:14">
      <c r="N915606" s="10"/>
    </row>
    <row r="915607" spans="14:14">
      <c r="N915607" s="10"/>
    </row>
    <row r="915608" spans="14:14">
      <c r="N915608" s="10"/>
    </row>
    <row r="915609" spans="14:14">
      <c r="N915609" s="10"/>
    </row>
    <row r="915610" spans="14:14">
      <c r="N915610" s="10"/>
    </row>
    <row r="915611" spans="14:14">
      <c r="N915611" s="10"/>
    </row>
    <row r="915612" spans="14:14">
      <c r="N915612" s="10"/>
    </row>
    <row r="915613" spans="14:14">
      <c r="N915613" s="10"/>
    </row>
    <row r="915614" spans="14:14">
      <c r="N915614" s="10"/>
    </row>
    <row r="915615" spans="14:14">
      <c r="N915615" s="10"/>
    </row>
    <row r="915616" spans="14:14">
      <c r="N915616" s="10"/>
    </row>
    <row r="915617" spans="14:14">
      <c r="N915617" s="10"/>
    </row>
    <row r="915618" spans="14:14">
      <c r="N915618" s="10"/>
    </row>
    <row r="915619" spans="14:14">
      <c r="N915619" s="10"/>
    </row>
    <row r="915620" spans="14:14">
      <c r="N915620" s="10"/>
    </row>
    <row r="915621" spans="14:14">
      <c r="N915621" s="10"/>
    </row>
    <row r="915622" spans="14:14">
      <c r="N915622" s="10"/>
    </row>
    <row r="915623" spans="14:14">
      <c r="N915623" s="10"/>
    </row>
    <row r="915624" spans="14:14">
      <c r="N915624" s="10"/>
    </row>
    <row r="915625" spans="14:14">
      <c r="N915625" s="10"/>
    </row>
    <row r="915626" spans="14:14">
      <c r="N915626" s="10"/>
    </row>
    <row r="915627" spans="14:14">
      <c r="N915627" s="10"/>
    </row>
    <row r="915628" spans="14:14">
      <c r="N915628" s="10"/>
    </row>
    <row r="915629" spans="14:14">
      <c r="N915629" s="10"/>
    </row>
    <row r="915630" spans="14:14">
      <c r="N915630" s="10"/>
    </row>
    <row r="915631" spans="14:14">
      <c r="N915631" s="10"/>
    </row>
    <row r="915632" spans="14:14">
      <c r="N915632" s="10"/>
    </row>
    <row r="915633" spans="14:14">
      <c r="N915633" s="10"/>
    </row>
    <row r="915634" spans="14:14">
      <c r="N915634" s="10"/>
    </row>
    <row r="915635" spans="14:14">
      <c r="N915635" s="10"/>
    </row>
    <row r="915636" spans="14:14">
      <c r="N915636" s="10"/>
    </row>
    <row r="915637" spans="14:14">
      <c r="N915637" s="10"/>
    </row>
    <row r="915638" spans="14:14">
      <c r="N915638" s="10"/>
    </row>
    <row r="915639" spans="14:14">
      <c r="N915639" s="10"/>
    </row>
    <row r="915640" spans="14:14">
      <c r="N915640" s="10"/>
    </row>
    <row r="915641" spans="14:14">
      <c r="N915641" s="10"/>
    </row>
    <row r="915642" spans="14:14">
      <c r="N915642" s="10"/>
    </row>
    <row r="915643" spans="14:14">
      <c r="N915643" s="10"/>
    </row>
    <row r="915644" spans="14:14">
      <c r="N915644" s="10"/>
    </row>
    <row r="915645" spans="14:14">
      <c r="N915645" s="10"/>
    </row>
    <row r="915646" spans="14:14">
      <c r="N915646" s="10"/>
    </row>
    <row r="915647" spans="14:14">
      <c r="N915647" s="10"/>
    </row>
    <row r="915648" spans="14:14">
      <c r="N915648" s="10"/>
    </row>
    <row r="915649" spans="14:14">
      <c r="N915649" s="10"/>
    </row>
    <row r="915650" spans="14:14">
      <c r="N915650" s="10"/>
    </row>
    <row r="915651" spans="14:14">
      <c r="N915651" s="10"/>
    </row>
    <row r="915652" spans="14:14">
      <c r="N915652" s="10"/>
    </row>
    <row r="915653" spans="14:14">
      <c r="N915653" s="10"/>
    </row>
    <row r="915654" spans="14:14">
      <c r="N915654" s="10"/>
    </row>
    <row r="915655" spans="14:14">
      <c r="N915655" s="10"/>
    </row>
    <row r="915656" spans="14:14">
      <c r="N915656" s="10"/>
    </row>
    <row r="915657" spans="14:14">
      <c r="N915657" s="10"/>
    </row>
    <row r="915658" spans="14:14">
      <c r="N915658" s="10"/>
    </row>
    <row r="915659" spans="14:14">
      <c r="N915659" s="10"/>
    </row>
    <row r="915660" spans="14:14">
      <c r="N915660" s="10"/>
    </row>
    <row r="915661" spans="14:14">
      <c r="N915661" s="10"/>
    </row>
    <row r="915662" spans="14:14">
      <c r="N915662" s="10"/>
    </row>
    <row r="915663" spans="14:14">
      <c r="N915663" s="10"/>
    </row>
    <row r="915664" spans="14:14">
      <c r="N915664" s="10"/>
    </row>
    <row r="915665" spans="14:14">
      <c r="N915665" s="10"/>
    </row>
    <row r="915666" spans="14:14">
      <c r="N915666" s="10"/>
    </row>
    <row r="915667" spans="14:14">
      <c r="N915667" s="10"/>
    </row>
    <row r="915668" spans="14:14">
      <c r="N915668" s="10"/>
    </row>
    <row r="915669" spans="14:14">
      <c r="N915669" s="10"/>
    </row>
    <row r="915670" spans="14:14">
      <c r="N915670" s="10"/>
    </row>
    <row r="915671" spans="14:14">
      <c r="N915671" s="10"/>
    </row>
    <row r="915672" spans="14:14">
      <c r="N915672" s="10"/>
    </row>
    <row r="915673" spans="14:14">
      <c r="N915673" s="10"/>
    </row>
    <row r="915674" spans="14:14">
      <c r="N915674" s="10"/>
    </row>
    <row r="915675" spans="14:14">
      <c r="N915675" s="10"/>
    </row>
    <row r="915676" spans="14:14">
      <c r="N915676" s="10"/>
    </row>
    <row r="915677" spans="14:14">
      <c r="N915677" s="10"/>
    </row>
    <row r="915678" spans="14:14">
      <c r="N915678" s="10"/>
    </row>
    <row r="915679" spans="14:14">
      <c r="N915679" s="10"/>
    </row>
    <row r="915680" spans="14:14">
      <c r="N915680" s="10"/>
    </row>
    <row r="915681" spans="14:14">
      <c r="N915681" s="10"/>
    </row>
    <row r="915682" spans="14:14">
      <c r="N915682" s="10"/>
    </row>
    <row r="915683" spans="14:14">
      <c r="N915683" s="10"/>
    </row>
    <row r="915684" spans="14:14">
      <c r="N915684" s="10"/>
    </row>
    <row r="915685" spans="14:14">
      <c r="N915685" s="10"/>
    </row>
    <row r="915686" spans="14:14">
      <c r="N915686" s="10"/>
    </row>
    <row r="915687" spans="14:14">
      <c r="N915687" s="10"/>
    </row>
    <row r="915688" spans="14:14">
      <c r="N915688" s="10"/>
    </row>
    <row r="915689" spans="14:14">
      <c r="N915689" s="10"/>
    </row>
    <row r="915690" spans="14:14">
      <c r="N915690" s="10"/>
    </row>
    <row r="915691" spans="14:14">
      <c r="N915691" s="10"/>
    </row>
    <row r="915692" spans="14:14">
      <c r="N915692" s="10"/>
    </row>
    <row r="915693" spans="14:14">
      <c r="N915693" s="10"/>
    </row>
    <row r="915694" spans="14:14">
      <c r="N915694" s="10"/>
    </row>
    <row r="915695" spans="14:14">
      <c r="N915695" s="10"/>
    </row>
    <row r="915696" spans="14:14">
      <c r="N915696" s="10"/>
    </row>
    <row r="915697" spans="14:14">
      <c r="N915697" s="10"/>
    </row>
    <row r="915698" spans="14:14">
      <c r="N915698" s="10"/>
    </row>
    <row r="915699" spans="14:14">
      <c r="N915699" s="10"/>
    </row>
    <row r="915700" spans="14:14">
      <c r="N915700" s="10"/>
    </row>
    <row r="915701" spans="14:14">
      <c r="N915701" s="10"/>
    </row>
    <row r="915702" spans="14:14">
      <c r="N915702" s="10"/>
    </row>
    <row r="915703" spans="14:14">
      <c r="N915703" s="10"/>
    </row>
    <row r="915704" spans="14:14">
      <c r="N915704" s="10"/>
    </row>
    <row r="915705" spans="14:14">
      <c r="N915705" s="10"/>
    </row>
    <row r="915706" spans="14:14">
      <c r="N915706" s="10"/>
    </row>
    <row r="915707" spans="14:14">
      <c r="N915707" s="10"/>
    </row>
    <row r="915708" spans="14:14">
      <c r="N915708" s="10"/>
    </row>
    <row r="915709" spans="14:14">
      <c r="N915709" s="10"/>
    </row>
    <row r="915710" spans="14:14">
      <c r="N915710" s="10"/>
    </row>
    <row r="915711" spans="14:14">
      <c r="N915711" s="10"/>
    </row>
    <row r="915712" spans="14:14">
      <c r="N915712" s="10"/>
    </row>
    <row r="915713" spans="14:14">
      <c r="N915713" s="10"/>
    </row>
    <row r="915714" spans="14:14">
      <c r="N915714" s="10"/>
    </row>
    <row r="915715" spans="14:14">
      <c r="N915715" s="10"/>
    </row>
    <row r="915716" spans="14:14">
      <c r="N915716" s="10"/>
    </row>
    <row r="915717" spans="14:14">
      <c r="N915717" s="10"/>
    </row>
    <row r="915718" spans="14:14">
      <c r="N915718" s="10"/>
    </row>
    <row r="915719" spans="14:14">
      <c r="N915719" s="10"/>
    </row>
    <row r="915720" spans="14:14">
      <c r="N915720" s="10"/>
    </row>
    <row r="915721" spans="14:14">
      <c r="N915721" s="10"/>
    </row>
    <row r="915722" spans="14:14">
      <c r="N915722" s="10"/>
    </row>
    <row r="915723" spans="14:14">
      <c r="N915723" s="10"/>
    </row>
    <row r="915724" spans="14:14">
      <c r="N915724" s="10"/>
    </row>
    <row r="915725" spans="14:14">
      <c r="N915725" s="10"/>
    </row>
    <row r="915726" spans="14:14">
      <c r="N915726" s="10"/>
    </row>
    <row r="915727" spans="14:14">
      <c r="N915727" s="10"/>
    </row>
    <row r="915728" spans="14:14">
      <c r="N915728" s="10"/>
    </row>
    <row r="915729" spans="14:14">
      <c r="N915729" s="10"/>
    </row>
    <row r="915730" spans="14:14">
      <c r="N915730" s="10"/>
    </row>
    <row r="915731" spans="14:14">
      <c r="N915731" s="10"/>
    </row>
    <row r="915732" spans="14:14">
      <c r="N915732" s="10"/>
    </row>
    <row r="915733" spans="14:14">
      <c r="N915733" s="10"/>
    </row>
    <row r="915734" spans="14:14">
      <c r="N915734" s="10"/>
    </row>
    <row r="915735" spans="14:14">
      <c r="N915735" s="10"/>
    </row>
    <row r="915736" spans="14:14">
      <c r="N915736" s="10"/>
    </row>
    <row r="915737" spans="14:14">
      <c r="N915737" s="10"/>
    </row>
    <row r="915738" spans="14:14">
      <c r="N915738" s="10"/>
    </row>
    <row r="915739" spans="14:14">
      <c r="N915739" s="10"/>
    </row>
    <row r="915740" spans="14:14">
      <c r="N915740" s="10"/>
    </row>
    <row r="915741" spans="14:14">
      <c r="N915741" s="10"/>
    </row>
    <row r="915742" spans="14:14">
      <c r="N915742" s="10"/>
    </row>
    <row r="915743" spans="14:14">
      <c r="N915743" s="10"/>
    </row>
    <row r="915744" spans="14:14">
      <c r="N915744" s="10"/>
    </row>
    <row r="915745" spans="14:14">
      <c r="N915745" s="10"/>
    </row>
    <row r="915746" spans="14:14">
      <c r="N915746" s="10"/>
    </row>
    <row r="915747" spans="14:14">
      <c r="N915747" s="10"/>
    </row>
    <row r="915748" spans="14:14">
      <c r="N915748" s="10"/>
    </row>
    <row r="915749" spans="14:14">
      <c r="N915749" s="10"/>
    </row>
    <row r="915750" spans="14:14">
      <c r="N915750" s="10"/>
    </row>
    <row r="915751" spans="14:14">
      <c r="N915751" s="10"/>
    </row>
    <row r="915752" spans="14:14">
      <c r="N915752" s="10"/>
    </row>
    <row r="915753" spans="14:14">
      <c r="N915753" s="10"/>
    </row>
    <row r="915754" spans="14:14">
      <c r="N915754" s="10"/>
    </row>
    <row r="915755" spans="14:14">
      <c r="N915755" s="10"/>
    </row>
    <row r="915756" spans="14:14">
      <c r="N915756" s="10"/>
    </row>
    <row r="915757" spans="14:14">
      <c r="N915757" s="10"/>
    </row>
    <row r="915758" spans="14:14">
      <c r="N915758" s="10"/>
    </row>
    <row r="915759" spans="14:14">
      <c r="N915759" s="10"/>
    </row>
    <row r="915760" spans="14:14">
      <c r="N915760" s="10"/>
    </row>
    <row r="915761" spans="14:14">
      <c r="N915761" s="10"/>
    </row>
    <row r="915762" spans="14:14">
      <c r="N915762" s="10"/>
    </row>
    <row r="915763" spans="14:14">
      <c r="N915763" s="10"/>
    </row>
    <row r="915764" spans="14:14">
      <c r="N915764" s="10"/>
    </row>
    <row r="915765" spans="14:14">
      <c r="N915765" s="10"/>
    </row>
    <row r="915766" spans="14:14">
      <c r="N915766" s="10"/>
    </row>
    <row r="915767" spans="14:14">
      <c r="N915767" s="10"/>
    </row>
    <row r="915768" spans="14:14">
      <c r="N915768" s="10"/>
    </row>
    <row r="915769" spans="14:14">
      <c r="N915769" s="10"/>
    </row>
    <row r="915770" spans="14:14">
      <c r="N915770" s="10"/>
    </row>
    <row r="915771" spans="14:14">
      <c r="N915771" s="10"/>
    </row>
    <row r="915772" spans="14:14">
      <c r="N915772" s="10"/>
    </row>
    <row r="915773" spans="14:14">
      <c r="N915773" s="10"/>
    </row>
    <row r="915774" spans="14:14">
      <c r="N915774" s="10"/>
    </row>
    <row r="915775" spans="14:14">
      <c r="N915775" s="10"/>
    </row>
    <row r="915776" spans="14:14">
      <c r="N915776" s="10"/>
    </row>
    <row r="915777" spans="14:14">
      <c r="N915777" s="10"/>
    </row>
    <row r="915778" spans="14:14">
      <c r="N915778" s="10"/>
    </row>
    <row r="915779" spans="14:14">
      <c r="N915779" s="10"/>
    </row>
    <row r="915780" spans="14:14">
      <c r="N915780" s="10"/>
    </row>
    <row r="915781" spans="14:14">
      <c r="N915781" s="10"/>
    </row>
    <row r="915782" spans="14:14">
      <c r="N915782" s="10"/>
    </row>
    <row r="915783" spans="14:14">
      <c r="N915783" s="10"/>
    </row>
    <row r="915784" spans="14:14">
      <c r="N915784" s="10"/>
    </row>
    <row r="915785" spans="14:14">
      <c r="N915785" s="10"/>
    </row>
    <row r="915786" spans="14:14">
      <c r="N915786" s="10"/>
    </row>
    <row r="915787" spans="14:14">
      <c r="N915787" s="10"/>
    </row>
    <row r="915788" spans="14:14">
      <c r="N915788" s="10"/>
    </row>
    <row r="915789" spans="14:14">
      <c r="N915789" s="10"/>
    </row>
    <row r="915790" spans="14:14">
      <c r="N915790" s="10"/>
    </row>
    <row r="915791" spans="14:14">
      <c r="N915791" s="10"/>
    </row>
    <row r="915792" spans="14:14">
      <c r="N915792" s="10"/>
    </row>
    <row r="915793" spans="14:14">
      <c r="N915793" s="10"/>
    </row>
    <row r="915794" spans="14:14">
      <c r="N915794" s="10"/>
    </row>
    <row r="915795" spans="14:14">
      <c r="N915795" s="10"/>
    </row>
    <row r="915796" spans="14:14">
      <c r="N915796" s="10"/>
    </row>
    <row r="915797" spans="14:14">
      <c r="N915797" s="10"/>
    </row>
    <row r="915798" spans="14:14">
      <c r="N915798" s="10"/>
    </row>
    <row r="915799" spans="14:14">
      <c r="N915799" s="10"/>
    </row>
    <row r="915800" spans="14:14">
      <c r="N915800" s="10"/>
    </row>
    <row r="915801" spans="14:14">
      <c r="N915801" s="10"/>
    </row>
    <row r="915802" spans="14:14">
      <c r="N915802" s="10"/>
    </row>
    <row r="915803" spans="14:14">
      <c r="N915803" s="10"/>
    </row>
    <row r="915804" spans="14:14">
      <c r="N915804" s="10"/>
    </row>
    <row r="915805" spans="14:14">
      <c r="N915805" s="10"/>
    </row>
    <row r="915806" spans="14:14">
      <c r="N915806" s="10"/>
    </row>
    <row r="915807" spans="14:14">
      <c r="N915807" s="10"/>
    </row>
    <row r="915808" spans="14:14">
      <c r="N915808" s="10"/>
    </row>
    <row r="915809" spans="14:14">
      <c r="N915809" s="10"/>
    </row>
    <row r="915810" spans="14:14">
      <c r="N915810" s="10"/>
    </row>
    <row r="915811" spans="14:14">
      <c r="N915811" s="10"/>
    </row>
    <row r="915812" spans="14:14">
      <c r="N915812" s="10"/>
    </row>
    <row r="915813" spans="14:14">
      <c r="N915813" s="10"/>
    </row>
    <row r="915814" spans="14:14">
      <c r="N915814" s="10"/>
    </row>
    <row r="915815" spans="14:14">
      <c r="N915815" s="10"/>
    </row>
    <row r="915816" spans="14:14">
      <c r="N915816" s="10"/>
    </row>
    <row r="915817" spans="14:14">
      <c r="N915817" s="10"/>
    </row>
    <row r="915818" spans="14:14">
      <c r="N915818" s="10"/>
    </row>
    <row r="915819" spans="14:14">
      <c r="N915819" s="10"/>
    </row>
    <row r="915820" spans="14:14">
      <c r="N915820" s="10"/>
    </row>
    <row r="915821" spans="14:14">
      <c r="N915821" s="10"/>
    </row>
    <row r="915822" spans="14:14">
      <c r="N915822" s="10"/>
    </row>
    <row r="915823" spans="14:14">
      <c r="N915823" s="10"/>
    </row>
    <row r="915824" spans="14:14">
      <c r="N915824" s="10"/>
    </row>
    <row r="915825" spans="14:14">
      <c r="N915825" s="10"/>
    </row>
    <row r="915826" spans="14:14">
      <c r="N915826" s="10"/>
    </row>
    <row r="915827" spans="14:14">
      <c r="N915827" s="10"/>
    </row>
    <row r="915828" spans="14:14">
      <c r="N915828" s="10"/>
    </row>
    <row r="915829" spans="14:14">
      <c r="N915829" s="10"/>
    </row>
    <row r="915830" spans="14:14">
      <c r="N915830" s="10"/>
    </row>
    <row r="915831" spans="14:14">
      <c r="N915831" s="10"/>
    </row>
    <row r="915832" spans="14:14">
      <c r="N915832" s="10"/>
    </row>
    <row r="915833" spans="14:14">
      <c r="N915833" s="10"/>
    </row>
    <row r="915834" spans="14:14">
      <c r="N915834" s="10"/>
    </row>
    <row r="915835" spans="14:14">
      <c r="N915835" s="10"/>
    </row>
    <row r="915836" spans="14:14">
      <c r="N915836" s="10"/>
    </row>
    <row r="915837" spans="14:14">
      <c r="N915837" s="10"/>
    </row>
    <row r="915838" spans="14:14">
      <c r="N915838" s="10"/>
    </row>
    <row r="915839" spans="14:14">
      <c r="N915839" s="10"/>
    </row>
    <row r="915840" spans="14:14">
      <c r="N915840" s="10"/>
    </row>
    <row r="915841" spans="14:14">
      <c r="N915841" s="10"/>
    </row>
    <row r="915842" spans="14:14">
      <c r="N915842" s="10"/>
    </row>
    <row r="915843" spans="14:14">
      <c r="N915843" s="10"/>
    </row>
    <row r="915844" spans="14:14">
      <c r="N915844" s="10"/>
    </row>
    <row r="915845" spans="14:14">
      <c r="N915845" s="10"/>
    </row>
    <row r="915846" spans="14:14">
      <c r="N915846" s="10"/>
    </row>
    <row r="915847" spans="14:14">
      <c r="N915847" s="10"/>
    </row>
    <row r="915848" spans="14:14">
      <c r="N915848" s="10"/>
    </row>
    <row r="915849" spans="14:14">
      <c r="N915849" s="10"/>
    </row>
    <row r="915850" spans="14:14">
      <c r="N915850" s="10"/>
    </row>
    <row r="915851" spans="14:14">
      <c r="N915851" s="10"/>
    </row>
    <row r="915852" spans="14:14">
      <c r="N915852" s="10"/>
    </row>
    <row r="915853" spans="14:14">
      <c r="N915853" s="10"/>
    </row>
    <row r="915854" spans="14:14">
      <c r="N915854" s="10"/>
    </row>
    <row r="915855" spans="14:14">
      <c r="N915855" s="10"/>
    </row>
    <row r="915856" spans="14:14">
      <c r="N915856" s="10"/>
    </row>
    <row r="915857" spans="14:14">
      <c r="N915857" s="10"/>
    </row>
    <row r="915858" spans="14:14">
      <c r="N915858" s="10"/>
    </row>
    <row r="915859" spans="14:14">
      <c r="N915859" s="10"/>
    </row>
    <row r="915860" spans="14:14">
      <c r="N915860" s="10"/>
    </row>
    <row r="915861" spans="14:14">
      <c r="N915861" s="10"/>
    </row>
    <row r="915862" spans="14:14">
      <c r="N915862" s="10"/>
    </row>
    <row r="915863" spans="14:14">
      <c r="N915863" s="10"/>
    </row>
    <row r="915864" spans="14:14">
      <c r="N915864" s="10"/>
    </row>
    <row r="915865" spans="14:14">
      <c r="N915865" s="10"/>
    </row>
    <row r="915866" spans="14:14">
      <c r="N915866" s="10"/>
    </row>
    <row r="915867" spans="14:14">
      <c r="N915867" s="10"/>
    </row>
    <row r="915868" spans="14:14">
      <c r="N915868" s="10"/>
    </row>
    <row r="915869" spans="14:14">
      <c r="N915869" s="10"/>
    </row>
    <row r="915870" spans="14:14">
      <c r="N915870" s="10"/>
    </row>
    <row r="915871" spans="14:14">
      <c r="N915871" s="10"/>
    </row>
    <row r="915872" spans="14:14">
      <c r="N915872" s="10"/>
    </row>
    <row r="915873" spans="14:14">
      <c r="N915873" s="10"/>
    </row>
    <row r="915874" spans="14:14">
      <c r="N915874" s="10"/>
    </row>
    <row r="915875" spans="14:14">
      <c r="N915875" s="10"/>
    </row>
    <row r="915876" spans="14:14">
      <c r="N915876" s="10"/>
    </row>
    <row r="915877" spans="14:14">
      <c r="N915877" s="10"/>
    </row>
    <row r="915878" spans="14:14">
      <c r="N915878" s="10"/>
    </row>
    <row r="915879" spans="14:14">
      <c r="N915879" s="10"/>
    </row>
    <row r="915880" spans="14:14">
      <c r="N915880" s="10"/>
    </row>
    <row r="915881" spans="14:14">
      <c r="N915881" s="10"/>
    </row>
    <row r="915882" spans="14:14">
      <c r="N915882" s="10"/>
    </row>
    <row r="915883" spans="14:14">
      <c r="N915883" s="10"/>
    </row>
    <row r="915884" spans="14:14">
      <c r="N915884" s="10"/>
    </row>
    <row r="915885" spans="14:14">
      <c r="N915885" s="10"/>
    </row>
    <row r="915886" spans="14:14">
      <c r="N915886" s="10"/>
    </row>
    <row r="915887" spans="14:14">
      <c r="N915887" s="10"/>
    </row>
    <row r="915888" spans="14:14">
      <c r="N915888" s="10"/>
    </row>
    <row r="915889" spans="14:14">
      <c r="N915889" s="10"/>
    </row>
    <row r="915890" spans="14:14">
      <c r="N915890" s="10"/>
    </row>
    <row r="915891" spans="14:14">
      <c r="N915891" s="10"/>
    </row>
    <row r="915892" spans="14:14">
      <c r="N915892" s="10"/>
    </row>
    <row r="915893" spans="14:14">
      <c r="N915893" s="10"/>
    </row>
    <row r="915894" spans="14:14">
      <c r="N915894" s="10"/>
    </row>
    <row r="915895" spans="14:14">
      <c r="N915895" s="10"/>
    </row>
    <row r="915896" spans="14:14">
      <c r="N915896" s="10"/>
    </row>
    <row r="915897" spans="14:14">
      <c r="N915897" s="10"/>
    </row>
    <row r="915898" spans="14:14">
      <c r="N915898" s="10"/>
    </row>
    <row r="915899" spans="14:14">
      <c r="N915899" s="10"/>
    </row>
    <row r="915900" spans="14:14">
      <c r="N915900" s="10"/>
    </row>
    <row r="915901" spans="14:14">
      <c r="N915901" s="10"/>
    </row>
    <row r="915902" spans="14:14">
      <c r="N915902" s="10"/>
    </row>
    <row r="915903" spans="14:14">
      <c r="N915903" s="10"/>
    </row>
    <row r="915904" spans="14:14">
      <c r="N915904" s="10"/>
    </row>
    <row r="915905" spans="14:14">
      <c r="N915905" s="10"/>
    </row>
    <row r="915906" spans="14:14">
      <c r="N915906" s="10"/>
    </row>
    <row r="915907" spans="14:14">
      <c r="N915907" s="10"/>
    </row>
    <row r="915908" spans="14:14">
      <c r="N915908" s="10"/>
    </row>
    <row r="915909" spans="14:14">
      <c r="N915909" s="10"/>
    </row>
    <row r="915910" spans="14:14">
      <c r="N915910" s="10"/>
    </row>
    <row r="915911" spans="14:14">
      <c r="N915911" s="10"/>
    </row>
    <row r="915912" spans="14:14">
      <c r="N915912" s="10"/>
    </row>
    <row r="915913" spans="14:14">
      <c r="N915913" s="10"/>
    </row>
    <row r="915914" spans="14:14">
      <c r="N915914" s="10"/>
    </row>
    <row r="915915" spans="14:14">
      <c r="N915915" s="10"/>
    </row>
    <row r="915916" spans="14:14">
      <c r="N915916" s="10"/>
    </row>
    <row r="915917" spans="14:14">
      <c r="N915917" s="10"/>
    </row>
    <row r="915918" spans="14:14">
      <c r="N915918" s="10"/>
    </row>
    <row r="915919" spans="14:14">
      <c r="N915919" s="10"/>
    </row>
    <row r="915920" spans="14:14">
      <c r="N915920" s="10"/>
    </row>
    <row r="915921" spans="14:14">
      <c r="N915921" s="10"/>
    </row>
    <row r="915922" spans="14:14">
      <c r="N915922" s="10"/>
    </row>
    <row r="915923" spans="14:14">
      <c r="N915923" s="10"/>
    </row>
    <row r="915924" spans="14:14">
      <c r="N915924" s="10"/>
    </row>
    <row r="915925" spans="14:14">
      <c r="N915925" s="10"/>
    </row>
    <row r="915926" spans="14:14">
      <c r="N915926" s="10"/>
    </row>
    <row r="915927" spans="14:14">
      <c r="N915927" s="10"/>
    </row>
    <row r="915928" spans="14:14">
      <c r="N915928" s="10"/>
    </row>
    <row r="915929" spans="14:14">
      <c r="N915929" s="10"/>
    </row>
    <row r="915930" spans="14:14">
      <c r="N915930" s="10"/>
    </row>
    <row r="915931" spans="14:14">
      <c r="N915931" s="10"/>
    </row>
    <row r="915932" spans="14:14">
      <c r="N915932" s="10"/>
    </row>
    <row r="915933" spans="14:14">
      <c r="N915933" s="10"/>
    </row>
    <row r="915934" spans="14:14">
      <c r="N915934" s="10"/>
    </row>
    <row r="915935" spans="14:14">
      <c r="N915935" s="10"/>
    </row>
    <row r="915936" spans="14:14">
      <c r="N915936" s="10"/>
    </row>
    <row r="915937" spans="14:14">
      <c r="N915937" s="10"/>
    </row>
    <row r="915938" spans="14:14">
      <c r="N915938" s="10"/>
    </row>
    <row r="915939" spans="14:14">
      <c r="N915939" s="10"/>
    </row>
    <row r="915940" spans="14:14">
      <c r="N915940" s="10"/>
    </row>
    <row r="915941" spans="14:14">
      <c r="N915941" s="10"/>
    </row>
    <row r="915942" spans="14:14">
      <c r="N915942" s="10"/>
    </row>
    <row r="915943" spans="14:14">
      <c r="N915943" s="10"/>
    </row>
    <row r="915944" spans="14:14">
      <c r="N915944" s="10"/>
    </row>
    <row r="915945" spans="14:14">
      <c r="N915945" s="10"/>
    </row>
    <row r="915946" spans="14:14">
      <c r="N915946" s="10"/>
    </row>
    <row r="915947" spans="14:14">
      <c r="N915947" s="10"/>
    </row>
    <row r="915948" spans="14:14">
      <c r="N915948" s="10"/>
    </row>
    <row r="915949" spans="14:14">
      <c r="N915949" s="10"/>
    </row>
    <row r="915950" spans="14:14">
      <c r="N915950" s="10"/>
    </row>
    <row r="915951" spans="14:14">
      <c r="N915951" s="10"/>
    </row>
    <row r="915952" spans="14:14">
      <c r="N915952" s="10"/>
    </row>
    <row r="915953" spans="14:14">
      <c r="N915953" s="10"/>
    </row>
    <row r="915954" spans="14:14">
      <c r="N915954" s="10"/>
    </row>
    <row r="915955" spans="14:14">
      <c r="N915955" s="10"/>
    </row>
    <row r="915956" spans="14:14">
      <c r="N915956" s="10"/>
    </row>
    <row r="915957" spans="14:14">
      <c r="N915957" s="10"/>
    </row>
    <row r="915958" spans="14:14">
      <c r="N915958" s="10"/>
    </row>
    <row r="915959" spans="14:14">
      <c r="N915959" s="10"/>
    </row>
    <row r="915960" spans="14:14">
      <c r="N915960" s="10"/>
    </row>
    <row r="915961" spans="14:14">
      <c r="N915961" s="10"/>
    </row>
    <row r="915962" spans="14:14">
      <c r="N915962" s="10"/>
    </row>
    <row r="915963" spans="14:14">
      <c r="N915963" s="10"/>
    </row>
    <row r="915964" spans="14:14">
      <c r="N915964" s="10"/>
    </row>
    <row r="915965" spans="14:14">
      <c r="N915965" s="10"/>
    </row>
    <row r="915966" spans="14:14">
      <c r="N915966" s="10"/>
    </row>
    <row r="915967" spans="14:14">
      <c r="N915967" s="10"/>
    </row>
    <row r="915968" spans="14:14">
      <c r="N915968" s="10"/>
    </row>
    <row r="915969" spans="14:14">
      <c r="N915969" s="10"/>
    </row>
    <row r="915970" spans="14:14">
      <c r="N915970" s="10"/>
    </row>
    <row r="915971" spans="14:14">
      <c r="N915971" s="10"/>
    </row>
    <row r="915972" spans="14:14">
      <c r="N915972" s="10"/>
    </row>
    <row r="915973" spans="14:14">
      <c r="N915973" s="10"/>
    </row>
    <row r="915974" spans="14:14">
      <c r="N915974" s="10"/>
    </row>
    <row r="915975" spans="14:14">
      <c r="N915975" s="10"/>
    </row>
    <row r="915976" spans="14:14">
      <c r="N915976" s="10"/>
    </row>
    <row r="915977" spans="14:14">
      <c r="N915977" s="10"/>
    </row>
    <row r="915978" spans="14:14">
      <c r="N915978" s="10"/>
    </row>
    <row r="915979" spans="14:14">
      <c r="N915979" s="10"/>
    </row>
    <row r="915980" spans="14:14">
      <c r="N915980" s="10"/>
    </row>
    <row r="915981" spans="14:14">
      <c r="N915981" s="10"/>
    </row>
    <row r="915982" spans="14:14">
      <c r="N915982" s="10"/>
    </row>
    <row r="915983" spans="14:14">
      <c r="N915983" s="10"/>
    </row>
    <row r="915984" spans="14:14">
      <c r="N915984" s="10"/>
    </row>
    <row r="915985" spans="14:14">
      <c r="N915985" s="10"/>
    </row>
    <row r="915986" spans="14:14">
      <c r="N915986" s="10"/>
    </row>
    <row r="915987" spans="14:14">
      <c r="N915987" s="10"/>
    </row>
    <row r="915988" spans="14:14">
      <c r="N915988" s="10"/>
    </row>
    <row r="915989" spans="14:14">
      <c r="N915989" s="10"/>
    </row>
    <row r="915990" spans="14:14">
      <c r="N915990" s="10"/>
    </row>
    <row r="915991" spans="14:14">
      <c r="N915991" s="10"/>
    </row>
    <row r="915992" spans="14:14">
      <c r="N915992" s="10"/>
    </row>
    <row r="915993" spans="14:14">
      <c r="N915993" s="10"/>
    </row>
    <row r="915994" spans="14:14">
      <c r="N915994" s="10"/>
    </row>
    <row r="915995" spans="14:14">
      <c r="N915995" s="10"/>
    </row>
    <row r="915996" spans="14:14">
      <c r="N915996" s="10"/>
    </row>
    <row r="915997" spans="14:14">
      <c r="N915997" s="10"/>
    </row>
    <row r="915998" spans="14:14">
      <c r="N915998" s="10"/>
    </row>
    <row r="915999" spans="14:14">
      <c r="N915999" s="10"/>
    </row>
    <row r="916000" spans="14:14">
      <c r="N916000" s="10"/>
    </row>
    <row r="916001" spans="14:14">
      <c r="N916001" s="10"/>
    </row>
    <row r="916002" spans="14:14">
      <c r="N916002" s="10"/>
    </row>
    <row r="916003" spans="14:14">
      <c r="N916003" s="10"/>
    </row>
    <row r="916004" spans="14:14">
      <c r="N916004" s="10"/>
    </row>
    <row r="916005" spans="14:14">
      <c r="N916005" s="10"/>
    </row>
    <row r="916006" spans="14:14">
      <c r="N916006" s="10"/>
    </row>
    <row r="916007" spans="14:14">
      <c r="N916007" s="10"/>
    </row>
    <row r="916008" spans="14:14">
      <c r="N916008" s="10"/>
    </row>
    <row r="916009" spans="14:14">
      <c r="N916009" s="10"/>
    </row>
    <row r="916010" spans="14:14">
      <c r="N916010" s="10"/>
    </row>
    <row r="916011" spans="14:14">
      <c r="N916011" s="10"/>
    </row>
    <row r="916012" spans="14:14">
      <c r="N916012" s="10"/>
    </row>
    <row r="916013" spans="14:14">
      <c r="N916013" s="10"/>
    </row>
    <row r="916014" spans="14:14">
      <c r="N916014" s="10"/>
    </row>
    <row r="916015" spans="14:14">
      <c r="N916015" s="10"/>
    </row>
    <row r="916016" spans="14:14">
      <c r="N916016" s="10"/>
    </row>
    <row r="916017" spans="14:14">
      <c r="N916017" s="10"/>
    </row>
    <row r="916018" spans="14:14">
      <c r="N916018" s="10"/>
    </row>
    <row r="916019" spans="14:14">
      <c r="N916019" s="10"/>
    </row>
    <row r="916020" spans="14:14">
      <c r="N916020" s="10"/>
    </row>
    <row r="916021" spans="14:14">
      <c r="N916021" s="10"/>
    </row>
    <row r="916022" spans="14:14">
      <c r="N916022" s="10"/>
    </row>
    <row r="916023" spans="14:14">
      <c r="N916023" s="10"/>
    </row>
    <row r="916024" spans="14:14">
      <c r="N916024" s="10"/>
    </row>
    <row r="916025" spans="14:14">
      <c r="N916025" s="10"/>
    </row>
    <row r="916026" spans="14:14">
      <c r="N916026" s="10"/>
    </row>
    <row r="916027" spans="14:14">
      <c r="N916027" s="10"/>
    </row>
    <row r="916028" spans="14:14">
      <c r="N916028" s="10"/>
    </row>
    <row r="916029" spans="14:14">
      <c r="N916029" s="10"/>
    </row>
    <row r="916030" spans="14:14">
      <c r="N916030" s="10"/>
    </row>
    <row r="916031" spans="14:14">
      <c r="N916031" s="10"/>
    </row>
    <row r="916032" spans="14:14">
      <c r="N916032" s="10"/>
    </row>
    <row r="916033" spans="14:14">
      <c r="N916033" s="10"/>
    </row>
    <row r="916034" spans="14:14">
      <c r="N916034" s="10"/>
    </row>
    <row r="916035" spans="14:14">
      <c r="N916035" s="10"/>
    </row>
    <row r="916036" spans="14:14">
      <c r="N916036" s="10"/>
    </row>
    <row r="916037" spans="14:14">
      <c r="N916037" s="10"/>
    </row>
    <row r="916038" spans="14:14">
      <c r="N916038" s="10"/>
    </row>
    <row r="916039" spans="14:14">
      <c r="N916039" s="10"/>
    </row>
    <row r="916040" spans="14:14">
      <c r="N916040" s="10"/>
    </row>
    <row r="916041" spans="14:14">
      <c r="N916041" s="10"/>
    </row>
    <row r="916042" spans="14:14">
      <c r="N916042" s="10"/>
    </row>
    <row r="916043" spans="14:14">
      <c r="N916043" s="10"/>
    </row>
    <row r="916044" spans="14:14">
      <c r="N916044" s="10"/>
    </row>
    <row r="916045" spans="14:14">
      <c r="N916045" s="10"/>
    </row>
    <row r="916046" spans="14:14">
      <c r="N916046" s="10"/>
    </row>
    <row r="916047" spans="14:14">
      <c r="N916047" s="10"/>
    </row>
    <row r="916048" spans="14:14">
      <c r="N916048" s="10"/>
    </row>
    <row r="916049" spans="14:14">
      <c r="N916049" s="10"/>
    </row>
    <row r="916050" spans="14:14">
      <c r="N916050" s="10"/>
    </row>
    <row r="916051" spans="14:14">
      <c r="N916051" s="10"/>
    </row>
    <row r="916052" spans="14:14">
      <c r="N916052" s="10"/>
    </row>
    <row r="916053" spans="14:14">
      <c r="N916053" s="10"/>
    </row>
    <row r="916054" spans="14:14">
      <c r="N916054" s="10"/>
    </row>
    <row r="916055" spans="14:14">
      <c r="N916055" s="10"/>
    </row>
    <row r="916056" spans="14:14">
      <c r="N916056" s="10"/>
    </row>
    <row r="916057" spans="14:14">
      <c r="N916057" s="10"/>
    </row>
    <row r="916058" spans="14:14">
      <c r="N916058" s="10"/>
    </row>
    <row r="916059" spans="14:14">
      <c r="N916059" s="10"/>
    </row>
    <row r="916060" spans="14:14">
      <c r="N916060" s="10"/>
    </row>
    <row r="916061" spans="14:14">
      <c r="N916061" s="10"/>
    </row>
    <row r="916062" spans="14:14">
      <c r="N916062" s="10"/>
    </row>
    <row r="916063" spans="14:14">
      <c r="N916063" s="10"/>
    </row>
    <row r="916064" spans="14:14">
      <c r="N916064" s="10"/>
    </row>
    <row r="916065" spans="14:14">
      <c r="N916065" s="10"/>
    </row>
    <row r="916066" spans="14:14">
      <c r="N916066" s="10"/>
    </row>
    <row r="916067" spans="14:14">
      <c r="N916067" s="10"/>
    </row>
    <row r="916068" spans="14:14">
      <c r="N916068" s="10"/>
    </row>
    <row r="916069" spans="14:14">
      <c r="N916069" s="10"/>
    </row>
    <row r="916070" spans="14:14">
      <c r="N916070" s="10"/>
    </row>
    <row r="916071" spans="14:14">
      <c r="N916071" s="10"/>
    </row>
    <row r="916072" spans="14:14">
      <c r="N916072" s="10"/>
    </row>
    <row r="916073" spans="14:14">
      <c r="N916073" s="10"/>
    </row>
    <row r="916074" spans="14:14">
      <c r="N916074" s="10"/>
    </row>
    <row r="916075" spans="14:14">
      <c r="N916075" s="10"/>
    </row>
    <row r="916076" spans="14:14">
      <c r="N916076" s="10"/>
    </row>
    <row r="916077" spans="14:14">
      <c r="N916077" s="10"/>
    </row>
    <row r="916078" spans="14:14">
      <c r="N916078" s="10"/>
    </row>
    <row r="916079" spans="14:14">
      <c r="N916079" s="10"/>
    </row>
    <row r="916080" spans="14:14">
      <c r="N916080" s="10"/>
    </row>
    <row r="916081" spans="14:14">
      <c r="N916081" s="10"/>
    </row>
    <row r="916082" spans="14:14">
      <c r="N916082" s="10"/>
    </row>
    <row r="916083" spans="14:14">
      <c r="N916083" s="10"/>
    </row>
    <row r="916084" spans="14:14">
      <c r="N916084" s="10"/>
    </row>
    <row r="916085" spans="14:14">
      <c r="N916085" s="10"/>
    </row>
    <row r="916086" spans="14:14">
      <c r="N916086" s="10"/>
    </row>
    <row r="916087" spans="14:14">
      <c r="N916087" s="10"/>
    </row>
    <row r="916088" spans="14:14">
      <c r="N916088" s="10"/>
    </row>
    <row r="916089" spans="14:14">
      <c r="N916089" s="10"/>
    </row>
    <row r="916090" spans="14:14">
      <c r="N916090" s="10"/>
    </row>
    <row r="916091" spans="14:14">
      <c r="N916091" s="10"/>
    </row>
    <row r="916092" spans="14:14">
      <c r="N916092" s="10"/>
    </row>
    <row r="916093" spans="14:14">
      <c r="N916093" s="10"/>
    </row>
    <row r="916094" spans="14:14">
      <c r="N916094" s="10"/>
    </row>
    <row r="916095" spans="14:14">
      <c r="N916095" s="10"/>
    </row>
    <row r="916096" spans="14:14">
      <c r="N916096" s="10"/>
    </row>
    <row r="916097" spans="14:14">
      <c r="N916097" s="10"/>
    </row>
    <row r="916098" spans="14:14">
      <c r="N916098" s="10"/>
    </row>
    <row r="916099" spans="14:14">
      <c r="N916099" s="10"/>
    </row>
    <row r="916100" spans="14:14">
      <c r="N916100" s="10"/>
    </row>
    <row r="916101" spans="14:14">
      <c r="N916101" s="10"/>
    </row>
    <row r="916102" spans="14:14">
      <c r="N916102" s="10"/>
    </row>
    <row r="916103" spans="14:14">
      <c r="N916103" s="10"/>
    </row>
    <row r="916104" spans="14:14">
      <c r="N916104" s="10"/>
    </row>
    <row r="916105" spans="14:14">
      <c r="N916105" s="10"/>
    </row>
    <row r="916106" spans="14:14">
      <c r="N916106" s="10"/>
    </row>
    <row r="916107" spans="14:14">
      <c r="N916107" s="10"/>
    </row>
    <row r="916108" spans="14:14">
      <c r="N916108" s="10"/>
    </row>
    <row r="916109" spans="14:14">
      <c r="N916109" s="10"/>
    </row>
    <row r="916110" spans="14:14">
      <c r="N916110" s="10"/>
    </row>
    <row r="916111" spans="14:14">
      <c r="N916111" s="10"/>
    </row>
    <row r="916112" spans="14:14">
      <c r="N916112" s="10"/>
    </row>
    <row r="916113" spans="14:14">
      <c r="N916113" s="10"/>
    </row>
    <row r="916114" spans="14:14">
      <c r="N916114" s="10"/>
    </row>
    <row r="916115" spans="14:14">
      <c r="N916115" s="10"/>
    </row>
    <row r="916116" spans="14:14">
      <c r="N916116" s="10"/>
    </row>
    <row r="916117" spans="14:14">
      <c r="N916117" s="10"/>
    </row>
    <row r="916118" spans="14:14">
      <c r="N916118" s="10"/>
    </row>
    <row r="916119" spans="14:14">
      <c r="N916119" s="10"/>
    </row>
    <row r="916120" spans="14:14">
      <c r="N916120" s="10"/>
    </row>
    <row r="916121" spans="14:14">
      <c r="N916121" s="10"/>
    </row>
    <row r="916122" spans="14:14">
      <c r="N916122" s="10"/>
    </row>
    <row r="916123" spans="14:14">
      <c r="N916123" s="10"/>
    </row>
    <row r="916124" spans="14:14">
      <c r="N916124" s="10"/>
    </row>
    <row r="916125" spans="14:14">
      <c r="N916125" s="10"/>
    </row>
    <row r="916126" spans="14:14">
      <c r="N916126" s="10"/>
    </row>
    <row r="916127" spans="14:14">
      <c r="N916127" s="10"/>
    </row>
    <row r="916128" spans="14:14">
      <c r="N916128" s="10"/>
    </row>
    <row r="916129" spans="14:14">
      <c r="N916129" s="10"/>
    </row>
    <row r="916130" spans="14:14">
      <c r="N916130" s="10"/>
    </row>
    <row r="916131" spans="14:14">
      <c r="N916131" s="10"/>
    </row>
    <row r="916132" spans="14:14">
      <c r="N916132" s="10"/>
    </row>
    <row r="916133" spans="14:14">
      <c r="N916133" s="10"/>
    </row>
    <row r="916134" spans="14:14">
      <c r="N916134" s="10"/>
    </row>
    <row r="916135" spans="14:14">
      <c r="N916135" s="10"/>
    </row>
    <row r="916136" spans="14:14">
      <c r="N916136" s="10"/>
    </row>
    <row r="916137" spans="14:14">
      <c r="N916137" s="10"/>
    </row>
    <row r="916138" spans="14:14">
      <c r="N916138" s="10"/>
    </row>
    <row r="916139" spans="14:14">
      <c r="N916139" s="10"/>
    </row>
    <row r="916140" spans="14:14">
      <c r="N916140" s="10"/>
    </row>
    <row r="916141" spans="14:14">
      <c r="N916141" s="10"/>
    </row>
    <row r="916142" spans="14:14">
      <c r="N916142" s="10"/>
    </row>
    <row r="916143" spans="14:14">
      <c r="N916143" s="10"/>
    </row>
    <row r="916144" spans="14:14">
      <c r="N916144" s="10"/>
    </row>
    <row r="916145" spans="14:14">
      <c r="N916145" s="10"/>
    </row>
    <row r="916146" spans="14:14">
      <c r="N916146" s="10"/>
    </row>
    <row r="916147" spans="14:14">
      <c r="N916147" s="10"/>
    </row>
    <row r="916148" spans="14:14">
      <c r="N916148" s="10"/>
    </row>
    <row r="916149" spans="14:14">
      <c r="N916149" s="10"/>
    </row>
    <row r="916150" spans="14:14">
      <c r="N916150" s="10"/>
    </row>
    <row r="916151" spans="14:14">
      <c r="N916151" s="10"/>
    </row>
    <row r="916152" spans="14:14">
      <c r="N916152" s="10"/>
    </row>
    <row r="916153" spans="14:14">
      <c r="N916153" s="10"/>
    </row>
    <row r="916154" spans="14:14">
      <c r="N916154" s="10"/>
    </row>
    <row r="916155" spans="14:14">
      <c r="N916155" s="10"/>
    </row>
    <row r="916156" spans="14:14">
      <c r="N916156" s="10"/>
    </row>
    <row r="916157" spans="14:14">
      <c r="N916157" s="10"/>
    </row>
    <row r="916158" spans="14:14">
      <c r="N916158" s="10"/>
    </row>
    <row r="916159" spans="14:14">
      <c r="N916159" s="10"/>
    </row>
    <row r="916160" spans="14:14">
      <c r="N916160" s="10"/>
    </row>
    <row r="916161" spans="14:14">
      <c r="N916161" s="10"/>
    </row>
    <row r="916162" spans="14:14">
      <c r="N916162" s="10"/>
    </row>
    <row r="916163" spans="14:14">
      <c r="N916163" s="10"/>
    </row>
    <row r="916164" spans="14:14">
      <c r="N916164" s="10"/>
    </row>
    <row r="916165" spans="14:14">
      <c r="N916165" s="10"/>
    </row>
    <row r="916166" spans="14:14">
      <c r="N916166" s="10"/>
    </row>
    <row r="916167" spans="14:14">
      <c r="N916167" s="10"/>
    </row>
    <row r="916168" spans="14:14">
      <c r="N916168" s="10"/>
    </row>
    <row r="916169" spans="14:14">
      <c r="N916169" s="10"/>
    </row>
    <row r="916170" spans="14:14">
      <c r="N916170" s="10"/>
    </row>
    <row r="916171" spans="14:14">
      <c r="N916171" s="10"/>
    </row>
    <row r="916172" spans="14:14">
      <c r="N916172" s="10"/>
    </row>
    <row r="916173" spans="14:14">
      <c r="N916173" s="10"/>
    </row>
    <row r="916174" spans="14:14">
      <c r="N916174" s="10"/>
    </row>
    <row r="916175" spans="14:14">
      <c r="N916175" s="10"/>
    </row>
    <row r="916176" spans="14:14">
      <c r="N916176" s="10"/>
    </row>
    <row r="916177" spans="14:14">
      <c r="N916177" s="10"/>
    </row>
    <row r="916178" spans="14:14">
      <c r="N916178" s="10"/>
    </row>
    <row r="916179" spans="14:14">
      <c r="N916179" s="10"/>
    </row>
    <row r="916180" spans="14:14">
      <c r="N916180" s="10"/>
    </row>
    <row r="916181" spans="14:14">
      <c r="N916181" s="10"/>
    </row>
    <row r="916182" spans="14:14">
      <c r="N916182" s="10"/>
    </row>
    <row r="916183" spans="14:14">
      <c r="N916183" s="10"/>
    </row>
    <row r="916184" spans="14:14">
      <c r="N916184" s="10"/>
    </row>
    <row r="916185" spans="14:14">
      <c r="N916185" s="10"/>
    </row>
    <row r="916186" spans="14:14">
      <c r="N916186" s="10"/>
    </row>
    <row r="916187" spans="14:14">
      <c r="N916187" s="10"/>
    </row>
    <row r="916188" spans="14:14">
      <c r="N916188" s="10"/>
    </row>
    <row r="916189" spans="14:14">
      <c r="N916189" s="10"/>
    </row>
    <row r="916190" spans="14:14">
      <c r="N916190" s="10"/>
    </row>
    <row r="916191" spans="14:14">
      <c r="N916191" s="10"/>
    </row>
    <row r="916192" spans="14:14">
      <c r="N916192" s="10"/>
    </row>
    <row r="916193" spans="14:14">
      <c r="N916193" s="10"/>
    </row>
    <row r="916194" spans="14:14">
      <c r="N916194" s="10"/>
    </row>
    <row r="916195" spans="14:14">
      <c r="N916195" s="10"/>
    </row>
    <row r="916196" spans="14:14">
      <c r="N916196" s="10"/>
    </row>
    <row r="916197" spans="14:14">
      <c r="N916197" s="10"/>
    </row>
    <row r="916198" spans="14:14">
      <c r="N916198" s="10"/>
    </row>
    <row r="916199" spans="14:14">
      <c r="N916199" s="10"/>
    </row>
    <row r="916200" spans="14:14">
      <c r="N916200" s="10"/>
    </row>
    <row r="916201" spans="14:14">
      <c r="N916201" s="10"/>
    </row>
    <row r="916202" spans="14:14">
      <c r="N916202" s="10"/>
    </row>
    <row r="916203" spans="14:14">
      <c r="N916203" s="10"/>
    </row>
    <row r="916204" spans="14:14">
      <c r="N916204" s="10"/>
    </row>
    <row r="916205" spans="14:14">
      <c r="N916205" s="10"/>
    </row>
    <row r="916206" spans="14:14">
      <c r="N916206" s="10"/>
    </row>
    <row r="916207" spans="14:14">
      <c r="N916207" s="10"/>
    </row>
    <row r="916208" spans="14:14">
      <c r="N916208" s="10"/>
    </row>
    <row r="916209" spans="14:14">
      <c r="N916209" s="10"/>
    </row>
    <row r="916210" spans="14:14">
      <c r="N916210" s="10"/>
    </row>
    <row r="916211" spans="14:14">
      <c r="N916211" s="10"/>
    </row>
    <row r="916212" spans="14:14">
      <c r="N916212" s="10"/>
    </row>
    <row r="916213" spans="14:14">
      <c r="N916213" s="10"/>
    </row>
    <row r="916214" spans="14:14">
      <c r="N916214" s="10"/>
    </row>
    <row r="916215" spans="14:14">
      <c r="N916215" s="10"/>
    </row>
    <row r="916216" spans="14:14">
      <c r="N916216" s="10"/>
    </row>
    <row r="916217" spans="14:14">
      <c r="N916217" s="10"/>
    </row>
    <row r="916218" spans="14:14">
      <c r="N916218" s="10"/>
    </row>
    <row r="916219" spans="14:14">
      <c r="N916219" s="10"/>
    </row>
    <row r="916220" spans="14:14">
      <c r="N916220" s="10"/>
    </row>
    <row r="916221" spans="14:14">
      <c r="N916221" s="10"/>
    </row>
    <row r="916222" spans="14:14">
      <c r="N916222" s="10"/>
    </row>
    <row r="916223" spans="14:14">
      <c r="N916223" s="10"/>
    </row>
    <row r="916224" spans="14:14">
      <c r="N916224" s="10"/>
    </row>
    <row r="916225" spans="14:14">
      <c r="N916225" s="10"/>
    </row>
    <row r="916226" spans="14:14">
      <c r="N916226" s="10"/>
    </row>
    <row r="916227" spans="14:14">
      <c r="N916227" s="10"/>
    </row>
    <row r="916228" spans="14:14">
      <c r="N916228" s="10"/>
    </row>
    <row r="916229" spans="14:14">
      <c r="N916229" s="10"/>
    </row>
    <row r="916230" spans="14:14">
      <c r="N916230" s="10"/>
    </row>
    <row r="916231" spans="14:14">
      <c r="N916231" s="10"/>
    </row>
    <row r="916232" spans="14:14">
      <c r="N916232" s="10"/>
    </row>
    <row r="916233" spans="14:14">
      <c r="N916233" s="10"/>
    </row>
    <row r="916234" spans="14:14">
      <c r="N916234" s="10"/>
    </row>
    <row r="916235" spans="14:14">
      <c r="N916235" s="10"/>
    </row>
    <row r="916236" spans="14:14">
      <c r="N916236" s="10"/>
    </row>
    <row r="916237" spans="14:14">
      <c r="N916237" s="10"/>
    </row>
    <row r="916238" spans="14:14">
      <c r="N916238" s="10"/>
    </row>
    <row r="916239" spans="14:14">
      <c r="N916239" s="10"/>
    </row>
    <row r="916240" spans="14:14">
      <c r="N916240" s="10"/>
    </row>
    <row r="916241" spans="14:14">
      <c r="N916241" s="10"/>
    </row>
    <row r="916242" spans="14:14">
      <c r="N916242" s="10"/>
    </row>
    <row r="916243" spans="14:14">
      <c r="N916243" s="10"/>
    </row>
    <row r="916244" spans="14:14">
      <c r="N916244" s="10"/>
    </row>
    <row r="916245" spans="14:14">
      <c r="N916245" s="10"/>
    </row>
    <row r="916246" spans="14:14">
      <c r="N916246" s="10"/>
    </row>
    <row r="916247" spans="14:14">
      <c r="N916247" s="10"/>
    </row>
    <row r="916248" spans="14:14">
      <c r="N916248" s="10"/>
    </row>
    <row r="916249" spans="14:14">
      <c r="N916249" s="10"/>
    </row>
    <row r="916250" spans="14:14">
      <c r="N916250" s="10"/>
    </row>
    <row r="916251" spans="14:14">
      <c r="N916251" s="10"/>
    </row>
    <row r="916252" spans="14:14">
      <c r="N916252" s="10"/>
    </row>
    <row r="916253" spans="14:14">
      <c r="N916253" s="10"/>
    </row>
    <row r="916254" spans="14:14">
      <c r="N916254" s="10"/>
    </row>
    <row r="916255" spans="14:14">
      <c r="N916255" s="10"/>
    </row>
    <row r="916256" spans="14:14">
      <c r="N916256" s="10"/>
    </row>
    <row r="916257" spans="14:14">
      <c r="N916257" s="10"/>
    </row>
    <row r="916258" spans="14:14">
      <c r="N916258" s="10"/>
    </row>
    <row r="916259" spans="14:14">
      <c r="N916259" s="10"/>
    </row>
    <row r="916260" spans="14:14">
      <c r="N916260" s="10"/>
    </row>
    <row r="916261" spans="14:14">
      <c r="N916261" s="10"/>
    </row>
    <row r="916262" spans="14:14">
      <c r="N916262" s="10"/>
    </row>
    <row r="916263" spans="14:14">
      <c r="N916263" s="10"/>
    </row>
    <row r="916264" spans="14:14">
      <c r="N916264" s="10"/>
    </row>
    <row r="916265" spans="14:14">
      <c r="N916265" s="10"/>
    </row>
    <row r="916266" spans="14:14">
      <c r="N916266" s="10"/>
    </row>
    <row r="916267" spans="14:14">
      <c r="N916267" s="10"/>
    </row>
    <row r="916268" spans="14:14">
      <c r="N916268" s="10"/>
    </row>
    <row r="916269" spans="14:14">
      <c r="N916269" s="10"/>
    </row>
    <row r="916270" spans="14:14">
      <c r="N916270" s="10"/>
    </row>
    <row r="916271" spans="14:14">
      <c r="N916271" s="10"/>
    </row>
    <row r="916272" spans="14:14">
      <c r="N916272" s="10"/>
    </row>
    <row r="916273" spans="14:14">
      <c r="N916273" s="10"/>
    </row>
    <row r="916274" spans="14:14">
      <c r="N916274" s="10"/>
    </row>
    <row r="916275" spans="14:14">
      <c r="N916275" s="10"/>
    </row>
    <row r="916276" spans="14:14">
      <c r="N916276" s="10"/>
    </row>
    <row r="916277" spans="14:14">
      <c r="N916277" s="10"/>
    </row>
    <row r="916278" spans="14:14">
      <c r="N916278" s="10"/>
    </row>
    <row r="916279" spans="14:14">
      <c r="N916279" s="10"/>
    </row>
    <row r="916280" spans="14:14">
      <c r="N916280" s="10"/>
    </row>
    <row r="916281" spans="14:14">
      <c r="N916281" s="10"/>
    </row>
    <row r="916282" spans="14:14">
      <c r="N916282" s="10"/>
    </row>
    <row r="916283" spans="14:14">
      <c r="N916283" s="10"/>
    </row>
    <row r="916284" spans="14:14">
      <c r="N916284" s="10"/>
    </row>
    <row r="916285" spans="14:14">
      <c r="N916285" s="10"/>
    </row>
    <row r="916286" spans="14:14">
      <c r="N916286" s="10"/>
    </row>
    <row r="916287" spans="14:14">
      <c r="N916287" s="10"/>
    </row>
    <row r="916288" spans="14:14">
      <c r="N916288" s="10"/>
    </row>
    <row r="916289" spans="14:14">
      <c r="N916289" s="10"/>
    </row>
    <row r="916290" spans="14:14">
      <c r="N916290" s="10"/>
    </row>
    <row r="916291" spans="14:14">
      <c r="N916291" s="10"/>
    </row>
    <row r="916292" spans="14:14">
      <c r="N916292" s="10"/>
    </row>
    <row r="916293" spans="14:14">
      <c r="N916293" s="10"/>
    </row>
    <row r="916294" spans="14:14">
      <c r="N916294" s="10"/>
    </row>
    <row r="916295" spans="14:14">
      <c r="N916295" s="10"/>
    </row>
    <row r="916296" spans="14:14">
      <c r="N916296" s="10"/>
    </row>
    <row r="916297" spans="14:14">
      <c r="N916297" s="10"/>
    </row>
    <row r="916298" spans="14:14">
      <c r="N916298" s="10"/>
    </row>
    <row r="916299" spans="14:14">
      <c r="N916299" s="10"/>
    </row>
    <row r="916300" spans="14:14">
      <c r="N916300" s="10"/>
    </row>
    <row r="916301" spans="14:14">
      <c r="N916301" s="10"/>
    </row>
    <row r="916302" spans="14:14">
      <c r="N916302" s="10"/>
    </row>
    <row r="916303" spans="14:14">
      <c r="N916303" s="10"/>
    </row>
    <row r="916304" spans="14:14">
      <c r="N916304" s="10"/>
    </row>
    <row r="916305" spans="14:14">
      <c r="N916305" s="10"/>
    </row>
    <row r="916306" spans="14:14">
      <c r="N916306" s="10"/>
    </row>
    <row r="916307" spans="14:14">
      <c r="N916307" s="10"/>
    </row>
    <row r="916308" spans="14:14">
      <c r="N916308" s="10"/>
    </row>
    <row r="916309" spans="14:14">
      <c r="N916309" s="10"/>
    </row>
    <row r="916310" spans="14:14">
      <c r="N916310" s="10"/>
    </row>
    <row r="916311" spans="14:14">
      <c r="N916311" s="10"/>
    </row>
    <row r="916312" spans="14:14">
      <c r="N916312" s="10"/>
    </row>
    <row r="916313" spans="14:14">
      <c r="N916313" s="10"/>
    </row>
    <row r="916314" spans="14:14">
      <c r="N916314" s="10"/>
    </row>
    <row r="916315" spans="14:14">
      <c r="N916315" s="10"/>
    </row>
    <row r="916316" spans="14:14">
      <c r="N916316" s="10"/>
    </row>
    <row r="916317" spans="14:14">
      <c r="N916317" s="10"/>
    </row>
    <row r="916318" spans="14:14">
      <c r="N916318" s="10"/>
    </row>
    <row r="916319" spans="14:14">
      <c r="N916319" s="10"/>
    </row>
    <row r="916320" spans="14:14">
      <c r="N916320" s="10"/>
    </row>
    <row r="916321" spans="14:14">
      <c r="N916321" s="10"/>
    </row>
    <row r="916322" spans="14:14">
      <c r="N916322" s="10"/>
    </row>
    <row r="916323" spans="14:14">
      <c r="N916323" s="10"/>
    </row>
    <row r="916324" spans="14:14">
      <c r="N916324" s="10"/>
    </row>
    <row r="916325" spans="14:14">
      <c r="N916325" s="10"/>
    </row>
    <row r="916326" spans="14:14">
      <c r="N916326" s="10"/>
    </row>
    <row r="916327" spans="14:14">
      <c r="N916327" s="10"/>
    </row>
    <row r="916328" spans="14:14">
      <c r="N916328" s="10"/>
    </row>
    <row r="916329" spans="14:14">
      <c r="N916329" s="10"/>
    </row>
    <row r="916330" spans="14:14">
      <c r="N916330" s="10"/>
    </row>
    <row r="916331" spans="14:14">
      <c r="N916331" s="10"/>
    </row>
    <row r="916332" spans="14:14">
      <c r="N916332" s="10"/>
    </row>
    <row r="916333" spans="14:14">
      <c r="N916333" s="10"/>
    </row>
    <row r="916334" spans="14:14">
      <c r="N916334" s="10"/>
    </row>
    <row r="916335" spans="14:14">
      <c r="N916335" s="10"/>
    </row>
    <row r="916336" spans="14:14">
      <c r="N916336" s="10"/>
    </row>
    <row r="916337" spans="14:14">
      <c r="N916337" s="10"/>
    </row>
    <row r="916338" spans="14:14">
      <c r="N916338" s="10"/>
    </row>
    <row r="916339" spans="14:14">
      <c r="N916339" s="10"/>
    </row>
    <row r="916340" spans="14:14">
      <c r="N916340" s="10"/>
    </row>
    <row r="916341" spans="14:14">
      <c r="N916341" s="10"/>
    </row>
    <row r="916342" spans="14:14">
      <c r="N916342" s="10"/>
    </row>
    <row r="916343" spans="14:14">
      <c r="N916343" s="10"/>
    </row>
    <row r="916344" spans="14:14">
      <c r="N916344" s="10"/>
    </row>
    <row r="916345" spans="14:14">
      <c r="N916345" s="10"/>
    </row>
    <row r="916346" spans="14:14">
      <c r="N916346" s="10"/>
    </row>
    <row r="916347" spans="14:14">
      <c r="N916347" s="10"/>
    </row>
    <row r="916348" spans="14:14">
      <c r="N916348" s="10"/>
    </row>
    <row r="916349" spans="14:14">
      <c r="N916349" s="10"/>
    </row>
    <row r="916350" spans="14:14">
      <c r="N916350" s="10"/>
    </row>
    <row r="916351" spans="14:14">
      <c r="N916351" s="10"/>
    </row>
    <row r="916352" spans="14:14">
      <c r="N916352" s="10"/>
    </row>
    <row r="916353" spans="14:14">
      <c r="N916353" s="10"/>
    </row>
    <row r="916354" spans="14:14">
      <c r="N916354" s="10"/>
    </row>
    <row r="916355" spans="14:14">
      <c r="N916355" s="10"/>
    </row>
    <row r="916356" spans="14:14">
      <c r="N916356" s="10"/>
    </row>
    <row r="916357" spans="14:14">
      <c r="N916357" s="10"/>
    </row>
    <row r="916358" spans="14:14">
      <c r="N916358" s="10"/>
    </row>
    <row r="916359" spans="14:14">
      <c r="N916359" s="10"/>
    </row>
    <row r="916360" spans="14:14">
      <c r="N916360" s="10"/>
    </row>
    <row r="916361" spans="14:14">
      <c r="N916361" s="10"/>
    </row>
    <row r="916362" spans="14:14">
      <c r="N916362" s="10"/>
    </row>
    <row r="916363" spans="14:14">
      <c r="N916363" s="10"/>
    </row>
    <row r="916364" spans="14:14">
      <c r="N916364" s="10"/>
    </row>
    <row r="916365" spans="14:14">
      <c r="N916365" s="10"/>
    </row>
    <row r="916366" spans="14:14">
      <c r="N916366" s="10"/>
    </row>
    <row r="916367" spans="14:14">
      <c r="N916367" s="10"/>
    </row>
    <row r="916368" spans="14:14">
      <c r="N916368" s="10"/>
    </row>
    <row r="916369" spans="14:14">
      <c r="N916369" s="10"/>
    </row>
    <row r="916370" spans="14:14">
      <c r="N916370" s="10"/>
    </row>
    <row r="916371" spans="14:14">
      <c r="N916371" s="10"/>
    </row>
    <row r="916372" spans="14:14">
      <c r="N916372" s="10"/>
    </row>
    <row r="916373" spans="14:14">
      <c r="N916373" s="10"/>
    </row>
    <row r="916374" spans="14:14">
      <c r="N916374" s="10"/>
    </row>
    <row r="916375" spans="14:14">
      <c r="N916375" s="10"/>
    </row>
    <row r="916376" spans="14:14">
      <c r="N916376" s="10"/>
    </row>
    <row r="916377" spans="14:14">
      <c r="N916377" s="10"/>
    </row>
    <row r="916378" spans="14:14">
      <c r="N916378" s="10"/>
    </row>
    <row r="916379" spans="14:14">
      <c r="N916379" s="10"/>
    </row>
    <row r="916380" spans="14:14">
      <c r="N916380" s="10"/>
    </row>
    <row r="916381" spans="14:14">
      <c r="N916381" s="10"/>
    </row>
    <row r="916382" spans="14:14">
      <c r="N916382" s="10"/>
    </row>
    <row r="916383" spans="14:14">
      <c r="N916383" s="10"/>
    </row>
    <row r="916384" spans="14:14">
      <c r="N916384" s="10"/>
    </row>
    <row r="916385" spans="14:14">
      <c r="N916385" s="10"/>
    </row>
    <row r="916386" spans="14:14">
      <c r="N916386" s="10"/>
    </row>
    <row r="916387" spans="14:14">
      <c r="N916387" s="10"/>
    </row>
    <row r="916388" spans="14:14">
      <c r="N916388" s="10"/>
    </row>
    <row r="916389" spans="14:14">
      <c r="N916389" s="10"/>
    </row>
    <row r="916390" spans="14:14">
      <c r="N916390" s="10"/>
    </row>
    <row r="916391" spans="14:14">
      <c r="N916391" s="10"/>
    </row>
    <row r="916392" spans="14:14">
      <c r="N916392" s="10"/>
    </row>
    <row r="916393" spans="14:14">
      <c r="N916393" s="10"/>
    </row>
    <row r="916394" spans="14:14">
      <c r="N916394" s="10"/>
    </row>
    <row r="916395" spans="14:14">
      <c r="N916395" s="10"/>
    </row>
    <row r="916396" spans="14:14">
      <c r="N916396" s="10"/>
    </row>
    <row r="916397" spans="14:14">
      <c r="N916397" s="10"/>
    </row>
    <row r="916398" spans="14:14">
      <c r="N916398" s="10"/>
    </row>
    <row r="916399" spans="14:14">
      <c r="N916399" s="10"/>
    </row>
    <row r="916400" spans="14:14">
      <c r="N916400" s="10"/>
    </row>
    <row r="916401" spans="14:14">
      <c r="N916401" s="10"/>
    </row>
    <row r="916402" spans="14:14">
      <c r="N916402" s="10"/>
    </row>
    <row r="916403" spans="14:14">
      <c r="N916403" s="10"/>
    </row>
    <row r="916404" spans="14:14">
      <c r="N916404" s="10"/>
    </row>
    <row r="916405" spans="14:14">
      <c r="N916405" s="10"/>
    </row>
    <row r="916406" spans="14:14">
      <c r="N916406" s="10"/>
    </row>
    <row r="916407" spans="14:14">
      <c r="N916407" s="10"/>
    </row>
    <row r="916408" spans="14:14">
      <c r="N916408" s="10"/>
    </row>
    <row r="916409" spans="14:14">
      <c r="N916409" s="10"/>
    </row>
    <row r="916410" spans="14:14">
      <c r="N916410" s="10"/>
    </row>
    <row r="916411" spans="14:14">
      <c r="N916411" s="10"/>
    </row>
    <row r="916412" spans="14:14">
      <c r="N916412" s="10"/>
    </row>
    <row r="916413" spans="14:14">
      <c r="N916413" s="10"/>
    </row>
    <row r="916414" spans="14:14">
      <c r="N916414" s="10"/>
    </row>
    <row r="916415" spans="14:14">
      <c r="N916415" s="10"/>
    </row>
    <row r="916416" spans="14:14">
      <c r="N916416" s="10"/>
    </row>
    <row r="916417" spans="14:14">
      <c r="N916417" s="10"/>
    </row>
    <row r="916418" spans="14:14">
      <c r="N916418" s="10"/>
    </row>
    <row r="916419" spans="14:14">
      <c r="N916419" s="10"/>
    </row>
    <row r="916420" spans="14:14">
      <c r="N916420" s="10"/>
    </row>
    <row r="916421" spans="14:14">
      <c r="N916421" s="10"/>
    </row>
    <row r="916422" spans="14:14">
      <c r="N916422" s="10"/>
    </row>
    <row r="916423" spans="14:14">
      <c r="N916423" s="10"/>
    </row>
    <row r="916424" spans="14:14">
      <c r="N916424" s="10"/>
    </row>
    <row r="916425" spans="14:14">
      <c r="N916425" s="10"/>
    </row>
    <row r="916426" spans="14:14">
      <c r="N916426" s="10"/>
    </row>
    <row r="916427" spans="14:14">
      <c r="N916427" s="10"/>
    </row>
    <row r="916428" spans="14:14">
      <c r="N916428" s="10"/>
    </row>
    <row r="916429" spans="14:14">
      <c r="N916429" s="10"/>
    </row>
    <row r="916430" spans="14:14">
      <c r="N916430" s="10"/>
    </row>
    <row r="916431" spans="14:14">
      <c r="N916431" s="10"/>
    </row>
    <row r="916432" spans="14:14">
      <c r="N916432" s="10"/>
    </row>
    <row r="916433" spans="14:14">
      <c r="N916433" s="10"/>
    </row>
    <row r="916434" spans="14:14">
      <c r="N916434" s="10"/>
    </row>
    <row r="916435" spans="14:14">
      <c r="N916435" s="10"/>
    </row>
    <row r="916436" spans="14:14">
      <c r="N916436" s="10"/>
    </row>
    <row r="916437" spans="14:14">
      <c r="N916437" s="10"/>
    </row>
    <row r="916438" spans="14:14">
      <c r="N916438" s="10"/>
    </row>
    <row r="916439" spans="14:14">
      <c r="N916439" s="10"/>
    </row>
    <row r="916440" spans="14:14">
      <c r="N916440" s="10"/>
    </row>
    <row r="916441" spans="14:14">
      <c r="N916441" s="10"/>
    </row>
    <row r="916442" spans="14:14">
      <c r="N916442" s="10"/>
    </row>
    <row r="916443" spans="14:14">
      <c r="N916443" s="10"/>
    </row>
    <row r="916444" spans="14:14">
      <c r="N916444" s="10"/>
    </row>
    <row r="916445" spans="14:14">
      <c r="N916445" s="10"/>
    </row>
    <row r="916446" spans="14:14">
      <c r="N916446" s="10"/>
    </row>
    <row r="916447" spans="14:14">
      <c r="N916447" s="10"/>
    </row>
    <row r="916448" spans="14:14">
      <c r="N916448" s="10"/>
    </row>
    <row r="916449" spans="14:14">
      <c r="N916449" s="10"/>
    </row>
    <row r="916450" spans="14:14">
      <c r="N916450" s="10"/>
    </row>
    <row r="916451" spans="14:14">
      <c r="N916451" s="10"/>
    </row>
    <row r="916452" spans="14:14">
      <c r="N916452" s="10"/>
    </row>
    <row r="916453" spans="14:14">
      <c r="N916453" s="10"/>
    </row>
    <row r="916454" spans="14:14">
      <c r="N916454" s="10"/>
    </row>
    <row r="916455" spans="14:14">
      <c r="N916455" s="10"/>
    </row>
    <row r="916456" spans="14:14">
      <c r="N916456" s="10"/>
    </row>
    <row r="916457" spans="14:14">
      <c r="N916457" s="10"/>
    </row>
    <row r="916458" spans="14:14">
      <c r="N916458" s="10"/>
    </row>
    <row r="916459" spans="14:14">
      <c r="N916459" s="10"/>
    </row>
    <row r="916460" spans="14:14">
      <c r="N916460" s="10"/>
    </row>
    <row r="916461" spans="14:14">
      <c r="N916461" s="10"/>
    </row>
    <row r="916462" spans="14:14">
      <c r="N916462" s="10"/>
    </row>
    <row r="916463" spans="14:14">
      <c r="N916463" s="10"/>
    </row>
    <row r="916464" spans="14:14">
      <c r="N916464" s="10"/>
    </row>
    <row r="916465" spans="14:14">
      <c r="N916465" s="10"/>
    </row>
    <row r="916466" spans="14:14">
      <c r="N916466" s="10"/>
    </row>
    <row r="916467" spans="14:14">
      <c r="N916467" s="10"/>
    </row>
    <row r="916468" spans="14:14">
      <c r="N916468" s="10"/>
    </row>
    <row r="916469" spans="14:14">
      <c r="N916469" s="10"/>
    </row>
    <row r="916470" spans="14:14">
      <c r="N916470" s="10"/>
    </row>
    <row r="916471" spans="14:14">
      <c r="N916471" s="10"/>
    </row>
    <row r="916472" spans="14:14">
      <c r="N916472" s="10"/>
    </row>
    <row r="916473" spans="14:14">
      <c r="N916473" s="10"/>
    </row>
    <row r="916474" spans="14:14">
      <c r="N916474" s="10"/>
    </row>
    <row r="916475" spans="14:14">
      <c r="N916475" s="10"/>
    </row>
    <row r="916476" spans="14:14">
      <c r="N916476" s="10"/>
    </row>
    <row r="916477" spans="14:14">
      <c r="N916477" s="10"/>
    </row>
    <row r="916478" spans="14:14">
      <c r="N916478" s="10"/>
    </row>
    <row r="916479" spans="14:14">
      <c r="N916479" s="10"/>
    </row>
    <row r="916480" spans="14:14">
      <c r="N916480" s="10"/>
    </row>
    <row r="916481" spans="14:14">
      <c r="N916481" s="10"/>
    </row>
    <row r="916482" spans="14:14">
      <c r="N916482" s="10"/>
    </row>
    <row r="916483" spans="14:14">
      <c r="N916483" s="10"/>
    </row>
    <row r="916484" spans="14:14">
      <c r="N916484" s="10"/>
    </row>
    <row r="916485" spans="14:14">
      <c r="N916485" s="10"/>
    </row>
    <row r="916486" spans="14:14">
      <c r="N916486" s="10"/>
    </row>
    <row r="916487" spans="14:14">
      <c r="N916487" s="10"/>
    </row>
    <row r="916488" spans="14:14">
      <c r="N916488" s="10"/>
    </row>
    <row r="916489" spans="14:14">
      <c r="N916489" s="10"/>
    </row>
    <row r="916490" spans="14:14">
      <c r="N916490" s="10"/>
    </row>
    <row r="916491" spans="14:14">
      <c r="N916491" s="10"/>
    </row>
    <row r="916492" spans="14:14">
      <c r="N916492" s="10"/>
    </row>
    <row r="916493" spans="14:14">
      <c r="N916493" s="10"/>
    </row>
    <row r="916494" spans="14:14">
      <c r="N916494" s="10"/>
    </row>
    <row r="916495" spans="14:14">
      <c r="N916495" s="10"/>
    </row>
    <row r="916496" spans="14:14">
      <c r="N916496" s="10"/>
    </row>
    <row r="916497" spans="14:14">
      <c r="N916497" s="10"/>
    </row>
    <row r="916498" spans="14:14">
      <c r="N916498" s="10"/>
    </row>
    <row r="916499" spans="14:14">
      <c r="N916499" s="10"/>
    </row>
    <row r="916500" spans="14:14">
      <c r="N916500" s="10"/>
    </row>
    <row r="916501" spans="14:14">
      <c r="N916501" s="10"/>
    </row>
    <row r="916502" spans="14:14">
      <c r="N916502" s="10"/>
    </row>
    <row r="916503" spans="14:14">
      <c r="N916503" s="10"/>
    </row>
    <row r="916504" spans="14:14">
      <c r="N916504" s="10"/>
    </row>
    <row r="916505" spans="14:14">
      <c r="N916505" s="10"/>
    </row>
    <row r="916506" spans="14:14">
      <c r="N916506" s="10"/>
    </row>
    <row r="916507" spans="14:14">
      <c r="N916507" s="10"/>
    </row>
    <row r="916508" spans="14:14">
      <c r="N916508" s="10"/>
    </row>
    <row r="916509" spans="14:14">
      <c r="N916509" s="10"/>
    </row>
    <row r="916510" spans="14:14">
      <c r="N916510" s="10"/>
    </row>
    <row r="916511" spans="14:14">
      <c r="N916511" s="10"/>
    </row>
    <row r="916512" spans="14:14">
      <c r="N916512" s="10"/>
    </row>
    <row r="916513" spans="14:14">
      <c r="N916513" s="10"/>
    </row>
    <row r="916514" spans="14:14">
      <c r="N916514" s="10"/>
    </row>
    <row r="916515" spans="14:14">
      <c r="N916515" s="10"/>
    </row>
    <row r="916516" spans="14:14">
      <c r="N916516" s="10"/>
    </row>
    <row r="916517" spans="14:14">
      <c r="N916517" s="10"/>
    </row>
    <row r="916518" spans="14:14">
      <c r="N916518" s="10"/>
    </row>
    <row r="916519" spans="14:14">
      <c r="N916519" s="10"/>
    </row>
    <row r="916520" spans="14:14">
      <c r="N916520" s="10"/>
    </row>
    <row r="916521" spans="14:14">
      <c r="N916521" s="10"/>
    </row>
    <row r="916522" spans="14:14">
      <c r="N916522" s="10"/>
    </row>
    <row r="916523" spans="14:14">
      <c r="N916523" s="10"/>
    </row>
    <row r="916524" spans="14:14">
      <c r="N916524" s="10"/>
    </row>
    <row r="916525" spans="14:14">
      <c r="N916525" s="10"/>
    </row>
    <row r="916526" spans="14:14">
      <c r="N916526" s="10"/>
    </row>
    <row r="916527" spans="14:14">
      <c r="N916527" s="10"/>
    </row>
    <row r="916528" spans="14:14">
      <c r="N916528" s="10"/>
    </row>
    <row r="916529" spans="14:14">
      <c r="N916529" s="10"/>
    </row>
    <row r="916530" spans="14:14">
      <c r="N916530" s="10"/>
    </row>
    <row r="916531" spans="14:14">
      <c r="N916531" s="10"/>
    </row>
    <row r="916532" spans="14:14">
      <c r="N916532" s="10"/>
    </row>
    <row r="916533" spans="14:14">
      <c r="N916533" s="10"/>
    </row>
    <row r="916534" spans="14:14">
      <c r="N916534" s="10"/>
    </row>
    <row r="916535" spans="14:14">
      <c r="N916535" s="10"/>
    </row>
    <row r="916536" spans="14:14">
      <c r="N916536" s="10"/>
    </row>
    <row r="916537" spans="14:14">
      <c r="N916537" s="10"/>
    </row>
    <row r="916538" spans="14:14">
      <c r="N916538" s="10"/>
    </row>
    <row r="916539" spans="14:14">
      <c r="N916539" s="10"/>
    </row>
    <row r="916540" spans="14:14">
      <c r="N916540" s="10"/>
    </row>
    <row r="916541" spans="14:14">
      <c r="N916541" s="10"/>
    </row>
    <row r="916542" spans="14:14">
      <c r="N916542" s="10"/>
    </row>
    <row r="916543" spans="14:14">
      <c r="N916543" s="10"/>
    </row>
    <row r="916544" spans="14:14">
      <c r="N916544" s="10"/>
    </row>
    <row r="916545" spans="14:14">
      <c r="N916545" s="10"/>
    </row>
    <row r="916546" spans="14:14">
      <c r="N916546" s="10"/>
    </row>
    <row r="916547" spans="14:14">
      <c r="N916547" s="10"/>
    </row>
    <row r="916548" spans="14:14">
      <c r="N916548" s="10"/>
    </row>
    <row r="916549" spans="14:14">
      <c r="N916549" s="10"/>
    </row>
    <row r="916550" spans="14:14">
      <c r="N916550" s="10"/>
    </row>
    <row r="916551" spans="14:14">
      <c r="N916551" s="10"/>
    </row>
    <row r="916552" spans="14:14">
      <c r="N916552" s="10"/>
    </row>
    <row r="916553" spans="14:14">
      <c r="N916553" s="10"/>
    </row>
    <row r="916554" spans="14:14">
      <c r="N916554" s="10"/>
    </row>
    <row r="916555" spans="14:14">
      <c r="N916555" s="10"/>
    </row>
    <row r="916556" spans="14:14">
      <c r="N916556" s="10"/>
    </row>
    <row r="916557" spans="14:14">
      <c r="N916557" s="10"/>
    </row>
    <row r="916558" spans="14:14">
      <c r="N916558" s="10"/>
    </row>
    <row r="916559" spans="14:14">
      <c r="N916559" s="10"/>
    </row>
    <row r="916560" spans="14:14">
      <c r="N916560" s="10"/>
    </row>
    <row r="916561" spans="14:14">
      <c r="N916561" s="10"/>
    </row>
    <row r="916562" spans="14:14">
      <c r="N916562" s="10"/>
    </row>
    <row r="916563" spans="14:14">
      <c r="N916563" s="10"/>
    </row>
    <row r="916564" spans="14:14">
      <c r="N916564" s="10"/>
    </row>
    <row r="916565" spans="14:14">
      <c r="N916565" s="10"/>
    </row>
    <row r="916566" spans="14:14">
      <c r="N916566" s="10"/>
    </row>
    <row r="916567" spans="14:14">
      <c r="N916567" s="10"/>
    </row>
    <row r="916568" spans="14:14">
      <c r="N916568" s="10"/>
    </row>
    <row r="916569" spans="14:14">
      <c r="N916569" s="10"/>
    </row>
    <row r="916570" spans="14:14">
      <c r="N916570" s="10"/>
    </row>
    <row r="916571" spans="14:14">
      <c r="N916571" s="10"/>
    </row>
    <row r="916572" spans="14:14">
      <c r="N916572" s="10"/>
    </row>
    <row r="916573" spans="14:14">
      <c r="N916573" s="10"/>
    </row>
    <row r="916574" spans="14:14">
      <c r="N916574" s="10"/>
    </row>
    <row r="916575" spans="14:14">
      <c r="N916575" s="10"/>
    </row>
    <row r="916576" spans="14:14">
      <c r="N916576" s="10"/>
    </row>
    <row r="916577" spans="14:14">
      <c r="N916577" s="10"/>
    </row>
    <row r="916578" spans="14:14">
      <c r="N916578" s="10"/>
    </row>
    <row r="916579" spans="14:14">
      <c r="N916579" s="10"/>
    </row>
    <row r="916580" spans="14:14">
      <c r="N916580" s="10"/>
    </row>
    <row r="916581" spans="14:14">
      <c r="N916581" s="10"/>
    </row>
    <row r="916582" spans="14:14">
      <c r="N916582" s="10"/>
    </row>
    <row r="916583" spans="14:14">
      <c r="N916583" s="10"/>
    </row>
    <row r="916584" spans="14:14">
      <c r="N916584" s="10"/>
    </row>
    <row r="916585" spans="14:14">
      <c r="N916585" s="10"/>
    </row>
    <row r="916586" spans="14:14">
      <c r="N916586" s="10"/>
    </row>
    <row r="916587" spans="14:14">
      <c r="N916587" s="10"/>
    </row>
    <row r="916588" spans="14:14">
      <c r="N916588" s="10"/>
    </row>
    <row r="916589" spans="14:14">
      <c r="N916589" s="10"/>
    </row>
    <row r="916590" spans="14:14">
      <c r="N916590" s="10"/>
    </row>
    <row r="916591" spans="14:14">
      <c r="N916591" s="10"/>
    </row>
    <row r="916592" spans="14:14">
      <c r="N916592" s="10"/>
    </row>
    <row r="916593" spans="14:14">
      <c r="N916593" s="10"/>
    </row>
    <row r="916594" spans="14:14">
      <c r="N916594" s="10"/>
    </row>
    <row r="916595" spans="14:14">
      <c r="N916595" s="10"/>
    </row>
    <row r="916596" spans="14:14">
      <c r="N916596" s="10"/>
    </row>
    <row r="916597" spans="14:14">
      <c r="N916597" s="10"/>
    </row>
    <row r="916598" spans="14:14">
      <c r="N916598" s="10"/>
    </row>
    <row r="916599" spans="14:14">
      <c r="N916599" s="10"/>
    </row>
    <row r="916600" spans="14:14">
      <c r="N916600" s="10"/>
    </row>
    <row r="916601" spans="14:14">
      <c r="N916601" s="10"/>
    </row>
    <row r="916602" spans="14:14">
      <c r="N916602" s="10"/>
    </row>
    <row r="916603" spans="14:14">
      <c r="N916603" s="10"/>
    </row>
    <row r="916604" spans="14:14">
      <c r="N916604" s="10"/>
    </row>
    <row r="916605" spans="14:14">
      <c r="N916605" s="10"/>
    </row>
    <row r="916606" spans="14:14">
      <c r="N916606" s="10"/>
    </row>
    <row r="916607" spans="14:14">
      <c r="N916607" s="10"/>
    </row>
    <row r="916608" spans="14:14">
      <c r="N916608" s="10"/>
    </row>
    <row r="916609" spans="14:14">
      <c r="N916609" s="10"/>
    </row>
    <row r="916610" spans="14:14">
      <c r="N916610" s="10"/>
    </row>
    <row r="916611" spans="14:14">
      <c r="N916611" s="10"/>
    </row>
    <row r="916612" spans="14:14">
      <c r="N916612" s="10"/>
    </row>
    <row r="916613" spans="14:14">
      <c r="N916613" s="10"/>
    </row>
    <row r="916614" spans="14:14">
      <c r="N916614" s="10"/>
    </row>
    <row r="916615" spans="14:14">
      <c r="N916615" s="10"/>
    </row>
    <row r="916616" spans="14:14">
      <c r="N916616" s="10"/>
    </row>
    <row r="916617" spans="14:14">
      <c r="N916617" s="10"/>
    </row>
    <row r="916618" spans="14:14">
      <c r="N916618" s="10"/>
    </row>
    <row r="916619" spans="14:14">
      <c r="N916619" s="10"/>
    </row>
    <row r="916620" spans="14:14">
      <c r="N916620" s="10"/>
    </row>
    <row r="916621" spans="14:14">
      <c r="N916621" s="10"/>
    </row>
    <row r="916622" spans="14:14">
      <c r="N916622" s="10"/>
    </row>
    <row r="916623" spans="14:14">
      <c r="N916623" s="10"/>
    </row>
    <row r="916624" spans="14:14">
      <c r="N916624" s="10"/>
    </row>
    <row r="916625" spans="14:14">
      <c r="N916625" s="10"/>
    </row>
    <row r="916626" spans="14:14">
      <c r="N916626" s="10"/>
    </row>
    <row r="916627" spans="14:14">
      <c r="N916627" s="10"/>
    </row>
    <row r="916628" spans="14:14">
      <c r="N916628" s="10"/>
    </row>
    <row r="916629" spans="14:14">
      <c r="N916629" s="10"/>
    </row>
    <row r="916630" spans="14:14">
      <c r="N916630" s="10"/>
    </row>
    <row r="916631" spans="14:14">
      <c r="N916631" s="10"/>
    </row>
    <row r="916632" spans="14:14">
      <c r="N916632" s="10"/>
    </row>
    <row r="916633" spans="14:14">
      <c r="N916633" s="10"/>
    </row>
    <row r="916634" spans="14:14">
      <c r="N916634" s="10"/>
    </row>
    <row r="916635" spans="14:14">
      <c r="N916635" s="10"/>
    </row>
    <row r="916636" spans="14:14">
      <c r="N916636" s="10"/>
    </row>
    <row r="916637" spans="14:14">
      <c r="N916637" s="10"/>
    </row>
    <row r="916638" spans="14:14">
      <c r="N916638" s="10"/>
    </row>
    <row r="916639" spans="14:14">
      <c r="N916639" s="10"/>
    </row>
    <row r="916640" spans="14:14">
      <c r="N916640" s="10"/>
    </row>
    <row r="916641" spans="14:14">
      <c r="N916641" s="10"/>
    </row>
    <row r="916642" spans="14:14">
      <c r="N916642" s="10"/>
    </row>
    <row r="916643" spans="14:14">
      <c r="N916643" s="10"/>
    </row>
    <row r="916644" spans="14:14">
      <c r="N916644" s="10"/>
    </row>
    <row r="916645" spans="14:14">
      <c r="N916645" s="10"/>
    </row>
    <row r="916646" spans="14:14">
      <c r="N916646" s="10"/>
    </row>
    <row r="916647" spans="14:14">
      <c r="N916647" s="10"/>
    </row>
    <row r="916648" spans="14:14">
      <c r="N916648" s="10"/>
    </row>
    <row r="916649" spans="14:14">
      <c r="N916649" s="10"/>
    </row>
    <row r="916650" spans="14:14">
      <c r="N916650" s="10"/>
    </row>
    <row r="916651" spans="14:14">
      <c r="N916651" s="10"/>
    </row>
    <row r="916652" spans="14:14">
      <c r="N916652" s="10"/>
    </row>
    <row r="916653" spans="14:14">
      <c r="N916653" s="10"/>
    </row>
    <row r="916654" spans="14:14">
      <c r="N916654" s="10"/>
    </row>
    <row r="916655" spans="14:14">
      <c r="N916655" s="10"/>
    </row>
    <row r="916656" spans="14:14">
      <c r="N916656" s="10"/>
    </row>
    <row r="916657" spans="14:14">
      <c r="N916657" s="10"/>
    </row>
    <row r="916658" spans="14:14">
      <c r="N916658" s="10"/>
    </row>
    <row r="916659" spans="14:14">
      <c r="N916659" s="10"/>
    </row>
    <row r="916660" spans="14:14">
      <c r="N916660" s="10"/>
    </row>
    <row r="916661" spans="14:14">
      <c r="N916661" s="10"/>
    </row>
    <row r="916662" spans="14:14">
      <c r="N916662" s="10"/>
    </row>
    <row r="916663" spans="14:14">
      <c r="N916663" s="10"/>
    </row>
    <row r="916664" spans="14:14">
      <c r="N916664" s="10"/>
    </row>
    <row r="916665" spans="14:14">
      <c r="N916665" s="10"/>
    </row>
    <row r="916666" spans="14:14">
      <c r="N916666" s="10"/>
    </row>
    <row r="916667" spans="14:14">
      <c r="N916667" s="10"/>
    </row>
    <row r="916668" spans="14:14">
      <c r="N916668" s="10"/>
    </row>
    <row r="916669" spans="14:14">
      <c r="N916669" s="10"/>
    </row>
    <row r="916670" spans="14:14">
      <c r="N916670" s="10"/>
    </row>
    <row r="916671" spans="14:14">
      <c r="N916671" s="10"/>
    </row>
    <row r="916672" spans="14:14">
      <c r="N916672" s="10"/>
    </row>
    <row r="916673" spans="14:14">
      <c r="N916673" s="10"/>
    </row>
    <row r="916674" spans="14:14">
      <c r="N916674" s="10"/>
    </row>
    <row r="916675" spans="14:14">
      <c r="N916675" s="10"/>
    </row>
    <row r="916676" spans="14:14">
      <c r="N916676" s="10"/>
    </row>
    <row r="916677" spans="14:14">
      <c r="N916677" s="10"/>
    </row>
    <row r="916678" spans="14:14">
      <c r="N916678" s="10"/>
    </row>
    <row r="916679" spans="14:14">
      <c r="N916679" s="10"/>
    </row>
    <row r="916680" spans="14:14">
      <c r="N916680" s="10"/>
    </row>
    <row r="916681" spans="14:14">
      <c r="N916681" s="10"/>
    </row>
    <row r="916682" spans="14:14">
      <c r="N916682" s="10"/>
    </row>
    <row r="916683" spans="14:14">
      <c r="N916683" s="10"/>
    </row>
    <row r="916684" spans="14:14">
      <c r="N916684" s="10"/>
    </row>
    <row r="916685" spans="14:14">
      <c r="N916685" s="10"/>
    </row>
    <row r="916686" spans="14:14">
      <c r="N916686" s="10"/>
    </row>
    <row r="916687" spans="14:14">
      <c r="N916687" s="10"/>
    </row>
    <row r="916688" spans="14:14">
      <c r="N916688" s="10"/>
    </row>
    <row r="916689" spans="14:14">
      <c r="N916689" s="10"/>
    </row>
    <row r="916690" spans="14:14">
      <c r="N916690" s="10"/>
    </row>
    <row r="916691" spans="14:14">
      <c r="N916691" s="10"/>
    </row>
    <row r="916692" spans="14:14">
      <c r="N916692" s="10"/>
    </row>
    <row r="916693" spans="14:14">
      <c r="N916693" s="10"/>
    </row>
    <row r="916694" spans="14:14">
      <c r="N916694" s="10"/>
    </row>
    <row r="916695" spans="14:14">
      <c r="N916695" s="10"/>
    </row>
    <row r="916696" spans="14:14">
      <c r="N916696" s="10"/>
    </row>
    <row r="916697" spans="14:14">
      <c r="N916697" s="10"/>
    </row>
    <row r="916698" spans="14:14">
      <c r="N916698" s="10"/>
    </row>
    <row r="916699" spans="14:14">
      <c r="N916699" s="10"/>
    </row>
    <row r="916700" spans="14:14">
      <c r="N916700" s="10"/>
    </row>
    <row r="916701" spans="14:14">
      <c r="N916701" s="10"/>
    </row>
    <row r="916702" spans="14:14">
      <c r="N916702" s="10"/>
    </row>
    <row r="916703" spans="14:14">
      <c r="N916703" s="10"/>
    </row>
    <row r="916704" spans="14:14">
      <c r="N916704" s="10"/>
    </row>
    <row r="916705" spans="14:14">
      <c r="N916705" s="10"/>
    </row>
    <row r="916706" spans="14:14">
      <c r="N916706" s="10"/>
    </row>
    <row r="916707" spans="14:14">
      <c r="N916707" s="10"/>
    </row>
    <row r="916708" spans="14:14">
      <c r="N916708" s="10"/>
    </row>
    <row r="916709" spans="14:14">
      <c r="N916709" s="10"/>
    </row>
    <row r="916710" spans="14:14">
      <c r="N916710" s="10"/>
    </row>
    <row r="916711" spans="14:14">
      <c r="N916711" s="10"/>
    </row>
    <row r="916712" spans="14:14">
      <c r="N916712" s="10"/>
    </row>
    <row r="916713" spans="14:14">
      <c r="N916713" s="10"/>
    </row>
    <row r="916714" spans="14:14">
      <c r="N916714" s="10"/>
    </row>
    <row r="916715" spans="14:14">
      <c r="N916715" s="10"/>
    </row>
    <row r="916716" spans="14:14">
      <c r="N916716" s="10"/>
    </row>
    <row r="916717" spans="14:14">
      <c r="N916717" s="10"/>
    </row>
    <row r="916718" spans="14:14">
      <c r="N916718" s="10"/>
    </row>
    <row r="916719" spans="14:14">
      <c r="N916719" s="10"/>
    </row>
    <row r="916720" spans="14:14">
      <c r="N916720" s="10"/>
    </row>
    <row r="916721" spans="14:14">
      <c r="N916721" s="10"/>
    </row>
    <row r="916722" spans="14:14">
      <c r="N916722" s="10"/>
    </row>
    <row r="916723" spans="14:14">
      <c r="N916723" s="10"/>
    </row>
    <row r="916724" spans="14:14">
      <c r="N916724" s="10"/>
    </row>
    <row r="916725" spans="14:14">
      <c r="N916725" s="10"/>
    </row>
    <row r="916726" spans="14:14">
      <c r="N916726" s="10"/>
    </row>
    <row r="916727" spans="14:14">
      <c r="N916727" s="10"/>
    </row>
    <row r="916728" spans="14:14">
      <c r="N916728" s="10"/>
    </row>
    <row r="916729" spans="14:14">
      <c r="N916729" s="10"/>
    </row>
    <row r="916730" spans="14:14">
      <c r="N916730" s="10"/>
    </row>
    <row r="916731" spans="14:14">
      <c r="N916731" s="10"/>
    </row>
    <row r="916732" spans="14:14">
      <c r="N916732" s="10"/>
    </row>
    <row r="916733" spans="14:14">
      <c r="N916733" s="10"/>
    </row>
    <row r="916734" spans="14:14">
      <c r="N916734" s="10"/>
    </row>
    <row r="916735" spans="14:14">
      <c r="N916735" s="10"/>
    </row>
    <row r="916736" spans="14:14">
      <c r="N916736" s="10"/>
    </row>
    <row r="916737" spans="14:14">
      <c r="N916737" s="10"/>
    </row>
    <row r="916738" spans="14:14">
      <c r="N916738" s="10"/>
    </row>
    <row r="916739" spans="14:14">
      <c r="N916739" s="10"/>
    </row>
    <row r="916740" spans="14:14">
      <c r="N916740" s="10"/>
    </row>
    <row r="916741" spans="14:14">
      <c r="N916741" s="10"/>
    </row>
    <row r="916742" spans="14:14">
      <c r="N916742" s="10"/>
    </row>
    <row r="916743" spans="14:14">
      <c r="N916743" s="10"/>
    </row>
    <row r="916744" spans="14:14">
      <c r="N916744" s="10"/>
    </row>
    <row r="916745" spans="14:14">
      <c r="N916745" s="10"/>
    </row>
    <row r="916746" spans="14:14">
      <c r="N916746" s="10"/>
    </row>
    <row r="916747" spans="14:14">
      <c r="N916747" s="10"/>
    </row>
    <row r="916748" spans="14:14">
      <c r="N916748" s="10"/>
    </row>
    <row r="916749" spans="14:14">
      <c r="N916749" s="10"/>
    </row>
    <row r="916750" spans="14:14">
      <c r="N916750" s="10"/>
    </row>
    <row r="916751" spans="14:14">
      <c r="N916751" s="10"/>
    </row>
    <row r="916752" spans="14:14">
      <c r="N916752" s="10"/>
    </row>
    <row r="916753" spans="14:14">
      <c r="N916753" s="10"/>
    </row>
    <row r="916754" spans="14:14">
      <c r="N916754" s="10"/>
    </row>
    <row r="916755" spans="14:14">
      <c r="N916755" s="10"/>
    </row>
    <row r="916756" spans="14:14">
      <c r="N916756" s="10"/>
    </row>
    <row r="916757" spans="14:14">
      <c r="N916757" s="10"/>
    </row>
    <row r="916758" spans="14:14">
      <c r="N916758" s="10"/>
    </row>
    <row r="916759" spans="14:14">
      <c r="N916759" s="10"/>
    </row>
    <row r="916760" spans="14:14">
      <c r="N916760" s="10"/>
    </row>
    <row r="916761" spans="14:14">
      <c r="N916761" s="10"/>
    </row>
    <row r="916762" spans="14:14">
      <c r="N916762" s="10"/>
    </row>
    <row r="916763" spans="14:14">
      <c r="N916763" s="10"/>
    </row>
    <row r="916764" spans="14:14">
      <c r="N916764" s="10"/>
    </row>
    <row r="916765" spans="14:14">
      <c r="N916765" s="10"/>
    </row>
    <row r="916766" spans="14:14">
      <c r="N916766" s="10"/>
    </row>
    <row r="916767" spans="14:14">
      <c r="N916767" s="10"/>
    </row>
    <row r="916768" spans="14:14">
      <c r="N916768" s="10"/>
    </row>
    <row r="916769" spans="14:14">
      <c r="N916769" s="10"/>
    </row>
    <row r="916770" spans="14:14">
      <c r="N916770" s="10"/>
    </row>
    <row r="916771" spans="14:14">
      <c r="N916771" s="10"/>
    </row>
    <row r="916772" spans="14:14">
      <c r="N916772" s="10"/>
    </row>
    <row r="916773" spans="14:14">
      <c r="N916773" s="10"/>
    </row>
    <row r="916774" spans="14:14">
      <c r="N916774" s="10"/>
    </row>
    <row r="916775" spans="14:14">
      <c r="N916775" s="10"/>
    </row>
    <row r="916776" spans="14:14">
      <c r="N916776" s="10"/>
    </row>
    <row r="916777" spans="14:14">
      <c r="N916777" s="10"/>
    </row>
    <row r="916778" spans="14:14">
      <c r="N916778" s="10"/>
    </row>
    <row r="916779" spans="14:14">
      <c r="N916779" s="10"/>
    </row>
    <row r="916780" spans="14:14">
      <c r="N916780" s="10"/>
    </row>
    <row r="916781" spans="14:14">
      <c r="N916781" s="10"/>
    </row>
    <row r="916782" spans="14:14">
      <c r="N916782" s="10"/>
    </row>
    <row r="916783" spans="14:14">
      <c r="N916783" s="10"/>
    </row>
    <row r="916784" spans="14:14">
      <c r="N916784" s="10"/>
    </row>
    <row r="916785" spans="14:14">
      <c r="N916785" s="10"/>
    </row>
    <row r="916786" spans="14:14">
      <c r="N916786" s="10"/>
    </row>
    <row r="916787" spans="14:14">
      <c r="N916787" s="10"/>
    </row>
    <row r="916788" spans="14:14">
      <c r="N916788" s="10"/>
    </row>
    <row r="916789" spans="14:14">
      <c r="N916789" s="10"/>
    </row>
    <row r="916790" spans="14:14">
      <c r="N916790" s="10"/>
    </row>
    <row r="916791" spans="14:14">
      <c r="N916791" s="10"/>
    </row>
    <row r="916792" spans="14:14">
      <c r="N916792" s="10"/>
    </row>
    <row r="916793" spans="14:14">
      <c r="N916793" s="10"/>
    </row>
    <row r="916794" spans="14:14">
      <c r="N916794" s="10"/>
    </row>
    <row r="916795" spans="14:14">
      <c r="N916795" s="10"/>
    </row>
    <row r="916796" spans="14:14">
      <c r="N916796" s="10"/>
    </row>
    <row r="916797" spans="14:14">
      <c r="N916797" s="10"/>
    </row>
    <row r="916798" spans="14:14">
      <c r="N916798" s="10"/>
    </row>
    <row r="916799" spans="14:14">
      <c r="N916799" s="10"/>
    </row>
    <row r="916800" spans="14:14">
      <c r="N916800" s="10"/>
    </row>
    <row r="916801" spans="14:14">
      <c r="N916801" s="10"/>
    </row>
    <row r="916802" spans="14:14">
      <c r="N916802" s="10"/>
    </row>
    <row r="916803" spans="14:14">
      <c r="N916803" s="10"/>
    </row>
    <row r="916804" spans="14:14">
      <c r="N916804" s="10"/>
    </row>
    <row r="916805" spans="14:14">
      <c r="N916805" s="10"/>
    </row>
    <row r="916806" spans="14:14">
      <c r="N916806" s="10"/>
    </row>
    <row r="916807" spans="14:14">
      <c r="N916807" s="10"/>
    </row>
    <row r="916808" spans="14:14">
      <c r="N916808" s="10"/>
    </row>
    <row r="916809" spans="14:14">
      <c r="N916809" s="10"/>
    </row>
    <row r="916810" spans="14:14">
      <c r="N916810" s="10"/>
    </row>
    <row r="916811" spans="14:14">
      <c r="N916811" s="10"/>
    </row>
    <row r="916812" spans="14:14">
      <c r="N916812" s="10"/>
    </row>
    <row r="916813" spans="14:14">
      <c r="N916813" s="10"/>
    </row>
    <row r="916814" spans="14:14">
      <c r="N916814" s="10"/>
    </row>
    <row r="916815" spans="14:14">
      <c r="N916815" s="10"/>
    </row>
    <row r="916816" spans="14:14">
      <c r="N916816" s="10"/>
    </row>
    <row r="916817" spans="14:14">
      <c r="N916817" s="10"/>
    </row>
    <row r="916818" spans="14:14">
      <c r="N916818" s="10"/>
    </row>
    <row r="916819" spans="14:14">
      <c r="N916819" s="10"/>
    </row>
    <row r="916820" spans="14:14">
      <c r="N916820" s="10"/>
    </row>
    <row r="916821" spans="14:14">
      <c r="N916821" s="10"/>
    </row>
    <row r="916822" spans="14:14">
      <c r="N916822" s="10"/>
    </row>
    <row r="916823" spans="14:14">
      <c r="N916823" s="10"/>
    </row>
    <row r="916824" spans="14:14">
      <c r="N916824" s="10"/>
    </row>
    <row r="916825" spans="14:14">
      <c r="N916825" s="10"/>
    </row>
    <row r="916826" spans="14:14">
      <c r="N916826" s="10"/>
    </row>
    <row r="916827" spans="14:14">
      <c r="N916827" s="10"/>
    </row>
    <row r="916828" spans="14:14">
      <c r="N916828" s="10"/>
    </row>
    <row r="916829" spans="14:14">
      <c r="N916829" s="10"/>
    </row>
    <row r="916830" spans="14:14">
      <c r="N916830" s="10"/>
    </row>
    <row r="916831" spans="14:14">
      <c r="N916831" s="10"/>
    </row>
    <row r="916832" spans="14:14">
      <c r="N916832" s="10"/>
    </row>
    <row r="916833" spans="14:14">
      <c r="N916833" s="10"/>
    </row>
    <row r="916834" spans="14:14">
      <c r="N916834" s="10"/>
    </row>
    <row r="916835" spans="14:14">
      <c r="N916835" s="10"/>
    </row>
    <row r="916836" spans="14:14">
      <c r="N916836" s="10"/>
    </row>
    <row r="916837" spans="14:14">
      <c r="N916837" s="10"/>
    </row>
    <row r="916838" spans="14:14">
      <c r="N916838" s="10"/>
    </row>
    <row r="916839" spans="14:14">
      <c r="N916839" s="10"/>
    </row>
    <row r="916840" spans="14:14">
      <c r="N916840" s="10"/>
    </row>
    <row r="916841" spans="14:14">
      <c r="N916841" s="10"/>
    </row>
    <row r="916842" spans="14:14">
      <c r="N916842" s="10"/>
    </row>
    <row r="916843" spans="14:14">
      <c r="N916843" s="10"/>
    </row>
    <row r="916844" spans="14:14">
      <c r="N916844" s="10"/>
    </row>
    <row r="916845" spans="14:14">
      <c r="N916845" s="10"/>
    </row>
    <row r="916846" spans="14:14">
      <c r="N916846" s="10"/>
    </row>
    <row r="916847" spans="14:14">
      <c r="N916847" s="10"/>
    </row>
    <row r="916848" spans="14:14">
      <c r="N916848" s="10"/>
    </row>
    <row r="916849" spans="14:14">
      <c r="N916849" s="10"/>
    </row>
    <row r="916850" spans="14:14">
      <c r="N916850" s="10"/>
    </row>
    <row r="916851" spans="14:14">
      <c r="N916851" s="10"/>
    </row>
    <row r="916852" spans="14:14">
      <c r="N916852" s="10"/>
    </row>
    <row r="916853" spans="14:14">
      <c r="N916853" s="10"/>
    </row>
    <row r="916854" spans="14:14">
      <c r="N916854" s="10"/>
    </row>
    <row r="916855" spans="14:14">
      <c r="N916855" s="10"/>
    </row>
    <row r="916856" spans="14:14">
      <c r="N916856" s="10"/>
    </row>
    <row r="916857" spans="14:14">
      <c r="N916857" s="10"/>
    </row>
    <row r="916858" spans="14:14">
      <c r="N916858" s="10"/>
    </row>
    <row r="916859" spans="14:14">
      <c r="N916859" s="10"/>
    </row>
    <row r="916860" spans="14:14">
      <c r="N916860" s="10"/>
    </row>
    <row r="916861" spans="14:14">
      <c r="N916861" s="10"/>
    </row>
    <row r="916862" spans="14:14">
      <c r="N916862" s="10"/>
    </row>
    <row r="916863" spans="14:14">
      <c r="N916863" s="10"/>
    </row>
    <row r="916864" spans="14:14">
      <c r="N916864" s="10"/>
    </row>
    <row r="916865" spans="14:14">
      <c r="N916865" s="10"/>
    </row>
    <row r="916866" spans="14:14">
      <c r="N916866" s="10"/>
    </row>
    <row r="916867" spans="14:14">
      <c r="N916867" s="10"/>
    </row>
    <row r="916868" spans="14:14">
      <c r="N916868" s="10"/>
    </row>
    <row r="916869" spans="14:14">
      <c r="N916869" s="10"/>
    </row>
    <row r="916870" spans="14:14">
      <c r="N916870" s="10"/>
    </row>
    <row r="916871" spans="14:14">
      <c r="N916871" s="10"/>
    </row>
    <row r="916872" spans="14:14">
      <c r="N916872" s="10"/>
    </row>
    <row r="916873" spans="14:14">
      <c r="N916873" s="10"/>
    </row>
    <row r="916874" spans="14:14">
      <c r="N916874" s="10"/>
    </row>
    <row r="916875" spans="14:14">
      <c r="N916875" s="10"/>
    </row>
    <row r="916876" spans="14:14">
      <c r="N916876" s="10"/>
    </row>
    <row r="916877" spans="14:14">
      <c r="N916877" s="10"/>
    </row>
    <row r="916878" spans="14:14">
      <c r="N916878" s="10"/>
    </row>
    <row r="916879" spans="14:14">
      <c r="N916879" s="10"/>
    </row>
    <row r="916880" spans="14:14">
      <c r="N916880" s="10"/>
    </row>
    <row r="916881" spans="14:14">
      <c r="N916881" s="10"/>
    </row>
    <row r="916882" spans="14:14">
      <c r="N916882" s="10"/>
    </row>
    <row r="916883" spans="14:14">
      <c r="N916883" s="10"/>
    </row>
    <row r="916884" spans="14:14">
      <c r="N916884" s="10"/>
    </row>
    <row r="916885" spans="14:14">
      <c r="N916885" s="10"/>
    </row>
    <row r="916886" spans="14:14">
      <c r="N916886" s="10"/>
    </row>
    <row r="916887" spans="14:14">
      <c r="N916887" s="10"/>
    </row>
    <row r="916888" spans="14:14">
      <c r="N916888" s="10"/>
    </row>
    <row r="916889" spans="14:14">
      <c r="N916889" s="10"/>
    </row>
    <row r="916890" spans="14:14">
      <c r="N916890" s="10"/>
    </row>
    <row r="916891" spans="14:14">
      <c r="N916891" s="10"/>
    </row>
    <row r="916892" spans="14:14">
      <c r="N916892" s="10"/>
    </row>
    <row r="916893" spans="14:14">
      <c r="N916893" s="10"/>
    </row>
    <row r="916894" spans="14:14">
      <c r="N916894" s="10"/>
    </row>
    <row r="916895" spans="14:14">
      <c r="N916895" s="10"/>
    </row>
    <row r="916896" spans="14:14">
      <c r="N916896" s="10"/>
    </row>
    <row r="916897" spans="14:14">
      <c r="N916897" s="10"/>
    </row>
    <row r="916898" spans="14:14">
      <c r="N916898" s="10"/>
    </row>
    <row r="916899" spans="14:14">
      <c r="N916899" s="10"/>
    </row>
    <row r="916900" spans="14:14">
      <c r="N916900" s="10"/>
    </row>
    <row r="916901" spans="14:14">
      <c r="N916901" s="10"/>
    </row>
    <row r="916902" spans="14:14">
      <c r="N916902" s="10"/>
    </row>
    <row r="916903" spans="14:14">
      <c r="N916903" s="10"/>
    </row>
    <row r="916904" spans="14:14">
      <c r="N916904" s="10"/>
    </row>
    <row r="916905" spans="14:14">
      <c r="N916905" s="10"/>
    </row>
    <row r="916906" spans="14:14">
      <c r="N916906" s="10"/>
    </row>
    <row r="916907" spans="14:14">
      <c r="N916907" s="10"/>
    </row>
    <row r="916908" spans="14:14">
      <c r="N916908" s="10"/>
    </row>
    <row r="916909" spans="14:14">
      <c r="N916909" s="10"/>
    </row>
    <row r="916910" spans="14:14">
      <c r="N916910" s="10"/>
    </row>
    <row r="916911" spans="14:14">
      <c r="N916911" s="10"/>
    </row>
    <row r="916912" spans="14:14">
      <c r="N916912" s="10"/>
    </row>
    <row r="916913" spans="14:14">
      <c r="N916913" s="10"/>
    </row>
    <row r="916914" spans="14:14">
      <c r="N916914" s="10"/>
    </row>
    <row r="916915" spans="14:14">
      <c r="N916915" s="10"/>
    </row>
    <row r="916916" spans="14:14">
      <c r="N916916" s="10"/>
    </row>
    <row r="916917" spans="14:14">
      <c r="N916917" s="10"/>
    </row>
    <row r="916918" spans="14:14">
      <c r="N916918" s="10"/>
    </row>
    <row r="916919" spans="14:14">
      <c r="N916919" s="10"/>
    </row>
    <row r="916920" spans="14:14">
      <c r="N916920" s="10"/>
    </row>
    <row r="916921" spans="14:14">
      <c r="N916921" s="10"/>
    </row>
    <row r="916922" spans="14:14">
      <c r="N916922" s="10"/>
    </row>
    <row r="916923" spans="14:14">
      <c r="N916923" s="10"/>
    </row>
    <row r="916924" spans="14:14">
      <c r="N916924" s="10"/>
    </row>
    <row r="916925" spans="14:14">
      <c r="N916925" s="10"/>
    </row>
    <row r="916926" spans="14:14">
      <c r="N916926" s="10"/>
    </row>
    <row r="916927" spans="14:14">
      <c r="N916927" s="10"/>
    </row>
    <row r="916928" spans="14:14">
      <c r="N916928" s="10"/>
    </row>
    <row r="916929" spans="14:14">
      <c r="N916929" s="10"/>
    </row>
    <row r="916930" spans="14:14">
      <c r="N916930" s="10"/>
    </row>
    <row r="916931" spans="14:14">
      <c r="N916931" s="10"/>
    </row>
    <row r="916932" spans="14:14">
      <c r="N916932" s="10"/>
    </row>
    <row r="916933" spans="14:14">
      <c r="N916933" s="10"/>
    </row>
    <row r="916934" spans="14:14">
      <c r="N916934" s="10"/>
    </row>
    <row r="916935" spans="14:14">
      <c r="N916935" s="10"/>
    </row>
    <row r="916936" spans="14:14">
      <c r="N916936" s="10"/>
    </row>
    <row r="916937" spans="14:14">
      <c r="N916937" s="10"/>
    </row>
    <row r="916938" spans="14:14">
      <c r="N916938" s="10"/>
    </row>
    <row r="916939" spans="14:14">
      <c r="N916939" s="10"/>
    </row>
    <row r="916940" spans="14:14">
      <c r="N916940" s="10"/>
    </row>
    <row r="916941" spans="14:14">
      <c r="N916941" s="10"/>
    </row>
    <row r="916942" spans="14:14">
      <c r="N916942" s="10"/>
    </row>
    <row r="916943" spans="14:14">
      <c r="N916943" s="10"/>
    </row>
    <row r="916944" spans="14:14">
      <c r="N916944" s="10"/>
    </row>
    <row r="916945" spans="14:14">
      <c r="N916945" s="10"/>
    </row>
    <row r="916946" spans="14:14">
      <c r="N916946" s="10"/>
    </row>
    <row r="916947" spans="14:14">
      <c r="N916947" s="10"/>
    </row>
    <row r="916948" spans="14:14">
      <c r="N916948" s="10"/>
    </row>
    <row r="916949" spans="14:14">
      <c r="N916949" s="10"/>
    </row>
    <row r="916950" spans="14:14">
      <c r="N916950" s="10"/>
    </row>
    <row r="916951" spans="14:14">
      <c r="N916951" s="10"/>
    </row>
    <row r="916952" spans="14:14">
      <c r="N916952" s="10"/>
    </row>
    <row r="916953" spans="14:14">
      <c r="N916953" s="10"/>
    </row>
    <row r="916954" spans="14:14">
      <c r="N916954" s="10"/>
    </row>
    <row r="916955" spans="14:14">
      <c r="N916955" s="10"/>
    </row>
    <row r="916956" spans="14:14">
      <c r="N916956" s="10"/>
    </row>
    <row r="916957" spans="14:14">
      <c r="N916957" s="10"/>
    </row>
    <row r="916958" spans="14:14">
      <c r="N916958" s="10"/>
    </row>
    <row r="916959" spans="14:14">
      <c r="N916959" s="10"/>
    </row>
    <row r="916960" spans="14:14">
      <c r="N916960" s="10"/>
    </row>
    <row r="916961" spans="14:14">
      <c r="N916961" s="10"/>
    </row>
    <row r="916962" spans="14:14">
      <c r="N916962" s="10"/>
    </row>
    <row r="916963" spans="14:14">
      <c r="N916963" s="10"/>
    </row>
    <row r="916964" spans="14:14">
      <c r="N916964" s="10"/>
    </row>
    <row r="916965" spans="14:14">
      <c r="N916965" s="10"/>
    </row>
    <row r="916966" spans="14:14">
      <c r="N916966" s="10"/>
    </row>
    <row r="916967" spans="14:14">
      <c r="N916967" s="10"/>
    </row>
    <row r="916968" spans="14:14">
      <c r="N916968" s="10"/>
    </row>
    <row r="916969" spans="14:14">
      <c r="N916969" s="10"/>
    </row>
    <row r="916970" spans="14:14">
      <c r="N916970" s="10"/>
    </row>
    <row r="916971" spans="14:14">
      <c r="N916971" s="10"/>
    </row>
    <row r="916972" spans="14:14">
      <c r="N916972" s="10"/>
    </row>
    <row r="916973" spans="14:14">
      <c r="N916973" s="10"/>
    </row>
    <row r="916974" spans="14:14">
      <c r="N916974" s="10"/>
    </row>
    <row r="916975" spans="14:14">
      <c r="N916975" s="10"/>
    </row>
    <row r="916976" spans="14:14">
      <c r="N916976" s="10"/>
    </row>
    <row r="916977" spans="14:14">
      <c r="N916977" s="10"/>
    </row>
    <row r="916978" spans="14:14">
      <c r="N916978" s="10"/>
    </row>
    <row r="916979" spans="14:14">
      <c r="N916979" s="10"/>
    </row>
    <row r="916980" spans="14:14">
      <c r="N916980" s="10"/>
    </row>
    <row r="916981" spans="14:14">
      <c r="N916981" s="10"/>
    </row>
    <row r="916982" spans="14:14">
      <c r="N916982" s="10"/>
    </row>
    <row r="916983" spans="14:14">
      <c r="N916983" s="10"/>
    </row>
    <row r="916984" spans="14:14">
      <c r="N916984" s="10"/>
    </row>
    <row r="916985" spans="14:14">
      <c r="N916985" s="10"/>
    </row>
    <row r="916986" spans="14:14">
      <c r="N916986" s="10"/>
    </row>
    <row r="916987" spans="14:14">
      <c r="N916987" s="10"/>
    </row>
    <row r="916988" spans="14:14">
      <c r="N916988" s="10"/>
    </row>
    <row r="916989" spans="14:14">
      <c r="N916989" s="10"/>
    </row>
    <row r="916990" spans="14:14">
      <c r="N916990" s="10"/>
    </row>
    <row r="916991" spans="14:14">
      <c r="N916991" s="10"/>
    </row>
    <row r="916992" spans="14:14">
      <c r="N916992" s="10"/>
    </row>
    <row r="916993" spans="14:14">
      <c r="N916993" s="10"/>
    </row>
    <row r="916994" spans="14:14">
      <c r="N916994" s="10"/>
    </row>
    <row r="916995" spans="14:14">
      <c r="N916995" s="10"/>
    </row>
    <row r="916996" spans="14:14">
      <c r="N916996" s="10"/>
    </row>
    <row r="916997" spans="14:14">
      <c r="N916997" s="10"/>
    </row>
    <row r="916998" spans="14:14">
      <c r="N916998" s="10"/>
    </row>
    <row r="916999" spans="14:14">
      <c r="N916999" s="10"/>
    </row>
    <row r="917000" spans="14:14">
      <c r="N917000" s="10"/>
    </row>
    <row r="917001" spans="14:14">
      <c r="N917001" s="10"/>
    </row>
    <row r="917002" spans="14:14">
      <c r="N917002" s="10"/>
    </row>
    <row r="917003" spans="14:14">
      <c r="N917003" s="10"/>
    </row>
    <row r="917004" spans="14:14">
      <c r="N917004" s="10"/>
    </row>
    <row r="917005" spans="14:14">
      <c r="N917005" s="10"/>
    </row>
    <row r="917006" spans="14:14">
      <c r="N917006" s="10"/>
    </row>
    <row r="917007" spans="14:14">
      <c r="N917007" s="10"/>
    </row>
    <row r="917008" spans="14:14">
      <c r="N917008" s="10"/>
    </row>
    <row r="917009" spans="14:14">
      <c r="N917009" s="10"/>
    </row>
    <row r="917010" spans="14:14">
      <c r="N917010" s="10"/>
    </row>
    <row r="917011" spans="14:14">
      <c r="N917011" s="10"/>
    </row>
    <row r="917012" spans="14:14">
      <c r="N917012" s="10"/>
    </row>
    <row r="917013" spans="14:14">
      <c r="N917013" s="10"/>
    </row>
    <row r="917014" spans="14:14">
      <c r="N917014" s="10"/>
    </row>
    <row r="917015" spans="14:14">
      <c r="N917015" s="10"/>
    </row>
    <row r="917016" spans="14:14">
      <c r="N917016" s="10"/>
    </row>
    <row r="917017" spans="14:14">
      <c r="N917017" s="10"/>
    </row>
    <row r="917018" spans="14:14">
      <c r="N917018" s="10"/>
    </row>
    <row r="917019" spans="14:14">
      <c r="N917019" s="10"/>
    </row>
    <row r="917020" spans="14:14">
      <c r="N917020" s="10"/>
    </row>
    <row r="917021" spans="14:14">
      <c r="N917021" s="10"/>
    </row>
    <row r="917022" spans="14:14">
      <c r="N917022" s="10"/>
    </row>
    <row r="917023" spans="14:14">
      <c r="N917023" s="10"/>
    </row>
    <row r="917024" spans="14:14">
      <c r="N917024" s="10"/>
    </row>
    <row r="917025" spans="14:14">
      <c r="N917025" s="10"/>
    </row>
    <row r="917026" spans="14:14">
      <c r="N917026" s="10"/>
    </row>
    <row r="917027" spans="14:14">
      <c r="N917027" s="10"/>
    </row>
    <row r="917028" spans="14:14">
      <c r="N917028" s="10"/>
    </row>
    <row r="917029" spans="14:14">
      <c r="N917029" s="10"/>
    </row>
    <row r="917030" spans="14:14">
      <c r="N917030" s="10"/>
    </row>
    <row r="917031" spans="14:14">
      <c r="N917031" s="10"/>
    </row>
    <row r="917032" spans="14:14">
      <c r="N917032" s="10"/>
    </row>
    <row r="917033" spans="14:14">
      <c r="N917033" s="10"/>
    </row>
    <row r="917034" spans="14:14">
      <c r="N917034" s="10"/>
    </row>
    <row r="917035" spans="14:14">
      <c r="N917035" s="10"/>
    </row>
    <row r="917036" spans="14:14">
      <c r="N917036" s="10"/>
    </row>
    <row r="917037" spans="14:14">
      <c r="N917037" s="10"/>
    </row>
    <row r="917038" spans="14:14">
      <c r="N917038" s="10"/>
    </row>
    <row r="917039" spans="14:14">
      <c r="N917039" s="10"/>
    </row>
    <row r="917040" spans="14:14">
      <c r="N917040" s="10"/>
    </row>
    <row r="917041" spans="14:14">
      <c r="N917041" s="10"/>
    </row>
    <row r="917042" spans="14:14">
      <c r="N917042" s="10"/>
    </row>
    <row r="917043" spans="14:14">
      <c r="N917043" s="10"/>
    </row>
    <row r="917044" spans="14:14">
      <c r="N917044" s="10"/>
    </row>
    <row r="917045" spans="14:14">
      <c r="N917045" s="10"/>
    </row>
    <row r="917046" spans="14:14">
      <c r="N917046" s="10"/>
    </row>
    <row r="917047" spans="14:14">
      <c r="N917047" s="10"/>
    </row>
    <row r="917048" spans="14:14">
      <c r="N917048" s="10"/>
    </row>
    <row r="917049" spans="14:14">
      <c r="N917049" s="10"/>
    </row>
    <row r="917050" spans="14:14">
      <c r="N917050" s="10"/>
    </row>
    <row r="917051" spans="14:14">
      <c r="N917051" s="10"/>
    </row>
    <row r="917052" spans="14:14">
      <c r="N917052" s="10"/>
    </row>
    <row r="917053" spans="14:14">
      <c r="N917053" s="10"/>
    </row>
    <row r="917054" spans="14:14">
      <c r="N917054" s="10"/>
    </row>
    <row r="917055" spans="14:14">
      <c r="N917055" s="10"/>
    </row>
    <row r="917056" spans="14:14">
      <c r="N917056" s="10"/>
    </row>
    <row r="917057" spans="14:14">
      <c r="N917057" s="10"/>
    </row>
    <row r="917058" spans="14:14">
      <c r="N917058" s="10"/>
    </row>
    <row r="917059" spans="14:14">
      <c r="N917059" s="10"/>
    </row>
    <row r="917060" spans="14:14">
      <c r="N917060" s="10"/>
    </row>
    <row r="917061" spans="14:14">
      <c r="N917061" s="10"/>
    </row>
    <row r="917062" spans="14:14">
      <c r="N917062" s="10"/>
    </row>
    <row r="917063" spans="14:14">
      <c r="N917063" s="10"/>
    </row>
    <row r="917064" spans="14:14">
      <c r="N917064" s="10"/>
    </row>
    <row r="917065" spans="14:14">
      <c r="N917065" s="10"/>
    </row>
    <row r="917066" spans="14:14">
      <c r="N917066" s="10"/>
    </row>
    <row r="917067" spans="14:14">
      <c r="N917067" s="10"/>
    </row>
    <row r="917068" spans="14:14">
      <c r="N917068" s="10"/>
    </row>
    <row r="917069" spans="14:14">
      <c r="N917069" s="10"/>
    </row>
    <row r="917070" spans="14:14">
      <c r="N917070" s="10"/>
    </row>
    <row r="917071" spans="14:14">
      <c r="N917071" s="10"/>
    </row>
    <row r="917072" spans="14:14">
      <c r="N917072" s="10"/>
    </row>
    <row r="917073" spans="14:14">
      <c r="N917073" s="10"/>
    </row>
    <row r="917074" spans="14:14">
      <c r="N917074" s="10"/>
    </row>
    <row r="917075" spans="14:14">
      <c r="N917075" s="10"/>
    </row>
    <row r="917076" spans="14:14">
      <c r="N917076" s="10"/>
    </row>
    <row r="917077" spans="14:14">
      <c r="N917077" s="10"/>
    </row>
    <row r="917078" spans="14:14">
      <c r="N917078" s="10"/>
    </row>
    <row r="917079" spans="14:14">
      <c r="N917079" s="10"/>
    </row>
    <row r="917080" spans="14:14">
      <c r="N917080" s="10"/>
    </row>
    <row r="917081" spans="14:14">
      <c r="N917081" s="10"/>
    </row>
    <row r="917082" spans="14:14">
      <c r="N917082" s="10"/>
    </row>
    <row r="917083" spans="14:14">
      <c r="N917083" s="10"/>
    </row>
    <row r="917084" spans="14:14">
      <c r="N917084" s="10"/>
    </row>
    <row r="917085" spans="14:14">
      <c r="N917085" s="10"/>
    </row>
    <row r="917086" spans="14:14">
      <c r="N917086" s="10"/>
    </row>
    <row r="917087" spans="14:14">
      <c r="N917087" s="10"/>
    </row>
    <row r="917088" spans="14:14">
      <c r="N917088" s="10"/>
    </row>
    <row r="917089" spans="14:14">
      <c r="N917089" s="10"/>
    </row>
    <row r="917090" spans="14:14">
      <c r="N917090" s="10"/>
    </row>
    <row r="917091" spans="14:14">
      <c r="N917091" s="10"/>
    </row>
    <row r="917092" spans="14:14">
      <c r="N917092" s="10"/>
    </row>
    <row r="917093" spans="14:14">
      <c r="N917093" s="10"/>
    </row>
    <row r="917094" spans="14:14">
      <c r="N917094" s="10"/>
    </row>
    <row r="917095" spans="14:14">
      <c r="N917095" s="10"/>
    </row>
    <row r="917096" spans="14:14">
      <c r="N917096" s="10"/>
    </row>
    <row r="917097" spans="14:14">
      <c r="N917097" s="10"/>
    </row>
    <row r="917098" spans="14:14">
      <c r="N917098" s="10"/>
    </row>
    <row r="917099" spans="14:14">
      <c r="N917099" s="10"/>
    </row>
    <row r="917100" spans="14:14">
      <c r="N917100" s="10"/>
    </row>
    <row r="917101" spans="14:14">
      <c r="N917101" s="10"/>
    </row>
    <row r="917102" spans="14:14">
      <c r="N917102" s="10"/>
    </row>
    <row r="917103" spans="14:14">
      <c r="N917103" s="10"/>
    </row>
    <row r="917104" spans="14:14">
      <c r="N917104" s="10"/>
    </row>
    <row r="917105" spans="14:14">
      <c r="N917105" s="10"/>
    </row>
    <row r="917106" spans="14:14">
      <c r="N917106" s="10"/>
    </row>
    <row r="917107" spans="14:14">
      <c r="N917107" s="10"/>
    </row>
    <row r="917108" spans="14:14">
      <c r="N917108" s="10"/>
    </row>
    <row r="917109" spans="14:14">
      <c r="N917109" s="10"/>
    </row>
    <row r="917110" spans="14:14">
      <c r="N917110" s="10"/>
    </row>
    <row r="917111" spans="14:14">
      <c r="N917111" s="10"/>
    </row>
    <row r="917112" spans="14:14">
      <c r="N917112" s="10"/>
    </row>
    <row r="917113" spans="14:14">
      <c r="N917113" s="10"/>
    </row>
    <row r="917114" spans="14:14">
      <c r="N917114" s="10"/>
    </row>
    <row r="917115" spans="14:14">
      <c r="N917115" s="10"/>
    </row>
    <row r="917116" spans="14:14">
      <c r="N917116" s="10"/>
    </row>
    <row r="917117" spans="14:14">
      <c r="N917117" s="10"/>
    </row>
    <row r="917118" spans="14:14">
      <c r="N917118" s="10"/>
    </row>
    <row r="917119" spans="14:14">
      <c r="N917119" s="10"/>
    </row>
    <row r="917120" spans="14:14">
      <c r="N917120" s="10"/>
    </row>
    <row r="917121" spans="14:14">
      <c r="N917121" s="10"/>
    </row>
    <row r="917122" spans="14:14">
      <c r="N917122" s="10"/>
    </row>
    <row r="917123" spans="14:14">
      <c r="N917123" s="10"/>
    </row>
    <row r="917124" spans="14:14">
      <c r="N917124" s="10"/>
    </row>
    <row r="917125" spans="14:14">
      <c r="N917125" s="10"/>
    </row>
    <row r="917126" spans="14:14">
      <c r="N917126" s="10"/>
    </row>
    <row r="917127" spans="14:14">
      <c r="N917127" s="10"/>
    </row>
    <row r="917128" spans="14:14">
      <c r="N917128" s="10"/>
    </row>
    <row r="917129" spans="14:14">
      <c r="N917129" s="10"/>
    </row>
    <row r="917130" spans="14:14">
      <c r="N917130" s="10"/>
    </row>
    <row r="917131" spans="14:14">
      <c r="N917131" s="10"/>
    </row>
    <row r="917132" spans="14:14">
      <c r="N917132" s="10"/>
    </row>
    <row r="917133" spans="14:14">
      <c r="N917133" s="10"/>
    </row>
    <row r="917134" spans="14:14">
      <c r="N917134" s="10"/>
    </row>
    <row r="917135" spans="14:14">
      <c r="N917135" s="10"/>
    </row>
    <row r="917136" spans="14:14">
      <c r="N917136" s="10"/>
    </row>
    <row r="917137" spans="14:14">
      <c r="N917137" s="10"/>
    </row>
    <row r="917138" spans="14:14">
      <c r="N917138" s="10"/>
    </row>
    <row r="917139" spans="14:14">
      <c r="N917139" s="10"/>
    </row>
    <row r="917140" spans="14:14">
      <c r="N917140" s="10"/>
    </row>
    <row r="917141" spans="14:14">
      <c r="N917141" s="10"/>
    </row>
    <row r="917142" spans="14:14">
      <c r="N917142" s="10"/>
    </row>
    <row r="917143" spans="14:14">
      <c r="N917143" s="10"/>
    </row>
    <row r="917144" spans="14:14">
      <c r="N917144" s="10"/>
    </row>
    <row r="917145" spans="14:14">
      <c r="N917145" s="10"/>
    </row>
    <row r="917146" spans="14:14">
      <c r="N917146" s="10"/>
    </row>
    <row r="917147" spans="14:14">
      <c r="N917147" s="10"/>
    </row>
    <row r="917148" spans="14:14">
      <c r="N917148" s="10"/>
    </row>
    <row r="917149" spans="14:14">
      <c r="N917149" s="10"/>
    </row>
    <row r="917150" spans="14:14">
      <c r="N917150" s="10"/>
    </row>
    <row r="917151" spans="14:14">
      <c r="N917151" s="10"/>
    </row>
    <row r="917152" spans="14:14">
      <c r="N917152" s="10"/>
    </row>
    <row r="917153" spans="14:14">
      <c r="N917153" s="10"/>
    </row>
    <row r="917154" spans="14:14">
      <c r="N917154" s="10"/>
    </row>
    <row r="917155" spans="14:14">
      <c r="N917155" s="10"/>
    </row>
    <row r="917156" spans="14:14">
      <c r="N917156" s="10"/>
    </row>
    <row r="917157" spans="14:14">
      <c r="N917157" s="10"/>
    </row>
    <row r="917158" spans="14:14">
      <c r="N917158" s="10"/>
    </row>
    <row r="917159" spans="14:14">
      <c r="N917159" s="10"/>
    </row>
    <row r="917160" spans="14:14">
      <c r="N917160" s="10"/>
    </row>
    <row r="917161" spans="14:14">
      <c r="N917161" s="10"/>
    </row>
    <row r="917162" spans="14:14">
      <c r="N917162" s="10"/>
    </row>
    <row r="917163" spans="14:14">
      <c r="N917163" s="10"/>
    </row>
    <row r="917164" spans="14:14">
      <c r="N917164" s="10"/>
    </row>
    <row r="917165" spans="14:14">
      <c r="N917165" s="10"/>
    </row>
    <row r="917166" spans="14:14">
      <c r="N917166" s="10"/>
    </row>
    <row r="917167" spans="14:14">
      <c r="N917167" s="10"/>
    </row>
    <row r="917168" spans="14:14">
      <c r="N917168" s="10"/>
    </row>
    <row r="917169" spans="14:14">
      <c r="N917169" s="10"/>
    </row>
    <row r="917170" spans="14:14">
      <c r="N917170" s="10"/>
    </row>
    <row r="917171" spans="14:14">
      <c r="N917171" s="10"/>
    </row>
    <row r="917172" spans="14:14">
      <c r="N917172" s="10"/>
    </row>
    <row r="917173" spans="14:14">
      <c r="N917173" s="10"/>
    </row>
    <row r="917174" spans="14:14">
      <c r="N917174" s="10"/>
    </row>
    <row r="917175" spans="14:14">
      <c r="N917175" s="10"/>
    </row>
    <row r="917176" spans="14:14">
      <c r="N917176" s="10"/>
    </row>
    <row r="917177" spans="14:14">
      <c r="N917177" s="10"/>
    </row>
    <row r="917178" spans="14:14">
      <c r="N917178" s="10"/>
    </row>
    <row r="917179" spans="14:14">
      <c r="N917179" s="10"/>
    </row>
    <row r="917180" spans="14:14">
      <c r="N917180" s="10"/>
    </row>
    <row r="917181" spans="14:14">
      <c r="N917181" s="10"/>
    </row>
    <row r="917182" spans="14:14">
      <c r="N917182" s="10"/>
    </row>
    <row r="917183" spans="14:14">
      <c r="N917183" s="10"/>
    </row>
    <row r="917184" spans="14:14">
      <c r="N917184" s="10"/>
    </row>
    <row r="917185" spans="14:14">
      <c r="N917185" s="10"/>
    </row>
    <row r="917186" spans="14:14">
      <c r="N917186" s="10"/>
    </row>
    <row r="917187" spans="14:14">
      <c r="N917187" s="10"/>
    </row>
    <row r="917188" spans="14:14">
      <c r="N917188" s="10"/>
    </row>
    <row r="917189" spans="14:14">
      <c r="N917189" s="10"/>
    </row>
    <row r="917190" spans="14:14">
      <c r="N917190" s="10"/>
    </row>
    <row r="917191" spans="14:14">
      <c r="N917191" s="10"/>
    </row>
    <row r="917192" spans="14:14">
      <c r="N917192" s="10"/>
    </row>
    <row r="917193" spans="14:14">
      <c r="N917193" s="10"/>
    </row>
    <row r="917194" spans="14:14">
      <c r="N917194" s="10"/>
    </row>
    <row r="917195" spans="14:14">
      <c r="N917195" s="10"/>
    </row>
    <row r="917196" spans="14:14">
      <c r="N917196" s="10"/>
    </row>
    <row r="917197" spans="14:14">
      <c r="N917197" s="10"/>
    </row>
    <row r="917198" spans="14:14">
      <c r="N917198" s="10"/>
    </row>
    <row r="917199" spans="14:14">
      <c r="N917199" s="10"/>
    </row>
    <row r="917200" spans="14:14">
      <c r="N917200" s="10"/>
    </row>
    <row r="917201" spans="14:14">
      <c r="N917201" s="10"/>
    </row>
    <row r="917202" spans="14:14">
      <c r="N917202" s="10"/>
    </row>
    <row r="917203" spans="14:14">
      <c r="N917203" s="10"/>
    </row>
    <row r="917204" spans="14:14">
      <c r="N917204" s="10"/>
    </row>
    <row r="917205" spans="14:14">
      <c r="N917205" s="10"/>
    </row>
    <row r="917206" spans="14:14">
      <c r="N917206" s="10"/>
    </row>
    <row r="917207" spans="14:14">
      <c r="N917207" s="10"/>
    </row>
    <row r="917208" spans="14:14">
      <c r="N917208" s="10"/>
    </row>
    <row r="917209" spans="14:14">
      <c r="N917209" s="10"/>
    </row>
    <row r="917210" spans="14:14">
      <c r="N917210" s="10"/>
    </row>
    <row r="917211" spans="14:14">
      <c r="N917211" s="10"/>
    </row>
    <row r="917212" spans="14:14">
      <c r="N917212" s="10"/>
    </row>
    <row r="917213" spans="14:14">
      <c r="N917213" s="10"/>
    </row>
    <row r="917214" spans="14:14">
      <c r="N917214" s="10"/>
    </row>
    <row r="917215" spans="14:14">
      <c r="N917215" s="10"/>
    </row>
    <row r="917216" spans="14:14">
      <c r="N917216" s="10"/>
    </row>
    <row r="917217" spans="14:14">
      <c r="N917217" s="10"/>
    </row>
    <row r="917218" spans="14:14">
      <c r="N917218" s="10"/>
    </row>
    <row r="917219" spans="14:14">
      <c r="N917219" s="10"/>
    </row>
    <row r="917220" spans="14:14">
      <c r="N917220" s="10"/>
    </row>
    <row r="917221" spans="14:14">
      <c r="N917221" s="10"/>
    </row>
    <row r="917222" spans="14:14">
      <c r="N917222" s="10"/>
    </row>
    <row r="917223" spans="14:14">
      <c r="N917223" s="10"/>
    </row>
    <row r="917224" spans="14:14">
      <c r="N917224" s="10"/>
    </row>
    <row r="917225" spans="14:14">
      <c r="N917225" s="10"/>
    </row>
    <row r="917226" spans="14:14">
      <c r="N917226" s="10"/>
    </row>
    <row r="917227" spans="14:14">
      <c r="N917227" s="10"/>
    </row>
    <row r="917228" spans="14:14">
      <c r="N917228" s="10"/>
    </row>
    <row r="917229" spans="14:14">
      <c r="N917229" s="10"/>
    </row>
    <row r="917230" spans="14:14">
      <c r="N917230" s="10"/>
    </row>
    <row r="917231" spans="14:14">
      <c r="N917231" s="10"/>
    </row>
    <row r="917232" spans="14:14">
      <c r="N917232" s="10"/>
    </row>
    <row r="917233" spans="14:14">
      <c r="N917233" s="10"/>
    </row>
    <row r="917234" spans="14:14">
      <c r="N917234" s="10"/>
    </row>
    <row r="917235" spans="14:14">
      <c r="N917235" s="10"/>
    </row>
    <row r="917236" spans="14:14">
      <c r="N917236" s="10"/>
    </row>
    <row r="917237" spans="14:14">
      <c r="N917237" s="10"/>
    </row>
    <row r="917238" spans="14:14">
      <c r="N917238" s="10"/>
    </row>
    <row r="917239" spans="14:14">
      <c r="N917239" s="10"/>
    </row>
    <row r="917240" spans="14:14">
      <c r="N917240" s="10"/>
    </row>
    <row r="917241" spans="14:14">
      <c r="N917241" s="10"/>
    </row>
    <row r="917242" spans="14:14">
      <c r="N917242" s="10"/>
    </row>
    <row r="917243" spans="14:14">
      <c r="N917243" s="10"/>
    </row>
    <row r="917244" spans="14:14">
      <c r="N917244" s="10"/>
    </row>
    <row r="917245" spans="14:14">
      <c r="N917245" s="10"/>
    </row>
    <row r="917246" spans="14:14">
      <c r="N917246" s="10"/>
    </row>
    <row r="917247" spans="14:14">
      <c r="N917247" s="10"/>
    </row>
    <row r="917248" spans="14:14">
      <c r="N917248" s="10"/>
    </row>
    <row r="917249" spans="14:14">
      <c r="N917249" s="10"/>
    </row>
    <row r="917250" spans="14:14">
      <c r="N917250" s="10"/>
    </row>
    <row r="917251" spans="14:14">
      <c r="N917251" s="10"/>
    </row>
    <row r="917252" spans="14:14">
      <c r="N917252" s="10"/>
    </row>
    <row r="917253" spans="14:14">
      <c r="N917253" s="10"/>
    </row>
    <row r="917254" spans="14:14">
      <c r="N917254" s="10"/>
    </row>
    <row r="917255" spans="14:14">
      <c r="N917255" s="10"/>
    </row>
    <row r="917256" spans="14:14">
      <c r="N917256" s="10"/>
    </row>
    <row r="917257" spans="14:14">
      <c r="N917257" s="10"/>
    </row>
    <row r="917258" spans="14:14">
      <c r="N917258" s="10"/>
    </row>
    <row r="917259" spans="14:14">
      <c r="N917259" s="10"/>
    </row>
    <row r="917260" spans="14:14">
      <c r="N917260" s="10"/>
    </row>
    <row r="917261" spans="14:14">
      <c r="N917261" s="10"/>
    </row>
    <row r="917262" spans="14:14">
      <c r="N917262" s="10"/>
    </row>
    <row r="917263" spans="14:14">
      <c r="N917263" s="10"/>
    </row>
    <row r="917264" spans="14:14">
      <c r="N917264" s="10"/>
    </row>
    <row r="917265" spans="14:14">
      <c r="N917265" s="10"/>
    </row>
    <row r="917266" spans="14:14">
      <c r="N917266" s="10"/>
    </row>
    <row r="917267" spans="14:14">
      <c r="N917267" s="10"/>
    </row>
    <row r="917268" spans="14:14">
      <c r="N917268" s="10"/>
    </row>
    <row r="917269" spans="14:14">
      <c r="N917269" s="10"/>
    </row>
    <row r="917270" spans="14:14">
      <c r="N917270" s="10"/>
    </row>
    <row r="917271" spans="14:14">
      <c r="N917271" s="10"/>
    </row>
    <row r="917272" spans="14:14">
      <c r="N917272" s="10"/>
    </row>
    <row r="917273" spans="14:14">
      <c r="N917273" s="10"/>
    </row>
    <row r="917274" spans="14:14">
      <c r="N917274" s="10"/>
    </row>
    <row r="917275" spans="14:14">
      <c r="N917275" s="10"/>
    </row>
    <row r="917276" spans="14:14">
      <c r="N917276" s="10"/>
    </row>
    <row r="917277" spans="14:14">
      <c r="N917277" s="10"/>
    </row>
    <row r="917278" spans="14:14">
      <c r="N917278" s="10"/>
    </row>
    <row r="917279" spans="14:14">
      <c r="N917279" s="10"/>
    </row>
    <row r="917280" spans="14:14">
      <c r="N917280" s="10"/>
    </row>
    <row r="917281" spans="14:14">
      <c r="N917281" s="10"/>
    </row>
    <row r="917282" spans="14:14">
      <c r="N917282" s="10"/>
    </row>
    <row r="917283" spans="14:14">
      <c r="N917283" s="10"/>
    </row>
    <row r="917284" spans="14:14">
      <c r="N917284" s="10"/>
    </row>
    <row r="917285" spans="14:14">
      <c r="N917285" s="10"/>
    </row>
    <row r="917286" spans="14:14">
      <c r="N917286" s="10"/>
    </row>
    <row r="917287" spans="14:14">
      <c r="N917287" s="10"/>
    </row>
    <row r="917288" spans="14:14">
      <c r="N917288" s="10"/>
    </row>
    <row r="917289" spans="14:14">
      <c r="N917289" s="10"/>
    </row>
    <row r="917290" spans="14:14">
      <c r="N917290" s="10"/>
    </row>
    <row r="917291" spans="14:14">
      <c r="N917291" s="10"/>
    </row>
    <row r="917292" spans="14:14">
      <c r="N917292" s="10"/>
    </row>
    <row r="917293" spans="14:14">
      <c r="N917293" s="10"/>
    </row>
    <row r="917294" spans="14:14">
      <c r="N917294" s="10"/>
    </row>
    <row r="917295" spans="14:14">
      <c r="N917295" s="10"/>
    </row>
    <row r="917296" spans="14:14">
      <c r="N917296" s="10"/>
    </row>
    <row r="917297" spans="14:14">
      <c r="N917297" s="10"/>
    </row>
    <row r="917298" spans="14:14">
      <c r="N917298" s="10"/>
    </row>
    <row r="917299" spans="14:14">
      <c r="N917299" s="10"/>
    </row>
    <row r="917300" spans="14:14">
      <c r="N917300" s="10"/>
    </row>
    <row r="917301" spans="14:14">
      <c r="N917301" s="10"/>
    </row>
    <row r="917302" spans="14:14">
      <c r="N917302" s="10"/>
    </row>
    <row r="917303" spans="14:14">
      <c r="N917303" s="10"/>
    </row>
    <row r="917304" spans="14:14">
      <c r="N917304" s="10"/>
    </row>
    <row r="917305" spans="14:14">
      <c r="N917305" s="10"/>
    </row>
    <row r="917306" spans="14:14">
      <c r="N917306" s="10"/>
    </row>
    <row r="917307" spans="14:14">
      <c r="N917307" s="10"/>
    </row>
    <row r="917308" spans="14:14">
      <c r="N917308" s="10"/>
    </row>
    <row r="917309" spans="14:14">
      <c r="N917309" s="10"/>
    </row>
    <row r="917310" spans="14:14">
      <c r="N917310" s="10"/>
    </row>
    <row r="917311" spans="14:14">
      <c r="N917311" s="10"/>
    </row>
    <row r="917312" spans="14:14">
      <c r="N917312" s="10"/>
    </row>
    <row r="917313" spans="14:14">
      <c r="N917313" s="10"/>
    </row>
    <row r="917314" spans="14:14">
      <c r="N917314" s="10"/>
    </row>
    <row r="917315" spans="14:14">
      <c r="N917315" s="10"/>
    </row>
    <row r="917316" spans="14:14">
      <c r="N917316" s="10"/>
    </row>
    <row r="917317" spans="14:14">
      <c r="N917317" s="10"/>
    </row>
    <row r="917318" spans="14:14">
      <c r="N917318" s="10"/>
    </row>
    <row r="917319" spans="14:14">
      <c r="N917319" s="10"/>
    </row>
    <row r="917320" spans="14:14">
      <c r="N917320" s="10"/>
    </row>
    <row r="917321" spans="14:14">
      <c r="N917321" s="10"/>
    </row>
    <row r="917322" spans="14:14">
      <c r="N917322" s="10"/>
    </row>
    <row r="917323" spans="14:14">
      <c r="N917323" s="10"/>
    </row>
    <row r="917324" spans="14:14">
      <c r="N917324" s="10"/>
    </row>
    <row r="917325" spans="14:14">
      <c r="N917325" s="10"/>
    </row>
    <row r="917326" spans="14:14">
      <c r="N917326" s="10"/>
    </row>
    <row r="917327" spans="14:14">
      <c r="N917327" s="10"/>
    </row>
    <row r="917328" spans="14:14">
      <c r="N917328" s="10"/>
    </row>
    <row r="917329" spans="14:14">
      <c r="N917329" s="10"/>
    </row>
    <row r="917330" spans="14:14">
      <c r="N917330" s="10"/>
    </row>
    <row r="917331" spans="14:14">
      <c r="N917331" s="10"/>
    </row>
    <row r="917332" spans="14:14">
      <c r="N917332" s="10"/>
    </row>
    <row r="917333" spans="14:14">
      <c r="N917333" s="10"/>
    </row>
    <row r="917334" spans="14:14">
      <c r="N917334" s="10"/>
    </row>
    <row r="917335" spans="14:14">
      <c r="N917335" s="10"/>
    </row>
    <row r="917336" spans="14:14">
      <c r="N917336" s="10"/>
    </row>
    <row r="917337" spans="14:14">
      <c r="N917337" s="10"/>
    </row>
    <row r="917338" spans="14:14">
      <c r="N917338" s="10"/>
    </row>
    <row r="917339" spans="14:14">
      <c r="N917339" s="10"/>
    </row>
    <row r="917340" spans="14:14">
      <c r="N917340" s="10"/>
    </row>
    <row r="917341" spans="14:14">
      <c r="N917341" s="10"/>
    </row>
    <row r="917342" spans="14:14">
      <c r="N917342" s="10"/>
    </row>
    <row r="917343" spans="14:14">
      <c r="N917343" s="10"/>
    </row>
    <row r="917344" spans="14:14">
      <c r="N917344" s="10"/>
    </row>
    <row r="917345" spans="14:14">
      <c r="N917345" s="10"/>
    </row>
    <row r="917346" spans="14:14">
      <c r="N917346" s="10"/>
    </row>
    <row r="917347" spans="14:14">
      <c r="N917347" s="10"/>
    </row>
    <row r="917348" spans="14:14">
      <c r="N917348" s="10"/>
    </row>
    <row r="917349" spans="14:14">
      <c r="N917349" s="10"/>
    </row>
    <row r="917350" spans="14:14">
      <c r="N917350" s="10"/>
    </row>
    <row r="917351" spans="14:14">
      <c r="N917351" s="10"/>
    </row>
    <row r="917352" spans="14:14">
      <c r="N917352" s="10"/>
    </row>
    <row r="917353" spans="14:14">
      <c r="N917353" s="10"/>
    </row>
    <row r="917354" spans="14:14">
      <c r="N917354" s="10"/>
    </row>
    <row r="917355" spans="14:14">
      <c r="N917355" s="10"/>
    </row>
    <row r="917356" spans="14:14">
      <c r="N917356" s="10"/>
    </row>
    <row r="917357" spans="14:14">
      <c r="N917357" s="10"/>
    </row>
    <row r="917358" spans="14:14">
      <c r="N917358" s="10"/>
    </row>
    <row r="917359" spans="14:14">
      <c r="N917359" s="10"/>
    </row>
    <row r="917360" spans="14:14">
      <c r="N917360" s="10"/>
    </row>
    <row r="917361" spans="14:14">
      <c r="N917361" s="10"/>
    </row>
    <row r="917362" spans="14:14">
      <c r="N917362" s="10"/>
    </row>
    <row r="917363" spans="14:14">
      <c r="N917363" s="10"/>
    </row>
    <row r="917364" spans="14:14">
      <c r="N917364" s="10"/>
    </row>
    <row r="917365" spans="14:14">
      <c r="N917365" s="10"/>
    </row>
    <row r="917366" spans="14:14">
      <c r="N917366" s="10"/>
    </row>
    <row r="917367" spans="14:14">
      <c r="N917367" s="10"/>
    </row>
    <row r="917368" spans="14:14">
      <c r="N917368" s="10"/>
    </row>
    <row r="917369" spans="14:14">
      <c r="N917369" s="10"/>
    </row>
    <row r="917370" spans="14:14">
      <c r="N917370" s="10"/>
    </row>
    <row r="917371" spans="14:14">
      <c r="N917371" s="10"/>
    </row>
    <row r="917372" spans="14:14">
      <c r="N917372" s="10"/>
    </row>
    <row r="917373" spans="14:14">
      <c r="N917373" s="10"/>
    </row>
    <row r="917374" spans="14:14">
      <c r="N917374" s="10"/>
    </row>
    <row r="917375" spans="14:14">
      <c r="N917375" s="10"/>
    </row>
    <row r="917376" spans="14:14">
      <c r="N917376" s="10"/>
    </row>
    <row r="917377" spans="14:14">
      <c r="N917377" s="10"/>
    </row>
    <row r="917378" spans="14:14">
      <c r="N917378" s="10"/>
    </row>
    <row r="917379" spans="14:14">
      <c r="N917379" s="10"/>
    </row>
    <row r="917380" spans="14:14">
      <c r="N917380" s="10"/>
    </row>
    <row r="917381" spans="14:14">
      <c r="N917381" s="10"/>
    </row>
    <row r="917382" spans="14:14">
      <c r="N917382" s="10"/>
    </row>
    <row r="917383" spans="14:14">
      <c r="N917383" s="10"/>
    </row>
    <row r="917384" spans="14:14">
      <c r="N917384" s="10"/>
    </row>
    <row r="917385" spans="14:14">
      <c r="N917385" s="10"/>
    </row>
    <row r="917386" spans="14:14">
      <c r="N917386" s="10"/>
    </row>
    <row r="917387" spans="14:14">
      <c r="N917387" s="10"/>
    </row>
    <row r="917388" spans="14:14">
      <c r="N917388" s="10"/>
    </row>
    <row r="917389" spans="14:14">
      <c r="N917389" s="10"/>
    </row>
    <row r="917390" spans="14:14">
      <c r="N917390" s="10"/>
    </row>
    <row r="917391" spans="14:14">
      <c r="N917391" s="10"/>
    </row>
    <row r="917392" spans="14:14">
      <c r="N917392" s="10"/>
    </row>
    <row r="917393" spans="14:14">
      <c r="N917393" s="10"/>
    </row>
    <row r="917394" spans="14:14">
      <c r="N917394" s="10"/>
    </row>
    <row r="917395" spans="14:14">
      <c r="N917395" s="10"/>
    </row>
    <row r="917396" spans="14:14">
      <c r="N917396" s="10"/>
    </row>
    <row r="917397" spans="14:14">
      <c r="N917397" s="10"/>
    </row>
    <row r="917398" spans="14:14">
      <c r="N917398" s="10"/>
    </row>
    <row r="917399" spans="14:14">
      <c r="N917399" s="10"/>
    </row>
    <row r="917400" spans="14:14">
      <c r="N917400" s="10"/>
    </row>
    <row r="917401" spans="14:14">
      <c r="N917401" s="10"/>
    </row>
    <row r="917402" spans="14:14">
      <c r="N917402" s="10"/>
    </row>
    <row r="917403" spans="14:14">
      <c r="N917403" s="10"/>
    </row>
    <row r="917404" spans="14:14">
      <c r="N917404" s="10"/>
    </row>
    <row r="917405" spans="14:14">
      <c r="N917405" s="10"/>
    </row>
    <row r="917406" spans="14:14">
      <c r="N917406" s="10"/>
    </row>
    <row r="917407" spans="14:14">
      <c r="N917407" s="10"/>
    </row>
    <row r="917408" spans="14:14">
      <c r="N917408" s="10"/>
    </row>
    <row r="917409" spans="14:14">
      <c r="N917409" s="10"/>
    </row>
    <row r="917410" spans="14:14">
      <c r="N917410" s="10"/>
    </row>
    <row r="917411" spans="14:14">
      <c r="N917411" s="10"/>
    </row>
    <row r="917412" spans="14:14">
      <c r="N917412" s="10"/>
    </row>
    <row r="917413" spans="14:14">
      <c r="N917413" s="10"/>
    </row>
    <row r="917414" spans="14:14">
      <c r="N917414" s="10"/>
    </row>
    <row r="917415" spans="14:14">
      <c r="N917415" s="10"/>
    </row>
    <row r="917416" spans="14:14">
      <c r="N917416" s="10"/>
    </row>
    <row r="917417" spans="14:14">
      <c r="N917417" s="10"/>
    </row>
    <row r="917418" spans="14:14">
      <c r="N917418" s="10"/>
    </row>
    <row r="917419" spans="14:14">
      <c r="N917419" s="10"/>
    </row>
    <row r="917420" spans="14:14">
      <c r="N917420" s="10"/>
    </row>
    <row r="917421" spans="14:14">
      <c r="N917421" s="10"/>
    </row>
    <row r="917422" spans="14:14">
      <c r="N917422" s="10"/>
    </row>
    <row r="917423" spans="14:14">
      <c r="N917423" s="10"/>
    </row>
    <row r="917424" spans="14:14">
      <c r="N917424" s="10"/>
    </row>
    <row r="917425" spans="14:14">
      <c r="N917425" s="10"/>
    </row>
    <row r="917426" spans="14:14">
      <c r="N917426" s="10"/>
    </row>
    <row r="917427" spans="14:14">
      <c r="N917427" s="10"/>
    </row>
    <row r="917428" spans="14:14">
      <c r="N917428" s="10"/>
    </row>
    <row r="917429" spans="14:14">
      <c r="N917429" s="10"/>
    </row>
    <row r="917430" spans="14:14">
      <c r="N917430" s="10"/>
    </row>
    <row r="917431" spans="14:14">
      <c r="N917431" s="10"/>
    </row>
    <row r="917432" spans="14:14">
      <c r="N917432" s="10"/>
    </row>
    <row r="917433" spans="14:14">
      <c r="N917433" s="10"/>
    </row>
    <row r="917434" spans="14:14">
      <c r="N917434" s="10"/>
    </row>
    <row r="917435" spans="14:14">
      <c r="N917435" s="10"/>
    </row>
    <row r="917436" spans="14:14">
      <c r="N917436" s="10"/>
    </row>
    <row r="917437" spans="14:14">
      <c r="N917437" s="10"/>
    </row>
    <row r="917438" spans="14:14">
      <c r="N917438" s="10"/>
    </row>
    <row r="917439" spans="14:14">
      <c r="N917439" s="10"/>
    </row>
    <row r="917440" spans="14:14">
      <c r="N917440" s="10"/>
    </row>
    <row r="917441" spans="14:14">
      <c r="N917441" s="10"/>
    </row>
    <row r="917442" spans="14:14">
      <c r="N917442" s="10"/>
    </row>
    <row r="917443" spans="14:14">
      <c r="N917443" s="10"/>
    </row>
    <row r="917444" spans="14:14">
      <c r="N917444" s="10"/>
    </row>
    <row r="917445" spans="14:14">
      <c r="N917445" s="10"/>
    </row>
    <row r="917446" spans="14:14">
      <c r="N917446" s="10"/>
    </row>
    <row r="917447" spans="14:14">
      <c r="N917447" s="10"/>
    </row>
    <row r="917448" spans="14:14">
      <c r="N917448" s="10"/>
    </row>
    <row r="917449" spans="14:14">
      <c r="N917449" s="10"/>
    </row>
    <row r="917450" spans="14:14">
      <c r="N917450" s="10"/>
    </row>
    <row r="917451" spans="14:14">
      <c r="N917451" s="10"/>
    </row>
    <row r="917452" spans="14:14">
      <c r="N917452" s="10"/>
    </row>
    <row r="917453" spans="14:14">
      <c r="N917453" s="10"/>
    </row>
    <row r="917454" spans="14:14">
      <c r="N917454" s="10"/>
    </row>
    <row r="917455" spans="14:14">
      <c r="N917455" s="10"/>
    </row>
    <row r="917456" spans="14:14">
      <c r="N917456" s="10"/>
    </row>
    <row r="917457" spans="14:14">
      <c r="N917457" s="10"/>
    </row>
    <row r="917458" spans="14:14">
      <c r="N917458" s="10"/>
    </row>
    <row r="917459" spans="14:14">
      <c r="N917459" s="10"/>
    </row>
    <row r="917460" spans="14:14">
      <c r="N917460" s="10"/>
    </row>
    <row r="917461" spans="14:14">
      <c r="N917461" s="10"/>
    </row>
    <row r="917462" spans="14:14">
      <c r="N917462" s="10"/>
    </row>
    <row r="917463" spans="14:14">
      <c r="N917463" s="10"/>
    </row>
    <row r="917464" spans="14:14">
      <c r="N917464" s="10"/>
    </row>
    <row r="917465" spans="14:14">
      <c r="N917465" s="10"/>
    </row>
    <row r="917466" spans="14:14">
      <c r="N917466" s="10"/>
    </row>
    <row r="917467" spans="14:14">
      <c r="N917467" s="10"/>
    </row>
    <row r="917468" spans="14:14">
      <c r="N917468" s="10"/>
    </row>
    <row r="917469" spans="14:14">
      <c r="N917469" s="10"/>
    </row>
    <row r="917470" spans="14:14">
      <c r="N917470" s="10"/>
    </row>
    <row r="917471" spans="14:14">
      <c r="N917471" s="10"/>
    </row>
    <row r="917472" spans="14:14">
      <c r="N917472" s="10"/>
    </row>
    <row r="917473" spans="14:14">
      <c r="N917473" s="10"/>
    </row>
    <row r="917474" spans="14:14">
      <c r="N917474" s="10"/>
    </row>
    <row r="917475" spans="14:14">
      <c r="N917475" s="10"/>
    </row>
    <row r="917476" spans="14:14">
      <c r="N917476" s="10"/>
    </row>
    <row r="917477" spans="14:14">
      <c r="N917477" s="10"/>
    </row>
    <row r="917478" spans="14:14">
      <c r="N917478" s="10"/>
    </row>
    <row r="917479" spans="14:14">
      <c r="N917479" s="10"/>
    </row>
    <row r="917480" spans="14:14">
      <c r="N917480" s="10"/>
    </row>
    <row r="917481" spans="14:14">
      <c r="N917481" s="10"/>
    </row>
    <row r="917482" spans="14:14">
      <c r="N917482" s="10"/>
    </row>
    <row r="917483" spans="14:14">
      <c r="N917483" s="10"/>
    </row>
    <row r="917484" spans="14:14">
      <c r="N917484" s="10"/>
    </row>
    <row r="917485" spans="14:14">
      <c r="N917485" s="10"/>
    </row>
    <row r="917486" spans="14:14">
      <c r="N917486" s="10"/>
    </row>
    <row r="917487" spans="14:14">
      <c r="N917487" s="10"/>
    </row>
    <row r="917488" spans="14:14">
      <c r="N917488" s="10"/>
    </row>
    <row r="917489" spans="14:14">
      <c r="N917489" s="10"/>
    </row>
    <row r="917490" spans="14:14">
      <c r="N917490" s="10"/>
    </row>
    <row r="917491" spans="14:14">
      <c r="N917491" s="10"/>
    </row>
    <row r="917492" spans="14:14">
      <c r="N917492" s="10"/>
    </row>
    <row r="917493" spans="14:14">
      <c r="N917493" s="10"/>
    </row>
    <row r="917494" spans="14:14">
      <c r="N917494" s="10"/>
    </row>
    <row r="917495" spans="14:14">
      <c r="N917495" s="10"/>
    </row>
    <row r="917496" spans="14:14">
      <c r="N917496" s="10"/>
    </row>
    <row r="917497" spans="14:14">
      <c r="N917497" s="10"/>
    </row>
    <row r="917498" spans="14:14">
      <c r="N917498" s="10"/>
    </row>
    <row r="917499" spans="14:14">
      <c r="N917499" s="10"/>
    </row>
    <row r="917500" spans="14:14">
      <c r="N917500" s="10"/>
    </row>
    <row r="917501" spans="14:14">
      <c r="N917501" s="10"/>
    </row>
    <row r="917502" spans="14:14">
      <c r="N917502" s="10"/>
    </row>
    <row r="917503" spans="14:14">
      <c r="N917503" s="10"/>
    </row>
    <row r="917504" spans="14:14">
      <c r="N917504" s="10"/>
    </row>
    <row r="917505" spans="14:14">
      <c r="N917505" s="10"/>
    </row>
    <row r="917506" spans="14:14">
      <c r="N917506" s="10"/>
    </row>
    <row r="917507" spans="14:14">
      <c r="N917507" s="10"/>
    </row>
    <row r="917508" spans="14:14">
      <c r="N917508" s="10"/>
    </row>
    <row r="917509" spans="14:14">
      <c r="N917509" s="10"/>
    </row>
    <row r="917510" spans="14:14">
      <c r="N917510" s="10"/>
    </row>
    <row r="917511" spans="14:14">
      <c r="N917511" s="10"/>
    </row>
    <row r="917512" spans="14:14">
      <c r="N917512" s="10"/>
    </row>
    <row r="917513" spans="14:14">
      <c r="N917513" s="10"/>
    </row>
    <row r="917514" spans="14:14">
      <c r="N917514" s="10"/>
    </row>
    <row r="917515" spans="14:14">
      <c r="N917515" s="10"/>
    </row>
    <row r="917516" spans="14:14">
      <c r="N917516" s="10"/>
    </row>
    <row r="917517" spans="14:14">
      <c r="N917517" s="10"/>
    </row>
    <row r="917518" spans="14:14">
      <c r="N917518" s="10"/>
    </row>
    <row r="917519" spans="14:14">
      <c r="N917519" s="10"/>
    </row>
    <row r="917520" spans="14:14">
      <c r="N917520" s="10"/>
    </row>
    <row r="917521" spans="14:14">
      <c r="N917521" s="10"/>
    </row>
    <row r="917522" spans="14:14">
      <c r="N917522" s="10"/>
    </row>
    <row r="917523" spans="14:14">
      <c r="N917523" s="10"/>
    </row>
    <row r="917524" spans="14:14">
      <c r="N917524" s="10"/>
    </row>
    <row r="917525" spans="14:14">
      <c r="N917525" s="10"/>
    </row>
    <row r="917526" spans="14:14">
      <c r="N917526" s="10"/>
    </row>
    <row r="917527" spans="14:14">
      <c r="N917527" s="10"/>
    </row>
    <row r="917528" spans="14:14">
      <c r="N917528" s="10"/>
    </row>
    <row r="917529" spans="14:14">
      <c r="N917529" s="10"/>
    </row>
    <row r="917530" spans="14:14">
      <c r="N917530" s="10"/>
    </row>
    <row r="917531" spans="14:14">
      <c r="N917531" s="10"/>
    </row>
    <row r="917532" spans="14:14">
      <c r="N917532" s="10"/>
    </row>
    <row r="917533" spans="14:14">
      <c r="N917533" s="10"/>
    </row>
    <row r="917534" spans="14:14">
      <c r="N917534" s="10"/>
    </row>
    <row r="917535" spans="14:14">
      <c r="N917535" s="10"/>
    </row>
    <row r="917536" spans="14:14">
      <c r="N917536" s="10"/>
    </row>
    <row r="917537" spans="14:14">
      <c r="N917537" s="10"/>
    </row>
    <row r="917538" spans="14:14">
      <c r="N917538" s="10"/>
    </row>
    <row r="917539" spans="14:14">
      <c r="N917539" s="10"/>
    </row>
    <row r="917540" spans="14:14">
      <c r="N917540" s="10"/>
    </row>
    <row r="917541" spans="14:14">
      <c r="N917541" s="10"/>
    </row>
    <row r="917542" spans="14:14">
      <c r="N917542" s="10"/>
    </row>
    <row r="917543" spans="14:14">
      <c r="N917543" s="10"/>
    </row>
    <row r="917544" spans="14:14">
      <c r="N917544" s="10"/>
    </row>
    <row r="917545" spans="14:14">
      <c r="N917545" s="10"/>
    </row>
    <row r="917546" spans="14:14">
      <c r="N917546" s="10"/>
    </row>
    <row r="917547" spans="14:14">
      <c r="N917547" s="10"/>
    </row>
    <row r="917548" spans="14:14">
      <c r="N917548" s="10"/>
    </row>
    <row r="917549" spans="14:14">
      <c r="N917549" s="10"/>
    </row>
    <row r="917550" spans="14:14">
      <c r="N917550" s="10"/>
    </row>
    <row r="917551" spans="14:14">
      <c r="N917551" s="10"/>
    </row>
    <row r="917552" spans="14:14">
      <c r="N917552" s="10"/>
    </row>
    <row r="917553" spans="14:14">
      <c r="N917553" s="10"/>
    </row>
    <row r="917554" spans="14:14">
      <c r="N917554" s="10"/>
    </row>
    <row r="917555" spans="14:14">
      <c r="N917555" s="10"/>
    </row>
    <row r="917556" spans="14:14">
      <c r="N917556" s="10"/>
    </row>
    <row r="917557" spans="14:14">
      <c r="N917557" s="10"/>
    </row>
    <row r="917558" spans="14:14">
      <c r="N917558" s="10"/>
    </row>
    <row r="917559" spans="14:14">
      <c r="N917559" s="10"/>
    </row>
    <row r="917560" spans="14:14">
      <c r="N917560" s="10"/>
    </row>
    <row r="917561" spans="14:14">
      <c r="N917561" s="10"/>
    </row>
    <row r="917562" spans="14:14">
      <c r="N917562" s="10"/>
    </row>
    <row r="917563" spans="14:14">
      <c r="N917563" s="10"/>
    </row>
    <row r="917564" spans="14:14">
      <c r="N917564" s="10"/>
    </row>
    <row r="917565" spans="14:14">
      <c r="N917565" s="10"/>
    </row>
    <row r="917566" spans="14:14">
      <c r="N917566" s="10"/>
    </row>
    <row r="917567" spans="14:14">
      <c r="N917567" s="10"/>
    </row>
    <row r="917568" spans="14:14">
      <c r="N917568" s="10"/>
    </row>
    <row r="917569" spans="14:14">
      <c r="N917569" s="10"/>
    </row>
    <row r="917570" spans="14:14">
      <c r="N917570" s="10"/>
    </row>
    <row r="917571" spans="14:14">
      <c r="N917571" s="10"/>
    </row>
    <row r="917572" spans="14:14">
      <c r="N917572" s="10"/>
    </row>
    <row r="917573" spans="14:14">
      <c r="N917573" s="10"/>
    </row>
    <row r="917574" spans="14:14">
      <c r="N917574" s="10"/>
    </row>
    <row r="917575" spans="14:14">
      <c r="N917575" s="10"/>
    </row>
    <row r="917576" spans="14:14">
      <c r="N917576" s="10"/>
    </row>
    <row r="917577" spans="14:14">
      <c r="N917577" s="10"/>
    </row>
    <row r="917578" spans="14:14">
      <c r="N917578" s="10"/>
    </row>
    <row r="917579" spans="14:14">
      <c r="N917579" s="10"/>
    </row>
    <row r="917580" spans="14:14">
      <c r="N917580" s="10"/>
    </row>
    <row r="917581" spans="14:14">
      <c r="N917581" s="10"/>
    </row>
    <row r="917582" spans="14:14">
      <c r="N917582" s="10"/>
    </row>
    <row r="917583" spans="14:14">
      <c r="N917583" s="10"/>
    </row>
    <row r="917584" spans="14:14">
      <c r="N917584" s="10"/>
    </row>
    <row r="917585" spans="14:14">
      <c r="N917585" s="10"/>
    </row>
    <row r="917586" spans="14:14">
      <c r="N917586" s="10"/>
    </row>
    <row r="917587" spans="14:14">
      <c r="N917587" s="10"/>
    </row>
    <row r="917588" spans="14:14">
      <c r="N917588" s="10"/>
    </row>
    <row r="917589" spans="14:14">
      <c r="N917589" s="10"/>
    </row>
    <row r="917590" spans="14:14">
      <c r="N917590" s="10"/>
    </row>
    <row r="917591" spans="14:14">
      <c r="N917591" s="10"/>
    </row>
    <row r="917592" spans="14:14">
      <c r="N917592" s="10"/>
    </row>
    <row r="917593" spans="14:14">
      <c r="N917593" s="10"/>
    </row>
    <row r="917594" spans="14:14">
      <c r="N917594" s="10"/>
    </row>
    <row r="917595" spans="14:14">
      <c r="N917595" s="10"/>
    </row>
    <row r="917596" spans="14:14">
      <c r="N917596" s="10"/>
    </row>
    <row r="917597" spans="14:14">
      <c r="N917597" s="10"/>
    </row>
    <row r="917598" spans="14:14">
      <c r="N917598" s="10"/>
    </row>
    <row r="917599" spans="14:14">
      <c r="N917599" s="10"/>
    </row>
    <row r="917600" spans="14:14">
      <c r="N917600" s="10"/>
    </row>
    <row r="917601" spans="14:14">
      <c r="N917601" s="10"/>
    </row>
    <row r="917602" spans="14:14">
      <c r="N917602" s="10"/>
    </row>
    <row r="917603" spans="14:14">
      <c r="N917603" s="10"/>
    </row>
    <row r="917604" spans="14:14">
      <c r="N917604" s="10"/>
    </row>
    <row r="917605" spans="14:14">
      <c r="N917605" s="10"/>
    </row>
    <row r="917606" spans="14:14">
      <c r="N917606" s="10"/>
    </row>
    <row r="917607" spans="14:14">
      <c r="N917607" s="10"/>
    </row>
    <row r="917608" spans="14:14">
      <c r="N917608" s="10"/>
    </row>
    <row r="917609" spans="14:14">
      <c r="N917609" s="10"/>
    </row>
    <row r="917610" spans="14:14">
      <c r="N917610" s="10"/>
    </row>
    <row r="917611" spans="14:14">
      <c r="N917611" s="10"/>
    </row>
    <row r="917612" spans="14:14">
      <c r="N917612" s="10"/>
    </row>
    <row r="917613" spans="14:14">
      <c r="N917613" s="10"/>
    </row>
    <row r="917614" spans="14:14">
      <c r="N917614" s="10"/>
    </row>
    <row r="917615" spans="14:14">
      <c r="N917615" s="10"/>
    </row>
    <row r="917616" spans="14:14">
      <c r="N917616" s="10"/>
    </row>
    <row r="917617" spans="14:14">
      <c r="N917617" s="10"/>
    </row>
    <row r="917618" spans="14:14">
      <c r="N917618" s="10"/>
    </row>
    <row r="917619" spans="14:14">
      <c r="N917619" s="10"/>
    </row>
    <row r="917620" spans="14:14">
      <c r="N917620" s="10"/>
    </row>
    <row r="917621" spans="14:14">
      <c r="N917621" s="10"/>
    </row>
    <row r="917622" spans="14:14">
      <c r="N917622" s="10"/>
    </row>
    <row r="917623" spans="14:14">
      <c r="N917623" s="10"/>
    </row>
    <row r="917624" spans="14:14">
      <c r="N917624" s="10"/>
    </row>
    <row r="917625" spans="14:14">
      <c r="N917625" s="10"/>
    </row>
    <row r="917626" spans="14:14">
      <c r="N917626" s="10"/>
    </row>
    <row r="917627" spans="14:14">
      <c r="N917627" s="10"/>
    </row>
    <row r="917628" spans="14:14">
      <c r="N917628" s="10"/>
    </row>
    <row r="917629" spans="14:14">
      <c r="N917629" s="10"/>
    </row>
    <row r="917630" spans="14:14">
      <c r="N917630" s="10"/>
    </row>
    <row r="917631" spans="14:14">
      <c r="N917631" s="10"/>
    </row>
    <row r="917632" spans="14:14">
      <c r="N917632" s="10"/>
    </row>
    <row r="917633" spans="14:14">
      <c r="N917633" s="10"/>
    </row>
    <row r="917634" spans="14:14">
      <c r="N917634" s="10"/>
    </row>
    <row r="917635" spans="14:14">
      <c r="N917635" s="10"/>
    </row>
    <row r="917636" spans="14:14">
      <c r="N917636" s="10"/>
    </row>
    <row r="917637" spans="14:14">
      <c r="N917637" s="10"/>
    </row>
    <row r="917638" spans="14:14">
      <c r="N917638" s="10"/>
    </row>
    <row r="917639" spans="14:14">
      <c r="N917639" s="10"/>
    </row>
    <row r="917640" spans="14:14">
      <c r="N917640" s="10"/>
    </row>
    <row r="917641" spans="14:14">
      <c r="N917641" s="10"/>
    </row>
    <row r="917642" spans="14:14">
      <c r="N917642" s="10"/>
    </row>
    <row r="917643" spans="14:14">
      <c r="N917643" s="10"/>
    </row>
    <row r="917644" spans="14:14">
      <c r="N917644" s="10"/>
    </row>
    <row r="917645" spans="14:14">
      <c r="N917645" s="10"/>
    </row>
    <row r="917646" spans="14:14">
      <c r="N917646" s="10"/>
    </row>
    <row r="917647" spans="14:14">
      <c r="N917647" s="10"/>
    </row>
    <row r="917648" spans="14:14">
      <c r="N917648" s="10"/>
    </row>
    <row r="917649" spans="14:14">
      <c r="N917649" s="10"/>
    </row>
    <row r="917650" spans="14:14">
      <c r="N917650" s="10"/>
    </row>
    <row r="917651" spans="14:14">
      <c r="N917651" s="10"/>
    </row>
    <row r="917652" spans="14:14">
      <c r="N917652" s="10"/>
    </row>
    <row r="917653" spans="14:14">
      <c r="N917653" s="10"/>
    </row>
    <row r="917654" spans="14:14">
      <c r="N917654" s="10"/>
    </row>
    <row r="917655" spans="14:14">
      <c r="N917655" s="10"/>
    </row>
    <row r="917656" spans="14:14">
      <c r="N917656" s="10"/>
    </row>
    <row r="917657" spans="14:14">
      <c r="N917657" s="10"/>
    </row>
    <row r="917658" spans="14:14">
      <c r="N917658" s="10"/>
    </row>
    <row r="917659" spans="14:14">
      <c r="N917659" s="10"/>
    </row>
    <row r="917660" spans="14:14">
      <c r="N917660" s="10"/>
    </row>
    <row r="917661" spans="14:14">
      <c r="N917661" s="10"/>
    </row>
    <row r="917662" spans="14:14">
      <c r="N917662" s="10"/>
    </row>
    <row r="917663" spans="14:14">
      <c r="N917663" s="10"/>
    </row>
    <row r="917664" spans="14:14">
      <c r="N917664" s="10"/>
    </row>
    <row r="917665" spans="14:14">
      <c r="N917665" s="10"/>
    </row>
    <row r="917666" spans="14:14">
      <c r="N917666" s="10"/>
    </row>
    <row r="917667" spans="14:14">
      <c r="N917667" s="10"/>
    </row>
    <row r="917668" spans="14:14">
      <c r="N917668" s="10"/>
    </row>
    <row r="917669" spans="14:14">
      <c r="N917669" s="10"/>
    </row>
    <row r="917670" spans="14:14">
      <c r="N917670" s="10"/>
    </row>
    <row r="917671" spans="14:14">
      <c r="N917671" s="10"/>
    </row>
    <row r="917672" spans="14:14">
      <c r="N917672" s="10"/>
    </row>
    <row r="917673" spans="14:14">
      <c r="N917673" s="10"/>
    </row>
    <row r="917674" spans="14:14">
      <c r="N917674" s="10"/>
    </row>
    <row r="917675" spans="14:14">
      <c r="N917675" s="10"/>
    </row>
    <row r="917676" spans="14:14">
      <c r="N917676" s="10"/>
    </row>
    <row r="917677" spans="14:14">
      <c r="N917677" s="10"/>
    </row>
    <row r="917678" spans="14:14">
      <c r="N917678" s="10"/>
    </row>
    <row r="917679" spans="14:14">
      <c r="N917679" s="10"/>
    </row>
    <row r="917680" spans="14:14">
      <c r="N917680" s="10"/>
    </row>
    <row r="917681" spans="14:14">
      <c r="N917681" s="10"/>
    </row>
    <row r="917682" spans="14:14">
      <c r="N917682" s="10"/>
    </row>
    <row r="917683" spans="14:14">
      <c r="N917683" s="10"/>
    </row>
    <row r="917684" spans="14:14">
      <c r="N917684" s="10"/>
    </row>
    <row r="917685" spans="14:14">
      <c r="N917685" s="10"/>
    </row>
    <row r="917686" spans="14:14">
      <c r="N917686" s="10"/>
    </row>
    <row r="917687" spans="14:14">
      <c r="N917687" s="10"/>
    </row>
    <row r="917688" spans="14:14">
      <c r="N917688" s="10"/>
    </row>
    <row r="917689" spans="14:14">
      <c r="N917689" s="10"/>
    </row>
    <row r="917690" spans="14:14">
      <c r="N917690" s="10"/>
    </row>
    <row r="917691" spans="14:14">
      <c r="N917691" s="10"/>
    </row>
    <row r="917692" spans="14:14">
      <c r="N917692" s="10"/>
    </row>
    <row r="917693" spans="14:14">
      <c r="N917693" s="10"/>
    </row>
    <row r="917694" spans="14:14">
      <c r="N917694" s="10"/>
    </row>
    <row r="917695" spans="14:14">
      <c r="N917695" s="10"/>
    </row>
    <row r="917696" spans="14:14">
      <c r="N917696" s="10"/>
    </row>
    <row r="917697" spans="14:14">
      <c r="N917697" s="10"/>
    </row>
    <row r="917698" spans="14:14">
      <c r="N917698" s="10"/>
    </row>
    <row r="917699" spans="14:14">
      <c r="N917699" s="10"/>
    </row>
    <row r="917700" spans="14:14">
      <c r="N917700" s="10"/>
    </row>
    <row r="917701" spans="14:14">
      <c r="N917701" s="10"/>
    </row>
    <row r="917702" spans="14:14">
      <c r="N917702" s="10"/>
    </row>
    <row r="917703" spans="14:14">
      <c r="N917703" s="10"/>
    </row>
    <row r="917704" spans="14:14">
      <c r="N917704" s="10"/>
    </row>
    <row r="917705" spans="14:14">
      <c r="N917705" s="10"/>
    </row>
    <row r="917706" spans="14:14">
      <c r="N917706" s="10"/>
    </row>
    <row r="917707" spans="14:14">
      <c r="N917707" s="10"/>
    </row>
    <row r="917708" spans="14:14">
      <c r="N917708" s="10"/>
    </row>
    <row r="917709" spans="14:14">
      <c r="N917709" s="10"/>
    </row>
    <row r="917710" spans="14:14">
      <c r="N917710" s="10"/>
    </row>
    <row r="917711" spans="14:14">
      <c r="N917711" s="10"/>
    </row>
    <row r="917712" spans="14:14">
      <c r="N917712" s="10"/>
    </row>
    <row r="917713" spans="14:14">
      <c r="N917713" s="10"/>
    </row>
    <row r="917714" spans="14:14">
      <c r="N917714" s="10"/>
    </row>
    <row r="917715" spans="14:14">
      <c r="N917715" s="10"/>
    </row>
    <row r="917716" spans="14:14">
      <c r="N917716" s="10"/>
    </row>
    <row r="917717" spans="14:14">
      <c r="N917717" s="10"/>
    </row>
    <row r="917718" spans="14:14">
      <c r="N917718" s="10"/>
    </row>
    <row r="917719" spans="14:14">
      <c r="N917719" s="10"/>
    </row>
    <row r="917720" spans="14:14">
      <c r="N917720" s="10"/>
    </row>
    <row r="917721" spans="14:14">
      <c r="N917721" s="10"/>
    </row>
    <row r="917722" spans="14:14">
      <c r="N917722" s="10"/>
    </row>
    <row r="917723" spans="14:14">
      <c r="N917723" s="10"/>
    </row>
    <row r="917724" spans="14:14">
      <c r="N917724" s="10"/>
    </row>
    <row r="917725" spans="14:14">
      <c r="N917725" s="10"/>
    </row>
    <row r="917726" spans="14:14">
      <c r="N917726" s="10"/>
    </row>
    <row r="917727" spans="14:14">
      <c r="N917727" s="10"/>
    </row>
    <row r="917728" spans="14:14">
      <c r="N917728" s="10"/>
    </row>
    <row r="917729" spans="14:14">
      <c r="N917729" s="10"/>
    </row>
    <row r="917730" spans="14:14">
      <c r="N917730" s="10"/>
    </row>
    <row r="917731" spans="14:14">
      <c r="N917731" s="10"/>
    </row>
    <row r="917732" spans="14:14">
      <c r="N917732" s="10"/>
    </row>
    <row r="917733" spans="14:14">
      <c r="N917733" s="10"/>
    </row>
    <row r="917734" spans="14:14">
      <c r="N917734" s="10"/>
    </row>
    <row r="917735" spans="14:14">
      <c r="N917735" s="10"/>
    </row>
    <row r="917736" spans="14:14">
      <c r="N917736" s="10"/>
    </row>
    <row r="917737" spans="14:14">
      <c r="N917737" s="10"/>
    </row>
    <row r="917738" spans="14:14">
      <c r="N917738" s="10"/>
    </row>
    <row r="917739" spans="14:14">
      <c r="N917739" s="10"/>
    </row>
    <row r="917740" spans="14:14">
      <c r="N917740" s="10"/>
    </row>
    <row r="917741" spans="14:14">
      <c r="N917741" s="10"/>
    </row>
    <row r="917742" spans="14:14">
      <c r="N917742" s="10"/>
    </row>
    <row r="917743" spans="14:14">
      <c r="N917743" s="10"/>
    </row>
    <row r="917744" spans="14:14">
      <c r="N917744" s="10"/>
    </row>
    <row r="917745" spans="14:14">
      <c r="N917745" s="10"/>
    </row>
    <row r="917746" spans="14:14">
      <c r="N917746" s="10"/>
    </row>
    <row r="917747" spans="14:14">
      <c r="N917747" s="10"/>
    </row>
    <row r="917748" spans="14:14">
      <c r="N917748" s="10"/>
    </row>
    <row r="917749" spans="14:14">
      <c r="N917749" s="10"/>
    </row>
    <row r="917750" spans="14:14">
      <c r="N917750" s="10"/>
    </row>
    <row r="917751" spans="14:14">
      <c r="N917751" s="10"/>
    </row>
    <row r="917752" spans="14:14">
      <c r="N917752" s="10"/>
    </row>
    <row r="917753" spans="14:14">
      <c r="N917753" s="10"/>
    </row>
    <row r="917754" spans="14:14">
      <c r="N917754" s="10"/>
    </row>
    <row r="917755" spans="14:14">
      <c r="N917755" s="10"/>
    </row>
    <row r="917756" spans="14:14">
      <c r="N917756" s="10"/>
    </row>
    <row r="917757" spans="14:14">
      <c r="N917757" s="10"/>
    </row>
    <row r="917758" spans="14:14">
      <c r="N917758" s="10"/>
    </row>
    <row r="917759" spans="14:14">
      <c r="N917759" s="10"/>
    </row>
    <row r="917760" spans="14:14">
      <c r="N917760" s="10"/>
    </row>
    <row r="917761" spans="14:14">
      <c r="N917761" s="10"/>
    </row>
    <row r="917762" spans="14:14">
      <c r="N917762" s="10"/>
    </row>
    <row r="917763" spans="14:14">
      <c r="N917763" s="10"/>
    </row>
    <row r="917764" spans="14:14">
      <c r="N917764" s="10"/>
    </row>
    <row r="917765" spans="14:14">
      <c r="N917765" s="10"/>
    </row>
    <row r="917766" spans="14:14">
      <c r="N917766" s="10"/>
    </row>
    <row r="917767" spans="14:14">
      <c r="N917767" s="10"/>
    </row>
    <row r="917768" spans="14:14">
      <c r="N917768" s="10"/>
    </row>
    <row r="917769" spans="14:14">
      <c r="N917769" s="10"/>
    </row>
    <row r="917770" spans="14:14">
      <c r="N917770" s="10"/>
    </row>
    <row r="917771" spans="14:14">
      <c r="N917771" s="10"/>
    </row>
    <row r="917772" spans="14:14">
      <c r="N917772" s="10"/>
    </row>
    <row r="917773" spans="14:14">
      <c r="N917773" s="10"/>
    </row>
    <row r="917774" spans="14:14">
      <c r="N917774" s="10"/>
    </row>
    <row r="917775" spans="14:14">
      <c r="N917775" s="10"/>
    </row>
    <row r="917776" spans="14:14">
      <c r="N917776" s="10"/>
    </row>
    <row r="917777" spans="14:14">
      <c r="N917777" s="10"/>
    </row>
    <row r="917778" spans="14:14">
      <c r="N917778" s="10"/>
    </row>
    <row r="917779" spans="14:14">
      <c r="N917779" s="10"/>
    </row>
    <row r="917780" spans="14:14">
      <c r="N917780" s="10"/>
    </row>
    <row r="917781" spans="14:14">
      <c r="N917781" s="10"/>
    </row>
    <row r="917782" spans="14:14">
      <c r="N917782" s="10"/>
    </row>
    <row r="917783" spans="14:14">
      <c r="N917783" s="10"/>
    </row>
    <row r="917784" spans="14:14">
      <c r="N917784" s="10"/>
    </row>
    <row r="917785" spans="14:14">
      <c r="N917785" s="10"/>
    </row>
    <row r="917786" spans="14:14">
      <c r="N917786" s="10"/>
    </row>
    <row r="917787" spans="14:14">
      <c r="N917787" s="10"/>
    </row>
    <row r="917788" spans="14:14">
      <c r="N917788" s="10"/>
    </row>
    <row r="917789" spans="14:14">
      <c r="N917789" s="10"/>
    </row>
    <row r="917790" spans="14:14">
      <c r="N917790" s="10"/>
    </row>
    <row r="917791" spans="14:14">
      <c r="N917791" s="10"/>
    </row>
    <row r="917792" spans="14:14">
      <c r="N917792" s="10"/>
    </row>
    <row r="917793" spans="14:14">
      <c r="N917793" s="10"/>
    </row>
    <row r="917794" spans="14:14">
      <c r="N917794" s="10"/>
    </row>
    <row r="917795" spans="14:14">
      <c r="N917795" s="10"/>
    </row>
    <row r="917796" spans="14:14">
      <c r="N917796" s="10"/>
    </row>
    <row r="917797" spans="14:14">
      <c r="N917797" s="10"/>
    </row>
    <row r="917798" spans="14:14">
      <c r="N917798" s="10"/>
    </row>
    <row r="917799" spans="14:14">
      <c r="N917799" s="10"/>
    </row>
    <row r="917800" spans="14:14">
      <c r="N917800" s="10"/>
    </row>
    <row r="917801" spans="14:14">
      <c r="N917801" s="10"/>
    </row>
    <row r="917802" spans="14:14">
      <c r="N917802" s="10"/>
    </row>
    <row r="917803" spans="14:14">
      <c r="N917803" s="10"/>
    </row>
    <row r="917804" spans="14:14">
      <c r="N917804" s="10"/>
    </row>
    <row r="917805" spans="14:14">
      <c r="N917805" s="10"/>
    </row>
    <row r="917806" spans="14:14">
      <c r="N917806" s="10"/>
    </row>
    <row r="917807" spans="14:14">
      <c r="N917807" s="10"/>
    </row>
    <row r="917808" spans="14:14">
      <c r="N917808" s="10"/>
    </row>
    <row r="917809" spans="14:14">
      <c r="N917809" s="10"/>
    </row>
    <row r="917810" spans="14:14">
      <c r="N917810" s="10"/>
    </row>
    <row r="917811" spans="14:14">
      <c r="N917811" s="10"/>
    </row>
    <row r="917812" spans="14:14">
      <c r="N917812" s="10"/>
    </row>
    <row r="917813" spans="14:14">
      <c r="N917813" s="10"/>
    </row>
    <row r="917814" spans="14:14">
      <c r="N917814" s="10"/>
    </row>
    <row r="917815" spans="14:14">
      <c r="N917815" s="10"/>
    </row>
    <row r="917816" spans="14:14">
      <c r="N917816" s="10"/>
    </row>
    <row r="917817" spans="14:14">
      <c r="N917817" s="10"/>
    </row>
    <row r="917818" spans="14:14">
      <c r="N917818" s="10"/>
    </row>
    <row r="917819" spans="14:14">
      <c r="N917819" s="10"/>
    </row>
    <row r="917820" spans="14:14">
      <c r="N917820" s="10"/>
    </row>
    <row r="917821" spans="14:14">
      <c r="N917821" s="10"/>
    </row>
    <row r="917822" spans="14:14">
      <c r="N917822" s="10"/>
    </row>
    <row r="917823" spans="14:14">
      <c r="N917823" s="10"/>
    </row>
    <row r="917824" spans="14:14">
      <c r="N917824" s="10"/>
    </row>
    <row r="917825" spans="14:14">
      <c r="N917825" s="10"/>
    </row>
    <row r="917826" spans="14:14">
      <c r="N917826" s="10"/>
    </row>
    <row r="917827" spans="14:14">
      <c r="N917827" s="10"/>
    </row>
    <row r="917828" spans="14:14">
      <c r="N917828" s="10"/>
    </row>
    <row r="917829" spans="14:14">
      <c r="N917829" s="10"/>
    </row>
    <row r="917830" spans="14:14">
      <c r="N917830" s="10"/>
    </row>
    <row r="917831" spans="14:14">
      <c r="N917831" s="10"/>
    </row>
    <row r="917832" spans="14:14">
      <c r="N917832" s="10"/>
    </row>
    <row r="917833" spans="14:14">
      <c r="N917833" s="10"/>
    </row>
    <row r="917834" spans="14:14">
      <c r="N917834" s="10"/>
    </row>
    <row r="917835" spans="14:14">
      <c r="N917835" s="10"/>
    </row>
    <row r="917836" spans="14:14">
      <c r="N917836" s="10"/>
    </row>
    <row r="917837" spans="14:14">
      <c r="N917837" s="10"/>
    </row>
    <row r="917838" spans="14:14">
      <c r="N917838" s="10"/>
    </row>
    <row r="917839" spans="14:14">
      <c r="N917839" s="10"/>
    </row>
    <row r="917840" spans="14:14">
      <c r="N917840" s="10"/>
    </row>
    <row r="917841" spans="14:14">
      <c r="N917841" s="10"/>
    </row>
    <row r="917842" spans="14:14">
      <c r="N917842" s="10"/>
    </row>
    <row r="917843" spans="14:14">
      <c r="N917843" s="10"/>
    </row>
    <row r="917844" spans="14:14">
      <c r="N917844" s="10"/>
    </row>
    <row r="917845" spans="14:14">
      <c r="N917845" s="10"/>
    </row>
    <row r="917846" spans="14:14">
      <c r="N917846" s="10"/>
    </row>
    <row r="917847" spans="14:14">
      <c r="N917847" s="10"/>
    </row>
    <row r="917848" spans="14:14">
      <c r="N917848" s="10"/>
    </row>
    <row r="917849" spans="14:14">
      <c r="N917849" s="10"/>
    </row>
    <row r="917850" spans="14:14">
      <c r="N917850" s="10"/>
    </row>
    <row r="917851" spans="14:14">
      <c r="N917851" s="10"/>
    </row>
    <row r="917852" spans="14:14">
      <c r="N917852" s="10"/>
    </row>
    <row r="917853" spans="14:14">
      <c r="N917853" s="10"/>
    </row>
    <row r="917854" spans="14:14">
      <c r="N917854" s="10"/>
    </row>
    <row r="917855" spans="14:14">
      <c r="N917855" s="10"/>
    </row>
    <row r="917856" spans="14:14">
      <c r="N917856" s="10"/>
    </row>
    <row r="917857" spans="14:14">
      <c r="N917857" s="10"/>
    </row>
    <row r="917858" spans="14:14">
      <c r="N917858" s="10"/>
    </row>
    <row r="917859" spans="14:14">
      <c r="N917859" s="10"/>
    </row>
    <row r="917860" spans="14:14">
      <c r="N917860" s="10"/>
    </row>
    <row r="917861" spans="14:14">
      <c r="N917861" s="10"/>
    </row>
    <row r="917862" spans="14:14">
      <c r="N917862" s="10"/>
    </row>
    <row r="917863" spans="14:14">
      <c r="N917863" s="10"/>
    </row>
    <row r="917864" spans="14:14">
      <c r="N917864" s="10"/>
    </row>
    <row r="917865" spans="14:14">
      <c r="N917865" s="10"/>
    </row>
    <row r="917866" spans="14:14">
      <c r="N917866" s="10"/>
    </row>
    <row r="917867" spans="14:14">
      <c r="N917867" s="10"/>
    </row>
    <row r="917868" spans="14:14">
      <c r="N917868" s="10"/>
    </row>
    <row r="917869" spans="14:14">
      <c r="N917869" s="10"/>
    </row>
    <row r="917870" spans="14:14">
      <c r="N917870" s="10"/>
    </row>
    <row r="917871" spans="14:14">
      <c r="N917871" s="10"/>
    </row>
    <row r="917872" spans="14:14">
      <c r="N917872" s="10"/>
    </row>
    <row r="917873" spans="14:14">
      <c r="N917873" s="10"/>
    </row>
    <row r="917874" spans="14:14">
      <c r="N917874" s="10"/>
    </row>
    <row r="917875" spans="14:14">
      <c r="N917875" s="10"/>
    </row>
    <row r="917876" spans="14:14">
      <c r="N917876" s="10"/>
    </row>
    <row r="917877" spans="14:14">
      <c r="N917877" s="10"/>
    </row>
    <row r="917878" spans="14:14">
      <c r="N917878" s="10"/>
    </row>
    <row r="917879" spans="14:14">
      <c r="N917879" s="10"/>
    </row>
    <row r="917880" spans="14:14">
      <c r="N917880" s="10"/>
    </row>
    <row r="917881" spans="14:14">
      <c r="N917881" s="10"/>
    </row>
    <row r="917882" spans="14:14">
      <c r="N917882" s="10"/>
    </row>
    <row r="917883" spans="14:14">
      <c r="N917883" s="10"/>
    </row>
    <row r="917884" spans="14:14">
      <c r="N917884" s="10"/>
    </row>
    <row r="917885" spans="14:14">
      <c r="N917885" s="10"/>
    </row>
    <row r="917886" spans="14:14">
      <c r="N917886" s="10"/>
    </row>
    <row r="917887" spans="14:14">
      <c r="N917887" s="10"/>
    </row>
    <row r="917888" spans="14:14">
      <c r="N917888" s="10"/>
    </row>
    <row r="917889" spans="14:14">
      <c r="N917889" s="10"/>
    </row>
    <row r="917890" spans="14:14">
      <c r="N917890" s="10"/>
    </row>
    <row r="917891" spans="14:14">
      <c r="N917891" s="10"/>
    </row>
    <row r="917892" spans="14:14">
      <c r="N917892" s="10"/>
    </row>
    <row r="917893" spans="14:14">
      <c r="N917893" s="10"/>
    </row>
    <row r="917894" spans="14:14">
      <c r="N917894" s="10"/>
    </row>
    <row r="917895" spans="14:14">
      <c r="N917895" s="10"/>
    </row>
    <row r="917896" spans="14:14">
      <c r="N917896" s="10"/>
    </row>
    <row r="917897" spans="14:14">
      <c r="N917897" s="10"/>
    </row>
    <row r="917898" spans="14:14">
      <c r="N917898" s="10"/>
    </row>
    <row r="917899" spans="14:14">
      <c r="N917899" s="10"/>
    </row>
    <row r="917900" spans="14:14">
      <c r="N917900" s="10"/>
    </row>
    <row r="917901" spans="14:14">
      <c r="N917901" s="10"/>
    </row>
    <row r="917902" spans="14:14">
      <c r="N917902" s="10"/>
    </row>
    <row r="917903" spans="14:14">
      <c r="N917903" s="10"/>
    </row>
    <row r="917904" spans="14:14">
      <c r="N917904" s="10"/>
    </row>
    <row r="917905" spans="14:14">
      <c r="N917905" s="10"/>
    </row>
    <row r="917906" spans="14:14">
      <c r="N917906" s="10"/>
    </row>
    <row r="917907" spans="14:14">
      <c r="N917907" s="10"/>
    </row>
    <row r="917908" spans="14:14">
      <c r="N917908" s="10"/>
    </row>
    <row r="917909" spans="14:14">
      <c r="N917909" s="10"/>
    </row>
    <row r="917910" spans="14:14">
      <c r="N917910" s="10"/>
    </row>
    <row r="917911" spans="14:14">
      <c r="N917911" s="10"/>
    </row>
    <row r="917912" spans="14:14">
      <c r="N917912" s="10"/>
    </row>
    <row r="917913" spans="14:14">
      <c r="N917913" s="10"/>
    </row>
    <row r="917914" spans="14:14">
      <c r="N917914" s="10"/>
    </row>
    <row r="917915" spans="14:14">
      <c r="N917915" s="10"/>
    </row>
    <row r="917916" spans="14:14">
      <c r="N917916" s="10"/>
    </row>
    <row r="917917" spans="14:14">
      <c r="N917917" s="10"/>
    </row>
    <row r="917918" spans="14:14">
      <c r="N917918" s="10"/>
    </row>
    <row r="917919" spans="14:14">
      <c r="N917919" s="10"/>
    </row>
    <row r="917920" spans="14:14">
      <c r="N917920" s="10"/>
    </row>
    <row r="917921" spans="14:14">
      <c r="N917921" s="10"/>
    </row>
    <row r="917922" spans="14:14">
      <c r="N917922" s="10"/>
    </row>
    <row r="917923" spans="14:14">
      <c r="N917923" s="10"/>
    </row>
    <row r="917924" spans="14:14">
      <c r="N917924" s="10"/>
    </row>
    <row r="917925" spans="14:14">
      <c r="N917925" s="10"/>
    </row>
    <row r="917926" spans="14:14">
      <c r="N917926" s="10"/>
    </row>
    <row r="917927" spans="14:14">
      <c r="N917927" s="10"/>
    </row>
    <row r="917928" spans="14:14">
      <c r="N917928" s="10"/>
    </row>
    <row r="917929" spans="14:14">
      <c r="N917929" s="10"/>
    </row>
    <row r="917930" spans="14:14">
      <c r="N917930" s="10"/>
    </row>
    <row r="917931" spans="14:14">
      <c r="N917931" s="10"/>
    </row>
    <row r="917932" spans="14:14">
      <c r="N917932" s="10"/>
    </row>
    <row r="917933" spans="14:14">
      <c r="N917933" s="10"/>
    </row>
    <row r="917934" spans="14:14">
      <c r="N917934" s="10"/>
    </row>
    <row r="917935" spans="14:14">
      <c r="N917935" s="10"/>
    </row>
    <row r="917936" spans="14:14">
      <c r="N917936" s="10"/>
    </row>
    <row r="917937" spans="14:14">
      <c r="N917937" s="10"/>
    </row>
    <row r="917938" spans="14:14">
      <c r="N917938" s="10"/>
    </row>
    <row r="917939" spans="14:14">
      <c r="N917939" s="10"/>
    </row>
    <row r="917940" spans="14:14">
      <c r="N917940" s="10"/>
    </row>
    <row r="917941" spans="14:14">
      <c r="N917941" s="10"/>
    </row>
    <row r="917942" spans="14:14">
      <c r="N917942" s="10"/>
    </row>
    <row r="917943" spans="14:14">
      <c r="N917943" s="10"/>
    </row>
    <row r="917944" spans="14:14">
      <c r="N917944" s="10"/>
    </row>
    <row r="917945" spans="14:14">
      <c r="N917945" s="10"/>
    </row>
    <row r="917946" spans="14:14">
      <c r="N917946" s="10"/>
    </row>
    <row r="917947" spans="14:14">
      <c r="N917947" s="10"/>
    </row>
    <row r="917948" spans="14:14">
      <c r="N917948" s="10"/>
    </row>
    <row r="917949" spans="14:14">
      <c r="N917949" s="10"/>
    </row>
    <row r="917950" spans="14:14">
      <c r="N917950" s="10"/>
    </row>
    <row r="917951" spans="14:14">
      <c r="N917951" s="10"/>
    </row>
    <row r="917952" spans="14:14">
      <c r="N917952" s="10"/>
    </row>
    <row r="917953" spans="14:14">
      <c r="N917953" s="10"/>
    </row>
    <row r="917954" spans="14:14">
      <c r="N917954" s="10"/>
    </row>
    <row r="917955" spans="14:14">
      <c r="N917955" s="10"/>
    </row>
    <row r="917956" spans="14:14">
      <c r="N917956" s="10"/>
    </row>
    <row r="917957" spans="14:14">
      <c r="N917957" s="10"/>
    </row>
    <row r="917958" spans="14:14">
      <c r="N917958" s="10"/>
    </row>
    <row r="917959" spans="14:14">
      <c r="N917959" s="10"/>
    </row>
    <row r="917960" spans="14:14">
      <c r="N917960" s="10"/>
    </row>
    <row r="917961" spans="14:14">
      <c r="N917961" s="10"/>
    </row>
    <row r="917962" spans="14:14">
      <c r="N917962" s="10"/>
    </row>
    <row r="917963" spans="14:14">
      <c r="N917963" s="10"/>
    </row>
    <row r="917964" spans="14:14">
      <c r="N917964" s="10"/>
    </row>
    <row r="917965" spans="14:14">
      <c r="N917965" s="10"/>
    </row>
    <row r="917966" spans="14:14">
      <c r="N917966" s="10"/>
    </row>
    <row r="917967" spans="14:14">
      <c r="N917967" s="10"/>
    </row>
    <row r="917968" spans="14:14">
      <c r="N917968" s="10"/>
    </row>
    <row r="917969" spans="14:14">
      <c r="N917969" s="10"/>
    </row>
    <row r="917970" spans="14:14">
      <c r="N917970" s="10"/>
    </row>
    <row r="917971" spans="14:14">
      <c r="N917971" s="10"/>
    </row>
    <row r="917972" spans="14:14">
      <c r="N917972" s="10"/>
    </row>
    <row r="917973" spans="14:14">
      <c r="N917973" s="10"/>
    </row>
    <row r="917974" spans="14:14">
      <c r="N917974" s="10"/>
    </row>
    <row r="917975" spans="14:14">
      <c r="N917975" s="10"/>
    </row>
    <row r="917976" spans="14:14">
      <c r="N917976" s="10"/>
    </row>
    <row r="917977" spans="14:14">
      <c r="N917977" s="10"/>
    </row>
    <row r="917978" spans="14:14">
      <c r="N917978" s="10"/>
    </row>
    <row r="917979" spans="14:14">
      <c r="N917979" s="10"/>
    </row>
    <row r="917980" spans="14:14">
      <c r="N917980" s="10"/>
    </row>
    <row r="917981" spans="14:14">
      <c r="N917981" s="10"/>
    </row>
    <row r="917982" spans="14:14">
      <c r="N917982" s="10"/>
    </row>
    <row r="917983" spans="14:14">
      <c r="N917983" s="10"/>
    </row>
    <row r="917984" spans="14:14">
      <c r="N917984" s="10"/>
    </row>
    <row r="917985" spans="14:14">
      <c r="N917985" s="10"/>
    </row>
    <row r="917986" spans="14:14">
      <c r="N917986" s="10"/>
    </row>
    <row r="917987" spans="14:14">
      <c r="N917987" s="10"/>
    </row>
    <row r="917988" spans="14:14">
      <c r="N917988" s="10"/>
    </row>
    <row r="917989" spans="14:14">
      <c r="N917989" s="10"/>
    </row>
    <row r="917990" spans="14:14">
      <c r="N917990" s="10"/>
    </row>
    <row r="917991" spans="14:14">
      <c r="N917991" s="10"/>
    </row>
    <row r="917992" spans="14:14">
      <c r="N917992" s="10"/>
    </row>
    <row r="917993" spans="14:14">
      <c r="N917993" s="10"/>
    </row>
    <row r="917994" spans="14:14">
      <c r="N917994" s="10"/>
    </row>
    <row r="917995" spans="14:14">
      <c r="N917995" s="10"/>
    </row>
    <row r="917996" spans="14:14">
      <c r="N917996" s="10"/>
    </row>
    <row r="917997" spans="14:14">
      <c r="N917997" s="10"/>
    </row>
    <row r="917998" spans="14:14">
      <c r="N917998" s="10"/>
    </row>
    <row r="917999" spans="14:14">
      <c r="N917999" s="10"/>
    </row>
    <row r="918000" spans="14:14">
      <c r="N918000" s="10"/>
    </row>
    <row r="918001" spans="14:14">
      <c r="N918001" s="10"/>
    </row>
    <row r="918002" spans="14:14">
      <c r="N918002" s="10"/>
    </row>
    <row r="918003" spans="14:14">
      <c r="N918003" s="10"/>
    </row>
    <row r="918004" spans="14:14">
      <c r="N918004" s="10"/>
    </row>
    <row r="918005" spans="14:14">
      <c r="N918005" s="10"/>
    </row>
    <row r="918006" spans="14:14">
      <c r="N918006" s="10"/>
    </row>
    <row r="918007" spans="14:14">
      <c r="N918007" s="10"/>
    </row>
    <row r="918008" spans="14:14">
      <c r="N918008" s="10"/>
    </row>
    <row r="918009" spans="14:14">
      <c r="N918009" s="10"/>
    </row>
    <row r="918010" spans="14:14">
      <c r="N918010" s="10"/>
    </row>
    <row r="918011" spans="14:14">
      <c r="N918011" s="10"/>
    </row>
    <row r="918012" spans="14:14">
      <c r="N918012" s="10"/>
    </row>
    <row r="918013" spans="14:14">
      <c r="N918013" s="10"/>
    </row>
    <row r="918014" spans="14:14">
      <c r="N918014" s="10"/>
    </row>
    <row r="918015" spans="14:14">
      <c r="N918015" s="10"/>
    </row>
    <row r="918016" spans="14:14">
      <c r="N918016" s="10"/>
    </row>
    <row r="918017" spans="14:14">
      <c r="N918017" s="10"/>
    </row>
    <row r="918018" spans="14:14">
      <c r="N918018" s="10"/>
    </row>
    <row r="918019" spans="14:14">
      <c r="N918019" s="10"/>
    </row>
    <row r="918020" spans="14:14">
      <c r="N918020" s="10"/>
    </row>
    <row r="918021" spans="14:14">
      <c r="N918021" s="10"/>
    </row>
    <row r="918022" spans="14:14">
      <c r="N918022" s="10"/>
    </row>
    <row r="918023" spans="14:14">
      <c r="N918023" s="10"/>
    </row>
    <row r="918024" spans="14:14">
      <c r="N918024" s="10"/>
    </row>
    <row r="918025" spans="14:14">
      <c r="N918025" s="10"/>
    </row>
    <row r="918026" spans="14:14">
      <c r="N918026" s="10"/>
    </row>
    <row r="918027" spans="14:14">
      <c r="N918027" s="10"/>
    </row>
    <row r="918028" spans="14:14">
      <c r="N918028" s="10"/>
    </row>
    <row r="918029" spans="14:14">
      <c r="N918029" s="10"/>
    </row>
    <row r="918030" spans="14:14">
      <c r="N918030" s="10"/>
    </row>
    <row r="918031" spans="14:14">
      <c r="N918031" s="10"/>
    </row>
    <row r="918032" spans="14:14">
      <c r="N918032" s="10"/>
    </row>
    <row r="918033" spans="14:14">
      <c r="N918033" s="10"/>
    </row>
    <row r="918034" spans="14:14">
      <c r="N918034" s="10"/>
    </row>
    <row r="918035" spans="14:14">
      <c r="N918035" s="10"/>
    </row>
    <row r="918036" spans="14:14">
      <c r="N918036" s="10"/>
    </row>
    <row r="918037" spans="14:14">
      <c r="N918037" s="10"/>
    </row>
    <row r="918038" spans="14:14">
      <c r="N918038" s="10"/>
    </row>
    <row r="918039" spans="14:14">
      <c r="N918039" s="10"/>
    </row>
    <row r="918040" spans="14:14">
      <c r="N918040" s="10"/>
    </row>
    <row r="918041" spans="14:14">
      <c r="N918041" s="10"/>
    </row>
    <row r="918042" spans="14:14">
      <c r="N918042" s="10"/>
    </row>
    <row r="918043" spans="14:14">
      <c r="N918043" s="10"/>
    </row>
    <row r="918044" spans="14:14">
      <c r="N918044" s="10"/>
    </row>
    <row r="918045" spans="14:14">
      <c r="N918045" s="10"/>
    </row>
    <row r="918046" spans="14:14">
      <c r="N918046" s="10"/>
    </row>
    <row r="918047" spans="14:14">
      <c r="N918047" s="10"/>
    </row>
    <row r="918048" spans="14:14">
      <c r="N918048" s="10"/>
    </row>
    <row r="918049" spans="14:14">
      <c r="N918049" s="10"/>
    </row>
    <row r="918050" spans="14:14">
      <c r="N918050" s="10"/>
    </row>
    <row r="918051" spans="14:14">
      <c r="N918051" s="10"/>
    </row>
    <row r="918052" spans="14:14">
      <c r="N918052" s="10"/>
    </row>
    <row r="918053" spans="14:14">
      <c r="N918053" s="10"/>
    </row>
    <row r="918054" spans="14:14">
      <c r="N918054" s="10"/>
    </row>
    <row r="918055" spans="14:14">
      <c r="N918055" s="10"/>
    </row>
    <row r="918056" spans="14:14">
      <c r="N918056" s="10"/>
    </row>
    <row r="918057" spans="14:14">
      <c r="N918057" s="10"/>
    </row>
    <row r="918058" spans="14:14">
      <c r="N918058" s="10"/>
    </row>
    <row r="918059" spans="14:14">
      <c r="N918059" s="10"/>
    </row>
    <row r="918060" spans="14:14">
      <c r="N918060" s="10"/>
    </row>
    <row r="918061" spans="14:14">
      <c r="N918061" s="10"/>
    </row>
    <row r="918062" spans="14:14">
      <c r="N918062" s="10"/>
    </row>
    <row r="918063" spans="14:14">
      <c r="N918063" s="10"/>
    </row>
    <row r="918064" spans="14:14">
      <c r="N918064" s="10"/>
    </row>
    <row r="918065" spans="14:14">
      <c r="N918065" s="10"/>
    </row>
    <row r="918066" spans="14:14">
      <c r="N918066" s="10"/>
    </row>
    <row r="918067" spans="14:14">
      <c r="N918067" s="10"/>
    </row>
    <row r="918068" spans="14:14">
      <c r="N918068" s="10"/>
    </row>
    <row r="918069" spans="14:14">
      <c r="N918069" s="10"/>
    </row>
    <row r="918070" spans="14:14">
      <c r="N918070" s="10"/>
    </row>
    <row r="918071" spans="14:14">
      <c r="N918071" s="10"/>
    </row>
    <row r="918072" spans="14:14">
      <c r="N918072" s="10"/>
    </row>
    <row r="918073" spans="14:14">
      <c r="N918073" s="10"/>
    </row>
    <row r="918074" spans="14:14">
      <c r="N918074" s="10"/>
    </row>
    <row r="918075" spans="14:14">
      <c r="N918075" s="10"/>
    </row>
    <row r="918076" spans="14:14">
      <c r="N918076" s="10"/>
    </row>
    <row r="918077" spans="14:14">
      <c r="N918077" s="10"/>
    </row>
    <row r="918078" spans="14:14">
      <c r="N918078" s="10"/>
    </row>
    <row r="918079" spans="14:14">
      <c r="N918079" s="10"/>
    </row>
    <row r="918080" spans="14:14">
      <c r="N918080" s="10"/>
    </row>
    <row r="918081" spans="14:14">
      <c r="N918081" s="10"/>
    </row>
    <row r="918082" spans="14:14">
      <c r="N918082" s="10"/>
    </row>
    <row r="918083" spans="14:14">
      <c r="N918083" s="10"/>
    </row>
    <row r="918084" spans="14:14">
      <c r="N918084" s="10"/>
    </row>
    <row r="918085" spans="14:14">
      <c r="N918085" s="10"/>
    </row>
    <row r="918086" spans="14:14">
      <c r="N918086" s="10"/>
    </row>
    <row r="918087" spans="14:14">
      <c r="N918087" s="10"/>
    </row>
    <row r="918088" spans="14:14">
      <c r="N918088" s="10"/>
    </row>
    <row r="918089" spans="14:14">
      <c r="N918089" s="10"/>
    </row>
    <row r="918090" spans="14:14">
      <c r="N918090" s="10"/>
    </row>
    <row r="918091" spans="14:14">
      <c r="N918091" s="10"/>
    </row>
    <row r="918092" spans="14:14">
      <c r="N918092" s="10"/>
    </row>
    <row r="918093" spans="14:14">
      <c r="N918093" s="10"/>
    </row>
    <row r="918094" spans="14:14">
      <c r="N918094" s="10"/>
    </row>
    <row r="918095" spans="14:14">
      <c r="N918095" s="10"/>
    </row>
    <row r="918096" spans="14:14">
      <c r="N918096" s="10"/>
    </row>
    <row r="918097" spans="14:14">
      <c r="N918097" s="10"/>
    </row>
    <row r="918098" spans="14:14">
      <c r="N918098" s="10"/>
    </row>
    <row r="918099" spans="14:14">
      <c r="N918099" s="10"/>
    </row>
    <row r="918100" spans="14:14">
      <c r="N918100" s="10"/>
    </row>
    <row r="918101" spans="14:14">
      <c r="N918101" s="10"/>
    </row>
    <row r="918102" spans="14:14">
      <c r="N918102" s="10"/>
    </row>
    <row r="918103" spans="14:14">
      <c r="N918103" s="10"/>
    </row>
    <row r="918104" spans="14:14">
      <c r="N918104" s="10"/>
    </row>
    <row r="918105" spans="14:14">
      <c r="N918105" s="10"/>
    </row>
    <row r="918106" spans="14:14">
      <c r="N918106" s="10"/>
    </row>
    <row r="918107" spans="14:14">
      <c r="N918107" s="10"/>
    </row>
    <row r="918108" spans="14:14">
      <c r="N918108" s="10"/>
    </row>
    <row r="918109" spans="14:14">
      <c r="N918109" s="10"/>
    </row>
    <row r="918110" spans="14:14">
      <c r="N918110" s="10"/>
    </row>
    <row r="918111" spans="14:14">
      <c r="N918111" s="10"/>
    </row>
    <row r="918112" spans="14:14">
      <c r="N918112" s="10"/>
    </row>
    <row r="918113" spans="14:14">
      <c r="N918113" s="10"/>
    </row>
    <row r="918114" spans="14:14">
      <c r="N918114" s="10"/>
    </row>
    <row r="918115" spans="14:14">
      <c r="N918115" s="10"/>
    </row>
    <row r="918116" spans="14:14">
      <c r="N918116" s="10"/>
    </row>
    <row r="918117" spans="14:14">
      <c r="N918117" s="10"/>
    </row>
    <row r="918118" spans="14:14">
      <c r="N918118" s="10"/>
    </row>
    <row r="918119" spans="14:14">
      <c r="N918119" s="10"/>
    </row>
    <row r="918120" spans="14:14">
      <c r="N918120" s="10"/>
    </row>
    <row r="918121" spans="14:14">
      <c r="N918121" s="10"/>
    </row>
    <row r="918122" spans="14:14">
      <c r="N918122" s="10"/>
    </row>
    <row r="918123" spans="14:14">
      <c r="N918123" s="10"/>
    </row>
    <row r="918124" spans="14:14">
      <c r="N918124" s="10"/>
    </row>
    <row r="918125" spans="14:14">
      <c r="N918125" s="10"/>
    </row>
    <row r="918126" spans="14:14">
      <c r="N918126" s="10"/>
    </row>
    <row r="918127" spans="14:14">
      <c r="N918127" s="10"/>
    </row>
    <row r="918128" spans="14:14">
      <c r="N918128" s="10"/>
    </row>
    <row r="918129" spans="14:14">
      <c r="N918129" s="10"/>
    </row>
    <row r="918130" spans="14:14">
      <c r="N918130" s="10"/>
    </row>
    <row r="918131" spans="14:14">
      <c r="N918131" s="10"/>
    </row>
    <row r="918132" spans="14:14">
      <c r="N918132" s="10"/>
    </row>
    <row r="918133" spans="14:14">
      <c r="N918133" s="10"/>
    </row>
    <row r="918134" spans="14:14">
      <c r="N918134" s="10"/>
    </row>
    <row r="918135" spans="14:14">
      <c r="N918135" s="10"/>
    </row>
    <row r="918136" spans="14:14">
      <c r="N918136" s="10"/>
    </row>
    <row r="918137" spans="14:14">
      <c r="N918137" s="10"/>
    </row>
    <row r="918138" spans="14:14">
      <c r="N918138" s="10"/>
    </row>
    <row r="918139" spans="14:14">
      <c r="N918139" s="10"/>
    </row>
    <row r="918140" spans="14:14">
      <c r="N918140" s="10"/>
    </row>
    <row r="918141" spans="14:14">
      <c r="N918141" s="10"/>
    </row>
    <row r="918142" spans="14:14">
      <c r="N918142" s="10"/>
    </row>
    <row r="918143" spans="14:14">
      <c r="N918143" s="10"/>
    </row>
    <row r="918144" spans="14:14">
      <c r="N918144" s="10"/>
    </row>
    <row r="918145" spans="14:14">
      <c r="N918145" s="10"/>
    </row>
    <row r="918146" spans="14:14">
      <c r="N918146" s="10"/>
    </row>
    <row r="918147" spans="14:14">
      <c r="N918147" s="10"/>
    </row>
    <row r="918148" spans="14:14">
      <c r="N918148" s="10"/>
    </row>
    <row r="918149" spans="14:14">
      <c r="N918149" s="10"/>
    </row>
    <row r="918150" spans="14:14">
      <c r="N918150" s="10"/>
    </row>
    <row r="918151" spans="14:14">
      <c r="N918151" s="10"/>
    </row>
    <row r="918152" spans="14:14">
      <c r="N918152" s="10"/>
    </row>
    <row r="918153" spans="14:14">
      <c r="N918153" s="10"/>
    </row>
    <row r="918154" spans="14:14">
      <c r="N918154" s="10"/>
    </row>
    <row r="918155" spans="14:14">
      <c r="N918155" s="10"/>
    </row>
    <row r="918156" spans="14:14">
      <c r="N918156" s="10"/>
    </row>
    <row r="918157" spans="14:14">
      <c r="N918157" s="10"/>
    </row>
    <row r="918158" spans="14:14">
      <c r="N918158" s="10"/>
    </row>
    <row r="918159" spans="14:14">
      <c r="N918159" s="10"/>
    </row>
    <row r="918160" spans="14:14">
      <c r="N918160" s="10"/>
    </row>
    <row r="918161" spans="14:14">
      <c r="N918161" s="10"/>
    </row>
    <row r="918162" spans="14:14">
      <c r="N918162" s="10"/>
    </row>
    <row r="918163" spans="14:14">
      <c r="N918163" s="10"/>
    </row>
    <row r="918164" spans="14:14">
      <c r="N918164" s="10"/>
    </row>
    <row r="918165" spans="14:14">
      <c r="N918165" s="10"/>
    </row>
    <row r="918166" spans="14:14">
      <c r="N918166" s="10"/>
    </row>
    <row r="918167" spans="14:14">
      <c r="N918167" s="10"/>
    </row>
    <row r="918168" spans="14:14">
      <c r="N918168" s="10"/>
    </row>
    <row r="918169" spans="14:14">
      <c r="N918169" s="10"/>
    </row>
    <row r="918170" spans="14:14">
      <c r="N918170" s="10"/>
    </row>
    <row r="918171" spans="14:14">
      <c r="N918171" s="10"/>
    </row>
    <row r="918172" spans="14:14">
      <c r="N918172" s="10"/>
    </row>
    <row r="918173" spans="14:14">
      <c r="N918173" s="10"/>
    </row>
    <row r="918174" spans="14:14">
      <c r="N918174" s="10"/>
    </row>
    <row r="918175" spans="14:14">
      <c r="N918175" s="10"/>
    </row>
    <row r="918176" spans="14:14">
      <c r="N918176" s="10"/>
    </row>
    <row r="918177" spans="14:14">
      <c r="N918177" s="10"/>
    </row>
    <row r="918178" spans="14:14">
      <c r="N918178" s="10"/>
    </row>
    <row r="918179" spans="14:14">
      <c r="N918179" s="10"/>
    </row>
    <row r="918180" spans="14:14">
      <c r="N918180" s="10"/>
    </row>
    <row r="918181" spans="14:14">
      <c r="N918181" s="10"/>
    </row>
    <row r="918182" spans="14:14">
      <c r="N918182" s="10"/>
    </row>
    <row r="918183" spans="14:14">
      <c r="N918183" s="10"/>
    </row>
    <row r="918184" spans="14:14">
      <c r="N918184" s="10"/>
    </row>
    <row r="918185" spans="14:14">
      <c r="N918185" s="10"/>
    </row>
    <row r="918186" spans="14:14">
      <c r="N918186" s="10"/>
    </row>
    <row r="918187" spans="14:14">
      <c r="N918187" s="10"/>
    </row>
    <row r="918188" spans="14:14">
      <c r="N918188" s="10"/>
    </row>
    <row r="918189" spans="14:14">
      <c r="N918189" s="10"/>
    </row>
    <row r="918190" spans="14:14">
      <c r="N918190" s="10"/>
    </row>
    <row r="918191" spans="14:14">
      <c r="N918191" s="10"/>
    </row>
    <row r="918192" spans="14:14">
      <c r="N918192" s="10"/>
    </row>
    <row r="918193" spans="14:14">
      <c r="N918193" s="10"/>
    </row>
    <row r="918194" spans="14:14">
      <c r="N918194" s="10"/>
    </row>
    <row r="918195" spans="14:14">
      <c r="N918195" s="10"/>
    </row>
    <row r="918196" spans="14:14">
      <c r="N918196" s="10"/>
    </row>
    <row r="918197" spans="14:14">
      <c r="N918197" s="10"/>
    </row>
    <row r="918198" spans="14:14">
      <c r="N918198" s="10"/>
    </row>
    <row r="918199" spans="14:14">
      <c r="N918199" s="10"/>
    </row>
    <row r="918200" spans="14:14">
      <c r="N918200" s="10"/>
    </row>
    <row r="918201" spans="14:14">
      <c r="N918201" s="10"/>
    </row>
    <row r="918202" spans="14:14">
      <c r="N918202" s="10"/>
    </row>
    <row r="918203" spans="14:14">
      <c r="N918203" s="10"/>
    </row>
    <row r="918204" spans="14:14">
      <c r="N918204" s="10"/>
    </row>
    <row r="918205" spans="14:14">
      <c r="N918205" s="10"/>
    </row>
    <row r="918206" spans="14:14">
      <c r="N918206" s="10"/>
    </row>
    <row r="918207" spans="14:14">
      <c r="N918207" s="10"/>
    </row>
    <row r="918208" spans="14:14">
      <c r="N918208" s="10"/>
    </row>
    <row r="918209" spans="14:14">
      <c r="N918209" s="10"/>
    </row>
    <row r="918210" spans="14:14">
      <c r="N918210" s="10"/>
    </row>
    <row r="918211" spans="14:14">
      <c r="N918211" s="10"/>
    </row>
    <row r="918212" spans="14:14">
      <c r="N918212" s="10"/>
    </row>
    <row r="918213" spans="14:14">
      <c r="N918213" s="10"/>
    </row>
    <row r="918214" spans="14:14">
      <c r="N918214" s="10"/>
    </row>
    <row r="918215" spans="14:14">
      <c r="N918215" s="10"/>
    </row>
    <row r="918216" spans="14:14">
      <c r="N918216" s="10"/>
    </row>
    <row r="918217" spans="14:14">
      <c r="N918217" s="10"/>
    </row>
    <row r="918218" spans="14:14">
      <c r="N918218" s="10"/>
    </row>
    <row r="918219" spans="14:14">
      <c r="N918219" s="10"/>
    </row>
    <row r="918220" spans="14:14">
      <c r="N918220" s="10"/>
    </row>
    <row r="918221" spans="14:14">
      <c r="N918221" s="10"/>
    </row>
    <row r="918222" spans="14:14">
      <c r="N918222" s="10"/>
    </row>
    <row r="918223" spans="14:14">
      <c r="N918223" s="10"/>
    </row>
    <row r="918224" spans="14:14">
      <c r="N918224" s="10"/>
    </row>
    <row r="918225" spans="14:14">
      <c r="N918225" s="10"/>
    </row>
    <row r="918226" spans="14:14">
      <c r="N918226" s="10"/>
    </row>
    <row r="918227" spans="14:14">
      <c r="N918227" s="10"/>
    </row>
    <row r="918228" spans="14:14">
      <c r="N918228" s="10"/>
    </row>
    <row r="918229" spans="14:14">
      <c r="N918229" s="10"/>
    </row>
    <row r="918230" spans="14:14">
      <c r="N918230" s="10"/>
    </row>
    <row r="918231" spans="14:14">
      <c r="N918231" s="10"/>
    </row>
    <row r="918232" spans="14:14">
      <c r="N918232" s="10"/>
    </row>
    <row r="918233" spans="14:14">
      <c r="N918233" s="10"/>
    </row>
    <row r="918234" spans="14:14">
      <c r="N918234" s="10"/>
    </row>
    <row r="918235" spans="14:14">
      <c r="N918235" s="10"/>
    </row>
    <row r="918236" spans="14:14">
      <c r="N918236" s="10"/>
    </row>
    <row r="918237" spans="14:14">
      <c r="N918237" s="10"/>
    </row>
    <row r="918238" spans="14:14">
      <c r="N918238" s="10"/>
    </row>
    <row r="918239" spans="14:14">
      <c r="N918239" s="10"/>
    </row>
    <row r="918240" spans="14:14">
      <c r="N918240" s="10"/>
    </row>
    <row r="918241" spans="14:14">
      <c r="N918241" s="10"/>
    </row>
    <row r="918242" spans="14:14">
      <c r="N918242" s="10"/>
    </row>
    <row r="918243" spans="14:14">
      <c r="N918243" s="10"/>
    </row>
    <row r="918244" spans="14:14">
      <c r="N918244" s="10"/>
    </row>
    <row r="918245" spans="14:14">
      <c r="N918245" s="10"/>
    </row>
    <row r="918246" spans="14:14">
      <c r="N918246" s="10"/>
    </row>
    <row r="918247" spans="14:14">
      <c r="N918247" s="10"/>
    </row>
    <row r="918248" spans="14:14">
      <c r="N918248" s="10"/>
    </row>
    <row r="918249" spans="14:14">
      <c r="N918249" s="10"/>
    </row>
    <row r="918250" spans="14:14">
      <c r="N918250" s="10"/>
    </row>
    <row r="918251" spans="14:14">
      <c r="N918251" s="10"/>
    </row>
    <row r="918252" spans="14:14">
      <c r="N918252" s="10"/>
    </row>
    <row r="918253" spans="14:14">
      <c r="N918253" s="10"/>
    </row>
    <row r="918254" spans="14:14">
      <c r="N918254" s="10"/>
    </row>
    <row r="918255" spans="14:14">
      <c r="N918255" s="10"/>
    </row>
    <row r="918256" spans="14:14">
      <c r="N918256" s="10"/>
    </row>
    <row r="918257" spans="14:14">
      <c r="N918257" s="10"/>
    </row>
    <row r="918258" spans="14:14">
      <c r="N918258" s="10"/>
    </row>
    <row r="918259" spans="14:14">
      <c r="N918259" s="10"/>
    </row>
    <row r="918260" spans="14:14">
      <c r="N918260" s="10"/>
    </row>
    <row r="918261" spans="14:14">
      <c r="N918261" s="10"/>
    </row>
    <row r="918262" spans="14:14">
      <c r="N918262" s="10"/>
    </row>
    <row r="918263" spans="14:14">
      <c r="N918263" s="10"/>
    </row>
    <row r="918264" spans="14:14">
      <c r="N918264" s="10"/>
    </row>
    <row r="918265" spans="14:14">
      <c r="N918265" s="10"/>
    </row>
    <row r="918266" spans="14:14">
      <c r="N918266" s="10"/>
    </row>
    <row r="918267" spans="14:14">
      <c r="N918267" s="10"/>
    </row>
    <row r="918268" spans="14:14">
      <c r="N918268" s="10"/>
    </row>
    <row r="918269" spans="14:14">
      <c r="N918269" s="10"/>
    </row>
    <row r="918270" spans="14:14">
      <c r="N918270" s="10"/>
    </row>
    <row r="918271" spans="14:14">
      <c r="N918271" s="10"/>
    </row>
    <row r="918272" spans="14:14">
      <c r="N918272" s="10"/>
    </row>
    <row r="918273" spans="14:14">
      <c r="N918273" s="10"/>
    </row>
    <row r="918274" spans="14:14">
      <c r="N918274" s="10"/>
    </row>
    <row r="918275" spans="14:14">
      <c r="N918275" s="10"/>
    </row>
    <row r="918276" spans="14:14">
      <c r="N918276" s="10"/>
    </row>
    <row r="918277" spans="14:14">
      <c r="N918277" s="10"/>
    </row>
    <row r="918278" spans="14:14">
      <c r="N918278" s="10"/>
    </row>
    <row r="918279" spans="14:14">
      <c r="N918279" s="10"/>
    </row>
    <row r="918280" spans="14:14">
      <c r="N918280" s="10"/>
    </row>
    <row r="918281" spans="14:14">
      <c r="N918281" s="10"/>
    </row>
    <row r="918282" spans="14:14">
      <c r="N918282" s="10"/>
    </row>
    <row r="918283" spans="14:14">
      <c r="N918283" s="10"/>
    </row>
    <row r="918284" spans="14:14">
      <c r="N918284" s="10"/>
    </row>
    <row r="918285" spans="14:14">
      <c r="N918285" s="10"/>
    </row>
    <row r="918286" spans="14:14">
      <c r="N918286" s="10"/>
    </row>
    <row r="918287" spans="14:14">
      <c r="N918287" s="10"/>
    </row>
    <row r="918288" spans="14:14">
      <c r="N918288" s="10"/>
    </row>
    <row r="918289" spans="14:14">
      <c r="N918289" s="10"/>
    </row>
    <row r="918290" spans="14:14">
      <c r="N918290" s="10"/>
    </row>
    <row r="918291" spans="14:14">
      <c r="N918291" s="10"/>
    </row>
    <row r="918292" spans="14:14">
      <c r="N918292" s="10"/>
    </row>
    <row r="918293" spans="14:14">
      <c r="N918293" s="10"/>
    </row>
    <row r="918294" spans="14:14">
      <c r="N918294" s="10"/>
    </row>
    <row r="918295" spans="14:14">
      <c r="N918295" s="10"/>
    </row>
    <row r="918296" spans="14:14">
      <c r="N918296" s="10"/>
    </row>
    <row r="918297" spans="14:14">
      <c r="N918297" s="10"/>
    </row>
    <row r="918298" spans="14:14">
      <c r="N918298" s="10"/>
    </row>
    <row r="918299" spans="14:14">
      <c r="N918299" s="10"/>
    </row>
    <row r="918300" spans="14:14">
      <c r="N918300" s="10"/>
    </row>
    <row r="918301" spans="14:14">
      <c r="N918301" s="10"/>
    </row>
    <row r="918302" spans="14:14">
      <c r="N918302" s="10"/>
    </row>
    <row r="918303" spans="14:14">
      <c r="N918303" s="10"/>
    </row>
    <row r="918304" spans="14:14">
      <c r="N918304" s="10"/>
    </row>
    <row r="918305" spans="14:14">
      <c r="N918305" s="10"/>
    </row>
    <row r="918306" spans="14:14">
      <c r="N918306" s="10"/>
    </row>
    <row r="918307" spans="14:14">
      <c r="N918307" s="10"/>
    </row>
    <row r="918308" spans="14:14">
      <c r="N918308" s="10"/>
    </row>
    <row r="918309" spans="14:14">
      <c r="N918309" s="10"/>
    </row>
    <row r="918310" spans="14:14">
      <c r="N918310" s="10"/>
    </row>
    <row r="918311" spans="14:14">
      <c r="N918311" s="10"/>
    </row>
    <row r="918312" spans="14:14">
      <c r="N918312" s="10"/>
    </row>
    <row r="918313" spans="14:14">
      <c r="N918313" s="10"/>
    </row>
    <row r="918314" spans="14:14">
      <c r="N918314" s="10"/>
    </row>
    <row r="918315" spans="14:14">
      <c r="N918315" s="10"/>
    </row>
    <row r="918316" spans="14:14">
      <c r="N918316" s="10"/>
    </row>
    <row r="918317" spans="14:14">
      <c r="N918317" s="10"/>
    </row>
    <row r="918318" spans="14:14">
      <c r="N918318" s="10"/>
    </row>
    <row r="918319" spans="14:14">
      <c r="N918319" s="10"/>
    </row>
    <row r="918320" spans="14:14">
      <c r="N918320" s="10"/>
    </row>
    <row r="918321" spans="14:14">
      <c r="N918321" s="10"/>
    </row>
    <row r="918322" spans="14:14">
      <c r="N918322" s="10"/>
    </row>
    <row r="918323" spans="14:14">
      <c r="N918323" s="10"/>
    </row>
    <row r="918324" spans="14:14">
      <c r="N918324" s="10"/>
    </row>
    <row r="918325" spans="14:14">
      <c r="N918325" s="10"/>
    </row>
    <row r="918326" spans="14:14">
      <c r="N918326" s="10"/>
    </row>
    <row r="918327" spans="14:14">
      <c r="N918327" s="10"/>
    </row>
    <row r="918328" spans="14:14">
      <c r="N918328" s="10"/>
    </row>
    <row r="918329" spans="14:14">
      <c r="N918329" s="10"/>
    </row>
    <row r="918330" spans="14:14">
      <c r="N918330" s="10"/>
    </row>
    <row r="918331" spans="14:14">
      <c r="N918331" s="10"/>
    </row>
    <row r="918332" spans="14:14">
      <c r="N918332" s="10"/>
    </row>
    <row r="918333" spans="14:14">
      <c r="N918333" s="10"/>
    </row>
    <row r="918334" spans="14:14">
      <c r="N918334" s="10"/>
    </row>
    <row r="918335" spans="14:14">
      <c r="N918335" s="10"/>
    </row>
    <row r="918336" spans="14:14">
      <c r="N918336" s="10"/>
    </row>
    <row r="918337" spans="14:14">
      <c r="N918337" s="10"/>
    </row>
    <row r="918338" spans="14:14">
      <c r="N918338" s="10"/>
    </row>
    <row r="918339" spans="14:14">
      <c r="N918339" s="10"/>
    </row>
    <row r="918340" spans="14:14">
      <c r="N918340" s="10"/>
    </row>
    <row r="918341" spans="14:14">
      <c r="N918341" s="10"/>
    </row>
    <row r="918342" spans="14:14">
      <c r="N918342" s="10"/>
    </row>
    <row r="918343" spans="14:14">
      <c r="N918343" s="10"/>
    </row>
    <row r="918344" spans="14:14">
      <c r="N918344" s="10"/>
    </row>
    <row r="918345" spans="14:14">
      <c r="N918345" s="10"/>
    </row>
    <row r="918346" spans="14:14">
      <c r="N918346" s="10"/>
    </row>
    <row r="918347" spans="14:14">
      <c r="N918347" s="10"/>
    </row>
    <row r="918348" spans="14:14">
      <c r="N918348" s="10"/>
    </row>
    <row r="918349" spans="14:14">
      <c r="N918349" s="10"/>
    </row>
    <row r="918350" spans="14:14">
      <c r="N918350" s="10"/>
    </row>
    <row r="918351" spans="14:14">
      <c r="N918351" s="10"/>
    </row>
    <row r="918352" spans="14:14">
      <c r="N918352" s="10"/>
    </row>
    <row r="918353" spans="14:14">
      <c r="N918353" s="10"/>
    </row>
    <row r="918354" spans="14:14">
      <c r="N918354" s="10"/>
    </row>
    <row r="918355" spans="14:14">
      <c r="N918355" s="10"/>
    </row>
    <row r="918356" spans="14:14">
      <c r="N918356" s="10"/>
    </row>
    <row r="918357" spans="14:14">
      <c r="N918357" s="10"/>
    </row>
    <row r="918358" spans="14:14">
      <c r="N918358" s="10"/>
    </row>
    <row r="918359" spans="14:14">
      <c r="N918359" s="10"/>
    </row>
    <row r="918360" spans="14:14">
      <c r="N918360" s="10"/>
    </row>
    <row r="918361" spans="14:14">
      <c r="N918361" s="10"/>
    </row>
    <row r="918362" spans="14:14">
      <c r="N918362" s="10"/>
    </row>
    <row r="918363" spans="14:14">
      <c r="N918363" s="10"/>
    </row>
    <row r="918364" spans="14:14">
      <c r="N918364" s="10"/>
    </row>
    <row r="918365" spans="14:14">
      <c r="N918365" s="10"/>
    </row>
    <row r="918366" spans="14:14">
      <c r="N918366" s="10"/>
    </row>
    <row r="918367" spans="14:14">
      <c r="N918367" s="10"/>
    </row>
    <row r="918368" spans="14:14">
      <c r="N918368" s="10"/>
    </row>
    <row r="918369" spans="14:14">
      <c r="N918369" s="10"/>
    </row>
    <row r="918370" spans="14:14">
      <c r="N918370" s="10"/>
    </row>
    <row r="918371" spans="14:14">
      <c r="N918371" s="10"/>
    </row>
    <row r="918372" spans="14:14">
      <c r="N918372" s="10"/>
    </row>
    <row r="918373" spans="14:14">
      <c r="N918373" s="10"/>
    </row>
    <row r="918374" spans="14:14">
      <c r="N918374" s="10"/>
    </row>
    <row r="918375" spans="14:14">
      <c r="N918375" s="10"/>
    </row>
    <row r="918376" spans="14:14">
      <c r="N918376" s="10"/>
    </row>
    <row r="918377" spans="14:14">
      <c r="N918377" s="10"/>
    </row>
    <row r="918378" spans="14:14">
      <c r="N918378" s="10"/>
    </row>
    <row r="918379" spans="14:14">
      <c r="N918379" s="10"/>
    </row>
    <row r="918380" spans="14:14">
      <c r="N918380" s="10"/>
    </row>
    <row r="918381" spans="14:14">
      <c r="N918381" s="10"/>
    </row>
    <row r="918382" spans="14:14">
      <c r="N918382" s="10"/>
    </row>
    <row r="918383" spans="14:14">
      <c r="N918383" s="10"/>
    </row>
    <row r="918384" spans="14:14">
      <c r="N918384" s="10"/>
    </row>
    <row r="918385" spans="14:14">
      <c r="N918385" s="10"/>
    </row>
    <row r="918386" spans="14:14">
      <c r="N918386" s="10"/>
    </row>
    <row r="918387" spans="14:14">
      <c r="N918387" s="10"/>
    </row>
    <row r="918388" spans="14:14">
      <c r="N918388" s="10"/>
    </row>
    <row r="918389" spans="14:14">
      <c r="N918389" s="10"/>
    </row>
    <row r="918390" spans="14:14">
      <c r="N918390" s="10"/>
    </row>
    <row r="918391" spans="14:14">
      <c r="N918391" s="10"/>
    </row>
    <row r="918392" spans="14:14">
      <c r="N918392" s="10"/>
    </row>
    <row r="918393" spans="14:14">
      <c r="N918393" s="10"/>
    </row>
    <row r="918394" spans="14:14">
      <c r="N918394" s="10"/>
    </row>
    <row r="918395" spans="14:14">
      <c r="N918395" s="10"/>
    </row>
    <row r="918396" spans="14:14">
      <c r="N918396" s="10"/>
    </row>
    <row r="918397" spans="14:14">
      <c r="N918397" s="10"/>
    </row>
    <row r="918398" spans="14:14">
      <c r="N918398" s="10"/>
    </row>
    <row r="918399" spans="14:14">
      <c r="N918399" s="10"/>
    </row>
    <row r="918400" spans="14:14">
      <c r="N918400" s="10"/>
    </row>
    <row r="918401" spans="14:14">
      <c r="N918401" s="10"/>
    </row>
    <row r="918402" spans="14:14">
      <c r="N918402" s="10"/>
    </row>
    <row r="918403" spans="14:14">
      <c r="N918403" s="10"/>
    </row>
    <row r="918404" spans="14:14">
      <c r="N918404" s="10"/>
    </row>
    <row r="918405" spans="14:14">
      <c r="N918405" s="10"/>
    </row>
    <row r="918406" spans="14:14">
      <c r="N918406" s="10"/>
    </row>
    <row r="918407" spans="14:14">
      <c r="N918407" s="10"/>
    </row>
    <row r="918408" spans="14:14">
      <c r="N918408" s="10"/>
    </row>
    <row r="918409" spans="14:14">
      <c r="N918409" s="10"/>
    </row>
    <row r="918410" spans="14:14">
      <c r="N918410" s="10"/>
    </row>
    <row r="918411" spans="14:14">
      <c r="N918411" s="10"/>
    </row>
    <row r="918412" spans="14:14">
      <c r="N918412" s="10"/>
    </row>
    <row r="918413" spans="14:14">
      <c r="N918413" s="10"/>
    </row>
    <row r="918414" spans="14:14">
      <c r="N918414" s="10"/>
    </row>
    <row r="918415" spans="14:14">
      <c r="N918415" s="10"/>
    </row>
    <row r="918416" spans="14:14">
      <c r="N918416" s="10"/>
    </row>
    <row r="918417" spans="14:14">
      <c r="N918417" s="10"/>
    </row>
    <row r="918418" spans="14:14">
      <c r="N918418" s="10"/>
    </row>
    <row r="918419" spans="14:14">
      <c r="N918419" s="10"/>
    </row>
    <row r="918420" spans="14:14">
      <c r="N918420" s="10"/>
    </row>
    <row r="918421" spans="14:14">
      <c r="N918421" s="10"/>
    </row>
    <row r="918422" spans="14:14">
      <c r="N918422" s="10"/>
    </row>
    <row r="918423" spans="14:14">
      <c r="N918423" s="10"/>
    </row>
    <row r="918424" spans="14:14">
      <c r="N918424" s="10"/>
    </row>
    <row r="918425" spans="14:14">
      <c r="N918425" s="10"/>
    </row>
    <row r="918426" spans="14:14">
      <c r="N918426" s="10"/>
    </row>
    <row r="918427" spans="14:14">
      <c r="N918427" s="10"/>
    </row>
    <row r="918428" spans="14:14">
      <c r="N918428" s="10"/>
    </row>
    <row r="918429" spans="14:14">
      <c r="N918429" s="10"/>
    </row>
    <row r="918430" spans="14:14">
      <c r="N918430" s="10"/>
    </row>
    <row r="918431" spans="14:14">
      <c r="N918431" s="10"/>
    </row>
    <row r="918432" spans="14:14">
      <c r="N918432" s="10"/>
    </row>
    <row r="918433" spans="14:14">
      <c r="N918433" s="10"/>
    </row>
    <row r="918434" spans="14:14">
      <c r="N918434" s="10"/>
    </row>
    <row r="918435" spans="14:14">
      <c r="N918435" s="10"/>
    </row>
    <row r="918436" spans="14:14">
      <c r="N918436" s="10"/>
    </row>
    <row r="918437" spans="14:14">
      <c r="N918437" s="10"/>
    </row>
    <row r="918438" spans="14:14">
      <c r="N918438" s="10"/>
    </row>
    <row r="918439" spans="14:14">
      <c r="N918439" s="10"/>
    </row>
    <row r="918440" spans="14:14">
      <c r="N918440" s="10"/>
    </row>
    <row r="918441" spans="14:14">
      <c r="N918441" s="10"/>
    </row>
    <row r="918442" spans="14:14">
      <c r="N918442" s="10"/>
    </row>
    <row r="918443" spans="14:14">
      <c r="N918443" s="10"/>
    </row>
    <row r="918444" spans="14:14">
      <c r="N918444" s="10"/>
    </row>
    <row r="918445" spans="14:14">
      <c r="N918445" s="10"/>
    </row>
    <row r="918446" spans="14:14">
      <c r="N918446" s="10"/>
    </row>
    <row r="918447" spans="14:14">
      <c r="N918447" s="10"/>
    </row>
    <row r="918448" spans="14:14">
      <c r="N918448" s="10"/>
    </row>
    <row r="918449" spans="14:14">
      <c r="N918449" s="10"/>
    </row>
    <row r="918450" spans="14:14">
      <c r="N918450" s="10"/>
    </row>
    <row r="918451" spans="14:14">
      <c r="N918451" s="10"/>
    </row>
    <row r="918452" spans="14:14">
      <c r="N918452" s="10"/>
    </row>
    <row r="918453" spans="14:14">
      <c r="N918453" s="10"/>
    </row>
    <row r="918454" spans="14:14">
      <c r="N918454" s="10"/>
    </row>
    <row r="918455" spans="14:14">
      <c r="N918455" s="10"/>
    </row>
    <row r="918456" spans="14:14">
      <c r="N918456" s="10"/>
    </row>
    <row r="918457" spans="14:14">
      <c r="N918457" s="10"/>
    </row>
    <row r="918458" spans="14:14">
      <c r="N918458" s="10"/>
    </row>
    <row r="918459" spans="14:14">
      <c r="N918459" s="10"/>
    </row>
    <row r="918460" spans="14:14">
      <c r="N918460" s="10"/>
    </row>
    <row r="918461" spans="14:14">
      <c r="N918461" s="10"/>
    </row>
    <row r="918462" spans="14:14">
      <c r="N918462" s="10"/>
    </row>
    <row r="918463" spans="14:14">
      <c r="N918463" s="10"/>
    </row>
    <row r="918464" spans="14:14">
      <c r="N918464" s="10"/>
    </row>
    <row r="918465" spans="14:14">
      <c r="N918465" s="10"/>
    </row>
    <row r="918466" spans="14:14">
      <c r="N918466" s="10"/>
    </row>
    <row r="918467" spans="14:14">
      <c r="N918467" s="10"/>
    </row>
    <row r="918468" spans="14:14">
      <c r="N918468" s="10"/>
    </row>
    <row r="918469" spans="14:14">
      <c r="N918469" s="10"/>
    </row>
    <row r="918470" spans="14:14">
      <c r="N918470" s="10"/>
    </row>
    <row r="918471" spans="14:14">
      <c r="N918471" s="10"/>
    </row>
    <row r="918472" spans="14:14">
      <c r="N918472" s="10"/>
    </row>
    <row r="918473" spans="14:14">
      <c r="N918473" s="10"/>
    </row>
    <row r="918474" spans="14:14">
      <c r="N918474" s="10"/>
    </row>
    <row r="918475" spans="14:14">
      <c r="N918475" s="10"/>
    </row>
    <row r="918476" spans="14:14">
      <c r="N918476" s="10"/>
    </row>
    <row r="918477" spans="14:14">
      <c r="N918477" s="10"/>
    </row>
    <row r="918478" spans="14:14">
      <c r="N918478" s="10"/>
    </row>
    <row r="918479" spans="14:14">
      <c r="N918479" s="10"/>
    </row>
    <row r="918480" spans="14:14">
      <c r="N918480" s="10"/>
    </row>
    <row r="918481" spans="14:14">
      <c r="N918481" s="10"/>
    </row>
    <row r="918482" spans="14:14">
      <c r="N918482" s="10"/>
    </row>
    <row r="918483" spans="14:14">
      <c r="N918483" s="10"/>
    </row>
    <row r="918484" spans="14:14">
      <c r="N918484" s="10"/>
    </row>
    <row r="918485" spans="14:14">
      <c r="N918485" s="10"/>
    </row>
    <row r="918486" spans="14:14">
      <c r="N918486" s="10"/>
    </row>
    <row r="918487" spans="14:14">
      <c r="N918487" s="10"/>
    </row>
    <row r="918488" spans="14:14">
      <c r="N918488" s="10"/>
    </row>
    <row r="918489" spans="14:14">
      <c r="N918489" s="10"/>
    </row>
    <row r="918490" spans="14:14">
      <c r="N918490" s="10"/>
    </row>
    <row r="918491" spans="14:14">
      <c r="N918491" s="10"/>
    </row>
    <row r="918492" spans="14:14">
      <c r="N918492" s="10"/>
    </row>
    <row r="918493" spans="14:14">
      <c r="N918493" s="10"/>
    </row>
    <row r="918494" spans="14:14">
      <c r="N918494" s="10"/>
    </row>
    <row r="918495" spans="14:14">
      <c r="N918495" s="10"/>
    </row>
    <row r="918496" spans="14:14">
      <c r="N918496" s="10"/>
    </row>
    <row r="918497" spans="14:14">
      <c r="N918497" s="10"/>
    </row>
    <row r="918498" spans="14:14">
      <c r="N918498" s="10"/>
    </row>
    <row r="918499" spans="14:14">
      <c r="N918499" s="10"/>
    </row>
    <row r="918500" spans="14:14">
      <c r="N918500" s="10"/>
    </row>
    <row r="918501" spans="14:14">
      <c r="N918501" s="10"/>
    </row>
    <row r="918502" spans="14:14">
      <c r="N918502" s="10"/>
    </row>
    <row r="918503" spans="14:14">
      <c r="N918503" s="10"/>
    </row>
    <row r="918504" spans="14:14">
      <c r="N918504" s="10"/>
    </row>
    <row r="918505" spans="14:14">
      <c r="N918505" s="10"/>
    </row>
    <row r="918506" spans="14:14">
      <c r="N918506" s="10"/>
    </row>
    <row r="918507" spans="14:14">
      <c r="N918507" s="10"/>
    </row>
    <row r="918508" spans="14:14">
      <c r="N918508" s="10"/>
    </row>
    <row r="918509" spans="14:14">
      <c r="N918509" s="10"/>
    </row>
    <row r="918510" spans="14:14">
      <c r="N918510" s="10"/>
    </row>
    <row r="918511" spans="14:14">
      <c r="N918511" s="10"/>
    </row>
    <row r="918512" spans="14:14">
      <c r="N918512" s="10"/>
    </row>
    <row r="918513" spans="14:14">
      <c r="N918513" s="10"/>
    </row>
    <row r="918514" spans="14:14">
      <c r="N918514" s="10"/>
    </row>
    <row r="918515" spans="14:14">
      <c r="N918515" s="10"/>
    </row>
    <row r="918516" spans="14:14">
      <c r="N918516" s="10"/>
    </row>
    <row r="918517" spans="14:14">
      <c r="N918517" s="10"/>
    </row>
    <row r="918518" spans="14:14">
      <c r="N918518" s="10"/>
    </row>
    <row r="918519" spans="14:14">
      <c r="N918519" s="10"/>
    </row>
    <row r="918520" spans="14:14">
      <c r="N918520" s="10"/>
    </row>
    <row r="918521" spans="14:14">
      <c r="N918521" s="10"/>
    </row>
    <row r="918522" spans="14:14">
      <c r="N918522" s="10"/>
    </row>
    <row r="918523" spans="14:14">
      <c r="N918523" s="10"/>
    </row>
    <row r="918524" spans="14:14">
      <c r="N918524" s="10"/>
    </row>
    <row r="918525" spans="14:14">
      <c r="N918525" s="10"/>
    </row>
    <row r="918526" spans="14:14">
      <c r="N918526" s="10"/>
    </row>
    <row r="918527" spans="14:14">
      <c r="N918527" s="10"/>
    </row>
    <row r="918528" spans="14:14">
      <c r="N918528" s="10"/>
    </row>
    <row r="918529" spans="14:14">
      <c r="N918529" s="10"/>
    </row>
    <row r="918530" spans="14:14">
      <c r="N918530" s="10"/>
    </row>
    <row r="918531" spans="14:14">
      <c r="N918531" s="10"/>
    </row>
    <row r="918532" spans="14:14">
      <c r="N918532" s="10"/>
    </row>
    <row r="918533" spans="14:14">
      <c r="N918533" s="10"/>
    </row>
    <row r="918534" spans="14:14">
      <c r="N918534" s="10"/>
    </row>
    <row r="918535" spans="14:14">
      <c r="N918535" s="10"/>
    </row>
    <row r="918536" spans="14:14">
      <c r="N918536" s="10"/>
    </row>
    <row r="918537" spans="14:14">
      <c r="N918537" s="10"/>
    </row>
    <row r="918538" spans="14:14">
      <c r="N918538" s="10"/>
    </row>
    <row r="918539" spans="14:14">
      <c r="N918539" s="10"/>
    </row>
    <row r="918540" spans="14:14">
      <c r="N918540" s="10"/>
    </row>
    <row r="918541" spans="14:14">
      <c r="N918541" s="10"/>
    </row>
    <row r="918542" spans="14:14">
      <c r="N918542" s="10"/>
    </row>
    <row r="918543" spans="14:14">
      <c r="N918543" s="10"/>
    </row>
    <row r="918544" spans="14:14">
      <c r="N918544" s="10"/>
    </row>
    <row r="918545" spans="14:14">
      <c r="N918545" s="10"/>
    </row>
    <row r="918546" spans="14:14">
      <c r="N918546" s="10"/>
    </row>
    <row r="918547" spans="14:14">
      <c r="N918547" s="10"/>
    </row>
    <row r="918548" spans="14:14">
      <c r="N918548" s="10"/>
    </row>
    <row r="918549" spans="14:14">
      <c r="N918549" s="10"/>
    </row>
    <row r="918550" spans="14:14">
      <c r="N918550" s="10"/>
    </row>
    <row r="918551" spans="14:14">
      <c r="N918551" s="10"/>
    </row>
    <row r="918552" spans="14:14">
      <c r="N918552" s="10"/>
    </row>
    <row r="918553" spans="14:14">
      <c r="N918553" s="10"/>
    </row>
    <row r="918554" spans="14:14">
      <c r="N918554" s="10"/>
    </row>
    <row r="918555" spans="14:14">
      <c r="N918555" s="10"/>
    </row>
    <row r="918556" spans="14:14">
      <c r="N918556" s="10"/>
    </row>
    <row r="918557" spans="14:14">
      <c r="N918557" s="10"/>
    </row>
    <row r="918558" spans="14:14">
      <c r="N918558" s="10"/>
    </row>
    <row r="918559" spans="14:14">
      <c r="N918559" s="10"/>
    </row>
    <row r="918560" spans="14:14">
      <c r="N918560" s="10"/>
    </row>
    <row r="918561" spans="14:14">
      <c r="N918561" s="10"/>
    </row>
    <row r="918562" spans="14:14">
      <c r="N918562" s="10"/>
    </row>
    <row r="918563" spans="14:14">
      <c r="N918563" s="10"/>
    </row>
    <row r="918564" spans="14:14">
      <c r="N918564" s="10"/>
    </row>
    <row r="918565" spans="14:14">
      <c r="N918565" s="10"/>
    </row>
    <row r="918566" spans="14:14">
      <c r="N918566" s="10"/>
    </row>
    <row r="918567" spans="14:14">
      <c r="N918567" s="10"/>
    </row>
    <row r="918568" spans="14:14">
      <c r="N918568" s="10"/>
    </row>
    <row r="918569" spans="14:14">
      <c r="N918569" s="10"/>
    </row>
    <row r="918570" spans="14:14">
      <c r="N918570" s="10"/>
    </row>
    <row r="918571" spans="14:14">
      <c r="N918571" s="10"/>
    </row>
    <row r="918572" spans="14:14">
      <c r="N918572" s="10"/>
    </row>
    <row r="918573" spans="14:14">
      <c r="N918573" s="10"/>
    </row>
    <row r="918574" spans="14:14">
      <c r="N918574" s="10"/>
    </row>
    <row r="918575" spans="14:14">
      <c r="N918575" s="10"/>
    </row>
    <row r="918576" spans="14:14">
      <c r="N918576" s="10"/>
    </row>
    <row r="918577" spans="14:14">
      <c r="N918577" s="10"/>
    </row>
    <row r="918578" spans="14:14">
      <c r="N918578" s="10"/>
    </row>
    <row r="918579" spans="14:14">
      <c r="N918579" s="10"/>
    </row>
    <row r="918580" spans="14:14">
      <c r="N918580" s="10"/>
    </row>
    <row r="918581" spans="14:14">
      <c r="N918581" s="10"/>
    </row>
    <row r="918582" spans="14:14">
      <c r="N918582" s="10"/>
    </row>
    <row r="918583" spans="14:14">
      <c r="N918583" s="10"/>
    </row>
    <row r="918584" spans="14:14">
      <c r="N918584" s="10"/>
    </row>
    <row r="918585" spans="14:14">
      <c r="N918585" s="10"/>
    </row>
    <row r="918586" spans="14:14">
      <c r="N918586" s="10"/>
    </row>
    <row r="918587" spans="14:14">
      <c r="N918587" s="10"/>
    </row>
    <row r="918588" spans="14:14">
      <c r="N918588" s="10"/>
    </row>
    <row r="918589" spans="14:14">
      <c r="N918589" s="10"/>
    </row>
    <row r="918590" spans="14:14">
      <c r="N918590" s="10"/>
    </row>
    <row r="918591" spans="14:14">
      <c r="N918591" s="10"/>
    </row>
    <row r="918592" spans="14:14">
      <c r="N918592" s="10"/>
    </row>
    <row r="918593" spans="14:14">
      <c r="N918593" s="10"/>
    </row>
    <row r="918594" spans="14:14">
      <c r="N918594" s="10"/>
    </row>
    <row r="918595" spans="14:14">
      <c r="N918595" s="10"/>
    </row>
    <row r="918596" spans="14:14">
      <c r="N918596" s="10"/>
    </row>
    <row r="918597" spans="14:14">
      <c r="N918597" s="10"/>
    </row>
    <row r="918598" spans="14:14">
      <c r="N918598" s="10"/>
    </row>
    <row r="918599" spans="14:14">
      <c r="N918599" s="10"/>
    </row>
    <row r="918600" spans="14:14">
      <c r="N918600" s="10"/>
    </row>
    <row r="918601" spans="14:14">
      <c r="N918601" s="10"/>
    </row>
    <row r="918602" spans="14:14">
      <c r="N918602" s="10"/>
    </row>
    <row r="918603" spans="14:14">
      <c r="N918603" s="10"/>
    </row>
    <row r="918604" spans="14:14">
      <c r="N918604" s="10"/>
    </row>
    <row r="918605" spans="14:14">
      <c r="N918605" s="10"/>
    </row>
    <row r="918606" spans="14:14">
      <c r="N918606" s="10"/>
    </row>
    <row r="918607" spans="14:14">
      <c r="N918607" s="10"/>
    </row>
    <row r="918608" spans="14:14">
      <c r="N918608" s="10"/>
    </row>
    <row r="918609" spans="14:14">
      <c r="N918609" s="10"/>
    </row>
    <row r="918610" spans="14:14">
      <c r="N918610" s="10"/>
    </row>
    <row r="918611" spans="14:14">
      <c r="N918611" s="10"/>
    </row>
    <row r="918612" spans="14:14">
      <c r="N918612" s="10"/>
    </row>
    <row r="918613" spans="14:14">
      <c r="N918613" s="10"/>
    </row>
    <row r="918614" spans="14:14">
      <c r="N918614" s="10"/>
    </row>
    <row r="918615" spans="14:14">
      <c r="N918615" s="10"/>
    </row>
    <row r="918616" spans="14:14">
      <c r="N918616" s="10"/>
    </row>
    <row r="918617" spans="14:14">
      <c r="N918617" s="10"/>
    </row>
    <row r="918618" spans="14:14">
      <c r="N918618" s="10"/>
    </row>
    <row r="918619" spans="14:14">
      <c r="N918619" s="10"/>
    </row>
    <row r="918620" spans="14:14">
      <c r="N918620" s="10"/>
    </row>
    <row r="918621" spans="14:14">
      <c r="N918621" s="10"/>
    </row>
    <row r="918622" spans="14:14">
      <c r="N918622" s="10"/>
    </row>
    <row r="918623" spans="14:14">
      <c r="N918623" s="10"/>
    </row>
    <row r="918624" spans="14:14">
      <c r="N918624" s="10"/>
    </row>
    <row r="918625" spans="14:14">
      <c r="N918625" s="10"/>
    </row>
    <row r="918626" spans="14:14">
      <c r="N918626" s="10"/>
    </row>
    <row r="918627" spans="14:14">
      <c r="N918627" s="10"/>
    </row>
    <row r="918628" spans="14:14">
      <c r="N918628" s="10"/>
    </row>
    <row r="918629" spans="14:14">
      <c r="N918629" s="10"/>
    </row>
    <row r="918630" spans="14:14">
      <c r="N918630" s="10"/>
    </row>
    <row r="918631" spans="14:14">
      <c r="N918631" s="10"/>
    </row>
    <row r="918632" spans="14:14">
      <c r="N918632" s="10"/>
    </row>
    <row r="918633" spans="14:14">
      <c r="N918633" s="10"/>
    </row>
    <row r="918634" spans="14:14">
      <c r="N918634" s="10"/>
    </row>
    <row r="918635" spans="14:14">
      <c r="N918635" s="10"/>
    </row>
    <row r="918636" spans="14:14">
      <c r="N918636" s="10"/>
    </row>
    <row r="918637" spans="14:14">
      <c r="N918637" s="10"/>
    </row>
    <row r="918638" spans="14:14">
      <c r="N918638" s="10"/>
    </row>
    <row r="918639" spans="14:14">
      <c r="N918639" s="10"/>
    </row>
    <row r="918640" spans="14:14">
      <c r="N918640" s="10"/>
    </row>
    <row r="918641" spans="14:14">
      <c r="N918641" s="10"/>
    </row>
    <row r="918642" spans="14:14">
      <c r="N918642" s="10"/>
    </row>
    <row r="918643" spans="14:14">
      <c r="N918643" s="10"/>
    </row>
    <row r="918644" spans="14:14">
      <c r="N918644" s="10"/>
    </row>
    <row r="918645" spans="14:14">
      <c r="N918645" s="10"/>
    </row>
    <row r="918646" spans="14:14">
      <c r="N918646" s="10"/>
    </row>
    <row r="918647" spans="14:14">
      <c r="N918647" s="10"/>
    </row>
    <row r="918648" spans="14:14">
      <c r="N918648" s="10"/>
    </row>
    <row r="918649" spans="14:14">
      <c r="N918649" s="10"/>
    </row>
    <row r="918650" spans="14:14">
      <c r="N918650" s="10"/>
    </row>
    <row r="918651" spans="14:14">
      <c r="N918651" s="10"/>
    </row>
    <row r="918652" spans="14:14">
      <c r="N918652" s="10"/>
    </row>
    <row r="918653" spans="14:14">
      <c r="N918653" s="10"/>
    </row>
    <row r="918654" spans="14:14">
      <c r="N918654" s="10"/>
    </row>
    <row r="918655" spans="14:14">
      <c r="N918655" s="10"/>
    </row>
    <row r="918656" spans="14:14">
      <c r="N918656" s="10"/>
    </row>
    <row r="918657" spans="14:14">
      <c r="N918657" s="10"/>
    </row>
    <row r="918658" spans="14:14">
      <c r="N918658" s="10"/>
    </row>
    <row r="918659" spans="14:14">
      <c r="N918659" s="10"/>
    </row>
    <row r="918660" spans="14:14">
      <c r="N918660" s="10"/>
    </row>
    <row r="918661" spans="14:14">
      <c r="N918661" s="10"/>
    </row>
    <row r="918662" spans="14:14">
      <c r="N918662" s="10"/>
    </row>
    <row r="918663" spans="14:14">
      <c r="N918663" s="10"/>
    </row>
    <row r="918664" spans="14:14">
      <c r="N918664" s="10"/>
    </row>
    <row r="918665" spans="14:14">
      <c r="N918665" s="10"/>
    </row>
    <row r="918666" spans="14:14">
      <c r="N918666" s="10"/>
    </row>
    <row r="918667" spans="14:14">
      <c r="N918667" s="10"/>
    </row>
    <row r="918668" spans="14:14">
      <c r="N918668" s="10"/>
    </row>
    <row r="918669" spans="14:14">
      <c r="N918669" s="10"/>
    </row>
    <row r="918670" spans="14:14">
      <c r="N918670" s="10"/>
    </row>
    <row r="918671" spans="14:14">
      <c r="N918671" s="10"/>
    </row>
    <row r="918672" spans="14:14">
      <c r="N918672" s="10"/>
    </row>
    <row r="918673" spans="14:14">
      <c r="N918673" s="10"/>
    </row>
    <row r="918674" spans="14:14">
      <c r="N918674" s="10"/>
    </row>
    <row r="918675" spans="14:14">
      <c r="N918675" s="10"/>
    </row>
    <row r="918676" spans="14:14">
      <c r="N918676" s="10"/>
    </row>
    <row r="918677" spans="14:14">
      <c r="N918677" s="10"/>
    </row>
    <row r="918678" spans="14:14">
      <c r="N918678" s="10"/>
    </row>
    <row r="918679" spans="14:14">
      <c r="N918679" s="10"/>
    </row>
    <row r="918680" spans="14:14">
      <c r="N918680" s="10"/>
    </row>
    <row r="918681" spans="14:14">
      <c r="N918681" s="10"/>
    </row>
    <row r="918682" spans="14:14">
      <c r="N918682" s="10"/>
    </row>
    <row r="918683" spans="14:14">
      <c r="N918683" s="10"/>
    </row>
    <row r="918684" spans="14:14">
      <c r="N918684" s="10"/>
    </row>
    <row r="918685" spans="14:14">
      <c r="N918685" s="10"/>
    </row>
    <row r="918686" spans="14:14">
      <c r="N918686" s="10"/>
    </row>
    <row r="918687" spans="14:14">
      <c r="N918687" s="10"/>
    </row>
    <row r="918688" spans="14:14">
      <c r="N918688" s="10"/>
    </row>
    <row r="918689" spans="14:14">
      <c r="N918689" s="10"/>
    </row>
    <row r="918690" spans="14:14">
      <c r="N918690" s="10"/>
    </row>
    <row r="918691" spans="14:14">
      <c r="N918691" s="10"/>
    </row>
    <row r="918692" spans="14:14">
      <c r="N918692" s="10"/>
    </row>
    <row r="918693" spans="14:14">
      <c r="N918693" s="10"/>
    </row>
    <row r="918694" spans="14:14">
      <c r="N918694" s="10"/>
    </row>
    <row r="918695" spans="14:14">
      <c r="N918695" s="10"/>
    </row>
    <row r="918696" spans="14:14">
      <c r="N918696" s="10"/>
    </row>
    <row r="918697" spans="14:14">
      <c r="N918697" s="10"/>
    </row>
    <row r="918698" spans="14:14">
      <c r="N918698" s="10"/>
    </row>
    <row r="918699" spans="14:14">
      <c r="N918699" s="10"/>
    </row>
    <row r="918700" spans="14:14">
      <c r="N918700" s="10"/>
    </row>
    <row r="918701" spans="14:14">
      <c r="N918701" s="10"/>
    </row>
    <row r="918702" spans="14:14">
      <c r="N918702" s="10"/>
    </row>
    <row r="918703" spans="14:14">
      <c r="N918703" s="10"/>
    </row>
    <row r="918704" spans="14:14">
      <c r="N918704" s="10"/>
    </row>
    <row r="918705" spans="14:14">
      <c r="N918705" s="10"/>
    </row>
    <row r="918706" spans="14:14">
      <c r="N918706" s="10"/>
    </row>
    <row r="918707" spans="14:14">
      <c r="N918707" s="10"/>
    </row>
    <row r="918708" spans="14:14">
      <c r="N918708" s="10"/>
    </row>
    <row r="918709" spans="14:14">
      <c r="N918709" s="10"/>
    </row>
    <row r="918710" spans="14:14">
      <c r="N918710" s="10"/>
    </row>
    <row r="918711" spans="14:14">
      <c r="N918711" s="10"/>
    </row>
    <row r="918712" spans="14:14">
      <c r="N918712" s="10"/>
    </row>
    <row r="918713" spans="14:14">
      <c r="N918713" s="10"/>
    </row>
    <row r="918714" spans="14:14">
      <c r="N918714" s="10"/>
    </row>
    <row r="918715" spans="14:14">
      <c r="N918715" s="10"/>
    </row>
    <row r="918716" spans="14:14">
      <c r="N918716" s="10"/>
    </row>
    <row r="918717" spans="14:14">
      <c r="N918717" s="10"/>
    </row>
    <row r="918718" spans="14:14">
      <c r="N918718" s="10"/>
    </row>
    <row r="918719" spans="14:14">
      <c r="N918719" s="10"/>
    </row>
    <row r="918720" spans="14:14">
      <c r="N918720" s="10"/>
    </row>
    <row r="918721" spans="14:14">
      <c r="N918721" s="10"/>
    </row>
    <row r="918722" spans="14:14">
      <c r="N918722" s="10"/>
    </row>
    <row r="918723" spans="14:14">
      <c r="N918723" s="10"/>
    </row>
    <row r="918724" spans="14:14">
      <c r="N918724" s="10"/>
    </row>
    <row r="918725" spans="14:14">
      <c r="N918725" s="10"/>
    </row>
    <row r="918726" spans="14:14">
      <c r="N918726" s="10"/>
    </row>
    <row r="918727" spans="14:14">
      <c r="N918727" s="10"/>
    </row>
    <row r="918728" spans="14:14">
      <c r="N918728" s="10"/>
    </row>
    <row r="918729" spans="14:14">
      <c r="N918729" s="10"/>
    </row>
    <row r="918730" spans="14:14">
      <c r="N918730" s="10"/>
    </row>
    <row r="918731" spans="14:14">
      <c r="N918731" s="10"/>
    </row>
    <row r="918732" spans="14:14">
      <c r="N918732" s="10"/>
    </row>
    <row r="918733" spans="14:14">
      <c r="N918733" s="10"/>
    </row>
    <row r="918734" spans="14:14">
      <c r="N918734" s="10"/>
    </row>
    <row r="918735" spans="14:14">
      <c r="N918735" s="10"/>
    </row>
    <row r="918736" spans="14:14">
      <c r="N918736" s="10"/>
    </row>
    <row r="918737" spans="14:14">
      <c r="N918737" s="10"/>
    </row>
    <row r="918738" spans="14:14">
      <c r="N918738" s="10"/>
    </row>
    <row r="918739" spans="14:14">
      <c r="N918739" s="10"/>
    </row>
    <row r="918740" spans="14:14">
      <c r="N918740" s="10"/>
    </row>
    <row r="918741" spans="14:14">
      <c r="N918741" s="10"/>
    </row>
    <row r="918742" spans="14:14">
      <c r="N918742" s="10"/>
    </row>
    <row r="918743" spans="14:14">
      <c r="N918743" s="10"/>
    </row>
    <row r="918744" spans="14:14">
      <c r="N918744" s="10"/>
    </row>
    <row r="918745" spans="14:14">
      <c r="N918745" s="10"/>
    </row>
    <row r="918746" spans="14:14">
      <c r="N918746" s="10"/>
    </row>
    <row r="918747" spans="14:14">
      <c r="N918747" s="10"/>
    </row>
    <row r="918748" spans="14:14">
      <c r="N918748" s="10"/>
    </row>
    <row r="918749" spans="14:14">
      <c r="N918749" s="10"/>
    </row>
    <row r="918750" spans="14:14">
      <c r="N918750" s="10"/>
    </row>
    <row r="918751" spans="14:14">
      <c r="N918751" s="10"/>
    </row>
    <row r="918752" spans="14:14">
      <c r="N918752" s="10"/>
    </row>
    <row r="918753" spans="14:14">
      <c r="N918753" s="10"/>
    </row>
    <row r="918754" spans="14:14">
      <c r="N918754" s="10"/>
    </row>
    <row r="918755" spans="14:14">
      <c r="N918755" s="10"/>
    </row>
    <row r="918756" spans="14:14">
      <c r="N918756" s="10"/>
    </row>
    <row r="918757" spans="14:14">
      <c r="N918757" s="10"/>
    </row>
    <row r="918758" spans="14:14">
      <c r="N918758" s="10"/>
    </row>
    <row r="918759" spans="14:14">
      <c r="N918759" s="10"/>
    </row>
    <row r="918760" spans="14:14">
      <c r="N918760" s="10"/>
    </row>
    <row r="918761" spans="14:14">
      <c r="N918761" s="10"/>
    </row>
    <row r="918762" spans="14:14">
      <c r="N918762" s="10"/>
    </row>
    <row r="918763" spans="14:14">
      <c r="N918763" s="10"/>
    </row>
    <row r="918764" spans="14:14">
      <c r="N918764" s="10"/>
    </row>
    <row r="918765" spans="14:14">
      <c r="N918765" s="10"/>
    </row>
    <row r="918766" spans="14:14">
      <c r="N918766" s="10"/>
    </row>
    <row r="918767" spans="14:14">
      <c r="N918767" s="10"/>
    </row>
    <row r="918768" spans="14:14">
      <c r="N918768" s="10"/>
    </row>
    <row r="918769" spans="14:14">
      <c r="N918769" s="10"/>
    </row>
    <row r="918770" spans="14:14">
      <c r="N918770" s="10"/>
    </row>
    <row r="918771" spans="14:14">
      <c r="N918771" s="10"/>
    </row>
    <row r="918772" spans="14:14">
      <c r="N918772" s="10"/>
    </row>
    <row r="918773" spans="14:14">
      <c r="N918773" s="10"/>
    </row>
    <row r="918774" spans="14:14">
      <c r="N918774" s="10"/>
    </row>
    <row r="918775" spans="14:14">
      <c r="N918775" s="10"/>
    </row>
    <row r="918776" spans="14:14">
      <c r="N918776" s="10"/>
    </row>
    <row r="918777" spans="14:14">
      <c r="N918777" s="10"/>
    </row>
    <row r="918778" spans="14:14">
      <c r="N918778" s="10"/>
    </row>
    <row r="918779" spans="14:14">
      <c r="N918779" s="10"/>
    </row>
    <row r="918780" spans="14:14">
      <c r="N918780" s="10"/>
    </row>
    <row r="918781" spans="14:14">
      <c r="N918781" s="10"/>
    </row>
    <row r="918782" spans="14:14">
      <c r="N918782" s="10"/>
    </row>
    <row r="918783" spans="14:14">
      <c r="N918783" s="10"/>
    </row>
    <row r="918784" spans="14:14">
      <c r="N918784" s="10"/>
    </row>
    <row r="918785" spans="14:14">
      <c r="N918785" s="10"/>
    </row>
    <row r="918786" spans="14:14">
      <c r="N918786" s="10"/>
    </row>
    <row r="918787" spans="14:14">
      <c r="N918787" s="10"/>
    </row>
    <row r="918788" spans="14:14">
      <c r="N918788" s="10"/>
    </row>
    <row r="918789" spans="14:14">
      <c r="N918789" s="10"/>
    </row>
    <row r="918790" spans="14:14">
      <c r="N918790" s="10"/>
    </row>
    <row r="918791" spans="14:14">
      <c r="N918791" s="10"/>
    </row>
    <row r="918792" spans="14:14">
      <c r="N918792" s="10"/>
    </row>
    <row r="918793" spans="14:14">
      <c r="N918793" s="10"/>
    </row>
    <row r="918794" spans="14:14">
      <c r="N918794" s="10"/>
    </row>
    <row r="918795" spans="14:14">
      <c r="N918795" s="10"/>
    </row>
    <row r="918796" spans="14:14">
      <c r="N918796" s="10"/>
    </row>
    <row r="918797" spans="14:14">
      <c r="N918797" s="10"/>
    </row>
    <row r="918798" spans="14:14">
      <c r="N918798" s="10"/>
    </row>
    <row r="918799" spans="14:14">
      <c r="N918799" s="10"/>
    </row>
    <row r="918800" spans="14:14">
      <c r="N918800" s="10"/>
    </row>
    <row r="918801" spans="14:14">
      <c r="N918801" s="10"/>
    </row>
    <row r="918802" spans="14:14">
      <c r="N918802" s="10"/>
    </row>
    <row r="918803" spans="14:14">
      <c r="N918803" s="10"/>
    </row>
    <row r="918804" spans="14:14">
      <c r="N918804" s="10"/>
    </row>
    <row r="918805" spans="14:14">
      <c r="N918805" s="10"/>
    </row>
    <row r="918806" spans="14:14">
      <c r="N918806" s="10"/>
    </row>
    <row r="918807" spans="14:14">
      <c r="N918807" s="10"/>
    </row>
    <row r="918808" spans="14:14">
      <c r="N918808" s="10"/>
    </row>
    <row r="918809" spans="14:14">
      <c r="N918809" s="10"/>
    </row>
    <row r="918810" spans="14:14">
      <c r="N918810" s="10"/>
    </row>
    <row r="918811" spans="14:14">
      <c r="N918811" s="10"/>
    </row>
    <row r="918812" spans="14:14">
      <c r="N918812" s="10"/>
    </row>
    <row r="918813" spans="14:14">
      <c r="N918813" s="10"/>
    </row>
    <row r="918814" spans="14:14">
      <c r="N918814" s="10"/>
    </row>
    <row r="918815" spans="14:14">
      <c r="N918815" s="10"/>
    </row>
    <row r="918816" spans="14:14">
      <c r="N918816" s="10"/>
    </row>
    <row r="918817" spans="14:14">
      <c r="N918817" s="10"/>
    </row>
    <row r="918818" spans="14:14">
      <c r="N918818" s="10"/>
    </row>
    <row r="918819" spans="14:14">
      <c r="N918819" s="10"/>
    </row>
    <row r="918820" spans="14:14">
      <c r="N918820" s="10"/>
    </row>
    <row r="918821" spans="14:14">
      <c r="N918821" s="10"/>
    </row>
    <row r="918822" spans="14:14">
      <c r="N918822" s="10"/>
    </row>
    <row r="918823" spans="14:14">
      <c r="N918823" s="10"/>
    </row>
    <row r="918824" spans="14:14">
      <c r="N918824" s="10"/>
    </row>
    <row r="918825" spans="14:14">
      <c r="N918825" s="10"/>
    </row>
    <row r="918826" spans="14:14">
      <c r="N918826" s="10"/>
    </row>
    <row r="918827" spans="14:14">
      <c r="N918827" s="10"/>
    </row>
    <row r="918828" spans="14:14">
      <c r="N918828" s="10"/>
    </row>
    <row r="918829" spans="14:14">
      <c r="N918829" s="10"/>
    </row>
    <row r="918830" spans="14:14">
      <c r="N918830" s="10"/>
    </row>
    <row r="918831" spans="14:14">
      <c r="N918831" s="10"/>
    </row>
    <row r="918832" spans="14:14">
      <c r="N918832" s="10"/>
    </row>
    <row r="918833" spans="14:14">
      <c r="N918833" s="10"/>
    </row>
    <row r="918834" spans="14:14">
      <c r="N918834" s="10"/>
    </row>
    <row r="918835" spans="14:14">
      <c r="N918835" s="10"/>
    </row>
    <row r="918836" spans="14:14">
      <c r="N918836" s="10"/>
    </row>
    <row r="918837" spans="14:14">
      <c r="N918837" s="10"/>
    </row>
    <row r="918838" spans="14:14">
      <c r="N918838" s="10"/>
    </row>
    <row r="918839" spans="14:14">
      <c r="N918839" s="10"/>
    </row>
    <row r="918840" spans="14:14">
      <c r="N918840" s="10"/>
    </row>
    <row r="918841" spans="14:14">
      <c r="N918841" s="10"/>
    </row>
    <row r="918842" spans="14:14">
      <c r="N918842" s="10"/>
    </row>
    <row r="918843" spans="14:14">
      <c r="N918843" s="10"/>
    </row>
    <row r="918844" spans="14:14">
      <c r="N918844" s="10"/>
    </row>
    <row r="918845" spans="14:14">
      <c r="N918845" s="10"/>
    </row>
    <row r="918846" spans="14:14">
      <c r="N918846" s="10"/>
    </row>
    <row r="918847" spans="14:14">
      <c r="N918847" s="10"/>
    </row>
    <row r="918848" spans="14:14">
      <c r="N918848" s="10"/>
    </row>
    <row r="918849" spans="14:14">
      <c r="N918849" s="10"/>
    </row>
    <row r="918850" spans="14:14">
      <c r="N918850" s="10"/>
    </row>
    <row r="918851" spans="14:14">
      <c r="N918851" s="10"/>
    </row>
    <row r="918852" spans="14:14">
      <c r="N918852" s="10"/>
    </row>
    <row r="918853" spans="14:14">
      <c r="N918853" s="10"/>
    </row>
    <row r="918854" spans="14:14">
      <c r="N918854" s="10"/>
    </row>
    <row r="918855" spans="14:14">
      <c r="N918855" s="10"/>
    </row>
    <row r="918856" spans="14:14">
      <c r="N918856" s="10"/>
    </row>
    <row r="918857" spans="14:14">
      <c r="N918857" s="10"/>
    </row>
    <row r="918858" spans="14:14">
      <c r="N918858" s="10"/>
    </row>
    <row r="918859" spans="14:14">
      <c r="N918859" s="10"/>
    </row>
    <row r="918860" spans="14:14">
      <c r="N918860" s="10"/>
    </row>
    <row r="918861" spans="14:14">
      <c r="N918861" s="10"/>
    </row>
    <row r="918862" spans="14:14">
      <c r="N918862" s="10"/>
    </row>
    <row r="918863" spans="14:14">
      <c r="N918863" s="10"/>
    </row>
    <row r="918864" spans="14:14">
      <c r="N918864" s="10"/>
    </row>
    <row r="918865" spans="14:14">
      <c r="N918865" s="10"/>
    </row>
    <row r="918866" spans="14:14">
      <c r="N918866" s="10"/>
    </row>
    <row r="918867" spans="14:14">
      <c r="N918867" s="10"/>
    </row>
    <row r="918868" spans="14:14">
      <c r="N918868" s="10"/>
    </row>
    <row r="918869" spans="14:14">
      <c r="N918869" s="10"/>
    </row>
    <row r="918870" spans="14:14">
      <c r="N918870" s="10"/>
    </row>
    <row r="918871" spans="14:14">
      <c r="N918871" s="10"/>
    </row>
    <row r="918872" spans="14:14">
      <c r="N918872" s="10"/>
    </row>
    <row r="918873" spans="14:14">
      <c r="N918873" s="10"/>
    </row>
    <row r="918874" spans="14:14">
      <c r="N918874" s="10"/>
    </row>
    <row r="918875" spans="14:14">
      <c r="N918875" s="10"/>
    </row>
    <row r="918876" spans="14:14">
      <c r="N918876" s="10"/>
    </row>
    <row r="918877" spans="14:14">
      <c r="N918877" s="10"/>
    </row>
    <row r="918878" spans="14:14">
      <c r="N918878" s="10"/>
    </row>
    <row r="918879" spans="14:14">
      <c r="N918879" s="10"/>
    </row>
    <row r="918880" spans="14:14">
      <c r="N918880" s="10"/>
    </row>
    <row r="918881" spans="14:14">
      <c r="N918881" s="10"/>
    </row>
    <row r="918882" spans="14:14">
      <c r="N918882" s="10"/>
    </row>
    <row r="918883" spans="14:14">
      <c r="N918883" s="10"/>
    </row>
    <row r="918884" spans="14:14">
      <c r="N918884" s="10"/>
    </row>
    <row r="918885" spans="14:14">
      <c r="N918885" s="10"/>
    </row>
    <row r="918886" spans="14:14">
      <c r="N918886" s="10"/>
    </row>
    <row r="918887" spans="14:14">
      <c r="N918887" s="10"/>
    </row>
    <row r="918888" spans="14:14">
      <c r="N918888" s="10"/>
    </row>
    <row r="918889" spans="14:14">
      <c r="N918889" s="10"/>
    </row>
    <row r="918890" spans="14:14">
      <c r="N918890" s="10"/>
    </row>
    <row r="918891" spans="14:14">
      <c r="N918891" s="10"/>
    </row>
    <row r="918892" spans="14:14">
      <c r="N918892" s="10"/>
    </row>
    <row r="918893" spans="14:14">
      <c r="N918893" s="10"/>
    </row>
    <row r="918894" spans="14:14">
      <c r="N918894" s="10"/>
    </row>
    <row r="918895" spans="14:14">
      <c r="N918895" s="10"/>
    </row>
    <row r="918896" spans="14:14">
      <c r="N918896" s="10"/>
    </row>
    <row r="918897" spans="14:14">
      <c r="N918897" s="10"/>
    </row>
    <row r="918898" spans="14:14">
      <c r="N918898" s="10"/>
    </row>
    <row r="918899" spans="14:14">
      <c r="N918899" s="10"/>
    </row>
    <row r="918900" spans="14:14">
      <c r="N918900" s="10"/>
    </row>
    <row r="918901" spans="14:14">
      <c r="N918901" s="10"/>
    </row>
    <row r="918902" spans="14:14">
      <c r="N918902" s="10"/>
    </row>
    <row r="918903" spans="14:14">
      <c r="N918903" s="10"/>
    </row>
    <row r="918904" spans="14:14">
      <c r="N918904" s="10"/>
    </row>
    <row r="918905" spans="14:14">
      <c r="N918905" s="10"/>
    </row>
    <row r="918906" spans="14:14">
      <c r="N918906" s="10"/>
    </row>
    <row r="918907" spans="14:14">
      <c r="N918907" s="10"/>
    </row>
    <row r="918908" spans="14:14">
      <c r="N918908" s="10"/>
    </row>
    <row r="918909" spans="14:14">
      <c r="N918909" s="10"/>
    </row>
    <row r="918910" spans="14:14">
      <c r="N918910" s="10"/>
    </row>
    <row r="918911" spans="14:14">
      <c r="N918911" s="10"/>
    </row>
    <row r="918912" spans="14:14">
      <c r="N918912" s="10"/>
    </row>
    <row r="918913" spans="14:14">
      <c r="N918913" s="10"/>
    </row>
    <row r="918914" spans="14:14">
      <c r="N918914" s="10"/>
    </row>
    <row r="918915" spans="14:14">
      <c r="N918915" s="10"/>
    </row>
    <row r="918916" spans="14:14">
      <c r="N918916" s="10"/>
    </row>
    <row r="918917" spans="14:14">
      <c r="N918917" s="10"/>
    </row>
    <row r="918918" spans="14:14">
      <c r="N918918" s="10"/>
    </row>
    <row r="918919" spans="14:14">
      <c r="N918919" s="10"/>
    </row>
    <row r="918920" spans="14:14">
      <c r="N918920" s="10"/>
    </row>
    <row r="918921" spans="14:14">
      <c r="N918921" s="10"/>
    </row>
    <row r="918922" spans="14:14">
      <c r="N918922" s="10"/>
    </row>
    <row r="918923" spans="14:14">
      <c r="N918923" s="10"/>
    </row>
    <row r="918924" spans="14:14">
      <c r="N918924" s="10"/>
    </row>
    <row r="918925" spans="14:14">
      <c r="N918925" s="10"/>
    </row>
    <row r="918926" spans="14:14">
      <c r="N918926" s="10"/>
    </row>
    <row r="918927" spans="14:14">
      <c r="N918927" s="10"/>
    </row>
    <row r="918928" spans="14:14">
      <c r="N918928" s="10"/>
    </row>
    <row r="918929" spans="14:14">
      <c r="N918929" s="10"/>
    </row>
    <row r="918930" spans="14:14">
      <c r="N918930" s="10"/>
    </row>
    <row r="918931" spans="14:14">
      <c r="N918931" s="10"/>
    </row>
    <row r="918932" spans="14:14">
      <c r="N918932" s="10"/>
    </row>
    <row r="918933" spans="14:14">
      <c r="N918933" s="10"/>
    </row>
    <row r="918934" spans="14:14">
      <c r="N918934" s="10"/>
    </row>
    <row r="918935" spans="14:14">
      <c r="N918935" s="10"/>
    </row>
    <row r="918936" spans="14:14">
      <c r="N918936" s="10"/>
    </row>
    <row r="918937" spans="14:14">
      <c r="N918937" s="10"/>
    </row>
    <row r="918938" spans="14:14">
      <c r="N918938" s="10"/>
    </row>
    <row r="918939" spans="14:14">
      <c r="N918939" s="10"/>
    </row>
    <row r="918940" spans="14:14">
      <c r="N918940" s="10"/>
    </row>
    <row r="918941" spans="14:14">
      <c r="N918941" s="10"/>
    </row>
    <row r="918942" spans="14:14">
      <c r="N918942" s="10"/>
    </row>
    <row r="918943" spans="14:14">
      <c r="N918943" s="10"/>
    </row>
    <row r="918944" spans="14:14">
      <c r="N918944" s="10"/>
    </row>
    <row r="918945" spans="14:14">
      <c r="N918945" s="10"/>
    </row>
    <row r="918946" spans="14:14">
      <c r="N918946" s="10"/>
    </row>
    <row r="918947" spans="14:14">
      <c r="N918947" s="10"/>
    </row>
    <row r="918948" spans="14:14">
      <c r="N918948" s="10"/>
    </row>
    <row r="918949" spans="14:14">
      <c r="N918949" s="10"/>
    </row>
    <row r="918950" spans="14:14">
      <c r="N918950" s="10"/>
    </row>
    <row r="918951" spans="14:14">
      <c r="N918951" s="10"/>
    </row>
    <row r="918952" spans="14:14">
      <c r="N918952" s="10"/>
    </row>
    <row r="918953" spans="14:14">
      <c r="N918953" s="10"/>
    </row>
    <row r="918954" spans="14:14">
      <c r="N918954" s="10"/>
    </row>
    <row r="918955" spans="14:14">
      <c r="N918955" s="10"/>
    </row>
    <row r="918956" spans="14:14">
      <c r="N918956" s="10"/>
    </row>
    <row r="918957" spans="14:14">
      <c r="N918957" s="10"/>
    </row>
    <row r="918958" spans="14:14">
      <c r="N918958" s="10"/>
    </row>
    <row r="918959" spans="14:14">
      <c r="N918959" s="10"/>
    </row>
    <row r="918960" spans="14:14">
      <c r="N918960" s="10"/>
    </row>
    <row r="918961" spans="14:14">
      <c r="N918961" s="10"/>
    </row>
    <row r="918962" spans="14:14">
      <c r="N918962" s="10"/>
    </row>
    <row r="918963" spans="14:14">
      <c r="N918963" s="10"/>
    </row>
    <row r="918964" spans="14:14">
      <c r="N918964" s="10"/>
    </row>
    <row r="918965" spans="14:14">
      <c r="N918965" s="10"/>
    </row>
    <row r="918966" spans="14:14">
      <c r="N918966" s="10"/>
    </row>
    <row r="918967" spans="14:14">
      <c r="N918967" s="10"/>
    </row>
    <row r="918968" spans="14:14">
      <c r="N918968" s="10"/>
    </row>
    <row r="918969" spans="14:14">
      <c r="N918969" s="10"/>
    </row>
    <row r="918970" spans="14:14">
      <c r="N918970" s="10"/>
    </row>
    <row r="918971" spans="14:14">
      <c r="N918971" s="10"/>
    </row>
    <row r="918972" spans="14:14">
      <c r="N918972" s="10"/>
    </row>
    <row r="918973" spans="14:14">
      <c r="N918973" s="10"/>
    </row>
    <row r="918974" spans="14:14">
      <c r="N918974" s="10"/>
    </row>
    <row r="918975" spans="14:14">
      <c r="N918975" s="10"/>
    </row>
    <row r="918976" spans="14:14">
      <c r="N918976" s="10"/>
    </row>
    <row r="918977" spans="14:14">
      <c r="N918977" s="10"/>
    </row>
    <row r="918978" spans="14:14">
      <c r="N918978" s="10"/>
    </row>
    <row r="918979" spans="14:14">
      <c r="N918979" s="10"/>
    </row>
    <row r="918980" spans="14:14">
      <c r="N918980" s="10"/>
    </row>
    <row r="918981" spans="14:14">
      <c r="N918981" s="10"/>
    </row>
    <row r="918982" spans="14:14">
      <c r="N918982" s="10"/>
    </row>
    <row r="918983" spans="14:14">
      <c r="N918983" s="10"/>
    </row>
    <row r="918984" spans="14:14">
      <c r="N918984" s="10"/>
    </row>
    <row r="918985" spans="14:14">
      <c r="N918985" s="10"/>
    </row>
    <row r="918986" spans="14:14">
      <c r="N918986" s="10"/>
    </row>
    <row r="918987" spans="14:14">
      <c r="N918987" s="10"/>
    </row>
    <row r="918988" spans="14:14">
      <c r="N918988" s="10"/>
    </row>
    <row r="918989" spans="14:14">
      <c r="N918989" s="10"/>
    </row>
    <row r="918990" spans="14:14">
      <c r="N918990" s="10"/>
    </row>
    <row r="918991" spans="14:14">
      <c r="N918991" s="10"/>
    </row>
    <row r="918992" spans="14:14">
      <c r="N918992" s="10"/>
    </row>
    <row r="918993" spans="14:14">
      <c r="N918993" s="10"/>
    </row>
    <row r="918994" spans="14:14">
      <c r="N918994" s="10"/>
    </row>
    <row r="918995" spans="14:14">
      <c r="N918995" s="10"/>
    </row>
    <row r="918996" spans="14:14">
      <c r="N918996" s="10"/>
    </row>
    <row r="918997" spans="14:14">
      <c r="N918997" s="10"/>
    </row>
    <row r="918998" spans="14:14">
      <c r="N918998" s="10"/>
    </row>
    <row r="918999" spans="14:14">
      <c r="N918999" s="10"/>
    </row>
    <row r="919000" spans="14:14">
      <c r="N919000" s="10"/>
    </row>
    <row r="919001" spans="14:14">
      <c r="N919001" s="10"/>
    </row>
    <row r="919002" spans="14:14">
      <c r="N919002" s="10"/>
    </row>
    <row r="919003" spans="14:14">
      <c r="N919003" s="10"/>
    </row>
    <row r="919004" spans="14:14">
      <c r="N919004" s="10"/>
    </row>
    <row r="919005" spans="14:14">
      <c r="N919005" s="10"/>
    </row>
    <row r="919006" spans="14:14">
      <c r="N919006" s="10"/>
    </row>
    <row r="919007" spans="14:14">
      <c r="N919007" s="10"/>
    </row>
    <row r="919008" spans="14:14">
      <c r="N919008" s="10"/>
    </row>
    <row r="919009" spans="14:14">
      <c r="N919009" s="10"/>
    </row>
    <row r="919010" spans="14:14">
      <c r="N919010" s="10"/>
    </row>
    <row r="919011" spans="14:14">
      <c r="N919011" s="10"/>
    </row>
    <row r="919012" spans="14:14">
      <c r="N919012" s="10"/>
    </row>
    <row r="919013" spans="14:14">
      <c r="N919013" s="10"/>
    </row>
    <row r="919014" spans="14:14">
      <c r="N919014" s="10"/>
    </row>
    <row r="919015" spans="14:14">
      <c r="N919015" s="10"/>
    </row>
    <row r="919016" spans="14:14">
      <c r="N919016" s="10"/>
    </row>
    <row r="919017" spans="14:14">
      <c r="N919017" s="10"/>
    </row>
    <row r="919018" spans="14:14">
      <c r="N919018" s="10"/>
    </row>
    <row r="919019" spans="14:14">
      <c r="N919019" s="10"/>
    </row>
    <row r="919020" spans="14:14">
      <c r="N919020" s="10"/>
    </row>
    <row r="919021" spans="14:14">
      <c r="N919021" s="10"/>
    </row>
    <row r="919022" spans="14:14">
      <c r="N919022" s="10"/>
    </row>
    <row r="919023" spans="14:14">
      <c r="N919023" s="10"/>
    </row>
    <row r="919024" spans="14:14">
      <c r="N919024" s="10"/>
    </row>
    <row r="919025" spans="14:14">
      <c r="N919025" s="10"/>
    </row>
    <row r="919026" spans="14:14">
      <c r="N919026" s="10"/>
    </row>
    <row r="919027" spans="14:14">
      <c r="N919027" s="10"/>
    </row>
    <row r="919028" spans="14:14">
      <c r="N919028" s="10"/>
    </row>
    <row r="919029" spans="14:14">
      <c r="N919029" s="10"/>
    </row>
    <row r="919030" spans="14:14">
      <c r="N919030" s="10"/>
    </row>
    <row r="919031" spans="14:14">
      <c r="N919031" s="10"/>
    </row>
    <row r="919032" spans="14:14">
      <c r="N919032" s="10"/>
    </row>
    <row r="919033" spans="14:14">
      <c r="N919033" s="10"/>
    </row>
    <row r="919034" spans="14:14">
      <c r="N919034" s="10"/>
    </row>
    <row r="919035" spans="14:14">
      <c r="N919035" s="10"/>
    </row>
    <row r="919036" spans="14:14">
      <c r="N919036" s="10"/>
    </row>
    <row r="919037" spans="14:14">
      <c r="N919037" s="10"/>
    </row>
    <row r="919038" spans="14:14">
      <c r="N919038" s="10"/>
    </row>
    <row r="919039" spans="14:14">
      <c r="N919039" s="10"/>
    </row>
    <row r="919040" spans="14:14">
      <c r="N919040" s="10"/>
    </row>
    <row r="919041" spans="14:14">
      <c r="N919041" s="10"/>
    </row>
    <row r="919042" spans="14:14">
      <c r="N919042" s="10"/>
    </row>
    <row r="919043" spans="14:14">
      <c r="N919043" s="10"/>
    </row>
    <row r="919044" spans="14:14">
      <c r="N919044" s="10"/>
    </row>
    <row r="919045" spans="14:14">
      <c r="N919045" s="10"/>
    </row>
    <row r="919046" spans="14:14">
      <c r="N919046" s="10"/>
    </row>
    <row r="919047" spans="14:14">
      <c r="N919047" s="10"/>
    </row>
    <row r="919048" spans="14:14">
      <c r="N919048" s="10"/>
    </row>
    <row r="919049" spans="14:14">
      <c r="N919049" s="10"/>
    </row>
    <row r="919050" spans="14:14">
      <c r="N919050" s="10"/>
    </row>
    <row r="919051" spans="14:14">
      <c r="N919051" s="10"/>
    </row>
    <row r="919052" spans="14:14">
      <c r="N919052" s="10"/>
    </row>
    <row r="919053" spans="14:14">
      <c r="N919053" s="10"/>
    </row>
    <row r="919054" spans="14:14">
      <c r="N919054" s="10"/>
    </row>
    <row r="919055" spans="14:14">
      <c r="N919055" s="10"/>
    </row>
    <row r="919056" spans="14:14">
      <c r="N919056" s="10"/>
    </row>
    <row r="919057" spans="14:14">
      <c r="N919057" s="10"/>
    </row>
    <row r="919058" spans="14:14">
      <c r="N919058" s="10"/>
    </row>
    <row r="919059" spans="14:14">
      <c r="N919059" s="10"/>
    </row>
    <row r="919060" spans="14:14">
      <c r="N919060" s="10"/>
    </row>
    <row r="919061" spans="14:14">
      <c r="N919061" s="10"/>
    </row>
    <row r="919062" spans="14:14">
      <c r="N919062" s="10"/>
    </row>
    <row r="919063" spans="14:14">
      <c r="N919063" s="10"/>
    </row>
    <row r="919064" spans="14:14">
      <c r="N919064" s="10"/>
    </row>
    <row r="919065" spans="14:14">
      <c r="N919065" s="10"/>
    </row>
    <row r="919066" spans="14:14">
      <c r="N919066" s="10"/>
    </row>
    <row r="919067" spans="14:14">
      <c r="N919067" s="10"/>
    </row>
    <row r="919068" spans="14:14">
      <c r="N919068" s="10"/>
    </row>
    <row r="919069" spans="14:14">
      <c r="N919069" s="10"/>
    </row>
    <row r="919070" spans="14:14">
      <c r="N919070" s="10"/>
    </row>
    <row r="919071" spans="14:14">
      <c r="N919071" s="10"/>
    </row>
    <row r="919072" spans="14:14">
      <c r="N919072" s="10"/>
    </row>
    <row r="919073" spans="14:14">
      <c r="N919073" s="10"/>
    </row>
    <row r="919074" spans="14:14">
      <c r="N919074" s="10"/>
    </row>
    <row r="919075" spans="14:14">
      <c r="N919075" s="10"/>
    </row>
    <row r="919076" spans="14:14">
      <c r="N919076" s="10"/>
    </row>
    <row r="919077" spans="14:14">
      <c r="N919077" s="10"/>
    </row>
    <row r="919078" spans="14:14">
      <c r="N919078" s="10"/>
    </row>
    <row r="919079" spans="14:14">
      <c r="N919079" s="10"/>
    </row>
    <row r="919080" spans="14:14">
      <c r="N919080" s="10"/>
    </row>
    <row r="919081" spans="14:14">
      <c r="N919081" s="10"/>
    </row>
    <row r="919082" spans="14:14">
      <c r="N919082" s="10"/>
    </row>
    <row r="919083" spans="14:14">
      <c r="N919083" s="10"/>
    </row>
    <row r="919084" spans="14:14">
      <c r="N919084" s="10"/>
    </row>
    <row r="919085" spans="14:14">
      <c r="N919085" s="10"/>
    </row>
    <row r="919086" spans="14:14">
      <c r="N919086" s="10"/>
    </row>
    <row r="919087" spans="14:14">
      <c r="N919087" s="10"/>
    </row>
    <row r="919088" spans="14:14">
      <c r="N919088" s="10"/>
    </row>
    <row r="919089" spans="14:14">
      <c r="N919089" s="10"/>
    </row>
    <row r="919090" spans="14:14">
      <c r="N919090" s="10"/>
    </row>
    <row r="919091" spans="14:14">
      <c r="N919091" s="10"/>
    </row>
    <row r="919092" spans="14:14">
      <c r="N919092" s="10"/>
    </row>
    <row r="919093" spans="14:14">
      <c r="N919093" s="10"/>
    </row>
    <row r="919094" spans="14:14">
      <c r="N919094" s="10"/>
    </row>
    <row r="919095" spans="14:14">
      <c r="N919095" s="10"/>
    </row>
    <row r="919096" spans="14:14">
      <c r="N919096" s="10"/>
    </row>
    <row r="919097" spans="14:14">
      <c r="N919097" s="10"/>
    </row>
    <row r="919098" spans="14:14">
      <c r="N919098" s="10"/>
    </row>
    <row r="919099" spans="14:14">
      <c r="N919099" s="10"/>
    </row>
    <row r="919100" spans="14:14">
      <c r="N919100" s="10"/>
    </row>
    <row r="919101" spans="14:14">
      <c r="N919101" s="10"/>
    </row>
    <row r="919102" spans="14:14">
      <c r="N919102" s="10"/>
    </row>
    <row r="919103" spans="14:14">
      <c r="N919103" s="10"/>
    </row>
    <row r="919104" spans="14:14">
      <c r="N919104" s="10"/>
    </row>
    <row r="919105" spans="14:14">
      <c r="N919105" s="10"/>
    </row>
    <row r="919106" spans="14:14">
      <c r="N919106" s="10"/>
    </row>
    <row r="919107" spans="14:14">
      <c r="N919107" s="10"/>
    </row>
    <row r="919108" spans="14:14">
      <c r="N919108" s="10"/>
    </row>
    <row r="919109" spans="14:14">
      <c r="N919109" s="10"/>
    </row>
    <row r="919110" spans="14:14">
      <c r="N919110" s="10"/>
    </row>
    <row r="919111" spans="14:14">
      <c r="N919111" s="10"/>
    </row>
    <row r="919112" spans="14:14">
      <c r="N919112" s="10"/>
    </row>
    <row r="919113" spans="14:14">
      <c r="N919113" s="10"/>
    </row>
    <row r="919114" spans="14:14">
      <c r="N919114" s="10"/>
    </row>
    <row r="919115" spans="14:14">
      <c r="N919115" s="10"/>
    </row>
    <row r="919116" spans="14:14">
      <c r="N919116" s="10"/>
    </row>
    <row r="919117" spans="14:14">
      <c r="N919117" s="10"/>
    </row>
    <row r="919118" spans="14:14">
      <c r="N919118" s="10"/>
    </row>
    <row r="919119" spans="14:14">
      <c r="N919119" s="10"/>
    </row>
    <row r="919120" spans="14:14">
      <c r="N919120" s="10"/>
    </row>
    <row r="919121" spans="14:14">
      <c r="N919121" s="10"/>
    </row>
    <row r="919122" spans="14:14">
      <c r="N919122" s="10"/>
    </row>
    <row r="919123" spans="14:14">
      <c r="N919123" s="10"/>
    </row>
    <row r="919124" spans="14:14">
      <c r="N919124" s="10"/>
    </row>
    <row r="919125" spans="14:14">
      <c r="N919125" s="10"/>
    </row>
    <row r="919126" spans="14:14">
      <c r="N919126" s="10"/>
    </row>
    <row r="919127" spans="14:14">
      <c r="N919127" s="10"/>
    </row>
    <row r="919128" spans="14:14">
      <c r="N919128" s="10"/>
    </row>
    <row r="919129" spans="14:14">
      <c r="N919129" s="10"/>
    </row>
    <row r="919130" spans="14:14">
      <c r="N919130" s="10"/>
    </row>
    <row r="919131" spans="14:14">
      <c r="N919131" s="10"/>
    </row>
    <row r="919132" spans="14:14">
      <c r="N919132" s="10"/>
    </row>
    <row r="919133" spans="14:14">
      <c r="N919133" s="10"/>
    </row>
    <row r="919134" spans="14:14">
      <c r="N919134" s="10"/>
    </row>
    <row r="919135" spans="14:14">
      <c r="N919135" s="10"/>
    </row>
    <row r="919136" spans="14:14">
      <c r="N919136" s="10"/>
    </row>
    <row r="919137" spans="14:14">
      <c r="N919137" s="10"/>
    </row>
    <row r="919138" spans="14:14">
      <c r="N919138" s="10"/>
    </row>
    <row r="919139" spans="14:14">
      <c r="N919139" s="10"/>
    </row>
    <row r="919140" spans="14:14">
      <c r="N919140" s="10"/>
    </row>
    <row r="919141" spans="14:14">
      <c r="N919141" s="10"/>
    </row>
    <row r="919142" spans="14:14">
      <c r="N919142" s="10"/>
    </row>
    <row r="919143" spans="14:14">
      <c r="N919143" s="10"/>
    </row>
    <row r="919144" spans="14:14">
      <c r="N919144" s="10"/>
    </row>
    <row r="919145" spans="14:14">
      <c r="N919145" s="10"/>
    </row>
    <row r="919146" spans="14:14">
      <c r="N919146" s="10"/>
    </row>
    <row r="919147" spans="14:14">
      <c r="N919147" s="10"/>
    </row>
    <row r="919148" spans="14:14">
      <c r="N919148" s="10"/>
    </row>
    <row r="919149" spans="14:14">
      <c r="N919149" s="10"/>
    </row>
    <row r="919150" spans="14:14">
      <c r="N919150" s="10"/>
    </row>
    <row r="919151" spans="14:14">
      <c r="N919151" s="10"/>
    </row>
    <row r="919152" spans="14:14">
      <c r="N919152" s="10"/>
    </row>
    <row r="919153" spans="14:14">
      <c r="N919153" s="10"/>
    </row>
    <row r="919154" spans="14:14">
      <c r="N919154" s="10"/>
    </row>
    <row r="919155" spans="14:14">
      <c r="N919155" s="10"/>
    </row>
    <row r="919156" spans="14:14">
      <c r="N919156" s="10"/>
    </row>
    <row r="919157" spans="14:14">
      <c r="N919157" s="10"/>
    </row>
    <row r="919158" spans="14:14">
      <c r="N919158" s="10"/>
    </row>
    <row r="919159" spans="14:14">
      <c r="N919159" s="10"/>
    </row>
    <row r="919160" spans="14:14">
      <c r="N919160" s="10"/>
    </row>
    <row r="919161" spans="14:14">
      <c r="N919161" s="10"/>
    </row>
    <row r="919162" spans="14:14">
      <c r="N919162" s="10"/>
    </row>
    <row r="919163" spans="14:14">
      <c r="N919163" s="10"/>
    </row>
    <row r="919164" spans="14:14">
      <c r="N919164" s="10"/>
    </row>
    <row r="919165" spans="14:14">
      <c r="N919165" s="10"/>
    </row>
    <row r="919166" spans="14:14">
      <c r="N919166" s="10"/>
    </row>
    <row r="919167" spans="14:14">
      <c r="N919167" s="10"/>
    </row>
    <row r="919168" spans="14:14">
      <c r="N919168" s="10"/>
    </row>
    <row r="919169" spans="14:14">
      <c r="N919169" s="10"/>
    </row>
    <row r="919170" spans="14:14">
      <c r="N919170" s="10"/>
    </row>
    <row r="919171" spans="14:14">
      <c r="N919171" s="10"/>
    </row>
    <row r="919172" spans="14:14">
      <c r="N919172" s="10"/>
    </row>
    <row r="919173" spans="14:14">
      <c r="N919173" s="10"/>
    </row>
    <row r="919174" spans="14:14">
      <c r="N919174" s="10"/>
    </row>
    <row r="919175" spans="14:14">
      <c r="N919175" s="10"/>
    </row>
    <row r="919176" spans="14:14">
      <c r="N919176" s="10"/>
    </row>
    <row r="919177" spans="14:14">
      <c r="N919177" s="10"/>
    </row>
    <row r="919178" spans="14:14">
      <c r="N919178" s="10"/>
    </row>
    <row r="919179" spans="14:14">
      <c r="N919179" s="10"/>
    </row>
    <row r="919180" spans="14:14">
      <c r="N919180" s="10"/>
    </row>
    <row r="919181" spans="14:14">
      <c r="N919181" s="10"/>
    </row>
    <row r="919182" spans="14:14">
      <c r="N919182" s="10"/>
    </row>
    <row r="919183" spans="14:14">
      <c r="N919183" s="10"/>
    </row>
    <row r="919184" spans="14:14">
      <c r="N919184" s="10"/>
    </row>
    <row r="919185" spans="14:14">
      <c r="N919185" s="10"/>
    </row>
    <row r="919186" spans="14:14">
      <c r="N919186" s="10"/>
    </row>
    <row r="919187" spans="14:14">
      <c r="N919187" s="10"/>
    </row>
    <row r="919188" spans="14:14">
      <c r="N919188" s="10"/>
    </row>
    <row r="919189" spans="14:14">
      <c r="N919189" s="10"/>
    </row>
    <row r="919190" spans="14:14">
      <c r="N919190" s="10"/>
    </row>
    <row r="919191" spans="14:14">
      <c r="N919191" s="10"/>
    </row>
    <row r="919192" spans="14:14">
      <c r="N919192" s="10"/>
    </row>
    <row r="919193" spans="14:14">
      <c r="N919193" s="10"/>
    </row>
    <row r="919194" spans="14:14">
      <c r="N919194" s="10"/>
    </row>
    <row r="919195" spans="14:14">
      <c r="N919195" s="10"/>
    </row>
    <row r="919196" spans="14:14">
      <c r="N919196" s="10"/>
    </row>
    <row r="919197" spans="14:14">
      <c r="N919197" s="10"/>
    </row>
    <row r="919198" spans="14:14">
      <c r="N919198" s="10"/>
    </row>
    <row r="919199" spans="14:14">
      <c r="N919199" s="10"/>
    </row>
    <row r="919200" spans="14:14">
      <c r="N919200" s="10"/>
    </row>
    <row r="919201" spans="14:14">
      <c r="N919201" s="10"/>
    </row>
    <row r="919202" spans="14:14">
      <c r="N919202" s="10"/>
    </row>
    <row r="919203" spans="14:14">
      <c r="N919203" s="10"/>
    </row>
    <row r="919204" spans="14:14">
      <c r="N919204" s="10"/>
    </row>
    <row r="919205" spans="14:14">
      <c r="N919205" s="10"/>
    </row>
    <row r="919206" spans="14:14">
      <c r="N919206" s="10"/>
    </row>
    <row r="919207" spans="14:14">
      <c r="N919207" s="10"/>
    </row>
    <row r="919208" spans="14:14">
      <c r="N919208" s="10"/>
    </row>
    <row r="919209" spans="14:14">
      <c r="N919209" s="10"/>
    </row>
    <row r="919210" spans="14:14">
      <c r="N919210" s="10"/>
    </row>
    <row r="919211" spans="14:14">
      <c r="N919211" s="10"/>
    </row>
    <row r="919212" spans="14:14">
      <c r="N919212" s="10"/>
    </row>
    <row r="919213" spans="14:14">
      <c r="N919213" s="10"/>
    </row>
    <row r="919214" spans="14:14">
      <c r="N919214" s="10"/>
    </row>
    <row r="919215" spans="14:14">
      <c r="N919215" s="10"/>
    </row>
    <row r="919216" spans="14:14">
      <c r="N919216" s="10"/>
    </row>
    <row r="919217" spans="14:14">
      <c r="N919217" s="10"/>
    </row>
    <row r="919218" spans="14:14">
      <c r="N919218" s="10"/>
    </row>
    <row r="919219" spans="14:14">
      <c r="N919219" s="10"/>
    </row>
    <row r="919220" spans="14:14">
      <c r="N919220" s="10"/>
    </row>
    <row r="919221" spans="14:14">
      <c r="N919221" s="10"/>
    </row>
    <row r="919222" spans="14:14">
      <c r="N919222" s="10"/>
    </row>
    <row r="919223" spans="14:14">
      <c r="N919223" s="10"/>
    </row>
    <row r="919224" spans="14:14">
      <c r="N919224" s="10"/>
    </row>
    <row r="919225" spans="14:14">
      <c r="N919225" s="10"/>
    </row>
    <row r="919226" spans="14:14">
      <c r="N919226" s="10"/>
    </row>
    <row r="919227" spans="14:14">
      <c r="N919227" s="10"/>
    </row>
    <row r="919228" spans="14:14">
      <c r="N919228" s="10"/>
    </row>
    <row r="919229" spans="14:14">
      <c r="N919229" s="10"/>
    </row>
    <row r="919230" spans="14:14">
      <c r="N919230" s="10"/>
    </row>
    <row r="919231" spans="14:14">
      <c r="N919231" s="10"/>
    </row>
    <row r="919232" spans="14:14">
      <c r="N919232" s="10"/>
    </row>
    <row r="919233" spans="14:14">
      <c r="N919233" s="10"/>
    </row>
    <row r="919234" spans="14:14">
      <c r="N919234" s="10"/>
    </row>
    <row r="919235" spans="14:14">
      <c r="N919235" s="10"/>
    </row>
    <row r="919236" spans="14:14">
      <c r="N919236" s="10"/>
    </row>
    <row r="919237" spans="14:14">
      <c r="N919237" s="10"/>
    </row>
    <row r="919238" spans="14:14">
      <c r="N919238" s="10"/>
    </row>
    <row r="919239" spans="14:14">
      <c r="N919239" s="10"/>
    </row>
    <row r="919240" spans="14:14">
      <c r="N919240" s="10"/>
    </row>
    <row r="919241" spans="14:14">
      <c r="N919241" s="10"/>
    </row>
    <row r="919242" spans="14:14">
      <c r="N919242" s="10"/>
    </row>
    <row r="919243" spans="14:14">
      <c r="N919243" s="10"/>
    </row>
    <row r="919244" spans="14:14">
      <c r="N919244" s="10"/>
    </row>
    <row r="919245" spans="14:14">
      <c r="N919245" s="10"/>
    </row>
    <row r="919246" spans="14:14">
      <c r="N919246" s="10"/>
    </row>
    <row r="919247" spans="14:14">
      <c r="N919247" s="10"/>
    </row>
    <row r="919248" spans="14:14">
      <c r="N919248" s="10"/>
    </row>
    <row r="919249" spans="14:14">
      <c r="N919249" s="10"/>
    </row>
    <row r="919250" spans="14:14">
      <c r="N919250" s="10"/>
    </row>
    <row r="919251" spans="14:14">
      <c r="N919251" s="10"/>
    </row>
    <row r="919252" spans="14:14">
      <c r="N919252" s="10"/>
    </row>
    <row r="919253" spans="14:14">
      <c r="N919253" s="10"/>
    </row>
    <row r="919254" spans="14:14">
      <c r="N919254" s="10"/>
    </row>
    <row r="919255" spans="14:14">
      <c r="N919255" s="10"/>
    </row>
    <row r="919256" spans="14:14">
      <c r="N919256" s="10"/>
    </row>
    <row r="919257" spans="14:14">
      <c r="N919257" s="10"/>
    </row>
    <row r="919258" spans="14:14">
      <c r="N919258" s="10"/>
    </row>
    <row r="919259" spans="14:14">
      <c r="N919259" s="10"/>
    </row>
    <row r="919260" spans="14:14">
      <c r="N919260" s="10"/>
    </row>
    <row r="919261" spans="14:14">
      <c r="N919261" s="10"/>
    </row>
    <row r="919262" spans="14:14">
      <c r="N919262" s="10"/>
    </row>
    <row r="919263" spans="14:14">
      <c r="N919263" s="10"/>
    </row>
    <row r="919264" spans="14:14">
      <c r="N919264" s="10"/>
    </row>
    <row r="919265" spans="14:14">
      <c r="N919265" s="10"/>
    </row>
    <row r="919266" spans="14:14">
      <c r="N919266" s="10"/>
    </row>
    <row r="919267" spans="14:14">
      <c r="N919267" s="10"/>
    </row>
    <row r="919268" spans="14:14">
      <c r="N919268" s="10"/>
    </row>
    <row r="919269" spans="14:14">
      <c r="N919269" s="10"/>
    </row>
    <row r="919270" spans="14:14">
      <c r="N919270" s="10"/>
    </row>
    <row r="919271" spans="14:14">
      <c r="N919271" s="10"/>
    </row>
    <row r="919272" spans="14:14">
      <c r="N919272" s="10"/>
    </row>
    <row r="919273" spans="14:14">
      <c r="N919273" s="10"/>
    </row>
    <row r="919274" spans="14:14">
      <c r="N919274" s="10"/>
    </row>
    <row r="919275" spans="14:14">
      <c r="N919275" s="10"/>
    </row>
    <row r="919276" spans="14:14">
      <c r="N919276" s="10"/>
    </row>
    <row r="919277" spans="14:14">
      <c r="N919277" s="10"/>
    </row>
    <row r="919278" spans="14:14">
      <c r="N919278" s="10"/>
    </row>
    <row r="919279" spans="14:14">
      <c r="N919279" s="10"/>
    </row>
    <row r="919280" spans="14:14">
      <c r="N919280" s="10"/>
    </row>
    <row r="919281" spans="14:14">
      <c r="N919281" s="10"/>
    </row>
    <row r="919282" spans="14:14">
      <c r="N919282" s="10"/>
    </row>
    <row r="919283" spans="14:14">
      <c r="N919283" s="10"/>
    </row>
    <row r="919284" spans="14:14">
      <c r="N919284" s="10"/>
    </row>
    <row r="919285" spans="14:14">
      <c r="N919285" s="10"/>
    </row>
    <row r="919286" spans="14:14">
      <c r="N919286" s="10"/>
    </row>
    <row r="919287" spans="14:14">
      <c r="N919287" s="10"/>
    </row>
    <row r="919288" spans="14:14">
      <c r="N919288" s="10"/>
    </row>
    <row r="919289" spans="14:14">
      <c r="N919289" s="10"/>
    </row>
    <row r="919290" spans="14:14">
      <c r="N919290" s="10"/>
    </row>
    <row r="919291" spans="14:14">
      <c r="N919291" s="10"/>
    </row>
    <row r="919292" spans="14:14">
      <c r="N919292" s="10"/>
    </row>
    <row r="919293" spans="14:14">
      <c r="N919293" s="10"/>
    </row>
    <row r="919294" spans="14:14">
      <c r="N919294" s="10"/>
    </row>
    <row r="919295" spans="14:14">
      <c r="N919295" s="10"/>
    </row>
    <row r="919296" spans="14:14">
      <c r="N919296" s="10"/>
    </row>
    <row r="919297" spans="14:14">
      <c r="N919297" s="10"/>
    </row>
    <row r="919298" spans="14:14">
      <c r="N919298" s="10"/>
    </row>
    <row r="919299" spans="14:14">
      <c r="N919299" s="10"/>
    </row>
    <row r="919300" spans="14:14">
      <c r="N919300" s="10"/>
    </row>
    <row r="919301" spans="14:14">
      <c r="N919301" s="10"/>
    </row>
    <row r="919302" spans="14:14">
      <c r="N919302" s="10"/>
    </row>
    <row r="919303" spans="14:14">
      <c r="N919303" s="10"/>
    </row>
    <row r="919304" spans="14:14">
      <c r="N919304" s="10"/>
    </row>
    <row r="919305" spans="14:14">
      <c r="N919305" s="10"/>
    </row>
    <row r="919306" spans="14:14">
      <c r="N919306" s="10"/>
    </row>
    <row r="919307" spans="14:14">
      <c r="N919307" s="10"/>
    </row>
    <row r="919308" spans="14:14">
      <c r="N919308" s="10"/>
    </row>
    <row r="919309" spans="14:14">
      <c r="N919309" s="10"/>
    </row>
    <row r="919310" spans="14:14">
      <c r="N919310" s="10"/>
    </row>
    <row r="919311" spans="14:14">
      <c r="N919311" s="10"/>
    </row>
    <row r="919312" spans="14:14">
      <c r="N919312" s="10"/>
    </row>
    <row r="919313" spans="14:14">
      <c r="N919313" s="10"/>
    </row>
    <row r="919314" spans="14:14">
      <c r="N919314" s="10"/>
    </row>
    <row r="919315" spans="14:14">
      <c r="N919315" s="10"/>
    </row>
    <row r="919316" spans="14:14">
      <c r="N919316" s="10"/>
    </row>
    <row r="919317" spans="14:14">
      <c r="N919317" s="10"/>
    </row>
    <row r="919318" spans="14:14">
      <c r="N919318" s="10"/>
    </row>
    <row r="919319" spans="14:14">
      <c r="N919319" s="10"/>
    </row>
    <row r="919320" spans="14:14">
      <c r="N919320" s="10"/>
    </row>
    <row r="919321" spans="14:14">
      <c r="N919321" s="10"/>
    </row>
    <row r="919322" spans="14:14">
      <c r="N919322" s="10"/>
    </row>
    <row r="919323" spans="14:14">
      <c r="N919323" s="10"/>
    </row>
    <row r="919324" spans="14:14">
      <c r="N919324" s="10"/>
    </row>
    <row r="919325" spans="14:14">
      <c r="N919325" s="10"/>
    </row>
    <row r="919326" spans="14:14">
      <c r="N919326" s="10"/>
    </row>
    <row r="919327" spans="14:14">
      <c r="N919327" s="10"/>
    </row>
    <row r="919328" spans="14:14">
      <c r="N919328" s="10"/>
    </row>
    <row r="919329" spans="14:14">
      <c r="N919329" s="10"/>
    </row>
    <row r="919330" spans="14:14">
      <c r="N919330" s="10"/>
    </row>
    <row r="919331" spans="14:14">
      <c r="N919331" s="10"/>
    </row>
    <row r="919332" spans="14:14">
      <c r="N919332" s="10"/>
    </row>
    <row r="919333" spans="14:14">
      <c r="N919333" s="10"/>
    </row>
    <row r="919334" spans="14:14">
      <c r="N919334" s="10"/>
    </row>
    <row r="919335" spans="14:14">
      <c r="N919335" s="10"/>
    </row>
    <row r="919336" spans="14:14">
      <c r="N919336" s="10"/>
    </row>
    <row r="919337" spans="14:14">
      <c r="N919337" s="10"/>
    </row>
    <row r="919338" spans="14:14">
      <c r="N919338" s="10"/>
    </row>
    <row r="919339" spans="14:14">
      <c r="N919339" s="10"/>
    </row>
    <row r="919340" spans="14:14">
      <c r="N919340" s="10"/>
    </row>
    <row r="919341" spans="14:14">
      <c r="N919341" s="10"/>
    </row>
    <row r="919342" spans="14:14">
      <c r="N919342" s="10"/>
    </row>
    <row r="919343" spans="14:14">
      <c r="N919343" s="10"/>
    </row>
    <row r="919344" spans="14:14">
      <c r="N919344" s="10"/>
    </row>
    <row r="919345" spans="14:14">
      <c r="N919345" s="10"/>
    </row>
    <row r="919346" spans="14:14">
      <c r="N919346" s="10"/>
    </row>
    <row r="919347" spans="14:14">
      <c r="N919347" s="10"/>
    </row>
    <row r="919348" spans="14:14">
      <c r="N919348" s="10"/>
    </row>
    <row r="919349" spans="14:14">
      <c r="N919349" s="10"/>
    </row>
    <row r="919350" spans="14:14">
      <c r="N919350" s="10"/>
    </row>
    <row r="919351" spans="14:14">
      <c r="N919351" s="10"/>
    </row>
    <row r="919352" spans="14:14">
      <c r="N919352" s="10"/>
    </row>
    <row r="919353" spans="14:14">
      <c r="N919353" s="10"/>
    </row>
    <row r="919354" spans="14:14">
      <c r="N919354" s="10"/>
    </row>
    <row r="919355" spans="14:14">
      <c r="N919355" s="10"/>
    </row>
    <row r="919356" spans="14:14">
      <c r="N919356" s="10"/>
    </row>
    <row r="919357" spans="14:14">
      <c r="N919357" s="10"/>
    </row>
    <row r="919358" spans="14:14">
      <c r="N919358" s="10"/>
    </row>
    <row r="919359" spans="14:14">
      <c r="N919359" s="10"/>
    </row>
    <row r="919360" spans="14:14">
      <c r="N919360" s="10"/>
    </row>
    <row r="919361" spans="14:14">
      <c r="N919361" s="10"/>
    </row>
    <row r="919362" spans="14:14">
      <c r="N919362" s="10"/>
    </row>
    <row r="919363" spans="14:14">
      <c r="N919363" s="10"/>
    </row>
    <row r="919364" spans="14:14">
      <c r="N919364" s="10"/>
    </row>
    <row r="919365" spans="14:14">
      <c r="N919365" s="10"/>
    </row>
    <row r="919366" spans="14:14">
      <c r="N919366" s="10"/>
    </row>
    <row r="919367" spans="14:14">
      <c r="N919367" s="10"/>
    </row>
    <row r="919368" spans="14:14">
      <c r="N919368" s="10"/>
    </row>
    <row r="919369" spans="14:14">
      <c r="N919369" s="10"/>
    </row>
    <row r="919370" spans="14:14">
      <c r="N919370" s="10"/>
    </row>
    <row r="919371" spans="14:14">
      <c r="N919371" s="10"/>
    </row>
    <row r="919372" spans="14:14">
      <c r="N919372" s="10"/>
    </row>
    <row r="919373" spans="14:14">
      <c r="N919373" s="10"/>
    </row>
    <row r="919374" spans="14:14">
      <c r="N919374" s="10"/>
    </row>
    <row r="919375" spans="14:14">
      <c r="N919375" s="10"/>
    </row>
    <row r="919376" spans="14:14">
      <c r="N919376" s="10"/>
    </row>
    <row r="919377" spans="14:14">
      <c r="N919377" s="10"/>
    </row>
    <row r="919378" spans="14:14">
      <c r="N919378" s="10"/>
    </row>
    <row r="919379" spans="14:14">
      <c r="N919379" s="10"/>
    </row>
    <row r="919380" spans="14:14">
      <c r="N919380" s="10"/>
    </row>
    <row r="919381" spans="14:14">
      <c r="N919381" s="10"/>
    </row>
    <row r="919382" spans="14:14">
      <c r="N919382" s="10"/>
    </row>
    <row r="919383" spans="14:14">
      <c r="N919383" s="10"/>
    </row>
    <row r="919384" spans="14:14">
      <c r="N919384" s="10"/>
    </row>
    <row r="919385" spans="14:14">
      <c r="N919385" s="10"/>
    </row>
    <row r="919386" spans="14:14">
      <c r="N919386" s="10"/>
    </row>
    <row r="919387" spans="14:14">
      <c r="N919387" s="10"/>
    </row>
    <row r="919388" spans="14:14">
      <c r="N919388" s="10"/>
    </row>
    <row r="919389" spans="14:14">
      <c r="N919389" s="10"/>
    </row>
    <row r="919390" spans="14:14">
      <c r="N919390" s="10"/>
    </row>
    <row r="919391" spans="14:14">
      <c r="N919391" s="10"/>
    </row>
    <row r="919392" spans="14:14">
      <c r="N919392" s="10"/>
    </row>
    <row r="919393" spans="14:14">
      <c r="N919393" s="10"/>
    </row>
    <row r="919394" spans="14:14">
      <c r="N919394" s="10"/>
    </row>
    <row r="919395" spans="14:14">
      <c r="N919395" s="10"/>
    </row>
    <row r="919396" spans="14:14">
      <c r="N919396" s="10"/>
    </row>
    <row r="919397" spans="14:14">
      <c r="N919397" s="10"/>
    </row>
    <row r="919398" spans="14:14">
      <c r="N919398" s="10"/>
    </row>
    <row r="919399" spans="14:14">
      <c r="N919399" s="10"/>
    </row>
    <row r="919400" spans="14:14">
      <c r="N919400" s="10"/>
    </row>
    <row r="919401" spans="14:14">
      <c r="N919401" s="10"/>
    </row>
    <row r="919402" spans="14:14">
      <c r="N919402" s="10"/>
    </row>
    <row r="919403" spans="14:14">
      <c r="N919403" s="10"/>
    </row>
    <row r="919404" spans="14:14">
      <c r="N919404" s="10"/>
    </row>
    <row r="919405" spans="14:14">
      <c r="N919405" s="10"/>
    </row>
    <row r="919406" spans="14:14">
      <c r="N919406" s="10"/>
    </row>
    <row r="919407" spans="14:14">
      <c r="N919407" s="10"/>
    </row>
    <row r="919408" spans="14:14">
      <c r="N919408" s="10"/>
    </row>
    <row r="919409" spans="14:14">
      <c r="N919409" s="10"/>
    </row>
    <row r="919410" spans="14:14">
      <c r="N919410" s="10"/>
    </row>
    <row r="919411" spans="14:14">
      <c r="N919411" s="10"/>
    </row>
    <row r="919412" spans="14:14">
      <c r="N919412" s="10"/>
    </row>
    <row r="919413" spans="14:14">
      <c r="N919413" s="10"/>
    </row>
    <row r="919414" spans="14:14">
      <c r="N919414" s="10"/>
    </row>
    <row r="919415" spans="14:14">
      <c r="N919415" s="10"/>
    </row>
    <row r="919416" spans="14:14">
      <c r="N919416" s="10"/>
    </row>
    <row r="919417" spans="14:14">
      <c r="N919417" s="10"/>
    </row>
    <row r="919418" spans="14:14">
      <c r="N919418" s="10"/>
    </row>
    <row r="919419" spans="14:14">
      <c r="N919419" s="10"/>
    </row>
    <row r="919420" spans="14:14">
      <c r="N919420" s="10"/>
    </row>
    <row r="919421" spans="14:14">
      <c r="N919421" s="10"/>
    </row>
    <row r="919422" spans="14:14">
      <c r="N919422" s="10"/>
    </row>
    <row r="919423" spans="14:14">
      <c r="N919423" s="10"/>
    </row>
    <row r="919424" spans="14:14">
      <c r="N919424" s="10"/>
    </row>
    <row r="919425" spans="14:14">
      <c r="N919425" s="10"/>
    </row>
    <row r="919426" spans="14:14">
      <c r="N919426" s="10"/>
    </row>
    <row r="919427" spans="14:14">
      <c r="N919427" s="10"/>
    </row>
    <row r="919428" spans="14:14">
      <c r="N919428" s="10"/>
    </row>
    <row r="919429" spans="14:14">
      <c r="N919429" s="10"/>
    </row>
    <row r="919430" spans="14:14">
      <c r="N919430" s="10"/>
    </row>
    <row r="919431" spans="14:14">
      <c r="N919431" s="10"/>
    </row>
    <row r="919432" spans="14:14">
      <c r="N919432" s="10"/>
    </row>
    <row r="919433" spans="14:14">
      <c r="N919433" s="10"/>
    </row>
    <row r="919434" spans="14:14">
      <c r="N919434" s="10"/>
    </row>
    <row r="919435" spans="14:14">
      <c r="N919435" s="10"/>
    </row>
    <row r="919436" spans="14:14">
      <c r="N919436" s="10"/>
    </row>
    <row r="919437" spans="14:14">
      <c r="N919437" s="10"/>
    </row>
    <row r="919438" spans="14:14">
      <c r="N919438" s="10"/>
    </row>
    <row r="919439" spans="14:14">
      <c r="N919439" s="10"/>
    </row>
    <row r="919440" spans="14:14">
      <c r="N919440" s="10"/>
    </row>
    <row r="919441" spans="14:14">
      <c r="N919441" s="10"/>
    </row>
    <row r="919442" spans="14:14">
      <c r="N919442" s="10"/>
    </row>
    <row r="919443" spans="14:14">
      <c r="N919443" s="10"/>
    </row>
    <row r="919444" spans="14:14">
      <c r="N919444" s="10"/>
    </row>
    <row r="919445" spans="14:14">
      <c r="N919445" s="10"/>
    </row>
    <row r="919446" spans="14:14">
      <c r="N919446" s="10"/>
    </row>
    <row r="919447" spans="14:14">
      <c r="N919447" s="10"/>
    </row>
    <row r="919448" spans="14:14">
      <c r="N919448" s="10"/>
    </row>
    <row r="919449" spans="14:14">
      <c r="N919449" s="10"/>
    </row>
    <row r="919450" spans="14:14">
      <c r="N919450" s="10"/>
    </row>
    <row r="919451" spans="14:14">
      <c r="N919451" s="10"/>
    </row>
    <row r="919452" spans="14:14">
      <c r="N919452" s="10"/>
    </row>
    <row r="919453" spans="14:14">
      <c r="N919453" s="10"/>
    </row>
    <row r="919454" spans="14:14">
      <c r="N919454" s="10"/>
    </row>
    <row r="919455" spans="14:14">
      <c r="N919455" s="10"/>
    </row>
    <row r="919456" spans="14:14">
      <c r="N919456" s="10"/>
    </row>
    <row r="919457" spans="14:14">
      <c r="N919457" s="10"/>
    </row>
    <row r="919458" spans="14:14">
      <c r="N919458" s="10"/>
    </row>
    <row r="919459" spans="14:14">
      <c r="N919459" s="10"/>
    </row>
    <row r="919460" spans="14:14">
      <c r="N919460" s="10"/>
    </row>
    <row r="919461" spans="14:14">
      <c r="N919461" s="10"/>
    </row>
    <row r="919462" spans="14:14">
      <c r="N919462" s="10"/>
    </row>
    <row r="919463" spans="14:14">
      <c r="N919463" s="10"/>
    </row>
    <row r="919464" spans="14:14">
      <c r="N919464" s="10"/>
    </row>
    <row r="919465" spans="14:14">
      <c r="N919465" s="10"/>
    </row>
    <row r="919466" spans="14:14">
      <c r="N919466" s="10"/>
    </row>
    <row r="919467" spans="14:14">
      <c r="N919467" s="10"/>
    </row>
    <row r="919468" spans="14:14">
      <c r="N919468" s="10"/>
    </row>
    <row r="919469" spans="14:14">
      <c r="N919469" s="10"/>
    </row>
    <row r="919470" spans="14:14">
      <c r="N919470" s="10"/>
    </row>
    <row r="919471" spans="14:14">
      <c r="N919471" s="10"/>
    </row>
    <row r="919472" spans="14:14">
      <c r="N919472" s="10"/>
    </row>
    <row r="919473" spans="14:14">
      <c r="N919473" s="10"/>
    </row>
    <row r="919474" spans="14:14">
      <c r="N919474" s="10"/>
    </row>
    <row r="919475" spans="14:14">
      <c r="N919475" s="10"/>
    </row>
    <row r="919476" spans="14:14">
      <c r="N919476" s="10"/>
    </row>
    <row r="919477" spans="14:14">
      <c r="N919477" s="10"/>
    </row>
    <row r="919478" spans="14:14">
      <c r="N919478" s="10"/>
    </row>
    <row r="919479" spans="14:14">
      <c r="N919479" s="10"/>
    </row>
    <row r="919480" spans="14:14">
      <c r="N919480" s="10"/>
    </row>
    <row r="919481" spans="14:14">
      <c r="N919481" s="10"/>
    </row>
    <row r="919482" spans="14:14">
      <c r="N919482" s="10"/>
    </row>
    <row r="919483" spans="14:14">
      <c r="N919483" s="10"/>
    </row>
    <row r="919484" spans="14:14">
      <c r="N919484" s="10"/>
    </row>
    <row r="919485" spans="14:14">
      <c r="N919485" s="10"/>
    </row>
    <row r="919486" spans="14:14">
      <c r="N919486" s="10"/>
    </row>
    <row r="919487" spans="14:14">
      <c r="N919487" s="10"/>
    </row>
    <row r="919488" spans="14:14">
      <c r="N919488" s="10"/>
    </row>
    <row r="919489" spans="14:14">
      <c r="N919489" s="10"/>
    </row>
    <row r="919490" spans="14:14">
      <c r="N919490" s="10"/>
    </row>
    <row r="919491" spans="14:14">
      <c r="N919491" s="10"/>
    </row>
    <row r="919492" spans="14:14">
      <c r="N919492" s="10"/>
    </row>
    <row r="919493" spans="14:14">
      <c r="N919493" s="10"/>
    </row>
    <row r="919494" spans="14:14">
      <c r="N919494" s="10"/>
    </row>
    <row r="919495" spans="14:14">
      <c r="N919495" s="10"/>
    </row>
    <row r="919496" spans="14:14">
      <c r="N919496" s="10"/>
    </row>
    <row r="919497" spans="14:14">
      <c r="N919497" s="10"/>
    </row>
    <row r="919498" spans="14:14">
      <c r="N919498" s="10"/>
    </row>
    <row r="919499" spans="14:14">
      <c r="N919499" s="10"/>
    </row>
    <row r="919500" spans="14:14">
      <c r="N919500" s="10"/>
    </row>
    <row r="919501" spans="14:14">
      <c r="N919501" s="10"/>
    </row>
    <row r="919502" spans="14:14">
      <c r="N919502" s="10"/>
    </row>
    <row r="919503" spans="14:14">
      <c r="N919503" s="10"/>
    </row>
    <row r="919504" spans="14:14">
      <c r="N919504" s="10"/>
    </row>
    <row r="919505" spans="14:14">
      <c r="N919505" s="10"/>
    </row>
    <row r="919506" spans="14:14">
      <c r="N919506" s="10"/>
    </row>
    <row r="919507" spans="14:14">
      <c r="N919507" s="10"/>
    </row>
    <row r="919508" spans="14:14">
      <c r="N919508" s="10"/>
    </row>
    <row r="919509" spans="14:14">
      <c r="N919509" s="10"/>
    </row>
    <row r="919510" spans="14:14">
      <c r="N919510" s="10"/>
    </row>
    <row r="919511" spans="14:14">
      <c r="N919511" s="10"/>
    </row>
    <row r="919512" spans="14:14">
      <c r="N919512" s="10"/>
    </row>
    <row r="919513" spans="14:14">
      <c r="N919513" s="10"/>
    </row>
    <row r="919514" spans="14:14">
      <c r="N919514" s="10"/>
    </row>
    <row r="919515" spans="14:14">
      <c r="N919515" s="10"/>
    </row>
    <row r="919516" spans="14:14">
      <c r="N919516" s="10"/>
    </row>
    <row r="919517" spans="14:14">
      <c r="N919517" s="10"/>
    </row>
    <row r="919518" spans="14:14">
      <c r="N919518" s="10"/>
    </row>
    <row r="919519" spans="14:14">
      <c r="N919519" s="10"/>
    </row>
    <row r="919520" spans="14:14">
      <c r="N919520" s="10"/>
    </row>
    <row r="919521" spans="14:14">
      <c r="N919521" s="10"/>
    </row>
    <row r="919522" spans="14:14">
      <c r="N919522" s="10"/>
    </row>
    <row r="919523" spans="14:14">
      <c r="N919523" s="10"/>
    </row>
    <row r="919524" spans="14:14">
      <c r="N919524" s="10"/>
    </row>
    <row r="919525" spans="14:14">
      <c r="N919525" s="10"/>
    </row>
    <row r="919526" spans="14:14">
      <c r="N919526" s="10"/>
    </row>
    <row r="919527" spans="14:14">
      <c r="N919527" s="10"/>
    </row>
    <row r="919528" spans="14:14">
      <c r="N919528" s="10"/>
    </row>
    <row r="919529" spans="14:14">
      <c r="N919529" s="10"/>
    </row>
    <row r="919530" spans="14:14">
      <c r="N919530" s="10"/>
    </row>
    <row r="919531" spans="14:14">
      <c r="N919531" s="10"/>
    </row>
    <row r="919532" spans="14:14">
      <c r="N919532" s="10"/>
    </row>
    <row r="919533" spans="14:14">
      <c r="N919533" s="10"/>
    </row>
    <row r="919534" spans="14:14">
      <c r="N919534" s="10"/>
    </row>
    <row r="919535" spans="14:14">
      <c r="N919535" s="10"/>
    </row>
    <row r="919536" spans="14:14">
      <c r="N919536" s="10"/>
    </row>
    <row r="919537" spans="14:14">
      <c r="N919537" s="10"/>
    </row>
    <row r="919538" spans="14:14">
      <c r="N919538" s="10"/>
    </row>
    <row r="919539" spans="14:14">
      <c r="N919539" s="10"/>
    </row>
    <row r="919540" spans="14:14">
      <c r="N919540" s="10"/>
    </row>
    <row r="919541" spans="14:14">
      <c r="N919541" s="10"/>
    </row>
    <row r="919542" spans="14:14">
      <c r="N919542" s="10"/>
    </row>
    <row r="919543" spans="14:14">
      <c r="N919543" s="10"/>
    </row>
    <row r="919544" spans="14:14">
      <c r="N919544" s="10"/>
    </row>
    <row r="919545" spans="14:14">
      <c r="N919545" s="10"/>
    </row>
    <row r="919546" spans="14:14">
      <c r="N919546" s="10"/>
    </row>
    <row r="919547" spans="14:14">
      <c r="N919547" s="10"/>
    </row>
    <row r="919548" spans="14:14">
      <c r="N919548" s="10"/>
    </row>
    <row r="919549" spans="14:14">
      <c r="N919549" s="10"/>
    </row>
    <row r="919550" spans="14:14">
      <c r="N919550" s="10"/>
    </row>
    <row r="919551" spans="14:14">
      <c r="N919551" s="10"/>
    </row>
    <row r="919552" spans="14:14">
      <c r="N919552" s="10"/>
    </row>
    <row r="919553" spans="14:14">
      <c r="N919553" s="10"/>
    </row>
    <row r="919554" spans="14:14">
      <c r="N919554" s="10"/>
    </row>
    <row r="919555" spans="14:14">
      <c r="N919555" s="10"/>
    </row>
    <row r="919556" spans="14:14">
      <c r="N919556" s="10"/>
    </row>
    <row r="919557" spans="14:14">
      <c r="N919557" s="10"/>
    </row>
    <row r="919558" spans="14:14">
      <c r="N919558" s="10"/>
    </row>
    <row r="919559" spans="14:14">
      <c r="N919559" s="10"/>
    </row>
    <row r="919560" spans="14:14">
      <c r="N919560" s="10"/>
    </row>
    <row r="919561" spans="14:14">
      <c r="N919561" s="10"/>
    </row>
    <row r="919562" spans="14:14">
      <c r="N919562" s="10"/>
    </row>
    <row r="919563" spans="14:14">
      <c r="N919563" s="10"/>
    </row>
    <row r="919564" spans="14:14">
      <c r="N919564" s="10"/>
    </row>
    <row r="919565" spans="14:14">
      <c r="N919565" s="10"/>
    </row>
    <row r="919566" spans="14:14">
      <c r="N919566" s="10"/>
    </row>
    <row r="919567" spans="14:14">
      <c r="N919567" s="10"/>
    </row>
    <row r="919568" spans="14:14">
      <c r="N919568" s="10"/>
    </row>
    <row r="919569" spans="14:14">
      <c r="N919569" s="10"/>
    </row>
    <row r="919570" spans="14:14">
      <c r="N919570" s="10"/>
    </row>
    <row r="919571" spans="14:14">
      <c r="N919571" s="10"/>
    </row>
    <row r="919572" spans="14:14">
      <c r="N919572" s="10"/>
    </row>
    <row r="919573" spans="14:14">
      <c r="N919573" s="10"/>
    </row>
    <row r="919574" spans="14:14">
      <c r="N919574" s="10"/>
    </row>
    <row r="919575" spans="14:14">
      <c r="N919575" s="10"/>
    </row>
    <row r="919576" spans="14:14">
      <c r="N919576" s="10"/>
    </row>
    <row r="919577" spans="14:14">
      <c r="N919577" s="10"/>
    </row>
    <row r="919578" spans="14:14">
      <c r="N919578" s="10"/>
    </row>
    <row r="919579" spans="14:14">
      <c r="N919579" s="10"/>
    </row>
    <row r="919580" spans="14:14">
      <c r="N919580" s="10"/>
    </row>
    <row r="919581" spans="14:14">
      <c r="N919581" s="10"/>
    </row>
    <row r="919582" spans="14:14">
      <c r="N919582" s="10"/>
    </row>
    <row r="919583" spans="14:14">
      <c r="N919583" s="10"/>
    </row>
    <row r="919584" spans="14:14">
      <c r="N919584" s="10"/>
    </row>
    <row r="919585" spans="14:14">
      <c r="N919585" s="10"/>
    </row>
    <row r="919586" spans="14:14">
      <c r="N919586" s="10"/>
    </row>
    <row r="919587" spans="14:14">
      <c r="N919587" s="10"/>
    </row>
    <row r="919588" spans="14:14">
      <c r="N919588" s="10"/>
    </row>
    <row r="919589" spans="14:14">
      <c r="N919589" s="10"/>
    </row>
    <row r="919590" spans="14:14">
      <c r="N919590" s="10"/>
    </row>
    <row r="919591" spans="14:14">
      <c r="N919591" s="10"/>
    </row>
    <row r="919592" spans="14:14">
      <c r="N919592" s="10"/>
    </row>
    <row r="919593" spans="14:14">
      <c r="N919593" s="10"/>
    </row>
    <row r="919594" spans="14:14">
      <c r="N919594" s="10"/>
    </row>
    <row r="919595" spans="14:14">
      <c r="N919595" s="10"/>
    </row>
    <row r="919596" spans="14:14">
      <c r="N919596" s="10"/>
    </row>
    <row r="919597" spans="14:14">
      <c r="N919597" s="10"/>
    </row>
    <row r="919598" spans="14:14">
      <c r="N919598" s="10"/>
    </row>
    <row r="919599" spans="14:14">
      <c r="N919599" s="10"/>
    </row>
    <row r="919600" spans="14:14">
      <c r="N919600" s="10"/>
    </row>
    <row r="919601" spans="14:14">
      <c r="N919601" s="10"/>
    </row>
    <row r="919602" spans="14:14">
      <c r="N919602" s="10"/>
    </row>
    <row r="919603" spans="14:14">
      <c r="N919603" s="10"/>
    </row>
    <row r="919604" spans="14:14">
      <c r="N919604" s="10"/>
    </row>
    <row r="919605" spans="14:14">
      <c r="N919605" s="10"/>
    </row>
    <row r="919606" spans="14:14">
      <c r="N919606" s="10"/>
    </row>
    <row r="919607" spans="14:14">
      <c r="N919607" s="10"/>
    </row>
    <row r="919608" spans="14:14">
      <c r="N919608" s="10"/>
    </row>
    <row r="919609" spans="14:14">
      <c r="N919609" s="10"/>
    </row>
    <row r="919610" spans="14:14">
      <c r="N919610" s="10"/>
    </row>
    <row r="919611" spans="14:14">
      <c r="N919611" s="10"/>
    </row>
    <row r="919612" spans="14:14">
      <c r="N919612" s="10"/>
    </row>
    <row r="919613" spans="14:14">
      <c r="N919613" s="10"/>
    </row>
    <row r="919614" spans="14:14">
      <c r="N919614" s="10"/>
    </row>
    <row r="919615" spans="14:14">
      <c r="N919615" s="10"/>
    </row>
    <row r="919616" spans="14:14">
      <c r="N919616" s="10"/>
    </row>
    <row r="919617" spans="14:14">
      <c r="N919617" s="10"/>
    </row>
    <row r="919618" spans="14:14">
      <c r="N919618" s="10"/>
    </row>
    <row r="919619" spans="14:14">
      <c r="N919619" s="10"/>
    </row>
    <row r="919620" spans="14:14">
      <c r="N919620" s="10"/>
    </row>
    <row r="919621" spans="14:14">
      <c r="N919621" s="10"/>
    </row>
    <row r="919622" spans="14:14">
      <c r="N919622" s="10"/>
    </row>
    <row r="919623" spans="14:14">
      <c r="N919623" s="10"/>
    </row>
    <row r="919624" spans="14:14">
      <c r="N919624" s="10"/>
    </row>
    <row r="919625" spans="14:14">
      <c r="N919625" s="10"/>
    </row>
    <row r="919626" spans="14:14">
      <c r="N919626" s="10"/>
    </row>
    <row r="919627" spans="14:14">
      <c r="N919627" s="10"/>
    </row>
    <row r="919628" spans="14:14">
      <c r="N919628" s="10"/>
    </row>
    <row r="919629" spans="14:14">
      <c r="N919629" s="10"/>
    </row>
    <row r="919630" spans="14:14">
      <c r="N919630" s="10"/>
    </row>
    <row r="919631" spans="14:14">
      <c r="N919631" s="10"/>
    </row>
    <row r="919632" spans="14:14">
      <c r="N919632" s="10"/>
    </row>
    <row r="919633" spans="14:14">
      <c r="N919633" s="10"/>
    </row>
    <row r="919634" spans="14:14">
      <c r="N919634" s="10"/>
    </row>
    <row r="919635" spans="14:14">
      <c r="N919635" s="10"/>
    </row>
    <row r="919636" spans="14:14">
      <c r="N919636" s="10"/>
    </row>
    <row r="919637" spans="14:14">
      <c r="N919637" s="10"/>
    </row>
    <row r="919638" spans="14:14">
      <c r="N919638" s="10"/>
    </row>
    <row r="919639" spans="14:14">
      <c r="N919639" s="10"/>
    </row>
    <row r="919640" spans="14:14">
      <c r="N919640" s="10"/>
    </row>
    <row r="919641" spans="14:14">
      <c r="N919641" s="10"/>
    </row>
    <row r="919642" spans="14:14">
      <c r="N919642" s="10"/>
    </row>
    <row r="919643" spans="14:14">
      <c r="N919643" s="10"/>
    </row>
    <row r="919644" spans="14:14">
      <c r="N919644" s="10"/>
    </row>
    <row r="919645" spans="14:14">
      <c r="N919645" s="10"/>
    </row>
    <row r="919646" spans="14:14">
      <c r="N919646" s="10"/>
    </row>
    <row r="919647" spans="14:14">
      <c r="N919647" s="10"/>
    </row>
    <row r="919648" spans="14:14">
      <c r="N919648" s="10"/>
    </row>
    <row r="919649" spans="14:14">
      <c r="N919649" s="10"/>
    </row>
    <row r="919650" spans="14:14">
      <c r="N919650" s="10"/>
    </row>
    <row r="919651" spans="14:14">
      <c r="N919651" s="10"/>
    </row>
    <row r="919652" spans="14:14">
      <c r="N919652" s="10"/>
    </row>
    <row r="919653" spans="14:14">
      <c r="N919653" s="10"/>
    </row>
    <row r="919654" spans="14:14">
      <c r="N919654" s="10"/>
    </row>
    <row r="919655" spans="14:14">
      <c r="N919655" s="10"/>
    </row>
    <row r="919656" spans="14:14">
      <c r="N919656" s="10"/>
    </row>
    <row r="919657" spans="14:14">
      <c r="N919657" s="10"/>
    </row>
    <row r="919658" spans="14:14">
      <c r="N919658" s="10"/>
    </row>
    <row r="919659" spans="14:14">
      <c r="N919659" s="10"/>
    </row>
    <row r="919660" spans="14:14">
      <c r="N919660" s="10"/>
    </row>
    <row r="919661" spans="14:14">
      <c r="N919661" s="10"/>
    </row>
    <row r="919662" spans="14:14">
      <c r="N919662" s="10"/>
    </row>
    <row r="919663" spans="14:14">
      <c r="N919663" s="10"/>
    </row>
    <row r="919664" spans="14:14">
      <c r="N919664" s="10"/>
    </row>
    <row r="919665" spans="14:14">
      <c r="N919665" s="10"/>
    </row>
    <row r="919666" spans="14:14">
      <c r="N919666" s="10"/>
    </row>
    <row r="919667" spans="14:14">
      <c r="N919667" s="10"/>
    </row>
    <row r="919668" spans="14:14">
      <c r="N919668" s="10"/>
    </row>
    <row r="919669" spans="14:14">
      <c r="N919669" s="10"/>
    </row>
    <row r="919670" spans="14:14">
      <c r="N919670" s="10"/>
    </row>
    <row r="919671" spans="14:14">
      <c r="N919671" s="10"/>
    </row>
    <row r="919672" spans="14:14">
      <c r="N919672" s="10"/>
    </row>
    <row r="919673" spans="14:14">
      <c r="N919673" s="10"/>
    </row>
    <row r="919674" spans="14:14">
      <c r="N919674" s="10"/>
    </row>
    <row r="919675" spans="14:14">
      <c r="N919675" s="10"/>
    </row>
    <row r="919676" spans="14:14">
      <c r="N919676" s="10"/>
    </row>
    <row r="919677" spans="14:14">
      <c r="N919677" s="10"/>
    </row>
    <row r="919678" spans="14:14">
      <c r="N919678" s="10"/>
    </row>
    <row r="919679" spans="14:14">
      <c r="N919679" s="10"/>
    </row>
    <row r="919680" spans="14:14">
      <c r="N919680" s="10"/>
    </row>
    <row r="919681" spans="14:14">
      <c r="N919681" s="10"/>
    </row>
    <row r="919682" spans="14:14">
      <c r="N919682" s="10"/>
    </row>
    <row r="919683" spans="14:14">
      <c r="N919683" s="10"/>
    </row>
    <row r="919684" spans="14:14">
      <c r="N919684" s="10"/>
    </row>
    <row r="919685" spans="14:14">
      <c r="N919685" s="10"/>
    </row>
    <row r="919686" spans="14:14">
      <c r="N919686" s="10"/>
    </row>
    <row r="919687" spans="14:14">
      <c r="N919687" s="10"/>
    </row>
    <row r="919688" spans="14:14">
      <c r="N919688" s="10"/>
    </row>
    <row r="919689" spans="14:14">
      <c r="N919689" s="10"/>
    </row>
    <row r="919690" spans="14:14">
      <c r="N919690" s="10"/>
    </row>
    <row r="919691" spans="14:14">
      <c r="N919691" s="10"/>
    </row>
    <row r="919692" spans="14:14">
      <c r="N919692" s="10"/>
    </row>
    <row r="919693" spans="14:14">
      <c r="N919693" s="10"/>
    </row>
    <row r="919694" spans="14:14">
      <c r="N919694" s="10"/>
    </row>
    <row r="919695" spans="14:14">
      <c r="N919695" s="10"/>
    </row>
    <row r="919696" spans="14:14">
      <c r="N919696" s="10"/>
    </row>
    <row r="919697" spans="14:14">
      <c r="N919697" s="10"/>
    </row>
    <row r="919698" spans="14:14">
      <c r="N919698" s="10"/>
    </row>
    <row r="919699" spans="14:14">
      <c r="N919699" s="10"/>
    </row>
    <row r="919700" spans="14:14">
      <c r="N919700" s="10"/>
    </row>
    <row r="919701" spans="14:14">
      <c r="N919701" s="10"/>
    </row>
    <row r="919702" spans="14:14">
      <c r="N919702" s="10"/>
    </row>
    <row r="919703" spans="14:14">
      <c r="N919703" s="10"/>
    </row>
    <row r="919704" spans="14:14">
      <c r="N919704" s="10"/>
    </row>
    <row r="919705" spans="14:14">
      <c r="N919705" s="10"/>
    </row>
    <row r="919706" spans="14:14">
      <c r="N919706" s="10"/>
    </row>
    <row r="919707" spans="14:14">
      <c r="N919707" s="10"/>
    </row>
    <row r="919708" spans="14:14">
      <c r="N919708" s="10"/>
    </row>
    <row r="919709" spans="14:14">
      <c r="N919709" s="10"/>
    </row>
    <row r="919710" spans="14:14">
      <c r="N919710" s="10"/>
    </row>
    <row r="919711" spans="14:14">
      <c r="N919711" s="10"/>
    </row>
    <row r="919712" spans="14:14">
      <c r="N919712" s="10"/>
    </row>
    <row r="919713" spans="14:14">
      <c r="N919713" s="10"/>
    </row>
    <row r="919714" spans="14:14">
      <c r="N919714" s="10"/>
    </row>
    <row r="919715" spans="14:14">
      <c r="N919715" s="10"/>
    </row>
    <row r="919716" spans="14:14">
      <c r="N919716" s="10"/>
    </row>
    <row r="919717" spans="14:14">
      <c r="N919717" s="10"/>
    </row>
    <row r="919718" spans="14:14">
      <c r="N919718" s="10"/>
    </row>
    <row r="919719" spans="14:14">
      <c r="N919719" s="10"/>
    </row>
    <row r="919720" spans="14:14">
      <c r="N919720" s="10"/>
    </row>
    <row r="919721" spans="14:14">
      <c r="N919721" s="10"/>
    </row>
    <row r="919722" spans="14:14">
      <c r="N919722" s="10"/>
    </row>
    <row r="919723" spans="14:14">
      <c r="N919723" s="10"/>
    </row>
    <row r="919724" spans="14:14">
      <c r="N919724" s="10"/>
    </row>
    <row r="919725" spans="14:14">
      <c r="N919725" s="10"/>
    </row>
    <row r="919726" spans="14:14">
      <c r="N919726" s="10"/>
    </row>
    <row r="919727" spans="14:14">
      <c r="N919727" s="10"/>
    </row>
    <row r="919728" spans="14:14">
      <c r="N919728" s="10"/>
    </row>
    <row r="919729" spans="14:14">
      <c r="N919729" s="10"/>
    </row>
    <row r="919730" spans="14:14">
      <c r="N919730" s="10"/>
    </row>
    <row r="919731" spans="14:14">
      <c r="N919731" s="10"/>
    </row>
    <row r="919732" spans="14:14">
      <c r="N919732" s="10"/>
    </row>
    <row r="919733" spans="14:14">
      <c r="N919733" s="10"/>
    </row>
    <row r="919734" spans="14:14">
      <c r="N919734" s="10"/>
    </row>
    <row r="919735" spans="14:14">
      <c r="N919735" s="10"/>
    </row>
    <row r="919736" spans="14:14">
      <c r="N919736" s="10"/>
    </row>
    <row r="919737" spans="14:14">
      <c r="N919737" s="10"/>
    </row>
    <row r="919738" spans="14:14">
      <c r="N919738" s="10"/>
    </row>
    <row r="919739" spans="14:14">
      <c r="N919739" s="10"/>
    </row>
    <row r="919740" spans="14:14">
      <c r="N919740" s="10"/>
    </row>
    <row r="919741" spans="14:14">
      <c r="N919741" s="10"/>
    </row>
    <row r="919742" spans="14:14">
      <c r="N919742" s="10"/>
    </row>
    <row r="919743" spans="14:14">
      <c r="N919743" s="10"/>
    </row>
    <row r="919744" spans="14:14">
      <c r="N919744" s="10"/>
    </row>
    <row r="919745" spans="14:14">
      <c r="N919745" s="10"/>
    </row>
    <row r="919746" spans="14:14">
      <c r="N919746" s="10"/>
    </row>
    <row r="919747" spans="14:14">
      <c r="N919747" s="10"/>
    </row>
    <row r="919748" spans="14:14">
      <c r="N919748" s="10"/>
    </row>
    <row r="919749" spans="14:14">
      <c r="N919749" s="10"/>
    </row>
    <row r="919750" spans="14:14">
      <c r="N919750" s="10"/>
    </row>
    <row r="919751" spans="14:14">
      <c r="N919751" s="10"/>
    </row>
    <row r="919752" spans="14:14">
      <c r="N919752" s="10"/>
    </row>
    <row r="919753" spans="14:14">
      <c r="N919753" s="10"/>
    </row>
    <row r="919754" spans="14:14">
      <c r="N919754" s="10"/>
    </row>
    <row r="919755" spans="14:14">
      <c r="N919755" s="10"/>
    </row>
    <row r="919756" spans="14:14">
      <c r="N919756" s="10"/>
    </row>
    <row r="919757" spans="14:14">
      <c r="N919757" s="10"/>
    </row>
    <row r="919758" spans="14:14">
      <c r="N919758" s="10"/>
    </row>
    <row r="919759" spans="14:14">
      <c r="N919759" s="10"/>
    </row>
    <row r="919760" spans="14:14">
      <c r="N919760" s="10"/>
    </row>
    <row r="919761" spans="14:14">
      <c r="N919761" s="10"/>
    </row>
    <row r="919762" spans="14:14">
      <c r="N919762" s="10"/>
    </row>
    <row r="919763" spans="14:14">
      <c r="N919763" s="10"/>
    </row>
    <row r="919764" spans="14:14">
      <c r="N919764" s="10"/>
    </row>
    <row r="919765" spans="14:14">
      <c r="N919765" s="10"/>
    </row>
    <row r="919766" spans="14:14">
      <c r="N919766" s="10"/>
    </row>
    <row r="919767" spans="14:14">
      <c r="N919767" s="10"/>
    </row>
    <row r="919768" spans="14:14">
      <c r="N919768" s="10"/>
    </row>
    <row r="919769" spans="14:14">
      <c r="N919769" s="10"/>
    </row>
    <row r="919770" spans="14:14">
      <c r="N919770" s="10"/>
    </row>
    <row r="919771" spans="14:14">
      <c r="N919771" s="10"/>
    </row>
    <row r="919772" spans="14:14">
      <c r="N919772" s="10"/>
    </row>
    <row r="919773" spans="14:14">
      <c r="N919773" s="10"/>
    </row>
    <row r="919774" spans="14:14">
      <c r="N919774" s="10"/>
    </row>
    <row r="919775" spans="14:14">
      <c r="N919775" s="10"/>
    </row>
    <row r="919776" spans="14:14">
      <c r="N919776" s="10"/>
    </row>
    <row r="919777" spans="14:14">
      <c r="N919777" s="10"/>
    </row>
    <row r="919778" spans="14:14">
      <c r="N919778" s="10"/>
    </row>
    <row r="919779" spans="14:14">
      <c r="N919779" s="10"/>
    </row>
    <row r="919780" spans="14:14">
      <c r="N919780" s="10"/>
    </row>
    <row r="919781" spans="14:14">
      <c r="N919781" s="10"/>
    </row>
    <row r="919782" spans="14:14">
      <c r="N919782" s="10"/>
    </row>
    <row r="919783" spans="14:14">
      <c r="N919783" s="10"/>
    </row>
    <row r="919784" spans="14:14">
      <c r="N919784" s="10"/>
    </row>
    <row r="919785" spans="14:14">
      <c r="N919785" s="10"/>
    </row>
    <row r="919786" spans="14:14">
      <c r="N919786" s="10"/>
    </row>
    <row r="919787" spans="14:14">
      <c r="N919787" s="10"/>
    </row>
    <row r="919788" spans="14:14">
      <c r="N919788" s="10"/>
    </row>
    <row r="919789" spans="14:14">
      <c r="N919789" s="10"/>
    </row>
    <row r="919790" spans="14:14">
      <c r="N919790" s="10"/>
    </row>
    <row r="919791" spans="14:14">
      <c r="N919791" s="10"/>
    </row>
    <row r="919792" spans="14:14">
      <c r="N919792" s="10"/>
    </row>
    <row r="919793" spans="14:14">
      <c r="N919793" s="10"/>
    </row>
    <row r="919794" spans="14:14">
      <c r="N919794" s="10"/>
    </row>
    <row r="919795" spans="14:14">
      <c r="N919795" s="10"/>
    </row>
    <row r="919796" spans="14:14">
      <c r="N919796" s="10"/>
    </row>
    <row r="919797" spans="14:14">
      <c r="N919797" s="10"/>
    </row>
    <row r="919798" spans="14:14">
      <c r="N919798" s="10"/>
    </row>
    <row r="919799" spans="14:14">
      <c r="N919799" s="10"/>
    </row>
    <row r="919800" spans="14:14">
      <c r="N919800" s="10"/>
    </row>
    <row r="919801" spans="14:14">
      <c r="N919801" s="10"/>
    </row>
    <row r="919802" spans="14:14">
      <c r="N919802" s="10"/>
    </row>
    <row r="919803" spans="14:14">
      <c r="N919803" s="10"/>
    </row>
    <row r="919804" spans="14:14">
      <c r="N919804" s="10"/>
    </row>
    <row r="919805" spans="14:14">
      <c r="N919805" s="10"/>
    </row>
    <row r="919806" spans="14:14">
      <c r="N919806" s="10"/>
    </row>
    <row r="919807" spans="14:14">
      <c r="N919807" s="10"/>
    </row>
    <row r="919808" spans="14:14">
      <c r="N919808" s="10"/>
    </row>
    <row r="919809" spans="14:14">
      <c r="N919809" s="10"/>
    </row>
    <row r="919810" spans="14:14">
      <c r="N919810" s="10"/>
    </row>
    <row r="919811" spans="14:14">
      <c r="N919811" s="10"/>
    </row>
    <row r="919812" spans="14:14">
      <c r="N919812" s="10"/>
    </row>
    <row r="919813" spans="14:14">
      <c r="N919813" s="10"/>
    </row>
    <row r="919814" spans="14:14">
      <c r="N919814" s="10"/>
    </row>
    <row r="919815" spans="14:14">
      <c r="N919815" s="10"/>
    </row>
    <row r="919816" spans="14:14">
      <c r="N919816" s="10"/>
    </row>
    <row r="919817" spans="14:14">
      <c r="N919817" s="10"/>
    </row>
    <row r="919818" spans="14:14">
      <c r="N919818" s="10"/>
    </row>
    <row r="919819" spans="14:14">
      <c r="N919819" s="10"/>
    </row>
    <row r="919820" spans="14:14">
      <c r="N919820" s="10"/>
    </row>
    <row r="919821" spans="14:14">
      <c r="N919821" s="10"/>
    </row>
    <row r="919822" spans="14:14">
      <c r="N919822" s="10"/>
    </row>
    <row r="919823" spans="14:14">
      <c r="N919823" s="10"/>
    </row>
    <row r="919824" spans="14:14">
      <c r="N919824" s="10"/>
    </row>
    <row r="919825" spans="14:14">
      <c r="N919825" s="10"/>
    </row>
    <row r="919826" spans="14:14">
      <c r="N919826" s="10"/>
    </row>
    <row r="919827" spans="14:14">
      <c r="N919827" s="10"/>
    </row>
    <row r="919828" spans="14:14">
      <c r="N919828" s="10"/>
    </row>
    <row r="919829" spans="14:14">
      <c r="N919829" s="10"/>
    </row>
    <row r="919830" spans="14:14">
      <c r="N919830" s="10"/>
    </row>
    <row r="919831" spans="14:14">
      <c r="N919831" s="10"/>
    </row>
    <row r="919832" spans="14:14">
      <c r="N919832" s="10"/>
    </row>
    <row r="919833" spans="14:14">
      <c r="N919833" s="10"/>
    </row>
    <row r="919834" spans="14:14">
      <c r="N919834" s="10"/>
    </row>
    <row r="919835" spans="14:14">
      <c r="N919835" s="10"/>
    </row>
    <row r="919836" spans="14:14">
      <c r="N919836" s="10"/>
    </row>
    <row r="919837" spans="14:14">
      <c r="N919837" s="10"/>
    </row>
    <row r="919838" spans="14:14">
      <c r="N919838" s="10"/>
    </row>
    <row r="919839" spans="14:14">
      <c r="N919839" s="10"/>
    </row>
    <row r="919840" spans="14:14">
      <c r="N919840" s="10"/>
    </row>
    <row r="919841" spans="14:14">
      <c r="N919841" s="10"/>
    </row>
    <row r="919842" spans="14:14">
      <c r="N919842" s="10"/>
    </row>
    <row r="919843" spans="14:14">
      <c r="N919843" s="10"/>
    </row>
    <row r="919844" spans="14:14">
      <c r="N919844" s="10"/>
    </row>
    <row r="919845" spans="14:14">
      <c r="N919845" s="10"/>
    </row>
    <row r="919846" spans="14:14">
      <c r="N919846" s="10"/>
    </row>
    <row r="919847" spans="14:14">
      <c r="N919847" s="10"/>
    </row>
    <row r="919848" spans="14:14">
      <c r="N919848" s="10"/>
    </row>
    <row r="919849" spans="14:14">
      <c r="N919849" s="10"/>
    </row>
    <row r="919850" spans="14:14">
      <c r="N919850" s="10"/>
    </row>
    <row r="919851" spans="14:14">
      <c r="N919851" s="10"/>
    </row>
    <row r="919852" spans="14:14">
      <c r="N919852" s="10"/>
    </row>
    <row r="919853" spans="14:14">
      <c r="N919853" s="10"/>
    </row>
    <row r="919854" spans="14:14">
      <c r="N919854" s="10"/>
    </row>
    <row r="919855" spans="14:14">
      <c r="N919855" s="10"/>
    </row>
    <row r="919856" spans="14:14">
      <c r="N919856" s="10"/>
    </row>
    <row r="919857" spans="14:14">
      <c r="N919857" s="10"/>
    </row>
    <row r="919858" spans="14:14">
      <c r="N919858" s="10"/>
    </row>
    <row r="919859" spans="14:14">
      <c r="N919859" s="10"/>
    </row>
    <row r="919860" spans="14:14">
      <c r="N919860" s="10"/>
    </row>
    <row r="919861" spans="14:14">
      <c r="N919861" s="10"/>
    </row>
    <row r="919862" spans="14:14">
      <c r="N919862" s="10"/>
    </row>
    <row r="919863" spans="14:14">
      <c r="N919863" s="10"/>
    </row>
    <row r="919864" spans="14:14">
      <c r="N919864" s="10"/>
    </row>
    <row r="919865" spans="14:14">
      <c r="N919865" s="10"/>
    </row>
    <row r="919866" spans="14:14">
      <c r="N919866" s="10"/>
    </row>
    <row r="919867" spans="14:14">
      <c r="N919867" s="10"/>
    </row>
    <row r="919868" spans="14:14">
      <c r="N919868" s="10"/>
    </row>
    <row r="919869" spans="14:14">
      <c r="N919869" s="10"/>
    </row>
    <row r="919870" spans="14:14">
      <c r="N919870" s="10"/>
    </row>
    <row r="919871" spans="14:14">
      <c r="N919871" s="10"/>
    </row>
    <row r="919872" spans="14:14">
      <c r="N919872" s="10"/>
    </row>
    <row r="919873" spans="14:14">
      <c r="N919873" s="10"/>
    </row>
    <row r="919874" spans="14:14">
      <c r="N919874" s="10"/>
    </row>
    <row r="919875" spans="14:14">
      <c r="N919875" s="10"/>
    </row>
    <row r="919876" spans="14:14">
      <c r="N919876" s="10"/>
    </row>
    <row r="919877" spans="14:14">
      <c r="N919877" s="10"/>
    </row>
    <row r="919878" spans="14:14">
      <c r="N919878" s="10"/>
    </row>
    <row r="919879" spans="14:14">
      <c r="N919879" s="10"/>
    </row>
    <row r="919880" spans="14:14">
      <c r="N919880" s="10"/>
    </row>
    <row r="919881" spans="14:14">
      <c r="N919881" s="10"/>
    </row>
    <row r="919882" spans="14:14">
      <c r="N919882" s="10"/>
    </row>
    <row r="919883" spans="14:14">
      <c r="N919883" s="10"/>
    </row>
    <row r="919884" spans="14:14">
      <c r="N919884" s="10"/>
    </row>
    <row r="919885" spans="14:14">
      <c r="N919885" s="10"/>
    </row>
    <row r="919886" spans="14:14">
      <c r="N919886" s="10"/>
    </row>
    <row r="919887" spans="14:14">
      <c r="N919887" s="10"/>
    </row>
    <row r="919888" spans="14:14">
      <c r="N919888" s="10"/>
    </row>
    <row r="919889" spans="14:14">
      <c r="N919889" s="10"/>
    </row>
    <row r="919890" spans="14:14">
      <c r="N919890" s="10"/>
    </row>
    <row r="919891" spans="14:14">
      <c r="N919891" s="10"/>
    </row>
    <row r="919892" spans="14:14">
      <c r="N919892" s="10"/>
    </row>
    <row r="919893" spans="14:14">
      <c r="N919893" s="10"/>
    </row>
    <row r="919894" spans="14:14">
      <c r="N919894" s="10"/>
    </row>
    <row r="919895" spans="14:14">
      <c r="N919895" s="10"/>
    </row>
    <row r="919896" spans="14:14">
      <c r="N919896" s="10"/>
    </row>
    <row r="919897" spans="14:14">
      <c r="N919897" s="10"/>
    </row>
    <row r="919898" spans="14:14">
      <c r="N919898" s="10"/>
    </row>
    <row r="919899" spans="14:14">
      <c r="N919899" s="10"/>
    </row>
    <row r="919900" spans="14:14">
      <c r="N919900" s="10"/>
    </row>
    <row r="919901" spans="14:14">
      <c r="N919901" s="10"/>
    </row>
    <row r="919902" spans="14:14">
      <c r="N919902" s="10"/>
    </row>
    <row r="919903" spans="14:14">
      <c r="N919903" s="10"/>
    </row>
    <row r="919904" spans="14:14">
      <c r="N919904" s="10"/>
    </row>
    <row r="919905" spans="14:14">
      <c r="N919905" s="10"/>
    </row>
    <row r="919906" spans="14:14">
      <c r="N919906" s="10"/>
    </row>
    <row r="919907" spans="14:14">
      <c r="N919907" s="10"/>
    </row>
    <row r="919908" spans="14:14">
      <c r="N919908" s="10"/>
    </row>
    <row r="919909" spans="14:14">
      <c r="N919909" s="10"/>
    </row>
    <row r="919910" spans="14:14">
      <c r="N919910" s="10"/>
    </row>
    <row r="919911" spans="14:14">
      <c r="N919911" s="10"/>
    </row>
    <row r="919912" spans="14:14">
      <c r="N919912" s="10"/>
    </row>
    <row r="919913" spans="14:14">
      <c r="N919913" s="10"/>
    </row>
    <row r="919914" spans="14:14">
      <c r="N919914" s="10"/>
    </row>
    <row r="919915" spans="14:14">
      <c r="N919915" s="10"/>
    </row>
    <row r="919916" spans="14:14">
      <c r="N919916" s="10"/>
    </row>
    <row r="919917" spans="14:14">
      <c r="N919917" s="10"/>
    </row>
    <row r="919918" spans="14:14">
      <c r="N919918" s="10"/>
    </row>
    <row r="919919" spans="14:14">
      <c r="N919919" s="10"/>
    </row>
    <row r="919920" spans="14:14">
      <c r="N919920" s="10"/>
    </row>
    <row r="919921" spans="14:14">
      <c r="N919921" s="10"/>
    </row>
    <row r="919922" spans="14:14">
      <c r="N919922" s="10"/>
    </row>
    <row r="919923" spans="14:14">
      <c r="N919923" s="10"/>
    </row>
    <row r="919924" spans="14:14">
      <c r="N919924" s="10"/>
    </row>
    <row r="919925" spans="14:14">
      <c r="N919925" s="10"/>
    </row>
    <row r="919926" spans="14:14">
      <c r="N919926" s="10"/>
    </row>
    <row r="919927" spans="14:14">
      <c r="N919927" s="10"/>
    </row>
    <row r="919928" spans="14:14">
      <c r="N919928" s="10"/>
    </row>
    <row r="919929" spans="14:14">
      <c r="N919929" s="10"/>
    </row>
    <row r="919930" spans="14:14">
      <c r="N919930" s="10"/>
    </row>
    <row r="919931" spans="14:14">
      <c r="N919931" s="10"/>
    </row>
    <row r="919932" spans="14:14">
      <c r="N919932" s="10"/>
    </row>
    <row r="919933" spans="14:14">
      <c r="N919933" s="10"/>
    </row>
    <row r="919934" spans="14:14">
      <c r="N919934" s="10"/>
    </row>
    <row r="919935" spans="14:14">
      <c r="N919935" s="10"/>
    </row>
    <row r="919936" spans="14:14">
      <c r="N919936" s="10"/>
    </row>
    <row r="919937" spans="14:14">
      <c r="N919937" s="10"/>
    </row>
    <row r="919938" spans="14:14">
      <c r="N919938" s="10"/>
    </row>
    <row r="919939" spans="14:14">
      <c r="N919939" s="10"/>
    </row>
    <row r="919940" spans="14:14">
      <c r="N919940" s="10"/>
    </row>
    <row r="919941" spans="14:14">
      <c r="N919941" s="10"/>
    </row>
    <row r="919942" spans="14:14">
      <c r="N919942" s="10"/>
    </row>
    <row r="919943" spans="14:14">
      <c r="N919943" s="10"/>
    </row>
    <row r="919944" spans="14:14">
      <c r="N919944" s="10"/>
    </row>
    <row r="919945" spans="14:14">
      <c r="N919945" s="10"/>
    </row>
    <row r="919946" spans="14:14">
      <c r="N919946" s="10"/>
    </row>
    <row r="919947" spans="14:14">
      <c r="N919947" s="10"/>
    </row>
    <row r="919948" spans="14:14">
      <c r="N919948" s="10"/>
    </row>
    <row r="919949" spans="14:14">
      <c r="N919949" s="10"/>
    </row>
    <row r="919950" spans="14:14">
      <c r="N919950" s="10"/>
    </row>
    <row r="919951" spans="14:14">
      <c r="N919951" s="10"/>
    </row>
    <row r="919952" spans="14:14">
      <c r="N919952" s="10"/>
    </row>
    <row r="919953" spans="14:14">
      <c r="N919953" s="10"/>
    </row>
    <row r="919954" spans="14:14">
      <c r="N919954" s="10"/>
    </row>
    <row r="919955" spans="14:14">
      <c r="N919955" s="10"/>
    </row>
    <row r="919956" spans="14:14">
      <c r="N919956" s="10"/>
    </row>
    <row r="919957" spans="14:14">
      <c r="N919957" s="10"/>
    </row>
    <row r="919958" spans="14:14">
      <c r="N919958" s="10"/>
    </row>
    <row r="919959" spans="14:14">
      <c r="N919959" s="10"/>
    </row>
    <row r="919960" spans="14:14">
      <c r="N919960" s="10"/>
    </row>
    <row r="919961" spans="14:14">
      <c r="N919961" s="10"/>
    </row>
    <row r="919962" spans="14:14">
      <c r="N919962" s="10"/>
    </row>
    <row r="919963" spans="14:14">
      <c r="N919963" s="10"/>
    </row>
    <row r="919964" spans="14:14">
      <c r="N919964" s="10"/>
    </row>
    <row r="919965" spans="14:14">
      <c r="N919965" s="10"/>
    </row>
    <row r="919966" spans="14:14">
      <c r="N919966" s="10"/>
    </row>
    <row r="919967" spans="14:14">
      <c r="N919967" s="10"/>
    </row>
    <row r="919968" spans="14:14">
      <c r="N919968" s="10"/>
    </row>
    <row r="919969" spans="14:14">
      <c r="N919969" s="10"/>
    </row>
    <row r="919970" spans="14:14">
      <c r="N919970" s="10"/>
    </row>
    <row r="919971" spans="14:14">
      <c r="N919971" s="10"/>
    </row>
    <row r="919972" spans="14:14">
      <c r="N919972" s="10"/>
    </row>
    <row r="919973" spans="14:14">
      <c r="N919973" s="10"/>
    </row>
    <row r="919974" spans="14:14">
      <c r="N919974" s="10"/>
    </row>
    <row r="919975" spans="14:14">
      <c r="N919975" s="10"/>
    </row>
    <row r="919976" spans="14:14">
      <c r="N919976" s="10"/>
    </row>
    <row r="919977" spans="14:14">
      <c r="N919977" s="10"/>
    </row>
    <row r="919978" spans="14:14">
      <c r="N919978" s="10"/>
    </row>
    <row r="919979" spans="14:14">
      <c r="N919979" s="10"/>
    </row>
    <row r="919980" spans="14:14">
      <c r="N919980" s="10"/>
    </row>
    <row r="919981" spans="14:14">
      <c r="N919981" s="10"/>
    </row>
    <row r="919982" spans="14:14">
      <c r="N919982" s="10"/>
    </row>
    <row r="919983" spans="14:14">
      <c r="N919983" s="10"/>
    </row>
    <row r="919984" spans="14:14">
      <c r="N919984" s="10"/>
    </row>
    <row r="919985" spans="14:14">
      <c r="N919985" s="10"/>
    </row>
    <row r="919986" spans="14:14">
      <c r="N919986" s="10"/>
    </row>
    <row r="919987" spans="14:14">
      <c r="N919987" s="10"/>
    </row>
    <row r="919988" spans="14:14">
      <c r="N919988" s="10"/>
    </row>
    <row r="919989" spans="14:14">
      <c r="N919989" s="10"/>
    </row>
    <row r="919990" spans="14:14">
      <c r="N919990" s="10"/>
    </row>
    <row r="919991" spans="14:14">
      <c r="N919991" s="10"/>
    </row>
    <row r="919992" spans="14:14">
      <c r="N919992" s="10"/>
    </row>
    <row r="919993" spans="14:14">
      <c r="N919993" s="10"/>
    </row>
    <row r="919994" spans="14:14">
      <c r="N919994" s="10"/>
    </row>
    <row r="919995" spans="14:14">
      <c r="N919995" s="10"/>
    </row>
    <row r="919996" spans="14:14">
      <c r="N919996" s="10"/>
    </row>
    <row r="919997" spans="14:14">
      <c r="N919997" s="10"/>
    </row>
    <row r="919998" spans="14:14">
      <c r="N919998" s="10"/>
    </row>
    <row r="919999" spans="14:14">
      <c r="N919999" s="10"/>
    </row>
    <row r="920000" spans="14:14">
      <c r="N920000" s="10"/>
    </row>
    <row r="920001" spans="14:14">
      <c r="N920001" s="10"/>
    </row>
    <row r="920002" spans="14:14">
      <c r="N920002" s="10"/>
    </row>
    <row r="920003" spans="14:14">
      <c r="N920003" s="10"/>
    </row>
    <row r="920004" spans="14:14">
      <c r="N920004" s="10"/>
    </row>
    <row r="920005" spans="14:14">
      <c r="N920005" s="10"/>
    </row>
    <row r="920006" spans="14:14">
      <c r="N920006" s="10"/>
    </row>
    <row r="920007" spans="14:14">
      <c r="N920007" s="10"/>
    </row>
    <row r="920008" spans="14:14">
      <c r="N920008" s="10"/>
    </row>
    <row r="920009" spans="14:14">
      <c r="N920009" s="10"/>
    </row>
    <row r="920010" spans="14:14">
      <c r="N920010" s="10"/>
    </row>
    <row r="920011" spans="14:14">
      <c r="N920011" s="10"/>
    </row>
    <row r="920012" spans="14:14">
      <c r="N920012" s="10"/>
    </row>
    <row r="920013" spans="14:14">
      <c r="N920013" s="10"/>
    </row>
    <row r="920014" spans="14:14">
      <c r="N920014" s="10"/>
    </row>
    <row r="920015" spans="14:14">
      <c r="N920015" s="10"/>
    </row>
    <row r="920016" spans="14:14">
      <c r="N920016" s="10"/>
    </row>
    <row r="920017" spans="14:14">
      <c r="N920017" s="10"/>
    </row>
    <row r="920018" spans="14:14">
      <c r="N920018" s="10"/>
    </row>
    <row r="920019" spans="14:14">
      <c r="N920019" s="10"/>
    </row>
    <row r="920020" spans="14:14">
      <c r="N920020" s="10"/>
    </row>
    <row r="920021" spans="14:14">
      <c r="N920021" s="10"/>
    </row>
    <row r="920022" spans="14:14">
      <c r="N920022" s="10"/>
    </row>
    <row r="920023" spans="14:14">
      <c r="N920023" s="10"/>
    </row>
    <row r="920024" spans="14:14">
      <c r="N920024" s="10"/>
    </row>
    <row r="920025" spans="14:14">
      <c r="N920025" s="10"/>
    </row>
    <row r="920026" spans="14:14">
      <c r="N920026" s="10"/>
    </row>
    <row r="920027" spans="14:14">
      <c r="N920027" s="10"/>
    </row>
    <row r="920028" spans="14:14">
      <c r="N920028" s="10"/>
    </row>
    <row r="920029" spans="14:14">
      <c r="N920029" s="10"/>
    </row>
    <row r="920030" spans="14:14">
      <c r="N920030" s="10"/>
    </row>
    <row r="920031" spans="14:14">
      <c r="N920031" s="10"/>
    </row>
    <row r="920032" spans="14:14">
      <c r="N920032" s="10"/>
    </row>
    <row r="920033" spans="14:14">
      <c r="N920033" s="10"/>
    </row>
    <row r="920034" spans="14:14">
      <c r="N920034" s="10"/>
    </row>
    <row r="920035" spans="14:14">
      <c r="N920035" s="10"/>
    </row>
    <row r="920036" spans="14:14">
      <c r="N920036" s="10"/>
    </row>
    <row r="920037" spans="14:14">
      <c r="N920037" s="10"/>
    </row>
    <row r="920038" spans="14:14">
      <c r="N920038" s="10"/>
    </row>
    <row r="920039" spans="14:14">
      <c r="N920039" s="10"/>
    </row>
    <row r="920040" spans="14:14">
      <c r="N920040" s="10"/>
    </row>
    <row r="920041" spans="14:14">
      <c r="N920041" s="10"/>
    </row>
    <row r="920042" spans="14:14">
      <c r="N920042" s="10"/>
    </row>
    <row r="920043" spans="14:14">
      <c r="N920043" s="10"/>
    </row>
    <row r="920044" spans="14:14">
      <c r="N920044" s="10"/>
    </row>
    <row r="920045" spans="14:14">
      <c r="N920045" s="10"/>
    </row>
    <row r="920046" spans="14:14">
      <c r="N920046" s="10"/>
    </row>
    <row r="920047" spans="14:14">
      <c r="N920047" s="10"/>
    </row>
    <row r="920048" spans="14:14">
      <c r="N920048" s="10"/>
    </row>
    <row r="920049" spans="14:14">
      <c r="N920049" s="10"/>
    </row>
    <row r="920050" spans="14:14">
      <c r="N920050" s="10"/>
    </row>
    <row r="920051" spans="14:14">
      <c r="N920051" s="10"/>
    </row>
    <row r="920052" spans="14:14">
      <c r="N920052" s="10"/>
    </row>
    <row r="920053" spans="14:14">
      <c r="N920053" s="10"/>
    </row>
    <row r="920054" spans="14:14">
      <c r="N920054" s="10"/>
    </row>
    <row r="920055" spans="14:14">
      <c r="N920055" s="10"/>
    </row>
    <row r="920056" spans="14:14">
      <c r="N920056" s="10"/>
    </row>
    <row r="920057" spans="14:14">
      <c r="N920057" s="10"/>
    </row>
    <row r="920058" spans="14:14">
      <c r="N920058" s="10"/>
    </row>
    <row r="920059" spans="14:14">
      <c r="N920059" s="10"/>
    </row>
    <row r="920060" spans="14:14">
      <c r="N920060" s="10"/>
    </row>
    <row r="920061" spans="14:14">
      <c r="N920061" s="10"/>
    </row>
    <row r="920062" spans="14:14">
      <c r="N920062" s="10"/>
    </row>
    <row r="920063" spans="14:14">
      <c r="N920063" s="10"/>
    </row>
    <row r="920064" spans="14:14">
      <c r="N920064" s="10"/>
    </row>
    <row r="920065" spans="14:14">
      <c r="N920065" s="10"/>
    </row>
    <row r="920066" spans="14:14">
      <c r="N920066" s="10"/>
    </row>
    <row r="920067" spans="14:14">
      <c r="N920067" s="10"/>
    </row>
    <row r="920068" spans="14:14">
      <c r="N920068" s="10"/>
    </row>
    <row r="920069" spans="14:14">
      <c r="N920069" s="10"/>
    </row>
    <row r="920070" spans="14:14">
      <c r="N920070" s="10"/>
    </row>
    <row r="920071" spans="14:14">
      <c r="N920071" s="10"/>
    </row>
    <row r="920072" spans="14:14">
      <c r="N920072" s="10"/>
    </row>
    <row r="920073" spans="14:14">
      <c r="N920073" s="10"/>
    </row>
    <row r="920074" spans="14:14">
      <c r="N920074" s="10"/>
    </row>
    <row r="920075" spans="14:14">
      <c r="N920075" s="10"/>
    </row>
    <row r="920076" spans="14:14">
      <c r="N920076" s="10"/>
    </row>
    <row r="920077" spans="14:14">
      <c r="N920077" s="10"/>
    </row>
    <row r="920078" spans="14:14">
      <c r="N920078" s="10"/>
    </row>
    <row r="920079" spans="14:14">
      <c r="N920079" s="10"/>
    </row>
    <row r="920080" spans="14:14">
      <c r="N920080" s="10"/>
    </row>
    <row r="920081" spans="14:14">
      <c r="N920081" s="10"/>
    </row>
    <row r="920082" spans="14:14">
      <c r="N920082" s="10"/>
    </row>
    <row r="920083" spans="14:14">
      <c r="N920083" s="10"/>
    </row>
    <row r="920084" spans="14:14">
      <c r="N920084" s="10"/>
    </row>
    <row r="920085" spans="14:14">
      <c r="N920085" s="10"/>
    </row>
    <row r="920086" spans="14:14">
      <c r="N920086" s="10"/>
    </row>
    <row r="920087" spans="14:14">
      <c r="N920087" s="10"/>
    </row>
    <row r="920088" spans="14:14">
      <c r="N920088" s="10"/>
    </row>
    <row r="920089" spans="14:14">
      <c r="N920089" s="10"/>
    </row>
    <row r="920090" spans="14:14">
      <c r="N920090" s="10"/>
    </row>
    <row r="920091" spans="14:14">
      <c r="N920091" s="10"/>
    </row>
    <row r="920092" spans="14:14">
      <c r="N920092" s="10"/>
    </row>
    <row r="920093" spans="14:14">
      <c r="N920093" s="10"/>
    </row>
    <row r="920094" spans="14:14">
      <c r="N920094" s="10"/>
    </row>
    <row r="920095" spans="14:14">
      <c r="N920095" s="10"/>
    </row>
    <row r="920096" spans="14:14">
      <c r="N920096" s="10"/>
    </row>
    <row r="920097" spans="14:14">
      <c r="N920097" s="10"/>
    </row>
    <row r="920098" spans="14:14">
      <c r="N920098" s="10"/>
    </row>
    <row r="920099" spans="14:14">
      <c r="N920099" s="10"/>
    </row>
    <row r="920100" spans="14:14">
      <c r="N920100" s="10"/>
    </row>
    <row r="920101" spans="14:14">
      <c r="N920101" s="10"/>
    </row>
    <row r="920102" spans="14:14">
      <c r="N920102" s="10"/>
    </row>
    <row r="920103" spans="14:14">
      <c r="N920103" s="10"/>
    </row>
    <row r="920104" spans="14:14">
      <c r="N920104" s="10"/>
    </row>
    <row r="920105" spans="14:14">
      <c r="N920105" s="10"/>
    </row>
    <row r="920106" spans="14:14">
      <c r="N920106" s="10"/>
    </row>
    <row r="920107" spans="14:14">
      <c r="N920107" s="10"/>
    </row>
    <row r="920108" spans="14:14">
      <c r="N920108" s="10"/>
    </row>
    <row r="920109" spans="14:14">
      <c r="N920109" s="10"/>
    </row>
    <row r="920110" spans="14:14">
      <c r="N920110" s="10"/>
    </row>
    <row r="920111" spans="14:14">
      <c r="N920111" s="10"/>
    </row>
    <row r="920112" spans="14:14">
      <c r="N920112" s="10"/>
    </row>
    <row r="920113" spans="14:14">
      <c r="N920113" s="10"/>
    </row>
    <row r="920114" spans="14:14">
      <c r="N920114" s="10"/>
    </row>
    <row r="920115" spans="14:14">
      <c r="N920115" s="10"/>
    </row>
    <row r="920116" spans="14:14">
      <c r="N920116" s="10"/>
    </row>
    <row r="920117" spans="14:14">
      <c r="N920117" s="10"/>
    </row>
    <row r="920118" spans="14:14">
      <c r="N920118" s="10"/>
    </row>
    <row r="920119" spans="14:14">
      <c r="N920119" s="10"/>
    </row>
    <row r="920120" spans="14:14">
      <c r="N920120" s="10"/>
    </row>
    <row r="920121" spans="14:14">
      <c r="N920121" s="10"/>
    </row>
    <row r="920122" spans="14:14">
      <c r="N920122" s="10"/>
    </row>
    <row r="920123" spans="14:14">
      <c r="N920123" s="10"/>
    </row>
    <row r="920124" spans="14:14">
      <c r="N920124" s="10"/>
    </row>
    <row r="920125" spans="14:14">
      <c r="N920125" s="10"/>
    </row>
    <row r="920126" spans="14:14">
      <c r="N920126" s="10"/>
    </row>
    <row r="920127" spans="14:14">
      <c r="N920127" s="10"/>
    </row>
    <row r="920128" spans="14:14">
      <c r="N920128" s="10"/>
    </row>
    <row r="920129" spans="14:14">
      <c r="N920129" s="10"/>
    </row>
    <row r="920130" spans="14:14">
      <c r="N920130" s="10"/>
    </row>
    <row r="920131" spans="14:14">
      <c r="N920131" s="10"/>
    </row>
    <row r="920132" spans="14:14">
      <c r="N920132" s="10"/>
    </row>
    <row r="920133" spans="14:14">
      <c r="N920133" s="10"/>
    </row>
    <row r="920134" spans="14:14">
      <c r="N920134" s="10"/>
    </row>
    <row r="920135" spans="14:14">
      <c r="N920135" s="10"/>
    </row>
    <row r="920136" spans="14:14">
      <c r="N920136" s="10"/>
    </row>
    <row r="920137" spans="14:14">
      <c r="N920137" s="10"/>
    </row>
    <row r="920138" spans="14:14">
      <c r="N920138" s="10"/>
    </row>
    <row r="920139" spans="14:14">
      <c r="N920139" s="10"/>
    </row>
    <row r="920140" spans="14:14">
      <c r="N920140" s="10"/>
    </row>
    <row r="920141" spans="14:14">
      <c r="N920141" s="10"/>
    </row>
    <row r="920142" spans="14:14">
      <c r="N920142" s="10"/>
    </row>
    <row r="920143" spans="14:14">
      <c r="N920143" s="10"/>
    </row>
    <row r="920144" spans="14:14">
      <c r="N920144" s="10"/>
    </row>
    <row r="920145" spans="14:14">
      <c r="N920145" s="10"/>
    </row>
    <row r="920146" spans="14:14">
      <c r="N920146" s="10"/>
    </row>
    <row r="920147" spans="14:14">
      <c r="N920147" s="10"/>
    </row>
    <row r="920148" spans="14:14">
      <c r="N920148" s="10"/>
    </row>
    <row r="920149" spans="14:14">
      <c r="N920149" s="10"/>
    </row>
    <row r="920150" spans="14:14">
      <c r="N920150" s="10"/>
    </row>
    <row r="920151" spans="14:14">
      <c r="N920151" s="10"/>
    </row>
    <row r="920152" spans="14:14">
      <c r="N920152" s="10"/>
    </row>
    <row r="920153" spans="14:14">
      <c r="N920153" s="10"/>
    </row>
    <row r="920154" spans="14:14">
      <c r="N920154" s="10"/>
    </row>
    <row r="920155" spans="14:14">
      <c r="N920155" s="10"/>
    </row>
    <row r="920156" spans="14:14">
      <c r="N920156" s="10"/>
    </row>
    <row r="920157" spans="14:14">
      <c r="N920157" s="10"/>
    </row>
    <row r="920158" spans="14:14">
      <c r="N920158" s="10"/>
    </row>
    <row r="920159" spans="14:14">
      <c r="N920159" s="10"/>
    </row>
    <row r="920160" spans="14:14">
      <c r="N920160" s="10"/>
    </row>
    <row r="920161" spans="14:14">
      <c r="N920161" s="10"/>
    </row>
    <row r="920162" spans="14:14">
      <c r="N920162" s="10"/>
    </row>
    <row r="920163" spans="14:14">
      <c r="N920163" s="10"/>
    </row>
    <row r="920164" spans="14:14">
      <c r="N920164" s="10"/>
    </row>
    <row r="920165" spans="14:14">
      <c r="N920165" s="10"/>
    </row>
    <row r="920166" spans="14:14">
      <c r="N920166" s="10"/>
    </row>
    <row r="920167" spans="14:14">
      <c r="N920167" s="10"/>
    </row>
    <row r="920168" spans="14:14">
      <c r="N920168" s="10"/>
    </row>
    <row r="920169" spans="14:14">
      <c r="N920169" s="10"/>
    </row>
    <row r="920170" spans="14:14">
      <c r="N920170" s="10"/>
    </row>
    <row r="920171" spans="14:14">
      <c r="N920171" s="10"/>
    </row>
    <row r="920172" spans="14:14">
      <c r="N920172" s="10"/>
    </row>
    <row r="920173" spans="14:14">
      <c r="N920173" s="10"/>
    </row>
    <row r="920174" spans="14:14">
      <c r="N920174" s="10"/>
    </row>
    <row r="920175" spans="14:14">
      <c r="N920175" s="10"/>
    </row>
    <row r="920176" spans="14:14">
      <c r="N920176" s="10"/>
    </row>
    <row r="920177" spans="14:14">
      <c r="N920177" s="10"/>
    </row>
    <row r="920178" spans="14:14">
      <c r="N920178" s="10"/>
    </row>
    <row r="920179" spans="14:14">
      <c r="N920179" s="10"/>
    </row>
    <row r="920180" spans="14:14">
      <c r="N920180" s="10"/>
    </row>
    <row r="920181" spans="14:14">
      <c r="N920181" s="10"/>
    </row>
    <row r="920182" spans="14:14">
      <c r="N920182" s="10"/>
    </row>
    <row r="920183" spans="14:14">
      <c r="N920183" s="10"/>
    </row>
    <row r="920184" spans="14:14">
      <c r="N920184" s="10"/>
    </row>
    <row r="920185" spans="14:14">
      <c r="N920185" s="10"/>
    </row>
    <row r="920186" spans="14:14">
      <c r="N920186" s="10"/>
    </row>
    <row r="920187" spans="14:14">
      <c r="N920187" s="10"/>
    </row>
    <row r="920188" spans="14:14">
      <c r="N920188" s="10"/>
    </row>
    <row r="920189" spans="14:14">
      <c r="N920189" s="10"/>
    </row>
    <row r="920190" spans="14:14">
      <c r="N920190" s="10"/>
    </row>
    <row r="920191" spans="14:14">
      <c r="N920191" s="10"/>
    </row>
    <row r="920192" spans="14:14">
      <c r="N920192" s="10"/>
    </row>
    <row r="920193" spans="14:14">
      <c r="N920193" s="10"/>
    </row>
    <row r="920194" spans="14:14">
      <c r="N920194" s="10"/>
    </row>
    <row r="920195" spans="14:14">
      <c r="N920195" s="10"/>
    </row>
    <row r="920196" spans="14:14">
      <c r="N920196" s="10"/>
    </row>
    <row r="920197" spans="14:14">
      <c r="N920197" s="10"/>
    </row>
    <row r="920198" spans="14:14">
      <c r="N920198" s="10"/>
    </row>
    <row r="920199" spans="14:14">
      <c r="N920199" s="10"/>
    </row>
    <row r="920200" spans="14:14">
      <c r="N920200" s="10"/>
    </row>
    <row r="920201" spans="14:14">
      <c r="N920201" s="10"/>
    </row>
    <row r="920202" spans="14:14">
      <c r="N920202" s="10"/>
    </row>
    <row r="920203" spans="14:14">
      <c r="N920203" s="10"/>
    </row>
    <row r="920204" spans="14:14">
      <c r="N920204" s="10"/>
    </row>
    <row r="920205" spans="14:14">
      <c r="N920205" s="10"/>
    </row>
    <row r="920206" spans="14:14">
      <c r="N920206" s="10"/>
    </row>
    <row r="920207" spans="14:14">
      <c r="N920207" s="10"/>
    </row>
    <row r="920208" spans="14:14">
      <c r="N920208" s="10"/>
    </row>
    <row r="920209" spans="14:14">
      <c r="N920209" s="10"/>
    </row>
    <row r="920210" spans="14:14">
      <c r="N920210" s="10"/>
    </row>
    <row r="920211" spans="14:14">
      <c r="N920211" s="10"/>
    </row>
    <row r="920212" spans="14:14">
      <c r="N920212" s="10"/>
    </row>
    <row r="920213" spans="14:14">
      <c r="N920213" s="10"/>
    </row>
    <row r="920214" spans="14:14">
      <c r="N920214" s="10"/>
    </row>
    <row r="920215" spans="14:14">
      <c r="N920215" s="10"/>
    </row>
    <row r="920216" spans="14:14">
      <c r="N920216" s="10"/>
    </row>
    <row r="920217" spans="14:14">
      <c r="N920217" s="10"/>
    </row>
    <row r="920218" spans="14:14">
      <c r="N920218" s="10"/>
    </row>
    <row r="920219" spans="14:14">
      <c r="N920219" s="10"/>
    </row>
    <row r="920220" spans="14:14">
      <c r="N920220" s="10"/>
    </row>
    <row r="920221" spans="14:14">
      <c r="N920221" s="10"/>
    </row>
    <row r="920222" spans="14:14">
      <c r="N920222" s="10"/>
    </row>
    <row r="920223" spans="14:14">
      <c r="N920223" s="10"/>
    </row>
    <row r="920224" spans="14:14">
      <c r="N920224" s="10"/>
    </row>
    <row r="920225" spans="14:14">
      <c r="N920225" s="10"/>
    </row>
    <row r="920226" spans="14:14">
      <c r="N920226" s="10"/>
    </row>
    <row r="920227" spans="14:14">
      <c r="N920227" s="10"/>
    </row>
    <row r="920228" spans="14:14">
      <c r="N920228" s="10"/>
    </row>
    <row r="920229" spans="14:14">
      <c r="N920229" s="10"/>
    </row>
    <row r="920230" spans="14:14">
      <c r="N920230" s="10"/>
    </row>
    <row r="920231" spans="14:14">
      <c r="N920231" s="10"/>
    </row>
    <row r="920232" spans="14:14">
      <c r="N920232" s="10"/>
    </row>
    <row r="920233" spans="14:14">
      <c r="N920233" s="10"/>
    </row>
    <row r="920234" spans="14:14">
      <c r="N920234" s="10"/>
    </row>
    <row r="920235" spans="14:14">
      <c r="N920235" s="10"/>
    </row>
    <row r="920236" spans="14:14">
      <c r="N920236" s="10"/>
    </row>
    <row r="920237" spans="14:14">
      <c r="N920237" s="10"/>
    </row>
    <row r="920238" spans="14:14">
      <c r="N920238" s="10"/>
    </row>
    <row r="920239" spans="14:14">
      <c r="N920239" s="10"/>
    </row>
    <row r="920240" spans="14:14">
      <c r="N920240" s="10"/>
    </row>
    <row r="920241" spans="14:14">
      <c r="N920241" s="10"/>
    </row>
    <row r="920242" spans="14:14">
      <c r="N920242" s="10"/>
    </row>
    <row r="920243" spans="14:14">
      <c r="N920243" s="10"/>
    </row>
    <row r="920244" spans="14:14">
      <c r="N920244" s="10"/>
    </row>
    <row r="920245" spans="14:14">
      <c r="N920245" s="10"/>
    </row>
    <row r="920246" spans="14:14">
      <c r="N920246" s="10"/>
    </row>
    <row r="920247" spans="14:14">
      <c r="N920247" s="10"/>
    </row>
    <row r="920248" spans="14:14">
      <c r="N920248" s="10"/>
    </row>
    <row r="920249" spans="14:14">
      <c r="N920249" s="10"/>
    </row>
    <row r="920250" spans="14:14">
      <c r="N920250" s="10"/>
    </row>
    <row r="920251" spans="14:14">
      <c r="N920251" s="10"/>
    </row>
    <row r="920252" spans="14:14">
      <c r="N920252" s="10"/>
    </row>
    <row r="920253" spans="14:14">
      <c r="N920253" s="10"/>
    </row>
    <row r="920254" spans="14:14">
      <c r="N920254" s="10"/>
    </row>
    <row r="920255" spans="14:14">
      <c r="N920255" s="10"/>
    </row>
    <row r="920256" spans="14:14">
      <c r="N920256" s="10"/>
    </row>
    <row r="920257" spans="14:14">
      <c r="N920257" s="10"/>
    </row>
    <row r="920258" spans="14:14">
      <c r="N920258" s="10"/>
    </row>
    <row r="920259" spans="14:14">
      <c r="N920259" s="10"/>
    </row>
    <row r="920260" spans="14:14">
      <c r="N920260" s="10"/>
    </row>
    <row r="920261" spans="14:14">
      <c r="N920261" s="10"/>
    </row>
    <row r="920262" spans="14:14">
      <c r="N920262" s="10"/>
    </row>
    <row r="920263" spans="14:14">
      <c r="N920263" s="10"/>
    </row>
    <row r="920264" spans="14:14">
      <c r="N920264" s="10"/>
    </row>
    <row r="920265" spans="14:14">
      <c r="N920265" s="10"/>
    </row>
    <row r="920266" spans="14:14">
      <c r="N920266" s="10"/>
    </row>
    <row r="920267" spans="14:14">
      <c r="N920267" s="10"/>
    </row>
    <row r="920268" spans="14:14">
      <c r="N920268" s="10"/>
    </row>
    <row r="920269" spans="14:14">
      <c r="N920269" s="10"/>
    </row>
    <row r="920270" spans="14:14">
      <c r="N920270" s="10"/>
    </row>
    <row r="920271" spans="14:14">
      <c r="N920271" s="10"/>
    </row>
    <row r="920272" spans="14:14">
      <c r="N920272" s="10"/>
    </row>
    <row r="920273" spans="14:14">
      <c r="N920273" s="10"/>
    </row>
    <row r="920274" spans="14:14">
      <c r="N920274" s="10"/>
    </row>
    <row r="920275" spans="14:14">
      <c r="N920275" s="10"/>
    </row>
    <row r="920276" spans="14:14">
      <c r="N920276" s="10"/>
    </row>
    <row r="920277" spans="14:14">
      <c r="N920277" s="10"/>
    </row>
    <row r="920278" spans="14:14">
      <c r="N920278" s="10"/>
    </row>
    <row r="920279" spans="14:14">
      <c r="N920279" s="10"/>
    </row>
    <row r="920280" spans="14:14">
      <c r="N920280" s="10"/>
    </row>
    <row r="920281" spans="14:14">
      <c r="N920281" s="10"/>
    </row>
    <row r="920282" spans="14:14">
      <c r="N920282" s="10"/>
    </row>
    <row r="920283" spans="14:14">
      <c r="N920283" s="10"/>
    </row>
    <row r="920284" spans="14:14">
      <c r="N920284" s="10"/>
    </row>
    <row r="920285" spans="14:14">
      <c r="N920285" s="10"/>
    </row>
    <row r="920286" spans="14:14">
      <c r="N920286" s="10"/>
    </row>
    <row r="920287" spans="14:14">
      <c r="N920287" s="10"/>
    </row>
    <row r="920288" spans="14:14">
      <c r="N920288" s="10"/>
    </row>
    <row r="920289" spans="14:14">
      <c r="N920289" s="10"/>
    </row>
    <row r="920290" spans="14:14">
      <c r="N920290" s="10"/>
    </row>
    <row r="920291" spans="14:14">
      <c r="N920291" s="10"/>
    </row>
    <row r="920292" spans="14:14">
      <c r="N920292" s="10"/>
    </row>
    <row r="920293" spans="14:14">
      <c r="N920293" s="10"/>
    </row>
    <row r="920294" spans="14:14">
      <c r="N920294" s="10"/>
    </row>
    <row r="920295" spans="14:14">
      <c r="N920295" s="10"/>
    </row>
    <row r="920296" spans="14:14">
      <c r="N920296" s="10"/>
    </row>
    <row r="920297" spans="14:14">
      <c r="N920297" s="10"/>
    </row>
    <row r="920298" spans="14:14">
      <c r="N920298" s="10"/>
    </row>
    <row r="920299" spans="14:14">
      <c r="N920299" s="10"/>
    </row>
    <row r="920300" spans="14:14">
      <c r="N920300" s="10"/>
    </row>
    <row r="920301" spans="14:14">
      <c r="N920301" s="10"/>
    </row>
    <row r="920302" spans="14:14">
      <c r="N920302" s="10"/>
    </row>
    <row r="920303" spans="14:14">
      <c r="N920303" s="10"/>
    </row>
    <row r="920304" spans="14:14">
      <c r="N920304" s="10"/>
    </row>
    <row r="920305" spans="14:14">
      <c r="N920305" s="10"/>
    </row>
    <row r="920306" spans="14:14">
      <c r="N920306" s="10"/>
    </row>
    <row r="920307" spans="14:14">
      <c r="N920307" s="10"/>
    </row>
    <row r="920308" spans="14:14">
      <c r="N920308" s="10"/>
    </row>
    <row r="920309" spans="14:14">
      <c r="N920309" s="10"/>
    </row>
    <row r="920310" spans="14:14">
      <c r="N920310" s="10"/>
    </row>
    <row r="920311" spans="14:14">
      <c r="N920311" s="10"/>
    </row>
    <row r="920312" spans="14:14">
      <c r="N920312" s="10"/>
    </row>
    <row r="920313" spans="14:14">
      <c r="N920313" s="10"/>
    </row>
    <row r="920314" spans="14:14">
      <c r="N920314" s="10"/>
    </row>
    <row r="920315" spans="14:14">
      <c r="N920315" s="10"/>
    </row>
    <row r="920316" spans="14:14">
      <c r="N920316" s="10"/>
    </row>
    <row r="920317" spans="14:14">
      <c r="N920317" s="10"/>
    </row>
    <row r="920318" spans="14:14">
      <c r="N920318" s="10"/>
    </row>
    <row r="920319" spans="14:14">
      <c r="N920319" s="10"/>
    </row>
    <row r="920320" spans="14:14">
      <c r="N920320" s="10"/>
    </row>
    <row r="920321" spans="14:14">
      <c r="N920321" s="10"/>
    </row>
    <row r="920322" spans="14:14">
      <c r="N920322" s="10"/>
    </row>
    <row r="920323" spans="14:14">
      <c r="N920323" s="10"/>
    </row>
    <row r="920324" spans="14:14">
      <c r="N920324" s="10"/>
    </row>
    <row r="920325" spans="14:14">
      <c r="N920325" s="10"/>
    </row>
    <row r="920326" spans="14:14">
      <c r="N920326" s="10"/>
    </row>
    <row r="920327" spans="14:14">
      <c r="N920327" s="10"/>
    </row>
    <row r="920328" spans="14:14">
      <c r="N920328" s="10"/>
    </row>
    <row r="920329" spans="14:14">
      <c r="N920329" s="10"/>
    </row>
    <row r="920330" spans="14:14">
      <c r="N920330" s="10"/>
    </row>
    <row r="920331" spans="14:14">
      <c r="N920331" s="10"/>
    </row>
    <row r="920332" spans="14:14">
      <c r="N920332" s="10"/>
    </row>
    <row r="920333" spans="14:14">
      <c r="N920333" s="10"/>
    </row>
    <row r="920334" spans="14:14">
      <c r="N920334" s="10"/>
    </row>
    <row r="920335" spans="14:14">
      <c r="N920335" s="10"/>
    </row>
    <row r="920336" spans="14:14">
      <c r="N920336" s="10"/>
    </row>
    <row r="920337" spans="14:14">
      <c r="N920337" s="10"/>
    </row>
    <row r="920338" spans="14:14">
      <c r="N920338" s="10"/>
    </row>
    <row r="920339" spans="14:14">
      <c r="N920339" s="10"/>
    </row>
    <row r="920340" spans="14:14">
      <c r="N920340" s="10"/>
    </row>
    <row r="920341" spans="14:14">
      <c r="N920341" s="10"/>
    </row>
    <row r="920342" spans="14:14">
      <c r="N920342" s="10"/>
    </row>
    <row r="920343" spans="14:14">
      <c r="N920343" s="10"/>
    </row>
    <row r="920344" spans="14:14">
      <c r="N920344" s="10"/>
    </row>
    <row r="920345" spans="14:14">
      <c r="N920345" s="10"/>
    </row>
    <row r="920346" spans="14:14">
      <c r="N920346" s="10"/>
    </row>
    <row r="920347" spans="14:14">
      <c r="N920347" s="10"/>
    </row>
    <row r="920348" spans="14:14">
      <c r="N920348" s="10"/>
    </row>
    <row r="920349" spans="14:14">
      <c r="N920349" s="10"/>
    </row>
    <row r="920350" spans="14:14">
      <c r="N920350" s="10"/>
    </row>
    <row r="920351" spans="14:14">
      <c r="N920351" s="10"/>
    </row>
    <row r="920352" spans="14:14">
      <c r="N920352" s="10"/>
    </row>
    <row r="920353" spans="14:14">
      <c r="N920353" s="10"/>
    </row>
    <row r="920354" spans="14:14">
      <c r="N920354" s="10"/>
    </row>
    <row r="920355" spans="14:14">
      <c r="N920355" s="10"/>
    </row>
    <row r="920356" spans="14:14">
      <c r="N920356" s="10"/>
    </row>
    <row r="920357" spans="14:14">
      <c r="N920357" s="10"/>
    </row>
    <row r="920358" spans="14:14">
      <c r="N920358" s="10"/>
    </row>
    <row r="920359" spans="14:14">
      <c r="N920359" s="10"/>
    </row>
    <row r="920360" spans="14:14">
      <c r="N920360" s="10"/>
    </row>
    <row r="920361" spans="14:14">
      <c r="N920361" s="10"/>
    </row>
    <row r="920362" spans="14:14">
      <c r="N920362" s="10"/>
    </row>
    <row r="920363" spans="14:14">
      <c r="N920363" s="10"/>
    </row>
    <row r="920364" spans="14:14">
      <c r="N920364" s="10"/>
    </row>
    <row r="920365" spans="14:14">
      <c r="N920365" s="10"/>
    </row>
    <row r="920366" spans="14:14">
      <c r="N920366" s="10"/>
    </row>
    <row r="920367" spans="14:14">
      <c r="N920367" s="10"/>
    </row>
    <row r="920368" spans="14:14">
      <c r="N920368" s="10"/>
    </row>
    <row r="920369" spans="14:14">
      <c r="N920369" s="10"/>
    </row>
    <row r="920370" spans="14:14">
      <c r="N920370" s="10"/>
    </row>
    <row r="920371" spans="14:14">
      <c r="N920371" s="10"/>
    </row>
    <row r="920372" spans="14:14">
      <c r="N920372" s="10"/>
    </row>
    <row r="920373" spans="14:14">
      <c r="N920373" s="10"/>
    </row>
    <row r="920374" spans="14:14">
      <c r="N920374" s="10"/>
    </row>
    <row r="920375" spans="14:14">
      <c r="N920375" s="10"/>
    </row>
    <row r="920376" spans="14:14">
      <c r="N920376" s="10"/>
    </row>
    <row r="920377" spans="14:14">
      <c r="N920377" s="10"/>
    </row>
    <row r="920378" spans="14:14">
      <c r="N920378" s="10"/>
    </row>
    <row r="920379" spans="14:14">
      <c r="N920379" s="10"/>
    </row>
    <row r="920380" spans="14:14">
      <c r="N920380" s="10"/>
    </row>
    <row r="920381" spans="14:14">
      <c r="N920381" s="10"/>
    </row>
    <row r="920382" spans="14:14">
      <c r="N920382" s="10"/>
    </row>
    <row r="920383" spans="14:14">
      <c r="N920383" s="10"/>
    </row>
    <row r="920384" spans="14:14">
      <c r="N920384" s="10"/>
    </row>
    <row r="920385" spans="14:14">
      <c r="N920385" s="10"/>
    </row>
    <row r="920386" spans="14:14">
      <c r="N920386" s="10"/>
    </row>
    <row r="920387" spans="14:14">
      <c r="N920387" s="10"/>
    </row>
    <row r="920388" spans="14:14">
      <c r="N920388" s="10"/>
    </row>
    <row r="920389" spans="14:14">
      <c r="N920389" s="10"/>
    </row>
    <row r="920390" spans="14:14">
      <c r="N920390" s="10"/>
    </row>
    <row r="920391" spans="14:14">
      <c r="N920391" s="10"/>
    </row>
    <row r="920392" spans="14:14">
      <c r="N920392" s="10"/>
    </row>
    <row r="920393" spans="14:14">
      <c r="N920393" s="10"/>
    </row>
    <row r="920394" spans="14:14">
      <c r="N920394" s="10"/>
    </row>
    <row r="920395" spans="14:14">
      <c r="N920395" s="10"/>
    </row>
    <row r="920396" spans="14:14">
      <c r="N920396" s="10"/>
    </row>
    <row r="920397" spans="14:14">
      <c r="N920397" s="10"/>
    </row>
    <row r="920398" spans="14:14">
      <c r="N920398" s="10"/>
    </row>
    <row r="920399" spans="14:14">
      <c r="N920399" s="10"/>
    </row>
    <row r="920400" spans="14:14">
      <c r="N920400" s="10"/>
    </row>
    <row r="920401" spans="14:14">
      <c r="N920401" s="10"/>
    </row>
    <row r="920402" spans="14:14">
      <c r="N920402" s="10"/>
    </row>
    <row r="920403" spans="14:14">
      <c r="N920403" s="10"/>
    </row>
    <row r="920404" spans="14:14">
      <c r="N920404" s="10"/>
    </row>
    <row r="920405" spans="14:14">
      <c r="N920405" s="10"/>
    </row>
    <row r="920406" spans="14:14">
      <c r="N920406" s="10"/>
    </row>
    <row r="920407" spans="14:14">
      <c r="N920407" s="10"/>
    </row>
    <row r="920408" spans="14:14">
      <c r="N920408" s="10"/>
    </row>
    <row r="920409" spans="14:14">
      <c r="N920409" s="10"/>
    </row>
    <row r="920410" spans="14:14">
      <c r="N920410" s="10"/>
    </row>
    <row r="920411" spans="14:14">
      <c r="N920411" s="10"/>
    </row>
    <row r="920412" spans="14:14">
      <c r="N920412" s="10"/>
    </row>
    <row r="920413" spans="14:14">
      <c r="N920413" s="10"/>
    </row>
    <row r="920414" spans="14:14">
      <c r="N920414" s="10"/>
    </row>
    <row r="920415" spans="14:14">
      <c r="N920415" s="10"/>
    </row>
    <row r="920416" spans="14:14">
      <c r="N920416" s="10"/>
    </row>
    <row r="920417" spans="14:14">
      <c r="N920417" s="10"/>
    </row>
    <row r="920418" spans="14:14">
      <c r="N920418" s="10"/>
    </row>
    <row r="920419" spans="14:14">
      <c r="N920419" s="10"/>
    </row>
    <row r="920420" spans="14:14">
      <c r="N920420" s="10"/>
    </row>
    <row r="920421" spans="14:14">
      <c r="N920421" s="10"/>
    </row>
    <row r="920422" spans="14:14">
      <c r="N920422" s="10"/>
    </row>
    <row r="920423" spans="14:14">
      <c r="N920423" s="10"/>
    </row>
    <row r="920424" spans="14:14">
      <c r="N920424" s="10"/>
    </row>
    <row r="920425" spans="14:14">
      <c r="N920425" s="10"/>
    </row>
    <row r="920426" spans="14:14">
      <c r="N920426" s="10"/>
    </row>
    <row r="920427" spans="14:14">
      <c r="N920427" s="10"/>
    </row>
    <row r="920428" spans="14:14">
      <c r="N920428" s="10"/>
    </row>
    <row r="920429" spans="14:14">
      <c r="N920429" s="10"/>
    </row>
    <row r="920430" spans="14:14">
      <c r="N920430" s="10"/>
    </row>
    <row r="920431" spans="14:14">
      <c r="N920431" s="10"/>
    </row>
    <row r="920432" spans="14:14">
      <c r="N920432" s="10"/>
    </row>
    <row r="920433" spans="14:14">
      <c r="N920433" s="10"/>
    </row>
    <row r="920434" spans="14:14">
      <c r="N920434" s="10"/>
    </row>
    <row r="920435" spans="14:14">
      <c r="N920435" s="10"/>
    </row>
    <row r="920436" spans="14:14">
      <c r="N920436" s="10"/>
    </row>
    <row r="920437" spans="14:14">
      <c r="N920437" s="10"/>
    </row>
    <row r="920438" spans="14:14">
      <c r="N920438" s="10"/>
    </row>
    <row r="920439" spans="14:14">
      <c r="N920439" s="10"/>
    </row>
    <row r="920440" spans="14:14">
      <c r="N920440" s="10"/>
    </row>
    <row r="920441" spans="14:14">
      <c r="N920441" s="10"/>
    </row>
    <row r="920442" spans="14:14">
      <c r="N920442" s="10"/>
    </row>
    <row r="920443" spans="14:14">
      <c r="N920443" s="10"/>
    </row>
    <row r="920444" spans="14:14">
      <c r="N920444" s="10"/>
    </row>
    <row r="920445" spans="14:14">
      <c r="N920445" s="10"/>
    </row>
    <row r="920446" spans="14:14">
      <c r="N920446" s="10"/>
    </row>
    <row r="920447" spans="14:14">
      <c r="N920447" s="10"/>
    </row>
    <row r="920448" spans="14:14">
      <c r="N920448" s="10"/>
    </row>
    <row r="920449" spans="14:14">
      <c r="N920449" s="10"/>
    </row>
    <row r="920450" spans="14:14">
      <c r="N920450" s="10"/>
    </row>
    <row r="920451" spans="14:14">
      <c r="N920451" s="10"/>
    </row>
    <row r="920452" spans="14:14">
      <c r="N920452" s="10"/>
    </row>
    <row r="920453" spans="14:14">
      <c r="N920453" s="10"/>
    </row>
    <row r="920454" spans="14:14">
      <c r="N920454" s="10"/>
    </row>
    <row r="920455" spans="14:14">
      <c r="N920455" s="10"/>
    </row>
    <row r="920456" spans="14:14">
      <c r="N920456" s="10"/>
    </row>
    <row r="920457" spans="14:14">
      <c r="N920457" s="10"/>
    </row>
    <row r="920458" spans="14:14">
      <c r="N920458" s="10"/>
    </row>
    <row r="920459" spans="14:14">
      <c r="N920459" s="10"/>
    </row>
    <row r="920460" spans="14:14">
      <c r="N920460" s="10"/>
    </row>
    <row r="920461" spans="14:14">
      <c r="N920461" s="10"/>
    </row>
    <row r="920462" spans="14:14">
      <c r="N920462" s="10"/>
    </row>
    <row r="920463" spans="14:14">
      <c r="N920463" s="10"/>
    </row>
    <row r="920464" spans="14:14">
      <c r="N920464" s="10"/>
    </row>
    <row r="920465" spans="14:14">
      <c r="N920465" s="10"/>
    </row>
    <row r="920466" spans="14:14">
      <c r="N920466" s="10"/>
    </row>
    <row r="920467" spans="14:14">
      <c r="N920467" s="10"/>
    </row>
    <row r="920468" spans="14:14">
      <c r="N920468" s="10"/>
    </row>
    <row r="920469" spans="14:14">
      <c r="N920469" s="10"/>
    </row>
    <row r="920470" spans="14:14">
      <c r="N920470" s="10"/>
    </row>
    <row r="920471" spans="14:14">
      <c r="N920471" s="10"/>
    </row>
    <row r="920472" spans="14:14">
      <c r="N920472" s="10"/>
    </row>
    <row r="920473" spans="14:14">
      <c r="N920473" s="10"/>
    </row>
    <row r="920474" spans="14:14">
      <c r="N920474" s="10"/>
    </row>
    <row r="920475" spans="14:14">
      <c r="N920475" s="10"/>
    </row>
    <row r="920476" spans="14:14">
      <c r="N920476" s="10"/>
    </row>
    <row r="920477" spans="14:14">
      <c r="N920477" s="10"/>
    </row>
    <row r="920478" spans="14:14">
      <c r="N920478" s="10"/>
    </row>
    <row r="920479" spans="14:14">
      <c r="N920479" s="10"/>
    </row>
    <row r="920480" spans="14:14">
      <c r="N920480" s="10"/>
    </row>
    <row r="920481" spans="14:14">
      <c r="N920481" s="10"/>
    </row>
    <row r="920482" spans="14:14">
      <c r="N920482" s="10"/>
    </row>
    <row r="920483" spans="14:14">
      <c r="N920483" s="10"/>
    </row>
    <row r="920484" spans="14:14">
      <c r="N920484" s="10"/>
    </row>
    <row r="920485" spans="14:14">
      <c r="N920485" s="10"/>
    </row>
    <row r="920486" spans="14:14">
      <c r="N920486" s="10"/>
    </row>
    <row r="920487" spans="14:14">
      <c r="N920487" s="10"/>
    </row>
    <row r="920488" spans="14:14">
      <c r="N920488" s="10"/>
    </row>
    <row r="920489" spans="14:14">
      <c r="N920489" s="10"/>
    </row>
    <row r="920490" spans="14:14">
      <c r="N920490" s="10"/>
    </row>
    <row r="920491" spans="14:14">
      <c r="N920491" s="10"/>
    </row>
    <row r="920492" spans="14:14">
      <c r="N920492" s="10"/>
    </row>
    <row r="920493" spans="14:14">
      <c r="N920493" s="10"/>
    </row>
    <row r="920494" spans="14:14">
      <c r="N920494" s="10"/>
    </row>
    <row r="920495" spans="14:14">
      <c r="N920495" s="10"/>
    </row>
    <row r="920496" spans="14:14">
      <c r="N920496" s="10"/>
    </row>
    <row r="920497" spans="14:14">
      <c r="N920497" s="10"/>
    </row>
    <row r="920498" spans="14:14">
      <c r="N920498" s="10"/>
    </row>
    <row r="920499" spans="14:14">
      <c r="N920499" s="10"/>
    </row>
    <row r="920500" spans="14:14">
      <c r="N920500" s="10"/>
    </row>
    <row r="920501" spans="14:14">
      <c r="N920501" s="10"/>
    </row>
    <row r="920502" spans="14:14">
      <c r="N920502" s="10"/>
    </row>
    <row r="920503" spans="14:14">
      <c r="N920503" s="10"/>
    </row>
    <row r="920504" spans="14:14">
      <c r="N920504" s="10"/>
    </row>
    <row r="920505" spans="14:14">
      <c r="N920505" s="10"/>
    </row>
    <row r="920506" spans="14:14">
      <c r="N920506" s="10"/>
    </row>
    <row r="920507" spans="14:14">
      <c r="N920507" s="10"/>
    </row>
    <row r="920508" spans="14:14">
      <c r="N920508" s="10"/>
    </row>
    <row r="920509" spans="14:14">
      <c r="N920509" s="10"/>
    </row>
    <row r="920510" spans="14:14">
      <c r="N920510" s="10"/>
    </row>
    <row r="920511" spans="14:14">
      <c r="N920511" s="10"/>
    </row>
    <row r="920512" spans="14:14">
      <c r="N920512" s="10"/>
    </row>
    <row r="920513" spans="14:14">
      <c r="N920513" s="10"/>
    </row>
    <row r="920514" spans="14:14">
      <c r="N920514" s="10"/>
    </row>
    <row r="920515" spans="14:14">
      <c r="N920515" s="10"/>
    </row>
    <row r="920516" spans="14:14">
      <c r="N920516" s="10"/>
    </row>
    <row r="920517" spans="14:14">
      <c r="N920517" s="10"/>
    </row>
    <row r="920518" spans="14:14">
      <c r="N920518" s="10"/>
    </row>
    <row r="920519" spans="14:14">
      <c r="N920519" s="10"/>
    </row>
    <row r="920520" spans="14:14">
      <c r="N920520" s="10"/>
    </row>
    <row r="920521" spans="14:14">
      <c r="N920521" s="10"/>
    </row>
    <row r="920522" spans="14:14">
      <c r="N920522" s="10"/>
    </row>
    <row r="920523" spans="14:14">
      <c r="N920523" s="10"/>
    </row>
    <row r="920524" spans="14:14">
      <c r="N920524" s="10"/>
    </row>
    <row r="920525" spans="14:14">
      <c r="N920525" s="10"/>
    </row>
    <row r="920526" spans="14:14">
      <c r="N920526" s="10"/>
    </row>
    <row r="920527" spans="14:14">
      <c r="N920527" s="10"/>
    </row>
    <row r="920528" spans="14:14">
      <c r="N920528" s="10"/>
    </row>
    <row r="920529" spans="14:14">
      <c r="N920529" s="10"/>
    </row>
    <row r="920530" spans="14:14">
      <c r="N920530" s="10"/>
    </row>
    <row r="920531" spans="14:14">
      <c r="N920531" s="10"/>
    </row>
    <row r="920532" spans="14:14">
      <c r="N920532" s="10"/>
    </row>
    <row r="920533" spans="14:14">
      <c r="N920533" s="10"/>
    </row>
    <row r="920534" spans="14:14">
      <c r="N920534" s="10"/>
    </row>
    <row r="920535" spans="14:14">
      <c r="N920535" s="10"/>
    </row>
    <row r="920536" spans="14:14">
      <c r="N920536" s="10"/>
    </row>
    <row r="920537" spans="14:14">
      <c r="N920537" s="10"/>
    </row>
    <row r="920538" spans="14:14">
      <c r="N920538" s="10"/>
    </row>
    <row r="920539" spans="14:14">
      <c r="N920539" s="10"/>
    </row>
    <row r="920540" spans="14:14">
      <c r="N920540" s="10"/>
    </row>
    <row r="920541" spans="14:14">
      <c r="N920541" s="10"/>
    </row>
    <row r="920542" spans="14:14">
      <c r="N920542" s="10"/>
    </row>
    <row r="920543" spans="14:14">
      <c r="N920543" s="10"/>
    </row>
    <row r="920544" spans="14:14">
      <c r="N920544" s="10"/>
    </row>
    <row r="920545" spans="14:14">
      <c r="N920545" s="10"/>
    </row>
    <row r="920546" spans="14:14">
      <c r="N920546" s="10"/>
    </row>
    <row r="920547" spans="14:14">
      <c r="N920547" s="10"/>
    </row>
    <row r="920548" spans="14:14">
      <c r="N920548" s="10"/>
    </row>
    <row r="920549" spans="14:14">
      <c r="N920549" s="10"/>
    </row>
    <row r="920550" spans="14:14">
      <c r="N920550" s="10"/>
    </row>
    <row r="920551" spans="14:14">
      <c r="N920551" s="10"/>
    </row>
    <row r="920552" spans="14:14">
      <c r="N920552" s="10"/>
    </row>
    <row r="920553" spans="14:14">
      <c r="N920553" s="10"/>
    </row>
    <row r="920554" spans="14:14">
      <c r="N920554" s="10"/>
    </row>
    <row r="920555" spans="14:14">
      <c r="N920555" s="10"/>
    </row>
    <row r="920556" spans="14:14">
      <c r="N920556" s="10"/>
    </row>
    <row r="920557" spans="14:14">
      <c r="N920557" s="10"/>
    </row>
    <row r="920558" spans="14:14">
      <c r="N920558" s="10"/>
    </row>
    <row r="920559" spans="14:14">
      <c r="N920559" s="10"/>
    </row>
    <row r="920560" spans="14:14">
      <c r="N920560" s="10"/>
    </row>
    <row r="920561" spans="14:14">
      <c r="N920561" s="10"/>
    </row>
    <row r="920562" spans="14:14">
      <c r="N920562" s="10"/>
    </row>
    <row r="920563" spans="14:14">
      <c r="N920563" s="10"/>
    </row>
    <row r="920564" spans="14:14">
      <c r="N920564" s="10"/>
    </row>
    <row r="920565" spans="14:14">
      <c r="N920565" s="10"/>
    </row>
    <row r="920566" spans="14:14">
      <c r="N920566" s="10"/>
    </row>
    <row r="920567" spans="14:14">
      <c r="N920567" s="10"/>
    </row>
    <row r="920568" spans="14:14">
      <c r="N920568" s="10"/>
    </row>
    <row r="920569" spans="14:14">
      <c r="N920569" s="10"/>
    </row>
    <row r="920570" spans="14:14">
      <c r="N920570" s="10"/>
    </row>
    <row r="920571" spans="14:14">
      <c r="N920571" s="10"/>
    </row>
    <row r="920572" spans="14:14">
      <c r="N920572" s="10"/>
    </row>
    <row r="920573" spans="14:14">
      <c r="N920573" s="10"/>
    </row>
    <row r="920574" spans="14:14">
      <c r="N920574" s="10"/>
    </row>
    <row r="920575" spans="14:14">
      <c r="N920575" s="10"/>
    </row>
    <row r="920576" spans="14:14">
      <c r="N920576" s="10"/>
    </row>
    <row r="920577" spans="14:14">
      <c r="N920577" s="10"/>
    </row>
    <row r="920578" spans="14:14">
      <c r="N920578" s="10"/>
    </row>
    <row r="920579" spans="14:14">
      <c r="N920579" s="10"/>
    </row>
    <row r="920580" spans="14:14">
      <c r="N920580" s="10"/>
    </row>
    <row r="920581" spans="14:14">
      <c r="N920581" s="10"/>
    </row>
    <row r="920582" spans="14:14">
      <c r="N920582" s="10"/>
    </row>
    <row r="920583" spans="14:14">
      <c r="N920583" s="10"/>
    </row>
    <row r="920584" spans="14:14">
      <c r="N920584" s="10"/>
    </row>
    <row r="920585" spans="14:14">
      <c r="N920585" s="10"/>
    </row>
    <row r="920586" spans="14:14">
      <c r="N920586" s="10"/>
    </row>
    <row r="920587" spans="14:14">
      <c r="N920587" s="10"/>
    </row>
    <row r="920588" spans="14:14">
      <c r="N920588" s="10"/>
    </row>
    <row r="920589" spans="14:14">
      <c r="N920589" s="10"/>
    </row>
    <row r="920590" spans="14:14">
      <c r="N920590" s="10"/>
    </row>
    <row r="920591" spans="14:14">
      <c r="N920591" s="10"/>
    </row>
    <row r="920592" spans="14:14">
      <c r="N920592" s="10"/>
    </row>
    <row r="920593" spans="14:14">
      <c r="N920593" s="10"/>
    </row>
    <row r="920594" spans="14:14">
      <c r="N920594" s="10"/>
    </row>
    <row r="920595" spans="14:14">
      <c r="N920595" s="10"/>
    </row>
    <row r="920596" spans="14:14">
      <c r="N920596" s="10"/>
    </row>
    <row r="920597" spans="14:14">
      <c r="N920597" s="10"/>
    </row>
    <row r="920598" spans="14:14">
      <c r="N920598" s="10"/>
    </row>
    <row r="920599" spans="14:14">
      <c r="N920599" s="10"/>
    </row>
    <row r="920600" spans="14:14">
      <c r="N920600" s="10"/>
    </row>
    <row r="920601" spans="14:14">
      <c r="N920601" s="10"/>
    </row>
    <row r="920602" spans="14:14">
      <c r="N920602" s="10"/>
    </row>
    <row r="920603" spans="14:14">
      <c r="N920603" s="10"/>
    </row>
    <row r="920604" spans="14:14">
      <c r="N920604" s="10"/>
    </row>
    <row r="920605" spans="14:14">
      <c r="N920605" s="10"/>
    </row>
    <row r="920606" spans="14:14">
      <c r="N920606" s="10"/>
    </row>
    <row r="920607" spans="14:14">
      <c r="N920607" s="10"/>
    </row>
    <row r="920608" spans="14:14">
      <c r="N920608" s="10"/>
    </row>
    <row r="920609" spans="14:14">
      <c r="N920609" s="10"/>
    </row>
    <row r="920610" spans="14:14">
      <c r="N920610" s="10"/>
    </row>
    <row r="920611" spans="14:14">
      <c r="N920611" s="10"/>
    </row>
    <row r="920612" spans="14:14">
      <c r="N920612" s="10"/>
    </row>
    <row r="920613" spans="14:14">
      <c r="N920613" s="10"/>
    </row>
    <row r="920614" spans="14:14">
      <c r="N920614" s="10"/>
    </row>
    <row r="920615" spans="14:14">
      <c r="N920615" s="10"/>
    </row>
    <row r="920616" spans="14:14">
      <c r="N920616" s="10"/>
    </row>
    <row r="920617" spans="14:14">
      <c r="N920617" s="10"/>
    </row>
    <row r="920618" spans="14:14">
      <c r="N920618" s="10"/>
    </row>
    <row r="920619" spans="14:14">
      <c r="N920619" s="10"/>
    </row>
    <row r="920620" spans="14:14">
      <c r="N920620" s="10"/>
    </row>
    <row r="920621" spans="14:14">
      <c r="N920621" s="10"/>
    </row>
    <row r="920622" spans="14:14">
      <c r="N920622" s="10"/>
    </row>
    <row r="920623" spans="14:14">
      <c r="N920623" s="10"/>
    </row>
    <row r="920624" spans="14:14">
      <c r="N920624" s="10"/>
    </row>
    <row r="920625" spans="14:14">
      <c r="N920625" s="10"/>
    </row>
    <row r="920626" spans="14:14">
      <c r="N920626" s="10"/>
    </row>
    <row r="920627" spans="14:14">
      <c r="N920627" s="10"/>
    </row>
    <row r="920628" spans="14:14">
      <c r="N920628" s="10"/>
    </row>
    <row r="920629" spans="14:14">
      <c r="N920629" s="10"/>
    </row>
    <row r="920630" spans="14:14">
      <c r="N920630" s="10"/>
    </row>
    <row r="920631" spans="14:14">
      <c r="N920631" s="10"/>
    </row>
    <row r="920632" spans="14:14">
      <c r="N920632" s="10"/>
    </row>
    <row r="920633" spans="14:14">
      <c r="N920633" s="10"/>
    </row>
    <row r="920634" spans="14:14">
      <c r="N920634" s="10"/>
    </row>
    <row r="920635" spans="14:14">
      <c r="N920635" s="10"/>
    </row>
    <row r="920636" spans="14:14">
      <c r="N920636" s="10"/>
    </row>
    <row r="920637" spans="14:14">
      <c r="N920637" s="10"/>
    </row>
    <row r="920638" spans="14:14">
      <c r="N920638" s="10"/>
    </row>
    <row r="920639" spans="14:14">
      <c r="N920639" s="10"/>
    </row>
    <row r="920640" spans="14:14">
      <c r="N920640" s="10"/>
    </row>
    <row r="920641" spans="14:14">
      <c r="N920641" s="10"/>
    </row>
    <row r="920642" spans="14:14">
      <c r="N920642" s="10"/>
    </row>
    <row r="920643" spans="14:14">
      <c r="N920643" s="10"/>
    </row>
    <row r="920644" spans="14:14">
      <c r="N920644" s="10"/>
    </row>
    <row r="920645" spans="14:14">
      <c r="N920645" s="10"/>
    </row>
    <row r="920646" spans="14:14">
      <c r="N920646" s="10"/>
    </row>
    <row r="920647" spans="14:14">
      <c r="N920647" s="10"/>
    </row>
    <row r="920648" spans="14:14">
      <c r="N920648" s="10"/>
    </row>
    <row r="920649" spans="14:14">
      <c r="N920649" s="10"/>
    </row>
    <row r="920650" spans="14:14">
      <c r="N920650" s="10"/>
    </row>
    <row r="920651" spans="14:14">
      <c r="N920651" s="10"/>
    </row>
    <row r="920652" spans="14:14">
      <c r="N920652" s="10"/>
    </row>
    <row r="920653" spans="14:14">
      <c r="N920653" s="10"/>
    </row>
    <row r="920654" spans="14:14">
      <c r="N920654" s="10"/>
    </row>
    <row r="920655" spans="14:14">
      <c r="N920655" s="10"/>
    </row>
    <row r="920656" spans="14:14">
      <c r="N920656" s="10"/>
    </row>
    <row r="920657" spans="14:14">
      <c r="N920657" s="10"/>
    </row>
    <row r="920658" spans="14:14">
      <c r="N920658" s="10"/>
    </row>
    <row r="920659" spans="14:14">
      <c r="N920659" s="10"/>
    </row>
    <row r="920660" spans="14:14">
      <c r="N920660" s="10"/>
    </row>
    <row r="920661" spans="14:14">
      <c r="N920661" s="10"/>
    </row>
    <row r="920662" spans="14:14">
      <c r="N920662" s="10"/>
    </row>
    <row r="920663" spans="14:14">
      <c r="N920663" s="10"/>
    </row>
    <row r="920664" spans="14:14">
      <c r="N920664" s="10"/>
    </row>
    <row r="920665" spans="14:14">
      <c r="N920665" s="10"/>
    </row>
    <row r="920666" spans="14:14">
      <c r="N920666" s="10"/>
    </row>
    <row r="920667" spans="14:14">
      <c r="N920667" s="10"/>
    </row>
    <row r="920668" spans="14:14">
      <c r="N920668" s="10"/>
    </row>
    <row r="920669" spans="14:14">
      <c r="N920669" s="10"/>
    </row>
    <row r="920670" spans="14:14">
      <c r="N920670" s="10"/>
    </row>
    <row r="920671" spans="14:14">
      <c r="N920671" s="10"/>
    </row>
    <row r="920672" spans="14:14">
      <c r="N920672" s="10"/>
    </row>
    <row r="920673" spans="14:14">
      <c r="N920673" s="10"/>
    </row>
    <row r="920674" spans="14:14">
      <c r="N920674" s="10"/>
    </row>
    <row r="920675" spans="14:14">
      <c r="N920675" s="10"/>
    </row>
    <row r="920676" spans="14:14">
      <c r="N920676" s="10"/>
    </row>
    <row r="920677" spans="14:14">
      <c r="N920677" s="10"/>
    </row>
    <row r="920678" spans="14:14">
      <c r="N920678" s="10"/>
    </row>
    <row r="920679" spans="14:14">
      <c r="N920679" s="10"/>
    </row>
    <row r="920680" spans="14:14">
      <c r="N920680" s="10"/>
    </row>
    <row r="920681" spans="14:14">
      <c r="N920681" s="10"/>
    </row>
    <row r="920682" spans="14:14">
      <c r="N920682" s="10"/>
    </row>
    <row r="920683" spans="14:14">
      <c r="N920683" s="10"/>
    </row>
    <row r="920684" spans="14:14">
      <c r="N920684" s="10"/>
    </row>
    <row r="920685" spans="14:14">
      <c r="N920685" s="10"/>
    </row>
    <row r="920686" spans="14:14">
      <c r="N920686" s="10"/>
    </row>
    <row r="920687" spans="14:14">
      <c r="N920687" s="10"/>
    </row>
    <row r="920688" spans="14:14">
      <c r="N920688" s="10"/>
    </row>
    <row r="920689" spans="14:14">
      <c r="N920689" s="10"/>
    </row>
    <row r="920690" spans="14:14">
      <c r="N920690" s="10"/>
    </row>
    <row r="920691" spans="14:14">
      <c r="N920691" s="10"/>
    </row>
    <row r="920692" spans="14:14">
      <c r="N920692" s="10"/>
    </row>
    <row r="920693" spans="14:14">
      <c r="N920693" s="10"/>
    </row>
    <row r="920694" spans="14:14">
      <c r="N920694" s="10"/>
    </row>
    <row r="920695" spans="14:14">
      <c r="N920695" s="10"/>
    </row>
    <row r="920696" spans="14:14">
      <c r="N920696" s="10"/>
    </row>
    <row r="920697" spans="14:14">
      <c r="N920697" s="10"/>
    </row>
    <row r="920698" spans="14:14">
      <c r="N920698" s="10"/>
    </row>
    <row r="920699" spans="14:14">
      <c r="N920699" s="10"/>
    </row>
    <row r="920700" spans="14:14">
      <c r="N920700" s="10"/>
    </row>
    <row r="920701" spans="14:14">
      <c r="N920701" s="10"/>
    </row>
    <row r="920702" spans="14:14">
      <c r="N920702" s="10"/>
    </row>
    <row r="920703" spans="14:14">
      <c r="N920703" s="10"/>
    </row>
    <row r="920704" spans="14:14">
      <c r="N920704" s="10"/>
    </row>
    <row r="920705" spans="14:14">
      <c r="N920705" s="10"/>
    </row>
    <row r="920706" spans="14:14">
      <c r="N920706" s="10"/>
    </row>
    <row r="920707" spans="14:14">
      <c r="N920707" s="10"/>
    </row>
    <row r="920708" spans="14:14">
      <c r="N920708" s="10"/>
    </row>
    <row r="920709" spans="14:14">
      <c r="N920709" s="10"/>
    </row>
    <row r="920710" spans="14:14">
      <c r="N920710" s="10"/>
    </row>
    <row r="920711" spans="14:14">
      <c r="N920711" s="10"/>
    </row>
    <row r="920712" spans="14:14">
      <c r="N920712" s="10"/>
    </row>
    <row r="920713" spans="14:14">
      <c r="N920713" s="10"/>
    </row>
    <row r="920714" spans="14:14">
      <c r="N920714" s="10"/>
    </row>
    <row r="920715" spans="14:14">
      <c r="N920715" s="10"/>
    </row>
    <row r="920716" spans="14:14">
      <c r="N920716" s="10"/>
    </row>
    <row r="920717" spans="14:14">
      <c r="N920717" s="10"/>
    </row>
    <row r="920718" spans="14:14">
      <c r="N920718" s="10"/>
    </row>
    <row r="920719" spans="14:14">
      <c r="N920719" s="10"/>
    </row>
    <row r="920720" spans="14:14">
      <c r="N920720" s="10"/>
    </row>
    <row r="920721" spans="14:14">
      <c r="N920721" s="10"/>
    </row>
    <row r="920722" spans="14:14">
      <c r="N920722" s="10"/>
    </row>
    <row r="920723" spans="14:14">
      <c r="N920723" s="10"/>
    </row>
    <row r="920724" spans="14:14">
      <c r="N920724" s="10"/>
    </row>
    <row r="920725" spans="14:14">
      <c r="N920725" s="10"/>
    </row>
    <row r="920726" spans="14:14">
      <c r="N920726" s="10"/>
    </row>
    <row r="920727" spans="14:14">
      <c r="N920727" s="10"/>
    </row>
    <row r="920728" spans="14:14">
      <c r="N920728" s="10"/>
    </row>
    <row r="920729" spans="14:14">
      <c r="N920729" s="10"/>
    </row>
    <row r="920730" spans="14:14">
      <c r="N920730" s="10"/>
    </row>
    <row r="920731" spans="14:14">
      <c r="N920731" s="10"/>
    </row>
    <row r="920732" spans="14:14">
      <c r="N920732" s="10"/>
    </row>
    <row r="920733" spans="14:14">
      <c r="N920733" s="10"/>
    </row>
    <row r="920734" spans="14:14">
      <c r="N920734" s="10"/>
    </row>
    <row r="920735" spans="14:14">
      <c r="N920735" s="10"/>
    </row>
    <row r="920736" spans="14:14">
      <c r="N920736" s="10"/>
    </row>
    <row r="920737" spans="14:14">
      <c r="N920737" s="10"/>
    </row>
    <row r="920738" spans="14:14">
      <c r="N920738" s="10"/>
    </row>
    <row r="920739" spans="14:14">
      <c r="N920739" s="10"/>
    </row>
    <row r="920740" spans="14:14">
      <c r="N920740" s="10"/>
    </row>
    <row r="920741" spans="14:14">
      <c r="N920741" s="10"/>
    </row>
    <row r="920742" spans="14:14">
      <c r="N920742" s="10"/>
    </row>
    <row r="920743" spans="14:14">
      <c r="N920743" s="10"/>
    </row>
    <row r="920744" spans="14:14">
      <c r="N920744" s="10"/>
    </row>
    <row r="920745" spans="14:14">
      <c r="N920745" s="10"/>
    </row>
    <row r="920746" spans="14:14">
      <c r="N920746" s="10"/>
    </row>
    <row r="920747" spans="14:14">
      <c r="N920747" s="10"/>
    </row>
    <row r="920748" spans="14:14">
      <c r="N920748" s="10"/>
    </row>
    <row r="920749" spans="14:14">
      <c r="N920749" s="10"/>
    </row>
    <row r="920750" spans="14:14">
      <c r="N920750" s="10"/>
    </row>
    <row r="920751" spans="14:14">
      <c r="N920751" s="10"/>
    </row>
    <row r="920752" spans="14:14">
      <c r="N920752" s="10"/>
    </row>
    <row r="920753" spans="14:14">
      <c r="N920753" s="10"/>
    </row>
    <row r="920754" spans="14:14">
      <c r="N920754" s="10"/>
    </row>
    <row r="920755" spans="14:14">
      <c r="N920755" s="10"/>
    </row>
    <row r="920756" spans="14:14">
      <c r="N920756" s="10"/>
    </row>
    <row r="920757" spans="14:14">
      <c r="N920757" s="10"/>
    </row>
    <row r="920758" spans="14:14">
      <c r="N920758" s="10"/>
    </row>
    <row r="920759" spans="14:14">
      <c r="N920759" s="10"/>
    </row>
    <row r="920760" spans="14:14">
      <c r="N920760" s="10"/>
    </row>
    <row r="920761" spans="14:14">
      <c r="N920761" s="10"/>
    </row>
    <row r="920762" spans="14:14">
      <c r="N920762" s="10"/>
    </row>
    <row r="920763" spans="14:14">
      <c r="N920763" s="10"/>
    </row>
    <row r="920764" spans="14:14">
      <c r="N920764" s="10"/>
    </row>
    <row r="920765" spans="14:14">
      <c r="N920765" s="10"/>
    </row>
    <row r="920766" spans="14:14">
      <c r="N920766" s="10"/>
    </row>
    <row r="920767" spans="14:14">
      <c r="N920767" s="10"/>
    </row>
    <row r="920768" spans="14:14">
      <c r="N920768" s="10"/>
    </row>
    <row r="920769" spans="14:14">
      <c r="N920769" s="10"/>
    </row>
    <row r="920770" spans="14:14">
      <c r="N920770" s="10"/>
    </row>
    <row r="920771" spans="14:14">
      <c r="N920771" s="10"/>
    </row>
    <row r="920772" spans="14:14">
      <c r="N920772" s="10"/>
    </row>
    <row r="920773" spans="14:14">
      <c r="N920773" s="10"/>
    </row>
    <row r="920774" spans="14:14">
      <c r="N920774" s="10"/>
    </row>
    <row r="920775" spans="14:14">
      <c r="N920775" s="10"/>
    </row>
    <row r="920776" spans="14:14">
      <c r="N920776" s="10"/>
    </row>
    <row r="920777" spans="14:14">
      <c r="N920777" s="10"/>
    </row>
    <row r="920778" spans="14:14">
      <c r="N920778" s="10"/>
    </row>
    <row r="920779" spans="14:14">
      <c r="N920779" s="10"/>
    </row>
    <row r="920780" spans="14:14">
      <c r="N920780" s="10"/>
    </row>
    <row r="920781" spans="14:14">
      <c r="N920781" s="10"/>
    </row>
    <row r="920782" spans="14:14">
      <c r="N920782" s="10"/>
    </row>
    <row r="920783" spans="14:14">
      <c r="N920783" s="10"/>
    </row>
    <row r="920784" spans="14:14">
      <c r="N920784" s="10"/>
    </row>
    <row r="920785" spans="14:14">
      <c r="N920785" s="10"/>
    </row>
    <row r="920786" spans="14:14">
      <c r="N920786" s="10"/>
    </row>
    <row r="920787" spans="14:14">
      <c r="N920787" s="10"/>
    </row>
    <row r="920788" spans="14:14">
      <c r="N920788" s="10"/>
    </row>
    <row r="920789" spans="14:14">
      <c r="N920789" s="10"/>
    </row>
    <row r="920790" spans="14:14">
      <c r="N920790" s="10"/>
    </row>
    <row r="920791" spans="14:14">
      <c r="N920791" s="10"/>
    </row>
    <row r="920792" spans="14:14">
      <c r="N920792" s="10"/>
    </row>
    <row r="920793" spans="14:14">
      <c r="N920793" s="10"/>
    </row>
    <row r="920794" spans="14:14">
      <c r="N920794" s="10"/>
    </row>
    <row r="920795" spans="14:14">
      <c r="N920795" s="10"/>
    </row>
    <row r="920796" spans="14:14">
      <c r="N920796" s="10"/>
    </row>
    <row r="920797" spans="14:14">
      <c r="N920797" s="10"/>
    </row>
    <row r="920798" spans="14:14">
      <c r="N920798" s="10"/>
    </row>
    <row r="920799" spans="14:14">
      <c r="N920799" s="10"/>
    </row>
    <row r="920800" spans="14:14">
      <c r="N920800" s="10"/>
    </row>
    <row r="920801" spans="14:14">
      <c r="N920801" s="10"/>
    </row>
    <row r="920802" spans="14:14">
      <c r="N920802" s="10"/>
    </row>
    <row r="920803" spans="14:14">
      <c r="N920803" s="10"/>
    </row>
    <row r="920804" spans="14:14">
      <c r="N920804" s="10"/>
    </row>
    <row r="920805" spans="14:14">
      <c r="N920805" s="10"/>
    </row>
    <row r="920806" spans="14:14">
      <c r="N920806" s="10"/>
    </row>
    <row r="920807" spans="14:14">
      <c r="N920807" s="10"/>
    </row>
    <row r="920808" spans="14:14">
      <c r="N920808" s="10"/>
    </row>
    <row r="920809" spans="14:14">
      <c r="N920809" s="10"/>
    </row>
    <row r="920810" spans="14:14">
      <c r="N920810" s="10"/>
    </row>
    <row r="920811" spans="14:14">
      <c r="N920811" s="10"/>
    </row>
    <row r="920812" spans="14:14">
      <c r="N920812" s="10"/>
    </row>
    <row r="920813" spans="14:14">
      <c r="N920813" s="10"/>
    </row>
    <row r="920814" spans="14:14">
      <c r="N920814" s="10"/>
    </row>
    <row r="920815" spans="14:14">
      <c r="N920815" s="10"/>
    </row>
    <row r="920816" spans="14:14">
      <c r="N920816" s="10"/>
    </row>
    <row r="920817" spans="14:14">
      <c r="N920817" s="10"/>
    </row>
    <row r="920818" spans="14:14">
      <c r="N920818" s="10"/>
    </row>
    <row r="920819" spans="14:14">
      <c r="N920819" s="10"/>
    </row>
    <row r="920820" spans="14:14">
      <c r="N920820" s="10"/>
    </row>
    <row r="920821" spans="14:14">
      <c r="N920821" s="10"/>
    </row>
    <row r="920822" spans="14:14">
      <c r="N920822" s="10"/>
    </row>
    <row r="920823" spans="14:14">
      <c r="N920823" s="10"/>
    </row>
    <row r="920824" spans="14:14">
      <c r="N920824" s="10"/>
    </row>
    <row r="920825" spans="14:14">
      <c r="N920825" s="10"/>
    </row>
    <row r="920826" spans="14:14">
      <c r="N920826" s="10"/>
    </row>
    <row r="920827" spans="14:14">
      <c r="N920827" s="10"/>
    </row>
    <row r="920828" spans="14:14">
      <c r="N920828" s="10"/>
    </row>
    <row r="920829" spans="14:14">
      <c r="N920829" s="10"/>
    </row>
    <row r="920830" spans="14:14">
      <c r="N920830" s="10"/>
    </row>
    <row r="920831" spans="14:14">
      <c r="N920831" s="10"/>
    </row>
    <row r="920832" spans="14:14">
      <c r="N920832" s="10"/>
    </row>
    <row r="920833" spans="14:14">
      <c r="N920833" s="10"/>
    </row>
    <row r="920834" spans="14:14">
      <c r="N920834" s="10"/>
    </row>
    <row r="920835" spans="14:14">
      <c r="N920835" s="10"/>
    </row>
    <row r="920836" spans="14:14">
      <c r="N920836" s="10"/>
    </row>
    <row r="920837" spans="14:14">
      <c r="N920837" s="10"/>
    </row>
    <row r="920838" spans="14:14">
      <c r="N920838" s="10"/>
    </row>
    <row r="920839" spans="14:14">
      <c r="N920839" s="10"/>
    </row>
    <row r="920840" spans="14:14">
      <c r="N920840" s="10"/>
    </row>
    <row r="920841" spans="14:14">
      <c r="N920841" s="10"/>
    </row>
    <row r="920842" spans="14:14">
      <c r="N920842" s="10"/>
    </row>
    <row r="920843" spans="14:14">
      <c r="N920843" s="10"/>
    </row>
    <row r="920844" spans="14:14">
      <c r="N920844" s="10"/>
    </row>
    <row r="920845" spans="14:14">
      <c r="N920845" s="10"/>
    </row>
    <row r="920846" spans="14:14">
      <c r="N920846" s="10"/>
    </row>
    <row r="920847" spans="14:14">
      <c r="N920847" s="10"/>
    </row>
    <row r="920848" spans="14:14">
      <c r="N920848" s="10"/>
    </row>
    <row r="920849" spans="14:14">
      <c r="N920849" s="10"/>
    </row>
    <row r="920850" spans="14:14">
      <c r="N920850" s="10"/>
    </row>
    <row r="920851" spans="14:14">
      <c r="N920851" s="10"/>
    </row>
    <row r="920852" spans="14:14">
      <c r="N920852" s="10"/>
    </row>
    <row r="920853" spans="14:14">
      <c r="N920853" s="10"/>
    </row>
    <row r="920854" spans="14:14">
      <c r="N920854" s="10"/>
    </row>
    <row r="920855" spans="14:14">
      <c r="N920855" s="10"/>
    </row>
    <row r="920856" spans="14:14">
      <c r="N920856" s="10"/>
    </row>
    <row r="920857" spans="14:14">
      <c r="N920857" s="10"/>
    </row>
    <row r="920858" spans="14:14">
      <c r="N920858" s="10"/>
    </row>
    <row r="920859" spans="14:14">
      <c r="N920859" s="10"/>
    </row>
    <row r="920860" spans="14:14">
      <c r="N920860" s="10"/>
    </row>
    <row r="920861" spans="14:14">
      <c r="N920861" s="10"/>
    </row>
    <row r="920862" spans="14:14">
      <c r="N920862" s="10"/>
    </row>
    <row r="920863" spans="14:14">
      <c r="N920863" s="10"/>
    </row>
    <row r="920864" spans="14:14">
      <c r="N920864" s="10"/>
    </row>
    <row r="920865" spans="14:14">
      <c r="N920865" s="10"/>
    </row>
    <row r="920866" spans="14:14">
      <c r="N920866" s="10"/>
    </row>
    <row r="920867" spans="14:14">
      <c r="N920867" s="10"/>
    </row>
    <row r="920868" spans="14:14">
      <c r="N920868" s="10"/>
    </row>
    <row r="920869" spans="14:14">
      <c r="N920869" s="10"/>
    </row>
    <row r="920870" spans="14:14">
      <c r="N920870" s="10"/>
    </row>
    <row r="920871" spans="14:14">
      <c r="N920871" s="10"/>
    </row>
    <row r="920872" spans="14:14">
      <c r="N920872" s="10"/>
    </row>
    <row r="920873" spans="14:14">
      <c r="N920873" s="10"/>
    </row>
    <row r="920874" spans="14:14">
      <c r="N920874" s="10"/>
    </row>
    <row r="920875" spans="14:14">
      <c r="N920875" s="10"/>
    </row>
    <row r="920876" spans="14:14">
      <c r="N920876" s="10"/>
    </row>
    <row r="920877" spans="14:14">
      <c r="N920877" s="10"/>
    </row>
    <row r="920878" spans="14:14">
      <c r="N920878" s="10"/>
    </row>
    <row r="920879" spans="14:14">
      <c r="N920879" s="10"/>
    </row>
    <row r="920880" spans="14:14">
      <c r="N920880" s="10"/>
    </row>
    <row r="920881" spans="14:14">
      <c r="N920881" s="10"/>
    </row>
    <row r="920882" spans="14:14">
      <c r="N920882" s="10"/>
    </row>
    <row r="920883" spans="14:14">
      <c r="N920883" s="10"/>
    </row>
    <row r="920884" spans="14:14">
      <c r="N920884" s="10"/>
    </row>
    <row r="920885" spans="14:14">
      <c r="N920885" s="10"/>
    </row>
    <row r="920886" spans="14:14">
      <c r="N920886" s="10"/>
    </row>
    <row r="920887" spans="14:14">
      <c r="N920887" s="10"/>
    </row>
    <row r="920888" spans="14:14">
      <c r="N920888" s="10"/>
    </row>
    <row r="920889" spans="14:14">
      <c r="N920889" s="10"/>
    </row>
    <row r="920890" spans="14:14">
      <c r="N920890" s="10"/>
    </row>
    <row r="920891" spans="14:14">
      <c r="N920891" s="10"/>
    </row>
    <row r="920892" spans="14:14">
      <c r="N920892" s="10"/>
    </row>
    <row r="920893" spans="14:14">
      <c r="N920893" s="10"/>
    </row>
    <row r="920894" spans="14:14">
      <c r="N920894" s="10"/>
    </row>
    <row r="920895" spans="14:14">
      <c r="N920895" s="10"/>
    </row>
    <row r="920896" spans="14:14">
      <c r="N920896" s="10"/>
    </row>
    <row r="920897" spans="14:14">
      <c r="N920897" s="10"/>
    </row>
    <row r="920898" spans="14:14">
      <c r="N920898" s="10"/>
    </row>
    <row r="920899" spans="14:14">
      <c r="N920899" s="10"/>
    </row>
    <row r="920900" spans="14:14">
      <c r="N920900" s="10"/>
    </row>
    <row r="920901" spans="14:14">
      <c r="N920901" s="10"/>
    </row>
    <row r="920902" spans="14:14">
      <c r="N920902" s="10"/>
    </row>
    <row r="920903" spans="14:14">
      <c r="N920903" s="10"/>
    </row>
    <row r="920904" spans="14:14">
      <c r="N920904" s="10"/>
    </row>
    <row r="920905" spans="14:14">
      <c r="N920905" s="10"/>
    </row>
    <row r="920906" spans="14:14">
      <c r="N920906" s="10"/>
    </row>
    <row r="920907" spans="14:14">
      <c r="N920907" s="10"/>
    </row>
    <row r="920908" spans="14:14">
      <c r="N920908" s="10"/>
    </row>
    <row r="920909" spans="14:14">
      <c r="N920909" s="10"/>
    </row>
    <row r="920910" spans="14:14">
      <c r="N920910" s="10"/>
    </row>
    <row r="920911" spans="14:14">
      <c r="N920911" s="10"/>
    </row>
    <row r="920912" spans="14:14">
      <c r="N920912" s="10"/>
    </row>
    <row r="920913" spans="14:14">
      <c r="N920913" s="10"/>
    </row>
    <row r="920914" spans="14:14">
      <c r="N920914" s="10"/>
    </row>
    <row r="920915" spans="14:14">
      <c r="N920915" s="10"/>
    </row>
    <row r="920916" spans="14:14">
      <c r="N920916" s="10"/>
    </row>
    <row r="920917" spans="14:14">
      <c r="N920917" s="10"/>
    </row>
    <row r="920918" spans="14:14">
      <c r="N920918" s="10"/>
    </row>
    <row r="920919" spans="14:14">
      <c r="N920919" s="10"/>
    </row>
    <row r="920920" spans="14:14">
      <c r="N920920" s="10"/>
    </row>
    <row r="920921" spans="14:14">
      <c r="N920921" s="10"/>
    </row>
    <row r="920922" spans="14:14">
      <c r="N920922" s="10"/>
    </row>
    <row r="920923" spans="14:14">
      <c r="N920923" s="10"/>
    </row>
    <row r="920924" spans="14:14">
      <c r="N920924" s="10"/>
    </row>
    <row r="920925" spans="14:14">
      <c r="N920925" s="10"/>
    </row>
    <row r="920926" spans="14:14">
      <c r="N920926" s="10"/>
    </row>
    <row r="920927" spans="14:14">
      <c r="N920927" s="10"/>
    </row>
    <row r="920928" spans="14:14">
      <c r="N920928" s="10"/>
    </row>
    <row r="920929" spans="14:14">
      <c r="N920929" s="10"/>
    </row>
    <row r="920930" spans="14:14">
      <c r="N920930" s="10"/>
    </row>
    <row r="920931" spans="14:14">
      <c r="N920931" s="10"/>
    </row>
    <row r="920932" spans="14:14">
      <c r="N920932" s="10"/>
    </row>
    <row r="920933" spans="14:14">
      <c r="N920933" s="10"/>
    </row>
    <row r="920934" spans="14:14">
      <c r="N920934" s="10"/>
    </row>
    <row r="920935" spans="14:14">
      <c r="N920935" s="10"/>
    </row>
    <row r="920936" spans="14:14">
      <c r="N920936" s="10"/>
    </row>
    <row r="920937" spans="14:14">
      <c r="N920937" s="10"/>
    </row>
    <row r="920938" spans="14:14">
      <c r="N920938" s="10"/>
    </row>
    <row r="920939" spans="14:14">
      <c r="N920939" s="10"/>
    </row>
    <row r="920940" spans="14:14">
      <c r="N920940" s="10"/>
    </row>
    <row r="920941" spans="14:14">
      <c r="N920941" s="10"/>
    </row>
    <row r="920942" spans="14:14">
      <c r="N920942" s="10"/>
    </row>
    <row r="920943" spans="14:14">
      <c r="N920943" s="10"/>
    </row>
    <row r="920944" spans="14:14">
      <c r="N920944" s="10"/>
    </row>
    <row r="920945" spans="14:14">
      <c r="N920945" s="10"/>
    </row>
    <row r="920946" spans="14:14">
      <c r="N920946" s="10"/>
    </row>
    <row r="920947" spans="14:14">
      <c r="N920947" s="10"/>
    </row>
    <row r="920948" spans="14:14">
      <c r="N920948" s="10"/>
    </row>
    <row r="920949" spans="14:14">
      <c r="N920949" s="10"/>
    </row>
    <row r="920950" spans="14:14">
      <c r="N920950" s="10"/>
    </row>
    <row r="920951" spans="14:14">
      <c r="N920951" s="10"/>
    </row>
    <row r="920952" spans="14:14">
      <c r="N920952" s="10"/>
    </row>
    <row r="920953" spans="14:14">
      <c r="N920953" s="10"/>
    </row>
    <row r="920954" spans="14:14">
      <c r="N920954" s="10"/>
    </row>
    <row r="920955" spans="14:14">
      <c r="N920955" s="10"/>
    </row>
    <row r="920956" spans="14:14">
      <c r="N920956" s="10"/>
    </row>
    <row r="920957" spans="14:14">
      <c r="N920957" s="10"/>
    </row>
    <row r="920958" spans="14:14">
      <c r="N920958" s="10"/>
    </row>
    <row r="920959" spans="14:14">
      <c r="N920959" s="10"/>
    </row>
    <row r="920960" spans="14:14">
      <c r="N920960" s="10"/>
    </row>
    <row r="920961" spans="14:14">
      <c r="N920961" s="10"/>
    </row>
    <row r="920962" spans="14:14">
      <c r="N920962" s="10"/>
    </row>
    <row r="920963" spans="14:14">
      <c r="N920963" s="10"/>
    </row>
    <row r="920964" spans="14:14">
      <c r="N920964" s="10"/>
    </row>
    <row r="920965" spans="14:14">
      <c r="N920965" s="10"/>
    </row>
    <row r="920966" spans="14:14">
      <c r="N920966" s="10"/>
    </row>
    <row r="920967" spans="14:14">
      <c r="N920967" s="10"/>
    </row>
    <row r="920968" spans="14:14">
      <c r="N920968" s="10"/>
    </row>
    <row r="920969" spans="14:14">
      <c r="N920969" s="10"/>
    </row>
    <row r="920970" spans="14:14">
      <c r="N920970" s="10"/>
    </row>
    <row r="920971" spans="14:14">
      <c r="N920971" s="10"/>
    </row>
    <row r="920972" spans="14:14">
      <c r="N920972" s="10"/>
    </row>
    <row r="920973" spans="14:14">
      <c r="N920973" s="10"/>
    </row>
    <row r="920974" spans="14:14">
      <c r="N920974" s="10"/>
    </row>
    <row r="920975" spans="14:14">
      <c r="N920975" s="10"/>
    </row>
    <row r="920976" spans="14:14">
      <c r="N920976" s="10"/>
    </row>
    <row r="920977" spans="14:14">
      <c r="N920977" s="10"/>
    </row>
    <row r="920978" spans="14:14">
      <c r="N920978" s="10"/>
    </row>
    <row r="920979" spans="14:14">
      <c r="N920979" s="10"/>
    </row>
    <row r="920980" spans="14:14">
      <c r="N920980" s="10"/>
    </row>
    <row r="920981" spans="14:14">
      <c r="N920981" s="10"/>
    </row>
    <row r="920982" spans="14:14">
      <c r="N920982" s="10"/>
    </row>
    <row r="920983" spans="14:14">
      <c r="N920983" s="10"/>
    </row>
    <row r="920984" spans="14:14">
      <c r="N920984" s="10"/>
    </row>
    <row r="920985" spans="14:14">
      <c r="N920985" s="10"/>
    </row>
    <row r="920986" spans="14:14">
      <c r="N920986" s="10"/>
    </row>
    <row r="920987" spans="14:14">
      <c r="N920987" s="10"/>
    </row>
    <row r="920988" spans="14:14">
      <c r="N920988" s="10"/>
    </row>
    <row r="920989" spans="14:14">
      <c r="N920989" s="10"/>
    </row>
    <row r="920990" spans="14:14">
      <c r="N920990" s="10"/>
    </row>
    <row r="920991" spans="14:14">
      <c r="N920991" s="10"/>
    </row>
    <row r="920992" spans="14:14">
      <c r="N920992" s="10"/>
    </row>
    <row r="920993" spans="14:14">
      <c r="N920993" s="10"/>
    </row>
    <row r="920994" spans="14:14">
      <c r="N920994" s="10"/>
    </row>
    <row r="920995" spans="14:14">
      <c r="N920995" s="10"/>
    </row>
    <row r="920996" spans="14:14">
      <c r="N920996" s="10"/>
    </row>
    <row r="920997" spans="14:14">
      <c r="N920997" s="10"/>
    </row>
    <row r="920998" spans="14:14">
      <c r="N920998" s="10"/>
    </row>
    <row r="920999" spans="14:14">
      <c r="N920999" s="10"/>
    </row>
    <row r="921000" spans="14:14">
      <c r="N921000" s="10"/>
    </row>
    <row r="921001" spans="14:14">
      <c r="N921001" s="10"/>
    </row>
    <row r="921002" spans="14:14">
      <c r="N921002" s="10"/>
    </row>
    <row r="921003" spans="14:14">
      <c r="N921003" s="10"/>
    </row>
    <row r="921004" spans="14:14">
      <c r="N921004" s="10"/>
    </row>
    <row r="921005" spans="14:14">
      <c r="N921005" s="10"/>
    </row>
    <row r="921006" spans="14:14">
      <c r="N921006" s="10"/>
    </row>
    <row r="921007" spans="14:14">
      <c r="N921007" s="10"/>
    </row>
    <row r="921008" spans="14:14">
      <c r="N921008" s="10"/>
    </row>
    <row r="921009" spans="14:14">
      <c r="N921009" s="10"/>
    </row>
    <row r="921010" spans="14:14">
      <c r="N921010" s="10"/>
    </row>
    <row r="921011" spans="14:14">
      <c r="N921011" s="10"/>
    </row>
    <row r="921012" spans="14:14">
      <c r="N921012" s="10"/>
    </row>
    <row r="921013" spans="14:14">
      <c r="N921013" s="10"/>
    </row>
    <row r="921014" spans="14:14">
      <c r="N921014" s="10"/>
    </row>
    <row r="921015" spans="14:14">
      <c r="N921015" s="10"/>
    </row>
    <row r="921016" spans="14:14">
      <c r="N921016" s="10"/>
    </row>
    <row r="921017" spans="14:14">
      <c r="N921017" s="10"/>
    </row>
    <row r="921018" spans="14:14">
      <c r="N921018" s="10"/>
    </row>
    <row r="921019" spans="14:14">
      <c r="N921019" s="10"/>
    </row>
    <row r="921020" spans="14:14">
      <c r="N921020" s="10"/>
    </row>
    <row r="921021" spans="14:14">
      <c r="N921021" s="10"/>
    </row>
    <row r="921022" spans="14:14">
      <c r="N921022" s="10"/>
    </row>
    <row r="921023" spans="14:14">
      <c r="N921023" s="10"/>
    </row>
    <row r="921024" spans="14:14">
      <c r="N921024" s="10"/>
    </row>
    <row r="921025" spans="14:14">
      <c r="N921025" s="10"/>
    </row>
    <row r="921026" spans="14:14">
      <c r="N921026" s="10"/>
    </row>
    <row r="921027" spans="14:14">
      <c r="N921027" s="10"/>
    </row>
    <row r="921028" spans="14:14">
      <c r="N921028" s="10"/>
    </row>
    <row r="921029" spans="14:14">
      <c r="N921029" s="10"/>
    </row>
    <row r="921030" spans="14:14">
      <c r="N921030" s="10"/>
    </row>
    <row r="921031" spans="14:14">
      <c r="N921031" s="10"/>
    </row>
    <row r="921032" spans="14:14">
      <c r="N921032" s="10"/>
    </row>
    <row r="921033" spans="14:14">
      <c r="N921033" s="10"/>
    </row>
    <row r="921034" spans="14:14">
      <c r="N921034" s="10"/>
    </row>
    <row r="921035" spans="14:14">
      <c r="N921035" s="10"/>
    </row>
    <row r="921036" spans="14:14">
      <c r="N921036" s="10"/>
    </row>
    <row r="921037" spans="14:14">
      <c r="N921037" s="10"/>
    </row>
    <row r="921038" spans="14:14">
      <c r="N921038" s="10"/>
    </row>
    <row r="921039" spans="14:14">
      <c r="N921039" s="10"/>
    </row>
    <row r="921040" spans="14:14">
      <c r="N921040" s="10"/>
    </row>
    <row r="921041" spans="14:14">
      <c r="N921041" s="10"/>
    </row>
    <row r="921042" spans="14:14">
      <c r="N921042" s="10"/>
    </row>
    <row r="921043" spans="14:14">
      <c r="N921043" s="10"/>
    </row>
    <row r="921044" spans="14:14">
      <c r="N921044" s="10"/>
    </row>
    <row r="921045" spans="14:14">
      <c r="N921045" s="10"/>
    </row>
    <row r="921046" spans="14:14">
      <c r="N921046" s="10"/>
    </row>
    <row r="921047" spans="14:14">
      <c r="N921047" s="10"/>
    </row>
    <row r="921048" spans="14:14">
      <c r="N921048" s="10"/>
    </row>
    <row r="921049" spans="14:14">
      <c r="N921049" s="10"/>
    </row>
    <row r="921050" spans="14:14">
      <c r="N921050" s="10"/>
    </row>
    <row r="921051" spans="14:14">
      <c r="N921051" s="10"/>
    </row>
    <row r="921052" spans="14:14">
      <c r="N921052" s="10"/>
    </row>
    <row r="921053" spans="14:14">
      <c r="N921053" s="10"/>
    </row>
    <row r="921054" spans="14:14">
      <c r="N921054" s="10"/>
    </row>
    <row r="921055" spans="14:14">
      <c r="N921055" s="10"/>
    </row>
    <row r="921056" spans="14:14">
      <c r="N921056" s="10"/>
    </row>
    <row r="921057" spans="14:14">
      <c r="N921057" s="10"/>
    </row>
    <row r="921058" spans="14:14">
      <c r="N921058" s="10"/>
    </row>
    <row r="921059" spans="14:14">
      <c r="N921059" s="10"/>
    </row>
    <row r="921060" spans="14:14">
      <c r="N921060" s="10"/>
    </row>
    <row r="921061" spans="14:14">
      <c r="N921061" s="10"/>
    </row>
    <row r="921062" spans="14:14">
      <c r="N921062" s="10"/>
    </row>
    <row r="921063" spans="14:14">
      <c r="N921063" s="10"/>
    </row>
    <row r="921064" spans="14:14">
      <c r="N921064" s="10"/>
    </row>
    <row r="921065" spans="14:14">
      <c r="N921065" s="10"/>
    </row>
    <row r="921066" spans="14:14">
      <c r="N921066" s="10"/>
    </row>
    <row r="921067" spans="14:14">
      <c r="N921067" s="10"/>
    </row>
    <row r="921068" spans="14:14">
      <c r="N921068" s="10"/>
    </row>
    <row r="921069" spans="14:14">
      <c r="N921069" s="10"/>
    </row>
    <row r="921070" spans="14:14">
      <c r="N921070" s="10"/>
    </row>
    <row r="921071" spans="14:14">
      <c r="N921071" s="10"/>
    </row>
    <row r="921072" spans="14:14">
      <c r="N921072" s="10"/>
    </row>
    <row r="921073" spans="14:14">
      <c r="N921073" s="10"/>
    </row>
    <row r="921074" spans="14:14">
      <c r="N921074" s="10"/>
    </row>
    <row r="921075" spans="14:14">
      <c r="N921075" s="10"/>
    </row>
    <row r="921076" spans="14:14">
      <c r="N921076" s="10"/>
    </row>
    <row r="921077" spans="14:14">
      <c r="N921077" s="10"/>
    </row>
    <row r="921078" spans="14:14">
      <c r="N921078" s="10"/>
    </row>
    <row r="921079" spans="14:14">
      <c r="N921079" s="10"/>
    </row>
    <row r="921080" spans="14:14">
      <c r="N921080" s="10"/>
    </row>
    <row r="921081" spans="14:14">
      <c r="N921081" s="10"/>
    </row>
    <row r="921082" spans="14:14">
      <c r="N921082" s="10"/>
    </row>
    <row r="921083" spans="14:14">
      <c r="N921083" s="10"/>
    </row>
    <row r="921084" spans="14:14">
      <c r="N921084" s="10"/>
    </row>
    <row r="921085" spans="14:14">
      <c r="N921085" s="10"/>
    </row>
    <row r="921086" spans="14:14">
      <c r="N921086" s="10"/>
    </row>
    <row r="921087" spans="14:14">
      <c r="N921087" s="10"/>
    </row>
    <row r="921088" spans="14:14">
      <c r="N921088" s="10"/>
    </row>
    <row r="921089" spans="14:14">
      <c r="N921089" s="10"/>
    </row>
    <row r="921090" spans="14:14">
      <c r="N921090" s="10"/>
    </row>
    <row r="921091" spans="14:14">
      <c r="N921091" s="10"/>
    </row>
    <row r="921092" spans="14:14">
      <c r="N921092" s="10"/>
    </row>
    <row r="921093" spans="14:14">
      <c r="N921093" s="10"/>
    </row>
    <row r="921094" spans="14:14">
      <c r="N921094" s="10"/>
    </row>
    <row r="921095" spans="14:14">
      <c r="N921095" s="10"/>
    </row>
    <row r="921096" spans="14:14">
      <c r="N921096" s="10"/>
    </row>
    <row r="921097" spans="14:14">
      <c r="N921097" s="10"/>
    </row>
    <row r="921098" spans="14:14">
      <c r="N921098" s="10"/>
    </row>
    <row r="921099" spans="14:14">
      <c r="N921099" s="10"/>
    </row>
    <row r="921100" spans="14:14">
      <c r="N921100" s="10"/>
    </row>
    <row r="921101" spans="14:14">
      <c r="N921101" s="10"/>
    </row>
    <row r="921102" spans="14:14">
      <c r="N921102" s="10"/>
    </row>
    <row r="921103" spans="14:14">
      <c r="N921103" s="10"/>
    </row>
    <row r="921104" spans="14:14">
      <c r="N921104" s="10"/>
    </row>
    <row r="921105" spans="14:14">
      <c r="N921105" s="10"/>
    </row>
    <row r="921106" spans="14:14">
      <c r="N921106" s="10"/>
    </row>
    <row r="921107" spans="14:14">
      <c r="N921107" s="10"/>
    </row>
    <row r="921108" spans="14:14">
      <c r="N921108" s="10"/>
    </row>
    <row r="921109" spans="14:14">
      <c r="N921109" s="10"/>
    </row>
    <row r="921110" spans="14:14">
      <c r="N921110" s="10"/>
    </row>
    <row r="921111" spans="14:14">
      <c r="N921111" s="10"/>
    </row>
    <row r="921112" spans="14:14">
      <c r="N921112" s="10"/>
    </row>
    <row r="921113" spans="14:14">
      <c r="N921113" s="10"/>
    </row>
    <row r="921114" spans="14:14">
      <c r="N921114" s="10"/>
    </row>
    <row r="921115" spans="14:14">
      <c r="N921115" s="10"/>
    </row>
    <row r="921116" spans="14:14">
      <c r="N921116" s="10"/>
    </row>
    <row r="921117" spans="14:14">
      <c r="N921117" s="10"/>
    </row>
    <row r="921118" spans="14:14">
      <c r="N921118" s="10"/>
    </row>
    <row r="921119" spans="14:14">
      <c r="N921119" s="10"/>
    </row>
    <row r="921120" spans="14:14">
      <c r="N921120" s="10"/>
    </row>
    <row r="921121" spans="14:14">
      <c r="N921121" s="10"/>
    </row>
    <row r="921122" spans="14:14">
      <c r="N921122" s="10"/>
    </row>
    <row r="921123" spans="14:14">
      <c r="N921123" s="10"/>
    </row>
    <row r="921124" spans="14:14">
      <c r="N921124" s="10"/>
    </row>
    <row r="921125" spans="14:14">
      <c r="N921125" s="10"/>
    </row>
    <row r="921126" spans="14:14">
      <c r="N921126" s="10"/>
    </row>
    <row r="921127" spans="14:14">
      <c r="N921127" s="10"/>
    </row>
    <row r="921128" spans="14:14">
      <c r="N921128" s="10"/>
    </row>
    <row r="921129" spans="14:14">
      <c r="N921129" s="10"/>
    </row>
    <row r="921130" spans="14:14">
      <c r="N921130" s="10"/>
    </row>
    <row r="921131" spans="14:14">
      <c r="N921131" s="10"/>
    </row>
    <row r="921132" spans="14:14">
      <c r="N921132" s="10"/>
    </row>
    <row r="921133" spans="14:14">
      <c r="N921133" s="10"/>
    </row>
    <row r="921134" spans="14:14">
      <c r="N921134" s="10"/>
    </row>
    <row r="921135" spans="14:14">
      <c r="N921135" s="10"/>
    </row>
    <row r="921136" spans="14:14">
      <c r="N921136" s="10"/>
    </row>
    <row r="921137" spans="14:14">
      <c r="N921137" s="10"/>
    </row>
    <row r="921138" spans="14:14">
      <c r="N921138" s="10"/>
    </row>
    <row r="921139" spans="14:14">
      <c r="N921139" s="10"/>
    </row>
    <row r="921140" spans="14:14">
      <c r="N921140" s="10"/>
    </row>
    <row r="921141" spans="14:14">
      <c r="N921141" s="10"/>
    </row>
    <row r="921142" spans="14:14">
      <c r="N921142" s="10"/>
    </row>
    <row r="921143" spans="14:14">
      <c r="N921143" s="10"/>
    </row>
    <row r="921144" spans="14:14">
      <c r="N921144" s="10"/>
    </row>
    <row r="921145" spans="14:14">
      <c r="N921145" s="10"/>
    </row>
    <row r="921146" spans="14:14">
      <c r="N921146" s="10"/>
    </row>
    <row r="921147" spans="14:14">
      <c r="N921147" s="10"/>
    </row>
    <row r="921148" spans="14:14">
      <c r="N921148" s="10"/>
    </row>
    <row r="921149" spans="14:14">
      <c r="N921149" s="10"/>
    </row>
    <row r="921150" spans="14:14">
      <c r="N921150" s="10"/>
    </row>
    <row r="921151" spans="14:14">
      <c r="N921151" s="10"/>
    </row>
    <row r="921152" spans="14:14">
      <c r="N921152" s="10"/>
    </row>
    <row r="921153" spans="14:14">
      <c r="N921153" s="10"/>
    </row>
    <row r="921154" spans="14:14">
      <c r="N921154" s="10"/>
    </row>
    <row r="921155" spans="14:14">
      <c r="N921155" s="10"/>
    </row>
    <row r="921156" spans="14:14">
      <c r="N921156" s="10"/>
    </row>
    <row r="921157" spans="14:14">
      <c r="N921157" s="10"/>
    </row>
    <row r="921158" spans="14:14">
      <c r="N921158" s="10"/>
    </row>
    <row r="921159" spans="14:14">
      <c r="N921159" s="10"/>
    </row>
    <row r="921160" spans="14:14">
      <c r="N921160" s="10"/>
    </row>
    <row r="921161" spans="14:14">
      <c r="N921161" s="10"/>
    </row>
    <row r="921162" spans="14:14">
      <c r="N921162" s="10"/>
    </row>
    <row r="921163" spans="14:14">
      <c r="N921163" s="10"/>
    </row>
    <row r="921164" spans="14:14">
      <c r="N921164" s="10"/>
    </row>
    <row r="921165" spans="14:14">
      <c r="N921165" s="10"/>
    </row>
    <row r="921166" spans="14:14">
      <c r="N921166" s="10"/>
    </row>
    <row r="921167" spans="14:14">
      <c r="N921167" s="10"/>
    </row>
    <row r="921168" spans="14:14">
      <c r="N921168" s="10"/>
    </row>
    <row r="921169" spans="14:14">
      <c r="N921169" s="10"/>
    </row>
    <row r="921170" spans="14:14">
      <c r="N921170" s="10"/>
    </row>
    <row r="921171" spans="14:14">
      <c r="N921171" s="10"/>
    </row>
    <row r="921172" spans="14:14">
      <c r="N921172" s="10"/>
    </row>
    <row r="921173" spans="14:14">
      <c r="N921173" s="10"/>
    </row>
    <row r="921174" spans="14:14">
      <c r="N921174" s="10"/>
    </row>
    <row r="921175" spans="14:14">
      <c r="N921175" s="10"/>
    </row>
    <row r="921176" spans="14:14">
      <c r="N921176" s="10"/>
    </row>
    <row r="921177" spans="14:14">
      <c r="N921177" s="10"/>
    </row>
    <row r="921178" spans="14:14">
      <c r="N921178" s="10"/>
    </row>
    <row r="921179" spans="14:14">
      <c r="N921179" s="10"/>
    </row>
    <row r="921180" spans="14:14">
      <c r="N921180" s="10"/>
    </row>
    <row r="921181" spans="14:14">
      <c r="N921181" s="10"/>
    </row>
    <row r="921182" spans="14:14">
      <c r="N921182" s="10"/>
    </row>
    <row r="921183" spans="14:14">
      <c r="N921183" s="10"/>
    </row>
    <row r="921184" spans="14:14">
      <c r="N921184" s="10"/>
    </row>
    <row r="921185" spans="14:14">
      <c r="N921185" s="10"/>
    </row>
    <row r="921186" spans="14:14">
      <c r="N921186" s="10"/>
    </row>
    <row r="921187" spans="14:14">
      <c r="N921187" s="10"/>
    </row>
    <row r="921188" spans="14:14">
      <c r="N921188" s="10"/>
    </row>
    <row r="921189" spans="14:14">
      <c r="N921189" s="10"/>
    </row>
    <row r="921190" spans="14:14">
      <c r="N921190" s="10"/>
    </row>
    <row r="921191" spans="14:14">
      <c r="N921191" s="10"/>
    </row>
    <row r="921192" spans="14:14">
      <c r="N921192" s="10"/>
    </row>
    <row r="921193" spans="14:14">
      <c r="N921193" s="10"/>
    </row>
    <row r="921194" spans="14:14">
      <c r="N921194" s="10"/>
    </row>
    <row r="921195" spans="14:14">
      <c r="N921195" s="10"/>
    </row>
    <row r="921196" spans="14:14">
      <c r="N921196" s="10"/>
    </row>
    <row r="921197" spans="14:14">
      <c r="N921197" s="10"/>
    </row>
    <row r="921198" spans="14:14">
      <c r="N921198" s="10"/>
    </row>
    <row r="921199" spans="14:14">
      <c r="N921199" s="10"/>
    </row>
    <row r="921200" spans="14:14">
      <c r="N921200" s="10"/>
    </row>
    <row r="921201" spans="14:14">
      <c r="N921201" s="10"/>
    </row>
    <row r="921202" spans="14:14">
      <c r="N921202" s="10"/>
    </row>
    <row r="921203" spans="14:14">
      <c r="N921203" s="10"/>
    </row>
    <row r="921204" spans="14:14">
      <c r="N921204" s="10"/>
    </row>
    <row r="921205" spans="14:14">
      <c r="N921205" s="10"/>
    </row>
    <row r="921206" spans="14:14">
      <c r="N921206" s="10"/>
    </row>
    <row r="921207" spans="14:14">
      <c r="N921207" s="10"/>
    </row>
    <row r="921208" spans="14:14">
      <c r="N921208" s="10"/>
    </row>
    <row r="921209" spans="14:14">
      <c r="N921209" s="10"/>
    </row>
    <row r="921210" spans="14:14">
      <c r="N921210" s="10"/>
    </row>
    <row r="921211" spans="14:14">
      <c r="N921211" s="10"/>
    </row>
    <row r="921212" spans="14:14">
      <c r="N921212" s="10"/>
    </row>
    <row r="921213" spans="14:14">
      <c r="N921213" s="10"/>
    </row>
    <row r="921214" spans="14:14">
      <c r="N921214" s="10"/>
    </row>
    <row r="921215" spans="14:14">
      <c r="N921215" s="10"/>
    </row>
    <row r="921216" spans="14:14">
      <c r="N921216" s="10"/>
    </row>
    <row r="921217" spans="14:14">
      <c r="N921217" s="10"/>
    </row>
    <row r="921218" spans="14:14">
      <c r="N921218" s="10"/>
    </row>
    <row r="921219" spans="14:14">
      <c r="N921219" s="10"/>
    </row>
    <row r="921220" spans="14:14">
      <c r="N921220" s="10"/>
    </row>
    <row r="921221" spans="14:14">
      <c r="N921221" s="10"/>
    </row>
    <row r="921222" spans="14:14">
      <c r="N921222" s="10"/>
    </row>
    <row r="921223" spans="14:14">
      <c r="N921223" s="10"/>
    </row>
    <row r="921224" spans="14:14">
      <c r="N921224" s="10"/>
    </row>
    <row r="921225" spans="14:14">
      <c r="N921225" s="10"/>
    </row>
    <row r="921226" spans="14:14">
      <c r="N921226" s="10"/>
    </row>
    <row r="921227" spans="14:14">
      <c r="N921227" s="10"/>
    </row>
    <row r="921228" spans="14:14">
      <c r="N921228" s="10"/>
    </row>
    <row r="921229" spans="14:14">
      <c r="N921229" s="10"/>
    </row>
    <row r="921230" spans="14:14">
      <c r="N921230" s="10"/>
    </row>
    <row r="921231" spans="14:14">
      <c r="N921231" s="10"/>
    </row>
    <row r="921232" spans="14:14">
      <c r="N921232" s="10"/>
    </row>
    <row r="921233" spans="14:14">
      <c r="N921233" s="10"/>
    </row>
    <row r="921234" spans="14:14">
      <c r="N921234" s="10"/>
    </row>
    <row r="921235" spans="14:14">
      <c r="N921235" s="10"/>
    </row>
    <row r="921236" spans="14:14">
      <c r="N921236" s="10"/>
    </row>
    <row r="921237" spans="14:14">
      <c r="N921237" s="10"/>
    </row>
    <row r="921238" spans="14:14">
      <c r="N921238" s="10"/>
    </row>
    <row r="921239" spans="14:14">
      <c r="N921239" s="10"/>
    </row>
    <row r="921240" spans="14:14">
      <c r="N921240" s="10"/>
    </row>
    <row r="921241" spans="14:14">
      <c r="N921241" s="10"/>
    </row>
    <row r="921242" spans="14:14">
      <c r="N921242" s="10"/>
    </row>
    <row r="921243" spans="14:14">
      <c r="N921243" s="10"/>
    </row>
    <row r="921244" spans="14:14">
      <c r="N921244" s="10"/>
    </row>
    <row r="921245" spans="14:14">
      <c r="N921245" s="10"/>
    </row>
    <row r="921246" spans="14:14">
      <c r="N921246" s="10"/>
    </row>
    <row r="921247" spans="14:14">
      <c r="N921247" s="10"/>
    </row>
    <row r="921248" spans="14:14">
      <c r="N921248" s="10"/>
    </row>
    <row r="921249" spans="14:14">
      <c r="N921249" s="10"/>
    </row>
    <row r="921250" spans="14:14">
      <c r="N921250" s="10"/>
    </row>
    <row r="921251" spans="14:14">
      <c r="N921251" s="10"/>
    </row>
    <row r="921252" spans="14:14">
      <c r="N921252" s="10"/>
    </row>
    <row r="921253" spans="14:14">
      <c r="N921253" s="10"/>
    </row>
    <row r="921254" spans="14:14">
      <c r="N921254" s="10"/>
    </row>
    <row r="921255" spans="14:14">
      <c r="N921255" s="10"/>
    </row>
    <row r="921256" spans="14:14">
      <c r="N921256" s="10"/>
    </row>
    <row r="921257" spans="14:14">
      <c r="N921257" s="10"/>
    </row>
    <row r="921258" spans="14:14">
      <c r="N921258" s="10"/>
    </row>
    <row r="921259" spans="14:14">
      <c r="N921259" s="10"/>
    </row>
    <row r="921260" spans="14:14">
      <c r="N921260" s="10"/>
    </row>
    <row r="921261" spans="14:14">
      <c r="N921261" s="10"/>
    </row>
    <row r="921262" spans="14:14">
      <c r="N921262" s="10"/>
    </row>
    <row r="921263" spans="14:14">
      <c r="N921263" s="10"/>
    </row>
    <row r="921264" spans="14:14">
      <c r="N921264" s="10"/>
    </row>
    <row r="921265" spans="14:14">
      <c r="N921265" s="10"/>
    </row>
    <row r="921266" spans="14:14">
      <c r="N921266" s="10"/>
    </row>
    <row r="921267" spans="14:14">
      <c r="N921267" s="10"/>
    </row>
    <row r="921268" spans="14:14">
      <c r="N921268" s="10"/>
    </row>
    <row r="921269" spans="14:14">
      <c r="N921269" s="10"/>
    </row>
    <row r="921270" spans="14:14">
      <c r="N921270" s="10"/>
    </row>
    <row r="921271" spans="14:14">
      <c r="N921271" s="10"/>
    </row>
    <row r="921272" spans="14:14">
      <c r="N921272" s="10"/>
    </row>
    <row r="921273" spans="14:14">
      <c r="N921273" s="10"/>
    </row>
    <row r="921274" spans="14:14">
      <c r="N921274" s="10"/>
    </row>
    <row r="921275" spans="14:14">
      <c r="N921275" s="10"/>
    </row>
    <row r="921276" spans="14:14">
      <c r="N921276" s="10"/>
    </row>
    <row r="921277" spans="14:14">
      <c r="N921277" s="10"/>
    </row>
    <row r="921278" spans="14:14">
      <c r="N921278" s="10"/>
    </row>
    <row r="921279" spans="14:14">
      <c r="N921279" s="10"/>
    </row>
    <row r="921280" spans="14:14">
      <c r="N921280" s="10"/>
    </row>
    <row r="921281" spans="14:14">
      <c r="N921281" s="10"/>
    </row>
    <row r="921282" spans="14:14">
      <c r="N921282" s="10"/>
    </row>
    <row r="921283" spans="14:14">
      <c r="N921283" s="10"/>
    </row>
    <row r="921284" spans="14:14">
      <c r="N921284" s="10"/>
    </row>
    <row r="921285" spans="14:14">
      <c r="N921285" s="10"/>
    </row>
    <row r="921286" spans="14:14">
      <c r="N921286" s="10"/>
    </row>
    <row r="921287" spans="14:14">
      <c r="N921287" s="10"/>
    </row>
    <row r="921288" spans="14:14">
      <c r="N921288" s="10"/>
    </row>
    <row r="921289" spans="14:14">
      <c r="N921289" s="10"/>
    </row>
    <row r="921290" spans="14:14">
      <c r="N921290" s="10"/>
    </row>
    <row r="921291" spans="14:14">
      <c r="N921291" s="10"/>
    </row>
    <row r="921292" spans="14:14">
      <c r="N921292" s="10"/>
    </row>
    <row r="921293" spans="14:14">
      <c r="N921293" s="10"/>
    </row>
    <row r="921294" spans="14:14">
      <c r="N921294" s="10"/>
    </row>
    <row r="921295" spans="14:14">
      <c r="N921295" s="10"/>
    </row>
    <row r="921296" spans="14:14">
      <c r="N921296" s="10"/>
    </row>
    <row r="921297" spans="14:14">
      <c r="N921297" s="10"/>
    </row>
    <row r="921298" spans="14:14">
      <c r="N921298" s="10"/>
    </row>
    <row r="921299" spans="14:14">
      <c r="N921299" s="10"/>
    </row>
    <row r="921300" spans="14:14">
      <c r="N921300" s="10"/>
    </row>
    <row r="921301" spans="14:14">
      <c r="N921301" s="10"/>
    </row>
    <row r="921302" spans="14:14">
      <c r="N921302" s="10"/>
    </row>
    <row r="921303" spans="14:14">
      <c r="N921303" s="10"/>
    </row>
    <row r="921304" spans="14:14">
      <c r="N921304" s="10"/>
    </row>
    <row r="921305" spans="14:14">
      <c r="N921305" s="10"/>
    </row>
    <row r="921306" spans="14:14">
      <c r="N921306" s="10"/>
    </row>
    <row r="921307" spans="14:14">
      <c r="N921307" s="10"/>
    </row>
    <row r="921308" spans="14:14">
      <c r="N921308" s="10"/>
    </row>
    <row r="921309" spans="14:14">
      <c r="N921309" s="10"/>
    </row>
    <row r="921310" spans="14:14">
      <c r="N921310" s="10"/>
    </row>
    <row r="921311" spans="14:14">
      <c r="N921311" s="10"/>
    </row>
    <row r="921312" spans="14:14">
      <c r="N921312" s="10"/>
    </row>
    <row r="921313" spans="14:14">
      <c r="N921313" s="10"/>
    </row>
    <row r="921314" spans="14:14">
      <c r="N921314" s="10"/>
    </row>
    <row r="921315" spans="14:14">
      <c r="N921315" s="10"/>
    </row>
    <row r="921316" spans="14:14">
      <c r="N921316" s="10"/>
    </row>
    <row r="921317" spans="14:14">
      <c r="N921317" s="10"/>
    </row>
    <row r="921318" spans="14:14">
      <c r="N921318" s="10"/>
    </row>
    <row r="921319" spans="14:14">
      <c r="N921319" s="10"/>
    </row>
    <row r="921320" spans="14:14">
      <c r="N921320" s="10"/>
    </row>
    <row r="921321" spans="14:14">
      <c r="N921321" s="10"/>
    </row>
    <row r="921322" spans="14:14">
      <c r="N921322" s="10"/>
    </row>
    <row r="921323" spans="14:14">
      <c r="N921323" s="10"/>
    </row>
    <row r="921324" spans="14:14">
      <c r="N921324" s="10"/>
    </row>
    <row r="921325" spans="14:14">
      <c r="N921325" s="10"/>
    </row>
    <row r="921326" spans="14:14">
      <c r="N921326" s="10"/>
    </row>
    <row r="921327" spans="14:14">
      <c r="N921327" s="10"/>
    </row>
    <row r="921328" spans="14:14">
      <c r="N921328" s="10"/>
    </row>
    <row r="921329" spans="14:14">
      <c r="N921329" s="10"/>
    </row>
    <row r="921330" spans="14:14">
      <c r="N921330" s="10"/>
    </row>
    <row r="921331" spans="14:14">
      <c r="N921331" s="10"/>
    </row>
    <row r="921332" spans="14:14">
      <c r="N921332" s="10"/>
    </row>
    <row r="921333" spans="14:14">
      <c r="N921333" s="10"/>
    </row>
    <row r="921334" spans="14:14">
      <c r="N921334" s="10"/>
    </row>
    <row r="921335" spans="14:14">
      <c r="N921335" s="10"/>
    </row>
    <row r="921336" spans="14:14">
      <c r="N921336" s="10"/>
    </row>
    <row r="921337" spans="14:14">
      <c r="N921337" s="10"/>
    </row>
    <row r="921338" spans="14:14">
      <c r="N921338" s="10"/>
    </row>
    <row r="921339" spans="14:14">
      <c r="N921339" s="10"/>
    </row>
    <row r="921340" spans="14:14">
      <c r="N921340" s="10"/>
    </row>
    <row r="921341" spans="14:14">
      <c r="N921341" s="10"/>
    </row>
    <row r="921342" spans="14:14">
      <c r="N921342" s="10"/>
    </row>
    <row r="921343" spans="14:14">
      <c r="N921343" s="10"/>
    </row>
    <row r="921344" spans="14:14">
      <c r="N921344" s="10"/>
    </row>
    <row r="921345" spans="14:14">
      <c r="N921345" s="10"/>
    </row>
    <row r="921346" spans="14:14">
      <c r="N921346" s="10"/>
    </row>
    <row r="921347" spans="14:14">
      <c r="N921347" s="10"/>
    </row>
    <row r="921348" spans="14:14">
      <c r="N921348" s="10"/>
    </row>
    <row r="921349" spans="14:14">
      <c r="N921349" s="10"/>
    </row>
    <row r="921350" spans="14:14">
      <c r="N921350" s="10"/>
    </row>
    <row r="921351" spans="14:14">
      <c r="N921351" s="10"/>
    </row>
    <row r="921352" spans="14:14">
      <c r="N921352" s="10"/>
    </row>
    <row r="921353" spans="14:14">
      <c r="N921353" s="10"/>
    </row>
    <row r="921354" spans="14:14">
      <c r="N921354" s="10"/>
    </row>
    <row r="921355" spans="14:14">
      <c r="N921355" s="10"/>
    </row>
    <row r="921356" spans="14:14">
      <c r="N921356" s="10"/>
    </row>
    <row r="921357" spans="14:14">
      <c r="N921357" s="10"/>
    </row>
    <row r="921358" spans="14:14">
      <c r="N921358" s="10"/>
    </row>
    <row r="921359" spans="14:14">
      <c r="N921359" s="10"/>
    </row>
    <row r="921360" spans="14:14">
      <c r="N921360" s="10"/>
    </row>
    <row r="921361" spans="14:14">
      <c r="N921361" s="10"/>
    </row>
    <row r="921362" spans="14:14">
      <c r="N921362" s="10"/>
    </row>
    <row r="921363" spans="14:14">
      <c r="N921363" s="10"/>
    </row>
    <row r="921364" spans="14:14">
      <c r="N921364" s="10"/>
    </row>
    <row r="921365" spans="14:14">
      <c r="N921365" s="10"/>
    </row>
    <row r="921366" spans="14:14">
      <c r="N921366" s="10"/>
    </row>
    <row r="921367" spans="14:14">
      <c r="N921367" s="10"/>
    </row>
    <row r="921368" spans="14:14">
      <c r="N921368" s="10"/>
    </row>
    <row r="921369" spans="14:14">
      <c r="N921369" s="10"/>
    </row>
    <row r="921370" spans="14:14">
      <c r="N921370" s="10"/>
    </row>
    <row r="921371" spans="14:14">
      <c r="N921371" s="10"/>
    </row>
    <row r="921372" spans="14:14">
      <c r="N921372" s="10"/>
    </row>
    <row r="921373" spans="14:14">
      <c r="N921373" s="10"/>
    </row>
    <row r="921374" spans="14:14">
      <c r="N921374" s="10"/>
    </row>
    <row r="921375" spans="14:14">
      <c r="N921375" s="10"/>
    </row>
    <row r="921376" spans="14:14">
      <c r="N921376" s="10"/>
    </row>
    <row r="921377" spans="14:14">
      <c r="N921377" s="10"/>
    </row>
    <row r="921378" spans="14:14">
      <c r="N921378" s="10"/>
    </row>
    <row r="921379" spans="14:14">
      <c r="N921379" s="10"/>
    </row>
    <row r="921380" spans="14:14">
      <c r="N921380" s="10"/>
    </row>
    <row r="921381" spans="14:14">
      <c r="N921381" s="10"/>
    </row>
    <row r="921382" spans="14:14">
      <c r="N921382" s="10"/>
    </row>
    <row r="921383" spans="14:14">
      <c r="N921383" s="10"/>
    </row>
    <row r="921384" spans="14:14">
      <c r="N921384" s="10"/>
    </row>
    <row r="921385" spans="14:14">
      <c r="N921385" s="10"/>
    </row>
    <row r="921386" spans="14:14">
      <c r="N921386" s="10"/>
    </row>
    <row r="921387" spans="14:14">
      <c r="N921387" s="10"/>
    </row>
    <row r="921388" spans="14:14">
      <c r="N921388" s="10"/>
    </row>
    <row r="921389" spans="14:14">
      <c r="N921389" s="10"/>
    </row>
    <row r="921390" spans="14:14">
      <c r="N921390" s="10"/>
    </row>
    <row r="921391" spans="14:14">
      <c r="N921391" s="10"/>
    </row>
    <row r="921392" spans="14:14">
      <c r="N921392" s="10"/>
    </row>
    <row r="921393" spans="14:14">
      <c r="N921393" s="10"/>
    </row>
    <row r="921394" spans="14:14">
      <c r="N921394" s="10"/>
    </row>
    <row r="921395" spans="14:14">
      <c r="N921395" s="10"/>
    </row>
    <row r="921396" spans="14:14">
      <c r="N921396" s="10"/>
    </row>
    <row r="921397" spans="14:14">
      <c r="N921397" s="10"/>
    </row>
    <row r="921398" spans="14:14">
      <c r="N921398" s="10"/>
    </row>
    <row r="921399" spans="14:14">
      <c r="N921399" s="10"/>
    </row>
    <row r="921400" spans="14:14">
      <c r="N921400" s="10"/>
    </row>
    <row r="921401" spans="14:14">
      <c r="N921401" s="10"/>
    </row>
    <row r="921402" spans="14:14">
      <c r="N921402" s="10"/>
    </row>
    <row r="921403" spans="14:14">
      <c r="N921403" s="10"/>
    </row>
    <row r="921404" spans="14:14">
      <c r="N921404" s="10"/>
    </row>
    <row r="921405" spans="14:14">
      <c r="N921405" s="10"/>
    </row>
    <row r="921406" spans="14:14">
      <c r="N921406" s="10"/>
    </row>
    <row r="921407" spans="14:14">
      <c r="N921407" s="10"/>
    </row>
    <row r="921408" spans="14:14">
      <c r="N921408" s="10"/>
    </row>
    <row r="921409" spans="14:14">
      <c r="N921409" s="10"/>
    </row>
    <row r="921410" spans="14:14">
      <c r="N921410" s="10"/>
    </row>
    <row r="921411" spans="14:14">
      <c r="N921411" s="10"/>
    </row>
    <row r="921412" spans="14:14">
      <c r="N921412" s="10"/>
    </row>
    <row r="921413" spans="14:14">
      <c r="N921413" s="10"/>
    </row>
    <row r="921414" spans="14:14">
      <c r="N921414" s="10"/>
    </row>
    <row r="921415" spans="14:14">
      <c r="N921415" s="10"/>
    </row>
    <row r="921416" spans="14:14">
      <c r="N921416" s="10"/>
    </row>
    <row r="921417" spans="14:14">
      <c r="N921417" s="10"/>
    </row>
    <row r="921418" spans="14:14">
      <c r="N921418" s="10"/>
    </row>
    <row r="921419" spans="14:14">
      <c r="N921419" s="10"/>
    </row>
    <row r="921420" spans="14:14">
      <c r="N921420" s="10"/>
    </row>
    <row r="921421" spans="14:14">
      <c r="N921421" s="10"/>
    </row>
    <row r="921422" spans="14:14">
      <c r="N921422" s="10"/>
    </row>
    <row r="921423" spans="14:14">
      <c r="N921423" s="10"/>
    </row>
    <row r="921424" spans="14:14">
      <c r="N921424" s="10"/>
    </row>
    <row r="921425" spans="14:14">
      <c r="N921425" s="10"/>
    </row>
    <row r="921426" spans="14:14">
      <c r="N921426" s="10"/>
    </row>
    <row r="921427" spans="14:14">
      <c r="N921427" s="10"/>
    </row>
    <row r="921428" spans="14:14">
      <c r="N921428" s="10"/>
    </row>
    <row r="921429" spans="14:14">
      <c r="N921429" s="10"/>
    </row>
    <row r="921430" spans="14:14">
      <c r="N921430" s="10"/>
    </row>
    <row r="921431" spans="14:14">
      <c r="N921431" s="10"/>
    </row>
    <row r="921432" spans="14:14">
      <c r="N921432" s="10"/>
    </row>
    <row r="921433" spans="14:14">
      <c r="N921433" s="10"/>
    </row>
    <row r="921434" spans="14:14">
      <c r="N921434" s="10"/>
    </row>
    <row r="921435" spans="14:14">
      <c r="N921435" s="10"/>
    </row>
    <row r="921436" spans="14:14">
      <c r="N921436" s="10"/>
    </row>
    <row r="921437" spans="14:14">
      <c r="N921437" s="10"/>
    </row>
    <row r="921438" spans="14:14">
      <c r="N921438" s="10"/>
    </row>
    <row r="921439" spans="14:14">
      <c r="N921439" s="10"/>
    </row>
    <row r="921440" spans="14:14">
      <c r="N921440" s="10"/>
    </row>
    <row r="921441" spans="14:14">
      <c r="N921441" s="10"/>
    </row>
    <row r="921442" spans="14:14">
      <c r="N921442" s="10"/>
    </row>
    <row r="921443" spans="14:14">
      <c r="N921443" s="10"/>
    </row>
    <row r="921444" spans="14:14">
      <c r="N921444" s="10"/>
    </row>
    <row r="921445" spans="14:14">
      <c r="N921445" s="10"/>
    </row>
    <row r="921446" spans="14:14">
      <c r="N921446" s="10"/>
    </row>
    <row r="921447" spans="14:14">
      <c r="N921447" s="10"/>
    </row>
    <row r="921448" spans="14:14">
      <c r="N921448" s="10"/>
    </row>
    <row r="921449" spans="14:14">
      <c r="N921449" s="10"/>
    </row>
    <row r="921450" spans="14:14">
      <c r="N921450" s="10"/>
    </row>
    <row r="921451" spans="14:14">
      <c r="N921451" s="10"/>
    </row>
    <row r="921452" spans="14:14">
      <c r="N921452" s="10"/>
    </row>
    <row r="921453" spans="14:14">
      <c r="N921453" s="10"/>
    </row>
    <row r="921454" spans="14:14">
      <c r="N921454" s="10"/>
    </row>
    <row r="921455" spans="14:14">
      <c r="N921455" s="10"/>
    </row>
    <row r="921456" spans="14:14">
      <c r="N921456" s="10"/>
    </row>
    <row r="921457" spans="14:14">
      <c r="N921457" s="10"/>
    </row>
    <row r="921458" spans="14:14">
      <c r="N921458" s="10"/>
    </row>
    <row r="921459" spans="14:14">
      <c r="N921459" s="10"/>
    </row>
    <row r="921460" spans="14:14">
      <c r="N921460" s="10"/>
    </row>
    <row r="921461" spans="14:14">
      <c r="N921461" s="10"/>
    </row>
    <row r="921462" spans="14:14">
      <c r="N921462" s="10"/>
    </row>
    <row r="921463" spans="14:14">
      <c r="N921463" s="10"/>
    </row>
    <row r="921464" spans="14:14">
      <c r="N921464" s="10"/>
    </row>
    <row r="921465" spans="14:14">
      <c r="N921465" s="10"/>
    </row>
    <row r="921466" spans="14:14">
      <c r="N921466" s="10"/>
    </row>
    <row r="921467" spans="14:14">
      <c r="N921467" s="10"/>
    </row>
    <row r="921468" spans="14:14">
      <c r="N921468" s="10"/>
    </row>
    <row r="921469" spans="14:14">
      <c r="N921469" s="10"/>
    </row>
    <row r="921470" spans="14:14">
      <c r="N921470" s="10"/>
    </row>
    <row r="921471" spans="14:14">
      <c r="N921471" s="10"/>
    </row>
    <row r="921472" spans="14:14">
      <c r="N921472" s="10"/>
    </row>
    <row r="921473" spans="14:14">
      <c r="N921473" s="10"/>
    </row>
    <row r="921474" spans="14:14">
      <c r="N921474" s="10"/>
    </row>
    <row r="921475" spans="14:14">
      <c r="N921475" s="10"/>
    </row>
    <row r="921476" spans="14:14">
      <c r="N921476" s="10"/>
    </row>
    <row r="921477" spans="14:14">
      <c r="N921477" s="10"/>
    </row>
    <row r="921478" spans="14:14">
      <c r="N921478" s="10"/>
    </row>
    <row r="921479" spans="14:14">
      <c r="N921479" s="10"/>
    </row>
    <row r="921480" spans="14:14">
      <c r="N921480" s="10"/>
    </row>
    <row r="921481" spans="14:14">
      <c r="N921481" s="10"/>
    </row>
    <row r="921482" spans="14:14">
      <c r="N921482" s="10"/>
    </row>
    <row r="921483" spans="14:14">
      <c r="N921483" s="10"/>
    </row>
    <row r="921484" spans="14:14">
      <c r="N921484" s="10"/>
    </row>
    <row r="921485" spans="14:14">
      <c r="N921485" s="10"/>
    </row>
    <row r="921486" spans="14:14">
      <c r="N921486" s="10"/>
    </row>
    <row r="921487" spans="14:14">
      <c r="N921487" s="10"/>
    </row>
    <row r="921488" spans="14:14">
      <c r="N921488" s="10"/>
    </row>
    <row r="921489" spans="14:14">
      <c r="N921489" s="10"/>
    </row>
    <row r="921490" spans="14:14">
      <c r="N921490" s="10"/>
    </row>
    <row r="921491" spans="14:14">
      <c r="N921491" s="10"/>
    </row>
    <row r="921492" spans="14:14">
      <c r="N921492" s="10"/>
    </row>
    <row r="921493" spans="14:14">
      <c r="N921493" s="10"/>
    </row>
    <row r="921494" spans="14:14">
      <c r="N921494" s="10"/>
    </row>
    <row r="921495" spans="14:14">
      <c r="N921495" s="10"/>
    </row>
    <row r="921496" spans="14:14">
      <c r="N921496" s="10"/>
    </row>
    <row r="921497" spans="14:14">
      <c r="N921497" s="10"/>
    </row>
    <row r="921498" spans="14:14">
      <c r="N921498" s="10"/>
    </row>
    <row r="921499" spans="14:14">
      <c r="N921499" s="10"/>
    </row>
    <row r="921500" spans="14:14">
      <c r="N921500" s="10"/>
    </row>
    <row r="921501" spans="14:14">
      <c r="N921501" s="10"/>
    </row>
    <row r="921502" spans="14:14">
      <c r="N921502" s="10"/>
    </row>
    <row r="921503" spans="14:14">
      <c r="N921503" s="10"/>
    </row>
    <row r="921504" spans="14:14">
      <c r="N921504" s="10"/>
    </row>
    <row r="921505" spans="14:14">
      <c r="N921505" s="10"/>
    </row>
    <row r="921506" spans="14:14">
      <c r="N921506" s="10"/>
    </row>
    <row r="921507" spans="14:14">
      <c r="N921507" s="10"/>
    </row>
    <row r="921508" spans="14:14">
      <c r="N921508" s="10"/>
    </row>
    <row r="921509" spans="14:14">
      <c r="N921509" s="10"/>
    </row>
    <row r="921510" spans="14:14">
      <c r="N921510" s="10"/>
    </row>
    <row r="921511" spans="14:14">
      <c r="N921511" s="10"/>
    </row>
    <row r="921512" spans="14:14">
      <c r="N921512" s="10"/>
    </row>
    <row r="921513" spans="14:14">
      <c r="N921513" s="10"/>
    </row>
    <row r="921514" spans="14:14">
      <c r="N921514" s="10"/>
    </row>
    <row r="921515" spans="14:14">
      <c r="N921515" s="10"/>
    </row>
    <row r="921516" spans="14:14">
      <c r="N921516" s="10"/>
    </row>
    <row r="921517" spans="14:14">
      <c r="N921517" s="10"/>
    </row>
    <row r="921518" spans="14:14">
      <c r="N921518" s="10"/>
    </row>
    <row r="921519" spans="14:14">
      <c r="N921519" s="10"/>
    </row>
    <row r="921520" spans="14:14">
      <c r="N921520" s="10"/>
    </row>
    <row r="921521" spans="14:14">
      <c r="N921521" s="10"/>
    </row>
    <row r="921522" spans="14:14">
      <c r="N921522" s="10"/>
    </row>
    <row r="921523" spans="14:14">
      <c r="N921523" s="10"/>
    </row>
    <row r="921524" spans="14:14">
      <c r="N921524" s="10"/>
    </row>
    <row r="921525" spans="14:14">
      <c r="N921525" s="10"/>
    </row>
    <row r="921526" spans="14:14">
      <c r="N921526" s="10"/>
    </row>
    <row r="921527" spans="14:14">
      <c r="N921527" s="10"/>
    </row>
    <row r="921528" spans="14:14">
      <c r="N921528" s="10"/>
    </row>
    <row r="921529" spans="14:14">
      <c r="N921529" s="10"/>
    </row>
    <row r="921530" spans="14:14">
      <c r="N921530" s="10"/>
    </row>
    <row r="921531" spans="14:14">
      <c r="N921531" s="10"/>
    </row>
    <row r="921532" spans="14:14">
      <c r="N921532" s="10"/>
    </row>
    <row r="921533" spans="14:14">
      <c r="N921533" s="10"/>
    </row>
    <row r="921534" spans="14:14">
      <c r="N921534" s="10"/>
    </row>
    <row r="921535" spans="14:14">
      <c r="N921535" s="10"/>
    </row>
    <row r="921536" spans="14:14">
      <c r="N921536" s="10"/>
    </row>
    <row r="921537" spans="14:14">
      <c r="N921537" s="10"/>
    </row>
    <row r="921538" spans="14:14">
      <c r="N921538" s="10"/>
    </row>
    <row r="921539" spans="14:14">
      <c r="N921539" s="10"/>
    </row>
    <row r="921540" spans="14:14">
      <c r="N921540" s="10"/>
    </row>
    <row r="921541" spans="14:14">
      <c r="N921541" s="10"/>
    </row>
    <row r="921542" spans="14:14">
      <c r="N921542" s="10"/>
    </row>
    <row r="921543" spans="14:14">
      <c r="N921543" s="10"/>
    </row>
    <row r="921544" spans="14:14">
      <c r="N921544" s="10"/>
    </row>
    <row r="921545" spans="14:14">
      <c r="N921545" s="10"/>
    </row>
    <row r="921546" spans="14:14">
      <c r="N921546" s="10"/>
    </row>
    <row r="921547" spans="14:14">
      <c r="N921547" s="10"/>
    </row>
    <row r="921548" spans="14:14">
      <c r="N921548" s="10"/>
    </row>
    <row r="921549" spans="14:14">
      <c r="N921549" s="10"/>
    </row>
    <row r="921550" spans="14:14">
      <c r="N921550" s="10"/>
    </row>
    <row r="921551" spans="14:14">
      <c r="N921551" s="10"/>
    </row>
    <row r="921552" spans="14:14">
      <c r="N921552" s="10"/>
    </row>
    <row r="921553" spans="14:14">
      <c r="N921553" s="10"/>
    </row>
    <row r="921554" spans="14:14">
      <c r="N921554" s="10"/>
    </row>
    <row r="921555" spans="14:14">
      <c r="N921555" s="10"/>
    </row>
    <row r="921556" spans="14:14">
      <c r="N921556" s="10"/>
    </row>
    <row r="921557" spans="14:14">
      <c r="N921557" s="10"/>
    </row>
    <row r="921558" spans="14:14">
      <c r="N921558" s="10"/>
    </row>
    <row r="921559" spans="14:14">
      <c r="N921559" s="10"/>
    </row>
    <row r="921560" spans="14:14">
      <c r="N921560" s="10"/>
    </row>
    <row r="921561" spans="14:14">
      <c r="N921561" s="10"/>
    </row>
    <row r="921562" spans="14:14">
      <c r="N921562" s="10"/>
    </row>
    <row r="921563" spans="14:14">
      <c r="N921563" s="10"/>
    </row>
    <row r="921564" spans="14:14">
      <c r="N921564" s="10"/>
    </row>
    <row r="921565" spans="14:14">
      <c r="N921565" s="10"/>
    </row>
    <row r="921566" spans="14:14">
      <c r="N921566" s="10"/>
    </row>
    <row r="921567" spans="14:14">
      <c r="N921567" s="10"/>
    </row>
    <row r="921568" spans="14:14">
      <c r="N921568" s="10"/>
    </row>
    <row r="921569" spans="14:14">
      <c r="N921569" s="10"/>
    </row>
    <row r="921570" spans="14:14">
      <c r="N921570" s="10"/>
    </row>
    <row r="921571" spans="14:14">
      <c r="N921571" s="10"/>
    </row>
    <row r="921572" spans="14:14">
      <c r="N921572" s="10"/>
    </row>
    <row r="921573" spans="14:14">
      <c r="N921573" s="10"/>
    </row>
    <row r="921574" spans="14:14">
      <c r="N921574" s="10"/>
    </row>
    <row r="921575" spans="14:14">
      <c r="N921575" s="10"/>
    </row>
    <row r="921576" spans="14:14">
      <c r="N921576" s="10"/>
    </row>
    <row r="921577" spans="14:14">
      <c r="N921577" s="10"/>
    </row>
    <row r="921578" spans="14:14">
      <c r="N921578" s="10"/>
    </row>
    <row r="921579" spans="14:14">
      <c r="N921579" s="10"/>
    </row>
    <row r="921580" spans="14:14">
      <c r="N921580" s="10"/>
    </row>
    <row r="921581" spans="14:14">
      <c r="N921581" s="10"/>
    </row>
    <row r="921582" spans="14:14">
      <c r="N921582" s="10"/>
    </row>
    <row r="921583" spans="14:14">
      <c r="N921583" s="10"/>
    </row>
    <row r="921584" spans="14:14">
      <c r="N921584" s="10"/>
    </row>
    <row r="921585" spans="14:14">
      <c r="N921585" s="10"/>
    </row>
    <row r="921586" spans="14:14">
      <c r="N921586" s="10"/>
    </row>
    <row r="921587" spans="14:14">
      <c r="N921587" s="10"/>
    </row>
    <row r="921588" spans="14:14">
      <c r="N921588" s="10"/>
    </row>
    <row r="921589" spans="14:14">
      <c r="N921589" s="10"/>
    </row>
    <row r="921590" spans="14:14">
      <c r="N921590" s="10"/>
    </row>
    <row r="921591" spans="14:14">
      <c r="N921591" s="10"/>
    </row>
    <row r="921592" spans="14:14">
      <c r="N921592" s="10"/>
    </row>
    <row r="921593" spans="14:14">
      <c r="N921593" s="10"/>
    </row>
    <row r="921594" spans="14:14">
      <c r="N921594" s="10"/>
    </row>
    <row r="921595" spans="14:14">
      <c r="N921595" s="10"/>
    </row>
    <row r="921596" spans="14:14">
      <c r="N921596" s="10"/>
    </row>
    <row r="921597" spans="14:14">
      <c r="N921597" s="10"/>
    </row>
    <row r="921598" spans="14:14">
      <c r="N921598" s="10"/>
    </row>
    <row r="921599" spans="14:14">
      <c r="N921599" s="10"/>
    </row>
    <row r="921600" spans="14:14">
      <c r="N921600" s="10"/>
    </row>
    <row r="921601" spans="14:14">
      <c r="N921601" s="10"/>
    </row>
    <row r="921602" spans="14:14">
      <c r="N921602" s="10"/>
    </row>
    <row r="921603" spans="14:14">
      <c r="N921603" s="10"/>
    </row>
    <row r="921604" spans="14:14">
      <c r="N921604" s="10"/>
    </row>
    <row r="921605" spans="14:14">
      <c r="N921605" s="10"/>
    </row>
    <row r="921606" spans="14:14">
      <c r="N921606" s="10"/>
    </row>
    <row r="921607" spans="14:14">
      <c r="N921607" s="10"/>
    </row>
    <row r="921608" spans="14:14">
      <c r="N921608" s="10"/>
    </row>
    <row r="921609" spans="14:14">
      <c r="N921609" s="10"/>
    </row>
    <row r="921610" spans="14:14">
      <c r="N921610" s="10"/>
    </row>
    <row r="921611" spans="14:14">
      <c r="N921611" s="10"/>
    </row>
    <row r="921612" spans="14:14">
      <c r="N921612" s="10"/>
    </row>
    <row r="921613" spans="14:14">
      <c r="N921613" s="10"/>
    </row>
    <row r="921614" spans="14:14">
      <c r="N921614" s="10"/>
    </row>
    <row r="921615" spans="14:14">
      <c r="N921615" s="10"/>
    </row>
    <row r="921616" spans="14:14">
      <c r="N921616" s="10"/>
    </row>
    <row r="921617" spans="14:14">
      <c r="N921617" s="10"/>
    </row>
    <row r="921618" spans="14:14">
      <c r="N921618" s="10"/>
    </row>
    <row r="921619" spans="14:14">
      <c r="N921619" s="10"/>
    </row>
    <row r="921620" spans="14:14">
      <c r="N921620" s="10"/>
    </row>
    <row r="921621" spans="14:14">
      <c r="N921621" s="10"/>
    </row>
    <row r="921622" spans="14:14">
      <c r="N921622" s="10"/>
    </row>
    <row r="921623" spans="14:14">
      <c r="N921623" s="10"/>
    </row>
    <row r="921624" spans="14:14">
      <c r="N921624" s="10"/>
    </row>
    <row r="921625" spans="14:14">
      <c r="N921625" s="10"/>
    </row>
    <row r="921626" spans="14:14">
      <c r="N921626" s="10"/>
    </row>
    <row r="921627" spans="14:14">
      <c r="N921627" s="10"/>
    </row>
    <row r="921628" spans="14:14">
      <c r="N921628" s="10"/>
    </row>
    <row r="921629" spans="14:14">
      <c r="N921629" s="10"/>
    </row>
    <row r="921630" spans="14:14">
      <c r="N921630" s="10"/>
    </row>
    <row r="921631" spans="14:14">
      <c r="N921631" s="10"/>
    </row>
    <row r="921632" spans="14:14">
      <c r="N921632" s="10"/>
    </row>
    <row r="921633" spans="14:14">
      <c r="N921633" s="10"/>
    </row>
    <row r="921634" spans="14:14">
      <c r="N921634" s="10"/>
    </row>
    <row r="921635" spans="14:14">
      <c r="N921635" s="10"/>
    </row>
    <row r="921636" spans="14:14">
      <c r="N921636" s="10"/>
    </row>
    <row r="921637" spans="14:14">
      <c r="N921637" s="10"/>
    </row>
    <row r="921638" spans="14:14">
      <c r="N921638" s="10"/>
    </row>
    <row r="921639" spans="14:14">
      <c r="N921639" s="10"/>
    </row>
    <row r="921640" spans="14:14">
      <c r="N921640" s="10"/>
    </row>
    <row r="921641" spans="14:14">
      <c r="N921641" s="10"/>
    </row>
    <row r="921642" spans="14:14">
      <c r="N921642" s="10"/>
    </row>
    <row r="921643" spans="14:14">
      <c r="N921643" s="10"/>
    </row>
    <row r="921644" spans="14:14">
      <c r="N921644" s="10"/>
    </row>
    <row r="921645" spans="14:14">
      <c r="N921645" s="10"/>
    </row>
    <row r="921646" spans="14:14">
      <c r="N921646" s="10"/>
    </row>
    <row r="921647" spans="14:14">
      <c r="N921647" s="10"/>
    </row>
    <row r="921648" spans="14:14">
      <c r="N921648" s="10"/>
    </row>
    <row r="921649" spans="14:14">
      <c r="N921649" s="10"/>
    </row>
    <row r="921650" spans="14:14">
      <c r="N921650" s="10"/>
    </row>
    <row r="921651" spans="14:14">
      <c r="N921651" s="10"/>
    </row>
    <row r="921652" spans="14:14">
      <c r="N921652" s="10"/>
    </row>
    <row r="921653" spans="14:14">
      <c r="N921653" s="10"/>
    </row>
    <row r="921654" spans="14:14">
      <c r="N921654" s="10"/>
    </row>
    <row r="921655" spans="14:14">
      <c r="N921655" s="10"/>
    </row>
    <row r="921656" spans="14:14">
      <c r="N921656" s="10"/>
    </row>
    <row r="921657" spans="14:14">
      <c r="N921657" s="10"/>
    </row>
    <row r="921658" spans="14:14">
      <c r="N921658" s="10"/>
    </row>
    <row r="921659" spans="14:14">
      <c r="N921659" s="10"/>
    </row>
    <row r="921660" spans="14:14">
      <c r="N921660" s="10"/>
    </row>
    <row r="921661" spans="14:14">
      <c r="N921661" s="10"/>
    </row>
    <row r="921662" spans="14:14">
      <c r="N921662" s="10"/>
    </row>
    <row r="921663" spans="14:14">
      <c r="N921663" s="10"/>
    </row>
    <row r="921664" spans="14:14">
      <c r="N921664" s="10"/>
    </row>
    <row r="921665" spans="14:14">
      <c r="N921665" s="10"/>
    </row>
    <row r="921666" spans="14:14">
      <c r="N921666" s="10"/>
    </row>
    <row r="921667" spans="14:14">
      <c r="N921667" s="10"/>
    </row>
    <row r="921668" spans="14:14">
      <c r="N921668" s="10"/>
    </row>
    <row r="921669" spans="14:14">
      <c r="N921669" s="10"/>
    </row>
    <row r="921670" spans="14:14">
      <c r="N921670" s="10"/>
    </row>
    <row r="921671" spans="14:14">
      <c r="N921671" s="10"/>
    </row>
    <row r="921672" spans="14:14">
      <c r="N921672" s="10"/>
    </row>
    <row r="921673" spans="14:14">
      <c r="N921673" s="10"/>
    </row>
    <row r="921674" spans="14:14">
      <c r="N921674" s="10"/>
    </row>
    <row r="921675" spans="14:14">
      <c r="N921675" s="10"/>
    </row>
    <row r="921676" spans="14:14">
      <c r="N921676" s="10"/>
    </row>
    <row r="921677" spans="14:14">
      <c r="N921677" s="10"/>
    </row>
    <row r="921678" spans="14:14">
      <c r="N921678" s="10"/>
    </row>
    <row r="921679" spans="14:14">
      <c r="N921679" s="10"/>
    </row>
    <row r="921680" spans="14:14">
      <c r="N921680" s="10"/>
    </row>
    <row r="921681" spans="14:14">
      <c r="N921681" s="10"/>
    </row>
    <row r="921682" spans="14:14">
      <c r="N921682" s="10"/>
    </row>
    <row r="921683" spans="14:14">
      <c r="N921683" s="10"/>
    </row>
    <row r="921684" spans="14:14">
      <c r="N921684" s="10"/>
    </row>
    <row r="921685" spans="14:14">
      <c r="N921685" s="10"/>
    </row>
    <row r="921686" spans="14:14">
      <c r="N921686" s="10"/>
    </row>
    <row r="921687" spans="14:14">
      <c r="N921687" s="10"/>
    </row>
    <row r="921688" spans="14:14">
      <c r="N921688" s="10"/>
    </row>
    <row r="921689" spans="14:14">
      <c r="N921689" s="10"/>
    </row>
    <row r="921690" spans="14:14">
      <c r="N921690" s="10"/>
    </row>
    <row r="921691" spans="14:14">
      <c r="N921691" s="10"/>
    </row>
    <row r="921692" spans="14:14">
      <c r="N921692" s="10"/>
    </row>
    <row r="921693" spans="14:14">
      <c r="N921693" s="10"/>
    </row>
    <row r="921694" spans="14:14">
      <c r="N921694" s="10"/>
    </row>
    <row r="921695" spans="14:14">
      <c r="N921695" s="10"/>
    </row>
    <row r="921696" spans="14:14">
      <c r="N921696" s="10"/>
    </row>
    <row r="921697" spans="14:14">
      <c r="N921697" s="10"/>
    </row>
    <row r="921698" spans="14:14">
      <c r="N921698" s="10"/>
    </row>
    <row r="921699" spans="14:14">
      <c r="N921699" s="10"/>
    </row>
    <row r="921700" spans="14:14">
      <c r="N921700" s="10"/>
    </row>
    <row r="921701" spans="14:14">
      <c r="N921701" s="10"/>
    </row>
    <row r="921702" spans="14:14">
      <c r="N921702" s="10"/>
    </row>
    <row r="921703" spans="14:14">
      <c r="N921703" s="10"/>
    </row>
    <row r="921704" spans="14:14">
      <c r="N921704" s="10"/>
    </row>
    <row r="921705" spans="14:14">
      <c r="N921705" s="10"/>
    </row>
    <row r="921706" spans="14:14">
      <c r="N921706" s="10"/>
    </row>
    <row r="921707" spans="14:14">
      <c r="N921707" s="10"/>
    </row>
    <row r="921708" spans="14:14">
      <c r="N921708" s="10"/>
    </row>
    <row r="921709" spans="14:14">
      <c r="N921709" s="10"/>
    </row>
    <row r="921710" spans="14:14">
      <c r="N921710" s="10"/>
    </row>
    <row r="921711" spans="14:14">
      <c r="N921711" s="10"/>
    </row>
    <row r="921712" spans="14:14">
      <c r="N921712" s="10"/>
    </row>
    <row r="921713" spans="14:14">
      <c r="N921713" s="10"/>
    </row>
    <row r="921714" spans="14:14">
      <c r="N921714" s="10"/>
    </row>
    <row r="921715" spans="14:14">
      <c r="N921715" s="10"/>
    </row>
    <row r="921716" spans="14:14">
      <c r="N921716" s="10"/>
    </row>
    <row r="921717" spans="14:14">
      <c r="N921717" s="10"/>
    </row>
    <row r="921718" spans="14:14">
      <c r="N921718" s="10"/>
    </row>
    <row r="921719" spans="14:14">
      <c r="N921719" s="10"/>
    </row>
    <row r="921720" spans="14:14">
      <c r="N921720" s="10"/>
    </row>
    <row r="921721" spans="14:14">
      <c r="N921721" s="10"/>
    </row>
    <row r="921722" spans="14:14">
      <c r="N921722" s="10"/>
    </row>
    <row r="921723" spans="14:14">
      <c r="N921723" s="10"/>
    </row>
    <row r="921724" spans="14:14">
      <c r="N921724" s="10"/>
    </row>
    <row r="921725" spans="14:14">
      <c r="N921725" s="10"/>
    </row>
    <row r="921726" spans="14:14">
      <c r="N921726" s="10"/>
    </row>
    <row r="921727" spans="14:14">
      <c r="N921727" s="10"/>
    </row>
    <row r="921728" spans="14:14">
      <c r="N921728" s="10"/>
    </row>
    <row r="921729" spans="14:14">
      <c r="N921729" s="10"/>
    </row>
    <row r="921730" spans="14:14">
      <c r="N921730" s="10"/>
    </row>
    <row r="921731" spans="14:14">
      <c r="N921731" s="10"/>
    </row>
    <row r="921732" spans="14:14">
      <c r="N921732" s="10"/>
    </row>
    <row r="921733" spans="14:14">
      <c r="N921733" s="10"/>
    </row>
    <row r="921734" spans="14:14">
      <c r="N921734" s="10"/>
    </row>
    <row r="921735" spans="14:14">
      <c r="N921735" s="10"/>
    </row>
    <row r="921736" spans="14:14">
      <c r="N921736" s="10"/>
    </row>
    <row r="921737" spans="14:14">
      <c r="N921737" s="10"/>
    </row>
    <row r="921738" spans="14:14">
      <c r="N921738" s="10"/>
    </row>
    <row r="921739" spans="14:14">
      <c r="N921739" s="10"/>
    </row>
    <row r="921740" spans="14:14">
      <c r="N921740" s="10"/>
    </row>
    <row r="921741" spans="14:14">
      <c r="N921741" s="10"/>
    </row>
    <row r="921742" spans="14:14">
      <c r="N921742" s="10"/>
    </row>
    <row r="921743" spans="14:14">
      <c r="N921743" s="10"/>
    </row>
    <row r="921744" spans="14:14">
      <c r="N921744" s="10"/>
    </row>
    <row r="921745" spans="14:14">
      <c r="N921745" s="10"/>
    </row>
    <row r="921746" spans="14:14">
      <c r="N921746" s="10"/>
    </row>
    <row r="921747" spans="14:14">
      <c r="N921747" s="10"/>
    </row>
    <row r="921748" spans="14:14">
      <c r="N921748" s="10"/>
    </row>
    <row r="921749" spans="14:14">
      <c r="N921749" s="10"/>
    </row>
    <row r="921750" spans="14:14">
      <c r="N921750" s="10"/>
    </row>
    <row r="921751" spans="14:14">
      <c r="N921751" s="10"/>
    </row>
    <row r="921752" spans="14:14">
      <c r="N921752" s="10"/>
    </row>
    <row r="921753" spans="14:14">
      <c r="N921753" s="10"/>
    </row>
    <row r="921754" spans="14:14">
      <c r="N921754" s="10"/>
    </row>
    <row r="921755" spans="14:14">
      <c r="N921755" s="10"/>
    </row>
    <row r="921756" spans="14:14">
      <c r="N921756" s="10"/>
    </row>
    <row r="921757" spans="14:14">
      <c r="N921757" s="10"/>
    </row>
    <row r="921758" spans="14:14">
      <c r="N921758" s="10"/>
    </row>
    <row r="921759" spans="14:14">
      <c r="N921759" s="10"/>
    </row>
    <row r="921760" spans="14:14">
      <c r="N921760" s="10"/>
    </row>
    <row r="921761" spans="14:14">
      <c r="N921761" s="10"/>
    </row>
    <row r="921762" spans="14:14">
      <c r="N921762" s="10"/>
    </row>
    <row r="921763" spans="14:14">
      <c r="N921763" s="10"/>
    </row>
    <row r="921764" spans="14:14">
      <c r="N921764" s="10"/>
    </row>
    <row r="921765" spans="14:14">
      <c r="N921765" s="10"/>
    </row>
    <row r="921766" spans="14:14">
      <c r="N921766" s="10"/>
    </row>
    <row r="921767" spans="14:14">
      <c r="N921767" s="10"/>
    </row>
    <row r="921768" spans="14:14">
      <c r="N921768" s="10"/>
    </row>
    <row r="921769" spans="14:14">
      <c r="N921769" s="10"/>
    </row>
    <row r="921770" spans="14:14">
      <c r="N921770" s="10"/>
    </row>
    <row r="921771" spans="14:14">
      <c r="N921771" s="10"/>
    </row>
    <row r="921772" spans="14:14">
      <c r="N921772" s="10"/>
    </row>
    <row r="921773" spans="14:14">
      <c r="N921773" s="10"/>
    </row>
    <row r="921774" spans="14:14">
      <c r="N921774" s="10"/>
    </row>
    <row r="921775" spans="14:14">
      <c r="N921775" s="10"/>
    </row>
    <row r="921776" spans="14:14">
      <c r="N921776" s="10"/>
    </row>
    <row r="921777" spans="14:14">
      <c r="N921777" s="10"/>
    </row>
    <row r="921778" spans="14:14">
      <c r="N921778" s="10"/>
    </row>
    <row r="921779" spans="14:14">
      <c r="N921779" s="10"/>
    </row>
    <row r="921780" spans="14:14">
      <c r="N921780" s="10"/>
    </row>
    <row r="921781" spans="14:14">
      <c r="N921781" s="10"/>
    </row>
    <row r="921782" spans="14:14">
      <c r="N921782" s="10"/>
    </row>
    <row r="921783" spans="14:14">
      <c r="N921783" s="10"/>
    </row>
    <row r="921784" spans="14:14">
      <c r="N921784" s="10"/>
    </row>
    <row r="921785" spans="14:14">
      <c r="N921785" s="10"/>
    </row>
    <row r="921786" spans="14:14">
      <c r="N921786" s="10"/>
    </row>
    <row r="921787" spans="14:14">
      <c r="N921787" s="10"/>
    </row>
    <row r="921788" spans="14:14">
      <c r="N921788" s="10"/>
    </row>
    <row r="921789" spans="14:14">
      <c r="N921789" s="10"/>
    </row>
    <row r="921790" spans="14:14">
      <c r="N921790" s="10"/>
    </row>
    <row r="921791" spans="14:14">
      <c r="N921791" s="10"/>
    </row>
    <row r="921792" spans="14:14">
      <c r="N921792" s="10"/>
    </row>
    <row r="921793" spans="14:14">
      <c r="N921793" s="10"/>
    </row>
    <row r="921794" spans="14:14">
      <c r="N921794" s="10"/>
    </row>
    <row r="921795" spans="14:14">
      <c r="N921795" s="10"/>
    </row>
    <row r="921796" spans="14:14">
      <c r="N921796" s="10"/>
    </row>
    <row r="921797" spans="14:14">
      <c r="N921797" s="10"/>
    </row>
    <row r="921798" spans="14:14">
      <c r="N921798" s="10"/>
    </row>
    <row r="921799" spans="14:14">
      <c r="N921799" s="10"/>
    </row>
    <row r="921800" spans="14:14">
      <c r="N921800" s="10"/>
    </row>
    <row r="921801" spans="14:14">
      <c r="N921801" s="10"/>
    </row>
    <row r="921802" spans="14:14">
      <c r="N921802" s="10"/>
    </row>
    <row r="921803" spans="14:14">
      <c r="N921803" s="10"/>
    </row>
    <row r="921804" spans="14:14">
      <c r="N921804" s="10"/>
    </row>
    <row r="921805" spans="14:14">
      <c r="N921805" s="10"/>
    </row>
    <row r="921806" spans="14:14">
      <c r="N921806" s="10"/>
    </row>
    <row r="921807" spans="14:14">
      <c r="N921807" s="10"/>
    </row>
    <row r="921808" spans="14:14">
      <c r="N921808" s="10"/>
    </row>
    <row r="921809" spans="14:14">
      <c r="N921809" s="10"/>
    </row>
    <row r="921810" spans="14:14">
      <c r="N921810" s="10"/>
    </row>
    <row r="921811" spans="14:14">
      <c r="N921811" s="10"/>
    </row>
    <row r="921812" spans="14:14">
      <c r="N921812" s="10"/>
    </row>
    <row r="921813" spans="14:14">
      <c r="N921813" s="10"/>
    </row>
    <row r="921814" spans="14:14">
      <c r="N921814" s="10"/>
    </row>
    <row r="921815" spans="14:14">
      <c r="N921815" s="10"/>
    </row>
    <row r="921816" spans="14:14">
      <c r="N921816" s="10"/>
    </row>
    <row r="921817" spans="14:14">
      <c r="N921817" s="10"/>
    </row>
    <row r="921818" spans="14:14">
      <c r="N921818" s="10"/>
    </row>
    <row r="921819" spans="14:14">
      <c r="N921819" s="10"/>
    </row>
    <row r="921820" spans="14:14">
      <c r="N921820" s="10"/>
    </row>
    <row r="921821" spans="14:14">
      <c r="N921821" s="10"/>
    </row>
    <row r="921822" spans="14:14">
      <c r="N921822" s="10"/>
    </row>
    <row r="921823" spans="14:14">
      <c r="N921823" s="10"/>
    </row>
    <row r="921824" spans="14:14">
      <c r="N921824" s="10"/>
    </row>
    <row r="921825" spans="14:14">
      <c r="N921825" s="10"/>
    </row>
    <row r="921826" spans="14:14">
      <c r="N921826" s="10"/>
    </row>
    <row r="921827" spans="14:14">
      <c r="N921827" s="10"/>
    </row>
    <row r="921828" spans="14:14">
      <c r="N921828" s="10"/>
    </row>
    <row r="921829" spans="14:14">
      <c r="N921829" s="10"/>
    </row>
    <row r="921830" spans="14:14">
      <c r="N921830" s="10"/>
    </row>
    <row r="921831" spans="14:14">
      <c r="N921831" s="10"/>
    </row>
    <row r="921832" spans="14:14">
      <c r="N921832" s="10"/>
    </row>
    <row r="921833" spans="14:14">
      <c r="N921833" s="10"/>
    </row>
    <row r="921834" spans="14:14">
      <c r="N921834" s="10"/>
    </row>
    <row r="921835" spans="14:14">
      <c r="N921835" s="10"/>
    </row>
    <row r="921836" spans="14:14">
      <c r="N921836" s="10"/>
    </row>
    <row r="921837" spans="14:14">
      <c r="N921837" s="10"/>
    </row>
    <row r="921838" spans="14:14">
      <c r="N921838" s="10"/>
    </row>
    <row r="921839" spans="14:14">
      <c r="N921839" s="10"/>
    </row>
    <row r="921840" spans="14:14">
      <c r="N921840" s="10"/>
    </row>
    <row r="921841" spans="14:14">
      <c r="N921841" s="10"/>
    </row>
    <row r="921842" spans="14:14">
      <c r="N921842" s="10"/>
    </row>
    <row r="921843" spans="14:14">
      <c r="N921843" s="10"/>
    </row>
    <row r="921844" spans="14:14">
      <c r="N921844" s="10"/>
    </row>
    <row r="921845" spans="14:14">
      <c r="N921845" s="10"/>
    </row>
    <row r="921846" spans="14:14">
      <c r="N921846" s="10"/>
    </row>
    <row r="921847" spans="14:14">
      <c r="N921847" s="10"/>
    </row>
    <row r="921848" spans="14:14">
      <c r="N921848" s="10"/>
    </row>
    <row r="921849" spans="14:14">
      <c r="N921849" s="10"/>
    </row>
    <row r="921850" spans="14:14">
      <c r="N921850" s="10"/>
    </row>
    <row r="921851" spans="14:14">
      <c r="N921851" s="10"/>
    </row>
    <row r="921852" spans="14:14">
      <c r="N921852" s="10"/>
    </row>
    <row r="921853" spans="14:14">
      <c r="N921853" s="10"/>
    </row>
    <row r="921854" spans="14:14">
      <c r="N921854" s="10"/>
    </row>
    <row r="921855" spans="14:14">
      <c r="N921855" s="10"/>
    </row>
    <row r="921856" spans="14:14">
      <c r="N921856" s="10"/>
    </row>
    <row r="921857" spans="14:14">
      <c r="N921857" s="10"/>
    </row>
    <row r="921858" spans="14:14">
      <c r="N921858" s="10"/>
    </row>
    <row r="921859" spans="14:14">
      <c r="N921859" s="10"/>
    </row>
    <row r="921860" spans="14:14">
      <c r="N921860" s="10"/>
    </row>
    <row r="921861" spans="14:14">
      <c r="N921861" s="10"/>
    </row>
    <row r="921862" spans="14:14">
      <c r="N921862" s="10"/>
    </row>
    <row r="921863" spans="14:14">
      <c r="N921863" s="10"/>
    </row>
    <row r="921864" spans="14:14">
      <c r="N921864" s="10"/>
    </row>
    <row r="921865" spans="14:14">
      <c r="N921865" s="10"/>
    </row>
    <row r="921866" spans="14:14">
      <c r="N921866" s="10"/>
    </row>
    <row r="921867" spans="14:14">
      <c r="N921867" s="10"/>
    </row>
    <row r="921868" spans="14:14">
      <c r="N921868" s="10"/>
    </row>
    <row r="921869" spans="14:14">
      <c r="N921869" s="10"/>
    </row>
    <row r="921870" spans="14:14">
      <c r="N921870" s="10"/>
    </row>
    <row r="921871" spans="14:14">
      <c r="N921871" s="10"/>
    </row>
    <row r="921872" spans="14:14">
      <c r="N921872" s="10"/>
    </row>
    <row r="921873" spans="14:14">
      <c r="N921873" s="10"/>
    </row>
    <row r="921874" spans="14:14">
      <c r="N921874" s="10"/>
    </row>
    <row r="921875" spans="14:14">
      <c r="N921875" s="10"/>
    </row>
    <row r="921876" spans="14:14">
      <c r="N921876" s="10"/>
    </row>
    <row r="921877" spans="14:14">
      <c r="N921877" s="10"/>
    </row>
    <row r="921878" spans="14:14">
      <c r="N921878" s="10"/>
    </row>
    <row r="921879" spans="14:14">
      <c r="N921879" s="10"/>
    </row>
    <row r="921880" spans="14:14">
      <c r="N921880" s="10"/>
    </row>
    <row r="921881" spans="14:14">
      <c r="N921881" s="10"/>
    </row>
    <row r="921882" spans="14:14">
      <c r="N921882" s="10"/>
    </row>
    <row r="921883" spans="14:14">
      <c r="N921883" s="10"/>
    </row>
    <row r="921884" spans="14:14">
      <c r="N921884" s="10"/>
    </row>
    <row r="921885" spans="14:14">
      <c r="N921885" s="10"/>
    </row>
    <row r="921886" spans="14:14">
      <c r="N921886" s="10"/>
    </row>
    <row r="921887" spans="14:14">
      <c r="N921887" s="10"/>
    </row>
    <row r="921888" spans="14:14">
      <c r="N921888" s="10"/>
    </row>
    <row r="921889" spans="14:14">
      <c r="N921889" s="10"/>
    </row>
    <row r="921890" spans="14:14">
      <c r="N921890" s="10"/>
    </row>
    <row r="921891" spans="14:14">
      <c r="N921891" s="10"/>
    </row>
    <row r="921892" spans="14:14">
      <c r="N921892" s="10"/>
    </row>
    <row r="921893" spans="14:14">
      <c r="N921893" s="10"/>
    </row>
    <row r="921894" spans="14:14">
      <c r="N921894" s="10"/>
    </row>
    <row r="921895" spans="14:14">
      <c r="N921895" s="10"/>
    </row>
    <row r="921896" spans="14:14">
      <c r="N921896" s="10"/>
    </row>
    <row r="921897" spans="14:14">
      <c r="N921897" s="10"/>
    </row>
    <row r="921898" spans="14:14">
      <c r="N921898" s="10"/>
    </row>
    <row r="921899" spans="14:14">
      <c r="N921899" s="10"/>
    </row>
    <row r="921900" spans="14:14">
      <c r="N921900" s="10"/>
    </row>
    <row r="921901" spans="14:14">
      <c r="N921901" s="10"/>
    </row>
    <row r="921902" spans="14:14">
      <c r="N921902" s="10"/>
    </row>
    <row r="921903" spans="14:14">
      <c r="N921903" s="10"/>
    </row>
    <row r="921904" spans="14:14">
      <c r="N921904" s="10"/>
    </row>
    <row r="921905" spans="14:14">
      <c r="N921905" s="10"/>
    </row>
    <row r="921906" spans="14:14">
      <c r="N921906" s="10"/>
    </row>
    <row r="921907" spans="14:14">
      <c r="N921907" s="10"/>
    </row>
    <row r="921908" spans="14:14">
      <c r="N921908" s="10"/>
    </row>
    <row r="921909" spans="14:14">
      <c r="N921909" s="10"/>
    </row>
    <row r="921910" spans="14:14">
      <c r="N921910" s="10"/>
    </row>
    <row r="921911" spans="14:14">
      <c r="N921911" s="10"/>
    </row>
    <row r="921912" spans="14:14">
      <c r="N921912" s="10"/>
    </row>
    <row r="921913" spans="14:14">
      <c r="N921913" s="10"/>
    </row>
    <row r="921914" spans="14:14">
      <c r="N921914" s="10"/>
    </row>
    <row r="921915" spans="14:14">
      <c r="N921915" s="10"/>
    </row>
    <row r="921916" spans="14:14">
      <c r="N921916" s="10"/>
    </row>
    <row r="921917" spans="14:14">
      <c r="N921917" s="10"/>
    </row>
    <row r="921918" spans="14:14">
      <c r="N921918" s="10"/>
    </row>
    <row r="921919" spans="14:14">
      <c r="N921919" s="10"/>
    </row>
    <row r="921920" spans="14:14">
      <c r="N921920" s="10"/>
    </row>
    <row r="921921" spans="14:14">
      <c r="N921921" s="10"/>
    </row>
    <row r="921922" spans="14:14">
      <c r="N921922" s="10"/>
    </row>
    <row r="921923" spans="14:14">
      <c r="N921923" s="10"/>
    </row>
    <row r="921924" spans="14:14">
      <c r="N921924" s="10"/>
    </row>
    <row r="921925" spans="14:14">
      <c r="N921925" s="10"/>
    </row>
    <row r="921926" spans="14:14">
      <c r="N921926" s="10"/>
    </row>
    <row r="921927" spans="14:14">
      <c r="N921927" s="10"/>
    </row>
    <row r="921928" spans="14:14">
      <c r="N921928" s="10"/>
    </row>
    <row r="921929" spans="14:14">
      <c r="N921929" s="10"/>
    </row>
    <row r="921930" spans="14:14">
      <c r="N921930" s="10"/>
    </row>
    <row r="921931" spans="14:14">
      <c r="N921931" s="10"/>
    </row>
    <row r="921932" spans="14:14">
      <c r="N921932" s="10"/>
    </row>
    <row r="921933" spans="14:14">
      <c r="N921933" s="10"/>
    </row>
    <row r="921934" spans="14:14">
      <c r="N921934" s="10"/>
    </row>
    <row r="921935" spans="14:14">
      <c r="N921935" s="10"/>
    </row>
    <row r="921936" spans="14:14">
      <c r="N921936" s="10"/>
    </row>
    <row r="921937" spans="14:14">
      <c r="N921937" s="10"/>
    </row>
    <row r="921938" spans="14:14">
      <c r="N921938" s="10"/>
    </row>
    <row r="921939" spans="14:14">
      <c r="N921939" s="10"/>
    </row>
    <row r="921940" spans="14:14">
      <c r="N921940" s="10"/>
    </row>
    <row r="921941" spans="14:14">
      <c r="N921941" s="10"/>
    </row>
    <row r="921942" spans="14:14">
      <c r="N921942" s="10"/>
    </row>
    <row r="921943" spans="14:14">
      <c r="N921943" s="10"/>
    </row>
    <row r="921944" spans="14:14">
      <c r="N921944" s="10"/>
    </row>
    <row r="921945" spans="14:14">
      <c r="N921945" s="10"/>
    </row>
    <row r="921946" spans="14:14">
      <c r="N921946" s="10"/>
    </row>
    <row r="921947" spans="14:14">
      <c r="N921947" s="10"/>
    </row>
    <row r="921948" spans="14:14">
      <c r="N921948" s="10"/>
    </row>
    <row r="921949" spans="14:14">
      <c r="N921949" s="10"/>
    </row>
    <row r="921950" spans="14:14">
      <c r="N921950" s="10"/>
    </row>
    <row r="921951" spans="14:14">
      <c r="N921951" s="10"/>
    </row>
    <row r="921952" spans="14:14">
      <c r="N921952" s="10"/>
    </row>
    <row r="921953" spans="14:14">
      <c r="N921953" s="10"/>
    </row>
    <row r="921954" spans="14:14">
      <c r="N921954" s="10"/>
    </row>
    <row r="921955" spans="14:14">
      <c r="N921955" s="10"/>
    </row>
    <row r="921956" spans="14:14">
      <c r="N921956" s="10"/>
    </row>
    <row r="921957" spans="14:14">
      <c r="N921957" s="10"/>
    </row>
    <row r="921958" spans="14:14">
      <c r="N921958" s="10"/>
    </row>
    <row r="921959" spans="14:14">
      <c r="N921959" s="10"/>
    </row>
    <row r="921960" spans="14:14">
      <c r="N921960" s="10"/>
    </row>
    <row r="921961" spans="14:14">
      <c r="N921961" s="10"/>
    </row>
    <row r="921962" spans="14:14">
      <c r="N921962" s="10"/>
    </row>
    <row r="921963" spans="14:14">
      <c r="N921963" s="10"/>
    </row>
    <row r="921964" spans="14:14">
      <c r="N921964" s="10"/>
    </row>
    <row r="921965" spans="14:14">
      <c r="N921965" s="10"/>
    </row>
    <row r="921966" spans="14:14">
      <c r="N921966" s="10"/>
    </row>
    <row r="921967" spans="14:14">
      <c r="N921967" s="10"/>
    </row>
    <row r="921968" spans="14:14">
      <c r="N921968" s="10"/>
    </row>
    <row r="921969" spans="14:14">
      <c r="N921969" s="10"/>
    </row>
    <row r="921970" spans="14:14">
      <c r="N921970" s="10"/>
    </row>
    <row r="921971" spans="14:14">
      <c r="N921971" s="10"/>
    </row>
    <row r="921972" spans="14:14">
      <c r="N921972" s="10"/>
    </row>
    <row r="921973" spans="14:14">
      <c r="N921973" s="10"/>
    </row>
    <row r="921974" spans="14:14">
      <c r="N921974" s="10"/>
    </row>
    <row r="921975" spans="14:14">
      <c r="N921975" s="10"/>
    </row>
    <row r="921976" spans="14:14">
      <c r="N921976" s="10"/>
    </row>
    <row r="921977" spans="14:14">
      <c r="N921977" s="10"/>
    </row>
    <row r="921978" spans="14:14">
      <c r="N921978" s="10"/>
    </row>
    <row r="921979" spans="14:14">
      <c r="N921979" s="10"/>
    </row>
    <row r="921980" spans="14:14">
      <c r="N921980" s="10"/>
    </row>
    <row r="921981" spans="14:14">
      <c r="N921981" s="10"/>
    </row>
    <row r="921982" spans="14:14">
      <c r="N921982" s="10"/>
    </row>
    <row r="921983" spans="14:14">
      <c r="N921983" s="10"/>
    </row>
    <row r="921984" spans="14:14">
      <c r="N921984" s="10"/>
    </row>
    <row r="921985" spans="14:14">
      <c r="N921985" s="10"/>
    </row>
    <row r="921986" spans="14:14">
      <c r="N921986" s="10"/>
    </row>
    <row r="921987" spans="14:14">
      <c r="N921987" s="10"/>
    </row>
    <row r="921988" spans="14:14">
      <c r="N921988" s="10"/>
    </row>
    <row r="921989" spans="14:14">
      <c r="N921989" s="10"/>
    </row>
    <row r="921990" spans="14:14">
      <c r="N921990" s="10"/>
    </row>
    <row r="921991" spans="14:14">
      <c r="N921991" s="10"/>
    </row>
    <row r="921992" spans="14:14">
      <c r="N921992" s="10"/>
    </row>
    <row r="921993" spans="14:14">
      <c r="N921993" s="10"/>
    </row>
    <row r="921994" spans="14:14">
      <c r="N921994" s="10"/>
    </row>
    <row r="921995" spans="14:14">
      <c r="N921995" s="10"/>
    </row>
    <row r="921996" spans="14:14">
      <c r="N921996" s="10"/>
    </row>
    <row r="921997" spans="14:14">
      <c r="N921997" s="10"/>
    </row>
    <row r="921998" spans="14:14">
      <c r="N921998" s="10"/>
    </row>
    <row r="921999" spans="14:14">
      <c r="N921999" s="10"/>
    </row>
    <row r="922000" spans="14:14">
      <c r="N922000" s="10"/>
    </row>
    <row r="922001" spans="14:14">
      <c r="N922001" s="10"/>
    </row>
    <row r="922002" spans="14:14">
      <c r="N922002" s="10"/>
    </row>
    <row r="922003" spans="14:14">
      <c r="N922003" s="10"/>
    </row>
    <row r="922004" spans="14:14">
      <c r="N922004" s="10"/>
    </row>
    <row r="922005" spans="14:14">
      <c r="N922005" s="10"/>
    </row>
    <row r="922006" spans="14:14">
      <c r="N922006" s="10"/>
    </row>
    <row r="922007" spans="14:14">
      <c r="N922007" s="10"/>
    </row>
    <row r="922008" spans="14:14">
      <c r="N922008" s="10"/>
    </row>
    <row r="922009" spans="14:14">
      <c r="N922009" s="10"/>
    </row>
    <row r="922010" spans="14:14">
      <c r="N922010" s="10"/>
    </row>
    <row r="922011" spans="14:14">
      <c r="N922011" s="10"/>
    </row>
    <row r="922012" spans="14:14">
      <c r="N922012" s="10"/>
    </row>
    <row r="922013" spans="14:14">
      <c r="N922013" s="10"/>
    </row>
    <row r="922014" spans="14:14">
      <c r="N922014" s="10"/>
    </row>
    <row r="922015" spans="14:14">
      <c r="N922015" s="10"/>
    </row>
    <row r="922016" spans="14:14">
      <c r="N922016" s="10"/>
    </row>
    <row r="922017" spans="14:14">
      <c r="N922017" s="10"/>
    </row>
    <row r="922018" spans="14:14">
      <c r="N922018" s="10"/>
    </row>
    <row r="922019" spans="14:14">
      <c r="N922019" s="10"/>
    </row>
    <row r="922020" spans="14:14">
      <c r="N922020" s="10"/>
    </row>
    <row r="922021" spans="14:14">
      <c r="N922021" s="10"/>
    </row>
    <row r="922022" spans="14:14">
      <c r="N922022" s="10"/>
    </row>
    <row r="922023" spans="14:14">
      <c r="N922023" s="10"/>
    </row>
    <row r="922024" spans="14:14">
      <c r="N922024" s="10"/>
    </row>
    <row r="922025" spans="14:14">
      <c r="N922025" s="10"/>
    </row>
    <row r="922026" spans="14:14">
      <c r="N922026" s="10"/>
    </row>
    <row r="922027" spans="14:14">
      <c r="N922027" s="10"/>
    </row>
    <row r="922028" spans="14:14">
      <c r="N922028" s="10"/>
    </row>
    <row r="922029" spans="14:14">
      <c r="N922029" s="10"/>
    </row>
    <row r="922030" spans="14:14">
      <c r="N922030" s="10"/>
    </row>
    <row r="922031" spans="14:14">
      <c r="N922031" s="10"/>
    </row>
    <row r="922032" spans="14:14">
      <c r="N922032" s="10"/>
    </row>
    <row r="922033" spans="14:14">
      <c r="N922033" s="10"/>
    </row>
    <row r="922034" spans="14:14">
      <c r="N922034" s="10"/>
    </row>
    <row r="922035" spans="14:14">
      <c r="N922035" s="10"/>
    </row>
    <row r="922036" spans="14:14">
      <c r="N922036" s="10"/>
    </row>
    <row r="922037" spans="14:14">
      <c r="N922037" s="10"/>
    </row>
    <row r="922038" spans="14:14">
      <c r="N922038" s="10"/>
    </row>
    <row r="922039" spans="14:14">
      <c r="N922039" s="10"/>
    </row>
    <row r="922040" spans="14:14">
      <c r="N922040" s="10"/>
    </row>
    <row r="922041" spans="14:14">
      <c r="N922041" s="10"/>
    </row>
    <row r="922042" spans="14:14">
      <c r="N922042" s="10"/>
    </row>
    <row r="922043" spans="14:14">
      <c r="N922043" s="10"/>
    </row>
    <row r="922044" spans="14:14">
      <c r="N922044" s="10"/>
    </row>
    <row r="922045" spans="14:14">
      <c r="N922045" s="10"/>
    </row>
    <row r="922046" spans="14:14">
      <c r="N922046" s="10"/>
    </row>
    <row r="922047" spans="14:14">
      <c r="N922047" s="10"/>
    </row>
    <row r="922048" spans="14:14">
      <c r="N922048" s="10"/>
    </row>
    <row r="922049" spans="14:14">
      <c r="N922049" s="10"/>
    </row>
    <row r="922050" spans="14:14">
      <c r="N922050" s="10"/>
    </row>
    <row r="922051" spans="14:14">
      <c r="N922051" s="10"/>
    </row>
    <row r="922052" spans="14:14">
      <c r="N922052" s="10"/>
    </row>
    <row r="922053" spans="14:14">
      <c r="N922053" s="10"/>
    </row>
    <row r="922054" spans="14:14">
      <c r="N922054" s="10"/>
    </row>
    <row r="922055" spans="14:14">
      <c r="N922055" s="10"/>
    </row>
    <row r="922056" spans="14:14">
      <c r="N922056" s="10"/>
    </row>
    <row r="922057" spans="14:14">
      <c r="N922057" s="10"/>
    </row>
    <row r="922058" spans="14:14">
      <c r="N922058" s="10"/>
    </row>
    <row r="922059" spans="14:14">
      <c r="N922059" s="10"/>
    </row>
    <row r="922060" spans="14:14">
      <c r="N922060" s="10"/>
    </row>
    <row r="922061" spans="14:14">
      <c r="N922061" s="10"/>
    </row>
    <row r="922062" spans="14:14">
      <c r="N922062" s="10"/>
    </row>
    <row r="922063" spans="14:14">
      <c r="N922063" s="10"/>
    </row>
    <row r="922064" spans="14:14">
      <c r="N922064" s="10"/>
    </row>
    <row r="922065" spans="14:14">
      <c r="N922065" s="10"/>
    </row>
    <row r="922066" spans="14:14">
      <c r="N922066" s="10"/>
    </row>
    <row r="922067" spans="14:14">
      <c r="N922067" s="10"/>
    </row>
    <row r="922068" spans="14:14">
      <c r="N922068" s="10"/>
    </row>
    <row r="922069" spans="14:14">
      <c r="N922069" s="10"/>
    </row>
    <row r="922070" spans="14:14">
      <c r="N922070" s="10"/>
    </row>
    <row r="922071" spans="14:14">
      <c r="N922071" s="10"/>
    </row>
    <row r="922072" spans="14:14">
      <c r="N922072" s="10"/>
    </row>
    <row r="922073" spans="14:14">
      <c r="N922073" s="10"/>
    </row>
    <row r="922074" spans="14:14">
      <c r="N922074" s="10"/>
    </row>
    <row r="922075" spans="14:14">
      <c r="N922075" s="10"/>
    </row>
    <row r="922076" spans="14:14">
      <c r="N922076" s="10"/>
    </row>
    <row r="922077" spans="14:14">
      <c r="N922077" s="10"/>
    </row>
    <row r="922078" spans="14:14">
      <c r="N922078" s="10"/>
    </row>
    <row r="922079" spans="14:14">
      <c r="N922079" s="10"/>
    </row>
    <row r="922080" spans="14:14">
      <c r="N922080" s="10"/>
    </row>
    <row r="922081" spans="14:14">
      <c r="N922081" s="10"/>
    </row>
    <row r="922082" spans="14:14">
      <c r="N922082" s="10"/>
    </row>
    <row r="922083" spans="14:14">
      <c r="N922083" s="10"/>
    </row>
    <row r="922084" spans="14:14">
      <c r="N922084" s="10"/>
    </row>
    <row r="922085" spans="14:14">
      <c r="N922085" s="10"/>
    </row>
    <row r="922086" spans="14:14">
      <c r="N922086" s="10"/>
    </row>
    <row r="922087" spans="14:14">
      <c r="N922087" s="10"/>
    </row>
    <row r="922088" spans="14:14">
      <c r="N922088" s="10"/>
    </row>
    <row r="922089" spans="14:14">
      <c r="N922089" s="10"/>
    </row>
    <row r="922090" spans="14:14">
      <c r="N922090" s="10"/>
    </row>
    <row r="922091" spans="14:14">
      <c r="N922091" s="10"/>
    </row>
    <row r="922092" spans="14:14">
      <c r="N922092" s="10"/>
    </row>
    <row r="922093" spans="14:14">
      <c r="N922093" s="10"/>
    </row>
    <row r="922094" spans="14:14">
      <c r="N922094" s="10"/>
    </row>
    <row r="922095" spans="14:14">
      <c r="N922095" s="10"/>
    </row>
    <row r="922096" spans="14:14">
      <c r="N922096" s="10"/>
    </row>
    <row r="922097" spans="14:14">
      <c r="N922097" s="10"/>
    </row>
    <row r="922098" spans="14:14">
      <c r="N922098" s="10"/>
    </row>
    <row r="922099" spans="14:14">
      <c r="N922099" s="10"/>
    </row>
    <row r="922100" spans="14:14">
      <c r="N922100" s="10"/>
    </row>
    <row r="922101" spans="14:14">
      <c r="N922101" s="10"/>
    </row>
    <row r="922102" spans="14:14">
      <c r="N922102" s="10"/>
    </row>
    <row r="922103" spans="14:14">
      <c r="N922103" s="10"/>
    </row>
    <row r="922104" spans="14:14">
      <c r="N922104" s="10"/>
    </row>
    <row r="922105" spans="14:14">
      <c r="N922105" s="10"/>
    </row>
    <row r="922106" spans="14:14">
      <c r="N922106" s="10"/>
    </row>
    <row r="922107" spans="14:14">
      <c r="N922107" s="10"/>
    </row>
    <row r="922108" spans="14:14">
      <c r="N922108" s="10"/>
    </row>
    <row r="922109" spans="14:14">
      <c r="N922109" s="10"/>
    </row>
    <row r="922110" spans="14:14">
      <c r="N922110" s="10"/>
    </row>
    <row r="922111" spans="14:14">
      <c r="N922111" s="10"/>
    </row>
    <row r="922112" spans="14:14">
      <c r="N922112" s="10"/>
    </row>
    <row r="922113" spans="14:14">
      <c r="N922113" s="10"/>
    </row>
    <row r="922114" spans="14:14">
      <c r="N922114" s="10"/>
    </row>
    <row r="922115" spans="14:14">
      <c r="N922115" s="10"/>
    </row>
    <row r="922116" spans="14:14">
      <c r="N922116" s="10"/>
    </row>
    <row r="922117" spans="14:14">
      <c r="N922117" s="10"/>
    </row>
    <row r="922118" spans="14:14">
      <c r="N922118" s="10"/>
    </row>
    <row r="922119" spans="14:14">
      <c r="N922119" s="10"/>
    </row>
    <row r="922120" spans="14:14">
      <c r="N922120" s="10"/>
    </row>
    <row r="922121" spans="14:14">
      <c r="N922121" s="10"/>
    </row>
    <row r="922122" spans="14:14">
      <c r="N922122" s="10"/>
    </row>
    <row r="922123" spans="14:14">
      <c r="N922123" s="10"/>
    </row>
    <row r="922124" spans="14:14">
      <c r="N922124" s="10"/>
    </row>
    <row r="922125" spans="14:14">
      <c r="N922125" s="10"/>
    </row>
    <row r="922126" spans="14:14">
      <c r="N922126" s="10"/>
    </row>
    <row r="922127" spans="14:14">
      <c r="N922127" s="10"/>
    </row>
    <row r="922128" spans="14:14">
      <c r="N922128" s="10"/>
    </row>
    <row r="922129" spans="14:14">
      <c r="N922129" s="10"/>
    </row>
    <row r="922130" spans="14:14">
      <c r="N922130" s="10"/>
    </row>
    <row r="922131" spans="14:14">
      <c r="N922131" s="10"/>
    </row>
    <row r="922132" spans="14:14">
      <c r="N922132" s="10"/>
    </row>
    <row r="922133" spans="14:14">
      <c r="N922133" s="10"/>
    </row>
    <row r="922134" spans="14:14">
      <c r="N922134" s="10"/>
    </row>
    <row r="922135" spans="14:14">
      <c r="N922135" s="10"/>
    </row>
    <row r="922136" spans="14:14">
      <c r="N922136" s="10"/>
    </row>
    <row r="922137" spans="14:14">
      <c r="N922137" s="10"/>
    </row>
    <row r="922138" spans="14:14">
      <c r="N922138" s="10"/>
    </row>
    <row r="922139" spans="14:14">
      <c r="N922139" s="10"/>
    </row>
    <row r="922140" spans="14:14">
      <c r="N922140" s="10"/>
    </row>
    <row r="922141" spans="14:14">
      <c r="N922141" s="10"/>
    </row>
    <row r="922142" spans="14:14">
      <c r="N922142" s="10"/>
    </row>
    <row r="922143" spans="14:14">
      <c r="N922143" s="10"/>
    </row>
    <row r="922144" spans="14:14">
      <c r="N922144" s="10"/>
    </row>
    <row r="922145" spans="14:14">
      <c r="N922145" s="10"/>
    </row>
    <row r="922146" spans="14:14">
      <c r="N922146" s="10"/>
    </row>
    <row r="922147" spans="14:14">
      <c r="N922147" s="10"/>
    </row>
    <row r="922148" spans="14:14">
      <c r="N922148" s="10"/>
    </row>
    <row r="922149" spans="14:14">
      <c r="N922149" s="10"/>
    </row>
    <row r="922150" spans="14:14">
      <c r="N922150" s="10"/>
    </row>
    <row r="922151" spans="14:14">
      <c r="N922151" s="10"/>
    </row>
    <row r="922152" spans="14:14">
      <c r="N922152" s="10"/>
    </row>
    <row r="922153" spans="14:14">
      <c r="N922153" s="10"/>
    </row>
    <row r="922154" spans="14:14">
      <c r="N922154" s="10"/>
    </row>
    <row r="922155" spans="14:14">
      <c r="N922155" s="10"/>
    </row>
    <row r="922156" spans="14:14">
      <c r="N922156" s="10"/>
    </row>
    <row r="922157" spans="14:14">
      <c r="N922157" s="10"/>
    </row>
    <row r="922158" spans="14:14">
      <c r="N922158" s="10"/>
    </row>
    <row r="922159" spans="14:14">
      <c r="N922159" s="10"/>
    </row>
    <row r="922160" spans="14:14">
      <c r="N922160" s="10"/>
    </row>
    <row r="922161" spans="14:14">
      <c r="N922161" s="10"/>
    </row>
    <row r="922162" spans="14:14">
      <c r="N922162" s="10"/>
    </row>
    <row r="922163" spans="14:14">
      <c r="N922163" s="10"/>
    </row>
    <row r="922164" spans="14:14">
      <c r="N922164" s="10"/>
    </row>
    <row r="922165" spans="14:14">
      <c r="N922165" s="10"/>
    </row>
    <row r="922166" spans="14:14">
      <c r="N922166" s="10"/>
    </row>
    <row r="922167" spans="14:14">
      <c r="N922167" s="10"/>
    </row>
    <row r="922168" spans="14:14">
      <c r="N922168" s="10"/>
    </row>
    <row r="922169" spans="14:14">
      <c r="N922169" s="10"/>
    </row>
    <row r="922170" spans="14:14">
      <c r="N922170" s="10"/>
    </row>
    <row r="922171" spans="14:14">
      <c r="N922171" s="10"/>
    </row>
    <row r="922172" spans="14:14">
      <c r="N922172" s="10"/>
    </row>
    <row r="922173" spans="14:14">
      <c r="N922173" s="10"/>
    </row>
    <row r="922174" spans="14:14">
      <c r="N922174" s="10"/>
    </row>
    <row r="922175" spans="14:14">
      <c r="N922175" s="10"/>
    </row>
    <row r="922176" spans="14:14">
      <c r="N922176" s="10"/>
    </row>
    <row r="922177" spans="14:14">
      <c r="N922177" s="10"/>
    </row>
    <row r="922178" spans="14:14">
      <c r="N922178" s="10"/>
    </row>
    <row r="922179" spans="14:14">
      <c r="N922179" s="10"/>
    </row>
    <row r="922180" spans="14:14">
      <c r="N922180" s="10"/>
    </row>
    <row r="922181" spans="14:14">
      <c r="N922181" s="10"/>
    </row>
    <row r="922182" spans="14:14">
      <c r="N922182" s="10"/>
    </row>
    <row r="922183" spans="14:14">
      <c r="N922183" s="10"/>
    </row>
    <row r="922184" spans="14:14">
      <c r="N922184" s="10"/>
    </row>
    <row r="922185" spans="14:14">
      <c r="N922185" s="10"/>
    </row>
    <row r="922186" spans="14:14">
      <c r="N922186" s="10"/>
    </row>
    <row r="922187" spans="14:14">
      <c r="N922187" s="10"/>
    </row>
    <row r="922188" spans="14:14">
      <c r="N922188" s="10"/>
    </row>
    <row r="922189" spans="14:14">
      <c r="N922189" s="10"/>
    </row>
    <row r="922190" spans="14:14">
      <c r="N922190" s="10"/>
    </row>
    <row r="922191" spans="14:14">
      <c r="N922191" s="10"/>
    </row>
    <row r="922192" spans="14:14">
      <c r="N922192" s="10"/>
    </row>
    <row r="922193" spans="14:14">
      <c r="N922193" s="10"/>
    </row>
    <row r="922194" spans="14:14">
      <c r="N922194" s="10"/>
    </row>
    <row r="922195" spans="14:14">
      <c r="N922195" s="10"/>
    </row>
    <row r="922196" spans="14:14">
      <c r="N922196" s="10"/>
    </row>
    <row r="922197" spans="14:14">
      <c r="N922197" s="10"/>
    </row>
    <row r="922198" spans="14:14">
      <c r="N922198" s="10"/>
    </row>
    <row r="922199" spans="14:14">
      <c r="N922199" s="10"/>
    </row>
    <row r="922200" spans="14:14">
      <c r="N922200" s="10"/>
    </row>
    <row r="922201" spans="14:14">
      <c r="N922201" s="10"/>
    </row>
    <row r="922202" spans="14:14">
      <c r="N922202" s="10"/>
    </row>
    <row r="922203" spans="14:14">
      <c r="N922203" s="10"/>
    </row>
    <row r="922204" spans="14:14">
      <c r="N922204" s="10"/>
    </row>
    <row r="922205" spans="14:14">
      <c r="N922205" s="10"/>
    </row>
    <row r="922206" spans="14:14">
      <c r="N922206" s="10"/>
    </row>
    <row r="922207" spans="14:14">
      <c r="N922207" s="10"/>
    </row>
    <row r="922208" spans="14:14">
      <c r="N922208" s="10"/>
    </row>
    <row r="922209" spans="14:14">
      <c r="N922209" s="10"/>
    </row>
    <row r="922210" spans="14:14">
      <c r="N922210" s="10"/>
    </row>
    <row r="922211" spans="14:14">
      <c r="N922211" s="10"/>
    </row>
    <row r="922212" spans="14:14">
      <c r="N922212" s="10"/>
    </row>
    <row r="922213" spans="14:14">
      <c r="N922213" s="10"/>
    </row>
    <row r="922214" spans="14:14">
      <c r="N922214" s="10"/>
    </row>
    <row r="922215" spans="14:14">
      <c r="N922215" s="10"/>
    </row>
    <row r="922216" spans="14:14">
      <c r="N922216" s="10"/>
    </row>
    <row r="922217" spans="14:14">
      <c r="N922217" s="10"/>
    </row>
    <row r="922218" spans="14:14">
      <c r="N922218" s="10"/>
    </row>
    <row r="922219" spans="14:14">
      <c r="N922219" s="10"/>
    </row>
    <row r="922220" spans="14:14">
      <c r="N922220" s="10"/>
    </row>
    <row r="922221" spans="14:14">
      <c r="N922221" s="10"/>
    </row>
    <row r="922222" spans="14:14">
      <c r="N922222" s="10"/>
    </row>
    <row r="922223" spans="14:14">
      <c r="N922223" s="10"/>
    </row>
    <row r="922224" spans="14:14">
      <c r="N922224" s="10"/>
    </row>
    <row r="922225" spans="14:14">
      <c r="N922225" s="10"/>
    </row>
    <row r="922226" spans="14:14">
      <c r="N922226" s="10"/>
    </row>
    <row r="922227" spans="14:14">
      <c r="N922227" s="10"/>
    </row>
    <row r="922228" spans="14:14">
      <c r="N922228" s="10"/>
    </row>
    <row r="922229" spans="14:14">
      <c r="N922229" s="10"/>
    </row>
    <row r="922230" spans="14:14">
      <c r="N922230" s="10"/>
    </row>
    <row r="922231" spans="14:14">
      <c r="N922231" s="10"/>
    </row>
    <row r="922232" spans="14:14">
      <c r="N922232" s="10"/>
    </row>
    <row r="922233" spans="14:14">
      <c r="N922233" s="10"/>
    </row>
    <row r="922234" spans="14:14">
      <c r="N922234" s="10"/>
    </row>
    <row r="922235" spans="14:14">
      <c r="N922235" s="10"/>
    </row>
    <row r="922236" spans="14:14">
      <c r="N922236" s="10"/>
    </row>
    <row r="922237" spans="14:14">
      <c r="N922237" s="10"/>
    </row>
    <row r="922238" spans="14:14">
      <c r="N922238" s="10"/>
    </row>
    <row r="922239" spans="14:14">
      <c r="N922239" s="10"/>
    </row>
    <row r="922240" spans="14:14">
      <c r="N922240" s="10"/>
    </row>
    <row r="922241" spans="14:14">
      <c r="N922241" s="10"/>
    </row>
    <row r="922242" spans="14:14">
      <c r="N922242" s="10"/>
    </row>
    <row r="922243" spans="14:14">
      <c r="N922243" s="10"/>
    </row>
    <row r="922244" spans="14:14">
      <c r="N922244" s="10"/>
    </row>
    <row r="922245" spans="14:14">
      <c r="N922245" s="10"/>
    </row>
    <row r="922246" spans="14:14">
      <c r="N922246" s="10"/>
    </row>
    <row r="922247" spans="14:14">
      <c r="N922247" s="10"/>
    </row>
    <row r="922248" spans="14:14">
      <c r="N922248" s="10"/>
    </row>
    <row r="922249" spans="14:14">
      <c r="N922249" s="10"/>
    </row>
    <row r="922250" spans="14:14">
      <c r="N922250" s="10"/>
    </row>
    <row r="922251" spans="14:14">
      <c r="N922251" s="10"/>
    </row>
    <row r="922252" spans="14:14">
      <c r="N922252" s="10"/>
    </row>
    <row r="922253" spans="14:14">
      <c r="N922253" s="10"/>
    </row>
    <row r="922254" spans="14:14">
      <c r="N922254" s="10"/>
    </row>
    <row r="922255" spans="14:14">
      <c r="N922255" s="10"/>
    </row>
    <row r="922256" spans="14:14">
      <c r="N922256" s="10"/>
    </row>
    <row r="922257" spans="14:14">
      <c r="N922257" s="10"/>
    </row>
    <row r="922258" spans="14:14">
      <c r="N922258" s="10"/>
    </row>
    <row r="922259" spans="14:14">
      <c r="N922259" s="10"/>
    </row>
    <row r="922260" spans="14:14">
      <c r="N922260" s="10"/>
    </row>
    <row r="922261" spans="14:14">
      <c r="N922261" s="10"/>
    </row>
    <row r="922262" spans="14:14">
      <c r="N922262" s="10"/>
    </row>
    <row r="922263" spans="14:14">
      <c r="N922263" s="10"/>
    </row>
    <row r="922264" spans="14:14">
      <c r="N922264" s="10"/>
    </row>
    <row r="922265" spans="14:14">
      <c r="N922265" s="10"/>
    </row>
    <row r="922266" spans="14:14">
      <c r="N922266" s="10"/>
    </row>
    <row r="922267" spans="14:14">
      <c r="N922267" s="10"/>
    </row>
    <row r="922268" spans="14:14">
      <c r="N922268" s="10"/>
    </row>
    <row r="922269" spans="14:14">
      <c r="N922269" s="10"/>
    </row>
    <row r="922270" spans="14:14">
      <c r="N922270" s="10"/>
    </row>
    <row r="922271" spans="14:14">
      <c r="N922271" s="10"/>
    </row>
    <row r="922272" spans="14:14">
      <c r="N922272" s="10"/>
    </row>
    <row r="922273" spans="14:14">
      <c r="N922273" s="10"/>
    </row>
    <row r="922274" spans="14:14">
      <c r="N922274" s="10"/>
    </row>
    <row r="922275" spans="14:14">
      <c r="N922275" s="10"/>
    </row>
    <row r="922276" spans="14:14">
      <c r="N922276" s="10"/>
    </row>
    <row r="922277" spans="14:14">
      <c r="N922277" s="10"/>
    </row>
    <row r="922278" spans="14:14">
      <c r="N922278" s="10"/>
    </row>
    <row r="922279" spans="14:14">
      <c r="N922279" s="10"/>
    </row>
    <row r="922280" spans="14:14">
      <c r="N922280" s="10"/>
    </row>
    <row r="922281" spans="14:14">
      <c r="N922281" s="10"/>
    </row>
    <row r="922282" spans="14:14">
      <c r="N922282" s="10"/>
    </row>
    <row r="922283" spans="14:14">
      <c r="N922283" s="10"/>
    </row>
    <row r="922284" spans="14:14">
      <c r="N922284" s="10"/>
    </row>
    <row r="922285" spans="14:14">
      <c r="N922285" s="10"/>
    </row>
    <row r="922286" spans="14:14">
      <c r="N922286" s="10"/>
    </row>
    <row r="922287" spans="14:14">
      <c r="N922287" s="10"/>
    </row>
    <row r="922288" spans="14:14">
      <c r="N922288" s="10"/>
    </row>
    <row r="922289" spans="14:14">
      <c r="N922289" s="10"/>
    </row>
    <row r="922290" spans="14:14">
      <c r="N922290" s="10"/>
    </row>
    <row r="922291" spans="14:14">
      <c r="N922291" s="10"/>
    </row>
    <row r="922292" spans="14:14">
      <c r="N922292" s="10"/>
    </row>
    <row r="922293" spans="14:14">
      <c r="N922293" s="10"/>
    </row>
    <row r="922294" spans="14:14">
      <c r="N922294" s="10"/>
    </row>
    <row r="922295" spans="14:14">
      <c r="N922295" s="10"/>
    </row>
    <row r="922296" spans="14:14">
      <c r="N922296" s="10"/>
    </row>
    <row r="922297" spans="14:14">
      <c r="N922297" s="10"/>
    </row>
    <row r="922298" spans="14:14">
      <c r="N922298" s="10"/>
    </row>
    <row r="922299" spans="14:14">
      <c r="N922299" s="10"/>
    </row>
    <row r="922300" spans="14:14">
      <c r="N922300" s="10"/>
    </row>
    <row r="922301" spans="14:14">
      <c r="N922301" s="10"/>
    </row>
    <row r="922302" spans="14:14">
      <c r="N922302" s="10"/>
    </row>
    <row r="922303" spans="14:14">
      <c r="N922303" s="10"/>
    </row>
    <row r="922304" spans="14:14">
      <c r="N922304" s="10"/>
    </row>
    <row r="922305" spans="14:14">
      <c r="N922305" s="10"/>
    </row>
    <row r="922306" spans="14:14">
      <c r="N922306" s="10"/>
    </row>
    <row r="922307" spans="14:14">
      <c r="N922307" s="10"/>
    </row>
    <row r="922308" spans="14:14">
      <c r="N922308" s="10"/>
    </row>
    <row r="922309" spans="14:14">
      <c r="N922309" s="10"/>
    </row>
    <row r="922310" spans="14:14">
      <c r="N922310" s="10"/>
    </row>
    <row r="922311" spans="14:14">
      <c r="N922311" s="10"/>
    </row>
    <row r="922312" spans="14:14">
      <c r="N922312" s="10"/>
    </row>
    <row r="922313" spans="14:14">
      <c r="N922313" s="10"/>
    </row>
    <row r="922314" spans="14:14">
      <c r="N922314" s="10"/>
    </row>
    <row r="922315" spans="14:14">
      <c r="N922315" s="10"/>
    </row>
    <row r="922316" spans="14:14">
      <c r="N922316" s="10"/>
    </row>
    <row r="922317" spans="14:14">
      <c r="N922317" s="10"/>
    </row>
    <row r="922318" spans="14:14">
      <c r="N922318" s="10"/>
    </row>
    <row r="922319" spans="14:14">
      <c r="N922319" s="10"/>
    </row>
    <row r="922320" spans="14:14">
      <c r="N922320" s="10"/>
    </row>
    <row r="922321" spans="14:14">
      <c r="N922321" s="10"/>
    </row>
    <row r="922322" spans="14:14">
      <c r="N922322" s="10"/>
    </row>
    <row r="922323" spans="14:14">
      <c r="N922323" s="10"/>
    </row>
    <row r="922324" spans="14:14">
      <c r="N922324" s="10"/>
    </row>
    <row r="922325" spans="14:14">
      <c r="N922325" s="10"/>
    </row>
    <row r="922326" spans="14:14">
      <c r="N922326" s="10"/>
    </row>
    <row r="922327" spans="14:14">
      <c r="N922327" s="10"/>
    </row>
    <row r="922328" spans="14:14">
      <c r="N922328" s="10"/>
    </row>
    <row r="922329" spans="14:14">
      <c r="N922329" s="10"/>
    </row>
    <row r="922330" spans="14:14">
      <c r="N922330" s="10"/>
    </row>
    <row r="922331" spans="14:14">
      <c r="N922331" s="10"/>
    </row>
    <row r="922332" spans="14:14">
      <c r="N922332" s="10"/>
    </row>
    <row r="922333" spans="14:14">
      <c r="N922333" s="10"/>
    </row>
    <row r="922334" spans="14:14">
      <c r="N922334" s="10"/>
    </row>
    <row r="922335" spans="14:14">
      <c r="N922335" s="10"/>
    </row>
    <row r="922336" spans="14:14">
      <c r="N922336" s="10"/>
    </row>
    <row r="922337" spans="14:14">
      <c r="N922337" s="10"/>
    </row>
    <row r="922338" spans="14:14">
      <c r="N922338" s="10"/>
    </row>
    <row r="922339" spans="14:14">
      <c r="N922339" s="10"/>
    </row>
    <row r="922340" spans="14:14">
      <c r="N922340" s="10"/>
    </row>
    <row r="922341" spans="14:14">
      <c r="N922341" s="10"/>
    </row>
    <row r="922342" spans="14:14">
      <c r="N922342" s="10"/>
    </row>
    <row r="922343" spans="14:14">
      <c r="N922343" s="10"/>
    </row>
    <row r="922344" spans="14:14">
      <c r="N922344" s="10"/>
    </row>
    <row r="922345" spans="14:14">
      <c r="N922345" s="10"/>
    </row>
    <row r="922346" spans="14:14">
      <c r="N922346" s="10"/>
    </row>
    <row r="922347" spans="14:14">
      <c r="N922347" s="10"/>
    </row>
    <row r="922348" spans="14:14">
      <c r="N922348" s="10"/>
    </row>
    <row r="922349" spans="14:14">
      <c r="N922349" s="10"/>
    </row>
    <row r="922350" spans="14:14">
      <c r="N922350" s="10"/>
    </row>
    <row r="922351" spans="14:14">
      <c r="N922351" s="10"/>
    </row>
    <row r="922352" spans="14:14">
      <c r="N922352" s="10"/>
    </row>
    <row r="922353" spans="14:14">
      <c r="N922353" s="10"/>
    </row>
    <row r="922354" spans="14:14">
      <c r="N922354" s="10"/>
    </row>
    <row r="922355" spans="14:14">
      <c r="N922355" s="10"/>
    </row>
    <row r="922356" spans="14:14">
      <c r="N922356" s="10"/>
    </row>
    <row r="922357" spans="14:14">
      <c r="N922357" s="10"/>
    </row>
    <row r="922358" spans="14:14">
      <c r="N922358" s="10"/>
    </row>
    <row r="922359" spans="14:14">
      <c r="N922359" s="10"/>
    </row>
    <row r="922360" spans="14:14">
      <c r="N922360" s="10"/>
    </row>
    <row r="922361" spans="14:14">
      <c r="N922361" s="10"/>
    </row>
    <row r="922362" spans="14:14">
      <c r="N922362" s="10"/>
    </row>
    <row r="922363" spans="14:14">
      <c r="N922363" s="10"/>
    </row>
    <row r="922364" spans="14:14">
      <c r="N922364" s="10"/>
    </row>
    <row r="922365" spans="14:14">
      <c r="N922365" s="10"/>
    </row>
    <row r="922366" spans="14:14">
      <c r="N922366" s="10"/>
    </row>
    <row r="922367" spans="14:14">
      <c r="N922367" s="10"/>
    </row>
    <row r="922368" spans="14:14">
      <c r="N922368" s="10"/>
    </row>
    <row r="922369" spans="14:14">
      <c r="N922369" s="10"/>
    </row>
    <row r="922370" spans="14:14">
      <c r="N922370" s="10"/>
    </row>
    <row r="922371" spans="14:14">
      <c r="N922371" s="10"/>
    </row>
    <row r="922372" spans="14:14">
      <c r="N922372" s="10"/>
    </row>
    <row r="922373" spans="14:14">
      <c r="N922373" s="10"/>
    </row>
    <row r="922374" spans="14:14">
      <c r="N922374" s="10"/>
    </row>
    <row r="922375" spans="14:14">
      <c r="N922375" s="10"/>
    </row>
    <row r="922376" spans="14:14">
      <c r="N922376" s="10"/>
    </row>
    <row r="922377" spans="14:14">
      <c r="N922377" s="10"/>
    </row>
    <row r="922378" spans="14:14">
      <c r="N922378" s="10"/>
    </row>
    <row r="922379" spans="14:14">
      <c r="N922379" s="10"/>
    </row>
    <row r="922380" spans="14:14">
      <c r="N922380" s="10"/>
    </row>
    <row r="922381" spans="14:14">
      <c r="N922381" s="10"/>
    </row>
    <row r="922382" spans="14:14">
      <c r="N922382" s="10"/>
    </row>
    <row r="922383" spans="14:14">
      <c r="N922383" s="10"/>
    </row>
    <row r="922384" spans="14:14">
      <c r="N922384" s="10"/>
    </row>
    <row r="922385" spans="14:14">
      <c r="N922385" s="10"/>
    </row>
    <row r="922386" spans="14:14">
      <c r="N922386" s="10"/>
    </row>
    <row r="922387" spans="14:14">
      <c r="N922387" s="10"/>
    </row>
    <row r="922388" spans="14:14">
      <c r="N922388" s="10"/>
    </row>
    <row r="922389" spans="14:14">
      <c r="N922389" s="10"/>
    </row>
    <row r="922390" spans="14:14">
      <c r="N922390" s="10"/>
    </row>
    <row r="922391" spans="14:14">
      <c r="N922391" s="10"/>
    </row>
    <row r="922392" spans="14:14">
      <c r="N922392" s="10"/>
    </row>
    <row r="922393" spans="14:14">
      <c r="N922393" s="10"/>
    </row>
    <row r="922394" spans="14:14">
      <c r="N922394" s="10"/>
    </row>
    <row r="922395" spans="14:14">
      <c r="N922395" s="10"/>
    </row>
    <row r="922396" spans="14:14">
      <c r="N922396" s="10"/>
    </row>
    <row r="922397" spans="14:14">
      <c r="N922397" s="10"/>
    </row>
    <row r="922398" spans="14:14">
      <c r="N922398" s="10"/>
    </row>
    <row r="922399" spans="14:14">
      <c r="N922399" s="10"/>
    </row>
    <row r="922400" spans="14:14">
      <c r="N922400" s="10"/>
    </row>
    <row r="922401" spans="14:14">
      <c r="N922401" s="10"/>
    </row>
    <row r="922402" spans="14:14">
      <c r="N922402" s="10"/>
    </row>
    <row r="922403" spans="14:14">
      <c r="N922403" s="10"/>
    </row>
    <row r="922404" spans="14:14">
      <c r="N922404" s="10"/>
    </row>
    <row r="922405" spans="14:14">
      <c r="N922405" s="10"/>
    </row>
    <row r="922406" spans="14:14">
      <c r="N922406" s="10"/>
    </row>
    <row r="922407" spans="14:14">
      <c r="N922407" s="10"/>
    </row>
    <row r="922408" spans="14:14">
      <c r="N922408" s="10"/>
    </row>
    <row r="922409" spans="14:14">
      <c r="N922409" s="10"/>
    </row>
    <row r="922410" spans="14:14">
      <c r="N922410" s="10"/>
    </row>
    <row r="922411" spans="14:14">
      <c r="N922411" s="10"/>
    </row>
    <row r="922412" spans="14:14">
      <c r="N922412" s="10"/>
    </row>
    <row r="922413" spans="14:14">
      <c r="N922413" s="10"/>
    </row>
    <row r="922414" spans="14:14">
      <c r="N922414" s="10"/>
    </row>
    <row r="922415" spans="14:14">
      <c r="N922415" s="10"/>
    </row>
    <row r="922416" spans="14:14">
      <c r="N922416" s="10"/>
    </row>
    <row r="922417" spans="14:14">
      <c r="N922417" s="10"/>
    </row>
    <row r="922418" spans="14:14">
      <c r="N922418" s="10"/>
    </row>
    <row r="922419" spans="14:14">
      <c r="N922419" s="10"/>
    </row>
    <row r="922420" spans="14:14">
      <c r="N922420" s="10"/>
    </row>
    <row r="922421" spans="14:14">
      <c r="N922421" s="10"/>
    </row>
    <row r="922422" spans="14:14">
      <c r="N922422" s="10"/>
    </row>
    <row r="922423" spans="14:14">
      <c r="N922423" s="10"/>
    </row>
    <row r="922424" spans="14:14">
      <c r="N922424" s="10"/>
    </row>
    <row r="922425" spans="14:14">
      <c r="N922425" s="10"/>
    </row>
    <row r="922426" spans="14:14">
      <c r="N922426" s="10"/>
    </row>
    <row r="922427" spans="14:14">
      <c r="N922427" s="10"/>
    </row>
    <row r="922428" spans="14:14">
      <c r="N922428" s="10"/>
    </row>
    <row r="922429" spans="14:14">
      <c r="N922429" s="10"/>
    </row>
    <row r="922430" spans="14:14">
      <c r="N922430" s="10"/>
    </row>
    <row r="922431" spans="14:14">
      <c r="N922431" s="10"/>
    </row>
    <row r="922432" spans="14:14">
      <c r="N922432" s="10"/>
    </row>
    <row r="922433" spans="14:14">
      <c r="N922433" s="10"/>
    </row>
    <row r="922434" spans="14:14">
      <c r="N922434" s="10"/>
    </row>
    <row r="922435" spans="14:14">
      <c r="N922435" s="10"/>
    </row>
    <row r="922436" spans="14:14">
      <c r="N922436" s="10"/>
    </row>
    <row r="922437" spans="14:14">
      <c r="N922437" s="10"/>
    </row>
    <row r="922438" spans="14:14">
      <c r="N922438" s="10"/>
    </row>
    <row r="922439" spans="14:14">
      <c r="N922439" s="10"/>
    </row>
    <row r="922440" spans="14:14">
      <c r="N922440" s="10"/>
    </row>
    <row r="922441" spans="14:14">
      <c r="N922441" s="10"/>
    </row>
    <row r="922442" spans="14:14">
      <c r="N922442" s="10"/>
    </row>
    <row r="922443" spans="14:14">
      <c r="N922443" s="10"/>
    </row>
    <row r="922444" spans="14:14">
      <c r="N922444" s="10"/>
    </row>
    <row r="922445" spans="14:14">
      <c r="N922445" s="10"/>
    </row>
    <row r="922446" spans="14:14">
      <c r="N922446" s="10"/>
    </row>
    <row r="922447" spans="14:14">
      <c r="N922447" s="10"/>
    </row>
    <row r="922448" spans="14:14">
      <c r="N922448" s="10"/>
    </row>
    <row r="922449" spans="14:14">
      <c r="N922449" s="10"/>
    </row>
    <row r="922450" spans="14:14">
      <c r="N922450" s="10"/>
    </row>
    <row r="922451" spans="14:14">
      <c r="N922451" s="10"/>
    </row>
    <row r="922452" spans="14:14">
      <c r="N922452" s="10"/>
    </row>
    <row r="922453" spans="14:14">
      <c r="N922453" s="10"/>
    </row>
    <row r="922454" spans="14:14">
      <c r="N922454" s="10"/>
    </row>
    <row r="922455" spans="14:14">
      <c r="N922455" s="10"/>
    </row>
    <row r="922456" spans="14:14">
      <c r="N922456" s="10"/>
    </row>
    <row r="922457" spans="14:14">
      <c r="N922457" s="10"/>
    </row>
    <row r="922458" spans="14:14">
      <c r="N922458" s="10"/>
    </row>
    <row r="922459" spans="14:14">
      <c r="N922459" s="10"/>
    </row>
    <row r="922460" spans="14:14">
      <c r="N922460" s="10"/>
    </row>
    <row r="922461" spans="14:14">
      <c r="N922461" s="10"/>
    </row>
    <row r="922462" spans="14:14">
      <c r="N922462" s="10"/>
    </row>
    <row r="922463" spans="14:14">
      <c r="N922463" s="10"/>
    </row>
    <row r="922464" spans="14:14">
      <c r="N922464" s="10"/>
    </row>
    <row r="922465" spans="14:14">
      <c r="N922465" s="10"/>
    </row>
    <row r="922466" spans="14:14">
      <c r="N922466" s="10"/>
    </row>
    <row r="922467" spans="14:14">
      <c r="N922467" s="10"/>
    </row>
    <row r="922468" spans="14:14">
      <c r="N922468" s="10"/>
    </row>
    <row r="922469" spans="14:14">
      <c r="N922469" s="10"/>
    </row>
    <row r="922470" spans="14:14">
      <c r="N922470" s="10"/>
    </row>
    <row r="922471" spans="14:14">
      <c r="N922471" s="10"/>
    </row>
    <row r="922472" spans="14:14">
      <c r="N922472" s="10"/>
    </row>
    <row r="922473" spans="14:14">
      <c r="N922473" s="10"/>
    </row>
    <row r="922474" spans="14:14">
      <c r="N922474" s="10"/>
    </row>
    <row r="922475" spans="14:14">
      <c r="N922475" s="10"/>
    </row>
    <row r="922476" spans="14:14">
      <c r="N922476" s="10"/>
    </row>
    <row r="922477" spans="14:14">
      <c r="N922477" s="10"/>
    </row>
    <row r="922478" spans="14:14">
      <c r="N922478" s="10"/>
    </row>
    <row r="922479" spans="14:14">
      <c r="N922479" s="10"/>
    </row>
    <row r="922480" spans="14:14">
      <c r="N922480" s="10"/>
    </row>
    <row r="922481" spans="14:14">
      <c r="N922481" s="10"/>
    </row>
    <row r="922482" spans="14:14">
      <c r="N922482" s="10"/>
    </row>
    <row r="922483" spans="14:14">
      <c r="N922483" s="10"/>
    </row>
    <row r="922484" spans="14:14">
      <c r="N922484" s="10"/>
    </row>
    <row r="922485" spans="14:14">
      <c r="N922485" s="10"/>
    </row>
    <row r="922486" spans="14:14">
      <c r="N922486" s="10"/>
    </row>
    <row r="922487" spans="14:14">
      <c r="N922487" s="10"/>
    </row>
    <row r="922488" spans="14:14">
      <c r="N922488" s="10"/>
    </row>
    <row r="922489" spans="14:14">
      <c r="N922489" s="10"/>
    </row>
    <row r="922490" spans="14:14">
      <c r="N922490" s="10"/>
    </row>
    <row r="922491" spans="14:14">
      <c r="N922491" s="10"/>
    </row>
    <row r="922492" spans="14:14">
      <c r="N922492" s="10"/>
    </row>
    <row r="922493" spans="14:14">
      <c r="N922493" s="10"/>
    </row>
    <row r="922494" spans="14:14">
      <c r="N922494" s="10"/>
    </row>
    <row r="922495" spans="14:14">
      <c r="N922495" s="10"/>
    </row>
    <row r="922496" spans="14:14">
      <c r="N922496" s="10"/>
    </row>
    <row r="922497" spans="14:14">
      <c r="N922497" s="10"/>
    </row>
    <row r="922498" spans="14:14">
      <c r="N922498" s="10"/>
    </row>
    <row r="922499" spans="14:14">
      <c r="N922499" s="10"/>
    </row>
    <row r="922500" spans="14:14">
      <c r="N922500" s="10"/>
    </row>
    <row r="922501" spans="14:14">
      <c r="N922501" s="10"/>
    </row>
    <row r="922502" spans="14:14">
      <c r="N922502" s="10"/>
    </row>
    <row r="922503" spans="14:14">
      <c r="N922503" s="10"/>
    </row>
    <row r="922504" spans="14:14">
      <c r="N922504" s="10"/>
    </row>
    <row r="922505" spans="14:14">
      <c r="N922505" s="10"/>
    </row>
    <row r="922506" spans="14:14">
      <c r="N922506" s="10"/>
    </row>
    <row r="922507" spans="14:14">
      <c r="N922507" s="10"/>
    </row>
    <row r="922508" spans="14:14">
      <c r="N922508" s="10"/>
    </row>
    <row r="922509" spans="14:14">
      <c r="N922509" s="10"/>
    </row>
    <row r="922510" spans="14:14">
      <c r="N922510" s="10"/>
    </row>
    <row r="922511" spans="14:14">
      <c r="N922511" s="10"/>
    </row>
    <row r="922512" spans="14:14">
      <c r="N922512" s="10"/>
    </row>
    <row r="922513" spans="14:14">
      <c r="N922513" s="10"/>
    </row>
    <row r="922514" spans="14:14">
      <c r="N922514" s="10"/>
    </row>
    <row r="922515" spans="14:14">
      <c r="N922515" s="10"/>
    </row>
    <row r="922516" spans="14:14">
      <c r="N922516" s="10"/>
    </row>
    <row r="922517" spans="14:14">
      <c r="N922517" s="10"/>
    </row>
    <row r="922518" spans="14:14">
      <c r="N922518" s="10"/>
    </row>
    <row r="922519" spans="14:14">
      <c r="N922519" s="10"/>
    </row>
    <row r="922520" spans="14:14">
      <c r="N922520" s="10"/>
    </row>
    <row r="922521" spans="14:14">
      <c r="N922521" s="10"/>
    </row>
    <row r="922522" spans="14:14">
      <c r="N922522" s="10"/>
    </row>
    <row r="922523" spans="14:14">
      <c r="N922523" s="10"/>
    </row>
    <row r="922524" spans="14:14">
      <c r="N922524" s="10"/>
    </row>
    <row r="922525" spans="14:14">
      <c r="N922525" s="10"/>
    </row>
    <row r="922526" spans="14:14">
      <c r="N922526" s="10"/>
    </row>
    <row r="922527" spans="14:14">
      <c r="N922527" s="10"/>
    </row>
    <row r="922528" spans="14:14">
      <c r="N922528" s="10"/>
    </row>
    <row r="922529" spans="14:14">
      <c r="N922529" s="10"/>
    </row>
    <row r="922530" spans="14:14">
      <c r="N922530" s="10"/>
    </row>
    <row r="922531" spans="14:14">
      <c r="N922531" s="10"/>
    </row>
    <row r="922532" spans="14:14">
      <c r="N922532" s="10"/>
    </row>
    <row r="922533" spans="14:14">
      <c r="N922533" s="10"/>
    </row>
    <row r="922534" spans="14:14">
      <c r="N922534" s="10"/>
    </row>
    <row r="922535" spans="14:14">
      <c r="N922535" s="10"/>
    </row>
    <row r="922536" spans="14:14">
      <c r="N922536" s="10"/>
    </row>
    <row r="922537" spans="14:14">
      <c r="N922537" s="10"/>
    </row>
    <row r="922538" spans="14:14">
      <c r="N922538" s="10"/>
    </row>
    <row r="922539" spans="14:14">
      <c r="N922539" s="10"/>
    </row>
    <row r="922540" spans="14:14">
      <c r="N922540" s="10"/>
    </row>
    <row r="922541" spans="14:14">
      <c r="N922541" s="10"/>
    </row>
    <row r="922542" spans="14:14">
      <c r="N922542" s="10"/>
    </row>
    <row r="922543" spans="14:14">
      <c r="N922543" s="10"/>
    </row>
    <row r="922544" spans="14:14">
      <c r="N922544" s="10"/>
    </row>
    <row r="922545" spans="14:14">
      <c r="N922545" s="10"/>
    </row>
    <row r="922546" spans="14:14">
      <c r="N922546" s="10"/>
    </row>
    <row r="922547" spans="14:14">
      <c r="N922547" s="10"/>
    </row>
    <row r="922548" spans="14:14">
      <c r="N922548" s="10"/>
    </row>
    <row r="922549" spans="14:14">
      <c r="N922549" s="10"/>
    </row>
    <row r="922550" spans="14:14">
      <c r="N922550" s="10"/>
    </row>
    <row r="922551" spans="14:14">
      <c r="N922551" s="10"/>
    </row>
    <row r="922552" spans="14:14">
      <c r="N922552" s="10"/>
    </row>
    <row r="922553" spans="14:14">
      <c r="N922553" s="10"/>
    </row>
    <row r="922554" spans="14:14">
      <c r="N922554" s="10"/>
    </row>
    <row r="922555" spans="14:14">
      <c r="N922555" s="10"/>
    </row>
    <row r="922556" spans="14:14">
      <c r="N922556" s="10"/>
    </row>
    <row r="922557" spans="14:14">
      <c r="N922557" s="10"/>
    </row>
    <row r="922558" spans="14:14">
      <c r="N922558" s="10"/>
    </row>
    <row r="922559" spans="14:14">
      <c r="N922559" s="10"/>
    </row>
    <row r="922560" spans="14:14">
      <c r="N922560" s="10"/>
    </row>
    <row r="922561" spans="14:14">
      <c r="N922561" s="10"/>
    </row>
    <row r="922562" spans="14:14">
      <c r="N922562" s="10"/>
    </row>
    <row r="922563" spans="14:14">
      <c r="N922563" s="10"/>
    </row>
    <row r="922564" spans="14:14">
      <c r="N922564" s="10"/>
    </row>
    <row r="922565" spans="14:14">
      <c r="N922565" s="10"/>
    </row>
    <row r="922566" spans="14:14">
      <c r="N922566" s="10"/>
    </row>
    <row r="922567" spans="14:14">
      <c r="N922567" s="10"/>
    </row>
    <row r="922568" spans="14:14">
      <c r="N922568" s="10"/>
    </row>
    <row r="922569" spans="14:14">
      <c r="N922569" s="10"/>
    </row>
    <row r="922570" spans="14:14">
      <c r="N922570" s="10"/>
    </row>
    <row r="922571" spans="14:14">
      <c r="N922571" s="10"/>
    </row>
    <row r="922572" spans="14:14">
      <c r="N922572" s="10"/>
    </row>
    <row r="922573" spans="14:14">
      <c r="N922573" s="10"/>
    </row>
    <row r="922574" spans="14:14">
      <c r="N922574" s="10"/>
    </row>
    <row r="922575" spans="14:14">
      <c r="N922575" s="10"/>
    </row>
    <row r="922576" spans="14:14">
      <c r="N922576" s="10"/>
    </row>
    <row r="922577" spans="14:14">
      <c r="N922577" s="10"/>
    </row>
    <row r="922578" spans="14:14">
      <c r="N922578" s="10"/>
    </row>
    <row r="922579" spans="14:14">
      <c r="N922579" s="10"/>
    </row>
    <row r="922580" spans="14:14">
      <c r="N922580" s="10"/>
    </row>
    <row r="922581" spans="14:14">
      <c r="N922581" s="10"/>
    </row>
    <row r="922582" spans="14:14">
      <c r="N922582" s="10"/>
    </row>
    <row r="922583" spans="14:14">
      <c r="N922583" s="10"/>
    </row>
    <row r="922584" spans="14:14">
      <c r="N922584" s="10"/>
    </row>
    <row r="922585" spans="14:14">
      <c r="N922585" s="10"/>
    </row>
    <row r="922586" spans="14:14">
      <c r="N922586" s="10"/>
    </row>
    <row r="922587" spans="14:14">
      <c r="N922587" s="10"/>
    </row>
    <row r="922588" spans="14:14">
      <c r="N922588" s="10"/>
    </row>
    <row r="922589" spans="14:14">
      <c r="N922589" s="10"/>
    </row>
    <row r="922590" spans="14:14">
      <c r="N922590" s="10"/>
    </row>
    <row r="922591" spans="14:14">
      <c r="N922591" s="10"/>
    </row>
    <row r="922592" spans="14:14">
      <c r="N922592" s="10"/>
    </row>
    <row r="922593" spans="14:14">
      <c r="N922593" s="10"/>
    </row>
    <row r="922594" spans="14:14">
      <c r="N922594" s="10"/>
    </row>
    <row r="922595" spans="14:14">
      <c r="N922595" s="10"/>
    </row>
    <row r="922596" spans="14:14">
      <c r="N922596" s="10"/>
    </row>
    <row r="922597" spans="14:14">
      <c r="N922597" s="10"/>
    </row>
    <row r="922598" spans="14:14">
      <c r="N922598" s="10"/>
    </row>
    <row r="922599" spans="14:14">
      <c r="N922599" s="10"/>
    </row>
    <row r="922600" spans="14:14">
      <c r="N922600" s="10"/>
    </row>
    <row r="922601" spans="14:14">
      <c r="N922601" s="10"/>
    </row>
    <row r="922602" spans="14:14">
      <c r="N922602" s="10"/>
    </row>
    <row r="922603" spans="14:14">
      <c r="N922603" s="10"/>
    </row>
    <row r="922604" spans="14:14">
      <c r="N922604" s="10"/>
    </row>
    <row r="922605" spans="14:14">
      <c r="N922605" s="10"/>
    </row>
    <row r="922606" spans="14:14">
      <c r="N922606" s="10"/>
    </row>
    <row r="922607" spans="14:14">
      <c r="N922607" s="10"/>
    </row>
    <row r="922608" spans="14:14">
      <c r="N922608" s="10"/>
    </row>
    <row r="922609" spans="14:14">
      <c r="N922609" s="10"/>
    </row>
    <row r="922610" spans="14:14">
      <c r="N922610" s="10"/>
    </row>
    <row r="922611" spans="14:14">
      <c r="N922611" s="10"/>
    </row>
    <row r="922612" spans="14:14">
      <c r="N922612" s="10"/>
    </row>
    <row r="922613" spans="14:14">
      <c r="N922613" s="10"/>
    </row>
    <row r="922614" spans="14:14">
      <c r="N922614" s="10"/>
    </row>
    <row r="922615" spans="14:14">
      <c r="N922615" s="10"/>
    </row>
    <row r="922616" spans="14:14">
      <c r="N922616" s="10"/>
    </row>
    <row r="922617" spans="14:14">
      <c r="N922617" s="10"/>
    </row>
    <row r="922618" spans="14:14">
      <c r="N922618" s="10"/>
    </row>
    <row r="922619" spans="14:14">
      <c r="N922619" s="10"/>
    </row>
    <row r="922620" spans="14:14">
      <c r="N922620" s="10"/>
    </row>
    <row r="922621" spans="14:14">
      <c r="N922621" s="10"/>
    </row>
    <row r="922622" spans="14:14">
      <c r="N922622" s="10"/>
    </row>
    <row r="922623" spans="14:14">
      <c r="N922623" s="10"/>
    </row>
    <row r="922624" spans="14:14">
      <c r="N922624" s="10"/>
    </row>
    <row r="922625" spans="14:14">
      <c r="N922625" s="10"/>
    </row>
    <row r="922626" spans="14:14">
      <c r="N922626" s="10"/>
    </row>
    <row r="922627" spans="14:14">
      <c r="N922627" s="10"/>
    </row>
    <row r="922628" spans="14:14">
      <c r="N922628" s="10"/>
    </row>
    <row r="922629" spans="14:14">
      <c r="N922629" s="10"/>
    </row>
    <row r="922630" spans="14:14">
      <c r="N922630" s="10"/>
    </row>
    <row r="922631" spans="14:14">
      <c r="N922631" s="10"/>
    </row>
    <row r="922632" spans="14:14">
      <c r="N922632" s="10"/>
    </row>
    <row r="922633" spans="14:14">
      <c r="N922633" s="10"/>
    </row>
    <row r="922634" spans="14:14">
      <c r="N922634" s="10"/>
    </row>
    <row r="922635" spans="14:14">
      <c r="N922635" s="10"/>
    </row>
    <row r="922636" spans="14:14">
      <c r="N922636" s="10"/>
    </row>
    <row r="922637" spans="14:14">
      <c r="N922637" s="10"/>
    </row>
    <row r="922638" spans="14:14">
      <c r="N922638" s="10"/>
    </row>
    <row r="922639" spans="14:14">
      <c r="N922639" s="10"/>
    </row>
    <row r="922640" spans="14:14">
      <c r="N922640" s="10"/>
    </row>
    <row r="922641" spans="14:14">
      <c r="N922641" s="10"/>
    </row>
    <row r="922642" spans="14:14">
      <c r="N922642" s="10"/>
    </row>
    <row r="922643" spans="14:14">
      <c r="N922643" s="10"/>
    </row>
    <row r="922644" spans="14:14">
      <c r="N922644" s="10"/>
    </row>
    <row r="922645" spans="14:14">
      <c r="N922645" s="10"/>
    </row>
    <row r="922646" spans="14:14">
      <c r="N922646" s="10"/>
    </row>
    <row r="922647" spans="14:14">
      <c r="N922647" s="10"/>
    </row>
    <row r="922648" spans="14:14">
      <c r="N922648" s="10"/>
    </row>
    <row r="922649" spans="14:14">
      <c r="N922649" s="10"/>
    </row>
    <row r="922650" spans="14:14">
      <c r="N922650" s="10"/>
    </row>
    <row r="922651" spans="14:14">
      <c r="N922651" s="10"/>
    </row>
    <row r="922652" spans="14:14">
      <c r="N922652" s="10"/>
    </row>
    <row r="922653" spans="14:14">
      <c r="N922653" s="10"/>
    </row>
    <row r="922654" spans="14:14">
      <c r="N922654" s="10"/>
    </row>
    <row r="922655" spans="14:14">
      <c r="N922655" s="10"/>
    </row>
    <row r="922656" spans="14:14">
      <c r="N922656" s="10"/>
    </row>
    <row r="922657" spans="14:14">
      <c r="N922657" s="10"/>
    </row>
    <row r="922658" spans="14:14">
      <c r="N922658" s="10"/>
    </row>
    <row r="922659" spans="14:14">
      <c r="N922659" s="10"/>
    </row>
    <row r="922660" spans="14:14">
      <c r="N922660" s="10"/>
    </row>
    <row r="922661" spans="14:14">
      <c r="N922661" s="10"/>
    </row>
    <row r="922662" spans="14:14">
      <c r="N922662" s="10"/>
    </row>
    <row r="922663" spans="14:14">
      <c r="N922663" s="10"/>
    </row>
    <row r="922664" spans="14:14">
      <c r="N922664" s="10"/>
    </row>
    <row r="922665" spans="14:14">
      <c r="N922665" s="10"/>
    </row>
    <row r="922666" spans="14:14">
      <c r="N922666" s="10"/>
    </row>
    <row r="922667" spans="14:14">
      <c r="N922667" s="10"/>
    </row>
    <row r="922668" spans="14:14">
      <c r="N922668" s="10"/>
    </row>
    <row r="922669" spans="14:14">
      <c r="N922669" s="10"/>
    </row>
    <row r="922670" spans="14:14">
      <c r="N922670" s="10"/>
    </row>
    <row r="922671" spans="14:14">
      <c r="N922671" s="10"/>
    </row>
    <row r="922672" spans="14:14">
      <c r="N922672" s="10"/>
    </row>
    <row r="922673" spans="14:14">
      <c r="N922673" s="10"/>
    </row>
    <row r="922674" spans="14:14">
      <c r="N922674" s="10"/>
    </row>
    <row r="922675" spans="14:14">
      <c r="N922675" s="10"/>
    </row>
    <row r="922676" spans="14:14">
      <c r="N922676" s="10"/>
    </row>
    <row r="922677" spans="14:14">
      <c r="N922677" s="10"/>
    </row>
    <row r="922678" spans="14:14">
      <c r="N922678" s="10"/>
    </row>
    <row r="922679" spans="14:14">
      <c r="N922679" s="10"/>
    </row>
    <row r="922680" spans="14:14">
      <c r="N922680" s="10"/>
    </row>
    <row r="922681" spans="14:14">
      <c r="N922681" s="10"/>
    </row>
    <row r="922682" spans="14:14">
      <c r="N922682" s="10"/>
    </row>
    <row r="922683" spans="14:14">
      <c r="N922683" s="10"/>
    </row>
    <row r="922684" spans="14:14">
      <c r="N922684" s="10"/>
    </row>
    <row r="922685" spans="14:14">
      <c r="N922685" s="10"/>
    </row>
    <row r="922686" spans="14:14">
      <c r="N922686" s="10"/>
    </row>
    <row r="922687" spans="14:14">
      <c r="N922687" s="10"/>
    </row>
    <row r="922688" spans="14:14">
      <c r="N922688" s="10"/>
    </row>
    <row r="922689" spans="14:14">
      <c r="N922689" s="10"/>
    </row>
    <row r="922690" spans="14:14">
      <c r="N922690" s="10"/>
    </row>
    <row r="922691" spans="14:14">
      <c r="N922691" s="10"/>
    </row>
    <row r="922692" spans="14:14">
      <c r="N922692" s="10"/>
    </row>
    <row r="922693" spans="14:14">
      <c r="N922693" s="10"/>
    </row>
    <row r="922694" spans="14:14">
      <c r="N922694" s="10"/>
    </row>
    <row r="922695" spans="14:14">
      <c r="N922695" s="10"/>
    </row>
    <row r="922696" spans="14:14">
      <c r="N922696" s="10"/>
    </row>
    <row r="922697" spans="14:14">
      <c r="N922697" s="10"/>
    </row>
    <row r="922698" spans="14:14">
      <c r="N922698" s="10"/>
    </row>
    <row r="922699" spans="14:14">
      <c r="N922699" s="10"/>
    </row>
    <row r="922700" spans="14:14">
      <c r="N922700" s="10"/>
    </row>
    <row r="922701" spans="14:14">
      <c r="N922701" s="10"/>
    </row>
    <row r="922702" spans="14:14">
      <c r="N922702" s="10"/>
    </row>
    <row r="922703" spans="14:14">
      <c r="N922703" s="10"/>
    </row>
    <row r="922704" spans="14:14">
      <c r="N922704" s="10"/>
    </row>
    <row r="922705" spans="14:14">
      <c r="N922705" s="10"/>
    </row>
    <row r="922706" spans="14:14">
      <c r="N922706" s="10"/>
    </row>
    <row r="922707" spans="14:14">
      <c r="N922707" s="10"/>
    </row>
    <row r="922708" spans="14:14">
      <c r="N922708" s="10"/>
    </row>
    <row r="922709" spans="14:14">
      <c r="N922709" s="10"/>
    </row>
    <row r="922710" spans="14:14">
      <c r="N922710" s="10"/>
    </row>
    <row r="922711" spans="14:14">
      <c r="N922711" s="10"/>
    </row>
    <row r="922712" spans="14:14">
      <c r="N922712" s="10"/>
    </row>
    <row r="922713" spans="14:14">
      <c r="N922713" s="10"/>
    </row>
    <row r="922714" spans="14:14">
      <c r="N922714" s="10"/>
    </row>
    <row r="922715" spans="14:14">
      <c r="N922715" s="10"/>
    </row>
    <row r="922716" spans="14:14">
      <c r="N922716" s="10"/>
    </row>
    <row r="922717" spans="14:14">
      <c r="N922717" s="10"/>
    </row>
    <row r="922718" spans="14:14">
      <c r="N922718" s="10"/>
    </row>
    <row r="922719" spans="14:14">
      <c r="N922719" s="10"/>
    </row>
    <row r="922720" spans="14:14">
      <c r="N922720" s="10"/>
    </row>
    <row r="922721" spans="14:14">
      <c r="N922721" s="10"/>
    </row>
    <row r="922722" spans="14:14">
      <c r="N922722" s="10"/>
    </row>
    <row r="922723" spans="14:14">
      <c r="N922723" s="10"/>
    </row>
    <row r="922724" spans="14:14">
      <c r="N922724" s="10"/>
    </row>
    <row r="922725" spans="14:14">
      <c r="N922725" s="10"/>
    </row>
    <row r="922726" spans="14:14">
      <c r="N922726" s="10"/>
    </row>
    <row r="922727" spans="14:14">
      <c r="N922727" s="10"/>
    </row>
    <row r="922728" spans="14:14">
      <c r="N922728" s="10"/>
    </row>
    <row r="922729" spans="14:14">
      <c r="N922729" s="10"/>
    </row>
    <row r="922730" spans="14:14">
      <c r="N922730" s="10"/>
    </row>
    <row r="922731" spans="14:14">
      <c r="N922731" s="10"/>
    </row>
    <row r="922732" spans="14:14">
      <c r="N922732" s="10"/>
    </row>
    <row r="922733" spans="14:14">
      <c r="N922733" s="10"/>
    </row>
    <row r="922734" spans="14:14">
      <c r="N922734" s="10"/>
    </row>
    <row r="922735" spans="14:14">
      <c r="N922735" s="10"/>
    </row>
    <row r="922736" spans="14:14">
      <c r="N922736" s="10"/>
    </row>
    <row r="922737" spans="14:14">
      <c r="N922737" s="10"/>
    </row>
    <row r="922738" spans="14:14">
      <c r="N922738" s="10"/>
    </row>
    <row r="922739" spans="14:14">
      <c r="N922739" s="10"/>
    </row>
    <row r="922740" spans="14:14">
      <c r="N922740" s="10"/>
    </row>
    <row r="922741" spans="14:14">
      <c r="N922741" s="10"/>
    </row>
    <row r="922742" spans="14:14">
      <c r="N922742" s="10"/>
    </row>
    <row r="922743" spans="14:14">
      <c r="N922743" s="10"/>
    </row>
    <row r="922744" spans="14:14">
      <c r="N922744" s="10"/>
    </row>
    <row r="922745" spans="14:14">
      <c r="N922745" s="10"/>
    </row>
    <row r="922746" spans="14:14">
      <c r="N922746" s="10"/>
    </row>
    <row r="922747" spans="14:14">
      <c r="N922747" s="10"/>
    </row>
    <row r="922748" spans="14:14">
      <c r="N922748" s="10"/>
    </row>
    <row r="922749" spans="14:14">
      <c r="N922749" s="10"/>
    </row>
    <row r="922750" spans="14:14">
      <c r="N922750" s="10"/>
    </row>
    <row r="922751" spans="14:14">
      <c r="N922751" s="10"/>
    </row>
    <row r="922752" spans="14:14">
      <c r="N922752" s="10"/>
    </row>
    <row r="922753" spans="14:14">
      <c r="N922753" s="10"/>
    </row>
    <row r="922754" spans="14:14">
      <c r="N922754" s="10"/>
    </row>
    <row r="922755" spans="14:14">
      <c r="N922755" s="10"/>
    </row>
    <row r="922756" spans="14:14">
      <c r="N922756" s="10"/>
    </row>
    <row r="922757" spans="14:14">
      <c r="N922757" s="10"/>
    </row>
    <row r="922758" spans="14:14">
      <c r="N922758" s="10"/>
    </row>
    <row r="922759" spans="14:14">
      <c r="N922759" s="10"/>
    </row>
    <row r="922760" spans="14:14">
      <c r="N922760" s="10"/>
    </row>
    <row r="922761" spans="14:14">
      <c r="N922761" s="10"/>
    </row>
    <row r="922762" spans="14:14">
      <c r="N922762" s="10"/>
    </row>
    <row r="922763" spans="14:14">
      <c r="N922763" s="10"/>
    </row>
    <row r="922764" spans="14:14">
      <c r="N922764" s="10"/>
    </row>
    <row r="922765" spans="14:14">
      <c r="N922765" s="10"/>
    </row>
    <row r="922766" spans="14:14">
      <c r="N922766" s="10"/>
    </row>
    <row r="922767" spans="14:14">
      <c r="N922767" s="10"/>
    </row>
    <row r="922768" spans="14:14">
      <c r="N922768" s="10"/>
    </row>
    <row r="922769" spans="14:14">
      <c r="N922769" s="10"/>
    </row>
    <row r="922770" spans="14:14">
      <c r="N922770" s="10"/>
    </row>
    <row r="922771" spans="14:14">
      <c r="N922771" s="10"/>
    </row>
    <row r="922772" spans="14:14">
      <c r="N922772" s="10"/>
    </row>
    <row r="922773" spans="14:14">
      <c r="N922773" s="10"/>
    </row>
    <row r="922774" spans="14:14">
      <c r="N922774" s="10"/>
    </row>
    <row r="922775" spans="14:14">
      <c r="N922775" s="10"/>
    </row>
    <row r="922776" spans="14:14">
      <c r="N922776" s="10"/>
    </row>
    <row r="922777" spans="14:14">
      <c r="N922777" s="10"/>
    </row>
    <row r="922778" spans="14:14">
      <c r="N922778" s="10"/>
    </row>
    <row r="922779" spans="14:14">
      <c r="N922779" s="10"/>
    </row>
    <row r="922780" spans="14:14">
      <c r="N922780" s="10"/>
    </row>
    <row r="922781" spans="14:14">
      <c r="N922781" s="10"/>
    </row>
    <row r="922782" spans="14:14">
      <c r="N922782" s="10"/>
    </row>
    <row r="922783" spans="14:14">
      <c r="N922783" s="10"/>
    </row>
    <row r="922784" spans="14:14">
      <c r="N922784" s="10"/>
    </row>
    <row r="922785" spans="14:14">
      <c r="N922785" s="10"/>
    </row>
    <row r="922786" spans="14:14">
      <c r="N922786" s="10"/>
    </row>
    <row r="922787" spans="14:14">
      <c r="N922787" s="10"/>
    </row>
    <row r="922788" spans="14:14">
      <c r="N922788" s="10"/>
    </row>
    <row r="922789" spans="14:14">
      <c r="N922789" s="10"/>
    </row>
    <row r="922790" spans="14:14">
      <c r="N922790" s="10"/>
    </row>
    <row r="922791" spans="14:14">
      <c r="N922791" s="10"/>
    </row>
    <row r="922792" spans="14:14">
      <c r="N922792" s="10"/>
    </row>
    <row r="922793" spans="14:14">
      <c r="N922793" s="10"/>
    </row>
    <row r="922794" spans="14:14">
      <c r="N922794" s="10"/>
    </row>
    <row r="922795" spans="14:14">
      <c r="N922795" s="10"/>
    </row>
    <row r="922796" spans="14:14">
      <c r="N922796" s="10"/>
    </row>
    <row r="922797" spans="14:14">
      <c r="N922797" s="10"/>
    </row>
    <row r="922798" spans="14:14">
      <c r="N922798" s="10"/>
    </row>
    <row r="922799" spans="14:14">
      <c r="N922799" s="10"/>
    </row>
    <row r="922800" spans="14:14">
      <c r="N922800" s="10"/>
    </row>
    <row r="922801" spans="14:14">
      <c r="N922801" s="10"/>
    </row>
    <row r="922802" spans="14:14">
      <c r="N922802" s="10"/>
    </row>
    <row r="922803" spans="14:14">
      <c r="N922803" s="10"/>
    </row>
    <row r="922804" spans="14:14">
      <c r="N922804" s="10"/>
    </row>
    <row r="922805" spans="14:14">
      <c r="N922805" s="10"/>
    </row>
    <row r="922806" spans="14:14">
      <c r="N922806" s="10"/>
    </row>
    <row r="922807" spans="14:14">
      <c r="N922807" s="10"/>
    </row>
    <row r="922808" spans="14:14">
      <c r="N922808" s="10"/>
    </row>
    <row r="922809" spans="14:14">
      <c r="N922809" s="10"/>
    </row>
    <row r="922810" spans="14:14">
      <c r="N922810" s="10"/>
    </row>
    <row r="922811" spans="14:14">
      <c r="N922811" s="10"/>
    </row>
    <row r="922812" spans="14:14">
      <c r="N922812" s="10"/>
    </row>
    <row r="922813" spans="14:14">
      <c r="N922813" s="10"/>
    </row>
    <row r="922814" spans="14:14">
      <c r="N922814" s="10"/>
    </row>
    <row r="922815" spans="14:14">
      <c r="N922815" s="10"/>
    </row>
    <row r="922816" spans="14:14">
      <c r="N922816" s="10"/>
    </row>
    <row r="922817" spans="14:14">
      <c r="N922817" s="10"/>
    </row>
    <row r="922818" spans="14:14">
      <c r="N922818" s="10"/>
    </row>
    <row r="922819" spans="14:14">
      <c r="N922819" s="10"/>
    </row>
    <row r="922820" spans="14:14">
      <c r="N922820" s="10"/>
    </row>
    <row r="922821" spans="14:14">
      <c r="N922821" s="10"/>
    </row>
    <row r="922822" spans="14:14">
      <c r="N922822" s="10"/>
    </row>
    <row r="922823" spans="14:14">
      <c r="N922823" s="10"/>
    </row>
    <row r="922824" spans="14:14">
      <c r="N922824" s="10"/>
    </row>
    <row r="922825" spans="14:14">
      <c r="N922825" s="10"/>
    </row>
    <row r="922826" spans="14:14">
      <c r="N922826" s="10"/>
    </row>
    <row r="922827" spans="14:14">
      <c r="N922827" s="10"/>
    </row>
    <row r="922828" spans="14:14">
      <c r="N922828" s="10"/>
    </row>
    <row r="922829" spans="14:14">
      <c r="N922829" s="10"/>
    </row>
    <row r="922830" spans="14:14">
      <c r="N922830" s="10"/>
    </row>
    <row r="922831" spans="14:14">
      <c r="N922831" s="10"/>
    </row>
    <row r="922832" spans="14:14">
      <c r="N922832" s="10"/>
    </row>
    <row r="922833" spans="14:14">
      <c r="N922833" s="10"/>
    </row>
    <row r="922834" spans="14:14">
      <c r="N922834" s="10"/>
    </row>
    <row r="922835" spans="14:14">
      <c r="N922835" s="10"/>
    </row>
    <row r="922836" spans="14:14">
      <c r="N922836" s="10"/>
    </row>
    <row r="922837" spans="14:14">
      <c r="N922837" s="10"/>
    </row>
    <row r="922838" spans="14:14">
      <c r="N922838" s="10"/>
    </row>
    <row r="922839" spans="14:14">
      <c r="N922839" s="10"/>
    </row>
    <row r="922840" spans="14:14">
      <c r="N922840" s="10"/>
    </row>
    <row r="922841" spans="14:14">
      <c r="N922841" s="10"/>
    </row>
    <row r="922842" spans="14:14">
      <c r="N922842" s="10"/>
    </row>
    <row r="922843" spans="14:14">
      <c r="N922843" s="10"/>
    </row>
    <row r="922844" spans="14:14">
      <c r="N922844" s="10"/>
    </row>
    <row r="922845" spans="14:14">
      <c r="N922845" s="10"/>
    </row>
    <row r="922846" spans="14:14">
      <c r="N922846" s="10"/>
    </row>
    <row r="922847" spans="14:14">
      <c r="N922847" s="10"/>
    </row>
    <row r="922848" spans="14:14">
      <c r="N922848" s="10"/>
    </row>
    <row r="922849" spans="14:14">
      <c r="N922849" s="10"/>
    </row>
    <row r="922850" spans="14:14">
      <c r="N922850" s="10"/>
    </row>
    <row r="922851" spans="14:14">
      <c r="N922851" s="10"/>
    </row>
    <row r="922852" spans="14:14">
      <c r="N922852" s="10"/>
    </row>
    <row r="922853" spans="14:14">
      <c r="N922853" s="10"/>
    </row>
    <row r="922854" spans="14:14">
      <c r="N922854" s="10"/>
    </row>
    <row r="922855" spans="14:14">
      <c r="N922855" s="10"/>
    </row>
    <row r="922856" spans="14:14">
      <c r="N922856" s="10"/>
    </row>
    <row r="922857" spans="14:14">
      <c r="N922857" s="10"/>
    </row>
    <row r="922858" spans="14:14">
      <c r="N922858" s="10"/>
    </row>
    <row r="922859" spans="14:14">
      <c r="N922859" s="10"/>
    </row>
    <row r="922860" spans="14:14">
      <c r="N922860" s="10"/>
    </row>
    <row r="922861" spans="14:14">
      <c r="N922861" s="10"/>
    </row>
    <row r="922862" spans="14:14">
      <c r="N922862" s="10"/>
    </row>
    <row r="922863" spans="14:14">
      <c r="N922863" s="10"/>
    </row>
    <row r="922864" spans="14:14">
      <c r="N922864" s="10"/>
    </row>
    <row r="922865" spans="14:14">
      <c r="N922865" s="10"/>
    </row>
    <row r="922866" spans="14:14">
      <c r="N922866" s="10"/>
    </row>
    <row r="922867" spans="14:14">
      <c r="N922867" s="10"/>
    </row>
    <row r="922868" spans="14:14">
      <c r="N922868" s="10"/>
    </row>
    <row r="922869" spans="14:14">
      <c r="N922869" s="10"/>
    </row>
    <row r="922870" spans="14:14">
      <c r="N922870" s="10"/>
    </row>
    <row r="922871" spans="14:14">
      <c r="N922871" s="10"/>
    </row>
    <row r="922872" spans="14:14">
      <c r="N922872" s="10"/>
    </row>
    <row r="922873" spans="14:14">
      <c r="N922873" s="10"/>
    </row>
    <row r="922874" spans="14:14">
      <c r="N922874" s="10"/>
    </row>
    <row r="922875" spans="14:14">
      <c r="N922875" s="10"/>
    </row>
    <row r="922876" spans="14:14">
      <c r="N922876" s="10"/>
    </row>
    <row r="922877" spans="14:14">
      <c r="N922877" s="10"/>
    </row>
    <row r="922878" spans="14:14">
      <c r="N922878" s="10"/>
    </row>
    <row r="922879" spans="14:14">
      <c r="N922879" s="10"/>
    </row>
    <row r="922880" spans="14:14">
      <c r="N922880" s="10"/>
    </row>
    <row r="922881" spans="14:14">
      <c r="N922881" s="10"/>
    </row>
    <row r="922882" spans="14:14">
      <c r="N922882" s="10"/>
    </row>
    <row r="922883" spans="14:14">
      <c r="N922883" s="10"/>
    </row>
    <row r="922884" spans="14:14">
      <c r="N922884" s="10"/>
    </row>
    <row r="922885" spans="14:14">
      <c r="N922885" s="10"/>
    </row>
    <row r="922886" spans="14:14">
      <c r="N922886" s="10"/>
    </row>
    <row r="922887" spans="14:14">
      <c r="N922887" s="10"/>
    </row>
    <row r="922888" spans="14:14">
      <c r="N922888" s="10"/>
    </row>
    <row r="922889" spans="14:14">
      <c r="N922889" s="10"/>
    </row>
    <row r="922890" spans="14:14">
      <c r="N922890" s="10"/>
    </row>
    <row r="922891" spans="14:14">
      <c r="N922891" s="10"/>
    </row>
    <row r="922892" spans="14:14">
      <c r="N922892" s="10"/>
    </row>
    <row r="922893" spans="14:14">
      <c r="N922893" s="10"/>
    </row>
    <row r="922894" spans="14:14">
      <c r="N922894" s="10"/>
    </row>
    <row r="922895" spans="14:14">
      <c r="N922895" s="10"/>
    </row>
    <row r="922896" spans="14:14">
      <c r="N922896" s="10"/>
    </row>
    <row r="922897" spans="14:14">
      <c r="N922897" s="10"/>
    </row>
    <row r="922898" spans="14:14">
      <c r="N922898" s="10"/>
    </row>
    <row r="922899" spans="14:14">
      <c r="N922899" s="10"/>
    </row>
    <row r="922900" spans="14:14">
      <c r="N922900" s="10"/>
    </row>
    <row r="922901" spans="14:14">
      <c r="N922901" s="10"/>
    </row>
    <row r="922902" spans="14:14">
      <c r="N922902" s="10"/>
    </row>
    <row r="922903" spans="14:14">
      <c r="N922903" s="10"/>
    </row>
    <row r="922904" spans="14:14">
      <c r="N922904" s="10"/>
    </row>
    <row r="922905" spans="14:14">
      <c r="N922905" s="10"/>
    </row>
    <row r="922906" spans="14:14">
      <c r="N922906" s="10"/>
    </row>
    <row r="922907" spans="14:14">
      <c r="N922907" s="10"/>
    </row>
    <row r="922908" spans="14:14">
      <c r="N922908" s="10"/>
    </row>
    <row r="922909" spans="14:14">
      <c r="N922909" s="10"/>
    </row>
    <row r="922910" spans="14:14">
      <c r="N922910" s="10"/>
    </row>
    <row r="922911" spans="14:14">
      <c r="N922911" s="10"/>
    </row>
    <row r="922912" spans="14:14">
      <c r="N922912" s="10"/>
    </row>
    <row r="922913" spans="14:14">
      <c r="N922913" s="10"/>
    </row>
    <row r="922914" spans="14:14">
      <c r="N922914" s="10"/>
    </row>
    <row r="922915" spans="14:14">
      <c r="N922915" s="10"/>
    </row>
    <row r="922916" spans="14:14">
      <c r="N922916" s="10"/>
    </row>
    <row r="922917" spans="14:14">
      <c r="N922917" s="10"/>
    </row>
    <row r="922918" spans="14:14">
      <c r="N922918" s="10"/>
    </row>
    <row r="922919" spans="14:14">
      <c r="N922919" s="10"/>
    </row>
    <row r="922920" spans="14:14">
      <c r="N922920" s="10"/>
    </row>
    <row r="922921" spans="14:14">
      <c r="N922921" s="10"/>
    </row>
    <row r="922922" spans="14:14">
      <c r="N922922" s="10"/>
    </row>
    <row r="922923" spans="14:14">
      <c r="N922923" s="10"/>
    </row>
    <row r="922924" spans="14:14">
      <c r="N922924" s="10"/>
    </row>
    <row r="922925" spans="14:14">
      <c r="N922925" s="10"/>
    </row>
    <row r="922926" spans="14:14">
      <c r="N922926" s="10"/>
    </row>
    <row r="922927" spans="14:14">
      <c r="N922927" s="10"/>
    </row>
    <row r="922928" spans="14:14">
      <c r="N922928" s="10"/>
    </row>
    <row r="922929" spans="14:14">
      <c r="N922929" s="10"/>
    </row>
    <row r="922930" spans="14:14">
      <c r="N922930" s="10"/>
    </row>
    <row r="922931" spans="14:14">
      <c r="N922931" s="10"/>
    </row>
    <row r="922932" spans="14:14">
      <c r="N922932" s="10"/>
    </row>
    <row r="922933" spans="14:14">
      <c r="N922933" s="10"/>
    </row>
    <row r="922934" spans="14:14">
      <c r="N922934" s="10"/>
    </row>
    <row r="922935" spans="14:14">
      <c r="N922935" s="10"/>
    </row>
    <row r="922936" spans="14:14">
      <c r="N922936" s="10"/>
    </row>
    <row r="922937" spans="14:14">
      <c r="N922937" s="10"/>
    </row>
    <row r="922938" spans="14:14">
      <c r="N922938" s="10"/>
    </row>
    <row r="922939" spans="14:14">
      <c r="N922939" s="10"/>
    </row>
    <row r="922940" spans="14:14">
      <c r="N922940" s="10"/>
    </row>
    <row r="922941" spans="14:14">
      <c r="N922941" s="10"/>
    </row>
    <row r="922942" spans="14:14">
      <c r="N922942" s="10"/>
    </row>
    <row r="922943" spans="14:14">
      <c r="N922943" s="10"/>
    </row>
    <row r="922944" spans="14:14">
      <c r="N922944" s="10"/>
    </row>
    <row r="922945" spans="14:14">
      <c r="N922945" s="10"/>
    </row>
    <row r="922946" spans="14:14">
      <c r="N922946" s="10"/>
    </row>
    <row r="922947" spans="14:14">
      <c r="N922947" s="10"/>
    </row>
    <row r="922948" spans="14:14">
      <c r="N922948" s="10"/>
    </row>
    <row r="922949" spans="14:14">
      <c r="N922949" s="10"/>
    </row>
    <row r="922950" spans="14:14">
      <c r="N922950" s="10"/>
    </row>
    <row r="922951" spans="14:14">
      <c r="N922951" s="10"/>
    </row>
    <row r="922952" spans="14:14">
      <c r="N922952" s="10"/>
    </row>
    <row r="922953" spans="14:14">
      <c r="N922953" s="10"/>
    </row>
    <row r="922954" spans="14:14">
      <c r="N922954" s="10"/>
    </row>
    <row r="922955" spans="14:14">
      <c r="N922955" s="10"/>
    </row>
    <row r="922956" spans="14:14">
      <c r="N922956" s="10"/>
    </row>
    <row r="922957" spans="14:14">
      <c r="N922957" s="10"/>
    </row>
    <row r="922958" spans="14:14">
      <c r="N922958" s="10"/>
    </row>
    <row r="922959" spans="14:14">
      <c r="N922959" s="10"/>
    </row>
    <row r="922960" spans="14:14">
      <c r="N922960" s="10"/>
    </row>
    <row r="922961" spans="14:14">
      <c r="N922961" s="10"/>
    </row>
    <row r="922962" spans="14:14">
      <c r="N922962" s="10"/>
    </row>
    <row r="922963" spans="14:14">
      <c r="N922963" s="10"/>
    </row>
    <row r="922964" spans="14:14">
      <c r="N922964" s="10"/>
    </row>
    <row r="922965" spans="14:14">
      <c r="N922965" s="10"/>
    </row>
    <row r="922966" spans="14:14">
      <c r="N922966" s="10"/>
    </row>
    <row r="922967" spans="14:14">
      <c r="N922967" s="10"/>
    </row>
    <row r="922968" spans="14:14">
      <c r="N922968" s="10"/>
    </row>
    <row r="922969" spans="14:14">
      <c r="N922969" s="10"/>
    </row>
    <row r="922970" spans="14:14">
      <c r="N922970" s="10"/>
    </row>
    <row r="922971" spans="14:14">
      <c r="N922971" s="10"/>
    </row>
    <row r="922972" spans="14:14">
      <c r="N922972" s="10"/>
    </row>
    <row r="922973" spans="14:14">
      <c r="N922973" s="10"/>
    </row>
    <row r="922974" spans="14:14">
      <c r="N922974" s="10"/>
    </row>
    <row r="922975" spans="14:14">
      <c r="N922975" s="10"/>
    </row>
    <row r="922976" spans="14:14">
      <c r="N922976" s="10"/>
    </row>
    <row r="922977" spans="14:14">
      <c r="N922977" s="10"/>
    </row>
    <row r="922978" spans="14:14">
      <c r="N922978" s="10"/>
    </row>
    <row r="922979" spans="14:14">
      <c r="N922979" s="10"/>
    </row>
    <row r="922980" spans="14:14">
      <c r="N922980" s="10"/>
    </row>
    <row r="922981" spans="14:14">
      <c r="N922981" s="10"/>
    </row>
    <row r="922982" spans="14:14">
      <c r="N922982" s="10"/>
    </row>
    <row r="922983" spans="14:14">
      <c r="N922983" s="10"/>
    </row>
    <row r="922984" spans="14:14">
      <c r="N922984" s="10"/>
    </row>
    <row r="922985" spans="14:14">
      <c r="N922985" s="10"/>
    </row>
    <row r="922986" spans="14:14">
      <c r="N922986" s="10"/>
    </row>
    <row r="922987" spans="14:14">
      <c r="N922987" s="10"/>
    </row>
    <row r="922988" spans="14:14">
      <c r="N922988" s="10"/>
    </row>
    <row r="922989" spans="14:14">
      <c r="N922989" s="10"/>
    </row>
    <row r="922990" spans="14:14">
      <c r="N922990" s="10"/>
    </row>
    <row r="922991" spans="14:14">
      <c r="N922991" s="10"/>
    </row>
    <row r="922992" spans="14:14">
      <c r="N922992" s="10"/>
    </row>
    <row r="922993" spans="14:14">
      <c r="N922993" s="10"/>
    </row>
    <row r="922994" spans="14:14">
      <c r="N922994" s="10"/>
    </row>
    <row r="922995" spans="14:14">
      <c r="N922995" s="10"/>
    </row>
    <row r="922996" spans="14:14">
      <c r="N922996" s="10"/>
    </row>
    <row r="922997" spans="14:14">
      <c r="N922997" s="10"/>
    </row>
    <row r="922998" spans="14:14">
      <c r="N922998" s="10"/>
    </row>
    <row r="922999" spans="14:14">
      <c r="N922999" s="10"/>
    </row>
    <row r="923000" spans="14:14">
      <c r="N923000" s="10"/>
    </row>
    <row r="923001" spans="14:14">
      <c r="N923001" s="10"/>
    </row>
    <row r="923002" spans="14:14">
      <c r="N923002" s="10"/>
    </row>
    <row r="923003" spans="14:14">
      <c r="N923003" s="10"/>
    </row>
    <row r="923004" spans="14:14">
      <c r="N923004" s="10"/>
    </row>
    <row r="923005" spans="14:14">
      <c r="N923005" s="10"/>
    </row>
    <row r="923006" spans="14:14">
      <c r="N923006" s="10"/>
    </row>
    <row r="923007" spans="14:14">
      <c r="N923007" s="10"/>
    </row>
    <row r="923008" spans="14:14">
      <c r="N923008" s="10"/>
    </row>
    <row r="923009" spans="14:14">
      <c r="N923009" s="10"/>
    </row>
    <row r="923010" spans="14:14">
      <c r="N923010" s="10"/>
    </row>
    <row r="923011" spans="14:14">
      <c r="N923011" s="10"/>
    </row>
    <row r="923012" spans="14:14">
      <c r="N923012" s="10"/>
    </row>
    <row r="923013" spans="14:14">
      <c r="N923013" s="10"/>
    </row>
    <row r="923014" spans="14:14">
      <c r="N923014" s="10"/>
    </row>
    <row r="923015" spans="14:14">
      <c r="N923015" s="10"/>
    </row>
    <row r="923016" spans="14:14">
      <c r="N923016" s="10"/>
    </row>
    <row r="923017" spans="14:14">
      <c r="N923017" s="10"/>
    </row>
    <row r="923018" spans="14:14">
      <c r="N923018" s="10"/>
    </row>
    <row r="923019" spans="14:14">
      <c r="N923019" s="10"/>
    </row>
    <row r="923020" spans="14:14">
      <c r="N923020" s="10"/>
    </row>
    <row r="923021" spans="14:14">
      <c r="N923021" s="10"/>
    </row>
    <row r="923022" spans="14:14">
      <c r="N923022" s="10"/>
    </row>
    <row r="923023" spans="14:14">
      <c r="N923023" s="10"/>
    </row>
    <row r="923024" spans="14:14">
      <c r="N923024" s="10"/>
    </row>
    <row r="923025" spans="14:14">
      <c r="N923025" s="10"/>
    </row>
    <row r="923026" spans="14:14">
      <c r="N923026" s="10"/>
    </row>
    <row r="923027" spans="14:14">
      <c r="N923027" s="10"/>
    </row>
    <row r="923028" spans="14:14">
      <c r="N923028" s="10"/>
    </row>
    <row r="923029" spans="14:14">
      <c r="N923029" s="10"/>
    </row>
    <row r="923030" spans="14:14">
      <c r="N923030" s="10"/>
    </row>
    <row r="923031" spans="14:14">
      <c r="N923031" s="10"/>
    </row>
    <row r="923032" spans="14:14">
      <c r="N923032" s="10"/>
    </row>
    <row r="923033" spans="14:14">
      <c r="N923033" s="10"/>
    </row>
    <row r="923034" spans="14:14">
      <c r="N923034" s="10"/>
    </row>
    <row r="923035" spans="14:14">
      <c r="N923035" s="10"/>
    </row>
    <row r="923036" spans="14:14">
      <c r="N923036" s="10"/>
    </row>
    <row r="923037" spans="14:14">
      <c r="N923037" s="10"/>
    </row>
    <row r="923038" spans="14:14">
      <c r="N923038" s="10"/>
    </row>
    <row r="923039" spans="14:14">
      <c r="N923039" s="10"/>
    </row>
    <row r="923040" spans="14:14">
      <c r="N923040" s="10"/>
    </row>
    <row r="923041" spans="14:14">
      <c r="N923041" s="10"/>
    </row>
    <row r="923042" spans="14:14">
      <c r="N923042" s="10"/>
    </row>
    <row r="923043" spans="14:14">
      <c r="N923043" s="10"/>
    </row>
    <row r="923044" spans="14:14">
      <c r="N923044" s="10"/>
    </row>
    <row r="923045" spans="14:14">
      <c r="N923045" s="10"/>
    </row>
    <row r="923046" spans="14:14">
      <c r="N923046" s="10"/>
    </row>
    <row r="923047" spans="14:14">
      <c r="N923047" s="10"/>
    </row>
    <row r="923048" spans="14:14">
      <c r="N923048" s="10"/>
    </row>
    <row r="923049" spans="14:14">
      <c r="N923049" s="10"/>
    </row>
    <row r="923050" spans="14:14">
      <c r="N923050" s="10"/>
    </row>
    <row r="923051" spans="14:14">
      <c r="N923051" s="10"/>
    </row>
    <row r="923052" spans="14:14">
      <c r="N923052" s="10"/>
    </row>
    <row r="923053" spans="14:14">
      <c r="N923053" s="10"/>
    </row>
    <row r="923054" spans="14:14">
      <c r="N923054" s="10"/>
    </row>
    <row r="923055" spans="14:14">
      <c r="N923055" s="10"/>
    </row>
    <row r="923056" spans="14:14">
      <c r="N923056" s="10"/>
    </row>
    <row r="923057" spans="14:14">
      <c r="N923057" s="10"/>
    </row>
    <row r="923058" spans="14:14">
      <c r="N923058" s="10"/>
    </row>
    <row r="923059" spans="14:14">
      <c r="N923059" s="10"/>
    </row>
    <row r="923060" spans="14:14">
      <c r="N923060" s="10"/>
    </row>
    <row r="923061" spans="14:14">
      <c r="N923061" s="10"/>
    </row>
    <row r="923062" spans="14:14">
      <c r="N923062" s="10"/>
    </row>
    <row r="923063" spans="14:14">
      <c r="N923063" s="10"/>
    </row>
    <row r="923064" spans="14:14">
      <c r="N923064" s="10"/>
    </row>
    <row r="923065" spans="14:14">
      <c r="N923065" s="10"/>
    </row>
    <row r="923066" spans="14:14">
      <c r="N923066" s="10"/>
    </row>
    <row r="923067" spans="14:14">
      <c r="N923067" s="10"/>
    </row>
    <row r="923068" spans="14:14">
      <c r="N923068" s="10"/>
    </row>
    <row r="923069" spans="14:14">
      <c r="N923069" s="10"/>
    </row>
    <row r="923070" spans="14:14">
      <c r="N923070" s="10"/>
    </row>
    <row r="923071" spans="14:14">
      <c r="N923071" s="10"/>
    </row>
    <row r="923072" spans="14:14">
      <c r="N923072" s="10"/>
    </row>
    <row r="923073" spans="14:14">
      <c r="N923073" s="10"/>
    </row>
    <row r="923074" spans="14:14">
      <c r="N923074" s="10"/>
    </row>
    <row r="923075" spans="14:14">
      <c r="N923075" s="10"/>
    </row>
    <row r="923076" spans="14:14">
      <c r="N923076" s="10"/>
    </row>
    <row r="923077" spans="14:14">
      <c r="N923077" s="10"/>
    </row>
    <row r="923078" spans="14:14">
      <c r="N923078" s="10"/>
    </row>
    <row r="923079" spans="14:14">
      <c r="N923079" s="10"/>
    </row>
    <row r="923080" spans="14:14">
      <c r="N923080" s="10"/>
    </row>
    <row r="923081" spans="14:14">
      <c r="N923081" s="10"/>
    </row>
    <row r="923082" spans="14:14">
      <c r="N923082" s="10"/>
    </row>
    <row r="923083" spans="14:14">
      <c r="N923083" s="10"/>
    </row>
    <row r="923084" spans="14:14">
      <c r="N923084" s="10"/>
    </row>
    <row r="923085" spans="14:14">
      <c r="N923085" s="10"/>
    </row>
    <row r="923086" spans="14:14">
      <c r="N923086" s="10"/>
    </row>
    <row r="923087" spans="14:14">
      <c r="N923087" s="10"/>
    </row>
    <row r="923088" spans="14:14">
      <c r="N923088" s="10"/>
    </row>
    <row r="923089" spans="14:14">
      <c r="N923089" s="10"/>
    </row>
    <row r="923090" spans="14:14">
      <c r="N923090" s="10"/>
    </row>
    <row r="923091" spans="14:14">
      <c r="N923091" s="10"/>
    </row>
    <row r="923092" spans="14:14">
      <c r="N923092" s="10"/>
    </row>
    <row r="923093" spans="14:14">
      <c r="N923093" s="10"/>
    </row>
    <row r="923094" spans="14:14">
      <c r="N923094" s="10"/>
    </row>
    <row r="923095" spans="14:14">
      <c r="N923095" s="10"/>
    </row>
    <row r="923096" spans="14:14">
      <c r="N923096" s="10"/>
    </row>
    <row r="923097" spans="14:14">
      <c r="N923097" s="10"/>
    </row>
    <row r="923098" spans="14:14">
      <c r="N923098" s="10"/>
    </row>
    <row r="923099" spans="14:14">
      <c r="N923099" s="10"/>
    </row>
    <row r="923100" spans="14:14">
      <c r="N923100" s="10"/>
    </row>
    <row r="923101" spans="14:14">
      <c r="N923101" s="10"/>
    </row>
    <row r="923102" spans="14:14">
      <c r="N923102" s="10"/>
    </row>
    <row r="923103" spans="14:14">
      <c r="N923103" s="10"/>
    </row>
    <row r="923104" spans="14:14">
      <c r="N923104" s="10"/>
    </row>
    <row r="923105" spans="14:14">
      <c r="N923105" s="10"/>
    </row>
    <row r="923106" spans="14:14">
      <c r="N923106" s="10"/>
    </row>
    <row r="923107" spans="14:14">
      <c r="N923107" s="10"/>
    </row>
    <row r="923108" spans="14:14">
      <c r="N923108" s="10"/>
    </row>
    <row r="923109" spans="14:14">
      <c r="N923109" s="10"/>
    </row>
    <row r="923110" spans="14:14">
      <c r="N923110" s="10"/>
    </row>
    <row r="923111" spans="14:14">
      <c r="N923111" s="10"/>
    </row>
    <row r="923112" spans="14:14">
      <c r="N923112" s="10"/>
    </row>
    <row r="923113" spans="14:14">
      <c r="N923113" s="10"/>
    </row>
    <row r="923114" spans="14:14">
      <c r="N923114" s="10"/>
    </row>
    <row r="923115" spans="14:14">
      <c r="N923115" s="10"/>
    </row>
    <row r="923116" spans="14:14">
      <c r="N923116" s="10"/>
    </row>
    <row r="923117" spans="14:14">
      <c r="N923117" s="10"/>
    </row>
    <row r="923118" spans="14:14">
      <c r="N923118" s="10"/>
    </row>
    <row r="923119" spans="14:14">
      <c r="N923119" s="10"/>
    </row>
    <row r="923120" spans="14:14">
      <c r="N923120" s="10"/>
    </row>
    <row r="923121" spans="14:14">
      <c r="N923121" s="10"/>
    </row>
    <row r="923122" spans="14:14">
      <c r="N923122" s="10"/>
    </row>
    <row r="923123" spans="14:14">
      <c r="N923123" s="10"/>
    </row>
    <row r="923124" spans="14:14">
      <c r="N923124" s="10"/>
    </row>
    <row r="923125" spans="14:14">
      <c r="N923125" s="10"/>
    </row>
    <row r="923126" spans="14:14">
      <c r="N923126" s="10"/>
    </row>
    <row r="923127" spans="14:14">
      <c r="N923127" s="10"/>
    </row>
    <row r="923128" spans="14:14">
      <c r="N923128" s="10"/>
    </row>
    <row r="923129" spans="14:14">
      <c r="N923129" s="10"/>
    </row>
    <row r="923130" spans="14:14">
      <c r="N923130" s="10"/>
    </row>
    <row r="923131" spans="14:14">
      <c r="N923131" s="10"/>
    </row>
    <row r="923132" spans="14:14">
      <c r="N923132" s="10"/>
    </row>
    <row r="923133" spans="14:14">
      <c r="N923133" s="10"/>
    </row>
    <row r="923134" spans="14:14">
      <c r="N923134" s="10"/>
    </row>
    <row r="923135" spans="14:14">
      <c r="N923135" s="10"/>
    </row>
    <row r="923136" spans="14:14">
      <c r="N923136" s="10"/>
    </row>
    <row r="923137" spans="14:14">
      <c r="N923137" s="10"/>
    </row>
    <row r="923138" spans="14:14">
      <c r="N923138" s="10"/>
    </row>
    <row r="923139" spans="14:14">
      <c r="N923139" s="10"/>
    </row>
    <row r="923140" spans="14:14">
      <c r="N923140" s="10"/>
    </row>
    <row r="923141" spans="14:14">
      <c r="N923141" s="10"/>
    </row>
    <row r="923142" spans="14:14">
      <c r="N923142" s="10"/>
    </row>
    <row r="923143" spans="14:14">
      <c r="N923143" s="10"/>
    </row>
    <row r="923144" spans="14:14">
      <c r="N923144" s="10"/>
    </row>
    <row r="923145" spans="14:14">
      <c r="N923145" s="10"/>
    </row>
    <row r="923146" spans="14:14">
      <c r="N923146" s="10"/>
    </row>
    <row r="923147" spans="14:14">
      <c r="N923147" s="10"/>
    </row>
    <row r="923148" spans="14:14">
      <c r="N923148" s="10"/>
    </row>
    <row r="923149" spans="14:14">
      <c r="N923149" s="10"/>
    </row>
    <row r="923150" spans="14:14">
      <c r="N923150" s="10"/>
    </row>
    <row r="923151" spans="14:14">
      <c r="N923151" s="10"/>
    </row>
    <row r="923152" spans="14:14">
      <c r="N923152" s="10"/>
    </row>
    <row r="923153" spans="14:14">
      <c r="N923153" s="10"/>
    </row>
    <row r="923154" spans="14:14">
      <c r="N923154" s="10"/>
    </row>
    <row r="923155" spans="14:14">
      <c r="N923155" s="10"/>
    </row>
    <row r="923156" spans="14:14">
      <c r="N923156" s="10"/>
    </row>
    <row r="923157" spans="14:14">
      <c r="N923157" s="10"/>
    </row>
    <row r="923158" spans="14:14">
      <c r="N923158" s="10"/>
    </row>
    <row r="923159" spans="14:14">
      <c r="N923159" s="10"/>
    </row>
    <row r="923160" spans="14:14">
      <c r="N923160" s="10"/>
    </row>
    <row r="923161" spans="14:14">
      <c r="N923161" s="10"/>
    </row>
    <row r="923162" spans="14:14">
      <c r="N923162" s="10"/>
    </row>
    <row r="923163" spans="14:14">
      <c r="N923163" s="10"/>
    </row>
    <row r="923164" spans="14:14">
      <c r="N923164" s="10"/>
    </row>
    <row r="923165" spans="14:14">
      <c r="N923165" s="10"/>
    </row>
    <row r="923166" spans="14:14">
      <c r="N923166" s="10"/>
    </row>
    <row r="923167" spans="14:14">
      <c r="N923167" s="10"/>
    </row>
    <row r="923168" spans="14:14">
      <c r="N923168" s="10"/>
    </row>
    <row r="923169" spans="14:14">
      <c r="N923169" s="10"/>
    </row>
    <row r="923170" spans="14:14">
      <c r="N923170" s="10"/>
    </row>
    <row r="923171" spans="14:14">
      <c r="N923171" s="10"/>
    </row>
    <row r="923172" spans="14:14">
      <c r="N923172" s="10"/>
    </row>
    <row r="923173" spans="14:14">
      <c r="N923173" s="10"/>
    </row>
    <row r="923174" spans="14:14">
      <c r="N923174" s="10"/>
    </row>
    <row r="923175" spans="14:14">
      <c r="N923175" s="10"/>
    </row>
    <row r="923176" spans="14:14">
      <c r="N923176" s="10"/>
    </row>
    <row r="923177" spans="14:14">
      <c r="N923177" s="10"/>
    </row>
    <row r="923178" spans="14:14">
      <c r="N923178" s="10"/>
    </row>
    <row r="923179" spans="14:14">
      <c r="N923179" s="10"/>
    </row>
    <row r="923180" spans="14:14">
      <c r="N923180" s="10"/>
    </row>
    <row r="923181" spans="14:14">
      <c r="N923181" s="10"/>
    </row>
    <row r="923182" spans="14:14">
      <c r="N923182" s="10"/>
    </row>
    <row r="923183" spans="14:14">
      <c r="N923183" s="10"/>
    </row>
    <row r="923184" spans="14:14">
      <c r="N923184" s="10"/>
    </row>
    <row r="923185" spans="14:14">
      <c r="N923185" s="10"/>
    </row>
    <row r="923186" spans="14:14">
      <c r="N923186" s="10"/>
    </row>
    <row r="923187" spans="14:14">
      <c r="N923187" s="10"/>
    </row>
    <row r="923188" spans="14:14">
      <c r="N923188" s="10"/>
    </row>
    <row r="923189" spans="14:14">
      <c r="N923189" s="10"/>
    </row>
    <row r="923190" spans="14:14">
      <c r="N923190" s="10"/>
    </row>
    <row r="923191" spans="14:14">
      <c r="N923191" s="10"/>
    </row>
    <row r="923192" spans="14:14">
      <c r="N923192" s="10"/>
    </row>
    <row r="923193" spans="14:14">
      <c r="N923193" s="10"/>
    </row>
    <row r="923194" spans="14:14">
      <c r="N923194" s="10"/>
    </row>
    <row r="923195" spans="14:14">
      <c r="N923195" s="10"/>
    </row>
    <row r="923196" spans="14:14">
      <c r="N923196" s="10"/>
    </row>
    <row r="923197" spans="14:14">
      <c r="N923197" s="10"/>
    </row>
    <row r="923198" spans="14:14">
      <c r="N923198" s="10"/>
    </row>
    <row r="923199" spans="14:14">
      <c r="N923199" s="10"/>
    </row>
    <row r="923200" spans="14:14">
      <c r="N923200" s="10"/>
    </row>
    <row r="923201" spans="14:14">
      <c r="N923201" s="10"/>
    </row>
    <row r="923202" spans="14:14">
      <c r="N923202" s="10"/>
    </row>
    <row r="923203" spans="14:14">
      <c r="N923203" s="10"/>
    </row>
    <row r="923204" spans="14:14">
      <c r="N923204" s="10"/>
    </row>
    <row r="923205" spans="14:14">
      <c r="N923205" s="10"/>
    </row>
    <row r="923206" spans="14:14">
      <c r="N923206" s="10"/>
    </row>
    <row r="923207" spans="14:14">
      <c r="N923207" s="10"/>
    </row>
    <row r="923208" spans="14:14">
      <c r="N923208" s="10"/>
    </row>
    <row r="923209" spans="14:14">
      <c r="N923209" s="10"/>
    </row>
    <row r="923210" spans="14:14">
      <c r="N923210" s="10"/>
    </row>
    <row r="923211" spans="14:14">
      <c r="N923211" s="10"/>
    </row>
    <row r="923212" spans="14:14">
      <c r="N923212" s="10"/>
    </row>
    <row r="923213" spans="14:14">
      <c r="N923213" s="10"/>
    </row>
    <row r="923214" spans="14:14">
      <c r="N923214" s="10"/>
    </row>
    <row r="923215" spans="14:14">
      <c r="N923215" s="10"/>
    </row>
    <row r="923216" spans="14:14">
      <c r="N923216" s="10"/>
    </row>
    <row r="923217" spans="14:14">
      <c r="N923217" s="10"/>
    </row>
    <row r="923218" spans="14:14">
      <c r="N923218" s="10"/>
    </row>
    <row r="923219" spans="14:14">
      <c r="N923219" s="10"/>
    </row>
    <row r="923220" spans="14:14">
      <c r="N923220" s="10"/>
    </row>
    <row r="923221" spans="14:14">
      <c r="N923221" s="10"/>
    </row>
    <row r="923222" spans="14:14">
      <c r="N923222" s="10"/>
    </row>
    <row r="923223" spans="14:14">
      <c r="N923223" s="10"/>
    </row>
    <row r="923224" spans="14:14">
      <c r="N923224" s="10"/>
    </row>
    <row r="923225" spans="14:14">
      <c r="N923225" s="10"/>
    </row>
    <row r="923226" spans="14:14">
      <c r="N923226" s="10"/>
    </row>
    <row r="923227" spans="14:14">
      <c r="N923227" s="10"/>
    </row>
    <row r="923228" spans="14:14">
      <c r="N923228" s="10"/>
    </row>
    <row r="923229" spans="14:14">
      <c r="N923229" s="10"/>
    </row>
    <row r="923230" spans="14:14">
      <c r="N923230" s="10"/>
    </row>
    <row r="923231" spans="14:14">
      <c r="N923231" s="10"/>
    </row>
    <row r="923232" spans="14:14">
      <c r="N923232" s="10"/>
    </row>
    <row r="923233" spans="14:14">
      <c r="N923233" s="10"/>
    </row>
    <row r="923234" spans="14:14">
      <c r="N923234" s="10"/>
    </row>
    <row r="923235" spans="14:14">
      <c r="N923235" s="10"/>
    </row>
    <row r="923236" spans="14:14">
      <c r="N923236" s="10"/>
    </row>
    <row r="923237" spans="14:14">
      <c r="N923237" s="10"/>
    </row>
    <row r="923238" spans="14:14">
      <c r="N923238" s="10"/>
    </row>
    <row r="923239" spans="14:14">
      <c r="N923239" s="10"/>
    </row>
    <row r="923240" spans="14:14">
      <c r="N923240" s="10"/>
    </row>
    <row r="923241" spans="14:14">
      <c r="N923241" s="10"/>
    </row>
    <row r="923242" spans="14:14">
      <c r="N923242" s="10"/>
    </row>
    <row r="923243" spans="14:14">
      <c r="N923243" s="10"/>
    </row>
    <row r="923244" spans="14:14">
      <c r="N923244" s="10"/>
    </row>
    <row r="923245" spans="14:14">
      <c r="N923245" s="10"/>
    </row>
    <row r="923246" spans="14:14">
      <c r="N923246" s="10"/>
    </row>
    <row r="923247" spans="14:14">
      <c r="N923247" s="10"/>
    </row>
    <row r="923248" spans="14:14">
      <c r="N923248" s="10"/>
    </row>
    <row r="923249" spans="14:14">
      <c r="N923249" s="10"/>
    </row>
    <row r="923250" spans="14:14">
      <c r="N923250" s="10"/>
    </row>
    <row r="923251" spans="14:14">
      <c r="N923251" s="10"/>
    </row>
    <row r="923252" spans="14:14">
      <c r="N923252" s="10"/>
    </row>
    <row r="923253" spans="14:14">
      <c r="N923253" s="10"/>
    </row>
    <row r="923254" spans="14:14">
      <c r="N923254" s="10"/>
    </row>
    <row r="923255" spans="14:14">
      <c r="N923255" s="10"/>
    </row>
    <row r="923256" spans="14:14">
      <c r="N923256" s="10"/>
    </row>
    <row r="923257" spans="14:14">
      <c r="N923257" s="10"/>
    </row>
    <row r="923258" spans="14:14">
      <c r="N923258" s="10"/>
    </row>
    <row r="923259" spans="14:14">
      <c r="N923259" s="10"/>
    </row>
    <row r="923260" spans="14:14">
      <c r="N923260" s="10"/>
    </row>
    <row r="923261" spans="14:14">
      <c r="N923261" s="10"/>
    </row>
    <row r="923262" spans="14:14">
      <c r="N923262" s="10"/>
    </row>
    <row r="923263" spans="14:14">
      <c r="N923263" s="10"/>
    </row>
    <row r="923264" spans="14:14">
      <c r="N923264" s="10"/>
    </row>
    <row r="923265" spans="14:14">
      <c r="N923265" s="10"/>
    </row>
    <row r="923266" spans="14:14">
      <c r="N923266" s="10"/>
    </row>
    <row r="923267" spans="14:14">
      <c r="N923267" s="10"/>
    </row>
    <row r="923268" spans="14:14">
      <c r="N923268" s="10"/>
    </row>
    <row r="923269" spans="14:14">
      <c r="N923269" s="10"/>
    </row>
    <row r="923270" spans="14:14">
      <c r="N923270" s="10"/>
    </row>
    <row r="923271" spans="14:14">
      <c r="N923271" s="10"/>
    </row>
    <row r="923272" spans="14:14">
      <c r="N923272" s="10"/>
    </row>
    <row r="923273" spans="14:14">
      <c r="N923273" s="10"/>
    </row>
    <row r="923274" spans="14:14">
      <c r="N923274" s="10"/>
    </row>
    <row r="923275" spans="14:14">
      <c r="N923275" s="10"/>
    </row>
    <row r="923276" spans="14:14">
      <c r="N923276" s="10"/>
    </row>
    <row r="923277" spans="14:14">
      <c r="N923277" s="10"/>
    </row>
    <row r="923278" spans="14:14">
      <c r="N923278" s="10"/>
    </row>
    <row r="923279" spans="14:14">
      <c r="N923279" s="10"/>
    </row>
    <row r="923280" spans="14:14">
      <c r="N923280" s="10"/>
    </row>
    <row r="923281" spans="14:14">
      <c r="N923281" s="10"/>
    </row>
    <row r="923282" spans="14:14">
      <c r="N923282" s="10"/>
    </row>
    <row r="923283" spans="14:14">
      <c r="N923283" s="10"/>
    </row>
    <row r="923284" spans="14:14">
      <c r="N923284" s="10"/>
    </row>
    <row r="923285" spans="14:14">
      <c r="N923285" s="10"/>
    </row>
    <row r="923286" spans="14:14">
      <c r="N923286" s="10"/>
    </row>
    <row r="923287" spans="14:14">
      <c r="N923287" s="10"/>
    </row>
    <row r="923288" spans="14:14">
      <c r="N923288" s="10"/>
    </row>
    <row r="923289" spans="14:14">
      <c r="N923289" s="10"/>
    </row>
    <row r="923290" spans="14:14">
      <c r="N923290" s="10"/>
    </row>
    <row r="923291" spans="14:14">
      <c r="N923291" s="10"/>
    </row>
    <row r="923292" spans="14:14">
      <c r="N923292" s="10"/>
    </row>
    <row r="923293" spans="14:14">
      <c r="N923293" s="10"/>
    </row>
    <row r="923294" spans="14:14">
      <c r="N923294" s="10"/>
    </row>
    <row r="923295" spans="14:14">
      <c r="N923295" s="10"/>
    </row>
    <row r="923296" spans="14:14">
      <c r="N923296" s="10"/>
    </row>
    <row r="923297" spans="14:14">
      <c r="N923297" s="10"/>
    </row>
    <row r="923298" spans="14:14">
      <c r="N923298" s="10"/>
    </row>
    <row r="923299" spans="14:14">
      <c r="N923299" s="10"/>
    </row>
    <row r="923300" spans="14:14">
      <c r="N923300" s="10"/>
    </row>
    <row r="923301" spans="14:14">
      <c r="N923301" s="10"/>
    </row>
    <row r="923302" spans="14:14">
      <c r="N923302" s="10"/>
    </row>
    <row r="923303" spans="14:14">
      <c r="N923303" s="10"/>
    </row>
    <row r="923304" spans="14:14">
      <c r="N923304" s="10"/>
    </row>
    <row r="923305" spans="14:14">
      <c r="N923305" s="10"/>
    </row>
    <row r="923306" spans="14:14">
      <c r="N923306" s="10"/>
    </row>
    <row r="923307" spans="14:14">
      <c r="N923307" s="10"/>
    </row>
    <row r="923308" spans="14:14">
      <c r="N923308" s="10"/>
    </row>
    <row r="923309" spans="14:14">
      <c r="N923309" s="10"/>
    </row>
    <row r="923310" spans="14:14">
      <c r="N923310" s="10"/>
    </row>
    <row r="923311" spans="14:14">
      <c r="N923311" s="10"/>
    </row>
    <row r="923312" spans="14:14">
      <c r="N923312" s="10"/>
    </row>
    <row r="923313" spans="14:14">
      <c r="N923313" s="10"/>
    </row>
    <row r="923314" spans="14:14">
      <c r="N923314" s="10"/>
    </row>
    <row r="923315" spans="14:14">
      <c r="N923315" s="10"/>
    </row>
    <row r="923316" spans="14:14">
      <c r="N923316" s="10"/>
    </row>
    <row r="923317" spans="14:14">
      <c r="N923317" s="10"/>
    </row>
    <row r="923318" spans="14:14">
      <c r="N923318" s="10"/>
    </row>
    <row r="923319" spans="14:14">
      <c r="N923319" s="10"/>
    </row>
    <row r="923320" spans="14:14">
      <c r="N923320" s="10"/>
    </row>
    <row r="923321" spans="14:14">
      <c r="N923321" s="10"/>
    </row>
    <row r="923322" spans="14:14">
      <c r="N923322" s="10"/>
    </row>
    <row r="923323" spans="14:14">
      <c r="N923323" s="10"/>
    </row>
    <row r="923324" spans="14:14">
      <c r="N923324" s="10"/>
    </row>
    <row r="923325" spans="14:14">
      <c r="N923325" s="10"/>
    </row>
    <row r="923326" spans="14:14">
      <c r="N923326" s="10"/>
    </row>
    <row r="923327" spans="14:14">
      <c r="N923327" s="10"/>
    </row>
    <row r="923328" spans="14:14">
      <c r="N923328" s="10"/>
    </row>
    <row r="923329" spans="14:14">
      <c r="N923329" s="10"/>
    </row>
    <row r="923330" spans="14:14">
      <c r="N923330" s="10"/>
    </row>
    <row r="923331" spans="14:14">
      <c r="N923331" s="10"/>
    </row>
    <row r="923332" spans="14:14">
      <c r="N923332" s="10"/>
    </row>
    <row r="923333" spans="14:14">
      <c r="N923333" s="10"/>
    </row>
    <row r="923334" spans="14:14">
      <c r="N923334" s="10"/>
    </row>
    <row r="923335" spans="14:14">
      <c r="N923335" s="10"/>
    </row>
    <row r="923336" spans="14:14">
      <c r="N923336" s="10"/>
    </row>
    <row r="923337" spans="14:14">
      <c r="N923337" s="10"/>
    </row>
    <row r="923338" spans="14:14">
      <c r="N923338" s="10"/>
    </row>
    <row r="923339" spans="14:14">
      <c r="N923339" s="10"/>
    </row>
    <row r="923340" spans="14:14">
      <c r="N923340" s="10"/>
    </row>
    <row r="923341" spans="14:14">
      <c r="N923341" s="10"/>
    </row>
    <row r="923342" spans="14:14">
      <c r="N923342" s="10"/>
    </row>
    <row r="923343" spans="14:14">
      <c r="N923343" s="10"/>
    </row>
    <row r="923344" spans="14:14">
      <c r="N923344" s="10"/>
    </row>
    <row r="923345" spans="14:14">
      <c r="N923345" s="10"/>
    </row>
    <row r="923346" spans="14:14">
      <c r="N923346" s="10"/>
    </row>
    <row r="923347" spans="14:14">
      <c r="N923347" s="10"/>
    </row>
    <row r="923348" spans="14:14">
      <c r="N923348" s="10"/>
    </row>
    <row r="923349" spans="14:14">
      <c r="N923349" s="10"/>
    </row>
    <row r="923350" spans="14:14">
      <c r="N923350" s="10"/>
    </row>
    <row r="923351" spans="14:14">
      <c r="N923351" s="10"/>
    </row>
    <row r="923352" spans="14:14">
      <c r="N923352" s="10"/>
    </row>
    <row r="923353" spans="14:14">
      <c r="N923353" s="10"/>
    </row>
    <row r="923354" spans="14:14">
      <c r="N923354" s="10"/>
    </row>
    <row r="923355" spans="14:14">
      <c r="N923355" s="10"/>
    </row>
    <row r="923356" spans="14:14">
      <c r="N923356" s="10"/>
    </row>
    <row r="923357" spans="14:14">
      <c r="N923357" s="10"/>
    </row>
    <row r="923358" spans="14:14">
      <c r="N923358" s="10"/>
    </row>
    <row r="923359" spans="14:14">
      <c r="N923359" s="10"/>
    </row>
    <row r="923360" spans="14:14">
      <c r="N923360" s="10"/>
    </row>
    <row r="923361" spans="14:14">
      <c r="N923361" s="10"/>
    </row>
    <row r="923362" spans="14:14">
      <c r="N923362" s="10"/>
    </row>
    <row r="923363" spans="14:14">
      <c r="N923363" s="10"/>
    </row>
    <row r="923364" spans="14:14">
      <c r="N923364" s="10"/>
    </row>
    <row r="923365" spans="14:14">
      <c r="N923365" s="10"/>
    </row>
    <row r="923366" spans="14:14">
      <c r="N923366" s="10"/>
    </row>
    <row r="923367" spans="14:14">
      <c r="N923367" s="10"/>
    </row>
    <row r="923368" spans="14:14">
      <c r="N923368" s="10"/>
    </row>
    <row r="923369" spans="14:14">
      <c r="N923369" s="10"/>
    </row>
    <row r="923370" spans="14:14">
      <c r="N923370" s="10"/>
    </row>
    <row r="923371" spans="14:14">
      <c r="N923371" s="10"/>
    </row>
    <row r="923372" spans="14:14">
      <c r="N923372" s="10"/>
    </row>
    <row r="923373" spans="14:14">
      <c r="N923373" s="10"/>
    </row>
    <row r="923374" spans="14:14">
      <c r="N923374" s="10"/>
    </row>
    <row r="923375" spans="14:14">
      <c r="N923375" s="10"/>
    </row>
    <row r="923376" spans="14:14">
      <c r="N923376" s="10"/>
    </row>
    <row r="923377" spans="14:14">
      <c r="N923377" s="10"/>
    </row>
    <row r="923378" spans="14:14">
      <c r="N923378" s="10"/>
    </row>
    <row r="923379" spans="14:14">
      <c r="N923379" s="10"/>
    </row>
    <row r="923380" spans="14:14">
      <c r="N923380" s="10"/>
    </row>
    <row r="923381" spans="14:14">
      <c r="N923381" s="10"/>
    </row>
    <row r="923382" spans="14:14">
      <c r="N923382" s="10"/>
    </row>
    <row r="923383" spans="14:14">
      <c r="N923383" s="10"/>
    </row>
    <row r="923384" spans="14:14">
      <c r="N923384" s="10"/>
    </row>
    <row r="923385" spans="14:14">
      <c r="N923385" s="10"/>
    </row>
    <row r="923386" spans="14:14">
      <c r="N923386" s="10"/>
    </row>
    <row r="923387" spans="14:14">
      <c r="N923387" s="10"/>
    </row>
    <row r="923388" spans="14:14">
      <c r="N923388" s="10"/>
    </row>
    <row r="923389" spans="14:14">
      <c r="N923389" s="10"/>
    </row>
    <row r="923390" spans="14:14">
      <c r="N923390" s="10"/>
    </row>
    <row r="923391" spans="14:14">
      <c r="N923391" s="10"/>
    </row>
    <row r="923392" spans="14:14">
      <c r="N923392" s="10"/>
    </row>
    <row r="923393" spans="14:14">
      <c r="N923393" s="10"/>
    </row>
    <row r="923394" spans="14:14">
      <c r="N923394" s="10"/>
    </row>
    <row r="923395" spans="14:14">
      <c r="N923395" s="10"/>
    </row>
    <row r="923396" spans="14:14">
      <c r="N923396" s="10"/>
    </row>
    <row r="923397" spans="14:14">
      <c r="N923397" s="10"/>
    </row>
    <row r="923398" spans="14:14">
      <c r="N923398" s="10"/>
    </row>
    <row r="923399" spans="14:14">
      <c r="N923399" s="10"/>
    </row>
    <row r="923400" spans="14:14">
      <c r="N923400" s="10"/>
    </row>
    <row r="923401" spans="14:14">
      <c r="N923401" s="10"/>
    </row>
    <row r="923402" spans="14:14">
      <c r="N923402" s="10"/>
    </row>
    <row r="923403" spans="14:14">
      <c r="N923403" s="10"/>
    </row>
    <row r="923404" spans="14:14">
      <c r="N923404" s="10"/>
    </row>
    <row r="923405" spans="14:14">
      <c r="N923405" s="10"/>
    </row>
    <row r="923406" spans="14:14">
      <c r="N923406" s="10"/>
    </row>
    <row r="923407" spans="14:14">
      <c r="N923407" s="10"/>
    </row>
    <row r="923408" spans="14:14">
      <c r="N923408" s="10"/>
    </row>
    <row r="923409" spans="14:14">
      <c r="N923409" s="10"/>
    </row>
    <row r="923410" spans="14:14">
      <c r="N923410" s="10"/>
    </row>
    <row r="923411" spans="14:14">
      <c r="N923411" s="10"/>
    </row>
    <row r="923412" spans="14:14">
      <c r="N923412" s="10"/>
    </row>
    <row r="923413" spans="14:14">
      <c r="N923413" s="10"/>
    </row>
    <row r="923414" spans="14:14">
      <c r="N923414" s="10"/>
    </row>
    <row r="923415" spans="14:14">
      <c r="N923415" s="10"/>
    </row>
    <row r="923416" spans="14:14">
      <c r="N923416" s="10"/>
    </row>
    <row r="923417" spans="14:14">
      <c r="N923417" s="10"/>
    </row>
    <row r="923418" spans="14:14">
      <c r="N923418" s="10"/>
    </row>
    <row r="923419" spans="14:14">
      <c r="N923419" s="10"/>
    </row>
    <row r="923420" spans="14:14">
      <c r="N923420" s="10"/>
    </row>
    <row r="923421" spans="14:14">
      <c r="N923421" s="10"/>
    </row>
    <row r="923422" spans="14:14">
      <c r="N923422" s="10"/>
    </row>
    <row r="923423" spans="14:14">
      <c r="N923423" s="10"/>
    </row>
    <row r="923424" spans="14:14">
      <c r="N923424" s="10"/>
    </row>
    <row r="923425" spans="14:14">
      <c r="N923425" s="10"/>
    </row>
    <row r="923426" spans="14:14">
      <c r="N923426" s="10"/>
    </row>
    <row r="923427" spans="14:14">
      <c r="N923427" s="10"/>
    </row>
    <row r="923428" spans="14:14">
      <c r="N923428" s="10"/>
    </row>
    <row r="923429" spans="14:14">
      <c r="N923429" s="10"/>
    </row>
    <row r="923430" spans="14:14">
      <c r="N923430" s="10"/>
    </row>
    <row r="923431" spans="14:14">
      <c r="N923431" s="10"/>
    </row>
    <row r="923432" spans="14:14">
      <c r="N923432" s="10"/>
    </row>
    <row r="923433" spans="14:14">
      <c r="N923433" s="10"/>
    </row>
    <row r="923434" spans="14:14">
      <c r="N923434" s="10"/>
    </row>
    <row r="923435" spans="14:14">
      <c r="N923435" s="10"/>
    </row>
    <row r="923436" spans="14:14">
      <c r="N923436" s="10"/>
    </row>
    <row r="923437" spans="14:14">
      <c r="N923437" s="10"/>
    </row>
    <row r="923438" spans="14:14">
      <c r="N923438" s="10"/>
    </row>
    <row r="923439" spans="14:14">
      <c r="N923439" s="10"/>
    </row>
    <row r="923440" spans="14:14">
      <c r="N923440" s="10"/>
    </row>
    <row r="923441" spans="14:14">
      <c r="N923441" s="10"/>
    </row>
    <row r="923442" spans="14:14">
      <c r="N923442" s="10"/>
    </row>
    <row r="923443" spans="14:14">
      <c r="N923443" s="10"/>
    </row>
    <row r="923444" spans="14:14">
      <c r="N923444" s="10"/>
    </row>
    <row r="923445" spans="14:14">
      <c r="N923445" s="10"/>
    </row>
    <row r="923446" spans="14:14">
      <c r="N923446" s="10"/>
    </row>
    <row r="923447" spans="14:14">
      <c r="N923447" s="10"/>
    </row>
    <row r="923448" spans="14:14">
      <c r="N923448" s="10"/>
    </row>
    <row r="923449" spans="14:14">
      <c r="N923449" s="10"/>
    </row>
    <row r="923450" spans="14:14">
      <c r="N923450" s="10"/>
    </row>
    <row r="923451" spans="14:14">
      <c r="N923451" s="10"/>
    </row>
    <row r="923452" spans="14:14">
      <c r="N923452" s="10"/>
    </row>
    <row r="923453" spans="14:14">
      <c r="N923453" s="10"/>
    </row>
    <row r="923454" spans="14:14">
      <c r="N923454" s="10"/>
    </row>
    <row r="923455" spans="14:14">
      <c r="N923455" s="10"/>
    </row>
    <row r="923456" spans="14:14">
      <c r="N923456" s="10"/>
    </row>
    <row r="923457" spans="14:14">
      <c r="N923457" s="10"/>
    </row>
    <row r="923458" spans="14:14">
      <c r="N923458" s="10"/>
    </row>
    <row r="923459" spans="14:14">
      <c r="N923459" s="10"/>
    </row>
    <row r="923460" spans="14:14">
      <c r="N923460" s="10"/>
    </row>
    <row r="923461" spans="14:14">
      <c r="N923461" s="10"/>
    </row>
    <row r="923462" spans="14:14">
      <c r="N923462" s="10"/>
    </row>
    <row r="923463" spans="14:14">
      <c r="N923463" s="10"/>
    </row>
    <row r="923464" spans="14:14">
      <c r="N923464" s="10"/>
    </row>
    <row r="923465" spans="14:14">
      <c r="N923465" s="10"/>
    </row>
    <row r="923466" spans="14:14">
      <c r="N923466" s="10"/>
    </row>
    <row r="923467" spans="14:14">
      <c r="N923467" s="10"/>
    </row>
    <row r="923468" spans="14:14">
      <c r="N923468" s="10"/>
    </row>
    <row r="923469" spans="14:14">
      <c r="N923469" s="10"/>
    </row>
    <row r="923470" spans="14:14">
      <c r="N923470" s="10"/>
    </row>
    <row r="923471" spans="14:14">
      <c r="N923471" s="10"/>
    </row>
    <row r="923472" spans="14:14">
      <c r="N923472" s="10"/>
    </row>
    <row r="923473" spans="14:14">
      <c r="N923473" s="10"/>
    </row>
    <row r="923474" spans="14:14">
      <c r="N923474" s="10"/>
    </row>
    <row r="923475" spans="14:14">
      <c r="N923475" s="10"/>
    </row>
    <row r="923476" spans="14:14">
      <c r="N923476" s="10"/>
    </row>
    <row r="923477" spans="14:14">
      <c r="N923477" s="10"/>
    </row>
    <row r="923478" spans="14:14">
      <c r="N923478" s="10"/>
    </row>
    <row r="923479" spans="14:14">
      <c r="N923479" s="10"/>
    </row>
    <row r="923480" spans="14:14">
      <c r="N923480" s="10"/>
    </row>
    <row r="923481" spans="14:14">
      <c r="N923481" s="10"/>
    </row>
    <row r="923482" spans="14:14">
      <c r="N923482" s="10"/>
    </row>
    <row r="923483" spans="14:14">
      <c r="N923483" s="10"/>
    </row>
    <row r="923484" spans="14:14">
      <c r="N923484" s="10"/>
    </row>
    <row r="923485" spans="14:14">
      <c r="N923485" s="10"/>
    </row>
    <row r="923486" spans="14:14">
      <c r="N923486" s="10"/>
    </row>
    <row r="923487" spans="14:14">
      <c r="N923487" s="10"/>
    </row>
    <row r="923488" spans="14:14">
      <c r="N923488" s="10"/>
    </row>
    <row r="923489" spans="14:14">
      <c r="N923489" s="10"/>
    </row>
    <row r="923490" spans="14:14">
      <c r="N923490" s="10"/>
    </row>
    <row r="923491" spans="14:14">
      <c r="N923491" s="10"/>
    </row>
    <row r="923492" spans="14:14">
      <c r="N923492" s="10"/>
    </row>
    <row r="923493" spans="14:14">
      <c r="N923493" s="10"/>
    </row>
    <row r="923494" spans="14:14">
      <c r="N923494" s="10"/>
    </row>
    <row r="923495" spans="14:14">
      <c r="N923495" s="10"/>
    </row>
    <row r="923496" spans="14:14">
      <c r="N923496" s="10"/>
    </row>
    <row r="923497" spans="14:14">
      <c r="N923497" s="10"/>
    </row>
    <row r="923498" spans="14:14">
      <c r="N923498" s="10"/>
    </row>
    <row r="923499" spans="14:14">
      <c r="N923499" s="10"/>
    </row>
    <row r="923500" spans="14:14">
      <c r="N923500" s="10"/>
    </row>
    <row r="923501" spans="14:14">
      <c r="N923501" s="10"/>
    </row>
    <row r="923502" spans="14:14">
      <c r="N923502" s="10"/>
    </row>
    <row r="923503" spans="14:14">
      <c r="N923503" s="10"/>
    </row>
    <row r="923504" spans="14:14">
      <c r="N923504" s="10"/>
    </row>
    <row r="923505" spans="14:14">
      <c r="N923505" s="10"/>
    </row>
    <row r="923506" spans="14:14">
      <c r="N923506" s="10"/>
    </row>
    <row r="923507" spans="14:14">
      <c r="N923507" s="10"/>
    </row>
    <row r="923508" spans="14:14">
      <c r="N923508" s="10"/>
    </row>
    <row r="923509" spans="14:14">
      <c r="N923509" s="10"/>
    </row>
    <row r="923510" spans="14:14">
      <c r="N923510" s="10"/>
    </row>
    <row r="923511" spans="14:14">
      <c r="N923511" s="10"/>
    </row>
    <row r="923512" spans="14:14">
      <c r="N923512" s="10"/>
    </row>
    <row r="923513" spans="14:14">
      <c r="N923513" s="10"/>
    </row>
    <row r="923514" spans="14:14">
      <c r="N923514" s="10"/>
    </row>
    <row r="923515" spans="14:14">
      <c r="N923515" s="10"/>
    </row>
    <row r="923516" spans="14:14">
      <c r="N923516" s="10"/>
    </row>
    <row r="923517" spans="14:14">
      <c r="N923517" s="10"/>
    </row>
    <row r="923518" spans="14:14">
      <c r="N923518" s="10"/>
    </row>
    <row r="923519" spans="14:14">
      <c r="N923519" s="10"/>
    </row>
    <row r="923520" spans="14:14">
      <c r="N923520" s="10"/>
    </row>
    <row r="923521" spans="14:14">
      <c r="N923521" s="10"/>
    </row>
    <row r="923522" spans="14:14">
      <c r="N923522" s="10"/>
    </row>
    <row r="923523" spans="14:14">
      <c r="N923523" s="10"/>
    </row>
    <row r="923524" spans="14:14">
      <c r="N923524" s="10"/>
    </row>
    <row r="923525" spans="14:14">
      <c r="N923525" s="10"/>
    </row>
    <row r="923526" spans="14:14">
      <c r="N923526" s="10"/>
    </row>
    <row r="923527" spans="14:14">
      <c r="N923527" s="10"/>
    </row>
    <row r="923528" spans="14:14">
      <c r="N923528" s="10"/>
    </row>
    <row r="923529" spans="14:14">
      <c r="N923529" s="10"/>
    </row>
    <row r="923530" spans="14:14">
      <c r="N923530" s="10"/>
    </row>
    <row r="923531" spans="14:14">
      <c r="N923531" s="10"/>
    </row>
    <row r="923532" spans="14:14">
      <c r="N923532" s="10"/>
    </row>
    <row r="923533" spans="14:14">
      <c r="N923533" s="10"/>
    </row>
    <row r="923534" spans="14:14">
      <c r="N923534" s="10"/>
    </row>
    <row r="923535" spans="14:14">
      <c r="N923535" s="10"/>
    </row>
    <row r="923536" spans="14:14">
      <c r="N923536" s="10"/>
    </row>
    <row r="923537" spans="14:14">
      <c r="N923537" s="10"/>
    </row>
    <row r="923538" spans="14:14">
      <c r="N923538" s="10"/>
    </row>
    <row r="923539" spans="14:14">
      <c r="N923539" s="10"/>
    </row>
    <row r="923540" spans="14:14">
      <c r="N923540" s="10"/>
    </row>
    <row r="923541" spans="14:14">
      <c r="N923541" s="10"/>
    </row>
    <row r="923542" spans="14:14">
      <c r="N923542" s="10"/>
    </row>
    <row r="923543" spans="14:14">
      <c r="N923543" s="10"/>
    </row>
    <row r="923544" spans="14:14">
      <c r="N923544" s="10"/>
    </row>
    <row r="923545" spans="14:14">
      <c r="N923545" s="10"/>
    </row>
    <row r="923546" spans="14:14">
      <c r="N923546" s="10"/>
    </row>
    <row r="923547" spans="14:14">
      <c r="N923547" s="10"/>
    </row>
    <row r="923548" spans="14:14">
      <c r="N923548" s="10"/>
    </row>
    <row r="923549" spans="14:14">
      <c r="N923549" s="10"/>
    </row>
    <row r="923550" spans="14:14">
      <c r="N923550" s="10"/>
    </row>
    <row r="923551" spans="14:14">
      <c r="N923551" s="10"/>
    </row>
    <row r="923552" spans="14:14">
      <c r="N923552" s="10"/>
    </row>
    <row r="923553" spans="14:14">
      <c r="N923553" s="10"/>
    </row>
    <row r="923554" spans="14:14">
      <c r="N923554" s="10"/>
    </row>
    <row r="923555" spans="14:14">
      <c r="N923555" s="10"/>
    </row>
    <row r="923556" spans="14:14">
      <c r="N923556" s="10"/>
    </row>
    <row r="923557" spans="14:14">
      <c r="N923557" s="10"/>
    </row>
    <row r="923558" spans="14:14">
      <c r="N923558" s="10"/>
    </row>
    <row r="923559" spans="14:14">
      <c r="N923559" s="10"/>
    </row>
    <row r="923560" spans="14:14">
      <c r="N923560" s="10"/>
    </row>
    <row r="923561" spans="14:14">
      <c r="N923561" s="10"/>
    </row>
    <row r="923562" spans="14:14">
      <c r="N923562" s="10"/>
    </row>
    <row r="923563" spans="14:14">
      <c r="N923563" s="10"/>
    </row>
    <row r="923564" spans="14:14">
      <c r="N923564" s="10"/>
    </row>
    <row r="923565" spans="14:14">
      <c r="N923565" s="10"/>
    </row>
    <row r="923566" spans="14:14">
      <c r="N923566" s="10"/>
    </row>
    <row r="923567" spans="14:14">
      <c r="N923567" s="10"/>
    </row>
    <row r="923568" spans="14:14">
      <c r="N923568" s="10"/>
    </row>
    <row r="923569" spans="14:14">
      <c r="N923569" s="10"/>
    </row>
    <row r="923570" spans="14:14">
      <c r="N923570" s="10"/>
    </row>
    <row r="923571" spans="14:14">
      <c r="N923571" s="10"/>
    </row>
    <row r="923572" spans="14:14">
      <c r="N923572" s="10"/>
    </row>
    <row r="923573" spans="14:14">
      <c r="N923573" s="10"/>
    </row>
    <row r="923574" spans="14:14">
      <c r="N923574" s="10"/>
    </row>
    <row r="923575" spans="14:14">
      <c r="N923575" s="10"/>
    </row>
    <row r="923576" spans="14:14">
      <c r="N923576" s="10"/>
    </row>
    <row r="923577" spans="14:14">
      <c r="N923577" s="10"/>
    </row>
    <row r="923578" spans="14:14">
      <c r="N923578" s="10"/>
    </row>
    <row r="923579" spans="14:14">
      <c r="N923579" s="10"/>
    </row>
    <row r="923580" spans="14:14">
      <c r="N923580" s="10"/>
    </row>
    <row r="923581" spans="14:14">
      <c r="N923581" s="10"/>
    </row>
    <row r="923582" spans="14:14">
      <c r="N923582" s="10"/>
    </row>
    <row r="923583" spans="14:14">
      <c r="N923583" s="10"/>
    </row>
    <row r="923584" spans="14:14">
      <c r="N923584" s="10"/>
    </row>
    <row r="923585" spans="14:14">
      <c r="N923585" s="10"/>
    </row>
    <row r="923586" spans="14:14">
      <c r="N923586" s="10"/>
    </row>
    <row r="923587" spans="14:14">
      <c r="N923587" s="10"/>
    </row>
    <row r="923588" spans="14:14">
      <c r="N923588" s="10"/>
    </row>
    <row r="923589" spans="14:14">
      <c r="N923589" s="10"/>
    </row>
    <row r="923590" spans="14:14">
      <c r="N923590" s="10"/>
    </row>
    <row r="923591" spans="14:14">
      <c r="N923591" s="10"/>
    </row>
    <row r="923592" spans="14:14">
      <c r="N923592" s="10"/>
    </row>
    <row r="923593" spans="14:14">
      <c r="N923593" s="10"/>
    </row>
    <row r="923594" spans="14:14">
      <c r="N923594" s="10"/>
    </row>
    <row r="923595" spans="14:14">
      <c r="N923595" s="10"/>
    </row>
    <row r="923596" spans="14:14">
      <c r="N923596" s="10"/>
    </row>
    <row r="923597" spans="14:14">
      <c r="N923597" s="10"/>
    </row>
    <row r="923598" spans="14:14">
      <c r="N923598" s="10"/>
    </row>
    <row r="923599" spans="14:14">
      <c r="N923599" s="10"/>
    </row>
    <row r="923600" spans="14:14">
      <c r="N923600" s="10"/>
    </row>
    <row r="923601" spans="14:14">
      <c r="N923601" s="10"/>
    </row>
    <row r="923602" spans="14:14">
      <c r="N923602" s="10"/>
    </row>
    <row r="923603" spans="14:14">
      <c r="N923603" s="10"/>
    </row>
    <row r="923604" spans="14:14">
      <c r="N923604" s="10"/>
    </row>
    <row r="923605" spans="14:14">
      <c r="N923605" s="10"/>
    </row>
    <row r="923606" spans="14:14">
      <c r="N923606" s="10"/>
    </row>
    <row r="923607" spans="14:14">
      <c r="N923607" s="10"/>
    </row>
    <row r="923608" spans="14:14">
      <c r="N923608" s="10"/>
    </row>
    <row r="923609" spans="14:14">
      <c r="N923609" s="10"/>
    </row>
    <row r="923610" spans="14:14">
      <c r="N923610" s="10"/>
    </row>
    <row r="923611" spans="14:14">
      <c r="N923611" s="10"/>
    </row>
    <row r="923612" spans="14:14">
      <c r="N923612" s="10"/>
    </row>
    <row r="923613" spans="14:14">
      <c r="N923613" s="10"/>
    </row>
    <row r="923614" spans="14:14">
      <c r="N923614" s="10"/>
    </row>
    <row r="923615" spans="14:14">
      <c r="N923615" s="10"/>
    </row>
    <row r="923616" spans="14:14">
      <c r="N923616" s="10"/>
    </row>
    <row r="923617" spans="14:14">
      <c r="N923617" s="10"/>
    </row>
    <row r="923618" spans="14:14">
      <c r="N923618" s="10"/>
    </row>
    <row r="923619" spans="14:14">
      <c r="N923619" s="10"/>
    </row>
    <row r="923620" spans="14:14">
      <c r="N923620" s="10"/>
    </row>
    <row r="923621" spans="14:14">
      <c r="N923621" s="10"/>
    </row>
    <row r="923622" spans="14:14">
      <c r="N923622" s="10"/>
    </row>
    <row r="923623" spans="14:14">
      <c r="N923623" s="10"/>
    </row>
    <row r="923624" spans="14:14">
      <c r="N923624" s="10"/>
    </row>
    <row r="923625" spans="14:14">
      <c r="N923625" s="10"/>
    </row>
    <row r="923626" spans="14:14">
      <c r="N923626" s="10"/>
    </row>
    <row r="923627" spans="14:14">
      <c r="N923627" s="10"/>
    </row>
    <row r="923628" spans="14:14">
      <c r="N923628" s="10"/>
    </row>
    <row r="923629" spans="14:14">
      <c r="N923629" s="10"/>
    </row>
    <row r="923630" spans="14:14">
      <c r="N923630" s="10"/>
    </row>
    <row r="923631" spans="14:14">
      <c r="N923631" s="10"/>
    </row>
    <row r="923632" spans="14:14">
      <c r="N923632" s="10"/>
    </row>
    <row r="923633" spans="14:14">
      <c r="N923633" s="10"/>
    </row>
    <row r="923634" spans="14:14">
      <c r="N923634" s="10"/>
    </row>
    <row r="923635" spans="14:14">
      <c r="N923635" s="10"/>
    </row>
    <row r="923636" spans="14:14">
      <c r="N923636" s="10"/>
    </row>
    <row r="923637" spans="14:14">
      <c r="N923637" s="10"/>
    </row>
    <row r="923638" spans="14:14">
      <c r="N923638" s="10"/>
    </row>
    <row r="923639" spans="14:14">
      <c r="N923639" s="10"/>
    </row>
    <row r="923640" spans="14:14">
      <c r="N923640" s="10"/>
    </row>
    <row r="923641" spans="14:14">
      <c r="N923641" s="10"/>
    </row>
    <row r="923642" spans="14:14">
      <c r="N923642" s="10"/>
    </row>
    <row r="923643" spans="14:14">
      <c r="N923643" s="10"/>
    </row>
    <row r="923644" spans="14:14">
      <c r="N923644" s="10"/>
    </row>
    <row r="923645" spans="14:14">
      <c r="N923645" s="10"/>
    </row>
    <row r="923646" spans="14:14">
      <c r="N923646" s="10"/>
    </row>
    <row r="923647" spans="14:14">
      <c r="N923647" s="10"/>
    </row>
    <row r="923648" spans="14:14">
      <c r="N923648" s="10"/>
    </row>
    <row r="923649" spans="14:14">
      <c r="N923649" s="10"/>
    </row>
    <row r="923650" spans="14:14">
      <c r="N923650" s="10"/>
    </row>
    <row r="923651" spans="14:14">
      <c r="N923651" s="10"/>
    </row>
    <row r="923652" spans="14:14">
      <c r="N923652" s="10"/>
    </row>
    <row r="923653" spans="14:14">
      <c r="N923653" s="10"/>
    </row>
    <row r="923654" spans="14:14">
      <c r="N923654" s="10"/>
    </row>
    <row r="923655" spans="14:14">
      <c r="N923655" s="10"/>
    </row>
    <row r="923656" spans="14:14">
      <c r="N923656" s="10"/>
    </row>
    <row r="923657" spans="14:14">
      <c r="N923657" s="10"/>
    </row>
    <row r="923658" spans="14:14">
      <c r="N923658" s="10"/>
    </row>
    <row r="923659" spans="14:14">
      <c r="N923659" s="10"/>
    </row>
    <row r="923660" spans="14:14">
      <c r="N923660" s="10"/>
    </row>
    <row r="923661" spans="14:14">
      <c r="N923661" s="10"/>
    </row>
    <row r="923662" spans="14:14">
      <c r="N923662" s="10"/>
    </row>
    <row r="923663" spans="14:14">
      <c r="N923663" s="10"/>
    </row>
    <row r="923664" spans="14:14">
      <c r="N923664" s="10"/>
    </row>
    <row r="923665" spans="14:14">
      <c r="N923665" s="10"/>
    </row>
    <row r="923666" spans="14:14">
      <c r="N923666" s="10"/>
    </row>
    <row r="923667" spans="14:14">
      <c r="N923667" s="10"/>
    </row>
    <row r="923668" spans="14:14">
      <c r="N923668" s="10"/>
    </row>
    <row r="923669" spans="14:14">
      <c r="N923669" s="10"/>
    </row>
    <row r="923670" spans="14:14">
      <c r="N923670" s="10"/>
    </row>
    <row r="923671" spans="14:14">
      <c r="N923671" s="10"/>
    </row>
    <row r="923672" spans="14:14">
      <c r="N923672" s="10"/>
    </row>
    <row r="923673" spans="14:14">
      <c r="N923673" s="10"/>
    </row>
    <row r="923674" spans="14:14">
      <c r="N923674" s="10"/>
    </row>
    <row r="923675" spans="14:14">
      <c r="N923675" s="10"/>
    </row>
    <row r="923676" spans="14:14">
      <c r="N923676" s="10"/>
    </row>
    <row r="923677" spans="14:14">
      <c r="N923677" s="10"/>
    </row>
    <row r="923678" spans="14:14">
      <c r="N923678" s="10"/>
    </row>
    <row r="923679" spans="14:14">
      <c r="N923679" s="10"/>
    </row>
    <row r="923680" spans="14:14">
      <c r="N923680" s="10"/>
    </row>
    <row r="923681" spans="14:14">
      <c r="N923681" s="10"/>
    </row>
    <row r="923682" spans="14:14">
      <c r="N923682" s="10"/>
    </row>
    <row r="923683" spans="14:14">
      <c r="N923683" s="10"/>
    </row>
    <row r="923684" spans="14:14">
      <c r="N923684" s="10"/>
    </row>
    <row r="923685" spans="14:14">
      <c r="N923685" s="10"/>
    </row>
    <row r="923686" spans="14:14">
      <c r="N923686" s="10"/>
    </row>
    <row r="923687" spans="14:14">
      <c r="N923687" s="10"/>
    </row>
    <row r="923688" spans="14:14">
      <c r="N923688" s="10"/>
    </row>
    <row r="923689" spans="14:14">
      <c r="N923689" s="10"/>
    </row>
    <row r="923690" spans="14:14">
      <c r="N923690" s="10"/>
    </row>
    <row r="923691" spans="14:14">
      <c r="N923691" s="10"/>
    </row>
    <row r="923692" spans="14:14">
      <c r="N923692" s="10"/>
    </row>
    <row r="923693" spans="14:14">
      <c r="N923693" s="10"/>
    </row>
    <row r="923694" spans="14:14">
      <c r="N923694" s="10"/>
    </row>
    <row r="923695" spans="14:14">
      <c r="N923695" s="10"/>
    </row>
    <row r="923696" spans="14:14">
      <c r="N923696" s="10"/>
    </row>
    <row r="923697" spans="14:14">
      <c r="N923697" s="10"/>
    </row>
    <row r="923698" spans="14:14">
      <c r="N923698" s="10"/>
    </row>
    <row r="923699" spans="14:14">
      <c r="N923699" s="10"/>
    </row>
    <row r="923700" spans="14:14">
      <c r="N923700" s="10"/>
    </row>
    <row r="923701" spans="14:14">
      <c r="N923701" s="10"/>
    </row>
    <row r="923702" spans="14:14">
      <c r="N923702" s="10"/>
    </row>
    <row r="923703" spans="14:14">
      <c r="N923703" s="10"/>
    </row>
    <row r="923704" spans="14:14">
      <c r="N923704" s="10"/>
    </row>
    <row r="923705" spans="14:14">
      <c r="N923705" s="10"/>
    </row>
    <row r="923706" spans="14:14">
      <c r="N923706" s="10"/>
    </row>
    <row r="923707" spans="14:14">
      <c r="N923707" s="10"/>
    </row>
    <row r="923708" spans="14:14">
      <c r="N923708" s="10"/>
    </row>
    <row r="923709" spans="14:14">
      <c r="N923709" s="10"/>
    </row>
    <row r="923710" spans="14:14">
      <c r="N923710" s="10"/>
    </row>
    <row r="923711" spans="14:14">
      <c r="N923711" s="10"/>
    </row>
    <row r="923712" spans="14:14">
      <c r="N923712" s="10"/>
    </row>
    <row r="923713" spans="14:14">
      <c r="N923713" s="10"/>
    </row>
    <row r="923714" spans="14:14">
      <c r="N923714" s="10"/>
    </row>
    <row r="923715" spans="14:14">
      <c r="N923715" s="10"/>
    </row>
    <row r="923716" spans="14:14">
      <c r="N923716" s="10"/>
    </row>
    <row r="923717" spans="14:14">
      <c r="N923717" s="10"/>
    </row>
    <row r="923718" spans="14:14">
      <c r="N923718" s="10"/>
    </row>
    <row r="923719" spans="14:14">
      <c r="N923719" s="10"/>
    </row>
    <row r="923720" spans="14:14">
      <c r="N923720" s="10"/>
    </row>
    <row r="923721" spans="14:14">
      <c r="N923721" s="10"/>
    </row>
    <row r="923722" spans="14:14">
      <c r="N923722" s="10"/>
    </row>
    <row r="923723" spans="14:14">
      <c r="N923723" s="10"/>
    </row>
    <row r="923724" spans="14:14">
      <c r="N923724" s="10"/>
    </row>
    <row r="923725" spans="14:14">
      <c r="N923725" s="10"/>
    </row>
    <row r="923726" spans="14:14">
      <c r="N923726" s="10"/>
    </row>
    <row r="923727" spans="14:14">
      <c r="N923727" s="10"/>
    </row>
    <row r="923728" spans="14:14">
      <c r="N923728" s="10"/>
    </row>
    <row r="923729" spans="14:14">
      <c r="N923729" s="10"/>
    </row>
    <row r="923730" spans="14:14">
      <c r="N923730" s="10"/>
    </row>
    <row r="923731" spans="14:14">
      <c r="N923731" s="10"/>
    </row>
    <row r="923732" spans="14:14">
      <c r="N923732" s="10"/>
    </row>
    <row r="923733" spans="14:14">
      <c r="N923733" s="10"/>
    </row>
    <row r="923734" spans="14:14">
      <c r="N923734" s="10"/>
    </row>
    <row r="923735" spans="14:14">
      <c r="N923735" s="10"/>
    </row>
    <row r="923736" spans="14:14">
      <c r="N923736" s="10"/>
    </row>
    <row r="923737" spans="14:14">
      <c r="N923737" s="10"/>
    </row>
    <row r="923738" spans="14:14">
      <c r="N923738" s="10"/>
    </row>
    <row r="923739" spans="14:14">
      <c r="N923739" s="10"/>
    </row>
    <row r="923740" spans="14:14">
      <c r="N923740" s="10"/>
    </row>
    <row r="923741" spans="14:14">
      <c r="N923741" s="10"/>
    </row>
    <row r="923742" spans="14:14">
      <c r="N923742" s="10"/>
    </row>
    <row r="923743" spans="14:14">
      <c r="N923743" s="10"/>
    </row>
    <row r="923744" spans="14:14">
      <c r="N923744" s="10"/>
    </row>
    <row r="923745" spans="14:14">
      <c r="N923745" s="10"/>
    </row>
    <row r="923746" spans="14:14">
      <c r="N923746" s="10"/>
    </row>
    <row r="923747" spans="14:14">
      <c r="N923747" s="10"/>
    </row>
    <row r="923748" spans="14:14">
      <c r="N923748" s="10"/>
    </row>
    <row r="923749" spans="14:14">
      <c r="N923749" s="10"/>
    </row>
    <row r="923750" spans="14:14">
      <c r="N923750" s="10"/>
    </row>
    <row r="923751" spans="14:14">
      <c r="N923751" s="10"/>
    </row>
    <row r="923752" spans="14:14">
      <c r="N923752" s="10"/>
    </row>
    <row r="923753" spans="14:14">
      <c r="N923753" s="10"/>
    </row>
    <row r="923754" spans="14:14">
      <c r="N923754" s="10"/>
    </row>
    <row r="923755" spans="14:14">
      <c r="N923755" s="10"/>
    </row>
    <row r="923756" spans="14:14">
      <c r="N923756" s="10"/>
    </row>
    <row r="923757" spans="14:14">
      <c r="N923757" s="10"/>
    </row>
    <row r="923758" spans="14:14">
      <c r="N923758" s="10"/>
    </row>
    <row r="923759" spans="14:14">
      <c r="N923759" s="10"/>
    </row>
    <row r="923760" spans="14:14">
      <c r="N923760" s="10"/>
    </row>
    <row r="923761" spans="14:14">
      <c r="N923761" s="10"/>
    </row>
    <row r="923762" spans="14:14">
      <c r="N923762" s="10"/>
    </row>
    <row r="923763" spans="14:14">
      <c r="N923763" s="10"/>
    </row>
    <row r="923764" spans="14:14">
      <c r="N923764" s="10"/>
    </row>
    <row r="923765" spans="14:14">
      <c r="N923765" s="10"/>
    </row>
    <row r="923766" spans="14:14">
      <c r="N923766" s="10"/>
    </row>
    <row r="923767" spans="14:14">
      <c r="N923767" s="10"/>
    </row>
    <row r="923768" spans="14:14">
      <c r="N923768" s="10"/>
    </row>
    <row r="923769" spans="14:14">
      <c r="N923769" s="10"/>
    </row>
    <row r="923770" spans="14:14">
      <c r="N923770" s="10"/>
    </row>
    <row r="923771" spans="14:14">
      <c r="N923771" s="10"/>
    </row>
    <row r="923772" spans="14:14">
      <c r="N923772" s="10"/>
    </row>
    <row r="923773" spans="14:14">
      <c r="N923773" s="10"/>
    </row>
    <row r="923774" spans="14:14">
      <c r="N923774" s="10"/>
    </row>
    <row r="923775" spans="14:14">
      <c r="N923775" s="10"/>
    </row>
    <row r="923776" spans="14:14">
      <c r="N923776" s="10"/>
    </row>
    <row r="923777" spans="14:14">
      <c r="N923777" s="10"/>
    </row>
    <row r="923778" spans="14:14">
      <c r="N923778" s="10"/>
    </row>
    <row r="923779" spans="14:14">
      <c r="N923779" s="10"/>
    </row>
    <row r="923780" spans="14:14">
      <c r="N923780" s="10"/>
    </row>
    <row r="923781" spans="14:14">
      <c r="N923781" s="10"/>
    </row>
    <row r="923782" spans="14:14">
      <c r="N923782" s="10"/>
    </row>
    <row r="923783" spans="14:14">
      <c r="N923783" s="10"/>
    </row>
    <row r="923784" spans="14:14">
      <c r="N923784" s="10"/>
    </row>
    <row r="923785" spans="14:14">
      <c r="N923785" s="10"/>
    </row>
    <row r="923786" spans="14:14">
      <c r="N923786" s="10"/>
    </row>
    <row r="923787" spans="14:14">
      <c r="N923787" s="10"/>
    </row>
    <row r="923788" spans="14:14">
      <c r="N923788" s="10"/>
    </row>
    <row r="923789" spans="14:14">
      <c r="N923789" s="10"/>
    </row>
    <row r="923790" spans="14:14">
      <c r="N923790" s="10"/>
    </row>
    <row r="923791" spans="14:14">
      <c r="N923791" s="10"/>
    </row>
    <row r="923792" spans="14:14">
      <c r="N923792" s="10"/>
    </row>
    <row r="923793" spans="14:14">
      <c r="N923793" s="10"/>
    </row>
    <row r="923794" spans="14:14">
      <c r="N923794" s="10"/>
    </row>
    <row r="923795" spans="14:14">
      <c r="N923795" s="10"/>
    </row>
    <row r="923796" spans="14:14">
      <c r="N923796" s="10"/>
    </row>
    <row r="923797" spans="14:14">
      <c r="N923797" s="10"/>
    </row>
    <row r="923798" spans="14:14">
      <c r="N923798" s="10"/>
    </row>
    <row r="923799" spans="14:14">
      <c r="N923799" s="10"/>
    </row>
    <row r="923800" spans="14:14">
      <c r="N923800" s="10"/>
    </row>
    <row r="923801" spans="14:14">
      <c r="N923801" s="10"/>
    </row>
    <row r="923802" spans="14:14">
      <c r="N923802" s="10"/>
    </row>
    <row r="923803" spans="14:14">
      <c r="N923803" s="10"/>
    </row>
    <row r="923804" spans="14:14">
      <c r="N923804" s="10"/>
    </row>
    <row r="923805" spans="14:14">
      <c r="N923805" s="10"/>
    </row>
    <row r="923806" spans="14:14">
      <c r="N923806" s="10"/>
    </row>
    <row r="923807" spans="14:14">
      <c r="N923807" s="10"/>
    </row>
    <row r="923808" spans="14:14">
      <c r="N923808" s="10"/>
    </row>
    <row r="923809" spans="14:14">
      <c r="N923809" s="10"/>
    </row>
    <row r="923810" spans="14:14">
      <c r="N923810" s="10"/>
    </row>
    <row r="923811" spans="14:14">
      <c r="N923811" s="10"/>
    </row>
    <row r="923812" spans="14:14">
      <c r="N923812" s="10"/>
    </row>
    <row r="923813" spans="14:14">
      <c r="N923813" s="10"/>
    </row>
    <row r="923814" spans="14:14">
      <c r="N923814" s="10"/>
    </row>
    <row r="923815" spans="14:14">
      <c r="N923815" s="10"/>
    </row>
    <row r="923816" spans="14:14">
      <c r="N923816" s="10"/>
    </row>
    <row r="923817" spans="14:14">
      <c r="N923817" s="10"/>
    </row>
    <row r="923818" spans="14:14">
      <c r="N923818" s="10"/>
    </row>
    <row r="923819" spans="14:14">
      <c r="N923819" s="10"/>
    </row>
    <row r="923820" spans="14:14">
      <c r="N923820" s="10"/>
    </row>
    <row r="923821" spans="14:14">
      <c r="N923821" s="10"/>
    </row>
    <row r="923822" spans="14:14">
      <c r="N923822" s="10"/>
    </row>
    <row r="923823" spans="14:14">
      <c r="N923823" s="10"/>
    </row>
    <row r="923824" spans="14:14">
      <c r="N923824" s="10"/>
    </row>
    <row r="923825" spans="14:14">
      <c r="N923825" s="10"/>
    </row>
    <row r="923826" spans="14:14">
      <c r="N923826" s="10"/>
    </row>
    <row r="923827" spans="14:14">
      <c r="N923827" s="10"/>
    </row>
    <row r="923828" spans="14:14">
      <c r="N923828" s="10"/>
    </row>
    <row r="923829" spans="14:14">
      <c r="N923829" s="10"/>
    </row>
    <row r="923830" spans="14:14">
      <c r="N923830" s="10"/>
    </row>
    <row r="923831" spans="14:14">
      <c r="N923831" s="10"/>
    </row>
    <row r="923832" spans="14:14">
      <c r="N923832" s="10"/>
    </row>
    <row r="923833" spans="14:14">
      <c r="N923833" s="10"/>
    </row>
    <row r="923834" spans="14:14">
      <c r="N923834" s="10"/>
    </row>
    <row r="923835" spans="14:14">
      <c r="N923835" s="10"/>
    </row>
    <row r="923836" spans="14:14">
      <c r="N923836" s="10"/>
    </row>
    <row r="923837" spans="14:14">
      <c r="N923837" s="10"/>
    </row>
    <row r="923838" spans="14:14">
      <c r="N923838" s="10"/>
    </row>
    <row r="923839" spans="14:14">
      <c r="N923839" s="10"/>
    </row>
    <row r="923840" spans="14:14">
      <c r="N923840" s="10"/>
    </row>
    <row r="923841" spans="14:14">
      <c r="N923841" s="10"/>
    </row>
    <row r="923842" spans="14:14">
      <c r="N923842" s="10"/>
    </row>
    <row r="923843" spans="14:14">
      <c r="N923843" s="10"/>
    </row>
    <row r="923844" spans="14:14">
      <c r="N923844" s="10"/>
    </row>
    <row r="923845" spans="14:14">
      <c r="N923845" s="10"/>
    </row>
    <row r="923846" spans="14:14">
      <c r="N923846" s="10"/>
    </row>
    <row r="923847" spans="14:14">
      <c r="N923847" s="10"/>
    </row>
    <row r="923848" spans="14:14">
      <c r="N923848" s="10"/>
    </row>
    <row r="923849" spans="14:14">
      <c r="N923849" s="10"/>
    </row>
    <row r="923850" spans="14:14">
      <c r="N923850" s="10"/>
    </row>
    <row r="923851" spans="14:14">
      <c r="N923851" s="10"/>
    </row>
    <row r="923852" spans="14:14">
      <c r="N923852" s="10"/>
    </row>
    <row r="923853" spans="14:14">
      <c r="N923853" s="10"/>
    </row>
    <row r="923854" spans="14:14">
      <c r="N923854" s="10"/>
    </row>
    <row r="923855" spans="14:14">
      <c r="N923855" s="10"/>
    </row>
    <row r="923856" spans="14:14">
      <c r="N923856" s="10"/>
    </row>
    <row r="923857" spans="14:14">
      <c r="N923857" s="10"/>
    </row>
    <row r="923858" spans="14:14">
      <c r="N923858" s="10"/>
    </row>
    <row r="923859" spans="14:14">
      <c r="N923859" s="10"/>
    </row>
    <row r="923860" spans="14:14">
      <c r="N923860" s="10"/>
    </row>
    <row r="923861" spans="14:14">
      <c r="N923861" s="10"/>
    </row>
    <row r="923862" spans="14:14">
      <c r="N923862" s="10"/>
    </row>
    <row r="923863" spans="14:14">
      <c r="N923863" s="10"/>
    </row>
    <row r="923864" spans="14:14">
      <c r="N923864" s="10"/>
    </row>
    <row r="923865" spans="14:14">
      <c r="N923865" s="10"/>
    </row>
    <row r="923866" spans="14:14">
      <c r="N923866" s="10"/>
    </row>
    <row r="923867" spans="14:14">
      <c r="N923867" s="10"/>
    </row>
    <row r="923868" spans="14:14">
      <c r="N923868" s="10"/>
    </row>
    <row r="923869" spans="14:14">
      <c r="N923869" s="10"/>
    </row>
    <row r="923870" spans="14:14">
      <c r="N923870" s="10"/>
    </row>
    <row r="923871" spans="14:14">
      <c r="N923871" s="10"/>
    </row>
    <row r="923872" spans="14:14">
      <c r="N923872" s="10"/>
    </row>
    <row r="923873" spans="14:14">
      <c r="N923873" s="10"/>
    </row>
    <row r="923874" spans="14:14">
      <c r="N923874" s="10"/>
    </row>
    <row r="923875" spans="14:14">
      <c r="N923875" s="10"/>
    </row>
    <row r="923876" spans="14:14">
      <c r="N923876" s="10"/>
    </row>
    <row r="923877" spans="14:14">
      <c r="N923877" s="10"/>
    </row>
    <row r="923878" spans="14:14">
      <c r="N923878" s="10"/>
    </row>
    <row r="923879" spans="14:14">
      <c r="N923879" s="10"/>
    </row>
    <row r="923880" spans="14:14">
      <c r="N923880" s="10"/>
    </row>
    <row r="923881" spans="14:14">
      <c r="N923881" s="10"/>
    </row>
    <row r="923882" spans="14:14">
      <c r="N923882" s="10"/>
    </row>
    <row r="923883" spans="14:14">
      <c r="N923883" s="10"/>
    </row>
    <row r="923884" spans="14:14">
      <c r="N923884" s="10"/>
    </row>
    <row r="923885" spans="14:14">
      <c r="N923885" s="10"/>
    </row>
    <row r="923886" spans="14:14">
      <c r="N923886" s="10"/>
    </row>
    <row r="923887" spans="14:14">
      <c r="N923887" s="10"/>
    </row>
    <row r="923888" spans="14:14">
      <c r="N923888" s="10"/>
    </row>
    <row r="923889" spans="14:14">
      <c r="N923889" s="10"/>
    </row>
    <row r="923890" spans="14:14">
      <c r="N923890" s="10"/>
    </row>
    <row r="923891" spans="14:14">
      <c r="N923891" s="10"/>
    </row>
    <row r="923892" spans="14:14">
      <c r="N923892" s="10"/>
    </row>
    <row r="923893" spans="14:14">
      <c r="N923893" s="10"/>
    </row>
    <row r="923894" spans="14:14">
      <c r="N923894" s="10"/>
    </row>
    <row r="923895" spans="14:14">
      <c r="N923895" s="10"/>
    </row>
    <row r="923896" spans="14:14">
      <c r="N923896" s="10"/>
    </row>
    <row r="923897" spans="14:14">
      <c r="N923897" s="10"/>
    </row>
    <row r="923898" spans="14:14">
      <c r="N923898" s="10"/>
    </row>
    <row r="923899" spans="14:14">
      <c r="N923899" s="10"/>
    </row>
    <row r="923900" spans="14:14">
      <c r="N923900" s="10"/>
    </row>
    <row r="923901" spans="14:14">
      <c r="N923901" s="10"/>
    </row>
    <row r="923902" spans="14:14">
      <c r="N923902" s="10"/>
    </row>
    <row r="923903" spans="14:14">
      <c r="N923903" s="10"/>
    </row>
    <row r="923904" spans="14:14">
      <c r="N923904" s="10"/>
    </row>
    <row r="923905" spans="14:14">
      <c r="N923905" s="10"/>
    </row>
    <row r="923906" spans="14:14">
      <c r="N923906" s="10"/>
    </row>
    <row r="923907" spans="14:14">
      <c r="N923907" s="10"/>
    </row>
    <row r="923908" spans="14:14">
      <c r="N923908" s="10"/>
    </row>
    <row r="923909" spans="14:14">
      <c r="N923909" s="10"/>
    </row>
    <row r="923910" spans="14:14">
      <c r="N923910" s="10"/>
    </row>
    <row r="923911" spans="14:14">
      <c r="N923911" s="10"/>
    </row>
    <row r="923912" spans="14:14">
      <c r="N923912" s="10"/>
    </row>
    <row r="923913" spans="14:14">
      <c r="N923913" s="10"/>
    </row>
    <row r="923914" spans="14:14">
      <c r="N923914" s="10"/>
    </row>
    <row r="923915" spans="14:14">
      <c r="N923915" s="10"/>
    </row>
    <row r="923916" spans="14:14">
      <c r="N923916" s="10"/>
    </row>
    <row r="923917" spans="14:14">
      <c r="N923917" s="10"/>
    </row>
    <row r="923918" spans="14:14">
      <c r="N923918" s="10"/>
    </row>
    <row r="923919" spans="14:14">
      <c r="N923919" s="10"/>
    </row>
    <row r="923920" spans="14:14">
      <c r="N923920" s="10"/>
    </row>
    <row r="923921" spans="14:14">
      <c r="N923921" s="10"/>
    </row>
    <row r="923922" spans="14:14">
      <c r="N923922" s="10"/>
    </row>
    <row r="923923" spans="14:14">
      <c r="N923923" s="10"/>
    </row>
    <row r="923924" spans="14:14">
      <c r="N923924" s="10"/>
    </row>
    <row r="923925" spans="14:14">
      <c r="N923925" s="10"/>
    </row>
    <row r="923926" spans="14:14">
      <c r="N923926" s="10"/>
    </row>
    <row r="923927" spans="14:14">
      <c r="N923927" s="10"/>
    </row>
    <row r="923928" spans="14:14">
      <c r="N923928" s="10"/>
    </row>
    <row r="923929" spans="14:14">
      <c r="N923929" s="10"/>
    </row>
    <row r="923930" spans="14:14">
      <c r="N923930" s="10"/>
    </row>
    <row r="923931" spans="14:14">
      <c r="N923931" s="10"/>
    </row>
    <row r="923932" spans="14:14">
      <c r="N923932" s="10"/>
    </row>
    <row r="923933" spans="14:14">
      <c r="N923933" s="10"/>
    </row>
    <row r="923934" spans="14:14">
      <c r="N923934" s="10"/>
    </row>
    <row r="923935" spans="14:14">
      <c r="N923935" s="10"/>
    </row>
    <row r="923936" spans="14:14">
      <c r="N923936" s="10"/>
    </row>
    <row r="923937" spans="14:14">
      <c r="N923937" s="10"/>
    </row>
    <row r="923938" spans="14:14">
      <c r="N923938" s="10"/>
    </row>
    <row r="923939" spans="14:14">
      <c r="N923939" s="10"/>
    </row>
    <row r="923940" spans="14:14">
      <c r="N923940" s="10"/>
    </row>
    <row r="923941" spans="14:14">
      <c r="N923941" s="10"/>
    </row>
    <row r="923942" spans="14:14">
      <c r="N923942" s="10"/>
    </row>
    <row r="923943" spans="14:14">
      <c r="N923943" s="10"/>
    </row>
    <row r="923944" spans="14:14">
      <c r="N923944" s="10"/>
    </row>
    <row r="923945" spans="14:14">
      <c r="N923945" s="10"/>
    </row>
    <row r="923946" spans="14:14">
      <c r="N923946" s="10"/>
    </row>
    <row r="923947" spans="14:14">
      <c r="N923947" s="10"/>
    </row>
    <row r="923948" spans="14:14">
      <c r="N923948" s="10"/>
    </row>
    <row r="923949" spans="14:14">
      <c r="N923949" s="10"/>
    </row>
    <row r="923950" spans="14:14">
      <c r="N923950" s="10"/>
    </row>
    <row r="923951" spans="14:14">
      <c r="N923951" s="10"/>
    </row>
    <row r="923952" spans="14:14">
      <c r="N923952" s="10"/>
    </row>
    <row r="923953" spans="14:14">
      <c r="N923953" s="10"/>
    </row>
    <row r="923954" spans="14:14">
      <c r="N923954" s="10"/>
    </row>
    <row r="923955" spans="14:14">
      <c r="N923955" s="10"/>
    </row>
    <row r="923956" spans="14:14">
      <c r="N923956" s="10"/>
    </row>
    <row r="923957" spans="14:14">
      <c r="N923957" s="10"/>
    </row>
    <row r="923958" spans="14:14">
      <c r="N923958" s="10"/>
    </row>
    <row r="923959" spans="14:14">
      <c r="N923959" s="10"/>
    </row>
    <row r="923960" spans="14:14">
      <c r="N923960" s="10"/>
    </row>
    <row r="923961" spans="14:14">
      <c r="N923961" s="10"/>
    </row>
    <row r="923962" spans="14:14">
      <c r="N923962" s="10"/>
    </row>
    <row r="923963" spans="14:14">
      <c r="N923963" s="10"/>
    </row>
    <row r="923964" spans="14:14">
      <c r="N923964" s="10"/>
    </row>
    <row r="923965" spans="14:14">
      <c r="N923965" s="10"/>
    </row>
    <row r="923966" spans="14:14">
      <c r="N923966" s="10"/>
    </row>
    <row r="923967" spans="14:14">
      <c r="N923967" s="10"/>
    </row>
    <row r="923968" spans="14:14">
      <c r="N923968" s="10"/>
    </row>
    <row r="923969" spans="14:14">
      <c r="N923969" s="10"/>
    </row>
    <row r="923970" spans="14:14">
      <c r="N923970" s="10"/>
    </row>
    <row r="923971" spans="14:14">
      <c r="N923971" s="10"/>
    </row>
    <row r="923972" spans="14:14">
      <c r="N923972" s="10"/>
    </row>
    <row r="923973" spans="14:14">
      <c r="N923973" s="10"/>
    </row>
    <row r="923974" spans="14:14">
      <c r="N923974" s="10"/>
    </row>
    <row r="923975" spans="14:14">
      <c r="N923975" s="10"/>
    </row>
    <row r="923976" spans="14:14">
      <c r="N923976" s="10"/>
    </row>
    <row r="923977" spans="14:14">
      <c r="N923977" s="10"/>
    </row>
    <row r="923978" spans="14:14">
      <c r="N923978" s="10"/>
    </row>
    <row r="923979" spans="14:14">
      <c r="N923979" s="10"/>
    </row>
    <row r="923980" spans="14:14">
      <c r="N923980" s="10"/>
    </row>
    <row r="923981" spans="14:14">
      <c r="N923981" s="10"/>
    </row>
    <row r="923982" spans="14:14">
      <c r="N923982" s="10"/>
    </row>
    <row r="923983" spans="14:14">
      <c r="N923983" s="10"/>
    </row>
    <row r="923984" spans="14:14">
      <c r="N923984" s="10"/>
    </row>
    <row r="923985" spans="14:14">
      <c r="N923985" s="10"/>
    </row>
    <row r="923986" spans="14:14">
      <c r="N923986" s="10"/>
    </row>
    <row r="923987" spans="14:14">
      <c r="N923987" s="10"/>
    </row>
    <row r="923988" spans="14:14">
      <c r="N923988" s="10"/>
    </row>
    <row r="923989" spans="14:14">
      <c r="N923989" s="10"/>
    </row>
    <row r="923990" spans="14:14">
      <c r="N923990" s="10"/>
    </row>
    <row r="923991" spans="14:14">
      <c r="N923991" s="10"/>
    </row>
    <row r="923992" spans="14:14">
      <c r="N923992" s="10"/>
    </row>
    <row r="923993" spans="14:14">
      <c r="N923993" s="10"/>
    </row>
    <row r="923994" spans="14:14">
      <c r="N923994" s="10"/>
    </row>
    <row r="923995" spans="14:14">
      <c r="N923995" s="10"/>
    </row>
    <row r="923996" spans="14:14">
      <c r="N923996" s="10"/>
    </row>
    <row r="923997" spans="14:14">
      <c r="N923997" s="10"/>
    </row>
    <row r="923998" spans="14:14">
      <c r="N923998" s="10"/>
    </row>
    <row r="923999" spans="14:14">
      <c r="N923999" s="10"/>
    </row>
    <row r="924000" spans="14:14">
      <c r="N924000" s="10"/>
    </row>
    <row r="924001" spans="14:14">
      <c r="N924001" s="10"/>
    </row>
    <row r="924002" spans="14:14">
      <c r="N924002" s="10"/>
    </row>
    <row r="924003" spans="14:14">
      <c r="N924003" s="10"/>
    </row>
    <row r="924004" spans="14:14">
      <c r="N924004" s="10"/>
    </row>
    <row r="924005" spans="14:14">
      <c r="N924005" s="10"/>
    </row>
    <row r="924006" spans="14:14">
      <c r="N924006" s="10"/>
    </row>
    <row r="924007" spans="14:14">
      <c r="N924007" s="10"/>
    </row>
    <row r="924008" spans="14:14">
      <c r="N924008" s="10"/>
    </row>
    <row r="924009" spans="14:14">
      <c r="N924009" s="10"/>
    </row>
    <row r="924010" spans="14:14">
      <c r="N924010" s="10"/>
    </row>
    <row r="924011" spans="14:14">
      <c r="N924011" s="10"/>
    </row>
    <row r="924012" spans="14:14">
      <c r="N924012" s="10"/>
    </row>
    <row r="924013" spans="14:14">
      <c r="N924013" s="10"/>
    </row>
    <row r="924014" spans="14:14">
      <c r="N924014" s="10"/>
    </row>
    <row r="924015" spans="14:14">
      <c r="N924015" s="10"/>
    </row>
    <row r="924016" spans="14:14">
      <c r="N924016" s="10"/>
    </row>
    <row r="924017" spans="14:14">
      <c r="N924017" s="10"/>
    </row>
    <row r="924018" spans="14:14">
      <c r="N924018" s="10"/>
    </row>
    <row r="924019" spans="14:14">
      <c r="N924019" s="10"/>
    </row>
    <row r="924020" spans="14:14">
      <c r="N924020" s="10"/>
    </row>
    <row r="924021" spans="14:14">
      <c r="N924021" s="10"/>
    </row>
    <row r="924022" spans="14:14">
      <c r="N924022" s="10"/>
    </row>
    <row r="924023" spans="14:14">
      <c r="N924023" s="10"/>
    </row>
    <row r="924024" spans="14:14">
      <c r="N924024" s="10"/>
    </row>
    <row r="924025" spans="14:14">
      <c r="N924025" s="10"/>
    </row>
    <row r="924026" spans="14:14">
      <c r="N924026" s="10"/>
    </row>
    <row r="924027" spans="14:14">
      <c r="N924027" s="10"/>
    </row>
    <row r="924028" spans="14:14">
      <c r="N924028" s="10"/>
    </row>
    <row r="924029" spans="14:14">
      <c r="N924029" s="10"/>
    </row>
    <row r="924030" spans="14:14">
      <c r="N924030" s="10"/>
    </row>
    <row r="924031" spans="14:14">
      <c r="N924031" s="10"/>
    </row>
    <row r="924032" spans="14:14">
      <c r="N924032" s="10"/>
    </row>
    <row r="924033" spans="14:14">
      <c r="N924033" s="10"/>
    </row>
    <row r="924034" spans="14:14">
      <c r="N924034" s="10"/>
    </row>
    <row r="924035" spans="14:14">
      <c r="N924035" s="10"/>
    </row>
    <row r="924036" spans="14:14">
      <c r="N924036" s="10"/>
    </row>
    <row r="924037" spans="14:14">
      <c r="N924037" s="10"/>
    </row>
    <row r="924038" spans="14:14">
      <c r="N924038" s="10"/>
    </row>
    <row r="924039" spans="14:14">
      <c r="N924039" s="10"/>
    </row>
    <row r="924040" spans="14:14">
      <c r="N924040" s="10"/>
    </row>
    <row r="924041" spans="14:14">
      <c r="N924041" s="10"/>
    </row>
    <row r="924042" spans="14:14">
      <c r="N924042" s="10"/>
    </row>
    <row r="924043" spans="14:14">
      <c r="N924043" s="10"/>
    </row>
    <row r="924044" spans="14:14">
      <c r="N924044" s="10"/>
    </row>
    <row r="924045" spans="14:14">
      <c r="N924045" s="10"/>
    </row>
    <row r="924046" spans="14:14">
      <c r="N924046" s="10"/>
    </row>
    <row r="924047" spans="14:14">
      <c r="N924047" s="10"/>
    </row>
    <row r="924048" spans="14:14">
      <c r="N924048" s="10"/>
    </row>
    <row r="924049" spans="14:14">
      <c r="N924049" s="10"/>
    </row>
    <row r="924050" spans="14:14">
      <c r="N924050" s="10"/>
    </row>
    <row r="924051" spans="14:14">
      <c r="N924051" s="10"/>
    </row>
    <row r="924052" spans="14:14">
      <c r="N924052" s="10"/>
    </row>
    <row r="924053" spans="14:14">
      <c r="N924053" s="10"/>
    </row>
    <row r="924054" spans="14:14">
      <c r="N924054" s="10"/>
    </row>
    <row r="924055" spans="14:14">
      <c r="N924055" s="10"/>
    </row>
    <row r="924056" spans="14:14">
      <c r="N924056" s="10"/>
    </row>
    <row r="924057" spans="14:14">
      <c r="N924057" s="10"/>
    </row>
    <row r="924058" spans="14:14">
      <c r="N924058" s="10"/>
    </row>
    <row r="924059" spans="14:14">
      <c r="N924059" s="10"/>
    </row>
    <row r="924060" spans="14:14">
      <c r="N924060" s="10"/>
    </row>
    <row r="924061" spans="14:14">
      <c r="N924061" s="10"/>
    </row>
    <row r="924062" spans="14:14">
      <c r="N924062" s="10"/>
    </row>
    <row r="924063" spans="14:14">
      <c r="N924063" s="10"/>
    </row>
    <row r="924064" spans="14:14">
      <c r="N924064" s="10"/>
    </row>
    <row r="924065" spans="14:14">
      <c r="N924065" s="10"/>
    </row>
    <row r="924066" spans="14:14">
      <c r="N924066" s="10"/>
    </row>
    <row r="924067" spans="14:14">
      <c r="N924067" s="10"/>
    </row>
    <row r="924068" spans="14:14">
      <c r="N924068" s="10"/>
    </row>
    <row r="924069" spans="14:14">
      <c r="N924069" s="10"/>
    </row>
    <row r="924070" spans="14:14">
      <c r="N924070" s="10"/>
    </row>
    <row r="924071" spans="14:14">
      <c r="N924071" s="10"/>
    </row>
    <row r="924072" spans="14:14">
      <c r="N924072" s="10"/>
    </row>
    <row r="924073" spans="14:14">
      <c r="N924073" s="10"/>
    </row>
    <row r="924074" spans="14:14">
      <c r="N924074" s="10"/>
    </row>
    <row r="924075" spans="14:14">
      <c r="N924075" s="10"/>
    </row>
    <row r="924076" spans="14:14">
      <c r="N924076" s="10"/>
    </row>
    <row r="924077" spans="14:14">
      <c r="N924077" s="10"/>
    </row>
    <row r="924078" spans="14:14">
      <c r="N924078" s="10"/>
    </row>
    <row r="924079" spans="14:14">
      <c r="N924079" s="10"/>
    </row>
    <row r="924080" spans="14:14">
      <c r="N924080" s="10"/>
    </row>
    <row r="924081" spans="14:14">
      <c r="N924081" s="10"/>
    </row>
    <row r="924082" spans="14:14">
      <c r="N924082" s="10"/>
    </row>
    <row r="924083" spans="14:14">
      <c r="N924083" s="10"/>
    </row>
    <row r="924084" spans="14:14">
      <c r="N924084" s="10"/>
    </row>
    <row r="924085" spans="14:14">
      <c r="N924085" s="10"/>
    </row>
    <row r="924086" spans="14:14">
      <c r="N924086" s="10"/>
    </row>
    <row r="924087" spans="14:14">
      <c r="N924087" s="10"/>
    </row>
    <row r="924088" spans="14:14">
      <c r="N924088" s="10"/>
    </row>
    <row r="924089" spans="14:14">
      <c r="N924089" s="10"/>
    </row>
    <row r="924090" spans="14:14">
      <c r="N924090" s="10"/>
    </row>
    <row r="924091" spans="14:14">
      <c r="N924091" s="10"/>
    </row>
    <row r="924092" spans="14:14">
      <c r="N924092" s="10"/>
    </row>
    <row r="924093" spans="14:14">
      <c r="N924093" s="10"/>
    </row>
    <row r="924094" spans="14:14">
      <c r="N924094" s="10"/>
    </row>
    <row r="924095" spans="14:14">
      <c r="N924095" s="10"/>
    </row>
    <row r="924096" spans="14:14">
      <c r="N924096" s="10"/>
    </row>
    <row r="924097" spans="14:14">
      <c r="N924097" s="10"/>
    </row>
    <row r="924098" spans="14:14">
      <c r="N924098" s="10"/>
    </row>
    <row r="924099" spans="14:14">
      <c r="N924099" s="10"/>
    </row>
    <row r="924100" spans="14:14">
      <c r="N924100" s="10"/>
    </row>
    <row r="924101" spans="14:14">
      <c r="N924101" s="10"/>
    </row>
    <row r="924102" spans="14:14">
      <c r="N924102" s="10"/>
    </row>
    <row r="924103" spans="14:14">
      <c r="N924103" s="10"/>
    </row>
    <row r="924104" spans="14:14">
      <c r="N924104" s="10"/>
    </row>
    <row r="924105" spans="14:14">
      <c r="N924105" s="10"/>
    </row>
    <row r="924106" spans="14:14">
      <c r="N924106" s="10"/>
    </row>
    <row r="924107" spans="14:14">
      <c r="N924107" s="10"/>
    </row>
    <row r="924108" spans="14:14">
      <c r="N924108" s="10"/>
    </row>
    <row r="924109" spans="14:14">
      <c r="N924109" s="10"/>
    </row>
    <row r="924110" spans="14:14">
      <c r="N924110" s="10"/>
    </row>
    <row r="924111" spans="14:14">
      <c r="N924111" s="10"/>
    </row>
    <row r="924112" spans="14:14">
      <c r="N924112" s="10"/>
    </row>
    <row r="924113" spans="14:14">
      <c r="N924113" s="10"/>
    </row>
    <row r="924114" spans="14:14">
      <c r="N924114" s="10"/>
    </row>
    <row r="924115" spans="14:14">
      <c r="N924115" s="10"/>
    </row>
    <row r="924116" spans="14:14">
      <c r="N924116" s="10"/>
    </row>
    <row r="924117" spans="14:14">
      <c r="N924117" s="10"/>
    </row>
    <row r="924118" spans="14:14">
      <c r="N924118" s="10"/>
    </row>
    <row r="924119" spans="14:14">
      <c r="N924119" s="10"/>
    </row>
    <row r="924120" spans="14:14">
      <c r="N924120" s="10"/>
    </row>
    <row r="924121" spans="14:14">
      <c r="N924121" s="10"/>
    </row>
    <row r="924122" spans="14:14">
      <c r="N924122" s="10"/>
    </row>
    <row r="924123" spans="14:14">
      <c r="N924123" s="10"/>
    </row>
    <row r="924124" spans="14:14">
      <c r="N924124" s="10"/>
    </row>
    <row r="924125" spans="14:14">
      <c r="N924125" s="10"/>
    </row>
    <row r="924126" spans="14:14">
      <c r="N924126" s="10"/>
    </row>
    <row r="924127" spans="14:14">
      <c r="N924127" s="10"/>
    </row>
    <row r="924128" spans="14:14">
      <c r="N924128" s="10"/>
    </row>
    <row r="924129" spans="14:14">
      <c r="N924129" s="10"/>
    </row>
    <row r="924130" spans="14:14">
      <c r="N924130" s="10"/>
    </row>
    <row r="924131" spans="14:14">
      <c r="N924131" s="10"/>
    </row>
    <row r="924132" spans="14:14">
      <c r="N924132" s="10"/>
    </row>
    <row r="924133" spans="14:14">
      <c r="N924133" s="10"/>
    </row>
    <row r="924134" spans="14:14">
      <c r="N924134" s="10"/>
    </row>
    <row r="924135" spans="14:14">
      <c r="N924135" s="10"/>
    </row>
    <row r="924136" spans="14:14">
      <c r="N924136" s="10"/>
    </row>
    <row r="924137" spans="14:14">
      <c r="N924137" s="10"/>
    </row>
    <row r="924138" spans="14:14">
      <c r="N924138" s="10"/>
    </row>
    <row r="924139" spans="14:14">
      <c r="N924139" s="10"/>
    </row>
    <row r="924140" spans="14:14">
      <c r="N924140" s="10"/>
    </row>
    <row r="924141" spans="14:14">
      <c r="N924141" s="10"/>
    </row>
    <row r="924142" spans="14:14">
      <c r="N924142" s="10"/>
    </row>
    <row r="924143" spans="14:14">
      <c r="N924143" s="10"/>
    </row>
    <row r="924144" spans="14:14">
      <c r="N924144" s="10"/>
    </row>
    <row r="924145" spans="14:14">
      <c r="N924145" s="10"/>
    </row>
    <row r="924146" spans="14:14">
      <c r="N924146" s="10"/>
    </row>
    <row r="924147" spans="14:14">
      <c r="N924147" s="10"/>
    </row>
    <row r="924148" spans="14:14">
      <c r="N924148" s="10"/>
    </row>
    <row r="924149" spans="14:14">
      <c r="N924149" s="10"/>
    </row>
    <row r="924150" spans="14:14">
      <c r="N924150" s="10"/>
    </row>
    <row r="924151" spans="14:14">
      <c r="N924151" s="10"/>
    </row>
    <row r="924152" spans="14:14">
      <c r="N924152" s="10"/>
    </row>
    <row r="924153" spans="14:14">
      <c r="N924153" s="10"/>
    </row>
    <row r="924154" spans="14:14">
      <c r="N924154" s="10"/>
    </row>
    <row r="924155" spans="14:14">
      <c r="N924155" s="10"/>
    </row>
    <row r="924156" spans="14:14">
      <c r="N924156" s="10"/>
    </row>
    <row r="924157" spans="14:14">
      <c r="N924157" s="10"/>
    </row>
    <row r="924158" spans="14:14">
      <c r="N924158" s="10"/>
    </row>
    <row r="924159" spans="14:14">
      <c r="N924159" s="10"/>
    </row>
    <row r="924160" spans="14:14">
      <c r="N924160" s="10"/>
    </row>
    <row r="924161" spans="14:14">
      <c r="N924161" s="10"/>
    </row>
    <row r="924162" spans="14:14">
      <c r="N924162" s="10"/>
    </row>
    <row r="924163" spans="14:14">
      <c r="N924163" s="10"/>
    </row>
    <row r="924164" spans="14:14">
      <c r="N924164" s="10"/>
    </row>
    <row r="924165" spans="14:14">
      <c r="N924165" s="10"/>
    </row>
    <row r="924166" spans="14:14">
      <c r="N924166" s="10"/>
    </row>
    <row r="924167" spans="14:14">
      <c r="N924167" s="10"/>
    </row>
    <row r="924168" spans="14:14">
      <c r="N924168" s="10"/>
    </row>
    <row r="924169" spans="14:14">
      <c r="N924169" s="10"/>
    </row>
    <row r="924170" spans="14:14">
      <c r="N924170" s="10"/>
    </row>
    <row r="924171" spans="14:14">
      <c r="N924171" s="10"/>
    </row>
    <row r="924172" spans="14:14">
      <c r="N924172" s="10"/>
    </row>
    <row r="924173" spans="14:14">
      <c r="N924173" s="10"/>
    </row>
    <row r="924174" spans="14:14">
      <c r="N924174" s="10"/>
    </row>
    <row r="924175" spans="14:14">
      <c r="N924175" s="10"/>
    </row>
    <row r="924176" spans="14:14">
      <c r="N924176" s="10"/>
    </row>
    <row r="924177" spans="14:14">
      <c r="N924177" s="10"/>
    </row>
    <row r="924178" spans="14:14">
      <c r="N924178" s="10"/>
    </row>
    <row r="924179" spans="14:14">
      <c r="N924179" s="10"/>
    </row>
    <row r="924180" spans="14:14">
      <c r="N924180" s="10"/>
    </row>
    <row r="924181" spans="14:14">
      <c r="N924181" s="10"/>
    </row>
    <row r="924182" spans="14:14">
      <c r="N924182" s="10"/>
    </row>
    <row r="924183" spans="14:14">
      <c r="N924183" s="10"/>
    </row>
    <row r="924184" spans="14:14">
      <c r="N924184" s="10"/>
    </row>
    <row r="924185" spans="14:14">
      <c r="N924185" s="10"/>
    </row>
    <row r="924186" spans="14:14">
      <c r="N924186" s="10"/>
    </row>
    <row r="924187" spans="14:14">
      <c r="N924187" s="10"/>
    </row>
    <row r="924188" spans="14:14">
      <c r="N924188" s="10"/>
    </row>
    <row r="924189" spans="14:14">
      <c r="N924189" s="10"/>
    </row>
    <row r="924190" spans="14:14">
      <c r="N924190" s="10"/>
    </row>
    <row r="924191" spans="14:14">
      <c r="N924191" s="10"/>
    </row>
    <row r="924192" spans="14:14">
      <c r="N924192" s="10"/>
    </row>
    <row r="924193" spans="14:14">
      <c r="N924193" s="10"/>
    </row>
    <row r="924194" spans="14:14">
      <c r="N924194" s="10"/>
    </row>
    <row r="924195" spans="14:14">
      <c r="N924195" s="10"/>
    </row>
    <row r="924196" spans="14:14">
      <c r="N924196" s="10"/>
    </row>
    <row r="924197" spans="14:14">
      <c r="N924197" s="10"/>
    </row>
    <row r="924198" spans="14:14">
      <c r="N924198" s="10"/>
    </row>
    <row r="924199" spans="14:14">
      <c r="N924199" s="10"/>
    </row>
    <row r="924200" spans="14:14">
      <c r="N924200" s="10"/>
    </row>
    <row r="924201" spans="14:14">
      <c r="N924201" s="10"/>
    </row>
    <row r="924202" spans="14:14">
      <c r="N924202" s="10"/>
    </row>
    <row r="924203" spans="14:14">
      <c r="N924203" s="10"/>
    </row>
    <row r="924204" spans="14:14">
      <c r="N924204" s="10"/>
    </row>
    <row r="924205" spans="14:14">
      <c r="N924205" s="10"/>
    </row>
    <row r="924206" spans="14:14">
      <c r="N924206" s="10"/>
    </row>
    <row r="924207" spans="14:14">
      <c r="N924207" s="10"/>
    </row>
    <row r="924208" spans="14:14">
      <c r="N924208" s="10"/>
    </row>
    <row r="924209" spans="14:14">
      <c r="N924209" s="10"/>
    </row>
    <row r="924210" spans="14:14">
      <c r="N924210" s="10"/>
    </row>
    <row r="924211" spans="14:14">
      <c r="N924211" s="10"/>
    </row>
    <row r="924212" spans="14:14">
      <c r="N924212" s="10"/>
    </row>
    <row r="924213" spans="14:14">
      <c r="N924213" s="10"/>
    </row>
    <row r="924214" spans="14:14">
      <c r="N924214" s="10"/>
    </row>
    <row r="924215" spans="14:14">
      <c r="N924215" s="10"/>
    </row>
    <row r="924216" spans="14:14">
      <c r="N924216" s="10"/>
    </row>
    <row r="924217" spans="14:14">
      <c r="N924217" s="10"/>
    </row>
    <row r="924218" spans="14:14">
      <c r="N924218" s="10"/>
    </row>
    <row r="924219" spans="14:14">
      <c r="N924219" s="10"/>
    </row>
    <row r="924220" spans="14:14">
      <c r="N924220" s="10"/>
    </row>
    <row r="924221" spans="14:14">
      <c r="N924221" s="10"/>
    </row>
    <row r="924222" spans="14:14">
      <c r="N924222" s="10"/>
    </row>
    <row r="924223" spans="14:14">
      <c r="N924223" s="10"/>
    </row>
    <row r="924224" spans="14:14">
      <c r="N924224" s="10"/>
    </row>
    <row r="924225" spans="14:14">
      <c r="N924225" s="10"/>
    </row>
    <row r="924226" spans="14:14">
      <c r="N924226" s="10"/>
    </row>
    <row r="924227" spans="14:14">
      <c r="N924227" s="10"/>
    </row>
    <row r="924228" spans="14:14">
      <c r="N924228" s="10"/>
    </row>
    <row r="924229" spans="14:14">
      <c r="N924229" s="10"/>
    </row>
    <row r="924230" spans="14:14">
      <c r="N924230" s="10"/>
    </row>
    <row r="924231" spans="14:14">
      <c r="N924231" s="10"/>
    </row>
    <row r="924232" spans="14:14">
      <c r="N924232" s="10"/>
    </row>
    <row r="924233" spans="14:14">
      <c r="N924233" s="10"/>
    </row>
    <row r="924234" spans="14:14">
      <c r="N924234" s="10"/>
    </row>
    <row r="924235" spans="14:14">
      <c r="N924235" s="10"/>
    </row>
    <row r="924236" spans="14:14">
      <c r="N924236" s="10"/>
    </row>
    <row r="924237" spans="14:14">
      <c r="N924237" s="10"/>
    </row>
    <row r="924238" spans="14:14">
      <c r="N924238" s="10"/>
    </row>
    <row r="924239" spans="14:14">
      <c r="N924239" s="10"/>
    </row>
    <row r="924240" spans="14:14">
      <c r="N924240" s="10"/>
    </row>
    <row r="924241" spans="14:14">
      <c r="N924241" s="10"/>
    </row>
    <row r="924242" spans="14:14">
      <c r="N924242" s="10"/>
    </row>
    <row r="924243" spans="14:14">
      <c r="N924243" s="10"/>
    </row>
    <row r="924244" spans="14:14">
      <c r="N924244" s="10"/>
    </row>
    <row r="924245" spans="14:14">
      <c r="N924245" s="10"/>
    </row>
    <row r="924246" spans="14:14">
      <c r="N924246" s="10"/>
    </row>
    <row r="924247" spans="14:14">
      <c r="N924247" s="10"/>
    </row>
    <row r="924248" spans="14:14">
      <c r="N924248" s="10"/>
    </row>
    <row r="924249" spans="14:14">
      <c r="N924249" s="10"/>
    </row>
    <row r="924250" spans="14:14">
      <c r="N924250" s="10"/>
    </row>
    <row r="924251" spans="14:14">
      <c r="N924251" s="10"/>
    </row>
    <row r="924252" spans="14:14">
      <c r="N924252" s="10"/>
    </row>
    <row r="924253" spans="14:14">
      <c r="N924253" s="10"/>
    </row>
    <row r="924254" spans="14:14">
      <c r="N924254" s="10"/>
    </row>
    <row r="924255" spans="14:14">
      <c r="N924255" s="10"/>
    </row>
    <row r="924256" spans="14:14">
      <c r="N924256" s="10"/>
    </row>
    <row r="924257" spans="14:14">
      <c r="N924257" s="10"/>
    </row>
    <row r="924258" spans="14:14">
      <c r="N924258" s="10"/>
    </row>
    <row r="924259" spans="14:14">
      <c r="N924259" s="10"/>
    </row>
    <row r="924260" spans="14:14">
      <c r="N924260" s="10"/>
    </row>
    <row r="924261" spans="14:14">
      <c r="N924261" s="10"/>
    </row>
    <row r="924262" spans="14:14">
      <c r="N924262" s="10"/>
    </row>
    <row r="924263" spans="14:14">
      <c r="N924263" s="10"/>
    </row>
    <row r="924264" spans="14:14">
      <c r="N924264" s="10"/>
    </row>
    <row r="924265" spans="14:14">
      <c r="N924265" s="10"/>
    </row>
    <row r="924266" spans="14:14">
      <c r="N924266" s="10"/>
    </row>
    <row r="924267" spans="14:14">
      <c r="N924267" s="10"/>
    </row>
    <row r="924268" spans="14:14">
      <c r="N924268" s="10"/>
    </row>
    <row r="924269" spans="14:14">
      <c r="N924269" s="10"/>
    </row>
    <row r="924270" spans="14:14">
      <c r="N924270" s="10"/>
    </row>
    <row r="924271" spans="14:14">
      <c r="N924271" s="10"/>
    </row>
    <row r="924272" spans="14:14">
      <c r="N924272" s="10"/>
    </row>
    <row r="924273" spans="14:14">
      <c r="N924273" s="10"/>
    </row>
    <row r="924274" spans="14:14">
      <c r="N924274" s="10"/>
    </row>
    <row r="924275" spans="14:14">
      <c r="N924275" s="10"/>
    </row>
    <row r="924276" spans="14:14">
      <c r="N924276" s="10"/>
    </row>
    <row r="924277" spans="14:14">
      <c r="N924277" s="10"/>
    </row>
    <row r="924278" spans="14:14">
      <c r="N924278" s="10"/>
    </row>
    <row r="924279" spans="14:14">
      <c r="N924279" s="10"/>
    </row>
    <row r="924280" spans="14:14">
      <c r="N924280" s="10"/>
    </row>
    <row r="924281" spans="14:14">
      <c r="N924281" s="10"/>
    </row>
    <row r="924282" spans="14:14">
      <c r="N924282" s="10"/>
    </row>
    <row r="924283" spans="14:14">
      <c r="N924283" s="10"/>
    </row>
    <row r="924284" spans="14:14">
      <c r="N924284" s="10"/>
    </row>
    <row r="924285" spans="14:14">
      <c r="N924285" s="10"/>
    </row>
    <row r="924286" spans="14:14">
      <c r="N924286" s="10"/>
    </row>
    <row r="924287" spans="14:14">
      <c r="N924287" s="10"/>
    </row>
    <row r="924288" spans="14:14">
      <c r="N924288" s="10"/>
    </row>
    <row r="924289" spans="14:14">
      <c r="N924289" s="10"/>
    </row>
    <row r="924290" spans="14:14">
      <c r="N924290" s="10"/>
    </row>
    <row r="924291" spans="14:14">
      <c r="N924291" s="10"/>
    </row>
    <row r="924292" spans="14:14">
      <c r="N924292" s="10"/>
    </row>
    <row r="924293" spans="14:14">
      <c r="N924293" s="10"/>
    </row>
    <row r="924294" spans="14:14">
      <c r="N924294" s="10"/>
    </row>
    <row r="924295" spans="14:14">
      <c r="N924295" s="10"/>
    </row>
    <row r="924296" spans="14:14">
      <c r="N924296" s="10"/>
    </row>
    <row r="924297" spans="14:14">
      <c r="N924297" s="10"/>
    </row>
    <row r="924298" spans="14:14">
      <c r="N924298" s="10"/>
    </row>
    <row r="924299" spans="14:14">
      <c r="N924299" s="10"/>
    </row>
    <row r="924300" spans="14:14">
      <c r="N924300" s="10"/>
    </row>
    <row r="924301" spans="14:14">
      <c r="N924301" s="10"/>
    </row>
    <row r="924302" spans="14:14">
      <c r="N924302" s="10"/>
    </row>
    <row r="924303" spans="14:14">
      <c r="N924303" s="10"/>
    </row>
    <row r="924304" spans="14:14">
      <c r="N924304" s="10"/>
    </row>
    <row r="924305" spans="14:14">
      <c r="N924305" s="10"/>
    </row>
    <row r="924306" spans="14:14">
      <c r="N924306" s="10"/>
    </row>
    <row r="924307" spans="14:14">
      <c r="N924307" s="10"/>
    </row>
    <row r="924308" spans="14:14">
      <c r="N924308" s="10"/>
    </row>
    <row r="924309" spans="14:14">
      <c r="N924309" s="10"/>
    </row>
    <row r="924310" spans="14:14">
      <c r="N924310" s="10"/>
    </row>
    <row r="924311" spans="14:14">
      <c r="N924311" s="10"/>
    </row>
    <row r="924312" spans="14:14">
      <c r="N924312" s="10"/>
    </row>
    <row r="924313" spans="14:14">
      <c r="N924313" s="10"/>
    </row>
    <row r="924314" spans="14:14">
      <c r="N924314" s="10"/>
    </row>
    <row r="924315" spans="14:14">
      <c r="N924315" s="10"/>
    </row>
    <row r="924316" spans="14:14">
      <c r="N924316" s="10"/>
    </row>
    <row r="924317" spans="14:14">
      <c r="N924317" s="10"/>
    </row>
    <row r="924318" spans="14:14">
      <c r="N924318" s="10"/>
    </row>
    <row r="924319" spans="14:14">
      <c r="N924319" s="10"/>
    </row>
    <row r="924320" spans="14:14">
      <c r="N924320" s="10"/>
    </row>
    <row r="924321" spans="14:14">
      <c r="N924321" s="10"/>
    </row>
    <row r="924322" spans="14:14">
      <c r="N924322" s="10"/>
    </row>
    <row r="924323" spans="14:14">
      <c r="N924323" s="10"/>
    </row>
    <row r="924324" spans="14:14">
      <c r="N924324" s="10"/>
    </row>
    <row r="924325" spans="14:14">
      <c r="N924325" s="10"/>
    </row>
    <row r="924326" spans="14:14">
      <c r="N924326" s="10"/>
    </row>
    <row r="924327" spans="14:14">
      <c r="N924327" s="10"/>
    </row>
    <row r="924328" spans="14:14">
      <c r="N924328" s="10"/>
    </row>
    <row r="924329" spans="14:14">
      <c r="N924329" s="10"/>
    </row>
    <row r="924330" spans="14:14">
      <c r="N924330" s="10"/>
    </row>
    <row r="924331" spans="14:14">
      <c r="N924331" s="10"/>
    </row>
    <row r="924332" spans="14:14">
      <c r="N924332" s="10"/>
    </row>
    <row r="924333" spans="14:14">
      <c r="N924333" s="10"/>
    </row>
    <row r="924334" spans="14:14">
      <c r="N924334" s="10"/>
    </row>
    <row r="924335" spans="14:14">
      <c r="N924335" s="10"/>
    </row>
    <row r="924336" spans="14:14">
      <c r="N924336" s="10"/>
    </row>
    <row r="924337" spans="14:14">
      <c r="N924337" s="10"/>
    </row>
    <row r="924338" spans="14:14">
      <c r="N924338" s="10"/>
    </row>
    <row r="924339" spans="14:14">
      <c r="N924339" s="10"/>
    </row>
    <row r="924340" spans="14:14">
      <c r="N924340" s="10"/>
    </row>
    <row r="924341" spans="14:14">
      <c r="N924341" s="10"/>
    </row>
    <row r="924342" spans="14:14">
      <c r="N924342" s="10"/>
    </row>
    <row r="924343" spans="14:14">
      <c r="N924343" s="10"/>
    </row>
    <row r="924344" spans="14:14">
      <c r="N924344" s="10"/>
    </row>
    <row r="924345" spans="14:14">
      <c r="N924345" s="10"/>
    </row>
    <row r="924346" spans="14:14">
      <c r="N924346" s="10"/>
    </row>
    <row r="924347" spans="14:14">
      <c r="N924347" s="10"/>
    </row>
    <row r="924348" spans="14:14">
      <c r="N924348" s="10"/>
    </row>
    <row r="924349" spans="14:14">
      <c r="N924349" s="10"/>
    </row>
    <row r="924350" spans="14:14">
      <c r="N924350" s="10"/>
    </row>
    <row r="924351" spans="14:14">
      <c r="N924351" s="10"/>
    </row>
    <row r="924352" spans="14:14">
      <c r="N924352" s="10"/>
    </row>
    <row r="924353" spans="14:14">
      <c r="N924353" s="10"/>
    </row>
    <row r="924354" spans="14:14">
      <c r="N924354" s="10"/>
    </row>
    <row r="924355" spans="14:14">
      <c r="N924355" s="10"/>
    </row>
    <row r="924356" spans="14:14">
      <c r="N924356" s="10"/>
    </row>
    <row r="924357" spans="14:14">
      <c r="N924357" s="10"/>
    </row>
    <row r="924358" spans="14:14">
      <c r="N924358" s="10"/>
    </row>
    <row r="924359" spans="14:14">
      <c r="N924359" s="10"/>
    </row>
    <row r="924360" spans="14:14">
      <c r="N924360" s="10"/>
    </row>
    <row r="924361" spans="14:14">
      <c r="N924361" s="10"/>
    </row>
    <row r="924362" spans="14:14">
      <c r="N924362" s="10"/>
    </row>
    <row r="924363" spans="14:14">
      <c r="N924363" s="10"/>
    </row>
    <row r="924364" spans="14:14">
      <c r="N924364" s="10"/>
    </row>
    <row r="924365" spans="14:14">
      <c r="N924365" s="10"/>
    </row>
    <row r="924366" spans="14:14">
      <c r="N924366" s="10"/>
    </row>
    <row r="924367" spans="14:14">
      <c r="N924367" s="10"/>
    </row>
    <row r="924368" spans="14:14">
      <c r="N924368" s="10"/>
    </row>
    <row r="924369" spans="14:14">
      <c r="N924369" s="10"/>
    </row>
    <row r="924370" spans="14:14">
      <c r="N924370" s="10"/>
    </row>
    <row r="924371" spans="14:14">
      <c r="N924371" s="10"/>
    </row>
    <row r="924372" spans="14:14">
      <c r="N924372" s="10"/>
    </row>
    <row r="924373" spans="14:14">
      <c r="N924373" s="10"/>
    </row>
    <row r="924374" spans="14:14">
      <c r="N924374" s="10"/>
    </row>
    <row r="924375" spans="14:14">
      <c r="N924375" s="10"/>
    </row>
    <row r="924376" spans="14:14">
      <c r="N924376" s="10"/>
    </row>
    <row r="924377" spans="14:14">
      <c r="N924377" s="10"/>
    </row>
    <row r="924378" spans="14:14">
      <c r="N924378" s="10"/>
    </row>
    <row r="924379" spans="14:14">
      <c r="N924379" s="10"/>
    </row>
    <row r="924380" spans="14:14">
      <c r="N924380" s="10"/>
    </row>
    <row r="924381" spans="14:14">
      <c r="N924381" s="10"/>
    </row>
    <row r="924382" spans="14:14">
      <c r="N924382" s="10"/>
    </row>
    <row r="924383" spans="14:14">
      <c r="N924383" s="10"/>
    </row>
    <row r="924384" spans="14:14">
      <c r="N924384" s="10"/>
    </row>
    <row r="924385" spans="14:14">
      <c r="N924385" s="10"/>
    </row>
    <row r="924386" spans="14:14">
      <c r="N924386" s="10"/>
    </row>
    <row r="924387" spans="14:14">
      <c r="N924387" s="10"/>
    </row>
    <row r="924388" spans="14:14">
      <c r="N924388" s="10"/>
    </row>
    <row r="924389" spans="14:14">
      <c r="N924389" s="10"/>
    </row>
    <row r="924390" spans="14:14">
      <c r="N924390" s="10"/>
    </row>
    <row r="924391" spans="14:14">
      <c r="N924391" s="10"/>
    </row>
    <row r="924392" spans="14:14">
      <c r="N924392" s="10"/>
    </row>
    <row r="924393" spans="14:14">
      <c r="N924393" s="10"/>
    </row>
    <row r="924394" spans="14:14">
      <c r="N924394" s="10"/>
    </row>
    <row r="924395" spans="14:14">
      <c r="N924395" s="10"/>
    </row>
    <row r="924396" spans="14:14">
      <c r="N924396" s="10"/>
    </row>
    <row r="924397" spans="14:14">
      <c r="N924397" s="10"/>
    </row>
    <row r="924398" spans="14:14">
      <c r="N924398" s="10"/>
    </row>
    <row r="924399" spans="14:14">
      <c r="N924399" s="10"/>
    </row>
    <row r="924400" spans="14:14">
      <c r="N924400" s="10"/>
    </row>
    <row r="924401" spans="14:14">
      <c r="N924401" s="10"/>
    </row>
    <row r="924402" spans="14:14">
      <c r="N924402" s="10"/>
    </row>
    <row r="924403" spans="14:14">
      <c r="N924403" s="10"/>
    </row>
    <row r="924404" spans="14:14">
      <c r="N924404" s="10"/>
    </row>
    <row r="924405" spans="14:14">
      <c r="N924405" s="10"/>
    </row>
    <row r="924406" spans="14:14">
      <c r="N924406" s="10"/>
    </row>
    <row r="924407" spans="14:14">
      <c r="N924407" s="10"/>
    </row>
    <row r="924408" spans="14:14">
      <c r="N924408" s="10"/>
    </row>
    <row r="924409" spans="14:14">
      <c r="N924409" s="10"/>
    </row>
    <row r="924410" spans="14:14">
      <c r="N924410" s="10"/>
    </row>
    <row r="924411" spans="14:14">
      <c r="N924411" s="10"/>
    </row>
    <row r="924412" spans="14:14">
      <c r="N924412" s="10"/>
    </row>
    <row r="924413" spans="14:14">
      <c r="N924413" s="10"/>
    </row>
    <row r="924414" spans="14:14">
      <c r="N924414" s="10"/>
    </row>
    <row r="924415" spans="14:14">
      <c r="N924415" s="10"/>
    </row>
    <row r="924416" spans="14:14">
      <c r="N924416" s="10"/>
    </row>
    <row r="924417" spans="14:14">
      <c r="N924417" s="10"/>
    </row>
    <row r="924418" spans="14:14">
      <c r="N924418" s="10"/>
    </row>
    <row r="924419" spans="14:14">
      <c r="N924419" s="10"/>
    </row>
    <row r="924420" spans="14:14">
      <c r="N924420" s="10"/>
    </row>
    <row r="924421" spans="14:14">
      <c r="N924421" s="10"/>
    </row>
    <row r="924422" spans="14:14">
      <c r="N924422" s="10"/>
    </row>
    <row r="924423" spans="14:14">
      <c r="N924423" s="10"/>
    </row>
    <row r="924424" spans="14:14">
      <c r="N924424" s="10"/>
    </row>
    <row r="924425" spans="14:14">
      <c r="N924425" s="10"/>
    </row>
    <row r="924426" spans="14:14">
      <c r="N924426" s="10"/>
    </row>
    <row r="924427" spans="14:14">
      <c r="N924427" s="10"/>
    </row>
    <row r="924428" spans="14:14">
      <c r="N924428" s="10"/>
    </row>
    <row r="924429" spans="14:14">
      <c r="N924429" s="10"/>
    </row>
    <row r="924430" spans="14:14">
      <c r="N924430" s="10"/>
    </row>
    <row r="924431" spans="14:14">
      <c r="N924431" s="10"/>
    </row>
    <row r="924432" spans="14:14">
      <c r="N924432" s="10"/>
    </row>
    <row r="924433" spans="14:14">
      <c r="N924433" s="10"/>
    </row>
    <row r="924434" spans="14:14">
      <c r="N924434" s="10"/>
    </row>
    <row r="924435" spans="14:14">
      <c r="N924435" s="10"/>
    </row>
    <row r="924436" spans="14:14">
      <c r="N924436" s="10"/>
    </row>
    <row r="924437" spans="14:14">
      <c r="N924437" s="10"/>
    </row>
    <row r="924438" spans="14:14">
      <c r="N924438" s="10"/>
    </row>
    <row r="924439" spans="14:14">
      <c r="N924439" s="10"/>
    </row>
    <row r="924440" spans="14:14">
      <c r="N924440" s="10"/>
    </row>
    <row r="924441" spans="14:14">
      <c r="N924441" s="10"/>
    </row>
    <row r="924442" spans="14:14">
      <c r="N924442" s="10"/>
    </row>
    <row r="924443" spans="14:14">
      <c r="N924443" s="10"/>
    </row>
    <row r="924444" spans="14:14">
      <c r="N924444" s="10"/>
    </row>
    <row r="924445" spans="14:14">
      <c r="N924445" s="10"/>
    </row>
    <row r="924446" spans="14:14">
      <c r="N924446" s="10"/>
    </row>
    <row r="924447" spans="14:14">
      <c r="N924447" s="10"/>
    </row>
    <row r="924448" spans="14:14">
      <c r="N924448" s="10"/>
    </row>
    <row r="924449" spans="14:14">
      <c r="N924449" s="10"/>
    </row>
    <row r="924450" spans="14:14">
      <c r="N924450" s="10"/>
    </row>
    <row r="924451" spans="14:14">
      <c r="N924451" s="10"/>
    </row>
    <row r="924452" spans="14:14">
      <c r="N924452" s="10"/>
    </row>
    <row r="924453" spans="14:14">
      <c r="N924453" s="10"/>
    </row>
    <row r="924454" spans="14:14">
      <c r="N924454" s="10"/>
    </row>
    <row r="924455" spans="14:14">
      <c r="N924455" s="10"/>
    </row>
    <row r="924456" spans="14:14">
      <c r="N924456" s="10"/>
    </row>
    <row r="924457" spans="14:14">
      <c r="N924457" s="10"/>
    </row>
    <row r="924458" spans="14:14">
      <c r="N924458" s="10"/>
    </row>
    <row r="924459" spans="14:14">
      <c r="N924459" s="10"/>
    </row>
    <row r="924460" spans="14:14">
      <c r="N924460" s="10"/>
    </row>
    <row r="924461" spans="14:14">
      <c r="N924461" s="10"/>
    </row>
    <row r="924462" spans="14:14">
      <c r="N924462" s="10"/>
    </row>
    <row r="924463" spans="14:14">
      <c r="N924463" s="10"/>
    </row>
    <row r="924464" spans="14:14">
      <c r="N924464" s="10"/>
    </row>
    <row r="924465" spans="14:14">
      <c r="N924465" s="10"/>
    </row>
    <row r="924466" spans="14:14">
      <c r="N924466" s="10"/>
    </row>
    <row r="924467" spans="14:14">
      <c r="N924467" s="10"/>
    </row>
    <row r="924468" spans="14:14">
      <c r="N924468" s="10"/>
    </row>
    <row r="924469" spans="14:14">
      <c r="N924469" s="10"/>
    </row>
    <row r="924470" spans="14:14">
      <c r="N924470" s="10"/>
    </row>
    <row r="924471" spans="14:14">
      <c r="N924471" s="10"/>
    </row>
    <row r="924472" spans="14:14">
      <c r="N924472" s="10"/>
    </row>
    <row r="924473" spans="14:14">
      <c r="N924473" s="10"/>
    </row>
    <row r="924474" spans="14:14">
      <c r="N924474" s="10"/>
    </row>
    <row r="924475" spans="14:14">
      <c r="N924475" s="10"/>
    </row>
    <row r="924476" spans="14:14">
      <c r="N924476" s="10"/>
    </row>
    <row r="924477" spans="14:14">
      <c r="N924477" s="10"/>
    </row>
    <row r="924478" spans="14:14">
      <c r="N924478" s="10"/>
    </row>
    <row r="924479" spans="14:14">
      <c r="N924479" s="10"/>
    </row>
    <row r="924480" spans="14:14">
      <c r="N924480" s="10"/>
    </row>
    <row r="924481" spans="14:14">
      <c r="N924481" s="10"/>
    </row>
    <row r="924482" spans="14:14">
      <c r="N924482" s="10"/>
    </row>
    <row r="924483" spans="14:14">
      <c r="N924483" s="10"/>
    </row>
    <row r="924484" spans="14:14">
      <c r="N924484" s="10"/>
    </row>
    <row r="924485" spans="14:14">
      <c r="N924485" s="10"/>
    </row>
    <row r="924486" spans="14:14">
      <c r="N924486" s="10"/>
    </row>
    <row r="924487" spans="14:14">
      <c r="N924487" s="10"/>
    </row>
    <row r="924488" spans="14:14">
      <c r="N924488" s="10"/>
    </row>
    <row r="924489" spans="14:14">
      <c r="N924489" s="10"/>
    </row>
    <row r="924490" spans="14:14">
      <c r="N924490" s="10"/>
    </row>
    <row r="924491" spans="14:14">
      <c r="N924491" s="10"/>
    </row>
    <row r="924492" spans="14:14">
      <c r="N924492" s="10"/>
    </row>
    <row r="924493" spans="14:14">
      <c r="N924493" s="10"/>
    </row>
    <row r="924494" spans="14:14">
      <c r="N924494" s="10"/>
    </row>
    <row r="924495" spans="14:14">
      <c r="N924495" s="10"/>
    </row>
    <row r="924496" spans="14:14">
      <c r="N924496" s="10"/>
    </row>
    <row r="924497" spans="14:14">
      <c r="N924497" s="10"/>
    </row>
    <row r="924498" spans="14:14">
      <c r="N924498" s="10"/>
    </row>
    <row r="924499" spans="14:14">
      <c r="N924499" s="10"/>
    </row>
    <row r="924500" spans="14:14">
      <c r="N924500" s="10"/>
    </row>
    <row r="924501" spans="14:14">
      <c r="N924501" s="10"/>
    </row>
    <row r="924502" spans="14:14">
      <c r="N924502" s="10"/>
    </row>
    <row r="924503" spans="14:14">
      <c r="N924503" s="10"/>
    </row>
    <row r="924504" spans="14:14">
      <c r="N924504" s="10"/>
    </row>
    <row r="924505" spans="14:14">
      <c r="N924505" s="10"/>
    </row>
    <row r="924506" spans="14:14">
      <c r="N924506" s="10"/>
    </row>
    <row r="924507" spans="14:14">
      <c r="N924507" s="10"/>
    </row>
    <row r="924508" spans="14:14">
      <c r="N924508" s="10"/>
    </row>
    <row r="924509" spans="14:14">
      <c r="N924509" s="10"/>
    </row>
    <row r="924510" spans="14:14">
      <c r="N924510" s="10"/>
    </row>
    <row r="924511" spans="14:14">
      <c r="N924511" s="10"/>
    </row>
    <row r="924512" spans="14:14">
      <c r="N924512" s="10"/>
    </row>
    <row r="924513" spans="14:14">
      <c r="N924513" s="10"/>
    </row>
    <row r="924514" spans="14:14">
      <c r="N924514" s="10"/>
    </row>
    <row r="924515" spans="14:14">
      <c r="N924515" s="10"/>
    </row>
    <row r="924516" spans="14:14">
      <c r="N924516" s="10"/>
    </row>
    <row r="924517" spans="14:14">
      <c r="N924517" s="10"/>
    </row>
    <row r="924518" spans="14:14">
      <c r="N924518" s="10"/>
    </row>
    <row r="924519" spans="14:14">
      <c r="N924519" s="10"/>
    </row>
    <row r="924520" spans="14:14">
      <c r="N924520" s="10"/>
    </row>
    <row r="924521" spans="14:14">
      <c r="N924521" s="10"/>
    </row>
    <row r="924522" spans="14:14">
      <c r="N924522" s="10"/>
    </row>
    <row r="924523" spans="14:14">
      <c r="N924523" s="10"/>
    </row>
    <row r="924524" spans="14:14">
      <c r="N924524" s="10"/>
    </row>
    <row r="924525" spans="14:14">
      <c r="N924525" s="10"/>
    </row>
    <row r="924526" spans="14:14">
      <c r="N924526" s="10"/>
    </row>
    <row r="924527" spans="14:14">
      <c r="N924527" s="10"/>
    </row>
    <row r="924528" spans="14:14">
      <c r="N924528" s="10"/>
    </row>
    <row r="924529" spans="14:14">
      <c r="N924529" s="10"/>
    </row>
    <row r="924530" spans="14:14">
      <c r="N924530" s="10"/>
    </row>
    <row r="924531" spans="14:14">
      <c r="N924531" s="10"/>
    </row>
    <row r="924532" spans="14:14">
      <c r="N924532" s="10"/>
    </row>
    <row r="924533" spans="14:14">
      <c r="N924533" s="10"/>
    </row>
    <row r="924534" spans="14:14">
      <c r="N924534" s="10"/>
    </row>
    <row r="924535" spans="14:14">
      <c r="N924535" s="10"/>
    </row>
    <row r="924536" spans="14:14">
      <c r="N924536" s="10"/>
    </row>
    <row r="924537" spans="14:14">
      <c r="N924537" s="10"/>
    </row>
    <row r="924538" spans="14:14">
      <c r="N924538" s="10"/>
    </row>
    <row r="924539" spans="14:14">
      <c r="N924539" s="10"/>
    </row>
    <row r="924540" spans="14:14">
      <c r="N924540" s="10"/>
    </row>
    <row r="924541" spans="14:14">
      <c r="N924541" s="10"/>
    </row>
    <row r="924542" spans="14:14">
      <c r="N924542" s="10"/>
    </row>
    <row r="924543" spans="14:14">
      <c r="N924543" s="10"/>
    </row>
    <row r="924544" spans="14:14">
      <c r="N924544" s="10"/>
    </row>
    <row r="924545" spans="14:14">
      <c r="N924545" s="10"/>
    </row>
    <row r="924546" spans="14:14">
      <c r="N924546" s="10"/>
    </row>
    <row r="924547" spans="14:14">
      <c r="N924547" s="10"/>
    </row>
    <row r="924548" spans="14:14">
      <c r="N924548" s="10"/>
    </row>
    <row r="924549" spans="14:14">
      <c r="N924549" s="10"/>
    </row>
    <row r="924550" spans="14:14">
      <c r="N924550" s="10"/>
    </row>
    <row r="924551" spans="14:14">
      <c r="N924551" s="10"/>
    </row>
    <row r="924552" spans="14:14">
      <c r="N924552" s="10"/>
    </row>
    <row r="924553" spans="14:14">
      <c r="N924553" s="10"/>
    </row>
    <row r="924554" spans="14:14">
      <c r="N924554" s="10"/>
    </row>
    <row r="924555" spans="14:14">
      <c r="N924555" s="10"/>
    </row>
    <row r="924556" spans="14:14">
      <c r="N924556" s="10"/>
    </row>
    <row r="924557" spans="14:14">
      <c r="N924557" s="10"/>
    </row>
    <row r="924558" spans="14:14">
      <c r="N924558" s="10"/>
    </row>
    <row r="924559" spans="14:14">
      <c r="N924559" s="10"/>
    </row>
    <row r="924560" spans="14:14">
      <c r="N924560" s="10"/>
    </row>
    <row r="924561" spans="14:14">
      <c r="N924561" s="10"/>
    </row>
    <row r="924562" spans="14:14">
      <c r="N924562" s="10"/>
    </row>
    <row r="924563" spans="14:14">
      <c r="N924563" s="10"/>
    </row>
    <row r="924564" spans="14:14">
      <c r="N924564" s="10"/>
    </row>
    <row r="924565" spans="14:14">
      <c r="N924565" s="10"/>
    </row>
    <row r="924566" spans="14:14">
      <c r="N924566" s="10"/>
    </row>
    <row r="924567" spans="14:14">
      <c r="N924567" s="10"/>
    </row>
    <row r="924568" spans="14:14">
      <c r="N924568" s="10"/>
    </row>
    <row r="924569" spans="14:14">
      <c r="N924569" s="10"/>
    </row>
    <row r="924570" spans="14:14">
      <c r="N924570" s="10"/>
    </row>
    <row r="924571" spans="14:14">
      <c r="N924571" s="10"/>
    </row>
    <row r="924572" spans="14:14">
      <c r="N924572" s="10"/>
    </row>
    <row r="924573" spans="14:14">
      <c r="N924573" s="10"/>
    </row>
    <row r="924574" spans="14:14">
      <c r="N924574" s="10"/>
    </row>
    <row r="924575" spans="14:14">
      <c r="N924575" s="10"/>
    </row>
    <row r="924576" spans="14:14">
      <c r="N924576" s="10"/>
    </row>
    <row r="924577" spans="14:14">
      <c r="N924577" s="10"/>
    </row>
    <row r="924578" spans="14:14">
      <c r="N924578" s="10"/>
    </row>
    <row r="924579" spans="14:14">
      <c r="N924579" s="10"/>
    </row>
    <row r="924580" spans="14:14">
      <c r="N924580" s="10"/>
    </row>
    <row r="924581" spans="14:14">
      <c r="N924581" s="10"/>
    </row>
    <row r="924582" spans="14:14">
      <c r="N924582" s="10"/>
    </row>
    <row r="924583" spans="14:14">
      <c r="N924583" s="10"/>
    </row>
    <row r="924584" spans="14:14">
      <c r="N924584" s="10"/>
    </row>
    <row r="924585" spans="14:14">
      <c r="N924585" s="10"/>
    </row>
    <row r="924586" spans="14:14">
      <c r="N924586" s="10"/>
    </row>
    <row r="924587" spans="14:14">
      <c r="N924587" s="10"/>
    </row>
    <row r="924588" spans="14:14">
      <c r="N924588" s="10"/>
    </row>
    <row r="924589" spans="14:14">
      <c r="N924589" s="10"/>
    </row>
    <row r="924590" spans="14:14">
      <c r="N924590" s="10"/>
    </row>
    <row r="924591" spans="14:14">
      <c r="N924591" s="10"/>
    </row>
    <row r="924592" spans="14:14">
      <c r="N924592" s="10"/>
    </row>
    <row r="924593" spans="14:14">
      <c r="N924593" s="10"/>
    </row>
    <row r="924594" spans="14:14">
      <c r="N924594" s="10"/>
    </row>
    <row r="924595" spans="14:14">
      <c r="N924595" s="10"/>
    </row>
    <row r="924596" spans="14:14">
      <c r="N924596" s="10"/>
    </row>
    <row r="924597" spans="14:14">
      <c r="N924597" s="10"/>
    </row>
    <row r="924598" spans="14:14">
      <c r="N924598" s="10"/>
    </row>
    <row r="924599" spans="14:14">
      <c r="N924599" s="10"/>
    </row>
    <row r="924600" spans="14:14">
      <c r="N924600" s="10"/>
    </row>
    <row r="924601" spans="14:14">
      <c r="N924601" s="10"/>
    </row>
    <row r="924602" spans="14:14">
      <c r="N924602" s="10"/>
    </row>
    <row r="924603" spans="14:14">
      <c r="N924603" s="10"/>
    </row>
    <row r="924604" spans="14:14">
      <c r="N924604" s="10"/>
    </row>
    <row r="924605" spans="14:14">
      <c r="N924605" s="10"/>
    </row>
    <row r="924606" spans="14:14">
      <c r="N924606" s="10"/>
    </row>
    <row r="924607" spans="14:14">
      <c r="N924607" s="10"/>
    </row>
    <row r="924608" spans="14:14">
      <c r="N924608" s="10"/>
    </row>
    <row r="924609" spans="14:14">
      <c r="N924609" s="10"/>
    </row>
    <row r="924610" spans="14:14">
      <c r="N924610" s="10"/>
    </row>
    <row r="924611" spans="14:14">
      <c r="N924611" s="10"/>
    </row>
    <row r="924612" spans="14:14">
      <c r="N924612" s="10"/>
    </row>
    <row r="924613" spans="14:14">
      <c r="N924613" s="10"/>
    </row>
    <row r="924614" spans="14:14">
      <c r="N924614" s="10"/>
    </row>
    <row r="924615" spans="14:14">
      <c r="N924615" s="10"/>
    </row>
    <row r="924616" spans="14:14">
      <c r="N924616" s="10"/>
    </row>
    <row r="924617" spans="14:14">
      <c r="N924617" s="10"/>
    </row>
    <row r="924618" spans="14:14">
      <c r="N924618" s="10"/>
    </row>
    <row r="924619" spans="14:14">
      <c r="N924619" s="10"/>
    </row>
    <row r="924620" spans="14:14">
      <c r="N924620" s="10"/>
    </row>
    <row r="924621" spans="14:14">
      <c r="N924621" s="10"/>
    </row>
    <row r="924622" spans="14:14">
      <c r="N924622" s="10"/>
    </row>
    <row r="924623" spans="14:14">
      <c r="N924623" s="10"/>
    </row>
    <row r="924624" spans="14:14">
      <c r="N924624" s="10"/>
    </row>
    <row r="924625" spans="14:14">
      <c r="N924625" s="10"/>
    </row>
    <row r="924626" spans="14:14">
      <c r="N924626" s="10"/>
    </row>
    <row r="924627" spans="14:14">
      <c r="N924627" s="10"/>
    </row>
    <row r="924628" spans="14:14">
      <c r="N924628" s="10"/>
    </row>
    <row r="924629" spans="14:14">
      <c r="N924629" s="10"/>
    </row>
    <row r="924630" spans="14:14">
      <c r="N924630" s="10"/>
    </row>
    <row r="924631" spans="14:14">
      <c r="N924631" s="10"/>
    </row>
    <row r="924632" spans="14:14">
      <c r="N924632" s="10"/>
    </row>
    <row r="924633" spans="14:14">
      <c r="N924633" s="10"/>
    </row>
    <row r="924634" spans="14:14">
      <c r="N924634" s="10"/>
    </row>
    <row r="924635" spans="14:14">
      <c r="N924635" s="10"/>
    </row>
    <row r="924636" spans="14:14">
      <c r="N924636" s="10"/>
    </row>
    <row r="924637" spans="14:14">
      <c r="N924637" s="10"/>
    </row>
    <row r="924638" spans="14:14">
      <c r="N924638" s="10"/>
    </row>
    <row r="924639" spans="14:14">
      <c r="N924639" s="10"/>
    </row>
    <row r="924640" spans="14:14">
      <c r="N924640" s="10"/>
    </row>
    <row r="924641" spans="14:14">
      <c r="N924641" s="10"/>
    </row>
    <row r="924642" spans="14:14">
      <c r="N924642" s="10"/>
    </row>
    <row r="924643" spans="14:14">
      <c r="N924643" s="10"/>
    </row>
    <row r="924644" spans="14:14">
      <c r="N924644" s="10"/>
    </row>
    <row r="924645" spans="14:14">
      <c r="N924645" s="10"/>
    </row>
    <row r="924646" spans="14:14">
      <c r="N924646" s="10"/>
    </row>
    <row r="924647" spans="14:14">
      <c r="N924647" s="10"/>
    </row>
    <row r="924648" spans="14:14">
      <c r="N924648" s="10"/>
    </row>
    <row r="924649" spans="14:14">
      <c r="N924649" s="10"/>
    </row>
    <row r="924650" spans="14:14">
      <c r="N924650" s="10"/>
    </row>
    <row r="924651" spans="14:14">
      <c r="N924651" s="10"/>
    </row>
    <row r="924652" spans="14:14">
      <c r="N924652" s="10"/>
    </row>
    <row r="924653" spans="14:14">
      <c r="N924653" s="10"/>
    </row>
    <row r="924654" spans="14:14">
      <c r="N924654" s="10"/>
    </row>
    <row r="924655" spans="14:14">
      <c r="N924655" s="10"/>
    </row>
    <row r="924656" spans="14:14">
      <c r="N924656" s="10"/>
    </row>
    <row r="924657" spans="14:14">
      <c r="N924657" s="10"/>
    </row>
    <row r="924658" spans="14:14">
      <c r="N924658" s="10"/>
    </row>
    <row r="924659" spans="14:14">
      <c r="N924659" s="10"/>
    </row>
    <row r="924660" spans="14:14">
      <c r="N924660" s="10"/>
    </row>
    <row r="924661" spans="14:14">
      <c r="N924661" s="10"/>
    </row>
    <row r="924662" spans="14:14">
      <c r="N924662" s="10"/>
    </row>
    <row r="924663" spans="14:14">
      <c r="N924663" s="10"/>
    </row>
    <row r="924664" spans="14:14">
      <c r="N924664" s="10"/>
    </row>
    <row r="924665" spans="14:14">
      <c r="N924665" s="10"/>
    </row>
    <row r="924666" spans="14:14">
      <c r="N924666" s="10"/>
    </row>
    <row r="924667" spans="14:14">
      <c r="N924667" s="10"/>
    </row>
    <row r="924668" spans="14:14">
      <c r="N924668" s="10"/>
    </row>
    <row r="924669" spans="14:14">
      <c r="N924669" s="10"/>
    </row>
    <row r="924670" spans="14:14">
      <c r="N924670" s="10"/>
    </row>
    <row r="924671" spans="14:14">
      <c r="N924671" s="10"/>
    </row>
    <row r="924672" spans="14:14">
      <c r="N924672" s="10"/>
    </row>
    <row r="924673" spans="14:14">
      <c r="N924673" s="10"/>
    </row>
    <row r="924674" spans="14:14">
      <c r="N924674" s="10"/>
    </row>
    <row r="924675" spans="14:14">
      <c r="N924675" s="10"/>
    </row>
    <row r="924676" spans="14:14">
      <c r="N924676" s="10"/>
    </row>
    <row r="924677" spans="14:14">
      <c r="N924677" s="10"/>
    </row>
    <row r="924678" spans="14:14">
      <c r="N924678" s="10"/>
    </row>
    <row r="924679" spans="14:14">
      <c r="N924679" s="10"/>
    </row>
    <row r="924680" spans="14:14">
      <c r="N924680" s="10"/>
    </row>
    <row r="924681" spans="14:14">
      <c r="N924681" s="10"/>
    </row>
    <row r="924682" spans="14:14">
      <c r="N924682" s="10"/>
    </row>
    <row r="924683" spans="14:14">
      <c r="N924683" s="10"/>
    </row>
    <row r="924684" spans="14:14">
      <c r="N924684" s="10"/>
    </row>
    <row r="924685" spans="14:14">
      <c r="N924685" s="10"/>
    </row>
    <row r="924686" spans="14:14">
      <c r="N924686" s="10"/>
    </row>
    <row r="924687" spans="14:14">
      <c r="N924687" s="10"/>
    </row>
    <row r="924688" spans="14:14">
      <c r="N924688" s="10"/>
    </row>
    <row r="924689" spans="14:14">
      <c r="N924689" s="10"/>
    </row>
    <row r="924690" spans="14:14">
      <c r="N924690" s="10"/>
    </row>
    <row r="924691" spans="14:14">
      <c r="N924691" s="10"/>
    </row>
    <row r="924692" spans="14:14">
      <c r="N924692" s="10"/>
    </row>
    <row r="924693" spans="14:14">
      <c r="N924693" s="10"/>
    </row>
    <row r="924694" spans="14:14">
      <c r="N924694" s="10"/>
    </row>
    <row r="924695" spans="14:14">
      <c r="N924695" s="10"/>
    </row>
    <row r="924696" spans="14:14">
      <c r="N924696" s="10"/>
    </row>
    <row r="924697" spans="14:14">
      <c r="N924697" s="10"/>
    </row>
    <row r="924698" spans="14:14">
      <c r="N924698" s="10"/>
    </row>
    <row r="924699" spans="14:14">
      <c r="N924699" s="10"/>
    </row>
    <row r="924700" spans="14:14">
      <c r="N924700" s="10"/>
    </row>
    <row r="924701" spans="14:14">
      <c r="N924701" s="10"/>
    </row>
    <row r="924702" spans="14:14">
      <c r="N924702" s="10"/>
    </row>
    <row r="924703" spans="14:14">
      <c r="N924703" s="10"/>
    </row>
    <row r="924704" spans="14:14">
      <c r="N924704" s="10"/>
    </row>
    <row r="924705" spans="14:14">
      <c r="N924705" s="10"/>
    </row>
    <row r="924706" spans="14:14">
      <c r="N924706" s="10"/>
    </row>
    <row r="924707" spans="14:14">
      <c r="N924707" s="10"/>
    </row>
    <row r="924708" spans="14:14">
      <c r="N924708" s="10"/>
    </row>
    <row r="924709" spans="14:14">
      <c r="N924709" s="10"/>
    </row>
    <row r="924710" spans="14:14">
      <c r="N924710" s="10"/>
    </row>
    <row r="924711" spans="14:14">
      <c r="N924711" s="10"/>
    </row>
    <row r="924712" spans="14:14">
      <c r="N924712" s="10"/>
    </row>
    <row r="924713" spans="14:14">
      <c r="N924713" s="10"/>
    </row>
    <row r="924714" spans="14:14">
      <c r="N924714" s="10"/>
    </row>
    <row r="924715" spans="14:14">
      <c r="N924715" s="10"/>
    </row>
    <row r="924716" spans="14:14">
      <c r="N924716" s="10"/>
    </row>
    <row r="924717" spans="14:14">
      <c r="N924717" s="10"/>
    </row>
    <row r="924718" spans="14:14">
      <c r="N924718" s="10"/>
    </row>
    <row r="924719" spans="14:14">
      <c r="N924719" s="10"/>
    </row>
    <row r="924720" spans="14:14">
      <c r="N924720" s="10"/>
    </row>
    <row r="924721" spans="14:14">
      <c r="N924721" s="10"/>
    </row>
    <row r="924722" spans="14:14">
      <c r="N924722" s="10"/>
    </row>
    <row r="924723" spans="14:14">
      <c r="N924723" s="10"/>
    </row>
    <row r="924724" spans="14:14">
      <c r="N924724" s="10"/>
    </row>
    <row r="924725" spans="14:14">
      <c r="N924725" s="10"/>
    </row>
    <row r="924726" spans="14:14">
      <c r="N924726" s="10"/>
    </row>
    <row r="924727" spans="14:14">
      <c r="N924727" s="10"/>
    </row>
    <row r="924728" spans="14:14">
      <c r="N924728" s="10"/>
    </row>
    <row r="924729" spans="14:14">
      <c r="N924729" s="10"/>
    </row>
    <row r="924730" spans="14:14">
      <c r="N924730" s="10"/>
    </row>
    <row r="924731" spans="14:14">
      <c r="N924731" s="10"/>
    </row>
    <row r="924732" spans="14:14">
      <c r="N924732" s="10"/>
    </row>
    <row r="924733" spans="14:14">
      <c r="N924733" s="10"/>
    </row>
    <row r="924734" spans="14:14">
      <c r="N924734" s="10"/>
    </row>
    <row r="924735" spans="14:14">
      <c r="N924735" s="10"/>
    </row>
    <row r="924736" spans="14:14">
      <c r="N924736" s="10"/>
    </row>
    <row r="924737" spans="14:14">
      <c r="N924737" s="10"/>
    </row>
    <row r="924738" spans="14:14">
      <c r="N924738" s="10"/>
    </row>
    <row r="924739" spans="14:14">
      <c r="N924739" s="10"/>
    </row>
    <row r="924740" spans="14:14">
      <c r="N924740" s="10"/>
    </row>
    <row r="924741" spans="14:14">
      <c r="N924741" s="10"/>
    </row>
    <row r="924742" spans="14:14">
      <c r="N924742" s="10"/>
    </row>
    <row r="924743" spans="14:14">
      <c r="N924743" s="10"/>
    </row>
    <row r="924744" spans="14:14">
      <c r="N924744" s="10"/>
    </row>
    <row r="924745" spans="14:14">
      <c r="N924745" s="10"/>
    </row>
    <row r="924746" spans="14:14">
      <c r="N924746" s="10"/>
    </row>
    <row r="924747" spans="14:14">
      <c r="N924747" s="10"/>
    </row>
    <row r="924748" spans="14:14">
      <c r="N924748" s="10"/>
    </row>
    <row r="924749" spans="14:14">
      <c r="N924749" s="10"/>
    </row>
    <row r="924750" spans="14:14">
      <c r="N924750" s="10"/>
    </row>
    <row r="924751" spans="14:14">
      <c r="N924751" s="10"/>
    </row>
    <row r="924752" spans="14:14">
      <c r="N924752" s="10"/>
    </row>
    <row r="924753" spans="14:14">
      <c r="N924753" s="10"/>
    </row>
    <row r="924754" spans="14:14">
      <c r="N924754" s="10"/>
    </row>
    <row r="924755" spans="14:14">
      <c r="N924755" s="10"/>
    </row>
    <row r="924756" spans="14:14">
      <c r="N924756" s="10"/>
    </row>
    <row r="924757" spans="14:14">
      <c r="N924757" s="10"/>
    </row>
    <row r="924758" spans="14:14">
      <c r="N924758" s="10"/>
    </row>
    <row r="924759" spans="14:14">
      <c r="N924759" s="10"/>
    </row>
    <row r="924760" spans="14:14">
      <c r="N924760" s="10"/>
    </row>
    <row r="924761" spans="14:14">
      <c r="N924761" s="10"/>
    </row>
    <row r="924762" spans="14:14">
      <c r="N924762" s="10"/>
    </row>
    <row r="924763" spans="14:14">
      <c r="N924763" s="10"/>
    </row>
    <row r="924764" spans="14:14">
      <c r="N924764" s="10"/>
    </row>
    <row r="924765" spans="14:14">
      <c r="N924765" s="10"/>
    </row>
    <row r="924766" spans="14:14">
      <c r="N924766" s="10"/>
    </row>
    <row r="924767" spans="14:14">
      <c r="N924767" s="10"/>
    </row>
    <row r="924768" spans="14:14">
      <c r="N924768" s="10"/>
    </row>
    <row r="924769" spans="14:14">
      <c r="N924769" s="10"/>
    </row>
    <row r="924770" spans="14:14">
      <c r="N924770" s="10"/>
    </row>
    <row r="924771" spans="14:14">
      <c r="N924771" s="10"/>
    </row>
    <row r="924772" spans="14:14">
      <c r="N924772" s="10"/>
    </row>
    <row r="924773" spans="14:14">
      <c r="N924773" s="10"/>
    </row>
    <row r="924774" spans="14:14">
      <c r="N924774" s="10"/>
    </row>
    <row r="924775" spans="14:14">
      <c r="N924775" s="10"/>
    </row>
    <row r="924776" spans="14:14">
      <c r="N924776" s="10"/>
    </row>
    <row r="924777" spans="14:14">
      <c r="N924777" s="10"/>
    </row>
    <row r="924778" spans="14:14">
      <c r="N924778" s="10"/>
    </row>
    <row r="924779" spans="14:14">
      <c r="N924779" s="10"/>
    </row>
    <row r="924780" spans="14:14">
      <c r="N924780" s="10"/>
    </row>
    <row r="924781" spans="14:14">
      <c r="N924781" s="10"/>
    </row>
    <row r="924782" spans="14:14">
      <c r="N924782" s="10"/>
    </row>
    <row r="924783" spans="14:14">
      <c r="N924783" s="10"/>
    </row>
    <row r="924784" spans="14:14">
      <c r="N924784" s="10"/>
    </row>
    <row r="924785" spans="14:14">
      <c r="N924785" s="10"/>
    </row>
    <row r="924786" spans="14:14">
      <c r="N924786" s="10"/>
    </row>
    <row r="924787" spans="14:14">
      <c r="N924787" s="10"/>
    </row>
    <row r="924788" spans="14:14">
      <c r="N924788" s="10"/>
    </row>
    <row r="924789" spans="14:14">
      <c r="N924789" s="10"/>
    </row>
    <row r="924790" spans="14:14">
      <c r="N924790" s="10"/>
    </row>
    <row r="924791" spans="14:14">
      <c r="N924791" s="10"/>
    </row>
    <row r="924792" spans="14:14">
      <c r="N924792" s="10"/>
    </row>
    <row r="924793" spans="14:14">
      <c r="N924793" s="10"/>
    </row>
    <row r="924794" spans="14:14">
      <c r="N924794" s="10"/>
    </row>
    <row r="924795" spans="14:14">
      <c r="N924795" s="10"/>
    </row>
    <row r="924796" spans="14:14">
      <c r="N924796" s="10"/>
    </row>
    <row r="924797" spans="14:14">
      <c r="N924797" s="10"/>
    </row>
    <row r="924798" spans="14:14">
      <c r="N924798" s="10"/>
    </row>
    <row r="924799" spans="14:14">
      <c r="N924799" s="10"/>
    </row>
    <row r="924800" spans="14:14">
      <c r="N924800" s="10"/>
    </row>
    <row r="924801" spans="14:14">
      <c r="N924801" s="10"/>
    </row>
    <row r="924802" spans="14:14">
      <c r="N924802" s="10"/>
    </row>
    <row r="924803" spans="14:14">
      <c r="N924803" s="10"/>
    </row>
    <row r="924804" spans="14:14">
      <c r="N924804" s="10"/>
    </row>
    <row r="924805" spans="14:14">
      <c r="N924805" s="10"/>
    </row>
    <row r="924806" spans="14:14">
      <c r="N924806" s="10"/>
    </row>
    <row r="924807" spans="14:14">
      <c r="N924807" s="10"/>
    </row>
    <row r="924808" spans="14:14">
      <c r="N924808" s="10"/>
    </row>
    <row r="924809" spans="14:14">
      <c r="N924809" s="10"/>
    </row>
    <row r="924810" spans="14:14">
      <c r="N924810" s="10"/>
    </row>
    <row r="924811" spans="14:14">
      <c r="N924811" s="10"/>
    </row>
    <row r="924812" spans="14:14">
      <c r="N924812" s="10"/>
    </row>
    <row r="924813" spans="14:14">
      <c r="N924813" s="10"/>
    </row>
    <row r="924814" spans="14:14">
      <c r="N924814" s="10"/>
    </row>
    <row r="924815" spans="14:14">
      <c r="N924815" s="10"/>
    </row>
    <row r="924816" spans="14:14">
      <c r="N924816" s="10"/>
    </row>
    <row r="924817" spans="14:14">
      <c r="N924817" s="10"/>
    </row>
    <row r="924818" spans="14:14">
      <c r="N924818" s="10"/>
    </row>
    <row r="924819" spans="14:14">
      <c r="N924819" s="10"/>
    </row>
    <row r="924820" spans="14:14">
      <c r="N924820" s="10"/>
    </row>
    <row r="924821" spans="14:14">
      <c r="N924821" s="10"/>
    </row>
    <row r="924822" spans="14:14">
      <c r="N924822" s="10"/>
    </row>
    <row r="924823" spans="14:14">
      <c r="N924823" s="10"/>
    </row>
    <row r="924824" spans="14:14">
      <c r="N924824" s="10"/>
    </row>
    <row r="924825" spans="14:14">
      <c r="N924825" s="10"/>
    </row>
    <row r="924826" spans="14:14">
      <c r="N924826" s="10"/>
    </row>
    <row r="924827" spans="14:14">
      <c r="N924827" s="10"/>
    </row>
    <row r="924828" spans="14:14">
      <c r="N924828" s="10"/>
    </row>
    <row r="924829" spans="14:14">
      <c r="N924829" s="10"/>
    </row>
    <row r="924830" spans="14:14">
      <c r="N924830" s="10"/>
    </row>
    <row r="924831" spans="14:14">
      <c r="N924831" s="10"/>
    </row>
    <row r="924832" spans="14:14">
      <c r="N924832" s="10"/>
    </row>
    <row r="924833" spans="14:14">
      <c r="N924833" s="10"/>
    </row>
    <row r="924834" spans="14:14">
      <c r="N924834" s="10"/>
    </row>
    <row r="924835" spans="14:14">
      <c r="N924835" s="10"/>
    </row>
    <row r="924836" spans="14:14">
      <c r="N924836" s="10"/>
    </row>
    <row r="924837" spans="14:14">
      <c r="N924837" s="10"/>
    </row>
    <row r="924838" spans="14:14">
      <c r="N924838" s="10"/>
    </row>
    <row r="924839" spans="14:14">
      <c r="N924839" s="10"/>
    </row>
    <row r="924840" spans="14:14">
      <c r="N924840" s="10"/>
    </row>
    <row r="924841" spans="14:14">
      <c r="N924841" s="10"/>
    </row>
    <row r="924842" spans="14:14">
      <c r="N924842" s="10"/>
    </row>
    <row r="924843" spans="14:14">
      <c r="N924843" s="10"/>
    </row>
    <row r="924844" spans="14:14">
      <c r="N924844" s="10"/>
    </row>
    <row r="924845" spans="14:14">
      <c r="N924845" s="10"/>
    </row>
    <row r="924846" spans="14:14">
      <c r="N924846" s="10"/>
    </row>
    <row r="924847" spans="14:14">
      <c r="N924847" s="10"/>
    </row>
    <row r="924848" spans="14:14">
      <c r="N924848" s="10"/>
    </row>
    <row r="924849" spans="14:14">
      <c r="N924849" s="10"/>
    </row>
    <row r="924850" spans="14:14">
      <c r="N924850" s="10"/>
    </row>
    <row r="924851" spans="14:14">
      <c r="N924851" s="10"/>
    </row>
    <row r="924852" spans="14:14">
      <c r="N924852" s="10"/>
    </row>
    <row r="924853" spans="14:14">
      <c r="N924853" s="10"/>
    </row>
    <row r="924854" spans="14:14">
      <c r="N924854" s="10"/>
    </row>
    <row r="924855" spans="14:14">
      <c r="N924855" s="10"/>
    </row>
    <row r="924856" spans="14:14">
      <c r="N924856" s="10"/>
    </row>
    <row r="924857" spans="14:14">
      <c r="N924857" s="10"/>
    </row>
    <row r="924858" spans="14:14">
      <c r="N924858" s="10"/>
    </row>
    <row r="924859" spans="14:14">
      <c r="N924859" s="10"/>
    </row>
    <row r="924860" spans="14:14">
      <c r="N924860" s="10"/>
    </row>
    <row r="924861" spans="14:14">
      <c r="N924861" s="10"/>
    </row>
    <row r="924862" spans="14:14">
      <c r="N924862" s="10"/>
    </row>
    <row r="924863" spans="14:14">
      <c r="N924863" s="10"/>
    </row>
    <row r="924864" spans="14:14">
      <c r="N924864" s="10"/>
    </row>
    <row r="924865" spans="14:14">
      <c r="N924865" s="10"/>
    </row>
    <row r="924866" spans="14:14">
      <c r="N924866" s="10"/>
    </row>
    <row r="924867" spans="14:14">
      <c r="N924867" s="10"/>
    </row>
    <row r="924868" spans="14:14">
      <c r="N924868" s="10"/>
    </row>
    <row r="924869" spans="14:14">
      <c r="N924869" s="10"/>
    </row>
    <row r="924870" spans="14:14">
      <c r="N924870" s="10"/>
    </row>
    <row r="924871" spans="14:14">
      <c r="N924871" s="10"/>
    </row>
    <row r="924872" spans="14:14">
      <c r="N924872" s="10"/>
    </row>
    <row r="924873" spans="14:14">
      <c r="N924873" s="10"/>
    </row>
    <row r="924874" spans="14:14">
      <c r="N924874" s="10"/>
    </row>
    <row r="924875" spans="14:14">
      <c r="N924875" s="10"/>
    </row>
    <row r="924876" spans="14:14">
      <c r="N924876" s="10"/>
    </row>
    <row r="924877" spans="14:14">
      <c r="N924877" s="10"/>
    </row>
    <row r="924878" spans="14:14">
      <c r="N924878" s="10"/>
    </row>
    <row r="924879" spans="14:14">
      <c r="N924879" s="10"/>
    </row>
    <row r="924880" spans="14:14">
      <c r="N924880" s="10"/>
    </row>
    <row r="924881" spans="14:14">
      <c r="N924881" s="10"/>
    </row>
    <row r="924882" spans="14:14">
      <c r="N924882" s="10"/>
    </row>
    <row r="924883" spans="14:14">
      <c r="N924883" s="10"/>
    </row>
    <row r="924884" spans="14:14">
      <c r="N924884" s="10"/>
    </row>
    <row r="924885" spans="14:14">
      <c r="N924885" s="10"/>
    </row>
    <row r="924886" spans="14:14">
      <c r="N924886" s="10"/>
    </row>
    <row r="924887" spans="14:14">
      <c r="N924887" s="10"/>
    </row>
    <row r="924888" spans="14:14">
      <c r="N924888" s="10"/>
    </row>
    <row r="924889" spans="14:14">
      <c r="N924889" s="10"/>
    </row>
    <row r="924890" spans="14:14">
      <c r="N924890" s="10"/>
    </row>
    <row r="924891" spans="14:14">
      <c r="N924891" s="10"/>
    </row>
    <row r="924892" spans="14:14">
      <c r="N924892" s="10"/>
    </row>
    <row r="924893" spans="14:14">
      <c r="N924893" s="10"/>
    </row>
    <row r="924894" spans="14:14">
      <c r="N924894" s="10"/>
    </row>
    <row r="924895" spans="14:14">
      <c r="N924895" s="10"/>
    </row>
    <row r="924896" spans="14:14">
      <c r="N924896" s="10"/>
    </row>
    <row r="924897" spans="14:14">
      <c r="N924897" s="10"/>
    </row>
    <row r="924898" spans="14:14">
      <c r="N924898" s="10"/>
    </row>
    <row r="924899" spans="14:14">
      <c r="N924899" s="10"/>
    </row>
    <row r="924900" spans="14:14">
      <c r="N924900" s="10"/>
    </row>
    <row r="924901" spans="14:14">
      <c r="N924901" s="10"/>
    </row>
    <row r="924902" spans="14:14">
      <c r="N924902" s="10"/>
    </row>
    <row r="924903" spans="14:14">
      <c r="N924903" s="10"/>
    </row>
    <row r="924904" spans="14:14">
      <c r="N924904" s="10"/>
    </row>
    <row r="924905" spans="14:14">
      <c r="N924905" s="10"/>
    </row>
    <row r="924906" spans="14:14">
      <c r="N924906" s="10"/>
    </row>
    <row r="924907" spans="14:14">
      <c r="N924907" s="10"/>
    </row>
    <row r="924908" spans="14:14">
      <c r="N924908" s="10"/>
    </row>
    <row r="924909" spans="14:14">
      <c r="N924909" s="10"/>
    </row>
    <row r="924910" spans="14:14">
      <c r="N924910" s="10"/>
    </row>
    <row r="924911" spans="14:14">
      <c r="N924911" s="10"/>
    </row>
    <row r="924912" spans="14:14">
      <c r="N924912" s="10"/>
    </row>
    <row r="924913" spans="14:14">
      <c r="N924913" s="10"/>
    </row>
    <row r="924914" spans="14:14">
      <c r="N924914" s="10"/>
    </row>
    <row r="924915" spans="14:14">
      <c r="N924915" s="10"/>
    </row>
    <row r="924916" spans="14:14">
      <c r="N924916" s="10"/>
    </row>
    <row r="924917" spans="14:14">
      <c r="N924917" s="10"/>
    </row>
    <row r="924918" spans="14:14">
      <c r="N924918" s="10"/>
    </row>
    <row r="924919" spans="14:14">
      <c r="N924919" s="10"/>
    </row>
    <row r="924920" spans="14:14">
      <c r="N924920" s="10"/>
    </row>
    <row r="924921" spans="14:14">
      <c r="N924921" s="10"/>
    </row>
    <row r="924922" spans="14:14">
      <c r="N924922" s="10"/>
    </row>
    <row r="924923" spans="14:14">
      <c r="N924923" s="10"/>
    </row>
    <row r="924924" spans="14:14">
      <c r="N924924" s="10"/>
    </row>
    <row r="924925" spans="14:14">
      <c r="N924925" s="10"/>
    </row>
    <row r="924926" spans="14:14">
      <c r="N924926" s="10"/>
    </row>
    <row r="924927" spans="14:14">
      <c r="N924927" s="10"/>
    </row>
    <row r="924928" spans="14:14">
      <c r="N924928" s="10"/>
    </row>
    <row r="924929" spans="14:14">
      <c r="N924929" s="10"/>
    </row>
    <row r="924930" spans="14:14">
      <c r="N924930" s="10"/>
    </row>
    <row r="924931" spans="14:14">
      <c r="N924931" s="10"/>
    </row>
    <row r="924932" spans="14:14">
      <c r="N924932" s="10"/>
    </row>
    <row r="924933" spans="14:14">
      <c r="N924933" s="10"/>
    </row>
    <row r="924934" spans="14:14">
      <c r="N924934" s="10"/>
    </row>
    <row r="924935" spans="14:14">
      <c r="N924935" s="10"/>
    </row>
    <row r="924936" spans="14:14">
      <c r="N924936" s="10"/>
    </row>
    <row r="924937" spans="14:14">
      <c r="N924937" s="10"/>
    </row>
    <row r="924938" spans="14:14">
      <c r="N924938" s="10"/>
    </row>
    <row r="924939" spans="14:14">
      <c r="N924939" s="10"/>
    </row>
    <row r="924940" spans="14:14">
      <c r="N924940" s="10"/>
    </row>
    <row r="924941" spans="14:14">
      <c r="N924941" s="10"/>
    </row>
    <row r="924942" spans="14:14">
      <c r="N924942" s="10"/>
    </row>
    <row r="924943" spans="14:14">
      <c r="N924943" s="10"/>
    </row>
    <row r="924944" spans="14:14">
      <c r="N924944" s="10"/>
    </row>
    <row r="924945" spans="14:14">
      <c r="N924945" s="10"/>
    </row>
    <row r="924946" spans="14:14">
      <c r="N924946" s="10"/>
    </row>
    <row r="924947" spans="14:14">
      <c r="N924947" s="10"/>
    </row>
    <row r="924948" spans="14:14">
      <c r="N924948" s="10"/>
    </row>
    <row r="924949" spans="14:14">
      <c r="N924949" s="10"/>
    </row>
    <row r="924950" spans="14:14">
      <c r="N924950" s="10"/>
    </row>
    <row r="924951" spans="14:14">
      <c r="N924951" s="10"/>
    </row>
    <row r="924952" spans="14:14">
      <c r="N924952" s="10"/>
    </row>
    <row r="924953" spans="14:14">
      <c r="N924953" s="10"/>
    </row>
    <row r="924954" spans="14:14">
      <c r="N924954" s="10"/>
    </row>
    <row r="924955" spans="14:14">
      <c r="N924955" s="10"/>
    </row>
    <row r="924956" spans="14:14">
      <c r="N924956" s="10"/>
    </row>
    <row r="924957" spans="14:14">
      <c r="N924957" s="10"/>
    </row>
    <row r="924958" spans="14:14">
      <c r="N924958" s="10"/>
    </row>
    <row r="924959" spans="14:14">
      <c r="N924959" s="10"/>
    </row>
    <row r="924960" spans="14:14">
      <c r="N924960" s="10"/>
    </row>
    <row r="924961" spans="14:14">
      <c r="N924961" s="10"/>
    </row>
    <row r="924962" spans="14:14">
      <c r="N924962" s="10"/>
    </row>
    <row r="924963" spans="14:14">
      <c r="N924963" s="10"/>
    </row>
    <row r="924964" spans="14:14">
      <c r="N924964" s="10"/>
    </row>
    <row r="924965" spans="14:14">
      <c r="N924965" s="10"/>
    </row>
    <row r="924966" spans="14:14">
      <c r="N924966" s="10"/>
    </row>
    <row r="924967" spans="14:14">
      <c r="N924967" s="10"/>
    </row>
    <row r="924968" spans="14:14">
      <c r="N924968" s="10"/>
    </row>
    <row r="924969" spans="14:14">
      <c r="N924969" s="10"/>
    </row>
    <row r="924970" spans="14:14">
      <c r="N924970" s="10"/>
    </row>
    <row r="924971" spans="14:14">
      <c r="N924971" s="10"/>
    </row>
    <row r="924972" spans="14:14">
      <c r="N924972" s="10"/>
    </row>
    <row r="924973" spans="14:14">
      <c r="N924973" s="10"/>
    </row>
    <row r="924974" spans="14:14">
      <c r="N924974" s="10"/>
    </row>
    <row r="924975" spans="14:14">
      <c r="N924975" s="10"/>
    </row>
    <row r="924976" spans="14:14">
      <c r="N924976" s="10"/>
    </row>
    <row r="924977" spans="14:14">
      <c r="N924977" s="10"/>
    </row>
    <row r="924978" spans="14:14">
      <c r="N924978" s="10"/>
    </row>
    <row r="924979" spans="14:14">
      <c r="N924979" s="10"/>
    </row>
    <row r="924980" spans="14:14">
      <c r="N924980" s="10"/>
    </row>
    <row r="924981" spans="14:14">
      <c r="N924981" s="10"/>
    </row>
    <row r="924982" spans="14:14">
      <c r="N924982" s="10"/>
    </row>
    <row r="924983" spans="14:14">
      <c r="N924983" s="10"/>
    </row>
    <row r="924984" spans="14:14">
      <c r="N924984" s="10"/>
    </row>
    <row r="924985" spans="14:14">
      <c r="N924985" s="10"/>
    </row>
    <row r="924986" spans="14:14">
      <c r="N924986" s="10"/>
    </row>
    <row r="924987" spans="14:14">
      <c r="N924987" s="10"/>
    </row>
    <row r="924988" spans="14:14">
      <c r="N924988" s="10"/>
    </row>
    <row r="924989" spans="14:14">
      <c r="N924989" s="10"/>
    </row>
    <row r="924990" spans="14:14">
      <c r="N924990" s="10"/>
    </row>
    <row r="924991" spans="14:14">
      <c r="N924991" s="10"/>
    </row>
    <row r="924992" spans="14:14">
      <c r="N924992" s="10"/>
    </row>
    <row r="924993" spans="14:14">
      <c r="N924993" s="10"/>
    </row>
    <row r="924994" spans="14:14">
      <c r="N924994" s="10"/>
    </row>
    <row r="924995" spans="14:14">
      <c r="N924995" s="10"/>
    </row>
    <row r="924996" spans="14:14">
      <c r="N924996" s="10"/>
    </row>
    <row r="924997" spans="14:14">
      <c r="N924997" s="10"/>
    </row>
    <row r="924998" spans="14:14">
      <c r="N924998" s="10"/>
    </row>
    <row r="924999" spans="14:14">
      <c r="N924999" s="10"/>
    </row>
    <row r="925000" spans="14:14">
      <c r="N925000" s="10"/>
    </row>
    <row r="925001" spans="14:14">
      <c r="N925001" s="10"/>
    </row>
    <row r="925002" spans="14:14">
      <c r="N925002" s="10"/>
    </row>
    <row r="925003" spans="14:14">
      <c r="N925003" s="10"/>
    </row>
    <row r="925004" spans="14:14">
      <c r="N925004" s="10"/>
    </row>
    <row r="925005" spans="14:14">
      <c r="N925005" s="10"/>
    </row>
    <row r="925006" spans="14:14">
      <c r="N925006" s="10"/>
    </row>
    <row r="925007" spans="14:14">
      <c r="N925007" s="10"/>
    </row>
    <row r="925008" spans="14:14">
      <c r="N925008" s="10"/>
    </row>
    <row r="925009" spans="14:14">
      <c r="N925009" s="10"/>
    </row>
    <row r="925010" spans="14:14">
      <c r="N925010" s="10"/>
    </row>
    <row r="925011" spans="14:14">
      <c r="N925011" s="10"/>
    </row>
    <row r="925012" spans="14:14">
      <c r="N925012" s="10"/>
    </row>
    <row r="925013" spans="14:14">
      <c r="N925013" s="10"/>
    </row>
    <row r="925014" spans="14:14">
      <c r="N925014" s="10"/>
    </row>
    <row r="925015" spans="14:14">
      <c r="N925015" s="10"/>
    </row>
    <row r="925016" spans="14:14">
      <c r="N925016" s="10"/>
    </row>
    <row r="925017" spans="14:14">
      <c r="N925017" s="10"/>
    </row>
    <row r="925018" spans="14:14">
      <c r="N925018" s="10"/>
    </row>
    <row r="925019" spans="14:14">
      <c r="N925019" s="10"/>
    </row>
    <row r="925020" spans="14:14">
      <c r="N925020" s="10"/>
    </row>
    <row r="925021" spans="14:14">
      <c r="N925021" s="10"/>
    </row>
    <row r="925022" spans="14:14">
      <c r="N925022" s="10"/>
    </row>
    <row r="925023" spans="14:14">
      <c r="N925023" s="10"/>
    </row>
    <row r="925024" spans="14:14">
      <c r="N925024" s="10"/>
    </row>
    <row r="925025" spans="14:14">
      <c r="N925025" s="10"/>
    </row>
    <row r="925026" spans="14:14">
      <c r="N925026" s="10"/>
    </row>
    <row r="925027" spans="14:14">
      <c r="N925027" s="10"/>
    </row>
    <row r="925028" spans="14:14">
      <c r="N925028" s="10"/>
    </row>
    <row r="925029" spans="14:14">
      <c r="N925029" s="10"/>
    </row>
    <row r="925030" spans="14:14">
      <c r="N925030" s="10"/>
    </row>
    <row r="925031" spans="14:14">
      <c r="N925031" s="10"/>
    </row>
    <row r="925032" spans="14:14">
      <c r="N925032" s="10"/>
    </row>
    <row r="925033" spans="14:14">
      <c r="N925033" s="10"/>
    </row>
    <row r="925034" spans="14:14">
      <c r="N925034" s="10"/>
    </row>
    <row r="925035" spans="14:14">
      <c r="N925035" s="10"/>
    </row>
    <row r="925036" spans="14:14">
      <c r="N925036" s="10"/>
    </row>
    <row r="925037" spans="14:14">
      <c r="N925037" s="10"/>
    </row>
    <row r="925038" spans="14:14">
      <c r="N925038" s="10"/>
    </row>
    <row r="925039" spans="14:14">
      <c r="N925039" s="10"/>
    </row>
    <row r="925040" spans="14:14">
      <c r="N925040" s="10"/>
    </row>
    <row r="925041" spans="14:14">
      <c r="N925041" s="10"/>
    </row>
    <row r="925042" spans="14:14">
      <c r="N925042" s="10"/>
    </row>
    <row r="925043" spans="14:14">
      <c r="N925043" s="10"/>
    </row>
    <row r="925044" spans="14:14">
      <c r="N925044" s="10"/>
    </row>
    <row r="925045" spans="14:14">
      <c r="N925045" s="10"/>
    </row>
    <row r="925046" spans="14:14">
      <c r="N925046" s="10"/>
    </row>
    <row r="925047" spans="14:14">
      <c r="N925047" s="10"/>
    </row>
    <row r="925048" spans="14:14">
      <c r="N925048" s="10"/>
    </row>
    <row r="925049" spans="14:14">
      <c r="N925049" s="10"/>
    </row>
    <row r="925050" spans="14:14">
      <c r="N925050" s="10"/>
    </row>
    <row r="925051" spans="14:14">
      <c r="N925051" s="10"/>
    </row>
    <row r="925052" spans="14:14">
      <c r="N925052" s="10"/>
    </row>
    <row r="925053" spans="14:14">
      <c r="N925053" s="10"/>
    </row>
    <row r="925054" spans="14:14">
      <c r="N925054" s="10"/>
    </row>
    <row r="925055" spans="14:14">
      <c r="N925055" s="10"/>
    </row>
    <row r="925056" spans="14:14">
      <c r="N925056" s="10"/>
    </row>
    <row r="925057" spans="14:14">
      <c r="N925057" s="10"/>
    </row>
    <row r="925058" spans="14:14">
      <c r="N925058" s="10"/>
    </row>
    <row r="925059" spans="14:14">
      <c r="N925059" s="10"/>
    </row>
    <row r="925060" spans="14:14">
      <c r="N925060" s="10"/>
    </row>
    <row r="925061" spans="14:14">
      <c r="N925061" s="10"/>
    </row>
    <row r="925062" spans="14:14">
      <c r="N925062" s="10"/>
    </row>
    <row r="925063" spans="14:14">
      <c r="N925063" s="10"/>
    </row>
    <row r="925064" spans="14:14">
      <c r="N925064" s="10"/>
    </row>
    <row r="925065" spans="14:14">
      <c r="N925065" s="10"/>
    </row>
    <row r="925066" spans="14:14">
      <c r="N925066" s="10"/>
    </row>
    <row r="925067" spans="14:14">
      <c r="N925067" s="10"/>
    </row>
    <row r="925068" spans="14:14">
      <c r="N925068" s="10"/>
    </row>
    <row r="925069" spans="14:14">
      <c r="N925069" s="10"/>
    </row>
    <row r="925070" spans="14:14">
      <c r="N925070" s="10"/>
    </row>
    <row r="925071" spans="14:14">
      <c r="N925071" s="10"/>
    </row>
    <row r="925072" spans="14:14">
      <c r="N925072" s="10"/>
    </row>
    <row r="925073" spans="14:14">
      <c r="N925073" s="10"/>
    </row>
    <row r="925074" spans="14:14">
      <c r="N925074" s="10"/>
    </row>
    <row r="925075" spans="14:14">
      <c r="N925075" s="10"/>
    </row>
    <row r="925076" spans="14:14">
      <c r="N925076" s="10"/>
    </row>
    <row r="925077" spans="14:14">
      <c r="N925077" s="10"/>
    </row>
    <row r="925078" spans="14:14">
      <c r="N925078" s="10"/>
    </row>
    <row r="925079" spans="14:14">
      <c r="N925079" s="10"/>
    </row>
    <row r="925080" spans="14:14">
      <c r="N925080" s="10"/>
    </row>
    <row r="925081" spans="14:14">
      <c r="N925081" s="10"/>
    </row>
    <row r="925082" spans="14:14">
      <c r="N925082" s="10"/>
    </row>
    <row r="925083" spans="14:14">
      <c r="N925083" s="10"/>
    </row>
    <row r="925084" spans="14:14">
      <c r="N925084" s="10"/>
    </row>
    <row r="925085" spans="14:14">
      <c r="N925085" s="10"/>
    </row>
    <row r="925086" spans="14:14">
      <c r="N925086" s="10"/>
    </row>
    <row r="925087" spans="14:14">
      <c r="N925087" s="10"/>
    </row>
    <row r="925088" spans="14:14">
      <c r="N925088" s="10"/>
    </row>
    <row r="925089" spans="14:14">
      <c r="N925089" s="10"/>
    </row>
    <row r="925090" spans="14:14">
      <c r="N925090" s="10"/>
    </row>
    <row r="925091" spans="14:14">
      <c r="N925091" s="10"/>
    </row>
    <row r="925092" spans="14:14">
      <c r="N925092" s="10"/>
    </row>
    <row r="925093" spans="14:14">
      <c r="N925093" s="10"/>
    </row>
    <row r="925094" spans="14:14">
      <c r="N925094" s="10"/>
    </row>
    <row r="925095" spans="14:14">
      <c r="N925095" s="10"/>
    </row>
    <row r="925096" spans="14:14">
      <c r="N925096" s="10"/>
    </row>
    <row r="925097" spans="14:14">
      <c r="N925097" s="10"/>
    </row>
    <row r="925098" spans="14:14">
      <c r="N925098" s="10"/>
    </row>
    <row r="925099" spans="14:14">
      <c r="N925099" s="10"/>
    </row>
    <row r="925100" spans="14:14">
      <c r="N925100" s="10"/>
    </row>
    <row r="925101" spans="14:14">
      <c r="N925101" s="10"/>
    </row>
    <row r="925102" spans="14:14">
      <c r="N925102" s="10"/>
    </row>
    <row r="925103" spans="14:14">
      <c r="N925103" s="10"/>
    </row>
    <row r="925104" spans="14:14">
      <c r="N925104" s="10"/>
    </row>
    <row r="925105" spans="14:14">
      <c r="N925105" s="10"/>
    </row>
    <row r="925106" spans="14:14">
      <c r="N925106" s="10"/>
    </row>
    <row r="925107" spans="14:14">
      <c r="N925107" s="10"/>
    </row>
    <row r="925108" spans="14:14">
      <c r="N925108" s="10"/>
    </row>
    <row r="925109" spans="14:14">
      <c r="N925109" s="10"/>
    </row>
    <row r="925110" spans="14:14">
      <c r="N925110" s="10"/>
    </row>
    <row r="925111" spans="14:14">
      <c r="N925111" s="10"/>
    </row>
    <row r="925112" spans="14:14">
      <c r="N925112" s="10"/>
    </row>
    <row r="925113" spans="14:14">
      <c r="N925113" s="10"/>
    </row>
    <row r="925114" spans="14:14">
      <c r="N925114" s="10"/>
    </row>
    <row r="925115" spans="14:14">
      <c r="N925115" s="10"/>
    </row>
    <row r="925116" spans="14:14">
      <c r="N925116" s="10"/>
    </row>
    <row r="925117" spans="14:14">
      <c r="N925117" s="10"/>
    </row>
    <row r="925118" spans="14:14">
      <c r="N925118" s="10"/>
    </row>
    <row r="925119" spans="14:14">
      <c r="N925119" s="10"/>
    </row>
    <row r="925120" spans="14:14">
      <c r="N925120" s="10"/>
    </row>
    <row r="925121" spans="14:14">
      <c r="N925121" s="10"/>
    </row>
    <row r="925122" spans="14:14">
      <c r="N925122" s="10"/>
    </row>
    <row r="925123" spans="14:14">
      <c r="N925123" s="10"/>
    </row>
    <row r="925124" spans="14:14">
      <c r="N925124" s="10"/>
    </row>
    <row r="925125" spans="14:14">
      <c r="N925125" s="10"/>
    </row>
    <row r="925126" spans="14:14">
      <c r="N925126" s="10"/>
    </row>
    <row r="925127" spans="14:14">
      <c r="N925127" s="10"/>
    </row>
    <row r="925128" spans="14:14">
      <c r="N925128" s="10"/>
    </row>
    <row r="925129" spans="14:14">
      <c r="N925129" s="10"/>
    </row>
    <row r="925130" spans="14:14">
      <c r="N925130" s="10"/>
    </row>
    <row r="925131" spans="14:14">
      <c r="N925131" s="10"/>
    </row>
    <row r="925132" spans="14:14">
      <c r="N925132" s="10"/>
    </row>
    <row r="925133" spans="14:14">
      <c r="N925133" s="10"/>
    </row>
    <row r="925134" spans="14:14">
      <c r="N925134" s="10"/>
    </row>
    <row r="925135" spans="14:14">
      <c r="N925135" s="10"/>
    </row>
    <row r="925136" spans="14:14">
      <c r="N925136" s="10"/>
    </row>
    <row r="925137" spans="14:14">
      <c r="N925137" s="10"/>
    </row>
    <row r="925138" spans="14:14">
      <c r="N925138" s="10"/>
    </row>
    <row r="925139" spans="14:14">
      <c r="N925139" s="10"/>
    </row>
    <row r="925140" spans="14:14">
      <c r="N925140" s="10"/>
    </row>
    <row r="925141" spans="14:14">
      <c r="N925141" s="10"/>
    </row>
    <row r="925142" spans="14:14">
      <c r="N925142" s="10"/>
    </row>
    <row r="925143" spans="14:14">
      <c r="N925143" s="10"/>
    </row>
    <row r="925144" spans="14:14">
      <c r="N925144" s="10"/>
    </row>
    <row r="925145" spans="14:14">
      <c r="N925145" s="10"/>
    </row>
    <row r="925146" spans="14:14">
      <c r="N925146" s="10"/>
    </row>
    <row r="925147" spans="14:14">
      <c r="N925147" s="10"/>
    </row>
    <row r="925148" spans="14:14">
      <c r="N925148" s="10"/>
    </row>
    <row r="925149" spans="14:14">
      <c r="N925149" s="10"/>
    </row>
    <row r="925150" spans="14:14">
      <c r="N925150" s="10"/>
    </row>
    <row r="925151" spans="14:14">
      <c r="N925151" s="10"/>
    </row>
    <row r="925152" spans="14:14">
      <c r="N925152" s="10"/>
    </row>
    <row r="925153" spans="14:14">
      <c r="N925153" s="10"/>
    </row>
    <row r="925154" spans="14:14">
      <c r="N925154" s="10"/>
    </row>
    <row r="925155" spans="14:14">
      <c r="N925155" s="10"/>
    </row>
    <row r="925156" spans="14:14">
      <c r="N925156" s="10"/>
    </row>
    <row r="925157" spans="14:14">
      <c r="N925157" s="10"/>
    </row>
    <row r="925158" spans="14:14">
      <c r="N925158" s="10"/>
    </row>
    <row r="925159" spans="14:14">
      <c r="N925159" s="10"/>
    </row>
    <row r="925160" spans="14:14">
      <c r="N925160" s="10"/>
    </row>
    <row r="925161" spans="14:14">
      <c r="N925161" s="10"/>
    </row>
    <row r="925162" spans="14:14">
      <c r="N925162" s="10"/>
    </row>
    <row r="925163" spans="14:14">
      <c r="N925163" s="10"/>
    </row>
    <row r="925164" spans="14:14">
      <c r="N925164" s="10"/>
    </row>
    <row r="925165" spans="14:14">
      <c r="N925165" s="10"/>
    </row>
    <row r="925166" spans="14:14">
      <c r="N925166" s="10"/>
    </row>
    <row r="925167" spans="14:14">
      <c r="N925167" s="10"/>
    </row>
    <row r="925168" spans="14:14">
      <c r="N925168" s="10"/>
    </row>
    <row r="925169" spans="14:14">
      <c r="N925169" s="10"/>
    </row>
    <row r="925170" spans="14:14">
      <c r="N925170" s="10"/>
    </row>
    <row r="925171" spans="14:14">
      <c r="N925171" s="10"/>
    </row>
    <row r="925172" spans="14:14">
      <c r="N925172" s="10"/>
    </row>
    <row r="925173" spans="14:14">
      <c r="N925173" s="10"/>
    </row>
    <row r="925174" spans="14:14">
      <c r="N925174" s="10"/>
    </row>
    <row r="925175" spans="14:14">
      <c r="N925175" s="10"/>
    </row>
    <row r="925176" spans="14:14">
      <c r="N925176" s="10"/>
    </row>
    <row r="925177" spans="14:14">
      <c r="N925177" s="10"/>
    </row>
    <row r="925178" spans="14:14">
      <c r="N925178" s="10"/>
    </row>
    <row r="925179" spans="14:14">
      <c r="N925179" s="10"/>
    </row>
    <row r="925180" spans="14:14">
      <c r="N925180" s="10"/>
    </row>
    <row r="925181" spans="14:14">
      <c r="N925181" s="10"/>
    </row>
    <row r="925182" spans="14:14">
      <c r="N925182" s="10"/>
    </row>
    <row r="925183" spans="14:14">
      <c r="N925183" s="10"/>
    </row>
    <row r="925184" spans="14:14">
      <c r="N925184" s="10"/>
    </row>
    <row r="925185" spans="14:14">
      <c r="N925185" s="10"/>
    </row>
    <row r="925186" spans="14:14">
      <c r="N925186" s="10"/>
    </row>
    <row r="925187" spans="14:14">
      <c r="N925187" s="10"/>
    </row>
    <row r="925188" spans="14:14">
      <c r="N925188" s="10"/>
    </row>
    <row r="925189" spans="14:14">
      <c r="N925189" s="10"/>
    </row>
    <row r="925190" spans="14:14">
      <c r="N925190" s="10"/>
    </row>
    <row r="925191" spans="14:14">
      <c r="N925191" s="10"/>
    </row>
    <row r="925192" spans="14:14">
      <c r="N925192" s="10"/>
    </row>
    <row r="925193" spans="14:14">
      <c r="N925193" s="10"/>
    </row>
    <row r="925194" spans="14:14">
      <c r="N925194" s="10"/>
    </row>
    <row r="925195" spans="14:14">
      <c r="N925195" s="10"/>
    </row>
    <row r="925196" spans="14:14">
      <c r="N925196" s="10"/>
    </row>
    <row r="925197" spans="14:14">
      <c r="N925197" s="10"/>
    </row>
    <row r="925198" spans="14:14">
      <c r="N925198" s="10"/>
    </row>
    <row r="925199" spans="14:14">
      <c r="N925199" s="10"/>
    </row>
    <row r="925200" spans="14:14">
      <c r="N925200" s="10"/>
    </row>
    <row r="925201" spans="14:14">
      <c r="N925201" s="10"/>
    </row>
    <row r="925202" spans="14:14">
      <c r="N925202" s="10"/>
    </row>
    <row r="925203" spans="14:14">
      <c r="N925203" s="10"/>
    </row>
    <row r="925204" spans="14:14">
      <c r="N925204" s="10"/>
    </row>
    <row r="925205" spans="14:14">
      <c r="N925205" s="10"/>
    </row>
    <row r="925206" spans="14:14">
      <c r="N925206" s="10"/>
    </row>
    <row r="925207" spans="14:14">
      <c r="N925207" s="10"/>
    </row>
    <row r="925208" spans="14:14">
      <c r="N925208" s="10"/>
    </row>
    <row r="925209" spans="14:14">
      <c r="N925209" s="10"/>
    </row>
    <row r="925210" spans="14:14">
      <c r="N925210" s="10"/>
    </row>
    <row r="925211" spans="14:14">
      <c r="N925211" s="10"/>
    </row>
    <row r="925212" spans="14:14">
      <c r="N925212" s="10"/>
    </row>
    <row r="925213" spans="14:14">
      <c r="N925213" s="10"/>
    </row>
    <row r="925214" spans="14:14">
      <c r="N925214" s="10"/>
    </row>
    <row r="925215" spans="14:14">
      <c r="N925215" s="10"/>
    </row>
    <row r="925216" spans="14:14">
      <c r="N925216" s="10"/>
    </row>
    <row r="925217" spans="14:14">
      <c r="N925217" s="10"/>
    </row>
    <row r="925218" spans="14:14">
      <c r="N925218" s="10"/>
    </row>
    <row r="925219" spans="14:14">
      <c r="N925219" s="10"/>
    </row>
    <row r="925220" spans="14:14">
      <c r="N925220" s="10"/>
    </row>
    <row r="925221" spans="14:14">
      <c r="N925221" s="10"/>
    </row>
    <row r="925222" spans="14:14">
      <c r="N925222" s="10"/>
    </row>
    <row r="925223" spans="14:14">
      <c r="N925223" s="10"/>
    </row>
    <row r="925224" spans="14:14">
      <c r="N925224" s="10"/>
    </row>
    <row r="925225" spans="14:14">
      <c r="N925225" s="10"/>
    </row>
    <row r="925226" spans="14:14">
      <c r="N925226" s="10"/>
    </row>
    <row r="925227" spans="14:14">
      <c r="N925227" s="10"/>
    </row>
    <row r="925228" spans="14:14">
      <c r="N925228" s="10"/>
    </row>
    <row r="925229" spans="14:14">
      <c r="N925229" s="10"/>
    </row>
    <row r="925230" spans="14:14">
      <c r="N925230" s="10"/>
    </row>
    <row r="925231" spans="14:14">
      <c r="N925231" s="10"/>
    </row>
    <row r="925232" spans="14:14">
      <c r="N925232" s="10"/>
    </row>
    <row r="925233" spans="14:14">
      <c r="N925233" s="10"/>
    </row>
    <row r="925234" spans="14:14">
      <c r="N925234" s="10"/>
    </row>
    <row r="925235" spans="14:14">
      <c r="N925235" s="10"/>
    </row>
    <row r="925236" spans="14:14">
      <c r="N925236" s="10"/>
    </row>
    <row r="925237" spans="14:14">
      <c r="N925237" s="10"/>
    </row>
    <row r="925238" spans="14:14">
      <c r="N925238" s="10"/>
    </row>
    <row r="925239" spans="14:14">
      <c r="N925239" s="10"/>
    </row>
    <row r="925240" spans="14:14">
      <c r="N925240" s="10"/>
    </row>
    <row r="925241" spans="14:14">
      <c r="N925241" s="10"/>
    </row>
    <row r="925242" spans="14:14">
      <c r="N925242" s="10"/>
    </row>
    <row r="925243" spans="14:14">
      <c r="N925243" s="10"/>
    </row>
    <row r="925244" spans="14:14">
      <c r="N925244" s="10"/>
    </row>
    <row r="925245" spans="14:14">
      <c r="N925245" s="10"/>
    </row>
    <row r="925246" spans="14:14">
      <c r="N925246" s="10"/>
    </row>
    <row r="925247" spans="14:14">
      <c r="N925247" s="10"/>
    </row>
    <row r="925248" spans="14:14">
      <c r="N925248" s="10"/>
    </row>
    <row r="925249" spans="14:14">
      <c r="N925249" s="10"/>
    </row>
    <row r="925250" spans="14:14">
      <c r="N925250" s="10"/>
    </row>
    <row r="925251" spans="14:14">
      <c r="N925251" s="10"/>
    </row>
    <row r="925252" spans="14:14">
      <c r="N925252" s="10"/>
    </row>
    <row r="925253" spans="14:14">
      <c r="N925253" s="10"/>
    </row>
    <row r="925254" spans="14:14">
      <c r="N925254" s="10"/>
    </row>
    <row r="925255" spans="14:14">
      <c r="N925255" s="10"/>
    </row>
    <row r="925256" spans="14:14">
      <c r="N925256" s="10"/>
    </row>
    <row r="925257" spans="14:14">
      <c r="N925257" s="10"/>
    </row>
    <row r="925258" spans="14:14">
      <c r="N925258" s="10"/>
    </row>
    <row r="925259" spans="14:14">
      <c r="N925259" s="10"/>
    </row>
    <row r="925260" spans="14:14">
      <c r="N925260" s="10"/>
    </row>
    <row r="925261" spans="14:14">
      <c r="N925261" s="10"/>
    </row>
    <row r="925262" spans="14:14">
      <c r="N925262" s="10"/>
    </row>
    <row r="925263" spans="14:14">
      <c r="N925263" s="10"/>
    </row>
    <row r="925264" spans="14:14">
      <c r="N925264" s="10"/>
    </row>
    <row r="925265" spans="14:14">
      <c r="N925265" s="10"/>
    </row>
    <row r="925266" spans="14:14">
      <c r="N925266" s="10"/>
    </row>
    <row r="925267" spans="14:14">
      <c r="N925267" s="10"/>
    </row>
    <row r="925268" spans="14:14">
      <c r="N925268" s="10"/>
    </row>
    <row r="925269" spans="14:14">
      <c r="N925269" s="10"/>
    </row>
    <row r="925270" spans="14:14">
      <c r="N925270" s="10"/>
    </row>
    <row r="925271" spans="14:14">
      <c r="N925271" s="10"/>
    </row>
    <row r="925272" spans="14:14">
      <c r="N925272" s="10"/>
    </row>
    <row r="925273" spans="14:14">
      <c r="N925273" s="10"/>
    </row>
    <row r="925274" spans="14:14">
      <c r="N925274" s="10"/>
    </row>
    <row r="925275" spans="14:14">
      <c r="N925275" s="10"/>
    </row>
    <row r="925276" spans="14:14">
      <c r="N925276" s="10"/>
    </row>
    <row r="925277" spans="14:14">
      <c r="N925277" s="10"/>
    </row>
    <row r="925278" spans="14:14">
      <c r="N925278" s="10"/>
    </row>
    <row r="925279" spans="14:14">
      <c r="N925279" s="10"/>
    </row>
    <row r="925280" spans="14:14">
      <c r="N925280" s="10"/>
    </row>
    <row r="925281" spans="14:14">
      <c r="N925281" s="10"/>
    </row>
    <row r="925282" spans="14:14">
      <c r="N925282" s="10"/>
    </row>
    <row r="925283" spans="14:14">
      <c r="N925283" s="10"/>
    </row>
    <row r="925284" spans="14:14">
      <c r="N925284" s="10"/>
    </row>
    <row r="925285" spans="14:14">
      <c r="N925285" s="10"/>
    </row>
    <row r="925286" spans="14:14">
      <c r="N925286" s="10"/>
    </row>
    <row r="925287" spans="14:14">
      <c r="N925287" s="10"/>
    </row>
    <row r="925288" spans="14:14">
      <c r="N925288" s="10"/>
    </row>
    <row r="925289" spans="14:14">
      <c r="N925289" s="10"/>
    </row>
    <row r="925290" spans="14:14">
      <c r="N925290" s="10"/>
    </row>
    <row r="925291" spans="14:14">
      <c r="N925291" s="10"/>
    </row>
    <row r="925292" spans="14:14">
      <c r="N925292" s="10"/>
    </row>
    <row r="925293" spans="14:14">
      <c r="N925293" s="10"/>
    </row>
    <row r="925294" spans="14:14">
      <c r="N925294" s="10"/>
    </row>
    <row r="925295" spans="14:14">
      <c r="N925295" s="10"/>
    </row>
    <row r="925296" spans="14:14">
      <c r="N925296" s="10"/>
    </row>
    <row r="925297" spans="14:14">
      <c r="N925297" s="10"/>
    </row>
    <row r="925298" spans="14:14">
      <c r="N925298" s="10"/>
    </row>
    <row r="925299" spans="14:14">
      <c r="N925299" s="10"/>
    </row>
    <row r="925300" spans="14:14">
      <c r="N925300" s="10"/>
    </row>
    <row r="925301" spans="14:14">
      <c r="N925301" s="10"/>
    </row>
    <row r="925302" spans="14:14">
      <c r="N925302" s="10"/>
    </row>
    <row r="925303" spans="14:14">
      <c r="N925303" s="10"/>
    </row>
    <row r="925304" spans="14:14">
      <c r="N925304" s="10"/>
    </row>
    <row r="925305" spans="14:14">
      <c r="N925305" s="10"/>
    </row>
    <row r="925306" spans="14:14">
      <c r="N925306" s="10"/>
    </row>
    <row r="925307" spans="14:14">
      <c r="N925307" s="10"/>
    </row>
    <row r="925308" spans="14:14">
      <c r="N925308" s="10"/>
    </row>
    <row r="925309" spans="14:14">
      <c r="N925309" s="10"/>
    </row>
    <row r="925310" spans="14:14">
      <c r="N925310" s="10"/>
    </row>
    <row r="925311" spans="14:14">
      <c r="N925311" s="10"/>
    </row>
    <row r="925312" spans="14:14">
      <c r="N925312" s="10"/>
    </row>
    <row r="925313" spans="14:14">
      <c r="N925313" s="10"/>
    </row>
    <row r="925314" spans="14:14">
      <c r="N925314" s="10"/>
    </row>
    <row r="925315" spans="14:14">
      <c r="N925315" s="10"/>
    </row>
    <row r="925316" spans="14:14">
      <c r="N925316" s="10"/>
    </row>
    <row r="925317" spans="14:14">
      <c r="N925317" s="10"/>
    </row>
    <row r="925318" spans="14:14">
      <c r="N925318" s="10"/>
    </row>
    <row r="925319" spans="14:14">
      <c r="N925319" s="10"/>
    </row>
    <row r="925320" spans="14:14">
      <c r="N925320" s="10"/>
    </row>
    <row r="925321" spans="14:14">
      <c r="N925321" s="10"/>
    </row>
    <row r="925322" spans="14:14">
      <c r="N925322" s="10"/>
    </row>
    <row r="925323" spans="14:14">
      <c r="N925323" s="10"/>
    </row>
    <row r="925324" spans="14:14">
      <c r="N925324" s="10"/>
    </row>
    <row r="925325" spans="14:14">
      <c r="N925325" s="10"/>
    </row>
    <row r="925326" spans="14:14">
      <c r="N925326" s="10"/>
    </row>
    <row r="925327" spans="14:14">
      <c r="N925327" s="10"/>
    </row>
    <row r="925328" spans="14:14">
      <c r="N925328" s="10"/>
    </row>
    <row r="925329" spans="14:14">
      <c r="N925329" s="10"/>
    </row>
    <row r="925330" spans="14:14">
      <c r="N925330" s="10"/>
    </row>
    <row r="925331" spans="14:14">
      <c r="N925331" s="10"/>
    </row>
    <row r="925332" spans="14:14">
      <c r="N925332" s="10"/>
    </row>
    <row r="925333" spans="14:14">
      <c r="N925333" s="10"/>
    </row>
    <row r="925334" spans="14:14">
      <c r="N925334" s="10"/>
    </row>
    <row r="925335" spans="14:14">
      <c r="N925335" s="10"/>
    </row>
    <row r="925336" spans="14:14">
      <c r="N925336" s="10"/>
    </row>
    <row r="925337" spans="14:14">
      <c r="N925337" s="10"/>
    </row>
    <row r="925338" spans="14:14">
      <c r="N925338" s="10"/>
    </row>
    <row r="925339" spans="14:14">
      <c r="N925339" s="10"/>
    </row>
    <row r="925340" spans="14:14">
      <c r="N925340" s="10"/>
    </row>
    <row r="925341" spans="14:14">
      <c r="N925341" s="10"/>
    </row>
    <row r="925342" spans="14:14">
      <c r="N925342" s="10"/>
    </row>
    <row r="925343" spans="14:14">
      <c r="N925343" s="10"/>
    </row>
    <row r="925344" spans="14:14">
      <c r="N925344" s="10"/>
    </row>
    <row r="925345" spans="14:14">
      <c r="N925345" s="10"/>
    </row>
    <row r="925346" spans="14:14">
      <c r="N925346" s="10"/>
    </row>
    <row r="925347" spans="14:14">
      <c r="N925347" s="10"/>
    </row>
    <row r="925348" spans="14:14">
      <c r="N925348" s="10"/>
    </row>
    <row r="925349" spans="14:14">
      <c r="N925349" s="10"/>
    </row>
    <row r="925350" spans="14:14">
      <c r="N925350" s="10"/>
    </row>
    <row r="925351" spans="14:14">
      <c r="N925351" s="10"/>
    </row>
    <row r="925352" spans="14:14">
      <c r="N925352" s="10"/>
    </row>
    <row r="925353" spans="14:14">
      <c r="N925353" s="10"/>
    </row>
    <row r="925354" spans="14:14">
      <c r="N925354" s="10"/>
    </row>
    <row r="925355" spans="14:14">
      <c r="N925355" s="10"/>
    </row>
    <row r="925356" spans="14:14">
      <c r="N925356" s="10"/>
    </row>
    <row r="925357" spans="14:14">
      <c r="N925357" s="10"/>
    </row>
    <row r="925358" spans="14:14">
      <c r="N925358" s="10"/>
    </row>
    <row r="925359" spans="14:14">
      <c r="N925359" s="10"/>
    </row>
    <row r="925360" spans="14:14">
      <c r="N925360" s="10"/>
    </row>
    <row r="925361" spans="14:14">
      <c r="N925361" s="10"/>
    </row>
    <row r="925362" spans="14:14">
      <c r="N925362" s="10"/>
    </row>
    <row r="925363" spans="14:14">
      <c r="N925363" s="10"/>
    </row>
    <row r="925364" spans="14:14">
      <c r="N925364" s="10"/>
    </row>
    <row r="925365" spans="14:14">
      <c r="N925365" s="10"/>
    </row>
    <row r="925366" spans="14:14">
      <c r="N925366" s="10"/>
    </row>
    <row r="925367" spans="14:14">
      <c r="N925367" s="10"/>
    </row>
    <row r="925368" spans="14:14">
      <c r="N925368" s="10"/>
    </row>
    <row r="925369" spans="14:14">
      <c r="N925369" s="10"/>
    </row>
    <row r="925370" spans="14:14">
      <c r="N925370" s="10"/>
    </row>
    <row r="925371" spans="14:14">
      <c r="N925371" s="10"/>
    </row>
    <row r="925372" spans="14:14">
      <c r="N925372" s="10"/>
    </row>
    <row r="925373" spans="14:14">
      <c r="N925373" s="10"/>
    </row>
    <row r="925374" spans="14:14">
      <c r="N925374" s="10"/>
    </row>
    <row r="925375" spans="14:14">
      <c r="N925375" s="10"/>
    </row>
    <row r="925376" spans="14:14">
      <c r="N925376" s="10"/>
    </row>
    <row r="925377" spans="14:14">
      <c r="N925377" s="10"/>
    </row>
    <row r="925378" spans="14:14">
      <c r="N925378" s="10"/>
    </row>
    <row r="925379" spans="14:14">
      <c r="N925379" s="10"/>
    </row>
    <row r="925380" spans="14:14">
      <c r="N925380" s="10"/>
    </row>
    <row r="925381" spans="14:14">
      <c r="N925381" s="10"/>
    </row>
    <row r="925382" spans="14:14">
      <c r="N925382" s="10"/>
    </row>
    <row r="925383" spans="14:14">
      <c r="N925383" s="10"/>
    </row>
    <row r="925384" spans="14:14">
      <c r="N925384" s="10"/>
    </row>
    <row r="925385" spans="14:14">
      <c r="N925385" s="10"/>
    </row>
    <row r="925386" spans="14:14">
      <c r="N925386" s="10"/>
    </row>
    <row r="925387" spans="14:14">
      <c r="N925387" s="10"/>
    </row>
    <row r="925388" spans="14:14">
      <c r="N925388" s="10"/>
    </row>
    <row r="925389" spans="14:14">
      <c r="N925389" s="10"/>
    </row>
    <row r="925390" spans="14:14">
      <c r="N925390" s="10"/>
    </row>
    <row r="925391" spans="14:14">
      <c r="N925391" s="10"/>
    </row>
    <row r="925392" spans="14:14">
      <c r="N925392" s="10"/>
    </row>
    <row r="925393" spans="14:14">
      <c r="N925393" s="10"/>
    </row>
    <row r="925394" spans="14:14">
      <c r="N925394" s="10"/>
    </row>
    <row r="925395" spans="14:14">
      <c r="N925395" s="10"/>
    </row>
    <row r="925396" spans="14:14">
      <c r="N925396" s="10"/>
    </row>
    <row r="925397" spans="14:14">
      <c r="N925397" s="10"/>
    </row>
    <row r="925398" spans="14:14">
      <c r="N925398" s="10"/>
    </row>
    <row r="925399" spans="14:14">
      <c r="N925399" s="10"/>
    </row>
    <row r="925400" spans="14:14">
      <c r="N925400" s="10"/>
    </row>
    <row r="925401" spans="14:14">
      <c r="N925401" s="10"/>
    </row>
    <row r="925402" spans="14:14">
      <c r="N925402" s="10"/>
    </row>
    <row r="925403" spans="14:14">
      <c r="N925403" s="10"/>
    </row>
    <row r="925404" spans="14:14">
      <c r="N925404" s="10"/>
    </row>
    <row r="925405" spans="14:14">
      <c r="N925405" s="10"/>
    </row>
    <row r="925406" spans="14:14">
      <c r="N925406" s="10"/>
    </row>
    <row r="925407" spans="14:14">
      <c r="N925407" s="10"/>
    </row>
    <row r="925408" spans="14:14">
      <c r="N925408" s="10"/>
    </row>
    <row r="925409" spans="14:14">
      <c r="N925409" s="10"/>
    </row>
    <row r="925410" spans="14:14">
      <c r="N925410" s="10"/>
    </row>
    <row r="925411" spans="14:14">
      <c r="N925411" s="10"/>
    </row>
    <row r="925412" spans="14:14">
      <c r="N925412" s="10"/>
    </row>
    <row r="925413" spans="14:14">
      <c r="N925413" s="10"/>
    </row>
    <row r="925414" spans="14:14">
      <c r="N925414" s="10"/>
    </row>
    <row r="925415" spans="14:14">
      <c r="N925415" s="10"/>
    </row>
    <row r="925416" spans="14:14">
      <c r="N925416" s="10"/>
    </row>
    <row r="925417" spans="14:14">
      <c r="N925417" s="10"/>
    </row>
    <row r="925418" spans="14:14">
      <c r="N925418" s="10"/>
    </row>
    <row r="925419" spans="14:14">
      <c r="N925419" s="10"/>
    </row>
    <row r="925420" spans="14:14">
      <c r="N925420" s="10"/>
    </row>
    <row r="925421" spans="14:14">
      <c r="N925421" s="10"/>
    </row>
    <row r="925422" spans="14:14">
      <c r="N925422" s="10"/>
    </row>
    <row r="925423" spans="14:14">
      <c r="N925423" s="10"/>
    </row>
    <row r="925424" spans="14:14">
      <c r="N925424" s="10"/>
    </row>
    <row r="925425" spans="14:14">
      <c r="N925425" s="10"/>
    </row>
    <row r="925426" spans="14:14">
      <c r="N925426" s="10"/>
    </row>
    <row r="925427" spans="14:14">
      <c r="N925427" s="10"/>
    </row>
    <row r="925428" spans="14:14">
      <c r="N925428" s="10"/>
    </row>
    <row r="925429" spans="14:14">
      <c r="N925429" s="10"/>
    </row>
    <row r="925430" spans="14:14">
      <c r="N925430" s="10"/>
    </row>
    <row r="925431" spans="14:14">
      <c r="N925431" s="10"/>
    </row>
    <row r="925432" spans="14:14">
      <c r="N925432" s="10"/>
    </row>
    <row r="925433" spans="14:14">
      <c r="N925433" s="10"/>
    </row>
    <row r="925434" spans="14:14">
      <c r="N925434" s="10"/>
    </row>
    <row r="925435" spans="14:14">
      <c r="N925435" s="10"/>
    </row>
    <row r="925436" spans="14:14">
      <c r="N925436" s="10"/>
    </row>
    <row r="925437" spans="14:14">
      <c r="N925437" s="10"/>
    </row>
    <row r="925438" spans="14:14">
      <c r="N925438" s="10"/>
    </row>
    <row r="925439" spans="14:14">
      <c r="N925439" s="10"/>
    </row>
    <row r="925440" spans="14:14">
      <c r="N925440" s="10"/>
    </row>
    <row r="925441" spans="14:14">
      <c r="N925441" s="10"/>
    </row>
    <row r="925442" spans="14:14">
      <c r="N925442" s="10"/>
    </row>
    <row r="925443" spans="14:14">
      <c r="N925443" s="10"/>
    </row>
    <row r="925444" spans="14:14">
      <c r="N925444" s="10"/>
    </row>
    <row r="925445" spans="14:14">
      <c r="N925445" s="10"/>
    </row>
    <row r="925446" spans="14:14">
      <c r="N925446" s="10"/>
    </row>
    <row r="925447" spans="14:14">
      <c r="N925447" s="10"/>
    </row>
    <row r="925448" spans="14:14">
      <c r="N925448" s="10"/>
    </row>
    <row r="925449" spans="14:14">
      <c r="N925449" s="10"/>
    </row>
    <row r="925450" spans="14:14">
      <c r="N925450" s="10"/>
    </row>
    <row r="925451" spans="14:14">
      <c r="N925451" s="10"/>
    </row>
    <row r="925452" spans="14:14">
      <c r="N925452" s="10"/>
    </row>
    <row r="925453" spans="14:14">
      <c r="N925453" s="10"/>
    </row>
    <row r="925454" spans="14:14">
      <c r="N925454" s="10"/>
    </row>
    <row r="925455" spans="14:14">
      <c r="N925455" s="10"/>
    </row>
    <row r="925456" spans="14:14">
      <c r="N925456" s="10"/>
    </row>
    <row r="925457" spans="14:14">
      <c r="N925457" s="10"/>
    </row>
    <row r="925458" spans="14:14">
      <c r="N925458" s="10"/>
    </row>
    <row r="925459" spans="14:14">
      <c r="N925459" s="10"/>
    </row>
    <row r="925460" spans="14:14">
      <c r="N925460" s="10"/>
    </row>
    <row r="925461" spans="14:14">
      <c r="N925461" s="10"/>
    </row>
    <row r="925462" spans="14:14">
      <c r="N925462" s="10"/>
    </row>
    <row r="925463" spans="14:14">
      <c r="N925463" s="10"/>
    </row>
    <row r="925464" spans="14:14">
      <c r="N925464" s="10"/>
    </row>
    <row r="925465" spans="14:14">
      <c r="N925465" s="10"/>
    </row>
    <row r="925466" spans="14:14">
      <c r="N925466" s="10"/>
    </row>
    <row r="925467" spans="14:14">
      <c r="N925467" s="10"/>
    </row>
    <row r="925468" spans="14:14">
      <c r="N925468" s="10"/>
    </row>
    <row r="925469" spans="14:14">
      <c r="N925469" s="10"/>
    </row>
    <row r="925470" spans="14:14">
      <c r="N925470" s="10"/>
    </row>
    <row r="925471" spans="14:14">
      <c r="N925471" s="10"/>
    </row>
    <row r="925472" spans="14:14">
      <c r="N925472" s="10"/>
    </row>
    <row r="925473" spans="14:14">
      <c r="N925473" s="10"/>
    </row>
    <row r="925474" spans="14:14">
      <c r="N925474" s="10"/>
    </row>
    <row r="925475" spans="14:14">
      <c r="N925475" s="10"/>
    </row>
    <row r="925476" spans="14:14">
      <c r="N925476" s="10"/>
    </row>
    <row r="925477" spans="14:14">
      <c r="N925477" s="10"/>
    </row>
    <row r="925478" spans="14:14">
      <c r="N925478" s="10"/>
    </row>
    <row r="925479" spans="14:14">
      <c r="N925479" s="10"/>
    </row>
    <row r="925480" spans="14:14">
      <c r="N925480" s="10"/>
    </row>
    <row r="925481" spans="14:14">
      <c r="N925481" s="10"/>
    </row>
    <row r="925482" spans="14:14">
      <c r="N925482" s="10"/>
    </row>
    <row r="925483" spans="14:14">
      <c r="N925483" s="10"/>
    </row>
    <row r="925484" spans="14:14">
      <c r="N925484" s="10"/>
    </row>
    <row r="925485" spans="14:14">
      <c r="N925485" s="10"/>
    </row>
    <row r="925486" spans="14:14">
      <c r="N925486" s="10"/>
    </row>
    <row r="925487" spans="14:14">
      <c r="N925487" s="10"/>
    </row>
    <row r="925488" spans="14:14">
      <c r="N925488" s="10"/>
    </row>
    <row r="925489" spans="14:14">
      <c r="N925489" s="10"/>
    </row>
    <row r="925490" spans="14:14">
      <c r="N925490" s="10"/>
    </row>
    <row r="925491" spans="14:14">
      <c r="N925491" s="10"/>
    </row>
    <row r="925492" spans="14:14">
      <c r="N925492" s="10"/>
    </row>
    <row r="925493" spans="14:14">
      <c r="N925493" s="10"/>
    </row>
    <row r="925494" spans="14:14">
      <c r="N925494" s="10"/>
    </row>
    <row r="925495" spans="14:14">
      <c r="N925495" s="10"/>
    </row>
    <row r="925496" spans="14:14">
      <c r="N925496" s="10"/>
    </row>
    <row r="925497" spans="14:14">
      <c r="N925497" s="10"/>
    </row>
    <row r="925498" spans="14:14">
      <c r="N925498" s="10"/>
    </row>
    <row r="925499" spans="14:14">
      <c r="N925499" s="10"/>
    </row>
    <row r="925500" spans="14:14">
      <c r="N925500" s="10"/>
    </row>
    <row r="925501" spans="14:14">
      <c r="N925501" s="10"/>
    </row>
    <row r="925502" spans="14:14">
      <c r="N925502" s="10"/>
    </row>
    <row r="925503" spans="14:14">
      <c r="N925503" s="10"/>
    </row>
    <row r="925504" spans="14:14">
      <c r="N925504" s="10"/>
    </row>
    <row r="925505" spans="14:14">
      <c r="N925505" s="10"/>
    </row>
    <row r="925506" spans="14:14">
      <c r="N925506" s="10"/>
    </row>
    <row r="925507" spans="14:14">
      <c r="N925507" s="10"/>
    </row>
    <row r="925508" spans="14:14">
      <c r="N925508" s="10"/>
    </row>
    <row r="925509" spans="14:14">
      <c r="N925509" s="10"/>
    </row>
    <row r="925510" spans="14:14">
      <c r="N925510" s="10"/>
    </row>
    <row r="925511" spans="14:14">
      <c r="N925511" s="10"/>
    </row>
    <row r="925512" spans="14:14">
      <c r="N925512" s="10"/>
    </row>
    <row r="925513" spans="14:14">
      <c r="N925513" s="10"/>
    </row>
    <row r="925514" spans="14:14">
      <c r="N925514" s="10"/>
    </row>
    <row r="925515" spans="14:14">
      <c r="N925515" s="10"/>
    </row>
    <row r="925516" spans="14:14">
      <c r="N925516" s="10"/>
    </row>
    <row r="925517" spans="14:14">
      <c r="N925517" s="10"/>
    </row>
    <row r="925518" spans="14:14">
      <c r="N925518" s="10"/>
    </row>
    <row r="925519" spans="14:14">
      <c r="N925519" s="10"/>
    </row>
    <row r="925520" spans="14:14">
      <c r="N925520" s="10"/>
    </row>
    <row r="925521" spans="14:14">
      <c r="N925521" s="10"/>
    </row>
    <row r="925522" spans="14:14">
      <c r="N925522" s="10"/>
    </row>
    <row r="925523" spans="14:14">
      <c r="N925523" s="10"/>
    </row>
    <row r="925524" spans="14:14">
      <c r="N925524" s="10"/>
    </row>
    <row r="925525" spans="14:14">
      <c r="N925525" s="10"/>
    </row>
    <row r="925526" spans="14:14">
      <c r="N925526" s="10"/>
    </row>
    <row r="925527" spans="14:14">
      <c r="N925527" s="10"/>
    </row>
    <row r="925528" spans="14:14">
      <c r="N925528" s="10"/>
    </row>
    <row r="925529" spans="14:14">
      <c r="N925529" s="10"/>
    </row>
    <row r="925530" spans="14:14">
      <c r="N925530" s="10"/>
    </row>
    <row r="925531" spans="14:14">
      <c r="N925531" s="10"/>
    </row>
    <row r="925532" spans="14:14">
      <c r="N925532" s="10"/>
    </row>
    <row r="925533" spans="14:14">
      <c r="N925533" s="10"/>
    </row>
    <row r="925534" spans="14:14">
      <c r="N925534" s="10"/>
    </row>
    <row r="925535" spans="14:14">
      <c r="N925535" s="10"/>
    </row>
    <row r="925536" spans="14:14">
      <c r="N925536" s="10"/>
    </row>
    <row r="925537" spans="14:14">
      <c r="N925537" s="10"/>
    </row>
    <row r="925538" spans="14:14">
      <c r="N925538" s="10"/>
    </row>
    <row r="925539" spans="14:14">
      <c r="N925539" s="10"/>
    </row>
    <row r="925540" spans="14:14">
      <c r="N925540" s="10"/>
    </row>
    <row r="925541" spans="14:14">
      <c r="N925541" s="10"/>
    </row>
    <row r="925542" spans="14:14">
      <c r="N925542" s="10"/>
    </row>
    <row r="925543" spans="14:14">
      <c r="N925543" s="10"/>
    </row>
    <row r="925544" spans="14:14">
      <c r="N925544" s="10"/>
    </row>
    <row r="925545" spans="14:14">
      <c r="N925545" s="10"/>
    </row>
    <row r="925546" spans="14:14">
      <c r="N925546" s="10"/>
    </row>
    <row r="925547" spans="14:14">
      <c r="N925547" s="10"/>
    </row>
    <row r="925548" spans="14:14">
      <c r="N925548" s="10"/>
    </row>
    <row r="925549" spans="14:14">
      <c r="N925549" s="10"/>
    </row>
    <row r="925550" spans="14:14">
      <c r="N925550" s="10"/>
    </row>
    <row r="925551" spans="14:14">
      <c r="N925551" s="10"/>
    </row>
    <row r="925552" spans="14:14">
      <c r="N925552" s="10"/>
    </row>
    <row r="925553" spans="14:14">
      <c r="N925553" s="10"/>
    </row>
    <row r="925554" spans="14:14">
      <c r="N925554" s="10"/>
    </row>
    <row r="925555" spans="14:14">
      <c r="N925555" s="10"/>
    </row>
    <row r="925556" spans="14:14">
      <c r="N925556" s="10"/>
    </row>
    <row r="925557" spans="14:14">
      <c r="N925557" s="10"/>
    </row>
    <row r="925558" spans="14:14">
      <c r="N925558" s="10"/>
    </row>
    <row r="925559" spans="14:14">
      <c r="N925559" s="10"/>
    </row>
    <row r="925560" spans="14:14">
      <c r="N925560" s="10"/>
    </row>
    <row r="925561" spans="14:14">
      <c r="N925561" s="10"/>
    </row>
    <row r="925562" spans="14:14">
      <c r="N925562" s="10"/>
    </row>
    <row r="925563" spans="14:14">
      <c r="N925563" s="10"/>
    </row>
    <row r="925564" spans="14:14">
      <c r="N925564" s="10"/>
    </row>
    <row r="925565" spans="14:14">
      <c r="N925565" s="10"/>
    </row>
    <row r="925566" spans="14:14">
      <c r="N925566" s="10"/>
    </row>
    <row r="925567" spans="14:14">
      <c r="N925567" s="10"/>
    </row>
    <row r="925568" spans="14:14">
      <c r="N925568" s="10"/>
    </row>
    <row r="925569" spans="14:14">
      <c r="N925569" s="10"/>
    </row>
    <row r="925570" spans="14:14">
      <c r="N925570" s="10"/>
    </row>
    <row r="925571" spans="14:14">
      <c r="N925571" s="10"/>
    </row>
    <row r="925572" spans="14:14">
      <c r="N925572" s="10"/>
    </row>
    <row r="925573" spans="14:14">
      <c r="N925573" s="10"/>
    </row>
    <row r="925574" spans="14:14">
      <c r="N925574" s="10"/>
    </row>
    <row r="925575" spans="14:14">
      <c r="N925575" s="10"/>
    </row>
    <row r="925576" spans="14:14">
      <c r="N925576" s="10"/>
    </row>
    <row r="925577" spans="14:14">
      <c r="N925577" s="10"/>
    </row>
    <row r="925578" spans="14:14">
      <c r="N925578" s="10"/>
    </row>
    <row r="925579" spans="14:14">
      <c r="N925579" s="10"/>
    </row>
    <row r="925580" spans="14:14">
      <c r="N925580" s="10"/>
    </row>
    <row r="925581" spans="14:14">
      <c r="N925581" s="10"/>
    </row>
    <row r="925582" spans="14:14">
      <c r="N925582" s="10"/>
    </row>
    <row r="925583" spans="14:14">
      <c r="N925583" s="10"/>
    </row>
    <row r="925584" spans="14:14">
      <c r="N925584" s="10"/>
    </row>
    <row r="925585" spans="14:14">
      <c r="N925585" s="10"/>
    </row>
    <row r="925586" spans="14:14">
      <c r="N925586" s="10"/>
    </row>
    <row r="925587" spans="14:14">
      <c r="N925587" s="10"/>
    </row>
    <row r="925588" spans="14:14">
      <c r="N925588" s="10"/>
    </row>
    <row r="925589" spans="14:14">
      <c r="N925589" s="10"/>
    </row>
    <row r="925590" spans="14:14">
      <c r="N925590" s="10"/>
    </row>
    <row r="925591" spans="14:14">
      <c r="N925591" s="10"/>
    </row>
    <row r="925592" spans="14:14">
      <c r="N925592" s="10"/>
    </row>
    <row r="925593" spans="14:14">
      <c r="N925593" s="10"/>
    </row>
    <row r="925594" spans="14:14">
      <c r="N925594" s="10"/>
    </row>
    <row r="925595" spans="14:14">
      <c r="N925595" s="10"/>
    </row>
    <row r="925596" spans="14:14">
      <c r="N925596" s="10"/>
    </row>
    <row r="925597" spans="14:14">
      <c r="N925597" s="10"/>
    </row>
    <row r="925598" spans="14:14">
      <c r="N925598" s="10"/>
    </row>
    <row r="925599" spans="14:14">
      <c r="N925599" s="10"/>
    </row>
    <row r="925600" spans="14:14">
      <c r="N925600" s="10"/>
    </row>
    <row r="925601" spans="14:14">
      <c r="N925601" s="10"/>
    </row>
    <row r="925602" spans="14:14">
      <c r="N925602" s="10"/>
    </row>
    <row r="925603" spans="14:14">
      <c r="N925603" s="10"/>
    </row>
    <row r="925604" spans="14:14">
      <c r="N925604" s="10"/>
    </row>
    <row r="925605" spans="14:14">
      <c r="N925605" s="10"/>
    </row>
    <row r="925606" spans="14:14">
      <c r="N925606" s="10"/>
    </row>
    <row r="925607" spans="14:14">
      <c r="N925607" s="10"/>
    </row>
    <row r="925608" spans="14:14">
      <c r="N925608" s="10"/>
    </row>
    <row r="925609" spans="14:14">
      <c r="N925609" s="10"/>
    </row>
    <row r="925610" spans="14:14">
      <c r="N925610" s="10"/>
    </row>
    <row r="925611" spans="14:14">
      <c r="N925611" s="10"/>
    </row>
    <row r="925612" spans="14:14">
      <c r="N925612" s="10"/>
    </row>
    <row r="925613" spans="14:14">
      <c r="N925613" s="10"/>
    </row>
    <row r="925614" spans="14:14">
      <c r="N925614" s="10"/>
    </row>
    <row r="925615" spans="14:14">
      <c r="N925615" s="10"/>
    </row>
    <row r="925616" spans="14:14">
      <c r="N925616" s="10"/>
    </row>
    <row r="925617" spans="14:14">
      <c r="N925617" s="10"/>
    </row>
    <row r="925618" spans="14:14">
      <c r="N925618" s="10"/>
    </row>
    <row r="925619" spans="14:14">
      <c r="N925619" s="10"/>
    </row>
    <row r="925620" spans="14:14">
      <c r="N925620" s="10"/>
    </row>
    <row r="925621" spans="14:14">
      <c r="N925621" s="10"/>
    </row>
    <row r="925622" spans="14:14">
      <c r="N925622" s="10"/>
    </row>
    <row r="925623" spans="14:14">
      <c r="N925623" s="10"/>
    </row>
    <row r="925624" spans="14:14">
      <c r="N925624" s="10"/>
    </row>
    <row r="925625" spans="14:14">
      <c r="N925625" s="10"/>
    </row>
    <row r="925626" spans="14:14">
      <c r="N925626" s="10"/>
    </row>
    <row r="925627" spans="14:14">
      <c r="N925627" s="10"/>
    </row>
    <row r="925628" spans="14:14">
      <c r="N925628" s="10"/>
    </row>
    <row r="925629" spans="14:14">
      <c r="N925629" s="10"/>
    </row>
    <row r="925630" spans="14:14">
      <c r="N925630" s="10"/>
    </row>
    <row r="925631" spans="14:14">
      <c r="N925631" s="10"/>
    </row>
    <row r="925632" spans="14:14">
      <c r="N925632" s="10"/>
    </row>
    <row r="925633" spans="14:14">
      <c r="N925633" s="10"/>
    </row>
    <row r="925634" spans="14:14">
      <c r="N925634" s="10"/>
    </row>
    <row r="925635" spans="14:14">
      <c r="N925635" s="10"/>
    </row>
    <row r="925636" spans="14:14">
      <c r="N925636" s="10"/>
    </row>
    <row r="925637" spans="14:14">
      <c r="N925637" s="10"/>
    </row>
    <row r="925638" spans="14:14">
      <c r="N925638" s="10"/>
    </row>
    <row r="925639" spans="14:14">
      <c r="N925639" s="10"/>
    </row>
    <row r="925640" spans="14:14">
      <c r="N925640" s="10"/>
    </row>
    <row r="925641" spans="14:14">
      <c r="N925641" s="10"/>
    </row>
    <row r="925642" spans="14:14">
      <c r="N925642" s="10"/>
    </row>
    <row r="925643" spans="14:14">
      <c r="N925643" s="10"/>
    </row>
    <row r="925644" spans="14:14">
      <c r="N925644" s="10"/>
    </row>
    <row r="925645" spans="14:14">
      <c r="N925645" s="10"/>
    </row>
    <row r="925646" spans="14:14">
      <c r="N925646" s="10"/>
    </row>
    <row r="925647" spans="14:14">
      <c r="N925647" s="10"/>
    </row>
    <row r="925648" spans="14:14">
      <c r="N925648" s="10"/>
    </row>
    <row r="925649" spans="14:14">
      <c r="N925649" s="10"/>
    </row>
    <row r="925650" spans="14:14">
      <c r="N925650" s="10"/>
    </row>
    <row r="925651" spans="14:14">
      <c r="N925651" s="10"/>
    </row>
    <row r="925652" spans="14:14">
      <c r="N925652" s="10"/>
    </row>
    <row r="925653" spans="14:14">
      <c r="N925653" s="10"/>
    </row>
    <row r="925654" spans="14:14">
      <c r="N925654" s="10"/>
    </row>
    <row r="925655" spans="14:14">
      <c r="N925655" s="10"/>
    </row>
    <row r="925656" spans="14:14">
      <c r="N925656" s="10"/>
    </row>
    <row r="925657" spans="14:14">
      <c r="N925657" s="10"/>
    </row>
    <row r="925658" spans="14:14">
      <c r="N925658" s="10"/>
    </row>
    <row r="925659" spans="14:14">
      <c r="N925659" s="10"/>
    </row>
    <row r="925660" spans="14:14">
      <c r="N925660" s="10"/>
    </row>
    <row r="925661" spans="14:14">
      <c r="N925661" s="10"/>
    </row>
    <row r="925662" spans="14:14">
      <c r="N925662" s="10"/>
    </row>
    <row r="925663" spans="14:14">
      <c r="N925663" s="10"/>
    </row>
    <row r="925664" spans="14:14">
      <c r="N925664" s="10"/>
    </row>
    <row r="925665" spans="14:14">
      <c r="N925665" s="10"/>
    </row>
    <row r="925666" spans="14:14">
      <c r="N925666" s="10"/>
    </row>
    <row r="925667" spans="14:14">
      <c r="N925667" s="10"/>
    </row>
    <row r="925668" spans="14:14">
      <c r="N925668" s="10"/>
    </row>
    <row r="925669" spans="14:14">
      <c r="N925669" s="10"/>
    </row>
    <row r="925670" spans="14:14">
      <c r="N925670" s="10"/>
    </row>
    <row r="925671" spans="14:14">
      <c r="N925671" s="10"/>
    </row>
    <row r="925672" spans="14:14">
      <c r="N925672" s="10"/>
    </row>
    <row r="925673" spans="14:14">
      <c r="N925673" s="10"/>
    </row>
    <row r="925674" spans="14:14">
      <c r="N925674" s="10"/>
    </row>
    <row r="925675" spans="14:14">
      <c r="N925675" s="10"/>
    </row>
    <row r="925676" spans="14:14">
      <c r="N925676" s="10"/>
    </row>
    <row r="925677" spans="14:14">
      <c r="N925677" s="10"/>
    </row>
    <row r="925678" spans="14:14">
      <c r="N925678" s="10"/>
    </row>
    <row r="925679" spans="14:14">
      <c r="N925679" s="10"/>
    </row>
    <row r="925680" spans="14:14">
      <c r="N925680" s="10"/>
    </row>
    <row r="925681" spans="14:14">
      <c r="N925681" s="10"/>
    </row>
    <row r="925682" spans="14:14">
      <c r="N925682" s="10"/>
    </row>
    <row r="925683" spans="14:14">
      <c r="N925683" s="10"/>
    </row>
    <row r="925684" spans="14:14">
      <c r="N925684" s="10"/>
    </row>
    <row r="925685" spans="14:14">
      <c r="N925685" s="10"/>
    </row>
    <row r="925686" spans="14:14">
      <c r="N925686" s="10"/>
    </row>
    <row r="925687" spans="14:14">
      <c r="N925687" s="10"/>
    </row>
    <row r="925688" spans="14:14">
      <c r="N925688" s="10"/>
    </row>
    <row r="925689" spans="14:14">
      <c r="N925689" s="10"/>
    </row>
    <row r="925690" spans="14:14">
      <c r="N925690" s="10"/>
    </row>
    <row r="925691" spans="14:14">
      <c r="N925691" s="10"/>
    </row>
    <row r="925692" spans="14:14">
      <c r="N925692" s="10"/>
    </row>
    <row r="925693" spans="14:14">
      <c r="N925693" s="10"/>
    </row>
    <row r="925694" spans="14:14">
      <c r="N925694" s="10"/>
    </row>
    <row r="925695" spans="14:14">
      <c r="N925695" s="10"/>
    </row>
    <row r="925696" spans="14:14">
      <c r="N925696" s="10"/>
    </row>
    <row r="925697" spans="14:14">
      <c r="N925697" s="10"/>
    </row>
    <row r="925698" spans="14:14">
      <c r="N925698" s="10"/>
    </row>
    <row r="925699" spans="14:14">
      <c r="N925699" s="10"/>
    </row>
    <row r="925700" spans="14:14">
      <c r="N925700" s="10"/>
    </row>
    <row r="925701" spans="14:14">
      <c r="N925701" s="10"/>
    </row>
    <row r="925702" spans="14:14">
      <c r="N925702" s="10"/>
    </row>
    <row r="925703" spans="14:14">
      <c r="N925703" s="10"/>
    </row>
    <row r="925704" spans="14:14">
      <c r="N925704" s="10"/>
    </row>
    <row r="925705" spans="14:14">
      <c r="N925705" s="10"/>
    </row>
    <row r="925706" spans="14:14">
      <c r="N925706" s="10"/>
    </row>
    <row r="925707" spans="14:14">
      <c r="N925707" s="10"/>
    </row>
    <row r="925708" spans="14:14">
      <c r="N925708" s="10"/>
    </row>
    <row r="925709" spans="14:14">
      <c r="N925709" s="10"/>
    </row>
    <row r="925710" spans="14:14">
      <c r="N925710" s="10"/>
    </row>
    <row r="925711" spans="14:14">
      <c r="N925711" s="10"/>
    </row>
    <row r="925712" spans="14:14">
      <c r="N925712" s="10"/>
    </row>
    <row r="925713" spans="14:14">
      <c r="N925713" s="10"/>
    </row>
    <row r="925714" spans="14:14">
      <c r="N925714" s="10"/>
    </row>
    <row r="925715" spans="14:14">
      <c r="N925715" s="10"/>
    </row>
    <row r="925716" spans="14:14">
      <c r="N925716" s="10"/>
    </row>
    <row r="925717" spans="14:14">
      <c r="N925717" s="10"/>
    </row>
    <row r="925718" spans="14:14">
      <c r="N925718" s="10"/>
    </row>
    <row r="925719" spans="14:14">
      <c r="N925719" s="10"/>
    </row>
    <row r="925720" spans="14:14">
      <c r="N925720" s="10"/>
    </row>
    <row r="925721" spans="14:14">
      <c r="N925721" s="10"/>
    </row>
    <row r="925722" spans="14:14">
      <c r="N925722" s="10"/>
    </row>
    <row r="925723" spans="14:14">
      <c r="N925723" s="10"/>
    </row>
    <row r="925724" spans="14:14">
      <c r="N925724" s="10"/>
    </row>
    <row r="925725" spans="14:14">
      <c r="N925725" s="10"/>
    </row>
    <row r="925726" spans="14:14">
      <c r="N925726" s="10"/>
    </row>
    <row r="925727" spans="14:14">
      <c r="N925727" s="10"/>
    </row>
    <row r="925728" spans="14:14">
      <c r="N925728" s="10"/>
    </row>
    <row r="925729" spans="14:14">
      <c r="N925729" s="10"/>
    </row>
    <row r="925730" spans="14:14">
      <c r="N925730" s="10"/>
    </row>
    <row r="925731" spans="14:14">
      <c r="N925731" s="10"/>
    </row>
    <row r="925732" spans="14:14">
      <c r="N925732" s="10"/>
    </row>
    <row r="925733" spans="14:14">
      <c r="N925733" s="10"/>
    </row>
    <row r="925734" spans="14:14">
      <c r="N925734" s="10"/>
    </row>
    <row r="925735" spans="14:14">
      <c r="N925735" s="10"/>
    </row>
    <row r="925736" spans="14:14">
      <c r="N925736" s="10"/>
    </row>
    <row r="925737" spans="14:14">
      <c r="N925737" s="10"/>
    </row>
    <row r="925738" spans="14:14">
      <c r="N925738" s="10"/>
    </row>
    <row r="925739" spans="14:14">
      <c r="N925739" s="10"/>
    </row>
    <row r="925740" spans="14:14">
      <c r="N925740" s="10"/>
    </row>
    <row r="925741" spans="14:14">
      <c r="N925741" s="10"/>
    </row>
    <row r="925742" spans="14:14">
      <c r="N925742" s="10"/>
    </row>
    <row r="925743" spans="14:14">
      <c r="N925743" s="10"/>
    </row>
    <row r="925744" spans="14:14">
      <c r="N925744" s="10"/>
    </row>
    <row r="925745" spans="14:14">
      <c r="N925745" s="10"/>
    </row>
    <row r="925746" spans="14:14">
      <c r="N925746" s="10"/>
    </row>
    <row r="925747" spans="14:14">
      <c r="N925747" s="10"/>
    </row>
    <row r="925748" spans="14:14">
      <c r="N925748" s="10"/>
    </row>
    <row r="925749" spans="14:14">
      <c r="N925749" s="10"/>
    </row>
    <row r="925750" spans="14:14">
      <c r="N925750" s="10"/>
    </row>
    <row r="925751" spans="14:14">
      <c r="N925751" s="10"/>
    </row>
    <row r="925752" spans="14:14">
      <c r="N925752" s="10"/>
    </row>
    <row r="925753" spans="14:14">
      <c r="N925753" s="10"/>
    </row>
    <row r="925754" spans="14:14">
      <c r="N925754" s="10"/>
    </row>
    <row r="925755" spans="14:14">
      <c r="N925755" s="10"/>
    </row>
    <row r="925756" spans="14:14">
      <c r="N925756" s="10"/>
    </row>
    <row r="925757" spans="14:14">
      <c r="N925757" s="10"/>
    </row>
    <row r="925758" spans="14:14">
      <c r="N925758" s="10"/>
    </row>
    <row r="925759" spans="14:14">
      <c r="N925759" s="10"/>
    </row>
    <row r="925760" spans="14:14">
      <c r="N925760" s="10"/>
    </row>
    <row r="925761" spans="14:14">
      <c r="N925761" s="10"/>
    </row>
    <row r="925762" spans="14:14">
      <c r="N925762" s="10"/>
    </row>
    <row r="925763" spans="14:14">
      <c r="N925763" s="10"/>
    </row>
    <row r="925764" spans="14:14">
      <c r="N925764" s="10"/>
    </row>
    <row r="925765" spans="14:14">
      <c r="N925765" s="10"/>
    </row>
    <row r="925766" spans="14:14">
      <c r="N925766" s="10"/>
    </row>
    <row r="925767" spans="14:14">
      <c r="N925767" s="10"/>
    </row>
    <row r="925768" spans="14:14">
      <c r="N925768" s="10"/>
    </row>
    <row r="925769" spans="14:14">
      <c r="N925769" s="10"/>
    </row>
    <row r="925770" spans="14:14">
      <c r="N925770" s="10"/>
    </row>
    <row r="925771" spans="14:14">
      <c r="N925771" s="10"/>
    </row>
    <row r="925772" spans="14:14">
      <c r="N925772" s="10"/>
    </row>
    <row r="925773" spans="14:14">
      <c r="N925773" s="10"/>
    </row>
    <row r="925774" spans="14:14">
      <c r="N925774" s="10"/>
    </row>
    <row r="925775" spans="14:14">
      <c r="N925775" s="10"/>
    </row>
    <row r="925776" spans="14:14">
      <c r="N925776" s="10"/>
    </row>
    <row r="925777" spans="14:14">
      <c r="N925777" s="10"/>
    </row>
    <row r="925778" spans="14:14">
      <c r="N925778" s="10"/>
    </row>
    <row r="925779" spans="14:14">
      <c r="N925779" s="10"/>
    </row>
    <row r="925780" spans="14:14">
      <c r="N925780" s="10"/>
    </row>
    <row r="925781" spans="14:14">
      <c r="N925781" s="10"/>
    </row>
    <row r="925782" spans="14:14">
      <c r="N925782" s="10"/>
    </row>
    <row r="925783" spans="14:14">
      <c r="N925783" s="10"/>
    </row>
    <row r="925784" spans="14:14">
      <c r="N925784" s="10"/>
    </row>
    <row r="925785" spans="14:14">
      <c r="N925785" s="10"/>
    </row>
    <row r="925786" spans="14:14">
      <c r="N925786" s="10"/>
    </row>
    <row r="925787" spans="14:14">
      <c r="N925787" s="10"/>
    </row>
    <row r="925788" spans="14:14">
      <c r="N925788" s="10"/>
    </row>
    <row r="925789" spans="14:14">
      <c r="N925789" s="10"/>
    </row>
    <row r="925790" spans="14:14">
      <c r="N925790" s="10"/>
    </row>
    <row r="925791" spans="14:14">
      <c r="N925791" s="10"/>
    </row>
    <row r="925792" spans="14:14">
      <c r="N925792" s="10"/>
    </row>
    <row r="925793" spans="14:14">
      <c r="N925793" s="10"/>
    </row>
    <row r="925794" spans="14:14">
      <c r="N925794" s="10"/>
    </row>
    <row r="925795" spans="14:14">
      <c r="N925795" s="10"/>
    </row>
    <row r="925796" spans="14:14">
      <c r="N925796" s="10"/>
    </row>
    <row r="925797" spans="14:14">
      <c r="N925797" s="10"/>
    </row>
    <row r="925798" spans="14:14">
      <c r="N925798" s="10"/>
    </row>
    <row r="925799" spans="14:14">
      <c r="N925799" s="10"/>
    </row>
    <row r="925800" spans="14:14">
      <c r="N925800" s="10"/>
    </row>
    <row r="925801" spans="14:14">
      <c r="N925801" s="10"/>
    </row>
    <row r="925802" spans="14:14">
      <c r="N925802" s="10"/>
    </row>
    <row r="925803" spans="14:14">
      <c r="N925803" s="10"/>
    </row>
    <row r="925804" spans="14:14">
      <c r="N925804" s="10"/>
    </row>
    <row r="925805" spans="14:14">
      <c r="N925805" s="10"/>
    </row>
    <row r="925806" spans="14:14">
      <c r="N925806" s="10"/>
    </row>
    <row r="925807" spans="14:14">
      <c r="N925807" s="10"/>
    </row>
    <row r="925808" spans="14:14">
      <c r="N925808" s="10"/>
    </row>
    <row r="925809" spans="14:14">
      <c r="N925809" s="10"/>
    </row>
    <row r="925810" spans="14:14">
      <c r="N925810" s="10"/>
    </row>
    <row r="925811" spans="14:14">
      <c r="N925811" s="10"/>
    </row>
    <row r="925812" spans="14:14">
      <c r="N925812" s="10"/>
    </row>
    <row r="925813" spans="14:14">
      <c r="N925813" s="10"/>
    </row>
    <row r="925814" spans="14:14">
      <c r="N925814" s="10"/>
    </row>
    <row r="925815" spans="14:14">
      <c r="N925815" s="10"/>
    </row>
    <row r="925816" spans="14:14">
      <c r="N925816" s="10"/>
    </row>
    <row r="925817" spans="14:14">
      <c r="N925817" s="10"/>
    </row>
    <row r="925818" spans="14:14">
      <c r="N925818" s="10"/>
    </row>
    <row r="925819" spans="14:14">
      <c r="N925819" s="10"/>
    </row>
    <row r="925820" spans="14:14">
      <c r="N925820" s="10"/>
    </row>
    <row r="925821" spans="14:14">
      <c r="N925821" s="10"/>
    </row>
    <row r="925822" spans="14:14">
      <c r="N925822" s="10"/>
    </row>
    <row r="925823" spans="14:14">
      <c r="N925823" s="10"/>
    </row>
    <row r="925824" spans="14:14">
      <c r="N925824" s="10"/>
    </row>
    <row r="925825" spans="14:14">
      <c r="N925825" s="10"/>
    </row>
    <row r="925826" spans="14:14">
      <c r="N925826" s="10"/>
    </row>
    <row r="925827" spans="14:14">
      <c r="N925827" s="10"/>
    </row>
    <row r="925828" spans="14:14">
      <c r="N925828" s="10"/>
    </row>
    <row r="925829" spans="14:14">
      <c r="N925829" s="10"/>
    </row>
    <row r="925830" spans="14:14">
      <c r="N925830" s="10"/>
    </row>
    <row r="925831" spans="14:14">
      <c r="N925831" s="10"/>
    </row>
    <row r="925832" spans="14:14">
      <c r="N925832" s="10"/>
    </row>
    <row r="925833" spans="14:14">
      <c r="N925833" s="10"/>
    </row>
    <row r="925834" spans="14:14">
      <c r="N925834" s="10"/>
    </row>
    <row r="925835" spans="14:14">
      <c r="N925835" s="10"/>
    </row>
    <row r="925836" spans="14:14">
      <c r="N925836" s="10"/>
    </row>
    <row r="925837" spans="14:14">
      <c r="N925837" s="10"/>
    </row>
    <row r="925838" spans="14:14">
      <c r="N925838" s="10"/>
    </row>
    <row r="925839" spans="14:14">
      <c r="N925839" s="10"/>
    </row>
    <row r="925840" spans="14:14">
      <c r="N925840" s="10"/>
    </row>
    <row r="925841" spans="14:14">
      <c r="N925841" s="10"/>
    </row>
    <row r="925842" spans="14:14">
      <c r="N925842" s="10"/>
    </row>
    <row r="925843" spans="14:14">
      <c r="N925843" s="10"/>
    </row>
    <row r="925844" spans="14:14">
      <c r="N925844" s="10"/>
    </row>
    <row r="925845" spans="14:14">
      <c r="N925845" s="10"/>
    </row>
    <row r="925846" spans="14:14">
      <c r="N925846" s="10"/>
    </row>
    <row r="925847" spans="14:14">
      <c r="N925847" s="10"/>
    </row>
    <row r="925848" spans="14:14">
      <c r="N925848" s="10"/>
    </row>
    <row r="925849" spans="14:14">
      <c r="N925849" s="10"/>
    </row>
    <row r="925850" spans="14:14">
      <c r="N925850" s="10"/>
    </row>
    <row r="925851" spans="14:14">
      <c r="N925851" s="10"/>
    </row>
    <row r="925852" spans="14:14">
      <c r="N925852" s="10"/>
    </row>
    <row r="925853" spans="14:14">
      <c r="N925853" s="10"/>
    </row>
    <row r="925854" spans="14:14">
      <c r="N925854" s="10"/>
    </row>
    <row r="925855" spans="14:14">
      <c r="N925855" s="10"/>
    </row>
    <row r="925856" spans="14:14">
      <c r="N925856" s="10"/>
    </row>
    <row r="925857" spans="14:14">
      <c r="N925857" s="10"/>
    </row>
    <row r="925858" spans="14:14">
      <c r="N925858" s="10"/>
    </row>
    <row r="925859" spans="14:14">
      <c r="N925859" s="10"/>
    </row>
    <row r="925860" spans="14:14">
      <c r="N925860" s="10"/>
    </row>
    <row r="925861" spans="14:14">
      <c r="N925861" s="10"/>
    </row>
    <row r="925862" spans="14:14">
      <c r="N925862" s="10"/>
    </row>
    <row r="925863" spans="14:14">
      <c r="N925863" s="10"/>
    </row>
    <row r="925864" spans="14:14">
      <c r="N925864" s="10"/>
    </row>
    <row r="925865" spans="14:14">
      <c r="N925865" s="10"/>
    </row>
    <row r="925866" spans="14:14">
      <c r="N925866" s="10"/>
    </row>
    <row r="925867" spans="14:14">
      <c r="N925867" s="10"/>
    </row>
    <row r="925868" spans="14:14">
      <c r="N925868" s="10"/>
    </row>
    <row r="925869" spans="14:14">
      <c r="N925869" s="10"/>
    </row>
    <row r="925870" spans="14:14">
      <c r="N925870" s="10"/>
    </row>
    <row r="925871" spans="14:14">
      <c r="N925871" s="10"/>
    </row>
    <row r="925872" spans="14:14">
      <c r="N925872" s="10"/>
    </row>
    <row r="925873" spans="14:14">
      <c r="N925873" s="10"/>
    </row>
    <row r="925874" spans="14:14">
      <c r="N925874" s="10"/>
    </row>
    <row r="925875" spans="14:14">
      <c r="N925875" s="10"/>
    </row>
    <row r="925876" spans="14:14">
      <c r="N925876" s="10"/>
    </row>
    <row r="925877" spans="14:14">
      <c r="N925877" s="10"/>
    </row>
    <row r="925878" spans="14:14">
      <c r="N925878" s="10"/>
    </row>
    <row r="925879" spans="14:14">
      <c r="N925879" s="10"/>
    </row>
    <row r="925880" spans="14:14">
      <c r="N925880" s="10"/>
    </row>
    <row r="925881" spans="14:14">
      <c r="N925881" s="10"/>
    </row>
    <row r="925882" spans="14:14">
      <c r="N925882" s="10"/>
    </row>
    <row r="925883" spans="14:14">
      <c r="N925883" s="10"/>
    </row>
    <row r="925884" spans="14:14">
      <c r="N925884" s="10"/>
    </row>
    <row r="925885" spans="14:14">
      <c r="N925885" s="10"/>
    </row>
    <row r="925886" spans="14:14">
      <c r="N925886" s="10"/>
    </row>
    <row r="925887" spans="14:14">
      <c r="N925887" s="10"/>
    </row>
    <row r="925888" spans="14:14">
      <c r="N925888" s="10"/>
    </row>
    <row r="925889" spans="14:14">
      <c r="N925889" s="10"/>
    </row>
    <row r="925890" spans="14:14">
      <c r="N925890" s="10"/>
    </row>
    <row r="925891" spans="14:14">
      <c r="N925891" s="10"/>
    </row>
    <row r="925892" spans="14:14">
      <c r="N925892" s="10"/>
    </row>
    <row r="925893" spans="14:14">
      <c r="N925893" s="10"/>
    </row>
    <row r="925894" spans="14:14">
      <c r="N925894" s="10"/>
    </row>
    <row r="925895" spans="14:14">
      <c r="N925895" s="10"/>
    </row>
    <row r="925896" spans="14:14">
      <c r="N925896" s="10"/>
    </row>
    <row r="925897" spans="14:14">
      <c r="N925897" s="10"/>
    </row>
    <row r="925898" spans="14:14">
      <c r="N925898" s="10"/>
    </row>
    <row r="925899" spans="14:14">
      <c r="N925899" s="10"/>
    </row>
    <row r="925900" spans="14:14">
      <c r="N925900" s="10"/>
    </row>
    <row r="925901" spans="14:14">
      <c r="N925901" s="10"/>
    </row>
    <row r="925902" spans="14:14">
      <c r="N925902" s="10"/>
    </row>
    <row r="925903" spans="14:14">
      <c r="N925903" s="10"/>
    </row>
    <row r="925904" spans="14:14">
      <c r="N925904" s="10"/>
    </row>
    <row r="925905" spans="14:14">
      <c r="N925905" s="10"/>
    </row>
    <row r="925906" spans="14:14">
      <c r="N925906" s="10"/>
    </row>
    <row r="925907" spans="14:14">
      <c r="N925907" s="10"/>
    </row>
    <row r="925908" spans="14:14">
      <c r="N925908" s="10"/>
    </row>
    <row r="925909" spans="14:14">
      <c r="N925909" s="10"/>
    </row>
    <row r="925910" spans="14:14">
      <c r="N925910" s="10"/>
    </row>
    <row r="925911" spans="14:14">
      <c r="N925911" s="10"/>
    </row>
    <row r="925912" spans="14:14">
      <c r="N925912" s="10"/>
    </row>
    <row r="925913" spans="14:14">
      <c r="N925913" s="10"/>
    </row>
    <row r="925914" spans="14:14">
      <c r="N925914" s="10"/>
    </row>
    <row r="925915" spans="14:14">
      <c r="N925915" s="10"/>
    </row>
    <row r="925916" spans="14:14">
      <c r="N925916" s="10"/>
    </row>
    <row r="925917" spans="14:14">
      <c r="N925917" s="10"/>
    </row>
    <row r="925918" spans="14:14">
      <c r="N925918" s="10"/>
    </row>
    <row r="925919" spans="14:14">
      <c r="N925919" s="10"/>
    </row>
    <row r="925920" spans="14:14">
      <c r="N925920" s="10"/>
    </row>
    <row r="925921" spans="14:14">
      <c r="N925921" s="10"/>
    </row>
    <row r="925922" spans="14:14">
      <c r="N925922" s="10"/>
    </row>
    <row r="925923" spans="14:14">
      <c r="N925923" s="10"/>
    </row>
    <row r="925924" spans="14:14">
      <c r="N925924" s="10"/>
    </row>
    <row r="925925" spans="14:14">
      <c r="N925925" s="10"/>
    </row>
    <row r="925926" spans="14:14">
      <c r="N925926" s="10"/>
    </row>
    <row r="925927" spans="14:14">
      <c r="N925927" s="10"/>
    </row>
    <row r="925928" spans="14:14">
      <c r="N925928" s="10"/>
    </row>
    <row r="925929" spans="14:14">
      <c r="N925929" s="10"/>
    </row>
    <row r="925930" spans="14:14">
      <c r="N925930" s="10"/>
    </row>
    <row r="925931" spans="14:14">
      <c r="N925931" s="10"/>
    </row>
    <row r="925932" spans="14:14">
      <c r="N925932" s="10"/>
    </row>
    <row r="925933" spans="14:14">
      <c r="N925933" s="10"/>
    </row>
    <row r="925934" spans="14:14">
      <c r="N925934" s="10"/>
    </row>
    <row r="925935" spans="14:14">
      <c r="N925935" s="10"/>
    </row>
    <row r="925936" spans="14:14">
      <c r="N925936" s="10"/>
    </row>
    <row r="925937" spans="14:14">
      <c r="N925937" s="10"/>
    </row>
    <row r="925938" spans="14:14">
      <c r="N925938" s="10"/>
    </row>
    <row r="925939" spans="14:14">
      <c r="N925939" s="10"/>
    </row>
    <row r="925940" spans="14:14">
      <c r="N925940" s="10"/>
    </row>
    <row r="925941" spans="14:14">
      <c r="N925941" s="10"/>
    </row>
    <row r="925942" spans="14:14">
      <c r="N925942" s="10"/>
    </row>
    <row r="925943" spans="14:14">
      <c r="N925943" s="10"/>
    </row>
    <row r="925944" spans="14:14">
      <c r="N925944" s="10"/>
    </row>
    <row r="925945" spans="14:14">
      <c r="N925945" s="10"/>
    </row>
    <row r="925946" spans="14:14">
      <c r="N925946" s="10"/>
    </row>
    <row r="925947" spans="14:14">
      <c r="N925947" s="10"/>
    </row>
    <row r="925948" spans="14:14">
      <c r="N925948" s="10"/>
    </row>
    <row r="925949" spans="14:14">
      <c r="N925949" s="10"/>
    </row>
    <row r="925950" spans="14:14">
      <c r="N925950" s="10"/>
    </row>
    <row r="925951" spans="14:14">
      <c r="N925951" s="10"/>
    </row>
    <row r="925952" spans="14:14">
      <c r="N925952" s="10"/>
    </row>
    <row r="925953" spans="14:14">
      <c r="N925953" s="10"/>
    </row>
    <row r="925954" spans="14:14">
      <c r="N925954" s="10"/>
    </row>
    <row r="925955" spans="14:14">
      <c r="N925955" s="10"/>
    </row>
    <row r="925956" spans="14:14">
      <c r="N925956" s="10"/>
    </row>
    <row r="925957" spans="14:14">
      <c r="N925957" s="10"/>
    </row>
    <row r="925958" spans="14:14">
      <c r="N925958" s="10"/>
    </row>
    <row r="925959" spans="14:14">
      <c r="N925959" s="10"/>
    </row>
    <row r="925960" spans="14:14">
      <c r="N925960" s="10"/>
    </row>
    <row r="925961" spans="14:14">
      <c r="N925961" s="10"/>
    </row>
    <row r="925962" spans="14:14">
      <c r="N925962" s="10"/>
    </row>
    <row r="925963" spans="14:14">
      <c r="N925963" s="10"/>
    </row>
    <row r="925964" spans="14:14">
      <c r="N925964" s="10"/>
    </row>
    <row r="925965" spans="14:14">
      <c r="N925965" s="10"/>
    </row>
    <row r="925966" spans="14:14">
      <c r="N925966" s="10"/>
    </row>
    <row r="925967" spans="14:14">
      <c r="N925967" s="10"/>
    </row>
    <row r="925968" spans="14:14">
      <c r="N925968" s="10"/>
    </row>
    <row r="925969" spans="14:14">
      <c r="N925969" s="10"/>
    </row>
    <row r="925970" spans="14:14">
      <c r="N925970" s="10"/>
    </row>
    <row r="925971" spans="14:14">
      <c r="N925971" s="10"/>
    </row>
    <row r="925972" spans="14:14">
      <c r="N925972" s="10"/>
    </row>
    <row r="925973" spans="14:14">
      <c r="N925973" s="10"/>
    </row>
    <row r="925974" spans="14:14">
      <c r="N925974" s="10"/>
    </row>
    <row r="925975" spans="14:14">
      <c r="N925975" s="10"/>
    </row>
    <row r="925976" spans="14:14">
      <c r="N925976" s="10"/>
    </row>
    <row r="925977" spans="14:14">
      <c r="N925977" s="10"/>
    </row>
    <row r="925978" spans="14:14">
      <c r="N925978" s="10"/>
    </row>
    <row r="925979" spans="14:14">
      <c r="N925979" s="10"/>
    </row>
    <row r="925980" spans="14:14">
      <c r="N925980" s="10"/>
    </row>
    <row r="925981" spans="14:14">
      <c r="N925981" s="10"/>
    </row>
    <row r="925982" spans="14:14">
      <c r="N925982" s="10"/>
    </row>
    <row r="925983" spans="14:14">
      <c r="N925983" s="10"/>
    </row>
    <row r="925984" spans="14:14">
      <c r="N925984" s="10"/>
    </row>
    <row r="925985" spans="14:14">
      <c r="N925985" s="10"/>
    </row>
    <row r="925986" spans="14:14">
      <c r="N925986" s="10"/>
    </row>
    <row r="925987" spans="14:14">
      <c r="N925987" s="10"/>
    </row>
    <row r="925988" spans="14:14">
      <c r="N925988" s="10"/>
    </row>
    <row r="925989" spans="14:14">
      <c r="N925989" s="10"/>
    </row>
    <row r="925990" spans="14:14">
      <c r="N925990" s="10"/>
    </row>
    <row r="925991" spans="14:14">
      <c r="N925991" s="10"/>
    </row>
    <row r="925992" spans="14:14">
      <c r="N925992" s="10"/>
    </row>
    <row r="925993" spans="14:14">
      <c r="N925993" s="10"/>
    </row>
    <row r="925994" spans="14:14">
      <c r="N925994" s="10"/>
    </row>
    <row r="925995" spans="14:14">
      <c r="N925995" s="10"/>
    </row>
    <row r="925996" spans="14:14">
      <c r="N925996" s="10"/>
    </row>
    <row r="925997" spans="14:14">
      <c r="N925997" s="10"/>
    </row>
    <row r="925998" spans="14:14">
      <c r="N925998" s="10"/>
    </row>
    <row r="925999" spans="14:14">
      <c r="N925999" s="10"/>
    </row>
    <row r="926000" spans="14:14">
      <c r="N926000" s="10"/>
    </row>
    <row r="926001" spans="14:14">
      <c r="N926001" s="10"/>
    </row>
    <row r="926002" spans="14:14">
      <c r="N926002" s="10"/>
    </row>
    <row r="926003" spans="14:14">
      <c r="N926003" s="10"/>
    </row>
    <row r="926004" spans="14:14">
      <c r="N926004" s="10"/>
    </row>
    <row r="926005" spans="14:14">
      <c r="N926005" s="10"/>
    </row>
    <row r="926006" spans="14:14">
      <c r="N926006" s="10"/>
    </row>
    <row r="926007" spans="14:14">
      <c r="N926007" s="10"/>
    </row>
    <row r="926008" spans="14:14">
      <c r="N926008" s="10"/>
    </row>
    <row r="926009" spans="14:14">
      <c r="N926009" s="10"/>
    </row>
    <row r="926010" spans="14:14">
      <c r="N926010" s="10"/>
    </row>
    <row r="926011" spans="14:14">
      <c r="N926011" s="10"/>
    </row>
    <row r="926012" spans="14:14">
      <c r="N926012" s="10"/>
    </row>
    <row r="926013" spans="14:14">
      <c r="N926013" s="10"/>
    </row>
    <row r="926014" spans="14:14">
      <c r="N926014" s="10"/>
    </row>
    <row r="926015" spans="14:14">
      <c r="N926015" s="10"/>
    </row>
    <row r="926016" spans="14:14">
      <c r="N926016" s="10"/>
    </row>
    <row r="926017" spans="14:14">
      <c r="N926017" s="10"/>
    </row>
    <row r="926018" spans="14:14">
      <c r="N926018" s="10"/>
    </row>
    <row r="926019" spans="14:14">
      <c r="N926019" s="10"/>
    </row>
    <row r="926020" spans="14:14">
      <c r="N926020" s="10"/>
    </row>
    <row r="926021" spans="14:14">
      <c r="N926021" s="10"/>
    </row>
    <row r="926022" spans="14:14">
      <c r="N926022" s="10"/>
    </row>
    <row r="926023" spans="14:14">
      <c r="N926023" s="10"/>
    </row>
    <row r="926024" spans="14:14">
      <c r="N926024" s="10"/>
    </row>
    <row r="926025" spans="14:14">
      <c r="N926025" s="10"/>
    </row>
    <row r="926026" spans="14:14">
      <c r="N926026" s="10"/>
    </row>
    <row r="926027" spans="14:14">
      <c r="N926027" s="10"/>
    </row>
    <row r="926028" spans="14:14">
      <c r="N926028" s="10"/>
    </row>
    <row r="926029" spans="14:14">
      <c r="N926029" s="10"/>
    </row>
    <row r="926030" spans="14:14">
      <c r="N926030" s="10"/>
    </row>
    <row r="926031" spans="14:14">
      <c r="N926031" s="10"/>
    </row>
    <row r="926032" spans="14:14">
      <c r="N926032" s="10"/>
    </row>
    <row r="926033" spans="14:14">
      <c r="N926033" s="10"/>
    </row>
    <row r="926034" spans="14:14">
      <c r="N926034" s="10"/>
    </row>
    <row r="926035" spans="14:14">
      <c r="N926035" s="10"/>
    </row>
    <row r="926036" spans="14:14">
      <c r="N926036" s="10"/>
    </row>
    <row r="926037" spans="14:14">
      <c r="N926037" s="10"/>
    </row>
    <row r="926038" spans="14:14">
      <c r="N926038" s="10"/>
    </row>
    <row r="926039" spans="14:14">
      <c r="N926039" s="10"/>
    </row>
    <row r="926040" spans="14:14">
      <c r="N926040" s="10"/>
    </row>
    <row r="926041" spans="14:14">
      <c r="N926041" s="10"/>
    </row>
    <row r="926042" spans="14:14">
      <c r="N926042" s="10"/>
    </row>
    <row r="926043" spans="14:14">
      <c r="N926043" s="10"/>
    </row>
    <row r="926044" spans="14:14">
      <c r="N926044" s="10"/>
    </row>
    <row r="926045" spans="14:14">
      <c r="N926045" s="10"/>
    </row>
    <row r="926046" spans="14:14">
      <c r="N926046" s="10"/>
    </row>
    <row r="926047" spans="14:14">
      <c r="N926047" s="10"/>
    </row>
    <row r="926048" spans="14:14">
      <c r="N926048" s="10"/>
    </row>
    <row r="926049" spans="14:14">
      <c r="N926049" s="10"/>
    </row>
    <row r="926050" spans="14:14">
      <c r="N926050" s="10"/>
    </row>
    <row r="926051" spans="14:14">
      <c r="N926051" s="10"/>
    </row>
    <row r="926052" spans="14:14">
      <c r="N926052" s="10"/>
    </row>
    <row r="926053" spans="14:14">
      <c r="N926053" s="10"/>
    </row>
    <row r="926054" spans="14:14">
      <c r="N926054" s="10"/>
    </row>
    <row r="926055" spans="14:14">
      <c r="N926055" s="10"/>
    </row>
    <row r="926056" spans="14:14">
      <c r="N926056" s="10"/>
    </row>
    <row r="926057" spans="14:14">
      <c r="N926057" s="10"/>
    </row>
    <row r="926058" spans="14:14">
      <c r="N926058" s="10"/>
    </row>
    <row r="926059" spans="14:14">
      <c r="N926059" s="10"/>
    </row>
    <row r="926060" spans="14:14">
      <c r="N926060" s="10"/>
    </row>
    <row r="926061" spans="14:14">
      <c r="N926061" s="10"/>
    </row>
    <row r="926062" spans="14:14">
      <c r="N926062" s="10"/>
    </row>
    <row r="926063" spans="14:14">
      <c r="N926063" s="10"/>
    </row>
    <row r="926064" spans="14:14">
      <c r="N926064" s="10"/>
    </row>
    <row r="926065" spans="14:14">
      <c r="N926065" s="10"/>
    </row>
    <row r="926066" spans="14:14">
      <c r="N926066" s="10"/>
    </row>
    <row r="926067" spans="14:14">
      <c r="N926067" s="10"/>
    </row>
    <row r="926068" spans="14:14">
      <c r="N926068" s="10"/>
    </row>
    <row r="926069" spans="14:14">
      <c r="N926069" s="10"/>
    </row>
    <row r="926070" spans="14:14">
      <c r="N926070" s="10"/>
    </row>
    <row r="926071" spans="14:14">
      <c r="N926071" s="10"/>
    </row>
    <row r="926072" spans="14:14">
      <c r="N926072" s="10"/>
    </row>
    <row r="926073" spans="14:14">
      <c r="N926073" s="10"/>
    </row>
    <row r="926074" spans="14:14">
      <c r="N926074" s="10"/>
    </row>
    <row r="926075" spans="14:14">
      <c r="N926075" s="10"/>
    </row>
    <row r="926076" spans="14:14">
      <c r="N926076" s="10"/>
    </row>
    <row r="926077" spans="14:14">
      <c r="N926077" s="10"/>
    </row>
    <row r="926078" spans="14:14">
      <c r="N926078" s="10"/>
    </row>
    <row r="926079" spans="14:14">
      <c r="N926079" s="10"/>
    </row>
    <row r="926080" spans="14:14">
      <c r="N926080" s="10"/>
    </row>
    <row r="926081" spans="14:14">
      <c r="N926081" s="10"/>
    </row>
    <row r="926082" spans="14:14">
      <c r="N926082" s="10"/>
    </row>
    <row r="926083" spans="14:14">
      <c r="N926083" s="10"/>
    </row>
    <row r="926084" spans="14:14">
      <c r="N926084" s="10"/>
    </row>
    <row r="926085" spans="14:14">
      <c r="N926085" s="10"/>
    </row>
    <row r="926086" spans="14:14">
      <c r="N926086" s="10"/>
    </row>
    <row r="926087" spans="14:14">
      <c r="N926087" s="10"/>
    </row>
    <row r="926088" spans="14:14">
      <c r="N926088" s="10"/>
    </row>
    <row r="926089" spans="14:14">
      <c r="N926089" s="10"/>
    </row>
    <row r="926090" spans="14:14">
      <c r="N926090" s="10"/>
    </row>
    <row r="926091" spans="14:14">
      <c r="N926091" s="10"/>
    </row>
    <row r="926092" spans="14:14">
      <c r="N926092" s="10"/>
    </row>
    <row r="926093" spans="14:14">
      <c r="N926093" s="10"/>
    </row>
    <row r="926094" spans="14:14">
      <c r="N926094" s="10"/>
    </row>
    <row r="926095" spans="14:14">
      <c r="N926095" s="10"/>
    </row>
    <row r="926096" spans="14:14">
      <c r="N926096" s="10"/>
    </row>
    <row r="926097" spans="14:14">
      <c r="N926097" s="10"/>
    </row>
    <row r="926098" spans="14:14">
      <c r="N926098" s="10"/>
    </row>
    <row r="926099" spans="14:14">
      <c r="N926099" s="10"/>
    </row>
    <row r="926100" spans="14:14">
      <c r="N926100" s="10"/>
    </row>
    <row r="926101" spans="14:14">
      <c r="N926101" s="10"/>
    </row>
    <row r="926102" spans="14:14">
      <c r="N926102" s="10"/>
    </row>
    <row r="926103" spans="14:14">
      <c r="N926103" s="10"/>
    </row>
    <row r="926104" spans="14:14">
      <c r="N926104" s="10"/>
    </row>
    <row r="926105" spans="14:14">
      <c r="N926105" s="10"/>
    </row>
    <row r="926106" spans="14:14">
      <c r="N926106" s="10"/>
    </row>
    <row r="926107" spans="14:14">
      <c r="N926107" s="10"/>
    </row>
    <row r="926108" spans="14:14">
      <c r="N926108" s="10"/>
    </row>
    <row r="926109" spans="14:14">
      <c r="N926109" s="10"/>
    </row>
    <row r="926110" spans="14:14">
      <c r="N926110" s="10"/>
    </row>
    <row r="926111" spans="14:14">
      <c r="N926111" s="10"/>
    </row>
    <row r="926112" spans="14:14">
      <c r="N926112" s="10"/>
    </row>
    <row r="926113" spans="14:14">
      <c r="N926113" s="10"/>
    </row>
    <row r="926114" spans="14:14">
      <c r="N926114" s="10"/>
    </row>
    <row r="926115" spans="14:14">
      <c r="N926115" s="10"/>
    </row>
    <row r="926116" spans="14:14">
      <c r="N926116" s="10"/>
    </row>
    <row r="926117" spans="14:14">
      <c r="N926117" s="10"/>
    </row>
    <row r="926118" spans="14:14">
      <c r="N926118" s="10"/>
    </row>
    <row r="926119" spans="14:14">
      <c r="N926119" s="10"/>
    </row>
    <row r="926120" spans="14:14">
      <c r="N926120" s="10"/>
    </row>
    <row r="926121" spans="14:14">
      <c r="N926121" s="10"/>
    </row>
    <row r="926122" spans="14:14">
      <c r="N926122" s="10"/>
    </row>
    <row r="926123" spans="14:14">
      <c r="N926123" s="10"/>
    </row>
    <row r="926124" spans="14:14">
      <c r="N926124" s="10"/>
    </row>
    <row r="926125" spans="14:14">
      <c r="N926125" s="10"/>
    </row>
    <row r="926126" spans="14:14">
      <c r="N926126" s="10"/>
    </row>
    <row r="926127" spans="14:14">
      <c r="N926127" s="10"/>
    </row>
    <row r="926128" spans="14:14">
      <c r="N926128" s="10"/>
    </row>
    <row r="926129" spans="14:14">
      <c r="N926129" s="10"/>
    </row>
    <row r="926130" spans="14:14">
      <c r="N926130" s="10"/>
    </row>
    <row r="926131" spans="14:14">
      <c r="N926131" s="10"/>
    </row>
    <row r="926132" spans="14:14">
      <c r="N926132" s="10"/>
    </row>
    <row r="926133" spans="14:14">
      <c r="N926133" s="10"/>
    </row>
    <row r="926134" spans="14:14">
      <c r="N926134" s="10"/>
    </row>
    <row r="926135" spans="14:14">
      <c r="N926135" s="10"/>
    </row>
    <row r="926136" spans="14:14">
      <c r="N926136" s="10"/>
    </row>
    <row r="926137" spans="14:14">
      <c r="N926137" s="10"/>
    </row>
    <row r="926138" spans="14:14">
      <c r="N926138" s="10"/>
    </row>
    <row r="926139" spans="14:14">
      <c r="N926139" s="10"/>
    </row>
    <row r="926140" spans="14:14">
      <c r="N926140" s="10"/>
    </row>
    <row r="926141" spans="14:14">
      <c r="N926141" s="10"/>
    </row>
    <row r="926142" spans="14:14">
      <c r="N926142" s="10"/>
    </row>
    <row r="926143" spans="14:14">
      <c r="N926143" s="10"/>
    </row>
    <row r="926144" spans="14:14">
      <c r="N926144" s="10"/>
    </row>
    <row r="926145" spans="14:14">
      <c r="N926145" s="10"/>
    </row>
    <row r="926146" spans="14:14">
      <c r="N926146" s="10"/>
    </row>
    <row r="926147" spans="14:14">
      <c r="N926147" s="10"/>
    </row>
    <row r="926148" spans="14:14">
      <c r="N926148" s="10"/>
    </row>
    <row r="926149" spans="14:14">
      <c r="N926149" s="10"/>
    </row>
    <row r="926150" spans="14:14">
      <c r="N926150" s="10"/>
    </row>
    <row r="926151" spans="14:14">
      <c r="N926151" s="10"/>
    </row>
    <row r="926152" spans="14:14">
      <c r="N926152" s="10"/>
    </row>
    <row r="926153" spans="14:14">
      <c r="N926153" s="10"/>
    </row>
    <row r="926154" spans="14:14">
      <c r="N926154" s="10"/>
    </row>
    <row r="926155" spans="14:14">
      <c r="N926155" s="10"/>
    </row>
    <row r="926156" spans="14:14">
      <c r="N926156" s="10"/>
    </row>
    <row r="926157" spans="14:14">
      <c r="N926157" s="10"/>
    </row>
    <row r="926158" spans="14:14">
      <c r="N926158" s="10"/>
    </row>
    <row r="926159" spans="14:14">
      <c r="N926159" s="10"/>
    </row>
    <row r="926160" spans="14:14">
      <c r="N926160" s="10"/>
    </row>
    <row r="926161" spans="14:14">
      <c r="N926161" s="10"/>
    </row>
    <row r="926162" spans="14:14">
      <c r="N926162" s="10"/>
    </row>
    <row r="926163" spans="14:14">
      <c r="N926163" s="10"/>
    </row>
    <row r="926164" spans="14:14">
      <c r="N926164" s="10"/>
    </row>
    <row r="926165" spans="14:14">
      <c r="N926165" s="10"/>
    </row>
    <row r="926166" spans="14:14">
      <c r="N926166" s="10"/>
    </row>
    <row r="926167" spans="14:14">
      <c r="N926167" s="10"/>
    </row>
    <row r="926168" spans="14:14">
      <c r="N926168" s="10"/>
    </row>
    <row r="926169" spans="14:14">
      <c r="N926169" s="10"/>
    </row>
    <row r="926170" spans="14:14">
      <c r="N926170" s="10"/>
    </row>
    <row r="926171" spans="14:14">
      <c r="N926171" s="10"/>
    </row>
    <row r="926172" spans="14:14">
      <c r="N926172" s="10"/>
    </row>
    <row r="926173" spans="14:14">
      <c r="N926173" s="10"/>
    </row>
    <row r="926174" spans="14:14">
      <c r="N926174" s="10"/>
    </row>
    <row r="926175" spans="14:14">
      <c r="N926175" s="10"/>
    </row>
    <row r="926176" spans="14:14">
      <c r="N926176" s="10"/>
    </row>
    <row r="926177" spans="14:14">
      <c r="N926177" s="10"/>
    </row>
    <row r="926178" spans="14:14">
      <c r="N926178" s="10"/>
    </row>
    <row r="926179" spans="14:14">
      <c r="N926179" s="10"/>
    </row>
    <row r="926180" spans="14:14">
      <c r="N926180" s="10"/>
    </row>
    <row r="926181" spans="14:14">
      <c r="N926181" s="10"/>
    </row>
    <row r="926182" spans="14:14">
      <c r="N926182" s="10"/>
    </row>
    <row r="926183" spans="14:14">
      <c r="N926183" s="10"/>
    </row>
    <row r="926184" spans="14:14">
      <c r="N926184" s="10"/>
    </row>
    <row r="926185" spans="14:14">
      <c r="N926185" s="10"/>
    </row>
    <row r="926186" spans="14:14">
      <c r="N926186" s="10"/>
    </row>
    <row r="926187" spans="14:14">
      <c r="N926187" s="10"/>
    </row>
    <row r="926188" spans="14:14">
      <c r="N926188" s="10"/>
    </row>
    <row r="926189" spans="14:14">
      <c r="N926189" s="10"/>
    </row>
    <row r="926190" spans="14:14">
      <c r="N926190" s="10"/>
    </row>
    <row r="926191" spans="14:14">
      <c r="N926191" s="10"/>
    </row>
    <row r="926192" spans="14:14">
      <c r="N926192" s="10"/>
    </row>
    <row r="926193" spans="14:14">
      <c r="N926193" s="10"/>
    </row>
    <row r="926194" spans="14:14">
      <c r="N926194" s="10"/>
    </row>
    <row r="926195" spans="14:14">
      <c r="N926195" s="10"/>
    </row>
    <row r="926196" spans="14:14">
      <c r="N926196" s="10"/>
    </row>
    <row r="926197" spans="14:14">
      <c r="N926197" s="10"/>
    </row>
    <row r="926198" spans="14:14">
      <c r="N926198" s="10"/>
    </row>
    <row r="926199" spans="14:14">
      <c r="N926199" s="10"/>
    </row>
    <row r="926200" spans="14:14">
      <c r="N926200" s="10"/>
    </row>
    <row r="926201" spans="14:14">
      <c r="N926201" s="10"/>
    </row>
    <row r="926202" spans="14:14">
      <c r="N926202" s="10"/>
    </row>
    <row r="926203" spans="14:14">
      <c r="N926203" s="10"/>
    </row>
    <row r="926204" spans="14:14">
      <c r="N926204" s="10"/>
    </row>
    <row r="926205" spans="14:14">
      <c r="N926205" s="10"/>
    </row>
    <row r="926206" spans="14:14">
      <c r="N926206" s="10"/>
    </row>
    <row r="926207" spans="14:14">
      <c r="N926207" s="10"/>
    </row>
    <row r="926208" spans="14:14">
      <c r="N926208" s="10"/>
    </row>
    <row r="926209" spans="14:14">
      <c r="N926209" s="10"/>
    </row>
    <row r="926210" spans="14:14">
      <c r="N926210" s="10"/>
    </row>
    <row r="926211" spans="14:14">
      <c r="N926211" s="10"/>
    </row>
    <row r="926212" spans="14:14">
      <c r="N926212" s="10"/>
    </row>
    <row r="926213" spans="14:14">
      <c r="N926213" s="10"/>
    </row>
    <row r="926214" spans="14:14">
      <c r="N926214" s="10"/>
    </row>
    <row r="926215" spans="14:14">
      <c r="N926215" s="10"/>
    </row>
    <row r="926216" spans="14:14">
      <c r="N926216" s="10"/>
    </row>
    <row r="926217" spans="14:14">
      <c r="N926217" s="10"/>
    </row>
    <row r="926218" spans="14:14">
      <c r="N926218" s="10"/>
    </row>
    <row r="926219" spans="14:14">
      <c r="N926219" s="10"/>
    </row>
    <row r="926220" spans="14:14">
      <c r="N926220" s="10"/>
    </row>
    <row r="926221" spans="14:14">
      <c r="N926221" s="10"/>
    </row>
    <row r="926222" spans="14:14">
      <c r="N926222" s="10"/>
    </row>
    <row r="926223" spans="14:14">
      <c r="N926223" s="10"/>
    </row>
    <row r="926224" spans="14:14">
      <c r="N926224" s="10"/>
    </row>
    <row r="926225" spans="14:14">
      <c r="N926225" s="10"/>
    </row>
    <row r="926226" spans="14:14">
      <c r="N926226" s="10"/>
    </row>
    <row r="926227" spans="14:14">
      <c r="N926227" s="10"/>
    </row>
    <row r="926228" spans="14:14">
      <c r="N926228" s="10"/>
    </row>
    <row r="926229" spans="14:14">
      <c r="N926229" s="10"/>
    </row>
    <row r="926230" spans="14:14">
      <c r="N926230" s="10"/>
    </row>
    <row r="926231" spans="14:14">
      <c r="N926231" s="10"/>
    </row>
    <row r="926232" spans="14:14">
      <c r="N926232" s="10"/>
    </row>
    <row r="926233" spans="14:14">
      <c r="N926233" s="10"/>
    </row>
    <row r="926234" spans="14:14">
      <c r="N926234" s="10"/>
    </row>
    <row r="926235" spans="14:14">
      <c r="N926235" s="10"/>
    </row>
    <row r="926236" spans="14:14">
      <c r="N926236" s="10"/>
    </row>
    <row r="926237" spans="14:14">
      <c r="N926237" s="10"/>
    </row>
    <row r="926238" spans="14:14">
      <c r="N926238" s="10"/>
    </row>
    <row r="926239" spans="14:14">
      <c r="N926239" s="10"/>
    </row>
    <row r="926240" spans="14:14">
      <c r="N926240" s="10"/>
    </row>
    <row r="926241" spans="14:14">
      <c r="N926241" s="10"/>
    </row>
    <row r="926242" spans="14:14">
      <c r="N926242" s="10"/>
    </row>
    <row r="926243" spans="14:14">
      <c r="N926243" s="10"/>
    </row>
    <row r="926244" spans="14:14">
      <c r="N926244" s="10"/>
    </row>
    <row r="926245" spans="14:14">
      <c r="N926245" s="10"/>
    </row>
    <row r="926246" spans="14:14">
      <c r="N926246" s="10"/>
    </row>
    <row r="926247" spans="14:14">
      <c r="N926247" s="10"/>
    </row>
    <row r="926248" spans="14:14">
      <c r="N926248" s="10"/>
    </row>
    <row r="926249" spans="14:14">
      <c r="N926249" s="10"/>
    </row>
    <row r="926250" spans="14:14">
      <c r="N926250" s="10"/>
    </row>
    <row r="926251" spans="14:14">
      <c r="N926251" s="10"/>
    </row>
    <row r="926252" spans="14:14">
      <c r="N926252" s="10"/>
    </row>
    <row r="926253" spans="14:14">
      <c r="N926253" s="10"/>
    </row>
    <row r="926254" spans="14:14">
      <c r="N926254" s="10"/>
    </row>
    <row r="926255" spans="14:14">
      <c r="N926255" s="10"/>
    </row>
    <row r="926256" spans="14:14">
      <c r="N926256" s="10"/>
    </row>
    <row r="926257" spans="14:14">
      <c r="N926257" s="10"/>
    </row>
    <row r="926258" spans="14:14">
      <c r="N926258" s="10"/>
    </row>
    <row r="926259" spans="14:14">
      <c r="N926259" s="10"/>
    </row>
    <row r="926260" spans="14:14">
      <c r="N926260" s="10"/>
    </row>
    <row r="926261" spans="14:14">
      <c r="N926261" s="10"/>
    </row>
    <row r="926262" spans="14:14">
      <c r="N926262" s="10"/>
    </row>
    <row r="926263" spans="14:14">
      <c r="N926263" s="10"/>
    </row>
    <row r="926264" spans="14:14">
      <c r="N926264" s="10"/>
    </row>
    <row r="926265" spans="14:14">
      <c r="N926265" s="10"/>
    </row>
    <row r="926266" spans="14:14">
      <c r="N926266" s="10"/>
    </row>
    <row r="926267" spans="14:14">
      <c r="N926267" s="10"/>
    </row>
    <row r="926268" spans="14:14">
      <c r="N926268" s="10"/>
    </row>
    <row r="926269" spans="14:14">
      <c r="N926269" s="10"/>
    </row>
    <row r="926270" spans="14:14">
      <c r="N926270" s="10"/>
    </row>
    <row r="926271" spans="14:14">
      <c r="N926271" s="10"/>
    </row>
    <row r="926272" spans="14:14">
      <c r="N926272" s="10"/>
    </row>
    <row r="926273" spans="14:14">
      <c r="N926273" s="10"/>
    </row>
    <row r="926274" spans="14:14">
      <c r="N926274" s="10"/>
    </row>
    <row r="926275" spans="14:14">
      <c r="N926275" s="10"/>
    </row>
    <row r="926276" spans="14:14">
      <c r="N926276" s="10"/>
    </row>
    <row r="926277" spans="14:14">
      <c r="N926277" s="10"/>
    </row>
    <row r="926278" spans="14:14">
      <c r="N926278" s="10"/>
    </row>
    <row r="926279" spans="14:14">
      <c r="N926279" s="10"/>
    </row>
    <row r="926280" spans="14:14">
      <c r="N926280" s="10"/>
    </row>
    <row r="926281" spans="14:14">
      <c r="N926281" s="10"/>
    </row>
    <row r="926282" spans="14:14">
      <c r="N926282" s="10"/>
    </row>
    <row r="926283" spans="14:14">
      <c r="N926283" s="10"/>
    </row>
    <row r="926284" spans="14:14">
      <c r="N926284" s="10"/>
    </row>
    <row r="926285" spans="14:14">
      <c r="N926285" s="10"/>
    </row>
    <row r="926286" spans="14:14">
      <c r="N926286" s="10"/>
    </row>
    <row r="926287" spans="14:14">
      <c r="N926287" s="10"/>
    </row>
    <row r="926288" spans="14:14">
      <c r="N926288" s="10"/>
    </row>
    <row r="926289" spans="14:14">
      <c r="N926289" s="10"/>
    </row>
    <row r="926290" spans="14:14">
      <c r="N926290" s="10"/>
    </row>
    <row r="926291" spans="14:14">
      <c r="N926291" s="10"/>
    </row>
    <row r="926292" spans="14:14">
      <c r="N926292" s="10"/>
    </row>
    <row r="926293" spans="14:14">
      <c r="N926293" s="10"/>
    </row>
    <row r="926294" spans="14:14">
      <c r="N926294" s="10"/>
    </row>
    <row r="926295" spans="14:14">
      <c r="N926295" s="10"/>
    </row>
    <row r="926296" spans="14:14">
      <c r="N926296" s="10"/>
    </row>
    <row r="926297" spans="14:14">
      <c r="N926297" s="10"/>
    </row>
    <row r="926298" spans="14:14">
      <c r="N926298" s="10"/>
    </row>
    <row r="926299" spans="14:14">
      <c r="N926299" s="10"/>
    </row>
    <row r="926300" spans="14:14">
      <c r="N926300" s="10"/>
    </row>
    <row r="926301" spans="14:14">
      <c r="N926301" s="10"/>
    </row>
    <row r="926302" spans="14:14">
      <c r="N926302" s="10"/>
    </row>
    <row r="926303" spans="14:14">
      <c r="N926303" s="10"/>
    </row>
    <row r="926304" spans="14:14">
      <c r="N926304" s="10"/>
    </row>
    <row r="926305" spans="14:14">
      <c r="N926305" s="10"/>
    </row>
    <row r="926306" spans="14:14">
      <c r="N926306" s="10"/>
    </row>
    <row r="926307" spans="14:14">
      <c r="N926307" s="10"/>
    </row>
    <row r="926308" spans="14:14">
      <c r="N926308" s="10"/>
    </row>
    <row r="926309" spans="14:14">
      <c r="N926309" s="10"/>
    </row>
    <row r="926310" spans="14:14">
      <c r="N926310" s="10"/>
    </row>
    <row r="926311" spans="14:14">
      <c r="N926311" s="10"/>
    </row>
    <row r="926312" spans="14:14">
      <c r="N926312" s="10"/>
    </row>
    <row r="926313" spans="14:14">
      <c r="N926313" s="10"/>
    </row>
    <row r="926314" spans="14:14">
      <c r="N926314" s="10"/>
    </row>
    <row r="926315" spans="14:14">
      <c r="N926315" s="10"/>
    </row>
    <row r="926316" spans="14:14">
      <c r="N926316" s="10"/>
    </row>
    <row r="926317" spans="14:14">
      <c r="N926317" s="10"/>
    </row>
    <row r="926318" spans="14:14">
      <c r="N926318" s="10"/>
    </row>
    <row r="926319" spans="14:14">
      <c r="N926319" s="10"/>
    </row>
    <row r="926320" spans="14:14">
      <c r="N926320" s="10"/>
    </row>
    <row r="926321" spans="14:14">
      <c r="N926321" s="10"/>
    </row>
    <row r="926322" spans="14:14">
      <c r="N926322" s="10"/>
    </row>
    <row r="926323" spans="14:14">
      <c r="N926323" s="10"/>
    </row>
    <row r="926324" spans="14:14">
      <c r="N926324" s="10"/>
    </row>
    <row r="926325" spans="14:14">
      <c r="N926325" s="10"/>
    </row>
    <row r="926326" spans="14:14">
      <c r="N926326" s="10"/>
    </row>
    <row r="926327" spans="14:14">
      <c r="N926327" s="10"/>
    </row>
    <row r="926328" spans="14:14">
      <c r="N926328" s="10"/>
    </row>
    <row r="926329" spans="14:14">
      <c r="N926329" s="10"/>
    </row>
    <row r="926330" spans="14:14">
      <c r="N926330" s="10"/>
    </row>
    <row r="926331" spans="14:14">
      <c r="N926331" s="10"/>
    </row>
    <row r="926332" spans="14:14">
      <c r="N926332" s="10"/>
    </row>
    <row r="926333" spans="14:14">
      <c r="N926333" s="10"/>
    </row>
    <row r="926334" spans="14:14">
      <c r="N926334" s="10"/>
    </row>
    <row r="926335" spans="14:14">
      <c r="N926335" s="10"/>
    </row>
    <row r="926336" spans="14:14">
      <c r="N926336" s="10"/>
    </row>
    <row r="926337" spans="14:14">
      <c r="N926337" s="10"/>
    </row>
    <row r="926338" spans="14:14">
      <c r="N926338" s="10"/>
    </row>
    <row r="926339" spans="14:14">
      <c r="N926339" s="10"/>
    </row>
    <row r="926340" spans="14:14">
      <c r="N926340" s="10"/>
    </row>
    <row r="926341" spans="14:14">
      <c r="N926341" s="10"/>
    </row>
    <row r="926342" spans="14:14">
      <c r="N926342" s="10"/>
    </row>
    <row r="926343" spans="14:14">
      <c r="N926343" s="10"/>
    </row>
    <row r="926344" spans="14:14">
      <c r="N926344" s="10"/>
    </row>
    <row r="926345" spans="14:14">
      <c r="N926345" s="10"/>
    </row>
    <row r="926346" spans="14:14">
      <c r="N926346" s="10"/>
    </row>
    <row r="926347" spans="14:14">
      <c r="N926347" s="10"/>
    </row>
    <row r="926348" spans="14:14">
      <c r="N926348" s="10"/>
    </row>
    <row r="926349" spans="14:14">
      <c r="N926349" s="10"/>
    </row>
    <row r="926350" spans="14:14">
      <c r="N926350" s="10"/>
    </row>
    <row r="926351" spans="14:14">
      <c r="N926351" s="10"/>
    </row>
    <row r="926352" spans="14:14">
      <c r="N926352" s="10"/>
    </row>
    <row r="926353" spans="14:14">
      <c r="N926353" s="10"/>
    </row>
    <row r="926354" spans="14:14">
      <c r="N926354" s="10"/>
    </row>
    <row r="926355" spans="14:14">
      <c r="N926355" s="10"/>
    </row>
    <row r="926356" spans="14:14">
      <c r="N926356" s="10"/>
    </row>
    <row r="926357" spans="14:14">
      <c r="N926357" s="10"/>
    </row>
    <row r="926358" spans="14:14">
      <c r="N926358" s="10"/>
    </row>
    <row r="926359" spans="14:14">
      <c r="N926359" s="10"/>
    </row>
    <row r="926360" spans="14:14">
      <c r="N926360" s="10"/>
    </row>
    <row r="926361" spans="14:14">
      <c r="N926361" s="10"/>
    </row>
    <row r="926362" spans="14:14">
      <c r="N926362" s="10"/>
    </row>
    <row r="926363" spans="14:14">
      <c r="N926363" s="10"/>
    </row>
    <row r="926364" spans="14:14">
      <c r="N926364" s="10"/>
    </row>
    <row r="926365" spans="14:14">
      <c r="N926365" s="10"/>
    </row>
    <row r="926366" spans="14:14">
      <c r="N926366" s="10"/>
    </row>
    <row r="926367" spans="14:14">
      <c r="N926367" s="10"/>
    </row>
    <row r="926368" spans="14:14">
      <c r="N926368" s="10"/>
    </row>
    <row r="926369" spans="14:14">
      <c r="N926369" s="10"/>
    </row>
    <row r="926370" spans="14:14">
      <c r="N926370" s="10"/>
    </row>
    <row r="926371" spans="14:14">
      <c r="N926371" s="10"/>
    </row>
    <row r="926372" spans="14:14">
      <c r="N926372" s="10"/>
    </row>
    <row r="926373" spans="14:14">
      <c r="N926373" s="10"/>
    </row>
    <row r="926374" spans="14:14">
      <c r="N926374" s="10"/>
    </row>
    <row r="926375" spans="14:14">
      <c r="N926375" s="10"/>
    </row>
    <row r="926376" spans="14:14">
      <c r="N926376" s="10"/>
    </row>
    <row r="926377" spans="14:14">
      <c r="N926377" s="10"/>
    </row>
    <row r="926378" spans="14:14">
      <c r="N926378" s="10"/>
    </row>
    <row r="926379" spans="14:14">
      <c r="N926379" s="10"/>
    </row>
    <row r="926380" spans="14:14">
      <c r="N926380" s="10"/>
    </row>
    <row r="926381" spans="14:14">
      <c r="N926381" s="10"/>
    </row>
    <row r="926382" spans="14:14">
      <c r="N926382" s="10"/>
    </row>
    <row r="926383" spans="14:14">
      <c r="N926383" s="10"/>
    </row>
    <row r="926384" spans="14:14">
      <c r="N926384" s="10"/>
    </row>
    <row r="926385" spans="14:14">
      <c r="N926385" s="10"/>
    </row>
    <row r="926386" spans="14:14">
      <c r="N926386" s="10"/>
    </row>
    <row r="926387" spans="14:14">
      <c r="N926387" s="10"/>
    </row>
    <row r="926388" spans="14:14">
      <c r="N926388" s="10"/>
    </row>
    <row r="926389" spans="14:14">
      <c r="N926389" s="10"/>
    </row>
    <row r="926390" spans="14:14">
      <c r="N926390" s="10"/>
    </row>
    <row r="926391" spans="14:14">
      <c r="N926391" s="10"/>
    </row>
    <row r="926392" spans="14:14">
      <c r="N926392" s="10"/>
    </row>
    <row r="926393" spans="14:14">
      <c r="N926393" s="10"/>
    </row>
    <row r="926394" spans="14:14">
      <c r="N926394" s="10"/>
    </row>
    <row r="926395" spans="14:14">
      <c r="N926395" s="10"/>
    </row>
    <row r="926396" spans="14:14">
      <c r="N926396" s="10"/>
    </row>
    <row r="926397" spans="14:14">
      <c r="N926397" s="10"/>
    </row>
    <row r="926398" spans="14:14">
      <c r="N926398" s="10"/>
    </row>
    <row r="926399" spans="14:14">
      <c r="N926399" s="10"/>
    </row>
    <row r="926400" spans="14:14">
      <c r="N926400" s="10"/>
    </row>
    <row r="926401" spans="14:14">
      <c r="N926401" s="10"/>
    </row>
    <row r="926402" spans="14:14">
      <c r="N926402" s="10"/>
    </row>
    <row r="926403" spans="14:14">
      <c r="N926403" s="10"/>
    </row>
    <row r="926404" spans="14:14">
      <c r="N926404" s="10"/>
    </row>
    <row r="926405" spans="14:14">
      <c r="N926405" s="10"/>
    </row>
    <row r="926406" spans="14:14">
      <c r="N926406" s="10"/>
    </row>
    <row r="926407" spans="14:14">
      <c r="N926407" s="10"/>
    </row>
    <row r="926408" spans="14:14">
      <c r="N926408" s="10"/>
    </row>
    <row r="926409" spans="14:14">
      <c r="N926409" s="10"/>
    </row>
    <row r="926410" spans="14:14">
      <c r="N926410" s="10"/>
    </row>
    <row r="926411" spans="14:14">
      <c r="N926411" s="10"/>
    </row>
    <row r="926412" spans="14:14">
      <c r="N926412" s="10"/>
    </row>
    <row r="926413" spans="14:14">
      <c r="N926413" s="10"/>
    </row>
    <row r="926414" spans="14:14">
      <c r="N926414" s="10"/>
    </row>
    <row r="926415" spans="14:14">
      <c r="N926415" s="10"/>
    </row>
    <row r="926416" spans="14:14">
      <c r="N926416" s="10"/>
    </row>
    <row r="926417" spans="14:14">
      <c r="N926417" s="10"/>
    </row>
    <row r="926418" spans="14:14">
      <c r="N926418" s="10"/>
    </row>
    <row r="926419" spans="14:14">
      <c r="N926419" s="10"/>
    </row>
    <row r="926420" spans="14:14">
      <c r="N926420" s="10"/>
    </row>
    <row r="926421" spans="14:14">
      <c r="N926421" s="10"/>
    </row>
    <row r="926422" spans="14:14">
      <c r="N926422" s="10"/>
    </row>
    <row r="926423" spans="14:14">
      <c r="N926423" s="10"/>
    </row>
    <row r="926424" spans="14:14">
      <c r="N926424" s="10"/>
    </row>
    <row r="926425" spans="14:14">
      <c r="N926425" s="10"/>
    </row>
    <row r="926426" spans="14:14">
      <c r="N926426" s="10"/>
    </row>
    <row r="926427" spans="14:14">
      <c r="N926427" s="10"/>
    </row>
    <row r="926428" spans="14:14">
      <c r="N926428" s="10"/>
    </row>
    <row r="926429" spans="14:14">
      <c r="N926429" s="10"/>
    </row>
    <row r="926430" spans="14:14">
      <c r="N926430" s="10"/>
    </row>
    <row r="926431" spans="14:14">
      <c r="N926431" s="10"/>
    </row>
    <row r="926432" spans="14:14">
      <c r="N926432" s="10"/>
    </row>
    <row r="926433" spans="14:14">
      <c r="N926433" s="10"/>
    </row>
    <row r="926434" spans="14:14">
      <c r="N926434" s="10"/>
    </row>
    <row r="926435" spans="14:14">
      <c r="N926435" s="10"/>
    </row>
    <row r="926436" spans="14:14">
      <c r="N926436" s="10"/>
    </row>
    <row r="926437" spans="14:14">
      <c r="N926437" s="10"/>
    </row>
    <row r="926438" spans="14:14">
      <c r="N926438" s="10"/>
    </row>
    <row r="926439" spans="14:14">
      <c r="N926439" s="10"/>
    </row>
    <row r="926440" spans="14:14">
      <c r="N926440" s="10"/>
    </row>
    <row r="926441" spans="14:14">
      <c r="N926441" s="10"/>
    </row>
    <row r="926442" spans="14:14">
      <c r="N926442" s="10"/>
    </row>
    <row r="926443" spans="14:14">
      <c r="N926443" s="10"/>
    </row>
    <row r="926444" spans="14:14">
      <c r="N926444" s="10"/>
    </row>
    <row r="926445" spans="14:14">
      <c r="N926445" s="10"/>
    </row>
    <row r="926446" spans="14:14">
      <c r="N926446" s="10"/>
    </row>
    <row r="926447" spans="14:14">
      <c r="N926447" s="10"/>
    </row>
    <row r="926448" spans="14:14">
      <c r="N926448" s="10"/>
    </row>
    <row r="926449" spans="14:14">
      <c r="N926449" s="10"/>
    </row>
    <row r="926450" spans="14:14">
      <c r="N926450" s="10"/>
    </row>
    <row r="926451" spans="14:14">
      <c r="N926451" s="10"/>
    </row>
    <row r="926452" spans="14:14">
      <c r="N926452" s="10"/>
    </row>
    <row r="926453" spans="14:14">
      <c r="N926453" s="10"/>
    </row>
    <row r="926454" spans="14:14">
      <c r="N926454" s="10"/>
    </row>
    <row r="926455" spans="14:14">
      <c r="N926455" s="10"/>
    </row>
    <row r="926456" spans="14:14">
      <c r="N926456" s="10"/>
    </row>
    <row r="926457" spans="14:14">
      <c r="N926457" s="10"/>
    </row>
    <row r="926458" spans="14:14">
      <c r="N926458" s="10"/>
    </row>
    <row r="926459" spans="14:14">
      <c r="N926459" s="10"/>
    </row>
    <row r="926460" spans="14:14">
      <c r="N926460" s="10"/>
    </row>
    <row r="926461" spans="14:14">
      <c r="N926461" s="10"/>
    </row>
    <row r="926462" spans="14:14">
      <c r="N926462" s="10"/>
    </row>
    <row r="926463" spans="14:14">
      <c r="N926463" s="10"/>
    </row>
    <row r="926464" spans="14:14">
      <c r="N926464" s="10"/>
    </row>
    <row r="926465" spans="14:14">
      <c r="N926465" s="10"/>
    </row>
    <row r="926466" spans="14:14">
      <c r="N926466" s="10"/>
    </row>
    <row r="926467" spans="14:14">
      <c r="N926467" s="10"/>
    </row>
    <row r="926468" spans="14:14">
      <c r="N926468" s="10"/>
    </row>
    <row r="926469" spans="14:14">
      <c r="N926469" s="10"/>
    </row>
    <row r="926470" spans="14:14">
      <c r="N926470" s="10"/>
    </row>
    <row r="926471" spans="14:14">
      <c r="N926471" s="10"/>
    </row>
    <row r="926472" spans="14:14">
      <c r="N926472" s="10"/>
    </row>
    <row r="926473" spans="14:14">
      <c r="N926473" s="10"/>
    </row>
    <row r="926474" spans="14:14">
      <c r="N926474" s="10"/>
    </row>
    <row r="926475" spans="14:14">
      <c r="N926475" s="10"/>
    </row>
    <row r="926476" spans="14:14">
      <c r="N926476" s="10"/>
    </row>
    <row r="926477" spans="14:14">
      <c r="N926477" s="10"/>
    </row>
    <row r="926478" spans="14:14">
      <c r="N926478" s="10"/>
    </row>
    <row r="926479" spans="14:14">
      <c r="N926479" s="10"/>
    </row>
    <row r="926480" spans="14:14">
      <c r="N926480" s="10"/>
    </row>
    <row r="926481" spans="14:14">
      <c r="N926481" s="10"/>
    </row>
    <row r="926482" spans="14:14">
      <c r="N926482" s="10"/>
    </row>
    <row r="926483" spans="14:14">
      <c r="N926483" s="10"/>
    </row>
    <row r="926484" spans="14:14">
      <c r="N926484" s="10"/>
    </row>
    <row r="926485" spans="14:14">
      <c r="N926485" s="10"/>
    </row>
    <row r="926486" spans="14:14">
      <c r="N926486" s="10"/>
    </row>
    <row r="926487" spans="14:14">
      <c r="N926487" s="10"/>
    </row>
    <row r="926488" spans="14:14">
      <c r="N926488" s="10"/>
    </row>
    <row r="926489" spans="14:14">
      <c r="N926489" s="10"/>
    </row>
    <row r="926490" spans="14:14">
      <c r="N926490" s="10"/>
    </row>
    <row r="926491" spans="14:14">
      <c r="N926491" s="10"/>
    </row>
    <row r="926492" spans="14:14">
      <c r="N926492" s="10"/>
    </row>
    <row r="926493" spans="14:14">
      <c r="N926493" s="10"/>
    </row>
    <row r="926494" spans="14:14">
      <c r="N926494" s="10"/>
    </row>
    <row r="926495" spans="14:14">
      <c r="N926495" s="10"/>
    </row>
    <row r="926496" spans="14:14">
      <c r="N926496" s="10"/>
    </row>
    <row r="926497" spans="14:14">
      <c r="N926497" s="10"/>
    </row>
    <row r="926498" spans="14:14">
      <c r="N926498" s="10"/>
    </row>
    <row r="926499" spans="14:14">
      <c r="N926499" s="10"/>
    </row>
    <row r="926500" spans="14:14">
      <c r="N926500" s="10"/>
    </row>
    <row r="926501" spans="14:14">
      <c r="N926501" s="10"/>
    </row>
    <row r="926502" spans="14:14">
      <c r="N926502" s="10"/>
    </row>
    <row r="926503" spans="14:14">
      <c r="N926503" s="10"/>
    </row>
    <row r="926504" spans="14:14">
      <c r="N926504" s="10"/>
    </row>
    <row r="926505" spans="14:14">
      <c r="N926505" s="10"/>
    </row>
    <row r="926506" spans="14:14">
      <c r="N926506" s="10"/>
    </row>
    <row r="926507" spans="14:14">
      <c r="N926507" s="10"/>
    </row>
    <row r="926508" spans="14:14">
      <c r="N926508" s="10"/>
    </row>
    <row r="926509" spans="14:14">
      <c r="N926509" s="10"/>
    </row>
    <row r="926510" spans="14:14">
      <c r="N926510" s="10"/>
    </row>
    <row r="926511" spans="14:14">
      <c r="N926511" s="10"/>
    </row>
    <row r="926512" spans="14:14">
      <c r="N926512" s="10"/>
    </row>
    <row r="926513" spans="14:14">
      <c r="N926513" s="10"/>
    </row>
    <row r="926514" spans="14:14">
      <c r="N926514" s="10"/>
    </row>
    <row r="926515" spans="14:14">
      <c r="N926515" s="10"/>
    </row>
    <row r="926516" spans="14:14">
      <c r="N926516" s="10"/>
    </row>
    <row r="926517" spans="14:14">
      <c r="N926517" s="10"/>
    </row>
    <row r="926518" spans="14:14">
      <c r="N926518" s="10"/>
    </row>
    <row r="926519" spans="14:14">
      <c r="N926519" s="10"/>
    </row>
    <row r="926520" spans="14:14">
      <c r="N926520" s="10"/>
    </row>
    <row r="926521" spans="14:14">
      <c r="N926521" s="10"/>
    </row>
    <row r="926522" spans="14:14">
      <c r="N926522" s="10"/>
    </row>
    <row r="926523" spans="14:14">
      <c r="N926523" s="10"/>
    </row>
    <row r="926524" spans="14:14">
      <c r="N926524" s="10"/>
    </row>
    <row r="926525" spans="14:14">
      <c r="N926525" s="10"/>
    </row>
    <row r="926526" spans="14:14">
      <c r="N926526" s="10"/>
    </row>
    <row r="926527" spans="14:14">
      <c r="N926527" s="10"/>
    </row>
    <row r="926528" spans="14:14">
      <c r="N926528" s="10"/>
    </row>
    <row r="926529" spans="14:14">
      <c r="N926529" s="10"/>
    </row>
    <row r="926530" spans="14:14">
      <c r="N926530" s="10"/>
    </row>
    <row r="926531" spans="14:14">
      <c r="N926531" s="10"/>
    </row>
    <row r="926532" spans="14:14">
      <c r="N926532" s="10"/>
    </row>
    <row r="926533" spans="14:14">
      <c r="N926533" s="10"/>
    </row>
    <row r="926534" spans="14:14">
      <c r="N926534" s="10"/>
    </row>
    <row r="926535" spans="14:14">
      <c r="N926535" s="10"/>
    </row>
    <row r="926536" spans="14:14">
      <c r="N926536" s="10"/>
    </row>
    <row r="926537" spans="14:14">
      <c r="N926537" s="10"/>
    </row>
    <row r="926538" spans="14:14">
      <c r="N926538" s="10"/>
    </row>
    <row r="926539" spans="14:14">
      <c r="N926539" s="10"/>
    </row>
    <row r="926540" spans="14:14">
      <c r="N926540" s="10"/>
    </row>
    <row r="926541" spans="14:14">
      <c r="N926541" s="10"/>
    </row>
    <row r="926542" spans="14:14">
      <c r="N926542" s="10"/>
    </row>
    <row r="926543" spans="14:14">
      <c r="N926543" s="10"/>
    </row>
    <row r="926544" spans="14:14">
      <c r="N926544" s="10"/>
    </row>
    <row r="926545" spans="14:14">
      <c r="N926545" s="10"/>
    </row>
    <row r="926546" spans="14:14">
      <c r="N926546" s="10"/>
    </row>
    <row r="926547" spans="14:14">
      <c r="N926547" s="10"/>
    </row>
    <row r="926548" spans="14:14">
      <c r="N926548" s="10"/>
    </row>
    <row r="926549" spans="14:14">
      <c r="N926549" s="10"/>
    </row>
    <row r="926550" spans="14:14">
      <c r="N926550" s="10"/>
    </row>
    <row r="926551" spans="14:14">
      <c r="N926551" s="10"/>
    </row>
    <row r="926552" spans="14:14">
      <c r="N926552" s="10"/>
    </row>
    <row r="926553" spans="14:14">
      <c r="N926553" s="10"/>
    </row>
    <row r="926554" spans="14:14">
      <c r="N926554" s="10"/>
    </row>
    <row r="926555" spans="14:14">
      <c r="N926555" s="10"/>
    </row>
    <row r="926556" spans="14:14">
      <c r="N926556" s="10"/>
    </row>
    <row r="926557" spans="14:14">
      <c r="N926557" s="10"/>
    </row>
    <row r="926558" spans="14:14">
      <c r="N926558" s="10"/>
    </row>
    <row r="926559" spans="14:14">
      <c r="N926559" s="10"/>
    </row>
    <row r="926560" spans="14:14">
      <c r="N926560" s="10"/>
    </row>
    <row r="926561" spans="14:14">
      <c r="N926561" s="10"/>
    </row>
    <row r="926562" spans="14:14">
      <c r="N926562" s="10"/>
    </row>
    <row r="926563" spans="14:14">
      <c r="N926563" s="10"/>
    </row>
    <row r="926564" spans="14:14">
      <c r="N926564" s="10"/>
    </row>
    <row r="926565" spans="14:14">
      <c r="N926565" s="10"/>
    </row>
    <row r="926566" spans="14:14">
      <c r="N926566" s="10"/>
    </row>
    <row r="926567" spans="14:14">
      <c r="N926567" s="10"/>
    </row>
    <row r="926568" spans="14:14">
      <c r="N926568" s="10"/>
    </row>
    <row r="926569" spans="14:14">
      <c r="N926569" s="10"/>
    </row>
    <row r="926570" spans="14:14">
      <c r="N926570" s="10"/>
    </row>
    <row r="926571" spans="14:14">
      <c r="N926571" s="10"/>
    </row>
    <row r="926572" spans="14:14">
      <c r="N926572" s="10"/>
    </row>
    <row r="926573" spans="14:14">
      <c r="N926573" s="10"/>
    </row>
    <row r="926574" spans="14:14">
      <c r="N926574" s="10"/>
    </row>
    <row r="926575" spans="14:14">
      <c r="N926575" s="10"/>
    </row>
    <row r="926576" spans="14:14">
      <c r="N926576" s="10"/>
    </row>
    <row r="926577" spans="14:14">
      <c r="N926577" s="10"/>
    </row>
    <row r="926578" spans="14:14">
      <c r="N926578" s="10"/>
    </row>
    <row r="926579" spans="14:14">
      <c r="N926579" s="10"/>
    </row>
    <row r="926580" spans="14:14">
      <c r="N926580" s="10"/>
    </row>
    <row r="926581" spans="14:14">
      <c r="N926581" s="10"/>
    </row>
    <row r="926582" spans="14:14">
      <c r="N926582" s="10"/>
    </row>
    <row r="926583" spans="14:14">
      <c r="N926583" s="10"/>
    </row>
    <row r="926584" spans="14:14">
      <c r="N926584" s="10"/>
    </row>
    <row r="926585" spans="14:14">
      <c r="N926585" s="10"/>
    </row>
    <row r="926586" spans="14:14">
      <c r="N926586" s="10"/>
    </row>
    <row r="926587" spans="14:14">
      <c r="N926587" s="10"/>
    </row>
    <row r="926588" spans="14:14">
      <c r="N926588" s="10"/>
    </row>
    <row r="926589" spans="14:14">
      <c r="N926589" s="10"/>
    </row>
    <row r="926590" spans="14:14">
      <c r="N926590" s="10"/>
    </row>
    <row r="926591" spans="14:14">
      <c r="N926591" s="10"/>
    </row>
    <row r="926592" spans="14:14">
      <c r="N926592" s="10"/>
    </row>
    <row r="926593" spans="14:14">
      <c r="N926593" s="10"/>
    </row>
    <row r="926594" spans="14:14">
      <c r="N926594" s="10"/>
    </row>
    <row r="926595" spans="14:14">
      <c r="N926595" s="10"/>
    </row>
    <row r="926596" spans="14:14">
      <c r="N926596" s="10"/>
    </row>
    <row r="926597" spans="14:14">
      <c r="N926597" s="10"/>
    </row>
    <row r="926598" spans="14:14">
      <c r="N926598" s="10"/>
    </row>
    <row r="926599" spans="14:14">
      <c r="N926599" s="10"/>
    </row>
    <row r="926600" spans="14:14">
      <c r="N926600" s="10"/>
    </row>
    <row r="926601" spans="14:14">
      <c r="N926601" s="10"/>
    </row>
    <row r="926602" spans="14:14">
      <c r="N926602" s="10"/>
    </row>
    <row r="926603" spans="14:14">
      <c r="N926603" s="10"/>
    </row>
    <row r="926604" spans="14:14">
      <c r="N926604" s="10"/>
    </row>
    <row r="926605" spans="14:14">
      <c r="N926605" s="10"/>
    </row>
    <row r="926606" spans="14:14">
      <c r="N926606" s="10"/>
    </row>
    <row r="926607" spans="14:14">
      <c r="N926607" s="10"/>
    </row>
    <row r="926608" spans="14:14">
      <c r="N926608" s="10"/>
    </row>
    <row r="926609" spans="14:14">
      <c r="N926609" s="10"/>
    </row>
    <row r="926610" spans="14:14">
      <c r="N926610" s="10"/>
    </row>
    <row r="926611" spans="14:14">
      <c r="N926611" s="10"/>
    </row>
    <row r="926612" spans="14:14">
      <c r="N926612" s="10"/>
    </row>
    <row r="926613" spans="14:14">
      <c r="N926613" s="10"/>
    </row>
    <row r="926614" spans="14:14">
      <c r="N926614" s="10"/>
    </row>
    <row r="926615" spans="14:14">
      <c r="N926615" s="10"/>
    </row>
    <row r="926616" spans="14:14">
      <c r="N926616" s="10"/>
    </row>
    <row r="926617" spans="14:14">
      <c r="N926617" s="10"/>
    </row>
    <row r="926618" spans="14:14">
      <c r="N926618" s="10"/>
    </row>
    <row r="926619" spans="14:14">
      <c r="N926619" s="10"/>
    </row>
    <row r="926620" spans="14:14">
      <c r="N926620" s="10"/>
    </row>
    <row r="926621" spans="14:14">
      <c r="N926621" s="10"/>
    </row>
    <row r="926622" spans="14:14">
      <c r="N926622" s="10"/>
    </row>
    <row r="926623" spans="14:14">
      <c r="N926623" s="10"/>
    </row>
    <row r="926624" spans="14:14">
      <c r="N926624" s="10"/>
    </row>
    <row r="926625" spans="14:14">
      <c r="N926625" s="10"/>
    </row>
    <row r="926626" spans="14:14">
      <c r="N926626" s="10"/>
    </row>
    <row r="926627" spans="14:14">
      <c r="N926627" s="10"/>
    </row>
    <row r="926628" spans="14:14">
      <c r="N926628" s="10"/>
    </row>
    <row r="926629" spans="14:14">
      <c r="N926629" s="10"/>
    </row>
    <row r="926630" spans="14:14">
      <c r="N926630" s="10"/>
    </row>
    <row r="926631" spans="14:14">
      <c r="N926631" s="10"/>
    </row>
    <row r="926632" spans="14:14">
      <c r="N926632" s="10"/>
    </row>
    <row r="926633" spans="14:14">
      <c r="N926633" s="10"/>
    </row>
    <row r="926634" spans="14:14">
      <c r="N926634" s="10"/>
    </row>
    <row r="926635" spans="14:14">
      <c r="N926635" s="10"/>
    </row>
    <row r="926636" spans="14:14">
      <c r="N926636" s="10"/>
    </row>
    <row r="926637" spans="14:14">
      <c r="N926637" s="10"/>
    </row>
    <row r="926638" spans="14:14">
      <c r="N926638" s="10"/>
    </row>
    <row r="926639" spans="14:14">
      <c r="N926639" s="10"/>
    </row>
    <row r="926640" spans="14:14">
      <c r="N926640" s="10"/>
    </row>
    <row r="926641" spans="14:14">
      <c r="N926641" s="10"/>
    </row>
    <row r="926642" spans="14:14">
      <c r="N926642" s="10"/>
    </row>
    <row r="926643" spans="14:14">
      <c r="N926643" s="10"/>
    </row>
    <row r="926644" spans="14:14">
      <c r="N926644" s="10"/>
    </row>
    <row r="926645" spans="14:14">
      <c r="N926645" s="10"/>
    </row>
    <row r="926646" spans="14:14">
      <c r="N926646" s="10"/>
    </row>
    <row r="926647" spans="14:14">
      <c r="N926647" s="10"/>
    </row>
    <row r="926648" spans="14:14">
      <c r="N926648" s="10"/>
    </row>
    <row r="926649" spans="14:14">
      <c r="N926649" s="10"/>
    </row>
    <row r="926650" spans="14:14">
      <c r="N926650" s="10"/>
    </row>
    <row r="926651" spans="14:14">
      <c r="N926651" s="10"/>
    </row>
    <row r="926652" spans="14:14">
      <c r="N926652" s="10"/>
    </row>
    <row r="926653" spans="14:14">
      <c r="N926653" s="10"/>
    </row>
    <row r="926654" spans="14:14">
      <c r="N926654" s="10"/>
    </row>
    <row r="926655" spans="14:14">
      <c r="N926655" s="10"/>
    </row>
    <row r="926656" spans="14:14">
      <c r="N926656" s="10"/>
    </row>
    <row r="926657" spans="14:14">
      <c r="N926657" s="10"/>
    </row>
    <row r="926658" spans="14:14">
      <c r="N926658" s="10"/>
    </row>
    <row r="926659" spans="14:14">
      <c r="N926659" s="10"/>
    </row>
    <row r="926660" spans="14:14">
      <c r="N926660" s="10"/>
    </row>
    <row r="926661" spans="14:14">
      <c r="N926661" s="10"/>
    </row>
    <row r="926662" spans="14:14">
      <c r="N926662" s="10"/>
    </row>
    <row r="926663" spans="14:14">
      <c r="N926663" s="10"/>
    </row>
    <row r="926664" spans="14:14">
      <c r="N926664" s="10"/>
    </row>
    <row r="926665" spans="14:14">
      <c r="N926665" s="10"/>
    </row>
    <row r="926666" spans="14:14">
      <c r="N926666" s="10"/>
    </row>
    <row r="926667" spans="14:14">
      <c r="N926667" s="10"/>
    </row>
    <row r="926668" spans="14:14">
      <c r="N926668" s="10"/>
    </row>
    <row r="926669" spans="14:14">
      <c r="N926669" s="10"/>
    </row>
    <row r="926670" spans="14:14">
      <c r="N926670" s="10"/>
    </row>
    <row r="926671" spans="14:14">
      <c r="N926671" s="10"/>
    </row>
    <row r="926672" spans="14:14">
      <c r="N926672" s="10"/>
    </row>
    <row r="926673" spans="14:14">
      <c r="N926673" s="10"/>
    </row>
    <row r="926674" spans="14:14">
      <c r="N926674" s="10"/>
    </row>
    <row r="926675" spans="14:14">
      <c r="N926675" s="10"/>
    </row>
    <row r="926676" spans="14:14">
      <c r="N926676" s="10"/>
    </row>
    <row r="926677" spans="14:14">
      <c r="N926677" s="10"/>
    </row>
    <row r="926678" spans="14:14">
      <c r="N926678" s="10"/>
    </row>
    <row r="926679" spans="14:14">
      <c r="N926679" s="10"/>
    </row>
    <row r="926680" spans="14:14">
      <c r="N926680" s="10"/>
    </row>
    <row r="926681" spans="14:14">
      <c r="N926681" s="10"/>
    </row>
    <row r="926682" spans="14:14">
      <c r="N926682" s="10"/>
    </row>
    <row r="926683" spans="14:14">
      <c r="N926683" s="10"/>
    </row>
    <row r="926684" spans="14:14">
      <c r="N926684" s="10"/>
    </row>
    <row r="926685" spans="14:14">
      <c r="N926685" s="10"/>
    </row>
    <row r="926686" spans="14:14">
      <c r="N926686" s="10"/>
    </row>
    <row r="926687" spans="14:14">
      <c r="N926687" s="10"/>
    </row>
    <row r="926688" spans="14:14">
      <c r="N926688" s="10"/>
    </row>
    <row r="926689" spans="14:14">
      <c r="N926689" s="10"/>
    </row>
    <row r="926690" spans="14:14">
      <c r="N926690" s="10"/>
    </row>
    <row r="926691" spans="14:14">
      <c r="N926691" s="10"/>
    </row>
    <row r="926692" spans="14:14">
      <c r="N926692" s="10"/>
    </row>
    <row r="926693" spans="14:14">
      <c r="N926693" s="10"/>
    </row>
    <row r="926694" spans="14:14">
      <c r="N926694" s="10"/>
    </row>
    <row r="926695" spans="14:14">
      <c r="N926695" s="10"/>
    </row>
    <row r="926696" spans="14:14">
      <c r="N926696" s="10"/>
    </row>
    <row r="926697" spans="14:14">
      <c r="N926697" s="10"/>
    </row>
    <row r="926698" spans="14:14">
      <c r="N926698" s="10"/>
    </row>
    <row r="926699" spans="14:14">
      <c r="N926699" s="10"/>
    </row>
    <row r="926700" spans="14:14">
      <c r="N926700" s="10"/>
    </row>
    <row r="926701" spans="14:14">
      <c r="N926701" s="10"/>
    </row>
    <row r="926702" spans="14:14">
      <c r="N926702" s="10"/>
    </row>
    <row r="926703" spans="14:14">
      <c r="N926703" s="10"/>
    </row>
    <row r="926704" spans="14:14">
      <c r="N926704" s="10"/>
    </row>
    <row r="926705" spans="14:14">
      <c r="N926705" s="10"/>
    </row>
    <row r="926706" spans="14:14">
      <c r="N926706" s="10"/>
    </row>
    <row r="926707" spans="14:14">
      <c r="N926707" s="10"/>
    </row>
    <row r="926708" spans="14:14">
      <c r="N926708" s="10"/>
    </row>
    <row r="926709" spans="14:14">
      <c r="N926709" s="10"/>
    </row>
    <row r="926710" spans="14:14">
      <c r="N926710" s="10"/>
    </row>
    <row r="926711" spans="14:14">
      <c r="N926711" s="10"/>
    </row>
    <row r="926712" spans="14:14">
      <c r="N926712" s="10"/>
    </row>
    <row r="926713" spans="14:14">
      <c r="N926713" s="10"/>
    </row>
    <row r="926714" spans="14:14">
      <c r="N926714" s="10"/>
    </row>
    <row r="926715" spans="14:14">
      <c r="N926715" s="10"/>
    </row>
    <row r="926716" spans="14:14">
      <c r="N926716" s="10"/>
    </row>
    <row r="926717" spans="14:14">
      <c r="N926717" s="10"/>
    </row>
    <row r="926718" spans="14:14">
      <c r="N926718" s="10"/>
    </row>
    <row r="926719" spans="14:14">
      <c r="N926719" s="10"/>
    </row>
    <row r="926720" spans="14:14">
      <c r="N926720" s="10"/>
    </row>
    <row r="926721" spans="14:14">
      <c r="N926721" s="10"/>
    </row>
    <row r="926722" spans="14:14">
      <c r="N926722" s="10"/>
    </row>
    <row r="926723" spans="14:14">
      <c r="N926723" s="10"/>
    </row>
    <row r="926724" spans="14:14">
      <c r="N926724" s="10"/>
    </row>
    <row r="926725" spans="14:14">
      <c r="N926725" s="10"/>
    </row>
    <row r="926726" spans="14:14">
      <c r="N926726" s="10"/>
    </row>
    <row r="926727" spans="14:14">
      <c r="N926727" s="10"/>
    </row>
    <row r="926728" spans="14:14">
      <c r="N926728" s="10"/>
    </row>
    <row r="926729" spans="14:14">
      <c r="N926729" s="10"/>
    </row>
    <row r="926730" spans="14:14">
      <c r="N926730" s="10"/>
    </row>
    <row r="926731" spans="14:14">
      <c r="N926731" s="10"/>
    </row>
    <row r="926732" spans="14:14">
      <c r="N926732" s="10"/>
    </row>
    <row r="926733" spans="14:14">
      <c r="N926733" s="10"/>
    </row>
    <row r="926734" spans="14:14">
      <c r="N926734" s="10"/>
    </row>
    <row r="926735" spans="14:14">
      <c r="N926735" s="10"/>
    </row>
    <row r="926736" spans="14:14">
      <c r="N926736" s="10"/>
    </row>
    <row r="926737" spans="14:14">
      <c r="N926737" s="10"/>
    </row>
    <row r="926738" spans="14:14">
      <c r="N926738" s="10"/>
    </row>
    <row r="926739" spans="14:14">
      <c r="N926739" s="10"/>
    </row>
    <row r="926740" spans="14:14">
      <c r="N926740" s="10"/>
    </row>
    <row r="926741" spans="14:14">
      <c r="N926741" s="10"/>
    </row>
    <row r="926742" spans="14:14">
      <c r="N926742" s="10"/>
    </row>
    <row r="926743" spans="14:14">
      <c r="N926743" s="10"/>
    </row>
    <row r="926744" spans="14:14">
      <c r="N926744" s="10"/>
    </row>
    <row r="926745" spans="14:14">
      <c r="N926745" s="10"/>
    </row>
    <row r="926746" spans="14:14">
      <c r="N926746" s="10"/>
    </row>
    <row r="926747" spans="14:14">
      <c r="N926747" s="10"/>
    </row>
    <row r="926748" spans="14:14">
      <c r="N926748" s="10"/>
    </row>
    <row r="926749" spans="14:14">
      <c r="N926749" s="10"/>
    </row>
    <row r="926750" spans="14:14">
      <c r="N926750" s="10"/>
    </row>
    <row r="926751" spans="14:14">
      <c r="N926751" s="10"/>
    </row>
    <row r="926752" spans="14:14">
      <c r="N926752" s="10"/>
    </row>
    <row r="926753" spans="14:14">
      <c r="N926753" s="10"/>
    </row>
    <row r="926754" spans="14:14">
      <c r="N926754" s="10"/>
    </row>
    <row r="926755" spans="14:14">
      <c r="N926755" s="10"/>
    </row>
    <row r="926756" spans="14:14">
      <c r="N926756" s="10"/>
    </row>
    <row r="926757" spans="14:14">
      <c r="N926757" s="10"/>
    </row>
    <row r="926758" spans="14:14">
      <c r="N926758" s="10"/>
    </row>
    <row r="926759" spans="14:14">
      <c r="N926759" s="10"/>
    </row>
    <row r="926760" spans="14:14">
      <c r="N926760" s="10"/>
    </row>
    <row r="926761" spans="14:14">
      <c r="N926761" s="10"/>
    </row>
    <row r="926762" spans="14:14">
      <c r="N926762" s="10"/>
    </row>
    <row r="926763" spans="14:14">
      <c r="N926763" s="10"/>
    </row>
    <row r="926764" spans="14:14">
      <c r="N926764" s="10"/>
    </row>
    <row r="926765" spans="14:14">
      <c r="N926765" s="10"/>
    </row>
    <row r="926766" spans="14:14">
      <c r="N926766" s="10"/>
    </row>
    <row r="926767" spans="14:14">
      <c r="N926767" s="10"/>
    </row>
    <row r="926768" spans="14:14">
      <c r="N926768" s="10"/>
    </row>
    <row r="926769" spans="14:14">
      <c r="N926769" s="10"/>
    </row>
    <row r="926770" spans="14:14">
      <c r="N926770" s="10"/>
    </row>
    <row r="926771" spans="14:14">
      <c r="N926771" s="10"/>
    </row>
    <row r="926772" spans="14:14">
      <c r="N926772" s="10"/>
    </row>
    <row r="926773" spans="14:14">
      <c r="N926773" s="10"/>
    </row>
    <row r="926774" spans="14:14">
      <c r="N926774" s="10"/>
    </row>
    <row r="926775" spans="14:14">
      <c r="N926775" s="10"/>
    </row>
    <row r="926776" spans="14:14">
      <c r="N926776" s="10"/>
    </row>
    <row r="926777" spans="14:14">
      <c r="N926777" s="10"/>
    </row>
    <row r="926778" spans="14:14">
      <c r="N926778" s="10"/>
    </row>
    <row r="926779" spans="14:14">
      <c r="N926779" s="10"/>
    </row>
    <row r="926780" spans="14:14">
      <c r="N926780" s="10"/>
    </row>
    <row r="926781" spans="14:14">
      <c r="N926781" s="10"/>
    </row>
    <row r="926782" spans="14:14">
      <c r="N926782" s="10"/>
    </row>
    <row r="926783" spans="14:14">
      <c r="N926783" s="10"/>
    </row>
    <row r="926784" spans="14:14">
      <c r="N926784" s="10"/>
    </row>
    <row r="926785" spans="14:14">
      <c r="N926785" s="10"/>
    </row>
    <row r="926786" spans="14:14">
      <c r="N926786" s="10"/>
    </row>
    <row r="926787" spans="14:14">
      <c r="N926787" s="10"/>
    </row>
    <row r="926788" spans="14:14">
      <c r="N926788" s="10"/>
    </row>
    <row r="926789" spans="14:14">
      <c r="N926789" s="10"/>
    </row>
    <row r="926790" spans="14:14">
      <c r="N926790" s="10"/>
    </row>
    <row r="926791" spans="14:14">
      <c r="N926791" s="10"/>
    </row>
    <row r="926792" spans="14:14">
      <c r="N926792" s="10"/>
    </row>
    <row r="926793" spans="14:14">
      <c r="N926793" s="10"/>
    </row>
    <row r="926794" spans="14:14">
      <c r="N926794" s="10"/>
    </row>
    <row r="926795" spans="14:14">
      <c r="N926795" s="10"/>
    </row>
    <row r="926796" spans="14:14">
      <c r="N926796" s="10"/>
    </row>
    <row r="926797" spans="14:14">
      <c r="N926797" s="10"/>
    </row>
    <row r="926798" spans="14:14">
      <c r="N926798" s="10"/>
    </row>
    <row r="926799" spans="14:14">
      <c r="N926799" s="10"/>
    </row>
    <row r="926800" spans="14:14">
      <c r="N926800" s="10"/>
    </row>
    <row r="926801" spans="14:14">
      <c r="N926801" s="10"/>
    </row>
    <row r="926802" spans="14:14">
      <c r="N926802" s="10"/>
    </row>
    <row r="926803" spans="14:14">
      <c r="N926803" s="10"/>
    </row>
    <row r="926804" spans="14:14">
      <c r="N926804" s="10"/>
    </row>
    <row r="926805" spans="14:14">
      <c r="N926805" s="10"/>
    </row>
    <row r="926806" spans="14:14">
      <c r="N926806" s="10"/>
    </row>
    <row r="926807" spans="14:14">
      <c r="N926807" s="10"/>
    </row>
    <row r="926808" spans="14:14">
      <c r="N926808" s="10"/>
    </row>
    <row r="926809" spans="14:14">
      <c r="N926809" s="10"/>
    </row>
    <row r="926810" spans="14:14">
      <c r="N926810" s="10"/>
    </row>
    <row r="926811" spans="14:14">
      <c r="N926811" s="10"/>
    </row>
    <row r="926812" spans="14:14">
      <c r="N926812" s="10"/>
    </row>
    <row r="926813" spans="14:14">
      <c r="N926813" s="10"/>
    </row>
    <row r="926814" spans="14:14">
      <c r="N926814" s="10"/>
    </row>
    <row r="926815" spans="14:14">
      <c r="N926815" s="10"/>
    </row>
    <row r="926816" spans="14:14">
      <c r="N926816" s="10"/>
    </row>
    <row r="926817" spans="14:14">
      <c r="N926817" s="10"/>
    </row>
    <row r="926818" spans="14:14">
      <c r="N926818" s="10"/>
    </row>
    <row r="926819" spans="14:14">
      <c r="N926819" s="10"/>
    </row>
    <row r="926820" spans="14:14">
      <c r="N926820" s="10"/>
    </row>
    <row r="926821" spans="14:14">
      <c r="N926821" s="10"/>
    </row>
    <row r="926822" spans="14:14">
      <c r="N926822" s="10"/>
    </row>
    <row r="926823" spans="14:14">
      <c r="N926823" s="10"/>
    </row>
    <row r="926824" spans="14:14">
      <c r="N926824" s="10"/>
    </row>
    <row r="926825" spans="14:14">
      <c r="N926825" s="10"/>
    </row>
    <row r="926826" spans="14:14">
      <c r="N926826" s="10"/>
    </row>
    <row r="926827" spans="14:14">
      <c r="N926827" s="10"/>
    </row>
    <row r="926828" spans="14:14">
      <c r="N926828" s="10"/>
    </row>
    <row r="926829" spans="14:14">
      <c r="N926829" s="10"/>
    </row>
    <row r="926830" spans="14:14">
      <c r="N926830" s="10"/>
    </row>
    <row r="926831" spans="14:14">
      <c r="N926831" s="10"/>
    </row>
    <row r="926832" spans="14:14">
      <c r="N926832" s="10"/>
    </row>
    <row r="926833" spans="14:14">
      <c r="N926833" s="10"/>
    </row>
    <row r="926834" spans="14:14">
      <c r="N926834" s="10"/>
    </row>
    <row r="926835" spans="14:14">
      <c r="N926835" s="10"/>
    </row>
    <row r="926836" spans="14:14">
      <c r="N926836" s="10"/>
    </row>
    <row r="926837" spans="14:14">
      <c r="N926837" s="10"/>
    </row>
    <row r="926838" spans="14:14">
      <c r="N926838" s="10"/>
    </row>
    <row r="926839" spans="14:14">
      <c r="N926839" s="10"/>
    </row>
    <row r="926840" spans="14:14">
      <c r="N926840" s="10"/>
    </row>
    <row r="926841" spans="14:14">
      <c r="N926841" s="10"/>
    </row>
    <row r="926842" spans="14:14">
      <c r="N926842" s="10"/>
    </row>
    <row r="926843" spans="14:14">
      <c r="N926843" s="10"/>
    </row>
    <row r="926844" spans="14:14">
      <c r="N926844" s="10"/>
    </row>
    <row r="926845" spans="14:14">
      <c r="N926845" s="10"/>
    </row>
    <row r="926846" spans="14:14">
      <c r="N926846" s="10"/>
    </row>
    <row r="926847" spans="14:14">
      <c r="N926847" s="10"/>
    </row>
    <row r="926848" spans="14:14">
      <c r="N926848" s="10"/>
    </row>
    <row r="926849" spans="14:14">
      <c r="N926849" s="10"/>
    </row>
    <row r="926850" spans="14:14">
      <c r="N926850" s="10"/>
    </row>
    <row r="926851" spans="14:14">
      <c r="N926851" s="10"/>
    </row>
    <row r="926852" spans="14:14">
      <c r="N926852" s="10"/>
    </row>
    <row r="926853" spans="14:14">
      <c r="N926853" s="10"/>
    </row>
    <row r="926854" spans="14:14">
      <c r="N926854" s="10"/>
    </row>
    <row r="926855" spans="14:14">
      <c r="N926855" s="10"/>
    </row>
    <row r="926856" spans="14:14">
      <c r="N926856" s="10"/>
    </row>
    <row r="926857" spans="14:14">
      <c r="N926857" s="10"/>
    </row>
    <row r="926858" spans="14:14">
      <c r="N926858" s="10"/>
    </row>
    <row r="926859" spans="14:14">
      <c r="N926859" s="10"/>
    </row>
    <row r="926860" spans="14:14">
      <c r="N926860" s="10"/>
    </row>
    <row r="926861" spans="14:14">
      <c r="N926861" s="10"/>
    </row>
    <row r="926862" spans="14:14">
      <c r="N926862" s="10"/>
    </row>
    <row r="926863" spans="14:14">
      <c r="N926863" s="10"/>
    </row>
    <row r="926864" spans="14:14">
      <c r="N926864" s="10"/>
    </row>
    <row r="926865" spans="14:14">
      <c r="N926865" s="10"/>
    </row>
    <row r="926866" spans="14:14">
      <c r="N926866" s="10"/>
    </row>
    <row r="926867" spans="14:14">
      <c r="N926867" s="10"/>
    </row>
    <row r="926868" spans="14:14">
      <c r="N926868" s="10"/>
    </row>
    <row r="926869" spans="14:14">
      <c r="N926869" s="10"/>
    </row>
    <row r="926870" spans="14:14">
      <c r="N926870" s="10"/>
    </row>
    <row r="926871" spans="14:14">
      <c r="N926871" s="10"/>
    </row>
    <row r="926872" spans="14:14">
      <c r="N926872" s="10"/>
    </row>
    <row r="926873" spans="14:14">
      <c r="N926873" s="10"/>
    </row>
    <row r="926874" spans="14:14">
      <c r="N926874" s="10"/>
    </row>
    <row r="926875" spans="14:14">
      <c r="N926875" s="10"/>
    </row>
    <row r="926876" spans="14:14">
      <c r="N926876" s="10"/>
    </row>
    <row r="926877" spans="14:14">
      <c r="N926877" s="10"/>
    </row>
    <row r="926878" spans="14:14">
      <c r="N926878" s="10"/>
    </row>
    <row r="926879" spans="14:14">
      <c r="N926879" s="10"/>
    </row>
    <row r="926880" spans="14:14">
      <c r="N926880" s="10"/>
    </row>
    <row r="926881" spans="14:14">
      <c r="N926881" s="10"/>
    </row>
    <row r="926882" spans="14:14">
      <c r="N926882" s="10"/>
    </row>
    <row r="926883" spans="14:14">
      <c r="N926883" s="10"/>
    </row>
    <row r="926884" spans="14:14">
      <c r="N926884" s="10"/>
    </row>
    <row r="926885" spans="14:14">
      <c r="N926885" s="10"/>
    </row>
    <row r="926886" spans="14:14">
      <c r="N926886" s="10"/>
    </row>
    <row r="926887" spans="14:14">
      <c r="N926887" s="10"/>
    </row>
    <row r="926888" spans="14:14">
      <c r="N926888" s="10"/>
    </row>
    <row r="926889" spans="14:14">
      <c r="N926889" s="10"/>
    </row>
    <row r="926890" spans="14:14">
      <c r="N926890" s="10"/>
    </row>
    <row r="926891" spans="14:14">
      <c r="N926891" s="10"/>
    </row>
    <row r="926892" spans="14:14">
      <c r="N926892" s="10"/>
    </row>
    <row r="926893" spans="14:14">
      <c r="N926893" s="10"/>
    </row>
    <row r="926894" spans="14:14">
      <c r="N926894" s="10"/>
    </row>
    <row r="926895" spans="14:14">
      <c r="N926895" s="10"/>
    </row>
    <row r="926896" spans="14:14">
      <c r="N926896" s="10"/>
    </row>
    <row r="926897" spans="14:14">
      <c r="N926897" s="10"/>
    </row>
    <row r="926898" spans="14:14">
      <c r="N926898" s="10"/>
    </row>
    <row r="926899" spans="14:14">
      <c r="N926899" s="10"/>
    </row>
    <row r="926900" spans="14:14">
      <c r="N926900" s="10"/>
    </row>
    <row r="926901" spans="14:14">
      <c r="N926901" s="10"/>
    </row>
    <row r="926902" spans="14:14">
      <c r="N926902" s="10"/>
    </row>
    <row r="926903" spans="14:14">
      <c r="N926903" s="10"/>
    </row>
    <row r="926904" spans="14:14">
      <c r="N926904" s="10"/>
    </row>
    <row r="926905" spans="14:14">
      <c r="N926905" s="10"/>
    </row>
    <row r="926906" spans="14:14">
      <c r="N926906" s="10"/>
    </row>
    <row r="926907" spans="14:14">
      <c r="N926907" s="10"/>
    </row>
    <row r="926908" spans="14:14">
      <c r="N926908" s="10"/>
    </row>
    <row r="926909" spans="14:14">
      <c r="N926909" s="10"/>
    </row>
    <row r="926910" spans="14:14">
      <c r="N926910" s="10"/>
    </row>
    <row r="926911" spans="14:14">
      <c r="N926911" s="10"/>
    </row>
    <row r="926912" spans="14:14">
      <c r="N926912" s="10"/>
    </row>
    <row r="926913" spans="14:14">
      <c r="N926913" s="10"/>
    </row>
    <row r="926914" spans="14:14">
      <c r="N926914" s="10"/>
    </row>
    <row r="926915" spans="14:14">
      <c r="N926915" s="10"/>
    </row>
    <row r="926916" spans="14:14">
      <c r="N926916" s="10"/>
    </row>
    <row r="926917" spans="14:14">
      <c r="N926917" s="10"/>
    </row>
    <row r="926918" spans="14:14">
      <c r="N926918" s="10"/>
    </row>
    <row r="926919" spans="14:14">
      <c r="N926919" s="10"/>
    </row>
    <row r="926920" spans="14:14">
      <c r="N926920" s="10"/>
    </row>
    <row r="926921" spans="14:14">
      <c r="N926921" s="10"/>
    </row>
    <row r="926922" spans="14:14">
      <c r="N926922" s="10"/>
    </row>
    <row r="926923" spans="14:14">
      <c r="N926923" s="10"/>
    </row>
    <row r="926924" spans="14:14">
      <c r="N926924" s="10"/>
    </row>
    <row r="926925" spans="14:14">
      <c r="N926925" s="10"/>
    </row>
    <row r="926926" spans="14:14">
      <c r="N926926" s="10"/>
    </row>
    <row r="926927" spans="14:14">
      <c r="N926927" s="10"/>
    </row>
    <row r="926928" spans="14:14">
      <c r="N926928" s="10"/>
    </row>
    <row r="926929" spans="14:14">
      <c r="N926929" s="10"/>
    </row>
    <row r="926930" spans="14:14">
      <c r="N926930" s="10"/>
    </row>
    <row r="926931" spans="14:14">
      <c r="N926931" s="10"/>
    </row>
    <row r="926932" spans="14:14">
      <c r="N926932" s="10"/>
    </row>
    <row r="926933" spans="14:14">
      <c r="N926933" s="10"/>
    </row>
    <row r="926934" spans="14:14">
      <c r="N926934" s="10"/>
    </row>
    <row r="926935" spans="14:14">
      <c r="N926935" s="10"/>
    </row>
    <row r="926936" spans="14:14">
      <c r="N926936" s="10"/>
    </row>
    <row r="926937" spans="14:14">
      <c r="N926937" s="10"/>
    </row>
    <row r="926938" spans="14:14">
      <c r="N926938" s="10"/>
    </row>
    <row r="926939" spans="14:14">
      <c r="N926939" s="10"/>
    </row>
    <row r="926940" spans="14:14">
      <c r="N926940" s="10"/>
    </row>
    <row r="926941" spans="14:14">
      <c r="N926941" s="10"/>
    </row>
    <row r="926942" spans="14:14">
      <c r="N926942" s="10"/>
    </row>
    <row r="926943" spans="14:14">
      <c r="N926943" s="10"/>
    </row>
    <row r="926944" spans="14:14">
      <c r="N926944" s="10"/>
    </row>
    <row r="926945" spans="14:14">
      <c r="N926945" s="10"/>
    </row>
    <row r="926946" spans="14:14">
      <c r="N926946" s="10"/>
    </row>
    <row r="926947" spans="14:14">
      <c r="N926947" s="10"/>
    </row>
    <row r="926948" spans="14:14">
      <c r="N926948" s="10"/>
    </row>
    <row r="926949" spans="14:14">
      <c r="N926949" s="10"/>
    </row>
    <row r="926950" spans="14:14">
      <c r="N926950" s="10"/>
    </row>
    <row r="926951" spans="14:14">
      <c r="N926951" s="10"/>
    </row>
    <row r="926952" spans="14:14">
      <c r="N926952" s="10"/>
    </row>
    <row r="926953" spans="14:14">
      <c r="N926953" s="10"/>
    </row>
    <row r="926954" spans="14:14">
      <c r="N926954" s="10"/>
    </row>
    <row r="926955" spans="14:14">
      <c r="N926955" s="10"/>
    </row>
    <row r="926956" spans="14:14">
      <c r="N926956" s="10"/>
    </row>
    <row r="926957" spans="14:14">
      <c r="N926957" s="10"/>
    </row>
    <row r="926958" spans="14:14">
      <c r="N926958" s="10"/>
    </row>
    <row r="926959" spans="14:14">
      <c r="N926959" s="10"/>
    </row>
    <row r="926960" spans="14:14">
      <c r="N926960" s="10"/>
    </row>
    <row r="926961" spans="14:14">
      <c r="N926961" s="10"/>
    </row>
    <row r="926962" spans="14:14">
      <c r="N926962" s="10"/>
    </row>
    <row r="926963" spans="14:14">
      <c r="N926963" s="10"/>
    </row>
    <row r="926964" spans="14:14">
      <c r="N926964" s="10"/>
    </row>
    <row r="926965" spans="14:14">
      <c r="N926965" s="10"/>
    </row>
    <row r="926966" spans="14:14">
      <c r="N926966" s="10"/>
    </row>
    <row r="926967" spans="14:14">
      <c r="N926967" s="10"/>
    </row>
    <row r="926968" spans="14:14">
      <c r="N926968" s="10"/>
    </row>
    <row r="926969" spans="14:14">
      <c r="N926969" s="10"/>
    </row>
    <row r="926970" spans="14:14">
      <c r="N926970" s="10"/>
    </row>
    <row r="926971" spans="14:14">
      <c r="N926971" s="10"/>
    </row>
    <row r="926972" spans="14:14">
      <c r="N926972" s="10"/>
    </row>
    <row r="926973" spans="14:14">
      <c r="N926973" s="10"/>
    </row>
    <row r="926974" spans="14:14">
      <c r="N926974" s="10"/>
    </row>
    <row r="926975" spans="14:14">
      <c r="N926975" s="10"/>
    </row>
    <row r="926976" spans="14:14">
      <c r="N926976" s="10"/>
    </row>
    <row r="926977" spans="14:14">
      <c r="N926977" s="10"/>
    </row>
    <row r="926978" spans="14:14">
      <c r="N926978" s="10"/>
    </row>
    <row r="926979" spans="14:14">
      <c r="N926979" s="10"/>
    </row>
    <row r="926980" spans="14:14">
      <c r="N926980" s="10"/>
    </row>
    <row r="926981" spans="14:14">
      <c r="N926981" s="10"/>
    </row>
    <row r="926982" spans="14:14">
      <c r="N926982" s="10"/>
    </row>
    <row r="926983" spans="14:14">
      <c r="N926983" s="10"/>
    </row>
    <row r="926984" spans="14:14">
      <c r="N926984" s="10"/>
    </row>
    <row r="926985" spans="14:14">
      <c r="N926985" s="10"/>
    </row>
    <row r="926986" spans="14:14">
      <c r="N926986" s="10"/>
    </row>
    <row r="926987" spans="14:14">
      <c r="N926987" s="10"/>
    </row>
    <row r="926988" spans="14:14">
      <c r="N926988" s="10"/>
    </row>
    <row r="926989" spans="14:14">
      <c r="N926989" s="10"/>
    </row>
    <row r="926990" spans="14:14">
      <c r="N926990" s="10"/>
    </row>
    <row r="926991" spans="14:14">
      <c r="N926991" s="10"/>
    </row>
    <row r="926992" spans="14:14">
      <c r="N926992" s="10"/>
    </row>
    <row r="926993" spans="14:14">
      <c r="N926993" s="10"/>
    </row>
    <row r="926994" spans="14:14">
      <c r="N926994" s="10"/>
    </row>
    <row r="926995" spans="14:14">
      <c r="N926995" s="10"/>
    </row>
    <row r="926996" spans="14:14">
      <c r="N926996" s="10"/>
    </row>
    <row r="926997" spans="14:14">
      <c r="N926997" s="10"/>
    </row>
    <row r="926998" spans="14:14">
      <c r="N926998" s="10"/>
    </row>
    <row r="926999" spans="14:14">
      <c r="N926999" s="10"/>
    </row>
    <row r="927000" spans="14:14">
      <c r="N927000" s="10"/>
    </row>
    <row r="927001" spans="14:14">
      <c r="N927001" s="10"/>
    </row>
    <row r="927002" spans="14:14">
      <c r="N927002" s="10"/>
    </row>
    <row r="927003" spans="14:14">
      <c r="N927003" s="10"/>
    </row>
    <row r="927004" spans="14:14">
      <c r="N927004" s="10"/>
    </row>
    <row r="927005" spans="14:14">
      <c r="N927005" s="10"/>
    </row>
    <row r="927006" spans="14:14">
      <c r="N927006" s="10"/>
    </row>
    <row r="927007" spans="14:14">
      <c r="N927007" s="10"/>
    </row>
    <row r="927008" spans="14:14">
      <c r="N927008" s="10"/>
    </row>
    <row r="927009" spans="14:14">
      <c r="N927009" s="10"/>
    </row>
    <row r="927010" spans="14:14">
      <c r="N927010" s="10"/>
    </row>
    <row r="927011" spans="14:14">
      <c r="N927011" s="10"/>
    </row>
    <row r="927012" spans="14:14">
      <c r="N927012" s="10"/>
    </row>
    <row r="927013" spans="14:14">
      <c r="N927013" s="10"/>
    </row>
    <row r="927014" spans="14:14">
      <c r="N927014" s="10"/>
    </row>
    <row r="927015" spans="14:14">
      <c r="N927015" s="10"/>
    </row>
    <row r="927016" spans="14:14">
      <c r="N927016" s="10"/>
    </row>
    <row r="927017" spans="14:14">
      <c r="N927017" s="10"/>
    </row>
    <row r="927018" spans="14:14">
      <c r="N927018" s="10"/>
    </row>
    <row r="927019" spans="14:14">
      <c r="N927019" s="10"/>
    </row>
    <row r="927020" spans="14:14">
      <c r="N927020" s="10"/>
    </row>
    <row r="927021" spans="14:14">
      <c r="N927021" s="10"/>
    </row>
    <row r="927022" spans="14:14">
      <c r="N927022" s="10"/>
    </row>
    <row r="927023" spans="14:14">
      <c r="N927023" s="10"/>
    </row>
    <row r="927024" spans="14:14">
      <c r="N927024" s="10"/>
    </row>
    <row r="927025" spans="14:14">
      <c r="N927025" s="10"/>
    </row>
    <row r="927026" spans="14:14">
      <c r="N927026" s="10"/>
    </row>
    <row r="927027" spans="14:14">
      <c r="N927027" s="10"/>
    </row>
    <row r="927028" spans="14:14">
      <c r="N927028" s="10"/>
    </row>
    <row r="927029" spans="14:14">
      <c r="N927029" s="10"/>
    </row>
    <row r="927030" spans="14:14">
      <c r="N927030" s="10"/>
    </row>
    <row r="927031" spans="14:14">
      <c r="N927031" s="10"/>
    </row>
    <row r="927032" spans="14:14">
      <c r="N927032" s="10"/>
    </row>
    <row r="927033" spans="14:14">
      <c r="N927033" s="10"/>
    </row>
    <row r="927034" spans="14:14">
      <c r="N927034" s="10"/>
    </row>
    <row r="927035" spans="14:14">
      <c r="N927035" s="10"/>
    </row>
    <row r="927036" spans="14:14">
      <c r="N927036" s="10"/>
    </row>
    <row r="927037" spans="14:14">
      <c r="N927037" s="10"/>
    </row>
    <row r="927038" spans="14:14">
      <c r="N927038" s="10"/>
    </row>
    <row r="927039" spans="14:14">
      <c r="N927039" s="10"/>
    </row>
    <row r="927040" spans="14:14">
      <c r="N927040" s="10"/>
    </row>
    <row r="927041" spans="14:14">
      <c r="N927041" s="10"/>
    </row>
    <row r="927042" spans="14:14">
      <c r="N927042" s="10"/>
    </row>
    <row r="927043" spans="14:14">
      <c r="N927043" s="10"/>
    </row>
    <row r="927044" spans="14:14">
      <c r="N927044" s="10"/>
    </row>
    <row r="927045" spans="14:14">
      <c r="N927045" s="10"/>
    </row>
    <row r="927046" spans="14:14">
      <c r="N927046" s="10"/>
    </row>
    <row r="927047" spans="14:14">
      <c r="N927047" s="10"/>
    </row>
    <row r="927048" spans="14:14">
      <c r="N927048" s="10"/>
    </row>
    <row r="927049" spans="14:14">
      <c r="N927049" s="10"/>
    </row>
    <row r="927050" spans="14:14">
      <c r="N927050" s="10"/>
    </row>
    <row r="927051" spans="14:14">
      <c r="N927051" s="10"/>
    </row>
    <row r="927052" spans="14:14">
      <c r="N927052" s="10"/>
    </row>
    <row r="927053" spans="14:14">
      <c r="N927053" s="10"/>
    </row>
    <row r="927054" spans="14:14">
      <c r="N927054" s="10"/>
    </row>
    <row r="927055" spans="14:14">
      <c r="N927055" s="10"/>
    </row>
    <row r="927056" spans="14:14">
      <c r="N927056" s="10"/>
    </row>
    <row r="927057" spans="14:14">
      <c r="N927057" s="10"/>
    </row>
    <row r="927058" spans="14:14">
      <c r="N927058" s="10"/>
    </row>
    <row r="927059" spans="14:14">
      <c r="N927059" s="10"/>
    </row>
    <row r="927060" spans="14:14">
      <c r="N927060" s="10"/>
    </row>
    <row r="927061" spans="14:14">
      <c r="N927061" s="10"/>
    </row>
    <row r="927062" spans="14:14">
      <c r="N927062" s="10"/>
    </row>
    <row r="927063" spans="14:14">
      <c r="N927063" s="10"/>
    </row>
    <row r="927064" spans="14:14">
      <c r="N927064" s="10"/>
    </row>
    <row r="927065" spans="14:14">
      <c r="N927065" s="10"/>
    </row>
    <row r="927066" spans="14:14">
      <c r="N927066" s="10"/>
    </row>
    <row r="927067" spans="14:14">
      <c r="N927067" s="10"/>
    </row>
    <row r="927068" spans="14:14">
      <c r="N927068" s="10"/>
    </row>
    <row r="927069" spans="14:14">
      <c r="N927069" s="10"/>
    </row>
    <row r="927070" spans="14:14">
      <c r="N927070" s="10"/>
    </row>
    <row r="927071" spans="14:14">
      <c r="N927071" s="10"/>
    </row>
    <row r="927072" spans="14:14">
      <c r="N927072" s="10"/>
    </row>
    <row r="927073" spans="14:14">
      <c r="N927073" s="10"/>
    </row>
    <row r="927074" spans="14:14">
      <c r="N927074" s="10"/>
    </row>
    <row r="927075" spans="14:14">
      <c r="N927075" s="10"/>
    </row>
    <row r="927076" spans="14:14">
      <c r="N927076" s="10"/>
    </row>
    <row r="927077" spans="14:14">
      <c r="N927077" s="10"/>
    </row>
    <row r="927078" spans="14:14">
      <c r="N927078" s="10"/>
    </row>
    <row r="927079" spans="14:14">
      <c r="N927079" s="10"/>
    </row>
    <row r="927080" spans="14:14">
      <c r="N927080" s="10"/>
    </row>
    <row r="927081" spans="14:14">
      <c r="N927081" s="10"/>
    </row>
    <row r="927082" spans="14:14">
      <c r="N927082" s="10"/>
    </row>
    <row r="927083" spans="14:14">
      <c r="N927083" s="10"/>
    </row>
    <row r="927084" spans="14:14">
      <c r="N927084" s="10"/>
    </row>
    <row r="927085" spans="14:14">
      <c r="N927085" s="10"/>
    </row>
    <row r="927086" spans="14:14">
      <c r="N927086" s="10"/>
    </row>
    <row r="927087" spans="14:14">
      <c r="N927087" s="10"/>
    </row>
    <row r="927088" spans="14:14">
      <c r="N927088" s="10"/>
    </row>
    <row r="927089" spans="14:14">
      <c r="N927089" s="10"/>
    </row>
    <row r="927090" spans="14:14">
      <c r="N927090" s="10"/>
    </row>
    <row r="927091" spans="14:14">
      <c r="N927091" s="10"/>
    </row>
    <row r="927092" spans="14:14">
      <c r="N927092" s="10"/>
    </row>
    <row r="927093" spans="14:14">
      <c r="N927093" s="10"/>
    </row>
    <row r="927094" spans="14:14">
      <c r="N927094" s="10"/>
    </row>
    <row r="927095" spans="14:14">
      <c r="N927095" s="10"/>
    </row>
    <row r="927096" spans="14:14">
      <c r="N927096" s="10"/>
    </row>
    <row r="927097" spans="14:14">
      <c r="N927097" s="10"/>
    </row>
    <row r="927098" spans="14:14">
      <c r="N927098" s="10"/>
    </row>
    <row r="927099" spans="14:14">
      <c r="N927099" s="10"/>
    </row>
    <row r="927100" spans="14:14">
      <c r="N927100" s="10"/>
    </row>
    <row r="927101" spans="14:14">
      <c r="N927101" s="10"/>
    </row>
    <row r="927102" spans="14:14">
      <c r="N927102" s="10"/>
    </row>
    <row r="927103" spans="14:14">
      <c r="N927103" s="10"/>
    </row>
    <row r="927104" spans="14:14">
      <c r="N927104" s="10"/>
    </row>
    <row r="927105" spans="14:14">
      <c r="N927105" s="10"/>
    </row>
    <row r="927106" spans="14:14">
      <c r="N927106" s="10"/>
    </row>
    <row r="927107" spans="14:14">
      <c r="N927107" s="10"/>
    </row>
    <row r="927108" spans="14:14">
      <c r="N927108" s="10"/>
    </row>
    <row r="927109" spans="14:14">
      <c r="N927109" s="10"/>
    </row>
    <row r="927110" spans="14:14">
      <c r="N927110" s="10"/>
    </row>
    <row r="927111" spans="14:14">
      <c r="N927111" s="10"/>
    </row>
    <row r="927112" spans="14:14">
      <c r="N927112" s="10"/>
    </row>
    <row r="927113" spans="14:14">
      <c r="N927113" s="10"/>
    </row>
    <row r="927114" spans="14:14">
      <c r="N927114" s="10"/>
    </row>
    <row r="927115" spans="14:14">
      <c r="N927115" s="10"/>
    </row>
    <row r="927116" spans="14:14">
      <c r="N927116" s="10"/>
    </row>
    <row r="927117" spans="14:14">
      <c r="N927117" s="10"/>
    </row>
    <row r="927118" spans="14:14">
      <c r="N927118" s="10"/>
    </row>
    <row r="927119" spans="14:14">
      <c r="N927119" s="10"/>
    </row>
    <row r="927120" spans="14:14">
      <c r="N927120" s="10"/>
    </row>
    <row r="927121" spans="14:14">
      <c r="N927121" s="10"/>
    </row>
    <row r="927122" spans="14:14">
      <c r="N927122" s="10"/>
    </row>
    <row r="927123" spans="14:14">
      <c r="N927123" s="10"/>
    </row>
    <row r="927124" spans="14:14">
      <c r="N927124" s="10"/>
    </row>
    <row r="927125" spans="14:14">
      <c r="N927125" s="10"/>
    </row>
    <row r="927126" spans="14:14">
      <c r="N927126" s="10"/>
    </row>
    <row r="927127" spans="14:14">
      <c r="N927127" s="10"/>
    </row>
    <row r="927128" spans="14:14">
      <c r="N927128" s="10"/>
    </row>
    <row r="927129" spans="14:14">
      <c r="N927129" s="10"/>
    </row>
    <row r="927130" spans="14:14">
      <c r="N927130" s="10"/>
    </row>
    <row r="927131" spans="14:14">
      <c r="N927131" s="10"/>
    </row>
    <row r="927132" spans="14:14">
      <c r="N927132" s="10"/>
    </row>
    <row r="927133" spans="14:14">
      <c r="N927133" s="10"/>
    </row>
    <row r="927134" spans="14:14">
      <c r="N927134" s="10"/>
    </row>
    <row r="927135" spans="14:14">
      <c r="N927135" s="10"/>
    </row>
    <row r="927136" spans="14:14">
      <c r="N927136" s="10"/>
    </row>
    <row r="927137" spans="14:14">
      <c r="N927137" s="10"/>
    </row>
    <row r="927138" spans="14:14">
      <c r="N927138" s="10"/>
    </row>
    <row r="927139" spans="14:14">
      <c r="N927139" s="10"/>
    </row>
    <row r="927140" spans="14:14">
      <c r="N927140" s="10"/>
    </row>
    <row r="927141" spans="14:14">
      <c r="N927141" s="10"/>
    </row>
    <row r="927142" spans="14:14">
      <c r="N927142" s="10"/>
    </row>
    <row r="927143" spans="14:14">
      <c r="N927143" s="10"/>
    </row>
    <row r="927144" spans="14:14">
      <c r="N927144" s="10"/>
    </row>
    <row r="927145" spans="14:14">
      <c r="N927145" s="10"/>
    </row>
    <row r="927146" spans="14:14">
      <c r="N927146" s="10"/>
    </row>
    <row r="927147" spans="14:14">
      <c r="N927147" s="10"/>
    </row>
    <row r="927148" spans="14:14">
      <c r="N927148" s="10"/>
    </row>
    <row r="927149" spans="14:14">
      <c r="N927149" s="10"/>
    </row>
    <row r="927150" spans="14:14">
      <c r="N927150" s="10"/>
    </row>
    <row r="927151" spans="14:14">
      <c r="N927151" s="10"/>
    </row>
    <row r="927152" spans="14:14">
      <c r="N927152" s="10"/>
    </row>
    <row r="927153" spans="14:14">
      <c r="N927153" s="10"/>
    </row>
    <row r="927154" spans="14:14">
      <c r="N927154" s="10"/>
    </row>
    <row r="927155" spans="14:14">
      <c r="N927155" s="10"/>
    </row>
    <row r="927156" spans="14:14">
      <c r="N927156" s="10"/>
    </row>
    <row r="927157" spans="14:14">
      <c r="N927157" s="10"/>
    </row>
    <row r="927158" spans="14:14">
      <c r="N927158" s="10"/>
    </row>
    <row r="927159" spans="14:14">
      <c r="N927159" s="10"/>
    </row>
    <row r="927160" spans="14:14">
      <c r="N927160" s="10"/>
    </row>
    <row r="927161" spans="14:14">
      <c r="N927161" s="10"/>
    </row>
    <row r="927162" spans="14:14">
      <c r="N927162" s="10"/>
    </row>
    <row r="927163" spans="14:14">
      <c r="N927163" s="10"/>
    </row>
    <row r="927164" spans="14:14">
      <c r="N927164" s="10"/>
    </row>
    <row r="927165" spans="14:14">
      <c r="N927165" s="10"/>
    </row>
    <row r="927166" spans="14:14">
      <c r="N927166" s="10"/>
    </row>
    <row r="927167" spans="14:14">
      <c r="N927167" s="10"/>
    </row>
    <row r="927168" spans="14:14">
      <c r="N927168" s="10"/>
    </row>
    <row r="927169" spans="14:14">
      <c r="N927169" s="10"/>
    </row>
    <row r="927170" spans="14:14">
      <c r="N927170" s="10"/>
    </row>
    <row r="927171" spans="14:14">
      <c r="N927171" s="10"/>
    </row>
    <row r="927172" spans="14:14">
      <c r="N927172" s="10"/>
    </row>
    <row r="927173" spans="14:14">
      <c r="N927173" s="10"/>
    </row>
    <row r="927174" spans="14:14">
      <c r="N927174" s="10"/>
    </row>
    <row r="927175" spans="14:14">
      <c r="N927175" s="10"/>
    </row>
    <row r="927176" spans="14:14">
      <c r="N927176" s="10"/>
    </row>
    <row r="927177" spans="14:14">
      <c r="N927177" s="10"/>
    </row>
    <row r="927178" spans="14:14">
      <c r="N927178" s="10"/>
    </row>
    <row r="927179" spans="14:14">
      <c r="N927179" s="10"/>
    </row>
    <row r="927180" spans="14:14">
      <c r="N927180" s="10"/>
    </row>
    <row r="927181" spans="14:14">
      <c r="N927181" s="10"/>
    </row>
    <row r="927182" spans="14:14">
      <c r="N927182" s="10"/>
    </row>
    <row r="927183" spans="14:14">
      <c r="N927183" s="10"/>
    </row>
    <row r="927184" spans="14:14">
      <c r="N927184" s="10"/>
    </row>
    <row r="927185" spans="14:14">
      <c r="N927185" s="10"/>
    </row>
    <row r="927186" spans="14:14">
      <c r="N927186" s="10"/>
    </row>
    <row r="927187" spans="14:14">
      <c r="N927187" s="10"/>
    </row>
    <row r="927188" spans="14:14">
      <c r="N927188" s="10"/>
    </row>
    <row r="927189" spans="14:14">
      <c r="N927189" s="10"/>
    </row>
    <row r="927190" spans="14:14">
      <c r="N927190" s="10"/>
    </row>
    <row r="927191" spans="14:14">
      <c r="N927191" s="10"/>
    </row>
    <row r="927192" spans="14:14">
      <c r="N927192" s="10"/>
    </row>
    <row r="927193" spans="14:14">
      <c r="N927193" s="10"/>
    </row>
    <row r="927194" spans="14:14">
      <c r="N927194" s="10"/>
    </row>
    <row r="927195" spans="14:14">
      <c r="N927195" s="10"/>
    </row>
    <row r="927196" spans="14:14">
      <c r="N927196" s="10"/>
    </row>
    <row r="927197" spans="14:14">
      <c r="N927197" s="10"/>
    </row>
    <row r="927198" spans="14:14">
      <c r="N927198" s="10"/>
    </row>
    <row r="927199" spans="14:14">
      <c r="N927199" s="10"/>
    </row>
    <row r="927200" spans="14:14">
      <c r="N927200" s="10"/>
    </row>
    <row r="927201" spans="14:14">
      <c r="N927201" s="10"/>
    </row>
    <row r="927202" spans="14:14">
      <c r="N927202" s="10"/>
    </row>
    <row r="927203" spans="14:14">
      <c r="N927203" s="10"/>
    </row>
    <row r="927204" spans="14:14">
      <c r="N927204" s="10"/>
    </row>
    <row r="927205" spans="14:14">
      <c r="N927205" s="10"/>
    </row>
    <row r="927206" spans="14:14">
      <c r="N927206" s="10"/>
    </row>
    <row r="927207" spans="14:14">
      <c r="N927207" s="10"/>
    </row>
    <row r="927208" spans="14:14">
      <c r="N927208" s="10"/>
    </row>
    <row r="927209" spans="14:14">
      <c r="N927209" s="10"/>
    </row>
    <row r="927210" spans="14:14">
      <c r="N927210" s="10"/>
    </row>
    <row r="927211" spans="14:14">
      <c r="N927211" s="10"/>
    </row>
    <row r="927212" spans="14:14">
      <c r="N927212" s="10"/>
    </row>
    <row r="927213" spans="14:14">
      <c r="N927213" s="10"/>
    </row>
    <row r="927214" spans="14:14">
      <c r="N927214" s="10"/>
    </row>
    <row r="927215" spans="14:14">
      <c r="N927215" s="10"/>
    </row>
    <row r="927216" spans="14:14">
      <c r="N927216" s="10"/>
    </row>
    <row r="927217" spans="14:14">
      <c r="N927217" s="10"/>
    </row>
    <row r="927218" spans="14:14">
      <c r="N927218" s="10"/>
    </row>
    <row r="927219" spans="14:14">
      <c r="N927219" s="10"/>
    </row>
    <row r="927220" spans="14:14">
      <c r="N927220" s="10"/>
    </row>
    <row r="927221" spans="14:14">
      <c r="N927221" s="10"/>
    </row>
    <row r="927222" spans="14:14">
      <c r="N927222" s="10"/>
    </row>
    <row r="927223" spans="14:14">
      <c r="N927223" s="10"/>
    </row>
    <row r="927224" spans="14:14">
      <c r="N927224" s="10"/>
    </row>
    <row r="927225" spans="14:14">
      <c r="N927225" s="10"/>
    </row>
    <row r="927226" spans="14:14">
      <c r="N927226" s="10"/>
    </row>
    <row r="927227" spans="14:14">
      <c r="N927227" s="10"/>
    </row>
    <row r="927228" spans="14:14">
      <c r="N927228" s="10"/>
    </row>
    <row r="927229" spans="14:14">
      <c r="N927229" s="10"/>
    </row>
    <row r="927230" spans="14:14">
      <c r="N927230" s="10"/>
    </row>
    <row r="927231" spans="14:14">
      <c r="N927231" s="10"/>
    </row>
    <row r="927232" spans="14:14">
      <c r="N927232" s="10"/>
    </row>
    <row r="927233" spans="14:14">
      <c r="N927233" s="10"/>
    </row>
    <row r="927234" spans="14:14">
      <c r="N927234" s="10"/>
    </row>
    <row r="927235" spans="14:14">
      <c r="N927235" s="10"/>
    </row>
    <row r="927236" spans="14:14">
      <c r="N927236" s="10"/>
    </row>
    <row r="927237" spans="14:14">
      <c r="N927237" s="10"/>
    </row>
    <row r="927238" spans="14:14">
      <c r="N927238" s="10"/>
    </row>
    <row r="927239" spans="14:14">
      <c r="N927239" s="10"/>
    </row>
    <row r="927240" spans="14:14">
      <c r="N927240" s="10"/>
    </row>
    <row r="927241" spans="14:14">
      <c r="N927241" s="10"/>
    </row>
    <row r="927242" spans="14:14">
      <c r="N927242" s="10"/>
    </row>
    <row r="927243" spans="14:14">
      <c r="N927243" s="10"/>
    </row>
    <row r="927244" spans="14:14">
      <c r="N927244" s="10"/>
    </row>
    <row r="927245" spans="14:14">
      <c r="N927245" s="10"/>
    </row>
    <row r="927246" spans="14:14">
      <c r="N927246" s="10"/>
    </row>
    <row r="927247" spans="14:14">
      <c r="N927247" s="10"/>
    </row>
    <row r="927248" spans="14:14">
      <c r="N927248" s="10"/>
    </row>
    <row r="927249" spans="14:14">
      <c r="N927249" s="10"/>
    </row>
    <row r="927250" spans="14:14">
      <c r="N927250" s="10"/>
    </row>
    <row r="927251" spans="14:14">
      <c r="N927251" s="10"/>
    </row>
    <row r="927252" spans="14:14">
      <c r="N927252" s="10"/>
    </row>
    <row r="927253" spans="14:14">
      <c r="N927253" s="10"/>
    </row>
    <row r="927254" spans="14:14">
      <c r="N927254" s="10"/>
    </row>
    <row r="927255" spans="14:14">
      <c r="N927255" s="10"/>
    </row>
    <row r="927256" spans="14:14">
      <c r="N927256" s="10"/>
    </row>
    <row r="927257" spans="14:14">
      <c r="N927257" s="10"/>
    </row>
    <row r="927258" spans="14:14">
      <c r="N927258" s="10"/>
    </row>
    <row r="927259" spans="14:14">
      <c r="N927259" s="10"/>
    </row>
    <row r="927260" spans="14:14">
      <c r="N927260" s="10"/>
    </row>
    <row r="927261" spans="14:14">
      <c r="N927261" s="10"/>
    </row>
    <row r="927262" spans="14:14">
      <c r="N927262" s="10"/>
    </row>
    <row r="927263" spans="14:14">
      <c r="N927263" s="10"/>
    </row>
    <row r="927264" spans="14:14">
      <c r="N927264" s="10"/>
    </row>
    <row r="927265" spans="14:14">
      <c r="N927265" s="10"/>
    </row>
    <row r="927266" spans="14:14">
      <c r="N927266" s="10"/>
    </row>
    <row r="927267" spans="14:14">
      <c r="N927267" s="10"/>
    </row>
    <row r="927268" spans="14:14">
      <c r="N927268" s="10"/>
    </row>
    <row r="927269" spans="14:14">
      <c r="N927269" s="10"/>
    </row>
    <row r="927270" spans="14:14">
      <c r="N927270" s="10"/>
    </row>
    <row r="927271" spans="14:14">
      <c r="N927271" s="10"/>
    </row>
    <row r="927272" spans="14:14">
      <c r="N927272" s="10"/>
    </row>
    <row r="927273" spans="14:14">
      <c r="N927273" s="10"/>
    </row>
    <row r="927274" spans="14:14">
      <c r="N927274" s="10"/>
    </row>
    <row r="927275" spans="14:14">
      <c r="N927275" s="10"/>
    </row>
    <row r="927276" spans="14:14">
      <c r="N927276" s="10"/>
    </row>
    <row r="927277" spans="14:14">
      <c r="N927277" s="10"/>
    </row>
    <row r="927278" spans="14:14">
      <c r="N927278" s="10"/>
    </row>
    <row r="927279" spans="14:14">
      <c r="N927279" s="10"/>
    </row>
    <row r="927280" spans="14:14">
      <c r="N927280" s="10"/>
    </row>
    <row r="927281" spans="14:14">
      <c r="N927281" s="10"/>
    </row>
    <row r="927282" spans="14:14">
      <c r="N927282" s="10"/>
    </row>
    <row r="927283" spans="14:14">
      <c r="N927283" s="10"/>
    </row>
    <row r="927284" spans="14:14">
      <c r="N927284" s="10"/>
    </row>
    <row r="927285" spans="14:14">
      <c r="N927285" s="10"/>
    </row>
    <row r="927286" spans="14:14">
      <c r="N927286" s="10"/>
    </row>
    <row r="927287" spans="14:14">
      <c r="N927287" s="10"/>
    </row>
    <row r="927288" spans="14:14">
      <c r="N927288" s="10"/>
    </row>
    <row r="927289" spans="14:14">
      <c r="N927289" s="10"/>
    </row>
    <row r="927290" spans="14:14">
      <c r="N927290" s="10"/>
    </row>
    <row r="927291" spans="14:14">
      <c r="N927291" s="10"/>
    </row>
    <row r="927292" spans="14:14">
      <c r="N927292" s="10"/>
    </row>
    <row r="927293" spans="14:14">
      <c r="N927293" s="10"/>
    </row>
    <row r="927294" spans="14:14">
      <c r="N927294" s="10"/>
    </row>
    <row r="927295" spans="14:14">
      <c r="N927295" s="10"/>
    </row>
    <row r="927296" spans="14:14">
      <c r="N927296" s="10"/>
    </row>
    <row r="927297" spans="14:14">
      <c r="N927297" s="10"/>
    </row>
    <row r="927298" spans="14:14">
      <c r="N927298" s="10"/>
    </row>
    <row r="927299" spans="14:14">
      <c r="N927299" s="10"/>
    </row>
    <row r="927300" spans="14:14">
      <c r="N927300" s="10"/>
    </row>
    <row r="927301" spans="14:14">
      <c r="N927301" s="10"/>
    </row>
    <row r="927302" spans="14:14">
      <c r="N927302" s="10"/>
    </row>
    <row r="927303" spans="14:14">
      <c r="N927303" s="10"/>
    </row>
    <row r="927304" spans="14:14">
      <c r="N927304" s="10"/>
    </row>
    <row r="927305" spans="14:14">
      <c r="N927305" s="10"/>
    </row>
    <row r="927306" spans="14:14">
      <c r="N927306" s="10"/>
    </row>
    <row r="927307" spans="14:14">
      <c r="N927307" s="10"/>
    </row>
    <row r="927308" spans="14:14">
      <c r="N927308" s="10"/>
    </row>
    <row r="927309" spans="14:14">
      <c r="N927309" s="10"/>
    </row>
    <row r="927310" spans="14:14">
      <c r="N927310" s="10"/>
    </row>
    <row r="927311" spans="14:14">
      <c r="N927311" s="10"/>
    </row>
    <row r="927312" spans="14:14">
      <c r="N927312" s="10"/>
    </row>
    <row r="927313" spans="14:14">
      <c r="N927313" s="10"/>
    </row>
    <row r="927314" spans="14:14">
      <c r="N927314" s="10"/>
    </row>
    <row r="927315" spans="14:14">
      <c r="N927315" s="10"/>
    </row>
    <row r="927316" spans="14:14">
      <c r="N927316" s="10"/>
    </row>
    <row r="927317" spans="14:14">
      <c r="N927317" s="10"/>
    </row>
    <row r="927318" spans="14:14">
      <c r="N927318" s="10"/>
    </row>
    <row r="927319" spans="14:14">
      <c r="N927319" s="10"/>
    </row>
    <row r="927320" spans="14:14">
      <c r="N927320" s="10"/>
    </row>
    <row r="927321" spans="14:14">
      <c r="N927321" s="10"/>
    </row>
    <row r="927322" spans="14:14">
      <c r="N927322" s="10"/>
    </row>
    <row r="927323" spans="14:14">
      <c r="N927323" s="10"/>
    </row>
    <row r="927324" spans="14:14">
      <c r="N927324" s="10"/>
    </row>
    <row r="927325" spans="14:14">
      <c r="N927325" s="10"/>
    </row>
    <row r="927326" spans="14:14">
      <c r="N927326" s="10"/>
    </row>
    <row r="927327" spans="14:14">
      <c r="N927327" s="10"/>
    </row>
    <row r="927328" spans="14:14">
      <c r="N927328" s="10"/>
    </row>
    <row r="927329" spans="14:14">
      <c r="N927329" s="10"/>
    </row>
    <row r="927330" spans="14:14">
      <c r="N927330" s="10"/>
    </row>
    <row r="927331" spans="14:14">
      <c r="N927331" s="10"/>
    </row>
    <row r="927332" spans="14:14">
      <c r="N927332" s="10"/>
    </row>
    <row r="927333" spans="14:14">
      <c r="N927333" s="10"/>
    </row>
    <row r="927334" spans="14:14">
      <c r="N927334" s="10"/>
    </row>
    <row r="927335" spans="14:14">
      <c r="N927335" s="10"/>
    </row>
    <row r="927336" spans="14:14">
      <c r="N927336" s="10"/>
    </row>
    <row r="927337" spans="14:14">
      <c r="N927337" s="10"/>
    </row>
    <row r="927338" spans="14:14">
      <c r="N927338" s="10"/>
    </row>
    <row r="927339" spans="14:14">
      <c r="N927339" s="10"/>
    </row>
    <row r="927340" spans="14:14">
      <c r="N927340" s="10"/>
    </row>
    <row r="927341" spans="14:14">
      <c r="N927341" s="10"/>
    </row>
    <row r="927342" spans="14:14">
      <c r="N927342" s="10"/>
    </row>
    <row r="927343" spans="14:14">
      <c r="N927343" s="10"/>
    </row>
    <row r="927344" spans="14:14">
      <c r="N927344" s="10"/>
    </row>
    <row r="927345" spans="14:14">
      <c r="N927345" s="10"/>
    </row>
    <row r="927346" spans="14:14">
      <c r="N927346" s="10"/>
    </row>
    <row r="927347" spans="14:14">
      <c r="N927347" s="10"/>
    </row>
    <row r="927348" spans="14:14">
      <c r="N927348" s="10"/>
    </row>
    <row r="927349" spans="14:14">
      <c r="N927349" s="10"/>
    </row>
    <row r="927350" spans="14:14">
      <c r="N927350" s="10"/>
    </row>
    <row r="927351" spans="14:14">
      <c r="N927351" s="10"/>
    </row>
    <row r="927352" spans="14:14">
      <c r="N927352" s="10"/>
    </row>
    <row r="927353" spans="14:14">
      <c r="N927353" s="10"/>
    </row>
    <row r="927354" spans="14:14">
      <c r="N927354" s="10"/>
    </row>
    <row r="927355" spans="14:14">
      <c r="N927355" s="10"/>
    </row>
    <row r="927356" spans="14:14">
      <c r="N927356" s="10"/>
    </row>
    <row r="927357" spans="14:14">
      <c r="N927357" s="10"/>
    </row>
    <row r="927358" spans="14:14">
      <c r="N927358" s="10"/>
    </row>
    <row r="927359" spans="14:14">
      <c r="N927359" s="10"/>
    </row>
    <row r="927360" spans="14:14">
      <c r="N927360" s="10"/>
    </row>
    <row r="927361" spans="14:14">
      <c r="N927361" s="10"/>
    </row>
    <row r="927362" spans="14:14">
      <c r="N927362" s="10"/>
    </row>
    <row r="927363" spans="14:14">
      <c r="N927363" s="10"/>
    </row>
    <row r="927364" spans="14:14">
      <c r="N927364" s="10"/>
    </row>
    <row r="927365" spans="14:14">
      <c r="N927365" s="10"/>
    </row>
    <row r="927366" spans="14:14">
      <c r="N927366" s="10"/>
    </row>
    <row r="927367" spans="14:14">
      <c r="N927367" s="10"/>
    </row>
    <row r="927368" spans="14:14">
      <c r="N927368" s="10"/>
    </row>
    <row r="927369" spans="14:14">
      <c r="N927369" s="10"/>
    </row>
    <row r="927370" spans="14:14">
      <c r="N927370" s="10"/>
    </row>
    <row r="927371" spans="14:14">
      <c r="N927371" s="10"/>
    </row>
    <row r="927372" spans="14:14">
      <c r="N927372" s="10"/>
    </row>
    <row r="927373" spans="14:14">
      <c r="N927373" s="10"/>
    </row>
    <row r="927374" spans="14:14">
      <c r="N927374" s="10"/>
    </row>
    <row r="927375" spans="14:14">
      <c r="N927375" s="10"/>
    </row>
    <row r="927376" spans="14:14">
      <c r="N927376" s="10"/>
    </row>
    <row r="927377" spans="14:14">
      <c r="N927377" s="10"/>
    </row>
    <row r="927378" spans="14:14">
      <c r="N927378" s="10"/>
    </row>
    <row r="927379" spans="14:14">
      <c r="N927379" s="10"/>
    </row>
    <row r="927380" spans="14:14">
      <c r="N927380" s="10"/>
    </row>
    <row r="927381" spans="14:14">
      <c r="N927381" s="10"/>
    </row>
    <row r="927382" spans="14:14">
      <c r="N927382" s="10"/>
    </row>
    <row r="927383" spans="14:14">
      <c r="N927383" s="10"/>
    </row>
    <row r="927384" spans="14:14">
      <c r="N927384" s="10"/>
    </row>
    <row r="927385" spans="14:14">
      <c r="N927385" s="10"/>
    </row>
    <row r="927386" spans="14:14">
      <c r="N927386" s="10"/>
    </row>
    <row r="927387" spans="14:14">
      <c r="N927387" s="10"/>
    </row>
    <row r="927388" spans="14:14">
      <c r="N927388" s="10"/>
    </row>
    <row r="927389" spans="14:14">
      <c r="N927389" s="10"/>
    </row>
    <row r="927390" spans="14:14">
      <c r="N927390" s="10"/>
    </row>
    <row r="927391" spans="14:14">
      <c r="N927391" s="10"/>
    </row>
    <row r="927392" spans="14:14">
      <c r="N927392" s="10"/>
    </row>
    <row r="927393" spans="14:14">
      <c r="N927393" s="10"/>
    </row>
    <row r="927394" spans="14:14">
      <c r="N927394" s="10"/>
    </row>
    <row r="927395" spans="14:14">
      <c r="N927395" s="10"/>
    </row>
    <row r="927396" spans="14:14">
      <c r="N927396" s="10"/>
    </row>
    <row r="927397" spans="14:14">
      <c r="N927397" s="10"/>
    </row>
    <row r="927398" spans="14:14">
      <c r="N927398" s="10"/>
    </row>
    <row r="927399" spans="14:14">
      <c r="N927399" s="10"/>
    </row>
    <row r="927400" spans="14:14">
      <c r="N927400" s="10"/>
    </row>
    <row r="927401" spans="14:14">
      <c r="N927401" s="10"/>
    </row>
    <row r="927402" spans="14:14">
      <c r="N927402" s="10"/>
    </row>
    <row r="927403" spans="14:14">
      <c r="N927403" s="10"/>
    </row>
    <row r="927404" spans="14:14">
      <c r="N927404" s="10"/>
    </row>
    <row r="927405" spans="14:14">
      <c r="N927405" s="10"/>
    </row>
    <row r="927406" spans="14:14">
      <c r="N927406" s="10"/>
    </row>
    <row r="927407" spans="14:14">
      <c r="N927407" s="10"/>
    </row>
    <row r="927408" spans="14:14">
      <c r="N927408" s="10"/>
    </row>
    <row r="927409" spans="14:14">
      <c r="N927409" s="10"/>
    </row>
    <row r="927410" spans="14:14">
      <c r="N927410" s="10"/>
    </row>
    <row r="927411" spans="14:14">
      <c r="N927411" s="10"/>
    </row>
    <row r="927412" spans="14:14">
      <c r="N927412" s="10"/>
    </row>
    <row r="927413" spans="14:14">
      <c r="N927413" s="10"/>
    </row>
    <row r="927414" spans="14:14">
      <c r="N927414" s="10"/>
    </row>
    <row r="927415" spans="14:14">
      <c r="N927415" s="10"/>
    </row>
    <row r="927416" spans="14:14">
      <c r="N927416" s="10"/>
    </row>
    <row r="927417" spans="14:14">
      <c r="N927417" s="10"/>
    </row>
    <row r="927418" spans="14:14">
      <c r="N927418" s="10"/>
    </row>
    <row r="927419" spans="14:14">
      <c r="N927419" s="10"/>
    </row>
    <row r="927420" spans="14:14">
      <c r="N927420" s="10"/>
    </row>
    <row r="927421" spans="14:14">
      <c r="N927421" s="10"/>
    </row>
    <row r="927422" spans="14:14">
      <c r="N927422" s="10"/>
    </row>
    <row r="927423" spans="14:14">
      <c r="N927423" s="10"/>
    </row>
    <row r="927424" spans="14:14">
      <c r="N927424" s="10"/>
    </row>
    <row r="927425" spans="14:14">
      <c r="N927425" s="10"/>
    </row>
    <row r="927426" spans="14:14">
      <c r="N927426" s="10"/>
    </row>
    <row r="927427" spans="14:14">
      <c r="N927427" s="10"/>
    </row>
    <row r="927428" spans="14:14">
      <c r="N927428" s="10"/>
    </row>
    <row r="927429" spans="14:14">
      <c r="N927429" s="10"/>
    </row>
    <row r="927430" spans="14:14">
      <c r="N927430" s="10"/>
    </row>
    <row r="927431" spans="14:14">
      <c r="N927431" s="10"/>
    </row>
    <row r="927432" spans="14:14">
      <c r="N927432" s="10"/>
    </row>
    <row r="927433" spans="14:14">
      <c r="N927433" s="10"/>
    </row>
    <row r="927434" spans="14:14">
      <c r="N927434" s="10"/>
    </row>
    <row r="927435" spans="14:14">
      <c r="N927435" s="10"/>
    </row>
    <row r="927436" spans="14:14">
      <c r="N927436" s="10"/>
    </row>
    <row r="927437" spans="14:14">
      <c r="N927437" s="10"/>
    </row>
    <row r="927438" spans="14:14">
      <c r="N927438" s="10"/>
    </row>
    <row r="927439" spans="14:14">
      <c r="N927439" s="10"/>
    </row>
    <row r="927440" spans="14:14">
      <c r="N927440" s="10"/>
    </row>
    <row r="927441" spans="14:14">
      <c r="N927441" s="10"/>
    </row>
    <row r="927442" spans="14:14">
      <c r="N927442" s="10"/>
    </row>
    <row r="927443" spans="14:14">
      <c r="N927443" s="10"/>
    </row>
    <row r="927444" spans="14:14">
      <c r="N927444" s="10"/>
    </row>
    <row r="927445" spans="14:14">
      <c r="N927445" s="10"/>
    </row>
    <row r="927446" spans="14:14">
      <c r="N927446" s="10"/>
    </row>
    <row r="927447" spans="14:14">
      <c r="N927447" s="10"/>
    </row>
    <row r="927448" spans="14:14">
      <c r="N927448" s="10"/>
    </row>
    <row r="927449" spans="14:14">
      <c r="N927449" s="10"/>
    </row>
    <row r="927450" spans="14:14">
      <c r="N927450" s="10"/>
    </row>
    <row r="927451" spans="14:14">
      <c r="N927451" s="10"/>
    </row>
    <row r="927452" spans="14:14">
      <c r="N927452" s="10"/>
    </row>
    <row r="927453" spans="14:14">
      <c r="N927453" s="10"/>
    </row>
    <row r="927454" spans="14:14">
      <c r="N927454" s="10"/>
    </row>
    <row r="927455" spans="14:14">
      <c r="N927455" s="10"/>
    </row>
    <row r="927456" spans="14:14">
      <c r="N927456" s="10"/>
    </row>
    <row r="927457" spans="14:14">
      <c r="N927457" s="10"/>
    </row>
    <row r="927458" spans="14:14">
      <c r="N927458" s="10"/>
    </row>
    <row r="927459" spans="14:14">
      <c r="N927459" s="10"/>
    </row>
    <row r="927460" spans="14:14">
      <c r="N927460" s="10"/>
    </row>
    <row r="927461" spans="14:14">
      <c r="N927461" s="10"/>
    </row>
    <row r="927462" spans="14:14">
      <c r="N927462" s="10"/>
    </row>
    <row r="927463" spans="14:14">
      <c r="N927463" s="10"/>
    </row>
    <row r="927464" spans="14:14">
      <c r="N927464" s="10"/>
    </row>
    <row r="927465" spans="14:14">
      <c r="N927465" s="10"/>
    </row>
    <row r="927466" spans="14:14">
      <c r="N927466" s="10"/>
    </row>
    <row r="927467" spans="14:14">
      <c r="N927467" s="10"/>
    </row>
    <row r="927468" spans="14:14">
      <c r="N927468" s="10"/>
    </row>
    <row r="927469" spans="14:14">
      <c r="N927469" s="10"/>
    </row>
    <row r="927470" spans="14:14">
      <c r="N927470" s="10"/>
    </row>
    <row r="927471" spans="14:14">
      <c r="N927471" s="10"/>
    </row>
    <row r="927472" spans="14:14">
      <c r="N927472" s="10"/>
    </row>
    <row r="927473" spans="14:14">
      <c r="N927473" s="10"/>
    </row>
    <row r="927474" spans="14:14">
      <c r="N927474" s="10"/>
    </row>
    <row r="927475" spans="14:14">
      <c r="N927475" s="10"/>
    </row>
    <row r="927476" spans="14:14">
      <c r="N927476" s="10"/>
    </row>
    <row r="927477" spans="14:14">
      <c r="N927477" s="10"/>
    </row>
    <row r="927478" spans="14:14">
      <c r="N927478" s="10"/>
    </row>
    <row r="927479" spans="14:14">
      <c r="N927479" s="10"/>
    </row>
    <row r="927480" spans="14:14">
      <c r="N927480" s="10"/>
    </row>
    <row r="927481" spans="14:14">
      <c r="N927481" s="10"/>
    </row>
    <row r="927482" spans="14:14">
      <c r="N927482" s="10"/>
    </row>
    <row r="927483" spans="14:14">
      <c r="N927483" s="10"/>
    </row>
    <row r="927484" spans="14:14">
      <c r="N927484" s="10"/>
    </row>
    <row r="927485" spans="14:14">
      <c r="N927485" s="10"/>
    </row>
    <row r="927486" spans="14:14">
      <c r="N927486" s="10"/>
    </row>
    <row r="927487" spans="14:14">
      <c r="N927487" s="10"/>
    </row>
    <row r="927488" spans="14:14">
      <c r="N927488" s="10"/>
    </row>
    <row r="927489" spans="14:14">
      <c r="N927489" s="10"/>
    </row>
    <row r="927490" spans="14:14">
      <c r="N927490" s="10"/>
    </row>
    <row r="927491" spans="14:14">
      <c r="N927491" s="10"/>
    </row>
    <row r="927492" spans="14:14">
      <c r="N927492" s="10"/>
    </row>
    <row r="927493" spans="14:14">
      <c r="N927493" s="10"/>
    </row>
    <row r="927494" spans="14:14">
      <c r="N927494" s="10"/>
    </row>
    <row r="927495" spans="14:14">
      <c r="N927495" s="10"/>
    </row>
    <row r="927496" spans="14:14">
      <c r="N927496" s="10"/>
    </row>
    <row r="927497" spans="14:14">
      <c r="N927497" s="10"/>
    </row>
    <row r="927498" spans="14:14">
      <c r="N927498" s="10"/>
    </row>
    <row r="927499" spans="14:14">
      <c r="N927499" s="10"/>
    </row>
    <row r="927500" spans="14:14">
      <c r="N927500" s="10"/>
    </row>
    <row r="927501" spans="14:14">
      <c r="N927501" s="10"/>
    </row>
    <row r="927502" spans="14:14">
      <c r="N927502" s="10"/>
    </row>
    <row r="927503" spans="14:14">
      <c r="N927503" s="10"/>
    </row>
    <row r="927504" spans="14:14">
      <c r="N927504" s="10"/>
    </row>
    <row r="927505" spans="14:14">
      <c r="N927505" s="10"/>
    </row>
    <row r="927506" spans="14:14">
      <c r="N927506" s="10"/>
    </row>
    <row r="927507" spans="14:14">
      <c r="N927507" s="10"/>
    </row>
    <row r="927508" spans="14:14">
      <c r="N927508" s="10"/>
    </row>
    <row r="927509" spans="14:14">
      <c r="N927509" s="10"/>
    </row>
    <row r="927510" spans="14:14">
      <c r="N927510" s="10"/>
    </row>
    <row r="927511" spans="14:14">
      <c r="N927511" s="10"/>
    </row>
    <row r="927512" spans="14:14">
      <c r="N927512" s="10"/>
    </row>
    <row r="927513" spans="14:14">
      <c r="N927513" s="10"/>
    </row>
    <row r="927514" spans="14:14">
      <c r="N927514" s="10"/>
    </row>
    <row r="927515" spans="14:14">
      <c r="N927515" s="10"/>
    </row>
    <row r="927516" spans="14:14">
      <c r="N927516" s="10"/>
    </row>
    <row r="927517" spans="14:14">
      <c r="N927517" s="10"/>
    </row>
    <row r="927518" spans="14:14">
      <c r="N927518" s="10"/>
    </row>
    <row r="927519" spans="14:14">
      <c r="N927519" s="10"/>
    </row>
    <row r="927520" spans="14:14">
      <c r="N927520" s="10"/>
    </row>
    <row r="927521" spans="14:14">
      <c r="N927521" s="10"/>
    </row>
    <row r="927522" spans="14:14">
      <c r="N927522" s="10"/>
    </row>
    <row r="927523" spans="14:14">
      <c r="N927523" s="10"/>
    </row>
    <row r="927524" spans="14:14">
      <c r="N927524" s="10"/>
    </row>
    <row r="927525" spans="14:14">
      <c r="N927525" s="10"/>
    </row>
    <row r="927526" spans="14:14">
      <c r="N927526" s="10"/>
    </row>
    <row r="927527" spans="14:14">
      <c r="N927527" s="10"/>
    </row>
    <row r="927528" spans="14:14">
      <c r="N927528" s="10"/>
    </row>
    <row r="927529" spans="14:14">
      <c r="N927529" s="10"/>
    </row>
    <row r="927530" spans="14:14">
      <c r="N927530" s="10"/>
    </row>
    <row r="927531" spans="14:14">
      <c r="N927531" s="10"/>
    </row>
    <row r="927532" spans="14:14">
      <c r="N927532" s="10"/>
    </row>
    <row r="927533" spans="14:14">
      <c r="N927533" s="10"/>
    </row>
    <row r="927534" spans="14:14">
      <c r="N927534" s="10"/>
    </row>
    <row r="927535" spans="14:14">
      <c r="N927535" s="10"/>
    </row>
    <row r="927536" spans="14:14">
      <c r="N927536" s="10"/>
    </row>
    <row r="927537" spans="14:14">
      <c r="N927537" s="10"/>
    </row>
    <row r="927538" spans="14:14">
      <c r="N927538" s="10"/>
    </row>
    <row r="927539" spans="14:14">
      <c r="N927539" s="10"/>
    </row>
    <row r="927540" spans="14:14">
      <c r="N927540" s="10"/>
    </row>
    <row r="927541" spans="14:14">
      <c r="N927541" s="10"/>
    </row>
    <row r="927542" spans="14:14">
      <c r="N927542" s="10"/>
    </row>
    <row r="927543" spans="14:14">
      <c r="N927543" s="10"/>
    </row>
    <row r="927544" spans="14:14">
      <c r="N927544" s="10"/>
    </row>
    <row r="927545" spans="14:14">
      <c r="N927545" s="10"/>
    </row>
    <row r="927546" spans="14:14">
      <c r="N927546" s="10"/>
    </row>
    <row r="927547" spans="14:14">
      <c r="N927547" s="10"/>
    </row>
    <row r="927548" spans="14:14">
      <c r="N927548" s="10"/>
    </row>
    <row r="927549" spans="14:14">
      <c r="N927549" s="10"/>
    </row>
    <row r="927550" spans="14:14">
      <c r="N927550" s="10"/>
    </row>
    <row r="927551" spans="14:14">
      <c r="N927551" s="10"/>
    </row>
    <row r="927552" spans="14:14">
      <c r="N927552" s="10"/>
    </row>
    <row r="927553" spans="14:14">
      <c r="N927553" s="10"/>
    </row>
    <row r="927554" spans="14:14">
      <c r="N927554" s="10"/>
    </row>
    <row r="927555" spans="14:14">
      <c r="N927555" s="10"/>
    </row>
    <row r="927556" spans="14:14">
      <c r="N927556" s="10"/>
    </row>
    <row r="927557" spans="14:14">
      <c r="N927557" s="10"/>
    </row>
    <row r="927558" spans="14:14">
      <c r="N927558" s="10"/>
    </row>
    <row r="927559" spans="14:14">
      <c r="N927559" s="10"/>
    </row>
    <row r="927560" spans="14:14">
      <c r="N927560" s="10"/>
    </row>
    <row r="927561" spans="14:14">
      <c r="N927561" s="10"/>
    </row>
    <row r="927562" spans="14:14">
      <c r="N927562" s="10"/>
    </row>
    <row r="927563" spans="14:14">
      <c r="N927563" s="10"/>
    </row>
    <row r="927564" spans="14:14">
      <c r="N927564" s="10"/>
    </row>
    <row r="927565" spans="14:14">
      <c r="N927565" s="10"/>
    </row>
    <row r="927566" spans="14:14">
      <c r="N927566" s="10"/>
    </row>
    <row r="927567" spans="14:14">
      <c r="N927567" s="10"/>
    </row>
    <row r="927568" spans="14:14">
      <c r="N927568" s="10"/>
    </row>
    <row r="927569" spans="14:14">
      <c r="N927569" s="10"/>
    </row>
    <row r="927570" spans="14:14">
      <c r="N927570" s="10"/>
    </row>
    <row r="927571" spans="14:14">
      <c r="N927571" s="10"/>
    </row>
    <row r="927572" spans="14:14">
      <c r="N927572" s="10"/>
    </row>
    <row r="927573" spans="14:14">
      <c r="N927573" s="10"/>
    </row>
    <row r="927574" spans="14:14">
      <c r="N927574" s="10"/>
    </row>
    <row r="927575" spans="14:14">
      <c r="N927575" s="10"/>
    </row>
    <row r="927576" spans="14:14">
      <c r="N927576" s="10"/>
    </row>
    <row r="927577" spans="14:14">
      <c r="N927577" s="10"/>
    </row>
    <row r="927578" spans="14:14">
      <c r="N927578" s="10"/>
    </row>
    <row r="927579" spans="14:14">
      <c r="N927579" s="10"/>
    </row>
    <row r="927580" spans="14:14">
      <c r="N927580" s="10"/>
    </row>
    <row r="927581" spans="14:14">
      <c r="N927581" s="10"/>
    </row>
    <row r="927582" spans="14:14">
      <c r="N927582" s="10"/>
    </row>
    <row r="927583" spans="14:14">
      <c r="N927583" s="10"/>
    </row>
    <row r="927584" spans="14:14">
      <c r="N927584" s="10"/>
    </row>
    <row r="927585" spans="14:14">
      <c r="N927585" s="10"/>
    </row>
    <row r="927586" spans="14:14">
      <c r="N927586" s="10"/>
    </row>
    <row r="927587" spans="14:14">
      <c r="N927587" s="10"/>
    </row>
    <row r="927588" spans="14:14">
      <c r="N927588" s="10"/>
    </row>
    <row r="927589" spans="14:14">
      <c r="N927589" s="10"/>
    </row>
    <row r="927590" spans="14:14">
      <c r="N927590" s="10"/>
    </row>
    <row r="927591" spans="14:14">
      <c r="N927591" s="10"/>
    </row>
    <row r="927592" spans="14:14">
      <c r="N927592" s="10"/>
    </row>
    <row r="927593" spans="14:14">
      <c r="N927593" s="10"/>
    </row>
    <row r="927594" spans="14:14">
      <c r="N927594" s="10"/>
    </row>
    <row r="927595" spans="14:14">
      <c r="N927595" s="10"/>
    </row>
    <row r="927596" spans="14:14">
      <c r="N927596" s="10"/>
    </row>
    <row r="927597" spans="14:14">
      <c r="N927597" s="10"/>
    </row>
    <row r="927598" spans="14:14">
      <c r="N927598" s="10"/>
    </row>
    <row r="927599" spans="14:14">
      <c r="N927599" s="10"/>
    </row>
    <row r="927600" spans="14:14">
      <c r="N927600" s="10"/>
    </row>
    <row r="927601" spans="14:14">
      <c r="N927601" s="10"/>
    </row>
    <row r="927602" spans="14:14">
      <c r="N927602" s="10"/>
    </row>
    <row r="927603" spans="14:14">
      <c r="N927603" s="10"/>
    </row>
    <row r="927604" spans="14:14">
      <c r="N927604" s="10"/>
    </row>
    <row r="927605" spans="14:14">
      <c r="N927605" s="10"/>
    </row>
    <row r="927606" spans="14:14">
      <c r="N927606" s="10"/>
    </row>
    <row r="927607" spans="14:14">
      <c r="N927607" s="10"/>
    </row>
    <row r="927608" spans="14:14">
      <c r="N927608" s="10"/>
    </row>
    <row r="927609" spans="14:14">
      <c r="N927609" s="10"/>
    </row>
    <row r="927610" spans="14:14">
      <c r="N927610" s="10"/>
    </row>
    <row r="927611" spans="14:14">
      <c r="N927611" s="10"/>
    </row>
    <row r="927612" spans="14:14">
      <c r="N927612" s="10"/>
    </row>
    <row r="927613" spans="14:14">
      <c r="N927613" s="10"/>
    </row>
    <row r="927614" spans="14:14">
      <c r="N927614" s="10"/>
    </row>
    <row r="927615" spans="14:14">
      <c r="N927615" s="10"/>
    </row>
    <row r="927616" spans="14:14">
      <c r="N927616" s="10"/>
    </row>
    <row r="927617" spans="14:14">
      <c r="N927617" s="10"/>
    </row>
    <row r="927618" spans="14:14">
      <c r="N927618" s="10"/>
    </row>
    <row r="927619" spans="14:14">
      <c r="N927619" s="10"/>
    </row>
    <row r="927620" spans="14:14">
      <c r="N927620" s="10"/>
    </row>
    <row r="927621" spans="14:14">
      <c r="N927621" s="10"/>
    </row>
    <row r="927622" spans="14:14">
      <c r="N927622" s="10"/>
    </row>
    <row r="927623" spans="14:14">
      <c r="N927623" s="10"/>
    </row>
    <row r="927624" spans="14:14">
      <c r="N927624" s="10"/>
    </row>
    <row r="927625" spans="14:14">
      <c r="N927625" s="10"/>
    </row>
    <row r="927626" spans="14:14">
      <c r="N927626" s="10"/>
    </row>
    <row r="927627" spans="14:14">
      <c r="N927627" s="10"/>
    </row>
    <row r="927628" spans="14:14">
      <c r="N927628" s="10"/>
    </row>
    <row r="927629" spans="14:14">
      <c r="N927629" s="10"/>
    </row>
    <row r="927630" spans="14:14">
      <c r="N927630" s="10"/>
    </row>
    <row r="927631" spans="14:14">
      <c r="N927631" s="10"/>
    </row>
    <row r="927632" spans="14:14">
      <c r="N927632" s="10"/>
    </row>
    <row r="927633" spans="14:14">
      <c r="N927633" s="10"/>
    </row>
    <row r="927634" spans="14:14">
      <c r="N927634" s="10"/>
    </row>
    <row r="927635" spans="14:14">
      <c r="N927635" s="10"/>
    </row>
    <row r="927636" spans="14:14">
      <c r="N927636" s="10"/>
    </row>
    <row r="927637" spans="14:14">
      <c r="N927637" s="10"/>
    </row>
    <row r="927638" spans="14:14">
      <c r="N927638" s="10"/>
    </row>
    <row r="927639" spans="14:14">
      <c r="N927639" s="10"/>
    </row>
    <row r="927640" spans="14:14">
      <c r="N927640" s="10"/>
    </row>
    <row r="927641" spans="14:14">
      <c r="N927641" s="10"/>
    </row>
    <row r="927642" spans="14:14">
      <c r="N927642" s="10"/>
    </row>
    <row r="927643" spans="14:14">
      <c r="N927643" s="10"/>
    </row>
    <row r="927644" spans="14:14">
      <c r="N927644" s="10"/>
    </row>
    <row r="927645" spans="14:14">
      <c r="N927645" s="10"/>
    </row>
    <row r="927646" spans="14:14">
      <c r="N927646" s="10"/>
    </row>
    <row r="927647" spans="14:14">
      <c r="N927647" s="10"/>
    </row>
    <row r="927648" spans="14:14">
      <c r="N927648" s="10"/>
    </row>
    <row r="927649" spans="14:14">
      <c r="N927649" s="10"/>
    </row>
    <row r="927650" spans="14:14">
      <c r="N927650" s="10"/>
    </row>
    <row r="927651" spans="14:14">
      <c r="N927651" s="10"/>
    </row>
    <row r="927652" spans="14:14">
      <c r="N927652" s="10"/>
    </row>
    <row r="927653" spans="14:14">
      <c r="N927653" s="10"/>
    </row>
    <row r="927654" spans="14:14">
      <c r="N927654" s="10"/>
    </row>
    <row r="927655" spans="14:14">
      <c r="N927655" s="10"/>
    </row>
    <row r="927656" spans="14:14">
      <c r="N927656" s="10"/>
    </row>
    <row r="927657" spans="14:14">
      <c r="N927657" s="10"/>
    </row>
    <row r="927658" spans="14:14">
      <c r="N927658" s="10"/>
    </row>
    <row r="927659" spans="14:14">
      <c r="N927659" s="10"/>
    </row>
    <row r="927660" spans="14:14">
      <c r="N927660" s="10"/>
    </row>
    <row r="927661" spans="14:14">
      <c r="N927661" s="10"/>
    </row>
    <row r="927662" spans="14:14">
      <c r="N927662" s="10"/>
    </row>
    <row r="927663" spans="14:14">
      <c r="N927663" s="10"/>
    </row>
    <row r="927664" spans="14:14">
      <c r="N927664" s="10"/>
    </row>
    <row r="927665" spans="14:14">
      <c r="N927665" s="10"/>
    </row>
    <row r="927666" spans="14:14">
      <c r="N927666" s="10"/>
    </row>
    <row r="927667" spans="14:14">
      <c r="N927667" s="10"/>
    </row>
    <row r="927668" spans="14:14">
      <c r="N927668" s="10"/>
    </row>
    <row r="927669" spans="14:14">
      <c r="N927669" s="10"/>
    </row>
    <row r="927670" spans="14:14">
      <c r="N927670" s="10"/>
    </row>
    <row r="927671" spans="14:14">
      <c r="N927671" s="10"/>
    </row>
    <row r="927672" spans="14:14">
      <c r="N927672" s="10"/>
    </row>
    <row r="927673" spans="14:14">
      <c r="N927673" s="10"/>
    </row>
    <row r="927674" spans="14:14">
      <c r="N927674" s="10"/>
    </row>
    <row r="927675" spans="14:14">
      <c r="N927675" s="10"/>
    </row>
    <row r="927676" spans="14:14">
      <c r="N927676" s="10"/>
    </row>
    <row r="927677" spans="14:14">
      <c r="N927677" s="10"/>
    </row>
    <row r="927678" spans="14:14">
      <c r="N927678" s="10"/>
    </row>
    <row r="927679" spans="14:14">
      <c r="N927679" s="10"/>
    </row>
    <row r="927680" spans="14:14">
      <c r="N927680" s="10"/>
    </row>
    <row r="927681" spans="14:14">
      <c r="N927681" s="10"/>
    </row>
    <row r="927682" spans="14:14">
      <c r="N927682" s="10"/>
    </row>
    <row r="927683" spans="14:14">
      <c r="N927683" s="10"/>
    </row>
    <row r="927684" spans="14:14">
      <c r="N927684" s="10"/>
    </row>
    <row r="927685" spans="14:14">
      <c r="N927685" s="10"/>
    </row>
    <row r="927686" spans="14:14">
      <c r="N927686" s="10"/>
    </row>
    <row r="927687" spans="14:14">
      <c r="N927687" s="10"/>
    </row>
    <row r="927688" spans="14:14">
      <c r="N927688" s="10"/>
    </row>
    <row r="927689" spans="14:14">
      <c r="N927689" s="10"/>
    </row>
    <row r="927690" spans="14:14">
      <c r="N927690" s="10"/>
    </row>
    <row r="927691" spans="14:14">
      <c r="N927691" s="10"/>
    </row>
    <row r="927692" spans="14:14">
      <c r="N927692" s="10"/>
    </row>
    <row r="927693" spans="14:14">
      <c r="N927693" s="10"/>
    </row>
    <row r="927694" spans="14:14">
      <c r="N927694" s="10"/>
    </row>
    <row r="927695" spans="14:14">
      <c r="N927695" s="10"/>
    </row>
    <row r="927696" spans="14:14">
      <c r="N927696" s="10"/>
    </row>
    <row r="927697" spans="14:14">
      <c r="N927697" s="10"/>
    </row>
    <row r="927698" spans="14:14">
      <c r="N927698" s="10"/>
    </row>
    <row r="927699" spans="14:14">
      <c r="N927699" s="10"/>
    </row>
    <row r="927700" spans="14:14">
      <c r="N927700" s="10"/>
    </row>
    <row r="927701" spans="14:14">
      <c r="N927701" s="10"/>
    </row>
    <row r="927702" spans="14:14">
      <c r="N927702" s="10"/>
    </row>
    <row r="927703" spans="14:14">
      <c r="N927703" s="10"/>
    </row>
    <row r="927704" spans="14:14">
      <c r="N927704" s="10"/>
    </row>
    <row r="927705" spans="14:14">
      <c r="N927705" s="10"/>
    </row>
    <row r="927706" spans="14:14">
      <c r="N927706" s="10"/>
    </row>
    <row r="927707" spans="14:14">
      <c r="N927707" s="10"/>
    </row>
    <row r="927708" spans="14:14">
      <c r="N927708" s="10"/>
    </row>
    <row r="927709" spans="14:14">
      <c r="N927709" s="10"/>
    </row>
    <row r="927710" spans="14:14">
      <c r="N927710" s="10"/>
    </row>
    <row r="927711" spans="14:14">
      <c r="N927711" s="10"/>
    </row>
    <row r="927712" spans="14:14">
      <c r="N927712" s="10"/>
    </row>
    <row r="927713" spans="14:14">
      <c r="N927713" s="10"/>
    </row>
    <row r="927714" spans="14:14">
      <c r="N927714" s="10"/>
    </row>
    <row r="927715" spans="14:14">
      <c r="N927715" s="10"/>
    </row>
    <row r="927716" spans="14:14">
      <c r="N927716" s="10"/>
    </row>
    <row r="927717" spans="14:14">
      <c r="N927717" s="10"/>
    </row>
    <row r="927718" spans="14:14">
      <c r="N927718" s="10"/>
    </row>
    <row r="927719" spans="14:14">
      <c r="N927719" s="10"/>
    </row>
    <row r="927720" spans="14:14">
      <c r="N927720" s="10"/>
    </row>
    <row r="927721" spans="14:14">
      <c r="N927721" s="10"/>
    </row>
    <row r="927722" spans="14:14">
      <c r="N927722" s="10"/>
    </row>
    <row r="927723" spans="14:14">
      <c r="N927723" s="10"/>
    </row>
    <row r="927724" spans="14:14">
      <c r="N927724" s="10"/>
    </row>
    <row r="927725" spans="14:14">
      <c r="N927725" s="10"/>
    </row>
    <row r="927726" spans="14:14">
      <c r="N927726" s="10"/>
    </row>
    <row r="927727" spans="14:14">
      <c r="N927727" s="10"/>
    </row>
    <row r="927728" spans="14:14">
      <c r="N927728" s="10"/>
    </row>
    <row r="927729" spans="14:14">
      <c r="N927729" s="10"/>
    </row>
    <row r="927730" spans="14:14">
      <c r="N927730" s="10"/>
    </row>
    <row r="927731" spans="14:14">
      <c r="N927731" s="10"/>
    </row>
    <row r="927732" spans="14:14">
      <c r="N927732" s="10"/>
    </row>
    <row r="927733" spans="14:14">
      <c r="N927733" s="10"/>
    </row>
    <row r="927734" spans="14:14">
      <c r="N927734" s="10"/>
    </row>
    <row r="927735" spans="14:14">
      <c r="N927735" s="10"/>
    </row>
    <row r="927736" spans="14:14">
      <c r="N927736" s="10"/>
    </row>
    <row r="927737" spans="14:14">
      <c r="N927737" s="10"/>
    </row>
    <row r="927738" spans="14:14">
      <c r="N927738" s="10"/>
    </row>
    <row r="927739" spans="14:14">
      <c r="N927739" s="10"/>
    </row>
    <row r="927740" spans="14:14">
      <c r="N927740" s="10"/>
    </row>
    <row r="927741" spans="14:14">
      <c r="N927741" s="10"/>
    </row>
    <row r="927742" spans="14:14">
      <c r="N927742" s="10"/>
    </row>
    <row r="927743" spans="14:14">
      <c r="N927743" s="10"/>
    </row>
    <row r="927744" spans="14:14">
      <c r="N927744" s="10"/>
    </row>
    <row r="927745" spans="14:14">
      <c r="N927745" s="10"/>
    </row>
    <row r="927746" spans="14:14">
      <c r="N927746" s="10"/>
    </row>
    <row r="927747" spans="14:14">
      <c r="N927747" s="10"/>
    </row>
    <row r="927748" spans="14:14">
      <c r="N927748" s="10"/>
    </row>
    <row r="927749" spans="14:14">
      <c r="N927749" s="10"/>
    </row>
    <row r="927750" spans="14:14">
      <c r="N927750" s="10"/>
    </row>
    <row r="927751" spans="14:14">
      <c r="N927751" s="10"/>
    </row>
    <row r="927752" spans="14:14">
      <c r="N927752" s="10"/>
    </row>
    <row r="927753" spans="14:14">
      <c r="N927753" s="10"/>
    </row>
    <row r="927754" spans="14:14">
      <c r="N927754" s="10"/>
    </row>
    <row r="927755" spans="14:14">
      <c r="N927755" s="10"/>
    </row>
    <row r="927756" spans="14:14">
      <c r="N927756" s="10"/>
    </row>
    <row r="927757" spans="14:14">
      <c r="N927757" s="10"/>
    </row>
    <row r="927758" spans="14:14">
      <c r="N927758" s="10"/>
    </row>
    <row r="927759" spans="14:14">
      <c r="N927759" s="10"/>
    </row>
    <row r="927760" spans="14:14">
      <c r="N927760" s="10"/>
    </row>
    <row r="927761" spans="14:14">
      <c r="N927761" s="10"/>
    </row>
    <row r="927762" spans="14:14">
      <c r="N927762" s="10"/>
    </row>
    <row r="927763" spans="14:14">
      <c r="N927763" s="10"/>
    </row>
    <row r="927764" spans="14:14">
      <c r="N927764" s="10"/>
    </row>
    <row r="927765" spans="14:14">
      <c r="N927765" s="10"/>
    </row>
    <row r="927766" spans="14:14">
      <c r="N927766" s="10"/>
    </row>
    <row r="927767" spans="14:14">
      <c r="N927767" s="10"/>
    </row>
    <row r="927768" spans="14:14">
      <c r="N927768" s="10"/>
    </row>
    <row r="927769" spans="14:14">
      <c r="N927769" s="10"/>
    </row>
    <row r="927770" spans="14:14">
      <c r="N927770" s="10"/>
    </row>
    <row r="927771" spans="14:14">
      <c r="N927771" s="10"/>
    </row>
    <row r="927772" spans="14:14">
      <c r="N927772" s="10"/>
    </row>
    <row r="927773" spans="14:14">
      <c r="N927773" s="10"/>
    </row>
    <row r="927774" spans="14:14">
      <c r="N927774" s="10"/>
    </row>
    <row r="927775" spans="14:14">
      <c r="N927775" s="10"/>
    </row>
    <row r="927776" spans="14:14">
      <c r="N927776" s="10"/>
    </row>
    <row r="927777" spans="14:14">
      <c r="N927777" s="10"/>
    </row>
    <row r="927778" spans="14:14">
      <c r="N927778" s="10"/>
    </row>
    <row r="927779" spans="14:14">
      <c r="N927779" s="10"/>
    </row>
    <row r="927780" spans="14:14">
      <c r="N927780" s="10"/>
    </row>
    <row r="927781" spans="14:14">
      <c r="N927781" s="10"/>
    </row>
    <row r="927782" spans="14:14">
      <c r="N927782" s="10"/>
    </row>
    <row r="927783" spans="14:14">
      <c r="N927783" s="10"/>
    </row>
    <row r="927784" spans="14:14">
      <c r="N927784" s="10"/>
    </row>
    <row r="927785" spans="14:14">
      <c r="N927785" s="10"/>
    </row>
    <row r="927786" spans="14:14">
      <c r="N927786" s="10"/>
    </row>
    <row r="927787" spans="14:14">
      <c r="N927787" s="10"/>
    </row>
    <row r="927788" spans="14:14">
      <c r="N927788" s="10"/>
    </row>
    <row r="927789" spans="14:14">
      <c r="N927789" s="10"/>
    </row>
    <row r="927790" spans="14:14">
      <c r="N927790" s="10"/>
    </row>
    <row r="927791" spans="14:14">
      <c r="N927791" s="10"/>
    </row>
    <row r="927792" spans="14:14">
      <c r="N927792" s="10"/>
    </row>
    <row r="927793" spans="14:14">
      <c r="N927793" s="10"/>
    </row>
    <row r="927794" spans="14:14">
      <c r="N927794" s="10"/>
    </row>
    <row r="927795" spans="14:14">
      <c r="N927795" s="10"/>
    </row>
    <row r="927796" spans="14:14">
      <c r="N927796" s="10"/>
    </row>
    <row r="927797" spans="14:14">
      <c r="N927797" s="10"/>
    </row>
    <row r="927798" spans="14:14">
      <c r="N927798" s="10"/>
    </row>
    <row r="927799" spans="14:14">
      <c r="N927799" s="10"/>
    </row>
    <row r="927800" spans="14:14">
      <c r="N927800" s="10"/>
    </row>
    <row r="927801" spans="14:14">
      <c r="N927801" s="10"/>
    </row>
    <row r="927802" spans="14:14">
      <c r="N927802" s="10"/>
    </row>
    <row r="927803" spans="14:14">
      <c r="N927803" s="10"/>
    </row>
    <row r="927804" spans="14:14">
      <c r="N927804" s="10"/>
    </row>
    <row r="927805" spans="14:14">
      <c r="N927805" s="10"/>
    </row>
    <row r="927806" spans="14:14">
      <c r="N927806" s="10"/>
    </row>
    <row r="927807" spans="14:14">
      <c r="N927807" s="10"/>
    </row>
    <row r="927808" spans="14:14">
      <c r="N927808" s="10"/>
    </row>
    <row r="927809" spans="14:14">
      <c r="N927809" s="10"/>
    </row>
    <row r="927810" spans="14:14">
      <c r="N927810" s="10"/>
    </row>
    <row r="927811" spans="14:14">
      <c r="N927811" s="10"/>
    </row>
    <row r="927812" spans="14:14">
      <c r="N927812" s="10"/>
    </row>
    <row r="927813" spans="14:14">
      <c r="N927813" s="10"/>
    </row>
    <row r="927814" spans="14:14">
      <c r="N927814" s="10"/>
    </row>
    <row r="927815" spans="14:14">
      <c r="N927815" s="10"/>
    </row>
    <row r="927816" spans="14:14">
      <c r="N927816" s="10"/>
    </row>
    <row r="927817" spans="14:14">
      <c r="N927817" s="10"/>
    </row>
    <row r="927818" spans="14:14">
      <c r="N927818" s="10"/>
    </row>
    <row r="927819" spans="14:14">
      <c r="N927819" s="10"/>
    </row>
    <row r="927820" spans="14:14">
      <c r="N927820" s="10"/>
    </row>
    <row r="927821" spans="14:14">
      <c r="N927821" s="10"/>
    </row>
    <row r="927822" spans="14:14">
      <c r="N927822" s="10"/>
    </row>
    <row r="927823" spans="14:14">
      <c r="N927823" s="10"/>
    </row>
    <row r="927824" spans="14:14">
      <c r="N927824" s="10"/>
    </row>
    <row r="927825" spans="14:14">
      <c r="N927825" s="10"/>
    </row>
    <row r="927826" spans="14:14">
      <c r="N927826" s="10"/>
    </row>
    <row r="927827" spans="14:14">
      <c r="N927827" s="10"/>
    </row>
    <row r="927828" spans="14:14">
      <c r="N927828" s="10"/>
    </row>
    <row r="927829" spans="14:14">
      <c r="N927829" s="10"/>
    </row>
    <row r="927830" spans="14:14">
      <c r="N927830" s="10"/>
    </row>
    <row r="927831" spans="14:14">
      <c r="N927831" s="10"/>
    </row>
    <row r="927832" spans="14:14">
      <c r="N927832" s="10"/>
    </row>
    <row r="927833" spans="14:14">
      <c r="N927833" s="10"/>
    </row>
    <row r="927834" spans="14:14">
      <c r="N927834" s="10"/>
    </row>
    <row r="927835" spans="14:14">
      <c r="N927835" s="10"/>
    </row>
    <row r="927836" spans="14:14">
      <c r="N927836" s="10"/>
    </row>
    <row r="927837" spans="14:14">
      <c r="N927837" s="10"/>
    </row>
    <row r="927838" spans="14:14">
      <c r="N927838" s="10"/>
    </row>
    <row r="927839" spans="14:14">
      <c r="N927839" s="10"/>
    </row>
    <row r="927840" spans="14:14">
      <c r="N927840" s="10"/>
    </row>
    <row r="927841" spans="14:14">
      <c r="N927841" s="10"/>
    </row>
    <row r="927842" spans="14:14">
      <c r="N927842" s="10"/>
    </row>
    <row r="927843" spans="14:14">
      <c r="N927843" s="10"/>
    </row>
    <row r="927844" spans="14:14">
      <c r="N927844" s="10"/>
    </row>
    <row r="927845" spans="14:14">
      <c r="N927845" s="10"/>
    </row>
    <row r="927846" spans="14:14">
      <c r="N927846" s="10"/>
    </row>
    <row r="927847" spans="14:14">
      <c r="N927847" s="10"/>
    </row>
    <row r="927848" spans="14:14">
      <c r="N927848" s="10"/>
    </row>
    <row r="927849" spans="14:14">
      <c r="N927849" s="10"/>
    </row>
    <row r="927850" spans="14:14">
      <c r="N927850" s="10"/>
    </row>
    <row r="927851" spans="14:14">
      <c r="N927851" s="10"/>
    </row>
    <row r="927852" spans="14:14">
      <c r="N927852" s="10"/>
    </row>
    <row r="927853" spans="14:14">
      <c r="N927853" s="10"/>
    </row>
    <row r="927854" spans="14:14">
      <c r="N927854" s="10"/>
    </row>
    <row r="927855" spans="14:14">
      <c r="N927855" s="10"/>
    </row>
    <row r="927856" spans="14:14">
      <c r="N927856" s="10"/>
    </row>
    <row r="927857" spans="14:14">
      <c r="N927857" s="10"/>
    </row>
    <row r="927858" spans="14:14">
      <c r="N927858" s="10"/>
    </row>
    <row r="927859" spans="14:14">
      <c r="N927859" s="10"/>
    </row>
    <row r="927860" spans="14:14">
      <c r="N927860" s="10"/>
    </row>
    <row r="927861" spans="14:14">
      <c r="N927861" s="10"/>
    </row>
    <row r="927862" spans="14:14">
      <c r="N927862" s="10"/>
    </row>
    <row r="927863" spans="14:14">
      <c r="N927863" s="10"/>
    </row>
    <row r="927864" spans="14:14">
      <c r="N927864" s="10"/>
    </row>
    <row r="927865" spans="14:14">
      <c r="N927865" s="10"/>
    </row>
    <row r="927866" spans="14:14">
      <c r="N927866" s="10"/>
    </row>
    <row r="927867" spans="14:14">
      <c r="N927867" s="10"/>
    </row>
    <row r="927868" spans="14:14">
      <c r="N927868" s="10"/>
    </row>
    <row r="927869" spans="14:14">
      <c r="N927869" s="10"/>
    </row>
    <row r="927870" spans="14:14">
      <c r="N927870" s="10"/>
    </row>
    <row r="927871" spans="14:14">
      <c r="N927871" s="10"/>
    </row>
    <row r="927872" spans="14:14">
      <c r="N927872" s="10"/>
    </row>
    <row r="927873" spans="14:14">
      <c r="N927873" s="10"/>
    </row>
    <row r="927874" spans="14:14">
      <c r="N927874" s="10"/>
    </row>
    <row r="927875" spans="14:14">
      <c r="N927875" s="10"/>
    </row>
    <row r="927876" spans="14:14">
      <c r="N927876" s="10"/>
    </row>
    <row r="927877" spans="14:14">
      <c r="N927877" s="10"/>
    </row>
    <row r="927878" spans="14:14">
      <c r="N927878" s="10"/>
    </row>
    <row r="927879" spans="14:14">
      <c r="N927879" s="10"/>
    </row>
    <row r="927880" spans="14:14">
      <c r="N927880" s="10"/>
    </row>
    <row r="927881" spans="14:14">
      <c r="N927881" s="10"/>
    </row>
    <row r="927882" spans="14:14">
      <c r="N927882" s="10"/>
    </row>
    <row r="927883" spans="14:14">
      <c r="N927883" s="10"/>
    </row>
    <row r="927884" spans="14:14">
      <c r="N927884" s="10"/>
    </row>
    <row r="927885" spans="14:14">
      <c r="N927885" s="10"/>
    </row>
    <row r="927886" spans="14:14">
      <c r="N927886" s="10"/>
    </row>
    <row r="927887" spans="14:14">
      <c r="N927887" s="10"/>
    </row>
    <row r="927888" spans="14:14">
      <c r="N927888" s="10"/>
    </row>
    <row r="927889" spans="14:14">
      <c r="N927889" s="10"/>
    </row>
    <row r="927890" spans="14:14">
      <c r="N927890" s="10"/>
    </row>
    <row r="927891" spans="14:14">
      <c r="N927891" s="10"/>
    </row>
    <row r="927892" spans="14:14">
      <c r="N927892" s="10"/>
    </row>
    <row r="927893" spans="14:14">
      <c r="N927893" s="10"/>
    </row>
    <row r="927894" spans="14:14">
      <c r="N927894" s="10"/>
    </row>
    <row r="927895" spans="14:14">
      <c r="N927895" s="10"/>
    </row>
    <row r="927896" spans="14:14">
      <c r="N927896" s="10"/>
    </row>
    <row r="927897" spans="14:14">
      <c r="N927897" s="10"/>
    </row>
    <row r="927898" spans="14:14">
      <c r="N927898" s="10"/>
    </row>
    <row r="927899" spans="14:14">
      <c r="N927899" s="10"/>
    </row>
    <row r="927900" spans="14:14">
      <c r="N927900" s="10"/>
    </row>
    <row r="927901" spans="14:14">
      <c r="N927901" s="10"/>
    </row>
    <row r="927902" spans="14:14">
      <c r="N927902" s="10"/>
    </row>
    <row r="927903" spans="14:14">
      <c r="N927903" s="10"/>
    </row>
    <row r="927904" spans="14:14">
      <c r="N927904" s="10"/>
    </row>
    <row r="927905" spans="14:14">
      <c r="N927905" s="10"/>
    </row>
    <row r="927906" spans="14:14">
      <c r="N927906" s="10"/>
    </row>
    <row r="927907" spans="14:14">
      <c r="N927907" s="10"/>
    </row>
    <row r="927908" spans="14:14">
      <c r="N927908" s="10"/>
    </row>
    <row r="927909" spans="14:14">
      <c r="N927909" s="10"/>
    </row>
    <row r="927910" spans="14:14">
      <c r="N927910" s="10"/>
    </row>
    <row r="927911" spans="14:14">
      <c r="N927911" s="10"/>
    </row>
    <row r="927912" spans="14:14">
      <c r="N927912" s="10"/>
    </row>
    <row r="927913" spans="14:14">
      <c r="N927913" s="10"/>
    </row>
    <row r="927914" spans="14:14">
      <c r="N927914" s="10"/>
    </row>
    <row r="927915" spans="14:14">
      <c r="N927915" s="10"/>
    </row>
    <row r="927916" spans="14:14">
      <c r="N927916" s="10"/>
    </row>
    <row r="927917" spans="14:14">
      <c r="N927917" s="10"/>
    </row>
    <row r="927918" spans="14:14">
      <c r="N927918" s="10"/>
    </row>
    <row r="927919" spans="14:14">
      <c r="N927919" s="10"/>
    </row>
    <row r="927920" spans="14:14">
      <c r="N927920" s="10"/>
    </row>
    <row r="927921" spans="14:14">
      <c r="N927921" s="10"/>
    </row>
    <row r="927922" spans="14:14">
      <c r="N927922" s="10"/>
    </row>
    <row r="927923" spans="14:14">
      <c r="N927923" s="10"/>
    </row>
    <row r="927924" spans="14:14">
      <c r="N927924" s="10"/>
    </row>
    <row r="927925" spans="14:14">
      <c r="N927925" s="10"/>
    </row>
    <row r="927926" spans="14:14">
      <c r="N927926" s="10"/>
    </row>
    <row r="927927" spans="14:14">
      <c r="N927927" s="10"/>
    </row>
    <row r="927928" spans="14:14">
      <c r="N927928" s="10"/>
    </row>
    <row r="927929" spans="14:14">
      <c r="N927929" s="10"/>
    </row>
    <row r="927930" spans="14:14">
      <c r="N927930" s="10"/>
    </row>
    <row r="927931" spans="14:14">
      <c r="N927931" s="10"/>
    </row>
    <row r="927932" spans="14:14">
      <c r="N927932" s="10"/>
    </row>
    <row r="927933" spans="14:14">
      <c r="N927933" s="10"/>
    </row>
    <row r="927934" spans="14:14">
      <c r="N927934" s="10"/>
    </row>
    <row r="927935" spans="14:14">
      <c r="N927935" s="10"/>
    </row>
    <row r="927936" spans="14:14">
      <c r="N927936" s="10"/>
    </row>
    <row r="927937" spans="14:14">
      <c r="N927937" s="10"/>
    </row>
    <row r="927938" spans="14:14">
      <c r="N927938" s="10"/>
    </row>
    <row r="927939" spans="14:14">
      <c r="N927939" s="10"/>
    </row>
    <row r="927940" spans="14:14">
      <c r="N927940" s="10"/>
    </row>
    <row r="927941" spans="14:14">
      <c r="N927941" s="10"/>
    </row>
    <row r="927942" spans="14:14">
      <c r="N927942" s="10"/>
    </row>
    <row r="927943" spans="14:14">
      <c r="N927943" s="10"/>
    </row>
    <row r="927944" spans="14:14">
      <c r="N927944" s="10"/>
    </row>
    <row r="927945" spans="14:14">
      <c r="N927945" s="10"/>
    </row>
    <row r="927946" spans="14:14">
      <c r="N927946" s="10"/>
    </row>
    <row r="927947" spans="14:14">
      <c r="N927947" s="10"/>
    </row>
    <row r="927948" spans="14:14">
      <c r="N927948" s="10"/>
    </row>
    <row r="927949" spans="14:14">
      <c r="N927949" s="10"/>
    </row>
    <row r="927950" spans="14:14">
      <c r="N927950" s="10"/>
    </row>
    <row r="927951" spans="14:14">
      <c r="N927951" s="10"/>
    </row>
    <row r="927952" spans="14:14">
      <c r="N927952" s="10"/>
    </row>
    <row r="927953" spans="14:14">
      <c r="N927953" s="10"/>
    </row>
    <row r="927954" spans="14:14">
      <c r="N927954" s="10"/>
    </row>
    <row r="927955" spans="14:14">
      <c r="N927955" s="10"/>
    </row>
    <row r="927956" spans="14:14">
      <c r="N927956" s="10"/>
    </row>
    <row r="927957" spans="14:14">
      <c r="N927957" s="10"/>
    </row>
    <row r="927958" spans="14:14">
      <c r="N927958" s="10"/>
    </row>
    <row r="927959" spans="14:14">
      <c r="N927959" s="10"/>
    </row>
    <row r="927960" spans="14:14">
      <c r="N927960" s="10"/>
    </row>
    <row r="927961" spans="14:14">
      <c r="N927961" s="10"/>
    </row>
    <row r="927962" spans="14:14">
      <c r="N927962" s="10"/>
    </row>
    <row r="927963" spans="14:14">
      <c r="N927963" s="10"/>
    </row>
    <row r="927964" spans="14:14">
      <c r="N927964" s="10"/>
    </row>
    <row r="927965" spans="14:14">
      <c r="N927965" s="10"/>
    </row>
    <row r="927966" spans="14:14">
      <c r="N927966" s="10"/>
    </row>
    <row r="927967" spans="14:14">
      <c r="N927967" s="10"/>
    </row>
    <row r="927968" spans="14:14">
      <c r="N927968" s="10"/>
    </row>
    <row r="927969" spans="14:14">
      <c r="N927969" s="10"/>
    </row>
    <row r="927970" spans="14:14">
      <c r="N927970" s="10"/>
    </row>
    <row r="927971" spans="14:14">
      <c r="N927971" s="10"/>
    </row>
    <row r="927972" spans="14:14">
      <c r="N927972" s="10"/>
    </row>
    <row r="927973" spans="14:14">
      <c r="N927973" s="10"/>
    </row>
    <row r="927974" spans="14:14">
      <c r="N927974" s="10"/>
    </row>
    <row r="927975" spans="14:14">
      <c r="N927975" s="10"/>
    </row>
    <row r="927976" spans="14:14">
      <c r="N927976" s="10"/>
    </row>
    <row r="927977" spans="14:14">
      <c r="N927977" s="10"/>
    </row>
    <row r="927978" spans="14:14">
      <c r="N927978" s="10"/>
    </row>
    <row r="927979" spans="14:14">
      <c r="N927979" s="10"/>
    </row>
    <row r="927980" spans="14:14">
      <c r="N927980" s="10"/>
    </row>
    <row r="927981" spans="14:14">
      <c r="N927981" s="10"/>
    </row>
    <row r="927982" spans="14:14">
      <c r="N927982" s="10"/>
    </row>
    <row r="927983" spans="14:14">
      <c r="N927983" s="10"/>
    </row>
    <row r="927984" spans="14:14">
      <c r="N927984" s="10"/>
    </row>
    <row r="927985" spans="14:14">
      <c r="N927985" s="10"/>
    </row>
    <row r="927986" spans="14:14">
      <c r="N927986" s="10"/>
    </row>
    <row r="927987" spans="14:14">
      <c r="N927987" s="10"/>
    </row>
    <row r="927988" spans="14:14">
      <c r="N927988" s="10"/>
    </row>
    <row r="927989" spans="14:14">
      <c r="N927989" s="10"/>
    </row>
    <row r="927990" spans="14:14">
      <c r="N927990" s="10"/>
    </row>
    <row r="927991" spans="14:14">
      <c r="N927991" s="10"/>
    </row>
    <row r="927992" spans="14:14">
      <c r="N927992" s="10"/>
    </row>
    <row r="927993" spans="14:14">
      <c r="N927993" s="10"/>
    </row>
    <row r="927994" spans="14:14">
      <c r="N927994" s="10"/>
    </row>
    <row r="927995" spans="14:14">
      <c r="N927995" s="10"/>
    </row>
    <row r="927996" spans="14:14">
      <c r="N927996" s="10"/>
    </row>
    <row r="927997" spans="14:14">
      <c r="N927997" s="10"/>
    </row>
    <row r="927998" spans="14:14">
      <c r="N927998" s="10"/>
    </row>
    <row r="927999" spans="14:14">
      <c r="N927999" s="10"/>
    </row>
    <row r="928000" spans="14:14">
      <c r="N928000" s="10"/>
    </row>
    <row r="928001" spans="14:14">
      <c r="N928001" s="10"/>
    </row>
    <row r="928002" spans="14:14">
      <c r="N928002" s="10"/>
    </row>
    <row r="928003" spans="14:14">
      <c r="N928003" s="10"/>
    </row>
    <row r="928004" spans="14:14">
      <c r="N928004" s="10"/>
    </row>
    <row r="928005" spans="14:14">
      <c r="N928005" s="10"/>
    </row>
    <row r="928006" spans="14:14">
      <c r="N928006" s="10"/>
    </row>
    <row r="928007" spans="14:14">
      <c r="N928007" s="10"/>
    </row>
    <row r="928008" spans="14:14">
      <c r="N928008" s="10"/>
    </row>
    <row r="928009" spans="14:14">
      <c r="N928009" s="10"/>
    </row>
    <row r="928010" spans="14:14">
      <c r="N928010" s="10"/>
    </row>
    <row r="928011" spans="14:14">
      <c r="N928011" s="10"/>
    </row>
    <row r="928012" spans="14:14">
      <c r="N928012" s="10"/>
    </row>
    <row r="928013" spans="14:14">
      <c r="N928013" s="10"/>
    </row>
    <row r="928014" spans="14:14">
      <c r="N928014" s="10"/>
    </row>
    <row r="928015" spans="14:14">
      <c r="N928015" s="10"/>
    </row>
    <row r="928016" spans="14:14">
      <c r="N928016" s="10"/>
    </row>
    <row r="928017" spans="14:14">
      <c r="N928017" s="10"/>
    </row>
    <row r="928018" spans="14:14">
      <c r="N928018" s="10"/>
    </row>
    <row r="928019" spans="14:14">
      <c r="N928019" s="10"/>
    </row>
    <row r="928020" spans="14:14">
      <c r="N928020" s="10"/>
    </row>
    <row r="928021" spans="14:14">
      <c r="N928021" s="10"/>
    </row>
    <row r="928022" spans="14:14">
      <c r="N928022" s="10"/>
    </row>
    <row r="928023" spans="14:14">
      <c r="N928023" s="10"/>
    </row>
    <row r="928024" spans="14:14">
      <c r="N928024" s="10"/>
    </row>
    <row r="928025" spans="14:14">
      <c r="N928025" s="10"/>
    </row>
    <row r="928026" spans="14:14">
      <c r="N928026" s="10"/>
    </row>
    <row r="928027" spans="14:14">
      <c r="N928027" s="10"/>
    </row>
    <row r="928028" spans="14:14">
      <c r="N928028" s="10"/>
    </row>
    <row r="928029" spans="14:14">
      <c r="N928029" s="10"/>
    </row>
    <row r="928030" spans="14:14">
      <c r="N928030" s="10"/>
    </row>
    <row r="928031" spans="14:14">
      <c r="N928031" s="10"/>
    </row>
    <row r="928032" spans="14:14">
      <c r="N928032" s="10"/>
    </row>
    <row r="928033" spans="14:14">
      <c r="N928033" s="10"/>
    </row>
    <row r="928034" spans="14:14">
      <c r="N928034" s="10"/>
    </row>
    <row r="928035" spans="14:14">
      <c r="N928035" s="10"/>
    </row>
    <row r="928036" spans="14:14">
      <c r="N928036" s="10"/>
    </row>
    <row r="928037" spans="14:14">
      <c r="N928037" s="10"/>
    </row>
    <row r="928038" spans="14:14">
      <c r="N928038" s="10"/>
    </row>
    <row r="928039" spans="14:14">
      <c r="N928039" s="10"/>
    </row>
    <row r="928040" spans="14:14">
      <c r="N928040" s="10"/>
    </row>
    <row r="928041" spans="14:14">
      <c r="N928041" s="10"/>
    </row>
    <row r="928042" spans="14:14">
      <c r="N928042" s="10"/>
    </row>
    <row r="928043" spans="14:14">
      <c r="N928043" s="10"/>
    </row>
    <row r="928044" spans="14:14">
      <c r="N928044" s="10"/>
    </row>
    <row r="928045" spans="14:14">
      <c r="N928045" s="10"/>
    </row>
    <row r="928046" spans="14:14">
      <c r="N928046" s="10"/>
    </row>
    <row r="928047" spans="14:14">
      <c r="N928047" s="10"/>
    </row>
    <row r="928048" spans="14:14">
      <c r="N928048" s="10"/>
    </row>
    <row r="928049" spans="14:14">
      <c r="N928049" s="10"/>
    </row>
    <row r="928050" spans="14:14">
      <c r="N928050" s="10"/>
    </row>
    <row r="928051" spans="14:14">
      <c r="N928051" s="10"/>
    </row>
    <row r="928052" spans="14:14">
      <c r="N928052" s="10"/>
    </row>
    <row r="928053" spans="14:14">
      <c r="N928053" s="10"/>
    </row>
    <row r="928054" spans="14:14">
      <c r="N928054" s="10"/>
    </row>
    <row r="928055" spans="14:14">
      <c r="N928055" s="10"/>
    </row>
    <row r="928056" spans="14:14">
      <c r="N928056" s="10"/>
    </row>
    <row r="928057" spans="14:14">
      <c r="N928057" s="10"/>
    </row>
    <row r="928058" spans="14:14">
      <c r="N928058" s="10"/>
    </row>
    <row r="928059" spans="14:14">
      <c r="N928059" s="10"/>
    </row>
    <row r="928060" spans="14:14">
      <c r="N928060" s="10"/>
    </row>
    <row r="928061" spans="14:14">
      <c r="N928061" s="10"/>
    </row>
    <row r="928062" spans="14:14">
      <c r="N928062" s="10"/>
    </row>
    <row r="928063" spans="14:14">
      <c r="N928063" s="10"/>
    </row>
    <row r="928064" spans="14:14">
      <c r="N928064" s="10"/>
    </row>
    <row r="928065" spans="14:14">
      <c r="N928065" s="10"/>
    </row>
    <row r="928066" spans="14:14">
      <c r="N928066" s="10"/>
    </row>
    <row r="928067" spans="14:14">
      <c r="N928067" s="10"/>
    </row>
    <row r="928068" spans="14:14">
      <c r="N928068" s="10"/>
    </row>
    <row r="928069" spans="14:14">
      <c r="N928069" s="10"/>
    </row>
    <row r="928070" spans="14:14">
      <c r="N928070" s="10"/>
    </row>
    <row r="928071" spans="14:14">
      <c r="N928071" s="10"/>
    </row>
    <row r="928072" spans="14:14">
      <c r="N928072" s="10"/>
    </row>
    <row r="928073" spans="14:14">
      <c r="N928073" s="10"/>
    </row>
    <row r="928074" spans="14:14">
      <c r="N928074" s="10"/>
    </row>
    <row r="928075" spans="14:14">
      <c r="N928075" s="10"/>
    </row>
    <row r="928076" spans="14:14">
      <c r="N928076" s="10"/>
    </row>
    <row r="928077" spans="14:14">
      <c r="N928077" s="10"/>
    </row>
    <row r="928078" spans="14:14">
      <c r="N928078" s="10"/>
    </row>
    <row r="928079" spans="14:14">
      <c r="N928079" s="10"/>
    </row>
    <row r="928080" spans="14:14">
      <c r="N928080" s="10"/>
    </row>
    <row r="928081" spans="14:14">
      <c r="N928081" s="10"/>
    </row>
    <row r="928082" spans="14:14">
      <c r="N928082" s="10"/>
    </row>
    <row r="928083" spans="14:14">
      <c r="N928083" s="10"/>
    </row>
    <row r="928084" spans="14:14">
      <c r="N928084" s="10"/>
    </row>
    <row r="928085" spans="14:14">
      <c r="N928085" s="10"/>
    </row>
    <row r="928086" spans="14:14">
      <c r="N928086" s="10"/>
    </row>
    <row r="928087" spans="14:14">
      <c r="N928087" s="10"/>
    </row>
    <row r="928088" spans="14:14">
      <c r="N928088" s="10"/>
    </row>
    <row r="928089" spans="14:14">
      <c r="N928089" s="10"/>
    </row>
    <row r="928090" spans="14:14">
      <c r="N928090" s="10"/>
    </row>
    <row r="928091" spans="14:14">
      <c r="N928091" s="10"/>
    </row>
    <row r="928092" spans="14:14">
      <c r="N928092" s="10"/>
    </row>
    <row r="928093" spans="14:14">
      <c r="N928093" s="10"/>
    </row>
    <row r="928094" spans="14:14">
      <c r="N928094" s="10"/>
    </row>
    <row r="928095" spans="14:14">
      <c r="N928095" s="10"/>
    </row>
    <row r="928096" spans="14:14">
      <c r="N928096" s="10"/>
    </row>
    <row r="928097" spans="14:14">
      <c r="N928097" s="10"/>
    </row>
    <row r="928098" spans="14:14">
      <c r="N928098" s="10"/>
    </row>
    <row r="928099" spans="14:14">
      <c r="N928099" s="10"/>
    </row>
    <row r="928100" spans="14:14">
      <c r="N928100" s="10"/>
    </row>
    <row r="928101" spans="14:14">
      <c r="N928101" s="10"/>
    </row>
    <row r="928102" spans="14:14">
      <c r="N928102" s="10"/>
    </row>
    <row r="928103" spans="14:14">
      <c r="N928103" s="10"/>
    </row>
    <row r="928104" spans="14:14">
      <c r="N928104" s="10"/>
    </row>
    <row r="928105" spans="14:14">
      <c r="N928105" s="10"/>
    </row>
    <row r="928106" spans="14:14">
      <c r="N928106" s="10"/>
    </row>
    <row r="928107" spans="14:14">
      <c r="N928107" s="10"/>
    </row>
    <row r="928108" spans="14:14">
      <c r="N928108" s="10"/>
    </row>
    <row r="928109" spans="14:14">
      <c r="N928109" s="10"/>
    </row>
    <row r="928110" spans="14:14">
      <c r="N928110" s="10"/>
    </row>
    <row r="928111" spans="14:14">
      <c r="N928111" s="10"/>
    </row>
    <row r="928112" spans="14:14">
      <c r="N928112" s="10"/>
    </row>
    <row r="928113" spans="14:14">
      <c r="N928113" s="10"/>
    </row>
    <row r="928114" spans="14:14">
      <c r="N928114" s="10"/>
    </row>
    <row r="928115" spans="14:14">
      <c r="N928115" s="10"/>
    </row>
    <row r="928116" spans="14:14">
      <c r="N928116" s="10"/>
    </row>
    <row r="928117" spans="14:14">
      <c r="N928117" s="10"/>
    </row>
    <row r="928118" spans="14:14">
      <c r="N928118" s="10"/>
    </row>
    <row r="928119" spans="14:14">
      <c r="N928119" s="10"/>
    </row>
    <row r="928120" spans="14:14">
      <c r="N928120" s="10"/>
    </row>
    <row r="928121" spans="14:14">
      <c r="N928121" s="10"/>
    </row>
    <row r="928122" spans="14:14">
      <c r="N928122" s="10"/>
    </row>
    <row r="928123" spans="14:14">
      <c r="N928123" s="10"/>
    </row>
    <row r="928124" spans="14:14">
      <c r="N928124" s="10"/>
    </row>
    <row r="928125" spans="14:14">
      <c r="N928125" s="10"/>
    </row>
    <row r="928126" spans="14:14">
      <c r="N928126" s="10"/>
    </row>
    <row r="928127" spans="14:14">
      <c r="N928127" s="10"/>
    </row>
    <row r="928128" spans="14:14">
      <c r="N928128" s="10"/>
    </row>
    <row r="928129" spans="14:14">
      <c r="N928129" s="10"/>
    </row>
    <row r="928130" spans="14:14">
      <c r="N928130" s="10"/>
    </row>
    <row r="928131" spans="14:14">
      <c r="N928131" s="10"/>
    </row>
    <row r="928132" spans="14:14">
      <c r="N928132" s="10"/>
    </row>
    <row r="928133" spans="14:14">
      <c r="N928133" s="10"/>
    </row>
    <row r="928134" spans="14:14">
      <c r="N928134" s="10"/>
    </row>
    <row r="928135" spans="14:14">
      <c r="N928135" s="10"/>
    </row>
    <row r="928136" spans="14:14">
      <c r="N928136" s="10"/>
    </row>
    <row r="928137" spans="14:14">
      <c r="N928137" s="10"/>
    </row>
    <row r="928138" spans="14:14">
      <c r="N928138" s="10"/>
    </row>
    <row r="928139" spans="14:14">
      <c r="N928139" s="10"/>
    </row>
    <row r="928140" spans="14:14">
      <c r="N928140" s="10"/>
    </row>
    <row r="928141" spans="14:14">
      <c r="N928141" s="10"/>
    </row>
    <row r="928142" spans="14:14">
      <c r="N928142" s="10"/>
    </row>
    <row r="928143" spans="14:14">
      <c r="N928143" s="10"/>
    </row>
    <row r="928144" spans="14:14">
      <c r="N928144" s="10"/>
    </row>
    <row r="928145" spans="14:14">
      <c r="N928145" s="10"/>
    </row>
    <row r="928146" spans="14:14">
      <c r="N928146" s="10"/>
    </row>
    <row r="928147" spans="14:14">
      <c r="N928147" s="10"/>
    </row>
    <row r="928148" spans="14:14">
      <c r="N928148" s="10"/>
    </row>
    <row r="928149" spans="14:14">
      <c r="N928149" s="10"/>
    </row>
    <row r="928150" spans="14:14">
      <c r="N928150" s="10"/>
    </row>
    <row r="928151" spans="14:14">
      <c r="N928151" s="10"/>
    </row>
    <row r="928152" spans="14:14">
      <c r="N928152" s="10"/>
    </row>
    <row r="928153" spans="14:14">
      <c r="N928153" s="10"/>
    </row>
    <row r="928154" spans="14:14">
      <c r="N928154" s="10"/>
    </row>
    <row r="928155" spans="14:14">
      <c r="N928155" s="10"/>
    </row>
    <row r="928156" spans="14:14">
      <c r="N928156" s="10"/>
    </row>
    <row r="928157" spans="14:14">
      <c r="N928157" s="10"/>
    </row>
    <row r="928158" spans="14:14">
      <c r="N928158" s="10"/>
    </row>
    <row r="928159" spans="14:14">
      <c r="N928159" s="10"/>
    </row>
    <row r="928160" spans="14:14">
      <c r="N928160" s="10"/>
    </row>
    <row r="928161" spans="14:14">
      <c r="N928161" s="10"/>
    </row>
    <row r="928162" spans="14:14">
      <c r="N928162" s="10"/>
    </row>
    <row r="928163" spans="14:14">
      <c r="N928163" s="10"/>
    </row>
    <row r="928164" spans="14:14">
      <c r="N928164" s="10"/>
    </row>
    <row r="928165" spans="14:14">
      <c r="N928165" s="10"/>
    </row>
    <row r="928166" spans="14:14">
      <c r="N928166" s="10"/>
    </row>
    <row r="928167" spans="14:14">
      <c r="N928167" s="10"/>
    </row>
    <row r="928168" spans="14:14">
      <c r="N928168" s="10"/>
    </row>
    <row r="928169" spans="14:14">
      <c r="N928169" s="10"/>
    </row>
    <row r="928170" spans="14:14">
      <c r="N928170" s="10"/>
    </row>
    <row r="928171" spans="14:14">
      <c r="N928171" s="10"/>
    </row>
    <row r="928172" spans="14:14">
      <c r="N928172" s="10"/>
    </row>
    <row r="928173" spans="14:14">
      <c r="N928173" s="10"/>
    </row>
    <row r="928174" spans="14:14">
      <c r="N928174" s="10"/>
    </row>
    <row r="928175" spans="14:14">
      <c r="N928175" s="10"/>
    </row>
    <row r="928176" spans="14:14">
      <c r="N928176" s="10"/>
    </row>
    <row r="928177" spans="14:14">
      <c r="N928177" s="10"/>
    </row>
    <row r="928178" spans="14:14">
      <c r="N928178" s="10"/>
    </row>
    <row r="928179" spans="14:14">
      <c r="N928179" s="10"/>
    </row>
    <row r="928180" spans="14:14">
      <c r="N928180" s="10"/>
    </row>
    <row r="928181" spans="14:14">
      <c r="N928181" s="10"/>
    </row>
    <row r="928182" spans="14:14">
      <c r="N928182" s="10"/>
    </row>
    <row r="928183" spans="14:14">
      <c r="N928183" s="10"/>
    </row>
    <row r="928184" spans="14:14">
      <c r="N928184" s="10"/>
    </row>
    <row r="928185" spans="14:14">
      <c r="N928185" s="10"/>
    </row>
    <row r="928186" spans="14:14">
      <c r="N928186" s="10"/>
    </row>
    <row r="928187" spans="14:14">
      <c r="N928187" s="10"/>
    </row>
    <row r="928188" spans="14:14">
      <c r="N928188" s="10"/>
    </row>
    <row r="928189" spans="14:14">
      <c r="N928189" s="10"/>
    </row>
    <row r="928190" spans="14:14">
      <c r="N928190" s="10"/>
    </row>
    <row r="928191" spans="14:14">
      <c r="N928191" s="10"/>
    </row>
    <row r="928192" spans="14:14">
      <c r="N928192" s="10"/>
    </row>
    <row r="928193" spans="14:14">
      <c r="N928193" s="10"/>
    </row>
    <row r="928194" spans="14:14">
      <c r="N928194" s="10"/>
    </row>
    <row r="928195" spans="14:14">
      <c r="N928195" s="10"/>
    </row>
    <row r="928196" spans="14:14">
      <c r="N928196" s="10"/>
    </row>
    <row r="928197" spans="14:14">
      <c r="N928197" s="10"/>
    </row>
    <row r="928198" spans="14:14">
      <c r="N928198" s="10"/>
    </row>
    <row r="928199" spans="14:14">
      <c r="N928199" s="10"/>
    </row>
    <row r="928200" spans="14:14">
      <c r="N928200" s="10"/>
    </row>
    <row r="928201" spans="14:14">
      <c r="N928201" s="10"/>
    </row>
    <row r="928202" spans="14:14">
      <c r="N928202" s="10"/>
    </row>
    <row r="928203" spans="14:14">
      <c r="N928203" s="10"/>
    </row>
    <row r="928204" spans="14:14">
      <c r="N928204" s="10"/>
    </row>
    <row r="928205" spans="14:14">
      <c r="N928205" s="10"/>
    </row>
    <row r="928206" spans="14:14">
      <c r="N928206" s="10"/>
    </row>
    <row r="928207" spans="14:14">
      <c r="N928207" s="10"/>
    </row>
    <row r="928208" spans="14:14">
      <c r="N928208" s="10"/>
    </row>
    <row r="928209" spans="14:14">
      <c r="N928209" s="10"/>
    </row>
    <row r="928210" spans="14:14">
      <c r="N928210" s="10"/>
    </row>
    <row r="928211" spans="14:14">
      <c r="N928211" s="10"/>
    </row>
    <row r="928212" spans="14:14">
      <c r="N928212" s="10"/>
    </row>
    <row r="928213" spans="14:14">
      <c r="N928213" s="10"/>
    </row>
    <row r="928214" spans="14:14">
      <c r="N928214" s="10"/>
    </row>
    <row r="928215" spans="14:14">
      <c r="N928215" s="10"/>
    </row>
    <row r="928216" spans="14:14">
      <c r="N928216" s="10"/>
    </row>
    <row r="928217" spans="14:14">
      <c r="N928217" s="10"/>
    </row>
    <row r="928218" spans="14:14">
      <c r="N928218" s="10"/>
    </row>
    <row r="928219" spans="14:14">
      <c r="N928219" s="10"/>
    </row>
    <row r="928220" spans="14:14">
      <c r="N928220" s="10"/>
    </row>
    <row r="928221" spans="14:14">
      <c r="N928221" s="10"/>
    </row>
    <row r="928222" spans="14:14">
      <c r="N928222" s="10"/>
    </row>
    <row r="928223" spans="14:14">
      <c r="N928223" s="10"/>
    </row>
    <row r="928224" spans="14:14">
      <c r="N928224" s="10"/>
    </row>
    <row r="928225" spans="14:14">
      <c r="N928225" s="10"/>
    </row>
    <row r="928226" spans="14:14">
      <c r="N928226" s="10"/>
    </row>
    <row r="928227" spans="14:14">
      <c r="N928227" s="10"/>
    </row>
    <row r="928228" spans="14:14">
      <c r="N928228" s="10"/>
    </row>
    <row r="928229" spans="14:14">
      <c r="N928229" s="10"/>
    </row>
    <row r="928230" spans="14:14">
      <c r="N928230" s="10"/>
    </row>
    <row r="928231" spans="14:14">
      <c r="N928231" s="10"/>
    </row>
    <row r="928232" spans="14:14">
      <c r="N928232" s="10"/>
    </row>
    <row r="928233" spans="14:14">
      <c r="N928233" s="10"/>
    </row>
    <row r="928234" spans="14:14">
      <c r="N928234" s="10"/>
    </row>
    <row r="928235" spans="14:14">
      <c r="N928235" s="10"/>
    </row>
    <row r="928236" spans="14:14">
      <c r="N928236" s="10"/>
    </row>
    <row r="928237" spans="14:14">
      <c r="N928237" s="10"/>
    </row>
    <row r="928238" spans="14:14">
      <c r="N928238" s="10"/>
    </row>
    <row r="928239" spans="14:14">
      <c r="N928239" s="10"/>
    </row>
    <row r="928240" spans="14:14">
      <c r="N928240" s="10"/>
    </row>
    <row r="928241" spans="14:14">
      <c r="N928241" s="10"/>
    </row>
    <row r="928242" spans="14:14">
      <c r="N928242" s="10"/>
    </row>
    <row r="928243" spans="14:14">
      <c r="N928243" s="10"/>
    </row>
    <row r="928244" spans="14:14">
      <c r="N928244" s="10"/>
    </row>
    <row r="928245" spans="14:14">
      <c r="N928245" s="10"/>
    </row>
    <row r="928246" spans="14:14">
      <c r="N928246" s="10"/>
    </row>
    <row r="928247" spans="14:14">
      <c r="N928247" s="10"/>
    </row>
    <row r="928248" spans="14:14">
      <c r="N928248" s="10"/>
    </row>
    <row r="928249" spans="14:14">
      <c r="N928249" s="10"/>
    </row>
    <row r="928250" spans="14:14">
      <c r="N928250" s="10"/>
    </row>
    <row r="928251" spans="14:14">
      <c r="N928251" s="10"/>
    </row>
    <row r="928252" spans="14:14">
      <c r="N928252" s="10"/>
    </row>
    <row r="928253" spans="14:14">
      <c r="N928253" s="10"/>
    </row>
    <row r="928254" spans="14:14">
      <c r="N928254" s="10"/>
    </row>
    <row r="928255" spans="14:14">
      <c r="N928255" s="10"/>
    </row>
    <row r="928256" spans="14:14">
      <c r="N928256" s="10"/>
    </row>
    <row r="928257" spans="14:14">
      <c r="N928257" s="10"/>
    </row>
    <row r="928258" spans="14:14">
      <c r="N928258" s="10"/>
    </row>
    <row r="928259" spans="14:14">
      <c r="N928259" s="10"/>
    </row>
    <row r="928260" spans="14:14">
      <c r="N928260" s="10"/>
    </row>
    <row r="928261" spans="14:14">
      <c r="N928261" s="10"/>
    </row>
    <row r="928262" spans="14:14">
      <c r="N928262" s="10"/>
    </row>
    <row r="928263" spans="14:14">
      <c r="N928263" s="10"/>
    </row>
    <row r="928264" spans="14:14">
      <c r="N928264" s="10"/>
    </row>
    <row r="928265" spans="14:14">
      <c r="N928265" s="10"/>
    </row>
    <row r="928266" spans="14:14">
      <c r="N928266" s="10"/>
    </row>
    <row r="928267" spans="14:14">
      <c r="N928267" s="10"/>
    </row>
    <row r="928268" spans="14:14">
      <c r="N928268" s="10"/>
    </row>
    <row r="928269" spans="14:14">
      <c r="N928269" s="10"/>
    </row>
    <row r="928270" spans="14:14">
      <c r="N928270" s="10"/>
    </row>
    <row r="928271" spans="14:14">
      <c r="N928271" s="10"/>
    </row>
    <row r="928272" spans="14:14">
      <c r="N928272" s="10"/>
    </row>
    <row r="928273" spans="14:14">
      <c r="N928273" s="10"/>
    </row>
    <row r="928274" spans="14:14">
      <c r="N928274" s="10"/>
    </row>
    <row r="928275" spans="14:14">
      <c r="N928275" s="10"/>
    </row>
    <row r="928276" spans="14:14">
      <c r="N928276" s="10"/>
    </row>
    <row r="928277" spans="14:14">
      <c r="N928277" s="10"/>
    </row>
    <row r="928278" spans="14:14">
      <c r="N928278" s="10"/>
    </row>
    <row r="928279" spans="14:14">
      <c r="N928279" s="10"/>
    </row>
    <row r="928280" spans="14:14">
      <c r="N928280" s="10"/>
    </row>
    <row r="928281" spans="14:14">
      <c r="N928281" s="10"/>
    </row>
    <row r="928282" spans="14:14">
      <c r="N928282" s="10"/>
    </row>
    <row r="928283" spans="14:14">
      <c r="N928283" s="10"/>
    </row>
    <row r="928284" spans="14:14">
      <c r="N928284" s="10"/>
    </row>
    <row r="928285" spans="14:14">
      <c r="N928285" s="10"/>
    </row>
    <row r="928286" spans="14:14">
      <c r="N928286" s="10"/>
    </row>
    <row r="928287" spans="14:14">
      <c r="N928287" s="10"/>
    </row>
    <row r="928288" spans="14:14">
      <c r="N928288" s="10"/>
    </row>
    <row r="928289" spans="14:14">
      <c r="N928289" s="10"/>
    </row>
    <row r="928290" spans="14:14">
      <c r="N928290" s="10"/>
    </row>
    <row r="928291" spans="14:14">
      <c r="N928291" s="10"/>
    </row>
    <row r="928292" spans="14:14">
      <c r="N928292" s="10"/>
    </row>
    <row r="928293" spans="14:14">
      <c r="N928293" s="10"/>
    </row>
    <row r="928294" spans="14:14">
      <c r="N928294" s="10"/>
    </row>
    <row r="928295" spans="14:14">
      <c r="N928295" s="10"/>
    </row>
    <row r="928296" spans="14:14">
      <c r="N928296" s="10"/>
    </row>
    <row r="928297" spans="14:14">
      <c r="N928297" s="10"/>
    </row>
    <row r="928298" spans="14:14">
      <c r="N928298" s="10"/>
    </row>
    <row r="928299" spans="14:14">
      <c r="N928299" s="10"/>
    </row>
    <row r="928300" spans="14:14">
      <c r="N928300" s="10"/>
    </row>
    <row r="928301" spans="14:14">
      <c r="N928301" s="10"/>
    </row>
    <row r="928302" spans="14:14">
      <c r="N928302" s="10"/>
    </row>
    <row r="928303" spans="14:14">
      <c r="N928303" s="10"/>
    </row>
    <row r="928304" spans="14:14">
      <c r="N928304" s="10"/>
    </row>
    <row r="928305" spans="14:14">
      <c r="N928305" s="10"/>
    </row>
    <row r="928306" spans="14:14">
      <c r="N928306" s="10"/>
    </row>
    <row r="928307" spans="14:14">
      <c r="N928307" s="10"/>
    </row>
    <row r="928308" spans="14:14">
      <c r="N928308" s="10"/>
    </row>
    <row r="928309" spans="14:14">
      <c r="N928309" s="10"/>
    </row>
    <row r="928310" spans="14:14">
      <c r="N928310" s="10"/>
    </row>
    <row r="928311" spans="14:14">
      <c r="N928311" s="10"/>
    </row>
    <row r="928312" spans="14:14">
      <c r="N928312" s="10"/>
    </row>
    <row r="928313" spans="14:14">
      <c r="N928313" s="10"/>
    </row>
    <row r="928314" spans="14:14">
      <c r="N928314" s="10"/>
    </row>
    <row r="928315" spans="14:14">
      <c r="N928315" s="10"/>
    </row>
    <row r="928316" spans="14:14">
      <c r="N928316" s="10"/>
    </row>
    <row r="928317" spans="14:14">
      <c r="N928317" s="10"/>
    </row>
    <row r="928318" spans="14:14">
      <c r="N928318" s="10"/>
    </row>
    <row r="928319" spans="14:14">
      <c r="N928319" s="10"/>
    </row>
    <row r="928320" spans="14:14">
      <c r="N928320" s="10"/>
    </row>
    <row r="928321" spans="14:14">
      <c r="N928321" s="10"/>
    </row>
    <row r="928322" spans="14:14">
      <c r="N928322" s="10"/>
    </row>
    <row r="928323" spans="14:14">
      <c r="N928323" s="10"/>
    </row>
    <row r="928324" spans="14:14">
      <c r="N928324" s="10"/>
    </row>
    <row r="928325" spans="14:14">
      <c r="N928325" s="10"/>
    </row>
    <row r="928326" spans="14:14">
      <c r="N928326" s="10"/>
    </row>
    <row r="928327" spans="14:14">
      <c r="N928327" s="10"/>
    </row>
    <row r="928328" spans="14:14">
      <c r="N928328" s="10"/>
    </row>
    <row r="928329" spans="14:14">
      <c r="N928329" s="10"/>
    </row>
    <row r="928330" spans="14:14">
      <c r="N928330" s="10"/>
    </row>
    <row r="928331" spans="14:14">
      <c r="N928331" s="10"/>
    </row>
    <row r="928332" spans="14:14">
      <c r="N928332" s="10"/>
    </row>
    <row r="928333" spans="14:14">
      <c r="N928333" s="10"/>
    </row>
    <row r="928334" spans="14:14">
      <c r="N928334" s="10"/>
    </row>
    <row r="928335" spans="14:14">
      <c r="N928335" s="10"/>
    </row>
    <row r="928336" spans="14:14">
      <c r="N928336" s="10"/>
    </row>
    <row r="928337" spans="14:14">
      <c r="N928337" s="10"/>
    </row>
    <row r="928338" spans="14:14">
      <c r="N928338" s="10"/>
    </row>
    <row r="928339" spans="14:14">
      <c r="N928339" s="10"/>
    </row>
    <row r="928340" spans="14:14">
      <c r="N928340" s="10"/>
    </row>
    <row r="928341" spans="14:14">
      <c r="N928341" s="10"/>
    </row>
    <row r="928342" spans="14:14">
      <c r="N928342" s="10"/>
    </row>
    <row r="928343" spans="14:14">
      <c r="N928343" s="10"/>
    </row>
    <row r="928344" spans="14:14">
      <c r="N928344" s="10"/>
    </row>
    <row r="928345" spans="14:14">
      <c r="N928345" s="10"/>
    </row>
    <row r="928346" spans="14:14">
      <c r="N928346" s="10"/>
    </row>
    <row r="928347" spans="14:14">
      <c r="N928347" s="10"/>
    </row>
    <row r="928348" spans="14:14">
      <c r="N928348" s="10"/>
    </row>
    <row r="928349" spans="14:14">
      <c r="N928349" s="10"/>
    </row>
    <row r="928350" spans="14:14">
      <c r="N928350" s="10"/>
    </row>
    <row r="928351" spans="14:14">
      <c r="N928351" s="10"/>
    </row>
    <row r="928352" spans="14:14">
      <c r="N928352" s="10"/>
    </row>
    <row r="928353" spans="14:14">
      <c r="N928353" s="10"/>
    </row>
    <row r="928354" spans="14:14">
      <c r="N928354" s="10"/>
    </row>
    <row r="928355" spans="14:14">
      <c r="N928355" s="10"/>
    </row>
    <row r="928356" spans="14:14">
      <c r="N928356" s="10"/>
    </row>
    <row r="928357" spans="14:14">
      <c r="N928357" s="10"/>
    </row>
    <row r="928358" spans="14:14">
      <c r="N928358" s="10"/>
    </row>
    <row r="928359" spans="14:14">
      <c r="N928359" s="10"/>
    </row>
    <row r="928360" spans="14:14">
      <c r="N928360" s="10"/>
    </row>
    <row r="928361" spans="14:14">
      <c r="N928361" s="10"/>
    </row>
    <row r="928362" spans="14:14">
      <c r="N928362" s="10"/>
    </row>
    <row r="928363" spans="14:14">
      <c r="N928363" s="10"/>
    </row>
    <row r="928364" spans="14:14">
      <c r="N928364" s="10"/>
    </row>
    <row r="928365" spans="14:14">
      <c r="N928365" s="10"/>
    </row>
    <row r="928366" spans="14:14">
      <c r="N928366" s="10"/>
    </row>
    <row r="928367" spans="14:14">
      <c r="N928367" s="10"/>
    </row>
    <row r="928368" spans="14:14">
      <c r="N928368" s="10"/>
    </row>
    <row r="928369" spans="14:14">
      <c r="N928369" s="10"/>
    </row>
    <row r="928370" spans="14:14">
      <c r="N928370" s="10"/>
    </row>
    <row r="928371" spans="14:14">
      <c r="N928371" s="10"/>
    </row>
    <row r="928372" spans="14:14">
      <c r="N928372" s="10"/>
    </row>
    <row r="928373" spans="14:14">
      <c r="N928373" s="10"/>
    </row>
    <row r="928374" spans="14:14">
      <c r="N928374" s="10"/>
    </row>
    <row r="928375" spans="14:14">
      <c r="N928375" s="10"/>
    </row>
    <row r="928376" spans="14:14">
      <c r="N928376" s="10"/>
    </row>
    <row r="928377" spans="14:14">
      <c r="N928377" s="10"/>
    </row>
    <row r="928378" spans="14:14">
      <c r="N928378" s="10"/>
    </row>
    <row r="928379" spans="14:14">
      <c r="N928379" s="10"/>
    </row>
    <row r="928380" spans="14:14">
      <c r="N928380" s="10"/>
    </row>
    <row r="928381" spans="14:14">
      <c r="N928381" s="10"/>
    </row>
    <row r="928382" spans="14:14">
      <c r="N928382" s="10"/>
    </row>
    <row r="928383" spans="14:14">
      <c r="N928383" s="10"/>
    </row>
    <row r="928384" spans="14:14">
      <c r="N928384" s="10"/>
    </row>
    <row r="928385" spans="14:14">
      <c r="N928385" s="10"/>
    </row>
    <row r="928386" spans="14:14">
      <c r="N928386" s="10"/>
    </row>
    <row r="928387" spans="14:14">
      <c r="N928387" s="10"/>
    </row>
    <row r="928388" spans="14:14">
      <c r="N928388" s="10"/>
    </row>
    <row r="928389" spans="14:14">
      <c r="N928389" s="10"/>
    </row>
    <row r="928390" spans="14:14">
      <c r="N928390" s="10"/>
    </row>
    <row r="928391" spans="14:14">
      <c r="N928391" s="10"/>
    </row>
    <row r="928392" spans="14:14">
      <c r="N928392" s="10"/>
    </row>
    <row r="928393" spans="14:14">
      <c r="N928393" s="10"/>
    </row>
    <row r="928394" spans="14:14">
      <c r="N928394" s="10"/>
    </row>
    <row r="928395" spans="14:14">
      <c r="N928395" s="10"/>
    </row>
    <row r="928396" spans="14:14">
      <c r="N928396" s="10"/>
    </row>
    <row r="928397" spans="14:14">
      <c r="N928397" s="10"/>
    </row>
    <row r="928398" spans="14:14">
      <c r="N928398" s="10"/>
    </row>
    <row r="928399" spans="14:14">
      <c r="N928399" s="10"/>
    </row>
    <row r="928400" spans="14:14">
      <c r="N928400" s="10"/>
    </row>
    <row r="928401" spans="14:14">
      <c r="N928401" s="10"/>
    </row>
    <row r="928402" spans="14:14">
      <c r="N928402" s="10"/>
    </row>
    <row r="928403" spans="14:14">
      <c r="N928403" s="10"/>
    </row>
    <row r="928404" spans="14:14">
      <c r="N928404" s="10"/>
    </row>
    <row r="928405" spans="14:14">
      <c r="N928405" s="10"/>
    </row>
    <row r="928406" spans="14:14">
      <c r="N928406" s="10"/>
    </row>
    <row r="928407" spans="14:14">
      <c r="N928407" s="10"/>
    </row>
    <row r="928408" spans="14:14">
      <c r="N928408" s="10"/>
    </row>
    <row r="928409" spans="14:14">
      <c r="N928409" s="10"/>
    </row>
    <row r="928410" spans="14:14">
      <c r="N928410" s="10"/>
    </row>
    <row r="928411" spans="14:14">
      <c r="N928411" s="10"/>
    </row>
    <row r="928412" spans="14:14">
      <c r="N928412" s="10"/>
    </row>
    <row r="928413" spans="14:14">
      <c r="N928413" s="10"/>
    </row>
    <row r="928414" spans="14:14">
      <c r="N928414" s="10"/>
    </row>
    <row r="928415" spans="14:14">
      <c r="N928415" s="10"/>
    </row>
    <row r="928416" spans="14:14">
      <c r="N928416" s="10"/>
    </row>
    <row r="928417" spans="14:14">
      <c r="N928417" s="10"/>
    </row>
    <row r="928418" spans="14:14">
      <c r="N928418" s="10"/>
    </row>
    <row r="928419" spans="14:14">
      <c r="N928419" s="10"/>
    </row>
    <row r="928420" spans="14:14">
      <c r="N928420" s="10"/>
    </row>
    <row r="928421" spans="14:14">
      <c r="N928421" s="10"/>
    </row>
    <row r="928422" spans="14:14">
      <c r="N928422" s="10"/>
    </row>
    <row r="928423" spans="14:14">
      <c r="N928423" s="10"/>
    </row>
    <row r="928424" spans="14:14">
      <c r="N928424" s="10"/>
    </row>
    <row r="928425" spans="14:14">
      <c r="N928425" s="10"/>
    </row>
    <row r="928426" spans="14:14">
      <c r="N928426" s="10"/>
    </row>
    <row r="928427" spans="14:14">
      <c r="N928427" s="10"/>
    </row>
    <row r="928428" spans="14:14">
      <c r="N928428" s="10"/>
    </row>
    <row r="928429" spans="14:14">
      <c r="N928429" s="10"/>
    </row>
    <row r="928430" spans="14:14">
      <c r="N928430" s="10"/>
    </row>
    <row r="928431" spans="14:14">
      <c r="N928431" s="10"/>
    </row>
    <row r="928432" spans="14:14">
      <c r="N928432" s="10"/>
    </row>
    <row r="928433" spans="14:14">
      <c r="N928433" s="10"/>
    </row>
    <row r="928434" spans="14:14">
      <c r="N928434" s="10"/>
    </row>
    <row r="928435" spans="14:14">
      <c r="N928435" s="10"/>
    </row>
    <row r="928436" spans="14:14">
      <c r="N928436" s="10"/>
    </row>
    <row r="928437" spans="14:14">
      <c r="N928437" s="10"/>
    </row>
    <row r="928438" spans="14:14">
      <c r="N928438" s="10"/>
    </row>
    <row r="928439" spans="14:14">
      <c r="N928439" s="10"/>
    </row>
    <row r="928440" spans="14:14">
      <c r="N928440" s="10"/>
    </row>
    <row r="928441" spans="14:14">
      <c r="N928441" s="10"/>
    </row>
    <row r="928442" spans="14:14">
      <c r="N928442" s="10"/>
    </row>
    <row r="928443" spans="14:14">
      <c r="N928443" s="10"/>
    </row>
    <row r="928444" spans="14:14">
      <c r="N928444" s="10"/>
    </row>
    <row r="928445" spans="14:14">
      <c r="N928445" s="10"/>
    </row>
    <row r="928446" spans="14:14">
      <c r="N928446" s="10"/>
    </row>
    <row r="928447" spans="14:14">
      <c r="N928447" s="10"/>
    </row>
    <row r="928448" spans="14:14">
      <c r="N928448" s="10"/>
    </row>
    <row r="928449" spans="14:14">
      <c r="N928449" s="10"/>
    </row>
    <row r="928450" spans="14:14">
      <c r="N928450" s="10"/>
    </row>
    <row r="928451" spans="14:14">
      <c r="N928451" s="10"/>
    </row>
    <row r="928452" spans="14:14">
      <c r="N928452" s="10"/>
    </row>
    <row r="928453" spans="14:14">
      <c r="N928453" s="10"/>
    </row>
    <row r="928454" spans="14:14">
      <c r="N928454" s="10"/>
    </row>
    <row r="928455" spans="14:14">
      <c r="N928455" s="10"/>
    </row>
    <row r="928456" spans="14:14">
      <c r="N928456" s="10"/>
    </row>
    <row r="928457" spans="14:14">
      <c r="N928457" s="10"/>
    </row>
    <row r="928458" spans="14:14">
      <c r="N928458" s="10"/>
    </row>
    <row r="928459" spans="14:14">
      <c r="N928459" s="10"/>
    </row>
    <row r="928460" spans="14:14">
      <c r="N928460" s="10"/>
    </row>
    <row r="928461" spans="14:14">
      <c r="N928461" s="10"/>
    </row>
    <row r="928462" spans="14:14">
      <c r="N928462" s="10"/>
    </row>
    <row r="928463" spans="14:14">
      <c r="N928463" s="10"/>
    </row>
    <row r="928464" spans="14:14">
      <c r="N928464" s="10"/>
    </row>
    <row r="928465" spans="14:14">
      <c r="N928465" s="10"/>
    </row>
    <row r="928466" spans="14:14">
      <c r="N928466" s="10"/>
    </row>
    <row r="928467" spans="14:14">
      <c r="N928467" s="10"/>
    </row>
    <row r="928468" spans="14:14">
      <c r="N928468" s="10"/>
    </row>
    <row r="928469" spans="14:14">
      <c r="N928469" s="10"/>
    </row>
    <row r="928470" spans="14:14">
      <c r="N928470" s="10"/>
    </row>
    <row r="928471" spans="14:14">
      <c r="N928471" s="10"/>
    </row>
    <row r="928472" spans="14:14">
      <c r="N928472" s="10"/>
    </row>
    <row r="928473" spans="14:14">
      <c r="N928473" s="10"/>
    </row>
    <row r="928474" spans="14:14">
      <c r="N928474" s="10"/>
    </row>
    <row r="928475" spans="14:14">
      <c r="N928475" s="10"/>
    </row>
    <row r="928476" spans="14:14">
      <c r="N928476" s="10"/>
    </row>
    <row r="928477" spans="14:14">
      <c r="N928477" s="10"/>
    </row>
    <row r="928478" spans="14:14">
      <c r="N928478" s="10"/>
    </row>
    <row r="928479" spans="14:14">
      <c r="N928479" s="10"/>
    </row>
    <row r="928480" spans="14:14">
      <c r="N928480" s="10"/>
    </row>
    <row r="928481" spans="14:14">
      <c r="N928481" s="10"/>
    </row>
    <row r="928482" spans="14:14">
      <c r="N928482" s="10"/>
    </row>
    <row r="928483" spans="14:14">
      <c r="N928483" s="10"/>
    </row>
    <row r="928484" spans="14:14">
      <c r="N928484" s="10"/>
    </row>
    <row r="928485" spans="14:14">
      <c r="N928485" s="10"/>
    </row>
    <row r="928486" spans="14:14">
      <c r="N928486" s="10"/>
    </row>
    <row r="928487" spans="14:14">
      <c r="N928487" s="10"/>
    </row>
    <row r="928488" spans="14:14">
      <c r="N928488" s="10"/>
    </row>
    <row r="928489" spans="14:14">
      <c r="N928489" s="10"/>
    </row>
    <row r="928490" spans="14:14">
      <c r="N928490" s="10"/>
    </row>
    <row r="928491" spans="14:14">
      <c r="N928491" s="10"/>
    </row>
    <row r="928492" spans="14:14">
      <c r="N928492" s="10"/>
    </row>
    <row r="928493" spans="14:14">
      <c r="N928493" s="10"/>
    </row>
    <row r="928494" spans="14:14">
      <c r="N928494" s="10"/>
    </row>
    <row r="928495" spans="14:14">
      <c r="N928495" s="10"/>
    </row>
    <row r="928496" spans="14:14">
      <c r="N928496" s="10"/>
    </row>
    <row r="928497" spans="14:14">
      <c r="N928497" s="10"/>
    </row>
    <row r="928498" spans="14:14">
      <c r="N928498" s="10"/>
    </row>
    <row r="928499" spans="14:14">
      <c r="N928499" s="10"/>
    </row>
    <row r="928500" spans="14:14">
      <c r="N928500" s="10"/>
    </row>
    <row r="928501" spans="14:14">
      <c r="N928501" s="10"/>
    </row>
    <row r="928502" spans="14:14">
      <c r="N928502" s="10"/>
    </row>
    <row r="928503" spans="14:14">
      <c r="N928503" s="10"/>
    </row>
    <row r="928504" spans="14:14">
      <c r="N928504" s="10"/>
    </row>
    <row r="928505" spans="14:14">
      <c r="N928505" s="10"/>
    </row>
    <row r="928506" spans="14:14">
      <c r="N928506" s="10"/>
    </row>
    <row r="928507" spans="14:14">
      <c r="N928507" s="10"/>
    </row>
    <row r="928508" spans="14:14">
      <c r="N928508" s="10"/>
    </row>
    <row r="928509" spans="14:14">
      <c r="N928509" s="10"/>
    </row>
    <row r="928510" spans="14:14">
      <c r="N928510" s="10"/>
    </row>
    <row r="928511" spans="14:14">
      <c r="N928511" s="10"/>
    </row>
    <row r="928512" spans="14:14">
      <c r="N928512" s="10"/>
    </row>
    <row r="928513" spans="14:14">
      <c r="N928513" s="10"/>
    </row>
    <row r="928514" spans="14:14">
      <c r="N928514" s="10"/>
    </row>
    <row r="928515" spans="14:14">
      <c r="N928515" s="10"/>
    </row>
    <row r="928516" spans="14:14">
      <c r="N928516" s="10"/>
    </row>
    <row r="928517" spans="14:14">
      <c r="N928517" s="10"/>
    </row>
    <row r="928518" spans="14:14">
      <c r="N928518" s="10"/>
    </row>
    <row r="928519" spans="14:14">
      <c r="N928519" s="10"/>
    </row>
    <row r="928520" spans="14:14">
      <c r="N928520" s="10"/>
    </row>
    <row r="928521" spans="14:14">
      <c r="N928521" s="10"/>
    </row>
    <row r="928522" spans="14:14">
      <c r="N928522" s="10"/>
    </row>
    <row r="928523" spans="14:14">
      <c r="N928523" s="10"/>
    </row>
    <row r="928524" spans="14:14">
      <c r="N928524" s="10"/>
    </row>
    <row r="928525" spans="14:14">
      <c r="N928525" s="10"/>
    </row>
    <row r="928526" spans="14:14">
      <c r="N928526" s="10"/>
    </row>
    <row r="928527" spans="14:14">
      <c r="N928527" s="10"/>
    </row>
    <row r="928528" spans="14:14">
      <c r="N928528" s="10"/>
    </row>
    <row r="928529" spans="14:14">
      <c r="N928529" s="10"/>
    </row>
    <row r="928530" spans="14:14">
      <c r="N928530" s="10"/>
    </row>
    <row r="928531" spans="14:14">
      <c r="N928531" s="10"/>
    </row>
    <row r="928532" spans="14:14">
      <c r="N928532" s="10"/>
    </row>
    <row r="928533" spans="14:14">
      <c r="N928533" s="10"/>
    </row>
    <row r="928534" spans="14:14">
      <c r="N928534" s="10"/>
    </row>
    <row r="928535" spans="14:14">
      <c r="N928535" s="10"/>
    </row>
    <row r="928536" spans="14:14">
      <c r="N928536" s="10"/>
    </row>
    <row r="928537" spans="14:14">
      <c r="N928537" s="10"/>
    </row>
    <row r="928538" spans="14:14">
      <c r="N928538" s="10"/>
    </row>
    <row r="928539" spans="14:14">
      <c r="N928539" s="10"/>
    </row>
    <row r="928540" spans="14:14">
      <c r="N928540" s="10"/>
    </row>
    <row r="928541" spans="14:14">
      <c r="N928541" s="10"/>
    </row>
    <row r="928542" spans="14:14">
      <c r="N928542" s="10"/>
    </row>
    <row r="928543" spans="14:14">
      <c r="N928543" s="10"/>
    </row>
    <row r="928544" spans="14:14">
      <c r="N928544" s="10"/>
    </row>
    <row r="928545" spans="14:14">
      <c r="N928545" s="10"/>
    </row>
    <row r="928546" spans="14:14">
      <c r="N928546" s="10"/>
    </row>
    <row r="928547" spans="14:14">
      <c r="N928547" s="10"/>
    </row>
    <row r="928548" spans="14:14">
      <c r="N928548" s="10"/>
    </row>
    <row r="928549" spans="14:14">
      <c r="N928549" s="10"/>
    </row>
    <row r="928550" spans="14:14">
      <c r="N928550" s="10"/>
    </row>
    <row r="928551" spans="14:14">
      <c r="N928551" s="10"/>
    </row>
    <row r="928552" spans="14:14">
      <c r="N928552" s="10"/>
    </row>
    <row r="928553" spans="14:14">
      <c r="N928553" s="10"/>
    </row>
    <row r="928554" spans="14:14">
      <c r="N928554" s="10"/>
    </row>
    <row r="928555" spans="14:14">
      <c r="N928555" s="10"/>
    </row>
    <row r="928556" spans="14:14">
      <c r="N928556" s="10"/>
    </row>
    <row r="928557" spans="14:14">
      <c r="N928557" s="10"/>
    </row>
    <row r="928558" spans="14:14">
      <c r="N928558" s="10"/>
    </row>
    <row r="928559" spans="14:14">
      <c r="N928559" s="10"/>
    </row>
    <row r="928560" spans="14:14">
      <c r="N928560" s="10"/>
    </row>
    <row r="928561" spans="14:14">
      <c r="N928561" s="10"/>
    </row>
    <row r="928562" spans="14:14">
      <c r="N928562" s="10"/>
    </row>
    <row r="928563" spans="14:14">
      <c r="N928563" s="10"/>
    </row>
    <row r="928564" spans="14:14">
      <c r="N928564" s="10"/>
    </row>
    <row r="928565" spans="14:14">
      <c r="N928565" s="10"/>
    </row>
    <row r="928566" spans="14:14">
      <c r="N928566" s="10"/>
    </row>
    <row r="928567" spans="14:14">
      <c r="N928567" s="10"/>
    </row>
    <row r="928568" spans="14:14">
      <c r="N928568" s="10"/>
    </row>
    <row r="928569" spans="14:14">
      <c r="N928569" s="10"/>
    </row>
    <row r="928570" spans="14:14">
      <c r="N928570" s="10"/>
    </row>
    <row r="928571" spans="14:14">
      <c r="N928571" s="10"/>
    </row>
    <row r="928572" spans="14:14">
      <c r="N928572" s="10"/>
    </row>
    <row r="928573" spans="14:14">
      <c r="N928573" s="10"/>
    </row>
    <row r="928574" spans="14:14">
      <c r="N928574" s="10"/>
    </row>
    <row r="928575" spans="14:14">
      <c r="N928575" s="10"/>
    </row>
    <row r="928576" spans="14:14">
      <c r="N928576" s="10"/>
    </row>
    <row r="928577" spans="14:14">
      <c r="N928577" s="10"/>
    </row>
    <row r="928578" spans="14:14">
      <c r="N928578" s="10"/>
    </row>
    <row r="928579" spans="14:14">
      <c r="N928579" s="10"/>
    </row>
    <row r="928580" spans="14:14">
      <c r="N928580" s="10"/>
    </row>
    <row r="928581" spans="14:14">
      <c r="N928581" s="10"/>
    </row>
    <row r="928582" spans="14:14">
      <c r="N928582" s="10"/>
    </row>
    <row r="928583" spans="14:14">
      <c r="N928583" s="10"/>
    </row>
    <row r="928584" spans="14:14">
      <c r="N928584" s="10"/>
    </row>
    <row r="928585" spans="14:14">
      <c r="N928585" s="10"/>
    </row>
    <row r="928586" spans="14:14">
      <c r="N928586" s="10"/>
    </row>
    <row r="928587" spans="14:14">
      <c r="N928587" s="10"/>
    </row>
    <row r="928588" spans="14:14">
      <c r="N928588" s="10"/>
    </row>
    <row r="928589" spans="14:14">
      <c r="N928589" s="10"/>
    </row>
    <row r="928590" spans="14:14">
      <c r="N928590" s="10"/>
    </row>
    <row r="928591" spans="14:14">
      <c r="N928591" s="10"/>
    </row>
    <row r="928592" spans="14:14">
      <c r="N928592" s="10"/>
    </row>
    <row r="928593" spans="14:14">
      <c r="N928593" s="10"/>
    </row>
    <row r="928594" spans="14:14">
      <c r="N928594" s="10"/>
    </row>
    <row r="928595" spans="14:14">
      <c r="N928595" s="10"/>
    </row>
    <row r="928596" spans="14:14">
      <c r="N928596" s="10"/>
    </row>
    <row r="928597" spans="14:14">
      <c r="N928597" s="10"/>
    </row>
    <row r="928598" spans="14:14">
      <c r="N928598" s="10"/>
    </row>
    <row r="928599" spans="14:14">
      <c r="N928599" s="10"/>
    </row>
    <row r="928600" spans="14:14">
      <c r="N928600" s="10"/>
    </row>
    <row r="928601" spans="14:14">
      <c r="N928601" s="10"/>
    </row>
    <row r="928602" spans="14:14">
      <c r="N928602" s="10"/>
    </row>
    <row r="928603" spans="14:14">
      <c r="N928603" s="10"/>
    </row>
    <row r="928604" spans="14:14">
      <c r="N928604" s="10"/>
    </row>
    <row r="928605" spans="14:14">
      <c r="N928605" s="10"/>
    </row>
    <row r="928606" spans="14:14">
      <c r="N928606" s="10"/>
    </row>
    <row r="928607" spans="14:14">
      <c r="N928607" s="10"/>
    </row>
    <row r="928608" spans="14:14">
      <c r="N928608" s="10"/>
    </row>
    <row r="928609" spans="14:14">
      <c r="N928609" s="10"/>
    </row>
    <row r="928610" spans="14:14">
      <c r="N928610" s="10"/>
    </row>
    <row r="928611" spans="14:14">
      <c r="N928611" s="10"/>
    </row>
    <row r="928612" spans="14:14">
      <c r="N928612" s="10"/>
    </row>
    <row r="928613" spans="14:14">
      <c r="N928613" s="10"/>
    </row>
    <row r="928614" spans="14:14">
      <c r="N928614" s="10"/>
    </row>
    <row r="928615" spans="14:14">
      <c r="N928615" s="10"/>
    </row>
    <row r="928616" spans="14:14">
      <c r="N928616" s="10"/>
    </row>
    <row r="928617" spans="14:14">
      <c r="N928617" s="10"/>
    </row>
    <row r="928618" spans="14:14">
      <c r="N928618" s="10"/>
    </row>
    <row r="928619" spans="14:14">
      <c r="N928619" s="10"/>
    </row>
    <row r="928620" spans="14:14">
      <c r="N928620" s="10"/>
    </row>
    <row r="928621" spans="14:14">
      <c r="N928621" s="10"/>
    </row>
    <row r="928622" spans="14:14">
      <c r="N928622" s="10"/>
    </row>
    <row r="928623" spans="14:14">
      <c r="N928623" s="10"/>
    </row>
    <row r="928624" spans="14:14">
      <c r="N928624" s="10"/>
    </row>
    <row r="928625" spans="14:14">
      <c r="N928625" s="10"/>
    </row>
    <row r="928626" spans="14:14">
      <c r="N928626" s="10"/>
    </row>
    <row r="928627" spans="14:14">
      <c r="N928627" s="10"/>
    </row>
    <row r="928628" spans="14:14">
      <c r="N928628" s="10"/>
    </row>
    <row r="928629" spans="14:14">
      <c r="N928629" s="10"/>
    </row>
    <row r="928630" spans="14:14">
      <c r="N928630" s="10"/>
    </row>
    <row r="928631" spans="14:14">
      <c r="N928631" s="10"/>
    </row>
    <row r="928632" spans="14:14">
      <c r="N928632" s="10"/>
    </row>
    <row r="928633" spans="14:14">
      <c r="N928633" s="10"/>
    </row>
    <row r="928634" spans="14:14">
      <c r="N928634" s="10"/>
    </row>
    <row r="928635" spans="14:14">
      <c r="N928635" s="10"/>
    </row>
    <row r="928636" spans="14:14">
      <c r="N928636" s="10"/>
    </row>
    <row r="928637" spans="14:14">
      <c r="N928637" s="10"/>
    </row>
    <row r="928638" spans="14:14">
      <c r="N928638" s="10"/>
    </row>
    <row r="928639" spans="14:14">
      <c r="N928639" s="10"/>
    </row>
    <row r="928640" spans="14:14">
      <c r="N928640" s="10"/>
    </row>
    <row r="928641" spans="14:14">
      <c r="N928641" s="10"/>
    </row>
    <row r="928642" spans="14:14">
      <c r="N928642" s="10"/>
    </row>
    <row r="928643" spans="14:14">
      <c r="N928643" s="10"/>
    </row>
    <row r="928644" spans="14:14">
      <c r="N928644" s="10"/>
    </row>
    <row r="928645" spans="14:14">
      <c r="N928645" s="10"/>
    </row>
    <row r="928646" spans="14:14">
      <c r="N928646" s="10"/>
    </row>
    <row r="928647" spans="14:14">
      <c r="N928647" s="10"/>
    </row>
    <row r="928648" spans="14:14">
      <c r="N928648" s="10"/>
    </row>
    <row r="928649" spans="14:14">
      <c r="N928649" s="10"/>
    </row>
    <row r="928650" spans="14:14">
      <c r="N928650" s="10"/>
    </row>
    <row r="928651" spans="14:14">
      <c r="N928651" s="10"/>
    </row>
    <row r="928652" spans="14:14">
      <c r="N928652" s="10"/>
    </row>
    <row r="928653" spans="14:14">
      <c r="N928653" s="10"/>
    </row>
    <row r="928654" spans="14:14">
      <c r="N928654" s="10"/>
    </row>
    <row r="928655" spans="14:14">
      <c r="N928655" s="10"/>
    </row>
    <row r="928656" spans="14:14">
      <c r="N928656" s="10"/>
    </row>
    <row r="928657" spans="14:14">
      <c r="N928657" s="10"/>
    </row>
    <row r="928658" spans="14:14">
      <c r="N928658" s="10"/>
    </row>
    <row r="928659" spans="14:14">
      <c r="N928659" s="10"/>
    </row>
    <row r="928660" spans="14:14">
      <c r="N928660" s="10"/>
    </row>
    <row r="928661" spans="14:14">
      <c r="N928661" s="10"/>
    </row>
    <row r="928662" spans="14:14">
      <c r="N928662" s="10"/>
    </row>
    <row r="928663" spans="14:14">
      <c r="N928663" s="10"/>
    </row>
    <row r="928664" spans="14:14">
      <c r="N928664" s="10"/>
    </row>
    <row r="928665" spans="14:14">
      <c r="N928665" s="10"/>
    </row>
    <row r="928666" spans="14:14">
      <c r="N928666" s="10"/>
    </row>
    <row r="928667" spans="14:14">
      <c r="N928667" s="10"/>
    </row>
    <row r="928668" spans="14:14">
      <c r="N928668" s="10"/>
    </row>
    <row r="928669" spans="14:14">
      <c r="N928669" s="10"/>
    </row>
    <row r="928670" spans="14:14">
      <c r="N928670" s="10"/>
    </row>
    <row r="928671" spans="14:14">
      <c r="N928671" s="10"/>
    </row>
    <row r="928672" spans="14:14">
      <c r="N928672" s="10"/>
    </row>
    <row r="928673" spans="14:14">
      <c r="N928673" s="10"/>
    </row>
    <row r="928674" spans="14:14">
      <c r="N928674" s="10"/>
    </row>
    <row r="928675" spans="14:14">
      <c r="N928675" s="10"/>
    </row>
    <row r="928676" spans="14:14">
      <c r="N928676" s="10"/>
    </row>
    <row r="928677" spans="14:14">
      <c r="N928677" s="10"/>
    </row>
    <row r="928678" spans="14:14">
      <c r="N928678" s="10"/>
    </row>
    <row r="928679" spans="14:14">
      <c r="N928679" s="10"/>
    </row>
    <row r="928680" spans="14:14">
      <c r="N928680" s="10"/>
    </row>
    <row r="928681" spans="14:14">
      <c r="N928681" s="10"/>
    </row>
    <row r="928682" spans="14:14">
      <c r="N928682" s="10"/>
    </row>
    <row r="928683" spans="14:14">
      <c r="N928683" s="10"/>
    </row>
    <row r="928684" spans="14:14">
      <c r="N928684" s="10"/>
    </row>
    <row r="928685" spans="14:14">
      <c r="N928685" s="10"/>
    </row>
    <row r="928686" spans="14:14">
      <c r="N928686" s="10"/>
    </row>
    <row r="928687" spans="14:14">
      <c r="N928687" s="10"/>
    </row>
    <row r="928688" spans="14:14">
      <c r="N928688" s="10"/>
    </row>
    <row r="928689" spans="14:14">
      <c r="N928689" s="10"/>
    </row>
    <row r="928690" spans="14:14">
      <c r="N928690" s="10"/>
    </row>
    <row r="928691" spans="14:14">
      <c r="N928691" s="10"/>
    </row>
    <row r="928692" spans="14:14">
      <c r="N928692" s="10"/>
    </row>
    <row r="928693" spans="14:14">
      <c r="N928693" s="10"/>
    </row>
    <row r="928694" spans="14:14">
      <c r="N928694" s="10"/>
    </row>
    <row r="928695" spans="14:14">
      <c r="N928695" s="10"/>
    </row>
    <row r="928696" spans="14:14">
      <c r="N928696" s="10"/>
    </row>
    <row r="928697" spans="14:14">
      <c r="N928697" s="10"/>
    </row>
    <row r="928698" spans="14:14">
      <c r="N928698" s="10"/>
    </row>
    <row r="928699" spans="14:14">
      <c r="N928699" s="10"/>
    </row>
    <row r="928700" spans="14:14">
      <c r="N928700" s="10"/>
    </row>
    <row r="928701" spans="14:14">
      <c r="N928701" s="10"/>
    </row>
    <row r="928702" spans="14:14">
      <c r="N928702" s="10"/>
    </row>
    <row r="928703" spans="14:14">
      <c r="N928703" s="10"/>
    </row>
    <row r="928704" spans="14:14">
      <c r="N928704" s="10"/>
    </row>
    <row r="928705" spans="14:14">
      <c r="N928705" s="10"/>
    </row>
    <row r="928706" spans="14:14">
      <c r="N928706" s="10"/>
    </row>
    <row r="928707" spans="14:14">
      <c r="N928707" s="10"/>
    </row>
    <row r="928708" spans="14:14">
      <c r="N928708" s="10"/>
    </row>
    <row r="928709" spans="14:14">
      <c r="N928709" s="10"/>
    </row>
    <row r="928710" spans="14:14">
      <c r="N928710" s="10"/>
    </row>
    <row r="928711" spans="14:14">
      <c r="N928711" s="10"/>
    </row>
    <row r="928712" spans="14:14">
      <c r="N928712" s="10"/>
    </row>
    <row r="928713" spans="14:14">
      <c r="N928713" s="10"/>
    </row>
    <row r="928714" spans="14:14">
      <c r="N928714" s="10"/>
    </row>
    <row r="928715" spans="14:14">
      <c r="N928715" s="10"/>
    </row>
    <row r="928716" spans="14:14">
      <c r="N928716" s="10"/>
    </row>
    <row r="928717" spans="14:14">
      <c r="N928717" s="10"/>
    </row>
    <row r="928718" spans="14:14">
      <c r="N928718" s="10"/>
    </row>
    <row r="928719" spans="14:14">
      <c r="N928719" s="10"/>
    </row>
    <row r="928720" spans="14:14">
      <c r="N928720" s="10"/>
    </row>
    <row r="928721" spans="14:14">
      <c r="N928721" s="10"/>
    </row>
    <row r="928722" spans="14:14">
      <c r="N928722" s="10"/>
    </row>
    <row r="928723" spans="14:14">
      <c r="N928723" s="10"/>
    </row>
    <row r="928724" spans="14:14">
      <c r="N928724" s="10"/>
    </row>
    <row r="928725" spans="14:14">
      <c r="N928725" s="10"/>
    </row>
    <row r="928726" spans="14:14">
      <c r="N928726" s="10"/>
    </row>
    <row r="928727" spans="14:14">
      <c r="N928727" s="10"/>
    </row>
    <row r="928728" spans="14:14">
      <c r="N928728" s="10"/>
    </row>
    <row r="928729" spans="14:14">
      <c r="N928729" s="10"/>
    </row>
    <row r="928730" spans="14:14">
      <c r="N928730" s="10"/>
    </row>
    <row r="928731" spans="14:14">
      <c r="N928731" s="10"/>
    </row>
    <row r="928732" spans="14:14">
      <c r="N928732" s="10"/>
    </row>
    <row r="928733" spans="14:14">
      <c r="N928733" s="10"/>
    </row>
    <row r="928734" spans="14:14">
      <c r="N928734" s="10"/>
    </row>
    <row r="928735" spans="14:14">
      <c r="N928735" s="10"/>
    </row>
    <row r="928736" spans="14:14">
      <c r="N928736" s="10"/>
    </row>
    <row r="928737" spans="14:14">
      <c r="N928737" s="10"/>
    </row>
    <row r="928738" spans="14:14">
      <c r="N928738" s="10"/>
    </row>
    <row r="928739" spans="14:14">
      <c r="N928739" s="10"/>
    </row>
    <row r="928740" spans="14:14">
      <c r="N928740" s="10"/>
    </row>
    <row r="928741" spans="14:14">
      <c r="N928741" s="10"/>
    </row>
    <row r="928742" spans="14:14">
      <c r="N928742" s="10"/>
    </row>
    <row r="928743" spans="14:14">
      <c r="N928743" s="10"/>
    </row>
    <row r="928744" spans="14:14">
      <c r="N928744" s="10"/>
    </row>
    <row r="928745" spans="14:14">
      <c r="N928745" s="10"/>
    </row>
    <row r="928746" spans="14:14">
      <c r="N928746" s="10"/>
    </row>
    <row r="928747" spans="14:14">
      <c r="N928747" s="10"/>
    </row>
    <row r="928748" spans="14:14">
      <c r="N928748" s="10"/>
    </row>
    <row r="928749" spans="14:14">
      <c r="N928749" s="10"/>
    </row>
    <row r="928750" spans="14:14">
      <c r="N928750" s="10"/>
    </row>
    <row r="928751" spans="14:14">
      <c r="N928751" s="10"/>
    </row>
    <row r="928752" spans="14:14">
      <c r="N928752" s="10"/>
    </row>
    <row r="928753" spans="14:14">
      <c r="N928753" s="10"/>
    </row>
    <row r="928754" spans="14:14">
      <c r="N928754" s="10"/>
    </row>
    <row r="928755" spans="14:14">
      <c r="N928755" s="10"/>
    </row>
    <row r="928756" spans="14:14">
      <c r="N928756" s="10"/>
    </row>
    <row r="928757" spans="14:14">
      <c r="N928757" s="10"/>
    </row>
    <row r="928758" spans="14:14">
      <c r="N928758" s="10"/>
    </row>
    <row r="928759" spans="14:14">
      <c r="N928759" s="10"/>
    </row>
    <row r="928760" spans="14:14">
      <c r="N928760" s="10"/>
    </row>
    <row r="928761" spans="14:14">
      <c r="N928761" s="10"/>
    </row>
    <row r="928762" spans="14:14">
      <c r="N928762" s="10"/>
    </row>
    <row r="928763" spans="14:14">
      <c r="N928763" s="10"/>
    </row>
    <row r="928764" spans="14:14">
      <c r="N928764" s="10"/>
    </row>
    <row r="928765" spans="14:14">
      <c r="N928765" s="10"/>
    </row>
    <row r="928766" spans="14:14">
      <c r="N928766" s="10"/>
    </row>
    <row r="928767" spans="14:14">
      <c r="N928767" s="10"/>
    </row>
    <row r="928768" spans="14:14">
      <c r="N928768" s="10"/>
    </row>
    <row r="928769" spans="14:14">
      <c r="N928769" s="10"/>
    </row>
    <row r="928770" spans="14:14">
      <c r="N928770" s="10"/>
    </row>
    <row r="928771" spans="14:14">
      <c r="N928771" s="10"/>
    </row>
    <row r="928772" spans="14:14">
      <c r="N928772" s="10"/>
    </row>
    <row r="928773" spans="14:14">
      <c r="N928773" s="10"/>
    </row>
    <row r="928774" spans="14:14">
      <c r="N928774" s="10"/>
    </row>
    <row r="928775" spans="14:14">
      <c r="N928775" s="10"/>
    </row>
    <row r="928776" spans="14:14">
      <c r="N928776" s="10"/>
    </row>
    <row r="928777" spans="14:14">
      <c r="N928777" s="10"/>
    </row>
    <row r="928778" spans="14:14">
      <c r="N928778" s="10"/>
    </row>
    <row r="928779" spans="14:14">
      <c r="N928779" s="10"/>
    </row>
    <row r="928780" spans="14:14">
      <c r="N928780" s="10"/>
    </row>
    <row r="928781" spans="14:14">
      <c r="N928781" s="10"/>
    </row>
    <row r="928782" spans="14:14">
      <c r="N928782" s="10"/>
    </row>
    <row r="928783" spans="14:14">
      <c r="N928783" s="10"/>
    </row>
    <row r="928784" spans="14:14">
      <c r="N928784" s="10"/>
    </row>
    <row r="928785" spans="14:14">
      <c r="N928785" s="10"/>
    </row>
    <row r="928786" spans="14:14">
      <c r="N928786" s="10"/>
    </row>
    <row r="928787" spans="14:14">
      <c r="N928787" s="10"/>
    </row>
    <row r="928788" spans="14:14">
      <c r="N928788" s="10"/>
    </row>
    <row r="928789" spans="14:14">
      <c r="N928789" s="10"/>
    </row>
    <row r="928790" spans="14:14">
      <c r="N928790" s="10"/>
    </row>
    <row r="928791" spans="14:14">
      <c r="N928791" s="10"/>
    </row>
    <row r="928792" spans="14:14">
      <c r="N928792" s="10"/>
    </row>
    <row r="928793" spans="14:14">
      <c r="N928793" s="10"/>
    </row>
    <row r="928794" spans="14:14">
      <c r="N928794" s="10"/>
    </row>
    <row r="928795" spans="14:14">
      <c r="N928795" s="10"/>
    </row>
    <row r="928796" spans="14:14">
      <c r="N928796" s="10"/>
    </row>
    <row r="928797" spans="14:14">
      <c r="N928797" s="10"/>
    </row>
    <row r="928798" spans="14:14">
      <c r="N928798" s="10"/>
    </row>
    <row r="928799" spans="14:14">
      <c r="N928799" s="10"/>
    </row>
    <row r="928800" spans="14:14">
      <c r="N928800" s="10"/>
    </row>
    <row r="928801" spans="14:14">
      <c r="N928801" s="10"/>
    </row>
    <row r="928802" spans="14:14">
      <c r="N928802" s="10"/>
    </row>
    <row r="928803" spans="14:14">
      <c r="N928803" s="10"/>
    </row>
    <row r="928804" spans="14:14">
      <c r="N928804" s="10"/>
    </row>
    <row r="928805" spans="14:14">
      <c r="N928805" s="10"/>
    </row>
    <row r="928806" spans="14:14">
      <c r="N928806" s="10"/>
    </row>
    <row r="928807" spans="14:14">
      <c r="N928807" s="10"/>
    </row>
    <row r="928808" spans="14:14">
      <c r="N928808" s="10"/>
    </row>
    <row r="928809" spans="14:14">
      <c r="N928809" s="10"/>
    </row>
    <row r="928810" spans="14:14">
      <c r="N928810" s="10"/>
    </row>
    <row r="928811" spans="14:14">
      <c r="N928811" s="10"/>
    </row>
    <row r="928812" spans="14:14">
      <c r="N928812" s="10"/>
    </row>
    <row r="928813" spans="14:14">
      <c r="N928813" s="10"/>
    </row>
    <row r="928814" spans="14:14">
      <c r="N928814" s="10"/>
    </row>
    <row r="928815" spans="14:14">
      <c r="N928815" s="10"/>
    </row>
    <row r="928816" spans="14:14">
      <c r="N928816" s="10"/>
    </row>
    <row r="928817" spans="14:14">
      <c r="N928817" s="10"/>
    </row>
    <row r="928818" spans="14:14">
      <c r="N928818" s="10"/>
    </row>
    <row r="928819" spans="14:14">
      <c r="N928819" s="10"/>
    </row>
    <row r="928820" spans="14:14">
      <c r="N928820" s="10"/>
    </row>
    <row r="928821" spans="14:14">
      <c r="N928821" s="10"/>
    </row>
    <row r="928822" spans="14:14">
      <c r="N928822" s="10"/>
    </row>
    <row r="928823" spans="14:14">
      <c r="N928823" s="10"/>
    </row>
    <row r="928824" spans="14:14">
      <c r="N928824" s="10"/>
    </row>
    <row r="928825" spans="14:14">
      <c r="N928825" s="10"/>
    </row>
    <row r="928826" spans="14:14">
      <c r="N928826" s="10"/>
    </row>
    <row r="928827" spans="14:14">
      <c r="N928827" s="10"/>
    </row>
    <row r="928828" spans="14:14">
      <c r="N928828" s="10"/>
    </row>
    <row r="928829" spans="14:14">
      <c r="N928829" s="10"/>
    </row>
    <row r="928830" spans="14:14">
      <c r="N928830" s="10"/>
    </row>
    <row r="928831" spans="14:14">
      <c r="N928831" s="10"/>
    </row>
    <row r="928832" spans="14:14">
      <c r="N928832" s="10"/>
    </row>
    <row r="928833" spans="14:14">
      <c r="N928833" s="10"/>
    </row>
    <row r="928834" spans="14:14">
      <c r="N928834" s="10"/>
    </row>
    <row r="928835" spans="14:14">
      <c r="N928835" s="10"/>
    </row>
    <row r="928836" spans="14:14">
      <c r="N928836" s="10"/>
    </row>
    <row r="928837" spans="14:14">
      <c r="N928837" s="10"/>
    </row>
    <row r="928838" spans="14:14">
      <c r="N928838" s="10"/>
    </row>
    <row r="928839" spans="14:14">
      <c r="N928839" s="10"/>
    </row>
    <row r="928840" spans="14:14">
      <c r="N928840" s="10"/>
    </row>
    <row r="928841" spans="14:14">
      <c r="N928841" s="10"/>
    </row>
    <row r="928842" spans="14:14">
      <c r="N928842" s="10"/>
    </row>
    <row r="928843" spans="14:14">
      <c r="N928843" s="10"/>
    </row>
    <row r="928844" spans="14:14">
      <c r="N928844" s="10"/>
    </row>
    <row r="928845" spans="14:14">
      <c r="N928845" s="10"/>
    </row>
    <row r="928846" spans="14:14">
      <c r="N928846" s="10"/>
    </row>
    <row r="928847" spans="14:14">
      <c r="N928847" s="10"/>
    </row>
    <row r="928848" spans="14:14">
      <c r="N928848" s="10"/>
    </row>
    <row r="928849" spans="14:14">
      <c r="N928849" s="10"/>
    </row>
    <row r="928850" spans="14:14">
      <c r="N928850" s="10"/>
    </row>
    <row r="928851" spans="14:14">
      <c r="N928851" s="10"/>
    </row>
    <row r="928852" spans="14:14">
      <c r="N928852" s="10"/>
    </row>
    <row r="928853" spans="14:14">
      <c r="N928853" s="10"/>
    </row>
    <row r="928854" spans="14:14">
      <c r="N928854" s="10"/>
    </row>
    <row r="928855" spans="14:14">
      <c r="N928855" s="10"/>
    </row>
    <row r="928856" spans="14:14">
      <c r="N928856" s="10"/>
    </row>
    <row r="928857" spans="14:14">
      <c r="N928857" s="10"/>
    </row>
    <row r="928858" spans="14:14">
      <c r="N928858" s="10"/>
    </row>
    <row r="928859" spans="14:14">
      <c r="N928859" s="10"/>
    </row>
    <row r="928860" spans="14:14">
      <c r="N928860" s="10"/>
    </row>
    <row r="928861" spans="14:14">
      <c r="N928861" s="10"/>
    </row>
    <row r="928862" spans="14:14">
      <c r="N928862" s="10"/>
    </row>
    <row r="928863" spans="14:14">
      <c r="N928863" s="10"/>
    </row>
    <row r="928864" spans="14:14">
      <c r="N928864" s="10"/>
    </row>
    <row r="928865" spans="14:14">
      <c r="N928865" s="10"/>
    </row>
    <row r="928866" spans="14:14">
      <c r="N928866" s="10"/>
    </row>
    <row r="928867" spans="14:14">
      <c r="N928867" s="10"/>
    </row>
    <row r="928868" spans="14:14">
      <c r="N928868" s="10"/>
    </row>
    <row r="928869" spans="14:14">
      <c r="N928869" s="10"/>
    </row>
    <row r="928870" spans="14:14">
      <c r="N928870" s="10"/>
    </row>
    <row r="928871" spans="14:14">
      <c r="N928871" s="10"/>
    </row>
    <row r="928872" spans="14:14">
      <c r="N928872" s="10"/>
    </row>
    <row r="928873" spans="14:14">
      <c r="N928873" s="10"/>
    </row>
    <row r="928874" spans="14:14">
      <c r="N928874" s="10"/>
    </row>
    <row r="928875" spans="14:14">
      <c r="N928875" s="10"/>
    </row>
    <row r="928876" spans="14:14">
      <c r="N928876" s="10"/>
    </row>
    <row r="928877" spans="14:14">
      <c r="N928877" s="10"/>
    </row>
    <row r="928878" spans="14:14">
      <c r="N928878" s="10"/>
    </row>
    <row r="928879" spans="14:14">
      <c r="N928879" s="10"/>
    </row>
    <row r="928880" spans="14:14">
      <c r="N928880" s="10"/>
    </row>
    <row r="928881" spans="14:14">
      <c r="N928881" s="10"/>
    </row>
    <row r="928882" spans="14:14">
      <c r="N928882" s="10"/>
    </row>
    <row r="928883" spans="14:14">
      <c r="N928883" s="10"/>
    </row>
    <row r="928884" spans="14:14">
      <c r="N928884" s="10"/>
    </row>
    <row r="928885" spans="14:14">
      <c r="N928885" s="10"/>
    </row>
    <row r="928886" spans="14:14">
      <c r="N928886" s="10"/>
    </row>
    <row r="928887" spans="14:14">
      <c r="N928887" s="10"/>
    </row>
    <row r="928888" spans="14:14">
      <c r="N928888" s="10"/>
    </row>
    <row r="928889" spans="14:14">
      <c r="N928889" s="10"/>
    </row>
    <row r="928890" spans="14:14">
      <c r="N928890" s="10"/>
    </row>
    <row r="928891" spans="14:14">
      <c r="N928891" s="10"/>
    </row>
    <row r="928892" spans="14:14">
      <c r="N928892" s="10"/>
    </row>
    <row r="928893" spans="14:14">
      <c r="N928893" s="10"/>
    </row>
    <row r="928894" spans="14:14">
      <c r="N928894" s="10"/>
    </row>
    <row r="928895" spans="14:14">
      <c r="N928895" s="10"/>
    </row>
    <row r="928896" spans="14:14">
      <c r="N928896" s="10"/>
    </row>
    <row r="928897" spans="14:14">
      <c r="N928897" s="10"/>
    </row>
    <row r="928898" spans="14:14">
      <c r="N928898" s="10"/>
    </row>
    <row r="928899" spans="14:14">
      <c r="N928899" s="10"/>
    </row>
    <row r="928900" spans="14:14">
      <c r="N928900" s="10"/>
    </row>
    <row r="928901" spans="14:14">
      <c r="N928901" s="10"/>
    </row>
    <row r="928902" spans="14:14">
      <c r="N928902" s="10"/>
    </row>
    <row r="928903" spans="14:14">
      <c r="N928903" s="10"/>
    </row>
    <row r="928904" spans="14:14">
      <c r="N928904" s="10"/>
    </row>
    <row r="928905" spans="14:14">
      <c r="N928905" s="10"/>
    </row>
    <row r="928906" spans="14:14">
      <c r="N928906" s="10"/>
    </row>
    <row r="928907" spans="14:14">
      <c r="N928907" s="10"/>
    </row>
    <row r="928908" spans="14:14">
      <c r="N928908" s="10"/>
    </row>
    <row r="928909" spans="14:14">
      <c r="N928909" s="10"/>
    </row>
    <row r="928910" spans="14:14">
      <c r="N928910" s="10"/>
    </row>
    <row r="928911" spans="14:14">
      <c r="N928911" s="10"/>
    </row>
    <row r="928912" spans="14:14">
      <c r="N928912" s="10"/>
    </row>
    <row r="928913" spans="14:14">
      <c r="N928913" s="10"/>
    </row>
    <row r="928914" spans="14:14">
      <c r="N928914" s="10"/>
    </row>
    <row r="928915" spans="14:14">
      <c r="N928915" s="10"/>
    </row>
    <row r="928916" spans="14:14">
      <c r="N928916" s="10"/>
    </row>
    <row r="928917" spans="14:14">
      <c r="N928917" s="10"/>
    </row>
    <row r="928918" spans="14:14">
      <c r="N928918" s="10"/>
    </row>
    <row r="928919" spans="14:14">
      <c r="N928919" s="10"/>
    </row>
    <row r="928920" spans="14:14">
      <c r="N928920" s="10"/>
    </row>
    <row r="928921" spans="14:14">
      <c r="N928921" s="10"/>
    </row>
    <row r="928922" spans="14:14">
      <c r="N928922" s="10"/>
    </row>
    <row r="928923" spans="14:14">
      <c r="N928923" s="10"/>
    </row>
    <row r="928924" spans="14:14">
      <c r="N928924" s="10"/>
    </row>
    <row r="928925" spans="14:14">
      <c r="N928925" s="10"/>
    </row>
    <row r="928926" spans="14:14">
      <c r="N928926" s="10"/>
    </row>
    <row r="928927" spans="14:14">
      <c r="N928927" s="10"/>
    </row>
    <row r="928928" spans="14:14">
      <c r="N928928" s="10"/>
    </row>
    <row r="928929" spans="14:14">
      <c r="N928929" s="10"/>
    </row>
    <row r="928930" spans="14:14">
      <c r="N928930" s="10"/>
    </row>
    <row r="928931" spans="14:14">
      <c r="N928931" s="10"/>
    </row>
    <row r="928932" spans="14:14">
      <c r="N928932" s="10"/>
    </row>
    <row r="928933" spans="14:14">
      <c r="N928933" s="10"/>
    </row>
    <row r="928934" spans="14:14">
      <c r="N928934" s="10"/>
    </row>
    <row r="928935" spans="14:14">
      <c r="N928935" s="10"/>
    </row>
    <row r="928936" spans="14:14">
      <c r="N928936" s="10"/>
    </row>
    <row r="928937" spans="14:14">
      <c r="N928937" s="10"/>
    </row>
    <row r="928938" spans="14:14">
      <c r="N928938" s="10"/>
    </row>
    <row r="928939" spans="14:14">
      <c r="N928939" s="10"/>
    </row>
    <row r="928940" spans="14:14">
      <c r="N928940" s="10"/>
    </row>
    <row r="928941" spans="14:14">
      <c r="N928941" s="10"/>
    </row>
    <row r="928942" spans="14:14">
      <c r="N928942" s="10"/>
    </row>
    <row r="928943" spans="14:14">
      <c r="N928943" s="10"/>
    </row>
    <row r="928944" spans="14:14">
      <c r="N928944" s="10"/>
    </row>
    <row r="928945" spans="14:14">
      <c r="N928945" s="10"/>
    </row>
    <row r="928946" spans="14:14">
      <c r="N928946" s="10"/>
    </row>
    <row r="928947" spans="14:14">
      <c r="N928947" s="10"/>
    </row>
    <row r="928948" spans="14:14">
      <c r="N928948" s="10"/>
    </row>
    <row r="928949" spans="14:14">
      <c r="N928949" s="10"/>
    </row>
    <row r="928950" spans="14:14">
      <c r="N928950" s="10"/>
    </row>
    <row r="928951" spans="14:14">
      <c r="N928951" s="10"/>
    </row>
    <row r="928952" spans="14:14">
      <c r="N928952" s="10"/>
    </row>
    <row r="928953" spans="14:14">
      <c r="N928953" s="10"/>
    </row>
    <row r="928954" spans="14:14">
      <c r="N928954" s="10"/>
    </row>
    <row r="928955" spans="14:14">
      <c r="N928955" s="10"/>
    </row>
    <row r="928956" spans="14:14">
      <c r="N928956" s="10"/>
    </row>
    <row r="928957" spans="14:14">
      <c r="N928957" s="10"/>
    </row>
    <row r="928958" spans="14:14">
      <c r="N928958" s="10"/>
    </row>
    <row r="928959" spans="14:14">
      <c r="N928959" s="10"/>
    </row>
    <row r="928960" spans="14:14">
      <c r="N928960" s="10"/>
    </row>
    <row r="928961" spans="14:14">
      <c r="N928961" s="10"/>
    </row>
    <row r="928962" spans="14:14">
      <c r="N928962" s="10"/>
    </row>
    <row r="928963" spans="14:14">
      <c r="N928963" s="10"/>
    </row>
    <row r="928964" spans="14:14">
      <c r="N928964" s="10"/>
    </row>
    <row r="928965" spans="14:14">
      <c r="N928965" s="10"/>
    </row>
    <row r="928966" spans="14:14">
      <c r="N928966" s="10"/>
    </row>
    <row r="928967" spans="14:14">
      <c r="N928967" s="10"/>
    </row>
    <row r="928968" spans="14:14">
      <c r="N928968" s="10"/>
    </row>
    <row r="928969" spans="14:14">
      <c r="N928969" s="10"/>
    </row>
    <row r="928970" spans="14:14">
      <c r="N928970" s="10"/>
    </row>
    <row r="928971" spans="14:14">
      <c r="N928971" s="10"/>
    </row>
    <row r="928972" spans="14:14">
      <c r="N928972" s="10"/>
    </row>
    <row r="928973" spans="14:14">
      <c r="N928973" s="10"/>
    </row>
    <row r="928974" spans="14:14">
      <c r="N928974" s="10"/>
    </row>
    <row r="928975" spans="14:14">
      <c r="N928975" s="10"/>
    </row>
    <row r="928976" spans="14:14">
      <c r="N928976" s="10"/>
    </row>
    <row r="928977" spans="14:14">
      <c r="N928977" s="10"/>
    </row>
    <row r="928978" spans="14:14">
      <c r="N928978" s="10"/>
    </row>
    <row r="928979" spans="14:14">
      <c r="N928979" s="10"/>
    </row>
    <row r="928980" spans="14:14">
      <c r="N928980" s="10"/>
    </row>
    <row r="928981" spans="14:14">
      <c r="N928981" s="10"/>
    </row>
    <row r="928982" spans="14:14">
      <c r="N928982" s="10"/>
    </row>
    <row r="928983" spans="14:14">
      <c r="N928983" s="10"/>
    </row>
    <row r="928984" spans="14:14">
      <c r="N928984" s="10"/>
    </row>
    <row r="928985" spans="14:14">
      <c r="N928985" s="10"/>
    </row>
    <row r="928986" spans="14:14">
      <c r="N928986" s="10"/>
    </row>
    <row r="928987" spans="14:14">
      <c r="N928987" s="10"/>
    </row>
    <row r="928988" spans="14:14">
      <c r="N928988" s="10"/>
    </row>
    <row r="928989" spans="14:14">
      <c r="N928989" s="10"/>
    </row>
    <row r="928990" spans="14:14">
      <c r="N928990" s="10"/>
    </row>
    <row r="928991" spans="14:14">
      <c r="N928991" s="10"/>
    </row>
    <row r="928992" spans="14:14">
      <c r="N928992" s="10"/>
    </row>
    <row r="928993" spans="14:14">
      <c r="N928993" s="10"/>
    </row>
    <row r="928994" spans="14:14">
      <c r="N928994" s="10"/>
    </row>
    <row r="928995" spans="14:14">
      <c r="N928995" s="10"/>
    </row>
    <row r="928996" spans="14:14">
      <c r="N928996" s="10"/>
    </row>
    <row r="928997" spans="14:14">
      <c r="N928997" s="10"/>
    </row>
    <row r="928998" spans="14:14">
      <c r="N928998" s="10"/>
    </row>
    <row r="928999" spans="14:14">
      <c r="N928999" s="10"/>
    </row>
    <row r="929000" spans="14:14">
      <c r="N929000" s="10"/>
    </row>
    <row r="929001" spans="14:14">
      <c r="N929001" s="10"/>
    </row>
    <row r="929002" spans="14:14">
      <c r="N929002" s="10"/>
    </row>
    <row r="929003" spans="14:14">
      <c r="N929003" s="10"/>
    </row>
    <row r="929004" spans="14:14">
      <c r="N929004" s="10"/>
    </row>
    <row r="929005" spans="14:14">
      <c r="N929005" s="10"/>
    </row>
    <row r="929006" spans="14:14">
      <c r="N929006" s="10"/>
    </row>
    <row r="929007" spans="14:14">
      <c r="N929007" s="10"/>
    </row>
    <row r="929008" spans="14:14">
      <c r="N929008" s="10"/>
    </row>
    <row r="929009" spans="14:14">
      <c r="N929009" s="10"/>
    </row>
    <row r="929010" spans="14:14">
      <c r="N929010" s="10"/>
    </row>
    <row r="929011" spans="14:14">
      <c r="N929011" s="10"/>
    </row>
    <row r="929012" spans="14:14">
      <c r="N929012" s="10"/>
    </row>
    <row r="929013" spans="14:14">
      <c r="N929013" s="10"/>
    </row>
    <row r="929014" spans="14:14">
      <c r="N929014" s="10"/>
    </row>
    <row r="929015" spans="14:14">
      <c r="N929015" s="10"/>
    </row>
    <row r="929016" spans="14:14">
      <c r="N929016" s="10"/>
    </row>
    <row r="929017" spans="14:14">
      <c r="N929017" s="10"/>
    </row>
    <row r="929018" spans="14:14">
      <c r="N929018" s="10"/>
    </row>
    <row r="929019" spans="14:14">
      <c r="N929019" s="10"/>
    </row>
    <row r="929020" spans="14:14">
      <c r="N929020" s="10"/>
    </row>
    <row r="929021" spans="14:14">
      <c r="N929021" s="10"/>
    </row>
    <row r="929022" spans="14:14">
      <c r="N929022" s="10"/>
    </row>
    <row r="929023" spans="14:14">
      <c r="N929023" s="10"/>
    </row>
    <row r="929024" spans="14:14">
      <c r="N929024" s="10"/>
    </row>
    <row r="929025" spans="14:14">
      <c r="N929025" s="10"/>
    </row>
    <row r="929026" spans="14:14">
      <c r="N929026" s="10"/>
    </row>
    <row r="929027" spans="14:14">
      <c r="N929027" s="10"/>
    </row>
    <row r="929028" spans="14:14">
      <c r="N929028" s="10"/>
    </row>
    <row r="929029" spans="14:14">
      <c r="N929029" s="10"/>
    </row>
    <row r="929030" spans="14:14">
      <c r="N929030" s="10"/>
    </row>
    <row r="929031" spans="14:14">
      <c r="N929031" s="10"/>
    </row>
    <row r="929032" spans="14:14">
      <c r="N929032" s="10"/>
    </row>
    <row r="929033" spans="14:14">
      <c r="N929033" s="10"/>
    </row>
    <row r="929034" spans="14:14">
      <c r="N929034" s="10"/>
    </row>
    <row r="929035" spans="14:14">
      <c r="N929035" s="10"/>
    </row>
    <row r="929036" spans="14:14">
      <c r="N929036" s="10"/>
    </row>
    <row r="929037" spans="14:14">
      <c r="N929037" s="10"/>
    </row>
    <row r="929038" spans="14:14">
      <c r="N929038" s="10"/>
    </row>
    <row r="929039" spans="14:14">
      <c r="N929039" s="10"/>
    </row>
    <row r="929040" spans="14:14">
      <c r="N929040" s="10"/>
    </row>
    <row r="929041" spans="14:14">
      <c r="N929041" s="10"/>
    </row>
    <row r="929042" spans="14:14">
      <c r="N929042" s="10"/>
    </row>
    <row r="929043" spans="14:14">
      <c r="N929043" s="10"/>
    </row>
    <row r="929044" spans="14:14">
      <c r="N929044" s="10"/>
    </row>
    <row r="929045" spans="14:14">
      <c r="N929045" s="10"/>
    </row>
    <row r="929046" spans="14:14">
      <c r="N929046" s="10"/>
    </row>
    <row r="929047" spans="14:14">
      <c r="N929047" s="10"/>
    </row>
    <row r="929048" spans="14:14">
      <c r="N929048" s="10"/>
    </row>
    <row r="929049" spans="14:14">
      <c r="N929049" s="10"/>
    </row>
    <row r="929050" spans="14:14">
      <c r="N929050" s="10"/>
    </row>
    <row r="929051" spans="14:14">
      <c r="N929051" s="10"/>
    </row>
    <row r="929052" spans="14:14">
      <c r="N929052" s="10"/>
    </row>
    <row r="929053" spans="14:14">
      <c r="N929053" s="10"/>
    </row>
    <row r="929054" spans="14:14">
      <c r="N929054" s="10"/>
    </row>
    <row r="929055" spans="14:14">
      <c r="N929055" s="10"/>
    </row>
    <row r="929056" spans="14:14">
      <c r="N929056" s="10"/>
    </row>
    <row r="929057" spans="14:14">
      <c r="N929057" s="10"/>
    </row>
    <row r="929058" spans="14:14">
      <c r="N929058" s="10"/>
    </row>
    <row r="929059" spans="14:14">
      <c r="N929059" s="10"/>
    </row>
    <row r="929060" spans="14:14">
      <c r="N929060" s="10"/>
    </row>
    <row r="929061" spans="14:14">
      <c r="N929061" s="10"/>
    </row>
    <row r="929062" spans="14:14">
      <c r="N929062" s="10"/>
    </row>
    <row r="929063" spans="14:14">
      <c r="N929063" s="10"/>
    </row>
    <row r="929064" spans="14:14">
      <c r="N929064" s="10"/>
    </row>
    <row r="929065" spans="14:14">
      <c r="N929065" s="10"/>
    </row>
    <row r="929066" spans="14:14">
      <c r="N929066" s="10"/>
    </row>
    <row r="929067" spans="14:14">
      <c r="N929067" s="10"/>
    </row>
    <row r="929068" spans="14:14">
      <c r="N929068" s="10"/>
    </row>
    <row r="929069" spans="14:14">
      <c r="N929069" s="10"/>
    </row>
    <row r="929070" spans="14:14">
      <c r="N929070" s="10"/>
    </row>
    <row r="929071" spans="14:14">
      <c r="N929071" s="10"/>
    </row>
    <row r="929072" spans="14:14">
      <c r="N929072" s="10"/>
    </row>
    <row r="929073" spans="14:14">
      <c r="N929073" s="10"/>
    </row>
    <row r="929074" spans="14:14">
      <c r="N929074" s="10"/>
    </row>
    <row r="929075" spans="14:14">
      <c r="N929075" s="10"/>
    </row>
    <row r="929076" spans="14:14">
      <c r="N929076" s="10"/>
    </row>
    <row r="929077" spans="14:14">
      <c r="N929077" s="10"/>
    </row>
    <row r="929078" spans="14:14">
      <c r="N929078" s="10"/>
    </row>
    <row r="929079" spans="14:14">
      <c r="N929079" s="10"/>
    </row>
    <row r="929080" spans="14:14">
      <c r="N929080" s="10"/>
    </row>
    <row r="929081" spans="14:14">
      <c r="N929081" s="10"/>
    </row>
    <row r="929082" spans="14:14">
      <c r="N929082" s="10"/>
    </row>
    <row r="929083" spans="14:14">
      <c r="N929083" s="10"/>
    </row>
    <row r="929084" spans="14:14">
      <c r="N929084" s="10"/>
    </row>
    <row r="929085" spans="14:14">
      <c r="N929085" s="10"/>
    </row>
    <row r="929086" spans="14:14">
      <c r="N929086" s="10"/>
    </row>
    <row r="929087" spans="14:14">
      <c r="N929087" s="10"/>
    </row>
    <row r="929088" spans="14:14">
      <c r="N929088" s="10"/>
    </row>
    <row r="929089" spans="14:14">
      <c r="N929089" s="10"/>
    </row>
    <row r="929090" spans="14:14">
      <c r="N929090" s="10"/>
    </row>
    <row r="929091" spans="14:14">
      <c r="N929091" s="10"/>
    </row>
    <row r="929092" spans="14:14">
      <c r="N929092" s="10"/>
    </row>
    <row r="929093" spans="14:14">
      <c r="N929093" s="10"/>
    </row>
    <row r="929094" spans="14:14">
      <c r="N929094" s="10"/>
    </row>
    <row r="929095" spans="14:14">
      <c r="N929095" s="10"/>
    </row>
    <row r="929096" spans="14:14">
      <c r="N929096" s="10"/>
    </row>
    <row r="929097" spans="14:14">
      <c r="N929097" s="10"/>
    </row>
    <row r="929098" spans="14:14">
      <c r="N929098" s="10"/>
    </row>
    <row r="929099" spans="14:14">
      <c r="N929099" s="10"/>
    </row>
    <row r="929100" spans="14:14">
      <c r="N929100" s="10"/>
    </row>
    <row r="929101" spans="14:14">
      <c r="N929101" s="10"/>
    </row>
    <row r="929102" spans="14:14">
      <c r="N929102" s="10"/>
    </row>
    <row r="929103" spans="14:14">
      <c r="N929103" s="10"/>
    </row>
    <row r="929104" spans="14:14">
      <c r="N929104" s="10"/>
    </row>
    <row r="929105" spans="14:14">
      <c r="N929105" s="10"/>
    </row>
    <row r="929106" spans="14:14">
      <c r="N929106" s="10"/>
    </row>
    <row r="929107" spans="14:14">
      <c r="N929107" s="10"/>
    </row>
    <row r="929108" spans="14:14">
      <c r="N929108" s="10"/>
    </row>
    <row r="929109" spans="14:14">
      <c r="N929109" s="10"/>
    </row>
    <row r="929110" spans="14:14">
      <c r="N929110" s="10"/>
    </row>
    <row r="929111" spans="14:14">
      <c r="N929111" s="10"/>
    </row>
    <row r="929112" spans="14:14">
      <c r="N929112" s="10"/>
    </row>
    <row r="929113" spans="14:14">
      <c r="N929113" s="10"/>
    </row>
    <row r="929114" spans="14:14">
      <c r="N929114" s="10"/>
    </row>
    <row r="929115" spans="14:14">
      <c r="N929115" s="10"/>
    </row>
    <row r="929116" spans="14:14">
      <c r="N929116" s="10"/>
    </row>
    <row r="929117" spans="14:14">
      <c r="N929117" s="10"/>
    </row>
    <row r="929118" spans="14:14">
      <c r="N929118" s="10"/>
    </row>
    <row r="929119" spans="14:14">
      <c r="N929119" s="10"/>
    </row>
    <row r="929120" spans="14:14">
      <c r="N929120" s="10"/>
    </row>
    <row r="929121" spans="14:14">
      <c r="N929121" s="10"/>
    </row>
    <row r="929122" spans="14:14">
      <c r="N929122" s="10"/>
    </row>
    <row r="929123" spans="14:14">
      <c r="N929123" s="10"/>
    </row>
    <row r="929124" spans="14:14">
      <c r="N929124" s="10"/>
    </row>
    <row r="929125" spans="14:14">
      <c r="N929125" s="10"/>
    </row>
    <row r="929126" spans="14:14">
      <c r="N929126" s="10"/>
    </row>
    <row r="929127" spans="14:14">
      <c r="N929127" s="10"/>
    </row>
    <row r="929128" spans="14:14">
      <c r="N929128" s="10"/>
    </row>
    <row r="929129" spans="14:14">
      <c r="N929129" s="10"/>
    </row>
    <row r="929130" spans="14:14">
      <c r="N929130" s="10"/>
    </row>
    <row r="929131" spans="14:14">
      <c r="N929131" s="10"/>
    </row>
    <row r="929132" spans="14:14">
      <c r="N929132" s="10"/>
    </row>
    <row r="929133" spans="14:14">
      <c r="N929133" s="10"/>
    </row>
    <row r="929134" spans="14:14">
      <c r="N929134" s="10"/>
    </row>
    <row r="929135" spans="14:14">
      <c r="N929135" s="10"/>
    </row>
    <row r="929136" spans="14:14">
      <c r="N929136" s="10"/>
    </row>
    <row r="929137" spans="14:14">
      <c r="N929137" s="10"/>
    </row>
    <row r="929138" spans="14:14">
      <c r="N929138" s="10"/>
    </row>
    <row r="929139" spans="14:14">
      <c r="N929139" s="10"/>
    </row>
    <row r="929140" spans="14:14">
      <c r="N929140" s="10"/>
    </row>
    <row r="929141" spans="14:14">
      <c r="N929141" s="10"/>
    </row>
    <row r="929142" spans="14:14">
      <c r="N929142" s="10"/>
    </row>
    <row r="929143" spans="14:14">
      <c r="N929143" s="10"/>
    </row>
    <row r="929144" spans="14:14">
      <c r="N929144" s="10"/>
    </row>
    <row r="929145" spans="14:14">
      <c r="N929145" s="10"/>
    </row>
    <row r="929146" spans="14:14">
      <c r="N929146" s="10"/>
    </row>
    <row r="929147" spans="14:14">
      <c r="N929147" s="10"/>
    </row>
    <row r="929148" spans="14:14">
      <c r="N929148" s="10"/>
    </row>
    <row r="929149" spans="14:14">
      <c r="N929149" s="10"/>
    </row>
    <row r="929150" spans="14:14">
      <c r="N929150" s="10"/>
    </row>
    <row r="929151" spans="14:14">
      <c r="N929151" s="10"/>
    </row>
    <row r="929152" spans="14:14">
      <c r="N929152" s="10"/>
    </row>
    <row r="929153" spans="14:14">
      <c r="N929153" s="10"/>
    </row>
    <row r="929154" spans="14:14">
      <c r="N929154" s="10"/>
    </row>
    <row r="929155" spans="14:14">
      <c r="N929155" s="10"/>
    </row>
    <row r="929156" spans="14:14">
      <c r="N929156" s="10"/>
    </row>
    <row r="929157" spans="14:14">
      <c r="N929157" s="10"/>
    </row>
    <row r="929158" spans="14:14">
      <c r="N929158" s="10"/>
    </row>
    <row r="929159" spans="14:14">
      <c r="N929159" s="10"/>
    </row>
    <row r="929160" spans="14:14">
      <c r="N929160" s="10"/>
    </row>
    <row r="929161" spans="14:14">
      <c r="N929161" s="10"/>
    </row>
    <row r="929162" spans="14:14">
      <c r="N929162" s="10"/>
    </row>
    <row r="929163" spans="14:14">
      <c r="N929163" s="10"/>
    </row>
    <row r="929164" spans="14:14">
      <c r="N929164" s="10"/>
    </row>
    <row r="929165" spans="14:14">
      <c r="N929165" s="10"/>
    </row>
    <row r="929166" spans="14:14">
      <c r="N929166" s="10"/>
    </row>
    <row r="929167" spans="14:14">
      <c r="N929167" s="10"/>
    </row>
    <row r="929168" spans="14:14">
      <c r="N929168" s="10"/>
    </row>
    <row r="929169" spans="14:14">
      <c r="N929169" s="10"/>
    </row>
    <row r="929170" spans="14:14">
      <c r="N929170" s="10"/>
    </row>
    <row r="929171" spans="14:14">
      <c r="N929171" s="10"/>
    </row>
    <row r="929172" spans="14:14">
      <c r="N929172" s="10"/>
    </row>
    <row r="929173" spans="14:14">
      <c r="N929173" s="10"/>
    </row>
    <row r="929174" spans="14:14">
      <c r="N929174" s="10"/>
    </row>
    <row r="929175" spans="14:14">
      <c r="N929175" s="10"/>
    </row>
    <row r="929176" spans="14:14">
      <c r="N929176" s="10"/>
    </row>
    <row r="929177" spans="14:14">
      <c r="N929177" s="10"/>
    </row>
    <row r="929178" spans="14:14">
      <c r="N929178" s="10"/>
    </row>
    <row r="929179" spans="14:14">
      <c r="N929179" s="10"/>
    </row>
    <row r="929180" spans="14:14">
      <c r="N929180" s="10"/>
    </row>
    <row r="929181" spans="14:14">
      <c r="N929181" s="10"/>
    </row>
    <row r="929182" spans="14:14">
      <c r="N929182" s="10"/>
    </row>
    <row r="929183" spans="14:14">
      <c r="N929183" s="10"/>
    </row>
    <row r="929184" spans="14:14">
      <c r="N929184" s="10"/>
    </row>
    <row r="929185" spans="14:14">
      <c r="N929185" s="10"/>
    </row>
    <row r="929186" spans="14:14">
      <c r="N929186" s="10"/>
    </row>
    <row r="929187" spans="14:14">
      <c r="N929187" s="10"/>
    </row>
    <row r="929188" spans="14:14">
      <c r="N929188" s="10"/>
    </row>
    <row r="929189" spans="14:14">
      <c r="N929189" s="10"/>
    </row>
    <row r="929190" spans="14:14">
      <c r="N929190" s="10"/>
    </row>
    <row r="929191" spans="14:14">
      <c r="N929191" s="10"/>
    </row>
    <row r="929192" spans="14:14">
      <c r="N929192" s="10"/>
    </row>
    <row r="929193" spans="14:14">
      <c r="N929193" s="10"/>
    </row>
    <row r="929194" spans="14:14">
      <c r="N929194" s="10"/>
    </row>
    <row r="929195" spans="14:14">
      <c r="N929195" s="10"/>
    </row>
    <row r="929196" spans="14:14">
      <c r="N929196" s="10"/>
    </row>
    <row r="929197" spans="14:14">
      <c r="N929197" s="10"/>
    </row>
    <row r="929198" spans="14:14">
      <c r="N929198" s="10"/>
    </row>
    <row r="929199" spans="14:14">
      <c r="N929199" s="10"/>
    </row>
    <row r="929200" spans="14:14">
      <c r="N929200" s="10"/>
    </row>
    <row r="929201" spans="14:14">
      <c r="N929201" s="10"/>
    </row>
    <row r="929202" spans="14:14">
      <c r="N929202" s="10"/>
    </row>
    <row r="929203" spans="14:14">
      <c r="N929203" s="10"/>
    </row>
    <row r="929204" spans="14:14">
      <c r="N929204" s="10"/>
    </row>
    <row r="929205" spans="14:14">
      <c r="N929205" s="10"/>
    </row>
    <row r="929206" spans="14:14">
      <c r="N929206" s="10"/>
    </row>
    <row r="929207" spans="14:14">
      <c r="N929207" s="10"/>
    </row>
    <row r="929208" spans="14:14">
      <c r="N929208" s="10"/>
    </row>
    <row r="929209" spans="14:14">
      <c r="N929209" s="10"/>
    </row>
    <row r="929210" spans="14:14">
      <c r="N929210" s="10"/>
    </row>
    <row r="929211" spans="14:14">
      <c r="N929211" s="10"/>
    </row>
    <row r="929212" spans="14:14">
      <c r="N929212" s="10"/>
    </row>
    <row r="929213" spans="14:14">
      <c r="N929213" s="10"/>
    </row>
    <row r="929214" spans="14:14">
      <c r="N929214" s="10"/>
    </row>
    <row r="929215" spans="14:14">
      <c r="N929215" s="10"/>
    </row>
    <row r="929216" spans="14:14">
      <c r="N929216" s="10"/>
    </row>
    <row r="929217" spans="14:14">
      <c r="N929217" s="10"/>
    </row>
    <row r="929218" spans="14:14">
      <c r="N929218" s="10"/>
    </row>
    <row r="929219" spans="14:14">
      <c r="N929219" s="10"/>
    </row>
    <row r="929220" spans="14:14">
      <c r="N929220" s="10"/>
    </row>
    <row r="929221" spans="14:14">
      <c r="N929221" s="10"/>
    </row>
    <row r="929222" spans="14:14">
      <c r="N929222" s="10"/>
    </row>
    <row r="929223" spans="14:14">
      <c r="N929223" s="10"/>
    </row>
    <row r="929224" spans="14:14">
      <c r="N929224" s="10"/>
    </row>
    <row r="929225" spans="14:14">
      <c r="N929225" s="10"/>
    </row>
    <row r="929226" spans="14:14">
      <c r="N929226" s="10"/>
    </row>
    <row r="929227" spans="14:14">
      <c r="N929227" s="10"/>
    </row>
    <row r="929228" spans="14:14">
      <c r="N929228" s="10"/>
    </row>
    <row r="929229" spans="14:14">
      <c r="N929229" s="10"/>
    </row>
    <row r="929230" spans="14:14">
      <c r="N929230" s="10"/>
    </row>
    <row r="929231" spans="14:14">
      <c r="N929231" s="10"/>
    </row>
    <row r="929232" spans="14:14">
      <c r="N929232" s="10"/>
    </row>
    <row r="929233" spans="14:14">
      <c r="N929233" s="10"/>
    </row>
    <row r="929234" spans="14:14">
      <c r="N929234" s="10"/>
    </row>
    <row r="929235" spans="14:14">
      <c r="N929235" s="10"/>
    </row>
    <row r="929236" spans="14:14">
      <c r="N929236" s="10"/>
    </row>
    <row r="929237" spans="14:14">
      <c r="N929237" s="10"/>
    </row>
    <row r="929238" spans="14:14">
      <c r="N929238" s="10"/>
    </row>
    <row r="929239" spans="14:14">
      <c r="N929239" s="10"/>
    </row>
    <row r="929240" spans="14:14">
      <c r="N929240" s="10"/>
    </row>
    <row r="929241" spans="14:14">
      <c r="N929241" s="10"/>
    </row>
    <row r="929242" spans="14:14">
      <c r="N929242" s="10"/>
    </row>
    <row r="929243" spans="14:14">
      <c r="N929243" s="10"/>
    </row>
    <row r="929244" spans="14:14">
      <c r="N929244" s="10"/>
    </row>
    <row r="929245" spans="14:14">
      <c r="N929245" s="10"/>
    </row>
    <row r="929246" spans="14:14">
      <c r="N929246" s="10"/>
    </row>
    <row r="929247" spans="14:14">
      <c r="N929247" s="10"/>
    </row>
    <row r="929248" spans="14:14">
      <c r="N929248" s="10"/>
    </row>
    <row r="929249" spans="14:14">
      <c r="N929249" s="10"/>
    </row>
    <row r="929250" spans="14:14">
      <c r="N929250" s="10"/>
    </row>
    <row r="929251" spans="14:14">
      <c r="N929251" s="10"/>
    </row>
    <row r="929252" spans="14:14">
      <c r="N929252" s="10"/>
    </row>
    <row r="929253" spans="14:14">
      <c r="N929253" s="10"/>
    </row>
    <row r="929254" spans="14:14">
      <c r="N929254" s="10"/>
    </row>
    <row r="929255" spans="14:14">
      <c r="N929255" s="10"/>
    </row>
    <row r="929256" spans="14:14">
      <c r="N929256" s="10"/>
    </row>
    <row r="929257" spans="14:14">
      <c r="N929257" s="10"/>
    </row>
    <row r="929258" spans="14:14">
      <c r="N929258" s="10"/>
    </row>
    <row r="929259" spans="14:14">
      <c r="N929259" s="10"/>
    </row>
    <row r="929260" spans="14:14">
      <c r="N929260" s="10"/>
    </row>
    <row r="929261" spans="14:14">
      <c r="N929261" s="10"/>
    </row>
    <row r="929262" spans="14:14">
      <c r="N929262" s="10"/>
    </row>
    <row r="929263" spans="14:14">
      <c r="N929263" s="10"/>
    </row>
    <row r="929264" spans="14:14">
      <c r="N929264" s="10"/>
    </row>
    <row r="929265" spans="14:14">
      <c r="N929265" s="10"/>
    </row>
    <row r="929266" spans="14:14">
      <c r="N929266" s="10"/>
    </row>
    <row r="929267" spans="14:14">
      <c r="N929267" s="10"/>
    </row>
    <row r="929268" spans="14:14">
      <c r="N929268" s="10"/>
    </row>
    <row r="929269" spans="14:14">
      <c r="N929269" s="10"/>
    </row>
    <row r="929270" spans="14:14">
      <c r="N929270" s="10"/>
    </row>
    <row r="929271" spans="14:14">
      <c r="N929271" s="10"/>
    </row>
    <row r="929272" spans="14:14">
      <c r="N929272" s="10"/>
    </row>
    <row r="929273" spans="14:14">
      <c r="N929273" s="10"/>
    </row>
    <row r="929274" spans="14:14">
      <c r="N929274" s="10"/>
    </row>
    <row r="929275" spans="14:14">
      <c r="N929275" s="10"/>
    </row>
    <row r="929276" spans="14:14">
      <c r="N929276" s="10"/>
    </row>
    <row r="929277" spans="14:14">
      <c r="N929277" s="10"/>
    </row>
    <row r="929278" spans="14:14">
      <c r="N929278" s="10"/>
    </row>
    <row r="929279" spans="14:14">
      <c r="N929279" s="10"/>
    </row>
    <row r="929280" spans="14:14">
      <c r="N929280" s="10"/>
    </row>
    <row r="929281" spans="14:14">
      <c r="N929281" s="10"/>
    </row>
    <row r="929282" spans="14:14">
      <c r="N929282" s="10"/>
    </row>
    <row r="929283" spans="14:14">
      <c r="N929283" s="10"/>
    </row>
    <row r="929284" spans="14:14">
      <c r="N929284" s="10"/>
    </row>
    <row r="929285" spans="14:14">
      <c r="N929285" s="10"/>
    </row>
    <row r="929286" spans="14:14">
      <c r="N929286" s="10"/>
    </row>
    <row r="929287" spans="14:14">
      <c r="N929287" s="10"/>
    </row>
    <row r="929288" spans="14:14">
      <c r="N929288" s="10"/>
    </row>
    <row r="929289" spans="14:14">
      <c r="N929289" s="10"/>
    </row>
    <row r="929290" spans="14:14">
      <c r="N929290" s="10"/>
    </row>
    <row r="929291" spans="14:14">
      <c r="N929291" s="10"/>
    </row>
    <row r="929292" spans="14:14">
      <c r="N929292" s="10"/>
    </row>
    <row r="929293" spans="14:14">
      <c r="N929293" s="10"/>
    </row>
    <row r="929294" spans="14:14">
      <c r="N929294" s="10"/>
    </row>
    <row r="929295" spans="14:14">
      <c r="N929295" s="10"/>
    </row>
    <row r="929296" spans="14:14">
      <c r="N929296" s="10"/>
    </row>
    <row r="929297" spans="14:14">
      <c r="N929297" s="10"/>
    </row>
    <row r="929298" spans="14:14">
      <c r="N929298" s="10"/>
    </row>
    <row r="929299" spans="14:14">
      <c r="N929299" s="10"/>
    </row>
    <row r="929300" spans="14:14">
      <c r="N929300" s="10"/>
    </row>
    <row r="929301" spans="14:14">
      <c r="N929301" s="10"/>
    </row>
    <row r="929302" spans="14:14">
      <c r="N929302" s="10"/>
    </row>
    <row r="929303" spans="14:14">
      <c r="N929303" s="10"/>
    </row>
    <row r="929304" spans="14:14">
      <c r="N929304" s="10"/>
    </row>
    <row r="929305" spans="14:14">
      <c r="N929305" s="10"/>
    </row>
    <row r="929306" spans="14:14">
      <c r="N929306" s="10"/>
    </row>
    <row r="929307" spans="14:14">
      <c r="N929307" s="10"/>
    </row>
    <row r="929308" spans="14:14">
      <c r="N929308" s="10"/>
    </row>
    <row r="929309" spans="14:14">
      <c r="N929309" s="10"/>
    </row>
    <row r="929310" spans="14:14">
      <c r="N929310" s="10"/>
    </row>
    <row r="929311" spans="14:14">
      <c r="N929311" s="10"/>
    </row>
    <row r="929312" spans="14:14">
      <c r="N929312" s="10"/>
    </row>
    <row r="929313" spans="14:14">
      <c r="N929313" s="10"/>
    </row>
    <row r="929314" spans="14:14">
      <c r="N929314" s="10"/>
    </row>
    <row r="929315" spans="14:14">
      <c r="N929315" s="10"/>
    </row>
    <row r="929316" spans="14:14">
      <c r="N929316" s="10"/>
    </row>
    <row r="929317" spans="14:14">
      <c r="N929317" s="10"/>
    </row>
    <row r="929318" spans="14:14">
      <c r="N929318" s="10"/>
    </row>
    <row r="929319" spans="14:14">
      <c r="N929319" s="10"/>
    </row>
    <row r="929320" spans="14:14">
      <c r="N929320" s="10"/>
    </row>
    <row r="929321" spans="14:14">
      <c r="N929321" s="10"/>
    </row>
    <row r="929322" spans="14:14">
      <c r="N929322" s="10"/>
    </row>
    <row r="929323" spans="14:14">
      <c r="N929323" s="10"/>
    </row>
    <row r="929324" spans="14:14">
      <c r="N929324" s="10"/>
    </row>
    <row r="929325" spans="14:14">
      <c r="N929325" s="10"/>
    </row>
    <row r="929326" spans="14:14">
      <c r="N929326" s="10"/>
    </row>
    <row r="929327" spans="14:14">
      <c r="N929327" s="10"/>
    </row>
    <row r="929328" spans="14:14">
      <c r="N929328" s="10"/>
    </row>
    <row r="929329" spans="14:14">
      <c r="N929329" s="10"/>
    </row>
    <row r="929330" spans="14:14">
      <c r="N929330" s="10"/>
    </row>
    <row r="929331" spans="14:14">
      <c r="N929331" s="10"/>
    </row>
    <row r="929332" spans="14:14">
      <c r="N929332" s="10"/>
    </row>
    <row r="929333" spans="14:14">
      <c r="N929333" s="10"/>
    </row>
    <row r="929334" spans="14:14">
      <c r="N929334" s="10"/>
    </row>
    <row r="929335" spans="14:14">
      <c r="N929335" s="10"/>
    </row>
    <row r="929336" spans="14:14">
      <c r="N929336" s="10"/>
    </row>
    <row r="929337" spans="14:14">
      <c r="N929337" s="10"/>
    </row>
    <row r="929338" spans="14:14">
      <c r="N929338" s="10"/>
    </row>
    <row r="929339" spans="14:14">
      <c r="N929339" s="10"/>
    </row>
    <row r="929340" spans="14:14">
      <c r="N929340" s="10"/>
    </row>
    <row r="929341" spans="14:14">
      <c r="N929341" s="10"/>
    </row>
    <row r="929342" spans="14:14">
      <c r="N929342" s="10"/>
    </row>
    <row r="929343" spans="14:14">
      <c r="N929343" s="10"/>
    </row>
    <row r="929344" spans="14:14">
      <c r="N929344" s="10"/>
    </row>
    <row r="929345" spans="14:14">
      <c r="N929345" s="10"/>
    </row>
    <row r="929346" spans="14:14">
      <c r="N929346" s="10"/>
    </row>
    <row r="929347" spans="14:14">
      <c r="N929347" s="10"/>
    </row>
    <row r="929348" spans="14:14">
      <c r="N929348" s="10"/>
    </row>
    <row r="929349" spans="14:14">
      <c r="N929349" s="10"/>
    </row>
    <row r="929350" spans="14:14">
      <c r="N929350" s="10"/>
    </row>
    <row r="929351" spans="14:14">
      <c r="N929351" s="10"/>
    </row>
    <row r="929352" spans="14:14">
      <c r="N929352" s="10"/>
    </row>
    <row r="929353" spans="14:14">
      <c r="N929353" s="10"/>
    </row>
    <row r="929354" spans="14:14">
      <c r="N929354" s="10"/>
    </row>
    <row r="929355" spans="14:14">
      <c r="N929355" s="10"/>
    </row>
    <row r="929356" spans="14:14">
      <c r="N929356" s="10"/>
    </row>
    <row r="929357" spans="14:14">
      <c r="N929357" s="10"/>
    </row>
    <row r="929358" spans="14:14">
      <c r="N929358" s="10"/>
    </row>
    <row r="929359" spans="14:14">
      <c r="N929359" s="10"/>
    </row>
    <row r="929360" spans="14:14">
      <c r="N929360" s="10"/>
    </row>
    <row r="929361" spans="14:14">
      <c r="N929361" s="10"/>
    </row>
    <row r="929362" spans="14:14">
      <c r="N929362" s="10"/>
    </row>
    <row r="929363" spans="14:14">
      <c r="N929363" s="10"/>
    </row>
    <row r="929364" spans="14:14">
      <c r="N929364" s="10"/>
    </row>
    <row r="929365" spans="14:14">
      <c r="N929365" s="10"/>
    </row>
    <row r="929366" spans="14:14">
      <c r="N929366" s="10"/>
    </row>
    <row r="929367" spans="14:14">
      <c r="N929367" s="10"/>
    </row>
    <row r="929368" spans="14:14">
      <c r="N929368" s="10"/>
    </row>
    <row r="929369" spans="14:14">
      <c r="N929369" s="10"/>
    </row>
    <row r="929370" spans="14:14">
      <c r="N929370" s="10"/>
    </row>
    <row r="929371" spans="14:14">
      <c r="N929371" s="10"/>
    </row>
    <row r="929372" spans="14:14">
      <c r="N929372" s="10"/>
    </row>
    <row r="929373" spans="14:14">
      <c r="N929373" s="10"/>
    </row>
    <row r="929374" spans="14:14">
      <c r="N929374" s="10"/>
    </row>
    <row r="929375" spans="14:14">
      <c r="N929375" s="10"/>
    </row>
    <row r="929376" spans="14:14">
      <c r="N929376" s="10"/>
    </row>
    <row r="929377" spans="14:14">
      <c r="N929377" s="10"/>
    </row>
    <row r="929378" spans="14:14">
      <c r="N929378" s="10"/>
    </row>
    <row r="929379" spans="14:14">
      <c r="N929379" s="10"/>
    </row>
    <row r="929380" spans="14:14">
      <c r="N929380" s="10"/>
    </row>
    <row r="929381" spans="14:14">
      <c r="N929381" s="10"/>
    </row>
    <row r="929382" spans="14:14">
      <c r="N929382" s="10"/>
    </row>
    <row r="929383" spans="14:14">
      <c r="N929383" s="10"/>
    </row>
    <row r="929384" spans="14:14">
      <c r="N929384" s="10"/>
    </row>
    <row r="929385" spans="14:14">
      <c r="N929385" s="10"/>
    </row>
    <row r="929386" spans="14:14">
      <c r="N929386" s="10"/>
    </row>
    <row r="929387" spans="14:14">
      <c r="N929387" s="10"/>
    </row>
    <row r="929388" spans="14:14">
      <c r="N929388" s="10"/>
    </row>
    <row r="929389" spans="14:14">
      <c r="N929389" s="10"/>
    </row>
    <row r="929390" spans="14:14">
      <c r="N929390" s="10"/>
    </row>
    <row r="929391" spans="14:14">
      <c r="N929391" s="10"/>
    </row>
    <row r="929392" spans="14:14">
      <c r="N929392" s="10"/>
    </row>
    <row r="929393" spans="14:14">
      <c r="N929393" s="10"/>
    </row>
    <row r="929394" spans="14:14">
      <c r="N929394" s="10"/>
    </row>
    <row r="929395" spans="14:14">
      <c r="N929395" s="10"/>
    </row>
    <row r="929396" spans="14:14">
      <c r="N929396" s="10"/>
    </row>
    <row r="929397" spans="14:14">
      <c r="N929397" s="10"/>
    </row>
    <row r="929398" spans="14:14">
      <c r="N929398" s="10"/>
    </row>
    <row r="929399" spans="14:14">
      <c r="N929399" s="10"/>
    </row>
    <row r="929400" spans="14:14">
      <c r="N929400" s="10"/>
    </row>
    <row r="929401" spans="14:14">
      <c r="N929401" s="10"/>
    </row>
    <row r="929402" spans="14:14">
      <c r="N929402" s="10"/>
    </row>
    <row r="929403" spans="14:14">
      <c r="N929403" s="10"/>
    </row>
    <row r="929404" spans="14:14">
      <c r="N929404" s="10"/>
    </row>
    <row r="929405" spans="14:14">
      <c r="N929405" s="10"/>
    </row>
    <row r="929406" spans="14:14">
      <c r="N929406" s="10"/>
    </row>
    <row r="929407" spans="14:14">
      <c r="N929407" s="10"/>
    </row>
    <row r="929408" spans="14:14">
      <c r="N929408" s="10"/>
    </row>
    <row r="929409" spans="14:14">
      <c r="N929409" s="10"/>
    </row>
    <row r="929410" spans="14:14">
      <c r="N929410" s="10"/>
    </row>
    <row r="929411" spans="14:14">
      <c r="N929411" s="10"/>
    </row>
    <row r="929412" spans="14:14">
      <c r="N929412" s="10"/>
    </row>
    <row r="929413" spans="14:14">
      <c r="N929413" s="10"/>
    </row>
    <row r="929414" spans="14:14">
      <c r="N929414" s="10"/>
    </row>
    <row r="929415" spans="14:14">
      <c r="N929415" s="10"/>
    </row>
    <row r="929416" spans="14:14">
      <c r="N929416" s="10"/>
    </row>
    <row r="929417" spans="14:14">
      <c r="N929417" s="10"/>
    </row>
    <row r="929418" spans="14:14">
      <c r="N929418" s="10"/>
    </row>
    <row r="929419" spans="14:14">
      <c r="N929419" s="10"/>
    </row>
    <row r="929420" spans="14:14">
      <c r="N929420" s="10"/>
    </row>
    <row r="929421" spans="14:14">
      <c r="N929421" s="10"/>
    </row>
    <row r="929422" spans="14:14">
      <c r="N929422" s="10"/>
    </row>
    <row r="929423" spans="14:14">
      <c r="N929423" s="10"/>
    </row>
    <row r="929424" spans="14:14">
      <c r="N929424" s="10"/>
    </row>
    <row r="929425" spans="14:14">
      <c r="N929425" s="10"/>
    </row>
    <row r="929426" spans="14:14">
      <c r="N929426" s="10"/>
    </row>
    <row r="929427" spans="14:14">
      <c r="N929427" s="10"/>
    </row>
    <row r="929428" spans="14:14">
      <c r="N929428" s="10"/>
    </row>
    <row r="929429" spans="14:14">
      <c r="N929429" s="10"/>
    </row>
    <row r="929430" spans="14:14">
      <c r="N929430" s="10"/>
    </row>
    <row r="929431" spans="14:14">
      <c r="N929431" s="10"/>
    </row>
    <row r="929432" spans="14:14">
      <c r="N929432" s="10"/>
    </row>
    <row r="929433" spans="14:14">
      <c r="N929433" s="10"/>
    </row>
    <row r="929434" spans="14:14">
      <c r="N929434" s="10"/>
    </row>
    <row r="929435" spans="14:14">
      <c r="N929435" s="10"/>
    </row>
    <row r="929436" spans="14:14">
      <c r="N929436" s="10"/>
    </row>
    <row r="929437" spans="14:14">
      <c r="N929437" s="10"/>
    </row>
    <row r="929438" spans="14:14">
      <c r="N929438" s="10"/>
    </row>
    <row r="929439" spans="14:14">
      <c r="N929439" s="10"/>
    </row>
    <row r="929440" spans="14:14">
      <c r="N929440" s="10"/>
    </row>
    <row r="929441" spans="14:14">
      <c r="N929441" s="10"/>
    </row>
    <row r="929442" spans="14:14">
      <c r="N929442" s="10"/>
    </row>
    <row r="929443" spans="14:14">
      <c r="N929443" s="10"/>
    </row>
    <row r="929444" spans="14:14">
      <c r="N929444" s="10"/>
    </row>
    <row r="929445" spans="14:14">
      <c r="N929445" s="10"/>
    </row>
    <row r="929446" spans="14:14">
      <c r="N929446" s="10"/>
    </row>
    <row r="929447" spans="14:14">
      <c r="N929447" s="10"/>
    </row>
    <row r="929448" spans="14:14">
      <c r="N929448" s="10"/>
    </row>
    <row r="929449" spans="14:14">
      <c r="N929449" s="10"/>
    </row>
    <row r="929450" spans="14:14">
      <c r="N929450" s="10"/>
    </row>
    <row r="929451" spans="14:14">
      <c r="N929451" s="10"/>
    </row>
    <row r="929452" spans="14:14">
      <c r="N929452" s="10"/>
    </row>
    <row r="929453" spans="14:14">
      <c r="N929453" s="10"/>
    </row>
    <row r="929454" spans="14:14">
      <c r="N929454" s="10"/>
    </row>
    <row r="929455" spans="14:14">
      <c r="N929455" s="10"/>
    </row>
    <row r="929456" spans="14:14">
      <c r="N929456" s="10"/>
    </row>
    <row r="929457" spans="14:14">
      <c r="N929457" s="10"/>
    </row>
    <row r="929458" spans="14:14">
      <c r="N929458" s="10"/>
    </row>
    <row r="929459" spans="14:14">
      <c r="N929459" s="10"/>
    </row>
    <row r="929460" spans="14:14">
      <c r="N929460" s="10"/>
    </row>
    <row r="929461" spans="14:14">
      <c r="N929461" s="10"/>
    </row>
    <row r="929462" spans="14:14">
      <c r="N929462" s="10"/>
    </row>
    <row r="929463" spans="14:14">
      <c r="N929463" s="10"/>
    </row>
    <row r="929464" spans="14:14">
      <c r="N929464" s="10"/>
    </row>
    <row r="929465" spans="14:14">
      <c r="N929465" s="10"/>
    </row>
    <row r="929466" spans="14:14">
      <c r="N929466" s="10"/>
    </row>
    <row r="929467" spans="14:14">
      <c r="N929467" s="10"/>
    </row>
    <row r="929468" spans="14:14">
      <c r="N929468" s="10"/>
    </row>
    <row r="929469" spans="14:14">
      <c r="N929469" s="10"/>
    </row>
    <row r="929470" spans="14:14">
      <c r="N929470" s="10"/>
    </row>
    <row r="929471" spans="14:14">
      <c r="N929471" s="10"/>
    </row>
    <row r="929472" spans="14:14">
      <c r="N929472" s="10"/>
    </row>
    <row r="929473" spans="14:14">
      <c r="N929473" s="10"/>
    </row>
    <row r="929474" spans="14:14">
      <c r="N929474" s="10"/>
    </row>
    <row r="929475" spans="14:14">
      <c r="N929475" s="10"/>
    </row>
    <row r="929476" spans="14:14">
      <c r="N929476" s="10"/>
    </row>
    <row r="929477" spans="14:14">
      <c r="N929477" s="10"/>
    </row>
    <row r="929478" spans="14:14">
      <c r="N929478" s="10"/>
    </row>
    <row r="929479" spans="14:14">
      <c r="N929479" s="10"/>
    </row>
    <row r="929480" spans="14:14">
      <c r="N929480" s="10"/>
    </row>
    <row r="929481" spans="14:14">
      <c r="N929481" s="10"/>
    </row>
    <row r="929482" spans="14:14">
      <c r="N929482" s="10"/>
    </row>
    <row r="929483" spans="14:14">
      <c r="N929483" s="10"/>
    </row>
    <row r="929484" spans="14:14">
      <c r="N929484" s="10"/>
    </row>
    <row r="929485" spans="14:14">
      <c r="N929485" s="10"/>
    </row>
    <row r="929486" spans="14:14">
      <c r="N929486" s="10"/>
    </row>
    <row r="929487" spans="14:14">
      <c r="N929487" s="10"/>
    </row>
    <row r="929488" spans="14:14">
      <c r="N929488" s="10"/>
    </row>
    <row r="929489" spans="14:14">
      <c r="N929489" s="10"/>
    </row>
    <row r="929490" spans="14:14">
      <c r="N929490" s="10"/>
    </row>
    <row r="929491" spans="14:14">
      <c r="N929491" s="10"/>
    </row>
    <row r="929492" spans="14:14">
      <c r="N929492" s="10"/>
    </row>
    <row r="929493" spans="14:14">
      <c r="N929493" s="10"/>
    </row>
    <row r="929494" spans="14:14">
      <c r="N929494" s="10"/>
    </row>
    <row r="929495" spans="14:14">
      <c r="N929495" s="10"/>
    </row>
    <row r="929496" spans="14:14">
      <c r="N929496" s="10"/>
    </row>
    <row r="929497" spans="14:14">
      <c r="N929497" s="10"/>
    </row>
    <row r="929498" spans="14:14">
      <c r="N929498" s="10"/>
    </row>
    <row r="929499" spans="14:14">
      <c r="N929499" s="10"/>
    </row>
    <row r="929500" spans="14:14">
      <c r="N929500" s="10"/>
    </row>
    <row r="929501" spans="14:14">
      <c r="N929501" s="10"/>
    </row>
    <row r="929502" spans="14:14">
      <c r="N929502" s="10"/>
    </row>
    <row r="929503" spans="14:14">
      <c r="N929503" s="10"/>
    </row>
    <row r="929504" spans="14:14">
      <c r="N929504" s="10"/>
    </row>
    <row r="929505" spans="14:14">
      <c r="N929505" s="10"/>
    </row>
    <row r="929506" spans="14:14">
      <c r="N929506" s="10"/>
    </row>
    <row r="929507" spans="14:14">
      <c r="N929507" s="10"/>
    </row>
    <row r="929508" spans="14:14">
      <c r="N929508" s="10"/>
    </row>
    <row r="929509" spans="14:14">
      <c r="N929509" s="10"/>
    </row>
    <row r="929510" spans="14:14">
      <c r="N929510" s="10"/>
    </row>
    <row r="929511" spans="14:14">
      <c r="N929511" s="10"/>
    </row>
    <row r="929512" spans="14:14">
      <c r="N929512" s="10"/>
    </row>
    <row r="929513" spans="14:14">
      <c r="N929513" s="10"/>
    </row>
    <row r="929514" spans="14:14">
      <c r="N929514" s="10"/>
    </row>
    <row r="929515" spans="14:14">
      <c r="N929515" s="10"/>
    </row>
    <row r="929516" spans="14:14">
      <c r="N929516" s="10"/>
    </row>
    <row r="929517" spans="14:14">
      <c r="N929517" s="10"/>
    </row>
    <row r="929518" spans="14:14">
      <c r="N929518" s="10"/>
    </row>
    <row r="929519" spans="14:14">
      <c r="N929519" s="10"/>
    </row>
    <row r="929520" spans="14:14">
      <c r="N929520" s="10"/>
    </row>
    <row r="929521" spans="14:14">
      <c r="N929521" s="10"/>
    </row>
    <row r="929522" spans="14:14">
      <c r="N929522" s="10"/>
    </row>
    <row r="929523" spans="14:14">
      <c r="N929523" s="10"/>
    </row>
    <row r="929524" spans="14:14">
      <c r="N929524" s="10"/>
    </row>
    <row r="929525" spans="14:14">
      <c r="N929525" s="10"/>
    </row>
    <row r="929526" spans="14:14">
      <c r="N929526" s="10"/>
    </row>
    <row r="929527" spans="14:14">
      <c r="N929527" s="10"/>
    </row>
    <row r="929528" spans="14:14">
      <c r="N929528" s="10"/>
    </row>
    <row r="929529" spans="14:14">
      <c r="N929529" s="10"/>
    </row>
    <row r="929530" spans="14:14">
      <c r="N929530" s="10"/>
    </row>
    <row r="929531" spans="14:14">
      <c r="N929531" s="10"/>
    </row>
    <row r="929532" spans="14:14">
      <c r="N929532" s="10"/>
    </row>
    <row r="929533" spans="14:14">
      <c r="N929533" s="10"/>
    </row>
    <row r="929534" spans="14:14">
      <c r="N929534" s="10"/>
    </row>
    <row r="929535" spans="14:14">
      <c r="N929535" s="10"/>
    </row>
    <row r="929536" spans="14:14">
      <c r="N929536" s="10"/>
    </row>
    <row r="929537" spans="14:14">
      <c r="N929537" s="10"/>
    </row>
    <row r="929538" spans="14:14">
      <c r="N929538" s="10"/>
    </row>
    <row r="929539" spans="14:14">
      <c r="N929539" s="10"/>
    </row>
    <row r="929540" spans="14:14">
      <c r="N929540" s="10"/>
    </row>
    <row r="929541" spans="14:14">
      <c r="N929541" s="10"/>
    </row>
    <row r="929542" spans="14:14">
      <c r="N929542" s="10"/>
    </row>
    <row r="929543" spans="14:14">
      <c r="N929543" s="10"/>
    </row>
    <row r="929544" spans="14:14">
      <c r="N929544" s="10"/>
    </row>
    <row r="929545" spans="14:14">
      <c r="N929545" s="10"/>
    </row>
    <row r="929546" spans="14:14">
      <c r="N929546" s="10"/>
    </row>
    <row r="929547" spans="14:14">
      <c r="N929547" s="10"/>
    </row>
    <row r="929548" spans="14:14">
      <c r="N929548" s="10"/>
    </row>
    <row r="929549" spans="14:14">
      <c r="N929549" s="10"/>
    </row>
    <row r="929550" spans="14:14">
      <c r="N929550" s="10"/>
    </row>
    <row r="929551" spans="14:14">
      <c r="N929551" s="10"/>
    </row>
    <row r="929552" spans="14:14">
      <c r="N929552" s="10"/>
    </row>
    <row r="929553" spans="14:14">
      <c r="N929553" s="10"/>
    </row>
    <row r="929554" spans="14:14">
      <c r="N929554" s="10"/>
    </row>
    <row r="929555" spans="14:14">
      <c r="N929555" s="10"/>
    </row>
    <row r="929556" spans="14:14">
      <c r="N929556" s="10"/>
    </row>
    <row r="929557" spans="14:14">
      <c r="N929557" s="10"/>
    </row>
    <row r="929558" spans="14:14">
      <c r="N929558" s="10"/>
    </row>
    <row r="929559" spans="14:14">
      <c r="N929559" s="10"/>
    </row>
    <row r="929560" spans="14:14">
      <c r="N929560" s="10"/>
    </row>
    <row r="929561" spans="14:14">
      <c r="N929561" s="10"/>
    </row>
    <row r="929562" spans="14:14">
      <c r="N929562" s="10"/>
    </row>
    <row r="929563" spans="14:14">
      <c r="N929563" s="10"/>
    </row>
    <row r="929564" spans="14:14">
      <c r="N929564" s="10"/>
    </row>
    <row r="929565" spans="14:14">
      <c r="N929565" s="10"/>
    </row>
    <row r="929566" spans="14:14">
      <c r="N929566" s="10"/>
    </row>
    <row r="929567" spans="14:14">
      <c r="N929567" s="10"/>
    </row>
    <row r="929568" spans="14:14">
      <c r="N929568" s="10"/>
    </row>
    <row r="929569" spans="14:14">
      <c r="N929569" s="10"/>
    </row>
    <row r="929570" spans="14:14">
      <c r="N929570" s="10"/>
    </row>
    <row r="929571" spans="14:14">
      <c r="N929571" s="10"/>
    </row>
    <row r="929572" spans="14:14">
      <c r="N929572" s="10"/>
    </row>
    <row r="929573" spans="14:14">
      <c r="N929573" s="10"/>
    </row>
    <row r="929574" spans="14:14">
      <c r="N929574" s="10"/>
    </row>
    <row r="929575" spans="14:14">
      <c r="N929575" s="10"/>
    </row>
    <row r="929576" spans="14:14">
      <c r="N929576" s="10"/>
    </row>
    <row r="929577" spans="14:14">
      <c r="N929577" s="10"/>
    </row>
    <row r="929578" spans="14:14">
      <c r="N929578" s="10"/>
    </row>
    <row r="929579" spans="14:14">
      <c r="N929579" s="10"/>
    </row>
    <row r="929580" spans="14:14">
      <c r="N929580" s="10"/>
    </row>
    <row r="929581" spans="14:14">
      <c r="N929581" s="10"/>
    </row>
    <row r="929582" spans="14:14">
      <c r="N929582" s="10"/>
    </row>
    <row r="929583" spans="14:14">
      <c r="N929583" s="10"/>
    </row>
    <row r="929584" spans="14:14">
      <c r="N929584" s="10"/>
    </row>
    <row r="929585" spans="14:14">
      <c r="N929585" s="10"/>
    </row>
    <row r="929586" spans="14:14">
      <c r="N929586" s="10"/>
    </row>
    <row r="929587" spans="14:14">
      <c r="N929587" s="10"/>
    </row>
    <row r="929588" spans="14:14">
      <c r="N929588" s="10"/>
    </row>
    <row r="929589" spans="14:14">
      <c r="N929589" s="10"/>
    </row>
    <row r="929590" spans="14:14">
      <c r="N929590" s="10"/>
    </row>
    <row r="929591" spans="14:14">
      <c r="N929591" s="10"/>
    </row>
    <row r="929592" spans="14:14">
      <c r="N929592" s="10"/>
    </row>
    <row r="929593" spans="14:14">
      <c r="N929593" s="10"/>
    </row>
    <row r="929594" spans="14:14">
      <c r="N929594" s="10"/>
    </row>
    <row r="929595" spans="14:14">
      <c r="N929595" s="10"/>
    </row>
    <row r="929596" spans="14:14">
      <c r="N929596" s="10"/>
    </row>
    <row r="929597" spans="14:14">
      <c r="N929597" s="10"/>
    </row>
    <row r="929598" spans="14:14">
      <c r="N929598" s="10"/>
    </row>
    <row r="929599" spans="14:14">
      <c r="N929599" s="10"/>
    </row>
    <row r="929600" spans="14:14">
      <c r="N929600" s="10"/>
    </row>
    <row r="929601" spans="14:14">
      <c r="N929601" s="10"/>
    </row>
    <row r="929602" spans="14:14">
      <c r="N929602" s="10"/>
    </row>
    <row r="929603" spans="14:14">
      <c r="N929603" s="10"/>
    </row>
    <row r="929604" spans="14:14">
      <c r="N929604" s="10"/>
    </row>
    <row r="929605" spans="14:14">
      <c r="N929605" s="10"/>
    </row>
    <row r="929606" spans="14:14">
      <c r="N929606" s="10"/>
    </row>
    <row r="929607" spans="14:14">
      <c r="N929607" s="10"/>
    </row>
    <row r="929608" spans="14:14">
      <c r="N929608" s="10"/>
    </row>
    <row r="929609" spans="14:14">
      <c r="N929609" s="10"/>
    </row>
    <row r="929610" spans="14:14">
      <c r="N929610" s="10"/>
    </row>
    <row r="929611" spans="14:14">
      <c r="N929611" s="10"/>
    </row>
    <row r="929612" spans="14:14">
      <c r="N929612" s="10"/>
    </row>
    <row r="929613" spans="14:14">
      <c r="N929613" s="10"/>
    </row>
    <row r="929614" spans="14:14">
      <c r="N929614" s="10"/>
    </row>
    <row r="929615" spans="14:14">
      <c r="N929615" s="10"/>
    </row>
    <row r="929616" spans="14:14">
      <c r="N929616" s="10"/>
    </row>
    <row r="929617" spans="14:14">
      <c r="N929617" s="10"/>
    </row>
    <row r="929618" spans="14:14">
      <c r="N929618" s="10"/>
    </row>
    <row r="929619" spans="14:14">
      <c r="N929619" s="10"/>
    </row>
    <row r="929620" spans="14:14">
      <c r="N929620" s="10"/>
    </row>
    <row r="929621" spans="14:14">
      <c r="N929621" s="10"/>
    </row>
    <row r="929622" spans="14:14">
      <c r="N929622" s="10"/>
    </row>
    <row r="929623" spans="14:14">
      <c r="N929623" s="10"/>
    </row>
    <row r="929624" spans="14:14">
      <c r="N929624" s="10"/>
    </row>
    <row r="929625" spans="14:14">
      <c r="N929625" s="10"/>
    </row>
    <row r="929626" spans="14:14">
      <c r="N929626" s="10"/>
    </row>
    <row r="929627" spans="14:14">
      <c r="N929627" s="10"/>
    </row>
    <row r="929628" spans="14:14">
      <c r="N929628" s="10"/>
    </row>
    <row r="929629" spans="14:14">
      <c r="N929629" s="10"/>
    </row>
    <row r="929630" spans="14:14">
      <c r="N929630" s="10"/>
    </row>
    <row r="929631" spans="14:14">
      <c r="N929631" s="10"/>
    </row>
    <row r="929632" spans="14:14">
      <c r="N929632" s="10"/>
    </row>
    <row r="929633" spans="14:14">
      <c r="N929633" s="10"/>
    </row>
    <row r="929634" spans="14:14">
      <c r="N929634" s="10"/>
    </row>
    <row r="929635" spans="14:14">
      <c r="N929635" s="10"/>
    </row>
    <row r="929636" spans="14:14">
      <c r="N929636" s="10"/>
    </row>
    <row r="929637" spans="14:14">
      <c r="N929637" s="10"/>
    </row>
    <row r="929638" spans="14:14">
      <c r="N929638" s="10"/>
    </row>
    <row r="929639" spans="14:14">
      <c r="N929639" s="10"/>
    </row>
    <row r="929640" spans="14:14">
      <c r="N929640" s="10"/>
    </row>
    <row r="929641" spans="14:14">
      <c r="N929641" s="10"/>
    </row>
    <row r="929642" spans="14:14">
      <c r="N929642" s="10"/>
    </row>
    <row r="929643" spans="14:14">
      <c r="N929643" s="10"/>
    </row>
    <row r="929644" spans="14:14">
      <c r="N929644" s="10"/>
    </row>
    <row r="929645" spans="14:14">
      <c r="N929645" s="10"/>
    </row>
    <row r="929646" spans="14:14">
      <c r="N929646" s="10"/>
    </row>
    <row r="929647" spans="14:14">
      <c r="N929647" s="10"/>
    </row>
    <row r="929648" spans="14:14">
      <c r="N929648" s="10"/>
    </row>
    <row r="929649" spans="14:14">
      <c r="N929649" s="10"/>
    </row>
    <row r="929650" spans="14:14">
      <c r="N929650" s="10"/>
    </row>
    <row r="929651" spans="14:14">
      <c r="N929651" s="10"/>
    </row>
    <row r="929652" spans="14:14">
      <c r="N929652" s="10"/>
    </row>
    <row r="929653" spans="14:14">
      <c r="N929653" s="10"/>
    </row>
    <row r="929654" spans="14:14">
      <c r="N929654" s="10"/>
    </row>
    <row r="929655" spans="14:14">
      <c r="N929655" s="10"/>
    </row>
    <row r="929656" spans="14:14">
      <c r="N929656" s="10"/>
    </row>
    <row r="929657" spans="14:14">
      <c r="N929657" s="10"/>
    </row>
    <row r="929658" spans="14:14">
      <c r="N929658" s="10"/>
    </row>
    <row r="929659" spans="14:14">
      <c r="N929659" s="10"/>
    </row>
    <row r="929660" spans="14:14">
      <c r="N929660" s="10"/>
    </row>
    <row r="929661" spans="14:14">
      <c r="N929661" s="10"/>
    </row>
    <row r="929662" spans="14:14">
      <c r="N929662" s="10"/>
    </row>
    <row r="929663" spans="14:14">
      <c r="N929663" s="10"/>
    </row>
    <row r="929664" spans="14:14">
      <c r="N929664" s="10"/>
    </row>
    <row r="929665" spans="14:14">
      <c r="N929665" s="10"/>
    </row>
    <row r="929666" spans="14:14">
      <c r="N929666" s="10"/>
    </row>
    <row r="929667" spans="14:14">
      <c r="N929667" s="10"/>
    </row>
    <row r="929668" spans="14:14">
      <c r="N929668" s="10"/>
    </row>
    <row r="929669" spans="14:14">
      <c r="N929669" s="10"/>
    </row>
    <row r="929670" spans="14:14">
      <c r="N929670" s="10"/>
    </row>
    <row r="929671" spans="14:14">
      <c r="N929671" s="10"/>
    </row>
    <row r="929672" spans="14:14">
      <c r="N929672" s="10"/>
    </row>
    <row r="929673" spans="14:14">
      <c r="N929673" s="10"/>
    </row>
    <row r="929674" spans="14:14">
      <c r="N929674" s="10"/>
    </row>
    <row r="929675" spans="14:14">
      <c r="N929675" s="10"/>
    </row>
    <row r="929676" spans="14:14">
      <c r="N929676" s="10"/>
    </row>
    <row r="929677" spans="14:14">
      <c r="N929677" s="10"/>
    </row>
    <row r="929678" spans="14:14">
      <c r="N929678" s="10"/>
    </row>
    <row r="929679" spans="14:14">
      <c r="N929679" s="10"/>
    </row>
    <row r="929680" spans="14:14">
      <c r="N929680" s="10"/>
    </row>
    <row r="929681" spans="14:14">
      <c r="N929681" s="10"/>
    </row>
    <row r="929682" spans="14:14">
      <c r="N929682" s="10"/>
    </row>
    <row r="929683" spans="14:14">
      <c r="N929683" s="10"/>
    </row>
    <row r="929684" spans="14:14">
      <c r="N929684" s="10"/>
    </row>
    <row r="929685" spans="14:14">
      <c r="N929685" s="10"/>
    </row>
    <row r="929686" spans="14:14">
      <c r="N929686" s="10"/>
    </row>
    <row r="929687" spans="14:14">
      <c r="N929687" s="10"/>
    </row>
    <row r="929688" spans="14:14">
      <c r="N929688" s="10"/>
    </row>
    <row r="929689" spans="14:14">
      <c r="N929689" s="10"/>
    </row>
    <row r="929690" spans="14:14">
      <c r="N929690" s="10"/>
    </row>
    <row r="929691" spans="14:14">
      <c r="N929691" s="10"/>
    </row>
    <row r="929692" spans="14:14">
      <c r="N929692" s="10"/>
    </row>
    <row r="929693" spans="14:14">
      <c r="N929693" s="10"/>
    </row>
    <row r="929694" spans="14:14">
      <c r="N929694" s="10"/>
    </row>
    <row r="929695" spans="14:14">
      <c r="N929695" s="10"/>
    </row>
    <row r="929696" spans="14:14">
      <c r="N929696" s="10"/>
    </row>
    <row r="929697" spans="14:14">
      <c r="N929697" s="10"/>
    </row>
    <row r="929698" spans="14:14">
      <c r="N929698" s="10"/>
    </row>
    <row r="929699" spans="14:14">
      <c r="N929699" s="10"/>
    </row>
    <row r="929700" spans="14:14">
      <c r="N929700" s="10"/>
    </row>
    <row r="929701" spans="14:14">
      <c r="N929701" s="10"/>
    </row>
    <row r="929702" spans="14:14">
      <c r="N929702" s="10"/>
    </row>
    <row r="929703" spans="14:14">
      <c r="N929703" s="10"/>
    </row>
    <row r="929704" spans="14:14">
      <c r="N929704" s="10"/>
    </row>
    <row r="929705" spans="14:14">
      <c r="N929705" s="10"/>
    </row>
    <row r="929706" spans="14:14">
      <c r="N929706" s="10"/>
    </row>
    <row r="929707" spans="14:14">
      <c r="N929707" s="10"/>
    </row>
    <row r="929708" spans="14:14">
      <c r="N929708" s="10"/>
    </row>
    <row r="929709" spans="14:14">
      <c r="N929709" s="10"/>
    </row>
    <row r="929710" spans="14:14">
      <c r="N929710" s="10"/>
    </row>
    <row r="929711" spans="14:14">
      <c r="N929711" s="10"/>
    </row>
    <row r="929712" spans="14:14">
      <c r="N929712" s="10"/>
    </row>
    <row r="929713" spans="14:14">
      <c r="N929713" s="10"/>
    </row>
    <row r="929714" spans="14:14">
      <c r="N929714" s="10"/>
    </row>
    <row r="929715" spans="14:14">
      <c r="N929715" s="10"/>
    </row>
    <row r="929716" spans="14:14">
      <c r="N929716" s="10"/>
    </row>
    <row r="929717" spans="14:14">
      <c r="N929717" s="10"/>
    </row>
    <row r="929718" spans="14:14">
      <c r="N929718" s="10"/>
    </row>
    <row r="929719" spans="14:14">
      <c r="N929719" s="10"/>
    </row>
    <row r="929720" spans="14:14">
      <c r="N929720" s="10"/>
    </row>
    <row r="929721" spans="14:14">
      <c r="N929721" s="10"/>
    </row>
    <row r="929722" spans="14:14">
      <c r="N929722" s="10"/>
    </row>
    <row r="929723" spans="14:14">
      <c r="N929723" s="10"/>
    </row>
    <row r="929724" spans="14:14">
      <c r="N929724" s="10"/>
    </row>
    <row r="929725" spans="14:14">
      <c r="N929725" s="10"/>
    </row>
    <row r="929726" spans="14:14">
      <c r="N929726" s="10"/>
    </row>
    <row r="929727" spans="14:14">
      <c r="N929727" s="10"/>
    </row>
    <row r="929728" spans="14:14">
      <c r="N929728" s="10"/>
    </row>
    <row r="929729" spans="14:14">
      <c r="N929729" s="10"/>
    </row>
    <row r="929730" spans="14:14">
      <c r="N929730" s="10"/>
    </row>
    <row r="929731" spans="14:14">
      <c r="N929731" s="10"/>
    </row>
    <row r="929732" spans="14:14">
      <c r="N929732" s="10"/>
    </row>
    <row r="929733" spans="14:14">
      <c r="N929733" s="10"/>
    </row>
    <row r="929734" spans="14:14">
      <c r="N929734" s="10"/>
    </row>
    <row r="929735" spans="14:14">
      <c r="N929735" s="10"/>
    </row>
    <row r="929736" spans="14:14">
      <c r="N929736" s="10"/>
    </row>
    <row r="929737" spans="14:14">
      <c r="N929737" s="10"/>
    </row>
    <row r="929738" spans="14:14">
      <c r="N929738" s="10"/>
    </row>
    <row r="929739" spans="14:14">
      <c r="N929739" s="10"/>
    </row>
    <row r="929740" spans="14:14">
      <c r="N929740" s="10"/>
    </row>
    <row r="929741" spans="14:14">
      <c r="N929741" s="10"/>
    </row>
    <row r="929742" spans="14:14">
      <c r="N929742" s="10"/>
    </row>
    <row r="929743" spans="14:14">
      <c r="N929743" s="10"/>
    </row>
    <row r="929744" spans="14:14">
      <c r="N929744" s="10"/>
    </row>
    <row r="929745" spans="14:14">
      <c r="N929745" s="10"/>
    </row>
    <row r="929746" spans="14:14">
      <c r="N929746" s="10"/>
    </row>
    <row r="929747" spans="14:14">
      <c r="N929747" s="10"/>
    </row>
    <row r="929748" spans="14:14">
      <c r="N929748" s="10"/>
    </row>
    <row r="929749" spans="14:14">
      <c r="N929749" s="10"/>
    </row>
    <row r="929750" spans="14:14">
      <c r="N929750" s="10"/>
    </row>
    <row r="929751" spans="14:14">
      <c r="N929751" s="10"/>
    </row>
    <row r="929752" spans="14:14">
      <c r="N929752" s="10"/>
    </row>
    <row r="929753" spans="14:14">
      <c r="N929753" s="10"/>
    </row>
    <row r="929754" spans="14:14">
      <c r="N929754" s="10"/>
    </row>
    <row r="929755" spans="14:14">
      <c r="N929755" s="10"/>
    </row>
    <row r="929756" spans="14:14">
      <c r="N929756" s="10"/>
    </row>
    <row r="929757" spans="14:14">
      <c r="N929757" s="10"/>
    </row>
    <row r="929758" spans="14:14">
      <c r="N929758" s="10"/>
    </row>
    <row r="929759" spans="14:14">
      <c r="N929759" s="10"/>
    </row>
    <row r="929760" spans="14:14">
      <c r="N929760" s="10"/>
    </row>
    <row r="929761" spans="14:14">
      <c r="N929761" s="10"/>
    </row>
    <row r="929762" spans="14:14">
      <c r="N929762" s="10"/>
    </row>
    <row r="929763" spans="14:14">
      <c r="N929763" s="10"/>
    </row>
    <row r="929764" spans="14:14">
      <c r="N929764" s="10"/>
    </row>
    <row r="929765" spans="14:14">
      <c r="N929765" s="10"/>
    </row>
    <row r="929766" spans="14:14">
      <c r="N929766" s="10"/>
    </row>
    <row r="929767" spans="14:14">
      <c r="N929767" s="10"/>
    </row>
    <row r="929768" spans="14:14">
      <c r="N929768" s="10"/>
    </row>
    <row r="929769" spans="14:14">
      <c r="N929769" s="10"/>
    </row>
    <row r="929770" spans="14:14">
      <c r="N929770" s="10"/>
    </row>
    <row r="929771" spans="14:14">
      <c r="N929771" s="10"/>
    </row>
    <row r="929772" spans="14:14">
      <c r="N929772" s="10"/>
    </row>
    <row r="929773" spans="14:14">
      <c r="N929773" s="10"/>
    </row>
    <row r="929774" spans="14:14">
      <c r="N929774" s="10"/>
    </row>
    <row r="929775" spans="14:14">
      <c r="N929775" s="10"/>
    </row>
    <row r="929776" spans="14:14">
      <c r="N929776" s="10"/>
    </row>
    <row r="929777" spans="14:14">
      <c r="N929777" s="10"/>
    </row>
    <row r="929778" spans="14:14">
      <c r="N929778" s="10"/>
    </row>
    <row r="929779" spans="14:14">
      <c r="N929779" s="10"/>
    </row>
    <row r="929780" spans="14:14">
      <c r="N929780" s="10"/>
    </row>
    <row r="929781" spans="14:14">
      <c r="N929781" s="10"/>
    </row>
    <row r="929782" spans="14:14">
      <c r="N929782" s="10"/>
    </row>
    <row r="929783" spans="14:14">
      <c r="N929783" s="10"/>
    </row>
    <row r="929784" spans="14:14">
      <c r="N929784" s="10"/>
    </row>
    <row r="929785" spans="14:14">
      <c r="N929785" s="10"/>
    </row>
    <row r="929786" spans="14:14">
      <c r="N929786" s="10"/>
    </row>
    <row r="929787" spans="14:14">
      <c r="N929787" s="10"/>
    </row>
    <row r="929788" spans="14:14">
      <c r="N929788" s="10"/>
    </row>
    <row r="929789" spans="14:14">
      <c r="N929789" s="10"/>
    </row>
    <row r="929790" spans="14:14">
      <c r="N929790" s="10"/>
    </row>
    <row r="929791" spans="14:14">
      <c r="N929791" s="10"/>
    </row>
    <row r="929792" spans="14:14">
      <c r="N929792" s="10"/>
    </row>
    <row r="929793" spans="14:14">
      <c r="N929793" s="10"/>
    </row>
    <row r="929794" spans="14:14">
      <c r="N929794" s="10"/>
    </row>
    <row r="929795" spans="14:14">
      <c r="N929795" s="10"/>
    </row>
    <row r="929796" spans="14:14">
      <c r="N929796" s="10"/>
    </row>
    <row r="929797" spans="14:14">
      <c r="N929797" s="10"/>
    </row>
    <row r="929798" spans="14:14">
      <c r="N929798" s="10"/>
    </row>
    <row r="929799" spans="14:14">
      <c r="N929799" s="10"/>
    </row>
    <row r="929800" spans="14:14">
      <c r="N929800" s="10"/>
    </row>
    <row r="929801" spans="14:14">
      <c r="N929801" s="10"/>
    </row>
    <row r="929802" spans="14:14">
      <c r="N929802" s="10"/>
    </row>
    <row r="929803" spans="14:14">
      <c r="N929803" s="10"/>
    </row>
    <row r="929804" spans="14:14">
      <c r="N929804" s="10"/>
    </row>
    <row r="929805" spans="14:14">
      <c r="N929805" s="10"/>
    </row>
    <row r="929806" spans="14:14">
      <c r="N929806" s="10"/>
    </row>
    <row r="929807" spans="14:14">
      <c r="N929807" s="10"/>
    </row>
    <row r="929808" spans="14:14">
      <c r="N929808" s="10"/>
    </row>
    <row r="929809" spans="14:14">
      <c r="N929809" s="10"/>
    </row>
    <row r="929810" spans="14:14">
      <c r="N929810" s="10"/>
    </row>
    <row r="929811" spans="14:14">
      <c r="N929811" s="10"/>
    </row>
    <row r="929812" spans="14:14">
      <c r="N929812" s="10"/>
    </row>
    <row r="929813" spans="14:14">
      <c r="N929813" s="10"/>
    </row>
    <row r="929814" spans="14:14">
      <c r="N929814" s="10"/>
    </row>
    <row r="929815" spans="14:14">
      <c r="N929815" s="10"/>
    </row>
    <row r="929816" spans="14:14">
      <c r="N929816" s="10"/>
    </row>
    <row r="929817" spans="14:14">
      <c r="N929817" s="10"/>
    </row>
    <row r="929818" spans="14:14">
      <c r="N929818" s="10"/>
    </row>
    <row r="929819" spans="14:14">
      <c r="N929819" s="10"/>
    </row>
    <row r="929820" spans="14:14">
      <c r="N929820" s="10"/>
    </row>
    <row r="929821" spans="14:14">
      <c r="N929821" s="10"/>
    </row>
    <row r="929822" spans="14:14">
      <c r="N929822" s="10"/>
    </row>
    <row r="929823" spans="14:14">
      <c r="N929823" s="10"/>
    </row>
    <row r="929824" spans="14:14">
      <c r="N929824" s="10"/>
    </row>
    <row r="929825" spans="14:14">
      <c r="N929825" s="10"/>
    </row>
    <row r="929826" spans="14:14">
      <c r="N929826" s="10"/>
    </row>
    <row r="929827" spans="14:14">
      <c r="N929827" s="10"/>
    </row>
    <row r="929828" spans="14:14">
      <c r="N929828" s="10"/>
    </row>
    <row r="929829" spans="14:14">
      <c r="N929829" s="10"/>
    </row>
    <row r="929830" spans="14:14">
      <c r="N929830" s="10"/>
    </row>
    <row r="929831" spans="14:14">
      <c r="N929831" s="10"/>
    </row>
    <row r="929832" spans="14:14">
      <c r="N929832" s="10"/>
    </row>
    <row r="929833" spans="14:14">
      <c r="N929833" s="10"/>
    </row>
    <row r="929834" spans="14:14">
      <c r="N929834" s="10"/>
    </row>
    <row r="929835" spans="14:14">
      <c r="N929835" s="10"/>
    </row>
    <row r="929836" spans="14:14">
      <c r="N929836" s="10"/>
    </row>
    <row r="929837" spans="14:14">
      <c r="N929837" s="10"/>
    </row>
    <row r="929838" spans="14:14">
      <c r="N929838" s="10"/>
    </row>
    <row r="929839" spans="14:14">
      <c r="N929839" s="10"/>
    </row>
    <row r="929840" spans="14:14">
      <c r="N929840" s="10"/>
    </row>
    <row r="929841" spans="14:14">
      <c r="N929841" s="10"/>
    </row>
    <row r="929842" spans="14:14">
      <c r="N929842" s="10"/>
    </row>
    <row r="929843" spans="14:14">
      <c r="N929843" s="10"/>
    </row>
    <row r="929844" spans="14:14">
      <c r="N929844" s="10"/>
    </row>
    <row r="929845" spans="14:14">
      <c r="N929845" s="10"/>
    </row>
    <row r="929846" spans="14:14">
      <c r="N929846" s="10"/>
    </row>
    <row r="929847" spans="14:14">
      <c r="N929847" s="10"/>
    </row>
    <row r="929848" spans="14:14">
      <c r="N929848" s="10"/>
    </row>
    <row r="929849" spans="14:14">
      <c r="N929849" s="10"/>
    </row>
    <row r="929850" spans="14:14">
      <c r="N929850" s="10"/>
    </row>
    <row r="929851" spans="14:14">
      <c r="N929851" s="10"/>
    </row>
    <row r="929852" spans="14:14">
      <c r="N929852" s="10"/>
    </row>
    <row r="929853" spans="14:14">
      <c r="N929853" s="10"/>
    </row>
    <row r="929854" spans="14:14">
      <c r="N929854" s="10"/>
    </row>
    <row r="929855" spans="14:14">
      <c r="N929855" s="10"/>
    </row>
    <row r="929856" spans="14:14">
      <c r="N929856" s="10"/>
    </row>
    <row r="929857" spans="14:14">
      <c r="N929857" s="10"/>
    </row>
    <row r="929858" spans="14:14">
      <c r="N929858" s="10"/>
    </row>
    <row r="929859" spans="14:14">
      <c r="N929859" s="10"/>
    </row>
    <row r="929860" spans="14:14">
      <c r="N929860" s="10"/>
    </row>
    <row r="929861" spans="14:14">
      <c r="N929861" s="10"/>
    </row>
    <row r="929862" spans="14:14">
      <c r="N929862" s="10"/>
    </row>
    <row r="929863" spans="14:14">
      <c r="N929863" s="10"/>
    </row>
    <row r="929864" spans="14:14">
      <c r="N929864" s="10"/>
    </row>
    <row r="929865" spans="14:14">
      <c r="N929865" s="10"/>
    </row>
    <row r="929866" spans="14:14">
      <c r="N929866" s="10"/>
    </row>
    <row r="929867" spans="14:14">
      <c r="N929867" s="10"/>
    </row>
    <row r="929868" spans="14:14">
      <c r="N929868" s="10"/>
    </row>
    <row r="929869" spans="14:14">
      <c r="N929869" s="10"/>
    </row>
    <row r="929870" spans="14:14">
      <c r="N929870" s="10"/>
    </row>
    <row r="929871" spans="14:14">
      <c r="N929871" s="10"/>
    </row>
    <row r="929872" spans="14:14">
      <c r="N929872" s="10"/>
    </row>
    <row r="929873" spans="14:14">
      <c r="N929873" s="10"/>
    </row>
    <row r="929874" spans="14:14">
      <c r="N929874" s="10"/>
    </row>
    <row r="929875" spans="14:14">
      <c r="N929875" s="10"/>
    </row>
    <row r="929876" spans="14:14">
      <c r="N929876" s="10"/>
    </row>
    <row r="929877" spans="14:14">
      <c r="N929877" s="10"/>
    </row>
    <row r="929878" spans="14:14">
      <c r="N929878" s="10"/>
    </row>
    <row r="929879" spans="14:14">
      <c r="N929879" s="10"/>
    </row>
    <row r="929880" spans="14:14">
      <c r="N929880" s="10"/>
    </row>
    <row r="929881" spans="14:14">
      <c r="N929881" s="10"/>
    </row>
    <row r="929882" spans="14:14">
      <c r="N929882" s="10"/>
    </row>
    <row r="929883" spans="14:14">
      <c r="N929883" s="10"/>
    </row>
    <row r="929884" spans="14:14">
      <c r="N929884" s="10"/>
    </row>
    <row r="929885" spans="14:14">
      <c r="N929885" s="10"/>
    </row>
    <row r="929886" spans="14:14">
      <c r="N929886" s="10"/>
    </row>
    <row r="929887" spans="14:14">
      <c r="N929887" s="10"/>
    </row>
    <row r="929888" spans="14:14">
      <c r="N929888" s="10"/>
    </row>
    <row r="929889" spans="14:14">
      <c r="N929889" s="10"/>
    </row>
    <row r="929890" spans="14:14">
      <c r="N929890" s="10"/>
    </row>
    <row r="929891" spans="14:14">
      <c r="N929891" s="10"/>
    </row>
    <row r="929892" spans="14:14">
      <c r="N929892" s="10"/>
    </row>
    <row r="929893" spans="14:14">
      <c r="N929893" s="10"/>
    </row>
    <row r="929894" spans="14:14">
      <c r="N929894" s="10"/>
    </row>
    <row r="929895" spans="14:14">
      <c r="N929895" s="10"/>
    </row>
    <row r="929896" spans="14:14">
      <c r="N929896" s="10"/>
    </row>
    <row r="929897" spans="14:14">
      <c r="N929897" s="10"/>
    </row>
    <row r="929898" spans="14:14">
      <c r="N929898" s="10"/>
    </row>
    <row r="929899" spans="14:14">
      <c r="N929899" s="10"/>
    </row>
    <row r="929900" spans="14:14">
      <c r="N929900" s="10"/>
    </row>
    <row r="929901" spans="14:14">
      <c r="N929901" s="10"/>
    </row>
    <row r="929902" spans="14:14">
      <c r="N929902" s="10"/>
    </row>
    <row r="929903" spans="14:14">
      <c r="N929903" s="10"/>
    </row>
    <row r="929904" spans="14:14">
      <c r="N929904" s="10"/>
    </row>
    <row r="929905" spans="14:14">
      <c r="N929905" s="10"/>
    </row>
    <row r="929906" spans="14:14">
      <c r="N929906" s="10"/>
    </row>
    <row r="929907" spans="14:14">
      <c r="N929907" s="10"/>
    </row>
    <row r="929908" spans="14:14">
      <c r="N929908" s="10"/>
    </row>
    <row r="929909" spans="14:14">
      <c r="N929909" s="10"/>
    </row>
    <row r="929910" spans="14:14">
      <c r="N929910" s="10"/>
    </row>
    <row r="929911" spans="14:14">
      <c r="N929911" s="10"/>
    </row>
    <row r="929912" spans="14:14">
      <c r="N929912" s="10"/>
    </row>
    <row r="929913" spans="14:14">
      <c r="N929913" s="10"/>
    </row>
    <row r="929914" spans="14:14">
      <c r="N929914" s="10"/>
    </row>
    <row r="929915" spans="14:14">
      <c r="N929915" s="10"/>
    </row>
    <row r="929916" spans="14:14">
      <c r="N929916" s="10"/>
    </row>
    <row r="929917" spans="14:14">
      <c r="N929917" s="10"/>
    </row>
    <row r="929918" spans="14:14">
      <c r="N929918" s="10"/>
    </row>
    <row r="929919" spans="14:14">
      <c r="N929919" s="10"/>
    </row>
    <row r="929920" spans="14:14">
      <c r="N929920" s="10"/>
    </row>
    <row r="929921" spans="14:14">
      <c r="N929921" s="10"/>
    </row>
    <row r="929922" spans="14:14">
      <c r="N929922" s="10"/>
    </row>
    <row r="929923" spans="14:14">
      <c r="N929923" s="10"/>
    </row>
    <row r="929924" spans="14:14">
      <c r="N929924" s="10"/>
    </row>
    <row r="929925" spans="14:14">
      <c r="N929925" s="10"/>
    </row>
    <row r="929926" spans="14:14">
      <c r="N929926" s="10"/>
    </row>
    <row r="929927" spans="14:14">
      <c r="N929927" s="10"/>
    </row>
    <row r="929928" spans="14:14">
      <c r="N929928" s="10"/>
    </row>
    <row r="929929" spans="14:14">
      <c r="N929929" s="10"/>
    </row>
    <row r="929930" spans="14:14">
      <c r="N929930" s="10"/>
    </row>
    <row r="929931" spans="14:14">
      <c r="N929931" s="10"/>
    </row>
    <row r="929932" spans="14:14">
      <c r="N929932" s="10"/>
    </row>
    <row r="929933" spans="14:14">
      <c r="N929933" s="10"/>
    </row>
    <row r="929934" spans="14:14">
      <c r="N929934" s="10"/>
    </row>
    <row r="929935" spans="14:14">
      <c r="N929935" s="10"/>
    </row>
    <row r="929936" spans="14:14">
      <c r="N929936" s="10"/>
    </row>
    <row r="929937" spans="14:14">
      <c r="N929937" s="10"/>
    </row>
    <row r="929938" spans="14:14">
      <c r="N929938" s="10"/>
    </row>
    <row r="929939" spans="14:14">
      <c r="N929939" s="10"/>
    </row>
    <row r="929940" spans="14:14">
      <c r="N929940" s="10"/>
    </row>
    <row r="929941" spans="14:14">
      <c r="N929941" s="10"/>
    </row>
    <row r="929942" spans="14:14">
      <c r="N929942" s="10"/>
    </row>
    <row r="929943" spans="14:14">
      <c r="N929943" s="10"/>
    </row>
    <row r="929944" spans="14:14">
      <c r="N929944" s="10"/>
    </row>
    <row r="929945" spans="14:14">
      <c r="N929945" s="10"/>
    </row>
    <row r="929946" spans="14:14">
      <c r="N929946" s="10"/>
    </row>
    <row r="929947" spans="14:14">
      <c r="N929947" s="10"/>
    </row>
    <row r="929948" spans="14:14">
      <c r="N929948" s="10"/>
    </row>
    <row r="929949" spans="14:14">
      <c r="N929949" s="10"/>
    </row>
    <row r="929950" spans="14:14">
      <c r="N929950" s="10"/>
    </row>
    <row r="929951" spans="14:14">
      <c r="N929951" s="10"/>
    </row>
    <row r="929952" spans="14:14">
      <c r="N929952" s="10"/>
    </row>
    <row r="929953" spans="14:14">
      <c r="N929953" s="10"/>
    </row>
    <row r="929954" spans="14:14">
      <c r="N929954" s="10"/>
    </row>
    <row r="929955" spans="14:14">
      <c r="N929955" s="10"/>
    </row>
    <row r="929956" spans="14:14">
      <c r="N929956" s="10"/>
    </row>
    <row r="929957" spans="14:14">
      <c r="N929957" s="10"/>
    </row>
    <row r="929958" spans="14:14">
      <c r="N929958" s="10"/>
    </row>
    <row r="929959" spans="14:14">
      <c r="N929959" s="10"/>
    </row>
    <row r="929960" spans="14:14">
      <c r="N929960" s="10"/>
    </row>
    <row r="929961" spans="14:14">
      <c r="N929961" s="10"/>
    </row>
    <row r="929962" spans="14:14">
      <c r="N929962" s="10"/>
    </row>
    <row r="929963" spans="14:14">
      <c r="N929963" s="10"/>
    </row>
    <row r="929964" spans="14:14">
      <c r="N929964" s="10"/>
    </row>
    <row r="929965" spans="14:14">
      <c r="N929965" s="10"/>
    </row>
    <row r="929966" spans="14:14">
      <c r="N929966" s="10"/>
    </row>
    <row r="929967" spans="14:14">
      <c r="N929967" s="10"/>
    </row>
    <row r="929968" spans="14:14">
      <c r="N929968" s="10"/>
    </row>
    <row r="929969" spans="14:14">
      <c r="N929969" s="10"/>
    </row>
    <row r="929970" spans="14:14">
      <c r="N929970" s="10"/>
    </row>
    <row r="929971" spans="14:14">
      <c r="N929971" s="10"/>
    </row>
    <row r="929972" spans="14:14">
      <c r="N929972" s="10"/>
    </row>
    <row r="929973" spans="14:14">
      <c r="N929973" s="10"/>
    </row>
    <row r="929974" spans="14:14">
      <c r="N929974" s="10"/>
    </row>
    <row r="929975" spans="14:14">
      <c r="N929975" s="10"/>
    </row>
    <row r="929976" spans="14:14">
      <c r="N929976" s="10"/>
    </row>
    <row r="929977" spans="14:14">
      <c r="N929977" s="10"/>
    </row>
    <row r="929978" spans="14:14">
      <c r="N929978" s="10"/>
    </row>
    <row r="929979" spans="14:14">
      <c r="N929979" s="10"/>
    </row>
    <row r="929980" spans="14:14">
      <c r="N929980" s="10"/>
    </row>
    <row r="929981" spans="14:14">
      <c r="N929981" s="10"/>
    </row>
    <row r="929982" spans="14:14">
      <c r="N929982" s="10"/>
    </row>
    <row r="929983" spans="14:14">
      <c r="N929983" s="10"/>
    </row>
    <row r="929984" spans="14:14">
      <c r="N929984" s="10"/>
    </row>
    <row r="929985" spans="14:14">
      <c r="N929985" s="10"/>
    </row>
    <row r="929986" spans="14:14">
      <c r="N929986" s="10"/>
    </row>
    <row r="929987" spans="14:14">
      <c r="N929987" s="10"/>
    </row>
    <row r="929988" spans="14:14">
      <c r="N929988" s="10"/>
    </row>
    <row r="929989" spans="14:14">
      <c r="N929989" s="10"/>
    </row>
    <row r="929990" spans="14:14">
      <c r="N929990" s="10"/>
    </row>
    <row r="929991" spans="14:14">
      <c r="N929991" s="10"/>
    </row>
    <row r="929992" spans="14:14">
      <c r="N929992" s="10"/>
    </row>
    <row r="929993" spans="14:14">
      <c r="N929993" s="10"/>
    </row>
    <row r="929994" spans="14:14">
      <c r="N929994" s="10"/>
    </row>
    <row r="929995" spans="14:14">
      <c r="N929995" s="10"/>
    </row>
    <row r="929996" spans="14:14">
      <c r="N929996" s="10"/>
    </row>
    <row r="929997" spans="14:14">
      <c r="N929997" s="10"/>
    </row>
    <row r="929998" spans="14:14">
      <c r="N929998" s="10"/>
    </row>
    <row r="929999" spans="14:14">
      <c r="N929999" s="10"/>
    </row>
    <row r="930000" spans="14:14">
      <c r="N930000" s="10"/>
    </row>
    <row r="930001" spans="14:14">
      <c r="N930001" s="10"/>
    </row>
    <row r="930002" spans="14:14">
      <c r="N930002" s="10"/>
    </row>
    <row r="930003" spans="14:14">
      <c r="N930003" s="10"/>
    </row>
    <row r="930004" spans="14:14">
      <c r="N930004" s="10"/>
    </row>
    <row r="930005" spans="14:14">
      <c r="N930005" s="10"/>
    </row>
    <row r="930006" spans="14:14">
      <c r="N930006" s="10"/>
    </row>
    <row r="930007" spans="14:14">
      <c r="N930007" s="10"/>
    </row>
    <row r="930008" spans="14:14">
      <c r="N930008" s="10"/>
    </row>
    <row r="930009" spans="14:14">
      <c r="N930009" s="10"/>
    </row>
    <row r="930010" spans="14:14">
      <c r="N930010" s="10"/>
    </row>
    <row r="930011" spans="14:14">
      <c r="N930011" s="10"/>
    </row>
    <row r="930012" spans="14:14">
      <c r="N930012" s="10"/>
    </row>
    <row r="930013" spans="14:14">
      <c r="N930013" s="10"/>
    </row>
    <row r="930014" spans="14:14">
      <c r="N930014" s="10"/>
    </row>
    <row r="930015" spans="14:14">
      <c r="N930015" s="10"/>
    </row>
    <row r="930016" spans="14:14">
      <c r="N930016" s="10"/>
    </row>
    <row r="930017" spans="14:14">
      <c r="N930017" s="10"/>
    </row>
    <row r="930018" spans="14:14">
      <c r="N930018" s="10"/>
    </row>
    <row r="930019" spans="14:14">
      <c r="N930019" s="10"/>
    </row>
    <row r="930020" spans="14:14">
      <c r="N930020" s="10"/>
    </row>
    <row r="930021" spans="14:14">
      <c r="N930021" s="10"/>
    </row>
    <row r="930022" spans="14:14">
      <c r="N930022" s="10"/>
    </row>
    <row r="930023" spans="14:14">
      <c r="N930023" s="10"/>
    </row>
    <row r="930024" spans="14:14">
      <c r="N930024" s="10"/>
    </row>
    <row r="930025" spans="14:14">
      <c r="N930025" s="10"/>
    </row>
    <row r="930026" spans="14:14">
      <c r="N930026" s="10"/>
    </row>
    <row r="930027" spans="14:14">
      <c r="N930027" s="10"/>
    </row>
    <row r="930028" spans="14:14">
      <c r="N930028" s="10"/>
    </row>
    <row r="930029" spans="14:14">
      <c r="N930029" s="10"/>
    </row>
    <row r="930030" spans="14:14">
      <c r="N930030" s="10"/>
    </row>
    <row r="930031" spans="14:14">
      <c r="N930031" s="10"/>
    </row>
    <row r="930032" spans="14:14">
      <c r="N930032" s="10"/>
    </row>
    <row r="930033" spans="14:14">
      <c r="N930033" s="10"/>
    </row>
    <row r="930034" spans="14:14">
      <c r="N930034" s="10"/>
    </row>
    <row r="930035" spans="14:14">
      <c r="N930035" s="10"/>
    </row>
    <row r="930036" spans="14:14">
      <c r="N930036" s="10"/>
    </row>
    <row r="930037" spans="14:14">
      <c r="N930037" s="10"/>
    </row>
    <row r="930038" spans="14:14">
      <c r="N930038" s="10"/>
    </row>
    <row r="930039" spans="14:14">
      <c r="N930039" s="10"/>
    </row>
    <row r="930040" spans="14:14">
      <c r="N930040" s="10"/>
    </row>
    <row r="930041" spans="14:14">
      <c r="N930041" s="10"/>
    </row>
    <row r="930042" spans="14:14">
      <c r="N930042" s="10"/>
    </row>
    <row r="930043" spans="14:14">
      <c r="N930043" s="10"/>
    </row>
    <row r="930044" spans="14:14">
      <c r="N930044" s="10"/>
    </row>
    <row r="930045" spans="14:14">
      <c r="N930045" s="10"/>
    </row>
    <row r="930046" spans="14:14">
      <c r="N930046" s="10"/>
    </row>
    <row r="930047" spans="14:14">
      <c r="N930047" s="10"/>
    </row>
    <row r="930048" spans="14:14">
      <c r="N930048" s="10"/>
    </row>
    <row r="930049" spans="14:14">
      <c r="N930049" s="10"/>
    </row>
    <row r="930050" spans="14:14">
      <c r="N930050" s="10"/>
    </row>
    <row r="930051" spans="14:14">
      <c r="N930051" s="10"/>
    </row>
    <row r="930052" spans="14:14">
      <c r="N930052" s="10"/>
    </row>
    <row r="930053" spans="14:14">
      <c r="N930053" s="10"/>
    </row>
    <row r="930054" spans="14:14">
      <c r="N930054" s="10"/>
    </row>
    <row r="930055" spans="14:14">
      <c r="N930055" s="10"/>
    </row>
    <row r="930056" spans="14:14">
      <c r="N930056" s="10"/>
    </row>
    <row r="930057" spans="14:14">
      <c r="N930057" s="10"/>
    </row>
    <row r="930058" spans="14:14">
      <c r="N930058" s="10"/>
    </row>
    <row r="930059" spans="14:14">
      <c r="N930059" s="10"/>
    </row>
    <row r="930060" spans="14:14">
      <c r="N930060" s="10"/>
    </row>
    <row r="930061" spans="14:14">
      <c r="N930061" s="10"/>
    </row>
    <row r="930062" spans="14:14">
      <c r="N930062" s="10"/>
    </row>
    <row r="930063" spans="14:14">
      <c r="N930063" s="10"/>
    </row>
    <row r="930064" spans="14:14">
      <c r="N930064" s="10"/>
    </row>
    <row r="930065" spans="14:14">
      <c r="N930065" s="10"/>
    </row>
    <row r="930066" spans="14:14">
      <c r="N930066" s="10"/>
    </row>
    <row r="930067" spans="14:14">
      <c r="N930067" s="10"/>
    </row>
    <row r="930068" spans="14:14">
      <c r="N930068" s="10"/>
    </row>
    <row r="930069" spans="14:14">
      <c r="N930069" s="10"/>
    </row>
    <row r="930070" spans="14:14">
      <c r="N930070" s="10"/>
    </row>
    <row r="930071" spans="14:14">
      <c r="N930071" s="10"/>
    </row>
    <row r="930072" spans="14:14">
      <c r="N930072" s="10"/>
    </row>
    <row r="930073" spans="14:14">
      <c r="N930073" s="10"/>
    </row>
    <row r="930074" spans="14:14">
      <c r="N930074" s="10"/>
    </row>
    <row r="930075" spans="14:14">
      <c r="N930075" s="10"/>
    </row>
    <row r="930076" spans="14:14">
      <c r="N930076" s="10"/>
    </row>
    <row r="930077" spans="14:14">
      <c r="N930077" s="10"/>
    </row>
    <row r="930078" spans="14:14">
      <c r="N930078" s="10"/>
    </row>
    <row r="930079" spans="14:14">
      <c r="N930079" s="10"/>
    </row>
    <row r="930080" spans="14:14">
      <c r="N930080" s="10"/>
    </row>
    <row r="930081" spans="14:14">
      <c r="N930081" s="10"/>
    </row>
    <row r="930082" spans="14:14">
      <c r="N930082" s="10"/>
    </row>
    <row r="930083" spans="14:14">
      <c r="N930083" s="10"/>
    </row>
    <row r="930084" spans="14:14">
      <c r="N930084" s="10"/>
    </row>
    <row r="930085" spans="14:14">
      <c r="N930085" s="10"/>
    </row>
    <row r="930086" spans="14:14">
      <c r="N930086" s="10"/>
    </row>
    <row r="930087" spans="14:14">
      <c r="N930087" s="10"/>
    </row>
    <row r="930088" spans="14:14">
      <c r="N930088" s="10"/>
    </row>
    <row r="930089" spans="14:14">
      <c r="N930089" s="10"/>
    </row>
    <row r="930090" spans="14:14">
      <c r="N930090" s="10"/>
    </row>
    <row r="930091" spans="14:14">
      <c r="N930091" s="10"/>
    </row>
    <row r="930092" spans="14:14">
      <c r="N930092" s="10"/>
    </row>
    <row r="930093" spans="14:14">
      <c r="N930093" s="10"/>
    </row>
    <row r="930094" spans="14:14">
      <c r="N930094" s="10"/>
    </row>
    <row r="930095" spans="14:14">
      <c r="N930095" s="10"/>
    </row>
    <row r="930096" spans="14:14">
      <c r="N930096" s="10"/>
    </row>
    <row r="930097" spans="14:14">
      <c r="N930097" s="10"/>
    </row>
    <row r="930098" spans="14:14">
      <c r="N930098" s="10"/>
    </row>
    <row r="930099" spans="14:14">
      <c r="N930099" s="10"/>
    </row>
    <row r="930100" spans="14:14">
      <c r="N930100" s="10"/>
    </row>
    <row r="930101" spans="14:14">
      <c r="N930101" s="10"/>
    </row>
    <row r="930102" spans="14:14">
      <c r="N930102" s="10"/>
    </row>
    <row r="930103" spans="14:14">
      <c r="N930103" s="10"/>
    </row>
    <row r="930104" spans="14:14">
      <c r="N930104" s="10"/>
    </row>
    <row r="930105" spans="14:14">
      <c r="N930105" s="10"/>
    </row>
    <row r="930106" spans="14:14">
      <c r="N930106" s="10"/>
    </row>
    <row r="930107" spans="14:14">
      <c r="N930107" s="10"/>
    </row>
    <row r="930108" spans="14:14">
      <c r="N930108" s="10"/>
    </row>
    <row r="930109" spans="14:14">
      <c r="N930109" s="10"/>
    </row>
    <row r="930110" spans="14:14">
      <c r="N930110" s="10"/>
    </row>
    <row r="930111" spans="14:14">
      <c r="N930111" s="10"/>
    </row>
    <row r="930112" spans="14:14">
      <c r="N930112" s="10"/>
    </row>
    <row r="930113" spans="14:14">
      <c r="N930113" s="10"/>
    </row>
    <row r="930114" spans="14:14">
      <c r="N930114" s="10"/>
    </row>
    <row r="930115" spans="14:14">
      <c r="N930115" s="10"/>
    </row>
    <row r="930116" spans="14:14">
      <c r="N930116" s="10"/>
    </row>
    <row r="930117" spans="14:14">
      <c r="N930117" s="10"/>
    </row>
    <row r="930118" spans="14:14">
      <c r="N930118" s="10"/>
    </row>
    <row r="930119" spans="14:14">
      <c r="N930119" s="10"/>
    </row>
    <row r="930120" spans="14:14">
      <c r="N930120" s="10"/>
    </row>
    <row r="930121" spans="14:14">
      <c r="N930121" s="10"/>
    </row>
    <row r="930122" spans="14:14">
      <c r="N930122" s="10"/>
    </row>
    <row r="930123" spans="14:14">
      <c r="N930123" s="10"/>
    </row>
    <row r="930124" spans="14:14">
      <c r="N930124" s="10"/>
    </row>
    <row r="930125" spans="14:14">
      <c r="N930125" s="10"/>
    </row>
    <row r="930126" spans="14:14">
      <c r="N930126" s="10"/>
    </row>
    <row r="930127" spans="14:14">
      <c r="N930127" s="10"/>
    </row>
    <row r="930128" spans="14:14">
      <c r="N930128" s="10"/>
    </row>
    <row r="930129" spans="14:14">
      <c r="N930129" s="10"/>
    </row>
    <row r="930130" spans="14:14">
      <c r="N930130" s="10"/>
    </row>
    <row r="930131" spans="14:14">
      <c r="N930131" s="10"/>
    </row>
    <row r="930132" spans="14:14">
      <c r="N930132" s="10"/>
    </row>
    <row r="930133" spans="14:14">
      <c r="N930133" s="10"/>
    </row>
    <row r="930134" spans="14:14">
      <c r="N930134" s="10"/>
    </row>
    <row r="930135" spans="14:14">
      <c r="N930135" s="10"/>
    </row>
    <row r="930136" spans="14:14">
      <c r="N930136" s="10"/>
    </row>
    <row r="930137" spans="14:14">
      <c r="N930137" s="10"/>
    </row>
    <row r="930138" spans="14:14">
      <c r="N930138" s="10"/>
    </row>
    <row r="930139" spans="14:14">
      <c r="N930139" s="10"/>
    </row>
    <row r="930140" spans="14:14">
      <c r="N930140" s="10"/>
    </row>
    <row r="930141" spans="14:14">
      <c r="N930141" s="10"/>
    </row>
    <row r="930142" spans="14:14">
      <c r="N930142" s="10"/>
    </row>
    <row r="930143" spans="14:14">
      <c r="N930143" s="10"/>
    </row>
    <row r="930144" spans="14:14">
      <c r="N930144" s="10"/>
    </row>
    <row r="930145" spans="14:14">
      <c r="N930145" s="10"/>
    </row>
    <row r="930146" spans="14:14">
      <c r="N930146" s="10"/>
    </row>
    <row r="930147" spans="14:14">
      <c r="N930147" s="10"/>
    </row>
    <row r="930148" spans="14:14">
      <c r="N930148" s="10"/>
    </row>
    <row r="930149" spans="14:14">
      <c r="N930149" s="10"/>
    </row>
    <row r="930150" spans="14:14">
      <c r="N930150" s="10"/>
    </row>
    <row r="930151" spans="14:14">
      <c r="N930151" s="10"/>
    </row>
    <row r="930152" spans="14:14">
      <c r="N930152" s="10"/>
    </row>
    <row r="930153" spans="14:14">
      <c r="N930153" s="10"/>
    </row>
    <row r="930154" spans="14:14">
      <c r="N930154" s="10"/>
    </row>
    <row r="930155" spans="14:14">
      <c r="N930155" s="10"/>
    </row>
    <row r="930156" spans="14:14">
      <c r="N930156" s="10"/>
    </row>
    <row r="930157" spans="14:14">
      <c r="N930157" s="10"/>
    </row>
    <row r="930158" spans="14:14">
      <c r="N930158" s="10"/>
    </row>
    <row r="930159" spans="14:14">
      <c r="N930159" s="10"/>
    </row>
    <row r="930160" spans="14:14">
      <c r="N930160" s="10"/>
    </row>
    <row r="930161" spans="14:14">
      <c r="N930161" s="10"/>
    </row>
    <row r="930162" spans="14:14">
      <c r="N930162" s="10"/>
    </row>
    <row r="930163" spans="14:14">
      <c r="N930163" s="10"/>
    </row>
    <row r="930164" spans="14:14">
      <c r="N930164" s="10"/>
    </row>
    <row r="930165" spans="14:14">
      <c r="N930165" s="10"/>
    </row>
    <row r="930166" spans="14:14">
      <c r="N930166" s="10"/>
    </row>
    <row r="930167" spans="14:14">
      <c r="N930167" s="10"/>
    </row>
    <row r="930168" spans="14:14">
      <c r="N930168" s="10"/>
    </row>
    <row r="930169" spans="14:14">
      <c r="N930169" s="10"/>
    </row>
    <row r="930170" spans="14:14">
      <c r="N930170" s="10"/>
    </row>
    <row r="930171" spans="14:14">
      <c r="N930171" s="10"/>
    </row>
    <row r="930172" spans="14:14">
      <c r="N930172" s="10"/>
    </row>
    <row r="930173" spans="14:14">
      <c r="N930173" s="10"/>
    </row>
    <row r="930174" spans="14:14">
      <c r="N930174" s="10"/>
    </row>
    <row r="930175" spans="14:14">
      <c r="N930175" s="10"/>
    </row>
    <row r="930176" spans="14:14">
      <c r="N930176" s="10"/>
    </row>
    <row r="930177" spans="14:14">
      <c r="N930177" s="10"/>
    </row>
    <row r="930178" spans="14:14">
      <c r="N930178" s="10"/>
    </row>
    <row r="930179" spans="14:14">
      <c r="N930179" s="10"/>
    </row>
    <row r="930180" spans="14:14">
      <c r="N930180" s="10"/>
    </row>
    <row r="930181" spans="14:14">
      <c r="N930181" s="10"/>
    </row>
    <row r="930182" spans="14:14">
      <c r="N930182" s="10"/>
    </row>
    <row r="930183" spans="14:14">
      <c r="N930183" s="10"/>
    </row>
    <row r="930184" spans="14:14">
      <c r="N930184" s="10"/>
    </row>
    <row r="930185" spans="14:14">
      <c r="N930185" s="10"/>
    </row>
    <row r="930186" spans="14:14">
      <c r="N930186" s="10"/>
    </row>
    <row r="930187" spans="14:14">
      <c r="N930187" s="10"/>
    </row>
    <row r="930188" spans="14:14">
      <c r="N930188" s="10"/>
    </row>
    <row r="930189" spans="14:14">
      <c r="N930189" s="10"/>
    </row>
    <row r="930190" spans="14:14">
      <c r="N930190" s="10"/>
    </row>
    <row r="930191" spans="14:14">
      <c r="N930191" s="10"/>
    </row>
    <row r="930192" spans="14:14">
      <c r="N930192" s="10"/>
    </row>
    <row r="930193" spans="14:14">
      <c r="N930193" s="10"/>
    </row>
    <row r="930194" spans="14:14">
      <c r="N930194" s="10"/>
    </row>
    <row r="930195" spans="14:14">
      <c r="N930195" s="10"/>
    </row>
    <row r="930196" spans="14:14">
      <c r="N930196" s="10"/>
    </row>
    <row r="930197" spans="14:14">
      <c r="N930197" s="10"/>
    </row>
    <row r="930198" spans="14:14">
      <c r="N930198" s="10"/>
    </row>
    <row r="930199" spans="14:14">
      <c r="N930199" s="10"/>
    </row>
    <row r="930200" spans="14:14">
      <c r="N930200" s="10"/>
    </row>
    <row r="930201" spans="14:14">
      <c r="N930201" s="10"/>
    </row>
    <row r="930202" spans="14:14">
      <c r="N930202" s="10"/>
    </row>
    <row r="930203" spans="14:14">
      <c r="N930203" s="10"/>
    </row>
    <row r="930204" spans="14:14">
      <c r="N930204" s="10"/>
    </row>
    <row r="930205" spans="14:14">
      <c r="N930205" s="10"/>
    </row>
    <row r="930206" spans="14:14">
      <c r="N930206" s="10"/>
    </row>
    <row r="930207" spans="14:14">
      <c r="N930207" s="10"/>
    </row>
    <row r="930208" spans="14:14">
      <c r="N930208" s="10"/>
    </row>
    <row r="930209" spans="14:14">
      <c r="N930209" s="10"/>
    </row>
    <row r="930210" spans="14:14">
      <c r="N930210" s="10"/>
    </row>
    <row r="930211" spans="14:14">
      <c r="N930211" s="10"/>
    </row>
    <row r="930212" spans="14:14">
      <c r="N930212" s="10"/>
    </row>
    <row r="930213" spans="14:14">
      <c r="N930213" s="10"/>
    </row>
    <row r="930214" spans="14:14">
      <c r="N930214" s="10"/>
    </row>
    <row r="930215" spans="14:14">
      <c r="N930215" s="10"/>
    </row>
    <row r="930216" spans="14:14">
      <c r="N930216" s="10"/>
    </row>
    <row r="930217" spans="14:14">
      <c r="N930217" s="10"/>
    </row>
    <row r="930218" spans="14:14">
      <c r="N930218" s="10"/>
    </row>
    <row r="930219" spans="14:14">
      <c r="N930219" s="10"/>
    </row>
    <row r="930220" spans="14:14">
      <c r="N930220" s="10"/>
    </row>
    <row r="930221" spans="14:14">
      <c r="N930221" s="10"/>
    </row>
    <row r="930222" spans="14:14">
      <c r="N930222" s="10"/>
    </row>
    <row r="930223" spans="14:14">
      <c r="N930223" s="10"/>
    </row>
    <row r="930224" spans="14:14">
      <c r="N930224" s="10"/>
    </row>
    <row r="930225" spans="14:14">
      <c r="N930225" s="10"/>
    </row>
    <row r="930226" spans="14:14">
      <c r="N930226" s="10"/>
    </row>
    <row r="930227" spans="14:14">
      <c r="N930227" s="10"/>
    </row>
    <row r="930228" spans="14:14">
      <c r="N930228" s="10"/>
    </row>
    <row r="930229" spans="14:14">
      <c r="N930229" s="10"/>
    </row>
    <row r="930230" spans="14:14">
      <c r="N930230" s="10"/>
    </row>
    <row r="930231" spans="14:14">
      <c r="N930231" s="10"/>
    </row>
    <row r="930232" spans="14:14">
      <c r="N930232" s="10"/>
    </row>
    <row r="930233" spans="14:14">
      <c r="N930233" s="10"/>
    </row>
    <row r="930234" spans="14:14">
      <c r="N930234" s="10"/>
    </row>
    <row r="930235" spans="14:14">
      <c r="N930235" s="10"/>
    </row>
    <row r="930236" spans="14:14">
      <c r="N930236" s="10"/>
    </row>
    <row r="930237" spans="14:14">
      <c r="N930237" s="10"/>
    </row>
    <row r="930238" spans="14:14">
      <c r="N930238" s="10"/>
    </row>
    <row r="930239" spans="14:14">
      <c r="N930239" s="10"/>
    </row>
    <row r="930240" spans="14:14">
      <c r="N930240" s="10"/>
    </row>
    <row r="930241" spans="14:14">
      <c r="N930241" s="10"/>
    </row>
    <row r="930242" spans="14:14">
      <c r="N930242" s="10"/>
    </row>
    <row r="930243" spans="14:14">
      <c r="N930243" s="10"/>
    </row>
    <row r="930244" spans="14:14">
      <c r="N930244" s="10"/>
    </row>
    <row r="930245" spans="14:14">
      <c r="N930245" s="10"/>
    </row>
    <row r="930246" spans="14:14">
      <c r="N930246" s="10"/>
    </row>
    <row r="930247" spans="14:14">
      <c r="N930247" s="10"/>
    </row>
    <row r="930248" spans="14:14">
      <c r="N930248" s="10"/>
    </row>
    <row r="930249" spans="14:14">
      <c r="N930249" s="10"/>
    </row>
    <row r="930250" spans="14:14">
      <c r="N930250" s="10"/>
    </row>
    <row r="930251" spans="14:14">
      <c r="N930251" s="10"/>
    </row>
    <row r="930252" spans="14:14">
      <c r="N930252" s="10"/>
    </row>
    <row r="930253" spans="14:14">
      <c r="N930253" s="10"/>
    </row>
    <row r="930254" spans="14:14">
      <c r="N930254" s="10"/>
    </row>
    <row r="930255" spans="14:14">
      <c r="N930255" s="10"/>
    </row>
    <row r="930256" spans="14:14">
      <c r="N930256" s="10"/>
    </row>
    <row r="930257" spans="14:14">
      <c r="N930257" s="10"/>
    </row>
    <row r="930258" spans="14:14">
      <c r="N930258" s="10"/>
    </row>
    <row r="930259" spans="14:14">
      <c r="N930259" s="10"/>
    </row>
    <row r="930260" spans="14:14">
      <c r="N930260" s="10"/>
    </row>
    <row r="930261" spans="14:14">
      <c r="N930261" s="10"/>
    </row>
    <row r="930262" spans="14:14">
      <c r="N930262" s="10"/>
    </row>
    <row r="930263" spans="14:14">
      <c r="N930263" s="10"/>
    </row>
    <row r="930264" spans="14:14">
      <c r="N930264" s="10"/>
    </row>
    <row r="930265" spans="14:14">
      <c r="N930265" s="10"/>
    </row>
    <row r="930266" spans="14:14">
      <c r="N930266" s="10"/>
    </row>
    <row r="930267" spans="14:14">
      <c r="N930267" s="10"/>
    </row>
    <row r="930268" spans="14:14">
      <c r="N930268" s="10"/>
    </row>
    <row r="930269" spans="14:14">
      <c r="N930269" s="10"/>
    </row>
    <row r="930270" spans="14:14">
      <c r="N930270" s="10"/>
    </row>
    <row r="930271" spans="14:14">
      <c r="N930271" s="10"/>
    </row>
    <row r="930272" spans="14:14">
      <c r="N930272" s="10"/>
    </row>
    <row r="930273" spans="14:14">
      <c r="N930273" s="10"/>
    </row>
    <row r="930274" spans="14:14">
      <c r="N930274" s="10"/>
    </row>
    <row r="930275" spans="14:14">
      <c r="N930275" s="10"/>
    </row>
    <row r="930276" spans="14:14">
      <c r="N930276" s="10"/>
    </row>
    <row r="930277" spans="14:14">
      <c r="N930277" s="10"/>
    </row>
    <row r="930278" spans="14:14">
      <c r="N930278" s="10"/>
    </row>
    <row r="930279" spans="14:14">
      <c r="N930279" s="10"/>
    </row>
    <row r="930280" spans="14:14">
      <c r="N930280" s="10"/>
    </row>
    <row r="930281" spans="14:14">
      <c r="N930281" s="10"/>
    </row>
    <row r="930282" spans="14:14">
      <c r="N930282" s="10"/>
    </row>
    <row r="930283" spans="14:14">
      <c r="N930283" s="10"/>
    </row>
    <row r="930284" spans="14:14">
      <c r="N930284" s="10"/>
    </row>
    <row r="930285" spans="14:14">
      <c r="N930285" s="10"/>
    </row>
    <row r="930286" spans="14:14">
      <c r="N930286" s="10"/>
    </row>
    <row r="930287" spans="14:14">
      <c r="N930287" s="10"/>
    </row>
    <row r="930288" spans="14:14">
      <c r="N930288" s="10"/>
    </row>
    <row r="930289" spans="14:14">
      <c r="N930289" s="10"/>
    </row>
    <row r="930290" spans="14:14">
      <c r="N930290" s="10"/>
    </row>
    <row r="930291" spans="14:14">
      <c r="N930291" s="10"/>
    </row>
    <row r="930292" spans="14:14">
      <c r="N930292" s="10"/>
    </row>
    <row r="930293" spans="14:14">
      <c r="N930293" s="10"/>
    </row>
    <row r="930294" spans="14:14">
      <c r="N930294" s="10"/>
    </row>
    <row r="930295" spans="14:14">
      <c r="N930295" s="10"/>
    </row>
    <row r="930296" spans="14:14">
      <c r="N930296" s="10"/>
    </row>
    <row r="930297" spans="14:14">
      <c r="N930297" s="10"/>
    </row>
    <row r="930298" spans="14:14">
      <c r="N930298" s="10"/>
    </row>
    <row r="930299" spans="14:14">
      <c r="N930299" s="10"/>
    </row>
    <row r="930300" spans="14:14">
      <c r="N930300" s="10"/>
    </row>
    <row r="930301" spans="14:14">
      <c r="N930301" s="10"/>
    </row>
    <row r="930302" spans="14:14">
      <c r="N930302" s="10"/>
    </row>
    <row r="930303" spans="14:14">
      <c r="N930303" s="10"/>
    </row>
    <row r="930304" spans="14:14">
      <c r="N930304" s="10"/>
    </row>
    <row r="930305" spans="14:14">
      <c r="N930305" s="10"/>
    </row>
    <row r="930306" spans="14:14">
      <c r="N930306" s="10"/>
    </row>
    <row r="930307" spans="14:14">
      <c r="N930307" s="10"/>
    </row>
    <row r="930308" spans="14:14">
      <c r="N930308" s="10"/>
    </row>
    <row r="930309" spans="14:14">
      <c r="N930309" s="10"/>
    </row>
    <row r="930310" spans="14:14">
      <c r="N930310" s="10"/>
    </row>
    <row r="930311" spans="14:14">
      <c r="N930311" s="10"/>
    </row>
    <row r="930312" spans="14:14">
      <c r="N930312" s="10"/>
    </row>
    <row r="930313" spans="14:14">
      <c r="N930313" s="10"/>
    </row>
    <row r="930314" spans="14:14">
      <c r="N930314" s="10"/>
    </row>
    <row r="930315" spans="14:14">
      <c r="N930315" s="10"/>
    </row>
    <row r="930316" spans="14:14">
      <c r="N930316" s="10"/>
    </row>
    <row r="930317" spans="14:14">
      <c r="N930317" s="10"/>
    </row>
    <row r="930318" spans="14:14">
      <c r="N930318" s="10"/>
    </row>
    <row r="930319" spans="14:14">
      <c r="N930319" s="10"/>
    </row>
    <row r="930320" spans="14:14">
      <c r="N930320" s="10"/>
    </row>
    <row r="930321" spans="14:14">
      <c r="N930321" s="10"/>
    </row>
    <row r="930322" spans="14:14">
      <c r="N930322" s="10"/>
    </row>
    <row r="930323" spans="14:14">
      <c r="N930323" s="10"/>
    </row>
    <row r="930324" spans="14:14">
      <c r="N930324" s="10"/>
    </row>
    <row r="930325" spans="14:14">
      <c r="N930325" s="10"/>
    </row>
    <row r="930326" spans="14:14">
      <c r="N930326" s="10"/>
    </row>
    <row r="930327" spans="14:14">
      <c r="N930327" s="10"/>
    </row>
    <row r="930328" spans="14:14">
      <c r="N930328" s="10"/>
    </row>
    <row r="930329" spans="14:14">
      <c r="N930329" s="10"/>
    </row>
    <row r="930330" spans="14:14">
      <c r="N930330" s="10"/>
    </row>
    <row r="930331" spans="14:14">
      <c r="N930331" s="10"/>
    </row>
    <row r="930332" spans="14:14">
      <c r="N930332" s="10"/>
    </row>
    <row r="930333" spans="14:14">
      <c r="N930333" s="10"/>
    </row>
    <row r="930334" spans="14:14">
      <c r="N930334" s="10"/>
    </row>
    <row r="930335" spans="14:14">
      <c r="N930335" s="10"/>
    </row>
    <row r="930336" spans="14:14">
      <c r="N930336" s="10"/>
    </row>
    <row r="930337" spans="14:14">
      <c r="N930337" s="10"/>
    </row>
    <row r="930338" spans="14:14">
      <c r="N930338" s="10"/>
    </row>
    <row r="930339" spans="14:14">
      <c r="N930339" s="10"/>
    </row>
    <row r="930340" spans="14:14">
      <c r="N930340" s="10"/>
    </row>
    <row r="930341" spans="14:14">
      <c r="N930341" s="10"/>
    </row>
    <row r="930342" spans="14:14">
      <c r="N930342" s="10"/>
    </row>
    <row r="930343" spans="14:14">
      <c r="N930343" s="10"/>
    </row>
    <row r="930344" spans="14:14">
      <c r="N930344" s="10"/>
    </row>
    <row r="930345" spans="14:14">
      <c r="N930345" s="10"/>
    </row>
    <row r="930346" spans="14:14">
      <c r="N930346" s="10"/>
    </row>
    <row r="930347" spans="14:14">
      <c r="N930347" s="10"/>
    </row>
    <row r="930348" spans="14:14">
      <c r="N930348" s="10"/>
    </row>
    <row r="930349" spans="14:14">
      <c r="N930349" s="10"/>
    </row>
    <row r="930350" spans="14:14">
      <c r="N930350" s="10"/>
    </row>
    <row r="930351" spans="14:14">
      <c r="N930351" s="10"/>
    </row>
    <row r="930352" spans="14:14">
      <c r="N930352" s="10"/>
    </row>
    <row r="930353" spans="14:14">
      <c r="N930353" s="10"/>
    </row>
    <row r="930354" spans="14:14">
      <c r="N930354" s="10"/>
    </row>
    <row r="930355" spans="14:14">
      <c r="N930355" s="10"/>
    </row>
    <row r="930356" spans="14:14">
      <c r="N930356" s="10"/>
    </row>
    <row r="930357" spans="14:14">
      <c r="N930357" s="10"/>
    </row>
    <row r="930358" spans="14:14">
      <c r="N930358" s="10"/>
    </row>
    <row r="930359" spans="14:14">
      <c r="N930359" s="10"/>
    </row>
    <row r="930360" spans="14:14">
      <c r="N930360" s="10"/>
    </row>
    <row r="930361" spans="14:14">
      <c r="N930361" s="10"/>
    </row>
    <row r="930362" spans="14:14">
      <c r="N930362" s="10"/>
    </row>
    <row r="930363" spans="14:14">
      <c r="N930363" s="10"/>
    </row>
    <row r="930364" spans="14:14">
      <c r="N930364" s="10"/>
    </row>
    <row r="930365" spans="14:14">
      <c r="N930365" s="10"/>
    </row>
    <row r="930366" spans="14:14">
      <c r="N930366" s="10"/>
    </row>
    <row r="930367" spans="14:14">
      <c r="N930367" s="10"/>
    </row>
    <row r="930368" spans="14:14">
      <c r="N930368" s="10"/>
    </row>
    <row r="930369" spans="14:14">
      <c r="N930369" s="10"/>
    </row>
    <row r="930370" spans="14:14">
      <c r="N930370" s="10"/>
    </row>
    <row r="930371" spans="14:14">
      <c r="N930371" s="10"/>
    </row>
    <row r="930372" spans="14:14">
      <c r="N930372" s="10"/>
    </row>
    <row r="930373" spans="14:14">
      <c r="N930373" s="10"/>
    </row>
    <row r="930374" spans="14:14">
      <c r="N930374" s="10"/>
    </row>
    <row r="930375" spans="14:14">
      <c r="N930375" s="10"/>
    </row>
    <row r="930376" spans="14:14">
      <c r="N930376" s="10"/>
    </row>
    <row r="930377" spans="14:14">
      <c r="N930377" s="10"/>
    </row>
    <row r="930378" spans="14:14">
      <c r="N930378" s="10"/>
    </row>
    <row r="930379" spans="14:14">
      <c r="N930379" s="10"/>
    </row>
    <row r="930380" spans="14:14">
      <c r="N930380" s="10"/>
    </row>
    <row r="930381" spans="14:14">
      <c r="N930381" s="10"/>
    </row>
    <row r="930382" spans="14:14">
      <c r="N930382" s="10"/>
    </row>
    <row r="930383" spans="14:14">
      <c r="N930383" s="10"/>
    </row>
    <row r="930384" spans="14:14">
      <c r="N930384" s="10"/>
    </row>
    <row r="930385" spans="14:14">
      <c r="N930385" s="10"/>
    </row>
    <row r="930386" spans="14:14">
      <c r="N930386" s="10"/>
    </row>
    <row r="930387" spans="14:14">
      <c r="N930387" s="10"/>
    </row>
    <row r="930388" spans="14:14">
      <c r="N930388" s="10"/>
    </row>
    <row r="930389" spans="14:14">
      <c r="N930389" s="10"/>
    </row>
    <row r="930390" spans="14:14">
      <c r="N930390" s="10"/>
    </row>
    <row r="930391" spans="14:14">
      <c r="N930391" s="10"/>
    </row>
    <row r="930392" spans="14:14">
      <c r="N930392" s="10"/>
    </row>
    <row r="930393" spans="14:14">
      <c r="N930393" s="10"/>
    </row>
    <row r="930394" spans="14:14">
      <c r="N930394" s="10"/>
    </row>
    <row r="930395" spans="14:14">
      <c r="N930395" s="10"/>
    </row>
    <row r="930396" spans="14:14">
      <c r="N930396" s="10"/>
    </row>
    <row r="930397" spans="14:14">
      <c r="N930397" s="10"/>
    </row>
    <row r="930398" spans="14:14">
      <c r="N930398" s="10"/>
    </row>
    <row r="930399" spans="14:14">
      <c r="N930399" s="10"/>
    </row>
    <row r="930400" spans="14:14">
      <c r="N930400" s="10"/>
    </row>
    <row r="930401" spans="14:14">
      <c r="N930401" s="10"/>
    </row>
    <row r="930402" spans="14:14">
      <c r="N930402" s="10"/>
    </row>
    <row r="930403" spans="14:14">
      <c r="N930403" s="10"/>
    </row>
    <row r="930404" spans="14:14">
      <c r="N930404" s="10"/>
    </row>
    <row r="930405" spans="14:14">
      <c r="N930405" s="10"/>
    </row>
    <row r="930406" spans="14:14">
      <c r="N930406" s="10"/>
    </row>
    <row r="930407" spans="14:14">
      <c r="N930407" s="10"/>
    </row>
    <row r="930408" spans="14:14">
      <c r="N930408" s="10"/>
    </row>
    <row r="930409" spans="14:14">
      <c r="N930409" s="10"/>
    </row>
    <row r="930410" spans="14:14">
      <c r="N930410" s="10"/>
    </row>
    <row r="930411" spans="14:14">
      <c r="N930411" s="10"/>
    </row>
    <row r="930412" spans="14:14">
      <c r="N930412" s="10"/>
    </row>
    <row r="930413" spans="14:14">
      <c r="N930413" s="10"/>
    </row>
    <row r="930414" spans="14:14">
      <c r="N930414" s="10"/>
    </row>
    <row r="930415" spans="14:14">
      <c r="N930415" s="10"/>
    </row>
    <row r="930416" spans="14:14">
      <c r="N930416" s="10"/>
    </row>
    <row r="930417" spans="14:14">
      <c r="N930417" s="10"/>
    </row>
    <row r="930418" spans="14:14">
      <c r="N930418" s="10"/>
    </row>
    <row r="930419" spans="14:14">
      <c r="N930419" s="10"/>
    </row>
    <row r="930420" spans="14:14">
      <c r="N930420" s="10"/>
    </row>
    <row r="930421" spans="14:14">
      <c r="N930421" s="10"/>
    </row>
    <row r="930422" spans="14:14">
      <c r="N930422" s="10"/>
    </row>
    <row r="930423" spans="14:14">
      <c r="N930423" s="10"/>
    </row>
    <row r="930424" spans="14:14">
      <c r="N930424" s="10"/>
    </row>
    <row r="930425" spans="14:14">
      <c r="N930425" s="10"/>
    </row>
    <row r="930426" spans="14:14">
      <c r="N930426" s="10"/>
    </row>
    <row r="930427" spans="14:14">
      <c r="N930427" s="10"/>
    </row>
    <row r="930428" spans="14:14">
      <c r="N930428" s="10"/>
    </row>
    <row r="930429" spans="14:14">
      <c r="N930429" s="10"/>
    </row>
    <row r="930430" spans="14:14">
      <c r="N930430" s="10"/>
    </row>
    <row r="930431" spans="14:14">
      <c r="N930431" s="10"/>
    </row>
    <row r="930432" spans="14:14">
      <c r="N930432" s="10"/>
    </row>
    <row r="930433" spans="14:14">
      <c r="N930433" s="10"/>
    </row>
    <row r="930434" spans="14:14">
      <c r="N930434" s="10"/>
    </row>
    <row r="930435" spans="14:14">
      <c r="N930435" s="10"/>
    </row>
    <row r="930436" spans="14:14">
      <c r="N930436" s="10"/>
    </row>
    <row r="930437" spans="14:14">
      <c r="N930437" s="10"/>
    </row>
    <row r="930438" spans="14:14">
      <c r="N930438" s="10"/>
    </row>
    <row r="930439" spans="14:14">
      <c r="N930439" s="10"/>
    </row>
    <row r="930440" spans="14:14">
      <c r="N930440" s="10"/>
    </row>
    <row r="930441" spans="14:14">
      <c r="N930441" s="10"/>
    </row>
    <row r="930442" spans="14:14">
      <c r="N930442" s="10"/>
    </row>
    <row r="930443" spans="14:14">
      <c r="N930443" s="10"/>
    </row>
    <row r="930444" spans="14:14">
      <c r="N930444" s="10"/>
    </row>
    <row r="930445" spans="14:14">
      <c r="N930445" s="10"/>
    </row>
    <row r="930446" spans="14:14">
      <c r="N930446" s="10"/>
    </row>
    <row r="930447" spans="14:14">
      <c r="N930447" s="10"/>
    </row>
    <row r="930448" spans="14:14">
      <c r="N930448" s="10"/>
    </row>
    <row r="930449" spans="14:14">
      <c r="N930449" s="10"/>
    </row>
    <row r="930450" spans="14:14">
      <c r="N930450" s="10"/>
    </row>
    <row r="930451" spans="14:14">
      <c r="N930451" s="10"/>
    </row>
    <row r="930452" spans="14:14">
      <c r="N930452" s="10"/>
    </row>
    <row r="930453" spans="14:14">
      <c r="N930453" s="10"/>
    </row>
    <row r="930454" spans="14:14">
      <c r="N930454" s="10"/>
    </row>
    <row r="930455" spans="14:14">
      <c r="N930455" s="10"/>
    </row>
    <row r="930456" spans="14:14">
      <c r="N930456" s="10"/>
    </row>
    <row r="930457" spans="14:14">
      <c r="N930457" s="10"/>
    </row>
    <row r="930458" spans="14:14">
      <c r="N930458" s="10"/>
    </row>
    <row r="930459" spans="14:14">
      <c r="N930459" s="10"/>
    </row>
    <row r="930460" spans="14:14">
      <c r="N930460" s="10"/>
    </row>
    <row r="930461" spans="14:14">
      <c r="N930461" s="10"/>
    </row>
    <row r="930462" spans="14:14">
      <c r="N930462" s="10"/>
    </row>
    <row r="930463" spans="14:14">
      <c r="N930463" s="10"/>
    </row>
    <row r="930464" spans="14:14">
      <c r="N930464" s="10"/>
    </row>
    <row r="930465" spans="14:14">
      <c r="N930465" s="10"/>
    </row>
    <row r="930466" spans="14:14">
      <c r="N930466" s="10"/>
    </row>
    <row r="930467" spans="14:14">
      <c r="N930467" s="10"/>
    </row>
    <row r="930468" spans="14:14">
      <c r="N930468" s="10"/>
    </row>
    <row r="930469" spans="14:14">
      <c r="N930469" s="10"/>
    </row>
    <row r="930470" spans="14:14">
      <c r="N930470" s="10"/>
    </row>
    <row r="930471" spans="14:14">
      <c r="N930471" s="10"/>
    </row>
    <row r="930472" spans="14:14">
      <c r="N930472" s="10"/>
    </row>
    <row r="930473" spans="14:14">
      <c r="N930473" s="10"/>
    </row>
    <row r="930474" spans="14:14">
      <c r="N930474" s="10"/>
    </row>
    <row r="930475" spans="14:14">
      <c r="N930475" s="10"/>
    </row>
    <row r="930476" spans="14:14">
      <c r="N930476" s="10"/>
    </row>
    <row r="930477" spans="14:14">
      <c r="N930477" s="10"/>
    </row>
    <row r="930478" spans="14:14">
      <c r="N930478" s="10"/>
    </row>
    <row r="930479" spans="14:14">
      <c r="N930479" s="10"/>
    </row>
    <row r="930480" spans="14:14">
      <c r="N930480" s="10"/>
    </row>
    <row r="930481" spans="14:14">
      <c r="N930481" s="10"/>
    </row>
    <row r="930482" spans="14:14">
      <c r="N930482" s="10"/>
    </row>
    <row r="930483" spans="14:14">
      <c r="N930483" s="10"/>
    </row>
    <row r="930484" spans="14:14">
      <c r="N930484" s="10"/>
    </row>
    <row r="930485" spans="14:14">
      <c r="N930485" s="10"/>
    </row>
    <row r="930486" spans="14:14">
      <c r="N930486" s="10"/>
    </row>
    <row r="930487" spans="14:14">
      <c r="N930487" s="10"/>
    </row>
    <row r="930488" spans="14:14">
      <c r="N930488" s="10"/>
    </row>
    <row r="930489" spans="14:14">
      <c r="N930489" s="10"/>
    </row>
    <row r="930490" spans="14:14">
      <c r="N930490" s="10"/>
    </row>
    <row r="930491" spans="14:14">
      <c r="N930491" s="10"/>
    </row>
    <row r="930492" spans="14:14">
      <c r="N930492" s="10"/>
    </row>
    <row r="930493" spans="14:14">
      <c r="N930493" s="10"/>
    </row>
    <row r="930494" spans="14:14">
      <c r="N930494" s="10"/>
    </row>
    <row r="930495" spans="14:14">
      <c r="N930495" s="10"/>
    </row>
    <row r="930496" spans="14:14">
      <c r="N930496" s="10"/>
    </row>
    <row r="930497" spans="14:14">
      <c r="N930497" s="10"/>
    </row>
    <row r="930498" spans="14:14">
      <c r="N930498" s="10"/>
    </row>
    <row r="930499" spans="14:14">
      <c r="N930499" s="10"/>
    </row>
    <row r="930500" spans="14:14">
      <c r="N930500" s="10"/>
    </row>
    <row r="930501" spans="14:14">
      <c r="N930501" s="10"/>
    </row>
    <row r="930502" spans="14:14">
      <c r="N930502" s="10"/>
    </row>
    <row r="930503" spans="14:14">
      <c r="N930503" s="10"/>
    </row>
    <row r="930504" spans="14:14">
      <c r="N930504" s="10"/>
    </row>
    <row r="930505" spans="14:14">
      <c r="N930505" s="10"/>
    </row>
    <row r="930506" spans="14:14">
      <c r="N930506" s="10"/>
    </row>
    <row r="930507" spans="14:14">
      <c r="N930507" s="10"/>
    </row>
    <row r="930508" spans="14:14">
      <c r="N930508" s="10"/>
    </row>
    <row r="930509" spans="14:14">
      <c r="N930509" s="10"/>
    </row>
    <row r="930510" spans="14:14">
      <c r="N930510" s="10"/>
    </row>
    <row r="930511" spans="14:14">
      <c r="N930511" s="10"/>
    </row>
    <row r="930512" spans="14:14">
      <c r="N930512" s="10"/>
    </row>
    <row r="930513" spans="14:14">
      <c r="N930513" s="10"/>
    </row>
    <row r="930514" spans="14:14">
      <c r="N930514" s="10"/>
    </row>
    <row r="930515" spans="14:14">
      <c r="N930515" s="10"/>
    </row>
    <row r="930516" spans="14:14">
      <c r="N930516" s="10"/>
    </row>
    <row r="930517" spans="14:14">
      <c r="N930517" s="10"/>
    </row>
    <row r="930518" spans="14:14">
      <c r="N930518" s="10"/>
    </row>
    <row r="930519" spans="14:14">
      <c r="N930519" s="10"/>
    </row>
    <row r="930520" spans="14:14">
      <c r="N930520" s="10"/>
    </row>
    <row r="930521" spans="14:14">
      <c r="N930521" s="10"/>
    </row>
    <row r="930522" spans="14:14">
      <c r="N930522" s="10"/>
    </row>
    <row r="930523" spans="14:14">
      <c r="N930523" s="10"/>
    </row>
    <row r="930524" spans="14:14">
      <c r="N930524" s="10"/>
    </row>
    <row r="930525" spans="14:14">
      <c r="N930525" s="10"/>
    </row>
    <row r="930526" spans="14:14">
      <c r="N930526" s="10"/>
    </row>
    <row r="930527" spans="14:14">
      <c r="N930527" s="10"/>
    </row>
    <row r="930528" spans="14:14">
      <c r="N930528" s="10"/>
    </row>
    <row r="930529" spans="14:14">
      <c r="N930529" s="10"/>
    </row>
    <row r="930530" spans="14:14">
      <c r="N930530" s="10"/>
    </row>
    <row r="930531" spans="14:14">
      <c r="N930531" s="10"/>
    </row>
    <row r="930532" spans="14:14">
      <c r="N930532" s="10"/>
    </row>
    <row r="930533" spans="14:14">
      <c r="N930533" s="10"/>
    </row>
    <row r="930534" spans="14:14">
      <c r="N930534" s="10"/>
    </row>
    <row r="930535" spans="14:14">
      <c r="N930535" s="10"/>
    </row>
    <row r="930536" spans="14:14">
      <c r="N930536" s="10"/>
    </row>
    <row r="930537" spans="14:14">
      <c r="N930537" s="10"/>
    </row>
    <row r="930538" spans="14:14">
      <c r="N930538" s="10"/>
    </row>
    <row r="930539" spans="14:14">
      <c r="N930539" s="10"/>
    </row>
    <row r="930540" spans="14:14">
      <c r="N930540" s="10"/>
    </row>
    <row r="930541" spans="14:14">
      <c r="N930541" s="10"/>
    </row>
    <row r="930542" spans="14:14">
      <c r="N930542" s="10"/>
    </row>
    <row r="930543" spans="14:14">
      <c r="N930543" s="10"/>
    </row>
    <row r="930544" spans="14:14">
      <c r="N930544" s="10"/>
    </row>
    <row r="930545" spans="14:14">
      <c r="N930545" s="10"/>
    </row>
    <row r="930546" spans="14:14">
      <c r="N930546" s="10"/>
    </row>
    <row r="930547" spans="14:14">
      <c r="N930547" s="10"/>
    </row>
    <row r="930548" spans="14:14">
      <c r="N930548" s="10"/>
    </row>
    <row r="930549" spans="14:14">
      <c r="N930549" s="10"/>
    </row>
    <row r="930550" spans="14:14">
      <c r="N930550" s="10"/>
    </row>
    <row r="930551" spans="14:14">
      <c r="N930551" s="10"/>
    </row>
    <row r="930552" spans="14:14">
      <c r="N930552" s="10"/>
    </row>
    <row r="930553" spans="14:14">
      <c r="N930553" s="10"/>
    </row>
    <row r="930554" spans="14:14">
      <c r="N930554" s="10"/>
    </row>
    <row r="930555" spans="14:14">
      <c r="N930555" s="10"/>
    </row>
    <row r="930556" spans="14:14">
      <c r="N930556" s="10"/>
    </row>
    <row r="930557" spans="14:14">
      <c r="N930557" s="10"/>
    </row>
    <row r="930558" spans="14:14">
      <c r="N930558" s="10"/>
    </row>
    <row r="930559" spans="14:14">
      <c r="N930559" s="10"/>
    </row>
    <row r="930560" spans="14:14">
      <c r="N930560" s="10"/>
    </row>
    <row r="930561" spans="14:14">
      <c r="N930561" s="10"/>
    </row>
    <row r="930562" spans="14:14">
      <c r="N930562" s="10"/>
    </row>
    <row r="930563" spans="14:14">
      <c r="N930563" s="10"/>
    </row>
    <row r="930564" spans="14:14">
      <c r="N930564" s="10"/>
    </row>
    <row r="930565" spans="14:14">
      <c r="N930565" s="10"/>
    </row>
    <row r="930566" spans="14:14">
      <c r="N930566" s="10"/>
    </row>
    <row r="930567" spans="14:14">
      <c r="N930567" s="10"/>
    </row>
    <row r="930568" spans="14:14">
      <c r="N930568" s="10"/>
    </row>
    <row r="930569" spans="14:14">
      <c r="N930569" s="10"/>
    </row>
    <row r="930570" spans="14:14">
      <c r="N930570" s="10"/>
    </row>
    <row r="930571" spans="14:14">
      <c r="N930571" s="10"/>
    </row>
    <row r="930572" spans="14:14">
      <c r="N930572" s="10"/>
    </row>
    <row r="930573" spans="14:14">
      <c r="N930573" s="10"/>
    </row>
    <row r="930574" spans="14:14">
      <c r="N930574" s="10"/>
    </row>
    <row r="930575" spans="14:14">
      <c r="N930575" s="10"/>
    </row>
    <row r="930576" spans="14:14">
      <c r="N930576" s="10"/>
    </row>
    <row r="930577" spans="14:14">
      <c r="N930577" s="10"/>
    </row>
    <row r="930578" spans="14:14">
      <c r="N930578" s="10"/>
    </row>
    <row r="930579" spans="14:14">
      <c r="N930579" s="10"/>
    </row>
    <row r="930580" spans="14:14">
      <c r="N930580" s="10"/>
    </row>
    <row r="930581" spans="14:14">
      <c r="N930581" s="10"/>
    </row>
    <row r="930582" spans="14:14">
      <c r="N930582" s="10"/>
    </row>
    <row r="930583" spans="14:14">
      <c r="N930583" s="10"/>
    </row>
    <row r="930584" spans="14:14">
      <c r="N930584" s="10"/>
    </row>
    <row r="930585" spans="14:14">
      <c r="N930585" s="10"/>
    </row>
    <row r="930586" spans="14:14">
      <c r="N930586" s="10"/>
    </row>
    <row r="930587" spans="14:14">
      <c r="N930587" s="10"/>
    </row>
    <row r="930588" spans="14:14">
      <c r="N930588" s="10"/>
    </row>
    <row r="930589" spans="14:14">
      <c r="N930589" s="10"/>
    </row>
    <row r="930590" spans="14:14">
      <c r="N930590" s="10"/>
    </row>
    <row r="930591" spans="14:14">
      <c r="N930591" s="10"/>
    </row>
    <row r="930592" spans="14:14">
      <c r="N930592" s="10"/>
    </row>
    <row r="930593" spans="14:14">
      <c r="N930593" s="10"/>
    </row>
    <row r="930594" spans="14:14">
      <c r="N930594" s="10"/>
    </row>
    <row r="930595" spans="14:14">
      <c r="N930595" s="10"/>
    </row>
    <row r="930596" spans="14:14">
      <c r="N930596" s="10"/>
    </row>
    <row r="930597" spans="14:14">
      <c r="N930597" s="10"/>
    </row>
    <row r="930598" spans="14:14">
      <c r="N930598" s="10"/>
    </row>
    <row r="930599" spans="14:14">
      <c r="N930599" s="10"/>
    </row>
    <row r="930600" spans="14:14">
      <c r="N930600" s="10"/>
    </row>
    <row r="930601" spans="14:14">
      <c r="N930601" s="10"/>
    </row>
    <row r="930602" spans="14:14">
      <c r="N930602" s="10"/>
    </row>
    <row r="930603" spans="14:14">
      <c r="N930603" s="10"/>
    </row>
    <row r="930604" spans="14:14">
      <c r="N930604" s="10"/>
    </row>
    <row r="930605" spans="14:14">
      <c r="N930605" s="10"/>
    </row>
    <row r="930606" spans="14:14">
      <c r="N930606" s="10"/>
    </row>
    <row r="930607" spans="14:14">
      <c r="N930607" s="10"/>
    </row>
    <row r="930608" spans="14:14">
      <c r="N930608" s="10"/>
    </row>
    <row r="930609" spans="14:14">
      <c r="N930609" s="10"/>
    </row>
    <row r="930610" spans="14:14">
      <c r="N930610" s="10"/>
    </row>
    <row r="930611" spans="14:14">
      <c r="N930611" s="10"/>
    </row>
    <row r="930612" spans="14:14">
      <c r="N930612" s="10"/>
    </row>
    <row r="930613" spans="14:14">
      <c r="N930613" s="10"/>
    </row>
    <row r="930614" spans="14:14">
      <c r="N930614" s="10"/>
    </row>
    <row r="930615" spans="14:14">
      <c r="N930615" s="10"/>
    </row>
    <row r="930616" spans="14:14">
      <c r="N930616" s="10"/>
    </row>
    <row r="930617" spans="14:14">
      <c r="N930617" s="10"/>
    </row>
    <row r="930618" spans="14:14">
      <c r="N930618" s="10"/>
    </row>
    <row r="930619" spans="14:14">
      <c r="N930619" s="10"/>
    </row>
    <row r="930620" spans="14:14">
      <c r="N930620" s="10"/>
    </row>
    <row r="930621" spans="14:14">
      <c r="N930621" s="10"/>
    </row>
    <row r="930622" spans="14:14">
      <c r="N930622" s="10"/>
    </row>
    <row r="930623" spans="14:14">
      <c r="N930623" s="10"/>
    </row>
    <row r="930624" spans="14:14">
      <c r="N930624" s="10"/>
    </row>
    <row r="930625" spans="14:14">
      <c r="N930625" s="10"/>
    </row>
    <row r="930626" spans="14:14">
      <c r="N930626" s="10"/>
    </row>
    <row r="930627" spans="14:14">
      <c r="N930627" s="10"/>
    </row>
    <row r="930628" spans="14:14">
      <c r="N930628" s="10"/>
    </row>
    <row r="930629" spans="14:14">
      <c r="N930629" s="10"/>
    </row>
    <row r="930630" spans="14:14">
      <c r="N930630" s="10"/>
    </row>
    <row r="930631" spans="14:14">
      <c r="N930631" s="10"/>
    </row>
    <row r="930632" spans="14:14">
      <c r="N930632" s="10"/>
    </row>
    <row r="930633" spans="14:14">
      <c r="N930633" s="10"/>
    </row>
    <row r="930634" spans="14:14">
      <c r="N930634" s="10"/>
    </row>
    <row r="930635" spans="14:14">
      <c r="N930635" s="10"/>
    </row>
    <row r="930636" spans="14:14">
      <c r="N930636" s="10"/>
    </row>
    <row r="930637" spans="14:14">
      <c r="N930637" s="10"/>
    </row>
    <row r="930638" spans="14:14">
      <c r="N930638" s="10"/>
    </row>
    <row r="930639" spans="14:14">
      <c r="N930639" s="10"/>
    </row>
    <row r="930640" spans="14:14">
      <c r="N930640" s="10"/>
    </row>
    <row r="930641" spans="14:14">
      <c r="N930641" s="10"/>
    </row>
    <row r="930642" spans="14:14">
      <c r="N930642" s="10"/>
    </row>
    <row r="930643" spans="14:14">
      <c r="N930643" s="10"/>
    </row>
    <row r="930644" spans="14:14">
      <c r="N930644" s="10"/>
    </row>
    <row r="930645" spans="14:14">
      <c r="N930645" s="10"/>
    </row>
    <row r="930646" spans="14:14">
      <c r="N930646" s="10"/>
    </row>
    <row r="930647" spans="14:14">
      <c r="N930647" s="10"/>
    </row>
    <row r="930648" spans="14:14">
      <c r="N930648" s="10"/>
    </row>
    <row r="930649" spans="14:14">
      <c r="N930649" s="10"/>
    </row>
    <row r="930650" spans="14:14">
      <c r="N930650" s="10"/>
    </row>
    <row r="930651" spans="14:14">
      <c r="N930651" s="10"/>
    </row>
    <row r="930652" spans="14:14">
      <c r="N930652" s="10"/>
    </row>
    <row r="930653" spans="14:14">
      <c r="N930653" s="10"/>
    </row>
    <row r="930654" spans="14:14">
      <c r="N930654" s="10"/>
    </row>
    <row r="930655" spans="14:14">
      <c r="N930655" s="10"/>
    </row>
    <row r="930656" spans="14:14">
      <c r="N930656" s="10"/>
    </row>
    <row r="930657" spans="14:14">
      <c r="N930657" s="10"/>
    </row>
    <row r="930658" spans="14:14">
      <c r="N930658" s="10"/>
    </row>
    <row r="930659" spans="14:14">
      <c r="N930659" s="10"/>
    </row>
    <row r="930660" spans="14:14">
      <c r="N930660" s="10"/>
    </row>
    <row r="930661" spans="14:14">
      <c r="N930661" s="10"/>
    </row>
    <row r="930662" spans="14:14">
      <c r="N930662" s="10"/>
    </row>
    <row r="930663" spans="14:14">
      <c r="N930663" s="10"/>
    </row>
    <row r="930664" spans="14:14">
      <c r="N930664" s="10"/>
    </row>
    <row r="930665" spans="14:14">
      <c r="N930665" s="10"/>
    </row>
    <row r="930666" spans="14:14">
      <c r="N930666" s="10"/>
    </row>
    <row r="930667" spans="14:14">
      <c r="N930667" s="10"/>
    </row>
    <row r="930668" spans="14:14">
      <c r="N930668" s="10"/>
    </row>
    <row r="930669" spans="14:14">
      <c r="N930669" s="10"/>
    </row>
    <row r="930670" spans="14:14">
      <c r="N930670" s="10"/>
    </row>
    <row r="930671" spans="14:14">
      <c r="N930671" s="10"/>
    </row>
    <row r="930672" spans="14:14">
      <c r="N930672" s="10"/>
    </row>
    <row r="930673" spans="14:14">
      <c r="N930673" s="10"/>
    </row>
    <row r="930674" spans="14:14">
      <c r="N930674" s="10"/>
    </row>
    <row r="930675" spans="14:14">
      <c r="N930675" s="10"/>
    </row>
    <row r="930676" spans="14:14">
      <c r="N930676" s="10"/>
    </row>
    <row r="930677" spans="14:14">
      <c r="N930677" s="10"/>
    </row>
    <row r="930678" spans="14:14">
      <c r="N930678" s="10"/>
    </row>
    <row r="930679" spans="14:14">
      <c r="N930679" s="10"/>
    </row>
    <row r="930680" spans="14:14">
      <c r="N930680" s="10"/>
    </row>
    <row r="930681" spans="14:14">
      <c r="N930681" s="10"/>
    </row>
    <row r="930682" spans="14:14">
      <c r="N930682" s="10"/>
    </row>
    <row r="930683" spans="14:14">
      <c r="N930683" s="10"/>
    </row>
    <row r="930684" spans="14:14">
      <c r="N930684" s="10"/>
    </row>
    <row r="930685" spans="14:14">
      <c r="N930685" s="10"/>
    </row>
    <row r="930686" spans="14:14">
      <c r="N930686" s="10"/>
    </row>
    <row r="930687" spans="14:14">
      <c r="N930687" s="10"/>
    </row>
    <row r="930688" spans="14:14">
      <c r="N930688" s="10"/>
    </row>
    <row r="930689" spans="14:14">
      <c r="N930689" s="10"/>
    </row>
    <row r="930690" spans="14:14">
      <c r="N930690" s="10"/>
    </row>
    <row r="930691" spans="14:14">
      <c r="N930691" s="10"/>
    </row>
    <row r="930692" spans="14:14">
      <c r="N930692" s="10"/>
    </row>
    <row r="930693" spans="14:14">
      <c r="N930693" s="10"/>
    </row>
    <row r="930694" spans="14:14">
      <c r="N930694" s="10"/>
    </row>
    <row r="930695" spans="14:14">
      <c r="N930695" s="10"/>
    </row>
    <row r="930696" spans="14:14">
      <c r="N930696" s="10"/>
    </row>
    <row r="930697" spans="14:14">
      <c r="N930697" s="10"/>
    </row>
    <row r="930698" spans="14:14">
      <c r="N930698" s="10"/>
    </row>
    <row r="930699" spans="14:14">
      <c r="N930699" s="10"/>
    </row>
    <row r="930700" spans="14:14">
      <c r="N930700" s="10"/>
    </row>
    <row r="930701" spans="14:14">
      <c r="N930701" s="10"/>
    </row>
    <row r="930702" spans="14:14">
      <c r="N930702" s="10"/>
    </row>
    <row r="930703" spans="14:14">
      <c r="N930703" s="10"/>
    </row>
    <row r="930704" spans="14:14">
      <c r="N930704" s="10"/>
    </row>
    <row r="930705" spans="14:14">
      <c r="N930705" s="10"/>
    </row>
    <row r="930706" spans="14:14">
      <c r="N930706" s="10"/>
    </row>
    <row r="930707" spans="14:14">
      <c r="N930707" s="10"/>
    </row>
    <row r="930708" spans="14:14">
      <c r="N930708" s="10"/>
    </row>
    <row r="930709" spans="14:14">
      <c r="N930709" s="10"/>
    </row>
    <row r="930710" spans="14:14">
      <c r="N930710" s="10"/>
    </row>
    <row r="930711" spans="14:14">
      <c r="N930711" s="10"/>
    </row>
    <row r="930712" spans="14:14">
      <c r="N930712" s="10"/>
    </row>
    <row r="930713" spans="14:14">
      <c r="N930713" s="10"/>
    </row>
    <row r="930714" spans="14:14">
      <c r="N930714" s="10"/>
    </row>
    <row r="930715" spans="14:14">
      <c r="N930715" s="10"/>
    </row>
    <row r="930716" spans="14:14">
      <c r="N930716" s="10"/>
    </row>
    <row r="930717" spans="14:14">
      <c r="N930717" s="10"/>
    </row>
    <row r="930718" spans="14:14">
      <c r="N930718" s="10"/>
    </row>
    <row r="930719" spans="14:14">
      <c r="N930719" s="10"/>
    </row>
    <row r="930720" spans="14:14">
      <c r="N930720" s="10"/>
    </row>
    <row r="930721" spans="14:14">
      <c r="N930721" s="10"/>
    </row>
    <row r="930722" spans="14:14">
      <c r="N930722" s="10"/>
    </row>
    <row r="930723" spans="14:14">
      <c r="N930723" s="10"/>
    </row>
    <row r="930724" spans="14:14">
      <c r="N930724" s="10"/>
    </row>
    <row r="930725" spans="14:14">
      <c r="N930725" s="10"/>
    </row>
    <row r="930726" spans="14:14">
      <c r="N930726" s="10"/>
    </row>
    <row r="930727" spans="14:14">
      <c r="N930727" s="10"/>
    </row>
    <row r="930728" spans="14:14">
      <c r="N930728" s="10"/>
    </row>
    <row r="930729" spans="14:14">
      <c r="N930729" s="10"/>
    </row>
    <row r="930730" spans="14:14">
      <c r="N930730" s="10"/>
    </row>
    <row r="930731" spans="14:14">
      <c r="N930731" s="10"/>
    </row>
    <row r="930732" spans="14:14">
      <c r="N930732" s="10"/>
    </row>
    <row r="930733" spans="14:14">
      <c r="N930733" s="10"/>
    </row>
    <row r="930734" spans="14:14">
      <c r="N930734" s="10"/>
    </row>
    <row r="930735" spans="14:14">
      <c r="N930735" s="10"/>
    </row>
    <row r="930736" spans="14:14">
      <c r="N930736" s="10"/>
    </row>
    <row r="930737" spans="14:14">
      <c r="N930737" s="10"/>
    </row>
    <row r="930738" spans="14:14">
      <c r="N930738" s="10"/>
    </row>
    <row r="930739" spans="14:14">
      <c r="N930739" s="10"/>
    </row>
    <row r="930740" spans="14:14">
      <c r="N930740" s="10"/>
    </row>
    <row r="930741" spans="14:14">
      <c r="N930741" s="10"/>
    </row>
    <row r="930742" spans="14:14">
      <c r="N930742" s="10"/>
    </row>
    <row r="930743" spans="14:14">
      <c r="N930743" s="10"/>
    </row>
    <row r="930744" spans="14:14">
      <c r="N930744" s="10"/>
    </row>
    <row r="930745" spans="14:14">
      <c r="N930745" s="10"/>
    </row>
    <row r="930746" spans="14:14">
      <c r="N930746" s="10"/>
    </row>
    <row r="930747" spans="14:14">
      <c r="N930747" s="10"/>
    </row>
    <row r="930748" spans="14:14">
      <c r="N930748" s="10"/>
    </row>
    <row r="930749" spans="14:14">
      <c r="N930749" s="10"/>
    </row>
    <row r="930750" spans="14:14">
      <c r="N930750" s="10"/>
    </row>
    <row r="930751" spans="14:14">
      <c r="N930751" s="10"/>
    </row>
    <row r="930752" spans="14:14">
      <c r="N930752" s="10"/>
    </row>
    <row r="930753" spans="14:14">
      <c r="N930753" s="10"/>
    </row>
    <row r="930754" spans="14:14">
      <c r="N930754" s="10"/>
    </row>
    <row r="930755" spans="14:14">
      <c r="N930755" s="10"/>
    </row>
    <row r="930756" spans="14:14">
      <c r="N930756" s="10"/>
    </row>
    <row r="930757" spans="14:14">
      <c r="N930757" s="10"/>
    </row>
    <row r="930758" spans="14:14">
      <c r="N930758" s="10"/>
    </row>
    <row r="930759" spans="14:14">
      <c r="N930759" s="10"/>
    </row>
    <row r="930760" spans="14:14">
      <c r="N930760" s="10"/>
    </row>
    <row r="930761" spans="14:14">
      <c r="N930761" s="10"/>
    </row>
    <row r="930762" spans="14:14">
      <c r="N930762" s="10"/>
    </row>
    <row r="930763" spans="14:14">
      <c r="N930763" s="10"/>
    </row>
    <row r="930764" spans="14:14">
      <c r="N930764" s="10"/>
    </row>
    <row r="930765" spans="14:14">
      <c r="N930765" s="10"/>
    </row>
    <row r="930766" spans="14:14">
      <c r="N930766" s="10"/>
    </row>
    <row r="930767" spans="14:14">
      <c r="N930767" s="10"/>
    </row>
    <row r="930768" spans="14:14">
      <c r="N930768" s="10"/>
    </row>
    <row r="930769" spans="14:14">
      <c r="N930769" s="10"/>
    </row>
    <row r="930770" spans="14:14">
      <c r="N930770" s="10"/>
    </row>
    <row r="930771" spans="14:14">
      <c r="N930771" s="10"/>
    </row>
    <row r="930772" spans="14:14">
      <c r="N930772" s="10"/>
    </row>
    <row r="930773" spans="14:14">
      <c r="N930773" s="10"/>
    </row>
    <row r="930774" spans="14:14">
      <c r="N930774" s="10"/>
    </row>
    <row r="930775" spans="14:14">
      <c r="N930775" s="10"/>
    </row>
    <row r="930776" spans="14:14">
      <c r="N930776" s="10"/>
    </row>
    <row r="930777" spans="14:14">
      <c r="N930777" s="10"/>
    </row>
    <row r="930778" spans="14:14">
      <c r="N930778" s="10"/>
    </row>
    <row r="930779" spans="14:14">
      <c r="N930779" s="10"/>
    </row>
    <row r="930780" spans="14:14">
      <c r="N930780" s="10"/>
    </row>
    <row r="930781" spans="14:14">
      <c r="N930781" s="10"/>
    </row>
    <row r="930782" spans="14:14">
      <c r="N930782" s="10"/>
    </row>
    <row r="930783" spans="14:14">
      <c r="N930783" s="10"/>
    </row>
    <row r="930784" spans="14:14">
      <c r="N930784" s="10"/>
    </row>
    <row r="930785" spans="14:14">
      <c r="N930785" s="10"/>
    </row>
    <row r="930786" spans="14:14">
      <c r="N930786" s="10"/>
    </row>
    <row r="930787" spans="14:14">
      <c r="N930787" s="10"/>
    </row>
    <row r="930788" spans="14:14">
      <c r="N930788" s="10"/>
    </row>
    <row r="930789" spans="14:14">
      <c r="N930789" s="10"/>
    </row>
    <row r="930790" spans="14:14">
      <c r="N930790" s="10"/>
    </row>
    <row r="930791" spans="14:14">
      <c r="N930791" s="10"/>
    </row>
    <row r="930792" spans="14:14">
      <c r="N930792" s="10"/>
    </row>
    <row r="930793" spans="14:14">
      <c r="N930793" s="10"/>
    </row>
    <row r="930794" spans="14:14">
      <c r="N930794" s="10"/>
    </row>
    <row r="930795" spans="14:14">
      <c r="N930795" s="10"/>
    </row>
    <row r="930796" spans="14:14">
      <c r="N930796" s="10"/>
    </row>
    <row r="930797" spans="14:14">
      <c r="N930797" s="10"/>
    </row>
    <row r="930798" spans="14:14">
      <c r="N930798" s="10"/>
    </row>
    <row r="930799" spans="14:14">
      <c r="N930799" s="10"/>
    </row>
    <row r="930800" spans="14:14">
      <c r="N930800" s="10"/>
    </row>
    <row r="930801" spans="14:14">
      <c r="N930801" s="10"/>
    </row>
    <row r="930802" spans="14:14">
      <c r="N930802" s="10"/>
    </row>
    <row r="930803" spans="14:14">
      <c r="N930803" s="10"/>
    </row>
    <row r="930804" spans="14:14">
      <c r="N930804" s="10"/>
    </row>
    <row r="930805" spans="14:14">
      <c r="N930805" s="10"/>
    </row>
    <row r="930806" spans="14:14">
      <c r="N930806" s="10"/>
    </row>
    <row r="930807" spans="14:14">
      <c r="N930807" s="10"/>
    </row>
    <row r="930808" spans="14:14">
      <c r="N930808" s="10"/>
    </row>
    <row r="930809" spans="14:14">
      <c r="N930809" s="10"/>
    </row>
    <row r="930810" spans="14:14">
      <c r="N930810" s="10"/>
    </row>
    <row r="930811" spans="14:14">
      <c r="N930811" s="10"/>
    </row>
    <row r="930812" spans="14:14">
      <c r="N930812" s="10"/>
    </row>
    <row r="930813" spans="14:14">
      <c r="N930813" s="10"/>
    </row>
    <row r="930814" spans="14:14">
      <c r="N930814" s="10"/>
    </row>
    <row r="930815" spans="14:14">
      <c r="N930815" s="10"/>
    </row>
    <row r="930816" spans="14:14">
      <c r="N930816" s="10"/>
    </row>
    <row r="930817" spans="14:14">
      <c r="N930817" s="10"/>
    </row>
    <row r="930818" spans="14:14">
      <c r="N930818" s="10"/>
    </row>
    <row r="930819" spans="14:14">
      <c r="N930819" s="10"/>
    </row>
    <row r="930820" spans="14:14">
      <c r="N930820" s="10"/>
    </row>
    <row r="930821" spans="14:14">
      <c r="N930821" s="10"/>
    </row>
    <row r="930822" spans="14:14">
      <c r="N930822" s="10"/>
    </row>
    <row r="930823" spans="14:14">
      <c r="N930823" s="10"/>
    </row>
    <row r="930824" spans="14:14">
      <c r="N930824" s="10"/>
    </row>
    <row r="930825" spans="14:14">
      <c r="N930825" s="10"/>
    </row>
    <row r="930826" spans="14:14">
      <c r="N930826" s="10"/>
    </row>
    <row r="930827" spans="14:14">
      <c r="N930827" s="10"/>
    </row>
    <row r="930828" spans="14:14">
      <c r="N930828" s="10"/>
    </row>
    <row r="930829" spans="14:14">
      <c r="N930829" s="10"/>
    </row>
    <row r="930830" spans="14:14">
      <c r="N930830" s="10"/>
    </row>
    <row r="930831" spans="14:14">
      <c r="N930831" s="10"/>
    </row>
    <row r="930832" spans="14:14">
      <c r="N930832" s="10"/>
    </row>
    <row r="930833" spans="14:14">
      <c r="N930833" s="10"/>
    </row>
    <row r="930834" spans="14:14">
      <c r="N930834" s="10"/>
    </row>
    <row r="930835" spans="14:14">
      <c r="N930835" s="10"/>
    </row>
    <row r="930836" spans="14:14">
      <c r="N930836" s="10"/>
    </row>
    <row r="930837" spans="14:14">
      <c r="N930837" s="10"/>
    </row>
    <row r="930838" spans="14:14">
      <c r="N930838" s="10"/>
    </row>
    <row r="930839" spans="14:14">
      <c r="N930839" s="10"/>
    </row>
    <row r="930840" spans="14:14">
      <c r="N930840" s="10"/>
    </row>
    <row r="930841" spans="14:14">
      <c r="N930841" s="10"/>
    </row>
    <row r="930842" spans="14:14">
      <c r="N930842" s="10"/>
    </row>
    <row r="930843" spans="14:14">
      <c r="N930843" s="10"/>
    </row>
    <row r="930844" spans="14:14">
      <c r="N930844" s="10"/>
    </row>
    <row r="930845" spans="14:14">
      <c r="N930845" s="10"/>
    </row>
    <row r="930846" spans="14:14">
      <c r="N930846" s="10"/>
    </row>
    <row r="930847" spans="14:14">
      <c r="N930847" s="10"/>
    </row>
    <row r="930848" spans="14:14">
      <c r="N930848" s="10"/>
    </row>
    <row r="930849" spans="14:14">
      <c r="N930849" s="10"/>
    </row>
    <row r="930850" spans="14:14">
      <c r="N930850" s="10"/>
    </row>
    <row r="930851" spans="14:14">
      <c r="N930851" s="10"/>
    </row>
    <row r="930852" spans="14:14">
      <c r="N930852" s="10"/>
    </row>
    <row r="930853" spans="14:14">
      <c r="N930853" s="10"/>
    </row>
    <row r="930854" spans="14:14">
      <c r="N930854" s="10"/>
    </row>
    <row r="930855" spans="14:14">
      <c r="N930855" s="10"/>
    </row>
    <row r="930856" spans="14:14">
      <c r="N930856" s="10"/>
    </row>
    <row r="930857" spans="14:14">
      <c r="N930857" s="10"/>
    </row>
    <row r="930858" spans="14:14">
      <c r="N930858" s="10"/>
    </row>
    <row r="930859" spans="14:14">
      <c r="N930859" s="10"/>
    </row>
    <row r="930860" spans="14:14">
      <c r="N930860" s="10"/>
    </row>
    <row r="930861" spans="14:14">
      <c r="N930861" s="10"/>
    </row>
    <row r="930862" spans="14:14">
      <c r="N930862" s="10"/>
    </row>
    <row r="930863" spans="14:14">
      <c r="N930863" s="10"/>
    </row>
    <row r="930864" spans="14:14">
      <c r="N930864" s="10"/>
    </row>
    <row r="930865" spans="14:14">
      <c r="N930865" s="10"/>
    </row>
    <row r="930866" spans="14:14">
      <c r="N930866" s="10"/>
    </row>
    <row r="930867" spans="14:14">
      <c r="N930867" s="10"/>
    </row>
    <row r="930868" spans="14:14">
      <c r="N930868" s="10"/>
    </row>
    <row r="930869" spans="14:14">
      <c r="N930869" s="10"/>
    </row>
    <row r="930870" spans="14:14">
      <c r="N930870" s="10"/>
    </row>
    <row r="930871" spans="14:14">
      <c r="N930871" s="10"/>
    </row>
    <row r="930872" spans="14:14">
      <c r="N930872" s="10"/>
    </row>
    <row r="930873" spans="14:14">
      <c r="N930873" s="10"/>
    </row>
    <row r="930874" spans="14:14">
      <c r="N930874" s="10"/>
    </row>
    <row r="930875" spans="14:14">
      <c r="N930875" s="10"/>
    </row>
    <row r="930876" spans="14:14">
      <c r="N930876" s="10"/>
    </row>
    <row r="930877" spans="14:14">
      <c r="N930877" s="10"/>
    </row>
    <row r="930878" spans="14:14">
      <c r="N930878" s="10"/>
    </row>
    <row r="930879" spans="14:14">
      <c r="N930879" s="10"/>
    </row>
    <row r="930880" spans="14:14">
      <c r="N930880" s="10"/>
    </row>
    <row r="930881" spans="14:14">
      <c r="N930881" s="10"/>
    </row>
    <row r="930882" spans="14:14">
      <c r="N930882" s="10"/>
    </row>
    <row r="930883" spans="14:14">
      <c r="N930883" s="10"/>
    </row>
    <row r="930884" spans="14:14">
      <c r="N930884" s="10"/>
    </row>
    <row r="930885" spans="14:14">
      <c r="N930885" s="10"/>
    </row>
    <row r="930886" spans="14:14">
      <c r="N930886" s="10"/>
    </row>
    <row r="930887" spans="14:14">
      <c r="N930887" s="10"/>
    </row>
    <row r="930888" spans="14:14">
      <c r="N930888" s="10"/>
    </row>
    <row r="930889" spans="14:14">
      <c r="N930889" s="10"/>
    </row>
    <row r="930890" spans="14:14">
      <c r="N930890" s="10"/>
    </row>
    <row r="930891" spans="14:14">
      <c r="N930891" s="10"/>
    </row>
    <row r="930892" spans="14:14">
      <c r="N930892" s="10"/>
    </row>
    <row r="930893" spans="14:14">
      <c r="N930893" s="10"/>
    </row>
    <row r="930894" spans="14:14">
      <c r="N930894" s="10"/>
    </row>
    <row r="930895" spans="14:14">
      <c r="N930895" s="10"/>
    </row>
    <row r="930896" spans="14:14">
      <c r="N930896" s="10"/>
    </row>
    <row r="930897" spans="14:14">
      <c r="N930897" s="10"/>
    </row>
    <row r="930898" spans="14:14">
      <c r="N930898" s="10"/>
    </row>
    <row r="930899" spans="14:14">
      <c r="N930899" s="10"/>
    </row>
    <row r="930900" spans="14:14">
      <c r="N930900" s="10"/>
    </row>
    <row r="930901" spans="14:14">
      <c r="N930901" s="10"/>
    </row>
    <row r="930902" spans="14:14">
      <c r="N930902" s="10"/>
    </row>
    <row r="930903" spans="14:14">
      <c r="N930903" s="10"/>
    </row>
    <row r="930904" spans="14:14">
      <c r="N930904" s="10"/>
    </row>
    <row r="930905" spans="14:14">
      <c r="N930905" s="10"/>
    </row>
    <row r="930906" spans="14:14">
      <c r="N930906" s="10"/>
    </row>
    <row r="930907" spans="14:14">
      <c r="N930907" s="10"/>
    </row>
    <row r="930908" spans="14:14">
      <c r="N930908" s="10"/>
    </row>
    <row r="930909" spans="14:14">
      <c r="N930909" s="10"/>
    </row>
    <row r="930910" spans="14:14">
      <c r="N930910" s="10"/>
    </row>
    <row r="930911" spans="14:14">
      <c r="N930911" s="10"/>
    </row>
    <row r="930912" spans="14:14">
      <c r="N930912" s="10"/>
    </row>
    <row r="930913" spans="14:14">
      <c r="N930913" s="10"/>
    </row>
    <row r="930914" spans="14:14">
      <c r="N930914" s="10"/>
    </row>
    <row r="930915" spans="14:14">
      <c r="N930915" s="10"/>
    </row>
    <row r="930916" spans="14:14">
      <c r="N930916" s="10"/>
    </row>
    <row r="930917" spans="14:14">
      <c r="N930917" s="10"/>
    </row>
    <row r="930918" spans="14:14">
      <c r="N930918" s="10"/>
    </row>
    <row r="930919" spans="14:14">
      <c r="N930919" s="10"/>
    </row>
    <row r="930920" spans="14:14">
      <c r="N930920" s="10"/>
    </row>
    <row r="930921" spans="14:14">
      <c r="N930921" s="10"/>
    </row>
    <row r="930922" spans="14:14">
      <c r="N930922" s="10"/>
    </row>
    <row r="930923" spans="14:14">
      <c r="N930923" s="10"/>
    </row>
    <row r="930924" spans="14:14">
      <c r="N930924" s="10"/>
    </row>
    <row r="930925" spans="14:14">
      <c r="N930925" s="10"/>
    </row>
    <row r="930926" spans="14:14">
      <c r="N930926" s="10"/>
    </row>
    <row r="930927" spans="14:14">
      <c r="N930927" s="10"/>
    </row>
    <row r="930928" spans="14:14">
      <c r="N930928" s="10"/>
    </row>
    <row r="930929" spans="14:14">
      <c r="N930929" s="10"/>
    </row>
    <row r="930930" spans="14:14">
      <c r="N930930" s="10"/>
    </row>
    <row r="930931" spans="14:14">
      <c r="N930931" s="10"/>
    </row>
    <row r="930932" spans="14:14">
      <c r="N930932" s="10"/>
    </row>
    <row r="930933" spans="14:14">
      <c r="N930933" s="10"/>
    </row>
    <row r="930934" spans="14:14">
      <c r="N930934" s="10"/>
    </row>
    <row r="930935" spans="14:14">
      <c r="N930935" s="10"/>
    </row>
    <row r="930936" spans="14:14">
      <c r="N930936" s="10"/>
    </row>
    <row r="930937" spans="14:14">
      <c r="N930937" s="10"/>
    </row>
    <row r="930938" spans="14:14">
      <c r="N930938" s="10"/>
    </row>
    <row r="930939" spans="14:14">
      <c r="N930939" s="10"/>
    </row>
    <row r="930940" spans="14:14">
      <c r="N930940" s="10"/>
    </row>
    <row r="930941" spans="14:14">
      <c r="N930941" s="10"/>
    </row>
    <row r="930942" spans="14:14">
      <c r="N930942" s="10"/>
    </row>
    <row r="930943" spans="14:14">
      <c r="N930943" s="10"/>
    </row>
    <row r="930944" spans="14:14">
      <c r="N930944" s="10"/>
    </row>
    <row r="930945" spans="14:14">
      <c r="N930945" s="10"/>
    </row>
    <row r="930946" spans="14:14">
      <c r="N930946" s="10"/>
    </row>
    <row r="930947" spans="14:14">
      <c r="N930947" s="10"/>
    </row>
    <row r="930948" spans="14:14">
      <c r="N930948" s="10"/>
    </row>
    <row r="930949" spans="14:14">
      <c r="N930949" s="10"/>
    </row>
    <row r="930950" spans="14:14">
      <c r="N930950" s="10"/>
    </row>
    <row r="930951" spans="14:14">
      <c r="N930951" s="10"/>
    </row>
    <row r="930952" spans="14:14">
      <c r="N930952" s="10"/>
    </row>
    <row r="930953" spans="14:14">
      <c r="N930953" s="10"/>
    </row>
    <row r="930954" spans="14:14">
      <c r="N930954" s="10"/>
    </row>
    <row r="930955" spans="14:14">
      <c r="N930955" s="10"/>
    </row>
    <row r="930956" spans="14:14">
      <c r="N930956" s="10"/>
    </row>
    <row r="930957" spans="14:14">
      <c r="N930957" s="10"/>
    </row>
    <row r="930958" spans="14:14">
      <c r="N930958" s="10"/>
    </row>
    <row r="930959" spans="14:14">
      <c r="N930959" s="10"/>
    </row>
    <row r="930960" spans="14:14">
      <c r="N930960" s="10"/>
    </row>
    <row r="930961" spans="14:14">
      <c r="N930961" s="10"/>
    </row>
    <row r="930962" spans="14:14">
      <c r="N930962" s="10"/>
    </row>
    <row r="930963" spans="14:14">
      <c r="N930963" s="10"/>
    </row>
    <row r="930964" spans="14:14">
      <c r="N930964" s="10"/>
    </row>
    <row r="930965" spans="14:14">
      <c r="N930965" s="10"/>
    </row>
    <row r="930966" spans="14:14">
      <c r="N930966" s="10"/>
    </row>
    <row r="930967" spans="14:14">
      <c r="N930967" s="10"/>
    </row>
    <row r="930968" spans="14:14">
      <c r="N930968" s="10"/>
    </row>
    <row r="930969" spans="14:14">
      <c r="N930969" s="10"/>
    </row>
    <row r="930970" spans="14:14">
      <c r="N930970" s="10"/>
    </row>
    <row r="930971" spans="14:14">
      <c r="N930971" s="10"/>
    </row>
    <row r="930972" spans="14:14">
      <c r="N930972" s="10"/>
    </row>
    <row r="930973" spans="14:14">
      <c r="N930973" s="10"/>
    </row>
    <row r="930974" spans="14:14">
      <c r="N930974" s="10"/>
    </row>
    <row r="930975" spans="14:14">
      <c r="N930975" s="10"/>
    </row>
    <row r="930976" spans="14:14">
      <c r="N930976" s="10"/>
    </row>
    <row r="930977" spans="14:14">
      <c r="N930977" s="10"/>
    </row>
    <row r="930978" spans="14:14">
      <c r="N930978" s="10"/>
    </row>
    <row r="930979" spans="14:14">
      <c r="N930979" s="10"/>
    </row>
    <row r="930980" spans="14:14">
      <c r="N930980" s="10"/>
    </row>
    <row r="930981" spans="14:14">
      <c r="N930981" s="10"/>
    </row>
    <row r="930982" spans="14:14">
      <c r="N930982" s="10"/>
    </row>
    <row r="930983" spans="14:14">
      <c r="N930983" s="10"/>
    </row>
    <row r="930984" spans="14:14">
      <c r="N930984" s="10"/>
    </row>
    <row r="930985" spans="14:14">
      <c r="N930985" s="10"/>
    </row>
    <row r="930986" spans="14:14">
      <c r="N930986" s="10"/>
    </row>
    <row r="930987" spans="14:14">
      <c r="N930987" s="10"/>
    </row>
    <row r="930988" spans="14:14">
      <c r="N930988" s="10"/>
    </row>
    <row r="930989" spans="14:14">
      <c r="N930989" s="10"/>
    </row>
    <row r="930990" spans="14:14">
      <c r="N930990" s="10"/>
    </row>
    <row r="930991" spans="14:14">
      <c r="N930991" s="10"/>
    </row>
    <row r="930992" spans="14:14">
      <c r="N930992" s="10"/>
    </row>
    <row r="930993" spans="14:14">
      <c r="N930993" s="10"/>
    </row>
    <row r="930994" spans="14:14">
      <c r="N930994" s="10"/>
    </row>
    <row r="930995" spans="14:14">
      <c r="N930995" s="10"/>
    </row>
    <row r="930996" spans="14:14">
      <c r="N930996" s="10"/>
    </row>
    <row r="930997" spans="14:14">
      <c r="N930997" s="10"/>
    </row>
    <row r="930998" spans="14:14">
      <c r="N930998" s="10"/>
    </row>
    <row r="930999" spans="14:14">
      <c r="N930999" s="10"/>
    </row>
    <row r="931000" spans="14:14">
      <c r="N931000" s="10"/>
    </row>
    <row r="931001" spans="14:14">
      <c r="N931001" s="10"/>
    </row>
    <row r="931002" spans="14:14">
      <c r="N931002" s="10"/>
    </row>
    <row r="931003" spans="14:14">
      <c r="N931003" s="10"/>
    </row>
    <row r="931004" spans="14:14">
      <c r="N931004" s="10"/>
    </row>
    <row r="931005" spans="14:14">
      <c r="N931005" s="10"/>
    </row>
    <row r="931006" spans="14:14">
      <c r="N931006" s="10"/>
    </row>
    <row r="931007" spans="14:14">
      <c r="N931007" s="10"/>
    </row>
    <row r="931008" spans="14:14">
      <c r="N931008" s="10"/>
    </row>
    <row r="931009" spans="14:14">
      <c r="N931009" s="10"/>
    </row>
    <row r="931010" spans="14:14">
      <c r="N931010" s="10"/>
    </row>
    <row r="931011" spans="14:14">
      <c r="N931011" s="10"/>
    </row>
    <row r="931012" spans="14:14">
      <c r="N931012" s="10"/>
    </row>
    <row r="931013" spans="14:14">
      <c r="N931013" s="10"/>
    </row>
    <row r="931014" spans="14:14">
      <c r="N931014" s="10"/>
    </row>
    <row r="931015" spans="14:14">
      <c r="N931015" s="10"/>
    </row>
    <row r="931016" spans="14:14">
      <c r="N931016" s="10"/>
    </row>
    <row r="931017" spans="14:14">
      <c r="N931017" s="10"/>
    </row>
    <row r="931018" spans="14:14">
      <c r="N931018" s="10"/>
    </row>
    <row r="931019" spans="14:14">
      <c r="N931019" s="10"/>
    </row>
    <row r="931020" spans="14:14">
      <c r="N931020" s="10"/>
    </row>
    <row r="931021" spans="14:14">
      <c r="N931021" s="10"/>
    </row>
    <row r="931022" spans="14:14">
      <c r="N931022" s="10"/>
    </row>
    <row r="931023" spans="14:14">
      <c r="N931023" s="10"/>
    </row>
    <row r="931024" spans="14:14">
      <c r="N931024" s="10"/>
    </row>
    <row r="931025" spans="14:14">
      <c r="N931025" s="10"/>
    </row>
    <row r="931026" spans="14:14">
      <c r="N931026" s="10"/>
    </row>
    <row r="931027" spans="14:14">
      <c r="N931027" s="10"/>
    </row>
    <row r="931028" spans="14:14">
      <c r="N931028" s="10"/>
    </row>
    <row r="931029" spans="14:14">
      <c r="N931029" s="10"/>
    </row>
    <row r="931030" spans="14:14">
      <c r="N931030" s="10"/>
    </row>
    <row r="931031" spans="14:14">
      <c r="N931031" s="10"/>
    </row>
    <row r="931032" spans="14:14">
      <c r="N931032" s="10"/>
    </row>
    <row r="931033" spans="14:14">
      <c r="N931033" s="10"/>
    </row>
    <row r="931034" spans="14:14">
      <c r="N931034" s="10"/>
    </row>
    <row r="931035" spans="14:14">
      <c r="N931035" s="10"/>
    </row>
    <row r="931036" spans="14:14">
      <c r="N931036" s="10"/>
    </row>
    <row r="931037" spans="14:14">
      <c r="N931037" s="10"/>
    </row>
    <row r="931038" spans="14:14">
      <c r="N931038" s="10"/>
    </row>
    <row r="931039" spans="14:14">
      <c r="N931039" s="10"/>
    </row>
    <row r="931040" spans="14:14">
      <c r="N931040" s="10"/>
    </row>
    <row r="931041" spans="14:14">
      <c r="N931041" s="10"/>
    </row>
    <row r="931042" spans="14:14">
      <c r="N931042" s="10"/>
    </row>
    <row r="931043" spans="14:14">
      <c r="N931043" s="10"/>
    </row>
    <row r="931044" spans="14:14">
      <c r="N931044" s="10"/>
    </row>
    <row r="931045" spans="14:14">
      <c r="N931045" s="10"/>
    </row>
    <row r="931046" spans="14:14">
      <c r="N931046" s="10"/>
    </row>
    <row r="931047" spans="14:14">
      <c r="N931047" s="10"/>
    </row>
    <row r="931048" spans="14:14">
      <c r="N931048" s="10"/>
    </row>
    <row r="931049" spans="14:14">
      <c r="N931049" s="10"/>
    </row>
    <row r="931050" spans="14:14">
      <c r="N931050" s="10"/>
    </row>
    <row r="931051" spans="14:14">
      <c r="N931051" s="10"/>
    </row>
    <row r="931052" spans="14:14">
      <c r="N931052" s="10"/>
    </row>
    <row r="931053" spans="14:14">
      <c r="N931053" s="10"/>
    </row>
    <row r="931054" spans="14:14">
      <c r="N931054" s="10"/>
    </row>
    <row r="931055" spans="14:14">
      <c r="N931055" s="10"/>
    </row>
    <row r="931056" spans="14:14">
      <c r="N931056" s="10"/>
    </row>
    <row r="931057" spans="14:14">
      <c r="N931057" s="10"/>
    </row>
    <row r="931058" spans="14:14">
      <c r="N931058" s="10"/>
    </row>
    <row r="931059" spans="14:14">
      <c r="N931059" s="10"/>
    </row>
    <row r="931060" spans="14:14">
      <c r="N931060" s="10"/>
    </row>
    <row r="931061" spans="14:14">
      <c r="N931061" s="10"/>
    </row>
    <row r="931062" spans="14:14">
      <c r="N931062" s="10"/>
    </row>
    <row r="931063" spans="14:14">
      <c r="N931063" s="10"/>
    </row>
    <row r="931064" spans="14:14">
      <c r="N931064" s="10"/>
    </row>
    <row r="931065" spans="14:14">
      <c r="N931065" s="10"/>
    </row>
    <row r="931066" spans="14:14">
      <c r="N931066" s="10"/>
    </row>
    <row r="931067" spans="14:14">
      <c r="N931067" s="10"/>
    </row>
    <row r="931068" spans="14:14">
      <c r="N931068" s="10"/>
    </row>
    <row r="931069" spans="14:14">
      <c r="N931069" s="10"/>
    </row>
    <row r="931070" spans="14:14">
      <c r="N931070" s="10"/>
    </row>
    <row r="931071" spans="14:14">
      <c r="N931071" s="10"/>
    </row>
    <row r="931072" spans="14:14">
      <c r="N931072" s="10"/>
    </row>
    <row r="931073" spans="14:14">
      <c r="N931073" s="10"/>
    </row>
    <row r="931074" spans="14:14">
      <c r="N931074" s="10"/>
    </row>
    <row r="931075" spans="14:14">
      <c r="N931075" s="10"/>
    </row>
    <row r="931076" spans="14:14">
      <c r="N931076" s="10"/>
    </row>
    <row r="931077" spans="14:14">
      <c r="N931077" s="10"/>
    </row>
    <row r="931078" spans="14:14">
      <c r="N931078" s="10"/>
    </row>
    <row r="931079" spans="14:14">
      <c r="N931079" s="10"/>
    </row>
    <row r="931080" spans="14:14">
      <c r="N931080" s="10"/>
    </row>
    <row r="931081" spans="14:14">
      <c r="N931081" s="10"/>
    </row>
    <row r="931082" spans="14:14">
      <c r="N931082" s="10"/>
    </row>
    <row r="931083" spans="14:14">
      <c r="N931083" s="10"/>
    </row>
    <row r="931084" spans="14:14">
      <c r="N931084" s="10"/>
    </row>
    <row r="931085" spans="14:14">
      <c r="N931085" s="10"/>
    </row>
    <row r="931086" spans="14:14">
      <c r="N931086" s="10"/>
    </row>
    <row r="931087" spans="14:14">
      <c r="N931087" s="10"/>
    </row>
    <row r="931088" spans="14:14">
      <c r="N931088" s="10"/>
    </row>
    <row r="931089" spans="14:14">
      <c r="N931089" s="10"/>
    </row>
    <row r="931090" spans="14:14">
      <c r="N931090" s="10"/>
    </row>
    <row r="931091" spans="14:14">
      <c r="N931091" s="10"/>
    </row>
    <row r="931092" spans="14:14">
      <c r="N931092" s="10"/>
    </row>
    <row r="931093" spans="14:14">
      <c r="N931093" s="10"/>
    </row>
    <row r="931094" spans="14:14">
      <c r="N931094" s="10"/>
    </row>
    <row r="931095" spans="14:14">
      <c r="N931095" s="10"/>
    </row>
    <row r="931096" spans="14:14">
      <c r="N931096" s="10"/>
    </row>
    <row r="931097" spans="14:14">
      <c r="N931097" s="10"/>
    </row>
    <row r="931098" spans="14:14">
      <c r="N931098" s="10"/>
    </row>
    <row r="931099" spans="14:14">
      <c r="N931099" s="10"/>
    </row>
    <row r="931100" spans="14:14">
      <c r="N931100" s="10"/>
    </row>
    <row r="931101" spans="14:14">
      <c r="N931101" s="10"/>
    </row>
    <row r="931102" spans="14:14">
      <c r="N931102" s="10"/>
    </row>
    <row r="931103" spans="14:14">
      <c r="N931103" s="10"/>
    </row>
    <row r="931104" spans="14:14">
      <c r="N931104" s="10"/>
    </row>
    <row r="931105" spans="14:14">
      <c r="N931105" s="10"/>
    </row>
    <row r="931106" spans="14:14">
      <c r="N931106" s="10"/>
    </row>
    <row r="931107" spans="14:14">
      <c r="N931107" s="10"/>
    </row>
    <row r="931108" spans="14:14">
      <c r="N931108" s="10"/>
    </row>
    <row r="931109" spans="14:14">
      <c r="N931109" s="10"/>
    </row>
    <row r="931110" spans="14:14">
      <c r="N931110" s="10"/>
    </row>
    <row r="931111" spans="14:14">
      <c r="N931111" s="10"/>
    </row>
    <row r="931112" spans="14:14">
      <c r="N931112" s="10"/>
    </row>
    <row r="931113" spans="14:14">
      <c r="N931113" s="10"/>
    </row>
    <row r="931114" spans="14:14">
      <c r="N931114" s="10"/>
    </row>
    <row r="931115" spans="14:14">
      <c r="N931115" s="10"/>
    </row>
    <row r="931116" spans="14:14">
      <c r="N931116" s="10"/>
    </row>
    <row r="931117" spans="14:14">
      <c r="N931117" s="10"/>
    </row>
    <row r="931118" spans="14:14">
      <c r="N931118" s="10"/>
    </row>
    <row r="931119" spans="14:14">
      <c r="N931119" s="10"/>
    </row>
    <row r="931120" spans="14:14">
      <c r="N931120" s="10"/>
    </row>
    <row r="931121" spans="14:14">
      <c r="N931121" s="10"/>
    </row>
    <row r="931122" spans="14:14">
      <c r="N931122" s="10"/>
    </row>
    <row r="931123" spans="14:14">
      <c r="N931123" s="10"/>
    </row>
    <row r="931124" spans="14:14">
      <c r="N931124" s="10"/>
    </row>
    <row r="931125" spans="14:14">
      <c r="N931125" s="10"/>
    </row>
    <row r="931126" spans="14:14">
      <c r="N931126" s="10"/>
    </row>
    <row r="931127" spans="14:14">
      <c r="N931127" s="10"/>
    </row>
    <row r="931128" spans="14:14">
      <c r="N931128" s="10"/>
    </row>
    <row r="931129" spans="14:14">
      <c r="N931129" s="10"/>
    </row>
    <row r="931130" spans="14:14">
      <c r="N931130" s="10"/>
    </row>
    <row r="931131" spans="14:14">
      <c r="N931131" s="10"/>
    </row>
    <row r="931132" spans="14:14">
      <c r="N931132" s="10"/>
    </row>
    <row r="931133" spans="14:14">
      <c r="N931133" s="10"/>
    </row>
    <row r="931134" spans="14:14">
      <c r="N931134" s="10"/>
    </row>
    <row r="931135" spans="14:14">
      <c r="N931135" s="10"/>
    </row>
    <row r="931136" spans="14:14">
      <c r="N931136" s="10"/>
    </row>
    <row r="931137" spans="14:14">
      <c r="N931137" s="10"/>
    </row>
    <row r="931138" spans="14:14">
      <c r="N931138" s="10"/>
    </row>
    <row r="931139" spans="14:14">
      <c r="N931139" s="10"/>
    </row>
    <row r="931140" spans="14:14">
      <c r="N931140" s="10"/>
    </row>
    <row r="931141" spans="14:14">
      <c r="N931141" s="10"/>
    </row>
    <row r="931142" spans="14:14">
      <c r="N931142" s="10"/>
    </row>
    <row r="931143" spans="14:14">
      <c r="N931143" s="10"/>
    </row>
    <row r="931144" spans="14:14">
      <c r="N931144" s="10"/>
    </row>
    <row r="931145" spans="14:14">
      <c r="N931145" s="10"/>
    </row>
    <row r="931146" spans="14:14">
      <c r="N931146" s="10"/>
    </row>
    <row r="931147" spans="14:14">
      <c r="N931147" s="10"/>
    </row>
    <row r="931148" spans="14:14">
      <c r="N931148" s="10"/>
    </row>
    <row r="931149" spans="14:14">
      <c r="N931149" s="10"/>
    </row>
    <row r="931150" spans="14:14">
      <c r="N931150" s="10"/>
    </row>
    <row r="931151" spans="14:14">
      <c r="N931151" s="10"/>
    </row>
    <row r="931152" spans="14:14">
      <c r="N931152" s="10"/>
    </row>
    <row r="931153" spans="14:14">
      <c r="N931153" s="10"/>
    </row>
    <row r="931154" spans="14:14">
      <c r="N931154" s="10"/>
    </row>
    <row r="931155" spans="14:14">
      <c r="N931155" s="10"/>
    </row>
    <row r="931156" spans="14:14">
      <c r="N931156" s="10"/>
    </row>
    <row r="931157" spans="14:14">
      <c r="N931157" s="10"/>
    </row>
    <row r="931158" spans="14:14">
      <c r="N931158" s="10"/>
    </row>
    <row r="931159" spans="14:14">
      <c r="N931159" s="10"/>
    </row>
    <row r="931160" spans="14:14">
      <c r="N931160" s="10"/>
    </row>
    <row r="931161" spans="14:14">
      <c r="N931161" s="10"/>
    </row>
    <row r="931162" spans="14:14">
      <c r="N931162" s="10"/>
    </row>
    <row r="931163" spans="14:14">
      <c r="N931163" s="10"/>
    </row>
    <row r="931164" spans="14:14">
      <c r="N931164" s="10"/>
    </row>
    <row r="931165" spans="14:14">
      <c r="N931165" s="10"/>
    </row>
    <row r="931166" spans="14:14">
      <c r="N931166" s="10"/>
    </row>
    <row r="931167" spans="14:14">
      <c r="N931167" s="10"/>
    </row>
    <row r="931168" spans="14:14">
      <c r="N931168" s="10"/>
    </row>
    <row r="931169" spans="14:14">
      <c r="N931169" s="10"/>
    </row>
    <row r="931170" spans="14:14">
      <c r="N931170" s="10"/>
    </row>
    <row r="931171" spans="14:14">
      <c r="N931171" s="10"/>
    </row>
    <row r="931172" spans="14:14">
      <c r="N931172" s="10"/>
    </row>
    <row r="931173" spans="14:14">
      <c r="N931173" s="10"/>
    </row>
    <row r="931174" spans="14:14">
      <c r="N931174" s="10"/>
    </row>
    <row r="931175" spans="14:14">
      <c r="N931175" s="10"/>
    </row>
    <row r="931176" spans="14:14">
      <c r="N931176" s="10"/>
    </row>
    <row r="931177" spans="14:14">
      <c r="N931177" s="10"/>
    </row>
    <row r="931178" spans="14:14">
      <c r="N931178" s="10"/>
    </row>
    <row r="931179" spans="14:14">
      <c r="N931179" s="10"/>
    </row>
    <row r="931180" spans="14:14">
      <c r="N931180" s="10"/>
    </row>
    <row r="931181" spans="14:14">
      <c r="N931181" s="10"/>
    </row>
    <row r="931182" spans="14:14">
      <c r="N931182" s="10"/>
    </row>
    <row r="931183" spans="14:14">
      <c r="N931183" s="10"/>
    </row>
    <row r="931184" spans="14:14">
      <c r="N931184" s="10"/>
    </row>
    <row r="931185" spans="14:14">
      <c r="N931185" s="10"/>
    </row>
    <row r="931186" spans="14:14">
      <c r="N931186" s="10"/>
    </row>
    <row r="931187" spans="14:14">
      <c r="N931187" s="10"/>
    </row>
    <row r="931188" spans="14:14">
      <c r="N931188" s="10"/>
    </row>
    <row r="931189" spans="14:14">
      <c r="N931189" s="10"/>
    </row>
    <row r="931190" spans="14:14">
      <c r="N931190" s="10"/>
    </row>
    <row r="931191" spans="14:14">
      <c r="N931191" s="10"/>
    </row>
    <row r="931192" spans="14:14">
      <c r="N931192" s="10"/>
    </row>
    <row r="931193" spans="14:14">
      <c r="N931193" s="10"/>
    </row>
    <row r="931194" spans="14:14">
      <c r="N931194" s="10"/>
    </row>
    <row r="931195" spans="14:14">
      <c r="N931195" s="10"/>
    </row>
    <row r="931196" spans="14:14">
      <c r="N931196" s="10"/>
    </row>
    <row r="931197" spans="14:14">
      <c r="N931197" s="10"/>
    </row>
    <row r="931198" spans="14:14">
      <c r="N931198" s="10"/>
    </row>
    <row r="931199" spans="14:14">
      <c r="N931199" s="10"/>
    </row>
    <row r="931200" spans="14:14">
      <c r="N931200" s="10"/>
    </row>
    <row r="931201" spans="14:14">
      <c r="N931201" s="10"/>
    </row>
    <row r="931202" spans="14:14">
      <c r="N931202" s="10"/>
    </row>
    <row r="931203" spans="14:14">
      <c r="N931203" s="10"/>
    </row>
    <row r="931204" spans="14:14">
      <c r="N931204" s="10"/>
    </row>
    <row r="931205" spans="14:14">
      <c r="N931205" s="10"/>
    </row>
    <row r="931206" spans="14:14">
      <c r="N931206" s="10"/>
    </row>
    <row r="931207" spans="14:14">
      <c r="N931207" s="10"/>
    </row>
    <row r="931208" spans="14:14">
      <c r="N931208" s="10"/>
    </row>
    <row r="931209" spans="14:14">
      <c r="N931209" s="10"/>
    </row>
    <row r="931210" spans="14:14">
      <c r="N931210" s="10"/>
    </row>
    <row r="931211" spans="14:14">
      <c r="N931211" s="10"/>
    </row>
    <row r="931212" spans="14:14">
      <c r="N931212" s="10"/>
    </row>
    <row r="931213" spans="14:14">
      <c r="N931213" s="10"/>
    </row>
    <row r="931214" spans="14:14">
      <c r="N931214" s="10"/>
    </row>
    <row r="931215" spans="14:14">
      <c r="N931215" s="10"/>
    </row>
    <row r="931216" spans="14:14">
      <c r="N931216" s="10"/>
    </row>
    <row r="931217" spans="14:14">
      <c r="N931217" s="10"/>
    </row>
    <row r="931218" spans="14:14">
      <c r="N931218" s="10"/>
    </row>
    <row r="931219" spans="14:14">
      <c r="N931219" s="10"/>
    </row>
    <row r="931220" spans="14:14">
      <c r="N931220" s="10"/>
    </row>
    <row r="931221" spans="14:14">
      <c r="N931221" s="10"/>
    </row>
    <row r="931222" spans="14:14">
      <c r="N931222" s="10"/>
    </row>
    <row r="931223" spans="14:14">
      <c r="N931223" s="10"/>
    </row>
    <row r="931224" spans="14:14">
      <c r="N931224" s="10"/>
    </row>
    <row r="931225" spans="14:14">
      <c r="N931225" s="10"/>
    </row>
    <row r="931226" spans="14:14">
      <c r="N931226" s="10"/>
    </row>
    <row r="931227" spans="14:14">
      <c r="N931227" s="10"/>
    </row>
    <row r="931228" spans="14:14">
      <c r="N931228" s="10"/>
    </row>
    <row r="931229" spans="14:14">
      <c r="N931229" s="10"/>
    </row>
    <row r="931230" spans="14:14">
      <c r="N931230" s="10"/>
    </row>
    <row r="931231" spans="14:14">
      <c r="N931231" s="10"/>
    </row>
    <row r="931232" spans="14:14">
      <c r="N931232" s="10"/>
    </row>
    <row r="931233" spans="14:14">
      <c r="N931233" s="10"/>
    </row>
    <row r="931234" spans="14:14">
      <c r="N931234" s="10"/>
    </row>
    <row r="931235" spans="14:14">
      <c r="N931235" s="10"/>
    </row>
    <row r="931236" spans="14:14">
      <c r="N931236" s="10"/>
    </row>
    <row r="931237" spans="14:14">
      <c r="N931237" s="10"/>
    </row>
    <row r="931238" spans="14:14">
      <c r="N931238" s="10"/>
    </row>
    <row r="931239" spans="14:14">
      <c r="N931239" s="10"/>
    </row>
    <row r="931240" spans="14:14">
      <c r="N931240" s="10"/>
    </row>
    <row r="931241" spans="14:14">
      <c r="N931241" s="10"/>
    </row>
    <row r="931242" spans="14:14">
      <c r="N931242" s="10"/>
    </row>
    <row r="931243" spans="14:14">
      <c r="N931243" s="10"/>
    </row>
    <row r="931244" spans="14:14">
      <c r="N931244" s="10"/>
    </row>
    <row r="931245" spans="14:14">
      <c r="N931245" s="10"/>
    </row>
    <row r="931246" spans="14:14">
      <c r="N931246" s="10"/>
    </row>
    <row r="931247" spans="14:14">
      <c r="N931247" s="10"/>
    </row>
    <row r="931248" spans="14:14">
      <c r="N931248" s="10"/>
    </row>
    <row r="931249" spans="14:14">
      <c r="N931249" s="10"/>
    </row>
    <row r="931250" spans="14:14">
      <c r="N931250" s="10"/>
    </row>
    <row r="931251" spans="14:14">
      <c r="N931251" s="10"/>
    </row>
    <row r="931252" spans="14:14">
      <c r="N931252" s="10"/>
    </row>
    <row r="931253" spans="14:14">
      <c r="N931253" s="10"/>
    </row>
    <row r="931254" spans="14:14">
      <c r="N931254" s="10"/>
    </row>
    <row r="931255" spans="14:14">
      <c r="N931255" s="10"/>
    </row>
    <row r="931256" spans="14:14">
      <c r="N931256" s="10"/>
    </row>
    <row r="931257" spans="14:14">
      <c r="N931257" s="10"/>
    </row>
    <row r="931258" spans="14:14">
      <c r="N931258" s="10"/>
    </row>
    <row r="931259" spans="14:14">
      <c r="N931259" s="10"/>
    </row>
    <row r="931260" spans="14:14">
      <c r="N931260" s="10"/>
    </row>
    <row r="931261" spans="14:14">
      <c r="N931261" s="10"/>
    </row>
    <row r="931262" spans="14:14">
      <c r="N931262" s="10"/>
    </row>
    <row r="931263" spans="14:14">
      <c r="N931263" s="10"/>
    </row>
    <row r="931264" spans="14:14">
      <c r="N931264" s="10"/>
    </row>
    <row r="931265" spans="14:14">
      <c r="N931265" s="10"/>
    </row>
    <row r="931266" spans="14:14">
      <c r="N931266" s="10"/>
    </row>
    <row r="931267" spans="14:14">
      <c r="N931267" s="10"/>
    </row>
    <row r="931268" spans="14:14">
      <c r="N931268" s="10"/>
    </row>
    <row r="931269" spans="14:14">
      <c r="N931269" s="10"/>
    </row>
    <row r="931270" spans="14:14">
      <c r="N931270" s="10"/>
    </row>
    <row r="931271" spans="14:14">
      <c r="N931271" s="10"/>
    </row>
    <row r="931272" spans="14:14">
      <c r="N931272" s="10"/>
    </row>
    <row r="931273" spans="14:14">
      <c r="N931273" s="10"/>
    </row>
    <row r="931274" spans="14:14">
      <c r="N931274" s="10"/>
    </row>
    <row r="931275" spans="14:14">
      <c r="N931275" s="10"/>
    </row>
    <row r="931276" spans="14:14">
      <c r="N931276" s="10"/>
    </row>
    <row r="931277" spans="14:14">
      <c r="N931277" s="10"/>
    </row>
    <row r="931278" spans="14:14">
      <c r="N931278" s="10"/>
    </row>
    <row r="931279" spans="14:14">
      <c r="N931279" s="10"/>
    </row>
    <row r="931280" spans="14:14">
      <c r="N931280" s="10"/>
    </row>
    <row r="931281" spans="14:14">
      <c r="N931281" s="10"/>
    </row>
    <row r="931282" spans="14:14">
      <c r="N931282" s="10"/>
    </row>
    <row r="931283" spans="14:14">
      <c r="N931283" s="10"/>
    </row>
    <row r="931284" spans="14:14">
      <c r="N931284" s="10"/>
    </row>
    <row r="931285" spans="14:14">
      <c r="N931285" s="10"/>
    </row>
    <row r="931286" spans="14:14">
      <c r="N931286" s="10"/>
    </row>
    <row r="931287" spans="14:14">
      <c r="N931287" s="10"/>
    </row>
    <row r="931288" spans="14:14">
      <c r="N931288" s="10"/>
    </row>
    <row r="931289" spans="14:14">
      <c r="N931289" s="10"/>
    </row>
    <row r="931290" spans="14:14">
      <c r="N931290" s="10"/>
    </row>
    <row r="931291" spans="14:14">
      <c r="N931291" s="10"/>
    </row>
    <row r="931292" spans="14:14">
      <c r="N931292" s="10"/>
    </row>
    <row r="931293" spans="14:14">
      <c r="N931293" s="10"/>
    </row>
    <row r="931294" spans="14:14">
      <c r="N931294" s="10"/>
    </row>
    <row r="931295" spans="14:14">
      <c r="N931295" s="10"/>
    </row>
    <row r="931296" spans="14:14">
      <c r="N931296" s="10"/>
    </row>
    <row r="931297" spans="14:14">
      <c r="N931297" s="10"/>
    </row>
    <row r="931298" spans="14:14">
      <c r="N931298" s="10"/>
    </row>
    <row r="931299" spans="14:14">
      <c r="N931299" s="10"/>
    </row>
    <row r="931300" spans="14:14">
      <c r="N931300" s="10"/>
    </row>
    <row r="931301" spans="14:14">
      <c r="N931301" s="10"/>
    </row>
    <row r="931302" spans="14:14">
      <c r="N931302" s="10"/>
    </row>
    <row r="931303" spans="14:14">
      <c r="N931303" s="10"/>
    </row>
    <row r="931304" spans="14:14">
      <c r="N931304" s="10"/>
    </row>
    <row r="931305" spans="14:14">
      <c r="N931305" s="10"/>
    </row>
    <row r="931306" spans="14:14">
      <c r="N931306" s="10"/>
    </row>
    <row r="931307" spans="14:14">
      <c r="N931307" s="10"/>
    </row>
    <row r="931308" spans="14:14">
      <c r="N931308" s="10"/>
    </row>
    <row r="931309" spans="14:14">
      <c r="N931309" s="10"/>
    </row>
    <row r="931310" spans="14:14">
      <c r="N931310" s="10"/>
    </row>
    <row r="931311" spans="14:14">
      <c r="N931311" s="10"/>
    </row>
    <row r="931312" spans="14:14">
      <c r="N931312" s="10"/>
    </row>
    <row r="931313" spans="14:14">
      <c r="N931313" s="10"/>
    </row>
    <row r="931314" spans="14:14">
      <c r="N931314" s="10"/>
    </row>
    <row r="931315" spans="14:14">
      <c r="N931315" s="10"/>
    </row>
    <row r="931316" spans="14:14">
      <c r="N931316" s="10"/>
    </row>
    <row r="931317" spans="14:14">
      <c r="N931317" s="10"/>
    </row>
    <row r="931318" spans="14:14">
      <c r="N931318" s="10"/>
    </row>
    <row r="931319" spans="14:14">
      <c r="N931319" s="10"/>
    </row>
    <row r="931320" spans="14:14">
      <c r="N931320" s="10"/>
    </row>
    <row r="931321" spans="14:14">
      <c r="N931321" s="10"/>
    </row>
    <row r="931322" spans="14:14">
      <c r="N931322" s="10"/>
    </row>
    <row r="931323" spans="14:14">
      <c r="N931323" s="10"/>
    </row>
    <row r="931324" spans="14:14">
      <c r="N931324" s="10"/>
    </row>
    <row r="931325" spans="14:14">
      <c r="N931325" s="10"/>
    </row>
    <row r="931326" spans="14:14">
      <c r="N931326" s="10"/>
    </row>
    <row r="931327" spans="14:14">
      <c r="N931327" s="10"/>
    </row>
    <row r="931328" spans="14:14">
      <c r="N931328" s="10"/>
    </row>
    <row r="931329" spans="14:14">
      <c r="N931329" s="10"/>
    </row>
    <row r="931330" spans="14:14">
      <c r="N931330" s="10"/>
    </row>
    <row r="931331" spans="14:14">
      <c r="N931331" s="10"/>
    </row>
    <row r="931332" spans="14:14">
      <c r="N931332" s="10"/>
    </row>
    <row r="931333" spans="14:14">
      <c r="N931333" s="10"/>
    </row>
    <row r="931334" spans="14:14">
      <c r="N931334" s="10"/>
    </row>
    <row r="931335" spans="14:14">
      <c r="N931335" s="10"/>
    </row>
    <row r="931336" spans="14:14">
      <c r="N931336" s="10"/>
    </row>
    <row r="931337" spans="14:14">
      <c r="N931337" s="10"/>
    </row>
    <row r="931338" spans="14:14">
      <c r="N931338" s="10"/>
    </row>
    <row r="931339" spans="14:14">
      <c r="N931339" s="10"/>
    </row>
    <row r="931340" spans="14:14">
      <c r="N931340" s="10"/>
    </row>
    <row r="931341" spans="14:14">
      <c r="N931341" s="10"/>
    </row>
    <row r="931342" spans="14:14">
      <c r="N931342" s="10"/>
    </row>
    <row r="931343" spans="14:14">
      <c r="N931343" s="10"/>
    </row>
    <row r="931344" spans="14:14">
      <c r="N931344" s="10"/>
    </row>
    <row r="931345" spans="14:14">
      <c r="N931345" s="10"/>
    </row>
    <row r="931346" spans="14:14">
      <c r="N931346" s="10"/>
    </row>
    <row r="931347" spans="14:14">
      <c r="N931347" s="10"/>
    </row>
    <row r="931348" spans="14:14">
      <c r="N931348" s="10"/>
    </row>
    <row r="931349" spans="14:14">
      <c r="N931349" s="10"/>
    </row>
    <row r="931350" spans="14:14">
      <c r="N931350" s="10"/>
    </row>
    <row r="931351" spans="14:14">
      <c r="N931351" s="10"/>
    </row>
    <row r="931352" spans="14:14">
      <c r="N931352" s="10"/>
    </row>
    <row r="931353" spans="14:14">
      <c r="N931353" s="10"/>
    </row>
    <row r="931354" spans="14:14">
      <c r="N931354" s="10"/>
    </row>
    <row r="931355" spans="14:14">
      <c r="N931355" s="10"/>
    </row>
    <row r="931356" spans="14:14">
      <c r="N931356" s="10"/>
    </row>
    <row r="931357" spans="14:14">
      <c r="N931357" s="10"/>
    </row>
    <row r="931358" spans="14:14">
      <c r="N931358" s="10"/>
    </row>
    <row r="931359" spans="14:14">
      <c r="N931359" s="10"/>
    </row>
    <row r="931360" spans="14:14">
      <c r="N931360" s="10"/>
    </row>
    <row r="931361" spans="14:14">
      <c r="N931361" s="10"/>
    </row>
    <row r="931362" spans="14:14">
      <c r="N931362" s="10"/>
    </row>
    <row r="931363" spans="14:14">
      <c r="N931363" s="10"/>
    </row>
    <row r="931364" spans="14:14">
      <c r="N931364" s="10"/>
    </row>
    <row r="931365" spans="14:14">
      <c r="N931365" s="10"/>
    </row>
    <row r="931366" spans="14:14">
      <c r="N931366" s="10"/>
    </row>
    <row r="931367" spans="14:14">
      <c r="N931367" s="10"/>
    </row>
    <row r="931368" spans="14:14">
      <c r="N931368" s="10"/>
    </row>
    <row r="931369" spans="14:14">
      <c r="N931369" s="10"/>
    </row>
    <row r="931370" spans="14:14">
      <c r="N931370" s="10"/>
    </row>
    <row r="931371" spans="14:14">
      <c r="N931371" s="10"/>
    </row>
    <row r="931372" spans="14:14">
      <c r="N931372" s="10"/>
    </row>
    <row r="931373" spans="14:14">
      <c r="N931373" s="10"/>
    </row>
    <row r="931374" spans="14:14">
      <c r="N931374" s="10"/>
    </row>
    <row r="931375" spans="14:14">
      <c r="N931375" s="10"/>
    </row>
    <row r="931376" spans="14:14">
      <c r="N931376" s="10"/>
    </row>
    <row r="931377" spans="14:14">
      <c r="N931377" s="10"/>
    </row>
    <row r="931378" spans="14:14">
      <c r="N931378" s="10"/>
    </row>
    <row r="931379" spans="14:14">
      <c r="N931379" s="10"/>
    </row>
    <row r="931380" spans="14:14">
      <c r="N931380" s="10"/>
    </row>
    <row r="931381" spans="14:14">
      <c r="N931381" s="10"/>
    </row>
    <row r="931382" spans="14:14">
      <c r="N931382" s="10"/>
    </row>
    <row r="931383" spans="14:14">
      <c r="N931383" s="10"/>
    </row>
    <row r="931384" spans="14:14">
      <c r="N931384" s="10"/>
    </row>
    <row r="931385" spans="14:14">
      <c r="N931385" s="10"/>
    </row>
    <row r="931386" spans="14:14">
      <c r="N931386" s="10"/>
    </row>
    <row r="931387" spans="14:14">
      <c r="N931387" s="10"/>
    </row>
    <row r="931388" spans="14:14">
      <c r="N931388" s="10"/>
    </row>
    <row r="931389" spans="14:14">
      <c r="N931389" s="10"/>
    </row>
    <row r="931390" spans="14:14">
      <c r="N931390" s="10"/>
    </row>
    <row r="931391" spans="14:14">
      <c r="N931391" s="10"/>
    </row>
    <row r="931392" spans="14:14">
      <c r="N931392" s="10"/>
    </row>
    <row r="931393" spans="14:14">
      <c r="N931393" s="10"/>
    </row>
    <row r="931394" spans="14:14">
      <c r="N931394" s="10"/>
    </row>
    <row r="931395" spans="14:14">
      <c r="N931395" s="10"/>
    </row>
    <row r="931396" spans="14:14">
      <c r="N931396" s="10"/>
    </row>
    <row r="931397" spans="14:14">
      <c r="N931397" s="10"/>
    </row>
    <row r="931398" spans="14:14">
      <c r="N931398" s="10"/>
    </row>
    <row r="931399" spans="14:14">
      <c r="N931399" s="10"/>
    </row>
    <row r="931400" spans="14:14">
      <c r="N931400" s="10"/>
    </row>
    <row r="931401" spans="14:14">
      <c r="N931401" s="10"/>
    </row>
    <row r="931402" spans="14:14">
      <c r="N931402" s="10"/>
    </row>
    <row r="931403" spans="14:14">
      <c r="N931403" s="10"/>
    </row>
    <row r="931404" spans="14:14">
      <c r="N931404" s="10"/>
    </row>
    <row r="931405" spans="14:14">
      <c r="N931405" s="10"/>
    </row>
    <row r="931406" spans="14:14">
      <c r="N931406" s="10"/>
    </row>
    <row r="931407" spans="14:14">
      <c r="N931407" s="10"/>
    </row>
    <row r="931408" spans="14:14">
      <c r="N931408" s="10"/>
    </row>
    <row r="931409" spans="14:14">
      <c r="N931409" s="10"/>
    </row>
    <row r="931410" spans="14:14">
      <c r="N931410" s="10"/>
    </row>
    <row r="931411" spans="14:14">
      <c r="N931411" s="10"/>
    </row>
    <row r="931412" spans="14:14">
      <c r="N931412" s="10"/>
    </row>
    <row r="931413" spans="14:14">
      <c r="N931413" s="10"/>
    </row>
    <row r="931414" spans="14:14">
      <c r="N931414" s="10"/>
    </row>
    <row r="931415" spans="14:14">
      <c r="N931415" s="10"/>
    </row>
    <row r="931416" spans="14:14">
      <c r="N931416" s="10"/>
    </row>
    <row r="931417" spans="14:14">
      <c r="N931417" s="10"/>
    </row>
    <row r="931418" spans="14:14">
      <c r="N931418" s="10"/>
    </row>
    <row r="931419" spans="14:14">
      <c r="N931419" s="10"/>
    </row>
    <row r="931420" spans="14:14">
      <c r="N931420" s="10"/>
    </row>
    <row r="931421" spans="14:14">
      <c r="N931421" s="10"/>
    </row>
    <row r="931422" spans="14:14">
      <c r="N931422" s="10"/>
    </row>
    <row r="931423" spans="14:14">
      <c r="N931423" s="10"/>
    </row>
    <row r="931424" spans="14:14">
      <c r="N931424" s="10"/>
    </row>
    <row r="931425" spans="14:14">
      <c r="N931425" s="10"/>
    </row>
    <row r="931426" spans="14:14">
      <c r="N931426" s="10"/>
    </row>
    <row r="931427" spans="14:14">
      <c r="N931427" s="10"/>
    </row>
    <row r="931428" spans="14:14">
      <c r="N931428" s="10"/>
    </row>
    <row r="931429" spans="14:14">
      <c r="N931429" s="10"/>
    </row>
    <row r="931430" spans="14:14">
      <c r="N931430" s="10"/>
    </row>
    <row r="931431" spans="14:14">
      <c r="N931431" s="10"/>
    </row>
    <row r="931432" spans="14:14">
      <c r="N931432" s="10"/>
    </row>
    <row r="931433" spans="14:14">
      <c r="N931433" s="10"/>
    </row>
    <row r="931434" spans="14:14">
      <c r="N931434" s="10"/>
    </row>
    <row r="931435" spans="14:14">
      <c r="N931435" s="10"/>
    </row>
    <row r="931436" spans="14:14">
      <c r="N931436" s="10"/>
    </row>
    <row r="931437" spans="14:14">
      <c r="N931437" s="10"/>
    </row>
    <row r="931438" spans="14:14">
      <c r="N931438" s="10"/>
    </row>
    <row r="931439" spans="14:14">
      <c r="N931439" s="10"/>
    </row>
    <row r="931440" spans="14:14">
      <c r="N931440" s="10"/>
    </row>
    <row r="931441" spans="14:14">
      <c r="N931441" s="10"/>
    </row>
    <row r="931442" spans="14:14">
      <c r="N931442" s="10"/>
    </row>
    <row r="931443" spans="14:14">
      <c r="N931443" s="10"/>
    </row>
    <row r="931444" spans="14:14">
      <c r="N931444" s="10"/>
    </row>
    <row r="931445" spans="14:14">
      <c r="N931445" s="10"/>
    </row>
    <row r="931446" spans="14:14">
      <c r="N931446" s="10"/>
    </row>
    <row r="931447" spans="14:14">
      <c r="N931447" s="10"/>
    </row>
    <row r="931448" spans="14:14">
      <c r="N931448" s="10"/>
    </row>
    <row r="931449" spans="14:14">
      <c r="N931449" s="10"/>
    </row>
    <row r="931450" spans="14:14">
      <c r="N931450" s="10"/>
    </row>
    <row r="931451" spans="14:14">
      <c r="N931451" s="10"/>
    </row>
    <row r="931452" spans="14:14">
      <c r="N931452" s="10"/>
    </row>
    <row r="931453" spans="14:14">
      <c r="N931453" s="10"/>
    </row>
    <row r="931454" spans="14:14">
      <c r="N931454" s="10"/>
    </row>
    <row r="931455" spans="14:14">
      <c r="N931455" s="10"/>
    </row>
    <row r="931456" spans="14:14">
      <c r="N931456" s="10"/>
    </row>
    <row r="931457" spans="14:14">
      <c r="N931457" s="10"/>
    </row>
    <row r="931458" spans="14:14">
      <c r="N931458" s="10"/>
    </row>
    <row r="931459" spans="14:14">
      <c r="N931459" s="10"/>
    </row>
    <row r="931460" spans="14:14">
      <c r="N931460" s="10"/>
    </row>
    <row r="931461" spans="14:14">
      <c r="N931461" s="10"/>
    </row>
    <row r="931462" spans="14:14">
      <c r="N931462" s="10"/>
    </row>
    <row r="931463" spans="14:14">
      <c r="N931463" s="10"/>
    </row>
    <row r="931464" spans="14:14">
      <c r="N931464" s="10"/>
    </row>
    <row r="931465" spans="14:14">
      <c r="N931465" s="10"/>
    </row>
    <row r="931466" spans="14:14">
      <c r="N931466" s="10"/>
    </row>
    <row r="931467" spans="14:14">
      <c r="N931467" s="10"/>
    </row>
    <row r="931468" spans="14:14">
      <c r="N931468" s="10"/>
    </row>
    <row r="931469" spans="14:14">
      <c r="N931469" s="10"/>
    </row>
    <row r="931470" spans="14:14">
      <c r="N931470" s="10"/>
    </row>
    <row r="931471" spans="14:14">
      <c r="N931471" s="10"/>
    </row>
    <row r="931472" spans="14:14">
      <c r="N931472" s="10"/>
    </row>
    <row r="931473" spans="14:14">
      <c r="N931473" s="10"/>
    </row>
    <row r="931474" spans="14:14">
      <c r="N931474" s="10"/>
    </row>
    <row r="931475" spans="14:14">
      <c r="N931475" s="10"/>
    </row>
    <row r="931476" spans="14:14">
      <c r="N931476" s="10"/>
    </row>
    <row r="931477" spans="14:14">
      <c r="N931477" s="10"/>
    </row>
    <row r="931478" spans="14:14">
      <c r="N931478" s="10"/>
    </row>
    <row r="931479" spans="14:14">
      <c r="N931479" s="10"/>
    </row>
    <row r="931480" spans="14:14">
      <c r="N931480" s="10"/>
    </row>
    <row r="931481" spans="14:14">
      <c r="N931481" s="10"/>
    </row>
    <row r="931482" spans="14:14">
      <c r="N931482" s="10"/>
    </row>
    <row r="931483" spans="14:14">
      <c r="N931483" s="10"/>
    </row>
    <row r="931484" spans="14:14">
      <c r="N931484" s="10"/>
    </row>
    <row r="931485" spans="14:14">
      <c r="N931485" s="10"/>
    </row>
    <row r="931486" spans="14:14">
      <c r="N931486" s="10"/>
    </row>
    <row r="931487" spans="14:14">
      <c r="N931487" s="10"/>
    </row>
    <row r="931488" spans="14:14">
      <c r="N931488" s="10"/>
    </row>
    <row r="931489" spans="14:14">
      <c r="N931489" s="10"/>
    </row>
    <row r="931490" spans="14:14">
      <c r="N931490" s="10"/>
    </row>
    <row r="931491" spans="14:14">
      <c r="N931491" s="10"/>
    </row>
    <row r="931492" spans="14:14">
      <c r="N931492" s="10"/>
    </row>
    <row r="931493" spans="14:14">
      <c r="N931493" s="10"/>
    </row>
    <row r="931494" spans="14:14">
      <c r="N931494" s="10"/>
    </row>
    <row r="931495" spans="14:14">
      <c r="N931495" s="10"/>
    </row>
    <row r="931496" spans="14:14">
      <c r="N931496" s="10"/>
    </row>
    <row r="931497" spans="14:14">
      <c r="N931497" s="10"/>
    </row>
    <row r="931498" spans="14:14">
      <c r="N931498" s="10"/>
    </row>
    <row r="931499" spans="14:14">
      <c r="N931499" s="10"/>
    </row>
    <row r="931500" spans="14:14">
      <c r="N931500" s="10"/>
    </row>
    <row r="931501" spans="14:14">
      <c r="N931501" s="10"/>
    </row>
    <row r="931502" spans="14:14">
      <c r="N931502" s="10"/>
    </row>
    <row r="931503" spans="14:14">
      <c r="N931503" s="10"/>
    </row>
    <row r="931504" spans="14:14">
      <c r="N931504" s="10"/>
    </row>
    <row r="931505" spans="14:14">
      <c r="N931505" s="10"/>
    </row>
    <row r="931506" spans="14:14">
      <c r="N931506" s="10"/>
    </row>
    <row r="931507" spans="14:14">
      <c r="N931507" s="10"/>
    </row>
    <row r="931508" spans="14:14">
      <c r="N931508" s="10"/>
    </row>
    <row r="931509" spans="14:14">
      <c r="N931509" s="10"/>
    </row>
    <row r="931510" spans="14:14">
      <c r="N931510" s="10"/>
    </row>
    <row r="931511" spans="14:14">
      <c r="N931511" s="10"/>
    </row>
    <row r="931512" spans="14:14">
      <c r="N931512" s="10"/>
    </row>
    <row r="931513" spans="14:14">
      <c r="N931513" s="10"/>
    </row>
    <row r="931514" spans="14:14">
      <c r="N931514" s="10"/>
    </row>
    <row r="931515" spans="14:14">
      <c r="N931515" s="10"/>
    </row>
    <row r="931516" spans="14:14">
      <c r="N931516" s="10"/>
    </row>
    <row r="931517" spans="14:14">
      <c r="N931517" s="10"/>
    </row>
    <row r="931518" spans="14:14">
      <c r="N931518" s="10"/>
    </row>
    <row r="931519" spans="14:14">
      <c r="N931519" s="10"/>
    </row>
    <row r="931520" spans="14:14">
      <c r="N931520" s="10"/>
    </row>
    <row r="931521" spans="14:14">
      <c r="N931521" s="10"/>
    </row>
    <row r="931522" spans="14:14">
      <c r="N931522" s="10"/>
    </row>
    <row r="931523" spans="14:14">
      <c r="N931523" s="10"/>
    </row>
    <row r="931524" spans="14:14">
      <c r="N931524" s="10"/>
    </row>
    <row r="931525" spans="14:14">
      <c r="N931525" s="10"/>
    </row>
    <row r="931526" spans="14:14">
      <c r="N931526" s="10"/>
    </row>
    <row r="931527" spans="14:14">
      <c r="N931527" s="10"/>
    </row>
    <row r="931528" spans="14:14">
      <c r="N931528" s="10"/>
    </row>
    <row r="931529" spans="14:14">
      <c r="N931529" s="10"/>
    </row>
    <row r="931530" spans="14:14">
      <c r="N931530" s="10"/>
    </row>
    <row r="931531" spans="14:14">
      <c r="N931531" s="10"/>
    </row>
    <row r="931532" spans="14:14">
      <c r="N931532" s="10"/>
    </row>
    <row r="931533" spans="14:14">
      <c r="N931533" s="10"/>
    </row>
    <row r="931534" spans="14:14">
      <c r="N931534" s="10"/>
    </row>
    <row r="931535" spans="14:14">
      <c r="N931535" s="10"/>
    </row>
    <row r="931536" spans="14:14">
      <c r="N931536" s="10"/>
    </row>
    <row r="931537" spans="14:14">
      <c r="N931537" s="10"/>
    </row>
    <row r="931538" spans="14:14">
      <c r="N931538" s="10"/>
    </row>
    <row r="931539" spans="14:14">
      <c r="N931539" s="10"/>
    </row>
    <row r="931540" spans="14:14">
      <c r="N931540" s="10"/>
    </row>
    <row r="931541" spans="14:14">
      <c r="N931541" s="10"/>
    </row>
    <row r="931542" spans="14:14">
      <c r="N931542" s="10"/>
    </row>
    <row r="931543" spans="14:14">
      <c r="N931543" s="10"/>
    </row>
    <row r="931544" spans="14:14">
      <c r="N931544" s="10"/>
    </row>
    <row r="931545" spans="14:14">
      <c r="N931545" s="10"/>
    </row>
    <row r="931546" spans="14:14">
      <c r="N931546" s="10"/>
    </row>
    <row r="931547" spans="14:14">
      <c r="N931547" s="10"/>
    </row>
    <row r="931548" spans="14:14">
      <c r="N931548" s="10"/>
    </row>
    <row r="931549" spans="14:14">
      <c r="N931549" s="10"/>
    </row>
    <row r="931550" spans="14:14">
      <c r="N931550" s="10"/>
    </row>
    <row r="931551" spans="14:14">
      <c r="N931551" s="10"/>
    </row>
    <row r="931552" spans="14:14">
      <c r="N931552" s="10"/>
    </row>
    <row r="931553" spans="14:14">
      <c r="N931553" s="10"/>
    </row>
    <row r="931554" spans="14:14">
      <c r="N931554" s="10"/>
    </row>
    <row r="931555" spans="14:14">
      <c r="N931555" s="10"/>
    </row>
    <row r="931556" spans="14:14">
      <c r="N931556" s="10"/>
    </row>
    <row r="931557" spans="14:14">
      <c r="N931557" s="10"/>
    </row>
    <row r="931558" spans="14:14">
      <c r="N931558" s="10"/>
    </row>
    <row r="931559" spans="14:14">
      <c r="N931559" s="10"/>
    </row>
    <row r="931560" spans="14:14">
      <c r="N931560" s="10"/>
    </row>
    <row r="931561" spans="14:14">
      <c r="N931561" s="10"/>
    </row>
    <row r="931562" spans="14:14">
      <c r="N931562" s="10"/>
    </row>
    <row r="931563" spans="14:14">
      <c r="N931563" s="10"/>
    </row>
    <row r="931564" spans="14:14">
      <c r="N931564" s="10"/>
    </row>
    <row r="931565" spans="14:14">
      <c r="N931565" s="10"/>
    </row>
    <row r="931566" spans="14:14">
      <c r="N931566" s="10"/>
    </row>
    <row r="931567" spans="14:14">
      <c r="N931567" s="10"/>
    </row>
    <row r="931568" spans="14:14">
      <c r="N931568" s="10"/>
    </row>
    <row r="931569" spans="14:14">
      <c r="N931569" s="10"/>
    </row>
    <row r="931570" spans="14:14">
      <c r="N931570" s="10"/>
    </row>
    <row r="931571" spans="14:14">
      <c r="N931571" s="10"/>
    </row>
    <row r="931572" spans="14:14">
      <c r="N931572" s="10"/>
    </row>
    <row r="931573" spans="14:14">
      <c r="N931573" s="10"/>
    </row>
    <row r="931574" spans="14:14">
      <c r="N931574" s="10"/>
    </row>
    <row r="931575" spans="14:14">
      <c r="N931575" s="10"/>
    </row>
    <row r="931576" spans="14:14">
      <c r="N931576" s="10"/>
    </row>
    <row r="931577" spans="14:14">
      <c r="N931577" s="10"/>
    </row>
    <row r="931578" spans="14:14">
      <c r="N931578" s="10"/>
    </row>
    <row r="931579" spans="14:14">
      <c r="N931579" s="10"/>
    </row>
    <row r="931580" spans="14:14">
      <c r="N931580" s="10"/>
    </row>
    <row r="931581" spans="14:14">
      <c r="N931581" s="10"/>
    </row>
    <row r="931582" spans="14:14">
      <c r="N931582" s="10"/>
    </row>
    <row r="931583" spans="14:14">
      <c r="N931583" s="10"/>
    </row>
    <row r="931584" spans="14:14">
      <c r="N931584" s="10"/>
    </row>
    <row r="931585" spans="14:14">
      <c r="N931585" s="10"/>
    </row>
    <row r="931586" spans="14:14">
      <c r="N931586" s="10"/>
    </row>
    <row r="931587" spans="14:14">
      <c r="N931587" s="10"/>
    </row>
    <row r="931588" spans="14:14">
      <c r="N931588" s="10"/>
    </row>
    <row r="931589" spans="14:14">
      <c r="N931589" s="10"/>
    </row>
    <row r="931590" spans="14:14">
      <c r="N931590" s="10"/>
    </row>
    <row r="931591" spans="14:14">
      <c r="N931591" s="10"/>
    </row>
    <row r="931592" spans="14:14">
      <c r="N931592" s="10"/>
    </row>
    <row r="931593" spans="14:14">
      <c r="N931593" s="10"/>
    </row>
    <row r="931594" spans="14:14">
      <c r="N931594" s="10"/>
    </row>
    <row r="931595" spans="14:14">
      <c r="N931595" s="10"/>
    </row>
    <row r="931596" spans="14:14">
      <c r="N931596" s="10"/>
    </row>
    <row r="931597" spans="14:14">
      <c r="N931597" s="10"/>
    </row>
    <row r="931598" spans="14:14">
      <c r="N931598" s="10"/>
    </row>
    <row r="931599" spans="14:14">
      <c r="N931599" s="10"/>
    </row>
    <row r="931600" spans="14:14">
      <c r="N931600" s="10"/>
    </row>
    <row r="931601" spans="14:14">
      <c r="N931601" s="10"/>
    </row>
    <row r="931602" spans="14:14">
      <c r="N931602" s="10"/>
    </row>
    <row r="931603" spans="14:14">
      <c r="N931603" s="10"/>
    </row>
    <row r="931604" spans="14:14">
      <c r="N931604" s="10"/>
    </row>
    <row r="931605" spans="14:14">
      <c r="N931605" s="10"/>
    </row>
    <row r="931606" spans="14:14">
      <c r="N931606" s="10"/>
    </row>
    <row r="931607" spans="14:14">
      <c r="N931607" s="10"/>
    </row>
    <row r="931608" spans="14:14">
      <c r="N931608" s="10"/>
    </row>
    <row r="931609" spans="14:14">
      <c r="N931609" s="10"/>
    </row>
    <row r="931610" spans="14:14">
      <c r="N931610" s="10"/>
    </row>
    <row r="931611" spans="14:14">
      <c r="N931611" s="10"/>
    </row>
    <row r="931612" spans="14:14">
      <c r="N931612" s="10"/>
    </row>
    <row r="931613" spans="14:14">
      <c r="N931613" s="10"/>
    </row>
    <row r="931614" spans="14:14">
      <c r="N931614" s="10"/>
    </row>
    <row r="931615" spans="14:14">
      <c r="N931615" s="10"/>
    </row>
    <row r="931616" spans="14:14">
      <c r="N931616" s="10"/>
    </row>
    <row r="931617" spans="14:14">
      <c r="N931617" s="10"/>
    </row>
    <row r="931618" spans="14:14">
      <c r="N931618" s="10"/>
    </row>
    <row r="931619" spans="14:14">
      <c r="N931619" s="10"/>
    </row>
    <row r="931620" spans="14:14">
      <c r="N931620" s="10"/>
    </row>
    <row r="931621" spans="14:14">
      <c r="N931621" s="10"/>
    </row>
    <row r="931622" spans="14:14">
      <c r="N931622" s="10"/>
    </row>
    <row r="931623" spans="14:14">
      <c r="N931623" s="10"/>
    </row>
    <row r="931624" spans="14:14">
      <c r="N931624" s="10"/>
    </row>
    <row r="931625" spans="14:14">
      <c r="N931625" s="10"/>
    </row>
    <row r="931626" spans="14:14">
      <c r="N931626" s="10"/>
    </row>
    <row r="931627" spans="14:14">
      <c r="N931627" s="10"/>
    </row>
    <row r="931628" spans="14:14">
      <c r="N931628" s="10"/>
    </row>
    <row r="931629" spans="14:14">
      <c r="N931629" s="10"/>
    </row>
    <row r="931630" spans="14:14">
      <c r="N931630" s="10"/>
    </row>
    <row r="931631" spans="14:14">
      <c r="N931631" s="10"/>
    </row>
    <row r="931632" spans="14:14">
      <c r="N931632" s="10"/>
    </row>
    <row r="931633" spans="14:14">
      <c r="N931633" s="10"/>
    </row>
    <row r="931634" spans="14:14">
      <c r="N931634" s="10"/>
    </row>
    <row r="931635" spans="14:14">
      <c r="N931635" s="10"/>
    </row>
    <row r="931636" spans="14:14">
      <c r="N931636" s="10"/>
    </row>
    <row r="931637" spans="14:14">
      <c r="N931637" s="10"/>
    </row>
    <row r="931638" spans="14:14">
      <c r="N931638" s="10"/>
    </row>
    <row r="931639" spans="14:14">
      <c r="N931639" s="10"/>
    </row>
    <row r="931640" spans="14:14">
      <c r="N931640" s="10"/>
    </row>
    <row r="931641" spans="14:14">
      <c r="N931641" s="10"/>
    </row>
    <row r="931642" spans="14:14">
      <c r="N931642" s="10"/>
    </row>
    <row r="931643" spans="14:14">
      <c r="N931643" s="10"/>
    </row>
    <row r="931644" spans="14:14">
      <c r="N931644" s="10"/>
    </row>
    <row r="931645" spans="14:14">
      <c r="N931645" s="10"/>
    </row>
    <row r="931646" spans="14:14">
      <c r="N931646" s="10"/>
    </row>
    <row r="931647" spans="14:14">
      <c r="N931647" s="10"/>
    </row>
    <row r="931648" spans="14:14">
      <c r="N931648" s="10"/>
    </row>
    <row r="931649" spans="14:14">
      <c r="N931649" s="10"/>
    </row>
    <row r="931650" spans="14:14">
      <c r="N931650" s="10"/>
    </row>
    <row r="931651" spans="14:14">
      <c r="N931651" s="10"/>
    </row>
    <row r="931652" spans="14:14">
      <c r="N931652" s="10"/>
    </row>
    <row r="931653" spans="14:14">
      <c r="N931653" s="10"/>
    </row>
    <row r="931654" spans="14:14">
      <c r="N931654" s="10"/>
    </row>
    <row r="931655" spans="14:14">
      <c r="N931655" s="10"/>
    </row>
    <row r="931656" spans="14:14">
      <c r="N931656" s="10"/>
    </row>
    <row r="931657" spans="14:14">
      <c r="N931657" s="10"/>
    </row>
    <row r="931658" spans="14:14">
      <c r="N931658" s="10"/>
    </row>
    <row r="931659" spans="14:14">
      <c r="N931659" s="10"/>
    </row>
    <row r="931660" spans="14:14">
      <c r="N931660" s="10"/>
    </row>
    <row r="931661" spans="14:14">
      <c r="N931661" s="10"/>
    </row>
    <row r="931662" spans="14:14">
      <c r="N931662" s="10"/>
    </row>
    <row r="931663" spans="14:14">
      <c r="N931663" s="10"/>
    </row>
    <row r="931664" spans="14:14">
      <c r="N931664" s="10"/>
    </row>
    <row r="931665" spans="14:14">
      <c r="N931665" s="10"/>
    </row>
    <row r="931666" spans="14:14">
      <c r="N931666" s="10"/>
    </row>
    <row r="931667" spans="14:14">
      <c r="N931667" s="10"/>
    </row>
    <row r="931668" spans="14:14">
      <c r="N931668" s="10"/>
    </row>
    <row r="931669" spans="14:14">
      <c r="N931669" s="10"/>
    </row>
    <row r="931670" spans="14:14">
      <c r="N931670" s="10"/>
    </row>
    <row r="931671" spans="14:14">
      <c r="N931671" s="10"/>
    </row>
    <row r="931672" spans="14:14">
      <c r="N931672" s="10"/>
    </row>
    <row r="931673" spans="14:14">
      <c r="N931673" s="10"/>
    </row>
    <row r="931674" spans="14:14">
      <c r="N931674" s="10"/>
    </row>
    <row r="931675" spans="14:14">
      <c r="N931675" s="10"/>
    </row>
    <row r="931676" spans="14:14">
      <c r="N931676" s="10"/>
    </row>
    <row r="931677" spans="14:14">
      <c r="N931677" s="10"/>
    </row>
    <row r="931678" spans="14:14">
      <c r="N931678" s="10"/>
    </row>
    <row r="931679" spans="14:14">
      <c r="N931679" s="10"/>
    </row>
    <row r="931680" spans="14:14">
      <c r="N931680" s="10"/>
    </row>
    <row r="931681" spans="14:14">
      <c r="N931681" s="10"/>
    </row>
    <row r="931682" spans="14:14">
      <c r="N931682" s="10"/>
    </row>
    <row r="931683" spans="14:14">
      <c r="N931683" s="10"/>
    </row>
    <row r="931684" spans="14:14">
      <c r="N931684" s="10"/>
    </row>
    <row r="931685" spans="14:14">
      <c r="N931685" s="10"/>
    </row>
    <row r="931686" spans="14:14">
      <c r="N931686" s="10"/>
    </row>
    <row r="931687" spans="14:14">
      <c r="N931687" s="10"/>
    </row>
    <row r="931688" spans="14:14">
      <c r="N931688" s="10"/>
    </row>
    <row r="931689" spans="14:14">
      <c r="N931689" s="10"/>
    </row>
    <row r="931690" spans="14:14">
      <c r="N931690" s="10"/>
    </row>
    <row r="931691" spans="14:14">
      <c r="N931691" s="10"/>
    </row>
    <row r="931692" spans="14:14">
      <c r="N931692" s="10"/>
    </row>
    <row r="931693" spans="14:14">
      <c r="N931693" s="10"/>
    </row>
    <row r="931694" spans="14:14">
      <c r="N931694" s="10"/>
    </row>
    <row r="931695" spans="14:14">
      <c r="N931695" s="10"/>
    </row>
    <row r="931696" spans="14:14">
      <c r="N931696" s="10"/>
    </row>
    <row r="931697" spans="14:14">
      <c r="N931697" s="10"/>
    </row>
    <row r="931698" spans="14:14">
      <c r="N931698" s="10"/>
    </row>
    <row r="931699" spans="14:14">
      <c r="N931699" s="10"/>
    </row>
    <row r="931700" spans="14:14">
      <c r="N931700" s="10"/>
    </row>
    <row r="931701" spans="14:14">
      <c r="N931701" s="10"/>
    </row>
    <row r="931702" spans="14:14">
      <c r="N931702" s="10"/>
    </row>
    <row r="931703" spans="14:14">
      <c r="N931703" s="10"/>
    </row>
    <row r="931704" spans="14:14">
      <c r="N931704" s="10"/>
    </row>
    <row r="931705" spans="14:14">
      <c r="N931705" s="10"/>
    </row>
    <row r="931706" spans="14:14">
      <c r="N931706" s="10"/>
    </row>
    <row r="931707" spans="14:14">
      <c r="N931707" s="10"/>
    </row>
    <row r="931708" spans="14:14">
      <c r="N931708" s="10"/>
    </row>
    <row r="931709" spans="14:14">
      <c r="N931709" s="10"/>
    </row>
    <row r="931710" spans="14:14">
      <c r="N931710" s="10"/>
    </row>
    <row r="931711" spans="14:14">
      <c r="N931711" s="10"/>
    </row>
    <row r="931712" spans="14:14">
      <c r="N931712" s="10"/>
    </row>
    <row r="931713" spans="14:14">
      <c r="N931713" s="10"/>
    </row>
    <row r="931714" spans="14:14">
      <c r="N931714" s="10"/>
    </row>
    <row r="931715" spans="14:14">
      <c r="N931715" s="10"/>
    </row>
    <row r="931716" spans="14:14">
      <c r="N931716" s="10"/>
    </row>
    <row r="931717" spans="14:14">
      <c r="N931717" s="10"/>
    </row>
    <row r="931718" spans="14:14">
      <c r="N931718" s="10"/>
    </row>
    <row r="931719" spans="14:14">
      <c r="N931719" s="10"/>
    </row>
    <row r="931720" spans="14:14">
      <c r="N931720" s="10"/>
    </row>
    <row r="931721" spans="14:14">
      <c r="N931721" s="10"/>
    </row>
    <row r="931722" spans="14:14">
      <c r="N931722" s="10"/>
    </row>
    <row r="931723" spans="14:14">
      <c r="N931723" s="10"/>
    </row>
    <row r="931724" spans="14:14">
      <c r="N931724" s="10"/>
    </row>
    <row r="931725" spans="14:14">
      <c r="N931725" s="10"/>
    </row>
    <row r="931726" spans="14:14">
      <c r="N931726" s="10"/>
    </row>
    <row r="931727" spans="14:14">
      <c r="N931727" s="10"/>
    </row>
    <row r="931728" spans="14:14">
      <c r="N931728" s="10"/>
    </row>
    <row r="931729" spans="14:14">
      <c r="N931729" s="10"/>
    </row>
    <row r="931730" spans="14:14">
      <c r="N931730" s="10"/>
    </row>
    <row r="931731" spans="14:14">
      <c r="N931731" s="10"/>
    </row>
    <row r="931732" spans="14:14">
      <c r="N931732" s="10"/>
    </row>
    <row r="931733" spans="14:14">
      <c r="N931733" s="10"/>
    </row>
    <row r="931734" spans="14:14">
      <c r="N931734" s="10"/>
    </row>
    <row r="931735" spans="14:14">
      <c r="N931735" s="10"/>
    </row>
    <row r="931736" spans="14:14">
      <c r="N931736" s="10"/>
    </row>
    <row r="931737" spans="14:14">
      <c r="N931737" s="10"/>
    </row>
    <row r="931738" spans="14:14">
      <c r="N931738" s="10"/>
    </row>
    <row r="931739" spans="14:14">
      <c r="N931739" s="10"/>
    </row>
    <row r="931740" spans="14:14">
      <c r="N931740" s="10"/>
    </row>
    <row r="931741" spans="14:14">
      <c r="N931741" s="10"/>
    </row>
    <row r="931742" spans="14:14">
      <c r="N931742" s="10"/>
    </row>
    <row r="931743" spans="14:14">
      <c r="N931743" s="10"/>
    </row>
    <row r="931744" spans="14:14">
      <c r="N931744" s="10"/>
    </row>
    <row r="931745" spans="14:14">
      <c r="N931745" s="10"/>
    </row>
    <row r="931746" spans="14:14">
      <c r="N931746" s="10"/>
    </row>
    <row r="931747" spans="14:14">
      <c r="N931747" s="10"/>
    </row>
    <row r="931748" spans="14:14">
      <c r="N931748" s="10"/>
    </row>
    <row r="931749" spans="14:14">
      <c r="N931749" s="10"/>
    </row>
    <row r="931750" spans="14:14">
      <c r="N931750" s="10"/>
    </row>
    <row r="931751" spans="14:14">
      <c r="N931751" s="10"/>
    </row>
    <row r="931752" spans="14:14">
      <c r="N931752" s="10"/>
    </row>
    <row r="931753" spans="14:14">
      <c r="N931753" s="10"/>
    </row>
    <row r="931754" spans="14:14">
      <c r="N931754" s="10"/>
    </row>
    <row r="931755" spans="14:14">
      <c r="N931755" s="10"/>
    </row>
    <row r="931756" spans="14:14">
      <c r="N931756" s="10"/>
    </row>
    <row r="931757" spans="14:14">
      <c r="N931757" s="10"/>
    </row>
    <row r="931758" spans="14:14">
      <c r="N931758" s="10"/>
    </row>
    <row r="931759" spans="14:14">
      <c r="N931759" s="10"/>
    </row>
    <row r="931760" spans="14:14">
      <c r="N931760" s="10"/>
    </row>
    <row r="931761" spans="14:14">
      <c r="N931761" s="10"/>
    </row>
    <row r="931762" spans="14:14">
      <c r="N931762" s="10"/>
    </row>
    <row r="931763" spans="14:14">
      <c r="N931763" s="10"/>
    </row>
    <row r="931764" spans="14:14">
      <c r="N931764" s="10"/>
    </row>
    <row r="931765" spans="14:14">
      <c r="N931765" s="10"/>
    </row>
    <row r="931766" spans="14:14">
      <c r="N931766" s="10"/>
    </row>
    <row r="931767" spans="14:14">
      <c r="N931767" s="10"/>
    </row>
    <row r="931768" spans="14:14">
      <c r="N931768" s="10"/>
    </row>
    <row r="931769" spans="14:14">
      <c r="N931769" s="10"/>
    </row>
    <row r="931770" spans="14:14">
      <c r="N931770" s="10"/>
    </row>
    <row r="931771" spans="14:14">
      <c r="N931771" s="10"/>
    </row>
    <row r="931772" spans="14:14">
      <c r="N931772" s="10"/>
    </row>
    <row r="931773" spans="14:14">
      <c r="N931773" s="10"/>
    </row>
    <row r="931774" spans="14:14">
      <c r="N931774" s="10"/>
    </row>
    <row r="931775" spans="14:14">
      <c r="N931775" s="10"/>
    </row>
    <row r="931776" spans="14:14">
      <c r="N931776" s="10"/>
    </row>
    <row r="931777" spans="14:14">
      <c r="N931777" s="10"/>
    </row>
    <row r="931778" spans="14:14">
      <c r="N931778" s="10"/>
    </row>
    <row r="931779" spans="14:14">
      <c r="N931779" s="10"/>
    </row>
    <row r="931780" spans="14:14">
      <c r="N931780" s="10"/>
    </row>
    <row r="931781" spans="14:14">
      <c r="N931781" s="10"/>
    </row>
    <row r="931782" spans="14:14">
      <c r="N931782" s="10"/>
    </row>
    <row r="931783" spans="14:14">
      <c r="N931783" s="10"/>
    </row>
    <row r="931784" spans="14:14">
      <c r="N931784" s="10"/>
    </row>
    <row r="931785" spans="14:14">
      <c r="N931785" s="10"/>
    </row>
    <row r="931786" spans="14:14">
      <c r="N931786" s="10"/>
    </row>
    <row r="931787" spans="14:14">
      <c r="N931787" s="10"/>
    </row>
    <row r="931788" spans="14:14">
      <c r="N931788" s="10"/>
    </row>
    <row r="931789" spans="14:14">
      <c r="N931789" s="10"/>
    </row>
    <row r="931790" spans="14:14">
      <c r="N931790" s="10"/>
    </row>
    <row r="931791" spans="14:14">
      <c r="N931791" s="10"/>
    </row>
    <row r="931792" spans="14:14">
      <c r="N931792" s="10"/>
    </row>
    <row r="931793" spans="14:14">
      <c r="N931793" s="10"/>
    </row>
    <row r="931794" spans="14:14">
      <c r="N931794" s="10"/>
    </row>
    <row r="931795" spans="14:14">
      <c r="N931795" s="10"/>
    </row>
    <row r="931796" spans="14:14">
      <c r="N931796" s="10"/>
    </row>
    <row r="931797" spans="14:14">
      <c r="N931797" s="10"/>
    </row>
    <row r="931798" spans="14:14">
      <c r="N931798" s="10"/>
    </row>
    <row r="931799" spans="14:14">
      <c r="N931799" s="10"/>
    </row>
    <row r="931800" spans="14:14">
      <c r="N931800" s="10"/>
    </row>
    <row r="931801" spans="14:14">
      <c r="N931801" s="10"/>
    </row>
    <row r="931802" spans="14:14">
      <c r="N931802" s="10"/>
    </row>
    <row r="931803" spans="14:14">
      <c r="N931803" s="10"/>
    </row>
    <row r="931804" spans="14:14">
      <c r="N931804" s="10"/>
    </row>
    <row r="931805" spans="14:14">
      <c r="N931805" s="10"/>
    </row>
    <row r="931806" spans="14:14">
      <c r="N931806" s="10"/>
    </row>
    <row r="931807" spans="14:14">
      <c r="N931807" s="10"/>
    </row>
    <row r="931808" spans="14:14">
      <c r="N931808" s="10"/>
    </row>
    <row r="931809" spans="14:14">
      <c r="N931809" s="10"/>
    </row>
    <row r="931810" spans="14:14">
      <c r="N931810" s="10"/>
    </row>
    <row r="931811" spans="14:14">
      <c r="N931811" s="10"/>
    </row>
    <row r="931812" spans="14:14">
      <c r="N931812" s="10"/>
    </row>
    <row r="931813" spans="14:14">
      <c r="N931813" s="10"/>
    </row>
    <row r="931814" spans="14:14">
      <c r="N931814" s="10"/>
    </row>
    <row r="931815" spans="14:14">
      <c r="N931815" s="10"/>
    </row>
    <row r="931816" spans="14:14">
      <c r="N931816" s="10"/>
    </row>
    <row r="931817" spans="14:14">
      <c r="N931817" s="10"/>
    </row>
    <row r="931818" spans="14:14">
      <c r="N931818" s="10"/>
    </row>
    <row r="931819" spans="14:14">
      <c r="N931819" s="10"/>
    </row>
    <row r="931820" spans="14:14">
      <c r="N931820" s="10"/>
    </row>
    <row r="931821" spans="14:14">
      <c r="N931821" s="10"/>
    </row>
    <row r="931822" spans="14:14">
      <c r="N931822" s="10"/>
    </row>
    <row r="931823" spans="14:14">
      <c r="N931823" s="10"/>
    </row>
    <row r="931824" spans="14:14">
      <c r="N931824" s="10"/>
    </row>
    <row r="931825" spans="14:14">
      <c r="N931825" s="10"/>
    </row>
    <row r="931826" spans="14:14">
      <c r="N931826" s="10"/>
    </row>
    <row r="931827" spans="14:14">
      <c r="N931827" s="10"/>
    </row>
    <row r="931828" spans="14:14">
      <c r="N931828" s="10"/>
    </row>
    <row r="931829" spans="14:14">
      <c r="N931829" s="10"/>
    </row>
    <row r="931830" spans="14:14">
      <c r="N931830" s="10"/>
    </row>
    <row r="931831" spans="14:14">
      <c r="N931831" s="10"/>
    </row>
    <row r="931832" spans="14:14">
      <c r="N931832" s="10"/>
    </row>
    <row r="931833" spans="14:14">
      <c r="N931833" s="10"/>
    </row>
    <row r="931834" spans="14:14">
      <c r="N931834" s="10"/>
    </row>
    <row r="931835" spans="14:14">
      <c r="N931835" s="10"/>
    </row>
    <row r="931836" spans="14:14">
      <c r="N931836" s="10"/>
    </row>
    <row r="931837" spans="14:14">
      <c r="N931837" s="10"/>
    </row>
    <row r="931838" spans="14:14">
      <c r="N931838" s="10"/>
    </row>
    <row r="931839" spans="14:14">
      <c r="N931839" s="10"/>
    </row>
    <row r="931840" spans="14:14">
      <c r="N931840" s="10"/>
    </row>
    <row r="931841" spans="14:14">
      <c r="N931841" s="10"/>
    </row>
    <row r="931842" spans="14:14">
      <c r="N931842" s="10"/>
    </row>
    <row r="931843" spans="14:14">
      <c r="N931843" s="10"/>
    </row>
    <row r="931844" spans="14:14">
      <c r="N931844" s="10"/>
    </row>
    <row r="931845" spans="14:14">
      <c r="N931845" s="10"/>
    </row>
    <row r="931846" spans="14:14">
      <c r="N931846" s="10"/>
    </row>
    <row r="931847" spans="14:14">
      <c r="N931847" s="10"/>
    </row>
    <row r="931848" spans="14:14">
      <c r="N931848" s="10"/>
    </row>
    <row r="931849" spans="14:14">
      <c r="N931849" s="10"/>
    </row>
    <row r="931850" spans="14:14">
      <c r="N931850" s="10"/>
    </row>
    <row r="931851" spans="14:14">
      <c r="N931851" s="10"/>
    </row>
    <row r="931852" spans="14:14">
      <c r="N931852" s="10"/>
    </row>
    <row r="931853" spans="14:14">
      <c r="N931853" s="10"/>
    </row>
    <row r="931854" spans="14:14">
      <c r="N931854" s="10"/>
    </row>
    <row r="931855" spans="14:14">
      <c r="N931855" s="10"/>
    </row>
    <row r="931856" spans="14:14">
      <c r="N931856" s="10"/>
    </row>
    <row r="931857" spans="14:14">
      <c r="N931857" s="10"/>
    </row>
    <row r="931858" spans="14:14">
      <c r="N931858" s="10"/>
    </row>
    <row r="931859" spans="14:14">
      <c r="N931859" s="10"/>
    </row>
    <row r="931860" spans="14:14">
      <c r="N931860" s="10"/>
    </row>
    <row r="931861" spans="14:14">
      <c r="N931861" s="10"/>
    </row>
    <row r="931862" spans="14:14">
      <c r="N931862" s="10"/>
    </row>
    <row r="931863" spans="14:14">
      <c r="N931863" s="10"/>
    </row>
    <row r="931864" spans="14:14">
      <c r="N931864" s="10"/>
    </row>
    <row r="931865" spans="14:14">
      <c r="N931865" s="10"/>
    </row>
    <row r="931866" spans="14:14">
      <c r="N931866" s="10"/>
    </row>
    <row r="931867" spans="14:14">
      <c r="N931867" s="10"/>
    </row>
    <row r="931868" spans="14:14">
      <c r="N931868" s="10"/>
    </row>
    <row r="931869" spans="14:14">
      <c r="N931869" s="10"/>
    </row>
    <row r="931870" spans="14:14">
      <c r="N931870" s="10"/>
    </row>
    <row r="931871" spans="14:14">
      <c r="N931871" s="10"/>
    </row>
    <row r="931872" spans="14:14">
      <c r="N931872" s="10"/>
    </row>
    <row r="931873" spans="14:14">
      <c r="N931873" s="10"/>
    </row>
    <row r="931874" spans="14:14">
      <c r="N931874" s="10"/>
    </row>
    <row r="931875" spans="14:14">
      <c r="N931875" s="10"/>
    </row>
    <row r="931876" spans="14:14">
      <c r="N931876" s="10"/>
    </row>
    <row r="931877" spans="14:14">
      <c r="N931877" s="10"/>
    </row>
    <row r="931878" spans="14:14">
      <c r="N931878" s="10"/>
    </row>
    <row r="931879" spans="14:14">
      <c r="N931879" s="10"/>
    </row>
    <row r="931880" spans="14:14">
      <c r="N931880" s="10"/>
    </row>
    <row r="931881" spans="14:14">
      <c r="N931881" s="10"/>
    </row>
    <row r="931882" spans="14:14">
      <c r="N931882" s="10"/>
    </row>
    <row r="931883" spans="14:14">
      <c r="N931883" s="10"/>
    </row>
    <row r="931884" spans="14:14">
      <c r="N931884" s="10"/>
    </row>
    <row r="931885" spans="14:14">
      <c r="N931885" s="10"/>
    </row>
    <row r="931886" spans="14:14">
      <c r="N931886" s="10"/>
    </row>
    <row r="931887" spans="14:14">
      <c r="N931887" s="10"/>
    </row>
    <row r="931888" spans="14:14">
      <c r="N931888" s="10"/>
    </row>
    <row r="931889" spans="14:14">
      <c r="N931889" s="10"/>
    </row>
    <row r="931890" spans="14:14">
      <c r="N931890" s="10"/>
    </row>
    <row r="931891" spans="14:14">
      <c r="N931891" s="10"/>
    </row>
    <row r="931892" spans="14:14">
      <c r="N931892" s="10"/>
    </row>
    <row r="931893" spans="14:14">
      <c r="N931893" s="10"/>
    </row>
    <row r="931894" spans="14:14">
      <c r="N931894" s="10"/>
    </row>
    <row r="931895" spans="14:14">
      <c r="N931895" s="10"/>
    </row>
    <row r="931896" spans="14:14">
      <c r="N931896" s="10"/>
    </row>
    <row r="931897" spans="14:14">
      <c r="N931897" s="10"/>
    </row>
    <row r="931898" spans="14:14">
      <c r="N931898" s="10"/>
    </row>
    <row r="931899" spans="14:14">
      <c r="N931899" s="10"/>
    </row>
    <row r="931900" spans="14:14">
      <c r="N931900" s="10"/>
    </row>
    <row r="931901" spans="14:14">
      <c r="N931901" s="10"/>
    </row>
    <row r="931902" spans="14:14">
      <c r="N931902" s="10"/>
    </row>
    <row r="931903" spans="14:14">
      <c r="N931903" s="10"/>
    </row>
    <row r="931904" spans="14:14">
      <c r="N931904" s="10"/>
    </row>
    <row r="931905" spans="14:14">
      <c r="N931905" s="10"/>
    </row>
    <row r="931906" spans="14:14">
      <c r="N931906" s="10"/>
    </row>
    <row r="931907" spans="14:14">
      <c r="N931907" s="10"/>
    </row>
    <row r="931908" spans="14:14">
      <c r="N931908" s="10"/>
    </row>
    <row r="931909" spans="14:14">
      <c r="N931909" s="10"/>
    </row>
    <row r="931910" spans="14:14">
      <c r="N931910" s="10"/>
    </row>
    <row r="931911" spans="14:14">
      <c r="N931911" s="10"/>
    </row>
    <row r="931912" spans="14:14">
      <c r="N931912" s="10"/>
    </row>
    <row r="931913" spans="14:14">
      <c r="N931913" s="10"/>
    </row>
    <row r="931914" spans="14:14">
      <c r="N931914" s="10"/>
    </row>
    <row r="931915" spans="14:14">
      <c r="N931915" s="10"/>
    </row>
    <row r="931916" spans="14:14">
      <c r="N931916" s="10"/>
    </row>
    <row r="931917" spans="14:14">
      <c r="N931917" s="10"/>
    </row>
    <row r="931918" spans="14:14">
      <c r="N931918" s="10"/>
    </row>
    <row r="931919" spans="14:14">
      <c r="N931919" s="10"/>
    </row>
    <row r="931920" spans="14:14">
      <c r="N931920" s="10"/>
    </row>
    <row r="931921" spans="14:14">
      <c r="N931921" s="10"/>
    </row>
    <row r="931922" spans="14:14">
      <c r="N931922" s="10"/>
    </row>
    <row r="931923" spans="14:14">
      <c r="N931923" s="10"/>
    </row>
    <row r="931924" spans="14:14">
      <c r="N931924" s="10"/>
    </row>
    <row r="931925" spans="14:14">
      <c r="N931925" s="10"/>
    </row>
    <row r="931926" spans="14:14">
      <c r="N931926" s="10"/>
    </row>
    <row r="931927" spans="14:14">
      <c r="N931927" s="10"/>
    </row>
    <row r="931928" spans="14:14">
      <c r="N931928" s="10"/>
    </row>
    <row r="931929" spans="14:14">
      <c r="N931929" s="10"/>
    </row>
    <row r="931930" spans="14:14">
      <c r="N931930" s="10"/>
    </row>
    <row r="931931" spans="14:14">
      <c r="N931931" s="10"/>
    </row>
    <row r="931932" spans="14:14">
      <c r="N931932" s="10"/>
    </row>
    <row r="931933" spans="14:14">
      <c r="N931933" s="10"/>
    </row>
    <row r="931934" spans="14:14">
      <c r="N931934" s="10"/>
    </row>
    <row r="931935" spans="14:14">
      <c r="N931935" s="10"/>
    </row>
    <row r="931936" spans="14:14">
      <c r="N931936" s="10"/>
    </row>
    <row r="931937" spans="14:14">
      <c r="N931937" s="10"/>
    </row>
    <row r="931938" spans="14:14">
      <c r="N931938" s="10"/>
    </row>
    <row r="931939" spans="14:14">
      <c r="N931939" s="10"/>
    </row>
    <row r="931940" spans="14:14">
      <c r="N931940" s="10"/>
    </row>
    <row r="931941" spans="14:14">
      <c r="N931941" s="10"/>
    </row>
    <row r="931942" spans="14:14">
      <c r="N931942" s="10"/>
    </row>
    <row r="931943" spans="14:14">
      <c r="N931943" s="10"/>
    </row>
    <row r="931944" spans="14:14">
      <c r="N931944" s="10"/>
    </row>
    <row r="931945" spans="14:14">
      <c r="N931945" s="10"/>
    </row>
    <row r="931946" spans="14:14">
      <c r="N931946" s="10"/>
    </row>
    <row r="931947" spans="14:14">
      <c r="N931947" s="10"/>
    </row>
    <row r="931948" spans="14:14">
      <c r="N931948" s="10"/>
    </row>
    <row r="931949" spans="14:14">
      <c r="N931949" s="10"/>
    </row>
    <row r="931950" spans="14:14">
      <c r="N931950" s="10"/>
    </row>
    <row r="931951" spans="14:14">
      <c r="N931951" s="10"/>
    </row>
    <row r="931952" spans="14:14">
      <c r="N931952" s="10"/>
    </row>
    <row r="931953" spans="14:14">
      <c r="N931953" s="10"/>
    </row>
    <row r="931954" spans="14:14">
      <c r="N931954" s="10"/>
    </row>
    <row r="931955" spans="14:14">
      <c r="N931955" s="10"/>
    </row>
    <row r="931956" spans="14:14">
      <c r="N931956" s="10"/>
    </row>
    <row r="931957" spans="14:14">
      <c r="N931957" s="10"/>
    </row>
    <row r="931958" spans="14:14">
      <c r="N931958" s="10"/>
    </row>
    <row r="931959" spans="14:14">
      <c r="N931959" s="10"/>
    </row>
    <row r="931960" spans="14:14">
      <c r="N931960" s="10"/>
    </row>
    <row r="931961" spans="14:14">
      <c r="N931961" s="10"/>
    </row>
    <row r="931962" spans="14:14">
      <c r="N931962" s="10"/>
    </row>
    <row r="931963" spans="14:14">
      <c r="N931963" s="10"/>
    </row>
    <row r="931964" spans="14:14">
      <c r="N931964" s="10"/>
    </row>
    <row r="931965" spans="14:14">
      <c r="N931965" s="10"/>
    </row>
    <row r="931966" spans="14:14">
      <c r="N931966" s="10"/>
    </row>
    <row r="931967" spans="14:14">
      <c r="N931967" s="10"/>
    </row>
    <row r="931968" spans="14:14">
      <c r="N931968" s="10"/>
    </row>
    <row r="931969" spans="14:14">
      <c r="N931969" s="10"/>
    </row>
    <row r="931970" spans="14:14">
      <c r="N931970" s="10"/>
    </row>
    <row r="931971" spans="14:14">
      <c r="N931971" s="10"/>
    </row>
    <row r="931972" spans="14:14">
      <c r="N931972" s="10"/>
    </row>
    <row r="931973" spans="14:14">
      <c r="N931973" s="10"/>
    </row>
    <row r="931974" spans="14:14">
      <c r="N931974" s="10"/>
    </row>
    <row r="931975" spans="14:14">
      <c r="N931975" s="10"/>
    </row>
    <row r="931976" spans="14:14">
      <c r="N931976" s="10"/>
    </row>
    <row r="931977" spans="14:14">
      <c r="N931977" s="10"/>
    </row>
    <row r="931978" spans="14:14">
      <c r="N931978" s="10"/>
    </row>
    <row r="931979" spans="14:14">
      <c r="N931979" s="10"/>
    </row>
    <row r="931980" spans="14:14">
      <c r="N931980" s="10"/>
    </row>
    <row r="931981" spans="14:14">
      <c r="N931981" s="10"/>
    </row>
    <row r="931982" spans="14:14">
      <c r="N931982" s="10"/>
    </row>
    <row r="931983" spans="14:14">
      <c r="N931983" s="10"/>
    </row>
    <row r="931984" spans="14:14">
      <c r="N931984" s="10"/>
    </row>
    <row r="931985" spans="14:14">
      <c r="N931985" s="10"/>
    </row>
    <row r="931986" spans="14:14">
      <c r="N931986" s="10"/>
    </row>
    <row r="931987" spans="14:14">
      <c r="N931987" s="10"/>
    </row>
    <row r="931988" spans="14:14">
      <c r="N931988" s="10"/>
    </row>
    <row r="931989" spans="14:14">
      <c r="N931989" s="10"/>
    </row>
    <row r="931990" spans="14:14">
      <c r="N931990" s="10"/>
    </row>
    <row r="931991" spans="14:14">
      <c r="N931991" s="10"/>
    </row>
    <row r="931992" spans="14:14">
      <c r="N931992" s="10"/>
    </row>
    <row r="931993" spans="14:14">
      <c r="N931993" s="10"/>
    </row>
    <row r="931994" spans="14:14">
      <c r="N931994" s="10"/>
    </row>
    <row r="931995" spans="14:14">
      <c r="N931995" s="10"/>
    </row>
    <row r="931996" spans="14:14">
      <c r="N931996" s="10"/>
    </row>
    <row r="931997" spans="14:14">
      <c r="N931997" s="10"/>
    </row>
    <row r="931998" spans="14:14">
      <c r="N931998" s="10"/>
    </row>
    <row r="931999" spans="14:14">
      <c r="N931999" s="10"/>
    </row>
    <row r="932000" spans="14:14">
      <c r="N932000" s="10"/>
    </row>
    <row r="932001" spans="14:14">
      <c r="N932001" s="10"/>
    </row>
    <row r="932002" spans="14:14">
      <c r="N932002" s="10"/>
    </row>
    <row r="932003" spans="14:14">
      <c r="N932003" s="10"/>
    </row>
    <row r="932004" spans="14:14">
      <c r="N932004" s="10"/>
    </row>
    <row r="932005" spans="14:14">
      <c r="N932005" s="10"/>
    </row>
    <row r="932006" spans="14:14">
      <c r="N932006" s="10"/>
    </row>
    <row r="932007" spans="14:14">
      <c r="N932007" s="10"/>
    </row>
    <row r="932008" spans="14:14">
      <c r="N932008" s="10"/>
    </row>
    <row r="932009" spans="14:14">
      <c r="N932009" s="10"/>
    </row>
    <row r="932010" spans="14:14">
      <c r="N932010" s="10"/>
    </row>
    <row r="932011" spans="14:14">
      <c r="N932011" s="10"/>
    </row>
    <row r="932012" spans="14:14">
      <c r="N932012" s="10"/>
    </row>
    <row r="932013" spans="14:14">
      <c r="N932013" s="10"/>
    </row>
    <row r="932014" spans="14:14">
      <c r="N932014" s="10"/>
    </row>
    <row r="932015" spans="14:14">
      <c r="N932015" s="10"/>
    </row>
    <row r="932016" spans="14:14">
      <c r="N932016" s="10"/>
    </row>
    <row r="932017" spans="14:14">
      <c r="N932017" s="10"/>
    </row>
    <row r="932018" spans="14:14">
      <c r="N932018" s="10"/>
    </row>
    <row r="932019" spans="14:14">
      <c r="N932019" s="10"/>
    </row>
    <row r="932020" spans="14:14">
      <c r="N932020" s="10"/>
    </row>
    <row r="932021" spans="14:14">
      <c r="N932021" s="10"/>
    </row>
    <row r="932022" spans="14:14">
      <c r="N932022" s="10"/>
    </row>
    <row r="932023" spans="14:14">
      <c r="N932023" s="10"/>
    </row>
    <row r="932024" spans="14:14">
      <c r="N932024" s="10"/>
    </row>
    <row r="932025" spans="14:14">
      <c r="N932025" s="10"/>
    </row>
    <row r="932026" spans="14:14">
      <c r="N932026" s="10"/>
    </row>
    <row r="932027" spans="14:14">
      <c r="N932027" s="10"/>
    </row>
    <row r="932028" spans="14:14">
      <c r="N932028" s="10"/>
    </row>
    <row r="932029" spans="14:14">
      <c r="N932029" s="10"/>
    </row>
    <row r="932030" spans="14:14">
      <c r="N932030" s="10"/>
    </row>
    <row r="932031" spans="14:14">
      <c r="N932031" s="10"/>
    </row>
    <row r="932032" spans="14:14">
      <c r="N932032" s="10"/>
    </row>
    <row r="932033" spans="14:14">
      <c r="N932033" s="10"/>
    </row>
    <row r="932034" spans="14:14">
      <c r="N932034" s="10"/>
    </row>
    <row r="932035" spans="14:14">
      <c r="N932035" s="10"/>
    </row>
    <row r="932036" spans="14:14">
      <c r="N932036" s="10"/>
    </row>
    <row r="932037" spans="14:14">
      <c r="N932037" s="10"/>
    </row>
    <row r="932038" spans="14:14">
      <c r="N932038" s="10"/>
    </row>
    <row r="932039" spans="14:14">
      <c r="N932039" s="10"/>
    </row>
    <row r="932040" spans="14:14">
      <c r="N932040" s="10"/>
    </row>
    <row r="932041" spans="14:14">
      <c r="N932041" s="10"/>
    </row>
    <row r="932042" spans="14:14">
      <c r="N932042" s="10"/>
    </row>
    <row r="932043" spans="14:14">
      <c r="N932043" s="10"/>
    </row>
    <row r="932044" spans="14:14">
      <c r="N932044" s="10"/>
    </row>
    <row r="932045" spans="14:14">
      <c r="N932045" s="10"/>
    </row>
    <row r="932046" spans="14:14">
      <c r="N932046" s="10"/>
    </row>
    <row r="932047" spans="14:14">
      <c r="N932047" s="10"/>
    </row>
    <row r="932048" spans="14:14">
      <c r="N932048" s="10"/>
    </row>
    <row r="932049" spans="14:14">
      <c r="N932049" s="10"/>
    </row>
    <row r="932050" spans="14:14">
      <c r="N932050" s="10"/>
    </row>
    <row r="932051" spans="14:14">
      <c r="N932051" s="10"/>
    </row>
    <row r="932052" spans="14:14">
      <c r="N932052" s="10"/>
    </row>
    <row r="932053" spans="14:14">
      <c r="N932053" s="10"/>
    </row>
    <row r="932054" spans="14:14">
      <c r="N932054" s="10"/>
    </row>
    <row r="932055" spans="14:14">
      <c r="N932055" s="10"/>
    </row>
    <row r="932056" spans="14:14">
      <c r="N932056" s="10"/>
    </row>
    <row r="932057" spans="14:14">
      <c r="N932057" s="10"/>
    </row>
    <row r="932058" spans="14:14">
      <c r="N932058" s="10"/>
    </row>
    <row r="932059" spans="14:14">
      <c r="N932059" s="10"/>
    </row>
    <row r="932060" spans="14:14">
      <c r="N932060" s="10"/>
    </row>
    <row r="932061" spans="14:14">
      <c r="N932061" s="10"/>
    </row>
    <row r="932062" spans="14:14">
      <c r="N932062" s="10"/>
    </row>
    <row r="932063" spans="14:14">
      <c r="N932063" s="10"/>
    </row>
    <row r="932064" spans="14:14">
      <c r="N932064" s="10"/>
    </row>
    <row r="932065" spans="14:14">
      <c r="N932065" s="10"/>
    </row>
    <row r="932066" spans="14:14">
      <c r="N932066" s="10"/>
    </row>
    <row r="932067" spans="14:14">
      <c r="N932067" s="10"/>
    </row>
    <row r="932068" spans="14:14">
      <c r="N932068" s="10"/>
    </row>
    <row r="932069" spans="14:14">
      <c r="N932069" s="10"/>
    </row>
    <row r="932070" spans="14:14">
      <c r="N932070" s="10"/>
    </row>
    <row r="932071" spans="14:14">
      <c r="N932071" s="10"/>
    </row>
    <row r="932072" spans="14:14">
      <c r="N932072" s="10"/>
    </row>
    <row r="932073" spans="14:14">
      <c r="N932073" s="10"/>
    </row>
    <row r="932074" spans="14:14">
      <c r="N932074" s="10"/>
    </row>
    <row r="932075" spans="14:14">
      <c r="N932075" s="10"/>
    </row>
    <row r="932076" spans="14:14">
      <c r="N932076" s="10"/>
    </row>
    <row r="932077" spans="14:14">
      <c r="N932077" s="10"/>
    </row>
    <row r="932078" spans="14:14">
      <c r="N932078" s="10"/>
    </row>
    <row r="932079" spans="14:14">
      <c r="N932079" s="10"/>
    </row>
    <row r="932080" spans="14:14">
      <c r="N932080" s="10"/>
    </row>
    <row r="932081" spans="14:14">
      <c r="N932081" s="10"/>
    </row>
    <row r="932082" spans="14:14">
      <c r="N932082" s="10"/>
    </row>
    <row r="932083" spans="14:14">
      <c r="N932083" s="10"/>
    </row>
    <row r="932084" spans="14:14">
      <c r="N932084" s="10"/>
    </row>
    <row r="932085" spans="14:14">
      <c r="N932085" s="10"/>
    </row>
    <row r="932086" spans="14:14">
      <c r="N932086" s="10"/>
    </row>
    <row r="932087" spans="14:14">
      <c r="N932087" s="10"/>
    </row>
    <row r="932088" spans="14:14">
      <c r="N932088" s="10"/>
    </row>
    <row r="932089" spans="14:14">
      <c r="N932089" s="10"/>
    </row>
    <row r="932090" spans="14:14">
      <c r="N932090" s="10"/>
    </row>
    <row r="932091" spans="14:14">
      <c r="N932091" s="10"/>
    </row>
    <row r="932092" spans="14:14">
      <c r="N932092" s="10"/>
    </row>
    <row r="932093" spans="14:14">
      <c r="N932093" s="10"/>
    </row>
    <row r="932094" spans="14:14">
      <c r="N932094" s="10"/>
    </row>
    <row r="932095" spans="14:14">
      <c r="N932095" s="10"/>
    </row>
    <row r="932096" spans="14:14">
      <c r="N932096" s="10"/>
    </row>
    <row r="932097" spans="14:14">
      <c r="N932097" s="10"/>
    </row>
    <row r="932098" spans="14:14">
      <c r="N932098" s="10"/>
    </row>
    <row r="932099" spans="14:14">
      <c r="N932099" s="10"/>
    </row>
    <row r="932100" spans="14:14">
      <c r="N932100" s="10"/>
    </row>
    <row r="932101" spans="14:14">
      <c r="N932101" s="10"/>
    </row>
    <row r="932102" spans="14:14">
      <c r="N932102" s="10"/>
    </row>
    <row r="932103" spans="14:14">
      <c r="N932103" s="10"/>
    </row>
    <row r="932104" spans="14:14">
      <c r="N932104" s="10"/>
    </row>
    <row r="932105" spans="14:14">
      <c r="N932105" s="10"/>
    </row>
    <row r="932106" spans="14:14">
      <c r="N932106" s="10"/>
    </row>
    <row r="932107" spans="14:14">
      <c r="N932107" s="10"/>
    </row>
    <row r="932108" spans="14:14">
      <c r="N932108" s="10"/>
    </row>
    <row r="932109" spans="14:14">
      <c r="N932109" s="10"/>
    </row>
    <row r="932110" spans="14:14">
      <c r="N932110" s="10"/>
    </row>
    <row r="932111" spans="14:14">
      <c r="N932111" s="10"/>
    </row>
    <row r="932112" spans="14:14">
      <c r="N932112" s="10"/>
    </row>
    <row r="932113" spans="14:14">
      <c r="N932113" s="10"/>
    </row>
    <row r="932114" spans="14:14">
      <c r="N932114" s="10"/>
    </row>
    <row r="932115" spans="14:14">
      <c r="N932115" s="10"/>
    </row>
    <row r="932116" spans="14:14">
      <c r="N932116" s="10"/>
    </row>
    <row r="932117" spans="14:14">
      <c r="N932117" s="10"/>
    </row>
    <row r="932118" spans="14:14">
      <c r="N932118" s="10"/>
    </row>
    <row r="932119" spans="14:14">
      <c r="N932119" s="10"/>
    </row>
    <row r="932120" spans="14:14">
      <c r="N932120" s="10"/>
    </row>
    <row r="932121" spans="14:14">
      <c r="N932121" s="10"/>
    </row>
    <row r="932122" spans="14:14">
      <c r="N932122" s="10"/>
    </row>
    <row r="932123" spans="14:14">
      <c r="N932123" s="10"/>
    </row>
    <row r="932124" spans="14:14">
      <c r="N932124" s="10"/>
    </row>
    <row r="932125" spans="14:14">
      <c r="N932125" s="10"/>
    </row>
    <row r="932126" spans="14:14">
      <c r="N932126" s="10"/>
    </row>
    <row r="932127" spans="14:14">
      <c r="N932127" s="10"/>
    </row>
    <row r="932128" spans="14:14">
      <c r="N932128" s="10"/>
    </row>
    <row r="932129" spans="14:14">
      <c r="N932129" s="10"/>
    </row>
    <row r="932130" spans="14:14">
      <c r="N932130" s="10"/>
    </row>
    <row r="932131" spans="14:14">
      <c r="N932131" s="10"/>
    </row>
    <row r="932132" spans="14:14">
      <c r="N932132" s="10"/>
    </row>
    <row r="932133" spans="14:14">
      <c r="N932133" s="10"/>
    </row>
    <row r="932134" spans="14:14">
      <c r="N932134" s="10"/>
    </row>
    <row r="932135" spans="14:14">
      <c r="N932135" s="10"/>
    </row>
    <row r="932136" spans="14:14">
      <c r="N932136" s="10"/>
    </row>
    <row r="932137" spans="14:14">
      <c r="N932137" s="10"/>
    </row>
    <row r="932138" spans="14:14">
      <c r="N932138" s="10"/>
    </row>
    <row r="932139" spans="14:14">
      <c r="N932139" s="10"/>
    </row>
    <row r="932140" spans="14:14">
      <c r="N932140" s="10"/>
    </row>
    <row r="932141" spans="14:14">
      <c r="N932141" s="10"/>
    </row>
    <row r="932142" spans="14:14">
      <c r="N932142" s="10"/>
    </row>
    <row r="932143" spans="14:14">
      <c r="N932143" s="10"/>
    </row>
    <row r="932144" spans="14:14">
      <c r="N932144" s="10"/>
    </row>
    <row r="932145" spans="14:14">
      <c r="N932145" s="10"/>
    </row>
    <row r="932146" spans="14:14">
      <c r="N932146" s="10"/>
    </row>
    <row r="932147" spans="14:14">
      <c r="N932147" s="10"/>
    </row>
    <row r="932148" spans="14:14">
      <c r="N932148" s="10"/>
    </row>
    <row r="932149" spans="14:14">
      <c r="N932149" s="10"/>
    </row>
    <row r="932150" spans="14:14">
      <c r="N932150" s="10"/>
    </row>
    <row r="932151" spans="14:14">
      <c r="N932151" s="10"/>
    </row>
    <row r="932152" spans="14:14">
      <c r="N932152" s="10"/>
    </row>
    <row r="932153" spans="14:14">
      <c r="N932153" s="10"/>
    </row>
    <row r="932154" spans="14:14">
      <c r="N932154" s="10"/>
    </row>
    <row r="932155" spans="14:14">
      <c r="N932155" s="10"/>
    </row>
    <row r="932156" spans="14:14">
      <c r="N932156" s="10"/>
    </row>
    <row r="932157" spans="14:14">
      <c r="N932157" s="10"/>
    </row>
    <row r="932158" spans="14:14">
      <c r="N932158" s="10"/>
    </row>
    <row r="932159" spans="14:14">
      <c r="N932159" s="10"/>
    </row>
    <row r="932160" spans="14:14">
      <c r="N932160" s="10"/>
    </row>
    <row r="932161" spans="14:14">
      <c r="N932161" s="10"/>
    </row>
    <row r="932162" spans="14:14">
      <c r="N932162" s="10"/>
    </row>
    <row r="932163" spans="14:14">
      <c r="N932163" s="10"/>
    </row>
    <row r="932164" spans="14:14">
      <c r="N932164" s="10"/>
    </row>
    <row r="932165" spans="14:14">
      <c r="N932165" s="10"/>
    </row>
    <row r="932166" spans="14:14">
      <c r="N932166" s="10"/>
    </row>
    <row r="932167" spans="14:14">
      <c r="N932167" s="10"/>
    </row>
    <row r="932168" spans="14:14">
      <c r="N932168" s="10"/>
    </row>
    <row r="932169" spans="14:14">
      <c r="N932169" s="10"/>
    </row>
    <row r="932170" spans="14:14">
      <c r="N932170" s="10"/>
    </row>
    <row r="932171" spans="14:14">
      <c r="N932171" s="10"/>
    </row>
    <row r="932172" spans="14:14">
      <c r="N932172" s="10"/>
    </row>
    <row r="932173" spans="14:14">
      <c r="N932173" s="10"/>
    </row>
    <row r="932174" spans="14:14">
      <c r="N932174" s="10"/>
    </row>
    <row r="932175" spans="14:14">
      <c r="N932175" s="10"/>
    </row>
    <row r="932176" spans="14:14">
      <c r="N932176" s="10"/>
    </row>
    <row r="932177" spans="14:14">
      <c r="N932177" s="10"/>
    </row>
    <row r="932178" spans="14:14">
      <c r="N932178" s="10"/>
    </row>
    <row r="932179" spans="14:14">
      <c r="N932179" s="10"/>
    </row>
    <row r="932180" spans="14:14">
      <c r="N932180" s="10"/>
    </row>
    <row r="932181" spans="14:14">
      <c r="N932181" s="10"/>
    </row>
    <row r="932182" spans="14:14">
      <c r="N932182" s="10"/>
    </row>
    <row r="932183" spans="14:14">
      <c r="N932183" s="10"/>
    </row>
    <row r="932184" spans="14:14">
      <c r="N932184" s="10"/>
    </row>
    <row r="932185" spans="14:14">
      <c r="N932185" s="10"/>
    </row>
    <row r="932186" spans="14:14">
      <c r="N932186" s="10"/>
    </row>
    <row r="932187" spans="14:14">
      <c r="N932187" s="10"/>
    </row>
    <row r="932188" spans="14:14">
      <c r="N932188" s="10"/>
    </row>
    <row r="932189" spans="14:14">
      <c r="N932189" s="10"/>
    </row>
    <row r="932190" spans="14:14">
      <c r="N932190" s="10"/>
    </row>
    <row r="932191" spans="14:14">
      <c r="N932191" s="10"/>
    </row>
    <row r="932192" spans="14:14">
      <c r="N932192" s="10"/>
    </row>
    <row r="932193" spans="14:14">
      <c r="N932193" s="10"/>
    </row>
    <row r="932194" spans="14:14">
      <c r="N932194" s="10"/>
    </row>
    <row r="932195" spans="14:14">
      <c r="N932195" s="10"/>
    </row>
    <row r="932196" spans="14:14">
      <c r="N932196" s="10"/>
    </row>
    <row r="932197" spans="14:14">
      <c r="N932197" s="10"/>
    </row>
    <row r="932198" spans="14:14">
      <c r="N932198" s="10"/>
    </row>
    <row r="932199" spans="14:14">
      <c r="N932199" s="10"/>
    </row>
    <row r="932200" spans="14:14">
      <c r="N932200" s="10"/>
    </row>
    <row r="932201" spans="14:14">
      <c r="N932201" s="10"/>
    </row>
    <row r="932202" spans="14:14">
      <c r="N932202" s="10"/>
    </row>
    <row r="932203" spans="14:14">
      <c r="N932203" s="10"/>
    </row>
    <row r="932204" spans="14:14">
      <c r="N932204" s="10"/>
    </row>
    <row r="932205" spans="14:14">
      <c r="N932205" s="10"/>
    </row>
    <row r="932206" spans="14:14">
      <c r="N932206" s="10"/>
    </row>
    <row r="932207" spans="14:14">
      <c r="N932207" s="10"/>
    </row>
    <row r="932208" spans="14:14">
      <c r="N932208" s="10"/>
    </row>
    <row r="932209" spans="14:14">
      <c r="N932209" s="10"/>
    </row>
    <row r="932210" spans="14:14">
      <c r="N932210" s="10"/>
    </row>
    <row r="932211" spans="14:14">
      <c r="N932211" s="10"/>
    </row>
    <row r="932212" spans="14:14">
      <c r="N932212" s="10"/>
    </row>
    <row r="932213" spans="14:14">
      <c r="N932213" s="10"/>
    </row>
    <row r="932214" spans="14:14">
      <c r="N932214" s="10"/>
    </row>
    <row r="932215" spans="14:14">
      <c r="N932215" s="10"/>
    </row>
    <row r="932216" spans="14:14">
      <c r="N932216" s="10"/>
    </row>
    <row r="932217" spans="14:14">
      <c r="N932217" s="10"/>
    </row>
    <row r="932218" spans="14:14">
      <c r="N932218" s="10"/>
    </row>
    <row r="932219" spans="14:14">
      <c r="N932219" s="10"/>
    </row>
    <row r="932220" spans="14:14">
      <c r="N932220" s="10"/>
    </row>
    <row r="932221" spans="14:14">
      <c r="N932221" s="10"/>
    </row>
    <row r="932222" spans="14:14">
      <c r="N932222" s="10"/>
    </row>
    <row r="932223" spans="14:14">
      <c r="N932223" s="10"/>
    </row>
    <row r="932224" spans="14:14">
      <c r="N932224" s="10"/>
    </row>
    <row r="932225" spans="14:14">
      <c r="N932225" s="10"/>
    </row>
    <row r="932226" spans="14:14">
      <c r="N932226" s="10"/>
    </row>
    <row r="932227" spans="14:14">
      <c r="N932227" s="10"/>
    </row>
    <row r="932228" spans="14:14">
      <c r="N932228" s="10"/>
    </row>
    <row r="932229" spans="14:14">
      <c r="N932229" s="10"/>
    </row>
    <row r="932230" spans="14:14">
      <c r="N932230" s="10"/>
    </row>
    <row r="932231" spans="14:14">
      <c r="N932231" s="10"/>
    </row>
    <row r="932232" spans="14:14">
      <c r="N932232" s="10"/>
    </row>
    <row r="932233" spans="14:14">
      <c r="N932233" s="10"/>
    </row>
    <row r="932234" spans="14:14">
      <c r="N932234" s="10"/>
    </row>
    <row r="932235" spans="14:14">
      <c r="N932235" s="10"/>
    </row>
    <row r="932236" spans="14:14">
      <c r="N932236" s="10"/>
    </row>
    <row r="932237" spans="14:14">
      <c r="N932237" s="10"/>
    </row>
    <row r="932238" spans="14:14">
      <c r="N932238" s="10"/>
    </row>
    <row r="932239" spans="14:14">
      <c r="N932239" s="10"/>
    </row>
    <row r="932240" spans="14:14">
      <c r="N932240" s="10"/>
    </row>
    <row r="932241" spans="14:14">
      <c r="N932241" s="10"/>
    </row>
    <row r="932242" spans="14:14">
      <c r="N932242" s="10"/>
    </row>
    <row r="932243" spans="14:14">
      <c r="N932243" s="10"/>
    </row>
    <row r="932244" spans="14:14">
      <c r="N932244" s="10"/>
    </row>
    <row r="932245" spans="14:14">
      <c r="N932245" s="10"/>
    </row>
    <row r="932246" spans="14:14">
      <c r="N932246" s="10"/>
    </row>
    <row r="932247" spans="14:14">
      <c r="N932247" s="10"/>
    </row>
    <row r="932248" spans="14:14">
      <c r="N932248" s="10"/>
    </row>
    <row r="932249" spans="14:14">
      <c r="N932249" s="10"/>
    </row>
    <row r="932250" spans="14:14">
      <c r="N932250" s="10"/>
    </row>
    <row r="932251" spans="14:14">
      <c r="N932251" s="10"/>
    </row>
    <row r="932252" spans="14:14">
      <c r="N932252" s="10"/>
    </row>
    <row r="932253" spans="14:14">
      <c r="N932253" s="10"/>
    </row>
    <row r="932254" spans="14:14">
      <c r="N932254" s="10"/>
    </row>
    <row r="932255" spans="14:14">
      <c r="N932255" s="10"/>
    </row>
    <row r="932256" spans="14:14">
      <c r="N932256" s="10"/>
    </row>
    <row r="932257" spans="14:14">
      <c r="N932257" s="10"/>
    </row>
    <row r="932258" spans="14:14">
      <c r="N932258" s="10"/>
    </row>
    <row r="932259" spans="14:14">
      <c r="N932259" s="10"/>
    </row>
    <row r="932260" spans="14:14">
      <c r="N932260" s="10"/>
    </row>
    <row r="932261" spans="14:14">
      <c r="N932261" s="10"/>
    </row>
    <row r="932262" spans="14:14">
      <c r="N932262" s="10"/>
    </row>
    <row r="932263" spans="14:14">
      <c r="N932263" s="10"/>
    </row>
    <row r="932264" spans="14:14">
      <c r="N932264" s="10"/>
    </row>
    <row r="932265" spans="14:14">
      <c r="N932265" s="10"/>
    </row>
    <row r="932266" spans="14:14">
      <c r="N932266" s="10"/>
    </row>
    <row r="932267" spans="14:14">
      <c r="N932267" s="10"/>
    </row>
    <row r="932268" spans="14:14">
      <c r="N932268" s="10"/>
    </row>
    <row r="932269" spans="14:14">
      <c r="N932269" s="10"/>
    </row>
    <row r="932270" spans="14:14">
      <c r="N932270" s="10"/>
    </row>
    <row r="932271" spans="14:14">
      <c r="N932271" s="10"/>
    </row>
    <row r="932272" spans="14:14">
      <c r="N932272" s="10"/>
    </row>
    <row r="932273" spans="14:14">
      <c r="N932273" s="10"/>
    </row>
    <row r="932274" spans="14:14">
      <c r="N932274" s="10"/>
    </row>
    <row r="932275" spans="14:14">
      <c r="N932275" s="10"/>
    </row>
    <row r="932276" spans="14:14">
      <c r="N932276" s="10"/>
    </row>
    <row r="932277" spans="14:14">
      <c r="N932277" s="10"/>
    </row>
    <row r="932278" spans="14:14">
      <c r="N932278" s="10"/>
    </row>
    <row r="932279" spans="14:14">
      <c r="N932279" s="10"/>
    </row>
    <row r="932280" spans="14:14">
      <c r="N932280" s="10"/>
    </row>
    <row r="932281" spans="14:14">
      <c r="N932281" s="10"/>
    </row>
    <row r="932282" spans="14:14">
      <c r="N932282" s="10"/>
    </row>
    <row r="932283" spans="14:14">
      <c r="N932283" s="10"/>
    </row>
    <row r="932284" spans="14:14">
      <c r="N932284" s="10"/>
    </row>
    <row r="932285" spans="14:14">
      <c r="N932285" s="10"/>
    </row>
    <row r="932286" spans="14:14">
      <c r="N932286" s="10"/>
    </row>
    <row r="932287" spans="14:14">
      <c r="N932287" s="10"/>
    </row>
    <row r="932288" spans="14:14">
      <c r="N932288" s="10"/>
    </row>
    <row r="932289" spans="14:14">
      <c r="N932289" s="10"/>
    </row>
    <row r="932290" spans="14:14">
      <c r="N932290" s="10"/>
    </row>
    <row r="932291" spans="14:14">
      <c r="N932291" s="10"/>
    </row>
    <row r="932292" spans="14:14">
      <c r="N932292" s="10"/>
    </row>
    <row r="932293" spans="14:14">
      <c r="N932293" s="10"/>
    </row>
    <row r="932294" spans="14:14">
      <c r="N932294" s="10"/>
    </row>
    <row r="932295" spans="14:14">
      <c r="N932295" s="10"/>
    </row>
    <row r="932296" spans="14:14">
      <c r="N932296" s="10"/>
    </row>
    <row r="932297" spans="14:14">
      <c r="N932297" s="10"/>
    </row>
    <row r="932298" spans="14:14">
      <c r="N932298" s="10"/>
    </row>
    <row r="932299" spans="14:14">
      <c r="N932299" s="10"/>
    </row>
    <row r="932300" spans="14:14">
      <c r="N932300" s="10"/>
    </row>
    <row r="932301" spans="14:14">
      <c r="N932301" s="10"/>
    </row>
    <row r="932302" spans="14:14">
      <c r="N932302" s="10"/>
    </row>
    <row r="932303" spans="14:14">
      <c r="N932303" s="10"/>
    </row>
    <row r="932304" spans="14:14">
      <c r="N932304" s="10"/>
    </row>
    <row r="932305" spans="14:14">
      <c r="N932305" s="10"/>
    </row>
    <row r="932306" spans="14:14">
      <c r="N932306" s="10"/>
    </row>
    <row r="932307" spans="14:14">
      <c r="N932307" s="10"/>
    </row>
    <row r="932308" spans="14:14">
      <c r="N932308" s="10"/>
    </row>
    <row r="932309" spans="14:14">
      <c r="N932309" s="10"/>
    </row>
    <row r="932310" spans="14:14">
      <c r="N932310" s="10"/>
    </row>
    <row r="932311" spans="14:14">
      <c r="N932311" s="10"/>
    </row>
    <row r="932312" spans="14:14">
      <c r="N932312" s="10"/>
    </row>
    <row r="932313" spans="14:14">
      <c r="N932313" s="10"/>
    </row>
    <row r="932314" spans="14:14">
      <c r="N932314" s="10"/>
    </row>
    <row r="932315" spans="14:14">
      <c r="N932315" s="10"/>
    </row>
    <row r="932316" spans="14:14">
      <c r="N932316" s="10"/>
    </row>
    <row r="932317" spans="14:14">
      <c r="N932317" s="10"/>
    </row>
    <row r="932318" spans="14:14">
      <c r="N932318" s="10"/>
    </row>
    <row r="932319" spans="14:14">
      <c r="N932319" s="10"/>
    </row>
    <row r="932320" spans="14:14">
      <c r="N932320" s="10"/>
    </row>
    <row r="932321" spans="14:14">
      <c r="N932321" s="10"/>
    </row>
    <row r="932322" spans="14:14">
      <c r="N932322" s="10"/>
    </row>
    <row r="932323" spans="14:14">
      <c r="N932323" s="10"/>
    </row>
    <row r="932324" spans="14:14">
      <c r="N932324" s="10"/>
    </row>
    <row r="932325" spans="14:14">
      <c r="N932325" s="10"/>
    </row>
    <row r="932326" spans="14:14">
      <c r="N932326" s="10"/>
    </row>
    <row r="932327" spans="14:14">
      <c r="N932327" s="10"/>
    </row>
    <row r="932328" spans="14:14">
      <c r="N932328" s="10"/>
    </row>
    <row r="932329" spans="14:14">
      <c r="N932329" s="10"/>
    </row>
    <row r="932330" spans="14:14">
      <c r="N932330" s="10"/>
    </row>
    <row r="932331" spans="14:14">
      <c r="N932331" s="10"/>
    </row>
    <row r="932332" spans="14:14">
      <c r="N932332" s="10"/>
    </row>
    <row r="932333" spans="14:14">
      <c r="N932333" s="10"/>
    </row>
    <row r="932334" spans="14:14">
      <c r="N932334" s="10"/>
    </row>
    <row r="932335" spans="14:14">
      <c r="N932335" s="10"/>
    </row>
    <row r="932336" spans="14:14">
      <c r="N932336" s="10"/>
    </row>
    <row r="932337" spans="14:14">
      <c r="N932337" s="10"/>
    </row>
    <row r="932338" spans="14:14">
      <c r="N932338" s="10"/>
    </row>
    <row r="932339" spans="14:14">
      <c r="N932339" s="10"/>
    </row>
    <row r="932340" spans="14:14">
      <c r="N932340" s="10"/>
    </row>
    <row r="932341" spans="14:14">
      <c r="N932341" s="10"/>
    </row>
    <row r="932342" spans="14:14">
      <c r="N932342" s="10"/>
    </row>
    <row r="932343" spans="14:14">
      <c r="N932343" s="10"/>
    </row>
    <row r="932344" spans="14:14">
      <c r="N932344" s="10"/>
    </row>
    <row r="932345" spans="14:14">
      <c r="N932345" s="10"/>
    </row>
    <row r="932346" spans="14:14">
      <c r="N932346" s="10"/>
    </row>
    <row r="932347" spans="14:14">
      <c r="N932347" s="10"/>
    </row>
    <row r="932348" spans="14:14">
      <c r="N932348" s="10"/>
    </row>
    <row r="932349" spans="14:14">
      <c r="N932349" s="10"/>
    </row>
    <row r="932350" spans="14:14">
      <c r="N932350" s="10"/>
    </row>
    <row r="932351" spans="14:14">
      <c r="N932351" s="10"/>
    </row>
    <row r="932352" spans="14:14">
      <c r="N932352" s="10"/>
    </row>
    <row r="932353" spans="14:14">
      <c r="N932353" s="10"/>
    </row>
    <row r="932354" spans="14:14">
      <c r="N932354" s="10"/>
    </row>
    <row r="932355" spans="14:14">
      <c r="N932355" s="10"/>
    </row>
    <row r="932356" spans="14:14">
      <c r="N932356" s="10"/>
    </row>
    <row r="932357" spans="14:14">
      <c r="N932357" s="10"/>
    </row>
    <row r="932358" spans="14:14">
      <c r="N932358" s="10"/>
    </row>
    <row r="932359" spans="14:14">
      <c r="N932359" s="10"/>
    </row>
    <row r="932360" spans="14:14">
      <c r="N932360" s="10"/>
    </row>
    <row r="932361" spans="14:14">
      <c r="N932361" s="10"/>
    </row>
    <row r="932362" spans="14:14">
      <c r="N932362" s="10"/>
    </row>
    <row r="932363" spans="14:14">
      <c r="N932363" s="10"/>
    </row>
    <row r="932364" spans="14:14">
      <c r="N932364" s="10"/>
    </row>
    <row r="932365" spans="14:14">
      <c r="N932365" s="10"/>
    </row>
    <row r="932366" spans="14:14">
      <c r="N932366" s="10"/>
    </row>
    <row r="932367" spans="14:14">
      <c r="N932367" s="10"/>
    </row>
    <row r="932368" spans="14:14">
      <c r="N932368" s="10"/>
    </row>
    <row r="932369" spans="14:14">
      <c r="N932369" s="10"/>
    </row>
    <row r="932370" spans="14:14">
      <c r="N932370" s="10"/>
    </row>
    <row r="932371" spans="14:14">
      <c r="N932371" s="10"/>
    </row>
    <row r="932372" spans="14:14">
      <c r="N932372" s="10"/>
    </row>
    <row r="932373" spans="14:14">
      <c r="N932373" s="10"/>
    </row>
    <row r="932374" spans="14:14">
      <c r="N932374" s="10"/>
    </row>
    <row r="932375" spans="14:14">
      <c r="N932375" s="10"/>
    </row>
    <row r="932376" spans="14:14">
      <c r="N932376" s="10"/>
    </row>
    <row r="932377" spans="14:14">
      <c r="N932377" s="10"/>
    </row>
    <row r="932378" spans="14:14">
      <c r="N932378" s="10"/>
    </row>
    <row r="932379" spans="14:14">
      <c r="N932379" s="10"/>
    </row>
    <row r="932380" spans="14:14">
      <c r="N932380" s="10"/>
    </row>
    <row r="932381" spans="14:14">
      <c r="N932381" s="10"/>
    </row>
    <row r="932382" spans="14:14">
      <c r="N932382" s="10"/>
    </row>
    <row r="932383" spans="14:14">
      <c r="N932383" s="10"/>
    </row>
    <row r="932384" spans="14:14">
      <c r="N932384" s="10"/>
    </row>
    <row r="932385" spans="14:14">
      <c r="N932385" s="10"/>
    </row>
    <row r="932386" spans="14:14">
      <c r="N932386" s="10"/>
    </row>
    <row r="932387" spans="14:14">
      <c r="N932387" s="10"/>
    </row>
    <row r="932388" spans="14:14">
      <c r="N932388" s="10"/>
    </row>
    <row r="932389" spans="14:14">
      <c r="N932389" s="10"/>
    </row>
    <row r="932390" spans="14:14">
      <c r="N932390" s="10"/>
    </row>
    <row r="932391" spans="14:14">
      <c r="N932391" s="10"/>
    </row>
    <row r="932392" spans="14:14">
      <c r="N932392" s="10"/>
    </row>
    <row r="932393" spans="14:14">
      <c r="N932393" s="10"/>
    </row>
    <row r="932394" spans="14:14">
      <c r="N932394" s="10"/>
    </row>
    <row r="932395" spans="14:14">
      <c r="N932395" s="10"/>
    </row>
    <row r="932396" spans="14:14">
      <c r="N932396" s="10"/>
    </row>
    <row r="932397" spans="14:14">
      <c r="N932397" s="10"/>
    </row>
    <row r="932398" spans="14:14">
      <c r="N932398" s="10"/>
    </row>
    <row r="932399" spans="14:14">
      <c r="N932399" s="10"/>
    </row>
    <row r="932400" spans="14:14">
      <c r="N932400" s="10"/>
    </row>
    <row r="932401" spans="14:14">
      <c r="N932401" s="10"/>
    </row>
    <row r="932402" spans="14:14">
      <c r="N932402" s="10"/>
    </row>
    <row r="932403" spans="14:14">
      <c r="N932403" s="10"/>
    </row>
    <row r="932404" spans="14:14">
      <c r="N932404" s="10"/>
    </row>
    <row r="932405" spans="14:14">
      <c r="N932405" s="10"/>
    </row>
    <row r="932406" spans="14:14">
      <c r="N932406" s="10"/>
    </row>
    <row r="932407" spans="14:14">
      <c r="N932407" s="10"/>
    </row>
    <row r="932408" spans="14:14">
      <c r="N932408" s="10"/>
    </row>
    <row r="932409" spans="14:14">
      <c r="N932409" s="10"/>
    </row>
    <row r="932410" spans="14:14">
      <c r="N932410" s="10"/>
    </row>
    <row r="932411" spans="14:14">
      <c r="N932411" s="10"/>
    </row>
    <row r="932412" spans="14:14">
      <c r="N932412" s="10"/>
    </row>
    <row r="932413" spans="14:14">
      <c r="N932413" s="10"/>
    </row>
    <row r="932414" spans="14:14">
      <c r="N932414" s="10"/>
    </row>
    <row r="932415" spans="14:14">
      <c r="N932415" s="10"/>
    </row>
    <row r="932416" spans="14:14">
      <c r="N932416" s="10"/>
    </row>
    <row r="932417" spans="14:14">
      <c r="N932417" s="10"/>
    </row>
    <row r="932418" spans="14:14">
      <c r="N932418" s="10"/>
    </row>
    <row r="932419" spans="14:14">
      <c r="N932419" s="10"/>
    </row>
    <row r="932420" spans="14:14">
      <c r="N932420" s="10"/>
    </row>
    <row r="932421" spans="14:14">
      <c r="N932421" s="10"/>
    </row>
    <row r="932422" spans="14:14">
      <c r="N932422" s="10"/>
    </row>
    <row r="932423" spans="14:14">
      <c r="N932423" s="10"/>
    </row>
    <row r="932424" spans="14:14">
      <c r="N932424" s="10"/>
    </row>
    <row r="932425" spans="14:14">
      <c r="N932425" s="10"/>
    </row>
    <row r="932426" spans="14:14">
      <c r="N932426" s="10"/>
    </row>
    <row r="932427" spans="14:14">
      <c r="N932427" s="10"/>
    </row>
    <row r="932428" spans="14:14">
      <c r="N932428" s="10"/>
    </row>
    <row r="932429" spans="14:14">
      <c r="N932429" s="10"/>
    </row>
    <row r="932430" spans="14:14">
      <c r="N932430" s="10"/>
    </row>
    <row r="932431" spans="14:14">
      <c r="N932431" s="10"/>
    </row>
    <row r="932432" spans="14:14">
      <c r="N932432" s="10"/>
    </row>
    <row r="932433" spans="14:14">
      <c r="N932433" s="10"/>
    </row>
    <row r="932434" spans="14:14">
      <c r="N932434" s="10"/>
    </row>
    <row r="932435" spans="14:14">
      <c r="N932435" s="10"/>
    </row>
    <row r="932436" spans="14:14">
      <c r="N932436" s="10"/>
    </row>
    <row r="932437" spans="14:14">
      <c r="N932437" s="10"/>
    </row>
    <row r="932438" spans="14:14">
      <c r="N932438" s="10"/>
    </row>
    <row r="932439" spans="14:14">
      <c r="N932439" s="10"/>
    </row>
    <row r="932440" spans="14:14">
      <c r="N932440" s="10"/>
    </row>
    <row r="932441" spans="14:14">
      <c r="N932441" s="10"/>
    </row>
    <row r="932442" spans="14:14">
      <c r="N932442" s="10"/>
    </row>
    <row r="932443" spans="14:14">
      <c r="N932443" s="10"/>
    </row>
    <row r="932444" spans="14:14">
      <c r="N932444" s="10"/>
    </row>
    <row r="932445" spans="14:14">
      <c r="N932445" s="10"/>
    </row>
    <row r="932446" spans="14:14">
      <c r="N932446" s="10"/>
    </row>
    <row r="932447" spans="14:14">
      <c r="N932447" s="10"/>
    </row>
    <row r="932448" spans="14:14">
      <c r="N932448" s="10"/>
    </row>
    <row r="932449" spans="14:14">
      <c r="N932449" s="10"/>
    </row>
    <row r="932450" spans="14:14">
      <c r="N932450" s="10"/>
    </row>
    <row r="932451" spans="14:14">
      <c r="N932451" s="10"/>
    </row>
    <row r="932452" spans="14:14">
      <c r="N932452" s="10"/>
    </row>
    <row r="932453" spans="14:14">
      <c r="N932453" s="10"/>
    </row>
    <row r="932454" spans="14:14">
      <c r="N932454" s="10"/>
    </row>
    <row r="932455" spans="14:14">
      <c r="N932455" s="10"/>
    </row>
    <row r="932456" spans="14:14">
      <c r="N932456" s="10"/>
    </row>
    <row r="932457" spans="14:14">
      <c r="N932457" s="10"/>
    </row>
    <row r="932458" spans="14:14">
      <c r="N932458" s="10"/>
    </row>
    <row r="932459" spans="14:14">
      <c r="N932459" s="10"/>
    </row>
    <row r="932460" spans="14:14">
      <c r="N932460" s="10"/>
    </row>
    <row r="932461" spans="14:14">
      <c r="N932461" s="10"/>
    </row>
    <row r="932462" spans="14:14">
      <c r="N932462" s="10"/>
    </row>
    <row r="932463" spans="14:14">
      <c r="N932463" s="10"/>
    </row>
    <row r="932464" spans="14:14">
      <c r="N932464" s="10"/>
    </row>
    <row r="932465" spans="14:14">
      <c r="N932465" s="10"/>
    </row>
    <row r="932466" spans="14:14">
      <c r="N932466" s="10"/>
    </row>
    <row r="932467" spans="14:14">
      <c r="N932467" s="10"/>
    </row>
    <row r="932468" spans="14:14">
      <c r="N932468" s="10"/>
    </row>
    <row r="932469" spans="14:14">
      <c r="N932469" s="10"/>
    </row>
    <row r="932470" spans="14:14">
      <c r="N932470" s="10"/>
    </row>
    <row r="932471" spans="14:14">
      <c r="N932471" s="10"/>
    </row>
    <row r="932472" spans="14:14">
      <c r="N932472" s="10"/>
    </row>
    <row r="932473" spans="14:14">
      <c r="N932473" s="10"/>
    </row>
    <row r="932474" spans="14:14">
      <c r="N932474" s="10"/>
    </row>
    <row r="932475" spans="14:14">
      <c r="N932475" s="10"/>
    </row>
    <row r="932476" spans="14:14">
      <c r="N932476" s="10"/>
    </row>
    <row r="932477" spans="14:14">
      <c r="N932477" s="10"/>
    </row>
    <row r="932478" spans="14:14">
      <c r="N932478" s="10"/>
    </row>
    <row r="932479" spans="14:14">
      <c r="N932479" s="10"/>
    </row>
    <row r="932480" spans="14:14">
      <c r="N932480" s="10"/>
    </row>
    <row r="932481" spans="14:14">
      <c r="N932481" s="10"/>
    </row>
    <row r="932482" spans="14:14">
      <c r="N932482" s="10"/>
    </row>
    <row r="932483" spans="14:14">
      <c r="N932483" s="10"/>
    </row>
    <row r="932484" spans="14:14">
      <c r="N932484" s="10"/>
    </row>
    <row r="932485" spans="14:14">
      <c r="N932485" s="10"/>
    </row>
    <row r="932486" spans="14:14">
      <c r="N932486" s="10"/>
    </row>
    <row r="932487" spans="14:14">
      <c r="N932487" s="10"/>
    </row>
    <row r="932488" spans="14:14">
      <c r="N932488" s="10"/>
    </row>
    <row r="932489" spans="14:14">
      <c r="N932489" s="10"/>
    </row>
    <row r="932490" spans="14:14">
      <c r="N932490" s="10"/>
    </row>
    <row r="932491" spans="14:14">
      <c r="N932491" s="10"/>
    </row>
    <row r="932492" spans="14:14">
      <c r="N932492" s="10"/>
    </row>
    <row r="932493" spans="14:14">
      <c r="N932493" s="10"/>
    </row>
    <row r="932494" spans="14:14">
      <c r="N932494" s="10"/>
    </row>
    <row r="932495" spans="14:14">
      <c r="N932495" s="10"/>
    </row>
    <row r="932496" spans="14:14">
      <c r="N932496" s="10"/>
    </row>
    <row r="932497" spans="14:14">
      <c r="N932497" s="10"/>
    </row>
    <row r="932498" spans="14:14">
      <c r="N932498" s="10"/>
    </row>
    <row r="932499" spans="14:14">
      <c r="N932499" s="10"/>
    </row>
    <row r="932500" spans="14:14">
      <c r="N932500" s="10"/>
    </row>
    <row r="932501" spans="14:14">
      <c r="N932501" s="10"/>
    </row>
    <row r="932502" spans="14:14">
      <c r="N932502" s="10"/>
    </row>
    <row r="932503" spans="14:14">
      <c r="N932503" s="10"/>
    </row>
    <row r="932504" spans="14:14">
      <c r="N932504" s="10"/>
    </row>
    <row r="932505" spans="14:14">
      <c r="N932505" s="10"/>
    </row>
    <row r="932506" spans="14:14">
      <c r="N932506" s="10"/>
    </row>
    <row r="932507" spans="14:14">
      <c r="N932507" s="10"/>
    </row>
    <row r="932508" spans="14:14">
      <c r="N932508" s="10"/>
    </row>
    <row r="932509" spans="14:14">
      <c r="N932509" s="10"/>
    </row>
    <row r="932510" spans="14:14">
      <c r="N932510" s="10"/>
    </row>
    <row r="932511" spans="14:14">
      <c r="N932511" s="10"/>
    </row>
    <row r="932512" spans="14:14">
      <c r="N932512" s="10"/>
    </row>
    <row r="932513" spans="14:14">
      <c r="N932513" s="10"/>
    </row>
    <row r="932514" spans="14:14">
      <c r="N932514" s="10"/>
    </row>
    <row r="932515" spans="14:14">
      <c r="N932515" s="10"/>
    </row>
    <row r="932516" spans="14:14">
      <c r="N932516" s="10"/>
    </row>
    <row r="932517" spans="14:14">
      <c r="N932517" s="10"/>
    </row>
    <row r="932518" spans="14:14">
      <c r="N932518" s="10"/>
    </row>
    <row r="932519" spans="14:14">
      <c r="N932519" s="10"/>
    </row>
    <row r="932520" spans="14:14">
      <c r="N932520" s="10"/>
    </row>
    <row r="932521" spans="14:14">
      <c r="N932521" s="10"/>
    </row>
    <row r="932522" spans="14:14">
      <c r="N932522" s="10"/>
    </row>
    <row r="932523" spans="14:14">
      <c r="N932523" s="10"/>
    </row>
    <row r="932524" spans="14:14">
      <c r="N932524" s="10"/>
    </row>
    <row r="932525" spans="14:14">
      <c r="N932525" s="10"/>
    </row>
    <row r="932526" spans="14:14">
      <c r="N932526" s="10"/>
    </row>
    <row r="932527" spans="14:14">
      <c r="N932527" s="10"/>
    </row>
    <row r="932528" spans="14:14">
      <c r="N932528" s="10"/>
    </row>
    <row r="932529" spans="14:14">
      <c r="N932529" s="10"/>
    </row>
    <row r="932530" spans="14:14">
      <c r="N932530" s="10"/>
    </row>
    <row r="932531" spans="14:14">
      <c r="N932531" s="10"/>
    </row>
    <row r="932532" spans="14:14">
      <c r="N932532" s="10"/>
    </row>
    <row r="932533" spans="14:14">
      <c r="N932533" s="10"/>
    </row>
    <row r="932534" spans="14:14">
      <c r="N932534" s="10"/>
    </row>
    <row r="932535" spans="14:14">
      <c r="N932535" s="10"/>
    </row>
    <row r="932536" spans="14:14">
      <c r="N932536" s="10"/>
    </row>
    <row r="932537" spans="14:14">
      <c r="N932537" s="10"/>
    </row>
    <row r="932538" spans="14:14">
      <c r="N932538" s="10"/>
    </row>
    <row r="932539" spans="14:14">
      <c r="N932539" s="10"/>
    </row>
    <row r="932540" spans="14:14">
      <c r="N932540" s="10"/>
    </row>
    <row r="932541" spans="14:14">
      <c r="N932541" s="10"/>
    </row>
    <row r="932542" spans="14:14">
      <c r="N932542" s="10"/>
    </row>
    <row r="932543" spans="14:14">
      <c r="N932543" s="10"/>
    </row>
    <row r="932544" spans="14:14">
      <c r="N932544" s="10"/>
    </row>
    <row r="932545" spans="14:14">
      <c r="N932545" s="10"/>
    </row>
    <row r="932546" spans="14:14">
      <c r="N932546" s="10"/>
    </row>
    <row r="932547" spans="14:14">
      <c r="N932547" s="10"/>
    </row>
    <row r="932548" spans="14:14">
      <c r="N932548" s="10"/>
    </row>
    <row r="932549" spans="14:14">
      <c r="N932549" s="10"/>
    </row>
    <row r="932550" spans="14:14">
      <c r="N932550" s="10"/>
    </row>
    <row r="932551" spans="14:14">
      <c r="N932551" s="10"/>
    </row>
    <row r="932552" spans="14:14">
      <c r="N932552" s="10"/>
    </row>
    <row r="932553" spans="14:14">
      <c r="N932553" s="10"/>
    </row>
    <row r="932554" spans="14:14">
      <c r="N932554" s="10"/>
    </row>
    <row r="932555" spans="14:14">
      <c r="N932555" s="10"/>
    </row>
    <row r="932556" spans="14:14">
      <c r="N932556" s="10"/>
    </row>
    <row r="932557" spans="14:14">
      <c r="N932557" s="10"/>
    </row>
    <row r="932558" spans="14:14">
      <c r="N932558" s="10"/>
    </row>
    <row r="932559" spans="14:14">
      <c r="N932559" s="10"/>
    </row>
    <row r="932560" spans="14:14">
      <c r="N932560" s="10"/>
    </row>
    <row r="932561" spans="14:14">
      <c r="N932561" s="10"/>
    </row>
    <row r="932562" spans="14:14">
      <c r="N932562" s="10"/>
    </row>
    <row r="932563" spans="14:14">
      <c r="N932563" s="10"/>
    </row>
    <row r="932564" spans="14:14">
      <c r="N932564" s="10"/>
    </row>
    <row r="932565" spans="14:14">
      <c r="N932565" s="10"/>
    </row>
    <row r="932566" spans="14:14">
      <c r="N932566" s="10"/>
    </row>
    <row r="932567" spans="14:14">
      <c r="N932567" s="10"/>
    </row>
    <row r="932568" spans="14:14">
      <c r="N932568" s="10"/>
    </row>
    <row r="932569" spans="14:14">
      <c r="N932569" s="10"/>
    </row>
    <row r="932570" spans="14:14">
      <c r="N932570" s="10"/>
    </row>
    <row r="932571" spans="14:14">
      <c r="N932571" s="10"/>
    </row>
    <row r="932572" spans="14:14">
      <c r="N932572" s="10"/>
    </row>
    <row r="932573" spans="14:14">
      <c r="N932573" s="10"/>
    </row>
    <row r="932574" spans="14:14">
      <c r="N932574" s="10"/>
    </row>
    <row r="932575" spans="14:14">
      <c r="N932575" s="10"/>
    </row>
    <row r="932576" spans="14:14">
      <c r="N932576" s="10"/>
    </row>
    <row r="932577" spans="14:14">
      <c r="N932577" s="10"/>
    </row>
    <row r="932578" spans="14:14">
      <c r="N932578" s="10"/>
    </row>
    <row r="932579" spans="14:14">
      <c r="N932579" s="10"/>
    </row>
    <row r="932580" spans="14:14">
      <c r="N932580" s="10"/>
    </row>
    <row r="932581" spans="14:14">
      <c r="N932581" s="10"/>
    </row>
    <row r="932582" spans="14:14">
      <c r="N932582" s="10"/>
    </row>
    <row r="932583" spans="14:14">
      <c r="N932583" s="10"/>
    </row>
    <row r="932584" spans="14:14">
      <c r="N932584" s="10"/>
    </row>
    <row r="932585" spans="14:14">
      <c r="N932585" s="10"/>
    </row>
    <row r="932586" spans="14:14">
      <c r="N932586" s="10"/>
    </row>
    <row r="932587" spans="14:14">
      <c r="N932587" s="10"/>
    </row>
    <row r="932588" spans="14:14">
      <c r="N932588" s="10"/>
    </row>
    <row r="932589" spans="14:14">
      <c r="N932589" s="10"/>
    </row>
    <row r="932590" spans="14:14">
      <c r="N932590" s="10"/>
    </row>
    <row r="932591" spans="14:14">
      <c r="N932591" s="10"/>
    </row>
    <row r="932592" spans="14:14">
      <c r="N932592" s="10"/>
    </row>
    <row r="932593" spans="14:14">
      <c r="N932593" s="10"/>
    </row>
    <row r="932594" spans="14:14">
      <c r="N932594" s="10"/>
    </row>
    <row r="932595" spans="14:14">
      <c r="N932595" s="10"/>
    </row>
    <row r="932596" spans="14:14">
      <c r="N932596" s="10"/>
    </row>
    <row r="932597" spans="14:14">
      <c r="N932597" s="10"/>
    </row>
    <row r="932598" spans="14:14">
      <c r="N932598" s="10"/>
    </row>
    <row r="932599" spans="14:14">
      <c r="N932599" s="10"/>
    </row>
    <row r="932600" spans="14:14">
      <c r="N932600" s="10"/>
    </row>
    <row r="932601" spans="14:14">
      <c r="N932601" s="10"/>
    </row>
    <row r="932602" spans="14:14">
      <c r="N932602" s="10"/>
    </row>
    <row r="932603" spans="14:14">
      <c r="N932603" s="10"/>
    </row>
    <row r="932604" spans="14:14">
      <c r="N932604" s="10"/>
    </row>
    <row r="932605" spans="14:14">
      <c r="N932605" s="10"/>
    </row>
    <row r="932606" spans="14:14">
      <c r="N932606" s="10"/>
    </row>
    <row r="932607" spans="14:14">
      <c r="N932607" s="10"/>
    </row>
    <row r="932608" spans="14:14">
      <c r="N932608" s="10"/>
    </row>
    <row r="932609" spans="14:14">
      <c r="N932609" s="10"/>
    </row>
    <row r="932610" spans="14:14">
      <c r="N932610" s="10"/>
    </row>
    <row r="932611" spans="14:14">
      <c r="N932611" s="10"/>
    </row>
    <row r="932612" spans="14:14">
      <c r="N932612" s="10"/>
    </row>
    <row r="932613" spans="14:14">
      <c r="N932613" s="10"/>
    </row>
    <row r="932614" spans="14:14">
      <c r="N932614" s="10"/>
    </row>
    <row r="932615" spans="14:14">
      <c r="N932615" s="10"/>
    </row>
    <row r="932616" spans="14:14">
      <c r="N932616" s="10"/>
    </row>
    <row r="932617" spans="14:14">
      <c r="N932617" s="10"/>
    </row>
    <row r="932618" spans="14:14">
      <c r="N932618" s="10"/>
    </row>
    <row r="932619" spans="14:14">
      <c r="N932619" s="10"/>
    </row>
    <row r="932620" spans="14:14">
      <c r="N932620" s="10"/>
    </row>
    <row r="932621" spans="14:14">
      <c r="N932621" s="10"/>
    </row>
    <row r="932622" spans="14:14">
      <c r="N932622" s="10"/>
    </row>
    <row r="932623" spans="14:14">
      <c r="N932623" s="10"/>
    </row>
    <row r="932624" spans="14:14">
      <c r="N932624" s="10"/>
    </row>
    <row r="932625" spans="14:14">
      <c r="N932625" s="10"/>
    </row>
    <row r="932626" spans="14:14">
      <c r="N932626" s="10"/>
    </row>
    <row r="932627" spans="14:14">
      <c r="N932627" s="10"/>
    </row>
    <row r="932628" spans="14:14">
      <c r="N932628" s="10"/>
    </row>
    <row r="932629" spans="14:14">
      <c r="N932629" s="10"/>
    </row>
    <row r="932630" spans="14:14">
      <c r="N932630" s="10"/>
    </row>
    <row r="932631" spans="14:14">
      <c r="N932631" s="10"/>
    </row>
    <row r="932632" spans="14:14">
      <c r="N932632" s="10"/>
    </row>
    <row r="932633" spans="14:14">
      <c r="N932633" s="10"/>
    </row>
    <row r="932634" spans="14:14">
      <c r="N932634" s="10"/>
    </row>
    <row r="932635" spans="14:14">
      <c r="N932635" s="10"/>
    </row>
    <row r="932636" spans="14:14">
      <c r="N932636" s="10"/>
    </row>
    <row r="932637" spans="14:14">
      <c r="N932637" s="10"/>
    </row>
    <row r="932638" spans="14:14">
      <c r="N932638" s="10"/>
    </row>
    <row r="932639" spans="14:14">
      <c r="N932639" s="10"/>
    </row>
    <row r="932640" spans="14:14">
      <c r="N932640" s="10"/>
    </row>
    <row r="932641" spans="14:14">
      <c r="N932641" s="10"/>
    </row>
    <row r="932642" spans="14:14">
      <c r="N932642" s="10"/>
    </row>
    <row r="932643" spans="14:14">
      <c r="N932643" s="10"/>
    </row>
    <row r="932644" spans="14:14">
      <c r="N932644" s="10"/>
    </row>
    <row r="932645" spans="14:14">
      <c r="N932645" s="10"/>
    </row>
    <row r="932646" spans="14:14">
      <c r="N932646" s="10"/>
    </row>
    <row r="932647" spans="14:14">
      <c r="N932647" s="10"/>
    </row>
    <row r="932648" spans="14:14">
      <c r="N932648" s="10"/>
    </row>
    <row r="932649" spans="14:14">
      <c r="N932649" s="10"/>
    </row>
    <row r="932650" spans="14:14">
      <c r="N932650" s="10"/>
    </row>
    <row r="932651" spans="14:14">
      <c r="N932651" s="10"/>
    </row>
    <row r="932652" spans="14:14">
      <c r="N932652" s="10"/>
    </row>
    <row r="932653" spans="14:14">
      <c r="N932653" s="10"/>
    </row>
    <row r="932654" spans="14:14">
      <c r="N932654" s="10"/>
    </row>
    <row r="932655" spans="14:14">
      <c r="N932655" s="10"/>
    </row>
    <row r="932656" spans="14:14">
      <c r="N932656" s="10"/>
    </row>
    <row r="932657" spans="14:14">
      <c r="N932657" s="10"/>
    </row>
    <row r="932658" spans="14:14">
      <c r="N932658" s="10"/>
    </row>
    <row r="932659" spans="14:14">
      <c r="N932659" s="10"/>
    </row>
    <row r="932660" spans="14:14">
      <c r="N932660" s="10"/>
    </row>
    <row r="932661" spans="14:14">
      <c r="N932661" s="10"/>
    </row>
    <row r="932662" spans="14:14">
      <c r="N932662" s="10"/>
    </row>
    <row r="932663" spans="14:14">
      <c r="N932663" s="10"/>
    </row>
    <row r="932664" spans="14:14">
      <c r="N932664" s="10"/>
    </row>
    <row r="932665" spans="14:14">
      <c r="N932665" s="10"/>
    </row>
    <row r="932666" spans="14:14">
      <c r="N932666" s="10"/>
    </row>
    <row r="932667" spans="14:14">
      <c r="N932667" s="10"/>
    </row>
    <row r="932668" spans="14:14">
      <c r="N932668" s="10"/>
    </row>
    <row r="932669" spans="14:14">
      <c r="N932669" s="10"/>
    </row>
    <row r="932670" spans="14:14">
      <c r="N932670" s="10"/>
    </row>
    <row r="932671" spans="14:14">
      <c r="N932671" s="10"/>
    </row>
    <row r="932672" spans="14:14">
      <c r="N932672" s="10"/>
    </row>
    <row r="932673" spans="14:14">
      <c r="N932673" s="10"/>
    </row>
    <row r="932674" spans="14:14">
      <c r="N932674" s="10"/>
    </row>
    <row r="932675" spans="14:14">
      <c r="N932675" s="10"/>
    </row>
    <row r="932676" spans="14:14">
      <c r="N932676" s="10"/>
    </row>
    <row r="932677" spans="14:14">
      <c r="N932677" s="10"/>
    </row>
    <row r="932678" spans="14:14">
      <c r="N932678" s="10"/>
    </row>
    <row r="932679" spans="14:14">
      <c r="N932679" s="10"/>
    </row>
    <row r="932680" spans="14:14">
      <c r="N932680" s="10"/>
    </row>
    <row r="932681" spans="14:14">
      <c r="N932681" s="10"/>
    </row>
    <row r="932682" spans="14:14">
      <c r="N932682" s="10"/>
    </row>
    <row r="932683" spans="14:14">
      <c r="N932683" s="10"/>
    </row>
    <row r="932684" spans="14:14">
      <c r="N932684" s="10"/>
    </row>
    <row r="932685" spans="14:14">
      <c r="N932685" s="10"/>
    </row>
    <row r="932686" spans="14:14">
      <c r="N932686" s="10"/>
    </row>
    <row r="932687" spans="14:14">
      <c r="N932687" s="10"/>
    </row>
    <row r="932688" spans="14:14">
      <c r="N932688" s="10"/>
    </row>
    <row r="932689" spans="14:14">
      <c r="N932689" s="10"/>
    </row>
    <row r="932690" spans="14:14">
      <c r="N932690" s="10"/>
    </row>
    <row r="932691" spans="14:14">
      <c r="N932691" s="10"/>
    </row>
    <row r="932692" spans="14:14">
      <c r="N932692" s="10"/>
    </row>
    <row r="932693" spans="14:14">
      <c r="N932693" s="10"/>
    </row>
    <row r="932694" spans="14:14">
      <c r="N932694" s="10"/>
    </row>
    <row r="932695" spans="14:14">
      <c r="N932695" s="10"/>
    </row>
    <row r="932696" spans="14:14">
      <c r="N932696" s="10"/>
    </row>
    <row r="932697" spans="14:14">
      <c r="N932697" s="10"/>
    </row>
    <row r="932698" spans="14:14">
      <c r="N932698" s="10"/>
    </row>
    <row r="932699" spans="14:14">
      <c r="N932699" s="10"/>
    </row>
    <row r="932700" spans="14:14">
      <c r="N932700" s="10"/>
    </row>
    <row r="932701" spans="14:14">
      <c r="N932701" s="10"/>
    </row>
    <row r="932702" spans="14:14">
      <c r="N932702" s="10"/>
    </row>
    <row r="932703" spans="14:14">
      <c r="N932703" s="10"/>
    </row>
    <row r="932704" spans="14:14">
      <c r="N932704" s="10"/>
    </row>
    <row r="932705" spans="14:14">
      <c r="N932705" s="10"/>
    </row>
    <row r="932706" spans="14:14">
      <c r="N932706" s="10"/>
    </row>
    <row r="932707" spans="14:14">
      <c r="N932707" s="10"/>
    </row>
    <row r="932708" spans="14:14">
      <c r="N932708" s="10"/>
    </row>
    <row r="932709" spans="14:14">
      <c r="N932709" s="10"/>
    </row>
    <row r="932710" spans="14:14">
      <c r="N932710" s="10"/>
    </row>
    <row r="932711" spans="14:14">
      <c r="N932711" s="10"/>
    </row>
    <row r="932712" spans="14:14">
      <c r="N932712" s="10"/>
    </row>
    <row r="932713" spans="14:14">
      <c r="N932713" s="10"/>
    </row>
    <row r="932714" spans="14:14">
      <c r="N932714" s="10"/>
    </row>
    <row r="932715" spans="14:14">
      <c r="N932715" s="10"/>
    </row>
    <row r="932716" spans="14:14">
      <c r="N932716" s="10"/>
    </row>
    <row r="932717" spans="14:14">
      <c r="N932717" s="10"/>
    </row>
    <row r="932718" spans="14:14">
      <c r="N932718" s="10"/>
    </row>
    <row r="932719" spans="14:14">
      <c r="N932719" s="10"/>
    </row>
    <row r="932720" spans="14:14">
      <c r="N932720" s="10"/>
    </row>
    <row r="932721" spans="14:14">
      <c r="N932721" s="10"/>
    </row>
    <row r="932722" spans="14:14">
      <c r="N932722" s="10"/>
    </row>
    <row r="932723" spans="14:14">
      <c r="N932723" s="10"/>
    </row>
    <row r="932724" spans="14:14">
      <c r="N932724" s="10"/>
    </row>
    <row r="932725" spans="14:14">
      <c r="N932725" s="10"/>
    </row>
    <row r="932726" spans="14:14">
      <c r="N932726" s="10"/>
    </row>
    <row r="932727" spans="14:14">
      <c r="N932727" s="10"/>
    </row>
    <row r="932728" spans="14:14">
      <c r="N932728" s="10"/>
    </row>
    <row r="932729" spans="14:14">
      <c r="N932729" s="10"/>
    </row>
    <row r="932730" spans="14:14">
      <c r="N932730" s="10"/>
    </row>
    <row r="932731" spans="14:14">
      <c r="N932731" s="10"/>
    </row>
    <row r="932732" spans="14:14">
      <c r="N932732" s="10"/>
    </row>
    <row r="932733" spans="14:14">
      <c r="N932733" s="10"/>
    </row>
    <row r="932734" spans="14:14">
      <c r="N932734" s="10"/>
    </row>
    <row r="932735" spans="14:14">
      <c r="N932735" s="10"/>
    </row>
    <row r="932736" spans="14:14">
      <c r="N932736" s="10"/>
    </row>
    <row r="932737" spans="14:14">
      <c r="N932737" s="10"/>
    </row>
    <row r="932738" spans="14:14">
      <c r="N932738" s="10"/>
    </row>
    <row r="932739" spans="14:14">
      <c r="N932739" s="10"/>
    </row>
    <row r="932740" spans="14:14">
      <c r="N932740" s="10"/>
    </row>
    <row r="932741" spans="14:14">
      <c r="N932741" s="10"/>
    </row>
    <row r="932742" spans="14:14">
      <c r="N932742" s="10"/>
    </row>
    <row r="932743" spans="14:14">
      <c r="N932743" s="10"/>
    </row>
    <row r="932744" spans="14:14">
      <c r="N932744" s="10"/>
    </row>
    <row r="932745" spans="14:14">
      <c r="N932745" s="10"/>
    </row>
    <row r="932746" spans="14:14">
      <c r="N932746" s="10"/>
    </row>
    <row r="932747" spans="14:14">
      <c r="N932747" s="10"/>
    </row>
    <row r="932748" spans="14:14">
      <c r="N932748" s="10"/>
    </row>
    <row r="932749" spans="14:14">
      <c r="N932749" s="10"/>
    </row>
    <row r="932750" spans="14:14">
      <c r="N932750" s="10"/>
    </row>
    <row r="932751" spans="14:14">
      <c r="N932751" s="10"/>
    </row>
    <row r="932752" spans="14:14">
      <c r="N932752" s="10"/>
    </row>
    <row r="932753" spans="14:14">
      <c r="N932753" s="10"/>
    </row>
    <row r="932754" spans="14:14">
      <c r="N932754" s="10"/>
    </row>
    <row r="932755" spans="14:14">
      <c r="N932755" s="10"/>
    </row>
    <row r="932756" spans="14:14">
      <c r="N932756" s="10"/>
    </row>
    <row r="932757" spans="14:14">
      <c r="N932757" s="10"/>
    </row>
    <row r="932758" spans="14:14">
      <c r="N932758" s="10"/>
    </row>
    <row r="932759" spans="14:14">
      <c r="N932759" s="10"/>
    </row>
    <row r="932760" spans="14:14">
      <c r="N932760" s="10"/>
    </row>
    <row r="932761" spans="14:14">
      <c r="N932761" s="10"/>
    </row>
    <row r="932762" spans="14:14">
      <c r="N932762" s="10"/>
    </row>
    <row r="932763" spans="14:14">
      <c r="N932763" s="10"/>
    </row>
    <row r="932764" spans="14:14">
      <c r="N932764" s="10"/>
    </row>
    <row r="932765" spans="14:14">
      <c r="N932765" s="10"/>
    </row>
    <row r="932766" spans="14:14">
      <c r="N932766" s="10"/>
    </row>
    <row r="932767" spans="14:14">
      <c r="N932767" s="10"/>
    </row>
    <row r="932768" spans="14:14">
      <c r="N932768" s="10"/>
    </row>
    <row r="932769" spans="14:14">
      <c r="N932769" s="10"/>
    </row>
    <row r="932770" spans="14:14">
      <c r="N932770" s="10"/>
    </row>
    <row r="932771" spans="14:14">
      <c r="N932771" s="10"/>
    </row>
    <row r="932772" spans="14:14">
      <c r="N932772" s="10"/>
    </row>
    <row r="932773" spans="14:14">
      <c r="N932773" s="10"/>
    </row>
    <row r="932774" spans="14:14">
      <c r="N932774" s="10"/>
    </row>
    <row r="932775" spans="14:14">
      <c r="N932775" s="10"/>
    </row>
    <row r="932776" spans="14:14">
      <c r="N932776" s="10"/>
    </row>
    <row r="932777" spans="14:14">
      <c r="N932777" s="10"/>
    </row>
    <row r="932778" spans="14:14">
      <c r="N932778" s="10"/>
    </row>
    <row r="932779" spans="14:14">
      <c r="N932779" s="10"/>
    </row>
    <row r="932780" spans="14:14">
      <c r="N932780" s="10"/>
    </row>
    <row r="932781" spans="14:14">
      <c r="N932781" s="10"/>
    </row>
    <row r="932782" spans="14:14">
      <c r="N932782" s="10"/>
    </row>
    <row r="932783" spans="14:14">
      <c r="N932783" s="10"/>
    </row>
    <row r="932784" spans="14:14">
      <c r="N932784" s="10"/>
    </row>
    <row r="932785" spans="14:14">
      <c r="N932785" s="10"/>
    </row>
    <row r="932786" spans="14:14">
      <c r="N932786" s="10"/>
    </row>
    <row r="932787" spans="14:14">
      <c r="N932787" s="10"/>
    </row>
    <row r="932788" spans="14:14">
      <c r="N932788" s="10"/>
    </row>
    <row r="932789" spans="14:14">
      <c r="N932789" s="10"/>
    </row>
    <row r="932790" spans="14:14">
      <c r="N932790" s="10"/>
    </row>
    <row r="932791" spans="14:14">
      <c r="N932791" s="10"/>
    </row>
    <row r="932792" spans="14:14">
      <c r="N932792" s="10"/>
    </row>
    <row r="932793" spans="14:14">
      <c r="N932793" s="10"/>
    </row>
    <row r="932794" spans="14:14">
      <c r="N932794" s="10"/>
    </row>
    <row r="932795" spans="14:14">
      <c r="N932795" s="10"/>
    </row>
    <row r="932796" spans="14:14">
      <c r="N932796" s="10"/>
    </row>
    <row r="932797" spans="14:14">
      <c r="N932797" s="10"/>
    </row>
    <row r="932798" spans="14:14">
      <c r="N932798" s="10"/>
    </row>
    <row r="932799" spans="14:14">
      <c r="N932799" s="10"/>
    </row>
    <row r="932800" spans="14:14">
      <c r="N932800" s="10"/>
    </row>
    <row r="932801" spans="14:14">
      <c r="N932801" s="10"/>
    </row>
    <row r="932802" spans="14:14">
      <c r="N932802" s="10"/>
    </row>
    <row r="932803" spans="14:14">
      <c r="N932803" s="10"/>
    </row>
    <row r="932804" spans="14:14">
      <c r="N932804" s="10"/>
    </row>
    <row r="932805" spans="14:14">
      <c r="N932805" s="10"/>
    </row>
    <row r="932806" spans="14:14">
      <c r="N932806" s="10"/>
    </row>
    <row r="932807" spans="14:14">
      <c r="N932807" s="10"/>
    </row>
    <row r="932808" spans="14:14">
      <c r="N932808" s="10"/>
    </row>
    <row r="932809" spans="14:14">
      <c r="N932809" s="10"/>
    </row>
    <row r="932810" spans="14:14">
      <c r="N932810" s="10"/>
    </row>
    <row r="932811" spans="14:14">
      <c r="N932811" s="10"/>
    </row>
    <row r="932812" spans="14:14">
      <c r="N932812" s="10"/>
    </row>
    <row r="932813" spans="14:14">
      <c r="N932813" s="10"/>
    </row>
    <row r="932814" spans="14:14">
      <c r="N932814" s="10"/>
    </row>
    <row r="932815" spans="14:14">
      <c r="N932815" s="10"/>
    </row>
    <row r="932816" spans="14:14">
      <c r="N932816" s="10"/>
    </row>
    <row r="932817" spans="14:14">
      <c r="N932817" s="10"/>
    </row>
    <row r="932818" spans="14:14">
      <c r="N932818" s="10"/>
    </row>
    <row r="932819" spans="14:14">
      <c r="N932819" s="10"/>
    </row>
    <row r="932820" spans="14:14">
      <c r="N932820" s="10"/>
    </row>
    <row r="932821" spans="14:14">
      <c r="N932821" s="10"/>
    </row>
    <row r="932822" spans="14:14">
      <c r="N932822" s="10"/>
    </row>
    <row r="932823" spans="14:14">
      <c r="N932823" s="10"/>
    </row>
    <row r="932824" spans="14:14">
      <c r="N932824" s="10"/>
    </row>
    <row r="932825" spans="14:14">
      <c r="N932825" s="10"/>
    </row>
    <row r="932826" spans="14:14">
      <c r="N932826" s="10"/>
    </row>
    <row r="932827" spans="14:14">
      <c r="N932827" s="10"/>
    </row>
    <row r="932828" spans="14:14">
      <c r="N932828" s="10"/>
    </row>
    <row r="932829" spans="14:14">
      <c r="N932829" s="10"/>
    </row>
    <row r="932830" spans="14:14">
      <c r="N932830" s="10"/>
    </row>
    <row r="932831" spans="14:14">
      <c r="N932831" s="10"/>
    </row>
    <row r="932832" spans="14:14">
      <c r="N932832" s="10"/>
    </row>
    <row r="932833" spans="14:14">
      <c r="N932833" s="10"/>
    </row>
    <row r="932834" spans="14:14">
      <c r="N932834" s="10"/>
    </row>
    <row r="932835" spans="14:14">
      <c r="N932835" s="10"/>
    </row>
    <row r="932836" spans="14:14">
      <c r="N932836" s="10"/>
    </row>
    <row r="932837" spans="14:14">
      <c r="N932837" s="10"/>
    </row>
    <row r="932838" spans="14:14">
      <c r="N932838" s="10"/>
    </row>
    <row r="932839" spans="14:14">
      <c r="N932839" s="10"/>
    </row>
    <row r="932840" spans="14:14">
      <c r="N932840" s="10"/>
    </row>
    <row r="932841" spans="14:14">
      <c r="N932841" s="10"/>
    </row>
    <row r="932842" spans="14:14">
      <c r="N932842" s="10"/>
    </row>
    <row r="932843" spans="14:14">
      <c r="N932843" s="10"/>
    </row>
    <row r="932844" spans="14:14">
      <c r="N932844" s="10"/>
    </row>
    <row r="932845" spans="14:14">
      <c r="N932845" s="10"/>
    </row>
    <row r="932846" spans="14:14">
      <c r="N932846" s="10"/>
    </row>
    <row r="932847" spans="14:14">
      <c r="N932847" s="10"/>
    </row>
    <row r="932848" spans="14:14">
      <c r="N932848" s="10"/>
    </row>
    <row r="932849" spans="14:14">
      <c r="N932849" s="10"/>
    </row>
    <row r="932850" spans="14:14">
      <c r="N932850" s="10"/>
    </row>
    <row r="932851" spans="14:14">
      <c r="N932851" s="10"/>
    </row>
    <row r="932852" spans="14:14">
      <c r="N932852" s="10"/>
    </row>
    <row r="932853" spans="14:14">
      <c r="N932853" s="10"/>
    </row>
    <row r="932854" spans="14:14">
      <c r="N932854" s="10"/>
    </row>
    <row r="932855" spans="14:14">
      <c r="N932855" s="10"/>
    </row>
    <row r="932856" spans="14:14">
      <c r="N932856" s="10"/>
    </row>
    <row r="932857" spans="14:14">
      <c r="N932857" s="10"/>
    </row>
    <row r="932858" spans="14:14">
      <c r="N932858" s="10"/>
    </row>
    <row r="932859" spans="14:14">
      <c r="N932859" s="10"/>
    </row>
    <row r="932860" spans="14:14">
      <c r="N932860" s="10"/>
    </row>
    <row r="932861" spans="14:14">
      <c r="N932861" s="10"/>
    </row>
    <row r="932862" spans="14:14">
      <c r="N932862" s="10"/>
    </row>
    <row r="932863" spans="14:14">
      <c r="N932863" s="10"/>
    </row>
    <row r="932864" spans="14:14">
      <c r="N932864" s="10"/>
    </row>
    <row r="932865" spans="14:14">
      <c r="N932865" s="10"/>
    </row>
    <row r="932866" spans="14:14">
      <c r="N932866" s="10"/>
    </row>
    <row r="932867" spans="14:14">
      <c r="N932867" s="10"/>
    </row>
    <row r="932868" spans="14:14">
      <c r="N932868" s="10"/>
    </row>
    <row r="932869" spans="14:14">
      <c r="N932869" s="10"/>
    </row>
    <row r="932870" spans="14:14">
      <c r="N932870" s="10"/>
    </row>
    <row r="932871" spans="14:14">
      <c r="N932871" s="10"/>
    </row>
    <row r="932872" spans="14:14">
      <c r="N932872" s="10"/>
    </row>
    <row r="932873" spans="14:14">
      <c r="N932873" s="10"/>
    </row>
    <row r="932874" spans="14:14">
      <c r="N932874" s="10"/>
    </row>
    <row r="932875" spans="14:14">
      <c r="N932875" s="10"/>
    </row>
    <row r="932876" spans="14:14">
      <c r="N932876" s="10"/>
    </row>
    <row r="932877" spans="14:14">
      <c r="N932877" s="10"/>
    </row>
    <row r="932878" spans="14:14">
      <c r="N932878" s="10"/>
    </row>
    <row r="932879" spans="14:14">
      <c r="N932879" s="10"/>
    </row>
    <row r="932880" spans="14:14">
      <c r="N932880" s="10"/>
    </row>
    <row r="932881" spans="14:14">
      <c r="N932881" s="10"/>
    </row>
    <row r="932882" spans="14:14">
      <c r="N932882" s="10"/>
    </row>
    <row r="932883" spans="14:14">
      <c r="N932883" s="10"/>
    </row>
    <row r="932884" spans="14:14">
      <c r="N932884" s="10"/>
    </row>
    <row r="932885" spans="14:14">
      <c r="N932885" s="10"/>
    </row>
    <row r="932886" spans="14:14">
      <c r="N932886" s="10"/>
    </row>
    <row r="932887" spans="14:14">
      <c r="N932887" s="10"/>
    </row>
    <row r="932888" spans="14:14">
      <c r="N932888" s="10"/>
    </row>
    <row r="932889" spans="14:14">
      <c r="N932889" s="10"/>
    </row>
    <row r="932890" spans="14:14">
      <c r="N932890" s="10"/>
    </row>
    <row r="932891" spans="14:14">
      <c r="N932891" s="10"/>
    </row>
    <row r="932892" spans="14:14">
      <c r="N932892" s="10"/>
    </row>
    <row r="932893" spans="14:14">
      <c r="N932893" s="10"/>
    </row>
    <row r="932894" spans="14:14">
      <c r="N932894" s="10"/>
    </row>
    <row r="932895" spans="14:14">
      <c r="N932895" s="10"/>
    </row>
    <row r="932896" spans="14:14">
      <c r="N932896" s="10"/>
    </row>
    <row r="932897" spans="14:14">
      <c r="N932897" s="10"/>
    </row>
    <row r="932898" spans="14:14">
      <c r="N932898" s="10"/>
    </row>
    <row r="932899" spans="14:14">
      <c r="N932899" s="10"/>
    </row>
    <row r="932900" spans="14:14">
      <c r="N932900" s="10"/>
    </row>
    <row r="932901" spans="14:14">
      <c r="N932901" s="10"/>
    </row>
    <row r="932902" spans="14:14">
      <c r="N932902" s="10"/>
    </row>
    <row r="932903" spans="14:14">
      <c r="N932903" s="10"/>
    </row>
    <row r="932904" spans="14:14">
      <c r="N932904" s="10"/>
    </row>
    <row r="932905" spans="14:14">
      <c r="N932905" s="10"/>
    </row>
    <row r="932906" spans="14:14">
      <c r="N932906" s="10"/>
    </row>
    <row r="932907" spans="14:14">
      <c r="N932907" s="10"/>
    </row>
    <row r="932908" spans="14:14">
      <c r="N932908" s="10"/>
    </row>
    <row r="932909" spans="14:14">
      <c r="N932909" s="10"/>
    </row>
    <row r="932910" spans="14:14">
      <c r="N932910" s="10"/>
    </row>
    <row r="932911" spans="14:14">
      <c r="N932911" s="10"/>
    </row>
    <row r="932912" spans="14:14">
      <c r="N932912" s="10"/>
    </row>
    <row r="932913" spans="14:14">
      <c r="N932913" s="10"/>
    </row>
    <row r="932914" spans="14:14">
      <c r="N932914" s="10"/>
    </row>
    <row r="932915" spans="14:14">
      <c r="N932915" s="10"/>
    </row>
    <row r="932916" spans="14:14">
      <c r="N932916" s="10"/>
    </row>
    <row r="932917" spans="14:14">
      <c r="N932917" s="10"/>
    </row>
    <row r="932918" spans="14:14">
      <c r="N932918" s="10"/>
    </row>
    <row r="932919" spans="14:14">
      <c r="N932919" s="10"/>
    </row>
    <row r="932920" spans="14:14">
      <c r="N932920" s="10"/>
    </row>
    <row r="932921" spans="14:14">
      <c r="N932921" s="10"/>
    </row>
    <row r="932922" spans="14:14">
      <c r="N932922" s="10"/>
    </row>
    <row r="932923" spans="14:14">
      <c r="N932923" s="10"/>
    </row>
    <row r="932924" spans="14:14">
      <c r="N932924" s="10"/>
    </row>
    <row r="932925" spans="14:14">
      <c r="N932925" s="10"/>
    </row>
    <row r="932926" spans="14:14">
      <c r="N932926" s="10"/>
    </row>
    <row r="932927" spans="14:14">
      <c r="N932927" s="10"/>
    </row>
    <row r="932928" spans="14:14">
      <c r="N932928" s="10"/>
    </row>
    <row r="932929" spans="14:14">
      <c r="N932929" s="10"/>
    </row>
    <row r="932930" spans="14:14">
      <c r="N932930" s="10"/>
    </row>
    <row r="932931" spans="14:14">
      <c r="N932931" s="10"/>
    </row>
    <row r="932932" spans="14:14">
      <c r="N932932" s="10"/>
    </row>
    <row r="932933" spans="14:14">
      <c r="N932933" s="10"/>
    </row>
    <row r="932934" spans="14:14">
      <c r="N932934" s="10"/>
    </row>
    <row r="932935" spans="14:14">
      <c r="N932935" s="10"/>
    </row>
    <row r="932936" spans="14:14">
      <c r="N932936" s="10"/>
    </row>
    <row r="932937" spans="14:14">
      <c r="N932937" s="10"/>
    </row>
    <row r="932938" spans="14:14">
      <c r="N932938" s="10"/>
    </row>
    <row r="932939" spans="14:14">
      <c r="N932939" s="10"/>
    </row>
    <row r="932940" spans="14:14">
      <c r="N932940" s="10"/>
    </row>
    <row r="932941" spans="14:14">
      <c r="N932941" s="10"/>
    </row>
    <row r="932942" spans="14:14">
      <c r="N932942" s="10"/>
    </row>
    <row r="932943" spans="14:14">
      <c r="N932943" s="10"/>
    </row>
    <row r="932944" spans="14:14">
      <c r="N932944" s="10"/>
    </row>
    <row r="932945" spans="14:14">
      <c r="N932945" s="10"/>
    </row>
    <row r="932946" spans="14:14">
      <c r="N932946" s="10"/>
    </row>
    <row r="932947" spans="14:14">
      <c r="N932947" s="10"/>
    </row>
    <row r="932948" spans="14:14">
      <c r="N932948" s="10"/>
    </row>
    <row r="932949" spans="14:14">
      <c r="N932949" s="10"/>
    </row>
    <row r="932950" spans="14:14">
      <c r="N932950" s="10"/>
    </row>
    <row r="932951" spans="14:14">
      <c r="N932951" s="10"/>
    </row>
    <row r="932952" spans="14:14">
      <c r="N932952" s="10"/>
    </row>
    <row r="932953" spans="14:14">
      <c r="N932953" s="10"/>
    </row>
    <row r="932954" spans="14:14">
      <c r="N932954" s="10"/>
    </row>
    <row r="932955" spans="14:14">
      <c r="N932955" s="10"/>
    </row>
    <row r="932956" spans="14:14">
      <c r="N932956" s="10"/>
    </row>
    <row r="932957" spans="14:14">
      <c r="N932957" s="10"/>
    </row>
    <row r="932958" spans="14:14">
      <c r="N932958" s="10"/>
    </row>
    <row r="932959" spans="14:14">
      <c r="N932959" s="10"/>
    </row>
    <row r="932960" spans="14:14">
      <c r="N932960" s="10"/>
    </row>
    <row r="932961" spans="14:14">
      <c r="N932961" s="10"/>
    </row>
    <row r="932962" spans="14:14">
      <c r="N932962" s="10"/>
    </row>
    <row r="932963" spans="14:14">
      <c r="N932963" s="10"/>
    </row>
    <row r="932964" spans="14:14">
      <c r="N932964" s="10"/>
    </row>
    <row r="932965" spans="14:14">
      <c r="N932965" s="10"/>
    </row>
    <row r="932966" spans="14:14">
      <c r="N932966" s="10"/>
    </row>
    <row r="932967" spans="14:14">
      <c r="N932967" s="10"/>
    </row>
    <row r="932968" spans="14:14">
      <c r="N932968" s="10"/>
    </row>
    <row r="932969" spans="14:14">
      <c r="N932969" s="10"/>
    </row>
    <row r="932970" spans="14:14">
      <c r="N932970" s="10"/>
    </row>
    <row r="932971" spans="14:14">
      <c r="N932971" s="10"/>
    </row>
    <row r="932972" spans="14:14">
      <c r="N932972" s="10"/>
    </row>
    <row r="932973" spans="14:14">
      <c r="N932973" s="10"/>
    </row>
    <row r="932974" spans="14:14">
      <c r="N932974" s="10"/>
    </row>
    <row r="932975" spans="14:14">
      <c r="N932975" s="10"/>
    </row>
    <row r="932976" spans="14:14">
      <c r="N932976" s="10"/>
    </row>
    <row r="932977" spans="14:14">
      <c r="N932977" s="10"/>
    </row>
    <row r="932978" spans="14:14">
      <c r="N932978" s="10"/>
    </row>
    <row r="932979" spans="14:14">
      <c r="N932979" s="10"/>
    </row>
    <row r="932980" spans="14:14">
      <c r="N932980" s="10"/>
    </row>
    <row r="932981" spans="14:14">
      <c r="N932981" s="10"/>
    </row>
    <row r="932982" spans="14:14">
      <c r="N932982" s="10"/>
    </row>
    <row r="932983" spans="14:14">
      <c r="N932983" s="10"/>
    </row>
    <row r="932984" spans="14:14">
      <c r="N932984" s="10"/>
    </row>
    <row r="932985" spans="14:14">
      <c r="N932985" s="10"/>
    </row>
    <row r="932986" spans="14:14">
      <c r="N932986" s="10"/>
    </row>
    <row r="932987" spans="14:14">
      <c r="N932987" s="10"/>
    </row>
    <row r="932988" spans="14:14">
      <c r="N932988" s="10"/>
    </row>
    <row r="932989" spans="14:14">
      <c r="N932989" s="10"/>
    </row>
    <row r="932990" spans="14:14">
      <c r="N932990" s="10"/>
    </row>
    <row r="932991" spans="14:14">
      <c r="N932991" s="10"/>
    </row>
    <row r="932992" spans="14:14">
      <c r="N932992" s="10"/>
    </row>
    <row r="932993" spans="14:14">
      <c r="N932993" s="10"/>
    </row>
    <row r="932994" spans="14:14">
      <c r="N932994" s="10"/>
    </row>
    <row r="932995" spans="14:14">
      <c r="N932995" s="10"/>
    </row>
    <row r="932996" spans="14:14">
      <c r="N932996" s="10"/>
    </row>
    <row r="932997" spans="14:14">
      <c r="N932997" s="10"/>
    </row>
    <row r="932998" spans="14:14">
      <c r="N932998" s="10"/>
    </row>
    <row r="932999" spans="14:14">
      <c r="N932999" s="10"/>
    </row>
    <row r="933000" spans="14:14">
      <c r="N933000" s="10"/>
    </row>
    <row r="933001" spans="14:14">
      <c r="N933001" s="10"/>
    </row>
    <row r="933002" spans="14:14">
      <c r="N933002" s="10"/>
    </row>
    <row r="933003" spans="14:14">
      <c r="N933003" s="10"/>
    </row>
    <row r="933004" spans="14:14">
      <c r="N933004" s="10"/>
    </row>
    <row r="933005" spans="14:14">
      <c r="N933005" s="10"/>
    </row>
    <row r="933006" spans="14:14">
      <c r="N933006" s="10"/>
    </row>
    <row r="933007" spans="14:14">
      <c r="N933007" s="10"/>
    </row>
    <row r="933008" spans="14:14">
      <c r="N933008" s="10"/>
    </row>
    <row r="933009" spans="14:14">
      <c r="N933009" s="10"/>
    </row>
    <row r="933010" spans="14:14">
      <c r="N933010" s="10"/>
    </row>
    <row r="933011" spans="14:14">
      <c r="N933011" s="10"/>
    </row>
    <row r="933012" spans="14:14">
      <c r="N933012" s="10"/>
    </row>
    <row r="933013" spans="14:14">
      <c r="N933013" s="10"/>
    </row>
    <row r="933014" spans="14:14">
      <c r="N933014" s="10"/>
    </row>
    <row r="933015" spans="14:14">
      <c r="N933015" s="10"/>
    </row>
    <row r="933016" spans="14:14">
      <c r="N933016" s="10"/>
    </row>
    <row r="933017" spans="14:14">
      <c r="N933017" s="10"/>
    </row>
    <row r="933018" spans="14:14">
      <c r="N933018" s="10"/>
    </row>
    <row r="933019" spans="14:14">
      <c r="N933019" s="10"/>
    </row>
    <row r="933020" spans="14:14">
      <c r="N933020" s="10"/>
    </row>
    <row r="933021" spans="14:14">
      <c r="N933021" s="10"/>
    </row>
    <row r="933022" spans="14:14">
      <c r="N933022" s="10"/>
    </row>
    <row r="933023" spans="14:14">
      <c r="N933023" s="10"/>
    </row>
    <row r="933024" spans="14:14">
      <c r="N933024" s="10"/>
    </row>
    <row r="933025" spans="14:14">
      <c r="N933025" s="10"/>
    </row>
    <row r="933026" spans="14:14">
      <c r="N933026" s="10"/>
    </row>
    <row r="933027" spans="14:14">
      <c r="N933027" s="10"/>
    </row>
    <row r="933028" spans="14:14">
      <c r="N933028" s="10"/>
    </row>
    <row r="933029" spans="14:14">
      <c r="N933029" s="10"/>
    </row>
    <row r="933030" spans="14:14">
      <c r="N933030" s="10"/>
    </row>
    <row r="933031" spans="14:14">
      <c r="N933031" s="10"/>
    </row>
    <row r="933032" spans="14:14">
      <c r="N933032" s="10"/>
    </row>
    <row r="933033" spans="14:14">
      <c r="N933033" s="10"/>
    </row>
    <row r="933034" spans="14:14">
      <c r="N933034" s="10"/>
    </row>
    <row r="933035" spans="14:14">
      <c r="N933035" s="10"/>
    </row>
    <row r="933036" spans="14:14">
      <c r="N933036" s="10"/>
    </row>
    <row r="933037" spans="14:14">
      <c r="N933037" s="10"/>
    </row>
    <row r="933038" spans="14:14">
      <c r="N933038" s="10"/>
    </row>
    <row r="933039" spans="14:14">
      <c r="N933039" s="10"/>
    </row>
    <row r="933040" spans="14:14">
      <c r="N933040" s="10"/>
    </row>
    <row r="933041" spans="14:14">
      <c r="N933041" s="10"/>
    </row>
    <row r="933042" spans="14:14">
      <c r="N933042" s="10"/>
    </row>
    <row r="933043" spans="14:14">
      <c r="N933043" s="10"/>
    </row>
    <row r="933044" spans="14:14">
      <c r="N933044" s="10"/>
    </row>
    <row r="933045" spans="14:14">
      <c r="N933045" s="10"/>
    </row>
    <row r="933046" spans="14:14">
      <c r="N933046" s="10"/>
    </row>
    <row r="933047" spans="14:14">
      <c r="N933047" s="10"/>
    </row>
    <row r="933048" spans="14:14">
      <c r="N933048" s="10"/>
    </row>
    <row r="933049" spans="14:14">
      <c r="N933049" s="10"/>
    </row>
    <row r="933050" spans="14:14">
      <c r="N933050" s="10"/>
    </row>
    <row r="933051" spans="14:14">
      <c r="N933051" s="10"/>
    </row>
    <row r="933052" spans="14:14">
      <c r="N933052" s="10"/>
    </row>
    <row r="933053" spans="14:14">
      <c r="N933053" s="10"/>
    </row>
    <row r="933054" spans="14:14">
      <c r="N933054" s="10"/>
    </row>
    <row r="933055" spans="14:14">
      <c r="N933055" s="10"/>
    </row>
    <row r="933056" spans="14:14">
      <c r="N933056" s="10"/>
    </row>
    <row r="933057" spans="14:14">
      <c r="N933057" s="10"/>
    </row>
    <row r="933058" spans="14:14">
      <c r="N933058" s="10"/>
    </row>
    <row r="933059" spans="14:14">
      <c r="N933059" s="10"/>
    </row>
    <row r="933060" spans="14:14">
      <c r="N933060" s="10"/>
    </row>
    <row r="933061" spans="14:14">
      <c r="N933061" s="10"/>
    </row>
    <row r="933062" spans="14:14">
      <c r="N933062" s="10"/>
    </row>
    <row r="933063" spans="14:14">
      <c r="N933063" s="10"/>
    </row>
    <row r="933064" spans="14:14">
      <c r="N933064" s="10"/>
    </row>
    <row r="933065" spans="14:14">
      <c r="N933065" s="10"/>
    </row>
    <row r="933066" spans="14:14">
      <c r="N933066" s="10"/>
    </row>
    <row r="933067" spans="14:14">
      <c r="N933067" s="10"/>
    </row>
    <row r="933068" spans="14:14">
      <c r="N933068" s="10"/>
    </row>
    <row r="933069" spans="14:14">
      <c r="N933069" s="10"/>
    </row>
    <row r="933070" spans="14:14">
      <c r="N933070" s="10"/>
    </row>
    <row r="933071" spans="14:14">
      <c r="N933071" s="10"/>
    </row>
    <row r="933072" spans="14:14">
      <c r="N933072" s="10"/>
    </row>
    <row r="933073" spans="14:14">
      <c r="N933073" s="10"/>
    </row>
    <row r="933074" spans="14:14">
      <c r="N933074" s="10"/>
    </row>
    <row r="933075" spans="14:14">
      <c r="N933075" s="10"/>
    </row>
    <row r="933076" spans="14:14">
      <c r="N933076" s="10"/>
    </row>
    <row r="933077" spans="14:14">
      <c r="N933077" s="10"/>
    </row>
    <row r="933078" spans="14:14">
      <c r="N933078" s="10"/>
    </row>
    <row r="933079" spans="14:14">
      <c r="N933079" s="10"/>
    </row>
    <row r="933080" spans="14:14">
      <c r="N933080" s="10"/>
    </row>
    <row r="933081" spans="14:14">
      <c r="N933081" s="10"/>
    </row>
    <row r="933082" spans="14:14">
      <c r="N933082" s="10"/>
    </row>
    <row r="933083" spans="14:14">
      <c r="N933083" s="10"/>
    </row>
    <row r="933084" spans="14:14">
      <c r="N933084" s="10"/>
    </row>
    <row r="933085" spans="14:14">
      <c r="N933085" s="10"/>
    </row>
    <row r="933086" spans="14:14">
      <c r="N933086" s="10"/>
    </row>
    <row r="933087" spans="14:14">
      <c r="N933087" s="10"/>
    </row>
    <row r="933088" spans="14:14">
      <c r="N933088" s="10"/>
    </row>
    <row r="933089" spans="14:14">
      <c r="N933089" s="10"/>
    </row>
    <row r="933090" spans="14:14">
      <c r="N933090" s="10"/>
    </row>
    <row r="933091" spans="14:14">
      <c r="N933091" s="10"/>
    </row>
    <row r="933092" spans="14:14">
      <c r="N933092" s="10"/>
    </row>
    <row r="933093" spans="14:14">
      <c r="N933093" s="10"/>
    </row>
    <row r="933094" spans="14:14">
      <c r="N933094" s="10"/>
    </row>
    <row r="933095" spans="14:14">
      <c r="N933095" s="10"/>
    </row>
    <row r="933096" spans="14:14">
      <c r="N933096" s="10"/>
    </row>
    <row r="933097" spans="14:14">
      <c r="N933097" s="10"/>
    </row>
    <row r="933098" spans="14:14">
      <c r="N933098" s="10"/>
    </row>
    <row r="933099" spans="14:14">
      <c r="N933099" s="10"/>
    </row>
    <row r="933100" spans="14:14">
      <c r="N933100" s="10"/>
    </row>
    <row r="933101" spans="14:14">
      <c r="N933101" s="10"/>
    </row>
    <row r="933102" spans="14:14">
      <c r="N933102" s="10"/>
    </row>
    <row r="933103" spans="14:14">
      <c r="N933103" s="10"/>
    </row>
    <row r="933104" spans="14:14">
      <c r="N933104" s="10"/>
    </row>
    <row r="933105" spans="14:14">
      <c r="N933105" s="10"/>
    </row>
    <row r="933106" spans="14:14">
      <c r="N933106" s="10"/>
    </row>
    <row r="933107" spans="14:14">
      <c r="N933107" s="10"/>
    </row>
    <row r="933108" spans="14:14">
      <c r="N933108" s="10"/>
    </row>
    <row r="933109" spans="14:14">
      <c r="N933109" s="10"/>
    </row>
    <row r="933110" spans="14:14">
      <c r="N933110" s="10"/>
    </row>
    <row r="933111" spans="14:14">
      <c r="N933111" s="10"/>
    </row>
    <row r="933112" spans="14:14">
      <c r="N933112" s="10"/>
    </row>
    <row r="933113" spans="14:14">
      <c r="N933113" s="10"/>
    </row>
    <row r="933114" spans="14:14">
      <c r="N933114" s="10"/>
    </row>
    <row r="933115" spans="14:14">
      <c r="N933115" s="10"/>
    </row>
    <row r="933116" spans="14:14">
      <c r="N933116" s="10"/>
    </row>
    <row r="933117" spans="14:14">
      <c r="N933117" s="10"/>
    </row>
    <row r="933118" spans="14:14">
      <c r="N933118" s="10"/>
    </row>
    <row r="933119" spans="14:14">
      <c r="N933119" s="10"/>
    </row>
    <row r="933120" spans="14:14">
      <c r="N933120" s="10"/>
    </row>
    <row r="933121" spans="14:14">
      <c r="N933121" s="10"/>
    </row>
    <row r="933122" spans="14:14">
      <c r="N933122" s="10"/>
    </row>
    <row r="933123" spans="14:14">
      <c r="N933123" s="10"/>
    </row>
    <row r="933124" spans="14:14">
      <c r="N933124" s="10"/>
    </row>
    <row r="933125" spans="14:14">
      <c r="N933125" s="10"/>
    </row>
    <row r="933126" spans="14:14">
      <c r="N933126" s="10"/>
    </row>
    <row r="933127" spans="14:14">
      <c r="N933127" s="10"/>
    </row>
    <row r="933128" spans="14:14">
      <c r="N933128" s="10"/>
    </row>
    <row r="933129" spans="14:14">
      <c r="N933129" s="10"/>
    </row>
    <row r="933130" spans="14:14">
      <c r="N933130" s="10"/>
    </row>
    <row r="933131" spans="14:14">
      <c r="N933131" s="10"/>
    </row>
    <row r="933132" spans="14:14">
      <c r="N933132" s="10"/>
    </row>
    <row r="933133" spans="14:14">
      <c r="N933133" s="10"/>
    </row>
    <row r="933134" spans="14:14">
      <c r="N933134" s="10"/>
    </row>
    <row r="933135" spans="14:14">
      <c r="N933135" s="10"/>
    </row>
    <row r="933136" spans="14:14">
      <c r="N933136" s="10"/>
    </row>
    <row r="933137" spans="14:14">
      <c r="N933137" s="10"/>
    </row>
    <row r="933138" spans="14:14">
      <c r="N933138" s="10"/>
    </row>
    <row r="933139" spans="14:14">
      <c r="N933139" s="10"/>
    </row>
    <row r="933140" spans="14:14">
      <c r="N933140" s="10"/>
    </row>
    <row r="933141" spans="14:14">
      <c r="N933141" s="10"/>
    </row>
    <row r="933142" spans="14:14">
      <c r="N933142" s="10"/>
    </row>
    <row r="933143" spans="14:14">
      <c r="N933143" s="10"/>
    </row>
    <row r="933144" spans="14:14">
      <c r="N933144" s="10"/>
    </row>
    <row r="933145" spans="14:14">
      <c r="N933145" s="10"/>
    </row>
    <row r="933146" spans="14:14">
      <c r="N933146" s="10"/>
    </row>
    <row r="933147" spans="14:14">
      <c r="N933147" s="10"/>
    </row>
    <row r="933148" spans="14:14">
      <c r="N933148" s="10"/>
    </row>
    <row r="933149" spans="14:14">
      <c r="N933149" s="10"/>
    </row>
    <row r="933150" spans="14:14">
      <c r="N933150" s="10"/>
    </row>
    <row r="933151" spans="14:14">
      <c r="N933151" s="10"/>
    </row>
    <row r="933152" spans="14:14">
      <c r="N933152" s="10"/>
    </row>
    <row r="933153" spans="14:14">
      <c r="N933153" s="10"/>
    </row>
    <row r="933154" spans="14:14">
      <c r="N933154" s="10"/>
    </row>
    <row r="933155" spans="14:14">
      <c r="N933155" s="10"/>
    </row>
    <row r="933156" spans="14:14">
      <c r="N933156" s="10"/>
    </row>
    <row r="933157" spans="14:14">
      <c r="N933157" s="10"/>
    </row>
    <row r="933158" spans="14:14">
      <c r="N933158" s="10"/>
    </row>
    <row r="933159" spans="14:14">
      <c r="N933159" s="10"/>
    </row>
    <row r="933160" spans="14:14">
      <c r="N933160" s="10"/>
    </row>
    <row r="933161" spans="14:14">
      <c r="N933161" s="10"/>
    </row>
    <row r="933162" spans="14:14">
      <c r="N933162" s="10"/>
    </row>
    <row r="933163" spans="14:14">
      <c r="N933163" s="10"/>
    </row>
    <row r="933164" spans="14:14">
      <c r="N933164" s="10"/>
    </row>
    <row r="933165" spans="14:14">
      <c r="N933165" s="10"/>
    </row>
    <row r="933166" spans="14:14">
      <c r="N933166" s="10"/>
    </row>
    <row r="933167" spans="14:14">
      <c r="N933167" s="10"/>
    </row>
    <row r="933168" spans="14:14">
      <c r="N933168" s="10"/>
    </row>
    <row r="933169" spans="14:14">
      <c r="N933169" s="10"/>
    </row>
    <row r="933170" spans="14:14">
      <c r="N933170" s="10"/>
    </row>
    <row r="933171" spans="14:14">
      <c r="N933171" s="10"/>
    </row>
    <row r="933172" spans="14:14">
      <c r="N933172" s="10"/>
    </row>
    <row r="933173" spans="14:14">
      <c r="N933173" s="10"/>
    </row>
    <row r="933174" spans="14:14">
      <c r="N933174" s="10"/>
    </row>
    <row r="933175" spans="14:14">
      <c r="N933175" s="10"/>
    </row>
    <row r="933176" spans="14:14">
      <c r="N933176" s="10"/>
    </row>
    <row r="933177" spans="14:14">
      <c r="N933177" s="10"/>
    </row>
    <row r="933178" spans="14:14">
      <c r="N933178" s="10"/>
    </row>
    <row r="933179" spans="14:14">
      <c r="N933179" s="10"/>
    </row>
    <row r="933180" spans="14:14">
      <c r="N933180" s="10"/>
    </row>
    <row r="933181" spans="14:14">
      <c r="N933181" s="10"/>
    </row>
    <row r="933182" spans="14:14">
      <c r="N933182" s="10"/>
    </row>
    <row r="933183" spans="14:14">
      <c r="N933183" s="10"/>
    </row>
    <row r="933184" spans="14:14">
      <c r="N933184" s="10"/>
    </row>
    <row r="933185" spans="14:14">
      <c r="N933185" s="10"/>
    </row>
    <row r="933186" spans="14:14">
      <c r="N933186" s="10"/>
    </row>
    <row r="933187" spans="14:14">
      <c r="N933187" s="10"/>
    </row>
    <row r="933188" spans="14:14">
      <c r="N933188" s="10"/>
    </row>
    <row r="933189" spans="14:14">
      <c r="N933189" s="10"/>
    </row>
    <row r="933190" spans="14:14">
      <c r="N933190" s="10"/>
    </row>
    <row r="933191" spans="14:14">
      <c r="N933191" s="10"/>
    </row>
    <row r="933192" spans="14:14">
      <c r="N933192" s="10"/>
    </row>
    <row r="933193" spans="14:14">
      <c r="N933193" s="10"/>
    </row>
    <row r="933194" spans="14:14">
      <c r="N933194" s="10"/>
    </row>
    <row r="933195" spans="14:14">
      <c r="N933195" s="10"/>
    </row>
    <row r="933196" spans="14:14">
      <c r="N933196" s="10"/>
    </row>
    <row r="933197" spans="14:14">
      <c r="N933197" s="10"/>
    </row>
    <row r="933198" spans="14:14">
      <c r="N933198" s="10"/>
    </row>
    <row r="933199" spans="14:14">
      <c r="N933199" s="10"/>
    </row>
    <row r="933200" spans="14:14">
      <c r="N933200" s="10"/>
    </row>
    <row r="933201" spans="14:14">
      <c r="N933201" s="10"/>
    </row>
    <row r="933202" spans="14:14">
      <c r="N933202" s="10"/>
    </row>
    <row r="933203" spans="14:14">
      <c r="N933203" s="10"/>
    </row>
    <row r="933204" spans="14:14">
      <c r="N933204" s="10"/>
    </row>
    <row r="933205" spans="14:14">
      <c r="N933205" s="10"/>
    </row>
    <row r="933206" spans="14:14">
      <c r="N933206" s="10"/>
    </row>
    <row r="933207" spans="14:14">
      <c r="N933207" s="10"/>
    </row>
    <row r="933208" spans="14:14">
      <c r="N933208" s="10"/>
    </row>
    <row r="933209" spans="14:14">
      <c r="N933209" s="10"/>
    </row>
    <row r="933210" spans="14:14">
      <c r="N933210" s="10"/>
    </row>
    <row r="933211" spans="14:14">
      <c r="N933211" s="10"/>
    </row>
    <row r="933212" spans="14:14">
      <c r="N933212" s="10"/>
    </row>
    <row r="933213" spans="14:14">
      <c r="N933213" s="10"/>
    </row>
    <row r="933214" spans="14:14">
      <c r="N933214" s="10"/>
    </row>
    <row r="933215" spans="14:14">
      <c r="N933215" s="10"/>
    </row>
    <row r="933216" spans="14:14">
      <c r="N933216" s="10"/>
    </row>
    <row r="933217" spans="14:14">
      <c r="N933217" s="10"/>
    </row>
    <row r="933218" spans="14:14">
      <c r="N933218" s="10"/>
    </row>
    <row r="933219" spans="14:14">
      <c r="N933219" s="10"/>
    </row>
    <row r="933220" spans="14:14">
      <c r="N933220" s="10"/>
    </row>
    <row r="933221" spans="14:14">
      <c r="N933221" s="10"/>
    </row>
    <row r="933222" spans="14:14">
      <c r="N933222" s="10"/>
    </row>
    <row r="933223" spans="14:14">
      <c r="N933223" s="10"/>
    </row>
    <row r="933224" spans="14:14">
      <c r="N933224" s="10"/>
    </row>
    <row r="933225" spans="14:14">
      <c r="N933225" s="10"/>
    </row>
    <row r="933226" spans="14:14">
      <c r="N933226" s="10"/>
    </row>
    <row r="933227" spans="14:14">
      <c r="N933227" s="10"/>
    </row>
    <row r="933228" spans="14:14">
      <c r="N933228" s="10"/>
    </row>
    <row r="933229" spans="14:14">
      <c r="N933229" s="10"/>
    </row>
    <row r="933230" spans="14:14">
      <c r="N933230" s="10"/>
    </row>
    <row r="933231" spans="14:14">
      <c r="N933231" s="10"/>
    </row>
    <row r="933232" spans="14:14">
      <c r="N933232" s="10"/>
    </row>
    <row r="933233" spans="14:14">
      <c r="N933233" s="10"/>
    </row>
    <row r="933234" spans="14:14">
      <c r="N933234" s="10"/>
    </row>
    <row r="933235" spans="14:14">
      <c r="N933235" s="10"/>
    </row>
    <row r="933236" spans="14:14">
      <c r="N933236" s="10"/>
    </row>
    <row r="933237" spans="14:14">
      <c r="N933237" s="10"/>
    </row>
    <row r="933238" spans="14:14">
      <c r="N933238" s="10"/>
    </row>
    <row r="933239" spans="14:14">
      <c r="N933239" s="10"/>
    </row>
    <row r="933240" spans="14:14">
      <c r="N933240" s="10"/>
    </row>
    <row r="933241" spans="14:14">
      <c r="N933241" s="10"/>
    </row>
    <row r="933242" spans="14:14">
      <c r="N933242" s="10"/>
    </row>
    <row r="933243" spans="14:14">
      <c r="N933243" s="10"/>
    </row>
    <row r="933244" spans="14:14">
      <c r="N933244" s="10"/>
    </row>
    <row r="933245" spans="14:14">
      <c r="N933245" s="10"/>
    </row>
    <row r="933246" spans="14:14">
      <c r="N933246" s="10"/>
    </row>
    <row r="933247" spans="14:14">
      <c r="N933247" s="10"/>
    </row>
    <row r="933248" spans="14:14">
      <c r="N933248" s="10"/>
    </row>
    <row r="933249" spans="14:14">
      <c r="N933249" s="10"/>
    </row>
    <row r="933250" spans="14:14">
      <c r="N933250" s="10"/>
    </row>
    <row r="933251" spans="14:14">
      <c r="N933251" s="10"/>
    </row>
    <row r="933252" spans="14:14">
      <c r="N933252" s="10"/>
    </row>
    <row r="933253" spans="14:14">
      <c r="N933253" s="10"/>
    </row>
    <row r="933254" spans="14:14">
      <c r="N933254" s="10"/>
    </row>
    <row r="933255" spans="14:14">
      <c r="N933255" s="10"/>
    </row>
    <row r="933256" spans="14:14">
      <c r="N933256" s="10"/>
    </row>
    <row r="933257" spans="14:14">
      <c r="N933257" s="10"/>
    </row>
    <row r="933258" spans="14:14">
      <c r="N933258" s="10"/>
    </row>
    <row r="933259" spans="14:14">
      <c r="N933259" s="10"/>
    </row>
    <row r="933260" spans="14:14">
      <c r="N933260" s="10"/>
    </row>
    <row r="933261" spans="14:14">
      <c r="N933261" s="10"/>
    </row>
    <row r="933262" spans="14:14">
      <c r="N933262" s="10"/>
    </row>
    <row r="933263" spans="14:14">
      <c r="N933263" s="10"/>
    </row>
    <row r="933264" spans="14:14">
      <c r="N933264" s="10"/>
    </row>
    <row r="933265" spans="14:14">
      <c r="N933265" s="10"/>
    </row>
    <row r="933266" spans="14:14">
      <c r="N933266" s="10"/>
    </row>
    <row r="933267" spans="14:14">
      <c r="N933267" s="10"/>
    </row>
    <row r="933268" spans="14:14">
      <c r="N933268" s="10"/>
    </row>
    <row r="933269" spans="14:14">
      <c r="N933269" s="10"/>
    </row>
    <row r="933270" spans="14:14">
      <c r="N933270" s="10"/>
    </row>
    <row r="933271" spans="14:14">
      <c r="N933271" s="10"/>
    </row>
    <row r="933272" spans="14:14">
      <c r="N933272" s="10"/>
    </row>
    <row r="933273" spans="14:14">
      <c r="N933273" s="10"/>
    </row>
    <row r="933274" spans="14:14">
      <c r="N933274" s="10"/>
    </row>
    <row r="933275" spans="14:14">
      <c r="N933275" s="10"/>
    </row>
    <row r="933276" spans="14:14">
      <c r="N933276" s="10"/>
    </row>
    <row r="933277" spans="14:14">
      <c r="N933277" s="10"/>
    </row>
    <row r="933278" spans="14:14">
      <c r="N933278" s="10"/>
    </row>
    <row r="933279" spans="14:14">
      <c r="N933279" s="10"/>
    </row>
    <row r="933280" spans="14:14">
      <c r="N933280" s="10"/>
    </row>
    <row r="933281" spans="14:14">
      <c r="N933281" s="10"/>
    </row>
    <row r="933282" spans="14:14">
      <c r="N933282" s="10"/>
    </row>
    <row r="933283" spans="14:14">
      <c r="N933283" s="10"/>
    </row>
    <row r="933284" spans="14:14">
      <c r="N933284" s="10"/>
    </row>
    <row r="933285" spans="14:14">
      <c r="N933285" s="10"/>
    </row>
    <row r="933286" spans="14:14">
      <c r="N933286" s="10"/>
    </row>
    <row r="933287" spans="14:14">
      <c r="N933287" s="10"/>
    </row>
    <row r="933288" spans="14:14">
      <c r="N933288" s="10"/>
    </row>
    <row r="933289" spans="14:14">
      <c r="N933289" s="10"/>
    </row>
    <row r="933290" spans="14:14">
      <c r="N933290" s="10"/>
    </row>
    <row r="933291" spans="14:14">
      <c r="N933291" s="10"/>
    </row>
    <row r="933292" spans="14:14">
      <c r="N933292" s="10"/>
    </row>
    <row r="933293" spans="14:14">
      <c r="N933293" s="10"/>
    </row>
    <row r="933294" spans="14:14">
      <c r="N933294" s="10"/>
    </row>
    <row r="933295" spans="14:14">
      <c r="N933295" s="10"/>
    </row>
    <row r="933296" spans="14:14">
      <c r="N933296" s="10"/>
    </row>
    <row r="933297" spans="14:14">
      <c r="N933297" s="10"/>
    </row>
    <row r="933298" spans="14:14">
      <c r="N933298" s="10"/>
    </row>
    <row r="933299" spans="14:14">
      <c r="N933299" s="10"/>
    </row>
    <row r="933300" spans="14:14">
      <c r="N933300" s="10"/>
    </row>
    <row r="933301" spans="14:14">
      <c r="N933301" s="10"/>
    </row>
    <row r="933302" spans="14:14">
      <c r="N933302" s="10"/>
    </row>
    <row r="933303" spans="14:14">
      <c r="N933303" s="10"/>
    </row>
    <row r="933304" spans="14:14">
      <c r="N933304" s="10"/>
    </row>
    <row r="933305" spans="14:14">
      <c r="N933305" s="10"/>
    </row>
    <row r="933306" spans="14:14">
      <c r="N933306" s="10"/>
    </row>
    <row r="933307" spans="14:14">
      <c r="N933307" s="10"/>
    </row>
    <row r="933308" spans="14:14">
      <c r="N933308" s="10"/>
    </row>
    <row r="933309" spans="14:14">
      <c r="N933309" s="10"/>
    </row>
    <row r="933310" spans="14:14">
      <c r="N933310" s="10"/>
    </row>
    <row r="933311" spans="14:14">
      <c r="N933311" s="10"/>
    </row>
    <row r="933312" spans="14:14">
      <c r="N933312" s="10"/>
    </row>
    <row r="933313" spans="14:14">
      <c r="N933313" s="10"/>
    </row>
    <row r="933314" spans="14:14">
      <c r="N933314" s="10"/>
    </row>
    <row r="933315" spans="14:14">
      <c r="N933315" s="10"/>
    </row>
    <row r="933316" spans="14:14">
      <c r="N933316" s="10"/>
    </row>
    <row r="933317" spans="14:14">
      <c r="N933317" s="10"/>
    </row>
    <row r="933318" spans="14:14">
      <c r="N933318" s="10"/>
    </row>
    <row r="933319" spans="14:14">
      <c r="N933319" s="10"/>
    </row>
    <row r="933320" spans="14:14">
      <c r="N933320" s="10"/>
    </row>
    <row r="933321" spans="14:14">
      <c r="N933321" s="10"/>
    </row>
    <row r="933322" spans="14:14">
      <c r="N933322" s="10"/>
    </row>
    <row r="933323" spans="14:14">
      <c r="N933323" s="10"/>
    </row>
    <row r="933324" spans="14:14">
      <c r="N933324" s="10"/>
    </row>
    <row r="933325" spans="14:14">
      <c r="N933325" s="10"/>
    </row>
    <row r="933326" spans="14:14">
      <c r="N933326" s="10"/>
    </row>
    <row r="933327" spans="14:14">
      <c r="N933327" s="10"/>
    </row>
    <row r="933328" spans="14:14">
      <c r="N933328" s="10"/>
    </row>
    <row r="933329" spans="14:14">
      <c r="N933329" s="10"/>
    </row>
    <row r="933330" spans="14:14">
      <c r="N933330" s="10"/>
    </row>
    <row r="933331" spans="14:14">
      <c r="N933331" s="10"/>
    </row>
    <row r="933332" spans="14:14">
      <c r="N933332" s="10"/>
    </row>
    <row r="933333" spans="14:14">
      <c r="N933333" s="10"/>
    </row>
    <row r="933334" spans="14:14">
      <c r="N933334" s="10"/>
    </row>
    <row r="933335" spans="14:14">
      <c r="N933335" s="10"/>
    </row>
    <row r="933336" spans="14:14">
      <c r="N933336" s="10"/>
    </row>
    <row r="933337" spans="14:14">
      <c r="N933337" s="10"/>
    </row>
    <row r="933338" spans="14:14">
      <c r="N933338" s="10"/>
    </row>
    <row r="933339" spans="14:14">
      <c r="N933339" s="10"/>
    </row>
    <row r="933340" spans="14:14">
      <c r="N933340" s="10"/>
    </row>
    <row r="933341" spans="14:14">
      <c r="N933341" s="10"/>
    </row>
    <row r="933342" spans="14:14">
      <c r="N933342" s="10"/>
    </row>
    <row r="933343" spans="14:14">
      <c r="N933343" s="10"/>
    </row>
    <row r="933344" spans="14:14">
      <c r="N933344" s="10"/>
    </row>
    <row r="933345" spans="14:14">
      <c r="N933345" s="10"/>
    </row>
    <row r="933346" spans="14:14">
      <c r="N933346" s="10"/>
    </row>
    <row r="933347" spans="14:14">
      <c r="N933347" s="10"/>
    </row>
    <row r="933348" spans="14:14">
      <c r="N933348" s="10"/>
    </row>
    <row r="933349" spans="14:14">
      <c r="N933349" s="10"/>
    </row>
    <row r="933350" spans="14:14">
      <c r="N933350" s="10"/>
    </row>
    <row r="933351" spans="14:14">
      <c r="N933351" s="10"/>
    </row>
    <row r="933352" spans="14:14">
      <c r="N933352" s="10"/>
    </row>
    <row r="933353" spans="14:14">
      <c r="N933353" s="10"/>
    </row>
    <row r="933354" spans="14:14">
      <c r="N933354" s="10"/>
    </row>
    <row r="933355" spans="14:14">
      <c r="N933355" s="10"/>
    </row>
    <row r="933356" spans="14:14">
      <c r="N933356" s="10"/>
    </row>
    <row r="933357" spans="14:14">
      <c r="N933357" s="10"/>
    </row>
    <row r="933358" spans="14:14">
      <c r="N933358" s="10"/>
    </row>
    <row r="933359" spans="14:14">
      <c r="N933359" s="10"/>
    </row>
    <row r="933360" spans="14:14">
      <c r="N933360" s="10"/>
    </row>
    <row r="933361" spans="14:14">
      <c r="N933361" s="10"/>
    </row>
    <row r="933362" spans="14:14">
      <c r="N933362" s="10"/>
    </row>
    <row r="933363" spans="14:14">
      <c r="N933363" s="10"/>
    </row>
    <row r="933364" spans="14:14">
      <c r="N933364" s="10"/>
    </row>
    <row r="933365" spans="14:14">
      <c r="N933365" s="10"/>
    </row>
    <row r="933366" spans="14:14">
      <c r="N933366" s="10"/>
    </row>
    <row r="933367" spans="14:14">
      <c r="N933367" s="10"/>
    </row>
    <row r="933368" spans="14:14">
      <c r="N933368" s="10"/>
    </row>
    <row r="933369" spans="14:14">
      <c r="N933369" s="10"/>
    </row>
    <row r="933370" spans="14:14">
      <c r="N933370" s="10"/>
    </row>
    <row r="933371" spans="14:14">
      <c r="N933371" s="10"/>
    </row>
    <row r="933372" spans="14:14">
      <c r="N933372" s="10"/>
    </row>
    <row r="933373" spans="14:14">
      <c r="N933373" s="10"/>
    </row>
    <row r="933374" spans="14:14">
      <c r="N933374" s="10"/>
    </row>
    <row r="933375" spans="14:14">
      <c r="N933375" s="10"/>
    </row>
    <row r="933376" spans="14:14">
      <c r="N933376" s="10"/>
    </row>
    <row r="933377" spans="14:14">
      <c r="N933377" s="10"/>
    </row>
    <row r="933378" spans="14:14">
      <c r="N933378" s="10"/>
    </row>
    <row r="933379" spans="14:14">
      <c r="N933379" s="10"/>
    </row>
    <row r="933380" spans="14:14">
      <c r="N933380" s="10"/>
    </row>
    <row r="933381" spans="14:14">
      <c r="N933381" s="10"/>
    </row>
    <row r="933382" spans="14:14">
      <c r="N933382" s="10"/>
    </row>
    <row r="933383" spans="14:14">
      <c r="N933383" s="10"/>
    </row>
    <row r="933384" spans="14:14">
      <c r="N933384" s="10"/>
    </row>
    <row r="933385" spans="14:14">
      <c r="N933385" s="10"/>
    </row>
    <row r="933386" spans="14:14">
      <c r="N933386" s="10"/>
    </row>
    <row r="933387" spans="14:14">
      <c r="N933387" s="10"/>
    </row>
    <row r="933388" spans="14:14">
      <c r="N933388" s="10"/>
    </row>
    <row r="933389" spans="14:14">
      <c r="N933389" s="10"/>
    </row>
    <row r="933390" spans="14:14">
      <c r="N933390" s="10"/>
    </row>
    <row r="933391" spans="14:14">
      <c r="N933391" s="10"/>
    </row>
    <row r="933392" spans="14:14">
      <c r="N933392" s="10"/>
    </row>
    <row r="933393" spans="14:14">
      <c r="N933393" s="10"/>
    </row>
    <row r="933394" spans="14:14">
      <c r="N933394" s="10"/>
    </row>
    <row r="933395" spans="14:14">
      <c r="N933395" s="10"/>
    </row>
    <row r="933396" spans="14:14">
      <c r="N933396" s="10"/>
    </row>
    <row r="933397" spans="14:14">
      <c r="N933397" s="10"/>
    </row>
    <row r="933398" spans="14:14">
      <c r="N933398" s="10"/>
    </row>
    <row r="933399" spans="14:14">
      <c r="N933399" s="10"/>
    </row>
    <row r="933400" spans="14:14">
      <c r="N933400" s="10"/>
    </row>
    <row r="933401" spans="14:14">
      <c r="N933401" s="10"/>
    </row>
    <row r="933402" spans="14:14">
      <c r="N933402" s="10"/>
    </row>
    <row r="933403" spans="14:14">
      <c r="N933403" s="10"/>
    </row>
    <row r="933404" spans="14:14">
      <c r="N933404" s="10"/>
    </row>
    <row r="933405" spans="14:14">
      <c r="N933405" s="10"/>
    </row>
    <row r="933406" spans="14:14">
      <c r="N933406" s="10"/>
    </row>
    <row r="933407" spans="14:14">
      <c r="N933407" s="10"/>
    </row>
    <row r="933408" spans="14:14">
      <c r="N933408" s="10"/>
    </row>
    <row r="933409" spans="14:14">
      <c r="N933409" s="10"/>
    </row>
    <row r="933410" spans="14:14">
      <c r="N933410" s="10"/>
    </row>
    <row r="933411" spans="14:14">
      <c r="N933411" s="10"/>
    </row>
    <row r="933412" spans="14:14">
      <c r="N933412" s="10"/>
    </row>
    <row r="933413" spans="14:14">
      <c r="N933413" s="10"/>
    </row>
    <row r="933414" spans="14:14">
      <c r="N933414" s="10"/>
    </row>
    <row r="933415" spans="14:14">
      <c r="N933415" s="10"/>
    </row>
    <row r="933416" spans="14:14">
      <c r="N933416" s="10"/>
    </row>
    <row r="933417" spans="14:14">
      <c r="N933417" s="10"/>
    </row>
    <row r="933418" spans="14:14">
      <c r="N933418" s="10"/>
    </row>
    <row r="933419" spans="14:14">
      <c r="N933419" s="10"/>
    </row>
    <row r="933420" spans="14:14">
      <c r="N933420" s="10"/>
    </row>
    <row r="933421" spans="14:14">
      <c r="N933421" s="10"/>
    </row>
    <row r="933422" spans="14:14">
      <c r="N933422" s="10"/>
    </row>
    <row r="933423" spans="14:14">
      <c r="N933423" s="10"/>
    </row>
    <row r="933424" spans="14:14">
      <c r="N933424" s="10"/>
    </row>
    <row r="933425" spans="14:14">
      <c r="N933425" s="10"/>
    </row>
    <row r="933426" spans="14:14">
      <c r="N933426" s="10"/>
    </row>
    <row r="933427" spans="14:14">
      <c r="N933427" s="10"/>
    </row>
    <row r="933428" spans="14:14">
      <c r="N933428" s="10"/>
    </row>
    <row r="933429" spans="14:14">
      <c r="N933429" s="10"/>
    </row>
    <row r="933430" spans="14:14">
      <c r="N933430" s="10"/>
    </row>
    <row r="933431" spans="14:14">
      <c r="N933431" s="10"/>
    </row>
    <row r="933432" spans="14:14">
      <c r="N933432" s="10"/>
    </row>
    <row r="933433" spans="14:14">
      <c r="N933433" s="10"/>
    </row>
    <row r="933434" spans="14:14">
      <c r="N933434" s="10"/>
    </row>
    <row r="933435" spans="14:14">
      <c r="N933435" s="10"/>
    </row>
    <row r="933436" spans="14:14">
      <c r="N933436" s="10"/>
    </row>
    <row r="933437" spans="14:14">
      <c r="N933437" s="10"/>
    </row>
    <row r="933438" spans="14:14">
      <c r="N933438" s="10"/>
    </row>
    <row r="933439" spans="14:14">
      <c r="N933439" s="10"/>
    </row>
    <row r="933440" spans="14:14">
      <c r="N933440" s="10"/>
    </row>
    <row r="933441" spans="14:14">
      <c r="N933441" s="10"/>
    </row>
    <row r="933442" spans="14:14">
      <c r="N933442" s="10"/>
    </row>
    <row r="933443" spans="14:14">
      <c r="N933443" s="10"/>
    </row>
    <row r="933444" spans="14:14">
      <c r="N933444" s="10"/>
    </row>
    <row r="933445" spans="14:14">
      <c r="N933445" s="10"/>
    </row>
    <row r="933446" spans="14:14">
      <c r="N933446" s="10"/>
    </row>
    <row r="933447" spans="14:14">
      <c r="N933447" s="10"/>
    </row>
    <row r="933448" spans="14:14">
      <c r="N933448" s="10"/>
    </row>
    <row r="933449" spans="14:14">
      <c r="N933449" s="10"/>
    </row>
    <row r="933450" spans="14:14">
      <c r="N933450" s="10"/>
    </row>
    <row r="933451" spans="14:14">
      <c r="N933451" s="10"/>
    </row>
    <row r="933452" spans="14:14">
      <c r="N933452" s="10"/>
    </row>
    <row r="933453" spans="14:14">
      <c r="N933453" s="10"/>
    </row>
    <row r="933454" spans="14:14">
      <c r="N933454" s="10"/>
    </row>
    <row r="933455" spans="14:14">
      <c r="N933455" s="10"/>
    </row>
    <row r="933456" spans="14:14">
      <c r="N933456" s="10"/>
    </row>
    <row r="933457" spans="14:14">
      <c r="N933457" s="10"/>
    </row>
    <row r="933458" spans="14:14">
      <c r="N933458" s="10"/>
    </row>
    <row r="933459" spans="14:14">
      <c r="N933459" s="10"/>
    </row>
    <row r="933460" spans="14:14">
      <c r="N933460" s="10"/>
    </row>
    <row r="933461" spans="14:14">
      <c r="N933461" s="10"/>
    </row>
    <row r="933462" spans="14:14">
      <c r="N933462" s="10"/>
    </row>
    <row r="933463" spans="14:14">
      <c r="N933463" s="10"/>
    </row>
    <row r="933464" spans="14:14">
      <c r="N933464" s="10"/>
    </row>
    <row r="933465" spans="14:14">
      <c r="N933465" s="10"/>
    </row>
    <row r="933466" spans="14:14">
      <c r="N933466" s="10"/>
    </row>
    <row r="933467" spans="14:14">
      <c r="N933467" s="10"/>
    </row>
    <row r="933468" spans="14:14">
      <c r="N933468" s="10"/>
    </row>
    <row r="933469" spans="14:14">
      <c r="N933469" s="10"/>
    </row>
    <row r="933470" spans="14:14">
      <c r="N933470" s="10"/>
    </row>
    <row r="933471" spans="14:14">
      <c r="N933471" s="10"/>
    </row>
    <row r="933472" spans="14:14">
      <c r="N933472" s="10"/>
    </row>
    <row r="933473" spans="14:14">
      <c r="N933473" s="10"/>
    </row>
    <row r="933474" spans="14:14">
      <c r="N933474" s="10"/>
    </row>
    <row r="933475" spans="14:14">
      <c r="N933475" s="10"/>
    </row>
    <row r="933476" spans="14:14">
      <c r="N933476" s="10"/>
    </row>
    <row r="933477" spans="14:14">
      <c r="N933477" s="10"/>
    </row>
    <row r="933478" spans="14:14">
      <c r="N933478" s="10"/>
    </row>
    <row r="933479" spans="14:14">
      <c r="N933479" s="10"/>
    </row>
    <row r="933480" spans="14:14">
      <c r="N933480" s="10"/>
    </row>
    <row r="933481" spans="14:14">
      <c r="N933481" s="10"/>
    </row>
    <row r="933482" spans="14:14">
      <c r="N933482" s="10"/>
    </row>
    <row r="933483" spans="14:14">
      <c r="N933483" s="10"/>
    </row>
    <row r="933484" spans="14:14">
      <c r="N933484" s="10"/>
    </row>
    <row r="933485" spans="14:14">
      <c r="N933485" s="10"/>
    </row>
    <row r="933486" spans="14:14">
      <c r="N933486" s="10"/>
    </row>
    <row r="933487" spans="14:14">
      <c r="N933487" s="10"/>
    </row>
    <row r="933488" spans="14:14">
      <c r="N933488" s="10"/>
    </row>
    <row r="933489" spans="14:14">
      <c r="N933489" s="10"/>
    </row>
    <row r="933490" spans="14:14">
      <c r="N933490" s="10"/>
    </row>
    <row r="933491" spans="14:14">
      <c r="N933491" s="10"/>
    </row>
    <row r="933492" spans="14:14">
      <c r="N933492" s="10"/>
    </row>
    <row r="933493" spans="14:14">
      <c r="N933493" s="10"/>
    </row>
    <row r="933494" spans="14:14">
      <c r="N933494" s="10"/>
    </row>
    <row r="933495" spans="14:14">
      <c r="N933495" s="10"/>
    </row>
    <row r="933496" spans="14:14">
      <c r="N933496" s="10"/>
    </row>
    <row r="933497" spans="14:14">
      <c r="N933497" s="10"/>
    </row>
    <row r="933498" spans="14:14">
      <c r="N933498" s="10"/>
    </row>
    <row r="933499" spans="14:14">
      <c r="N933499" s="10"/>
    </row>
    <row r="933500" spans="14:14">
      <c r="N933500" s="10"/>
    </row>
    <row r="933501" spans="14:14">
      <c r="N933501" s="10"/>
    </row>
    <row r="933502" spans="14:14">
      <c r="N933502" s="10"/>
    </row>
    <row r="933503" spans="14:14">
      <c r="N933503" s="10"/>
    </row>
    <row r="933504" spans="14:14">
      <c r="N933504" s="10"/>
    </row>
    <row r="933505" spans="14:14">
      <c r="N933505" s="10"/>
    </row>
    <row r="933506" spans="14:14">
      <c r="N933506" s="10"/>
    </row>
    <row r="933507" spans="14:14">
      <c r="N933507" s="10"/>
    </row>
    <row r="933508" spans="14:14">
      <c r="N933508" s="10"/>
    </row>
    <row r="933509" spans="14:14">
      <c r="N933509" s="10"/>
    </row>
    <row r="933510" spans="14:14">
      <c r="N933510" s="10"/>
    </row>
    <row r="933511" spans="14:14">
      <c r="N933511" s="10"/>
    </row>
    <row r="933512" spans="14:14">
      <c r="N933512" s="10"/>
    </row>
    <row r="933513" spans="14:14">
      <c r="N933513" s="10"/>
    </row>
    <row r="933514" spans="14:14">
      <c r="N933514" s="10"/>
    </row>
    <row r="933515" spans="14:14">
      <c r="N933515" s="10"/>
    </row>
    <row r="933516" spans="14:14">
      <c r="N933516" s="10"/>
    </row>
    <row r="933517" spans="14:14">
      <c r="N933517" s="10"/>
    </row>
    <row r="933518" spans="14:14">
      <c r="N933518" s="10"/>
    </row>
    <row r="933519" spans="14:14">
      <c r="N933519" s="10"/>
    </row>
    <row r="933520" spans="14:14">
      <c r="N933520" s="10"/>
    </row>
    <row r="933521" spans="14:14">
      <c r="N933521" s="10"/>
    </row>
    <row r="933522" spans="14:14">
      <c r="N933522" s="10"/>
    </row>
    <row r="933523" spans="14:14">
      <c r="N933523" s="10"/>
    </row>
    <row r="933524" spans="14:14">
      <c r="N933524" s="10"/>
    </row>
    <row r="933525" spans="14:14">
      <c r="N933525" s="10"/>
    </row>
    <row r="933526" spans="14:14">
      <c r="N933526" s="10"/>
    </row>
    <row r="933527" spans="14:14">
      <c r="N933527" s="10"/>
    </row>
    <row r="933528" spans="14:14">
      <c r="N933528" s="10"/>
    </row>
    <row r="933529" spans="14:14">
      <c r="N933529" s="10"/>
    </row>
    <row r="933530" spans="14:14">
      <c r="N933530" s="10"/>
    </row>
    <row r="933531" spans="14:14">
      <c r="N933531" s="10"/>
    </row>
    <row r="933532" spans="14:14">
      <c r="N933532" s="10"/>
    </row>
    <row r="933533" spans="14:14">
      <c r="N933533" s="10"/>
    </row>
    <row r="933534" spans="14:14">
      <c r="N933534" s="10"/>
    </row>
    <row r="933535" spans="14:14">
      <c r="N933535" s="10"/>
    </row>
    <row r="933536" spans="14:14">
      <c r="N933536" s="10"/>
    </row>
    <row r="933537" spans="14:14">
      <c r="N933537" s="10"/>
    </row>
    <row r="933538" spans="14:14">
      <c r="N933538" s="10"/>
    </row>
    <row r="933539" spans="14:14">
      <c r="N933539" s="10"/>
    </row>
    <row r="933540" spans="14:14">
      <c r="N933540" s="10"/>
    </row>
    <row r="933541" spans="14:14">
      <c r="N933541" s="10"/>
    </row>
    <row r="933542" spans="14:14">
      <c r="N933542" s="10"/>
    </row>
    <row r="933543" spans="14:14">
      <c r="N933543" s="10"/>
    </row>
    <row r="933544" spans="14:14">
      <c r="N933544" s="10"/>
    </row>
    <row r="933545" spans="14:14">
      <c r="N933545" s="10"/>
    </row>
    <row r="933546" spans="14:14">
      <c r="N933546" s="10"/>
    </row>
    <row r="933547" spans="14:14">
      <c r="N933547" s="10"/>
    </row>
    <row r="933548" spans="14:14">
      <c r="N933548" s="10"/>
    </row>
    <row r="933549" spans="14:14">
      <c r="N933549" s="10"/>
    </row>
    <row r="933550" spans="14:14">
      <c r="N933550" s="10"/>
    </row>
    <row r="933551" spans="14:14">
      <c r="N933551" s="10"/>
    </row>
    <row r="933552" spans="14:14">
      <c r="N933552" s="10"/>
    </row>
    <row r="933553" spans="14:14">
      <c r="N933553" s="10"/>
    </row>
    <row r="933554" spans="14:14">
      <c r="N933554" s="10"/>
    </row>
    <row r="933555" spans="14:14">
      <c r="N933555" s="10"/>
    </row>
    <row r="933556" spans="14:14">
      <c r="N933556" s="10"/>
    </row>
    <row r="933557" spans="14:14">
      <c r="N933557" s="10"/>
    </row>
    <row r="933558" spans="14:14">
      <c r="N933558" s="10"/>
    </row>
    <row r="933559" spans="14:14">
      <c r="N933559" s="10"/>
    </row>
    <row r="933560" spans="14:14">
      <c r="N933560" s="10"/>
    </row>
    <row r="933561" spans="14:14">
      <c r="N933561" s="10"/>
    </row>
    <row r="933562" spans="14:14">
      <c r="N933562" s="10"/>
    </row>
    <row r="933563" spans="14:14">
      <c r="N933563" s="10"/>
    </row>
    <row r="933564" spans="14:14">
      <c r="N933564" s="10"/>
    </row>
    <row r="933565" spans="14:14">
      <c r="N933565" s="10"/>
    </row>
    <row r="933566" spans="14:14">
      <c r="N933566" s="10"/>
    </row>
    <row r="933567" spans="14:14">
      <c r="N933567" s="10"/>
    </row>
    <row r="933568" spans="14:14">
      <c r="N933568" s="10"/>
    </row>
    <row r="933569" spans="14:14">
      <c r="N933569" s="10"/>
    </row>
    <row r="933570" spans="14:14">
      <c r="N933570" s="10"/>
    </row>
    <row r="933571" spans="14:14">
      <c r="N933571" s="10"/>
    </row>
    <row r="933572" spans="14:14">
      <c r="N933572" s="10"/>
    </row>
    <row r="933573" spans="14:14">
      <c r="N933573" s="10"/>
    </row>
    <row r="933574" spans="14:14">
      <c r="N933574" s="10"/>
    </row>
    <row r="933575" spans="14:14">
      <c r="N933575" s="10"/>
    </row>
    <row r="933576" spans="14:14">
      <c r="N933576" s="10"/>
    </row>
    <row r="933577" spans="14:14">
      <c r="N933577" s="10"/>
    </row>
    <row r="933578" spans="14:14">
      <c r="N933578" s="10"/>
    </row>
    <row r="933579" spans="14:14">
      <c r="N933579" s="10"/>
    </row>
    <row r="933580" spans="14:14">
      <c r="N933580" s="10"/>
    </row>
    <row r="933581" spans="14:14">
      <c r="N933581" s="10"/>
    </row>
    <row r="933582" spans="14:14">
      <c r="N933582" s="10"/>
    </row>
    <row r="933583" spans="14:14">
      <c r="N933583" s="10"/>
    </row>
    <row r="933584" spans="14:14">
      <c r="N933584" s="10"/>
    </row>
    <row r="933585" spans="14:14">
      <c r="N933585" s="10"/>
    </row>
    <row r="933586" spans="14:14">
      <c r="N933586" s="10"/>
    </row>
    <row r="933587" spans="14:14">
      <c r="N933587" s="10"/>
    </row>
    <row r="933588" spans="14:14">
      <c r="N933588" s="10"/>
    </row>
    <row r="933589" spans="14:14">
      <c r="N933589" s="10"/>
    </row>
    <row r="933590" spans="14:14">
      <c r="N933590" s="10"/>
    </row>
    <row r="933591" spans="14:14">
      <c r="N933591" s="10"/>
    </row>
    <row r="933592" spans="14:14">
      <c r="N933592" s="10"/>
    </row>
    <row r="933593" spans="14:14">
      <c r="N933593" s="10"/>
    </row>
    <row r="933594" spans="14:14">
      <c r="N933594" s="10"/>
    </row>
    <row r="933595" spans="14:14">
      <c r="N933595" s="10"/>
    </row>
    <row r="933596" spans="14:14">
      <c r="N933596" s="10"/>
    </row>
    <row r="933597" spans="14:14">
      <c r="N933597" s="10"/>
    </row>
    <row r="933598" spans="14:14">
      <c r="N933598" s="10"/>
    </row>
    <row r="933599" spans="14:14">
      <c r="N933599" s="10"/>
    </row>
    <row r="933600" spans="14:14">
      <c r="N933600" s="10"/>
    </row>
    <row r="933601" spans="14:14">
      <c r="N933601" s="10"/>
    </row>
    <row r="933602" spans="14:14">
      <c r="N933602" s="10"/>
    </row>
    <row r="933603" spans="14:14">
      <c r="N933603" s="10"/>
    </row>
    <row r="933604" spans="14:14">
      <c r="N933604" s="10"/>
    </row>
    <row r="933605" spans="14:14">
      <c r="N933605" s="10"/>
    </row>
    <row r="933606" spans="14:14">
      <c r="N933606" s="10"/>
    </row>
    <row r="933607" spans="14:14">
      <c r="N933607" s="10"/>
    </row>
    <row r="933608" spans="14:14">
      <c r="N933608" s="10"/>
    </row>
    <row r="933609" spans="14:14">
      <c r="N933609" s="10"/>
    </row>
    <row r="933610" spans="14:14">
      <c r="N933610" s="10"/>
    </row>
    <row r="933611" spans="14:14">
      <c r="N933611" s="10"/>
    </row>
    <row r="933612" spans="14:14">
      <c r="N933612" s="10"/>
    </row>
    <row r="933613" spans="14:14">
      <c r="N933613" s="10"/>
    </row>
    <row r="933614" spans="14:14">
      <c r="N933614" s="10"/>
    </row>
    <row r="933615" spans="14:14">
      <c r="N933615" s="10"/>
    </row>
    <row r="933616" spans="14:14">
      <c r="N933616" s="10"/>
    </row>
    <row r="933617" spans="14:14">
      <c r="N933617" s="10"/>
    </row>
    <row r="933618" spans="14:14">
      <c r="N933618" s="10"/>
    </row>
    <row r="933619" spans="14:14">
      <c r="N933619" s="10"/>
    </row>
    <row r="933620" spans="14:14">
      <c r="N933620" s="10"/>
    </row>
    <row r="933621" spans="14:14">
      <c r="N933621" s="10"/>
    </row>
    <row r="933622" spans="14:14">
      <c r="N933622" s="10"/>
    </row>
    <row r="933623" spans="14:14">
      <c r="N933623" s="10"/>
    </row>
    <row r="933624" spans="14:14">
      <c r="N933624" s="10"/>
    </row>
    <row r="933625" spans="14:14">
      <c r="N933625" s="10"/>
    </row>
    <row r="933626" spans="14:14">
      <c r="N933626" s="10"/>
    </row>
    <row r="933627" spans="14:14">
      <c r="N933627" s="10"/>
    </row>
    <row r="933628" spans="14:14">
      <c r="N933628" s="10"/>
    </row>
    <row r="933629" spans="14:14">
      <c r="N933629" s="10"/>
    </row>
    <row r="933630" spans="14:14">
      <c r="N933630" s="10"/>
    </row>
    <row r="933631" spans="14:14">
      <c r="N933631" s="10"/>
    </row>
    <row r="933632" spans="14:14">
      <c r="N933632" s="10"/>
    </row>
    <row r="933633" spans="14:14">
      <c r="N933633" s="10"/>
    </row>
    <row r="933634" spans="14:14">
      <c r="N933634" s="10"/>
    </row>
    <row r="933635" spans="14:14">
      <c r="N933635" s="10"/>
    </row>
    <row r="933636" spans="14:14">
      <c r="N933636" s="10"/>
    </row>
    <row r="933637" spans="14:14">
      <c r="N933637" s="10"/>
    </row>
    <row r="933638" spans="14:14">
      <c r="N933638" s="10"/>
    </row>
    <row r="933639" spans="14:14">
      <c r="N933639" s="10"/>
    </row>
    <row r="933640" spans="14:14">
      <c r="N933640" s="10"/>
    </row>
    <row r="933641" spans="14:14">
      <c r="N933641" s="10"/>
    </row>
    <row r="933642" spans="14:14">
      <c r="N933642" s="10"/>
    </row>
    <row r="933643" spans="14:14">
      <c r="N933643" s="10"/>
    </row>
    <row r="933644" spans="14:14">
      <c r="N933644" s="10"/>
    </row>
    <row r="933645" spans="14:14">
      <c r="N933645" s="10"/>
    </row>
    <row r="933646" spans="14:14">
      <c r="N933646" s="10"/>
    </row>
    <row r="933647" spans="14:14">
      <c r="N933647" s="10"/>
    </row>
    <row r="933648" spans="14:14">
      <c r="N933648" s="10"/>
    </row>
    <row r="933649" spans="14:14">
      <c r="N933649" s="10"/>
    </row>
    <row r="933650" spans="14:14">
      <c r="N933650" s="10"/>
    </row>
    <row r="933651" spans="14:14">
      <c r="N933651" s="10"/>
    </row>
    <row r="933652" spans="14:14">
      <c r="N933652" s="10"/>
    </row>
    <row r="933653" spans="14:14">
      <c r="N933653" s="10"/>
    </row>
    <row r="933654" spans="14:14">
      <c r="N933654" s="10"/>
    </row>
    <row r="933655" spans="14:14">
      <c r="N933655" s="10"/>
    </row>
    <row r="933656" spans="14:14">
      <c r="N933656" s="10"/>
    </row>
    <row r="933657" spans="14:14">
      <c r="N933657" s="10"/>
    </row>
    <row r="933658" spans="14:14">
      <c r="N933658" s="10"/>
    </row>
    <row r="933659" spans="14:14">
      <c r="N933659" s="10"/>
    </row>
    <row r="933660" spans="14:14">
      <c r="N933660" s="10"/>
    </row>
    <row r="933661" spans="14:14">
      <c r="N933661" s="10"/>
    </row>
    <row r="933662" spans="14:14">
      <c r="N933662" s="10"/>
    </row>
    <row r="933663" spans="14:14">
      <c r="N933663" s="10"/>
    </row>
    <row r="933664" spans="14:14">
      <c r="N933664" s="10"/>
    </row>
    <row r="933665" spans="14:14">
      <c r="N933665" s="10"/>
    </row>
    <row r="933666" spans="14:14">
      <c r="N933666" s="10"/>
    </row>
    <row r="933667" spans="14:14">
      <c r="N933667" s="10"/>
    </row>
    <row r="933668" spans="14:14">
      <c r="N933668" s="10"/>
    </row>
    <row r="933669" spans="14:14">
      <c r="N933669" s="10"/>
    </row>
    <row r="933670" spans="14:14">
      <c r="N933670" s="10"/>
    </row>
    <row r="933671" spans="14:14">
      <c r="N933671" s="10"/>
    </row>
    <row r="933672" spans="14:14">
      <c r="N933672" s="10"/>
    </row>
    <row r="933673" spans="14:14">
      <c r="N933673" s="10"/>
    </row>
    <row r="933674" spans="14:14">
      <c r="N933674" s="10"/>
    </row>
    <row r="933675" spans="14:14">
      <c r="N933675" s="10"/>
    </row>
    <row r="933676" spans="14:14">
      <c r="N933676" s="10"/>
    </row>
    <row r="933677" spans="14:14">
      <c r="N933677" s="10"/>
    </row>
    <row r="933678" spans="14:14">
      <c r="N933678" s="10"/>
    </row>
    <row r="933679" spans="14:14">
      <c r="N933679" s="10"/>
    </row>
    <row r="933680" spans="14:14">
      <c r="N933680" s="10"/>
    </row>
    <row r="933681" spans="14:14">
      <c r="N933681" s="10"/>
    </row>
    <row r="933682" spans="14:14">
      <c r="N933682" s="10"/>
    </row>
    <row r="933683" spans="14:14">
      <c r="N933683" s="10"/>
    </row>
    <row r="933684" spans="14:14">
      <c r="N933684" s="10"/>
    </row>
    <row r="933685" spans="14:14">
      <c r="N933685" s="10"/>
    </row>
    <row r="933686" spans="14:14">
      <c r="N933686" s="10"/>
    </row>
    <row r="933687" spans="14:14">
      <c r="N933687" s="10"/>
    </row>
    <row r="933688" spans="14:14">
      <c r="N933688" s="10"/>
    </row>
    <row r="933689" spans="14:14">
      <c r="N933689" s="10"/>
    </row>
    <row r="933690" spans="14:14">
      <c r="N933690" s="10"/>
    </row>
    <row r="933691" spans="14:14">
      <c r="N933691" s="10"/>
    </row>
    <row r="933692" spans="14:14">
      <c r="N933692" s="10"/>
    </row>
    <row r="933693" spans="14:14">
      <c r="N933693" s="10"/>
    </row>
    <row r="933694" spans="14:14">
      <c r="N933694" s="10"/>
    </row>
    <row r="933695" spans="14:14">
      <c r="N933695" s="10"/>
    </row>
    <row r="933696" spans="14:14">
      <c r="N933696" s="10"/>
    </row>
    <row r="933697" spans="14:14">
      <c r="N933697" s="10"/>
    </row>
    <row r="933698" spans="14:14">
      <c r="N933698" s="10"/>
    </row>
    <row r="933699" spans="14:14">
      <c r="N933699" s="10"/>
    </row>
    <row r="933700" spans="14:14">
      <c r="N933700" s="10"/>
    </row>
    <row r="933701" spans="14:14">
      <c r="N933701" s="10"/>
    </row>
    <row r="933702" spans="14:14">
      <c r="N933702" s="10"/>
    </row>
    <row r="933703" spans="14:14">
      <c r="N933703" s="10"/>
    </row>
    <row r="933704" spans="14:14">
      <c r="N933704" s="10"/>
    </row>
    <row r="933705" spans="14:14">
      <c r="N933705" s="10"/>
    </row>
    <row r="933706" spans="14:14">
      <c r="N933706" s="10"/>
    </row>
    <row r="933707" spans="14:14">
      <c r="N933707" s="10"/>
    </row>
    <row r="933708" spans="14:14">
      <c r="N933708" s="10"/>
    </row>
    <row r="933709" spans="14:14">
      <c r="N933709" s="10"/>
    </row>
    <row r="933710" spans="14:14">
      <c r="N933710" s="10"/>
    </row>
    <row r="933711" spans="14:14">
      <c r="N933711" s="10"/>
    </row>
    <row r="933712" spans="14:14">
      <c r="N933712" s="10"/>
    </row>
    <row r="933713" spans="14:14">
      <c r="N933713" s="10"/>
    </row>
    <row r="933714" spans="14:14">
      <c r="N933714" s="10"/>
    </row>
    <row r="933715" spans="14:14">
      <c r="N933715" s="10"/>
    </row>
    <row r="933716" spans="14:14">
      <c r="N933716" s="10"/>
    </row>
    <row r="933717" spans="14:14">
      <c r="N933717" s="10"/>
    </row>
    <row r="933718" spans="14:14">
      <c r="N933718" s="10"/>
    </row>
    <row r="933719" spans="14:14">
      <c r="N933719" s="10"/>
    </row>
    <row r="933720" spans="14:14">
      <c r="N933720" s="10"/>
    </row>
    <row r="933721" spans="14:14">
      <c r="N933721" s="10"/>
    </row>
    <row r="933722" spans="14:14">
      <c r="N933722" s="10"/>
    </row>
    <row r="933723" spans="14:14">
      <c r="N933723" s="10"/>
    </row>
    <row r="933724" spans="14:14">
      <c r="N933724" s="10"/>
    </row>
    <row r="933725" spans="14:14">
      <c r="N933725" s="10"/>
    </row>
    <row r="933726" spans="14:14">
      <c r="N933726" s="10"/>
    </row>
    <row r="933727" spans="14:14">
      <c r="N933727" s="10"/>
    </row>
    <row r="933728" spans="14:14">
      <c r="N933728" s="10"/>
    </row>
    <row r="933729" spans="14:14">
      <c r="N933729" s="10"/>
    </row>
    <row r="933730" spans="14:14">
      <c r="N933730" s="10"/>
    </row>
    <row r="933731" spans="14:14">
      <c r="N933731" s="10"/>
    </row>
    <row r="933732" spans="14:14">
      <c r="N933732" s="10"/>
    </row>
    <row r="933733" spans="14:14">
      <c r="N933733" s="10"/>
    </row>
    <row r="933734" spans="14:14">
      <c r="N933734" s="10"/>
    </row>
    <row r="933735" spans="14:14">
      <c r="N933735" s="10"/>
    </row>
    <row r="933736" spans="14:14">
      <c r="N933736" s="10"/>
    </row>
    <row r="933737" spans="14:14">
      <c r="N933737" s="10"/>
    </row>
    <row r="933738" spans="14:14">
      <c r="N933738" s="10"/>
    </row>
    <row r="933739" spans="14:14">
      <c r="N933739" s="10"/>
    </row>
    <row r="933740" spans="14:14">
      <c r="N933740" s="10"/>
    </row>
    <row r="933741" spans="14:14">
      <c r="N933741" s="10"/>
    </row>
    <row r="933742" spans="14:14">
      <c r="N933742" s="10"/>
    </row>
    <row r="933743" spans="14:14">
      <c r="N933743" s="10"/>
    </row>
    <row r="933744" spans="14:14">
      <c r="N933744" s="10"/>
    </row>
    <row r="933745" spans="14:14">
      <c r="N933745" s="10"/>
    </row>
    <row r="933746" spans="14:14">
      <c r="N933746" s="10"/>
    </row>
    <row r="933747" spans="14:14">
      <c r="N933747" s="10"/>
    </row>
    <row r="933748" spans="14:14">
      <c r="N933748" s="10"/>
    </row>
    <row r="933749" spans="14:14">
      <c r="N933749" s="10"/>
    </row>
    <row r="933750" spans="14:14">
      <c r="N933750" s="10"/>
    </row>
    <row r="933751" spans="14:14">
      <c r="N933751" s="10"/>
    </row>
    <row r="933752" spans="14:14">
      <c r="N933752" s="10"/>
    </row>
    <row r="933753" spans="14:14">
      <c r="N933753" s="10"/>
    </row>
    <row r="933754" spans="14:14">
      <c r="N933754" s="10"/>
    </row>
    <row r="933755" spans="14:14">
      <c r="N933755" s="10"/>
    </row>
    <row r="933756" spans="14:14">
      <c r="N933756" s="10"/>
    </row>
    <row r="933757" spans="14:14">
      <c r="N933757" s="10"/>
    </row>
    <row r="933758" spans="14:14">
      <c r="N933758" s="10"/>
    </row>
    <row r="933759" spans="14:14">
      <c r="N933759" s="10"/>
    </row>
    <row r="933760" spans="14:14">
      <c r="N933760" s="10"/>
    </row>
    <row r="933761" spans="14:14">
      <c r="N933761" s="10"/>
    </row>
    <row r="933762" spans="14:14">
      <c r="N933762" s="10"/>
    </row>
    <row r="933763" spans="14:14">
      <c r="N933763" s="10"/>
    </row>
    <row r="933764" spans="14:14">
      <c r="N933764" s="10"/>
    </row>
    <row r="933765" spans="14:14">
      <c r="N933765" s="10"/>
    </row>
    <row r="933766" spans="14:14">
      <c r="N933766" s="10"/>
    </row>
    <row r="933767" spans="14:14">
      <c r="N933767" s="10"/>
    </row>
    <row r="933768" spans="14:14">
      <c r="N933768" s="10"/>
    </row>
    <row r="933769" spans="14:14">
      <c r="N933769" s="10"/>
    </row>
    <row r="933770" spans="14:14">
      <c r="N933770" s="10"/>
    </row>
    <row r="933771" spans="14:14">
      <c r="N933771" s="10"/>
    </row>
    <row r="933772" spans="14:14">
      <c r="N933772" s="10"/>
    </row>
    <row r="933773" spans="14:14">
      <c r="N933773" s="10"/>
    </row>
    <row r="933774" spans="14:14">
      <c r="N933774" s="10"/>
    </row>
    <row r="933775" spans="14:14">
      <c r="N933775" s="10"/>
    </row>
    <row r="933776" spans="14:14">
      <c r="N933776" s="10"/>
    </row>
    <row r="933777" spans="14:14">
      <c r="N933777" s="10"/>
    </row>
    <row r="933778" spans="14:14">
      <c r="N933778" s="10"/>
    </row>
    <row r="933779" spans="14:14">
      <c r="N933779" s="10"/>
    </row>
    <row r="933780" spans="14:14">
      <c r="N933780" s="10"/>
    </row>
    <row r="933781" spans="14:14">
      <c r="N933781" s="10"/>
    </row>
    <row r="933782" spans="14:14">
      <c r="N933782" s="10"/>
    </row>
    <row r="933783" spans="14:14">
      <c r="N933783" s="10"/>
    </row>
    <row r="933784" spans="14:14">
      <c r="N933784" s="10"/>
    </row>
    <row r="933785" spans="14:14">
      <c r="N933785" s="10"/>
    </row>
    <row r="933786" spans="14:14">
      <c r="N933786" s="10"/>
    </row>
    <row r="933787" spans="14:14">
      <c r="N933787" s="10"/>
    </row>
    <row r="933788" spans="14:14">
      <c r="N933788" s="10"/>
    </row>
    <row r="933789" spans="14:14">
      <c r="N933789" s="10"/>
    </row>
    <row r="933790" spans="14:14">
      <c r="N933790" s="10"/>
    </row>
    <row r="933791" spans="14:14">
      <c r="N933791" s="10"/>
    </row>
    <row r="933792" spans="14:14">
      <c r="N933792" s="10"/>
    </row>
    <row r="933793" spans="14:14">
      <c r="N933793" s="10"/>
    </row>
    <row r="933794" spans="14:14">
      <c r="N933794" s="10"/>
    </row>
    <row r="933795" spans="14:14">
      <c r="N933795" s="10"/>
    </row>
    <row r="933796" spans="14:14">
      <c r="N933796" s="10"/>
    </row>
    <row r="933797" spans="14:14">
      <c r="N933797" s="10"/>
    </row>
    <row r="933798" spans="14:14">
      <c r="N933798" s="10"/>
    </row>
    <row r="933799" spans="14:14">
      <c r="N933799" s="10"/>
    </row>
    <row r="933800" spans="14:14">
      <c r="N933800" s="10"/>
    </row>
    <row r="933801" spans="14:14">
      <c r="N933801" s="10"/>
    </row>
    <row r="933802" spans="14:14">
      <c r="N933802" s="10"/>
    </row>
    <row r="933803" spans="14:14">
      <c r="N933803" s="10"/>
    </row>
    <row r="933804" spans="14:14">
      <c r="N933804" s="10"/>
    </row>
    <row r="933805" spans="14:14">
      <c r="N933805" s="10"/>
    </row>
    <row r="933806" spans="14:14">
      <c r="N933806" s="10"/>
    </row>
    <row r="933807" spans="14:14">
      <c r="N933807" s="10"/>
    </row>
    <row r="933808" spans="14:14">
      <c r="N933808" s="10"/>
    </row>
    <row r="933809" spans="14:14">
      <c r="N933809" s="10"/>
    </row>
    <row r="933810" spans="14:14">
      <c r="N933810" s="10"/>
    </row>
    <row r="933811" spans="14:14">
      <c r="N933811" s="10"/>
    </row>
    <row r="933812" spans="14:14">
      <c r="N933812" s="10"/>
    </row>
    <row r="933813" spans="14:14">
      <c r="N933813" s="10"/>
    </row>
    <row r="933814" spans="14:14">
      <c r="N933814" s="10"/>
    </row>
    <row r="933815" spans="14:14">
      <c r="N933815" s="10"/>
    </row>
    <row r="933816" spans="14:14">
      <c r="N933816" s="10"/>
    </row>
    <row r="933817" spans="14:14">
      <c r="N933817" s="10"/>
    </row>
    <row r="933818" spans="14:14">
      <c r="N933818" s="10"/>
    </row>
    <row r="933819" spans="14:14">
      <c r="N933819" s="10"/>
    </row>
    <row r="933820" spans="14:14">
      <c r="N933820" s="10"/>
    </row>
    <row r="933821" spans="14:14">
      <c r="N933821" s="10"/>
    </row>
    <row r="933822" spans="14:14">
      <c r="N933822" s="10"/>
    </row>
    <row r="933823" spans="14:14">
      <c r="N933823" s="10"/>
    </row>
    <row r="933824" spans="14:14">
      <c r="N933824" s="10"/>
    </row>
    <row r="933825" spans="14:14">
      <c r="N933825" s="10"/>
    </row>
    <row r="933826" spans="14:14">
      <c r="N933826" s="10"/>
    </row>
    <row r="933827" spans="14:14">
      <c r="N933827" s="10"/>
    </row>
    <row r="933828" spans="14:14">
      <c r="N933828" s="10"/>
    </row>
    <row r="933829" spans="14:14">
      <c r="N933829" s="10"/>
    </row>
    <row r="933830" spans="14:14">
      <c r="N933830" s="10"/>
    </row>
    <row r="933831" spans="14:14">
      <c r="N933831" s="10"/>
    </row>
    <row r="933832" spans="14:14">
      <c r="N933832" s="10"/>
    </row>
    <row r="933833" spans="14:14">
      <c r="N933833" s="10"/>
    </row>
    <row r="933834" spans="14:14">
      <c r="N933834" s="10"/>
    </row>
    <row r="933835" spans="14:14">
      <c r="N933835" s="10"/>
    </row>
    <row r="933836" spans="14:14">
      <c r="N933836" s="10"/>
    </row>
    <row r="933837" spans="14:14">
      <c r="N933837" s="10"/>
    </row>
    <row r="933838" spans="14:14">
      <c r="N933838" s="10"/>
    </row>
    <row r="933839" spans="14:14">
      <c r="N933839" s="10"/>
    </row>
    <row r="933840" spans="14:14">
      <c r="N933840" s="10"/>
    </row>
    <row r="933841" spans="14:14">
      <c r="N933841" s="10"/>
    </row>
    <row r="933842" spans="14:14">
      <c r="N933842" s="10"/>
    </row>
    <row r="933843" spans="14:14">
      <c r="N933843" s="10"/>
    </row>
    <row r="933844" spans="14:14">
      <c r="N933844" s="10"/>
    </row>
    <row r="933845" spans="14:14">
      <c r="N933845" s="10"/>
    </row>
    <row r="933846" spans="14:14">
      <c r="N933846" s="10"/>
    </row>
    <row r="933847" spans="14:14">
      <c r="N933847" s="10"/>
    </row>
    <row r="933848" spans="14:14">
      <c r="N933848" s="10"/>
    </row>
    <row r="933849" spans="14:14">
      <c r="N933849" s="10"/>
    </row>
    <row r="933850" spans="14:14">
      <c r="N933850" s="10"/>
    </row>
    <row r="933851" spans="14:14">
      <c r="N933851" s="10"/>
    </row>
    <row r="933852" spans="14:14">
      <c r="N933852" s="10"/>
    </row>
    <row r="933853" spans="14:14">
      <c r="N933853" s="10"/>
    </row>
    <row r="933854" spans="14:14">
      <c r="N933854" s="10"/>
    </row>
    <row r="933855" spans="14:14">
      <c r="N933855" s="10"/>
    </row>
    <row r="933856" spans="14:14">
      <c r="N933856" s="10"/>
    </row>
    <row r="933857" spans="14:14">
      <c r="N933857" s="10"/>
    </row>
    <row r="933858" spans="14:14">
      <c r="N933858" s="10"/>
    </row>
    <row r="933859" spans="14:14">
      <c r="N933859" s="10"/>
    </row>
    <row r="933860" spans="14:14">
      <c r="N933860" s="10"/>
    </row>
    <row r="933861" spans="14:14">
      <c r="N933861" s="10"/>
    </row>
    <row r="933862" spans="14:14">
      <c r="N933862" s="10"/>
    </row>
    <row r="933863" spans="14:14">
      <c r="N933863" s="10"/>
    </row>
    <row r="933864" spans="14:14">
      <c r="N933864" s="10"/>
    </row>
    <row r="933865" spans="14:14">
      <c r="N933865" s="10"/>
    </row>
    <row r="933866" spans="14:14">
      <c r="N933866" s="10"/>
    </row>
    <row r="933867" spans="14:14">
      <c r="N933867" s="10"/>
    </row>
    <row r="933868" spans="14:14">
      <c r="N933868" s="10"/>
    </row>
    <row r="933869" spans="14:14">
      <c r="N933869" s="10"/>
    </row>
    <row r="933870" spans="14:14">
      <c r="N933870" s="10"/>
    </row>
    <row r="933871" spans="14:14">
      <c r="N933871" s="10"/>
    </row>
    <row r="933872" spans="14:14">
      <c r="N933872" s="10"/>
    </row>
    <row r="933873" spans="14:14">
      <c r="N933873" s="10"/>
    </row>
    <row r="933874" spans="14:14">
      <c r="N933874" s="10"/>
    </row>
    <row r="933875" spans="14:14">
      <c r="N933875" s="10"/>
    </row>
    <row r="933876" spans="14:14">
      <c r="N933876" s="10"/>
    </row>
    <row r="933877" spans="14:14">
      <c r="N933877" s="10"/>
    </row>
    <row r="933878" spans="14:14">
      <c r="N933878" s="10"/>
    </row>
    <row r="933879" spans="14:14">
      <c r="N933879" s="10"/>
    </row>
    <row r="933880" spans="14:14">
      <c r="N933880" s="10"/>
    </row>
    <row r="933881" spans="14:14">
      <c r="N933881" s="10"/>
    </row>
    <row r="933882" spans="14:14">
      <c r="N933882" s="10"/>
    </row>
    <row r="933883" spans="14:14">
      <c r="N933883" s="10"/>
    </row>
    <row r="933884" spans="14:14">
      <c r="N933884" s="10"/>
    </row>
    <row r="933885" spans="14:14">
      <c r="N933885" s="10"/>
    </row>
    <row r="933886" spans="14:14">
      <c r="N933886" s="10"/>
    </row>
    <row r="933887" spans="14:14">
      <c r="N933887" s="10"/>
    </row>
    <row r="933888" spans="14:14">
      <c r="N933888" s="10"/>
    </row>
    <row r="933889" spans="14:14">
      <c r="N933889" s="10"/>
    </row>
    <row r="933890" spans="14:14">
      <c r="N933890" s="10"/>
    </row>
    <row r="933891" spans="14:14">
      <c r="N933891" s="10"/>
    </row>
    <row r="933892" spans="14:14">
      <c r="N933892" s="10"/>
    </row>
    <row r="933893" spans="14:14">
      <c r="N933893" s="10"/>
    </row>
    <row r="933894" spans="14:14">
      <c r="N933894" s="10"/>
    </row>
    <row r="933895" spans="14:14">
      <c r="N933895" s="10"/>
    </row>
    <row r="933896" spans="14:14">
      <c r="N933896" s="10"/>
    </row>
    <row r="933897" spans="14:14">
      <c r="N933897" s="10"/>
    </row>
    <row r="933898" spans="14:14">
      <c r="N933898" s="10"/>
    </row>
    <row r="933899" spans="14:14">
      <c r="N933899" s="10"/>
    </row>
    <row r="933900" spans="14:14">
      <c r="N933900" s="10"/>
    </row>
    <row r="933901" spans="14:14">
      <c r="N933901" s="10"/>
    </row>
    <row r="933902" spans="14:14">
      <c r="N933902" s="10"/>
    </row>
    <row r="933903" spans="14:14">
      <c r="N933903" s="10"/>
    </row>
    <row r="933904" spans="14:14">
      <c r="N933904" s="10"/>
    </row>
    <row r="933905" spans="14:14">
      <c r="N933905" s="10"/>
    </row>
    <row r="933906" spans="14:14">
      <c r="N933906" s="10"/>
    </row>
    <row r="933907" spans="14:14">
      <c r="N933907" s="10"/>
    </row>
    <row r="933908" spans="14:14">
      <c r="N933908" s="10"/>
    </row>
    <row r="933909" spans="14:14">
      <c r="N933909" s="10"/>
    </row>
    <row r="933910" spans="14:14">
      <c r="N933910" s="10"/>
    </row>
    <row r="933911" spans="14:14">
      <c r="N933911" s="10"/>
    </row>
    <row r="933912" spans="14:14">
      <c r="N933912" s="10"/>
    </row>
    <row r="933913" spans="14:14">
      <c r="N933913" s="10"/>
    </row>
    <row r="933914" spans="14:14">
      <c r="N933914" s="10"/>
    </row>
    <row r="933915" spans="14:14">
      <c r="N933915" s="10"/>
    </row>
    <row r="933916" spans="14:14">
      <c r="N933916" s="10"/>
    </row>
    <row r="933917" spans="14:14">
      <c r="N933917" s="10"/>
    </row>
    <row r="933918" spans="14:14">
      <c r="N933918" s="10"/>
    </row>
    <row r="933919" spans="14:14">
      <c r="N933919" s="10"/>
    </row>
    <row r="933920" spans="14:14">
      <c r="N933920" s="10"/>
    </row>
    <row r="933921" spans="14:14">
      <c r="N933921" s="10"/>
    </row>
    <row r="933922" spans="14:14">
      <c r="N933922" s="10"/>
    </row>
    <row r="933923" spans="14:14">
      <c r="N933923" s="10"/>
    </row>
    <row r="933924" spans="14:14">
      <c r="N933924" s="10"/>
    </row>
    <row r="933925" spans="14:14">
      <c r="N933925" s="10"/>
    </row>
    <row r="933926" spans="14:14">
      <c r="N933926" s="10"/>
    </row>
    <row r="933927" spans="14:14">
      <c r="N933927" s="10"/>
    </row>
    <row r="933928" spans="14:14">
      <c r="N933928" s="10"/>
    </row>
    <row r="933929" spans="14:14">
      <c r="N933929" s="10"/>
    </row>
    <row r="933930" spans="14:14">
      <c r="N933930" s="10"/>
    </row>
    <row r="933931" spans="14:14">
      <c r="N933931" s="10"/>
    </row>
    <row r="933932" spans="14:14">
      <c r="N933932" s="10"/>
    </row>
    <row r="933933" spans="14:14">
      <c r="N933933" s="10"/>
    </row>
    <row r="933934" spans="14:14">
      <c r="N933934" s="10"/>
    </row>
    <row r="933935" spans="14:14">
      <c r="N933935" s="10"/>
    </row>
    <row r="933936" spans="14:14">
      <c r="N933936" s="10"/>
    </row>
    <row r="933937" spans="14:14">
      <c r="N933937" s="10"/>
    </row>
    <row r="933938" spans="14:14">
      <c r="N933938" s="10"/>
    </row>
    <row r="933939" spans="14:14">
      <c r="N933939" s="10"/>
    </row>
    <row r="933940" spans="14:14">
      <c r="N933940" s="10"/>
    </row>
    <row r="933941" spans="14:14">
      <c r="N933941" s="10"/>
    </row>
    <row r="933942" spans="14:14">
      <c r="N933942" s="10"/>
    </row>
    <row r="933943" spans="14:14">
      <c r="N933943" s="10"/>
    </row>
    <row r="933944" spans="14:14">
      <c r="N933944" s="10"/>
    </row>
    <row r="933945" spans="14:14">
      <c r="N933945" s="10"/>
    </row>
    <row r="933946" spans="14:14">
      <c r="N933946" s="10"/>
    </row>
    <row r="933947" spans="14:14">
      <c r="N933947" s="10"/>
    </row>
    <row r="933948" spans="14:14">
      <c r="N933948" s="10"/>
    </row>
    <row r="933949" spans="14:14">
      <c r="N933949" s="10"/>
    </row>
    <row r="933950" spans="14:14">
      <c r="N933950" s="10"/>
    </row>
    <row r="933951" spans="14:14">
      <c r="N933951" s="10"/>
    </row>
    <row r="933952" spans="14:14">
      <c r="N933952" s="10"/>
    </row>
    <row r="933953" spans="14:14">
      <c r="N933953" s="10"/>
    </row>
    <row r="933954" spans="14:14">
      <c r="N933954" s="10"/>
    </row>
    <row r="933955" spans="14:14">
      <c r="N933955" s="10"/>
    </row>
    <row r="933956" spans="14:14">
      <c r="N933956" s="10"/>
    </row>
    <row r="933957" spans="14:14">
      <c r="N933957" s="10"/>
    </row>
    <row r="933958" spans="14:14">
      <c r="N933958" s="10"/>
    </row>
    <row r="933959" spans="14:14">
      <c r="N933959" s="10"/>
    </row>
    <row r="933960" spans="14:14">
      <c r="N933960" s="10"/>
    </row>
    <row r="933961" spans="14:14">
      <c r="N933961" s="10"/>
    </row>
    <row r="933962" spans="14:14">
      <c r="N933962" s="10"/>
    </row>
    <row r="933963" spans="14:14">
      <c r="N933963" s="10"/>
    </row>
    <row r="933964" spans="14:14">
      <c r="N933964" s="10"/>
    </row>
    <row r="933965" spans="14:14">
      <c r="N933965" s="10"/>
    </row>
    <row r="933966" spans="14:14">
      <c r="N933966" s="10"/>
    </row>
    <row r="933967" spans="14:14">
      <c r="N933967" s="10"/>
    </row>
    <row r="933968" spans="14:14">
      <c r="N933968" s="10"/>
    </row>
    <row r="933969" spans="14:14">
      <c r="N933969" s="10"/>
    </row>
    <row r="933970" spans="14:14">
      <c r="N933970" s="10"/>
    </row>
    <row r="933971" spans="14:14">
      <c r="N933971" s="10"/>
    </row>
    <row r="933972" spans="14:14">
      <c r="N933972" s="10"/>
    </row>
    <row r="933973" spans="14:14">
      <c r="N933973" s="10"/>
    </row>
    <row r="933974" spans="14:14">
      <c r="N933974" s="10"/>
    </row>
    <row r="933975" spans="14:14">
      <c r="N933975" s="10"/>
    </row>
    <row r="933976" spans="14:14">
      <c r="N933976" s="10"/>
    </row>
    <row r="933977" spans="14:14">
      <c r="N933977" s="10"/>
    </row>
    <row r="933978" spans="14:14">
      <c r="N933978" s="10"/>
    </row>
    <row r="933979" spans="14:14">
      <c r="N933979" s="10"/>
    </row>
    <row r="933980" spans="14:14">
      <c r="N933980" s="10"/>
    </row>
    <row r="933981" spans="14:14">
      <c r="N933981" s="10"/>
    </row>
    <row r="933982" spans="14:14">
      <c r="N933982" s="10"/>
    </row>
    <row r="933983" spans="14:14">
      <c r="N933983" s="10"/>
    </row>
    <row r="933984" spans="14:14">
      <c r="N933984" s="10"/>
    </row>
    <row r="933985" spans="14:14">
      <c r="N933985" s="10"/>
    </row>
    <row r="933986" spans="14:14">
      <c r="N933986" s="10"/>
    </row>
    <row r="933987" spans="14:14">
      <c r="N933987" s="10"/>
    </row>
    <row r="933988" spans="14:14">
      <c r="N933988" s="10"/>
    </row>
    <row r="933989" spans="14:14">
      <c r="N933989" s="10"/>
    </row>
    <row r="933990" spans="14:14">
      <c r="N933990" s="10"/>
    </row>
    <row r="933991" spans="14:14">
      <c r="N933991" s="10"/>
    </row>
    <row r="933992" spans="14:14">
      <c r="N933992" s="10"/>
    </row>
    <row r="933993" spans="14:14">
      <c r="N933993" s="10"/>
    </row>
    <row r="933994" spans="14:14">
      <c r="N933994" s="10"/>
    </row>
    <row r="933995" spans="14:14">
      <c r="N933995" s="10"/>
    </row>
    <row r="933996" spans="14:14">
      <c r="N933996" s="10"/>
    </row>
    <row r="933997" spans="14:14">
      <c r="N933997" s="10"/>
    </row>
    <row r="933998" spans="14:14">
      <c r="N933998" s="10"/>
    </row>
    <row r="933999" spans="14:14">
      <c r="N933999" s="10"/>
    </row>
    <row r="934000" spans="14:14">
      <c r="N934000" s="10"/>
    </row>
    <row r="934001" spans="14:14">
      <c r="N934001" s="10"/>
    </row>
    <row r="934002" spans="14:14">
      <c r="N934002" s="10"/>
    </row>
    <row r="934003" spans="14:14">
      <c r="N934003" s="10"/>
    </row>
    <row r="934004" spans="14:14">
      <c r="N934004" s="10"/>
    </row>
    <row r="934005" spans="14:14">
      <c r="N934005" s="10"/>
    </row>
    <row r="934006" spans="14:14">
      <c r="N934006" s="10"/>
    </row>
    <row r="934007" spans="14:14">
      <c r="N934007" s="10"/>
    </row>
    <row r="934008" spans="14:14">
      <c r="N934008" s="10"/>
    </row>
    <row r="934009" spans="14:14">
      <c r="N934009" s="10"/>
    </row>
    <row r="934010" spans="14:14">
      <c r="N934010" s="10"/>
    </row>
    <row r="934011" spans="14:14">
      <c r="N934011" s="10"/>
    </row>
    <row r="934012" spans="14:14">
      <c r="N934012" s="10"/>
    </row>
    <row r="934013" spans="14:14">
      <c r="N934013" s="10"/>
    </row>
    <row r="934014" spans="14:14">
      <c r="N934014" s="10"/>
    </row>
    <row r="934015" spans="14:14">
      <c r="N934015" s="10"/>
    </row>
    <row r="934016" spans="14:14">
      <c r="N934016" s="10"/>
    </row>
    <row r="934017" spans="14:14">
      <c r="N934017" s="10"/>
    </row>
    <row r="934018" spans="14:14">
      <c r="N934018" s="10"/>
    </row>
    <row r="934019" spans="14:14">
      <c r="N934019" s="10"/>
    </row>
    <row r="934020" spans="14:14">
      <c r="N934020" s="10"/>
    </row>
    <row r="934021" spans="14:14">
      <c r="N934021" s="10"/>
    </row>
    <row r="934022" spans="14:14">
      <c r="N934022" s="10"/>
    </row>
    <row r="934023" spans="14:14">
      <c r="N934023" s="10"/>
    </row>
    <row r="934024" spans="14:14">
      <c r="N934024" s="10"/>
    </row>
    <row r="934025" spans="14:14">
      <c r="N934025" s="10"/>
    </row>
    <row r="934026" spans="14:14">
      <c r="N934026" s="10"/>
    </row>
    <row r="934027" spans="14:14">
      <c r="N934027" s="10"/>
    </row>
    <row r="934028" spans="14:14">
      <c r="N934028" s="10"/>
    </row>
    <row r="934029" spans="14:14">
      <c r="N934029" s="10"/>
    </row>
    <row r="934030" spans="14:14">
      <c r="N934030" s="10"/>
    </row>
    <row r="934031" spans="14:14">
      <c r="N934031" s="10"/>
    </row>
    <row r="934032" spans="14:14">
      <c r="N934032" s="10"/>
    </row>
    <row r="934033" spans="14:14">
      <c r="N934033" s="10"/>
    </row>
    <row r="934034" spans="14:14">
      <c r="N934034" s="10"/>
    </row>
    <row r="934035" spans="14:14">
      <c r="N934035" s="10"/>
    </row>
    <row r="934036" spans="14:14">
      <c r="N934036" s="10"/>
    </row>
    <row r="934037" spans="14:14">
      <c r="N934037" s="10"/>
    </row>
    <row r="934038" spans="14:14">
      <c r="N934038" s="10"/>
    </row>
    <row r="934039" spans="14:14">
      <c r="N934039" s="10"/>
    </row>
    <row r="934040" spans="14:14">
      <c r="N934040" s="10"/>
    </row>
    <row r="934041" spans="14:14">
      <c r="N934041" s="10"/>
    </row>
    <row r="934042" spans="14:14">
      <c r="N934042" s="10"/>
    </row>
    <row r="934043" spans="14:14">
      <c r="N934043" s="10"/>
    </row>
    <row r="934044" spans="14:14">
      <c r="N934044" s="10"/>
    </row>
    <row r="934045" spans="14:14">
      <c r="N934045" s="10"/>
    </row>
    <row r="934046" spans="14:14">
      <c r="N934046" s="10"/>
    </row>
    <row r="934047" spans="14:14">
      <c r="N934047" s="10"/>
    </row>
    <row r="934048" spans="14:14">
      <c r="N934048" s="10"/>
    </row>
    <row r="934049" spans="14:14">
      <c r="N934049" s="10"/>
    </row>
    <row r="934050" spans="14:14">
      <c r="N934050" s="10"/>
    </row>
    <row r="934051" spans="14:14">
      <c r="N934051" s="10"/>
    </row>
    <row r="934052" spans="14:14">
      <c r="N934052" s="10"/>
    </row>
    <row r="934053" spans="14:14">
      <c r="N934053" s="10"/>
    </row>
    <row r="934054" spans="14:14">
      <c r="N934054" s="10"/>
    </row>
    <row r="934055" spans="14:14">
      <c r="N934055" s="10"/>
    </row>
    <row r="934056" spans="14:14">
      <c r="N934056" s="10"/>
    </row>
    <row r="934057" spans="14:14">
      <c r="N934057" s="10"/>
    </row>
    <row r="934058" spans="14:14">
      <c r="N934058" s="10"/>
    </row>
    <row r="934059" spans="14:14">
      <c r="N934059" s="10"/>
    </row>
    <row r="934060" spans="14:14">
      <c r="N934060" s="10"/>
    </row>
    <row r="934061" spans="14:14">
      <c r="N934061" s="10"/>
    </row>
    <row r="934062" spans="14:14">
      <c r="N934062" s="10"/>
    </row>
    <row r="934063" spans="14:14">
      <c r="N934063" s="10"/>
    </row>
    <row r="934064" spans="14:14">
      <c r="N934064" s="10"/>
    </row>
    <row r="934065" spans="14:14">
      <c r="N934065" s="10"/>
    </row>
    <row r="934066" spans="14:14">
      <c r="N934066" s="10"/>
    </row>
    <row r="934067" spans="14:14">
      <c r="N934067" s="10"/>
    </row>
    <row r="934068" spans="14:14">
      <c r="N934068" s="10"/>
    </row>
    <row r="934069" spans="14:14">
      <c r="N934069" s="10"/>
    </row>
    <row r="934070" spans="14:14">
      <c r="N934070" s="10"/>
    </row>
    <row r="934071" spans="14:14">
      <c r="N934071" s="10"/>
    </row>
    <row r="934072" spans="14:14">
      <c r="N934072" s="10"/>
    </row>
    <row r="934073" spans="14:14">
      <c r="N934073" s="10"/>
    </row>
    <row r="934074" spans="14:14">
      <c r="N934074" s="10"/>
    </row>
    <row r="934075" spans="14:14">
      <c r="N934075" s="10"/>
    </row>
    <row r="934076" spans="14:14">
      <c r="N934076" s="10"/>
    </row>
    <row r="934077" spans="14:14">
      <c r="N934077" s="10"/>
    </row>
    <row r="934078" spans="14:14">
      <c r="N934078" s="10"/>
    </row>
    <row r="934079" spans="14:14">
      <c r="N934079" s="10"/>
    </row>
    <row r="934080" spans="14:14">
      <c r="N934080" s="10"/>
    </row>
    <row r="934081" spans="14:14">
      <c r="N934081" s="10"/>
    </row>
    <row r="934082" spans="14:14">
      <c r="N934082" s="10"/>
    </row>
    <row r="934083" spans="14:14">
      <c r="N934083" s="10"/>
    </row>
    <row r="934084" spans="14:14">
      <c r="N934084" s="10"/>
    </row>
    <row r="934085" spans="14:14">
      <c r="N934085" s="10"/>
    </row>
    <row r="934086" spans="14:14">
      <c r="N934086" s="10"/>
    </row>
    <row r="934087" spans="14:14">
      <c r="N934087" s="10"/>
    </row>
    <row r="934088" spans="14:14">
      <c r="N934088" s="10"/>
    </row>
    <row r="934089" spans="14:14">
      <c r="N934089" s="10"/>
    </row>
    <row r="934090" spans="14:14">
      <c r="N934090" s="10"/>
    </row>
    <row r="934091" spans="14:14">
      <c r="N934091" s="10"/>
    </row>
    <row r="934092" spans="14:14">
      <c r="N934092" s="10"/>
    </row>
    <row r="934093" spans="14:14">
      <c r="N934093" s="10"/>
    </row>
    <row r="934094" spans="14:14">
      <c r="N934094" s="10"/>
    </row>
    <row r="934095" spans="14:14">
      <c r="N934095" s="10"/>
    </row>
    <row r="934096" spans="14:14">
      <c r="N934096" s="10"/>
    </row>
    <row r="934097" spans="14:14">
      <c r="N934097" s="10"/>
    </row>
    <row r="934098" spans="14:14">
      <c r="N934098" s="10"/>
    </row>
    <row r="934099" spans="14:14">
      <c r="N934099" s="10"/>
    </row>
    <row r="934100" spans="14:14">
      <c r="N934100" s="10"/>
    </row>
    <row r="934101" spans="14:14">
      <c r="N934101" s="10"/>
    </row>
    <row r="934102" spans="14:14">
      <c r="N934102" s="10"/>
    </row>
    <row r="934103" spans="14:14">
      <c r="N934103" s="10"/>
    </row>
    <row r="934104" spans="14:14">
      <c r="N934104" s="10"/>
    </row>
    <row r="934105" spans="14:14">
      <c r="N934105" s="10"/>
    </row>
    <row r="934106" spans="14:14">
      <c r="N934106" s="10"/>
    </row>
    <row r="934107" spans="14:14">
      <c r="N934107" s="10"/>
    </row>
    <row r="934108" spans="14:14">
      <c r="N934108" s="10"/>
    </row>
    <row r="934109" spans="14:14">
      <c r="N934109" s="10"/>
    </row>
    <row r="934110" spans="14:14">
      <c r="N934110" s="10"/>
    </row>
    <row r="934111" spans="14:14">
      <c r="N934111" s="10"/>
    </row>
    <row r="934112" spans="14:14">
      <c r="N934112" s="10"/>
    </row>
    <row r="934113" spans="14:14">
      <c r="N934113" s="10"/>
    </row>
    <row r="934114" spans="14:14">
      <c r="N934114" s="10"/>
    </row>
    <row r="934115" spans="14:14">
      <c r="N934115" s="10"/>
    </row>
    <row r="934116" spans="14:14">
      <c r="N934116" s="10"/>
    </row>
    <row r="934117" spans="14:14">
      <c r="N934117" s="10"/>
    </row>
    <row r="934118" spans="14:14">
      <c r="N934118" s="10"/>
    </row>
    <row r="934119" spans="14:14">
      <c r="N934119" s="10"/>
    </row>
    <row r="934120" spans="14:14">
      <c r="N934120" s="10"/>
    </row>
    <row r="934121" spans="14:14">
      <c r="N934121" s="10"/>
    </row>
    <row r="934122" spans="14:14">
      <c r="N934122" s="10"/>
    </row>
    <row r="934123" spans="14:14">
      <c r="N934123" s="10"/>
    </row>
    <row r="934124" spans="14:14">
      <c r="N934124" s="10"/>
    </row>
    <row r="934125" spans="14:14">
      <c r="N934125" s="10"/>
    </row>
    <row r="934126" spans="14:14">
      <c r="N934126" s="10"/>
    </row>
    <row r="934127" spans="14:14">
      <c r="N934127" s="10"/>
    </row>
    <row r="934128" spans="14:14">
      <c r="N934128" s="10"/>
    </row>
    <row r="934129" spans="14:14">
      <c r="N934129" s="10"/>
    </row>
    <row r="934130" spans="14:14">
      <c r="N934130" s="10"/>
    </row>
    <row r="934131" spans="14:14">
      <c r="N934131" s="10"/>
    </row>
    <row r="934132" spans="14:14">
      <c r="N934132" s="10"/>
    </row>
    <row r="934133" spans="14:14">
      <c r="N934133" s="10"/>
    </row>
    <row r="934134" spans="14:14">
      <c r="N934134" s="10"/>
    </row>
    <row r="934135" spans="14:14">
      <c r="N934135" s="10"/>
    </row>
    <row r="934136" spans="14:14">
      <c r="N934136" s="10"/>
    </row>
    <row r="934137" spans="14:14">
      <c r="N934137" s="10"/>
    </row>
    <row r="934138" spans="14:14">
      <c r="N934138" s="10"/>
    </row>
    <row r="934139" spans="14:14">
      <c r="N934139" s="10"/>
    </row>
    <row r="934140" spans="14:14">
      <c r="N934140" s="10"/>
    </row>
    <row r="934141" spans="14:14">
      <c r="N934141" s="10"/>
    </row>
    <row r="934142" spans="14:14">
      <c r="N934142" s="10"/>
    </row>
    <row r="934143" spans="14:14">
      <c r="N934143" s="10"/>
    </row>
    <row r="934144" spans="14:14">
      <c r="N934144" s="10"/>
    </row>
    <row r="934145" spans="14:14">
      <c r="N934145" s="10"/>
    </row>
    <row r="934146" spans="14:14">
      <c r="N934146" s="10"/>
    </row>
    <row r="934147" spans="14:14">
      <c r="N934147" s="10"/>
    </row>
    <row r="934148" spans="14:14">
      <c r="N934148" s="10"/>
    </row>
    <row r="934149" spans="14:14">
      <c r="N934149" s="10"/>
    </row>
    <row r="934150" spans="14:14">
      <c r="N934150" s="10"/>
    </row>
    <row r="934151" spans="14:14">
      <c r="N934151" s="10"/>
    </row>
    <row r="934152" spans="14:14">
      <c r="N934152" s="10"/>
    </row>
    <row r="934153" spans="14:14">
      <c r="N934153" s="10"/>
    </row>
    <row r="934154" spans="14:14">
      <c r="N934154" s="10"/>
    </row>
    <row r="934155" spans="14:14">
      <c r="N934155" s="10"/>
    </row>
    <row r="934156" spans="14:14">
      <c r="N934156" s="10"/>
    </row>
    <row r="934157" spans="14:14">
      <c r="N934157" s="10"/>
    </row>
    <row r="934158" spans="14:14">
      <c r="N934158" s="10"/>
    </row>
    <row r="934159" spans="14:14">
      <c r="N934159" s="10"/>
    </row>
    <row r="934160" spans="14:14">
      <c r="N934160" s="10"/>
    </row>
    <row r="934161" spans="14:14">
      <c r="N934161" s="10"/>
    </row>
    <row r="934162" spans="14:14">
      <c r="N934162" s="10"/>
    </row>
    <row r="934163" spans="14:14">
      <c r="N934163" s="10"/>
    </row>
    <row r="934164" spans="14:14">
      <c r="N934164" s="10"/>
    </row>
    <row r="934165" spans="14:14">
      <c r="N934165" s="10"/>
    </row>
    <row r="934166" spans="14:14">
      <c r="N934166" s="10"/>
    </row>
    <row r="934167" spans="14:14">
      <c r="N934167" s="10"/>
    </row>
    <row r="934168" spans="14:14">
      <c r="N934168" s="10"/>
    </row>
    <row r="934169" spans="14:14">
      <c r="N934169" s="10"/>
    </row>
    <row r="934170" spans="14:14">
      <c r="N934170" s="10"/>
    </row>
    <row r="934171" spans="14:14">
      <c r="N934171" s="10"/>
    </row>
    <row r="934172" spans="14:14">
      <c r="N934172" s="10"/>
    </row>
    <row r="934173" spans="14:14">
      <c r="N934173" s="10"/>
    </row>
    <row r="934174" spans="14:14">
      <c r="N934174" s="10"/>
    </row>
    <row r="934175" spans="14:14">
      <c r="N934175" s="10"/>
    </row>
    <row r="934176" spans="14:14">
      <c r="N934176" s="10"/>
    </row>
    <row r="934177" spans="14:14">
      <c r="N934177" s="10"/>
    </row>
    <row r="934178" spans="14:14">
      <c r="N934178" s="10"/>
    </row>
    <row r="934179" spans="14:14">
      <c r="N934179" s="10"/>
    </row>
    <row r="934180" spans="14:14">
      <c r="N934180" s="10"/>
    </row>
    <row r="934181" spans="14:14">
      <c r="N934181" s="10"/>
    </row>
    <row r="934182" spans="14:14">
      <c r="N934182" s="10"/>
    </row>
    <row r="934183" spans="14:14">
      <c r="N934183" s="10"/>
    </row>
    <row r="934184" spans="14:14">
      <c r="N934184" s="10"/>
    </row>
    <row r="934185" spans="14:14">
      <c r="N934185" s="10"/>
    </row>
    <row r="934186" spans="14:14">
      <c r="N934186" s="10"/>
    </row>
    <row r="934187" spans="14:14">
      <c r="N934187" s="10"/>
    </row>
    <row r="934188" spans="14:14">
      <c r="N934188" s="10"/>
    </row>
    <row r="934189" spans="14:14">
      <c r="N934189" s="10"/>
    </row>
    <row r="934190" spans="14:14">
      <c r="N934190" s="10"/>
    </row>
    <row r="934191" spans="14:14">
      <c r="N934191" s="10"/>
    </row>
    <row r="934192" spans="14:14">
      <c r="N934192" s="10"/>
    </row>
    <row r="934193" spans="14:14">
      <c r="N934193" s="10"/>
    </row>
    <row r="934194" spans="14:14">
      <c r="N934194" s="10"/>
    </row>
    <row r="934195" spans="14:14">
      <c r="N934195" s="10"/>
    </row>
    <row r="934196" spans="14:14">
      <c r="N934196" s="10"/>
    </row>
    <row r="934197" spans="14:14">
      <c r="N934197" s="10"/>
    </row>
    <row r="934198" spans="14:14">
      <c r="N934198" s="10"/>
    </row>
    <row r="934199" spans="14:14">
      <c r="N934199" s="10"/>
    </row>
    <row r="934200" spans="14:14">
      <c r="N934200" s="10"/>
    </row>
    <row r="934201" spans="14:14">
      <c r="N934201" s="10"/>
    </row>
    <row r="934202" spans="14:14">
      <c r="N934202" s="10"/>
    </row>
    <row r="934203" spans="14:14">
      <c r="N934203" s="10"/>
    </row>
    <row r="934204" spans="14:14">
      <c r="N934204" s="10"/>
    </row>
    <row r="934205" spans="14:14">
      <c r="N934205" s="10"/>
    </row>
    <row r="934206" spans="14:14">
      <c r="N934206" s="10"/>
    </row>
    <row r="934207" spans="14:14">
      <c r="N934207" s="10"/>
    </row>
    <row r="934208" spans="14:14">
      <c r="N934208" s="10"/>
    </row>
    <row r="934209" spans="14:14">
      <c r="N934209" s="10"/>
    </row>
    <row r="934210" spans="14:14">
      <c r="N934210" s="10"/>
    </row>
    <row r="934211" spans="14:14">
      <c r="N934211" s="10"/>
    </row>
    <row r="934212" spans="14:14">
      <c r="N934212" s="10"/>
    </row>
    <row r="934213" spans="14:14">
      <c r="N934213" s="10"/>
    </row>
    <row r="934214" spans="14:14">
      <c r="N934214" s="10"/>
    </row>
    <row r="934215" spans="14:14">
      <c r="N934215" s="10"/>
    </row>
    <row r="934216" spans="14:14">
      <c r="N934216" s="10"/>
    </row>
    <row r="934217" spans="14:14">
      <c r="N934217" s="10"/>
    </row>
    <row r="934218" spans="14:14">
      <c r="N934218" s="10"/>
    </row>
    <row r="934219" spans="14:14">
      <c r="N934219" s="10"/>
    </row>
    <row r="934220" spans="14:14">
      <c r="N934220" s="10"/>
    </row>
    <row r="934221" spans="14:14">
      <c r="N934221" s="10"/>
    </row>
    <row r="934222" spans="14:14">
      <c r="N934222" s="10"/>
    </row>
    <row r="934223" spans="14:14">
      <c r="N934223" s="10"/>
    </row>
    <row r="934224" spans="14:14">
      <c r="N934224" s="10"/>
    </row>
    <row r="934225" spans="14:14">
      <c r="N934225" s="10"/>
    </row>
    <row r="934226" spans="14:14">
      <c r="N934226" s="10"/>
    </row>
    <row r="934227" spans="14:14">
      <c r="N934227" s="10"/>
    </row>
    <row r="934228" spans="14:14">
      <c r="N934228" s="10"/>
    </row>
    <row r="934229" spans="14:14">
      <c r="N934229" s="10"/>
    </row>
    <row r="934230" spans="14:14">
      <c r="N934230" s="10"/>
    </row>
    <row r="934231" spans="14:14">
      <c r="N934231" s="10"/>
    </row>
    <row r="934232" spans="14:14">
      <c r="N934232" s="10"/>
    </row>
    <row r="934233" spans="14:14">
      <c r="N934233" s="10"/>
    </row>
    <row r="934234" spans="14:14">
      <c r="N934234" s="10"/>
    </row>
    <row r="934235" spans="14:14">
      <c r="N934235" s="10"/>
    </row>
    <row r="934236" spans="14:14">
      <c r="N934236" s="10"/>
    </row>
    <row r="934237" spans="14:14">
      <c r="N934237" s="10"/>
    </row>
    <row r="934238" spans="14:14">
      <c r="N934238" s="10"/>
    </row>
    <row r="934239" spans="14:14">
      <c r="N934239" s="10"/>
    </row>
    <row r="934240" spans="14:14">
      <c r="N934240" s="10"/>
    </row>
    <row r="934241" spans="14:14">
      <c r="N934241" s="10"/>
    </row>
    <row r="934242" spans="14:14">
      <c r="N934242" s="10"/>
    </row>
    <row r="934243" spans="14:14">
      <c r="N934243" s="10"/>
    </row>
    <row r="934244" spans="14:14">
      <c r="N934244" s="10"/>
    </row>
    <row r="934245" spans="14:14">
      <c r="N934245" s="10"/>
    </row>
    <row r="934246" spans="14:14">
      <c r="N934246" s="10"/>
    </row>
    <row r="934247" spans="14:14">
      <c r="N934247" s="10"/>
    </row>
    <row r="934248" spans="14:14">
      <c r="N934248" s="10"/>
    </row>
    <row r="934249" spans="14:14">
      <c r="N934249" s="10"/>
    </row>
    <row r="934250" spans="14:14">
      <c r="N934250" s="10"/>
    </row>
    <row r="934251" spans="14:14">
      <c r="N934251" s="10"/>
    </row>
    <row r="934252" spans="14:14">
      <c r="N934252" s="10"/>
    </row>
    <row r="934253" spans="14:14">
      <c r="N934253" s="10"/>
    </row>
    <row r="934254" spans="14:14">
      <c r="N934254" s="10"/>
    </row>
    <row r="934255" spans="14:14">
      <c r="N934255" s="10"/>
    </row>
    <row r="934256" spans="14:14">
      <c r="N934256" s="10"/>
    </row>
    <row r="934257" spans="14:14">
      <c r="N934257" s="10"/>
    </row>
    <row r="934258" spans="14:14">
      <c r="N934258" s="10"/>
    </row>
    <row r="934259" spans="14:14">
      <c r="N934259" s="10"/>
    </row>
    <row r="934260" spans="14:14">
      <c r="N934260" s="10"/>
    </row>
    <row r="934261" spans="14:14">
      <c r="N934261" s="10"/>
    </row>
    <row r="934262" spans="14:14">
      <c r="N934262" s="10"/>
    </row>
    <row r="934263" spans="14:14">
      <c r="N934263" s="10"/>
    </row>
    <row r="934264" spans="14:14">
      <c r="N934264" s="10"/>
    </row>
    <row r="934265" spans="14:14">
      <c r="N934265" s="10"/>
    </row>
    <row r="934266" spans="14:14">
      <c r="N934266" s="10"/>
    </row>
    <row r="934267" spans="14:14">
      <c r="N934267" s="10"/>
    </row>
    <row r="934268" spans="14:14">
      <c r="N934268" s="10"/>
    </row>
    <row r="934269" spans="14:14">
      <c r="N934269" s="10"/>
    </row>
    <row r="934270" spans="14:14">
      <c r="N934270" s="10"/>
    </row>
    <row r="934271" spans="14:14">
      <c r="N934271" s="10"/>
    </row>
    <row r="934272" spans="14:14">
      <c r="N934272" s="10"/>
    </row>
    <row r="934273" spans="14:14">
      <c r="N934273" s="10"/>
    </row>
    <row r="934274" spans="14:14">
      <c r="N934274" s="10"/>
    </row>
    <row r="934275" spans="14:14">
      <c r="N934275" s="10"/>
    </row>
    <row r="934276" spans="14:14">
      <c r="N934276" s="10"/>
    </row>
    <row r="934277" spans="14:14">
      <c r="N934277" s="10"/>
    </row>
    <row r="934278" spans="14:14">
      <c r="N934278" s="10"/>
    </row>
    <row r="934279" spans="14:14">
      <c r="N934279" s="10"/>
    </row>
    <row r="934280" spans="14:14">
      <c r="N934280" s="10"/>
    </row>
    <row r="934281" spans="14:14">
      <c r="N934281" s="10"/>
    </row>
    <row r="934282" spans="14:14">
      <c r="N934282" s="10"/>
    </row>
    <row r="934283" spans="14:14">
      <c r="N934283" s="10"/>
    </row>
    <row r="934284" spans="14:14">
      <c r="N934284" s="10"/>
    </row>
    <row r="934285" spans="14:14">
      <c r="N934285" s="10"/>
    </row>
    <row r="934286" spans="14:14">
      <c r="N934286" s="10"/>
    </row>
    <row r="934287" spans="14:14">
      <c r="N934287" s="10"/>
    </row>
    <row r="934288" spans="14:14">
      <c r="N934288" s="10"/>
    </row>
    <row r="934289" spans="14:14">
      <c r="N934289" s="10"/>
    </row>
    <row r="934290" spans="14:14">
      <c r="N934290" s="10"/>
    </row>
    <row r="934291" spans="14:14">
      <c r="N934291" s="10"/>
    </row>
    <row r="934292" spans="14:14">
      <c r="N934292" s="10"/>
    </row>
    <row r="934293" spans="14:14">
      <c r="N934293" s="10"/>
    </row>
    <row r="934294" spans="14:14">
      <c r="N934294" s="10"/>
    </row>
    <row r="934295" spans="14:14">
      <c r="N934295" s="10"/>
    </row>
    <row r="934296" spans="14:14">
      <c r="N934296" s="10"/>
    </row>
    <row r="934297" spans="14:14">
      <c r="N934297" s="10"/>
    </row>
    <row r="934298" spans="14:14">
      <c r="N934298" s="10"/>
    </row>
    <row r="934299" spans="14:14">
      <c r="N934299" s="10"/>
    </row>
    <row r="934300" spans="14:14">
      <c r="N934300" s="10"/>
    </row>
    <row r="934301" spans="14:14">
      <c r="N934301" s="10"/>
    </row>
    <row r="934302" spans="14:14">
      <c r="N934302" s="10"/>
    </row>
    <row r="934303" spans="14:14">
      <c r="N934303" s="10"/>
    </row>
    <row r="934304" spans="14:14">
      <c r="N934304" s="10"/>
    </row>
    <row r="934305" spans="14:14">
      <c r="N934305" s="10"/>
    </row>
    <row r="934306" spans="14:14">
      <c r="N934306" s="10"/>
    </row>
    <row r="934307" spans="14:14">
      <c r="N934307" s="10"/>
    </row>
    <row r="934308" spans="14:14">
      <c r="N934308" s="10"/>
    </row>
    <row r="934309" spans="14:14">
      <c r="N934309" s="10"/>
    </row>
    <row r="934310" spans="14:14">
      <c r="N934310" s="10"/>
    </row>
    <row r="934311" spans="14:14">
      <c r="N934311" s="10"/>
    </row>
    <row r="934312" spans="14:14">
      <c r="N934312" s="10"/>
    </row>
    <row r="934313" spans="14:14">
      <c r="N934313" s="10"/>
    </row>
    <row r="934314" spans="14:14">
      <c r="N934314" s="10"/>
    </row>
    <row r="934315" spans="14:14">
      <c r="N934315" s="10"/>
    </row>
    <row r="934316" spans="14:14">
      <c r="N934316" s="10"/>
    </row>
    <row r="934317" spans="14:14">
      <c r="N934317" s="10"/>
    </row>
    <row r="934318" spans="14:14">
      <c r="N934318" s="10"/>
    </row>
    <row r="934319" spans="14:14">
      <c r="N934319" s="10"/>
    </row>
    <row r="934320" spans="14:14">
      <c r="N934320" s="10"/>
    </row>
    <row r="934321" spans="14:14">
      <c r="N934321" s="10"/>
    </row>
    <row r="934322" spans="14:14">
      <c r="N934322" s="10"/>
    </row>
    <row r="934323" spans="14:14">
      <c r="N934323" s="10"/>
    </row>
    <row r="934324" spans="14:14">
      <c r="N934324" s="10"/>
    </row>
    <row r="934325" spans="14:14">
      <c r="N934325" s="10"/>
    </row>
    <row r="934326" spans="14:14">
      <c r="N934326" s="10"/>
    </row>
    <row r="934327" spans="14:14">
      <c r="N934327" s="10"/>
    </row>
    <row r="934328" spans="14:14">
      <c r="N934328" s="10"/>
    </row>
    <row r="934329" spans="14:14">
      <c r="N934329" s="10"/>
    </row>
    <row r="934330" spans="14:14">
      <c r="N934330" s="10"/>
    </row>
    <row r="934331" spans="14:14">
      <c r="N934331" s="10"/>
    </row>
    <row r="934332" spans="14:14">
      <c r="N934332" s="10"/>
    </row>
    <row r="934333" spans="14:14">
      <c r="N934333" s="10"/>
    </row>
    <row r="934334" spans="14:14">
      <c r="N934334" s="10"/>
    </row>
    <row r="934335" spans="14:14">
      <c r="N934335" s="10"/>
    </row>
    <row r="934336" spans="14:14">
      <c r="N934336" s="10"/>
    </row>
    <row r="934337" spans="14:14">
      <c r="N934337" s="10"/>
    </row>
    <row r="934338" spans="14:14">
      <c r="N934338" s="10"/>
    </row>
    <row r="934339" spans="14:14">
      <c r="N934339" s="10"/>
    </row>
    <row r="934340" spans="14:14">
      <c r="N934340" s="10"/>
    </row>
    <row r="934341" spans="14:14">
      <c r="N934341" s="10"/>
    </row>
    <row r="934342" spans="14:14">
      <c r="N934342" s="10"/>
    </row>
    <row r="934343" spans="14:14">
      <c r="N934343" s="10"/>
    </row>
    <row r="934344" spans="14:14">
      <c r="N934344" s="10"/>
    </row>
    <row r="934345" spans="14:14">
      <c r="N934345" s="10"/>
    </row>
    <row r="934346" spans="14:14">
      <c r="N934346" s="10"/>
    </row>
    <row r="934347" spans="14:14">
      <c r="N934347" s="10"/>
    </row>
    <row r="934348" spans="14:14">
      <c r="N934348" s="10"/>
    </row>
    <row r="934349" spans="14:14">
      <c r="N934349" s="10"/>
    </row>
    <row r="934350" spans="14:14">
      <c r="N934350" s="10"/>
    </row>
    <row r="934351" spans="14:14">
      <c r="N934351" s="10"/>
    </row>
    <row r="934352" spans="14:14">
      <c r="N934352" s="10"/>
    </row>
    <row r="934353" spans="14:14">
      <c r="N934353" s="10"/>
    </row>
    <row r="934354" spans="14:14">
      <c r="N934354" s="10"/>
    </row>
    <row r="934355" spans="14:14">
      <c r="N934355" s="10"/>
    </row>
    <row r="934356" spans="14:14">
      <c r="N934356" s="10"/>
    </row>
    <row r="934357" spans="14:14">
      <c r="N934357" s="10"/>
    </row>
    <row r="934358" spans="14:14">
      <c r="N934358" s="10"/>
    </row>
    <row r="934359" spans="14:14">
      <c r="N934359" s="10"/>
    </row>
    <row r="934360" spans="14:14">
      <c r="N934360" s="10"/>
    </row>
    <row r="934361" spans="14:14">
      <c r="N934361" s="10"/>
    </row>
    <row r="934362" spans="14:14">
      <c r="N934362" s="10"/>
    </row>
    <row r="934363" spans="14:14">
      <c r="N934363" s="10"/>
    </row>
    <row r="934364" spans="14:14">
      <c r="N934364" s="10"/>
    </row>
    <row r="934365" spans="14:14">
      <c r="N934365" s="10"/>
    </row>
    <row r="934366" spans="14:14">
      <c r="N934366" s="10"/>
    </row>
    <row r="934367" spans="14:14">
      <c r="N934367" s="10"/>
    </row>
    <row r="934368" spans="14:14">
      <c r="N934368" s="10"/>
    </row>
    <row r="934369" spans="14:14">
      <c r="N934369" s="10"/>
    </row>
    <row r="934370" spans="14:14">
      <c r="N934370" s="10"/>
    </row>
    <row r="934371" spans="14:14">
      <c r="N934371" s="10"/>
    </row>
    <row r="934372" spans="14:14">
      <c r="N934372" s="10"/>
    </row>
    <row r="934373" spans="14:14">
      <c r="N934373" s="10"/>
    </row>
    <row r="934374" spans="14:14">
      <c r="N934374" s="10"/>
    </row>
    <row r="934375" spans="14:14">
      <c r="N934375" s="10"/>
    </row>
    <row r="934376" spans="14:14">
      <c r="N934376" s="10"/>
    </row>
    <row r="934377" spans="14:14">
      <c r="N934377" s="10"/>
    </row>
    <row r="934378" spans="14:14">
      <c r="N934378" s="10"/>
    </row>
    <row r="934379" spans="14:14">
      <c r="N934379" s="10"/>
    </row>
    <row r="934380" spans="14:14">
      <c r="N934380" s="10"/>
    </row>
    <row r="934381" spans="14:14">
      <c r="N934381" s="10"/>
    </row>
    <row r="934382" spans="14:14">
      <c r="N934382" s="10"/>
    </row>
    <row r="934383" spans="14:14">
      <c r="N934383" s="10"/>
    </row>
    <row r="934384" spans="14:14">
      <c r="N934384" s="10"/>
    </row>
    <row r="934385" spans="14:14">
      <c r="N934385" s="10"/>
    </row>
    <row r="934386" spans="14:14">
      <c r="N934386" s="10"/>
    </row>
    <row r="934387" spans="14:14">
      <c r="N934387" s="10"/>
    </row>
    <row r="934388" spans="14:14">
      <c r="N934388" s="10"/>
    </row>
    <row r="934389" spans="14:14">
      <c r="N934389" s="10"/>
    </row>
    <row r="934390" spans="14:14">
      <c r="N934390" s="10"/>
    </row>
    <row r="934391" spans="14:14">
      <c r="N934391" s="10"/>
    </row>
    <row r="934392" spans="14:14">
      <c r="N934392" s="10"/>
    </row>
    <row r="934393" spans="14:14">
      <c r="N934393" s="10"/>
    </row>
    <row r="934394" spans="14:14">
      <c r="N934394" s="10"/>
    </row>
    <row r="934395" spans="14:14">
      <c r="N934395" s="10"/>
    </row>
    <row r="934396" spans="14:14">
      <c r="N934396" s="10"/>
    </row>
    <row r="934397" spans="14:14">
      <c r="N934397" s="10"/>
    </row>
    <row r="934398" spans="14:14">
      <c r="N934398" s="10"/>
    </row>
    <row r="934399" spans="14:14">
      <c r="N934399" s="10"/>
    </row>
    <row r="934400" spans="14:14">
      <c r="N934400" s="10"/>
    </row>
    <row r="934401" spans="14:14">
      <c r="N934401" s="10"/>
    </row>
    <row r="934402" spans="14:14">
      <c r="N934402" s="10"/>
    </row>
    <row r="934403" spans="14:14">
      <c r="N934403" s="10"/>
    </row>
    <row r="934404" spans="14:14">
      <c r="N934404" s="10"/>
    </row>
    <row r="934405" spans="14:14">
      <c r="N934405" s="10"/>
    </row>
    <row r="934406" spans="14:14">
      <c r="N934406" s="10"/>
    </row>
    <row r="934407" spans="14:14">
      <c r="N934407" s="10"/>
    </row>
    <row r="934408" spans="14:14">
      <c r="N934408" s="10"/>
    </row>
    <row r="934409" spans="14:14">
      <c r="N934409" s="10"/>
    </row>
    <row r="934410" spans="14:14">
      <c r="N934410" s="10"/>
    </row>
    <row r="934411" spans="14:14">
      <c r="N934411" s="10"/>
    </row>
    <row r="934412" spans="14:14">
      <c r="N934412" s="10"/>
    </row>
    <row r="934413" spans="14:14">
      <c r="N934413" s="10"/>
    </row>
    <row r="934414" spans="14:14">
      <c r="N934414" s="10"/>
    </row>
    <row r="934415" spans="14:14">
      <c r="N934415" s="10"/>
    </row>
    <row r="934416" spans="14:14">
      <c r="N934416" s="10"/>
    </row>
    <row r="934417" spans="14:14">
      <c r="N934417" s="10"/>
    </row>
    <row r="934418" spans="14:14">
      <c r="N934418" s="10"/>
    </row>
    <row r="934419" spans="14:14">
      <c r="N934419" s="10"/>
    </row>
    <row r="934420" spans="14:14">
      <c r="N934420" s="10"/>
    </row>
    <row r="934421" spans="14:14">
      <c r="N934421" s="10"/>
    </row>
    <row r="934422" spans="14:14">
      <c r="N934422" s="10"/>
    </row>
    <row r="934423" spans="14:14">
      <c r="N934423" s="10"/>
    </row>
    <row r="934424" spans="14:14">
      <c r="N934424" s="10"/>
    </row>
    <row r="934425" spans="14:14">
      <c r="N934425" s="10"/>
    </row>
    <row r="934426" spans="14:14">
      <c r="N934426" s="10"/>
    </row>
    <row r="934427" spans="14:14">
      <c r="N934427" s="10"/>
    </row>
    <row r="934428" spans="14:14">
      <c r="N934428" s="10"/>
    </row>
    <row r="934429" spans="14:14">
      <c r="N934429" s="10"/>
    </row>
    <row r="934430" spans="14:14">
      <c r="N934430" s="10"/>
    </row>
    <row r="934431" spans="14:14">
      <c r="N934431" s="10"/>
    </row>
    <row r="934432" spans="14:14">
      <c r="N934432" s="10"/>
    </row>
    <row r="934433" spans="14:14">
      <c r="N934433" s="10"/>
    </row>
    <row r="934434" spans="14:14">
      <c r="N934434" s="10"/>
    </row>
    <row r="934435" spans="14:14">
      <c r="N934435" s="10"/>
    </row>
    <row r="934436" spans="14:14">
      <c r="N934436" s="10"/>
    </row>
    <row r="934437" spans="14:14">
      <c r="N934437" s="10"/>
    </row>
    <row r="934438" spans="14:14">
      <c r="N934438" s="10"/>
    </row>
    <row r="934439" spans="14:14">
      <c r="N934439" s="10"/>
    </row>
    <row r="934440" spans="14:14">
      <c r="N934440" s="10"/>
    </row>
    <row r="934441" spans="14:14">
      <c r="N934441" s="10"/>
    </row>
    <row r="934442" spans="14:14">
      <c r="N934442" s="10"/>
    </row>
    <row r="934443" spans="14:14">
      <c r="N934443" s="10"/>
    </row>
    <row r="934444" spans="14:14">
      <c r="N934444" s="10"/>
    </row>
    <row r="934445" spans="14:14">
      <c r="N934445" s="10"/>
    </row>
    <row r="934446" spans="14:14">
      <c r="N934446" s="10"/>
    </row>
    <row r="934447" spans="14:14">
      <c r="N934447" s="10"/>
    </row>
    <row r="934448" spans="14:14">
      <c r="N934448" s="10"/>
    </row>
    <row r="934449" spans="14:14">
      <c r="N934449" s="10"/>
    </row>
    <row r="934450" spans="14:14">
      <c r="N934450" s="10"/>
    </row>
    <row r="934451" spans="14:14">
      <c r="N934451" s="10"/>
    </row>
    <row r="934452" spans="14:14">
      <c r="N934452" s="10"/>
    </row>
    <row r="934453" spans="14:14">
      <c r="N934453" s="10"/>
    </row>
    <row r="934454" spans="14:14">
      <c r="N934454" s="10"/>
    </row>
    <row r="934455" spans="14:14">
      <c r="N934455" s="10"/>
    </row>
    <row r="934456" spans="14:14">
      <c r="N934456" s="10"/>
    </row>
    <row r="934457" spans="14:14">
      <c r="N934457" s="10"/>
    </row>
    <row r="934458" spans="14:14">
      <c r="N934458" s="10"/>
    </row>
    <row r="934459" spans="14:14">
      <c r="N934459" s="10"/>
    </row>
    <row r="934460" spans="14:14">
      <c r="N934460" s="10"/>
    </row>
    <row r="934461" spans="14:14">
      <c r="N934461" s="10"/>
    </row>
    <row r="934462" spans="14:14">
      <c r="N934462" s="10"/>
    </row>
    <row r="934463" spans="14:14">
      <c r="N934463" s="10"/>
    </row>
    <row r="934464" spans="14:14">
      <c r="N934464" s="10"/>
    </row>
    <row r="934465" spans="14:14">
      <c r="N934465" s="10"/>
    </row>
    <row r="934466" spans="14:14">
      <c r="N934466" s="10"/>
    </row>
    <row r="934467" spans="14:14">
      <c r="N934467" s="10"/>
    </row>
    <row r="934468" spans="14:14">
      <c r="N934468" s="10"/>
    </row>
    <row r="934469" spans="14:14">
      <c r="N934469" s="10"/>
    </row>
    <row r="934470" spans="14:14">
      <c r="N934470" s="10"/>
    </row>
    <row r="934471" spans="14:14">
      <c r="N934471" s="10"/>
    </row>
    <row r="934472" spans="14:14">
      <c r="N934472" s="10"/>
    </row>
    <row r="934473" spans="14:14">
      <c r="N934473" s="10"/>
    </row>
    <row r="934474" spans="14:14">
      <c r="N934474" s="10"/>
    </row>
    <row r="934475" spans="14:14">
      <c r="N934475" s="10"/>
    </row>
    <row r="934476" spans="14:14">
      <c r="N934476" s="10"/>
    </row>
    <row r="934477" spans="14:14">
      <c r="N934477" s="10"/>
    </row>
    <row r="934478" spans="14:14">
      <c r="N934478" s="10"/>
    </row>
    <row r="934479" spans="14:14">
      <c r="N934479" s="10"/>
    </row>
    <row r="934480" spans="14:14">
      <c r="N934480" s="10"/>
    </row>
    <row r="934481" spans="14:14">
      <c r="N934481" s="10"/>
    </row>
    <row r="934482" spans="14:14">
      <c r="N934482" s="10"/>
    </row>
    <row r="934483" spans="14:14">
      <c r="N934483" s="10"/>
    </row>
    <row r="934484" spans="14:14">
      <c r="N934484" s="10"/>
    </row>
    <row r="934485" spans="14:14">
      <c r="N934485" s="10"/>
    </row>
    <row r="934486" spans="14:14">
      <c r="N934486" s="10"/>
    </row>
    <row r="934487" spans="14:14">
      <c r="N934487" s="10"/>
    </row>
    <row r="934488" spans="14:14">
      <c r="N934488" s="10"/>
    </row>
    <row r="934489" spans="14:14">
      <c r="N934489" s="10"/>
    </row>
    <row r="934490" spans="14:14">
      <c r="N934490" s="10"/>
    </row>
    <row r="934491" spans="14:14">
      <c r="N934491" s="10"/>
    </row>
    <row r="934492" spans="14:14">
      <c r="N934492" s="10"/>
    </row>
    <row r="934493" spans="14:14">
      <c r="N934493" s="10"/>
    </row>
    <row r="934494" spans="14:14">
      <c r="N934494" s="10"/>
    </row>
    <row r="934495" spans="14:14">
      <c r="N934495" s="10"/>
    </row>
    <row r="934496" spans="14:14">
      <c r="N934496" s="10"/>
    </row>
    <row r="934497" spans="14:14">
      <c r="N934497" s="10"/>
    </row>
    <row r="934498" spans="14:14">
      <c r="N934498" s="10"/>
    </row>
    <row r="934499" spans="14:14">
      <c r="N934499" s="10"/>
    </row>
    <row r="934500" spans="14:14">
      <c r="N934500" s="10"/>
    </row>
    <row r="934501" spans="14:14">
      <c r="N934501" s="10"/>
    </row>
    <row r="934502" spans="14:14">
      <c r="N934502" s="10"/>
    </row>
    <row r="934503" spans="14:14">
      <c r="N934503" s="10"/>
    </row>
    <row r="934504" spans="14:14">
      <c r="N934504" s="10"/>
    </row>
    <row r="934505" spans="14:14">
      <c r="N934505" s="10"/>
    </row>
    <row r="934506" spans="14:14">
      <c r="N934506" s="10"/>
    </row>
    <row r="934507" spans="14:14">
      <c r="N934507" s="10"/>
    </row>
    <row r="934508" spans="14:14">
      <c r="N934508" s="10"/>
    </row>
    <row r="934509" spans="14:14">
      <c r="N934509" s="10"/>
    </row>
    <row r="934510" spans="14:14">
      <c r="N934510" s="10"/>
    </row>
    <row r="934511" spans="14:14">
      <c r="N934511" s="10"/>
    </row>
    <row r="934512" spans="14:14">
      <c r="N934512" s="10"/>
    </row>
    <row r="934513" spans="14:14">
      <c r="N934513" s="10"/>
    </row>
    <row r="934514" spans="14:14">
      <c r="N934514" s="10"/>
    </row>
    <row r="934515" spans="14:14">
      <c r="N934515" s="10"/>
    </row>
    <row r="934516" spans="14:14">
      <c r="N934516" s="10"/>
    </row>
    <row r="934517" spans="14:14">
      <c r="N934517" s="10"/>
    </row>
    <row r="934518" spans="14:14">
      <c r="N934518" s="10"/>
    </row>
    <row r="934519" spans="14:14">
      <c r="N934519" s="10"/>
    </row>
    <row r="934520" spans="14:14">
      <c r="N934520" s="10"/>
    </row>
    <row r="934521" spans="14:14">
      <c r="N934521" s="10"/>
    </row>
    <row r="934522" spans="14:14">
      <c r="N934522" s="10"/>
    </row>
    <row r="934523" spans="14:14">
      <c r="N934523" s="10"/>
    </row>
    <row r="934524" spans="14:14">
      <c r="N934524" s="10"/>
    </row>
    <row r="934525" spans="14:14">
      <c r="N934525" s="10"/>
    </row>
    <row r="934526" spans="14:14">
      <c r="N934526" s="10"/>
    </row>
    <row r="934527" spans="14:14">
      <c r="N934527" s="10"/>
    </row>
    <row r="934528" spans="14:14">
      <c r="N934528" s="10"/>
    </row>
    <row r="934529" spans="14:14">
      <c r="N934529" s="10"/>
    </row>
    <row r="934530" spans="14:14">
      <c r="N934530" s="10"/>
    </row>
    <row r="934531" spans="14:14">
      <c r="N934531" s="10"/>
    </row>
    <row r="934532" spans="14:14">
      <c r="N934532" s="10"/>
    </row>
    <row r="934533" spans="14:14">
      <c r="N934533" s="10"/>
    </row>
    <row r="934534" spans="14:14">
      <c r="N934534" s="10"/>
    </row>
    <row r="934535" spans="14:14">
      <c r="N934535" s="10"/>
    </row>
    <row r="934536" spans="14:14">
      <c r="N934536" s="10"/>
    </row>
    <row r="934537" spans="14:14">
      <c r="N934537" s="10"/>
    </row>
    <row r="934538" spans="14:14">
      <c r="N934538" s="10"/>
    </row>
    <row r="934539" spans="14:14">
      <c r="N934539" s="10"/>
    </row>
    <row r="934540" spans="14:14">
      <c r="N934540" s="10"/>
    </row>
    <row r="934541" spans="14:14">
      <c r="N934541" s="10"/>
    </row>
    <row r="934542" spans="14:14">
      <c r="N934542" s="10"/>
    </row>
    <row r="934543" spans="14:14">
      <c r="N934543" s="10"/>
    </row>
    <row r="934544" spans="14:14">
      <c r="N934544" s="10"/>
    </row>
    <row r="934545" spans="14:14">
      <c r="N934545" s="10"/>
    </row>
    <row r="934546" spans="14:14">
      <c r="N934546" s="10"/>
    </row>
    <row r="934547" spans="14:14">
      <c r="N934547" s="10"/>
    </row>
    <row r="934548" spans="14:14">
      <c r="N934548" s="10"/>
    </row>
    <row r="934549" spans="14:14">
      <c r="N934549" s="10"/>
    </row>
    <row r="934550" spans="14:14">
      <c r="N934550" s="10"/>
    </row>
    <row r="934551" spans="14:14">
      <c r="N934551" s="10"/>
    </row>
    <row r="934552" spans="14:14">
      <c r="N934552" s="10"/>
    </row>
    <row r="934553" spans="14:14">
      <c r="N934553" s="10"/>
    </row>
    <row r="934554" spans="14:14">
      <c r="N934554" s="10"/>
    </row>
    <row r="934555" spans="14:14">
      <c r="N934555" s="10"/>
    </row>
    <row r="934556" spans="14:14">
      <c r="N934556" s="10"/>
    </row>
    <row r="934557" spans="14:14">
      <c r="N934557" s="10"/>
    </row>
    <row r="934558" spans="14:14">
      <c r="N934558" s="10"/>
    </row>
    <row r="934559" spans="14:14">
      <c r="N934559" s="10"/>
    </row>
    <row r="934560" spans="14:14">
      <c r="N934560" s="10"/>
    </row>
    <row r="934561" spans="14:14">
      <c r="N934561" s="10"/>
    </row>
    <row r="934562" spans="14:14">
      <c r="N934562" s="10"/>
    </row>
    <row r="934563" spans="14:14">
      <c r="N934563" s="10"/>
    </row>
    <row r="934564" spans="14:14">
      <c r="N934564" s="10"/>
    </row>
    <row r="934565" spans="14:14">
      <c r="N934565" s="10"/>
    </row>
    <row r="934566" spans="14:14">
      <c r="N934566" s="10"/>
    </row>
    <row r="934567" spans="14:14">
      <c r="N934567" s="10"/>
    </row>
    <row r="934568" spans="14:14">
      <c r="N934568" s="10"/>
    </row>
    <row r="934569" spans="14:14">
      <c r="N934569" s="10"/>
    </row>
    <row r="934570" spans="14:14">
      <c r="N934570" s="10"/>
    </row>
    <row r="934571" spans="14:14">
      <c r="N934571" s="10"/>
    </row>
    <row r="934572" spans="14:14">
      <c r="N934572" s="10"/>
    </row>
    <row r="934573" spans="14:14">
      <c r="N934573" s="10"/>
    </row>
    <row r="934574" spans="14:14">
      <c r="N934574" s="10"/>
    </row>
    <row r="934575" spans="14:14">
      <c r="N934575" s="10"/>
    </row>
    <row r="934576" spans="14:14">
      <c r="N934576" s="10"/>
    </row>
    <row r="934577" spans="14:14">
      <c r="N934577" s="10"/>
    </row>
    <row r="934578" spans="14:14">
      <c r="N934578" s="10"/>
    </row>
    <row r="934579" spans="14:14">
      <c r="N934579" s="10"/>
    </row>
    <row r="934580" spans="14:14">
      <c r="N934580" s="10"/>
    </row>
    <row r="934581" spans="14:14">
      <c r="N934581" s="10"/>
    </row>
    <row r="934582" spans="14:14">
      <c r="N934582" s="10"/>
    </row>
    <row r="934583" spans="14:14">
      <c r="N934583" s="10"/>
    </row>
    <row r="934584" spans="14:14">
      <c r="N934584" s="10"/>
    </row>
    <row r="934585" spans="14:14">
      <c r="N934585" s="10"/>
    </row>
    <row r="934586" spans="14:14">
      <c r="N934586" s="10"/>
    </row>
    <row r="934587" spans="14:14">
      <c r="N934587" s="10"/>
    </row>
    <row r="934588" spans="14:14">
      <c r="N934588" s="10"/>
    </row>
    <row r="934589" spans="14:14">
      <c r="N934589" s="10"/>
    </row>
    <row r="934590" spans="14:14">
      <c r="N934590" s="10"/>
    </row>
    <row r="934591" spans="14:14">
      <c r="N934591" s="10"/>
    </row>
    <row r="934592" spans="14:14">
      <c r="N934592" s="10"/>
    </row>
    <row r="934593" spans="14:14">
      <c r="N934593" s="10"/>
    </row>
    <row r="934594" spans="14:14">
      <c r="N934594" s="10"/>
    </row>
    <row r="934595" spans="14:14">
      <c r="N934595" s="10"/>
    </row>
    <row r="934596" spans="14:14">
      <c r="N934596" s="10"/>
    </row>
    <row r="934597" spans="14:14">
      <c r="N934597" s="10"/>
    </row>
    <row r="934598" spans="14:14">
      <c r="N934598" s="10"/>
    </row>
    <row r="934599" spans="14:14">
      <c r="N934599" s="10"/>
    </row>
    <row r="934600" spans="14:14">
      <c r="N934600" s="10"/>
    </row>
    <row r="934601" spans="14:14">
      <c r="N934601" s="10"/>
    </row>
    <row r="934602" spans="14:14">
      <c r="N934602" s="10"/>
    </row>
    <row r="934603" spans="14:14">
      <c r="N934603" s="10"/>
    </row>
    <row r="934604" spans="14:14">
      <c r="N934604" s="10"/>
    </row>
    <row r="934605" spans="14:14">
      <c r="N934605" s="10"/>
    </row>
    <row r="934606" spans="14:14">
      <c r="N934606" s="10"/>
    </row>
    <row r="934607" spans="14:14">
      <c r="N934607" s="10"/>
    </row>
    <row r="934608" spans="14:14">
      <c r="N934608" s="10"/>
    </row>
    <row r="934609" spans="14:14">
      <c r="N934609" s="10"/>
    </row>
    <row r="934610" spans="14:14">
      <c r="N934610" s="10"/>
    </row>
    <row r="934611" spans="14:14">
      <c r="N934611" s="10"/>
    </row>
    <row r="934612" spans="14:14">
      <c r="N934612" s="10"/>
    </row>
    <row r="934613" spans="14:14">
      <c r="N934613" s="10"/>
    </row>
    <row r="934614" spans="14:14">
      <c r="N934614" s="10"/>
    </row>
    <row r="934615" spans="14:14">
      <c r="N934615" s="10"/>
    </row>
    <row r="934616" spans="14:14">
      <c r="N934616" s="10"/>
    </row>
    <row r="934617" spans="14:14">
      <c r="N934617" s="10"/>
    </row>
    <row r="934618" spans="14:14">
      <c r="N934618" s="10"/>
    </row>
    <row r="934619" spans="14:14">
      <c r="N934619" s="10"/>
    </row>
    <row r="934620" spans="14:14">
      <c r="N934620" s="10"/>
    </row>
    <row r="934621" spans="14:14">
      <c r="N934621" s="10"/>
    </row>
    <row r="934622" spans="14:14">
      <c r="N934622" s="10"/>
    </row>
    <row r="934623" spans="14:14">
      <c r="N934623" s="10"/>
    </row>
    <row r="934624" spans="14:14">
      <c r="N934624" s="10"/>
    </row>
    <row r="934625" spans="14:14">
      <c r="N934625" s="10"/>
    </row>
    <row r="934626" spans="14:14">
      <c r="N934626" s="10"/>
    </row>
    <row r="934627" spans="14:14">
      <c r="N934627" s="10"/>
    </row>
    <row r="934628" spans="14:14">
      <c r="N934628" s="10"/>
    </row>
    <row r="934629" spans="14:14">
      <c r="N934629" s="10"/>
    </row>
    <row r="934630" spans="14:14">
      <c r="N934630" s="10"/>
    </row>
    <row r="934631" spans="14:14">
      <c r="N934631" s="10"/>
    </row>
    <row r="934632" spans="14:14">
      <c r="N934632" s="10"/>
    </row>
    <row r="934633" spans="14:14">
      <c r="N934633" s="10"/>
    </row>
    <row r="934634" spans="14:14">
      <c r="N934634" s="10"/>
    </row>
    <row r="934635" spans="14:14">
      <c r="N934635" s="10"/>
    </row>
    <row r="934636" spans="14:14">
      <c r="N934636" s="10"/>
    </row>
    <row r="934637" spans="14:14">
      <c r="N934637" s="10"/>
    </row>
    <row r="934638" spans="14:14">
      <c r="N934638" s="10"/>
    </row>
    <row r="934639" spans="14:14">
      <c r="N934639" s="10"/>
    </row>
    <row r="934640" spans="14:14">
      <c r="N934640" s="10"/>
    </row>
    <row r="934641" spans="14:14">
      <c r="N934641" s="10"/>
    </row>
    <row r="934642" spans="14:14">
      <c r="N934642" s="10"/>
    </row>
    <row r="934643" spans="14:14">
      <c r="N934643" s="10"/>
    </row>
    <row r="934644" spans="14:14">
      <c r="N934644" s="10"/>
    </row>
    <row r="934645" spans="14:14">
      <c r="N934645" s="10"/>
    </row>
    <row r="934646" spans="14:14">
      <c r="N934646" s="10"/>
    </row>
    <row r="934647" spans="14:14">
      <c r="N934647" s="10"/>
    </row>
    <row r="934648" spans="14:14">
      <c r="N934648" s="10"/>
    </row>
    <row r="934649" spans="14:14">
      <c r="N934649" s="10"/>
    </row>
    <row r="934650" spans="14:14">
      <c r="N934650" s="10"/>
    </row>
    <row r="934651" spans="14:14">
      <c r="N934651" s="10"/>
    </row>
    <row r="934652" spans="14:14">
      <c r="N934652" s="10"/>
    </row>
    <row r="934653" spans="14:14">
      <c r="N934653" s="10"/>
    </row>
    <row r="934654" spans="14:14">
      <c r="N934654" s="10"/>
    </row>
    <row r="934655" spans="14:14">
      <c r="N934655" s="10"/>
    </row>
    <row r="934656" spans="14:14">
      <c r="N934656" s="10"/>
    </row>
    <row r="934657" spans="14:14">
      <c r="N934657" s="10"/>
    </row>
    <row r="934658" spans="14:14">
      <c r="N934658" s="10"/>
    </row>
    <row r="934659" spans="14:14">
      <c r="N934659" s="10"/>
    </row>
    <row r="934660" spans="14:14">
      <c r="N934660" s="10"/>
    </row>
    <row r="934661" spans="14:14">
      <c r="N934661" s="10"/>
    </row>
    <row r="934662" spans="14:14">
      <c r="N934662" s="10"/>
    </row>
    <row r="934663" spans="14:14">
      <c r="N934663" s="10"/>
    </row>
    <row r="934664" spans="14:14">
      <c r="N934664" s="10"/>
    </row>
    <row r="934665" spans="14:14">
      <c r="N934665" s="10"/>
    </row>
    <row r="934666" spans="14:14">
      <c r="N934666" s="10"/>
    </row>
    <row r="934667" spans="14:14">
      <c r="N934667" s="10"/>
    </row>
    <row r="934668" spans="14:14">
      <c r="N934668" s="10"/>
    </row>
    <row r="934669" spans="14:14">
      <c r="N934669" s="10"/>
    </row>
    <row r="934670" spans="14:14">
      <c r="N934670" s="10"/>
    </row>
    <row r="934671" spans="14:14">
      <c r="N934671" s="10"/>
    </row>
    <row r="934672" spans="14:14">
      <c r="N934672" s="10"/>
    </row>
    <row r="934673" spans="14:14">
      <c r="N934673" s="10"/>
    </row>
    <row r="934674" spans="14:14">
      <c r="N934674" s="10"/>
    </row>
    <row r="934675" spans="14:14">
      <c r="N934675" s="10"/>
    </row>
    <row r="934676" spans="14:14">
      <c r="N934676" s="10"/>
    </row>
    <row r="934677" spans="14:14">
      <c r="N934677" s="10"/>
    </row>
    <row r="934678" spans="14:14">
      <c r="N934678" s="10"/>
    </row>
    <row r="934679" spans="14:14">
      <c r="N934679" s="10"/>
    </row>
    <row r="934680" spans="14:14">
      <c r="N934680" s="10"/>
    </row>
    <row r="934681" spans="14:14">
      <c r="N934681" s="10"/>
    </row>
    <row r="934682" spans="14:14">
      <c r="N934682" s="10"/>
    </row>
    <row r="934683" spans="14:14">
      <c r="N934683" s="10"/>
    </row>
    <row r="934684" spans="14:14">
      <c r="N934684" s="10"/>
    </row>
    <row r="934685" spans="14:14">
      <c r="N934685" s="10"/>
    </row>
    <row r="934686" spans="14:14">
      <c r="N934686" s="10"/>
    </row>
    <row r="934687" spans="14:14">
      <c r="N934687" s="10"/>
    </row>
    <row r="934688" spans="14:14">
      <c r="N934688" s="10"/>
    </row>
    <row r="934689" spans="14:14">
      <c r="N934689" s="10"/>
    </row>
    <row r="934690" spans="14:14">
      <c r="N934690" s="10"/>
    </row>
    <row r="934691" spans="14:14">
      <c r="N934691" s="10"/>
    </row>
    <row r="934692" spans="14:14">
      <c r="N934692" s="10"/>
    </row>
    <row r="934693" spans="14:14">
      <c r="N934693" s="10"/>
    </row>
    <row r="934694" spans="14:14">
      <c r="N934694" s="10"/>
    </row>
    <row r="934695" spans="14:14">
      <c r="N934695" s="10"/>
    </row>
    <row r="934696" spans="14:14">
      <c r="N934696" s="10"/>
    </row>
    <row r="934697" spans="14:14">
      <c r="N934697" s="10"/>
    </row>
    <row r="934698" spans="14:14">
      <c r="N934698" s="10"/>
    </row>
    <row r="934699" spans="14:14">
      <c r="N934699" s="10"/>
    </row>
    <row r="934700" spans="14:14">
      <c r="N934700" s="10"/>
    </row>
    <row r="934701" spans="14:14">
      <c r="N934701" s="10"/>
    </row>
    <row r="934702" spans="14:14">
      <c r="N934702" s="10"/>
    </row>
    <row r="934703" spans="14:14">
      <c r="N934703" s="10"/>
    </row>
    <row r="934704" spans="14:14">
      <c r="N934704" s="10"/>
    </row>
    <row r="934705" spans="14:14">
      <c r="N934705" s="10"/>
    </row>
    <row r="934706" spans="14:14">
      <c r="N934706" s="10"/>
    </row>
    <row r="934707" spans="14:14">
      <c r="N934707" s="10"/>
    </row>
    <row r="934708" spans="14:14">
      <c r="N934708" s="10"/>
    </row>
    <row r="934709" spans="14:14">
      <c r="N934709" s="10"/>
    </row>
    <row r="934710" spans="14:14">
      <c r="N934710" s="10"/>
    </row>
    <row r="934711" spans="14:14">
      <c r="N934711" s="10"/>
    </row>
    <row r="934712" spans="14:14">
      <c r="N934712" s="10"/>
    </row>
    <row r="934713" spans="14:14">
      <c r="N934713" s="10"/>
    </row>
    <row r="934714" spans="14:14">
      <c r="N934714" s="10"/>
    </row>
    <row r="934715" spans="14:14">
      <c r="N934715" s="10"/>
    </row>
    <row r="934716" spans="14:14">
      <c r="N934716" s="10"/>
    </row>
    <row r="934717" spans="14:14">
      <c r="N934717" s="10"/>
    </row>
    <row r="934718" spans="14:14">
      <c r="N934718" s="10"/>
    </row>
    <row r="934719" spans="14:14">
      <c r="N934719" s="10"/>
    </row>
    <row r="934720" spans="14:14">
      <c r="N934720" s="10"/>
    </row>
    <row r="934721" spans="14:14">
      <c r="N934721" s="10"/>
    </row>
    <row r="934722" spans="14:14">
      <c r="N934722" s="10"/>
    </row>
    <row r="934723" spans="14:14">
      <c r="N934723" s="10"/>
    </row>
    <row r="934724" spans="14:14">
      <c r="N934724" s="10"/>
    </row>
    <row r="934725" spans="14:14">
      <c r="N934725" s="10"/>
    </row>
    <row r="934726" spans="14:14">
      <c r="N934726" s="10"/>
    </row>
    <row r="934727" spans="14:14">
      <c r="N934727" s="10"/>
    </row>
    <row r="934728" spans="14:14">
      <c r="N934728" s="10"/>
    </row>
    <row r="934729" spans="14:14">
      <c r="N934729" s="10"/>
    </row>
    <row r="934730" spans="14:14">
      <c r="N934730" s="10"/>
    </row>
    <row r="934731" spans="14:14">
      <c r="N934731" s="10"/>
    </row>
    <row r="934732" spans="14:14">
      <c r="N934732" s="10"/>
    </row>
    <row r="934733" spans="14:14">
      <c r="N934733" s="10"/>
    </row>
    <row r="934734" spans="14:14">
      <c r="N934734" s="10"/>
    </row>
    <row r="934735" spans="14:14">
      <c r="N934735" s="10"/>
    </row>
    <row r="934736" spans="14:14">
      <c r="N934736" s="10"/>
    </row>
    <row r="934737" spans="14:14">
      <c r="N934737" s="10"/>
    </row>
    <row r="934738" spans="14:14">
      <c r="N934738" s="10"/>
    </row>
    <row r="934739" spans="14:14">
      <c r="N934739" s="10"/>
    </row>
    <row r="934740" spans="14:14">
      <c r="N934740" s="10"/>
    </row>
    <row r="934741" spans="14:14">
      <c r="N934741" s="10"/>
    </row>
    <row r="934742" spans="14:14">
      <c r="N934742" s="10"/>
    </row>
    <row r="934743" spans="14:14">
      <c r="N934743" s="10"/>
    </row>
    <row r="934744" spans="14:14">
      <c r="N934744" s="10"/>
    </row>
    <row r="934745" spans="14:14">
      <c r="N934745" s="10"/>
    </row>
    <row r="934746" spans="14:14">
      <c r="N934746" s="10"/>
    </row>
    <row r="934747" spans="14:14">
      <c r="N934747" s="10"/>
    </row>
    <row r="934748" spans="14:14">
      <c r="N934748" s="10"/>
    </row>
    <row r="934749" spans="14:14">
      <c r="N934749" s="10"/>
    </row>
    <row r="934750" spans="14:14">
      <c r="N934750" s="10"/>
    </row>
    <row r="934751" spans="14:14">
      <c r="N934751" s="10"/>
    </row>
    <row r="934752" spans="14:14">
      <c r="N934752" s="10"/>
    </row>
    <row r="934753" spans="14:14">
      <c r="N934753" s="10"/>
    </row>
    <row r="934754" spans="14:14">
      <c r="N934754" s="10"/>
    </row>
    <row r="934755" spans="14:14">
      <c r="N934755" s="10"/>
    </row>
    <row r="934756" spans="14:14">
      <c r="N934756" s="10"/>
    </row>
    <row r="934757" spans="14:14">
      <c r="N934757" s="10"/>
    </row>
    <row r="934758" spans="14:14">
      <c r="N934758" s="10"/>
    </row>
    <row r="934759" spans="14:14">
      <c r="N934759" s="10"/>
    </row>
    <row r="934760" spans="14:14">
      <c r="N934760" s="10"/>
    </row>
    <row r="934761" spans="14:14">
      <c r="N934761" s="10"/>
    </row>
    <row r="934762" spans="14:14">
      <c r="N934762" s="10"/>
    </row>
    <row r="934763" spans="14:14">
      <c r="N934763" s="10"/>
    </row>
    <row r="934764" spans="14:14">
      <c r="N934764" s="10"/>
    </row>
    <row r="934765" spans="14:14">
      <c r="N934765" s="10"/>
    </row>
    <row r="934766" spans="14:14">
      <c r="N934766" s="10"/>
    </row>
    <row r="934767" spans="14:14">
      <c r="N934767" s="10"/>
    </row>
    <row r="934768" spans="14:14">
      <c r="N934768" s="10"/>
    </row>
    <row r="934769" spans="14:14">
      <c r="N934769" s="10"/>
    </row>
    <row r="934770" spans="14:14">
      <c r="N934770" s="10"/>
    </row>
    <row r="934771" spans="14:14">
      <c r="N934771" s="10"/>
    </row>
    <row r="934772" spans="14:14">
      <c r="N934772" s="10"/>
    </row>
    <row r="934773" spans="14:14">
      <c r="N934773" s="10"/>
    </row>
    <row r="934774" spans="14:14">
      <c r="N934774" s="10"/>
    </row>
    <row r="934775" spans="14:14">
      <c r="N934775" s="10"/>
    </row>
    <row r="934776" spans="14:14">
      <c r="N934776" s="10"/>
    </row>
    <row r="934777" spans="14:14">
      <c r="N934777" s="10"/>
    </row>
    <row r="934778" spans="14:14">
      <c r="N934778" s="10"/>
    </row>
    <row r="934779" spans="14:14">
      <c r="N934779" s="10"/>
    </row>
    <row r="934780" spans="14:14">
      <c r="N934780" s="10"/>
    </row>
    <row r="934781" spans="14:14">
      <c r="N934781" s="10"/>
    </row>
    <row r="934782" spans="14:14">
      <c r="N934782" s="10"/>
    </row>
    <row r="934783" spans="14:14">
      <c r="N934783" s="10"/>
    </row>
    <row r="934784" spans="14:14">
      <c r="N934784" s="10"/>
    </row>
    <row r="934785" spans="14:14">
      <c r="N934785" s="10"/>
    </row>
    <row r="934786" spans="14:14">
      <c r="N934786" s="10"/>
    </row>
    <row r="934787" spans="14:14">
      <c r="N934787" s="10"/>
    </row>
    <row r="934788" spans="14:14">
      <c r="N934788" s="10"/>
    </row>
    <row r="934789" spans="14:14">
      <c r="N934789" s="10"/>
    </row>
    <row r="934790" spans="14:14">
      <c r="N934790" s="10"/>
    </row>
    <row r="934791" spans="14:14">
      <c r="N934791" s="10"/>
    </row>
    <row r="934792" spans="14:14">
      <c r="N934792" s="10"/>
    </row>
    <row r="934793" spans="14:14">
      <c r="N934793" s="10"/>
    </row>
    <row r="934794" spans="14:14">
      <c r="N934794" s="10"/>
    </row>
    <row r="934795" spans="14:14">
      <c r="N934795" s="10"/>
    </row>
    <row r="934796" spans="14:14">
      <c r="N934796" s="10"/>
    </row>
    <row r="934797" spans="14:14">
      <c r="N934797" s="10"/>
    </row>
    <row r="934798" spans="14:14">
      <c r="N934798" s="10"/>
    </row>
    <row r="934799" spans="14:14">
      <c r="N934799" s="10"/>
    </row>
    <row r="934800" spans="14:14">
      <c r="N934800" s="10"/>
    </row>
    <row r="934801" spans="14:14">
      <c r="N934801" s="10"/>
    </row>
    <row r="934802" spans="14:14">
      <c r="N934802" s="10"/>
    </row>
    <row r="934803" spans="14:14">
      <c r="N934803" s="10"/>
    </row>
    <row r="934804" spans="14:14">
      <c r="N934804" s="10"/>
    </row>
    <row r="934805" spans="14:14">
      <c r="N934805" s="10"/>
    </row>
    <row r="934806" spans="14:14">
      <c r="N934806" s="10"/>
    </row>
    <row r="934807" spans="14:14">
      <c r="N934807" s="10"/>
    </row>
    <row r="934808" spans="14:14">
      <c r="N934808" s="10"/>
    </row>
    <row r="934809" spans="14:14">
      <c r="N934809" s="10"/>
    </row>
    <row r="934810" spans="14:14">
      <c r="N934810" s="10"/>
    </row>
    <row r="934811" spans="14:14">
      <c r="N934811" s="10"/>
    </row>
    <row r="934812" spans="14:14">
      <c r="N934812" s="10"/>
    </row>
    <row r="934813" spans="14:14">
      <c r="N934813" s="10"/>
    </row>
    <row r="934814" spans="14:14">
      <c r="N934814" s="10"/>
    </row>
    <row r="934815" spans="14:14">
      <c r="N934815" s="10"/>
    </row>
    <row r="934816" spans="14:14">
      <c r="N934816" s="10"/>
    </row>
    <row r="934817" spans="14:14">
      <c r="N934817" s="10"/>
    </row>
    <row r="934818" spans="14:14">
      <c r="N934818" s="10"/>
    </row>
    <row r="934819" spans="14:14">
      <c r="N934819" s="10"/>
    </row>
    <row r="934820" spans="14:14">
      <c r="N934820" s="10"/>
    </row>
    <row r="934821" spans="14:14">
      <c r="N934821" s="10"/>
    </row>
    <row r="934822" spans="14:14">
      <c r="N934822" s="10"/>
    </row>
    <row r="934823" spans="14:14">
      <c r="N934823" s="10"/>
    </row>
    <row r="934824" spans="14:14">
      <c r="N934824" s="10"/>
    </row>
    <row r="934825" spans="14:14">
      <c r="N934825" s="10"/>
    </row>
    <row r="934826" spans="14:14">
      <c r="N934826" s="10"/>
    </row>
    <row r="934827" spans="14:14">
      <c r="N934827" s="10"/>
    </row>
    <row r="934828" spans="14:14">
      <c r="N934828" s="10"/>
    </row>
    <row r="934829" spans="14:14">
      <c r="N934829" s="10"/>
    </row>
    <row r="934830" spans="14:14">
      <c r="N934830" s="10"/>
    </row>
    <row r="934831" spans="14:14">
      <c r="N934831" s="10"/>
    </row>
    <row r="934832" spans="14:14">
      <c r="N934832" s="10"/>
    </row>
    <row r="934833" spans="14:14">
      <c r="N934833" s="10"/>
    </row>
    <row r="934834" spans="14:14">
      <c r="N934834" s="10"/>
    </row>
    <row r="934835" spans="14:14">
      <c r="N934835" s="10"/>
    </row>
    <row r="934836" spans="14:14">
      <c r="N934836" s="10"/>
    </row>
    <row r="934837" spans="14:14">
      <c r="N934837" s="10"/>
    </row>
    <row r="934838" spans="14:14">
      <c r="N934838" s="10"/>
    </row>
    <row r="934839" spans="14:14">
      <c r="N934839" s="10"/>
    </row>
    <row r="934840" spans="14:14">
      <c r="N934840" s="10"/>
    </row>
    <row r="934841" spans="14:14">
      <c r="N934841" s="10"/>
    </row>
    <row r="934842" spans="14:14">
      <c r="N934842" s="10"/>
    </row>
    <row r="934843" spans="14:14">
      <c r="N934843" s="10"/>
    </row>
    <row r="934844" spans="14:14">
      <c r="N934844" s="10"/>
    </row>
    <row r="934845" spans="14:14">
      <c r="N934845" s="10"/>
    </row>
    <row r="934846" spans="14:14">
      <c r="N934846" s="10"/>
    </row>
    <row r="934847" spans="14:14">
      <c r="N934847" s="10"/>
    </row>
    <row r="934848" spans="14:14">
      <c r="N934848" s="10"/>
    </row>
    <row r="934849" spans="14:14">
      <c r="N934849" s="10"/>
    </row>
    <row r="934850" spans="14:14">
      <c r="N934850" s="10"/>
    </row>
    <row r="934851" spans="14:14">
      <c r="N934851" s="10"/>
    </row>
    <row r="934852" spans="14:14">
      <c r="N934852" s="10"/>
    </row>
    <row r="934853" spans="14:14">
      <c r="N934853" s="10"/>
    </row>
    <row r="934854" spans="14:14">
      <c r="N934854" s="10"/>
    </row>
    <row r="934855" spans="14:14">
      <c r="N934855" s="10"/>
    </row>
    <row r="934856" spans="14:14">
      <c r="N934856" s="10"/>
    </row>
    <row r="934857" spans="14:14">
      <c r="N934857" s="10"/>
    </row>
    <row r="934858" spans="14:14">
      <c r="N934858" s="10"/>
    </row>
    <row r="934859" spans="14:14">
      <c r="N934859" s="10"/>
    </row>
    <row r="934860" spans="14:14">
      <c r="N934860" s="10"/>
    </row>
    <row r="934861" spans="14:14">
      <c r="N934861" s="10"/>
    </row>
    <row r="934862" spans="14:14">
      <c r="N934862" s="10"/>
    </row>
    <row r="934863" spans="14:14">
      <c r="N934863" s="10"/>
    </row>
    <row r="934864" spans="14:14">
      <c r="N934864" s="10"/>
    </row>
    <row r="934865" spans="14:14">
      <c r="N934865" s="10"/>
    </row>
    <row r="934866" spans="14:14">
      <c r="N934866" s="10"/>
    </row>
    <row r="934867" spans="14:14">
      <c r="N934867" s="10"/>
    </row>
    <row r="934868" spans="14:14">
      <c r="N934868" s="10"/>
    </row>
    <row r="934869" spans="14:14">
      <c r="N934869" s="10"/>
    </row>
    <row r="934870" spans="14:14">
      <c r="N934870" s="10"/>
    </row>
    <row r="934871" spans="14:14">
      <c r="N934871" s="10"/>
    </row>
    <row r="934872" spans="14:14">
      <c r="N934872" s="10"/>
    </row>
    <row r="934873" spans="14:14">
      <c r="N934873" s="10"/>
    </row>
    <row r="934874" spans="14:14">
      <c r="N934874" s="10"/>
    </row>
    <row r="934875" spans="14:14">
      <c r="N934875" s="10"/>
    </row>
    <row r="934876" spans="14:14">
      <c r="N934876" s="10"/>
    </row>
    <row r="934877" spans="14:14">
      <c r="N934877" s="10"/>
    </row>
    <row r="934878" spans="14:14">
      <c r="N934878" s="10"/>
    </row>
    <row r="934879" spans="14:14">
      <c r="N934879" s="10"/>
    </row>
    <row r="934880" spans="14:14">
      <c r="N934880" s="10"/>
    </row>
    <row r="934881" spans="14:14">
      <c r="N934881" s="10"/>
    </row>
    <row r="934882" spans="14:14">
      <c r="N934882" s="10"/>
    </row>
    <row r="934883" spans="14:14">
      <c r="N934883" s="10"/>
    </row>
    <row r="934884" spans="14:14">
      <c r="N934884" s="10"/>
    </row>
    <row r="934885" spans="14:14">
      <c r="N934885" s="10"/>
    </row>
    <row r="934886" spans="14:14">
      <c r="N934886" s="10"/>
    </row>
    <row r="934887" spans="14:14">
      <c r="N934887" s="10"/>
    </row>
    <row r="934888" spans="14:14">
      <c r="N934888" s="10"/>
    </row>
    <row r="934889" spans="14:14">
      <c r="N934889" s="10"/>
    </row>
    <row r="934890" spans="14:14">
      <c r="N934890" s="10"/>
    </row>
    <row r="934891" spans="14:14">
      <c r="N934891" s="10"/>
    </row>
    <row r="934892" spans="14:14">
      <c r="N934892" s="10"/>
    </row>
    <row r="934893" spans="14:14">
      <c r="N934893" s="10"/>
    </row>
    <row r="934894" spans="14:14">
      <c r="N934894" s="10"/>
    </row>
    <row r="934895" spans="14:14">
      <c r="N934895" s="10"/>
    </row>
    <row r="934896" spans="14:14">
      <c r="N934896" s="10"/>
    </row>
    <row r="934897" spans="14:14">
      <c r="N934897" s="10"/>
    </row>
    <row r="934898" spans="14:14">
      <c r="N934898" s="10"/>
    </row>
    <row r="934899" spans="14:14">
      <c r="N934899" s="10"/>
    </row>
    <row r="934900" spans="14:14">
      <c r="N934900" s="10"/>
    </row>
    <row r="934901" spans="14:14">
      <c r="N934901" s="10"/>
    </row>
    <row r="934902" spans="14:14">
      <c r="N934902" s="10"/>
    </row>
    <row r="934903" spans="14:14">
      <c r="N934903" s="10"/>
    </row>
    <row r="934904" spans="14:14">
      <c r="N934904" s="10"/>
    </row>
    <row r="934905" spans="14:14">
      <c r="N934905" s="10"/>
    </row>
    <row r="934906" spans="14:14">
      <c r="N934906" s="10"/>
    </row>
    <row r="934907" spans="14:14">
      <c r="N934907" s="10"/>
    </row>
    <row r="934908" spans="14:14">
      <c r="N934908" s="10"/>
    </row>
    <row r="934909" spans="14:14">
      <c r="N934909" s="10"/>
    </row>
    <row r="934910" spans="14:14">
      <c r="N934910" s="10"/>
    </row>
    <row r="934911" spans="14:14">
      <c r="N934911" s="10"/>
    </row>
    <row r="934912" spans="14:14">
      <c r="N934912" s="10"/>
    </row>
    <row r="934913" spans="14:14">
      <c r="N934913" s="10"/>
    </row>
    <row r="934914" spans="14:14">
      <c r="N934914" s="10"/>
    </row>
    <row r="934915" spans="14:14">
      <c r="N934915" s="10"/>
    </row>
    <row r="934916" spans="14:14">
      <c r="N934916" s="10"/>
    </row>
    <row r="934917" spans="14:14">
      <c r="N934917" s="10"/>
    </row>
    <row r="934918" spans="14:14">
      <c r="N934918" s="10"/>
    </row>
    <row r="934919" spans="14:14">
      <c r="N934919" s="10"/>
    </row>
    <row r="934920" spans="14:14">
      <c r="N934920" s="10"/>
    </row>
    <row r="934921" spans="14:14">
      <c r="N934921" s="10"/>
    </row>
    <row r="934922" spans="14:14">
      <c r="N934922" s="10"/>
    </row>
    <row r="934923" spans="14:14">
      <c r="N934923" s="10"/>
    </row>
    <row r="934924" spans="14:14">
      <c r="N934924" s="10"/>
    </row>
    <row r="934925" spans="14:14">
      <c r="N934925" s="10"/>
    </row>
    <row r="934926" spans="14:14">
      <c r="N934926" s="10"/>
    </row>
    <row r="934927" spans="14:14">
      <c r="N934927" s="10"/>
    </row>
    <row r="934928" spans="14:14">
      <c r="N934928" s="10"/>
    </row>
    <row r="934929" spans="14:14">
      <c r="N934929" s="10"/>
    </row>
    <row r="934930" spans="14:14">
      <c r="N934930" s="10"/>
    </row>
    <row r="934931" spans="14:14">
      <c r="N934931" s="10"/>
    </row>
    <row r="934932" spans="14:14">
      <c r="N934932" s="10"/>
    </row>
    <row r="934933" spans="14:14">
      <c r="N934933" s="10"/>
    </row>
    <row r="934934" spans="14:14">
      <c r="N934934" s="10"/>
    </row>
    <row r="934935" spans="14:14">
      <c r="N934935" s="10"/>
    </row>
    <row r="934936" spans="14:14">
      <c r="N934936" s="10"/>
    </row>
    <row r="934937" spans="14:14">
      <c r="N934937" s="10"/>
    </row>
    <row r="934938" spans="14:14">
      <c r="N934938" s="10"/>
    </row>
    <row r="934939" spans="14:14">
      <c r="N934939" s="10"/>
    </row>
    <row r="934940" spans="14:14">
      <c r="N934940" s="10"/>
    </row>
    <row r="934941" spans="14:14">
      <c r="N934941" s="10"/>
    </row>
    <row r="934942" spans="14:14">
      <c r="N934942" s="10"/>
    </row>
    <row r="934943" spans="14:14">
      <c r="N934943" s="10"/>
    </row>
    <row r="934944" spans="14:14">
      <c r="N934944" s="10"/>
    </row>
    <row r="934945" spans="14:14">
      <c r="N934945" s="10"/>
    </row>
    <row r="934946" spans="14:14">
      <c r="N934946" s="10"/>
    </row>
    <row r="934947" spans="14:14">
      <c r="N934947" s="10"/>
    </row>
    <row r="934948" spans="14:14">
      <c r="N934948" s="10"/>
    </row>
    <row r="934949" spans="14:14">
      <c r="N934949" s="10"/>
    </row>
    <row r="934950" spans="14:14">
      <c r="N934950" s="10"/>
    </row>
    <row r="934951" spans="14:14">
      <c r="N934951" s="10"/>
    </row>
    <row r="934952" spans="14:14">
      <c r="N934952" s="10"/>
    </row>
    <row r="934953" spans="14:14">
      <c r="N934953" s="10"/>
    </row>
    <row r="934954" spans="14:14">
      <c r="N934954" s="10"/>
    </row>
    <row r="934955" spans="14:14">
      <c r="N934955" s="10"/>
    </row>
    <row r="934956" spans="14:14">
      <c r="N934956" s="10"/>
    </row>
    <row r="934957" spans="14:14">
      <c r="N934957" s="10"/>
    </row>
    <row r="934958" spans="14:14">
      <c r="N934958" s="10"/>
    </row>
    <row r="934959" spans="14:14">
      <c r="N934959" s="10"/>
    </row>
    <row r="934960" spans="14:14">
      <c r="N934960" s="10"/>
    </row>
    <row r="934961" spans="14:14">
      <c r="N934961" s="10"/>
    </row>
    <row r="934962" spans="14:14">
      <c r="N934962" s="10"/>
    </row>
    <row r="934963" spans="14:14">
      <c r="N934963" s="10"/>
    </row>
    <row r="934964" spans="14:14">
      <c r="N934964" s="10"/>
    </row>
    <row r="934965" spans="14:14">
      <c r="N934965" s="10"/>
    </row>
    <row r="934966" spans="14:14">
      <c r="N934966" s="10"/>
    </row>
    <row r="934967" spans="14:14">
      <c r="N934967" s="10"/>
    </row>
    <row r="934968" spans="14:14">
      <c r="N934968" s="10"/>
    </row>
    <row r="934969" spans="14:14">
      <c r="N934969" s="10"/>
    </row>
    <row r="934970" spans="14:14">
      <c r="N934970" s="10"/>
    </row>
    <row r="934971" spans="14:14">
      <c r="N934971" s="10"/>
    </row>
    <row r="934972" spans="14:14">
      <c r="N934972" s="10"/>
    </row>
    <row r="934973" spans="14:14">
      <c r="N934973" s="10"/>
    </row>
    <row r="934974" spans="14:14">
      <c r="N934974" s="10"/>
    </row>
    <row r="934975" spans="14:14">
      <c r="N934975" s="10"/>
    </row>
    <row r="934976" spans="14:14">
      <c r="N934976" s="10"/>
    </row>
    <row r="934977" spans="14:14">
      <c r="N934977" s="10"/>
    </row>
    <row r="934978" spans="14:14">
      <c r="N934978" s="10"/>
    </row>
    <row r="934979" spans="14:14">
      <c r="N934979" s="10"/>
    </row>
    <row r="934980" spans="14:14">
      <c r="N934980" s="10"/>
    </row>
    <row r="934981" spans="14:14">
      <c r="N934981" s="10"/>
    </row>
    <row r="934982" spans="14:14">
      <c r="N934982" s="10"/>
    </row>
    <row r="934983" spans="14:14">
      <c r="N934983" s="10"/>
    </row>
    <row r="934984" spans="14:14">
      <c r="N934984" s="10"/>
    </row>
    <row r="934985" spans="14:14">
      <c r="N934985" s="10"/>
    </row>
    <row r="934986" spans="14:14">
      <c r="N934986" s="10"/>
    </row>
    <row r="934987" spans="14:14">
      <c r="N934987" s="10"/>
    </row>
    <row r="934988" spans="14:14">
      <c r="N934988" s="10"/>
    </row>
    <row r="934989" spans="14:14">
      <c r="N934989" s="10"/>
    </row>
    <row r="934990" spans="14:14">
      <c r="N934990" s="10"/>
    </row>
    <row r="934991" spans="14:14">
      <c r="N934991" s="10"/>
    </row>
    <row r="934992" spans="14:14">
      <c r="N934992" s="10"/>
    </row>
    <row r="934993" spans="14:14">
      <c r="N934993" s="10"/>
    </row>
    <row r="934994" spans="14:14">
      <c r="N934994" s="10"/>
    </row>
    <row r="934995" spans="14:14">
      <c r="N934995" s="10"/>
    </row>
    <row r="934996" spans="14:14">
      <c r="N934996" s="10"/>
    </row>
    <row r="934997" spans="14:14">
      <c r="N934997" s="10"/>
    </row>
    <row r="934998" spans="14:14">
      <c r="N934998" s="10"/>
    </row>
    <row r="934999" spans="14:14">
      <c r="N934999" s="10"/>
    </row>
    <row r="935000" spans="14:14">
      <c r="N935000" s="10"/>
    </row>
    <row r="935001" spans="14:14">
      <c r="N935001" s="10"/>
    </row>
    <row r="935002" spans="14:14">
      <c r="N935002" s="10"/>
    </row>
    <row r="935003" spans="14:14">
      <c r="N935003" s="10"/>
    </row>
    <row r="935004" spans="14:14">
      <c r="N935004" s="10"/>
    </row>
    <row r="935005" spans="14:14">
      <c r="N935005" s="10"/>
    </row>
    <row r="935006" spans="14:14">
      <c r="N935006" s="10"/>
    </row>
    <row r="935007" spans="14:14">
      <c r="N935007" s="10"/>
    </row>
    <row r="935008" spans="14:14">
      <c r="N935008" s="10"/>
    </row>
    <row r="935009" spans="14:14">
      <c r="N935009" s="10"/>
    </row>
    <row r="935010" spans="14:14">
      <c r="N935010" s="10"/>
    </row>
    <row r="935011" spans="14:14">
      <c r="N935011" s="10"/>
    </row>
    <row r="935012" spans="14:14">
      <c r="N935012" s="10"/>
    </row>
    <row r="935013" spans="14:14">
      <c r="N935013" s="10"/>
    </row>
    <row r="935014" spans="14:14">
      <c r="N935014" s="10"/>
    </row>
    <row r="935015" spans="14:14">
      <c r="N935015" s="10"/>
    </row>
    <row r="935016" spans="14:14">
      <c r="N935016" s="10"/>
    </row>
    <row r="935017" spans="14:14">
      <c r="N935017" s="10"/>
    </row>
    <row r="935018" spans="14:14">
      <c r="N935018" s="10"/>
    </row>
    <row r="935019" spans="14:14">
      <c r="N935019" s="10"/>
    </row>
    <row r="935020" spans="14:14">
      <c r="N935020" s="10"/>
    </row>
    <row r="935021" spans="14:14">
      <c r="N935021" s="10"/>
    </row>
    <row r="935022" spans="14:14">
      <c r="N935022" s="10"/>
    </row>
    <row r="935023" spans="14:14">
      <c r="N935023" s="10"/>
    </row>
    <row r="935024" spans="14:14">
      <c r="N935024" s="10"/>
    </row>
    <row r="935025" spans="14:14">
      <c r="N935025" s="10"/>
    </row>
    <row r="935026" spans="14:14">
      <c r="N935026" s="10"/>
    </row>
    <row r="935027" spans="14:14">
      <c r="N935027" s="10"/>
    </row>
    <row r="935028" spans="14:14">
      <c r="N935028" s="10"/>
    </row>
    <row r="935029" spans="14:14">
      <c r="N935029" s="10"/>
    </row>
    <row r="935030" spans="14:14">
      <c r="N935030" s="10"/>
    </row>
    <row r="935031" spans="14:14">
      <c r="N935031" s="10"/>
    </row>
    <row r="935032" spans="14:14">
      <c r="N935032" s="10"/>
    </row>
    <row r="935033" spans="14:14">
      <c r="N935033" s="10"/>
    </row>
    <row r="935034" spans="14:14">
      <c r="N935034" s="10"/>
    </row>
    <row r="935035" spans="14:14">
      <c r="N935035" s="10"/>
    </row>
    <row r="935036" spans="14:14">
      <c r="N935036" s="10"/>
    </row>
    <row r="935037" spans="14:14">
      <c r="N935037" s="10"/>
    </row>
    <row r="935038" spans="14:14">
      <c r="N935038" s="10"/>
    </row>
    <row r="935039" spans="14:14">
      <c r="N935039" s="10"/>
    </row>
    <row r="935040" spans="14:14">
      <c r="N935040" s="10"/>
    </row>
    <row r="935041" spans="14:14">
      <c r="N935041" s="10"/>
    </row>
    <row r="935042" spans="14:14">
      <c r="N935042" s="10"/>
    </row>
    <row r="935043" spans="14:14">
      <c r="N935043" s="10"/>
    </row>
    <row r="935044" spans="14:14">
      <c r="N935044" s="10"/>
    </row>
    <row r="935045" spans="14:14">
      <c r="N935045" s="10"/>
    </row>
    <row r="935046" spans="14:14">
      <c r="N935046" s="10"/>
    </row>
    <row r="935047" spans="14:14">
      <c r="N935047" s="10"/>
    </row>
    <row r="935048" spans="14:14">
      <c r="N935048" s="10"/>
    </row>
    <row r="935049" spans="14:14">
      <c r="N935049" s="10"/>
    </row>
    <row r="935050" spans="14:14">
      <c r="N935050" s="10"/>
    </row>
    <row r="935051" spans="14:14">
      <c r="N935051" s="10"/>
    </row>
    <row r="935052" spans="14:14">
      <c r="N935052" s="10"/>
    </row>
    <row r="935053" spans="14:14">
      <c r="N935053" s="10"/>
    </row>
    <row r="935054" spans="14:14">
      <c r="N935054" s="10"/>
    </row>
    <row r="935055" spans="14:14">
      <c r="N935055" s="10"/>
    </row>
    <row r="935056" spans="14:14">
      <c r="N935056" s="10"/>
    </row>
    <row r="935057" spans="14:14">
      <c r="N935057" s="10"/>
    </row>
    <row r="935058" spans="14:14">
      <c r="N935058" s="10"/>
    </row>
    <row r="935059" spans="14:14">
      <c r="N935059" s="10"/>
    </row>
    <row r="935060" spans="14:14">
      <c r="N935060" s="10"/>
    </row>
    <row r="935061" spans="14:14">
      <c r="N935061" s="10"/>
    </row>
    <row r="935062" spans="14:14">
      <c r="N935062" s="10"/>
    </row>
    <row r="935063" spans="14:14">
      <c r="N935063" s="10"/>
    </row>
    <row r="935064" spans="14:14">
      <c r="N935064" s="10"/>
    </row>
    <row r="935065" spans="14:14">
      <c r="N935065" s="10"/>
    </row>
    <row r="935066" spans="14:14">
      <c r="N935066" s="10"/>
    </row>
    <row r="935067" spans="14:14">
      <c r="N935067" s="10"/>
    </row>
    <row r="935068" spans="14:14">
      <c r="N935068" s="10"/>
    </row>
    <row r="935069" spans="14:14">
      <c r="N935069" s="10"/>
    </row>
    <row r="935070" spans="14:14">
      <c r="N935070" s="10"/>
    </row>
    <row r="935071" spans="14:14">
      <c r="N935071" s="10"/>
    </row>
    <row r="935072" spans="14:14">
      <c r="N935072" s="10"/>
    </row>
    <row r="935073" spans="14:14">
      <c r="N935073" s="10"/>
    </row>
    <row r="935074" spans="14:14">
      <c r="N935074" s="10"/>
    </row>
    <row r="935075" spans="14:14">
      <c r="N935075" s="10"/>
    </row>
    <row r="935076" spans="14:14">
      <c r="N935076" s="10"/>
    </row>
    <row r="935077" spans="14:14">
      <c r="N935077" s="10"/>
    </row>
    <row r="935078" spans="14:14">
      <c r="N935078" s="10"/>
    </row>
    <row r="935079" spans="14:14">
      <c r="N935079" s="10"/>
    </row>
    <row r="935080" spans="14:14">
      <c r="N935080" s="10"/>
    </row>
    <row r="935081" spans="14:14">
      <c r="N935081" s="10"/>
    </row>
    <row r="935082" spans="14:14">
      <c r="N935082" s="10"/>
    </row>
    <row r="935083" spans="14:14">
      <c r="N935083" s="10"/>
    </row>
    <row r="935084" spans="14:14">
      <c r="N935084" s="10"/>
    </row>
    <row r="935085" spans="14:14">
      <c r="N935085" s="10"/>
    </row>
    <row r="935086" spans="14:14">
      <c r="N935086" s="10"/>
    </row>
    <row r="935087" spans="14:14">
      <c r="N935087" s="10"/>
    </row>
    <row r="935088" spans="14:14">
      <c r="N935088" s="10"/>
    </row>
    <row r="935089" spans="14:14">
      <c r="N935089" s="10"/>
    </row>
    <row r="935090" spans="14:14">
      <c r="N935090" s="10"/>
    </row>
    <row r="935091" spans="14:14">
      <c r="N935091" s="10"/>
    </row>
    <row r="935092" spans="14:14">
      <c r="N935092" s="10"/>
    </row>
    <row r="935093" spans="14:14">
      <c r="N935093" s="10"/>
    </row>
    <row r="935094" spans="14:14">
      <c r="N935094" s="10"/>
    </row>
    <row r="935095" spans="14:14">
      <c r="N935095" s="10"/>
    </row>
    <row r="935096" spans="14:14">
      <c r="N935096" s="10"/>
    </row>
    <row r="935097" spans="14:14">
      <c r="N935097" s="10"/>
    </row>
    <row r="935098" spans="14:14">
      <c r="N935098" s="10"/>
    </row>
    <row r="935099" spans="14:14">
      <c r="N935099" s="10"/>
    </row>
    <row r="935100" spans="14:14">
      <c r="N935100" s="10"/>
    </row>
    <row r="935101" spans="14:14">
      <c r="N935101" s="10"/>
    </row>
    <row r="935102" spans="14:14">
      <c r="N935102" s="10"/>
    </row>
    <row r="935103" spans="14:14">
      <c r="N935103" s="10"/>
    </row>
    <row r="935104" spans="14:14">
      <c r="N935104" s="10"/>
    </row>
    <row r="935105" spans="14:14">
      <c r="N935105" s="10"/>
    </row>
    <row r="935106" spans="14:14">
      <c r="N935106" s="10"/>
    </row>
    <row r="935107" spans="14:14">
      <c r="N935107" s="10"/>
    </row>
    <row r="935108" spans="14:14">
      <c r="N935108" s="10"/>
    </row>
    <row r="935109" spans="14:14">
      <c r="N935109" s="10"/>
    </row>
    <row r="935110" spans="14:14">
      <c r="N935110" s="10"/>
    </row>
    <row r="935111" spans="14:14">
      <c r="N935111" s="10"/>
    </row>
    <row r="935112" spans="14:14">
      <c r="N935112" s="10"/>
    </row>
    <row r="935113" spans="14:14">
      <c r="N935113" s="10"/>
    </row>
    <row r="935114" spans="14:14">
      <c r="N935114" s="10"/>
    </row>
    <row r="935115" spans="14:14">
      <c r="N935115" s="10"/>
    </row>
    <row r="935116" spans="14:14">
      <c r="N935116" s="10"/>
    </row>
    <row r="935117" spans="14:14">
      <c r="N935117" s="10"/>
    </row>
    <row r="935118" spans="14:14">
      <c r="N935118" s="10"/>
    </row>
    <row r="935119" spans="14:14">
      <c r="N935119" s="10"/>
    </row>
    <row r="935120" spans="14:14">
      <c r="N935120" s="10"/>
    </row>
    <row r="935121" spans="14:14">
      <c r="N935121" s="10"/>
    </row>
    <row r="935122" spans="14:14">
      <c r="N935122" s="10"/>
    </row>
    <row r="935123" spans="14:14">
      <c r="N935123" s="10"/>
    </row>
    <row r="935124" spans="14:14">
      <c r="N935124" s="10"/>
    </row>
    <row r="935125" spans="14:14">
      <c r="N935125" s="10"/>
    </row>
    <row r="935126" spans="14:14">
      <c r="N935126" s="10"/>
    </row>
    <row r="935127" spans="14:14">
      <c r="N935127" s="10"/>
    </row>
    <row r="935128" spans="14:14">
      <c r="N935128" s="10"/>
    </row>
    <row r="935129" spans="14:14">
      <c r="N935129" s="10"/>
    </row>
    <row r="935130" spans="14:14">
      <c r="N935130" s="10"/>
    </row>
    <row r="935131" spans="14:14">
      <c r="N935131" s="10"/>
    </row>
    <row r="935132" spans="14:14">
      <c r="N935132" s="10"/>
    </row>
    <row r="935133" spans="14:14">
      <c r="N935133" s="10"/>
    </row>
    <row r="935134" spans="14:14">
      <c r="N935134" s="10"/>
    </row>
    <row r="935135" spans="14:14">
      <c r="N935135" s="10"/>
    </row>
    <row r="935136" spans="14:14">
      <c r="N935136" s="10"/>
    </row>
    <row r="935137" spans="14:14">
      <c r="N935137" s="10"/>
    </row>
    <row r="935138" spans="14:14">
      <c r="N935138" s="10"/>
    </row>
    <row r="935139" spans="14:14">
      <c r="N935139" s="10"/>
    </row>
    <row r="935140" spans="14:14">
      <c r="N935140" s="10"/>
    </row>
    <row r="935141" spans="14:14">
      <c r="N935141" s="10"/>
    </row>
    <row r="935142" spans="14:14">
      <c r="N935142" s="10"/>
    </row>
    <row r="935143" spans="14:14">
      <c r="N935143" s="10"/>
    </row>
    <row r="935144" spans="14:14">
      <c r="N935144" s="10"/>
    </row>
    <row r="935145" spans="14:14">
      <c r="N935145" s="10"/>
    </row>
    <row r="935146" spans="14:14">
      <c r="N935146" s="10"/>
    </row>
    <row r="935147" spans="14:14">
      <c r="N935147" s="10"/>
    </row>
    <row r="935148" spans="14:14">
      <c r="N935148" s="10"/>
    </row>
    <row r="935149" spans="14:14">
      <c r="N935149" s="10"/>
    </row>
    <row r="935150" spans="14:14">
      <c r="N935150" s="10"/>
    </row>
    <row r="935151" spans="14:14">
      <c r="N935151" s="10"/>
    </row>
    <row r="935152" spans="14:14">
      <c r="N935152" s="10"/>
    </row>
    <row r="935153" spans="14:14">
      <c r="N935153" s="10"/>
    </row>
    <row r="935154" spans="14:14">
      <c r="N935154" s="10"/>
    </row>
    <row r="935155" spans="14:14">
      <c r="N935155" s="10"/>
    </row>
    <row r="935156" spans="14:14">
      <c r="N935156" s="10"/>
    </row>
    <row r="935157" spans="14:14">
      <c r="N935157" s="10"/>
    </row>
    <row r="935158" spans="14:14">
      <c r="N935158" s="10"/>
    </row>
    <row r="935159" spans="14:14">
      <c r="N935159" s="10"/>
    </row>
    <row r="935160" spans="14:14">
      <c r="N935160" s="10"/>
    </row>
    <row r="935161" spans="14:14">
      <c r="N935161" s="10"/>
    </row>
    <row r="935162" spans="14:14">
      <c r="N935162" s="10"/>
    </row>
    <row r="935163" spans="14:14">
      <c r="N935163" s="10"/>
    </row>
    <row r="935164" spans="14:14">
      <c r="N935164" s="10"/>
    </row>
    <row r="935165" spans="14:14">
      <c r="N935165" s="10"/>
    </row>
    <row r="935166" spans="14:14">
      <c r="N935166" s="10"/>
    </row>
    <row r="935167" spans="14:14">
      <c r="N935167" s="10"/>
    </row>
    <row r="935168" spans="14:14">
      <c r="N935168" s="10"/>
    </row>
    <row r="935169" spans="14:14">
      <c r="N935169" s="10"/>
    </row>
    <row r="935170" spans="14:14">
      <c r="N935170" s="10"/>
    </row>
    <row r="935171" spans="14:14">
      <c r="N935171" s="10"/>
    </row>
    <row r="935172" spans="14:14">
      <c r="N935172" s="10"/>
    </row>
    <row r="935173" spans="14:14">
      <c r="N935173" s="10"/>
    </row>
    <row r="935174" spans="14:14">
      <c r="N935174" s="10"/>
    </row>
    <row r="935175" spans="14:14">
      <c r="N935175" s="10"/>
    </row>
    <row r="935176" spans="14:14">
      <c r="N935176" s="10"/>
    </row>
    <row r="935177" spans="14:14">
      <c r="N935177" s="10"/>
    </row>
    <row r="935178" spans="14:14">
      <c r="N935178" s="10"/>
    </row>
    <row r="935179" spans="14:14">
      <c r="N935179" s="10"/>
    </row>
    <row r="935180" spans="14:14">
      <c r="N935180" s="10"/>
    </row>
    <row r="935181" spans="14:14">
      <c r="N935181" s="10"/>
    </row>
    <row r="935182" spans="14:14">
      <c r="N935182" s="10"/>
    </row>
    <row r="935183" spans="14:14">
      <c r="N935183" s="10"/>
    </row>
    <row r="935184" spans="14:14">
      <c r="N935184" s="10"/>
    </row>
    <row r="935185" spans="14:14">
      <c r="N935185" s="10"/>
    </row>
    <row r="935186" spans="14:14">
      <c r="N935186" s="10"/>
    </row>
    <row r="935187" spans="14:14">
      <c r="N935187" s="10"/>
    </row>
    <row r="935188" spans="14:14">
      <c r="N935188" s="10"/>
    </row>
    <row r="935189" spans="14:14">
      <c r="N935189" s="10"/>
    </row>
    <row r="935190" spans="14:14">
      <c r="N935190" s="10"/>
    </row>
    <row r="935191" spans="14:14">
      <c r="N935191" s="10"/>
    </row>
    <row r="935192" spans="14:14">
      <c r="N935192" s="10"/>
    </row>
    <row r="935193" spans="14:14">
      <c r="N935193" s="10"/>
    </row>
    <row r="935194" spans="14:14">
      <c r="N935194" s="10"/>
    </row>
    <row r="935195" spans="14:14">
      <c r="N935195" s="10"/>
    </row>
    <row r="935196" spans="14:14">
      <c r="N935196" s="10"/>
    </row>
    <row r="935197" spans="14:14">
      <c r="N935197" s="10"/>
    </row>
    <row r="935198" spans="14:14">
      <c r="N935198" s="10"/>
    </row>
    <row r="935199" spans="14:14">
      <c r="N935199" s="10"/>
    </row>
    <row r="935200" spans="14:14">
      <c r="N935200" s="10"/>
    </row>
    <row r="935201" spans="14:14">
      <c r="N935201" s="10"/>
    </row>
    <row r="935202" spans="14:14">
      <c r="N935202" s="10"/>
    </row>
    <row r="935203" spans="14:14">
      <c r="N935203" s="10"/>
    </row>
    <row r="935204" spans="14:14">
      <c r="N935204" s="10"/>
    </row>
    <row r="935205" spans="14:14">
      <c r="N935205" s="10"/>
    </row>
    <row r="935206" spans="14:14">
      <c r="N935206" s="10"/>
    </row>
    <row r="935207" spans="14:14">
      <c r="N935207" s="10"/>
    </row>
    <row r="935208" spans="14:14">
      <c r="N935208" s="10"/>
    </row>
    <row r="935209" spans="14:14">
      <c r="N935209" s="10"/>
    </row>
    <row r="935210" spans="14:14">
      <c r="N935210" s="10"/>
    </row>
    <row r="935211" spans="14:14">
      <c r="N935211" s="10"/>
    </row>
    <row r="935212" spans="14:14">
      <c r="N935212" s="10"/>
    </row>
    <row r="935213" spans="14:14">
      <c r="N935213" s="10"/>
    </row>
    <row r="935214" spans="14:14">
      <c r="N935214" s="10"/>
    </row>
    <row r="935215" spans="14:14">
      <c r="N935215" s="10"/>
    </row>
    <row r="935216" spans="14:14">
      <c r="N935216" s="10"/>
    </row>
    <row r="935217" spans="14:14">
      <c r="N935217" s="10"/>
    </row>
    <row r="935218" spans="14:14">
      <c r="N935218" s="10"/>
    </row>
    <row r="935219" spans="14:14">
      <c r="N935219" s="10"/>
    </row>
    <row r="935220" spans="14:14">
      <c r="N935220" s="10"/>
    </row>
    <row r="935221" spans="14:14">
      <c r="N935221" s="10"/>
    </row>
    <row r="935222" spans="14:14">
      <c r="N935222" s="10"/>
    </row>
    <row r="935223" spans="14:14">
      <c r="N935223" s="10"/>
    </row>
    <row r="935224" spans="14:14">
      <c r="N935224" s="10"/>
    </row>
    <row r="935225" spans="14:14">
      <c r="N935225" s="10"/>
    </row>
    <row r="935226" spans="14:14">
      <c r="N935226" s="10"/>
    </row>
    <row r="935227" spans="14:14">
      <c r="N935227" s="10"/>
    </row>
    <row r="935228" spans="14:14">
      <c r="N935228" s="10"/>
    </row>
    <row r="935229" spans="14:14">
      <c r="N935229" s="10"/>
    </row>
    <row r="935230" spans="14:14">
      <c r="N935230" s="10"/>
    </row>
    <row r="935231" spans="14:14">
      <c r="N935231" s="10"/>
    </row>
    <row r="935232" spans="14:14">
      <c r="N935232" s="10"/>
    </row>
    <row r="935233" spans="14:14">
      <c r="N935233" s="10"/>
    </row>
    <row r="935234" spans="14:14">
      <c r="N935234" s="10"/>
    </row>
    <row r="935235" spans="14:14">
      <c r="N935235" s="10"/>
    </row>
    <row r="935236" spans="14:14">
      <c r="N935236" s="10"/>
    </row>
    <row r="935237" spans="14:14">
      <c r="N935237" s="10"/>
    </row>
    <row r="935238" spans="14:14">
      <c r="N935238" s="10"/>
    </row>
    <row r="935239" spans="14:14">
      <c r="N935239" s="10"/>
    </row>
    <row r="935240" spans="14:14">
      <c r="N935240" s="10"/>
    </row>
    <row r="935241" spans="14:14">
      <c r="N935241" s="10"/>
    </row>
    <row r="935242" spans="14:14">
      <c r="N935242" s="10"/>
    </row>
    <row r="935243" spans="14:14">
      <c r="N935243" s="10"/>
    </row>
    <row r="935244" spans="14:14">
      <c r="N935244" s="10"/>
    </row>
    <row r="935245" spans="14:14">
      <c r="N935245" s="10"/>
    </row>
    <row r="935246" spans="14:14">
      <c r="N935246" s="10"/>
    </row>
    <row r="935247" spans="14:14">
      <c r="N935247" s="10"/>
    </row>
    <row r="935248" spans="14:14">
      <c r="N935248" s="10"/>
    </row>
    <row r="935249" spans="14:14">
      <c r="N935249" s="10"/>
    </row>
    <row r="935250" spans="14:14">
      <c r="N935250" s="10"/>
    </row>
    <row r="935251" spans="14:14">
      <c r="N935251" s="10"/>
    </row>
    <row r="935252" spans="14:14">
      <c r="N935252" s="10"/>
    </row>
    <row r="935253" spans="14:14">
      <c r="N935253" s="10"/>
    </row>
    <row r="935254" spans="14:14">
      <c r="N935254" s="10"/>
    </row>
    <row r="935255" spans="14:14">
      <c r="N935255" s="10"/>
    </row>
    <row r="935256" spans="14:14">
      <c r="N935256" s="10"/>
    </row>
    <row r="935257" spans="14:14">
      <c r="N935257" s="10"/>
    </row>
    <row r="935258" spans="14:14">
      <c r="N935258" s="10"/>
    </row>
    <row r="935259" spans="14:14">
      <c r="N935259" s="10"/>
    </row>
    <row r="935260" spans="14:14">
      <c r="N935260" s="10"/>
    </row>
    <row r="935261" spans="14:14">
      <c r="N935261" s="10"/>
    </row>
    <row r="935262" spans="14:14">
      <c r="N935262" s="10"/>
    </row>
    <row r="935263" spans="14:14">
      <c r="N935263" s="10"/>
    </row>
    <row r="935264" spans="14:14">
      <c r="N935264" s="10"/>
    </row>
    <row r="935265" spans="14:14">
      <c r="N935265" s="10"/>
    </row>
    <row r="935266" spans="14:14">
      <c r="N935266" s="10"/>
    </row>
    <row r="935267" spans="14:14">
      <c r="N935267" s="10"/>
    </row>
    <row r="935268" spans="14:14">
      <c r="N935268" s="10"/>
    </row>
    <row r="935269" spans="14:14">
      <c r="N935269" s="10"/>
    </row>
    <row r="935270" spans="14:14">
      <c r="N935270" s="10"/>
    </row>
    <row r="935271" spans="14:14">
      <c r="N935271" s="10"/>
    </row>
    <row r="935272" spans="14:14">
      <c r="N935272" s="10"/>
    </row>
    <row r="935273" spans="14:14">
      <c r="N935273" s="10"/>
    </row>
    <row r="935274" spans="14:14">
      <c r="N935274" s="10"/>
    </row>
    <row r="935275" spans="14:14">
      <c r="N935275" s="10"/>
    </row>
    <row r="935276" spans="14:14">
      <c r="N935276" s="10"/>
    </row>
    <row r="935277" spans="14:14">
      <c r="N935277" s="10"/>
    </row>
    <row r="935278" spans="14:14">
      <c r="N935278" s="10"/>
    </row>
    <row r="935279" spans="14:14">
      <c r="N935279" s="10"/>
    </row>
    <row r="935280" spans="14:14">
      <c r="N935280" s="10"/>
    </row>
    <row r="935281" spans="14:14">
      <c r="N935281" s="10"/>
    </row>
    <row r="935282" spans="14:14">
      <c r="N935282" s="10"/>
    </row>
    <row r="935283" spans="14:14">
      <c r="N935283" s="10"/>
    </row>
    <row r="935284" spans="14:14">
      <c r="N935284" s="10"/>
    </row>
    <row r="935285" spans="14:14">
      <c r="N935285" s="10"/>
    </row>
    <row r="935286" spans="14:14">
      <c r="N935286" s="10"/>
    </row>
    <row r="935287" spans="14:14">
      <c r="N935287" s="10"/>
    </row>
    <row r="935288" spans="14:14">
      <c r="N935288" s="10"/>
    </row>
    <row r="935289" spans="14:14">
      <c r="N935289" s="10"/>
    </row>
    <row r="935290" spans="14:14">
      <c r="N935290" s="10"/>
    </row>
    <row r="935291" spans="14:14">
      <c r="N935291" s="10"/>
    </row>
    <row r="935292" spans="14:14">
      <c r="N935292" s="10"/>
    </row>
    <row r="935293" spans="14:14">
      <c r="N935293" s="10"/>
    </row>
    <row r="935294" spans="14:14">
      <c r="N935294" s="10"/>
    </row>
    <row r="935295" spans="14:14">
      <c r="N935295" s="10"/>
    </row>
    <row r="935296" spans="14:14">
      <c r="N935296" s="10"/>
    </row>
    <row r="935297" spans="14:14">
      <c r="N935297" s="10"/>
    </row>
    <row r="935298" spans="14:14">
      <c r="N935298" s="10"/>
    </row>
    <row r="935299" spans="14:14">
      <c r="N935299" s="10"/>
    </row>
    <row r="935300" spans="14:14">
      <c r="N935300" s="10"/>
    </row>
    <row r="935301" spans="14:14">
      <c r="N935301" s="10"/>
    </row>
    <row r="935302" spans="14:14">
      <c r="N935302" s="10"/>
    </row>
    <row r="935303" spans="14:14">
      <c r="N935303" s="10"/>
    </row>
    <row r="935304" spans="14:14">
      <c r="N935304" s="10"/>
    </row>
    <row r="935305" spans="14:14">
      <c r="N935305" s="10"/>
    </row>
    <row r="935306" spans="14:14">
      <c r="N935306" s="10"/>
    </row>
    <row r="935307" spans="14:14">
      <c r="N935307" s="10"/>
    </row>
    <row r="935308" spans="14:14">
      <c r="N935308" s="10"/>
    </row>
    <row r="935309" spans="14:14">
      <c r="N935309" s="10"/>
    </row>
    <row r="935310" spans="14:14">
      <c r="N935310" s="10"/>
    </row>
    <row r="935311" spans="14:14">
      <c r="N935311" s="10"/>
    </row>
    <row r="935312" spans="14:14">
      <c r="N935312" s="10"/>
    </row>
    <row r="935313" spans="14:14">
      <c r="N935313" s="10"/>
    </row>
    <row r="935314" spans="14:14">
      <c r="N935314" s="10"/>
    </row>
    <row r="935315" spans="14:14">
      <c r="N935315" s="10"/>
    </row>
    <row r="935316" spans="14:14">
      <c r="N935316" s="10"/>
    </row>
    <row r="935317" spans="14:14">
      <c r="N935317" s="10"/>
    </row>
    <row r="935318" spans="14:14">
      <c r="N935318" s="10"/>
    </row>
    <row r="935319" spans="14:14">
      <c r="N935319" s="10"/>
    </row>
    <row r="935320" spans="14:14">
      <c r="N935320" s="10"/>
    </row>
    <row r="935321" spans="14:14">
      <c r="N935321" s="10"/>
    </row>
    <row r="935322" spans="14:14">
      <c r="N935322" s="10"/>
    </row>
    <row r="935323" spans="14:14">
      <c r="N935323" s="10"/>
    </row>
    <row r="935324" spans="14:14">
      <c r="N935324" s="10"/>
    </row>
    <row r="935325" spans="14:14">
      <c r="N935325" s="10"/>
    </row>
    <row r="935326" spans="14:14">
      <c r="N935326" s="10"/>
    </row>
    <row r="935327" spans="14:14">
      <c r="N935327" s="10"/>
    </row>
    <row r="935328" spans="14:14">
      <c r="N935328" s="10"/>
    </row>
    <row r="935329" spans="14:14">
      <c r="N935329" s="10"/>
    </row>
    <row r="935330" spans="14:14">
      <c r="N935330" s="10"/>
    </row>
    <row r="935331" spans="14:14">
      <c r="N935331" s="10"/>
    </row>
    <row r="935332" spans="14:14">
      <c r="N935332" s="10"/>
    </row>
    <row r="935333" spans="14:14">
      <c r="N935333" s="10"/>
    </row>
    <row r="935334" spans="14:14">
      <c r="N935334" s="10"/>
    </row>
    <row r="935335" spans="14:14">
      <c r="N935335" s="10"/>
    </row>
    <row r="935336" spans="14:14">
      <c r="N935336" s="10"/>
    </row>
    <row r="935337" spans="14:14">
      <c r="N935337" s="10"/>
    </row>
    <row r="935338" spans="14:14">
      <c r="N935338" s="10"/>
    </row>
    <row r="935339" spans="14:14">
      <c r="N935339" s="10"/>
    </row>
    <row r="935340" spans="14:14">
      <c r="N935340" s="10"/>
    </row>
    <row r="935341" spans="14:14">
      <c r="N935341" s="10"/>
    </row>
    <row r="935342" spans="14:14">
      <c r="N935342" s="10"/>
    </row>
    <row r="935343" spans="14:14">
      <c r="N935343" s="10"/>
    </row>
    <row r="935344" spans="14:14">
      <c r="N935344" s="10"/>
    </row>
    <row r="935345" spans="14:14">
      <c r="N935345" s="10"/>
    </row>
    <row r="935346" spans="14:14">
      <c r="N935346" s="10"/>
    </row>
    <row r="935347" spans="14:14">
      <c r="N935347" s="10"/>
    </row>
    <row r="935348" spans="14:14">
      <c r="N935348" s="10"/>
    </row>
    <row r="935349" spans="14:14">
      <c r="N935349" s="10"/>
    </row>
    <row r="935350" spans="14:14">
      <c r="N935350" s="10"/>
    </row>
    <row r="935351" spans="14:14">
      <c r="N935351" s="10"/>
    </row>
    <row r="935352" spans="14:14">
      <c r="N935352" s="10"/>
    </row>
    <row r="935353" spans="14:14">
      <c r="N935353" s="10"/>
    </row>
    <row r="935354" spans="14:14">
      <c r="N935354" s="10"/>
    </row>
    <row r="935355" spans="14:14">
      <c r="N935355" s="10"/>
    </row>
    <row r="935356" spans="14:14">
      <c r="N935356" s="10"/>
    </row>
    <row r="935357" spans="14:14">
      <c r="N935357" s="10"/>
    </row>
    <row r="935358" spans="14:14">
      <c r="N935358" s="10"/>
    </row>
    <row r="935359" spans="14:14">
      <c r="N935359" s="10"/>
    </row>
    <row r="935360" spans="14:14">
      <c r="N935360" s="10"/>
    </row>
    <row r="935361" spans="14:14">
      <c r="N935361" s="10"/>
    </row>
    <row r="935362" spans="14:14">
      <c r="N935362" s="10"/>
    </row>
    <row r="935363" spans="14:14">
      <c r="N935363" s="10"/>
    </row>
    <row r="935364" spans="14:14">
      <c r="N935364" s="10"/>
    </row>
    <row r="935365" spans="14:14">
      <c r="N935365" s="10"/>
    </row>
    <row r="935366" spans="14:14">
      <c r="N935366" s="10"/>
    </row>
    <row r="935367" spans="14:14">
      <c r="N935367" s="10"/>
    </row>
    <row r="935368" spans="14:14">
      <c r="N935368" s="10"/>
    </row>
    <row r="935369" spans="14:14">
      <c r="N935369" s="10"/>
    </row>
    <row r="935370" spans="14:14">
      <c r="N935370" s="10"/>
    </row>
    <row r="935371" spans="14:14">
      <c r="N935371" s="10"/>
    </row>
    <row r="935372" spans="14:14">
      <c r="N935372" s="10"/>
    </row>
    <row r="935373" spans="14:14">
      <c r="N935373" s="10"/>
    </row>
    <row r="935374" spans="14:14">
      <c r="N935374" s="10"/>
    </row>
    <row r="935375" spans="14:14">
      <c r="N935375" s="10"/>
    </row>
    <row r="935376" spans="14:14">
      <c r="N935376" s="10"/>
    </row>
    <row r="935377" spans="14:14">
      <c r="N935377" s="10"/>
    </row>
    <row r="935378" spans="14:14">
      <c r="N935378" s="10"/>
    </row>
    <row r="935379" spans="14:14">
      <c r="N935379" s="10"/>
    </row>
    <row r="935380" spans="14:14">
      <c r="N935380" s="10"/>
    </row>
    <row r="935381" spans="14:14">
      <c r="N935381" s="10"/>
    </row>
    <row r="935382" spans="14:14">
      <c r="N935382" s="10"/>
    </row>
    <row r="935383" spans="14:14">
      <c r="N935383" s="10"/>
    </row>
    <row r="935384" spans="14:14">
      <c r="N935384" s="10"/>
    </row>
    <row r="935385" spans="14:14">
      <c r="N935385" s="10"/>
    </row>
    <row r="935386" spans="14:14">
      <c r="N935386" s="10"/>
    </row>
    <row r="935387" spans="14:14">
      <c r="N935387" s="10"/>
    </row>
    <row r="935388" spans="14:14">
      <c r="N935388" s="10"/>
    </row>
    <row r="935389" spans="14:14">
      <c r="N935389" s="10"/>
    </row>
    <row r="935390" spans="14:14">
      <c r="N935390" s="10"/>
    </row>
    <row r="935391" spans="14:14">
      <c r="N935391" s="10"/>
    </row>
    <row r="935392" spans="14:14">
      <c r="N935392" s="10"/>
    </row>
    <row r="935393" spans="14:14">
      <c r="N935393" s="10"/>
    </row>
    <row r="935394" spans="14:14">
      <c r="N935394" s="10"/>
    </row>
    <row r="935395" spans="14:14">
      <c r="N935395" s="10"/>
    </row>
    <row r="935396" spans="14:14">
      <c r="N935396" s="10"/>
    </row>
    <row r="935397" spans="14:14">
      <c r="N935397" s="10"/>
    </row>
    <row r="935398" spans="14:14">
      <c r="N935398" s="10"/>
    </row>
    <row r="935399" spans="14:14">
      <c r="N935399" s="10"/>
    </row>
    <row r="935400" spans="14:14">
      <c r="N935400" s="10"/>
    </row>
    <row r="935401" spans="14:14">
      <c r="N935401" s="10"/>
    </row>
    <row r="935402" spans="14:14">
      <c r="N935402" s="10"/>
    </row>
    <row r="935403" spans="14:14">
      <c r="N935403" s="10"/>
    </row>
    <row r="935404" spans="14:14">
      <c r="N935404" s="10"/>
    </row>
    <row r="935405" spans="14:14">
      <c r="N935405" s="10"/>
    </row>
    <row r="935406" spans="14:14">
      <c r="N935406" s="10"/>
    </row>
    <row r="935407" spans="14:14">
      <c r="N935407" s="10"/>
    </row>
    <row r="935408" spans="14:14">
      <c r="N935408" s="10"/>
    </row>
    <row r="935409" spans="14:14">
      <c r="N935409" s="10"/>
    </row>
    <row r="935410" spans="14:14">
      <c r="N935410" s="10"/>
    </row>
    <row r="935411" spans="14:14">
      <c r="N935411" s="10"/>
    </row>
    <row r="935412" spans="14:14">
      <c r="N935412" s="10"/>
    </row>
    <row r="935413" spans="14:14">
      <c r="N935413" s="10"/>
    </row>
    <row r="935414" spans="14:14">
      <c r="N935414" s="10"/>
    </row>
    <row r="935415" spans="14:14">
      <c r="N935415" s="10"/>
    </row>
    <row r="935416" spans="14:14">
      <c r="N935416" s="10"/>
    </row>
    <row r="935417" spans="14:14">
      <c r="N935417" s="10"/>
    </row>
    <row r="935418" spans="14:14">
      <c r="N935418" s="10"/>
    </row>
    <row r="935419" spans="14:14">
      <c r="N935419" s="10"/>
    </row>
    <row r="935420" spans="14:14">
      <c r="N935420" s="10"/>
    </row>
    <row r="935421" spans="14:14">
      <c r="N935421" s="10"/>
    </row>
    <row r="935422" spans="14:14">
      <c r="N935422" s="10"/>
    </row>
    <row r="935423" spans="14:14">
      <c r="N935423" s="10"/>
    </row>
    <row r="935424" spans="14:14">
      <c r="N935424" s="10"/>
    </row>
    <row r="935425" spans="14:14">
      <c r="N935425" s="10"/>
    </row>
    <row r="935426" spans="14:14">
      <c r="N935426" s="10"/>
    </row>
    <row r="935427" spans="14:14">
      <c r="N935427" s="10"/>
    </row>
    <row r="935428" spans="14:14">
      <c r="N935428" s="10"/>
    </row>
    <row r="935429" spans="14:14">
      <c r="N935429" s="10"/>
    </row>
    <row r="935430" spans="14:14">
      <c r="N935430" s="10"/>
    </row>
    <row r="935431" spans="14:14">
      <c r="N935431" s="10"/>
    </row>
    <row r="935432" spans="14:14">
      <c r="N935432" s="10"/>
    </row>
    <row r="935433" spans="14:14">
      <c r="N935433" s="10"/>
    </row>
    <row r="935434" spans="14:14">
      <c r="N935434" s="10"/>
    </row>
    <row r="935435" spans="14:14">
      <c r="N935435" s="10"/>
    </row>
    <row r="935436" spans="14:14">
      <c r="N935436" s="10"/>
    </row>
    <row r="935437" spans="14:14">
      <c r="N935437" s="10"/>
    </row>
    <row r="935438" spans="14:14">
      <c r="N935438" s="10"/>
    </row>
    <row r="935439" spans="14:14">
      <c r="N935439" s="10"/>
    </row>
    <row r="935440" spans="14:14">
      <c r="N935440" s="10"/>
    </row>
    <row r="935441" spans="14:14">
      <c r="N935441" s="10"/>
    </row>
    <row r="935442" spans="14:14">
      <c r="N935442" s="10"/>
    </row>
    <row r="935443" spans="14:14">
      <c r="N935443" s="10"/>
    </row>
    <row r="935444" spans="14:14">
      <c r="N935444" s="10"/>
    </row>
    <row r="935445" spans="14:14">
      <c r="N935445" s="10"/>
    </row>
    <row r="935446" spans="14:14">
      <c r="N935446" s="10"/>
    </row>
    <row r="935447" spans="14:14">
      <c r="N935447" s="10"/>
    </row>
    <row r="935448" spans="14:14">
      <c r="N935448" s="10"/>
    </row>
    <row r="935449" spans="14:14">
      <c r="N935449" s="10"/>
    </row>
    <row r="935450" spans="14:14">
      <c r="N935450" s="10"/>
    </row>
    <row r="935451" spans="14:14">
      <c r="N935451" s="10"/>
    </row>
    <row r="935452" spans="14:14">
      <c r="N935452" s="10"/>
    </row>
    <row r="935453" spans="14:14">
      <c r="N935453" s="10"/>
    </row>
    <row r="935454" spans="14:14">
      <c r="N935454" s="10"/>
    </row>
    <row r="935455" spans="14:14">
      <c r="N935455" s="10"/>
    </row>
    <row r="935456" spans="14:14">
      <c r="N935456" s="10"/>
    </row>
    <row r="935457" spans="14:14">
      <c r="N935457" s="10"/>
    </row>
    <row r="935458" spans="14:14">
      <c r="N935458" s="10"/>
    </row>
    <row r="935459" spans="14:14">
      <c r="N935459" s="10"/>
    </row>
    <row r="935460" spans="14:14">
      <c r="N935460" s="10"/>
    </row>
    <row r="935461" spans="14:14">
      <c r="N935461" s="10"/>
    </row>
    <row r="935462" spans="14:14">
      <c r="N935462" s="10"/>
    </row>
    <row r="935463" spans="14:14">
      <c r="N935463" s="10"/>
    </row>
    <row r="935464" spans="14:14">
      <c r="N935464" s="10"/>
    </row>
    <row r="935465" spans="14:14">
      <c r="N935465" s="10"/>
    </row>
    <row r="935466" spans="14:14">
      <c r="N935466" s="10"/>
    </row>
    <row r="935467" spans="14:14">
      <c r="N935467" s="10"/>
    </row>
    <row r="935468" spans="14:14">
      <c r="N935468" s="10"/>
    </row>
    <row r="935469" spans="14:14">
      <c r="N935469" s="10"/>
    </row>
    <row r="935470" spans="14:14">
      <c r="N935470" s="10"/>
    </row>
    <row r="935471" spans="14:14">
      <c r="N935471" s="10"/>
    </row>
    <row r="935472" spans="14:14">
      <c r="N935472" s="10"/>
    </row>
    <row r="935473" spans="14:14">
      <c r="N935473" s="10"/>
    </row>
    <row r="935474" spans="14:14">
      <c r="N935474" s="10"/>
    </row>
    <row r="935475" spans="14:14">
      <c r="N935475" s="10"/>
    </row>
    <row r="935476" spans="14:14">
      <c r="N935476" s="10"/>
    </row>
    <row r="935477" spans="14:14">
      <c r="N935477" s="10"/>
    </row>
    <row r="935478" spans="14:14">
      <c r="N935478" s="10"/>
    </row>
    <row r="935479" spans="14:14">
      <c r="N935479" s="10"/>
    </row>
    <row r="935480" spans="14:14">
      <c r="N935480" s="10"/>
    </row>
    <row r="935481" spans="14:14">
      <c r="N935481" s="10"/>
    </row>
    <row r="935482" spans="14:14">
      <c r="N935482" s="10"/>
    </row>
    <row r="935483" spans="14:14">
      <c r="N935483" s="10"/>
    </row>
    <row r="935484" spans="14:14">
      <c r="N935484" s="10"/>
    </row>
    <row r="935485" spans="14:14">
      <c r="N935485" s="10"/>
    </row>
    <row r="935486" spans="14:14">
      <c r="N935486" s="10"/>
    </row>
    <row r="935487" spans="14:14">
      <c r="N935487" s="10"/>
    </row>
    <row r="935488" spans="14:14">
      <c r="N935488" s="10"/>
    </row>
    <row r="935489" spans="14:14">
      <c r="N935489" s="10"/>
    </row>
    <row r="935490" spans="14:14">
      <c r="N935490" s="10"/>
    </row>
    <row r="935491" spans="14:14">
      <c r="N935491" s="10"/>
    </row>
    <row r="935492" spans="14:14">
      <c r="N935492" s="10"/>
    </row>
    <row r="935493" spans="14:14">
      <c r="N935493" s="10"/>
    </row>
    <row r="935494" spans="14:14">
      <c r="N935494" s="10"/>
    </row>
    <row r="935495" spans="14:14">
      <c r="N935495" s="10"/>
    </row>
    <row r="935496" spans="14:14">
      <c r="N935496" s="10"/>
    </row>
    <row r="935497" spans="14:14">
      <c r="N935497" s="10"/>
    </row>
    <row r="935498" spans="14:14">
      <c r="N935498" s="10"/>
    </row>
    <row r="935499" spans="14:14">
      <c r="N935499" s="10"/>
    </row>
    <row r="935500" spans="14:14">
      <c r="N935500" s="10"/>
    </row>
    <row r="935501" spans="14:14">
      <c r="N935501" s="10"/>
    </row>
    <row r="935502" spans="14:14">
      <c r="N935502" s="10"/>
    </row>
    <row r="935503" spans="14:14">
      <c r="N935503" s="10"/>
    </row>
    <row r="935504" spans="14:14">
      <c r="N935504" s="10"/>
    </row>
    <row r="935505" spans="14:14">
      <c r="N935505" s="10"/>
    </row>
    <row r="935506" spans="14:14">
      <c r="N935506" s="10"/>
    </row>
    <row r="935507" spans="14:14">
      <c r="N935507" s="10"/>
    </row>
    <row r="935508" spans="14:14">
      <c r="N935508" s="10"/>
    </row>
    <row r="935509" spans="14:14">
      <c r="N935509" s="10"/>
    </row>
    <row r="935510" spans="14:14">
      <c r="N935510" s="10"/>
    </row>
    <row r="935511" spans="14:14">
      <c r="N935511" s="10"/>
    </row>
    <row r="935512" spans="14:14">
      <c r="N935512" s="10"/>
    </row>
    <row r="935513" spans="14:14">
      <c r="N935513" s="10"/>
    </row>
    <row r="935514" spans="14:14">
      <c r="N935514" s="10"/>
    </row>
    <row r="935515" spans="14:14">
      <c r="N935515" s="10"/>
    </row>
    <row r="935516" spans="14:14">
      <c r="N935516" s="10"/>
    </row>
    <row r="935517" spans="14:14">
      <c r="N935517" s="10"/>
    </row>
    <row r="935518" spans="14:14">
      <c r="N935518" s="10"/>
    </row>
    <row r="935519" spans="14:14">
      <c r="N935519" s="10"/>
    </row>
    <row r="935520" spans="14:14">
      <c r="N935520" s="10"/>
    </row>
    <row r="935521" spans="14:14">
      <c r="N935521" s="10"/>
    </row>
    <row r="935522" spans="14:14">
      <c r="N935522" s="10"/>
    </row>
    <row r="935523" spans="14:14">
      <c r="N935523" s="10"/>
    </row>
    <row r="935524" spans="14:14">
      <c r="N935524" s="10"/>
    </row>
    <row r="935525" spans="14:14">
      <c r="N935525" s="10"/>
    </row>
    <row r="935526" spans="14:14">
      <c r="N935526" s="10"/>
    </row>
    <row r="935527" spans="14:14">
      <c r="N935527" s="10"/>
    </row>
    <row r="935528" spans="14:14">
      <c r="N935528" s="10"/>
    </row>
    <row r="935529" spans="14:14">
      <c r="N935529" s="10"/>
    </row>
    <row r="935530" spans="14:14">
      <c r="N935530" s="10"/>
    </row>
    <row r="935531" spans="14:14">
      <c r="N935531" s="10"/>
    </row>
    <row r="935532" spans="14:14">
      <c r="N935532" s="10"/>
    </row>
    <row r="935533" spans="14:14">
      <c r="N935533" s="10"/>
    </row>
    <row r="935534" spans="14:14">
      <c r="N935534" s="10"/>
    </row>
    <row r="935535" spans="14:14">
      <c r="N935535" s="10"/>
    </row>
    <row r="935536" spans="14:14">
      <c r="N935536" s="10"/>
    </row>
    <row r="935537" spans="14:14">
      <c r="N935537" s="10"/>
    </row>
    <row r="935538" spans="14:14">
      <c r="N935538" s="10"/>
    </row>
    <row r="935539" spans="14:14">
      <c r="N935539" s="10"/>
    </row>
    <row r="935540" spans="14:14">
      <c r="N935540" s="10"/>
    </row>
    <row r="935541" spans="14:14">
      <c r="N935541" s="10"/>
    </row>
    <row r="935542" spans="14:14">
      <c r="N935542" s="10"/>
    </row>
    <row r="935543" spans="14:14">
      <c r="N935543" s="10"/>
    </row>
    <row r="935544" spans="14:14">
      <c r="N935544" s="10"/>
    </row>
    <row r="935545" spans="14:14">
      <c r="N935545" s="10"/>
    </row>
    <row r="935546" spans="14:14">
      <c r="N935546" s="10"/>
    </row>
    <row r="935547" spans="14:14">
      <c r="N935547" s="10"/>
    </row>
    <row r="935548" spans="14:14">
      <c r="N935548" s="10"/>
    </row>
    <row r="935549" spans="14:14">
      <c r="N935549" s="10"/>
    </row>
    <row r="935550" spans="14:14">
      <c r="N935550" s="10"/>
    </row>
    <row r="935551" spans="14:14">
      <c r="N935551" s="10"/>
    </row>
    <row r="935552" spans="14:14">
      <c r="N935552" s="10"/>
    </row>
    <row r="935553" spans="14:14">
      <c r="N935553" s="10"/>
    </row>
    <row r="935554" spans="14:14">
      <c r="N935554" s="10"/>
    </row>
    <row r="935555" spans="14:14">
      <c r="N935555" s="10"/>
    </row>
    <row r="935556" spans="14:14">
      <c r="N935556" s="10"/>
    </row>
    <row r="935557" spans="14:14">
      <c r="N935557" s="10"/>
    </row>
    <row r="935558" spans="14:14">
      <c r="N935558" s="10"/>
    </row>
    <row r="935559" spans="14:14">
      <c r="N935559" s="10"/>
    </row>
    <row r="935560" spans="14:14">
      <c r="N935560" s="10"/>
    </row>
    <row r="935561" spans="14:14">
      <c r="N935561" s="10"/>
    </row>
    <row r="935562" spans="14:14">
      <c r="N935562" s="10"/>
    </row>
    <row r="935563" spans="14:14">
      <c r="N935563" s="10"/>
    </row>
    <row r="935564" spans="14:14">
      <c r="N935564" s="10"/>
    </row>
    <row r="935565" spans="14:14">
      <c r="N935565" s="10"/>
    </row>
    <row r="935566" spans="14:14">
      <c r="N935566" s="10"/>
    </row>
    <row r="935567" spans="14:14">
      <c r="N935567" s="10"/>
    </row>
    <row r="935568" spans="14:14">
      <c r="N935568" s="10"/>
    </row>
    <row r="935569" spans="14:14">
      <c r="N935569" s="10"/>
    </row>
    <row r="935570" spans="14:14">
      <c r="N935570" s="10"/>
    </row>
    <row r="935571" spans="14:14">
      <c r="N935571" s="10"/>
    </row>
    <row r="935572" spans="14:14">
      <c r="N935572" s="10"/>
    </row>
    <row r="935573" spans="14:14">
      <c r="N935573" s="10"/>
    </row>
    <row r="935574" spans="14:14">
      <c r="N935574" s="10"/>
    </row>
    <row r="935575" spans="14:14">
      <c r="N935575" s="10"/>
    </row>
    <row r="935576" spans="14:14">
      <c r="N935576" s="10"/>
    </row>
    <row r="935577" spans="14:14">
      <c r="N935577" s="10"/>
    </row>
    <row r="935578" spans="14:14">
      <c r="N935578" s="10"/>
    </row>
    <row r="935579" spans="14:14">
      <c r="N935579" s="10"/>
    </row>
    <row r="935580" spans="14:14">
      <c r="N935580" s="10"/>
    </row>
    <row r="935581" spans="14:14">
      <c r="N935581" s="10"/>
    </row>
    <row r="935582" spans="14:14">
      <c r="N935582" s="10"/>
    </row>
    <row r="935583" spans="14:14">
      <c r="N935583" s="10"/>
    </row>
    <row r="935584" spans="14:14">
      <c r="N935584" s="10"/>
    </row>
    <row r="935585" spans="14:14">
      <c r="N935585" s="10"/>
    </row>
    <row r="935586" spans="14:14">
      <c r="N935586" s="10"/>
    </row>
    <row r="935587" spans="14:14">
      <c r="N935587" s="10"/>
    </row>
    <row r="935588" spans="14:14">
      <c r="N935588" s="10"/>
    </row>
    <row r="935589" spans="14:14">
      <c r="N935589" s="10"/>
    </row>
    <row r="935590" spans="14:14">
      <c r="N935590" s="10"/>
    </row>
    <row r="935591" spans="14:14">
      <c r="N935591" s="10"/>
    </row>
    <row r="935592" spans="14:14">
      <c r="N935592" s="10"/>
    </row>
    <row r="935593" spans="14:14">
      <c r="N935593" s="10"/>
    </row>
    <row r="935594" spans="14:14">
      <c r="N935594" s="10"/>
    </row>
    <row r="935595" spans="14:14">
      <c r="N935595" s="10"/>
    </row>
    <row r="935596" spans="14:14">
      <c r="N935596" s="10"/>
    </row>
    <row r="935597" spans="14:14">
      <c r="N935597" s="10"/>
    </row>
    <row r="935598" spans="14:14">
      <c r="N935598" s="10"/>
    </row>
    <row r="935599" spans="14:14">
      <c r="N935599" s="10"/>
    </row>
    <row r="935600" spans="14:14">
      <c r="N935600" s="10"/>
    </row>
    <row r="935601" spans="14:14">
      <c r="N935601" s="10"/>
    </row>
    <row r="935602" spans="14:14">
      <c r="N935602" s="10"/>
    </row>
    <row r="935603" spans="14:14">
      <c r="N935603" s="10"/>
    </row>
    <row r="935604" spans="14:14">
      <c r="N935604" s="10"/>
    </row>
    <row r="935605" spans="14:14">
      <c r="N935605" s="10"/>
    </row>
    <row r="935606" spans="14:14">
      <c r="N935606" s="10"/>
    </row>
    <row r="935607" spans="14:14">
      <c r="N935607" s="10"/>
    </row>
    <row r="935608" spans="14:14">
      <c r="N935608" s="10"/>
    </row>
    <row r="935609" spans="14:14">
      <c r="N935609" s="10"/>
    </row>
    <row r="935610" spans="14:14">
      <c r="N935610" s="10"/>
    </row>
    <row r="935611" spans="14:14">
      <c r="N935611" s="10"/>
    </row>
    <row r="935612" spans="14:14">
      <c r="N935612" s="10"/>
    </row>
    <row r="935613" spans="14:14">
      <c r="N935613" s="10"/>
    </row>
    <row r="935614" spans="14:14">
      <c r="N935614" s="10"/>
    </row>
    <row r="935615" spans="14:14">
      <c r="N935615" s="10"/>
    </row>
    <row r="935616" spans="14:14">
      <c r="N935616" s="10"/>
    </row>
    <row r="935617" spans="14:14">
      <c r="N935617" s="10"/>
    </row>
    <row r="935618" spans="14:14">
      <c r="N935618" s="10"/>
    </row>
    <row r="935619" spans="14:14">
      <c r="N935619" s="10"/>
    </row>
    <row r="935620" spans="14:14">
      <c r="N935620" s="10"/>
    </row>
    <row r="935621" spans="14:14">
      <c r="N935621" s="10"/>
    </row>
    <row r="935622" spans="14:14">
      <c r="N935622" s="10"/>
    </row>
    <row r="935623" spans="14:14">
      <c r="N935623" s="10"/>
    </row>
    <row r="935624" spans="14:14">
      <c r="N935624" s="10"/>
    </row>
    <row r="935625" spans="14:14">
      <c r="N935625" s="10"/>
    </row>
    <row r="935626" spans="14:14">
      <c r="N935626" s="10"/>
    </row>
    <row r="935627" spans="14:14">
      <c r="N935627" s="10"/>
    </row>
    <row r="935628" spans="14:14">
      <c r="N935628" s="10"/>
    </row>
    <row r="935629" spans="14:14">
      <c r="N935629" s="10"/>
    </row>
    <row r="935630" spans="14:14">
      <c r="N935630" s="10"/>
    </row>
    <row r="935631" spans="14:14">
      <c r="N935631" s="10"/>
    </row>
    <row r="935632" spans="14:14">
      <c r="N935632" s="10"/>
    </row>
    <row r="935633" spans="14:14">
      <c r="N935633" s="10"/>
    </row>
    <row r="935634" spans="14:14">
      <c r="N935634" s="10"/>
    </row>
    <row r="935635" spans="14:14">
      <c r="N935635" s="10"/>
    </row>
    <row r="935636" spans="14:14">
      <c r="N935636" s="10"/>
    </row>
    <row r="935637" spans="14:14">
      <c r="N935637" s="10"/>
    </row>
    <row r="935638" spans="14:14">
      <c r="N935638" s="10"/>
    </row>
    <row r="935639" spans="14:14">
      <c r="N935639" s="10"/>
    </row>
    <row r="935640" spans="14:14">
      <c r="N935640" s="10"/>
    </row>
    <row r="935641" spans="14:14">
      <c r="N935641" s="10"/>
    </row>
    <row r="935642" spans="14:14">
      <c r="N935642" s="10"/>
    </row>
    <row r="935643" spans="14:14">
      <c r="N935643" s="10"/>
    </row>
    <row r="935644" spans="14:14">
      <c r="N935644" s="10"/>
    </row>
    <row r="935645" spans="14:14">
      <c r="N935645" s="10"/>
    </row>
    <row r="935646" spans="14:14">
      <c r="N935646" s="10"/>
    </row>
    <row r="935647" spans="14:14">
      <c r="N935647" s="10"/>
    </row>
    <row r="935648" spans="14:14">
      <c r="N935648" s="10"/>
    </row>
    <row r="935649" spans="14:14">
      <c r="N935649" s="10"/>
    </row>
    <row r="935650" spans="14:14">
      <c r="N935650" s="10"/>
    </row>
    <row r="935651" spans="14:14">
      <c r="N935651" s="10"/>
    </row>
    <row r="935652" spans="14:14">
      <c r="N935652" s="10"/>
    </row>
    <row r="935653" spans="14:14">
      <c r="N935653" s="10"/>
    </row>
    <row r="935654" spans="14:14">
      <c r="N935654" s="10"/>
    </row>
    <row r="935655" spans="14:14">
      <c r="N935655" s="10"/>
    </row>
    <row r="935656" spans="14:14">
      <c r="N935656" s="10"/>
    </row>
    <row r="935657" spans="14:14">
      <c r="N935657" s="10"/>
    </row>
    <row r="935658" spans="14:14">
      <c r="N935658" s="10"/>
    </row>
    <row r="935659" spans="14:14">
      <c r="N935659" s="10"/>
    </row>
    <row r="935660" spans="14:14">
      <c r="N935660" s="10"/>
    </row>
    <row r="935661" spans="14:14">
      <c r="N935661" s="10"/>
    </row>
    <row r="935662" spans="14:14">
      <c r="N935662" s="10"/>
    </row>
    <row r="935663" spans="14:14">
      <c r="N935663" s="10"/>
    </row>
    <row r="935664" spans="14:14">
      <c r="N935664" s="10"/>
    </row>
    <row r="935665" spans="14:14">
      <c r="N935665" s="10"/>
    </row>
    <row r="935666" spans="14:14">
      <c r="N935666" s="10"/>
    </row>
    <row r="935667" spans="14:14">
      <c r="N935667" s="10"/>
    </row>
    <row r="935668" spans="14:14">
      <c r="N935668" s="10"/>
    </row>
    <row r="935669" spans="14:14">
      <c r="N935669" s="10"/>
    </row>
    <row r="935670" spans="14:14">
      <c r="N935670" s="10"/>
    </row>
    <row r="935671" spans="14:14">
      <c r="N935671" s="10"/>
    </row>
    <row r="935672" spans="14:14">
      <c r="N935672" s="10"/>
    </row>
    <row r="935673" spans="14:14">
      <c r="N935673" s="10"/>
    </row>
    <row r="935674" spans="14:14">
      <c r="N935674" s="10"/>
    </row>
    <row r="935675" spans="14:14">
      <c r="N935675" s="10"/>
    </row>
    <row r="935676" spans="14:14">
      <c r="N935676" s="10"/>
    </row>
    <row r="935677" spans="14:14">
      <c r="N935677" s="10"/>
    </row>
    <row r="935678" spans="14:14">
      <c r="N935678" s="10"/>
    </row>
    <row r="935679" spans="14:14">
      <c r="N935679" s="10"/>
    </row>
    <row r="935680" spans="14:14">
      <c r="N935680" s="10"/>
    </row>
    <row r="935681" spans="14:14">
      <c r="N935681" s="10"/>
    </row>
    <row r="935682" spans="14:14">
      <c r="N935682" s="10"/>
    </row>
    <row r="935683" spans="14:14">
      <c r="N935683" s="10"/>
    </row>
    <row r="935684" spans="14:14">
      <c r="N935684" s="10"/>
    </row>
    <row r="935685" spans="14:14">
      <c r="N935685" s="10"/>
    </row>
    <row r="935686" spans="14:14">
      <c r="N935686" s="10"/>
    </row>
    <row r="935687" spans="14:14">
      <c r="N935687" s="10"/>
    </row>
    <row r="935688" spans="14:14">
      <c r="N935688" s="10"/>
    </row>
    <row r="935689" spans="14:14">
      <c r="N935689" s="10"/>
    </row>
    <row r="935690" spans="14:14">
      <c r="N935690" s="10"/>
    </row>
    <row r="935691" spans="14:14">
      <c r="N935691" s="10"/>
    </row>
    <row r="935692" spans="14:14">
      <c r="N935692" s="10"/>
    </row>
    <row r="935693" spans="14:14">
      <c r="N935693" s="10"/>
    </row>
    <row r="935694" spans="14:14">
      <c r="N935694" s="10"/>
    </row>
    <row r="935695" spans="14:14">
      <c r="N935695" s="10"/>
    </row>
    <row r="935696" spans="14:14">
      <c r="N935696" s="10"/>
    </row>
    <row r="935697" spans="14:14">
      <c r="N935697" s="10"/>
    </row>
    <row r="935698" spans="14:14">
      <c r="N935698" s="10"/>
    </row>
    <row r="935699" spans="14:14">
      <c r="N935699" s="10"/>
    </row>
    <row r="935700" spans="14:14">
      <c r="N935700" s="10"/>
    </row>
    <row r="935701" spans="14:14">
      <c r="N935701" s="10"/>
    </row>
    <row r="935702" spans="14:14">
      <c r="N935702" s="10"/>
    </row>
    <row r="935703" spans="14:14">
      <c r="N935703" s="10"/>
    </row>
    <row r="935704" spans="14:14">
      <c r="N935704" s="10"/>
    </row>
    <row r="935705" spans="14:14">
      <c r="N935705" s="10"/>
    </row>
    <row r="935706" spans="14:14">
      <c r="N935706" s="10"/>
    </row>
    <row r="935707" spans="14:14">
      <c r="N935707" s="10"/>
    </row>
    <row r="935708" spans="14:14">
      <c r="N935708" s="10"/>
    </row>
    <row r="935709" spans="14:14">
      <c r="N935709" s="10"/>
    </row>
    <row r="935710" spans="14:14">
      <c r="N935710" s="10"/>
    </row>
    <row r="935711" spans="14:14">
      <c r="N935711" s="10"/>
    </row>
    <row r="935712" spans="14:14">
      <c r="N935712" s="10"/>
    </row>
    <row r="935713" spans="14:14">
      <c r="N935713" s="10"/>
    </row>
    <row r="935714" spans="14:14">
      <c r="N935714" s="10"/>
    </row>
    <row r="935715" spans="14:14">
      <c r="N935715" s="10"/>
    </row>
    <row r="935716" spans="14:14">
      <c r="N935716" s="10"/>
    </row>
    <row r="935717" spans="14:14">
      <c r="N935717" s="10"/>
    </row>
    <row r="935718" spans="14:14">
      <c r="N935718" s="10"/>
    </row>
    <row r="935719" spans="14:14">
      <c r="N935719" s="10"/>
    </row>
    <row r="935720" spans="14:14">
      <c r="N935720" s="10"/>
    </row>
    <row r="935721" spans="14:14">
      <c r="N935721" s="10"/>
    </row>
    <row r="935722" spans="14:14">
      <c r="N935722" s="10"/>
    </row>
    <row r="935723" spans="14:14">
      <c r="N935723" s="10"/>
    </row>
    <row r="935724" spans="14:14">
      <c r="N935724" s="10"/>
    </row>
    <row r="935725" spans="14:14">
      <c r="N935725" s="10"/>
    </row>
    <row r="935726" spans="14:14">
      <c r="N935726" s="10"/>
    </row>
    <row r="935727" spans="14:14">
      <c r="N935727" s="10"/>
    </row>
    <row r="935728" spans="14:14">
      <c r="N935728" s="10"/>
    </row>
    <row r="935729" spans="14:14">
      <c r="N935729" s="10"/>
    </row>
    <row r="935730" spans="14:14">
      <c r="N935730" s="10"/>
    </row>
    <row r="935731" spans="14:14">
      <c r="N935731" s="10"/>
    </row>
    <row r="935732" spans="14:14">
      <c r="N935732" s="10"/>
    </row>
    <row r="935733" spans="14:14">
      <c r="N935733" s="10"/>
    </row>
    <row r="935734" spans="14:14">
      <c r="N935734" s="10"/>
    </row>
    <row r="935735" spans="14:14">
      <c r="N935735" s="10"/>
    </row>
    <row r="935736" spans="14:14">
      <c r="N935736" s="10"/>
    </row>
    <row r="935737" spans="14:14">
      <c r="N935737" s="10"/>
    </row>
    <row r="935738" spans="14:14">
      <c r="N935738" s="10"/>
    </row>
    <row r="935739" spans="14:14">
      <c r="N935739" s="10"/>
    </row>
    <row r="935740" spans="14:14">
      <c r="N935740" s="10"/>
    </row>
    <row r="935741" spans="14:14">
      <c r="N935741" s="10"/>
    </row>
    <row r="935742" spans="14:14">
      <c r="N935742" s="10"/>
    </row>
    <row r="935743" spans="14:14">
      <c r="N935743" s="10"/>
    </row>
    <row r="935744" spans="14:14">
      <c r="N935744" s="10"/>
    </row>
    <row r="935745" spans="14:14">
      <c r="N935745" s="10"/>
    </row>
    <row r="935746" spans="14:14">
      <c r="N935746" s="10"/>
    </row>
    <row r="935747" spans="14:14">
      <c r="N935747" s="10"/>
    </row>
    <row r="935748" spans="14:14">
      <c r="N935748" s="10"/>
    </row>
    <row r="935749" spans="14:14">
      <c r="N935749" s="10"/>
    </row>
    <row r="935750" spans="14:14">
      <c r="N935750" s="10"/>
    </row>
    <row r="935751" spans="14:14">
      <c r="N935751" s="10"/>
    </row>
    <row r="935752" spans="14:14">
      <c r="N935752" s="10"/>
    </row>
    <row r="935753" spans="14:14">
      <c r="N935753" s="10"/>
    </row>
    <row r="935754" spans="14:14">
      <c r="N935754" s="10"/>
    </row>
    <row r="935755" spans="14:14">
      <c r="N935755" s="10"/>
    </row>
    <row r="935756" spans="14:14">
      <c r="N935756" s="10"/>
    </row>
    <row r="935757" spans="14:14">
      <c r="N935757" s="10"/>
    </row>
    <row r="935758" spans="14:14">
      <c r="N935758" s="10"/>
    </row>
    <row r="935759" spans="14:14">
      <c r="N935759" s="10"/>
    </row>
    <row r="935760" spans="14:14">
      <c r="N935760" s="10"/>
    </row>
    <row r="935761" spans="14:14">
      <c r="N935761" s="10"/>
    </row>
    <row r="935762" spans="14:14">
      <c r="N935762" s="10"/>
    </row>
    <row r="935763" spans="14:14">
      <c r="N935763" s="10"/>
    </row>
    <row r="935764" spans="14:14">
      <c r="N935764" s="10"/>
    </row>
    <row r="935765" spans="14:14">
      <c r="N935765" s="10"/>
    </row>
    <row r="935766" spans="14:14">
      <c r="N935766" s="10"/>
    </row>
    <row r="935767" spans="14:14">
      <c r="N935767" s="10"/>
    </row>
    <row r="935768" spans="14:14">
      <c r="N935768" s="10"/>
    </row>
    <row r="935769" spans="14:14">
      <c r="N935769" s="10"/>
    </row>
    <row r="935770" spans="14:14">
      <c r="N935770" s="10"/>
    </row>
    <row r="935771" spans="14:14">
      <c r="N935771" s="10"/>
    </row>
    <row r="935772" spans="14:14">
      <c r="N935772" s="10"/>
    </row>
    <row r="935773" spans="14:14">
      <c r="N935773" s="10"/>
    </row>
    <row r="935774" spans="14:14">
      <c r="N935774" s="10"/>
    </row>
    <row r="935775" spans="14:14">
      <c r="N935775" s="10"/>
    </row>
    <row r="935776" spans="14:14">
      <c r="N935776" s="10"/>
    </row>
    <row r="935777" spans="14:14">
      <c r="N935777" s="10"/>
    </row>
    <row r="935778" spans="14:14">
      <c r="N935778" s="10"/>
    </row>
    <row r="935779" spans="14:14">
      <c r="N935779" s="10"/>
    </row>
    <row r="935780" spans="14:14">
      <c r="N935780" s="10"/>
    </row>
    <row r="935781" spans="14:14">
      <c r="N935781" s="10"/>
    </row>
    <row r="935782" spans="14:14">
      <c r="N935782" s="10"/>
    </row>
    <row r="935783" spans="14:14">
      <c r="N935783" s="10"/>
    </row>
    <row r="935784" spans="14:14">
      <c r="N935784" s="10"/>
    </row>
    <row r="935785" spans="14:14">
      <c r="N935785" s="10"/>
    </row>
    <row r="935786" spans="14:14">
      <c r="N935786" s="10"/>
    </row>
    <row r="935787" spans="14:14">
      <c r="N935787" s="10"/>
    </row>
    <row r="935788" spans="14:14">
      <c r="N935788" s="10"/>
    </row>
    <row r="935789" spans="14:14">
      <c r="N935789" s="10"/>
    </row>
    <row r="935790" spans="14:14">
      <c r="N935790" s="10"/>
    </row>
    <row r="935791" spans="14:14">
      <c r="N935791" s="10"/>
    </row>
    <row r="935792" spans="14:14">
      <c r="N935792" s="10"/>
    </row>
    <row r="935793" spans="14:14">
      <c r="N935793" s="10"/>
    </row>
    <row r="935794" spans="14:14">
      <c r="N935794" s="10"/>
    </row>
    <row r="935795" spans="14:14">
      <c r="N935795" s="10"/>
    </row>
    <row r="935796" spans="14:14">
      <c r="N935796" s="10"/>
    </row>
    <row r="935797" spans="14:14">
      <c r="N935797" s="10"/>
    </row>
    <row r="935798" spans="14:14">
      <c r="N935798" s="10"/>
    </row>
    <row r="935799" spans="14:14">
      <c r="N935799" s="10"/>
    </row>
    <row r="935800" spans="14:14">
      <c r="N935800" s="10"/>
    </row>
    <row r="935801" spans="14:14">
      <c r="N935801" s="10"/>
    </row>
    <row r="935802" spans="14:14">
      <c r="N935802" s="10"/>
    </row>
    <row r="935803" spans="14:14">
      <c r="N935803" s="10"/>
    </row>
    <row r="935804" spans="14:14">
      <c r="N935804" s="10"/>
    </row>
    <row r="935805" spans="14:14">
      <c r="N935805" s="10"/>
    </row>
    <row r="935806" spans="14:14">
      <c r="N935806" s="10"/>
    </row>
    <row r="935807" spans="14:14">
      <c r="N935807" s="10"/>
    </row>
    <row r="935808" spans="14:14">
      <c r="N935808" s="10"/>
    </row>
    <row r="935809" spans="14:14">
      <c r="N935809" s="10"/>
    </row>
    <row r="935810" spans="14:14">
      <c r="N935810" s="10"/>
    </row>
    <row r="935811" spans="14:14">
      <c r="N935811" s="10"/>
    </row>
    <row r="935812" spans="14:14">
      <c r="N935812" s="10"/>
    </row>
    <row r="935813" spans="14:14">
      <c r="N935813" s="10"/>
    </row>
    <row r="935814" spans="14:14">
      <c r="N935814" s="10"/>
    </row>
    <row r="935815" spans="14:14">
      <c r="N935815" s="10"/>
    </row>
    <row r="935816" spans="14:14">
      <c r="N935816" s="10"/>
    </row>
    <row r="935817" spans="14:14">
      <c r="N935817" s="10"/>
    </row>
    <row r="935818" spans="14:14">
      <c r="N935818" s="10"/>
    </row>
    <row r="935819" spans="14:14">
      <c r="N935819" s="10"/>
    </row>
    <row r="935820" spans="14:14">
      <c r="N935820" s="10"/>
    </row>
    <row r="935821" spans="14:14">
      <c r="N935821" s="10"/>
    </row>
    <row r="935822" spans="14:14">
      <c r="N935822" s="10"/>
    </row>
    <row r="935823" spans="14:14">
      <c r="N935823" s="10"/>
    </row>
    <row r="935824" spans="14:14">
      <c r="N935824" s="10"/>
    </row>
    <row r="935825" spans="14:14">
      <c r="N935825" s="10"/>
    </row>
    <row r="935826" spans="14:14">
      <c r="N935826" s="10"/>
    </row>
    <row r="935827" spans="14:14">
      <c r="N935827" s="10"/>
    </row>
    <row r="935828" spans="14:14">
      <c r="N935828" s="10"/>
    </row>
    <row r="935829" spans="14:14">
      <c r="N935829" s="10"/>
    </row>
    <row r="935830" spans="14:14">
      <c r="N935830" s="10"/>
    </row>
    <row r="935831" spans="14:14">
      <c r="N935831" s="10"/>
    </row>
    <row r="935832" spans="14:14">
      <c r="N935832" s="10"/>
    </row>
    <row r="935833" spans="14:14">
      <c r="N935833" s="10"/>
    </row>
    <row r="935834" spans="14:14">
      <c r="N935834" s="10"/>
    </row>
    <row r="935835" spans="14:14">
      <c r="N935835" s="10"/>
    </row>
    <row r="935836" spans="14:14">
      <c r="N935836" s="10"/>
    </row>
    <row r="935837" spans="14:14">
      <c r="N935837" s="10"/>
    </row>
    <row r="935838" spans="14:14">
      <c r="N935838" s="10"/>
    </row>
    <row r="935839" spans="14:14">
      <c r="N935839" s="10"/>
    </row>
    <row r="935840" spans="14:14">
      <c r="N935840" s="10"/>
    </row>
    <row r="935841" spans="14:14">
      <c r="N935841" s="10"/>
    </row>
    <row r="935842" spans="14:14">
      <c r="N935842" s="10"/>
    </row>
    <row r="935843" spans="14:14">
      <c r="N935843" s="10"/>
    </row>
    <row r="935844" spans="14:14">
      <c r="N935844" s="10"/>
    </row>
    <row r="935845" spans="14:14">
      <c r="N935845" s="10"/>
    </row>
    <row r="935846" spans="14:14">
      <c r="N935846" s="10"/>
    </row>
    <row r="935847" spans="14:14">
      <c r="N935847" s="10"/>
    </row>
    <row r="935848" spans="14:14">
      <c r="N935848" s="10"/>
    </row>
    <row r="935849" spans="14:14">
      <c r="N935849" s="10"/>
    </row>
    <row r="935850" spans="14:14">
      <c r="N935850" s="10"/>
    </row>
    <row r="935851" spans="14:14">
      <c r="N935851" s="10"/>
    </row>
    <row r="935852" spans="14:14">
      <c r="N935852" s="10"/>
    </row>
    <row r="935853" spans="14:14">
      <c r="N935853" s="10"/>
    </row>
    <row r="935854" spans="14:14">
      <c r="N935854" s="10"/>
    </row>
    <row r="935855" spans="14:14">
      <c r="N935855" s="10"/>
    </row>
    <row r="935856" spans="14:14">
      <c r="N935856" s="10"/>
    </row>
    <row r="935857" spans="14:14">
      <c r="N935857" s="10"/>
    </row>
    <row r="935858" spans="14:14">
      <c r="N935858" s="10"/>
    </row>
    <row r="935859" spans="14:14">
      <c r="N935859" s="10"/>
    </row>
    <row r="935860" spans="14:14">
      <c r="N935860" s="10"/>
    </row>
    <row r="935861" spans="14:14">
      <c r="N935861" s="10"/>
    </row>
    <row r="935862" spans="14:14">
      <c r="N935862" s="10"/>
    </row>
    <row r="935863" spans="14:14">
      <c r="N935863" s="10"/>
    </row>
    <row r="935864" spans="14:14">
      <c r="N935864" s="10"/>
    </row>
    <row r="935865" spans="14:14">
      <c r="N935865" s="10"/>
    </row>
    <row r="935866" spans="14:14">
      <c r="N935866" s="10"/>
    </row>
    <row r="935867" spans="14:14">
      <c r="N935867" s="10"/>
    </row>
    <row r="935868" spans="14:14">
      <c r="N935868" s="10"/>
    </row>
    <row r="935869" spans="14:14">
      <c r="N935869" s="10"/>
    </row>
    <row r="935870" spans="14:14">
      <c r="N935870" s="10"/>
    </row>
    <row r="935871" spans="14:14">
      <c r="N935871" s="10"/>
    </row>
    <row r="935872" spans="14:14">
      <c r="N935872" s="10"/>
    </row>
    <row r="935873" spans="14:14">
      <c r="N935873" s="10"/>
    </row>
    <row r="935874" spans="14:14">
      <c r="N935874" s="10"/>
    </row>
    <row r="935875" spans="14:14">
      <c r="N935875" s="10"/>
    </row>
    <row r="935876" spans="14:14">
      <c r="N935876" s="10"/>
    </row>
    <row r="935877" spans="14:14">
      <c r="N935877" s="10"/>
    </row>
    <row r="935878" spans="14:14">
      <c r="N935878" s="10"/>
    </row>
    <row r="935879" spans="14:14">
      <c r="N935879" s="10"/>
    </row>
    <row r="935880" spans="14:14">
      <c r="N935880" s="10"/>
    </row>
    <row r="935881" spans="14:14">
      <c r="N935881" s="10"/>
    </row>
    <row r="935882" spans="14:14">
      <c r="N935882" s="10"/>
    </row>
    <row r="935883" spans="14:14">
      <c r="N935883" s="10"/>
    </row>
    <row r="935884" spans="14:14">
      <c r="N935884" s="10"/>
    </row>
    <row r="935885" spans="14:14">
      <c r="N935885" s="10"/>
    </row>
    <row r="935886" spans="14:14">
      <c r="N935886" s="10"/>
    </row>
    <row r="935887" spans="14:14">
      <c r="N935887" s="10"/>
    </row>
    <row r="935888" spans="14:14">
      <c r="N935888" s="10"/>
    </row>
    <row r="935889" spans="14:14">
      <c r="N935889" s="10"/>
    </row>
    <row r="935890" spans="14:14">
      <c r="N935890" s="10"/>
    </row>
    <row r="935891" spans="14:14">
      <c r="N935891" s="10"/>
    </row>
    <row r="935892" spans="14:14">
      <c r="N935892" s="10"/>
    </row>
    <row r="935893" spans="14:14">
      <c r="N935893" s="10"/>
    </row>
    <row r="935894" spans="14:14">
      <c r="N935894" s="10"/>
    </row>
    <row r="935895" spans="14:14">
      <c r="N935895" s="10"/>
    </row>
    <row r="935896" spans="14:14">
      <c r="N935896" s="10"/>
    </row>
    <row r="935897" spans="14:14">
      <c r="N935897" s="10"/>
    </row>
    <row r="935898" spans="14:14">
      <c r="N935898" s="10"/>
    </row>
    <row r="935899" spans="14:14">
      <c r="N935899" s="10"/>
    </row>
    <row r="935900" spans="14:14">
      <c r="N935900" s="10"/>
    </row>
    <row r="935901" spans="14:14">
      <c r="N935901" s="10"/>
    </row>
    <row r="935902" spans="14:14">
      <c r="N935902" s="10"/>
    </row>
    <row r="935903" spans="14:14">
      <c r="N935903" s="10"/>
    </row>
    <row r="935904" spans="14:14">
      <c r="N935904" s="10"/>
    </row>
    <row r="935905" spans="14:14">
      <c r="N935905" s="10"/>
    </row>
    <row r="935906" spans="14:14">
      <c r="N935906" s="10"/>
    </row>
    <row r="935907" spans="14:14">
      <c r="N935907" s="10"/>
    </row>
    <row r="935908" spans="14:14">
      <c r="N935908" s="10"/>
    </row>
    <row r="935909" spans="14:14">
      <c r="N935909" s="10"/>
    </row>
    <row r="935910" spans="14:14">
      <c r="N935910" s="10"/>
    </row>
    <row r="935911" spans="14:14">
      <c r="N935911" s="10"/>
    </row>
    <row r="935912" spans="14:14">
      <c r="N935912" s="10"/>
    </row>
    <row r="935913" spans="14:14">
      <c r="N935913" s="10"/>
    </row>
    <row r="935914" spans="14:14">
      <c r="N935914" s="10"/>
    </row>
    <row r="935915" spans="14:14">
      <c r="N935915" s="10"/>
    </row>
    <row r="935916" spans="14:14">
      <c r="N935916" s="10"/>
    </row>
    <row r="935917" spans="14:14">
      <c r="N935917" s="10"/>
    </row>
    <row r="935918" spans="14:14">
      <c r="N935918" s="10"/>
    </row>
    <row r="935919" spans="14:14">
      <c r="N935919" s="10"/>
    </row>
    <row r="935920" spans="14:14">
      <c r="N935920" s="10"/>
    </row>
    <row r="935921" spans="14:14">
      <c r="N935921" s="10"/>
    </row>
    <row r="935922" spans="14:14">
      <c r="N935922" s="10"/>
    </row>
    <row r="935923" spans="14:14">
      <c r="N935923" s="10"/>
    </row>
    <row r="935924" spans="14:14">
      <c r="N935924" s="10"/>
    </row>
    <row r="935925" spans="14:14">
      <c r="N935925" s="10"/>
    </row>
    <row r="935926" spans="14:14">
      <c r="N935926" s="10"/>
    </row>
    <row r="935927" spans="14:14">
      <c r="N935927" s="10"/>
    </row>
    <row r="935928" spans="14:14">
      <c r="N935928" s="10"/>
    </row>
    <row r="935929" spans="14:14">
      <c r="N935929" s="10"/>
    </row>
    <row r="935930" spans="14:14">
      <c r="N935930" s="10"/>
    </row>
    <row r="935931" spans="14:14">
      <c r="N935931" s="10"/>
    </row>
    <row r="935932" spans="14:14">
      <c r="N935932" s="10"/>
    </row>
    <row r="935933" spans="14:14">
      <c r="N935933" s="10"/>
    </row>
    <row r="935934" spans="14:14">
      <c r="N935934" s="10"/>
    </row>
    <row r="935935" spans="14:14">
      <c r="N935935" s="10"/>
    </row>
    <row r="935936" spans="14:14">
      <c r="N935936" s="10"/>
    </row>
    <row r="935937" spans="14:14">
      <c r="N935937" s="10"/>
    </row>
    <row r="935938" spans="14:14">
      <c r="N935938" s="10"/>
    </row>
    <row r="935939" spans="14:14">
      <c r="N935939" s="10"/>
    </row>
    <row r="935940" spans="14:14">
      <c r="N935940" s="10"/>
    </row>
    <row r="935941" spans="14:14">
      <c r="N935941" s="10"/>
    </row>
    <row r="935942" spans="14:14">
      <c r="N935942" s="10"/>
    </row>
    <row r="935943" spans="14:14">
      <c r="N935943" s="10"/>
    </row>
    <row r="935944" spans="14:14">
      <c r="N935944" s="10"/>
    </row>
    <row r="935945" spans="14:14">
      <c r="N935945" s="10"/>
    </row>
    <row r="935946" spans="14:14">
      <c r="N935946" s="10"/>
    </row>
    <row r="935947" spans="14:14">
      <c r="N935947" s="10"/>
    </row>
    <row r="935948" spans="14:14">
      <c r="N935948" s="10"/>
    </row>
    <row r="935949" spans="14:14">
      <c r="N935949" s="10"/>
    </row>
    <row r="935950" spans="14:14">
      <c r="N935950" s="10"/>
    </row>
    <row r="935951" spans="14:14">
      <c r="N935951" s="10"/>
    </row>
    <row r="935952" spans="14:14">
      <c r="N935952" s="10"/>
    </row>
    <row r="935953" spans="14:14">
      <c r="N935953" s="10"/>
    </row>
    <row r="935954" spans="14:14">
      <c r="N935954" s="10"/>
    </row>
    <row r="935955" spans="14:14">
      <c r="N935955" s="10"/>
    </row>
    <row r="935956" spans="14:14">
      <c r="N935956" s="10"/>
    </row>
    <row r="935957" spans="14:14">
      <c r="N935957" s="10"/>
    </row>
    <row r="935958" spans="14:14">
      <c r="N935958" s="10"/>
    </row>
    <row r="935959" spans="14:14">
      <c r="N935959" s="10"/>
    </row>
    <row r="935960" spans="14:14">
      <c r="N935960" s="10"/>
    </row>
    <row r="935961" spans="14:14">
      <c r="N935961" s="10"/>
    </row>
    <row r="935962" spans="14:14">
      <c r="N935962" s="10"/>
    </row>
    <row r="935963" spans="14:14">
      <c r="N935963" s="10"/>
    </row>
    <row r="935964" spans="14:14">
      <c r="N935964" s="10"/>
    </row>
    <row r="935965" spans="14:14">
      <c r="N935965" s="10"/>
    </row>
    <row r="935966" spans="14:14">
      <c r="N935966" s="10"/>
    </row>
    <row r="935967" spans="14:14">
      <c r="N935967" s="10"/>
    </row>
    <row r="935968" spans="14:14">
      <c r="N935968" s="10"/>
    </row>
    <row r="935969" spans="14:14">
      <c r="N935969" s="10"/>
    </row>
    <row r="935970" spans="14:14">
      <c r="N935970" s="10"/>
    </row>
    <row r="935971" spans="14:14">
      <c r="N935971" s="10"/>
    </row>
    <row r="935972" spans="14:14">
      <c r="N935972" s="10"/>
    </row>
    <row r="935973" spans="14:14">
      <c r="N935973" s="10"/>
    </row>
    <row r="935974" spans="14:14">
      <c r="N935974" s="10"/>
    </row>
    <row r="935975" spans="14:14">
      <c r="N935975" s="10"/>
    </row>
    <row r="935976" spans="14:14">
      <c r="N935976" s="10"/>
    </row>
    <row r="935977" spans="14:14">
      <c r="N935977" s="10"/>
    </row>
    <row r="935978" spans="14:14">
      <c r="N935978" s="10"/>
    </row>
    <row r="935979" spans="14:14">
      <c r="N935979" s="10"/>
    </row>
    <row r="935980" spans="14:14">
      <c r="N935980" s="10"/>
    </row>
    <row r="935981" spans="14:14">
      <c r="N935981" s="10"/>
    </row>
    <row r="935982" spans="14:14">
      <c r="N935982" s="10"/>
    </row>
    <row r="935983" spans="14:14">
      <c r="N935983" s="10"/>
    </row>
    <row r="935984" spans="14:14">
      <c r="N935984" s="10"/>
    </row>
    <row r="935985" spans="14:14">
      <c r="N935985" s="10"/>
    </row>
    <row r="935986" spans="14:14">
      <c r="N935986" s="10"/>
    </row>
    <row r="935987" spans="14:14">
      <c r="N935987" s="10"/>
    </row>
    <row r="935988" spans="14:14">
      <c r="N935988" s="10"/>
    </row>
    <row r="935989" spans="14:14">
      <c r="N935989" s="10"/>
    </row>
    <row r="935990" spans="14:14">
      <c r="N935990" s="10"/>
    </row>
    <row r="935991" spans="14:14">
      <c r="N935991" s="10"/>
    </row>
    <row r="935992" spans="14:14">
      <c r="N935992" s="10"/>
    </row>
    <row r="935993" spans="14:14">
      <c r="N935993" s="10"/>
    </row>
    <row r="935994" spans="14:14">
      <c r="N935994" s="10"/>
    </row>
    <row r="935995" spans="14:14">
      <c r="N935995" s="10"/>
    </row>
    <row r="935996" spans="14:14">
      <c r="N935996" s="10"/>
    </row>
    <row r="935997" spans="14:14">
      <c r="N935997" s="10"/>
    </row>
    <row r="935998" spans="14:14">
      <c r="N935998" s="10"/>
    </row>
    <row r="935999" spans="14:14">
      <c r="N935999" s="10"/>
    </row>
    <row r="936000" spans="14:14">
      <c r="N936000" s="10"/>
    </row>
    <row r="936001" spans="14:14">
      <c r="N936001" s="10"/>
    </row>
    <row r="936002" spans="14:14">
      <c r="N936002" s="10"/>
    </row>
    <row r="936003" spans="14:14">
      <c r="N936003" s="10"/>
    </row>
    <row r="936004" spans="14:14">
      <c r="N936004" s="10"/>
    </row>
    <row r="936005" spans="14:14">
      <c r="N936005" s="10"/>
    </row>
    <row r="936006" spans="14:14">
      <c r="N936006" s="10"/>
    </row>
    <row r="936007" spans="14:14">
      <c r="N936007" s="10"/>
    </row>
    <row r="936008" spans="14:14">
      <c r="N936008" s="10"/>
    </row>
    <row r="936009" spans="14:14">
      <c r="N936009" s="10"/>
    </row>
    <row r="936010" spans="14:14">
      <c r="N936010" s="10"/>
    </row>
    <row r="936011" spans="14:14">
      <c r="N936011" s="10"/>
    </row>
    <row r="936012" spans="14:14">
      <c r="N936012" s="10"/>
    </row>
    <row r="936013" spans="14:14">
      <c r="N936013" s="10"/>
    </row>
    <row r="936014" spans="14:14">
      <c r="N936014" s="10"/>
    </row>
    <row r="936015" spans="14:14">
      <c r="N936015" s="10"/>
    </row>
    <row r="936016" spans="14:14">
      <c r="N936016" s="10"/>
    </row>
    <row r="936017" spans="14:14">
      <c r="N936017" s="10"/>
    </row>
    <row r="936018" spans="14:14">
      <c r="N936018" s="10"/>
    </row>
    <row r="936019" spans="14:14">
      <c r="N936019" s="10"/>
    </row>
    <row r="936020" spans="14:14">
      <c r="N936020" s="10"/>
    </row>
    <row r="936021" spans="14:14">
      <c r="N936021" s="10"/>
    </row>
    <row r="936022" spans="14:14">
      <c r="N936022" s="10"/>
    </row>
    <row r="936023" spans="14:14">
      <c r="N936023" s="10"/>
    </row>
    <row r="936024" spans="14:14">
      <c r="N936024" s="10"/>
    </row>
    <row r="936025" spans="14:14">
      <c r="N936025" s="10"/>
    </row>
    <row r="936026" spans="14:14">
      <c r="N936026" s="10"/>
    </row>
    <row r="936027" spans="14:14">
      <c r="N936027" s="10"/>
    </row>
    <row r="936028" spans="14:14">
      <c r="N936028" s="10"/>
    </row>
    <row r="936029" spans="14:14">
      <c r="N936029" s="10"/>
    </row>
    <row r="936030" spans="14:14">
      <c r="N936030" s="10"/>
    </row>
    <row r="936031" spans="14:14">
      <c r="N936031" s="10"/>
    </row>
    <row r="936032" spans="14:14">
      <c r="N936032" s="10"/>
    </row>
    <row r="936033" spans="14:14">
      <c r="N936033" s="10"/>
    </row>
    <row r="936034" spans="14:14">
      <c r="N936034" s="10"/>
    </row>
    <row r="936035" spans="14:14">
      <c r="N936035" s="10"/>
    </row>
    <row r="936036" spans="14:14">
      <c r="N936036" s="10"/>
    </row>
    <row r="936037" spans="14:14">
      <c r="N936037" s="10"/>
    </row>
    <row r="936038" spans="14:14">
      <c r="N936038" s="10"/>
    </row>
    <row r="936039" spans="14:14">
      <c r="N936039" s="10"/>
    </row>
    <row r="936040" spans="14:14">
      <c r="N936040" s="10"/>
    </row>
    <row r="936041" spans="14:14">
      <c r="N936041" s="10"/>
    </row>
    <row r="936042" spans="14:14">
      <c r="N936042" s="10"/>
    </row>
    <row r="936043" spans="14:14">
      <c r="N936043" s="10"/>
    </row>
    <row r="936044" spans="14:14">
      <c r="N936044" s="10"/>
    </row>
    <row r="936045" spans="14:14">
      <c r="N936045" s="10"/>
    </row>
    <row r="936046" spans="14:14">
      <c r="N936046" s="10"/>
    </row>
    <row r="936047" spans="14:14">
      <c r="N936047" s="10"/>
    </row>
    <row r="936048" spans="14:14">
      <c r="N936048" s="10"/>
    </row>
    <row r="936049" spans="14:14">
      <c r="N936049" s="10"/>
    </row>
    <row r="936050" spans="14:14">
      <c r="N936050" s="10"/>
    </row>
    <row r="936051" spans="14:14">
      <c r="N936051" s="10"/>
    </row>
    <row r="936052" spans="14:14">
      <c r="N936052" s="10"/>
    </row>
    <row r="936053" spans="14:14">
      <c r="N936053" s="10"/>
    </row>
    <row r="936054" spans="14:14">
      <c r="N936054" s="10"/>
    </row>
    <row r="936055" spans="14:14">
      <c r="N936055" s="10"/>
    </row>
    <row r="936056" spans="14:14">
      <c r="N936056" s="10"/>
    </row>
    <row r="936057" spans="14:14">
      <c r="N936057" s="10"/>
    </row>
    <row r="936058" spans="14:14">
      <c r="N936058" s="10"/>
    </row>
    <row r="936059" spans="14:14">
      <c r="N936059" s="10"/>
    </row>
    <row r="936060" spans="14:14">
      <c r="N936060" s="10"/>
    </row>
    <row r="936061" spans="14:14">
      <c r="N936061" s="10"/>
    </row>
    <row r="936062" spans="14:14">
      <c r="N936062" s="10"/>
    </row>
    <row r="936063" spans="14:14">
      <c r="N936063" s="10"/>
    </row>
    <row r="936064" spans="14:14">
      <c r="N936064" s="10"/>
    </row>
    <row r="936065" spans="14:14">
      <c r="N936065" s="10"/>
    </row>
    <row r="936066" spans="14:14">
      <c r="N936066" s="10"/>
    </row>
    <row r="936067" spans="14:14">
      <c r="N936067" s="10"/>
    </row>
    <row r="936068" spans="14:14">
      <c r="N936068" s="10"/>
    </row>
    <row r="936069" spans="14:14">
      <c r="N936069" s="10"/>
    </row>
    <row r="936070" spans="14:14">
      <c r="N936070" s="10"/>
    </row>
    <row r="936071" spans="14:14">
      <c r="N936071" s="10"/>
    </row>
    <row r="936072" spans="14:14">
      <c r="N936072" s="10"/>
    </row>
    <row r="936073" spans="14:14">
      <c r="N936073" s="10"/>
    </row>
    <row r="936074" spans="14:14">
      <c r="N936074" s="10"/>
    </row>
    <row r="936075" spans="14:14">
      <c r="N936075" s="10"/>
    </row>
    <row r="936076" spans="14:14">
      <c r="N936076" s="10"/>
    </row>
    <row r="936077" spans="14:14">
      <c r="N936077" s="10"/>
    </row>
    <row r="936078" spans="14:14">
      <c r="N936078" s="10"/>
    </row>
    <row r="936079" spans="14:14">
      <c r="N936079" s="10"/>
    </row>
    <row r="936080" spans="14:14">
      <c r="N936080" s="10"/>
    </row>
    <row r="936081" spans="14:14">
      <c r="N936081" s="10"/>
    </row>
    <row r="936082" spans="14:14">
      <c r="N936082" s="10"/>
    </row>
    <row r="936083" spans="14:14">
      <c r="N936083" s="10"/>
    </row>
    <row r="936084" spans="14:14">
      <c r="N936084" s="10"/>
    </row>
    <row r="936085" spans="14:14">
      <c r="N936085" s="10"/>
    </row>
    <row r="936086" spans="14:14">
      <c r="N936086" s="10"/>
    </row>
    <row r="936087" spans="14:14">
      <c r="N936087" s="10"/>
    </row>
    <row r="936088" spans="14:14">
      <c r="N936088" s="10"/>
    </row>
    <row r="936089" spans="14:14">
      <c r="N936089" s="10"/>
    </row>
    <row r="936090" spans="14:14">
      <c r="N936090" s="10"/>
    </row>
    <row r="936091" spans="14:14">
      <c r="N936091" s="10"/>
    </row>
    <row r="936092" spans="14:14">
      <c r="N936092" s="10"/>
    </row>
    <row r="936093" spans="14:14">
      <c r="N936093" s="10"/>
    </row>
    <row r="936094" spans="14:14">
      <c r="N936094" s="10"/>
    </row>
    <row r="936095" spans="14:14">
      <c r="N936095" s="10"/>
    </row>
    <row r="936096" spans="14:14">
      <c r="N936096" s="10"/>
    </row>
    <row r="936097" spans="14:14">
      <c r="N936097" s="10"/>
    </row>
    <row r="936098" spans="14:14">
      <c r="N936098" s="10"/>
    </row>
    <row r="936099" spans="14:14">
      <c r="N936099" s="10"/>
    </row>
    <row r="936100" spans="14:14">
      <c r="N936100" s="10"/>
    </row>
    <row r="936101" spans="14:14">
      <c r="N936101" s="10"/>
    </row>
    <row r="936102" spans="14:14">
      <c r="N936102" s="10"/>
    </row>
    <row r="936103" spans="14:14">
      <c r="N936103" s="10"/>
    </row>
    <row r="936104" spans="14:14">
      <c r="N936104" s="10"/>
    </row>
    <row r="936105" spans="14:14">
      <c r="N936105" s="10"/>
    </row>
    <row r="936106" spans="14:14">
      <c r="N936106" s="10"/>
    </row>
    <row r="936107" spans="14:14">
      <c r="N936107" s="10"/>
    </row>
    <row r="936108" spans="14:14">
      <c r="N936108" s="10"/>
    </row>
    <row r="936109" spans="14:14">
      <c r="N936109" s="10"/>
    </row>
    <row r="936110" spans="14:14">
      <c r="N936110" s="10"/>
    </row>
    <row r="936111" spans="14:14">
      <c r="N936111" s="10"/>
    </row>
    <row r="936112" spans="14:14">
      <c r="N936112" s="10"/>
    </row>
    <row r="936113" spans="14:14">
      <c r="N936113" s="10"/>
    </row>
    <row r="936114" spans="14:14">
      <c r="N936114" s="10"/>
    </row>
    <row r="936115" spans="14:14">
      <c r="N936115" s="10"/>
    </row>
    <row r="936116" spans="14:14">
      <c r="N936116" s="10"/>
    </row>
    <row r="936117" spans="14:14">
      <c r="N936117" s="10"/>
    </row>
    <row r="936118" spans="14:14">
      <c r="N936118" s="10"/>
    </row>
    <row r="936119" spans="14:14">
      <c r="N936119" s="10"/>
    </row>
    <row r="936120" spans="14:14">
      <c r="N936120" s="10"/>
    </row>
    <row r="936121" spans="14:14">
      <c r="N936121" s="10"/>
    </row>
    <row r="936122" spans="14:14">
      <c r="N936122" s="10"/>
    </row>
    <row r="936123" spans="14:14">
      <c r="N936123" s="10"/>
    </row>
    <row r="936124" spans="14:14">
      <c r="N936124" s="10"/>
    </row>
    <row r="936125" spans="14:14">
      <c r="N936125" s="10"/>
    </row>
    <row r="936126" spans="14:14">
      <c r="N936126" s="10"/>
    </row>
    <row r="936127" spans="14:14">
      <c r="N936127" s="10"/>
    </row>
    <row r="936128" spans="14:14">
      <c r="N936128" s="10"/>
    </row>
    <row r="936129" spans="14:14">
      <c r="N936129" s="10"/>
    </row>
    <row r="936130" spans="14:14">
      <c r="N936130" s="10"/>
    </row>
    <row r="936131" spans="14:14">
      <c r="N936131" s="10"/>
    </row>
    <row r="936132" spans="14:14">
      <c r="N936132" s="10"/>
    </row>
    <row r="936133" spans="14:14">
      <c r="N936133" s="10"/>
    </row>
    <row r="936134" spans="14:14">
      <c r="N936134" s="10"/>
    </row>
    <row r="936135" spans="14:14">
      <c r="N936135" s="10"/>
    </row>
    <row r="936136" spans="14:14">
      <c r="N936136" s="10"/>
    </row>
    <row r="936137" spans="14:14">
      <c r="N936137" s="10"/>
    </row>
    <row r="936138" spans="14:14">
      <c r="N936138" s="10"/>
    </row>
    <row r="936139" spans="14:14">
      <c r="N936139" s="10"/>
    </row>
    <row r="936140" spans="14:14">
      <c r="N936140" s="10"/>
    </row>
    <row r="936141" spans="14:14">
      <c r="N936141" s="10"/>
    </row>
    <row r="936142" spans="14:14">
      <c r="N936142" s="10"/>
    </row>
    <row r="936143" spans="14:14">
      <c r="N936143" s="10"/>
    </row>
    <row r="936144" spans="14:14">
      <c r="N936144" s="10"/>
    </row>
    <row r="936145" spans="14:14">
      <c r="N936145" s="10"/>
    </row>
    <row r="936146" spans="14:14">
      <c r="N936146" s="10"/>
    </row>
    <row r="936147" spans="14:14">
      <c r="N936147" s="10"/>
    </row>
    <row r="936148" spans="14:14">
      <c r="N936148" s="10"/>
    </row>
    <row r="936149" spans="14:14">
      <c r="N936149" s="10"/>
    </row>
    <row r="936150" spans="14:14">
      <c r="N936150" s="10"/>
    </row>
    <row r="936151" spans="14:14">
      <c r="N936151" s="10"/>
    </row>
    <row r="936152" spans="14:14">
      <c r="N936152" s="10"/>
    </row>
    <row r="936153" spans="14:14">
      <c r="N936153" s="10"/>
    </row>
    <row r="936154" spans="14:14">
      <c r="N936154" s="10"/>
    </row>
    <row r="936155" spans="14:14">
      <c r="N936155" s="10"/>
    </row>
    <row r="936156" spans="14:14">
      <c r="N936156" s="10"/>
    </row>
    <row r="936157" spans="14:14">
      <c r="N936157" s="10"/>
    </row>
    <row r="936158" spans="14:14">
      <c r="N936158" s="10"/>
    </row>
    <row r="936159" spans="14:14">
      <c r="N936159" s="10"/>
    </row>
    <row r="936160" spans="14:14">
      <c r="N936160" s="10"/>
    </row>
    <row r="936161" spans="14:14">
      <c r="N936161" s="10"/>
    </row>
    <row r="936162" spans="14:14">
      <c r="N936162" s="10"/>
    </row>
    <row r="936163" spans="14:14">
      <c r="N936163" s="10"/>
    </row>
    <row r="936164" spans="14:14">
      <c r="N936164" s="10"/>
    </row>
    <row r="936165" spans="14:14">
      <c r="N936165" s="10"/>
    </row>
    <row r="936166" spans="14:14">
      <c r="N936166" s="10"/>
    </row>
    <row r="936167" spans="14:14">
      <c r="N936167" s="10"/>
    </row>
    <row r="936168" spans="14:14">
      <c r="N936168" s="10"/>
    </row>
    <row r="936169" spans="14:14">
      <c r="N936169" s="10"/>
    </row>
    <row r="936170" spans="14:14">
      <c r="N936170" s="10"/>
    </row>
    <row r="936171" spans="14:14">
      <c r="N936171" s="10"/>
    </row>
    <row r="936172" spans="14:14">
      <c r="N936172" s="10"/>
    </row>
    <row r="936173" spans="14:14">
      <c r="N936173" s="10"/>
    </row>
    <row r="936174" spans="14:14">
      <c r="N936174" s="10"/>
    </row>
    <row r="936175" spans="14:14">
      <c r="N936175" s="10"/>
    </row>
    <row r="936176" spans="14:14">
      <c r="N936176" s="10"/>
    </row>
    <row r="936177" spans="14:14">
      <c r="N936177" s="10"/>
    </row>
    <row r="936178" spans="14:14">
      <c r="N936178" s="10"/>
    </row>
    <row r="936179" spans="14:14">
      <c r="N936179" s="10"/>
    </row>
    <row r="936180" spans="14:14">
      <c r="N936180" s="10"/>
    </row>
    <row r="936181" spans="14:14">
      <c r="N936181" s="10"/>
    </row>
    <row r="936182" spans="14:14">
      <c r="N936182" s="10"/>
    </row>
    <row r="936183" spans="14:14">
      <c r="N936183" s="10"/>
    </row>
    <row r="936184" spans="14:14">
      <c r="N936184" s="10"/>
    </row>
    <row r="936185" spans="14:14">
      <c r="N936185" s="10"/>
    </row>
    <row r="936186" spans="14:14">
      <c r="N936186" s="10"/>
    </row>
    <row r="936187" spans="14:14">
      <c r="N936187" s="10"/>
    </row>
    <row r="936188" spans="14:14">
      <c r="N936188" s="10"/>
    </row>
    <row r="936189" spans="14:14">
      <c r="N936189" s="10"/>
    </row>
    <row r="936190" spans="14:14">
      <c r="N936190" s="10"/>
    </row>
    <row r="936191" spans="14:14">
      <c r="N936191" s="10"/>
    </row>
    <row r="936192" spans="14:14">
      <c r="N936192" s="10"/>
    </row>
    <row r="936193" spans="14:14">
      <c r="N936193" s="10"/>
    </row>
    <row r="936194" spans="14:14">
      <c r="N936194" s="10"/>
    </row>
    <row r="936195" spans="14:14">
      <c r="N936195" s="10"/>
    </row>
    <row r="936196" spans="14:14">
      <c r="N936196" s="10"/>
    </row>
    <row r="936197" spans="14:14">
      <c r="N936197" s="10"/>
    </row>
    <row r="936198" spans="14:14">
      <c r="N936198" s="10"/>
    </row>
    <row r="936199" spans="14:14">
      <c r="N936199" s="10"/>
    </row>
    <row r="936200" spans="14:14">
      <c r="N936200" s="10"/>
    </row>
    <row r="936201" spans="14:14">
      <c r="N936201" s="10"/>
    </row>
    <row r="936202" spans="14:14">
      <c r="N936202" s="10"/>
    </row>
    <row r="936203" spans="14:14">
      <c r="N936203" s="10"/>
    </row>
    <row r="936204" spans="14:14">
      <c r="N936204" s="10"/>
    </row>
    <row r="936205" spans="14:14">
      <c r="N936205" s="10"/>
    </row>
    <row r="936206" spans="14:14">
      <c r="N936206" s="10"/>
    </row>
    <row r="936207" spans="14:14">
      <c r="N936207" s="10"/>
    </row>
    <row r="936208" spans="14:14">
      <c r="N936208" s="10"/>
    </row>
    <row r="936209" spans="14:14">
      <c r="N936209" s="10"/>
    </row>
    <row r="936210" spans="14:14">
      <c r="N936210" s="10"/>
    </row>
    <row r="936211" spans="14:14">
      <c r="N936211" s="10"/>
    </row>
    <row r="936212" spans="14:14">
      <c r="N936212" s="10"/>
    </row>
    <row r="936213" spans="14:14">
      <c r="N936213" s="10"/>
    </row>
    <row r="936214" spans="14:14">
      <c r="N936214" s="10"/>
    </row>
    <row r="936215" spans="14:14">
      <c r="N936215" s="10"/>
    </row>
    <row r="936216" spans="14:14">
      <c r="N936216" s="10"/>
    </row>
    <row r="936217" spans="14:14">
      <c r="N936217" s="10"/>
    </row>
    <row r="936218" spans="14:14">
      <c r="N936218" s="10"/>
    </row>
    <row r="936219" spans="14:14">
      <c r="N936219" s="10"/>
    </row>
    <row r="936220" spans="14:14">
      <c r="N936220" s="10"/>
    </row>
    <row r="936221" spans="14:14">
      <c r="N936221" s="10"/>
    </row>
    <row r="936222" spans="14:14">
      <c r="N936222" s="10"/>
    </row>
    <row r="936223" spans="14:14">
      <c r="N936223" s="10"/>
    </row>
    <row r="936224" spans="14:14">
      <c r="N936224" s="10"/>
    </row>
    <row r="936225" spans="14:14">
      <c r="N936225" s="10"/>
    </row>
    <row r="936226" spans="14:14">
      <c r="N936226" s="10"/>
    </row>
    <row r="936227" spans="14:14">
      <c r="N936227" s="10"/>
    </row>
    <row r="936228" spans="14:14">
      <c r="N936228" s="10"/>
    </row>
    <row r="936229" spans="14:14">
      <c r="N936229" s="10"/>
    </row>
    <row r="936230" spans="14:14">
      <c r="N936230" s="10"/>
    </row>
    <row r="936231" spans="14:14">
      <c r="N936231" s="10"/>
    </row>
    <row r="936232" spans="14:14">
      <c r="N936232" s="10"/>
    </row>
    <row r="936233" spans="14:14">
      <c r="N936233" s="10"/>
    </row>
    <row r="936234" spans="14:14">
      <c r="N936234" s="10"/>
    </row>
    <row r="936235" spans="14:14">
      <c r="N936235" s="10"/>
    </row>
    <row r="936236" spans="14:14">
      <c r="N936236" s="10"/>
    </row>
    <row r="936237" spans="14:14">
      <c r="N936237" s="10"/>
    </row>
    <row r="936238" spans="14:14">
      <c r="N936238" s="10"/>
    </row>
    <row r="936239" spans="14:14">
      <c r="N936239" s="10"/>
    </row>
    <row r="936240" spans="14:14">
      <c r="N936240" s="10"/>
    </row>
    <row r="936241" spans="14:14">
      <c r="N936241" s="10"/>
    </row>
    <row r="936242" spans="14:14">
      <c r="N936242" s="10"/>
    </row>
    <row r="936243" spans="14:14">
      <c r="N936243" s="10"/>
    </row>
    <row r="936244" spans="14:14">
      <c r="N936244" s="10"/>
    </row>
    <row r="936245" spans="14:14">
      <c r="N936245" s="10"/>
    </row>
    <row r="936246" spans="14:14">
      <c r="N936246" s="10"/>
    </row>
    <row r="936247" spans="14:14">
      <c r="N936247" s="10"/>
    </row>
    <row r="936248" spans="14:14">
      <c r="N936248" s="10"/>
    </row>
    <row r="936249" spans="14:14">
      <c r="N936249" s="10"/>
    </row>
    <row r="936250" spans="14:14">
      <c r="N936250" s="10"/>
    </row>
    <row r="936251" spans="14:14">
      <c r="N936251" s="10"/>
    </row>
    <row r="936252" spans="14:14">
      <c r="N936252" s="10"/>
    </row>
    <row r="936253" spans="14:14">
      <c r="N936253" s="10"/>
    </row>
    <row r="936254" spans="14:14">
      <c r="N936254" s="10"/>
    </row>
    <row r="936255" spans="14:14">
      <c r="N936255" s="10"/>
    </row>
    <row r="936256" spans="14:14">
      <c r="N936256" s="10"/>
    </row>
    <row r="936257" spans="14:14">
      <c r="N936257" s="10"/>
    </row>
    <row r="936258" spans="14:14">
      <c r="N936258" s="10"/>
    </row>
    <row r="936259" spans="14:14">
      <c r="N936259" s="10"/>
    </row>
    <row r="936260" spans="14:14">
      <c r="N936260" s="10"/>
    </row>
    <row r="936261" spans="14:14">
      <c r="N936261" s="10"/>
    </row>
    <row r="936262" spans="14:14">
      <c r="N936262" s="10"/>
    </row>
    <row r="936263" spans="14:14">
      <c r="N936263" s="10"/>
    </row>
    <row r="936264" spans="14:14">
      <c r="N936264" s="10"/>
    </row>
    <row r="936265" spans="14:14">
      <c r="N936265" s="10"/>
    </row>
    <row r="936266" spans="14:14">
      <c r="N936266" s="10"/>
    </row>
    <row r="936267" spans="14:14">
      <c r="N936267" s="10"/>
    </row>
    <row r="936268" spans="14:14">
      <c r="N936268" s="10"/>
    </row>
    <row r="936269" spans="14:14">
      <c r="N936269" s="10"/>
    </row>
    <row r="936270" spans="14:14">
      <c r="N936270" s="10"/>
    </row>
    <row r="936271" spans="14:14">
      <c r="N936271" s="10"/>
    </row>
    <row r="936272" spans="14:14">
      <c r="N936272" s="10"/>
    </row>
    <row r="936273" spans="14:14">
      <c r="N936273" s="10"/>
    </row>
    <row r="936274" spans="14:14">
      <c r="N936274" s="10"/>
    </row>
    <row r="936275" spans="14:14">
      <c r="N936275" s="10"/>
    </row>
    <row r="936276" spans="14:14">
      <c r="N936276" s="10"/>
    </row>
    <row r="936277" spans="14:14">
      <c r="N936277" s="10"/>
    </row>
    <row r="936278" spans="14:14">
      <c r="N936278" s="10"/>
    </row>
    <row r="936279" spans="14:14">
      <c r="N936279" s="10"/>
    </row>
    <row r="936280" spans="14:14">
      <c r="N936280" s="10"/>
    </row>
    <row r="936281" spans="14:14">
      <c r="N936281" s="10"/>
    </row>
    <row r="936282" spans="14:14">
      <c r="N936282" s="10"/>
    </row>
    <row r="936283" spans="14:14">
      <c r="N936283" s="10"/>
    </row>
    <row r="936284" spans="14:14">
      <c r="N936284" s="10"/>
    </row>
    <row r="936285" spans="14:14">
      <c r="N936285" s="10"/>
    </row>
    <row r="936286" spans="14:14">
      <c r="N936286" s="10"/>
    </row>
    <row r="936287" spans="14:14">
      <c r="N936287" s="10"/>
    </row>
    <row r="936288" spans="14:14">
      <c r="N936288" s="10"/>
    </row>
    <row r="936289" spans="14:14">
      <c r="N936289" s="10"/>
    </row>
    <row r="936290" spans="14:14">
      <c r="N936290" s="10"/>
    </row>
    <row r="936291" spans="14:14">
      <c r="N936291" s="10"/>
    </row>
    <row r="936292" spans="14:14">
      <c r="N936292" s="10"/>
    </row>
    <row r="936293" spans="14:14">
      <c r="N936293" s="10"/>
    </row>
    <row r="936294" spans="14:14">
      <c r="N936294" s="10"/>
    </row>
    <row r="936295" spans="14:14">
      <c r="N936295" s="10"/>
    </row>
    <row r="936296" spans="14:14">
      <c r="N936296" s="10"/>
    </row>
    <row r="936297" spans="14:14">
      <c r="N936297" s="10"/>
    </row>
    <row r="936298" spans="14:14">
      <c r="N936298" s="10"/>
    </row>
    <row r="936299" spans="14:14">
      <c r="N936299" s="10"/>
    </row>
    <row r="936300" spans="14:14">
      <c r="N936300" s="10"/>
    </row>
    <row r="936301" spans="14:14">
      <c r="N936301" s="10"/>
    </row>
    <row r="936302" spans="14:14">
      <c r="N936302" s="10"/>
    </row>
    <row r="936303" spans="14:14">
      <c r="N936303" s="10"/>
    </row>
    <row r="936304" spans="14:14">
      <c r="N936304" s="10"/>
    </row>
    <row r="936305" spans="14:14">
      <c r="N936305" s="10"/>
    </row>
    <row r="936306" spans="14:14">
      <c r="N936306" s="10"/>
    </row>
    <row r="936307" spans="14:14">
      <c r="N936307" s="10"/>
    </row>
    <row r="936308" spans="14:14">
      <c r="N936308" s="10"/>
    </row>
    <row r="936309" spans="14:14">
      <c r="N936309" s="10"/>
    </row>
    <row r="936310" spans="14:14">
      <c r="N936310" s="10"/>
    </row>
    <row r="936311" spans="14:14">
      <c r="N936311" s="10"/>
    </row>
    <row r="936312" spans="14:14">
      <c r="N936312" s="10"/>
    </row>
    <row r="936313" spans="14:14">
      <c r="N936313" s="10"/>
    </row>
    <row r="936314" spans="14:14">
      <c r="N936314" s="10"/>
    </row>
    <row r="936315" spans="14:14">
      <c r="N936315" s="10"/>
    </row>
    <row r="936316" spans="14:14">
      <c r="N936316" s="10"/>
    </row>
    <row r="936317" spans="14:14">
      <c r="N936317" s="10"/>
    </row>
    <row r="936318" spans="14:14">
      <c r="N936318" s="10"/>
    </row>
    <row r="936319" spans="14:14">
      <c r="N936319" s="10"/>
    </row>
    <row r="936320" spans="14:14">
      <c r="N936320" s="10"/>
    </row>
    <row r="936321" spans="14:14">
      <c r="N936321" s="10"/>
    </row>
    <row r="936322" spans="14:14">
      <c r="N936322" s="10"/>
    </row>
    <row r="936323" spans="14:14">
      <c r="N936323" s="10"/>
    </row>
    <row r="936324" spans="14:14">
      <c r="N936324" s="10"/>
    </row>
    <row r="936325" spans="14:14">
      <c r="N936325" s="10"/>
    </row>
    <row r="936326" spans="14:14">
      <c r="N936326" s="10"/>
    </row>
    <row r="936327" spans="14:14">
      <c r="N936327" s="10"/>
    </row>
    <row r="936328" spans="14:14">
      <c r="N936328" s="10"/>
    </row>
    <row r="936329" spans="14:14">
      <c r="N936329" s="10"/>
    </row>
    <row r="936330" spans="14:14">
      <c r="N936330" s="10"/>
    </row>
    <row r="936331" spans="14:14">
      <c r="N936331" s="10"/>
    </row>
    <row r="936332" spans="14:14">
      <c r="N936332" s="10"/>
    </row>
    <row r="936333" spans="14:14">
      <c r="N936333" s="10"/>
    </row>
    <row r="936334" spans="14:14">
      <c r="N936334" s="10"/>
    </row>
    <row r="936335" spans="14:14">
      <c r="N936335" s="10"/>
    </row>
    <row r="936336" spans="14:14">
      <c r="N936336" s="10"/>
    </row>
    <row r="936337" spans="14:14">
      <c r="N936337" s="10"/>
    </row>
    <row r="936338" spans="14:14">
      <c r="N936338" s="10"/>
    </row>
    <row r="936339" spans="14:14">
      <c r="N936339" s="10"/>
    </row>
    <row r="936340" spans="14:14">
      <c r="N936340" s="10"/>
    </row>
    <row r="936341" spans="14:14">
      <c r="N936341" s="10"/>
    </row>
    <row r="936342" spans="14:14">
      <c r="N936342" s="10"/>
    </row>
    <row r="936343" spans="14:14">
      <c r="N936343" s="10"/>
    </row>
    <row r="936344" spans="14:14">
      <c r="N936344" s="10"/>
    </row>
    <row r="936345" spans="14:14">
      <c r="N936345" s="10"/>
    </row>
    <row r="936346" spans="14:14">
      <c r="N936346" s="10"/>
    </row>
    <row r="936347" spans="14:14">
      <c r="N936347" s="10"/>
    </row>
    <row r="936348" spans="14:14">
      <c r="N936348" s="10"/>
    </row>
    <row r="936349" spans="14:14">
      <c r="N936349" s="10"/>
    </row>
    <row r="936350" spans="14:14">
      <c r="N936350" s="10"/>
    </row>
    <row r="936351" spans="14:14">
      <c r="N936351" s="10"/>
    </row>
    <row r="936352" spans="14:14">
      <c r="N936352" s="10"/>
    </row>
    <row r="936353" spans="14:14">
      <c r="N936353" s="10"/>
    </row>
    <row r="936354" spans="14:14">
      <c r="N936354" s="10"/>
    </row>
    <row r="936355" spans="14:14">
      <c r="N936355" s="10"/>
    </row>
    <row r="936356" spans="14:14">
      <c r="N936356" s="10"/>
    </row>
    <row r="936357" spans="14:14">
      <c r="N936357" s="10"/>
    </row>
    <row r="936358" spans="14:14">
      <c r="N936358" s="10"/>
    </row>
    <row r="936359" spans="14:14">
      <c r="N936359" s="10"/>
    </row>
    <row r="936360" spans="14:14">
      <c r="N936360" s="10"/>
    </row>
    <row r="936361" spans="14:14">
      <c r="N936361" s="10"/>
    </row>
    <row r="936362" spans="14:14">
      <c r="N936362" s="10"/>
    </row>
    <row r="936363" spans="14:14">
      <c r="N936363" s="10"/>
    </row>
    <row r="936364" spans="14:14">
      <c r="N936364" s="10"/>
    </row>
    <row r="936365" spans="14:14">
      <c r="N936365" s="10"/>
    </row>
    <row r="936366" spans="14:14">
      <c r="N936366" s="10"/>
    </row>
    <row r="936367" spans="14:14">
      <c r="N936367" s="10"/>
    </row>
    <row r="936368" spans="14:14">
      <c r="N936368" s="10"/>
    </row>
    <row r="936369" spans="14:14">
      <c r="N936369" s="10"/>
    </row>
    <row r="936370" spans="14:14">
      <c r="N936370" s="10"/>
    </row>
    <row r="936371" spans="14:14">
      <c r="N936371" s="10"/>
    </row>
    <row r="936372" spans="14:14">
      <c r="N936372" s="10"/>
    </row>
    <row r="936373" spans="14:14">
      <c r="N936373" s="10"/>
    </row>
    <row r="936374" spans="14:14">
      <c r="N936374" s="10"/>
    </row>
    <row r="936375" spans="14:14">
      <c r="N936375" s="10"/>
    </row>
    <row r="936376" spans="14:14">
      <c r="N936376" s="10"/>
    </row>
    <row r="936377" spans="14:14">
      <c r="N936377" s="10"/>
    </row>
    <row r="936378" spans="14:14">
      <c r="N936378" s="10"/>
    </row>
    <row r="936379" spans="14:14">
      <c r="N936379" s="10"/>
    </row>
    <row r="936380" spans="14:14">
      <c r="N936380" s="10"/>
    </row>
    <row r="936381" spans="14:14">
      <c r="N936381" s="10"/>
    </row>
    <row r="936382" spans="14:14">
      <c r="N936382" s="10"/>
    </row>
    <row r="936383" spans="14:14">
      <c r="N936383" s="10"/>
    </row>
    <row r="936384" spans="14:14">
      <c r="N936384" s="10"/>
    </row>
    <row r="936385" spans="14:14">
      <c r="N936385" s="10"/>
    </row>
    <row r="936386" spans="14:14">
      <c r="N936386" s="10"/>
    </row>
    <row r="936387" spans="14:14">
      <c r="N936387" s="10"/>
    </row>
    <row r="936388" spans="14:14">
      <c r="N936388" s="10"/>
    </row>
    <row r="936389" spans="14:14">
      <c r="N936389" s="10"/>
    </row>
    <row r="936390" spans="14:14">
      <c r="N936390" s="10"/>
    </row>
    <row r="936391" spans="14:14">
      <c r="N936391" s="10"/>
    </row>
    <row r="936392" spans="14:14">
      <c r="N936392" s="10"/>
    </row>
    <row r="936393" spans="14:14">
      <c r="N936393" s="10"/>
    </row>
    <row r="936394" spans="14:14">
      <c r="N936394" s="10"/>
    </row>
    <row r="936395" spans="14:14">
      <c r="N936395" s="10"/>
    </row>
    <row r="936396" spans="14:14">
      <c r="N936396" s="10"/>
    </row>
    <row r="936397" spans="14:14">
      <c r="N936397" s="10"/>
    </row>
    <row r="936398" spans="14:14">
      <c r="N936398" s="10"/>
    </row>
    <row r="936399" spans="14:14">
      <c r="N936399" s="10"/>
    </row>
    <row r="936400" spans="14:14">
      <c r="N936400" s="10"/>
    </row>
    <row r="936401" spans="14:14">
      <c r="N936401" s="10"/>
    </row>
    <row r="936402" spans="14:14">
      <c r="N936402" s="10"/>
    </row>
    <row r="936403" spans="14:14">
      <c r="N936403" s="10"/>
    </row>
    <row r="936404" spans="14:14">
      <c r="N936404" s="10"/>
    </row>
    <row r="936405" spans="14:14">
      <c r="N936405" s="10"/>
    </row>
    <row r="936406" spans="14:14">
      <c r="N936406" s="10"/>
    </row>
    <row r="936407" spans="14:14">
      <c r="N936407" s="10"/>
    </row>
    <row r="936408" spans="14:14">
      <c r="N936408" s="10"/>
    </row>
    <row r="936409" spans="14:14">
      <c r="N936409" s="10"/>
    </row>
    <row r="936410" spans="14:14">
      <c r="N936410" s="10"/>
    </row>
    <row r="936411" spans="14:14">
      <c r="N936411" s="10"/>
    </row>
    <row r="936412" spans="14:14">
      <c r="N936412" s="10"/>
    </row>
    <row r="936413" spans="14:14">
      <c r="N936413" s="10"/>
    </row>
    <row r="936414" spans="14:14">
      <c r="N936414" s="10"/>
    </row>
    <row r="936415" spans="14:14">
      <c r="N936415" s="10"/>
    </row>
    <row r="936416" spans="14:14">
      <c r="N936416" s="10"/>
    </row>
    <row r="936417" spans="14:14">
      <c r="N936417" s="10"/>
    </row>
    <row r="936418" spans="14:14">
      <c r="N936418" s="10"/>
    </row>
    <row r="936419" spans="14:14">
      <c r="N936419" s="10"/>
    </row>
    <row r="936420" spans="14:14">
      <c r="N936420" s="10"/>
    </row>
    <row r="936421" spans="14:14">
      <c r="N936421" s="10"/>
    </row>
    <row r="936422" spans="14:14">
      <c r="N936422" s="10"/>
    </row>
    <row r="936423" spans="14:14">
      <c r="N936423" s="10"/>
    </row>
    <row r="936424" spans="14:14">
      <c r="N936424" s="10"/>
    </row>
    <row r="936425" spans="14:14">
      <c r="N936425" s="10"/>
    </row>
    <row r="936426" spans="14:14">
      <c r="N936426" s="10"/>
    </row>
    <row r="936427" spans="14:14">
      <c r="N936427" s="10"/>
    </row>
    <row r="936428" spans="14:14">
      <c r="N936428" s="10"/>
    </row>
    <row r="936429" spans="14:14">
      <c r="N936429" s="10"/>
    </row>
    <row r="936430" spans="14:14">
      <c r="N936430" s="10"/>
    </row>
    <row r="936431" spans="14:14">
      <c r="N936431" s="10"/>
    </row>
    <row r="936432" spans="14:14">
      <c r="N936432" s="10"/>
    </row>
    <row r="936433" spans="14:14">
      <c r="N936433" s="10"/>
    </row>
    <row r="936434" spans="14:14">
      <c r="N936434" s="10"/>
    </row>
    <row r="936435" spans="14:14">
      <c r="N936435" s="10"/>
    </row>
    <row r="936436" spans="14:14">
      <c r="N936436" s="10"/>
    </row>
    <row r="936437" spans="14:14">
      <c r="N936437" s="10"/>
    </row>
    <row r="936438" spans="14:14">
      <c r="N936438" s="10"/>
    </row>
    <row r="936439" spans="14:14">
      <c r="N936439" s="10"/>
    </row>
    <row r="936440" spans="14:14">
      <c r="N936440" s="10"/>
    </row>
    <row r="936441" spans="14:14">
      <c r="N936441" s="10"/>
    </row>
    <row r="936442" spans="14:14">
      <c r="N936442" s="10"/>
    </row>
    <row r="936443" spans="14:14">
      <c r="N936443" s="10"/>
    </row>
    <row r="936444" spans="14:14">
      <c r="N936444" s="10"/>
    </row>
    <row r="936445" spans="14:14">
      <c r="N936445" s="10"/>
    </row>
    <row r="936446" spans="14:14">
      <c r="N936446" s="10"/>
    </row>
    <row r="936447" spans="14:14">
      <c r="N936447" s="10"/>
    </row>
    <row r="936448" spans="14:14">
      <c r="N936448" s="10"/>
    </row>
    <row r="936449" spans="14:14">
      <c r="N936449" s="10"/>
    </row>
    <row r="936450" spans="14:14">
      <c r="N936450" s="10"/>
    </row>
    <row r="936451" spans="14:14">
      <c r="N936451" s="10"/>
    </row>
    <row r="936452" spans="14:14">
      <c r="N936452" s="10"/>
    </row>
    <row r="936453" spans="14:14">
      <c r="N936453" s="10"/>
    </row>
    <row r="936454" spans="14:14">
      <c r="N936454" s="10"/>
    </row>
    <row r="936455" spans="14:14">
      <c r="N936455" s="10"/>
    </row>
    <row r="936456" spans="14:14">
      <c r="N936456" s="10"/>
    </row>
    <row r="936457" spans="14:14">
      <c r="N936457" s="10"/>
    </row>
    <row r="936458" spans="14:14">
      <c r="N936458" s="10"/>
    </row>
    <row r="936459" spans="14:14">
      <c r="N936459" s="10"/>
    </row>
    <row r="936460" spans="14:14">
      <c r="N936460" s="10"/>
    </row>
    <row r="936461" spans="14:14">
      <c r="N936461" s="10"/>
    </row>
    <row r="936462" spans="14:14">
      <c r="N936462" s="10"/>
    </row>
    <row r="936463" spans="14:14">
      <c r="N936463" s="10"/>
    </row>
    <row r="936464" spans="14:14">
      <c r="N936464" s="10"/>
    </row>
    <row r="936465" spans="14:14">
      <c r="N936465" s="10"/>
    </row>
    <row r="936466" spans="14:14">
      <c r="N936466" s="10"/>
    </row>
    <row r="936467" spans="14:14">
      <c r="N936467" s="10"/>
    </row>
    <row r="936468" spans="14:14">
      <c r="N936468" s="10"/>
    </row>
    <row r="936469" spans="14:14">
      <c r="N936469" s="10"/>
    </row>
    <row r="936470" spans="14:14">
      <c r="N936470" s="10"/>
    </row>
    <row r="936471" spans="14:14">
      <c r="N936471" s="10"/>
    </row>
    <row r="936472" spans="14:14">
      <c r="N936472" s="10"/>
    </row>
    <row r="936473" spans="14:14">
      <c r="N936473" s="10"/>
    </row>
    <row r="936474" spans="14:14">
      <c r="N936474" s="10"/>
    </row>
    <row r="936475" spans="14:14">
      <c r="N936475" s="10"/>
    </row>
    <row r="936476" spans="14:14">
      <c r="N936476" s="10"/>
    </row>
    <row r="936477" spans="14:14">
      <c r="N936477" s="10"/>
    </row>
    <row r="936478" spans="14:14">
      <c r="N936478" s="10"/>
    </row>
    <row r="936479" spans="14:14">
      <c r="N936479" s="10"/>
    </row>
    <row r="936480" spans="14:14">
      <c r="N936480" s="10"/>
    </row>
    <row r="936481" spans="14:14">
      <c r="N936481" s="10"/>
    </row>
    <row r="936482" spans="14:14">
      <c r="N936482" s="10"/>
    </row>
    <row r="936483" spans="14:14">
      <c r="N936483" s="10"/>
    </row>
    <row r="936484" spans="14:14">
      <c r="N936484" s="10"/>
    </row>
    <row r="936485" spans="14:14">
      <c r="N936485" s="10"/>
    </row>
    <row r="936486" spans="14:14">
      <c r="N936486" s="10"/>
    </row>
    <row r="936487" spans="14:14">
      <c r="N936487" s="10"/>
    </row>
    <row r="936488" spans="14:14">
      <c r="N936488" s="10"/>
    </row>
    <row r="936489" spans="14:14">
      <c r="N936489" s="10"/>
    </row>
    <row r="936490" spans="14:14">
      <c r="N936490" s="10"/>
    </row>
    <row r="936491" spans="14:14">
      <c r="N936491" s="10"/>
    </row>
    <row r="936492" spans="14:14">
      <c r="N936492" s="10"/>
    </row>
    <row r="936493" spans="14:14">
      <c r="N936493" s="10"/>
    </row>
    <row r="936494" spans="14:14">
      <c r="N936494" s="10"/>
    </row>
    <row r="936495" spans="14:14">
      <c r="N936495" s="10"/>
    </row>
    <row r="936496" spans="14:14">
      <c r="N936496" s="10"/>
    </row>
    <row r="936497" spans="14:14">
      <c r="N936497" s="10"/>
    </row>
    <row r="936498" spans="14:14">
      <c r="N936498" s="10"/>
    </row>
    <row r="936499" spans="14:14">
      <c r="N936499" s="10"/>
    </row>
    <row r="936500" spans="14:14">
      <c r="N936500" s="10"/>
    </row>
    <row r="936501" spans="14:14">
      <c r="N936501" s="10"/>
    </row>
    <row r="936502" spans="14:14">
      <c r="N936502" s="10"/>
    </row>
    <row r="936503" spans="14:14">
      <c r="N936503" s="10"/>
    </row>
    <row r="936504" spans="14:14">
      <c r="N936504" s="10"/>
    </row>
    <row r="936505" spans="14:14">
      <c r="N936505" s="10"/>
    </row>
    <row r="936506" spans="14:14">
      <c r="N936506" s="10"/>
    </row>
    <row r="936507" spans="14:14">
      <c r="N936507" s="10"/>
    </row>
    <row r="936508" spans="14:14">
      <c r="N936508" s="10"/>
    </row>
    <row r="936509" spans="14:14">
      <c r="N936509" s="10"/>
    </row>
    <row r="936510" spans="14:14">
      <c r="N936510" s="10"/>
    </row>
    <row r="936511" spans="14:14">
      <c r="N936511" s="10"/>
    </row>
    <row r="936512" spans="14:14">
      <c r="N936512" s="10"/>
    </row>
    <row r="936513" spans="14:14">
      <c r="N936513" s="10"/>
    </row>
    <row r="936514" spans="14:14">
      <c r="N936514" s="10"/>
    </row>
    <row r="936515" spans="14:14">
      <c r="N936515" s="10"/>
    </row>
    <row r="936516" spans="14:14">
      <c r="N936516" s="10"/>
    </row>
    <row r="936517" spans="14:14">
      <c r="N936517" s="10"/>
    </row>
    <row r="936518" spans="14:14">
      <c r="N936518" s="10"/>
    </row>
    <row r="936519" spans="14:14">
      <c r="N936519" s="10"/>
    </row>
    <row r="936520" spans="14:14">
      <c r="N936520" s="10"/>
    </row>
    <row r="936521" spans="14:14">
      <c r="N936521" s="10"/>
    </row>
    <row r="936522" spans="14:14">
      <c r="N936522" s="10"/>
    </row>
    <row r="936523" spans="14:14">
      <c r="N936523" s="10"/>
    </row>
    <row r="936524" spans="14:14">
      <c r="N936524" s="10"/>
    </row>
    <row r="936525" spans="14:14">
      <c r="N936525" s="10"/>
    </row>
    <row r="936526" spans="14:14">
      <c r="N936526" s="10"/>
    </row>
    <row r="936527" spans="14:14">
      <c r="N936527" s="10"/>
    </row>
    <row r="936528" spans="14:14">
      <c r="N936528" s="10"/>
    </row>
    <row r="936529" spans="14:14">
      <c r="N936529" s="10"/>
    </row>
    <row r="936530" spans="14:14">
      <c r="N936530" s="10"/>
    </row>
    <row r="936531" spans="14:14">
      <c r="N936531" s="10"/>
    </row>
    <row r="936532" spans="14:14">
      <c r="N936532" s="10"/>
    </row>
    <row r="936533" spans="14:14">
      <c r="N936533" s="10"/>
    </row>
    <row r="936534" spans="14:14">
      <c r="N936534" s="10"/>
    </row>
    <row r="936535" spans="14:14">
      <c r="N936535" s="10"/>
    </row>
    <row r="936536" spans="14:14">
      <c r="N936536" s="10"/>
    </row>
    <row r="936537" spans="14:14">
      <c r="N936537" s="10"/>
    </row>
    <row r="936538" spans="14:14">
      <c r="N936538" s="10"/>
    </row>
    <row r="936539" spans="14:14">
      <c r="N936539" s="10"/>
    </row>
    <row r="936540" spans="14:14">
      <c r="N936540" s="10"/>
    </row>
    <row r="936541" spans="14:14">
      <c r="N936541" s="10"/>
    </row>
    <row r="936542" spans="14:14">
      <c r="N936542" s="10"/>
    </row>
    <row r="936543" spans="14:14">
      <c r="N936543" s="10"/>
    </row>
    <row r="936544" spans="14:14">
      <c r="N936544" s="10"/>
    </row>
    <row r="936545" spans="14:14">
      <c r="N936545" s="10"/>
    </row>
    <row r="936546" spans="14:14">
      <c r="N936546" s="10"/>
    </row>
    <row r="936547" spans="14:14">
      <c r="N936547" s="10"/>
    </row>
    <row r="936548" spans="14:14">
      <c r="N936548" s="10"/>
    </row>
    <row r="936549" spans="14:14">
      <c r="N936549" s="10"/>
    </row>
    <row r="936550" spans="14:14">
      <c r="N936550" s="10"/>
    </row>
    <row r="936551" spans="14:14">
      <c r="N936551" s="10"/>
    </row>
    <row r="936552" spans="14:14">
      <c r="N936552" s="10"/>
    </row>
    <row r="936553" spans="14:14">
      <c r="N936553" s="10"/>
    </row>
    <row r="936554" spans="14:14">
      <c r="N936554" s="10"/>
    </row>
    <row r="936555" spans="14:14">
      <c r="N936555" s="10"/>
    </row>
    <row r="936556" spans="14:14">
      <c r="N936556" s="10"/>
    </row>
    <row r="936557" spans="14:14">
      <c r="N936557" s="10"/>
    </row>
    <row r="936558" spans="14:14">
      <c r="N936558" s="10"/>
    </row>
    <row r="936559" spans="14:14">
      <c r="N936559" s="10"/>
    </row>
    <row r="936560" spans="14:14">
      <c r="N936560" s="10"/>
    </row>
    <row r="936561" spans="14:14">
      <c r="N936561" s="10"/>
    </row>
    <row r="936562" spans="14:14">
      <c r="N936562" s="10"/>
    </row>
    <row r="936563" spans="14:14">
      <c r="N936563" s="10"/>
    </row>
    <row r="936564" spans="14:14">
      <c r="N936564" s="10"/>
    </row>
    <row r="936565" spans="14:14">
      <c r="N936565" s="10"/>
    </row>
    <row r="936566" spans="14:14">
      <c r="N936566" s="10"/>
    </row>
    <row r="936567" spans="14:14">
      <c r="N936567" s="10"/>
    </row>
    <row r="936568" spans="14:14">
      <c r="N936568" s="10"/>
    </row>
    <row r="936569" spans="14:14">
      <c r="N936569" s="10"/>
    </row>
    <row r="936570" spans="14:14">
      <c r="N936570" s="10"/>
    </row>
    <row r="936571" spans="14:14">
      <c r="N936571" s="10"/>
    </row>
    <row r="936572" spans="14:14">
      <c r="N936572" s="10"/>
    </row>
    <row r="936573" spans="14:14">
      <c r="N936573" s="10"/>
    </row>
    <row r="936574" spans="14:14">
      <c r="N936574" s="10"/>
    </row>
    <row r="936575" spans="14:14">
      <c r="N936575" s="10"/>
    </row>
    <row r="936576" spans="14:14">
      <c r="N936576" s="10"/>
    </row>
    <row r="936577" spans="14:14">
      <c r="N936577" s="10"/>
    </row>
    <row r="936578" spans="14:14">
      <c r="N936578" s="10"/>
    </row>
    <row r="936579" spans="14:14">
      <c r="N936579" s="10"/>
    </row>
    <row r="936580" spans="14:14">
      <c r="N936580" s="10"/>
    </row>
    <row r="936581" spans="14:14">
      <c r="N936581" s="10"/>
    </row>
    <row r="936582" spans="14:14">
      <c r="N936582" s="10"/>
    </row>
    <row r="936583" spans="14:14">
      <c r="N936583" s="10"/>
    </row>
    <row r="936584" spans="14:14">
      <c r="N936584" s="10"/>
    </row>
    <row r="936585" spans="14:14">
      <c r="N936585" s="10"/>
    </row>
    <row r="936586" spans="14:14">
      <c r="N936586" s="10"/>
    </row>
    <row r="936587" spans="14:14">
      <c r="N936587" s="10"/>
    </row>
    <row r="936588" spans="14:14">
      <c r="N936588" s="10"/>
    </row>
    <row r="936589" spans="14:14">
      <c r="N936589" s="10"/>
    </row>
    <row r="936590" spans="14:14">
      <c r="N936590" s="10"/>
    </row>
    <row r="936591" spans="14:14">
      <c r="N936591" s="10"/>
    </row>
    <row r="936592" spans="14:14">
      <c r="N936592" s="10"/>
    </row>
    <row r="936593" spans="14:14">
      <c r="N936593" s="10"/>
    </row>
    <row r="936594" spans="14:14">
      <c r="N936594" s="10"/>
    </row>
    <row r="936595" spans="14:14">
      <c r="N936595" s="10"/>
    </row>
    <row r="936596" spans="14:14">
      <c r="N936596" s="10"/>
    </row>
    <row r="936597" spans="14:14">
      <c r="N936597" s="10"/>
    </row>
    <row r="936598" spans="14:14">
      <c r="N936598" s="10"/>
    </row>
    <row r="936599" spans="14:14">
      <c r="N936599" s="10"/>
    </row>
    <row r="936600" spans="14:14">
      <c r="N936600" s="10"/>
    </row>
    <row r="936601" spans="14:14">
      <c r="N936601" s="10"/>
    </row>
    <row r="936602" spans="14:14">
      <c r="N936602" s="10"/>
    </row>
    <row r="936603" spans="14:14">
      <c r="N936603" s="10"/>
    </row>
    <row r="936604" spans="14:14">
      <c r="N936604" s="10"/>
    </row>
    <row r="936605" spans="14:14">
      <c r="N936605" s="10"/>
    </row>
    <row r="936606" spans="14:14">
      <c r="N936606" s="10"/>
    </row>
    <row r="936607" spans="14:14">
      <c r="N936607" s="10"/>
    </row>
    <row r="936608" spans="14:14">
      <c r="N936608" s="10"/>
    </row>
    <row r="936609" spans="14:14">
      <c r="N936609" s="10"/>
    </row>
    <row r="936610" spans="14:14">
      <c r="N936610" s="10"/>
    </row>
    <row r="936611" spans="14:14">
      <c r="N936611" s="10"/>
    </row>
    <row r="936612" spans="14:14">
      <c r="N936612" s="10"/>
    </row>
    <row r="936613" spans="14:14">
      <c r="N936613" s="10"/>
    </row>
    <row r="936614" spans="14:14">
      <c r="N936614" s="10"/>
    </row>
    <row r="936615" spans="14:14">
      <c r="N936615" s="10"/>
    </row>
    <row r="936616" spans="14:14">
      <c r="N936616" s="10"/>
    </row>
    <row r="936617" spans="14:14">
      <c r="N936617" s="10"/>
    </row>
    <row r="936618" spans="14:14">
      <c r="N936618" s="10"/>
    </row>
    <row r="936619" spans="14:14">
      <c r="N936619" s="10"/>
    </row>
    <row r="936620" spans="14:14">
      <c r="N936620" s="10"/>
    </row>
    <row r="936621" spans="14:14">
      <c r="N936621" s="10"/>
    </row>
    <row r="936622" spans="14:14">
      <c r="N936622" s="10"/>
    </row>
    <row r="936623" spans="14:14">
      <c r="N936623" s="10"/>
    </row>
    <row r="936624" spans="14:14">
      <c r="N936624" s="10"/>
    </row>
    <row r="936625" spans="14:14">
      <c r="N936625" s="10"/>
    </row>
    <row r="936626" spans="14:14">
      <c r="N936626" s="10"/>
    </row>
    <row r="936627" spans="14:14">
      <c r="N936627" s="10"/>
    </row>
    <row r="936628" spans="14:14">
      <c r="N936628" s="10"/>
    </row>
    <row r="936629" spans="14:14">
      <c r="N936629" s="10"/>
    </row>
    <row r="936630" spans="14:14">
      <c r="N936630" s="10"/>
    </row>
    <row r="936631" spans="14:14">
      <c r="N936631" s="10"/>
    </row>
    <row r="936632" spans="14:14">
      <c r="N936632" s="10"/>
    </row>
    <row r="936633" spans="14:14">
      <c r="N936633" s="10"/>
    </row>
    <row r="936634" spans="14:14">
      <c r="N936634" s="10"/>
    </row>
    <row r="936635" spans="14:14">
      <c r="N936635" s="10"/>
    </row>
    <row r="936636" spans="14:14">
      <c r="N936636" s="10"/>
    </row>
    <row r="936637" spans="14:14">
      <c r="N936637" s="10"/>
    </row>
    <row r="936638" spans="14:14">
      <c r="N936638" s="10"/>
    </row>
    <row r="936639" spans="14:14">
      <c r="N936639" s="10"/>
    </row>
    <row r="936640" spans="14:14">
      <c r="N936640" s="10"/>
    </row>
    <row r="936641" spans="14:14">
      <c r="N936641" s="10"/>
    </row>
    <row r="936642" spans="14:14">
      <c r="N936642" s="10"/>
    </row>
    <row r="936643" spans="14:14">
      <c r="N936643" s="10"/>
    </row>
    <row r="936644" spans="14:14">
      <c r="N936644" s="10"/>
    </row>
    <row r="936645" spans="14:14">
      <c r="N936645" s="10"/>
    </row>
    <row r="936646" spans="14:14">
      <c r="N936646" s="10"/>
    </row>
    <row r="936647" spans="14:14">
      <c r="N936647" s="10"/>
    </row>
    <row r="936648" spans="14:14">
      <c r="N936648" s="10"/>
    </row>
    <row r="936649" spans="14:14">
      <c r="N936649" s="10"/>
    </row>
    <row r="936650" spans="14:14">
      <c r="N936650" s="10"/>
    </row>
    <row r="936651" spans="14:14">
      <c r="N936651" s="10"/>
    </row>
    <row r="936652" spans="14:14">
      <c r="N936652" s="10"/>
    </row>
    <row r="936653" spans="14:14">
      <c r="N936653" s="10"/>
    </row>
    <row r="936654" spans="14:14">
      <c r="N936654" s="10"/>
    </row>
    <row r="936655" spans="14:14">
      <c r="N936655" s="10"/>
    </row>
    <row r="936656" spans="14:14">
      <c r="N936656" s="10"/>
    </row>
    <row r="936657" spans="14:14">
      <c r="N936657" s="10"/>
    </row>
    <row r="936658" spans="14:14">
      <c r="N936658" s="10"/>
    </row>
    <row r="936659" spans="14:14">
      <c r="N936659" s="10"/>
    </row>
    <row r="936660" spans="14:14">
      <c r="N936660" s="10"/>
    </row>
    <row r="936661" spans="14:14">
      <c r="N936661" s="10"/>
    </row>
    <row r="936662" spans="14:14">
      <c r="N936662" s="10"/>
    </row>
    <row r="936663" spans="14:14">
      <c r="N936663" s="10"/>
    </row>
    <row r="936664" spans="14:14">
      <c r="N936664" s="10"/>
    </row>
    <row r="936665" spans="14:14">
      <c r="N936665" s="10"/>
    </row>
    <row r="936666" spans="14:14">
      <c r="N936666" s="10"/>
    </row>
    <row r="936667" spans="14:14">
      <c r="N936667" s="10"/>
    </row>
    <row r="936668" spans="14:14">
      <c r="N936668" s="10"/>
    </row>
    <row r="936669" spans="14:14">
      <c r="N936669" s="10"/>
    </row>
    <row r="936670" spans="14:14">
      <c r="N936670" s="10"/>
    </row>
    <row r="936671" spans="14:14">
      <c r="N936671" s="10"/>
    </row>
    <row r="936672" spans="14:14">
      <c r="N936672" s="10"/>
    </row>
    <row r="936673" spans="14:14">
      <c r="N936673" s="10"/>
    </row>
    <row r="936674" spans="14:14">
      <c r="N936674" s="10"/>
    </row>
    <row r="936675" spans="14:14">
      <c r="N936675" s="10"/>
    </row>
    <row r="936676" spans="14:14">
      <c r="N936676" s="10"/>
    </row>
    <row r="936677" spans="14:14">
      <c r="N936677" s="10"/>
    </row>
    <row r="936678" spans="14:14">
      <c r="N936678" s="10"/>
    </row>
    <row r="936679" spans="14:14">
      <c r="N936679" s="10"/>
    </row>
    <row r="936680" spans="14:14">
      <c r="N936680" s="10"/>
    </row>
    <row r="936681" spans="14:14">
      <c r="N936681" s="10"/>
    </row>
    <row r="936682" spans="14:14">
      <c r="N936682" s="10"/>
    </row>
    <row r="936683" spans="14:14">
      <c r="N936683" s="10"/>
    </row>
    <row r="936684" spans="14:14">
      <c r="N936684" s="10"/>
    </row>
    <row r="936685" spans="14:14">
      <c r="N936685" s="10"/>
    </row>
    <row r="936686" spans="14:14">
      <c r="N936686" s="10"/>
    </row>
    <row r="936687" spans="14:14">
      <c r="N936687" s="10"/>
    </row>
    <row r="936688" spans="14:14">
      <c r="N936688" s="10"/>
    </row>
    <row r="936689" spans="14:14">
      <c r="N936689" s="10"/>
    </row>
    <row r="936690" spans="14:14">
      <c r="N936690" s="10"/>
    </row>
    <row r="936691" spans="14:14">
      <c r="N936691" s="10"/>
    </row>
    <row r="936692" spans="14:14">
      <c r="N936692" s="10"/>
    </row>
    <row r="936693" spans="14:14">
      <c r="N936693" s="10"/>
    </row>
    <row r="936694" spans="14:14">
      <c r="N936694" s="10"/>
    </row>
    <row r="936695" spans="14:14">
      <c r="N936695" s="10"/>
    </row>
    <row r="936696" spans="14:14">
      <c r="N936696" s="10"/>
    </row>
    <row r="936697" spans="14:14">
      <c r="N936697" s="10"/>
    </row>
    <row r="936698" spans="14:14">
      <c r="N936698" s="10"/>
    </row>
    <row r="936699" spans="14:14">
      <c r="N936699" s="10"/>
    </row>
    <row r="936700" spans="14:14">
      <c r="N936700" s="10"/>
    </row>
    <row r="936701" spans="14:14">
      <c r="N936701" s="10"/>
    </row>
    <row r="936702" spans="14:14">
      <c r="N936702" s="10"/>
    </row>
    <row r="936703" spans="14:14">
      <c r="N936703" s="10"/>
    </row>
    <row r="936704" spans="14:14">
      <c r="N936704" s="10"/>
    </row>
    <row r="936705" spans="14:14">
      <c r="N936705" s="10"/>
    </row>
    <row r="936706" spans="14:14">
      <c r="N936706" s="10"/>
    </row>
    <row r="936707" spans="14:14">
      <c r="N936707" s="10"/>
    </row>
    <row r="936708" spans="14:14">
      <c r="N936708" s="10"/>
    </row>
    <row r="936709" spans="14:14">
      <c r="N936709" s="10"/>
    </row>
    <row r="936710" spans="14:14">
      <c r="N936710" s="10"/>
    </row>
    <row r="936711" spans="14:14">
      <c r="N936711" s="10"/>
    </row>
    <row r="936712" spans="14:14">
      <c r="N936712" s="10"/>
    </row>
    <row r="936713" spans="14:14">
      <c r="N936713" s="10"/>
    </row>
    <row r="936714" spans="14:14">
      <c r="N936714" s="10"/>
    </row>
    <row r="936715" spans="14:14">
      <c r="N936715" s="10"/>
    </row>
    <row r="936716" spans="14:14">
      <c r="N936716" s="10"/>
    </row>
    <row r="936717" spans="14:14">
      <c r="N936717" s="10"/>
    </row>
    <row r="936718" spans="14:14">
      <c r="N936718" s="10"/>
    </row>
    <row r="936719" spans="14:14">
      <c r="N936719" s="10"/>
    </row>
    <row r="936720" spans="14:14">
      <c r="N936720" s="10"/>
    </row>
    <row r="936721" spans="14:14">
      <c r="N936721" s="10"/>
    </row>
    <row r="936722" spans="14:14">
      <c r="N936722" s="10"/>
    </row>
    <row r="936723" spans="14:14">
      <c r="N936723" s="10"/>
    </row>
    <row r="936724" spans="14:14">
      <c r="N936724" s="10"/>
    </row>
    <row r="936725" spans="14:14">
      <c r="N936725" s="10"/>
    </row>
    <row r="936726" spans="14:14">
      <c r="N936726" s="10"/>
    </row>
    <row r="936727" spans="14:14">
      <c r="N936727" s="10"/>
    </row>
    <row r="936728" spans="14:14">
      <c r="N936728" s="10"/>
    </row>
    <row r="936729" spans="14:14">
      <c r="N936729" s="10"/>
    </row>
    <row r="936730" spans="14:14">
      <c r="N936730" s="10"/>
    </row>
    <row r="936731" spans="14:14">
      <c r="N936731" s="10"/>
    </row>
    <row r="936732" spans="14:14">
      <c r="N936732" s="10"/>
    </row>
    <row r="936733" spans="14:14">
      <c r="N936733" s="10"/>
    </row>
    <row r="936734" spans="14:14">
      <c r="N936734" s="10"/>
    </row>
    <row r="936735" spans="14:14">
      <c r="N936735" s="10"/>
    </row>
    <row r="936736" spans="14:14">
      <c r="N936736" s="10"/>
    </row>
    <row r="936737" spans="14:14">
      <c r="N936737" s="10"/>
    </row>
    <row r="936738" spans="14:14">
      <c r="N936738" s="10"/>
    </row>
    <row r="936739" spans="14:14">
      <c r="N936739" s="10"/>
    </row>
    <row r="936740" spans="14:14">
      <c r="N936740" s="10"/>
    </row>
    <row r="936741" spans="14:14">
      <c r="N936741" s="10"/>
    </row>
    <row r="936742" spans="14:14">
      <c r="N936742" s="10"/>
    </row>
    <row r="936743" spans="14:14">
      <c r="N936743" s="10"/>
    </row>
    <row r="936744" spans="14:14">
      <c r="N936744" s="10"/>
    </row>
    <row r="936745" spans="14:14">
      <c r="N936745" s="10"/>
    </row>
    <row r="936746" spans="14:14">
      <c r="N936746" s="10"/>
    </row>
    <row r="936747" spans="14:14">
      <c r="N936747" s="10"/>
    </row>
    <row r="936748" spans="14:14">
      <c r="N936748" s="10"/>
    </row>
    <row r="936749" spans="14:14">
      <c r="N936749" s="10"/>
    </row>
    <row r="936750" spans="14:14">
      <c r="N936750" s="10"/>
    </row>
    <row r="936751" spans="14:14">
      <c r="N936751" s="10"/>
    </row>
    <row r="936752" spans="14:14">
      <c r="N936752" s="10"/>
    </row>
    <row r="936753" spans="14:14">
      <c r="N936753" s="10"/>
    </row>
    <row r="936754" spans="14:14">
      <c r="N936754" s="10"/>
    </row>
    <row r="936755" spans="14:14">
      <c r="N936755" s="10"/>
    </row>
    <row r="936756" spans="14:14">
      <c r="N936756" s="10"/>
    </row>
    <row r="936757" spans="14:14">
      <c r="N936757" s="10"/>
    </row>
    <row r="936758" spans="14:14">
      <c r="N936758" s="10"/>
    </row>
    <row r="936759" spans="14:14">
      <c r="N936759" s="10"/>
    </row>
    <row r="936760" spans="14:14">
      <c r="N936760" s="10"/>
    </row>
    <row r="936761" spans="14:14">
      <c r="N936761" s="10"/>
    </row>
    <row r="936762" spans="14:14">
      <c r="N936762" s="10"/>
    </row>
    <row r="936763" spans="14:14">
      <c r="N936763" s="10"/>
    </row>
    <row r="936764" spans="14:14">
      <c r="N936764" s="10"/>
    </row>
    <row r="936765" spans="14:14">
      <c r="N936765" s="10"/>
    </row>
    <row r="936766" spans="14:14">
      <c r="N936766" s="10"/>
    </row>
    <row r="936767" spans="14:14">
      <c r="N936767" s="10"/>
    </row>
    <row r="936768" spans="14:14">
      <c r="N936768" s="10"/>
    </row>
    <row r="936769" spans="14:14">
      <c r="N936769" s="10"/>
    </row>
    <row r="936770" spans="14:14">
      <c r="N936770" s="10"/>
    </row>
    <row r="936771" spans="14:14">
      <c r="N936771" s="10"/>
    </row>
    <row r="936772" spans="14:14">
      <c r="N936772" s="10"/>
    </row>
    <row r="936773" spans="14:14">
      <c r="N936773" s="10"/>
    </row>
    <row r="936774" spans="14:14">
      <c r="N936774" s="10"/>
    </row>
    <row r="936775" spans="14:14">
      <c r="N936775" s="10"/>
    </row>
    <row r="936776" spans="14:14">
      <c r="N936776" s="10"/>
    </row>
    <row r="936777" spans="14:14">
      <c r="N936777" s="10"/>
    </row>
    <row r="936778" spans="14:14">
      <c r="N936778" s="10"/>
    </row>
    <row r="936779" spans="14:14">
      <c r="N936779" s="10"/>
    </row>
    <row r="936780" spans="14:14">
      <c r="N936780" s="10"/>
    </row>
    <row r="936781" spans="14:14">
      <c r="N936781" s="10"/>
    </row>
    <row r="936782" spans="14:14">
      <c r="N936782" s="10"/>
    </row>
    <row r="936783" spans="14:14">
      <c r="N936783" s="10"/>
    </row>
    <row r="936784" spans="14:14">
      <c r="N936784" s="10"/>
    </row>
    <row r="936785" spans="14:14">
      <c r="N936785" s="10"/>
    </row>
    <row r="936786" spans="14:14">
      <c r="N936786" s="10"/>
    </row>
    <row r="936787" spans="14:14">
      <c r="N936787" s="10"/>
    </row>
    <row r="936788" spans="14:14">
      <c r="N936788" s="10"/>
    </row>
    <row r="936789" spans="14:14">
      <c r="N936789" s="10"/>
    </row>
    <row r="936790" spans="14:14">
      <c r="N936790" s="10"/>
    </row>
    <row r="936791" spans="14:14">
      <c r="N936791" s="10"/>
    </row>
    <row r="936792" spans="14:14">
      <c r="N936792" s="10"/>
    </row>
    <row r="936793" spans="14:14">
      <c r="N936793" s="10"/>
    </row>
    <row r="936794" spans="14:14">
      <c r="N936794" s="10"/>
    </row>
    <row r="936795" spans="14:14">
      <c r="N936795" s="10"/>
    </row>
    <row r="936796" spans="14:14">
      <c r="N936796" s="10"/>
    </row>
    <row r="936797" spans="14:14">
      <c r="N936797" s="10"/>
    </row>
    <row r="936798" spans="14:14">
      <c r="N936798" s="10"/>
    </row>
    <row r="936799" spans="14:14">
      <c r="N936799" s="10"/>
    </row>
    <row r="936800" spans="14:14">
      <c r="N936800" s="10"/>
    </row>
    <row r="936801" spans="14:14">
      <c r="N936801" s="10"/>
    </row>
    <row r="936802" spans="14:14">
      <c r="N936802" s="10"/>
    </row>
    <row r="936803" spans="14:14">
      <c r="N936803" s="10"/>
    </row>
    <row r="936804" spans="14:14">
      <c r="N936804" s="10"/>
    </row>
    <row r="936805" spans="14:14">
      <c r="N936805" s="10"/>
    </row>
    <row r="936806" spans="14:14">
      <c r="N936806" s="10"/>
    </row>
    <row r="936807" spans="14:14">
      <c r="N936807" s="10"/>
    </row>
    <row r="936808" spans="14:14">
      <c r="N936808" s="10"/>
    </row>
    <row r="936809" spans="14:14">
      <c r="N936809" s="10"/>
    </row>
    <row r="936810" spans="14:14">
      <c r="N936810" s="10"/>
    </row>
    <row r="936811" spans="14:14">
      <c r="N936811" s="10"/>
    </row>
    <row r="936812" spans="14:14">
      <c r="N936812" s="10"/>
    </row>
    <row r="936813" spans="14:14">
      <c r="N936813" s="10"/>
    </row>
    <row r="936814" spans="14:14">
      <c r="N936814" s="10"/>
    </row>
    <row r="936815" spans="14:14">
      <c r="N936815" s="10"/>
    </row>
    <row r="936816" spans="14:14">
      <c r="N936816" s="10"/>
    </row>
    <row r="936817" spans="14:14">
      <c r="N936817" s="10"/>
    </row>
    <row r="936818" spans="14:14">
      <c r="N936818" s="10"/>
    </row>
    <row r="936819" spans="14:14">
      <c r="N936819" s="10"/>
    </row>
    <row r="936820" spans="14:14">
      <c r="N936820" s="10"/>
    </row>
    <row r="936821" spans="14:14">
      <c r="N936821" s="10"/>
    </row>
    <row r="936822" spans="14:14">
      <c r="N936822" s="10"/>
    </row>
    <row r="936823" spans="14:14">
      <c r="N936823" s="10"/>
    </row>
    <row r="936824" spans="14:14">
      <c r="N936824" s="10"/>
    </row>
    <row r="936825" spans="14:14">
      <c r="N936825" s="10"/>
    </row>
    <row r="936826" spans="14:14">
      <c r="N936826" s="10"/>
    </row>
    <row r="936827" spans="14:14">
      <c r="N936827" s="10"/>
    </row>
    <row r="936828" spans="14:14">
      <c r="N936828" s="10"/>
    </row>
    <row r="936829" spans="14:14">
      <c r="N936829" s="10"/>
    </row>
    <row r="936830" spans="14:14">
      <c r="N936830" s="10"/>
    </row>
    <row r="936831" spans="14:14">
      <c r="N936831" s="10"/>
    </row>
    <row r="936832" spans="14:14">
      <c r="N936832" s="10"/>
    </row>
    <row r="936833" spans="14:14">
      <c r="N936833" s="10"/>
    </row>
    <row r="936834" spans="14:14">
      <c r="N936834" s="10"/>
    </row>
    <row r="936835" spans="14:14">
      <c r="N936835" s="10"/>
    </row>
    <row r="936836" spans="14:14">
      <c r="N936836" s="10"/>
    </row>
    <row r="936837" spans="14:14">
      <c r="N936837" s="10"/>
    </row>
    <row r="936838" spans="14:14">
      <c r="N936838" s="10"/>
    </row>
    <row r="936839" spans="14:14">
      <c r="N936839" s="10"/>
    </row>
    <row r="936840" spans="14:14">
      <c r="N936840" s="10"/>
    </row>
    <row r="936841" spans="14:14">
      <c r="N936841" s="10"/>
    </row>
    <row r="936842" spans="14:14">
      <c r="N936842" s="10"/>
    </row>
    <row r="936843" spans="14:14">
      <c r="N936843" s="10"/>
    </row>
    <row r="936844" spans="14:14">
      <c r="N936844" s="10"/>
    </row>
    <row r="936845" spans="14:14">
      <c r="N936845" s="10"/>
    </row>
    <row r="936846" spans="14:14">
      <c r="N936846" s="10"/>
    </row>
    <row r="936847" spans="14:14">
      <c r="N936847" s="10"/>
    </row>
    <row r="936848" spans="14:14">
      <c r="N936848" s="10"/>
    </row>
    <row r="936849" spans="14:14">
      <c r="N936849" s="10"/>
    </row>
    <row r="936850" spans="14:14">
      <c r="N936850" s="10"/>
    </row>
    <row r="936851" spans="14:14">
      <c r="N936851" s="10"/>
    </row>
    <row r="936852" spans="14:14">
      <c r="N936852" s="10"/>
    </row>
    <row r="936853" spans="14:14">
      <c r="N936853" s="10"/>
    </row>
    <row r="936854" spans="14:14">
      <c r="N936854" s="10"/>
    </row>
    <row r="936855" spans="14:14">
      <c r="N936855" s="10"/>
    </row>
    <row r="936856" spans="14:14">
      <c r="N936856" s="10"/>
    </row>
    <row r="936857" spans="14:14">
      <c r="N936857" s="10"/>
    </row>
    <row r="936858" spans="14:14">
      <c r="N936858" s="10"/>
    </row>
    <row r="936859" spans="14:14">
      <c r="N936859" s="10"/>
    </row>
    <row r="936860" spans="14:14">
      <c r="N936860" s="10"/>
    </row>
    <row r="936861" spans="14:14">
      <c r="N936861" s="10"/>
    </row>
    <row r="936862" spans="14:14">
      <c r="N936862" s="10"/>
    </row>
    <row r="936863" spans="14:14">
      <c r="N936863" s="10"/>
    </row>
    <row r="936864" spans="14:14">
      <c r="N936864" s="10"/>
    </row>
    <row r="936865" spans="14:14">
      <c r="N936865" s="10"/>
    </row>
    <row r="936866" spans="14:14">
      <c r="N936866" s="10"/>
    </row>
    <row r="936867" spans="14:14">
      <c r="N936867" s="10"/>
    </row>
    <row r="936868" spans="14:14">
      <c r="N936868" s="10"/>
    </row>
    <row r="936869" spans="14:14">
      <c r="N936869" s="10"/>
    </row>
    <row r="936870" spans="14:14">
      <c r="N936870" s="10"/>
    </row>
    <row r="936871" spans="14:14">
      <c r="N936871" s="10"/>
    </row>
    <row r="936872" spans="14:14">
      <c r="N936872" s="10"/>
    </row>
    <row r="936873" spans="14:14">
      <c r="N936873" s="10"/>
    </row>
    <row r="936874" spans="14:14">
      <c r="N936874" s="10"/>
    </row>
    <row r="936875" spans="14:14">
      <c r="N936875" s="10"/>
    </row>
    <row r="936876" spans="14:14">
      <c r="N936876" s="10"/>
    </row>
    <row r="936877" spans="14:14">
      <c r="N936877" s="10"/>
    </row>
    <row r="936878" spans="14:14">
      <c r="N936878" s="10"/>
    </row>
    <row r="936879" spans="14:14">
      <c r="N936879" s="10"/>
    </row>
    <row r="936880" spans="14:14">
      <c r="N936880" s="10"/>
    </row>
    <row r="936881" spans="14:14">
      <c r="N936881" s="10"/>
    </row>
    <row r="936882" spans="14:14">
      <c r="N936882" s="10"/>
    </row>
    <row r="936883" spans="14:14">
      <c r="N936883" s="10"/>
    </row>
    <row r="936884" spans="14:14">
      <c r="N936884" s="10"/>
    </row>
    <row r="936885" spans="14:14">
      <c r="N936885" s="10"/>
    </row>
    <row r="936886" spans="14:14">
      <c r="N936886" s="10"/>
    </row>
    <row r="936887" spans="14:14">
      <c r="N936887" s="10"/>
    </row>
    <row r="936888" spans="14:14">
      <c r="N936888" s="10"/>
    </row>
    <row r="936889" spans="14:14">
      <c r="N936889" s="10"/>
    </row>
    <row r="936890" spans="14:14">
      <c r="N936890" s="10"/>
    </row>
    <row r="936891" spans="14:14">
      <c r="N936891" s="10"/>
    </row>
    <row r="936892" spans="14:14">
      <c r="N936892" s="10"/>
    </row>
    <row r="936893" spans="14:14">
      <c r="N936893" s="10"/>
    </row>
    <row r="936894" spans="14:14">
      <c r="N936894" s="10"/>
    </row>
    <row r="936895" spans="14:14">
      <c r="N936895" s="10"/>
    </row>
    <row r="936896" spans="14:14">
      <c r="N936896" s="10"/>
    </row>
    <row r="936897" spans="14:14">
      <c r="N936897" s="10"/>
    </row>
    <row r="936898" spans="14:14">
      <c r="N936898" s="10"/>
    </row>
    <row r="936899" spans="14:14">
      <c r="N936899" s="10"/>
    </row>
    <row r="936900" spans="14:14">
      <c r="N936900" s="10"/>
    </row>
    <row r="936901" spans="14:14">
      <c r="N936901" s="10"/>
    </row>
    <row r="936902" spans="14:14">
      <c r="N936902" s="10"/>
    </row>
    <row r="936903" spans="14:14">
      <c r="N936903" s="10"/>
    </row>
    <row r="936904" spans="14:14">
      <c r="N936904" s="10"/>
    </row>
    <row r="936905" spans="14:14">
      <c r="N936905" s="10"/>
    </row>
    <row r="936906" spans="14:14">
      <c r="N936906" s="10"/>
    </row>
    <row r="936907" spans="14:14">
      <c r="N936907" s="10"/>
    </row>
    <row r="936908" spans="14:14">
      <c r="N936908" s="10"/>
    </row>
    <row r="936909" spans="14:14">
      <c r="N936909" s="10"/>
    </row>
    <row r="936910" spans="14:14">
      <c r="N936910" s="10"/>
    </row>
    <row r="936911" spans="14:14">
      <c r="N936911" s="10"/>
    </row>
    <row r="936912" spans="14:14">
      <c r="N936912" s="10"/>
    </row>
    <row r="936913" spans="14:14">
      <c r="N936913" s="10"/>
    </row>
    <row r="936914" spans="14:14">
      <c r="N936914" s="10"/>
    </row>
    <row r="936915" spans="14:14">
      <c r="N936915" s="10"/>
    </row>
    <row r="936916" spans="14:14">
      <c r="N936916" s="10"/>
    </row>
    <row r="936917" spans="14:14">
      <c r="N936917" s="10"/>
    </row>
    <row r="936918" spans="14:14">
      <c r="N936918" s="10"/>
    </row>
    <row r="936919" spans="14:14">
      <c r="N936919" s="10"/>
    </row>
    <row r="936920" spans="14:14">
      <c r="N936920" s="10"/>
    </row>
    <row r="936921" spans="14:14">
      <c r="N936921" s="10"/>
    </row>
    <row r="936922" spans="14:14">
      <c r="N936922" s="10"/>
    </row>
    <row r="936923" spans="14:14">
      <c r="N936923" s="10"/>
    </row>
    <row r="936924" spans="14:14">
      <c r="N936924" s="10"/>
    </row>
    <row r="936925" spans="14:14">
      <c r="N936925" s="10"/>
    </row>
    <row r="936926" spans="14:14">
      <c r="N936926" s="10"/>
    </row>
    <row r="936927" spans="14:14">
      <c r="N936927" s="10"/>
    </row>
    <row r="936928" spans="14:14">
      <c r="N936928" s="10"/>
    </row>
    <row r="936929" spans="14:14">
      <c r="N936929" s="10"/>
    </row>
    <row r="936930" spans="14:14">
      <c r="N936930" s="10"/>
    </row>
    <row r="936931" spans="14:14">
      <c r="N936931" s="10"/>
    </row>
    <row r="936932" spans="14:14">
      <c r="N936932" s="10"/>
    </row>
    <row r="936933" spans="14:14">
      <c r="N936933" s="10"/>
    </row>
    <row r="936934" spans="14:14">
      <c r="N936934" s="10"/>
    </row>
    <row r="936935" spans="14:14">
      <c r="N936935" s="10"/>
    </row>
    <row r="936936" spans="14:14">
      <c r="N936936" s="10"/>
    </row>
    <row r="936937" spans="14:14">
      <c r="N936937" s="10"/>
    </row>
    <row r="936938" spans="14:14">
      <c r="N936938" s="10"/>
    </row>
    <row r="936939" spans="14:14">
      <c r="N936939" s="10"/>
    </row>
    <row r="936940" spans="14:14">
      <c r="N936940" s="10"/>
    </row>
    <row r="936941" spans="14:14">
      <c r="N936941" s="10"/>
    </row>
    <row r="936942" spans="14:14">
      <c r="N936942" s="10"/>
    </row>
    <row r="936943" spans="14:14">
      <c r="N936943" s="10"/>
    </row>
    <row r="936944" spans="14:14">
      <c r="N936944" s="10"/>
    </row>
    <row r="936945" spans="14:14">
      <c r="N936945" s="10"/>
    </row>
    <row r="936946" spans="14:14">
      <c r="N936946" s="10"/>
    </row>
    <row r="936947" spans="14:14">
      <c r="N936947" s="10"/>
    </row>
    <row r="936948" spans="14:14">
      <c r="N936948" s="10"/>
    </row>
    <row r="936949" spans="14:14">
      <c r="N936949" s="10"/>
    </row>
    <row r="936950" spans="14:14">
      <c r="N936950" s="10"/>
    </row>
    <row r="936951" spans="14:14">
      <c r="N936951" s="10"/>
    </row>
    <row r="936952" spans="14:14">
      <c r="N936952" s="10"/>
    </row>
    <row r="936953" spans="14:14">
      <c r="N936953" s="10"/>
    </row>
    <row r="936954" spans="14:14">
      <c r="N936954" s="10"/>
    </row>
    <row r="936955" spans="14:14">
      <c r="N936955" s="10"/>
    </row>
    <row r="936956" spans="14:14">
      <c r="N936956" s="10"/>
    </row>
    <row r="936957" spans="14:14">
      <c r="N936957" s="10"/>
    </row>
    <row r="936958" spans="14:14">
      <c r="N936958" s="10"/>
    </row>
    <row r="936959" spans="14:14">
      <c r="N936959" s="10"/>
    </row>
    <row r="936960" spans="14:14">
      <c r="N936960" s="10"/>
    </row>
    <row r="936961" spans="14:14">
      <c r="N936961" s="10"/>
    </row>
    <row r="936962" spans="14:14">
      <c r="N936962" s="10"/>
    </row>
    <row r="936963" spans="14:14">
      <c r="N936963" s="10"/>
    </row>
    <row r="936964" spans="14:14">
      <c r="N936964" s="10"/>
    </row>
    <row r="936965" spans="14:14">
      <c r="N936965" s="10"/>
    </row>
    <row r="936966" spans="14:14">
      <c r="N936966" s="10"/>
    </row>
    <row r="936967" spans="14:14">
      <c r="N936967" s="10"/>
    </row>
    <row r="936968" spans="14:14">
      <c r="N936968" s="10"/>
    </row>
    <row r="936969" spans="14:14">
      <c r="N936969" s="10"/>
    </row>
    <row r="936970" spans="14:14">
      <c r="N936970" s="10"/>
    </row>
    <row r="936971" spans="14:14">
      <c r="N936971" s="10"/>
    </row>
    <row r="936972" spans="14:14">
      <c r="N936972" s="10"/>
    </row>
    <row r="936973" spans="14:14">
      <c r="N936973" s="10"/>
    </row>
    <row r="936974" spans="14:14">
      <c r="N936974" s="10"/>
    </row>
    <row r="936975" spans="14:14">
      <c r="N936975" s="10"/>
    </row>
    <row r="936976" spans="14:14">
      <c r="N936976" s="10"/>
    </row>
    <row r="936977" spans="14:14">
      <c r="N936977" s="10"/>
    </row>
    <row r="936978" spans="14:14">
      <c r="N936978" s="10"/>
    </row>
    <row r="936979" spans="14:14">
      <c r="N936979" s="10"/>
    </row>
    <row r="936980" spans="14:14">
      <c r="N936980" s="10"/>
    </row>
    <row r="936981" spans="14:14">
      <c r="N936981" s="10"/>
    </row>
    <row r="936982" spans="14:14">
      <c r="N936982" s="10"/>
    </row>
    <row r="936983" spans="14:14">
      <c r="N936983" s="10"/>
    </row>
    <row r="936984" spans="14:14">
      <c r="N936984" s="10"/>
    </row>
    <row r="936985" spans="14:14">
      <c r="N936985" s="10"/>
    </row>
    <row r="936986" spans="14:14">
      <c r="N936986" s="10"/>
    </row>
    <row r="936987" spans="14:14">
      <c r="N936987" s="10"/>
    </row>
    <row r="936988" spans="14:14">
      <c r="N936988" s="10"/>
    </row>
    <row r="936989" spans="14:14">
      <c r="N936989" s="10"/>
    </row>
    <row r="936990" spans="14:14">
      <c r="N936990" s="10"/>
    </row>
    <row r="936991" spans="14:14">
      <c r="N936991" s="10"/>
    </row>
    <row r="936992" spans="14:14">
      <c r="N936992" s="10"/>
    </row>
    <row r="936993" spans="14:14">
      <c r="N936993" s="10"/>
    </row>
    <row r="936994" spans="14:14">
      <c r="N936994" s="10"/>
    </row>
    <row r="936995" spans="14:14">
      <c r="N936995" s="10"/>
    </row>
    <row r="936996" spans="14:14">
      <c r="N936996" s="10"/>
    </row>
    <row r="936997" spans="14:14">
      <c r="N936997" s="10"/>
    </row>
    <row r="936998" spans="14:14">
      <c r="N936998" s="10"/>
    </row>
    <row r="936999" spans="14:14">
      <c r="N936999" s="10"/>
    </row>
    <row r="937000" spans="14:14">
      <c r="N937000" s="10"/>
    </row>
    <row r="937001" spans="14:14">
      <c r="N937001" s="10"/>
    </row>
    <row r="937002" spans="14:14">
      <c r="N937002" s="10"/>
    </row>
    <row r="937003" spans="14:14">
      <c r="N937003" s="10"/>
    </row>
    <row r="937004" spans="14:14">
      <c r="N937004" s="10"/>
    </row>
    <row r="937005" spans="14:14">
      <c r="N937005" s="10"/>
    </row>
    <row r="937006" spans="14:14">
      <c r="N937006" s="10"/>
    </row>
    <row r="937007" spans="14:14">
      <c r="N937007" s="10"/>
    </row>
    <row r="937008" spans="14:14">
      <c r="N937008" s="10"/>
    </row>
    <row r="937009" spans="14:14">
      <c r="N937009" s="10"/>
    </row>
    <row r="937010" spans="14:14">
      <c r="N937010" s="10"/>
    </row>
    <row r="937011" spans="14:14">
      <c r="N937011" s="10"/>
    </row>
    <row r="937012" spans="14:14">
      <c r="N937012" s="10"/>
    </row>
    <row r="937013" spans="14:14">
      <c r="N937013" s="10"/>
    </row>
    <row r="937014" spans="14:14">
      <c r="N937014" s="10"/>
    </row>
    <row r="937015" spans="14:14">
      <c r="N937015" s="10"/>
    </row>
    <row r="937016" spans="14:14">
      <c r="N937016" s="10"/>
    </row>
    <row r="937017" spans="14:14">
      <c r="N937017" s="10"/>
    </row>
    <row r="937018" spans="14:14">
      <c r="N937018" s="10"/>
    </row>
    <row r="937019" spans="14:14">
      <c r="N937019" s="10"/>
    </row>
    <row r="937020" spans="14:14">
      <c r="N937020" s="10"/>
    </row>
    <row r="937021" spans="14:14">
      <c r="N937021" s="10"/>
    </row>
    <row r="937022" spans="14:14">
      <c r="N937022" s="10"/>
    </row>
    <row r="937023" spans="14:14">
      <c r="N937023" s="10"/>
    </row>
    <row r="937024" spans="14:14">
      <c r="N937024" s="10"/>
    </row>
    <row r="937025" spans="14:14">
      <c r="N937025" s="10"/>
    </row>
    <row r="937026" spans="14:14">
      <c r="N937026" s="10"/>
    </row>
    <row r="937027" spans="14:14">
      <c r="N937027" s="10"/>
    </row>
    <row r="937028" spans="14:14">
      <c r="N937028" s="10"/>
    </row>
    <row r="937029" spans="14:14">
      <c r="N937029" s="10"/>
    </row>
    <row r="937030" spans="14:14">
      <c r="N937030" s="10"/>
    </row>
    <row r="937031" spans="14:14">
      <c r="N937031" s="10"/>
    </row>
    <row r="937032" spans="14:14">
      <c r="N937032" s="10"/>
    </row>
    <row r="937033" spans="14:14">
      <c r="N937033" s="10"/>
    </row>
    <row r="937034" spans="14:14">
      <c r="N937034" s="10"/>
    </row>
    <row r="937035" spans="14:14">
      <c r="N937035" s="10"/>
    </row>
    <row r="937036" spans="14:14">
      <c r="N937036" s="10"/>
    </row>
    <row r="937037" spans="14:14">
      <c r="N937037" s="10"/>
    </row>
    <row r="937038" spans="14:14">
      <c r="N937038" s="10"/>
    </row>
    <row r="937039" spans="14:14">
      <c r="N937039" s="10"/>
    </row>
    <row r="937040" spans="14:14">
      <c r="N937040" s="10"/>
    </row>
    <row r="937041" spans="14:14">
      <c r="N937041" s="10"/>
    </row>
    <row r="937042" spans="14:14">
      <c r="N937042" s="10"/>
    </row>
    <row r="937043" spans="14:14">
      <c r="N937043" s="10"/>
    </row>
    <row r="937044" spans="14:14">
      <c r="N937044" s="10"/>
    </row>
    <row r="937045" spans="14:14">
      <c r="N937045" s="10"/>
    </row>
    <row r="937046" spans="14:14">
      <c r="N937046" s="10"/>
    </row>
    <row r="937047" spans="14:14">
      <c r="N937047" s="10"/>
    </row>
    <row r="937048" spans="14:14">
      <c r="N937048" s="10"/>
    </row>
    <row r="937049" spans="14:14">
      <c r="N937049" s="10"/>
    </row>
    <row r="937050" spans="14:14">
      <c r="N937050" s="10"/>
    </row>
    <row r="937051" spans="14:14">
      <c r="N937051" s="10"/>
    </row>
    <row r="937052" spans="14:14">
      <c r="N937052" s="10"/>
    </row>
    <row r="937053" spans="14:14">
      <c r="N937053" s="10"/>
    </row>
    <row r="937054" spans="14:14">
      <c r="N937054" s="10"/>
    </row>
    <row r="937055" spans="14:14">
      <c r="N937055" s="10"/>
    </row>
    <row r="937056" spans="14:14">
      <c r="N937056" s="10"/>
    </row>
    <row r="937057" spans="14:14">
      <c r="N937057" s="10"/>
    </row>
    <row r="937058" spans="14:14">
      <c r="N937058" s="10"/>
    </row>
    <row r="937059" spans="14:14">
      <c r="N937059" s="10"/>
    </row>
    <row r="937060" spans="14:14">
      <c r="N937060" s="10"/>
    </row>
    <row r="937061" spans="14:14">
      <c r="N937061" s="10"/>
    </row>
    <row r="937062" spans="14:14">
      <c r="N937062" s="10"/>
    </row>
    <row r="937063" spans="14:14">
      <c r="N937063" s="10"/>
    </row>
    <row r="937064" spans="14:14">
      <c r="N937064" s="10"/>
    </row>
    <row r="937065" spans="14:14">
      <c r="N937065" s="10"/>
    </row>
    <row r="937066" spans="14:14">
      <c r="N937066" s="10"/>
    </row>
    <row r="937067" spans="14:14">
      <c r="N937067" s="10"/>
    </row>
    <row r="937068" spans="14:14">
      <c r="N937068" s="10"/>
    </row>
    <row r="937069" spans="14:14">
      <c r="N937069" s="10"/>
    </row>
    <row r="937070" spans="14:14">
      <c r="N937070" s="10"/>
    </row>
    <row r="937071" spans="14:14">
      <c r="N937071" s="10"/>
    </row>
    <row r="937072" spans="14:14">
      <c r="N937072" s="10"/>
    </row>
    <row r="937073" spans="14:14">
      <c r="N937073" s="10"/>
    </row>
    <row r="937074" spans="14:14">
      <c r="N937074" s="10"/>
    </row>
    <row r="937075" spans="14:14">
      <c r="N937075" s="10"/>
    </row>
    <row r="937076" spans="14:14">
      <c r="N937076" s="10"/>
    </row>
    <row r="937077" spans="14:14">
      <c r="N937077" s="10"/>
    </row>
    <row r="937078" spans="14:14">
      <c r="N937078" s="10"/>
    </row>
    <row r="937079" spans="14:14">
      <c r="N937079" s="10"/>
    </row>
    <row r="937080" spans="14:14">
      <c r="N937080" s="10"/>
    </row>
    <row r="937081" spans="14:14">
      <c r="N937081" s="10"/>
    </row>
    <row r="937082" spans="14:14">
      <c r="N937082" s="10"/>
    </row>
    <row r="937083" spans="14:14">
      <c r="N937083" s="10"/>
    </row>
    <row r="937084" spans="14:14">
      <c r="N937084" s="10"/>
    </row>
    <row r="937085" spans="14:14">
      <c r="N937085" s="10"/>
    </row>
    <row r="937086" spans="14:14">
      <c r="N937086" s="10"/>
    </row>
    <row r="937087" spans="14:14">
      <c r="N937087" s="10"/>
    </row>
    <row r="937088" spans="14:14">
      <c r="N937088" s="10"/>
    </row>
    <row r="937089" spans="14:14">
      <c r="N937089" s="10"/>
    </row>
    <row r="937090" spans="14:14">
      <c r="N937090" s="10"/>
    </row>
    <row r="937091" spans="14:14">
      <c r="N937091" s="10"/>
    </row>
    <row r="937092" spans="14:14">
      <c r="N937092" s="10"/>
    </row>
    <row r="937093" spans="14:14">
      <c r="N937093" s="10"/>
    </row>
    <row r="937094" spans="14:14">
      <c r="N937094" s="10"/>
    </row>
    <row r="937095" spans="14:14">
      <c r="N937095" s="10"/>
    </row>
    <row r="937096" spans="14:14">
      <c r="N937096" s="10"/>
    </row>
    <row r="937097" spans="14:14">
      <c r="N937097" s="10"/>
    </row>
    <row r="937098" spans="14:14">
      <c r="N937098" s="10"/>
    </row>
    <row r="937099" spans="14:14">
      <c r="N937099" s="10"/>
    </row>
    <row r="937100" spans="14:14">
      <c r="N937100" s="10"/>
    </row>
    <row r="937101" spans="14:14">
      <c r="N937101" s="10"/>
    </row>
    <row r="937102" spans="14:14">
      <c r="N937102" s="10"/>
    </row>
    <row r="937103" spans="14:14">
      <c r="N937103" s="10"/>
    </row>
    <row r="937104" spans="14:14">
      <c r="N937104" s="10"/>
    </row>
    <row r="937105" spans="14:14">
      <c r="N937105" s="10"/>
    </row>
    <row r="937106" spans="14:14">
      <c r="N937106" s="10"/>
    </row>
    <row r="937107" spans="14:14">
      <c r="N937107" s="10"/>
    </row>
    <row r="937108" spans="14:14">
      <c r="N937108" s="10"/>
    </row>
    <row r="937109" spans="14:14">
      <c r="N937109" s="10"/>
    </row>
    <row r="937110" spans="14:14">
      <c r="N937110" s="10"/>
    </row>
    <row r="937111" spans="14:14">
      <c r="N937111" s="10"/>
    </row>
    <row r="937112" spans="14:14">
      <c r="N937112" s="10"/>
    </row>
    <row r="937113" spans="14:14">
      <c r="N937113" s="10"/>
    </row>
    <row r="937114" spans="14:14">
      <c r="N937114" s="10"/>
    </row>
    <row r="937115" spans="14:14">
      <c r="N937115" s="10"/>
    </row>
    <row r="937116" spans="14:14">
      <c r="N937116" s="10"/>
    </row>
    <row r="937117" spans="14:14">
      <c r="N937117" s="10"/>
    </row>
    <row r="937118" spans="14:14">
      <c r="N937118" s="10"/>
    </row>
    <row r="937119" spans="14:14">
      <c r="N937119" s="10"/>
    </row>
    <row r="937120" spans="14:14">
      <c r="N937120" s="10"/>
    </row>
    <row r="937121" spans="14:14">
      <c r="N937121" s="10"/>
    </row>
    <row r="937122" spans="14:14">
      <c r="N937122" s="10"/>
    </row>
    <row r="937123" spans="14:14">
      <c r="N937123" s="10"/>
    </row>
    <row r="937124" spans="14:14">
      <c r="N937124" s="10"/>
    </row>
    <row r="937125" spans="14:14">
      <c r="N937125" s="10"/>
    </row>
    <row r="937126" spans="14:14">
      <c r="N937126" s="10"/>
    </row>
    <row r="937127" spans="14:14">
      <c r="N937127" s="10"/>
    </row>
    <row r="937128" spans="14:14">
      <c r="N937128" s="10"/>
    </row>
    <row r="937129" spans="14:14">
      <c r="N937129" s="10"/>
    </row>
    <row r="937130" spans="14:14">
      <c r="N937130" s="10"/>
    </row>
    <row r="937131" spans="14:14">
      <c r="N937131" s="10"/>
    </row>
    <row r="937132" spans="14:14">
      <c r="N937132" s="10"/>
    </row>
    <row r="937133" spans="14:14">
      <c r="N937133" s="10"/>
    </row>
    <row r="937134" spans="14:14">
      <c r="N937134" s="10"/>
    </row>
    <row r="937135" spans="14:14">
      <c r="N937135" s="10"/>
    </row>
    <row r="937136" spans="14:14">
      <c r="N937136" s="10"/>
    </row>
    <row r="937137" spans="14:14">
      <c r="N937137" s="10"/>
    </row>
    <row r="937138" spans="14:14">
      <c r="N937138" s="10"/>
    </row>
    <row r="937139" spans="14:14">
      <c r="N937139" s="10"/>
    </row>
    <row r="937140" spans="14:14">
      <c r="N937140" s="10"/>
    </row>
    <row r="937141" spans="14:14">
      <c r="N937141" s="10"/>
    </row>
    <row r="937142" spans="14:14">
      <c r="N937142" s="10"/>
    </row>
    <row r="937143" spans="14:14">
      <c r="N937143" s="10"/>
    </row>
    <row r="937144" spans="14:14">
      <c r="N937144" s="10"/>
    </row>
    <row r="937145" spans="14:14">
      <c r="N937145" s="10"/>
    </row>
    <row r="937146" spans="14:14">
      <c r="N937146" s="10"/>
    </row>
    <row r="937147" spans="14:14">
      <c r="N937147" s="10"/>
    </row>
    <row r="937148" spans="14:14">
      <c r="N937148" s="10"/>
    </row>
    <row r="937149" spans="14:14">
      <c r="N937149" s="10"/>
    </row>
    <row r="937150" spans="14:14">
      <c r="N937150" s="10"/>
    </row>
    <row r="937151" spans="14:14">
      <c r="N937151" s="10"/>
    </row>
    <row r="937152" spans="14:14">
      <c r="N937152" s="10"/>
    </row>
    <row r="937153" spans="14:14">
      <c r="N937153" s="10"/>
    </row>
    <row r="937154" spans="14:14">
      <c r="N937154" s="10"/>
    </row>
    <row r="937155" spans="14:14">
      <c r="N937155" s="10"/>
    </row>
    <row r="937156" spans="14:14">
      <c r="N937156" s="10"/>
    </row>
    <row r="937157" spans="14:14">
      <c r="N937157" s="10"/>
    </row>
    <row r="937158" spans="14:14">
      <c r="N937158" s="10"/>
    </row>
    <row r="937159" spans="14:14">
      <c r="N937159" s="10"/>
    </row>
    <row r="937160" spans="14:14">
      <c r="N937160" s="10"/>
    </row>
    <row r="937161" spans="14:14">
      <c r="N937161" s="10"/>
    </row>
    <row r="937162" spans="14:14">
      <c r="N937162" s="10"/>
    </row>
    <row r="937163" spans="14:14">
      <c r="N937163" s="10"/>
    </row>
    <row r="937164" spans="14:14">
      <c r="N937164" s="10"/>
    </row>
    <row r="937165" spans="14:14">
      <c r="N937165" s="10"/>
    </row>
    <row r="937166" spans="14:14">
      <c r="N937166" s="10"/>
    </row>
    <row r="937167" spans="14:14">
      <c r="N937167" s="10"/>
    </row>
    <row r="937168" spans="14:14">
      <c r="N937168" s="10"/>
    </row>
    <row r="937169" spans="14:14">
      <c r="N937169" s="10"/>
    </row>
    <row r="937170" spans="14:14">
      <c r="N937170" s="10"/>
    </row>
    <row r="937171" spans="14:14">
      <c r="N937171" s="10"/>
    </row>
    <row r="937172" spans="14:14">
      <c r="N937172" s="10"/>
    </row>
    <row r="937173" spans="14:14">
      <c r="N937173" s="10"/>
    </row>
    <row r="937174" spans="14:14">
      <c r="N937174" s="10"/>
    </row>
    <row r="937175" spans="14:14">
      <c r="N937175" s="10"/>
    </row>
    <row r="937176" spans="14:14">
      <c r="N937176" s="10"/>
    </row>
    <row r="937177" spans="14:14">
      <c r="N937177" s="10"/>
    </row>
    <row r="937178" spans="14:14">
      <c r="N937178" s="10"/>
    </row>
    <row r="937179" spans="14:14">
      <c r="N937179" s="10"/>
    </row>
    <row r="937180" spans="14:14">
      <c r="N937180" s="10"/>
    </row>
    <row r="937181" spans="14:14">
      <c r="N937181" s="10"/>
    </row>
    <row r="937182" spans="14:14">
      <c r="N937182" s="10"/>
    </row>
    <row r="937183" spans="14:14">
      <c r="N937183" s="10"/>
    </row>
    <row r="937184" spans="14:14">
      <c r="N937184" s="10"/>
    </row>
    <row r="937185" spans="14:14">
      <c r="N937185" s="10"/>
    </row>
    <row r="937186" spans="14:14">
      <c r="N937186" s="10"/>
    </row>
    <row r="937187" spans="14:14">
      <c r="N937187" s="10"/>
    </row>
    <row r="937188" spans="14:14">
      <c r="N937188" s="10"/>
    </row>
    <row r="937189" spans="14:14">
      <c r="N937189" s="10"/>
    </row>
    <row r="937190" spans="14:14">
      <c r="N937190" s="10"/>
    </row>
    <row r="937191" spans="14:14">
      <c r="N937191" s="10"/>
    </row>
    <row r="937192" spans="14:14">
      <c r="N937192" s="10"/>
    </row>
    <row r="937193" spans="14:14">
      <c r="N937193" s="10"/>
    </row>
    <row r="937194" spans="14:14">
      <c r="N937194" s="10"/>
    </row>
    <row r="937195" spans="14:14">
      <c r="N937195" s="10"/>
    </row>
    <row r="937196" spans="14:14">
      <c r="N937196" s="10"/>
    </row>
    <row r="937197" spans="14:14">
      <c r="N937197" s="10"/>
    </row>
    <row r="937198" spans="14:14">
      <c r="N937198" s="10"/>
    </row>
    <row r="937199" spans="14:14">
      <c r="N937199" s="10"/>
    </row>
    <row r="937200" spans="14:14">
      <c r="N937200" s="10"/>
    </row>
    <row r="937201" spans="14:14">
      <c r="N937201" s="10"/>
    </row>
    <row r="937202" spans="14:14">
      <c r="N937202" s="10"/>
    </row>
    <row r="937203" spans="14:14">
      <c r="N937203" s="10"/>
    </row>
    <row r="937204" spans="14:14">
      <c r="N937204" s="10"/>
    </row>
    <row r="937205" spans="14:14">
      <c r="N937205" s="10"/>
    </row>
    <row r="937206" spans="14:14">
      <c r="N937206" s="10"/>
    </row>
    <row r="937207" spans="14:14">
      <c r="N937207" s="10"/>
    </row>
    <row r="937208" spans="14:14">
      <c r="N937208" s="10"/>
    </row>
    <row r="937209" spans="14:14">
      <c r="N937209" s="10"/>
    </row>
    <row r="937210" spans="14:14">
      <c r="N937210" s="10"/>
    </row>
    <row r="937211" spans="14:14">
      <c r="N937211" s="10"/>
    </row>
    <row r="937212" spans="14:14">
      <c r="N937212" s="10"/>
    </row>
    <row r="937213" spans="14:14">
      <c r="N937213" s="10"/>
    </row>
    <row r="937214" spans="14:14">
      <c r="N937214" s="10"/>
    </row>
    <row r="937215" spans="14:14">
      <c r="N937215" s="10"/>
    </row>
    <row r="937216" spans="14:14">
      <c r="N937216" s="10"/>
    </row>
    <row r="937217" spans="14:14">
      <c r="N937217" s="10"/>
    </row>
    <row r="937218" spans="14:14">
      <c r="N937218" s="10"/>
    </row>
    <row r="937219" spans="14:14">
      <c r="N937219" s="10"/>
    </row>
    <row r="937220" spans="14:14">
      <c r="N937220" s="10"/>
    </row>
    <row r="937221" spans="14:14">
      <c r="N937221" s="10"/>
    </row>
    <row r="937222" spans="14:14">
      <c r="N937222" s="10"/>
    </row>
    <row r="937223" spans="14:14">
      <c r="N937223" s="10"/>
    </row>
    <row r="937224" spans="14:14">
      <c r="N937224" s="10"/>
    </row>
    <row r="937225" spans="14:14">
      <c r="N937225" s="10"/>
    </row>
    <row r="937226" spans="14:14">
      <c r="N937226" s="10"/>
    </row>
    <row r="937227" spans="14:14">
      <c r="N937227" s="10"/>
    </row>
    <row r="937228" spans="14:14">
      <c r="N937228" s="10"/>
    </row>
    <row r="937229" spans="14:14">
      <c r="N937229" s="10"/>
    </row>
    <row r="937230" spans="14:14">
      <c r="N937230" s="10"/>
    </row>
    <row r="937231" spans="14:14">
      <c r="N937231" s="10"/>
    </row>
    <row r="937232" spans="14:14">
      <c r="N937232" s="10"/>
    </row>
    <row r="937233" spans="14:14">
      <c r="N937233" s="10"/>
    </row>
    <row r="937234" spans="14:14">
      <c r="N937234" s="10"/>
    </row>
    <row r="937235" spans="14:14">
      <c r="N937235" s="10"/>
    </row>
    <row r="937236" spans="14:14">
      <c r="N937236" s="10"/>
    </row>
    <row r="937237" spans="14:14">
      <c r="N937237" s="10"/>
    </row>
    <row r="937238" spans="14:14">
      <c r="N937238" s="10"/>
    </row>
    <row r="937239" spans="14:14">
      <c r="N937239" s="10"/>
    </row>
    <row r="937240" spans="14:14">
      <c r="N937240" s="10"/>
    </row>
    <row r="937241" spans="14:14">
      <c r="N937241" s="10"/>
    </row>
    <row r="937242" spans="14:14">
      <c r="N937242" s="10"/>
    </row>
    <row r="937243" spans="14:14">
      <c r="N937243" s="10"/>
    </row>
    <row r="937244" spans="14:14">
      <c r="N937244" s="10"/>
    </row>
    <row r="937245" spans="14:14">
      <c r="N937245" s="10"/>
    </row>
    <row r="937246" spans="14:14">
      <c r="N937246" s="10"/>
    </row>
    <row r="937247" spans="14:14">
      <c r="N937247" s="10"/>
    </row>
    <row r="937248" spans="14:14">
      <c r="N937248" s="10"/>
    </row>
    <row r="937249" spans="14:14">
      <c r="N937249" s="10"/>
    </row>
    <row r="937250" spans="14:14">
      <c r="N937250" s="10"/>
    </row>
    <row r="937251" spans="14:14">
      <c r="N937251" s="10"/>
    </row>
    <row r="937252" spans="14:14">
      <c r="N937252" s="10"/>
    </row>
    <row r="937253" spans="14:14">
      <c r="N937253" s="10"/>
    </row>
    <row r="937254" spans="14:14">
      <c r="N937254" s="10"/>
    </row>
    <row r="937255" spans="14:14">
      <c r="N937255" s="10"/>
    </row>
    <row r="937256" spans="14:14">
      <c r="N937256" s="10"/>
    </row>
    <row r="937257" spans="14:14">
      <c r="N937257" s="10"/>
    </row>
    <row r="937258" spans="14:14">
      <c r="N937258" s="10"/>
    </row>
    <row r="937259" spans="14:14">
      <c r="N937259" s="10"/>
    </row>
    <row r="937260" spans="14:14">
      <c r="N937260" s="10"/>
    </row>
    <row r="937261" spans="14:14">
      <c r="N937261" s="10"/>
    </row>
    <row r="937262" spans="14:14">
      <c r="N937262" s="10"/>
    </row>
    <row r="937263" spans="14:14">
      <c r="N937263" s="10"/>
    </row>
    <row r="937264" spans="14:14">
      <c r="N937264" s="10"/>
    </row>
    <row r="937265" spans="14:14">
      <c r="N937265" s="10"/>
    </row>
    <row r="937266" spans="14:14">
      <c r="N937266" s="10"/>
    </row>
    <row r="937267" spans="14:14">
      <c r="N937267" s="10"/>
    </row>
    <row r="937268" spans="14:14">
      <c r="N937268" s="10"/>
    </row>
    <row r="937269" spans="14:14">
      <c r="N937269" s="10"/>
    </row>
    <row r="937270" spans="14:14">
      <c r="N937270" s="10"/>
    </row>
    <row r="937271" spans="14:14">
      <c r="N937271" s="10"/>
    </row>
    <row r="937272" spans="14:14">
      <c r="N937272" s="10"/>
    </row>
    <row r="937273" spans="14:14">
      <c r="N937273" s="10"/>
    </row>
    <row r="937274" spans="14:14">
      <c r="N937274" s="10"/>
    </row>
    <row r="937275" spans="14:14">
      <c r="N937275" s="10"/>
    </row>
    <row r="937276" spans="14:14">
      <c r="N937276" s="10"/>
    </row>
    <row r="937277" spans="14:14">
      <c r="N937277" s="10"/>
    </row>
    <row r="937278" spans="14:14">
      <c r="N937278" s="10"/>
    </row>
    <row r="937279" spans="14:14">
      <c r="N937279" s="10"/>
    </row>
    <row r="937280" spans="14:14">
      <c r="N937280" s="10"/>
    </row>
    <row r="937281" spans="14:14">
      <c r="N937281" s="10"/>
    </row>
    <row r="937282" spans="14:14">
      <c r="N937282" s="10"/>
    </row>
    <row r="937283" spans="14:14">
      <c r="N937283" s="10"/>
    </row>
    <row r="937284" spans="14:14">
      <c r="N937284" s="10"/>
    </row>
    <row r="937285" spans="14:14">
      <c r="N937285" s="10"/>
    </row>
    <row r="937286" spans="14:14">
      <c r="N937286" s="10"/>
    </row>
    <row r="937287" spans="14:14">
      <c r="N937287" s="10"/>
    </row>
    <row r="937288" spans="14:14">
      <c r="N937288" s="10"/>
    </row>
    <row r="937289" spans="14:14">
      <c r="N937289" s="10"/>
    </row>
    <row r="937290" spans="14:14">
      <c r="N937290" s="10"/>
    </row>
    <row r="937291" spans="14:14">
      <c r="N937291" s="10"/>
    </row>
    <row r="937292" spans="14:14">
      <c r="N937292" s="10"/>
    </row>
    <row r="937293" spans="14:14">
      <c r="N937293" s="10"/>
    </row>
    <row r="937294" spans="14:14">
      <c r="N937294" s="10"/>
    </row>
    <row r="937295" spans="14:14">
      <c r="N937295" s="10"/>
    </row>
    <row r="937296" spans="14:14">
      <c r="N937296" s="10"/>
    </row>
    <row r="937297" spans="14:14">
      <c r="N937297" s="10"/>
    </row>
    <row r="937298" spans="14:14">
      <c r="N937298" s="10"/>
    </row>
    <row r="937299" spans="14:14">
      <c r="N937299" s="10"/>
    </row>
    <row r="937300" spans="14:14">
      <c r="N937300" s="10"/>
    </row>
    <row r="937301" spans="14:14">
      <c r="N937301" s="10"/>
    </row>
    <row r="937302" spans="14:14">
      <c r="N937302" s="10"/>
    </row>
    <row r="937303" spans="14:14">
      <c r="N937303" s="10"/>
    </row>
    <row r="937304" spans="14:14">
      <c r="N937304" s="10"/>
    </row>
    <row r="937305" spans="14:14">
      <c r="N937305" s="10"/>
    </row>
    <row r="937306" spans="14:14">
      <c r="N937306" s="10"/>
    </row>
    <row r="937307" spans="14:14">
      <c r="N937307" s="10"/>
    </row>
    <row r="937308" spans="14:14">
      <c r="N937308" s="10"/>
    </row>
    <row r="937309" spans="14:14">
      <c r="N937309" s="10"/>
    </row>
    <row r="937310" spans="14:14">
      <c r="N937310" s="10"/>
    </row>
    <row r="937311" spans="14:14">
      <c r="N937311" s="10"/>
    </row>
    <row r="937312" spans="14:14">
      <c r="N937312" s="10"/>
    </row>
    <row r="937313" spans="14:14">
      <c r="N937313" s="10"/>
    </row>
    <row r="937314" spans="14:14">
      <c r="N937314" s="10"/>
    </row>
    <row r="937315" spans="14:14">
      <c r="N937315" s="10"/>
    </row>
    <row r="937316" spans="14:14">
      <c r="N937316" s="10"/>
    </row>
    <row r="937317" spans="14:14">
      <c r="N937317" s="10"/>
    </row>
    <row r="937318" spans="14:14">
      <c r="N937318" s="10"/>
    </row>
    <row r="937319" spans="14:14">
      <c r="N937319" s="10"/>
    </row>
    <row r="937320" spans="14:14">
      <c r="N937320" s="10"/>
    </row>
    <row r="937321" spans="14:14">
      <c r="N937321" s="10"/>
    </row>
    <row r="937322" spans="14:14">
      <c r="N937322" s="10"/>
    </row>
    <row r="937323" spans="14:14">
      <c r="N937323" s="10"/>
    </row>
    <row r="937324" spans="14:14">
      <c r="N937324" s="10"/>
    </row>
    <row r="937325" spans="14:14">
      <c r="N937325" s="10"/>
    </row>
    <row r="937326" spans="14:14">
      <c r="N937326" s="10"/>
    </row>
    <row r="937327" spans="14:14">
      <c r="N937327" s="10"/>
    </row>
    <row r="937328" spans="14:14">
      <c r="N937328" s="10"/>
    </row>
    <row r="937329" spans="14:14">
      <c r="N937329" s="10"/>
    </row>
    <row r="937330" spans="14:14">
      <c r="N937330" s="10"/>
    </row>
    <row r="937331" spans="14:14">
      <c r="N937331" s="10"/>
    </row>
    <row r="937332" spans="14:14">
      <c r="N937332" s="10"/>
    </row>
    <row r="937333" spans="14:14">
      <c r="N937333" s="10"/>
    </row>
    <row r="937334" spans="14:14">
      <c r="N937334" s="10"/>
    </row>
    <row r="937335" spans="14:14">
      <c r="N937335" s="10"/>
    </row>
    <row r="937336" spans="14:14">
      <c r="N937336" s="10"/>
    </row>
    <row r="937337" spans="14:14">
      <c r="N937337" s="10"/>
    </row>
    <row r="937338" spans="14:14">
      <c r="N937338" s="10"/>
    </row>
    <row r="937339" spans="14:14">
      <c r="N937339" s="10"/>
    </row>
    <row r="937340" spans="14:14">
      <c r="N937340" s="10"/>
    </row>
    <row r="937341" spans="14:14">
      <c r="N937341" s="10"/>
    </row>
    <row r="937342" spans="14:14">
      <c r="N937342" s="10"/>
    </row>
    <row r="937343" spans="14:14">
      <c r="N937343" s="10"/>
    </row>
    <row r="937344" spans="14:14">
      <c r="N937344" s="10"/>
    </row>
    <row r="937345" spans="14:14">
      <c r="N937345" s="10"/>
    </row>
    <row r="937346" spans="14:14">
      <c r="N937346" s="10"/>
    </row>
    <row r="937347" spans="14:14">
      <c r="N937347" s="10"/>
    </row>
    <row r="937348" spans="14:14">
      <c r="N937348" s="10"/>
    </row>
    <row r="937349" spans="14:14">
      <c r="N937349" s="10"/>
    </row>
    <row r="937350" spans="14:14">
      <c r="N937350" s="10"/>
    </row>
    <row r="937351" spans="14:14">
      <c r="N937351" s="10"/>
    </row>
    <row r="937352" spans="14:14">
      <c r="N937352" s="10"/>
    </row>
    <row r="937353" spans="14:14">
      <c r="N937353" s="10"/>
    </row>
    <row r="937354" spans="14:14">
      <c r="N937354" s="10"/>
    </row>
    <row r="937355" spans="14:14">
      <c r="N937355" s="10"/>
    </row>
    <row r="937356" spans="14:14">
      <c r="N937356" s="10"/>
    </row>
    <row r="937357" spans="14:14">
      <c r="N937357" s="10"/>
    </row>
    <row r="937358" spans="14:14">
      <c r="N937358" s="10"/>
    </row>
    <row r="937359" spans="14:14">
      <c r="N937359" s="10"/>
    </row>
    <row r="937360" spans="14:14">
      <c r="N937360" s="10"/>
    </row>
    <row r="937361" spans="14:14">
      <c r="N937361" s="10"/>
    </row>
    <row r="937362" spans="14:14">
      <c r="N937362" s="10"/>
    </row>
    <row r="937363" spans="14:14">
      <c r="N937363" s="10"/>
    </row>
    <row r="937364" spans="14:14">
      <c r="N937364" s="10"/>
    </row>
    <row r="937365" spans="14:14">
      <c r="N937365" s="10"/>
    </row>
    <row r="937366" spans="14:14">
      <c r="N937366" s="10"/>
    </row>
    <row r="937367" spans="14:14">
      <c r="N937367" s="10"/>
    </row>
    <row r="937368" spans="14:14">
      <c r="N937368" s="10"/>
    </row>
    <row r="937369" spans="14:14">
      <c r="N937369" s="10"/>
    </row>
    <row r="937370" spans="14:14">
      <c r="N937370" s="10"/>
    </row>
    <row r="937371" spans="14:14">
      <c r="N937371" s="10"/>
    </row>
    <row r="937372" spans="14:14">
      <c r="N937372" s="10"/>
    </row>
    <row r="937373" spans="14:14">
      <c r="N937373" s="10"/>
    </row>
    <row r="937374" spans="14:14">
      <c r="N937374" s="10"/>
    </row>
    <row r="937375" spans="14:14">
      <c r="N937375" s="10"/>
    </row>
    <row r="937376" spans="14:14">
      <c r="N937376" s="10"/>
    </row>
    <row r="937377" spans="14:14">
      <c r="N937377" s="10"/>
    </row>
    <row r="937378" spans="14:14">
      <c r="N937378" s="10"/>
    </row>
    <row r="937379" spans="14:14">
      <c r="N937379" s="10"/>
    </row>
    <row r="937380" spans="14:14">
      <c r="N937380" s="10"/>
    </row>
    <row r="937381" spans="14:14">
      <c r="N937381" s="10"/>
    </row>
    <row r="937382" spans="14:14">
      <c r="N937382" s="10"/>
    </row>
    <row r="937383" spans="14:14">
      <c r="N937383" s="10"/>
    </row>
    <row r="937384" spans="14:14">
      <c r="N937384" s="10"/>
    </row>
    <row r="937385" spans="14:14">
      <c r="N937385" s="10"/>
    </row>
    <row r="937386" spans="14:14">
      <c r="N937386" s="10"/>
    </row>
    <row r="937387" spans="14:14">
      <c r="N937387" s="10"/>
    </row>
    <row r="937388" spans="14:14">
      <c r="N937388" s="10"/>
    </row>
    <row r="937389" spans="14:14">
      <c r="N937389" s="10"/>
    </row>
    <row r="937390" spans="14:14">
      <c r="N937390" s="10"/>
    </row>
    <row r="937391" spans="14:14">
      <c r="N937391" s="10"/>
    </row>
    <row r="937392" spans="14:14">
      <c r="N937392" s="10"/>
    </row>
    <row r="937393" spans="14:14">
      <c r="N937393" s="10"/>
    </row>
    <row r="937394" spans="14:14">
      <c r="N937394" s="10"/>
    </row>
    <row r="937395" spans="14:14">
      <c r="N937395" s="10"/>
    </row>
    <row r="937396" spans="14:14">
      <c r="N937396" s="10"/>
    </row>
    <row r="937397" spans="14:14">
      <c r="N937397" s="10"/>
    </row>
    <row r="937398" spans="14:14">
      <c r="N937398" s="10"/>
    </row>
    <row r="937399" spans="14:14">
      <c r="N937399" s="10"/>
    </row>
    <row r="937400" spans="14:14">
      <c r="N937400" s="10"/>
    </row>
    <row r="937401" spans="14:14">
      <c r="N937401" s="10"/>
    </row>
    <row r="937402" spans="14:14">
      <c r="N937402" s="10"/>
    </row>
    <row r="937403" spans="14:14">
      <c r="N937403" s="10"/>
    </row>
    <row r="937404" spans="14:14">
      <c r="N937404" s="10"/>
    </row>
    <row r="937405" spans="14:14">
      <c r="N937405" s="10"/>
    </row>
    <row r="937406" spans="14:14">
      <c r="N937406" s="10"/>
    </row>
    <row r="937407" spans="14:14">
      <c r="N937407" s="10"/>
    </row>
    <row r="937408" spans="14:14">
      <c r="N937408" s="10"/>
    </row>
    <row r="937409" spans="14:14">
      <c r="N937409" s="10"/>
    </row>
    <row r="937410" spans="14:14">
      <c r="N937410" s="10"/>
    </row>
    <row r="937411" spans="14:14">
      <c r="N937411" s="10"/>
    </row>
    <row r="937412" spans="14:14">
      <c r="N937412" s="10"/>
    </row>
    <row r="937413" spans="14:14">
      <c r="N937413" s="10"/>
    </row>
    <row r="937414" spans="14:14">
      <c r="N937414" s="10"/>
    </row>
    <row r="937415" spans="14:14">
      <c r="N937415" s="10"/>
    </row>
    <row r="937416" spans="14:14">
      <c r="N937416" s="10"/>
    </row>
    <row r="937417" spans="14:14">
      <c r="N937417" s="10"/>
    </row>
    <row r="937418" spans="14:14">
      <c r="N937418" s="10"/>
    </row>
    <row r="937419" spans="14:14">
      <c r="N937419" s="10"/>
    </row>
    <row r="937420" spans="14:14">
      <c r="N937420" s="10"/>
    </row>
    <row r="937421" spans="14:14">
      <c r="N937421" s="10"/>
    </row>
    <row r="937422" spans="14:14">
      <c r="N937422" s="10"/>
    </row>
    <row r="937423" spans="14:14">
      <c r="N937423" s="10"/>
    </row>
    <row r="937424" spans="14:14">
      <c r="N937424" s="10"/>
    </row>
    <row r="937425" spans="14:14">
      <c r="N937425" s="10"/>
    </row>
    <row r="937426" spans="14:14">
      <c r="N937426" s="10"/>
    </row>
    <row r="937427" spans="14:14">
      <c r="N937427" s="10"/>
    </row>
    <row r="937428" spans="14:14">
      <c r="N937428" s="10"/>
    </row>
    <row r="937429" spans="14:14">
      <c r="N937429" s="10"/>
    </row>
    <row r="937430" spans="14:14">
      <c r="N937430" s="10"/>
    </row>
    <row r="937431" spans="14:14">
      <c r="N937431" s="10"/>
    </row>
    <row r="937432" spans="14:14">
      <c r="N937432" s="10"/>
    </row>
    <row r="937433" spans="14:14">
      <c r="N937433" s="10"/>
    </row>
    <row r="937434" spans="14:14">
      <c r="N937434" s="10"/>
    </row>
    <row r="937435" spans="14:14">
      <c r="N937435" s="10"/>
    </row>
    <row r="937436" spans="14:14">
      <c r="N937436" s="10"/>
    </row>
    <row r="937437" spans="14:14">
      <c r="N937437" s="10"/>
    </row>
    <row r="937438" spans="14:14">
      <c r="N937438" s="10"/>
    </row>
    <row r="937439" spans="14:14">
      <c r="N937439" s="10"/>
    </row>
    <row r="937440" spans="14:14">
      <c r="N937440" s="10"/>
    </row>
    <row r="937441" spans="14:14">
      <c r="N937441" s="10"/>
    </row>
    <row r="937442" spans="14:14">
      <c r="N937442" s="10"/>
    </row>
    <row r="937443" spans="14:14">
      <c r="N937443" s="10"/>
    </row>
    <row r="937444" spans="14:14">
      <c r="N937444" s="10"/>
    </row>
    <row r="937445" spans="14:14">
      <c r="N937445" s="10"/>
    </row>
    <row r="937446" spans="14:14">
      <c r="N937446" s="10"/>
    </row>
    <row r="937447" spans="14:14">
      <c r="N937447" s="10"/>
    </row>
    <row r="937448" spans="14:14">
      <c r="N937448" s="10"/>
    </row>
    <row r="937449" spans="14:14">
      <c r="N937449" s="10"/>
    </row>
    <row r="937450" spans="14:14">
      <c r="N937450" s="10"/>
    </row>
    <row r="937451" spans="14:14">
      <c r="N937451" s="10"/>
    </row>
    <row r="937452" spans="14:14">
      <c r="N937452" s="10"/>
    </row>
    <row r="937453" spans="14:14">
      <c r="N937453" s="10"/>
    </row>
    <row r="937454" spans="14:14">
      <c r="N937454" s="10"/>
    </row>
    <row r="937455" spans="14:14">
      <c r="N937455" s="10"/>
    </row>
    <row r="937456" spans="14:14">
      <c r="N937456" s="10"/>
    </row>
    <row r="937457" spans="14:14">
      <c r="N937457" s="10"/>
    </row>
    <row r="937458" spans="14:14">
      <c r="N937458" s="10"/>
    </row>
    <row r="937459" spans="14:14">
      <c r="N937459" s="10"/>
    </row>
    <row r="937460" spans="14:14">
      <c r="N937460" s="10"/>
    </row>
    <row r="937461" spans="14:14">
      <c r="N937461" s="10"/>
    </row>
    <row r="937462" spans="14:14">
      <c r="N937462" s="10"/>
    </row>
    <row r="937463" spans="14:14">
      <c r="N937463" s="10"/>
    </row>
    <row r="937464" spans="14:14">
      <c r="N937464" s="10"/>
    </row>
    <row r="937465" spans="14:14">
      <c r="N937465" s="10"/>
    </row>
    <row r="937466" spans="14:14">
      <c r="N937466" s="10"/>
    </row>
    <row r="937467" spans="14:14">
      <c r="N937467" s="10"/>
    </row>
    <row r="937468" spans="14:14">
      <c r="N937468" s="10"/>
    </row>
    <row r="937469" spans="14:14">
      <c r="N937469" s="10"/>
    </row>
    <row r="937470" spans="14:14">
      <c r="N937470" s="10"/>
    </row>
    <row r="937471" spans="14:14">
      <c r="N937471" s="10"/>
    </row>
    <row r="937472" spans="14:14">
      <c r="N937472" s="10"/>
    </row>
    <row r="937473" spans="14:14">
      <c r="N937473" s="10"/>
    </row>
    <row r="937474" spans="14:14">
      <c r="N937474" s="10"/>
    </row>
    <row r="937475" spans="14:14">
      <c r="N937475" s="10"/>
    </row>
    <row r="937476" spans="14:14">
      <c r="N937476" s="10"/>
    </row>
    <row r="937477" spans="14:14">
      <c r="N937477" s="10"/>
    </row>
    <row r="937478" spans="14:14">
      <c r="N937478" s="10"/>
    </row>
    <row r="937479" spans="14:14">
      <c r="N937479" s="10"/>
    </row>
    <row r="937480" spans="14:14">
      <c r="N937480" s="10"/>
    </row>
    <row r="937481" spans="14:14">
      <c r="N937481" s="10"/>
    </row>
    <row r="937482" spans="14:14">
      <c r="N937482" s="10"/>
    </row>
    <row r="937483" spans="14:14">
      <c r="N937483" s="10"/>
    </row>
    <row r="937484" spans="14:14">
      <c r="N937484" s="10"/>
    </row>
    <row r="937485" spans="14:14">
      <c r="N937485" s="10"/>
    </row>
    <row r="937486" spans="14:14">
      <c r="N937486" s="10"/>
    </row>
    <row r="937487" spans="14:14">
      <c r="N937487" s="10"/>
    </row>
    <row r="937488" spans="14:14">
      <c r="N937488" s="10"/>
    </row>
    <row r="937489" spans="14:14">
      <c r="N937489" s="10"/>
    </row>
    <row r="937490" spans="14:14">
      <c r="N937490" s="10"/>
    </row>
    <row r="937491" spans="14:14">
      <c r="N937491" s="10"/>
    </row>
    <row r="937492" spans="14:14">
      <c r="N937492" s="10"/>
    </row>
    <row r="937493" spans="14:14">
      <c r="N937493" s="10"/>
    </row>
    <row r="937494" spans="14:14">
      <c r="N937494" s="10"/>
    </row>
    <row r="937495" spans="14:14">
      <c r="N937495" s="10"/>
    </row>
    <row r="937496" spans="14:14">
      <c r="N937496" s="10"/>
    </row>
    <row r="937497" spans="14:14">
      <c r="N937497" s="10"/>
    </row>
    <row r="937498" spans="14:14">
      <c r="N937498" s="10"/>
    </row>
    <row r="937499" spans="14:14">
      <c r="N937499" s="10"/>
    </row>
    <row r="937500" spans="14:14">
      <c r="N937500" s="10"/>
    </row>
    <row r="937501" spans="14:14">
      <c r="N937501" s="10"/>
    </row>
    <row r="937502" spans="14:14">
      <c r="N937502" s="10"/>
    </row>
    <row r="937503" spans="14:14">
      <c r="N937503" s="10"/>
    </row>
    <row r="937504" spans="14:14">
      <c r="N937504" s="10"/>
    </row>
    <row r="937505" spans="14:14">
      <c r="N937505" s="10"/>
    </row>
    <row r="937506" spans="14:14">
      <c r="N937506" s="10"/>
    </row>
    <row r="937507" spans="14:14">
      <c r="N937507" s="10"/>
    </row>
    <row r="937508" spans="14:14">
      <c r="N937508" s="10"/>
    </row>
    <row r="937509" spans="14:14">
      <c r="N937509" s="10"/>
    </row>
    <row r="937510" spans="14:14">
      <c r="N937510" s="10"/>
    </row>
    <row r="937511" spans="14:14">
      <c r="N937511" s="10"/>
    </row>
    <row r="937512" spans="14:14">
      <c r="N937512" s="10"/>
    </row>
    <row r="937513" spans="14:14">
      <c r="N937513" s="10"/>
    </row>
    <row r="937514" spans="14:14">
      <c r="N937514" s="10"/>
    </row>
    <row r="937515" spans="14:14">
      <c r="N937515" s="10"/>
    </row>
    <row r="937516" spans="14:14">
      <c r="N937516" s="10"/>
    </row>
    <row r="937517" spans="14:14">
      <c r="N937517" s="10"/>
    </row>
    <row r="937518" spans="14:14">
      <c r="N937518" s="10"/>
    </row>
    <row r="937519" spans="14:14">
      <c r="N937519" s="10"/>
    </row>
    <row r="937520" spans="14:14">
      <c r="N937520" s="10"/>
    </row>
    <row r="937521" spans="14:14">
      <c r="N937521" s="10"/>
    </row>
    <row r="937522" spans="14:14">
      <c r="N937522" s="10"/>
    </row>
    <row r="937523" spans="14:14">
      <c r="N937523" s="10"/>
    </row>
    <row r="937524" spans="14:14">
      <c r="N937524" s="10"/>
    </row>
    <row r="937525" spans="14:14">
      <c r="N937525" s="10"/>
    </row>
    <row r="937526" spans="14:14">
      <c r="N937526" s="10"/>
    </row>
    <row r="937527" spans="14:14">
      <c r="N937527" s="10"/>
    </row>
    <row r="937528" spans="14:14">
      <c r="N937528" s="10"/>
    </row>
    <row r="937529" spans="14:14">
      <c r="N937529" s="10"/>
    </row>
    <row r="937530" spans="14:14">
      <c r="N937530" s="10"/>
    </row>
    <row r="937531" spans="14:14">
      <c r="N937531" s="10"/>
    </row>
    <row r="937532" spans="14:14">
      <c r="N937532" s="10"/>
    </row>
    <row r="937533" spans="14:14">
      <c r="N937533" s="10"/>
    </row>
    <row r="937534" spans="14:14">
      <c r="N937534" s="10"/>
    </row>
    <row r="937535" spans="14:14">
      <c r="N937535" s="10"/>
    </row>
    <row r="937536" spans="14:14">
      <c r="N937536" s="10"/>
    </row>
    <row r="937537" spans="14:14">
      <c r="N937537" s="10"/>
    </row>
    <row r="937538" spans="14:14">
      <c r="N937538" s="10"/>
    </row>
    <row r="937539" spans="14:14">
      <c r="N937539" s="10"/>
    </row>
    <row r="937540" spans="14:14">
      <c r="N937540" s="10"/>
    </row>
    <row r="937541" spans="14:14">
      <c r="N937541" s="10"/>
    </row>
    <row r="937542" spans="14:14">
      <c r="N937542" s="10"/>
    </row>
    <row r="937543" spans="14:14">
      <c r="N937543" s="10"/>
    </row>
    <row r="937544" spans="14:14">
      <c r="N937544" s="10"/>
    </row>
    <row r="937545" spans="14:14">
      <c r="N937545" s="10"/>
    </row>
    <row r="937546" spans="14:14">
      <c r="N937546" s="10"/>
    </row>
    <row r="937547" spans="14:14">
      <c r="N937547" s="10"/>
    </row>
    <row r="937548" spans="14:14">
      <c r="N937548" s="10"/>
    </row>
    <row r="937549" spans="14:14">
      <c r="N937549" s="10"/>
    </row>
    <row r="937550" spans="14:14">
      <c r="N937550" s="10"/>
    </row>
    <row r="937551" spans="14:14">
      <c r="N937551" s="10"/>
    </row>
    <row r="937552" spans="14:14">
      <c r="N937552" s="10"/>
    </row>
    <row r="937553" spans="14:14">
      <c r="N937553" s="10"/>
    </row>
    <row r="937554" spans="14:14">
      <c r="N937554" s="10"/>
    </row>
    <row r="937555" spans="14:14">
      <c r="N937555" s="10"/>
    </row>
    <row r="937556" spans="14:14">
      <c r="N937556" s="10"/>
    </row>
    <row r="937557" spans="14:14">
      <c r="N937557" s="10"/>
    </row>
    <row r="937558" spans="14:14">
      <c r="N937558" s="10"/>
    </row>
    <row r="937559" spans="14:14">
      <c r="N937559" s="10"/>
    </row>
    <row r="937560" spans="14:14">
      <c r="N937560" s="10"/>
    </row>
    <row r="937561" spans="14:14">
      <c r="N937561" s="10"/>
    </row>
    <row r="937562" spans="14:14">
      <c r="N937562" s="10"/>
    </row>
    <row r="937563" spans="14:14">
      <c r="N937563" s="10"/>
    </row>
    <row r="937564" spans="14:14">
      <c r="N937564" s="10"/>
    </row>
    <row r="937565" spans="14:14">
      <c r="N937565" s="10"/>
    </row>
    <row r="937566" spans="14:14">
      <c r="N937566" s="10"/>
    </row>
    <row r="937567" spans="14:14">
      <c r="N937567" s="10"/>
    </row>
    <row r="937568" spans="14:14">
      <c r="N937568" s="10"/>
    </row>
    <row r="937569" spans="14:14">
      <c r="N937569" s="10"/>
    </row>
    <row r="937570" spans="14:14">
      <c r="N937570" s="10"/>
    </row>
    <row r="937571" spans="14:14">
      <c r="N937571" s="10"/>
    </row>
    <row r="937572" spans="14:14">
      <c r="N937572" s="10"/>
    </row>
    <row r="937573" spans="14:14">
      <c r="N937573" s="10"/>
    </row>
    <row r="937574" spans="14:14">
      <c r="N937574" s="10"/>
    </row>
    <row r="937575" spans="14:14">
      <c r="N937575" s="10"/>
    </row>
    <row r="937576" spans="14:14">
      <c r="N937576" s="10"/>
    </row>
    <row r="937577" spans="14:14">
      <c r="N937577" s="10"/>
    </row>
    <row r="937578" spans="14:14">
      <c r="N937578" s="10"/>
    </row>
    <row r="937579" spans="14:14">
      <c r="N937579" s="10"/>
    </row>
    <row r="937580" spans="14:14">
      <c r="N937580" s="10"/>
    </row>
    <row r="937581" spans="14:14">
      <c r="N937581" s="10"/>
    </row>
    <row r="937582" spans="14:14">
      <c r="N937582" s="10"/>
    </row>
    <row r="937583" spans="14:14">
      <c r="N937583" s="10"/>
    </row>
    <row r="937584" spans="14:14">
      <c r="N937584" s="10"/>
    </row>
    <row r="937585" spans="14:14">
      <c r="N937585" s="10"/>
    </row>
    <row r="937586" spans="14:14">
      <c r="N937586" s="10"/>
    </row>
    <row r="937587" spans="14:14">
      <c r="N937587" s="10"/>
    </row>
    <row r="937588" spans="14:14">
      <c r="N937588" s="10"/>
    </row>
    <row r="937589" spans="14:14">
      <c r="N937589" s="10"/>
    </row>
    <row r="937590" spans="14:14">
      <c r="N937590" s="10"/>
    </row>
    <row r="937591" spans="14:14">
      <c r="N937591" s="10"/>
    </row>
    <row r="937592" spans="14:14">
      <c r="N937592" s="10"/>
    </row>
    <row r="937593" spans="14:14">
      <c r="N937593" s="10"/>
    </row>
    <row r="937594" spans="14:14">
      <c r="N937594" s="10"/>
    </row>
    <row r="937595" spans="14:14">
      <c r="N937595" s="10"/>
    </row>
    <row r="937596" spans="14:14">
      <c r="N937596" s="10"/>
    </row>
    <row r="937597" spans="14:14">
      <c r="N937597" s="10"/>
    </row>
    <row r="937598" spans="14:14">
      <c r="N937598" s="10"/>
    </row>
    <row r="937599" spans="14:14">
      <c r="N937599" s="10"/>
    </row>
    <row r="937600" spans="14:14">
      <c r="N937600" s="10"/>
    </row>
    <row r="937601" spans="14:14">
      <c r="N937601" s="10"/>
    </row>
    <row r="937602" spans="14:14">
      <c r="N937602" s="10"/>
    </row>
    <row r="937603" spans="14:14">
      <c r="N937603" s="10"/>
    </row>
    <row r="937604" spans="14:14">
      <c r="N937604" s="10"/>
    </row>
    <row r="937605" spans="14:14">
      <c r="N937605" s="10"/>
    </row>
    <row r="937606" spans="14:14">
      <c r="N937606" s="10"/>
    </row>
    <row r="937607" spans="14:14">
      <c r="N937607" s="10"/>
    </row>
    <row r="937608" spans="14:14">
      <c r="N937608" s="10"/>
    </row>
    <row r="937609" spans="14:14">
      <c r="N937609" s="10"/>
    </row>
    <row r="937610" spans="14:14">
      <c r="N937610" s="10"/>
    </row>
    <row r="937611" spans="14:14">
      <c r="N937611" s="10"/>
    </row>
    <row r="937612" spans="14:14">
      <c r="N937612" s="10"/>
    </row>
    <row r="937613" spans="14:14">
      <c r="N937613" s="10"/>
    </row>
    <row r="937614" spans="14:14">
      <c r="N937614" s="10"/>
    </row>
    <row r="937615" spans="14:14">
      <c r="N937615" s="10"/>
    </row>
    <row r="937616" spans="14:14">
      <c r="N937616" s="10"/>
    </row>
    <row r="937617" spans="14:14">
      <c r="N937617" s="10"/>
    </row>
    <row r="937618" spans="14:14">
      <c r="N937618" s="10"/>
    </row>
    <row r="937619" spans="14:14">
      <c r="N937619" s="10"/>
    </row>
    <row r="937620" spans="14:14">
      <c r="N937620" s="10"/>
    </row>
    <row r="937621" spans="14:14">
      <c r="N937621" s="10"/>
    </row>
    <row r="937622" spans="14:14">
      <c r="N937622" s="10"/>
    </row>
    <row r="937623" spans="14:14">
      <c r="N937623" s="10"/>
    </row>
    <row r="937624" spans="14:14">
      <c r="N937624" s="10"/>
    </row>
    <row r="937625" spans="14:14">
      <c r="N937625" s="10"/>
    </row>
    <row r="937626" spans="14:14">
      <c r="N937626" s="10"/>
    </row>
    <row r="937627" spans="14:14">
      <c r="N937627" s="10"/>
    </row>
    <row r="937628" spans="14:14">
      <c r="N937628" s="10"/>
    </row>
    <row r="937629" spans="14:14">
      <c r="N937629" s="10"/>
    </row>
    <row r="937630" spans="14:14">
      <c r="N937630" s="10"/>
    </row>
    <row r="937631" spans="14:14">
      <c r="N937631" s="10"/>
    </row>
    <row r="937632" spans="14:14">
      <c r="N937632" s="10"/>
    </row>
    <row r="937633" spans="14:14">
      <c r="N937633" s="10"/>
    </row>
    <row r="937634" spans="14:14">
      <c r="N937634" s="10"/>
    </row>
    <row r="937635" spans="14:14">
      <c r="N937635" s="10"/>
    </row>
    <row r="937636" spans="14:14">
      <c r="N937636" s="10"/>
    </row>
    <row r="937637" spans="14:14">
      <c r="N937637" s="10"/>
    </row>
    <row r="937638" spans="14:14">
      <c r="N937638" s="10"/>
    </row>
    <row r="937639" spans="14:14">
      <c r="N937639" s="10"/>
    </row>
    <row r="937640" spans="14:14">
      <c r="N937640" s="10"/>
    </row>
    <row r="937641" spans="14:14">
      <c r="N937641" s="10"/>
    </row>
    <row r="937642" spans="14:14">
      <c r="N937642" s="10"/>
    </row>
    <row r="937643" spans="14:14">
      <c r="N937643" s="10"/>
    </row>
    <row r="937644" spans="14:14">
      <c r="N937644" s="10"/>
    </row>
    <row r="937645" spans="14:14">
      <c r="N937645" s="10"/>
    </row>
    <row r="937646" spans="14:14">
      <c r="N937646" s="10"/>
    </row>
    <row r="937647" spans="14:14">
      <c r="N937647" s="10"/>
    </row>
    <row r="937648" spans="14:14">
      <c r="N937648" s="10"/>
    </row>
    <row r="937649" spans="14:14">
      <c r="N937649" s="10"/>
    </row>
    <row r="937650" spans="14:14">
      <c r="N937650" s="10"/>
    </row>
    <row r="937651" spans="14:14">
      <c r="N937651" s="10"/>
    </row>
    <row r="937652" spans="14:14">
      <c r="N937652" s="10"/>
    </row>
    <row r="937653" spans="14:14">
      <c r="N937653" s="10"/>
    </row>
    <row r="937654" spans="14:14">
      <c r="N937654" s="10"/>
    </row>
    <row r="937655" spans="14:14">
      <c r="N937655" s="10"/>
    </row>
    <row r="937656" spans="14:14">
      <c r="N937656" s="10"/>
    </row>
    <row r="937657" spans="14:14">
      <c r="N937657" s="10"/>
    </row>
    <row r="937658" spans="14:14">
      <c r="N937658" s="10"/>
    </row>
    <row r="937659" spans="14:14">
      <c r="N937659" s="10"/>
    </row>
    <row r="937660" spans="14:14">
      <c r="N937660" s="10"/>
    </row>
    <row r="937661" spans="14:14">
      <c r="N937661" s="10"/>
    </row>
    <row r="937662" spans="14:14">
      <c r="N937662" s="10"/>
    </row>
    <row r="937663" spans="14:14">
      <c r="N937663" s="10"/>
    </row>
    <row r="937664" spans="14:14">
      <c r="N937664" s="10"/>
    </row>
    <row r="937665" spans="14:14">
      <c r="N937665" s="10"/>
    </row>
    <row r="937666" spans="14:14">
      <c r="N937666" s="10"/>
    </row>
    <row r="937667" spans="14:14">
      <c r="N937667" s="10"/>
    </row>
    <row r="937668" spans="14:14">
      <c r="N937668" s="10"/>
    </row>
    <row r="937669" spans="14:14">
      <c r="N937669" s="10"/>
    </row>
    <row r="937670" spans="14:14">
      <c r="N937670" s="10"/>
    </row>
    <row r="937671" spans="14:14">
      <c r="N937671" s="10"/>
    </row>
    <row r="937672" spans="14:14">
      <c r="N937672" s="10"/>
    </row>
    <row r="937673" spans="14:14">
      <c r="N937673" s="10"/>
    </row>
    <row r="937674" spans="14:14">
      <c r="N937674" s="10"/>
    </row>
    <row r="937675" spans="14:14">
      <c r="N937675" s="10"/>
    </row>
    <row r="937676" spans="14:14">
      <c r="N937676" s="10"/>
    </row>
    <row r="937677" spans="14:14">
      <c r="N937677" s="10"/>
    </row>
    <row r="937678" spans="14:14">
      <c r="N937678" s="10"/>
    </row>
    <row r="937679" spans="14:14">
      <c r="N937679" s="10"/>
    </row>
    <row r="937680" spans="14:14">
      <c r="N937680" s="10"/>
    </row>
    <row r="937681" spans="14:14">
      <c r="N937681" s="10"/>
    </row>
    <row r="937682" spans="14:14">
      <c r="N937682" s="10"/>
    </row>
    <row r="937683" spans="14:14">
      <c r="N937683" s="10"/>
    </row>
    <row r="937684" spans="14:14">
      <c r="N937684" s="10"/>
    </row>
    <row r="937685" spans="14:14">
      <c r="N937685" s="10"/>
    </row>
    <row r="937686" spans="14:14">
      <c r="N937686" s="10"/>
    </row>
    <row r="937687" spans="14:14">
      <c r="N937687" s="10"/>
    </row>
    <row r="937688" spans="14:14">
      <c r="N937688" s="10"/>
    </row>
    <row r="937689" spans="14:14">
      <c r="N937689" s="10"/>
    </row>
    <row r="937690" spans="14:14">
      <c r="N937690" s="10"/>
    </row>
    <row r="937691" spans="14:14">
      <c r="N937691" s="10"/>
    </row>
    <row r="937692" spans="14:14">
      <c r="N937692" s="10"/>
    </row>
    <row r="937693" spans="14:14">
      <c r="N937693" s="10"/>
    </row>
    <row r="937694" spans="14:14">
      <c r="N937694" s="10"/>
    </row>
    <row r="937695" spans="14:14">
      <c r="N937695" s="10"/>
    </row>
    <row r="937696" spans="14:14">
      <c r="N937696" s="10"/>
    </row>
    <row r="937697" spans="14:14">
      <c r="N937697" s="10"/>
    </row>
    <row r="937698" spans="14:14">
      <c r="N937698" s="10"/>
    </row>
    <row r="937699" spans="14:14">
      <c r="N937699" s="10"/>
    </row>
    <row r="937700" spans="14:14">
      <c r="N937700" s="10"/>
    </row>
    <row r="937701" spans="14:14">
      <c r="N937701" s="10"/>
    </row>
    <row r="937702" spans="14:14">
      <c r="N937702" s="10"/>
    </row>
    <row r="937703" spans="14:14">
      <c r="N937703" s="10"/>
    </row>
    <row r="937704" spans="14:14">
      <c r="N937704" s="10"/>
    </row>
    <row r="937705" spans="14:14">
      <c r="N937705" s="10"/>
    </row>
    <row r="937706" spans="14:14">
      <c r="N937706" s="10"/>
    </row>
    <row r="937707" spans="14:14">
      <c r="N937707" s="10"/>
    </row>
    <row r="937708" spans="14:14">
      <c r="N937708" s="10"/>
    </row>
    <row r="937709" spans="14:14">
      <c r="N937709" s="10"/>
    </row>
    <row r="937710" spans="14:14">
      <c r="N937710" s="10"/>
    </row>
    <row r="937711" spans="14:14">
      <c r="N937711" s="10"/>
    </row>
    <row r="937712" spans="14:14">
      <c r="N937712" s="10"/>
    </row>
    <row r="937713" spans="14:14">
      <c r="N937713" s="10"/>
    </row>
    <row r="937714" spans="14:14">
      <c r="N937714" s="10"/>
    </row>
    <row r="937715" spans="14:14">
      <c r="N937715" s="10"/>
    </row>
    <row r="937716" spans="14:14">
      <c r="N937716" s="10"/>
    </row>
    <row r="937717" spans="14:14">
      <c r="N937717" s="10"/>
    </row>
    <row r="937718" spans="14:14">
      <c r="N937718" s="10"/>
    </row>
    <row r="937719" spans="14:14">
      <c r="N937719" s="10"/>
    </row>
    <row r="937720" spans="14:14">
      <c r="N937720" s="10"/>
    </row>
    <row r="937721" spans="14:14">
      <c r="N937721" s="10"/>
    </row>
    <row r="937722" spans="14:14">
      <c r="N937722" s="10"/>
    </row>
    <row r="937723" spans="14:14">
      <c r="N937723" s="10"/>
    </row>
    <row r="937724" spans="14:14">
      <c r="N937724" s="10"/>
    </row>
    <row r="937725" spans="14:14">
      <c r="N937725" s="10"/>
    </row>
    <row r="937726" spans="14:14">
      <c r="N937726" s="10"/>
    </row>
    <row r="937727" spans="14:14">
      <c r="N937727" s="10"/>
    </row>
    <row r="937728" spans="14:14">
      <c r="N937728" s="10"/>
    </row>
    <row r="937729" spans="14:14">
      <c r="N937729" s="10"/>
    </row>
    <row r="937730" spans="14:14">
      <c r="N937730" s="10"/>
    </row>
    <row r="937731" spans="14:14">
      <c r="N937731" s="10"/>
    </row>
    <row r="937732" spans="14:14">
      <c r="N937732" s="10"/>
    </row>
    <row r="937733" spans="14:14">
      <c r="N937733" s="10"/>
    </row>
    <row r="937734" spans="14:14">
      <c r="N937734" s="10"/>
    </row>
    <row r="937735" spans="14:14">
      <c r="N937735" s="10"/>
    </row>
    <row r="937736" spans="14:14">
      <c r="N937736" s="10"/>
    </row>
    <row r="937737" spans="14:14">
      <c r="N937737" s="10"/>
    </row>
    <row r="937738" spans="14:14">
      <c r="N937738" s="10"/>
    </row>
    <row r="937739" spans="14:14">
      <c r="N937739" s="10"/>
    </row>
    <row r="937740" spans="14:14">
      <c r="N937740" s="10"/>
    </row>
    <row r="937741" spans="14:14">
      <c r="N937741" s="10"/>
    </row>
    <row r="937742" spans="14:14">
      <c r="N937742" s="10"/>
    </row>
    <row r="937743" spans="14:14">
      <c r="N937743" s="10"/>
    </row>
    <row r="937744" spans="14:14">
      <c r="N937744" s="10"/>
    </row>
    <row r="937745" spans="14:14">
      <c r="N937745" s="10"/>
    </row>
    <row r="937746" spans="14:14">
      <c r="N937746" s="10"/>
    </row>
    <row r="937747" spans="14:14">
      <c r="N937747" s="10"/>
    </row>
    <row r="937748" spans="14:14">
      <c r="N937748" s="10"/>
    </row>
    <row r="937749" spans="14:14">
      <c r="N937749" s="10"/>
    </row>
    <row r="937750" spans="14:14">
      <c r="N937750" s="10"/>
    </row>
    <row r="937751" spans="14:14">
      <c r="N937751" s="10"/>
    </row>
    <row r="937752" spans="14:14">
      <c r="N937752" s="10"/>
    </row>
    <row r="937753" spans="14:14">
      <c r="N937753" s="10"/>
    </row>
    <row r="937754" spans="14:14">
      <c r="N937754" s="10"/>
    </row>
    <row r="937755" spans="14:14">
      <c r="N937755" s="10"/>
    </row>
    <row r="937756" spans="14:14">
      <c r="N937756" s="10"/>
    </row>
    <row r="937757" spans="14:14">
      <c r="N937757" s="10"/>
    </row>
    <row r="937758" spans="14:14">
      <c r="N937758" s="10"/>
    </row>
    <row r="937759" spans="14:14">
      <c r="N937759" s="10"/>
    </row>
    <row r="937760" spans="14:14">
      <c r="N937760" s="10"/>
    </row>
    <row r="937761" spans="14:14">
      <c r="N937761" s="10"/>
    </row>
    <row r="937762" spans="14:14">
      <c r="N937762" s="10"/>
    </row>
    <row r="937763" spans="14:14">
      <c r="N937763" s="10"/>
    </row>
    <row r="937764" spans="14:14">
      <c r="N937764" s="10"/>
    </row>
    <row r="937765" spans="14:14">
      <c r="N937765" s="10"/>
    </row>
    <row r="937766" spans="14:14">
      <c r="N937766" s="10"/>
    </row>
    <row r="937767" spans="14:14">
      <c r="N937767" s="10"/>
    </row>
    <row r="937768" spans="14:14">
      <c r="N937768" s="10"/>
    </row>
    <row r="937769" spans="14:14">
      <c r="N937769" s="10"/>
    </row>
    <row r="937770" spans="14:14">
      <c r="N937770" s="10"/>
    </row>
    <row r="937771" spans="14:14">
      <c r="N937771" s="10"/>
    </row>
    <row r="937772" spans="14:14">
      <c r="N937772" s="10"/>
    </row>
    <row r="937773" spans="14:14">
      <c r="N937773" s="10"/>
    </row>
    <row r="937774" spans="14:14">
      <c r="N937774" s="10"/>
    </row>
    <row r="937775" spans="14:14">
      <c r="N937775" s="10"/>
    </row>
    <row r="937776" spans="14:14">
      <c r="N937776" s="10"/>
    </row>
    <row r="937777" spans="14:14">
      <c r="N937777" s="10"/>
    </row>
    <row r="937778" spans="14:14">
      <c r="N937778" s="10"/>
    </row>
    <row r="937779" spans="14:14">
      <c r="N937779" s="10"/>
    </row>
    <row r="937780" spans="14:14">
      <c r="N937780" s="10"/>
    </row>
    <row r="937781" spans="14:14">
      <c r="N937781" s="10"/>
    </row>
    <row r="937782" spans="14:14">
      <c r="N937782" s="10"/>
    </row>
    <row r="937783" spans="14:14">
      <c r="N937783" s="10"/>
    </row>
    <row r="937784" spans="14:14">
      <c r="N937784" s="10"/>
    </row>
    <row r="937785" spans="14:14">
      <c r="N937785" s="10"/>
    </row>
    <row r="937786" spans="14:14">
      <c r="N937786" s="10"/>
    </row>
    <row r="937787" spans="14:14">
      <c r="N937787" s="10"/>
    </row>
    <row r="937788" spans="14:14">
      <c r="N937788" s="10"/>
    </row>
    <row r="937789" spans="14:14">
      <c r="N937789" s="10"/>
    </row>
    <row r="937790" spans="14:14">
      <c r="N937790" s="10"/>
    </row>
    <row r="937791" spans="14:14">
      <c r="N937791" s="10"/>
    </row>
    <row r="937792" spans="14:14">
      <c r="N937792" s="10"/>
    </row>
    <row r="937793" spans="14:14">
      <c r="N937793" s="10"/>
    </row>
    <row r="937794" spans="14:14">
      <c r="N937794" s="10"/>
    </row>
    <row r="937795" spans="14:14">
      <c r="N937795" s="10"/>
    </row>
    <row r="937796" spans="14:14">
      <c r="N937796" s="10"/>
    </row>
    <row r="937797" spans="14:14">
      <c r="N937797" s="10"/>
    </row>
    <row r="937798" spans="14:14">
      <c r="N937798" s="10"/>
    </row>
    <row r="937799" spans="14:14">
      <c r="N937799" s="10"/>
    </row>
    <row r="937800" spans="14:14">
      <c r="N937800" s="10"/>
    </row>
    <row r="937801" spans="14:14">
      <c r="N937801" s="10"/>
    </row>
    <row r="937802" spans="14:14">
      <c r="N937802" s="10"/>
    </row>
    <row r="937803" spans="14:14">
      <c r="N937803" s="10"/>
    </row>
    <row r="937804" spans="14:14">
      <c r="N937804" s="10"/>
    </row>
    <row r="937805" spans="14:14">
      <c r="N937805" s="10"/>
    </row>
    <row r="937806" spans="14:14">
      <c r="N937806" s="10"/>
    </row>
    <row r="937807" spans="14:14">
      <c r="N937807" s="10"/>
    </row>
    <row r="937808" spans="14:14">
      <c r="N937808" s="10"/>
    </row>
    <row r="937809" spans="14:14">
      <c r="N937809" s="10"/>
    </row>
    <row r="937810" spans="14:14">
      <c r="N937810" s="10"/>
    </row>
    <row r="937811" spans="14:14">
      <c r="N937811" s="10"/>
    </row>
    <row r="937812" spans="14:14">
      <c r="N937812" s="10"/>
    </row>
    <row r="937813" spans="14:14">
      <c r="N937813" s="10"/>
    </row>
    <row r="937814" spans="14:14">
      <c r="N937814" s="10"/>
    </row>
    <row r="937815" spans="14:14">
      <c r="N937815" s="10"/>
    </row>
    <row r="937816" spans="14:14">
      <c r="N937816" s="10"/>
    </row>
    <row r="937817" spans="14:14">
      <c r="N937817" s="10"/>
    </row>
    <row r="937818" spans="14:14">
      <c r="N937818" s="10"/>
    </row>
    <row r="937819" spans="14:14">
      <c r="N937819" s="10"/>
    </row>
    <row r="937820" spans="14:14">
      <c r="N937820" s="10"/>
    </row>
    <row r="937821" spans="14:14">
      <c r="N937821" s="10"/>
    </row>
    <row r="937822" spans="14:14">
      <c r="N937822" s="10"/>
    </row>
    <row r="937823" spans="14:14">
      <c r="N937823" s="10"/>
    </row>
    <row r="937824" spans="14:14">
      <c r="N937824" s="10"/>
    </row>
    <row r="937825" spans="14:14">
      <c r="N937825" s="10"/>
    </row>
    <row r="937826" spans="14:14">
      <c r="N937826" s="10"/>
    </row>
    <row r="937827" spans="14:14">
      <c r="N937827" s="10"/>
    </row>
    <row r="937828" spans="14:14">
      <c r="N937828" s="10"/>
    </row>
    <row r="937829" spans="14:14">
      <c r="N937829" s="10"/>
    </row>
    <row r="937830" spans="14:14">
      <c r="N937830" s="10"/>
    </row>
    <row r="937831" spans="14:14">
      <c r="N937831" s="10"/>
    </row>
    <row r="937832" spans="14:14">
      <c r="N937832" s="10"/>
    </row>
    <row r="937833" spans="14:14">
      <c r="N937833" s="10"/>
    </row>
    <row r="937834" spans="14:14">
      <c r="N937834" s="10"/>
    </row>
    <row r="937835" spans="14:14">
      <c r="N937835" s="10"/>
    </row>
    <row r="937836" spans="14:14">
      <c r="N937836" s="10"/>
    </row>
    <row r="937837" spans="14:14">
      <c r="N937837" s="10"/>
    </row>
    <row r="937838" spans="14:14">
      <c r="N937838" s="10"/>
    </row>
    <row r="937839" spans="14:14">
      <c r="N937839" s="10"/>
    </row>
    <row r="937840" spans="14:14">
      <c r="N937840" s="10"/>
    </row>
    <row r="937841" spans="14:14">
      <c r="N937841" s="10"/>
    </row>
    <row r="937842" spans="14:14">
      <c r="N937842" s="10"/>
    </row>
    <row r="937843" spans="14:14">
      <c r="N937843" s="10"/>
    </row>
    <row r="937844" spans="14:14">
      <c r="N937844" s="10"/>
    </row>
    <row r="937845" spans="14:14">
      <c r="N937845" s="10"/>
    </row>
    <row r="937846" spans="14:14">
      <c r="N937846" s="10"/>
    </row>
    <row r="937847" spans="14:14">
      <c r="N937847" s="10"/>
    </row>
    <row r="937848" spans="14:14">
      <c r="N937848" s="10"/>
    </row>
    <row r="937849" spans="14:14">
      <c r="N937849" s="10"/>
    </row>
    <row r="937850" spans="14:14">
      <c r="N937850" s="10"/>
    </row>
    <row r="937851" spans="14:14">
      <c r="N937851" s="10"/>
    </row>
    <row r="937852" spans="14:14">
      <c r="N937852" s="10"/>
    </row>
    <row r="937853" spans="14:14">
      <c r="N937853" s="10"/>
    </row>
    <row r="937854" spans="14:14">
      <c r="N937854" s="10"/>
    </row>
    <row r="937855" spans="14:14">
      <c r="N937855" s="10"/>
    </row>
    <row r="937856" spans="14:14">
      <c r="N937856" s="10"/>
    </row>
    <row r="937857" spans="14:14">
      <c r="N937857" s="10"/>
    </row>
    <row r="937858" spans="14:14">
      <c r="N937858" s="10"/>
    </row>
    <row r="937859" spans="14:14">
      <c r="N937859" s="10"/>
    </row>
    <row r="937860" spans="14:14">
      <c r="N937860" s="10"/>
    </row>
    <row r="937861" spans="14:14">
      <c r="N937861" s="10"/>
    </row>
    <row r="937862" spans="14:14">
      <c r="N937862" s="10"/>
    </row>
    <row r="937863" spans="14:14">
      <c r="N937863" s="10"/>
    </row>
    <row r="937864" spans="14:14">
      <c r="N937864" s="10"/>
    </row>
    <row r="937865" spans="14:14">
      <c r="N937865" s="10"/>
    </row>
    <row r="937866" spans="14:14">
      <c r="N937866" s="10"/>
    </row>
    <row r="937867" spans="14:14">
      <c r="N937867" s="10"/>
    </row>
    <row r="937868" spans="14:14">
      <c r="N937868" s="10"/>
    </row>
    <row r="937869" spans="14:14">
      <c r="N937869" s="10"/>
    </row>
    <row r="937870" spans="14:14">
      <c r="N937870" s="10"/>
    </row>
    <row r="937871" spans="14:14">
      <c r="N937871" s="10"/>
    </row>
    <row r="937872" spans="14:14">
      <c r="N937872" s="10"/>
    </row>
    <row r="937873" spans="14:14">
      <c r="N937873" s="10"/>
    </row>
    <row r="937874" spans="14:14">
      <c r="N937874" s="10"/>
    </row>
    <row r="937875" spans="14:14">
      <c r="N937875" s="10"/>
    </row>
    <row r="937876" spans="14:14">
      <c r="N937876" s="10"/>
    </row>
    <row r="937877" spans="14:14">
      <c r="N937877" s="10"/>
    </row>
    <row r="937878" spans="14:14">
      <c r="N937878" s="10"/>
    </row>
    <row r="937879" spans="14:14">
      <c r="N937879" s="10"/>
    </row>
    <row r="937880" spans="14:14">
      <c r="N937880" s="10"/>
    </row>
    <row r="937881" spans="14:14">
      <c r="N937881" s="10"/>
    </row>
    <row r="937882" spans="14:14">
      <c r="N937882" s="10"/>
    </row>
    <row r="937883" spans="14:14">
      <c r="N937883" s="10"/>
    </row>
    <row r="937884" spans="14:14">
      <c r="N937884" s="10"/>
    </row>
    <row r="937885" spans="14:14">
      <c r="N937885" s="10"/>
    </row>
    <row r="937886" spans="14:14">
      <c r="N937886" s="10"/>
    </row>
    <row r="937887" spans="14:14">
      <c r="N937887" s="10"/>
    </row>
    <row r="937888" spans="14:14">
      <c r="N937888" s="10"/>
    </row>
    <row r="937889" spans="14:14">
      <c r="N937889" s="10"/>
    </row>
    <row r="937890" spans="14:14">
      <c r="N937890" s="10"/>
    </row>
    <row r="937891" spans="14:14">
      <c r="N937891" s="10"/>
    </row>
    <row r="937892" spans="14:14">
      <c r="N937892" s="10"/>
    </row>
    <row r="937893" spans="14:14">
      <c r="N937893" s="10"/>
    </row>
    <row r="937894" spans="14:14">
      <c r="N937894" s="10"/>
    </row>
    <row r="937895" spans="14:14">
      <c r="N937895" s="10"/>
    </row>
    <row r="937896" spans="14:14">
      <c r="N937896" s="10"/>
    </row>
    <row r="937897" spans="14:14">
      <c r="N937897" s="10"/>
    </row>
    <row r="937898" spans="14:14">
      <c r="N937898" s="10"/>
    </row>
    <row r="937899" spans="14:14">
      <c r="N937899" s="10"/>
    </row>
    <row r="937900" spans="14:14">
      <c r="N937900" s="10"/>
    </row>
    <row r="937901" spans="14:14">
      <c r="N937901" s="10"/>
    </row>
    <row r="937902" spans="14:14">
      <c r="N937902" s="10"/>
    </row>
    <row r="937903" spans="14:14">
      <c r="N937903" s="10"/>
    </row>
    <row r="937904" spans="14:14">
      <c r="N937904" s="10"/>
    </row>
    <row r="937905" spans="14:14">
      <c r="N937905" s="10"/>
    </row>
    <row r="937906" spans="14:14">
      <c r="N937906" s="10"/>
    </row>
    <row r="937907" spans="14:14">
      <c r="N937907" s="10"/>
    </row>
    <row r="937908" spans="14:14">
      <c r="N937908" s="10"/>
    </row>
    <row r="937909" spans="14:14">
      <c r="N937909" s="10"/>
    </row>
    <row r="937910" spans="14:14">
      <c r="N937910" s="10"/>
    </row>
    <row r="937911" spans="14:14">
      <c r="N937911" s="10"/>
    </row>
    <row r="937912" spans="14:14">
      <c r="N937912" s="10"/>
    </row>
    <row r="937913" spans="14:14">
      <c r="N937913" s="10"/>
    </row>
    <row r="937914" spans="14:14">
      <c r="N937914" s="10"/>
    </row>
    <row r="937915" spans="14:14">
      <c r="N937915" s="10"/>
    </row>
    <row r="937916" spans="14:14">
      <c r="N937916" s="10"/>
    </row>
    <row r="937917" spans="14:14">
      <c r="N937917" s="10"/>
    </row>
    <row r="937918" spans="14:14">
      <c r="N937918" s="10"/>
    </row>
    <row r="937919" spans="14:14">
      <c r="N937919" s="10"/>
    </row>
    <row r="937920" spans="14:14">
      <c r="N937920" s="10"/>
    </row>
    <row r="937921" spans="14:14">
      <c r="N937921" s="10"/>
    </row>
    <row r="937922" spans="14:14">
      <c r="N937922" s="10"/>
    </row>
    <row r="937923" spans="14:14">
      <c r="N937923" s="10"/>
    </row>
    <row r="937924" spans="14:14">
      <c r="N937924" s="10"/>
    </row>
    <row r="937925" spans="14:14">
      <c r="N937925" s="10"/>
    </row>
    <row r="937926" spans="14:14">
      <c r="N937926" s="10"/>
    </row>
    <row r="937927" spans="14:14">
      <c r="N937927" s="10"/>
    </row>
    <row r="937928" spans="14:14">
      <c r="N937928" s="10"/>
    </row>
    <row r="937929" spans="14:14">
      <c r="N937929" s="10"/>
    </row>
    <row r="937930" spans="14:14">
      <c r="N937930" s="10"/>
    </row>
    <row r="937931" spans="14:14">
      <c r="N937931" s="10"/>
    </row>
    <row r="937932" spans="14:14">
      <c r="N937932" s="10"/>
    </row>
    <row r="937933" spans="14:14">
      <c r="N937933" s="10"/>
    </row>
    <row r="937934" spans="14:14">
      <c r="N937934" s="10"/>
    </row>
    <row r="937935" spans="14:14">
      <c r="N937935" s="10"/>
    </row>
    <row r="937936" spans="14:14">
      <c r="N937936" s="10"/>
    </row>
    <row r="937937" spans="14:14">
      <c r="N937937" s="10"/>
    </row>
    <row r="937938" spans="14:14">
      <c r="N937938" s="10"/>
    </row>
    <row r="937939" spans="14:14">
      <c r="N937939" s="10"/>
    </row>
    <row r="937940" spans="14:14">
      <c r="N937940" s="10"/>
    </row>
    <row r="937941" spans="14:14">
      <c r="N937941" s="10"/>
    </row>
    <row r="937942" spans="14:14">
      <c r="N937942" s="10"/>
    </row>
    <row r="937943" spans="14:14">
      <c r="N937943" s="10"/>
    </row>
    <row r="937944" spans="14:14">
      <c r="N937944" s="10"/>
    </row>
    <row r="937945" spans="14:14">
      <c r="N937945" s="10"/>
    </row>
    <row r="937946" spans="14:14">
      <c r="N937946" s="10"/>
    </row>
    <row r="937947" spans="14:14">
      <c r="N937947" s="10"/>
    </row>
    <row r="937948" spans="14:14">
      <c r="N937948" s="10"/>
    </row>
    <row r="937949" spans="14:14">
      <c r="N937949" s="10"/>
    </row>
    <row r="937950" spans="14:14">
      <c r="N937950" s="10"/>
    </row>
    <row r="937951" spans="14:14">
      <c r="N937951" s="10"/>
    </row>
    <row r="937952" spans="14:14">
      <c r="N937952" s="10"/>
    </row>
    <row r="937953" spans="14:14">
      <c r="N937953" s="10"/>
    </row>
    <row r="937954" spans="14:14">
      <c r="N937954" s="10"/>
    </row>
    <row r="937955" spans="14:14">
      <c r="N937955" s="10"/>
    </row>
    <row r="937956" spans="14:14">
      <c r="N937956" s="10"/>
    </row>
    <row r="937957" spans="14:14">
      <c r="N937957" s="10"/>
    </row>
    <row r="937958" spans="14:14">
      <c r="N937958" s="10"/>
    </row>
    <row r="937959" spans="14:14">
      <c r="N937959" s="10"/>
    </row>
    <row r="937960" spans="14:14">
      <c r="N937960" s="10"/>
    </row>
    <row r="937961" spans="14:14">
      <c r="N937961" s="10"/>
    </row>
    <row r="937962" spans="14:14">
      <c r="N937962" s="10"/>
    </row>
    <row r="937963" spans="14:14">
      <c r="N937963" s="10"/>
    </row>
    <row r="937964" spans="14:14">
      <c r="N937964" s="10"/>
    </row>
    <row r="937965" spans="14:14">
      <c r="N937965" s="10"/>
    </row>
    <row r="937966" spans="14:14">
      <c r="N937966" s="10"/>
    </row>
    <row r="937967" spans="14:14">
      <c r="N937967" s="10"/>
    </row>
    <row r="937968" spans="14:14">
      <c r="N937968" s="10"/>
    </row>
    <row r="937969" spans="14:14">
      <c r="N937969" s="10"/>
    </row>
    <row r="937970" spans="14:14">
      <c r="N937970" s="10"/>
    </row>
    <row r="937971" spans="14:14">
      <c r="N937971" s="10"/>
    </row>
    <row r="937972" spans="14:14">
      <c r="N937972" s="10"/>
    </row>
    <row r="937973" spans="14:14">
      <c r="N937973" s="10"/>
    </row>
    <row r="937974" spans="14:14">
      <c r="N937974" s="10"/>
    </row>
    <row r="937975" spans="14:14">
      <c r="N937975" s="10"/>
    </row>
    <row r="937976" spans="14:14">
      <c r="N937976" s="10"/>
    </row>
    <row r="937977" spans="14:14">
      <c r="N937977" s="10"/>
    </row>
    <row r="937978" spans="14:14">
      <c r="N937978" s="10"/>
    </row>
    <row r="937979" spans="14:14">
      <c r="N937979" s="10"/>
    </row>
    <row r="937980" spans="14:14">
      <c r="N937980" s="10"/>
    </row>
    <row r="937981" spans="14:14">
      <c r="N937981" s="10"/>
    </row>
    <row r="937982" spans="14:14">
      <c r="N937982" s="10"/>
    </row>
    <row r="937983" spans="14:14">
      <c r="N937983" s="10"/>
    </row>
    <row r="937984" spans="14:14">
      <c r="N937984" s="10"/>
    </row>
    <row r="937985" spans="14:14">
      <c r="N937985" s="10"/>
    </row>
    <row r="937986" spans="14:14">
      <c r="N937986" s="10"/>
    </row>
    <row r="937987" spans="14:14">
      <c r="N937987" s="10"/>
    </row>
    <row r="937988" spans="14:14">
      <c r="N937988" s="10"/>
    </row>
    <row r="937989" spans="14:14">
      <c r="N937989" s="10"/>
    </row>
    <row r="937990" spans="14:14">
      <c r="N937990" s="10"/>
    </row>
    <row r="937991" spans="14:14">
      <c r="N937991" s="10"/>
    </row>
    <row r="937992" spans="14:14">
      <c r="N937992" s="10"/>
    </row>
    <row r="937993" spans="14:14">
      <c r="N937993" s="10"/>
    </row>
    <row r="937994" spans="14:14">
      <c r="N937994" s="10"/>
    </row>
    <row r="937995" spans="14:14">
      <c r="N937995" s="10"/>
    </row>
    <row r="937996" spans="14:14">
      <c r="N937996" s="10"/>
    </row>
    <row r="937997" spans="14:14">
      <c r="N937997" s="10"/>
    </row>
    <row r="937998" spans="14:14">
      <c r="N937998" s="10"/>
    </row>
    <row r="937999" spans="14:14">
      <c r="N937999" s="10"/>
    </row>
    <row r="938000" spans="14:14">
      <c r="N938000" s="10"/>
    </row>
    <row r="938001" spans="14:14">
      <c r="N938001" s="10"/>
    </row>
    <row r="938002" spans="14:14">
      <c r="N938002" s="10"/>
    </row>
    <row r="938003" spans="14:14">
      <c r="N938003" s="10"/>
    </row>
    <row r="938004" spans="14:14">
      <c r="N938004" s="10"/>
    </row>
    <row r="938005" spans="14:14">
      <c r="N938005" s="10"/>
    </row>
    <row r="938006" spans="14:14">
      <c r="N938006" s="10"/>
    </row>
    <row r="938007" spans="14:14">
      <c r="N938007" s="10"/>
    </row>
    <row r="938008" spans="14:14">
      <c r="N938008" s="10"/>
    </row>
    <row r="938009" spans="14:14">
      <c r="N938009" s="10"/>
    </row>
    <row r="938010" spans="14:14">
      <c r="N938010" s="10"/>
    </row>
    <row r="938011" spans="14:14">
      <c r="N938011" s="10"/>
    </row>
    <row r="938012" spans="14:14">
      <c r="N938012" s="10"/>
    </row>
    <row r="938013" spans="14:14">
      <c r="N938013" s="10"/>
    </row>
    <row r="938014" spans="14:14">
      <c r="N938014" s="10"/>
    </row>
    <row r="938015" spans="14:14">
      <c r="N938015" s="10"/>
    </row>
    <row r="938016" spans="14:14">
      <c r="N938016" s="10"/>
    </row>
    <row r="938017" spans="14:14">
      <c r="N938017" s="10"/>
    </row>
    <row r="938018" spans="14:14">
      <c r="N938018" s="10"/>
    </row>
    <row r="938019" spans="14:14">
      <c r="N938019" s="10"/>
    </row>
    <row r="938020" spans="14:14">
      <c r="N938020" s="10"/>
    </row>
    <row r="938021" spans="14:14">
      <c r="N938021" s="10"/>
    </row>
    <row r="938022" spans="14:14">
      <c r="N938022" s="10"/>
    </row>
    <row r="938023" spans="14:14">
      <c r="N938023" s="10"/>
    </row>
    <row r="938024" spans="14:14">
      <c r="N938024" s="10"/>
    </row>
    <row r="938025" spans="14:14">
      <c r="N938025" s="10"/>
    </row>
    <row r="938026" spans="14:14">
      <c r="N938026" s="10"/>
    </row>
    <row r="938027" spans="14:14">
      <c r="N938027" s="10"/>
    </row>
    <row r="938028" spans="14:14">
      <c r="N938028" s="10"/>
    </row>
    <row r="938029" spans="14:14">
      <c r="N938029" s="10"/>
    </row>
    <row r="938030" spans="14:14">
      <c r="N938030" s="10"/>
    </row>
    <row r="938031" spans="14:14">
      <c r="N938031" s="10"/>
    </row>
    <row r="938032" spans="14:14">
      <c r="N938032" s="10"/>
    </row>
    <row r="938033" spans="14:14">
      <c r="N938033" s="10"/>
    </row>
    <row r="938034" spans="14:14">
      <c r="N938034" s="10"/>
    </row>
    <row r="938035" spans="14:14">
      <c r="N938035" s="10"/>
    </row>
    <row r="938036" spans="14:14">
      <c r="N938036" s="10"/>
    </row>
    <row r="938037" spans="14:14">
      <c r="N938037" s="10"/>
    </row>
    <row r="938038" spans="14:14">
      <c r="N938038" s="10"/>
    </row>
    <row r="938039" spans="14:14">
      <c r="N938039" s="10"/>
    </row>
    <row r="938040" spans="14:14">
      <c r="N938040" s="10"/>
    </row>
    <row r="938041" spans="14:14">
      <c r="N938041" s="10"/>
    </row>
    <row r="938042" spans="14:14">
      <c r="N938042" s="10"/>
    </row>
    <row r="938043" spans="14:14">
      <c r="N938043" s="10"/>
    </row>
    <row r="938044" spans="14:14">
      <c r="N938044" s="10"/>
    </row>
    <row r="938045" spans="14:14">
      <c r="N938045" s="10"/>
    </row>
    <row r="938046" spans="14:14">
      <c r="N938046" s="10"/>
    </row>
    <row r="938047" spans="14:14">
      <c r="N938047" s="10"/>
    </row>
    <row r="938048" spans="14:14">
      <c r="N938048" s="10"/>
    </row>
    <row r="938049" spans="14:14">
      <c r="N938049" s="10"/>
    </row>
    <row r="938050" spans="14:14">
      <c r="N938050" s="10"/>
    </row>
    <row r="938051" spans="14:14">
      <c r="N938051" s="10"/>
    </row>
    <row r="938052" spans="14:14">
      <c r="N938052" s="10"/>
    </row>
    <row r="938053" spans="14:14">
      <c r="N938053" s="10"/>
    </row>
    <row r="938054" spans="14:14">
      <c r="N938054" s="10"/>
    </row>
    <row r="938055" spans="14:14">
      <c r="N938055" s="10"/>
    </row>
    <row r="938056" spans="14:14">
      <c r="N938056" s="10"/>
    </row>
    <row r="938057" spans="14:14">
      <c r="N938057" s="10"/>
    </row>
    <row r="938058" spans="14:14">
      <c r="N938058" s="10"/>
    </row>
    <row r="938059" spans="14:14">
      <c r="N938059" s="10"/>
    </row>
    <row r="938060" spans="14:14">
      <c r="N938060" s="10"/>
    </row>
    <row r="938061" spans="14:14">
      <c r="N938061" s="10"/>
    </row>
    <row r="938062" spans="14:14">
      <c r="N938062" s="10"/>
    </row>
    <row r="938063" spans="14:14">
      <c r="N938063" s="10"/>
    </row>
    <row r="938064" spans="14:14">
      <c r="N938064" s="10"/>
    </row>
    <row r="938065" spans="14:14">
      <c r="N938065" s="10"/>
    </row>
    <row r="938066" spans="14:14">
      <c r="N938066" s="10"/>
    </row>
    <row r="938067" spans="14:14">
      <c r="N938067" s="10"/>
    </row>
    <row r="938068" spans="14:14">
      <c r="N938068" s="10"/>
    </row>
    <row r="938069" spans="14:14">
      <c r="N938069" s="10"/>
    </row>
    <row r="938070" spans="14:14">
      <c r="N938070" s="10"/>
    </row>
    <row r="938071" spans="14:14">
      <c r="N938071" s="10"/>
    </row>
    <row r="938072" spans="14:14">
      <c r="N938072" s="10"/>
    </row>
    <row r="938073" spans="14:14">
      <c r="N938073" s="10"/>
    </row>
    <row r="938074" spans="14:14">
      <c r="N938074" s="10"/>
    </row>
    <row r="938075" spans="14:14">
      <c r="N938075" s="10"/>
    </row>
    <row r="938076" spans="14:14">
      <c r="N938076" s="10"/>
    </row>
    <row r="938077" spans="14:14">
      <c r="N938077" s="10"/>
    </row>
    <row r="938078" spans="14:14">
      <c r="N938078" s="10"/>
    </row>
    <row r="938079" spans="14:14">
      <c r="N938079" s="10"/>
    </row>
    <row r="938080" spans="14:14">
      <c r="N938080" s="10"/>
    </row>
    <row r="938081" spans="14:14">
      <c r="N938081" s="10"/>
    </row>
    <row r="938082" spans="14:14">
      <c r="N938082" s="10"/>
    </row>
    <row r="938083" spans="14:14">
      <c r="N938083" s="10"/>
    </row>
    <row r="938084" spans="14:14">
      <c r="N938084" s="10"/>
    </row>
    <row r="938085" spans="14:14">
      <c r="N938085" s="10"/>
    </row>
    <row r="938086" spans="14:14">
      <c r="N938086" s="10"/>
    </row>
    <row r="938087" spans="14:14">
      <c r="N938087" s="10"/>
    </row>
    <row r="938088" spans="14:14">
      <c r="N938088" s="10"/>
    </row>
    <row r="938089" spans="14:14">
      <c r="N938089" s="10"/>
    </row>
    <row r="938090" spans="14:14">
      <c r="N938090" s="10"/>
    </row>
    <row r="938091" spans="14:14">
      <c r="N938091" s="10"/>
    </row>
    <row r="938092" spans="14:14">
      <c r="N938092" s="10"/>
    </row>
    <row r="938093" spans="14:14">
      <c r="N938093" s="10"/>
    </row>
    <row r="938094" spans="14:14">
      <c r="N938094" s="10"/>
    </row>
    <row r="938095" spans="14:14">
      <c r="N938095" s="10"/>
    </row>
    <row r="938096" spans="14:14">
      <c r="N938096" s="10"/>
    </row>
    <row r="938097" spans="14:14">
      <c r="N938097" s="10"/>
    </row>
    <row r="938098" spans="14:14">
      <c r="N938098" s="10"/>
    </row>
    <row r="938099" spans="14:14">
      <c r="N938099" s="10"/>
    </row>
    <row r="938100" spans="14:14">
      <c r="N938100" s="10"/>
    </row>
    <row r="938101" spans="14:14">
      <c r="N938101" s="10"/>
    </row>
    <row r="938102" spans="14:14">
      <c r="N938102" s="10"/>
    </row>
    <row r="938103" spans="14:14">
      <c r="N938103" s="10"/>
    </row>
    <row r="938104" spans="14:14">
      <c r="N938104" s="10"/>
    </row>
    <row r="938105" spans="14:14">
      <c r="N938105" s="10"/>
    </row>
    <row r="938106" spans="14:14">
      <c r="N938106" s="10"/>
    </row>
    <row r="938107" spans="14:14">
      <c r="N938107" s="10"/>
    </row>
    <row r="938108" spans="14:14">
      <c r="N938108" s="10"/>
    </row>
    <row r="938109" spans="14:14">
      <c r="N938109" s="10"/>
    </row>
    <row r="938110" spans="14:14">
      <c r="N938110" s="10"/>
    </row>
    <row r="938111" spans="14:14">
      <c r="N938111" s="10"/>
    </row>
    <row r="938112" spans="14:14">
      <c r="N938112" s="10"/>
    </row>
    <row r="938113" spans="14:14">
      <c r="N938113" s="10"/>
    </row>
    <row r="938114" spans="14:14">
      <c r="N938114" s="10"/>
    </row>
    <row r="938115" spans="14:14">
      <c r="N938115" s="10"/>
    </row>
    <row r="938116" spans="14:14">
      <c r="N938116" s="10"/>
    </row>
    <row r="938117" spans="14:14">
      <c r="N938117" s="10"/>
    </row>
    <row r="938118" spans="14:14">
      <c r="N938118" s="10"/>
    </row>
    <row r="938119" spans="14:14">
      <c r="N938119" s="10"/>
    </row>
    <row r="938120" spans="14:14">
      <c r="N938120" s="10"/>
    </row>
    <row r="938121" spans="14:14">
      <c r="N938121" s="10"/>
    </row>
    <row r="938122" spans="14:14">
      <c r="N938122" s="10"/>
    </row>
    <row r="938123" spans="14:14">
      <c r="N938123" s="10"/>
    </row>
    <row r="938124" spans="14:14">
      <c r="N938124" s="10"/>
    </row>
    <row r="938125" spans="14:14">
      <c r="N938125" s="10"/>
    </row>
    <row r="938126" spans="14:14">
      <c r="N938126" s="10"/>
    </row>
    <row r="938127" spans="14:14">
      <c r="N938127" s="10"/>
    </row>
    <row r="938128" spans="14:14">
      <c r="N938128" s="10"/>
    </row>
    <row r="938129" spans="14:14">
      <c r="N938129" s="10"/>
    </row>
    <row r="938130" spans="14:14">
      <c r="N938130" s="10"/>
    </row>
    <row r="938131" spans="14:14">
      <c r="N938131" s="10"/>
    </row>
    <row r="938132" spans="14:14">
      <c r="N938132" s="10"/>
    </row>
    <row r="938133" spans="14:14">
      <c r="N938133" s="10"/>
    </row>
    <row r="938134" spans="14:14">
      <c r="N938134" s="10"/>
    </row>
    <row r="938135" spans="14:14">
      <c r="N938135" s="10"/>
    </row>
    <row r="938136" spans="14:14">
      <c r="N938136" s="10"/>
    </row>
    <row r="938137" spans="14:14">
      <c r="N938137" s="10"/>
    </row>
    <row r="938138" spans="14:14">
      <c r="N938138" s="10"/>
    </row>
    <row r="938139" spans="14:14">
      <c r="N938139" s="10"/>
    </row>
    <row r="938140" spans="14:14">
      <c r="N938140" s="10"/>
    </row>
    <row r="938141" spans="14:14">
      <c r="N938141" s="10"/>
    </row>
    <row r="938142" spans="14:14">
      <c r="N938142" s="10"/>
    </row>
    <row r="938143" spans="14:14">
      <c r="N938143" s="10"/>
    </row>
    <row r="938144" spans="14:14">
      <c r="N938144" s="10"/>
    </row>
    <row r="938145" spans="14:14">
      <c r="N938145" s="10"/>
    </row>
    <row r="938146" spans="14:14">
      <c r="N938146" s="10"/>
    </row>
    <row r="938147" spans="14:14">
      <c r="N938147" s="10"/>
    </row>
    <row r="938148" spans="14:14">
      <c r="N938148" s="10"/>
    </row>
    <row r="938149" spans="14:14">
      <c r="N938149" s="10"/>
    </row>
    <row r="938150" spans="14:14">
      <c r="N938150" s="10"/>
    </row>
    <row r="938151" spans="14:14">
      <c r="N938151" s="10"/>
    </row>
    <row r="938152" spans="14:14">
      <c r="N938152" s="10"/>
    </row>
    <row r="938153" spans="14:14">
      <c r="N938153" s="10"/>
    </row>
    <row r="938154" spans="14:14">
      <c r="N938154" s="10"/>
    </row>
    <row r="938155" spans="14:14">
      <c r="N938155" s="10"/>
    </row>
    <row r="938156" spans="14:14">
      <c r="N938156" s="10"/>
    </row>
    <row r="938157" spans="14:14">
      <c r="N938157" s="10"/>
    </row>
    <row r="938158" spans="14:14">
      <c r="N938158" s="10"/>
    </row>
    <row r="938159" spans="14:14">
      <c r="N938159" s="10"/>
    </row>
    <row r="938160" spans="14:14">
      <c r="N938160" s="10"/>
    </row>
    <row r="938161" spans="14:14">
      <c r="N938161" s="10"/>
    </row>
    <row r="938162" spans="14:14">
      <c r="N938162" s="10"/>
    </row>
    <row r="938163" spans="14:14">
      <c r="N938163" s="10"/>
    </row>
    <row r="938164" spans="14:14">
      <c r="N938164" s="10"/>
    </row>
    <row r="938165" spans="14:14">
      <c r="N938165" s="10"/>
    </row>
    <row r="938166" spans="14:14">
      <c r="N938166" s="10"/>
    </row>
    <row r="938167" spans="14:14">
      <c r="N938167" s="10"/>
    </row>
    <row r="938168" spans="14:14">
      <c r="N938168" s="10"/>
    </row>
    <row r="938169" spans="14:14">
      <c r="N938169" s="10"/>
    </row>
    <row r="938170" spans="14:14">
      <c r="N938170" s="10"/>
    </row>
    <row r="938171" spans="14:14">
      <c r="N938171" s="10"/>
    </row>
    <row r="938172" spans="14:14">
      <c r="N938172" s="10"/>
    </row>
    <row r="938173" spans="14:14">
      <c r="N938173" s="10"/>
    </row>
    <row r="938174" spans="14:14">
      <c r="N938174" s="10"/>
    </row>
    <row r="938175" spans="14:14">
      <c r="N938175" s="10"/>
    </row>
    <row r="938176" spans="14:14">
      <c r="N938176" s="10"/>
    </row>
    <row r="938177" spans="14:14">
      <c r="N938177" s="10"/>
    </row>
    <row r="938178" spans="14:14">
      <c r="N938178" s="10"/>
    </row>
    <row r="938179" spans="14:14">
      <c r="N938179" s="10"/>
    </row>
    <row r="938180" spans="14:14">
      <c r="N938180" s="10"/>
    </row>
    <row r="938181" spans="14:14">
      <c r="N938181" s="10"/>
    </row>
    <row r="938182" spans="14:14">
      <c r="N938182" s="10"/>
    </row>
    <row r="938183" spans="14:14">
      <c r="N938183" s="10"/>
    </row>
    <row r="938184" spans="14:14">
      <c r="N938184" s="10"/>
    </row>
    <row r="938185" spans="14:14">
      <c r="N938185" s="10"/>
    </row>
    <row r="938186" spans="14:14">
      <c r="N938186" s="10"/>
    </row>
    <row r="938187" spans="14:14">
      <c r="N938187" s="10"/>
    </row>
    <row r="938188" spans="14:14">
      <c r="N938188" s="10"/>
    </row>
    <row r="938189" spans="14:14">
      <c r="N938189" s="10"/>
    </row>
    <row r="938190" spans="14:14">
      <c r="N938190" s="10"/>
    </row>
    <row r="938191" spans="14:14">
      <c r="N938191" s="10"/>
    </row>
    <row r="938192" spans="14:14">
      <c r="N938192" s="10"/>
    </row>
    <row r="938193" spans="14:14">
      <c r="N938193" s="10"/>
    </row>
    <row r="938194" spans="14:14">
      <c r="N938194" s="10"/>
    </row>
    <row r="938195" spans="14:14">
      <c r="N938195" s="10"/>
    </row>
    <row r="938196" spans="14:14">
      <c r="N938196" s="10"/>
    </row>
    <row r="938197" spans="14:14">
      <c r="N938197" s="10"/>
    </row>
    <row r="938198" spans="14:14">
      <c r="N938198" s="10"/>
    </row>
    <row r="938199" spans="14:14">
      <c r="N938199" s="10"/>
    </row>
    <row r="938200" spans="14:14">
      <c r="N938200" s="10"/>
    </row>
    <row r="938201" spans="14:14">
      <c r="N938201" s="10"/>
    </row>
    <row r="938202" spans="14:14">
      <c r="N938202" s="10"/>
    </row>
    <row r="938203" spans="14:14">
      <c r="N938203" s="10"/>
    </row>
    <row r="938204" spans="14:14">
      <c r="N938204" s="10"/>
    </row>
    <row r="938205" spans="14:14">
      <c r="N938205" s="10"/>
    </row>
    <row r="938206" spans="14:14">
      <c r="N938206" s="10"/>
    </row>
    <row r="938207" spans="14:14">
      <c r="N938207" s="10"/>
    </row>
    <row r="938208" spans="14:14">
      <c r="N938208" s="10"/>
    </row>
    <row r="938209" spans="14:14">
      <c r="N938209" s="10"/>
    </row>
    <row r="938210" spans="14:14">
      <c r="N938210" s="10"/>
    </row>
    <row r="938211" spans="14:14">
      <c r="N938211" s="10"/>
    </row>
    <row r="938212" spans="14:14">
      <c r="N938212" s="10"/>
    </row>
    <row r="938213" spans="14:14">
      <c r="N938213" s="10"/>
    </row>
    <row r="938214" spans="14:14">
      <c r="N938214" s="10"/>
    </row>
    <row r="938215" spans="14:14">
      <c r="N938215" s="10"/>
    </row>
    <row r="938216" spans="14:14">
      <c r="N938216" s="10"/>
    </row>
    <row r="938217" spans="14:14">
      <c r="N938217" s="10"/>
    </row>
    <row r="938218" spans="14:14">
      <c r="N938218" s="10"/>
    </row>
    <row r="938219" spans="14:14">
      <c r="N938219" s="10"/>
    </row>
    <row r="938220" spans="14:14">
      <c r="N938220" s="10"/>
    </row>
    <row r="938221" spans="14:14">
      <c r="N938221" s="10"/>
    </row>
    <row r="938222" spans="14:14">
      <c r="N938222" s="10"/>
    </row>
    <row r="938223" spans="14:14">
      <c r="N938223" s="10"/>
    </row>
    <row r="938224" spans="14:14">
      <c r="N938224" s="10"/>
    </row>
    <row r="938225" spans="14:14">
      <c r="N938225" s="10"/>
    </row>
    <row r="938226" spans="14:14">
      <c r="N938226" s="10"/>
    </row>
    <row r="938227" spans="14:14">
      <c r="N938227" s="10"/>
    </row>
    <row r="938228" spans="14:14">
      <c r="N938228" s="10"/>
    </row>
    <row r="938229" spans="14:14">
      <c r="N938229" s="10"/>
    </row>
    <row r="938230" spans="14:14">
      <c r="N938230" s="10"/>
    </row>
    <row r="938231" spans="14:14">
      <c r="N938231" s="10"/>
    </row>
    <row r="938232" spans="14:14">
      <c r="N938232" s="10"/>
    </row>
    <row r="938233" spans="14:14">
      <c r="N938233" s="10"/>
    </row>
    <row r="938234" spans="14:14">
      <c r="N938234" s="10"/>
    </row>
    <row r="938235" spans="14:14">
      <c r="N938235" s="10"/>
    </row>
    <row r="938236" spans="14:14">
      <c r="N938236" s="10"/>
    </row>
    <row r="938237" spans="14:14">
      <c r="N938237" s="10"/>
    </row>
    <row r="938238" spans="14:14">
      <c r="N938238" s="10"/>
    </row>
    <row r="938239" spans="14:14">
      <c r="N938239" s="10"/>
    </row>
    <row r="938240" spans="14:14">
      <c r="N938240" s="10"/>
    </row>
    <row r="938241" spans="14:14">
      <c r="N938241" s="10"/>
    </row>
    <row r="938242" spans="14:14">
      <c r="N938242" s="10"/>
    </row>
    <row r="938243" spans="14:14">
      <c r="N938243" s="10"/>
    </row>
    <row r="938244" spans="14:14">
      <c r="N938244" s="10"/>
    </row>
    <row r="938245" spans="14:14">
      <c r="N938245" s="10"/>
    </row>
    <row r="938246" spans="14:14">
      <c r="N938246" s="10"/>
    </row>
    <row r="938247" spans="14:14">
      <c r="N938247" s="10"/>
    </row>
    <row r="938248" spans="14:14">
      <c r="N938248" s="10"/>
    </row>
    <row r="938249" spans="14:14">
      <c r="N938249" s="10"/>
    </row>
    <row r="938250" spans="14:14">
      <c r="N938250" s="10"/>
    </row>
    <row r="938251" spans="14:14">
      <c r="N938251" s="10"/>
    </row>
    <row r="938252" spans="14:14">
      <c r="N938252" s="10"/>
    </row>
    <row r="938253" spans="14:14">
      <c r="N938253" s="10"/>
    </row>
    <row r="938254" spans="14:14">
      <c r="N938254" s="10"/>
    </row>
    <row r="938255" spans="14:14">
      <c r="N938255" s="10"/>
    </row>
    <row r="938256" spans="14:14">
      <c r="N938256" s="10"/>
    </row>
    <row r="938257" spans="14:14">
      <c r="N938257" s="10"/>
    </row>
    <row r="938258" spans="14:14">
      <c r="N938258" s="10"/>
    </row>
    <row r="938259" spans="14:14">
      <c r="N938259" s="10"/>
    </row>
    <row r="938260" spans="14:14">
      <c r="N938260" s="10"/>
    </row>
    <row r="938261" spans="14:14">
      <c r="N938261" s="10"/>
    </row>
    <row r="938262" spans="14:14">
      <c r="N938262" s="10"/>
    </row>
    <row r="938263" spans="14:14">
      <c r="N938263" s="10"/>
    </row>
    <row r="938264" spans="14:14">
      <c r="N938264" s="10"/>
    </row>
    <row r="938265" spans="14:14">
      <c r="N938265" s="10"/>
    </row>
    <row r="938266" spans="14:14">
      <c r="N938266" s="10"/>
    </row>
    <row r="938267" spans="14:14">
      <c r="N938267" s="10"/>
    </row>
    <row r="938268" spans="14:14">
      <c r="N938268" s="10"/>
    </row>
    <row r="938269" spans="14:14">
      <c r="N938269" s="10"/>
    </row>
    <row r="938270" spans="14:14">
      <c r="N938270" s="10"/>
    </row>
    <row r="938271" spans="14:14">
      <c r="N938271" s="10"/>
    </row>
    <row r="938272" spans="14:14">
      <c r="N938272" s="10"/>
    </row>
    <row r="938273" spans="14:14">
      <c r="N938273" s="10"/>
    </row>
    <row r="938274" spans="14:14">
      <c r="N938274" s="10"/>
    </row>
    <row r="938275" spans="14:14">
      <c r="N938275" s="10"/>
    </row>
    <row r="938276" spans="14:14">
      <c r="N938276" s="10"/>
    </row>
    <row r="938277" spans="14:14">
      <c r="N938277" s="10"/>
    </row>
    <row r="938278" spans="14:14">
      <c r="N938278" s="10"/>
    </row>
    <row r="938279" spans="14:14">
      <c r="N938279" s="10"/>
    </row>
    <row r="938280" spans="14:14">
      <c r="N938280" s="10"/>
    </row>
    <row r="938281" spans="14:14">
      <c r="N938281" s="10"/>
    </row>
    <row r="938282" spans="14:14">
      <c r="N938282" s="10"/>
    </row>
    <row r="938283" spans="14:14">
      <c r="N938283" s="10"/>
    </row>
    <row r="938284" spans="14:14">
      <c r="N938284" s="10"/>
    </row>
    <row r="938285" spans="14:14">
      <c r="N938285" s="10"/>
    </row>
    <row r="938286" spans="14:14">
      <c r="N938286" s="10"/>
    </row>
    <row r="938287" spans="14:14">
      <c r="N938287" s="10"/>
    </row>
    <row r="938288" spans="14:14">
      <c r="N938288" s="10"/>
    </row>
    <row r="938289" spans="14:14">
      <c r="N938289" s="10"/>
    </row>
    <row r="938290" spans="14:14">
      <c r="N938290" s="10"/>
    </row>
    <row r="938291" spans="14:14">
      <c r="N938291" s="10"/>
    </row>
    <row r="938292" spans="14:14">
      <c r="N938292" s="10"/>
    </row>
    <row r="938293" spans="14:14">
      <c r="N938293" s="10"/>
    </row>
    <row r="938294" spans="14:14">
      <c r="N938294" s="10"/>
    </row>
    <row r="938295" spans="14:14">
      <c r="N938295" s="10"/>
    </row>
    <row r="938296" spans="14:14">
      <c r="N938296" s="10"/>
    </row>
    <row r="938297" spans="14:14">
      <c r="N938297" s="10"/>
    </row>
    <row r="938298" spans="14:14">
      <c r="N938298" s="10"/>
    </row>
    <row r="938299" spans="14:14">
      <c r="N938299" s="10"/>
    </row>
    <row r="938300" spans="14:14">
      <c r="N938300" s="10"/>
    </row>
    <row r="938301" spans="14:14">
      <c r="N938301" s="10"/>
    </row>
    <row r="938302" spans="14:14">
      <c r="N938302" s="10"/>
    </row>
    <row r="938303" spans="14:14">
      <c r="N938303" s="10"/>
    </row>
    <row r="938304" spans="14:14">
      <c r="N938304" s="10"/>
    </row>
    <row r="938305" spans="14:14">
      <c r="N938305" s="10"/>
    </row>
    <row r="938306" spans="14:14">
      <c r="N938306" s="10"/>
    </row>
    <row r="938307" spans="14:14">
      <c r="N938307" s="10"/>
    </row>
    <row r="938308" spans="14:14">
      <c r="N938308" s="10"/>
    </row>
    <row r="938309" spans="14:14">
      <c r="N938309" s="10"/>
    </row>
    <row r="938310" spans="14:14">
      <c r="N938310" s="10"/>
    </row>
    <row r="938311" spans="14:14">
      <c r="N938311" s="10"/>
    </row>
    <row r="938312" spans="14:14">
      <c r="N938312" s="10"/>
    </row>
    <row r="938313" spans="14:14">
      <c r="N938313" s="10"/>
    </row>
    <row r="938314" spans="14:14">
      <c r="N938314" s="10"/>
    </row>
    <row r="938315" spans="14:14">
      <c r="N938315" s="10"/>
    </row>
    <row r="938316" spans="14:14">
      <c r="N938316" s="10"/>
    </row>
    <row r="938317" spans="14:14">
      <c r="N938317" s="10"/>
    </row>
    <row r="938318" spans="14:14">
      <c r="N938318" s="10"/>
    </row>
    <row r="938319" spans="14:14">
      <c r="N938319" s="10"/>
    </row>
    <row r="938320" spans="14:14">
      <c r="N938320" s="10"/>
    </row>
    <row r="938321" spans="14:14">
      <c r="N938321" s="10"/>
    </row>
    <row r="938322" spans="14:14">
      <c r="N938322" s="10"/>
    </row>
    <row r="938323" spans="14:14">
      <c r="N938323" s="10"/>
    </row>
    <row r="938324" spans="14:14">
      <c r="N938324" s="10"/>
    </row>
    <row r="938325" spans="14:14">
      <c r="N938325" s="10"/>
    </row>
    <row r="938326" spans="14:14">
      <c r="N938326" s="10"/>
    </row>
    <row r="938327" spans="14:14">
      <c r="N938327" s="10"/>
    </row>
    <row r="938328" spans="14:14">
      <c r="N938328" s="10"/>
    </row>
    <row r="938329" spans="14:14">
      <c r="N938329" s="10"/>
    </row>
    <row r="938330" spans="14:14">
      <c r="N938330" s="10"/>
    </row>
    <row r="938331" spans="14:14">
      <c r="N938331" s="10"/>
    </row>
    <row r="938332" spans="14:14">
      <c r="N938332" s="10"/>
    </row>
    <row r="938333" spans="14:14">
      <c r="N938333" s="10"/>
    </row>
    <row r="938334" spans="14:14">
      <c r="N938334" s="10"/>
    </row>
    <row r="938335" spans="14:14">
      <c r="N938335" s="10"/>
    </row>
    <row r="938336" spans="14:14">
      <c r="N938336" s="10"/>
    </row>
    <row r="938337" spans="14:14">
      <c r="N938337" s="10"/>
    </row>
    <row r="938338" spans="14:14">
      <c r="N938338" s="10"/>
    </row>
    <row r="938339" spans="14:14">
      <c r="N938339" s="10"/>
    </row>
    <row r="938340" spans="14:14">
      <c r="N938340" s="10"/>
    </row>
    <row r="938341" spans="14:14">
      <c r="N938341" s="10"/>
    </row>
    <row r="938342" spans="14:14">
      <c r="N938342" s="10"/>
    </row>
    <row r="938343" spans="14:14">
      <c r="N938343" s="10"/>
    </row>
    <row r="938344" spans="14:14">
      <c r="N938344" s="10"/>
    </row>
    <row r="938345" spans="14:14">
      <c r="N938345" s="10"/>
    </row>
    <row r="938346" spans="14:14">
      <c r="N938346" s="10"/>
    </row>
    <row r="938347" spans="14:14">
      <c r="N938347" s="10"/>
    </row>
    <row r="938348" spans="14:14">
      <c r="N938348" s="10"/>
    </row>
    <row r="938349" spans="14:14">
      <c r="N938349" s="10"/>
    </row>
    <row r="938350" spans="14:14">
      <c r="N938350" s="10"/>
    </row>
    <row r="938351" spans="14:14">
      <c r="N938351" s="10"/>
    </row>
    <row r="938352" spans="14:14">
      <c r="N938352" s="10"/>
    </row>
    <row r="938353" spans="14:14">
      <c r="N938353" s="10"/>
    </row>
    <row r="938354" spans="14:14">
      <c r="N938354" s="10"/>
    </row>
    <row r="938355" spans="14:14">
      <c r="N938355" s="10"/>
    </row>
    <row r="938356" spans="14:14">
      <c r="N938356" s="10"/>
    </row>
    <row r="938357" spans="14:14">
      <c r="N938357" s="10"/>
    </row>
    <row r="938358" spans="14:14">
      <c r="N938358" s="10"/>
    </row>
    <row r="938359" spans="14:14">
      <c r="N938359" s="10"/>
    </row>
    <row r="938360" spans="14:14">
      <c r="N938360" s="10"/>
    </row>
    <row r="938361" spans="14:14">
      <c r="N938361" s="10"/>
    </row>
    <row r="938362" spans="14:14">
      <c r="N938362" s="10"/>
    </row>
    <row r="938363" spans="14:14">
      <c r="N938363" s="10"/>
    </row>
    <row r="938364" spans="14:14">
      <c r="N938364" s="10"/>
    </row>
    <row r="938365" spans="14:14">
      <c r="N938365" s="10"/>
    </row>
    <row r="938366" spans="14:14">
      <c r="N938366" s="10"/>
    </row>
    <row r="938367" spans="14:14">
      <c r="N938367" s="10"/>
    </row>
    <row r="938368" spans="14:14">
      <c r="N938368" s="10"/>
    </row>
    <row r="938369" spans="14:14">
      <c r="N938369" s="10"/>
    </row>
    <row r="938370" spans="14:14">
      <c r="N938370" s="10"/>
    </row>
    <row r="938371" spans="14:14">
      <c r="N938371" s="10"/>
    </row>
    <row r="938372" spans="14:14">
      <c r="N938372" s="10"/>
    </row>
    <row r="938373" spans="14:14">
      <c r="N938373" s="10"/>
    </row>
    <row r="938374" spans="14:14">
      <c r="N938374" s="10"/>
    </row>
    <row r="938375" spans="14:14">
      <c r="N938375" s="10"/>
    </row>
    <row r="938376" spans="14:14">
      <c r="N938376" s="10"/>
    </row>
    <row r="938377" spans="14:14">
      <c r="N938377" s="10"/>
    </row>
    <row r="938378" spans="14:14">
      <c r="N938378" s="10"/>
    </row>
    <row r="938379" spans="14:14">
      <c r="N938379" s="10"/>
    </row>
    <row r="938380" spans="14:14">
      <c r="N938380" s="10"/>
    </row>
    <row r="938381" spans="14:14">
      <c r="N938381" s="10"/>
    </row>
    <row r="938382" spans="14:14">
      <c r="N938382" s="10"/>
    </row>
    <row r="938383" spans="14:14">
      <c r="N938383" s="10"/>
    </row>
    <row r="938384" spans="14:14">
      <c r="N938384" s="10"/>
    </row>
    <row r="938385" spans="14:14">
      <c r="N938385" s="10"/>
    </row>
    <row r="938386" spans="14:14">
      <c r="N938386" s="10"/>
    </row>
    <row r="938387" spans="14:14">
      <c r="N938387" s="10"/>
    </row>
    <row r="938388" spans="14:14">
      <c r="N938388" s="10"/>
    </row>
    <row r="938389" spans="14:14">
      <c r="N938389" s="10"/>
    </row>
    <row r="938390" spans="14:14">
      <c r="N938390" s="10"/>
    </row>
    <row r="938391" spans="14:14">
      <c r="N938391" s="10"/>
    </row>
    <row r="938392" spans="14:14">
      <c r="N938392" s="10"/>
    </row>
    <row r="938393" spans="14:14">
      <c r="N938393" s="10"/>
    </row>
    <row r="938394" spans="14:14">
      <c r="N938394" s="10"/>
    </row>
    <row r="938395" spans="14:14">
      <c r="N938395" s="10"/>
    </row>
    <row r="938396" spans="14:14">
      <c r="N938396" s="10"/>
    </row>
    <row r="938397" spans="14:14">
      <c r="N938397" s="10"/>
    </row>
    <row r="938398" spans="14:14">
      <c r="N938398" s="10"/>
    </row>
    <row r="938399" spans="14:14">
      <c r="N938399" s="10"/>
    </row>
    <row r="938400" spans="14:14">
      <c r="N938400" s="10"/>
    </row>
    <row r="938401" spans="14:14">
      <c r="N938401" s="10"/>
    </row>
    <row r="938402" spans="14:14">
      <c r="N938402" s="10"/>
    </row>
    <row r="938403" spans="14:14">
      <c r="N938403" s="10"/>
    </row>
    <row r="938404" spans="14:14">
      <c r="N938404" s="10"/>
    </row>
    <row r="938405" spans="14:14">
      <c r="N938405" s="10"/>
    </row>
    <row r="938406" spans="14:14">
      <c r="N938406" s="10"/>
    </row>
    <row r="938407" spans="14:14">
      <c r="N938407" s="10"/>
    </row>
    <row r="938408" spans="14:14">
      <c r="N938408" s="10"/>
    </row>
    <row r="938409" spans="14:14">
      <c r="N938409" s="10"/>
    </row>
    <row r="938410" spans="14:14">
      <c r="N938410" s="10"/>
    </row>
    <row r="938411" spans="14:14">
      <c r="N938411" s="10"/>
    </row>
    <row r="938412" spans="14:14">
      <c r="N938412" s="10"/>
    </row>
    <row r="938413" spans="14:14">
      <c r="N938413" s="10"/>
    </row>
    <row r="938414" spans="14:14">
      <c r="N938414" s="10"/>
    </row>
    <row r="938415" spans="14:14">
      <c r="N938415" s="10"/>
    </row>
    <row r="938416" spans="14:14">
      <c r="N938416" s="10"/>
    </row>
    <row r="938417" spans="14:14">
      <c r="N938417" s="10"/>
    </row>
    <row r="938418" spans="14:14">
      <c r="N938418" s="10"/>
    </row>
    <row r="938419" spans="14:14">
      <c r="N938419" s="10"/>
    </row>
    <row r="938420" spans="14:14">
      <c r="N938420" s="10"/>
    </row>
    <row r="938421" spans="14:14">
      <c r="N938421" s="10"/>
    </row>
    <row r="938422" spans="14:14">
      <c r="N938422" s="10"/>
    </row>
    <row r="938423" spans="14:14">
      <c r="N938423" s="10"/>
    </row>
    <row r="938424" spans="14:14">
      <c r="N938424" s="10"/>
    </row>
    <row r="938425" spans="14:14">
      <c r="N938425" s="10"/>
    </row>
    <row r="938426" spans="14:14">
      <c r="N938426" s="10"/>
    </row>
    <row r="938427" spans="14:14">
      <c r="N938427" s="10"/>
    </row>
    <row r="938428" spans="14:14">
      <c r="N938428" s="10"/>
    </row>
    <row r="938429" spans="14:14">
      <c r="N938429" s="10"/>
    </row>
    <row r="938430" spans="14:14">
      <c r="N938430" s="10"/>
    </row>
    <row r="938431" spans="14:14">
      <c r="N938431" s="10"/>
    </row>
    <row r="938432" spans="14:14">
      <c r="N938432" s="10"/>
    </row>
    <row r="938433" spans="14:14">
      <c r="N938433" s="10"/>
    </row>
    <row r="938434" spans="14:14">
      <c r="N938434" s="10"/>
    </row>
    <row r="938435" spans="14:14">
      <c r="N938435" s="10"/>
    </row>
    <row r="938436" spans="14:14">
      <c r="N938436" s="10"/>
    </row>
    <row r="938437" spans="14:14">
      <c r="N938437" s="10"/>
    </row>
    <row r="938438" spans="14:14">
      <c r="N938438" s="10"/>
    </row>
    <row r="938439" spans="14:14">
      <c r="N938439" s="10"/>
    </row>
    <row r="938440" spans="14:14">
      <c r="N938440" s="10"/>
    </row>
    <row r="938441" spans="14:14">
      <c r="N938441" s="10"/>
    </row>
    <row r="938442" spans="14:14">
      <c r="N938442" s="10"/>
    </row>
    <row r="938443" spans="14:14">
      <c r="N938443" s="10"/>
    </row>
    <row r="938444" spans="14:14">
      <c r="N938444" s="10"/>
    </row>
    <row r="938445" spans="14:14">
      <c r="N938445" s="10"/>
    </row>
    <row r="938446" spans="14:14">
      <c r="N938446" s="10"/>
    </row>
    <row r="938447" spans="14:14">
      <c r="N938447" s="10"/>
    </row>
    <row r="938448" spans="14:14">
      <c r="N938448" s="10"/>
    </row>
    <row r="938449" spans="14:14">
      <c r="N938449" s="10"/>
    </row>
    <row r="938450" spans="14:14">
      <c r="N938450" s="10"/>
    </row>
    <row r="938451" spans="14:14">
      <c r="N938451" s="10"/>
    </row>
    <row r="938452" spans="14:14">
      <c r="N938452" s="10"/>
    </row>
    <row r="938453" spans="14:14">
      <c r="N938453" s="10"/>
    </row>
    <row r="938454" spans="14:14">
      <c r="N938454" s="10"/>
    </row>
    <row r="938455" spans="14:14">
      <c r="N938455" s="10"/>
    </row>
    <row r="938456" spans="14:14">
      <c r="N938456" s="10"/>
    </row>
    <row r="938457" spans="14:14">
      <c r="N938457" s="10"/>
    </row>
    <row r="938458" spans="14:14">
      <c r="N938458" s="10"/>
    </row>
    <row r="938459" spans="14:14">
      <c r="N938459" s="10"/>
    </row>
    <row r="938460" spans="14:14">
      <c r="N938460" s="10"/>
    </row>
    <row r="938461" spans="14:14">
      <c r="N938461" s="10"/>
    </row>
    <row r="938462" spans="14:14">
      <c r="N938462" s="10"/>
    </row>
    <row r="938463" spans="14:14">
      <c r="N938463" s="10"/>
    </row>
    <row r="938464" spans="14:14">
      <c r="N938464" s="10"/>
    </row>
    <row r="938465" spans="14:14">
      <c r="N938465" s="10"/>
    </row>
    <row r="938466" spans="14:14">
      <c r="N938466" s="10"/>
    </row>
    <row r="938467" spans="14:14">
      <c r="N938467" s="10"/>
    </row>
    <row r="938468" spans="14:14">
      <c r="N938468" s="10"/>
    </row>
    <row r="938469" spans="14:14">
      <c r="N938469" s="10"/>
    </row>
    <row r="938470" spans="14:14">
      <c r="N938470" s="10"/>
    </row>
    <row r="938471" spans="14:14">
      <c r="N938471" s="10"/>
    </row>
    <row r="938472" spans="14:14">
      <c r="N938472" s="10"/>
    </row>
    <row r="938473" spans="14:14">
      <c r="N938473" s="10"/>
    </row>
    <row r="938474" spans="14:14">
      <c r="N938474" s="10"/>
    </row>
    <row r="938475" spans="14:14">
      <c r="N938475" s="10"/>
    </row>
    <row r="938476" spans="14:14">
      <c r="N938476" s="10"/>
    </row>
    <row r="938477" spans="14:14">
      <c r="N938477" s="10"/>
    </row>
    <row r="938478" spans="14:14">
      <c r="N938478" s="10"/>
    </row>
    <row r="938479" spans="14:14">
      <c r="N938479" s="10"/>
    </row>
    <row r="938480" spans="14:14">
      <c r="N938480" s="10"/>
    </row>
    <row r="938481" spans="14:14">
      <c r="N938481" s="10"/>
    </row>
    <row r="938482" spans="14:14">
      <c r="N938482" s="10"/>
    </row>
    <row r="938483" spans="14:14">
      <c r="N938483" s="10"/>
    </row>
    <row r="938484" spans="14:14">
      <c r="N938484" s="10"/>
    </row>
    <row r="938485" spans="14:14">
      <c r="N938485" s="10"/>
    </row>
    <row r="938486" spans="14:14">
      <c r="N938486" s="10"/>
    </row>
    <row r="938487" spans="14:14">
      <c r="N938487" s="10"/>
    </row>
    <row r="938488" spans="14:14">
      <c r="N938488" s="10"/>
    </row>
    <row r="938489" spans="14:14">
      <c r="N938489" s="10"/>
    </row>
    <row r="938490" spans="14:14">
      <c r="N938490" s="10"/>
    </row>
    <row r="938491" spans="14:14">
      <c r="N938491" s="10"/>
    </row>
    <row r="938492" spans="14:14">
      <c r="N938492" s="10"/>
    </row>
    <row r="938493" spans="14:14">
      <c r="N938493" s="10"/>
    </row>
    <row r="938494" spans="14:14">
      <c r="N938494" s="10"/>
    </row>
    <row r="938495" spans="14:14">
      <c r="N938495" s="10"/>
    </row>
    <row r="938496" spans="14:14">
      <c r="N938496" s="10"/>
    </row>
    <row r="938497" spans="14:14">
      <c r="N938497" s="10"/>
    </row>
    <row r="938498" spans="14:14">
      <c r="N938498" s="10"/>
    </row>
    <row r="938499" spans="14:14">
      <c r="N938499" s="10"/>
    </row>
    <row r="938500" spans="14:14">
      <c r="N938500" s="10"/>
    </row>
    <row r="938501" spans="14:14">
      <c r="N938501" s="10"/>
    </row>
    <row r="938502" spans="14:14">
      <c r="N938502" s="10"/>
    </row>
    <row r="938503" spans="14:14">
      <c r="N938503" s="10"/>
    </row>
    <row r="938504" spans="14:14">
      <c r="N938504" s="10"/>
    </row>
    <row r="938505" spans="14:14">
      <c r="N938505" s="10"/>
    </row>
    <row r="938506" spans="14:14">
      <c r="N938506" s="10"/>
    </row>
    <row r="938507" spans="14:14">
      <c r="N938507" s="10"/>
    </row>
    <row r="938508" spans="14:14">
      <c r="N938508" s="10"/>
    </row>
    <row r="938509" spans="14:14">
      <c r="N938509" s="10"/>
    </row>
    <row r="938510" spans="14:14">
      <c r="N938510" s="10"/>
    </row>
    <row r="938511" spans="14:14">
      <c r="N938511" s="10"/>
    </row>
    <row r="938512" spans="14:14">
      <c r="N938512" s="10"/>
    </row>
    <row r="938513" spans="14:14">
      <c r="N938513" s="10"/>
    </row>
    <row r="938514" spans="14:14">
      <c r="N938514" s="10"/>
    </row>
    <row r="938515" spans="14:14">
      <c r="N938515" s="10"/>
    </row>
    <row r="938516" spans="14:14">
      <c r="N938516" s="10"/>
    </row>
    <row r="938517" spans="14:14">
      <c r="N938517" s="10"/>
    </row>
    <row r="938518" spans="14:14">
      <c r="N938518" s="10"/>
    </row>
    <row r="938519" spans="14:14">
      <c r="N938519" s="10"/>
    </row>
    <row r="938520" spans="14:14">
      <c r="N938520" s="10"/>
    </row>
    <row r="938521" spans="14:14">
      <c r="N938521" s="10"/>
    </row>
    <row r="938522" spans="14:14">
      <c r="N938522" s="10"/>
    </row>
    <row r="938523" spans="14:14">
      <c r="N938523" s="10"/>
    </row>
    <row r="938524" spans="14:14">
      <c r="N938524" s="10"/>
    </row>
    <row r="938525" spans="14:14">
      <c r="N938525" s="10"/>
    </row>
    <row r="938526" spans="14:14">
      <c r="N938526" s="10"/>
    </row>
    <row r="938527" spans="14:14">
      <c r="N938527" s="10"/>
    </row>
    <row r="938528" spans="14:14">
      <c r="N938528" s="10"/>
    </row>
    <row r="938529" spans="14:14">
      <c r="N938529" s="10"/>
    </row>
    <row r="938530" spans="14:14">
      <c r="N938530" s="10"/>
    </row>
    <row r="938531" spans="14:14">
      <c r="N938531" s="10"/>
    </row>
    <row r="938532" spans="14:14">
      <c r="N938532" s="10"/>
    </row>
    <row r="938533" spans="14:14">
      <c r="N938533" s="10"/>
    </row>
    <row r="938534" spans="14:14">
      <c r="N938534" s="10"/>
    </row>
    <row r="938535" spans="14:14">
      <c r="N938535" s="10"/>
    </row>
    <row r="938536" spans="14:14">
      <c r="N938536" s="10"/>
    </row>
    <row r="938537" spans="14:14">
      <c r="N938537" s="10"/>
    </row>
    <row r="938538" spans="14:14">
      <c r="N938538" s="10"/>
    </row>
    <row r="938539" spans="14:14">
      <c r="N938539" s="10"/>
    </row>
    <row r="938540" spans="14:14">
      <c r="N938540" s="10"/>
    </row>
    <row r="938541" spans="14:14">
      <c r="N938541" s="10"/>
    </row>
    <row r="938542" spans="14:14">
      <c r="N938542" s="10"/>
    </row>
    <row r="938543" spans="14:14">
      <c r="N938543" s="10"/>
    </row>
    <row r="938544" spans="14:14">
      <c r="N938544" s="10"/>
    </row>
    <row r="938545" spans="14:14">
      <c r="N938545" s="10"/>
    </row>
    <row r="938546" spans="14:14">
      <c r="N938546" s="10"/>
    </row>
    <row r="938547" spans="14:14">
      <c r="N938547" s="10"/>
    </row>
    <row r="938548" spans="14:14">
      <c r="N938548" s="10"/>
    </row>
    <row r="938549" spans="14:14">
      <c r="N938549" s="10"/>
    </row>
    <row r="938550" spans="14:14">
      <c r="N938550" s="10"/>
    </row>
    <row r="938551" spans="14:14">
      <c r="N938551" s="10"/>
    </row>
    <row r="938552" spans="14:14">
      <c r="N938552" s="10"/>
    </row>
    <row r="938553" spans="14:14">
      <c r="N938553" s="10"/>
    </row>
    <row r="938554" spans="14:14">
      <c r="N938554" s="10"/>
    </row>
    <row r="938555" spans="14:14">
      <c r="N938555" s="10"/>
    </row>
    <row r="938556" spans="14:14">
      <c r="N938556" s="10"/>
    </row>
    <row r="938557" spans="14:14">
      <c r="N938557" s="10"/>
    </row>
    <row r="938558" spans="14:14">
      <c r="N938558" s="10"/>
    </row>
    <row r="938559" spans="14:14">
      <c r="N938559" s="10"/>
    </row>
    <row r="938560" spans="14:14">
      <c r="N938560" s="10"/>
    </row>
    <row r="938561" spans="14:14">
      <c r="N938561" s="10"/>
    </row>
    <row r="938562" spans="14:14">
      <c r="N938562" s="10"/>
    </row>
    <row r="938563" spans="14:14">
      <c r="N938563" s="10"/>
    </row>
    <row r="938564" spans="14:14">
      <c r="N938564" s="10"/>
    </row>
    <row r="938565" spans="14:14">
      <c r="N938565" s="10"/>
    </row>
    <row r="938566" spans="14:14">
      <c r="N938566" s="10"/>
    </row>
    <row r="938567" spans="14:14">
      <c r="N938567" s="10"/>
    </row>
    <row r="938568" spans="14:14">
      <c r="N938568" s="10"/>
    </row>
    <row r="938569" spans="14:14">
      <c r="N938569" s="10"/>
    </row>
    <row r="938570" spans="14:14">
      <c r="N938570" s="10"/>
    </row>
    <row r="938571" spans="14:14">
      <c r="N938571" s="10"/>
    </row>
    <row r="938572" spans="14:14">
      <c r="N938572" s="10"/>
    </row>
    <row r="938573" spans="14:14">
      <c r="N938573" s="10"/>
    </row>
    <row r="938574" spans="14:14">
      <c r="N938574" s="10"/>
    </row>
    <row r="938575" spans="14:14">
      <c r="N938575" s="10"/>
    </row>
    <row r="938576" spans="14:14">
      <c r="N938576" s="10"/>
    </row>
    <row r="938577" spans="14:14">
      <c r="N938577" s="10"/>
    </row>
    <row r="938578" spans="14:14">
      <c r="N938578" s="10"/>
    </row>
    <row r="938579" spans="14:14">
      <c r="N938579" s="10"/>
    </row>
    <row r="938580" spans="14:14">
      <c r="N938580" s="10"/>
    </row>
    <row r="938581" spans="14:14">
      <c r="N938581" s="10"/>
    </row>
    <row r="938582" spans="14:14">
      <c r="N938582" s="10"/>
    </row>
    <row r="938583" spans="14:14">
      <c r="N938583" s="10"/>
    </row>
    <row r="938584" spans="14:14">
      <c r="N938584" s="10"/>
    </row>
    <row r="938585" spans="14:14">
      <c r="N938585" s="10"/>
    </row>
    <row r="938586" spans="14:14">
      <c r="N938586" s="10"/>
    </row>
    <row r="938587" spans="14:14">
      <c r="N938587" s="10"/>
    </row>
    <row r="938588" spans="14:14">
      <c r="N938588" s="10"/>
    </row>
    <row r="938589" spans="14:14">
      <c r="N938589" s="10"/>
    </row>
    <row r="938590" spans="14:14">
      <c r="N938590" s="10"/>
    </row>
    <row r="938591" spans="14:14">
      <c r="N938591" s="10"/>
    </row>
    <row r="938592" spans="14:14">
      <c r="N938592" s="10"/>
    </row>
    <row r="938593" spans="14:14">
      <c r="N938593" s="10"/>
    </row>
    <row r="938594" spans="14:14">
      <c r="N938594" s="10"/>
    </row>
    <row r="938595" spans="14:14">
      <c r="N938595" s="10"/>
    </row>
    <row r="938596" spans="14:14">
      <c r="N938596" s="10"/>
    </row>
    <row r="938597" spans="14:14">
      <c r="N938597" s="10"/>
    </row>
    <row r="938598" spans="14:14">
      <c r="N938598" s="10"/>
    </row>
    <row r="938599" spans="14:14">
      <c r="N938599" s="10"/>
    </row>
    <row r="938600" spans="14:14">
      <c r="N938600" s="10"/>
    </row>
    <row r="938601" spans="14:14">
      <c r="N938601" s="10"/>
    </row>
    <row r="938602" spans="14:14">
      <c r="N938602" s="10"/>
    </row>
    <row r="938603" spans="14:14">
      <c r="N938603" s="10"/>
    </row>
    <row r="938604" spans="14:14">
      <c r="N938604" s="10"/>
    </row>
    <row r="938605" spans="14:14">
      <c r="N938605" s="10"/>
    </row>
    <row r="938606" spans="14:14">
      <c r="N938606" s="10"/>
    </row>
    <row r="938607" spans="14:14">
      <c r="N938607" s="10"/>
    </row>
    <row r="938608" spans="14:14">
      <c r="N938608" s="10"/>
    </row>
    <row r="938609" spans="14:14">
      <c r="N938609" s="10"/>
    </row>
    <row r="938610" spans="14:14">
      <c r="N938610" s="10"/>
    </row>
    <row r="938611" spans="14:14">
      <c r="N938611" s="10"/>
    </row>
    <row r="938612" spans="14:14">
      <c r="N938612" s="10"/>
    </row>
    <row r="938613" spans="14:14">
      <c r="N938613" s="10"/>
    </row>
    <row r="938614" spans="14:14">
      <c r="N938614" s="10"/>
    </row>
    <row r="938615" spans="14:14">
      <c r="N938615" s="10"/>
    </row>
    <row r="938616" spans="14:14">
      <c r="N938616" s="10"/>
    </row>
    <row r="938617" spans="14:14">
      <c r="N938617" s="10"/>
    </row>
    <row r="938618" spans="14:14">
      <c r="N938618" s="10"/>
    </row>
    <row r="938619" spans="14:14">
      <c r="N938619" s="10"/>
    </row>
    <row r="938620" spans="14:14">
      <c r="N938620" s="10"/>
    </row>
    <row r="938621" spans="14:14">
      <c r="N938621" s="10"/>
    </row>
    <row r="938622" spans="14:14">
      <c r="N938622" s="10"/>
    </row>
    <row r="938623" spans="14:14">
      <c r="N938623" s="10"/>
    </row>
    <row r="938624" spans="14:14">
      <c r="N938624" s="10"/>
    </row>
    <row r="938625" spans="14:14">
      <c r="N938625" s="10"/>
    </row>
    <row r="938626" spans="14:14">
      <c r="N938626" s="10"/>
    </row>
    <row r="938627" spans="14:14">
      <c r="N938627" s="10"/>
    </row>
    <row r="938628" spans="14:14">
      <c r="N938628" s="10"/>
    </row>
    <row r="938629" spans="14:14">
      <c r="N938629" s="10"/>
    </row>
    <row r="938630" spans="14:14">
      <c r="N938630" s="10"/>
    </row>
    <row r="938631" spans="14:14">
      <c r="N938631" s="10"/>
    </row>
    <row r="938632" spans="14:14">
      <c r="N938632" s="10"/>
    </row>
    <row r="938633" spans="14:14">
      <c r="N938633" s="10"/>
    </row>
    <row r="938634" spans="14:14">
      <c r="N938634" s="10"/>
    </row>
    <row r="938635" spans="14:14">
      <c r="N938635" s="10"/>
    </row>
    <row r="938636" spans="14:14">
      <c r="N938636" s="10"/>
    </row>
    <row r="938637" spans="14:14">
      <c r="N938637" s="10"/>
    </row>
    <row r="938638" spans="14:14">
      <c r="N938638" s="10"/>
    </row>
    <row r="938639" spans="14:14">
      <c r="N938639" s="10"/>
    </row>
    <row r="938640" spans="14:14">
      <c r="N938640" s="10"/>
    </row>
    <row r="938641" spans="14:14">
      <c r="N938641" s="10"/>
    </row>
    <row r="938642" spans="14:14">
      <c r="N938642" s="10"/>
    </row>
    <row r="938643" spans="14:14">
      <c r="N938643" s="10"/>
    </row>
    <row r="938644" spans="14:14">
      <c r="N938644" s="10"/>
    </row>
    <row r="938645" spans="14:14">
      <c r="N938645" s="10"/>
    </row>
    <row r="938646" spans="14:14">
      <c r="N938646" s="10"/>
    </row>
    <row r="938647" spans="14:14">
      <c r="N938647" s="10"/>
    </row>
    <row r="938648" spans="14:14">
      <c r="N938648" s="10"/>
    </row>
    <row r="938649" spans="14:14">
      <c r="N938649" s="10"/>
    </row>
    <row r="938650" spans="14:14">
      <c r="N938650" s="10"/>
    </row>
    <row r="938651" spans="14:14">
      <c r="N938651" s="10"/>
    </row>
    <row r="938652" spans="14:14">
      <c r="N938652" s="10"/>
    </row>
    <row r="938653" spans="14:14">
      <c r="N938653" s="10"/>
    </row>
    <row r="938654" spans="14:14">
      <c r="N938654" s="10"/>
    </row>
    <row r="938655" spans="14:14">
      <c r="N938655" s="10"/>
    </row>
    <row r="938656" spans="14:14">
      <c r="N938656" s="10"/>
    </row>
    <row r="938657" spans="14:14">
      <c r="N938657" s="10"/>
    </row>
    <row r="938658" spans="14:14">
      <c r="N938658" s="10"/>
    </row>
    <row r="938659" spans="14:14">
      <c r="N938659" s="10"/>
    </row>
    <row r="938660" spans="14:14">
      <c r="N938660" s="10"/>
    </row>
    <row r="938661" spans="14:14">
      <c r="N938661" s="10"/>
    </row>
    <row r="938662" spans="14:14">
      <c r="N938662" s="10"/>
    </row>
    <row r="938663" spans="14:14">
      <c r="N938663" s="10"/>
    </row>
    <row r="938664" spans="14:14">
      <c r="N938664" s="10"/>
    </row>
    <row r="938665" spans="14:14">
      <c r="N938665" s="10"/>
    </row>
    <row r="938666" spans="14:14">
      <c r="N938666" s="10"/>
    </row>
    <row r="938667" spans="14:14">
      <c r="N938667" s="10"/>
    </row>
    <row r="938668" spans="14:14">
      <c r="N938668" s="10"/>
    </row>
    <row r="938669" spans="14:14">
      <c r="N938669" s="10"/>
    </row>
    <row r="938670" spans="14:14">
      <c r="N938670" s="10"/>
    </row>
    <row r="938671" spans="14:14">
      <c r="N938671" s="10"/>
    </row>
    <row r="938672" spans="14:14">
      <c r="N938672" s="10"/>
    </row>
    <row r="938673" spans="14:14">
      <c r="N938673" s="10"/>
    </row>
    <row r="938674" spans="14:14">
      <c r="N938674" s="10"/>
    </row>
    <row r="938675" spans="14:14">
      <c r="N938675" s="10"/>
    </row>
    <row r="938676" spans="14:14">
      <c r="N938676" s="10"/>
    </row>
    <row r="938677" spans="14:14">
      <c r="N938677" s="10"/>
    </row>
    <row r="938678" spans="14:14">
      <c r="N938678" s="10"/>
    </row>
    <row r="938679" spans="14:14">
      <c r="N938679" s="10"/>
    </row>
    <row r="938680" spans="14:14">
      <c r="N938680" s="10"/>
    </row>
    <row r="938681" spans="14:14">
      <c r="N938681" s="10"/>
    </row>
    <row r="938682" spans="14:14">
      <c r="N938682" s="10"/>
    </row>
    <row r="938683" spans="14:14">
      <c r="N938683" s="10"/>
    </row>
    <row r="938684" spans="14:14">
      <c r="N938684" s="10"/>
    </row>
    <row r="938685" spans="14:14">
      <c r="N938685" s="10"/>
    </row>
    <row r="938686" spans="14:14">
      <c r="N938686" s="10"/>
    </row>
    <row r="938687" spans="14:14">
      <c r="N938687" s="10"/>
    </row>
    <row r="938688" spans="14:14">
      <c r="N938688" s="10"/>
    </row>
    <row r="938689" spans="14:14">
      <c r="N938689" s="10"/>
    </row>
    <row r="938690" spans="14:14">
      <c r="N938690" s="10"/>
    </row>
    <row r="938691" spans="14:14">
      <c r="N938691" s="10"/>
    </row>
    <row r="938692" spans="14:14">
      <c r="N938692" s="10"/>
    </row>
    <row r="938693" spans="14:14">
      <c r="N938693" s="10"/>
    </row>
    <row r="938694" spans="14:14">
      <c r="N938694" s="10"/>
    </row>
    <row r="938695" spans="14:14">
      <c r="N938695" s="10"/>
    </row>
    <row r="938696" spans="14:14">
      <c r="N938696" s="10"/>
    </row>
    <row r="938697" spans="14:14">
      <c r="N938697" s="10"/>
    </row>
    <row r="938698" spans="14:14">
      <c r="N938698" s="10"/>
    </row>
    <row r="938699" spans="14:14">
      <c r="N938699" s="10"/>
    </row>
    <row r="938700" spans="14:14">
      <c r="N938700" s="10"/>
    </row>
    <row r="938701" spans="14:14">
      <c r="N938701" s="10"/>
    </row>
    <row r="938702" spans="14:14">
      <c r="N938702" s="10"/>
    </row>
    <row r="938703" spans="14:14">
      <c r="N938703" s="10"/>
    </row>
    <row r="938704" spans="14:14">
      <c r="N938704" s="10"/>
    </row>
    <row r="938705" spans="14:14">
      <c r="N938705" s="10"/>
    </row>
    <row r="938706" spans="14:14">
      <c r="N938706" s="10"/>
    </row>
    <row r="938707" spans="14:14">
      <c r="N938707" s="10"/>
    </row>
    <row r="938708" spans="14:14">
      <c r="N938708" s="10"/>
    </row>
    <row r="938709" spans="14:14">
      <c r="N938709" s="10"/>
    </row>
    <row r="938710" spans="14:14">
      <c r="N938710" s="10"/>
    </row>
    <row r="938711" spans="14:14">
      <c r="N938711" s="10"/>
    </row>
    <row r="938712" spans="14:14">
      <c r="N938712" s="10"/>
    </row>
    <row r="938713" spans="14:14">
      <c r="N938713" s="10"/>
    </row>
    <row r="938714" spans="14:14">
      <c r="N938714" s="10"/>
    </row>
    <row r="938715" spans="14:14">
      <c r="N938715" s="10"/>
    </row>
    <row r="938716" spans="14:14">
      <c r="N938716" s="10"/>
    </row>
    <row r="938717" spans="14:14">
      <c r="N938717" s="10"/>
    </row>
    <row r="938718" spans="14:14">
      <c r="N938718" s="10"/>
    </row>
    <row r="938719" spans="14:14">
      <c r="N938719" s="10"/>
    </row>
    <row r="938720" spans="14:14">
      <c r="N938720" s="10"/>
    </row>
    <row r="938721" spans="14:14">
      <c r="N938721" s="10"/>
    </row>
    <row r="938722" spans="14:14">
      <c r="N938722" s="10"/>
    </row>
    <row r="938723" spans="14:14">
      <c r="N938723" s="10"/>
    </row>
    <row r="938724" spans="14:14">
      <c r="N938724" s="10"/>
    </row>
    <row r="938725" spans="14:14">
      <c r="N938725" s="10"/>
    </row>
    <row r="938726" spans="14:14">
      <c r="N938726" s="10"/>
    </row>
    <row r="938727" spans="14:14">
      <c r="N938727" s="10"/>
    </row>
    <row r="938728" spans="14:14">
      <c r="N938728" s="10"/>
    </row>
    <row r="938729" spans="14:14">
      <c r="N938729" s="10"/>
    </row>
    <row r="938730" spans="14:14">
      <c r="N938730" s="10"/>
    </row>
    <row r="938731" spans="14:14">
      <c r="N938731" s="10"/>
    </row>
    <row r="938732" spans="14:14">
      <c r="N938732" s="10"/>
    </row>
    <row r="938733" spans="14:14">
      <c r="N938733" s="10"/>
    </row>
    <row r="938734" spans="14:14">
      <c r="N938734" s="10"/>
    </row>
    <row r="938735" spans="14:14">
      <c r="N938735" s="10"/>
    </row>
    <row r="938736" spans="14:14">
      <c r="N938736" s="10"/>
    </row>
    <row r="938737" spans="14:14">
      <c r="N938737" s="10"/>
    </row>
    <row r="938738" spans="14:14">
      <c r="N938738" s="10"/>
    </row>
    <row r="938739" spans="14:14">
      <c r="N938739" s="10"/>
    </row>
    <row r="938740" spans="14:14">
      <c r="N938740" s="10"/>
    </row>
    <row r="938741" spans="14:14">
      <c r="N938741" s="10"/>
    </row>
    <row r="938742" spans="14:14">
      <c r="N938742" s="10"/>
    </row>
    <row r="938743" spans="14:14">
      <c r="N938743" s="10"/>
    </row>
    <row r="938744" spans="14:14">
      <c r="N938744" s="10"/>
    </row>
    <row r="938745" spans="14:14">
      <c r="N938745" s="10"/>
    </row>
    <row r="938746" spans="14:14">
      <c r="N938746" s="10"/>
    </row>
    <row r="938747" spans="14:14">
      <c r="N938747" s="10"/>
    </row>
    <row r="938748" spans="14:14">
      <c r="N938748" s="10"/>
    </row>
    <row r="938749" spans="14:14">
      <c r="N938749" s="10"/>
    </row>
    <row r="938750" spans="14:14">
      <c r="N938750" s="10"/>
    </row>
    <row r="938751" spans="14:14">
      <c r="N938751" s="10"/>
    </row>
    <row r="938752" spans="14:14">
      <c r="N938752" s="10"/>
    </row>
    <row r="938753" spans="14:14">
      <c r="N938753" s="10"/>
    </row>
    <row r="938754" spans="14:14">
      <c r="N938754" s="10"/>
    </row>
    <row r="938755" spans="14:14">
      <c r="N938755" s="10"/>
    </row>
    <row r="938756" spans="14:14">
      <c r="N938756" s="10"/>
    </row>
    <row r="938757" spans="14:14">
      <c r="N938757" s="10"/>
    </row>
    <row r="938758" spans="14:14">
      <c r="N938758" s="10"/>
    </row>
    <row r="938759" spans="14:14">
      <c r="N938759" s="10"/>
    </row>
    <row r="938760" spans="14:14">
      <c r="N938760" s="10"/>
    </row>
    <row r="938761" spans="14:14">
      <c r="N938761" s="10"/>
    </row>
    <row r="938762" spans="14:14">
      <c r="N938762" s="10"/>
    </row>
    <row r="938763" spans="14:14">
      <c r="N938763" s="10"/>
    </row>
    <row r="938764" spans="14:14">
      <c r="N938764" s="10"/>
    </row>
    <row r="938765" spans="14:14">
      <c r="N938765" s="10"/>
    </row>
    <row r="938766" spans="14:14">
      <c r="N938766" s="10"/>
    </row>
    <row r="938767" spans="14:14">
      <c r="N938767" s="10"/>
    </row>
    <row r="938768" spans="14:14">
      <c r="N938768" s="10"/>
    </row>
    <row r="938769" spans="14:14">
      <c r="N938769" s="10"/>
    </row>
    <row r="938770" spans="14:14">
      <c r="N938770" s="10"/>
    </row>
    <row r="938771" spans="14:14">
      <c r="N938771" s="10"/>
    </row>
    <row r="938772" spans="14:14">
      <c r="N938772" s="10"/>
    </row>
    <row r="938773" spans="14:14">
      <c r="N938773" s="10"/>
    </row>
    <row r="938774" spans="14:14">
      <c r="N938774" s="10"/>
    </row>
    <row r="938775" spans="14:14">
      <c r="N938775" s="10"/>
    </row>
    <row r="938776" spans="14:14">
      <c r="N938776" s="10"/>
    </row>
    <row r="938777" spans="14:14">
      <c r="N938777" s="10"/>
    </row>
    <row r="938778" spans="14:14">
      <c r="N938778" s="10"/>
    </row>
    <row r="938779" spans="14:14">
      <c r="N938779" s="10"/>
    </row>
    <row r="938780" spans="14:14">
      <c r="N938780" s="10"/>
    </row>
    <row r="938781" spans="14:14">
      <c r="N938781" s="10"/>
    </row>
    <row r="938782" spans="14:14">
      <c r="N938782" s="10"/>
    </row>
    <row r="938783" spans="14:14">
      <c r="N938783" s="10"/>
    </row>
    <row r="938784" spans="14:14">
      <c r="N938784" s="10"/>
    </row>
    <row r="938785" spans="14:14">
      <c r="N938785" s="10"/>
    </row>
    <row r="938786" spans="14:14">
      <c r="N938786" s="10"/>
    </row>
    <row r="938787" spans="14:14">
      <c r="N938787" s="10"/>
    </row>
    <row r="938788" spans="14:14">
      <c r="N938788" s="10"/>
    </row>
    <row r="938789" spans="14:14">
      <c r="N938789" s="10"/>
    </row>
    <row r="938790" spans="14:14">
      <c r="N938790" s="10"/>
    </row>
    <row r="938791" spans="14:14">
      <c r="N938791" s="10"/>
    </row>
    <row r="938792" spans="14:14">
      <c r="N938792" s="10"/>
    </row>
    <row r="938793" spans="14:14">
      <c r="N938793" s="10"/>
    </row>
    <row r="938794" spans="14:14">
      <c r="N938794" s="10"/>
    </row>
    <row r="938795" spans="14:14">
      <c r="N938795" s="10"/>
    </row>
    <row r="938796" spans="14:14">
      <c r="N938796" s="10"/>
    </row>
    <row r="938797" spans="14:14">
      <c r="N938797" s="10"/>
    </row>
    <row r="938798" spans="14:14">
      <c r="N938798" s="10"/>
    </row>
    <row r="938799" spans="14:14">
      <c r="N938799" s="10"/>
    </row>
    <row r="938800" spans="14:14">
      <c r="N938800" s="10"/>
    </row>
    <row r="938801" spans="14:14">
      <c r="N938801" s="10"/>
    </row>
    <row r="938802" spans="14:14">
      <c r="N938802" s="10"/>
    </row>
    <row r="938803" spans="14:14">
      <c r="N938803" s="10"/>
    </row>
    <row r="938804" spans="14:14">
      <c r="N938804" s="10"/>
    </row>
    <row r="938805" spans="14:14">
      <c r="N938805" s="10"/>
    </row>
    <row r="938806" spans="14:14">
      <c r="N938806" s="10"/>
    </row>
    <row r="938807" spans="14:14">
      <c r="N938807" s="10"/>
    </row>
    <row r="938808" spans="14:14">
      <c r="N938808" s="10"/>
    </row>
    <row r="938809" spans="14:14">
      <c r="N938809" s="10"/>
    </row>
    <row r="938810" spans="14:14">
      <c r="N938810" s="10"/>
    </row>
    <row r="938811" spans="14:14">
      <c r="N938811" s="10"/>
    </row>
    <row r="938812" spans="14:14">
      <c r="N938812" s="10"/>
    </row>
    <row r="938813" spans="14:14">
      <c r="N938813" s="10"/>
    </row>
    <row r="938814" spans="14:14">
      <c r="N938814" s="10"/>
    </row>
    <row r="938815" spans="14:14">
      <c r="N938815" s="10"/>
    </row>
    <row r="938816" spans="14:14">
      <c r="N938816" s="10"/>
    </row>
    <row r="938817" spans="14:14">
      <c r="N938817" s="10"/>
    </row>
    <row r="938818" spans="14:14">
      <c r="N938818" s="10"/>
    </row>
    <row r="938819" spans="14:14">
      <c r="N938819" s="10"/>
    </row>
    <row r="938820" spans="14:14">
      <c r="N938820" s="10"/>
    </row>
    <row r="938821" spans="14:14">
      <c r="N938821" s="10"/>
    </row>
    <row r="938822" spans="14:14">
      <c r="N938822" s="10"/>
    </row>
    <row r="938823" spans="14:14">
      <c r="N938823" s="10"/>
    </row>
    <row r="938824" spans="14:14">
      <c r="N938824" s="10"/>
    </row>
    <row r="938825" spans="14:14">
      <c r="N938825" s="10"/>
    </row>
    <row r="938826" spans="14:14">
      <c r="N938826" s="10"/>
    </row>
    <row r="938827" spans="14:14">
      <c r="N938827" s="10"/>
    </row>
    <row r="938828" spans="14:14">
      <c r="N938828" s="10"/>
    </row>
    <row r="938829" spans="14:14">
      <c r="N938829" s="10"/>
    </row>
    <row r="938830" spans="14:14">
      <c r="N938830" s="10"/>
    </row>
    <row r="938831" spans="14:14">
      <c r="N938831" s="10"/>
    </row>
    <row r="938832" spans="14:14">
      <c r="N938832" s="10"/>
    </row>
    <row r="938833" spans="14:14">
      <c r="N938833" s="10"/>
    </row>
    <row r="938834" spans="14:14">
      <c r="N938834" s="10"/>
    </row>
    <row r="938835" spans="14:14">
      <c r="N938835" s="10"/>
    </row>
    <row r="938836" spans="14:14">
      <c r="N938836" s="10"/>
    </row>
    <row r="938837" spans="14:14">
      <c r="N938837" s="10"/>
    </row>
    <row r="938838" spans="14:14">
      <c r="N938838" s="10"/>
    </row>
    <row r="938839" spans="14:14">
      <c r="N938839" s="10"/>
    </row>
    <row r="938840" spans="14:14">
      <c r="N938840" s="10"/>
    </row>
    <row r="938841" spans="14:14">
      <c r="N938841" s="10"/>
    </row>
    <row r="938842" spans="14:14">
      <c r="N938842" s="10"/>
    </row>
    <row r="938843" spans="14:14">
      <c r="N938843" s="10"/>
    </row>
    <row r="938844" spans="14:14">
      <c r="N938844" s="10"/>
    </row>
    <row r="938845" spans="14:14">
      <c r="N938845" s="10"/>
    </row>
    <row r="938846" spans="14:14">
      <c r="N938846" s="10"/>
    </row>
    <row r="938847" spans="14:14">
      <c r="N938847" s="10"/>
    </row>
    <row r="938848" spans="14:14">
      <c r="N938848" s="10"/>
    </row>
    <row r="938849" spans="14:14">
      <c r="N938849" s="10"/>
    </row>
    <row r="938850" spans="14:14">
      <c r="N938850" s="10"/>
    </row>
    <row r="938851" spans="14:14">
      <c r="N938851" s="10"/>
    </row>
    <row r="938852" spans="14:14">
      <c r="N938852" s="10"/>
    </row>
    <row r="938853" spans="14:14">
      <c r="N938853" s="10"/>
    </row>
    <row r="938854" spans="14:14">
      <c r="N938854" s="10"/>
    </row>
    <row r="938855" spans="14:14">
      <c r="N938855" s="10"/>
    </row>
    <row r="938856" spans="14:14">
      <c r="N938856" s="10"/>
    </row>
    <row r="938857" spans="14:14">
      <c r="N938857" s="10"/>
    </row>
    <row r="938858" spans="14:14">
      <c r="N938858" s="10"/>
    </row>
    <row r="938859" spans="14:14">
      <c r="N938859" s="10"/>
    </row>
    <row r="938860" spans="14:14">
      <c r="N938860" s="10"/>
    </row>
    <row r="938861" spans="14:14">
      <c r="N938861" s="10"/>
    </row>
    <row r="938862" spans="14:14">
      <c r="N938862" s="10"/>
    </row>
    <row r="938863" spans="14:14">
      <c r="N938863" s="10"/>
    </row>
    <row r="938864" spans="14:14">
      <c r="N938864" s="10"/>
    </row>
    <row r="938865" spans="14:14">
      <c r="N938865" s="10"/>
    </row>
    <row r="938866" spans="14:14">
      <c r="N938866" s="10"/>
    </row>
    <row r="938867" spans="14:14">
      <c r="N938867" s="10"/>
    </row>
    <row r="938868" spans="14:14">
      <c r="N938868" s="10"/>
    </row>
    <row r="938869" spans="14:14">
      <c r="N938869" s="10"/>
    </row>
    <row r="938870" spans="14:14">
      <c r="N938870" s="10"/>
    </row>
    <row r="938871" spans="14:14">
      <c r="N938871" s="10"/>
    </row>
    <row r="938872" spans="14:14">
      <c r="N938872" s="10"/>
    </row>
    <row r="938873" spans="14:14">
      <c r="N938873" s="10"/>
    </row>
    <row r="938874" spans="14:14">
      <c r="N938874" s="10"/>
    </row>
    <row r="938875" spans="14:14">
      <c r="N938875" s="10"/>
    </row>
    <row r="938876" spans="14:14">
      <c r="N938876" s="10"/>
    </row>
    <row r="938877" spans="14:14">
      <c r="N938877" s="10"/>
    </row>
    <row r="938878" spans="14:14">
      <c r="N938878" s="10"/>
    </row>
    <row r="938879" spans="14:14">
      <c r="N938879" s="10"/>
    </row>
    <row r="938880" spans="14:14">
      <c r="N938880" s="10"/>
    </row>
    <row r="938881" spans="14:14">
      <c r="N938881" s="10"/>
    </row>
    <row r="938882" spans="14:14">
      <c r="N938882" s="10"/>
    </row>
    <row r="938883" spans="14:14">
      <c r="N938883" s="10"/>
    </row>
    <row r="938884" spans="14:14">
      <c r="N938884" s="10"/>
    </row>
    <row r="938885" spans="14:14">
      <c r="N938885" s="10"/>
    </row>
    <row r="938886" spans="14:14">
      <c r="N938886" s="10"/>
    </row>
    <row r="938887" spans="14:14">
      <c r="N938887" s="10"/>
    </row>
    <row r="938888" spans="14:14">
      <c r="N938888" s="10"/>
    </row>
    <row r="938889" spans="14:14">
      <c r="N938889" s="10"/>
    </row>
    <row r="938890" spans="14:14">
      <c r="N938890" s="10"/>
    </row>
    <row r="938891" spans="14:14">
      <c r="N938891" s="10"/>
    </row>
    <row r="938892" spans="14:14">
      <c r="N938892" s="10"/>
    </row>
    <row r="938893" spans="14:14">
      <c r="N938893" s="10"/>
    </row>
    <row r="938894" spans="14:14">
      <c r="N938894" s="10"/>
    </row>
    <row r="938895" spans="14:14">
      <c r="N938895" s="10"/>
    </row>
    <row r="938896" spans="14:14">
      <c r="N938896" s="10"/>
    </row>
    <row r="938897" spans="14:14">
      <c r="N938897" s="10"/>
    </row>
    <row r="938898" spans="14:14">
      <c r="N938898" s="10"/>
    </row>
    <row r="938899" spans="14:14">
      <c r="N938899" s="10"/>
    </row>
    <row r="938900" spans="14:14">
      <c r="N938900" s="10"/>
    </row>
    <row r="938901" spans="14:14">
      <c r="N938901" s="10"/>
    </row>
    <row r="938902" spans="14:14">
      <c r="N938902" s="10"/>
    </row>
    <row r="938903" spans="14:14">
      <c r="N938903" s="10"/>
    </row>
    <row r="938904" spans="14:14">
      <c r="N938904" s="10"/>
    </row>
    <row r="938905" spans="14:14">
      <c r="N938905" s="10"/>
    </row>
    <row r="938906" spans="14:14">
      <c r="N938906" s="10"/>
    </row>
    <row r="938907" spans="14:14">
      <c r="N938907" s="10"/>
    </row>
    <row r="938908" spans="14:14">
      <c r="N938908" s="10"/>
    </row>
    <row r="938909" spans="14:14">
      <c r="N938909" s="10"/>
    </row>
    <row r="938910" spans="14:14">
      <c r="N938910" s="10"/>
    </row>
    <row r="938911" spans="14:14">
      <c r="N938911" s="10"/>
    </row>
    <row r="938912" spans="14:14">
      <c r="N938912" s="10"/>
    </row>
    <row r="938913" spans="14:14">
      <c r="N938913" s="10"/>
    </row>
    <row r="938914" spans="14:14">
      <c r="N938914" s="10"/>
    </row>
    <row r="938915" spans="14:14">
      <c r="N938915" s="10"/>
    </row>
    <row r="938916" spans="14:14">
      <c r="N938916" s="10"/>
    </row>
    <row r="938917" spans="14:14">
      <c r="N938917" s="10"/>
    </row>
    <row r="938918" spans="14:14">
      <c r="N938918" s="10"/>
    </row>
    <row r="938919" spans="14:14">
      <c r="N938919" s="10"/>
    </row>
    <row r="938920" spans="14:14">
      <c r="N938920" s="10"/>
    </row>
    <row r="938921" spans="14:14">
      <c r="N938921" s="10"/>
    </row>
    <row r="938922" spans="14:14">
      <c r="N938922" s="10"/>
    </row>
    <row r="938923" spans="14:14">
      <c r="N938923" s="10"/>
    </row>
    <row r="938924" spans="14:14">
      <c r="N938924" s="10"/>
    </row>
    <row r="938925" spans="14:14">
      <c r="N938925" s="10"/>
    </row>
    <row r="938926" spans="14:14">
      <c r="N938926" s="10"/>
    </row>
    <row r="938927" spans="14:14">
      <c r="N938927" s="10"/>
    </row>
    <row r="938928" spans="14:14">
      <c r="N938928" s="10"/>
    </row>
    <row r="938929" spans="14:14">
      <c r="N938929" s="10"/>
    </row>
    <row r="938930" spans="14:14">
      <c r="N938930" s="10"/>
    </row>
    <row r="938931" spans="14:14">
      <c r="N938931" s="10"/>
    </row>
    <row r="938932" spans="14:14">
      <c r="N938932" s="10"/>
    </row>
    <row r="938933" spans="14:14">
      <c r="N938933" s="10"/>
    </row>
    <row r="938934" spans="14:14">
      <c r="N938934" s="10"/>
    </row>
    <row r="938935" spans="14:14">
      <c r="N938935" s="10"/>
    </row>
    <row r="938936" spans="14:14">
      <c r="N938936" s="10"/>
    </row>
    <row r="938937" spans="14:14">
      <c r="N938937" s="10"/>
    </row>
    <row r="938938" spans="14:14">
      <c r="N938938" s="10"/>
    </row>
    <row r="938939" spans="14:14">
      <c r="N938939" s="10"/>
    </row>
    <row r="938940" spans="14:14">
      <c r="N938940" s="10"/>
    </row>
    <row r="938941" spans="14:14">
      <c r="N938941" s="10"/>
    </row>
    <row r="938942" spans="14:14">
      <c r="N938942" s="10"/>
    </row>
    <row r="938943" spans="14:14">
      <c r="N938943" s="10"/>
    </row>
    <row r="938944" spans="14:14">
      <c r="N938944" s="10"/>
    </row>
    <row r="938945" spans="14:14">
      <c r="N938945" s="10"/>
    </row>
    <row r="938946" spans="14:14">
      <c r="N938946" s="10"/>
    </row>
    <row r="938947" spans="14:14">
      <c r="N938947" s="10"/>
    </row>
    <row r="938948" spans="14:14">
      <c r="N938948" s="10"/>
    </row>
    <row r="938949" spans="14:14">
      <c r="N938949" s="10"/>
    </row>
    <row r="938950" spans="14:14">
      <c r="N938950" s="10"/>
    </row>
    <row r="938951" spans="14:14">
      <c r="N938951" s="10"/>
    </row>
    <row r="938952" spans="14:14">
      <c r="N938952" s="10"/>
    </row>
    <row r="938953" spans="14:14">
      <c r="N938953" s="10"/>
    </row>
    <row r="938954" spans="14:14">
      <c r="N938954" s="10"/>
    </row>
    <row r="938955" spans="14:14">
      <c r="N938955" s="10"/>
    </row>
    <row r="938956" spans="14:14">
      <c r="N938956" s="10"/>
    </row>
    <row r="938957" spans="14:14">
      <c r="N938957" s="10"/>
    </row>
    <row r="938958" spans="14:14">
      <c r="N938958" s="10"/>
    </row>
    <row r="938959" spans="14:14">
      <c r="N938959" s="10"/>
    </row>
    <row r="938960" spans="14:14">
      <c r="N938960" s="10"/>
    </row>
    <row r="938961" spans="14:14">
      <c r="N938961" s="10"/>
    </row>
    <row r="938962" spans="14:14">
      <c r="N938962" s="10"/>
    </row>
    <row r="938963" spans="14:14">
      <c r="N938963" s="10"/>
    </row>
    <row r="938964" spans="14:14">
      <c r="N938964" s="10"/>
    </row>
    <row r="938965" spans="14:14">
      <c r="N938965" s="10"/>
    </row>
    <row r="938966" spans="14:14">
      <c r="N938966" s="10"/>
    </row>
    <row r="938967" spans="14:14">
      <c r="N938967" s="10"/>
    </row>
    <row r="938968" spans="14:14">
      <c r="N938968" s="10"/>
    </row>
    <row r="938969" spans="14:14">
      <c r="N938969" s="10"/>
    </row>
    <row r="938970" spans="14:14">
      <c r="N938970" s="10"/>
    </row>
    <row r="938971" spans="14:14">
      <c r="N938971" s="10"/>
    </row>
    <row r="938972" spans="14:14">
      <c r="N938972" s="10"/>
    </row>
    <row r="938973" spans="14:14">
      <c r="N938973" s="10"/>
    </row>
    <row r="938974" spans="14:14">
      <c r="N938974" s="10"/>
    </row>
    <row r="938975" spans="14:14">
      <c r="N938975" s="10"/>
    </row>
    <row r="938976" spans="14:14">
      <c r="N938976" s="10"/>
    </row>
    <row r="938977" spans="14:14">
      <c r="N938977" s="10"/>
    </row>
    <row r="938978" spans="14:14">
      <c r="N938978" s="10"/>
    </row>
    <row r="938979" spans="14:14">
      <c r="N938979" s="10"/>
    </row>
    <row r="938980" spans="14:14">
      <c r="N938980" s="10"/>
    </row>
    <row r="938981" spans="14:14">
      <c r="N938981" s="10"/>
    </row>
    <row r="938982" spans="14:14">
      <c r="N938982" s="10"/>
    </row>
    <row r="938983" spans="14:14">
      <c r="N938983" s="10"/>
    </row>
    <row r="938984" spans="14:14">
      <c r="N938984" s="10"/>
    </row>
    <row r="938985" spans="14:14">
      <c r="N938985" s="10"/>
    </row>
    <row r="938986" spans="14:14">
      <c r="N938986" s="10"/>
    </row>
    <row r="938987" spans="14:14">
      <c r="N938987" s="10"/>
    </row>
    <row r="938988" spans="14:14">
      <c r="N938988" s="10"/>
    </row>
    <row r="938989" spans="14:14">
      <c r="N938989" s="10"/>
    </row>
    <row r="938990" spans="14:14">
      <c r="N938990" s="10"/>
    </row>
    <row r="938991" spans="14:14">
      <c r="N938991" s="10"/>
    </row>
    <row r="938992" spans="14:14">
      <c r="N938992" s="10"/>
    </row>
    <row r="938993" spans="14:14">
      <c r="N938993" s="10"/>
    </row>
    <row r="938994" spans="14:14">
      <c r="N938994" s="10"/>
    </row>
    <row r="938995" spans="14:14">
      <c r="N938995" s="10"/>
    </row>
    <row r="938996" spans="14:14">
      <c r="N938996" s="10"/>
    </row>
    <row r="938997" spans="14:14">
      <c r="N938997" s="10"/>
    </row>
    <row r="938998" spans="14:14">
      <c r="N938998" s="10"/>
    </row>
    <row r="938999" spans="14:14">
      <c r="N938999" s="10"/>
    </row>
    <row r="939000" spans="14:14">
      <c r="N939000" s="10"/>
    </row>
    <row r="939001" spans="14:14">
      <c r="N939001" s="10"/>
    </row>
    <row r="939002" spans="14:14">
      <c r="N939002" s="10"/>
    </row>
    <row r="939003" spans="14:14">
      <c r="N939003" s="10"/>
    </row>
    <row r="939004" spans="14:14">
      <c r="N939004" s="10"/>
    </row>
    <row r="939005" spans="14:14">
      <c r="N939005" s="10"/>
    </row>
    <row r="939006" spans="14:14">
      <c r="N939006" s="10"/>
    </row>
    <row r="939007" spans="14:14">
      <c r="N939007" s="10"/>
    </row>
    <row r="939008" spans="14:14">
      <c r="N939008" s="10"/>
    </row>
    <row r="939009" spans="14:14">
      <c r="N939009" s="10"/>
    </row>
    <row r="939010" spans="14:14">
      <c r="N939010" s="10"/>
    </row>
    <row r="939011" spans="14:14">
      <c r="N939011" s="10"/>
    </row>
    <row r="939012" spans="14:14">
      <c r="N939012" s="10"/>
    </row>
    <row r="939013" spans="14:14">
      <c r="N939013" s="10"/>
    </row>
    <row r="939014" spans="14:14">
      <c r="N939014" s="10"/>
    </row>
    <row r="939015" spans="14:14">
      <c r="N939015" s="10"/>
    </row>
    <row r="939016" spans="14:14">
      <c r="N939016" s="10"/>
    </row>
    <row r="939017" spans="14:14">
      <c r="N939017" s="10"/>
    </row>
    <row r="939018" spans="14:14">
      <c r="N939018" s="10"/>
    </row>
    <row r="939019" spans="14:14">
      <c r="N939019" s="10"/>
    </row>
    <row r="939020" spans="14:14">
      <c r="N939020" s="10"/>
    </row>
    <row r="939021" spans="14:14">
      <c r="N939021" s="10"/>
    </row>
    <row r="939022" spans="14:14">
      <c r="N939022" s="10"/>
    </row>
    <row r="939023" spans="14:14">
      <c r="N939023" s="10"/>
    </row>
    <row r="939024" spans="14:14">
      <c r="N939024" s="10"/>
    </row>
    <row r="939025" spans="14:14">
      <c r="N939025" s="10"/>
    </row>
    <row r="939026" spans="14:14">
      <c r="N939026" s="10"/>
    </row>
    <row r="939027" spans="14:14">
      <c r="N939027" s="10"/>
    </row>
    <row r="939028" spans="14:14">
      <c r="N939028" s="10"/>
    </row>
    <row r="939029" spans="14:14">
      <c r="N939029" s="10"/>
    </row>
    <row r="939030" spans="14:14">
      <c r="N939030" s="10"/>
    </row>
    <row r="939031" spans="14:14">
      <c r="N939031" s="10"/>
    </row>
    <row r="939032" spans="14:14">
      <c r="N939032" s="10"/>
    </row>
    <row r="939033" spans="14:14">
      <c r="N939033" s="10"/>
    </row>
    <row r="939034" spans="14:14">
      <c r="N939034" s="10"/>
    </row>
    <row r="939035" spans="14:14">
      <c r="N939035" s="10"/>
    </row>
    <row r="939036" spans="14:14">
      <c r="N939036" s="10"/>
    </row>
    <row r="939037" spans="14:14">
      <c r="N939037" s="10"/>
    </row>
    <row r="939038" spans="14:14">
      <c r="N939038" s="10"/>
    </row>
    <row r="939039" spans="14:14">
      <c r="N939039" s="10"/>
    </row>
    <row r="939040" spans="14:14">
      <c r="N939040" s="10"/>
    </row>
    <row r="939041" spans="14:14">
      <c r="N939041" s="10"/>
    </row>
    <row r="939042" spans="14:14">
      <c r="N939042" s="10"/>
    </row>
    <row r="939043" spans="14:14">
      <c r="N939043" s="10"/>
    </row>
    <row r="939044" spans="14:14">
      <c r="N939044" s="10"/>
    </row>
    <row r="939045" spans="14:14">
      <c r="N939045" s="10"/>
    </row>
    <row r="939046" spans="14:14">
      <c r="N939046" s="10"/>
    </row>
    <row r="939047" spans="14:14">
      <c r="N939047" s="10"/>
    </row>
    <row r="939048" spans="14:14">
      <c r="N939048" s="10"/>
    </row>
    <row r="939049" spans="14:14">
      <c r="N939049" s="10"/>
    </row>
    <row r="939050" spans="14:14">
      <c r="N939050" s="10"/>
    </row>
    <row r="939051" spans="14:14">
      <c r="N939051" s="10"/>
    </row>
    <row r="939052" spans="14:14">
      <c r="N939052" s="10"/>
    </row>
    <row r="939053" spans="14:14">
      <c r="N939053" s="10"/>
    </row>
    <row r="939054" spans="14:14">
      <c r="N939054" s="10"/>
    </row>
    <row r="939055" spans="14:14">
      <c r="N939055" s="10"/>
    </row>
    <row r="939056" spans="14:14">
      <c r="N939056" s="10"/>
    </row>
    <row r="939057" spans="14:14">
      <c r="N939057" s="10"/>
    </row>
    <row r="939058" spans="14:14">
      <c r="N939058" s="10"/>
    </row>
    <row r="939059" spans="14:14">
      <c r="N939059" s="10"/>
    </row>
    <row r="939060" spans="14:14">
      <c r="N939060" s="10"/>
    </row>
    <row r="939061" spans="14:14">
      <c r="N939061" s="10"/>
    </row>
    <row r="939062" spans="14:14">
      <c r="N939062" s="10"/>
    </row>
    <row r="939063" spans="14:14">
      <c r="N939063" s="10"/>
    </row>
    <row r="939064" spans="14:14">
      <c r="N939064" s="10"/>
    </row>
    <row r="939065" spans="14:14">
      <c r="N939065" s="10"/>
    </row>
    <row r="939066" spans="14:14">
      <c r="N939066" s="10"/>
    </row>
    <row r="939067" spans="14:14">
      <c r="N939067" s="10"/>
    </row>
    <row r="939068" spans="14:14">
      <c r="N939068" s="10"/>
    </row>
    <row r="939069" spans="14:14">
      <c r="N939069" s="10"/>
    </row>
    <row r="939070" spans="14:14">
      <c r="N939070" s="10"/>
    </row>
    <row r="939071" spans="14:14">
      <c r="N939071" s="10"/>
    </row>
    <row r="939072" spans="14:14">
      <c r="N939072" s="10"/>
    </row>
    <row r="939073" spans="14:14">
      <c r="N939073" s="10"/>
    </row>
    <row r="939074" spans="14:14">
      <c r="N939074" s="10"/>
    </row>
    <row r="939075" spans="14:14">
      <c r="N939075" s="10"/>
    </row>
    <row r="939076" spans="14:14">
      <c r="N939076" s="10"/>
    </row>
    <row r="939077" spans="14:14">
      <c r="N939077" s="10"/>
    </row>
    <row r="939078" spans="14:14">
      <c r="N939078" s="10"/>
    </row>
    <row r="939079" spans="14:14">
      <c r="N939079" s="10"/>
    </row>
    <row r="939080" spans="14:14">
      <c r="N939080" s="10"/>
    </row>
    <row r="939081" spans="14:14">
      <c r="N939081" s="10"/>
    </row>
    <row r="939082" spans="14:14">
      <c r="N939082" s="10"/>
    </row>
    <row r="939083" spans="14:14">
      <c r="N939083" s="10"/>
    </row>
    <row r="939084" spans="14:14">
      <c r="N939084" s="10"/>
    </row>
    <row r="939085" spans="14:14">
      <c r="N939085" s="10"/>
    </row>
    <row r="939086" spans="14:14">
      <c r="N939086" s="10"/>
    </row>
    <row r="939087" spans="14:14">
      <c r="N939087" s="10"/>
    </row>
    <row r="939088" spans="14:14">
      <c r="N939088" s="10"/>
    </row>
    <row r="939089" spans="14:14">
      <c r="N939089" s="10"/>
    </row>
    <row r="939090" spans="14:14">
      <c r="N939090" s="10"/>
    </row>
    <row r="939091" spans="14:14">
      <c r="N939091" s="10"/>
    </row>
    <row r="939092" spans="14:14">
      <c r="N939092" s="10"/>
    </row>
    <row r="939093" spans="14:14">
      <c r="N939093" s="10"/>
    </row>
    <row r="939094" spans="14:14">
      <c r="N939094" s="10"/>
    </row>
    <row r="939095" spans="14:14">
      <c r="N939095" s="10"/>
    </row>
    <row r="939096" spans="14:14">
      <c r="N939096" s="10"/>
    </row>
    <row r="939097" spans="14:14">
      <c r="N939097" s="10"/>
    </row>
    <row r="939098" spans="14:14">
      <c r="N939098" s="10"/>
    </row>
    <row r="939099" spans="14:14">
      <c r="N939099" s="10"/>
    </row>
    <row r="939100" spans="14:14">
      <c r="N939100" s="10"/>
    </row>
    <row r="939101" spans="14:14">
      <c r="N939101" s="10"/>
    </row>
    <row r="939102" spans="14:14">
      <c r="N939102" s="10"/>
    </row>
    <row r="939103" spans="14:14">
      <c r="N939103" s="10"/>
    </row>
    <row r="939104" spans="14:14">
      <c r="N939104" s="10"/>
    </row>
    <row r="939105" spans="14:14">
      <c r="N939105" s="10"/>
    </row>
    <row r="939106" spans="14:14">
      <c r="N939106" s="10"/>
    </row>
    <row r="939107" spans="14:14">
      <c r="N939107" s="10"/>
    </row>
    <row r="939108" spans="14:14">
      <c r="N939108" s="10"/>
    </row>
    <row r="939109" spans="14:14">
      <c r="N939109" s="10"/>
    </row>
    <row r="939110" spans="14:14">
      <c r="N939110" s="10"/>
    </row>
    <row r="939111" spans="14:14">
      <c r="N939111" s="10"/>
    </row>
    <row r="939112" spans="14:14">
      <c r="N939112" s="10"/>
    </row>
    <row r="939113" spans="14:14">
      <c r="N939113" s="10"/>
    </row>
    <row r="939114" spans="14:14">
      <c r="N939114" s="10"/>
    </row>
    <row r="939115" spans="14:14">
      <c r="N939115" s="10"/>
    </row>
    <row r="939116" spans="14:14">
      <c r="N939116" s="10"/>
    </row>
    <row r="939117" spans="14:14">
      <c r="N939117" s="10"/>
    </row>
    <row r="939118" spans="14:14">
      <c r="N939118" s="10"/>
    </row>
    <row r="939119" spans="14:14">
      <c r="N939119" s="10"/>
    </row>
    <row r="939120" spans="14:14">
      <c r="N939120" s="10"/>
    </row>
    <row r="939121" spans="14:14">
      <c r="N939121" s="10"/>
    </row>
    <row r="939122" spans="14:14">
      <c r="N939122" s="10"/>
    </row>
    <row r="939123" spans="14:14">
      <c r="N939123" s="10"/>
    </row>
    <row r="939124" spans="14:14">
      <c r="N939124" s="10"/>
    </row>
    <row r="939125" spans="14:14">
      <c r="N939125" s="10"/>
    </row>
    <row r="939126" spans="14:14">
      <c r="N939126" s="10"/>
    </row>
    <row r="939127" spans="14:14">
      <c r="N939127" s="10"/>
    </row>
    <row r="939128" spans="14:14">
      <c r="N939128" s="10"/>
    </row>
    <row r="939129" spans="14:14">
      <c r="N939129" s="10"/>
    </row>
    <row r="939130" spans="14:14">
      <c r="N939130" s="10"/>
    </row>
    <row r="939131" spans="14:14">
      <c r="N939131" s="10"/>
    </row>
    <row r="939132" spans="14:14">
      <c r="N939132" s="10"/>
    </row>
    <row r="939133" spans="14:14">
      <c r="N939133" s="10"/>
    </row>
    <row r="939134" spans="14:14">
      <c r="N939134" s="10"/>
    </row>
    <row r="939135" spans="14:14">
      <c r="N939135" s="10"/>
    </row>
    <row r="939136" spans="14:14">
      <c r="N939136" s="10"/>
    </row>
    <row r="939137" spans="14:14">
      <c r="N939137" s="10"/>
    </row>
    <row r="939138" spans="14:14">
      <c r="N939138" s="10"/>
    </row>
    <row r="939139" spans="14:14">
      <c r="N939139" s="10"/>
    </row>
    <row r="939140" spans="14:14">
      <c r="N939140" s="10"/>
    </row>
    <row r="939141" spans="14:14">
      <c r="N939141" s="10"/>
    </row>
    <row r="939142" spans="14:14">
      <c r="N939142" s="10"/>
    </row>
    <row r="939143" spans="14:14">
      <c r="N939143" s="10"/>
    </row>
    <row r="939144" spans="14:14">
      <c r="N939144" s="10"/>
    </row>
    <row r="939145" spans="14:14">
      <c r="N939145" s="10"/>
    </row>
    <row r="939146" spans="14:14">
      <c r="N939146" s="10"/>
    </row>
    <row r="939147" spans="14:14">
      <c r="N939147" s="10"/>
    </row>
    <row r="939148" spans="14:14">
      <c r="N939148" s="10"/>
    </row>
    <row r="939149" spans="14:14">
      <c r="N939149" s="10"/>
    </row>
    <row r="939150" spans="14:14">
      <c r="N939150" s="10"/>
    </row>
    <row r="939151" spans="14:14">
      <c r="N939151" s="10"/>
    </row>
    <row r="939152" spans="14:14">
      <c r="N939152" s="10"/>
    </row>
    <row r="939153" spans="14:14">
      <c r="N939153" s="10"/>
    </row>
    <row r="939154" spans="14:14">
      <c r="N939154" s="10"/>
    </row>
    <row r="939155" spans="14:14">
      <c r="N939155" s="10"/>
    </row>
    <row r="939156" spans="14:14">
      <c r="N939156" s="10"/>
    </row>
    <row r="939157" spans="14:14">
      <c r="N939157" s="10"/>
    </row>
    <row r="939158" spans="14:14">
      <c r="N939158" s="10"/>
    </row>
    <row r="939159" spans="14:14">
      <c r="N939159" s="10"/>
    </row>
    <row r="939160" spans="14:14">
      <c r="N939160" s="10"/>
    </row>
    <row r="939161" spans="14:14">
      <c r="N939161" s="10"/>
    </row>
    <row r="939162" spans="14:14">
      <c r="N939162" s="10"/>
    </row>
    <row r="939163" spans="14:14">
      <c r="N939163" s="10"/>
    </row>
    <row r="939164" spans="14:14">
      <c r="N939164" s="10"/>
    </row>
    <row r="939165" spans="14:14">
      <c r="N939165" s="10"/>
    </row>
    <row r="939166" spans="14:14">
      <c r="N939166" s="10"/>
    </row>
    <row r="939167" spans="14:14">
      <c r="N939167" s="10"/>
    </row>
    <row r="939168" spans="14:14">
      <c r="N939168" s="10"/>
    </row>
    <row r="939169" spans="14:14">
      <c r="N939169" s="10"/>
    </row>
    <row r="939170" spans="14:14">
      <c r="N939170" s="10"/>
    </row>
    <row r="939171" spans="14:14">
      <c r="N939171" s="10"/>
    </row>
    <row r="939172" spans="14:14">
      <c r="N939172" s="10"/>
    </row>
    <row r="939173" spans="14:14">
      <c r="N939173" s="10"/>
    </row>
    <row r="939174" spans="14:14">
      <c r="N939174" s="10"/>
    </row>
    <row r="939175" spans="14:14">
      <c r="N939175" s="10"/>
    </row>
    <row r="939176" spans="14:14">
      <c r="N939176" s="10"/>
    </row>
    <row r="939177" spans="14:14">
      <c r="N939177" s="10"/>
    </row>
    <row r="939178" spans="14:14">
      <c r="N939178" s="10"/>
    </row>
    <row r="939179" spans="14:14">
      <c r="N939179" s="10"/>
    </row>
    <row r="939180" spans="14:14">
      <c r="N939180" s="10"/>
    </row>
    <row r="939181" spans="14:14">
      <c r="N939181" s="10"/>
    </row>
    <row r="939182" spans="14:14">
      <c r="N939182" s="10"/>
    </row>
    <row r="939183" spans="14:14">
      <c r="N939183" s="10"/>
    </row>
    <row r="939184" spans="14:14">
      <c r="N939184" s="10"/>
    </row>
    <row r="939185" spans="14:14">
      <c r="N939185" s="10"/>
    </row>
    <row r="939186" spans="14:14">
      <c r="N939186" s="10"/>
    </row>
    <row r="939187" spans="14:14">
      <c r="N939187" s="10"/>
    </row>
    <row r="939188" spans="14:14">
      <c r="N939188" s="10"/>
    </row>
    <row r="939189" spans="14:14">
      <c r="N939189" s="10"/>
    </row>
    <row r="939190" spans="14:14">
      <c r="N939190" s="10"/>
    </row>
    <row r="939191" spans="14:14">
      <c r="N939191" s="10"/>
    </row>
    <row r="939192" spans="14:14">
      <c r="N939192" s="10"/>
    </row>
    <row r="939193" spans="14:14">
      <c r="N939193" s="10"/>
    </row>
    <row r="939194" spans="14:14">
      <c r="N939194" s="10"/>
    </row>
    <row r="939195" spans="14:14">
      <c r="N939195" s="10"/>
    </row>
    <row r="939196" spans="14:14">
      <c r="N939196" s="10"/>
    </row>
    <row r="939197" spans="14:14">
      <c r="N939197" s="10"/>
    </row>
    <row r="939198" spans="14:14">
      <c r="N939198" s="10"/>
    </row>
    <row r="939199" spans="14:14">
      <c r="N939199" s="10"/>
    </row>
    <row r="939200" spans="14:14">
      <c r="N939200" s="10"/>
    </row>
    <row r="939201" spans="14:14">
      <c r="N939201" s="10"/>
    </row>
    <row r="939202" spans="14:14">
      <c r="N939202" s="10"/>
    </row>
    <row r="939203" spans="14:14">
      <c r="N939203" s="10"/>
    </row>
    <row r="939204" spans="14:14">
      <c r="N939204" s="10"/>
    </row>
    <row r="939205" spans="14:14">
      <c r="N939205" s="10"/>
    </row>
    <row r="939206" spans="14:14">
      <c r="N939206" s="10"/>
    </row>
    <row r="939207" spans="14:14">
      <c r="N939207" s="10"/>
    </row>
    <row r="939208" spans="14:14">
      <c r="N939208" s="10"/>
    </row>
    <row r="939209" spans="14:14">
      <c r="N939209" s="10"/>
    </row>
    <row r="939210" spans="14:14">
      <c r="N939210" s="10"/>
    </row>
    <row r="939211" spans="14:14">
      <c r="N939211" s="10"/>
    </row>
    <row r="939212" spans="14:14">
      <c r="N939212" s="10"/>
    </row>
    <row r="939213" spans="14:14">
      <c r="N939213" s="10"/>
    </row>
    <row r="939214" spans="14:14">
      <c r="N939214" s="10"/>
    </row>
    <row r="939215" spans="14:14">
      <c r="N939215" s="10"/>
    </row>
    <row r="939216" spans="14:14">
      <c r="N939216" s="10"/>
    </row>
    <row r="939217" spans="14:14">
      <c r="N939217" s="10"/>
    </row>
    <row r="939218" spans="14:14">
      <c r="N939218" s="10"/>
    </row>
    <row r="939219" spans="14:14">
      <c r="N939219" s="10"/>
    </row>
    <row r="939220" spans="14:14">
      <c r="N939220" s="10"/>
    </row>
    <row r="939221" spans="14:14">
      <c r="N939221" s="10"/>
    </row>
    <row r="939222" spans="14:14">
      <c r="N939222" s="10"/>
    </row>
    <row r="939223" spans="14:14">
      <c r="N939223" s="10"/>
    </row>
    <row r="939224" spans="14:14">
      <c r="N939224" s="10"/>
    </row>
    <row r="939225" spans="14:14">
      <c r="N939225" s="10"/>
    </row>
    <row r="939226" spans="14:14">
      <c r="N939226" s="10"/>
    </row>
    <row r="939227" spans="14:14">
      <c r="N939227" s="10"/>
    </row>
    <row r="939228" spans="14:14">
      <c r="N939228" s="10"/>
    </row>
    <row r="939229" spans="14:14">
      <c r="N939229" s="10"/>
    </row>
    <row r="939230" spans="14:14">
      <c r="N939230" s="10"/>
    </row>
    <row r="939231" spans="14:14">
      <c r="N939231" s="10"/>
    </row>
    <row r="939232" spans="14:14">
      <c r="N939232" s="10"/>
    </row>
    <row r="939233" spans="14:14">
      <c r="N939233" s="10"/>
    </row>
    <row r="939234" spans="14:14">
      <c r="N939234" s="10"/>
    </row>
    <row r="939235" spans="14:14">
      <c r="N939235" s="10"/>
    </row>
    <row r="939236" spans="14:14">
      <c r="N939236" s="10"/>
    </row>
    <row r="939237" spans="14:14">
      <c r="N939237" s="10"/>
    </row>
    <row r="939238" spans="14:14">
      <c r="N939238" s="10"/>
    </row>
    <row r="939239" spans="14:14">
      <c r="N939239" s="10"/>
    </row>
    <row r="939240" spans="14:14">
      <c r="N939240" s="10"/>
    </row>
    <row r="939241" spans="14:14">
      <c r="N939241" s="10"/>
    </row>
    <row r="939242" spans="14:14">
      <c r="N939242" s="10"/>
    </row>
    <row r="939243" spans="14:14">
      <c r="N939243" s="10"/>
    </row>
    <row r="939244" spans="14:14">
      <c r="N939244" s="10"/>
    </row>
    <row r="939245" spans="14:14">
      <c r="N939245" s="10"/>
    </row>
    <row r="939246" spans="14:14">
      <c r="N939246" s="10"/>
    </row>
    <row r="939247" spans="14:14">
      <c r="N939247" s="10"/>
    </row>
    <row r="939248" spans="14:14">
      <c r="N939248" s="10"/>
    </row>
    <row r="939249" spans="14:14">
      <c r="N939249" s="10"/>
    </row>
    <row r="939250" spans="14:14">
      <c r="N939250" s="10"/>
    </row>
    <row r="939251" spans="14:14">
      <c r="N939251" s="10"/>
    </row>
    <row r="939252" spans="14:14">
      <c r="N939252" s="10"/>
    </row>
    <row r="939253" spans="14:14">
      <c r="N939253" s="10"/>
    </row>
    <row r="939254" spans="14:14">
      <c r="N939254" s="10"/>
    </row>
    <row r="939255" spans="14:14">
      <c r="N939255" s="10"/>
    </row>
    <row r="939256" spans="14:14">
      <c r="N939256" s="10"/>
    </row>
    <row r="939257" spans="14:14">
      <c r="N939257" s="10"/>
    </row>
    <row r="939258" spans="14:14">
      <c r="N939258" s="10"/>
    </row>
    <row r="939259" spans="14:14">
      <c r="N939259" s="10"/>
    </row>
    <row r="939260" spans="14:14">
      <c r="N939260" s="10"/>
    </row>
    <row r="939261" spans="14:14">
      <c r="N939261" s="10"/>
    </row>
    <row r="939262" spans="14:14">
      <c r="N939262" s="10"/>
    </row>
    <row r="939263" spans="14:14">
      <c r="N939263" s="10"/>
    </row>
    <row r="939264" spans="14:14">
      <c r="N939264" s="10"/>
    </row>
    <row r="939265" spans="14:14">
      <c r="N939265" s="10"/>
    </row>
    <row r="939266" spans="14:14">
      <c r="N939266" s="10"/>
    </row>
    <row r="939267" spans="14:14">
      <c r="N939267" s="10"/>
    </row>
    <row r="939268" spans="14:14">
      <c r="N939268" s="10"/>
    </row>
    <row r="939269" spans="14:14">
      <c r="N939269" s="10"/>
    </row>
    <row r="939270" spans="14:14">
      <c r="N939270" s="10"/>
    </row>
    <row r="939271" spans="14:14">
      <c r="N939271" s="10"/>
    </row>
    <row r="939272" spans="14:14">
      <c r="N939272" s="10"/>
    </row>
    <row r="939273" spans="14:14">
      <c r="N939273" s="10"/>
    </row>
    <row r="939274" spans="14:14">
      <c r="N939274" s="10"/>
    </row>
    <row r="939275" spans="14:14">
      <c r="N939275" s="10"/>
    </row>
    <row r="939276" spans="14:14">
      <c r="N939276" s="10"/>
    </row>
    <row r="939277" spans="14:14">
      <c r="N939277" s="10"/>
    </row>
    <row r="939278" spans="14:14">
      <c r="N939278" s="10"/>
    </row>
    <row r="939279" spans="14:14">
      <c r="N939279" s="10"/>
    </row>
    <row r="939280" spans="14:14">
      <c r="N939280" s="10"/>
    </row>
    <row r="939281" spans="14:14">
      <c r="N939281" s="10"/>
    </row>
    <row r="939282" spans="14:14">
      <c r="N939282" s="10"/>
    </row>
    <row r="939283" spans="14:14">
      <c r="N939283" s="10"/>
    </row>
    <row r="939284" spans="14:14">
      <c r="N939284" s="10"/>
    </row>
    <row r="939285" spans="14:14">
      <c r="N939285" s="10"/>
    </row>
    <row r="939286" spans="14:14">
      <c r="N939286" s="10"/>
    </row>
    <row r="939287" spans="14:14">
      <c r="N939287" s="10"/>
    </row>
    <row r="939288" spans="14:14">
      <c r="N939288" s="10"/>
    </row>
    <row r="939289" spans="14:14">
      <c r="N939289" s="10"/>
    </row>
    <row r="939290" spans="14:14">
      <c r="N939290" s="10"/>
    </row>
    <row r="939291" spans="14:14">
      <c r="N939291" s="10"/>
    </row>
    <row r="939292" spans="14:14">
      <c r="N939292" s="10"/>
    </row>
    <row r="939293" spans="14:14">
      <c r="N939293" s="10"/>
    </row>
    <row r="939294" spans="14:14">
      <c r="N939294" s="10"/>
    </row>
    <row r="939295" spans="14:14">
      <c r="N939295" s="10"/>
    </row>
    <row r="939296" spans="14:14">
      <c r="N939296" s="10"/>
    </row>
    <row r="939297" spans="14:14">
      <c r="N939297" s="10"/>
    </row>
    <row r="939298" spans="14:14">
      <c r="N939298" s="10"/>
    </row>
    <row r="939299" spans="14:14">
      <c r="N939299" s="10"/>
    </row>
    <row r="939300" spans="14:14">
      <c r="N939300" s="10"/>
    </row>
    <row r="939301" spans="14:14">
      <c r="N939301" s="10"/>
    </row>
    <row r="939302" spans="14:14">
      <c r="N939302" s="10"/>
    </row>
    <row r="939303" spans="14:14">
      <c r="N939303" s="10"/>
    </row>
    <row r="939304" spans="14:14">
      <c r="N939304" s="10"/>
    </row>
    <row r="939305" spans="14:14">
      <c r="N939305" s="10"/>
    </row>
    <row r="939306" spans="14:14">
      <c r="N939306" s="10"/>
    </row>
    <row r="939307" spans="14:14">
      <c r="N939307" s="10"/>
    </row>
    <row r="939308" spans="14:14">
      <c r="N939308" s="10"/>
    </row>
    <row r="939309" spans="14:14">
      <c r="N939309" s="10"/>
    </row>
    <row r="939310" spans="14:14">
      <c r="N939310" s="10"/>
    </row>
    <row r="939311" spans="14:14">
      <c r="N939311" s="10"/>
    </row>
    <row r="939312" spans="14:14">
      <c r="N939312" s="10"/>
    </row>
    <row r="939313" spans="14:14">
      <c r="N939313" s="10"/>
    </row>
    <row r="939314" spans="14:14">
      <c r="N939314" s="10"/>
    </row>
    <row r="939315" spans="14:14">
      <c r="N939315" s="10"/>
    </row>
    <row r="939316" spans="14:14">
      <c r="N939316" s="10"/>
    </row>
    <row r="939317" spans="14:14">
      <c r="N939317" s="10"/>
    </row>
    <row r="939318" spans="14:14">
      <c r="N939318" s="10"/>
    </row>
    <row r="939319" spans="14:14">
      <c r="N939319" s="10"/>
    </row>
    <row r="939320" spans="14:14">
      <c r="N939320" s="10"/>
    </row>
    <row r="939321" spans="14:14">
      <c r="N939321" s="10"/>
    </row>
    <row r="939322" spans="14:14">
      <c r="N939322" s="10"/>
    </row>
    <row r="939323" spans="14:14">
      <c r="N939323" s="10"/>
    </row>
    <row r="939324" spans="14:14">
      <c r="N939324" s="10"/>
    </row>
    <row r="939325" spans="14:14">
      <c r="N939325" s="10"/>
    </row>
    <row r="939326" spans="14:14">
      <c r="N939326" s="10"/>
    </row>
    <row r="939327" spans="14:14">
      <c r="N939327" s="10"/>
    </row>
    <row r="939328" spans="14:14">
      <c r="N939328" s="10"/>
    </row>
    <row r="939329" spans="14:14">
      <c r="N939329" s="10"/>
    </row>
    <row r="939330" spans="14:14">
      <c r="N939330" s="10"/>
    </row>
    <row r="939331" spans="14:14">
      <c r="N939331" s="10"/>
    </row>
    <row r="939332" spans="14:14">
      <c r="N939332" s="10"/>
    </row>
    <row r="939333" spans="14:14">
      <c r="N939333" s="10"/>
    </row>
    <row r="939334" spans="14:14">
      <c r="N939334" s="10"/>
    </row>
    <row r="939335" spans="14:14">
      <c r="N939335" s="10"/>
    </row>
    <row r="939336" spans="14:14">
      <c r="N939336" s="10"/>
    </row>
    <row r="939337" spans="14:14">
      <c r="N939337" s="10"/>
    </row>
    <row r="939338" spans="14:14">
      <c r="N939338" s="10"/>
    </row>
    <row r="939339" spans="14:14">
      <c r="N939339" s="10"/>
    </row>
    <row r="939340" spans="14:14">
      <c r="N939340" s="10"/>
    </row>
    <row r="939341" spans="14:14">
      <c r="N939341" s="10"/>
    </row>
    <row r="939342" spans="14:14">
      <c r="N939342" s="10"/>
    </row>
    <row r="939343" spans="14:14">
      <c r="N939343" s="10"/>
    </row>
    <row r="939344" spans="14:14">
      <c r="N939344" s="10"/>
    </row>
    <row r="939345" spans="14:14">
      <c r="N939345" s="10"/>
    </row>
    <row r="939346" spans="14:14">
      <c r="N939346" s="10"/>
    </row>
    <row r="939347" spans="14:14">
      <c r="N939347" s="10"/>
    </row>
    <row r="939348" spans="14:14">
      <c r="N939348" s="10"/>
    </row>
    <row r="939349" spans="14:14">
      <c r="N939349" s="10"/>
    </row>
    <row r="939350" spans="14:14">
      <c r="N939350" s="10"/>
    </row>
    <row r="939351" spans="14:14">
      <c r="N939351" s="10"/>
    </row>
    <row r="939352" spans="14:14">
      <c r="N939352" s="10"/>
    </row>
    <row r="939353" spans="14:14">
      <c r="N939353" s="10"/>
    </row>
    <row r="939354" spans="14:14">
      <c r="N939354" s="10"/>
    </row>
    <row r="939355" spans="14:14">
      <c r="N939355" s="10"/>
    </row>
    <row r="939356" spans="14:14">
      <c r="N939356" s="10"/>
    </row>
    <row r="939357" spans="14:14">
      <c r="N939357" s="10"/>
    </row>
    <row r="939358" spans="14:14">
      <c r="N939358" s="10"/>
    </row>
    <row r="939359" spans="14:14">
      <c r="N939359" s="10"/>
    </row>
    <row r="939360" spans="14:14">
      <c r="N939360" s="10"/>
    </row>
    <row r="939361" spans="14:14">
      <c r="N939361" s="10"/>
    </row>
    <row r="939362" spans="14:14">
      <c r="N939362" s="10"/>
    </row>
    <row r="939363" spans="14:14">
      <c r="N939363" s="10"/>
    </row>
    <row r="939364" spans="14:14">
      <c r="N939364" s="10"/>
    </row>
    <row r="939365" spans="14:14">
      <c r="N939365" s="10"/>
    </row>
    <row r="939366" spans="14:14">
      <c r="N939366" s="10"/>
    </row>
    <row r="939367" spans="14:14">
      <c r="N939367" s="10"/>
    </row>
    <row r="939368" spans="14:14">
      <c r="N939368" s="10"/>
    </row>
    <row r="939369" spans="14:14">
      <c r="N939369" s="10"/>
    </row>
    <row r="939370" spans="14:14">
      <c r="N939370" s="10"/>
    </row>
    <row r="939371" spans="14:14">
      <c r="N939371" s="10"/>
    </row>
    <row r="939372" spans="14:14">
      <c r="N939372" s="10"/>
    </row>
    <row r="939373" spans="14:14">
      <c r="N939373" s="10"/>
    </row>
    <row r="939374" spans="14:14">
      <c r="N939374" s="10"/>
    </row>
    <row r="939375" spans="14:14">
      <c r="N939375" s="10"/>
    </row>
    <row r="939376" spans="14:14">
      <c r="N939376" s="10"/>
    </row>
    <row r="939377" spans="14:14">
      <c r="N939377" s="10"/>
    </row>
    <row r="939378" spans="14:14">
      <c r="N939378" s="10"/>
    </row>
    <row r="939379" spans="14:14">
      <c r="N939379" s="10"/>
    </row>
    <row r="939380" spans="14:14">
      <c r="N939380" s="10"/>
    </row>
    <row r="939381" spans="14:14">
      <c r="N939381" s="10"/>
    </row>
    <row r="939382" spans="14:14">
      <c r="N939382" s="10"/>
    </row>
    <row r="939383" spans="14:14">
      <c r="N939383" s="10"/>
    </row>
    <row r="939384" spans="14:14">
      <c r="N939384" s="10"/>
    </row>
    <row r="939385" spans="14:14">
      <c r="N939385" s="10"/>
    </row>
    <row r="939386" spans="14:14">
      <c r="N939386" s="10"/>
    </row>
    <row r="939387" spans="14:14">
      <c r="N939387" s="10"/>
    </row>
    <row r="939388" spans="14:14">
      <c r="N939388" s="10"/>
    </row>
    <row r="939389" spans="14:14">
      <c r="N939389" s="10"/>
    </row>
    <row r="939390" spans="14:14">
      <c r="N939390" s="10"/>
    </row>
    <row r="939391" spans="14:14">
      <c r="N939391" s="10"/>
    </row>
    <row r="939392" spans="14:14">
      <c r="N939392" s="10"/>
    </row>
    <row r="939393" spans="14:14">
      <c r="N939393" s="10"/>
    </row>
    <row r="939394" spans="14:14">
      <c r="N939394" s="10"/>
    </row>
    <row r="939395" spans="14:14">
      <c r="N939395" s="10"/>
    </row>
    <row r="939396" spans="14:14">
      <c r="N939396" s="10"/>
    </row>
    <row r="939397" spans="14:14">
      <c r="N939397" s="10"/>
    </row>
    <row r="939398" spans="14:14">
      <c r="N939398" s="10"/>
    </row>
    <row r="939399" spans="14:14">
      <c r="N939399" s="10"/>
    </row>
    <row r="939400" spans="14:14">
      <c r="N939400" s="10"/>
    </row>
    <row r="939401" spans="14:14">
      <c r="N939401" s="10"/>
    </row>
    <row r="939402" spans="14:14">
      <c r="N939402" s="10"/>
    </row>
    <row r="939403" spans="14:14">
      <c r="N939403" s="10"/>
    </row>
    <row r="939404" spans="14:14">
      <c r="N939404" s="10"/>
    </row>
    <row r="939405" spans="14:14">
      <c r="N939405" s="10"/>
    </row>
    <row r="939406" spans="14:14">
      <c r="N939406" s="10"/>
    </row>
    <row r="939407" spans="14:14">
      <c r="N939407" s="10"/>
    </row>
    <row r="939408" spans="14:14">
      <c r="N939408" s="10"/>
    </row>
    <row r="939409" spans="14:14">
      <c r="N939409" s="10"/>
    </row>
    <row r="939410" spans="14:14">
      <c r="N939410" s="10"/>
    </row>
    <row r="939411" spans="14:14">
      <c r="N939411" s="10"/>
    </row>
    <row r="939412" spans="14:14">
      <c r="N939412" s="10"/>
    </row>
    <row r="939413" spans="14:14">
      <c r="N939413" s="10"/>
    </row>
    <row r="939414" spans="14:14">
      <c r="N939414" s="10"/>
    </row>
    <row r="939415" spans="14:14">
      <c r="N939415" s="10"/>
    </row>
    <row r="939416" spans="14:14">
      <c r="N939416" s="10"/>
    </row>
    <row r="939417" spans="14:14">
      <c r="N939417" s="10"/>
    </row>
    <row r="939418" spans="14:14">
      <c r="N939418" s="10"/>
    </row>
    <row r="939419" spans="14:14">
      <c r="N939419" s="10"/>
    </row>
    <row r="939420" spans="14:14">
      <c r="N939420" s="10"/>
    </row>
    <row r="939421" spans="14:14">
      <c r="N939421" s="10"/>
    </row>
    <row r="939422" spans="14:14">
      <c r="N939422" s="10"/>
    </row>
    <row r="939423" spans="14:14">
      <c r="N939423" s="10"/>
    </row>
    <row r="939424" spans="14:14">
      <c r="N939424" s="10"/>
    </row>
    <row r="939425" spans="14:14">
      <c r="N939425" s="10"/>
    </row>
    <row r="939426" spans="14:14">
      <c r="N939426" s="10"/>
    </row>
    <row r="939427" spans="14:14">
      <c r="N939427" s="10"/>
    </row>
    <row r="939428" spans="14:14">
      <c r="N939428" s="10"/>
    </row>
    <row r="939429" spans="14:14">
      <c r="N939429" s="10"/>
    </row>
    <row r="939430" spans="14:14">
      <c r="N939430" s="10"/>
    </row>
    <row r="939431" spans="14:14">
      <c r="N939431" s="10"/>
    </row>
    <row r="939432" spans="14:14">
      <c r="N939432" s="10"/>
    </row>
    <row r="939433" spans="14:14">
      <c r="N939433" s="10"/>
    </row>
    <row r="939434" spans="14:14">
      <c r="N939434" s="10"/>
    </row>
    <row r="939435" spans="14:14">
      <c r="N939435" s="10"/>
    </row>
    <row r="939436" spans="14:14">
      <c r="N939436" s="10"/>
    </row>
    <row r="939437" spans="14:14">
      <c r="N939437" s="10"/>
    </row>
    <row r="939438" spans="14:14">
      <c r="N939438" s="10"/>
    </row>
    <row r="939439" spans="14:14">
      <c r="N939439" s="10"/>
    </row>
    <row r="939440" spans="14:14">
      <c r="N939440" s="10"/>
    </row>
    <row r="939441" spans="14:14">
      <c r="N939441" s="10"/>
    </row>
    <row r="939442" spans="14:14">
      <c r="N939442" s="10"/>
    </row>
    <row r="939443" spans="14:14">
      <c r="N939443" s="10"/>
    </row>
    <row r="939444" spans="14:14">
      <c r="N939444" s="10"/>
    </row>
    <row r="939445" spans="14:14">
      <c r="N939445" s="10"/>
    </row>
    <row r="939446" spans="14:14">
      <c r="N939446" s="10"/>
    </row>
    <row r="939447" spans="14:14">
      <c r="N939447" s="10"/>
    </row>
    <row r="939448" spans="14:14">
      <c r="N939448" s="10"/>
    </row>
    <row r="939449" spans="14:14">
      <c r="N939449" s="10"/>
    </row>
    <row r="939450" spans="14:14">
      <c r="N939450" s="10"/>
    </row>
    <row r="939451" spans="14:14">
      <c r="N939451" s="10"/>
    </row>
    <row r="939452" spans="14:14">
      <c r="N939452" s="10"/>
    </row>
    <row r="939453" spans="14:14">
      <c r="N939453" s="10"/>
    </row>
    <row r="939454" spans="14:14">
      <c r="N939454" s="10"/>
    </row>
    <row r="939455" spans="14:14">
      <c r="N939455" s="10"/>
    </row>
    <row r="939456" spans="14:14">
      <c r="N939456" s="10"/>
    </row>
    <row r="939457" spans="14:14">
      <c r="N939457" s="10"/>
    </row>
    <row r="939458" spans="14:14">
      <c r="N939458" s="10"/>
    </row>
    <row r="939459" spans="14:14">
      <c r="N939459" s="10"/>
    </row>
    <row r="939460" spans="14:14">
      <c r="N939460" s="10"/>
    </row>
    <row r="939461" spans="14:14">
      <c r="N939461" s="10"/>
    </row>
    <row r="939462" spans="14:14">
      <c r="N939462" s="10"/>
    </row>
    <row r="939463" spans="14:14">
      <c r="N939463" s="10"/>
    </row>
    <row r="939464" spans="14:14">
      <c r="N939464" s="10"/>
    </row>
    <row r="939465" spans="14:14">
      <c r="N939465" s="10"/>
    </row>
    <row r="939466" spans="14:14">
      <c r="N939466" s="10"/>
    </row>
    <row r="939467" spans="14:14">
      <c r="N939467" s="10"/>
    </row>
    <row r="939468" spans="14:14">
      <c r="N939468" s="10"/>
    </row>
    <row r="939469" spans="14:14">
      <c r="N939469" s="10"/>
    </row>
    <row r="939470" spans="14:14">
      <c r="N939470" s="10"/>
    </row>
    <row r="939471" spans="14:14">
      <c r="N939471" s="10"/>
    </row>
    <row r="939472" spans="14:14">
      <c r="N939472" s="10"/>
    </row>
    <row r="939473" spans="14:14">
      <c r="N939473" s="10"/>
    </row>
    <row r="939474" spans="14:14">
      <c r="N939474" s="10"/>
    </row>
    <row r="939475" spans="14:14">
      <c r="N939475" s="10"/>
    </row>
    <row r="939476" spans="14:14">
      <c r="N939476" s="10"/>
    </row>
    <row r="939477" spans="14:14">
      <c r="N939477" s="10"/>
    </row>
    <row r="939478" spans="14:14">
      <c r="N939478" s="10"/>
    </row>
    <row r="939479" spans="14:14">
      <c r="N939479" s="10"/>
    </row>
    <row r="939480" spans="14:14">
      <c r="N939480" s="10"/>
    </row>
    <row r="939481" spans="14:14">
      <c r="N939481" s="10"/>
    </row>
    <row r="939482" spans="14:14">
      <c r="N939482" s="10"/>
    </row>
    <row r="939483" spans="14:14">
      <c r="N939483" s="10"/>
    </row>
    <row r="939484" spans="14:14">
      <c r="N939484" s="10"/>
    </row>
    <row r="939485" spans="14:14">
      <c r="N939485" s="10"/>
    </row>
    <row r="939486" spans="14:14">
      <c r="N939486" s="10"/>
    </row>
    <row r="939487" spans="14:14">
      <c r="N939487" s="10"/>
    </row>
    <row r="939488" spans="14:14">
      <c r="N939488" s="10"/>
    </row>
    <row r="939489" spans="14:14">
      <c r="N939489" s="10"/>
    </row>
    <row r="939490" spans="14:14">
      <c r="N939490" s="10"/>
    </row>
    <row r="939491" spans="14:14">
      <c r="N939491" s="10"/>
    </row>
    <row r="939492" spans="14:14">
      <c r="N939492" s="10"/>
    </row>
    <row r="939493" spans="14:14">
      <c r="N939493" s="10"/>
    </row>
    <row r="939494" spans="14:14">
      <c r="N939494" s="10"/>
    </row>
    <row r="939495" spans="14:14">
      <c r="N939495" s="10"/>
    </row>
    <row r="939496" spans="14:14">
      <c r="N939496" s="10"/>
    </row>
    <row r="939497" spans="14:14">
      <c r="N939497" s="10"/>
    </row>
    <row r="939498" spans="14:14">
      <c r="N939498" s="10"/>
    </row>
    <row r="939499" spans="14:14">
      <c r="N939499" s="10"/>
    </row>
    <row r="939500" spans="14:14">
      <c r="N939500" s="10"/>
    </row>
    <row r="939501" spans="14:14">
      <c r="N939501" s="10"/>
    </row>
    <row r="939502" spans="14:14">
      <c r="N939502" s="10"/>
    </row>
    <row r="939503" spans="14:14">
      <c r="N939503" s="10"/>
    </row>
    <row r="939504" spans="14:14">
      <c r="N939504" s="10"/>
    </row>
    <row r="939505" spans="14:14">
      <c r="N939505" s="10"/>
    </row>
    <row r="939506" spans="14:14">
      <c r="N939506" s="10"/>
    </row>
    <row r="939507" spans="14:14">
      <c r="N939507" s="10"/>
    </row>
    <row r="939508" spans="14:14">
      <c r="N939508" s="10"/>
    </row>
    <row r="939509" spans="14:14">
      <c r="N939509" s="10"/>
    </row>
    <row r="939510" spans="14:14">
      <c r="N939510" s="10"/>
    </row>
    <row r="939511" spans="14:14">
      <c r="N939511" s="10"/>
    </row>
    <row r="939512" spans="14:14">
      <c r="N939512" s="10"/>
    </row>
    <row r="939513" spans="14:14">
      <c r="N939513" s="10"/>
    </row>
    <row r="939514" spans="14:14">
      <c r="N939514" s="10"/>
    </row>
    <row r="939515" spans="14:14">
      <c r="N939515" s="10"/>
    </row>
    <row r="939516" spans="14:14">
      <c r="N939516" s="10"/>
    </row>
    <row r="939517" spans="14:14">
      <c r="N939517" s="10"/>
    </row>
    <row r="939518" spans="14:14">
      <c r="N939518" s="10"/>
    </row>
    <row r="939519" spans="14:14">
      <c r="N939519" s="10"/>
    </row>
    <row r="939520" spans="14:14">
      <c r="N939520" s="10"/>
    </row>
    <row r="939521" spans="14:14">
      <c r="N939521" s="10"/>
    </row>
    <row r="939522" spans="14:14">
      <c r="N939522" s="10"/>
    </row>
    <row r="939523" spans="14:14">
      <c r="N939523" s="10"/>
    </row>
    <row r="939524" spans="14:14">
      <c r="N939524" s="10"/>
    </row>
    <row r="939525" spans="14:14">
      <c r="N939525" s="10"/>
    </row>
    <row r="939526" spans="14:14">
      <c r="N939526" s="10"/>
    </row>
    <row r="939527" spans="14:14">
      <c r="N939527" s="10"/>
    </row>
    <row r="939528" spans="14:14">
      <c r="N939528" s="10"/>
    </row>
    <row r="939529" spans="14:14">
      <c r="N939529" s="10"/>
    </row>
    <row r="939530" spans="14:14">
      <c r="N939530" s="10"/>
    </row>
    <row r="939531" spans="14:14">
      <c r="N939531" s="10"/>
    </row>
    <row r="939532" spans="14:14">
      <c r="N939532" s="10"/>
    </row>
    <row r="939533" spans="14:14">
      <c r="N939533" s="10"/>
    </row>
    <row r="939534" spans="14:14">
      <c r="N939534" s="10"/>
    </row>
    <row r="939535" spans="14:14">
      <c r="N939535" s="10"/>
    </row>
    <row r="939536" spans="14:14">
      <c r="N939536" s="10"/>
    </row>
    <row r="939537" spans="14:14">
      <c r="N939537" s="10"/>
    </row>
    <row r="939538" spans="14:14">
      <c r="N939538" s="10"/>
    </row>
    <row r="939539" spans="14:14">
      <c r="N939539" s="10"/>
    </row>
    <row r="939540" spans="14:14">
      <c r="N939540" s="10"/>
    </row>
    <row r="939541" spans="14:14">
      <c r="N939541" s="10"/>
    </row>
    <row r="939542" spans="14:14">
      <c r="N939542" s="10"/>
    </row>
    <row r="939543" spans="14:14">
      <c r="N939543" s="10"/>
    </row>
    <row r="939544" spans="14:14">
      <c r="N939544" s="10"/>
    </row>
    <row r="939545" spans="14:14">
      <c r="N939545" s="10"/>
    </row>
    <row r="939546" spans="14:14">
      <c r="N939546" s="10"/>
    </row>
    <row r="939547" spans="14:14">
      <c r="N939547" s="10"/>
    </row>
    <row r="939548" spans="14:14">
      <c r="N939548" s="10"/>
    </row>
    <row r="939549" spans="14:14">
      <c r="N939549" s="10"/>
    </row>
    <row r="939550" spans="14:14">
      <c r="N939550" s="10"/>
    </row>
    <row r="939551" spans="14:14">
      <c r="N939551" s="10"/>
    </row>
    <row r="939552" spans="14:14">
      <c r="N939552" s="10"/>
    </row>
    <row r="939553" spans="14:14">
      <c r="N939553" s="10"/>
    </row>
    <row r="939554" spans="14:14">
      <c r="N939554" s="10"/>
    </row>
    <row r="939555" spans="14:14">
      <c r="N939555" s="10"/>
    </row>
    <row r="939556" spans="14:14">
      <c r="N939556" s="10"/>
    </row>
    <row r="939557" spans="14:14">
      <c r="N939557" s="10"/>
    </row>
    <row r="939558" spans="14:14">
      <c r="N939558" s="10"/>
    </row>
    <row r="939559" spans="14:14">
      <c r="N939559" s="10"/>
    </row>
    <row r="939560" spans="14:14">
      <c r="N939560" s="10"/>
    </row>
    <row r="939561" spans="14:14">
      <c r="N939561" s="10"/>
    </row>
    <row r="939562" spans="14:14">
      <c r="N939562" s="10"/>
    </row>
    <row r="939563" spans="14:14">
      <c r="N939563" s="10"/>
    </row>
    <row r="939564" spans="14:14">
      <c r="N939564" s="10"/>
    </row>
    <row r="939565" spans="14:14">
      <c r="N939565" s="10"/>
    </row>
    <row r="939566" spans="14:14">
      <c r="N939566" s="10"/>
    </row>
    <row r="939567" spans="14:14">
      <c r="N939567" s="10"/>
    </row>
    <row r="939568" spans="14:14">
      <c r="N939568" s="10"/>
    </row>
    <row r="939569" spans="14:14">
      <c r="N939569" s="10"/>
    </row>
    <row r="939570" spans="14:14">
      <c r="N939570" s="10"/>
    </row>
    <row r="939571" spans="14:14">
      <c r="N939571" s="10"/>
    </row>
    <row r="939572" spans="14:14">
      <c r="N939572" s="10"/>
    </row>
    <row r="939573" spans="14:14">
      <c r="N939573" s="10"/>
    </row>
    <row r="939574" spans="14:14">
      <c r="N939574" s="10"/>
    </row>
    <row r="939575" spans="14:14">
      <c r="N939575" s="10"/>
    </row>
    <row r="939576" spans="14:14">
      <c r="N939576" s="10"/>
    </row>
    <row r="939577" spans="14:14">
      <c r="N939577" s="10"/>
    </row>
    <row r="939578" spans="14:14">
      <c r="N939578" s="10"/>
    </row>
    <row r="939579" spans="14:14">
      <c r="N939579" s="10"/>
    </row>
    <row r="939580" spans="14:14">
      <c r="N939580" s="10"/>
    </row>
    <row r="939581" spans="14:14">
      <c r="N939581" s="10"/>
    </row>
    <row r="939582" spans="14:14">
      <c r="N939582" s="10"/>
    </row>
    <row r="939583" spans="14:14">
      <c r="N939583" s="10"/>
    </row>
    <row r="939584" spans="14:14">
      <c r="N939584" s="10"/>
    </row>
    <row r="939585" spans="14:14">
      <c r="N939585" s="10"/>
    </row>
    <row r="939586" spans="14:14">
      <c r="N939586" s="10"/>
    </row>
    <row r="939587" spans="14:14">
      <c r="N939587" s="10"/>
    </row>
    <row r="939588" spans="14:14">
      <c r="N939588" s="10"/>
    </row>
    <row r="939589" spans="14:14">
      <c r="N939589" s="10"/>
    </row>
    <row r="939590" spans="14:14">
      <c r="N939590" s="10"/>
    </row>
    <row r="939591" spans="14:14">
      <c r="N939591" s="10"/>
    </row>
    <row r="939592" spans="14:14">
      <c r="N939592" s="10"/>
    </row>
    <row r="939593" spans="14:14">
      <c r="N939593" s="10"/>
    </row>
    <row r="939594" spans="14:14">
      <c r="N939594" s="10"/>
    </row>
    <row r="939595" spans="14:14">
      <c r="N939595" s="10"/>
    </row>
    <row r="939596" spans="14:14">
      <c r="N939596" s="10"/>
    </row>
    <row r="939597" spans="14:14">
      <c r="N939597" s="10"/>
    </row>
    <row r="939598" spans="14:14">
      <c r="N939598" s="10"/>
    </row>
    <row r="939599" spans="14:14">
      <c r="N939599" s="10"/>
    </row>
    <row r="939600" spans="14:14">
      <c r="N939600" s="10"/>
    </row>
    <row r="939601" spans="14:14">
      <c r="N939601" s="10"/>
    </row>
    <row r="939602" spans="14:14">
      <c r="N939602" s="10"/>
    </row>
    <row r="939603" spans="14:14">
      <c r="N939603" s="10"/>
    </row>
    <row r="939604" spans="14:14">
      <c r="N939604" s="10"/>
    </row>
    <row r="939605" spans="14:14">
      <c r="N939605" s="10"/>
    </row>
    <row r="939606" spans="14:14">
      <c r="N939606" s="10"/>
    </row>
    <row r="939607" spans="14:14">
      <c r="N939607" s="10"/>
    </row>
    <row r="939608" spans="14:14">
      <c r="N939608" s="10"/>
    </row>
    <row r="939609" spans="14:14">
      <c r="N939609" s="10"/>
    </row>
    <row r="939610" spans="14:14">
      <c r="N939610" s="10"/>
    </row>
    <row r="939611" spans="14:14">
      <c r="N939611" s="10"/>
    </row>
    <row r="939612" spans="14:14">
      <c r="N939612" s="10"/>
    </row>
    <row r="939613" spans="14:14">
      <c r="N939613" s="10"/>
    </row>
    <row r="939614" spans="14:14">
      <c r="N939614" s="10"/>
    </row>
    <row r="939615" spans="14:14">
      <c r="N939615" s="10"/>
    </row>
    <row r="939616" spans="14:14">
      <c r="N939616" s="10"/>
    </row>
    <row r="939617" spans="14:14">
      <c r="N939617" s="10"/>
    </row>
    <row r="939618" spans="14:14">
      <c r="N939618" s="10"/>
    </row>
    <row r="939619" spans="14:14">
      <c r="N939619" s="10"/>
    </row>
    <row r="939620" spans="14:14">
      <c r="N939620" s="10"/>
    </row>
    <row r="939621" spans="14:14">
      <c r="N939621" s="10"/>
    </row>
    <row r="939622" spans="14:14">
      <c r="N939622" s="10"/>
    </row>
    <row r="939623" spans="14:14">
      <c r="N939623" s="10"/>
    </row>
    <row r="939624" spans="14:14">
      <c r="N939624" s="10"/>
    </row>
    <row r="939625" spans="14:14">
      <c r="N939625" s="10"/>
    </row>
    <row r="939626" spans="14:14">
      <c r="N939626" s="10"/>
    </row>
    <row r="939627" spans="14:14">
      <c r="N939627" s="10"/>
    </row>
    <row r="939628" spans="14:14">
      <c r="N939628" s="10"/>
    </row>
    <row r="939629" spans="14:14">
      <c r="N939629" s="10"/>
    </row>
    <row r="939630" spans="14:14">
      <c r="N939630" s="10"/>
    </row>
    <row r="939631" spans="14:14">
      <c r="N939631" s="10"/>
    </row>
    <row r="939632" spans="14:14">
      <c r="N939632" s="10"/>
    </row>
    <row r="939633" spans="14:14">
      <c r="N939633" s="10"/>
    </row>
    <row r="939634" spans="14:14">
      <c r="N939634" s="10"/>
    </row>
    <row r="939635" spans="14:14">
      <c r="N939635" s="10"/>
    </row>
    <row r="939636" spans="14:14">
      <c r="N939636" s="10"/>
    </row>
    <row r="939637" spans="14:14">
      <c r="N939637" s="10"/>
    </row>
    <row r="939638" spans="14:14">
      <c r="N939638" s="10"/>
    </row>
    <row r="939639" spans="14:14">
      <c r="N939639" s="10"/>
    </row>
    <row r="939640" spans="14:14">
      <c r="N939640" s="10"/>
    </row>
    <row r="939641" spans="14:14">
      <c r="N939641" s="10"/>
    </row>
    <row r="939642" spans="14:14">
      <c r="N939642" s="10"/>
    </row>
    <row r="939643" spans="14:14">
      <c r="N939643" s="10"/>
    </row>
    <row r="939644" spans="14:14">
      <c r="N939644" s="10"/>
    </row>
    <row r="939645" spans="14:14">
      <c r="N939645" s="10"/>
    </row>
    <row r="939646" spans="14:14">
      <c r="N939646" s="10"/>
    </row>
    <row r="939647" spans="14:14">
      <c r="N939647" s="10"/>
    </row>
    <row r="939648" spans="14:14">
      <c r="N939648" s="10"/>
    </row>
    <row r="939649" spans="14:14">
      <c r="N939649" s="10"/>
    </row>
    <row r="939650" spans="14:14">
      <c r="N939650" s="10"/>
    </row>
    <row r="939651" spans="14:14">
      <c r="N939651" s="10"/>
    </row>
    <row r="939652" spans="14:14">
      <c r="N939652" s="10"/>
    </row>
    <row r="939653" spans="14:14">
      <c r="N939653" s="10"/>
    </row>
    <row r="939654" spans="14:14">
      <c r="N939654" s="10"/>
    </row>
    <row r="939655" spans="14:14">
      <c r="N939655" s="10"/>
    </row>
    <row r="939656" spans="14:14">
      <c r="N939656" s="10"/>
    </row>
    <row r="939657" spans="14:14">
      <c r="N939657" s="10"/>
    </row>
    <row r="939658" spans="14:14">
      <c r="N939658" s="10"/>
    </row>
    <row r="939659" spans="14:14">
      <c r="N939659" s="10"/>
    </row>
    <row r="939660" spans="14:14">
      <c r="N939660" s="10"/>
    </row>
    <row r="939661" spans="14:14">
      <c r="N939661" s="10"/>
    </row>
    <row r="939662" spans="14:14">
      <c r="N939662" s="10"/>
    </row>
    <row r="939663" spans="14:14">
      <c r="N939663" s="10"/>
    </row>
    <row r="939664" spans="14:14">
      <c r="N939664" s="10"/>
    </row>
    <row r="939665" spans="14:14">
      <c r="N939665" s="10"/>
    </row>
    <row r="939666" spans="14:14">
      <c r="N939666" s="10"/>
    </row>
    <row r="939667" spans="14:14">
      <c r="N939667" s="10"/>
    </row>
    <row r="939668" spans="14:14">
      <c r="N939668" s="10"/>
    </row>
    <row r="939669" spans="14:14">
      <c r="N939669" s="10"/>
    </row>
    <row r="939670" spans="14:14">
      <c r="N939670" s="10"/>
    </row>
    <row r="939671" spans="14:14">
      <c r="N939671" s="10"/>
    </row>
    <row r="939672" spans="14:14">
      <c r="N939672" s="10"/>
    </row>
    <row r="939673" spans="14:14">
      <c r="N939673" s="10"/>
    </row>
    <row r="939674" spans="14:14">
      <c r="N939674" s="10"/>
    </row>
    <row r="939675" spans="14:14">
      <c r="N939675" s="10"/>
    </row>
    <row r="939676" spans="14:14">
      <c r="N939676" s="10"/>
    </row>
    <row r="939677" spans="14:14">
      <c r="N939677" s="10"/>
    </row>
    <row r="939678" spans="14:14">
      <c r="N939678" s="10"/>
    </row>
    <row r="939679" spans="14:14">
      <c r="N939679" s="10"/>
    </row>
    <row r="939680" spans="14:14">
      <c r="N939680" s="10"/>
    </row>
    <row r="939681" spans="14:14">
      <c r="N939681" s="10"/>
    </row>
    <row r="939682" spans="14:14">
      <c r="N939682" s="10"/>
    </row>
    <row r="939683" spans="14:14">
      <c r="N939683" s="10"/>
    </row>
    <row r="939684" spans="14:14">
      <c r="N939684" s="10"/>
    </row>
    <row r="939685" spans="14:14">
      <c r="N939685" s="10"/>
    </row>
    <row r="939686" spans="14:14">
      <c r="N939686" s="10"/>
    </row>
    <row r="939687" spans="14:14">
      <c r="N939687" s="10"/>
    </row>
    <row r="939688" spans="14:14">
      <c r="N939688" s="10"/>
    </row>
    <row r="939689" spans="14:14">
      <c r="N939689" s="10"/>
    </row>
    <row r="939690" spans="14:14">
      <c r="N939690" s="10"/>
    </row>
    <row r="939691" spans="14:14">
      <c r="N939691" s="10"/>
    </row>
    <row r="939692" spans="14:14">
      <c r="N939692" s="10"/>
    </row>
    <row r="939693" spans="14:14">
      <c r="N939693" s="10"/>
    </row>
    <row r="939694" spans="14:14">
      <c r="N939694" s="10"/>
    </row>
    <row r="939695" spans="14:14">
      <c r="N939695" s="10"/>
    </row>
    <row r="939696" spans="14:14">
      <c r="N939696" s="10"/>
    </row>
    <row r="939697" spans="14:14">
      <c r="N939697" s="10"/>
    </row>
    <row r="939698" spans="14:14">
      <c r="N939698" s="10"/>
    </row>
    <row r="939699" spans="14:14">
      <c r="N939699" s="10"/>
    </row>
    <row r="939700" spans="14:14">
      <c r="N939700" s="10"/>
    </row>
    <row r="939701" spans="14:14">
      <c r="N939701" s="10"/>
    </row>
    <row r="939702" spans="14:14">
      <c r="N939702" s="10"/>
    </row>
    <row r="939703" spans="14:14">
      <c r="N939703" s="10"/>
    </row>
    <row r="939704" spans="14:14">
      <c r="N939704" s="10"/>
    </row>
    <row r="939705" spans="14:14">
      <c r="N939705" s="10"/>
    </row>
    <row r="939706" spans="14:14">
      <c r="N939706" s="10"/>
    </row>
    <row r="939707" spans="14:14">
      <c r="N939707" s="10"/>
    </row>
    <row r="939708" spans="14:14">
      <c r="N939708" s="10"/>
    </row>
    <row r="939709" spans="14:14">
      <c r="N939709" s="10"/>
    </row>
    <row r="939710" spans="14:14">
      <c r="N939710" s="10"/>
    </row>
    <row r="939711" spans="14:14">
      <c r="N939711" s="10"/>
    </row>
    <row r="939712" spans="14:14">
      <c r="N939712" s="10"/>
    </row>
    <row r="939713" spans="14:14">
      <c r="N939713" s="10"/>
    </row>
    <row r="939714" spans="14:14">
      <c r="N939714" s="10"/>
    </row>
    <row r="939715" spans="14:14">
      <c r="N939715" s="10"/>
    </row>
    <row r="939716" spans="14:14">
      <c r="N939716" s="10"/>
    </row>
    <row r="939717" spans="14:14">
      <c r="N939717" s="10"/>
    </row>
    <row r="939718" spans="14:14">
      <c r="N939718" s="10"/>
    </row>
    <row r="939719" spans="14:14">
      <c r="N939719" s="10"/>
    </row>
    <row r="939720" spans="14:14">
      <c r="N939720" s="10"/>
    </row>
    <row r="939721" spans="14:14">
      <c r="N939721" s="10"/>
    </row>
    <row r="939722" spans="14:14">
      <c r="N939722" s="10"/>
    </row>
    <row r="939723" spans="14:14">
      <c r="N939723" s="10"/>
    </row>
    <row r="939724" spans="14:14">
      <c r="N939724" s="10"/>
    </row>
    <row r="939725" spans="14:14">
      <c r="N939725" s="10"/>
    </row>
    <row r="939726" spans="14:14">
      <c r="N939726" s="10"/>
    </row>
    <row r="939727" spans="14:14">
      <c r="N939727" s="10"/>
    </row>
    <row r="939728" spans="14:14">
      <c r="N939728" s="10"/>
    </row>
    <row r="939729" spans="14:14">
      <c r="N939729" s="10"/>
    </row>
    <row r="939730" spans="14:14">
      <c r="N939730" s="10"/>
    </row>
    <row r="939731" spans="14:14">
      <c r="N939731" s="10"/>
    </row>
    <row r="939732" spans="14:14">
      <c r="N939732" s="10"/>
    </row>
    <row r="939733" spans="14:14">
      <c r="N939733" s="10"/>
    </row>
    <row r="939734" spans="14:14">
      <c r="N939734" s="10"/>
    </row>
    <row r="939735" spans="14:14">
      <c r="N939735" s="10"/>
    </row>
    <row r="939736" spans="14:14">
      <c r="N939736" s="10"/>
    </row>
    <row r="939737" spans="14:14">
      <c r="N939737" s="10"/>
    </row>
    <row r="939738" spans="14:14">
      <c r="N939738" s="10"/>
    </row>
    <row r="939739" spans="14:14">
      <c r="N939739" s="10"/>
    </row>
    <row r="939740" spans="14:14">
      <c r="N939740" s="10"/>
    </row>
    <row r="939741" spans="14:14">
      <c r="N939741" s="10"/>
    </row>
    <row r="939742" spans="14:14">
      <c r="N939742" s="10"/>
    </row>
    <row r="939743" spans="14:14">
      <c r="N939743" s="10"/>
    </row>
    <row r="939744" spans="14:14">
      <c r="N939744" s="10"/>
    </row>
    <row r="939745" spans="14:14">
      <c r="N939745" s="10"/>
    </row>
    <row r="939746" spans="14:14">
      <c r="N939746" s="10"/>
    </row>
    <row r="939747" spans="14:14">
      <c r="N939747" s="10"/>
    </row>
    <row r="939748" spans="14:14">
      <c r="N939748" s="10"/>
    </row>
    <row r="939749" spans="14:14">
      <c r="N939749" s="10"/>
    </row>
    <row r="939750" spans="14:14">
      <c r="N939750" s="10"/>
    </row>
    <row r="939751" spans="14:14">
      <c r="N939751" s="10"/>
    </row>
    <row r="939752" spans="14:14">
      <c r="N939752" s="10"/>
    </row>
    <row r="939753" spans="14:14">
      <c r="N939753" s="10"/>
    </row>
    <row r="939754" spans="14:14">
      <c r="N939754" s="10"/>
    </row>
    <row r="939755" spans="14:14">
      <c r="N939755" s="10"/>
    </row>
    <row r="939756" spans="14:14">
      <c r="N939756" s="10"/>
    </row>
    <row r="939757" spans="14:14">
      <c r="N939757" s="10"/>
    </row>
    <row r="939758" spans="14:14">
      <c r="N939758" s="10"/>
    </row>
    <row r="939759" spans="14:14">
      <c r="N939759" s="10"/>
    </row>
    <row r="939760" spans="14:14">
      <c r="N939760" s="10"/>
    </row>
    <row r="939761" spans="14:14">
      <c r="N939761" s="10"/>
    </row>
    <row r="939762" spans="14:14">
      <c r="N939762" s="10"/>
    </row>
    <row r="939763" spans="14:14">
      <c r="N939763" s="10"/>
    </row>
    <row r="939764" spans="14:14">
      <c r="N939764" s="10"/>
    </row>
    <row r="939765" spans="14:14">
      <c r="N939765" s="10"/>
    </row>
    <row r="939766" spans="14:14">
      <c r="N939766" s="10"/>
    </row>
    <row r="939767" spans="14:14">
      <c r="N939767" s="10"/>
    </row>
    <row r="939768" spans="14:14">
      <c r="N939768" s="10"/>
    </row>
    <row r="939769" spans="14:14">
      <c r="N939769" s="10"/>
    </row>
    <row r="939770" spans="14:14">
      <c r="N939770" s="10"/>
    </row>
    <row r="939771" spans="14:14">
      <c r="N939771" s="10"/>
    </row>
    <row r="939772" spans="14:14">
      <c r="N939772" s="10"/>
    </row>
    <row r="939773" spans="14:14">
      <c r="N939773" s="10"/>
    </row>
    <row r="939774" spans="14:14">
      <c r="N939774" s="10"/>
    </row>
    <row r="939775" spans="14:14">
      <c r="N939775" s="10"/>
    </row>
    <row r="939776" spans="14:14">
      <c r="N939776" s="10"/>
    </row>
    <row r="939777" spans="14:14">
      <c r="N939777" s="10"/>
    </row>
    <row r="939778" spans="14:14">
      <c r="N939778" s="10"/>
    </row>
    <row r="939779" spans="14:14">
      <c r="N939779" s="10"/>
    </row>
    <row r="939780" spans="14:14">
      <c r="N939780" s="10"/>
    </row>
    <row r="939781" spans="14:14">
      <c r="N939781" s="10"/>
    </row>
    <row r="939782" spans="14:14">
      <c r="N939782" s="10"/>
    </row>
    <row r="939783" spans="14:14">
      <c r="N939783" s="10"/>
    </row>
    <row r="939784" spans="14:14">
      <c r="N939784" s="10"/>
    </row>
    <row r="939785" spans="14:14">
      <c r="N939785" s="10"/>
    </row>
    <row r="939786" spans="14:14">
      <c r="N939786" s="10"/>
    </row>
    <row r="939787" spans="14:14">
      <c r="N939787" s="10"/>
    </row>
    <row r="939788" spans="14:14">
      <c r="N939788" s="10"/>
    </row>
    <row r="939789" spans="14:14">
      <c r="N939789" s="10"/>
    </row>
    <row r="939790" spans="14:14">
      <c r="N939790" s="10"/>
    </row>
    <row r="939791" spans="14:14">
      <c r="N939791" s="10"/>
    </row>
    <row r="939792" spans="14:14">
      <c r="N939792" s="10"/>
    </row>
    <row r="939793" spans="14:14">
      <c r="N939793" s="10"/>
    </row>
    <row r="939794" spans="14:14">
      <c r="N939794" s="10"/>
    </row>
    <row r="939795" spans="14:14">
      <c r="N939795" s="10"/>
    </row>
    <row r="939796" spans="14:14">
      <c r="N939796" s="10"/>
    </row>
    <row r="939797" spans="14:14">
      <c r="N939797" s="10"/>
    </row>
    <row r="939798" spans="14:14">
      <c r="N939798" s="10"/>
    </row>
    <row r="939799" spans="14:14">
      <c r="N939799" s="10"/>
    </row>
    <row r="939800" spans="14:14">
      <c r="N939800" s="10"/>
    </row>
    <row r="939801" spans="14:14">
      <c r="N939801" s="10"/>
    </row>
    <row r="939802" spans="14:14">
      <c r="N939802" s="10"/>
    </row>
    <row r="939803" spans="14:14">
      <c r="N939803" s="10"/>
    </row>
    <row r="939804" spans="14:14">
      <c r="N939804" s="10"/>
    </row>
    <row r="939805" spans="14:14">
      <c r="N939805" s="10"/>
    </row>
    <row r="939806" spans="14:14">
      <c r="N939806" s="10"/>
    </row>
    <row r="939807" spans="14:14">
      <c r="N939807" s="10"/>
    </row>
    <row r="939808" spans="14:14">
      <c r="N939808" s="10"/>
    </row>
    <row r="939809" spans="14:14">
      <c r="N939809" s="10"/>
    </row>
    <row r="939810" spans="14:14">
      <c r="N939810" s="10"/>
    </row>
    <row r="939811" spans="14:14">
      <c r="N939811" s="10"/>
    </row>
    <row r="939812" spans="14:14">
      <c r="N939812" s="10"/>
    </row>
    <row r="939813" spans="14:14">
      <c r="N939813" s="10"/>
    </row>
    <row r="939814" spans="14:14">
      <c r="N939814" s="10"/>
    </row>
    <row r="939815" spans="14:14">
      <c r="N939815" s="10"/>
    </row>
    <row r="939816" spans="14:14">
      <c r="N939816" s="10"/>
    </row>
    <row r="939817" spans="14:14">
      <c r="N939817" s="10"/>
    </row>
    <row r="939818" spans="14:14">
      <c r="N939818" s="10"/>
    </row>
    <row r="939819" spans="14:14">
      <c r="N939819" s="10"/>
    </row>
    <row r="939820" spans="14:14">
      <c r="N939820" s="10"/>
    </row>
    <row r="939821" spans="14:14">
      <c r="N939821" s="10"/>
    </row>
    <row r="939822" spans="14:14">
      <c r="N939822" s="10"/>
    </row>
    <row r="939823" spans="14:14">
      <c r="N939823" s="10"/>
    </row>
    <row r="939824" spans="14:14">
      <c r="N939824" s="10"/>
    </row>
    <row r="939825" spans="14:14">
      <c r="N939825" s="10"/>
    </row>
    <row r="939826" spans="14:14">
      <c r="N939826" s="10"/>
    </row>
    <row r="939827" spans="14:14">
      <c r="N939827" s="10"/>
    </row>
    <row r="939828" spans="14:14">
      <c r="N939828" s="10"/>
    </row>
    <row r="939829" spans="14:14">
      <c r="N939829" s="10"/>
    </row>
    <row r="939830" spans="14:14">
      <c r="N939830" s="10"/>
    </row>
    <row r="939831" spans="14:14">
      <c r="N939831" s="10"/>
    </row>
    <row r="939832" spans="14:14">
      <c r="N939832" s="10"/>
    </row>
    <row r="939833" spans="14:14">
      <c r="N939833" s="10"/>
    </row>
    <row r="939834" spans="14:14">
      <c r="N939834" s="10"/>
    </row>
    <row r="939835" spans="14:14">
      <c r="N939835" s="10"/>
    </row>
    <row r="939836" spans="14:14">
      <c r="N939836" s="10"/>
    </row>
    <row r="939837" spans="14:14">
      <c r="N939837" s="10"/>
    </row>
    <row r="939838" spans="14:14">
      <c r="N939838" s="10"/>
    </row>
    <row r="939839" spans="14:14">
      <c r="N939839" s="10"/>
    </row>
    <row r="939840" spans="14:14">
      <c r="N939840" s="10"/>
    </row>
    <row r="939841" spans="14:14">
      <c r="N939841" s="10"/>
    </row>
    <row r="939842" spans="14:14">
      <c r="N939842" s="10"/>
    </row>
    <row r="939843" spans="14:14">
      <c r="N939843" s="10"/>
    </row>
    <row r="939844" spans="14:14">
      <c r="N939844" s="10"/>
    </row>
    <row r="939845" spans="14:14">
      <c r="N939845" s="10"/>
    </row>
    <row r="939846" spans="14:14">
      <c r="N939846" s="10"/>
    </row>
    <row r="939847" spans="14:14">
      <c r="N939847" s="10"/>
    </row>
    <row r="939848" spans="14:14">
      <c r="N939848" s="10"/>
    </row>
    <row r="939849" spans="14:14">
      <c r="N939849" s="10"/>
    </row>
    <row r="939850" spans="14:14">
      <c r="N939850" s="10"/>
    </row>
    <row r="939851" spans="14:14">
      <c r="N939851" s="10"/>
    </row>
    <row r="939852" spans="14:14">
      <c r="N939852" s="10"/>
    </row>
    <row r="939853" spans="14:14">
      <c r="N939853" s="10"/>
    </row>
    <row r="939854" spans="14:14">
      <c r="N939854" s="10"/>
    </row>
    <row r="939855" spans="14:14">
      <c r="N939855" s="10"/>
    </row>
    <row r="939856" spans="14:14">
      <c r="N939856" s="10"/>
    </row>
    <row r="939857" spans="14:14">
      <c r="N939857" s="10"/>
    </row>
    <row r="939858" spans="14:14">
      <c r="N939858" s="10"/>
    </row>
    <row r="939859" spans="14:14">
      <c r="N939859" s="10"/>
    </row>
    <row r="939860" spans="14:14">
      <c r="N939860" s="10"/>
    </row>
    <row r="939861" spans="14:14">
      <c r="N939861" s="10"/>
    </row>
    <row r="939862" spans="14:14">
      <c r="N939862" s="10"/>
    </row>
    <row r="939863" spans="14:14">
      <c r="N939863" s="10"/>
    </row>
    <row r="939864" spans="14:14">
      <c r="N939864" s="10"/>
    </row>
    <row r="939865" spans="14:14">
      <c r="N939865" s="10"/>
    </row>
    <row r="939866" spans="14:14">
      <c r="N939866" s="10"/>
    </row>
    <row r="939867" spans="14:14">
      <c r="N939867" s="10"/>
    </row>
    <row r="939868" spans="14:14">
      <c r="N939868" s="10"/>
    </row>
    <row r="939869" spans="14:14">
      <c r="N939869" s="10"/>
    </row>
    <row r="939870" spans="14:14">
      <c r="N939870" s="10"/>
    </row>
    <row r="939871" spans="14:14">
      <c r="N939871" s="10"/>
    </row>
    <row r="939872" spans="14:14">
      <c r="N939872" s="10"/>
    </row>
    <row r="939873" spans="14:14">
      <c r="N939873" s="10"/>
    </row>
    <row r="939874" spans="14:14">
      <c r="N939874" s="10"/>
    </row>
    <row r="939875" spans="14:14">
      <c r="N939875" s="10"/>
    </row>
    <row r="939876" spans="14:14">
      <c r="N939876" s="10"/>
    </row>
    <row r="939877" spans="14:14">
      <c r="N939877" s="10"/>
    </row>
    <row r="939878" spans="14:14">
      <c r="N939878" s="10"/>
    </row>
    <row r="939879" spans="14:14">
      <c r="N939879" s="10"/>
    </row>
    <row r="939880" spans="14:14">
      <c r="N939880" s="10"/>
    </row>
    <row r="939881" spans="14:14">
      <c r="N939881" s="10"/>
    </row>
    <row r="939882" spans="14:14">
      <c r="N939882" s="10"/>
    </row>
    <row r="939883" spans="14:14">
      <c r="N939883" s="10"/>
    </row>
    <row r="939884" spans="14:14">
      <c r="N939884" s="10"/>
    </row>
    <row r="939885" spans="14:14">
      <c r="N939885" s="10"/>
    </row>
    <row r="939886" spans="14:14">
      <c r="N939886" s="10"/>
    </row>
    <row r="939887" spans="14:14">
      <c r="N939887" s="10"/>
    </row>
    <row r="939888" spans="14:14">
      <c r="N939888" s="10"/>
    </row>
    <row r="939889" spans="14:14">
      <c r="N939889" s="10"/>
    </row>
    <row r="939890" spans="14:14">
      <c r="N939890" s="10"/>
    </row>
    <row r="939891" spans="14:14">
      <c r="N939891" s="10"/>
    </row>
    <row r="939892" spans="14:14">
      <c r="N939892" s="10"/>
    </row>
    <row r="939893" spans="14:14">
      <c r="N939893" s="10"/>
    </row>
    <row r="939894" spans="14:14">
      <c r="N939894" s="10"/>
    </row>
    <row r="939895" spans="14:14">
      <c r="N939895" s="10"/>
    </row>
    <row r="939896" spans="14:14">
      <c r="N939896" s="10"/>
    </row>
    <row r="939897" spans="14:14">
      <c r="N939897" s="10"/>
    </row>
    <row r="939898" spans="14:14">
      <c r="N939898" s="10"/>
    </row>
    <row r="939899" spans="14:14">
      <c r="N939899" s="10"/>
    </row>
    <row r="939900" spans="14:14">
      <c r="N939900" s="10"/>
    </row>
    <row r="939901" spans="14:14">
      <c r="N939901" s="10"/>
    </row>
    <row r="939902" spans="14:14">
      <c r="N939902" s="10"/>
    </row>
    <row r="939903" spans="14:14">
      <c r="N939903" s="10"/>
    </row>
    <row r="939904" spans="14:14">
      <c r="N939904" s="10"/>
    </row>
    <row r="939905" spans="14:14">
      <c r="N939905" s="10"/>
    </row>
    <row r="939906" spans="14:14">
      <c r="N939906" s="10"/>
    </row>
    <row r="939907" spans="14:14">
      <c r="N939907" s="10"/>
    </row>
    <row r="939908" spans="14:14">
      <c r="N939908" s="10"/>
    </row>
    <row r="939909" spans="14:14">
      <c r="N939909" s="10"/>
    </row>
    <row r="939910" spans="14:14">
      <c r="N939910" s="10"/>
    </row>
    <row r="939911" spans="14:14">
      <c r="N939911" s="10"/>
    </row>
    <row r="939912" spans="14:14">
      <c r="N939912" s="10"/>
    </row>
    <row r="939913" spans="14:14">
      <c r="N939913" s="10"/>
    </row>
    <row r="939914" spans="14:14">
      <c r="N939914" s="10"/>
    </row>
    <row r="939915" spans="14:14">
      <c r="N939915" s="10"/>
    </row>
    <row r="939916" spans="14:14">
      <c r="N939916" s="10"/>
    </row>
    <row r="939917" spans="14:14">
      <c r="N939917" s="10"/>
    </row>
    <row r="939918" spans="14:14">
      <c r="N939918" s="10"/>
    </row>
    <row r="939919" spans="14:14">
      <c r="N939919" s="10"/>
    </row>
    <row r="939920" spans="14:14">
      <c r="N939920" s="10"/>
    </row>
    <row r="939921" spans="14:14">
      <c r="N939921" s="10"/>
    </row>
    <row r="939922" spans="14:14">
      <c r="N939922" s="10"/>
    </row>
    <row r="939923" spans="14:14">
      <c r="N939923" s="10"/>
    </row>
    <row r="939924" spans="14:14">
      <c r="N939924" s="10"/>
    </row>
    <row r="939925" spans="14:14">
      <c r="N939925" s="10"/>
    </row>
    <row r="939926" spans="14:14">
      <c r="N939926" s="10"/>
    </row>
    <row r="939927" spans="14:14">
      <c r="N939927" s="10"/>
    </row>
    <row r="939928" spans="14:14">
      <c r="N939928" s="10"/>
    </row>
    <row r="939929" spans="14:14">
      <c r="N939929" s="10"/>
    </row>
    <row r="939930" spans="14:14">
      <c r="N939930" s="10"/>
    </row>
    <row r="939931" spans="14:14">
      <c r="N939931" s="10"/>
    </row>
    <row r="939932" spans="14:14">
      <c r="N939932" s="10"/>
    </row>
    <row r="939933" spans="14:14">
      <c r="N939933" s="10"/>
    </row>
    <row r="939934" spans="14:14">
      <c r="N939934" s="10"/>
    </row>
    <row r="939935" spans="14:14">
      <c r="N939935" s="10"/>
    </row>
    <row r="939936" spans="14:14">
      <c r="N939936" s="10"/>
    </row>
    <row r="939937" spans="14:14">
      <c r="N939937" s="10"/>
    </row>
    <row r="939938" spans="14:14">
      <c r="N939938" s="10"/>
    </row>
    <row r="939939" spans="14:14">
      <c r="N939939" s="10"/>
    </row>
    <row r="939940" spans="14:14">
      <c r="N939940" s="10"/>
    </row>
    <row r="939941" spans="14:14">
      <c r="N939941" s="10"/>
    </row>
    <row r="939942" spans="14:14">
      <c r="N939942" s="10"/>
    </row>
    <row r="939943" spans="14:14">
      <c r="N939943" s="10"/>
    </row>
    <row r="939944" spans="14:14">
      <c r="N939944" s="10"/>
    </row>
    <row r="939945" spans="14:14">
      <c r="N939945" s="10"/>
    </row>
    <row r="939946" spans="14:14">
      <c r="N939946" s="10"/>
    </row>
    <row r="939947" spans="14:14">
      <c r="N939947" s="10"/>
    </row>
    <row r="939948" spans="14:14">
      <c r="N939948" s="10"/>
    </row>
    <row r="939949" spans="14:14">
      <c r="N939949" s="10"/>
    </row>
    <row r="939950" spans="14:14">
      <c r="N939950" s="10"/>
    </row>
    <row r="939951" spans="14:14">
      <c r="N939951" s="10"/>
    </row>
    <row r="939952" spans="14:14">
      <c r="N939952" s="10"/>
    </row>
    <row r="939953" spans="14:14">
      <c r="N939953" s="10"/>
    </row>
    <row r="939954" spans="14:14">
      <c r="N939954" s="10"/>
    </row>
    <row r="939955" spans="14:14">
      <c r="N939955" s="10"/>
    </row>
    <row r="939956" spans="14:14">
      <c r="N939956" s="10"/>
    </row>
    <row r="939957" spans="14:14">
      <c r="N939957" s="10"/>
    </row>
    <row r="939958" spans="14:14">
      <c r="N939958" s="10"/>
    </row>
    <row r="939959" spans="14:14">
      <c r="N939959" s="10"/>
    </row>
    <row r="939960" spans="14:14">
      <c r="N939960" s="10"/>
    </row>
    <row r="939961" spans="14:14">
      <c r="N939961" s="10"/>
    </row>
    <row r="939962" spans="14:14">
      <c r="N939962" s="10"/>
    </row>
    <row r="939963" spans="14:14">
      <c r="N939963" s="10"/>
    </row>
    <row r="939964" spans="14:14">
      <c r="N939964" s="10"/>
    </row>
    <row r="939965" spans="14:14">
      <c r="N939965" s="10"/>
    </row>
    <row r="939966" spans="14:14">
      <c r="N939966" s="10"/>
    </row>
    <row r="939967" spans="14:14">
      <c r="N939967" s="10"/>
    </row>
    <row r="939968" spans="14:14">
      <c r="N939968" s="10"/>
    </row>
    <row r="939969" spans="14:14">
      <c r="N939969" s="10"/>
    </row>
    <row r="939970" spans="14:14">
      <c r="N939970" s="10"/>
    </row>
    <row r="939971" spans="14:14">
      <c r="N939971" s="10"/>
    </row>
    <row r="939972" spans="14:14">
      <c r="N939972" s="10"/>
    </row>
    <row r="939973" spans="14:14">
      <c r="N939973" s="10"/>
    </row>
    <row r="939974" spans="14:14">
      <c r="N939974" s="10"/>
    </row>
    <row r="939975" spans="14:14">
      <c r="N939975" s="10"/>
    </row>
    <row r="939976" spans="14:14">
      <c r="N939976" s="10"/>
    </row>
    <row r="939977" spans="14:14">
      <c r="N939977" s="10"/>
    </row>
    <row r="939978" spans="14:14">
      <c r="N939978" s="10"/>
    </row>
    <row r="939979" spans="14:14">
      <c r="N939979" s="10"/>
    </row>
    <row r="939980" spans="14:14">
      <c r="N939980" s="10"/>
    </row>
    <row r="939981" spans="14:14">
      <c r="N939981" s="10"/>
    </row>
    <row r="939982" spans="14:14">
      <c r="N939982" s="10"/>
    </row>
    <row r="939983" spans="14:14">
      <c r="N939983" s="10"/>
    </row>
    <row r="939984" spans="14:14">
      <c r="N939984" s="10"/>
    </row>
    <row r="939985" spans="14:14">
      <c r="N939985" s="10"/>
    </row>
    <row r="939986" spans="14:14">
      <c r="N939986" s="10"/>
    </row>
    <row r="939987" spans="14:14">
      <c r="N939987" s="10"/>
    </row>
    <row r="939988" spans="14:14">
      <c r="N939988" s="10"/>
    </row>
    <row r="939989" spans="14:14">
      <c r="N939989" s="10"/>
    </row>
    <row r="939990" spans="14:14">
      <c r="N939990" s="10"/>
    </row>
    <row r="939991" spans="14:14">
      <c r="N939991" s="10"/>
    </row>
    <row r="939992" spans="14:14">
      <c r="N939992" s="10"/>
    </row>
    <row r="939993" spans="14:14">
      <c r="N939993" s="10"/>
    </row>
    <row r="939994" spans="14:14">
      <c r="N939994" s="10"/>
    </row>
    <row r="939995" spans="14:14">
      <c r="N939995" s="10"/>
    </row>
    <row r="939996" spans="14:14">
      <c r="N939996" s="10"/>
    </row>
    <row r="939997" spans="14:14">
      <c r="N939997" s="10"/>
    </row>
    <row r="939998" spans="14:14">
      <c r="N939998" s="10"/>
    </row>
    <row r="939999" spans="14:14">
      <c r="N939999" s="10"/>
    </row>
    <row r="940000" spans="14:14">
      <c r="N940000" s="10"/>
    </row>
    <row r="940001" spans="14:14">
      <c r="N940001" s="10"/>
    </row>
    <row r="940002" spans="14:14">
      <c r="N940002" s="10"/>
    </row>
    <row r="940003" spans="14:14">
      <c r="N940003" s="10"/>
    </row>
    <row r="940004" spans="14:14">
      <c r="N940004" s="10"/>
    </row>
    <row r="940005" spans="14:14">
      <c r="N940005" s="10"/>
    </row>
    <row r="940006" spans="14:14">
      <c r="N940006" s="10"/>
    </row>
    <row r="940007" spans="14:14">
      <c r="N940007" s="10"/>
    </row>
    <row r="940008" spans="14:14">
      <c r="N940008" s="10"/>
    </row>
    <row r="940009" spans="14:14">
      <c r="N940009" s="10"/>
    </row>
    <row r="940010" spans="14:14">
      <c r="N940010" s="10"/>
    </row>
    <row r="940011" spans="14:14">
      <c r="N940011" s="10"/>
    </row>
    <row r="940012" spans="14:14">
      <c r="N940012" s="10"/>
    </row>
    <row r="940013" spans="14:14">
      <c r="N940013" s="10"/>
    </row>
    <row r="940014" spans="14:14">
      <c r="N940014" s="10"/>
    </row>
    <row r="940015" spans="14:14">
      <c r="N940015" s="10"/>
    </row>
    <row r="940016" spans="14:14">
      <c r="N940016" s="10"/>
    </row>
    <row r="940017" spans="14:14">
      <c r="N940017" s="10"/>
    </row>
    <row r="940018" spans="14:14">
      <c r="N940018" s="10"/>
    </row>
    <row r="940019" spans="14:14">
      <c r="N940019" s="10"/>
    </row>
    <row r="940020" spans="14:14">
      <c r="N940020" s="10"/>
    </row>
    <row r="940021" spans="14:14">
      <c r="N940021" s="10"/>
    </row>
    <row r="940022" spans="14:14">
      <c r="N940022" s="10"/>
    </row>
    <row r="940023" spans="14:14">
      <c r="N940023" s="10"/>
    </row>
    <row r="940024" spans="14:14">
      <c r="N940024" s="10"/>
    </row>
    <row r="940025" spans="14:14">
      <c r="N940025" s="10"/>
    </row>
    <row r="940026" spans="14:14">
      <c r="N940026" s="10"/>
    </row>
    <row r="940027" spans="14:14">
      <c r="N940027" s="10"/>
    </row>
    <row r="940028" spans="14:14">
      <c r="N940028" s="10"/>
    </row>
    <row r="940029" spans="14:14">
      <c r="N940029" s="10"/>
    </row>
    <row r="940030" spans="14:14">
      <c r="N940030" s="10"/>
    </row>
    <row r="940031" spans="14:14">
      <c r="N940031" s="10"/>
    </row>
    <row r="940032" spans="14:14">
      <c r="N940032" s="10"/>
    </row>
    <row r="940033" spans="14:14">
      <c r="N940033" s="10"/>
    </row>
    <row r="940034" spans="14:14">
      <c r="N940034" s="10"/>
    </row>
    <row r="940035" spans="14:14">
      <c r="N940035" s="10"/>
    </row>
    <row r="940036" spans="14:14">
      <c r="N940036" s="10"/>
    </row>
    <row r="940037" spans="14:14">
      <c r="N940037" s="10"/>
    </row>
    <row r="940038" spans="14:14">
      <c r="N940038" s="10"/>
    </row>
    <row r="940039" spans="14:14">
      <c r="N940039" s="10"/>
    </row>
    <row r="940040" spans="14:14">
      <c r="N940040" s="10"/>
    </row>
    <row r="940041" spans="14:14">
      <c r="N940041" s="10"/>
    </row>
    <row r="940042" spans="14:14">
      <c r="N940042" s="10"/>
    </row>
    <row r="940043" spans="14:14">
      <c r="N940043" s="10"/>
    </row>
    <row r="940044" spans="14:14">
      <c r="N940044" s="10"/>
    </row>
    <row r="940045" spans="14:14">
      <c r="N940045" s="10"/>
    </row>
    <row r="940046" spans="14:14">
      <c r="N940046" s="10"/>
    </row>
    <row r="940047" spans="14:14">
      <c r="N940047" s="10"/>
    </row>
    <row r="940048" spans="14:14">
      <c r="N940048" s="10"/>
    </row>
    <row r="940049" spans="14:14">
      <c r="N940049" s="10"/>
    </row>
    <row r="940050" spans="14:14">
      <c r="N940050" s="10"/>
    </row>
    <row r="940051" spans="14:14">
      <c r="N940051" s="10"/>
    </row>
    <row r="940052" spans="14:14">
      <c r="N940052" s="10"/>
    </row>
    <row r="940053" spans="14:14">
      <c r="N940053" s="10"/>
    </row>
    <row r="940054" spans="14:14">
      <c r="N940054" s="10"/>
    </row>
    <row r="940055" spans="14:14">
      <c r="N940055" s="10"/>
    </row>
    <row r="940056" spans="14:14">
      <c r="N940056" s="10"/>
    </row>
    <row r="940057" spans="14:14">
      <c r="N940057" s="10"/>
    </row>
    <row r="940058" spans="14:14">
      <c r="N940058" s="10"/>
    </row>
    <row r="940059" spans="14:14">
      <c r="N940059" s="10"/>
    </row>
    <row r="940060" spans="14:14">
      <c r="N940060" s="10"/>
    </row>
    <row r="940061" spans="14:14">
      <c r="N940061" s="10"/>
    </row>
    <row r="940062" spans="14:14">
      <c r="N940062" s="10"/>
    </row>
    <row r="940063" spans="14:14">
      <c r="N940063" s="10"/>
    </row>
    <row r="940064" spans="14:14">
      <c r="N940064" s="10"/>
    </row>
    <row r="940065" spans="14:14">
      <c r="N940065" s="10"/>
    </row>
    <row r="940066" spans="14:14">
      <c r="N940066" s="10"/>
    </row>
    <row r="940067" spans="14:14">
      <c r="N940067" s="10"/>
    </row>
    <row r="940068" spans="14:14">
      <c r="N940068" s="10"/>
    </row>
    <row r="940069" spans="14:14">
      <c r="N940069" s="10"/>
    </row>
    <row r="940070" spans="14:14">
      <c r="N940070" s="10"/>
    </row>
    <row r="940071" spans="14:14">
      <c r="N940071" s="10"/>
    </row>
    <row r="940072" spans="14:14">
      <c r="N940072" s="10"/>
    </row>
    <row r="940073" spans="14:14">
      <c r="N940073" s="10"/>
    </row>
    <row r="940074" spans="14:14">
      <c r="N940074" s="10"/>
    </row>
    <row r="940075" spans="14:14">
      <c r="N940075" s="10"/>
    </row>
    <row r="940076" spans="14:14">
      <c r="N940076" s="10"/>
    </row>
    <row r="940077" spans="14:14">
      <c r="N940077" s="10"/>
    </row>
    <row r="940078" spans="14:14">
      <c r="N940078" s="10"/>
    </row>
    <row r="940079" spans="14:14">
      <c r="N940079" s="10"/>
    </row>
    <row r="940080" spans="14:14">
      <c r="N940080" s="10"/>
    </row>
    <row r="940081" spans="14:14">
      <c r="N940081" s="10"/>
    </row>
    <row r="940082" spans="14:14">
      <c r="N940082" s="10"/>
    </row>
    <row r="940083" spans="14:14">
      <c r="N940083" s="10"/>
    </row>
    <row r="940084" spans="14:14">
      <c r="N940084" s="10"/>
    </row>
    <row r="940085" spans="14:14">
      <c r="N940085" s="10"/>
    </row>
    <row r="940086" spans="14:14">
      <c r="N940086" s="10"/>
    </row>
    <row r="940087" spans="14:14">
      <c r="N940087" s="10"/>
    </row>
    <row r="940088" spans="14:14">
      <c r="N940088" s="10"/>
    </row>
    <row r="940089" spans="14:14">
      <c r="N940089" s="10"/>
    </row>
    <row r="940090" spans="14:14">
      <c r="N940090" s="10"/>
    </row>
    <row r="940091" spans="14:14">
      <c r="N940091" s="10"/>
    </row>
    <row r="940092" spans="14:14">
      <c r="N940092" s="10"/>
    </row>
    <row r="940093" spans="14:14">
      <c r="N940093" s="10"/>
    </row>
    <row r="940094" spans="14:14">
      <c r="N940094" s="10"/>
    </row>
    <row r="940095" spans="14:14">
      <c r="N940095" s="10"/>
    </row>
    <row r="940096" spans="14:14">
      <c r="N940096" s="10"/>
    </row>
    <row r="940097" spans="14:14">
      <c r="N940097" s="10"/>
    </row>
    <row r="940098" spans="14:14">
      <c r="N940098" s="10"/>
    </row>
    <row r="940099" spans="14:14">
      <c r="N940099" s="10"/>
    </row>
    <row r="940100" spans="14:14">
      <c r="N940100" s="10"/>
    </row>
    <row r="940101" spans="14:14">
      <c r="N940101" s="10"/>
    </row>
    <row r="940102" spans="14:14">
      <c r="N940102" s="10"/>
    </row>
    <row r="940103" spans="14:14">
      <c r="N940103" s="10"/>
    </row>
    <row r="940104" spans="14:14">
      <c r="N940104" s="10"/>
    </row>
    <row r="940105" spans="14:14">
      <c r="N940105" s="10"/>
    </row>
    <row r="940106" spans="14:14">
      <c r="N940106" s="10"/>
    </row>
    <row r="940107" spans="14:14">
      <c r="N940107" s="10"/>
    </row>
    <row r="940108" spans="14:14">
      <c r="N940108" s="10"/>
    </row>
    <row r="940109" spans="14:14">
      <c r="N940109" s="10"/>
    </row>
    <row r="940110" spans="14:14">
      <c r="N940110" s="10"/>
    </row>
    <row r="940111" spans="14:14">
      <c r="N940111" s="10"/>
    </row>
    <row r="940112" spans="14:14">
      <c r="N940112" s="10"/>
    </row>
    <row r="940113" spans="14:14">
      <c r="N940113" s="10"/>
    </row>
    <row r="940114" spans="14:14">
      <c r="N940114" s="10"/>
    </row>
    <row r="940115" spans="14:14">
      <c r="N940115" s="10"/>
    </row>
    <row r="940116" spans="14:14">
      <c r="N940116" s="10"/>
    </row>
    <row r="940117" spans="14:14">
      <c r="N940117" s="10"/>
    </row>
    <row r="940118" spans="14:14">
      <c r="N940118" s="10"/>
    </row>
    <row r="940119" spans="14:14">
      <c r="N940119" s="10"/>
    </row>
    <row r="940120" spans="14:14">
      <c r="N940120" s="10"/>
    </row>
    <row r="940121" spans="14:14">
      <c r="N940121" s="10"/>
    </row>
    <row r="940122" spans="14:14">
      <c r="N940122" s="10"/>
    </row>
    <row r="940123" spans="14:14">
      <c r="N940123" s="10"/>
    </row>
    <row r="940124" spans="14:14">
      <c r="N940124" s="10"/>
    </row>
    <row r="940125" spans="14:14">
      <c r="N940125" s="10"/>
    </row>
    <row r="940126" spans="14:14">
      <c r="N940126" s="10"/>
    </row>
    <row r="940127" spans="14:14">
      <c r="N940127" s="10"/>
    </row>
    <row r="940128" spans="14:14">
      <c r="N940128" s="10"/>
    </row>
    <row r="940129" spans="14:14">
      <c r="N940129" s="10"/>
    </row>
    <row r="940130" spans="14:14">
      <c r="N940130" s="10"/>
    </row>
    <row r="940131" spans="14:14">
      <c r="N940131" s="10"/>
    </row>
    <row r="940132" spans="14:14">
      <c r="N940132" s="10"/>
    </row>
    <row r="940133" spans="14:14">
      <c r="N940133" s="10"/>
    </row>
    <row r="940134" spans="14:14">
      <c r="N940134" s="10"/>
    </row>
    <row r="940135" spans="14:14">
      <c r="N940135" s="10"/>
    </row>
    <row r="940136" spans="14:14">
      <c r="N940136" s="10"/>
    </row>
    <row r="940137" spans="14:14">
      <c r="N940137" s="10"/>
    </row>
    <row r="940138" spans="14:14">
      <c r="N940138" s="10"/>
    </row>
    <row r="940139" spans="14:14">
      <c r="N940139" s="10"/>
    </row>
    <row r="940140" spans="14:14">
      <c r="N940140" s="10"/>
    </row>
    <row r="940141" spans="14:14">
      <c r="N940141" s="10"/>
    </row>
    <row r="940142" spans="14:14">
      <c r="N940142" s="10"/>
    </row>
    <row r="940143" spans="14:14">
      <c r="N940143" s="10"/>
    </row>
    <row r="940144" spans="14:14">
      <c r="N940144" s="10"/>
    </row>
    <row r="940145" spans="14:14">
      <c r="N940145" s="10"/>
    </row>
    <row r="940146" spans="14:14">
      <c r="N940146" s="10"/>
    </row>
    <row r="940147" spans="14:14">
      <c r="N940147" s="10"/>
    </row>
    <row r="940148" spans="14:14">
      <c r="N940148" s="10"/>
    </row>
    <row r="940149" spans="14:14">
      <c r="N940149" s="10"/>
    </row>
    <row r="940150" spans="14:14">
      <c r="N940150" s="10"/>
    </row>
    <row r="940151" spans="14:14">
      <c r="N940151" s="10"/>
    </row>
    <row r="940152" spans="14:14">
      <c r="N940152" s="10"/>
    </row>
    <row r="940153" spans="14:14">
      <c r="N940153" s="10"/>
    </row>
    <row r="940154" spans="14:14">
      <c r="N940154" s="10"/>
    </row>
    <row r="940155" spans="14:14">
      <c r="N940155" s="10"/>
    </row>
    <row r="940156" spans="14:14">
      <c r="N940156" s="10"/>
    </row>
    <row r="940157" spans="14:14">
      <c r="N940157" s="10"/>
    </row>
    <row r="940158" spans="14:14">
      <c r="N940158" s="10"/>
    </row>
    <row r="940159" spans="14:14">
      <c r="N940159" s="10"/>
    </row>
    <row r="940160" spans="14:14">
      <c r="N940160" s="10"/>
    </row>
    <row r="940161" spans="14:14">
      <c r="N940161" s="10"/>
    </row>
    <row r="940162" spans="14:14">
      <c r="N940162" s="10"/>
    </row>
    <row r="940163" spans="14:14">
      <c r="N940163" s="10"/>
    </row>
    <row r="940164" spans="14:14">
      <c r="N940164" s="10"/>
    </row>
    <row r="940165" spans="14:14">
      <c r="N940165" s="10"/>
    </row>
    <row r="940166" spans="14:14">
      <c r="N940166" s="10"/>
    </row>
    <row r="940167" spans="14:14">
      <c r="N940167" s="10"/>
    </row>
    <row r="940168" spans="14:14">
      <c r="N940168" s="10"/>
    </row>
    <row r="940169" spans="14:14">
      <c r="N940169" s="10"/>
    </row>
    <row r="940170" spans="14:14">
      <c r="N940170" s="10"/>
    </row>
    <row r="940171" spans="14:14">
      <c r="N940171" s="10"/>
    </row>
    <row r="940172" spans="14:14">
      <c r="N940172" s="10"/>
    </row>
    <row r="940173" spans="14:14">
      <c r="N940173" s="10"/>
    </row>
    <row r="940174" spans="14:14">
      <c r="N940174" s="10"/>
    </row>
    <row r="940175" spans="14:14">
      <c r="N940175" s="10"/>
    </row>
    <row r="940176" spans="14:14">
      <c r="N940176" s="10"/>
    </row>
    <row r="940177" spans="14:14">
      <c r="N940177" s="10"/>
    </row>
    <row r="940178" spans="14:14">
      <c r="N940178" s="10"/>
    </row>
    <row r="940179" spans="14:14">
      <c r="N940179" s="10"/>
    </row>
    <row r="940180" spans="14:14">
      <c r="N940180" s="10"/>
    </row>
    <row r="940181" spans="14:14">
      <c r="N940181" s="10"/>
    </row>
    <row r="940182" spans="14:14">
      <c r="N940182" s="10"/>
    </row>
    <row r="940183" spans="14:14">
      <c r="N940183" s="10"/>
    </row>
    <row r="940184" spans="14:14">
      <c r="N940184" s="10"/>
    </row>
    <row r="940185" spans="14:14">
      <c r="N940185" s="10"/>
    </row>
    <row r="940186" spans="14:14">
      <c r="N940186" s="10"/>
    </row>
    <row r="940187" spans="14:14">
      <c r="N940187" s="10"/>
    </row>
    <row r="940188" spans="14:14">
      <c r="N940188" s="10"/>
    </row>
    <row r="940189" spans="14:14">
      <c r="N940189" s="10"/>
    </row>
    <row r="940190" spans="14:14">
      <c r="N940190" s="10"/>
    </row>
    <row r="940191" spans="14:14">
      <c r="N940191" s="10"/>
    </row>
    <row r="940192" spans="14:14">
      <c r="N940192" s="10"/>
    </row>
    <row r="940193" spans="14:14">
      <c r="N940193" s="10"/>
    </row>
    <row r="940194" spans="14:14">
      <c r="N940194" s="10"/>
    </row>
    <row r="940195" spans="14:14">
      <c r="N940195" s="10"/>
    </row>
    <row r="940196" spans="14:14">
      <c r="N940196" s="10"/>
    </row>
    <row r="940197" spans="14:14">
      <c r="N940197" s="10"/>
    </row>
    <row r="940198" spans="14:14">
      <c r="N940198" s="10"/>
    </row>
    <row r="940199" spans="14:14">
      <c r="N940199" s="10"/>
    </row>
    <row r="940200" spans="14:14">
      <c r="N940200" s="10"/>
    </row>
    <row r="940201" spans="14:14">
      <c r="N940201" s="10"/>
    </row>
    <row r="940202" spans="14:14">
      <c r="N940202" s="10"/>
    </row>
    <row r="940203" spans="14:14">
      <c r="N940203" s="10"/>
    </row>
    <row r="940204" spans="14:14">
      <c r="N940204" s="10"/>
    </row>
    <row r="940205" spans="14:14">
      <c r="N940205" s="10"/>
    </row>
    <row r="940206" spans="14:14">
      <c r="N940206" s="10"/>
    </row>
    <row r="940207" spans="14:14">
      <c r="N940207" s="10"/>
    </row>
    <row r="940208" spans="14:14">
      <c r="N940208" s="10"/>
    </row>
    <row r="940209" spans="14:14">
      <c r="N940209" s="10"/>
    </row>
    <row r="940210" spans="14:14">
      <c r="N940210" s="10"/>
    </row>
    <row r="940211" spans="14:14">
      <c r="N940211" s="10"/>
    </row>
    <row r="940212" spans="14:14">
      <c r="N940212" s="10"/>
    </row>
    <row r="940213" spans="14:14">
      <c r="N940213" s="10"/>
    </row>
    <row r="940214" spans="14:14">
      <c r="N940214" s="10"/>
    </row>
    <row r="940215" spans="14:14">
      <c r="N940215" s="10"/>
    </row>
    <row r="940216" spans="14:14">
      <c r="N940216" s="10"/>
    </row>
    <row r="940217" spans="14:14">
      <c r="N940217" s="10"/>
    </row>
    <row r="940218" spans="14:14">
      <c r="N940218" s="10"/>
    </row>
    <row r="940219" spans="14:14">
      <c r="N940219" s="10"/>
    </row>
    <row r="940220" spans="14:14">
      <c r="N940220" s="10"/>
    </row>
    <row r="940221" spans="14:14">
      <c r="N940221" s="10"/>
    </row>
    <row r="940222" spans="14:14">
      <c r="N940222" s="10"/>
    </row>
    <row r="940223" spans="14:14">
      <c r="N940223" s="10"/>
    </row>
    <row r="940224" spans="14:14">
      <c r="N940224" s="10"/>
    </row>
    <row r="940225" spans="14:14">
      <c r="N940225" s="10"/>
    </row>
    <row r="940226" spans="14:14">
      <c r="N940226" s="10"/>
    </row>
    <row r="940227" spans="14:14">
      <c r="N940227" s="10"/>
    </row>
    <row r="940228" spans="14:14">
      <c r="N940228" s="10"/>
    </row>
    <row r="940229" spans="14:14">
      <c r="N940229" s="10"/>
    </row>
    <row r="940230" spans="14:14">
      <c r="N940230" s="10"/>
    </row>
    <row r="940231" spans="14:14">
      <c r="N940231" s="10"/>
    </row>
    <row r="940232" spans="14:14">
      <c r="N940232" s="10"/>
    </row>
    <row r="940233" spans="14:14">
      <c r="N940233" s="10"/>
    </row>
    <row r="940234" spans="14:14">
      <c r="N940234" s="10"/>
    </row>
    <row r="940235" spans="14:14">
      <c r="N940235" s="10"/>
    </row>
    <row r="940236" spans="14:14">
      <c r="N940236" s="10"/>
    </row>
    <row r="940237" spans="14:14">
      <c r="N940237" s="10"/>
    </row>
    <row r="940238" spans="14:14">
      <c r="N940238" s="10"/>
    </row>
    <row r="940239" spans="14:14">
      <c r="N940239" s="10"/>
    </row>
    <row r="940240" spans="14:14">
      <c r="N940240" s="10"/>
    </row>
    <row r="940241" spans="14:14">
      <c r="N940241" s="10"/>
    </row>
    <row r="940242" spans="14:14">
      <c r="N940242" s="10"/>
    </row>
    <row r="940243" spans="14:14">
      <c r="N940243" s="10"/>
    </row>
    <row r="940244" spans="14:14">
      <c r="N940244" s="10"/>
    </row>
    <row r="940245" spans="14:14">
      <c r="N940245" s="10"/>
    </row>
    <row r="940246" spans="14:14">
      <c r="N940246" s="10"/>
    </row>
    <row r="940247" spans="14:14">
      <c r="N940247" s="10"/>
    </row>
    <row r="940248" spans="14:14">
      <c r="N940248" s="10"/>
    </row>
    <row r="940249" spans="14:14">
      <c r="N940249" s="10"/>
    </row>
    <row r="940250" spans="14:14">
      <c r="N940250" s="10"/>
    </row>
    <row r="940251" spans="14:14">
      <c r="N940251" s="10"/>
    </row>
    <row r="940252" spans="14:14">
      <c r="N940252" s="10"/>
    </row>
    <row r="940253" spans="14:14">
      <c r="N940253" s="10"/>
    </row>
    <row r="940254" spans="14:14">
      <c r="N940254" s="10"/>
    </row>
    <row r="940255" spans="14:14">
      <c r="N940255" s="10"/>
    </row>
    <row r="940256" spans="14:14">
      <c r="N940256" s="10"/>
    </row>
    <row r="940257" spans="14:14">
      <c r="N940257" s="10"/>
    </row>
    <row r="940258" spans="14:14">
      <c r="N940258" s="10"/>
    </row>
    <row r="940259" spans="14:14">
      <c r="N940259" s="10"/>
    </row>
    <row r="940260" spans="14:14">
      <c r="N940260" s="10"/>
    </row>
    <row r="940261" spans="14:14">
      <c r="N940261" s="10"/>
    </row>
    <row r="940262" spans="14:14">
      <c r="N940262" s="10"/>
    </row>
    <row r="940263" spans="14:14">
      <c r="N940263" s="10"/>
    </row>
    <row r="940264" spans="14:14">
      <c r="N940264" s="10"/>
    </row>
    <row r="940265" spans="14:14">
      <c r="N940265" s="10"/>
    </row>
    <row r="940266" spans="14:14">
      <c r="N940266" s="10"/>
    </row>
    <row r="940267" spans="14:14">
      <c r="N940267" s="10"/>
    </row>
    <row r="940268" spans="14:14">
      <c r="N940268" s="10"/>
    </row>
    <row r="940269" spans="14:14">
      <c r="N940269" s="10"/>
    </row>
    <row r="940270" spans="14:14">
      <c r="N940270" s="10"/>
    </row>
    <row r="940271" spans="14:14">
      <c r="N940271" s="10"/>
    </row>
    <row r="940272" spans="14:14">
      <c r="N940272" s="10"/>
    </row>
    <row r="940273" spans="14:14">
      <c r="N940273" s="10"/>
    </row>
    <row r="940274" spans="14:14">
      <c r="N940274" s="10"/>
    </row>
    <row r="940275" spans="14:14">
      <c r="N940275" s="10"/>
    </row>
    <row r="940276" spans="14:14">
      <c r="N940276" s="10"/>
    </row>
    <row r="940277" spans="14:14">
      <c r="N940277" s="10"/>
    </row>
    <row r="940278" spans="14:14">
      <c r="N940278" s="10"/>
    </row>
    <row r="940279" spans="14:14">
      <c r="N940279" s="10"/>
    </row>
    <row r="940280" spans="14:14">
      <c r="N940280" s="10"/>
    </row>
    <row r="940281" spans="14:14">
      <c r="N940281" s="10"/>
    </row>
    <row r="940282" spans="14:14">
      <c r="N940282" s="10"/>
    </row>
    <row r="940283" spans="14:14">
      <c r="N940283" s="10"/>
    </row>
    <row r="940284" spans="14:14">
      <c r="N940284" s="10"/>
    </row>
    <row r="940285" spans="14:14">
      <c r="N940285" s="10"/>
    </row>
    <row r="940286" spans="14:14">
      <c r="N940286" s="10"/>
    </row>
    <row r="940287" spans="14:14">
      <c r="N940287" s="10"/>
    </row>
    <row r="940288" spans="14:14">
      <c r="N940288" s="10"/>
    </row>
    <row r="940289" spans="14:14">
      <c r="N940289" s="10"/>
    </row>
    <row r="940290" spans="14:14">
      <c r="N940290" s="10"/>
    </row>
    <row r="940291" spans="14:14">
      <c r="N940291" s="10"/>
    </row>
    <row r="940292" spans="14:14">
      <c r="N940292" s="10"/>
    </row>
    <row r="940293" spans="14:14">
      <c r="N940293" s="10"/>
    </row>
    <row r="940294" spans="14:14">
      <c r="N940294" s="10"/>
    </row>
    <row r="940295" spans="14:14">
      <c r="N940295" s="10"/>
    </row>
    <row r="940296" spans="14:14">
      <c r="N940296" s="10"/>
    </row>
    <row r="940297" spans="14:14">
      <c r="N940297" s="10"/>
    </row>
    <row r="940298" spans="14:14">
      <c r="N940298" s="10"/>
    </row>
    <row r="940299" spans="14:14">
      <c r="N940299" s="10"/>
    </row>
    <row r="940300" spans="14:14">
      <c r="N940300" s="10"/>
    </row>
    <row r="940301" spans="14:14">
      <c r="N940301" s="10"/>
    </row>
    <row r="940302" spans="14:14">
      <c r="N940302" s="10"/>
    </row>
    <row r="940303" spans="14:14">
      <c r="N940303" s="10"/>
    </row>
    <row r="940304" spans="14:14">
      <c r="N940304" s="10"/>
    </row>
    <row r="940305" spans="14:14">
      <c r="N940305" s="10"/>
    </row>
    <row r="940306" spans="14:14">
      <c r="N940306" s="10"/>
    </row>
    <row r="940307" spans="14:14">
      <c r="N940307" s="10"/>
    </row>
    <row r="940308" spans="14:14">
      <c r="N940308" s="10"/>
    </row>
    <row r="940309" spans="14:14">
      <c r="N940309" s="10"/>
    </row>
    <row r="940310" spans="14:14">
      <c r="N940310" s="10"/>
    </row>
    <row r="940311" spans="14:14">
      <c r="N940311" s="10"/>
    </row>
    <row r="940312" spans="14:14">
      <c r="N940312" s="10"/>
    </row>
    <row r="940313" spans="14:14">
      <c r="N940313" s="10"/>
    </row>
    <row r="940314" spans="14:14">
      <c r="N940314" s="10"/>
    </row>
    <row r="940315" spans="14:14">
      <c r="N940315" s="10"/>
    </row>
    <row r="940316" spans="14:14">
      <c r="N940316" s="10"/>
    </row>
    <row r="940317" spans="14:14">
      <c r="N940317" s="10"/>
    </row>
    <row r="940318" spans="14:14">
      <c r="N940318" s="10"/>
    </row>
    <row r="940319" spans="14:14">
      <c r="N940319" s="10"/>
    </row>
    <row r="940320" spans="14:14">
      <c r="N940320" s="10"/>
    </row>
    <row r="940321" spans="14:14">
      <c r="N940321" s="10"/>
    </row>
    <row r="940322" spans="14:14">
      <c r="N940322" s="10"/>
    </row>
    <row r="940323" spans="14:14">
      <c r="N940323" s="10"/>
    </row>
    <row r="940324" spans="14:14">
      <c r="N940324" s="10"/>
    </row>
    <row r="940325" spans="14:14">
      <c r="N940325" s="10"/>
    </row>
    <row r="940326" spans="14:14">
      <c r="N940326" s="10"/>
    </row>
    <row r="940327" spans="14:14">
      <c r="N940327" s="10"/>
    </row>
    <row r="940328" spans="14:14">
      <c r="N940328" s="10"/>
    </row>
    <row r="940329" spans="14:14">
      <c r="N940329" s="10"/>
    </row>
    <row r="940330" spans="14:14">
      <c r="N940330" s="10"/>
    </row>
    <row r="940331" spans="14:14">
      <c r="N940331" s="10"/>
    </row>
    <row r="940332" spans="14:14">
      <c r="N940332" s="10"/>
    </row>
    <row r="940333" spans="14:14">
      <c r="N940333" s="10"/>
    </row>
    <row r="940334" spans="14:14">
      <c r="N940334" s="10"/>
    </row>
    <row r="940335" spans="14:14">
      <c r="N940335" s="10"/>
    </row>
    <row r="940336" spans="14:14">
      <c r="N940336" s="10"/>
    </row>
    <row r="940337" spans="14:14">
      <c r="N940337" s="10"/>
    </row>
    <row r="940338" spans="14:14">
      <c r="N940338" s="10"/>
    </row>
    <row r="940339" spans="14:14">
      <c r="N940339" s="10"/>
    </row>
    <row r="940340" spans="14:14">
      <c r="N940340" s="10"/>
    </row>
    <row r="940341" spans="14:14">
      <c r="N940341" s="10"/>
    </row>
    <row r="940342" spans="14:14">
      <c r="N940342" s="10"/>
    </row>
    <row r="940343" spans="14:14">
      <c r="N940343" s="10"/>
    </row>
    <row r="940344" spans="14:14">
      <c r="N940344" s="10"/>
    </row>
    <row r="940345" spans="14:14">
      <c r="N940345" s="10"/>
    </row>
    <row r="940346" spans="14:14">
      <c r="N940346" s="10"/>
    </row>
    <row r="940347" spans="14:14">
      <c r="N940347" s="10"/>
    </row>
    <row r="940348" spans="14:14">
      <c r="N940348" s="10"/>
    </row>
    <row r="940349" spans="14:14">
      <c r="N940349" s="10"/>
    </row>
    <row r="940350" spans="14:14">
      <c r="N940350" s="10"/>
    </row>
    <row r="940351" spans="14:14">
      <c r="N940351" s="10"/>
    </row>
    <row r="940352" spans="14:14">
      <c r="N940352" s="10"/>
    </row>
    <row r="940353" spans="14:14">
      <c r="N940353" s="10"/>
    </row>
    <row r="940354" spans="14:14">
      <c r="N940354" s="10"/>
    </row>
    <row r="940355" spans="14:14">
      <c r="N940355" s="10"/>
    </row>
    <row r="940356" spans="14:14">
      <c r="N940356" s="10"/>
    </row>
    <row r="940357" spans="14:14">
      <c r="N940357" s="10"/>
    </row>
    <row r="940358" spans="14:14">
      <c r="N940358" s="10"/>
    </row>
    <row r="940359" spans="14:14">
      <c r="N940359" s="10"/>
    </row>
    <row r="940360" spans="14:14">
      <c r="N940360" s="10"/>
    </row>
    <row r="940361" spans="14:14">
      <c r="N940361" s="10"/>
    </row>
    <row r="940362" spans="14:14">
      <c r="N940362" s="10"/>
    </row>
    <row r="940363" spans="14:14">
      <c r="N940363" s="10"/>
    </row>
    <row r="940364" spans="14:14">
      <c r="N940364" s="10"/>
    </row>
    <row r="940365" spans="14:14">
      <c r="N940365" s="10"/>
    </row>
    <row r="940366" spans="14:14">
      <c r="N940366" s="10"/>
    </row>
    <row r="940367" spans="14:14">
      <c r="N940367" s="10"/>
    </row>
    <row r="940368" spans="14:14">
      <c r="N940368" s="10"/>
    </row>
    <row r="940369" spans="14:14">
      <c r="N940369" s="10"/>
    </row>
    <row r="940370" spans="14:14">
      <c r="N940370" s="10"/>
    </row>
    <row r="940371" spans="14:14">
      <c r="N940371" s="10"/>
    </row>
    <row r="940372" spans="14:14">
      <c r="N940372" s="10"/>
    </row>
    <row r="940373" spans="14:14">
      <c r="N940373" s="10"/>
    </row>
    <row r="940374" spans="14:14">
      <c r="N940374" s="10"/>
    </row>
    <row r="940375" spans="14:14">
      <c r="N940375" s="10"/>
    </row>
    <row r="940376" spans="14:14">
      <c r="N940376" s="10"/>
    </row>
    <row r="940377" spans="14:14">
      <c r="N940377" s="10"/>
    </row>
    <row r="940378" spans="14:14">
      <c r="N940378" s="10"/>
    </row>
    <row r="940379" spans="14:14">
      <c r="N940379" s="10"/>
    </row>
    <row r="940380" spans="14:14">
      <c r="N940380" s="10"/>
    </row>
    <row r="940381" spans="14:14">
      <c r="N940381" s="10"/>
    </row>
    <row r="940382" spans="14:14">
      <c r="N940382" s="10"/>
    </row>
    <row r="940383" spans="14:14">
      <c r="N940383" s="10"/>
    </row>
    <row r="940384" spans="14:14">
      <c r="N940384" s="10"/>
    </row>
    <row r="940385" spans="14:14">
      <c r="N940385" s="10"/>
    </row>
    <row r="940386" spans="14:14">
      <c r="N940386" s="10"/>
    </row>
    <row r="940387" spans="14:14">
      <c r="N940387" s="10"/>
    </row>
    <row r="940388" spans="14:14">
      <c r="N940388" s="10"/>
    </row>
    <row r="940389" spans="14:14">
      <c r="N940389" s="10"/>
    </row>
    <row r="940390" spans="14:14">
      <c r="N940390" s="10"/>
    </row>
    <row r="940391" spans="14:14">
      <c r="N940391" s="10"/>
    </row>
    <row r="940392" spans="14:14">
      <c r="N940392" s="10"/>
    </row>
    <row r="940393" spans="14:14">
      <c r="N940393" s="10"/>
    </row>
    <row r="940394" spans="14:14">
      <c r="N940394" s="10"/>
    </row>
    <row r="940395" spans="14:14">
      <c r="N940395" s="10"/>
    </row>
    <row r="940396" spans="14:14">
      <c r="N940396" s="10"/>
    </row>
    <row r="940397" spans="14:14">
      <c r="N940397" s="10"/>
    </row>
    <row r="940398" spans="14:14">
      <c r="N940398" s="10"/>
    </row>
    <row r="940399" spans="14:14">
      <c r="N940399" s="10"/>
    </row>
    <row r="940400" spans="14:14">
      <c r="N940400" s="10"/>
    </row>
    <row r="940401" spans="14:14">
      <c r="N940401" s="10"/>
    </row>
    <row r="940402" spans="14:14">
      <c r="N940402" s="10"/>
    </row>
    <row r="940403" spans="14:14">
      <c r="N940403" s="10"/>
    </row>
    <row r="940404" spans="14:14">
      <c r="N940404" s="10"/>
    </row>
    <row r="940405" spans="14:14">
      <c r="N940405" s="10"/>
    </row>
    <row r="940406" spans="14:14">
      <c r="N940406" s="10"/>
    </row>
    <row r="940407" spans="14:14">
      <c r="N940407" s="10"/>
    </row>
    <row r="940408" spans="14:14">
      <c r="N940408" s="10"/>
    </row>
    <row r="940409" spans="14:14">
      <c r="N940409" s="10"/>
    </row>
    <row r="940410" spans="14:14">
      <c r="N940410" s="10"/>
    </row>
    <row r="940411" spans="14:14">
      <c r="N940411" s="10"/>
    </row>
    <row r="940412" spans="14:14">
      <c r="N940412" s="10"/>
    </row>
    <row r="940413" spans="14:14">
      <c r="N940413" s="10"/>
    </row>
    <row r="940414" spans="14:14">
      <c r="N940414" s="10"/>
    </row>
    <row r="940415" spans="14:14">
      <c r="N940415" s="10"/>
    </row>
    <row r="940416" spans="14:14">
      <c r="N940416" s="10"/>
    </row>
    <row r="940417" spans="14:14">
      <c r="N940417" s="10"/>
    </row>
    <row r="940418" spans="14:14">
      <c r="N940418" s="10"/>
    </row>
    <row r="940419" spans="14:14">
      <c r="N940419" s="10"/>
    </row>
    <row r="940420" spans="14:14">
      <c r="N940420" s="10"/>
    </row>
    <row r="940421" spans="14:14">
      <c r="N940421" s="10"/>
    </row>
    <row r="940422" spans="14:14">
      <c r="N940422" s="10"/>
    </row>
    <row r="940423" spans="14:14">
      <c r="N940423" s="10"/>
    </row>
    <row r="940424" spans="14:14">
      <c r="N940424" s="10"/>
    </row>
    <row r="940425" spans="14:14">
      <c r="N940425" s="10"/>
    </row>
    <row r="940426" spans="14:14">
      <c r="N940426" s="10"/>
    </row>
    <row r="940427" spans="14:14">
      <c r="N940427" s="10"/>
    </row>
    <row r="940428" spans="14:14">
      <c r="N940428" s="10"/>
    </row>
    <row r="940429" spans="14:14">
      <c r="N940429" s="10"/>
    </row>
    <row r="940430" spans="14:14">
      <c r="N940430" s="10"/>
    </row>
    <row r="940431" spans="14:14">
      <c r="N940431" s="10"/>
    </row>
    <row r="940432" spans="14:14">
      <c r="N940432" s="10"/>
    </row>
    <row r="940433" spans="14:14">
      <c r="N940433" s="10"/>
    </row>
    <row r="940434" spans="14:14">
      <c r="N940434" s="10"/>
    </row>
    <row r="940435" spans="14:14">
      <c r="N940435" s="10"/>
    </row>
    <row r="940436" spans="14:14">
      <c r="N940436" s="10"/>
    </row>
    <row r="940437" spans="14:14">
      <c r="N940437" s="10"/>
    </row>
    <row r="940438" spans="14:14">
      <c r="N940438" s="10"/>
    </row>
    <row r="940439" spans="14:14">
      <c r="N940439" s="10"/>
    </row>
    <row r="940440" spans="14:14">
      <c r="N940440" s="10"/>
    </row>
    <row r="940441" spans="14:14">
      <c r="N940441" s="10"/>
    </row>
    <row r="940442" spans="14:14">
      <c r="N940442" s="10"/>
    </row>
    <row r="940443" spans="14:14">
      <c r="N940443" s="10"/>
    </row>
    <row r="940444" spans="14:14">
      <c r="N940444" s="10"/>
    </row>
    <row r="940445" spans="14:14">
      <c r="N940445" s="10"/>
    </row>
    <row r="940446" spans="14:14">
      <c r="N940446" s="10"/>
    </row>
    <row r="940447" spans="14:14">
      <c r="N940447" s="10"/>
    </row>
    <row r="940448" spans="14:14">
      <c r="N940448" s="10"/>
    </row>
    <row r="940449" spans="14:14">
      <c r="N940449" s="10"/>
    </row>
    <row r="940450" spans="14:14">
      <c r="N940450" s="10"/>
    </row>
    <row r="940451" spans="14:14">
      <c r="N940451" s="10"/>
    </row>
    <row r="940452" spans="14:14">
      <c r="N940452" s="10"/>
    </row>
    <row r="940453" spans="14:14">
      <c r="N940453" s="10"/>
    </row>
    <row r="940454" spans="14:14">
      <c r="N940454" s="10"/>
    </row>
    <row r="940455" spans="14:14">
      <c r="N940455" s="10"/>
    </row>
    <row r="940456" spans="14:14">
      <c r="N940456" s="10"/>
    </row>
    <row r="940457" spans="14:14">
      <c r="N940457" s="10"/>
    </row>
    <row r="940458" spans="14:14">
      <c r="N940458" s="10"/>
    </row>
    <row r="940459" spans="14:14">
      <c r="N940459" s="10"/>
    </row>
    <row r="940460" spans="14:14">
      <c r="N940460" s="10"/>
    </row>
    <row r="940461" spans="14:14">
      <c r="N940461" s="10"/>
    </row>
    <row r="940462" spans="14:14">
      <c r="N940462" s="10"/>
    </row>
    <row r="940463" spans="14:14">
      <c r="N940463" s="10"/>
    </row>
    <row r="940464" spans="14:14">
      <c r="N940464" s="10"/>
    </row>
    <row r="940465" spans="14:14">
      <c r="N940465" s="10"/>
    </row>
    <row r="940466" spans="14:14">
      <c r="N940466" s="10"/>
    </row>
    <row r="940467" spans="14:14">
      <c r="N940467" s="10"/>
    </row>
    <row r="940468" spans="14:14">
      <c r="N940468" s="10"/>
    </row>
    <row r="940469" spans="14:14">
      <c r="N940469" s="10"/>
    </row>
    <row r="940470" spans="14:14">
      <c r="N940470" s="10"/>
    </row>
    <row r="940471" spans="14:14">
      <c r="N940471" s="10"/>
    </row>
    <row r="940472" spans="14:14">
      <c r="N940472" s="10"/>
    </row>
    <row r="940473" spans="14:14">
      <c r="N940473" s="10"/>
    </row>
    <row r="940474" spans="14:14">
      <c r="N940474" s="10"/>
    </row>
    <row r="940475" spans="14:14">
      <c r="N940475" s="10"/>
    </row>
    <row r="940476" spans="14:14">
      <c r="N940476" s="10"/>
    </row>
    <row r="940477" spans="14:14">
      <c r="N940477" s="10"/>
    </row>
    <row r="940478" spans="14:14">
      <c r="N940478" s="10"/>
    </row>
    <row r="940479" spans="14:14">
      <c r="N940479" s="10"/>
    </row>
    <row r="940480" spans="14:14">
      <c r="N940480" s="10"/>
    </row>
    <row r="940481" spans="14:14">
      <c r="N940481" s="10"/>
    </row>
    <row r="940482" spans="14:14">
      <c r="N940482" s="10"/>
    </row>
    <row r="940483" spans="14:14">
      <c r="N940483" s="10"/>
    </row>
    <row r="940484" spans="14:14">
      <c r="N940484" s="10"/>
    </row>
    <row r="940485" spans="14:14">
      <c r="N940485" s="10"/>
    </row>
    <row r="940486" spans="14:14">
      <c r="N940486" s="10"/>
    </row>
    <row r="940487" spans="14:14">
      <c r="N940487" s="10"/>
    </row>
    <row r="940488" spans="14:14">
      <c r="N940488" s="10"/>
    </row>
    <row r="940489" spans="14:14">
      <c r="N940489" s="10"/>
    </row>
    <row r="940490" spans="14:14">
      <c r="N940490" s="10"/>
    </row>
    <row r="940491" spans="14:14">
      <c r="N940491" s="10"/>
    </row>
    <row r="940492" spans="14:14">
      <c r="N940492" s="10"/>
    </row>
    <row r="940493" spans="14:14">
      <c r="N940493" s="10"/>
    </row>
    <row r="940494" spans="14:14">
      <c r="N940494" s="10"/>
    </row>
    <row r="940495" spans="14:14">
      <c r="N940495" s="10"/>
    </row>
    <row r="940496" spans="14:14">
      <c r="N940496" s="10"/>
    </row>
    <row r="940497" spans="14:14">
      <c r="N940497" s="10"/>
    </row>
    <row r="940498" spans="14:14">
      <c r="N940498" s="10"/>
    </row>
    <row r="940499" spans="14:14">
      <c r="N940499" s="10"/>
    </row>
    <row r="940500" spans="14:14">
      <c r="N940500" s="10"/>
    </row>
    <row r="940501" spans="14:14">
      <c r="N940501" s="10"/>
    </row>
    <row r="940502" spans="14:14">
      <c r="N940502" s="10"/>
    </row>
    <row r="940503" spans="14:14">
      <c r="N940503" s="10"/>
    </row>
    <row r="940504" spans="14:14">
      <c r="N940504" s="10"/>
    </row>
    <row r="940505" spans="14:14">
      <c r="N940505" s="10"/>
    </row>
    <row r="940506" spans="14:14">
      <c r="N940506" s="10"/>
    </row>
    <row r="940507" spans="14:14">
      <c r="N940507" s="10"/>
    </row>
    <row r="940508" spans="14:14">
      <c r="N940508" s="10"/>
    </row>
    <row r="940509" spans="14:14">
      <c r="N940509" s="10"/>
    </row>
    <row r="940510" spans="14:14">
      <c r="N940510" s="10"/>
    </row>
    <row r="940511" spans="14:14">
      <c r="N940511" s="10"/>
    </row>
    <row r="940512" spans="14:14">
      <c r="N940512" s="10"/>
    </row>
    <row r="940513" spans="14:14">
      <c r="N940513" s="10"/>
    </row>
    <row r="940514" spans="14:14">
      <c r="N940514" s="10"/>
    </row>
    <row r="940515" spans="14:14">
      <c r="N940515" s="10"/>
    </row>
    <row r="940516" spans="14:14">
      <c r="N940516" s="10"/>
    </row>
    <row r="940517" spans="14:14">
      <c r="N940517" s="10"/>
    </row>
    <row r="940518" spans="14:14">
      <c r="N940518" s="10"/>
    </row>
    <row r="940519" spans="14:14">
      <c r="N940519" s="10"/>
    </row>
    <row r="940520" spans="14:14">
      <c r="N940520" s="10"/>
    </row>
    <row r="940521" spans="14:14">
      <c r="N940521" s="10"/>
    </row>
    <row r="940522" spans="14:14">
      <c r="N940522" s="10"/>
    </row>
    <row r="940523" spans="14:14">
      <c r="N940523" s="10"/>
    </row>
    <row r="940524" spans="14:14">
      <c r="N940524" s="10"/>
    </row>
    <row r="940525" spans="14:14">
      <c r="N940525" s="10"/>
    </row>
    <row r="940526" spans="14:14">
      <c r="N940526" s="10"/>
    </row>
    <row r="940527" spans="14:14">
      <c r="N940527" s="10"/>
    </row>
    <row r="940528" spans="14:14">
      <c r="N940528" s="10"/>
    </row>
    <row r="940529" spans="14:14">
      <c r="N940529" s="10"/>
    </row>
    <row r="940530" spans="14:14">
      <c r="N940530" s="10"/>
    </row>
    <row r="940531" spans="14:14">
      <c r="N940531" s="10"/>
    </row>
    <row r="940532" spans="14:14">
      <c r="N940532" s="10"/>
    </row>
    <row r="940533" spans="14:14">
      <c r="N940533" s="10"/>
    </row>
    <row r="940534" spans="14:14">
      <c r="N940534" s="10"/>
    </row>
    <row r="940535" spans="14:14">
      <c r="N940535" s="10"/>
    </row>
    <row r="940536" spans="14:14">
      <c r="N940536" s="10"/>
    </row>
    <row r="940537" spans="14:14">
      <c r="N940537" s="10"/>
    </row>
    <row r="940538" spans="14:14">
      <c r="N940538" s="10"/>
    </row>
    <row r="940539" spans="14:14">
      <c r="N940539" s="10"/>
    </row>
    <row r="940540" spans="14:14">
      <c r="N940540" s="10"/>
    </row>
    <row r="940541" spans="14:14">
      <c r="N940541" s="10"/>
    </row>
    <row r="940542" spans="14:14">
      <c r="N940542" s="10"/>
    </row>
    <row r="940543" spans="14:14">
      <c r="N940543" s="10"/>
    </row>
    <row r="940544" spans="14:14">
      <c r="N940544" s="10"/>
    </row>
    <row r="940545" spans="14:14">
      <c r="N940545" s="10"/>
    </row>
    <row r="940546" spans="14:14">
      <c r="N940546" s="10"/>
    </row>
    <row r="940547" spans="14:14">
      <c r="N940547" s="10"/>
    </row>
    <row r="940548" spans="14:14">
      <c r="N940548" s="10"/>
    </row>
    <row r="940549" spans="14:14">
      <c r="N940549" s="10"/>
    </row>
    <row r="940550" spans="14:14">
      <c r="N940550" s="10"/>
    </row>
    <row r="940551" spans="14:14">
      <c r="N940551" s="10"/>
    </row>
    <row r="940552" spans="14:14">
      <c r="N940552" s="10"/>
    </row>
    <row r="940553" spans="14:14">
      <c r="N940553" s="10"/>
    </row>
    <row r="940554" spans="14:14">
      <c r="N940554" s="10"/>
    </row>
    <row r="940555" spans="14:14">
      <c r="N940555" s="10"/>
    </row>
    <row r="940556" spans="14:14">
      <c r="N940556" s="10"/>
    </row>
    <row r="940557" spans="14:14">
      <c r="N940557" s="10"/>
    </row>
    <row r="940558" spans="14:14">
      <c r="N940558" s="10"/>
    </row>
    <row r="940559" spans="14:14">
      <c r="N940559" s="10"/>
    </row>
    <row r="940560" spans="14:14">
      <c r="N940560" s="10"/>
    </row>
    <row r="940561" spans="14:14">
      <c r="N940561" s="10"/>
    </row>
    <row r="940562" spans="14:14">
      <c r="N940562" s="10"/>
    </row>
    <row r="940563" spans="14:14">
      <c r="N940563" s="10"/>
    </row>
    <row r="940564" spans="14:14">
      <c r="N940564" s="10"/>
    </row>
    <row r="940565" spans="14:14">
      <c r="N940565" s="10"/>
    </row>
    <row r="940566" spans="14:14">
      <c r="N940566" s="10"/>
    </row>
    <row r="940567" spans="14:14">
      <c r="N940567" s="10"/>
    </row>
    <row r="940568" spans="14:14">
      <c r="N940568" s="10"/>
    </row>
    <row r="940569" spans="14:14">
      <c r="N940569" s="10"/>
    </row>
    <row r="940570" spans="14:14">
      <c r="N940570" s="10"/>
    </row>
    <row r="940571" spans="14:14">
      <c r="N940571" s="10"/>
    </row>
    <row r="940572" spans="14:14">
      <c r="N940572" s="10"/>
    </row>
    <row r="940573" spans="14:14">
      <c r="N940573" s="10"/>
    </row>
    <row r="940574" spans="14:14">
      <c r="N940574" s="10"/>
    </row>
    <row r="940575" spans="14:14">
      <c r="N940575" s="10"/>
    </row>
    <row r="940576" spans="14:14">
      <c r="N940576" s="10"/>
    </row>
    <row r="940577" spans="14:14">
      <c r="N940577" s="10"/>
    </row>
    <row r="940578" spans="14:14">
      <c r="N940578" s="10"/>
    </row>
    <row r="940579" spans="14:14">
      <c r="N940579" s="10"/>
    </row>
    <row r="940580" spans="14:14">
      <c r="N940580" s="10"/>
    </row>
    <row r="940581" spans="14:14">
      <c r="N940581" s="10"/>
    </row>
    <row r="940582" spans="14:14">
      <c r="N940582" s="10"/>
    </row>
    <row r="940583" spans="14:14">
      <c r="N940583" s="10"/>
    </row>
    <row r="940584" spans="14:14">
      <c r="N940584" s="10"/>
    </row>
    <row r="940585" spans="14:14">
      <c r="N940585" s="10"/>
    </row>
    <row r="940586" spans="14:14">
      <c r="N940586" s="10"/>
    </row>
    <row r="940587" spans="14:14">
      <c r="N940587" s="10"/>
    </row>
    <row r="940588" spans="14:14">
      <c r="N940588" s="10"/>
    </row>
    <row r="940589" spans="14:14">
      <c r="N940589" s="10"/>
    </row>
    <row r="940590" spans="14:14">
      <c r="N940590" s="10"/>
    </row>
    <row r="940591" spans="14:14">
      <c r="N940591" s="10"/>
    </row>
    <row r="940592" spans="14:14">
      <c r="N940592" s="10"/>
    </row>
    <row r="940593" spans="14:14">
      <c r="N940593" s="10"/>
    </row>
    <row r="940594" spans="14:14">
      <c r="N940594" s="10"/>
    </row>
    <row r="940595" spans="14:14">
      <c r="N940595" s="10"/>
    </row>
    <row r="940596" spans="14:14">
      <c r="N940596" s="10"/>
    </row>
    <row r="940597" spans="14:14">
      <c r="N940597" s="10"/>
    </row>
    <row r="940598" spans="14:14">
      <c r="N940598" s="10"/>
    </row>
    <row r="940599" spans="14:14">
      <c r="N940599" s="10"/>
    </row>
    <row r="940600" spans="14:14">
      <c r="N940600" s="10"/>
    </row>
    <row r="940601" spans="14:14">
      <c r="N940601" s="10"/>
    </row>
    <row r="940602" spans="14:14">
      <c r="N940602" s="10"/>
    </row>
    <row r="940603" spans="14:14">
      <c r="N940603" s="10"/>
    </row>
    <row r="940604" spans="14:14">
      <c r="N940604" s="10"/>
    </row>
    <row r="940605" spans="14:14">
      <c r="N940605" s="10"/>
    </row>
    <row r="940606" spans="14:14">
      <c r="N940606" s="10"/>
    </row>
    <row r="940607" spans="14:14">
      <c r="N940607" s="10"/>
    </row>
    <row r="940608" spans="14:14">
      <c r="N940608" s="10"/>
    </row>
    <row r="940609" spans="14:14">
      <c r="N940609" s="10"/>
    </row>
    <row r="940610" spans="14:14">
      <c r="N940610" s="10"/>
    </row>
    <row r="940611" spans="14:14">
      <c r="N940611" s="10"/>
    </row>
    <row r="940612" spans="14:14">
      <c r="N940612" s="10"/>
    </row>
    <row r="940613" spans="14:14">
      <c r="N940613" s="10"/>
    </row>
    <row r="940614" spans="14:14">
      <c r="N940614" s="10"/>
    </row>
    <row r="940615" spans="14:14">
      <c r="N940615" s="10"/>
    </row>
    <row r="940616" spans="14:14">
      <c r="N940616" s="10"/>
    </row>
    <row r="940617" spans="14:14">
      <c r="N940617" s="10"/>
    </row>
    <row r="940618" spans="14:14">
      <c r="N940618" s="10"/>
    </row>
    <row r="940619" spans="14:14">
      <c r="N940619" s="10"/>
    </row>
    <row r="940620" spans="14:14">
      <c r="N940620" s="10"/>
    </row>
    <row r="940621" spans="14:14">
      <c r="N940621" s="10"/>
    </row>
    <row r="940622" spans="14:14">
      <c r="N940622" s="10"/>
    </row>
    <row r="940623" spans="14:14">
      <c r="N940623" s="10"/>
    </row>
    <row r="940624" spans="14:14">
      <c r="N940624" s="10"/>
    </row>
    <row r="940625" spans="14:14">
      <c r="N940625" s="10"/>
    </row>
    <row r="940626" spans="14:14">
      <c r="N940626" s="10"/>
    </row>
    <row r="940627" spans="14:14">
      <c r="N940627" s="10"/>
    </row>
    <row r="940628" spans="14:14">
      <c r="N940628" s="10"/>
    </row>
    <row r="940629" spans="14:14">
      <c r="N940629" s="10"/>
    </row>
    <row r="940630" spans="14:14">
      <c r="N940630" s="10"/>
    </row>
    <row r="940631" spans="14:14">
      <c r="N940631" s="10"/>
    </row>
    <row r="940632" spans="14:14">
      <c r="N940632" s="10"/>
    </row>
    <row r="940633" spans="14:14">
      <c r="N940633" s="10"/>
    </row>
    <row r="940634" spans="14:14">
      <c r="N940634" s="10"/>
    </row>
    <row r="940635" spans="14:14">
      <c r="N940635" s="10"/>
    </row>
    <row r="940636" spans="14:14">
      <c r="N940636" s="10"/>
    </row>
    <row r="940637" spans="14:14">
      <c r="N940637" s="10"/>
    </row>
    <row r="940638" spans="14:14">
      <c r="N940638" s="10"/>
    </row>
    <row r="940639" spans="14:14">
      <c r="N940639" s="10"/>
    </row>
    <row r="940640" spans="14:14">
      <c r="N940640" s="10"/>
    </row>
    <row r="940641" spans="14:14">
      <c r="N940641" s="10"/>
    </row>
    <row r="940642" spans="14:14">
      <c r="N940642" s="10"/>
    </row>
    <row r="940643" spans="14:14">
      <c r="N940643" s="10"/>
    </row>
    <row r="940644" spans="14:14">
      <c r="N940644" s="10"/>
    </row>
    <row r="940645" spans="14:14">
      <c r="N940645" s="10"/>
    </row>
    <row r="940646" spans="14:14">
      <c r="N940646" s="10"/>
    </row>
    <row r="940647" spans="14:14">
      <c r="N940647" s="10"/>
    </row>
    <row r="940648" spans="14:14">
      <c r="N940648" s="10"/>
    </row>
    <row r="940649" spans="14:14">
      <c r="N940649" s="10"/>
    </row>
    <row r="940650" spans="14:14">
      <c r="N940650" s="10"/>
    </row>
    <row r="940651" spans="14:14">
      <c r="N940651" s="10"/>
    </row>
    <row r="940652" spans="14:14">
      <c r="N940652" s="10"/>
    </row>
    <row r="940653" spans="14:14">
      <c r="N940653" s="10"/>
    </row>
    <row r="940654" spans="14:14">
      <c r="N940654" s="10"/>
    </row>
    <row r="940655" spans="14:14">
      <c r="N940655" s="10"/>
    </row>
    <row r="940656" spans="14:14">
      <c r="N940656" s="10"/>
    </row>
    <row r="940657" spans="14:14">
      <c r="N940657" s="10"/>
    </row>
    <row r="940658" spans="14:14">
      <c r="N940658" s="10"/>
    </row>
    <row r="940659" spans="14:14">
      <c r="N940659" s="10"/>
    </row>
    <row r="940660" spans="14:14">
      <c r="N940660" s="10"/>
    </row>
    <row r="940661" spans="14:14">
      <c r="N940661" s="10"/>
    </row>
    <row r="940662" spans="14:14">
      <c r="N940662" s="10"/>
    </row>
    <row r="940663" spans="14:14">
      <c r="N940663" s="10"/>
    </row>
    <row r="940664" spans="14:14">
      <c r="N940664" s="10"/>
    </row>
    <row r="940665" spans="14:14">
      <c r="N940665" s="10"/>
    </row>
    <row r="940666" spans="14:14">
      <c r="N940666" s="10"/>
    </row>
    <row r="940667" spans="14:14">
      <c r="N940667" s="10"/>
    </row>
    <row r="940668" spans="14:14">
      <c r="N940668" s="10"/>
    </row>
    <row r="940669" spans="14:14">
      <c r="N940669" s="10"/>
    </row>
    <row r="940670" spans="14:14">
      <c r="N940670" s="10"/>
    </row>
    <row r="940671" spans="14:14">
      <c r="N940671" s="10"/>
    </row>
    <row r="940672" spans="14:14">
      <c r="N940672" s="10"/>
    </row>
    <row r="940673" spans="14:14">
      <c r="N940673" s="10"/>
    </row>
    <row r="940674" spans="14:14">
      <c r="N940674" s="10"/>
    </row>
    <row r="940675" spans="14:14">
      <c r="N940675" s="10"/>
    </row>
    <row r="940676" spans="14:14">
      <c r="N940676" s="10"/>
    </row>
    <row r="940677" spans="14:14">
      <c r="N940677" s="10"/>
    </row>
    <row r="940678" spans="14:14">
      <c r="N940678" s="10"/>
    </row>
    <row r="940679" spans="14:14">
      <c r="N940679" s="10"/>
    </row>
    <row r="940680" spans="14:14">
      <c r="N940680" s="10"/>
    </row>
    <row r="940681" spans="14:14">
      <c r="N940681" s="10"/>
    </row>
    <row r="940682" spans="14:14">
      <c r="N940682" s="10"/>
    </row>
    <row r="940683" spans="14:14">
      <c r="N940683" s="10"/>
    </row>
    <row r="940684" spans="14:14">
      <c r="N940684" s="10"/>
    </row>
    <row r="940685" spans="14:14">
      <c r="N940685" s="10"/>
    </row>
    <row r="940686" spans="14:14">
      <c r="N940686" s="10"/>
    </row>
    <row r="940687" spans="14:14">
      <c r="N940687" s="10"/>
    </row>
    <row r="940688" spans="14:14">
      <c r="N940688" s="10"/>
    </row>
    <row r="940689" spans="14:14">
      <c r="N940689" s="10"/>
    </row>
    <row r="940690" spans="14:14">
      <c r="N940690" s="10"/>
    </row>
    <row r="940691" spans="14:14">
      <c r="N940691" s="10"/>
    </row>
    <row r="940692" spans="14:14">
      <c r="N940692" s="10"/>
    </row>
    <row r="940693" spans="14:14">
      <c r="N940693" s="10"/>
    </row>
    <row r="940694" spans="14:14">
      <c r="N940694" s="10"/>
    </row>
    <row r="940695" spans="14:14">
      <c r="N940695" s="10"/>
    </row>
    <row r="940696" spans="14:14">
      <c r="N940696" s="10"/>
    </row>
    <row r="940697" spans="14:14">
      <c r="N940697" s="10"/>
    </row>
    <row r="940698" spans="14:14">
      <c r="N940698" s="10"/>
    </row>
    <row r="940699" spans="14:14">
      <c r="N940699" s="10"/>
    </row>
    <row r="940700" spans="14:14">
      <c r="N940700" s="10"/>
    </row>
    <row r="940701" spans="14:14">
      <c r="N940701" s="10"/>
    </row>
    <row r="940702" spans="14:14">
      <c r="N940702" s="10"/>
    </row>
    <row r="940703" spans="14:14">
      <c r="N940703" s="10"/>
    </row>
    <row r="940704" spans="14:14">
      <c r="N940704" s="10"/>
    </row>
    <row r="940705" spans="14:14">
      <c r="N940705" s="10"/>
    </row>
    <row r="940706" spans="14:14">
      <c r="N940706" s="10"/>
    </row>
    <row r="940707" spans="14:14">
      <c r="N940707" s="10"/>
    </row>
    <row r="940708" spans="14:14">
      <c r="N940708" s="10"/>
    </row>
    <row r="940709" spans="14:14">
      <c r="N940709" s="10"/>
    </row>
    <row r="940710" spans="14:14">
      <c r="N940710" s="10"/>
    </row>
    <row r="940711" spans="14:14">
      <c r="N940711" s="10"/>
    </row>
    <row r="940712" spans="14:14">
      <c r="N940712" s="10"/>
    </row>
    <row r="940713" spans="14:14">
      <c r="N940713" s="10"/>
    </row>
    <row r="940714" spans="14:14">
      <c r="N940714" s="10"/>
    </row>
    <row r="940715" spans="14:14">
      <c r="N940715" s="10"/>
    </row>
    <row r="940716" spans="14:14">
      <c r="N940716" s="10"/>
    </row>
    <row r="940717" spans="14:14">
      <c r="N940717" s="10"/>
    </row>
    <row r="940718" spans="14:14">
      <c r="N940718" s="10"/>
    </row>
    <row r="940719" spans="14:14">
      <c r="N940719" s="10"/>
    </row>
    <row r="940720" spans="14:14">
      <c r="N940720" s="10"/>
    </row>
    <row r="940721" spans="14:14">
      <c r="N940721" s="10"/>
    </row>
    <row r="940722" spans="14:14">
      <c r="N940722" s="10"/>
    </row>
    <row r="940723" spans="14:14">
      <c r="N940723" s="10"/>
    </row>
    <row r="940724" spans="14:14">
      <c r="N940724" s="10"/>
    </row>
    <row r="940725" spans="14:14">
      <c r="N940725" s="10"/>
    </row>
    <row r="940726" spans="14:14">
      <c r="N940726" s="10"/>
    </row>
    <row r="940727" spans="14:14">
      <c r="N940727" s="10"/>
    </row>
    <row r="940728" spans="14:14">
      <c r="N940728" s="10"/>
    </row>
    <row r="940729" spans="14:14">
      <c r="N940729" s="10"/>
    </row>
    <row r="940730" spans="14:14">
      <c r="N940730" s="10"/>
    </row>
    <row r="940731" spans="14:14">
      <c r="N940731" s="10"/>
    </row>
    <row r="940732" spans="14:14">
      <c r="N940732" s="10"/>
    </row>
    <row r="940733" spans="14:14">
      <c r="N940733" s="10"/>
    </row>
    <row r="940734" spans="14:14">
      <c r="N940734" s="10"/>
    </row>
    <row r="940735" spans="14:14">
      <c r="N940735" s="10"/>
    </row>
    <row r="940736" spans="14:14">
      <c r="N940736" s="10"/>
    </row>
    <row r="940737" spans="14:14">
      <c r="N940737" s="10"/>
    </row>
    <row r="940738" spans="14:14">
      <c r="N940738" s="10"/>
    </row>
    <row r="940739" spans="14:14">
      <c r="N940739" s="10"/>
    </row>
    <row r="940740" spans="14:14">
      <c r="N940740" s="10"/>
    </row>
    <row r="940741" spans="14:14">
      <c r="N940741" s="10"/>
    </row>
    <row r="940742" spans="14:14">
      <c r="N940742" s="10"/>
    </row>
    <row r="940743" spans="14:14">
      <c r="N940743" s="10"/>
    </row>
    <row r="940744" spans="14:14">
      <c r="N940744" s="10"/>
    </row>
    <row r="940745" spans="14:14">
      <c r="N940745" s="10"/>
    </row>
    <row r="940746" spans="14:14">
      <c r="N940746" s="10"/>
    </row>
    <row r="940747" spans="14:14">
      <c r="N940747" s="10"/>
    </row>
    <row r="940748" spans="14:14">
      <c r="N940748" s="10"/>
    </row>
    <row r="940749" spans="14:14">
      <c r="N940749" s="10"/>
    </row>
    <row r="940750" spans="14:14">
      <c r="N940750" s="10"/>
    </row>
    <row r="940751" spans="14:14">
      <c r="N940751" s="10"/>
    </row>
    <row r="940752" spans="14:14">
      <c r="N940752" s="10"/>
    </row>
    <row r="940753" spans="14:14">
      <c r="N940753" s="10"/>
    </row>
    <row r="940754" spans="14:14">
      <c r="N940754" s="10"/>
    </row>
    <row r="940755" spans="14:14">
      <c r="N940755" s="10"/>
    </row>
    <row r="940756" spans="14:14">
      <c r="N940756" s="10"/>
    </row>
    <row r="940757" spans="14:14">
      <c r="N940757" s="10"/>
    </row>
    <row r="940758" spans="14:14">
      <c r="N940758" s="10"/>
    </row>
    <row r="940759" spans="14:14">
      <c r="N940759" s="10"/>
    </row>
    <row r="940760" spans="14:14">
      <c r="N940760" s="10"/>
    </row>
    <row r="940761" spans="14:14">
      <c r="N940761" s="10"/>
    </row>
    <row r="940762" spans="14:14">
      <c r="N940762" s="10"/>
    </row>
    <row r="940763" spans="14:14">
      <c r="N940763" s="10"/>
    </row>
    <row r="940764" spans="14:14">
      <c r="N940764" s="10"/>
    </row>
    <row r="940765" spans="14:14">
      <c r="N940765" s="10"/>
    </row>
    <row r="940766" spans="14:14">
      <c r="N940766" s="10"/>
    </row>
    <row r="940767" spans="14:14">
      <c r="N940767" s="10"/>
    </row>
    <row r="940768" spans="14:14">
      <c r="N940768" s="10"/>
    </row>
    <row r="940769" spans="14:14">
      <c r="N940769" s="10"/>
    </row>
    <row r="940770" spans="14:14">
      <c r="N940770" s="10"/>
    </row>
    <row r="940771" spans="14:14">
      <c r="N940771" s="10"/>
    </row>
    <row r="940772" spans="14:14">
      <c r="N940772" s="10"/>
    </row>
    <row r="940773" spans="14:14">
      <c r="N940773" s="10"/>
    </row>
    <row r="940774" spans="14:14">
      <c r="N940774" s="10"/>
    </row>
    <row r="940775" spans="14:14">
      <c r="N940775" s="10"/>
    </row>
    <row r="940776" spans="14:14">
      <c r="N940776" s="10"/>
    </row>
    <row r="940777" spans="14:14">
      <c r="N940777" s="10"/>
    </row>
    <row r="940778" spans="14:14">
      <c r="N940778" s="10"/>
    </row>
    <row r="940779" spans="14:14">
      <c r="N940779" s="10"/>
    </row>
    <row r="940780" spans="14:14">
      <c r="N940780" s="10"/>
    </row>
    <row r="940781" spans="14:14">
      <c r="N940781" s="10"/>
    </row>
    <row r="940782" spans="14:14">
      <c r="N940782" s="10"/>
    </row>
    <row r="940783" spans="14:14">
      <c r="N940783" s="10"/>
    </row>
    <row r="940784" spans="14:14">
      <c r="N940784" s="10"/>
    </row>
    <row r="940785" spans="14:14">
      <c r="N940785" s="10"/>
    </row>
    <row r="940786" spans="14:14">
      <c r="N940786" s="10"/>
    </row>
    <row r="940787" spans="14:14">
      <c r="N940787" s="10"/>
    </row>
    <row r="940788" spans="14:14">
      <c r="N940788" s="10"/>
    </row>
    <row r="940789" spans="14:14">
      <c r="N940789" s="10"/>
    </row>
    <row r="940790" spans="14:14">
      <c r="N940790" s="10"/>
    </row>
    <row r="940791" spans="14:14">
      <c r="N940791" s="10"/>
    </row>
    <row r="940792" spans="14:14">
      <c r="N940792" s="10"/>
    </row>
    <row r="940793" spans="14:14">
      <c r="N940793" s="10"/>
    </row>
    <row r="940794" spans="14:14">
      <c r="N940794" s="10"/>
    </row>
    <row r="940795" spans="14:14">
      <c r="N940795" s="10"/>
    </row>
    <row r="940796" spans="14:14">
      <c r="N940796" s="10"/>
    </row>
    <row r="940797" spans="14:14">
      <c r="N940797" s="10"/>
    </row>
    <row r="940798" spans="14:14">
      <c r="N940798" s="10"/>
    </row>
    <row r="940799" spans="14:14">
      <c r="N940799" s="10"/>
    </row>
    <row r="940800" spans="14:14">
      <c r="N940800" s="10"/>
    </row>
    <row r="940801" spans="14:14">
      <c r="N940801" s="10"/>
    </row>
    <row r="940802" spans="14:14">
      <c r="N940802" s="10"/>
    </row>
    <row r="940803" spans="14:14">
      <c r="N940803" s="10"/>
    </row>
    <row r="940804" spans="14:14">
      <c r="N940804" s="10"/>
    </row>
    <row r="940805" spans="14:14">
      <c r="N940805" s="10"/>
    </row>
    <row r="940806" spans="14:14">
      <c r="N940806" s="10"/>
    </row>
    <row r="940807" spans="14:14">
      <c r="N940807" s="10"/>
    </row>
    <row r="940808" spans="14:14">
      <c r="N940808" s="10"/>
    </row>
    <row r="940809" spans="14:14">
      <c r="N940809" s="10"/>
    </row>
    <row r="940810" spans="14:14">
      <c r="N940810" s="10"/>
    </row>
    <row r="940811" spans="14:14">
      <c r="N940811" s="10"/>
    </row>
    <row r="940812" spans="14:14">
      <c r="N940812" s="10"/>
    </row>
    <row r="940813" spans="14:14">
      <c r="N940813" s="10"/>
    </row>
    <row r="940814" spans="14:14">
      <c r="N940814" s="10"/>
    </row>
    <row r="940815" spans="14:14">
      <c r="N940815" s="10"/>
    </row>
    <row r="940816" spans="14:14">
      <c r="N940816" s="10"/>
    </row>
    <row r="940817" spans="14:14">
      <c r="N940817" s="10"/>
    </row>
    <row r="940818" spans="14:14">
      <c r="N940818" s="10"/>
    </row>
    <row r="940819" spans="14:14">
      <c r="N940819" s="10"/>
    </row>
    <row r="940820" spans="14:14">
      <c r="N940820" s="10"/>
    </row>
    <row r="940821" spans="14:14">
      <c r="N940821" s="10"/>
    </row>
    <row r="940822" spans="14:14">
      <c r="N940822" s="10"/>
    </row>
    <row r="940823" spans="14:14">
      <c r="N940823" s="10"/>
    </row>
    <row r="940824" spans="14:14">
      <c r="N940824" s="10"/>
    </row>
    <row r="940825" spans="14:14">
      <c r="N940825" s="10"/>
    </row>
    <row r="940826" spans="14:14">
      <c r="N940826" s="10"/>
    </row>
    <row r="940827" spans="14:14">
      <c r="N940827" s="10"/>
    </row>
    <row r="940828" spans="14:14">
      <c r="N940828" s="10"/>
    </row>
    <row r="940829" spans="14:14">
      <c r="N940829" s="10"/>
    </row>
    <row r="940830" spans="14:14">
      <c r="N940830" s="10"/>
    </row>
    <row r="940831" spans="14:14">
      <c r="N940831" s="10"/>
    </row>
    <row r="940832" spans="14:14">
      <c r="N940832" s="10"/>
    </row>
    <row r="940833" spans="14:14">
      <c r="N940833" s="10"/>
    </row>
    <row r="940834" spans="14:14">
      <c r="N940834" s="10"/>
    </row>
    <row r="940835" spans="14:14">
      <c r="N940835" s="10"/>
    </row>
    <row r="940836" spans="14:14">
      <c r="N940836" s="10"/>
    </row>
    <row r="940837" spans="14:14">
      <c r="N940837" s="10"/>
    </row>
    <row r="940838" spans="14:14">
      <c r="N940838" s="10"/>
    </row>
    <row r="940839" spans="14:14">
      <c r="N940839" s="10"/>
    </row>
    <row r="940840" spans="14:14">
      <c r="N940840" s="10"/>
    </row>
    <row r="940841" spans="14:14">
      <c r="N940841" s="10"/>
    </row>
    <row r="940842" spans="14:14">
      <c r="N940842" s="10"/>
    </row>
    <row r="940843" spans="14:14">
      <c r="N940843" s="10"/>
    </row>
    <row r="940844" spans="14:14">
      <c r="N940844" s="10"/>
    </row>
    <row r="940845" spans="14:14">
      <c r="N940845" s="10"/>
    </row>
    <row r="940846" spans="14:14">
      <c r="N940846" s="10"/>
    </row>
    <row r="940847" spans="14:14">
      <c r="N940847" s="10"/>
    </row>
    <row r="940848" spans="14:14">
      <c r="N940848" s="10"/>
    </row>
    <row r="940849" spans="14:14">
      <c r="N940849" s="10"/>
    </row>
    <row r="940850" spans="14:14">
      <c r="N940850" s="10"/>
    </row>
    <row r="940851" spans="14:14">
      <c r="N940851" s="10"/>
    </row>
    <row r="940852" spans="14:14">
      <c r="N940852" s="10"/>
    </row>
    <row r="940853" spans="14:14">
      <c r="N940853" s="10"/>
    </row>
    <row r="940854" spans="14:14">
      <c r="N940854" s="10"/>
    </row>
    <row r="940855" spans="14:14">
      <c r="N940855" s="10"/>
    </row>
    <row r="940856" spans="14:14">
      <c r="N940856" s="10"/>
    </row>
    <row r="940857" spans="14:14">
      <c r="N940857" s="10"/>
    </row>
    <row r="940858" spans="14:14">
      <c r="N940858" s="10"/>
    </row>
    <row r="940859" spans="14:14">
      <c r="N940859" s="10"/>
    </row>
    <row r="940860" spans="14:14">
      <c r="N940860" s="10"/>
    </row>
    <row r="940861" spans="14:14">
      <c r="N940861" s="10"/>
    </row>
    <row r="940862" spans="14:14">
      <c r="N940862" s="10"/>
    </row>
    <row r="940863" spans="14:14">
      <c r="N940863" s="10"/>
    </row>
    <row r="940864" spans="14:14">
      <c r="N940864" s="10"/>
    </row>
    <row r="940865" spans="14:14">
      <c r="N940865" s="10"/>
    </row>
    <row r="940866" spans="14:14">
      <c r="N940866" s="10"/>
    </row>
    <row r="940867" spans="14:14">
      <c r="N940867" s="10"/>
    </row>
    <row r="940868" spans="14:14">
      <c r="N940868" s="10"/>
    </row>
    <row r="940869" spans="14:14">
      <c r="N940869" s="10"/>
    </row>
    <row r="940870" spans="14:14">
      <c r="N940870" s="10"/>
    </row>
    <row r="940871" spans="14:14">
      <c r="N940871" s="10"/>
    </row>
    <row r="940872" spans="14:14">
      <c r="N940872" s="10"/>
    </row>
    <row r="940873" spans="14:14">
      <c r="N940873" s="10"/>
    </row>
    <row r="940874" spans="14:14">
      <c r="N940874" s="10"/>
    </row>
    <row r="940875" spans="14:14">
      <c r="N940875" s="10"/>
    </row>
    <row r="940876" spans="14:14">
      <c r="N940876" s="10"/>
    </row>
    <row r="940877" spans="14:14">
      <c r="N940877" s="10"/>
    </row>
    <row r="940878" spans="14:14">
      <c r="N940878" s="10"/>
    </row>
    <row r="940879" spans="14:14">
      <c r="N940879" s="10"/>
    </row>
    <row r="940880" spans="14:14">
      <c r="N940880" s="10"/>
    </row>
    <row r="940881" spans="14:14">
      <c r="N940881" s="10"/>
    </row>
    <row r="940882" spans="14:14">
      <c r="N940882" s="10"/>
    </row>
    <row r="940883" spans="14:14">
      <c r="N940883" s="10"/>
    </row>
    <row r="940884" spans="14:14">
      <c r="N940884" s="10"/>
    </row>
    <row r="940885" spans="14:14">
      <c r="N940885" s="10"/>
    </row>
    <row r="940886" spans="14:14">
      <c r="N940886" s="10"/>
    </row>
    <row r="940887" spans="14:14">
      <c r="N940887" s="10"/>
    </row>
    <row r="940888" spans="14:14">
      <c r="N940888" s="10"/>
    </row>
    <row r="940889" spans="14:14">
      <c r="N940889" s="10"/>
    </row>
    <row r="940890" spans="14:14">
      <c r="N940890" s="10"/>
    </row>
    <row r="940891" spans="14:14">
      <c r="N940891" s="10"/>
    </row>
    <row r="940892" spans="14:14">
      <c r="N940892" s="10"/>
    </row>
    <row r="940893" spans="14:14">
      <c r="N940893" s="10"/>
    </row>
    <row r="940894" spans="14:14">
      <c r="N940894" s="10"/>
    </row>
    <row r="940895" spans="14:14">
      <c r="N940895" s="10"/>
    </row>
    <row r="940896" spans="14:14">
      <c r="N940896" s="10"/>
    </row>
    <row r="940897" spans="14:14">
      <c r="N940897" s="10"/>
    </row>
    <row r="940898" spans="14:14">
      <c r="N940898" s="10"/>
    </row>
    <row r="940899" spans="14:14">
      <c r="N940899" s="10"/>
    </row>
    <row r="940900" spans="14:14">
      <c r="N940900" s="10"/>
    </row>
    <row r="940901" spans="14:14">
      <c r="N940901" s="10"/>
    </row>
    <row r="940902" spans="14:14">
      <c r="N940902" s="10"/>
    </row>
    <row r="940903" spans="14:14">
      <c r="N940903" s="10"/>
    </row>
    <row r="940904" spans="14:14">
      <c r="N940904" s="10"/>
    </row>
    <row r="940905" spans="14:14">
      <c r="N940905" s="10"/>
    </row>
    <row r="940906" spans="14:14">
      <c r="N940906" s="10"/>
    </row>
    <row r="940907" spans="14:14">
      <c r="N940907" s="10"/>
    </row>
    <row r="940908" spans="14:14">
      <c r="N940908" s="10"/>
    </row>
    <row r="940909" spans="14:14">
      <c r="N940909" s="10"/>
    </row>
    <row r="940910" spans="14:14">
      <c r="N940910" s="10"/>
    </row>
    <row r="940911" spans="14:14">
      <c r="N940911" s="10"/>
    </row>
    <row r="940912" spans="14:14">
      <c r="N940912" s="10"/>
    </row>
    <row r="940913" spans="14:14">
      <c r="N940913" s="10"/>
    </row>
    <row r="940914" spans="14:14">
      <c r="N940914" s="10"/>
    </row>
    <row r="940915" spans="14:14">
      <c r="N940915" s="10"/>
    </row>
    <row r="940916" spans="14:14">
      <c r="N940916" s="10"/>
    </row>
    <row r="940917" spans="14:14">
      <c r="N940917" s="10"/>
    </row>
    <row r="940918" spans="14:14">
      <c r="N940918" s="10"/>
    </row>
    <row r="940919" spans="14:14">
      <c r="N940919" s="10"/>
    </row>
    <row r="940920" spans="14:14">
      <c r="N940920" s="10"/>
    </row>
    <row r="940921" spans="14:14">
      <c r="N940921" s="10"/>
    </row>
    <row r="940922" spans="14:14">
      <c r="N940922" s="10"/>
    </row>
    <row r="940923" spans="14:14">
      <c r="N940923" s="10"/>
    </row>
    <row r="940924" spans="14:14">
      <c r="N940924" s="10"/>
    </row>
    <row r="940925" spans="14:14">
      <c r="N940925" s="10"/>
    </row>
    <row r="940926" spans="14:14">
      <c r="N940926" s="10"/>
    </row>
    <row r="940927" spans="14:14">
      <c r="N940927" s="10"/>
    </row>
    <row r="940928" spans="14:14">
      <c r="N940928" s="10"/>
    </row>
    <row r="940929" spans="14:14">
      <c r="N940929" s="10"/>
    </row>
    <row r="940930" spans="14:14">
      <c r="N940930" s="10"/>
    </row>
    <row r="940931" spans="14:14">
      <c r="N940931" s="10"/>
    </row>
    <row r="940932" spans="14:14">
      <c r="N940932" s="10"/>
    </row>
    <row r="940933" spans="14:14">
      <c r="N940933" s="10"/>
    </row>
    <row r="940934" spans="14:14">
      <c r="N940934" s="10"/>
    </row>
    <row r="940935" spans="14:14">
      <c r="N940935" s="10"/>
    </row>
    <row r="940936" spans="14:14">
      <c r="N940936" s="10"/>
    </row>
    <row r="940937" spans="14:14">
      <c r="N940937" s="10"/>
    </row>
    <row r="940938" spans="14:14">
      <c r="N940938" s="10"/>
    </row>
    <row r="940939" spans="14:14">
      <c r="N940939" s="10"/>
    </row>
    <row r="940940" spans="14:14">
      <c r="N940940" s="10"/>
    </row>
    <row r="940941" spans="14:14">
      <c r="N940941" s="10"/>
    </row>
    <row r="940942" spans="14:14">
      <c r="N940942" s="10"/>
    </row>
    <row r="940943" spans="14:14">
      <c r="N940943" s="10"/>
    </row>
    <row r="940944" spans="14:14">
      <c r="N940944" s="10"/>
    </row>
    <row r="940945" spans="14:14">
      <c r="N940945" s="10"/>
    </row>
    <row r="940946" spans="14:14">
      <c r="N940946" s="10"/>
    </row>
    <row r="940947" spans="14:14">
      <c r="N940947" s="10"/>
    </row>
    <row r="940948" spans="14:14">
      <c r="N940948" s="10"/>
    </row>
    <row r="940949" spans="14:14">
      <c r="N940949" s="10"/>
    </row>
    <row r="940950" spans="14:14">
      <c r="N940950" s="10"/>
    </row>
    <row r="940951" spans="14:14">
      <c r="N940951" s="10"/>
    </row>
    <row r="940952" spans="14:14">
      <c r="N940952" s="10"/>
    </row>
    <row r="940953" spans="14:14">
      <c r="N940953" s="10"/>
    </row>
    <row r="940954" spans="14:14">
      <c r="N940954" s="10"/>
    </row>
    <row r="940955" spans="14:14">
      <c r="N940955" s="10"/>
    </row>
    <row r="940956" spans="14:14">
      <c r="N940956" s="10"/>
    </row>
    <row r="940957" spans="14:14">
      <c r="N940957" s="10"/>
    </row>
    <row r="940958" spans="14:14">
      <c r="N940958" s="10"/>
    </row>
    <row r="940959" spans="14:14">
      <c r="N940959" s="10"/>
    </row>
    <row r="940960" spans="14:14">
      <c r="N940960" s="10"/>
    </row>
    <row r="940961" spans="14:14">
      <c r="N940961" s="10"/>
    </row>
    <row r="940962" spans="14:14">
      <c r="N940962" s="10"/>
    </row>
    <row r="940963" spans="14:14">
      <c r="N940963" s="10"/>
    </row>
    <row r="940964" spans="14:14">
      <c r="N940964" s="10"/>
    </row>
    <row r="940965" spans="14:14">
      <c r="N940965" s="10"/>
    </row>
    <row r="940966" spans="14:14">
      <c r="N940966" s="10"/>
    </row>
    <row r="940967" spans="14:14">
      <c r="N940967" s="10"/>
    </row>
    <row r="940968" spans="14:14">
      <c r="N940968" s="10"/>
    </row>
    <row r="940969" spans="14:14">
      <c r="N940969" s="10"/>
    </row>
    <row r="940970" spans="14:14">
      <c r="N940970" s="10"/>
    </row>
    <row r="940971" spans="14:14">
      <c r="N940971" s="10"/>
    </row>
    <row r="940972" spans="14:14">
      <c r="N940972" s="10"/>
    </row>
    <row r="940973" spans="14:14">
      <c r="N940973" s="10"/>
    </row>
    <row r="940974" spans="14:14">
      <c r="N940974" s="10"/>
    </row>
    <row r="940975" spans="14:14">
      <c r="N940975" s="10"/>
    </row>
    <row r="940976" spans="14:14">
      <c r="N940976" s="10"/>
    </row>
    <row r="940977" spans="14:14">
      <c r="N940977" s="10"/>
    </row>
    <row r="940978" spans="14:14">
      <c r="N940978" s="10"/>
    </row>
    <row r="940979" spans="14:14">
      <c r="N940979" s="10"/>
    </row>
    <row r="940980" spans="14:14">
      <c r="N940980" s="10"/>
    </row>
    <row r="940981" spans="14:14">
      <c r="N940981" s="10"/>
    </row>
    <row r="940982" spans="14:14">
      <c r="N940982" s="10"/>
    </row>
    <row r="940983" spans="14:14">
      <c r="N940983" s="10"/>
    </row>
    <row r="940984" spans="14:14">
      <c r="N940984" s="10"/>
    </row>
    <row r="940985" spans="14:14">
      <c r="N940985" s="10"/>
    </row>
    <row r="940986" spans="14:14">
      <c r="N940986" s="10"/>
    </row>
    <row r="940987" spans="14:14">
      <c r="N940987" s="10"/>
    </row>
    <row r="940988" spans="14:14">
      <c r="N940988" s="10"/>
    </row>
    <row r="940989" spans="14:14">
      <c r="N940989" s="10"/>
    </row>
    <row r="940990" spans="14:14">
      <c r="N940990" s="10"/>
    </row>
    <row r="940991" spans="14:14">
      <c r="N940991" s="10"/>
    </row>
    <row r="940992" spans="14:14">
      <c r="N940992" s="10"/>
    </row>
    <row r="940993" spans="14:14">
      <c r="N940993" s="10"/>
    </row>
    <row r="940994" spans="14:14">
      <c r="N940994" s="10"/>
    </row>
    <row r="940995" spans="14:14">
      <c r="N940995" s="10"/>
    </row>
    <row r="940996" spans="14:14">
      <c r="N940996" s="10"/>
    </row>
    <row r="940997" spans="14:14">
      <c r="N940997" s="10"/>
    </row>
    <row r="940998" spans="14:14">
      <c r="N940998" s="10"/>
    </row>
    <row r="940999" spans="14:14">
      <c r="N940999" s="10"/>
    </row>
    <row r="941000" spans="14:14">
      <c r="N941000" s="10"/>
    </row>
    <row r="941001" spans="14:14">
      <c r="N941001" s="10"/>
    </row>
    <row r="941002" spans="14:14">
      <c r="N941002" s="10"/>
    </row>
    <row r="941003" spans="14:14">
      <c r="N941003" s="10"/>
    </row>
    <row r="941004" spans="14:14">
      <c r="N941004" s="10"/>
    </row>
    <row r="941005" spans="14:14">
      <c r="N941005" s="10"/>
    </row>
    <row r="941006" spans="14:14">
      <c r="N941006" s="10"/>
    </row>
    <row r="941007" spans="14:14">
      <c r="N941007" s="10"/>
    </row>
    <row r="941008" spans="14:14">
      <c r="N941008" s="10"/>
    </row>
    <row r="941009" spans="14:14">
      <c r="N941009" s="10"/>
    </row>
    <row r="941010" spans="14:14">
      <c r="N941010" s="10"/>
    </row>
    <row r="941011" spans="14:14">
      <c r="N941011" s="10"/>
    </row>
    <row r="941012" spans="14:14">
      <c r="N941012" s="10"/>
    </row>
    <row r="941013" spans="14:14">
      <c r="N941013" s="10"/>
    </row>
    <row r="941014" spans="14:14">
      <c r="N941014" s="10"/>
    </row>
    <row r="941015" spans="14:14">
      <c r="N941015" s="10"/>
    </row>
    <row r="941016" spans="14:14">
      <c r="N941016" s="10"/>
    </row>
    <row r="941017" spans="14:14">
      <c r="N941017" s="10"/>
    </row>
    <row r="941018" spans="14:14">
      <c r="N941018" s="10"/>
    </row>
    <row r="941019" spans="14:14">
      <c r="N941019" s="10"/>
    </row>
    <row r="941020" spans="14:14">
      <c r="N941020" s="10"/>
    </row>
    <row r="941021" spans="14:14">
      <c r="N941021" s="10"/>
    </row>
    <row r="941022" spans="14:14">
      <c r="N941022" s="10"/>
    </row>
    <row r="941023" spans="14:14">
      <c r="N941023" s="10"/>
    </row>
    <row r="941024" spans="14:14">
      <c r="N941024" s="10"/>
    </row>
    <row r="941025" spans="14:14">
      <c r="N941025" s="10"/>
    </row>
    <row r="941026" spans="14:14">
      <c r="N941026" s="10"/>
    </row>
    <row r="941027" spans="14:14">
      <c r="N941027" s="10"/>
    </row>
    <row r="941028" spans="14:14">
      <c r="N941028" s="10"/>
    </row>
    <row r="941029" spans="14:14">
      <c r="N941029" s="10"/>
    </row>
    <row r="941030" spans="14:14">
      <c r="N941030" s="10"/>
    </row>
    <row r="941031" spans="14:14">
      <c r="N941031" s="10"/>
    </row>
    <row r="941032" spans="14:14">
      <c r="N941032" s="10"/>
    </row>
    <row r="941033" spans="14:14">
      <c r="N941033" s="10"/>
    </row>
    <row r="941034" spans="14:14">
      <c r="N941034" s="10"/>
    </row>
    <row r="941035" spans="14:14">
      <c r="N941035" s="10"/>
    </row>
    <row r="941036" spans="14:14">
      <c r="N941036" s="10"/>
    </row>
    <row r="941037" spans="14:14">
      <c r="N941037" s="10"/>
    </row>
    <row r="941038" spans="14:14">
      <c r="N941038" s="10"/>
    </row>
    <row r="941039" spans="14:14">
      <c r="N941039" s="10"/>
    </row>
    <row r="941040" spans="14:14">
      <c r="N941040" s="10"/>
    </row>
    <row r="941041" spans="14:14">
      <c r="N941041" s="10"/>
    </row>
    <row r="941042" spans="14:14">
      <c r="N941042" s="10"/>
    </row>
    <row r="941043" spans="14:14">
      <c r="N941043" s="10"/>
    </row>
    <row r="941044" spans="14:14">
      <c r="N941044" s="10"/>
    </row>
    <row r="941045" spans="14:14">
      <c r="N941045" s="10"/>
    </row>
    <row r="941046" spans="14:14">
      <c r="N941046" s="10"/>
    </row>
    <row r="941047" spans="14:14">
      <c r="N941047" s="10"/>
    </row>
    <row r="941048" spans="14:14">
      <c r="N941048" s="10"/>
    </row>
    <row r="941049" spans="14:14">
      <c r="N941049" s="10"/>
    </row>
    <row r="941050" spans="14:14">
      <c r="N941050" s="10"/>
    </row>
    <row r="941051" spans="14:14">
      <c r="N941051" s="10"/>
    </row>
    <row r="941052" spans="14:14">
      <c r="N941052" s="10"/>
    </row>
    <row r="941053" spans="14:14">
      <c r="N941053" s="10"/>
    </row>
    <row r="941054" spans="14:14">
      <c r="N941054" s="10"/>
    </row>
    <row r="941055" spans="14:14">
      <c r="N941055" s="10"/>
    </row>
    <row r="941056" spans="14:14">
      <c r="N941056" s="10"/>
    </row>
    <row r="941057" spans="14:14">
      <c r="N941057" s="10"/>
    </row>
    <row r="941058" spans="14:14">
      <c r="N941058" s="10"/>
    </row>
    <row r="941059" spans="14:14">
      <c r="N941059" s="10"/>
    </row>
    <row r="941060" spans="14:14">
      <c r="N941060" s="10"/>
    </row>
    <row r="941061" spans="14:14">
      <c r="N941061" s="10"/>
    </row>
    <row r="941062" spans="14:14">
      <c r="N941062" s="10"/>
    </row>
    <row r="941063" spans="14:14">
      <c r="N941063" s="10"/>
    </row>
    <row r="941064" spans="14:14">
      <c r="N941064" s="10"/>
    </row>
    <row r="941065" spans="14:14">
      <c r="N941065" s="10"/>
    </row>
    <row r="941066" spans="14:14">
      <c r="N941066" s="10"/>
    </row>
    <row r="941067" spans="14:14">
      <c r="N941067" s="10"/>
    </row>
    <row r="941068" spans="14:14">
      <c r="N941068" s="10"/>
    </row>
    <row r="941069" spans="14:14">
      <c r="N941069" s="10"/>
    </row>
    <row r="941070" spans="14:14">
      <c r="N941070" s="10"/>
    </row>
    <row r="941071" spans="14:14">
      <c r="N941071" s="10"/>
    </row>
    <row r="941072" spans="14:14">
      <c r="N941072" s="10"/>
    </row>
    <row r="941073" spans="14:14">
      <c r="N941073" s="10"/>
    </row>
    <row r="941074" spans="14:14">
      <c r="N941074" s="10"/>
    </row>
    <row r="941075" spans="14:14">
      <c r="N941075" s="10"/>
    </row>
    <row r="941076" spans="14:14">
      <c r="N941076" s="10"/>
    </row>
    <row r="941077" spans="14:14">
      <c r="N941077" s="10"/>
    </row>
    <row r="941078" spans="14:14">
      <c r="N941078" s="10"/>
    </row>
    <row r="941079" spans="14:14">
      <c r="N941079" s="10"/>
    </row>
    <row r="941080" spans="14:14">
      <c r="N941080" s="10"/>
    </row>
    <row r="941081" spans="14:14">
      <c r="N941081" s="10"/>
    </row>
    <row r="941082" spans="14:14">
      <c r="N941082" s="10"/>
    </row>
    <row r="941083" spans="14:14">
      <c r="N941083" s="10"/>
    </row>
    <row r="941084" spans="14:14">
      <c r="N941084" s="10"/>
    </row>
    <row r="941085" spans="14:14">
      <c r="N941085" s="10"/>
    </row>
    <row r="941086" spans="14:14">
      <c r="N941086" s="10"/>
    </row>
    <row r="941087" spans="14:14">
      <c r="N941087" s="10"/>
    </row>
    <row r="941088" spans="14:14">
      <c r="N941088" s="10"/>
    </row>
    <row r="941089" spans="14:14">
      <c r="N941089" s="10"/>
    </row>
    <row r="941090" spans="14:14">
      <c r="N941090" s="10"/>
    </row>
    <row r="941091" spans="14:14">
      <c r="N941091" s="10"/>
    </row>
    <row r="941092" spans="14:14">
      <c r="N941092" s="10"/>
    </row>
    <row r="941093" spans="14:14">
      <c r="N941093" s="10"/>
    </row>
    <row r="941094" spans="14:14">
      <c r="N941094" s="10"/>
    </row>
    <row r="941095" spans="14:14">
      <c r="N941095" s="10"/>
    </row>
    <row r="941096" spans="14:14">
      <c r="N941096" s="10"/>
    </row>
    <row r="941097" spans="14:14">
      <c r="N941097" s="10"/>
    </row>
    <row r="941098" spans="14:14">
      <c r="N941098" s="10"/>
    </row>
    <row r="941099" spans="14:14">
      <c r="N941099" s="10"/>
    </row>
    <row r="941100" spans="14:14">
      <c r="N941100" s="10"/>
    </row>
    <row r="941101" spans="14:14">
      <c r="N941101" s="10"/>
    </row>
    <row r="941102" spans="14:14">
      <c r="N941102" s="10"/>
    </row>
    <row r="941103" spans="14:14">
      <c r="N941103" s="10"/>
    </row>
    <row r="941104" spans="14:14">
      <c r="N941104" s="10"/>
    </row>
    <row r="941105" spans="14:14">
      <c r="N941105" s="10"/>
    </row>
    <row r="941106" spans="14:14">
      <c r="N941106" s="10"/>
    </row>
    <row r="941107" spans="14:14">
      <c r="N941107" s="10"/>
    </row>
    <row r="941108" spans="14:14">
      <c r="N941108" s="10"/>
    </row>
    <row r="941109" spans="14:14">
      <c r="N941109" s="10"/>
    </row>
    <row r="941110" spans="14:14">
      <c r="N941110" s="10"/>
    </row>
    <row r="941111" spans="14:14">
      <c r="N941111" s="10"/>
    </row>
    <row r="941112" spans="14:14">
      <c r="N941112" s="10"/>
    </row>
    <row r="941113" spans="14:14">
      <c r="N941113" s="10"/>
    </row>
    <row r="941114" spans="14:14">
      <c r="N941114" s="10"/>
    </row>
    <row r="941115" spans="14:14">
      <c r="N941115" s="10"/>
    </row>
    <row r="941116" spans="14:14">
      <c r="N941116" s="10"/>
    </row>
    <row r="941117" spans="14:14">
      <c r="N941117" s="10"/>
    </row>
    <row r="941118" spans="14:14">
      <c r="N941118" s="10"/>
    </row>
    <row r="941119" spans="14:14">
      <c r="N941119" s="10"/>
    </row>
    <row r="941120" spans="14:14">
      <c r="N941120" s="10"/>
    </row>
    <row r="941121" spans="14:14">
      <c r="N941121" s="10"/>
    </row>
    <row r="941122" spans="14:14">
      <c r="N941122" s="10"/>
    </row>
    <row r="941123" spans="14:14">
      <c r="N941123" s="10"/>
    </row>
    <row r="941124" spans="14:14">
      <c r="N941124" s="10"/>
    </row>
    <row r="941125" spans="14:14">
      <c r="N941125" s="10"/>
    </row>
    <row r="941126" spans="14:14">
      <c r="N941126" s="10"/>
    </row>
    <row r="941127" spans="14:14">
      <c r="N941127" s="10"/>
    </row>
    <row r="941128" spans="14:14">
      <c r="N941128" s="10"/>
    </row>
    <row r="941129" spans="14:14">
      <c r="N941129" s="10"/>
    </row>
    <row r="941130" spans="14:14">
      <c r="N941130" s="10"/>
    </row>
    <row r="941131" spans="14:14">
      <c r="N941131" s="10"/>
    </row>
    <row r="941132" spans="14:14">
      <c r="N941132" s="10"/>
    </row>
    <row r="941133" spans="14:14">
      <c r="N941133" s="10"/>
    </row>
    <row r="941134" spans="14:14">
      <c r="N941134" s="10"/>
    </row>
    <row r="941135" spans="14:14">
      <c r="N941135" s="10"/>
    </row>
    <row r="941136" spans="14:14">
      <c r="N941136" s="10"/>
    </row>
    <row r="941137" spans="14:14">
      <c r="N941137" s="10"/>
    </row>
    <row r="941138" spans="14:14">
      <c r="N941138" s="10"/>
    </row>
    <row r="941139" spans="14:14">
      <c r="N941139" s="10"/>
    </row>
    <row r="941140" spans="14:14">
      <c r="N941140" s="10"/>
    </row>
    <row r="941141" spans="14:14">
      <c r="N941141" s="10"/>
    </row>
    <row r="941142" spans="14:14">
      <c r="N941142" s="10"/>
    </row>
    <row r="941143" spans="14:14">
      <c r="N941143" s="10"/>
    </row>
    <row r="941144" spans="14:14">
      <c r="N941144" s="10"/>
    </row>
    <row r="941145" spans="14:14">
      <c r="N941145" s="10"/>
    </row>
    <row r="941146" spans="14:14">
      <c r="N941146" s="10"/>
    </row>
    <row r="941147" spans="14:14">
      <c r="N941147" s="10"/>
    </row>
    <row r="941148" spans="14:14">
      <c r="N941148" s="10"/>
    </row>
    <row r="941149" spans="14:14">
      <c r="N941149" s="10"/>
    </row>
    <row r="941150" spans="14:14">
      <c r="N941150" s="10"/>
    </row>
    <row r="941151" spans="14:14">
      <c r="N941151" s="10"/>
    </row>
    <row r="941152" spans="14:14">
      <c r="N941152" s="10"/>
    </row>
    <row r="941153" spans="14:14">
      <c r="N941153" s="10"/>
    </row>
    <row r="941154" spans="14:14">
      <c r="N941154" s="10"/>
    </row>
    <row r="941155" spans="14:14">
      <c r="N941155" s="10"/>
    </row>
    <row r="941156" spans="14:14">
      <c r="N941156" s="10"/>
    </row>
    <row r="941157" spans="14:14">
      <c r="N941157" s="10"/>
    </row>
    <row r="941158" spans="14:14">
      <c r="N941158" s="10"/>
    </row>
    <row r="941159" spans="14:14">
      <c r="N941159" s="10"/>
    </row>
    <row r="941160" spans="14:14">
      <c r="N941160" s="10"/>
    </row>
    <row r="941161" spans="14:14">
      <c r="N941161" s="10"/>
    </row>
    <row r="941162" spans="14:14">
      <c r="N941162" s="10"/>
    </row>
    <row r="941163" spans="14:14">
      <c r="N941163" s="10"/>
    </row>
    <row r="941164" spans="14:14">
      <c r="N941164" s="10"/>
    </row>
    <row r="941165" spans="14:14">
      <c r="N941165" s="10"/>
    </row>
    <row r="941166" spans="14:14">
      <c r="N941166" s="10"/>
    </row>
    <row r="941167" spans="14:14">
      <c r="N941167" s="10"/>
    </row>
    <row r="941168" spans="14:14">
      <c r="N941168" s="10"/>
    </row>
    <row r="941169" spans="14:14">
      <c r="N941169" s="10"/>
    </row>
    <row r="941170" spans="14:14">
      <c r="N941170" s="10"/>
    </row>
    <row r="941171" spans="14:14">
      <c r="N941171" s="10"/>
    </row>
    <row r="941172" spans="14:14">
      <c r="N941172" s="10"/>
    </row>
    <row r="941173" spans="14:14">
      <c r="N941173" s="10"/>
    </row>
    <row r="941174" spans="14:14">
      <c r="N941174" s="10"/>
    </row>
    <row r="941175" spans="14:14">
      <c r="N941175" s="10"/>
    </row>
    <row r="941176" spans="14:14">
      <c r="N941176" s="10"/>
    </row>
    <row r="941177" spans="14:14">
      <c r="N941177" s="10"/>
    </row>
    <row r="941178" spans="14:14">
      <c r="N941178" s="10"/>
    </row>
    <row r="941179" spans="14:14">
      <c r="N941179" s="10"/>
    </row>
    <row r="941180" spans="14:14">
      <c r="N941180" s="10"/>
    </row>
    <row r="941181" spans="14:14">
      <c r="N941181" s="10"/>
    </row>
    <row r="941182" spans="14:14">
      <c r="N941182" s="10"/>
    </row>
    <row r="941183" spans="14:14">
      <c r="N941183" s="10"/>
    </row>
    <row r="941184" spans="14:14">
      <c r="N941184" s="10"/>
    </row>
    <row r="941185" spans="14:14">
      <c r="N941185" s="10"/>
    </row>
    <row r="941186" spans="14:14">
      <c r="N941186" s="10"/>
    </row>
    <row r="941187" spans="14:14">
      <c r="N941187" s="10"/>
    </row>
    <row r="941188" spans="14:14">
      <c r="N941188" s="10"/>
    </row>
    <row r="941189" spans="14:14">
      <c r="N941189" s="10"/>
    </row>
    <row r="941190" spans="14:14">
      <c r="N941190" s="10"/>
    </row>
    <row r="941191" spans="14:14">
      <c r="N941191" s="10"/>
    </row>
    <row r="941192" spans="14:14">
      <c r="N941192" s="10"/>
    </row>
    <row r="941193" spans="14:14">
      <c r="N941193" s="10"/>
    </row>
    <row r="941194" spans="14:14">
      <c r="N941194" s="10"/>
    </row>
    <row r="941195" spans="14:14">
      <c r="N941195" s="10"/>
    </row>
    <row r="941196" spans="14:14">
      <c r="N941196" s="10"/>
    </row>
    <row r="941197" spans="14:14">
      <c r="N941197" s="10"/>
    </row>
    <row r="941198" spans="14:14">
      <c r="N941198" s="10"/>
    </row>
    <row r="941199" spans="14:14">
      <c r="N941199" s="10"/>
    </row>
    <row r="941200" spans="14:14">
      <c r="N941200" s="10"/>
    </row>
    <row r="941201" spans="14:14">
      <c r="N941201" s="10"/>
    </row>
    <row r="941202" spans="14:14">
      <c r="N941202" s="10"/>
    </row>
    <row r="941203" spans="14:14">
      <c r="N941203" s="10"/>
    </row>
    <row r="941204" spans="14:14">
      <c r="N941204" s="10"/>
    </row>
    <row r="941205" spans="14:14">
      <c r="N941205" s="10"/>
    </row>
    <row r="941206" spans="14:14">
      <c r="N941206" s="10"/>
    </row>
    <row r="941207" spans="14:14">
      <c r="N941207" s="10"/>
    </row>
    <row r="941208" spans="14:14">
      <c r="N941208" s="10"/>
    </row>
    <row r="941209" spans="14:14">
      <c r="N941209" s="10"/>
    </row>
    <row r="941210" spans="14:14">
      <c r="N941210" s="10"/>
    </row>
    <row r="941211" spans="14:14">
      <c r="N941211" s="10"/>
    </row>
    <row r="941212" spans="14:14">
      <c r="N941212" s="10"/>
    </row>
    <row r="941213" spans="14:14">
      <c r="N941213" s="10"/>
    </row>
    <row r="941214" spans="14:14">
      <c r="N941214" s="10"/>
    </row>
    <row r="941215" spans="14:14">
      <c r="N941215" s="10"/>
    </row>
    <row r="941216" spans="14:14">
      <c r="N941216" s="10"/>
    </row>
    <row r="941217" spans="14:14">
      <c r="N941217" s="10"/>
    </row>
    <row r="941218" spans="14:14">
      <c r="N941218" s="10"/>
    </row>
    <row r="941219" spans="14:14">
      <c r="N941219" s="10"/>
    </row>
    <row r="941220" spans="14:14">
      <c r="N941220" s="10"/>
    </row>
    <row r="941221" spans="14:14">
      <c r="N941221" s="10"/>
    </row>
    <row r="941222" spans="14:14">
      <c r="N941222" s="10"/>
    </row>
    <row r="941223" spans="14:14">
      <c r="N941223" s="10"/>
    </row>
    <row r="941224" spans="14:14">
      <c r="N941224" s="10"/>
    </row>
    <row r="941225" spans="14:14">
      <c r="N941225" s="10"/>
    </row>
    <row r="941226" spans="14:14">
      <c r="N941226" s="10"/>
    </row>
    <row r="941227" spans="14:14">
      <c r="N941227" s="10"/>
    </row>
    <row r="941228" spans="14:14">
      <c r="N941228" s="10"/>
    </row>
    <row r="941229" spans="14:14">
      <c r="N941229" s="10"/>
    </row>
    <row r="941230" spans="14:14">
      <c r="N941230" s="10"/>
    </row>
    <row r="941231" spans="14:14">
      <c r="N941231" s="10"/>
    </row>
    <row r="941232" spans="14:14">
      <c r="N941232" s="10"/>
    </row>
    <row r="941233" spans="14:14">
      <c r="N941233" s="10"/>
    </row>
    <row r="941234" spans="14:14">
      <c r="N941234" s="10"/>
    </row>
    <row r="941235" spans="14:14">
      <c r="N941235" s="10"/>
    </row>
    <row r="941236" spans="14:14">
      <c r="N941236" s="10"/>
    </row>
    <row r="941237" spans="14:14">
      <c r="N941237" s="10"/>
    </row>
    <row r="941238" spans="14:14">
      <c r="N941238" s="10"/>
    </row>
    <row r="941239" spans="14:14">
      <c r="N941239" s="10"/>
    </row>
    <row r="941240" spans="14:14">
      <c r="N941240" s="10"/>
    </row>
    <row r="941241" spans="14:14">
      <c r="N941241" s="10"/>
    </row>
    <row r="941242" spans="14:14">
      <c r="N941242" s="10"/>
    </row>
    <row r="941243" spans="14:14">
      <c r="N941243" s="10"/>
    </row>
    <row r="941244" spans="14:14">
      <c r="N941244" s="10"/>
    </row>
    <row r="941245" spans="14:14">
      <c r="N941245" s="10"/>
    </row>
    <row r="941246" spans="14:14">
      <c r="N941246" s="10"/>
    </row>
    <row r="941247" spans="14:14">
      <c r="N941247" s="10"/>
    </row>
    <row r="941248" spans="14:14">
      <c r="N941248" s="10"/>
    </row>
    <row r="941249" spans="14:14">
      <c r="N941249" s="10"/>
    </row>
    <row r="941250" spans="14:14">
      <c r="N941250" s="10"/>
    </row>
    <row r="941251" spans="14:14">
      <c r="N941251" s="10"/>
    </row>
    <row r="941252" spans="14:14">
      <c r="N941252" s="10"/>
    </row>
    <row r="941253" spans="14:14">
      <c r="N941253" s="10"/>
    </row>
    <row r="941254" spans="14:14">
      <c r="N941254" s="10"/>
    </row>
    <row r="941255" spans="14:14">
      <c r="N941255" s="10"/>
    </row>
    <row r="941256" spans="14:14">
      <c r="N941256" s="10"/>
    </row>
    <row r="941257" spans="14:14">
      <c r="N941257" s="10"/>
    </row>
    <row r="941258" spans="14:14">
      <c r="N941258" s="10"/>
    </row>
    <row r="941259" spans="14:14">
      <c r="N941259" s="10"/>
    </row>
    <row r="941260" spans="14:14">
      <c r="N941260" s="10"/>
    </row>
    <row r="941261" spans="14:14">
      <c r="N941261" s="10"/>
    </row>
    <row r="941262" spans="14:14">
      <c r="N941262" s="10"/>
    </row>
    <row r="941263" spans="14:14">
      <c r="N941263" s="10"/>
    </row>
    <row r="941264" spans="14:14">
      <c r="N941264" s="10"/>
    </row>
    <row r="941265" spans="14:14">
      <c r="N941265" s="10"/>
    </row>
    <row r="941266" spans="14:14">
      <c r="N941266" s="10"/>
    </row>
    <row r="941267" spans="14:14">
      <c r="N941267" s="10"/>
    </row>
    <row r="941268" spans="14:14">
      <c r="N941268" s="10"/>
    </row>
    <row r="941269" spans="14:14">
      <c r="N941269" s="10"/>
    </row>
    <row r="941270" spans="14:14">
      <c r="N941270" s="10"/>
    </row>
    <row r="941271" spans="14:14">
      <c r="N941271" s="10"/>
    </row>
    <row r="941272" spans="14:14">
      <c r="N941272" s="10"/>
    </row>
    <row r="941273" spans="14:14">
      <c r="N941273" s="10"/>
    </row>
    <row r="941274" spans="14:14">
      <c r="N941274" s="10"/>
    </row>
    <row r="941275" spans="14:14">
      <c r="N941275" s="10"/>
    </row>
    <row r="941276" spans="14:14">
      <c r="N941276" s="10"/>
    </row>
    <row r="941277" spans="14:14">
      <c r="N941277" s="10"/>
    </row>
    <row r="941278" spans="14:14">
      <c r="N941278" s="10"/>
    </row>
    <row r="941279" spans="14:14">
      <c r="N941279" s="10"/>
    </row>
    <row r="941280" spans="14:14">
      <c r="N941280" s="10"/>
    </row>
    <row r="941281" spans="14:14">
      <c r="N941281" s="10"/>
    </row>
    <row r="941282" spans="14:14">
      <c r="N941282" s="10"/>
    </row>
    <row r="941283" spans="14:14">
      <c r="N941283" s="10"/>
    </row>
    <row r="941284" spans="14:14">
      <c r="N941284" s="10"/>
    </row>
    <row r="941285" spans="14:14">
      <c r="N941285" s="10"/>
    </row>
    <row r="941286" spans="14:14">
      <c r="N941286" s="10"/>
    </row>
    <row r="941287" spans="14:14">
      <c r="N941287" s="10"/>
    </row>
    <row r="941288" spans="14:14">
      <c r="N941288" s="10"/>
    </row>
    <row r="941289" spans="14:14">
      <c r="N941289" s="10"/>
    </row>
    <row r="941290" spans="14:14">
      <c r="N941290" s="10"/>
    </row>
    <row r="941291" spans="14:14">
      <c r="N941291" s="10"/>
    </row>
    <row r="941292" spans="14:14">
      <c r="N941292" s="10"/>
    </row>
    <row r="941293" spans="14:14">
      <c r="N941293" s="10"/>
    </row>
    <row r="941294" spans="14:14">
      <c r="N941294" s="10"/>
    </row>
    <row r="941295" spans="14:14">
      <c r="N941295" s="10"/>
    </row>
    <row r="941296" spans="14:14">
      <c r="N941296" s="10"/>
    </row>
    <row r="941297" spans="14:14">
      <c r="N941297" s="10"/>
    </row>
    <row r="941298" spans="14:14">
      <c r="N941298" s="10"/>
    </row>
    <row r="941299" spans="14:14">
      <c r="N941299" s="10"/>
    </row>
    <row r="941300" spans="14:14">
      <c r="N941300" s="10"/>
    </row>
    <row r="941301" spans="14:14">
      <c r="N941301" s="10"/>
    </row>
    <row r="941302" spans="14:14">
      <c r="N941302" s="10"/>
    </row>
    <row r="941303" spans="14:14">
      <c r="N941303" s="10"/>
    </row>
    <row r="941304" spans="14:14">
      <c r="N941304" s="10"/>
    </row>
    <row r="941305" spans="14:14">
      <c r="N941305" s="10"/>
    </row>
    <row r="941306" spans="14:14">
      <c r="N941306" s="10"/>
    </row>
    <row r="941307" spans="14:14">
      <c r="N941307" s="10"/>
    </row>
    <row r="941308" spans="14:14">
      <c r="N941308" s="10"/>
    </row>
    <row r="941309" spans="14:14">
      <c r="N941309" s="10"/>
    </row>
    <row r="941310" spans="14:14">
      <c r="N941310" s="10"/>
    </row>
    <row r="941311" spans="14:14">
      <c r="N941311" s="10"/>
    </row>
    <row r="941312" spans="14:14">
      <c r="N941312" s="10"/>
    </row>
    <row r="941313" spans="14:14">
      <c r="N941313" s="10"/>
    </row>
    <row r="941314" spans="14:14">
      <c r="N941314" s="10"/>
    </row>
    <row r="941315" spans="14:14">
      <c r="N941315" s="10"/>
    </row>
    <row r="941316" spans="14:14">
      <c r="N941316" s="10"/>
    </row>
    <row r="941317" spans="14:14">
      <c r="N941317" s="10"/>
    </row>
    <row r="941318" spans="14:14">
      <c r="N941318" s="10"/>
    </row>
    <row r="941319" spans="14:14">
      <c r="N941319" s="10"/>
    </row>
    <row r="941320" spans="14:14">
      <c r="N941320" s="10"/>
    </row>
    <row r="941321" spans="14:14">
      <c r="N941321" s="10"/>
    </row>
    <row r="941322" spans="14:14">
      <c r="N941322" s="10"/>
    </row>
    <row r="941323" spans="14:14">
      <c r="N941323" s="10"/>
    </row>
    <row r="941324" spans="14:14">
      <c r="N941324" s="10"/>
    </row>
    <row r="941325" spans="14:14">
      <c r="N941325" s="10"/>
    </row>
    <row r="941326" spans="14:14">
      <c r="N941326" s="10"/>
    </row>
    <row r="941327" spans="14:14">
      <c r="N941327" s="10"/>
    </row>
    <row r="941328" spans="14:14">
      <c r="N941328" s="10"/>
    </row>
    <row r="941329" spans="14:14">
      <c r="N941329" s="10"/>
    </row>
    <row r="941330" spans="14:14">
      <c r="N941330" s="10"/>
    </row>
    <row r="941331" spans="14:14">
      <c r="N941331" s="10"/>
    </row>
    <row r="941332" spans="14:14">
      <c r="N941332" s="10"/>
    </row>
    <row r="941333" spans="14:14">
      <c r="N941333" s="10"/>
    </row>
    <row r="941334" spans="14:14">
      <c r="N941334" s="10"/>
    </row>
    <row r="941335" spans="14:14">
      <c r="N941335" s="10"/>
    </row>
    <row r="941336" spans="14:14">
      <c r="N941336" s="10"/>
    </row>
    <row r="941337" spans="14:14">
      <c r="N941337" s="10"/>
    </row>
    <row r="941338" spans="14:14">
      <c r="N941338" s="10"/>
    </row>
    <row r="941339" spans="14:14">
      <c r="N941339" s="10"/>
    </row>
    <row r="941340" spans="14:14">
      <c r="N941340" s="10"/>
    </row>
    <row r="941341" spans="14:14">
      <c r="N941341" s="10"/>
    </row>
    <row r="941342" spans="14:14">
      <c r="N941342" s="10"/>
    </row>
    <row r="941343" spans="14:14">
      <c r="N941343" s="10"/>
    </row>
    <row r="941344" spans="14:14">
      <c r="N941344" s="10"/>
    </row>
    <row r="941345" spans="14:14">
      <c r="N941345" s="10"/>
    </row>
    <row r="941346" spans="14:14">
      <c r="N941346" s="10"/>
    </row>
    <row r="941347" spans="14:14">
      <c r="N941347" s="10"/>
    </row>
    <row r="941348" spans="14:14">
      <c r="N941348" s="10"/>
    </row>
    <row r="941349" spans="14:14">
      <c r="N941349" s="10"/>
    </row>
    <row r="941350" spans="14:14">
      <c r="N941350" s="10"/>
    </row>
    <row r="941351" spans="14:14">
      <c r="N941351" s="10"/>
    </row>
    <row r="941352" spans="14:14">
      <c r="N941352" s="10"/>
    </row>
    <row r="941353" spans="14:14">
      <c r="N941353" s="10"/>
    </row>
    <row r="941354" spans="14:14">
      <c r="N941354" s="10"/>
    </row>
    <row r="941355" spans="14:14">
      <c r="N941355" s="10"/>
    </row>
    <row r="941356" spans="14:14">
      <c r="N941356" s="10"/>
    </row>
    <row r="941357" spans="14:14">
      <c r="N941357" s="10"/>
    </row>
    <row r="941358" spans="14:14">
      <c r="N941358" s="10"/>
    </row>
    <row r="941359" spans="14:14">
      <c r="N941359" s="10"/>
    </row>
    <row r="941360" spans="14:14">
      <c r="N941360" s="10"/>
    </row>
    <row r="941361" spans="14:14">
      <c r="N941361" s="10"/>
    </row>
    <row r="941362" spans="14:14">
      <c r="N941362" s="10"/>
    </row>
    <row r="941363" spans="14:14">
      <c r="N941363" s="10"/>
    </row>
    <row r="941364" spans="14:14">
      <c r="N941364" s="10"/>
    </row>
    <row r="941365" spans="14:14">
      <c r="N941365" s="10"/>
    </row>
    <row r="941366" spans="14:14">
      <c r="N941366" s="10"/>
    </row>
    <row r="941367" spans="14:14">
      <c r="N941367" s="10"/>
    </row>
    <row r="941368" spans="14:14">
      <c r="N941368" s="10"/>
    </row>
    <row r="941369" spans="14:14">
      <c r="N941369" s="10"/>
    </row>
    <row r="941370" spans="14:14">
      <c r="N941370" s="10"/>
    </row>
    <row r="941371" spans="14:14">
      <c r="N941371" s="10"/>
    </row>
    <row r="941372" spans="14:14">
      <c r="N941372" s="10"/>
    </row>
    <row r="941373" spans="14:14">
      <c r="N941373" s="10"/>
    </row>
    <row r="941374" spans="14:14">
      <c r="N941374" s="10"/>
    </row>
    <row r="941375" spans="14:14">
      <c r="N941375" s="10"/>
    </row>
    <row r="941376" spans="14:14">
      <c r="N941376" s="10"/>
    </row>
    <row r="941377" spans="14:14">
      <c r="N941377" s="10"/>
    </row>
    <row r="941378" spans="14:14">
      <c r="N941378" s="10"/>
    </row>
    <row r="941379" spans="14:14">
      <c r="N941379" s="10"/>
    </row>
    <row r="941380" spans="14:14">
      <c r="N941380" s="10"/>
    </row>
    <row r="941381" spans="14:14">
      <c r="N941381" s="10"/>
    </row>
    <row r="941382" spans="14:14">
      <c r="N941382" s="10"/>
    </row>
    <row r="941383" spans="14:14">
      <c r="N941383" s="10"/>
    </row>
    <row r="941384" spans="14:14">
      <c r="N941384" s="10"/>
    </row>
    <row r="941385" spans="14:14">
      <c r="N941385" s="10"/>
    </row>
    <row r="941386" spans="14:14">
      <c r="N941386" s="10"/>
    </row>
    <row r="941387" spans="14:14">
      <c r="N941387" s="10"/>
    </row>
    <row r="941388" spans="14:14">
      <c r="N941388" s="10"/>
    </row>
    <row r="941389" spans="14:14">
      <c r="N941389" s="10"/>
    </row>
    <row r="941390" spans="14:14">
      <c r="N941390" s="10"/>
    </row>
    <row r="941391" spans="14:14">
      <c r="N941391" s="10"/>
    </row>
    <row r="941392" spans="14:14">
      <c r="N941392" s="10"/>
    </row>
    <row r="941393" spans="14:14">
      <c r="N941393" s="10"/>
    </row>
    <row r="941394" spans="14:14">
      <c r="N941394" s="10"/>
    </row>
    <row r="941395" spans="14:14">
      <c r="N941395" s="10"/>
    </row>
    <row r="941396" spans="14:14">
      <c r="N941396" s="10"/>
    </row>
    <row r="941397" spans="14:14">
      <c r="N941397" s="10"/>
    </row>
    <row r="941398" spans="14:14">
      <c r="N941398" s="10"/>
    </row>
    <row r="941399" spans="14:14">
      <c r="N941399" s="10"/>
    </row>
    <row r="941400" spans="14:14">
      <c r="N941400" s="10"/>
    </row>
    <row r="941401" spans="14:14">
      <c r="N941401" s="10"/>
    </row>
    <row r="941402" spans="14:14">
      <c r="N941402" s="10"/>
    </row>
    <row r="941403" spans="14:14">
      <c r="N941403" s="10"/>
    </row>
    <row r="941404" spans="14:14">
      <c r="N941404" s="10"/>
    </row>
    <row r="941405" spans="14:14">
      <c r="N941405" s="10"/>
    </row>
    <row r="941406" spans="14:14">
      <c r="N941406" s="10"/>
    </row>
    <row r="941407" spans="14:14">
      <c r="N941407" s="10"/>
    </row>
    <row r="941408" spans="14:14">
      <c r="N941408" s="10"/>
    </row>
    <row r="941409" spans="14:14">
      <c r="N941409" s="10"/>
    </row>
    <row r="941410" spans="14:14">
      <c r="N941410" s="10"/>
    </row>
    <row r="941411" spans="14:14">
      <c r="N941411" s="10"/>
    </row>
    <row r="941412" spans="14:14">
      <c r="N941412" s="10"/>
    </row>
    <row r="941413" spans="14:14">
      <c r="N941413" s="10"/>
    </row>
    <row r="941414" spans="14:14">
      <c r="N941414" s="10"/>
    </row>
    <row r="941415" spans="14:14">
      <c r="N941415" s="10"/>
    </row>
    <row r="941416" spans="14:14">
      <c r="N941416" s="10"/>
    </row>
    <row r="941417" spans="14:14">
      <c r="N941417" s="10"/>
    </row>
    <row r="941418" spans="14:14">
      <c r="N941418" s="10"/>
    </row>
    <row r="941419" spans="14:14">
      <c r="N941419" s="10"/>
    </row>
    <row r="941420" spans="14:14">
      <c r="N941420" s="10"/>
    </row>
    <row r="941421" spans="14:14">
      <c r="N941421" s="10"/>
    </row>
    <row r="941422" spans="14:14">
      <c r="N941422" s="10"/>
    </row>
    <row r="941423" spans="14:14">
      <c r="N941423" s="10"/>
    </row>
    <row r="941424" spans="14:14">
      <c r="N941424" s="10"/>
    </row>
    <row r="941425" spans="14:14">
      <c r="N941425" s="10"/>
    </row>
    <row r="941426" spans="14:14">
      <c r="N941426" s="10"/>
    </row>
    <row r="941427" spans="14:14">
      <c r="N941427" s="10"/>
    </row>
    <row r="941428" spans="14:14">
      <c r="N941428" s="10"/>
    </row>
    <row r="941429" spans="14:14">
      <c r="N941429" s="10"/>
    </row>
    <row r="941430" spans="14:14">
      <c r="N941430" s="10"/>
    </row>
    <row r="941431" spans="14:14">
      <c r="N941431" s="10"/>
    </row>
    <row r="941432" spans="14:14">
      <c r="N941432" s="10"/>
    </row>
    <row r="941433" spans="14:14">
      <c r="N941433" s="10"/>
    </row>
    <row r="941434" spans="14:14">
      <c r="N941434" s="10"/>
    </row>
    <row r="941435" spans="14:14">
      <c r="N941435" s="10"/>
    </row>
    <row r="941436" spans="14:14">
      <c r="N941436" s="10"/>
    </row>
    <row r="941437" spans="14:14">
      <c r="N941437" s="10"/>
    </row>
    <row r="941438" spans="14:14">
      <c r="N941438" s="10"/>
    </row>
    <row r="941439" spans="14:14">
      <c r="N941439" s="10"/>
    </row>
    <row r="941440" spans="14:14">
      <c r="N941440" s="10"/>
    </row>
    <row r="941441" spans="14:14">
      <c r="N941441" s="10"/>
    </row>
    <row r="941442" spans="14:14">
      <c r="N941442" s="10"/>
    </row>
    <row r="941443" spans="14:14">
      <c r="N941443" s="10"/>
    </row>
    <row r="941444" spans="14:14">
      <c r="N941444" s="10"/>
    </row>
    <row r="941445" spans="14:14">
      <c r="N941445" s="10"/>
    </row>
    <row r="941446" spans="14:14">
      <c r="N941446" s="10"/>
    </row>
    <row r="941447" spans="14:14">
      <c r="N941447" s="10"/>
    </row>
    <row r="941448" spans="14:14">
      <c r="N941448" s="10"/>
    </row>
    <row r="941449" spans="14:14">
      <c r="N941449" s="10"/>
    </row>
    <row r="941450" spans="14:14">
      <c r="N941450" s="10"/>
    </row>
    <row r="941451" spans="14:14">
      <c r="N941451" s="10"/>
    </row>
    <row r="941452" spans="14:14">
      <c r="N941452" s="10"/>
    </row>
    <row r="941453" spans="14:14">
      <c r="N941453" s="10"/>
    </row>
    <row r="941454" spans="14:14">
      <c r="N941454" s="10"/>
    </row>
    <row r="941455" spans="14:14">
      <c r="N941455" s="10"/>
    </row>
    <row r="941456" spans="14:14">
      <c r="N941456" s="10"/>
    </row>
    <row r="941457" spans="14:14">
      <c r="N941457" s="10"/>
    </row>
    <row r="941458" spans="14:14">
      <c r="N941458" s="10"/>
    </row>
    <row r="941459" spans="14:14">
      <c r="N941459" s="10"/>
    </row>
    <row r="941460" spans="14:14">
      <c r="N941460" s="10"/>
    </row>
    <row r="941461" spans="14:14">
      <c r="N941461" s="10"/>
    </row>
    <row r="941462" spans="14:14">
      <c r="N941462" s="10"/>
    </row>
    <row r="941463" spans="14:14">
      <c r="N941463" s="10"/>
    </row>
    <row r="941464" spans="14:14">
      <c r="N941464" s="10"/>
    </row>
    <row r="941465" spans="14:14">
      <c r="N941465" s="10"/>
    </row>
    <row r="941466" spans="14:14">
      <c r="N941466" s="10"/>
    </row>
    <row r="941467" spans="14:14">
      <c r="N941467" s="10"/>
    </row>
    <row r="941468" spans="14:14">
      <c r="N941468" s="10"/>
    </row>
    <row r="941469" spans="14:14">
      <c r="N941469" s="10"/>
    </row>
    <row r="941470" spans="14:14">
      <c r="N941470" s="10"/>
    </row>
    <row r="941471" spans="14:14">
      <c r="N941471" s="10"/>
    </row>
    <row r="941472" spans="14:14">
      <c r="N941472" s="10"/>
    </row>
    <row r="941473" spans="14:14">
      <c r="N941473" s="10"/>
    </row>
    <row r="941474" spans="14:14">
      <c r="N941474" s="10"/>
    </row>
    <row r="941475" spans="14:14">
      <c r="N941475" s="10"/>
    </row>
    <row r="941476" spans="14:14">
      <c r="N941476" s="10"/>
    </row>
    <row r="941477" spans="14:14">
      <c r="N941477" s="10"/>
    </row>
    <row r="941478" spans="14:14">
      <c r="N941478" s="10"/>
    </row>
    <row r="941479" spans="14:14">
      <c r="N941479" s="10"/>
    </row>
    <row r="941480" spans="14:14">
      <c r="N941480" s="10"/>
    </row>
    <row r="941481" spans="14:14">
      <c r="N941481" s="10"/>
    </row>
    <row r="941482" spans="14:14">
      <c r="N941482" s="10"/>
    </row>
    <row r="941483" spans="14:14">
      <c r="N941483" s="10"/>
    </row>
    <row r="941484" spans="14:14">
      <c r="N941484" s="10"/>
    </row>
    <row r="941485" spans="14:14">
      <c r="N941485" s="10"/>
    </row>
    <row r="941486" spans="14:14">
      <c r="N941486" s="10"/>
    </row>
    <row r="941487" spans="14:14">
      <c r="N941487" s="10"/>
    </row>
    <row r="941488" spans="14:14">
      <c r="N941488" s="10"/>
    </row>
    <row r="941489" spans="14:14">
      <c r="N941489" s="10"/>
    </row>
    <row r="941490" spans="14:14">
      <c r="N941490" s="10"/>
    </row>
    <row r="941491" spans="14:14">
      <c r="N941491" s="10"/>
    </row>
    <row r="941492" spans="14:14">
      <c r="N941492" s="10"/>
    </row>
    <row r="941493" spans="14:14">
      <c r="N941493" s="10"/>
    </row>
    <row r="941494" spans="14:14">
      <c r="N941494" s="10"/>
    </row>
    <row r="941495" spans="14:14">
      <c r="N941495" s="10"/>
    </row>
    <row r="941496" spans="14:14">
      <c r="N941496" s="10"/>
    </row>
    <row r="941497" spans="14:14">
      <c r="N941497" s="10"/>
    </row>
    <row r="941498" spans="14:14">
      <c r="N941498" s="10"/>
    </row>
    <row r="941499" spans="14:14">
      <c r="N941499" s="10"/>
    </row>
    <row r="941500" spans="14:14">
      <c r="N941500" s="10"/>
    </row>
    <row r="941501" spans="14:14">
      <c r="N941501" s="10"/>
    </row>
    <row r="941502" spans="14:14">
      <c r="N941502" s="10"/>
    </row>
    <row r="941503" spans="14:14">
      <c r="N941503" s="10"/>
    </row>
    <row r="941504" spans="14:14">
      <c r="N941504" s="10"/>
    </row>
    <row r="941505" spans="14:14">
      <c r="N941505" s="10"/>
    </row>
    <row r="941506" spans="14:14">
      <c r="N941506" s="10"/>
    </row>
    <row r="941507" spans="14:14">
      <c r="N941507" s="10"/>
    </row>
    <row r="941508" spans="14:14">
      <c r="N941508" s="10"/>
    </row>
    <row r="941509" spans="14:14">
      <c r="N941509" s="10"/>
    </row>
    <row r="941510" spans="14:14">
      <c r="N941510" s="10"/>
    </row>
    <row r="941511" spans="14:14">
      <c r="N941511" s="10"/>
    </row>
    <row r="941512" spans="14:14">
      <c r="N941512" s="10"/>
    </row>
    <row r="941513" spans="14:14">
      <c r="N941513" s="10"/>
    </row>
    <row r="941514" spans="14:14">
      <c r="N941514" s="10"/>
    </row>
    <row r="941515" spans="14:14">
      <c r="N941515" s="10"/>
    </row>
    <row r="941516" spans="14:14">
      <c r="N941516" s="10"/>
    </row>
    <row r="941517" spans="14:14">
      <c r="N941517" s="10"/>
    </row>
    <row r="941518" spans="14:14">
      <c r="N941518" s="10"/>
    </row>
    <row r="941519" spans="14:14">
      <c r="N941519" s="10"/>
    </row>
    <row r="941520" spans="14:14">
      <c r="N941520" s="10"/>
    </row>
    <row r="941521" spans="14:14">
      <c r="N941521" s="10"/>
    </row>
    <row r="941522" spans="14:14">
      <c r="N941522" s="10"/>
    </row>
    <row r="941523" spans="14:14">
      <c r="N941523" s="10"/>
    </row>
    <row r="941524" spans="14:14">
      <c r="N941524" s="10"/>
    </row>
    <row r="941525" spans="14:14">
      <c r="N941525" s="10"/>
    </row>
    <row r="941526" spans="14:14">
      <c r="N941526" s="10"/>
    </row>
    <row r="941527" spans="14:14">
      <c r="N941527" s="10"/>
    </row>
    <row r="941528" spans="14:14">
      <c r="N941528" s="10"/>
    </row>
    <row r="941529" spans="14:14">
      <c r="N941529" s="10"/>
    </row>
    <row r="941530" spans="14:14">
      <c r="N941530" s="10"/>
    </row>
    <row r="941531" spans="14:14">
      <c r="N941531" s="10"/>
    </row>
    <row r="941532" spans="14:14">
      <c r="N941532" s="10"/>
    </row>
    <row r="941533" spans="14:14">
      <c r="N941533" s="10"/>
    </row>
    <row r="941534" spans="14:14">
      <c r="N941534" s="10"/>
    </row>
    <row r="941535" spans="14:14">
      <c r="N941535" s="10"/>
    </row>
    <row r="941536" spans="14:14">
      <c r="N941536" s="10"/>
    </row>
    <row r="941537" spans="14:14">
      <c r="N941537" s="10"/>
    </row>
    <row r="941538" spans="14:14">
      <c r="N941538" s="10"/>
    </row>
    <row r="941539" spans="14:14">
      <c r="N941539" s="10"/>
    </row>
    <row r="941540" spans="14:14">
      <c r="N941540" s="10"/>
    </row>
    <row r="941541" spans="14:14">
      <c r="N941541" s="10"/>
    </row>
    <row r="941542" spans="14:14">
      <c r="N941542" s="10"/>
    </row>
    <row r="941543" spans="14:14">
      <c r="N941543" s="10"/>
    </row>
    <row r="941544" spans="14:14">
      <c r="N941544" s="10"/>
    </row>
    <row r="941545" spans="14:14">
      <c r="N941545" s="10"/>
    </row>
    <row r="941546" spans="14:14">
      <c r="N941546" s="10"/>
    </row>
    <row r="941547" spans="14:14">
      <c r="N941547" s="10"/>
    </row>
    <row r="941548" spans="14:14">
      <c r="N941548" s="10"/>
    </row>
    <row r="941549" spans="14:14">
      <c r="N941549" s="10"/>
    </row>
    <row r="941550" spans="14:14">
      <c r="N941550" s="10"/>
    </row>
    <row r="941551" spans="14:14">
      <c r="N941551" s="10"/>
    </row>
    <row r="941552" spans="14:14">
      <c r="N941552" s="10"/>
    </row>
    <row r="941553" spans="14:14">
      <c r="N941553" s="10"/>
    </row>
    <row r="941554" spans="14:14">
      <c r="N941554" s="10"/>
    </row>
    <row r="941555" spans="14:14">
      <c r="N941555" s="10"/>
    </row>
    <row r="941556" spans="14:14">
      <c r="N941556" s="10"/>
    </row>
    <row r="941557" spans="14:14">
      <c r="N941557" s="10"/>
    </row>
    <row r="941558" spans="14:14">
      <c r="N941558" s="10"/>
    </row>
    <row r="941559" spans="14:14">
      <c r="N941559" s="10"/>
    </row>
    <row r="941560" spans="14:14">
      <c r="N941560" s="10"/>
    </row>
    <row r="941561" spans="14:14">
      <c r="N941561" s="10"/>
    </row>
    <row r="941562" spans="14:14">
      <c r="N941562" s="10"/>
    </row>
    <row r="941563" spans="14:14">
      <c r="N941563" s="10"/>
    </row>
    <row r="941564" spans="14:14">
      <c r="N941564" s="10"/>
    </row>
    <row r="941565" spans="14:14">
      <c r="N941565" s="10"/>
    </row>
    <row r="941566" spans="14:14">
      <c r="N941566" s="10"/>
    </row>
    <row r="941567" spans="14:14">
      <c r="N941567" s="10"/>
    </row>
    <row r="941568" spans="14:14">
      <c r="N941568" s="10"/>
    </row>
    <row r="941569" spans="14:14">
      <c r="N941569" s="10"/>
    </row>
    <row r="941570" spans="14:14">
      <c r="N941570" s="10"/>
    </row>
    <row r="941571" spans="14:14">
      <c r="N941571" s="10"/>
    </row>
    <row r="941572" spans="14:14">
      <c r="N941572" s="10"/>
    </row>
    <row r="941573" spans="14:14">
      <c r="N941573" s="10"/>
    </row>
    <row r="941574" spans="14:14">
      <c r="N941574" s="10"/>
    </row>
    <row r="941575" spans="14:14">
      <c r="N941575" s="10"/>
    </row>
    <row r="941576" spans="14:14">
      <c r="N941576" s="10"/>
    </row>
    <row r="941577" spans="14:14">
      <c r="N941577" s="10"/>
    </row>
    <row r="941578" spans="14:14">
      <c r="N941578" s="10"/>
    </row>
    <row r="941579" spans="14:14">
      <c r="N941579" s="10"/>
    </row>
    <row r="941580" spans="14:14">
      <c r="N941580" s="10"/>
    </row>
    <row r="941581" spans="14:14">
      <c r="N941581" s="10"/>
    </row>
    <row r="941582" spans="14:14">
      <c r="N941582" s="10"/>
    </row>
    <row r="941583" spans="14:14">
      <c r="N941583" s="10"/>
    </row>
    <row r="941584" spans="14:14">
      <c r="N941584" s="10"/>
    </row>
    <row r="941585" spans="14:14">
      <c r="N941585" s="10"/>
    </row>
    <row r="941586" spans="14:14">
      <c r="N941586" s="10"/>
    </row>
    <row r="941587" spans="14:14">
      <c r="N941587" s="10"/>
    </row>
    <row r="941588" spans="14:14">
      <c r="N941588" s="10"/>
    </row>
    <row r="941589" spans="14:14">
      <c r="N941589" s="10"/>
    </row>
    <row r="941590" spans="14:14">
      <c r="N941590" s="10"/>
    </row>
    <row r="941591" spans="14:14">
      <c r="N941591" s="10"/>
    </row>
    <row r="941592" spans="14:14">
      <c r="N941592" s="10"/>
    </row>
    <row r="941593" spans="14:14">
      <c r="N941593" s="10"/>
    </row>
    <row r="941594" spans="14:14">
      <c r="N941594" s="10"/>
    </row>
    <row r="941595" spans="14:14">
      <c r="N941595" s="10"/>
    </row>
    <row r="941596" spans="14:14">
      <c r="N941596" s="10"/>
    </row>
    <row r="941597" spans="14:14">
      <c r="N941597" s="10"/>
    </row>
    <row r="941598" spans="14:14">
      <c r="N941598" s="10"/>
    </row>
    <row r="941599" spans="14:14">
      <c r="N941599" s="10"/>
    </row>
    <row r="941600" spans="14:14">
      <c r="N941600" s="10"/>
    </row>
    <row r="941601" spans="14:14">
      <c r="N941601" s="10"/>
    </row>
    <row r="941602" spans="14:14">
      <c r="N941602" s="10"/>
    </row>
    <row r="941603" spans="14:14">
      <c r="N941603" s="10"/>
    </row>
    <row r="941604" spans="14:14">
      <c r="N941604" s="10"/>
    </row>
    <row r="941605" spans="14:14">
      <c r="N941605" s="10"/>
    </row>
    <row r="941606" spans="14:14">
      <c r="N941606" s="10"/>
    </row>
    <row r="941607" spans="14:14">
      <c r="N941607" s="10"/>
    </row>
    <row r="941608" spans="14:14">
      <c r="N941608" s="10"/>
    </row>
    <row r="941609" spans="14:14">
      <c r="N941609" s="10"/>
    </row>
    <row r="941610" spans="14:14">
      <c r="N941610" s="10"/>
    </row>
    <row r="941611" spans="14:14">
      <c r="N941611" s="10"/>
    </row>
    <row r="941612" spans="14:14">
      <c r="N941612" s="10"/>
    </row>
    <row r="941613" spans="14:14">
      <c r="N941613" s="10"/>
    </row>
    <row r="941614" spans="14:14">
      <c r="N941614" s="10"/>
    </row>
    <row r="941615" spans="14:14">
      <c r="N941615" s="10"/>
    </row>
    <row r="941616" spans="14:14">
      <c r="N941616" s="10"/>
    </row>
    <row r="941617" spans="14:14">
      <c r="N941617" s="10"/>
    </row>
    <row r="941618" spans="14:14">
      <c r="N941618" s="10"/>
    </row>
    <row r="941619" spans="14:14">
      <c r="N941619" s="10"/>
    </row>
    <row r="941620" spans="14:14">
      <c r="N941620" s="10"/>
    </row>
    <row r="941621" spans="14:14">
      <c r="N941621" s="10"/>
    </row>
    <row r="941622" spans="14:14">
      <c r="N941622" s="10"/>
    </row>
    <row r="941623" spans="14:14">
      <c r="N941623" s="10"/>
    </row>
    <row r="941624" spans="14:14">
      <c r="N941624" s="10"/>
    </row>
    <row r="941625" spans="14:14">
      <c r="N941625" s="10"/>
    </row>
    <row r="941626" spans="14:14">
      <c r="N941626" s="10"/>
    </row>
    <row r="941627" spans="14:14">
      <c r="N941627" s="10"/>
    </row>
    <row r="941628" spans="14:14">
      <c r="N941628" s="10"/>
    </row>
    <row r="941629" spans="14:14">
      <c r="N941629" s="10"/>
    </row>
    <row r="941630" spans="14:14">
      <c r="N941630" s="10"/>
    </row>
    <row r="941631" spans="14:14">
      <c r="N941631" s="10"/>
    </row>
    <row r="941632" spans="14:14">
      <c r="N941632" s="10"/>
    </row>
    <row r="941633" spans="14:14">
      <c r="N941633" s="10"/>
    </row>
    <row r="941634" spans="14:14">
      <c r="N941634" s="10"/>
    </row>
    <row r="941635" spans="14:14">
      <c r="N941635" s="10"/>
    </row>
    <row r="941636" spans="14:14">
      <c r="N941636" s="10"/>
    </row>
    <row r="941637" spans="14:14">
      <c r="N941637" s="10"/>
    </row>
    <row r="941638" spans="14:14">
      <c r="N941638" s="10"/>
    </row>
    <row r="941639" spans="14:14">
      <c r="N941639" s="10"/>
    </row>
    <row r="941640" spans="14:14">
      <c r="N941640" s="10"/>
    </row>
    <row r="941641" spans="14:14">
      <c r="N941641" s="10"/>
    </row>
    <row r="941642" spans="14:14">
      <c r="N941642" s="10"/>
    </row>
    <row r="941643" spans="14:14">
      <c r="N941643" s="10"/>
    </row>
    <row r="941644" spans="14:14">
      <c r="N941644" s="10"/>
    </row>
    <row r="941645" spans="14:14">
      <c r="N941645" s="10"/>
    </row>
    <row r="941646" spans="14:14">
      <c r="N941646" s="10"/>
    </row>
    <row r="941647" spans="14:14">
      <c r="N941647" s="10"/>
    </row>
    <row r="941648" spans="14:14">
      <c r="N941648" s="10"/>
    </row>
    <row r="941649" spans="14:14">
      <c r="N941649" s="10"/>
    </row>
    <row r="941650" spans="14:14">
      <c r="N941650" s="10"/>
    </row>
    <row r="941651" spans="14:14">
      <c r="N941651" s="10"/>
    </row>
    <row r="941652" spans="14:14">
      <c r="N941652" s="10"/>
    </row>
    <row r="941653" spans="14:14">
      <c r="N941653" s="10"/>
    </row>
    <row r="941654" spans="14:14">
      <c r="N941654" s="10"/>
    </row>
    <row r="941655" spans="14:14">
      <c r="N941655" s="10"/>
    </row>
    <row r="941656" spans="14:14">
      <c r="N941656" s="10"/>
    </row>
    <row r="941657" spans="14:14">
      <c r="N941657" s="10"/>
    </row>
    <row r="941658" spans="14:14">
      <c r="N941658" s="10"/>
    </row>
    <row r="941659" spans="14:14">
      <c r="N941659" s="10"/>
    </row>
    <row r="941660" spans="14:14">
      <c r="N941660" s="10"/>
    </row>
    <row r="941661" spans="14:14">
      <c r="N941661" s="10"/>
    </row>
    <row r="941662" spans="14:14">
      <c r="N941662" s="10"/>
    </row>
    <row r="941663" spans="14:14">
      <c r="N941663" s="10"/>
    </row>
    <row r="941664" spans="14:14">
      <c r="N941664" s="10"/>
    </row>
    <row r="941665" spans="14:14">
      <c r="N941665" s="10"/>
    </row>
    <row r="941666" spans="14:14">
      <c r="N941666" s="10"/>
    </row>
    <row r="941667" spans="14:14">
      <c r="N941667" s="10"/>
    </row>
    <row r="941668" spans="14:14">
      <c r="N941668" s="10"/>
    </row>
    <row r="941669" spans="14:14">
      <c r="N941669" s="10"/>
    </row>
    <row r="941670" spans="14:14">
      <c r="N941670" s="10"/>
    </row>
    <row r="941671" spans="14:14">
      <c r="N941671" s="10"/>
    </row>
    <row r="941672" spans="14:14">
      <c r="N941672" s="10"/>
    </row>
    <row r="941673" spans="14:14">
      <c r="N941673" s="10"/>
    </row>
    <row r="941674" spans="14:14">
      <c r="N941674" s="10"/>
    </row>
    <row r="941675" spans="14:14">
      <c r="N941675" s="10"/>
    </row>
    <row r="941676" spans="14:14">
      <c r="N941676" s="10"/>
    </row>
    <row r="941677" spans="14:14">
      <c r="N941677" s="10"/>
    </row>
    <row r="941678" spans="14:14">
      <c r="N941678" s="10"/>
    </row>
    <row r="941679" spans="14:14">
      <c r="N941679" s="10"/>
    </row>
    <row r="941680" spans="14:14">
      <c r="N941680" s="10"/>
    </row>
    <row r="941681" spans="14:14">
      <c r="N941681" s="10"/>
    </row>
    <row r="941682" spans="14:14">
      <c r="N941682" s="10"/>
    </row>
    <row r="941683" spans="14:14">
      <c r="N941683" s="10"/>
    </row>
    <row r="941684" spans="14:14">
      <c r="N941684" s="10"/>
    </row>
    <row r="941685" spans="14:14">
      <c r="N941685" s="10"/>
    </row>
    <row r="941686" spans="14:14">
      <c r="N941686" s="10"/>
    </row>
    <row r="941687" spans="14:14">
      <c r="N941687" s="10"/>
    </row>
    <row r="941688" spans="14:14">
      <c r="N941688" s="10"/>
    </row>
    <row r="941689" spans="14:14">
      <c r="N941689" s="10"/>
    </row>
    <row r="941690" spans="14:14">
      <c r="N941690" s="10"/>
    </row>
    <row r="941691" spans="14:14">
      <c r="N941691" s="10"/>
    </row>
    <row r="941692" spans="14:14">
      <c r="N941692" s="10"/>
    </row>
    <row r="941693" spans="14:14">
      <c r="N941693" s="10"/>
    </row>
    <row r="941694" spans="14:14">
      <c r="N941694" s="10"/>
    </row>
    <row r="941695" spans="14:14">
      <c r="N941695" s="10"/>
    </row>
    <row r="941696" spans="14:14">
      <c r="N941696" s="10"/>
    </row>
    <row r="941697" spans="14:14">
      <c r="N941697" s="10"/>
    </row>
    <row r="941698" spans="14:14">
      <c r="N941698" s="10"/>
    </row>
    <row r="941699" spans="14:14">
      <c r="N941699" s="10"/>
    </row>
    <row r="941700" spans="14:14">
      <c r="N941700" s="10"/>
    </row>
    <row r="941701" spans="14:14">
      <c r="N941701" s="10"/>
    </row>
    <row r="941702" spans="14:14">
      <c r="N941702" s="10"/>
    </row>
    <row r="941703" spans="14:14">
      <c r="N941703" s="10"/>
    </row>
    <row r="941704" spans="14:14">
      <c r="N941704" s="10"/>
    </row>
    <row r="941705" spans="14:14">
      <c r="N941705" s="10"/>
    </row>
    <row r="941706" spans="14:14">
      <c r="N941706" s="10"/>
    </row>
    <row r="941707" spans="14:14">
      <c r="N941707" s="10"/>
    </row>
    <row r="941708" spans="14:14">
      <c r="N941708" s="10"/>
    </row>
    <row r="941709" spans="14:14">
      <c r="N941709" s="10"/>
    </row>
    <row r="941710" spans="14:14">
      <c r="N941710" s="10"/>
    </row>
    <row r="941711" spans="14:14">
      <c r="N941711" s="10"/>
    </row>
    <row r="941712" spans="14:14">
      <c r="N941712" s="10"/>
    </row>
    <row r="941713" spans="14:14">
      <c r="N941713" s="10"/>
    </row>
    <row r="941714" spans="14:14">
      <c r="N941714" s="10"/>
    </row>
    <row r="941715" spans="14:14">
      <c r="N941715" s="10"/>
    </row>
    <row r="941716" spans="14:14">
      <c r="N941716" s="10"/>
    </row>
    <row r="941717" spans="14:14">
      <c r="N941717" s="10"/>
    </row>
    <row r="941718" spans="14:14">
      <c r="N941718" s="10"/>
    </row>
    <row r="941719" spans="14:14">
      <c r="N941719" s="10"/>
    </row>
    <row r="941720" spans="14:14">
      <c r="N941720" s="10"/>
    </row>
    <row r="941721" spans="14:14">
      <c r="N941721" s="10"/>
    </row>
    <row r="941722" spans="14:14">
      <c r="N941722" s="10"/>
    </row>
    <row r="941723" spans="14:14">
      <c r="N941723" s="10"/>
    </row>
    <row r="941724" spans="14:14">
      <c r="N941724" s="10"/>
    </row>
    <row r="941725" spans="14:14">
      <c r="N941725" s="10"/>
    </row>
    <row r="941726" spans="14:14">
      <c r="N941726" s="10"/>
    </row>
    <row r="941727" spans="14:14">
      <c r="N941727" s="10"/>
    </row>
    <row r="941728" spans="14:14">
      <c r="N941728" s="10"/>
    </row>
    <row r="941729" spans="14:14">
      <c r="N941729" s="10"/>
    </row>
    <row r="941730" spans="14:14">
      <c r="N941730" s="10"/>
    </row>
    <row r="941731" spans="14:14">
      <c r="N941731" s="10"/>
    </row>
    <row r="941732" spans="14:14">
      <c r="N941732" s="10"/>
    </row>
    <row r="941733" spans="14:14">
      <c r="N941733" s="10"/>
    </row>
    <row r="941734" spans="14:14">
      <c r="N941734" s="10"/>
    </row>
    <row r="941735" spans="14:14">
      <c r="N941735" s="10"/>
    </row>
    <row r="941736" spans="14:14">
      <c r="N941736" s="10"/>
    </row>
    <row r="941737" spans="14:14">
      <c r="N941737" s="10"/>
    </row>
    <row r="941738" spans="14:14">
      <c r="N941738" s="10"/>
    </row>
    <row r="941739" spans="14:14">
      <c r="N941739" s="10"/>
    </row>
    <row r="941740" spans="14:14">
      <c r="N941740" s="10"/>
    </row>
    <row r="941741" spans="14:14">
      <c r="N941741" s="10"/>
    </row>
    <row r="941742" spans="14:14">
      <c r="N941742" s="10"/>
    </row>
    <row r="941743" spans="14:14">
      <c r="N941743" s="10"/>
    </row>
    <row r="941744" spans="14:14">
      <c r="N941744" s="10"/>
    </row>
    <row r="941745" spans="14:14">
      <c r="N941745" s="10"/>
    </row>
    <row r="941746" spans="14:14">
      <c r="N941746" s="10"/>
    </row>
    <row r="941747" spans="14:14">
      <c r="N941747" s="10"/>
    </row>
    <row r="941748" spans="14:14">
      <c r="N941748" s="10"/>
    </row>
    <row r="941749" spans="14:14">
      <c r="N941749" s="10"/>
    </row>
    <row r="941750" spans="14:14">
      <c r="N941750" s="10"/>
    </row>
    <row r="941751" spans="14:14">
      <c r="N941751" s="10"/>
    </row>
    <row r="941752" spans="14:14">
      <c r="N941752" s="10"/>
    </row>
    <row r="941753" spans="14:14">
      <c r="N941753" s="10"/>
    </row>
    <row r="941754" spans="14:14">
      <c r="N941754" s="10"/>
    </row>
    <row r="941755" spans="14:14">
      <c r="N941755" s="10"/>
    </row>
    <row r="941756" spans="14:14">
      <c r="N941756" s="10"/>
    </row>
    <row r="941757" spans="14:14">
      <c r="N941757" s="10"/>
    </row>
    <row r="941758" spans="14:14">
      <c r="N941758" s="10"/>
    </row>
    <row r="941759" spans="14:14">
      <c r="N941759" s="10"/>
    </row>
    <row r="941760" spans="14:14">
      <c r="N941760" s="10"/>
    </row>
    <row r="941761" spans="14:14">
      <c r="N941761" s="10"/>
    </row>
    <row r="941762" spans="14:14">
      <c r="N941762" s="10"/>
    </row>
    <row r="941763" spans="14:14">
      <c r="N941763" s="10"/>
    </row>
    <row r="941764" spans="14:14">
      <c r="N941764" s="10"/>
    </row>
    <row r="941765" spans="14:14">
      <c r="N941765" s="10"/>
    </row>
    <row r="941766" spans="14:14">
      <c r="N941766" s="10"/>
    </row>
    <row r="941767" spans="14:14">
      <c r="N941767" s="10"/>
    </row>
    <row r="941768" spans="14:14">
      <c r="N941768" s="10"/>
    </row>
    <row r="941769" spans="14:14">
      <c r="N941769" s="10"/>
    </row>
    <row r="941770" spans="14:14">
      <c r="N941770" s="10"/>
    </row>
    <row r="941771" spans="14:14">
      <c r="N941771" s="10"/>
    </row>
    <row r="941772" spans="14:14">
      <c r="N941772" s="10"/>
    </row>
    <row r="941773" spans="14:14">
      <c r="N941773" s="10"/>
    </row>
    <row r="941774" spans="14:14">
      <c r="N941774" s="10"/>
    </row>
    <row r="941775" spans="14:14">
      <c r="N941775" s="10"/>
    </row>
    <row r="941776" spans="14:14">
      <c r="N941776" s="10"/>
    </row>
    <row r="941777" spans="14:14">
      <c r="N941777" s="10"/>
    </row>
    <row r="941778" spans="14:14">
      <c r="N941778" s="10"/>
    </row>
    <row r="941779" spans="14:14">
      <c r="N941779" s="10"/>
    </row>
    <row r="941780" spans="14:14">
      <c r="N941780" s="10"/>
    </row>
    <row r="941781" spans="14:14">
      <c r="N941781" s="10"/>
    </row>
    <row r="941782" spans="14:14">
      <c r="N941782" s="10"/>
    </row>
    <row r="941783" spans="14:14">
      <c r="N941783" s="10"/>
    </row>
    <row r="941784" spans="14:14">
      <c r="N941784" s="10"/>
    </row>
    <row r="941785" spans="14:14">
      <c r="N941785" s="10"/>
    </row>
    <row r="941786" spans="14:14">
      <c r="N941786" s="10"/>
    </row>
    <row r="941787" spans="14:14">
      <c r="N941787" s="10"/>
    </row>
    <row r="941788" spans="14:14">
      <c r="N941788" s="10"/>
    </row>
    <row r="941789" spans="14:14">
      <c r="N941789" s="10"/>
    </row>
    <row r="941790" spans="14:14">
      <c r="N941790" s="10"/>
    </row>
    <row r="941791" spans="14:14">
      <c r="N941791" s="10"/>
    </row>
    <row r="941792" spans="14:14">
      <c r="N941792" s="10"/>
    </row>
    <row r="941793" spans="14:14">
      <c r="N941793" s="10"/>
    </row>
    <row r="941794" spans="14:14">
      <c r="N941794" s="10"/>
    </row>
    <row r="941795" spans="14:14">
      <c r="N941795" s="10"/>
    </row>
    <row r="941796" spans="14:14">
      <c r="N941796" s="10"/>
    </row>
    <row r="941797" spans="14:14">
      <c r="N941797" s="10"/>
    </row>
    <row r="941798" spans="14:14">
      <c r="N941798" s="10"/>
    </row>
    <row r="941799" spans="14:14">
      <c r="N941799" s="10"/>
    </row>
    <row r="941800" spans="14:14">
      <c r="N941800" s="10"/>
    </row>
    <row r="941801" spans="14:14">
      <c r="N941801" s="10"/>
    </row>
    <row r="941802" spans="14:14">
      <c r="N941802" s="10"/>
    </row>
    <row r="941803" spans="14:14">
      <c r="N941803" s="10"/>
    </row>
    <row r="941804" spans="14:14">
      <c r="N941804" s="10"/>
    </row>
    <row r="941805" spans="14:14">
      <c r="N941805" s="10"/>
    </row>
    <row r="941806" spans="14:14">
      <c r="N941806" s="10"/>
    </row>
    <row r="941807" spans="14:14">
      <c r="N941807" s="10"/>
    </row>
    <row r="941808" spans="14:14">
      <c r="N941808" s="10"/>
    </row>
    <row r="941809" spans="14:14">
      <c r="N941809" s="10"/>
    </row>
    <row r="941810" spans="14:14">
      <c r="N941810" s="10"/>
    </row>
    <row r="941811" spans="14:14">
      <c r="N941811" s="10"/>
    </row>
    <row r="941812" spans="14:14">
      <c r="N941812" s="10"/>
    </row>
    <row r="941813" spans="14:14">
      <c r="N941813" s="10"/>
    </row>
    <row r="941814" spans="14:14">
      <c r="N941814" s="10"/>
    </row>
    <row r="941815" spans="14:14">
      <c r="N941815" s="10"/>
    </row>
    <row r="941816" spans="14:14">
      <c r="N941816" s="10"/>
    </row>
    <row r="941817" spans="14:14">
      <c r="N941817" s="10"/>
    </row>
    <row r="941818" spans="14:14">
      <c r="N941818" s="10"/>
    </row>
    <row r="941819" spans="14:14">
      <c r="N941819" s="10"/>
    </row>
    <row r="941820" spans="14:14">
      <c r="N941820" s="10"/>
    </row>
    <row r="941821" spans="14:14">
      <c r="N941821" s="10"/>
    </row>
    <row r="941822" spans="14:14">
      <c r="N941822" s="10"/>
    </row>
    <row r="941823" spans="14:14">
      <c r="N941823" s="10"/>
    </row>
    <row r="941824" spans="14:14">
      <c r="N941824" s="10"/>
    </row>
    <row r="941825" spans="14:14">
      <c r="N941825" s="10"/>
    </row>
    <row r="941826" spans="14:14">
      <c r="N941826" s="10"/>
    </row>
    <row r="941827" spans="14:14">
      <c r="N941827" s="10"/>
    </row>
    <row r="941828" spans="14:14">
      <c r="N941828" s="10"/>
    </row>
    <row r="941829" spans="14:14">
      <c r="N941829" s="10"/>
    </row>
    <row r="941830" spans="14:14">
      <c r="N941830" s="10"/>
    </row>
    <row r="941831" spans="14:14">
      <c r="N941831" s="10"/>
    </row>
    <row r="941832" spans="14:14">
      <c r="N941832" s="10"/>
    </row>
    <row r="941833" spans="14:14">
      <c r="N941833" s="10"/>
    </row>
    <row r="941834" spans="14:14">
      <c r="N941834" s="10"/>
    </row>
    <row r="941835" spans="14:14">
      <c r="N941835" s="10"/>
    </row>
    <row r="941836" spans="14:14">
      <c r="N941836" s="10"/>
    </row>
    <row r="941837" spans="14:14">
      <c r="N941837" s="10"/>
    </row>
    <row r="941838" spans="14:14">
      <c r="N941838" s="10"/>
    </row>
    <row r="941839" spans="14:14">
      <c r="N941839" s="10"/>
    </row>
    <row r="941840" spans="14:14">
      <c r="N941840" s="10"/>
    </row>
    <row r="941841" spans="14:14">
      <c r="N941841" s="10"/>
    </row>
    <row r="941842" spans="14:14">
      <c r="N941842" s="10"/>
    </row>
    <row r="941843" spans="14:14">
      <c r="N941843" s="10"/>
    </row>
    <row r="941844" spans="14:14">
      <c r="N941844" s="10"/>
    </row>
    <row r="941845" spans="14:14">
      <c r="N941845" s="10"/>
    </row>
    <row r="941846" spans="14:14">
      <c r="N941846" s="10"/>
    </row>
    <row r="941847" spans="14:14">
      <c r="N941847" s="10"/>
    </row>
    <row r="941848" spans="14:14">
      <c r="N941848" s="10"/>
    </row>
    <row r="941849" spans="14:14">
      <c r="N941849" s="10"/>
    </row>
    <row r="941850" spans="14:14">
      <c r="N941850" s="10"/>
    </row>
    <row r="941851" spans="14:14">
      <c r="N941851" s="10"/>
    </row>
    <row r="941852" spans="14:14">
      <c r="N941852" s="10"/>
    </row>
    <row r="941853" spans="14:14">
      <c r="N941853" s="10"/>
    </row>
    <row r="941854" spans="14:14">
      <c r="N941854" s="10"/>
    </row>
    <row r="941855" spans="14:14">
      <c r="N941855" s="10"/>
    </row>
    <row r="941856" spans="14:14">
      <c r="N941856" s="10"/>
    </row>
    <row r="941857" spans="14:14">
      <c r="N941857" s="10"/>
    </row>
    <row r="941858" spans="14:14">
      <c r="N941858" s="10"/>
    </row>
    <row r="941859" spans="14:14">
      <c r="N941859" s="10"/>
    </row>
    <row r="941860" spans="14:14">
      <c r="N941860" s="10"/>
    </row>
    <row r="941861" spans="14:14">
      <c r="N941861" s="10"/>
    </row>
    <row r="941862" spans="14:14">
      <c r="N941862" s="10"/>
    </row>
    <row r="941863" spans="14:14">
      <c r="N941863" s="10"/>
    </row>
    <row r="941864" spans="14:14">
      <c r="N941864" s="10"/>
    </row>
    <row r="941865" spans="14:14">
      <c r="N941865" s="10"/>
    </row>
    <row r="941866" spans="14:14">
      <c r="N941866" s="10"/>
    </row>
    <row r="941867" spans="14:14">
      <c r="N941867" s="10"/>
    </row>
    <row r="941868" spans="14:14">
      <c r="N941868" s="10"/>
    </row>
    <row r="941869" spans="14:14">
      <c r="N941869" s="10"/>
    </row>
    <row r="941870" spans="14:14">
      <c r="N941870" s="10"/>
    </row>
    <row r="941871" spans="14:14">
      <c r="N941871" s="10"/>
    </row>
    <row r="941872" spans="14:14">
      <c r="N941872" s="10"/>
    </row>
    <row r="941873" spans="14:14">
      <c r="N941873" s="10"/>
    </row>
    <row r="941874" spans="14:14">
      <c r="N941874" s="10"/>
    </row>
    <row r="941875" spans="14:14">
      <c r="N941875" s="10"/>
    </row>
    <row r="941876" spans="14:14">
      <c r="N941876" s="10"/>
    </row>
    <row r="941877" spans="14:14">
      <c r="N941877" s="10"/>
    </row>
    <row r="941878" spans="14:14">
      <c r="N941878" s="10"/>
    </row>
    <row r="941879" spans="14:14">
      <c r="N941879" s="10"/>
    </row>
    <row r="941880" spans="14:14">
      <c r="N941880" s="10"/>
    </row>
    <row r="941881" spans="14:14">
      <c r="N941881" s="10"/>
    </row>
    <row r="941882" spans="14:14">
      <c r="N941882" s="10"/>
    </row>
    <row r="941883" spans="14:14">
      <c r="N941883" s="10"/>
    </row>
    <row r="941884" spans="14:14">
      <c r="N941884" s="10"/>
    </row>
    <row r="941885" spans="14:14">
      <c r="N941885" s="10"/>
    </row>
    <row r="941886" spans="14:14">
      <c r="N941886" s="10"/>
    </row>
    <row r="941887" spans="14:14">
      <c r="N941887" s="10"/>
    </row>
    <row r="941888" spans="14:14">
      <c r="N941888" s="10"/>
    </row>
    <row r="941889" spans="14:14">
      <c r="N941889" s="10"/>
    </row>
    <row r="941890" spans="14:14">
      <c r="N941890" s="10"/>
    </row>
    <row r="941891" spans="14:14">
      <c r="N941891" s="10"/>
    </row>
    <row r="941892" spans="14:14">
      <c r="N941892" s="10"/>
    </row>
    <row r="941893" spans="14:14">
      <c r="N941893" s="10"/>
    </row>
    <row r="941894" spans="14:14">
      <c r="N941894" s="10"/>
    </row>
    <row r="941895" spans="14:14">
      <c r="N941895" s="10"/>
    </row>
    <row r="941896" spans="14:14">
      <c r="N941896" s="10"/>
    </row>
    <row r="941897" spans="14:14">
      <c r="N941897" s="10"/>
    </row>
    <row r="941898" spans="14:14">
      <c r="N941898" s="10"/>
    </row>
    <row r="941899" spans="14:14">
      <c r="N941899" s="10"/>
    </row>
    <row r="941900" spans="14:14">
      <c r="N941900" s="10"/>
    </row>
    <row r="941901" spans="14:14">
      <c r="N941901" s="10"/>
    </row>
    <row r="941902" spans="14:14">
      <c r="N941902" s="10"/>
    </row>
    <row r="941903" spans="14:14">
      <c r="N941903" s="10"/>
    </row>
    <row r="941904" spans="14:14">
      <c r="N941904" s="10"/>
    </row>
    <row r="941905" spans="14:14">
      <c r="N941905" s="10"/>
    </row>
    <row r="941906" spans="14:14">
      <c r="N941906" s="10"/>
    </row>
    <row r="941907" spans="14:14">
      <c r="N941907" s="10"/>
    </row>
    <row r="941908" spans="14:14">
      <c r="N941908" s="10"/>
    </row>
    <row r="941909" spans="14:14">
      <c r="N941909" s="10"/>
    </row>
    <row r="941910" spans="14:14">
      <c r="N941910" s="10"/>
    </row>
    <row r="941911" spans="14:14">
      <c r="N941911" s="10"/>
    </row>
    <row r="941912" spans="14:14">
      <c r="N941912" s="10"/>
    </row>
    <row r="941913" spans="14:14">
      <c r="N941913" s="10"/>
    </row>
    <row r="941914" spans="14:14">
      <c r="N941914" s="10"/>
    </row>
    <row r="941915" spans="14:14">
      <c r="N941915" s="10"/>
    </row>
    <row r="941916" spans="14:14">
      <c r="N941916" s="10"/>
    </row>
    <row r="941917" spans="14:14">
      <c r="N941917" s="10"/>
    </row>
    <row r="941918" spans="14:14">
      <c r="N941918" s="10"/>
    </row>
    <row r="941919" spans="14:14">
      <c r="N941919" s="10"/>
    </row>
    <row r="941920" spans="14:14">
      <c r="N941920" s="10"/>
    </row>
    <row r="941921" spans="14:14">
      <c r="N941921" s="10"/>
    </row>
    <row r="941922" spans="14:14">
      <c r="N941922" s="10"/>
    </row>
    <row r="941923" spans="14:14">
      <c r="N941923" s="10"/>
    </row>
    <row r="941924" spans="14:14">
      <c r="N941924" s="10"/>
    </row>
    <row r="941925" spans="14:14">
      <c r="N941925" s="10"/>
    </row>
    <row r="941926" spans="14:14">
      <c r="N941926" s="10"/>
    </row>
    <row r="941927" spans="14:14">
      <c r="N941927" s="10"/>
    </row>
    <row r="941928" spans="14:14">
      <c r="N941928" s="10"/>
    </row>
    <row r="941929" spans="14:14">
      <c r="N941929" s="10"/>
    </row>
    <row r="941930" spans="14:14">
      <c r="N941930" s="10"/>
    </row>
    <row r="941931" spans="14:14">
      <c r="N941931" s="10"/>
    </row>
    <row r="941932" spans="14:14">
      <c r="N941932" s="10"/>
    </row>
    <row r="941933" spans="14:14">
      <c r="N941933" s="10"/>
    </row>
    <row r="941934" spans="14:14">
      <c r="N941934" s="10"/>
    </row>
    <row r="941935" spans="14:14">
      <c r="N941935" s="10"/>
    </row>
    <row r="941936" spans="14:14">
      <c r="N941936" s="10"/>
    </row>
    <row r="941937" spans="14:14">
      <c r="N941937" s="10"/>
    </row>
    <row r="941938" spans="14:14">
      <c r="N941938" s="10"/>
    </row>
    <row r="941939" spans="14:14">
      <c r="N941939" s="10"/>
    </row>
    <row r="941940" spans="14:14">
      <c r="N941940" s="10"/>
    </row>
    <row r="941941" spans="14:14">
      <c r="N941941" s="10"/>
    </row>
    <row r="941942" spans="14:14">
      <c r="N941942" s="10"/>
    </row>
    <row r="941943" spans="14:14">
      <c r="N941943" s="10"/>
    </row>
    <row r="941944" spans="14:14">
      <c r="N941944" s="10"/>
    </row>
    <row r="941945" spans="14:14">
      <c r="N941945" s="10"/>
    </row>
    <row r="941946" spans="14:14">
      <c r="N941946" s="10"/>
    </row>
    <row r="941947" spans="14:14">
      <c r="N941947" s="10"/>
    </row>
    <row r="941948" spans="14:14">
      <c r="N941948" s="10"/>
    </row>
    <row r="941949" spans="14:14">
      <c r="N941949" s="10"/>
    </row>
    <row r="941950" spans="14:14">
      <c r="N941950" s="10"/>
    </row>
    <row r="941951" spans="14:14">
      <c r="N941951" s="10"/>
    </row>
    <row r="941952" spans="14:14">
      <c r="N941952" s="10"/>
    </row>
    <row r="941953" spans="14:14">
      <c r="N941953" s="10"/>
    </row>
    <row r="941954" spans="14:14">
      <c r="N941954" s="10"/>
    </row>
    <row r="941955" spans="14:14">
      <c r="N941955" s="10"/>
    </row>
    <row r="941956" spans="14:14">
      <c r="N941956" s="10"/>
    </row>
    <row r="941957" spans="14:14">
      <c r="N941957" s="10"/>
    </row>
    <row r="941958" spans="14:14">
      <c r="N941958" s="10"/>
    </row>
    <row r="941959" spans="14:14">
      <c r="N941959" s="10"/>
    </row>
    <row r="941960" spans="14:14">
      <c r="N941960" s="10"/>
    </row>
    <row r="941961" spans="14:14">
      <c r="N941961" s="10"/>
    </row>
    <row r="941962" spans="14:14">
      <c r="N941962" s="10"/>
    </row>
    <row r="941963" spans="14:14">
      <c r="N941963" s="10"/>
    </row>
    <row r="941964" spans="14:14">
      <c r="N941964" s="10"/>
    </row>
    <row r="941965" spans="14:14">
      <c r="N941965" s="10"/>
    </row>
    <row r="941966" spans="14:14">
      <c r="N941966" s="10"/>
    </row>
    <row r="941967" spans="14:14">
      <c r="N941967" s="10"/>
    </row>
    <row r="941968" spans="14:14">
      <c r="N941968" s="10"/>
    </row>
    <row r="941969" spans="14:14">
      <c r="N941969" s="10"/>
    </row>
    <row r="941970" spans="14:14">
      <c r="N941970" s="10"/>
    </row>
    <row r="941971" spans="14:14">
      <c r="N941971" s="10"/>
    </row>
    <row r="941972" spans="14:14">
      <c r="N941972" s="10"/>
    </row>
    <row r="941973" spans="14:14">
      <c r="N941973" s="10"/>
    </row>
    <row r="941974" spans="14:14">
      <c r="N941974" s="10"/>
    </row>
    <row r="941975" spans="14:14">
      <c r="N941975" s="10"/>
    </row>
    <row r="941976" spans="14:14">
      <c r="N941976" s="10"/>
    </row>
    <row r="941977" spans="14:14">
      <c r="N941977" s="10"/>
    </row>
    <row r="941978" spans="14:14">
      <c r="N941978" s="10"/>
    </row>
    <row r="941979" spans="14:14">
      <c r="N941979" s="10"/>
    </row>
    <row r="941980" spans="14:14">
      <c r="N941980" s="10"/>
    </row>
    <row r="941981" spans="14:14">
      <c r="N941981" s="10"/>
    </row>
    <row r="941982" spans="14:14">
      <c r="N941982" s="10"/>
    </row>
    <row r="941983" spans="14:14">
      <c r="N941983" s="10"/>
    </row>
    <row r="941984" spans="14:14">
      <c r="N941984" s="10"/>
    </row>
    <row r="941985" spans="14:14">
      <c r="N941985" s="10"/>
    </row>
    <row r="941986" spans="14:14">
      <c r="N941986" s="10"/>
    </row>
    <row r="941987" spans="14:14">
      <c r="N941987" s="10"/>
    </row>
    <row r="941988" spans="14:14">
      <c r="N941988" s="10"/>
    </row>
    <row r="941989" spans="14:14">
      <c r="N941989" s="10"/>
    </row>
    <row r="941990" spans="14:14">
      <c r="N941990" s="10"/>
    </row>
    <row r="941991" spans="14:14">
      <c r="N941991" s="10"/>
    </row>
    <row r="941992" spans="14:14">
      <c r="N941992" s="10"/>
    </row>
    <row r="941993" spans="14:14">
      <c r="N941993" s="10"/>
    </row>
    <row r="941994" spans="14:14">
      <c r="N941994" s="10"/>
    </row>
    <row r="941995" spans="14:14">
      <c r="N941995" s="10"/>
    </row>
    <row r="941996" spans="14:14">
      <c r="N941996" s="10"/>
    </row>
    <row r="941997" spans="14:14">
      <c r="N941997" s="10"/>
    </row>
    <row r="941998" spans="14:14">
      <c r="N941998" s="10"/>
    </row>
    <row r="941999" spans="14:14">
      <c r="N941999" s="10"/>
    </row>
    <row r="942000" spans="14:14">
      <c r="N942000" s="10"/>
    </row>
    <row r="942001" spans="14:14">
      <c r="N942001" s="10"/>
    </row>
    <row r="942002" spans="14:14">
      <c r="N942002" s="10"/>
    </row>
    <row r="942003" spans="14:14">
      <c r="N942003" s="10"/>
    </row>
    <row r="942004" spans="14:14">
      <c r="N942004" s="10"/>
    </row>
    <row r="942005" spans="14:14">
      <c r="N942005" s="10"/>
    </row>
    <row r="942006" spans="14:14">
      <c r="N942006" s="10"/>
    </row>
    <row r="942007" spans="14:14">
      <c r="N942007" s="10"/>
    </row>
    <row r="942008" spans="14:14">
      <c r="N942008" s="10"/>
    </row>
    <row r="942009" spans="14:14">
      <c r="N942009" s="10"/>
    </row>
    <row r="942010" spans="14:14">
      <c r="N942010" s="10"/>
    </row>
    <row r="942011" spans="14:14">
      <c r="N942011" s="10"/>
    </row>
    <row r="942012" spans="14:14">
      <c r="N942012" s="10"/>
    </row>
    <row r="942013" spans="14:14">
      <c r="N942013" s="10"/>
    </row>
    <row r="942014" spans="14:14">
      <c r="N942014" s="10"/>
    </row>
    <row r="942015" spans="14:14">
      <c r="N942015" s="10"/>
    </row>
    <row r="942016" spans="14:14">
      <c r="N942016" s="10"/>
    </row>
    <row r="942017" spans="14:14">
      <c r="N942017" s="10"/>
    </row>
    <row r="942018" spans="14:14">
      <c r="N942018" s="10"/>
    </row>
    <row r="942019" spans="14:14">
      <c r="N942019" s="10"/>
    </row>
    <row r="942020" spans="14:14">
      <c r="N942020" s="10"/>
    </row>
    <row r="942021" spans="14:14">
      <c r="N942021" s="10"/>
    </row>
    <row r="942022" spans="14:14">
      <c r="N942022" s="10"/>
    </row>
    <row r="942023" spans="14:14">
      <c r="N942023" s="10"/>
    </row>
    <row r="942024" spans="14:14">
      <c r="N942024" s="10"/>
    </row>
    <row r="942025" spans="14:14">
      <c r="N942025" s="10"/>
    </row>
    <row r="942026" spans="14:14">
      <c r="N942026" s="10"/>
    </row>
    <row r="942027" spans="14:14">
      <c r="N942027" s="10"/>
    </row>
    <row r="942028" spans="14:14">
      <c r="N942028" s="10"/>
    </row>
    <row r="942029" spans="14:14">
      <c r="N942029" s="10"/>
    </row>
    <row r="942030" spans="14:14">
      <c r="N942030" s="10"/>
    </row>
    <row r="942031" spans="14:14">
      <c r="N942031" s="10"/>
    </row>
    <row r="942032" spans="14:14">
      <c r="N942032" s="10"/>
    </row>
    <row r="942033" spans="14:14">
      <c r="N942033" s="10"/>
    </row>
    <row r="942034" spans="14:14">
      <c r="N942034" s="10"/>
    </row>
    <row r="942035" spans="14:14">
      <c r="N942035" s="10"/>
    </row>
    <row r="942036" spans="14:14">
      <c r="N942036" s="10"/>
    </row>
    <row r="942037" spans="14:14">
      <c r="N942037" s="10"/>
    </row>
    <row r="942038" spans="14:14">
      <c r="N942038" s="10"/>
    </row>
    <row r="942039" spans="14:14">
      <c r="N942039" s="10"/>
    </row>
    <row r="942040" spans="14:14">
      <c r="N942040" s="10"/>
    </row>
    <row r="942041" spans="14:14">
      <c r="N942041" s="10"/>
    </row>
    <row r="942042" spans="14:14">
      <c r="N942042" s="10"/>
    </row>
    <row r="942043" spans="14:14">
      <c r="N942043" s="10"/>
    </row>
    <row r="942044" spans="14:14">
      <c r="N942044" s="10"/>
    </row>
    <row r="942045" spans="14:14">
      <c r="N942045" s="10"/>
    </row>
    <row r="942046" spans="14:14">
      <c r="N942046" s="10"/>
    </row>
    <row r="942047" spans="14:14">
      <c r="N942047" s="10"/>
    </row>
    <row r="942048" spans="14:14">
      <c r="N942048" s="10"/>
    </row>
    <row r="942049" spans="14:14">
      <c r="N942049" s="10"/>
    </row>
    <row r="942050" spans="14:14">
      <c r="N942050" s="10"/>
    </row>
    <row r="942051" spans="14:14">
      <c r="N942051" s="10"/>
    </row>
    <row r="942052" spans="14:14">
      <c r="N942052" s="10"/>
    </row>
    <row r="942053" spans="14:14">
      <c r="N942053" s="10"/>
    </row>
    <row r="942054" spans="14:14">
      <c r="N942054" s="10"/>
    </row>
    <row r="942055" spans="14:14">
      <c r="N942055" s="10"/>
    </row>
    <row r="942056" spans="14:14">
      <c r="N942056" s="10"/>
    </row>
    <row r="942057" spans="14:14">
      <c r="N942057" s="10"/>
    </row>
    <row r="942058" spans="14:14">
      <c r="N942058" s="10"/>
    </row>
    <row r="942059" spans="14:14">
      <c r="N942059" s="10"/>
    </row>
    <row r="942060" spans="14:14">
      <c r="N942060" s="10"/>
    </row>
    <row r="942061" spans="14:14">
      <c r="N942061" s="10"/>
    </row>
    <row r="942062" spans="14:14">
      <c r="N942062" s="10"/>
    </row>
    <row r="942063" spans="14:14">
      <c r="N942063" s="10"/>
    </row>
    <row r="942064" spans="14:14">
      <c r="N942064" s="10"/>
    </row>
    <row r="942065" spans="14:14">
      <c r="N942065" s="10"/>
    </row>
    <row r="942066" spans="14:14">
      <c r="N942066" s="10"/>
    </row>
    <row r="942067" spans="14:14">
      <c r="N942067" s="10"/>
    </row>
    <row r="942068" spans="14:14">
      <c r="N942068" s="10"/>
    </row>
    <row r="942069" spans="14:14">
      <c r="N942069" s="10"/>
    </row>
    <row r="942070" spans="14:14">
      <c r="N942070" s="10"/>
    </row>
    <row r="942071" spans="14:14">
      <c r="N942071" s="10"/>
    </row>
    <row r="942072" spans="14:14">
      <c r="N942072" s="10"/>
    </row>
    <row r="942073" spans="14:14">
      <c r="N942073" s="10"/>
    </row>
    <row r="942074" spans="14:14">
      <c r="N942074" s="10"/>
    </row>
    <row r="942075" spans="14:14">
      <c r="N942075" s="10"/>
    </row>
    <row r="942076" spans="14:14">
      <c r="N942076" s="10"/>
    </row>
    <row r="942077" spans="14:14">
      <c r="N942077" s="10"/>
    </row>
    <row r="942078" spans="14:14">
      <c r="N942078" s="10"/>
    </row>
    <row r="942079" spans="14:14">
      <c r="N942079" s="10"/>
    </row>
    <row r="942080" spans="14:14">
      <c r="N942080" s="10"/>
    </row>
    <row r="942081" spans="14:14">
      <c r="N942081" s="10"/>
    </row>
    <row r="942082" spans="14:14">
      <c r="N942082" s="10"/>
    </row>
    <row r="942083" spans="14:14">
      <c r="N942083" s="10"/>
    </row>
    <row r="942084" spans="14:14">
      <c r="N942084" s="10"/>
    </row>
    <row r="942085" spans="14:14">
      <c r="N942085" s="10"/>
    </row>
    <row r="942086" spans="14:14">
      <c r="N942086" s="10"/>
    </row>
    <row r="942087" spans="14:14">
      <c r="N942087" s="10"/>
    </row>
    <row r="942088" spans="14:14">
      <c r="N942088" s="10"/>
    </row>
    <row r="942089" spans="14:14">
      <c r="N942089" s="10"/>
    </row>
    <row r="942090" spans="14:14">
      <c r="N942090" s="10"/>
    </row>
    <row r="942091" spans="14:14">
      <c r="N942091" s="10"/>
    </row>
    <row r="942092" spans="14:14">
      <c r="N942092" s="10"/>
    </row>
    <row r="942093" spans="14:14">
      <c r="N942093" s="10"/>
    </row>
    <row r="942094" spans="14:14">
      <c r="N942094" s="10"/>
    </row>
    <row r="942095" spans="14:14">
      <c r="N942095" s="10"/>
    </row>
    <row r="942096" spans="14:14">
      <c r="N942096" s="10"/>
    </row>
    <row r="942097" spans="14:14">
      <c r="N942097" s="10"/>
    </row>
    <row r="942098" spans="14:14">
      <c r="N942098" s="10"/>
    </row>
    <row r="942099" spans="14:14">
      <c r="N942099" s="10"/>
    </row>
    <row r="942100" spans="14:14">
      <c r="N942100" s="10"/>
    </row>
    <row r="942101" spans="14:14">
      <c r="N942101" s="10"/>
    </row>
    <row r="942102" spans="14:14">
      <c r="N942102" s="10"/>
    </row>
    <row r="942103" spans="14:14">
      <c r="N942103" s="10"/>
    </row>
    <row r="942104" spans="14:14">
      <c r="N942104" s="10"/>
    </row>
    <row r="942105" spans="14:14">
      <c r="N942105" s="10"/>
    </row>
    <row r="942106" spans="14:14">
      <c r="N942106" s="10"/>
    </row>
    <row r="942107" spans="14:14">
      <c r="N942107" s="10"/>
    </row>
    <row r="942108" spans="14:14">
      <c r="N942108" s="10"/>
    </row>
    <row r="942109" spans="14:14">
      <c r="N942109" s="10"/>
    </row>
    <row r="942110" spans="14:14">
      <c r="N942110" s="10"/>
    </row>
    <row r="942111" spans="14:14">
      <c r="N942111" s="10"/>
    </row>
    <row r="942112" spans="14:14">
      <c r="N942112" s="10"/>
    </row>
    <row r="942113" spans="14:14">
      <c r="N942113" s="10"/>
    </row>
    <row r="942114" spans="14:14">
      <c r="N942114" s="10"/>
    </row>
    <row r="942115" spans="14:14">
      <c r="N942115" s="10"/>
    </row>
    <row r="942116" spans="14:14">
      <c r="N942116" s="10"/>
    </row>
    <row r="942117" spans="14:14">
      <c r="N942117" s="10"/>
    </row>
    <row r="942118" spans="14:14">
      <c r="N942118" s="10"/>
    </row>
    <row r="942119" spans="14:14">
      <c r="N942119" s="10"/>
    </row>
    <row r="942120" spans="14:14">
      <c r="N942120" s="10"/>
    </row>
    <row r="942121" spans="14:14">
      <c r="N942121" s="10"/>
    </row>
    <row r="942122" spans="14:14">
      <c r="N942122" s="10"/>
    </row>
    <row r="942123" spans="14:14">
      <c r="N942123" s="10"/>
    </row>
    <row r="942124" spans="14:14">
      <c r="N942124" s="10"/>
    </row>
    <row r="942125" spans="14:14">
      <c r="N942125" s="10"/>
    </row>
    <row r="942126" spans="14:14">
      <c r="N942126" s="10"/>
    </row>
    <row r="942127" spans="14:14">
      <c r="N942127" s="10"/>
    </row>
    <row r="942128" spans="14:14">
      <c r="N942128" s="10"/>
    </row>
    <row r="942129" spans="14:14">
      <c r="N942129" s="10"/>
    </row>
    <row r="942130" spans="14:14">
      <c r="N942130" s="10"/>
    </row>
    <row r="942131" spans="14:14">
      <c r="N942131" s="10"/>
    </row>
    <row r="942132" spans="14:14">
      <c r="N942132" s="10"/>
    </row>
    <row r="942133" spans="14:14">
      <c r="N942133" s="10"/>
    </row>
    <row r="942134" spans="14:14">
      <c r="N942134" s="10"/>
    </row>
    <row r="942135" spans="14:14">
      <c r="N942135" s="10"/>
    </row>
    <row r="942136" spans="14:14">
      <c r="N942136" s="10"/>
    </row>
    <row r="942137" spans="14:14">
      <c r="N942137" s="10"/>
    </row>
    <row r="942138" spans="14:14">
      <c r="N942138" s="10"/>
    </row>
    <row r="942139" spans="14:14">
      <c r="N942139" s="10"/>
    </row>
    <row r="942140" spans="14:14">
      <c r="N942140" s="10"/>
    </row>
    <row r="942141" spans="14:14">
      <c r="N942141" s="10"/>
    </row>
    <row r="942142" spans="14:14">
      <c r="N942142" s="10"/>
    </row>
    <row r="942143" spans="14:14">
      <c r="N942143" s="10"/>
    </row>
    <row r="942144" spans="14:14">
      <c r="N942144" s="10"/>
    </row>
    <row r="942145" spans="14:14">
      <c r="N942145" s="10"/>
    </row>
    <row r="942146" spans="14:14">
      <c r="N942146" s="10"/>
    </row>
    <row r="942147" spans="14:14">
      <c r="N942147" s="10"/>
    </row>
    <row r="942148" spans="14:14">
      <c r="N942148" s="10"/>
    </row>
    <row r="942149" spans="14:14">
      <c r="N942149" s="10"/>
    </row>
    <row r="942150" spans="14:14">
      <c r="N942150" s="10"/>
    </row>
    <row r="942151" spans="14:14">
      <c r="N942151" s="10"/>
    </row>
    <row r="942152" spans="14:14">
      <c r="N942152" s="10"/>
    </row>
    <row r="942153" spans="14:14">
      <c r="N942153" s="10"/>
    </row>
    <row r="942154" spans="14:14">
      <c r="N942154" s="10"/>
    </row>
    <row r="942155" spans="14:14">
      <c r="N942155" s="10"/>
    </row>
    <row r="942156" spans="14:14">
      <c r="N942156" s="10"/>
    </row>
    <row r="942157" spans="14:14">
      <c r="N942157" s="10"/>
    </row>
    <row r="942158" spans="14:14">
      <c r="N942158" s="10"/>
    </row>
    <row r="942159" spans="14:14">
      <c r="N942159" s="10"/>
    </row>
    <row r="942160" spans="14:14">
      <c r="N942160" s="10"/>
    </row>
    <row r="942161" spans="14:14">
      <c r="N942161" s="10"/>
    </row>
    <row r="942162" spans="14:14">
      <c r="N942162" s="10"/>
    </row>
    <row r="942163" spans="14:14">
      <c r="N942163" s="10"/>
    </row>
    <row r="942164" spans="14:14">
      <c r="N942164" s="10"/>
    </row>
    <row r="942165" spans="14:14">
      <c r="N942165" s="10"/>
    </row>
    <row r="942166" spans="14:14">
      <c r="N942166" s="10"/>
    </row>
    <row r="942167" spans="14:14">
      <c r="N942167" s="10"/>
    </row>
    <row r="942168" spans="14:14">
      <c r="N942168" s="10"/>
    </row>
    <row r="942169" spans="14:14">
      <c r="N942169" s="10"/>
    </row>
    <row r="942170" spans="14:14">
      <c r="N942170" s="10"/>
    </row>
    <row r="942171" spans="14:14">
      <c r="N942171" s="10"/>
    </row>
    <row r="942172" spans="14:14">
      <c r="N942172" s="10"/>
    </row>
    <row r="942173" spans="14:14">
      <c r="N942173" s="10"/>
    </row>
    <row r="942174" spans="14:14">
      <c r="N942174" s="10"/>
    </row>
    <row r="942175" spans="14:14">
      <c r="N942175" s="10"/>
    </row>
    <row r="942176" spans="14:14">
      <c r="N942176" s="10"/>
    </row>
    <row r="942177" spans="14:14">
      <c r="N942177" s="10"/>
    </row>
    <row r="942178" spans="14:14">
      <c r="N942178" s="10"/>
    </row>
    <row r="942179" spans="14:14">
      <c r="N942179" s="10"/>
    </row>
    <row r="942180" spans="14:14">
      <c r="N942180" s="10"/>
    </row>
    <row r="942181" spans="14:14">
      <c r="N942181" s="10"/>
    </row>
    <row r="942182" spans="14:14">
      <c r="N942182" s="10"/>
    </row>
    <row r="942183" spans="14:14">
      <c r="N942183" s="10"/>
    </row>
    <row r="942184" spans="14:14">
      <c r="N942184" s="10"/>
    </row>
    <row r="942185" spans="14:14">
      <c r="N942185" s="10"/>
    </row>
    <row r="942186" spans="14:14">
      <c r="N942186" s="10"/>
    </row>
    <row r="942187" spans="14:14">
      <c r="N942187" s="10"/>
    </row>
    <row r="942188" spans="14:14">
      <c r="N942188" s="10"/>
    </row>
    <row r="942189" spans="14:14">
      <c r="N942189" s="10"/>
    </row>
    <row r="942190" spans="14:14">
      <c r="N942190" s="10"/>
    </row>
    <row r="942191" spans="14:14">
      <c r="N942191" s="10"/>
    </row>
    <row r="942192" spans="14:14">
      <c r="N942192" s="10"/>
    </row>
    <row r="942193" spans="14:14">
      <c r="N942193" s="10"/>
    </row>
    <row r="942194" spans="14:14">
      <c r="N942194" s="10"/>
    </row>
    <row r="942195" spans="14:14">
      <c r="N942195" s="10"/>
    </row>
    <row r="942196" spans="14:14">
      <c r="N942196" s="10"/>
    </row>
    <row r="942197" spans="14:14">
      <c r="N942197" s="10"/>
    </row>
    <row r="942198" spans="14:14">
      <c r="N942198" s="10"/>
    </row>
    <row r="942199" spans="14:14">
      <c r="N942199" s="10"/>
    </row>
    <row r="942200" spans="14:14">
      <c r="N942200" s="10"/>
    </row>
    <row r="942201" spans="14:14">
      <c r="N942201" s="10"/>
    </row>
    <row r="942202" spans="14:14">
      <c r="N942202" s="10"/>
    </row>
    <row r="942203" spans="14:14">
      <c r="N942203" s="10"/>
    </row>
    <row r="942204" spans="14:14">
      <c r="N942204" s="10"/>
    </row>
    <row r="942205" spans="14:14">
      <c r="N942205" s="10"/>
    </row>
    <row r="942206" spans="14:14">
      <c r="N942206" s="10"/>
    </row>
    <row r="942207" spans="14:14">
      <c r="N942207" s="10"/>
    </row>
    <row r="942208" spans="14:14">
      <c r="N942208" s="10"/>
    </row>
    <row r="942209" spans="14:14">
      <c r="N942209" s="10"/>
    </row>
    <row r="942210" spans="14:14">
      <c r="N942210" s="10"/>
    </row>
    <row r="942211" spans="14:14">
      <c r="N942211" s="10"/>
    </row>
    <row r="942212" spans="14:14">
      <c r="N942212" s="10"/>
    </row>
    <row r="942213" spans="14:14">
      <c r="N942213" s="10"/>
    </row>
    <row r="942214" spans="14:14">
      <c r="N942214" s="10"/>
    </row>
    <row r="942215" spans="14:14">
      <c r="N942215" s="10"/>
    </row>
    <row r="942216" spans="14:14">
      <c r="N942216" s="10"/>
    </row>
    <row r="942217" spans="14:14">
      <c r="N942217" s="10"/>
    </row>
    <row r="942218" spans="14:14">
      <c r="N942218" s="10"/>
    </row>
    <row r="942219" spans="14:14">
      <c r="N942219" s="10"/>
    </row>
    <row r="942220" spans="14:14">
      <c r="N942220" s="10"/>
    </row>
    <row r="942221" spans="14:14">
      <c r="N942221" s="10"/>
    </row>
    <row r="942222" spans="14:14">
      <c r="N942222" s="10"/>
    </row>
    <row r="942223" spans="14:14">
      <c r="N942223" s="10"/>
    </row>
    <row r="942224" spans="14:14">
      <c r="N942224" s="10"/>
    </row>
    <row r="942225" spans="14:14">
      <c r="N942225" s="10"/>
    </row>
    <row r="942226" spans="14:14">
      <c r="N942226" s="10"/>
    </row>
    <row r="942227" spans="14:14">
      <c r="N942227" s="10"/>
    </row>
    <row r="942228" spans="14:14">
      <c r="N942228" s="10"/>
    </row>
    <row r="942229" spans="14:14">
      <c r="N942229" s="10"/>
    </row>
    <row r="942230" spans="14:14">
      <c r="N942230" s="10"/>
    </row>
    <row r="942231" spans="14:14">
      <c r="N942231" s="10"/>
    </row>
    <row r="942232" spans="14:14">
      <c r="N942232" s="10"/>
    </row>
    <row r="942233" spans="14:14">
      <c r="N942233" s="10"/>
    </row>
    <row r="942234" spans="14:14">
      <c r="N942234" s="10"/>
    </row>
    <row r="942235" spans="14:14">
      <c r="N942235" s="10"/>
    </row>
    <row r="942236" spans="14:14">
      <c r="N942236" s="10"/>
    </row>
    <row r="942237" spans="14:14">
      <c r="N942237" s="10"/>
    </row>
    <row r="942238" spans="14:14">
      <c r="N942238" s="10"/>
    </row>
    <row r="942239" spans="14:14">
      <c r="N942239" s="10"/>
    </row>
    <row r="942240" spans="14:14">
      <c r="N942240" s="10"/>
    </row>
    <row r="942241" spans="14:14">
      <c r="N942241" s="10"/>
    </row>
    <row r="942242" spans="14:14">
      <c r="N942242" s="10"/>
    </row>
    <row r="942243" spans="14:14">
      <c r="N942243" s="10"/>
    </row>
    <row r="942244" spans="14:14">
      <c r="N942244" s="10"/>
    </row>
    <row r="942245" spans="14:14">
      <c r="N942245" s="10"/>
    </row>
    <row r="942246" spans="14:14">
      <c r="N942246" s="10"/>
    </row>
    <row r="942247" spans="14:14">
      <c r="N942247" s="10"/>
    </row>
    <row r="942248" spans="14:14">
      <c r="N942248" s="10"/>
    </row>
    <row r="942249" spans="14:14">
      <c r="N942249" s="10"/>
    </row>
    <row r="942250" spans="14:14">
      <c r="N942250" s="10"/>
    </row>
    <row r="942251" spans="14:14">
      <c r="N942251" s="10"/>
    </row>
    <row r="942252" spans="14:14">
      <c r="N942252" s="10"/>
    </row>
    <row r="942253" spans="14:14">
      <c r="N942253" s="10"/>
    </row>
    <row r="942254" spans="14:14">
      <c r="N942254" s="10"/>
    </row>
    <row r="942255" spans="14:14">
      <c r="N942255" s="10"/>
    </row>
    <row r="942256" spans="14:14">
      <c r="N942256" s="10"/>
    </row>
    <row r="942257" spans="14:14">
      <c r="N942257" s="10"/>
    </row>
    <row r="942258" spans="14:14">
      <c r="N942258" s="10"/>
    </row>
    <row r="942259" spans="14:14">
      <c r="N942259" s="10"/>
    </row>
    <row r="942260" spans="14:14">
      <c r="N942260" s="10"/>
    </row>
    <row r="942261" spans="14:14">
      <c r="N942261" s="10"/>
    </row>
    <row r="942262" spans="14:14">
      <c r="N942262" s="10"/>
    </row>
    <row r="942263" spans="14:14">
      <c r="N942263" s="10"/>
    </row>
    <row r="942264" spans="14:14">
      <c r="N942264" s="10"/>
    </row>
    <row r="942265" spans="14:14">
      <c r="N942265" s="10"/>
    </row>
    <row r="942266" spans="14:14">
      <c r="N942266" s="10"/>
    </row>
    <row r="942267" spans="14:14">
      <c r="N942267" s="10"/>
    </row>
    <row r="942268" spans="14:14">
      <c r="N942268" s="10"/>
    </row>
    <row r="942269" spans="14:14">
      <c r="N942269" s="10"/>
    </row>
    <row r="942270" spans="14:14">
      <c r="N942270" s="10"/>
    </row>
    <row r="942271" spans="14:14">
      <c r="N942271" s="10"/>
    </row>
    <row r="942272" spans="14:14">
      <c r="N942272" s="10"/>
    </row>
    <row r="942273" spans="14:14">
      <c r="N942273" s="10"/>
    </row>
    <row r="942274" spans="14:14">
      <c r="N942274" s="10"/>
    </row>
    <row r="942275" spans="14:14">
      <c r="N942275" s="10"/>
    </row>
    <row r="942276" spans="14:14">
      <c r="N942276" s="10"/>
    </row>
    <row r="942277" spans="14:14">
      <c r="N942277" s="10"/>
    </row>
    <row r="942278" spans="14:14">
      <c r="N942278" s="10"/>
    </row>
    <row r="942279" spans="14:14">
      <c r="N942279" s="10"/>
    </row>
    <row r="942280" spans="14:14">
      <c r="N942280" s="10"/>
    </row>
    <row r="942281" spans="14:14">
      <c r="N942281" s="10"/>
    </row>
    <row r="942282" spans="14:14">
      <c r="N942282" s="10"/>
    </row>
    <row r="942283" spans="14:14">
      <c r="N942283" s="10"/>
    </row>
    <row r="942284" spans="14:14">
      <c r="N942284" s="10"/>
    </row>
    <row r="942285" spans="14:14">
      <c r="N942285" s="10"/>
    </row>
    <row r="942286" spans="14:14">
      <c r="N942286" s="10"/>
    </row>
    <row r="942287" spans="14:14">
      <c r="N942287" s="10"/>
    </row>
    <row r="942288" spans="14:14">
      <c r="N942288" s="10"/>
    </row>
    <row r="942289" spans="14:14">
      <c r="N942289" s="10"/>
    </row>
    <row r="942290" spans="14:14">
      <c r="N942290" s="10"/>
    </row>
    <row r="942291" spans="14:14">
      <c r="N942291" s="10"/>
    </row>
    <row r="942292" spans="14:14">
      <c r="N942292" s="10"/>
    </row>
    <row r="942293" spans="14:14">
      <c r="N942293" s="10"/>
    </row>
    <row r="942294" spans="14:14">
      <c r="N942294" s="10"/>
    </row>
    <row r="942295" spans="14:14">
      <c r="N942295" s="10"/>
    </row>
    <row r="942296" spans="14:14">
      <c r="N942296" s="10"/>
    </row>
    <row r="942297" spans="14:14">
      <c r="N942297" s="10"/>
    </row>
    <row r="942298" spans="14:14">
      <c r="N942298" s="10"/>
    </row>
    <row r="942299" spans="14:14">
      <c r="N942299" s="10"/>
    </row>
    <row r="942300" spans="14:14">
      <c r="N942300" s="10"/>
    </row>
    <row r="942301" spans="14:14">
      <c r="N942301" s="10"/>
    </row>
    <row r="942302" spans="14:14">
      <c r="N942302" s="10"/>
    </row>
    <row r="942303" spans="14:14">
      <c r="N942303" s="10"/>
    </row>
    <row r="942304" spans="14:14">
      <c r="N942304" s="10"/>
    </row>
    <row r="942305" spans="14:14">
      <c r="N942305" s="10"/>
    </row>
    <row r="942306" spans="14:14">
      <c r="N942306" s="10"/>
    </row>
    <row r="942307" spans="14:14">
      <c r="N942307" s="10"/>
    </row>
    <row r="942308" spans="14:14">
      <c r="N942308" s="10"/>
    </row>
    <row r="942309" spans="14:14">
      <c r="N942309" s="10"/>
    </row>
    <row r="942310" spans="14:14">
      <c r="N942310" s="10"/>
    </row>
    <row r="942311" spans="14:14">
      <c r="N942311" s="10"/>
    </row>
    <row r="942312" spans="14:14">
      <c r="N942312" s="10"/>
    </row>
    <row r="942313" spans="14:14">
      <c r="N942313" s="10"/>
    </row>
    <row r="942314" spans="14:14">
      <c r="N942314" s="10"/>
    </row>
    <row r="942315" spans="14:14">
      <c r="N942315" s="10"/>
    </row>
    <row r="942316" spans="14:14">
      <c r="N942316" s="10"/>
    </row>
    <row r="942317" spans="14:14">
      <c r="N942317" s="10"/>
    </row>
    <row r="942318" spans="14:14">
      <c r="N942318" s="10"/>
    </row>
    <row r="942319" spans="14:14">
      <c r="N942319" s="10"/>
    </row>
    <row r="942320" spans="14:14">
      <c r="N942320" s="10"/>
    </row>
    <row r="942321" spans="14:14">
      <c r="N942321" s="10"/>
    </row>
    <row r="942322" spans="14:14">
      <c r="N942322" s="10"/>
    </row>
    <row r="942323" spans="14:14">
      <c r="N942323" s="10"/>
    </row>
    <row r="942324" spans="14:14">
      <c r="N942324" s="10"/>
    </row>
    <row r="942325" spans="14:14">
      <c r="N942325" s="10"/>
    </row>
    <row r="942326" spans="14:14">
      <c r="N942326" s="10"/>
    </row>
    <row r="942327" spans="14:14">
      <c r="N942327" s="10"/>
    </row>
    <row r="942328" spans="14:14">
      <c r="N942328" s="10"/>
    </row>
    <row r="942329" spans="14:14">
      <c r="N942329" s="10"/>
    </row>
    <row r="942330" spans="14:14">
      <c r="N942330" s="10"/>
    </row>
    <row r="942331" spans="14:14">
      <c r="N942331" s="10"/>
    </row>
    <row r="942332" spans="14:14">
      <c r="N942332" s="10"/>
    </row>
    <row r="942333" spans="14:14">
      <c r="N942333" s="10"/>
    </row>
    <row r="942334" spans="14:14">
      <c r="N942334" s="10"/>
    </row>
    <row r="942335" spans="14:14">
      <c r="N942335" s="10"/>
    </row>
    <row r="942336" spans="14:14">
      <c r="N942336" s="10"/>
    </row>
    <row r="942337" spans="14:14">
      <c r="N942337" s="10"/>
    </row>
    <row r="942338" spans="14:14">
      <c r="N942338" s="10"/>
    </row>
    <row r="942339" spans="14:14">
      <c r="N942339" s="10"/>
    </row>
    <row r="942340" spans="14:14">
      <c r="N942340" s="10"/>
    </row>
    <row r="942341" spans="14:14">
      <c r="N942341" s="10"/>
    </row>
    <row r="942342" spans="14:14">
      <c r="N942342" s="10"/>
    </row>
    <row r="942343" spans="14:14">
      <c r="N942343" s="10"/>
    </row>
    <row r="942344" spans="14:14">
      <c r="N942344" s="10"/>
    </row>
    <row r="942345" spans="14:14">
      <c r="N942345" s="10"/>
    </row>
    <row r="942346" spans="14:14">
      <c r="N942346" s="10"/>
    </row>
    <row r="942347" spans="14:14">
      <c r="N942347" s="10"/>
    </row>
    <row r="942348" spans="14:14">
      <c r="N942348" s="10"/>
    </row>
    <row r="942349" spans="14:14">
      <c r="N942349" s="10"/>
    </row>
    <row r="942350" spans="14:14">
      <c r="N942350" s="10"/>
    </row>
    <row r="942351" spans="14:14">
      <c r="N942351" s="10"/>
    </row>
    <row r="942352" spans="14:14">
      <c r="N942352" s="10"/>
    </row>
    <row r="942353" spans="14:14">
      <c r="N942353" s="10"/>
    </row>
    <row r="942354" spans="14:14">
      <c r="N942354" s="10"/>
    </row>
    <row r="942355" spans="14:14">
      <c r="N942355" s="10"/>
    </row>
    <row r="942356" spans="14:14">
      <c r="N942356" s="10"/>
    </row>
    <row r="942357" spans="14:14">
      <c r="N942357" s="10"/>
    </row>
    <row r="942358" spans="14:14">
      <c r="N942358" s="10"/>
    </row>
    <row r="942359" spans="14:14">
      <c r="N942359" s="10"/>
    </row>
    <row r="942360" spans="14:14">
      <c r="N942360" s="10"/>
    </row>
    <row r="942361" spans="14:14">
      <c r="N942361" s="10"/>
    </row>
    <row r="942362" spans="14:14">
      <c r="N942362" s="10"/>
    </row>
    <row r="942363" spans="14:14">
      <c r="N942363" s="10"/>
    </row>
    <row r="942364" spans="14:14">
      <c r="N942364" s="10"/>
    </row>
    <row r="942365" spans="14:14">
      <c r="N942365" s="10"/>
    </row>
    <row r="942366" spans="14:14">
      <c r="N942366" s="10"/>
    </row>
    <row r="942367" spans="14:14">
      <c r="N942367" s="10"/>
    </row>
    <row r="942368" spans="14:14">
      <c r="N942368" s="10"/>
    </row>
    <row r="942369" spans="14:14">
      <c r="N942369" s="10"/>
    </row>
    <row r="942370" spans="14:14">
      <c r="N942370" s="10"/>
    </row>
    <row r="942371" spans="14:14">
      <c r="N942371" s="10"/>
    </row>
    <row r="942372" spans="14:14">
      <c r="N942372" s="10"/>
    </row>
    <row r="942373" spans="14:14">
      <c r="N942373" s="10"/>
    </row>
    <row r="942374" spans="14:14">
      <c r="N942374" s="10"/>
    </row>
    <row r="942375" spans="14:14">
      <c r="N942375" s="10"/>
    </row>
    <row r="942376" spans="14:14">
      <c r="N942376" s="10"/>
    </row>
    <row r="942377" spans="14:14">
      <c r="N942377" s="10"/>
    </row>
    <row r="942378" spans="14:14">
      <c r="N942378" s="10"/>
    </row>
    <row r="942379" spans="14:14">
      <c r="N942379" s="10"/>
    </row>
    <row r="942380" spans="14:14">
      <c r="N942380" s="10"/>
    </row>
    <row r="942381" spans="14:14">
      <c r="N942381" s="10"/>
    </row>
    <row r="942382" spans="14:14">
      <c r="N942382" s="10"/>
    </row>
    <row r="942383" spans="14:14">
      <c r="N942383" s="10"/>
    </row>
    <row r="942384" spans="14:14">
      <c r="N942384" s="10"/>
    </row>
    <row r="942385" spans="14:14">
      <c r="N942385" s="10"/>
    </row>
    <row r="942386" spans="14:14">
      <c r="N942386" s="10"/>
    </row>
    <row r="942387" spans="14:14">
      <c r="N942387" s="10"/>
    </row>
    <row r="942388" spans="14:14">
      <c r="N942388" s="10"/>
    </row>
    <row r="942389" spans="14:14">
      <c r="N942389" s="10"/>
    </row>
    <row r="942390" spans="14:14">
      <c r="N942390" s="10"/>
    </row>
    <row r="942391" spans="14:14">
      <c r="N942391" s="10"/>
    </row>
    <row r="942392" spans="14:14">
      <c r="N942392" s="10"/>
    </row>
    <row r="942393" spans="14:14">
      <c r="N942393" s="10"/>
    </row>
    <row r="942394" spans="14:14">
      <c r="N942394" s="10"/>
    </row>
    <row r="942395" spans="14:14">
      <c r="N942395" s="10"/>
    </row>
    <row r="942396" spans="14:14">
      <c r="N942396" s="10"/>
    </row>
    <row r="942397" spans="14:14">
      <c r="N942397" s="10"/>
    </row>
    <row r="942398" spans="14:14">
      <c r="N942398" s="10"/>
    </row>
    <row r="942399" spans="14:14">
      <c r="N942399" s="10"/>
    </row>
    <row r="942400" spans="14:14">
      <c r="N942400" s="10"/>
    </row>
    <row r="942401" spans="14:14">
      <c r="N942401" s="10"/>
    </row>
    <row r="942402" spans="14:14">
      <c r="N942402" s="10"/>
    </row>
    <row r="942403" spans="14:14">
      <c r="N942403" s="10"/>
    </row>
    <row r="942404" spans="14:14">
      <c r="N942404" s="10"/>
    </row>
    <row r="942405" spans="14:14">
      <c r="N942405" s="10"/>
    </row>
    <row r="942406" spans="14:14">
      <c r="N942406" s="10"/>
    </row>
    <row r="942407" spans="14:14">
      <c r="N942407" s="10"/>
    </row>
    <row r="942408" spans="14:14">
      <c r="N942408" s="10"/>
    </row>
    <row r="942409" spans="14:14">
      <c r="N942409" s="10"/>
    </row>
    <row r="942410" spans="14:14">
      <c r="N942410" s="10"/>
    </row>
    <row r="942411" spans="14:14">
      <c r="N942411" s="10"/>
    </row>
    <row r="942412" spans="14:14">
      <c r="N942412" s="10"/>
    </row>
    <row r="942413" spans="14:14">
      <c r="N942413" s="10"/>
    </row>
    <row r="942414" spans="14:14">
      <c r="N942414" s="10"/>
    </row>
    <row r="942415" spans="14:14">
      <c r="N942415" s="10"/>
    </row>
    <row r="942416" spans="14:14">
      <c r="N942416" s="10"/>
    </row>
    <row r="942417" spans="14:14">
      <c r="N942417" s="10"/>
    </row>
    <row r="942418" spans="14:14">
      <c r="N942418" s="10"/>
    </row>
    <row r="942419" spans="14:14">
      <c r="N942419" s="10"/>
    </row>
    <row r="942420" spans="14:14">
      <c r="N942420" s="10"/>
    </row>
    <row r="942421" spans="14:14">
      <c r="N942421" s="10"/>
    </row>
    <row r="942422" spans="14:14">
      <c r="N942422" s="10"/>
    </row>
    <row r="942423" spans="14:14">
      <c r="N942423" s="10"/>
    </row>
    <row r="942424" spans="14:14">
      <c r="N942424" s="10"/>
    </row>
    <row r="942425" spans="14:14">
      <c r="N942425" s="10"/>
    </row>
    <row r="942426" spans="14:14">
      <c r="N942426" s="10"/>
    </row>
    <row r="942427" spans="14:14">
      <c r="N942427" s="10"/>
    </row>
    <row r="942428" spans="14:14">
      <c r="N942428" s="10"/>
    </row>
    <row r="942429" spans="14:14">
      <c r="N942429" s="10"/>
    </row>
    <row r="942430" spans="14:14">
      <c r="N942430" s="10"/>
    </row>
    <row r="942431" spans="14:14">
      <c r="N942431" s="10"/>
    </row>
    <row r="942432" spans="14:14">
      <c r="N942432" s="10"/>
    </row>
    <row r="942433" spans="14:14">
      <c r="N942433" s="10"/>
    </row>
    <row r="942434" spans="14:14">
      <c r="N942434" s="10"/>
    </row>
    <row r="942435" spans="14:14">
      <c r="N942435" s="10"/>
    </row>
    <row r="942436" spans="14:14">
      <c r="N942436" s="10"/>
    </row>
    <row r="942437" spans="14:14">
      <c r="N942437" s="10"/>
    </row>
    <row r="942438" spans="14:14">
      <c r="N942438" s="10"/>
    </row>
    <row r="942439" spans="14:14">
      <c r="N942439" s="10"/>
    </row>
    <row r="942440" spans="14:14">
      <c r="N942440" s="10"/>
    </row>
    <row r="942441" spans="14:14">
      <c r="N942441" s="10"/>
    </row>
    <row r="942442" spans="14:14">
      <c r="N942442" s="10"/>
    </row>
    <row r="942443" spans="14:14">
      <c r="N942443" s="10"/>
    </row>
    <row r="942444" spans="14:14">
      <c r="N942444" s="10"/>
    </row>
    <row r="942445" spans="14:14">
      <c r="N942445" s="10"/>
    </row>
    <row r="942446" spans="14:14">
      <c r="N942446" s="10"/>
    </row>
    <row r="942447" spans="14:14">
      <c r="N942447" s="10"/>
    </row>
    <row r="942448" spans="14:14">
      <c r="N942448" s="10"/>
    </row>
    <row r="942449" spans="14:14">
      <c r="N942449" s="10"/>
    </row>
    <row r="942450" spans="14:14">
      <c r="N942450" s="10"/>
    </row>
    <row r="942451" spans="14:14">
      <c r="N942451" s="10"/>
    </row>
    <row r="942452" spans="14:14">
      <c r="N942452" s="10"/>
    </row>
    <row r="942453" spans="14:14">
      <c r="N942453" s="10"/>
    </row>
    <row r="942454" spans="14:14">
      <c r="N942454" s="10"/>
    </row>
    <row r="942455" spans="14:14">
      <c r="N942455" s="10"/>
    </row>
    <row r="942456" spans="14:14">
      <c r="N942456" s="10"/>
    </row>
    <row r="942457" spans="14:14">
      <c r="N942457" s="10"/>
    </row>
    <row r="942458" spans="14:14">
      <c r="N942458" s="10"/>
    </row>
    <row r="942459" spans="14:14">
      <c r="N942459" s="10"/>
    </row>
    <row r="942460" spans="14:14">
      <c r="N942460" s="10"/>
    </row>
    <row r="942461" spans="14:14">
      <c r="N942461" s="10"/>
    </row>
    <row r="942462" spans="14:14">
      <c r="N942462" s="10"/>
    </row>
    <row r="942463" spans="14:14">
      <c r="N942463" s="10"/>
    </row>
    <row r="942464" spans="14:14">
      <c r="N942464" s="10"/>
    </row>
    <row r="942465" spans="14:14">
      <c r="N942465" s="10"/>
    </row>
    <row r="942466" spans="14:14">
      <c r="N942466" s="10"/>
    </row>
    <row r="942467" spans="14:14">
      <c r="N942467" s="10"/>
    </row>
    <row r="942468" spans="14:14">
      <c r="N942468" s="10"/>
    </row>
    <row r="942469" spans="14:14">
      <c r="N942469" s="10"/>
    </row>
    <row r="942470" spans="14:14">
      <c r="N942470" s="10"/>
    </row>
    <row r="942471" spans="14:14">
      <c r="N942471" s="10"/>
    </row>
    <row r="942472" spans="14:14">
      <c r="N942472" s="10"/>
    </row>
    <row r="942473" spans="14:14">
      <c r="N942473" s="10"/>
    </row>
    <row r="942474" spans="14:14">
      <c r="N942474" s="10"/>
    </row>
    <row r="942475" spans="14:14">
      <c r="N942475" s="10"/>
    </row>
    <row r="942476" spans="14:14">
      <c r="N942476" s="10"/>
    </row>
    <row r="942477" spans="14:14">
      <c r="N942477" s="10"/>
    </row>
    <row r="942478" spans="14:14">
      <c r="N942478" s="10"/>
    </row>
    <row r="942479" spans="14:14">
      <c r="N942479" s="10"/>
    </row>
    <row r="942480" spans="14:14">
      <c r="N942480" s="10"/>
    </row>
    <row r="942481" spans="14:14">
      <c r="N942481" s="10"/>
    </row>
    <row r="942482" spans="14:14">
      <c r="N942482" s="10"/>
    </row>
    <row r="942483" spans="14:14">
      <c r="N942483" s="10"/>
    </row>
    <row r="942484" spans="14:14">
      <c r="N942484" s="10"/>
    </row>
    <row r="942485" spans="14:14">
      <c r="N942485" s="10"/>
    </row>
    <row r="942486" spans="14:14">
      <c r="N942486" s="10"/>
    </row>
    <row r="942487" spans="14:14">
      <c r="N942487" s="10"/>
    </row>
    <row r="942488" spans="14:14">
      <c r="N942488" s="10"/>
    </row>
    <row r="942489" spans="14:14">
      <c r="N942489" s="10"/>
    </row>
    <row r="942490" spans="14:14">
      <c r="N942490" s="10"/>
    </row>
    <row r="942491" spans="14:14">
      <c r="N942491" s="10"/>
    </row>
    <row r="942492" spans="14:14">
      <c r="N942492" s="10"/>
    </row>
    <row r="942493" spans="14:14">
      <c r="N942493" s="10"/>
    </row>
    <row r="942494" spans="14:14">
      <c r="N942494" s="10"/>
    </row>
    <row r="942495" spans="14:14">
      <c r="N942495" s="10"/>
    </row>
    <row r="942496" spans="14:14">
      <c r="N942496" s="10"/>
    </row>
    <row r="942497" spans="14:14">
      <c r="N942497" s="10"/>
    </row>
    <row r="942498" spans="14:14">
      <c r="N942498" s="10"/>
    </row>
    <row r="942499" spans="14:14">
      <c r="N942499" s="10"/>
    </row>
    <row r="942500" spans="14:14">
      <c r="N942500" s="10"/>
    </row>
    <row r="942501" spans="14:14">
      <c r="N942501" s="10"/>
    </row>
    <row r="942502" spans="14:14">
      <c r="N942502" s="10"/>
    </row>
    <row r="942503" spans="14:14">
      <c r="N942503" s="10"/>
    </row>
    <row r="942504" spans="14:14">
      <c r="N942504" s="10"/>
    </row>
    <row r="942505" spans="14:14">
      <c r="N942505" s="10"/>
    </row>
    <row r="942506" spans="14:14">
      <c r="N942506" s="10"/>
    </row>
    <row r="942507" spans="14:14">
      <c r="N942507" s="10"/>
    </row>
    <row r="942508" spans="14:14">
      <c r="N942508" s="10"/>
    </row>
    <row r="942509" spans="14:14">
      <c r="N942509" s="10"/>
    </row>
    <row r="942510" spans="14:14">
      <c r="N942510" s="10"/>
    </row>
    <row r="942511" spans="14:14">
      <c r="N942511" s="10"/>
    </row>
    <row r="942512" spans="14:14">
      <c r="N942512" s="10"/>
    </row>
    <row r="942513" spans="14:14">
      <c r="N942513" s="10"/>
    </row>
    <row r="942514" spans="14:14">
      <c r="N942514" s="10"/>
    </row>
    <row r="942515" spans="14:14">
      <c r="N942515" s="10"/>
    </row>
    <row r="942516" spans="14:14">
      <c r="N942516" s="10"/>
    </row>
    <row r="942517" spans="14:14">
      <c r="N942517" s="10"/>
    </row>
    <row r="942518" spans="14:14">
      <c r="N942518" s="10"/>
    </row>
    <row r="942519" spans="14:14">
      <c r="N942519" s="10"/>
    </row>
    <row r="942520" spans="14:14">
      <c r="N942520" s="10"/>
    </row>
    <row r="942521" spans="14:14">
      <c r="N942521" s="10"/>
    </row>
    <row r="942522" spans="14:14">
      <c r="N942522" s="10"/>
    </row>
    <row r="942523" spans="14:14">
      <c r="N942523" s="10"/>
    </row>
    <row r="942524" spans="14:14">
      <c r="N942524" s="10"/>
    </row>
    <row r="942525" spans="14:14">
      <c r="N942525" s="10"/>
    </row>
    <row r="942526" spans="14:14">
      <c r="N942526" s="10"/>
    </row>
    <row r="942527" spans="14:14">
      <c r="N942527" s="10"/>
    </row>
    <row r="942528" spans="14:14">
      <c r="N942528" s="10"/>
    </row>
    <row r="942529" spans="14:14">
      <c r="N942529" s="10"/>
    </row>
    <row r="942530" spans="14:14">
      <c r="N942530" s="10"/>
    </row>
    <row r="942531" spans="14:14">
      <c r="N942531" s="10"/>
    </row>
    <row r="942532" spans="14:14">
      <c r="N942532" s="10"/>
    </row>
    <row r="942533" spans="14:14">
      <c r="N942533" s="10"/>
    </row>
    <row r="942534" spans="14:14">
      <c r="N942534" s="10"/>
    </row>
    <row r="942535" spans="14:14">
      <c r="N942535" s="10"/>
    </row>
    <row r="942536" spans="14:14">
      <c r="N942536" s="10"/>
    </row>
    <row r="942537" spans="14:14">
      <c r="N942537" s="10"/>
    </row>
    <row r="942538" spans="14:14">
      <c r="N942538" s="10"/>
    </row>
    <row r="942539" spans="14:14">
      <c r="N942539" s="10"/>
    </row>
    <row r="942540" spans="14:14">
      <c r="N942540" s="10"/>
    </row>
    <row r="942541" spans="14:14">
      <c r="N942541" s="10"/>
    </row>
    <row r="942542" spans="14:14">
      <c r="N942542" s="10"/>
    </row>
    <row r="942543" spans="14:14">
      <c r="N942543" s="10"/>
    </row>
    <row r="942544" spans="14:14">
      <c r="N942544" s="10"/>
    </row>
    <row r="942545" spans="14:14">
      <c r="N942545" s="10"/>
    </row>
    <row r="942546" spans="14:14">
      <c r="N942546" s="10"/>
    </row>
    <row r="942547" spans="14:14">
      <c r="N942547" s="10"/>
    </row>
    <row r="942548" spans="14:14">
      <c r="N942548" s="10"/>
    </row>
    <row r="942549" spans="14:14">
      <c r="N942549" s="10"/>
    </row>
    <row r="942550" spans="14:14">
      <c r="N942550" s="10"/>
    </row>
    <row r="942551" spans="14:14">
      <c r="N942551" s="10"/>
    </row>
    <row r="942552" spans="14:14">
      <c r="N942552" s="10"/>
    </row>
    <row r="942553" spans="14:14">
      <c r="N942553" s="10"/>
    </row>
    <row r="942554" spans="14:14">
      <c r="N942554" s="10"/>
    </row>
    <row r="942555" spans="14:14">
      <c r="N942555" s="10"/>
    </row>
    <row r="942556" spans="14:14">
      <c r="N942556" s="10"/>
    </row>
    <row r="942557" spans="14:14">
      <c r="N942557" s="10"/>
    </row>
    <row r="942558" spans="14:14">
      <c r="N942558" s="10"/>
    </row>
    <row r="942559" spans="14:14">
      <c r="N942559" s="10"/>
    </row>
    <row r="942560" spans="14:14">
      <c r="N942560" s="10"/>
    </row>
    <row r="942561" spans="14:14">
      <c r="N942561" s="10"/>
    </row>
    <row r="942562" spans="14:14">
      <c r="N942562" s="10"/>
    </row>
    <row r="942563" spans="14:14">
      <c r="N942563" s="10"/>
    </row>
    <row r="942564" spans="14:14">
      <c r="N942564" s="10"/>
    </row>
    <row r="942565" spans="14:14">
      <c r="N942565" s="10"/>
    </row>
    <row r="942566" spans="14:14">
      <c r="N942566" s="10"/>
    </row>
    <row r="942567" spans="14:14">
      <c r="N942567" s="10"/>
    </row>
    <row r="942568" spans="14:14">
      <c r="N942568" s="10"/>
    </row>
    <row r="942569" spans="14:14">
      <c r="N942569" s="10"/>
    </row>
    <row r="942570" spans="14:14">
      <c r="N942570" s="10"/>
    </row>
    <row r="942571" spans="14:14">
      <c r="N942571" s="10"/>
    </row>
    <row r="942572" spans="14:14">
      <c r="N942572" s="10"/>
    </row>
    <row r="942573" spans="14:14">
      <c r="N942573" s="10"/>
    </row>
    <row r="942574" spans="14:14">
      <c r="N942574" s="10"/>
    </row>
    <row r="942575" spans="14:14">
      <c r="N942575" s="10"/>
    </row>
    <row r="942576" spans="14:14">
      <c r="N942576" s="10"/>
    </row>
    <row r="942577" spans="14:14">
      <c r="N942577" s="10"/>
    </row>
    <row r="942578" spans="14:14">
      <c r="N942578" s="10"/>
    </row>
    <row r="942579" spans="14:14">
      <c r="N942579" s="10"/>
    </row>
    <row r="942580" spans="14:14">
      <c r="N942580" s="10"/>
    </row>
    <row r="942581" spans="14:14">
      <c r="N942581" s="10"/>
    </row>
    <row r="942582" spans="14:14">
      <c r="N942582" s="10"/>
    </row>
    <row r="942583" spans="14:14">
      <c r="N942583" s="10"/>
    </row>
    <row r="942584" spans="14:14">
      <c r="N942584" s="10"/>
    </row>
    <row r="942585" spans="14:14">
      <c r="N942585" s="10"/>
    </row>
    <row r="942586" spans="14:14">
      <c r="N942586" s="10"/>
    </row>
    <row r="942587" spans="14:14">
      <c r="N942587" s="10"/>
    </row>
    <row r="942588" spans="14:14">
      <c r="N942588" s="10"/>
    </row>
    <row r="942589" spans="14:14">
      <c r="N942589" s="10"/>
    </row>
    <row r="942590" spans="14:14">
      <c r="N942590" s="10"/>
    </row>
    <row r="942591" spans="14:14">
      <c r="N942591" s="10"/>
    </row>
    <row r="942592" spans="14:14">
      <c r="N942592" s="10"/>
    </row>
    <row r="942593" spans="14:14">
      <c r="N942593" s="10"/>
    </row>
    <row r="942594" spans="14:14">
      <c r="N942594" s="10"/>
    </row>
    <row r="942595" spans="14:14">
      <c r="N942595" s="10"/>
    </row>
    <row r="942596" spans="14:14">
      <c r="N942596" s="10"/>
    </row>
    <row r="942597" spans="14:14">
      <c r="N942597" s="10"/>
    </row>
    <row r="942598" spans="14:14">
      <c r="N942598" s="10"/>
    </row>
    <row r="942599" spans="14:14">
      <c r="N942599" s="10"/>
    </row>
    <row r="942600" spans="14:14">
      <c r="N942600" s="10"/>
    </row>
    <row r="942601" spans="14:14">
      <c r="N942601" s="10"/>
    </row>
    <row r="942602" spans="14:14">
      <c r="N942602" s="10"/>
    </row>
    <row r="942603" spans="14:14">
      <c r="N942603" s="10"/>
    </row>
    <row r="942604" spans="14:14">
      <c r="N942604" s="10"/>
    </row>
    <row r="942605" spans="14:14">
      <c r="N942605" s="10"/>
    </row>
    <row r="942606" spans="14:14">
      <c r="N942606" s="10"/>
    </row>
    <row r="942607" spans="14:14">
      <c r="N942607" s="10"/>
    </row>
    <row r="942608" spans="14:14">
      <c r="N942608" s="10"/>
    </row>
    <row r="942609" spans="14:14">
      <c r="N942609" s="10"/>
    </row>
    <row r="942610" spans="14:14">
      <c r="N942610" s="10"/>
    </row>
    <row r="942611" spans="14:14">
      <c r="N942611" s="10"/>
    </row>
    <row r="942612" spans="14:14">
      <c r="N942612" s="10"/>
    </row>
    <row r="942613" spans="14:14">
      <c r="N942613" s="10"/>
    </row>
    <row r="942614" spans="14:14">
      <c r="N942614" s="10"/>
    </row>
    <row r="942615" spans="14:14">
      <c r="N942615" s="10"/>
    </row>
    <row r="942616" spans="14:14">
      <c r="N942616" s="10"/>
    </row>
    <row r="942617" spans="14:14">
      <c r="N942617" s="10"/>
    </row>
    <row r="942618" spans="14:14">
      <c r="N942618" s="10"/>
    </row>
    <row r="942619" spans="14:14">
      <c r="N942619" s="10"/>
    </row>
    <row r="942620" spans="14:14">
      <c r="N942620" s="10"/>
    </row>
    <row r="942621" spans="14:14">
      <c r="N942621" s="10"/>
    </row>
    <row r="942622" spans="14:14">
      <c r="N942622" s="10"/>
    </row>
    <row r="942623" spans="14:14">
      <c r="N942623" s="10"/>
    </row>
    <row r="942624" spans="14:14">
      <c r="N942624" s="10"/>
    </row>
    <row r="942625" spans="14:14">
      <c r="N942625" s="10"/>
    </row>
    <row r="942626" spans="14:14">
      <c r="N942626" s="10"/>
    </row>
    <row r="942627" spans="14:14">
      <c r="N942627" s="10"/>
    </row>
    <row r="942628" spans="14:14">
      <c r="N942628" s="10"/>
    </row>
    <row r="942629" spans="14:14">
      <c r="N942629" s="10"/>
    </row>
    <row r="942630" spans="14:14">
      <c r="N942630" s="10"/>
    </row>
    <row r="942631" spans="14:14">
      <c r="N942631" s="10"/>
    </row>
    <row r="942632" spans="14:14">
      <c r="N942632" s="10"/>
    </row>
    <row r="942633" spans="14:14">
      <c r="N942633" s="10"/>
    </row>
    <row r="942634" spans="14:14">
      <c r="N942634" s="10"/>
    </row>
    <row r="942635" spans="14:14">
      <c r="N942635" s="10"/>
    </row>
    <row r="942636" spans="14:14">
      <c r="N942636" s="10"/>
    </row>
    <row r="942637" spans="14:14">
      <c r="N942637" s="10"/>
    </row>
    <row r="942638" spans="14:14">
      <c r="N942638" s="10"/>
    </row>
    <row r="942639" spans="14:14">
      <c r="N942639" s="10"/>
    </row>
    <row r="942640" spans="14:14">
      <c r="N942640" s="10"/>
    </row>
    <row r="942641" spans="14:14">
      <c r="N942641" s="10"/>
    </row>
    <row r="942642" spans="14:14">
      <c r="N942642" s="10"/>
    </row>
    <row r="942643" spans="14:14">
      <c r="N942643" s="10"/>
    </row>
    <row r="942644" spans="14:14">
      <c r="N942644" s="10"/>
    </row>
    <row r="942645" spans="14:14">
      <c r="N942645" s="10"/>
    </row>
    <row r="942646" spans="14:14">
      <c r="N942646" s="10"/>
    </row>
    <row r="942647" spans="14:14">
      <c r="N942647" s="10"/>
    </row>
    <row r="942648" spans="14:14">
      <c r="N942648" s="10"/>
    </row>
    <row r="942649" spans="14:14">
      <c r="N942649" s="10"/>
    </row>
    <row r="942650" spans="14:14">
      <c r="N942650" s="10"/>
    </row>
    <row r="942651" spans="14:14">
      <c r="N942651" s="10"/>
    </row>
    <row r="942652" spans="14:14">
      <c r="N942652" s="10"/>
    </row>
    <row r="942653" spans="14:14">
      <c r="N942653" s="10"/>
    </row>
    <row r="942654" spans="14:14">
      <c r="N942654" s="10"/>
    </row>
    <row r="942655" spans="14:14">
      <c r="N942655" s="10"/>
    </row>
    <row r="942656" spans="14:14">
      <c r="N942656" s="10"/>
    </row>
    <row r="942657" spans="14:14">
      <c r="N942657" s="10"/>
    </row>
    <row r="942658" spans="14:14">
      <c r="N942658" s="10"/>
    </row>
    <row r="942659" spans="14:14">
      <c r="N942659" s="10"/>
    </row>
    <row r="942660" spans="14:14">
      <c r="N942660" s="10"/>
    </row>
    <row r="942661" spans="14:14">
      <c r="N942661" s="10"/>
    </row>
    <row r="942662" spans="14:14">
      <c r="N942662" s="10"/>
    </row>
    <row r="942663" spans="14:14">
      <c r="N942663" s="10"/>
    </row>
    <row r="942664" spans="14:14">
      <c r="N942664" s="10"/>
    </row>
    <row r="942665" spans="14:14">
      <c r="N942665" s="10"/>
    </row>
    <row r="942666" spans="14:14">
      <c r="N942666" s="10"/>
    </row>
    <row r="942667" spans="14:14">
      <c r="N942667" s="10"/>
    </row>
    <row r="942668" spans="14:14">
      <c r="N942668" s="10"/>
    </row>
    <row r="942669" spans="14:14">
      <c r="N942669" s="10"/>
    </row>
    <row r="942670" spans="14:14">
      <c r="N942670" s="10"/>
    </row>
    <row r="942671" spans="14:14">
      <c r="N942671" s="10"/>
    </row>
    <row r="942672" spans="14:14">
      <c r="N942672" s="10"/>
    </row>
    <row r="942673" spans="14:14">
      <c r="N942673" s="10"/>
    </row>
    <row r="942674" spans="14:14">
      <c r="N942674" s="10"/>
    </row>
    <row r="942675" spans="14:14">
      <c r="N942675" s="10"/>
    </row>
    <row r="942676" spans="14:14">
      <c r="N942676" s="10"/>
    </row>
    <row r="942677" spans="14:14">
      <c r="N942677" s="10"/>
    </row>
    <row r="942678" spans="14:14">
      <c r="N942678" s="10"/>
    </row>
    <row r="942679" spans="14:14">
      <c r="N942679" s="10"/>
    </row>
    <row r="942680" spans="14:14">
      <c r="N942680" s="10"/>
    </row>
    <row r="942681" spans="14:14">
      <c r="N942681" s="10"/>
    </row>
    <row r="942682" spans="14:14">
      <c r="N942682" s="10"/>
    </row>
    <row r="942683" spans="14:14">
      <c r="N942683" s="10"/>
    </row>
    <row r="942684" spans="14:14">
      <c r="N942684" s="10"/>
    </row>
    <row r="942685" spans="14:14">
      <c r="N942685" s="10"/>
    </row>
    <row r="942686" spans="14:14">
      <c r="N942686" s="10"/>
    </row>
    <row r="942687" spans="14:14">
      <c r="N942687" s="10"/>
    </row>
    <row r="942688" spans="14:14">
      <c r="N942688" s="10"/>
    </row>
    <row r="942689" spans="14:14">
      <c r="N942689" s="10"/>
    </row>
    <row r="942690" spans="14:14">
      <c r="N942690" s="10"/>
    </row>
    <row r="942691" spans="14:14">
      <c r="N942691" s="10"/>
    </row>
    <row r="942692" spans="14:14">
      <c r="N942692" s="10"/>
    </row>
    <row r="942693" spans="14:14">
      <c r="N942693" s="10"/>
    </row>
    <row r="942694" spans="14:14">
      <c r="N942694" s="10"/>
    </row>
    <row r="942695" spans="14:14">
      <c r="N942695" s="10"/>
    </row>
    <row r="942696" spans="14:14">
      <c r="N942696" s="10"/>
    </row>
    <row r="942697" spans="14:14">
      <c r="N942697" s="10"/>
    </row>
    <row r="942698" spans="14:14">
      <c r="N942698" s="10"/>
    </row>
    <row r="942699" spans="14:14">
      <c r="N942699" s="10"/>
    </row>
    <row r="942700" spans="14:14">
      <c r="N942700" s="10"/>
    </row>
    <row r="942701" spans="14:14">
      <c r="N942701" s="10"/>
    </row>
    <row r="942702" spans="14:14">
      <c r="N942702" s="10"/>
    </row>
    <row r="942703" spans="14:14">
      <c r="N942703" s="10"/>
    </row>
    <row r="942704" spans="14:14">
      <c r="N942704" s="10"/>
    </row>
    <row r="942705" spans="14:14">
      <c r="N942705" s="10"/>
    </row>
    <row r="942706" spans="14:14">
      <c r="N942706" s="10"/>
    </row>
    <row r="942707" spans="14:14">
      <c r="N942707" s="10"/>
    </row>
    <row r="942708" spans="14:14">
      <c r="N942708" s="10"/>
    </row>
    <row r="942709" spans="14:14">
      <c r="N942709" s="10"/>
    </row>
    <row r="942710" spans="14:14">
      <c r="N942710" s="10"/>
    </row>
    <row r="942711" spans="14:14">
      <c r="N942711" s="10"/>
    </row>
    <row r="942712" spans="14:14">
      <c r="N942712" s="10"/>
    </row>
    <row r="942713" spans="14:14">
      <c r="N942713" s="10"/>
    </row>
    <row r="942714" spans="14:14">
      <c r="N942714" s="10"/>
    </row>
    <row r="942715" spans="14:14">
      <c r="N942715" s="10"/>
    </row>
    <row r="942716" spans="14:14">
      <c r="N942716" s="10"/>
    </row>
    <row r="942717" spans="14:14">
      <c r="N942717" s="10"/>
    </row>
    <row r="942718" spans="14:14">
      <c r="N942718" s="10"/>
    </row>
    <row r="942719" spans="14:14">
      <c r="N942719" s="10"/>
    </row>
    <row r="942720" spans="14:14">
      <c r="N942720" s="10"/>
    </row>
    <row r="942721" spans="14:14">
      <c r="N942721" s="10"/>
    </row>
    <row r="942722" spans="14:14">
      <c r="N942722" s="10"/>
    </row>
    <row r="942723" spans="14:14">
      <c r="N942723" s="10"/>
    </row>
    <row r="942724" spans="14:14">
      <c r="N942724" s="10"/>
    </row>
    <row r="942725" spans="14:14">
      <c r="N942725" s="10"/>
    </row>
    <row r="942726" spans="14:14">
      <c r="N942726" s="10"/>
    </row>
    <row r="942727" spans="14:14">
      <c r="N942727" s="10"/>
    </row>
    <row r="942728" spans="14:14">
      <c r="N942728" s="10"/>
    </row>
    <row r="942729" spans="14:14">
      <c r="N942729" s="10"/>
    </row>
    <row r="942730" spans="14:14">
      <c r="N942730" s="10"/>
    </row>
    <row r="942731" spans="14:14">
      <c r="N942731" s="10"/>
    </row>
    <row r="942732" spans="14:14">
      <c r="N942732" s="10"/>
    </row>
    <row r="942733" spans="14:14">
      <c r="N942733" s="10"/>
    </row>
    <row r="942734" spans="14:14">
      <c r="N942734" s="10"/>
    </row>
    <row r="942735" spans="14:14">
      <c r="N942735" s="10"/>
    </row>
    <row r="942736" spans="14:14">
      <c r="N942736" s="10"/>
    </row>
    <row r="942737" spans="14:14">
      <c r="N942737" s="10"/>
    </row>
    <row r="942738" spans="14:14">
      <c r="N942738" s="10"/>
    </row>
    <row r="942739" spans="14:14">
      <c r="N942739" s="10"/>
    </row>
    <row r="942740" spans="14:14">
      <c r="N942740" s="10"/>
    </row>
    <row r="942741" spans="14:14">
      <c r="N942741" s="10"/>
    </row>
    <row r="942742" spans="14:14">
      <c r="N942742" s="10"/>
    </row>
    <row r="942743" spans="14:14">
      <c r="N942743" s="10"/>
    </row>
    <row r="942744" spans="14:14">
      <c r="N942744" s="10"/>
    </row>
    <row r="942745" spans="14:14">
      <c r="N942745" s="10"/>
    </row>
    <row r="942746" spans="14:14">
      <c r="N942746" s="10"/>
    </row>
    <row r="942747" spans="14:14">
      <c r="N942747" s="10"/>
    </row>
    <row r="942748" spans="14:14">
      <c r="N942748" s="10"/>
    </row>
    <row r="942749" spans="14:14">
      <c r="N942749" s="10"/>
    </row>
    <row r="942750" spans="14:14">
      <c r="N942750" s="10"/>
    </row>
    <row r="942751" spans="14:14">
      <c r="N942751" s="10"/>
    </row>
    <row r="942752" spans="14:14">
      <c r="N942752" s="10"/>
    </row>
    <row r="942753" spans="14:14">
      <c r="N942753" s="10"/>
    </row>
    <row r="942754" spans="14:14">
      <c r="N942754" s="10"/>
    </row>
    <row r="942755" spans="14:14">
      <c r="N942755" s="10"/>
    </row>
    <row r="942756" spans="14:14">
      <c r="N942756" s="10"/>
    </row>
    <row r="942757" spans="14:14">
      <c r="N942757" s="10"/>
    </row>
    <row r="942758" spans="14:14">
      <c r="N942758" s="10"/>
    </row>
    <row r="942759" spans="14:14">
      <c r="N942759" s="10"/>
    </row>
    <row r="942760" spans="14:14">
      <c r="N942760" s="10"/>
    </row>
    <row r="942761" spans="14:14">
      <c r="N942761" s="10"/>
    </row>
    <row r="942762" spans="14:14">
      <c r="N942762" s="10"/>
    </row>
    <row r="942763" spans="14:14">
      <c r="N942763" s="10"/>
    </row>
    <row r="942764" spans="14:14">
      <c r="N942764" s="10"/>
    </row>
    <row r="942765" spans="14:14">
      <c r="N942765" s="10"/>
    </row>
    <row r="942766" spans="14:14">
      <c r="N942766" s="10"/>
    </row>
    <row r="942767" spans="14:14">
      <c r="N942767" s="10"/>
    </row>
    <row r="942768" spans="14:14">
      <c r="N942768" s="10"/>
    </row>
    <row r="942769" spans="14:14">
      <c r="N942769" s="10"/>
    </row>
    <row r="942770" spans="14:14">
      <c r="N942770" s="10"/>
    </row>
    <row r="942771" spans="14:14">
      <c r="N942771" s="10"/>
    </row>
    <row r="942772" spans="14:14">
      <c r="N942772" s="10"/>
    </row>
    <row r="942773" spans="14:14">
      <c r="N942773" s="10"/>
    </row>
    <row r="942774" spans="14:14">
      <c r="N942774" s="10"/>
    </row>
    <row r="942775" spans="14:14">
      <c r="N942775" s="10"/>
    </row>
    <row r="942776" spans="14:14">
      <c r="N942776" s="10"/>
    </row>
    <row r="942777" spans="14:14">
      <c r="N942777" s="10"/>
    </row>
    <row r="942778" spans="14:14">
      <c r="N942778" s="10"/>
    </row>
    <row r="942779" spans="14:14">
      <c r="N942779" s="10"/>
    </row>
    <row r="942780" spans="14:14">
      <c r="N942780" s="10"/>
    </row>
    <row r="942781" spans="14:14">
      <c r="N942781" s="10"/>
    </row>
    <row r="942782" spans="14:14">
      <c r="N942782" s="10"/>
    </row>
    <row r="942783" spans="14:14">
      <c r="N942783" s="10"/>
    </row>
    <row r="942784" spans="14:14">
      <c r="N942784" s="10"/>
    </row>
    <row r="942785" spans="14:14">
      <c r="N942785" s="10"/>
    </row>
    <row r="942786" spans="14:14">
      <c r="N942786" s="10"/>
    </row>
    <row r="942787" spans="14:14">
      <c r="N942787" s="10"/>
    </row>
    <row r="942788" spans="14:14">
      <c r="N942788" s="10"/>
    </row>
    <row r="942789" spans="14:14">
      <c r="N942789" s="10"/>
    </row>
    <row r="942790" spans="14:14">
      <c r="N942790" s="10"/>
    </row>
    <row r="942791" spans="14:14">
      <c r="N942791" s="10"/>
    </row>
    <row r="942792" spans="14:14">
      <c r="N942792" s="10"/>
    </row>
    <row r="942793" spans="14:14">
      <c r="N942793" s="10"/>
    </row>
    <row r="942794" spans="14:14">
      <c r="N942794" s="10"/>
    </row>
    <row r="942795" spans="14:14">
      <c r="N942795" s="10"/>
    </row>
    <row r="942796" spans="14:14">
      <c r="N942796" s="10"/>
    </row>
    <row r="942797" spans="14:14">
      <c r="N942797" s="10"/>
    </row>
    <row r="942798" spans="14:14">
      <c r="N942798" s="10"/>
    </row>
    <row r="942799" spans="14:14">
      <c r="N942799" s="10"/>
    </row>
    <row r="942800" spans="14:14">
      <c r="N942800" s="10"/>
    </row>
    <row r="942801" spans="14:14">
      <c r="N942801" s="10"/>
    </row>
    <row r="942802" spans="14:14">
      <c r="N942802" s="10"/>
    </row>
    <row r="942803" spans="14:14">
      <c r="N942803" s="10"/>
    </row>
    <row r="942804" spans="14:14">
      <c r="N942804" s="10"/>
    </row>
    <row r="942805" spans="14:14">
      <c r="N942805" s="10"/>
    </row>
    <row r="942806" spans="14:14">
      <c r="N942806" s="10"/>
    </row>
    <row r="942807" spans="14:14">
      <c r="N942807" s="10"/>
    </row>
    <row r="942808" spans="14:14">
      <c r="N942808" s="10"/>
    </row>
    <row r="942809" spans="14:14">
      <c r="N942809" s="10"/>
    </row>
    <row r="942810" spans="14:14">
      <c r="N942810" s="10"/>
    </row>
    <row r="942811" spans="14:14">
      <c r="N942811" s="10"/>
    </row>
    <row r="942812" spans="14:14">
      <c r="N942812" s="10"/>
    </row>
    <row r="942813" spans="14:14">
      <c r="N942813" s="10"/>
    </row>
    <row r="942814" spans="14:14">
      <c r="N942814" s="10"/>
    </row>
    <row r="942815" spans="14:14">
      <c r="N942815" s="10"/>
    </row>
    <row r="942816" spans="14:14">
      <c r="N942816" s="10"/>
    </row>
    <row r="942817" spans="14:14">
      <c r="N942817" s="10"/>
    </row>
    <row r="942818" spans="14:14">
      <c r="N942818" s="10"/>
    </row>
    <row r="942819" spans="14:14">
      <c r="N942819" s="10"/>
    </row>
    <row r="942820" spans="14:14">
      <c r="N942820" s="10"/>
    </row>
    <row r="942821" spans="14:14">
      <c r="N942821" s="10"/>
    </row>
    <row r="942822" spans="14:14">
      <c r="N942822" s="10"/>
    </row>
    <row r="942823" spans="14:14">
      <c r="N942823" s="10"/>
    </row>
    <row r="942824" spans="14:14">
      <c r="N942824" s="10"/>
    </row>
    <row r="942825" spans="14:14">
      <c r="N942825" s="10"/>
    </row>
    <row r="942826" spans="14:14">
      <c r="N942826" s="10"/>
    </row>
    <row r="942827" spans="14:14">
      <c r="N942827" s="10"/>
    </row>
    <row r="942828" spans="14:14">
      <c r="N942828" s="10"/>
    </row>
    <row r="942829" spans="14:14">
      <c r="N942829" s="10"/>
    </row>
    <row r="942830" spans="14:14">
      <c r="N942830" s="10"/>
    </row>
    <row r="942831" spans="14:14">
      <c r="N942831" s="10"/>
    </row>
    <row r="942832" spans="14:14">
      <c r="N942832" s="10"/>
    </row>
    <row r="942833" spans="14:14">
      <c r="N942833" s="10"/>
    </row>
    <row r="942834" spans="14:14">
      <c r="N942834" s="10"/>
    </row>
    <row r="942835" spans="14:14">
      <c r="N942835" s="10"/>
    </row>
    <row r="942836" spans="14:14">
      <c r="N942836" s="10"/>
    </row>
    <row r="942837" spans="14:14">
      <c r="N942837" s="10"/>
    </row>
    <row r="942838" spans="14:14">
      <c r="N942838" s="10"/>
    </row>
    <row r="942839" spans="14:14">
      <c r="N942839" s="10"/>
    </row>
    <row r="942840" spans="14:14">
      <c r="N942840" s="10"/>
    </row>
    <row r="942841" spans="14:14">
      <c r="N942841" s="10"/>
    </row>
    <row r="942842" spans="14:14">
      <c r="N942842" s="10"/>
    </row>
    <row r="942843" spans="14:14">
      <c r="N942843" s="10"/>
    </row>
    <row r="942844" spans="14:14">
      <c r="N942844" s="10"/>
    </row>
    <row r="942845" spans="14:14">
      <c r="N942845" s="10"/>
    </row>
    <row r="942846" spans="14:14">
      <c r="N942846" s="10"/>
    </row>
    <row r="942847" spans="14:14">
      <c r="N942847" s="10"/>
    </row>
    <row r="942848" spans="14:14">
      <c r="N942848" s="10"/>
    </row>
    <row r="942849" spans="14:14">
      <c r="N942849" s="10"/>
    </row>
    <row r="942850" spans="14:14">
      <c r="N942850" s="10"/>
    </row>
    <row r="942851" spans="14:14">
      <c r="N942851" s="10"/>
    </row>
    <row r="942852" spans="14:14">
      <c r="N942852" s="10"/>
    </row>
    <row r="942853" spans="14:14">
      <c r="N942853" s="10"/>
    </row>
    <row r="942854" spans="14:14">
      <c r="N942854" s="10"/>
    </row>
    <row r="942855" spans="14:14">
      <c r="N942855" s="10"/>
    </row>
    <row r="942856" spans="14:14">
      <c r="N942856" s="10"/>
    </row>
    <row r="942857" spans="14:14">
      <c r="N942857" s="10"/>
    </row>
    <row r="942858" spans="14:14">
      <c r="N942858" s="10"/>
    </row>
    <row r="942859" spans="14:14">
      <c r="N942859" s="10"/>
    </row>
    <row r="942860" spans="14:14">
      <c r="N942860" s="10"/>
    </row>
    <row r="942861" spans="14:14">
      <c r="N942861" s="10"/>
    </row>
    <row r="942862" spans="14:14">
      <c r="N942862" s="10"/>
    </row>
    <row r="942863" spans="14:14">
      <c r="N942863" s="10"/>
    </row>
    <row r="942864" spans="14:14">
      <c r="N942864" s="10"/>
    </row>
    <row r="942865" spans="14:14">
      <c r="N942865" s="10"/>
    </row>
    <row r="942866" spans="14:14">
      <c r="N942866" s="10"/>
    </row>
    <row r="942867" spans="14:14">
      <c r="N942867" s="10"/>
    </row>
    <row r="942868" spans="14:14">
      <c r="N942868" s="10"/>
    </row>
    <row r="942869" spans="14:14">
      <c r="N942869" s="10"/>
    </row>
    <row r="942870" spans="14:14">
      <c r="N942870" s="10"/>
    </row>
    <row r="942871" spans="14:14">
      <c r="N942871" s="10"/>
    </row>
    <row r="942872" spans="14:14">
      <c r="N942872" s="10"/>
    </row>
    <row r="942873" spans="14:14">
      <c r="N942873" s="10"/>
    </row>
    <row r="942874" spans="14:14">
      <c r="N942874" s="10"/>
    </row>
    <row r="942875" spans="14:14">
      <c r="N942875" s="10"/>
    </row>
    <row r="942876" spans="14:14">
      <c r="N942876" s="10"/>
    </row>
    <row r="942877" spans="14:14">
      <c r="N942877" s="10"/>
    </row>
    <row r="942878" spans="14:14">
      <c r="N942878" s="10"/>
    </row>
    <row r="942879" spans="14:14">
      <c r="N942879" s="10"/>
    </row>
    <row r="942880" spans="14:14">
      <c r="N942880" s="10"/>
    </row>
    <row r="942881" spans="14:14">
      <c r="N942881" s="10"/>
    </row>
    <row r="942882" spans="14:14">
      <c r="N942882" s="10"/>
    </row>
    <row r="942883" spans="14:14">
      <c r="N942883" s="10"/>
    </row>
    <row r="942884" spans="14:14">
      <c r="N942884" s="10"/>
    </row>
    <row r="942885" spans="14:14">
      <c r="N942885" s="10"/>
    </row>
    <row r="942886" spans="14:14">
      <c r="N942886" s="10"/>
    </row>
    <row r="942887" spans="14:14">
      <c r="N942887" s="10"/>
    </row>
    <row r="942888" spans="14:14">
      <c r="N942888" s="10"/>
    </row>
    <row r="942889" spans="14:14">
      <c r="N942889" s="10"/>
    </row>
    <row r="942890" spans="14:14">
      <c r="N942890" s="10"/>
    </row>
    <row r="942891" spans="14:14">
      <c r="N942891" s="10"/>
    </row>
    <row r="942892" spans="14:14">
      <c r="N942892" s="10"/>
    </row>
    <row r="942893" spans="14:14">
      <c r="N942893" s="10"/>
    </row>
    <row r="942894" spans="14:14">
      <c r="N942894" s="10"/>
    </row>
    <row r="942895" spans="14:14">
      <c r="N942895" s="10"/>
    </row>
    <row r="942896" spans="14:14">
      <c r="N942896" s="10"/>
    </row>
    <row r="942897" spans="14:14">
      <c r="N942897" s="10"/>
    </row>
    <row r="942898" spans="14:14">
      <c r="N942898" s="10"/>
    </row>
    <row r="942899" spans="14:14">
      <c r="N942899" s="10"/>
    </row>
    <row r="942900" spans="14:14">
      <c r="N942900" s="10"/>
    </row>
    <row r="942901" spans="14:14">
      <c r="N942901" s="10"/>
    </row>
    <row r="942902" spans="14:14">
      <c r="N942902" s="10"/>
    </row>
    <row r="942903" spans="14:14">
      <c r="N942903" s="10"/>
    </row>
    <row r="942904" spans="14:14">
      <c r="N942904" s="10"/>
    </row>
    <row r="942905" spans="14:14">
      <c r="N942905" s="10"/>
    </row>
    <row r="942906" spans="14:14">
      <c r="N942906" s="10"/>
    </row>
    <row r="942907" spans="14:14">
      <c r="N942907" s="10"/>
    </row>
    <row r="942908" spans="14:14">
      <c r="N942908" s="10"/>
    </row>
    <row r="942909" spans="14:14">
      <c r="N942909" s="10"/>
    </row>
    <row r="942910" spans="14:14">
      <c r="N942910" s="10"/>
    </row>
    <row r="942911" spans="14:14">
      <c r="N942911" s="10"/>
    </row>
    <row r="942912" spans="14:14">
      <c r="N942912" s="10"/>
    </row>
    <row r="942913" spans="14:14">
      <c r="N942913" s="10"/>
    </row>
    <row r="942914" spans="14:14">
      <c r="N942914" s="10"/>
    </row>
    <row r="942915" spans="14:14">
      <c r="N942915" s="10"/>
    </row>
    <row r="942916" spans="14:14">
      <c r="N942916" s="10"/>
    </row>
    <row r="942917" spans="14:14">
      <c r="N942917" s="10"/>
    </row>
    <row r="942918" spans="14:14">
      <c r="N942918" s="10"/>
    </row>
    <row r="942919" spans="14:14">
      <c r="N942919" s="10"/>
    </row>
    <row r="942920" spans="14:14">
      <c r="N942920" s="10"/>
    </row>
    <row r="942921" spans="14:14">
      <c r="N942921" s="10"/>
    </row>
    <row r="942922" spans="14:14">
      <c r="N942922" s="10"/>
    </row>
    <row r="942923" spans="14:14">
      <c r="N942923" s="10"/>
    </row>
    <row r="942924" spans="14:14">
      <c r="N942924" s="10"/>
    </row>
    <row r="942925" spans="14:14">
      <c r="N942925" s="10"/>
    </row>
    <row r="942926" spans="14:14">
      <c r="N942926" s="10"/>
    </row>
    <row r="942927" spans="14:14">
      <c r="N942927" s="10"/>
    </row>
    <row r="942928" spans="14:14">
      <c r="N942928" s="10"/>
    </row>
    <row r="942929" spans="14:14">
      <c r="N942929" s="10"/>
    </row>
    <row r="942930" spans="14:14">
      <c r="N942930" s="10"/>
    </row>
    <row r="942931" spans="14:14">
      <c r="N942931" s="10"/>
    </row>
    <row r="942932" spans="14:14">
      <c r="N942932" s="10"/>
    </row>
    <row r="942933" spans="14:14">
      <c r="N942933" s="10"/>
    </row>
    <row r="942934" spans="14:14">
      <c r="N942934" s="10"/>
    </row>
    <row r="942935" spans="14:14">
      <c r="N942935" s="10"/>
    </row>
    <row r="942936" spans="14:14">
      <c r="N942936" s="10"/>
    </row>
    <row r="942937" spans="14:14">
      <c r="N942937" s="10"/>
    </row>
    <row r="942938" spans="14:14">
      <c r="N942938" s="10"/>
    </row>
    <row r="942939" spans="14:14">
      <c r="N942939" s="10"/>
    </row>
    <row r="942940" spans="14:14">
      <c r="N942940" s="10"/>
    </row>
    <row r="942941" spans="14:14">
      <c r="N942941" s="10"/>
    </row>
    <row r="942942" spans="14:14">
      <c r="N942942" s="10"/>
    </row>
    <row r="942943" spans="14:14">
      <c r="N942943" s="10"/>
    </row>
    <row r="942944" spans="14:14">
      <c r="N942944" s="10"/>
    </row>
    <row r="942945" spans="14:14">
      <c r="N942945" s="10"/>
    </row>
    <row r="942946" spans="14:14">
      <c r="N942946" s="10"/>
    </row>
    <row r="942947" spans="14:14">
      <c r="N942947" s="10"/>
    </row>
    <row r="942948" spans="14:14">
      <c r="N942948" s="10"/>
    </row>
    <row r="942949" spans="14:14">
      <c r="N942949" s="10"/>
    </row>
    <row r="942950" spans="14:14">
      <c r="N942950" s="10"/>
    </row>
    <row r="942951" spans="14:14">
      <c r="N942951" s="10"/>
    </row>
    <row r="942952" spans="14:14">
      <c r="N942952" s="10"/>
    </row>
    <row r="942953" spans="14:14">
      <c r="N942953" s="10"/>
    </row>
    <row r="942954" spans="14:14">
      <c r="N942954" s="10"/>
    </row>
    <row r="942955" spans="14:14">
      <c r="N942955" s="10"/>
    </row>
    <row r="942956" spans="14:14">
      <c r="N942956" s="10"/>
    </row>
    <row r="942957" spans="14:14">
      <c r="N942957" s="10"/>
    </row>
    <row r="942958" spans="14:14">
      <c r="N942958" s="10"/>
    </row>
    <row r="942959" spans="14:14">
      <c r="N942959" s="10"/>
    </row>
    <row r="942960" spans="14:14">
      <c r="N942960" s="10"/>
    </row>
    <row r="942961" spans="14:14">
      <c r="N942961" s="10"/>
    </row>
    <row r="942962" spans="14:14">
      <c r="N942962" s="10"/>
    </row>
    <row r="942963" spans="14:14">
      <c r="N942963" s="10"/>
    </row>
    <row r="942964" spans="14:14">
      <c r="N942964" s="10"/>
    </row>
    <row r="942965" spans="14:14">
      <c r="N942965" s="10"/>
    </row>
    <row r="942966" spans="14:14">
      <c r="N942966" s="10"/>
    </row>
    <row r="942967" spans="14:14">
      <c r="N942967" s="10"/>
    </row>
    <row r="942968" spans="14:14">
      <c r="N942968" s="10"/>
    </row>
    <row r="942969" spans="14:14">
      <c r="N942969" s="10"/>
    </row>
    <row r="942970" spans="14:14">
      <c r="N942970" s="10"/>
    </row>
    <row r="942971" spans="14:14">
      <c r="N942971" s="10"/>
    </row>
    <row r="942972" spans="14:14">
      <c r="N942972" s="10"/>
    </row>
    <row r="942973" spans="14:14">
      <c r="N942973" s="10"/>
    </row>
    <row r="942974" spans="14:14">
      <c r="N942974" s="10"/>
    </row>
    <row r="942975" spans="14:14">
      <c r="N942975" s="10"/>
    </row>
    <row r="942976" spans="14:14">
      <c r="N942976" s="10"/>
    </row>
    <row r="942977" spans="14:14">
      <c r="N942977" s="10"/>
    </row>
    <row r="942978" spans="14:14">
      <c r="N942978" s="10"/>
    </row>
    <row r="942979" spans="14:14">
      <c r="N942979" s="10"/>
    </row>
    <row r="942980" spans="14:14">
      <c r="N942980" s="10"/>
    </row>
    <row r="942981" spans="14:14">
      <c r="N942981" s="10"/>
    </row>
    <row r="942982" spans="14:14">
      <c r="N942982" s="10"/>
    </row>
    <row r="942983" spans="14:14">
      <c r="N942983" s="10"/>
    </row>
    <row r="942984" spans="14:14">
      <c r="N942984" s="10"/>
    </row>
    <row r="942985" spans="14:14">
      <c r="N942985" s="10"/>
    </row>
    <row r="942986" spans="14:14">
      <c r="N942986" s="10"/>
    </row>
    <row r="942987" spans="14:14">
      <c r="N942987" s="10"/>
    </row>
    <row r="942988" spans="14:14">
      <c r="N942988" s="10"/>
    </row>
    <row r="942989" spans="14:14">
      <c r="N942989" s="10"/>
    </row>
    <row r="942990" spans="14:14">
      <c r="N942990" s="10"/>
    </row>
    <row r="942991" spans="14:14">
      <c r="N942991" s="10"/>
    </row>
    <row r="942992" spans="14:14">
      <c r="N942992" s="10"/>
    </row>
    <row r="942993" spans="14:14">
      <c r="N942993" s="10"/>
    </row>
    <row r="942994" spans="14:14">
      <c r="N942994" s="10"/>
    </row>
    <row r="942995" spans="14:14">
      <c r="N942995" s="10"/>
    </row>
    <row r="942996" spans="14:14">
      <c r="N942996" s="10"/>
    </row>
    <row r="942997" spans="14:14">
      <c r="N942997" s="10"/>
    </row>
    <row r="942998" spans="14:14">
      <c r="N942998" s="10"/>
    </row>
    <row r="942999" spans="14:14">
      <c r="N942999" s="10"/>
    </row>
    <row r="943000" spans="14:14">
      <c r="N943000" s="10"/>
    </row>
    <row r="943001" spans="14:14">
      <c r="N943001" s="10"/>
    </row>
    <row r="943002" spans="14:14">
      <c r="N943002" s="10"/>
    </row>
    <row r="943003" spans="14:14">
      <c r="N943003" s="10"/>
    </row>
    <row r="943004" spans="14:14">
      <c r="N943004" s="10"/>
    </row>
    <row r="943005" spans="14:14">
      <c r="N943005" s="10"/>
    </row>
    <row r="943006" spans="14:14">
      <c r="N943006" s="10"/>
    </row>
    <row r="943007" spans="14:14">
      <c r="N943007" s="10"/>
    </row>
    <row r="943008" spans="14:14">
      <c r="N943008" s="10"/>
    </row>
    <row r="943009" spans="14:14">
      <c r="N943009" s="10"/>
    </row>
    <row r="943010" spans="14:14">
      <c r="N943010" s="10"/>
    </row>
    <row r="943011" spans="14:14">
      <c r="N943011" s="10"/>
    </row>
    <row r="943012" spans="14:14">
      <c r="N943012" s="10"/>
    </row>
    <row r="943013" spans="14:14">
      <c r="N943013" s="10"/>
    </row>
    <row r="943014" spans="14:14">
      <c r="N943014" s="10"/>
    </row>
    <row r="943015" spans="14:14">
      <c r="N943015" s="10"/>
    </row>
    <row r="943016" spans="14:14">
      <c r="N943016" s="10"/>
    </row>
    <row r="943017" spans="14:14">
      <c r="N943017" s="10"/>
    </row>
    <row r="943018" spans="14:14">
      <c r="N943018" s="10"/>
    </row>
    <row r="943019" spans="14:14">
      <c r="N943019" s="10"/>
    </row>
    <row r="943020" spans="14:14">
      <c r="N943020" s="10"/>
    </row>
    <row r="943021" spans="14:14">
      <c r="N943021" s="10"/>
    </row>
    <row r="943022" spans="14:14">
      <c r="N943022" s="10"/>
    </row>
    <row r="943023" spans="14:14">
      <c r="N943023" s="10"/>
    </row>
    <row r="943024" spans="14:14">
      <c r="N943024" s="10"/>
    </row>
    <row r="943025" spans="14:14">
      <c r="N943025" s="10"/>
    </row>
    <row r="943026" spans="14:14">
      <c r="N943026" s="10"/>
    </row>
    <row r="943027" spans="14:14">
      <c r="N943027" s="10"/>
    </row>
    <row r="943028" spans="14:14">
      <c r="N943028" s="10"/>
    </row>
    <row r="943029" spans="14:14">
      <c r="N943029" s="10"/>
    </row>
    <row r="943030" spans="14:14">
      <c r="N943030" s="10"/>
    </row>
    <row r="943031" spans="14:14">
      <c r="N943031" s="10"/>
    </row>
    <row r="943032" spans="14:14">
      <c r="N943032" s="10"/>
    </row>
    <row r="943033" spans="14:14">
      <c r="N943033" s="10"/>
    </row>
    <row r="943034" spans="14:14">
      <c r="N943034" s="10"/>
    </row>
    <row r="943035" spans="14:14">
      <c r="N943035" s="10"/>
    </row>
    <row r="943036" spans="14:14">
      <c r="N943036" s="10"/>
    </row>
    <row r="943037" spans="14:14">
      <c r="N943037" s="10"/>
    </row>
    <row r="943038" spans="14:14">
      <c r="N943038" s="10"/>
    </row>
    <row r="943039" spans="14:14">
      <c r="N943039" s="10"/>
    </row>
    <row r="943040" spans="14:14">
      <c r="N943040" s="10"/>
    </row>
    <row r="943041" spans="14:14">
      <c r="N943041" s="10"/>
    </row>
    <row r="943042" spans="14:14">
      <c r="N943042" s="10"/>
    </row>
    <row r="943043" spans="14:14">
      <c r="N943043" s="10"/>
    </row>
    <row r="943044" spans="14:14">
      <c r="N943044" s="10"/>
    </row>
    <row r="943045" spans="14:14">
      <c r="N943045" s="10"/>
    </row>
    <row r="943046" spans="14:14">
      <c r="N943046" s="10"/>
    </row>
    <row r="943047" spans="14:14">
      <c r="N943047" s="10"/>
    </row>
    <row r="943048" spans="14:14">
      <c r="N943048" s="10"/>
    </row>
    <row r="943049" spans="14:14">
      <c r="N943049" s="10"/>
    </row>
    <row r="943050" spans="14:14">
      <c r="N943050" s="10"/>
    </row>
    <row r="943051" spans="14:14">
      <c r="N943051" s="10"/>
    </row>
    <row r="943052" spans="14:14">
      <c r="N943052" s="10"/>
    </row>
    <row r="943053" spans="14:14">
      <c r="N943053" s="10"/>
    </row>
    <row r="943054" spans="14:14">
      <c r="N943054" s="10"/>
    </row>
    <row r="943055" spans="14:14">
      <c r="N943055" s="10"/>
    </row>
    <row r="943056" spans="14:14">
      <c r="N943056" s="10"/>
    </row>
    <row r="943057" spans="14:14">
      <c r="N943057" s="10"/>
    </row>
    <row r="943058" spans="14:14">
      <c r="N943058" s="10"/>
    </row>
    <row r="943059" spans="14:14">
      <c r="N943059" s="10"/>
    </row>
    <row r="943060" spans="14:14">
      <c r="N943060" s="10"/>
    </row>
    <row r="943061" spans="14:14">
      <c r="N943061" s="10"/>
    </row>
    <row r="943062" spans="14:14">
      <c r="N943062" s="10"/>
    </row>
    <row r="943063" spans="14:14">
      <c r="N943063" s="10"/>
    </row>
    <row r="943064" spans="14:14">
      <c r="N943064" s="10"/>
    </row>
    <row r="943065" spans="14:14">
      <c r="N943065" s="10"/>
    </row>
    <row r="943066" spans="14:14">
      <c r="N943066" s="10"/>
    </row>
    <row r="943067" spans="14:14">
      <c r="N943067" s="10"/>
    </row>
    <row r="943068" spans="14:14">
      <c r="N943068" s="10"/>
    </row>
    <row r="943069" spans="14:14">
      <c r="N943069" s="10"/>
    </row>
    <row r="943070" spans="14:14">
      <c r="N943070" s="10"/>
    </row>
    <row r="943071" spans="14:14">
      <c r="N943071" s="10"/>
    </row>
    <row r="943072" spans="14:14">
      <c r="N943072" s="10"/>
    </row>
    <row r="943073" spans="14:14">
      <c r="N943073" s="10"/>
    </row>
    <row r="943074" spans="14:14">
      <c r="N943074" s="10"/>
    </row>
    <row r="943075" spans="14:14">
      <c r="N943075" s="10"/>
    </row>
    <row r="943076" spans="14:14">
      <c r="N943076" s="10"/>
    </row>
    <row r="943077" spans="14:14">
      <c r="N943077" s="10"/>
    </row>
    <row r="943078" spans="14:14">
      <c r="N943078" s="10"/>
    </row>
    <row r="943079" spans="14:14">
      <c r="N943079" s="10"/>
    </row>
    <row r="943080" spans="14:14">
      <c r="N943080" s="10"/>
    </row>
    <row r="943081" spans="14:14">
      <c r="N943081" s="10"/>
    </row>
    <row r="943082" spans="14:14">
      <c r="N943082" s="10"/>
    </row>
    <row r="943083" spans="14:14">
      <c r="N943083" s="10"/>
    </row>
    <row r="943084" spans="14:14">
      <c r="N943084" s="10"/>
    </row>
    <row r="943085" spans="14:14">
      <c r="N943085" s="10"/>
    </row>
    <row r="943086" spans="14:14">
      <c r="N943086" s="10"/>
    </row>
    <row r="943087" spans="14:14">
      <c r="N943087" s="10"/>
    </row>
    <row r="943088" spans="14:14">
      <c r="N943088" s="10"/>
    </row>
    <row r="943089" spans="14:14">
      <c r="N943089" s="10"/>
    </row>
    <row r="943090" spans="14:14">
      <c r="N943090" s="10"/>
    </row>
    <row r="943091" spans="14:14">
      <c r="N943091" s="10"/>
    </row>
    <row r="943092" spans="14:14">
      <c r="N943092" s="10"/>
    </row>
    <row r="943093" spans="14:14">
      <c r="N943093" s="10"/>
    </row>
    <row r="943094" spans="14:14">
      <c r="N943094" s="10"/>
    </row>
    <row r="943095" spans="14:14">
      <c r="N943095" s="10"/>
    </row>
    <row r="943096" spans="14:14">
      <c r="N943096" s="10"/>
    </row>
    <row r="943097" spans="14:14">
      <c r="N943097" s="10"/>
    </row>
    <row r="943098" spans="14:14">
      <c r="N943098" s="10"/>
    </row>
    <row r="943099" spans="14:14">
      <c r="N943099" s="10"/>
    </row>
    <row r="943100" spans="14:14">
      <c r="N943100" s="10"/>
    </row>
    <row r="943101" spans="14:14">
      <c r="N943101" s="10"/>
    </row>
    <row r="943102" spans="14:14">
      <c r="N943102" s="10"/>
    </row>
    <row r="943103" spans="14:14">
      <c r="N943103" s="10"/>
    </row>
    <row r="943104" spans="14:14">
      <c r="N943104" s="10"/>
    </row>
    <row r="943105" spans="14:14">
      <c r="N943105" s="10"/>
    </row>
    <row r="943106" spans="14:14">
      <c r="N943106" s="10"/>
    </row>
    <row r="943107" spans="14:14">
      <c r="N943107" s="10"/>
    </row>
    <row r="943108" spans="14:14">
      <c r="N943108" s="10"/>
    </row>
    <row r="943109" spans="14:14">
      <c r="N943109" s="10"/>
    </row>
    <row r="943110" spans="14:14">
      <c r="N943110" s="10"/>
    </row>
    <row r="943111" spans="14:14">
      <c r="N943111" s="10"/>
    </row>
    <row r="943112" spans="14:14">
      <c r="N943112" s="10"/>
    </row>
    <row r="943113" spans="14:14">
      <c r="N943113" s="10"/>
    </row>
    <row r="943114" spans="14:14">
      <c r="N943114" s="10"/>
    </row>
    <row r="943115" spans="14:14">
      <c r="N943115" s="10"/>
    </row>
    <row r="943116" spans="14:14">
      <c r="N943116" s="10"/>
    </row>
    <row r="943117" spans="14:14">
      <c r="N943117" s="10"/>
    </row>
    <row r="943118" spans="14:14">
      <c r="N943118" s="10"/>
    </row>
    <row r="943119" spans="14:14">
      <c r="N943119" s="10"/>
    </row>
    <row r="943120" spans="14:14">
      <c r="N943120" s="10"/>
    </row>
    <row r="943121" spans="14:14">
      <c r="N943121" s="10"/>
    </row>
    <row r="943122" spans="14:14">
      <c r="N943122" s="10"/>
    </row>
    <row r="943123" spans="14:14">
      <c r="N943123" s="10"/>
    </row>
    <row r="943124" spans="14:14">
      <c r="N943124" s="10"/>
    </row>
    <row r="943125" spans="14:14">
      <c r="N943125" s="10"/>
    </row>
    <row r="943126" spans="14:14">
      <c r="N943126" s="10"/>
    </row>
    <row r="943127" spans="14:14">
      <c r="N943127" s="10"/>
    </row>
    <row r="943128" spans="14:14">
      <c r="N943128" s="10"/>
    </row>
    <row r="943129" spans="14:14">
      <c r="N943129" s="10"/>
    </row>
    <row r="943130" spans="14:14">
      <c r="N943130" s="10"/>
    </row>
    <row r="943131" spans="14:14">
      <c r="N943131" s="10"/>
    </row>
    <row r="943132" spans="14:14">
      <c r="N943132" s="10"/>
    </row>
    <row r="943133" spans="14:14">
      <c r="N943133" s="10"/>
    </row>
    <row r="943134" spans="14:14">
      <c r="N943134" s="10"/>
    </row>
    <row r="943135" spans="14:14">
      <c r="N943135" s="10"/>
    </row>
    <row r="943136" spans="14:14">
      <c r="N943136" s="10"/>
    </row>
    <row r="943137" spans="14:14">
      <c r="N943137" s="10"/>
    </row>
    <row r="943138" spans="14:14">
      <c r="N943138" s="10"/>
    </row>
    <row r="943139" spans="14:14">
      <c r="N943139" s="10"/>
    </row>
    <row r="943140" spans="14:14">
      <c r="N943140" s="10"/>
    </row>
    <row r="943141" spans="14:14">
      <c r="N943141" s="10"/>
    </row>
    <row r="943142" spans="14:14">
      <c r="N943142" s="10"/>
    </row>
    <row r="943143" spans="14:14">
      <c r="N943143" s="10"/>
    </row>
    <row r="943144" spans="14:14">
      <c r="N943144" s="10"/>
    </row>
    <row r="943145" spans="14:14">
      <c r="N943145" s="10"/>
    </row>
    <row r="943146" spans="14:14">
      <c r="N943146" s="10"/>
    </row>
    <row r="943147" spans="14:14">
      <c r="N943147" s="10"/>
    </row>
    <row r="943148" spans="14:14">
      <c r="N943148" s="10"/>
    </row>
    <row r="943149" spans="14:14">
      <c r="N943149" s="10"/>
    </row>
    <row r="943150" spans="14:14">
      <c r="N943150" s="10"/>
    </row>
    <row r="943151" spans="14:14">
      <c r="N943151" s="10"/>
    </row>
    <row r="943152" spans="14:14">
      <c r="N943152" s="10"/>
    </row>
    <row r="943153" spans="14:14">
      <c r="N943153" s="10"/>
    </row>
    <row r="943154" spans="14:14">
      <c r="N943154" s="10"/>
    </row>
    <row r="943155" spans="14:14">
      <c r="N943155" s="10"/>
    </row>
    <row r="943156" spans="14:14">
      <c r="N943156" s="10"/>
    </row>
    <row r="943157" spans="14:14">
      <c r="N943157" s="10"/>
    </row>
    <row r="943158" spans="14:14">
      <c r="N943158" s="10"/>
    </row>
    <row r="943159" spans="14:14">
      <c r="N943159" s="10"/>
    </row>
    <row r="943160" spans="14:14">
      <c r="N943160" s="10"/>
    </row>
    <row r="943161" spans="14:14">
      <c r="N943161" s="10"/>
    </row>
    <row r="943162" spans="14:14">
      <c r="N943162" s="10"/>
    </row>
    <row r="943163" spans="14:14">
      <c r="N943163" s="10"/>
    </row>
    <row r="943164" spans="14:14">
      <c r="N943164" s="10"/>
    </row>
    <row r="943165" spans="14:14">
      <c r="N943165" s="10"/>
    </row>
    <row r="943166" spans="14:14">
      <c r="N943166" s="10"/>
    </row>
    <row r="943167" spans="14:14">
      <c r="N943167" s="10"/>
    </row>
    <row r="943168" spans="14:14">
      <c r="N943168" s="10"/>
    </row>
    <row r="943169" spans="14:14">
      <c r="N943169" s="10"/>
    </row>
    <row r="943170" spans="14:14">
      <c r="N943170" s="10"/>
    </row>
    <row r="943171" spans="14:14">
      <c r="N943171" s="10"/>
    </row>
    <row r="943172" spans="14:14">
      <c r="N943172" s="10"/>
    </row>
    <row r="943173" spans="14:14">
      <c r="N943173" s="10"/>
    </row>
    <row r="943174" spans="14:14">
      <c r="N943174" s="10"/>
    </row>
    <row r="943175" spans="14:14">
      <c r="N943175" s="10"/>
    </row>
    <row r="943176" spans="14:14">
      <c r="N943176" s="10"/>
    </row>
    <row r="943177" spans="14:14">
      <c r="N943177" s="10"/>
    </row>
    <row r="943178" spans="14:14">
      <c r="N943178" s="10"/>
    </row>
    <row r="943179" spans="14:14">
      <c r="N943179" s="10"/>
    </row>
    <row r="943180" spans="14:14">
      <c r="N943180" s="10"/>
    </row>
    <row r="943181" spans="14:14">
      <c r="N943181" s="10"/>
    </row>
    <row r="943182" spans="14:14">
      <c r="N943182" s="10"/>
    </row>
    <row r="943183" spans="14:14">
      <c r="N943183" s="10"/>
    </row>
    <row r="943184" spans="14:14">
      <c r="N943184" s="10"/>
    </row>
    <row r="943185" spans="14:14">
      <c r="N943185" s="10"/>
    </row>
    <row r="943186" spans="14:14">
      <c r="N943186" s="10"/>
    </row>
    <row r="943187" spans="14:14">
      <c r="N943187" s="10"/>
    </row>
    <row r="943188" spans="14:14">
      <c r="N943188" s="10"/>
    </row>
    <row r="943189" spans="14:14">
      <c r="N943189" s="10"/>
    </row>
    <row r="943190" spans="14:14">
      <c r="N943190" s="10"/>
    </row>
    <row r="943191" spans="14:14">
      <c r="N943191" s="10"/>
    </row>
    <row r="943192" spans="14:14">
      <c r="N943192" s="10"/>
    </row>
    <row r="943193" spans="14:14">
      <c r="N943193" s="10"/>
    </row>
    <row r="943194" spans="14:14">
      <c r="N943194" s="10"/>
    </row>
    <row r="943195" spans="14:14">
      <c r="N943195" s="10"/>
    </row>
    <row r="943196" spans="14:14">
      <c r="N943196" s="10"/>
    </row>
    <row r="943197" spans="14:14">
      <c r="N943197" s="10"/>
    </row>
    <row r="943198" spans="14:14">
      <c r="N943198" s="10"/>
    </row>
    <row r="943199" spans="14:14">
      <c r="N943199" s="10"/>
    </row>
    <row r="943200" spans="14:14">
      <c r="N943200" s="10"/>
    </row>
    <row r="943201" spans="14:14">
      <c r="N943201" s="10"/>
    </row>
    <row r="943202" spans="14:14">
      <c r="N943202" s="10"/>
    </row>
    <row r="943203" spans="14:14">
      <c r="N943203" s="10"/>
    </row>
    <row r="943204" spans="14:14">
      <c r="N943204" s="10"/>
    </row>
    <row r="943205" spans="14:14">
      <c r="N943205" s="10"/>
    </row>
    <row r="943206" spans="14:14">
      <c r="N943206" s="10"/>
    </row>
    <row r="943207" spans="14:14">
      <c r="N943207" s="10"/>
    </row>
    <row r="943208" spans="14:14">
      <c r="N943208" s="10"/>
    </row>
    <row r="943209" spans="14:14">
      <c r="N943209" s="10"/>
    </row>
    <row r="943210" spans="14:14">
      <c r="N943210" s="10"/>
    </row>
    <row r="943211" spans="14:14">
      <c r="N943211" s="10"/>
    </row>
    <row r="943212" spans="14:14">
      <c r="N943212" s="10"/>
    </row>
    <row r="943213" spans="14:14">
      <c r="N943213" s="10"/>
    </row>
    <row r="943214" spans="14:14">
      <c r="N943214" s="10"/>
    </row>
    <row r="943215" spans="14:14">
      <c r="N943215" s="10"/>
    </row>
    <row r="943216" spans="14:14">
      <c r="N943216" s="10"/>
    </row>
    <row r="943217" spans="14:14">
      <c r="N943217" s="10"/>
    </row>
    <row r="943218" spans="14:14">
      <c r="N943218" s="10"/>
    </row>
    <row r="943219" spans="14:14">
      <c r="N943219" s="10"/>
    </row>
    <row r="943220" spans="14:14">
      <c r="N943220" s="10"/>
    </row>
    <row r="943221" spans="14:14">
      <c r="N943221" s="10"/>
    </row>
    <row r="943222" spans="14:14">
      <c r="N943222" s="10"/>
    </row>
    <row r="943223" spans="14:14">
      <c r="N943223" s="10"/>
    </row>
    <row r="943224" spans="14:14">
      <c r="N943224" s="10"/>
    </row>
    <row r="943225" spans="14:14">
      <c r="N943225" s="10"/>
    </row>
    <row r="943226" spans="14:14">
      <c r="N943226" s="10"/>
    </row>
    <row r="943227" spans="14:14">
      <c r="N943227" s="10"/>
    </row>
    <row r="943228" spans="14:14">
      <c r="N943228" s="10"/>
    </row>
    <row r="943229" spans="14:14">
      <c r="N943229" s="10"/>
    </row>
    <row r="943230" spans="14:14">
      <c r="N943230" s="10"/>
    </row>
    <row r="943231" spans="14:14">
      <c r="N943231" s="10"/>
    </row>
    <row r="943232" spans="14:14">
      <c r="N943232" s="10"/>
    </row>
    <row r="943233" spans="14:14">
      <c r="N943233" s="10"/>
    </row>
    <row r="943234" spans="14:14">
      <c r="N943234" s="10"/>
    </row>
    <row r="943235" spans="14:14">
      <c r="N943235" s="10"/>
    </row>
    <row r="943236" spans="14:14">
      <c r="N943236" s="10"/>
    </row>
    <row r="943237" spans="14:14">
      <c r="N943237" s="10"/>
    </row>
    <row r="943238" spans="14:14">
      <c r="N943238" s="10"/>
    </row>
    <row r="943239" spans="14:14">
      <c r="N943239" s="10"/>
    </row>
    <row r="943240" spans="14:14">
      <c r="N943240" s="10"/>
    </row>
    <row r="943241" spans="14:14">
      <c r="N943241" s="10"/>
    </row>
    <row r="943242" spans="14:14">
      <c r="N943242" s="10"/>
    </row>
    <row r="943243" spans="14:14">
      <c r="N943243" s="10"/>
    </row>
    <row r="943244" spans="14:14">
      <c r="N943244" s="10"/>
    </row>
    <row r="943245" spans="14:14">
      <c r="N943245" s="10"/>
    </row>
    <row r="943246" spans="14:14">
      <c r="N943246" s="10"/>
    </row>
    <row r="943247" spans="14:14">
      <c r="N943247" s="10"/>
    </row>
    <row r="943248" spans="14:14">
      <c r="N943248" s="10"/>
    </row>
    <row r="943249" spans="14:14">
      <c r="N943249" s="10"/>
    </row>
    <row r="943250" spans="14:14">
      <c r="N943250" s="10"/>
    </row>
    <row r="943251" spans="14:14">
      <c r="N943251" s="10"/>
    </row>
    <row r="943252" spans="14:14">
      <c r="N943252" s="10"/>
    </row>
    <row r="943253" spans="14:14">
      <c r="N943253" s="10"/>
    </row>
    <row r="943254" spans="14:14">
      <c r="N943254" s="10"/>
    </row>
    <row r="943255" spans="14:14">
      <c r="N943255" s="10"/>
    </row>
    <row r="943256" spans="14:14">
      <c r="N943256" s="10"/>
    </row>
    <row r="943257" spans="14:14">
      <c r="N943257" s="10"/>
    </row>
    <row r="943258" spans="14:14">
      <c r="N943258" s="10"/>
    </row>
    <row r="943259" spans="14:14">
      <c r="N943259" s="10"/>
    </row>
    <row r="943260" spans="14:14">
      <c r="N943260" s="10"/>
    </row>
    <row r="943261" spans="14:14">
      <c r="N943261" s="10"/>
    </row>
    <row r="943262" spans="14:14">
      <c r="N943262" s="10"/>
    </row>
    <row r="943263" spans="14:14">
      <c r="N943263" s="10"/>
    </row>
    <row r="943264" spans="14:14">
      <c r="N943264" s="10"/>
    </row>
    <row r="943265" spans="14:14">
      <c r="N943265" s="10"/>
    </row>
    <row r="943266" spans="14:14">
      <c r="N943266" s="10"/>
    </row>
    <row r="943267" spans="14:14">
      <c r="N943267" s="10"/>
    </row>
    <row r="943268" spans="14:14">
      <c r="N943268" s="10"/>
    </row>
    <row r="943269" spans="14:14">
      <c r="N943269" s="10"/>
    </row>
    <row r="943270" spans="14:14">
      <c r="N943270" s="10"/>
    </row>
    <row r="943271" spans="14:14">
      <c r="N943271" s="10"/>
    </row>
    <row r="943272" spans="14:14">
      <c r="N943272" s="10"/>
    </row>
    <row r="943273" spans="14:14">
      <c r="N943273" s="10"/>
    </row>
    <row r="943274" spans="14:14">
      <c r="N943274" s="10"/>
    </row>
    <row r="943275" spans="14:14">
      <c r="N943275" s="10"/>
    </row>
    <row r="943276" spans="14:14">
      <c r="N943276" s="10"/>
    </row>
    <row r="943277" spans="14:14">
      <c r="N943277" s="10"/>
    </row>
    <row r="943278" spans="14:14">
      <c r="N943278" s="10"/>
    </row>
    <row r="943279" spans="14:14">
      <c r="N943279" s="10"/>
    </row>
    <row r="943280" spans="14:14">
      <c r="N943280" s="10"/>
    </row>
    <row r="943281" spans="14:14">
      <c r="N943281" s="10"/>
    </row>
    <row r="943282" spans="14:14">
      <c r="N943282" s="10"/>
    </row>
    <row r="943283" spans="14:14">
      <c r="N943283" s="10"/>
    </row>
    <row r="943284" spans="14:14">
      <c r="N943284" s="10"/>
    </row>
    <row r="943285" spans="14:14">
      <c r="N943285" s="10"/>
    </row>
    <row r="943286" spans="14:14">
      <c r="N943286" s="10"/>
    </row>
    <row r="943287" spans="14:14">
      <c r="N943287" s="10"/>
    </row>
    <row r="943288" spans="14:14">
      <c r="N943288" s="10"/>
    </row>
    <row r="943289" spans="14:14">
      <c r="N943289" s="10"/>
    </row>
    <row r="943290" spans="14:14">
      <c r="N943290" s="10"/>
    </row>
    <row r="943291" spans="14:14">
      <c r="N943291" s="10"/>
    </row>
    <row r="943292" spans="14:14">
      <c r="N943292" s="10"/>
    </row>
    <row r="943293" spans="14:14">
      <c r="N943293" s="10"/>
    </row>
    <row r="943294" spans="14:14">
      <c r="N943294" s="10"/>
    </row>
    <row r="943295" spans="14:14">
      <c r="N943295" s="10"/>
    </row>
    <row r="943296" spans="14:14">
      <c r="N943296" s="10"/>
    </row>
    <row r="943297" spans="14:14">
      <c r="N943297" s="10"/>
    </row>
    <row r="943298" spans="14:14">
      <c r="N943298" s="10"/>
    </row>
    <row r="943299" spans="14:14">
      <c r="N943299" s="10"/>
    </row>
    <row r="943300" spans="14:14">
      <c r="N943300" s="10"/>
    </row>
    <row r="943301" spans="14:14">
      <c r="N943301" s="10"/>
    </row>
    <row r="943302" spans="14:14">
      <c r="N943302" s="10"/>
    </row>
    <row r="943303" spans="14:14">
      <c r="N943303" s="10"/>
    </row>
    <row r="943304" spans="14:14">
      <c r="N943304" s="10"/>
    </row>
    <row r="943305" spans="14:14">
      <c r="N943305" s="10"/>
    </row>
    <row r="943306" spans="14:14">
      <c r="N943306" s="10"/>
    </row>
    <row r="943307" spans="14:14">
      <c r="N943307" s="10"/>
    </row>
    <row r="943308" spans="14:14">
      <c r="N943308" s="10"/>
    </row>
    <row r="943309" spans="14:14">
      <c r="N943309" s="10"/>
    </row>
    <row r="943310" spans="14:14">
      <c r="N943310" s="10"/>
    </row>
    <row r="943311" spans="14:14">
      <c r="N943311" s="10"/>
    </row>
    <row r="943312" spans="14:14">
      <c r="N943312" s="10"/>
    </row>
    <row r="943313" spans="14:14">
      <c r="N943313" s="10"/>
    </row>
    <row r="943314" spans="14:14">
      <c r="N943314" s="10"/>
    </row>
    <row r="943315" spans="14:14">
      <c r="N943315" s="10"/>
    </row>
    <row r="943316" spans="14:14">
      <c r="N943316" s="10"/>
    </row>
    <row r="943317" spans="14:14">
      <c r="N943317" s="10"/>
    </row>
    <row r="943318" spans="14:14">
      <c r="N943318" s="10"/>
    </row>
    <row r="943319" spans="14:14">
      <c r="N943319" s="10"/>
    </row>
    <row r="943320" spans="14:14">
      <c r="N943320" s="10"/>
    </row>
    <row r="943321" spans="14:14">
      <c r="N943321" s="10"/>
    </row>
    <row r="943322" spans="14:14">
      <c r="N943322" s="10"/>
    </row>
    <row r="943323" spans="14:14">
      <c r="N943323" s="10"/>
    </row>
    <row r="943324" spans="14:14">
      <c r="N943324" s="10"/>
    </row>
    <row r="943325" spans="14:14">
      <c r="N943325" s="10"/>
    </row>
    <row r="943326" spans="14:14">
      <c r="N943326" s="10"/>
    </row>
    <row r="943327" spans="14:14">
      <c r="N943327" s="10"/>
    </row>
    <row r="943328" spans="14:14">
      <c r="N943328" s="10"/>
    </row>
    <row r="943329" spans="14:14">
      <c r="N943329" s="10"/>
    </row>
    <row r="943330" spans="14:14">
      <c r="N943330" s="10"/>
    </row>
    <row r="943331" spans="14:14">
      <c r="N943331" s="10"/>
    </row>
    <row r="943332" spans="14:14">
      <c r="N943332" s="10"/>
    </row>
    <row r="943333" spans="14:14">
      <c r="N943333" s="10"/>
    </row>
    <row r="943334" spans="14:14">
      <c r="N943334" s="10"/>
    </row>
    <row r="943335" spans="14:14">
      <c r="N943335" s="10"/>
    </row>
    <row r="943336" spans="14:14">
      <c r="N943336" s="10"/>
    </row>
    <row r="943337" spans="14:14">
      <c r="N943337" s="10"/>
    </row>
    <row r="943338" spans="14:14">
      <c r="N943338" s="10"/>
    </row>
    <row r="943339" spans="14:14">
      <c r="N943339" s="10"/>
    </row>
    <row r="943340" spans="14:14">
      <c r="N943340" s="10"/>
    </row>
    <row r="943341" spans="14:14">
      <c r="N943341" s="10"/>
    </row>
    <row r="943342" spans="14:14">
      <c r="N943342" s="10"/>
    </row>
    <row r="943343" spans="14:14">
      <c r="N943343" s="10"/>
    </row>
    <row r="943344" spans="14:14">
      <c r="N943344" s="10"/>
    </row>
    <row r="943345" spans="14:14">
      <c r="N943345" s="10"/>
    </row>
    <row r="943346" spans="14:14">
      <c r="N943346" s="10"/>
    </row>
    <row r="943347" spans="14:14">
      <c r="N943347" s="10"/>
    </row>
    <row r="943348" spans="14:14">
      <c r="N943348" s="10"/>
    </row>
    <row r="943349" spans="14:14">
      <c r="N943349" s="10"/>
    </row>
    <row r="943350" spans="14:14">
      <c r="N943350" s="10"/>
    </row>
    <row r="943351" spans="14:14">
      <c r="N943351" s="10"/>
    </row>
    <row r="943352" spans="14:14">
      <c r="N943352" s="10"/>
    </row>
    <row r="943353" spans="14:14">
      <c r="N943353" s="10"/>
    </row>
    <row r="943354" spans="14:14">
      <c r="N943354" s="10"/>
    </row>
    <row r="943355" spans="14:14">
      <c r="N943355" s="10"/>
    </row>
    <row r="943356" spans="14:14">
      <c r="N943356" s="10"/>
    </row>
    <row r="943357" spans="14:14">
      <c r="N943357" s="10"/>
    </row>
    <row r="943358" spans="14:14">
      <c r="N943358" s="10"/>
    </row>
    <row r="943359" spans="14:14">
      <c r="N943359" s="10"/>
    </row>
    <row r="943360" spans="14:14">
      <c r="N943360" s="10"/>
    </row>
    <row r="943361" spans="14:14">
      <c r="N943361" s="10"/>
    </row>
    <row r="943362" spans="14:14">
      <c r="N943362" s="10"/>
    </row>
    <row r="943363" spans="14:14">
      <c r="N943363" s="10"/>
    </row>
    <row r="943364" spans="14:14">
      <c r="N943364" s="10"/>
    </row>
    <row r="943365" spans="14:14">
      <c r="N943365" s="10"/>
    </row>
    <row r="943366" spans="14:14">
      <c r="N943366" s="10"/>
    </row>
    <row r="943367" spans="14:14">
      <c r="N943367" s="10"/>
    </row>
    <row r="943368" spans="14:14">
      <c r="N943368" s="10"/>
    </row>
    <row r="943369" spans="14:14">
      <c r="N943369" s="10"/>
    </row>
    <row r="943370" spans="14:14">
      <c r="N943370" s="10"/>
    </row>
    <row r="943371" spans="14:14">
      <c r="N943371" s="10"/>
    </row>
    <row r="943372" spans="14:14">
      <c r="N943372" s="10"/>
    </row>
    <row r="943373" spans="14:14">
      <c r="N943373" s="10"/>
    </row>
    <row r="943374" spans="14:14">
      <c r="N943374" s="10"/>
    </row>
    <row r="943375" spans="14:14">
      <c r="N943375" s="10"/>
    </row>
    <row r="943376" spans="14:14">
      <c r="N943376" s="10"/>
    </row>
    <row r="943377" spans="14:14">
      <c r="N943377" s="10"/>
    </row>
    <row r="943378" spans="14:14">
      <c r="N943378" s="10"/>
    </row>
    <row r="943379" spans="14:14">
      <c r="N943379" s="10"/>
    </row>
    <row r="943380" spans="14:14">
      <c r="N943380" s="10"/>
    </row>
    <row r="943381" spans="14:14">
      <c r="N943381" s="10"/>
    </row>
    <row r="943382" spans="14:14">
      <c r="N943382" s="10"/>
    </row>
    <row r="943383" spans="14:14">
      <c r="N943383" s="10"/>
    </row>
    <row r="943384" spans="14:14">
      <c r="N943384" s="10"/>
    </row>
    <row r="943385" spans="14:14">
      <c r="N943385" s="10"/>
    </row>
    <row r="943386" spans="14:14">
      <c r="N943386" s="10"/>
    </row>
    <row r="943387" spans="14:14">
      <c r="N943387" s="10"/>
    </row>
    <row r="943388" spans="14:14">
      <c r="N943388" s="10"/>
    </row>
    <row r="943389" spans="14:14">
      <c r="N943389" s="10"/>
    </row>
    <row r="943390" spans="14:14">
      <c r="N943390" s="10"/>
    </row>
    <row r="943391" spans="14:14">
      <c r="N943391" s="10"/>
    </row>
    <row r="943392" spans="14:14">
      <c r="N943392" s="10"/>
    </row>
    <row r="943393" spans="14:14">
      <c r="N943393" s="10"/>
    </row>
    <row r="943394" spans="14:14">
      <c r="N943394" s="10"/>
    </row>
    <row r="943395" spans="14:14">
      <c r="N943395" s="10"/>
    </row>
    <row r="943396" spans="14:14">
      <c r="N943396" s="10"/>
    </row>
    <row r="943397" spans="14:14">
      <c r="N943397" s="10"/>
    </row>
    <row r="943398" spans="14:14">
      <c r="N943398" s="10"/>
    </row>
    <row r="943399" spans="14:14">
      <c r="N943399" s="10"/>
    </row>
    <row r="943400" spans="14:14">
      <c r="N943400" s="10"/>
    </row>
    <row r="943401" spans="14:14">
      <c r="N943401" s="10"/>
    </row>
    <row r="943402" spans="14:14">
      <c r="N943402" s="10"/>
    </row>
    <row r="943403" spans="14:14">
      <c r="N943403" s="10"/>
    </row>
    <row r="943404" spans="14:14">
      <c r="N943404" s="10"/>
    </row>
    <row r="943405" spans="14:14">
      <c r="N943405" s="10"/>
    </row>
    <row r="943406" spans="14:14">
      <c r="N943406" s="10"/>
    </row>
    <row r="943407" spans="14:14">
      <c r="N943407" s="10"/>
    </row>
    <row r="943408" spans="14:14">
      <c r="N943408" s="10"/>
    </row>
    <row r="943409" spans="14:14">
      <c r="N943409" s="10"/>
    </row>
    <row r="943410" spans="14:14">
      <c r="N943410" s="10"/>
    </row>
    <row r="943411" spans="14:14">
      <c r="N943411" s="10"/>
    </row>
    <row r="943412" spans="14:14">
      <c r="N943412" s="10"/>
    </row>
    <row r="943413" spans="14:14">
      <c r="N943413" s="10"/>
    </row>
    <row r="943414" spans="14:14">
      <c r="N943414" s="10"/>
    </row>
    <row r="943415" spans="14:14">
      <c r="N943415" s="10"/>
    </row>
    <row r="943416" spans="14:14">
      <c r="N943416" s="10"/>
    </row>
    <row r="943417" spans="14:14">
      <c r="N943417" s="10"/>
    </row>
    <row r="943418" spans="14:14">
      <c r="N943418" s="10"/>
    </row>
    <row r="943419" spans="14:14">
      <c r="N943419" s="10"/>
    </row>
    <row r="943420" spans="14:14">
      <c r="N943420" s="10"/>
    </row>
    <row r="943421" spans="14:14">
      <c r="N943421" s="10"/>
    </row>
    <row r="943422" spans="14:14">
      <c r="N943422" s="10"/>
    </row>
    <row r="943423" spans="14:14">
      <c r="N943423" s="10"/>
    </row>
    <row r="943424" spans="14:14">
      <c r="N943424" s="10"/>
    </row>
    <row r="943425" spans="14:14">
      <c r="N943425" s="10"/>
    </row>
    <row r="943426" spans="14:14">
      <c r="N943426" s="10"/>
    </row>
    <row r="943427" spans="14:14">
      <c r="N943427" s="10"/>
    </row>
    <row r="943428" spans="14:14">
      <c r="N943428" s="10"/>
    </row>
    <row r="943429" spans="14:14">
      <c r="N943429" s="10"/>
    </row>
    <row r="943430" spans="14:14">
      <c r="N943430" s="10"/>
    </row>
    <row r="943431" spans="14:14">
      <c r="N943431" s="10"/>
    </row>
    <row r="943432" spans="14:14">
      <c r="N943432" s="10"/>
    </row>
    <row r="943433" spans="14:14">
      <c r="N943433" s="10"/>
    </row>
    <row r="943434" spans="14:14">
      <c r="N943434" s="10"/>
    </row>
    <row r="943435" spans="14:14">
      <c r="N943435" s="10"/>
    </row>
    <row r="943436" spans="14:14">
      <c r="N943436" s="10"/>
    </row>
    <row r="943437" spans="14:14">
      <c r="N943437" s="10"/>
    </row>
    <row r="943438" spans="14:14">
      <c r="N943438" s="10"/>
    </row>
    <row r="943439" spans="14:14">
      <c r="N943439" s="10"/>
    </row>
    <row r="943440" spans="14:14">
      <c r="N943440" s="10"/>
    </row>
    <row r="943441" spans="14:14">
      <c r="N943441" s="10"/>
    </row>
    <row r="943442" spans="14:14">
      <c r="N943442" s="10"/>
    </row>
    <row r="943443" spans="14:14">
      <c r="N943443" s="10"/>
    </row>
    <row r="943444" spans="14:14">
      <c r="N943444" s="10"/>
    </row>
    <row r="943445" spans="14:14">
      <c r="N943445" s="10"/>
    </row>
    <row r="943446" spans="14:14">
      <c r="N943446" s="10"/>
    </row>
    <row r="943447" spans="14:14">
      <c r="N943447" s="10"/>
    </row>
    <row r="943448" spans="14:14">
      <c r="N943448" s="10"/>
    </row>
    <row r="943449" spans="14:14">
      <c r="N943449" s="10"/>
    </row>
    <row r="943450" spans="14:14">
      <c r="N943450" s="10"/>
    </row>
    <row r="943451" spans="14:14">
      <c r="N943451" s="10"/>
    </row>
    <row r="943452" spans="14:14">
      <c r="N943452" s="10"/>
    </row>
    <row r="943453" spans="14:14">
      <c r="N943453" s="10"/>
    </row>
    <row r="943454" spans="14:14">
      <c r="N943454" s="10"/>
    </row>
    <row r="943455" spans="14:14">
      <c r="N943455" s="10"/>
    </row>
    <row r="943456" spans="14:14">
      <c r="N943456" s="10"/>
    </row>
    <row r="943457" spans="14:14">
      <c r="N943457" s="10"/>
    </row>
    <row r="943458" spans="14:14">
      <c r="N943458" s="10"/>
    </row>
    <row r="943459" spans="14:14">
      <c r="N943459" s="10"/>
    </row>
    <row r="943460" spans="14:14">
      <c r="N943460" s="10"/>
    </row>
    <row r="943461" spans="14:14">
      <c r="N943461" s="10"/>
    </row>
    <row r="943462" spans="14:14">
      <c r="N943462" s="10"/>
    </row>
    <row r="943463" spans="14:14">
      <c r="N943463" s="10"/>
    </row>
    <row r="943464" spans="14:14">
      <c r="N943464" s="10"/>
    </row>
    <row r="943465" spans="14:14">
      <c r="N943465" s="10"/>
    </row>
    <row r="943466" spans="14:14">
      <c r="N943466" s="10"/>
    </row>
    <row r="943467" spans="14:14">
      <c r="N943467" s="10"/>
    </row>
    <row r="943468" spans="14:14">
      <c r="N943468" s="10"/>
    </row>
    <row r="943469" spans="14:14">
      <c r="N943469" s="10"/>
    </row>
    <row r="943470" spans="14:14">
      <c r="N943470" s="10"/>
    </row>
    <row r="943471" spans="14:14">
      <c r="N943471" s="10"/>
    </row>
    <row r="943472" spans="14:14">
      <c r="N943472" s="10"/>
    </row>
    <row r="943473" spans="14:14">
      <c r="N943473" s="10"/>
    </row>
    <row r="943474" spans="14:14">
      <c r="N943474" s="10"/>
    </row>
    <row r="943475" spans="14:14">
      <c r="N943475" s="10"/>
    </row>
    <row r="943476" spans="14:14">
      <c r="N943476" s="10"/>
    </row>
    <row r="943477" spans="14:14">
      <c r="N943477" s="10"/>
    </row>
    <row r="943478" spans="14:14">
      <c r="N943478" s="10"/>
    </row>
    <row r="943479" spans="14:14">
      <c r="N943479" s="10"/>
    </row>
    <row r="943480" spans="14:14">
      <c r="N943480" s="10"/>
    </row>
    <row r="943481" spans="14:14">
      <c r="N943481" s="10"/>
    </row>
    <row r="943482" spans="14:14">
      <c r="N943482" s="10"/>
    </row>
    <row r="943483" spans="14:14">
      <c r="N943483" s="10"/>
    </row>
    <row r="943484" spans="14:14">
      <c r="N943484" s="10"/>
    </row>
    <row r="943485" spans="14:14">
      <c r="N943485" s="10"/>
    </row>
    <row r="943486" spans="14:14">
      <c r="N943486" s="10"/>
    </row>
    <row r="943487" spans="14:14">
      <c r="N943487" s="10"/>
    </row>
    <row r="943488" spans="14:14">
      <c r="N943488" s="10"/>
    </row>
    <row r="943489" spans="14:14">
      <c r="N943489" s="10"/>
    </row>
    <row r="943490" spans="14:14">
      <c r="N943490" s="10"/>
    </row>
    <row r="943491" spans="14:14">
      <c r="N943491" s="10"/>
    </row>
    <row r="943492" spans="14:14">
      <c r="N943492" s="10"/>
    </row>
    <row r="943493" spans="14:14">
      <c r="N943493" s="10"/>
    </row>
    <row r="943494" spans="14:14">
      <c r="N943494" s="10"/>
    </row>
    <row r="943495" spans="14:14">
      <c r="N943495" s="10"/>
    </row>
    <row r="943496" spans="14:14">
      <c r="N943496" s="10"/>
    </row>
    <row r="943497" spans="14:14">
      <c r="N943497" s="10"/>
    </row>
    <row r="943498" spans="14:14">
      <c r="N943498" s="10"/>
    </row>
    <row r="943499" spans="14:14">
      <c r="N943499" s="10"/>
    </row>
    <row r="943500" spans="14:14">
      <c r="N943500" s="10"/>
    </row>
    <row r="943501" spans="14:14">
      <c r="N943501" s="10"/>
    </row>
    <row r="943502" spans="14:14">
      <c r="N943502" s="10"/>
    </row>
    <row r="943503" spans="14:14">
      <c r="N943503" s="10"/>
    </row>
    <row r="943504" spans="14:14">
      <c r="N943504" s="10"/>
    </row>
    <row r="943505" spans="14:14">
      <c r="N943505" s="10"/>
    </row>
    <row r="943506" spans="14:14">
      <c r="N943506" s="10"/>
    </row>
    <row r="943507" spans="14:14">
      <c r="N943507" s="10"/>
    </row>
    <row r="943508" spans="14:14">
      <c r="N943508" s="10"/>
    </row>
    <row r="943509" spans="14:14">
      <c r="N943509" s="10"/>
    </row>
    <row r="943510" spans="14:14">
      <c r="N943510" s="10"/>
    </row>
    <row r="943511" spans="14:14">
      <c r="N943511" s="10"/>
    </row>
    <row r="943512" spans="14:14">
      <c r="N943512" s="10"/>
    </row>
    <row r="943513" spans="14:14">
      <c r="N943513" s="10"/>
    </row>
    <row r="943514" spans="14:14">
      <c r="N943514" s="10"/>
    </row>
    <row r="943515" spans="14:14">
      <c r="N943515" s="10"/>
    </row>
    <row r="943516" spans="14:14">
      <c r="N943516" s="10"/>
    </row>
    <row r="943517" spans="14:14">
      <c r="N943517" s="10"/>
    </row>
    <row r="943518" spans="14:14">
      <c r="N943518" s="10"/>
    </row>
    <row r="943519" spans="14:14">
      <c r="N943519" s="10"/>
    </row>
    <row r="943520" spans="14:14">
      <c r="N943520" s="10"/>
    </row>
    <row r="943521" spans="14:14">
      <c r="N943521" s="10"/>
    </row>
    <row r="943522" spans="14:14">
      <c r="N943522" s="10"/>
    </row>
    <row r="943523" spans="14:14">
      <c r="N943523" s="10"/>
    </row>
    <row r="943524" spans="14:14">
      <c r="N943524" s="10"/>
    </row>
    <row r="943525" spans="14:14">
      <c r="N943525" s="10"/>
    </row>
    <row r="943526" spans="14:14">
      <c r="N943526" s="10"/>
    </row>
    <row r="943527" spans="14:14">
      <c r="N943527" s="10"/>
    </row>
    <row r="943528" spans="14:14">
      <c r="N943528" s="10"/>
    </row>
    <row r="943529" spans="14:14">
      <c r="N943529" s="10"/>
    </row>
    <row r="943530" spans="14:14">
      <c r="N943530" s="10"/>
    </row>
    <row r="943531" spans="14:14">
      <c r="N943531" s="10"/>
    </row>
    <row r="943532" spans="14:14">
      <c r="N943532" s="10"/>
    </row>
    <row r="943533" spans="14:14">
      <c r="N943533" s="10"/>
    </row>
    <row r="943534" spans="14:14">
      <c r="N943534" s="10"/>
    </row>
    <row r="943535" spans="14:14">
      <c r="N943535" s="10"/>
    </row>
    <row r="943536" spans="14:14">
      <c r="N943536" s="10"/>
    </row>
    <row r="943537" spans="14:14">
      <c r="N943537" s="10"/>
    </row>
    <row r="943538" spans="14:14">
      <c r="N943538" s="10"/>
    </row>
    <row r="943539" spans="14:14">
      <c r="N943539" s="10"/>
    </row>
    <row r="943540" spans="14:14">
      <c r="N943540" s="10"/>
    </row>
    <row r="943541" spans="14:14">
      <c r="N943541" s="10"/>
    </row>
    <row r="943542" spans="14:14">
      <c r="N943542" s="10"/>
    </row>
    <row r="943543" spans="14:14">
      <c r="N943543" s="10"/>
    </row>
    <row r="943544" spans="14:14">
      <c r="N943544" s="10"/>
    </row>
    <row r="943545" spans="14:14">
      <c r="N943545" s="10"/>
    </row>
    <row r="943546" spans="14:14">
      <c r="N943546" s="10"/>
    </row>
    <row r="943547" spans="14:14">
      <c r="N943547" s="10"/>
    </row>
    <row r="943548" spans="14:14">
      <c r="N943548" s="10"/>
    </row>
    <row r="943549" spans="14:14">
      <c r="N943549" s="10"/>
    </row>
    <row r="943550" spans="14:14">
      <c r="N943550" s="10"/>
    </row>
    <row r="943551" spans="14:14">
      <c r="N943551" s="10"/>
    </row>
    <row r="943552" spans="14:14">
      <c r="N943552" s="10"/>
    </row>
    <row r="943553" spans="14:14">
      <c r="N943553" s="10"/>
    </row>
    <row r="943554" spans="14:14">
      <c r="N943554" s="10"/>
    </row>
    <row r="943555" spans="14:14">
      <c r="N943555" s="10"/>
    </row>
    <row r="943556" spans="14:14">
      <c r="N943556" s="10"/>
    </row>
    <row r="943557" spans="14:14">
      <c r="N943557" s="10"/>
    </row>
    <row r="943558" spans="14:14">
      <c r="N943558" s="10"/>
    </row>
    <row r="943559" spans="14:14">
      <c r="N943559" s="10"/>
    </row>
    <row r="943560" spans="14:14">
      <c r="N943560" s="10"/>
    </row>
    <row r="943561" spans="14:14">
      <c r="N943561" s="10"/>
    </row>
    <row r="943562" spans="14:14">
      <c r="N943562" s="10"/>
    </row>
    <row r="943563" spans="14:14">
      <c r="N943563" s="10"/>
    </row>
    <row r="943564" spans="14:14">
      <c r="N943564" s="10"/>
    </row>
    <row r="943565" spans="14:14">
      <c r="N943565" s="10"/>
    </row>
    <row r="943566" spans="14:14">
      <c r="N943566" s="10"/>
    </row>
    <row r="943567" spans="14:14">
      <c r="N943567" s="10"/>
    </row>
    <row r="943568" spans="14:14">
      <c r="N943568" s="10"/>
    </row>
    <row r="943569" spans="14:14">
      <c r="N943569" s="10"/>
    </row>
    <row r="943570" spans="14:14">
      <c r="N943570" s="10"/>
    </row>
    <row r="943571" spans="14:14">
      <c r="N943571" s="10"/>
    </row>
    <row r="943572" spans="14:14">
      <c r="N943572" s="10"/>
    </row>
    <row r="943573" spans="14:14">
      <c r="N943573" s="10"/>
    </row>
    <row r="943574" spans="14:14">
      <c r="N943574" s="10"/>
    </row>
    <row r="943575" spans="14:14">
      <c r="N943575" s="10"/>
    </row>
    <row r="943576" spans="14:14">
      <c r="N943576" s="10"/>
    </row>
    <row r="943577" spans="14:14">
      <c r="N943577" s="10"/>
    </row>
    <row r="943578" spans="14:14">
      <c r="N943578" s="10"/>
    </row>
    <row r="943579" spans="14:14">
      <c r="N943579" s="10"/>
    </row>
    <row r="943580" spans="14:14">
      <c r="N943580" s="10"/>
    </row>
    <row r="943581" spans="14:14">
      <c r="N943581" s="10"/>
    </row>
    <row r="943582" spans="14:14">
      <c r="N943582" s="10"/>
    </row>
    <row r="943583" spans="14:14">
      <c r="N943583" s="10"/>
    </row>
    <row r="943584" spans="14:14">
      <c r="N943584" s="10"/>
    </row>
    <row r="943585" spans="14:14">
      <c r="N943585" s="10"/>
    </row>
    <row r="943586" spans="14:14">
      <c r="N943586" s="10"/>
    </row>
    <row r="943587" spans="14:14">
      <c r="N943587" s="10"/>
    </row>
    <row r="943588" spans="14:14">
      <c r="N943588" s="10"/>
    </row>
    <row r="943589" spans="14:14">
      <c r="N943589" s="10"/>
    </row>
    <row r="943590" spans="14:14">
      <c r="N943590" s="10"/>
    </row>
    <row r="943591" spans="14:14">
      <c r="N943591" s="10"/>
    </row>
    <row r="943592" spans="14:14">
      <c r="N943592" s="10"/>
    </row>
    <row r="943593" spans="14:14">
      <c r="N943593" s="10"/>
    </row>
    <row r="943594" spans="14:14">
      <c r="N943594" s="10"/>
    </row>
    <row r="943595" spans="14:14">
      <c r="N943595" s="10"/>
    </row>
    <row r="943596" spans="14:14">
      <c r="N943596" s="10"/>
    </row>
    <row r="943597" spans="14:14">
      <c r="N943597" s="10"/>
    </row>
    <row r="943598" spans="14:14">
      <c r="N943598" s="10"/>
    </row>
    <row r="943599" spans="14:14">
      <c r="N943599" s="10"/>
    </row>
    <row r="943600" spans="14:14">
      <c r="N943600" s="10"/>
    </row>
    <row r="943601" spans="14:14">
      <c r="N943601" s="10"/>
    </row>
    <row r="943602" spans="14:14">
      <c r="N943602" s="10"/>
    </row>
    <row r="943603" spans="14:14">
      <c r="N943603" s="10"/>
    </row>
    <row r="943604" spans="14:14">
      <c r="N943604" s="10"/>
    </row>
    <row r="943605" spans="14:14">
      <c r="N943605" s="10"/>
    </row>
    <row r="943606" spans="14:14">
      <c r="N943606" s="10"/>
    </row>
    <row r="943607" spans="14:14">
      <c r="N943607" s="10"/>
    </row>
    <row r="943608" spans="14:14">
      <c r="N943608" s="10"/>
    </row>
    <row r="943609" spans="14:14">
      <c r="N943609" s="10"/>
    </row>
    <row r="943610" spans="14:14">
      <c r="N943610" s="10"/>
    </row>
    <row r="943611" spans="14:14">
      <c r="N943611" s="10"/>
    </row>
    <row r="943612" spans="14:14">
      <c r="N943612" s="10"/>
    </row>
    <row r="943613" spans="14:14">
      <c r="N943613" s="10"/>
    </row>
    <row r="943614" spans="14:14">
      <c r="N943614" s="10"/>
    </row>
    <row r="943615" spans="14:14">
      <c r="N943615" s="10"/>
    </row>
    <row r="943616" spans="14:14">
      <c r="N943616" s="10"/>
    </row>
    <row r="943617" spans="14:14">
      <c r="N943617" s="10"/>
    </row>
    <row r="943618" spans="14:14">
      <c r="N943618" s="10"/>
    </row>
    <row r="943619" spans="14:14">
      <c r="N943619" s="10"/>
    </row>
    <row r="943620" spans="14:14">
      <c r="N943620" s="10"/>
    </row>
    <row r="943621" spans="14:14">
      <c r="N943621" s="10"/>
    </row>
    <row r="943622" spans="14:14">
      <c r="N943622" s="10"/>
    </row>
    <row r="943623" spans="14:14">
      <c r="N943623" s="10"/>
    </row>
    <row r="943624" spans="14:14">
      <c r="N943624" s="10"/>
    </row>
    <row r="943625" spans="14:14">
      <c r="N943625" s="10"/>
    </row>
    <row r="943626" spans="14:14">
      <c r="N943626" s="10"/>
    </row>
    <row r="943627" spans="14:14">
      <c r="N943627" s="10"/>
    </row>
    <row r="943628" spans="14:14">
      <c r="N943628" s="10"/>
    </row>
    <row r="943629" spans="14:14">
      <c r="N943629" s="10"/>
    </row>
    <row r="943630" spans="14:14">
      <c r="N943630" s="10"/>
    </row>
    <row r="943631" spans="14:14">
      <c r="N943631" s="10"/>
    </row>
    <row r="943632" spans="14:14">
      <c r="N943632" s="10"/>
    </row>
    <row r="943633" spans="14:14">
      <c r="N943633" s="10"/>
    </row>
    <row r="943634" spans="14:14">
      <c r="N943634" s="10"/>
    </row>
    <row r="943635" spans="14:14">
      <c r="N943635" s="10"/>
    </row>
    <row r="943636" spans="14:14">
      <c r="N943636" s="10"/>
    </row>
    <row r="943637" spans="14:14">
      <c r="N943637" s="10"/>
    </row>
    <row r="943638" spans="14:14">
      <c r="N943638" s="10"/>
    </row>
    <row r="943639" spans="14:14">
      <c r="N943639" s="10"/>
    </row>
    <row r="943640" spans="14:14">
      <c r="N943640" s="10"/>
    </row>
    <row r="943641" spans="14:14">
      <c r="N943641" s="10"/>
    </row>
    <row r="943642" spans="14:14">
      <c r="N943642" s="10"/>
    </row>
    <row r="943643" spans="14:14">
      <c r="N943643" s="10"/>
    </row>
    <row r="943644" spans="14:14">
      <c r="N943644" s="10"/>
    </row>
    <row r="943645" spans="14:14">
      <c r="N943645" s="10"/>
    </row>
    <row r="943646" spans="14:14">
      <c r="N943646" s="10"/>
    </row>
    <row r="943647" spans="14:14">
      <c r="N943647" s="10"/>
    </row>
    <row r="943648" spans="14:14">
      <c r="N943648" s="10"/>
    </row>
    <row r="943649" spans="14:14">
      <c r="N943649" s="10"/>
    </row>
    <row r="943650" spans="14:14">
      <c r="N943650" s="10"/>
    </row>
    <row r="943651" spans="14:14">
      <c r="N943651" s="10"/>
    </row>
    <row r="943652" spans="14:14">
      <c r="N943652" s="10"/>
    </row>
    <row r="943653" spans="14:14">
      <c r="N943653" s="10"/>
    </row>
    <row r="943654" spans="14:14">
      <c r="N943654" s="10"/>
    </row>
    <row r="943655" spans="14:14">
      <c r="N943655" s="10"/>
    </row>
    <row r="943656" spans="14:14">
      <c r="N943656" s="10"/>
    </row>
    <row r="943657" spans="14:14">
      <c r="N943657" s="10"/>
    </row>
    <row r="943658" spans="14:14">
      <c r="N943658" s="10"/>
    </row>
    <row r="943659" spans="14:14">
      <c r="N943659" s="10"/>
    </row>
    <row r="943660" spans="14:14">
      <c r="N943660" s="10"/>
    </row>
    <row r="943661" spans="14:14">
      <c r="N943661" s="10"/>
    </row>
    <row r="943662" spans="14:14">
      <c r="N943662" s="10"/>
    </row>
    <row r="943663" spans="14:14">
      <c r="N943663" s="10"/>
    </row>
    <row r="943664" spans="14:14">
      <c r="N943664" s="10"/>
    </row>
    <row r="943665" spans="14:14">
      <c r="N943665" s="10"/>
    </row>
    <row r="943666" spans="14:14">
      <c r="N943666" s="10"/>
    </row>
    <row r="943667" spans="14:14">
      <c r="N943667" s="10"/>
    </row>
    <row r="943668" spans="14:14">
      <c r="N943668" s="10"/>
    </row>
    <row r="943669" spans="14:14">
      <c r="N943669" s="10"/>
    </row>
    <row r="943670" spans="14:14">
      <c r="N943670" s="10"/>
    </row>
    <row r="943671" spans="14:14">
      <c r="N943671" s="10"/>
    </row>
    <row r="943672" spans="14:14">
      <c r="N943672" s="10"/>
    </row>
    <row r="943673" spans="14:14">
      <c r="N943673" s="10"/>
    </row>
    <row r="943674" spans="14:14">
      <c r="N943674" s="10"/>
    </row>
    <row r="943675" spans="14:14">
      <c r="N943675" s="10"/>
    </row>
    <row r="943676" spans="14:14">
      <c r="N943676" s="10"/>
    </row>
    <row r="943677" spans="14:14">
      <c r="N943677" s="10"/>
    </row>
    <row r="943678" spans="14:14">
      <c r="N943678" s="10"/>
    </row>
    <row r="943679" spans="14:14">
      <c r="N943679" s="10"/>
    </row>
    <row r="943680" spans="14:14">
      <c r="N943680" s="10"/>
    </row>
    <row r="943681" spans="14:14">
      <c r="N943681" s="10"/>
    </row>
    <row r="943682" spans="14:14">
      <c r="N943682" s="10"/>
    </row>
    <row r="943683" spans="14:14">
      <c r="N943683" s="10"/>
    </row>
    <row r="943684" spans="14:14">
      <c r="N943684" s="10"/>
    </row>
    <row r="943685" spans="14:14">
      <c r="N943685" s="10"/>
    </row>
    <row r="943686" spans="14:14">
      <c r="N943686" s="10"/>
    </row>
    <row r="943687" spans="14:14">
      <c r="N943687" s="10"/>
    </row>
    <row r="943688" spans="14:14">
      <c r="N943688" s="10"/>
    </row>
    <row r="943689" spans="14:14">
      <c r="N943689" s="10"/>
    </row>
    <row r="943690" spans="14:14">
      <c r="N943690" s="10"/>
    </row>
    <row r="943691" spans="14:14">
      <c r="N943691" s="10"/>
    </row>
    <row r="943692" spans="14:14">
      <c r="N943692" s="10"/>
    </row>
    <row r="943693" spans="14:14">
      <c r="N943693" s="10"/>
    </row>
    <row r="943694" spans="14:14">
      <c r="N943694" s="10"/>
    </row>
    <row r="943695" spans="14:14">
      <c r="N943695" s="10"/>
    </row>
    <row r="943696" spans="14:14">
      <c r="N943696" s="10"/>
    </row>
    <row r="943697" spans="14:14">
      <c r="N943697" s="10"/>
    </row>
    <row r="943698" spans="14:14">
      <c r="N943698" s="10"/>
    </row>
    <row r="943699" spans="14:14">
      <c r="N943699" s="10"/>
    </row>
    <row r="943700" spans="14:14">
      <c r="N943700" s="10"/>
    </row>
    <row r="943701" spans="14:14">
      <c r="N943701" s="10"/>
    </row>
    <row r="943702" spans="14:14">
      <c r="N943702" s="10"/>
    </row>
    <row r="943703" spans="14:14">
      <c r="N943703" s="10"/>
    </row>
    <row r="943704" spans="14:14">
      <c r="N943704" s="10"/>
    </row>
    <row r="943705" spans="14:14">
      <c r="N943705" s="10"/>
    </row>
    <row r="943706" spans="14:14">
      <c r="N943706" s="10"/>
    </row>
    <row r="943707" spans="14:14">
      <c r="N943707" s="10"/>
    </row>
    <row r="943708" spans="14:14">
      <c r="N943708" s="10"/>
    </row>
    <row r="943709" spans="14:14">
      <c r="N943709" s="10"/>
    </row>
    <row r="943710" spans="14:14">
      <c r="N943710" s="10"/>
    </row>
    <row r="943711" spans="14:14">
      <c r="N943711" s="10"/>
    </row>
    <row r="943712" spans="14:14">
      <c r="N943712" s="10"/>
    </row>
    <row r="943713" spans="14:14">
      <c r="N943713" s="10"/>
    </row>
    <row r="943714" spans="14:14">
      <c r="N943714" s="10"/>
    </row>
    <row r="943715" spans="14:14">
      <c r="N943715" s="10"/>
    </row>
    <row r="943716" spans="14:14">
      <c r="N943716" s="10"/>
    </row>
    <row r="943717" spans="14:14">
      <c r="N943717" s="10"/>
    </row>
    <row r="943718" spans="14:14">
      <c r="N943718" s="10"/>
    </row>
    <row r="943719" spans="14:14">
      <c r="N943719" s="10"/>
    </row>
    <row r="943720" spans="14:14">
      <c r="N943720" s="10"/>
    </row>
    <row r="943721" spans="14:14">
      <c r="N943721" s="10"/>
    </row>
    <row r="943722" spans="14:14">
      <c r="N943722" s="10"/>
    </row>
    <row r="943723" spans="14:14">
      <c r="N943723" s="10"/>
    </row>
    <row r="943724" spans="14:14">
      <c r="N943724" s="10"/>
    </row>
    <row r="943725" spans="14:14">
      <c r="N943725" s="10"/>
    </row>
    <row r="943726" spans="14:14">
      <c r="N943726" s="10"/>
    </row>
    <row r="943727" spans="14:14">
      <c r="N943727" s="10"/>
    </row>
    <row r="943728" spans="14:14">
      <c r="N943728" s="10"/>
    </row>
    <row r="943729" spans="14:14">
      <c r="N943729" s="10"/>
    </row>
    <row r="943730" spans="14:14">
      <c r="N943730" s="10"/>
    </row>
    <row r="943731" spans="14:14">
      <c r="N943731" s="10"/>
    </row>
    <row r="943732" spans="14:14">
      <c r="N943732" s="10"/>
    </row>
    <row r="943733" spans="14:14">
      <c r="N943733" s="10"/>
    </row>
    <row r="943734" spans="14:14">
      <c r="N943734" s="10"/>
    </row>
    <row r="943735" spans="14:14">
      <c r="N943735" s="10"/>
    </row>
    <row r="943736" spans="14:14">
      <c r="N943736" s="10"/>
    </row>
    <row r="943737" spans="14:14">
      <c r="N943737" s="10"/>
    </row>
    <row r="943738" spans="14:14">
      <c r="N943738" s="10"/>
    </row>
    <row r="943739" spans="14:14">
      <c r="N943739" s="10"/>
    </row>
    <row r="943740" spans="14:14">
      <c r="N943740" s="10"/>
    </row>
    <row r="943741" spans="14:14">
      <c r="N943741" s="10"/>
    </row>
    <row r="943742" spans="14:14">
      <c r="N943742" s="10"/>
    </row>
    <row r="943743" spans="14:14">
      <c r="N943743" s="10"/>
    </row>
    <row r="943744" spans="14:14">
      <c r="N943744" s="10"/>
    </row>
    <row r="943745" spans="14:14">
      <c r="N943745" s="10"/>
    </row>
    <row r="943746" spans="14:14">
      <c r="N943746" s="10"/>
    </row>
    <row r="943747" spans="14:14">
      <c r="N943747" s="10"/>
    </row>
    <row r="943748" spans="14:14">
      <c r="N943748" s="10"/>
    </row>
    <row r="943749" spans="14:14">
      <c r="N943749" s="10"/>
    </row>
    <row r="943750" spans="14:14">
      <c r="N943750" s="10"/>
    </row>
    <row r="943751" spans="14:14">
      <c r="N943751" s="10"/>
    </row>
    <row r="943752" spans="14:14">
      <c r="N943752" s="10"/>
    </row>
    <row r="943753" spans="14:14">
      <c r="N943753" s="10"/>
    </row>
    <row r="943754" spans="14:14">
      <c r="N943754" s="10"/>
    </row>
    <row r="943755" spans="14:14">
      <c r="N943755" s="10"/>
    </row>
    <row r="943756" spans="14:14">
      <c r="N943756" s="10"/>
    </row>
    <row r="943757" spans="14:14">
      <c r="N943757" s="10"/>
    </row>
    <row r="943758" spans="14:14">
      <c r="N943758" s="10"/>
    </row>
    <row r="943759" spans="14:14">
      <c r="N943759" s="10"/>
    </row>
    <row r="943760" spans="14:14">
      <c r="N943760" s="10"/>
    </row>
    <row r="943761" spans="14:14">
      <c r="N943761" s="10"/>
    </row>
    <row r="943762" spans="14:14">
      <c r="N943762" s="10"/>
    </row>
    <row r="943763" spans="14:14">
      <c r="N943763" s="10"/>
    </row>
    <row r="943764" spans="14:14">
      <c r="N943764" s="10"/>
    </row>
    <row r="943765" spans="14:14">
      <c r="N943765" s="10"/>
    </row>
    <row r="943766" spans="14:14">
      <c r="N943766" s="10"/>
    </row>
    <row r="943767" spans="14:14">
      <c r="N943767" s="10"/>
    </row>
    <row r="943768" spans="14:14">
      <c r="N943768" s="10"/>
    </row>
    <row r="943769" spans="14:14">
      <c r="N943769" s="10"/>
    </row>
    <row r="943770" spans="14:14">
      <c r="N943770" s="10"/>
    </row>
    <row r="943771" spans="14:14">
      <c r="N943771" s="10"/>
    </row>
    <row r="943772" spans="14:14">
      <c r="N943772" s="10"/>
    </row>
    <row r="943773" spans="14:14">
      <c r="N943773" s="10"/>
    </row>
    <row r="943774" spans="14:14">
      <c r="N943774" s="10"/>
    </row>
    <row r="943775" spans="14:14">
      <c r="N943775" s="10"/>
    </row>
    <row r="943776" spans="14:14">
      <c r="N943776" s="10"/>
    </row>
    <row r="943777" spans="14:14">
      <c r="N943777" s="10"/>
    </row>
    <row r="943778" spans="14:14">
      <c r="N943778" s="10"/>
    </row>
    <row r="943779" spans="14:14">
      <c r="N943779" s="10"/>
    </row>
    <row r="943780" spans="14:14">
      <c r="N943780" s="10"/>
    </row>
    <row r="943781" spans="14:14">
      <c r="N943781" s="10"/>
    </row>
    <row r="943782" spans="14:14">
      <c r="N943782" s="10"/>
    </row>
    <row r="943783" spans="14:14">
      <c r="N943783" s="10"/>
    </row>
    <row r="943784" spans="14:14">
      <c r="N943784" s="10"/>
    </row>
    <row r="943785" spans="14:14">
      <c r="N943785" s="10"/>
    </row>
    <row r="943786" spans="14:14">
      <c r="N943786" s="10"/>
    </row>
    <row r="943787" spans="14:14">
      <c r="N943787" s="10"/>
    </row>
    <row r="943788" spans="14:14">
      <c r="N943788" s="10"/>
    </row>
    <row r="943789" spans="14:14">
      <c r="N943789" s="10"/>
    </row>
    <row r="943790" spans="14:14">
      <c r="N943790" s="10"/>
    </row>
    <row r="943791" spans="14:14">
      <c r="N943791" s="10"/>
    </row>
    <row r="943792" spans="14:14">
      <c r="N943792" s="10"/>
    </row>
    <row r="943793" spans="14:14">
      <c r="N943793" s="10"/>
    </row>
    <row r="943794" spans="14:14">
      <c r="N943794" s="10"/>
    </row>
    <row r="943795" spans="14:14">
      <c r="N943795" s="10"/>
    </row>
    <row r="943796" spans="14:14">
      <c r="N943796" s="10"/>
    </row>
    <row r="943797" spans="14:14">
      <c r="N943797" s="10"/>
    </row>
    <row r="943798" spans="14:14">
      <c r="N943798" s="10"/>
    </row>
    <row r="943799" spans="14:14">
      <c r="N943799" s="10"/>
    </row>
    <row r="943800" spans="14:14">
      <c r="N943800" s="10"/>
    </row>
    <row r="943801" spans="14:14">
      <c r="N943801" s="10"/>
    </row>
    <row r="943802" spans="14:14">
      <c r="N943802" s="10"/>
    </row>
    <row r="943803" spans="14:14">
      <c r="N943803" s="10"/>
    </row>
    <row r="943804" spans="14:14">
      <c r="N943804" s="10"/>
    </row>
    <row r="943805" spans="14:14">
      <c r="N943805" s="10"/>
    </row>
    <row r="943806" spans="14:14">
      <c r="N943806" s="10"/>
    </row>
    <row r="943807" spans="14:14">
      <c r="N943807" s="10"/>
    </row>
    <row r="943808" spans="14:14">
      <c r="N943808" s="10"/>
    </row>
    <row r="943809" spans="14:14">
      <c r="N943809" s="10"/>
    </row>
    <row r="943810" spans="14:14">
      <c r="N943810" s="10"/>
    </row>
    <row r="943811" spans="14:14">
      <c r="N943811" s="10"/>
    </row>
    <row r="943812" spans="14:14">
      <c r="N943812" s="10"/>
    </row>
    <row r="943813" spans="14:14">
      <c r="N943813" s="10"/>
    </row>
    <row r="943814" spans="14:14">
      <c r="N943814" s="10"/>
    </row>
    <row r="943815" spans="14:14">
      <c r="N943815" s="10"/>
    </row>
    <row r="943816" spans="14:14">
      <c r="N943816" s="10"/>
    </row>
    <row r="943817" spans="14:14">
      <c r="N943817" s="10"/>
    </row>
    <row r="943818" spans="14:14">
      <c r="N943818" s="10"/>
    </row>
    <row r="943819" spans="14:14">
      <c r="N943819" s="10"/>
    </row>
    <row r="943820" spans="14:14">
      <c r="N943820" s="10"/>
    </row>
    <row r="943821" spans="14:14">
      <c r="N943821" s="10"/>
    </row>
    <row r="943822" spans="14:14">
      <c r="N943822" s="10"/>
    </row>
    <row r="943823" spans="14:14">
      <c r="N943823" s="10"/>
    </row>
    <row r="943824" spans="14:14">
      <c r="N943824" s="10"/>
    </row>
    <row r="943825" spans="14:14">
      <c r="N943825" s="10"/>
    </row>
    <row r="943826" spans="14:14">
      <c r="N943826" s="10"/>
    </row>
    <row r="943827" spans="14:14">
      <c r="N943827" s="10"/>
    </row>
    <row r="943828" spans="14:14">
      <c r="N943828" s="10"/>
    </row>
    <row r="943829" spans="14:14">
      <c r="N943829" s="10"/>
    </row>
    <row r="943830" spans="14:14">
      <c r="N943830" s="10"/>
    </row>
    <row r="943831" spans="14:14">
      <c r="N943831" s="10"/>
    </row>
    <row r="943832" spans="14:14">
      <c r="N943832" s="10"/>
    </row>
    <row r="943833" spans="14:14">
      <c r="N943833" s="10"/>
    </row>
    <row r="943834" spans="14:14">
      <c r="N943834" s="10"/>
    </row>
    <row r="943835" spans="14:14">
      <c r="N943835" s="10"/>
    </row>
    <row r="943836" spans="14:14">
      <c r="N943836" s="10"/>
    </row>
    <row r="943837" spans="14:14">
      <c r="N943837" s="10"/>
    </row>
    <row r="943838" spans="14:14">
      <c r="N943838" s="10"/>
    </row>
    <row r="943839" spans="14:14">
      <c r="N943839" s="10"/>
    </row>
    <row r="943840" spans="14:14">
      <c r="N943840" s="10"/>
    </row>
    <row r="943841" spans="14:14">
      <c r="N943841" s="10"/>
    </row>
    <row r="943842" spans="14:14">
      <c r="N943842" s="10"/>
    </row>
    <row r="943843" spans="14:14">
      <c r="N943843" s="10"/>
    </row>
    <row r="943844" spans="14:14">
      <c r="N943844" s="10"/>
    </row>
    <row r="943845" spans="14:14">
      <c r="N943845" s="10"/>
    </row>
    <row r="943846" spans="14:14">
      <c r="N943846" s="10"/>
    </row>
    <row r="943847" spans="14:14">
      <c r="N943847" s="10"/>
    </row>
    <row r="943848" spans="14:14">
      <c r="N943848" s="10"/>
    </row>
    <row r="943849" spans="14:14">
      <c r="N943849" s="10"/>
    </row>
    <row r="943850" spans="14:14">
      <c r="N943850" s="10"/>
    </row>
    <row r="943851" spans="14:14">
      <c r="N943851" s="10"/>
    </row>
    <row r="943852" spans="14:14">
      <c r="N943852" s="10"/>
    </row>
    <row r="943853" spans="14:14">
      <c r="N943853" s="10"/>
    </row>
    <row r="943854" spans="14:14">
      <c r="N943854" s="10"/>
    </row>
    <row r="943855" spans="14:14">
      <c r="N943855" s="10"/>
    </row>
    <row r="943856" spans="14:14">
      <c r="N943856" s="10"/>
    </row>
    <row r="943857" spans="14:14">
      <c r="N943857" s="10"/>
    </row>
    <row r="943858" spans="14:14">
      <c r="N943858" s="10"/>
    </row>
    <row r="943859" spans="14:14">
      <c r="N943859" s="10"/>
    </row>
    <row r="943860" spans="14:14">
      <c r="N943860" s="10"/>
    </row>
    <row r="943861" spans="14:14">
      <c r="N943861" s="10"/>
    </row>
    <row r="943862" spans="14:14">
      <c r="N943862" s="10"/>
    </row>
    <row r="943863" spans="14:14">
      <c r="N943863" s="10"/>
    </row>
    <row r="943864" spans="14:14">
      <c r="N943864" s="10"/>
    </row>
    <row r="943865" spans="14:14">
      <c r="N943865" s="10"/>
    </row>
    <row r="943866" spans="14:14">
      <c r="N943866" s="10"/>
    </row>
    <row r="943867" spans="14:14">
      <c r="N943867" s="10"/>
    </row>
    <row r="943868" spans="14:14">
      <c r="N943868" s="10"/>
    </row>
    <row r="943869" spans="14:14">
      <c r="N943869" s="10"/>
    </row>
    <row r="943870" spans="14:14">
      <c r="N943870" s="10"/>
    </row>
    <row r="943871" spans="14:14">
      <c r="N943871" s="10"/>
    </row>
    <row r="943872" spans="14:14">
      <c r="N943872" s="10"/>
    </row>
    <row r="943873" spans="14:14">
      <c r="N943873" s="10"/>
    </row>
    <row r="943874" spans="14:14">
      <c r="N943874" s="10"/>
    </row>
    <row r="943875" spans="14:14">
      <c r="N943875" s="10"/>
    </row>
    <row r="943876" spans="14:14">
      <c r="N943876" s="10"/>
    </row>
    <row r="943877" spans="14:14">
      <c r="N943877" s="10"/>
    </row>
    <row r="943878" spans="14:14">
      <c r="N943878" s="10"/>
    </row>
    <row r="943879" spans="14:14">
      <c r="N943879" s="10"/>
    </row>
    <row r="943880" spans="14:14">
      <c r="N943880" s="10"/>
    </row>
    <row r="943881" spans="14:14">
      <c r="N943881" s="10"/>
    </row>
    <row r="943882" spans="14:14">
      <c r="N943882" s="10"/>
    </row>
    <row r="943883" spans="14:14">
      <c r="N943883" s="10"/>
    </row>
    <row r="943884" spans="14:14">
      <c r="N943884" s="10"/>
    </row>
    <row r="943885" spans="14:14">
      <c r="N943885" s="10"/>
    </row>
    <row r="943886" spans="14:14">
      <c r="N943886" s="10"/>
    </row>
    <row r="943887" spans="14:14">
      <c r="N943887" s="10"/>
    </row>
    <row r="943888" spans="14:14">
      <c r="N943888" s="10"/>
    </row>
    <row r="943889" spans="14:14">
      <c r="N943889" s="10"/>
    </row>
    <row r="943890" spans="14:14">
      <c r="N943890" s="10"/>
    </row>
    <row r="943891" spans="14:14">
      <c r="N943891" s="10"/>
    </row>
    <row r="943892" spans="14:14">
      <c r="N943892" s="10"/>
    </row>
    <row r="943893" spans="14:14">
      <c r="N943893" s="10"/>
    </row>
    <row r="943894" spans="14:14">
      <c r="N943894" s="10"/>
    </row>
    <row r="943895" spans="14:14">
      <c r="N943895" s="10"/>
    </row>
    <row r="943896" spans="14:14">
      <c r="N943896" s="10"/>
    </row>
    <row r="943897" spans="14:14">
      <c r="N943897" s="10"/>
    </row>
    <row r="943898" spans="14:14">
      <c r="N943898" s="10"/>
    </row>
    <row r="943899" spans="14:14">
      <c r="N943899" s="10"/>
    </row>
    <row r="943900" spans="14:14">
      <c r="N943900" s="10"/>
    </row>
    <row r="943901" spans="14:14">
      <c r="N943901" s="10"/>
    </row>
    <row r="943902" spans="14:14">
      <c r="N943902" s="10"/>
    </row>
    <row r="943903" spans="14:14">
      <c r="N943903" s="10"/>
    </row>
    <row r="943904" spans="14:14">
      <c r="N943904" s="10"/>
    </row>
    <row r="943905" spans="14:14">
      <c r="N943905" s="10"/>
    </row>
    <row r="943906" spans="14:14">
      <c r="N943906" s="10"/>
    </row>
    <row r="943907" spans="14:14">
      <c r="N943907" s="10"/>
    </row>
    <row r="943908" spans="14:14">
      <c r="N943908" s="10"/>
    </row>
    <row r="943909" spans="14:14">
      <c r="N943909" s="10"/>
    </row>
    <row r="943910" spans="14:14">
      <c r="N943910" s="10"/>
    </row>
    <row r="943911" spans="14:14">
      <c r="N943911" s="10"/>
    </row>
    <row r="943912" spans="14:14">
      <c r="N943912" s="10"/>
    </row>
    <row r="943913" spans="14:14">
      <c r="N943913" s="10"/>
    </row>
    <row r="943914" spans="14:14">
      <c r="N943914" s="10"/>
    </row>
    <row r="943915" spans="14:14">
      <c r="N943915" s="10"/>
    </row>
    <row r="943916" spans="14:14">
      <c r="N943916" s="10"/>
    </row>
    <row r="943917" spans="14:14">
      <c r="N943917" s="10"/>
    </row>
    <row r="943918" spans="14:14">
      <c r="N943918" s="10"/>
    </row>
    <row r="943919" spans="14:14">
      <c r="N943919" s="10"/>
    </row>
    <row r="943920" spans="14:14">
      <c r="N943920" s="10"/>
    </row>
    <row r="943921" spans="14:14">
      <c r="N943921" s="10"/>
    </row>
    <row r="943922" spans="14:14">
      <c r="N943922" s="10"/>
    </row>
    <row r="943923" spans="14:14">
      <c r="N943923" s="10"/>
    </row>
    <row r="943924" spans="14:14">
      <c r="N943924" s="10"/>
    </row>
    <row r="943925" spans="14:14">
      <c r="N943925" s="10"/>
    </row>
    <row r="943926" spans="14:14">
      <c r="N943926" s="10"/>
    </row>
    <row r="943927" spans="14:14">
      <c r="N943927" s="10"/>
    </row>
    <row r="943928" spans="14:14">
      <c r="N943928" s="10"/>
    </row>
    <row r="943929" spans="14:14">
      <c r="N943929" s="10"/>
    </row>
    <row r="943930" spans="14:14">
      <c r="N943930" s="10"/>
    </row>
    <row r="943931" spans="14:14">
      <c r="N943931" s="10"/>
    </row>
    <row r="943932" spans="14:14">
      <c r="N943932" s="10"/>
    </row>
    <row r="943933" spans="14:14">
      <c r="N943933" s="10"/>
    </row>
    <row r="943934" spans="14:14">
      <c r="N943934" s="10"/>
    </row>
    <row r="943935" spans="14:14">
      <c r="N943935" s="10"/>
    </row>
    <row r="943936" spans="14:14">
      <c r="N943936" s="10"/>
    </row>
    <row r="943937" spans="14:14">
      <c r="N943937" s="10"/>
    </row>
    <row r="943938" spans="14:14">
      <c r="N943938" s="10"/>
    </row>
    <row r="943939" spans="14:14">
      <c r="N943939" s="10"/>
    </row>
    <row r="943940" spans="14:14">
      <c r="N943940" s="10"/>
    </row>
    <row r="943941" spans="14:14">
      <c r="N943941" s="10"/>
    </row>
    <row r="943942" spans="14:14">
      <c r="N943942" s="10"/>
    </row>
    <row r="943943" spans="14:14">
      <c r="N943943" s="10"/>
    </row>
    <row r="943944" spans="14:14">
      <c r="N943944" s="10"/>
    </row>
    <row r="943945" spans="14:14">
      <c r="N943945" s="10"/>
    </row>
    <row r="943946" spans="14:14">
      <c r="N943946" s="10"/>
    </row>
    <row r="943947" spans="14:14">
      <c r="N943947" s="10"/>
    </row>
    <row r="943948" spans="14:14">
      <c r="N943948" s="10"/>
    </row>
    <row r="943949" spans="14:14">
      <c r="N943949" s="10"/>
    </row>
    <row r="943950" spans="14:14">
      <c r="N943950" s="10"/>
    </row>
    <row r="943951" spans="14:14">
      <c r="N943951" s="10"/>
    </row>
    <row r="943952" spans="14:14">
      <c r="N943952" s="10"/>
    </row>
    <row r="943953" spans="14:14">
      <c r="N943953" s="10"/>
    </row>
    <row r="943954" spans="14:14">
      <c r="N943954" s="10"/>
    </row>
    <row r="943955" spans="14:14">
      <c r="N943955" s="10"/>
    </row>
    <row r="943956" spans="14:14">
      <c r="N943956" s="10"/>
    </row>
    <row r="943957" spans="14:14">
      <c r="N943957" s="10"/>
    </row>
    <row r="943958" spans="14:14">
      <c r="N943958" s="10"/>
    </row>
    <row r="943959" spans="14:14">
      <c r="N943959" s="10"/>
    </row>
    <row r="943960" spans="14:14">
      <c r="N943960" s="10"/>
    </row>
    <row r="943961" spans="14:14">
      <c r="N943961" s="10"/>
    </row>
    <row r="943962" spans="14:14">
      <c r="N943962" s="10"/>
    </row>
    <row r="943963" spans="14:14">
      <c r="N943963" s="10"/>
    </row>
    <row r="943964" spans="14:14">
      <c r="N943964" s="10"/>
    </row>
    <row r="943965" spans="14:14">
      <c r="N943965" s="10"/>
    </row>
    <row r="943966" spans="14:14">
      <c r="N943966" s="10"/>
    </row>
    <row r="943967" spans="14:14">
      <c r="N943967" s="10"/>
    </row>
    <row r="943968" spans="14:14">
      <c r="N943968" s="10"/>
    </row>
    <row r="943969" spans="14:14">
      <c r="N943969" s="10"/>
    </row>
    <row r="943970" spans="14:14">
      <c r="N943970" s="10"/>
    </row>
    <row r="943971" spans="14:14">
      <c r="N943971" s="10"/>
    </row>
    <row r="943972" spans="14:14">
      <c r="N943972" s="10"/>
    </row>
    <row r="943973" spans="14:14">
      <c r="N943973" s="10"/>
    </row>
    <row r="943974" spans="14:14">
      <c r="N943974" s="10"/>
    </row>
    <row r="943975" spans="14:14">
      <c r="N943975" s="10"/>
    </row>
    <row r="943976" spans="14:14">
      <c r="N943976" s="10"/>
    </row>
    <row r="943977" spans="14:14">
      <c r="N943977" s="10"/>
    </row>
    <row r="943978" spans="14:14">
      <c r="N943978" s="10"/>
    </row>
    <row r="943979" spans="14:14">
      <c r="N943979" s="10"/>
    </row>
    <row r="943980" spans="14:14">
      <c r="N943980" s="10"/>
    </row>
    <row r="943981" spans="14:14">
      <c r="N943981" s="10"/>
    </row>
    <row r="943982" spans="14:14">
      <c r="N943982" s="10"/>
    </row>
    <row r="943983" spans="14:14">
      <c r="N943983" s="10"/>
    </row>
    <row r="943984" spans="14:14">
      <c r="N943984" s="10"/>
    </row>
    <row r="943985" spans="14:14">
      <c r="N943985" s="10"/>
    </row>
    <row r="943986" spans="14:14">
      <c r="N943986" s="10"/>
    </row>
    <row r="943987" spans="14:14">
      <c r="N943987" s="10"/>
    </row>
    <row r="943988" spans="14:14">
      <c r="N943988" s="10"/>
    </row>
    <row r="943989" spans="14:14">
      <c r="N943989" s="10"/>
    </row>
    <row r="943990" spans="14:14">
      <c r="N943990" s="10"/>
    </row>
    <row r="943991" spans="14:14">
      <c r="N943991" s="10"/>
    </row>
    <row r="943992" spans="14:14">
      <c r="N943992" s="10"/>
    </row>
    <row r="943993" spans="14:14">
      <c r="N943993" s="10"/>
    </row>
    <row r="943994" spans="14:14">
      <c r="N943994" s="10"/>
    </row>
    <row r="943995" spans="14:14">
      <c r="N943995" s="10"/>
    </row>
    <row r="943996" spans="14:14">
      <c r="N943996" s="10"/>
    </row>
    <row r="943997" spans="14:14">
      <c r="N943997" s="10"/>
    </row>
    <row r="943998" spans="14:14">
      <c r="N943998" s="10"/>
    </row>
    <row r="943999" spans="14:14">
      <c r="N943999" s="10"/>
    </row>
    <row r="944000" spans="14:14">
      <c r="N944000" s="10"/>
    </row>
    <row r="944001" spans="14:14">
      <c r="N944001" s="10"/>
    </row>
    <row r="944002" spans="14:14">
      <c r="N944002" s="10"/>
    </row>
    <row r="944003" spans="14:14">
      <c r="N944003" s="10"/>
    </row>
    <row r="944004" spans="14:14">
      <c r="N944004" s="10"/>
    </row>
    <row r="944005" spans="14:14">
      <c r="N944005" s="10"/>
    </row>
    <row r="944006" spans="14:14">
      <c r="N944006" s="10"/>
    </row>
    <row r="944007" spans="14:14">
      <c r="N944007" s="10"/>
    </row>
    <row r="944008" spans="14:14">
      <c r="N944008" s="10"/>
    </row>
    <row r="944009" spans="14:14">
      <c r="N944009" s="10"/>
    </row>
    <row r="944010" spans="14:14">
      <c r="N944010" s="10"/>
    </row>
    <row r="944011" spans="14:14">
      <c r="N944011" s="10"/>
    </row>
    <row r="944012" spans="14:14">
      <c r="N944012" s="10"/>
    </row>
    <row r="944013" spans="14:14">
      <c r="N944013" s="10"/>
    </row>
    <row r="944014" spans="14:14">
      <c r="N944014" s="10"/>
    </row>
    <row r="944015" spans="14:14">
      <c r="N944015" s="10"/>
    </row>
    <row r="944016" spans="14:14">
      <c r="N944016" s="10"/>
    </row>
    <row r="944017" spans="14:14">
      <c r="N944017" s="10"/>
    </row>
    <row r="944018" spans="14:14">
      <c r="N944018" s="10"/>
    </row>
    <row r="944019" spans="14:14">
      <c r="N944019" s="10"/>
    </row>
    <row r="944020" spans="14:14">
      <c r="N944020" s="10"/>
    </row>
    <row r="944021" spans="14:14">
      <c r="N944021" s="10"/>
    </row>
    <row r="944022" spans="14:14">
      <c r="N944022" s="10"/>
    </row>
    <row r="944023" spans="14:14">
      <c r="N944023" s="10"/>
    </row>
    <row r="944024" spans="14:14">
      <c r="N944024" s="10"/>
    </row>
    <row r="944025" spans="14:14">
      <c r="N944025" s="10"/>
    </row>
    <row r="944026" spans="14:14">
      <c r="N944026" s="10"/>
    </row>
    <row r="944027" spans="14:14">
      <c r="N944027" s="10"/>
    </row>
    <row r="944028" spans="14:14">
      <c r="N944028" s="10"/>
    </row>
    <row r="944029" spans="14:14">
      <c r="N944029" s="10"/>
    </row>
    <row r="944030" spans="14:14">
      <c r="N944030" s="10"/>
    </row>
    <row r="944031" spans="14:14">
      <c r="N944031" s="10"/>
    </row>
    <row r="944032" spans="14:14">
      <c r="N944032" s="10"/>
    </row>
    <row r="944033" spans="14:14">
      <c r="N944033" s="10"/>
    </row>
    <row r="944034" spans="14:14">
      <c r="N944034" s="10"/>
    </row>
    <row r="944035" spans="14:14">
      <c r="N944035" s="10"/>
    </row>
    <row r="944036" spans="14:14">
      <c r="N944036" s="10"/>
    </row>
    <row r="944037" spans="14:14">
      <c r="N944037" s="10"/>
    </row>
    <row r="944038" spans="14:14">
      <c r="N944038" s="10"/>
    </row>
    <row r="944039" spans="14:14">
      <c r="N944039" s="10"/>
    </row>
    <row r="944040" spans="14:14">
      <c r="N944040" s="10"/>
    </row>
    <row r="944041" spans="14:14">
      <c r="N944041" s="10"/>
    </row>
    <row r="944042" spans="14:14">
      <c r="N944042" s="10"/>
    </row>
    <row r="944043" spans="14:14">
      <c r="N944043" s="10"/>
    </row>
    <row r="944044" spans="14:14">
      <c r="N944044" s="10"/>
    </row>
    <row r="944045" spans="14:14">
      <c r="N944045" s="10"/>
    </row>
    <row r="944046" spans="14:14">
      <c r="N944046" s="10"/>
    </row>
    <row r="944047" spans="14:14">
      <c r="N944047" s="10"/>
    </row>
    <row r="944048" spans="14:14">
      <c r="N944048" s="10"/>
    </row>
    <row r="944049" spans="14:14">
      <c r="N944049" s="10"/>
    </row>
    <row r="944050" spans="14:14">
      <c r="N944050" s="10"/>
    </row>
    <row r="944051" spans="14:14">
      <c r="N944051" s="10"/>
    </row>
    <row r="944052" spans="14:14">
      <c r="N944052" s="10"/>
    </row>
    <row r="944053" spans="14:14">
      <c r="N944053" s="10"/>
    </row>
    <row r="944054" spans="14:14">
      <c r="N944054" s="10"/>
    </row>
    <row r="944055" spans="14:14">
      <c r="N944055" s="10"/>
    </row>
    <row r="944056" spans="14:14">
      <c r="N944056" s="10"/>
    </row>
    <row r="944057" spans="14:14">
      <c r="N944057" s="10"/>
    </row>
    <row r="944058" spans="14:14">
      <c r="N944058" s="10"/>
    </row>
    <row r="944059" spans="14:14">
      <c r="N944059" s="10"/>
    </row>
    <row r="944060" spans="14:14">
      <c r="N944060" s="10"/>
    </row>
    <row r="944061" spans="14:14">
      <c r="N944061" s="10"/>
    </row>
    <row r="944062" spans="14:14">
      <c r="N944062" s="10"/>
    </row>
    <row r="944063" spans="14:14">
      <c r="N944063" s="10"/>
    </row>
    <row r="944064" spans="14:14">
      <c r="N944064" s="10"/>
    </row>
    <row r="944065" spans="14:14">
      <c r="N944065" s="10"/>
    </row>
    <row r="944066" spans="14:14">
      <c r="N944066" s="10"/>
    </row>
    <row r="944067" spans="14:14">
      <c r="N944067" s="10"/>
    </row>
    <row r="944068" spans="14:14">
      <c r="N944068" s="10"/>
    </row>
    <row r="944069" spans="14:14">
      <c r="N944069" s="10"/>
    </row>
    <row r="944070" spans="14:14">
      <c r="N944070" s="10"/>
    </row>
    <row r="944071" spans="14:14">
      <c r="N944071" s="10"/>
    </row>
    <row r="944072" spans="14:14">
      <c r="N944072" s="10"/>
    </row>
    <row r="944073" spans="14:14">
      <c r="N944073" s="10"/>
    </row>
    <row r="944074" spans="14:14">
      <c r="N944074" s="10"/>
    </row>
    <row r="944075" spans="14:14">
      <c r="N944075" s="10"/>
    </row>
    <row r="944076" spans="14:14">
      <c r="N944076" s="10"/>
    </row>
    <row r="944077" spans="14:14">
      <c r="N944077" s="10"/>
    </row>
    <row r="944078" spans="14:14">
      <c r="N944078" s="10"/>
    </row>
    <row r="944079" spans="14:14">
      <c r="N944079" s="10"/>
    </row>
    <row r="944080" spans="14:14">
      <c r="N944080" s="10"/>
    </row>
    <row r="944081" spans="14:14">
      <c r="N944081" s="10"/>
    </row>
    <row r="944082" spans="14:14">
      <c r="N944082" s="10"/>
    </row>
    <row r="944083" spans="14:14">
      <c r="N944083" s="10"/>
    </row>
    <row r="944084" spans="14:14">
      <c r="N944084" s="10"/>
    </row>
    <row r="944085" spans="14:14">
      <c r="N944085" s="10"/>
    </row>
    <row r="944086" spans="14:14">
      <c r="N944086" s="10"/>
    </row>
    <row r="944087" spans="14:14">
      <c r="N944087" s="10"/>
    </row>
    <row r="944088" spans="14:14">
      <c r="N944088" s="10"/>
    </row>
    <row r="944089" spans="14:14">
      <c r="N944089" s="10"/>
    </row>
    <row r="944090" spans="14:14">
      <c r="N944090" s="10"/>
    </row>
    <row r="944091" spans="14:14">
      <c r="N944091" s="10"/>
    </row>
    <row r="944092" spans="14:14">
      <c r="N944092" s="10"/>
    </row>
    <row r="944093" spans="14:14">
      <c r="N944093" s="10"/>
    </row>
    <row r="944094" spans="14:14">
      <c r="N944094" s="10"/>
    </row>
    <row r="944095" spans="14:14">
      <c r="N944095" s="10"/>
    </row>
    <row r="944096" spans="14:14">
      <c r="N944096" s="10"/>
    </row>
    <row r="944097" spans="14:14">
      <c r="N944097" s="10"/>
    </row>
    <row r="944098" spans="14:14">
      <c r="N944098" s="10"/>
    </row>
    <row r="944099" spans="14:14">
      <c r="N944099" s="10"/>
    </row>
    <row r="944100" spans="14:14">
      <c r="N944100" s="10"/>
    </row>
    <row r="944101" spans="14:14">
      <c r="N944101" s="10"/>
    </row>
    <row r="944102" spans="14:14">
      <c r="N944102" s="10"/>
    </row>
    <row r="944103" spans="14:14">
      <c r="N944103" s="10"/>
    </row>
    <row r="944104" spans="14:14">
      <c r="N944104" s="10"/>
    </row>
    <row r="944105" spans="14:14">
      <c r="N944105" s="10"/>
    </row>
    <row r="944106" spans="14:14">
      <c r="N944106" s="10"/>
    </row>
    <row r="944107" spans="14:14">
      <c r="N944107" s="10"/>
    </row>
    <row r="944108" spans="14:14">
      <c r="N944108" s="10"/>
    </row>
    <row r="944109" spans="14:14">
      <c r="N944109" s="10"/>
    </row>
    <row r="944110" spans="14:14">
      <c r="N944110" s="10"/>
    </row>
    <row r="944111" spans="14:14">
      <c r="N944111" s="10"/>
    </row>
    <row r="944112" spans="14:14">
      <c r="N944112" s="10"/>
    </row>
    <row r="944113" spans="14:14">
      <c r="N944113" s="10"/>
    </row>
    <row r="944114" spans="14:14">
      <c r="N944114" s="10"/>
    </row>
    <row r="944115" spans="14:14">
      <c r="N944115" s="10"/>
    </row>
    <row r="944116" spans="14:14">
      <c r="N944116" s="10"/>
    </row>
    <row r="944117" spans="14:14">
      <c r="N944117" s="10"/>
    </row>
    <row r="944118" spans="14:14">
      <c r="N944118" s="10"/>
    </row>
    <row r="944119" spans="14:14">
      <c r="N944119" s="10"/>
    </row>
    <row r="944120" spans="14:14">
      <c r="N944120" s="10"/>
    </row>
    <row r="944121" spans="14:14">
      <c r="N944121" s="10"/>
    </row>
    <row r="944122" spans="14:14">
      <c r="N944122" s="10"/>
    </row>
    <row r="944123" spans="14:14">
      <c r="N944123" s="10"/>
    </row>
    <row r="944124" spans="14:14">
      <c r="N944124" s="10"/>
    </row>
    <row r="944125" spans="14:14">
      <c r="N944125" s="10"/>
    </row>
    <row r="944126" spans="14:14">
      <c r="N944126" s="10"/>
    </row>
    <row r="944127" spans="14:14">
      <c r="N944127" s="10"/>
    </row>
    <row r="944128" spans="14:14">
      <c r="N944128" s="10"/>
    </row>
    <row r="944129" spans="14:14">
      <c r="N944129" s="10"/>
    </row>
    <row r="944130" spans="14:14">
      <c r="N944130" s="10"/>
    </row>
    <row r="944131" spans="14:14">
      <c r="N944131" s="10"/>
    </row>
    <row r="944132" spans="14:14">
      <c r="N944132" s="10"/>
    </row>
    <row r="944133" spans="14:14">
      <c r="N944133" s="10"/>
    </row>
    <row r="944134" spans="14:14">
      <c r="N944134" s="10"/>
    </row>
    <row r="944135" spans="14:14">
      <c r="N944135" s="10"/>
    </row>
    <row r="944136" spans="14:14">
      <c r="N944136" s="10"/>
    </row>
    <row r="944137" spans="14:14">
      <c r="N944137" s="10"/>
    </row>
    <row r="944138" spans="14:14">
      <c r="N944138" s="10"/>
    </row>
    <row r="944139" spans="14:14">
      <c r="N944139" s="10"/>
    </row>
    <row r="944140" spans="14:14">
      <c r="N944140" s="10"/>
    </row>
    <row r="944141" spans="14:14">
      <c r="N944141" s="10"/>
    </row>
    <row r="944142" spans="14:14">
      <c r="N944142" s="10"/>
    </row>
    <row r="944143" spans="14:14">
      <c r="N944143" s="10"/>
    </row>
    <row r="944144" spans="14:14">
      <c r="N944144" s="10"/>
    </row>
    <row r="944145" spans="14:14">
      <c r="N944145" s="10"/>
    </row>
    <row r="944146" spans="14:14">
      <c r="N944146" s="10"/>
    </row>
    <row r="944147" spans="14:14">
      <c r="N944147" s="10"/>
    </row>
    <row r="944148" spans="14:14">
      <c r="N944148" s="10"/>
    </row>
    <row r="944149" spans="14:14">
      <c r="N944149" s="10"/>
    </row>
    <row r="944150" spans="14:14">
      <c r="N944150" s="10"/>
    </row>
    <row r="944151" spans="14:14">
      <c r="N944151" s="10"/>
    </row>
    <row r="944152" spans="14:14">
      <c r="N944152" s="10"/>
    </row>
    <row r="944153" spans="14:14">
      <c r="N944153" s="10"/>
    </row>
    <row r="944154" spans="14:14">
      <c r="N944154" s="10"/>
    </row>
    <row r="944155" spans="14:14">
      <c r="N944155" s="10"/>
    </row>
    <row r="944156" spans="14:14">
      <c r="N944156" s="10"/>
    </row>
    <row r="944157" spans="14:14">
      <c r="N944157" s="10"/>
    </row>
    <row r="944158" spans="14:14">
      <c r="N944158" s="10"/>
    </row>
    <row r="944159" spans="14:14">
      <c r="N944159" s="10"/>
    </row>
    <row r="944160" spans="14:14">
      <c r="N944160" s="10"/>
    </row>
    <row r="944161" spans="14:14">
      <c r="N944161" s="10"/>
    </row>
    <row r="944162" spans="14:14">
      <c r="N944162" s="10"/>
    </row>
    <row r="944163" spans="14:14">
      <c r="N944163" s="10"/>
    </row>
    <row r="944164" spans="14:14">
      <c r="N944164" s="10"/>
    </row>
    <row r="944165" spans="14:14">
      <c r="N944165" s="10"/>
    </row>
    <row r="944166" spans="14:14">
      <c r="N944166" s="10"/>
    </row>
    <row r="944167" spans="14:14">
      <c r="N944167" s="10"/>
    </row>
    <row r="944168" spans="14:14">
      <c r="N944168" s="10"/>
    </row>
    <row r="944169" spans="14:14">
      <c r="N944169" s="10"/>
    </row>
    <row r="944170" spans="14:14">
      <c r="N944170" s="10"/>
    </row>
    <row r="944171" spans="14:14">
      <c r="N944171" s="10"/>
    </row>
    <row r="944172" spans="14:14">
      <c r="N944172" s="10"/>
    </row>
    <row r="944173" spans="14:14">
      <c r="N944173" s="10"/>
    </row>
    <row r="944174" spans="14:14">
      <c r="N944174" s="10"/>
    </row>
    <row r="944175" spans="14:14">
      <c r="N944175" s="10"/>
    </row>
    <row r="944176" spans="14:14">
      <c r="N944176" s="10"/>
    </row>
    <row r="944177" spans="14:14">
      <c r="N944177" s="10"/>
    </row>
    <row r="944178" spans="14:14">
      <c r="N944178" s="10"/>
    </row>
    <row r="944179" spans="14:14">
      <c r="N944179" s="10"/>
    </row>
    <row r="944180" spans="14:14">
      <c r="N944180" s="10"/>
    </row>
    <row r="944181" spans="14:14">
      <c r="N944181" s="10"/>
    </row>
    <row r="944182" spans="14:14">
      <c r="N944182" s="10"/>
    </row>
    <row r="944183" spans="14:14">
      <c r="N944183" s="10"/>
    </row>
    <row r="944184" spans="14:14">
      <c r="N944184" s="10"/>
    </row>
    <row r="944185" spans="14:14">
      <c r="N944185" s="10"/>
    </row>
    <row r="944186" spans="14:14">
      <c r="N944186" s="10"/>
    </row>
    <row r="944187" spans="14:14">
      <c r="N944187" s="10"/>
    </row>
    <row r="944188" spans="14:14">
      <c r="N944188" s="10"/>
    </row>
    <row r="944189" spans="14:14">
      <c r="N944189" s="10"/>
    </row>
    <row r="944190" spans="14:14">
      <c r="N944190" s="10"/>
    </row>
    <row r="944191" spans="14:14">
      <c r="N944191" s="10"/>
    </row>
    <row r="944192" spans="14:14">
      <c r="N944192" s="10"/>
    </row>
    <row r="944193" spans="14:14">
      <c r="N944193" s="10"/>
    </row>
    <row r="944194" spans="14:14">
      <c r="N944194" s="10"/>
    </row>
    <row r="944195" spans="14:14">
      <c r="N944195" s="10"/>
    </row>
    <row r="944196" spans="14:14">
      <c r="N944196" s="10"/>
    </row>
    <row r="944197" spans="14:14">
      <c r="N944197" s="10"/>
    </row>
    <row r="944198" spans="14:14">
      <c r="N944198" s="10"/>
    </row>
    <row r="944199" spans="14:14">
      <c r="N944199" s="10"/>
    </row>
    <row r="944200" spans="14:14">
      <c r="N944200" s="10"/>
    </row>
    <row r="944201" spans="14:14">
      <c r="N944201" s="10"/>
    </row>
    <row r="944202" spans="14:14">
      <c r="N944202" s="10"/>
    </row>
    <row r="944203" spans="14:14">
      <c r="N944203" s="10"/>
    </row>
    <row r="944204" spans="14:14">
      <c r="N944204" s="10"/>
    </row>
    <row r="944205" spans="14:14">
      <c r="N944205" s="10"/>
    </row>
    <row r="944206" spans="14:14">
      <c r="N944206" s="10"/>
    </row>
    <row r="944207" spans="14:14">
      <c r="N944207" s="10"/>
    </row>
    <row r="944208" spans="14:14">
      <c r="N944208" s="10"/>
    </row>
    <row r="944209" spans="14:14">
      <c r="N944209" s="10"/>
    </row>
    <row r="944210" spans="14:14">
      <c r="N944210" s="10"/>
    </row>
    <row r="944211" spans="14:14">
      <c r="N944211" s="10"/>
    </row>
    <row r="944212" spans="14:14">
      <c r="N944212" s="10"/>
    </row>
    <row r="944213" spans="14:14">
      <c r="N944213" s="10"/>
    </row>
    <row r="944214" spans="14:14">
      <c r="N944214" s="10"/>
    </row>
    <row r="944215" spans="14:14">
      <c r="N944215" s="10"/>
    </row>
    <row r="944216" spans="14:14">
      <c r="N944216" s="10"/>
    </row>
    <row r="944217" spans="14:14">
      <c r="N944217" s="10"/>
    </row>
    <row r="944218" spans="14:14">
      <c r="N944218" s="10"/>
    </row>
    <row r="944219" spans="14:14">
      <c r="N944219" s="10"/>
    </row>
    <row r="944220" spans="14:14">
      <c r="N944220" s="10"/>
    </row>
    <row r="944221" spans="14:14">
      <c r="N944221" s="10"/>
    </row>
    <row r="944222" spans="14:14">
      <c r="N944222" s="10"/>
    </row>
    <row r="944223" spans="14:14">
      <c r="N944223" s="10"/>
    </row>
    <row r="944224" spans="14:14">
      <c r="N944224" s="10"/>
    </row>
    <row r="944225" spans="14:14">
      <c r="N944225" s="10"/>
    </row>
    <row r="944226" spans="14:14">
      <c r="N944226" s="10"/>
    </row>
    <row r="944227" spans="14:14">
      <c r="N944227" s="10"/>
    </row>
    <row r="944228" spans="14:14">
      <c r="N944228" s="10"/>
    </row>
    <row r="944229" spans="14:14">
      <c r="N944229" s="10"/>
    </row>
    <row r="944230" spans="14:14">
      <c r="N944230" s="10"/>
    </row>
    <row r="944231" spans="14:14">
      <c r="N944231" s="10"/>
    </row>
    <row r="944232" spans="14:14">
      <c r="N944232" s="10"/>
    </row>
    <row r="944233" spans="14:14">
      <c r="N944233" s="10"/>
    </row>
    <row r="944234" spans="14:14">
      <c r="N944234" s="10"/>
    </row>
    <row r="944235" spans="14:14">
      <c r="N944235" s="10"/>
    </row>
    <row r="944236" spans="14:14">
      <c r="N944236" s="10"/>
    </row>
    <row r="944237" spans="14:14">
      <c r="N944237" s="10"/>
    </row>
    <row r="944238" spans="14:14">
      <c r="N944238" s="10"/>
    </row>
    <row r="944239" spans="14:14">
      <c r="N944239" s="10"/>
    </row>
    <row r="944240" spans="14:14">
      <c r="N944240" s="10"/>
    </row>
    <row r="944241" spans="14:14">
      <c r="N944241" s="10"/>
    </row>
    <row r="944242" spans="14:14">
      <c r="N944242" s="10"/>
    </row>
    <row r="944243" spans="14:14">
      <c r="N944243" s="10"/>
    </row>
    <row r="944244" spans="14:14">
      <c r="N944244" s="10"/>
    </row>
    <row r="944245" spans="14:14">
      <c r="N944245" s="10"/>
    </row>
    <row r="944246" spans="14:14">
      <c r="N944246" s="10"/>
    </row>
    <row r="944247" spans="14:14">
      <c r="N944247" s="10"/>
    </row>
    <row r="944248" spans="14:14">
      <c r="N944248" s="10"/>
    </row>
    <row r="944249" spans="14:14">
      <c r="N944249" s="10"/>
    </row>
    <row r="944250" spans="14:14">
      <c r="N944250" s="10"/>
    </row>
    <row r="944251" spans="14:14">
      <c r="N944251" s="10"/>
    </row>
    <row r="944252" spans="14:14">
      <c r="N944252" s="10"/>
    </row>
    <row r="944253" spans="14:14">
      <c r="N944253" s="10"/>
    </row>
    <row r="944254" spans="14:14">
      <c r="N944254" s="10"/>
    </row>
    <row r="944255" spans="14:14">
      <c r="N944255" s="10"/>
    </row>
    <row r="944256" spans="14:14">
      <c r="N944256" s="10"/>
    </row>
    <row r="944257" spans="14:14">
      <c r="N944257" s="10"/>
    </row>
    <row r="944258" spans="14:14">
      <c r="N944258" s="10"/>
    </row>
    <row r="944259" spans="14:14">
      <c r="N944259" s="10"/>
    </row>
    <row r="944260" spans="14:14">
      <c r="N944260" s="10"/>
    </row>
    <row r="944261" spans="14:14">
      <c r="N944261" s="10"/>
    </row>
    <row r="944262" spans="14:14">
      <c r="N944262" s="10"/>
    </row>
    <row r="944263" spans="14:14">
      <c r="N944263" s="10"/>
    </row>
    <row r="944264" spans="14:14">
      <c r="N944264" s="10"/>
    </row>
    <row r="944265" spans="14:14">
      <c r="N944265" s="10"/>
    </row>
    <row r="944266" spans="14:14">
      <c r="N944266" s="10"/>
    </row>
    <row r="944267" spans="14:14">
      <c r="N944267" s="10"/>
    </row>
    <row r="944268" spans="14:14">
      <c r="N944268" s="10"/>
    </row>
    <row r="944269" spans="14:14">
      <c r="N944269" s="10"/>
    </row>
    <row r="944270" spans="14:14">
      <c r="N944270" s="10"/>
    </row>
    <row r="944271" spans="14:14">
      <c r="N944271" s="10"/>
    </row>
    <row r="944272" spans="14:14">
      <c r="N944272" s="10"/>
    </row>
    <row r="944273" spans="14:14">
      <c r="N944273" s="10"/>
    </row>
    <row r="944274" spans="14:14">
      <c r="N944274" s="10"/>
    </row>
    <row r="944275" spans="14:14">
      <c r="N944275" s="10"/>
    </row>
    <row r="944276" spans="14:14">
      <c r="N944276" s="10"/>
    </row>
    <row r="944277" spans="14:14">
      <c r="N944277" s="10"/>
    </row>
    <row r="944278" spans="14:14">
      <c r="N944278" s="10"/>
    </row>
    <row r="944279" spans="14:14">
      <c r="N944279" s="10"/>
    </row>
    <row r="944280" spans="14:14">
      <c r="N944280" s="10"/>
    </row>
    <row r="944281" spans="14:14">
      <c r="N944281" s="10"/>
    </row>
    <row r="944282" spans="14:14">
      <c r="N944282" s="10"/>
    </row>
    <row r="944283" spans="14:14">
      <c r="N944283" s="10"/>
    </row>
    <row r="944284" spans="14:14">
      <c r="N944284" s="10"/>
    </row>
    <row r="944285" spans="14:14">
      <c r="N944285" s="10"/>
    </row>
    <row r="944286" spans="14:14">
      <c r="N944286" s="10"/>
    </row>
    <row r="944287" spans="14:14">
      <c r="N944287" s="10"/>
    </row>
    <row r="944288" spans="14:14">
      <c r="N944288" s="10"/>
    </row>
    <row r="944289" spans="14:14">
      <c r="N944289" s="10"/>
    </row>
    <row r="944290" spans="14:14">
      <c r="N944290" s="10"/>
    </row>
    <row r="944291" spans="14:14">
      <c r="N944291" s="10"/>
    </row>
    <row r="944292" spans="14:14">
      <c r="N944292" s="10"/>
    </row>
    <row r="944293" spans="14:14">
      <c r="N944293" s="10"/>
    </row>
    <row r="944294" spans="14:14">
      <c r="N944294" s="10"/>
    </row>
    <row r="944295" spans="14:14">
      <c r="N944295" s="10"/>
    </row>
    <row r="944296" spans="14:14">
      <c r="N944296" s="10"/>
    </row>
    <row r="944297" spans="14:14">
      <c r="N944297" s="10"/>
    </row>
    <row r="944298" spans="14:14">
      <c r="N944298" s="10"/>
    </row>
    <row r="944299" spans="14:14">
      <c r="N944299" s="10"/>
    </row>
    <row r="944300" spans="14:14">
      <c r="N944300" s="10"/>
    </row>
    <row r="944301" spans="14:14">
      <c r="N944301" s="10"/>
    </row>
    <row r="944302" spans="14:14">
      <c r="N944302" s="10"/>
    </row>
    <row r="944303" spans="14:14">
      <c r="N944303" s="10"/>
    </row>
    <row r="944304" spans="14:14">
      <c r="N944304" s="10"/>
    </row>
    <row r="944305" spans="14:14">
      <c r="N944305" s="10"/>
    </row>
    <row r="944306" spans="14:14">
      <c r="N944306" s="10"/>
    </row>
    <row r="944307" spans="14:14">
      <c r="N944307" s="10"/>
    </row>
    <row r="944308" spans="14:14">
      <c r="N944308" s="10"/>
    </row>
    <row r="944309" spans="14:14">
      <c r="N944309" s="10"/>
    </row>
    <row r="944310" spans="14:14">
      <c r="N944310" s="10"/>
    </row>
    <row r="944311" spans="14:14">
      <c r="N944311" s="10"/>
    </row>
    <row r="944312" spans="14:14">
      <c r="N944312" s="10"/>
    </row>
    <row r="944313" spans="14:14">
      <c r="N944313" s="10"/>
    </row>
    <row r="944314" spans="14:14">
      <c r="N944314" s="10"/>
    </row>
    <row r="944315" spans="14:14">
      <c r="N944315" s="10"/>
    </row>
    <row r="944316" spans="14:14">
      <c r="N944316" s="10"/>
    </row>
    <row r="944317" spans="14:14">
      <c r="N944317" s="10"/>
    </row>
    <row r="944318" spans="14:14">
      <c r="N944318" s="10"/>
    </row>
    <row r="944319" spans="14:14">
      <c r="N944319" s="10"/>
    </row>
    <row r="944320" spans="14:14">
      <c r="N944320" s="10"/>
    </row>
    <row r="944321" spans="14:14">
      <c r="N944321" s="10"/>
    </row>
    <row r="944322" spans="14:14">
      <c r="N944322" s="10"/>
    </row>
    <row r="944323" spans="14:14">
      <c r="N944323" s="10"/>
    </row>
    <row r="944324" spans="14:14">
      <c r="N944324" s="10"/>
    </row>
    <row r="944325" spans="14:14">
      <c r="N944325" s="10"/>
    </row>
    <row r="944326" spans="14:14">
      <c r="N944326" s="10"/>
    </row>
    <row r="944327" spans="14:14">
      <c r="N944327" s="10"/>
    </row>
    <row r="944328" spans="14:14">
      <c r="N944328" s="10"/>
    </row>
    <row r="944329" spans="14:14">
      <c r="N944329" s="10"/>
    </row>
    <row r="944330" spans="14:14">
      <c r="N944330" s="10"/>
    </row>
    <row r="944331" spans="14:14">
      <c r="N944331" s="10"/>
    </row>
    <row r="944332" spans="14:14">
      <c r="N944332" s="10"/>
    </row>
    <row r="944333" spans="14:14">
      <c r="N944333" s="10"/>
    </row>
    <row r="944334" spans="14:14">
      <c r="N944334" s="10"/>
    </row>
    <row r="944335" spans="14:14">
      <c r="N944335" s="10"/>
    </row>
    <row r="944336" spans="14:14">
      <c r="N944336" s="10"/>
    </row>
    <row r="944337" spans="14:14">
      <c r="N944337" s="10"/>
    </row>
    <row r="944338" spans="14:14">
      <c r="N944338" s="10"/>
    </row>
    <row r="944339" spans="14:14">
      <c r="N944339" s="10"/>
    </row>
    <row r="944340" spans="14:14">
      <c r="N944340" s="10"/>
    </row>
    <row r="944341" spans="14:14">
      <c r="N944341" s="10"/>
    </row>
    <row r="944342" spans="14:14">
      <c r="N944342" s="10"/>
    </row>
    <row r="944343" spans="14:14">
      <c r="N944343" s="10"/>
    </row>
    <row r="944344" spans="14:14">
      <c r="N944344" s="10"/>
    </row>
    <row r="944345" spans="14:14">
      <c r="N944345" s="10"/>
    </row>
    <row r="944346" spans="14:14">
      <c r="N944346" s="10"/>
    </row>
    <row r="944347" spans="14:14">
      <c r="N944347" s="10"/>
    </row>
    <row r="944348" spans="14:14">
      <c r="N944348" s="10"/>
    </row>
    <row r="944349" spans="14:14">
      <c r="N944349" s="10"/>
    </row>
    <row r="944350" spans="14:14">
      <c r="N944350" s="10"/>
    </row>
    <row r="944351" spans="14:14">
      <c r="N944351" s="10"/>
    </row>
    <row r="944352" spans="14:14">
      <c r="N944352" s="10"/>
    </row>
    <row r="944353" spans="14:14">
      <c r="N944353" s="10"/>
    </row>
    <row r="944354" spans="14:14">
      <c r="N944354" s="10"/>
    </row>
    <row r="944355" spans="14:14">
      <c r="N944355" s="10"/>
    </row>
    <row r="944356" spans="14:14">
      <c r="N944356" s="10"/>
    </row>
    <row r="944357" spans="14:14">
      <c r="N944357" s="10"/>
    </row>
    <row r="944358" spans="14:14">
      <c r="N944358" s="10"/>
    </row>
    <row r="944359" spans="14:14">
      <c r="N944359" s="10"/>
    </row>
    <row r="944360" spans="14:14">
      <c r="N944360" s="10"/>
    </row>
    <row r="944361" spans="14:14">
      <c r="N944361" s="10"/>
    </row>
    <row r="944362" spans="14:14">
      <c r="N944362" s="10"/>
    </row>
    <row r="944363" spans="14:14">
      <c r="N944363" s="10"/>
    </row>
    <row r="944364" spans="14:14">
      <c r="N944364" s="10"/>
    </row>
    <row r="944365" spans="14:14">
      <c r="N944365" s="10"/>
    </row>
    <row r="944366" spans="14:14">
      <c r="N944366" s="10"/>
    </row>
    <row r="944367" spans="14:14">
      <c r="N944367" s="10"/>
    </row>
    <row r="944368" spans="14:14">
      <c r="N944368" s="10"/>
    </row>
    <row r="944369" spans="14:14">
      <c r="N944369" s="10"/>
    </row>
    <row r="944370" spans="14:14">
      <c r="N944370" s="10"/>
    </row>
    <row r="944371" spans="14:14">
      <c r="N944371" s="10"/>
    </row>
    <row r="944372" spans="14:14">
      <c r="N944372" s="10"/>
    </row>
    <row r="944373" spans="14:14">
      <c r="N944373" s="10"/>
    </row>
    <row r="944374" spans="14:14">
      <c r="N944374" s="10"/>
    </row>
    <row r="944375" spans="14:14">
      <c r="N944375" s="10"/>
    </row>
    <row r="944376" spans="14:14">
      <c r="N944376" s="10"/>
    </row>
    <row r="944377" spans="14:14">
      <c r="N944377" s="10"/>
    </row>
    <row r="944378" spans="14:14">
      <c r="N944378" s="10"/>
    </row>
    <row r="944379" spans="14:14">
      <c r="N944379" s="10"/>
    </row>
    <row r="944380" spans="14:14">
      <c r="N944380" s="10"/>
    </row>
    <row r="944381" spans="14:14">
      <c r="N944381" s="10"/>
    </row>
    <row r="944382" spans="14:14">
      <c r="N944382" s="10"/>
    </row>
    <row r="944383" spans="14:14">
      <c r="N944383" s="10"/>
    </row>
    <row r="944384" spans="14:14">
      <c r="N944384" s="10"/>
    </row>
    <row r="944385" spans="14:14">
      <c r="N944385" s="10"/>
    </row>
    <row r="944386" spans="14:14">
      <c r="N944386" s="10"/>
    </row>
    <row r="944387" spans="14:14">
      <c r="N944387" s="10"/>
    </row>
    <row r="944388" spans="14:14">
      <c r="N944388" s="10"/>
    </row>
    <row r="944389" spans="14:14">
      <c r="N944389" s="10"/>
    </row>
    <row r="944390" spans="14:14">
      <c r="N944390" s="10"/>
    </row>
    <row r="944391" spans="14:14">
      <c r="N944391" s="10"/>
    </row>
    <row r="944392" spans="14:14">
      <c r="N944392" s="10"/>
    </row>
    <row r="944393" spans="14:14">
      <c r="N944393" s="10"/>
    </row>
    <row r="944394" spans="14:14">
      <c r="N944394" s="10"/>
    </row>
    <row r="944395" spans="14:14">
      <c r="N944395" s="10"/>
    </row>
    <row r="944396" spans="14:14">
      <c r="N944396" s="10"/>
    </row>
    <row r="944397" spans="14:14">
      <c r="N944397" s="10"/>
    </row>
    <row r="944398" spans="14:14">
      <c r="N944398" s="10"/>
    </row>
    <row r="944399" spans="14:14">
      <c r="N944399" s="10"/>
    </row>
    <row r="944400" spans="14:14">
      <c r="N944400" s="10"/>
    </row>
    <row r="944401" spans="14:14">
      <c r="N944401" s="10"/>
    </row>
    <row r="944402" spans="14:14">
      <c r="N944402" s="10"/>
    </row>
    <row r="944403" spans="14:14">
      <c r="N944403" s="10"/>
    </row>
    <row r="944404" spans="14:14">
      <c r="N944404" s="10"/>
    </row>
    <row r="944405" spans="14:14">
      <c r="N944405" s="10"/>
    </row>
    <row r="944406" spans="14:14">
      <c r="N944406" s="10"/>
    </row>
    <row r="944407" spans="14:14">
      <c r="N944407" s="10"/>
    </row>
    <row r="944408" spans="14:14">
      <c r="N944408" s="10"/>
    </row>
    <row r="944409" spans="14:14">
      <c r="N944409" s="10"/>
    </row>
    <row r="944410" spans="14:14">
      <c r="N944410" s="10"/>
    </row>
    <row r="944411" spans="14:14">
      <c r="N944411" s="10"/>
    </row>
    <row r="944412" spans="14:14">
      <c r="N944412" s="10"/>
    </row>
    <row r="944413" spans="14:14">
      <c r="N944413" s="10"/>
    </row>
    <row r="944414" spans="14:14">
      <c r="N944414" s="10"/>
    </row>
    <row r="944415" spans="14:14">
      <c r="N944415" s="10"/>
    </row>
    <row r="944416" spans="14:14">
      <c r="N944416" s="10"/>
    </row>
    <row r="944417" spans="14:14">
      <c r="N944417" s="10"/>
    </row>
    <row r="944418" spans="14:14">
      <c r="N944418" s="10"/>
    </row>
    <row r="944419" spans="14:14">
      <c r="N944419" s="10"/>
    </row>
    <row r="944420" spans="14:14">
      <c r="N944420" s="10"/>
    </row>
    <row r="944421" spans="14:14">
      <c r="N944421" s="10"/>
    </row>
    <row r="944422" spans="14:14">
      <c r="N944422" s="10"/>
    </row>
    <row r="944423" spans="14:14">
      <c r="N944423" s="10"/>
    </row>
    <row r="944424" spans="14:14">
      <c r="N944424" s="10"/>
    </row>
    <row r="944425" spans="14:14">
      <c r="N944425" s="10"/>
    </row>
    <row r="944426" spans="14:14">
      <c r="N944426" s="10"/>
    </row>
    <row r="944427" spans="14:14">
      <c r="N944427" s="10"/>
    </row>
    <row r="944428" spans="14:14">
      <c r="N944428" s="10"/>
    </row>
    <row r="944429" spans="14:14">
      <c r="N944429" s="10"/>
    </row>
    <row r="944430" spans="14:14">
      <c r="N944430" s="10"/>
    </row>
    <row r="944431" spans="14:14">
      <c r="N944431" s="10"/>
    </row>
    <row r="944432" spans="14:14">
      <c r="N944432" s="10"/>
    </row>
    <row r="944433" spans="14:14">
      <c r="N944433" s="10"/>
    </row>
    <row r="944434" spans="14:14">
      <c r="N944434" s="10"/>
    </row>
    <row r="944435" spans="14:14">
      <c r="N944435" s="10"/>
    </row>
    <row r="944436" spans="14:14">
      <c r="N944436" s="10"/>
    </row>
    <row r="944437" spans="14:14">
      <c r="N944437" s="10"/>
    </row>
    <row r="944438" spans="14:14">
      <c r="N944438" s="10"/>
    </row>
    <row r="944439" spans="14:14">
      <c r="N944439" s="10"/>
    </row>
    <row r="944440" spans="14:14">
      <c r="N944440" s="10"/>
    </row>
    <row r="944441" spans="14:14">
      <c r="N944441" s="10"/>
    </row>
    <row r="944442" spans="14:14">
      <c r="N944442" s="10"/>
    </row>
    <row r="944443" spans="14:14">
      <c r="N944443" s="10"/>
    </row>
    <row r="944444" spans="14:14">
      <c r="N944444" s="10"/>
    </row>
    <row r="944445" spans="14:14">
      <c r="N944445" s="10"/>
    </row>
    <row r="944446" spans="14:14">
      <c r="N944446" s="10"/>
    </row>
    <row r="944447" spans="14:14">
      <c r="N944447" s="10"/>
    </row>
    <row r="944448" spans="14:14">
      <c r="N944448" s="10"/>
    </row>
    <row r="944449" spans="14:14">
      <c r="N944449" s="10"/>
    </row>
    <row r="944450" spans="14:14">
      <c r="N944450" s="10"/>
    </row>
    <row r="944451" spans="14:14">
      <c r="N944451" s="10"/>
    </row>
    <row r="944452" spans="14:14">
      <c r="N944452" s="10"/>
    </row>
    <row r="944453" spans="14:14">
      <c r="N944453" s="10"/>
    </row>
    <row r="944454" spans="14:14">
      <c r="N944454" s="10"/>
    </row>
    <row r="944455" spans="14:14">
      <c r="N944455" s="10"/>
    </row>
    <row r="944456" spans="14:14">
      <c r="N944456" s="10"/>
    </row>
    <row r="944457" spans="14:14">
      <c r="N944457" s="10"/>
    </row>
    <row r="944458" spans="14:14">
      <c r="N944458" s="10"/>
    </row>
    <row r="944459" spans="14:14">
      <c r="N944459" s="10"/>
    </row>
    <row r="944460" spans="14:14">
      <c r="N944460" s="10"/>
    </row>
    <row r="944461" spans="14:14">
      <c r="N944461" s="10"/>
    </row>
    <row r="944462" spans="14:14">
      <c r="N944462" s="10"/>
    </row>
    <row r="944463" spans="14:14">
      <c r="N944463" s="10"/>
    </row>
    <row r="944464" spans="14:14">
      <c r="N944464" s="10"/>
    </row>
    <row r="944465" spans="14:14">
      <c r="N944465" s="10"/>
    </row>
    <row r="944466" spans="14:14">
      <c r="N944466" s="10"/>
    </row>
    <row r="944467" spans="14:14">
      <c r="N944467" s="10"/>
    </row>
    <row r="944468" spans="14:14">
      <c r="N944468" s="10"/>
    </row>
    <row r="944469" spans="14:14">
      <c r="N944469" s="10"/>
    </row>
    <row r="944470" spans="14:14">
      <c r="N944470" s="10"/>
    </row>
    <row r="944471" spans="14:14">
      <c r="N944471" s="10"/>
    </row>
    <row r="944472" spans="14:14">
      <c r="N944472" s="10"/>
    </row>
    <row r="944473" spans="14:14">
      <c r="N944473" s="10"/>
    </row>
    <row r="944474" spans="14:14">
      <c r="N944474" s="10"/>
    </row>
    <row r="944475" spans="14:14">
      <c r="N944475" s="10"/>
    </row>
    <row r="944476" spans="14:14">
      <c r="N944476" s="10"/>
    </row>
    <row r="944477" spans="14:14">
      <c r="N944477" s="10"/>
    </row>
    <row r="944478" spans="14:14">
      <c r="N944478" s="10"/>
    </row>
    <row r="944479" spans="14:14">
      <c r="N944479" s="10"/>
    </row>
    <row r="944480" spans="14:14">
      <c r="N944480" s="10"/>
    </row>
    <row r="944481" spans="14:14">
      <c r="N944481" s="10"/>
    </row>
    <row r="944482" spans="14:14">
      <c r="N944482" s="10"/>
    </row>
    <row r="944483" spans="14:14">
      <c r="N944483" s="10"/>
    </row>
    <row r="944484" spans="14:14">
      <c r="N944484" s="10"/>
    </row>
    <row r="944485" spans="14:14">
      <c r="N944485" s="10"/>
    </row>
    <row r="944486" spans="14:14">
      <c r="N944486" s="10"/>
    </row>
    <row r="944487" spans="14:14">
      <c r="N944487" s="10"/>
    </row>
    <row r="944488" spans="14:14">
      <c r="N944488" s="10"/>
    </row>
    <row r="944489" spans="14:14">
      <c r="N944489" s="10"/>
    </row>
    <row r="944490" spans="14:14">
      <c r="N944490" s="10"/>
    </row>
    <row r="944491" spans="14:14">
      <c r="N944491" s="10"/>
    </row>
    <row r="944492" spans="14:14">
      <c r="N944492" s="10"/>
    </row>
    <row r="944493" spans="14:14">
      <c r="N944493" s="10"/>
    </row>
    <row r="944494" spans="14:14">
      <c r="N944494" s="10"/>
    </row>
    <row r="944495" spans="14:14">
      <c r="N944495" s="10"/>
    </row>
    <row r="944496" spans="14:14">
      <c r="N944496" s="10"/>
    </row>
    <row r="944497" spans="14:14">
      <c r="N944497" s="10"/>
    </row>
    <row r="944498" spans="14:14">
      <c r="N944498" s="10"/>
    </row>
    <row r="944499" spans="14:14">
      <c r="N944499" s="10"/>
    </row>
    <row r="944500" spans="14:14">
      <c r="N944500" s="10"/>
    </row>
    <row r="944501" spans="14:14">
      <c r="N944501" s="10"/>
    </row>
    <row r="944502" spans="14:14">
      <c r="N944502" s="10"/>
    </row>
    <row r="944503" spans="14:14">
      <c r="N944503" s="10"/>
    </row>
    <row r="944504" spans="14:14">
      <c r="N944504" s="10"/>
    </row>
    <row r="944505" spans="14:14">
      <c r="N944505" s="10"/>
    </row>
    <row r="944506" spans="14:14">
      <c r="N944506" s="10"/>
    </row>
    <row r="944507" spans="14:14">
      <c r="N944507" s="10"/>
    </row>
    <row r="944508" spans="14:14">
      <c r="N944508" s="10"/>
    </row>
    <row r="944509" spans="14:14">
      <c r="N944509" s="10"/>
    </row>
    <row r="944510" spans="14:14">
      <c r="N944510" s="10"/>
    </row>
    <row r="944511" spans="14:14">
      <c r="N944511" s="10"/>
    </row>
    <row r="944512" spans="14:14">
      <c r="N944512" s="10"/>
    </row>
    <row r="944513" spans="14:14">
      <c r="N944513" s="10"/>
    </row>
    <row r="944514" spans="14:14">
      <c r="N944514" s="10"/>
    </row>
    <row r="944515" spans="14:14">
      <c r="N944515" s="10"/>
    </row>
    <row r="944516" spans="14:14">
      <c r="N944516" s="10"/>
    </row>
    <row r="944517" spans="14:14">
      <c r="N944517" s="10"/>
    </row>
    <row r="944518" spans="14:14">
      <c r="N944518" s="10"/>
    </row>
    <row r="944519" spans="14:14">
      <c r="N944519" s="10"/>
    </row>
    <row r="944520" spans="14:14">
      <c r="N944520" s="10"/>
    </row>
    <row r="944521" spans="14:14">
      <c r="N944521" s="10"/>
    </row>
    <row r="944522" spans="14:14">
      <c r="N944522" s="10"/>
    </row>
    <row r="944523" spans="14:14">
      <c r="N944523" s="10"/>
    </row>
    <row r="944524" spans="14:14">
      <c r="N944524" s="10"/>
    </row>
    <row r="944525" spans="14:14">
      <c r="N944525" s="10"/>
    </row>
    <row r="944526" spans="14:14">
      <c r="N944526" s="10"/>
    </row>
    <row r="944527" spans="14:14">
      <c r="N944527" s="10"/>
    </row>
    <row r="944528" spans="14:14">
      <c r="N944528" s="10"/>
    </row>
    <row r="944529" spans="14:14">
      <c r="N944529" s="10"/>
    </row>
    <row r="944530" spans="14:14">
      <c r="N944530" s="10"/>
    </row>
    <row r="944531" spans="14:14">
      <c r="N944531" s="10"/>
    </row>
    <row r="944532" spans="14:14">
      <c r="N944532" s="10"/>
    </row>
    <row r="944533" spans="14:14">
      <c r="N944533" s="10"/>
    </row>
    <row r="944534" spans="14:14">
      <c r="N944534" s="10"/>
    </row>
    <row r="944535" spans="14:14">
      <c r="N944535" s="10"/>
    </row>
    <row r="944536" spans="14:14">
      <c r="N944536" s="10"/>
    </row>
    <row r="944537" spans="14:14">
      <c r="N944537" s="10"/>
    </row>
    <row r="944538" spans="14:14">
      <c r="N944538" s="10"/>
    </row>
    <row r="944539" spans="14:14">
      <c r="N944539" s="10"/>
    </row>
    <row r="944540" spans="14:14">
      <c r="N944540" s="10"/>
    </row>
    <row r="944541" spans="14:14">
      <c r="N944541" s="10"/>
    </row>
    <row r="944542" spans="14:14">
      <c r="N944542" s="10"/>
    </row>
    <row r="944543" spans="14:14">
      <c r="N944543" s="10"/>
    </row>
    <row r="944544" spans="14:14">
      <c r="N944544" s="10"/>
    </row>
    <row r="944545" spans="14:14">
      <c r="N944545" s="10"/>
    </row>
    <row r="944546" spans="14:14">
      <c r="N944546" s="10"/>
    </row>
    <row r="944547" spans="14:14">
      <c r="N944547" s="10"/>
    </row>
    <row r="944548" spans="14:14">
      <c r="N944548" s="10"/>
    </row>
    <row r="944549" spans="14:14">
      <c r="N944549" s="10"/>
    </row>
    <row r="944550" spans="14:14">
      <c r="N944550" s="10"/>
    </row>
    <row r="944551" spans="14:14">
      <c r="N944551" s="10"/>
    </row>
    <row r="944552" spans="14:14">
      <c r="N944552" s="10"/>
    </row>
    <row r="944553" spans="14:14">
      <c r="N944553" s="10"/>
    </row>
    <row r="944554" spans="14:14">
      <c r="N944554" s="10"/>
    </row>
    <row r="944555" spans="14:14">
      <c r="N944555" s="10"/>
    </row>
    <row r="944556" spans="14:14">
      <c r="N944556" s="10"/>
    </row>
    <row r="944557" spans="14:14">
      <c r="N944557" s="10"/>
    </row>
    <row r="944558" spans="14:14">
      <c r="N944558" s="10"/>
    </row>
    <row r="944559" spans="14:14">
      <c r="N944559" s="10"/>
    </row>
    <row r="944560" spans="14:14">
      <c r="N944560" s="10"/>
    </row>
    <row r="944561" spans="14:14">
      <c r="N944561" s="10"/>
    </row>
    <row r="944562" spans="14:14">
      <c r="N944562" s="10"/>
    </row>
    <row r="944563" spans="14:14">
      <c r="N944563" s="10"/>
    </row>
    <row r="944564" spans="14:14">
      <c r="N944564" s="10"/>
    </row>
    <row r="944565" spans="14:14">
      <c r="N944565" s="10"/>
    </row>
    <row r="944566" spans="14:14">
      <c r="N944566" s="10"/>
    </row>
    <row r="944567" spans="14:14">
      <c r="N944567" s="10"/>
    </row>
    <row r="944568" spans="14:14">
      <c r="N944568" s="10"/>
    </row>
    <row r="944569" spans="14:14">
      <c r="N944569" s="10"/>
    </row>
    <row r="944570" spans="14:14">
      <c r="N944570" s="10"/>
    </row>
    <row r="944571" spans="14:14">
      <c r="N944571" s="10"/>
    </row>
    <row r="944572" spans="14:14">
      <c r="N944572" s="10"/>
    </row>
    <row r="944573" spans="14:14">
      <c r="N944573" s="10"/>
    </row>
    <row r="944574" spans="14:14">
      <c r="N944574" s="10"/>
    </row>
    <row r="944575" spans="14:14">
      <c r="N944575" s="10"/>
    </row>
    <row r="944576" spans="14:14">
      <c r="N944576" s="10"/>
    </row>
    <row r="944577" spans="14:14">
      <c r="N944577" s="10"/>
    </row>
    <row r="944578" spans="14:14">
      <c r="N944578" s="10"/>
    </row>
    <row r="944579" spans="14:14">
      <c r="N944579" s="10"/>
    </row>
    <row r="944580" spans="14:14">
      <c r="N944580" s="10"/>
    </row>
    <row r="944581" spans="14:14">
      <c r="N944581" s="10"/>
    </row>
    <row r="944582" spans="14:14">
      <c r="N944582" s="10"/>
    </row>
    <row r="944583" spans="14:14">
      <c r="N944583" s="10"/>
    </row>
    <row r="944584" spans="14:14">
      <c r="N944584" s="10"/>
    </row>
    <row r="944585" spans="14:14">
      <c r="N944585" s="10"/>
    </row>
    <row r="944586" spans="14:14">
      <c r="N944586" s="10"/>
    </row>
    <row r="944587" spans="14:14">
      <c r="N944587" s="10"/>
    </row>
    <row r="944588" spans="14:14">
      <c r="N944588" s="10"/>
    </row>
    <row r="944589" spans="14:14">
      <c r="N944589" s="10"/>
    </row>
    <row r="944590" spans="14:14">
      <c r="N944590" s="10"/>
    </row>
    <row r="944591" spans="14:14">
      <c r="N944591" s="10"/>
    </row>
    <row r="944592" spans="14:14">
      <c r="N944592" s="10"/>
    </row>
    <row r="944593" spans="14:14">
      <c r="N944593" s="10"/>
    </row>
    <row r="944594" spans="14:14">
      <c r="N944594" s="10"/>
    </row>
    <row r="944595" spans="14:14">
      <c r="N944595" s="10"/>
    </row>
    <row r="944596" spans="14:14">
      <c r="N944596" s="10"/>
    </row>
    <row r="944597" spans="14:14">
      <c r="N944597" s="10"/>
    </row>
    <row r="944598" spans="14:14">
      <c r="N944598" s="10"/>
    </row>
    <row r="944599" spans="14:14">
      <c r="N944599" s="10"/>
    </row>
    <row r="944600" spans="14:14">
      <c r="N944600" s="10"/>
    </row>
    <row r="944601" spans="14:14">
      <c r="N944601" s="10"/>
    </row>
    <row r="944602" spans="14:14">
      <c r="N944602" s="10"/>
    </row>
    <row r="944603" spans="14:14">
      <c r="N944603" s="10"/>
    </row>
    <row r="944604" spans="14:14">
      <c r="N944604" s="10"/>
    </row>
    <row r="944605" spans="14:14">
      <c r="N944605" s="10"/>
    </row>
    <row r="944606" spans="14:14">
      <c r="N944606" s="10"/>
    </row>
    <row r="944607" spans="14:14">
      <c r="N944607" s="10"/>
    </row>
    <row r="944608" spans="14:14">
      <c r="N944608" s="10"/>
    </row>
    <row r="944609" spans="14:14">
      <c r="N944609" s="10"/>
    </row>
    <row r="944610" spans="14:14">
      <c r="N944610" s="10"/>
    </row>
    <row r="944611" spans="14:14">
      <c r="N944611" s="10"/>
    </row>
    <row r="944612" spans="14:14">
      <c r="N944612" s="10"/>
    </row>
    <row r="944613" spans="14:14">
      <c r="N944613" s="10"/>
    </row>
    <row r="944614" spans="14:14">
      <c r="N944614" s="10"/>
    </row>
    <row r="944615" spans="14:14">
      <c r="N944615" s="10"/>
    </row>
    <row r="944616" spans="14:14">
      <c r="N944616" s="10"/>
    </row>
    <row r="944617" spans="14:14">
      <c r="N944617" s="10"/>
    </row>
    <row r="944618" spans="14:14">
      <c r="N944618" s="10"/>
    </row>
    <row r="944619" spans="14:14">
      <c r="N944619" s="10"/>
    </row>
    <row r="944620" spans="14:14">
      <c r="N944620" s="10"/>
    </row>
    <row r="944621" spans="14:14">
      <c r="N944621" s="10"/>
    </row>
    <row r="944622" spans="14:14">
      <c r="N944622" s="10"/>
    </row>
    <row r="944623" spans="14:14">
      <c r="N944623" s="10"/>
    </row>
    <row r="944624" spans="14:14">
      <c r="N944624" s="10"/>
    </row>
    <row r="944625" spans="14:14">
      <c r="N944625" s="10"/>
    </row>
    <row r="944626" spans="14:14">
      <c r="N944626" s="10"/>
    </row>
    <row r="944627" spans="14:14">
      <c r="N944627" s="10"/>
    </row>
    <row r="944628" spans="14:14">
      <c r="N944628" s="10"/>
    </row>
    <row r="944629" spans="14:14">
      <c r="N944629" s="10"/>
    </row>
    <row r="944630" spans="14:14">
      <c r="N944630" s="10"/>
    </row>
    <row r="944631" spans="14:14">
      <c r="N944631" s="10"/>
    </row>
    <row r="944632" spans="14:14">
      <c r="N944632" s="10"/>
    </row>
    <row r="944633" spans="14:14">
      <c r="N944633" s="10"/>
    </row>
    <row r="944634" spans="14:14">
      <c r="N944634" s="10"/>
    </row>
    <row r="944635" spans="14:14">
      <c r="N944635" s="10"/>
    </row>
    <row r="944636" spans="14:14">
      <c r="N944636" s="10"/>
    </row>
    <row r="944637" spans="14:14">
      <c r="N944637" s="10"/>
    </row>
    <row r="944638" spans="14:14">
      <c r="N944638" s="10"/>
    </row>
    <row r="944639" spans="14:14">
      <c r="N944639" s="10"/>
    </row>
    <row r="944640" spans="14:14">
      <c r="N944640" s="10"/>
    </row>
    <row r="944641" spans="14:14">
      <c r="N944641" s="10"/>
    </row>
    <row r="944642" spans="14:14">
      <c r="N944642" s="10"/>
    </row>
    <row r="944643" spans="14:14">
      <c r="N944643" s="10"/>
    </row>
    <row r="944644" spans="14:14">
      <c r="N944644" s="10"/>
    </row>
    <row r="944645" spans="14:14">
      <c r="N944645" s="10"/>
    </row>
    <row r="944646" spans="14:14">
      <c r="N944646" s="10"/>
    </row>
    <row r="944647" spans="14:14">
      <c r="N944647" s="10"/>
    </row>
    <row r="944648" spans="14:14">
      <c r="N944648" s="10"/>
    </row>
    <row r="944649" spans="14:14">
      <c r="N944649" s="10"/>
    </row>
    <row r="944650" spans="14:14">
      <c r="N944650" s="10"/>
    </row>
    <row r="944651" spans="14:14">
      <c r="N944651" s="10"/>
    </row>
    <row r="944652" spans="14:14">
      <c r="N944652" s="10"/>
    </row>
    <row r="944653" spans="14:14">
      <c r="N944653" s="10"/>
    </row>
    <row r="944654" spans="14:14">
      <c r="N944654" s="10"/>
    </row>
    <row r="944655" spans="14:14">
      <c r="N944655" s="10"/>
    </row>
    <row r="944656" spans="14:14">
      <c r="N944656" s="10"/>
    </row>
    <row r="944657" spans="14:14">
      <c r="N944657" s="10"/>
    </row>
    <row r="944658" spans="14:14">
      <c r="N944658" s="10"/>
    </row>
    <row r="944659" spans="14:14">
      <c r="N944659" s="10"/>
    </row>
    <row r="944660" spans="14:14">
      <c r="N944660" s="10"/>
    </row>
    <row r="944661" spans="14:14">
      <c r="N944661" s="10"/>
    </row>
    <row r="944662" spans="14:14">
      <c r="N944662" s="10"/>
    </row>
    <row r="944663" spans="14:14">
      <c r="N944663" s="10"/>
    </row>
    <row r="944664" spans="14:14">
      <c r="N944664" s="10"/>
    </row>
    <row r="944665" spans="14:14">
      <c r="N944665" s="10"/>
    </row>
    <row r="944666" spans="14:14">
      <c r="N944666" s="10"/>
    </row>
    <row r="944667" spans="14:14">
      <c r="N944667" s="10"/>
    </row>
    <row r="944668" spans="14:14">
      <c r="N944668" s="10"/>
    </row>
    <row r="944669" spans="14:14">
      <c r="N944669" s="10"/>
    </row>
    <row r="944670" spans="14:14">
      <c r="N944670" s="10"/>
    </row>
    <row r="944671" spans="14:14">
      <c r="N944671" s="10"/>
    </row>
    <row r="944672" spans="14:14">
      <c r="N944672" s="10"/>
    </row>
    <row r="944673" spans="14:14">
      <c r="N944673" s="10"/>
    </row>
    <row r="944674" spans="14:14">
      <c r="N944674" s="10"/>
    </row>
    <row r="944675" spans="14:14">
      <c r="N944675" s="10"/>
    </row>
    <row r="944676" spans="14:14">
      <c r="N944676" s="10"/>
    </row>
    <row r="944677" spans="14:14">
      <c r="N944677" s="10"/>
    </row>
    <row r="944678" spans="14:14">
      <c r="N944678" s="10"/>
    </row>
    <row r="944679" spans="14:14">
      <c r="N944679" s="10"/>
    </row>
    <row r="944680" spans="14:14">
      <c r="N944680" s="10"/>
    </row>
    <row r="944681" spans="14:14">
      <c r="N944681" s="10"/>
    </row>
    <row r="944682" spans="14:14">
      <c r="N944682" s="10"/>
    </row>
    <row r="944683" spans="14:14">
      <c r="N944683" s="10"/>
    </row>
    <row r="944684" spans="14:14">
      <c r="N944684" s="10"/>
    </row>
    <row r="944685" spans="14:14">
      <c r="N944685" s="10"/>
    </row>
    <row r="944686" spans="14:14">
      <c r="N944686" s="10"/>
    </row>
    <row r="944687" spans="14:14">
      <c r="N944687" s="10"/>
    </row>
    <row r="944688" spans="14:14">
      <c r="N944688" s="10"/>
    </row>
    <row r="944689" spans="14:14">
      <c r="N944689" s="10"/>
    </row>
    <row r="944690" spans="14:14">
      <c r="N944690" s="10"/>
    </row>
    <row r="944691" spans="14:14">
      <c r="N944691" s="10"/>
    </row>
    <row r="944692" spans="14:14">
      <c r="N944692" s="10"/>
    </row>
    <row r="944693" spans="14:14">
      <c r="N944693" s="10"/>
    </row>
    <row r="944694" spans="14:14">
      <c r="N944694" s="10"/>
    </row>
    <row r="944695" spans="14:14">
      <c r="N944695" s="10"/>
    </row>
    <row r="944696" spans="14:14">
      <c r="N944696" s="10"/>
    </row>
    <row r="944697" spans="14:14">
      <c r="N944697" s="10"/>
    </row>
    <row r="944698" spans="14:14">
      <c r="N944698" s="10"/>
    </row>
    <row r="944699" spans="14:14">
      <c r="N944699" s="10"/>
    </row>
    <row r="944700" spans="14:14">
      <c r="N944700" s="10"/>
    </row>
    <row r="944701" spans="14:14">
      <c r="N944701" s="10"/>
    </row>
    <row r="944702" spans="14:14">
      <c r="N944702" s="10"/>
    </row>
    <row r="944703" spans="14:14">
      <c r="N944703" s="10"/>
    </row>
    <row r="944704" spans="14:14">
      <c r="N944704" s="10"/>
    </row>
    <row r="944705" spans="14:14">
      <c r="N944705" s="10"/>
    </row>
    <row r="944706" spans="14:14">
      <c r="N944706" s="10"/>
    </row>
    <row r="944707" spans="14:14">
      <c r="N944707" s="10"/>
    </row>
    <row r="944708" spans="14:14">
      <c r="N944708" s="10"/>
    </row>
    <row r="944709" spans="14:14">
      <c r="N944709" s="10"/>
    </row>
    <row r="944710" spans="14:14">
      <c r="N944710" s="10"/>
    </row>
    <row r="944711" spans="14:14">
      <c r="N944711" s="10"/>
    </row>
    <row r="944712" spans="14:14">
      <c r="N944712" s="10"/>
    </row>
    <row r="944713" spans="14:14">
      <c r="N944713" s="10"/>
    </row>
    <row r="944714" spans="14:14">
      <c r="N944714" s="10"/>
    </row>
    <row r="944715" spans="14:14">
      <c r="N944715" s="10"/>
    </row>
    <row r="944716" spans="14:14">
      <c r="N944716" s="10"/>
    </row>
    <row r="944717" spans="14:14">
      <c r="N944717" s="10"/>
    </row>
    <row r="944718" spans="14:14">
      <c r="N944718" s="10"/>
    </row>
    <row r="944719" spans="14:14">
      <c r="N944719" s="10"/>
    </row>
    <row r="944720" spans="14:14">
      <c r="N944720" s="10"/>
    </row>
    <row r="944721" spans="14:14">
      <c r="N944721" s="10"/>
    </row>
    <row r="944722" spans="14:14">
      <c r="N944722" s="10"/>
    </row>
    <row r="944723" spans="14:14">
      <c r="N944723" s="10"/>
    </row>
    <row r="944724" spans="14:14">
      <c r="N944724" s="10"/>
    </row>
    <row r="944725" spans="14:14">
      <c r="N944725" s="10"/>
    </row>
    <row r="944726" spans="14:14">
      <c r="N944726" s="10"/>
    </row>
    <row r="944727" spans="14:14">
      <c r="N944727" s="10"/>
    </row>
    <row r="944728" spans="14:14">
      <c r="N944728" s="10"/>
    </row>
    <row r="944729" spans="14:14">
      <c r="N944729" s="10"/>
    </row>
    <row r="944730" spans="14:14">
      <c r="N944730" s="10"/>
    </row>
    <row r="944731" spans="14:14">
      <c r="N944731" s="10"/>
    </row>
    <row r="944732" spans="14:14">
      <c r="N944732" s="10"/>
    </row>
    <row r="944733" spans="14:14">
      <c r="N944733" s="10"/>
    </row>
    <row r="944734" spans="14:14">
      <c r="N944734" s="10"/>
    </row>
    <row r="944735" spans="14:14">
      <c r="N944735" s="10"/>
    </row>
    <row r="944736" spans="14:14">
      <c r="N944736" s="10"/>
    </row>
    <row r="944737" spans="14:14">
      <c r="N944737" s="10"/>
    </row>
    <row r="944738" spans="14:14">
      <c r="N944738" s="10"/>
    </row>
    <row r="944739" spans="14:14">
      <c r="N944739" s="10"/>
    </row>
    <row r="944740" spans="14:14">
      <c r="N944740" s="10"/>
    </row>
    <row r="944741" spans="14:14">
      <c r="N944741" s="10"/>
    </row>
    <row r="944742" spans="14:14">
      <c r="N944742" s="10"/>
    </row>
    <row r="944743" spans="14:14">
      <c r="N944743" s="10"/>
    </row>
    <row r="944744" spans="14:14">
      <c r="N944744" s="10"/>
    </row>
    <row r="944745" spans="14:14">
      <c r="N944745" s="10"/>
    </row>
    <row r="944746" spans="14:14">
      <c r="N944746" s="10"/>
    </row>
    <row r="944747" spans="14:14">
      <c r="N944747" s="10"/>
    </row>
    <row r="944748" spans="14:14">
      <c r="N944748" s="10"/>
    </row>
    <row r="944749" spans="14:14">
      <c r="N944749" s="10"/>
    </row>
    <row r="944750" spans="14:14">
      <c r="N944750" s="10"/>
    </row>
    <row r="944751" spans="14:14">
      <c r="N944751" s="10"/>
    </row>
    <row r="944752" spans="14:14">
      <c r="N944752" s="10"/>
    </row>
    <row r="944753" spans="14:14">
      <c r="N944753" s="10"/>
    </row>
    <row r="944754" spans="14:14">
      <c r="N944754" s="10"/>
    </row>
    <row r="944755" spans="14:14">
      <c r="N944755" s="10"/>
    </row>
    <row r="944756" spans="14:14">
      <c r="N944756" s="10"/>
    </row>
    <row r="944757" spans="14:14">
      <c r="N944757" s="10"/>
    </row>
    <row r="944758" spans="14:14">
      <c r="N944758" s="10"/>
    </row>
    <row r="944759" spans="14:14">
      <c r="N944759" s="10"/>
    </row>
    <row r="944760" spans="14:14">
      <c r="N944760" s="10"/>
    </row>
    <row r="944761" spans="14:14">
      <c r="N944761" s="10"/>
    </row>
    <row r="944762" spans="14:14">
      <c r="N944762" s="10"/>
    </row>
    <row r="944763" spans="14:14">
      <c r="N944763" s="10"/>
    </row>
    <row r="944764" spans="14:14">
      <c r="N944764" s="10"/>
    </row>
    <row r="944765" spans="14:14">
      <c r="N944765" s="10"/>
    </row>
    <row r="944766" spans="14:14">
      <c r="N944766" s="10"/>
    </row>
    <row r="944767" spans="14:14">
      <c r="N944767" s="10"/>
    </row>
    <row r="944768" spans="14:14">
      <c r="N944768" s="10"/>
    </row>
    <row r="944769" spans="14:14">
      <c r="N944769" s="10"/>
    </row>
    <row r="944770" spans="14:14">
      <c r="N944770" s="10"/>
    </row>
    <row r="944771" spans="14:14">
      <c r="N944771" s="10"/>
    </row>
    <row r="944772" spans="14:14">
      <c r="N944772" s="10"/>
    </row>
    <row r="944773" spans="14:14">
      <c r="N944773" s="10"/>
    </row>
    <row r="944774" spans="14:14">
      <c r="N944774" s="10"/>
    </row>
    <row r="944775" spans="14:14">
      <c r="N944775" s="10"/>
    </row>
    <row r="944776" spans="14:14">
      <c r="N944776" s="10"/>
    </row>
    <row r="944777" spans="14:14">
      <c r="N944777" s="10"/>
    </row>
    <row r="944778" spans="14:14">
      <c r="N944778" s="10"/>
    </row>
    <row r="944779" spans="14:14">
      <c r="N944779" s="10"/>
    </row>
    <row r="944780" spans="14:14">
      <c r="N944780" s="10"/>
    </row>
    <row r="944781" spans="14:14">
      <c r="N944781" s="10"/>
    </row>
    <row r="944782" spans="14:14">
      <c r="N944782" s="10"/>
    </row>
    <row r="944783" spans="14:14">
      <c r="N944783" s="10"/>
    </row>
    <row r="944784" spans="14:14">
      <c r="N944784" s="10"/>
    </row>
    <row r="944785" spans="14:14">
      <c r="N944785" s="10"/>
    </row>
    <row r="944786" spans="14:14">
      <c r="N944786" s="10"/>
    </row>
    <row r="944787" spans="14:14">
      <c r="N944787" s="10"/>
    </row>
    <row r="944788" spans="14:14">
      <c r="N944788" s="10"/>
    </row>
    <row r="944789" spans="14:14">
      <c r="N944789" s="10"/>
    </row>
    <row r="944790" spans="14:14">
      <c r="N944790" s="10"/>
    </row>
    <row r="944791" spans="14:14">
      <c r="N944791" s="10"/>
    </row>
    <row r="944792" spans="14:14">
      <c r="N944792" s="10"/>
    </row>
    <row r="944793" spans="14:14">
      <c r="N944793" s="10"/>
    </row>
    <row r="944794" spans="14:14">
      <c r="N944794" s="10"/>
    </row>
    <row r="944795" spans="14:14">
      <c r="N944795" s="10"/>
    </row>
    <row r="944796" spans="14:14">
      <c r="N944796" s="10"/>
    </row>
    <row r="944797" spans="14:14">
      <c r="N944797" s="10"/>
    </row>
    <row r="944798" spans="14:14">
      <c r="N944798" s="10"/>
    </row>
    <row r="944799" spans="14:14">
      <c r="N944799" s="10"/>
    </row>
    <row r="944800" spans="14:14">
      <c r="N944800" s="10"/>
    </row>
    <row r="944801" spans="14:14">
      <c r="N944801" s="10"/>
    </row>
    <row r="944802" spans="14:14">
      <c r="N944802" s="10"/>
    </row>
    <row r="944803" spans="14:14">
      <c r="N944803" s="10"/>
    </row>
    <row r="944804" spans="14:14">
      <c r="N944804" s="10"/>
    </row>
    <row r="944805" spans="14:14">
      <c r="N944805" s="10"/>
    </row>
    <row r="944806" spans="14:14">
      <c r="N944806" s="10"/>
    </row>
    <row r="944807" spans="14:14">
      <c r="N944807" s="10"/>
    </row>
    <row r="944808" spans="14:14">
      <c r="N944808" s="10"/>
    </row>
    <row r="944809" spans="14:14">
      <c r="N944809" s="10"/>
    </row>
    <row r="944810" spans="14:14">
      <c r="N944810" s="10"/>
    </row>
    <row r="944811" spans="14:14">
      <c r="N944811" s="10"/>
    </row>
    <row r="944812" spans="14:14">
      <c r="N944812" s="10"/>
    </row>
    <row r="944813" spans="14:14">
      <c r="N944813" s="10"/>
    </row>
    <row r="944814" spans="14:14">
      <c r="N944814" s="10"/>
    </row>
    <row r="944815" spans="14:14">
      <c r="N944815" s="10"/>
    </row>
    <row r="944816" spans="14:14">
      <c r="N944816" s="10"/>
    </row>
    <row r="944817" spans="14:14">
      <c r="N944817" s="10"/>
    </row>
    <row r="944818" spans="14:14">
      <c r="N944818" s="10"/>
    </row>
    <row r="944819" spans="14:14">
      <c r="N944819" s="10"/>
    </row>
    <row r="944820" spans="14:14">
      <c r="N944820" s="10"/>
    </row>
    <row r="944821" spans="14:14">
      <c r="N944821" s="10"/>
    </row>
    <row r="944822" spans="14:14">
      <c r="N944822" s="10"/>
    </row>
    <row r="944823" spans="14:14">
      <c r="N944823" s="10"/>
    </row>
    <row r="944824" spans="14:14">
      <c r="N944824" s="10"/>
    </row>
    <row r="944825" spans="14:14">
      <c r="N944825" s="10"/>
    </row>
    <row r="944826" spans="14:14">
      <c r="N944826" s="10"/>
    </row>
    <row r="944827" spans="14:14">
      <c r="N944827" s="10"/>
    </row>
    <row r="944828" spans="14:14">
      <c r="N944828" s="10"/>
    </row>
    <row r="944829" spans="14:14">
      <c r="N944829" s="10"/>
    </row>
    <row r="944830" spans="14:14">
      <c r="N944830" s="10"/>
    </row>
    <row r="944831" spans="14:14">
      <c r="N944831" s="10"/>
    </row>
    <row r="944832" spans="14:14">
      <c r="N944832" s="10"/>
    </row>
    <row r="944833" spans="14:14">
      <c r="N944833" s="10"/>
    </row>
    <row r="944834" spans="14:14">
      <c r="N944834" s="10"/>
    </row>
    <row r="944835" spans="14:14">
      <c r="N944835" s="10"/>
    </row>
    <row r="944836" spans="14:14">
      <c r="N944836" s="10"/>
    </row>
    <row r="944837" spans="14:14">
      <c r="N944837" s="10"/>
    </row>
    <row r="944838" spans="14:14">
      <c r="N944838" s="10"/>
    </row>
    <row r="944839" spans="14:14">
      <c r="N944839" s="10"/>
    </row>
    <row r="944840" spans="14:14">
      <c r="N944840" s="10"/>
    </row>
    <row r="944841" spans="14:14">
      <c r="N944841" s="10"/>
    </row>
    <row r="944842" spans="14:14">
      <c r="N944842" s="10"/>
    </row>
    <row r="944843" spans="14:14">
      <c r="N944843" s="10"/>
    </row>
    <row r="944844" spans="14:14">
      <c r="N944844" s="10"/>
    </row>
    <row r="944845" spans="14:14">
      <c r="N944845" s="10"/>
    </row>
    <row r="944846" spans="14:14">
      <c r="N944846" s="10"/>
    </row>
    <row r="944847" spans="14:14">
      <c r="N944847" s="10"/>
    </row>
    <row r="944848" spans="14:14">
      <c r="N944848" s="10"/>
    </row>
    <row r="944849" spans="14:14">
      <c r="N944849" s="10"/>
    </row>
    <row r="944850" spans="14:14">
      <c r="N944850" s="10"/>
    </row>
    <row r="944851" spans="14:14">
      <c r="N944851" s="10"/>
    </row>
    <row r="944852" spans="14:14">
      <c r="N944852" s="10"/>
    </row>
    <row r="944853" spans="14:14">
      <c r="N944853" s="10"/>
    </row>
    <row r="944854" spans="14:14">
      <c r="N944854" s="10"/>
    </row>
    <row r="944855" spans="14:14">
      <c r="N944855" s="10"/>
    </row>
    <row r="944856" spans="14:14">
      <c r="N944856" s="10"/>
    </row>
    <row r="944857" spans="14:14">
      <c r="N944857" s="10"/>
    </row>
    <row r="944858" spans="14:14">
      <c r="N944858" s="10"/>
    </row>
    <row r="944859" spans="14:14">
      <c r="N944859" s="10"/>
    </row>
    <row r="944860" spans="14:14">
      <c r="N944860" s="10"/>
    </row>
    <row r="944861" spans="14:14">
      <c r="N944861" s="10"/>
    </row>
    <row r="944862" spans="14:14">
      <c r="N944862" s="10"/>
    </row>
    <row r="944863" spans="14:14">
      <c r="N944863" s="10"/>
    </row>
    <row r="944864" spans="14:14">
      <c r="N944864" s="10"/>
    </row>
    <row r="944865" spans="14:14">
      <c r="N944865" s="10"/>
    </row>
    <row r="944866" spans="14:14">
      <c r="N944866" s="10"/>
    </row>
    <row r="944867" spans="14:14">
      <c r="N944867" s="10"/>
    </row>
    <row r="944868" spans="14:14">
      <c r="N944868" s="10"/>
    </row>
    <row r="944869" spans="14:14">
      <c r="N944869" s="10"/>
    </row>
    <row r="944870" spans="14:14">
      <c r="N944870" s="10"/>
    </row>
    <row r="944871" spans="14:14">
      <c r="N944871" s="10"/>
    </row>
    <row r="944872" spans="14:14">
      <c r="N944872" s="10"/>
    </row>
    <row r="944873" spans="14:14">
      <c r="N944873" s="10"/>
    </row>
    <row r="944874" spans="14:14">
      <c r="N944874" s="10"/>
    </row>
    <row r="944875" spans="14:14">
      <c r="N944875" s="10"/>
    </row>
    <row r="944876" spans="14:14">
      <c r="N944876" s="10"/>
    </row>
    <row r="944877" spans="14:14">
      <c r="N944877" s="10"/>
    </row>
    <row r="944878" spans="14:14">
      <c r="N944878" s="10"/>
    </row>
    <row r="944879" spans="14:14">
      <c r="N944879" s="10"/>
    </row>
    <row r="944880" spans="14:14">
      <c r="N944880" s="10"/>
    </row>
    <row r="944881" spans="14:14">
      <c r="N944881" s="10"/>
    </row>
    <row r="944882" spans="14:14">
      <c r="N944882" s="10"/>
    </row>
    <row r="944883" spans="14:14">
      <c r="N944883" s="10"/>
    </row>
    <row r="944884" spans="14:14">
      <c r="N944884" s="10"/>
    </row>
    <row r="944885" spans="14:14">
      <c r="N944885" s="10"/>
    </row>
    <row r="944886" spans="14:14">
      <c r="N944886" s="10"/>
    </row>
    <row r="944887" spans="14:14">
      <c r="N944887" s="10"/>
    </row>
    <row r="944888" spans="14:14">
      <c r="N944888" s="10"/>
    </row>
    <row r="944889" spans="14:14">
      <c r="N944889" s="10"/>
    </row>
    <row r="944890" spans="14:14">
      <c r="N944890" s="10"/>
    </row>
    <row r="944891" spans="14:14">
      <c r="N944891" s="10"/>
    </row>
    <row r="944892" spans="14:14">
      <c r="N944892" s="10"/>
    </row>
    <row r="944893" spans="14:14">
      <c r="N944893" s="10"/>
    </row>
    <row r="944894" spans="14:14">
      <c r="N944894" s="10"/>
    </row>
    <row r="944895" spans="14:14">
      <c r="N944895" s="10"/>
    </row>
    <row r="944896" spans="14:14">
      <c r="N944896" s="10"/>
    </row>
    <row r="944897" spans="14:14">
      <c r="N944897" s="10"/>
    </row>
    <row r="944898" spans="14:14">
      <c r="N944898" s="10"/>
    </row>
    <row r="944899" spans="14:14">
      <c r="N944899" s="10"/>
    </row>
    <row r="944900" spans="14:14">
      <c r="N944900" s="10"/>
    </row>
    <row r="944901" spans="14:14">
      <c r="N944901" s="10"/>
    </row>
    <row r="944902" spans="14:14">
      <c r="N944902" s="10"/>
    </row>
    <row r="944903" spans="14:14">
      <c r="N944903" s="10"/>
    </row>
    <row r="944904" spans="14:14">
      <c r="N944904" s="10"/>
    </row>
    <row r="944905" spans="14:14">
      <c r="N944905" s="10"/>
    </row>
    <row r="944906" spans="14:14">
      <c r="N944906" s="10"/>
    </row>
    <row r="944907" spans="14:14">
      <c r="N944907" s="10"/>
    </row>
    <row r="944908" spans="14:14">
      <c r="N944908" s="10"/>
    </row>
    <row r="944909" spans="14:14">
      <c r="N944909" s="10"/>
    </row>
    <row r="944910" spans="14:14">
      <c r="N944910" s="10"/>
    </row>
    <row r="944911" spans="14:14">
      <c r="N944911" s="10"/>
    </row>
    <row r="944912" spans="14:14">
      <c r="N944912" s="10"/>
    </row>
    <row r="944913" spans="14:14">
      <c r="N944913" s="10"/>
    </row>
    <row r="944914" spans="14:14">
      <c r="N944914" s="10"/>
    </row>
    <row r="944915" spans="14:14">
      <c r="N944915" s="10"/>
    </row>
    <row r="944916" spans="14:14">
      <c r="N944916" s="10"/>
    </row>
    <row r="944917" spans="14:14">
      <c r="N944917" s="10"/>
    </row>
    <row r="944918" spans="14:14">
      <c r="N944918" s="10"/>
    </row>
    <row r="944919" spans="14:14">
      <c r="N944919" s="10"/>
    </row>
    <row r="944920" spans="14:14">
      <c r="N944920" s="10"/>
    </row>
    <row r="944921" spans="14:14">
      <c r="N944921" s="10"/>
    </row>
    <row r="944922" spans="14:14">
      <c r="N944922" s="10"/>
    </row>
    <row r="944923" spans="14:14">
      <c r="N944923" s="10"/>
    </row>
    <row r="944924" spans="14:14">
      <c r="N944924" s="10"/>
    </row>
    <row r="944925" spans="14:14">
      <c r="N944925" s="10"/>
    </row>
    <row r="944926" spans="14:14">
      <c r="N944926" s="10"/>
    </row>
    <row r="944927" spans="14:14">
      <c r="N944927" s="10"/>
    </row>
    <row r="944928" spans="14:14">
      <c r="N944928" s="10"/>
    </row>
    <row r="944929" spans="14:14">
      <c r="N944929" s="10"/>
    </row>
    <row r="944930" spans="14:14">
      <c r="N944930" s="10"/>
    </row>
    <row r="944931" spans="14:14">
      <c r="N944931" s="10"/>
    </row>
    <row r="944932" spans="14:14">
      <c r="N944932" s="10"/>
    </row>
    <row r="944933" spans="14:14">
      <c r="N944933" s="10"/>
    </row>
    <row r="944934" spans="14:14">
      <c r="N944934" s="10"/>
    </row>
    <row r="944935" spans="14:14">
      <c r="N944935" s="10"/>
    </row>
    <row r="944936" spans="14:14">
      <c r="N944936" s="10"/>
    </row>
    <row r="944937" spans="14:14">
      <c r="N944937" s="10"/>
    </row>
    <row r="944938" spans="14:14">
      <c r="N944938" s="10"/>
    </row>
    <row r="944939" spans="14:14">
      <c r="N944939" s="10"/>
    </row>
    <row r="944940" spans="14:14">
      <c r="N944940" s="10"/>
    </row>
    <row r="944941" spans="14:14">
      <c r="N944941" s="10"/>
    </row>
    <row r="944942" spans="14:14">
      <c r="N944942" s="10"/>
    </row>
    <row r="944943" spans="14:14">
      <c r="N944943" s="10"/>
    </row>
    <row r="944944" spans="14:14">
      <c r="N944944" s="10"/>
    </row>
    <row r="944945" spans="14:14">
      <c r="N944945" s="10"/>
    </row>
    <row r="944946" spans="14:14">
      <c r="N944946" s="10"/>
    </row>
    <row r="944947" spans="14:14">
      <c r="N944947" s="10"/>
    </row>
    <row r="944948" spans="14:14">
      <c r="N944948" s="10"/>
    </row>
    <row r="944949" spans="14:14">
      <c r="N944949" s="10"/>
    </row>
    <row r="944950" spans="14:14">
      <c r="N944950" s="10"/>
    </row>
    <row r="944951" spans="14:14">
      <c r="N944951" s="10"/>
    </row>
    <row r="944952" spans="14:14">
      <c r="N944952" s="10"/>
    </row>
    <row r="944953" spans="14:14">
      <c r="N944953" s="10"/>
    </row>
    <row r="944954" spans="14:14">
      <c r="N944954" s="10"/>
    </row>
    <row r="944955" spans="14:14">
      <c r="N944955" s="10"/>
    </row>
    <row r="944956" spans="14:14">
      <c r="N944956" s="10"/>
    </row>
    <row r="944957" spans="14:14">
      <c r="N944957" s="10"/>
    </row>
    <row r="944958" spans="14:14">
      <c r="N944958" s="10"/>
    </row>
    <row r="944959" spans="14:14">
      <c r="N944959" s="10"/>
    </row>
    <row r="944960" spans="14:14">
      <c r="N944960" s="10"/>
    </row>
    <row r="944961" spans="14:14">
      <c r="N944961" s="10"/>
    </row>
    <row r="944962" spans="14:14">
      <c r="N944962" s="10"/>
    </row>
    <row r="944963" spans="14:14">
      <c r="N944963" s="10"/>
    </row>
    <row r="944964" spans="14:14">
      <c r="N944964" s="10"/>
    </row>
    <row r="944965" spans="14:14">
      <c r="N944965" s="10"/>
    </row>
    <row r="944966" spans="14:14">
      <c r="N944966" s="10"/>
    </row>
    <row r="944967" spans="14:14">
      <c r="N944967" s="10"/>
    </row>
    <row r="944968" spans="14:14">
      <c r="N944968" s="10"/>
    </row>
    <row r="944969" spans="14:14">
      <c r="N944969" s="10"/>
    </row>
    <row r="944970" spans="14:14">
      <c r="N944970" s="10"/>
    </row>
    <row r="944971" spans="14:14">
      <c r="N944971" s="10"/>
    </row>
    <row r="944972" spans="14:14">
      <c r="N944972" s="10"/>
    </row>
    <row r="944973" spans="14:14">
      <c r="N944973" s="10"/>
    </row>
    <row r="944974" spans="14:14">
      <c r="N944974" s="10"/>
    </row>
    <row r="944975" spans="14:14">
      <c r="N944975" s="10"/>
    </row>
    <row r="944976" spans="14:14">
      <c r="N944976" s="10"/>
    </row>
    <row r="944977" spans="14:14">
      <c r="N944977" s="10"/>
    </row>
    <row r="944978" spans="14:14">
      <c r="N944978" s="10"/>
    </row>
    <row r="944979" spans="14:14">
      <c r="N944979" s="10"/>
    </row>
    <row r="944980" spans="14:14">
      <c r="N944980" s="10"/>
    </row>
    <row r="944981" spans="14:14">
      <c r="N944981" s="10"/>
    </row>
    <row r="944982" spans="14:14">
      <c r="N944982" s="10"/>
    </row>
    <row r="944983" spans="14:14">
      <c r="N944983" s="10"/>
    </row>
    <row r="944984" spans="14:14">
      <c r="N944984" s="10"/>
    </row>
    <row r="944985" spans="14:14">
      <c r="N944985" s="10"/>
    </row>
    <row r="944986" spans="14:14">
      <c r="N944986" s="10"/>
    </row>
    <row r="944987" spans="14:14">
      <c r="N944987" s="10"/>
    </row>
    <row r="944988" spans="14:14">
      <c r="N944988" s="10"/>
    </row>
    <row r="944989" spans="14:14">
      <c r="N944989" s="10"/>
    </row>
    <row r="944990" spans="14:14">
      <c r="N944990" s="10"/>
    </row>
    <row r="944991" spans="14:14">
      <c r="N944991" s="10"/>
    </row>
    <row r="944992" spans="14:14">
      <c r="N944992" s="10"/>
    </row>
    <row r="944993" spans="14:14">
      <c r="N944993" s="10"/>
    </row>
    <row r="944994" spans="14:14">
      <c r="N944994" s="10"/>
    </row>
    <row r="944995" spans="14:14">
      <c r="N944995" s="10"/>
    </row>
    <row r="944996" spans="14:14">
      <c r="N944996" s="10"/>
    </row>
    <row r="944997" spans="14:14">
      <c r="N944997" s="10"/>
    </row>
    <row r="944998" spans="14:14">
      <c r="N944998" s="10"/>
    </row>
    <row r="944999" spans="14:14">
      <c r="N944999" s="10"/>
    </row>
    <row r="945000" spans="14:14">
      <c r="N945000" s="10"/>
    </row>
    <row r="945001" spans="14:14">
      <c r="N945001" s="10"/>
    </row>
    <row r="945002" spans="14:14">
      <c r="N945002" s="10"/>
    </row>
    <row r="945003" spans="14:14">
      <c r="N945003" s="10"/>
    </row>
    <row r="945004" spans="14:14">
      <c r="N945004" s="10"/>
    </row>
    <row r="945005" spans="14:14">
      <c r="N945005" s="10"/>
    </row>
    <row r="945006" spans="14:14">
      <c r="N945006" s="10"/>
    </row>
    <row r="945007" spans="14:14">
      <c r="N945007" s="10"/>
    </row>
    <row r="945008" spans="14:14">
      <c r="N945008" s="10"/>
    </row>
    <row r="945009" spans="14:14">
      <c r="N945009" s="10"/>
    </row>
    <row r="945010" spans="14:14">
      <c r="N945010" s="10"/>
    </row>
    <row r="945011" spans="14:14">
      <c r="N945011" s="10"/>
    </row>
    <row r="945012" spans="14:14">
      <c r="N945012" s="10"/>
    </row>
    <row r="945013" spans="14:14">
      <c r="N945013" s="10"/>
    </row>
    <row r="945014" spans="14:14">
      <c r="N945014" s="10"/>
    </row>
    <row r="945015" spans="14:14">
      <c r="N945015" s="10"/>
    </row>
    <row r="945016" spans="14:14">
      <c r="N945016" s="10"/>
    </row>
    <row r="945017" spans="14:14">
      <c r="N945017" s="10"/>
    </row>
    <row r="945018" spans="14:14">
      <c r="N945018" s="10"/>
    </row>
    <row r="945019" spans="14:14">
      <c r="N945019" s="10"/>
    </row>
    <row r="945020" spans="14:14">
      <c r="N945020" s="10"/>
    </row>
    <row r="945021" spans="14:14">
      <c r="N945021" s="10"/>
    </row>
    <row r="945022" spans="14:14">
      <c r="N945022" s="10"/>
    </row>
    <row r="945023" spans="14:14">
      <c r="N945023" s="10"/>
    </row>
    <row r="945024" spans="14:14">
      <c r="N945024" s="10"/>
    </row>
    <row r="945025" spans="14:14">
      <c r="N945025" s="10"/>
    </row>
    <row r="945026" spans="14:14">
      <c r="N945026" s="10"/>
    </row>
    <row r="945027" spans="14:14">
      <c r="N945027" s="10"/>
    </row>
    <row r="945028" spans="14:14">
      <c r="N945028" s="10"/>
    </row>
    <row r="945029" spans="14:14">
      <c r="N945029" s="10"/>
    </row>
    <row r="945030" spans="14:14">
      <c r="N945030" s="10"/>
    </row>
    <row r="945031" spans="14:14">
      <c r="N945031" s="10"/>
    </row>
    <row r="945032" spans="14:14">
      <c r="N945032" s="10"/>
    </row>
    <row r="945033" spans="14:14">
      <c r="N945033" s="10"/>
    </row>
    <row r="945034" spans="14:14">
      <c r="N945034" s="10"/>
    </row>
    <row r="945035" spans="14:14">
      <c r="N945035" s="10"/>
    </row>
    <row r="945036" spans="14:14">
      <c r="N945036" s="10"/>
    </row>
    <row r="945037" spans="14:14">
      <c r="N945037" s="10"/>
    </row>
    <row r="945038" spans="14:14">
      <c r="N945038" s="10"/>
    </row>
    <row r="945039" spans="14:14">
      <c r="N945039" s="10"/>
    </row>
    <row r="945040" spans="14:14">
      <c r="N945040" s="10"/>
    </row>
    <row r="945041" spans="14:14">
      <c r="N945041" s="10"/>
    </row>
    <row r="945042" spans="14:14">
      <c r="N945042" s="10"/>
    </row>
    <row r="945043" spans="14:14">
      <c r="N945043" s="10"/>
    </row>
    <row r="945044" spans="14:14">
      <c r="N945044" s="10"/>
    </row>
    <row r="945045" spans="14:14">
      <c r="N945045" s="10"/>
    </row>
    <row r="945046" spans="14:14">
      <c r="N945046" s="10"/>
    </row>
    <row r="945047" spans="14:14">
      <c r="N945047" s="10"/>
    </row>
    <row r="945048" spans="14:14">
      <c r="N945048" s="10"/>
    </row>
    <row r="945049" spans="14:14">
      <c r="N945049" s="10"/>
    </row>
    <row r="945050" spans="14:14">
      <c r="N945050" s="10"/>
    </row>
    <row r="945051" spans="14:14">
      <c r="N945051" s="10"/>
    </row>
    <row r="945052" spans="14:14">
      <c r="N945052" s="10"/>
    </row>
    <row r="945053" spans="14:14">
      <c r="N945053" s="10"/>
    </row>
    <row r="945054" spans="14:14">
      <c r="N945054" s="10"/>
    </row>
    <row r="945055" spans="14:14">
      <c r="N945055" s="10"/>
    </row>
    <row r="945056" spans="14:14">
      <c r="N945056" s="10"/>
    </row>
    <row r="945057" spans="14:14">
      <c r="N945057" s="10"/>
    </row>
    <row r="945058" spans="14:14">
      <c r="N945058" s="10"/>
    </row>
    <row r="945059" spans="14:14">
      <c r="N945059" s="10"/>
    </row>
    <row r="945060" spans="14:14">
      <c r="N945060" s="10"/>
    </row>
    <row r="945061" spans="14:14">
      <c r="N945061" s="10"/>
    </row>
    <row r="945062" spans="14:14">
      <c r="N945062" s="10"/>
    </row>
    <row r="945063" spans="14:14">
      <c r="N945063" s="10"/>
    </row>
    <row r="945064" spans="14:14">
      <c r="N945064" s="10"/>
    </row>
    <row r="945065" spans="14:14">
      <c r="N945065" s="10"/>
    </row>
    <row r="945066" spans="14:14">
      <c r="N945066" s="10"/>
    </row>
    <row r="945067" spans="14:14">
      <c r="N945067" s="10"/>
    </row>
    <row r="945068" spans="14:14">
      <c r="N945068" s="10"/>
    </row>
    <row r="945069" spans="14:14">
      <c r="N945069" s="10"/>
    </row>
    <row r="945070" spans="14:14">
      <c r="N945070" s="10"/>
    </row>
    <row r="945071" spans="14:14">
      <c r="N945071" s="10"/>
    </row>
    <row r="945072" spans="14:14">
      <c r="N945072" s="10"/>
    </row>
    <row r="945073" spans="14:14">
      <c r="N945073" s="10"/>
    </row>
    <row r="945074" spans="14:14">
      <c r="N945074" s="10"/>
    </row>
    <row r="945075" spans="14:14">
      <c r="N945075" s="10"/>
    </row>
    <row r="945076" spans="14:14">
      <c r="N945076" s="10"/>
    </row>
    <row r="945077" spans="14:14">
      <c r="N945077" s="10"/>
    </row>
    <row r="945078" spans="14:14">
      <c r="N945078" s="10"/>
    </row>
    <row r="945079" spans="14:14">
      <c r="N945079" s="10"/>
    </row>
    <row r="945080" spans="14:14">
      <c r="N945080" s="10"/>
    </row>
    <row r="945081" spans="14:14">
      <c r="N945081" s="10"/>
    </row>
    <row r="945082" spans="14:14">
      <c r="N945082" s="10"/>
    </row>
    <row r="945083" spans="14:14">
      <c r="N945083" s="10"/>
    </row>
    <row r="945084" spans="14:14">
      <c r="N945084" s="10"/>
    </row>
    <row r="945085" spans="14:14">
      <c r="N945085" s="10"/>
    </row>
    <row r="945086" spans="14:14">
      <c r="N945086" s="10"/>
    </row>
    <row r="945087" spans="14:14">
      <c r="N945087" s="10"/>
    </row>
    <row r="945088" spans="14:14">
      <c r="N945088" s="10"/>
    </row>
    <row r="945089" spans="14:14">
      <c r="N945089" s="10"/>
    </row>
    <row r="945090" spans="14:14">
      <c r="N945090" s="10"/>
    </row>
    <row r="945091" spans="14:14">
      <c r="N945091" s="10"/>
    </row>
    <row r="945092" spans="14:14">
      <c r="N945092" s="10"/>
    </row>
    <row r="945093" spans="14:14">
      <c r="N945093" s="10"/>
    </row>
    <row r="945094" spans="14:14">
      <c r="N945094" s="10"/>
    </row>
    <row r="945095" spans="14:14">
      <c r="N945095" s="10"/>
    </row>
    <row r="945096" spans="14:14">
      <c r="N945096" s="10"/>
    </row>
    <row r="945097" spans="14:14">
      <c r="N945097" s="10"/>
    </row>
    <row r="945098" spans="14:14">
      <c r="N945098" s="10"/>
    </row>
    <row r="945099" spans="14:14">
      <c r="N945099" s="10"/>
    </row>
    <row r="945100" spans="14:14">
      <c r="N945100" s="10"/>
    </row>
    <row r="945101" spans="14:14">
      <c r="N945101" s="10"/>
    </row>
    <row r="945102" spans="14:14">
      <c r="N945102" s="10"/>
    </row>
    <row r="945103" spans="14:14">
      <c r="N945103" s="10"/>
    </row>
    <row r="945104" spans="14:14">
      <c r="N945104" s="10"/>
    </row>
    <row r="945105" spans="14:14">
      <c r="N945105" s="10"/>
    </row>
    <row r="945106" spans="14:14">
      <c r="N945106" s="10"/>
    </row>
    <row r="945107" spans="14:14">
      <c r="N945107" s="10"/>
    </row>
    <row r="945108" spans="14:14">
      <c r="N945108" s="10"/>
    </row>
    <row r="945109" spans="14:14">
      <c r="N945109" s="10"/>
    </row>
    <row r="945110" spans="14:14">
      <c r="N945110" s="10"/>
    </row>
    <row r="945111" spans="14:14">
      <c r="N945111" s="10"/>
    </row>
    <row r="945112" spans="14:14">
      <c r="N945112" s="10"/>
    </row>
    <row r="945113" spans="14:14">
      <c r="N945113" s="10"/>
    </row>
    <row r="945114" spans="14:14">
      <c r="N945114" s="10"/>
    </row>
    <row r="945115" spans="14:14">
      <c r="N945115" s="10"/>
    </row>
    <row r="945116" spans="14:14">
      <c r="N945116" s="10"/>
    </row>
    <row r="945117" spans="14:14">
      <c r="N945117" s="10"/>
    </row>
    <row r="945118" spans="14:14">
      <c r="N945118" s="10"/>
    </row>
    <row r="945119" spans="14:14">
      <c r="N945119" s="10"/>
    </row>
    <row r="945120" spans="14:14">
      <c r="N945120" s="10"/>
    </row>
    <row r="945121" spans="14:14">
      <c r="N945121" s="10"/>
    </row>
    <row r="945122" spans="14:14">
      <c r="N945122" s="10"/>
    </row>
    <row r="945123" spans="14:14">
      <c r="N945123" s="10"/>
    </row>
    <row r="945124" spans="14:14">
      <c r="N945124" s="10"/>
    </row>
    <row r="945125" spans="14:14">
      <c r="N945125" s="10"/>
    </row>
    <row r="945126" spans="14:14">
      <c r="N945126" s="10"/>
    </row>
    <row r="945127" spans="14:14">
      <c r="N945127" s="10"/>
    </row>
    <row r="945128" spans="14:14">
      <c r="N945128" s="10"/>
    </row>
    <row r="945129" spans="14:14">
      <c r="N945129" s="10"/>
    </row>
    <row r="945130" spans="14:14">
      <c r="N945130" s="10"/>
    </row>
    <row r="945131" spans="14:14">
      <c r="N945131" s="10"/>
    </row>
    <row r="945132" spans="14:14">
      <c r="N945132" s="10"/>
    </row>
    <row r="945133" spans="14:14">
      <c r="N945133" s="10"/>
    </row>
    <row r="945134" spans="14:14">
      <c r="N945134" s="10"/>
    </row>
    <row r="945135" spans="14:14">
      <c r="N945135" s="10"/>
    </row>
    <row r="945136" spans="14:14">
      <c r="N945136" s="10"/>
    </row>
    <row r="945137" spans="14:14">
      <c r="N945137" s="10"/>
    </row>
    <row r="945138" spans="14:14">
      <c r="N945138" s="10"/>
    </row>
    <row r="945139" spans="14:14">
      <c r="N945139" s="10"/>
    </row>
    <row r="945140" spans="14:14">
      <c r="N945140" s="10"/>
    </row>
    <row r="945141" spans="14:14">
      <c r="N945141" s="10"/>
    </row>
    <row r="945142" spans="14:14">
      <c r="N945142" s="10"/>
    </row>
    <row r="945143" spans="14:14">
      <c r="N945143" s="10"/>
    </row>
    <row r="945144" spans="14:14">
      <c r="N945144" s="10"/>
    </row>
    <row r="945145" spans="14:14">
      <c r="N945145" s="10"/>
    </row>
    <row r="945146" spans="14:14">
      <c r="N945146" s="10"/>
    </row>
    <row r="945147" spans="14:14">
      <c r="N945147" s="10"/>
    </row>
    <row r="945148" spans="14:14">
      <c r="N945148" s="10"/>
    </row>
    <row r="945149" spans="14:14">
      <c r="N945149" s="10"/>
    </row>
    <row r="945150" spans="14:14">
      <c r="N945150" s="10"/>
    </row>
    <row r="945151" spans="14:14">
      <c r="N945151" s="10"/>
    </row>
    <row r="945152" spans="14:14">
      <c r="N945152" s="10"/>
    </row>
    <row r="945153" spans="14:14">
      <c r="N945153" s="10"/>
    </row>
    <row r="945154" spans="14:14">
      <c r="N945154" s="10"/>
    </row>
    <row r="945155" spans="14:14">
      <c r="N945155" s="10"/>
    </row>
    <row r="945156" spans="14:14">
      <c r="N945156" s="10"/>
    </row>
    <row r="945157" spans="14:14">
      <c r="N945157" s="10"/>
    </row>
    <row r="945158" spans="14:14">
      <c r="N945158" s="10"/>
    </row>
    <row r="945159" spans="14:14">
      <c r="N945159" s="10"/>
    </row>
    <row r="945160" spans="14:14">
      <c r="N945160" s="10"/>
    </row>
    <row r="945161" spans="14:14">
      <c r="N945161" s="10"/>
    </row>
    <row r="945162" spans="14:14">
      <c r="N945162" s="10"/>
    </row>
    <row r="945163" spans="14:14">
      <c r="N945163" s="10"/>
    </row>
    <row r="945164" spans="14:14">
      <c r="N945164" s="10"/>
    </row>
    <row r="945165" spans="14:14">
      <c r="N945165" s="10"/>
    </row>
    <row r="945166" spans="14:14">
      <c r="N945166" s="10"/>
    </row>
    <row r="945167" spans="14:14">
      <c r="N945167" s="10"/>
    </row>
    <row r="945168" spans="14:14">
      <c r="N945168" s="10"/>
    </row>
    <row r="945169" spans="14:14">
      <c r="N945169" s="10"/>
    </row>
    <row r="945170" spans="14:14">
      <c r="N945170" s="10"/>
    </row>
    <row r="945171" spans="14:14">
      <c r="N945171" s="10"/>
    </row>
    <row r="945172" spans="14:14">
      <c r="N945172" s="10"/>
    </row>
    <row r="945173" spans="14:14">
      <c r="N945173" s="10"/>
    </row>
    <row r="945174" spans="14:14">
      <c r="N945174" s="10"/>
    </row>
    <row r="945175" spans="14:14">
      <c r="N945175" s="10"/>
    </row>
    <row r="945176" spans="14:14">
      <c r="N945176" s="10"/>
    </row>
    <row r="945177" spans="14:14">
      <c r="N945177" s="10"/>
    </row>
    <row r="945178" spans="14:14">
      <c r="N945178" s="10"/>
    </row>
    <row r="945179" spans="14:14">
      <c r="N945179" s="10"/>
    </row>
    <row r="945180" spans="14:14">
      <c r="N945180" s="10"/>
    </row>
    <row r="945181" spans="14:14">
      <c r="N945181" s="10"/>
    </row>
    <row r="945182" spans="14:14">
      <c r="N945182" s="10"/>
    </row>
    <row r="945183" spans="14:14">
      <c r="N945183" s="10"/>
    </row>
    <row r="945184" spans="14:14">
      <c r="N945184" s="10"/>
    </row>
    <row r="945185" spans="14:14">
      <c r="N945185" s="10"/>
    </row>
    <row r="945186" spans="14:14">
      <c r="N945186" s="10"/>
    </row>
    <row r="945187" spans="14:14">
      <c r="N945187" s="10"/>
    </row>
    <row r="945188" spans="14:14">
      <c r="N945188" s="10"/>
    </row>
    <row r="945189" spans="14:14">
      <c r="N945189" s="10"/>
    </row>
    <row r="945190" spans="14:14">
      <c r="N945190" s="10"/>
    </row>
    <row r="945191" spans="14:14">
      <c r="N945191" s="10"/>
    </row>
    <row r="945192" spans="14:14">
      <c r="N945192" s="10"/>
    </row>
    <row r="945193" spans="14:14">
      <c r="N945193" s="10"/>
    </row>
    <row r="945194" spans="14:14">
      <c r="N945194" s="10"/>
    </row>
    <row r="945195" spans="14:14">
      <c r="N945195" s="10"/>
    </row>
    <row r="945196" spans="14:14">
      <c r="N945196" s="10"/>
    </row>
    <row r="945197" spans="14:14">
      <c r="N945197" s="10"/>
    </row>
    <row r="945198" spans="14:14">
      <c r="N945198" s="10"/>
    </row>
    <row r="945199" spans="14:14">
      <c r="N945199" s="10"/>
    </row>
    <row r="945200" spans="14:14">
      <c r="N945200" s="10"/>
    </row>
    <row r="945201" spans="14:14">
      <c r="N945201" s="10"/>
    </row>
    <row r="945202" spans="14:14">
      <c r="N945202" s="10"/>
    </row>
    <row r="945203" spans="14:14">
      <c r="N945203" s="10"/>
    </row>
    <row r="945204" spans="14:14">
      <c r="N945204" s="10"/>
    </row>
    <row r="945205" spans="14:14">
      <c r="N945205" s="10"/>
    </row>
    <row r="945206" spans="14:14">
      <c r="N945206" s="10"/>
    </row>
    <row r="945207" spans="14:14">
      <c r="N945207" s="10"/>
    </row>
    <row r="945208" spans="14:14">
      <c r="N945208" s="10"/>
    </row>
    <row r="945209" spans="14:14">
      <c r="N945209" s="10"/>
    </row>
    <row r="945210" spans="14:14">
      <c r="N945210" s="10"/>
    </row>
    <row r="945211" spans="14:14">
      <c r="N945211" s="10"/>
    </row>
    <row r="945212" spans="14:14">
      <c r="N945212" s="10"/>
    </row>
    <row r="945213" spans="14:14">
      <c r="N945213" s="10"/>
    </row>
    <row r="945214" spans="14:14">
      <c r="N945214" s="10"/>
    </row>
    <row r="945215" spans="14:14">
      <c r="N945215" s="10"/>
    </row>
    <row r="945216" spans="14:14">
      <c r="N945216" s="10"/>
    </row>
    <row r="945217" spans="14:14">
      <c r="N945217" s="10"/>
    </row>
    <row r="945218" spans="14:14">
      <c r="N945218" s="10"/>
    </row>
    <row r="945219" spans="14:14">
      <c r="N945219" s="10"/>
    </row>
    <row r="945220" spans="14:14">
      <c r="N945220" s="10"/>
    </row>
    <row r="945221" spans="14:14">
      <c r="N945221" s="10"/>
    </row>
    <row r="945222" spans="14:14">
      <c r="N945222" s="10"/>
    </row>
    <row r="945223" spans="14:14">
      <c r="N945223" s="10"/>
    </row>
    <row r="945224" spans="14:14">
      <c r="N945224" s="10"/>
    </row>
    <row r="945225" spans="14:14">
      <c r="N945225" s="10"/>
    </row>
    <row r="945226" spans="14:14">
      <c r="N945226" s="10"/>
    </row>
    <row r="945227" spans="14:14">
      <c r="N945227" s="10"/>
    </row>
    <row r="945228" spans="14:14">
      <c r="N945228" s="10"/>
    </row>
    <row r="945229" spans="14:14">
      <c r="N945229" s="10"/>
    </row>
    <row r="945230" spans="14:14">
      <c r="N945230" s="10"/>
    </row>
    <row r="945231" spans="14:14">
      <c r="N945231" s="10"/>
    </row>
    <row r="945232" spans="14:14">
      <c r="N945232" s="10"/>
    </row>
    <row r="945233" spans="14:14">
      <c r="N945233" s="10"/>
    </row>
    <row r="945234" spans="14:14">
      <c r="N945234" s="10"/>
    </row>
    <row r="945235" spans="14:14">
      <c r="N945235" s="10"/>
    </row>
    <row r="945236" spans="14:14">
      <c r="N945236" s="10"/>
    </row>
    <row r="945237" spans="14:14">
      <c r="N945237" s="10"/>
    </row>
    <row r="945238" spans="14:14">
      <c r="N945238" s="10"/>
    </row>
    <row r="945239" spans="14:14">
      <c r="N945239" s="10"/>
    </row>
    <row r="945240" spans="14:14">
      <c r="N945240" s="10"/>
    </row>
    <row r="945241" spans="14:14">
      <c r="N945241" s="10"/>
    </row>
    <row r="945242" spans="14:14">
      <c r="N945242" s="10"/>
    </row>
    <row r="945243" spans="14:14">
      <c r="N945243" s="10"/>
    </row>
    <row r="945244" spans="14:14">
      <c r="N945244" s="10"/>
    </row>
    <row r="945245" spans="14:14">
      <c r="N945245" s="10"/>
    </row>
    <row r="945246" spans="14:14">
      <c r="N945246" s="10"/>
    </row>
    <row r="945247" spans="14:14">
      <c r="N945247" s="10"/>
    </row>
    <row r="945248" spans="14:14">
      <c r="N945248" s="10"/>
    </row>
    <row r="945249" spans="14:14">
      <c r="N945249" s="10"/>
    </row>
    <row r="945250" spans="14:14">
      <c r="N945250" s="10"/>
    </row>
    <row r="945251" spans="14:14">
      <c r="N945251" s="10"/>
    </row>
    <row r="945252" spans="14:14">
      <c r="N945252" s="10"/>
    </row>
    <row r="945253" spans="14:14">
      <c r="N945253" s="10"/>
    </row>
    <row r="945254" spans="14:14">
      <c r="N945254" s="10"/>
    </row>
    <row r="945255" spans="14:14">
      <c r="N945255" s="10"/>
    </row>
    <row r="945256" spans="14:14">
      <c r="N945256" s="10"/>
    </row>
    <row r="945257" spans="14:14">
      <c r="N945257" s="10"/>
    </row>
    <row r="945258" spans="14:14">
      <c r="N945258" s="10"/>
    </row>
    <row r="945259" spans="14:14">
      <c r="N945259" s="10"/>
    </row>
    <row r="945260" spans="14:14">
      <c r="N945260" s="10"/>
    </row>
    <row r="945261" spans="14:14">
      <c r="N945261" s="10"/>
    </row>
    <row r="945262" spans="14:14">
      <c r="N945262" s="10"/>
    </row>
    <row r="945263" spans="14:14">
      <c r="N945263" s="10"/>
    </row>
    <row r="945264" spans="14:14">
      <c r="N945264" s="10"/>
    </row>
    <row r="945265" spans="14:14">
      <c r="N945265" s="10"/>
    </row>
    <row r="945266" spans="14:14">
      <c r="N945266" s="10"/>
    </row>
    <row r="945267" spans="14:14">
      <c r="N945267" s="10"/>
    </row>
    <row r="945268" spans="14:14">
      <c r="N945268" s="10"/>
    </row>
    <row r="945269" spans="14:14">
      <c r="N945269" s="10"/>
    </row>
    <row r="945270" spans="14:14">
      <c r="N945270" s="10"/>
    </row>
    <row r="945271" spans="14:14">
      <c r="N945271" s="10"/>
    </row>
    <row r="945272" spans="14:14">
      <c r="N945272" s="10"/>
    </row>
    <row r="945273" spans="14:14">
      <c r="N945273" s="10"/>
    </row>
    <row r="945274" spans="14:14">
      <c r="N945274" s="10"/>
    </row>
    <row r="945275" spans="14:14">
      <c r="N945275" s="10"/>
    </row>
    <row r="945276" spans="14:14">
      <c r="N945276" s="10"/>
    </row>
    <row r="945277" spans="14:14">
      <c r="N945277" s="10"/>
    </row>
    <row r="945278" spans="14:14">
      <c r="N945278" s="10"/>
    </row>
    <row r="945279" spans="14:14">
      <c r="N945279" s="10"/>
    </row>
    <row r="945280" spans="14:14">
      <c r="N945280" s="10"/>
    </row>
    <row r="945281" spans="14:14">
      <c r="N945281" s="10"/>
    </row>
    <row r="945282" spans="14:14">
      <c r="N945282" s="10"/>
    </row>
    <row r="945283" spans="14:14">
      <c r="N945283" s="10"/>
    </row>
    <row r="945284" spans="14:14">
      <c r="N945284" s="10"/>
    </row>
    <row r="945285" spans="14:14">
      <c r="N945285" s="10"/>
    </row>
    <row r="945286" spans="14:14">
      <c r="N945286" s="10"/>
    </row>
    <row r="945287" spans="14:14">
      <c r="N945287" s="10"/>
    </row>
    <row r="945288" spans="14:14">
      <c r="N945288" s="10"/>
    </row>
    <row r="945289" spans="14:14">
      <c r="N945289" s="10"/>
    </row>
    <row r="945290" spans="14:14">
      <c r="N945290" s="10"/>
    </row>
    <row r="945291" spans="14:14">
      <c r="N945291" s="10"/>
    </row>
    <row r="945292" spans="14:14">
      <c r="N945292" s="10"/>
    </row>
    <row r="945293" spans="14:14">
      <c r="N945293" s="10"/>
    </row>
    <row r="945294" spans="14:14">
      <c r="N945294" s="10"/>
    </row>
    <row r="945295" spans="14:14">
      <c r="N945295" s="10"/>
    </row>
    <row r="945296" spans="14:14">
      <c r="N945296" s="10"/>
    </row>
    <row r="945297" spans="14:14">
      <c r="N945297" s="10"/>
    </row>
    <row r="945298" spans="14:14">
      <c r="N945298" s="10"/>
    </row>
    <row r="945299" spans="14:14">
      <c r="N945299" s="10"/>
    </row>
    <row r="945300" spans="14:14">
      <c r="N945300" s="10"/>
    </row>
    <row r="945301" spans="14:14">
      <c r="N945301" s="10"/>
    </row>
    <row r="945302" spans="14:14">
      <c r="N945302" s="10"/>
    </row>
    <row r="945303" spans="14:14">
      <c r="N945303" s="10"/>
    </row>
    <row r="945304" spans="14:14">
      <c r="N945304" s="10"/>
    </row>
    <row r="945305" spans="14:14">
      <c r="N945305" s="10"/>
    </row>
    <row r="945306" spans="14:14">
      <c r="N945306" s="10"/>
    </row>
    <row r="945307" spans="14:14">
      <c r="N945307" s="10"/>
    </row>
    <row r="945308" spans="14:14">
      <c r="N945308" s="10"/>
    </row>
    <row r="945309" spans="14:14">
      <c r="N945309" s="10"/>
    </row>
    <row r="945310" spans="14:14">
      <c r="N945310" s="10"/>
    </row>
    <row r="945311" spans="14:14">
      <c r="N945311" s="10"/>
    </row>
    <row r="945312" spans="14:14">
      <c r="N945312" s="10"/>
    </row>
    <row r="945313" spans="14:14">
      <c r="N945313" s="10"/>
    </row>
    <row r="945314" spans="14:14">
      <c r="N945314" s="10"/>
    </row>
    <row r="945315" spans="14:14">
      <c r="N945315" s="10"/>
    </row>
    <row r="945316" spans="14:14">
      <c r="N945316" s="10"/>
    </row>
    <row r="945317" spans="14:14">
      <c r="N945317" s="10"/>
    </row>
    <row r="945318" spans="14:14">
      <c r="N945318" s="10"/>
    </row>
    <row r="945319" spans="14:14">
      <c r="N945319" s="10"/>
    </row>
    <row r="945320" spans="14:14">
      <c r="N945320" s="10"/>
    </row>
    <row r="945321" spans="14:14">
      <c r="N945321" s="10"/>
    </row>
    <row r="945322" spans="14:14">
      <c r="N945322" s="10"/>
    </row>
    <row r="945323" spans="14:14">
      <c r="N945323" s="10"/>
    </row>
    <row r="945324" spans="14:14">
      <c r="N945324" s="10"/>
    </row>
    <row r="945325" spans="14:14">
      <c r="N945325" s="10"/>
    </row>
    <row r="945326" spans="14:14">
      <c r="N945326" s="10"/>
    </row>
    <row r="945327" spans="14:14">
      <c r="N945327" s="10"/>
    </row>
    <row r="945328" spans="14:14">
      <c r="N945328" s="10"/>
    </row>
    <row r="945329" spans="14:14">
      <c r="N945329" s="10"/>
    </row>
    <row r="945330" spans="14:14">
      <c r="N945330" s="10"/>
    </row>
    <row r="945331" spans="14:14">
      <c r="N945331" s="10"/>
    </row>
    <row r="945332" spans="14:14">
      <c r="N945332" s="10"/>
    </row>
    <row r="945333" spans="14:14">
      <c r="N945333" s="10"/>
    </row>
    <row r="945334" spans="14:14">
      <c r="N945334" s="10"/>
    </row>
    <row r="945335" spans="14:14">
      <c r="N945335" s="10"/>
    </row>
    <row r="945336" spans="14:14">
      <c r="N945336" s="10"/>
    </row>
    <row r="945337" spans="14:14">
      <c r="N945337" s="10"/>
    </row>
    <row r="945338" spans="14:14">
      <c r="N945338" s="10"/>
    </row>
    <row r="945339" spans="14:14">
      <c r="N945339" s="10"/>
    </row>
    <row r="945340" spans="14:14">
      <c r="N945340" s="10"/>
    </row>
    <row r="945341" spans="14:14">
      <c r="N945341" s="10"/>
    </row>
    <row r="945342" spans="14:14">
      <c r="N945342" s="10"/>
    </row>
    <row r="945343" spans="14:14">
      <c r="N945343" s="10"/>
    </row>
    <row r="945344" spans="14:14">
      <c r="N945344" s="10"/>
    </row>
    <row r="945345" spans="14:14">
      <c r="N945345" s="10"/>
    </row>
    <row r="945346" spans="14:14">
      <c r="N945346" s="10"/>
    </row>
    <row r="945347" spans="14:14">
      <c r="N945347" s="10"/>
    </row>
    <row r="945348" spans="14:14">
      <c r="N945348" s="10"/>
    </row>
    <row r="945349" spans="14:14">
      <c r="N945349" s="10"/>
    </row>
    <row r="945350" spans="14:14">
      <c r="N945350" s="10"/>
    </row>
    <row r="945351" spans="14:14">
      <c r="N945351" s="10"/>
    </row>
    <row r="945352" spans="14:14">
      <c r="N945352" s="10"/>
    </row>
    <row r="945353" spans="14:14">
      <c r="N945353" s="10"/>
    </row>
    <row r="945354" spans="14:14">
      <c r="N945354" s="10"/>
    </row>
    <row r="945355" spans="14:14">
      <c r="N945355" s="10"/>
    </row>
    <row r="945356" spans="14:14">
      <c r="N945356" s="10"/>
    </row>
    <row r="945357" spans="14:14">
      <c r="N945357" s="10"/>
    </row>
    <row r="945358" spans="14:14">
      <c r="N945358" s="10"/>
    </row>
    <row r="945359" spans="14:14">
      <c r="N945359" s="10"/>
    </row>
    <row r="945360" spans="14:14">
      <c r="N945360" s="10"/>
    </row>
    <row r="945361" spans="14:14">
      <c r="N945361" s="10"/>
    </row>
    <row r="945362" spans="14:14">
      <c r="N945362" s="10"/>
    </row>
    <row r="945363" spans="14:14">
      <c r="N945363" s="10"/>
    </row>
    <row r="945364" spans="14:14">
      <c r="N945364" s="10"/>
    </row>
    <row r="945365" spans="14:14">
      <c r="N945365" s="10"/>
    </row>
    <row r="945366" spans="14:14">
      <c r="N945366" s="10"/>
    </row>
    <row r="945367" spans="14:14">
      <c r="N945367" s="10"/>
    </row>
    <row r="945368" spans="14:14">
      <c r="N945368" s="10"/>
    </row>
    <row r="945369" spans="14:14">
      <c r="N945369" s="10"/>
    </row>
    <row r="945370" spans="14:14">
      <c r="N945370" s="10"/>
    </row>
    <row r="945371" spans="14:14">
      <c r="N945371" s="10"/>
    </row>
    <row r="945372" spans="14:14">
      <c r="N945372" s="10"/>
    </row>
    <row r="945373" spans="14:14">
      <c r="N945373" s="10"/>
    </row>
    <row r="945374" spans="14:14">
      <c r="N945374" s="10"/>
    </row>
    <row r="945375" spans="14:14">
      <c r="N945375" s="10"/>
    </row>
    <row r="945376" spans="14:14">
      <c r="N945376" s="10"/>
    </row>
    <row r="945377" spans="14:14">
      <c r="N945377" s="10"/>
    </row>
    <row r="945378" spans="14:14">
      <c r="N945378" s="10"/>
    </row>
    <row r="945379" spans="14:14">
      <c r="N945379" s="10"/>
    </row>
    <row r="945380" spans="14:14">
      <c r="N945380" s="10"/>
    </row>
    <row r="945381" spans="14:14">
      <c r="N945381" s="10"/>
    </row>
    <row r="945382" spans="14:14">
      <c r="N945382" s="10"/>
    </row>
    <row r="945383" spans="14:14">
      <c r="N945383" s="10"/>
    </row>
    <row r="945384" spans="14:14">
      <c r="N945384" s="10"/>
    </row>
    <row r="945385" spans="14:14">
      <c r="N945385" s="10"/>
    </row>
    <row r="945386" spans="14:14">
      <c r="N945386" s="10"/>
    </row>
    <row r="945387" spans="14:14">
      <c r="N945387" s="10"/>
    </row>
    <row r="945388" spans="14:14">
      <c r="N945388" s="10"/>
    </row>
    <row r="945389" spans="14:14">
      <c r="N945389" s="10"/>
    </row>
    <row r="945390" spans="14:14">
      <c r="N945390" s="10"/>
    </row>
    <row r="945391" spans="14:14">
      <c r="N945391" s="10"/>
    </row>
    <row r="945392" spans="14:14">
      <c r="N945392" s="10"/>
    </row>
    <row r="945393" spans="14:14">
      <c r="N945393" s="10"/>
    </row>
    <row r="945394" spans="14:14">
      <c r="N945394" s="10"/>
    </row>
    <row r="945395" spans="14:14">
      <c r="N945395" s="10"/>
    </row>
    <row r="945396" spans="14:14">
      <c r="N945396" s="10"/>
    </row>
    <row r="945397" spans="14:14">
      <c r="N945397" s="10"/>
    </row>
    <row r="945398" spans="14:14">
      <c r="N945398" s="10"/>
    </row>
    <row r="945399" spans="14:14">
      <c r="N945399" s="10"/>
    </row>
    <row r="945400" spans="14:14">
      <c r="N945400" s="10"/>
    </row>
    <row r="945401" spans="14:14">
      <c r="N945401" s="10"/>
    </row>
    <row r="945402" spans="14:14">
      <c r="N945402" s="10"/>
    </row>
    <row r="945403" spans="14:14">
      <c r="N945403" s="10"/>
    </row>
    <row r="945404" spans="14:14">
      <c r="N945404" s="10"/>
    </row>
    <row r="945405" spans="14:14">
      <c r="N945405" s="10"/>
    </row>
    <row r="945406" spans="14:14">
      <c r="N945406" s="10"/>
    </row>
    <row r="945407" spans="14:14">
      <c r="N945407" s="10"/>
    </row>
    <row r="945408" spans="14:14">
      <c r="N945408" s="10"/>
    </row>
    <row r="945409" spans="14:14">
      <c r="N945409" s="10"/>
    </row>
    <row r="945410" spans="14:14">
      <c r="N945410" s="10"/>
    </row>
    <row r="945411" spans="14:14">
      <c r="N945411" s="10"/>
    </row>
    <row r="945412" spans="14:14">
      <c r="N945412" s="10"/>
    </row>
    <row r="945413" spans="14:14">
      <c r="N945413" s="10"/>
    </row>
    <row r="945414" spans="14:14">
      <c r="N945414" s="10"/>
    </row>
    <row r="945415" spans="14:14">
      <c r="N945415" s="10"/>
    </row>
    <row r="945416" spans="14:14">
      <c r="N945416" s="10"/>
    </row>
    <row r="945417" spans="14:14">
      <c r="N945417" s="10"/>
    </row>
    <row r="945418" spans="14:14">
      <c r="N945418" s="10"/>
    </row>
    <row r="945419" spans="14:14">
      <c r="N945419" s="10"/>
    </row>
    <row r="945420" spans="14:14">
      <c r="N945420" s="10"/>
    </row>
    <row r="945421" spans="14:14">
      <c r="N945421" s="10"/>
    </row>
    <row r="945422" spans="14:14">
      <c r="N945422" s="10"/>
    </row>
    <row r="945423" spans="14:14">
      <c r="N945423" s="10"/>
    </row>
    <row r="945424" spans="14:14">
      <c r="N945424" s="10"/>
    </row>
    <row r="945425" spans="14:14">
      <c r="N945425" s="10"/>
    </row>
    <row r="945426" spans="14:14">
      <c r="N945426" s="10"/>
    </row>
    <row r="945427" spans="14:14">
      <c r="N945427" s="10"/>
    </row>
    <row r="945428" spans="14:14">
      <c r="N945428" s="10"/>
    </row>
    <row r="945429" spans="14:14">
      <c r="N945429" s="10"/>
    </row>
    <row r="945430" spans="14:14">
      <c r="N945430" s="10"/>
    </row>
    <row r="945431" spans="14:14">
      <c r="N945431" s="10"/>
    </row>
    <row r="945432" spans="14:14">
      <c r="N945432" s="10"/>
    </row>
    <row r="945433" spans="14:14">
      <c r="N945433" s="10"/>
    </row>
    <row r="945434" spans="14:14">
      <c r="N945434" s="10"/>
    </row>
    <row r="945435" spans="14:14">
      <c r="N945435" s="10"/>
    </row>
    <row r="945436" spans="14:14">
      <c r="N945436" s="10"/>
    </row>
    <row r="945437" spans="14:14">
      <c r="N945437" s="10"/>
    </row>
    <row r="945438" spans="14:14">
      <c r="N945438" s="10"/>
    </row>
    <row r="945439" spans="14:14">
      <c r="N945439" s="10"/>
    </row>
    <row r="945440" spans="14:14">
      <c r="N945440" s="10"/>
    </row>
    <row r="945441" spans="14:14">
      <c r="N945441" s="10"/>
    </row>
    <row r="945442" spans="14:14">
      <c r="N945442" s="10"/>
    </row>
    <row r="945443" spans="14:14">
      <c r="N945443" s="10"/>
    </row>
    <row r="945444" spans="14:14">
      <c r="N945444" s="10"/>
    </row>
    <row r="945445" spans="14:14">
      <c r="N945445" s="10"/>
    </row>
    <row r="945446" spans="14:14">
      <c r="N945446" s="10"/>
    </row>
    <row r="945447" spans="14:14">
      <c r="N945447" s="10"/>
    </row>
    <row r="945448" spans="14:14">
      <c r="N945448" s="10"/>
    </row>
    <row r="945449" spans="14:14">
      <c r="N945449" s="10"/>
    </row>
    <row r="945450" spans="14:14">
      <c r="N945450" s="10"/>
    </row>
    <row r="945451" spans="14:14">
      <c r="N945451" s="10"/>
    </row>
    <row r="945452" spans="14:14">
      <c r="N945452" s="10"/>
    </row>
    <row r="945453" spans="14:14">
      <c r="N945453" s="10"/>
    </row>
    <row r="945454" spans="14:14">
      <c r="N945454" s="10"/>
    </row>
    <row r="945455" spans="14:14">
      <c r="N945455" s="10"/>
    </row>
    <row r="945456" spans="14:14">
      <c r="N945456" s="10"/>
    </row>
    <row r="945457" spans="14:14">
      <c r="N945457" s="10"/>
    </row>
    <row r="945458" spans="14:14">
      <c r="N945458" s="10"/>
    </row>
    <row r="945459" spans="14:14">
      <c r="N945459" s="10"/>
    </row>
    <row r="945460" spans="14:14">
      <c r="N945460" s="10"/>
    </row>
    <row r="945461" spans="14:14">
      <c r="N945461" s="10"/>
    </row>
    <row r="945462" spans="14:14">
      <c r="N945462" s="10"/>
    </row>
    <row r="945463" spans="14:14">
      <c r="N945463" s="10"/>
    </row>
    <row r="945464" spans="14:14">
      <c r="N945464" s="10"/>
    </row>
    <row r="945465" spans="14:14">
      <c r="N945465" s="10"/>
    </row>
    <row r="945466" spans="14:14">
      <c r="N945466" s="10"/>
    </row>
    <row r="945467" spans="14:14">
      <c r="N945467" s="10"/>
    </row>
    <row r="945468" spans="14:14">
      <c r="N945468" s="10"/>
    </row>
    <row r="945469" spans="14:14">
      <c r="N945469" s="10"/>
    </row>
    <row r="945470" spans="14:14">
      <c r="N945470" s="10"/>
    </row>
    <row r="945471" spans="14:14">
      <c r="N945471" s="10"/>
    </row>
    <row r="945472" spans="14:14">
      <c r="N945472" s="10"/>
    </row>
    <row r="945473" spans="14:14">
      <c r="N945473" s="10"/>
    </row>
    <row r="945474" spans="14:14">
      <c r="N945474" s="10"/>
    </row>
    <row r="945475" spans="14:14">
      <c r="N945475" s="10"/>
    </row>
    <row r="945476" spans="14:14">
      <c r="N945476" s="10"/>
    </row>
    <row r="945477" spans="14:14">
      <c r="N945477" s="10"/>
    </row>
    <row r="945478" spans="14:14">
      <c r="N945478" s="10"/>
    </row>
    <row r="945479" spans="14:14">
      <c r="N945479" s="10"/>
    </row>
    <row r="945480" spans="14:14">
      <c r="N945480" s="10"/>
    </row>
    <row r="945481" spans="14:14">
      <c r="N945481" s="10"/>
    </row>
    <row r="945482" spans="14:14">
      <c r="N945482" s="10"/>
    </row>
    <row r="945483" spans="14:14">
      <c r="N945483" s="10"/>
    </row>
    <row r="945484" spans="14:14">
      <c r="N945484" s="10"/>
    </row>
    <row r="945485" spans="14:14">
      <c r="N945485" s="10"/>
    </row>
    <row r="945486" spans="14:14">
      <c r="N945486" s="10"/>
    </row>
    <row r="945487" spans="14:14">
      <c r="N945487" s="10"/>
    </row>
    <row r="945488" spans="14:14">
      <c r="N945488" s="10"/>
    </row>
    <row r="945489" spans="14:14">
      <c r="N945489" s="10"/>
    </row>
    <row r="945490" spans="14:14">
      <c r="N945490" s="10"/>
    </row>
    <row r="945491" spans="14:14">
      <c r="N945491" s="10"/>
    </row>
    <row r="945492" spans="14:14">
      <c r="N945492" s="10"/>
    </row>
    <row r="945493" spans="14:14">
      <c r="N945493" s="10"/>
    </row>
    <row r="945494" spans="14:14">
      <c r="N945494" s="10"/>
    </row>
    <row r="945495" spans="14:14">
      <c r="N945495" s="10"/>
    </row>
    <row r="945496" spans="14:14">
      <c r="N945496" s="10"/>
    </row>
    <row r="945497" spans="14:14">
      <c r="N945497" s="10"/>
    </row>
    <row r="945498" spans="14:14">
      <c r="N945498" s="10"/>
    </row>
    <row r="945499" spans="14:14">
      <c r="N945499" s="10"/>
    </row>
    <row r="945500" spans="14:14">
      <c r="N945500" s="10"/>
    </row>
    <row r="945501" spans="14:14">
      <c r="N945501" s="10"/>
    </row>
    <row r="945502" spans="14:14">
      <c r="N945502" s="10"/>
    </row>
    <row r="945503" spans="14:14">
      <c r="N945503" s="10"/>
    </row>
    <row r="945504" spans="14:14">
      <c r="N945504" s="10"/>
    </row>
    <row r="945505" spans="14:14">
      <c r="N945505" s="10"/>
    </row>
    <row r="945506" spans="14:14">
      <c r="N945506" s="10"/>
    </row>
    <row r="945507" spans="14:14">
      <c r="N945507" s="10"/>
    </row>
    <row r="945508" spans="14:14">
      <c r="N945508" s="10"/>
    </row>
    <row r="945509" spans="14:14">
      <c r="N945509" s="10"/>
    </row>
    <row r="945510" spans="14:14">
      <c r="N945510" s="10"/>
    </row>
    <row r="945511" spans="14:14">
      <c r="N945511" s="10"/>
    </row>
    <row r="945512" spans="14:14">
      <c r="N945512" s="10"/>
    </row>
    <row r="945513" spans="14:14">
      <c r="N945513" s="10"/>
    </row>
    <row r="945514" spans="14:14">
      <c r="N945514" s="10"/>
    </row>
    <row r="945515" spans="14:14">
      <c r="N945515" s="10"/>
    </row>
    <row r="945516" spans="14:14">
      <c r="N945516" s="10"/>
    </row>
    <row r="945517" spans="14:14">
      <c r="N945517" s="10"/>
    </row>
    <row r="945518" spans="14:14">
      <c r="N945518" s="10"/>
    </row>
    <row r="945519" spans="14:14">
      <c r="N945519" s="10"/>
    </row>
    <row r="945520" spans="14:14">
      <c r="N945520" s="10"/>
    </row>
    <row r="945521" spans="14:14">
      <c r="N945521" s="10"/>
    </row>
    <row r="945522" spans="14:14">
      <c r="N945522" s="10"/>
    </row>
    <row r="945523" spans="14:14">
      <c r="N945523" s="10"/>
    </row>
    <row r="945524" spans="14:14">
      <c r="N945524" s="10"/>
    </row>
    <row r="945525" spans="14:14">
      <c r="N945525" s="10"/>
    </row>
    <row r="945526" spans="14:14">
      <c r="N945526" s="10"/>
    </row>
    <row r="945527" spans="14:14">
      <c r="N945527" s="10"/>
    </row>
    <row r="945528" spans="14:14">
      <c r="N945528" s="10"/>
    </row>
    <row r="945529" spans="14:14">
      <c r="N945529" s="10"/>
    </row>
    <row r="945530" spans="14:14">
      <c r="N945530" s="10"/>
    </row>
    <row r="945531" spans="14:14">
      <c r="N945531" s="10"/>
    </row>
    <row r="945532" spans="14:14">
      <c r="N945532" s="10"/>
    </row>
    <row r="945533" spans="14:14">
      <c r="N945533" s="10"/>
    </row>
    <row r="945534" spans="14:14">
      <c r="N945534" s="10"/>
    </row>
    <row r="945535" spans="14:14">
      <c r="N945535" s="10"/>
    </row>
    <row r="945536" spans="14:14">
      <c r="N945536" s="10"/>
    </row>
    <row r="945537" spans="14:14">
      <c r="N945537" s="10"/>
    </row>
    <row r="945538" spans="14:14">
      <c r="N945538" s="10"/>
    </row>
    <row r="945539" spans="14:14">
      <c r="N945539" s="10"/>
    </row>
    <row r="945540" spans="14:14">
      <c r="N945540" s="10"/>
    </row>
    <row r="945541" spans="14:14">
      <c r="N945541" s="10"/>
    </row>
    <row r="945542" spans="14:14">
      <c r="N945542" s="10"/>
    </row>
    <row r="945543" spans="14:14">
      <c r="N945543" s="10"/>
    </row>
    <row r="945544" spans="14:14">
      <c r="N945544" s="10"/>
    </row>
    <row r="945545" spans="14:14">
      <c r="N945545" s="10"/>
    </row>
    <row r="945546" spans="14:14">
      <c r="N945546" s="10"/>
    </row>
    <row r="945547" spans="14:14">
      <c r="N945547" s="10"/>
    </row>
    <row r="945548" spans="14:14">
      <c r="N945548" s="10"/>
    </row>
    <row r="945549" spans="14:14">
      <c r="N945549" s="10"/>
    </row>
    <row r="945550" spans="14:14">
      <c r="N945550" s="10"/>
    </row>
    <row r="945551" spans="14:14">
      <c r="N945551" s="10"/>
    </row>
    <row r="945552" spans="14:14">
      <c r="N945552" s="10"/>
    </row>
    <row r="945553" spans="14:14">
      <c r="N945553" s="10"/>
    </row>
    <row r="945554" spans="14:14">
      <c r="N945554" s="10"/>
    </row>
    <row r="945555" spans="14:14">
      <c r="N945555" s="10"/>
    </row>
    <row r="945556" spans="14:14">
      <c r="N945556" s="10"/>
    </row>
    <row r="945557" spans="14:14">
      <c r="N945557" s="10"/>
    </row>
    <row r="945558" spans="14:14">
      <c r="N945558" s="10"/>
    </row>
    <row r="945559" spans="14:14">
      <c r="N945559" s="10"/>
    </row>
    <row r="945560" spans="14:14">
      <c r="N945560" s="10"/>
    </row>
    <row r="945561" spans="14:14">
      <c r="N945561" s="10"/>
    </row>
    <row r="945562" spans="14:14">
      <c r="N945562" s="10"/>
    </row>
    <row r="945563" spans="14:14">
      <c r="N945563" s="10"/>
    </row>
    <row r="945564" spans="14:14">
      <c r="N945564" s="10"/>
    </row>
    <row r="945565" spans="14:14">
      <c r="N945565" s="10"/>
    </row>
    <row r="945566" spans="14:14">
      <c r="N945566" s="10"/>
    </row>
    <row r="945567" spans="14:14">
      <c r="N945567" s="10"/>
    </row>
    <row r="945568" spans="14:14">
      <c r="N945568" s="10"/>
    </row>
    <row r="945569" spans="14:14">
      <c r="N945569" s="10"/>
    </row>
    <row r="945570" spans="14:14">
      <c r="N945570" s="10"/>
    </row>
    <row r="945571" spans="14:14">
      <c r="N945571" s="10"/>
    </row>
    <row r="945572" spans="14:14">
      <c r="N945572" s="10"/>
    </row>
    <row r="945573" spans="14:14">
      <c r="N945573" s="10"/>
    </row>
    <row r="945574" spans="14:14">
      <c r="N945574" s="10"/>
    </row>
    <row r="945575" spans="14:14">
      <c r="N945575" s="10"/>
    </row>
    <row r="945576" spans="14:14">
      <c r="N945576" s="10"/>
    </row>
    <row r="945577" spans="14:14">
      <c r="N945577" s="10"/>
    </row>
    <row r="945578" spans="14:14">
      <c r="N945578" s="10"/>
    </row>
    <row r="945579" spans="14:14">
      <c r="N945579" s="10"/>
    </row>
    <row r="945580" spans="14:14">
      <c r="N945580" s="10"/>
    </row>
    <row r="945581" spans="14:14">
      <c r="N945581" s="10"/>
    </row>
    <row r="945582" spans="14:14">
      <c r="N945582" s="10"/>
    </row>
    <row r="945583" spans="14:14">
      <c r="N945583" s="10"/>
    </row>
    <row r="945584" spans="14:14">
      <c r="N945584" s="10"/>
    </row>
    <row r="945585" spans="14:14">
      <c r="N945585" s="10"/>
    </row>
    <row r="945586" spans="14:14">
      <c r="N945586" s="10"/>
    </row>
    <row r="945587" spans="14:14">
      <c r="N945587" s="10"/>
    </row>
    <row r="945588" spans="14:14">
      <c r="N945588" s="10"/>
    </row>
    <row r="945589" spans="14:14">
      <c r="N945589" s="10"/>
    </row>
    <row r="945590" spans="14:14">
      <c r="N945590" s="10"/>
    </row>
    <row r="945591" spans="14:14">
      <c r="N945591" s="10"/>
    </row>
    <row r="945592" spans="14:14">
      <c r="N945592" s="10"/>
    </row>
    <row r="945593" spans="14:14">
      <c r="N945593" s="10"/>
    </row>
    <row r="945594" spans="14:14">
      <c r="N945594" s="10"/>
    </row>
    <row r="945595" spans="14:14">
      <c r="N945595" s="10"/>
    </row>
    <row r="945596" spans="14:14">
      <c r="N945596" s="10"/>
    </row>
    <row r="945597" spans="14:14">
      <c r="N945597" s="10"/>
    </row>
    <row r="945598" spans="14:14">
      <c r="N945598" s="10"/>
    </row>
    <row r="945599" spans="14:14">
      <c r="N945599" s="10"/>
    </row>
    <row r="945600" spans="14:14">
      <c r="N945600" s="10"/>
    </row>
    <row r="945601" spans="14:14">
      <c r="N945601" s="10"/>
    </row>
    <row r="945602" spans="14:14">
      <c r="N945602" s="10"/>
    </row>
    <row r="945603" spans="14:14">
      <c r="N945603" s="10"/>
    </row>
    <row r="945604" spans="14:14">
      <c r="N945604" s="10"/>
    </row>
    <row r="945605" spans="14:14">
      <c r="N945605" s="10"/>
    </row>
    <row r="945606" spans="14:14">
      <c r="N945606" s="10"/>
    </row>
    <row r="945607" spans="14:14">
      <c r="N945607" s="10"/>
    </row>
    <row r="945608" spans="14:14">
      <c r="N945608" s="10"/>
    </row>
    <row r="945609" spans="14:14">
      <c r="N945609" s="10"/>
    </row>
    <row r="945610" spans="14:14">
      <c r="N945610" s="10"/>
    </row>
    <row r="945611" spans="14:14">
      <c r="N945611" s="10"/>
    </row>
    <row r="945612" spans="14:14">
      <c r="N945612" s="10"/>
    </row>
    <row r="945613" spans="14:14">
      <c r="N945613" s="10"/>
    </row>
    <row r="945614" spans="14:14">
      <c r="N945614" s="10"/>
    </row>
    <row r="945615" spans="14:14">
      <c r="N945615" s="10"/>
    </row>
    <row r="945616" spans="14:14">
      <c r="N945616" s="10"/>
    </row>
    <row r="945617" spans="14:14">
      <c r="N945617" s="10"/>
    </row>
    <row r="945618" spans="14:14">
      <c r="N945618" s="10"/>
    </row>
    <row r="945619" spans="14:14">
      <c r="N945619" s="10"/>
    </row>
    <row r="945620" spans="14:14">
      <c r="N945620" s="10"/>
    </row>
    <row r="945621" spans="14:14">
      <c r="N945621" s="10"/>
    </row>
    <row r="945622" spans="14:14">
      <c r="N945622" s="10"/>
    </row>
    <row r="945623" spans="14:14">
      <c r="N945623" s="10"/>
    </row>
    <row r="945624" spans="14:14">
      <c r="N945624" s="10"/>
    </row>
    <row r="945625" spans="14:14">
      <c r="N945625" s="10"/>
    </row>
    <row r="945626" spans="14:14">
      <c r="N945626" s="10"/>
    </row>
    <row r="945627" spans="14:14">
      <c r="N945627" s="10"/>
    </row>
    <row r="945628" spans="14:14">
      <c r="N945628" s="10"/>
    </row>
    <row r="945629" spans="14:14">
      <c r="N945629" s="10"/>
    </row>
    <row r="945630" spans="14:14">
      <c r="N945630" s="10"/>
    </row>
    <row r="945631" spans="14:14">
      <c r="N945631" s="10"/>
    </row>
    <row r="945632" spans="14:14">
      <c r="N945632" s="10"/>
    </row>
    <row r="945633" spans="14:14">
      <c r="N945633" s="10"/>
    </row>
    <row r="945634" spans="14:14">
      <c r="N945634" s="10"/>
    </row>
    <row r="945635" spans="14:14">
      <c r="N945635" s="10"/>
    </row>
    <row r="945636" spans="14:14">
      <c r="N945636" s="10"/>
    </row>
    <row r="945637" spans="14:14">
      <c r="N945637" s="10"/>
    </row>
    <row r="945638" spans="14:14">
      <c r="N945638" s="10"/>
    </row>
    <row r="945639" spans="14:14">
      <c r="N945639" s="10"/>
    </row>
    <row r="945640" spans="14:14">
      <c r="N945640" s="10"/>
    </row>
    <row r="945641" spans="14:14">
      <c r="N945641" s="10"/>
    </row>
    <row r="945642" spans="14:14">
      <c r="N945642" s="10"/>
    </row>
    <row r="945643" spans="14:14">
      <c r="N945643" s="10"/>
    </row>
    <row r="945644" spans="14:14">
      <c r="N945644" s="10"/>
    </row>
    <row r="945645" spans="14:14">
      <c r="N945645" s="10"/>
    </row>
    <row r="945646" spans="14:14">
      <c r="N945646" s="10"/>
    </row>
    <row r="945647" spans="14:14">
      <c r="N945647" s="10"/>
    </row>
    <row r="945648" spans="14:14">
      <c r="N945648" s="10"/>
    </row>
    <row r="945649" spans="14:14">
      <c r="N945649" s="10"/>
    </row>
    <row r="945650" spans="14:14">
      <c r="N945650" s="10"/>
    </row>
    <row r="945651" spans="14:14">
      <c r="N945651" s="10"/>
    </row>
    <row r="945652" spans="14:14">
      <c r="N945652" s="10"/>
    </row>
    <row r="945653" spans="14:14">
      <c r="N945653" s="10"/>
    </row>
    <row r="945654" spans="14:14">
      <c r="N945654" s="10"/>
    </row>
    <row r="945655" spans="14:14">
      <c r="N945655" s="10"/>
    </row>
    <row r="945656" spans="14:14">
      <c r="N945656" s="10"/>
    </row>
    <row r="945657" spans="14:14">
      <c r="N945657" s="10"/>
    </row>
    <row r="945658" spans="14:14">
      <c r="N945658" s="10"/>
    </row>
    <row r="945659" spans="14:14">
      <c r="N945659" s="10"/>
    </row>
    <row r="945660" spans="14:14">
      <c r="N945660" s="10"/>
    </row>
    <row r="945661" spans="14:14">
      <c r="N945661" s="10"/>
    </row>
    <row r="945662" spans="14:14">
      <c r="N945662" s="10"/>
    </row>
    <row r="945663" spans="14:14">
      <c r="N945663" s="10"/>
    </row>
    <row r="945664" spans="14:14">
      <c r="N945664" s="10"/>
    </row>
    <row r="945665" spans="14:14">
      <c r="N945665" s="10"/>
    </row>
    <row r="945666" spans="14:14">
      <c r="N945666" s="10"/>
    </row>
    <row r="945667" spans="14:14">
      <c r="N945667" s="10"/>
    </row>
    <row r="945668" spans="14:14">
      <c r="N945668" s="10"/>
    </row>
    <row r="945669" spans="14:14">
      <c r="N945669" s="10"/>
    </row>
    <row r="945670" spans="14:14">
      <c r="N945670" s="10"/>
    </row>
    <row r="945671" spans="14:14">
      <c r="N945671" s="10"/>
    </row>
    <row r="945672" spans="14:14">
      <c r="N945672" s="10"/>
    </row>
    <row r="945673" spans="14:14">
      <c r="N945673" s="10"/>
    </row>
    <row r="945674" spans="14:14">
      <c r="N945674" s="10"/>
    </row>
    <row r="945675" spans="14:14">
      <c r="N945675" s="10"/>
    </row>
    <row r="945676" spans="14:14">
      <c r="N945676" s="10"/>
    </row>
    <row r="945677" spans="14:14">
      <c r="N945677" s="10"/>
    </row>
    <row r="945678" spans="14:14">
      <c r="N945678" s="10"/>
    </row>
    <row r="945679" spans="14:14">
      <c r="N945679" s="10"/>
    </row>
    <row r="945680" spans="14:14">
      <c r="N945680" s="10"/>
    </row>
    <row r="945681" spans="14:14">
      <c r="N945681" s="10"/>
    </row>
    <row r="945682" spans="14:14">
      <c r="N945682" s="10"/>
    </row>
    <row r="945683" spans="14:14">
      <c r="N945683" s="10"/>
    </row>
    <row r="945684" spans="14:14">
      <c r="N945684" s="10"/>
    </row>
    <row r="945685" spans="14:14">
      <c r="N945685" s="10"/>
    </row>
    <row r="945686" spans="14:14">
      <c r="N945686" s="10"/>
    </row>
    <row r="945687" spans="14:14">
      <c r="N945687" s="10"/>
    </row>
    <row r="945688" spans="14:14">
      <c r="N945688" s="10"/>
    </row>
    <row r="945689" spans="14:14">
      <c r="N945689" s="10"/>
    </row>
    <row r="945690" spans="14:14">
      <c r="N945690" s="10"/>
    </row>
    <row r="945691" spans="14:14">
      <c r="N945691" s="10"/>
    </row>
    <row r="945692" spans="14:14">
      <c r="N945692" s="10"/>
    </row>
    <row r="945693" spans="14:14">
      <c r="N945693" s="10"/>
    </row>
    <row r="945694" spans="14:14">
      <c r="N945694" s="10"/>
    </row>
    <row r="945695" spans="14:14">
      <c r="N945695" s="10"/>
    </row>
    <row r="945696" spans="14:14">
      <c r="N945696" s="10"/>
    </row>
    <row r="945697" spans="14:14">
      <c r="N945697" s="10"/>
    </row>
    <row r="945698" spans="14:14">
      <c r="N945698" s="10"/>
    </row>
    <row r="945699" spans="14:14">
      <c r="N945699" s="10"/>
    </row>
    <row r="945700" spans="14:14">
      <c r="N945700" s="10"/>
    </row>
    <row r="945701" spans="14:14">
      <c r="N945701" s="10"/>
    </row>
    <row r="945702" spans="14:14">
      <c r="N945702" s="10"/>
    </row>
    <row r="945703" spans="14:14">
      <c r="N945703" s="10"/>
    </row>
    <row r="945704" spans="14:14">
      <c r="N945704" s="10"/>
    </row>
    <row r="945705" spans="14:14">
      <c r="N945705" s="10"/>
    </row>
    <row r="945706" spans="14:14">
      <c r="N945706" s="10"/>
    </row>
    <row r="945707" spans="14:14">
      <c r="N945707" s="10"/>
    </row>
    <row r="945708" spans="14:14">
      <c r="N945708" s="10"/>
    </row>
    <row r="945709" spans="14:14">
      <c r="N945709" s="10"/>
    </row>
    <row r="945710" spans="14:14">
      <c r="N945710" s="10"/>
    </row>
    <row r="945711" spans="14:14">
      <c r="N945711" s="10"/>
    </row>
    <row r="945712" spans="14:14">
      <c r="N945712" s="10"/>
    </row>
    <row r="945713" spans="14:14">
      <c r="N945713" s="10"/>
    </row>
    <row r="945714" spans="14:14">
      <c r="N945714" s="10"/>
    </row>
    <row r="945715" spans="14:14">
      <c r="N945715" s="10"/>
    </row>
    <row r="945716" spans="14:14">
      <c r="N945716" s="10"/>
    </row>
    <row r="945717" spans="14:14">
      <c r="N945717" s="10"/>
    </row>
    <row r="945718" spans="14:14">
      <c r="N945718" s="10"/>
    </row>
    <row r="945719" spans="14:14">
      <c r="N945719" s="10"/>
    </row>
    <row r="945720" spans="14:14">
      <c r="N945720" s="10"/>
    </row>
    <row r="945721" spans="14:14">
      <c r="N945721" s="10"/>
    </row>
    <row r="945722" spans="14:14">
      <c r="N945722" s="10"/>
    </row>
    <row r="945723" spans="14:14">
      <c r="N945723" s="10"/>
    </row>
    <row r="945724" spans="14:14">
      <c r="N945724" s="10"/>
    </row>
    <row r="945725" spans="14:14">
      <c r="N945725" s="10"/>
    </row>
    <row r="945726" spans="14:14">
      <c r="N945726" s="10"/>
    </row>
    <row r="945727" spans="14:14">
      <c r="N945727" s="10"/>
    </row>
    <row r="945728" spans="14:14">
      <c r="N945728" s="10"/>
    </row>
    <row r="945729" spans="14:14">
      <c r="N945729" s="10"/>
    </row>
    <row r="945730" spans="14:14">
      <c r="N945730" s="10"/>
    </row>
    <row r="945731" spans="14:14">
      <c r="N945731" s="10"/>
    </row>
    <row r="945732" spans="14:14">
      <c r="N945732" s="10"/>
    </row>
    <row r="945733" spans="14:14">
      <c r="N945733" s="10"/>
    </row>
    <row r="945734" spans="14:14">
      <c r="N945734" s="10"/>
    </row>
    <row r="945735" spans="14:14">
      <c r="N945735" s="10"/>
    </row>
    <row r="945736" spans="14:14">
      <c r="N945736" s="10"/>
    </row>
    <row r="945737" spans="14:14">
      <c r="N945737" s="10"/>
    </row>
    <row r="945738" spans="14:14">
      <c r="N945738" s="10"/>
    </row>
    <row r="945739" spans="14:14">
      <c r="N945739" s="10"/>
    </row>
    <row r="945740" spans="14:14">
      <c r="N945740" s="10"/>
    </row>
    <row r="945741" spans="14:14">
      <c r="N945741" s="10"/>
    </row>
    <row r="945742" spans="14:14">
      <c r="N945742" s="10"/>
    </row>
    <row r="945743" spans="14:14">
      <c r="N945743" s="10"/>
    </row>
    <row r="945744" spans="14:14">
      <c r="N945744" s="10"/>
    </row>
    <row r="945745" spans="14:14">
      <c r="N945745" s="10"/>
    </row>
    <row r="945746" spans="14:14">
      <c r="N945746" s="10"/>
    </row>
    <row r="945747" spans="14:14">
      <c r="N945747" s="10"/>
    </row>
    <row r="945748" spans="14:14">
      <c r="N945748" s="10"/>
    </row>
    <row r="945749" spans="14:14">
      <c r="N945749" s="10"/>
    </row>
    <row r="945750" spans="14:14">
      <c r="N945750" s="10"/>
    </row>
    <row r="945751" spans="14:14">
      <c r="N945751" s="10"/>
    </row>
    <row r="945752" spans="14:14">
      <c r="N945752" s="10"/>
    </row>
    <row r="945753" spans="14:14">
      <c r="N945753" s="10"/>
    </row>
    <row r="945754" spans="14:14">
      <c r="N945754" s="10"/>
    </row>
    <row r="945755" spans="14:14">
      <c r="N945755" s="10"/>
    </row>
    <row r="945756" spans="14:14">
      <c r="N945756" s="10"/>
    </row>
    <row r="945757" spans="14:14">
      <c r="N945757" s="10"/>
    </row>
    <row r="945758" spans="14:14">
      <c r="N945758" s="10"/>
    </row>
    <row r="945759" spans="14:14">
      <c r="N945759" s="10"/>
    </row>
    <row r="945760" spans="14:14">
      <c r="N945760" s="10"/>
    </row>
    <row r="945761" spans="14:14">
      <c r="N945761" s="10"/>
    </row>
    <row r="945762" spans="14:14">
      <c r="N945762" s="10"/>
    </row>
    <row r="945763" spans="14:14">
      <c r="N945763" s="10"/>
    </row>
    <row r="945764" spans="14:14">
      <c r="N945764" s="10"/>
    </row>
    <row r="945765" spans="14:14">
      <c r="N945765" s="10"/>
    </row>
    <row r="945766" spans="14:14">
      <c r="N945766" s="10"/>
    </row>
    <row r="945767" spans="14:14">
      <c r="N945767" s="10"/>
    </row>
    <row r="945768" spans="14:14">
      <c r="N945768" s="10"/>
    </row>
    <row r="945769" spans="14:14">
      <c r="N945769" s="10"/>
    </row>
    <row r="945770" spans="14:14">
      <c r="N945770" s="10"/>
    </row>
    <row r="945771" spans="14:14">
      <c r="N945771" s="10"/>
    </row>
    <row r="945772" spans="14:14">
      <c r="N945772" s="10"/>
    </row>
    <row r="945773" spans="14:14">
      <c r="N945773" s="10"/>
    </row>
    <row r="945774" spans="14:14">
      <c r="N945774" s="10"/>
    </row>
    <row r="945775" spans="14:14">
      <c r="N945775" s="10"/>
    </row>
    <row r="945776" spans="14:14">
      <c r="N945776" s="10"/>
    </row>
    <row r="945777" spans="14:14">
      <c r="N945777" s="10"/>
    </row>
    <row r="945778" spans="14:14">
      <c r="N945778" s="10"/>
    </row>
    <row r="945779" spans="14:14">
      <c r="N945779" s="10"/>
    </row>
    <row r="945780" spans="14:14">
      <c r="N945780" s="10"/>
    </row>
    <row r="945781" spans="14:14">
      <c r="N945781" s="10"/>
    </row>
    <row r="945782" spans="14:14">
      <c r="N945782" s="10"/>
    </row>
    <row r="945783" spans="14:14">
      <c r="N945783" s="10"/>
    </row>
    <row r="945784" spans="14:14">
      <c r="N945784" s="10"/>
    </row>
    <row r="945785" spans="14:14">
      <c r="N945785" s="10"/>
    </row>
    <row r="945786" spans="14:14">
      <c r="N945786" s="10"/>
    </row>
    <row r="945787" spans="14:14">
      <c r="N945787" s="10"/>
    </row>
    <row r="945788" spans="14:14">
      <c r="N945788" s="10"/>
    </row>
    <row r="945789" spans="14:14">
      <c r="N945789" s="10"/>
    </row>
    <row r="945790" spans="14:14">
      <c r="N945790" s="10"/>
    </row>
    <row r="945791" spans="14:14">
      <c r="N945791" s="10"/>
    </row>
    <row r="945792" spans="14:14">
      <c r="N945792" s="10"/>
    </row>
    <row r="945793" spans="14:14">
      <c r="N945793" s="10"/>
    </row>
    <row r="945794" spans="14:14">
      <c r="N945794" s="10"/>
    </row>
    <row r="945795" spans="14:14">
      <c r="N945795" s="10"/>
    </row>
    <row r="945796" spans="14:14">
      <c r="N945796" s="10"/>
    </row>
    <row r="945797" spans="14:14">
      <c r="N945797" s="10"/>
    </row>
    <row r="945798" spans="14:14">
      <c r="N945798" s="10"/>
    </row>
    <row r="945799" spans="14:14">
      <c r="N945799" s="10"/>
    </row>
    <row r="945800" spans="14:14">
      <c r="N945800" s="10"/>
    </row>
    <row r="945801" spans="14:14">
      <c r="N945801" s="10"/>
    </row>
    <row r="945802" spans="14:14">
      <c r="N945802" s="10"/>
    </row>
    <row r="945803" spans="14:14">
      <c r="N945803" s="10"/>
    </row>
    <row r="945804" spans="14:14">
      <c r="N945804" s="10"/>
    </row>
    <row r="945805" spans="14:14">
      <c r="N945805" s="10"/>
    </row>
    <row r="945806" spans="14:14">
      <c r="N945806" s="10"/>
    </row>
    <row r="945807" spans="14:14">
      <c r="N945807" s="10"/>
    </row>
    <row r="945808" spans="14:14">
      <c r="N945808" s="10"/>
    </row>
    <row r="945809" spans="14:14">
      <c r="N945809" s="10"/>
    </row>
    <row r="945810" spans="14:14">
      <c r="N945810" s="10"/>
    </row>
    <row r="945811" spans="14:14">
      <c r="N945811" s="10"/>
    </row>
    <row r="945812" spans="14:14">
      <c r="N945812" s="10"/>
    </row>
    <row r="945813" spans="14:14">
      <c r="N945813" s="10"/>
    </row>
    <row r="945814" spans="14:14">
      <c r="N945814" s="10"/>
    </row>
    <row r="945815" spans="14:14">
      <c r="N945815" s="10"/>
    </row>
    <row r="945816" spans="14:14">
      <c r="N945816" s="10"/>
    </row>
    <row r="945817" spans="14:14">
      <c r="N945817" s="10"/>
    </row>
    <row r="945818" spans="14:14">
      <c r="N945818" s="10"/>
    </row>
    <row r="945819" spans="14:14">
      <c r="N945819" s="10"/>
    </row>
    <row r="945820" spans="14:14">
      <c r="N945820" s="10"/>
    </row>
    <row r="945821" spans="14:14">
      <c r="N945821" s="10"/>
    </row>
    <row r="945822" spans="14:14">
      <c r="N945822" s="10"/>
    </row>
    <row r="945823" spans="14:14">
      <c r="N945823" s="10"/>
    </row>
    <row r="945824" spans="14:14">
      <c r="N945824" s="10"/>
    </row>
    <row r="945825" spans="14:14">
      <c r="N945825" s="10"/>
    </row>
    <row r="945826" spans="14:14">
      <c r="N945826" s="10"/>
    </row>
    <row r="945827" spans="14:14">
      <c r="N945827" s="10"/>
    </row>
    <row r="945828" spans="14:14">
      <c r="N945828" s="10"/>
    </row>
    <row r="945829" spans="14:14">
      <c r="N945829" s="10"/>
    </row>
    <row r="945830" spans="14:14">
      <c r="N945830" s="10"/>
    </row>
    <row r="945831" spans="14:14">
      <c r="N945831" s="10"/>
    </row>
    <row r="945832" spans="14:14">
      <c r="N945832" s="10"/>
    </row>
    <row r="945833" spans="14:14">
      <c r="N945833" s="10"/>
    </row>
    <row r="945834" spans="14:14">
      <c r="N945834" s="10"/>
    </row>
    <row r="945835" spans="14:14">
      <c r="N945835" s="10"/>
    </row>
    <row r="945836" spans="14:14">
      <c r="N945836" s="10"/>
    </row>
    <row r="945837" spans="14:14">
      <c r="N945837" s="10"/>
    </row>
    <row r="945838" spans="14:14">
      <c r="N945838" s="10"/>
    </row>
    <row r="945839" spans="14:14">
      <c r="N945839" s="10"/>
    </row>
    <row r="945840" spans="14:14">
      <c r="N945840" s="10"/>
    </row>
    <row r="945841" spans="14:14">
      <c r="N945841" s="10"/>
    </row>
    <row r="945842" spans="14:14">
      <c r="N945842" s="10"/>
    </row>
    <row r="945843" spans="14:14">
      <c r="N945843" s="10"/>
    </row>
    <row r="945844" spans="14:14">
      <c r="N945844" s="10"/>
    </row>
    <row r="945845" spans="14:14">
      <c r="N945845" s="10"/>
    </row>
    <row r="945846" spans="14:14">
      <c r="N945846" s="10"/>
    </row>
    <row r="945847" spans="14:14">
      <c r="N945847" s="10"/>
    </row>
    <row r="945848" spans="14:14">
      <c r="N945848" s="10"/>
    </row>
    <row r="945849" spans="14:14">
      <c r="N945849" s="10"/>
    </row>
    <row r="945850" spans="14:14">
      <c r="N945850" s="10"/>
    </row>
    <row r="945851" spans="14:14">
      <c r="N945851" s="10"/>
    </row>
    <row r="945852" spans="14:14">
      <c r="N945852" s="10"/>
    </row>
    <row r="945853" spans="14:14">
      <c r="N945853" s="10"/>
    </row>
    <row r="945854" spans="14:14">
      <c r="N945854" s="10"/>
    </row>
    <row r="945855" spans="14:14">
      <c r="N945855" s="10"/>
    </row>
    <row r="945856" spans="14:14">
      <c r="N945856" s="10"/>
    </row>
    <row r="945857" spans="14:14">
      <c r="N945857" s="10"/>
    </row>
    <row r="945858" spans="14:14">
      <c r="N945858" s="10"/>
    </row>
    <row r="945859" spans="14:14">
      <c r="N945859" s="10"/>
    </row>
    <row r="945860" spans="14:14">
      <c r="N945860" s="10"/>
    </row>
    <row r="945861" spans="14:14">
      <c r="N945861" s="10"/>
    </row>
    <row r="945862" spans="14:14">
      <c r="N945862" s="10"/>
    </row>
    <row r="945863" spans="14:14">
      <c r="N945863" s="10"/>
    </row>
    <row r="945864" spans="14:14">
      <c r="N945864" s="10"/>
    </row>
    <row r="945865" spans="14:14">
      <c r="N945865" s="10"/>
    </row>
    <row r="945866" spans="14:14">
      <c r="N945866" s="10"/>
    </row>
    <row r="945867" spans="14:14">
      <c r="N945867" s="10"/>
    </row>
    <row r="945868" spans="14:14">
      <c r="N945868" s="10"/>
    </row>
    <row r="945869" spans="14:14">
      <c r="N945869" s="10"/>
    </row>
    <row r="945870" spans="14:14">
      <c r="N945870" s="10"/>
    </row>
    <row r="945871" spans="14:14">
      <c r="N945871" s="10"/>
    </row>
    <row r="945872" spans="14:14">
      <c r="N945872" s="10"/>
    </row>
    <row r="945873" spans="14:14">
      <c r="N945873" s="10"/>
    </row>
    <row r="945874" spans="14:14">
      <c r="N945874" s="10"/>
    </row>
    <row r="945875" spans="14:14">
      <c r="N945875" s="10"/>
    </row>
    <row r="945876" spans="14:14">
      <c r="N945876" s="10"/>
    </row>
    <row r="945877" spans="14:14">
      <c r="N945877" s="10"/>
    </row>
    <row r="945878" spans="14:14">
      <c r="N945878" s="10"/>
    </row>
    <row r="945879" spans="14:14">
      <c r="N945879" s="10"/>
    </row>
    <row r="945880" spans="14:14">
      <c r="N945880" s="10"/>
    </row>
    <row r="945881" spans="14:14">
      <c r="N945881" s="10"/>
    </row>
    <row r="945882" spans="14:14">
      <c r="N945882" s="10"/>
    </row>
    <row r="945883" spans="14:14">
      <c r="N945883" s="10"/>
    </row>
    <row r="945884" spans="14:14">
      <c r="N945884" s="10"/>
    </row>
    <row r="945885" spans="14:14">
      <c r="N945885" s="10"/>
    </row>
    <row r="945886" spans="14:14">
      <c r="N945886" s="10"/>
    </row>
    <row r="945887" spans="14:14">
      <c r="N945887" s="10"/>
    </row>
    <row r="945888" spans="14:14">
      <c r="N945888" s="10"/>
    </row>
    <row r="945889" spans="14:14">
      <c r="N945889" s="10"/>
    </row>
    <row r="945890" spans="14:14">
      <c r="N945890" s="10"/>
    </row>
    <row r="945891" spans="14:14">
      <c r="N945891" s="10"/>
    </row>
    <row r="945892" spans="14:14">
      <c r="N945892" s="10"/>
    </row>
    <row r="945893" spans="14:14">
      <c r="N945893" s="10"/>
    </row>
    <row r="945894" spans="14:14">
      <c r="N945894" s="10"/>
    </row>
    <row r="945895" spans="14:14">
      <c r="N945895" s="10"/>
    </row>
    <row r="945896" spans="14:14">
      <c r="N945896" s="10"/>
    </row>
    <row r="945897" spans="14:14">
      <c r="N945897" s="10"/>
    </row>
    <row r="945898" spans="14:14">
      <c r="N945898" s="10"/>
    </row>
    <row r="945899" spans="14:14">
      <c r="N945899" s="10"/>
    </row>
    <row r="945900" spans="14:14">
      <c r="N945900" s="10"/>
    </row>
    <row r="945901" spans="14:14">
      <c r="N945901" s="10"/>
    </row>
    <row r="945902" spans="14:14">
      <c r="N945902" s="10"/>
    </row>
    <row r="945903" spans="14:14">
      <c r="N945903" s="10"/>
    </row>
    <row r="945904" spans="14:14">
      <c r="N945904" s="10"/>
    </row>
    <row r="945905" spans="14:14">
      <c r="N945905" s="10"/>
    </row>
    <row r="945906" spans="14:14">
      <c r="N945906" s="10"/>
    </row>
    <row r="945907" spans="14:14">
      <c r="N945907" s="10"/>
    </row>
    <row r="945908" spans="14:14">
      <c r="N945908" s="10"/>
    </row>
    <row r="945909" spans="14:14">
      <c r="N945909" s="10"/>
    </row>
    <row r="945910" spans="14:14">
      <c r="N945910" s="10"/>
    </row>
    <row r="945911" spans="14:14">
      <c r="N945911" s="10"/>
    </row>
    <row r="945912" spans="14:14">
      <c r="N945912" s="10"/>
    </row>
    <row r="945913" spans="14:14">
      <c r="N945913" s="10"/>
    </row>
    <row r="945914" spans="14:14">
      <c r="N945914" s="10"/>
    </row>
    <row r="945915" spans="14:14">
      <c r="N945915" s="10"/>
    </row>
    <row r="945916" spans="14:14">
      <c r="N945916" s="10"/>
    </row>
    <row r="945917" spans="14:14">
      <c r="N945917" s="10"/>
    </row>
    <row r="945918" spans="14:14">
      <c r="N945918" s="10"/>
    </row>
    <row r="945919" spans="14:14">
      <c r="N945919" s="10"/>
    </row>
    <row r="945920" spans="14:14">
      <c r="N945920" s="10"/>
    </row>
    <row r="945921" spans="14:14">
      <c r="N945921" s="10"/>
    </row>
    <row r="945922" spans="14:14">
      <c r="N945922" s="10"/>
    </row>
    <row r="945923" spans="14:14">
      <c r="N945923" s="10"/>
    </row>
    <row r="945924" spans="14:14">
      <c r="N945924" s="10"/>
    </row>
    <row r="945925" spans="14:14">
      <c r="N945925" s="10"/>
    </row>
    <row r="945926" spans="14:14">
      <c r="N945926" s="10"/>
    </row>
    <row r="945927" spans="14:14">
      <c r="N945927" s="10"/>
    </row>
    <row r="945928" spans="14:14">
      <c r="N945928" s="10"/>
    </row>
    <row r="945929" spans="14:14">
      <c r="N945929" s="10"/>
    </row>
    <row r="945930" spans="14:14">
      <c r="N945930" s="10"/>
    </row>
    <row r="945931" spans="14:14">
      <c r="N945931" s="10"/>
    </row>
    <row r="945932" spans="14:14">
      <c r="N945932" s="10"/>
    </row>
    <row r="945933" spans="14:14">
      <c r="N945933" s="10"/>
    </row>
    <row r="945934" spans="14:14">
      <c r="N945934" s="10"/>
    </row>
    <row r="945935" spans="14:14">
      <c r="N945935" s="10"/>
    </row>
    <row r="945936" spans="14:14">
      <c r="N945936" s="10"/>
    </row>
    <row r="945937" spans="14:14">
      <c r="N945937" s="10"/>
    </row>
    <row r="945938" spans="14:14">
      <c r="N945938" s="10"/>
    </row>
    <row r="945939" spans="14:14">
      <c r="N945939" s="10"/>
    </row>
    <row r="945940" spans="14:14">
      <c r="N945940" s="10"/>
    </row>
    <row r="945941" spans="14:14">
      <c r="N945941" s="10"/>
    </row>
    <row r="945942" spans="14:14">
      <c r="N945942" s="10"/>
    </row>
    <row r="945943" spans="14:14">
      <c r="N945943" s="10"/>
    </row>
    <row r="945944" spans="14:14">
      <c r="N945944" s="10"/>
    </row>
    <row r="945945" spans="14:14">
      <c r="N945945" s="10"/>
    </row>
    <row r="945946" spans="14:14">
      <c r="N945946" s="10"/>
    </row>
    <row r="945947" spans="14:14">
      <c r="N945947" s="10"/>
    </row>
    <row r="945948" spans="14:14">
      <c r="N945948" s="10"/>
    </row>
    <row r="945949" spans="14:14">
      <c r="N945949" s="10"/>
    </row>
    <row r="945950" spans="14:14">
      <c r="N945950" s="10"/>
    </row>
    <row r="945951" spans="14:14">
      <c r="N945951" s="10"/>
    </row>
    <row r="945952" spans="14:14">
      <c r="N945952" s="10"/>
    </row>
    <row r="945953" spans="14:14">
      <c r="N945953" s="10"/>
    </row>
    <row r="945954" spans="14:14">
      <c r="N945954" s="10"/>
    </row>
    <row r="945955" spans="14:14">
      <c r="N945955" s="10"/>
    </row>
    <row r="945956" spans="14:14">
      <c r="N945956" s="10"/>
    </row>
    <row r="945957" spans="14:14">
      <c r="N945957" s="10"/>
    </row>
    <row r="945958" spans="14:14">
      <c r="N945958" s="10"/>
    </row>
    <row r="945959" spans="14:14">
      <c r="N945959" s="10"/>
    </row>
    <row r="945960" spans="14:14">
      <c r="N945960" s="10"/>
    </row>
    <row r="945961" spans="14:14">
      <c r="N945961" s="10"/>
    </row>
    <row r="945962" spans="14:14">
      <c r="N945962" s="10"/>
    </row>
    <row r="945963" spans="14:14">
      <c r="N945963" s="10"/>
    </row>
    <row r="945964" spans="14:14">
      <c r="N945964" s="10"/>
    </row>
    <row r="945965" spans="14:14">
      <c r="N945965" s="10"/>
    </row>
    <row r="945966" spans="14:14">
      <c r="N945966" s="10"/>
    </row>
    <row r="945967" spans="14:14">
      <c r="N945967" s="10"/>
    </row>
    <row r="945968" spans="14:14">
      <c r="N945968" s="10"/>
    </row>
    <row r="945969" spans="14:14">
      <c r="N945969" s="10"/>
    </row>
    <row r="945970" spans="14:14">
      <c r="N945970" s="10"/>
    </row>
    <row r="945971" spans="14:14">
      <c r="N945971" s="10"/>
    </row>
    <row r="945972" spans="14:14">
      <c r="N945972" s="10"/>
    </row>
    <row r="945973" spans="14:14">
      <c r="N945973" s="10"/>
    </row>
    <row r="945974" spans="14:14">
      <c r="N945974" s="10"/>
    </row>
    <row r="945975" spans="14:14">
      <c r="N945975" s="10"/>
    </row>
    <row r="945976" spans="14:14">
      <c r="N945976" s="10"/>
    </row>
    <row r="945977" spans="14:14">
      <c r="N945977" s="10"/>
    </row>
    <row r="945978" spans="14:14">
      <c r="N945978" s="10"/>
    </row>
    <row r="945979" spans="14:14">
      <c r="N945979" s="10"/>
    </row>
    <row r="945980" spans="14:14">
      <c r="N945980" s="10"/>
    </row>
    <row r="945981" spans="14:14">
      <c r="N945981" s="10"/>
    </row>
    <row r="945982" spans="14:14">
      <c r="N945982" s="10"/>
    </row>
    <row r="945983" spans="14:14">
      <c r="N945983" s="10"/>
    </row>
    <row r="945984" spans="14:14">
      <c r="N945984" s="10"/>
    </row>
    <row r="945985" spans="14:14">
      <c r="N945985" s="10"/>
    </row>
    <row r="945986" spans="14:14">
      <c r="N945986" s="10"/>
    </row>
    <row r="945987" spans="14:14">
      <c r="N945987" s="10"/>
    </row>
    <row r="945988" spans="14:14">
      <c r="N945988" s="10"/>
    </row>
    <row r="945989" spans="14:14">
      <c r="N945989" s="10"/>
    </row>
    <row r="945990" spans="14:14">
      <c r="N945990" s="10"/>
    </row>
    <row r="945991" spans="14:14">
      <c r="N945991" s="10"/>
    </row>
    <row r="945992" spans="14:14">
      <c r="N945992" s="10"/>
    </row>
    <row r="945993" spans="14:14">
      <c r="N945993" s="10"/>
    </row>
    <row r="945994" spans="14:14">
      <c r="N945994" s="10"/>
    </row>
    <row r="945995" spans="14:14">
      <c r="N945995" s="10"/>
    </row>
    <row r="945996" spans="14:14">
      <c r="N945996" s="10"/>
    </row>
    <row r="945997" spans="14:14">
      <c r="N945997" s="10"/>
    </row>
    <row r="945998" spans="14:14">
      <c r="N945998" s="10"/>
    </row>
    <row r="945999" spans="14:14">
      <c r="N945999" s="10"/>
    </row>
    <row r="946000" spans="14:14">
      <c r="N946000" s="10"/>
    </row>
    <row r="946001" spans="14:14">
      <c r="N946001" s="10"/>
    </row>
    <row r="946002" spans="14:14">
      <c r="N946002" s="10"/>
    </row>
    <row r="946003" spans="14:14">
      <c r="N946003" s="10"/>
    </row>
    <row r="946004" spans="14:14">
      <c r="N946004" s="10"/>
    </row>
    <row r="946005" spans="14:14">
      <c r="N946005" s="10"/>
    </row>
    <row r="946006" spans="14:14">
      <c r="N946006" s="10"/>
    </row>
    <row r="946007" spans="14:14">
      <c r="N946007" s="10"/>
    </row>
    <row r="946008" spans="14:14">
      <c r="N946008" s="10"/>
    </row>
    <row r="946009" spans="14:14">
      <c r="N946009" s="10"/>
    </row>
    <row r="946010" spans="14:14">
      <c r="N946010" s="10"/>
    </row>
    <row r="946011" spans="14:14">
      <c r="N946011" s="10"/>
    </row>
    <row r="946012" spans="14:14">
      <c r="N946012" s="10"/>
    </row>
    <row r="946013" spans="14:14">
      <c r="N946013" s="10"/>
    </row>
    <row r="946014" spans="14:14">
      <c r="N946014" s="10"/>
    </row>
    <row r="946015" spans="14:14">
      <c r="N946015" s="10"/>
    </row>
    <row r="946016" spans="14:14">
      <c r="N946016" s="10"/>
    </row>
    <row r="946017" spans="14:14">
      <c r="N946017" s="10"/>
    </row>
    <row r="946018" spans="14:14">
      <c r="N946018" s="10"/>
    </row>
    <row r="946019" spans="14:14">
      <c r="N946019" s="10"/>
    </row>
    <row r="946020" spans="14:14">
      <c r="N946020" s="10"/>
    </row>
    <row r="946021" spans="14:14">
      <c r="N946021" s="10"/>
    </row>
    <row r="946022" spans="14:14">
      <c r="N946022" s="10"/>
    </row>
    <row r="946023" spans="14:14">
      <c r="N946023" s="10"/>
    </row>
    <row r="946024" spans="14:14">
      <c r="N946024" s="10"/>
    </row>
    <row r="946025" spans="14:14">
      <c r="N946025" s="10"/>
    </row>
    <row r="946026" spans="14:14">
      <c r="N946026" s="10"/>
    </row>
    <row r="946027" spans="14:14">
      <c r="N946027" s="10"/>
    </row>
    <row r="946028" spans="14:14">
      <c r="N946028" s="10"/>
    </row>
    <row r="946029" spans="14:14">
      <c r="N946029" s="10"/>
    </row>
    <row r="946030" spans="14:14">
      <c r="N946030" s="10"/>
    </row>
    <row r="946031" spans="14:14">
      <c r="N946031" s="10"/>
    </row>
    <row r="946032" spans="14:14">
      <c r="N946032" s="10"/>
    </row>
    <row r="946033" spans="14:14">
      <c r="N946033" s="10"/>
    </row>
    <row r="946034" spans="14:14">
      <c r="N946034" s="10"/>
    </row>
    <row r="946035" spans="14:14">
      <c r="N946035" s="10"/>
    </row>
    <row r="946036" spans="14:14">
      <c r="N946036" s="10"/>
    </row>
    <row r="946037" spans="14:14">
      <c r="N946037" s="10"/>
    </row>
    <row r="946038" spans="14:14">
      <c r="N946038" s="10"/>
    </row>
    <row r="946039" spans="14:14">
      <c r="N946039" s="10"/>
    </row>
    <row r="946040" spans="14:14">
      <c r="N946040" s="10"/>
    </row>
    <row r="946041" spans="14:14">
      <c r="N946041" s="10"/>
    </row>
    <row r="946042" spans="14:14">
      <c r="N946042" s="10"/>
    </row>
    <row r="946043" spans="14:14">
      <c r="N946043" s="10"/>
    </row>
    <row r="946044" spans="14:14">
      <c r="N946044" s="10"/>
    </row>
    <row r="946045" spans="14:14">
      <c r="N946045" s="10"/>
    </row>
    <row r="946046" spans="14:14">
      <c r="N946046" s="10"/>
    </row>
    <row r="946047" spans="14:14">
      <c r="N946047" s="10"/>
    </row>
    <row r="946048" spans="14:14">
      <c r="N946048" s="10"/>
    </row>
    <row r="946049" spans="14:14">
      <c r="N946049" s="10"/>
    </row>
    <row r="946050" spans="14:14">
      <c r="N946050" s="10"/>
    </row>
    <row r="946051" spans="14:14">
      <c r="N946051" s="10"/>
    </row>
    <row r="946052" spans="14:14">
      <c r="N946052" s="10"/>
    </row>
    <row r="946053" spans="14:14">
      <c r="N946053" s="10"/>
    </row>
    <row r="946054" spans="14:14">
      <c r="N946054" s="10"/>
    </row>
    <row r="946055" spans="14:14">
      <c r="N946055" s="10"/>
    </row>
    <row r="946056" spans="14:14">
      <c r="N946056" s="10"/>
    </row>
    <row r="946057" spans="14:14">
      <c r="N946057" s="10"/>
    </row>
    <row r="946058" spans="14:14">
      <c r="N946058" s="10"/>
    </row>
    <row r="946059" spans="14:14">
      <c r="N946059" s="10"/>
    </row>
    <row r="946060" spans="14:14">
      <c r="N946060" s="10"/>
    </row>
    <row r="946061" spans="14:14">
      <c r="N946061" s="10"/>
    </row>
    <row r="946062" spans="14:14">
      <c r="N946062" s="10"/>
    </row>
    <row r="946063" spans="14:14">
      <c r="N946063" s="10"/>
    </row>
    <row r="946064" spans="14:14">
      <c r="N946064" s="10"/>
    </row>
    <row r="946065" spans="14:14">
      <c r="N946065" s="10"/>
    </row>
    <row r="946066" spans="14:14">
      <c r="N946066" s="10"/>
    </row>
    <row r="946067" spans="14:14">
      <c r="N946067" s="10"/>
    </row>
    <row r="946068" spans="14:14">
      <c r="N946068" s="10"/>
    </row>
    <row r="946069" spans="14:14">
      <c r="N946069" s="10"/>
    </row>
    <row r="946070" spans="14:14">
      <c r="N946070" s="10"/>
    </row>
    <row r="946071" spans="14:14">
      <c r="N946071" s="10"/>
    </row>
    <row r="946072" spans="14:14">
      <c r="N946072" s="10"/>
    </row>
    <row r="946073" spans="14:14">
      <c r="N946073" s="10"/>
    </row>
    <row r="946074" spans="14:14">
      <c r="N946074" s="10"/>
    </row>
    <row r="946075" spans="14:14">
      <c r="N946075" s="10"/>
    </row>
    <row r="946076" spans="14:14">
      <c r="N946076" s="10"/>
    </row>
    <row r="946077" spans="14:14">
      <c r="N946077" s="10"/>
    </row>
    <row r="946078" spans="14:14">
      <c r="N946078" s="10"/>
    </row>
    <row r="946079" spans="14:14">
      <c r="N946079" s="10"/>
    </row>
    <row r="946080" spans="14:14">
      <c r="N946080" s="10"/>
    </row>
    <row r="946081" spans="14:14">
      <c r="N946081" s="10"/>
    </row>
    <row r="946082" spans="14:14">
      <c r="N946082" s="10"/>
    </row>
    <row r="946083" spans="14:14">
      <c r="N946083" s="10"/>
    </row>
    <row r="946084" spans="14:14">
      <c r="N946084" s="10"/>
    </row>
    <row r="946085" spans="14:14">
      <c r="N946085" s="10"/>
    </row>
    <row r="946086" spans="14:14">
      <c r="N946086" s="10"/>
    </row>
    <row r="946087" spans="14:14">
      <c r="N946087" s="10"/>
    </row>
    <row r="946088" spans="14:14">
      <c r="N946088" s="10"/>
    </row>
    <row r="946089" spans="14:14">
      <c r="N946089" s="10"/>
    </row>
    <row r="946090" spans="14:14">
      <c r="N946090" s="10"/>
    </row>
    <row r="946091" spans="14:14">
      <c r="N946091" s="10"/>
    </row>
    <row r="946092" spans="14:14">
      <c r="N946092" s="10"/>
    </row>
    <row r="946093" spans="14:14">
      <c r="N946093" s="10"/>
    </row>
    <row r="946094" spans="14:14">
      <c r="N946094" s="10"/>
    </row>
    <row r="946095" spans="14:14">
      <c r="N946095" s="10"/>
    </row>
    <row r="946096" spans="14:14">
      <c r="N946096" s="10"/>
    </row>
    <row r="946097" spans="14:14">
      <c r="N946097" s="10"/>
    </row>
    <row r="946098" spans="14:14">
      <c r="N946098" s="10"/>
    </row>
    <row r="946099" spans="14:14">
      <c r="N946099" s="10"/>
    </row>
    <row r="946100" spans="14:14">
      <c r="N946100" s="10"/>
    </row>
    <row r="946101" spans="14:14">
      <c r="N946101" s="10"/>
    </row>
    <row r="946102" spans="14:14">
      <c r="N946102" s="10"/>
    </row>
    <row r="946103" spans="14:14">
      <c r="N946103" s="10"/>
    </row>
    <row r="946104" spans="14:14">
      <c r="N946104" s="10"/>
    </row>
    <row r="946105" spans="14:14">
      <c r="N946105" s="10"/>
    </row>
    <row r="946106" spans="14:14">
      <c r="N946106" s="10"/>
    </row>
    <row r="946107" spans="14:14">
      <c r="N946107" s="10"/>
    </row>
    <row r="946108" spans="14:14">
      <c r="N946108" s="10"/>
    </row>
    <row r="946109" spans="14:14">
      <c r="N946109" s="10"/>
    </row>
    <row r="946110" spans="14:14">
      <c r="N946110" s="10"/>
    </row>
    <row r="946111" spans="14:14">
      <c r="N946111" s="10"/>
    </row>
    <row r="946112" spans="14:14">
      <c r="N946112" s="10"/>
    </row>
    <row r="946113" spans="14:14">
      <c r="N946113" s="10"/>
    </row>
    <row r="946114" spans="14:14">
      <c r="N946114" s="10"/>
    </row>
    <row r="946115" spans="14:14">
      <c r="N946115" s="10"/>
    </row>
    <row r="946116" spans="14:14">
      <c r="N946116" s="10"/>
    </row>
    <row r="946117" spans="14:14">
      <c r="N946117" s="10"/>
    </row>
    <row r="946118" spans="14:14">
      <c r="N946118" s="10"/>
    </row>
    <row r="946119" spans="14:14">
      <c r="N946119" s="10"/>
    </row>
    <row r="946120" spans="14:14">
      <c r="N946120" s="10"/>
    </row>
    <row r="946121" spans="14:14">
      <c r="N946121" s="10"/>
    </row>
    <row r="946122" spans="14:14">
      <c r="N946122" s="10"/>
    </row>
    <row r="946123" spans="14:14">
      <c r="N946123" s="10"/>
    </row>
    <row r="946124" spans="14:14">
      <c r="N946124" s="10"/>
    </row>
    <row r="946125" spans="14:14">
      <c r="N946125" s="10"/>
    </row>
    <row r="946126" spans="14:14">
      <c r="N946126" s="10"/>
    </row>
    <row r="946127" spans="14:14">
      <c r="N946127" s="10"/>
    </row>
    <row r="946128" spans="14:14">
      <c r="N946128" s="10"/>
    </row>
    <row r="946129" spans="14:14">
      <c r="N946129" s="10"/>
    </row>
    <row r="946130" spans="14:14">
      <c r="N946130" s="10"/>
    </row>
    <row r="946131" spans="14:14">
      <c r="N946131" s="10"/>
    </row>
    <row r="946132" spans="14:14">
      <c r="N946132" s="10"/>
    </row>
    <row r="946133" spans="14:14">
      <c r="N946133" s="10"/>
    </row>
    <row r="946134" spans="14:14">
      <c r="N946134" s="10"/>
    </row>
    <row r="946135" spans="14:14">
      <c r="N946135" s="10"/>
    </row>
    <row r="946136" spans="14:14">
      <c r="N946136" s="10"/>
    </row>
    <row r="946137" spans="14:14">
      <c r="N946137" s="10"/>
    </row>
    <row r="946138" spans="14:14">
      <c r="N946138" s="10"/>
    </row>
    <row r="946139" spans="14:14">
      <c r="N946139" s="10"/>
    </row>
    <row r="946140" spans="14:14">
      <c r="N946140" s="10"/>
    </row>
    <row r="946141" spans="14:14">
      <c r="N946141" s="10"/>
    </row>
    <row r="946142" spans="14:14">
      <c r="N946142" s="10"/>
    </row>
    <row r="946143" spans="14:14">
      <c r="N946143" s="10"/>
    </row>
    <row r="946144" spans="14:14">
      <c r="N946144" s="10"/>
    </row>
    <row r="946145" spans="14:14">
      <c r="N946145" s="10"/>
    </row>
    <row r="946146" spans="14:14">
      <c r="N946146" s="10"/>
    </row>
    <row r="946147" spans="14:14">
      <c r="N946147" s="10"/>
    </row>
    <row r="946148" spans="14:14">
      <c r="N946148" s="10"/>
    </row>
    <row r="946149" spans="14:14">
      <c r="N946149" s="10"/>
    </row>
    <row r="946150" spans="14:14">
      <c r="N946150" s="10"/>
    </row>
    <row r="946151" spans="14:14">
      <c r="N946151" s="10"/>
    </row>
    <row r="946152" spans="14:14">
      <c r="N946152" s="10"/>
    </row>
    <row r="946153" spans="14:14">
      <c r="N946153" s="10"/>
    </row>
    <row r="946154" spans="14:14">
      <c r="N946154" s="10"/>
    </row>
    <row r="946155" spans="14:14">
      <c r="N946155" s="10"/>
    </row>
    <row r="946156" spans="14:14">
      <c r="N946156" s="10"/>
    </row>
    <row r="946157" spans="14:14">
      <c r="N946157" s="10"/>
    </row>
    <row r="946158" spans="14:14">
      <c r="N946158" s="10"/>
    </row>
    <row r="946159" spans="14:14">
      <c r="N946159" s="10"/>
    </row>
    <row r="946160" spans="14:14">
      <c r="N946160" s="10"/>
    </row>
    <row r="946161" spans="14:14">
      <c r="N946161" s="10"/>
    </row>
    <row r="946162" spans="14:14">
      <c r="N946162" s="10"/>
    </row>
    <row r="946163" spans="14:14">
      <c r="N946163" s="10"/>
    </row>
    <row r="946164" spans="14:14">
      <c r="N946164" s="10"/>
    </row>
    <row r="946165" spans="14:14">
      <c r="N946165" s="10"/>
    </row>
    <row r="946166" spans="14:14">
      <c r="N946166" s="10"/>
    </row>
    <row r="946167" spans="14:14">
      <c r="N946167" s="10"/>
    </row>
    <row r="946168" spans="14:14">
      <c r="N946168" s="10"/>
    </row>
    <row r="946169" spans="14:14">
      <c r="N946169" s="10"/>
    </row>
    <row r="946170" spans="14:14">
      <c r="N946170" s="10"/>
    </row>
    <row r="946171" spans="14:14">
      <c r="N946171" s="10"/>
    </row>
    <row r="946172" spans="14:14">
      <c r="N946172" s="10"/>
    </row>
    <row r="946173" spans="14:14">
      <c r="N946173" s="10"/>
    </row>
    <row r="946174" spans="14:14">
      <c r="N946174" s="10"/>
    </row>
    <row r="946175" spans="14:14">
      <c r="N946175" s="10"/>
    </row>
    <row r="946176" spans="14:14">
      <c r="N946176" s="10"/>
    </row>
    <row r="946177" spans="14:14">
      <c r="N946177" s="10"/>
    </row>
    <row r="946178" spans="14:14">
      <c r="N946178" s="10"/>
    </row>
    <row r="946179" spans="14:14">
      <c r="N946179" s="10"/>
    </row>
    <row r="946180" spans="14:14">
      <c r="N946180" s="10"/>
    </row>
    <row r="946181" spans="14:14">
      <c r="N946181" s="10"/>
    </row>
    <row r="946182" spans="14:14">
      <c r="N946182" s="10"/>
    </row>
    <row r="946183" spans="14:14">
      <c r="N946183" s="10"/>
    </row>
    <row r="946184" spans="14:14">
      <c r="N946184" s="10"/>
    </row>
    <row r="946185" spans="14:14">
      <c r="N946185" s="10"/>
    </row>
    <row r="946186" spans="14:14">
      <c r="N946186" s="10"/>
    </row>
    <row r="946187" spans="14:14">
      <c r="N946187" s="10"/>
    </row>
    <row r="946188" spans="14:14">
      <c r="N946188" s="10"/>
    </row>
    <row r="946189" spans="14:14">
      <c r="N946189" s="10"/>
    </row>
    <row r="946190" spans="14:14">
      <c r="N946190" s="10"/>
    </row>
    <row r="946191" spans="14:14">
      <c r="N946191" s="10"/>
    </row>
    <row r="946192" spans="14:14">
      <c r="N946192" s="10"/>
    </row>
    <row r="946193" spans="14:14">
      <c r="N946193" s="10"/>
    </row>
    <row r="946194" spans="14:14">
      <c r="N946194" s="10"/>
    </row>
    <row r="946195" spans="14:14">
      <c r="N946195" s="10"/>
    </row>
    <row r="946196" spans="14:14">
      <c r="N946196" s="10"/>
    </row>
    <row r="946197" spans="14:14">
      <c r="N946197" s="10"/>
    </row>
    <row r="946198" spans="14:14">
      <c r="N946198" s="10"/>
    </row>
    <row r="946199" spans="14:14">
      <c r="N946199" s="10"/>
    </row>
    <row r="946200" spans="14:14">
      <c r="N946200" s="10"/>
    </row>
    <row r="946201" spans="14:14">
      <c r="N946201" s="10"/>
    </row>
    <row r="946202" spans="14:14">
      <c r="N946202" s="10"/>
    </row>
    <row r="946203" spans="14:14">
      <c r="N946203" s="10"/>
    </row>
    <row r="946204" spans="14:14">
      <c r="N946204" s="10"/>
    </row>
    <row r="946205" spans="14:14">
      <c r="N946205" s="10"/>
    </row>
    <row r="946206" spans="14:14">
      <c r="N946206" s="10"/>
    </row>
    <row r="946207" spans="14:14">
      <c r="N946207" s="10"/>
    </row>
    <row r="946208" spans="14:14">
      <c r="N946208" s="10"/>
    </row>
    <row r="946209" spans="14:14">
      <c r="N946209" s="10"/>
    </row>
    <row r="946210" spans="14:14">
      <c r="N946210" s="10"/>
    </row>
    <row r="946211" spans="14:14">
      <c r="N946211" s="10"/>
    </row>
    <row r="946212" spans="14:14">
      <c r="N946212" s="10"/>
    </row>
    <row r="946213" spans="14:14">
      <c r="N946213" s="10"/>
    </row>
    <row r="946214" spans="14:14">
      <c r="N946214" s="10"/>
    </row>
    <row r="946215" spans="14:14">
      <c r="N946215" s="10"/>
    </row>
    <row r="946216" spans="14:14">
      <c r="N946216" s="10"/>
    </row>
    <row r="946217" spans="14:14">
      <c r="N946217" s="10"/>
    </row>
    <row r="946218" spans="14:14">
      <c r="N946218" s="10"/>
    </row>
    <row r="946219" spans="14:14">
      <c r="N946219" s="10"/>
    </row>
    <row r="946220" spans="14:14">
      <c r="N946220" s="10"/>
    </row>
    <row r="946221" spans="14:14">
      <c r="N946221" s="10"/>
    </row>
    <row r="946222" spans="14:14">
      <c r="N946222" s="10"/>
    </row>
    <row r="946223" spans="14:14">
      <c r="N946223" s="10"/>
    </row>
    <row r="946224" spans="14:14">
      <c r="N946224" s="10"/>
    </row>
    <row r="946225" spans="14:14">
      <c r="N946225" s="10"/>
    </row>
    <row r="946226" spans="14:14">
      <c r="N946226" s="10"/>
    </row>
    <row r="946227" spans="14:14">
      <c r="N946227" s="10"/>
    </row>
    <row r="946228" spans="14:14">
      <c r="N946228" s="10"/>
    </row>
    <row r="946229" spans="14:14">
      <c r="N946229" s="10"/>
    </row>
    <row r="946230" spans="14:14">
      <c r="N946230" s="10"/>
    </row>
    <row r="946231" spans="14:14">
      <c r="N946231" s="10"/>
    </row>
    <row r="946232" spans="14:14">
      <c r="N946232" s="10"/>
    </row>
    <row r="946233" spans="14:14">
      <c r="N946233" s="10"/>
    </row>
    <row r="946234" spans="14:14">
      <c r="N946234" s="10"/>
    </row>
    <row r="946235" spans="14:14">
      <c r="N946235" s="10"/>
    </row>
    <row r="946236" spans="14:14">
      <c r="N946236" s="10"/>
    </row>
    <row r="946237" spans="14:14">
      <c r="N946237" s="10"/>
    </row>
    <row r="946238" spans="14:14">
      <c r="N946238" s="10"/>
    </row>
    <row r="946239" spans="14:14">
      <c r="N946239" s="10"/>
    </row>
    <row r="946240" spans="14:14">
      <c r="N946240" s="10"/>
    </row>
    <row r="946241" spans="14:14">
      <c r="N946241" s="10"/>
    </row>
    <row r="946242" spans="14:14">
      <c r="N946242" s="10"/>
    </row>
    <row r="946243" spans="14:14">
      <c r="N946243" s="10"/>
    </row>
    <row r="946244" spans="14:14">
      <c r="N946244" s="10"/>
    </row>
    <row r="946245" spans="14:14">
      <c r="N946245" s="10"/>
    </row>
    <row r="946246" spans="14:14">
      <c r="N946246" s="10"/>
    </row>
    <row r="946247" spans="14:14">
      <c r="N946247" s="10"/>
    </row>
    <row r="946248" spans="14:14">
      <c r="N946248" s="10"/>
    </row>
    <row r="946249" spans="14:14">
      <c r="N946249" s="10"/>
    </row>
    <row r="946250" spans="14:14">
      <c r="N946250" s="10"/>
    </row>
    <row r="946251" spans="14:14">
      <c r="N946251" s="10"/>
    </row>
    <row r="946252" spans="14:14">
      <c r="N946252" s="10"/>
    </row>
    <row r="946253" spans="14:14">
      <c r="N946253" s="10"/>
    </row>
    <row r="946254" spans="14:14">
      <c r="N946254" s="10"/>
    </row>
    <row r="946255" spans="14:14">
      <c r="N946255" s="10"/>
    </row>
    <row r="946256" spans="14:14">
      <c r="N946256" s="10"/>
    </row>
    <row r="946257" spans="14:14">
      <c r="N946257" s="10"/>
    </row>
    <row r="946258" spans="14:14">
      <c r="N946258" s="10"/>
    </row>
    <row r="946259" spans="14:14">
      <c r="N946259" s="10"/>
    </row>
    <row r="946260" spans="14:14">
      <c r="N946260" s="10"/>
    </row>
    <row r="946261" spans="14:14">
      <c r="N946261" s="10"/>
    </row>
    <row r="946262" spans="14:14">
      <c r="N946262" s="10"/>
    </row>
    <row r="946263" spans="14:14">
      <c r="N946263" s="10"/>
    </row>
    <row r="946264" spans="14:14">
      <c r="N946264" s="10"/>
    </row>
    <row r="946265" spans="14:14">
      <c r="N946265" s="10"/>
    </row>
    <row r="946266" spans="14:14">
      <c r="N946266" s="10"/>
    </row>
    <row r="946267" spans="14:14">
      <c r="N946267" s="10"/>
    </row>
    <row r="946268" spans="14:14">
      <c r="N946268" s="10"/>
    </row>
    <row r="946269" spans="14:14">
      <c r="N946269" s="10"/>
    </row>
    <row r="946270" spans="14:14">
      <c r="N946270" s="10"/>
    </row>
    <row r="946271" spans="14:14">
      <c r="N946271" s="10"/>
    </row>
    <row r="946272" spans="14:14">
      <c r="N946272" s="10"/>
    </row>
    <row r="946273" spans="14:14">
      <c r="N946273" s="10"/>
    </row>
    <row r="946274" spans="14:14">
      <c r="N946274" s="10"/>
    </row>
    <row r="946275" spans="14:14">
      <c r="N946275" s="10"/>
    </row>
    <row r="946276" spans="14:14">
      <c r="N946276" s="10"/>
    </row>
    <row r="946277" spans="14:14">
      <c r="N946277" s="10"/>
    </row>
    <row r="946278" spans="14:14">
      <c r="N946278" s="10"/>
    </row>
    <row r="946279" spans="14:14">
      <c r="N946279" s="10"/>
    </row>
    <row r="946280" spans="14:14">
      <c r="N946280" s="10"/>
    </row>
    <row r="946281" spans="14:14">
      <c r="N946281" s="10"/>
    </row>
    <row r="946282" spans="14:14">
      <c r="N946282" s="10"/>
    </row>
    <row r="946283" spans="14:14">
      <c r="N946283" s="10"/>
    </row>
    <row r="946284" spans="14:14">
      <c r="N946284" s="10"/>
    </row>
    <row r="946285" spans="14:14">
      <c r="N946285" s="10"/>
    </row>
    <row r="946286" spans="14:14">
      <c r="N946286" s="10"/>
    </row>
    <row r="946287" spans="14:14">
      <c r="N946287" s="10"/>
    </row>
    <row r="946288" spans="14:14">
      <c r="N946288" s="10"/>
    </row>
    <row r="946289" spans="14:14">
      <c r="N946289" s="10"/>
    </row>
    <row r="946290" spans="14:14">
      <c r="N946290" s="10"/>
    </row>
    <row r="946291" spans="14:14">
      <c r="N946291" s="10"/>
    </row>
    <row r="946292" spans="14:14">
      <c r="N946292" s="10"/>
    </row>
    <row r="946293" spans="14:14">
      <c r="N946293" s="10"/>
    </row>
    <row r="946294" spans="14:14">
      <c r="N946294" s="10"/>
    </row>
    <row r="946295" spans="14:14">
      <c r="N946295" s="10"/>
    </row>
    <row r="946296" spans="14:14">
      <c r="N946296" s="10"/>
    </row>
    <row r="946297" spans="14:14">
      <c r="N946297" s="10"/>
    </row>
    <row r="946298" spans="14:14">
      <c r="N946298" s="10"/>
    </row>
    <row r="946299" spans="14:14">
      <c r="N946299" s="10"/>
    </row>
    <row r="946300" spans="14:14">
      <c r="N946300" s="10"/>
    </row>
    <row r="946301" spans="14:14">
      <c r="N946301" s="10"/>
    </row>
    <row r="946302" spans="14:14">
      <c r="N946302" s="10"/>
    </row>
    <row r="946303" spans="14:14">
      <c r="N946303" s="10"/>
    </row>
    <row r="946304" spans="14:14">
      <c r="N946304" s="10"/>
    </row>
    <row r="946305" spans="14:14">
      <c r="N946305" s="10"/>
    </row>
    <row r="946306" spans="14:14">
      <c r="N946306" s="10"/>
    </row>
    <row r="946307" spans="14:14">
      <c r="N946307" s="10"/>
    </row>
    <row r="946308" spans="14:14">
      <c r="N946308" s="10"/>
    </row>
    <row r="946309" spans="14:14">
      <c r="N946309" s="10"/>
    </row>
    <row r="946310" spans="14:14">
      <c r="N946310" s="10"/>
    </row>
    <row r="946311" spans="14:14">
      <c r="N946311" s="10"/>
    </row>
    <row r="946312" spans="14:14">
      <c r="N946312" s="10"/>
    </row>
    <row r="946313" spans="14:14">
      <c r="N946313" s="10"/>
    </row>
    <row r="946314" spans="14:14">
      <c r="N946314" s="10"/>
    </row>
    <row r="946315" spans="14:14">
      <c r="N946315" s="10"/>
    </row>
    <row r="946316" spans="14:14">
      <c r="N946316" s="10"/>
    </row>
    <row r="946317" spans="14:14">
      <c r="N946317" s="10"/>
    </row>
    <row r="946318" spans="14:14">
      <c r="N946318" s="10"/>
    </row>
    <row r="946319" spans="14:14">
      <c r="N946319" s="10"/>
    </row>
    <row r="946320" spans="14:14">
      <c r="N946320" s="10"/>
    </row>
    <row r="946321" spans="14:14">
      <c r="N946321" s="10"/>
    </row>
    <row r="946322" spans="14:14">
      <c r="N946322" s="10"/>
    </row>
    <row r="946323" spans="14:14">
      <c r="N946323" s="10"/>
    </row>
    <row r="946324" spans="14:14">
      <c r="N946324" s="10"/>
    </row>
    <row r="946325" spans="14:14">
      <c r="N946325" s="10"/>
    </row>
    <row r="946326" spans="14:14">
      <c r="N946326" s="10"/>
    </row>
    <row r="946327" spans="14:14">
      <c r="N946327" s="10"/>
    </row>
    <row r="946328" spans="14:14">
      <c r="N946328" s="10"/>
    </row>
    <row r="946329" spans="14:14">
      <c r="N946329" s="10"/>
    </row>
    <row r="946330" spans="14:14">
      <c r="N946330" s="10"/>
    </row>
    <row r="946331" spans="14:14">
      <c r="N946331" s="10"/>
    </row>
    <row r="946332" spans="14:14">
      <c r="N946332" s="10"/>
    </row>
    <row r="946333" spans="14:14">
      <c r="N946333" s="10"/>
    </row>
    <row r="946334" spans="14:14">
      <c r="N946334" s="10"/>
    </row>
    <row r="946335" spans="14:14">
      <c r="N946335" s="10"/>
    </row>
    <row r="946336" spans="14:14">
      <c r="N946336" s="10"/>
    </row>
    <row r="946337" spans="14:14">
      <c r="N946337" s="10"/>
    </row>
    <row r="946338" spans="14:14">
      <c r="N946338" s="10"/>
    </row>
    <row r="946339" spans="14:14">
      <c r="N946339" s="10"/>
    </row>
    <row r="946340" spans="14:14">
      <c r="N946340" s="10"/>
    </row>
    <row r="946341" spans="14:14">
      <c r="N946341" s="10"/>
    </row>
    <row r="946342" spans="14:14">
      <c r="N946342" s="10"/>
    </row>
    <row r="946343" spans="14:14">
      <c r="N946343" s="10"/>
    </row>
    <row r="946344" spans="14:14">
      <c r="N946344" s="10"/>
    </row>
    <row r="946345" spans="14:14">
      <c r="N946345" s="10"/>
    </row>
    <row r="946346" spans="14:14">
      <c r="N946346" s="10"/>
    </row>
    <row r="946347" spans="14:14">
      <c r="N946347" s="10"/>
    </row>
    <row r="946348" spans="14:14">
      <c r="N946348" s="10"/>
    </row>
    <row r="946349" spans="14:14">
      <c r="N946349" s="10"/>
    </row>
    <row r="946350" spans="14:14">
      <c r="N946350" s="10"/>
    </row>
    <row r="946351" spans="14:14">
      <c r="N946351" s="10"/>
    </row>
    <row r="946352" spans="14:14">
      <c r="N946352" s="10"/>
    </row>
    <row r="946353" spans="14:14">
      <c r="N946353" s="10"/>
    </row>
    <row r="946354" spans="14:14">
      <c r="N946354" s="10"/>
    </row>
    <row r="946355" spans="14:14">
      <c r="N946355" s="10"/>
    </row>
    <row r="946356" spans="14:14">
      <c r="N946356" s="10"/>
    </row>
    <row r="946357" spans="14:14">
      <c r="N946357" s="10"/>
    </row>
    <row r="946358" spans="14:14">
      <c r="N946358" s="10"/>
    </row>
    <row r="946359" spans="14:14">
      <c r="N946359" s="10"/>
    </row>
    <row r="946360" spans="14:14">
      <c r="N946360" s="10"/>
    </row>
    <row r="946361" spans="14:14">
      <c r="N946361" s="10"/>
    </row>
    <row r="946362" spans="14:14">
      <c r="N946362" s="10"/>
    </row>
    <row r="946363" spans="14:14">
      <c r="N946363" s="10"/>
    </row>
    <row r="946364" spans="14:14">
      <c r="N946364" s="10"/>
    </row>
    <row r="946365" spans="14:14">
      <c r="N946365" s="10"/>
    </row>
    <row r="946366" spans="14:14">
      <c r="N946366" s="10"/>
    </row>
    <row r="946367" spans="14:14">
      <c r="N946367" s="10"/>
    </row>
    <row r="946368" spans="14:14">
      <c r="N946368" s="10"/>
    </row>
    <row r="946369" spans="14:14">
      <c r="N946369" s="10"/>
    </row>
    <row r="946370" spans="14:14">
      <c r="N946370" s="10"/>
    </row>
    <row r="946371" spans="14:14">
      <c r="N946371" s="10"/>
    </row>
    <row r="946372" spans="14:14">
      <c r="N946372" s="10"/>
    </row>
    <row r="946373" spans="14:14">
      <c r="N946373" s="10"/>
    </row>
    <row r="946374" spans="14:14">
      <c r="N946374" s="10"/>
    </row>
    <row r="946375" spans="14:14">
      <c r="N946375" s="10"/>
    </row>
    <row r="946376" spans="14:14">
      <c r="N946376" s="10"/>
    </row>
    <row r="946377" spans="14:14">
      <c r="N946377" s="10"/>
    </row>
    <row r="946378" spans="14:14">
      <c r="N946378" s="10"/>
    </row>
    <row r="946379" spans="14:14">
      <c r="N946379" s="10"/>
    </row>
    <row r="946380" spans="14:14">
      <c r="N946380" s="10"/>
    </row>
    <row r="946381" spans="14:14">
      <c r="N946381" s="10"/>
    </row>
    <row r="946382" spans="14:14">
      <c r="N946382" s="10"/>
    </row>
    <row r="946383" spans="14:14">
      <c r="N946383" s="10"/>
    </row>
    <row r="946384" spans="14:14">
      <c r="N946384" s="10"/>
    </row>
    <row r="946385" spans="14:14">
      <c r="N946385" s="10"/>
    </row>
    <row r="946386" spans="14:14">
      <c r="N946386" s="10"/>
    </row>
    <row r="946387" spans="14:14">
      <c r="N946387" s="10"/>
    </row>
    <row r="946388" spans="14:14">
      <c r="N946388" s="10"/>
    </row>
    <row r="946389" spans="14:14">
      <c r="N946389" s="10"/>
    </row>
    <row r="946390" spans="14:14">
      <c r="N946390" s="10"/>
    </row>
    <row r="946391" spans="14:14">
      <c r="N946391" s="10"/>
    </row>
    <row r="946392" spans="14:14">
      <c r="N946392" s="10"/>
    </row>
    <row r="946393" spans="14:14">
      <c r="N946393" s="10"/>
    </row>
    <row r="946394" spans="14:14">
      <c r="N946394" s="10"/>
    </row>
    <row r="946395" spans="14:14">
      <c r="N946395" s="10"/>
    </row>
    <row r="946396" spans="14:14">
      <c r="N946396" s="10"/>
    </row>
    <row r="946397" spans="14:14">
      <c r="N946397" s="10"/>
    </row>
    <row r="946398" spans="14:14">
      <c r="N946398" s="10"/>
    </row>
    <row r="946399" spans="14:14">
      <c r="N946399" s="10"/>
    </row>
    <row r="946400" spans="14:14">
      <c r="N946400" s="10"/>
    </row>
    <row r="946401" spans="14:14">
      <c r="N946401" s="10"/>
    </row>
    <row r="946402" spans="14:14">
      <c r="N946402" s="10"/>
    </row>
    <row r="946403" spans="14:14">
      <c r="N946403" s="10"/>
    </row>
    <row r="946404" spans="14:14">
      <c r="N946404" s="10"/>
    </row>
    <row r="946405" spans="14:14">
      <c r="N946405" s="10"/>
    </row>
    <row r="946406" spans="14:14">
      <c r="N946406" s="10"/>
    </row>
    <row r="946407" spans="14:14">
      <c r="N946407" s="10"/>
    </row>
    <row r="946408" spans="14:14">
      <c r="N946408" s="10"/>
    </row>
    <row r="946409" spans="14:14">
      <c r="N946409" s="10"/>
    </row>
    <row r="946410" spans="14:14">
      <c r="N946410" s="10"/>
    </row>
    <row r="946411" spans="14:14">
      <c r="N946411" s="10"/>
    </row>
    <row r="946412" spans="14:14">
      <c r="N946412" s="10"/>
    </row>
    <row r="946413" spans="14:14">
      <c r="N946413" s="10"/>
    </row>
    <row r="946414" spans="14:14">
      <c r="N946414" s="10"/>
    </row>
    <row r="946415" spans="14:14">
      <c r="N946415" s="10"/>
    </row>
    <row r="946416" spans="14:14">
      <c r="N946416" s="10"/>
    </row>
    <row r="946417" spans="14:14">
      <c r="N946417" s="10"/>
    </row>
    <row r="946418" spans="14:14">
      <c r="N946418" s="10"/>
    </row>
    <row r="946419" spans="14:14">
      <c r="N946419" s="10"/>
    </row>
    <row r="946420" spans="14:14">
      <c r="N946420" s="10"/>
    </row>
    <row r="946421" spans="14:14">
      <c r="N946421" s="10"/>
    </row>
    <row r="946422" spans="14:14">
      <c r="N946422" s="10"/>
    </row>
    <row r="946423" spans="14:14">
      <c r="N946423" s="10"/>
    </row>
    <row r="946424" spans="14:14">
      <c r="N946424" s="10"/>
    </row>
    <row r="946425" spans="14:14">
      <c r="N946425" s="10"/>
    </row>
    <row r="946426" spans="14:14">
      <c r="N946426" s="10"/>
    </row>
    <row r="946427" spans="14:14">
      <c r="N946427" s="10"/>
    </row>
    <row r="946428" spans="14:14">
      <c r="N946428" s="10"/>
    </row>
    <row r="946429" spans="14:14">
      <c r="N946429" s="10"/>
    </row>
    <row r="946430" spans="14:14">
      <c r="N946430" s="10"/>
    </row>
    <row r="946431" spans="14:14">
      <c r="N946431" s="10"/>
    </row>
    <row r="946432" spans="14:14">
      <c r="N946432" s="10"/>
    </row>
    <row r="946433" spans="14:14">
      <c r="N946433" s="10"/>
    </row>
    <row r="946434" spans="14:14">
      <c r="N946434" s="10"/>
    </row>
    <row r="946435" spans="14:14">
      <c r="N946435" s="10"/>
    </row>
    <row r="946436" spans="14:14">
      <c r="N946436" s="10"/>
    </row>
    <row r="946437" spans="14:14">
      <c r="N946437" s="10"/>
    </row>
    <row r="946438" spans="14:14">
      <c r="N946438" s="10"/>
    </row>
    <row r="946439" spans="14:14">
      <c r="N946439" s="10"/>
    </row>
    <row r="946440" spans="14:14">
      <c r="N946440" s="10"/>
    </row>
    <row r="946441" spans="14:14">
      <c r="N946441" s="10"/>
    </row>
    <row r="946442" spans="14:14">
      <c r="N946442" s="10"/>
    </row>
    <row r="946443" spans="14:14">
      <c r="N946443" s="10"/>
    </row>
    <row r="946444" spans="14:14">
      <c r="N946444" s="10"/>
    </row>
    <row r="946445" spans="14:14">
      <c r="N946445" s="10"/>
    </row>
    <row r="946446" spans="14:14">
      <c r="N946446" s="10"/>
    </row>
    <row r="946447" spans="14:14">
      <c r="N946447" s="10"/>
    </row>
    <row r="946448" spans="14:14">
      <c r="N946448" s="10"/>
    </row>
    <row r="946449" spans="14:14">
      <c r="N946449" s="10"/>
    </row>
    <row r="946450" spans="14:14">
      <c r="N946450" s="10"/>
    </row>
    <row r="946451" spans="14:14">
      <c r="N946451" s="10"/>
    </row>
    <row r="946452" spans="14:14">
      <c r="N946452" s="10"/>
    </row>
    <row r="946453" spans="14:14">
      <c r="N946453" s="10"/>
    </row>
    <row r="946454" spans="14:14">
      <c r="N946454" s="10"/>
    </row>
    <row r="946455" spans="14:14">
      <c r="N946455" s="10"/>
    </row>
    <row r="946456" spans="14:14">
      <c r="N946456" s="10"/>
    </row>
    <row r="946457" spans="14:14">
      <c r="N946457" s="10"/>
    </row>
    <row r="946458" spans="14:14">
      <c r="N946458" s="10"/>
    </row>
    <row r="946459" spans="14:14">
      <c r="N946459" s="10"/>
    </row>
    <row r="946460" spans="14:14">
      <c r="N946460" s="10"/>
    </row>
    <row r="946461" spans="14:14">
      <c r="N946461" s="10"/>
    </row>
    <row r="946462" spans="14:14">
      <c r="N946462" s="10"/>
    </row>
    <row r="946463" spans="14:14">
      <c r="N946463" s="10"/>
    </row>
    <row r="946464" spans="14:14">
      <c r="N946464" s="10"/>
    </row>
    <row r="946465" spans="14:14">
      <c r="N946465" s="10"/>
    </row>
    <row r="946466" spans="14:14">
      <c r="N946466" s="10"/>
    </row>
    <row r="946467" spans="14:14">
      <c r="N946467" s="10"/>
    </row>
    <row r="946468" spans="14:14">
      <c r="N946468" s="10"/>
    </row>
    <row r="946469" spans="14:14">
      <c r="N946469" s="10"/>
    </row>
    <row r="946470" spans="14:14">
      <c r="N946470" s="10"/>
    </row>
    <row r="946471" spans="14:14">
      <c r="N946471" s="10"/>
    </row>
    <row r="946472" spans="14:14">
      <c r="N946472" s="10"/>
    </row>
    <row r="946473" spans="14:14">
      <c r="N946473" s="10"/>
    </row>
    <row r="946474" spans="14:14">
      <c r="N946474" s="10"/>
    </row>
    <row r="946475" spans="14:14">
      <c r="N946475" s="10"/>
    </row>
    <row r="946476" spans="14:14">
      <c r="N946476" s="10"/>
    </row>
    <row r="946477" spans="14:14">
      <c r="N946477" s="10"/>
    </row>
    <row r="946478" spans="14:14">
      <c r="N946478" s="10"/>
    </row>
    <row r="946479" spans="14:14">
      <c r="N946479" s="10"/>
    </row>
    <row r="946480" spans="14:14">
      <c r="N946480" s="10"/>
    </row>
    <row r="946481" spans="14:14">
      <c r="N946481" s="10"/>
    </row>
    <row r="946482" spans="14:14">
      <c r="N946482" s="10"/>
    </row>
    <row r="946483" spans="14:14">
      <c r="N946483" s="10"/>
    </row>
    <row r="946484" spans="14:14">
      <c r="N946484" s="10"/>
    </row>
    <row r="946485" spans="14:14">
      <c r="N946485" s="10"/>
    </row>
    <row r="946486" spans="14:14">
      <c r="N946486" s="10"/>
    </row>
    <row r="946487" spans="14:14">
      <c r="N946487" s="10"/>
    </row>
    <row r="946488" spans="14:14">
      <c r="N946488" s="10"/>
    </row>
    <row r="946489" spans="14:14">
      <c r="N946489" s="10"/>
    </row>
    <row r="946490" spans="14:14">
      <c r="N946490" s="10"/>
    </row>
    <row r="946491" spans="14:14">
      <c r="N946491" s="10"/>
    </row>
    <row r="946492" spans="14:14">
      <c r="N946492" s="10"/>
    </row>
    <row r="946493" spans="14:14">
      <c r="N946493" s="10"/>
    </row>
    <row r="946494" spans="14:14">
      <c r="N946494" s="10"/>
    </row>
    <row r="946495" spans="14:14">
      <c r="N946495" s="10"/>
    </row>
    <row r="946496" spans="14:14">
      <c r="N946496" s="10"/>
    </row>
    <row r="946497" spans="14:14">
      <c r="N946497" s="10"/>
    </row>
    <row r="946498" spans="14:14">
      <c r="N946498" s="10"/>
    </row>
    <row r="946499" spans="14:14">
      <c r="N946499" s="10"/>
    </row>
    <row r="946500" spans="14:14">
      <c r="N946500" s="10"/>
    </row>
    <row r="946501" spans="14:14">
      <c r="N946501" s="10"/>
    </row>
    <row r="946502" spans="14:14">
      <c r="N946502" s="10"/>
    </row>
    <row r="946503" spans="14:14">
      <c r="N946503" s="10"/>
    </row>
    <row r="946504" spans="14:14">
      <c r="N946504" s="10"/>
    </row>
    <row r="946505" spans="14:14">
      <c r="N946505" s="10"/>
    </row>
    <row r="946506" spans="14:14">
      <c r="N946506" s="10"/>
    </row>
    <row r="946507" spans="14:14">
      <c r="N946507" s="10"/>
    </row>
    <row r="946508" spans="14:14">
      <c r="N946508" s="10"/>
    </row>
    <row r="946509" spans="14:14">
      <c r="N946509" s="10"/>
    </row>
    <row r="946510" spans="14:14">
      <c r="N946510" s="10"/>
    </row>
    <row r="946511" spans="14:14">
      <c r="N946511" s="10"/>
    </row>
    <row r="946512" spans="14:14">
      <c r="N946512" s="10"/>
    </row>
    <row r="946513" spans="14:14">
      <c r="N946513" s="10"/>
    </row>
    <row r="946514" spans="14:14">
      <c r="N946514" s="10"/>
    </row>
    <row r="946515" spans="14:14">
      <c r="N946515" s="10"/>
    </row>
    <row r="946516" spans="14:14">
      <c r="N946516" s="10"/>
    </row>
    <row r="946517" spans="14:14">
      <c r="N946517" s="10"/>
    </row>
    <row r="946518" spans="14:14">
      <c r="N946518" s="10"/>
    </row>
    <row r="946519" spans="14:14">
      <c r="N946519" s="10"/>
    </row>
    <row r="946520" spans="14:14">
      <c r="N946520" s="10"/>
    </row>
    <row r="946521" spans="14:14">
      <c r="N946521" s="10"/>
    </row>
    <row r="946522" spans="14:14">
      <c r="N946522" s="10"/>
    </row>
    <row r="946523" spans="14:14">
      <c r="N946523" s="10"/>
    </row>
    <row r="946524" spans="14:14">
      <c r="N946524" s="10"/>
    </row>
    <row r="946525" spans="14:14">
      <c r="N946525" s="10"/>
    </row>
    <row r="946526" spans="14:14">
      <c r="N946526" s="10"/>
    </row>
    <row r="946527" spans="14:14">
      <c r="N946527" s="10"/>
    </row>
    <row r="946528" spans="14:14">
      <c r="N946528" s="10"/>
    </row>
    <row r="946529" spans="14:14">
      <c r="N946529" s="10"/>
    </row>
    <row r="946530" spans="14:14">
      <c r="N946530" s="10"/>
    </row>
    <row r="946531" spans="14:14">
      <c r="N946531" s="10"/>
    </row>
    <row r="946532" spans="14:14">
      <c r="N946532" s="10"/>
    </row>
    <row r="946533" spans="14:14">
      <c r="N946533" s="10"/>
    </row>
    <row r="946534" spans="14:14">
      <c r="N946534" s="10"/>
    </row>
    <row r="946535" spans="14:14">
      <c r="N946535" s="10"/>
    </row>
    <row r="946536" spans="14:14">
      <c r="N946536" s="10"/>
    </row>
    <row r="946537" spans="14:14">
      <c r="N946537" s="10"/>
    </row>
    <row r="946538" spans="14:14">
      <c r="N946538" s="10"/>
    </row>
    <row r="946539" spans="14:14">
      <c r="N946539" s="10"/>
    </row>
    <row r="946540" spans="14:14">
      <c r="N946540" s="10"/>
    </row>
    <row r="946541" spans="14:14">
      <c r="N946541" s="10"/>
    </row>
    <row r="946542" spans="14:14">
      <c r="N946542" s="10"/>
    </row>
    <row r="946543" spans="14:14">
      <c r="N946543" s="10"/>
    </row>
    <row r="946544" spans="14:14">
      <c r="N946544" s="10"/>
    </row>
    <row r="946545" spans="14:14">
      <c r="N946545" s="10"/>
    </row>
    <row r="946546" spans="14:14">
      <c r="N946546" s="10"/>
    </row>
    <row r="946547" spans="14:14">
      <c r="N946547" s="10"/>
    </row>
    <row r="946548" spans="14:14">
      <c r="N946548" s="10"/>
    </row>
    <row r="946549" spans="14:14">
      <c r="N946549" s="10"/>
    </row>
    <row r="946550" spans="14:14">
      <c r="N946550" s="10"/>
    </row>
    <row r="946551" spans="14:14">
      <c r="N946551" s="10"/>
    </row>
    <row r="946552" spans="14:14">
      <c r="N946552" s="10"/>
    </row>
    <row r="946553" spans="14:14">
      <c r="N946553" s="10"/>
    </row>
    <row r="946554" spans="14:14">
      <c r="N946554" s="10"/>
    </row>
    <row r="946555" spans="14:14">
      <c r="N946555" s="10"/>
    </row>
    <row r="946556" spans="14:14">
      <c r="N946556" s="10"/>
    </row>
    <row r="946557" spans="14:14">
      <c r="N946557" s="10"/>
    </row>
    <row r="946558" spans="14:14">
      <c r="N946558" s="10"/>
    </row>
    <row r="946559" spans="14:14">
      <c r="N946559" s="10"/>
    </row>
    <row r="946560" spans="14:14">
      <c r="N946560" s="10"/>
    </row>
    <row r="946561" spans="14:14">
      <c r="N946561" s="10"/>
    </row>
    <row r="946562" spans="14:14">
      <c r="N946562" s="10"/>
    </row>
    <row r="946563" spans="14:14">
      <c r="N946563" s="10"/>
    </row>
    <row r="946564" spans="14:14">
      <c r="N946564" s="10"/>
    </row>
    <row r="946565" spans="14:14">
      <c r="N946565" s="10"/>
    </row>
    <row r="946566" spans="14:14">
      <c r="N946566" s="10"/>
    </row>
    <row r="946567" spans="14:14">
      <c r="N946567" s="10"/>
    </row>
    <row r="946568" spans="14:14">
      <c r="N946568" s="10"/>
    </row>
    <row r="946569" spans="14:14">
      <c r="N946569" s="10"/>
    </row>
    <row r="946570" spans="14:14">
      <c r="N946570" s="10"/>
    </row>
    <row r="946571" spans="14:14">
      <c r="N946571" s="10"/>
    </row>
    <row r="946572" spans="14:14">
      <c r="N946572" s="10"/>
    </row>
    <row r="946573" spans="14:14">
      <c r="N946573" s="10"/>
    </row>
    <row r="946574" spans="14:14">
      <c r="N946574" s="10"/>
    </row>
    <row r="946575" spans="14:14">
      <c r="N946575" s="10"/>
    </row>
    <row r="946576" spans="14:14">
      <c r="N946576" s="10"/>
    </row>
    <row r="946577" spans="14:14">
      <c r="N946577" s="10"/>
    </row>
    <row r="946578" spans="14:14">
      <c r="N946578" s="10"/>
    </row>
    <row r="946579" spans="14:14">
      <c r="N946579" s="10"/>
    </row>
    <row r="946580" spans="14:14">
      <c r="N946580" s="10"/>
    </row>
    <row r="946581" spans="14:14">
      <c r="N946581" s="10"/>
    </row>
    <row r="946582" spans="14:14">
      <c r="N946582" s="10"/>
    </row>
    <row r="946583" spans="14:14">
      <c r="N946583" s="10"/>
    </row>
    <row r="946584" spans="14:14">
      <c r="N946584" s="10"/>
    </row>
    <row r="946585" spans="14:14">
      <c r="N946585" s="10"/>
    </row>
    <row r="946586" spans="14:14">
      <c r="N946586" s="10"/>
    </row>
    <row r="946587" spans="14:14">
      <c r="N946587" s="10"/>
    </row>
    <row r="946588" spans="14:14">
      <c r="N946588" s="10"/>
    </row>
    <row r="946589" spans="14:14">
      <c r="N946589" s="10"/>
    </row>
    <row r="946590" spans="14:14">
      <c r="N946590" s="10"/>
    </row>
    <row r="946591" spans="14:14">
      <c r="N946591" s="10"/>
    </row>
    <row r="946592" spans="14:14">
      <c r="N946592" s="10"/>
    </row>
    <row r="946593" spans="14:14">
      <c r="N946593" s="10"/>
    </row>
    <row r="946594" spans="14:14">
      <c r="N946594" s="10"/>
    </row>
    <row r="946595" spans="14:14">
      <c r="N946595" s="10"/>
    </row>
    <row r="946596" spans="14:14">
      <c r="N946596" s="10"/>
    </row>
    <row r="946597" spans="14:14">
      <c r="N946597" s="10"/>
    </row>
    <row r="946598" spans="14:14">
      <c r="N946598" s="10"/>
    </row>
    <row r="946599" spans="14:14">
      <c r="N946599" s="10"/>
    </row>
    <row r="946600" spans="14:14">
      <c r="N946600" s="10"/>
    </row>
    <row r="946601" spans="14:14">
      <c r="N946601" s="10"/>
    </row>
    <row r="946602" spans="14:14">
      <c r="N946602" s="10"/>
    </row>
    <row r="946603" spans="14:14">
      <c r="N946603" s="10"/>
    </row>
    <row r="946604" spans="14:14">
      <c r="N946604" s="10"/>
    </row>
    <row r="946605" spans="14:14">
      <c r="N946605" s="10"/>
    </row>
    <row r="946606" spans="14:14">
      <c r="N946606" s="10"/>
    </row>
    <row r="946607" spans="14:14">
      <c r="N946607" s="10"/>
    </row>
    <row r="946608" spans="14:14">
      <c r="N946608" s="10"/>
    </row>
    <row r="946609" spans="14:14">
      <c r="N946609" s="10"/>
    </row>
    <row r="946610" spans="14:14">
      <c r="N946610" s="10"/>
    </row>
    <row r="946611" spans="14:14">
      <c r="N946611" s="10"/>
    </row>
    <row r="946612" spans="14:14">
      <c r="N946612" s="10"/>
    </row>
    <row r="946613" spans="14:14">
      <c r="N946613" s="10"/>
    </row>
    <row r="946614" spans="14:14">
      <c r="N946614" s="10"/>
    </row>
    <row r="946615" spans="14:14">
      <c r="N946615" s="10"/>
    </row>
    <row r="946616" spans="14:14">
      <c r="N946616" s="10"/>
    </row>
    <row r="946617" spans="14:14">
      <c r="N946617" s="10"/>
    </row>
    <row r="946618" spans="14:14">
      <c r="N946618" s="10"/>
    </row>
    <row r="946619" spans="14:14">
      <c r="N946619" s="10"/>
    </row>
    <row r="946620" spans="14:14">
      <c r="N946620" s="10"/>
    </row>
    <row r="946621" spans="14:14">
      <c r="N946621" s="10"/>
    </row>
    <row r="946622" spans="14:14">
      <c r="N946622" s="10"/>
    </row>
    <row r="946623" spans="14:14">
      <c r="N946623" s="10"/>
    </row>
    <row r="946624" spans="14:14">
      <c r="N946624" s="10"/>
    </row>
    <row r="946625" spans="14:14">
      <c r="N946625" s="10"/>
    </row>
    <row r="946626" spans="14:14">
      <c r="N946626" s="10"/>
    </row>
    <row r="946627" spans="14:14">
      <c r="N946627" s="10"/>
    </row>
    <row r="946628" spans="14:14">
      <c r="N946628" s="10"/>
    </row>
    <row r="946629" spans="14:14">
      <c r="N946629" s="10"/>
    </row>
    <row r="946630" spans="14:14">
      <c r="N946630" s="10"/>
    </row>
    <row r="946631" spans="14:14">
      <c r="N946631" s="10"/>
    </row>
    <row r="946632" spans="14:14">
      <c r="N946632" s="10"/>
    </row>
    <row r="946633" spans="14:14">
      <c r="N946633" s="10"/>
    </row>
    <row r="946634" spans="14:14">
      <c r="N946634" s="10"/>
    </row>
    <row r="946635" spans="14:14">
      <c r="N946635" s="10"/>
    </row>
    <row r="946636" spans="14:14">
      <c r="N946636" s="10"/>
    </row>
    <row r="946637" spans="14:14">
      <c r="N946637" s="10"/>
    </row>
    <row r="946638" spans="14:14">
      <c r="N946638" s="10"/>
    </row>
    <row r="946639" spans="14:14">
      <c r="N946639" s="10"/>
    </row>
    <row r="946640" spans="14:14">
      <c r="N946640" s="10"/>
    </row>
    <row r="946641" spans="14:14">
      <c r="N946641" s="10"/>
    </row>
    <row r="946642" spans="14:14">
      <c r="N946642" s="10"/>
    </row>
    <row r="946643" spans="14:14">
      <c r="N946643" s="10"/>
    </row>
    <row r="946644" spans="14:14">
      <c r="N946644" s="10"/>
    </row>
    <row r="946645" spans="14:14">
      <c r="N946645" s="10"/>
    </row>
    <row r="946646" spans="14:14">
      <c r="N946646" s="10"/>
    </row>
    <row r="946647" spans="14:14">
      <c r="N946647" s="10"/>
    </row>
    <row r="946648" spans="14:14">
      <c r="N946648" s="10"/>
    </row>
    <row r="946649" spans="14:14">
      <c r="N946649" s="10"/>
    </row>
    <row r="946650" spans="14:14">
      <c r="N946650" s="10"/>
    </row>
    <row r="946651" spans="14:14">
      <c r="N946651" s="10"/>
    </row>
    <row r="946652" spans="14:14">
      <c r="N946652" s="10"/>
    </row>
    <row r="946653" spans="14:14">
      <c r="N946653" s="10"/>
    </row>
    <row r="946654" spans="14:14">
      <c r="N946654" s="10"/>
    </row>
    <row r="946655" spans="14:14">
      <c r="N946655" s="10"/>
    </row>
    <row r="946656" spans="14:14">
      <c r="N946656" s="10"/>
    </row>
    <row r="946657" spans="14:14">
      <c r="N946657" s="10"/>
    </row>
    <row r="946658" spans="14:14">
      <c r="N946658" s="10"/>
    </row>
    <row r="946659" spans="14:14">
      <c r="N946659" s="10"/>
    </row>
    <row r="946660" spans="14:14">
      <c r="N946660" s="10"/>
    </row>
    <row r="946661" spans="14:14">
      <c r="N946661" s="10"/>
    </row>
    <row r="946662" spans="14:14">
      <c r="N946662" s="10"/>
    </row>
    <row r="946663" spans="14:14">
      <c r="N946663" s="10"/>
    </row>
    <row r="946664" spans="14:14">
      <c r="N946664" s="10"/>
    </row>
    <row r="946665" spans="14:14">
      <c r="N946665" s="10"/>
    </row>
    <row r="946666" spans="14:14">
      <c r="N946666" s="10"/>
    </row>
    <row r="946667" spans="14:14">
      <c r="N946667" s="10"/>
    </row>
    <row r="946668" spans="14:14">
      <c r="N946668" s="10"/>
    </row>
    <row r="946669" spans="14:14">
      <c r="N946669" s="10"/>
    </row>
    <row r="946670" spans="14:14">
      <c r="N946670" s="10"/>
    </row>
    <row r="946671" spans="14:14">
      <c r="N946671" s="10"/>
    </row>
    <row r="946672" spans="14:14">
      <c r="N946672" s="10"/>
    </row>
    <row r="946673" spans="14:14">
      <c r="N946673" s="10"/>
    </row>
    <row r="946674" spans="14:14">
      <c r="N946674" s="10"/>
    </row>
    <row r="946675" spans="14:14">
      <c r="N946675" s="10"/>
    </row>
    <row r="946676" spans="14:14">
      <c r="N946676" s="10"/>
    </row>
    <row r="946677" spans="14:14">
      <c r="N946677" s="10"/>
    </row>
    <row r="946678" spans="14:14">
      <c r="N946678" s="10"/>
    </row>
    <row r="946679" spans="14:14">
      <c r="N946679" s="10"/>
    </row>
    <row r="946680" spans="14:14">
      <c r="N946680" s="10"/>
    </row>
    <row r="946681" spans="14:14">
      <c r="N946681" s="10"/>
    </row>
    <row r="946682" spans="14:14">
      <c r="N946682" s="10"/>
    </row>
    <row r="946683" spans="14:14">
      <c r="N946683" s="10"/>
    </row>
    <row r="946684" spans="14:14">
      <c r="N946684" s="10"/>
    </row>
    <row r="946685" spans="14:14">
      <c r="N946685" s="10"/>
    </row>
    <row r="946686" spans="14:14">
      <c r="N946686" s="10"/>
    </row>
    <row r="946687" spans="14:14">
      <c r="N946687" s="10"/>
    </row>
    <row r="946688" spans="14:14">
      <c r="N946688" s="10"/>
    </row>
    <row r="946689" spans="14:14">
      <c r="N946689" s="10"/>
    </row>
    <row r="946690" spans="14:14">
      <c r="N946690" s="10"/>
    </row>
    <row r="946691" spans="14:14">
      <c r="N946691" s="10"/>
    </row>
    <row r="946692" spans="14:14">
      <c r="N946692" s="10"/>
    </row>
    <row r="946693" spans="14:14">
      <c r="N946693" s="10"/>
    </row>
    <row r="946694" spans="14:14">
      <c r="N946694" s="10"/>
    </row>
    <row r="946695" spans="14:14">
      <c r="N946695" s="10"/>
    </row>
    <row r="946696" spans="14:14">
      <c r="N946696" s="10"/>
    </row>
    <row r="946697" spans="14:14">
      <c r="N946697" s="10"/>
    </row>
    <row r="946698" spans="14:14">
      <c r="N946698" s="10"/>
    </row>
    <row r="946699" spans="14:14">
      <c r="N946699" s="10"/>
    </row>
    <row r="946700" spans="14:14">
      <c r="N946700" s="10"/>
    </row>
    <row r="946701" spans="14:14">
      <c r="N946701" s="10"/>
    </row>
    <row r="946702" spans="14:14">
      <c r="N946702" s="10"/>
    </row>
    <row r="946703" spans="14:14">
      <c r="N946703" s="10"/>
    </row>
    <row r="946704" spans="14:14">
      <c r="N946704" s="10"/>
    </row>
    <row r="946705" spans="14:14">
      <c r="N946705" s="10"/>
    </row>
    <row r="946706" spans="14:14">
      <c r="N946706" s="10"/>
    </row>
    <row r="946707" spans="14:14">
      <c r="N946707" s="10"/>
    </row>
    <row r="946708" spans="14:14">
      <c r="N946708" s="10"/>
    </row>
    <row r="946709" spans="14:14">
      <c r="N946709" s="10"/>
    </row>
    <row r="946710" spans="14:14">
      <c r="N946710" s="10"/>
    </row>
    <row r="946711" spans="14:14">
      <c r="N946711" s="10"/>
    </row>
    <row r="946712" spans="14:14">
      <c r="N946712" s="10"/>
    </row>
    <row r="946713" spans="14:14">
      <c r="N946713" s="10"/>
    </row>
    <row r="946714" spans="14:14">
      <c r="N946714" s="10"/>
    </row>
    <row r="946715" spans="14:14">
      <c r="N946715" s="10"/>
    </row>
    <row r="946716" spans="14:14">
      <c r="N946716" s="10"/>
    </row>
    <row r="946717" spans="14:14">
      <c r="N946717" s="10"/>
    </row>
    <row r="946718" spans="14:14">
      <c r="N946718" s="10"/>
    </row>
    <row r="946719" spans="14:14">
      <c r="N946719" s="10"/>
    </row>
    <row r="946720" spans="14:14">
      <c r="N946720" s="10"/>
    </row>
    <row r="946721" spans="14:14">
      <c r="N946721" s="10"/>
    </row>
    <row r="946722" spans="14:14">
      <c r="N946722" s="10"/>
    </row>
    <row r="946723" spans="14:14">
      <c r="N946723" s="10"/>
    </row>
    <row r="946724" spans="14:14">
      <c r="N946724" s="10"/>
    </row>
    <row r="946725" spans="14:14">
      <c r="N946725" s="10"/>
    </row>
    <row r="946726" spans="14:14">
      <c r="N946726" s="10"/>
    </row>
    <row r="946727" spans="14:14">
      <c r="N946727" s="10"/>
    </row>
    <row r="946728" spans="14:14">
      <c r="N946728" s="10"/>
    </row>
    <row r="946729" spans="14:14">
      <c r="N946729" s="10"/>
    </row>
    <row r="946730" spans="14:14">
      <c r="N946730" s="10"/>
    </row>
    <row r="946731" spans="14:14">
      <c r="N946731" s="10"/>
    </row>
    <row r="946732" spans="14:14">
      <c r="N946732" s="10"/>
    </row>
    <row r="946733" spans="14:14">
      <c r="N946733" s="10"/>
    </row>
    <row r="946734" spans="14:14">
      <c r="N946734" s="10"/>
    </row>
    <row r="946735" spans="14:14">
      <c r="N946735" s="10"/>
    </row>
    <row r="946736" spans="14:14">
      <c r="N946736" s="10"/>
    </row>
    <row r="946737" spans="14:14">
      <c r="N946737" s="10"/>
    </row>
    <row r="946738" spans="14:14">
      <c r="N946738" s="10"/>
    </row>
    <row r="946739" spans="14:14">
      <c r="N946739" s="10"/>
    </row>
    <row r="946740" spans="14:14">
      <c r="N946740" s="10"/>
    </row>
    <row r="946741" spans="14:14">
      <c r="N946741" s="10"/>
    </row>
    <row r="946742" spans="14:14">
      <c r="N946742" s="10"/>
    </row>
    <row r="946743" spans="14:14">
      <c r="N946743" s="10"/>
    </row>
    <row r="946744" spans="14:14">
      <c r="N946744" s="10"/>
    </row>
    <row r="946745" spans="14:14">
      <c r="N946745" s="10"/>
    </row>
    <row r="946746" spans="14:14">
      <c r="N946746" s="10"/>
    </row>
    <row r="946747" spans="14:14">
      <c r="N946747" s="10"/>
    </row>
    <row r="946748" spans="14:14">
      <c r="N946748" s="10"/>
    </row>
    <row r="946749" spans="14:14">
      <c r="N946749" s="10"/>
    </row>
    <row r="946750" spans="14:14">
      <c r="N946750" s="10"/>
    </row>
    <row r="946751" spans="14:14">
      <c r="N946751" s="10"/>
    </row>
    <row r="946752" spans="14:14">
      <c r="N946752" s="10"/>
    </row>
    <row r="946753" spans="14:14">
      <c r="N946753" s="10"/>
    </row>
    <row r="946754" spans="14:14">
      <c r="N946754" s="10"/>
    </row>
    <row r="946755" spans="14:14">
      <c r="N946755" s="10"/>
    </row>
    <row r="946756" spans="14:14">
      <c r="N946756" s="10"/>
    </row>
    <row r="946757" spans="14:14">
      <c r="N946757" s="10"/>
    </row>
    <row r="946758" spans="14:14">
      <c r="N946758" s="10"/>
    </row>
    <row r="946759" spans="14:14">
      <c r="N946759" s="10"/>
    </row>
    <row r="946760" spans="14:14">
      <c r="N946760" s="10"/>
    </row>
    <row r="946761" spans="14:14">
      <c r="N946761" s="10"/>
    </row>
    <row r="946762" spans="14:14">
      <c r="N946762" s="10"/>
    </row>
    <row r="946763" spans="14:14">
      <c r="N946763" s="10"/>
    </row>
    <row r="946764" spans="14:14">
      <c r="N946764" s="10"/>
    </row>
    <row r="946765" spans="14:14">
      <c r="N946765" s="10"/>
    </row>
    <row r="946766" spans="14:14">
      <c r="N946766" s="10"/>
    </row>
    <row r="946767" spans="14:14">
      <c r="N946767" s="10"/>
    </row>
    <row r="946768" spans="14:14">
      <c r="N946768" s="10"/>
    </row>
    <row r="946769" spans="14:14">
      <c r="N946769" s="10"/>
    </row>
    <row r="946770" spans="14:14">
      <c r="N946770" s="10"/>
    </row>
    <row r="946771" spans="14:14">
      <c r="N946771" s="10"/>
    </row>
    <row r="946772" spans="14:14">
      <c r="N946772" s="10"/>
    </row>
    <row r="946773" spans="14:14">
      <c r="N946773" s="10"/>
    </row>
    <row r="946774" spans="14:14">
      <c r="N946774" s="10"/>
    </row>
    <row r="946775" spans="14:14">
      <c r="N946775" s="10"/>
    </row>
    <row r="946776" spans="14:14">
      <c r="N946776" s="10"/>
    </row>
    <row r="946777" spans="14:14">
      <c r="N946777" s="10"/>
    </row>
    <row r="946778" spans="14:14">
      <c r="N946778" s="10"/>
    </row>
    <row r="946779" spans="14:14">
      <c r="N946779" s="10"/>
    </row>
    <row r="946780" spans="14:14">
      <c r="N946780" s="10"/>
    </row>
    <row r="946781" spans="14:14">
      <c r="N946781" s="10"/>
    </row>
    <row r="946782" spans="14:14">
      <c r="N946782" s="10"/>
    </row>
    <row r="946783" spans="14:14">
      <c r="N946783" s="10"/>
    </row>
    <row r="946784" spans="14:14">
      <c r="N946784" s="10"/>
    </row>
    <row r="946785" spans="14:14">
      <c r="N946785" s="10"/>
    </row>
    <row r="946786" spans="14:14">
      <c r="N946786" s="10"/>
    </row>
    <row r="946787" spans="14:14">
      <c r="N946787" s="10"/>
    </row>
    <row r="946788" spans="14:14">
      <c r="N946788" s="10"/>
    </row>
    <row r="946789" spans="14:14">
      <c r="N946789" s="10"/>
    </row>
    <row r="946790" spans="14:14">
      <c r="N946790" s="10"/>
    </row>
    <row r="946791" spans="14:14">
      <c r="N946791" s="10"/>
    </row>
    <row r="946792" spans="14:14">
      <c r="N946792" s="10"/>
    </row>
    <row r="946793" spans="14:14">
      <c r="N946793" s="10"/>
    </row>
    <row r="946794" spans="14:14">
      <c r="N946794" s="10"/>
    </row>
    <row r="946795" spans="14:14">
      <c r="N946795" s="10"/>
    </row>
    <row r="946796" spans="14:14">
      <c r="N946796" s="10"/>
    </row>
    <row r="946797" spans="14:14">
      <c r="N946797" s="10"/>
    </row>
    <row r="946798" spans="14:14">
      <c r="N946798" s="10"/>
    </row>
    <row r="946799" spans="14:14">
      <c r="N946799" s="10"/>
    </row>
    <row r="946800" spans="14:14">
      <c r="N946800" s="10"/>
    </row>
    <row r="946801" spans="14:14">
      <c r="N946801" s="10"/>
    </row>
    <row r="946802" spans="14:14">
      <c r="N946802" s="10"/>
    </row>
    <row r="946803" spans="14:14">
      <c r="N946803" s="10"/>
    </row>
    <row r="946804" spans="14:14">
      <c r="N946804" s="10"/>
    </row>
    <row r="946805" spans="14:14">
      <c r="N946805" s="10"/>
    </row>
    <row r="946806" spans="14:14">
      <c r="N946806" s="10"/>
    </row>
    <row r="946807" spans="14:14">
      <c r="N946807" s="10"/>
    </row>
    <row r="946808" spans="14:14">
      <c r="N946808" s="10"/>
    </row>
    <row r="946809" spans="14:14">
      <c r="N946809" s="10"/>
    </row>
    <row r="946810" spans="14:14">
      <c r="N946810" s="10"/>
    </row>
    <row r="946811" spans="14:14">
      <c r="N946811" s="10"/>
    </row>
    <row r="946812" spans="14:14">
      <c r="N946812" s="10"/>
    </row>
    <row r="946813" spans="14:14">
      <c r="N946813" s="10"/>
    </row>
    <row r="946814" spans="14:14">
      <c r="N946814" s="10"/>
    </row>
    <row r="946815" spans="14:14">
      <c r="N946815" s="10"/>
    </row>
    <row r="946816" spans="14:14">
      <c r="N946816" s="10"/>
    </row>
    <row r="946817" spans="14:14">
      <c r="N946817" s="10"/>
    </row>
    <row r="946818" spans="14:14">
      <c r="N946818" s="10"/>
    </row>
    <row r="946819" spans="14:14">
      <c r="N946819" s="10"/>
    </row>
    <row r="946820" spans="14:14">
      <c r="N946820" s="10"/>
    </row>
    <row r="946821" spans="14:14">
      <c r="N946821" s="10"/>
    </row>
    <row r="946822" spans="14:14">
      <c r="N946822" s="10"/>
    </row>
    <row r="946823" spans="14:14">
      <c r="N946823" s="10"/>
    </row>
    <row r="946824" spans="14:14">
      <c r="N946824" s="10"/>
    </row>
    <row r="946825" spans="14:14">
      <c r="N946825" s="10"/>
    </row>
    <row r="946826" spans="14:14">
      <c r="N946826" s="10"/>
    </row>
    <row r="946827" spans="14:14">
      <c r="N946827" s="10"/>
    </row>
    <row r="946828" spans="14:14">
      <c r="N946828" s="10"/>
    </row>
    <row r="946829" spans="14:14">
      <c r="N946829" s="10"/>
    </row>
    <row r="946830" spans="14:14">
      <c r="N946830" s="10"/>
    </row>
    <row r="946831" spans="14:14">
      <c r="N946831" s="10"/>
    </row>
    <row r="946832" spans="14:14">
      <c r="N946832" s="10"/>
    </row>
    <row r="946833" spans="14:14">
      <c r="N946833" s="10"/>
    </row>
    <row r="946834" spans="14:14">
      <c r="N946834" s="10"/>
    </row>
    <row r="946835" spans="14:14">
      <c r="N946835" s="10"/>
    </row>
    <row r="946836" spans="14:14">
      <c r="N946836" s="10"/>
    </row>
    <row r="946837" spans="14:14">
      <c r="N946837" s="10"/>
    </row>
    <row r="946838" spans="14:14">
      <c r="N946838" s="10"/>
    </row>
    <row r="946839" spans="14:14">
      <c r="N946839" s="10"/>
    </row>
    <row r="946840" spans="14:14">
      <c r="N946840" s="10"/>
    </row>
    <row r="946841" spans="14:14">
      <c r="N946841" s="10"/>
    </row>
    <row r="946842" spans="14:14">
      <c r="N946842" s="10"/>
    </row>
    <row r="946843" spans="14:14">
      <c r="N946843" s="10"/>
    </row>
    <row r="946844" spans="14:14">
      <c r="N946844" s="10"/>
    </row>
    <row r="946845" spans="14:14">
      <c r="N946845" s="10"/>
    </row>
    <row r="946846" spans="14:14">
      <c r="N946846" s="10"/>
    </row>
    <row r="946847" spans="14:14">
      <c r="N946847" s="10"/>
    </row>
    <row r="946848" spans="14:14">
      <c r="N946848" s="10"/>
    </row>
    <row r="946849" spans="14:14">
      <c r="N946849" s="10"/>
    </row>
    <row r="946850" spans="14:14">
      <c r="N946850" s="10"/>
    </row>
    <row r="946851" spans="14:14">
      <c r="N946851" s="10"/>
    </row>
    <row r="946852" spans="14:14">
      <c r="N946852" s="10"/>
    </row>
    <row r="946853" spans="14:14">
      <c r="N946853" s="10"/>
    </row>
    <row r="946854" spans="14:14">
      <c r="N946854" s="10"/>
    </row>
    <row r="946855" spans="14:14">
      <c r="N946855" s="10"/>
    </row>
    <row r="946856" spans="14:14">
      <c r="N946856" s="10"/>
    </row>
    <row r="946857" spans="14:14">
      <c r="N946857" s="10"/>
    </row>
    <row r="946858" spans="14:14">
      <c r="N946858" s="10"/>
    </row>
    <row r="946859" spans="14:14">
      <c r="N946859" s="10"/>
    </row>
    <row r="946860" spans="14:14">
      <c r="N946860" s="10"/>
    </row>
    <row r="946861" spans="14:14">
      <c r="N946861" s="10"/>
    </row>
    <row r="946862" spans="14:14">
      <c r="N946862" s="10"/>
    </row>
    <row r="946863" spans="14:14">
      <c r="N946863" s="10"/>
    </row>
    <row r="946864" spans="14:14">
      <c r="N946864" s="10"/>
    </row>
    <row r="946865" spans="14:14">
      <c r="N946865" s="10"/>
    </row>
    <row r="946866" spans="14:14">
      <c r="N946866" s="10"/>
    </row>
    <row r="946867" spans="14:14">
      <c r="N946867" s="10"/>
    </row>
    <row r="946868" spans="14:14">
      <c r="N946868" s="10"/>
    </row>
    <row r="946869" spans="14:14">
      <c r="N946869" s="10"/>
    </row>
    <row r="946870" spans="14:14">
      <c r="N946870" s="10"/>
    </row>
    <row r="946871" spans="14:14">
      <c r="N946871" s="10"/>
    </row>
    <row r="946872" spans="14:14">
      <c r="N946872" s="10"/>
    </row>
    <row r="946873" spans="14:14">
      <c r="N946873" s="10"/>
    </row>
    <row r="946874" spans="14:14">
      <c r="N946874" s="10"/>
    </row>
    <row r="946875" spans="14:14">
      <c r="N946875" s="10"/>
    </row>
    <row r="946876" spans="14:14">
      <c r="N946876" s="10"/>
    </row>
    <row r="946877" spans="14:14">
      <c r="N946877" s="10"/>
    </row>
    <row r="946878" spans="14:14">
      <c r="N946878" s="10"/>
    </row>
    <row r="946879" spans="14:14">
      <c r="N946879" s="10"/>
    </row>
    <row r="946880" spans="14:14">
      <c r="N946880" s="10"/>
    </row>
    <row r="946881" spans="14:14">
      <c r="N946881" s="10"/>
    </row>
    <row r="946882" spans="14:14">
      <c r="N946882" s="10"/>
    </row>
    <row r="946883" spans="14:14">
      <c r="N946883" s="10"/>
    </row>
    <row r="946884" spans="14:14">
      <c r="N946884" s="10"/>
    </row>
    <row r="946885" spans="14:14">
      <c r="N946885" s="10"/>
    </row>
    <row r="946886" spans="14:14">
      <c r="N946886" s="10"/>
    </row>
    <row r="946887" spans="14:14">
      <c r="N946887" s="10"/>
    </row>
    <row r="946888" spans="14:14">
      <c r="N946888" s="10"/>
    </row>
    <row r="946889" spans="14:14">
      <c r="N946889" s="10"/>
    </row>
    <row r="946890" spans="14:14">
      <c r="N946890" s="10"/>
    </row>
    <row r="946891" spans="14:14">
      <c r="N946891" s="10"/>
    </row>
    <row r="946892" spans="14:14">
      <c r="N946892" s="10"/>
    </row>
    <row r="946893" spans="14:14">
      <c r="N946893" s="10"/>
    </row>
    <row r="946894" spans="14:14">
      <c r="N946894" s="10"/>
    </row>
    <row r="946895" spans="14:14">
      <c r="N946895" s="10"/>
    </row>
    <row r="946896" spans="14:14">
      <c r="N946896" s="10"/>
    </row>
    <row r="946897" spans="14:14">
      <c r="N946897" s="10"/>
    </row>
    <row r="946898" spans="14:14">
      <c r="N946898" s="10"/>
    </row>
    <row r="946899" spans="14:14">
      <c r="N946899" s="10"/>
    </row>
    <row r="946900" spans="14:14">
      <c r="N946900" s="10"/>
    </row>
    <row r="946901" spans="14:14">
      <c r="N946901" s="10"/>
    </row>
    <row r="946902" spans="14:14">
      <c r="N946902" s="10"/>
    </row>
    <row r="946903" spans="14:14">
      <c r="N946903" s="10"/>
    </row>
    <row r="946904" spans="14:14">
      <c r="N946904" s="10"/>
    </row>
    <row r="946905" spans="14:14">
      <c r="N946905" s="10"/>
    </row>
    <row r="946906" spans="14:14">
      <c r="N946906" s="10"/>
    </row>
    <row r="946907" spans="14:14">
      <c r="N946907" s="10"/>
    </row>
    <row r="946908" spans="14:14">
      <c r="N946908" s="10"/>
    </row>
    <row r="946909" spans="14:14">
      <c r="N946909" s="10"/>
    </row>
    <row r="946910" spans="14:14">
      <c r="N946910" s="10"/>
    </row>
    <row r="946911" spans="14:14">
      <c r="N946911" s="10"/>
    </row>
    <row r="946912" spans="14:14">
      <c r="N946912" s="10"/>
    </row>
    <row r="946913" spans="14:14">
      <c r="N946913" s="10"/>
    </row>
    <row r="946914" spans="14:14">
      <c r="N946914" s="10"/>
    </row>
    <row r="946915" spans="14:14">
      <c r="N946915" s="10"/>
    </row>
    <row r="946916" spans="14:14">
      <c r="N946916" s="10"/>
    </row>
    <row r="946917" spans="14:14">
      <c r="N946917" s="10"/>
    </row>
    <row r="946918" spans="14:14">
      <c r="N946918" s="10"/>
    </row>
    <row r="946919" spans="14:14">
      <c r="N946919" s="10"/>
    </row>
    <row r="946920" spans="14:14">
      <c r="N946920" s="10"/>
    </row>
    <row r="946921" spans="14:14">
      <c r="N946921" s="10"/>
    </row>
    <row r="946922" spans="14:14">
      <c r="N946922" s="10"/>
    </row>
    <row r="946923" spans="14:14">
      <c r="N946923" s="10"/>
    </row>
    <row r="946924" spans="14:14">
      <c r="N946924" s="10"/>
    </row>
    <row r="946925" spans="14:14">
      <c r="N946925" s="10"/>
    </row>
    <row r="946926" spans="14:14">
      <c r="N946926" s="10"/>
    </row>
    <row r="946927" spans="14:14">
      <c r="N946927" s="10"/>
    </row>
    <row r="946928" spans="14:14">
      <c r="N946928" s="10"/>
    </row>
    <row r="946929" spans="14:14">
      <c r="N946929" s="10"/>
    </row>
    <row r="946930" spans="14:14">
      <c r="N946930" s="10"/>
    </row>
    <row r="946931" spans="14:14">
      <c r="N946931" s="10"/>
    </row>
    <row r="946932" spans="14:14">
      <c r="N946932" s="10"/>
    </row>
    <row r="946933" spans="14:14">
      <c r="N946933" s="10"/>
    </row>
    <row r="946934" spans="14:14">
      <c r="N946934" s="10"/>
    </row>
    <row r="946935" spans="14:14">
      <c r="N946935" s="10"/>
    </row>
    <row r="946936" spans="14:14">
      <c r="N946936" s="10"/>
    </row>
    <row r="946937" spans="14:14">
      <c r="N946937" s="10"/>
    </row>
    <row r="946938" spans="14:14">
      <c r="N946938" s="10"/>
    </row>
    <row r="946939" spans="14:14">
      <c r="N946939" s="10"/>
    </row>
    <row r="946940" spans="14:14">
      <c r="N946940" s="10"/>
    </row>
    <row r="946941" spans="14:14">
      <c r="N946941" s="10"/>
    </row>
    <row r="946942" spans="14:14">
      <c r="N946942" s="10"/>
    </row>
    <row r="946943" spans="14:14">
      <c r="N946943" s="10"/>
    </row>
    <row r="946944" spans="14:14">
      <c r="N946944" s="10"/>
    </row>
    <row r="946945" spans="14:14">
      <c r="N946945" s="10"/>
    </row>
    <row r="946946" spans="14:14">
      <c r="N946946" s="10"/>
    </row>
    <row r="946947" spans="14:14">
      <c r="N946947" s="10"/>
    </row>
    <row r="946948" spans="14:14">
      <c r="N946948" s="10"/>
    </row>
    <row r="946949" spans="14:14">
      <c r="N946949" s="10"/>
    </row>
    <row r="946950" spans="14:14">
      <c r="N946950" s="10"/>
    </row>
    <row r="946951" spans="14:14">
      <c r="N946951" s="10"/>
    </row>
    <row r="946952" spans="14:14">
      <c r="N946952" s="10"/>
    </row>
    <row r="946953" spans="14:14">
      <c r="N946953" s="10"/>
    </row>
    <row r="946954" spans="14:14">
      <c r="N946954" s="10"/>
    </row>
    <row r="946955" spans="14:14">
      <c r="N946955" s="10"/>
    </row>
    <row r="946956" spans="14:14">
      <c r="N946956" s="10"/>
    </row>
    <row r="946957" spans="14:14">
      <c r="N946957" s="10"/>
    </row>
    <row r="946958" spans="14:14">
      <c r="N946958" s="10"/>
    </row>
    <row r="946959" spans="14:14">
      <c r="N946959" s="10"/>
    </row>
    <row r="946960" spans="14:14">
      <c r="N946960" s="10"/>
    </row>
    <row r="946961" spans="14:14">
      <c r="N946961" s="10"/>
    </row>
    <row r="946962" spans="14:14">
      <c r="N946962" s="10"/>
    </row>
    <row r="946963" spans="14:14">
      <c r="N946963" s="10"/>
    </row>
    <row r="946964" spans="14:14">
      <c r="N946964" s="10"/>
    </row>
    <row r="946965" spans="14:14">
      <c r="N946965" s="10"/>
    </row>
    <row r="946966" spans="14:14">
      <c r="N946966" s="10"/>
    </row>
    <row r="946967" spans="14:14">
      <c r="N946967" s="10"/>
    </row>
    <row r="946968" spans="14:14">
      <c r="N946968" s="10"/>
    </row>
    <row r="946969" spans="14:14">
      <c r="N946969" s="10"/>
    </row>
    <row r="946970" spans="14:14">
      <c r="N946970" s="10"/>
    </row>
    <row r="946971" spans="14:14">
      <c r="N946971" s="10"/>
    </row>
    <row r="946972" spans="14:14">
      <c r="N946972" s="10"/>
    </row>
    <row r="946973" spans="14:14">
      <c r="N946973" s="10"/>
    </row>
    <row r="946974" spans="14:14">
      <c r="N946974" s="10"/>
    </row>
    <row r="946975" spans="14:14">
      <c r="N946975" s="10"/>
    </row>
    <row r="946976" spans="14:14">
      <c r="N946976" s="10"/>
    </row>
    <row r="946977" spans="14:14">
      <c r="N946977" s="10"/>
    </row>
    <row r="946978" spans="14:14">
      <c r="N946978" s="10"/>
    </row>
    <row r="946979" spans="14:14">
      <c r="N946979" s="10"/>
    </row>
    <row r="946980" spans="14:14">
      <c r="N946980" s="10"/>
    </row>
    <row r="946981" spans="14:14">
      <c r="N946981" s="10"/>
    </row>
    <row r="946982" spans="14:14">
      <c r="N946982" s="10"/>
    </row>
    <row r="946983" spans="14:14">
      <c r="N946983" s="10"/>
    </row>
    <row r="946984" spans="14:14">
      <c r="N946984" s="10"/>
    </row>
    <row r="946985" spans="14:14">
      <c r="N946985" s="10"/>
    </row>
    <row r="946986" spans="14:14">
      <c r="N946986" s="10"/>
    </row>
    <row r="946987" spans="14:14">
      <c r="N946987" s="10"/>
    </row>
    <row r="946988" spans="14:14">
      <c r="N946988" s="10"/>
    </row>
    <row r="946989" spans="14:14">
      <c r="N946989" s="10"/>
    </row>
    <row r="946990" spans="14:14">
      <c r="N946990" s="10"/>
    </row>
    <row r="946991" spans="14:14">
      <c r="N946991" s="10"/>
    </row>
    <row r="946992" spans="14:14">
      <c r="N946992" s="10"/>
    </row>
    <row r="946993" spans="14:14">
      <c r="N946993" s="10"/>
    </row>
    <row r="946994" spans="14:14">
      <c r="N946994" s="10"/>
    </row>
    <row r="946995" spans="14:14">
      <c r="N946995" s="10"/>
    </row>
    <row r="946996" spans="14:14">
      <c r="N946996" s="10"/>
    </row>
    <row r="946997" spans="14:14">
      <c r="N946997" s="10"/>
    </row>
    <row r="946998" spans="14:14">
      <c r="N946998" s="10"/>
    </row>
    <row r="946999" spans="14:14">
      <c r="N946999" s="10"/>
    </row>
    <row r="947000" spans="14:14">
      <c r="N947000" s="10"/>
    </row>
    <row r="947001" spans="14:14">
      <c r="N947001" s="10"/>
    </row>
    <row r="947002" spans="14:14">
      <c r="N947002" s="10"/>
    </row>
    <row r="947003" spans="14:14">
      <c r="N947003" s="10"/>
    </row>
    <row r="947004" spans="14:14">
      <c r="N947004" s="10"/>
    </row>
    <row r="947005" spans="14:14">
      <c r="N947005" s="10"/>
    </row>
    <row r="947006" spans="14:14">
      <c r="N947006" s="10"/>
    </row>
    <row r="947007" spans="14:14">
      <c r="N947007" s="10"/>
    </row>
    <row r="947008" spans="14:14">
      <c r="N947008" s="10"/>
    </row>
    <row r="947009" spans="14:14">
      <c r="N947009" s="10"/>
    </row>
    <row r="947010" spans="14:14">
      <c r="N947010" s="10"/>
    </row>
    <row r="947011" spans="14:14">
      <c r="N947011" s="10"/>
    </row>
    <row r="947012" spans="14:14">
      <c r="N947012" s="10"/>
    </row>
    <row r="947013" spans="14:14">
      <c r="N947013" s="10"/>
    </row>
    <row r="947014" spans="14:14">
      <c r="N947014" s="10"/>
    </row>
    <row r="947015" spans="14:14">
      <c r="N947015" s="10"/>
    </row>
    <row r="947016" spans="14:14">
      <c r="N947016" s="10"/>
    </row>
    <row r="947017" spans="14:14">
      <c r="N947017" s="10"/>
    </row>
    <row r="947018" spans="14:14">
      <c r="N947018" s="10"/>
    </row>
    <row r="947019" spans="14:14">
      <c r="N947019" s="10"/>
    </row>
    <row r="947020" spans="14:14">
      <c r="N947020" s="10"/>
    </row>
    <row r="947021" spans="14:14">
      <c r="N947021" s="10"/>
    </row>
    <row r="947022" spans="14:14">
      <c r="N947022" s="10"/>
    </row>
    <row r="947023" spans="14:14">
      <c r="N947023" s="10"/>
    </row>
    <row r="947024" spans="14:14">
      <c r="N947024" s="10"/>
    </row>
    <row r="947025" spans="14:14">
      <c r="N947025" s="10"/>
    </row>
    <row r="947026" spans="14:14">
      <c r="N947026" s="10"/>
    </row>
    <row r="947027" spans="14:14">
      <c r="N947027" s="10"/>
    </row>
    <row r="947028" spans="14:14">
      <c r="N947028" s="10"/>
    </row>
    <row r="947029" spans="14:14">
      <c r="N947029" s="10"/>
    </row>
    <row r="947030" spans="14:14">
      <c r="N947030" s="10"/>
    </row>
    <row r="947031" spans="14:14">
      <c r="N947031" s="10"/>
    </row>
    <row r="947032" spans="14:14">
      <c r="N947032" s="10"/>
    </row>
    <row r="947033" spans="14:14">
      <c r="N947033" s="10"/>
    </row>
    <row r="947034" spans="14:14">
      <c r="N947034" s="10"/>
    </row>
    <row r="947035" spans="14:14">
      <c r="N947035" s="10"/>
    </row>
    <row r="947036" spans="14:14">
      <c r="N947036" s="10"/>
    </row>
    <row r="947037" spans="14:14">
      <c r="N947037" s="10"/>
    </row>
    <row r="947038" spans="14:14">
      <c r="N947038" s="10"/>
    </row>
    <row r="947039" spans="14:14">
      <c r="N947039" s="10"/>
    </row>
    <row r="947040" spans="14:14">
      <c r="N947040" s="10"/>
    </row>
    <row r="947041" spans="14:14">
      <c r="N947041" s="10"/>
    </row>
    <row r="947042" spans="14:14">
      <c r="N947042" s="10"/>
    </row>
    <row r="947043" spans="14:14">
      <c r="N947043" s="10"/>
    </row>
    <row r="947044" spans="14:14">
      <c r="N947044" s="10"/>
    </row>
    <row r="947045" spans="14:14">
      <c r="N947045" s="10"/>
    </row>
    <row r="947046" spans="14:14">
      <c r="N947046" s="10"/>
    </row>
    <row r="947047" spans="14:14">
      <c r="N947047" s="10"/>
    </row>
    <row r="947048" spans="14:14">
      <c r="N947048" s="10"/>
    </row>
    <row r="947049" spans="14:14">
      <c r="N947049" s="10"/>
    </row>
    <row r="947050" spans="14:14">
      <c r="N947050" s="10"/>
    </row>
    <row r="947051" spans="14:14">
      <c r="N947051" s="10"/>
    </row>
    <row r="947052" spans="14:14">
      <c r="N947052" s="10"/>
    </row>
    <row r="947053" spans="14:14">
      <c r="N947053" s="10"/>
    </row>
    <row r="947054" spans="14:14">
      <c r="N947054" s="10"/>
    </row>
    <row r="947055" spans="14:14">
      <c r="N947055" s="10"/>
    </row>
    <row r="947056" spans="14:14">
      <c r="N947056" s="10"/>
    </row>
    <row r="947057" spans="14:14">
      <c r="N947057" s="10"/>
    </row>
    <row r="947058" spans="14:14">
      <c r="N947058" s="10"/>
    </row>
    <row r="947059" spans="14:14">
      <c r="N947059" s="10"/>
    </row>
    <row r="947060" spans="14:14">
      <c r="N947060" s="10"/>
    </row>
    <row r="947061" spans="14:14">
      <c r="N947061" s="10"/>
    </row>
    <row r="947062" spans="14:14">
      <c r="N947062" s="10"/>
    </row>
    <row r="947063" spans="14:14">
      <c r="N947063" s="10"/>
    </row>
    <row r="947064" spans="14:14">
      <c r="N947064" s="10"/>
    </row>
    <row r="947065" spans="14:14">
      <c r="N947065" s="10"/>
    </row>
    <row r="947066" spans="14:14">
      <c r="N947066" s="10"/>
    </row>
    <row r="947067" spans="14:14">
      <c r="N947067" s="10"/>
    </row>
    <row r="947068" spans="14:14">
      <c r="N947068" s="10"/>
    </row>
    <row r="947069" spans="14:14">
      <c r="N947069" s="10"/>
    </row>
    <row r="947070" spans="14:14">
      <c r="N947070" s="10"/>
    </row>
    <row r="947071" spans="14:14">
      <c r="N947071" s="10"/>
    </row>
    <row r="947072" spans="14:14">
      <c r="N947072" s="10"/>
    </row>
    <row r="947073" spans="14:14">
      <c r="N947073" s="10"/>
    </row>
    <row r="947074" spans="14:14">
      <c r="N947074" s="10"/>
    </row>
    <row r="947075" spans="14:14">
      <c r="N947075" s="10"/>
    </row>
    <row r="947076" spans="14:14">
      <c r="N947076" s="10"/>
    </row>
    <row r="947077" spans="14:14">
      <c r="N947077" s="10"/>
    </row>
    <row r="947078" spans="14:14">
      <c r="N947078" s="10"/>
    </row>
    <row r="947079" spans="14:14">
      <c r="N947079" s="10"/>
    </row>
    <row r="947080" spans="14:14">
      <c r="N947080" s="10"/>
    </row>
    <row r="947081" spans="14:14">
      <c r="N947081" s="10"/>
    </row>
    <row r="947082" spans="14:14">
      <c r="N947082" s="10"/>
    </row>
    <row r="947083" spans="14:14">
      <c r="N947083" s="10"/>
    </row>
    <row r="947084" spans="14:14">
      <c r="N947084" s="10"/>
    </row>
    <row r="947085" spans="14:14">
      <c r="N947085" s="10"/>
    </row>
    <row r="947086" spans="14:14">
      <c r="N947086" s="10"/>
    </row>
    <row r="947087" spans="14:14">
      <c r="N947087" s="10"/>
    </row>
    <row r="947088" spans="14:14">
      <c r="N947088" s="10"/>
    </row>
    <row r="947089" spans="14:14">
      <c r="N947089" s="10"/>
    </row>
    <row r="947090" spans="14:14">
      <c r="N947090" s="10"/>
    </row>
    <row r="947091" spans="14:14">
      <c r="N947091" s="10"/>
    </row>
    <row r="947092" spans="14:14">
      <c r="N947092" s="10"/>
    </row>
    <row r="947093" spans="14:14">
      <c r="N947093" s="10"/>
    </row>
    <row r="947094" spans="14:14">
      <c r="N947094" s="10"/>
    </row>
    <row r="947095" spans="14:14">
      <c r="N947095" s="10"/>
    </row>
    <row r="947096" spans="14:14">
      <c r="N947096" s="10"/>
    </row>
    <row r="947097" spans="14:14">
      <c r="N947097" s="10"/>
    </row>
    <row r="947098" spans="14:14">
      <c r="N947098" s="10"/>
    </row>
    <row r="947099" spans="14:14">
      <c r="N947099" s="10"/>
    </row>
    <row r="947100" spans="14:14">
      <c r="N947100" s="10"/>
    </row>
    <row r="947101" spans="14:14">
      <c r="N947101" s="10"/>
    </row>
    <row r="947102" spans="14:14">
      <c r="N947102" s="10"/>
    </row>
    <row r="947103" spans="14:14">
      <c r="N947103" s="10"/>
    </row>
    <row r="947104" spans="14:14">
      <c r="N947104" s="10"/>
    </row>
    <row r="947105" spans="14:14">
      <c r="N947105" s="10"/>
    </row>
    <row r="947106" spans="14:14">
      <c r="N947106" s="10"/>
    </row>
    <row r="947107" spans="14:14">
      <c r="N947107" s="10"/>
    </row>
    <row r="947108" spans="14:14">
      <c r="N947108" s="10"/>
    </row>
    <row r="947109" spans="14:14">
      <c r="N947109" s="10"/>
    </row>
    <row r="947110" spans="14:14">
      <c r="N947110" s="10"/>
    </row>
    <row r="947111" spans="14:14">
      <c r="N947111" s="10"/>
    </row>
    <row r="947112" spans="14:14">
      <c r="N947112" s="10"/>
    </row>
    <row r="947113" spans="14:14">
      <c r="N947113" s="10"/>
    </row>
    <row r="947114" spans="14:14">
      <c r="N947114" s="10"/>
    </row>
    <row r="947115" spans="14:14">
      <c r="N947115" s="10"/>
    </row>
    <row r="947116" spans="14:14">
      <c r="N947116" s="10"/>
    </row>
    <row r="947117" spans="14:14">
      <c r="N947117" s="10"/>
    </row>
    <row r="947118" spans="14:14">
      <c r="N947118" s="10"/>
    </row>
    <row r="947119" spans="14:14">
      <c r="N947119" s="10"/>
    </row>
    <row r="947120" spans="14:14">
      <c r="N947120" s="10"/>
    </row>
    <row r="947121" spans="14:14">
      <c r="N947121" s="10"/>
    </row>
    <row r="947122" spans="14:14">
      <c r="N947122" s="10"/>
    </row>
    <row r="947123" spans="14:14">
      <c r="N947123" s="10"/>
    </row>
    <row r="947124" spans="14:14">
      <c r="N947124" s="10"/>
    </row>
    <row r="947125" spans="14:14">
      <c r="N947125" s="10"/>
    </row>
    <row r="947126" spans="14:14">
      <c r="N947126" s="10"/>
    </row>
    <row r="947127" spans="14:14">
      <c r="N947127" s="10"/>
    </row>
    <row r="947128" spans="14:14">
      <c r="N947128" s="10"/>
    </row>
    <row r="947129" spans="14:14">
      <c r="N947129" s="10"/>
    </row>
    <row r="947130" spans="14:14">
      <c r="N947130" s="10"/>
    </row>
    <row r="947131" spans="14:14">
      <c r="N947131" s="10"/>
    </row>
    <row r="947132" spans="14:14">
      <c r="N947132" s="10"/>
    </row>
    <row r="947133" spans="14:14">
      <c r="N947133" s="10"/>
    </row>
    <row r="947134" spans="14:14">
      <c r="N947134" s="10"/>
    </row>
    <row r="947135" spans="14:14">
      <c r="N947135" s="10"/>
    </row>
    <row r="947136" spans="14:14">
      <c r="N947136" s="10"/>
    </row>
    <row r="947137" spans="14:14">
      <c r="N947137" s="10"/>
    </row>
    <row r="947138" spans="14:14">
      <c r="N947138" s="10"/>
    </row>
    <row r="947139" spans="14:14">
      <c r="N947139" s="10"/>
    </row>
    <row r="947140" spans="14:14">
      <c r="N947140" s="10"/>
    </row>
    <row r="947141" spans="14:14">
      <c r="N947141" s="10"/>
    </row>
    <row r="947142" spans="14:14">
      <c r="N947142" s="10"/>
    </row>
    <row r="947143" spans="14:14">
      <c r="N947143" s="10"/>
    </row>
    <row r="947144" spans="14:14">
      <c r="N947144" s="10"/>
    </row>
    <row r="947145" spans="14:14">
      <c r="N947145" s="10"/>
    </row>
    <row r="947146" spans="14:14">
      <c r="N947146" s="10"/>
    </row>
    <row r="947147" spans="14:14">
      <c r="N947147" s="10"/>
    </row>
    <row r="947148" spans="14:14">
      <c r="N947148" s="10"/>
    </row>
    <row r="947149" spans="14:14">
      <c r="N947149" s="10"/>
    </row>
    <row r="947150" spans="14:14">
      <c r="N947150" s="10"/>
    </row>
    <row r="947151" spans="14:14">
      <c r="N947151" s="10"/>
    </row>
    <row r="947152" spans="14:14">
      <c r="N947152" s="10"/>
    </row>
    <row r="947153" spans="14:14">
      <c r="N947153" s="10"/>
    </row>
    <row r="947154" spans="14:14">
      <c r="N947154" s="10"/>
    </row>
    <row r="947155" spans="14:14">
      <c r="N947155" s="10"/>
    </row>
    <row r="947156" spans="14:14">
      <c r="N947156" s="10"/>
    </row>
    <row r="947157" spans="14:14">
      <c r="N947157" s="10"/>
    </row>
    <row r="947158" spans="14:14">
      <c r="N947158" s="10"/>
    </row>
    <row r="947159" spans="14:14">
      <c r="N947159" s="10"/>
    </row>
    <row r="947160" spans="14:14">
      <c r="N947160" s="10"/>
    </row>
    <row r="947161" spans="14:14">
      <c r="N947161" s="10"/>
    </row>
    <row r="947162" spans="14:14">
      <c r="N947162" s="10"/>
    </row>
    <row r="947163" spans="14:14">
      <c r="N947163" s="10"/>
    </row>
    <row r="947164" spans="14:14">
      <c r="N947164" s="10"/>
    </row>
    <row r="947165" spans="14:14">
      <c r="N947165" s="10"/>
    </row>
    <row r="947166" spans="14:14">
      <c r="N947166" s="10"/>
    </row>
    <row r="947167" spans="14:14">
      <c r="N947167" s="10"/>
    </row>
    <row r="947168" spans="14:14">
      <c r="N947168" s="10"/>
    </row>
    <row r="947169" spans="14:14">
      <c r="N947169" s="10"/>
    </row>
    <row r="947170" spans="14:14">
      <c r="N947170" s="10"/>
    </row>
    <row r="947171" spans="14:14">
      <c r="N947171" s="10"/>
    </row>
    <row r="947172" spans="14:14">
      <c r="N947172" s="10"/>
    </row>
    <row r="947173" spans="14:14">
      <c r="N947173" s="10"/>
    </row>
    <row r="947174" spans="14:14">
      <c r="N947174" s="10"/>
    </row>
    <row r="947175" spans="14:14">
      <c r="N947175" s="10"/>
    </row>
    <row r="947176" spans="14:14">
      <c r="N947176" s="10"/>
    </row>
    <row r="947177" spans="14:14">
      <c r="N947177" s="10"/>
    </row>
    <row r="947178" spans="14:14">
      <c r="N947178" s="10"/>
    </row>
    <row r="947179" spans="14:14">
      <c r="N947179" s="10"/>
    </row>
    <row r="947180" spans="14:14">
      <c r="N947180" s="10"/>
    </row>
    <row r="947181" spans="14:14">
      <c r="N947181" s="10"/>
    </row>
    <row r="947182" spans="14:14">
      <c r="N947182" s="10"/>
    </row>
    <row r="947183" spans="14:14">
      <c r="N947183" s="10"/>
    </row>
    <row r="947184" spans="14:14">
      <c r="N947184" s="10"/>
    </row>
    <row r="947185" spans="14:14">
      <c r="N947185" s="10"/>
    </row>
    <row r="947186" spans="14:14">
      <c r="N947186" s="10"/>
    </row>
    <row r="947187" spans="14:14">
      <c r="N947187" s="10"/>
    </row>
    <row r="947188" spans="14:14">
      <c r="N947188" s="10"/>
    </row>
    <row r="947189" spans="14:14">
      <c r="N947189" s="10"/>
    </row>
    <row r="947190" spans="14:14">
      <c r="N947190" s="10"/>
    </row>
    <row r="947191" spans="14:14">
      <c r="N947191" s="10"/>
    </row>
    <row r="947192" spans="14:14">
      <c r="N947192" s="10"/>
    </row>
    <row r="947193" spans="14:14">
      <c r="N947193" s="10"/>
    </row>
    <row r="947194" spans="14:14">
      <c r="N947194" s="10"/>
    </row>
    <row r="947195" spans="14:14">
      <c r="N947195" s="10"/>
    </row>
    <row r="947196" spans="14:14">
      <c r="N947196" s="10"/>
    </row>
    <row r="947197" spans="14:14">
      <c r="N947197" s="10"/>
    </row>
    <row r="947198" spans="14:14">
      <c r="N947198" s="10"/>
    </row>
    <row r="947199" spans="14:14">
      <c r="N947199" s="10"/>
    </row>
    <row r="947200" spans="14:14">
      <c r="N947200" s="10"/>
    </row>
    <row r="947201" spans="14:14">
      <c r="N947201" s="10"/>
    </row>
    <row r="947202" spans="14:14">
      <c r="N947202" s="10"/>
    </row>
    <row r="947203" spans="14:14">
      <c r="N947203" s="10"/>
    </row>
    <row r="947204" spans="14:14">
      <c r="N947204" s="10"/>
    </row>
    <row r="947205" spans="14:14">
      <c r="N947205" s="10"/>
    </row>
    <row r="947206" spans="14:14">
      <c r="N947206" s="10"/>
    </row>
    <row r="947207" spans="14:14">
      <c r="N947207" s="10"/>
    </row>
    <row r="947208" spans="14:14">
      <c r="N947208" s="10"/>
    </row>
    <row r="947209" spans="14:14">
      <c r="N947209" s="10"/>
    </row>
    <row r="947210" spans="14:14">
      <c r="N947210" s="10"/>
    </row>
    <row r="947211" spans="14:14">
      <c r="N947211" s="10"/>
    </row>
    <row r="947212" spans="14:14">
      <c r="N947212" s="10"/>
    </row>
    <row r="947213" spans="14:14">
      <c r="N947213" s="10"/>
    </row>
    <row r="947214" spans="14:14">
      <c r="N947214" s="10"/>
    </row>
    <row r="947215" spans="14:14">
      <c r="N947215" s="10"/>
    </row>
    <row r="947216" spans="14:14">
      <c r="N947216" s="10"/>
    </row>
    <row r="947217" spans="14:14">
      <c r="N947217" s="10"/>
    </row>
    <row r="947218" spans="14:14">
      <c r="N947218" s="10"/>
    </row>
    <row r="947219" spans="14:14">
      <c r="N947219" s="10"/>
    </row>
    <row r="947220" spans="14:14">
      <c r="N947220" s="10"/>
    </row>
    <row r="947221" spans="14:14">
      <c r="N947221" s="10"/>
    </row>
    <row r="947222" spans="14:14">
      <c r="N947222" s="10"/>
    </row>
    <row r="947223" spans="14:14">
      <c r="N947223" s="10"/>
    </row>
    <row r="947224" spans="14:14">
      <c r="N947224" s="10"/>
    </row>
    <row r="947225" spans="14:14">
      <c r="N947225" s="10"/>
    </row>
    <row r="947226" spans="14:14">
      <c r="N947226" s="10"/>
    </row>
    <row r="947227" spans="14:14">
      <c r="N947227" s="10"/>
    </row>
    <row r="947228" spans="14:14">
      <c r="N947228" s="10"/>
    </row>
    <row r="947229" spans="14:14">
      <c r="N947229" s="10"/>
    </row>
    <row r="947230" spans="14:14">
      <c r="N947230" s="10"/>
    </row>
    <row r="947231" spans="14:14">
      <c r="N947231" s="10"/>
    </row>
    <row r="947232" spans="14:14">
      <c r="N947232" s="10"/>
    </row>
    <row r="947233" spans="14:14">
      <c r="N947233" s="10"/>
    </row>
    <row r="947234" spans="14:14">
      <c r="N947234" s="10"/>
    </row>
    <row r="947235" spans="14:14">
      <c r="N947235" s="10"/>
    </row>
    <row r="947236" spans="14:14">
      <c r="N947236" s="10"/>
    </row>
    <row r="947237" spans="14:14">
      <c r="N947237" s="10"/>
    </row>
    <row r="947238" spans="14:14">
      <c r="N947238" s="10"/>
    </row>
    <row r="947239" spans="14:14">
      <c r="N947239" s="10"/>
    </row>
    <row r="947240" spans="14:14">
      <c r="N947240" s="10"/>
    </row>
    <row r="947241" spans="14:14">
      <c r="N947241" s="10"/>
    </row>
    <row r="947242" spans="14:14">
      <c r="N947242" s="10"/>
    </row>
    <row r="947243" spans="14:14">
      <c r="N947243" s="10"/>
    </row>
    <row r="947244" spans="14:14">
      <c r="N947244" s="10"/>
    </row>
    <row r="947245" spans="14:14">
      <c r="N947245" s="10"/>
    </row>
    <row r="947246" spans="14:14">
      <c r="N947246" s="10"/>
    </row>
    <row r="947247" spans="14:14">
      <c r="N947247" s="10"/>
    </row>
    <row r="947248" spans="14:14">
      <c r="N947248" s="10"/>
    </row>
    <row r="947249" spans="14:14">
      <c r="N947249" s="10"/>
    </row>
    <row r="947250" spans="14:14">
      <c r="N947250" s="10"/>
    </row>
    <row r="947251" spans="14:14">
      <c r="N947251" s="10"/>
    </row>
    <row r="947252" spans="14:14">
      <c r="N947252" s="10"/>
    </row>
    <row r="947253" spans="14:14">
      <c r="N947253" s="10"/>
    </row>
    <row r="947254" spans="14:14">
      <c r="N947254" s="10"/>
    </row>
    <row r="947255" spans="14:14">
      <c r="N947255" s="10"/>
    </row>
    <row r="947256" spans="14:14">
      <c r="N947256" s="10"/>
    </row>
    <row r="947257" spans="14:14">
      <c r="N947257" s="10"/>
    </row>
    <row r="947258" spans="14:14">
      <c r="N947258" s="10"/>
    </row>
    <row r="947259" spans="14:14">
      <c r="N947259" s="10"/>
    </row>
    <row r="947260" spans="14:14">
      <c r="N947260" s="10"/>
    </row>
    <row r="947261" spans="14:14">
      <c r="N947261" s="10"/>
    </row>
    <row r="947262" spans="14:14">
      <c r="N947262" s="10"/>
    </row>
    <row r="947263" spans="14:14">
      <c r="N947263" s="10"/>
    </row>
    <row r="947264" spans="14:14">
      <c r="N947264" s="10"/>
    </row>
    <row r="947265" spans="14:14">
      <c r="N947265" s="10"/>
    </row>
    <row r="947266" spans="14:14">
      <c r="N947266" s="10"/>
    </row>
    <row r="947267" spans="14:14">
      <c r="N947267" s="10"/>
    </row>
    <row r="947268" spans="14:14">
      <c r="N947268" s="10"/>
    </row>
    <row r="947269" spans="14:14">
      <c r="N947269" s="10"/>
    </row>
    <row r="947270" spans="14:14">
      <c r="N947270" s="10"/>
    </row>
    <row r="947271" spans="14:14">
      <c r="N947271" s="10"/>
    </row>
    <row r="947272" spans="14:14">
      <c r="N947272" s="10"/>
    </row>
    <row r="947273" spans="14:14">
      <c r="N947273" s="10"/>
    </row>
    <row r="947274" spans="14:14">
      <c r="N947274" s="10"/>
    </row>
    <row r="947275" spans="14:14">
      <c r="N947275" s="10"/>
    </row>
    <row r="947276" spans="14:14">
      <c r="N947276" s="10"/>
    </row>
    <row r="947277" spans="14:14">
      <c r="N947277" s="10"/>
    </row>
    <row r="947278" spans="14:14">
      <c r="N947278" s="10"/>
    </row>
    <row r="947279" spans="14:14">
      <c r="N947279" s="10"/>
    </row>
    <row r="947280" spans="14:14">
      <c r="N947280" s="10"/>
    </row>
    <row r="947281" spans="14:14">
      <c r="N947281" s="10"/>
    </row>
    <row r="947282" spans="14:14">
      <c r="N947282" s="10"/>
    </row>
    <row r="947283" spans="14:14">
      <c r="N947283" s="10"/>
    </row>
    <row r="947284" spans="14:14">
      <c r="N947284" s="10"/>
    </row>
    <row r="947285" spans="14:14">
      <c r="N947285" s="10"/>
    </row>
    <row r="947286" spans="14:14">
      <c r="N947286" s="10"/>
    </row>
    <row r="947287" spans="14:14">
      <c r="N947287" s="10"/>
    </row>
    <row r="947288" spans="14:14">
      <c r="N947288" s="10"/>
    </row>
    <row r="947289" spans="14:14">
      <c r="N947289" s="10"/>
    </row>
    <row r="947290" spans="14:14">
      <c r="N947290" s="10"/>
    </row>
    <row r="947291" spans="14:14">
      <c r="N947291" s="10"/>
    </row>
    <row r="947292" spans="14:14">
      <c r="N947292" s="10"/>
    </row>
    <row r="947293" spans="14:14">
      <c r="N947293" s="10"/>
    </row>
    <row r="947294" spans="14:14">
      <c r="N947294" s="10"/>
    </row>
    <row r="947295" spans="14:14">
      <c r="N947295" s="10"/>
    </row>
    <row r="947296" spans="14:14">
      <c r="N947296" s="10"/>
    </row>
    <row r="947297" spans="14:14">
      <c r="N947297" s="10"/>
    </row>
    <row r="947298" spans="14:14">
      <c r="N947298" s="10"/>
    </row>
    <row r="947299" spans="14:14">
      <c r="N947299" s="10"/>
    </row>
    <row r="947300" spans="14:14">
      <c r="N947300" s="10"/>
    </row>
    <row r="947301" spans="14:14">
      <c r="N947301" s="10"/>
    </row>
    <row r="947302" spans="14:14">
      <c r="N947302" s="10"/>
    </row>
    <row r="947303" spans="14:14">
      <c r="N947303" s="10"/>
    </row>
    <row r="947304" spans="14:14">
      <c r="N947304" s="10"/>
    </row>
    <row r="947305" spans="14:14">
      <c r="N947305" s="10"/>
    </row>
    <row r="947306" spans="14:14">
      <c r="N947306" s="10"/>
    </row>
    <row r="947307" spans="14:14">
      <c r="N947307" s="10"/>
    </row>
    <row r="947308" spans="14:14">
      <c r="N947308" s="10"/>
    </row>
    <row r="947309" spans="14:14">
      <c r="N947309" s="10"/>
    </row>
    <row r="947310" spans="14:14">
      <c r="N947310" s="10"/>
    </row>
    <row r="947311" spans="14:14">
      <c r="N947311" s="10"/>
    </row>
    <row r="947312" spans="14:14">
      <c r="N947312" s="10"/>
    </row>
    <row r="947313" spans="14:14">
      <c r="N947313" s="10"/>
    </row>
    <row r="947314" spans="14:14">
      <c r="N947314" s="10"/>
    </row>
    <row r="947315" spans="14:14">
      <c r="N947315" s="10"/>
    </row>
    <row r="947316" spans="14:14">
      <c r="N947316" s="10"/>
    </row>
    <row r="947317" spans="14:14">
      <c r="N947317" s="10"/>
    </row>
    <row r="947318" spans="14:14">
      <c r="N947318" s="10"/>
    </row>
    <row r="947319" spans="14:14">
      <c r="N947319" s="10"/>
    </row>
    <row r="947320" spans="14:14">
      <c r="N947320" s="10"/>
    </row>
    <row r="947321" spans="14:14">
      <c r="N947321" s="10"/>
    </row>
    <row r="947322" spans="14:14">
      <c r="N947322" s="10"/>
    </row>
    <row r="947323" spans="14:14">
      <c r="N947323" s="10"/>
    </row>
    <row r="947324" spans="14:14">
      <c r="N947324" s="10"/>
    </row>
    <row r="947325" spans="14:14">
      <c r="N947325" s="10"/>
    </row>
    <row r="947326" spans="14:14">
      <c r="N947326" s="10"/>
    </row>
    <row r="947327" spans="14:14">
      <c r="N947327" s="10"/>
    </row>
    <row r="947328" spans="14:14">
      <c r="N947328" s="10"/>
    </row>
    <row r="947329" spans="14:14">
      <c r="N947329" s="10"/>
    </row>
    <row r="947330" spans="14:14">
      <c r="N947330" s="10"/>
    </row>
    <row r="947331" spans="14:14">
      <c r="N947331" s="10"/>
    </row>
    <row r="947332" spans="14:14">
      <c r="N947332" s="10"/>
    </row>
    <row r="947333" spans="14:14">
      <c r="N947333" s="10"/>
    </row>
    <row r="947334" spans="14:14">
      <c r="N947334" s="10"/>
    </row>
    <row r="947335" spans="14:14">
      <c r="N947335" s="10"/>
    </row>
    <row r="947336" spans="14:14">
      <c r="N947336" s="10"/>
    </row>
    <row r="947337" spans="14:14">
      <c r="N947337" s="10"/>
    </row>
    <row r="947338" spans="14:14">
      <c r="N947338" s="10"/>
    </row>
    <row r="947339" spans="14:14">
      <c r="N947339" s="10"/>
    </row>
    <row r="947340" spans="14:14">
      <c r="N947340" s="10"/>
    </row>
    <row r="947341" spans="14:14">
      <c r="N947341" s="10"/>
    </row>
    <row r="947342" spans="14:14">
      <c r="N947342" s="10"/>
    </row>
    <row r="947343" spans="14:14">
      <c r="N947343" s="10"/>
    </row>
    <row r="947344" spans="14:14">
      <c r="N947344" s="10"/>
    </row>
    <row r="947345" spans="14:14">
      <c r="N947345" s="10"/>
    </row>
    <row r="947346" spans="14:14">
      <c r="N947346" s="10"/>
    </row>
    <row r="947347" spans="14:14">
      <c r="N947347" s="10"/>
    </row>
    <row r="947348" spans="14:14">
      <c r="N947348" s="10"/>
    </row>
    <row r="947349" spans="14:14">
      <c r="N947349" s="10"/>
    </row>
    <row r="947350" spans="14:14">
      <c r="N947350" s="10"/>
    </row>
    <row r="947351" spans="14:14">
      <c r="N947351" s="10"/>
    </row>
    <row r="947352" spans="14:14">
      <c r="N947352" s="10"/>
    </row>
    <row r="947353" spans="14:14">
      <c r="N947353" s="10"/>
    </row>
    <row r="947354" spans="14:14">
      <c r="N947354" s="10"/>
    </row>
    <row r="947355" spans="14:14">
      <c r="N947355" s="10"/>
    </row>
    <row r="947356" spans="14:14">
      <c r="N947356" s="10"/>
    </row>
    <row r="947357" spans="14:14">
      <c r="N947357" s="10"/>
    </row>
    <row r="947358" spans="14:14">
      <c r="N947358" s="10"/>
    </row>
    <row r="947359" spans="14:14">
      <c r="N947359" s="10"/>
    </row>
    <row r="947360" spans="14:14">
      <c r="N947360" s="10"/>
    </row>
    <row r="947361" spans="14:14">
      <c r="N947361" s="10"/>
    </row>
    <row r="947362" spans="14:14">
      <c r="N947362" s="10"/>
    </row>
    <row r="947363" spans="14:14">
      <c r="N947363" s="10"/>
    </row>
    <row r="947364" spans="14:14">
      <c r="N947364" s="10"/>
    </row>
    <row r="947365" spans="14:14">
      <c r="N947365" s="10"/>
    </row>
    <row r="947366" spans="14:14">
      <c r="N947366" s="10"/>
    </row>
    <row r="947367" spans="14:14">
      <c r="N947367" s="10"/>
    </row>
    <row r="947368" spans="14:14">
      <c r="N947368" s="10"/>
    </row>
    <row r="947369" spans="14:14">
      <c r="N947369" s="10"/>
    </row>
    <row r="947370" spans="14:14">
      <c r="N947370" s="10"/>
    </row>
    <row r="947371" spans="14:14">
      <c r="N947371" s="10"/>
    </row>
    <row r="947372" spans="14:14">
      <c r="N947372" s="10"/>
    </row>
    <row r="947373" spans="14:14">
      <c r="N947373" s="10"/>
    </row>
    <row r="947374" spans="14:14">
      <c r="N947374" s="10"/>
    </row>
    <row r="947375" spans="14:14">
      <c r="N947375" s="10"/>
    </row>
    <row r="947376" spans="14:14">
      <c r="N947376" s="10"/>
    </row>
    <row r="947377" spans="14:14">
      <c r="N947377" s="10"/>
    </row>
    <row r="947378" spans="14:14">
      <c r="N947378" s="10"/>
    </row>
    <row r="947379" spans="14:14">
      <c r="N947379" s="10"/>
    </row>
    <row r="947380" spans="14:14">
      <c r="N947380" s="10"/>
    </row>
    <row r="947381" spans="14:14">
      <c r="N947381" s="10"/>
    </row>
    <row r="947382" spans="14:14">
      <c r="N947382" s="10"/>
    </row>
    <row r="947383" spans="14:14">
      <c r="N947383" s="10"/>
    </row>
    <row r="947384" spans="14:14">
      <c r="N947384" s="10"/>
    </row>
    <row r="947385" spans="14:14">
      <c r="N947385" s="10"/>
    </row>
    <row r="947386" spans="14:14">
      <c r="N947386" s="10"/>
    </row>
    <row r="947387" spans="14:14">
      <c r="N947387" s="10"/>
    </row>
    <row r="947388" spans="14:14">
      <c r="N947388" s="10"/>
    </row>
    <row r="947389" spans="14:14">
      <c r="N947389" s="10"/>
    </row>
    <row r="947390" spans="14:14">
      <c r="N947390" s="10"/>
    </row>
    <row r="947391" spans="14:14">
      <c r="N947391" s="10"/>
    </row>
    <row r="947392" spans="14:14">
      <c r="N947392" s="10"/>
    </row>
    <row r="947393" spans="14:14">
      <c r="N947393" s="10"/>
    </row>
    <row r="947394" spans="14:14">
      <c r="N947394" s="10"/>
    </row>
    <row r="947395" spans="14:14">
      <c r="N947395" s="10"/>
    </row>
    <row r="947396" spans="14:14">
      <c r="N947396" s="10"/>
    </row>
    <row r="947397" spans="14:14">
      <c r="N947397" s="10"/>
    </row>
    <row r="947398" spans="14:14">
      <c r="N947398" s="10"/>
    </row>
    <row r="947399" spans="14:14">
      <c r="N947399" s="10"/>
    </row>
    <row r="947400" spans="14:14">
      <c r="N947400" s="10"/>
    </row>
    <row r="947401" spans="14:14">
      <c r="N947401" s="10"/>
    </row>
    <row r="947402" spans="14:14">
      <c r="N947402" s="10"/>
    </row>
    <row r="947403" spans="14:14">
      <c r="N947403" s="10"/>
    </row>
    <row r="947404" spans="14:14">
      <c r="N947404" s="10"/>
    </row>
    <row r="947405" spans="14:14">
      <c r="N947405" s="10"/>
    </row>
    <row r="947406" spans="14:14">
      <c r="N947406" s="10"/>
    </row>
    <row r="947407" spans="14:14">
      <c r="N947407" s="10"/>
    </row>
    <row r="947408" spans="14:14">
      <c r="N947408" s="10"/>
    </row>
    <row r="947409" spans="14:14">
      <c r="N947409" s="10"/>
    </row>
    <row r="947410" spans="14:14">
      <c r="N947410" s="10"/>
    </row>
    <row r="947411" spans="14:14">
      <c r="N947411" s="10"/>
    </row>
    <row r="947412" spans="14:14">
      <c r="N947412" s="10"/>
    </row>
    <row r="947413" spans="14:14">
      <c r="N947413" s="10"/>
    </row>
    <row r="947414" spans="14:14">
      <c r="N947414" s="10"/>
    </row>
    <row r="947415" spans="14:14">
      <c r="N947415" s="10"/>
    </row>
    <row r="947416" spans="14:14">
      <c r="N947416" s="10"/>
    </row>
    <row r="947417" spans="14:14">
      <c r="N947417" s="10"/>
    </row>
    <row r="947418" spans="14:14">
      <c r="N947418" s="10"/>
    </row>
    <row r="947419" spans="14:14">
      <c r="N947419" s="10"/>
    </row>
    <row r="947420" spans="14:14">
      <c r="N947420" s="10"/>
    </row>
    <row r="947421" spans="14:14">
      <c r="N947421" s="10"/>
    </row>
    <row r="947422" spans="14:14">
      <c r="N947422" s="10"/>
    </row>
    <row r="947423" spans="14:14">
      <c r="N947423" s="10"/>
    </row>
    <row r="947424" spans="14:14">
      <c r="N947424" s="10"/>
    </row>
    <row r="947425" spans="14:14">
      <c r="N947425" s="10"/>
    </row>
    <row r="947426" spans="14:14">
      <c r="N947426" s="10"/>
    </row>
    <row r="947427" spans="14:14">
      <c r="N947427" s="10"/>
    </row>
    <row r="947428" spans="14:14">
      <c r="N947428" s="10"/>
    </row>
    <row r="947429" spans="14:14">
      <c r="N947429" s="10"/>
    </row>
    <row r="947430" spans="14:14">
      <c r="N947430" s="10"/>
    </row>
    <row r="947431" spans="14:14">
      <c r="N947431" s="10"/>
    </row>
    <row r="947432" spans="14:14">
      <c r="N947432" s="10"/>
    </row>
    <row r="947433" spans="14:14">
      <c r="N947433" s="10"/>
    </row>
    <row r="947434" spans="14:14">
      <c r="N947434" s="10"/>
    </row>
    <row r="947435" spans="14:14">
      <c r="N947435" s="10"/>
    </row>
    <row r="947436" spans="14:14">
      <c r="N947436" s="10"/>
    </row>
    <row r="947437" spans="14:14">
      <c r="N947437" s="10"/>
    </row>
    <row r="947438" spans="14:14">
      <c r="N947438" s="10"/>
    </row>
    <row r="947439" spans="14:14">
      <c r="N947439" s="10"/>
    </row>
    <row r="947440" spans="14:14">
      <c r="N947440" s="10"/>
    </row>
    <row r="947441" spans="14:14">
      <c r="N947441" s="10"/>
    </row>
    <row r="947442" spans="14:14">
      <c r="N947442" s="10"/>
    </row>
    <row r="947443" spans="14:14">
      <c r="N947443" s="10"/>
    </row>
    <row r="947444" spans="14:14">
      <c r="N947444" s="10"/>
    </row>
    <row r="947445" spans="14:14">
      <c r="N947445" s="10"/>
    </row>
    <row r="947446" spans="14:14">
      <c r="N947446" s="10"/>
    </row>
    <row r="947447" spans="14:14">
      <c r="N947447" s="10"/>
    </row>
    <row r="947448" spans="14:14">
      <c r="N947448" s="10"/>
    </row>
    <row r="947449" spans="14:14">
      <c r="N947449" s="10"/>
    </row>
    <row r="947450" spans="14:14">
      <c r="N947450" s="10"/>
    </row>
    <row r="947451" spans="14:14">
      <c r="N947451" s="10"/>
    </row>
    <row r="947452" spans="14:14">
      <c r="N947452" s="10"/>
    </row>
    <row r="947453" spans="14:14">
      <c r="N947453" s="10"/>
    </row>
    <row r="947454" spans="14:14">
      <c r="N947454" s="10"/>
    </row>
    <row r="947455" spans="14:14">
      <c r="N947455" s="10"/>
    </row>
    <row r="947456" spans="14:14">
      <c r="N947456" s="10"/>
    </row>
    <row r="947457" spans="14:14">
      <c r="N947457" s="10"/>
    </row>
    <row r="947458" spans="14:14">
      <c r="N947458" s="10"/>
    </row>
    <row r="947459" spans="14:14">
      <c r="N947459" s="10"/>
    </row>
    <row r="947460" spans="14:14">
      <c r="N947460" s="10"/>
    </row>
    <row r="947461" spans="14:14">
      <c r="N947461" s="10"/>
    </row>
    <row r="947462" spans="14:14">
      <c r="N947462" s="10"/>
    </row>
    <row r="947463" spans="14:14">
      <c r="N947463" s="10"/>
    </row>
    <row r="947464" spans="14:14">
      <c r="N947464" s="10"/>
    </row>
    <row r="947465" spans="14:14">
      <c r="N947465" s="10"/>
    </row>
    <row r="947466" spans="14:14">
      <c r="N947466" s="10"/>
    </row>
    <row r="947467" spans="14:14">
      <c r="N947467" s="10"/>
    </row>
    <row r="947468" spans="14:14">
      <c r="N947468" s="10"/>
    </row>
    <row r="947469" spans="14:14">
      <c r="N947469" s="10"/>
    </row>
    <row r="947470" spans="14:14">
      <c r="N947470" s="10"/>
    </row>
    <row r="947471" spans="14:14">
      <c r="N947471" s="10"/>
    </row>
    <row r="947472" spans="14:14">
      <c r="N947472" s="10"/>
    </row>
    <row r="947473" spans="14:14">
      <c r="N947473" s="10"/>
    </row>
    <row r="947474" spans="14:14">
      <c r="N947474" s="10"/>
    </row>
    <row r="947475" spans="14:14">
      <c r="N947475" s="10"/>
    </row>
    <row r="947476" spans="14:14">
      <c r="N947476" s="10"/>
    </row>
    <row r="947477" spans="14:14">
      <c r="N947477" s="10"/>
    </row>
    <row r="947478" spans="14:14">
      <c r="N947478" s="10"/>
    </row>
    <row r="947479" spans="14:14">
      <c r="N947479" s="10"/>
    </row>
    <row r="947480" spans="14:14">
      <c r="N947480" s="10"/>
    </row>
    <row r="947481" spans="14:14">
      <c r="N947481" s="10"/>
    </row>
    <row r="947482" spans="14:14">
      <c r="N947482" s="10"/>
    </row>
    <row r="947483" spans="14:14">
      <c r="N947483" s="10"/>
    </row>
    <row r="947484" spans="14:14">
      <c r="N947484" s="10"/>
    </row>
    <row r="947485" spans="14:14">
      <c r="N947485" s="10"/>
    </row>
    <row r="947486" spans="14:14">
      <c r="N947486" s="10"/>
    </row>
    <row r="947487" spans="14:14">
      <c r="N947487" s="10"/>
    </row>
    <row r="947488" spans="14:14">
      <c r="N947488" s="10"/>
    </row>
    <row r="947489" spans="14:14">
      <c r="N947489" s="10"/>
    </row>
    <row r="947490" spans="14:14">
      <c r="N947490" s="10"/>
    </row>
    <row r="947491" spans="14:14">
      <c r="N947491" s="10"/>
    </row>
    <row r="947492" spans="14:14">
      <c r="N947492" s="10"/>
    </row>
    <row r="947493" spans="14:14">
      <c r="N947493" s="10"/>
    </row>
    <row r="947494" spans="14:14">
      <c r="N947494" s="10"/>
    </row>
    <row r="947495" spans="14:14">
      <c r="N947495" s="10"/>
    </row>
    <row r="947496" spans="14:14">
      <c r="N947496" s="10"/>
    </row>
    <row r="947497" spans="14:14">
      <c r="N947497" s="10"/>
    </row>
    <row r="947498" spans="14:14">
      <c r="N947498" s="10"/>
    </row>
    <row r="947499" spans="14:14">
      <c r="N947499" s="10"/>
    </row>
    <row r="947500" spans="14:14">
      <c r="N947500" s="10"/>
    </row>
    <row r="947501" spans="14:14">
      <c r="N947501" s="10"/>
    </row>
    <row r="947502" spans="14:14">
      <c r="N947502" s="10"/>
    </row>
    <row r="947503" spans="14:14">
      <c r="N947503" s="10"/>
    </row>
    <row r="947504" spans="14:14">
      <c r="N947504" s="10"/>
    </row>
    <row r="947505" spans="14:14">
      <c r="N947505" s="10"/>
    </row>
    <row r="947506" spans="14:14">
      <c r="N947506" s="10"/>
    </row>
    <row r="947507" spans="14:14">
      <c r="N947507" s="10"/>
    </row>
    <row r="947508" spans="14:14">
      <c r="N947508" s="10"/>
    </row>
    <row r="947509" spans="14:14">
      <c r="N947509" s="10"/>
    </row>
    <row r="947510" spans="14:14">
      <c r="N947510" s="10"/>
    </row>
    <row r="947511" spans="14:14">
      <c r="N947511" s="10"/>
    </row>
    <row r="947512" spans="14:14">
      <c r="N947512" s="10"/>
    </row>
    <row r="947513" spans="14:14">
      <c r="N947513" s="10"/>
    </row>
    <row r="947514" spans="14:14">
      <c r="N947514" s="10"/>
    </row>
    <row r="947515" spans="14:14">
      <c r="N947515" s="10"/>
    </row>
    <row r="947516" spans="14:14">
      <c r="N947516" s="10"/>
    </row>
    <row r="947517" spans="14:14">
      <c r="N947517" s="10"/>
    </row>
    <row r="947518" spans="14:14">
      <c r="N947518" s="10"/>
    </row>
    <row r="947519" spans="14:14">
      <c r="N947519" s="10"/>
    </row>
    <row r="947520" spans="14:14">
      <c r="N947520" s="10"/>
    </row>
    <row r="947521" spans="14:14">
      <c r="N947521" s="10"/>
    </row>
    <row r="947522" spans="14:14">
      <c r="N947522" s="10"/>
    </row>
    <row r="947523" spans="14:14">
      <c r="N947523" s="10"/>
    </row>
    <row r="947524" spans="14:14">
      <c r="N947524" s="10"/>
    </row>
    <row r="947525" spans="14:14">
      <c r="N947525" s="10"/>
    </row>
    <row r="947526" spans="14:14">
      <c r="N947526" s="10"/>
    </row>
    <row r="947527" spans="14:14">
      <c r="N947527" s="10"/>
    </row>
    <row r="947528" spans="14:14">
      <c r="N947528" s="10"/>
    </row>
    <row r="947529" spans="14:14">
      <c r="N947529" s="10"/>
    </row>
    <row r="947530" spans="14:14">
      <c r="N947530" s="10"/>
    </row>
    <row r="947531" spans="14:14">
      <c r="N947531" s="10"/>
    </row>
    <row r="947532" spans="14:14">
      <c r="N947532" s="10"/>
    </row>
    <row r="947533" spans="14:14">
      <c r="N947533" s="10"/>
    </row>
    <row r="947534" spans="14:14">
      <c r="N947534" s="10"/>
    </row>
    <row r="947535" spans="14:14">
      <c r="N947535" s="10"/>
    </row>
    <row r="947536" spans="14:14">
      <c r="N947536" s="10"/>
    </row>
    <row r="947537" spans="14:14">
      <c r="N947537" s="10"/>
    </row>
    <row r="947538" spans="14:14">
      <c r="N947538" s="10"/>
    </row>
    <row r="947539" spans="14:14">
      <c r="N947539" s="10"/>
    </row>
    <row r="947540" spans="14:14">
      <c r="N947540" s="10"/>
    </row>
    <row r="947541" spans="14:14">
      <c r="N947541" s="10"/>
    </row>
    <row r="947542" spans="14:14">
      <c r="N947542" s="10"/>
    </row>
    <row r="947543" spans="14:14">
      <c r="N947543" s="10"/>
    </row>
    <row r="947544" spans="14:14">
      <c r="N947544" s="10"/>
    </row>
    <row r="947545" spans="14:14">
      <c r="N947545" s="10"/>
    </row>
    <row r="947546" spans="14:14">
      <c r="N947546" s="10"/>
    </row>
    <row r="947547" spans="14:14">
      <c r="N947547" s="10"/>
    </row>
    <row r="947548" spans="14:14">
      <c r="N947548" s="10"/>
    </row>
    <row r="947549" spans="14:14">
      <c r="N947549" s="10"/>
    </row>
    <row r="947550" spans="14:14">
      <c r="N947550" s="10"/>
    </row>
    <row r="947551" spans="14:14">
      <c r="N947551" s="10"/>
    </row>
    <row r="947552" spans="14:14">
      <c r="N947552" s="10"/>
    </row>
    <row r="947553" spans="14:14">
      <c r="N947553" s="10"/>
    </row>
    <row r="947554" spans="14:14">
      <c r="N947554" s="10"/>
    </row>
    <row r="947555" spans="14:14">
      <c r="N947555" s="10"/>
    </row>
    <row r="947556" spans="14:14">
      <c r="N947556" s="10"/>
    </row>
    <row r="947557" spans="14:14">
      <c r="N947557" s="10"/>
    </row>
    <row r="947558" spans="14:14">
      <c r="N947558" s="10"/>
    </row>
    <row r="947559" spans="14:14">
      <c r="N947559" s="10"/>
    </row>
    <row r="947560" spans="14:14">
      <c r="N947560" s="10"/>
    </row>
    <row r="947561" spans="14:14">
      <c r="N947561" s="10"/>
    </row>
    <row r="947562" spans="14:14">
      <c r="N947562" s="10"/>
    </row>
    <row r="947563" spans="14:14">
      <c r="N947563" s="10"/>
    </row>
    <row r="947564" spans="14:14">
      <c r="N947564" s="10"/>
    </row>
    <row r="947565" spans="14:14">
      <c r="N947565" s="10"/>
    </row>
    <row r="947566" spans="14:14">
      <c r="N947566" s="10"/>
    </row>
    <row r="947567" spans="14:14">
      <c r="N947567" s="10"/>
    </row>
    <row r="947568" spans="14:14">
      <c r="N947568" s="10"/>
    </row>
    <row r="947569" spans="14:14">
      <c r="N947569" s="10"/>
    </row>
    <row r="947570" spans="14:14">
      <c r="N947570" s="10"/>
    </row>
    <row r="947571" spans="14:14">
      <c r="N947571" s="10"/>
    </row>
    <row r="947572" spans="14:14">
      <c r="N947572" s="10"/>
    </row>
    <row r="947573" spans="14:14">
      <c r="N947573" s="10"/>
    </row>
    <row r="947574" spans="14:14">
      <c r="N947574" s="10"/>
    </row>
    <row r="947575" spans="14:14">
      <c r="N947575" s="10"/>
    </row>
    <row r="947576" spans="14:14">
      <c r="N947576" s="10"/>
    </row>
    <row r="947577" spans="14:14">
      <c r="N947577" s="10"/>
    </row>
    <row r="947578" spans="14:14">
      <c r="N947578" s="10"/>
    </row>
    <row r="947579" spans="14:14">
      <c r="N947579" s="10"/>
    </row>
    <row r="947580" spans="14:14">
      <c r="N947580" s="10"/>
    </row>
    <row r="947581" spans="14:14">
      <c r="N947581" s="10"/>
    </row>
    <row r="947582" spans="14:14">
      <c r="N947582" s="10"/>
    </row>
    <row r="947583" spans="14:14">
      <c r="N947583" s="10"/>
    </row>
    <row r="947584" spans="14:14">
      <c r="N947584" s="10"/>
    </row>
    <row r="947585" spans="14:14">
      <c r="N947585" s="10"/>
    </row>
    <row r="947586" spans="14:14">
      <c r="N947586" s="10"/>
    </row>
    <row r="947587" spans="14:14">
      <c r="N947587" s="10"/>
    </row>
    <row r="947588" spans="14:14">
      <c r="N947588" s="10"/>
    </row>
    <row r="947589" spans="14:14">
      <c r="N947589" s="10"/>
    </row>
    <row r="947590" spans="14:14">
      <c r="N947590" s="10"/>
    </row>
    <row r="947591" spans="14:14">
      <c r="N947591" s="10"/>
    </row>
    <row r="947592" spans="14:14">
      <c r="N947592" s="10"/>
    </row>
    <row r="947593" spans="14:14">
      <c r="N947593" s="10"/>
    </row>
    <row r="947594" spans="14:14">
      <c r="N947594" s="10"/>
    </row>
    <row r="947595" spans="14:14">
      <c r="N947595" s="10"/>
    </row>
    <row r="947596" spans="14:14">
      <c r="N947596" s="10"/>
    </row>
    <row r="947597" spans="14:14">
      <c r="N947597" s="10"/>
    </row>
    <row r="947598" spans="14:14">
      <c r="N947598" s="10"/>
    </row>
    <row r="947599" spans="14:14">
      <c r="N947599" s="10"/>
    </row>
    <row r="947600" spans="14:14">
      <c r="N947600" s="10"/>
    </row>
    <row r="947601" spans="14:14">
      <c r="N947601" s="10"/>
    </row>
    <row r="947602" spans="14:14">
      <c r="N947602" s="10"/>
    </row>
    <row r="947603" spans="14:14">
      <c r="N947603" s="10"/>
    </row>
    <row r="947604" spans="14:14">
      <c r="N947604" s="10"/>
    </row>
    <row r="947605" spans="14:14">
      <c r="N947605" s="10"/>
    </row>
    <row r="947606" spans="14:14">
      <c r="N947606" s="10"/>
    </row>
    <row r="947607" spans="14:14">
      <c r="N947607" s="10"/>
    </row>
    <row r="947608" spans="14:14">
      <c r="N947608" s="10"/>
    </row>
    <row r="947609" spans="14:14">
      <c r="N947609" s="10"/>
    </row>
    <row r="947610" spans="14:14">
      <c r="N947610" s="10"/>
    </row>
    <row r="947611" spans="14:14">
      <c r="N947611" s="10"/>
    </row>
    <row r="947612" spans="14:14">
      <c r="N947612" s="10"/>
    </row>
    <row r="947613" spans="14:14">
      <c r="N947613" s="10"/>
    </row>
    <row r="947614" spans="14:14">
      <c r="N947614" s="10"/>
    </row>
    <row r="947615" spans="14:14">
      <c r="N947615" s="10"/>
    </row>
    <row r="947616" spans="14:14">
      <c r="N947616" s="10"/>
    </row>
    <row r="947617" spans="14:14">
      <c r="N947617" s="10"/>
    </row>
    <row r="947618" spans="14:14">
      <c r="N947618" s="10"/>
    </row>
    <row r="947619" spans="14:14">
      <c r="N947619" s="10"/>
    </row>
    <row r="947620" spans="14:14">
      <c r="N947620" s="10"/>
    </row>
    <row r="947621" spans="14:14">
      <c r="N947621" s="10"/>
    </row>
    <row r="947622" spans="14:14">
      <c r="N947622" s="10"/>
    </row>
    <row r="947623" spans="14:14">
      <c r="N947623" s="10"/>
    </row>
    <row r="947624" spans="14:14">
      <c r="N947624" s="10"/>
    </row>
    <row r="947625" spans="14:14">
      <c r="N947625" s="10"/>
    </row>
    <row r="947626" spans="14:14">
      <c r="N947626" s="10"/>
    </row>
    <row r="947627" spans="14:14">
      <c r="N947627" s="10"/>
    </row>
    <row r="947628" spans="14:14">
      <c r="N947628" s="10"/>
    </row>
    <row r="947629" spans="14:14">
      <c r="N947629" s="10"/>
    </row>
    <row r="947630" spans="14:14">
      <c r="N947630" s="10"/>
    </row>
    <row r="947631" spans="14:14">
      <c r="N947631" s="10"/>
    </row>
    <row r="947632" spans="14:14">
      <c r="N947632" s="10"/>
    </row>
    <row r="947633" spans="14:14">
      <c r="N947633" s="10"/>
    </row>
    <row r="947634" spans="14:14">
      <c r="N947634" s="10"/>
    </row>
    <row r="947635" spans="14:14">
      <c r="N947635" s="10"/>
    </row>
    <row r="947636" spans="14:14">
      <c r="N947636" s="10"/>
    </row>
    <row r="947637" spans="14:14">
      <c r="N947637" s="10"/>
    </row>
    <row r="947638" spans="14:14">
      <c r="N947638" s="10"/>
    </row>
    <row r="947639" spans="14:14">
      <c r="N947639" s="10"/>
    </row>
    <row r="947640" spans="14:14">
      <c r="N947640" s="10"/>
    </row>
    <row r="947641" spans="14:14">
      <c r="N947641" s="10"/>
    </row>
    <row r="947642" spans="14:14">
      <c r="N947642" s="10"/>
    </row>
    <row r="947643" spans="14:14">
      <c r="N947643" s="10"/>
    </row>
    <row r="947644" spans="14:14">
      <c r="N947644" s="10"/>
    </row>
    <row r="947645" spans="14:14">
      <c r="N947645" s="10"/>
    </row>
    <row r="947646" spans="14:14">
      <c r="N947646" s="10"/>
    </row>
    <row r="947647" spans="14:14">
      <c r="N947647" s="10"/>
    </row>
    <row r="947648" spans="14:14">
      <c r="N947648" s="10"/>
    </row>
    <row r="947649" spans="14:14">
      <c r="N947649" s="10"/>
    </row>
    <row r="947650" spans="14:14">
      <c r="N947650" s="10"/>
    </row>
    <row r="947651" spans="14:14">
      <c r="N947651" s="10"/>
    </row>
    <row r="947652" spans="14:14">
      <c r="N947652" s="10"/>
    </row>
    <row r="947653" spans="14:14">
      <c r="N947653" s="10"/>
    </row>
    <row r="947654" spans="14:14">
      <c r="N947654" s="10"/>
    </row>
    <row r="947655" spans="14:14">
      <c r="N947655" s="10"/>
    </row>
    <row r="947656" spans="14:14">
      <c r="N947656" s="10"/>
    </row>
    <row r="947657" spans="14:14">
      <c r="N947657" s="10"/>
    </row>
    <row r="947658" spans="14:14">
      <c r="N947658" s="10"/>
    </row>
    <row r="947659" spans="14:14">
      <c r="N947659" s="10"/>
    </row>
    <row r="947660" spans="14:14">
      <c r="N947660" s="10"/>
    </row>
    <row r="947661" spans="14:14">
      <c r="N947661" s="10"/>
    </row>
    <row r="947662" spans="14:14">
      <c r="N947662" s="10"/>
    </row>
    <row r="947663" spans="14:14">
      <c r="N947663" s="10"/>
    </row>
    <row r="947664" spans="14:14">
      <c r="N947664" s="10"/>
    </row>
    <row r="947665" spans="14:14">
      <c r="N947665" s="10"/>
    </row>
    <row r="947666" spans="14:14">
      <c r="N947666" s="10"/>
    </row>
    <row r="947667" spans="14:14">
      <c r="N947667" s="10"/>
    </row>
    <row r="947668" spans="14:14">
      <c r="N947668" s="10"/>
    </row>
    <row r="947669" spans="14:14">
      <c r="N947669" s="10"/>
    </row>
    <row r="947670" spans="14:14">
      <c r="N947670" s="10"/>
    </row>
    <row r="947671" spans="14:14">
      <c r="N947671" s="10"/>
    </row>
    <row r="947672" spans="14:14">
      <c r="N947672" s="10"/>
    </row>
    <row r="947673" spans="14:14">
      <c r="N947673" s="10"/>
    </row>
    <row r="947674" spans="14:14">
      <c r="N947674" s="10"/>
    </row>
    <row r="947675" spans="14:14">
      <c r="N947675" s="10"/>
    </row>
    <row r="947676" spans="14:14">
      <c r="N947676" s="10"/>
    </row>
    <row r="947677" spans="14:14">
      <c r="N947677" s="10"/>
    </row>
    <row r="947678" spans="14:14">
      <c r="N947678" s="10"/>
    </row>
    <row r="947679" spans="14:14">
      <c r="N947679" s="10"/>
    </row>
    <row r="947680" spans="14:14">
      <c r="N947680" s="10"/>
    </row>
    <row r="947681" spans="14:14">
      <c r="N947681" s="10"/>
    </row>
    <row r="947682" spans="14:14">
      <c r="N947682" s="10"/>
    </row>
    <row r="947683" spans="14:14">
      <c r="N947683" s="10"/>
    </row>
    <row r="947684" spans="14:14">
      <c r="N947684" s="10"/>
    </row>
    <row r="947685" spans="14:14">
      <c r="N947685" s="10"/>
    </row>
    <row r="947686" spans="14:14">
      <c r="N947686" s="10"/>
    </row>
    <row r="947687" spans="14:14">
      <c r="N947687" s="10"/>
    </row>
    <row r="947688" spans="14:14">
      <c r="N947688" s="10"/>
    </row>
    <row r="947689" spans="14:14">
      <c r="N947689" s="10"/>
    </row>
    <row r="947690" spans="14:14">
      <c r="N947690" s="10"/>
    </row>
    <row r="947691" spans="14:14">
      <c r="N947691" s="10"/>
    </row>
    <row r="947692" spans="14:14">
      <c r="N947692" s="10"/>
    </row>
    <row r="947693" spans="14:14">
      <c r="N947693" s="10"/>
    </row>
    <row r="947694" spans="14:14">
      <c r="N947694" s="10"/>
    </row>
    <row r="947695" spans="14:14">
      <c r="N947695" s="10"/>
    </row>
    <row r="947696" spans="14:14">
      <c r="N947696" s="10"/>
    </row>
    <row r="947697" spans="14:14">
      <c r="N947697" s="10"/>
    </row>
    <row r="947698" spans="14:14">
      <c r="N947698" s="10"/>
    </row>
    <row r="947699" spans="14:14">
      <c r="N947699" s="10"/>
    </row>
    <row r="947700" spans="14:14">
      <c r="N947700" s="10"/>
    </row>
    <row r="947701" spans="14:14">
      <c r="N947701" s="10"/>
    </row>
    <row r="947702" spans="14:14">
      <c r="N947702" s="10"/>
    </row>
    <row r="947703" spans="14:14">
      <c r="N947703" s="10"/>
    </row>
    <row r="947704" spans="14:14">
      <c r="N947704" s="10"/>
    </row>
    <row r="947705" spans="14:14">
      <c r="N947705" s="10"/>
    </row>
    <row r="947706" spans="14:14">
      <c r="N947706" s="10"/>
    </row>
    <row r="947707" spans="14:14">
      <c r="N947707" s="10"/>
    </row>
    <row r="947708" spans="14:14">
      <c r="N947708" s="10"/>
    </row>
    <row r="947709" spans="14:14">
      <c r="N947709" s="10"/>
    </row>
    <row r="947710" spans="14:14">
      <c r="N947710" s="10"/>
    </row>
    <row r="947711" spans="14:14">
      <c r="N947711" s="10"/>
    </row>
    <row r="947712" spans="14:14">
      <c r="N947712" s="10"/>
    </row>
    <row r="947713" spans="14:14">
      <c r="N947713" s="10"/>
    </row>
    <row r="947714" spans="14:14">
      <c r="N947714" s="10"/>
    </row>
    <row r="947715" spans="14:14">
      <c r="N947715" s="10"/>
    </row>
    <row r="947716" spans="14:14">
      <c r="N947716" s="10"/>
    </row>
    <row r="947717" spans="14:14">
      <c r="N947717" s="10"/>
    </row>
    <row r="947718" spans="14:14">
      <c r="N947718" s="10"/>
    </row>
    <row r="947719" spans="14:14">
      <c r="N947719" s="10"/>
    </row>
    <row r="947720" spans="14:14">
      <c r="N947720" s="10"/>
    </row>
    <row r="947721" spans="14:14">
      <c r="N947721" s="10"/>
    </row>
    <row r="947722" spans="14:14">
      <c r="N947722" s="10"/>
    </row>
    <row r="947723" spans="14:14">
      <c r="N947723" s="10"/>
    </row>
    <row r="947724" spans="14:14">
      <c r="N947724" s="10"/>
    </row>
    <row r="947725" spans="14:14">
      <c r="N947725" s="10"/>
    </row>
    <row r="947726" spans="14:14">
      <c r="N947726" s="10"/>
    </row>
    <row r="947727" spans="14:14">
      <c r="N947727" s="10"/>
    </row>
    <row r="947728" spans="14:14">
      <c r="N947728" s="10"/>
    </row>
    <row r="947729" spans="14:14">
      <c r="N947729" s="10"/>
    </row>
    <row r="947730" spans="14:14">
      <c r="N947730" s="10"/>
    </row>
    <row r="947731" spans="14:14">
      <c r="N947731" s="10"/>
    </row>
    <row r="947732" spans="14:14">
      <c r="N947732" s="10"/>
    </row>
    <row r="947733" spans="14:14">
      <c r="N947733" s="10"/>
    </row>
    <row r="947734" spans="14:14">
      <c r="N947734" s="10"/>
    </row>
    <row r="947735" spans="14:14">
      <c r="N947735" s="10"/>
    </row>
    <row r="947736" spans="14:14">
      <c r="N947736" s="10"/>
    </row>
    <row r="947737" spans="14:14">
      <c r="N947737" s="10"/>
    </row>
    <row r="947738" spans="14:14">
      <c r="N947738" s="10"/>
    </row>
    <row r="947739" spans="14:14">
      <c r="N947739" s="10"/>
    </row>
    <row r="947740" spans="14:14">
      <c r="N947740" s="10"/>
    </row>
    <row r="947741" spans="14:14">
      <c r="N947741" s="10"/>
    </row>
    <row r="947742" spans="14:14">
      <c r="N947742" s="10"/>
    </row>
    <row r="947743" spans="14:14">
      <c r="N947743" s="10"/>
    </row>
    <row r="947744" spans="14:14">
      <c r="N947744" s="10"/>
    </row>
    <row r="947745" spans="14:14">
      <c r="N947745" s="10"/>
    </row>
    <row r="947746" spans="14:14">
      <c r="N947746" s="10"/>
    </row>
    <row r="947747" spans="14:14">
      <c r="N947747" s="10"/>
    </row>
    <row r="947748" spans="14:14">
      <c r="N947748" s="10"/>
    </row>
    <row r="947749" spans="14:14">
      <c r="N947749" s="10"/>
    </row>
    <row r="947750" spans="14:14">
      <c r="N947750" s="10"/>
    </row>
    <row r="947751" spans="14:14">
      <c r="N947751" s="10"/>
    </row>
    <row r="947752" spans="14:14">
      <c r="N947752" s="10"/>
    </row>
    <row r="947753" spans="14:14">
      <c r="N947753" s="10"/>
    </row>
    <row r="947754" spans="14:14">
      <c r="N947754" s="10"/>
    </row>
    <row r="947755" spans="14:14">
      <c r="N947755" s="10"/>
    </row>
    <row r="947756" spans="14:14">
      <c r="N947756" s="10"/>
    </row>
    <row r="947757" spans="14:14">
      <c r="N947757" s="10"/>
    </row>
    <row r="947758" spans="14:14">
      <c r="N947758" s="10"/>
    </row>
    <row r="947759" spans="14:14">
      <c r="N947759" s="10"/>
    </row>
    <row r="947760" spans="14:14">
      <c r="N947760" s="10"/>
    </row>
    <row r="947761" spans="14:14">
      <c r="N947761" s="10"/>
    </row>
    <row r="947762" spans="14:14">
      <c r="N947762" s="10"/>
    </row>
    <row r="947763" spans="14:14">
      <c r="N947763" s="10"/>
    </row>
    <row r="947764" spans="14:14">
      <c r="N947764" s="10"/>
    </row>
    <row r="947765" spans="14:14">
      <c r="N947765" s="10"/>
    </row>
    <row r="947766" spans="14:14">
      <c r="N947766" s="10"/>
    </row>
    <row r="947767" spans="14:14">
      <c r="N947767" s="10"/>
    </row>
    <row r="947768" spans="14:14">
      <c r="N947768" s="10"/>
    </row>
    <row r="947769" spans="14:14">
      <c r="N947769" s="10"/>
    </row>
    <row r="947770" spans="14:14">
      <c r="N947770" s="10"/>
    </row>
    <row r="947771" spans="14:14">
      <c r="N947771" s="10"/>
    </row>
    <row r="947772" spans="14:14">
      <c r="N947772" s="10"/>
    </row>
    <row r="947773" spans="14:14">
      <c r="N947773" s="10"/>
    </row>
    <row r="947774" spans="14:14">
      <c r="N947774" s="10"/>
    </row>
    <row r="947775" spans="14:14">
      <c r="N947775" s="10"/>
    </row>
    <row r="947776" spans="14:14">
      <c r="N947776" s="10"/>
    </row>
    <row r="947777" spans="14:14">
      <c r="N947777" s="10"/>
    </row>
    <row r="947778" spans="14:14">
      <c r="N947778" s="10"/>
    </row>
    <row r="947779" spans="14:14">
      <c r="N947779" s="10"/>
    </row>
    <row r="947780" spans="14:14">
      <c r="N947780" s="10"/>
    </row>
    <row r="947781" spans="14:14">
      <c r="N947781" s="10"/>
    </row>
    <row r="947782" spans="14:14">
      <c r="N947782" s="10"/>
    </row>
    <row r="947783" spans="14:14">
      <c r="N947783" s="10"/>
    </row>
    <row r="947784" spans="14:14">
      <c r="N947784" s="10"/>
    </row>
    <row r="947785" spans="14:14">
      <c r="N947785" s="10"/>
    </row>
    <row r="947786" spans="14:14">
      <c r="N947786" s="10"/>
    </row>
    <row r="947787" spans="14:14">
      <c r="N947787" s="10"/>
    </row>
    <row r="947788" spans="14:14">
      <c r="N947788" s="10"/>
    </row>
    <row r="947789" spans="14:14">
      <c r="N947789" s="10"/>
    </row>
    <row r="947790" spans="14:14">
      <c r="N947790" s="10"/>
    </row>
    <row r="947791" spans="14:14">
      <c r="N947791" s="10"/>
    </row>
    <row r="947792" spans="14:14">
      <c r="N947792" s="10"/>
    </row>
    <row r="947793" spans="14:14">
      <c r="N947793" s="10"/>
    </row>
    <row r="947794" spans="14:14">
      <c r="N947794" s="10"/>
    </row>
    <row r="947795" spans="14:14">
      <c r="N947795" s="10"/>
    </row>
    <row r="947796" spans="14:14">
      <c r="N947796" s="10"/>
    </row>
    <row r="947797" spans="14:14">
      <c r="N947797" s="10"/>
    </row>
    <row r="947798" spans="14:14">
      <c r="N947798" s="10"/>
    </row>
    <row r="947799" spans="14:14">
      <c r="N947799" s="10"/>
    </row>
    <row r="947800" spans="14:14">
      <c r="N947800" s="10"/>
    </row>
    <row r="947801" spans="14:14">
      <c r="N947801" s="10"/>
    </row>
    <row r="947802" spans="14:14">
      <c r="N947802" s="10"/>
    </row>
    <row r="947803" spans="14:14">
      <c r="N947803" s="10"/>
    </row>
    <row r="947804" spans="14:14">
      <c r="N947804" s="10"/>
    </row>
    <row r="947805" spans="14:14">
      <c r="N947805" s="10"/>
    </row>
    <row r="947806" spans="14:14">
      <c r="N947806" s="10"/>
    </row>
    <row r="947807" spans="14:14">
      <c r="N947807" s="10"/>
    </row>
    <row r="947808" spans="14:14">
      <c r="N947808" s="10"/>
    </row>
    <row r="947809" spans="14:14">
      <c r="N947809" s="10"/>
    </row>
    <row r="947810" spans="14:14">
      <c r="N947810" s="10"/>
    </row>
    <row r="947811" spans="14:14">
      <c r="N947811" s="10"/>
    </row>
    <row r="947812" spans="14:14">
      <c r="N947812" s="10"/>
    </row>
    <row r="947813" spans="14:14">
      <c r="N947813" s="10"/>
    </row>
    <row r="947814" spans="14:14">
      <c r="N947814" s="10"/>
    </row>
    <row r="947815" spans="14:14">
      <c r="N947815" s="10"/>
    </row>
    <row r="947816" spans="14:14">
      <c r="N947816" s="10"/>
    </row>
    <row r="947817" spans="14:14">
      <c r="N947817" s="10"/>
    </row>
    <row r="947818" spans="14:14">
      <c r="N947818" s="10"/>
    </row>
    <row r="947819" spans="14:14">
      <c r="N947819" s="10"/>
    </row>
    <row r="947820" spans="14:14">
      <c r="N947820" s="10"/>
    </row>
    <row r="947821" spans="14:14">
      <c r="N947821" s="10"/>
    </row>
    <row r="947822" spans="14:14">
      <c r="N947822" s="10"/>
    </row>
    <row r="947823" spans="14:14">
      <c r="N947823" s="10"/>
    </row>
    <row r="947824" spans="14:14">
      <c r="N947824" s="10"/>
    </row>
    <row r="947825" spans="14:14">
      <c r="N947825" s="10"/>
    </row>
    <row r="947826" spans="14:14">
      <c r="N947826" s="10"/>
    </row>
    <row r="947827" spans="14:14">
      <c r="N947827" s="10"/>
    </row>
    <row r="947828" spans="14:14">
      <c r="N947828" s="10"/>
    </row>
    <row r="947829" spans="14:14">
      <c r="N947829" s="10"/>
    </row>
    <row r="947830" spans="14:14">
      <c r="N947830" s="10"/>
    </row>
    <row r="947831" spans="14:14">
      <c r="N947831" s="10"/>
    </row>
    <row r="947832" spans="14:14">
      <c r="N947832" s="10"/>
    </row>
    <row r="947833" spans="14:14">
      <c r="N947833" s="10"/>
    </row>
    <row r="947834" spans="14:14">
      <c r="N947834" s="10"/>
    </row>
    <row r="947835" spans="14:14">
      <c r="N947835" s="10"/>
    </row>
    <row r="947836" spans="14:14">
      <c r="N947836" s="10"/>
    </row>
    <row r="947837" spans="14:14">
      <c r="N947837" s="10"/>
    </row>
    <row r="947838" spans="14:14">
      <c r="N947838" s="10"/>
    </row>
    <row r="947839" spans="14:14">
      <c r="N947839" s="10"/>
    </row>
    <row r="947840" spans="14:14">
      <c r="N947840" s="10"/>
    </row>
    <row r="947841" spans="14:14">
      <c r="N947841" s="10"/>
    </row>
    <row r="947842" spans="14:14">
      <c r="N947842" s="10"/>
    </row>
    <row r="947843" spans="14:14">
      <c r="N947843" s="10"/>
    </row>
    <row r="947844" spans="14:14">
      <c r="N947844" s="10"/>
    </row>
    <row r="947845" spans="14:14">
      <c r="N947845" s="10"/>
    </row>
    <row r="947846" spans="14:14">
      <c r="N947846" s="10"/>
    </row>
    <row r="947847" spans="14:14">
      <c r="N947847" s="10"/>
    </row>
    <row r="947848" spans="14:14">
      <c r="N947848" s="10"/>
    </row>
    <row r="947849" spans="14:14">
      <c r="N947849" s="10"/>
    </row>
    <row r="947850" spans="14:14">
      <c r="N947850" s="10"/>
    </row>
    <row r="947851" spans="14:14">
      <c r="N947851" s="10"/>
    </row>
    <row r="947852" spans="14:14">
      <c r="N947852" s="10"/>
    </row>
    <row r="947853" spans="14:14">
      <c r="N947853" s="10"/>
    </row>
    <row r="947854" spans="14:14">
      <c r="N947854" s="10"/>
    </row>
    <row r="947855" spans="14:14">
      <c r="N947855" s="10"/>
    </row>
    <row r="947856" spans="14:14">
      <c r="N947856" s="10"/>
    </row>
    <row r="947857" spans="14:14">
      <c r="N947857" s="10"/>
    </row>
    <row r="947858" spans="14:14">
      <c r="N947858" s="10"/>
    </row>
    <row r="947859" spans="14:14">
      <c r="N947859" s="10"/>
    </row>
    <row r="947860" spans="14:14">
      <c r="N947860" s="10"/>
    </row>
    <row r="947861" spans="14:14">
      <c r="N947861" s="10"/>
    </row>
    <row r="947862" spans="14:14">
      <c r="N947862" s="10"/>
    </row>
    <row r="947863" spans="14:14">
      <c r="N947863" s="10"/>
    </row>
    <row r="947864" spans="14:14">
      <c r="N947864" s="10"/>
    </row>
    <row r="947865" spans="14:14">
      <c r="N947865" s="10"/>
    </row>
    <row r="947866" spans="14:14">
      <c r="N947866" s="10"/>
    </row>
    <row r="947867" spans="14:14">
      <c r="N947867" s="10"/>
    </row>
    <row r="947868" spans="14:14">
      <c r="N947868" s="10"/>
    </row>
    <row r="947869" spans="14:14">
      <c r="N947869" s="10"/>
    </row>
    <row r="947870" spans="14:14">
      <c r="N947870" s="10"/>
    </row>
    <row r="947871" spans="14:14">
      <c r="N947871" s="10"/>
    </row>
    <row r="947872" spans="14:14">
      <c r="N947872" s="10"/>
    </row>
    <row r="947873" spans="14:14">
      <c r="N947873" s="10"/>
    </row>
    <row r="947874" spans="14:14">
      <c r="N947874" s="10"/>
    </row>
    <row r="947875" spans="14:14">
      <c r="N947875" s="10"/>
    </row>
    <row r="947876" spans="14:14">
      <c r="N947876" s="10"/>
    </row>
    <row r="947877" spans="14:14">
      <c r="N947877" s="10"/>
    </row>
    <row r="947878" spans="14:14">
      <c r="N947878" s="10"/>
    </row>
    <row r="947879" spans="14:14">
      <c r="N947879" s="10"/>
    </row>
    <row r="947880" spans="14:14">
      <c r="N947880" s="10"/>
    </row>
    <row r="947881" spans="14:14">
      <c r="N947881" s="10"/>
    </row>
    <row r="947882" spans="14:14">
      <c r="N947882" s="10"/>
    </row>
    <row r="947883" spans="14:14">
      <c r="N947883" s="10"/>
    </row>
    <row r="947884" spans="14:14">
      <c r="N947884" s="10"/>
    </row>
    <row r="947885" spans="14:14">
      <c r="N947885" s="10"/>
    </row>
    <row r="947886" spans="14:14">
      <c r="N947886" s="10"/>
    </row>
    <row r="947887" spans="14:14">
      <c r="N947887" s="10"/>
    </row>
    <row r="947888" spans="14:14">
      <c r="N947888" s="10"/>
    </row>
    <row r="947889" spans="14:14">
      <c r="N947889" s="10"/>
    </row>
    <row r="947890" spans="14:14">
      <c r="N947890" s="10"/>
    </row>
    <row r="947891" spans="14:14">
      <c r="N947891" s="10"/>
    </row>
    <row r="947892" spans="14:14">
      <c r="N947892" s="10"/>
    </row>
    <row r="947893" spans="14:14">
      <c r="N947893" s="10"/>
    </row>
    <row r="947894" spans="14:14">
      <c r="N947894" s="10"/>
    </row>
    <row r="947895" spans="14:14">
      <c r="N947895" s="10"/>
    </row>
    <row r="947896" spans="14:14">
      <c r="N947896" s="10"/>
    </row>
    <row r="947897" spans="14:14">
      <c r="N947897" s="10"/>
    </row>
    <row r="947898" spans="14:14">
      <c r="N947898" s="10"/>
    </row>
    <row r="947899" spans="14:14">
      <c r="N947899" s="10"/>
    </row>
    <row r="947900" spans="14:14">
      <c r="N947900" s="10"/>
    </row>
    <row r="947901" spans="14:14">
      <c r="N947901" s="10"/>
    </row>
    <row r="947902" spans="14:14">
      <c r="N947902" s="10"/>
    </row>
    <row r="947903" spans="14:14">
      <c r="N947903" s="10"/>
    </row>
    <row r="947904" spans="14:14">
      <c r="N947904" s="10"/>
    </row>
    <row r="947905" spans="14:14">
      <c r="N947905" s="10"/>
    </row>
    <row r="947906" spans="14:14">
      <c r="N947906" s="10"/>
    </row>
    <row r="947907" spans="14:14">
      <c r="N947907" s="10"/>
    </row>
    <row r="947908" spans="14:14">
      <c r="N947908" s="10"/>
    </row>
    <row r="947909" spans="14:14">
      <c r="N947909" s="10"/>
    </row>
    <row r="947910" spans="14:14">
      <c r="N947910" s="10"/>
    </row>
    <row r="947911" spans="14:14">
      <c r="N947911" s="10"/>
    </row>
    <row r="947912" spans="14:14">
      <c r="N947912" s="10"/>
    </row>
    <row r="947913" spans="14:14">
      <c r="N947913" s="10"/>
    </row>
    <row r="947914" spans="14:14">
      <c r="N947914" s="10"/>
    </row>
    <row r="947915" spans="14:14">
      <c r="N947915" s="10"/>
    </row>
    <row r="947916" spans="14:14">
      <c r="N947916" s="10"/>
    </row>
    <row r="947917" spans="14:14">
      <c r="N947917" s="10"/>
    </row>
    <row r="947918" spans="14:14">
      <c r="N947918" s="10"/>
    </row>
    <row r="947919" spans="14:14">
      <c r="N947919" s="10"/>
    </row>
    <row r="947920" spans="14:14">
      <c r="N947920" s="10"/>
    </row>
    <row r="947921" spans="14:14">
      <c r="N947921" s="10"/>
    </row>
    <row r="947922" spans="14:14">
      <c r="N947922" s="10"/>
    </row>
    <row r="947923" spans="14:14">
      <c r="N947923" s="10"/>
    </row>
    <row r="947924" spans="14:14">
      <c r="N947924" s="10"/>
    </row>
    <row r="947925" spans="14:14">
      <c r="N947925" s="10"/>
    </row>
    <row r="947926" spans="14:14">
      <c r="N947926" s="10"/>
    </row>
    <row r="947927" spans="14:14">
      <c r="N947927" s="10"/>
    </row>
    <row r="947928" spans="14:14">
      <c r="N947928" s="10"/>
    </row>
    <row r="947929" spans="14:14">
      <c r="N947929" s="10"/>
    </row>
    <row r="947930" spans="14:14">
      <c r="N947930" s="10"/>
    </row>
    <row r="947931" spans="14:14">
      <c r="N947931" s="10"/>
    </row>
    <row r="947932" spans="14:14">
      <c r="N947932" s="10"/>
    </row>
    <row r="947933" spans="14:14">
      <c r="N947933" s="10"/>
    </row>
    <row r="947934" spans="14:14">
      <c r="N947934" s="10"/>
    </row>
    <row r="947935" spans="14:14">
      <c r="N947935" s="10"/>
    </row>
    <row r="947936" spans="14:14">
      <c r="N947936" s="10"/>
    </row>
    <row r="947937" spans="14:14">
      <c r="N947937" s="10"/>
    </row>
    <row r="947938" spans="14:14">
      <c r="N947938" s="10"/>
    </row>
    <row r="947939" spans="14:14">
      <c r="N947939" s="10"/>
    </row>
    <row r="947940" spans="14:14">
      <c r="N947940" s="10"/>
    </row>
    <row r="947941" spans="14:14">
      <c r="N947941" s="10"/>
    </row>
    <row r="947942" spans="14:14">
      <c r="N947942" s="10"/>
    </row>
    <row r="947943" spans="14:14">
      <c r="N947943" s="10"/>
    </row>
    <row r="947944" spans="14:14">
      <c r="N947944" s="10"/>
    </row>
    <row r="947945" spans="14:14">
      <c r="N947945" s="10"/>
    </row>
    <row r="947946" spans="14:14">
      <c r="N947946" s="10"/>
    </row>
    <row r="947947" spans="14:14">
      <c r="N947947" s="10"/>
    </row>
    <row r="947948" spans="14:14">
      <c r="N947948" s="10"/>
    </row>
    <row r="947949" spans="14:14">
      <c r="N947949" s="10"/>
    </row>
    <row r="947950" spans="14:14">
      <c r="N947950" s="10"/>
    </row>
    <row r="947951" spans="14:14">
      <c r="N947951" s="10"/>
    </row>
    <row r="947952" spans="14:14">
      <c r="N947952" s="10"/>
    </row>
    <row r="947953" spans="14:14">
      <c r="N947953" s="10"/>
    </row>
    <row r="947954" spans="14:14">
      <c r="N947954" s="10"/>
    </row>
    <row r="947955" spans="14:14">
      <c r="N947955" s="10"/>
    </row>
    <row r="947956" spans="14:14">
      <c r="N947956" s="10"/>
    </row>
    <row r="947957" spans="14:14">
      <c r="N947957" s="10"/>
    </row>
    <row r="947958" spans="14:14">
      <c r="N947958" s="10"/>
    </row>
    <row r="947959" spans="14:14">
      <c r="N947959" s="10"/>
    </row>
    <row r="947960" spans="14:14">
      <c r="N947960" s="10"/>
    </row>
    <row r="947961" spans="14:14">
      <c r="N947961" s="10"/>
    </row>
    <row r="947962" spans="14:14">
      <c r="N947962" s="10"/>
    </row>
    <row r="947963" spans="14:14">
      <c r="N947963" s="10"/>
    </row>
    <row r="947964" spans="14:14">
      <c r="N947964" s="10"/>
    </row>
    <row r="947965" spans="14:14">
      <c r="N947965" s="10"/>
    </row>
    <row r="947966" spans="14:14">
      <c r="N947966" s="10"/>
    </row>
    <row r="947967" spans="14:14">
      <c r="N947967" s="10"/>
    </row>
    <row r="947968" spans="14:14">
      <c r="N947968" s="10"/>
    </row>
    <row r="947969" spans="14:14">
      <c r="N947969" s="10"/>
    </row>
    <row r="947970" spans="14:14">
      <c r="N947970" s="10"/>
    </row>
    <row r="947971" spans="14:14">
      <c r="N947971" s="10"/>
    </row>
    <row r="947972" spans="14:14">
      <c r="N947972" s="10"/>
    </row>
    <row r="947973" spans="14:14">
      <c r="N947973" s="10"/>
    </row>
    <row r="947974" spans="14:14">
      <c r="N947974" s="10"/>
    </row>
    <row r="947975" spans="14:14">
      <c r="N947975" s="10"/>
    </row>
    <row r="947976" spans="14:14">
      <c r="N947976" s="10"/>
    </row>
    <row r="947977" spans="14:14">
      <c r="N947977" s="10"/>
    </row>
    <row r="947978" spans="14:14">
      <c r="N947978" s="10"/>
    </row>
    <row r="947979" spans="14:14">
      <c r="N947979" s="10"/>
    </row>
    <row r="947980" spans="14:14">
      <c r="N947980" s="10"/>
    </row>
    <row r="947981" spans="14:14">
      <c r="N947981" s="10"/>
    </row>
    <row r="947982" spans="14:14">
      <c r="N947982" s="10"/>
    </row>
    <row r="947983" spans="14:14">
      <c r="N947983" s="10"/>
    </row>
    <row r="947984" spans="14:14">
      <c r="N947984" s="10"/>
    </row>
    <row r="947985" spans="14:14">
      <c r="N947985" s="10"/>
    </row>
    <row r="947986" spans="14:14">
      <c r="N947986" s="10"/>
    </row>
    <row r="947987" spans="14:14">
      <c r="N947987" s="10"/>
    </row>
    <row r="947988" spans="14:14">
      <c r="N947988" s="10"/>
    </row>
    <row r="947989" spans="14:14">
      <c r="N947989" s="10"/>
    </row>
    <row r="947990" spans="14:14">
      <c r="N947990" s="10"/>
    </row>
    <row r="947991" spans="14:14">
      <c r="N947991" s="10"/>
    </row>
    <row r="947992" spans="14:14">
      <c r="N947992" s="10"/>
    </row>
    <row r="947993" spans="14:14">
      <c r="N947993" s="10"/>
    </row>
    <row r="947994" spans="14:14">
      <c r="N947994" s="10"/>
    </row>
    <row r="947995" spans="14:14">
      <c r="N947995" s="10"/>
    </row>
    <row r="947996" spans="14:14">
      <c r="N947996" s="10"/>
    </row>
    <row r="947997" spans="14:14">
      <c r="N947997" s="10"/>
    </row>
    <row r="947998" spans="14:14">
      <c r="N947998" s="10"/>
    </row>
    <row r="947999" spans="14:14">
      <c r="N947999" s="10"/>
    </row>
    <row r="948000" spans="14:14">
      <c r="N948000" s="10"/>
    </row>
    <row r="948001" spans="14:14">
      <c r="N948001" s="10"/>
    </row>
    <row r="948002" spans="14:14">
      <c r="N948002" s="10"/>
    </row>
    <row r="948003" spans="14:14">
      <c r="N948003" s="10"/>
    </row>
    <row r="948004" spans="14:14">
      <c r="N948004" s="10"/>
    </row>
    <row r="948005" spans="14:14">
      <c r="N948005" s="10"/>
    </row>
    <row r="948006" spans="14:14">
      <c r="N948006" s="10"/>
    </row>
    <row r="948007" spans="14:14">
      <c r="N948007" s="10"/>
    </row>
    <row r="948008" spans="14:14">
      <c r="N948008" s="10"/>
    </row>
    <row r="948009" spans="14:14">
      <c r="N948009" s="10"/>
    </row>
    <row r="948010" spans="14:14">
      <c r="N948010" s="10"/>
    </row>
    <row r="948011" spans="14:14">
      <c r="N948011" s="10"/>
    </row>
    <row r="948012" spans="14:14">
      <c r="N948012" s="10"/>
    </row>
    <row r="948013" spans="14:14">
      <c r="N948013" s="10"/>
    </row>
    <row r="948014" spans="14:14">
      <c r="N948014" s="10"/>
    </row>
    <row r="948015" spans="14:14">
      <c r="N948015" s="10"/>
    </row>
    <row r="948016" spans="14:14">
      <c r="N948016" s="10"/>
    </row>
    <row r="948017" spans="14:14">
      <c r="N948017" s="10"/>
    </row>
    <row r="948018" spans="14:14">
      <c r="N948018" s="10"/>
    </row>
    <row r="948019" spans="14:14">
      <c r="N948019" s="10"/>
    </row>
    <row r="948020" spans="14:14">
      <c r="N948020" s="10"/>
    </row>
    <row r="948021" spans="14:14">
      <c r="N948021" s="10"/>
    </row>
    <row r="948022" spans="14:14">
      <c r="N948022" s="10"/>
    </row>
    <row r="948023" spans="14:14">
      <c r="N948023" s="10"/>
    </row>
    <row r="948024" spans="14:14">
      <c r="N948024" s="10"/>
    </row>
    <row r="948025" spans="14:14">
      <c r="N948025" s="10"/>
    </row>
    <row r="948026" spans="14:14">
      <c r="N948026" s="10"/>
    </row>
    <row r="948027" spans="14:14">
      <c r="N948027" s="10"/>
    </row>
    <row r="948028" spans="14:14">
      <c r="N948028" s="10"/>
    </row>
    <row r="948029" spans="14:14">
      <c r="N948029" s="10"/>
    </row>
    <row r="948030" spans="14:14">
      <c r="N948030" s="10"/>
    </row>
    <row r="948031" spans="14:14">
      <c r="N948031" s="10"/>
    </row>
    <row r="948032" spans="14:14">
      <c r="N948032" s="10"/>
    </row>
    <row r="948033" spans="14:14">
      <c r="N948033" s="10"/>
    </row>
    <row r="948034" spans="14:14">
      <c r="N948034" s="10"/>
    </row>
    <row r="948035" spans="14:14">
      <c r="N948035" s="10"/>
    </row>
    <row r="948036" spans="14:14">
      <c r="N948036" s="10"/>
    </row>
    <row r="948037" spans="14:14">
      <c r="N948037" s="10"/>
    </row>
    <row r="948038" spans="14:14">
      <c r="N948038" s="10"/>
    </row>
    <row r="948039" spans="14:14">
      <c r="N948039" s="10"/>
    </row>
    <row r="948040" spans="14:14">
      <c r="N948040" s="10"/>
    </row>
    <row r="948041" spans="14:14">
      <c r="N948041" s="10"/>
    </row>
    <row r="948042" spans="14:14">
      <c r="N948042" s="10"/>
    </row>
    <row r="948043" spans="14:14">
      <c r="N948043" s="10"/>
    </row>
    <row r="948044" spans="14:14">
      <c r="N948044" s="10"/>
    </row>
    <row r="948045" spans="14:14">
      <c r="N948045" s="10"/>
    </row>
    <row r="948046" spans="14:14">
      <c r="N948046" s="10"/>
    </row>
    <row r="948047" spans="14:14">
      <c r="N948047" s="10"/>
    </row>
    <row r="948048" spans="14:14">
      <c r="N948048" s="10"/>
    </row>
    <row r="948049" spans="14:14">
      <c r="N948049" s="10"/>
    </row>
    <row r="948050" spans="14:14">
      <c r="N948050" s="10"/>
    </row>
    <row r="948051" spans="14:14">
      <c r="N948051" s="10"/>
    </row>
    <row r="948052" spans="14:14">
      <c r="N948052" s="10"/>
    </row>
    <row r="948053" spans="14:14">
      <c r="N948053" s="10"/>
    </row>
    <row r="948054" spans="14:14">
      <c r="N948054" s="10"/>
    </row>
    <row r="948055" spans="14:14">
      <c r="N948055" s="10"/>
    </row>
    <row r="948056" spans="14:14">
      <c r="N948056" s="10"/>
    </row>
    <row r="948057" spans="14:14">
      <c r="N948057" s="10"/>
    </row>
    <row r="948058" spans="14:14">
      <c r="N948058" s="10"/>
    </row>
    <row r="948059" spans="14:14">
      <c r="N948059" s="10"/>
    </row>
    <row r="948060" spans="14:14">
      <c r="N948060" s="10"/>
    </row>
    <row r="948061" spans="14:14">
      <c r="N948061" s="10"/>
    </row>
    <row r="948062" spans="14:14">
      <c r="N948062" s="10"/>
    </row>
    <row r="948063" spans="14:14">
      <c r="N948063" s="10"/>
    </row>
    <row r="948064" spans="14:14">
      <c r="N948064" s="10"/>
    </row>
    <row r="948065" spans="14:14">
      <c r="N948065" s="10"/>
    </row>
    <row r="948066" spans="14:14">
      <c r="N948066" s="10"/>
    </row>
    <row r="948067" spans="14:14">
      <c r="N948067" s="10"/>
    </row>
    <row r="948068" spans="14:14">
      <c r="N948068" s="10"/>
    </row>
    <row r="948069" spans="14:14">
      <c r="N948069" s="10"/>
    </row>
    <row r="948070" spans="14:14">
      <c r="N948070" s="10"/>
    </row>
    <row r="948071" spans="14:14">
      <c r="N948071" s="10"/>
    </row>
    <row r="948072" spans="14:14">
      <c r="N948072" s="10"/>
    </row>
    <row r="948073" spans="14:14">
      <c r="N948073" s="10"/>
    </row>
    <row r="948074" spans="14:14">
      <c r="N948074" s="10"/>
    </row>
    <row r="948075" spans="14:14">
      <c r="N948075" s="10"/>
    </row>
    <row r="948076" spans="14:14">
      <c r="N948076" s="10"/>
    </row>
    <row r="948077" spans="14:14">
      <c r="N948077" s="10"/>
    </row>
    <row r="948078" spans="14:14">
      <c r="N948078" s="10"/>
    </row>
    <row r="948079" spans="14:14">
      <c r="N948079" s="10"/>
    </row>
    <row r="948080" spans="14:14">
      <c r="N948080" s="10"/>
    </row>
    <row r="948081" spans="14:14">
      <c r="N948081" s="10"/>
    </row>
    <row r="948082" spans="14:14">
      <c r="N948082" s="10"/>
    </row>
    <row r="948083" spans="14:14">
      <c r="N948083" s="10"/>
    </row>
    <row r="948084" spans="14:14">
      <c r="N948084" s="10"/>
    </row>
    <row r="948085" spans="14:14">
      <c r="N948085" s="10"/>
    </row>
    <row r="948086" spans="14:14">
      <c r="N948086" s="10"/>
    </row>
    <row r="948087" spans="14:14">
      <c r="N948087" s="10"/>
    </row>
    <row r="948088" spans="14:14">
      <c r="N948088" s="10"/>
    </row>
    <row r="948089" spans="14:14">
      <c r="N948089" s="10"/>
    </row>
    <row r="948090" spans="14:14">
      <c r="N948090" s="10"/>
    </row>
    <row r="948091" spans="14:14">
      <c r="N948091" s="10"/>
    </row>
    <row r="948092" spans="14:14">
      <c r="N948092" s="10"/>
    </row>
    <row r="948093" spans="14:14">
      <c r="N948093" s="10"/>
    </row>
    <row r="948094" spans="14:14">
      <c r="N948094" s="10"/>
    </row>
    <row r="948095" spans="14:14">
      <c r="N948095" s="10"/>
    </row>
    <row r="948096" spans="14:14">
      <c r="N948096" s="10"/>
    </row>
    <row r="948097" spans="14:14">
      <c r="N948097" s="10"/>
    </row>
    <row r="948098" spans="14:14">
      <c r="N948098" s="10"/>
    </row>
    <row r="948099" spans="14:14">
      <c r="N948099" s="10"/>
    </row>
    <row r="948100" spans="14:14">
      <c r="N948100" s="10"/>
    </row>
    <row r="948101" spans="14:14">
      <c r="N948101" s="10"/>
    </row>
    <row r="948102" spans="14:14">
      <c r="N948102" s="10"/>
    </row>
    <row r="948103" spans="14:14">
      <c r="N948103" s="10"/>
    </row>
    <row r="948104" spans="14:14">
      <c r="N948104" s="10"/>
    </row>
    <row r="948105" spans="14:14">
      <c r="N948105" s="10"/>
    </row>
    <row r="948106" spans="14:14">
      <c r="N948106" s="10"/>
    </row>
    <row r="948107" spans="14:14">
      <c r="N948107" s="10"/>
    </row>
    <row r="948108" spans="14:14">
      <c r="N948108" s="10"/>
    </row>
    <row r="948109" spans="14:14">
      <c r="N948109" s="10"/>
    </row>
    <row r="948110" spans="14:14">
      <c r="N948110" s="10"/>
    </row>
    <row r="948111" spans="14:14">
      <c r="N948111" s="10"/>
    </row>
    <row r="948112" spans="14:14">
      <c r="N948112" s="10"/>
    </row>
    <row r="948113" spans="14:14">
      <c r="N948113" s="10"/>
    </row>
    <row r="948114" spans="14:14">
      <c r="N948114" s="10"/>
    </row>
    <row r="948115" spans="14:14">
      <c r="N948115" s="10"/>
    </row>
    <row r="948116" spans="14:14">
      <c r="N948116" s="10"/>
    </row>
    <row r="948117" spans="14:14">
      <c r="N948117" s="10"/>
    </row>
    <row r="948118" spans="14:14">
      <c r="N948118" s="10"/>
    </row>
    <row r="948119" spans="14:14">
      <c r="N948119" s="10"/>
    </row>
    <row r="948120" spans="14:14">
      <c r="N948120" s="10"/>
    </row>
    <row r="948121" spans="14:14">
      <c r="N948121" s="10"/>
    </row>
    <row r="948122" spans="14:14">
      <c r="N948122" s="10"/>
    </row>
    <row r="948123" spans="14:14">
      <c r="N948123" s="10"/>
    </row>
    <row r="948124" spans="14:14">
      <c r="N948124" s="10"/>
    </row>
    <row r="948125" spans="14:14">
      <c r="N948125" s="10"/>
    </row>
    <row r="948126" spans="14:14">
      <c r="N948126" s="10"/>
    </row>
    <row r="948127" spans="14:14">
      <c r="N948127" s="10"/>
    </row>
    <row r="948128" spans="14:14">
      <c r="N948128" s="10"/>
    </row>
    <row r="948129" spans="14:14">
      <c r="N948129" s="10"/>
    </row>
    <row r="948130" spans="14:14">
      <c r="N948130" s="10"/>
    </row>
    <row r="948131" spans="14:14">
      <c r="N948131" s="10"/>
    </row>
    <row r="948132" spans="14:14">
      <c r="N948132" s="10"/>
    </row>
    <row r="948133" spans="14:14">
      <c r="N948133" s="10"/>
    </row>
    <row r="948134" spans="14:14">
      <c r="N948134" s="10"/>
    </row>
    <row r="948135" spans="14:14">
      <c r="N948135" s="10"/>
    </row>
    <row r="948136" spans="14:14">
      <c r="N948136" s="10"/>
    </row>
    <row r="948137" spans="14:14">
      <c r="N948137" s="10"/>
    </row>
    <row r="948138" spans="14:14">
      <c r="N948138" s="10"/>
    </row>
    <row r="948139" spans="14:14">
      <c r="N948139" s="10"/>
    </row>
    <row r="948140" spans="14:14">
      <c r="N948140" s="10"/>
    </row>
    <row r="948141" spans="14:14">
      <c r="N948141" s="10"/>
    </row>
    <row r="948142" spans="14:14">
      <c r="N948142" s="10"/>
    </row>
    <row r="948143" spans="14:14">
      <c r="N948143" s="10"/>
    </row>
    <row r="948144" spans="14:14">
      <c r="N948144" s="10"/>
    </row>
    <row r="948145" spans="14:14">
      <c r="N948145" s="10"/>
    </row>
    <row r="948146" spans="14:14">
      <c r="N948146" s="10"/>
    </row>
    <row r="948147" spans="14:14">
      <c r="N948147" s="10"/>
    </row>
    <row r="948148" spans="14:14">
      <c r="N948148" s="10"/>
    </row>
    <row r="948149" spans="14:14">
      <c r="N948149" s="10"/>
    </row>
    <row r="948150" spans="14:14">
      <c r="N948150" s="10"/>
    </row>
    <row r="948151" spans="14:14">
      <c r="N948151" s="10"/>
    </row>
    <row r="948152" spans="14:14">
      <c r="N948152" s="10"/>
    </row>
    <row r="948153" spans="14:14">
      <c r="N948153" s="10"/>
    </row>
    <row r="948154" spans="14:14">
      <c r="N948154" s="10"/>
    </row>
    <row r="948155" spans="14:14">
      <c r="N948155" s="10"/>
    </row>
    <row r="948156" spans="14:14">
      <c r="N948156" s="10"/>
    </row>
    <row r="948157" spans="14:14">
      <c r="N948157" s="10"/>
    </row>
    <row r="948158" spans="14:14">
      <c r="N948158" s="10"/>
    </row>
    <row r="948159" spans="14:14">
      <c r="N948159" s="10"/>
    </row>
    <row r="948160" spans="14:14">
      <c r="N948160" s="10"/>
    </row>
    <row r="948161" spans="14:14">
      <c r="N948161" s="10"/>
    </row>
    <row r="948162" spans="14:14">
      <c r="N948162" s="10"/>
    </row>
    <row r="948163" spans="14:14">
      <c r="N948163" s="10"/>
    </row>
    <row r="948164" spans="14:14">
      <c r="N948164" s="10"/>
    </row>
    <row r="948165" spans="14:14">
      <c r="N948165" s="10"/>
    </row>
    <row r="948166" spans="14:14">
      <c r="N948166" s="10"/>
    </row>
    <row r="948167" spans="14:14">
      <c r="N948167" s="10"/>
    </row>
    <row r="948168" spans="14:14">
      <c r="N948168" s="10"/>
    </row>
    <row r="948169" spans="14:14">
      <c r="N948169" s="10"/>
    </row>
    <row r="948170" spans="14:14">
      <c r="N948170" s="10"/>
    </row>
    <row r="948171" spans="14:14">
      <c r="N948171" s="10"/>
    </row>
    <row r="948172" spans="14:14">
      <c r="N948172" s="10"/>
    </row>
    <row r="948173" spans="14:14">
      <c r="N948173" s="10"/>
    </row>
    <row r="948174" spans="14:14">
      <c r="N948174" s="10"/>
    </row>
    <row r="948175" spans="14:14">
      <c r="N948175" s="10"/>
    </row>
    <row r="948176" spans="14:14">
      <c r="N948176" s="10"/>
    </row>
    <row r="948177" spans="14:14">
      <c r="N948177" s="10"/>
    </row>
    <row r="948178" spans="14:14">
      <c r="N948178" s="10"/>
    </row>
    <row r="948179" spans="14:14">
      <c r="N948179" s="10"/>
    </row>
    <row r="948180" spans="14:14">
      <c r="N948180" s="10"/>
    </row>
    <row r="948181" spans="14:14">
      <c r="N948181" s="10"/>
    </row>
    <row r="948182" spans="14:14">
      <c r="N948182" s="10"/>
    </row>
    <row r="948183" spans="14:14">
      <c r="N948183" s="10"/>
    </row>
    <row r="948184" spans="14:14">
      <c r="N948184" s="10"/>
    </row>
    <row r="948185" spans="14:14">
      <c r="N948185" s="10"/>
    </row>
    <row r="948186" spans="14:14">
      <c r="N948186" s="10"/>
    </row>
    <row r="948187" spans="14:14">
      <c r="N948187" s="10"/>
    </row>
    <row r="948188" spans="14:14">
      <c r="N948188" s="10"/>
    </row>
    <row r="948189" spans="14:14">
      <c r="N948189" s="10"/>
    </row>
    <row r="948190" spans="14:14">
      <c r="N948190" s="10"/>
    </row>
    <row r="948191" spans="14:14">
      <c r="N948191" s="10"/>
    </row>
    <row r="948192" spans="14:14">
      <c r="N948192" s="10"/>
    </row>
    <row r="948193" spans="14:14">
      <c r="N948193" s="10"/>
    </row>
    <row r="948194" spans="14:14">
      <c r="N948194" s="10"/>
    </row>
    <row r="948195" spans="14:14">
      <c r="N948195" s="10"/>
    </row>
    <row r="948196" spans="14:14">
      <c r="N948196" s="10"/>
    </row>
    <row r="948197" spans="14:14">
      <c r="N948197" s="10"/>
    </row>
    <row r="948198" spans="14:14">
      <c r="N948198" s="10"/>
    </row>
    <row r="948199" spans="14:14">
      <c r="N948199" s="10"/>
    </row>
    <row r="948200" spans="14:14">
      <c r="N948200" s="10"/>
    </row>
    <row r="948201" spans="14:14">
      <c r="N948201" s="10"/>
    </row>
    <row r="948202" spans="14:14">
      <c r="N948202" s="10"/>
    </row>
    <row r="948203" spans="14:14">
      <c r="N948203" s="10"/>
    </row>
    <row r="948204" spans="14:14">
      <c r="N948204" s="10"/>
    </row>
    <row r="948205" spans="14:14">
      <c r="N948205" s="10"/>
    </row>
    <row r="948206" spans="14:14">
      <c r="N948206" s="10"/>
    </row>
    <row r="948207" spans="14:14">
      <c r="N948207" s="10"/>
    </row>
    <row r="948208" spans="14:14">
      <c r="N948208" s="10"/>
    </row>
    <row r="948209" spans="14:14">
      <c r="N948209" s="10"/>
    </row>
    <row r="948210" spans="14:14">
      <c r="N948210" s="10"/>
    </row>
    <row r="948211" spans="14:14">
      <c r="N948211" s="10"/>
    </row>
    <row r="948212" spans="14:14">
      <c r="N948212" s="10"/>
    </row>
    <row r="948213" spans="14:14">
      <c r="N948213" s="10"/>
    </row>
    <row r="948214" spans="14:14">
      <c r="N948214" s="10"/>
    </row>
    <row r="948215" spans="14:14">
      <c r="N948215" s="10"/>
    </row>
    <row r="948216" spans="14:14">
      <c r="N948216" s="10"/>
    </row>
    <row r="948217" spans="14:14">
      <c r="N948217" s="10"/>
    </row>
    <row r="948218" spans="14:14">
      <c r="N948218" s="10"/>
    </row>
    <row r="948219" spans="14:14">
      <c r="N948219" s="10"/>
    </row>
    <row r="948220" spans="14:14">
      <c r="N948220" s="10"/>
    </row>
    <row r="948221" spans="14:14">
      <c r="N948221" s="10"/>
    </row>
    <row r="948222" spans="14:14">
      <c r="N948222" s="10"/>
    </row>
    <row r="948223" spans="14:14">
      <c r="N948223" s="10"/>
    </row>
    <row r="948224" spans="14:14">
      <c r="N948224" s="10"/>
    </row>
    <row r="948225" spans="14:14">
      <c r="N948225" s="10"/>
    </row>
    <row r="948226" spans="14:14">
      <c r="N948226" s="10"/>
    </row>
    <row r="948227" spans="14:14">
      <c r="N948227" s="10"/>
    </row>
    <row r="948228" spans="14:14">
      <c r="N948228" s="10"/>
    </row>
    <row r="948229" spans="14:14">
      <c r="N948229" s="10"/>
    </row>
    <row r="948230" spans="14:14">
      <c r="N948230" s="10"/>
    </row>
    <row r="948231" spans="14:14">
      <c r="N948231" s="10"/>
    </row>
    <row r="948232" spans="14:14">
      <c r="N948232" s="10"/>
    </row>
    <row r="948233" spans="14:14">
      <c r="N948233" s="10"/>
    </row>
    <row r="948234" spans="14:14">
      <c r="N948234" s="10"/>
    </row>
    <row r="948235" spans="14:14">
      <c r="N948235" s="10"/>
    </row>
    <row r="948236" spans="14:14">
      <c r="N948236" s="10"/>
    </row>
    <row r="948237" spans="14:14">
      <c r="N948237" s="10"/>
    </row>
    <row r="948238" spans="14:14">
      <c r="N948238" s="10"/>
    </row>
    <row r="948239" spans="14:14">
      <c r="N948239" s="10"/>
    </row>
    <row r="948240" spans="14:14">
      <c r="N948240" s="10"/>
    </row>
    <row r="948241" spans="14:14">
      <c r="N948241" s="10"/>
    </row>
    <row r="948242" spans="14:14">
      <c r="N948242" s="10"/>
    </row>
    <row r="948243" spans="14:14">
      <c r="N948243" s="10"/>
    </row>
    <row r="948244" spans="14:14">
      <c r="N948244" s="10"/>
    </row>
    <row r="948245" spans="14:14">
      <c r="N948245" s="10"/>
    </row>
    <row r="948246" spans="14:14">
      <c r="N948246" s="10"/>
    </row>
    <row r="948247" spans="14:14">
      <c r="N948247" s="10"/>
    </row>
    <row r="948248" spans="14:14">
      <c r="N948248" s="10"/>
    </row>
    <row r="948249" spans="14:14">
      <c r="N948249" s="10"/>
    </row>
    <row r="948250" spans="14:14">
      <c r="N948250" s="10"/>
    </row>
    <row r="948251" spans="14:14">
      <c r="N948251" s="10"/>
    </row>
    <row r="948252" spans="14:14">
      <c r="N948252" s="10"/>
    </row>
    <row r="948253" spans="14:14">
      <c r="N948253" s="10"/>
    </row>
    <row r="948254" spans="14:14">
      <c r="N948254" s="10"/>
    </row>
    <row r="948255" spans="14:14">
      <c r="N948255" s="10"/>
    </row>
    <row r="948256" spans="14:14">
      <c r="N948256" s="10"/>
    </row>
    <row r="948257" spans="14:14">
      <c r="N948257" s="10"/>
    </row>
    <row r="948258" spans="14:14">
      <c r="N948258" s="10"/>
    </row>
    <row r="948259" spans="14:14">
      <c r="N948259" s="10"/>
    </row>
    <row r="948260" spans="14:14">
      <c r="N948260" s="10"/>
    </row>
    <row r="948261" spans="14:14">
      <c r="N948261" s="10"/>
    </row>
    <row r="948262" spans="14:14">
      <c r="N948262" s="10"/>
    </row>
    <row r="948263" spans="14:14">
      <c r="N948263" s="10"/>
    </row>
    <row r="948264" spans="14:14">
      <c r="N948264" s="10"/>
    </row>
    <row r="948265" spans="14:14">
      <c r="N948265" s="10"/>
    </row>
    <row r="948266" spans="14:14">
      <c r="N948266" s="10"/>
    </row>
    <row r="948267" spans="14:14">
      <c r="N948267" s="10"/>
    </row>
    <row r="948268" spans="14:14">
      <c r="N948268" s="10"/>
    </row>
    <row r="948269" spans="14:14">
      <c r="N948269" s="10"/>
    </row>
    <row r="948270" spans="14:14">
      <c r="N948270" s="10"/>
    </row>
    <row r="948271" spans="14:14">
      <c r="N948271" s="10"/>
    </row>
    <row r="948272" spans="14:14">
      <c r="N948272" s="10"/>
    </row>
    <row r="948273" spans="14:14">
      <c r="N948273" s="10"/>
    </row>
    <row r="948274" spans="14:14">
      <c r="N948274" s="10"/>
    </row>
    <row r="948275" spans="14:14">
      <c r="N948275" s="10"/>
    </row>
    <row r="948276" spans="14:14">
      <c r="N948276" s="10"/>
    </row>
    <row r="948277" spans="14:14">
      <c r="N948277" s="10"/>
    </row>
    <row r="948278" spans="14:14">
      <c r="N948278" s="10"/>
    </row>
    <row r="948279" spans="14:14">
      <c r="N948279" s="10"/>
    </row>
    <row r="948280" spans="14:14">
      <c r="N948280" s="10"/>
    </row>
    <row r="948281" spans="14:14">
      <c r="N948281" s="10"/>
    </row>
    <row r="948282" spans="14:14">
      <c r="N948282" s="10"/>
    </row>
    <row r="948283" spans="14:14">
      <c r="N948283" s="10"/>
    </row>
    <row r="948284" spans="14:14">
      <c r="N948284" s="10"/>
    </row>
    <row r="948285" spans="14:14">
      <c r="N948285" s="10"/>
    </row>
    <row r="948286" spans="14:14">
      <c r="N948286" s="10"/>
    </row>
    <row r="948287" spans="14:14">
      <c r="N948287" s="10"/>
    </row>
    <row r="948288" spans="14:14">
      <c r="N948288" s="10"/>
    </row>
    <row r="948289" spans="14:14">
      <c r="N948289" s="10"/>
    </row>
    <row r="948290" spans="14:14">
      <c r="N948290" s="10"/>
    </row>
    <row r="948291" spans="14:14">
      <c r="N948291" s="10"/>
    </row>
    <row r="948292" spans="14:14">
      <c r="N948292" s="10"/>
    </row>
    <row r="948293" spans="14:14">
      <c r="N948293" s="10"/>
    </row>
    <row r="948294" spans="14:14">
      <c r="N948294" s="10"/>
    </row>
    <row r="948295" spans="14:14">
      <c r="N948295" s="10"/>
    </row>
    <row r="948296" spans="14:14">
      <c r="N948296" s="10"/>
    </row>
    <row r="948297" spans="14:14">
      <c r="N948297" s="10"/>
    </row>
    <row r="948298" spans="14:14">
      <c r="N948298" s="10"/>
    </row>
    <row r="948299" spans="14:14">
      <c r="N948299" s="10"/>
    </row>
    <row r="948300" spans="14:14">
      <c r="N948300" s="10"/>
    </row>
    <row r="948301" spans="14:14">
      <c r="N948301" s="10"/>
    </row>
    <row r="948302" spans="14:14">
      <c r="N948302" s="10"/>
    </row>
    <row r="948303" spans="14:14">
      <c r="N948303" s="10"/>
    </row>
    <row r="948304" spans="14:14">
      <c r="N948304" s="10"/>
    </row>
    <row r="948305" spans="14:14">
      <c r="N948305" s="10"/>
    </row>
    <row r="948306" spans="14:14">
      <c r="N948306" s="10"/>
    </row>
    <row r="948307" spans="14:14">
      <c r="N948307" s="10"/>
    </row>
    <row r="948308" spans="14:14">
      <c r="N948308" s="10"/>
    </row>
    <row r="948309" spans="14:14">
      <c r="N948309" s="10"/>
    </row>
    <row r="948310" spans="14:14">
      <c r="N948310" s="10"/>
    </row>
    <row r="948311" spans="14:14">
      <c r="N948311" s="10"/>
    </row>
    <row r="948312" spans="14:14">
      <c r="N948312" s="10"/>
    </row>
    <row r="948313" spans="14:14">
      <c r="N948313" s="10"/>
    </row>
    <row r="948314" spans="14:14">
      <c r="N948314" s="10"/>
    </row>
    <row r="948315" spans="14:14">
      <c r="N948315" s="10"/>
    </row>
    <row r="948316" spans="14:14">
      <c r="N948316" s="10"/>
    </row>
    <row r="948317" spans="14:14">
      <c r="N948317" s="10"/>
    </row>
    <row r="948318" spans="14:14">
      <c r="N948318" s="10"/>
    </row>
    <row r="948319" spans="14:14">
      <c r="N948319" s="10"/>
    </row>
    <row r="948320" spans="14:14">
      <c r="N948320" s="10"/>
    </row>
    <row r="948321" spans="14:14">
      <c r="N948321" s="10"/>
    </row>
    <row r="948322" spans="14:14">
      <c r="N948322" s="10"/>
    </row>
    <row r="948323" spans="14:14">
      <c r="N948323" s="10"/>
    </row>
    <row r="948324" spans="14:14">
      <c r="N948324" s="10"/>
    </row>
    <row r="948325" spans="14:14">
      <c r="N948325" s="10"/>
    </row>
    <row r="948326" spans="14:14">
      <c r="N948326" s="10"/>
    </row>
    <row r="948327" spans="14:14">
      <c r="N948327" s="10"/>
    </row>
    <row r="948328" spans="14:14">
      <c r="N948328" s="10"/>
    </row>
    <row r="948329" spans="14:14">
      <c r="N948329" s="10"/>
    </row>
    <row r="948330" spans="14:14">
      <c r="N948330" s="10"/>
    </row>
    <row r="948331" spans="14:14">
      <c r="N948331" s="10"/>
    </row>
    <row r="948332" spans="14:14">
      <c r="N948332" s="10"/>
    </row>
    <row r="948333" spans="14:14">
      <c r="N948333" s="10"/>
    </row>
    <row r="948334" spans="14:14">
      <c r="N948334" s="10"/>
    </row>
    <row r="948335" spans="14:14">
      <c r="N948335" s="10"/>
    </row>
    <row r="948336" spans="14:14">
      <c r="N948336" s="10"/>
    </row>
    <row r="948337" spans="14:14">
      <c r="N948337" s="10"/>
    </row>
    <row r="948338" spans="14:14">
      <c r="N948338" s="10"/>
    </row>
    <row r="948339" spans="14:14">
      <c r="N948339" s="10"/>
    </row>
    <row r="948340" spans="14:14">
      <c r="N948340" s="10"/>
    </row>
    <row r="948341" spans="14:14">
      <c r="N948341" s="10"/>
    </row>
    <row r="948342" spans="14:14">
      <c r="N948342" s="10"/>
    </row>
    <row r="948343" spans="14:14">
      <c r="N948343" s="10"/>
    </row>
    <row r="948344" spans="14:14">
      <c r="N948344" s="10"/>
    </row>
    <row r="948345" spans="14:14">
      <c r="N948345" s="10"/>
    </row>
    <row r="948346" spans="14:14">
      <c r="N948346" s="10"/>
    </row>
    <row r="948347" spans="14:14">
      <c r="N948347" s="10"/>
    </row>
    <row r="948348" spans="14:14">
      <c r="N948348" s="10"/>
    </row>
    <row r="948349" spans="14:14">
      <c r="N948349" s="10"/>
    </row>
    <row r="948350" spans="14:14">
      <c r="N948350" s="10"/>
    </row>
    <row r="948351" spans="14:14">
      <c r="N948351" s="10"/>
    </row>
    <row r="948352" spans="14:14">
      <c r="N948352" s="10"/>
    </row>
    <row r="948353" spans="14:14">
      <c r="N948353" s="10"/>
    </row>
    <row r="948354" spans="14:14">
      <c r="N948354" s="10"/>
    </row>
    <row r="948355" spans="14:14">
      <c r="N948355" s="10"/>
    </row>
    <row r="948356" spans="14:14">
      <c r="N948356" s="10"/>
    </row>
    <row r="948357" spans="14:14">
      <c r="N948357" s="10"/>
    </row>
    <row r="948358" spans="14:14">
      <c r="N948358" s="10"/>
    </row>
    <row r="948359" spans="14:14">
      <c r="N948359" s="10"/>
    </row>
    <row r="948360" spans="14:14">
      <c r="N948360" s="10"/>
    </row>
    <row r="948361" spans="14:14">
      <c r="N948361" s="10"/>
    </row>
    <row r="948362" spans="14:14">
      <c r="N948362" s="10"/>
    </row>
    <row r="948363" spans="14:14">
      <c r="N948363" s="10"/>
    </row>
    <row r="948364" spans="14:14">
      <c r="N948364" s="10"/>
    </row>
    <row r="948365" spans="14:14">
      <c r="N948365" s="10"/>
    </row>
    <row r="948366" spans="14:14">
      <c r="N948366" s="10"/>
    </row>
    <row r="948367" spans="14:14">
      <c r="N948367" s="10"/>
    </row>
    <row r="948368" spans="14:14">
      <c r="N948368" s="10"/>
    </row>
    <row r="948369" spans="14:14">
      <c r="N948369" s="10"/>
    </row>
    <row r="948370" spans="14:14">
      <c r="N948370" s="10"/>
    </row>
    <row r="948371" spans="14:14">
      <c r="N948371" s="10"/>
    </row>
    <row r="948372" spans="14:14">
      <c r="N948372" s="10"/>
    </row>
    <row r="948373" spans="14:14">
      <c r="N948373" s="10"/>
    </row>
    <row r="948374" spans="14:14">
      <c r="N948374" s="10"/>
    </row>
    <row r="948375" spans="14:14">
      <c r="N948375" s="10"/>
    </row>
    <row r="948376" spans="14:14">
      <c r="N948376" s="10"/>
    </row>
    <row r="948377" spans="14:14">
      <c r="N948377" s="10"/>
    </row>
    <row r="948378" spans="14:14">
      <c r="N948378" s="10"/>
    </row>
    <row r="948379" spans="14:14">
      <c r="N948379" s="10"/>
    </row>
    <row r="948380" spans="14:14">
      <c r="N948380" s="10"/>
    </row>
    <row r="948381" spans="14:14">
      <c r="N948381" s="10"/>
    </row>
    <row r="948382" spans="14:14">
      <c r="N948382" s="10"/>
    </row>
    <row r="948383" spans="14:14">
      <c r="N948383" s="10"/>
    </row>
    <row r="948384" spans="14:14">
      <c r="N948384" s="10"/>
    </row>
    <row r="948385" spans="14:14">
      <c r="N948385" s="10"/>
    </row>
    <row r="948386" spans="14:14">
      <c r="N948386" s="10"/>
    </row>
    <row r="948387" spans="14:14">
      <c r="N948387" s="10"/>
    </row>
    <row r="948388" spans="14:14">
      <c r="N948388" s="10"/>
    </row>
    <row r="948389" spans="14:14">
      <c r="N948389" s="10"/>
    </row>
    <row r="948390" spans="14:14">
      <c r="N948390" s="10"/>
    </row>
    <row r="948391" spans="14:14">
      <c r="N948391" s="10"/>
    </row>
    <row r="948392" spans="14:14">
      <c r="N948392" s="10"/>
    </row>
    <row r="948393" spans="14:14">
      <c r="N948393" s="10"/>
    </row>
    <row r="948394" spans="14:14">
      <c r="N948394" s="10"/>
    </row>
    <row r="948395" spans="14:14">
      <c r="N948395" s="10"/>
    </row>
    <row r="948396" spans="14:14">
      <c r="N948396" s="10"/>
    </row>
    <row r="948397" spans="14:14">
      <c r="N948397" s="10"/>
    </row>
    <row r="948398" spans="14:14">
      <c r="N948398" s="10"/>
    </row>
    <row r="948399" spans="14:14">
      <c r="N948399" s="10"/>
    </row>
    <row r="948400" spans="14:14">
      <c r="N948400" s="10"/>
    </row>
    <row r="948401" spans="14:14">
      <c r="N948401" s="10"/>
    </row>
    <row r="948402" spans="14:14">
      <c r="N948402" s="10"/>
    </row>
    <row r="948403" spans="14:14">
      <c r="N948403" s="10"/>
    </row>
    <row r="948404" spans="14:14">
      <c r="N948404" s="10"/>
    </row>
    <row r="948405" spans="14:14">
      <c r="N948405" s="10"/>
    </row>
    <row r="948406" spans="14:14">
      <c r="N948406" s="10"/>
    </row>
    <row r="948407" spans="14:14">
      <c r="N948407" s="10"/>
    </row>
    <row r="948408" spans="14:14">
      <c r="N948408" s="10"/>
    </row>
    <row r="948409" spans="14:14">
      <c r="N948409" s="10"/>
    </row>
    <row r="948410" spans="14:14">
      <c r="N948410" s="10"/>
    </row>
    <row r="948411" spans="14:14">
      <c r="N948411" s="10"/>
    </row>
    <row r="948412" spans="14:14">
      <c r="N948412" s="10"/>
    </row>
    <row r="948413" spans="14:14">
      <c r="N948413" s="10"/>
    </row>
    <row r="948414" spans="14:14">
      <c r="N948414" s="10"/>
    </row>
    <row r="948415" spans="14:14">
      <c r="N948415" s="10"/>
    </row>
    <row r="948416" spans="14:14">
      <c r="N948416" s="10"/>
    </row>
    <row r="948417" spans="14:14">
      <c r="N948417" s="10"/>
    </row>
    <row r="948418" spans="14:14">
      <c r="N948418" s="10"/>
    </row>
    <row r="948419" spans="14:14">
      <c r="N948419" s="10"/>
    </row>
    <row r="948420" spans="14:14">
      <c r="N948420" s="10"/>
    </row>
    <row r="948421" spans="14:14">
      <c r="N948421" s="10"/>
    </row>
    <row r="948422" spans="14:14">
      <c r="N948422" s="10"/>
    </row>
    <row r="948423" spans="14:14">
      <c r="N948423" s="10"/>
    </row>
    <row r="948424" spans="14:14">
      <c r="N948424" s="10"/>
    </row>
    <row r="948425" spans="14:14">
      <c r="N948425" s="10"/>
    </row>
    <row r="948426" spans="14:14">
      <c r="N948426" s="10"/>
    </row>
    <row r="948427" spans="14:14">
      <c r="N948427" s="10"/>
    </row>
    <row r="948428" spans="14:14">
      <c r="N948428" s="10"/>
    </row>
    <row r="948429" spans="14:14">
      <c r="N948429" s="10"/>
    </row>
    <row r="948430" spans="14:14">
      <c r="N948430" s="10"/>
    </row>
    <row r="948431" spans="14:14">
      <c r="N948431" s="10"/>
    </row>
    <row r="948432" spans="14:14">
      <c r="N948432" s="10"/>
    </row>
    <row r="948433" spans="14:14">
      <c r="N948433" s="10"/>
    </row>
    <row r="948434" spans="14:14">
      <c r="N948434" s="10"/>
    </row>
    <row r="948435" spans="14:14">
      <c r="N948435" s="10"/>
    </row>
    <row r="948436" spans="14:14">
      <c r="N948436" s="10"/>
    </row>
    <row r="948437" spans="14:14">
      <c r="N948437" s="10"/>
    </row>
    <row r="948438" spans="14:14">
      <c r="N948438" s="10"/>
    </row>
    <row r="948439" spans="14:14">
      <c r="N948439" s="10"/>
    </row>
    <row r="948440" spans="14:14">
      <c r="N948440" s="10"/>
    </row>
    <row r="948441" spans="14:14">
      <c r="N948441" s="10"/>
    </row>
    <row r="948442" spans="14:14">
      <c r="N948442" s="10"/>
    </row>
    <row r="948443" spans="14:14">
      <c r="N948443" s="10"/>
    </row>
    <row r="948444" spans="14:14">
      <c r="N948444" s="10"/>
    </row>
    <row r="948445" spans="14:14">
      <c r="N948445" s="10"/>
    </row>
    <row r="948446" spans="14:14">
      <c r="N948446" s="10"/>
    </row>
    <row r="948447" spans="14:14">
      <c r="N948447" s="10"/>
    </row>
    <row r="948448" spans="14:14">
      <c r="N948448" s="10"/>
    </row>
    <row r="948449" spans="14:14">
      <c r="N948449" s="10"/>
    </row>
    <row r="948450" spans="14:14">
      <c r="N948450" s="10"/>
    </row>
    <row r="948451" spans="14:14">
      <c r="N948451" s="10"/>
    </row>
    <row r="948452" spans="14:14">
      <c r="N948452" s="10"/>
    </row>
    <row r="948453" spans="14:14">
      <c r="N948453" s="10"/>
    </row>
    <row r="948454" spans="14:14">
      <c r="N948454" s="10"/>
    </row>
    <row r="948455" spans="14:14">
      <c r="N948455" s="10"/>
    </row>
    <row r="948456" spans="14:14">
      <c r="N948456" s="10"/>
    </row>
    <row r="948457" spans="14:14">
      <c r="N948457" s="10"/>
    </row>
    <row r="948458" spans="14:14">
      <c r="N948458" s="10"/>
    </row>
    <row r="948459" spans="14:14">
      <c r="N948459" s="10"/>
    </row>
    <row r="948460" spans="14:14">
      <c r="N948460" s="10"/>
    </row>
    <row r="948461" spans="14:14">
      <c r="N948461" s="10"/>
    </row>
    <row r="948462" spans="14:14">
      <c r="N948462" s="10"/>
    </row>
    <row r="948463" spans="14:14">
      <c r="N948463" s="10"/>
    </row>
    <row r="948464" spans="14:14">
      <c r="N948464" s="10"/>
    </row>
    <row r="948465" spans="14:14">
      <c r="N948465" s="10"/>
    </row>
    <row r="948466" spans="14:14">
      <c r="N948466" s="10"/>
    </row>
    <row r="948467" spans="14:14">
      <c r="N948467" s="10"/>
    </row>
    <row r="948468" spans="14:14">
      <c r="N948468" s="10"/>
    </row>
    <row r="948469" spans="14:14">
      <c r="N948469" s="10"/>
    </row>
    <row r="948470" spans="14:14">
      <c r="N948470" s="10"/>
    </row>
    <row r="948471" spans="14:14">
      <c r="N948471" s="10"/>
    </row>
    <row r="948472" spans="14:14">
      <c r="N948472" s="10"/>
    </row>
    <row r="948473" spans="14:14">
      <c r="N948473" s="10"/>
    </row>
    <row r="948474" spans="14:14">
      <c r="N948474" s="10"/>
    </row>
    <row r="948475" spans="14:14">
      <c r="N948475" s="10"/>
    </row>
    <row r="948476" spans="14:14">
      <c r="N948476" s="10"/>
    </row>
    <row r="948477" spans="14:14">
      <c r="N948477" s="10"/>
    </row>
    <row r="948478" spans="14:14">
      <c r="N948478" s="10"/>
    </row>
    <row r="948479" spans="14:14">
      <c r="N948479" s="10"/>
    </row>
    <row r="948480" spans="14:14">
      <c r="N948480" s="10"/>
    </row>
    <row r="948481" spans="14:14">
      <c r="N948481" s="10"/>
    </row>
    <row r="948482" spans="14:14">
      <c r="N948482" s="10"/>
    </row>
    <row r="948483" spans="14:14">
      <c r="N948483" s="10"/>
    </row>
    <row r="948484" spans="14:14">
      <c r="N948484" s="10"/>
    </row>
    <row r="948485" spans="14:14">
      <c r="N948485" s="10"/>
    </row>
    <row r="948486" spans="14:14">
      <c r="N948486" s="10"/>
    </row>
    <row r="948487" spans="14:14">
      <c r="N948487" s="10"/>
    </row>
    <row r="948488" spans="14:14">
      <c r="N948488" s="10"/>
    </row>
    <row r="948489" spans="14:14">
      <c r="N948489" s="10"/>
    </row>
    <row r="948490" spans="14:14">
      <c r="N948490" s="10"/>
    </row>
    <row r="948491" spans="14:14">
      <c r="N948491" s="10"/>
    </row>
    <row r="948492" spans="14:14">
      <c r="N948492" s="10"/>
    </row>
    <row r="948493" spans="14:14">
      <c r="N948493" s="10"/>
    </row>
    <row r="948494" spans="14:14">
      <c r="N948494" s="10"/>
    </row>
    <row r="948495" spans="14:14">
      <c r="N948495" s="10"/>
    </row>
    <row r="948496" spans="14:14">
      <c r="N948496" s="10"/>
    </row>
    <row r="948497" spans="14:14">
      <c r="N948497" s="10"/>
    </row>
    <row r="948498" spans="14:14">
      <c r="N948498" s="10"/>
    </row>
    <row r="948499" spans="14:14">
      <c r="N948499" s="10"/>
    </row>
    <row r="948500" spans="14:14">
      <c r="N948500" s="10"/>
    </row>
    <row r="948501" spans="14:14">
      <c r="N948501" s="10"/>
    </row>
    <row r="948502" spans="14:14">
      <c r="N948502" s="10"/>
    </row>
    <row r="948503" spans="14:14">
      <c r="N948503" s="10"/>
    </row>
    <row r="948504" spans="14:14">
      <c r="N948504" s="10"/>
    </row>
    <row r="948505" spans="14:14">
      <c r="N948505" s="10"/>
    </row>
    <row r="948506" spans="14:14">
      <c r="N948506" s="10"/>
    </row>
    <row r="948507" spans="14:14">
      <c r="N948507" s="10"/>
    </row>
    <row r="948508" spans="14:14">
      <c r="N948508" s="10"/>
    </row>
    <row r="948509" spans="14:14">
      <c r="N948509" s="10"/>
    </row>
    <row r="948510" spans="14:14">
      <c r="N948510" s="10"/>
    </row>
    <row r="948511" spans="14:14">
      <c r="N948511" s="10"/>
    </row>
    <row r="948512" spans="14:14">
      <c r="N948512" s="10"/>
    </row>
    <row r="948513" spans="14:14">
      <c r="N948513" s="10"/>
    </row>
    <row r="948514" spans="14:14">
      <c r="N948514" s="10"/>
    </row>
    <row r="948515" spans="14:14">
      <c r="N948515" s="10"/>
    </row>
    <row r="948516" spans="14:14">
      <c r="N948516" s="10"/>
    </row>
    <row r="948517" spans="14:14">
      <c r="N948517" s="10"/>
    </row>
    <row r="948518" spans="14:14">
      <c r="N948518" s="10"/>
    </row>
    <row r="948519" spans="14:14">
      <c r="N948519" s="10"/>
    </row>
    <row r="948520" spans="14:14">
      <c r="N948520" s="10"/>
    </row>
    <row r="948521" spans="14:14">
      <c r="N948521" s="10"/>
    </row>
    <row r="948522" spans="14:14">
      <c r="N948522" s="10"/>
    </row>
    <row r="948523" spans="14:14">
      <c r="N948523" s="10"/>
    </row>
    <row r="948524" spans="14:14">
      <c r="N948524" s="10"/>
    </row>
    <row r="948525" spans="14:14">
      <c r="N948525" s="10"/>
    </row>
    <row r="948526" spans="14:14">
      <c r="N948526" s="10"/>
    </row>
    <row r="948527" spans="14:14">
      <c r="N948527" s="10"/>
    </row>
    <row r="948528" spans="14:14">
      <c r="N948528" s="10"/>
    </row>
    <row r="948529" spans="14:14">
      <c r="N948529" s="10"/>
    </row>
    <row r="948530" spans="14:14">
      <c r="N948530" s="10"/>
    </row>
    <row r="948531" spans="14:14">
      <c r="N948531" s="10"/>
    </row>
    <row r="948532" spans="14:14">
      <c r="N948532" s="10"/>
    </row>
    <row r="948533" spans="14:14">
      <c r="N948533" s="10"/>
    </row>
    <row r="948534" spans="14:14">
      <c r="N948534" s="10"/>
    </row>
    <row r="948535" spans="14:14">
      <c r="N948535" s="10"/>
    </row>
    <row r="948536" spans="14:14">
      <c r="N948536" s="10"/>
    </row>
    <row r="948537" spans="14:14">
      <c r="N948537" s="10"/>
    </row>
    <row r="948538" spans="14:14">
      <c r="N948538" s="10"/>
    </row>
    <row r="948539" spans="14:14">
      <c r="N948539" s="10"/>
    </row>
    <row r="948540" spans="14:14">
      <c r="N948540" s="10"/>
    </row>
    <row r="948541" spans="14:14">
      <c r="N948541" s="10"/>
    </row>
    <row r="948542" spans="14:14">
      <c r="N948542" s="10"/>
    </row>
    <row r="948543" spans="14:14">
      <c r="N948543" s="10"/>
    </row>
    <row r="948544" spans="14:14">
      <c r="N948544" s="10"/>
    </row>
    <row r="948545" spans="14:14">
      <c r="N948545" s="10"/>
    </row>
    <row r="948546" spans="14:14">
      <c r="N948546" s="10"/>
    </row>
    <row r="948547" spans="14:14">
      <c r="N948547" s="10"/>
    </row>
    <row r="948548" spans="14:14">
      <c r="N948548" s="10"/>
    </row>
    <row r="948549" spans="14:14">
      <c r="N948549" s="10"/>
    </row>
    <row r="948550" spans="14:14">
      <c r="N948550" s="10"/>
    </row>
    <row r="948551" spans="14:14">
      <c r="N948551" s="10"/>
    </row>
    <row r="948552" spans="14:14">
      <c r="N948552" s="10"/>
    </row>
    <row r="948553" spans="14:14">
      <c r="N948553" s="10"/>
    </row>
    <row r="948554" spans="14:14">
      <c r="N948554" s="10"/>
    </row>
    <row r="948555" spans="14:14">
      <c r="N948555" s="10"/>
    </row>
    <row r="948556" spans="14:14">
      <c r="N948556" s="10"/>
    </row>
    <row r="948557" spans="14:14">
      <c r="N948557" s="10"/>
    </row>
    <row r="948558" spans="14:14">
      <c r="N948558" s="10"/>
    </row>
    <row r="948559" spans="14:14">
      <c r="N948559" s="10"/>
    </row>
    <row r="948560" spans="14:14">
      <c r="N948560" s="10"/>
    </row>
    <row r="948561" spans="14:14">
      <c r="N948561" s="10"/>
    </row>
    <row r="948562" spans="14:14">
      <c r="N948562" s="10"/>
    </row>
    <row r="948563" spans="14:14">
      <c r="N948563" s="10"/>
    </row>
    <row r="948564" spans="14:14">
      <c r="N948564" s="10"/>
    </row>
    <row r="948565" spans="14:14">
      <c r="N948565" s="10"/>
    </row>
    <row r="948566" spans="14:14">
      <c r="N948566" s="10"/>
    </row>
    <row r="948567" spans="14:14">
      <c r="N948567" s="10"/>
    </row>
    <row r="948568" spans="14:14">
      <c r="N948568" s="10"/>
    </row>
    <row r="948569" spans="14:14">
      <c r="N948569" s="10"/>
    </row>
    <row r="948570" spans="14:14">
      <c r="N948570" s="10"/>
    </row>
    <row r="948571" spans="14:14">
      <c r="N948571" s="10"/>
    </row>
    <row r="948572" spans="14:14">
      <c r="N948572" s="10"/>
    </row>
    <row r="948573" spans="14:14">
      <c r="N948573" s="10"/>
    </row>
    <row r="948574" spans="14:14">
      <c r="N948574" s="10"/>
    </row>
    <row r="948575" spans="14:14">
      <c r="N948575" s="10"/>
    </row>
    <row r="948576" spans="14:14">
      <c r="N948576" s="10"/>
    </row>
    <row r="948577" spans="14:14">
      <c r="N948577" s="10"/>
    </row>
    <row r="948578" spans="14:14">
      <c r="N948578" s="10"/>
    </row>
    <row r="948579" spans="14:14">
      <c r="N948579" s="10"/>
    </row>
    <row r="948580" spans="14:14">
      <c r="N948580" s="10"/>
    </row>
    <row r="948581" spans="14:14">
      <c r="N948581" s="10"/>
    </row>
    <row r="948582" spans="14:14">
      <c r="N948582" s="10"/>
    </row>
    <row r="948583" spans="14:14">
      <c r="N948583" s="10"/>
    </row>
    <row r="948584" spans="14:14">
      <c r="N948584" s="10"/>
    </row>
    <row r="948585" spans="14:14">
      <c r="N948585" s="10"/>
    </row>
    <row r="948586" spans="14:14">
      <c r="N948586" s="10"/>
    </row>
    <row r="948587" spans="14:14">
      <c r="N948587" s="10"/>
    </row>
    <row r="948588" spans="14:14">
      <c r="N948588" s="10"/>
    </row>
    <row r="948589" spans="14:14">
      <c r="N948589" s="10"/>
    </row>
    <row r="948590" spans="14:14">
      <c r="N948590" s="10"/>
    </row>
    <row r="948591" spans="14:14">
      <c r="N948591" s="10"/>
    </row>
    <row r="948592" spans="14:14">
      <c r="N948592" s="10"/>
    </row>
    <row r="948593" spans="14:14">
      <c r="N948593" s="10"/>
    </row>
    <row r="948594" spans="14:14">
      <c r="N948594" s="10"/>
    </row>
    <row r="948595" spans="14:14">
      <c r="N948595" s="10"/>
    </row>
    <row r="948596" spans="14:14">
      <c r="N948596" s="10"/>
    </row>
    <row r="948597" spans="14:14">
      <c r="N948597" s="10"/>
    </row>
    <row r="948598" spans="14:14">
      <c r="N948598" s="10"/>
    </row>
    <row r="948599" spans="14:14">
      <c r="N948599" s="10"/>
    </row>
    <row r="948600" spans="14:14">
      <c r="N948600" s="10"/>
    </row>
    <row r="948601" spans="14:14">
      <c r="N948601" s="10"/>
    </row>
    <row r="948602" spans="14:14">
      <c r="N948602" s="10"/>
    </row>
    <row r="948603" spans="14:14">
      <c r="N948603" s="10"/>
    </row>
    <row r="948604" spans="14:14">
      <c r="N948604" s="10"/>
    </row>
    <row r="948605" spans="14:14">
      <c r="N948605" s="10"/>
    </row>
    <row r="948606" spans="14:14">
      <c r="N948606" s="10"/>
    </row>
    <row r="948607" spans="14:14">
      <c r="N948607" s="10"/>
    </row>
    <row r="948608" spans="14:14">
      <c r="N948608" s="10"/>
    </row>
    <row r="948609" spans="14:14">
      <c r="N948609" s="10"/>
    </row>
    <row r="948610" spans="14:14">
      <c r="N948610" s="10"/>
    </row>
    <row r="948611" spans="14:14">
      <c r="N948611" s="10"/>
    </row>
    <row r="948612" spans="14:14">
      <c r="N948612" s="10"/>
    </row>
    <row r="948613" spans="14:14">
      <c r="N948613" s="10"/>
    </row>
    <row r="948614" spans="14:14">
      <c r="N948614" s="10"/>
    </row>
    <row r="948615" spans="14:14">
      <c r="N948615" s="10"/>
    </row>
    <row r="948616" spans="14:14">
      <c r="N948616" s="10"/>
    </row>
    <row r="948617" spans="14:14">
      <c r="N948617" s="10"/>
    </row>
    <row r="948618" spans="14:14">
      <c r="N948618" s="10"/>
    </row>
    <row r="948619" spans="14:14">
      <c r="N948619" s="10"/>
    </row>
    <row r="948620" spans="14:14">
      <c r="N948620" s="10"/>
    </row>
    <row r="948621" spans="14:14">
      <c r="N948621" s="10"/>
    </row>
    <row r="948622" spans="14:14">
      <c r="N948622" s="10"/>
    </row>
    <row r="948623" spans="14:14">
      <c r="N948623" s="10"/>
    </row>
    <row r="948624" spans="14:14">
      <c r="N948624" s="10"/>
    </row>
    <row r="948625" spans="14:14">
      <c r="N948625" s="10"/>
    </row>
    <row r="948626" spans="14:14">
      <c r="N948626" s="10"/>
    </row>
    <row r="948627" spans="14:14">
      <c r="N948627" s="10"/>
    </row>
    <row r="948628" spans="14:14">
      <c r="N948628" s="10"/>
    </row>
    <row r="948629" spans="14:14">
      <c r="N948629" s="10"/>
    </row>
    <row r="948630" spans="14:14">
      <c r="N948630" s="10"/>
    </row>
    <row r="948631" spans="14:14">
      <c r="N948631" s="10"/>
    </row>
    <row r="948632" spans="14:14">
      <c r="N948632" s="10"/>
    </row>
    <row r="948633" spans="14:14">
      <c r="N948633" s="10"/>
    </row>
    <row r="948634" spans="14:14">
      <c r="N948634" s="10"/>
    </row>
    <row r="948635" spans="14:14">
      <c r="N948635" s="10"/>
    </row>
    <row r="948636" spans="14:14">
      <c r="N948636" s="10"/>
    </row>
    <row r="948637" spans="14:14">
      <c r="N948637" s="10"/>
    </row>
    <row r="948638" spans="14:14">
      <c r="N948638" s="10"/>
    </row>
    <row r="948639" spans="14:14">
      <c r="N948639" s="10"/>
    </row>
    <row r="948640" spans="14:14">
      <c r="N948640" s="10"/>
    </row>
    <row r="948641" spans="14:14">
      <c r="N948641" s="10"/>
    </row>
    <row r="948642" spans="14:14">
      <c r="N948642" s="10"/>
    </row>
    <row r="948643" spans="14:14">
      <c r="N948643" s="10"/>
    </row>
    <row r="948644" spans="14:14">
      <c r="N948644" s="10"/>
    </row>
    <row r="948645" spans="14:14">
      <c r="N948645" s="10"/>
    </row>
    <row r="948646" spans="14:14">
      <c r="N948646" s="10"/>
    </row>
    <row r="948647" spans="14:14">
      <c r="N948647" s="10"/>
    </row>
    <row r="948648" spans="14:14">
      <c r="N948648" s="10"/>
    </row>
    <row r="948649" spans="14:14">
      <c r="N948649" s="10"/>
    </row>
    <row r="948650" spans="14:14">
      <c r="N948650" s="10"/>
    </row>
    <row r="948651" spans="14:14">
      <c r="N948651" s="10"/>
    </row>
    <row r="948652" spans="14:14">
      <c r="N948652" s="10"/>
    </row>
    <row r="948653" spans="14:14">
      <c r="N948653" s="10"/>
    </row>
    <row r="948654" spans="14:14">
      <c r="N948654" s="10"/>
    </row>
    <row r="948655" spans="14:14">
      <c r="N948655" s="10"/>
    </row>
    <row r="948656" spans="14:14">
      <c r="N948656" s="10"/>
    </row>
    <row r="948657" spans="14:14">
      <c r="N948657" s="10"/>
    </row>
    <row r="948658" spans="14:14">
      <c r="N948658" s="10"/>
    </row>
    <row r="948659" spans="14:14">
      <c r="N948659" s="10"/>
    </row>
    <row r="948660" spans="14:14">
      <c r="N948660" s="10"/>
    </row>
    <row r="948661" spans="14:14">
      <c r="N948661" s="10"/>
    </row>
    <row r="948662" spans="14:14">
      <c r="N948662" s="10"/>
    </row>
    <row r="948663" spans="14:14">
      <c r="N948663" s="10"/>
    </row>
    <row r="948664" spans="14:14">
      <c r="N948664" s="10"/>
    </row>
    <row r="948665" spans="14:14">
      <c r="N948665" s="10"/>
    </row>
    <row r="948666" spans="14:14">
      <c r="N948666" s="10"/>
    </row>
    <row r="948667" spans="14:14">
      <c r="N948667" s="10"/>
    </row>
    <row r="948668" spans="14:14">
      <c r="N948668" s="10"/>
    </row>
    <row r="948669" spans="14:14">
      <c r="N948669" s="10"/>
    </row>
    <row r="948670" spans="14:14">
      <c r="N948670" s="10"/>
    </row>
    <row r="948671" spans="14:14">
      <c r="N948671" s="10"/>
    </row>
    <row r="948672" spans="14:14">
      <c r="N948672" s="10"/>
    </row>
    <row r="948673" spans="14:14">
      <c r="N948673" s="10"/>
    </row>
    <row r="948674" spans="14:14">
      <c r="N948674" s="10"/>
    </row>
    <row r="948675" spans="14:14">
      <c r="N948675" s="10"/>
    </row>
    <row r="948676" spans="14:14">
      <c r="N948676" s="10"/>
    </row>
    <row r="948677" spans="14:14">
      <c r="N948677" s="10"/>
    </row>
    <row r="948678" spans="14:14">
      <c r="N948678" s="10"/>
    </row>
    <row r="948679" spans="14:14">
      <c r="N948679" s="10"/>
    </row>
    <row r="948680" spans="14:14">
      <c r="N948680" s="10"/>
    </row>
    <row r="948681" spans="14:14">
      <c r="N948681" s="10"/>
    </row>
    <row r="948682" spans="14:14">
      <c r="N948682" s="10"/>
    </row>
    <row r="948683" spans="14:14">
      <c r="N948683" s="10"/>
    </row>
    <row r="948684" spans="14:14">
      <c r="N948684" s="10"/>
    </row>
    <row r="948685" spans="14:14">
      <c r="N948685" s="10"/>
    </row>
    <row r="948686" spans="14:14">
      <c r="N948686" s="10"/>
    </row>
    <row r="948687" spans="14:14">
      <c r="N948687" s="10"/>
    </row>
    <row r="948688" spans="14:14">
      <c r="N948688" s="10"/>
    </row>
    <row r="948689" spans="14:14">
      <c r="N948689" s="10"/>
    </row>
    <row r="948690" spans="14:14">
      <c r="N948690" s="10"/>
    </row>
    <row r="948691" spans="14:14">
      <c r="N948691" s="10"/>
    </row>
    <row r="948692" spans="14:14">
      <c r="N948692" s="10"/>
    </row>
    <row r="948693" spans="14:14">
      <c r="N948693" s="10"/>
    </row>
    <row r="948694" spans="14:14">
      <c r="N948694" s="10"/>
    </row>
    <row r="948695" spans="14:14">
      <c r="N948695" s="10"/>
    </row>
    <row r="948696" spans="14:14">
      <c r="N948696" s="10"/>
    </row>
    <row r="948697" spans="14:14">
      <c r="N948697" s="10"/>
    </row>
    <row r="948698" spans="14:14">
      <c r="N948698" s="10"/>
    </row>
    <row r="948699" spans="14:14">
      <c r="N948699" s="10"/>
    </row>
    <row r="948700" spans="14:14">
      <c r="N948700" s="10"/>
    </row>
    <row r="948701" spans="14:14">
      <c r="N948701" s="10"/>
    </row>
    <row r="948702" spans="14:14">
      <c r="N948702" s="10"/>
    </row>
    <row r="948703" spans="14:14">
      <c r="N948703" s="10"/>
    </row>
    <row r="948704" spans="14:14">
      <c r="N948704" s="10"/>
    </row>
    <row r="948705" spans="14:14">
      <c r="N948705" s="10"/>
    </row>
    <row r="948706" spans="14:14">
      <c r="N948706" s="10"/>
    </row>
    <row r="948707" spans="14:14">
      <c r="N948707" s="10"/>
    </row>
    <row r="948708" spans="14:14">
      <c r="N948708" s="10"/>
    </row>
    <row r="948709" spans="14:14">
      <c r="N948709" s="10"/>
    </row>
    <row r="948710" spans="14:14">
      <c r="N948710" s="10"/>
    </row>
    <row r="948711" spans="14:14">
      <c r="N948711" s="10"/>
    </row>
    <row r="948712" spans="14:14">
      <c r="N948712" s="10"/>
    </row>
    <row r="948713" spans="14:14">
      <c r="N948713" s="10"/>
    </row>
    <row r="948714" spans="14:14">
      <c r="N948714" s="10"/>
    </row>
    <row r="948715" spans="14:14">
      <c r="N948715" s="10"/>
    </row>
    <row r="948716" spans="14:14">
      <c r="N948716" s="10"/>
    </row>
    <row r="948717" spans="14:14">
      <c r="N948717" s="10"/>
    </row>
    <row r="948718" spans="14:14">
      <c r="N948718" s="10"/>
    </row>
    <row r="948719" spans="14:14">
      <c r="N948719" s="10"/>
    </row>
    <row r="948720" spans="14:14">
      <c r="N948720" s="10"/>
    </row>
    <row r="948721" spans="14:14">
      <c r="N948721" s="10"/>
    </row>
    <row r="948722" spans="14:14">
      <c r="N948722" s="10"/>
    </row>
    <row r="948723" spans="14:14">
      <c r="N948723" s="10"/>
    </row>
    <row r="948724" spans="14:14">
      <c r="N948724" s="10"/>
    </row>
    <row r="948725" spans="14:14">
      <c r="N948725" s="10"/>
    </row>
    <row r="948726" spans="14:14">
      <c r="N948726" s="10"/>
    </row>
    <row r="948727" spans="14:14">
      <c r="N948727" s="10"/>
    </row>
    <row r="948728" spans="14:14">
      <c r="N948728" s="10"/>
    </row>
    <row r="948729" spans="14:14">
      <c r="N948729" s="10"/>
    </row>
    <row r="948730" spans="14:14">
      <c r="N948730" s="10"/>
    </row>
    <row r="948731" spans="14:14">
      <c r="N948731" s="10"/>
    </row>
    <row r="948732" spans="14:14">
      <c r="N948732" s="10"/>
    </row>
    <row r="948733" spans="14:14">
      <c r="N948733" s="10"/>
    </row>
    <row r="948734" spans="14:14">
      <c r="N948734" s="10"/>
    </row>
    <row r="948735" spans="14:14">
      <c r="N948735" s="10"/>
    </row>
    <row r="948736" spans="14:14">
      <c r="N948736" s="10"/>
    </row>
    <row r="948737" spans="14:14">
      <c r="N948737" s="10"/>
    </row>
    <row r="948738" spans="14:14">
      <c r="N948738" s="10"/>
    </row>
    <row r="948739" spans="14:14">
      <c r="N948739" s="10"/>
    </row>
    <row r="948740" spans="14:14">
      <c r="N948740" s="10"/>
    </row>
    <row r="948741" spans="14:14">
      <c r="N948741" s="10"/>
    </row>
    <row r="948742" spans="14:14">
      <c r="N948742" s="10"/>
    </row>
    <row r="948743" spans="14:14">
      <c r="N948743" s="10"/>
    </row>
    <row r="948744" spans="14:14">
      <c r="N948744" s="10"/>
    </row>
    <row r="948745" spans="14:14">
      <c r="N948745" s="10"/>
    </row>
    <row r="948746" spans="14:14">
      <c r="N948746" s="10"/>
    </row>
    <row r="948747" spans="14:14">
      <c r="N948747" s="10"/>
    </row>
    <row r="948748" spans="14:14">
      <c r="N948748" s="10"/>
    </row>
    <row r="948749" spans="14:14">
      <c r="N948749" s="10"/>
    </row>
    <row r="948750" spans="14:14">
      <c r="N948750" s="10"/>
    </row>
    <row r="948751" spans="14:14">
      <c r="N948751" s="10"/>
    </row>
    <row r="948752" spans="14:14">
      <c r="N948752" s="10"/>
    </row>
    <row r="948753" spans="14:14">
      <c r="N948753" s="10"/>
    </row>
    <row r="948754" spans="14:14">
      <c r="N948754" s="10"/>
    </row>
    <row r="948755" spans="14:14">
      <c r="N948755" s="10"/>
    </row>
    <row r="948756" spans="14:14">
      <c r="N948756" s="10"/>
    </row>
    <row r="948757" spans="14:14">
      <c r="N948757" s="10"/>
    </row>
    <row r="948758" spans="14:14">
      <c r="N948758" s="10"/>
    </row>
    <row r="948759" spans="14:14">
      <c r="N948759" s="10"/>
    </row>
    <row r="948760" spans="14:14">
      <c r="N948760" s="10"/>
    </row>
    <row r="948761" spans="14:14">
      <c r="N948761" s="10"/>
    </row>
    <row r="948762" spans="14:14">
      <c r="N948762" s="10"/>
    </row>
    <row r="948763" spans="14:14">
      <c r="N948763" s="10"/>
    </row>
    <row r="948764" spans="14:14">
      <c r="N948764" s="10"/>
    </row>
    <row r="948765" spans="14:14">
      <c r="N948765" s="10"/>
    </row>
    <row r="948766" spans="14:14">
      <c r="N948766" s="10"/>
    </row>
    <row r="948767" spans="14:14">
      <c r="N948767" s="10"/>
    </row>
    <row r="948768" spans="14:14">
      <c r="N948768" s="10"/>
    </row>
    <row r="948769" spans="14:14">
      <c r="N948769" s="10"/>
    </row>
    <row r="948770" spans="14:14">
      <c r="N948770" s="10"/>
    </row>
    <row r="948771" spans="14:14">
      <c r="N948771" s="10"/>
    </row>
    <row r="948772" spans="14:14">
      <c r="N948772" s="10"/>
    </row>
    <row r="948773" spans="14:14">
      <c r="N948773" s="10"/>
    </row>
    <row r="948774" spans="14:14">
      <c r="N948774" s="10"/>
    </row>
    <row r="948775" spans="14:14">
      <c r="N948775" s="10"/>
    </row>
    <row r="948776" spans="14:14">
      <c r="N948776" s="10"/>
    </row>
    <row r="948777" spans="14:14">
      <c r="N948777" s="10"/>
    </row>
    <row r="948778" spans="14:14">
      <c r="N948778" s="10"/>
    </row>
    <row r="948779" spans="14:14">
      <c r="N948779" s="10"/>
    </row>
    <row r="948780" spans="14:14">
      <c r="N948780" s="10"/>
    </row>
    <row r="948781" spans="14:14">
      <c r="N948781" s="10"/>
    </row>
    <row r="948782" spans="14:14">
      <c r="N948782" s="10"/>
    </row>
    <row r="948783" spans="14:14">
      <c r="N948783" s="10"/>
    </row>
    <row r="948784" spans="14:14">
      <c r="N948784" s="10"/>
    </row>
    <row r="948785" spans="14:14">
      <c r="N948785" s="10"/>
    </row>
    <row r="948786" spans="14:14">
      <c r="N948786" s="10"/>
    </row>
    <row r="948787" spans="14:14">
      <c r="N948787" s="10"/>
    </row>
    <row r="948788" spans="14:14">
      <c r="N948788" s="10"/>
    </row>
    <row r="948789" spans="14:14">
      <c r="N948789" s="10"/>
    </row>
    <row r="948790" spans="14:14">
      <c r="N948790" s="10"/>
    </row>
    <row r="948791" spans="14:14">
      <c r="N948791" s="10"/>
    </row>
    <row r="948792" spans="14:14">
      <c r="N948792" s="10"/>
    </row>
    <row r="948793" spans="14:14">
      <c r="N948793" s="10"/>
    </row>
    <row r="948794" spans="14:14">
      <c r="N948794" s="10"/>
    </row>
    <row r="948795" spans="14:14">
      <c r="N948795" s="10"/>
    </row>
    <row r="948796" spans="14:14">
      <c r="N948796" s="10"/>
    </row>
    <row r="948797" spans="14:14">
      <c r="N948797" s="10"/>
    </row>
    <row r="948798" spans="14:14">
      <c r="N948798" s="10"/>
    </row>
    <row r="948799" spans="14:14">
      <c r="N948799" s="10"/>
    </row>
    <row r="948800" spans="14:14">
      <c r="N948800" s="10"/>
    </row>
    <row r="948801" spans="14:14">
      <c r="N948801" s="10"/>
    </row>
    <row r="948802" spans="14:14">
      <c r="N948802" s="10"/>
    </row>
    <row r="948803" spans="14:14">
      <c r="N948803" s="10"/>
    </row>
    <row r="948804" spans="14:14">
      <c r="N948804" s="10"/>
    </row>
    <row r="948805" spans="14:14">
      <c r="N948805" s="10"/>
    </row>
    <row r="948806" spans="14:14">
      <c r="N948806" s="10"/>
    </row>
    <row r="948807" spans="14:14">
      <c r="N948807" s="10"/>
    </row>
    <row r="948808" spans="14:14">
      <c r="N948808" s="10"/>
    </row>
    <row r="948809" spans="14:14">
      <c r="N948809" s="10"/>
    </row>
    <row r="948810" spans="14:14">
      <c r="N948810" s="10"/>
    </row>
    <row r="948811" spans="14:14">
      <c r="N948811" s="10"/>
    </row>
    <row r="948812" spans="14:14">
      <c r="N948812" s="10"/>
    </row>
    <row r="948813" spans="14:14">
      <c r="N948813" s="10"/>
    </row>
    <row r="948814" spans="14:14">
      <c r="N948814" s="10"/>
    </row>
    <row r="948815" spans="14:14">
      <c r="N948815" s="10"/>
    </row>
    <row r="948816" spans="14:14">
      <c r="N948816" s="10"/>
    </row>
    <row r="948817" spans="14:14">
      <c r="N948817" s="10"/>
    </row>
    <row r="948818" spans="14:14">
      <c r="N948818" s="10"/>
    </row>
    <row r="948819" spans="14:14">
      <c r="N948819" s="10"/>
    </row>
    <row r="948820" spans="14:14">
      <c r="N948820" s="10"/>
    </row>
    <row r="948821" spans="14:14">
      <c r="N948821" s="10"/>
    </row>
    <row r="948822" spans="14:14">
      <c r="N948822" s="10"/>
    </row>
    <row r="948823" spans="14:14">
      <c r="N948823" s="10"/>
    </row>
    <row r="948824" spans="14:14">
      <c r="N948824" s="10"/>
    </row>
    <row r="948825" spans="14:14">
      <c r="N948825" s="10"/>
    </row>
    <row r="948826" spans="14:14">
      <c r="N948826" s="10"/>
    </row>
    <row r="948827" spans="14:14">
      <c r="N948827" s="10"/>
    </row>
    <row r="948828" spans="14:14">
      <c r="N948828" s="10"/>
    </row>
    <row r="948829" spans="14:14">
      <c r="N948829" s="10"/>
    </row>
    <row r="948830" spans="14:14">
      <c r="N948830" s="10"/>
    </row>
    <row r="948831" spans="14:14">
      <c r="N948831" s="10"/>
    </row>
    <row r="948832" spans="14:14">
      <c r="N948832" s="10"/>
    </row>
    <row r="948833" spans="14:14">
      <c r="N948833" s="10"/>
    </row>
    <row r="948834" spans="14:14">
      <c r="N948834" s="10"/>
    </row>
    <row r="948835" spans="14:14">
      <c r="N948835" s="10"/>
    </row>
    <row r="948836" spans="14:14">
      <c r="N948836" s="10"/>
    </row>
    <row r="948837" spans="14:14">
      <c r="N948837" s="10"/>
    </row>
    <row r="948838" spans="14:14">
      <c r="N948838" s="10"/>
    </row>
    <row r="948839" spans="14:14">
      <c r="N948839" s="10"/>
    </row>
    <row r="948840" spans="14:14">
      <c r="N948840" s="10"/>
    </row>
    <row r="948841" spans="14:14">
      <c r="N948841" s="10"/>
    </row>
    <row r="948842" spans="14:14">
      <c r="N948842" s="10"/>
    </row>
    <row r="948843" spans="14:14">
      <c r="N948843" s="10"/>
    </row>
    <row r="948844" spans="14:14">
      <c r="N948844" s="10"/>
    </row>
    <row r="948845" spans="14:14">
      <c r="N948845" s="10"/>
    </row>
    <row r="948846" spans="14:14">
      <c r="N948846" s="10"/>
    </row>
    <row r="948847" spans="14:14">
      <c r="N948847" s="10"/>
    </row>
    <row r="948848" spans="14:14">
      <c r="N948848" s="10"/>
    </row>
    <row r="948849" spans="14:14">
      <c r="N948849" s="10"/>
    </row>
    <row r="948850" spans="14:14">
      <c r="N948850" s="10"/>
    </row>
    <row r="948851" spans="14:14">
      <c r="N948851" s="10"/>
    </row>
    <row r="948852" spans="14:14">
      <c r="N948852" s="10"/>
    </row>
    <row r="948853" spans="14:14">
      <c r="N948853" s="10"/>
    </row>
    <row r="948854" spans="14:14">
      <c r="N948854" s="10"/>
    </row>
    <row r="948855" spans="14:14">
      <c r="N948855" s="10"/>
    </row>
    <row r="948856" spans="14:14">
      <c r="N948856" s="10"/>
    </row>
    <row r="948857" spans="14:14">
      <c r="N948857" s="10"/>
    </row>
    <row r="948858" spans="14:14">
      <c r="N948858" s="10"/>
    </row>
    <row r="948859" spans="14:14">
      <c r="N948859" s="10"/>
    </row>
    <row r="948860" spans="14:14">
      <c r="N948860" s="10"/>
    </row>
    <row r="948861" spans="14:14">
      <c r="N948861" s="10"/>
    </row>
    <row r="948862" spans="14:14">
      <c r="N948862" s="10"/>
    </row>
    <row r="948863" spans="14:14">
      <c r="N948863" s="10"/>
    </row>
    <row r="948864" spans="14:14">
      <c r="N948864" s="10"/>
    </row>
    <row r="948865" spans="14:14">
      <c r="N948865" s="10"/>
    </row>
    <row r="948866" spans="14:14">
      <c r="N948866" s="10"/>
    </row>
    <row r="948867" spans="14:14">
      <c r="N948867" s="10"/>
    </row>
    <row r="948868" spans="14:14">
      <c r="N948868" s="10"/>
    </row>
    <row r="948869" spans="14:14">
      <c r="N948869" s="10"/>
    </row>
    <row r="948870" spans="14:14">
      <c r="N948870" s="10"/>
    </row>
    <row r="948871" spans="14:14">
      <c r="N948871" s="10"/>
    </row>
    <row r="948872" spans="14:14">
      <c r="N948872" s="10"/>
    </row>
    <row r="948873" spans="14:14">
      <c r="N948873" s="10"/>
    </row>
    <row r="948874" spans="14:14">
      <c r="N948874" s="10"/>
    </row>
    <row r="948875" spans="14:14">
      <c r="N948875" s="10"/>
    </row>
    <row r="948876" spans="14:14">
      <c r="N948876" s="10"/>
    </row>
    <row r="948877" spans="14:14">
      <c r="N948877" s="10"/>
    </row>
    <row r="948878" spans="14:14">
      <c r="N948878" s="10"/>
    </row>
    <row r="948879" spans="14:14">
      <c r="N948879" s="10"/>
    </row>
    <row r="948880" spans="14:14">
      <c r="N948880" s="10"/>
    </row>
    <row r="948881" spans="14:14">
      <c r="N948881" s="10"/>
    </row>
    <row r="948882" spans="14:14">
      <c r="N948882" s="10"/>
    </row>
    <row r="948883" spans="14:14">
      <c r="N948883" s="10"/>
    </row>
    <row r="948884" spans="14:14">
      <c r="N948884" s="10"/>
    </row>
    <row r="948885" spans="14:14">
      <c r="N948885" s="10"/>
    </row>
    <row r="948886" spans="14:14">
      <c r="N948886" s="10"/>
    </row>
    <row r="948887" spans="14:14">
      <c r="N948887" s="10"/>
    </row>
    <row r="948888" spans="14:14">
      <c r="N948888" s="10"/>
    </row>
    <row r="948889" spans="14:14">
      <c r="N948889" s="10"/>
    </row>
    <row r="948890" spans="14:14">
      <c r="N948890" s="10"/>
    </row>
    <row r="948891" spans="14:14">
      <c r="N948891" s="10"/>
    </row>
    <row r="948892" spans="14:14">
      <c r="N948892" s="10"/>
    </row>
    <row r="948893" spans="14:14">
      <c r="N948893" s="10"/>
    </row>
    <row r="948894" spans="14:14">
      <c r="N948894" s="10"/>
    </row>
    <row r="948895" spans="14:14">
      <c r="N948895" s="10"/>
    </row>
    <row r="948896" spans="14:14">
      <c r="N948896" s="10"/>
    </row>
    <row r="948897" spans="14:14">
      <c r="N948897" s="10"/>
    </row>
    <row r="948898" spans="14:14">
      <c r="N948898" s="10"/>
    </row>
    <row r="948899" spans="14:14">
      <c r="N948899" s="10"/>
    </row>
    <row r="948900" spans="14:14">
      <c r="N948900" s="10"/>
    </row>
    <row r="948901" spans="14:14">
      <c r="N948901" s="10"/>
    </row>
    <row r="948902" spans="14:14">
      <c r="N948902" s="10"/>
    </row>
    <row r="948903" spans="14:14">
      <c r="N948903" s="10"/>
    </row>
    <row r="948904" spans="14:14">
      <c r="N948904" s="10"/>
    </row>
    <row r="948905" spans="14:14">
      <c r="N948905" s="10"/>
    </row>
    <row r="948906" spans="14:14">
      <c r="N948906" s="10"/>
    </row>
    <row r="948907" spans="14:14">
      <c r="N948907" s="10"/>
    </row>
    <row r="948908" spans="14:14">
      <c r="N948908" s="10"/>
    </row>
    <row r="948909" spans="14:14">
      <c r="N948909" s="10"/>
    </row>
    <row r="948910" spans="14:14">
      <c r="N948910" s="10"/>
    </row>
    <row r="948911" spans="14:14">
      <c r="N948911" s="10"/>
    </row>
    <row r="948912" spans="14:14">
      <c r="N948912" s="10"/>
    </row>
    <row r="948913" spans="14:14">
      <c r="N948913" s="10"/>
    </row>
    <row r="948914" spans="14:14">
      <c r="N948914" s="10"/>
    </row>
    <row r="948915" spans="14:14">
      <c r="N948915" s="10"/>
    </row>
    <row r="948916" spans="14:14">
      <c r="N948916" s="10"/>
    </row>
    <row r="948917" spans="14:14">
      <c r="N948917" s="10"/>
    </row>
    <row r="948918" spans="14:14">
      <c r="N948918" s="10"/>
    </row>
    <row r="948919" spans="14:14">
      <c r="N948919" s="10"/>
    </row>
    <row r="948920" spans="14:14">
      <c r="N948920" s="10"/>
    </row>
    <row r="948921" spans="14:14">
      <c r="N948921" s="10"/>
    </row>
    <row r="948922" spans="14:14">
      <c r="N948922" s="10"/>
    </row>
    <row r="948923" spans="14:14">
      <c r="N948923" s="10"/>
    </row>
    <row r="948924" spans="14:14">
      <c r="N948924" s="10"/>
    </row>
    <row r="948925" spans="14:14">
      <c r="N948925" s="10"/>
    </row>
    <row r="948926" spans="14:14">
      <c r="N948926" s="10"/>
    </row>
    <row r="948927" spans="14:14">
      <c r="N948927" s="10"/>
    </row>
    <row r="948928" spans="14:14">
      <c r="N948928" s="10"/>
    </row>
    <row r="948929" spans="14:14">
      <c r="N948929" s="10"/>
    </row>
    <row r="948930" spans="14:14">
      <c r="N948930" s="10"/>
    </row>
    <row r="948931" spans="14:14">
      <c r="N948931" s="10"/>
    </row>
    <row r="948932" spans="14:14">
      <c r="N948932" s="10"/>
    </row>
    <row r="948933" spans="14:14">
      <c r="N948933" s="10"/>
    </row>
    <row r="948934" spans="14:14">
      <c r="N948934" s="10"/>
    </row>
    <row r="948935" spans="14:14">
      <c r="N948935" s="10"/>
    </row>
    <row r="948936" spans="14:14">
      <c r="N948936" s="10"/>
    </row>
    <row r="948937" spans="14:14">
      <c r="N948937" s="10"/>
    </row>
    <row r="948938" spans="14:14">
      <c r="N948938" s="10"/>
    </row>
    <row r="948939" spans="14:14">
      <c r="N948939" s="10"/>
    </row>
    <row r="948940" spans="14:14">
      <c r="N948940" s="10"/>
    </row>
    <row r="948941" spans="14:14">
      <c r="N948941" s="10"/>
    </row>
    <row r="948942" spans="14:14">
      <c r="N948942" s="10"/>
    </row>
    <row r="948943" spans="14:14">
      <c r="N948943" s="10"/>
    </row>
    <row r="948944" spans="14:14">
      <c r="N948944" s="10"/>
    </row>
    <row r="948945" spans="14:14">
      <c r="N948945" s="10"/>
    </row>
    <row r="948946" spans="14:14">
      <c r="N948946" s="10"/>
    </row>
    <row r="948947" spans="14:14">
      <c r="N948947" s="10"/>
    </row>
    <row r="948948" spans="14:14">
      <c r="N948948" s="10"/>
    </row>
    <row r="948949" spans="14:14">
      <c r="N948949" s="10"/>
    </row>
    <row r="948950" spans="14:14">
      <c r="N948950" s="10"/>
    </row>
    <row r="948951" spans="14:14">
      <c r="N948951" s="10"/>
    </row>
    <row r="948952" spans="14:14">
      <c r="N948952" s="10"/>
    </row>
    <row r="948953" spans="14:14">
      <c r="N948953" s="10"/>
    </row>
    <row r="948954" spans="14:14">
      <c r="N948954" s="10"/>
    </row>
    <row r="948955" spans="14:14">
      <c r="N948955" s="10"/>
    </row>
    <row r="948956" spans="14:14">
      <c r="N948956" s="10"/>
    </row>
    <row r="948957" spans="14:14">
      <c r="N948957" s="10"/>
    </row>
    <row r="948958" spans="14:14">
      <c r="N948958" s="10"/>
    </row>
    <row r="948959" spans="14:14">
      <c r="N948959" s="10"/>
    </row>
    <row r="948960" spans="14:14">
      <c r="N948960" s="10"/>
    </row>
    <row r="948961" spans="14:14">
      <c r="N948961" s="10"/>
    </row>
    <row r="948962" spans="14:14">
      <c r="N948962" s="10"/>
    </row>
    <row r="948963" spans="14:14">
      <c r="N948963" s="10"/>
    </row>
    <row r="948964" spans="14:14">
      <c r="N948964" s="10"/>
    </row>
    <row r="948965" spans="14:14">
      <c r="N948965" s="10"/>
    </row>
    <row r="948966" spans="14:14">
      <c r="N948966" s="10"/>
    </row>
    <row r="948967" spans="14:14">
      <c r="N948967" s="10"/>
    </row>
    <row r="948968" spans="14:14">
      <c r="N948968" s="10"/>
    </row>
    <row r="948969" spans="14:14">
      <c r="N948969" s="10"/>
    </row>
    <row r="948970" spans="14:14">
      <c r="N948970" s="10"/>
    </row>
    <row r="948971" spans="14:14">
      <c r="N948971" s="10"/>
    </row>
    <row r="948972" spans="14:14">
      <c r="N948972" s="10"/>
    </row>
    <row r="948973" spans="14:14">
      <c r="N948973" s="10"/>
    </row>
    <row r="948974" spans="14:14">
      <c r="N948974" s="10"/>
    </row>
    <row r="948975" spans="14:14">
      <c r="N948975" s="10"/>
    </row>
    <row r="948976" spans="14:14">
      <c r="N948976" s="10"/>
    </row>
    <row r="948977" spans="14:14">
      <c r="N948977" s="10"/>
    </row>
    <row r="948978" spans="14:14">
      <c r="N948978" s="10"/>
    </row>
    <row r="948979" spans="14:14">
      <c r="N948979" s="10"/>
    </row>
    <row r="948980" spans="14:14">
      <c r="N948980" s="10"/>
    </row>
    <row r="948981" spans="14:14">
      <c r="N948981" s="10"/>
    </row>
    <row r="948982" spans="14:14">
      <c r="N948982" s="10"/>
    </row>
    <row r="948983" spans="14:14">
      <c r="N948983" s="10"/>
    </row>
    <row r="948984" spans="14:14">
      <c r="N948984" s="10"/>
    </row>
    <row r="948985" spans="14:14">
      <c r="N948985" s="10"/>
    </row>
    <row r="948986" spans="14:14">
      <c r="N948986" s="10"/>
    </row>
    <row r="948987" spans="14:14">
      <c r="N948987" s="10"/>
    </row>
    <row r="948988" spans="14:14">
      <c r="N948988" s="10"/>
    </row>
    <row r="948989" spans="14:14">
      <c r="N948989" s="10"/>
    </row>
    <row r="948990" spans="14:14">
      <c r="N948990" s="10"/>
    </row>
    <row r="948991" spans="14:14">
      <c r="N948991" s="10"/>
    </row>
    <row r="948992" spans="14:14">
      <c r="N948992" s="10"/>
    </row>
    <row r="948993" spans="14:14">
      <c r="N948993" s="10"/>
    </row>
    <row r="948994" spans="14:14">
      <c r="N948994" s="10"/>
    </row>
    <row r="948995" spans="14:14">
      <c r="N948995" s="10"/>
    </row>
    <row r="948996" spans="14:14">
      <c r="N948996" s="10"/>
    </row>
    <row r="948997" spans="14:14">
      <c r="N948997" s="10"/>
    </row>
    <row r="948998" spans="14:14">
      <c r="N948998" s="10"/>
    </row>
    <row r="948999" spans="14:14">
      <c r="N948999" s="10"/>
    </row>
    <row r="949000" spans="14:14">
      <c r="N949000" s="10"/>
    </row>
    <row r="949001" spans="14:14">
      <c r="N949001" s="10"/>
    </row>
    <row r="949002" spans="14:14">
      <c r="N949002" s="10"/>
    </row>
    <row r="949003" spans="14:14">
      <c r="N949003" s="10"/>
    </row>
    <row r="949004" spans="14:14">
      <c r="N949004" s="10"/>
    </row>
    <row r="949005" spans="14:14">
      <c r="N949005" s="10"/>
    </row>
    <row r="949006" spans="14:14">
      <c r="N949006" s="10"/>
    </row>
    <row r="949007" spans="14:14">
      <c r="N949007" s="10"/>
    </row>
    <row r="949008" spans="14:14">
      <c r="N949008" s="10"/>
    </row>
    <row r="949009" spans="14:14">
      <c r="N949009" s="10"/>
    </row>
    <row r="949010" spans="14:14">
      <c r="N949010" s="10"/>
    </row>
    <row r="949011" spans="14:14">
      <c r="N949011" s="10"/>
    </row>
    <row r="949012" spans="14:14">
      <c r="N949012" s="10"/>
    </row>
    <row r="949013" spans="14:14">
      <c r="N949013" s="10"/>
    </row>
    <row r="949014" spans="14:14">
      <c r="N949014" s="10"/>
    </row>
    <row r="949015" spans="14:14">
      <c r="N949015" s="10"/>
    </row>
    <row r="949016" spans="14:14">
      <c r="N949016" s="10"/>
    </row>
    <row r="949017" spans="14:14">
      <c r="N949017" s="10"/>
    </row>
    <row r="949018" spans="14:14">
      <c r="N949018" s="10"/>
    </row>
    <row r="949019" spans="14:14">
      <c r="N949019" s="10"/>
    </row>
    <row r="949020" spans="14:14">
      <c r="N949020" s="10"/>
    </row>
    <row r="949021" spans="14:14">
      <c r="N949021" s="10"/>
    </row>
    <row r="949022" spans="14:14">
      <c r="N949022" s="10"/>
    </row>
    <row r="949023" spans="14:14">
      <c r="N949023" s="10"/>
    </row>
    <row r="949024" spans="14:14">
      <c r="N949024" s="10"/>
    </row>
    <row r="949025" spans="14:14">
      <c r="N949025" s="10"/>
    </row>
    <row r="949026" spans="14:14">
      <c r="N949026" s="10"/>
    </row>
    <row r="949027" spans="14:14">
      <c r="N949027" s="10"/>
    </row>
    <row r="949028" spans="14:14">
      <c r="N949028" s="10"/>
    </row>
    <row r="949029" spans="14:14">
      <c r="N949029" s="10"/>
    </row>
    <row r="949030" spans="14:14">
      <c r="N949030" s="10"/>
    </row>
    <row r="949031" spans="14:14">
      <c r="N949031" s="10"/>
    </row>
    <row r="949032" spans="14:14">
      <c r="N949032" s="10"/>
    </row>
    <row r="949033" spans="14:14">
      <c r="N949033" s="10"/>
    </row>
    <row r="949034" spans="14:14">
      <c r="N949034" s="10"/>
    </row>
    <row r="949035" spans="14:14">
      <c r="N949035" s="10"/>
    </row>
    <row r="949036" spans="14:14">
      <c r="N949036" s="10"/>
    </row>
    <row r="949037" spans="14:14">
      <c r="N949037" s="10"/>
    </row>
    <row r="949038" spans="14:14">
      <c r="N949038" s="10"/>
    </row>
    <row r="949039" spans="14:14">
      <c r="N949039" s="10"/>
    </row>
    <row r="949040" spans="14:14">
      <c r="N949040" s="10"/>
    </row>
    <row r="949041" spans="14:14">
      <c r="N949041" s="10"/>
    </row>
    <row r="949042" spans="14:14">
      <c r="N949042" s="10"/>
    </row>
    <row r="949043" spans="14:14">
      <c r="N949043" s="10"/>
    </row>
    <row r="949044" spans="14:14">
      <c r="N949044" s="10"/>
    </row>
    <row r="949045" spans="14:14">
      <c r="N949045" s="10"/>
    </row>
    <row r="949046" spans="14:14">
      <c r="N949046" s="10"/>
    </row>
    <row r="949047" spans="14:14">
      <c r="N949047" s="10"/>
    </row>
    <row r="949048" spans="14:14">
      <c r="N949048" s="10"/>
    </row>
    <row r="949049" spans="14:14">
      <c r="N949049" s="10"/>
    </row>
    <row r="949050" spans="14:14">
      <c r="N949050" s="10"/>
    </row>
    <row r="949051" spans="14:14">
      <c r="N949051" s="10"/>
    </row>
    <row r="949052" spans="14:14">
      <c r="N949052" s="10"/>
    </row>
    <row r="949053" spans="14:14">
      <c r="N949053" s="10"/>
    </row>
    <row r="949054" spans="14:14">
      <c r="N949054" s="10"/>
    </row>
    <row r="949055" spans="14:14">
      <c r="N949055" s="10"/>
    </row>
    <row r="949056" spans="14:14">
      <c r="N949056" s="10"/>
    </row>
    <row r="949057" spans="14:14">
      <c r="N949057" s="10"/>
    </row>
    <row r="949058" spans="14:14">
      <c r="N949058" s="10"/>
    </row>
    <row r="949059" spans="14:14">
      <c r="N949059" s="10"/>
    </row>
    <row r="949060" spans="14:14">
      <c r="N949060" s="10"/>
    </row>
    <row r="949061" spans="14:14">
      <c r="N949061" s="10"/>
    </row>
    <row r="949062" spans="14:14">
      <c r="N949062" s="10"/>
    </row>
    <row r="949063" spans="14:14">
      <c r="N949063" s="10"/>
    </row>
    <row r="949064" spans="14:14">
      <c r="N949064" s="10"/>
    </row>
    <row r="949065" spans="14:14">
      <c r="N949065" s="10"/>
    </row>
    <row r="949066" spans="14:14">
      <c r="N949066" s="10"/>
    </row>
    <row r="949067" spans="14:14">
      <c r="N949067" s="10"/>
    </row>
    <row r="949068" spans="14:14">
      <c r="N949068" s="10"/>
    </row>
    <row r="949069" spans="14:14">
      <c r="N949069" s="10"/>
    </row>
    <row r="949070" spans="14:14">
      <c r="N949070" s="10"/>
    </row>
    <row r="949071" spans="14:14">
      <c r="N949071" s="10"/>
    </row>
    <row r="949072" spans="14:14">
      <c r="N949072" s="10"/>
    </row>
    <row r="949073" spans="14:14">
      <c r="N949073" s="10"/>
    </row>
    <row r="949074" spans="14:14">
      <c r="N949074" s="10"/>
    </row>
    <row r="949075" spans="14:14">
      <c r="N949075" s="10"/>
    </row>
    <row r="949076" spans="14:14">
      <c r="N949076" s="10"/>
    </row>
    <row r="949077" spans="14:14">
      <c r="N949077" s="10"/>
    </row>
    <row r="949078" spans="14:14">
      <c r="N949078" s="10"/>
    </row>
    <row r="949079" spans="14:14">
      <c r="N949079" s="10"/>
    </row>
    <row r="949080" spans="14:14">
      <c r="N949080" s="10"/>
    </row>
    <row r="949081" spans="14:14">
      <c r="N949081" s="10"/>
    </row>
    <row r="949082" spans="14:14">
      <c r="N949082" s="10"/>
    </row>
    <row r="949083" spans="14:14">
      <c r="N949083" s="10"/>
    </row>
    <row r="949084" spans="14:14">
      <c r="N949084" s="10"/>
    </row>
    <row r="949085" spans="14:14">
      <c r="N949085" s="10"/>
    </row>
    <row r="949086" spans="14:14">
      <c r="N949086" s="10"/>
    </row>
    <row r="949087" spans="14:14">
      <c r="N949087" s="10"/>
    </row>
    <row r="949088" spans="14:14">
      <c r="N949088" s="10"/>
    </row>
    <row r="949089" spans="14:14">
      <c r="N949089" s="10"/>
    </row>
    <row r="949090" spans="14:14">
      <c r="N949090" s="10"/>
    </row>
    <row r="949091" spans="14:14">
      <c r="N949091" s="10"/>
    </row>
    <row r="949092" spans="14:14">
      <c r="N949092" s="10"/>
    </row>
    <row r="949093" spans="14:14">
      <c r="N949093" s="10"/>
    </row>
    <row r="949094" spans="14:14">
      <c r="N949094" s="10"/>
    </row>
    <row r="949095" spans="14:14">
      <c r="N949095" s="10"/>
    </row>
    <row r="949096" spans="14:14">
      <c r="N949096" s="10"/>
    </row>
    <row r="949097" spans="14:14">
      <c r="N949097" s="10"/>
    </row>
    <row r="949098" spans="14:14">
      <c r="N949098" s="10"/>
    </row>
    <row r="949099" spans="14:14">
      <c r="N949099" s="10"/>
    </row>
    <row r="949100" spans="14:14">
      <c r="N949100" s="10"/>
    </row>
    <row r="949101" spans="14:14">
      <c r="N949101" s="10"/>
    </row>
    <row r="949102" spans="14:14">
      <c r="N949102" s="10"/>
    </row>
    <row r="949103" spans="14:14">
      <c r="N949103" s="10"/>
    </row>
    <row r="949104" spans="14:14">
      <c r="N949104" s="10"/>
    </row>
    <row r="949105" spans="14:14">
      <c r="N949105" s="10"/>
    </row>
    <row r="949106" spans="14:14">
      <c r="N949106" s="10"/>
    </row>
    <row r="949107" spans="14:14">
      <c r="N949107" s="10"/>
    </row>
    <row r="949108" spans="14:14">
      <c r="N949108" s="10"/>
    </row>
    <row r="949109" spans="14:14">
      <c r="N949109" s="10"/>
    </row>
    <row r="949110" spans="14:14">
      <c r="N949110" s="10"/>
    </row>
    <row r="949111" spans="14:14">
      <c r="N949111" s="10"/>
    </row>
    <row r="949112" spans="14:14">
      <c r="N949112" s="10"/>
    </row>
    <row r="949113" spans="14:14">
      <c r="N949113" s="10"/>
    </row>
    <row r="949114" spans="14:14">
      <c r="N949114" s="10"/>
    </row>
    <row r="949115" spans="14:14">
      <c r="N949115" s="10"/>
    </row>
    <row r="949116" spans="14:14">
      <c r="N949116" s="10"/>
    </row>
    <row r="949117" spans="14:14">
      <c r="N949117" s="10"/>
    </row>
    <row r="949118" spans="14:14">
      <c r="N949118" s="10"/>
    </row>
    <row r="949119" spans="14:14">
      <c r="N949119" s="10"/>
    </row>
    <row r="949120" spans="14:14">
      <c r="N949120" s="10"/>
    </row>
    <row r="949121" spans="14:14">
      <c r="N949121" s="10"/>
    </row>
    <row r="949122" spans="14:14">
      <c r="N949122" s="10"/>
    </row>
    <row r="949123" spans="14:14">
      <c r="N949123" s="10"/>
    </row>
    <row r="949124" spans="14:14">
      <c r="N949124" s="10"/>
    </row>
    <row r="949125" spans="14:14">
      <c r="N949125" s="10"/>
    </row>
    <row r="949126" spans="14:14">
      <c r="N949126" s="10"/>
    </row>
    <row r="949127" spans="14:14">
      <c r="N949127" s="10"/>
    </row>
    <row r="949128" spans="14:14">
      <c r="N949128" s="10"/>
    </row>
    <row r="949129" spans="14:14">
      <c r="N949129" s="10"/>
    </row>
    <row r="949130" spans="14:14">
      <c r="N949130" s="10"/>
    </row>
    <row r="949131" spans="14:14">
      <c r="N949131" s="10"/>
    </row>
    <row r="949132" spans="14:14">
      <c r="N949132" s="10"/>
    </row>
    <row r="949133" spans="14:14">
      <c r="N949133" s="10"/>
    </row>
    <row r="949134" spans="14:14">
      <c r="N949134" s="10"/>
    </row>
    <row r="949135" spans="14:14">
      <c r="N949135" s="10"/>
    </row>
    <row r="949136" spans="14:14">
      <c r="N949136" s="10"/>
    </row>
    <row r="949137" spans="14:14">
      <c r="N949137" s="10"/>
    </row>
    <row r="949138" spans="14:14">
      <c r="N949138" s="10"/>
    </row>
    <row r="949139" spans="14:14">
      <c r="N949139" s="10"/>
    </row>
    <row r="949140" spans="14:14">
      <c r="N949140" s="10"/>
    </row>
    <row r="949141" spans="14:14">
      <c r="N949141" s="10"/>
    </row>
    <row r="949142" spans="14:14">
      <c r="N949142" s="10"/>
    </row>
    <row r="949143" spans="14:14">
      <c r="N949143" s="10"/>
    </row>
    <row r="949144" spans="14:14">
      <c r="N949144" s="10"/>
    </row>
    <row r="949145" spans="14:14">
      <c r="N949145" s="10"/>
    </row>
    <row r="949146" spans="14:14">
      <c r="N949146" s="10"/>
    </row>
    <row r="949147" spans="14:14">
      <c r="N949147" s="10"/>
    </row>
    <row r="949148" spans="14:14">
      <c r="N949148" s="10"/>
    </row>
    <row r="949149" spans="14:14">
      <c r="N949149" s="10"/>
    </row>
    <row r="949150" spans="14:14">
      <c r="N949150" s="10"/>
    </row>
    <row r="949151" spans="14:14">
      <c r="N949151" s="10"/>
    </row>
    <row r="949152" spans="14:14">
      <c r="N949152" s="10"/>
    </row>
    <row r="949153" spans="14:14">
      <c r="N949153" s="10"/>
    </row>
    <row r="949154" spans="14:14">
      <c r="N949154" s="10"/>
    </row>
    <row r="949155" spans="14:14">
      <c r="N949155" s="10"/>
    </row>
    <row r="949156" spans="14:14">
      <c r="N949156" s="10"/>
    </row>
    <row r="949157" spans="14:14">
      <c r="N949157" s="10"/>
    </row>
    <row r="949158" spans="14:14">
      <c r="N949158" s="10"/>
    </row>
    <row r="949159" spans="14:14">
      <c r="N949159" s="10"/>
    </row>
    <row r="949160" spans="14:14">
      <c r="N949160" s="10"/>
    </row>
    <row r="949161" spans="14:14">
      <c r="N949161" s="10"/>
    </row>
    <row r="949162" spans="14:14">
      <c r="N949162" s="10"/>
    </row>
    <row r="949163" spans="14:14">
      <c r="N949163" s="10"/>
    </row>
    <row r="949164" spans="14:14">
      <c r="N949164" s="10"/>
    </row>
    <row r="949165" spans="14:14">
      <c r="N949165" s="10"/>
    </row>
    <row r="949166" spans="14:14">
      <c r="N949166" s="10"/>
    </row>
    <row r="949167" spans="14:14">
      <c r="N949167" s="10"/>
    </row>
    <row r="949168" spans="14:14">
      <c r="N949168" s="10"/>
    </row>
    <row r="949169" spans="14:14">
      <c r="N949169" s="10"/>
    </row>
    <row r="949170" spans="14:14">
      <c r="N949170" s="10"/>
    </row>
    <row r="949171" spans="14:14">
      <c r="N949171" s="10"/>
    </row>
    <row r="949172" spans="14:14">
      <c r="N949172" s="10"/>
    </row>
    <row r="949173" spans="14:14">
      <c r="N949173" s="10"/>
    </row>
    <row r="949174" spans="14:14">
      <c r="N949174" s="10"/>
    </row>
    <row r="949175" spans="14:14">
      <c r="N949175" s="10"/>
    </row>
    <row r="949176" spans="14:14">
      <c r="N949176" s="10"/>
    </row>
    <row r="949177" spans="14:14">
      <c r="N949177" s="10"/>
    </row>
    <row r="949178" spans="14:14">
      <c r="N949178" s="10"/>
    </row>
    <row r="949179" spans="14:14">
      <c r="N949179" s="10"/>
    </row>
    <row r="949180" spans="14:14">
      <c r="N949180" s="10"/>
    </row>
    <row r="949181" spans="14:14">
      <c r="N949181" s="10"/>
    </row>
    <row r="949182" spans="14:14">
      <c r="N949182" s="10"/>
    </row>
    <row r="949183" spans="14:14">
      <c r="N949183" s="10"/>
    </row>
    <row r="949184" spans="14:14">
      <c r="N949184" s="10"/>
    </row>
    <row r="949185" spans="14:14">
      <c r="N949185" s="10"/>
    </row>
    <row r="949186" spans="14:14">
      <c r="N949186" s="10"/>
    </row>
    <row r="949187" spans="14:14">
      <c r="N949187" s="10"/>
    </row>
    <row r="949188" spans="14:14">
      <c r="N949188" s="10"/>
    </row>
    <row r="949189" spans="14:14">
      <c r="N949189" s="10"/>
    </row>
    <row r="949190" spans="14:14">
      <c r="N949190" s="10"/>
    </row>
    <row r="949191" spans="14:14">
      <c r="N949191" s="10"/>
    </row>
    <row r="949192" spans="14:14">
      <c r="N949192" s="10"/>
    </row>
    <row r="949193" spans="14:14">
      <c r="N949193" s="10"/>
    </row>
    <row r="949194" spans="14:14">
      <c r="N949194" s="10"/>
    </row>
    <row r="949195" spans="14:14">
      <c r="N949195" s="10"/>
    </row>
    <row r="949196" spans="14:14">
      <c r="N949196" s="10"/>
    </row>
    <row r="949197" spans="14:14">
      <c r="N949197" s="10"/>
    </row>
    <row r="949198" spans="14:14">
      <c r="N949198" s="10"/>
    </row>
    <row r="949199" spans="14:14">
      <c r="N949199" s="10"/>
    </row>
    <row r="949200" spans="14:14">
      <c r="N949200" s="10"/>
    </row>
    <row r="949201" spans="14:14">
      <c r="N949201" s="10"/>
    </row>
    <row r="949202" spans="14:14">
      <c r="N949202" s="10"/>
    </row>
    <row r="949203" spans="14:14">
      <c r="N949203" s="10"/>
    </row>
    <row r="949204" spans="14:14">
      <c r="N949204" s="10"/>
    </row>
    <row r="949205" spans="14:14">
      <c r="N949205" s="10"/>
    </row>
    <row r="949206" spans="14:14">
      <c r="N949206" s="10"/>
    </row>
    <row r="949207" spans="14:14">
      <c r="N949207" s="10"/>
    </row>
    <row r="949208" spans="14:14">
      <c r="N949208" s="10"/>
    </row>
    <row r="949209" spans="14:14">
      <c r="N949209" s="10"/>
    </row>
    <row r="949210" spans="14:14">
      <c r="N949210" s="10"/>
    </row>
    <row r="949211" spans="14:14">
      <c r="N949211" s="10"/>
    </row>
    <row r="949212" spans="14:14">
      <c r="N949212" s="10"/>
    </row>
    <row r="949213" spans="14:14">
      <c r="N949213" s="10"/>
    </row>
    <row r="949214" spans="14:14">
      <c r="N949214" s="10"/>
    </row>
    <row r="949215" spans="14:14">
      <c r="N949215" s="10"/>
    </row>
    <row r="949216" spans="14:14">
      <c r="N949216" s="10"/>
    </row>
    <row r="949217" spans="14:14">
      <c r="N949217" s="10"/>
    </row>
    <row r="949218" spans="14:14">
      <c r="N949218" s="10"/>
    </row>
    <row r="949219" spans="14:14">
      <c r="N949219" s="10"/>
    </row>
    <row r="949220" spans="14:14">
      <c r="N949220" s="10"/>
    </row>
    <row r="949221" spans="14:14">
      <c r="N949221" s="10"/>
    </row>
    <row r="949222" spans="14:14">
      <c r="N949222" s="10"/>
    </row>
    <row r="949223" spans="14:14">
      <c r="N949223" s="10"/>
    </row>
    <row r="949224" spans="14:14">
      <c r="N949224" s="10"/>
    </row>
    <row r="949225" spans="14:14">
      <c r="N949225" s="10"/>
    </row>
    <row r="949226" spans="14:14">
      <c r="N949226" s="10"/>
    </row>
    <row r="949227" spans="14:14">
      <c r="N949227" s="10"/>
    </row>
    <row r="949228" spans="14:14">
      <c r="N949228" s="10"/>
    </row>
    <row r="949229" spans="14:14">
      <c r="N949229" s="10"/>
    </row>
    <row r="949230" spans="14:14">
      <c r="N949230" s="10"/>
    </row>
    <row r="949231" spans="14:14">
      <c r="N949231" s="10"/>
    </row>
    <row r="949232" spans="14:14">
      <c r="N949232" s="10"/>
    </row>
    <row r="949233" spans="14:14">
      <c r="N949233" s="10"/>
    </row>
    <row r="949234" spans="14:14">
      <c r="N949234" s="10"/>
    </row>
    <row r="949235" spans="14:14">
      <c r="N949235" s="10"/>
    </row>
    <row r="949236" spans="14:14">
      <c r="N949236" s="10"/>
    </row>
    <row r="949237" spans="14:14">
      <c r="N949237" s="10"/>
    </row>
    <row r="949238" spans="14:14">
      <c r="N949238" s="10"/>
    </row>
    <row r="949239" spans="14:14">
      <c r="N949239" s="10"/>
    </row>
    <row r="949240" spans="14:14">
      <c r="N949240" s="10"/>
    </row>
    <row r="949241" spans="14:14">
      <c r="N949241" s="10"/>
    </row>
    <row r="949242" spans="14:14">
      <c r="N949242" s="10"/>
    </row>
    <row r="949243" spans="14:14">
      <c r="N949243" s="10"/>
    </row>
    <row r="949244" spans="14:14">
      <c r="N949244" s="10"/>
    </row>
    <row r="949245" spans="14:14">
      <c r="N949245" s="10"/>
    </row>
    <row r="949246" spans="14:14">
      <c r="N949246" s="10"/>
    </row>
    <row r="949247" spans="14:14">
      <c r="N949247" s="10"/>
    </row>
    <row r="949248" spans="14:14">
      <c r="N949248" s="10"/>
    </row>
    <row r="949249" spans="14:14">
      <c r="N949249" s="10"/>
    </row>
    <row r="949250" spans="14:14">
      <c r="N949250" s="10"/>
    </row>
    <row r="949251" spans="14:14">
      <c r="N949251" s="10"/>
    </row>
    <row r="949252" spans="14:14">
      <c r="N949252" s="10"/>
    </row>
    <row r="949253" spans="14:14">
      <c r="N949253" s="10"/>
    </row>
    <row r="949254" spans="14:14">
      <c r="N949254" s="10"/>
    </row>
    <row r="949255" spans="14:14">
      <c r="N949255" s="10"/>
    </row>
    <row r="949256" spans="14:14">
      <c r="N949256" s="10"/>
    </row>
    <row r="949257" spans="14:14">
      <c r="N949257" s="10"/>
    </row>
    <row r="949258" spans="14:14">
      <c r="N949258" s="10"/>
    </row>
    <row r="949259" spans="14:14">
      <c r="N949259" s="10"/>
    </row>
    <row r="949260" spans="14:14">
      <c r="N949260" s="10"/>
    </row>
    <row r="949261" spans="14:14">
      <c r="N949261" s="10"/>
    </row>
    <row r="949262" spans="14:14">
      <c r="N949262" s="10"/>
    </row>
    <row r="949263" spans="14:14">
      <c r="N949263" s="10"/>
    </row>
    <row r="949264" spans="14:14">
      <c r="N949264" s="10"/>
    </row>
    <row r="949265" spans="14:14">
      <c r="N949265" s="10"/>
    </row>
    <row r="949266" spans="14:14">
      <c r="N949266" s="10"/>
    </row>
    <row r="949267" spans="14:14">
      <c r="N949267" s="10"/>
    </row>
    <row r="949268" spans="14:14">
      <c r="N949268" s="10"/>
    </row>
    <row r="949269" spans="14:14">
      <c r="N949269" s="10"/>
    </row>
    <row r="949270" spans="14:14">
      <c r="N949270" s="10"/>
    </row>
    <row r="949271" spans="14:14">
      <c r="N949271" s="10"/>
    </row>
    <row r="949272" spans="14:14">
      <c r="N949272" s="10"/>
    </row>
    <row r="949273" spans="14:14">
      <c r="N949273" s="10"/>
    </row>
    <row r="949274" spans="14:14">
      <c r="N949274" s="10"/>
    </row>
    <row r="949275" spans="14:14">
      <c r="N949275" s="10"/>
    </row>
    <row r="949276" spans="14:14">
      <c r="N949276" s="10"/>
    </row>
    <row r="949277" spans="14:14">
      <c r="N949277" s="10"/>
    </row>
    <row r="949278" spans="14:14">
      <c r="N949278" s="10"/>
    </row>
    <row r="949279" spans="14:14">
      <c r="N949279" s="10"/>
    </row>
    <row r="949280" spans="14:14">
      <c r="N949280" s="10"/>
    </row>
    <row r="949281" spans="14:14">
      <c r="N949281" s="10"/>
    </row>
    <row r="949282" spans="14:14">
      <c r="N949282" s="10"/>
    </row>
    <row r="949283" spans="14:14">
      <c r="N949283" s="10"/>
    </row>
    <row r="949284" spans="14:14">
      <c r="N949284" s="10"/>
    </row>
    <row r="949285" spans="14:14">
      <c r="N949285" s="10"/>
    </row>
    <row r="949286" spans="14:14">
      <c r="N949286" s="10"/>
    </row>
    <row r="949287" spans="14:14">
      <c r="N949287" s="10"/>
    </row>
    <row r="949288" spans="14:14">
      <c r="N949288" s="10"/>
    </row>
    <row r="949289" spans="14:14">
      <c r="N949289" s="10"/>
    </row>
    <row r="949290" spans="14:14">
      <c r="N949290" s="10"/>
    </row>
    <row r="949291" spans="14:14">
      <c r="N949291" s="10"/>
    </row>
    <row r="949292" spans="14:14">
      <c r="N949292" s="10"/>
    </row>
    <row r="949293" spans="14:14">
      <c r="N949293" s="10"/>
    </row>
    <row r="949294" spans="14:14">
      <c r="N949294" s="10"/>
    </row>
    <row r="949295" spans="14:14">
      <c r="N949295" s="10"/>
    </row>
    <row r="949296" spans="14:14">
      <c r="N949296" s="10"/>
    </row>
    <row r="949297" spans="14:14">
      <c r="N949297" s="10"/>
    </row>
    <row r="949298" spans="14:14">
      <c r="N949298" s="10"/>
    </row>
    <row r="949299" spans="14:14">
      <c r="N949299" s="10"/>
    </row>
    <row r="949300" spans="14:14">
      <c r="N949300" s="10"/>
    </row>
    <row r="949301" spans="14:14">
      <c r="N949301" s="10"/>
    </row>
    <row r="949302" spans="14:14">
      <c r="N949302" s="10"/>
    </row>
    <row r="949303" spans="14:14">
      <c r="N949303" s="10"/>
    </row>
    <row r="949304" spans="14:14">
      <c r="N949304" s="10"/>
    </row>
    <row r="949305" spans="14:14">
      <c r="N949305" s="10"/>
    </row>
    <row r="949306" spans="14:14">
      <c r="N949306" s="10"/>
    </row>
    <row r="949307" spans="14:14">
      <c r="N949307" s="10"/>
    </row>
    <row r="949308" spans="14:14">
      <c r="N949308" s="10"/>
    </row>
    <row r="949309" spans="14:14">
      <c r="N949309" s="10"/>
    </row>
    <row r="949310" spans="14:14">
      <c r="N949310" s="10"/>
    </row>
    <row r="949311" spans="14:14">
      <c r="N949311" s="10"/>
    </row>
    <row r="949312" spans="14:14">
      <c r="N949312" s="10"/>
    </row>
    <row r="949313" spans="14:14">
      <c r="N949313" s="10"/>
    </row>
    <row r="949314" spans="14:14">
      <c r="N949314" s="10"/>
    </row>
    <row r="949315" spans="14:14">
      <c r="N949315" s="10"/>
    </row>
    <row r="949316" spans="14:14">
      <c r="N949316" s="10"/>
    </row>
    <row r="949317" spans="14:14">
      <c r="N949317" s="10"/>
    </row>
    <row r="949318" spans="14:14">
      <c r="N949318" s="10"/>
    </row>
    <row r="949319" spans="14:14">
      <c r="N949319" s="10"/>
    </row>
    <row r="949320" spans="14:14">
      <c r="N949320" s="10"/>
    </row>
    <row r="949321" spans="14:14">
      <c r="N949321" s="10"/>
    </row>
    <row r="949322" spans="14:14">
      <c r="N949322" s="10"/>
    </row>
    <row r="949323" spans="14:14">
      <c r="N949323" s="10"/>
    </row>
    <row r="949324" spans="14:14">
      <c r="N949324" s="10"/>
    </row>
    <row r="949325" spans="14:14">
      <c r="N949325" s="10"/>
    </row>
    <row r="949326" spans="14:14">
      <c r="N949326" s="10"/>
    </row>
    <row r="949327" spans="14:14">
      <c r="N949327" s="10"/>
    </row>
    <row r="949328" spans="14:14">
      <c r="N949328" s="10"/>
    </row>
    <row r="949329" spans="14:14">
      <c r="N949329" s="10"/>
    </row>
    <row r="949330" spans="14:14">
      <c r="N949330" s="10"/>
    </row>
    <row r="949331" spans="14:14">
      <c r="N949331" s="10"/>
    </row>
    <row r="949332" spans="14:14">
      <c r="N949332" s="10"/>
    </row>
    <row r="949333" spans="14:14">
      <c r="N949333" s="10"/>
    </row>
    <row r="949334" spans="14:14">
      <c r="N949334" s="10"/>
    </row>
    <row r="949335" spans="14:14">
      <c r="N949335" s="10"/>
    </row>
    <row r="949336" spans="14:14">
      <c r="N949336" s="10"/>
    </row>
    <row r="949337" spans="14:14">
      <c r="N949337" s="10"/>
    </row>
    <row r="949338" spans="14:14">
      <c r="N949338" s="10"/>
    </row>
    <row r="949339" spans="14:14">
      <c r="N949339" s="10"/>
    </row>
    <row r="949340" spans="14:14">
      <c r="N949340" s="10"/>
    </row>
    <row r="949341" spans="14:14">
      <c r="N949341" s="10"/>
    </row>
    <row r="949342" spans="14:14">
      <c r="N949342" s="10"/>
    </row>
    <row r="949343" spans="14:14">
      <c r="N949343" s="10"/>
    </row>
    <row r="949344" spans="14:14">
      <c r="N949344" s="10"/>
    </row>
    <row r="949345" spans="14:14">
      <c r="N949345" s="10"/>
    </row>
    <row r="949346" spans="14:14">
      <c r="N949346" s="10"/>
    </row>
    <row r="949347" spans="14:14">
      <c r="N949347" s="10"/>
    </row>
    <row r="949348" spans="14:14">
      <c r="N949348" s="10"/>
    </row>
    <row r="949349" spans="14:14">
      <c r="N949349" s="10"/>
    </row>
    <row r="949350" spans="14:14">
      <c r="N949350" s="10"/>
    </row>
    <row r="949351" spans="14:14">
      <c r="N949351" s="10"/>
    </row>
    <row r="949352" spans="14:14">
      <c r="N949352" s="10"/>
    </row>
    <row r="949353" spans="14:14">
      <c r="N949353" s="10"/>
    </row>
    <row r="949354" spans="14:14">
      <c r="N949354" s="10"/>
    </row>
    <row r="949355" spans="14:14">
      <c r="N949355" s="10"/>
    </row>
    <row r="949356" spans="14:14">
      <c r="N949356" s="10"/>
    </row>
    <row r="949357" spans="14:14">
      <c r="N949357" s="10"/>
    </row>
    <row r="949358" spans="14:14">
      <c r="N949358" s="10"/>
    </row>
    <row r="949359" spans="14:14">
      <c r="N949359" s="10"/>
    </row>
    <row r="949360" spans="14:14">
      <c r="N949360" s="10"/>
    </row>
    <row r="949361" spans="14:14">
      <c r="N949361" s="10"/>
    </row>
    <row r="949362" spans="14:14">
      <c r="N949362" s="10"/>
    </row>
    <row r="949363" spans="14:14">
      <c r="N949363" s="10"/>
    </row>
    <row r="949364" spans="14:14">
      <c r="N949364" s="10"/>
    </row>
    <row r="949365" spans="14:14">
      <c r="N949365" s="10"/>
    </row>
    <row r="949366" spans="14:14">
      <c r="N949366" s="10"/>
    </row>
    <row r="949367" spans="14:14">
      <c r="N949367" s="10"/>
    </row>
    <row r="949368" spans="14:14">
      <c r="N949368" s="10"/>
    </row>
    <row r="949369" spans="14:14">
      <c r="N949369" s="10"/>
    </row>
    <row r="949370" spans="14:14">
      <c r="N949370" s="10"/>
    </row>
    <row r="949371" spans="14:14">
      <c r="N949371" s="10"/>
    </row>
    <row r="949372" spans="14:14">
      <c r="N949372" s="10"/>
    </row>
    <row r="949373" spans="14:14">
      <c r="N949373" s="10"/>
    </row>
    <row r="949374" spans="14:14">
      <c r="N949374" s="10"/>
    </row>
    <row r="949375" spans="14:14">
      <c r="N949375" s="10"/>
    </row>
    <row r="949376" spans="14:14">
      <c r="N949376" s="10"/>
    </row>
    <row r="949377" spans="14:14">
      <c r="N949377" s="10"/>
    </row>
    <row r="949378" spans="14:14">
      <c r="N949378" s="10"/>
    </row>
    <row r="949379" spans="14:14">
      <c r="N949379" s="10"/>
    </row>
    <row r="949380" spans="14:14">
      <c r="N949380" s="10"/>
    </row>
    <row r="949381" spans="14:14">
      <c r="N949381" s="10"/>
    </row>
    <row r="949382" spans="14:14">
      <c r="N949382" s="10"/>
    </row>
    <row r="949383" spans="14:14">
      <c r="N949383" s="10"/>
    </row>
    <row r="949384" spans="14:14">
      <c r="N949384" s="10"/>
    </row>
    <row r="949385" spans="14:14">
      <c r="N949385" s="10"/>
    </row>
    <row r="949386" spans="14:14">
      <c r="N949386" s="10"/>
    </row>
    <row r="949387" spans="14:14">
      <c r="N949387" s="10"/>
    </row>
    <row r="949388" spans="14:14">
      <c r="N949388" s="10"/>
    </row>
    <row r="949389" spans="14:14">
      <c r="N949389" s="10"/>
    </row>
    <row r="949390" spans="14:14">
      <c r="N949390" s="10"/>
    </row>
    <row r="949391" spans="14:14">
      <c r="N949391" s="10"/>
    </row>
    <row r="949392" spans="14:14">
      <c r="N949392" s="10"/>
    </row>
    <row r="949393" spans="14:14">
      <c r="N949393" s="10"/>
    </row>
    <row r="949394" spans="14:14">
      <c r="N949394" s="10"/>
    </row>
    <row r="949395" spans="14:14">
      <c r="N949395" s="10"/>
    </row>
    <row r="949396" spans="14:14">
      <c r="N949396" s="10"/>
    </row>
    <row r="949397" spans="14:14">
      <c r="N949397" s="10"/>
    </row>
    <row r="949398" spans="14:14">
      <c r="N949398" s="10"/>
    </row>
    <row r="949399" spans="14:14">
      <c r="N949399" s="10"/>
    </row>
    <row r="949400" spans="14:14">
      <c r="N949400" s="10"/>
    </row>
    <row r="949401" spans="14:14">
      <c r="N949401" s="10"/>
    </row>
    <row r="949402" spans="14:14">
      <c r="N949402" s="10"/>
    </row>
    <row r="949403" spans="14:14">
      <c r="N949403" s="10"/>
    </row>
    <row r="949404" spans="14:14">
      <c r="N949404" s="10"/>
    </row>
    <row r="949405" spans="14:14">
      <c r="N949405" s="10"/>
    </row>
    <row r="949406" spans="14:14">
      <c r="N949406" s="10"/>
    </row>
    <row r="949407" spans="14:14">
      <c r="N949407" s="10"/>
    </row>
    <row r="949408" spans="14:14">
      <c r="N949408" s="10"/>
    </row>
    <row r="949409" spans="14:14">
      <c r="N949409" s="10"/>
    </row>
    <row r="949410" spans="14:14">
      <c r="N949410" s="10"/>
    </row>
    <row r="949411" spans="14:14">
      <c r="N949411" s="10"/>
    </row>
    <row r="949412" spans="14:14">
      <c r="N949412" s="10"/>
    </row>
    <row r="949413" spans="14:14">
      <c r="N949413" s="10"/>
    </row>
    <row r="949414" spans="14:14">
      <c r="N949414" s="10"/>
    </row>
    <row r="949415" spans="14:14">
      <c r="N949415" s="10"/>
    </row>
    <row r="949416" spans="14:14">
      <c r="N949416" s="10"/>
    </row>
    <row r="949417" spans="14:14">
      <c r="N949417" s="10"/>
    </row>
    <row r="949418" spans="14:14">
      <c r="N949418" s="10"/>
    </row>
    <row r="949419" spans="14:14">
      <c r="N949419" s="10"/>
    </row>
    <row r="949420" spans="14:14">
      <c r="N949420" s="10"/>
    </row>
    <row r="949421" spans="14:14">
      <c r="N949421" s="10"/>
    </row>
    <row r="949422" spans="14:14">
      <c r="N949422" s="10"/>
    </row>
    <row r="949423" spans="14:14">
      <c r="N949423" s="10"/>
    </row>
    <row r="949424" spans="14:14">
      <c r="N949424" s="10"/>
    </row>
    <row r="949425" spans="14:14">
      <c r="N949425" s="10"/>
    </row>
    <row r="949426" spans="14:14">
      <c r="N949426" s="10"/>
    </row>
    <row r="949427" spans="14:14">
      <c r="N949427" s="10"/>
    </row>
    <row r="949428" spans="14:14">
      <c r="N949428" s="10"/>
    </row>
    <row r="949429" spans="14:14">
      <c r="N949429" s="10"/>
    </row>
    <row r="949430" spans="14:14">
      <c r="N949430" s="10"/>
    </row>
    <row r="949431" spans="14:14">
      <c r="N949431" s="10"/>
    </row>
    <row r="949432" spans="14:14">
      <c r="N949432" s="10"/>
    </row>
    <row r="949433" spans="14:14">
      <c r="N949433" s="10"/>
    </row>
    <row r="949434" spans="14:14">
      <c r="N949434" s="10"/>
    </row>
    <row r="949435" spans="14:14">
      <c r="N949435" s="10"/>
    </row>
    <row r="949436" spans="14:14">
      <c r="N949436" s="10"/>
    </row>
    <row r="949437" spans="14:14">
      <c r="N949437" s="10"/>
    </row>
    <row r="949438" spans="14:14">
      <c r="N949438" s="10"/>
    </row>
    <row r="949439" spans="14:14">
      <c r="N949439" s="10"/>
    </row>
    <row r="949440" spans="14:14">
      <c r="N949440" s="10"/>
    </row>
    <row r="949441" spans="14:14">
      <c r="N949441" s="10"/>
    </row>
    <row r="949442" spans="14:14">
      <c r="N949442" s="10"/>
    </row>
    <row r="949443" spans="14:14">
      <c r="N949443" s="10"/>
    </row>
    <row r="949444" spans="14:14">
      <c r="N949444" s="10"/>
    </row>
    <row r="949445" spans="14:14">
      <c r="N949445" s="10"/>
    </row>
    <row r="949446" spans="14:14">
      <c r="N949446" s="10"/>
    </row>
    <row r="949447" spans="14:14">
      <c r="N949447" s="10"/>
    </row>
    <row r="949448" spans="14:14">
      <c r="N949448" s="10"/>
    </row>
    <row r="949449" spans="14:14">
      <c r="N949449" s="10"/>
    </row>
    <row r="949450" spans="14:14">
      <c r="N949450" s="10"/>
    </row>
    <row r="949451" spans="14:14">
      <c r="N949451" s="10"/>
    </row>
    <row r="949452" spans="14:14">
      <c r="N949452" s="10"/>
    </row>
    <row r="949453" spans="14:14">
      <c r="N949453" s="10"/>
    </row>
    <row r="949454" spans="14:14">
      <c r="N949454" s="10"/>
    </row>
    <row r="949455" spans="14:14">
      <c r="N949455" s="10"/>
    </row>
    <row r="949456" spans="14:14">
      <c r="N949456" s="10"/>
    </row>
    <row r="949457" spans="14:14">
      <c r="N949457" s="10"/>
    </row>
    <row r="949458" spans="14:14">
      <c r="N949458" s="10"/>
    </row>
    <row r="949459" spans="14:14">
      <c r="N949459" s="10"/>
    </row>
    <row r="949460" spans="14:14">
      <c r="N949460" s="10"/>
    </row>
    <row r="949461" spans="14:14">
      <c r="N949461" s="10"/>
    </row>
    <row r="949462" spans="14:14">
      <c r="N949462" s="10"/>
    </row>
    <row r="949463" spans="14:14">
      <c r="N949463" s="10"/>
    </row>
    <row r="949464" spans="14:14">
      <c r="N949464" s="10"/>
    </row>
    <row r="949465" spans="14:14">
      <c r="N949465" s="10"/>
    </row>
    <row r="949466" spans="14:14">
      <c r="N949466" s="10"/>
    </row>
    <row r="949467" spans="14:14">
      <c r="N949467" s="10"/>
    </row>
    <row r="949468" spans="14:14">
      <c r="N949468" s="10"/>
    </row>
    <row r="949469" spans="14:14">
      <c r="N949469" s="10"/>
    </row>
    <row r="949470" spans="14:14">
      <c r="N949470" s="10"/>
    </row>
    <row r="949471" spans="14:14">
      <c r="N949471" s="10"/>
    </row>
    <row r="949472" spans="14:14">
      <c r="N949472" s="10"/>
    </row>
    <row r="949473" spans="14:14">
      <c r="N949473" s="10"/>
    </row>
    <row r="949474" spans="14:14">
      <c r="N949474" s="10"/>
    </row>
    <row r="949475" spans="14:14">
      <c r="N949475" s="10"/>
    </row>
    <row r="949476" spans="14:14">
      <c r="N949476" s="10"/>
    </row>
    <row r="949477" spans="14:14">
      <c r="N949477" s="10"/>
    </row>
    <row r="949478" spans="14:14">
      <c r="N949478" s="10"/>
    </row>
    <row r="949479" spans="14:14">
      <c r="N949479" s="10"/>
    </row>
    <row r="949480" spans="14:14">
      <c r="N949480" s="10"/>
    </row>
    <row r="949481" spans="14:14">
      <c r="N949481" s="10"/>
    </row>
    <row r="949482" spans="14:14">
      <c r="N949482" s="10"/>
    </row>
    <row r="949483" spans="14:14">
      <c r="N949483" s="10"/>
    </row>
    <row r="949484" spans="14:14">
      <c r="N949484" s="10"/>
    </row>
    <row r="949485" spans="14:14">
      <c r="N949485" s="10"/>
    </row>
    <row r="949486" spans="14:14">
      <c r="N949486" s="10"/>
    </row>
    <row r="949487" spans="14:14">
      <c r="N949487" s="10"/>
    </row>
    <row r="949488" spans="14:14">
      <c r="N949488" s="10"/>
    </row>
    <row r="949489" spans="14:14">
      <c r="N949489" s="10"/>
    </row>
    <row r="949490" spans="14:14">
      <c r="N949490" s="10"/>
    </row>
    <row r="949491" spans="14:14">
      <c r="N949491" s="10"/>
    </row>
    <row r="949492" spans="14:14">
      <c r="N949492" s="10"/>
    </row>
    <row r="949493" spans="14:14">
      <c r="N949493" s="10"/>
    </row>
    <row r="949494" spans="14:14">
      <c r="N949494" s="10"/>
    </row>
    <row r="949495" spans="14:14">
      <c r="N949495" s="10"/>
    </row>
    <row r="949496" spans="14:14">
      <c r="N949496" s="10"/>
    </row>
    <row r="949497" spans="14:14">
      <c r="N949497" s="10"/>
    </row>
    <row r="949498" spans="14:14">
      <c r="N949498" s="10"/>
    </row>
    <row r="949499" spans="14:14">
      <c r="N949499" s="10"/>
    </row>
    <row r="949500" spans="14:14">
      <c r="N949500" s="10"/>
    </row>
    <row r="949501" spans="14:14">
      <c r="N949501" s="10"/>
    </row>
    <row r="949502" spans="14:14">
      <c r="N949502" s="10"/>
    </row>
    <row r="949503" spans="14:14">
      <c r="N949503" s="10"/>
    </row>
    <row r="949504" spans="14:14">
      <c r="N949504" s="10"/>
    </row>
    <row r="949505" spans="14:14">
      <c r="N949505" s="10"/>
    </row>
    <row r="949506" spans="14:14">
      <c r="N949506" s="10"/>
    </row>
    <row r="949507" spans="14:14">
      <c r="N949507" s="10"/>
    </row>
    <row r="949508" spans="14:14">
      <c r="N949508" s="10"/>
    </row>
    <row r="949509" spans="14:14">
      <c r="N949509" s="10"/>
    </row>
    <row r="949510" spans="14:14">
      <c r="N949510" s="10"/>
    </row>
    <row r="949511" spans="14:14">
      <c r="N949511" s="10"/>
    </row>
    <row r="949512" spans="14:14">
      <c r="N949512" s="10"/>
    </row>
    <row r="949513" spans="14:14">
      <c r="N949513" s="10"/>
    </row>
    <row r="949514" spans="14:14">
      <c r="N949514" s="10"/>
    </row>
    <row r="949515" spans="14:14">
      <c r="N949515" s="10"/>
    </row>
    <row r="949516" spans="14:14">
      <c r="N949516" s="10"/>
    </row>
    <row r="949517" spans="14:14">
      <c r="N949517" s="10"/>
    </row>
    <row r="949518" spans="14:14">
      <c r="N949518" s="10"/>
    </row>
    <row r="949519" spans="14:14">
      <c r="N949519" s="10"/>
    </row>
    <row r="949520" spans="14:14">
      <c r="N949520" s="10"/>
    </row>
    <row r="949521" spans="14:14">
      <c r="N949521" s="10"/>
    </row>
    <row r="949522" spans="14:14">
      <c r="N949522" s="10"/>
    </row>
    <row r="949523" spans="14:14">
      <c r="N949523" s="10"/>
    </row>
    <row r="949524" spans="14:14">
      <c r="N949524" s="10"/>
    </row>
    <row r="949525" spans="14:14">
      <c r="N949525" s="10"/>
    </row>
    <row r="949526" spans="14:14">
      <c r="N949526" s="10"/>
    </row>
    <row r="949527" spans="14:14">
      <c r="N949527" s="10"/>
    </row>
    <row r="949528" spans="14:14">
      <c r="N949528" s="10"/>
    </row>
    <row r="949529" spans="14:14">
      <c r="N949529" s="10"/>
    </row>
    <row r="949530" spans="14:14">
      <c r="N949530" s="10"/>
    </row>
    <row r="949531" spans="14:14">
      <c r="N949531" s="10"/>
    </row>
    <row r="949532" spans="14:14">
      <c r="N949532" s="10"/>
    </row>
    <row r="949533" spans="14:14">
      <c r="N949533" s="10"/>
    </row>
    <row r="949534" spans="14:14">
      <c r="N949534" s="10"/>
    </row>
    <row r="949535" spans="14:14">
      <c r="N949535" s="10"/>
    </row>
    <row r="949536" spans="14:14">
      <c r="N949536" s="10"/>
    </row>
    <row r="949537" spans="14:14">
      <c r="N949537" s="10"/>
    </row>
    <row r="949538" spans="14:14">
      <c r="N949538" s="10"/>
    </row>
    <row r="949539" spans="14:14">
      <c r="N949539" s="10"/>
    </row>
    <row r="949540" spans="14:14">
      <c r="N949540" s="10"/>
    </row>
    <row r="949541" spans="14:14">
      <c r="N949541" s="10"/>
    </row>
    <row r="949542" spans="14:14">
      <c r="N949542" s="10"/>
    </row>
    <row r="949543" spans="14:14">
      <c r="N949543" s="10"/>
    </row>
    <row r="949544" spans="14:14">
      <c r="N949544" s="10"/>
    </row>
    <row r="949545" spans="14:14">
      <c r="N949545" s="10"/>
    </row>
    <row r="949546" spans="14:14">
      <c r="N949546" s="10"/>
    </row>
    <row r="949547" spans="14:14">
      <c r="N949547" s="10"/>
    </row>
    <row r="949548" spans="14:14">
      <c r="N949548" s="10"/>
    </row>
    <row r="949549" spans="14:14">
      <c r="N949549" s="10"/>
    </row>
    <row r="949550" spans="14:14">
      <c r="N949550" s="10"/>
    </row>
    <row r="949551" spans="14:14">
      <c r="N949551" s="10"/>
    </row>
    <row r="949552" spans="14:14">
      <c r="N949552" s="10"/>
    </row>
    <row r="949553" spans="14:14">
      <c r="N949553" s="10"/>
    </row>
    <row r="949554" spans="14:14">
      <c r="N949554" s="10"/>
    </row>
    <row r="949555" spans="14:14">
      <c r="N949555" s="10"/>
    </row>
    <row r="949556" spans="14:14">
      <c r="N949556" s="10"/>
    </row>
    <row r="949557" spans="14:14">
      <c r="N949557" s="10"/>
    </row>
    <row r="949558" spans="14:14">
      <c r="N949558" s="10"/>
    </row>
    <row r="949559" spans="14:14">
      <c r="N949559" s="10"/>
    </row>
    <row r="949560" spans="14:14">
      <c r="N949560" s="10"/>
    </row>
    <row r="949561" spans="14:14">
      <c r="N949561" s="10"/>
    </row>
    <row r="949562" spans="14:14">
      <c r="N949562" s="10"/>
    </row>
    <row r="949563" spans="14:14">
      <c r="N949563" s="10"/>
    </row>
    <row r="949564" spans="14:14">
      <c r="N949564" s="10"/>
    </row>
    <row r="949565" spans="14:14">
      <c r="N949565" s="10"/>
    </row>
    <row r="949566" spans="14:14">
      <c r="N949566" s="10"/>
    </row>
    <row r="949567" spans="14:14">
      <c r="N949567" s="10"/>
    </row>
    <row r="949568" spans="14:14">
      <c r="N949568" s="10"/>
    </row>
    <row r="949569" spans="14:14">
      <c r="N949569" s="10"/>
    </row>
    <row r="949570" spans="14:14">
      <c r="N949570" s="10"/>
    </row>
    <row r="949571" spans="14:14">
      <c r="N949571" s="10"/>
    </row>
    <row r="949572" spans="14:14">
      <c r="N949572" s="10"/>
    </row>
    <row r="949573" spans="14:14">
      <c r="N949573" s="10"/>
    </row>
    <row r="949574" spans="14:14">
      <c r="N949574" s="10"/>
    </row>
    <row r="949575" spans="14:14">
      <c r="N949575" s="10"/>
    </row>
    <row r="949576" spans="14:14">
      <c r="N949576" s="10"/>
    </row>
    <row r="949577" spans="14:14">
      <c r="N949577" s="10"/>
    </row>
    <row r="949578" spans="14:14">
      <c r="N949578" s="10"/>
    </row>
    <row r="949579" spans="14:14">
      <c r="N949579" s="10"/>
    </row>
    <row r="949580" spans="14:14">
      <c r="N949580" s="10"/>
    </row>
    <row r="949581" spans="14:14">
      <c r="N949581" s="10"/>
    </row>
    <row r="949582" spans="14:14">
      <c r="N949582" s="10"/>
    </row>
    <row r="949583" spans="14:14">
      <c r="N949583" s="10"/>
    </row>
    <row r="949584" spans="14:14">
      <c r="N949584" s="10"/>
    </row>
    <row r="949585" spans="14:14">
      <c r="N949585" s="10"/>
    </row>
    <row r="949586" spans="14:14">
      <c r="N949586" s="10"/>
    </row>
    <row r="949587" spans="14:14">
      <c r="N949587" s="10"/>
    </row>
    <row r="949588" spans="14:14">
      <c r="N949588" s="10"/>
    </row>
    <row r="949589" spans="14:14">
      <c r="N949589" s="10"/>
    </row>
    <row r="949590" spans="14:14">
      <c r="N949590" s="10"/>
    </row>
    <row r="949591" spans="14:14">
      <c r="N949591" s="10"/>
    </row>
    <row r="949592" spans="14:14">
      <c r="N949592" s="10"/>
    </row>
    <row r="949593" spans="14:14">
      <c r="N949593" s="10"/>
    </row>
    <row r="949594" spans="14:14">
      <c r="N949594" s="10"/>
    </row>
    <row r="949595" spans="14:14">
      <c r="N949595" s="10"/>
    </row>
    <row r="949596" spans="14:14">
      <c r="N949596" s="10"/>
    </row>
    <row r="949597" spans="14:14">
      <c r="N949597" s="10"/>
    </row>
    <row r="949598" spans="14:14">
      <c r="N949598" s="10"/>
    </row>
    <row r="949599" spans="14:14">
      <c r="N949599" s="10"/>
    </row>
    <row r="949600" spans="14:14">
      <c r="N949600" s="10"/>
    </row>
    <row r="949601" spans="14:14">
      <c r="N949601" s="10"/>
    </row>
    <row r="949602" spans="14:14">
      <c r="N949602" s="10"/>
    </row>
    <row r="949603" spans="14:14">
      <c r="N949603" s="10"/>
    </row>
    <row r="949604" spans="14:14">
      <c r="N949604" s="10"/>
    </row>
    <row r="949605" spans="14:14">
      <c r="N949605" s="10"/>
    </row>
    <row r="949606" spans="14:14">
      <c r="N949606" s="10"/>
    </row>
    <row r="949607" spans="14:14">
      <c r="N949607" s="10"/>
    </row>
    <row r="949608" spans="14:14">
      <c r="N949608" s="10"/>
    </row>
    <row r="949609" spans="14:14">
      <c r="N949609" s="10"/>
    </row>
    <row r="949610" spans="14:14">
      <c r="N949610" s="10"/>
    </row>
    <row r="949611" spans="14:14">
      <c r="N949611" s="10"/>
    </row>
    <row r="949612" spans="14:14">
      <c r="N949612" s="10"/>
    </row>
    <row r="949613" spans="14:14">
      <c r="N949613" s="10"/>
    </row>
    <row r="949614" spans="14:14">
      <c r="N949614" s="10"/>
    </row>
    <row r="949615" spans="14:14">
      <c r="N949615" s="10"/>
    </row>
    <row r="949616" spans="14:14">
      <c r="N949616" s="10"/>
    </row>
    <row r="949617" spans="14:14">
      <c r="N949617" s="10"/>
    </row>
    <row r="949618" spans="14:14">
      <c r="N949618" s="10"/>
    </row>
    <row r="949619" spans="14:14">
      <c r="N949619" s="10"/>
    </row>
    <row r="949620" spans="14:14">
      <c r="N949620" s="10"/>
    </row>
    <row r="949621" spans="14:14">
      <c r="N949621" s="10"/>
    </row>
    <row r="949622" spans="14:14">
      <c r="N949622" s="10"/>
    </row>
    <row r="949623" spans="14:14">
      <c r="N949623" s="10"/>
    </row>
    <row r="949624" spans="14:14">
      <c r="N949624" s="10"/>
    </row>
    <row r="949625" spans="14:14">
      <c r="N949625" s="10"/>
    </row>
    <row r="949626" spans="14:14">
      <c r="N949626" s="10"/>
    </row>
    <row r="949627" spans="14:14">
      <c r="N949627" s="10"/>
    </row>
    <row r="949628" spans="14:14">
      <c r="N949628" s="10"/>
    </row>
    <row r="949629" spans="14:14">
      <c r="N949629" s="10"/>
    </row>
    <row r="949630" spans="14:14">
      <c r="N949630" s="10"/>
    </row>
    <row r="949631" spans="14:14">
      <c r="N949631" s="10"/>
    </row>
    <row r="949632" spans="14:14">
      <c r="N949632" s="10"/>
    </row>
    <row r="949633" spans="14:14">
      <c r="N949633" s="10"/>
    </row>
    <row r="949634" spans="14:14">
      <c r="N949634" s="10"/>
    </row>
    <row r="949635" spans="14:14">
      <c r="N949635" s="10"/>
    </row>
    <row r="949636" spans="14:14">
      <c r="N949636" s="10"/>
    </row>
    <row r="949637" spans="14:14">
      <c r="N949637" s="10"/>
    </row>
    <row r="949638" spans="14:14">
      <c r="N949638" s="10"/>
    </row>
    <row r="949639" spans="14:14">
      <c r="N949639" s="10"/>
    </row>
    <row r="949640" spans="14:14">
      <c r="N949640" s="10"/>
    </row>
    <row r="949641" spans="14:14">
      <c r="N949641" s="10"/>
    </row>
    <row r="949642" spans="14:14">
      <c r="N949642" s="10"/>
    </row>
    <row r="949643" spans="14:14">
      <c r="N949643" s="10"/>
    </row>
    <row r="949644" spans="14:14">
      <c r="N949644" s="10"/>
    </row>
    <row r="949645" spans="14:14">
      <c r="N949645" s="10"/>
    </row>
    <row r="949646" spans="14:14">
      <c r="N949646" s="10"/>
    </row>
    <row r="949647" spans="14:14">
      <c r="N949647" s="10"/>
    </row>
    <row r="949648" spans="14:14">
      <c r="N949648" s="10"/>
    </row>
    <row r="949649" spans="14:14">
      <c r="N949649" s="10"/>
    </row>
    <row r="949650" spans="14:14">
      <c r="N949650" s="10"/>
    </row>
    <row r="949651" spans="14:14">
      <c r="N949651" s="10"/>
    </row>
    <row r="949652" spans="14:14">
      <c r="N949652" s="10"/>
    </row>
    <row r="949653" spans="14:14">
      <c r="N949653" s="10"/>
    </row>
    <row r="949654" spans="14:14">
      <c r="N949654" s="10"/>
    </row>
    <row r="949655" spans="14:14">
      <c r="N949655" s="10"/>
    </row>
    <row r="949656" spans="14:14">
      <c r="N949656" s="10"/>
    </row>
    <row r="949657" spans="14:14">
      <c r="N949657" s="10"/>
    </row>
    <row r="949658" spans="14:14">
      <c r="N949658" s="10"/>
    </row>
    <row r="949659" spans="14:14">
      <c r="N949659" s="10"/>
    </row>
    <row r="949660" spans="14:14">
      <c r="N949660" s="10"/>
    </row>
    <row r="949661" spans="14:14">
      <c r="N949661" s="10"/>
    </row>
    <row r="949662" spans="14:14">
      <c r="N949662" s="10"/>
    </row>
    <row r="949663" spans="14:14">
      <c r="N949663" s="10"/>
    </row>
    <row r="949664" spans="14:14">
      <c r="N949664" s="10"/>
    </row>
    <row r="949665" spans="14:14">
      <c r="N949665" s="10"/>
    </row>
    <row r="949666" spans="14:14">
      <c r="N949666" s="10"/>
    </row>
    <row r="949667" spans="14:14">
      <c r="N949667" s="10"/>
    </row>
    <row r="949668" spans="14:14">
      <c r="N949668" s="10"/>
    </row>
    <row r="949669" spans="14:14">
      <c r="N949669" s="10"/>
    </row>
    <row r="949670" spans="14:14">
      <c r="N949670" s="10"/>
    </row>
    <row r="949671" spans="14:14">
      <c r="N949671" s="10"/>
    </row>
    <row r="949672" spans="14:14">
      <c r="N949672" s="10"/>
    </row>
    <row r="949673" spans="14:14">
      <c r="N949673" s="10"/>
    </row>
    <row r="949674" spans="14:14">
      <c r="N949674" s="10"/>
    </row>
    <row r="949675" spans="14:14">
      <c r="N949675" s="10"/>
    </row>
    <row r="949676" spans="14:14">
      <c r="N949676" s="10"/>
    </row>
    <row r="949677" spans="14:14">
      <c r="N949677" s="10"/>
    </row>
    <row r="949678" spans="14:14">
      <c r="N949678" s="10"/>
    </row>
    <row r="949679" spans="14:14">
      <c r="N949679" s="10"/>
    </row>
    <row r="949680" spans="14:14">
      <c r="N949680" s="10"/>
    </row>
    <row r="949681" spans="14:14">
      <c r="N949681" s="10"/>
    </row>
    <row r="949682" spans="14:14">
      <c r="N949682" s="10"/>
    </row>
    <row r="949683" spans="14:14">
      <c r="N949683" s="10"/>
    </row>
    <row r="949684" spans="14:14">
      <c r="N949684" s="10"/>
    </row>
    <row r="949685" spans="14:14">
      <c r="N949685" s="10"/>
    </row>
    <row r="949686" spans="14:14">
      <c r="N949686" s="10"/>
    </row>
    <row r="949687" spans="14:14">
      <c r="N949687" s="10"/>
    </row>
    <row r="949688" spans="14:14">
      <c r="N949688" s="10"/>
    </row>
    <row r="949689" spans="14:14">
      <c r="N949689" s="10"/>
    </row>
    <row r="949690" spans="14:14">
      <c r="N949690" s="10"/>
    </row>
    <row r="949691" spans="14:14">
      <c r="N949691" s="10"/>
    </row>
    <row r="949692" spans="14:14">
      <c r="N949692" s="10"/>
    </row>
    <row r="949693" spans="14:14">
      <c r="N949693" s="10"/>
    </row>
    <row r="949694" spans="14:14">
      <c r="N949694" s="10"/>
    </row>
    <row r="949695" spans="14:14">
      <c r="N949695" s="10"/>
    </row>
    <row r="949696" spans="14:14">
      <c r="N949696" s="10"/>
    </row>
    <row r="949697" spans="14:14">
      <c r="N949697" s="10"/>
    </row>
    <row r="949698" spans="14:14">
      <c r="N949698" s="10"/>
    </row>
    <row r="949699" spans="14:14">
      <c r="N949699" s="10"/>
    </row>
    <row r="949700" spans="14:14">
      <c r="N949700" s="10"/>
    </row>
    <row r="949701" spans="14:14">
      <c r="N949701" s="10"/>
    </row>
    <row r="949702" spans="14:14">
      <c r="N949702" s="10"/>
    </row>
    <row r="949703" spans="14:14">
      <c r="N949703" s="10"/>
    </row>
    <row r="949704" spans="14:14">
      <c r="N949704" s="10"/>
    </row>
    <row r="949705" spans="14:14">
      <c r="N949705" s="10"/>
    </row>
    <row r="949706" spans="14:14">
      <c r="N949706" s="10"/>
    </row>
    <row r="949707" spans="14:14">
      <c r="N949707" s="10"/>
    </row>
    <row r="949708" spans="14:14">
      <c r="N949708" s="10"/>
    </row>
    <row r="949709" spans="14:14">
      <c r="N949709" s="10"/>
    </row>
    <row r="949710" spans="14:14">
      <c r="N949710" s="10"/>
    </row>
    <row r="949711" spans="14:14">
      <c r="N949711" s="10"/>
    </row>
    <row r="949712" spans="14:14">
      <c r="N949712" s="10"/>
    </row>
    <row r="949713" spans="14:14">
      <c r="N949713" s="10"/>
    </row>
    <row r="949714" spans="14:14">
      <c r="N949714" s="10"/>
    </row>
    <row r="949715" spans="14:14">
      <c r="N949715" s="10"/>
    </row>
    <row r="949716" spans="14:14">
      <c r="N949716" s="10"/>
    </row>
    <row r="949717" spans="14:14">
      <c r="N949717" s="10"/>
    </row>
    <row r="949718" spans="14:14">
      <c r="N949718" s="10"/>
    </row>
    <row r="949719" spans="14:14">
      <c r="N949719" s="10"/>
    </row>
    <row r="949720" spans="14:14">
      <c r="N949720" s="10"/>
    </row>
    <row r="949721" spans="14:14">
      <c r="N949721" s="10"/>
    </row>
    <row r="949722" spans="14:14">
      <c r="N949722" s="10"/>
    </row>
    <row r="949723" spans="14:14">
      <c r="N949723" s="10"/>
    </row>
    <row r="949724" spans="14:14">
      <c r="N949724" s="10"/>
    </row>
    <row r="949725" spans="14:14">
      <c r="N949725" s="10"/>
    </row>
    <row r="949726" spans="14:14">
      <c r="N949726" s="10"/>
    </row>
    <row r="949727" spans="14:14">
      <c r="N949727" s="10"/>
    </row>
    <row r="949728" spans="14:14">
      <c r="N949728" s="10"/>
    </row>
    <row r="949729" spans="14:14">
      <c r="N949729" s="10"/>
    </row>
    <row r="949730" spans="14:14">
      <c r="N949730" s="10"/>
    </row>
    <row r="949731" spans="14:14">
      <c r="N949731" s="10"/>
    </row>
    <row r="949732" spans="14:14">
      <c r="N949732" s="10"/>
    </row>
    <row r="949733" spans="14:14">
      <c r="N949733" s="10"/>
    </row>
    <row r="949734" spans="14:14">
      <c r="N949734" s="10"/>
    </row>
    <row r="949735" spans="14:14">
      <c r="N949735" s="10"/>
    </row>
    <row r="949736" spans="14:14">
      <c r="N949736" s="10"/>
    </row>
    <row r="949737" spans="14:14">
      <c r="N949737" s="10"/>
    </row>
    <row r="949738" spans="14:14">
      <c r="N949738" s="10"/>
    </row>
    <row r="949739" spans="14:14">
      <c r="N949739" s="10"/>
    </row>
    <row r="949740" spans="14:14">
      <c r="N949740" s="10"/>
    </row>
    <row r="949741" spans="14:14">
      <c r="N949741" s="10"/>
    </row>
    <row r="949742" spans="14:14">
      <c r="N949742" s="10"/>
    </row>
    <row r="949743" spans="14:14">
      <c r="N949743" s="10"/>
    </row>
    <row r="949744" spans="14:14">
      <c r="N949744" s="10"/>
    </row>
    <row r="949745" spans="14:14">
      <c r="N949745" s="10"/>
    </row>
    <row r="949746" spans="14:14">
      <c r="N949746" s="10"/>
    </row>
    <row r="949747" spans="14:14">
      <c r="N949747" s="10"/>
    </row>
    <row r="949748" spans="14:14">
      <c r="N949748" s="10"/>
    </row>
    <row r="949749" spans="14:14">
      <c r="N949749" s="10"/>
    </row>
    <row r="949750" spans="14:14">
      <c r="N949750" s="10"/>
    </row>
    <row r="949751" spans="14:14">
      <c r="N949751" s="10"/>
    </row>
    <row r="949752" spans="14:14">
      <c r="N949752" s="10"/>
    </row>
    <row r="949753" spans="14:14">
      <c r="N949753" s="10"/>
    </row>
    <row r="949754" spans="14:14">
      <c r="N949754" s="10"/>
    </row>
    <row r="949755" spans="14:14">
      <c r="N949755" s="10"/>
    </row>
    <row r="949756" spans="14:14">
      <c r="N949756" s="10"/>
    </row>
    <row r="949757" spans="14:14">
      <c r="N949757" s="10"/>
    </row>
    <row r="949758" spans="14:14">
      <c r="N949758" s="10"/>
    </row>
    <row r="949759" spans="14:14">
      <c r="N949759" s="10"/>
    </row>
    <row r="949760" spans="14:14">
      <c r="N949760" s="10"/>
    </row>
    <row r="949761" spans="14:14">
      <c r="N949761" s="10"/>
    </row>
    <row r="949762" spans="14:14">
      <c r="N949762" s="10"/>
    </row>
    <row r="949763" spans="14:14">
      <c r="N949763" s="10"/>
    </row>
    <row r="949764" spans="14:14">
      <c r="N949764" s="10"/>
    </row>
    <row r="949765" spans="14:14">
      <c r="N949765" s="10"/>
    </row>
    <row r="949766" spans="14:14">
      <c r="N949766" s="10"/>
    </row>
    <row r="949767" spans="14:14">
      <c r="N949767" s="10"/>
    </row>
    <row r="949768" spans="14:14">
      <c r="N949768" s="10"/>
    </row>
    <row r="949769" spans="14:14">
      <c r="N949769" s="10"/>
    </row>
    <row r="949770" spans="14:14">
      <c r="N949770" s="10"/>
    </row>
    <row r="949771" spans="14:14">
      <c r="N949771" s="10"/>
    </row>
    <row r="949772" spans="14:14">
      <c r="N949772" s="10"/>
    </row>
    <row r="949773" spans="14:14">
      <c r="N949773" s="10"/>
    </row>
    <row r="949774" spans="14:14">
      <c r="N949774" s="10"/>
    </row>
    <row r="949775" spans="14:14">
      <c r="N949775" s="10"/>
    </row>
    <row r="949776" spans="14:14">
      <c r="N949776" s="10"/>
    </row>
    <row r="949777" spans="14:14">
      <c r="N949777" s="10"/>
    </row>
    <row r="949778" spans="14:14">
      <c r="N949778" s="10"/>
    </row>
    <row r="949779" spans="14:14">
      <c r="N949779" s="10"/>
    </row>
    <row r="949780" spans="14:14">
      <c r="N949780" s="10"/>
    </row>
    <row r="949781" spans="14:14">
      <c r="N949781" s="10"/>
    </row>
    <row r="949782" spans="14:14">
      <c r="N949782" s="10"/>
    </row>
    <row r="949783" spans="14:14">
      <c r="N949783" s="10"/>
    </row>
    <row r="949784" spans="14:14">
      <c r="N949784" s="10"/>
    </row>
    <row r="949785" spans="14:14">
      <c r="N949785" s="10"/>
    </row>
    <row r="949786" spans="14:14">
      <c r="N949786" s="10"/>
    </row>
    <row r="949787" spans="14:14">
      <c r="N949787" s="10"/>
    </row>
    <row r="949788" spans="14:14">
      <c r="N949788" s="10"/>
    </row>
    <row r="949789" spans="14:14">
      <c r="N949789" s="10"/>
    </row>
    <row r="949790" spans="14:14">
      <c r="N949790" s="10"/>
    </row>
    <row r="949791" spans="14:14">
      <c r="N949791" s="10"/>
    </row>
    <row r="949792" spans="14:14">
      <c r="N949792" s="10"/>
    </row>
    <row r="949793" spans="14:14">
      <c r="N949793" s="10"/>
    </row>
    <row r="949794" spans="14:14">
      <c r="N949794" s="10"/>
    </row>
    <row r="949795" spans="14:14">
      <c r="N949795" s="10"/>
    </row>
    <row r="949796" spans="14:14">
      <c r="N949796" s="10"/>
    </row>
    <row r="949797" spans="14:14">
      <c r="N949797" s="10"/>
    </row>
    <row r="949798" spans="14:14">
      <c r="N949798" s="10"/>
    </row>
    <row r="949799" spans="14:14">
      <c r="N949799" s="10"/>
    </row>
    <row r="949800" spans="14:14">
      <c r="N949800" s="10"/>
    </row>
    <row r="949801" spans="14:14">
      <c r="N949801" s="10"/>
    </row>
    <row r="949802" spans="14:14">
      <c r="N949802" s="10"/>
    </row>
    <row r="949803" spans="14:14">
      <c r="N949803" s="10"/>
    </row>
    <row r="949804" spans="14:14">
      <c r="N949804" s="10"/>
    </row>
    <row r="949805" spans="14:14">
      <c r="N949805" s="10"/>
    </row>
    <row r="949806" spans="14:14">
      <c r="N949806" s="10"/>
    </row>
    <row r="949807" spans="14:14">
      <c r="N949807" s="10"/>
    </row>
    <row r="949808" spans="14:14">
      <c r="N949808" s="10"/>
    </row>
    <row r="949809" spans="14:14">
      <c r="N949809" s="10"/>
    </row>
    <row r="949810" spans="14:14">
      <c r="N949810" s="10"/>
    </row>
    <row r="949811" spans="14:14">
      <c r="N949811" s="10"/>
    </row>
    <row r="949812" spans="14:14">
      <c r="N949812" s="10"/>
    </row>
    <row r="949813" spans="14:14">
      <c r="N949813" s="10"/>
    </row>
    <row r="949814" spans="14:14">
      <c r="N949814" s="10"/>
    </row>
    <row r="949815" spans="14:14">
      <c r="N949815" s="10"/>
    </row>
    <row r="949816" spans="14:14">
      <c r="N949816" s="10"/>
    </row>
    <row r="949817" spans="14:14">
      <c r="N949817" s="10"/>
    </row>
    <row r="949818" spans="14:14">
      <c r="N949818" s="10"/>
    </row>
    <row r="949819" spans="14:14">
      <c r="N949819" s="10"/>
    </row>
    <row r="949820" spans="14:14">
      <c r="N949820" s="10"/>
    </row>
    <row r="949821" spans="14:14">
      <c r="N949821" s="10"/>
    </row>
    <row r="949822" spans="14:14">
      <c r="N949822" s="10"/>
    </row>
    <row r="949823" spans="14:14">
      <c r="N949823" s="10"/>
    </row>
    <row r="949824" spans="14:14">
      <c r="N949824" s="10"/>
    </row>
    <row r="949825" spans="14:14">
      <c r="N949825" s="10"/>
    </row>
    <row r="949826" spans="14:14">
      <c r="N949826" s="10"/>
    </row>
    <row r="949827" spans="14:14">
      <c r="N949827" s="10"/>
    </row>
    <row r="949828" spans="14:14">
      <c r="N949828" s="10"/>
    </row>
    <row r="949829" spans="14:14">
      <c r="N949829" s="10"/>
    </row>
    <row r="949830" spans="14:14">
      <c r="N949830" s="10"/>
    </row>
    <row r="949831" spans="14:14">
      <c r="N949831" s="10"/>
    </row>
    <row r="949832" spans="14:14">
      <c r="N949832" s="10"/>
    </row>
    <row r="949833" spans="14:14">
      <c r="N949833" s="10"/>
    </row>
    <row r="949834" spans="14:14">
      <c r="N949834" s="10"/>
    </row>
    <row r="949835" spans="14:14">
      <c r="N949835" s="10"/>
    </row>
    <row r="949836" spans="14:14">
      <c r="N949836" s="10"/>
    </row>
    <row r="949837" spans="14:14">
      <c r="N949837" s="10"/>
    </row>
    <row r="949838" spans="14:14">
      <c r="N949838" s="10"/>
    </row>
    <row r="949839" spans="14:14">
      <c r="N949839" s="10"/>
    </row>
    <row r="949840" spans="14:14">
      <c r="N949840" s="10"/>
    </row>
    <row r="949841" spans="14:14">
      <c r="N949841" s="10"/>
    </row>
    <row r="949842" spans="14:14">
      <c r="N949842" s="10"/>
    </row>
    <row r="949843" spans="14:14">
      <c r="N949843" s="10"/>
    </row>
    <row r="949844" spans="14:14">
      <c r="N949844" s="10"/>
    </row>
    <row r="949845" spans="14:14">
      <c r="N949845" s="10"/>
    </row>
    <row r="949846" spans="14:14">
      <c r="N949846" s="10"/>
    </row>
    <row r="949847" spans="14:14">
      <c r="N949847" s="10"/>
    </row>
    <row r="949848" spans="14:14">
      <c r="N949848" s="10"/>
    </row>
    <row r="949849" spans="14:14">
      <c r="N949849" s="10"/>
    </row>
    <row r="949850" spans="14:14">
      <c r="N949850" s="10"/>
    </row>
    <row r="949851" spans="14:14">
      <c r="N949851" s="10"/>
    </row>
    <row r="949852" spans="14:14">
      <c r="N949852" s="10"/>
    </row>
    <row r="949853" spans="14:14">
      <c r="N949853" s="10"/>
    </row>
    <row r="949854" spans="14:14">
      <c r="N949854" s="10"/>
    </row>
    <row r="949855" spans="14:14">
      <c r="N949855" s="10"/>
    </row>
    <row r="949856" spans="14:14">
      <c r="N949856" s="10"/>
    </row>
    <row r="949857" spans="14:14">
      <c r="N949857" s="10"/>
    </row>
    <row r="949858" spans="14:14">
      <c r="N949858" s="10"/>
    </row>
    <row r="949859" spans="14:14">
      <c r="N949859" s="10"/>
    </row>
    <row r="949860" spans="14:14">
      <c r="N949860" s="10"/>
    </row>
    <row r="949861" spans="14:14">
      <c r="N949861" s="10"/>
    </row>
    <row r="949862" spans="14:14">
      <c r="N949862" s="10"/>
    </row>
    <row r="949863" spans="14:14">
      <c r="N949863" s="10"/>
    </row>
    <row r="949864" spans="14:14">
      <c r="N949864" s="10"/>
    </row>
    <row r="949865" spans="14:14">
      <c r="N949865" s="10"/>
    </row>
    <row r="949866" spans="14:14">
      <c r="N949866" s="10"/>
    </row>
    <row r="949867" spans="14:14">
      <c r="N949867" s="10"/>
    </row>
    <row r="949868" spans="14:14">
      <c r="N949868" s="10"/>
    </row>
    <row r="949869" spans="14:14">
      <c r="N949869" s="10"/>
    </row>
    <row r="949870" spans="14:14">
      <c r="N949870" s="10"/>
    </row>
    <row r="949871" spans="14:14">
      <c r="N949871" s="10"/>
    </row>
    <row r="949872" spans="14:14">
      <c r="N949872" s="10"/>
    </row>
    <row r="949873" spans="14:14">
      <c r="N949873" s="10"/>
    </row>
    <row r="949874" spans="14:14">
      <c r="N949874" s="10"/>
    </row>
    <row r="949875" spans="14:14">
      <c r="N949875" s="10"/>
    </row>
    <row r="949876" spans="14:14">
      <c r="N949876" s="10"/>
    </row>
    <row r="949877" spans="14:14">
      <c r="N949877" s="10"/>
    </row>
    <row r="949878" spans="14:14">
      <c r="N949878" s="10"/>
    </row>
    <row r="949879" spans="14:14">
      <c r="N949879" s="10"/>
    </row>
    <row r="949880" spans="14:14">
      <c r="N949880" s="10"/>
    </row>
    <row r="949881" spans="14:14">
      <c r="N949881" s="10"/>
    </row>
    <row r="949882" spans="14:14">
      <c r="N949882" s="10"/>
    </row>
    <row r="949883" spans="14:14">
      <c r="N949883" s="10"/>
    </row>
    <row r="949884" spans="14:14">
      <c r="N949884" s="10"/>
    </row>
    <row r="949885" spans="14:14">
      <c r="N949885" s="10"/>
    </row>
    <row r="949886" spans="14:14">
      <c r="N949886" s="10"/>
    </row>
    <row r="949887" spans="14:14">
      <c r="N949887" s="10"/>
    </row>
    <row r="949888" spans="14:14">
      <c r="N949888" s="10"/>
    </row>
    <row r="949889" spans="14:14">
      <c r="N949889" s="10"/>
    </row>
    <row r="949890" spans="14:14">
      <c r="N949890" s="10"/>
    </row>
    <row r="949891" spans="14:14">
      <c r="N949891" s="10"/>
    </row>
    <row r="949892" spans="14:14">
      <c r="N949892" s="10"/>
    </row>
    <row r="949893" spans="14:14">
      <c r="N949893" s="10"/>
    </row>
    <row r="949894" spans="14:14">
      <c r="N949894" s="10"/>
    </row>
    <row r="949895" spans="14:14">
      <c r="N949895" s="10"/>
    </row>
    <row r="949896" spans="14:14">
      <c r="N949896" s="10"/>
    </row>
    <row r="949897" spans="14:14">
      <c r="N949897" s="10"/>
    </row>
    <row r="949898" spans="14:14">
      <c r="N949898" s="10"/>
    </row>
    <row r="949899" spans="14:14">
      <c r="N949899" s="10"/>
    </row>
    <row r="949900" spans="14:14">
      <c r="N949900" s="10"/>
    </row>
    <row r="949901" spans="14:14">
      <c r="N949901" s="10"/>
    </row>
    <row r="949902" spans="14:14">
      <c r="N949902" s="10"/>
    </row>
    <row r="949903" spans="14:14">
      <c r="N949903" s="10"/>
    </row>
    <row r="949904" spans="14:14">
      <c r="N949904" s="10"/>
    </row>
    <row r="949905" spans="14:14">
      <c r="N949905" s="10"/>
    </row>
    <row r="949906" spans="14:14">
      <c r="N949906" s="10"/>
    </row>
    <row r="949907" spans="14:14">
      <c r="N949907" s="10"/>
    </row>
    <row r="949908" spans="14:14">
      <c r="N949908" s="10"/>
    </row>
    <row r="949909" spans="14:14">
      <c r="N949909" s="10"/>
    </row>
    <row r="949910" spans="14:14">
      <c r="N949910" s="10"/>
    </row>
    <row r="949911" spans="14:14">
      <c r="N949911" s="10"/>
    </row>
    <row r="949912" spans="14:14">
      <c r="N949912" s="10"/>
    </row>
    <row r="949913" spans="14:14">
      <c r="N949913" s="10"/>
    </row>
    <row r="949914" spans="14:14">
      <c r="N949914" s="10"/>
    </row>
    <row r="949915" spans="14:14">
      <c r="N949915" s="10"/>
    </row>
    <row r="949916" spans="14:14">
      <c r="N949916" s="10"/>
    </row>
    <row r="949917" spans="14:14">
      <c r="N949917" s="10"/>
    </row>
    <row r="949918" spans="14:14">
      <c r="N949918" s="10"/>
    </row>
    <row r="949919" spans="14:14">
      <c r="N949919" s="10"/>
    </row>
    <row r="949920" spans="14:14">
      <c r="N949920" s="10"/>
    </row>
    <row r="949921" spans="14:14">
      <c r="N949921" s="10"/>
    </row>
    <row r="949922" spans="14:14">
      <c r="N949922" s="10"/>
    </row>
    <row r="949923" spans="14:14">
      <c r="N949923" s="10"/>
    </row>
    <row r="949924" spans="14:14">
      <c r="N949924" s="10"/>
    </row>
    <row r="949925" spans="14:14">
      <c r="N949925" s="10"/>
    </row>
    <row r="949926" spans="14:14">
      <c r="N949926" s="10"/>
    </row>
    <row r="949927" spans="14:14">
      <c r="N949927" s="10"/>
    </row>
    <row r="949928" spans="14:14">
      <c r="N949928" s="10"/>
    </row>
    <row r="949929" spans="14:14">
      <c r="N949929" s="10"/>
    </row>
    <row r="949930" spans="14:14">
      <c r="N949930" s="10"/>
    </row>
    <row r="949931" spans="14:14">
      <c r="N949931" s="10"/>
    </row>
    <row r="949932" spans="14:14">
      <c r="N949932" s="10"/>
    </row>
    <row r="949933" spans="14:14">
      <c r="N949933" s="10"/>
    </row>
    <row r="949934" spans="14:14">
      <c r="N949934" s="10"/>
    </row>
    <row r="949935" spans="14:14">
      <c r="N949935" s="10"/>
    </row>
    <row r="949936" spans="14:14">
      <c r="N949936" s="10"/>
    </row>
    <row r="949937" spans="14:14">
      <c r="N949937" s="10"/>
    </row>
    <row r="949938" spans="14:14">
      <c r="N949938" s="10"/>
    </row>
    <row r="949939" spans="14:14">
      <c r="N949939" s="10"/>
    </row>
    <row r="949940" spans="14:14">
      <c r="N949940" s="10"/>
    </row>
    <row r="949941" spans="14:14">
      <c r="N949941" s="10"/>
    </row>
    <row r="949942" spans="14:14">
      <c r="N949942" s="10"/>
    </row>
    <row r="949943" spans="14:14">
      <c r="N949943" s="10"/>
    </row>
    <row r="949944" spans="14:14">
      <c r="N949944" s="10"/>
    </row>
    <row r="949945" spans="14:14">
      <c r="N949945" s="10"/>
    </row>
    <row r="949946" spans="14:14">
      <c r="N949946" s="10"/>
    </row>
    <row r="949947" spans="14:14">
      <c r="N949947" s="10"/>
    </row>
    <row r="949948" spans="14:14">
      <c r="N949948" s="10"/>
    </row>
    <row r="949949" spans="14:14">
      <c r="N949949" s="10"/>
    </row>
    <row r="949950" spans="14:14">
      <c r="N949950" s="10"/>
    </row>
    <row r="949951" spans="14:14">
      <c r="N949951" s="10"/>
    </row>
    <row r="949952" spans="14:14">
      <c r="N949952" s="10"/>
    </row>
    <row r="949953" spans="14:14">
      <c r="N949953" s="10"/>
    </row>
    <row r="949954" spans="14:14">
      <c r="N949954" s="10"/>
    </row>
    <row r="949955" spans="14:14">
      <c r="N949955" s="10"/>
    </row>
    <row r="949956" spans="14:14">
      <c r="N949956" s="10"/>
    </row>
    <row r="949957" spans="14:14">
      <c r="N949957" s="10"/>
    </row>
    <row r="949958" spans="14:14">
      <c r="N949958" s="10"/>
    </row>
    <row r="949959" spans="14:14">
      <c r="N949959" s="10"/>
    </row>
    <row r="949960" spans="14:14">
      <c r="N949960" s="10"/>
    </row>
    <row r="949961" spans="14:14">
      <c r="N949961" s="10"/>
    </row>
    <row r="949962" spans="14:14">
      <c r="N949962" s="10"/>
    </row>
    <row r="949963" spans="14:14">
      <c r="N949963" s="10"/>
    </row>
    <row r="949964" spans="14:14">
      <c r="N949964" s="10"/>
    </row>
    <row r="949965" spans="14:14">
      <c r="N949965" s="10"/>
    </row>
    <row r="949966" spans="14:14">
      <c r="N949966" s="10"/>
    </row>
    <row r="949967" spans="14:14">
      <c r="N949967" s="10"/>
    </row>
    <row r="949968" spans="14:14">
      <c r="N949968" s="10"/>
    </row>
    <row r="949969" spans="14:14">
      <c r="N949969" s="10"/>
    </row>
    <row r="949970" spans="14:14">
      <c r="N949970" s="10"/>
    </row>
    <row r="949971" spans="14:14">
      <c r="N949971" s="10"/>
    </row>
    <row r="949972" spans="14:14">
      <c r="N949972" s="10"/>
    </row>
    <row r="949973" spans="14:14">
      <c r="N949973" s="10"/>
    </row>
    <row r="949974" spans="14:14">
      <c r="N949974" s="10"/>
    </row>
    <row r="949975" spans="14:14">
      <c r="N949975" s="10"/>
    </row>
    <row r="949976" spans="14:14">
      <c r="N949976" s="10"/>
    </row>
    <row r="949977" spans="14:14">
      <c r="N949977" s="10"/>
    </row>
    <row r="949978" spans="14:14">
      <c r="N949978" s="10"/>
    </row>
    <row r="949979" spans="14:14">
      <c r="N949979" s="10"/>
    </row>
    <row r="949980" spans="14:14">
      <c r="N949980" s="10"/>
    </row>
    <row r="949981" spans="14:14">
      <c r="N949981" s="10"/>
    </row>
    <row r="949982" spans="14:14">
      <c r="N949982" s="10"/>
    </row>
    <row r="949983" spans="14:14">
      <c r="N949983" s="10"/>
    </row>
    <row r="949984" spans="14:14">
      <c r="N949984" s="10"/>
    </row>
    <row r="949985" spans="14:14">
      <c r="N949985" s="10"/>
    </row>
    <row r="949986" spans="14:14">
      <c r="N949986" s="10"/>
    </row>
    <row r="949987" spans="14:14">
      <c r="N949987" s="10"/>
    </row>
    <row r="949988" spans="14:14">
      <c r="N949988" s="10"/>
    </row>
    <row r="949989" spans="14:14">
      <c r="N949989" s="10"/>
    </row>
    <row r="949990" spans="14:14">
      <c r="N949990" s="10"/>
    </row>
    <row r="949991" spans="14:14">
      <c r="N949991" s="10"/>
    </row>
    <row r="949992" spans="14:14">
      <c r="N949992" s="10"/>
    </row>
    <row r="949993" spans="14:14">
      <c r="N949993" s="10"/>
    </row>
    <row r="949994" spans="14:14">
      <c r="N949994" s="10"/>
    </row>
    <row r="949995" spans="14:14">
      <c r="N949995" s="10"/>
    </row>
    <row r="949996" spans="14:14">
      <c r="N949996" s="10"/>
    </row>
    <row r="949997" spans="14:14">
      <c r="N949997" s="10"/>
    </row>
    <row r="949998" spans="14:14">
      <c r="N949998" s="10"/>
    </row>
    <row r="949999" spans="14:14">
      <c r="N949999" s="10"/>
    </row>
    <row r="950000" spans="14:14">
      <c r="N950000" s="10"/>
    </row>
    <row r="950001" spans="14:14">
      <c r="N950001" s="10"/>
    </row>
    <row r="950002" spans="14:14">
      <c r="N950002" s="10"/>
    </row>
    <row r="950003" spans="14:14">
      <c r="N950003" s="10"/>
    </row>
    <row r="950004" spans="14:14">
      <c r="N950004" s="10"/>
    </row>
    <row r="950005" spans="14:14">
      <c r="N950005" s="10"/>
    </row>
    <row r="950006" spans="14:14">
      <c r="N950006" s="10"/>
    </row>
    <row r="950007" spans="14:14">
      <c r="N950007" s="10"/>
    </row>
    <row r="950008" spans="14:14">
      <c r="N950008" s="10"/>
    </row>
    <row r="950009" spans="14:14">
      <c r="N950009" s="10"/>
    </row>
    <row r="950010" spans="14:14">
      <c r="N950010" s="10"/>
    </row>
    <row r="950011" spans="14:14">
      <c r="N950011" s="10"/>
    </row>
    <row r="950012" spans="14:14">
      <c r="N950012" s="10"/>
    </row>
    <row r="950013" spans="14:14">
      <c r="N950013" s="10"/>
    </row>
    <row r="950014" spans="14:14">
      <c r="N950014" s="10"/>
    </row>
    <row r="950015" spans="14:14">
      <c r="N950015" s="10"/>
    </row>
    <row r="950016" spans="14:14">
      <c r="N950016" s="10"/>
    </row>
    <row r="950017" spans="14:14">
      <c r="N950017" s="10"/>
    </row>
    <row r="950018" spans="14:14">
      <c r="N950018" s="10"/>
    </row>
    <row r="950019" spans="14:14">
      <c r="N950019" s="10"/>
    </row>
    <row r="950020" spans="14:14">
      <c r="N950020" s="10"/>
    </row>
    <row r="950021" spans="14:14">
      <c r="N950021" s="10"/>
    </row>
    <row r="950022" spans="14:14">
      <c r="N950022" s="10"/>
    </row>
    <row r="950023" spans="14:14">
      <c r="N950023" s="10"/>
    </row>
    <row r="950024" spans="14:14">
      <c r="N950024" s="10"/>
    </row>
    <row r="950025" spans="14:14">
      <c r="N950025" s="10"/>
    </row>
    <row r="950026" spans="14:14">
      <c r="N950026" s="10"/>
    </row>
    <row r="950027" spans="14:14">
      <c r="N950027" s="10"/>
    </row>
    <row r="950028" spans="14:14">
      <c r="N950028" s="10"/>
    </row>
    <row r="950029" spans="14:14">
      <c r="N950029" s="10"/>
    </row>
    <row r="950030" spans="14:14">
      <c r="N950030" s="10"/>
    </row>
    <row r="950031" spans="14:14">
      <c r="N950031" s="10"/>
    </row>
    <row r="950032" spans="14:14">
      <c r="N950032" s="10"/>
    </row>
    <row r="950033" spans="14:14">
      <c r="N950033" s="10"/>
    </row>
    <row r="950034" spans="14:14">
      <c r="N950034" s="10"/>
    </row>
    <row r="950035" spans="14:14">
      <c r="N950035" s="10"/>
    </row>
    <row r="950036" spans="14:14">
      <c r="N950036" s="10"/>
    </row>
    <row r="950037" spans="14:14">
      <c r="N950037" s="10"/>
    </row>
    <row r="950038" spans="14:14">
      <c r="N950038" s="10"/>
    </row>
    <row r="950039" spans="14:14">
      <c r="N950039" s="10"/>
    </row>
    <row r="950040" spans="14:14">
      <c r="N950040" s="10"/>
    </row>
    <row r="950041" spans="14:14">
      <c r="N950041" s="10"/>
    </row>
    <row r="950042" spans="14:14">
      <c r="N950042" s="10"/>
    </row>
    <row r="950043" spans="14:14">
      <c r="N950043" s="10"/>
    </row>
    <row r="950044" spans="14:14">
      <c r="N950044" s="10"/>
    </row>
    <row r="950045" spans="14:14">
      <c r="N950045" s="10"/>
    </row>
    <row r="950046" spans="14:14">
      <c r="N950046" s="10"/>
    </row>
    <row r="950047" spans="14:14">
      <c r="N950047" s="10"/>
    </row>
    <row r="950048" spans="14:14">
      <c r="N950048" s="10"/>
    </row>
    <row r="950049" spans="14:14">
      <c r="N950049" s="10"/>
    </row>
    <row r="950050" spans="14:14">
      <c r="N950050" s="10"/>
    </row>
    <row r="950051" spans="14:14">
      <c r="N950051" s="10"/>
    </row>
    <row r="950052" spans="14:14">
      <c r="N950052" s="10"/>
    </row>
    <row r="950053" spans="14:14">
      <c r="N950053" s="10"/>
    </row>
    <row r="950054" spans="14:14">
      <c r="N950054" s="10"/>
    </row>
    <row r="950055" spans="14:14">
      <c r="N950055" s="10"/>
    </row>
    <row r="950056" spans="14:14">
      <c r="N950056" s="10"/>
    </row>
    <row r="950057" spans="14:14">
      <c r="N950057" s="10"/>
    </row>
    <row r="950058" spans="14:14">
      <c r="N950058" s="10"/>
    </row>
    <row r="950059" spans="14:14">
      <c r="N950059" s="10"/>
    </row>
    <row r="950060" spans="14:14">
      <c r="N950060" s="10"/>
    </row>
    <row r="950061" spans="14:14">
      <c r="N950061" s="10"/>
    </row>
    <row r="950062" spans="14:14">
      <c r="N950062" s="10"/>
    </row>
    <row r="950063" spans="14:14">
      <c r="N950063" s="10"/>
    </row>
    <row r="950064" spans="14:14">
      <c r="N950064" s="10"/>
    </row>
    <row r="950065" spans="14:14">
      <c r="N950065" s="10"/>
    </row>
    <row r="950066" spans="14:14">
      <c r="N950066" s="10"/>
    </row>
    <row r="950067" spans="14:14">
      <c r="N950067" s="10"/>
    </row>
    <row r="950068" spans="14:14">
      <c r="N950068" s="10"/>
    </row>
    <row r="950069" spans="14:14">
      <c r="N950069" s="10"/>
    </row>
    <row r="950070" spans="14:14">
      <c r="N950070" s="10"/>
    </row>
    <row r="950071" spans="14:14">
      <c r="N950071" s="10"/>
    </row>
    <row r="950072" spans="14:14">
      <c r="N950072" s="10"/>
    </row>
    <row r="950073" spans="14:14">
      <c r="N950073" s="10"/>
    </row>
    <row r="950074" spans="14:14">
      <c r="N950074" s="10"/>
    </row>
    <row r="950075" spans="14:14">
      <c r="N950075" s="10"/>
    </row>
    <row r="950076" spans="14:14">
      <c r="N950076" s="10"/>
    </row>
    <row r="950077" spans="14:14">
      <c r="N950077" s="10"/>
    </row>
    <row r="950078" spans="14:14">
      <c r="N950078" s="10"/>
    </row>
    <row r="950079" spans="14:14">
      <c r="N950079" s="10"/>
    </row>
    <row r="950080" spans="14:14">
      <c r="N950080" s="10"/>
    </row>
    <row r="950081" spans="14:14">
      <c r="N950081" s="10"/>
    </row>
    <row r="950082" spans="14:14">
      <c r="N950082" s="10"/>
    </row>
    <row r="950083" spans="14:14">
      <c r="N950083" s="10"/>
    </row>
    <row r="950084" spans="14:14">
      <c r="N950084" s="10"/>
    </row>
    <row r="950085" spans="14:14">
      <c r="N950085" s="10"/>
    </row>
    <row r="950086" spans="14:14">
      <c r="N950086" s="10"/>
    </row>
    <row r="950087" spans="14:14">
      <c r="N950087" s="10"/>
    </row>
    <row r="950088" spans="14:14">
      <c r="N950088" s="10"/>
    </row>
    <row r="950089" spans="14:14">
      <c r="N950089" s="10"/>
    </row>
    <row r="950090" spans="14:14">
      <c r="N950090" s="10"/>
    </row>
    <row r="950091" spans="14:14">
      <c r="N950091" s="10"/>
    </row>
    <row r="950092" spans="14:14">
      <c r="N950092" s="10"/>
    </row>
    <row r="950093" spans="14:14">
      <c r="N950093" s="10"/>
    </row>
    <row r="950094" spans="14:14">
      <c r="N950094" s="10"/>
    </row>
    <row r="950095" spans="14:14">
      <c r="N950095" s="10"/>
    </row>
    <row r="950096" spans="14:14">
      <c r="N950096" s="10"/>
    </row>
    <row r="950097" spans="14:14">
      <c r="N950097" s="10"/>
    </row>
    <row r="950098" spans="14:14">
      <c r="N950098" s="10"/>
    </row>
    <row r="950099" spans="14:14">
      <c r="N950099" s="10"/>
    </row>
    <row r="950100" spans="14:14">
      <c r="N950100" s="10"/>
    </row>
    <row r="950101" spans="14:14">
      <c r="N950101" s="10"/>
    </row>
    <row r="950102" spans="14:14">
      <c r="N950102" s="10"/>
    </row>
    <row r="950103" spans="14:14">
      <c r="N950103" s="10"/>
    </row>
    <row r="950104" spans="14:14">
      <c r="N950104" s="10"/>
    </row>
    <row r="950105" spans="14:14">
      <c r="N950105" s="10"/>
    </row>
    <row r="950106" spans="14:14">
      <c r="N950106" s="10"/>
    </row>
    <row r="950107" spans="14:14">
      <c r="N950107" s="10"/>
    </row>
    <row r="950108" spans="14:14">
      <c r="N950108" s="10"/>
    </row>
    <row r="950109" spans="14:14">
      <c r="N950109" s="10"/>
    </row>
    <row r="950110" spans="14:14">
      <c r="N950110" s="10"/>
    </row>
    <row r="950111" spans="14:14">
      <c r="N950111" s="10"/>
    </row>
    <row r="950112" spans="14:14">
      <c r="N950112" s="10"/>
    </row>
    <row r="950113" spans="14:14">
      <c r="N950113" s="10"/>
    </row>
    <row r="950114" spans="14:14">
      <c r="N950114" s="10"/>
    </row>
    <row r="950115" spans="14:14">
      <c r="N950115" s="10"/>
    </row>
    <row r="950116" spans="14:14">
      <c r="N950116" s="10"/>
    </row>
    <row r="950117" spans="14:14">
      <c r="N950117" s="10"/>
    </row>
    <row r="950118" spans="14:14">
      <c r="N950118" s="10"/>
    </row>
    <row r="950119" spans="14:14">
      <c r="N950119" s="10"/>
    </row>
    <row r="950120" spans="14:14">
      <c r="N950120" s="10"/>
    </row>
    <row r="950121" spans="14:14">
      <c r="N950121" s="10"/>
    </row>
    <row r="950122" spans="14:14">
      <c r="N950122" s="10"/>
    </row>
    <row r="950123" spans="14:14">
      <c r="N950123" s="10"/>
    </row>
    <row r="950124" spans="14:14">
      <c r="N950124" s="10"/>
    </row>
    <row r="950125" spans="14:14">
      <c r="N950125" s="10"/>
    </row>
    <row r="950126" spans="14:14">
      <c r="N950126" s="10"/>
    </row>
    <row r="950127" spans="14:14">
      <c r="N950127" s="10"/>
    </row>
    <row r="950128" spans="14:14">
      <c r="N950128" s="10"/>
    </row>
    <row r="950129" spans="14:14">
      <c r="N950129" s="10"/>
    </row>
    <row r="950130" spans="14:14">
      <c r="N950130" s="10"/>
    </row>
    <row r="950131" spans="14:14">
      <c r="N950131" s="10"/>
    </row>
    <row r="950132" spans="14:14">
      <c r="N950132" s="10"/>
    </row>
    <row r="950133" spans="14:14">
      <c r="N950133" s="10"/>
    </row>
    <row r="950134" spans="14:14">
      <c r="N950134" s="10"/>
    </row>
    <row r="950135" spans="14:14">
      <c r="N950135" s="10"/>
    </row>
    <row r="950136" spans="14:14">
      <c r="N950136" s="10"/>
    </row>
    <row r="950137" spans="14:14">
      <c r="N950137" s="10"/>
    </row>
    <row r="950138" spans="14:14">
      <c r="N950138" s="10"/>
    </row>
    <row r="950139" spans="14:14">
      <c r="N950139" s="10"/>
    </row>
    <row r="950140" spans="14:14">
      <c r="N950140" s="10"/>
    </row>
    <row r="950141" spans="14:14">
      <c r="N950141" s="10"/>
    </row>
    <row r="950142" spans="14:14">
      <c r="N950142" s="10"/>
    </row>
    <row r="950143" spans="14:14">
      <c r="N950143" s="10"/>
    </row>
    <row r="950144" spans="14:14">
      <c r="N950144" s="10"/>
    </row>
    <row r="950145" spans="14:14">
      <c r="N950145" s="10"/>
    </row>
    <row r="950146" spans="14:14">
      <c r="N950146" s="10"/>
    </row>
    <row r="950147" spans="14:14">
      <c r="N950147" s="10"/>
    </row>
    <row r="950148" spans="14:14">
      <c r="N950148" s="10"/>
    </row>
    <row r="950149" spans="14:14">
      <c r="N950149" s="10"/>
    </row>
    <row r="950150" spans="14:14">
      <c r="N950150" s="10"/>
    </row>
    <row r="950151" spans="14:14">
      <c r="N950151" s="10"/>
    </row>
    <row r="950152" spans="14:14">
      <c r="N950152" s="10"/>
    </row>
    <row r="950153" spans="14:14">
      <c r="N950153" s="10"/>
    </row>
    <row r="950154" spans="14:14">
      <c r="N950154" s="10"/>
    </row>
    <row r="950155" spans="14:14">
      <c r="N950155" s="10"/>
    </row>
    <row r="950156" spans="14:14">
      <c r="N950156" s="10"/>
    </row>
    <row r="950157" spans="14:14">
      <c r="N950157" s="10"/>
    </row>
    <row r="950158" spans="14:14">
      <c r="N950158" s="10"/>
    </row>
    <row r="950159" spans="14:14">
      <c r="N950159" s="10"/>
    </row>
    <row r="950160" spans="14:14">
      <c r="N950160" s="10"/>
    </row>
    <row r="950161" spans="14:14">
      <c r="N950161" s="10"/>
    </row>
    <row r="950162" spans="14:14">
      <c r="N950162" s="10"/>
    </row>
    <row r="950163" spans="14:14">
      <c r="N950163" s="10"/>
    </row>
    <row r="950164" spans="14:14">
      <c r="N950164" s="10"/>
    </row>
    <row r="950165" spans="14:14">
      <c r="N950165" s="10"/>
    </row>
    <row r="950166" spans="14:14">
      <c r="N950166" s="10"/>
    </row>
    <row r="950167" spans="14:14">
      <c r="N950167" s="10"/>
    </row>
    <row r="950168" spans="14:14">
      <c r="N950168" s="10"/>
    </row>
    <row r="950169" spans="14:14">
      <c r="N950169" s="10"/>
    </row>
    <row r="950170" spans="14:14">
      <c r="N950170" s="10"/>
    </row>
    <row r="950171" spans="14:14">
      <c r="N950171" s="10"/>
    </row>
    <row r="950172" spans="14:14">
      <c r="N950172" s="10"/>
    </row>
    <row r="950173" spans="14:14">
      <c r="N950173" s="10"/>
    </row>
    <row r="950174" spans="14:14">
      <c r="N950174" s="10"/>
    </row>
    <row r="950175" spans="14:14">
      <c r="N950175" s="10"/>
    </row>
    <row r="950176" spans="14:14">
      <c r="N950176" s="10"/>
    </row>
    <row r="950177" spans="14:14">
      <c r="N950177" s="10"/>
    </row>
    <row r="950178" spans="14:14">
      <c r="N950178" s="10"/>
    </row>
    <row r="950179" spans="14:14">
      <c r="N950179" s="10"/>
    </row>
    <row r="950180" spans="14:14">
      <c r="N950180" s="10"/>
    </row>
    <row r="950181" spans="14:14">
      <c r="N950181" s="10"/>
    </row>
    <row r="950182" spans="14:14">
      <c r="N950182" s="10"/>
    </row>
    <row r="950183" spans="14:14">
      <c r="N950183" s="10"/>
    </row>
    <row r="950184" spans="14:14">
      <c r="N950184" s="10"/>
    </row>
    <row r="950185" spans="14:14">
      <c r="N950185" s="10"/>
    </row>
    <row r="950186" spans="14:14">
      <c r="N950186" s="10"/>
    </row>
    <row r="950187" spans="14:14">
      <c r="N950187" s="10"/>
    </row>
    <row r="950188" spans="14:14">
      <c r="N950188" s="10"/>
    </row>
    <row r="950189" spans="14:14">
      <c r="N950189" s="10"/>
    </row>
    <row r="950190" spans="14:14">
      <c r="N950190" s="10"/>
    </row>
    <row r="950191" spans="14:14">
      <c r="N950191" s="10"/>
    </row>
    <row r="950192" spans="14:14">
      <c r="N950192" s="10"/>
    </row>
    <row r="950193" spans="14:14">
      <c r="N950193" s="10"/>
    </row>
    <row r="950194" spans="14:14">
      <c r="N950194" s="10"/>
    </row>
    <row r="950195" spans="14:14">
      <c r="N950195" s="10"/>
    </row>
    <row r="950196" spans="14:14">
      <c r="N950196" s="10"/>
    </row>
    <row r="950197" spans="14:14">
      <c r="N950197" s="10"/>
    </row>
    <row r="950198" spans="14:14">
      <c r="N950198" s="10"/>
    </row>
    <row r="950199" spans="14:14">
      <c r="N950199" s="10"/>
    </row>
    <row r="950200" spans="14:14">
      <c r="N950200" s="10"/>
    </row>
    <row r="950201" spans="14:14">
      <c r="N950201" s="10"/>
    </row>
    <row r="950202" spans="14:14">
      <c r="N950202" s="10"/>
    </row>
    <row r="950203" spans="14:14">
      <c r="N950203" s="10"/>
    </row>
    <row r="950204" spans="14:14">
      <c r="N950204" s="10"/>
    </row>
    <row r="950205" spans="14:14">
      <c r="N950205" s="10"/>
    </row>
    <row r="950206" spans="14:14">
      <c r="N950206" s="10"/>
    </row>
    <row r="950207" spans="14:14">
      <c r="N950207" s="10"/>
    </row>
    <row r="950208" spans="14:14">
      <c r="N950208" s="10"/>
    </row>
    <row r="950209" spans="14:14">
      <c r="N950209" s="10"/>
    </row>
    <row r="950210" spans="14:14">
      <c r="N950210" s="10"/>
    </row>
    <row r="950211" spans="14:14">
      <c r="N950211" s="10"/>
    </row>
    <row r="950212" spans="14:14">
      <c r="N950212" s="10"/>
    </row>
    <row r="950213" spans="14:14">
      <c r="N950213" s="10"/>
    </row>
    <row r="950214" spans="14:14">
      <c r="N950214" s="10"/>
    </row>
    <row r="950215" spans="14:14">
      <c r="N950215" s="10"/>
    </row>
    <row r="950216" spans="14:14">
      <c r="N950216" s="10"/>
    </row>
    <row r="950217" spans="14:14">
      <c r="N950217" s="10"/>
    </row>
    <row r="950218" spans="14:14">
      <c r="N950218" s="10"/>
    </row>
    <row r="950219" spans="14:14">
      <c r="N950219" s="10"/>
    </row>
    <row r="950220" spans="14:14">
      <c r="N950220" s="10"/>
    </row>
    <row r="950221" spans="14:14">
      <c r="N950221" s="10"/>
    </row>
    <row r="950222" spans="14:14">
      <c r="N950222" s="10"/>
    </row>
    <row r="950223" spans="14:14">
      <c r="N950223" s="10"/>
    </row>
    <row r="950224" spans="14:14">
      <c r="N950224" s="10"/>
    </row>
    <row r="950225" spans="14:14">
      <c r="N950225" s="10"/>
    </row>
    <row r="950226" spans="14:14">
      <c r="N950226" s="10"/>
    </row>
    <row r="950227" spans="14:14">
      <c r="N950227" s="10"/>
    </row>
    <row r="950228" spans="14:14">
      <c r="N950228" s="10"/>
    </row>
    <row r="950229" spans="14:14">
      <c r="N950229" s="10"/>
    </row>
    <row r="950230" spans="14:14">
      <c r="N950230" s="10"/>
    </row>
    <row r="950231" spans="14:14">
      <c r="N950231" s="10"/>
    </row>
    <row r="950232" spans="14:14">
      <c r="N950232" s="10"/>
    </row>
    <row r="950233" spans="14:14">
      <c r="N950233" s="10"/>
    </row>
    <row r="950234" spans="14:14">
      <c r="N950234" s="10"/>
    </row>
    <row r="950235" spans="14:14">
      <c r="N950235" s="10"/>
    </row>
    <row r="950236" spans="14:14">
      <c r="N950236" s="10"/>
    </row>
    <row r="950237" spans="14:14">
      <c r="N950237" s="10"/>
    </row>
    <row r="950238" spans="14:14">
      <c r="N950238" s="10"/>
    </row>
    <row r="950239" spans="14:14">
      <c r="N950239" s="10"/>
    </row>
    <row r="950240" spans="14:14">
      <c r="N950240" s="10"/>
    </row>
    <row r="950241" spans="14:14">
      <c r="N950241" s="10"/>
    </row>
    <row r="950242" spans="14:14">
      <c r="N950242" s="10"/>
    </row>
    <row r="950243" spans="14:14">
      <c r="N950243" s="10"/>
    </row>
    <row r="950244" spans="14:14">
      <c r="N950244" s="10"/>
    </row>
    <row r="950245" spans="14:14">
      <c r="N950245" s="10"/>
    </row>
    <row r="950246" spans="14:14">
      <c r="N950246" s="10"/>
    </row>
    <row r="950247" spans="14:14">
      <c r="N950247" s="10"/>
    </row>
    <row r="950248" spans="14:14">
      <c r="N950248" s="10"/>
    </row>
    <row r="950249" spans="14:14">
      <c r="N950249" s="10"/>
    </row>
    <row r="950250" spans="14:14">
      <c r="N950250" s="10"/>
    </row>
    <row r="950251" spans="14:14">
      <c r="N950251" s="10"/>
    </row>
    <row r="950252" spans="14:14">
      <c r="N950252" s="10"/>
    </row>
    <row r="950253" spans="14:14">
      <c r="N950253" s="10"/>
    </row>
    <row r="950254" spans="14:14">
      <c r="N950254" s="10"/>
    </row>
    <row r="950255" spans="14:14">
      <c r="N950255" s="10"/>
    </row>
    <row r="950256" spans="14:14">
      <c r="N950256" s="10"/>
    </row>
    <row r="950257" spans="14:14">
      <c r="N950257" s="10"/>
    </row>
    <row r="950258" spans="14:14">
      <c r="N950258" s="10"/>
    </row>
    <row r="950259" spans="14:14">
      <c r="N950259" s="10"/>
    </row>
    <row r="950260" spans="14:14">
      <c r="N950260" s="10"/>
    </row>
    <row r="950261" spans="14:14">
      <c r="N950261" s="10"/>
    </row>
    <row r="950262" spans="14:14">
      <c r="N950262" s="10"/>
    </row>
    <row r="950263" spans="14:14">
      <c r="N950263" s="10"/>
    </row>
    <row r="950264" spans="14:14">
      <c r="N950264" s="10"/>
    </row>
    <row r="950265" spans="14:14">
      <c r="N950265" s="10"/>
    </row>
    <row r="950266" spans="14:14">
      <c r="N950266" s="10"/>
    </row>
    <row r="950267" spans="14:14">
      <c r="N950267" s="10"/>
    </row>
    <row r="950268" spans="14:14">
      <c r="N950268" s="10"/>
    </row>
    <row r="950269" spans="14:14">
      <c r="N950269" s="10"/>
    </row>
    <row r="950270" spans="14:14">
      <c r="N950270" s="10"/>
    </row>
    <row r="950271" spans="14:14">
      <c r="N950271" s="10"/>
    </row>
    <row r="950272" spans="14:14">
      <c r="N950272" s="10"/>
    </row>
    <row r="950273" spans="14:14">
      <c r="N950273" s="10"/>
    </row>
    <row r="950274" spans="14:14">
      <c r="N950274" s="10"/>
    </row>
    <row r="950275" spans="14:14">
      <c r="N950275" s="10"/>
    </row>
    <row r="950276" spans="14:14">
      <c r="N950276" s="10"/>
    </row>
    <row r="950277" spans="14:14">
      <c r="N950277" s="10"/>
    </row>
    <row r="950278" spans="14:14">
      <c r="N950278" s="10"/>
    </row>
    <row r="950279" spans="14:14">
      <c r="N950279" s="10"/>
    </row>
    <row r="950280" spans="14:14">
      <c r="N950280" s="10"/>
    </row>
    <row r="950281" spans="14:14">
      <c r="N950281" s="10"/>
    </row>
    <row r="950282" spans="14:14">
      <c r="N950282" s="10"/>
    </row>
    <row r="950283" spans="14:14">
      <c r="N950283" s="10"/>
    </row>
    <row r="950284" spans="14:14">
      <c r="N950284" s="10"/>
    </row>
    <row r="950285" spans="14:14">
      <c r="N950285" s="10"/>
    </row>
    <row r="950286" spans="14:14">
      <c r="N950286" s="10"/>
    </row>
    <row r="950287" spans="14:14">
      <c r="N950287" s="10"/>
    </row>
    <row r="950288" spans="14:14">
      <c r="N950288" s="10"/>
    </row>
    <row r="950289" spans="14:14">
      <c r="N950289" s="10"/>
    </row>
    <row r="950290" spans="14:14">
      <c r="N950290" s="10"/>
    </row>
    <row r="950291" spans="14:14">
      <c r="N950291" s="10"/>
    </row>
    <row r="950292" spans="14:14">
      <c r="N950292" s="10"/>
    </row>
    <row r="950293" spans="14:14">
      <c r="N950293" s="10"/>
    </row>
    <row r="950294" spans="14:14">
      <c r="N950294" s="10"/>
    </row>
    <row r="950295" spans="14:14">
      <c r="N950295" s="10"/>
    </row>
    <row r="950296" spans="14:14">
      <c r="N950296" s="10"/>
    </row>
    <row r="950297" spans="14:14">
      <c r="N950297" s="10"/>
    </row>
    <row r="950298" spans="14:14">
      <c r="N950298" s="10"/>
    </row>
    <row r="950299" spans="14:14">
      <c r="N950299" s="10"/>
    </row>
    <row r="950300" spans="14:14">
      <c r="N950300" s="10"/>
    </row>
    <row r="950301" spans="14:14">
      <c r="N950301" s="10"/>
    </row>
    <row r="950302" spans="14:14">
      <c r="N950302" s="10"/>
    </row>
    <row r="950303" spans="14:14">
      <c r="N950303" s="10"/>
    </row>
    <row r="950304" spans="14:14">
      <c r="N950304" s="10"/>
    </row>
    <row r="950305" spans="14:14">
      <c r="N950305" s="10"/>
    </row>
    <row r="950306" spans="14:14">
      <c r="N950306" s="10"/>
    </row>
    <row r="950307" spans="14:14">
      <c r="N950307" s="10"/>
    </row>
    <row r="950308" spans="14:14">
      <c r="N950308" s="10"/>
    </row>
    <row r="950309" spans="14:14">
      <c r="N950309" s="10"/>
    </row>
    <row r="950310" spans="14:14">
      <c r="N950310" s="10"/>
    </row>
    <row r="950311" spans="14:14">
      <c r="N950311" s="10"/>
    </row>
    <row r="950312" spans="14:14">
      <c r="N950312" s="10"/>
    </row>
    <row r="950313" spans="14:14">
      <c r="N950313" s="10"/>
    </row>
    <row r="950314" spans="14:14">
      <c r="N950314" s="10"/>
    </row>
    <row r="950315" spans="14:14">
      <c r="N950315" s="10"/>
    </row>
    <row r="950316" spans="14:14">
      <c r="N950316" s="10"/>
    </row>
    <row r="950317" spans="14:14">
      <c r="N950317" s="10"/>
    </row>
    <row r="950318" spans="14:14">
      <c r="N950318" s="10"/>
    </row>
    <row r="950319" spans="14:14">
      <c r="N950319" s="10"/>
    </row>
    <row r="950320" spans="14:14">
      <c r="N950320" s="10"/>
    </row>
    <row r="950321" spans="14:14">
      <c r="N950321" s="10"/>
    </row>
    <row r="950322" spans="14:14">
      <c r="N950322" s="10"/>
    </row>
    <row r="950323" spans="14:14">
      <c r="N950323" s="10"/>
    </row>
    <row r="950324" spans="14:14">
      <c r="N950324" s="10"/>
    </row>
    <row r="950325" spans="14:14">
      <c r="N950325" s="10"/>
    </row>
    <row r="950326" spans="14:14">
      <c r="N950326" s="10"/>
    </row>
    <row r="950327" spans="14:14">
      <c r="N950327" s="10"/>
    </row>
    <row r="950328" spans="14:14">
      <c r="N950328" s="10"/>
    </row>
    <row r="950329" spans="14:14">
      <c r="N950329" s="10"/>
    </row>
    <row r="950330" spans="14:14">
      <c r="N950330" s="10"/>
    </row>
    <row r="950331" spans="14:14">
      <c r="N950331" s="10"/>
    </row>
    <row r="950332" spans="14:14">
      <c r="N950332" s="10"/>
    </row>
    <row r="950333" spans="14:14">
      <c r="N950333" s="10"/>
    </row>
    <row r="950334" spans="14:14">
      <c r="N950334" s="10"/>
    </row>
    <row r="950335" spans="14:14">
      <c r="N950335" s="10"/>
    </row>
    <row r="950336" spans="14:14">
      <c r="N950336" s="10"/>
    </row>
    <row r="950337" spans="14:14">
      <c r="N950337" s="10"/>
    </row>
    <row r="950338" spans="14:14">
      <c r="N950338" s="10"/>
    </row>
    <row r="950339" spans="14:14">
      <c r="N950339" s="10"/>
    </row>
    <row r="950340" spans="14:14">
      <c r="N950340" s="10"/>
    </row>
    <row r="950341" spans="14:14">
      <c r="N950341" s="10"/>
    </row>
    <row r="950342" spans="14:14">
      <c r="N950342" s="10"/>
    </row>
    <row r="950343" spans="14:14">
      <c r="N950343" s="10"/>
    </row>
    <row r="950344" spans="14:14">
      <c r="N950344" s="10"/>
    </row>
    <row r="950345" spans="14:14">
      <c r="N950345" s="10"/>
    </row>
    <row r="950346" spans="14:14">
      <c r="N950346" s="10"/>
    </row>
    <row r="950347" spans="14:14">
      <c r="N950347" s="10"/>
    </row>
    <row r="950348" spans="14:14">
      <c r="N950348" s="10"/>
    </row>
    <row r="950349" spans="14:14">
      <c r="N950349" s="10"/>
    </row>
    <row r="950350" spans="14:14">
      <c r="N950350" s="10"/>
    </row>
    <row r="950351" spans="14:14">
      <c r="N950351" s="10"/>
    </row>
    <row r="950352" spans="14:14">
      <c r="N950352" s="10"/>
    </row>
    <row r="950353" spans="14:14">
      <c r="N950353" s="10"/>
    </row>
    <row r="950354" spans="14:14">
      <c r="N950354" s="10"/>
    </row>
    <row r="950355" spans="14:14">
      <c r="N950355" s="10"/>
    </row>
    <row r="950356" spans="14:14">
      <c r="N950356" s="10"/>
    </row>
    <row r="950357" spans="14:14">
      <c r="N950357" s="10"/>
    </row>
    <row r="950358" spans="14:14">
      <c r="N950358" s="10"/>
    </row>
    <row r="950359" spans="14:14">
      <c r="N950359" s="10"/>
    </row>
    <row r="950360" spans="14:14">
      <c r="N950360" s="10"/>
    </row>
    <row r="950361" spans="14:14">
      <c r="N950361" s="10"/>
    </row>
    <row r="950362" spans="14:14">
      <c r="N950362" s="10"/>
    </row>
    <row r="950363" spans="14:14">
      <c r="N950363" s="10"/>
    </row>
    <row r="950364" spans="14:14">
      <c r="N950364" s="10"/>
    </row>
    <row r="950365" spans="14:14">
      <c r="N950365" s="10"/>
    </row>
    <row r="950366" spans="14:14">
      <c r="N950366" s="10"/>
    </row>
    <row r="950367" spans="14:14">
      <c r="N950367" s="10"/>
    </row>
    <row r="950368" spans="14:14">
      <c r="N950368" s="10"/>
    </row>
    <row r="950369" spans="14:14">
      <c r="N950369" s="10"/>
    </row>
    <row r="950370" spans="14:14">
      <c r="N950370" s="10"/>
    </row>
    <row r="950371" spans="14:14">
      <c r="N950371" s="10"/>
    </row>
    <row r="950372" spans="14:14">
      <c r="N950372" s="10"/>
    </row>
    <row r="950373" spans="14:14">
      <c r="N950373" s="10"/>
    </row>
    <row r="950374" spans="14:14">
      <c r="N950374" s="10"/>
    </row>
    <row r="950375" spans="14:14">
      <c r="N950375" s="10"/>
    </row>
    <row r="950376" spans="14:14">
      <c r="N950376" s="10"/>
    </row>
    <row r="950377" spans="14:14">
      <c r="N950377" s="10"/>
    </row>
    <row r="950378" spans="14:14">
      <c r="N950378" s="10"/>
    </row>
    <row r="950379" spans="14:14">
      <c r="N950379" s="10"/>
    </row>
    <row r="950380" spans="14:14">
      <c r="N950380" s="10"/>
    </row>
    <row r="950381" spans="14:14">
      <c r="N950381" s="10"/>
    </row>
    <row r="950382" spans="14:14">
      <c r="N950382" s="10"/>
    </row>
    <row r="950383" spans="14:14">
      <c r="N950383" s="10"/>
    </row>
    <row r="950384" spans="14:14">
      <c r="N950384" s="10"/>
    </row>
    <row r="950385" spans="14:14">
      <c r="N950385" s="10"/>
    </row>
    <row r="950386" spans="14:14">
      <c r="N950386" s="10"/>
    </row>
    <row r="950387" spans="14:14">
      <c r="N950387" s="10"/>
    </row>
    <row r="950388" spans="14:14">
      <c r="N950388" s="10"/>
    </row>
    <row r="950389" spans="14:14">
      <c r="N950389" s="10"/>
    </row>
    <row r="950390" spans="14:14">
      <c r="N950390" s="10"/>
    </row>
    <row r="950391" spans="14:14">
      <c r="N950391" s="10"/>
    </row>
    <row r="950392" spans="14:14">
      <c r="N950392" s="10"/>
    </row>
    <row r="950393" spans="14:14">
      <c r="N950393" s="10"/>
    </row>
    <row r="950394" spans="14:14">
      <c r="N950394" s="10"/>
    </row>
    <row r="950395" spans="14:14">
      <c r="N950395" s="10"/>
    </row>
    <row r="950396" spans="14:14">
      <c r="N950396" s="10"/>
    </row>
    <row r="950397" spans="14:14">
      <c r="N950397" s="10"/>
    </row>
    <row r="950398" spans="14:14">
      <c r="N950398" s="10"/>
    </row>
    <row r="950399" spans="14:14">
      <c r="N950399" s="10"/>
    </row>
    <row r="950400" spans="14:14">
      <c r="N950400" s="10"/>
    </row>
    <row r="950401" spans="14:14">
      <c r="N950401" s="10"/>
    </row>
    <row r="950402" spans="14:14">
      <c r="N950402" s="10"/>
    </row>
    <row r="950403" spans="14:14">
      <c r="N950403" s="10"/>
    </row>
    <row r="950404" spans="14:14">
      <c r="N950404" s="10"/>
    </row>
    <row r="950405" spans="14:14">
      <c r="N950405" s="10"/>
    </row>
    <row r="950406" spans="14:14">
      <c r="N950406" s="10"/>
    </row>
    <row r="950407" spans="14:14">
      <c r="N950407" s="10"/>
    </row>
    <row r="950408" spans="14:14">
      <c r="N950408" s="10"/>
    </row>
    <row r="950409" spans="14:14">
      <c r="N950409" s="10"/>
    </row>
    <row r="950410" spans="14:14">
      <c r="N950410" s="10"/>
    </row>
    <row r="950411" spans="14:14">
      <c r="N950411" s="10"/>
    </row>
    <row r="950412" spans="14:14">
      <c r="N950412" s="10"/>
    </row>
    <row r="950413" spans="14:14">
      <c r="N950413" s="10"/>
    </row>
    <row r="950414" spans="14:14">
      <c r="N950414" s="10"/>
    </row>
    <row r="950415" spans="14:14">
      <c r="N950415" s="10"/>
    </row>
    <row r="950416" spans="14:14">
      <c r="N950416" s="10"/>
    </row>
    <row r="950417" spans="14:14">
      <c r="N950417" s="10"/>
    </row>
    <row r="950418" spans="14:14">
      <c r="N950418" s="10"/>
    </row>
    <row r="950419" spans="14:14">
      <c r="N950419" s="10"/>
    </row>
    <row r="950420" spans="14:14">
      <c r="N950420" s="10"/>
    </row>
    <row r="950421" spans="14:14">
      <c r="N950421" s="10"/>
    </row>
    <row r="950422" spans="14:14">
      <c r="N950422" s="10"/>
    </row>
    <row r="950423" spans="14:14">
      <c r="N950423" s="10"/>
    </row>
    <row r="950424" spans="14:14">
      <c r="N950424" s="10"/>
    </row>
    <row r="950425" spans="14:14">
      <c r="N950425" s="10"/>
    </row>
    <row r="950426" spans="14:14">
      <c r="N950426" s="10"/>
    </row>
    <row r="950427" spans="14:14">
      <c r="N950427" s="10"/>
    </row>
    <row r="950428" spans="14:14">
      <c r="N950428" s="10"/>
    </row>
    <row r="950429" spans="14:14">
      <c r="N950429" s="10"/>
    </row>
    <row r="950430" spans="14:14">
      <c r="N950430" s="10"/>
    </row>
    <row r="950431" spans="14:14">
      <c r="N950431" s="10"/>
    </row>
    <row r="950432" spans="14:14">
      <c r="N950432" s="10"/>
    </row>
    <row r="950433" spans="14:14">
      <c r="N950433" s="10"/>
    </row>
    <row r="950434" spans="14:14">
      <c r="N950434" s="10"/>
    </row>
    <row r="950435" spans="14:14">
      <c r="N950435" s="10"/>
    </row>
    <row r="950436" spans="14:14">
      <c r="N950436" s="10"/>
    </row>
    <row r="950437" spans="14:14">
      <c r="N950437" s="10"/>
    </row>
    <row r="950438" spans="14:14">
      <c r="N950438" s="10"/>
    </row>
    <row r="950439" spans="14:14">
      <c r="N950439" s="10"/>
    </row>
    <row r="950440" spans="14:14">
      <c r="N950440" s="10"/>
    </row>
    <row r="950441" spans="14:14">
      <c r="N950441" s="10"/>
    </row>
    <row r="950442" spans="14:14">
      <c r="N950442" s="10"/>
    </row>
    <row r="950443" spans="14:14">
      <c r="N950443" s="10"/>
    </row>
    <row r="950444" spans="14:14">
      <c r="N950444" s="10"/>
    </row>
    <row r="950445" spans="14:14">
      <c r="N950445" s="10"/>
    </row>
    <row r="950446" spans="14:14">
      <c r="N950446" s="10"/>
    </row>
    <row r="950447" spans="14:14">
      <c r="N950447" s="10"/>
    </row>
    <row r="950448" spans="14:14">
      <c r="N950448" s="10"/>
    </row>
    <row r="950449" spans="14:14">
      <c r="N950449" s="10"/>
    </row>
    <row r="950450" spans="14:14">
      <c r="N950450" s="10"/>
    </row>
    <row r="950451" spans="14:14">
      <c r="N950451" s="10"/>
    </row>
    <row r="950452" spans="14:14">
      <c r="N950452" s="10"/>
    </row>
    <row r="950453" spans="14:14">
      <c r="N950453" s="10"/>
    </row>
    <row r="950454" spans="14:14">
      <c r="N950454" s="10"/>
    </row>
    <row r="950455" spans="14:14">
      <c r="N950455" s="10"/>
    </row>
    <row r="950456" spans="14:14">
      <c r="N950456" s="10"/>
    </row>
    <row r="950457" spans="14:14">
      <c r="N950457" s="10"/>
    </row>
    <row r="950458" spans="14:14">
      <c r="N950458" s="10"/>
    </row>
    <row r="950459" spans="14:14">
      <c r="N950459" s="10"/>
    </row>
    <row r="950460" spans="14:14">
      <c r="N950460" s="10"/>
    </row>
    <row r="950461" spans="14:14">
      <c r="N950461" s="10"/>
    </row>
    <row r="950462" spans="14:14">
      <c r="N950462" s="10"/>
    </row>
    <row r="950463" spans="14:14">
      <c r="N950463" s="10"/>
    </row>
    <row r="950464" spans="14:14">
      <c r="N950464" s="10"/>
    </row>
    <row r="950465" spans="14:14">
      <c r="N950465" s="10"/>
    </row>
    <row r="950466" spans="14:14">
      <c r="N950466" s="10"/>
    </row>
    <row r="950467" spans="14:14">
      <c r="N950467" s="10"/>
    </row>
    <row r="950468" spans="14:14">
      <c r="N950468" s="10"/>
    </row>
    <row r="950469" spans="14:14">
      <c r="N950469" s="10"/>
    </row>
    <row r="950470" spans="14:14">
      <c r="N950470" s="10"/>
    </row>
    <row r="950471" spans="14:14">
      <c r="N950471" s="10"/>
    </row>
    <row r="950472" spans="14:14">
      <c r="N950472" s="10"/>
    </row>
    <row r="950473" spans="14:14">
      <c r="N950473" s="10"/>
    </row>
    <row r="950474" spans="14:14">
      <c r="N950474" s="10"/>
    </row>
    <row r="950475" spans="14:14">
      <c r="N950475" s="10"/>
    </row>
    <row r="950476" spans="14:14">
      <c r="N950476" s="10"/>
    </row>
    <row r="950477" spans="14:14">
      <c r="N950477" s="10"/>
    </row>
    <row r="950478" spans="14:14">
      <c r="N950478" s="10"/>
    </row>
    <row r="950479" spans="14:14">
      <c r="N950479" s="10"/>
    </row>
    <row r="950480" spans="14:14">
      <c r="N950480" s="10"/>
    </row>
    <row r="950481" spans="14:14">
      <c r="N950481" s="10"/>
    </row>
    <row r="950482" spans="14:14">
      <c r="N950482" s="10"/>
    </row>
    <row r="950483" spans="14:14">
      <c r="N950483" s="10"/>
    </row>
    <row r="950484" spans="14:14">
      <c r="N950484" s="10"/>
    </row>
    <row r="950485" spans="14:14">
      <c r="N950485" s="10"/>
    </row>
    <row r="950486" spans="14:14">
      <c r="N950486" s="10"/>
    </row>
    <row r="950487" spans="14:14">
      <c r="N950487" s="10"/>
    </row>
    <row r="950488" spans="14:14">
      <c r="N950488" s="10"/>
    </row>
    <row r="950489" spans="14:14">
      <c r="N950489" s="10"/>
    </row>
    <row r="950490" spans="14:14">
      <c r="N950490" s="10"/>
    </row>
    <row r="950491" spans="14:14">
      <c r="N950491" s="10"/>
    </row>
    <row r="950492" spans="14:14">
      <c r="N950492" s="10"/>
    </row>
    <row r="950493" spans="14:14">
      <c r="N950493" s="10"/>
    </row>
    <row r="950494" spans="14:14">
      <c r="N950494" s="10"/>
    </row>
    <row r="950495" spans="14:14">
      <c r="N950495" s="10"/>
    </row>
    <row r="950496" spans="14:14">
      <c r="N950496" s="10"/>
    </row>
    <row r="950497" spans="14:14">
      <c r="N950497" s="10"/>
    </row>
    <row r="950498" spans="14:14">
      <c r="N950498" s="10"/>
    </row>
    <row r="950499" spans="14:14">
      <c r="N950499" s="10"/>
    </row>
    <row r="950500" spans="14:14">
      <c r="N950500" s="10"/>
    </row>
    <row r="950501" spans="14:14">
      <c r="N950501" s="10"/>
    </row>
    <row r="950502" spans="14:14">
      <c r="N950502" s="10"/>
    </row>
    <row r="950503" spans="14:14">
      <c r="N950503" s="10"/>
    </row>
    <row r="950504" spans="14:14">
      <c r="N950504" s="10"/>
    </row>
    <row r="950505" spans="14:14">
      <c r="N950505" s="10"/>
    </row>
    <row r="950506" spans="14:14">
      <c r="N950506" s="10"/>
    </row>
    <row r="950507" spans="14:14">
      <c r="N950507" s="10"/>
    </row>
    <row r="950508" spans="14:14">
      <c r="N950508" s="10"/>
    </row>
    <row r="950509" spans="14:14">
      <c r="N950509" s="10"/>
    </row>
    <row r="950510" spans="14:14">
      <c r="N950510" s="10"/>
    </row>
    <row r="950511" spans="14:14">
      <c r="N950511" s="10"/>
    </row>
    <row r="950512" spans="14:14">
      <c r="N950512" s="10"/>
    </row>
    <row r="950513" spans="14:14">
      <c r="N950513" s="10"/>
    </row>
    <row r="950514" spans="14:14">
      <c r="N950514" s="10"/>
    </row>
    <row r="950515" spans="14:14">
      <c r="N950515" s="10"/>
    </row>
    <row r="950516" spans="14:14">
      <c r="N950516" s="10"/>
    </row>
    <row r="950517" spans="14:14">
      <c r="N950517" s="10"/>
    </row>
    <row r="950518" spans="14:14">
      <c r="N950518" s="10"/>
    </row>
    <row r="950519" spans="14:14">
      <c r="N950519" s="10"/>
    </row>
    <row r="950520" spans="14:14">
      <c r="N950520" s="10"/>
    </row>
    <row r="950521" spans="14:14">
      <c r="N950521" s="10"/>
    </row>
    <row r="950522" spans="14:14">
      <c r="N950522" s="10"/>
    </row>
    <row r="950523" spans="14:14">
      <c r="N950523" s="10"/>
    </row>
    <row r="950524" spans="14:14">
      <c r="N950524" s="10"/>
    </row>
    <row r="950525" spans="14:14">
      <c r="N950525" s="10"/>
    </row>
    <row r="950526" spans="14:14">
      <c r="N950526" s="10"/>
    </row>
    <row r="950527" spans="14:14">
      <c r="N950527" s="10"/>
    </row>
    <row r="950528" spans="14:14">
      <c r="N950528" s="10"/>
    </row>
    <row r="950529" spans="14:14">
      <c r="N950529" s="10"/>
    </row>
    <row r="950530" spans="14:14">
      <c r="N950530" s="10"/>
    </row>
    <row r="950531" spans="14:14">
      <c r="N950531" s="10"/>
    </row>
    <row r="950532" spans="14:14">
      <c r="N950532" s="10"/>
    </row>
    <row r="950533" spans="14:14">
      <c r="N950533" s="10"/>
    </row>
    <row r="950534" spans="14:14">
      <c r="N950534" s="10"/>
    </row>
    <row r="950535" spans="14:14">
      <c r="N950535" s="10"/>
    </row>
    <row r="950536" spans="14:14">
      <c r="N950536" s="10"/>
    </row>
    <row r="950537" spans="14:14">
      <c r="N950537" s="10"/>
    </row>
    <row r="950538" spans="14:14">
      <c r="N950538" s="10"/>
    </row>
    <row r="950539" spans="14:14">
      <c r="N950539" s="10"/>
    </row>
    <row r="950540" spans="14:14">
      <c r="N950540" s="10"/>
    </row>
    <row r="950541" spans="14:14">
      <c r="N950541" s="10"/>
    </row>
    <row r="950542" spans="14:14">
      <c r="N950542" s="10"/>
    </row>
    <row r="950543" spans="14:14">
      <c r="N950543" s="10"/>
    </row>
    <row r="950544" spans="14:14">
      <c r="N950544" s="10"/>
    </row>
    <row r="950545" spans="14:14">
      <c r="N950545" s="10"/>
    </row>
    <row r="950546" spans="14:14">
      <c r="N950546" s="10"/>
    </row>
    <row r="950547" spans="14:14">
      <c r="N950547" s="10"/>
    </row>
    <row r="950548" spans="14:14">
      <c r="N950548" s="10"/>
    </row>
    <row r="950549" spans="14:14">
      <c r="N950549" s="10"/>
    </row>
    <row r="950550" spans="14:14">
      <c r="N950550" s="10"/>
    </row>
    <row r="950551" spans="14:14">
      <c r="N950551" s="10"/>
    </row>
    <row r="950552" spans="14:14">
      <c r="N950552" s="10"/>
    </row>
    <row r="950553" spans="14:14">
      <c r="N950553" s="10"/>
    </row>
    <row r="950554" spans="14:14">
      <c r="N950554" s="10"/>
    </row>
    <row r="950555" spans="14:14">
      <c r="N950555" s="10"/>
    </row>
    <row r="950556" spans="14:14">
      <c r="N950556" s="10"/>
    </row>
    <row r="950557" spans="14:14">
      <c r="N950557" s="10"/>
    </row>
    <row r="950558" spans="14:14">
      <c r="N950558" s="10"/>
    </row>
    <row r="950559" spans="14:14">
      <c r="N950559" s="10"/>
    </row>
    <row r="950560" spans="14:14">
      <c r="N950560" s="10"/>
    </row>
    <row r="950561" spans="14:14">
      <c r="N950561" s="10"/>
    </row>
    <row r="950562" spans="14:14">
      <c r="N950562" s="10"/>
    </row>
    <row r="950563" spans="14:14">
      <c r="N950563" s="10"/>
    </row>
    <row r="950564" spans="14:14">
      <c r="N950564" s="10"/>
    </row>
    <row r="950565" spans="14:14">
      <c r="N950565" s="10"/>
    </row>
    <row r="950566" spans="14:14">
      <c r="N950566" s="10"/>
    </row>
    <row r="950567" spans="14:14">
      <c r="N950567" s="10"/>
    </row>
    <row r="950568" spans="14:14">
      <c r="N950568" s="10"/>
    </row>
    <row r="950569" spans="14:14">
      <c r="N950569" s="10"/>
    </row>
    <row r="950570" spans="14:14">
      <c r="N950570" s="10"/>
    </row>
    <row r="950571" spans="14:14">
      <c r="N950571" s="10"/>
    </row>
    <row r="950572" spans="14:14">
      <c r="N950572" s="10"/>
    </row>
    <row r="950573" spans="14:14">
      <c r="N950573" s="10"/>
    </row>
    <row r="950574" spans="14:14">
      <c r="N950574" s="10"/>
    </row>
    <row r="950575" spans="14:14">
      <c r="N950575" s="10"/>
    </row>
    <row r="950576" spans="14:14">
      <c r="N950576" s="10"/>
    </row>
    <row r="950577" spans="14:14">
      <c r="N950577" s="10"/>
    </row>
    <row r="950578" spans="14:14">
      <c r="N950578" s="10"/>
    </row>
    <row r="950579" spans="14:14">
      <c r="N950579" s="10"/>
    </row>
    <row r="950580" spans="14:14">
      <c r="N950580" s="10"/>
    </row>
    <row r="950581" spans="14:14">
      <c r="N950581" s="10"/>
    </row>
    <row r="950582" spans="14:14">
      <c r="N950582" s="10"/>
    </row>
    <row r="950583" spans="14:14">
      <c r="N950583" s="10"/>
    </row>
    <row r="950584" spans="14:14">
      <c r="N950584" s="10"/>
    </row>
    <row r="950585" spans="14:14">
      <c r="N950585" s="10"/>
    </row>
    <row r="950586" spans="14:14">
      <c r="N950586" s="10"/>
    </row>
    <row r="950587" spans="14:14">
      <c r="N950587" s="10"/>
    </row>
    <row r="950588" spans="14:14">
      <c r="N950588" s="10"/>
    </row>
    <row r="950589" spans="14:14">
      <c r="N950589" s="10"/>
    </row>
    <row r="950590" spans="14:14">
      <c r="N950590" s="10"/>
    </row>
    <row r="950591" spans="14:14">
      <c r="N950591" s="10"/>
    </row>
    <row r="950592" spans="14:14">
      <c r="N950592" s="10"/>
    </row>
    <row r="950593" spans="14:14">
      <c r="N950593" s="10"/>
    </row>
    <row r="950594" spans="14:14">
      <c r="N950594" s="10"/>
    </row>
    <row r="950595" spans="14:14">
      <c r="N950595" s="10"/>
    </row>
    <row r="950596" spans="14:14">
      <c r="N950596" s="10"/>
    </row>
    <row r="950597" spans="14:14">
      <c r="N950597" s="10"/>
    </row>
    <row r="950598" spans="14:14">
      <c r="N950598" s="10"/>
    </row>
    <row r="950599" spans="14:14">
      <c r="N950599" s="10"/>
    </row>
    <row r="950600" spans="14:14">
      <c r="N950600" s="10"/>
    </row>
    <row r="950601" spans="14:14">
      <c r="N950601" s="10"/>
    </row>
    <row r="950602" spans="14:14">
      <c r="N950602" s="10"/>
    </row>
    <row r="950603" spans="14:14">
      <c r="N950603" s="10"/>
    </row>
    <row r="950604" spans="14:14">
      <c r="N950604" s="10"/>
    </row>
    <row r="950605" spans="14:14">
      <c r="N950605" s="10"/>
    </row>
    <row r="950606" spans="14:14">
      <c r="N950606" s="10"/>
    </row>
    <row r="950607" spans="14:14">
      <c r="N950607" s="10"/>
    </row>
    <row r="950608" spans="14:14">
      <c r="N950608" s="10"/>
    </row>
    <row r="950609" spans="14:14">
      <c r="N950609" s="10"/>
    </row>
    <row r="950610" spans="14:14">
      <c r="N950610" s="10"/>
    </row>
    <row r="950611" spans="14:14">
      <c r="N950611" s="10"/>
    </row>
    <row r="950612" spans="14:14">
      <c r="N950612" s="10"/>
    </row>
    <row r="950613" spans="14:14">
      <c r="N950613" s="10"/>
    </row>
    <row r="950614" spans="14:14">
      <c r="N950614" s="10"/>
    </row>
    <row r="950615" spans="14:14">
      <c r="N950615" s="10"/>
    </row>
    <row r="950616" spans="14:14">
      <c r="N950616" s="10"/>
    </row>
    <row r="950617" spans="14:14">
      <c r="N950617" s="10"/>
    </row>
    <row r="950618" spans="14:14">
      <c r="N950618" s="10"/>
    </row>
    <row r="950619" spans="14:14">
      <c r="N950619" s="10"/>
    </row>
    <row r="950620" spans="14:14">
      <c r="N950620" s="10"/>
    </row>
    <row r="950621" spans="14:14">
      <c r="N950621" s="10"/>
    </row>
    <row r="950622" spans="14:14">
      <c r="N950622" s="10"/>
    </row>
    <row r="950623" spans="14:14">
      <c r="N950623" s="10"/>
    </row>
    <row r="950624" spans="14:14">
      <c r="N950624" s="10"/>
    </row>
    <row r="950625" spans="14:14">
      <c r="N950625" s="10"/>
    </row>
    <row r="950626" spans="14:14">
      <c r="N950626" s="10"/>
    </row>
    <row r="950627" spans="14:14">
      <c r="N950627" s="10"/>
    </row>
    <row r="950628" spans="14:14">
      <c r="N950628" s="10"/>
    </row>
    <row r="950629" spans="14:14">
      <c r="N950629" s="10"/>
    </row>
    <row r="950630" spans="14:14">
      <c r="N950630" s="10"/>
    </row>
    <row r="950631" spans="14:14">
      <c r="N950631" s="10"/>
    </row>
    <row r="950632" spans="14:14">
      <c r="N950632" s="10"/>
    </row>
    <row r="950633" spans="14:14">
      <c r="N950633" s="10"/>
    </row>
    <row r="950634" spans="14:14">
      <c r="N950634" s="10"/>
    </row>
    <row r="950635" spans="14:14">
      <c r="N950635" s="10"/>
    </row>
    <row r="950636" spans="14:14">
      <c r="N950636" s="10"/>
    </row>
    <row r="950637" spans="14:14">
      <c r="N950637" s="10"/>
    </row>
    <row r="950638" spans="14:14">
      <c r="N950638" s="10"/>
    </row>
    <row r="950639" spans="14:14">
      <c r="N950639" s="10"/>
    </row>
    <row r="950640" spans="14:14">
      <c r="N950640" s="10"/>
    </row>
    <row r="950641" spans="14:14">
      <c r="N950641" s="10"/>
    </row>
    <row r="950642" spans="14:14">
      <c r="N950642" s="10"/>
    </row>
    <row r="950643" spans="14:14">
      <c r="N950643" s="10"/>
    </row>
    <row r="950644" spans="14:14">
      <c r="N950644" s="10"/>
    </row>
    <row r="950645" spans="14:14">
      <c r="N950645" s="10"/>
    </row>
    <row r="950646" spans="14:14">
      <c r="N950646" s="10"/>
    </row>
    <row r="950647" spans="14:14">
      <c r="N950647" s="10"/>
    </row>
    <row r="950648" spans="14:14">
      <c r="N950648" s="10"/>
    </row>
    <row r="950649" spans="14:14">
      <c r="N950649" s="10"/>
    </row>
    <row r="950650" spans="14:14">
      <c r="N950650" s="10"/>
    </row>
    <row r="950651" spans="14:14">
      <c r="N950651" s="10"/>
    </row>
    <row r="950652" spans="14:14">
      <c r="N950652" s="10"/>
    </row>
    <row r="950653" spans="14:14">
      <c r="N950653" s="10"/>
    </row>
    <row r="950654" spans="14:14">
      <c r="N950654" s="10"/>
    </row>
    <row r="950655" spans="14:14">
      <c r="N950655" s="10"/>
    </row>
    <row r="950656" spans="14:14">
      <c r="N950656" s="10"/>
    </row>
    <row r="950657" spans="14:14">
      <c r="N950657" s="10"/>
    </row>
    <row r="950658" spans="14:14">
      <c r="N950658" s="10"/>
    </row>
    <row r="950659" spans="14:14">
      <c r="N950659" s="10"/>
    </row>
    <row r="950660" spans="14:14">
      <c r="N950660" s="10"/>
    </row>
    <row r="950661" spans="14:14">
      <c r="N950661" s="10"/>
    </row>
    <row r="950662" spans="14:14">
      <c r="N950662" s="10"/>
    </row>
    <row r="950663" spans="14:14">
      <c r="N950663" s="10"/>
    </row>
    <row r="950664" spans="14:14">
      <c r="N950664" s="10"/>
    </row>
    <row r="950665" spans="14:14">
      <c r="N950665" s="10"/>
    </row>
    <row r="950666" spans="14:14">
      <c r="N950666" s="10"/>
    </row>
    <row r="950667" spans="14:14">
      <c r="N950667" s="10"/>
    </row>
    <row r="950668" spans="14:14">
      <c r="N950668" s="10"/>
    </row>
    <row r="950669" spans="14:14">
      <c r="N950669" s="10"/>
    </row>
    <row r="950670" spans="14:14">
      <c r="N950670" s="10"/>
    </row>
    <row r="950671" spans="14:14">
      <c r="N950671" s="10"/>
    </row>
    <row r="950672" spans="14:14">
      <c r="N950672" s="10"/>
    </row>
    <row r="950673" spans="14:14">
      <c r="N950673" s="10"/>
    </row>
    <row r="950674" spans="14:14">
      <c r="N950674" s="10"/>
    </row>
    <row r="950675" spans="14:14">
      <c r="N950675" s="10"/>
    </row>
    <row r="950676" spans="14:14">
      <c r="N950676" s="10"/>
    </row>
    <row r="950677" spans="14:14">
      <c r="N950677" s="10"/>
    </row>
    <row r="950678" spans="14:14">
      <c r="N950678" s="10"/>
    </row>
    <row r="950679" spans="14:14">
      <c r="N950679" s="10"/>
    </row>
    <row r="950680" spans="14:14">
      <c r="N950680" s="10"/>
    </row>
    <row r="950681" spans="14:14">
      <c r="N950681" s="10"/>
    </row>
    <row r="950682" spans="14:14">
      <c r="N950682" s="10"/>
    </row>
    <row r="950683" spans="14:14">
      <c r="N950683" s="10"/>
    </row>
    <row r="950684" spans="14:14">
      <c r="N950684" s="10"/>
    </row>
    <row r="950685" spans="14:14">
      <c r="N950685" s="10"/>
    </row>
    <row r="950686" spans="14:14">
      <c r="N950686" s="10"/>
    </row>
    <row r="950687" spans="14:14">
      <c r="N950687" s="10"/>
    </row>
    <row r="950688" spans="14:14">
      <c r="N950688" s="10"/>
    </row>
    <row r="950689" spans="14:14">
      <c r="N950689" s="10"/>
    </row>
    <row r="950690" spans="14:14">
      <c r="N950690" s="10"/>
    </row>
    <row r="950691" spans="14:14">
      <c r="N950691" s="10"/>
    </row>
    <row r="950692" spans="14:14">
      <c r="N950692" s="10"/>
    </row>
    <row r="950693" spans="14:14">
      <c r="N950693" s="10"/>
    </row>
    <row r="950694" spans="14:14">
      <c r="N950694" s="10"/>
    </row>
    <row r="950695" spans="14:14">
      <c r="N950695" s="10"/>
    </row>
    <row r="950696" spans="14:14">
      <c r="N950696" s="10"/>
    </row>
    <row r="950697" spans="14:14">
      <c r="N950697" s="10"/>
    </row>
    <row r="950698" spans="14:14">
      <c r="N950698" s="10"/>
    </row>
    <row r="950699" spans="14:14">
      <c r="N950699" s="10"/>
    </row>
    <row r="950700" spans="14:14">
      <c r="N950700" s="10"/>
    </row>
    <row r="950701" spans="14:14">
      <c r="N950701" s="10"/>
    </row>
    <row r="950702" spans="14:14">
      <c r="N950702" s="10"/>
    </row>
    <row r="950703" spans="14:14">
      <c r="N950703" s="10"/>
    </row>
    <row r="950704" spans="14:14">
      <c r="N950704" s="10"/>
    </row>
    <row r="950705" spans="14:14">
      <c r="N950705" s="10"/>
    </row>
    <row r="950706" spans="14:14">
      <c r="N950706" s="10"/>
    </row>
    <row r="950707" spans="14:14">
      <c r="N950707" s="10"/>
    </row>
    <row r="950708" spans="14:14">
      <c r="N950708" s="10"/>
    </row>
    <row r="950709" spans="14:14">
      <c r="N950709" s="10"/>
    </row>
    <row r="950710" spans="14:14">
      <c r="N950710" s="10"/>
    </row>
    <row r="950711" spans="14:14">
      <c r="N950711" s="10"/>
    </row>
    <row r="950712" spans="14:14">
      <c r="N950712" s="10"/>
    </row>
    <row r="950713" spans="14:14">
      <c r="N950713" s="10"/>
    </row>
    <row r="950714" spans="14:14">
      <c r="N950714" s="10"/>
    </row>
    <row r="950715" spans="14:14">
      <c r="N950715" s="10"/>
    </row>
    <row r="950716" spans="14:14">
      <c r="N950716" s="10"/>
    </row>
    <row r="950717" spans="14:14">
      <c r="N950717" s="10"/>
    </row>
    <row r="950718" spans="14:14">
      <c r="N950718" s="10"/>
    </row>
    <row r="950719" spans="14:14">
      <c r="N950719" s="10"/>
    </row>
    <row r="950720" spans="14:14">
      <c r="N950720" s="10"/>
    </row>
    <row r="950721" spans="14:14">
      <c r="N950721" s="10"/>
    </row>
    <row r="950722" spans="14:14">
      <c r="N950722" s="10"/>
    </row>
    <row r="950723" spans="14:14">
      <c r="N950723" s="10"/>
    </row>
    <row r="950724" spans="14:14">
      <c r="N950724" s="10"/>
    </row>
    <row r="950725" spans="14:14">
      <c r="N950725" s="10"/>
    </row>
    <row r="950726" spans="14:14">
      <c r="N950726" s="10"/>
    </row>
    <row r="950727" spans="14:14">
      <c r="N950727" s="10"/>
    </row>
    <row r="950728" spans="14:14">
      <c r="N950728" s="10"/>
    </row>
    <row r="950729" spans="14:14">
      <c r="N950729" s="10"/>
    </row>
    <row r="950730" spans="14:14">
      <c r="N950730" s="10"/>
    </row>
    <row r="950731" spans="14:14">
      <c r="N950731" s="10"/>
    </row>
    <row r="950732" spans="14:14">
      <c r="N950732" s="10"/>
    </row>
    <row r="950733" spans="14:14">
      <c r="N950733" s="10"/>
    </row>
    <row r="950734" spans="14:14">
      <c r="N950734" s="10"/>
    </row>
    <row r="950735" spans="14:14">
      <c r="N950735" s="10"/>
    </row>
    <row r="950736" spans="14:14">
      <c r="N950736" s="10"/>
    </row>
    <row r="950737" spans="14:14">
      <c r="N950737" s="10"/>
    </row>
    <row r="950738" spans="14:14">
      <c r="N950738" s="10"/>
    </row>
    <row r="950739" spans="14:14">
      <c r="N950739" s="10"/>
    </row>
    <row r="950740" spans="14:14">
      <c r="N950740" s="10"/>
    </row>
    <row r="950741" spans="14:14">
      <c r="N950741" s="10"/>
    </row>
    <row r="950742" spans="14:14">
      <c r="N950742" s="10"/>
    </row>
    <row r="950743" spans="14:14">
      <c r="N950743" s="10"/>
    </row>
    <row r="950744" spans="14:14">
      <c r="N950744" s="10"/>
    </row>
    <row r="950745" spans="14:14">
      <c r="N950745" s="10"/>
    </row>
    <row r="950746" spans="14:14">
      <c r="N950746" s="10"/>
    </row>
    <row r="950747" spans="14:14">
      <c r="N950747" s="10"/>
    </row>
    <row r="950748" spans="14:14">
      <c r="N950748" s="10"/>
    </row>
    <row r="950749" spans="14:14">
      <c r="N950749" s="10"/>
    </row>
    <row r="950750" spans="14:14">
      <c r="N950750" s="10"/>
    </row>
    <row r="950751" spans="14:14">
      <c r="N950751" s="10"/>
    </row>
    <row r="950752" spans="14:14">
      <c r="N950752" s="10"/>
    </row>
    <row r="950753" spans="14:14">
      <c r="N950753" s="10"/>
    </row>
    <row r="950754" spans="14:14">
      <c r="N950754" s="10"/>
    </row>
    <row r="950755" spans="14:14">
      <c r="N950755" s="10"/>
    </row>
    <row r="950756" spans="14:14">
      <c r="N950756" s="10"/>
    </row>
    <row r="950757" spans="14:14">
      <c r="N950757" s="10"/>
    </row>
    <row r="950758" spans="14:14">
      <c r="N950758" s="10"/>
    </row>
    <row r="950759" spans="14:14">
      <c r="N950759" s="10"/>
    </row>
    <row r="950760" spans="14:14">
      <c r="N950760" s="10"/>
    </row>
    <row r="950761" spans="14:14">
      <c r="N950761" s="10"/>
    </row>
    <row r="950762" spans="14:14">
      <c r="N950762" s="10"/>
    </row>
    <row r="950763" spans="14:14">
      <c r="N950763" s="10"/>
    </row>
    <row r="950764" spans="14:14">
      <c r="N950764" s="10"/>
    </row>
    <row r="950765" spans="14:14">
      <c r="N950765" s="10"/>
    </row>
    <row r="950766" spans="14:14">
      <c r="N950766" s="10"/>
    </row>
    <row r="950767" spans="14:14">
      <c r="N950767" s="10"/>
    </row>
    <row r="950768" spans="14:14">
      <c r="N950768" s="10"/>
    </row>
    <row r="950769" spans="14:14">
      <c r="N950769" s="10"/>
    </row>
    <row r="950770" spans="14:14">
      <c r="N950770" s="10"/>
    </row>
    <row r="950771" spans="14:14">
      <c r="N950771" s="10"/>
    </row>
    <row r="950772" spans="14:14">
      <c r="N950772" s="10"/>
    </row>
    <row r="950773" spans="14:14">
      <c r="N950773" s="10"/>
    </row>
    <row r="950774" spans="14:14">
      <c r="N950774" s="10"/>
    </row>
    <row r="950775" spans="14:14">
      <c r="N950775" s="10"/>
    </row>
    <row r="950776" spans="14:14">
      <c r="N950776" s="10"/>
    </row>
    <row r="950777" spans="14:14">
      <c r="N950777" s="10"/>
    </row>
    <row r="950778" spans="14:14">
      <c r="N950778" s="10"/>
    </row>
    <row r="950779" spans="14:14">
      <c r="N950779" s="10"/>
    </row>
    <row r="950780" spans="14:14">
      <c r="N950780" s="10"/>
    </row>
    <row r="950781" spans="14:14">
      <c r="N950781" s="10"/>
    </row>
    <row r="950782" spans="14:14">
      <c r="N950782" s="10"/>
    </row>
    <row r="950783" spans="14:14">
      <c r="N950783" s="10"/>
    </row>
    <row r="950784" spans="14:14">
      <c r="N950784" s="10"/>
    </row>
    <row r="950785" spans="14:14">
      <c r="N950785" s="10"/>
    </row>
    <row r="950786" spans="14:14">
      <c r="N950786" s="10"/>
    </row>
    <row r="950787" spans="14:14">
      <c r="N950787" s="10"/>
    </row>
    <row r="950788" spans="14:14">
      <c r="N950788" s="10"/>
    </row>
    <row r="950789" spans="14:14">
      <c r="N950789" s="10"/>
    </row>
    <row r="950790" spans="14:14">
      <c r="N950790" s="10"/>
    </row>
    <row r="950791" spans="14:14">
      <c r="N950791" s="10"/>
    </row>
    <row r="950792" spans="14:14">
      <c r="N950792" s="10"/>
    </row>
    <row r="950793" spans="14:14">
      <c r="N950793" s="10"/>
    </row>
    <row r="950794" spans="14:14">
      <c r="N950794" s="10"/>
    </row>
    <row r="950795" spans="14:14">
      <c r="N950795" s="10"/>
    </row>
    <row r="950796" spans="14:14">
      <c r="N950796" s="10"/>
    </row>
    <row r="950797" spans="14:14">
      <c r="N950797" s="10"/>
    </row>
    <row r="950798" spans="14:14">
      <c r="N950798" s="10"/>
    </row>
    <row r="950799" spans="14:14">
      <c r="N950799" s="10"/>
    </row>
    <row r="950800" spans="14:14">
      <c r="N950800" s="10"/>
    </row>
    <row r="950801" spans="14:14">
      <c r="N950801" s="10"/>
    </row>
    <row r="950802" spans="14:14">
      <c r="N950802" s="10"/>
    </row>
    <row r="950803" spans="14:14">
      <c r="N950803" s="10"/>
    </row>
    <row r="950804" spans="14:14">
      <c r="N950804" s="10"/>
    </row>
    <row r="950805" spans="14:14">
      <c r="N950805" s="10"/>
    </row>
    <row r="950806" spans="14:14">
      <c r="N950806" s="10"/>
    </row>
    <row r="950807" spans="14:14">
      <c r="N950807" s="10"/>
    </row>
    <row r="950808" spans="14:14">
      <c r="N950808" s="10"/>
    </row>
    <row r="950809" spans="14:14">
      <c r="N950809" s="10"/>
    </row>
    <row r="950810" spans="14:14">
      <c r="N950810" s="10"/>
    </row>
    <row r="950811" spans="14:14">
      <c r="N950811" s="10"/>
    </row>
    <row r="950812" spans="14:14">
      <c r="N950812" s="10"/>
    </row>
    <row r="950813" spans="14:14">
      <c r="N950813" s="10"/>
    </row>
    <row r="950814" spans="14:14">
      <c r="N950814" s="10"/>
    </row>
    <row r="950815" spans="14:14">
      <c r="N950815" s="10"/>
    </row>
    <row r="950816" spans="14:14">
      <c r="N950816" s="10"/>
    </row>
    <row r="950817" spans="14:14">
      <c r="N950817" s="10"/>
    </row>
    <row r="950818" spans="14:14">
      <c r="N950818" s="10"/>
    </row>
    <row r="950819" spans="14:14">
      <c r="N950819" s="10"/>
    </row>
    <row r="950820" spans="14:14">
      <c r="N950820" s="10"/>
    </row>
    <row r="950821" spans="14:14">
      <c r="N950821" s="10"/>
    </row>
    <row r="950822" spans="14:14">
      <c r="N950822" s="10"/>
    </row>
    <row r="950823" spans="14:14">
      <c r="N950823" s="10"/>
    </row>
    <row r="950824" spans="14:14">
      <c r="N950824" s="10"/>
    </row>
    <row r="950825" spans="14:14">
      <c r="N950825" s="10"/>
    </row>
    <row r="950826" spans="14:14">
      <c r="N950826" s="10"/>
    </row>
    <row r="950827" spans="14:14">
      <c r="N950827" s="10"/>
    </row>
    <row r="950828" spans="14:14">
      <c r="N950828" s="10"/>
    </row>
    <row r="950829" spans="14:14">
      <c r="N950829" s="10"/>
    </row>
    <row r="950830" spans="14:14">
      <c r="N950830" s="10"/>
    </row>
    <row r="950831" spans="14:14">
      <c r="N950831" s="10"/>
    </row>
    <row r="950832" spans="14:14">
      <c r="N950832" s="10"/>
    </row>
    <row r="950833" spans="14:14">
      <c r="N950833" s="10"/>
    </row>
    <row r="950834" spans="14:14">
      <c r="N950834" s="10"/>
    </row>
    <row r="950835" spans="14:14">
      <c r="N950835" s="10"/>
    </row>
    <row r="950836" spans="14:14">
      <c r="N950836" s="10"/>
    </row>
    <row r="950837" spans="14:14">
      <c r="N950837" s="10"/>
    </row>
    <row r="950838" spans="14:14">
      <c r="N950838" s="10"/>
    </row>
    <row r="950839" spans="14:14">
      <c r="N950839" s="10"/>
    </row>
    <row r="950840" spans="14:14">
      <c r="N950840" s="10"/>
    </row>
    <row r="950841" spans="14:14">
      <c r="N950841" s="10"/>
    </row>
    <row r="950842" spans="14:14">
      <c r="N950842" s="10"/>
    </row>
    <row r="950843" spans="14:14">
      <c r="N950843" s="10"/>
    </row>
    <row r="950844" spans="14:14">
      <c r="N950844" s="10"/>
    </row>
    <row r="950845" spans="14:14">
      <c r="N950845" s="10"/>
    </row>
    <row r="950846" spans="14:14">
      <c r="N950846" s="10"/>
    </row>
    <row r="950847" spans="14:14">
      <c r="N950847" s="10"/>
    </row>
    <row r="950848" spans="14:14">
      <c r="N950848" s="10"/>
    </row>
    <row r="950849" spans="14:14">
      <c r="N950849" s="10"/>
    </row>
    <row r="950850" spans="14:14">
      <c r="N950850" s="10"/>
    </row>
    <row r="950851" spans="14:14">
      <c r="N950851" s="10"/>
    </row>
    <row r="950852" spans="14:14">
      <c r="N950852" s="10"/>
    </row>
    <row r="950853" spans="14:14">
      <c r="N950853" s="10"/>
    </row>
    <row r="950854" spans="14:14">
      <c r="N950854" s="10"/>
    </row>
    <row r="950855" spans="14:14">
      <c r="N950855" s="10"/>
    </row>
    <row r="950856" spans="14:14">
      <c r="N950856" s="10"/>
    </row>
    <row r="950857" spans="14:14">
      <c r="N950857" s="10"/>
    </row>
    <row r="950858" spans="14:14">
      <c r="N950858" s="10"/>
    </row>
    <row r="950859" spans="14:14">
      <c r="N950859" s="10"/>
    </row>
    <row r="950860" spans="14:14">
      <c r="N950860" s="10"/>
    </row>
    <row r="950861" spans="14:14">
      <c r="N950861" s="10"/>
    </row>
    <row r="950862" spans="14:14">
      <c r="N950862" s="10"/>
    </row>
    <row r="950863" spans="14:14">
      <c r="N950863" s="10"/>
    </row>
    <row r="950864" spans="14:14">
      <c r="N950864" s="10"/>
    </row>
    <row r="950865" spans="14:14">
      <c r="N950865" s="10"/>
    </row>
    <row r="950866" spans="14:14">
      <c r="N950866" s="10"/>
    </row>
    <row r="950867" spans="14:14">
      <c r="N950867" s="10"/>
    </row>
    <row r="950868" spans="14:14">
      <c r="N950868" s="10"/>
    </row>
    <row r="950869" spans="14:14">
      <c r="N950869" s="10"/>
    </row>
    <row r="950870" spans="14:14">
      <c r="N950870" s="10"/>
    </row>
    <row r="950871" spans="14:14">
      <c r="N950871" s="10"/>
    </row>
    <row r="950872" spans="14:14">
      <c r="N950872" s="10"/>
    </row>
    <row r="950873" spans="14:14">
      <c r="N950873" s="10"/>
    </row>
    <row r="950874" spans="14:14">
      <c r="N950874" s="10"/>
    </row>
    <row r="950875" spans="14:14">
      <c r="N950875" s="10"/>
    </row>
    <row r="950876" spans="14:14">
      <c r="N950876" s="10"/>
    </row>
    <row r="950877" spans="14:14">
      <c r="N950877" s="10"/>
    </row>
    <row r="950878" spans="14:14">
      <c r="N950878" s="10"/>
    </row>
    <row r="950879" spans="14:14">
      <c r="N950879" s="10"/>
    </row>
    <row r="950880" spans="14:14">
      <c r="N950880" s="10"/>
    </row>
    <row r="950881" spans="14:14">
      <c r="N950881" s="10"/>
    </row>
    <row r="950882" spans="14:14">
      <c r="N950882" s="10"/>
    </row>
    <row r="950883" spans="14:14">
      <c r="N950883" s="10"/>
    </row>
    <row r="950884" spans="14:14">
      <c r="N950884" s="10"/>
    </row>
    <row r="950885" spans="14:14">
      <c r="N950885" s="10"/>
    </row>
    <row r="950886" spans="14:14">
      <c r="N950886" s="10"/>
    </row>
    <row r="950887" spans="14:14">
      <c r="N950887" s="10"/>
    </row>
    <row r="950888" spans="14:14">
      <c r="N950888" s="10"/>
    </row>
    <row r="950889" spans="14:14">
      <c r="N950889" s="10"/>
    </row>
    <row r="950890" spans="14:14">
      <c r="N950890" s="10"/>
    </row>
    <row r="950891" spans="14:14">
      <c r="N950891" s="10"/>
    </row>
    <row r="950892" spans="14:14">
      <c r="N950892" s="10"/>
    </row>
    <row r="950893" spans="14:14">
      <c r="N950893" s="10"/>
    </row>
    <row r="950894" spans="14:14">
      <c r="N950894" s="10"/>
    </row>
    <row r="950895" spans="14:14">
      <c r="N950895" s="10"/>
    </row>
    <row r="950896" spans="14:14">
      <c r="N950896" s="10"/>
    </row>
    <row r="950897" spans="14:14">
      <c r="N950897" s="10"/>
    </row>
    <row r="950898" spans="14:14">
      <c r="N950898" s="10"/>
    </row>
    <row r="950899" spans="14:14">
      <c r="N950899" s="10"/>
    </row>
    <row r="950900" spans="14:14">
      <c r="N950900" s="10"/>
    </row>
    <row r="950901" spans="14:14">
      <c r="N950901" s="10"/>
    </row>
    <row r="950902" spans="14:14">
      <c r="N950902" s="10"/>
    </row>
    <row r="950903" spans="14:14">
      <c r="N950903" s="10"/>
    </row>
    <row r="950904" spans="14:14">
      <c r="N950904" s="10"/>
    </row>
    <row r="950905" spans="14:14">
      <c r="N950905" s="10"/>
    </row>
    <row r="950906" spans="14:14">
      <c r="N950906" s="10"/>
    </row>
    <row r="950907" spans="14:14">
      <c r="N950907" s="10"/>
    </row>
    <row r="950908" spans="14:14">
      <c r="N950908" s="10"/>
    </row>
    <row r="950909" spans="14:14">
      <c r="N950909" s="10"/>
    </row>
    <row r="950910" spans="14:14">
      <c r="N950910" s="10"/>
    </row>
    <row r="950911" spans="14:14">
      <c r="N950911" s="10"/>
    </row>
    <row r="950912" spans="14:14">
      <c r="N950912" s="10"/>
    </row>
    <row r="950913" spans="14:14">
      <c r="N950913" s="10"/>
    </row>
    <row r="950914" spans="14:14">
      <c r="N950914" s="10"/>
    </row>
    <row r="950915" spans="14:14">
      <c r="N950915" s="10"/>
    </row>
    <row r="950916" spans="14:14">
      <c r="N950916" s="10"/>
    </row>
    <row r="950917" spans="14:14">
      <c r="N950917" s="10"/>
    </row>
    <row r="950918" spans="14:14">
      <c r="N950918" s="10"/>
    </row>
    <row r="950919" spans="14:14">
      <c r="N950919" s="10"/>
    </row>
    <row r="950920" spans="14:14">
      <c r="N950920" s="10"/>
    </row>
    <row r="950921" spans="14:14">
      <c r="N950921" s="10"/>
    </row>
    <row r="950922" spans="14:14">
      <c r="N950922" s="10"/>
    </row>
    <row r="950923" spans="14:14">
      <c r="N950923" s="10"/>
    </row>
    <row r="950924" spans="14:14">
      <c r="N950924" s="10"/>
    </row>
    <row r="950925" spans="14:14">
      <c r="N950925" s="10"/>
    </row>
    <row r="950926" spans="14:14">
      <c r="N950926" s="10"/>
    </row>
    <row r="950927" spans="14:14">
      <c r="N950927" s="10"/>
    </row>
    <row r="950928" spans="14:14">
      <c r="N950928" s="10"/>
    </row>
    <row r="950929" spans="14:14">
      <c r="N950929" s="10"/>
    </row>
    <row r="950930" spans="14:14">
      <c r="N950930" s="10"/>
    </row>
    <row r="950931" spans="14:14">
      <c r="N950931" s="10"/>
    </row>
    <row r="950932" spans="14:14">
      <c r="N950932" s="10"/>
    </row>
    <row r="950933" spans="14:14">
      <c r="N950933" s="10"/>
    </row>
    <row r="950934" spans="14:14">
      <c r="N950934" s="10"/>
    </row>
    <row r="950935" spans="14:14">
      <c r="N950935" s="10"/>
    </row>
    <row r="950936" spans="14:14">
      <c r="N950936" s="10"/>
    </row>
    <row r="950937" spans="14:14">
      <c r="N950937" s="10"/>
    </row>
    <row r="950938" spans="14:14">
      <c r="N950938" s="10"/>
    </row>
    <row r="950939" spans="14:14">
      <c r="N950939" s="10"/>
    </row>
    <row r="950940" spans="14:14">
      <c r="N950940" s="10"/>
    </row>
    <row r="950941" spans="14:14">
      <c r="N950941" s="10"/>
    </row>
    <row r="950942" spans="14:14">
      <c r="N950942" s="10"/>
    </row>
    <row r="950943" spans="14:14">
      <c r="N950943" s="10"/>
    </row>
    <row r="950944" spans="14:14">
      <c r="N950944" s="10"/>
    </row>
    <row r="950945" spans="14:14">
      <c r="N950945" s="10"/>
    </row>
    <row r="950946" spans="14:14">
      <c r="N950946" s="10"/>
    </row>
    <row r="950947" spans="14:14">
      <c r="N950947" s="10"/>
    </row>
    <row r="950948" spans="14:14">
      <c r="N950948" s="10"/>
    </row>
    <row r="950949" spans="14:14">
      <c r="N950949" s="10"/>
    </row>
    <row r="950950" spans="14:14">
      <c r="N950950" s="10"/>
    </row>
    <row r="950951" spans="14:14">
      <c r="N950951" s="10"/>
    </row>
    <row r="950952" spans="14:14">
      <c r="N950952" s="10"/>
    </row>
    <row r="950953" spans="14:14">
      <c r="N950953" s="10"/>
    </row>
    <row r="950954" spans="14:14">
      <c r="N950954" s="10"/>
    </row>
    <row r="950955" spans="14:14">
      <c r="N950955" s="10"/>
    </row>
    <row r="950956" spans="14:14">
      <c r="N950956" s="10"/>
    </row>
    <row r="950957" spans="14:14">
      <c r="N950957" s="10"/>
    </row>
    <row r="950958" spans="14:14">
      <c r="N950958" s="10"/>
    </row>
    <row r="950959" spans="14:14">
      <c r="N950959" s="10"/>
    </row>
    <row r="950960" spans="14:14">
      <c r="N950960" s="10"/>
    </row>
    <row r="950961" spans="14:14">
      <c r="N950961" s="10"/>
    </row>
    <row r="950962" spans="14:14">
      <c r="N950962" s="10"/>
    </row>
    <row r="950963" spans="14:14">
      <c r="N950963" s="10"/>
    </row>
    <row r="950964" spans="14:14">
      <c r="N950964" s="10"/>
    </row>
    <row r="950965" spans="14:14">
      <c r="N950965" s="10"/>
    </row>
    <row r="950966" spans="14:14">
      <c r="N950966" s="10"/>
    </row>
    <row r="950967" spans="14:14">
      <c r="N950967" s="10"/>
    </row>
    <row r="950968" spans="14:14">
      <c r="N950968" s="10"/>
    </row>
    <row r="950969" spans="14:14">
      <c r="N950969" s="10"/>
    </row>
    <row r="950970" spans="14:14">
      <c r="N950970" s="10"/>
    </row>
    <row r="950971" spans="14:14">
      <c r="N950971" s="10"/>
    </row>
    <row r="950972" spans="14:14">
      <c r="N950972" s="10"/>
    </row>
    <row r="950973" spans="14:14">
      <c r="N950973" s="10"/>
    </row>
    <row r="950974" spans="14:14">
      <c r="N950974" s="10"/>
    </row>
    <row r="950975" spans="14:14">
      <c r="N950975" s="10"/>
    </row>
    <row r="950976" spans="14:14">
      <c r="N950976" s="10"/>
    </row>
    <row r="950977" spans="14:14">
      <c r="N950977" s="10"/>
    </row>
    <row r="950978" spans="14:14">
      <c r="N950978" s="10"/>
    </row>
    <row r="950979" spans="14:14">
      <c r="N950979" s="10"/>
    </row>
    <row r="950980" spans="14:14">
      <c r="N950980" s="10"/>
    </row>
    <row r="950981" spans="14:14">
      <c r="N950981" s="10"/>
    </row>
    <row r="950982" spans="14:14">
      <c r="N950982" s="10"/>
    </row>
    <row r="950983" spans="14:14">
      <c r="N950983" s="10"/>
    </row>
    <row r="950984" spans="14:14">
      <c r="N950984" s="10"/>
    </row>
    <row r="950985" spans="14:14">
      <c r="N950985" s="10"/>
    </row>
    <row r="950986" spans="14:14">
      <c r="N950986" s="10"/>
    </row>
    <row r="950987" spans="14:14">
      <c r="N950987" s="10"/>
    </row>
    <row r="950988" spans="14:14">
      <c r="N950988" s="10"/>
    </row>
    <row r="950989" spans="14:14">
      <c r="N950989" s="10"/>
    </row>
    <row r="950990" spans="14:14">
      <c r="N950990" s="10"/>
    </row>
    <row r="950991" spans="14:14">
      <c r="N950991" s="10"/>
    </row>
    <row r="950992" spans="14:14">
      <c r="N950992" s="10"/>
    </row>
    <row r="950993" spans="14:14">
      <c r="N950993" s="10"/>
    </row>
    <row r="950994" spans="14:14">
      <c r="N950994" s="10"/>
    </row>
    <row r="950995" spans="14:14">
      <c r="N950995" s="10"/>
    </row>
    <row r="950996" spans="14:14">
      <c r="N950996" s="10"/>
    </row>
    <row r="950997" spans="14:14">
      <c r="N950997" s="10"/>
    </row>
    <row r="950998" spans="14:14">
      <c r="N950998" s="10"/>
    </row>
    <row r="950999" spans="14:14">
      <c r="N950999" s="10"/>
    </row>
    <row r="951000" spans="14:14">
      <c r="N951000" s="10"/>
    </row>
    <row r="951001" spans="14:14">
      <c r="N951001" s="10"/>
    </row>
    <row r="951002" spans="14:14">
      <c r="N951002" s="10"/>
    </row>
    <row r="951003" spans="14:14">
      <c r="N951003" s="10"/>
    </row>
    <row r="951004" spans="14:14">
      <c r="N951004" s="10"/>
    </row>
    <row r="951005" spans="14:14">
      <c r="N951005" s="10"/>
    </row>
    <row r="951006" spans="14:14">
      <c r="N951006" s="10"/>
    </row>
    <row r="951007" spans="14:14">
      <c r="N951007" s="10"/>
    </row>
    <row r="951008" spans="14:14">
      <c r="N951008" s="10"/>
    </row>
    <row r="951009" spans="14:14">
      <c r="N951009" s="10"/>
    </row>
    <row r="951010" spans="14:14">
      <c r="N951010" s="10"/>
    </row>
    <row r="951011" spans="14:14">
      <c r="N951011" s="10"/>
    </row>
    <row r="951012" spans="14:14">
      <c r="N951012" s="10"/>
    </row>
    <row r="951013" spans="14:14">
      <c r="N951013" s="10"/>
    </row>
    <row r="951014" spans="14:14">
      <c r="N951014" s="10"/>
    </row>
    <row r="951015" spans="14:14">
      <c r="N951015" s="10"/>
    </row>
    <row r="951016" spans="14:14">
      <c r="N951016" s="10"/>
    </row>
    <row r="951017" spans="14:14">
      <c r="N951017" s="10"/>
    </row>
    <row r="951018" spans="14:14">
      <c r="N951018" s="10"/>
    </row>
    <row r="951019" spans="14:14">
      <c r="N951019" s="10"/>
    </row>
    <row r="951020" spans="14:14">
      <c r="N951020" s="10"/>
    </row>
    <row r="951021" spans="14:14">
      <c r="N951021" s="10"/>
    </row>
    <row r="951022" spans="14:14">
      <c r="N951022" s="10"/>
    </row>
    <row r="951023" spans="14:14">
      <c r="N951023" s="10"/>
    </row>
    <row r="951024" spans="14:14">
      <c r="N951024" s="10"/>
    </row>
    <row r="951025" spans="14:14">
      <c r="N951025" s="10"/>
    </row>
    <row r="951026" spans="14:14">
      <c r="N951026" s="10"/>
    </row>
    <row r="951027" spans="14:14">
      <c r="N951027" s="10"/>
    </row>
    <row r="951028" spans="14:14">
      <c r="N951028" s="10"/>
    </row>
    <row r="951029" spans="14:14">
      <c r="N951029" s="10"/>
    </row>
    <row r="951030" spans="14:14">
      <c r="N951030" s="10"/>
    </row>
    <row r="951031" spans="14:14">
      <c r="N951031" s="10"/>
    </row>
    <row r="951032" spans="14:14">
      <c r="N951032" s="10"/>
    </row>
    <row r="951033" spans="14:14">
      <c r="N951033" s="10"/>
    </row>
    <row r="951034" spans="14:14">
      <c r="N951034" s="10"/>
    </row>
    <row r="951035" spans="14:14">
      <c r="N951035" s="10"/>
    </row>
    <row r="951036" spans="14:14">
      <c r="N951036" s="10"/>
    </row>
    <row r="951037" spans="14:14">
      <c r="N951037" s="10"/>
    </row>
    <row r="951038" spans="14:14">
      <c r="N951038" s="10"/>
    </row>
    <row r="951039" spans="14:14">
      <c r="N951039" s="10"/>
    </row>
    <row r="951040" spans="14:14">
      <c r="N951040" s="10"/>
    </row>
    <row r="951041" spans="14:14">
      <c r="N951041" s="10"/>
    </row>
    <row r="951042" spans="14:14">
      <c r="N951042" s="10"/>
    </row>
    <row r="951043" spans="14:14">
      <c r="N951043" s="10"/>
    </row>
    <row r="951044" spans="14:14">
      <c r="N951044" s="10"/>
    </row>
    <row r="951045" spans="14:14">
      <c r="N951045" s="10"/>
    </row>
    <row r="951046" spans="14:14">
      <c r="N951046" s="10"/>
    </row>
    <row r="951047" spans="14:14">
      <c r="N951047" s="10"/>
    </row>
    <row r="951048" spans="14:14">
      <c r="N951048" s="10"/>
    </row>
    <row r="951049" spans="14:14">
      <c r="N951049" s="10"/>
    </row>
    <row r="951050" spans="14:14">
      <c r="N951050" s="10"/>
    </row>
    <row r="951051" spans="14:14">
      <c r="N951051" s="10"/>
    </row>
    <row r="951052" spans="14:14">
      <c r="N951052" s="10"/>
    </row>
    <row r="951053" spans="14:14">
      <c r="N951053" s="10"/>
    </row>
    <row r="951054" spans="14:14">
      <c r="N951054" s="10"/>
    </row>
    <row r="951055" spans="14:14">
      <c r="N951055" s="10"/>
    </row>
    <row r="951056" spans="14:14">
      <c r="N951056" s="10"/>
    </row>
    <row r="951057" spans="14:14">
      <c r="N951057" s="10"/>
    </row>
    <row r="951058" spans="14:14">
      <c r="N951058" s="10"/>
    </row>
    <row r="951059" spans="14:14">
      <c r="N951059" s="10"/>
    </row>
    <row r="951060" spans="14:14">
      <c r="N951060" s="10"/>
    </row>
    <row r="951061" spans="14:14">
      <c r="N951061" s="10"/>
    </row>
    <row r="951062" spans="14:14">
      <c r="N951062" s="10"/>
    </row>
    <row r="951063" spans="14:14">
      <c r="N951063" s="10"/>
    </row>
    <row r="951064" spans="14:14">
      <c r="N951064" s="10"/>
    </row>
    <row r="951065" spans="14:14">
      <c r="N951065" s="10"/>
    </row>
    <row r="951066" spans="14:14">
      <c r="N951066" s="10"/>
    </row>
    <row r="951067" spans="14:14">
      <c r="N951067" s="10"/>
    </row>
    <row r="951068" spans="14:14">
      <c r="N951068" s="10"/>
    </row>
    <row r="951069" spans="14:14">
      <c r="N951069" s="10"/>
    </row>
    <row r="951070" spans="14:14">
      <c r="N951070" s="10"/>
    </row>
    <row r="951071" spans="14:14">
      <c r="N951071" s="10"/>
    </row>
    <row r="951072" spans="14:14">
      <c r="N951072" s="10"/>
    </row>
    <row r="951073" spans="14:14">
      <c r="N951073" s="10"/>
    </row>
    <row r="951074" spans="14:14">
      <c r="N951074" s="10"/>
    </row>
    <row r="951075" spans="14:14">
      <c r="N951075" s="10"/>
    </row>
    <row r="951076" spans="14:14">
      <c r="N951076" s="10"/>
    </row>
    <row r="951077" spans="14:14">
      <c r="N951077" s="10"/>
    </row>
    <row r="951078" spans="14:14">
      <c r="N951078" s="10"/>
    </row>
    <row r="951079" spans="14:14">
      <c r="N951079" s="10"/>
    </row>
    <row r="951080" spans="14:14">
      <c r="N951080" s="10"/>
    </row>
    <row r="951081" spans="14:14">
      <c r="N951081" s="10"/>
    </row>
    <row r="951082" spans="14:14">
      <c r="N951082" s="10"/>
    </row>
    <row r="951083" spans="14:14">
      <c r="N951083" s="10"/>
    </row>
    <row r="951084" spans="14:14">
      <c r="N951084" s="10"/>
    </row>
    <row r="951085" spans="14:14">
      <c r="N951085" s="10"/>
    </row>
    <row r="951086" spans="14:14">
      <c r="N951086" s="10"/>
    </row>
    <row r="951087" spans="14:14">
      <c r="N951087" s="10"/>
    </row>
    <row r="951088" spans="14:14">
      <c r="N951088" s="10"/>
    </row>
    <row r="951089" spans="14:14">
      <c r="N951089" s="10"/>
    </row>
    <row r="951090" spans="14:14">
      <c r="N951090" s="10"/>
    </row>
    <row r="951091" spans="14:14">
      <c r="N951091" s="10"/>
    </row>
    <row r="951092" spans="14:14">
      <c r="N951092" s="10"/>
    </row>
    <row r="951093" spans="14:14">
      <c r="N951093" s="10"/>
    </row>
    <row r="951094" spans="14:14">
      <c r="N951094" s="10"/>
    </row>
    <row r="951095" spans="14:14">
      <c r="N951095" s="10"/>
    </row>
    <row r="951096" spans="14:14">
      <c r="N951096" s="10"/>
    </row>
    <row r="951097" spans="14:14">
      <c r="N951097" s="10"/>
    </row>
    <row r="951098" spans="14:14">
      <c r="N951098" s="10"/>
    </row>
    <row r="951099" spans="14:14">
      <c r="N951099" s="10"/>
    </row>
    <row r="951100" spans="14:14">
      <c r="N951100" s="10"/>
    </row>
    <row r="951101" spans="14:14">
      <c r="N951101" s="10"/>
    </row>
    <row r="951102" spans="14:14">
      <c r="N951102" s="10"/>
    </row>
    <row r="951103" spans="14:14">
      <c r="N951103" s="10"/>
    </row>
    <row r="951104" spans="14:14">
      <c r="N951104" s="10"/>
    </row>
    <row r="951105" spans="14:14">
      <c r="N951105" s="10"/>
    </row>
    <row r="951106" spans="14:14">
      <c r="N951106" s="10"/>
    </row>
    <row r="951107" spans="14:14">
      <c r="N951107" s="10"/>
    </row>
    <row r="951108" spans="14:14">
      <c r="N951108" s="10"/>
    </row>
    <row r="951109" spans="14:14">
      <c r="N951109" s="10"/>
    </row>
    <row r="951110" spans="14:14">
      <c r="N951110" s="10"/>
    </row>
    <row r="951111" spans="14:14">
      <c r="N951111" s="10"/>
    </row>
    <row r="951112" spans="14:14">
      <c r="N951112" s="10"/>
    </row>
    <row r="951113" spans="14:14">
      <c r="N951113" s="10"/>
    </row>
    <row r="951114" spans="14:14">
      <c r="N951114" s="10"/>
    </row>
    <row r="951115" spans="14:14">
      <c r="N951115" s="10"/>
    </row>
    <row r="951116" spans="14:14">
      <c r="N951116" s="10"/>
    </row>
    <row r="951117" spans="14:14">
      <c r="N951117" s="10"/>
    </row>
    <row r="951118" spans="14:14">
      <c r="N951118" s="10"/>
    </row>
    <row r="951119" spans="14:14">
      <c r="N951119" s="10"/>
    </row>
    <row r="951120" spans="14:14">
      <c r="N951120" s="10"/>
    </row>
    <row r="951121" spans="14:14">
      <c r="N951121" s="10"/>
    </row>
    <row r="951122" spans="14:14">
      <c r="N951122" s="10"/>
    </row>
    <row r="951123" spans="14:14">
      <c r="N951123" s="10"/>
    </row>
    <row r="951124" spans="14:14">
      <c r="N951124" s="10"/>
    </row>
    <row r="951125" spans="14:14">
      <c r="N951125" s="10"/>
    </row>
    <row r="951126" spans="14:14">
      <c r="N951126" s="10"/>
    </row>
    <row r="951127" spans="14:14">
      <c r="N951127" s="10"/>
    </row>
    <row r="951128" spans="14:14">
      <c r="N951128" s="10"/>
    </row>
    <row r="951129" spans="14:14">
      <c r="N951129" s="10"/>
    </row>
    <row r="951130" spans="14:14">
      <c r="N951130" s="10"/>
    </row>
    <row r="951131" spans="14:14">
      <c r="N951131" s="10"/>
    </row>
    <row r="951132" spans="14:14">
      <c r="N951132" s="10"/>
    </row>
    <row r="951133" spans="14:14">
      <c r="N951133" s="10"/>
    </row>
    <row r="951134" spans="14:14">
      <c r="N951134" s="10"/>
    </row>
    <row r="951135" spans="14:14">
      <c r="N951135" s="10"/>
    </row>
    <row r="951136" spans="14:14">
      <c r="N951136" s="10"/>
    </row>
    <row r="951137" spans="14:14">
      <c r="N951137" s="10"/>
    </row>
    <row r="951138" spans="14:14">
      <c r="N951138" s="10"/>
    </row>
    <row r="951139" spans="14:14">
      <c r="N951139" s="10"/>
    </row>
    <row r="951140" spans="14:14">
      <c r="N951140" s="10"/>
    </row>
    <row r="951141" spans="14:14">
      <c r="N951141" s="10"/>
    </row>
    <row r="951142" spans="14:14">
      <c r="N951142" s="10"/>
    </row>
    <row r="951143" spans="14:14">
      <c r="N951143" s="10"/>
    </row>
    <row r="951144" spans="14:14">
      <c r="N951144" s="10"/>
    </row>
    <row r="951145" spans="14:14">
      <c r="N951145" s="10"/>
    </row>
    <row r="951146" spans="14:14">
      <c r="N951146" s="10"/>
    </row>
    <row r="951147" spans="14:14">
      <c r="N951147" s="10"/>
    </row>
    <row r="951148" spans="14:14">
      <c r="N951148" s="10"/>
    </row>
    <row r="951149" spans="14:14">
      <c r="N951149" s="10"/>
    </row>
    <row r="951150" spans="14:14">
      <c r="N951150" s="10"/>
    </row>
    <row r="951151" spans="14:14">
      <c r="N951151" s="10"/>
    </row>
    <row r="951152" spans="14:14">
      <c r="N951152" s="10"/>
    </row>
    <row r="951153" spans="14:14">
      <c r="N951153" s="10"/>
    </row>
    <row r="951154" spans="14:14">
      <c r="N951154" s="10"/>
    </row>
    <row r="951155" spans="14:14">
      <c r="N951155" s="10"/>
    </row>
    <row r="951156" spans="14:14">
      <c r="N951156" s="10"/>
    </row>
    <row r="951157" spans="14:14">
      <c r="N951157" s="10"/>
    </row>
    <row r="951158" spans="14:14">
      <c r="N951158" s="10"/>
    </row>
    <row r="951159" spans="14:14">
      <c r="N951159" s="10"/>
    </row>
    <row r="951160" spans="14:14">
      <c r="N951160" s="10"/>
    </row>
    <row r="951161" spans="14:14">
      <c r="N951161" s="10"/>
    </row>
    <row r="951162" spans="14:14">
      <c r="N951162" s="10"/>
    </row>
    <row r="951163" spans="14:14">
      <c r="N951163" s="10"/>
    </row>
    <row r="951164" spans="14:14">
      <c r="N951164" s="10"/>
    </row>
    <row r="951165" spans="14:14">
      <c r="N951165" s="10"/>
    </row>
    <row r="951166" spans="14:14">
      <c r="N951166" s="10"/>
    </row>
    <row r="951167" spans="14:14">
      <c r="N951167" s="10"/>
    </row>
    <row r="951168" spans="14:14">
      <c r="N951168" s="10"/>
    </row>
    <row r="951169" spans="14:14">
      <c r="N951169" s="10"/>
    </row>
    <row r="951170" spans="14:14">
      <c r="N951170" s="10"/>
    </row>
    <row r="951171" spans="14:14">
      <c r="N951171" s="10"/>
    </row>
    <row r="951172" spans="14:14">
      <c r="N951172" s="10"/>
    </row>
    <row r="951173" spans="14:14">
      <c r="N951173" s="10"/>
    </row>
    <row r="951174" spans="14:14">
      <c r="N951174" s="10"/>
    </row>
    <row r="951175" spans="14:14">
      <c r="N951175" s="10"/>
    </row>
    <row r="951176" spans="14:14">
      <c r="N951176" s="10"/>
    </row>
    <row r="951177" spans="14:14">
      <c r="N951177" s="10"/>
    </row>
    <row r="951178" spans="14:14">
      <c r="N951178" s="10"/>
    </row>
    <row r="951179" spans="14:14">
      <c r="N951179" s="10"/>
    </row>
    <row r="951180" spans="14:14">
      <c r="N951180" s="10"/>
    </row>
    <row r="951181" spans="14:14">
      <c r="N951181" s="10"/>
    </row>
    <row r="951182" spans="14:14">
      <c r="N951182" s="10"/>
    </row>
    <row r="951183" spans="14:14">
      <c r="N951183" s="10"/>
    </row>
    <row r="951184" spans="14:14">
      <c r="N951184" s="10"/>
    </row>
    <row r="951185" spans="14:14">
      <c r="N951185" s="10"/>
    </row>
    <row r="951186" spans="14:14">
      <c r="N951186" s="10"/>
    </row>
    <row r="951187" spans="14:14">
      <c r="N951187" s="10"/>
    </row>
    <row r="951188" spans="14:14">
      <c r="N951188" s="10"/>
    </row>
    <row r="951189" spans="14:14">
      <c r="N951189" s="10"/>
    </row>
    <row r="951190" spans="14:14">
      <c r="N951190" s="10"/>
    </row>
    <row r="951191" spans="14:14">
      <c r="N951191" s="10"/>
    </row>
    <row r="951192" spans="14:14">
      <c r="N951192" s="10"/>
    </row>
    <row r="951193" spans="14:14">
      <c r="N951193" s="10"/>
    </row>
    <row r="951194" spans="14:14">
      <c r="N951194" s="10"/>
    </row>
    <row r="951195" spans="14:14">
      <c r="N951195" s="10"/>
    </row>
    <row r="951196" spans="14:14">
      <c r="N951196" s="10"/>
    </row>
    <row r="951197" spans="14:14">
      <c r="N951197" s="10"/>
    </row>
    <row r="951198" spans="14:14">
      <c r="N951198" s="10"/>
    </row>
    <row r="951199" spans="14:14">
      <c r="N951199" s="10"/>
    </row>
    <row r="951200" spans="14:14">
      <c r="N951200" s="10"/>
    </row>
    <row r="951201" spans="14:14">
      <c r="N951201" s="10"/>
    </row>
    <row r="951202" spans="14:14">
      <c r="N951202" s="10"/>
    </row>
    <row r="951203" spans="14:14">
      <c r="N951203" s="10"/>
    </row>
    <row r="951204" spans="14:14">
      <c r="N951204" s="10"/>
    </row>
    <row r="951205" spans="14:14">
      <c r="N951205" s="10"/>
    </row>
    <row r="951206" spans="14:14">
      <c r="N951206" s="10"/>
    </row>
    <row r="951207" spans="14:14">
      <c r="N951207" s="10"/>
    </row>
    <row r="951208" spans="14:14">
      <c r="N951208" s="10"/>
    </row>
    <row r="951209" spans="14:14">
      <c r="N951209" s="10"/>
    </row>
    <row r="951210" spans="14:14">
      <c r="N951210" s="10"/>
    </row>
    <row r="951211" spans="14:14">
      <c r="N951211" s="10"/>
    </row>
    <row r="951212" spans="14:14">
      <c r="N951212" s="10"/>
    </row>
    <row r="951213" spans="14:14">
      <c r="N951213" s="10"/>
    </row>
    <row r="951214" spans="14:14">
      <c r="N951214" s="10"/>
    </row>
    <row r="951215" spans="14:14">
      <c r="N951215" s="10"/>
    </row>
    <row r="951216" spans="14:14">
      <c r="N951216" s="10"/>
    </row>
    <row r="951217" spans="14:14">
      <c r="N951217" s="10"/>
    </row>
    <row r="951218" spans="14:14">
      <c r="N951218" s="10"/>
    </row>
    <row r="951219" spans="14:14">
      <c r="N951219" s="10"/>
    </row>
    <row r="951220" spans="14:14">
      <c r="N951220" s="10"/>
    </row>
    <row r="951221" spans="14:14">
      <c r="N951221" s="10"/>
    </row>
    <row r="951222" spans="14:14">
      <c r="N951222" s="10"/>
    </row>
    <row r="951223" spans="14:14">
      <c r="N951223" s="10"/>
    </row>
    <row r="951224" spans="14:14">
      <c r="N951224" s="10"/>
    </row>
    <row r="951225" spans="14:14">
      <c r="N951225" s="10"/>
    </row>
    <row r="951226" spans="14:14">
      <c r="N951226" s="10"/>
    </row>
    <row r="951227" spans="14:14">
      <c r="N951227" s="10"/>
    </row>
    <row r="951228" spans="14:14">
      <c r="N951228" s="10"/>
    </row>
    <row r="951229" spans="14:14">
      <c r="N951229" s="10"/>
    </row>
    <row r="951230" spans="14:14">
      <c r="N951230" s="10"/>
    </row>
    <row r="951231" spans="14:14">
      <c r="N951231" s="10"/>
    </row>
    <row r="951232" spans="14:14">
      <c r="N951232" s="10"/>
    </row>
    <row r="951233" spans="14:14">
      <c r="N951233" s="10"/>
    </row>
    <row r="951234" spans="14:14">
      <c r="N951234" s="10"/>
    </row>
    <row r="951235" spans="14:14">
      <c r="N951235" s="10"/>
    </row>
    <row r="951236" spans="14:14">
      <c r="N951236" s="10"/>
    </row>
    <row r="951237" spans="14:14">
      <c r="N951237" s="10"/>
    </row>
    <row r="951238" spans="14:14">
      <c r="N951238" s="10"/>
    </row>
    <row r="951239" spans="14:14">
      <c r="N951239" s="10"/>
    </row>
    <row r="951240" spans="14:14">
      <c r="N951240" s="10"/>
    </row>
    <row r="951241" spans="14:14">
      <c r="N951241" s="10"/>
    </row>
    <row r="951242" spans="14:14">
      <c r="N951242" s="10"/>
    </row>
    <row r="951243" spans="14:14">
      <c r="N951243" s="10"/>
    </row>
    <row r="951244" spans="14:14">
      <c r="N951244" s="10"/>
    </row>
    <row r="951245" spans="14:14">
      <c r="N951245" s="10"/>
    </row>
    <row r="951246" spans="14:14">
      <c r="N951246" s="10"/>
    </row>
    <row r="951247" spans="14:14">
      <c r="N951247" s="10"/>
    </row>
    <row r="951248" spans="14:14">
      <c r="N951248" s="10"/>
    </row>
    <row r="951249" spans="14:14">
      <c r="N951249" s="10"/>
    </row>
    <row r="951250" spans="14:14">
      <c r="N951250" s="10"/>
    </row>
    <row r="951251" spans="14:14">
      <c r="N951251" s="10"/>
    </row>
    <row r="951252" spans="14:14">
      <c r="N951252" s="10"/>
    </row>
    <row r="951253" spans="14:14">
      <c r="N951253" s="10"/>
    </row>
    <row r="951254" spans="14:14">
      <c r="N951254" s="10"/>
    </row>
    <row r="951255" spans="14:14">
      <c r="N951255" s="10"/>
    </row>
    <row r="951256" spans="14:14">
      <c r="N951256" s="10"/>
    </row>
    <row r="951257" spans="14:14">
      <c r="N951257" s="10"/>
    </row>
    <row r="951258" spans="14:14">
      <c r="N951258" s="10"/>
    </row>
    <row r="951259" spans="14:14">
      <c r="N951259" s="10"/>
    </row>
    <row r="951260" spans="14:14">
      <c r="N951260" s="10"/>
    </row>
    <row r="951261" spans="14:14">
      <c r="N951261" s="10"/>
    </row>
    <row r="951262" spans="14:14">
      <c r="N951262" s="10"/>
    </row>
    <row r="951263" spans="14:14">
      <c r="N951263" s="10"/>
    </row>
    <row r="951264" spans="14:14">
      <c r="N951264" s="10"/>
    </row>
    <row r="951265" spans="14:14">
      <c r="N951265" s="10"/>
    </row>
    <row r="951266" spans="14:14">
      <c r="N951266" s="10"/>
    </row>
    <row r="951267" spans="14:14">
      <c r="N951267" s="10"/>
    </row>
    <row r="951268" spans="14:14">
      <c r="N951268" s="10"/>
    </row>
    <row r="951269" spans="14:14">
      <c r="N951269" s="10"/>
    </row>
    <row r="951270" spans="14:14">
      <c r="N951270" s="10"/>
    </row>
    <row r="951271" spans="14:14">
      <c r="N951271" s="10"/>
    </row>
    <row r="951272" spans="14:14">
      <c r="N951272" s="10"/>
    </row>
    <row r="951273" spans="14:14">
      <c r="N951273" s="10"/>
    </row>
    <row r="951274" spans="14:14">
      <c r="N951274" s="10"/>
    </row>
    <row r="951275" spans="14:14">
      <c r="N951275" s="10"/>
    </row>
    <row r="951276" spans="14:14">
      <c r="N951276" s="10"/>
    </row>
    <row r="951277" spans="14:14">
      <c r="N951277" s="10"/>
    </row>
    <row r="951278" spans="14:14">
      <c r="N951278" s="10"/>
    </row>
    <row r="951279" spans="14:14">
      <c r="N951279" s="10"/>
    </row>
    <row r="951280" spans="14:14">
      <c r="N951280" s="10"/>
    </row>
    <row r="951281" spans="14:14">
      <c r="N951281" s="10"/>
    </row>
    <row r="951282" spans="14:14">
      <c r="N951282" s="10"/>
    </row>
    <row r="951283" spans="14:14">
      <c r="N951283" s="10"/>
    </row>
    <row r="951284" spans="14:14">
      <c r="N951284" s="10"/>
    </row>
    <row r="951285" spans="14:14">
      <c r="N951285" s="10"/>
    </row>
    <row r="951286" spans="14:14">
      <c r="N951286" s="10"/>
    </row>
    <row r="951287" spans="14:14">
      <c r="N951287" s="10"/>
    </row>
    <row r="951288" spans="14:14">
      <c r="N951288" s="10"/>
    </row>
    <row r="951289" spans="14:14">
      <c r="N951289" s="10"/>
    </row>
    <row r="951290" spans="14:14">
      <c r="N951290" s="10"/>
    </row>
    <row r="951291" spans="14:14">
      <c r="N951291" s="10"/>
    </row>
    <row r="951292" spans="14:14">
      <c r="N951292" s="10"/>
    </row>
    <row r="951293" spans="14:14">
      <c r="N951293" s="10"/>
    </row>
    <row r="951294" spans="14:14">
      <c r="N951294" s="10"/>
    </row>
    <row r="951295" spans="14:14">
      <c r="N951295" s="10"/>
    </row>
    <row r="951296" spans="14:14">
      <c r="N951296" s="10"/>
    </row>
    <row r="951297" spans="14:14">
      <c r="N951297" s="10"/>
    </row>
    <row r="951298" spans="14:14">
      <c r="N951298" s="10"/>
    </row>
    <row r="951299" spans="14:14">
      <c r="N951299" s="10"/>
    </row>
    <row r="951300" spans="14:14">
      <c r="N951300" s="10"/>
    </row>
    <row r="951301" spans="14:14">
      <c r="N951301" s="10"/>
    </row>
    <row r="951302" spans="14:14">
      <c r="N951302" s="10"/>
    </row>
    <row r="951303" spans="14:14">
      <c r="N951303" s="10"/>
    </row>
    <row r="951304" spans="14:14">
      <c r="N951304" s="10"/>
    </row>
    <row r="951305" spans="14:14">
      <c r="N951305" s="10"/>
    </row>
    <row r="951306" spans="14:14">
      <c r="N951306" s="10"/>
    </row>
    <row r="951307" spans="14:14">
      <c r="N951307" s="10"/>
    </row>
    <row r="951308" spans="14:14">
      <c r="N951308" s="10"/>
    </row>
    <row r="951309" spans="14:14">
      <c r="N951309" s="10"/>
    </row>
    <row r="951310" spans="14:14">
      <c r="N951310" s="10"/>
    </row>
    <row r="951311" spans="14:14">
      <c r="N951311" s="10"/>
    </row>
    <row r="951312" spans="14:14">
      <c r="N951312" s="10"/>
    </row>
    <row r="951313" spans="14:14">
      <c r="N951313" s="10"/>
    </row>
    <row r="951314" spans="14:14">
      <c r="N951314" s="10"/>
    </row>
    <row r="951315" spans="14:14">
      <c r="N951315" s="10"/>
    </row>
    <row r="951316" spans="14:14">
      <c r="N951316" s="10"/>
    </row>
    <row r="951317" spans="14:14">
      <c r="N951317" s="10"/>
    </row>
    <row r="951318" spans="14:14">
      <c r="N951318" s="10"/>
    </row>
    <row r="951319" spans="14:14">
      <c r="N951319" s="10"/>
    </row>
    <row r="951320" spans="14:14">
      <c r="N951320" s="10"/>
    </row>
    <row r="951321" spans="14:14">
      <c r="N951321" s="10"/>
    </row>
    <row r="951322" spans="14:14">
      <c r="N951322" s="10"/>
    </row>
    <row r="951323" spans="14:14">
      <c r="N951323" s="10"/>
    </row>
    <row r="951324" spans="14:14">
      <c r="N951324" s="10"/>
    </row>
    <row r="951325" spans="14:14">
      <c r="N951325" s="10"/>
    </row>
    <row r="951326" spans="14:14">
      <c r="N951326" s="10"/>
    </row>
    <row r="951327" spans="14:14">
      <c r="N951327" s="10"/>
    </row>
    <row r="951328" spans="14:14">
      <c r="N951328" s="10"/>
    </row>
    <row r="951329" spans="14:14">
      <c r="N951329" s="10"/>
    </row>
    <row r="951330" spans="14:14">
      <c r="N951330" s="10"/>
    </row>
    <row r="951331" spans="14:14">
      <c r="N951331" s="10"/>
    </row>
    <row r="951332" spans="14:14">
      <c r="N951332" s="10"/>
    </row>
    <row r="951333" spans="14:14">
      <c r="N951333" s="10"/>
    </row>
    <row r="951334" spans="14:14">
      <c r="N951334" s="10"/>
    </row>
    <row r="951335" spans="14:14">
      <c r="N951335" s="10"/>
    </row>
    <row r="951336" spans="14:14">
      <c r="N951336" s="10"/>
    </row>
    <row r="951337" spans="14:14">
      <c r="N951337" s="10"/>
    </row>
    <row r="951338" spans="14:14">
      <c r="N951338" s="10"/>
    </row>
    <row r="951339" spans="14:14">
      <c r="N951339" s="10"/>
    </row>
    <row r="951340" spans="14:14">
      <c r="N951340" s="10"/>
    </row>
    <row r="951341" spans="14:14">
      <c r="N951341" s="10"/>
    </row>
    <row r="951342" spans="14:14">
      <c r="N951342" s="10"/>
    </row>
    <row r="951343" spans="14:14">
      <c r="N951343" s="10"/>
    </row>
    <row r="951344" spans="14:14">
      <c r="N951344" s="10"/>
    </row>
    <row r="951345" spans="14:14">
      <c r="N951345" s="10"/>
    </row>
    <row r="951346" spans="14:14">
      <c r="N951346" s="10"/>
    </row>
    <row r="951347" spans="14:14">
      <c r="N951347" s="10"/>
    </row>
    <row r="951348" spans="14:14">
      <c r="N951348" s="10"/>
    </row>
    <row r="951349" spans="14:14">
      <c r="N951349" s="10"/>
    </row>
    <row r="951350" spans="14:14">
      <c r="N951350" s="10"/>
    </row>
    <row r="951351" spans="14:14">
      <c r="N951351" s="10"/>
    </row>
    <row r="951352" spans="14:14">
      <c r="N951352" s="10"/>
    </row>
    <row r="951353" spans="14:14">
      <c r="N951353" s="10"/>
    </row>
    <row r="951354" spans="14:14">
      <c r="N951354" s="10"/>
    </row>
    <row r="951355" spans="14:14">
      <c r="N951355" s="10"/>
    </row>
    <row r="951356" spans="14:14">
      <c r="N951356" s="10"/>
    </row>
    <row r="951357" spans="14:14">
      <c r="N951357" s="10"/>
    </row>
    <row r="951358" spans="14:14">
      <c r="N951358" s="10"/>
    </row>
    <row r="951359" spans="14:14">
      <c r="N951359" s="10"/>
    </row>
    <row r="951360" spans="14:14">
      <c r="N951360" s="10"/>
    </row>
    <row r="951361" spans="14:14">
      <c r="N951361" s="10"/>
    </row>
    <row r="951362" spans="14:14">
      <c r="N951362" s="10"/>
    </row>
    <row r="951363" spans="14:14">
      <c r="N951363" s="10"/>
    </row>
    <row r="951364" spans="14:14">
      <c r="N951364" s="10"/>
    </row>
    <row r="951365" spans="14:14">
      <c r="N951365" s="10"/>
    </row>
    <row r="951366" spans="14:14">
      <c r="N951366" s="10"/>
    </row>
    <row r="951367" spans="14:14">
      <c r="N951367" s="10"/>
    </row>
    <row r="951368" spans="14:14">
      <c r="N951368" s="10"/>
    </row>
    <row r="951369" spans="14:14">
      <c r="N951369" s="10"/>
    </row>
    <row r="951370" spans="14:14">
      <c r="N951370" s="10"/>
    </row>
    <row r="951371" spans="14:14">
      <c r="N951371" s="10"/>
    </row>
    <row r="951372" spans="14:14">
      <c r="N951372" s="10"/>
    </row>
    <row r="951373" spans="14:14">
      <c r="N951373" s="10"/>
    </row>
    <row r="951374" spans="14:14">
      <c r="N951374" s="10"/>
    </row>
    <row r="951375" spans="14:14">
      <c r="N951375" s="10"/>
    </row>
    <row r="951376" spans="14:14">
      <c r="N951376" s="10"/>
    </row>
    <row r="951377" spans="14:14">
      <c r="N951377" s="10"/>
    </row>
    <row r="951378" spans="14:14">
      <c r="N951378" s="10"/>
    </row>
    <row r="951379" spans="14:14">
      <c r="N951379" s="10"/>
    </row>
    <row r="951380" spans="14:14">
      <c r="N951380" s="10"/>
    </row>
    <row r="951381" spans="14:14">
      <c r="N951381" s="10"/>
    </row>
    <row r="951382" spans="14:14">
      <c r="N951382" s="10"/>
    </row>
    <row r="951383" spans="14:14">
      <c r="N951383" s="10"/>
    </row>
    <row r="951384" spans="14:14">
      <c r="N951384" s="10"/>
    </row>
    <row r="951385" spans="14:14">
      <c r="N951385" s="10"/>
    </row>
    <row r="951386" spans="14:14">
      <c r="N951386" s="10"/>
    </row>
    <row r="951387" spans="14:14">
      <c r="N951387" s="10"/>
    </row>
    <row r="951388" spans="14:14">
      <c r="N951388" s="10"/>
    </row>
    <row r="951389" spans="14:14">
      <c r="N951389" s="10"/>
    </row>
    <row r="951390" spans="14:14">
      <c r="N951390" s="10"/>
    </row>
    <row r="951391" spans="14:14">
      <c r="N951391" s="10"/>
    </row>
    <row r="951392" spans="14:14">
      <c r="N951392" s="10"/>
    </row>
    <row r="951393" spans="14:14">
      <c r="N951393" s="10"/>
    </row>
    <row r="951394" spans="14:14">
      <c r="N951394" s="10"/>
    </row>
    <row r="951395" spans="14:14">
      <c r="N951395" s="10"/>
    </row>
    <row r="951396" spans="14:14">
      <c r="N951396" s="10"/>
    </row>
    <row r="951397" spans="14:14">
      <c r="N951397" s="10"/>
    </row>
    <row r="951398" spans="14:14">
      <c r="N951398" s="10"/>
    </row>
    <row r="951399" spans="14:14">
      <c r="N951399" s="10"/>
    </row>
    <row r="951400" spans="14:14">
      <c r="N951400" s="10"/>
    </row>
    <row r="951401" spans="14:14">
      <c r="N951401" s="10"/>
    </row>
    <row r="951402" spans="14:14">
      <c r="N951402" s="10"/>
    </row>
    <row r="951403" spans="14:14">
      <c r="N951403" s="10"/>
    </row>
    <row r="951404" spans="14:14">
      <c r="N951404" s="10"/>
    </row>
    <row r="951405" spans="14:14">
      <c r="N951405" s="10"/>
    </row>
    <row r="951406" spans="14:14">
      <c r="N951406" s="10"/>
    </row>
    <row r="951407" spans="14:14">
      <c r="N951407" s="10"/>
    </row>
    <row r="951408" spans="14:14">
      <c r="N951408" s="10"/>
    </row>
    <row r="951409" spans="14:14">
      <c r="N951409" s="10"/>
    </row>
    <row r="951410" spans="14:14">
      <c r="N951410" s="10"/>
    </row>
    <row r="951411" spans="14:14">
      <c r="N951411" s="10"/>
    </row>
    <row r="951412" spans="14:14">
      <c r="N951412" s="10"/>
    </row>
    <row r="951413" spans="14:14">
      <c r="N951413" s="10"/>
    </row>
    <row r="951414" spans="14:14">
      <c r="N951414" s="10"/>
    </row>
    <row r="951415" spans="14:14">
      <c r="N951415" s="10"/>
    </row>
    <row r="951416" spans="14:14">
      <c r="N951416" s="10"/>
    </row>
    <row r="951417" spans="14:14">
      <c r="N951417" s="10"/>
    </row>
    <row r="951418" spans="14:14">
      <c r="N951418" s="10"/>
    </row>
    <row r="951419" spans="14:14">
      <c r="N951419" s="10"/>
    </row>
    <row r="951420" spans="14:14">
      <c r="N951420" s="10"/>
    </row>
    <row r="951421" spans="14:14">
      <c r="N951421" s="10"/>
    </row>
    <row r="951422" spans="14:14">
      <c r="N951422" s="10"/>
    </row>
    <row r="951423" spans="14:14">
      <c r="N951423" s="10"/>
    </row>
    <row r="951424" spans="14:14">
      <c r="N951424" s="10"/>
    </row>
    <row r="951425" spans="14:14">
      <c r="N951425" s="10"/>
    </row>
    <row r="951426" spans="14:14">
      <c r="N951426" s="10"/>
    </row>
    <row r="951427" spans="14:14">
      <c r="N951427" s="10"/>
    </row>
    <row r="951428" spans="14:14">
      <c r="N951428" s="10"/>
    </row>
    <row r="951429" spans="14:14">
      <c r="N951429" s="10"/>
    </row>
    <row r="951430" spans="14:14">
      <c r="N951430" s="10"/>
    </row>
    <row r="951431" spans="14:14">
      <c r="N951431" s="10"/>
    </row>
    <row r="951432" spans="14:14">
      <c r="N951432" s="10"/>
    </row>
    <row r="951433" spans="14:14">
      <c r="N951433" s="10"/>
    </row>
    <row r="951434" spans="14:14">
      <c r="N951434" s="10"/>
    </row>
    <row r="951435" spans="14:14">
      <c r="N951435" s="10"/>
    </row>
    <row r="951436" spans="14:14">
      <c r="N951436" s="10"/>
    </row>
    <row r="951437" spans="14:14">
      <c r="N951437" s="10"/>
    </row>
    <row r="951438" spans="14:14">
      <c r="N951438" s="10"/>
    </row>
    <row r="951439" spans="14:14">
      <c r="N951439" s="10"/>
    </row>
    <row r="951440" spans="14:14">
      <c r="N951440" s="10"/>
    </row>
    <row r="951441" spans="14:14">
      <c r="N951441" s="10"/>
    </row>
    <row r="951442" spans="14:14">
      <c r="N951442" s="10"/>
    </row>
    <row r="951443" spans="14:14">
      <c r="N951443" s="10"/>
    </row>
    <row r="951444" spans="14:14">
      <c r="N951444" s="10"/>
    </row>
    <row r="951445" spans="14:14">
      <c r="N951445" s="10"/>
    </row>
    <row r="951446" spans="14:14">
      <c r="N951446" s="10"/>
    </row>
    <row r="951447" spans="14:14">
      <c r="N951447" s="10"/>
    </row>
    <row r="951448" spans="14:14">
      <c r="N951448" s="10"/>
    </row>
    <row r="951449" spans="14:14">
      <c r="N951449" s="10"/>
    </row>
    <row r="951450" spans="14:14">
      <c r="N951450" s="10"/>
    </row>
    <row r="951451" spans="14:14">
      <c r="N951451" s="10"/>
    </row>
    <row r="951452" spans="14:14">
      <c r="N951452" s="10"/>
    </row>
    <row r="951453" spans="14:14">
      <c r="N951453" s="10"/>
    </row>
    <row r="951454" spans="14:14">
      <c r="N951454" s="10"/>
    </row>
    <row r="951455" spans="14:14">
      <c r="N951455" s="10"/>
    </row>
    <row r="951456" spans="14:14">
      <c r="N951456" s="10"/>
    </row>
    <row r="951457" spans="14:14">
      <c r="N951457" s="10"/>
    </row>
    <row r="951458" spans="14:14">
      <c r="N951458" s="10"/>
    </row>
    <row r="951459" spans="14:14">
      <c r="N951459" s="10"/>
    </row>
    <row r="951460" spans="14:14">
      <c r="N951460" s="10"/>
    </row>
    <row r="951461" spans="14:14">
      <c r="N951461" s="10"/>
    </row>
    <row r="951462" spans="14:14">
      <c r="N951462" s="10"/>
    </row>
    <row r="951463" spans="14:14">
      <c r="N951463" s="10"/>
    </row>
    <row r="951464" spans="14:14">
      <c r="N951464" s="10"/>
    </row>
    <row r="951465" spans="14:14">
      <c r="N951465" s="10"/>
    </row>
    <row r="951466" spans="14:14">
      <c r="N951466" s="10"/>
    </row>
    <row r="951467" spans="14:14">
      <c r="N951467" s="10"/>
    </row>
    <row r="951468" spans="14:14">
      <c r="N951468" s="10"/>
    </row>
    <row r="951469" spans="14:14">
      <c r="N951469" s="10"/>
    </row>
    <row r="951470" spans="14:14">
      <c r="N951470" s="10"/>
    </row>
    <row r="951471" spans="14:14">
      <c r="N951471" s="10"/>
    </row>
    <row r="951472" spans="14:14">
      <c r="N951472" s="10"/>
    </row>
    <row r="951473" spans="14:14">
      <c r="N951473" s="10"/>
    </row>
    <row r="951474" spans="14:14">
      <c r="N951474" s="10"/>
    </row>
    <row r="951475" spans="14:14">
      <c r="N951475" s="10"/>
    </row>
    <row r="951476" spans="14:14">
      <c r="N951476" s="10"/>
    </row>
    <row r="951477" spans="14:14">
      <c r="N951477" s="10"/>
    </row>
    <row r="951478" spans="14:14">
      <c r="N951478" s="10"/>
    </row>
    <row r="951479" spans="14:14">
      <c r="N951479" s="10"/>
    </row>
    <row r="951480" spans="14:14">
      <c r="N951480" s="10"/>
    </row>
    <row r="951481" spans="14:14">
      <c r="N951481" s="10"/>
    </row>
    <row r="951482" spans="14:14">
      <c r="N951482" s="10"/>
    </row>
    <row r="951483" spans="14:14">
      <c r="N951483" s="10"/>
    </row>
    <row r="951484" spans="14:14">
      <c r="N951484" s="10"/>
    </row>
    <row r="951485" spans="14:14">
      <c r="N951485" s="10"/>
    </row>
    <row r="951486" spans="14:14">
      <c r="N951486" s="10"/>
    </row>
    <row r="951487" spans="14:14">
      <c r="N951487" s="10"/>
    </row>
    <row r="951488" spans="14:14">
      <c r="N951488" s="10"/>
    </row>
    <row r="951489" spans="14:14">
      <c r="N951489" s="10"/>
    </row>
    <row r="951490" spans="14:14">
      <c r="N951490" s="10"/>
    </row>
    <row r="951491" spans="14:14">
      <c r="N951491" s="10"/>
    </row>
    <row r="951492" spans="14:14">
      <c r="N951492" s="10"/>
    </row>
    <row r="951493" spans="14:14">
      <c r="N951493" s="10"/>
    </row>
    <row r="951494" spans="14:14">
      <c r="N951494" s="10"/>
    </row>
    <row r="951495" spans="14:14">
      <c r="N951495" s="10"/>
    </row>
    <row r="951496" spans="14:14">
      <c r="N951496" s="10"/>
    </row>
    <row r="951497" spans="14:14">
      <c r="N951497" s="10"/>
    </row>
    <row r="951498" spans="14:14">
      <c r="N951498" s="10"/>
    </row>
    <row r="951499" spans="14:14">
      <c r="N951499" s="10"/>
    </row>
    <row r="951500" spans="14:14">
      <c r="N951500" s="10"/>
    </row>
    <row r="951501" spans="14:14">
      <c r="N951501" s="10"/>
    </row>
    <row r="951502" spans="14:14">
      <c r="N951502" s="10"/>
    </row>
    <row r="951503" spans="14:14">
      <c r="N951503" s="10"/>
    </row>
    <row r="951504" spans="14:14">
      <c r="N951504" s="10"/>
    </row>
    <row r="951505" spans="14:14">
      <c r="N951505" s="10"/>
    </row>
    <row r="951506" spans="14:14">
      <c r="N951506" s="10"/>
    </row>
    <row r="951507" spans="14:14">
      <c r="N951507" s="10"/>
    </row>
    <row r="951508" spans="14:14">
      <c r="N951508" s="10"/>
    </row>
    <row r="951509" spans="14:14">
      <c r="N951509" s="10"/>
    </row>
    <row r="951510" spans="14:14">
      <c r="N951510" s="10"/>
    </row>
    <row r="951511" spans="14:14">
      <c r="N951511" s="10"/>
    </row>
    <row r="951512" spans="14:14">
      <c r="N951512" s="10"/>
    </row>
    <row r="951513" spans="14:14">
      <c r="N951513" s="10"/>
    </row>
    <row r="951514" spans="14:14">
      <c r="N951514" s="10"/>
    </row>
    <row r="951515" spans="14:14">
      <c r="N951515" s="10"/>
    </row>
    <row r="951516" spans="14:14">
      <c r="N951516" s="10"/>
    </row>
    <row r="951517" spans="14:14">
      <c r="N951517" s="10"/>
    </row>
    <row r="951518" spans="14:14">
      <c r="N951518" s="10"/>
    </row>
    <row r="951519" spans="14:14">
      <c r="N951519" s="10"/>
    </row>
    <row r="951520" spans="14:14">
      <c r="N951520" s="10"/>
    </row>
    <row r="951521" spans="14:14">
      <c r="N951521" s="10"/>
    </row>
    <row r="951522" spans="14:14">
      <c r="N951522" s="10"/>
    </row>
    <row r="951523" spans="14:14">
      <c r="N951523" s="10"/>
    </row>
    <row r="951524" spans="14:14">
      <c r="N951524" s="10"/>
    </row>
    <row r="951525" spans="14:14">
      <c r="N951525" s="10"/>
    </row>
    <row r="951526" spans="14:14">
      <c r="N951526" s="10"/>
    </row>
    <row r="951527" spans="14:14">
      <c r="N951527" s="10"/>
    </row>
    <row r="951528" spans="14:14">
      <c r="N951528" s="10"/>
    </row>
    <row r="951529" spans="14:14">
      <c r="N951529" s="10"/>
    </row>
    <row r="951530" spans="14:14">
      <c r="N951530" s="10"/>
    </row>
    <row r="951531" spans="14:14">
      <c r="N951531" s="10"/>
    </row>
    <row r="951532" spans="14:14">
      <c r="N951532" s="10"/>
    </row>
    <row r="951533" spans="14:14">
      <c r="N951533" s="10"/>
    </row>
    <row r="951534" spans="14:14">
      <c r="N951534" s="10"/>
    </row>
    <row r="951535" spans="14:14">
      <c r="N951535" s="10"/>
    </row>
    <row r="951536" spans="14:14">
      <c r="N951536" s="10"/>
    </row>
    <row r="951537" spans="14:14">
      <c r="N951537" s="10"/>
    </row>
    <row r="951538" spans="14:14">
      <c r="N951538" s="10"/>
    </row>
    <row r="951539" spans="14:14">
      <c r="N951539" s="10"/>
    </row>
    <row r="951540" spans="14:14">
      <c r="N951540" s="10"/>
    </row>
    <row r="951541" spans="14:14">
      <c r="N951541" s="10"/>
    </row>
    <row r="951542" spans="14:14">
      <c r="N951542" s="10"/>
    </row>
    <row r="951543" spans="14:14">
      <c r="N951543" s="10"/>
    </row>
    <row r="951544" spans="14:14">
      <c r="N951544" s="10"/>
    </row>
    <row r="951545" spans="14:14">
      <c r="N951545" s="10"/>
    </row>
    <row r="951546" spans="14:14">
      <c r="N951546" s="10"/>
    </row>
    <row r="951547" spans="14:14">
      <c r="N951547" s="10"/>
    </row>
    <row r="951548" spans="14:14">
      <c r="N951548" s="10"/>
    </row>
    <row r="951549" spans="14:14">
      <c r="N951549" s="10"/>
    </row>
    <row r="951550" spans="14:14">
      <c r="N951550" s="10"/>
    </row>
    <row r="951551" spans="14:14">
      <c r="N951551" s="10"/>
    </row>
    <row r="951552" spans="14:14">
      <c r="N951552" s="10"/>
    </row>
    <row r="951553" spans="14:14">
      <c r="N951553" s="10"/>
    </row>
    <row r="951554" spans="14:14">
      <c r="N951554" s="10"/>
    </row>
    <row r="951555" spans="14:14">
      <c r="N951555" s="10"/>
    </row>
    <row r="951556" spans="14:14">
      <c r="N951556" s="10"/>
    </row>
    <row r="951557" spans="14:14">
      <c r="N951557" s="10"/>
    </row>
    <row r="951558" spans="14:14">
      <c r="N951558" s="10"/>
    </row>
    <row r="951559" spans="14:14">
      <c r="N951559" s="10"/>
    </row>
    <row r="951560" spans="14:14">
      <c r="N951560" s="10"/>
    </row>
    <row r="951561" spans="14:14">
      <c r="N951561" s="10"/>
    </row>
    <row r="951562" spans="14:14">
      <c r="N951562" s="10"/>
    </row>
    <row r="951563" spans="14:14">
      <c r="N951563" s="10"/>
    </row>
    <row r="951564" spans="14:14">
      <c r="N951564" s="10"/>
    </row>
    <row r="951565" spans="14:14">
      <c r="N951565" s="10"/>
    </row>
    <row r="951566" spans="14:14">
      <c r="N951566" s="10"/>
    </row>
    <row r="951567" spans="14:14">
      <c r="N951567" s="10"/>
    </row>
    <row r="951568" spans="14:14">
      <c r="N951568" s="10"/>
    </row>
    <row r="951569" spans="14:14">
      <c r="N951569" s="10"/>
    </row>
    <row r="951570" spans="14:14">
      <c r="N951570" s="10"/>
    </row>
    <row r="951571" spans="14:14">
      <c r="N951571" s="10"/>
    </row>
    <row r="951572" spans="14:14">
      <c r="N951572" s="10"/>
    </row>
    <row r="951573" spans="14:14">
      <c r="N951573" s="10"/>
    </row>
    <row r="951574" spans="14:14">
      <c r="N951574" s="10"/>
    </row>
    <row r="951575" spans="14:14">
      <c r="N951575" s="10"/>
    </row>
    <row r="951576" spans="14:14">
      <c r="N951576" s="10"/>
    </row>
    <row r="951577" spans="14:14">
      <c r="N951577" s="10"/>
    </row>
    <row r="951578" spans="14:14">
      <c r="N951578" s="10"/>
    </row>
    <row r="951579" spans="14:14">
      <c r="N951579" s="10"/>
    </row>
    <row r="951580" spans="14:14">
      <c r="N951580" s="10"/>
    </row>
    <row r="951581" spans="14:14">
      <c r="N951581" s="10"/>
    </row>
    <row r="951582" spans="14:14">
      <c r="N951582" s="10"/>
    </row>
    <row r="951583" spans="14:14">
      <c r="N951583" s="10"/>
    </row>
    <row r="951584" spans="14:14">
      <c r="N951584" s="10"/>
    </row>
    <row r="951585" spans="14:14">
      <c r="N951585" s="10"/>
    </row>
    <row r="951586" spans="14:14">
      <c r="N951586" s="10"/>
    </row>
    <row r="951587" spans="14:14">
      <c r="N951587" s="10"/>
    </row>
    <row r="951588" spans="14:14">
      <c r="N951588" s="10"/>
    </row>
    <row r="951589" spans="14:14">
      <c r="N951589" s="10"/>
    </row>
    <row r="951590" spans="14:14">
      <c r="N951590" s="10"/>
    </row>
    <row r="951591" spans="14:14">
      <c r="N951591" s="10"/>
    </row>
    <row r="951592" spans="14:14">
      <c r="N951592" s="10"/>
    </row>
    <row r="951593" spans="14:14">
      <c r="N951593" s="10"/>
    </row>
    <row r="951594" spans="14:14">
      <c r="N951594" s="10"/>
    </row>
    <row r="951595" spans="14:14">
      <c r="N951595" s="10"/>
    </row>
    <row r="951596" spans="14:14">
      <c r="N951596" s="10"/>
    </row>
    <row r="951597" spans="14:14">
      <c r="N951597" s="10"/>
    </row>
    <row r="951598" spans="14:14">
      <c r="N951598" s="10"/>
    </row>
    <row r="951599" spans="14:14">
      <c r="N951599" s="10"/>
    </row>
    <row r="951600" spans="14:14">
      <c r="N951600" s="10"/>
    </row>
    <row r="951601" spans="14:14">
      <c r="N951601" s="10"/>
    </row>
    <row r="951602" spans="14:14">
      <c r="N951602" s="10"/>
    </row>
    <row r="951603" spans="14:14">
      <c r="N951603" s="10"/>
    </row>
    <row r="951604" spans="14:14">
      <c r="N951604" s="10"/>
    </row>
    <row r="951605" spans="14:14">
      <c r="N951605" s="10"/>
    </row>
    <row r="951606" spans="14:14">
      <c r="N951606" s="10"/>
    </row>
    <row r="951607" spans="14:14">
      <c r="N951607" s="10"/>
    </row>
    <row r="951608" spans="14:14">
      <c r="N951608" s="10"/>
    </row>
    <row r="951609" spans="14:14">
      <c r="N951609" s="10"/>
    </row>
    <row r="951610" spans="14:14">
      <c r="N951610" s="10"/>
    </row>
    <row r="951611" spans="14:14">
      <c r="N951611" s="10"/>
    </row>
    <row r="951612" spans="14:14">
      <c r="N951612" s="10"/>
    </row>
    <row r="951613" spans="14:14">
      <c r="N951613" s="10"/>
    </row>
    <row r="951614" spans="14:14">
      <c r="N951614" s="10"/>
    </row>
    <row r="951615" spans="14:14">
      <c r="N951615" s="10"/>
    </row>
    <row r="951616" spans="14:14">
      <c r="N951616" s="10"/>
    </row>
    <row r="951617" spans="14:14">
      <c r="N951617" s="10"/>
    </row>
    <row r="951618" spans="14:14">
      <c r="N951618" s="10"/>
    </row>
    <row r="951619" spans="14:14">
      <c r="N951619" s="10"/>
    </row>
    <row r="951620" spans="14:14">
      <c r="N951620" s="10"/>
    </row>
    <row r="951621" spans="14:14">
      <c r="N951621" s="10"/>
    </row>
    <row r="951622" spans="14:14">
      <c r="N951622" s="10"/>
    </row>
    <row r="951623" spans="14:14">
      <c r="N951623" s="10"/>
    </row>
    <row r="951624" spans="14:14">
      <c r="N951624" s="10"/>
    </row>
    <row r="951625" spans="14:14">
      <c r="N951625" s="10"/>
    </row>
    <row r="951626" spans="14:14">
      <c r="N951626" s="10"/>
    </row>
    <row r="951627" spans="14:14">
      <c r="N951627" s="10"/>
    </row>
    <row r="951628" spans="14:14">
      <c r="N951628" s="10"/>
    </row>
    <row r="951629" spans="14:14">
      <c r="N951629" s="10"/>
    </row>
    <row r="951630" spans="14:14">
      <c r="N951630" s="10"/>
    </row>
    <row r="951631" spans="14:14">
      <c r="N951631" s="10"/>
    </row>
    <row r="951632" spans="14:14">
      <c r="N951632" s="10"/>
    </row>
    <row r="951633" spans="14:14">
      <c r="N951633" s="10"/>
    </row>
    <row r="951634" spans="14:14">
      <c r="N951634" s="10"/>
    </row>
    <row r="951635" spans="14:14">
      <c r="N951635" s="10"/>
    </row>
    <row r="951636" spans="14:14">
      <c r="N951636" s="10"/>
    </row>
    <row r="951637" spans="14:14">
      <c r="N951637" s="10"/>
    </row>
    <row r="951638" spans="14:14">
      <c r="N951638" s="10"/>
    </row>
    <row r="951639" spans="14:14">
      <c r="N951639" s="10"/>
    </row>
    <row r="951640" spans="14:14">
      <c r="N951640" s="10"/>
    </row>
    <row r="951641" spans="14:14">
      <c r="N951641" s="10"/>
    </row>
    <row r="951642" spans="14:14">
      <c r="N951642" s="10"/>
    </row>
    <row r="951643" spans="14:14">
      <c r="N951643" s="10"/>
    </row>
    <row r="951644" spans="14:14">
      <c r="N951644" s="10"/>
    </row>
    <row r="951645" spans="14:14">
      <c r="N951645" s="10"/>
    </row>
    <row r="951646" spans="14:14">
      <c r="N951646" s="10"/>
    </row>
    <row r="951647" spans="14:14">
      <c r="N951647" s="10"/>
    </row>
    <row r="951648" spans="14:14">
      <c r="N951648" s="10"/>
    </row>
    <row r="951649" spans="14:14">
      <c r="N951649" s="10"/>
    </row>
    <row r="951650" spans="14:14">
      <c r="N951650" s="10"/>
    </row>
    <row r="951651" spans="14:14">
      <c r="N951651" s="10"/>
    </row>
    <row r="951652" spans="14:14">
      <c r="N951652" s="10"/>
    </row>
    <row r="951653" spans="14:14">
      <c r="N951653" s="10"/>
    </row>
    <row r="951654" spans="14:14">
      <c r="N951654" s="10"/>
    </row>
    <row r="951655" spans="14:14">
      <c r="N951655" s="10"/>
    </row>
    <row r="951656" spans="14:14">
      <c r="N951656" s="10"/>
    </row>
    <row r="951657" spans="14:14">
      <c r="N951657" s="10"/>
    </row>
    <row r="951658" spans="14:14">
      <c r="N951658" s="10"/>
    </row>
    <row r="951659" spans="14:14">
      <c r="N951659" s="10"/>
    </row>
    <row r="951660" spans="14:14">
      <c r="N951660" s="10"/>
    </row>
    <row r="951661" spans="14:14">
      <c r="N951661" s="10"/>
    </row>
    <row r="951662" spans="14:14">
      <c r="N951662" s="10"/>
    </row>
    <row r="951663" spans="14:14">
      <c r="N951663" s="10"/>
    </row>
    <row r="951664" spans="14:14">
      <c r="N951664" s="10"/>
    </row>
    <row r="951665" spans="14:14">
      <c r="N951665" s="10"/>
    </row>
    <row r="951666" spans="14:14">
      <c r="N951666" s="10"/>
    </row>
    <row r="951667" spans="14:14">
      <c r="N951667" s="10"/>
    </row>
    <row r="951668" spans="14:14">
      <c r="N951668" s="10"/>
    </row>
    <row r="951669" spans="14:14">
      <c r="N951669" s="10"/>
    </row>
    <row r="951670" spans="14:14">
      <c r="N951670" s="10"/>
    </row>
    <row r="951671" spans="14:14">
      <c r="N951671" s="10"/>
    </row>
    <row r="951672" spans="14:14">
      <c r="N951672" s="10"/>
    </row>
    <row r="951673" spans="14:14">
      <c r="N951673" s="10"/>
    </row>
    <row r="951674" spans="14:14">
      <c r="N951674" s="10"/>
    </row>
    <row r="951675" spans="14:14">
      <c r="N951675" s="10"/>
    </row>
    <row r="951676" spans="14:14">
      <c r="N951676" s="10"/>
    </row>
    <row r="951677" spans="14:14">
      <c r="N951677" s="10"/>
    </row>
    <row r="951678" spans="14:14">
      <c r="N951678" s="10"/>
    </row>
    <row r="951679" spans="14:14">
      <c r="N951679" s="10"/>
    </row>
    <row r="951680" spans="14:14">
      <c r="N951680" s="10"/>
    </row>
    <row r="951681" spans="14:14">
      <c r="N951681" s="10"/>
    </row>
    <row r="951682" spans="14:14">
      <c r="N951682" s="10"/>
    </row>
    <row r="951683" spans="14:14">
      <c r="N951683" s="10"/>
    </row>
    <row r="951684" spans="14:14">
      <c r="N951684" s="10"/>
    </row>
    <row r="951685" spans="14:14">
      <c r="N951685" s="10"/>
    </row>
    <row r="951686" spans="14:14">
      <c r="N951686" s="10"/>
    </row>
    <row r="951687" spans="14:14">
      <c r="N951687" s="10"/>
    </row>
    <row r="951688" spans="14:14">
      <c r="N951688" s="10"/>
    </row>
    <row r="951689" spans="14:14">
      <c r="N951689" s="10"/>
    </row>
    <row r="951690" spans="14:14">
      <c r="N951690" s="10"/>
    </row>
    <row r="951691" spans="14:14">
      <c r="N951691" s="10"/>
    </row>
    <row r="951692" spans="14:14">
      <c r="N951692" s="10"/>
    </row>
    <row r="951693" spans="14:14">
      <c r="N951693" s="10"/>
    </row>
    <row r="951694" spans="14:14">
      <c r="N951694" s="10"/>
    </row>
    <row r="951695" spans="14:14">
      <c r="N951695" s="10"/>
    </row>
    <row r="951696" spans="14:14">
      <c r="N951696" s="10"/>
    </row>
    <row r="951697" spans="14:14">
      <c r="N951697" s="10"/>
    </row>
    <row r="951698" spans="14:14">
      <c r="N951698" s="10"/>
    </row>
    <row r="951699" spans="14:14">
      <c r="N951699" s="10"/>
    </row>
    <row r="951700" spans="14:14">
      <c r="N951700" s="10"/>
    </row>
    <row r="951701" spans="14:14">
      <c r="N951701" s="10"/>
    </row>
    <row r="951702" spans="14:14">
      <c r="N951702" s="10"/>
    </row>
    <row r="951703" spans="14:14">
      <c r="N951703" s="10"/>
    </row>
    <row r="951704" spans="14:14">
      <c r="N951704" s="10"/>
    </row>
    <row r="951705" spans="14:14">
      <c r="N951705" s="10"/>
    </row>
    <row r="951706" spans="14:14">
      <c r="N951706" s="10"/>
    </row>
    <row r="951707" spans="14:14">
      <c r="N951707" s="10"/>
    </row>
    <row r="951708" spans="14:14">
      <c r="N951708" s="10"/>
    </row>
    <row r="951709" spans="14:14">
      <c r="N951709" s="10"/>
    </row>
    <row r="951710" spans="14:14">
      <c r="N951710" s="10"/>
    </row>
    <row r="951711" spans="14:14">
      <c r="N951711" s="10"/>
    </row>
    <row r="951712" spans="14:14">
      <c r="N951712" s="10"/>
    </row>
    <row r="951713" spans="14:14">
      <c r="N951713" s="10"/>
    </row>
    <row r="951714" spans="14:14">
      <c r="N951714" s="10"/>
    </row>
    <row r="951715" spans="14:14">
      <c r="N951715" s="10"/>
    </row>
    <row r="951716" spans="14:14">
      <c r="N951716" s="10"/>
    </row>
    <row r="951717" spans="14:14">
      <c r="N951717" s="10"/>
    </row>
    <row r="951718" spans="14:14">
      <c r="N951718" s="10"/>
    </row>
    <row r="951719" spans="14:14">
      <c r="N951719" s="10"/>
    </row>
    <row r="951720" spans="14:14">
      <c r="N951720" s="10"/>
    </row>
    <row r="951721" spans="14:14">
      <c r="N951721" s="10"/>
    </row>
    <row r="951722" spans="14:14">
      <c r="N951722" s="10"/>
    </row>
    <row r="951723" spans="14:14">
      <c r="N951723" s="10"/>
    </row>
    <row r="951724" spans="14:14">
      <c r="N951724" s="10"/>
    </row>
    <row r="951725" spans="14:14">
      <c r="N951725" s="10"/>
    </row>
    <row r="951726" spans="14:14">
      <c r="N951726" s="10"/>
    </row>
    <row r="951727" spans="14:14">
      <c r="N951727" s="10"/>
    </row>
    <row r="951728" spans="14:14">
      <c r="N951728" s="10"/>
    </row>
    <row r="951729" spans="14:14">
      <c r="N951729" s="10"/>
    </row>
    <row r="951730" spans="14:14">
      <c r="N951730" s="10"/>
    </row>
    <row r="951731" spans="14:14">
      <c r="N951731" s="10"/>
    </row>
    <row r="951732" spans="14:14">
      <c r="N951732" s="10"/>
    </row>
    <row r="951733" spans="14:14">
      <c r="N951733" s="10"/>
    </row>
    <row r="951734" spans="14:14">
      <c r="N951734" s="10"/>
    </row>
    <row r="951735" spans="14:14">
      <c r="N951735" s="10"/>
    </row>
    <row r="951736" spans="14:14">
      <c r="N951736" s="10"/>
    </row>
    <row r="951737" spans="14:14">
      <c r="N951737" s="10"/>
    </row>
    <row r="951738" spans="14:14">
      <c r="N951738" s="10"/>
    </row>
    <row r="951739" spans="14:14">
      <c r="N951739" s="10"/>
    </row>
    <row r="951740" spans="14:14">
      <c r="N951740" s="10"/>
    </row>
    <row r="951741" spans="14:14">
      <c r="N951741" s="10"/>
    </row>
    <row r="951742" spans="14:14">
      <c r="N951742" s="10"/>
    </row>
    <row r="951743" spans="14:14">
      <c r="N951743" s="10"/>
    </row>
    <row r="951744" spans="14:14">
      <c r="N951744" s="10"/>
    </row>
    <row r="951745" spans="14:14">
      <c r="N951745" s="10"/>
    </row>
    <row r="951746" spans="14:14">
      <c r="N951746" s="10"/>
    </row>
    <row r="951747" spans="14:14">
      <c r="N951747" s="10"/>
    </row>
    <row r="951748" spans="14:14">
      <c r="N951748" s="10"/>
    </row>
    <row r="951749" spans="14:14">
      <c r="N951749" s="10"/>
    </row>
    <row r="951750" spans="14:14">
      <c r="N951750" s="10"/>
    </row>
    <row r="951751" spans="14:14">
      <c r="N951751" s="10"/>
    </row>
    <row r="951752" spans="14:14">
      <c r="N951752" s="10"/>
    </row>
    <row r="951753" spans="14:14">
      <c r="N951753" s="10"/>
    </row>
    <row r="951754" spans="14:14">
      <c r="N951754" s="10"/>
    </row>
    <row r="951755" spans="14:14">
      <c r="N951755" s="10"/>
    </row>
    <row r="951756" spans="14:14">
      <c r="N951756" s="10"/>
    </row>
    <row r="951757" spans="14:14">
      <c r="N951757" s="10"/>
    </row>
    <row r="951758" spans="14:14">
      <c r="N951758" s="10"/>
    </row>
    <row r="951759" spans="14:14">
      <c r="N951759" s="10"/>
    </row>
    <row r="951760" spans="14:14">
      <c r="N951760" s="10"/>
    </row>
    <row r="951761" spans="14:14">
      <c r="N951761" s="10"/>
    </row>
    <row r="951762" spans="14:14">
      <c r="N951762" s="10"/>
    </row>
    <row r="951763" spans="14:14">
      <c r="N951763" s="10"/>
    </row>
    <row r="951764" spans="14:14">
      <c r="N951764" s="10"/>
    </row>
    <row r="951765" spans="14:14">
      <c r="N951765" s="10"/>
    </row>
    <row r="951766" spans="14:14">
      <c r="N951766" s="10"/>
    </row>
    <row r="951767" spans="14:14">
      <c r="N951767" s="10"/>
    </row>
    <row r="951768" spans="14:14">
      <c r="N951768" s="10"/>
    </row>
    <row r="951769" spans="14:14">
      <c r="N951769" s="10"/>
    </row>
    <row r="951770" spans="14:14">
      <c r="N951770" s="10"/>
    </row>
    <row r="951771" spans="14:14">
      <c r="N951771" s="10"/>
    </row>
    <row r="951772" spans="14:14">
      <c r="N951772" s="10"/>
    </row>
    <row r="951773" spans="14:14">
      <c r="N951773" s="10"/>
    </row>
    <row r="951774" spans="14:14">
      <c r="N951774" s="10"/>
    </row>
    <row r="951775" spans="14:14">
      <c r="N951775" s="10"/>
    </row>
    <row r="951776" spans="14:14">
      <c r="N951776" s="10"/>
    </row>
    <row r="951777" spans="14:14">
      <c r="N951777" s="10"/>
    </row>
    <row r="951778" spans="14:14">
      <c r="N951778" s="10"/>
    </row>
    <row r="951779" spans="14:14">
      <c r="N951779" s="10"/>
    </row>
    <row r="951780" spans="14:14">
      <c r="N951780" s="10"/>
    </row>
    <row r="951781" spans="14:14">
      <c r="N951781" s="10"/>
    </row>
    <row r="951782" spans="14:14">
      <c r="N951782" s="10"/>
    </row>
    <row r="951783" spans="14:14">
      <c r="N951783" s="10"/>
    </row>
    <row r="951784" spans="14:14">
      <c r="N951784" s="10"/>
    </row>
    <row r="951785" spans="14:14">
      <c r="N951785" s="10"/>
    </row>
    <row r="951786" spans="14:14">
      <c r="N951786" s="10"/>
    </row>
    <row r="951787" spans="14:14">
      <c r="N951787" s="10"/>
    </row>
    <row r="951788" spans="14:14">
      <c r="N951788" s="10"/>
    </row>
    <row r="951789" spans="14:14">
      <c r="N951789" s="10"/>
    </row>
    <row r="951790" spans="14:14">
      <c r="N951790" s="10"/>
    </row>
    <row r="951791" spans="14:14">
      <c r="N951791" s="10"/>
    </row>
    <row r="951792" spans="14:14">
      <c r="N951792" s="10"/>
    </row>
    <row r="951793" spans="14:14">
      <c r="N951793" s="10"/>
    </row>
    <row r="951794" spans="14:14">
      <c r="N951794" s="10"/>
    </row>
    <row r="951795" spans="14:14">
      <c r="N951795" s="10"/>
    </row>
    <row r="951796" spans="14:14">
      <c r="N951796" s="10"/>
    </row>
    <row r="951797" spans="14:14">
      <c r="N951797" s="10"/>
    </row>
    <row r="951798" spans="14:14">
      <c r="N951798" s="10"/>
    </row>
    <row r="951799" spans="14:14">
      <c r="N951799" s="10"/>
    </row>
    <row r="951800" spans="14:14">
      <c r="N951800" s="10"/>
    </row>
    <row r="951801" spans="14:14">
      <c r="N951801" s="10"/>
    </row>
    <row r="951802" spans="14:14">
      <c r="N951802" s="10"/>
    </row>
    <row r="951803" spans="14:14">
      <c r="N951803" s="10"/>
    </row>
    <row r="951804" spans="14:14">
      <c r="N951804" s="10"/>
    </row>
    <row r="951805" spans="14:14">
      <c r="N951805" s="10"/>
    </row>
    <row r="951806" spans="14:14">
      <c r="N951806" s="10"/>
    </row>
    <row r="951807" spans="14:14">
      <c r="N951807" s="10"/>
    </row>
    <row r="951808" spans="14:14">
      <c r="N951808" s="10"/>
    </row>
    <row r="951809" spans="14:14">
      <c r="N951809" s="10"/>
    </row>
    <row r="951810" spans="14:14">
      <c r="N951810" s="10"/>
    </row>
    <row r="951811" spans="14:14">
      <c r="N951811" s="10"/>
    </row>
    <row r="951812" spans="14:14">
      <c r="N951812" s="10"/>
    </row>
    <row r="951813" spans="14:14">
      <c r="N951813" s="10"/>
    </row>
    <row r="951814" spans="14:14">
      <c r="N951814" s="10"/>
    </row>
    <row r="951815" spans="14:14">
      <c r="N951815" s="10"/>
    </row>
    <row r="951816" spans="14:14">
      <c r="N951816" s="10"/>
    </row>
    <row r="951817" spans="14:14">
      <c r="N951817" s="10"/>
    </row>
    <row r="951818" spans="14:14">
      <c r="N951818" s="10"/>
    </row>
    <row r="951819" spans="14:14">
      <c r="N951819" s="10"/>
    </row>
    <row r="951820" spans="14:14">
      <c r="N951820" s="10"/>
    </row>
    <row r="951821" spans="14:14">
      <c r="N951821" s="10"/>
    </row>
    <row r="951822" spans="14:14">
      <c r="N951822" s="10"/>
    </row>
    <row r="951823" spans="14:14">
      <c r="N951823" s="10"/>
    </row>
    <row r="951824" spans="14:14">
      <c r="N951824" s="10"/>
    </row>
    <row r="951825" spans="14:14">
      <c r="N951825" s="10"/>
    </row>
    <row r="951826" spans="14:14">
      <c r="N951826" s="10"/>
    </row>
    <row r="951827" spans="14:14">
      <c r="N951827" s="10"/>
    </row>
    <row r="951828" spans="14:14">
      <c r="N951828" s="10"/>
    </row>
    <row r="951829" spans="14:14">
      <c r="N951829" s="10"/>
    </row>
    <row r="951830" spans="14:14">
      <c r="N951830" s="10"/>
    </row>
    <row r="951831" spans="14:14">
      <c r="N951831" s="10"/>
    </row>
    <row r="951832" spans="14:14">
      <c r="N951832" s="10"/>
    </row>
    <row r="951833" spans="14:14">
      <c r="N951833" s="10"/>
    </row>
    <row r="951834" spans="14:14">
      <c r="N951834" s="10"/>
    </row>
    <row r="951835" spans="14:14">
      <c r="N951835" s="10"/>
    </row>
    <row r="951836" spans="14:14">
      <c r="N951836" s="10"/>
    </row>
    <row r="951837" spans="14:14">
      <c r="N951837" s="10"/>
    </row>
    <row r="951838" spans="14:14">
      <c r="N951838" s="10"/>
    </row>
    <row r="951839" spans="14:14">
      <c r="N951839" s="10"/>
    </row>
    <row r="951840" spans="14:14">
      <c r="N951840" s="10"/>
    </row>
    <row r="951841" spans="14:14">
      <c r="N951841" s="10"/>
    </row>
    <row r="951842" spans="14:14">
      <c r="N951842" s="10"/>
    </row>
    <row r="951843" spans="14:14">
      <c r="N951843" s="10"/>
    </row>
    <row r="951844" spans="14:14">
      <c r="N951844" s="10"/>
    </row>
    <row r="951845" spans="14:14">
      <c r="N951845" s="10"/>
    </row>
    <row r="951846" spans="14:14">
      <c r="N951846" s="10"/>
    </row>
    <row r="951847" spans="14:14">
      <c r="N951847" s="10"/>
    </row>
    <row r="951848" spans="14:14">
      <c r="N951848" s="10"/>
    </row>
    <row r="951849" spans="14:14">
      <c r="N951849" s="10"/>
    </row>
    <row r="951850" spans="14:14">
      <c r="N951850" s="10"/>
    </row>
    <row r="951851" spans="14:14">
      <c r="N951851" s="10"/>
    </row>
    <row r="951852" spans="14:14">
      <c r="N951852" s="10"/>
    </row>
    <row r="951853" spans="14:14">
      <c r="N951853" s="10"/>
    </row>
    <row r="951854" spans="14:14">
      <c r="N951854" s="10"/>
    </row>
    <row r="951855" spans="14:14">
      <c r="N951855" s="10"/>
    </row>
    <row r="951856" spans="14:14">
      <c r="N951856" s="10"/>
    </row>
    <row r="951857" spans="14:14">
      <c r="N951857" s="10"/>
    </row>
    <row r="951858" spans="14:14">
      <c r="N951858" s="10"/>
    </row>
    <row r="951859" spans="14:14">
      <c r="N951859" s="10"/>
    </row>
    <row r="951860" spans="14:14">
      <c r="N951860" s="10"/>
    </row>
    <row r="951861" spans="14:14">
      <c r="N951861" s="10"/>
    </row>
    <row r="951862" spans="14:14">
      <c r="N951862" s="10"/>
    </row>
    <row r="951863" spans="14:14">
      <c r="N951863" s="10"/>
    </row>
    <row r="951864" spans="14:14">
      <c r="N951864" s="10"/>
    </row>
    <row r="951865" spans="14:14">
      <c r="N951865" s="10"/>
    </row>
    <row r="951866" spans="14:14">
      <c r="N951866" s="10"/>
    </row>
    <row r="951867" spans="14:14">
      <c r="N951867" s="10"/>
    </row>
    <row r="951868" spans="14:14">
      <c r="N951868" s="10"/>
    </row>
    <row r="951869" spans="14:14">
      <c r="N951869" s="10"/>
    </row>
    <row r="951870" spans="14:14">
      <c r="N951870" s="10"/>
    </row>
    <row r="951871" spans="14:14">
      <c r="N951871" s="10"/>
    </row>
    <row r="951872" spans="14:14">
      <c r="N951872" s="10"/>
    </row>
    <row r="951873" spans="14:14">
      <c r="N951873" s="10"/>
    </row>
    <row r="951874" spans="14:14">
      <c r="N951874" s="10"/>
    </row>
    <row r="951875" spans="14:14">
      <c r="N951875" s="10"/>
    </row>
    <row r="951876" spans="14:14">
      <c r="N951876" s="10"/>
    </row>
    <row r="951877" spans="14:14">
      <c r="N951877" s="10"/>
    </row>
    <row r="951878" spans="14:14">
      <c r="N951878" s="10"/>
    </row>
    <row r="951879" spans="14:14">
      <c r="N951879" s="10"/>
    </row>
    <row r="951880" spans="14:14">
      <c r="N951880" s="10"/>
    </row>
    <row r="951881" spans="14:14">
      <c r="N951881" s="10"/>
    </row>
    <row r="951882" spans="14:14">
      <c r="N951882" s="10"/>
    </row>
    <row r="951883" spans="14:14">
      <c r="N951883" s="10"/>
    </row>
    <row r="951884" spans="14:14">
      <c r="N951884" s="10"/>
    </row>
    <row r="951885" spans="14:14">
      <c r="N951885" s="10"/>
    </row>
    <row r="951886" spans="14:14">
      <c r="N951886" s="10"/>
    </row>
    <row r="951887" spans="14:14">
      <c r="N951887" s="10"/>
    </row>
    <row r="951888" spans="14:14">
      <c r="N951888" s="10"/>
    </row>
    <row r="951889" spans="14:14">
      <c r="N951889" s="10"/>
    </row>
    <row r="951890" spans="14:14">
      <c r="N951890" s="10"/>
    </row>
    <row r="951891" spans="14:14">
      <c r="N951891" s="10"/>
    </row>
    <row r="951892" spans="14:14">
      <c r="N951892" s="10"/>
    </row>
    <row r="951893" spans="14:14">
      <c r="N951893" s="10"/>
    </row>
    <row r="951894" spans="14:14">
      <c r="N951894" s="10"/>
    </row>
    <row r="951895" spans="14:14">
      <c r="N951895" s="10"/>
    </row>
    <row r="951896" spans="14:14">
      <c r="N951896" s="10"/>
    </row>
    <row r="951897" spans="14:14">
      <c r="N951897" s="10"/>
    </row>
    <row r="951898" spans="14:14">
      <c r="N951898" s="10"/>
    </row>
    <row r="951899" spans="14:14">
      <c r="N951899" s="10"/>
    </row>
    <row r="951900" spans="14:14">
      <c r="N951900" s="10"/>
    </row>
    <row r="951901" spans="14:14">
      <c r="N951901" s="10"/>
    </row>
    <row r="951902" spans="14:14">
      <c r="N951902" s="10"/>
    </row>
    <row r="951903" spans="14:14">
      <c r="N951903" s="10"/>
    </row>
    <row r="951904" spans="14:14">
      <c r="N951904" s="10"/>
    </row>
    <row r="951905" spans="14:14">
      <c r="N951905" s="10"/>
    </row>
    <row r="951906" spans="14:14">
      <c r="N951906" s="10"/>
    </row>
    <row r="951907" spans="14:14">
      <c r="N951907" s="10"/>
    </row>
    <row r="951908" spans="14:14">
      <c r="N951908" s="10"/>
    </row>
    <row r="951909" spans="14:14">
      <c r="N951909" s="10"/>
    </row>
    <row r="951910" spans="14:14">
      <c r="N951910" s="10"/>
    </row>
    <row r="951911" spans="14:14">
      <c r="N951911" s="10"/>
    </row>
    <row r="951912" spans="14:14">
      <c r="N951912" s="10"/>
    </row>
    <row r="951913" spans="14:14">
      <c r="N951913" s="10"/>
    </row>
    <row r="951914" spans="14:14">
      <c r="N951914" s="10"/>
    </row>
    <row r="951915" spans="14:14">
      <c r="N951915" s="10"/>
    </row>
    <row r="951916" spans="14:14">
      <c r="N951916" s="10"/>
    </row>
    <row r="951917" spans="14:14">
      <c r="N951917" s="10"/>
    </row>
    <row r="951918" spans="14:14">
      <c r="N951918" s="10"/>
    </row>
    <row r="951919" spans="14:14">
      <c r="N951919" s="10"/>
    </row>
    <row r="951920" spans="14:14">
      <c r="N951920" s="10"/>
    </row>
    <row r="951921" spans="14:14">
      <c r="N951921" s="10"/>
    </row>
    <row r="951922" spans="14:14">
      <c r="N951922" s="10"/>
    </row>
    <row r="951923" spans="14:14">
      <c r="N951923" s="10"/>
    </row>
    <row r="951924" spans="14:14">
      <c r="N951924" s="10"/>
    </row>
    <row r="951925" spans="14:14">
      <c r="N951925" s="10"/>
    </row>
    <row r="951926" spans="14:14">
      <c r="N951926" s="10"/>
    </row>
    <row r="951927" spans="14:14">
      <c r="N951927" s="10"/>
    </row>
    <row r="951928" spans="14:14">
      <c r="N951928" s="10"/>
    </row>
    <row r="951929" spans="14:14">
      <c r="N951929" s="10"/>
    </row>
    <row r="951930" spans="14:14">
      <c r="N951930" s="10"/>
    </row>
    <row r="951931" spans="14:14">
      <c r="N951931" s="10"/>
    </row>
    <row r="951932" spans="14:14">
      <c r="N951932" s="10"/>
    </row>
    <row r="951933" spans="14:14">
      <c r="N951933" s="10"/>
    </row>
    <row r="951934" spans="14:14">
      <c r="N951934" s="10"/>
    </row>
    <row r="951935" spans="14:14">
      <c r="N951935" s="10"/>
    </row>
    <row r="951936" spans="14:14">
      <c r="N951936" s="10"/>
    </row>
    <row r="951937" spans="14:14">
      <c r="N951937" s="10"/>
    </row>
    <row r="951938" spans="14:14">
      <c r="N951938" s="10"/>
    </row>
    <row r="951939" spans="14:14">
      <c r="N951939" s="10"/>
    </row>
    <row r="951940" spans="14:14">
      <c r="N951940" s="10"/>
    </row>
    <row r="951941" spans="14:14">
      <c r="N951941" s="10"/>
    </row>
    <row r="951942" spans="14:14">
      <c r="N951942" s="10"/>
    </row>
    <row r="951943" spans="14:14">
      <c r="N951943" s="10"/>
    </row>
    <row r="951944" spans="14:14">
      <c r="N951944" s="10"/>
    </row>
    <row r="951945" spans="14:14">
      <c r="N951945" s="10"/>
    </row>
    <row r="951946" spans="14:14">
      <c r="N951946" s="10"/>
    </row>
    <row r="951947" spans="14:14">
      <c r="N951947" s="10"/>
    </row>
    <row r="951948" spans="14:14">
      <c r="N951948" s="10"/>
    </row>
    <row r="951949" spans="14:14">
      <c r="N951949" s="10"/>
    </row>
    <row r="951950" spans="14:14">
      <c r="N951950" s="10"/>
    </row>
    <row r="951951" spans="14:14">
      <c r="N951951" s="10"/>
    </row>
    <row r="951952" spans="14:14">
      <c r="N951952" s="10"/>
    </row>
    <row r="951953" spans="14:14">
      <c r="N951953" s="10"/>
    </row>
    <row r="951954" spans="14:14">
      <c r="N951954" s="10"/>
    </row>
    <row r="951955" spans="14:14">
      <c r="N951955" s="10"/>
    </row>
    <row r="951956" spans="14:14">
      <c r="N951956" s="10"/>
    </row>
    <row r="951957" spans="14:14">
      <c r="N951957" s="10"/>
    </row>
    <row r="951958" spans="14:14">
      <c r="N951958" s="10"/>
    </row>
    <row r="951959" spans="14:14">
      <c r="N951959" s="10"/>
    </row>
    <row r="951960" spans="14:14">
      <c r="N951960" s="10"/>
    </row>
    <row r="951961" spans="14:14">
      <c r="N951961" s="10"/>
    </row>
    <row r="951962" spans="14:14">
      <c r="N951962" s="10"/>
    </row>
    <row r="951963" spans="14:14">
      <c r="N951963" s="10"/>
    </row>
    <row r="951964" spans="14:14">
      <c r="N951964" s="10"/>
    </row>
    <row r="951965" spans="14:14">
      <c r="N951965" s="10"/>
    </row>
    <row r="951966" spans="14:14">
      <c r="N951966" s="10"/>
    </row>
    <row r="951967" spans="14:14">
      <c r="N951967" s="10"/>
    </row>
    <row r="951968" spans="14:14">
      <c r="N951968" s="10"/>
    </row>
    <row r="951969" spans="14:14">
      <c r="N951969" s="10"/>
    </row>
    <row r="951970" spans="14:14">
      <c r="N951970" s="10"/>
    </row>
    <row r="951971" spans="14:14">
      <c r="N951971" s="10"/>
    </row>
    <row r="951972" spans="14:14">
      <c r="N951972" s="10"/>
    </row>
    <row r="951973" spans="14:14">
      <c r="N951973" s="10"/>
    </row>
    <row r="951974" spans="14:14">
      <c r="N951974" s="10"/>
    </row>
    <row r="951975" spans="14:14">
      <c r="N951975" s="10"/>
    </row>
    <row r="951976" spans="14:14">
      <c r="N951976" s="10"/>
    </row>
    <row r="951977" spans="14:14">
      <c r="N951977" s="10"/>
    </row>
    <row r="951978" spans="14:14">
      <c r="N951978" s="10"/>
    </row>
    <row r="951979" spans="14:14">
      <c r="N951979" s="10"/>
    </row>
    <row r="951980" spans="14:14">
      <c r="N951980" s="10"/>
    </row>
    <row r="951981" spans="14:14">
      <c r="N951981" s="10"/>
    </row>
    <row r="951982" spans="14:14">
      <c r="N951982" s="10"/>
    </row>
    <row r="951983" spans="14:14">
      <c r="N951983" s="10"/>
    </row>
    <row r="951984" spans="14:14">
      <c r="N951984" s="10"/>
    </row>
    <row r="951985" spans="14:14">
      <c r="N951985" s="10"/>
    </row>
    <row r="951986" spans="14:14">
      <c r="N951986" s="10"/>
    </row>
    <row r="951987" spans="14:14">
      <c r="N951987" s="10"/>
    </row>
    <row r="951988" spans="14:14">
      <c r="N951988" s="10"/>
    </row>
    <row r="951989" spans="14:14">
      <c r="N951989" s="10"/>
    </row>
    <row r="951990" spans="14:14">
      <c r="N951990" s="10"/>
    </row>
    <row r="951991" spans="14:14">
      <c r="N951991" s="10"/>
    </row>
    <row r="951992" spans="14:14">
      <c r="N951992" s="10"/>
    </row>
    <row r="951993" spans="14:14">
      <c r="N951993" s="10"/>
    </row>
    <row r="951994" spans="14:14">
      <c r="N951994" s="10"/>
    </row>
    <row r="951995" spans="14:14">
      <c r="N951995" s="10"/>
    </row>
    <row r="951996" spans="14:14">
      <c r="N951996" s="10"/>
    </row>
    <row r="951997" spans="14:14">
      <c r="N951997" s="10"/>
    </row>
    <row r="951998" spans="14:14">
      <c r="N951998" s="10"/>
    </row>
    <row r="951999" spans="14:14">
      <c r="N951999" s="10"/>
    </row>
    <row r="952000" spans="14:14">
      <c r="N952000" s="10"/>
    </row>
    <row r="952001" spans="14:14">
      <c r="N952001" s="10"/>
    </row>
    <row r="952002" spans="14:14">
      <c r="N952002" s="10"/>
    </row>
    <row r="952003" spans="14:14">
      <c r="N952003" s="10"/>
    </row>
    <row r="952004" spans="14:14">
      <c r="N952004" s="10"/>
    </row>
    <row r="952005" spans="14:14">
      <c r="N952005" s="10"/>
    </row>
    <row r="952006" spans="14:14">
      <c r="N952006" s="10"/>
    </row>
    <row r="952007" spans="14:14">
      <c r="N952007" s="10"/>
    </row>
    <row r="952008" spans="14:14">
      <c r="N952008" s="10"/>
    </row>
    <row r="952009" spans="14:14">
      <c r="N952009" s="10"/>
    </row>
    <row r="952010" spans="14:14">
      <c r="N952010" s="10"/>
    </row>
    <row r="952011" spans="14:14">
      <c r="N952011" s="10"/>
    </row>
    <row r="952012" spans="14:14">
      <c r="N952012" s="10"/>
    </row>
    <row r="952013" spans="14:14">
      <c r="N952013" s="10"/>
    </row>
    <row r="952014" spans="14:14">
      <c r="N952014" s="10"/>
    </row>
    <row r="952015" spans="14:14">
      <c r="N952015" s="10"/>
    </row>
    <row r="952016" spans="14:14">
      <c r="N952016" s="10"/>
    </row>
    <row r="952017" spans="14:14">
      <c r="N952017" s="10"/>
    </row>
    <row r="952018" spans="14:14">
      <c r="N952018" s="10"/>
    </row>
    <row r="952019" spans="14:14">
      <c r="N952019" s="10"/>
    </row>
    <row r="952020" spans="14:14">
      <c r="N952020" s="10"/>
    </row>
    <row r="952021" spans="14:14">
      <c r="N952021" s="10"/>
    </row>
    <row r="952022" spans="14:14">
      <c r="N952022" s="10"/>
    </row>
    <row r="952023" spans="14:14">
      <c r="N952023" s="10"/>
    </row>
    <row r="952024" spans="14:14">
      <c r="N952024" s="10"/>
    </row>
    <row r="952025" spans="14:14">
      <c r="N952025" s="10"/>
    </row>
    <row r="952026" spans="14:14">
      <c r="N952026" s="10"/>
    </row>
    <row r="952027" spans="14:14">
      <c r="N952027" s="10"/>
    </row>
    <row r="952028" spans="14:14">
      <c r="N952028" s="10"/>
    </row>
    <row r="952029" spans="14:14">
      <c r="N952029" s="10"/>
    </row>
    <row r="952030" spans="14:14">
      <c r="N952030" s="10"/>
    </row>
    <row r="952031" spans="14:14">
      <c r="N952031" s="10"/>
    </row>
    <row r="952032" spans="14:14">
      <c r="N952032" s="10"/>
    </row>
    <row r="952033" spans="14:14">
      <c r="N952033" s="10"/>
    </row>
    <row r="952034" spans="14:14">
      <c r="N952034" s="10"/>
    </row>
    <row r="952035" spans="14:14">
      <c r="N952035" s="10"/>
    </row>
    <row r="952036" spans="14:14">
      <c r="N952036" s="10"/>
    </row>
    <row r="952037" spans="14:14">
      <c r="N952037" s="10"/>
    </row>
    <row r="952038" spans="14:14">
      <c r="N952038" s="10"/>
    </row>
    <row r="952039" spans="14:14">
      <c r="N952039" s="10"/>
    </row>
    <row r="952040" spans="14:14">
      <c r="N952040" s="10"/>
    </row>
    <row r="952041" spans="14:14">
      <c r="N952041" s="10"/>
    </row>
    <row r="952042" spans="14:14">
      <c r="N952042" s="10"/>
    </row>
    <row r="952043" spans="14:14">
      <c r="N952043" s="10"/>
    </row>
    <row r="952044" spans="14:14">
      <c r="N952044" s="10"/>
    </row>
    <row r="952045" spans="14:14">
      <c r="N952045" s="10"/>
    </row>
    <row r="952046" spans="14:14">
      <c r="N952046" s="10"/>
    </row>
    <row r="952047" spans="14:14">
      <c r="N952047" s="10"/>
    </row>
    <row r="952048" spans="14:14">
      <c r="N952048" s="10"/>
    </row>
    <row r="952049" spans="14:14">
      <c r="N952049" s="10"/>
    </row>
    <row r="952050" spans="14:14">
      <c r="N952050" s="10"/>
    </row>
    <row r="952051" spans="14:14">
      <c r="N952051" s="10"/>
    </row>
    <row r="952052" spans="14:14">
      <c r="N952052" s="10"/>
    </row>
    <row r="952053" spans="14:14">
      <c r="N952053" s="10"/>
    </row>
    <row r="952054" spans="14:14">
      <c r="N952054" s="10"/>
    </row>
    <row r="952055" spans="14:14">
      <c r="N952055" s="10"/>
    </row>
    <row r="952056" spans="14:14">
      <c r="N952056" s="10"/>
    </row>
    <row r="952057" spans="14:14">
      <c r="N952057" s="10"/>
    </row>
    <row r="952058" spans="14:14">
      <c r="N952058" s="10"/>
    </row>
    <row r="952059" spans="14:14">
      <c r="N952059" s="10"/>
    </row>
    <row r="952060" spans="14:14">
      <c r="N952060" s="10"/>
    </row>
    <row r="952061" spans="14:14">
      <c r="N952061" s="10"/>
    </row>
    <row r="952062" spans="14:14">
      <c r="N952062" s="10"/>
    </row>
    <row r="952063" spans="14:14">
      <c r="N952063" s="10"/>
    </row>
    <row r="952064" spans="14:14">
      <c r="N952064" s="10"/>
    </row>
    <row r="952065" spans="14:14">
      <c r="N952065" s="10"/>
    </row>
    <row r="952066" spans="14:14">
      <c r="N952066" s="10"/>
    </row>
    <row r="952067" spans="14:14">
      <c r="N952067" s="10"/>
    </row>
    <row r="952068" spans="14:14">
      <c r="N952068" s="10"/>
    </row>
    <row r="952069" spans="14:14">
      <c r="N952069" s="10"/>
    </row>
    <row r="952070" spans="14:14">
      <c r="N952070" s="10"/>
    </row>
    <row r="952071" spans="14:14">
      <c r="N952071" s="10"/>
    </row>
    <row r="952072" spans="14:14">
      <c r="N952072" s="10"/>
    </row>
    <row r="952073" spans="14:14">
      <c r="N952073" s="10"/>
    </row>
    <row r="952074" spans="14:14">
      <c r="N952074" s="10"/>
    </row>
    <row r="952075" spans="14:14">
      <c r="N952075" s="10"/>
    </row>
    <row r="952076" spans="14:14">
      <c r="N952076" s="10"/>
    </row>
    <row r="952077" spans="14:14">
      <c r="N952077" s="10"/>
    </row>
    <row r="952078" spans="14:14">
      <c r="N952078" s="10"/>
    </row>
    <row r="952079" spans="14:14">
      <c r="N952079" s="10"/>
    </row>
    <row r="952080" spans="14:14">
      <c r="N952080" s="10"/>
    </row>
    <row r="952081" spans="14:14">
      <c r="N952081" s="10"/>
    </row>
    <row r="952082" spans="14:14">
      <c r="N952082" s="10"/>
    </row>
    <row r="952083" spans="14:14">
      <c r="N952083" s="10"/>
    </row>
    <row r="952084" spans="14:14">
      <c r="N952084" s="10"/>
    </row>
    <row r="952085" spans="14:14">
      <c r="N952085" s="10"/>
    </row>
    <row r="952086" spans="14:14">
      <c r="N952086" s="10"/>
    </row>
    <row r="952087" spans="14:14">
      <c r="N952087" s="10"/>
    </row>
    <row r="952088" spans="14:14">
      <c r="N952088" s="10"/>
    </row>
    <row r="952089" spans="14:14">
      <c r="N952089" s="10"/>
    </row>
    <row r="952090" spans="14:14">
      <c r="N952090" s="10"/>
    </row>
    <row r="952091" spans="14:14">
      <c r="N952091" s="10"/>
    </row>
    <row r="952092" spans="14:14">
      <c r="N952092" s="10"/>
    </row>
    <row r="952093" spans="14:14">
      <c r="N952093" s="10"/>
    </row>
    <row r="952094" spans="14:14">
      <c r="N952094" s="10"/>
    </row>
    <row r="952095" spans="14:14">
      <c r="N952095" s="10"/>
    </row>
    <row r="952096" spans="14:14">
      <c r="N952096" s="10"/>
    </row>
    <row r="952097" spans="14:14">
      <c r="N952097" s="10"/>
    </row>
    <row r="952098" spans="14:14">
      <c r="N952098" s="10"/>
    </row>
    <row r="952099" spans="14:14">
      <c r="N952099" s="10"/>
    </row>
    <row r="952100" spans="14:14">
      <c r="N952100" s="10"/>
    </row>
    <row r="952101" spans="14:14">
      <c r="N952101" s="10"/>
    </row>
    <row r="952102" spans="14:14">
      <c r="N952102" s="10"/>
    </row>
    <row r="952103" spans="14:14">
      <c r="N952103" s="10"/>
    </row>
    <row r="952104" spans="14:14">
      <c r="N952104" s="10"/>
    </row>
    <row r="952105" spans="14:14">
      <c r="N952105" s="10"/>
    </row>
    <row r="952106" spans="14:14">
      <c r="N952106" s="10"/>
    </row>
    <row r="952107" spans="14:14">
      <c r="N952107" s="10"/>
    </row>
    <row r="952108" spans="14:14">
      <c r="N952108" s="10"/>
    </row>
    <row r="952109" spans="14:14">
      <c r="N952109" s="10"/>
    </row>
    <row r="952110" spans="14:14">
      <c r="N952110" s="10"/>
    </row>
    <row r="952111" spans="14:14">
      <c r="N952111" s="10"/>
    </row>
    <row r="952112" spans="14:14">
      <c r="N952112" s="10"/>
    </row>
    <row r="952113" spans="14:14">
      <c r="N952113" s="10"/>
    </row>
    <row r="952114" spans="14:14">
      <c r="N952114" s="10"/>
    </row>
    <row r="952115" spans="14:14">
      <c r="N952115" s="10"/>
    </row>
    <row r="952116" spans="14:14">
      <c r="N952116" s="10"/>
    </row>
    <row r="952117" spans="14:14">
      <c r="N952117" s="10"/>
    </row>
    <row r="952118" spans="14:14">
      <c r="N952118" s="10"/>
    </row>
    <row r="952119" spans="14:14">
      <c r="N952119" s="10"/>
    </row>
    <row r="952120" spans="14:14">
      <c r="N952120" s="10"/>
    </row>
    <row r="952121" spans="14:14">
      <c r="N952121" s="10"/>
    </row>
    <row r="952122" spans="14:14">
      <c r="N952122" s="10"/>
    </row>
    <row r="952123" spans="14:14">
      <c r="N952123" s="10"/>
    </row>
    <row r="952124" spans="14:14">
      <c r="N952124" s="10"/>
    </row>
    <row r="952125" spans="14:14">
      <c r="N952125" s="10"/>
    </row>
    <row r="952126" spans="14:14">
      <c r="N952126" s="10"/>
    </row>
    <row r="952127" spans="14:14">
      <c r="N952127" s="10"/>
    </row>
    <row r="952128" spans="14:14">
      <c r="N952128" s="10"/>
    </row>
    <row r="952129" spans="14:14">
      <c r="N952129" s="10"/>
    </row>
    <row r="952130" spans="14:14">
      <c r="N952130" s="10"/>
    </row>
    <row r="952131" spans="14:14">
      <c r="N952131" s="10"/>
    </row>
    <row r="952132" spans="14:14">
      <c r="N952132" s="10"/>
    </row>
    <row r="952133" spans="14:14">
      <c r="N952133" s="10"/>
    </row>
    <row r="952134" spans="14:14">
      <c r="N952134" s="10"/>
    </row>
    <row r="952135" spans="14:14">
      <c r="N952135" s="10"/>
    </row>
    <row r="952136" spans="14:14">
      <c r="N952136" s="10"/>
    </row>
    <row r="952137" spans="14:14">
      <c r="N952137" s="10"/>
    </row>
    <row r="952138" spans="14:14">
      <c r="N952138" s="10"/>
    </row>
    <row r="952139" spans="14:14">
      <c r="N952139" s="10"/>
    </row>
    <row r="952140" spans="14:14">
      <c r="N952140" s="10"/>
    </row>
    <row r="952141" spans="14:14">
      <c r="N952141" s="10"/>
    </row>
    <row r="952142" spans="14:14">
      <c r="N952142" s="10"/>
    </row>
    <row r="952143" spans="14:14">
      <c r="N952143" s="10"/>
    </row>
    <row r="952144" spans="14:14">
      <c r="N952144" s="10"/>
    </row>
    <row r="952145" spans="14:14">
      <c r="N952145" s="10"/>
    </row>
    <row r="952146" spans="14:14">
      <c r="N952146" s="10"/>
    </row>
    <row r="952147" spans="14:14">
      <c r="N952147" s="10"/>
    </row>
    <row r="952148" spans="14:14">
      <c r="N952148" s="10"/>
    </row>
    <row r="952149" spans="14:14">
      <c r="N952149" s="10"/>
    </row>
    <row r="952150" spans="14:14">
      <c r="N952150" s="10"/>
    </row>
    <row r="952151" spans="14:14">
      <c r="N952151" s="10"/>
    </row>
    <row r="952152" spans="14:14">
      <c r="N952152" s="10"/>
    </row>
    <row r="952153" spans="14:14">
      <c r="N952153" s="10"/>
    </row>
    <row r="952154" spans="14:14">
      <c r="N952154" s="10"/>
    </row>
    <row r="952155" spans="14:14">
      <c r="N952155" s="10"/>
    </row>
    <row r="952156" spans="14:14">
      <c r="N952156" s="10"/>
    </row>
    <row r="952157" spans="14:14">
      <c r="N952157" s="10"/>
    </row>
    <row r="952158" spans="14:14">
      <c r="N952158" s="10"/>
    </row>
    <row r="952159" spans="14:14">
      <c r="N952159" s="10"/>
    </row>
    <row r="952160" spans="14:14">
      <c r="N952160" s="10"/>
    </row>
    <row r="952161" spans="14:14">
      <c r="N952161" s="10"/>
    </row>
    <row r="952162" spans="14:14">
      <c r="N952162" s="10"/>
    </row>
    <row r="952163" spans="14:14">
      <c r="N952163" s="10"/>
    </row>
    <row r="952164" spans="14:14">
      <c r="N952164" s="10"/>
    </row>
    <row r="952165" spans="14:14">
      <c r="N952165" s="10"/>
    </row>
    <row r="952166" spans="14:14">
      <c r="N952166" s="10"/>
    </row>
    <row r="952167" spans="14:14">
      <c r="N952167" s="10"/>
    </row>
    <row r="952168" spans="14:14">
      <c r="N952168" s="10"/>
    </row>
    <row r="952169" spans="14:14">
      <c r="N952169" s="10"/>
    </row>
    <row r="952170" spans="14:14">
      <c r="N952170" s="10"/>
    </row>
    <row r="952171" spans="14:14">
      <c r="N952171" s="10"/>
    </row>
    <row r="952172" spans="14:14">
      <c r="N952172" s="10"/>
    </row>
    <row r="952173" spans="14:14">
      <c r="N952173" s="10"/>
    </row>
    <row r="952174" spans="14:14">
      <c r="N952174" s="10"/>
    </row>
    <row r="952175" spans="14:14">
      <c r="N952175" s="10"/>
    </row>
    <row r="952176" spans="14:14">
      <c r="N952176" s="10"/>
    </row>
    <row r="952177" spans="14:14">
      <c r="N952177" s="10"/>
    </row>
    <row r="952178" spans="14:14">
      <c r="N952178" s="10"/>
    </row>
    <row r="952179" spans="14:14">
      <c r="N952179" s="10"/>
    </row>
    <row r="952180" spans="14:14">
      <c r="N952180" s="10"/>
    </row>
    <row r="952181" spans="14:14">
      <c r="N952181" s="10"/>
    </row>
    <row r="952182" spans="14:14">
      <c r="N952182" s="10"/>
    </row>
    <row r="952183" spans="14:14">
      <c r="N952183" s="10"/>
    </row>
    <row r="952184" spans="14:14">
      <c r="N952184" s="10"/>
    </row>
    <row r="952185" spans="14:14">
      <c r="N952185" s="10"/>
    </row>
    <row r="952186" spans="14:14">
      <c r="N952186" s="10"/>
    </row>
    <row r="952187" spans="14:14">
      <c r="N952187" s="10"/>
    </row>
    <row r="952188" spans="14:14">
      <c r="N952188" s="10"/>
    </row>
    <row r="952189" spans="14:14">
      <c r="N952189" s="10"/>
    </row>
    <row r="952190" spans="14:14">
      <c r="N952190" s="10"/>
    </row>
    <row r="952191" spans="14:14">
      <c r="N952191" s="10"/>
    </row>
    <row r="952192" spans="14:14">
      <c r="N952192" s="10"/>
    </row>
    <row r="952193" spans="14:14">
      <c r="N952193" s="10"/>
    </row>
    <row r="952194" spans="14:14">
      <c r="N952194" s="10"/>
    </row>
    <row r="952195" spans="14:14">
      <c r="N952195" s="10"/>
    </row>
    <row r="952196" spans="14:14">
      <c r="N952196" s="10"/>
    </row>
    <row r="952197" spans="14:14">
      <c r="N952197" s="10"/>
    </row>
    <row r="952198" spans="14:14">
      <c r="N952198" s="10"/>
    </row>
    <row r="952199" spans="14:14">
      <c r="N952199" s="10"/>
    </row>
    <row r="952200" spans="14:14">
      <c r="N952200" s="10"/>
    </row>
    <row r="952201" spans="14:14">
      <c r="N952201" s="10"/>
    </row>
    <row r="952202" spans="14:14">
      <c r="N952202" s="10"/>
    </row>
    <row r="952203" spans="14:14">
      <c r="N952203" s="10"/>
    </row>
    <row r="952204" spans="14:14">
      <c r="N952204" s="10"/>
    </row>
    <row r="952205" spans="14:14">
      <c r="N952205" s="10"/>
    </row>
    <row r="952206" spans="14:14">
      <c r="N952206" s="10"/>
    </row>
    <row r="952207" spans="14:14">
      <c r="N952207" s="10"/>
    </row>
    <row r="952208" spans="14:14">
      <c r="N952208" s="10"/>
    </row>
    <row r="952209" spans="14:14">
      <c r="N952209" s="10"/>
    </row>
    <row r="952210" spans="14:14">
      <c r="N952210" s="10"/>
    </row>
    <row r="952211" spans="14:14">
      <c r="N952211" s="10"/>
    </row>
    <row r="952212" spans="14:14">
      <c r="N952212" s="10"/>
    </row>
    <row r="952213" spans="14:14">
      <c r="N952213" s="10"/>
    </row>
    <row r="952214" spans="14:14">
      <c r="N952214" s="10"/>
    </row>
    <row r="952215" spans="14:14">
      <c r="N952215" s="10"/>
    </row>
    <row r="952216" spans="14:14">
      <c r="N952216" s="10"/>
    </row>
    <row r="952217" spans="14:14">
      <c r="N952217" s="10"/>
    </row>
    <row r="952218" spans="14:14">
      <c r="N952218" s="10"/>
    </row>
    <row r="952219" spans="14:14">
      <c r="N952219" s="10"/>
    </row>
    <row r="952220" spans="14:14">
      <c r="N952220" s="10"/>
    </row>
    <row r="952221" spans="14:14">
      <c r="N952221" s="10"/>
    </row>
    <row r="952222" spans="14:14">
      <c r="N952222" s="10"/>
    </row>
    <row r="952223" spans="14:14">
      <c r="N952223" s="10"/>
    </row>
    <row r="952224" spans="14:14">
      <c r="N952224" s="10"/>
    </row>
    <row r="952225" spans="14:14">
      <c r="N952225" s="10"/>
    </row>
    <row r="952226" spans="14:14">
      <c r="N952226" s="10"/>
    </row>
    <row r="952227" spans="14:14">
      <c r="N952227" s="10"/>
    </row>
    <row r="952228" spans="14:14">
      <c r="N952228" s="10"/>
    </row>
    <row r="952229" spans="14:14">
      <c r="N952229" s="10"/>
    </row>
    <row r="952230" spans="14:14">
      <c r="N952230" s="10"/>
    </row>
    <row r="952231" spans="14:14">
      <c r="N952231" s="10"/>
    </row>
    <row r="952232" spans="14:14">
      <c r="N952232" s="10"/>
    </row>
    <row r="952233" spans="14:14">
      <c r="N952233" s="10"/>
    </row>
    <row r="952234" spans="14:14">
      <c r="N952234" s="10"/>
    </row>
    <row r="952235" spans="14:14">
      <c r="N952235" s="10"/>
    </row>
    <row r="952236" spans="14:14">
      <c r="N952236" s="10"/>
    </row>
    <row r="952237" spans="14:14">
      <c r="N952237" s="10"/>
    </row>
    <row r="952238" spans="14:14">
      <c r="N952238" s="10"/>
    </row>
    <row r="952239" spans="14:14">
      <c r="N952239" s="10"/>
    </row>
    <row r="952240" spans="14:14">
      <c r="N952240" s="10"/>
    </row>
    <row r="952241" spans="14:14">
      <c r="N952241" s="10"/>
    </row>
    <row r="952242" spans="14:14">
      <c r="N952242" s="10"/>
    </row>
    <row r="952243" spans="14:14">
      <c r="N952243" s="10"/>
    </row>
    <row r="952244" spans="14:14">
      <c r="N952244" s="10"/>
    </row>
    <row r="952245" spans="14:14">
      <c r="N952245" s="10"/>
    </row>
    <row r="952246" spans="14:14">
      <c r="N952246" s="10"/>
    </row>
    <row r="952247" spans="14:14">
      <c r="N952247" s="10"/>
    </row>
    <row r="952248" spans="14:14">
      <c r="N952248" s="10"/>
    </row>
    <row r="952249" spans="14:14">
      <c r="N952249" s="10"/>
    </row>
    <row r="952250" spans="14:14">
      <c r="N952250" s="10"/>
    </row>
    <row r="952251" spans="14:14">
      <c r="N952251" s="10"/>
    </row>
    <row r="952252" spans="14:14">
      <c r="N952252" s="10"/>
    </row>
    <row r="952253" spans="14:14">
      <c r="N952253" s="10"/>
    </row>
    <row r="952254" spans="14:14">
      <c r="N952254" s="10"/>
    </row>
    <row r="952255" spans="14:14">
      <c r="N952255" s="10"/>
    </row>
    <row r="952256" spans="14:14">
      <c r="N952256" s="10"/>
    </row>
    <row r="952257" spans="14:14">
      <c r="N952257" s="10"/>
    </row>
    <row r="952258" spans="14:14">
      <c r="N952258" s="10"/>
    </row>
    <row r="952259" spans="14:14">
      <c r="N952259" s="10"/>
    </row>
    <row r="952260" spans="14:14">
      <c r="N952260" s="10"/>
    </row>
    <row r="952261" spans="14:14">
      <c r="N952261" s="10"/>
    </row>
    <row r="952262" spans="14:14">
      <c r="N952262" s="10"/>
    </row>
    <row r="952263" spans="14:14">
      <c r="N952263" s="10"/>
    </row>
    <row r="952264" spans="14:14">
      <c r="N952264" s="10"/>
    </row>
    <row r="952265" spans="14:14">
      <c r="N952265" s="10"/>
    </row>
    <row r="952266" spans="14:14">
      <c r="N952266" s="10"/>
    </row>
    <row r="952267" spans="14:14">
      <c r="N952267" s="10"/>
    </row>
    <row r="952268" spans="14:14">
      <c r="N952268" s="10"/>
    </row>
    <row r="952269" spans="14:14">
      <c r="N952269" s="10"/>
    </row>
    <row r="952270" spans="14:14">
      <c r="N952270" s="10"/>
    </row>
    <row r="952271" spans="14:14">
      <c r="N952271" s="10"/>
    </row>
    <row r="952272" spans="14:14">
      <c r="N952272" s="10"/>
    </row>
    <row r="952273" spans="14:14">
      <c r="N952273" s="10"/>
    </row>
    <row r="952274" spans="14:14">
      <c r="N952274" s="10"/>
    </row>
    <row r="952275" spans="14:14">
      <c r="N952275" s="10"/>
    </row>
    <row r="952276" spans="14:14">
      <c r="N952276" s="10"/>
    </row>
    <row r="952277" spans="14:14">
      <c r="N952277" s="10"/>
    </row>
    <row r="952278" spans="14:14">
      <c r="N952278" s="10"/>
    </row>
    <row r="952279" spans="14:14">
      <c r="N952279" s="10"/>
    </row>
    <row r="952280" spans="14:14">
      <c r="N952280" s="10"/>
    </row>
    <row r="952281" spans="14:14">
      <c r="N952281" s="10"/>
    </row>
    <row r="952282" spans="14:14">
      <c r="N952282" s="10"/>
    </row>
    <row r="952283" spans="14:14">
      <c r="N952283" s="10"/>
    </row>
    <row r="952284" spans="14:14">
      <c r="N952284" s="10"/>
    </row>
    <row r="952285" spans="14:14">
      <c r="N952285" s="10"/>
    </row>
    <row r="952286" spans="14:14">
      <c r="N952286" s="10"/>
    </row>
    <row r="952287" spans="14:14">
      <c r="N952287" s="10"/>
    </row>
    <row r="952288" spans="14:14">
      <c r="N952288" s="10"/>
    </row>
    <row r="952289" spans="14:14">
      <c r="N952289" s="10"/>
    </row>
    <row r="952290" spans="14:14">
      <c r="N952290" s="10"/>
    </row>
    <row r="952291" spans="14:14">
      <c r="N952291" s="10"/>
    </row>
    <row r="952292" spans="14:14">
      <c r="N952292" s="10"/>
    </row>
    <row r="952293" spans="14:14">
      <c r="N952293" s="10"/>
    </row>
    <row r="952294" spans="14:14">
      <c r="N952294" s="10"/>
    </row>
    <row r="952295" spans="14:14">
      <c r="N952295" s="10"/>
    </row>
    <row r="952296" spans="14:14">
      <c r="N952296" s="10"/>
    </row>
    <row r="952297" spans="14:14">
      <c r="N952297" s="10"/>
    </row>
    <row r="952298" spans="14:14">
      <c r="N952298" s="10"/>
    </row>
    <row r="952299" spans="14:14">
      <c r="N952299" s="10"/>
    </row>
    <row r="952300" spans="14:14">
      <c r="N952300" s="10"/>
    </row>
    <row r="952301" spans="14:14">
      <c r="N952301" s="10"/>
    </row>
    <row r="952302" spans="14:14">
      <c r="N952302" s="10"/>
    </row>
    <row r="952303" spans="14:14">
      <c r="N952303" s="10"/>
    </row>
    <row r="952304" spans="14:14">
      <c r="N952304" s="10"/>
    </row>
    <row r="952305" spans="14:14">
      <c r="N952305" s="10"/>
    </row>
    <row r="952306" spans="14:14">
      <c r="N952306" s="10"/>
    </row>
    <row r="952307" spans="14:14">
      <c r="N952307" s="10"/>
    </row>
    <row r="952308" spans="14:14">
      <c r="N952308" s="10"/>
    </row>
    <row r="952309" spans="14:14">
      <c r="N952309" s="10"/>
    </row>
    <row r="952310" spans="14:14">
      <c r="N952310" s="10"/>
    </row>
    <row r="952311" spans="14:14">
      <c r="N952311" s="10"/>
    </row>
    <row r="952312" spans="14:14">
      <c r="N952312" s="10"/>
    </row>
    <row r="952313" spans="14:14">
      <c r="N952313" s="10"/>
    </row>
    <row r="952314" spans="14:14">
      <c r="N952314" s="10"/>
    </row>
    <row r="952315" spans="14:14">
      <c r="N952315" s="10"/>
    </row>
    <row r="952316" spans="14:14">
      <c r="N952316" s="10"/>
    </row>
    <row r="952317" spans="14:14">
      <c r="N952317" s="10"/>
    </row>
    <row r="952318" spans="14:14">
      <c r="N952318" s="10"/>
    </row>
    <row r="952319" spans="14:14">
      <c r="N952319" s="10"/>
    </row>
    <row r="952320" spans="14:14">
      <c r="N952320" s="10"/>
    </row>
    <row r="952321" spans="14:14">
      <c r="N952321" s="10"/>
    </row>
    <row r="952322" spans="14:14">
      <c r="N952322" s="10"/>
    </row>
    <row r="952323" spans="14:14">
      <c r="N952323" s="10"/>
    </row>
    <row r="952324" spans="14:14">
      <c r="N952324" s="10"/>
    </row>
    <row r="952325" spans="14:14">
      <c r="N952325" s="10"/>
    </row>
    <row r="952326" spans="14:14">
      <c r="N952326" s="10"/>
    </row>
    <row r="952327" spans="14:14">
      <c r="N952327" s="10"/>
    </row>
    <row r="952328" spans="14:14">
      <c r="N952328" s="10"/>
    </row>
    <row r="952329" spans="14:14">
      <c r="N952329" s="10"/>
    </row>
    <row r="952330" spans="14:14">
      <c r="N952330" s="10"/>
    </row>
    <row r="952331" spans="14:14">
      <c r="N952331" s="10"/>
    </row>
    <row r="952332" spans="14:14">
      <c r="N952332" s="10"/>
    </row>
    <row r="952333" spans="14:14">
      <c r="N952333" s="10"/>
    </row>
    <row r="952334" spans="14:14">
      <c r="N952334" s="10"/>
    </row>
    <row r="952335" spans="14:14">
      <c r="N952335" s="10"/>
    </row>
    <row r="952336" spans="14:14">
      <c r="N952336" s="10"/>
    </row>
    <row r="952337" spans="14:14">
      <c r="N952337" s="10"/>
    </row>
    <row r="952338" spans="14:14">
      <c r="N952338" s="10"/>
    </row>
    <row r="952339" spans="14:14">
      <c r="N952339" s="10"/>
    </row>
    <row r="952340" spans="14:14">
      <c r="N952340" s="10"/>
    </row>
    <row r="952341" spans="14:14">
      <c r="N952341" s="10"/>
    </row>
    <row r="952342" spans="14:14">
      <c r="N952342" s="10"/>
    </row>
    <row r="952343" spans="14:14">
      <c r="N952343" s="10"/>
    </row>
    <row r="952344" spans="14:14">
      <c r="N952344" s="10"/>
    </row>
    <row r="952345" spans="14:14">
      <c r="N952345" s="10"/>
    </row>
    <row r="952346" spans="14:14">
      <c r="N952346" s="10"/>
    </row>
    <row r="952347" spans="14:14">
      <c r="N952347" s="10"/>
    </row>
    <row r="952348" spans="14:14">
      <c r="N952348" s="10"/>
    </row>
    <row r="952349" spans="14:14">
      <c r="N952349" s="10"/>
    </row>
    <row r="952350" spans="14:14">
      <c r="N952350" s="10"/>
    </row>
    <row r="952351" spans="14:14">
      <c r="N952351" s="10"/>
    </row>
    <row r="952352" spans="14:14">
      <c r="N952352" s="10"/>
    </row>
    <row r="952353" spans="14:14">
      <c r="N952353" s="10"/>
    </row>
    <row r="952354" spans="14:14">
      <c r="N952354" s="10"/>
    </row>
    <row r="952355" spans="14:14">
      <c r="N952355" s="10"/>
    </row>
    <row r="952356" spans="14:14">
      <c r="N952356" s="10"/>
    </row>
    <row r="952357" spans="14:14">
      <c r="N952357" s="10"/>
    </row>
    <row r="952358" spans="14:14">
      <c r="N952358" s="10"/>
    </row>
    <row r="952359" spans="14:14">
      <c r="N952359" s="10"/>
    </row>
    <row r="952360" spans="14:14">
      <c r="N952360" s="10"/>
    </row>
    <row r="952361" spans="14:14">
      <c r="N952361" s="10"/>
    </row>
    <row r="952362" spans="14:14">
      <c r="N952362" s="10"/>
    </row>
    <row r="952363" spans="14:14">
      <c r="N952363" s="10"/>
    </row>
    <row r="952364" spans="14:14">
      <c r="N952364" s="10"/>
    </row>
    <row r="952365" spans="14:14">
      <c r="N952365" s="10"/>
    </row>
    <row r="952366" spans="14:14">
      <c r="N952366" s="10"/>
    </row>
    <row r="952367" spans="14:14">
      <c r="N952367" s="10"/>
    </row>
    <row r="952368" spans="14:14">
      <c r="N952368" s="10"/>
    </row>
    <row r="952369" spans="14:14">
      <c r="N952369" s="10"/>
    </row>
    <row r="952370" spans="14:14">
      <c r="N952370" s="10"/>
    </row>
    <row r="952371" spans="14:14">
      <c r="N952371" s="10"/>
    </row>
    <row r="952372" spans="14:14">
      <c r="N952372" s="10"/>
    </row>
    <row r="952373" spans="14:14">
      <c r="N952373" s="10"/>
    </row>
    <row r="952374" spans="14:14">
      <c r="N952374" s="10"/>
    </row>
    <row r="952375" spans="14:14">
      <c r="N952375" s="10"/>
    </row>
    <row r="952376" spans="14:14">
      <c r="N952376" s="10"/>
    </row>
    <row r="952377" spans="14:14">
      <c r="N952377" s="10"/>
    </row>
    <row r="952378" spans="14:14">
      <c r="N952378" s="10"/>
    </row>
    <row r="952379" spans="14:14">
      <c r="N952379" s="10"/>
    </row>
    <row r="952380" spans="14:14">
      <c r="N952380" s="10"/>
    </row>
    <row r="952381" spans="14:14">
      <c r="N952381" s="10"/>
    </row>
    <row r="952382" spans="14:14">
      <c r="N952382" s="10"/>
    </row>
    <row r="952383" spans="14:14">
      <c r="N952383" s="10"/>
    </row>
    <row r="952384" spans="14:14">
      <c r="N952384" s="10"/>
    </row>
    <row r="952385" spans="14:14">
      <c r="N952385" s="10"/>
    </row>
    <row r="952386" spans="14:14">
      <c r="N952386" s="10"/>
    </row>
    <row r="952387" spans="14:14">
      <c r="N952387" s="10"/>
    </row>
    <row r="952388" spans="14:14">
      <c r="N952388" s="10"/>
    </row>
    <row r="952389" spans="14:14">
      <c r="N952389" s="10"/>
    </row>
    <row r="952390" spans="14:14">
      <c r="N952390" s="10"/>
    </row>
    <row r="952391" spans="14:14">
      <c r="N952391" s="10"/>
    </row>
    <row r="952392" spans="14:14">
      <c r="N952392" s="10"/>
    </row>
    <row r="952393" spans="14:14">
      <c r="N952393" s="10"/>
    </row>
    <row r="952394" spans="14:14">
      <c r="N952394" s="10"/>
    </row>
    <row r="952395" spans="14:14">
      <c r="N952395" s="10"/>
    </row>
    <row r="952396" spans="14:14">
      <c r="N952396" s="10"/>
    </row>
    <row r="952397" spans="14:14">
      <c r="N952397" s="10"/>
    </row>
    <row r="952398" spans="14:14">
      <c r="N952398" s="10"/>
    </row>
    <row r="952399" spans="14:14">
      <c r="N952399" s="10"/>
    </row>
    <row r="952400" spans="14:14">
      <c r="N952400" s="10"/>
    </row>
    <row r="952401" spans="14:14">
      <c r="N952401" s="10"/>
    </row>
    <row r="952402" spans="14:14">
      <c r="N952402" s="10"/>
    </row>
    <row r="952403" spans="14:14">
      <c r="N952403" s="10"/>
    </row>
    <row r="952404" spans="14:14">
      <c r="N952404" s="10"/>
    </row>
    <row r="952405" spans="14:14">
      <c r="N952405" s="10"/>
    </row>
    <row r="952406" spans="14:14">
      <c r="N952406" s="10"/>
    </row>
    <row r="952407" spans="14:14">
      <c r="N952407" s="10"/>
    </row>
    <row r="952408" spans="14:14">
      <c r="N952408" s="10"/>
    </row>
    <row r="952409" spans="14:14">
      <c r="N952409" s="10"/>
    </row>
    <row r="952410" spans="14:14">
      <c r="N952410" s="10"/>
    </row>
    <row r="952411" spans="14:14">
      <c r="N952411" s="10"/>
    </row>
    <row r="952412" spans="14:14">
      <c r="N952412" s="10"/>
    </row>
    <row r="952413" spans="14:14">
      <c r="N952413" s="10"/>
    </row>
    <row r="952414" spans="14:14">
      <c r="N952414" s="10"/>
    </row>
    <row r="952415" spans="14:14">
      <c r="N952415" s="10"/>
    </row>
    <row r="952416" spans="14:14">
      <c r="N952416" s="10"/>
    </row>
    <row r="952417" spans="14:14">
      <c r="N952417" s="10"/>
    </row>
    <row r="952418" spans="14:14">
      <c r="N952418" s="10"/>
    </row>
    <row r="952419" spans="14:14">
      <c r="N952419" s="10"/>
    </row>
    <row r="952420" spans="14:14">
      <c r="N952420" s="10"/>
    </row>
    <row r="952421" spans="14:14">
      <c r="N952421" s="10"/>
    </row>
    <row r="952422" spans="14:14">
      <c r="N952422" s="10"/>
    </row>
    <row r="952423" spans="14:14">
      <c r="N952423" s="10"/>
    </row>
    <row r="952424" spans="14:14">
      <c r="N952424" s="10"/>
    </row>
    <row r="952425" spans="14:14">
      <c r="N952425" s="10"/>
    </row>
    <row r="952426" spans="14:14">
      <c r="N952426" s="10"/>
    </row>
    <row r="952427" spans="14:14">
      <c r="N952427" s="10"/>
    </row>
    <row r="952428" spans="14:14">
      <c r="N952428" s="10"/>
    </row>
    <row r="952429" spans="14:14">
      <c r="N952429" s="10"/>
    </row>
    <row r="952430" spans="14:14">
      <c r="N952430" s="10"/>
    </row>
    <row r="952431" spans="14:14">
      <c r="N952431" s="10"/>
    </row>
    <row r="952432" spans="14:14">
      <c r="N952432" s="10"/>
    </row>
    <row r="952433" spans="14:14">
      <c r="N952433" s="10"/>
    </row>
    <row r="952434" spans="14:14">
      <c r="N952434" s="10"/>
    </row>
    <row r="952435" spans="14:14">
      <c r="N952435" s="10"/>
    </row>
    <row r="952436" spans="14:14">
      <c r="N952436" s="10"/>
    </row>
    <row r="952437" spans="14:14">
      <c r="N952437" s="10"/>
    </row>
    <row r="952438" spans="14:14">
      <c r="N952438" s="10"/>
    </row>
    <row r="952439" spans="14:14">
      <c r="N952439" s="10"/>
    </row>
    <row r="952440" spans="14:14">
      <c r="N952440" s="10"/>
    </row>
    <row r="952441" spans="14:14">
      <c r="N952441" s="10"/>
    </row>
    <row r="952442" spans="14:14">
      <c r="N952442" s="10"/>
    </row>
    <row r="952443" spans="14:14">
      <c r="N952443" s="10"/>
    </row>
    <row r="952444" spans="14:14">
      <c r="N952444" s="10"/>
    </row>
    <row r="952445" spans="14:14">
      <c r="N952445" s="10"/>
    </row>
    <row r="952446" spans="14:14">
      <c r="N952446" s="10"/>
    </row>
    <row r="952447" spans="14:14">
      <c r="N952447" s="10"/>
    </row>
    <row r="952448" spans="14:14">
      <c r="N952448" s="10"/>
    </row>
    <row r="952449" spans="14:14">
      <c r="N952449" s="10"/>
    </row>
    <row r="952450" spans="14:14">
      <c r="N952450" s="10"/>
    </row>
    <row r="952451" spans="14:14">
      <c r="N952451" s="10"/>
    </row>
    <row r="952452" spans="14:14">
      <c r="N952452" s="10"/>
    </row>
    <row r="952453" spans="14:14">
      <c r="N952453" s="10"/>
    </row>
    <row r="952454" spans="14:14">
      <c r="N952454" s="10"/>
    </row>
    <row r="952455" spans="14:14">
      <c r="N952455" s="10"/>
    </row>
    <row r="952456" spans="14:14">
      <c r="N952456" s="10"/>
    </row>
    <row r="952457" spans="14:14">
      <c r="N952457" s="10"/>
    </row>
    <row r="952458" spans="14:14">
      <c r="N952458" s="10"/>
    </row>
    <row r="952459" spans="14:14">
      <c r="N952459" s="10"/>
    </row>
    <row r="952460" spans="14:14">
      <c r="N952460" s="10"/>
    </row>
    <row r="952461" spans="14:14">
      <c r="N952461" s="10"/>
    </row>
    <row r="952462" spans="14:14">
      <c r="N952462" s="10"/>
    </row>
    <row r="952463" spans="14:14">
      <c r="N952463" s="10"/>
    </row>
    <row r="952464" spans="14:14">
      <c r="N952464" s="10"/>
    </row>
    <row r="952465" spans="14:14">
      <c r="N952465" s="10"/>
    </row>
    <row r="952466" spans="14:14">
      <c r="N952466" s="10"/>
    </row>
    <row r="952467" spans="14:14">
      <c r="N952467" s="10"/>
    </row>
    <row r="952468" spans="14:14">
      <c r="N952468" s="10"/>
    </row>
    <row r="952469" spans="14:14">
      <c r="N952469" s="10"/>
    </row>
    <row r="952470" spans="14:14">
      <c r="N952470" s="10"/>
    </row>
    <row r="952471" spans="14:14">
      <c r="N952471" s="10"/>
    </row>
    <row r="952472" spans="14:14">
      <c r="N952472" s="10"/>
    </row>
    <row r="952473" spans="14:14">
      <c r="N952473" s="10"/>
    </row>
    <row r="952474" spans="14:14">
      <c r="N952474" s="10"/>
    </row>
    <row r="952475" spans="14:14">
      <c r="N952475" s="10"/>
    </row>
    <row r="952476" spans="14:14">
      <c r="N952476" s="10"/>
    </row>
    <row r="952477" spans="14:14">
      <c r="N952477" s="10"/>
    </row>
    <row r="952478" spans="14:14">
      <c r="N952478" s="10"/>
    </row>
    <row r="952479" spans="14:14">
      <c r="N952479" s="10"/>
    </row>
    <row r="952480" spans="14:14">
      <c r="N952480" s="10"/>
    </row>
    <row r="952481" spans="14:14">
      <c r="N952481" s="10"/>
    </row>
    <row r="952482" spans="14:14">
      <c r="N952482" s="10"/>
    </row>
    <row r="952483" spans="14:14">
      <c r="N952483" s="10"/>
    </row>
    <row r="952484" spans="14:14">
      <c r="N952484" s="10"/>
    </row>
    <row r="952485" spans="14:14">
      <c r="N952485" s="10"/>
    </row>
    <row r="952486" spans="14:14">
      <c r="N952486" s="10"/>
    </row>
    <row r="952487" spans="14:14">
      <c r="N952487" s="10"/>
    </row>
    <row r="952488" spans="14:14">
      <c r="N952488" s="10"/>
    </row>
    <row r="952489" spans="14:14">
      <c r="N952489" s="10"/>
    </row>
    <row r="952490" spans="14:14">
      <c r="N952490" s="10"/>
    </row>
    <row r="952491" spans="14:14">
      <c r="N952491" s="10"/>
    </row>
    <row r="952492" spans="14:14">
      <c r="N952492" s="10"/>
    </row>
    <row r="952493" spans="14:14">
      <c r="N952493" s="10"/>
    </row>
    <row r="952494" spans="14:14">
      <c r="N952494" s="10"/>
    </row>
    <row r="952495" spans="14:14">
      <c r="N952495" s="10"/>
    </row>
    <row r="952496" spans="14:14">
      <c r="N952496" s="10"/>
    </row>
    <row r="952497" spans="14:14">
      <c r="N952497" s="10"/>
    </row>
    <row r="952498" spans="14:14">
      <c r="N952498" s="10"/>
    </row>
    <row r="952499" spans="14:14">
      <c r="N952499" s="10"/>
    </row>
    <row r="952500" spans="14:14">
      <c r="N952500" s="10"/>
    </row>
    <row r="952501" spans="14:14">
      <c r="N952501" s="10"/>
    </row>
    <row r="952502" spans="14:14">
      <c r="N952502" s="10"/>
    </row>
    <row r="952503" spans="14:14">
      <c r="N952503" s="10"/>
    </row>
    <row r="952504" spans="14:14">
      <c r="N952504" s="10"/>
    </row>
    <row r="952505" spans="14:14">
      <c r="N952505" s="10"/>
    </row>
    <row r="952506" spans="14:14">
      <c r="N952506" s="10"/>
    </row>
    <row r="952507" spans="14:14">
      <c r="N952507" s="10"/>
    </row>
    <row r="952508" spans="14:14">
      <c r="N952508" s="10"/>
    </row>
    <row r="952509" spans="14:14">
      <c r="N952509" s="10"/>
    </row>
    <row r="952510" spans="14:14">
      <c r="N952510" s="10"/>
    </row>
    <row r="952511" spans="14:14">
      <c r="N952511" s="10"/>
    </row>
    <row r="952512" spans="14:14">
      <c r="N952512" s="10"/>
    </row>
    <row r="952513" spans="14:14">
      <c r="N952513" s="10"/>
    </row>
    <row r="952514" spans="14:14">
      <c r="N952514" s="10"/>
    </row>
    <row r="952515" spans="14:14">
      <c r="N952515" s="10"/>
    </row>
    <row r="952516" spans="14:14">
      <c r="N952516" s="10"/>
    </row>
    <row r="952517" spans="14:14">
      <c r="N952517" s="10"/>
    </row>
    <row r="952518" spans="14:14">
      <c r="N952518" s="10"/>
    </row>
    <row r="952519" spans="14:14">
      <c r="N952519" s="10"/>
    </row>
    <row r="952520" spans="14:14">
      <c r="N952520" s="10"/>
    </row>
    <row r="952521" spans="14:14">
      <c r="N952521" s="10"/>
    </row>
    <row r="952522" spans="14:14">
      <c r="N952522" s="10"/>
    </row>
    <row r="952523" spans="14:14">
      <c r="N952523" s="10"/>
    </row>
    <row r="952524" spans="14:14">
      <c r="N952524" s="10"/>
    </row>
    <row r="952525" spans="14:14">
      <c r="N952525" s="10"/>
    </row>
    <row r="952526" spans="14:14">
      <c r="N952526" s="10"/>
    </row>
    <row r="952527" spans="14:14">
      <c r="N952527" s="10"/>
    </row>
    <row r="952528" spans="14:14">
      <c r="N952528" s="10"/>
    </row>
    <row r="952529" spans="14:14">
      <c r="N952529" s="10"/>
    </row>
    <row r="952530" spans="14:14">
      <c r="N952530" s="10"/>
    </row>
    <row r="952531" spans="14:14">
      <c r="N952531" s="10"/>
    </row>
    <row r="952532" spans="14:14">
      <c r="N952532" s="10"/>
    </row>
    <row r="952533" spans="14:14">
      <c r="N952533" s="10"/>
    </row>
    <row r="952534" spans="14:14">
      <c r="N952534" s="10"/>
    </row>
    <row r="952535" spans="14:14">
      <c r="N952535" s="10"/>
    </row>
    <row r="952536" spans="14:14">
      <c r="N952536" s="10"/>
    </row>
    <row r="952537" spans="14:14">
      <c r="N952537" s="10"/>
    </row>
    <row r="952538" spans="14:14">
      <c r="N952538" s="10"/>
    </row>
    <row r="952539" spans="14:14">
      <c r="N952539" s="10"/>
    </row>
    <row r="952540" spans="14:14">
      <c r="N952540" s="10"/>
    </row>
    <row r="952541" spans="14:14">
      <c r="N952541" s="10"/>
    </row>
    <row r="952542" spans="14:14">
      <c r="N952542" s="10"/>
    </row>
    <row r="952543" spans="14:14">
      <c r="N952543" s="10"/>
    </row>
    <row r="952544" spans="14:14">
      <c r="N952544" s="10"/>
    </row>
    <row r="952545" spans="14:14">
      <c r="N952545" s="10"/>
    </row>
    <row r="952546" spans="14:14">
      <c r="N952546" s="10"/>
    </row>
    <row r="952547" spans="14:14">
      <c r="N952547" s="10"/>
    </row>
    <row r="952548" spans="14:14">
      <c r="N952548" s="10"/>
    </row>
    <row r="952549" spans="14:14">
      <c r="N952549" s="10"/>
    </row>
    <row r="952550" spans="14:14">
      <c r="N952550" s="10"/>
    </row>
    <row r="952551" spans="14:14">
      <c r="N952551" s="10"/>
    </row>
    <row r="952552" spans="14:14">
      <c r="N952552" s="10"/>
    </row>
    <row r="952553" spans="14:14">
      <c r="N952553" s="10"/>
    </row>
    <row r="952554" spans="14:14">
      <c r="N952554" s="10"/>
    </row>
    <row r="952555" spans="14:14">
      <c r="N952555" s="10"/>
    </row>
    <row r="952556" spans="14:14">
      <c r="N952556" s="10"/>
    </row>
    <row r="952557" spans="14:14">
      <c r="N952557" s="10"/>
    </row>
    <row r="952558" spans="14:14">
      <c r="N952558" s="10"/>
    </row>
    <row r="952559" spans="14:14">
      <c r="N952559" s="10"/>
    </row>
    <row r="952560" spans="14:14">
      <c r="N952560" s="10"/>
    </row>
    <row r="952561" spans="14:14">
      <c r="N952561" s="10"/>
    </row>
    <row r="952562" spans="14:14">
      <c r="N952562" s="10"/>
    </row>
    <row r="952563" spans="14:14">
      <c r="N952563" s="10"/>
    </row>
    <row r="952564" spans="14:14">
      <c r="N952564" s="10"/>
    </row>
    <row r="952565" spans="14:14">
      <c r="N952565" s="10"/>
    </row>
    <row r="952566" spans="14:14">
      <c r="N952566" s="10"/>
    </row>
    <row r="952567" spans="14:14">
      <c r="N952567" s="10"/>
    </row>
    <row r="952568" spans="14:14">
      <c r="N952568" s="10"/>
    </row>
    <row r="952569" spans="14:14">
      <c r="N952569" s="10"/>
    </row>
    <row r="952570" spans="14:14">
      <c r="N952570" s="10"/>
    </row>
    <row r="952571" spans="14:14">
      <c r="N952571" s="10"/>
    </row>
    <row r="952572" spans="14:14">
      <c r="N952572" s="10"/>
    </row>
    <row r="952573" spans="14:14">
      <c r="N952573" s="10"/>
    </row>
    <row r="952574" spans="14:14">
      <c r="N952574" s="10"/>
    </row>
    <row r="952575" spans="14:14">
      <c r="N952575" s="10"/>
    </row>
    <row r="952576" spans="14:14">
      <c r="N952576" s="10"/>
    </row>
    <row r="952577" spans="14:14">
      <c r="N952577" s="10"/>
    </row>
    <row r="952578" spans="14:14">
      <c r="N952578" s="10"/>
    </row>
    <row r="952579" spans="14:14">
      <c r="N952579" s="10"/>
    </row>
    <row r="952580" spans="14:14">
      <c r="N952580" s="10"/>
    </row>
    <row r="952581" spans="14:14">
      <c r="N952581" s="10"/>
    </row>
    <row r="952582" spans="14:14">
      <c r="N952582" s="10"/>
    </row>
    <row r="952583" spans="14:14">
      <c r="N952583" s="10"/>
    </row>
    <row r="952584" spans="14:14">
      <c r="N952584" s="10"/>
    </row>
    <row r="952585" spans="14:14">
      <c r="N952585" s="10"/>
    </row>
    <row r="952586" spans="14:14">
      <c r="N952586" s="10"/>
    </row>
    <row r="952587" spans="14:14">
      <c r="N952587" s="10"/>
    </row>
    <row r="952588" spans="14:14">
      <c r="N952588" s="10"/>
    </row>
    <row r="952589" spans="14:14">
      <c r="N952589" s="10"/>
    </row>
    <row r="952590" spans="14:14">
      <c r="N952590" s="10"/>
    </row>
    <row r="952591" spans="14:14">
      <c r="N952591" s="10"/>
    </row>
    <row r="952592" spans="14:14">
      <c r="N952592" s="10"/>
    </row>
    <row r="952593" spans="14:14">
      <c r="N952593" s="10"/>
    </row>
    <row r="952594" spans="14:14">
      <c r="N952594" s="10"/>
    </row>
    <row r="952595" spans="14:14">
      <c r="N952595" s="10"/>
    </row>
    <row r="952596" spans="14:14">
      <c r="N952596" s="10"/>
    </row>
    <row r="952597" spans="14:14">
      <c r="N952597" s="10"/>
    </row>
    <row r="952598" spans="14:14">
      <c r="N952598" s="10"/>
    </row>
    <row r="952599" spans="14:14">
      <c r="N952599" s="10"/>
    </row>
    <row r="952600" spans="14:14">
      <c r="N952600" s="10"/>
    </row>
    <row r="952601" spans="14:14">
      <c r="N952601" s="10"/>
    </row>
    <row r="952602" spans="14:14">
      <c r="N952602" s="10"/>
    </row>
    <row r="952603" spans="14:14">
      <c r="N952603" s="10"/>
    </row>
    <row r="952604" spans="14:14">
      <c r="N952604" s="10"/>
    </row>
    <row r="952605" spans="14:14">
      <c r="N952605" s="10"/>
    </row>
    <row r="952606" spans="14:14">
      <c r="N952606" s="10"/>
    </row>
    <row r="952607" spans="14:14">
      <c r="N952607" s="10"/>
    </row>
    <row r="952608" spans="14:14">
      <c r="N952608" s="10"/>
    </row>
    <row r="952609" spans="14:14">
      <c r="N952609" s="10"/>
    </row>
    <row r="952610" spans="14:14">
      <c r="N952610" s="10"/>
    </row>
    <row r="952611" spans="14:14">
      <c r="N952611" s="10"/>
    </row>
    <row r="952612" spans="14:14">
      <c r="N952612" s="10"/>
    </row>
    <row r="952613" spans="14:14">
      <c r="N952613" s="10"/>
    </row>
    <row r="952614" spans="14:14">
      <c r="N952614" s="10"/>
    </row>
    <row r="952615" spans="14:14">
      <c r="N952615" s="10"/>
    </row>
    <row r="952616" spans="14:14">
      <c r="N952616" s="10"/>
    </row>
    <row r="952617" spans="14:14">
      <c r="N952617" s="10"/>
    </row>
    <row r="952618" spans="14:14">
      <c r="N952618" s="10"/>
    </row>
    <row r="952619" spans="14:14">
      <c r="N952619" s="10"/>
    </row>
    <row r="952620" spans="14:14">
      <c r="N952620" s="10"/>
    </row>
    <row r="952621" spans="14:14">
      <c r="N952621" s="10"/>
    </row>
    <row r="952622" spans="14:14">
      <c r="N952622" s="10"/>
    </row>
    <row r="952623" spans="14:14">
      <c r="N952623" s="10"/>
    </row>
    <row r="952624" spans="14:14">
      <c r="N952624" s="10"/>
    </row>
    <row r="952625" spans="14:14">
      <c r="N952625" s="10"/>
    </row>
    <row r="952626" spans="14:14">
      <c r="N952626" s="10"/>
    </row>
    <row r="952627" spans="14:14">
      <c r="N952627" s="10"/>
    </row>
    <row r="952628" spans="14:14">
      <c r="N952628" s="10"/>
    </row>
    <row r="952629" spans="14:14">
      <c r="N952629" s="10"/>
    </row>
    <row r="952630" spans="14:14">
      <c r="N952630" s="10"/>
    </row>
    <row r="952631" spans="14:14">
      <c r="N952631" s="10"/>
    </row>
    <row r="952632" spans="14:14">
      <c r="N952632" s="10"/>
    </row>
    <row r="952633" spans="14:14">
      <c r="N952633" s="10"/>
    </row>
    <row r="952634" spans="14:14">
      <c r="N952634" s="10"/>
    </row>
    <row r="952635" spans="14:14">
      <c r="N952635" s="10"/>
    </row>
    <row r="952636" spans="14:14">
      <c r="N952636" s="10"/>
    </row>
    <row r="952637" spans="14:14">
      <c r="N952637" s="10"/>
    </row>
    <row r="952638" spans="14:14">
      <c r="N952638" s="10"/>
    </row>
    <row r="952639" spans="14:14">
      <c r="N952639" s="10"/>
    </row>
    <row r="952640" spans="14:14">
      <c r="N952640" s="10"/>
    </row>
    <row r="952641" spans="14:14">
      <c r="N952641" s="10"/>
    </row>
    <row r="952642" spans="14:14">
      <c r="N952642" s="10"/>
    </row>
    <row r="952643" spans="14:14">
      <c r="N952643" s="10"/>
    </row>
    <row r="952644" spans="14:14">
      <c r="N952644" s="10"/>
    </row>
    <row r="952645" spans="14:14">
      <c r="N952645" s="10"/>
    </row>
    <row r="952646" spans="14:14">
      <c r="N952646" s="10"/>
    </row>
    <row r="952647" spans="14:14">
      <c r="N952647" s="10"/>
    </row>
    <row r="952648" spans="14:14">
      <c r="N952648" s="10"/>
    </row>
    <row r="952649" spans="14:14">
      <c r="N952649" s="10"/>
    </row>
    <row r="952650" spans="14:14">
      <c r="N952650" s="10"/>
    </row>
    <row r="952651" spans="14:14">
      <c r="N952651" s="10"/>
    </row>
    <row r="952652" spans="14:14">
      <c r="N952652" s="10"/>
    </row>
    <row r="952653" spans="14:14">
      <c r="N952653" s="10"/>
    </row>
    <row r="952654" spans="14:14">
      <c r="N952654" s="10"/>
    </row>
    <row r="952655" spans="14:14">
      <c r="N952655" s="10"/>
    </row>
    <row r="952656" spans="14:14">
      <c r="N952656" s="10"/>
    </row>
    <row r="952657" spans="14:14">
      <c r="N952657" s="10"/>
    </row>
    <row r="952658" spans="14:14">
      <c r="N952658" s="10"/>
    </row>
    <row r="952659" spans="14:14">
      <c r="N952659" s="10"/>
    </row>
    <row r="952660" spans="14:14">
      <c r="N952660" s="10"/>
    </row>
    <row r="952661" spans="14:14">
      <c r="N952661" s="10"/>
    </row>
    <row r="952662" spans="14:14">
      <c r="N952662" s="10"/>
    </row>
    <row r="952663" spans="14:14">
      <c r="N952663" s="10"/>
    </row>
    <row r="952664" spans="14:14">
      <c r="N952664" s="10"/>
    </row>
    <row r="952665" spans="14:14">
      <c r="N952665" s="10"/>
    </row>
    <row r="952666" spans="14:14">
      <c r="N952666" s="10"/>
    </row>
    <row r="952667" spans="14:14">
      <c r="N952667" s="10"/>
    </row>
    <row r="952668" spans="14:14">
      <c r="N952668" s="10"/>
    </row>
    <row r="952669" spans="14:14">
      <c r="N952669" s="10"/>
    </row>
    <row r="952670" spans="14:14">
      <c r="N952670" s="10"/>
    </row>
    <row r="952671" spans="14:14">
      <c r="N952671" s="10"/>
    </row>
    <row r="952672" spans="14:14">
      <c r="N952672" s="10"/>
    </row>
    <row r="952673" spans="14:14">
      <c r="N952673" s="10"/>
    </row>
    <row r="952674" spans="14:14">
      <c r="N952674" s="10"/>
    </row>
    <row r="952675" spans="14:14">
      <c r="N952675" s="10"/>
    </row>
    <row r="952676" spans="14:14">
      <c r="N952676" s="10"/>
    </row>
    <row r="952677" spans="14:14">
      <c r="N952677" s="10"/>
    </row>
    <row r="952678" spans="14:14">
      <c r="N952678" s="10"/>
    </row>
    <row r="952679" spans="14:14">
      <c r="N952679" s="10"/>
    </row>
    <row r="952680" spans="14:14">
      <c r="N952680" s="10"/>
    </row>
    <row r="952681" spans="14:14">
      <c r="N952681" s="10"/>
    </row>
    <row r="952682" spans="14:14">
      <c r="N952682" s="10"/>
    </row>
    <row r="952683" spans="14:14">
      <c r="N952683" s="10"/>
    </row>
    <row r="952684" spans="14:14">
      <c r="N952684" s="10"/>
    </row>
    <row r="952685" spans="14:14">
      <c r="N952685" s="10"/>
    </row>
    <row r="952686" spans="14:14">
      <c r="N952686" s="10"/>
    </row>
    <row r="952687" spans="14:14">
      <c r="N952687" s="10"/>
    </row>
    <row r="952688" spans="14:14">
      <c r="N952688" s="10"/>
    </row>
    <row r="952689" spans="14:14">
      <c r="N952689" s="10"/>
    </row>
    <row r="952690" spans="14:14">
      <c r="N952690" s="10"/>
    </row>
    <row r="952691" spans="14:14">
      <c r="N952691" s="10"/>
    </row>
    <row r="952692" spans="14:14">
      <c r="N952692" s="10"/>
    </row>
    <row r="952693" spans="14:14">
      <c r="N952693" s="10"/>
    </row>
    <row r="952694" spans="14:14">
      <c r="N952694" s="10"/>
    </row>
    <row r="952695" spans="14:14">
      <c r="N952695" s="10"/>
    </row>
    <row r="952696" spans="14:14">
      <c r="N952696" s="10"/>
    </row>
    <row r="952697" spans="14:14">
      <c r="N952697" s="10"/>
    </row>
    <row r="952698" spans="14:14">
      <c r="N952698" s="10"/>
    </row>
    <row r="952699" spans="14:14">
      <c r="N952699" s="10"/>
    </row>
    <row r="952700" spans="14:14">
      <c r="N952700" s="10"/>
    </row>
    <row r="952701" spans="14:14">
      <c r="N952701" s="10"/>
    </row>
    <row r="952702" spans="14:14">
      <c r="N952702" s="10"/>
    </row>
    <row r="952703" spans="14:14">
      <c r="N952703" s="10"/>
    </row>
    <row r="952704" spans="14:14">
      <c r="N952704" s="10"/>
    </row>
    <row r="952705" spans="14:14">
      <c r="N952705" s="10"/>
    </row>
    <row r="952706" spans="14:14">
      <c r="N952706" s="10"/>
    </row>
    <row r="952707" spans="14:14">
      <c r="N952707" s="10"/>
    </row>
    <row r="952708" spans="14:14">
      <c r="N952708" s="10"/>
    </row>
    <row r="952709" spans="14:14">
      <c r="N952709" s="10"/>
    </row>
    <row r="952710" spans="14:14">
      <c r="N952710" s="10"/>
    </row>
    <row r="952711" spans="14:14">
      <c r="N952711" s="10"/>
    </row>
    <row r="952712" spans="14:14">
      <c r="N952712" s="10"/>
    </row>
    <row r="952713" spans="14:14">
      <c r="N952713" s="10"/>
    </row>
    <row r="952714" spans="14:14">
      <c r="N952714" s="10"/>
    </row>
    <row r="952715" spans="14:14">
      <c r="N952715" s="10"/>
    </row>
    <row r="952716" spans="14:14">
      <c r="N952716" s="10"/>
    </row>
    <row r="952717" spans="14:14">
      <c r="N952717" s="10"/>
    </row>
    <row r="952718" spans="14:14">
      <c r="N952718" s="10"/>
    </row>
    <row r="952719" spans="14:14">
      <c r="N952719" s="10"/>
    </row>
    <row r="952720" spans="14:14">
      <c r="N952720" s="10"/>
    </row>
    <row r="952721" spans="14:14">
      <c r="N952721" s="10"/>
    </row>
    <row r="952722" spans="14:14">
      <c r="N952722" s="10"/>
    </row>
    <row r="952723" spans="14:14">
      <c r="N952723" s="10"/>
    </row>
    <row r="952724" spans="14:14">
      <c r="N952724" s="10"/>
    </row>
    <row r="952725" spans="14:14">
      <c r="N952725" s="10"/>
    </row>
    <row r="952726" spans="14:14">
      <c r="N952726" s="10"/>
    </row>
    <row r="952727" spans="14:14">
      <c r="N952727" s="10"/>
    </row>
    <row r="952728" spans="14:14">
      <c r="N952728" s="10"/>
    </row>
    <row r="952729" spans="14:14">
      <c r="N952729" s="10"/>
    </row>
    <row r="952730" spans="14:14">
      <c r="N952730" s="10"/>
    </row>
    <row r="952731" spans="14:14">
      <c r="N952731" s="10"/>
    </row>
    <row r="952732" spans="14:14">
      <c r="N952732" s="10"/>
    </row>
    <row r="952733" spans="14:14">
      <c r="N952733" s="10"/>
    </row>
    <row r="952734" spans="14:14">
      <c r="N952734" s="10"/>
    </row>
    <row r="952735" spans="14:14">
      <c r="N952735" s="10"/>
    </row>
    <row r="952736" spans="14:14">
      <c r="N952736" s="10"/>
    </row>
    <row r="952737" spans="14:14">
      <c r="N952737" s="10"/>
    </row>
    <row r="952738" spans="14:14">
      <c r="N952738" s="10"/>
    </row>
    <row r="952739" spans="14:14">
      <c r="N952739" s="10"/>
    </row>
    <row r="952740" spans="14:14">
      <c r="N952740" s="10"/>
    </row>
    <row r="952741" spans="14:14">
      <c r="N952741" s="10"/>
    </row>
    <row r="952742" spans="14:14">
      <c r="N952742" s="10"/>
    </row>
    <row r="952743" spans="14:14">
      <c r="N952743" s="10"/>
    </row>
    <row r="952744" spans="14:14">
      <c r="N952744" s="10"/>
    </row>
    <row r="952745" spans="14:14">
      <c r="N952745" s="10"/>
    </row>
    <row r="952746" spans="14:14">
      <c r="N952746" s="10"/>
    </row>
    <row r="952747" spans="14:14">
      <c r="N952747" s="10"/>
    </row>
    <row r="952748" spans="14:14">
      <c r="N952748" s="10"/>
    </row>
    <row r="952749" spans="14:14">
      <c r="N952749" s="10"/>
    </row>
    <row r="952750" spans="14:14">
      <c r="N952750" s="10"/>
    </row>
    <row r="952751" spans="14:14">
      <c r="N952751" s="10"/>
    </row>
    <row r="952752" spans="14:14">
      <c r="N952752" s="10"/>
    </row>
    <row r="952753" spans="14:14">
      <c r="N952753" s="10"/>
    </row>
    <row r="952754" spans="14:14">
      <c r="N952754" s="10"/>
    </row>
    <row r="952755" spans="14:14">
      <c r="N952755" s="10"/>
    </row>
    <row r="952756" spans="14:14">
      <c r="N952756" s="10"/>
    </row>
    <row r="952757" spans="14:14">
      <c r="N952757" s="10"/>
    </row>
    <row r="952758" spans="14:14">
      <c r="N952758" s="10"/>
    </row>
    <row r="952759" spans="14:14">
      <c r="N952759" s="10"/>
    </row>
    <row r="952760" spans="14:14">
      <c r="N952760" s="10"/>
    </row>
    <row r="952761" spans="14:14">
      <c r="N952761" s="10"/>
    </row>
    <row r="952762" spans="14:14">
      <c r="N952762" s="10"/>
    </row>
    <row r="952763" spans="14:14">
      <c r="N952763" s="10"/>
    </row>
    <row r="952764" spans="14:14">
      <c r="N952764" s="10"/>
    </row>
    <row r="952765" spans="14:14">
      <c r="N952765" s="10"/>
    </row>
    <row r="952766" spans="14:14">
      <c r="N952766" s="10"/>
    </row>
    <row r="952767" spans="14:14">
      <c r="N952767" s="10"/>
    </row>
    <row r="952768" spans="14:14">
      <c r="N952768" s="10"/>
    </row>
    <row r="952769" spans="14:14">
      <c r="N952769" s="10"/>
    </row>
    <row r="952770" spans="14:14">
      <c r="N952770" s="10"/>
    </row>
    <row r="952771" spans="14:14">
      <c r="N952771" s="10"/>
    </row>
    <row r="952772" spans="14:14">
      <c r="N952772" s="10"/>
    </row>
    <row r="952773" spans="14:14">
      <c r="N952773" s="10"/>
    </row>
    <row r="952774" spans="14:14">
      <c r="N952774" s="10"/>
    </row>
    <row r="952775" spans="14:14">
      <c r="N952775" s="10"/>
    </row>
    <row r="952776" spans="14:14">
      <c r="N952776" s="10"/>
    </row>
    <row r="952777" spans="14:14">
      <c r="N952777" s="10"/>
    </row>
    <row r="952778" spans="14:14">
      <c r="N952778" s="10"/>
    </row>
    <row r="952779" spans="14:14">
      <c r="N952779" s="10"/>
    </row>
    <row r="952780" spans="14:14">
      <c r="N952780" s="10"/>
    </row>
    <row r="952781" spans="14:14">
      <c r="N952781" s="10"/>
    </row>
    <row r="952782" spans="14:14">
      <c r="N952782" s="10"/>
    </row>
    <row r="952783" spans="14:14">
      <c r="N952783" s="10"/>
    </row>
    <row r="952784" spans="14:14">
      <c r="N952784" s="10"/>
    </row>
    <row r="952785" spans="14:14">
      <c r="N952785" s="10"/>
    </row>
    <row r="952786" spans="14:14">
      <c r="N952786" s="10"/>
    </row>
    <row r="952787" spans="14:14">
      <c r="N952787" s="10"/>
    </row>
    <row r="952788" spans="14:14">
      <c r="N952788" s="10"/>
    </row>
    <row r="952789" spans="14:14">
      <c r="N952789" s="10"/>
    </row>
    <row r="952790" spans="14:14">
      <c r="N952790" s="10"/>
    </row>
    <row r="952791" spans="14:14">
      <c r="N952791" s="10"/>
    </row>
    <row r="952792" spans="14:14">
      <c r="N952792" s="10"/>
    </row>
    <row r="952793" spans="14:14">
      <c r="N952793" s="10"/>
    </row>
    <row r="952794" spans="14:14">
      <c r="N952794" s="10"/>
    </row>
    <row r="952795" spans="14:14">
      <c r="N952795" s="10"/>
    </row>
    <row r="952796" spans="14:14">
      <c r="N952796" s="10"/>
    </row>
    <row r="952797" spans="14:14">
      <c r="N952797" s="10"/>
    </row>
    <row r="952798" spans="14:14">
      <c r="N952798" s="10"/>
    </row>
    <row r="952799" spans="14:14">
      <c r="N952799" s="10"/>
    </row>
    <row r="952800" spans="14:14">
      <c r="N952800" s="10"/>
    </row>
    <row r="952801" spans="14:14">
      <c r="N952801" s="10"/>
    </row>
    <row r="952802" spans="14:14">
      <c r="N952802" s="10"/>
    </row>
    <row r="952803" spans="14:14">
      <c r="N952803" s="10"/>
    </row>
    <row r="952804" spans="14:14">
      <c r="N952804" s="10"/>
    </row>
    <row r="952805" spans="14:14">
      <c r="N952805" s="10"/>
    </row>
    <row r="952806" spans="14:14">
      <c r="N952806" s="10"/>
    </row>
    <row r="952807" spans="14:14">
      <c r="N952807" s="10"/>
    </row>
    <row r="952808" spans="14:14">
      <c r="N952808" s="10"/>
    </row>
    <row r="952809" spans="14:14">
      <c r="N952809" s="10"/>
    </row>
    <row r="952810" spans="14:14">
      <c r="N952810" s="10"/>
    </row>
    <row r="952811" spans="14:14">
      <c r="N952811" s="10"/>
    </row>
    <row r="952812" spans="14:14">
      <c r="N952812" s="10"/>
    </row>
    <row r="952813" spans="14:14">
      <c r="N952813" s="10"/>
    </row>
    <row r="952814" spans="14:14">
      <c r="N952814" s="10"/>
    </row>
    <row r="952815" spans="14:14">
      <c r="N952815" s="10"/>
    </row>
    <row r="952816" spans="14:14">
      <c r="N952816" s="10"/>
    </row>
    <row r="952817" spans="14:14">
      <c r="N952817" s="10"/>
    </row>
    <row r="952818" spans="14:14">
      <c r="N952818" s="10"/>
    </row>
    <row r="952819" spans="14:14">
      <c r="N952819" s="10"/>
    </row>
    <row r="952820" spans="14:14">
      <c r="N952820" s="10"/>
    </row>
    <row r="952821" spans="14:14">
      <c r="N952821" s="10"/>
    </row>
    <row r="952822" spans="14:14">
      <c r="N952822" s="10"/>
    </row>
    <row r="952823" spans="14:14">
      <c r="N952823" s="10"/>
    </row>
    <row r="952824" spans="14:14">
      <c r="N952824" s="10"/>
    </row>
    <row r="952825" spans="14:14">
      <c r="N952825" s="10"/>
    </row>
    <row r="952826" spans="14:14">
      <c r="N952826" s="10"/>
    </row>
    <row r="952827" spans="14:14">
      <c r="N952827" s="10"/>
    </row>
    <row r="952828" spans="14:14">
      <c r="N952828" s="10"/>
    </row>
    <row r="952829" spans="14:14">
      <c r="N952829" s="10"/>
    </row>
    <row r="952830" spans="14:14">
      <c r="N952830" s="10"/>
    </row>
    <row r="952831" spans="14:14">
      <c r="N952831" s="10"/>
    </row>
    <row r="952832" spans="14:14">
      <c r="N952832" s="10"/>
    </row>
    <row r="952833" spans="14:14">
      <c r="N952833" s="10"/>
    </row>
    <row r="952834" spans="14:14">
      <c r="N952834" s="10"/>
    </row>
    <row r="952835" spans="14:14">
      <c r="N952835" s="10"/>
    </row>
    <row r="952836" spans="14:14">
      <c r="N952836" s="10"/>
    </row>
    <row r="952837" spans="14:14">
      <c r="N952837" s="10"/>
    </row>
    <row r="952838" spans="14:14">
      <c r="N952838" s="10"/>
    </row>
    <row r="952839" spans="14:14">
      <c r="N952839" s="10"/>
    </row>
    <row r="952840" spans="14:14">
      <c r="N952840" s="10"/>
    </row>
    <row r="952841" spans="14:14">
      <c r="N952841" s="10"/>
    </row>
    <row r="952842" spans="14:14">
      <c r="N952842" s="10"/>
    </row>
    <row r="952843" spans="14:14">
      <c r="N952843" s="10"/>
    </row>
    <row r="952844" spans="14:14">
      <c r="N952844" s="10"/>
    </row>
    <row r="952845" spans="14:14">
      <c r="N952845" s="10"/>
    </row>
    <row r="952846" spans="14:14">
      <c r="N952846" s="10"/>
    </row>
    <row r="952847" spans="14:14">
      <c r="N952847" s="10"/>
    </row>
    <row r="952848" spans="14:14">
      <c r="N952848" s="10"/>
    </row>
    <row r="952849" spans="14:14">
      <c r="N952849" s="10"/>
    </row>
    <row r="952850" spans="14:14">
      <c r="N952850" s="10"/>
    </row>
    <row r="952851" spans="14:14">
      <c r="N952851" s="10"/>
    </row>
    <row r="952852" spans="14:14">
      <c r="N952852" s="10"/>
    </row>
    <row r="952853" spans="14:14">
      <c r="N952853" s="10"/>
    </row>
    <row r="952854" spans="14:14">
      <c r="N952854" s="10"/>
    </row>
    <row r="952855" spans="14:14">
      <c r="N952855" s="10"/>
    </row>
    <row r="952856" spans="14:14">
      <c r="N952856" s="10"/>
    </row>
    <row r="952857" spans="14:14">
      <c r="N952857" s="10"/>
    </row>
    <row r="952858" spans="14:14">
      <c r="N952858" s="10"/>
    </row>
    <row r="952859" spans="14:14">
      <c r="N952859" s="10"/>
    </row>
    <row r="952860" spans="14:14">
      <c r="N952860" s="10"/>
    </row>
    <row r="952861" spans="14:14">
      <c r="N952861" s="10"/>
    </row>
    <row r="952862" spans="14:14">
      <c r="N952862" s="10"/>
    </row>
    <row r="952863" spans="14:14">
      <c r="N952863" s="10"/>
    </row>
    <row r="952864" spans="14:14">
      <c r="N952864" s="10"/>
    </row>
    <row r="952865" spans="14:14">
      <c r="N952865" s="10"/>
    </row>
    <row r="952866" spans="14:14">
      <c r="N952866" s="10"/>
    </row>
    <row r="952867" spans="14:14">
      <c r="N952867" s="10"/>
    </row>
    <row r="952868" spans="14:14">
      <c r="N952868" s="10"/>
    </row>
    <row r="952869" spans="14:14">
      <c r="N952869" s="10"/>
    </row>
    <row r="952870" spans="14:14">
      <c r="N952870" s="10"/>
    </row>
    <row r="952871" spans="14:14">
      <c r="N952871" s="10"/>
    </row>
    <row r="952872" spans="14:14">
      <c r="N952872" s="10"/>
    </row>
    <row r="952873" spans="14:14">
      <c r="N952873" s="10"/>
    </row>
    <row r="952874" spans="14:14">
      <c r="N952874" s="10"/>
    </row>
    <row r="952875" spans="14:14">
      <c r="N952875" s="10"/>
    </row>
    <row r="952876" spans="14:14">
      <c r="N952876" s="10"/>
    </row>
    <row r="952877" spans="14:14">
      <c r="N952877" s="10"/>
    </row>
    <row r="952878" spans="14:14">
      <c r="N952878" s="10"/>
    </row>
    <row r="952879" spans="14:14">
      <c r="N952879" s="10"/>
    </row>
    <row r="952880" spans="14:14">
      <c r="N952880" s="10"/>
    </row>
    <row r="952881" spans="14:14">
      <c r="N952881" s="10"/>
    </row>
    <row r="952882" spans="14:14">
      <c r="N952882" s="10"/>
    </row>
    <row r="952883" spans="14:14">
      <c r="N952883" s="10"/>
    </row>
    <row r="952884" spans="14:14">
      <c r="N952884" s="10"/>
    </row>
    <row r="952885" spans="14:14">
      <c r="N952885" s="10"/>
    </row>
    <row r="952886" spans="14:14">
      <c r="N952886" s="10"/>
    </row>
    <row r="952887" spans="14:14">
      <c r="N952887" s="10"/>
    </row>
    <row r="952888" spans="14:14">
      <c r="N952888" s="10"/>
    </row>
    <row r="952889" spans="14:14">
      <c r="N952889" s="10"/>
    </row>
    <row r="952890" spans="14:14">
      <c r="N952890" s="10"/>
    </row>
    <row r="952891" spans="14:14">
      <c r="N952891" s="10"/>
    </row>
    <row r="952892" spans="14:14">
      <c r="N952892" s="10"/>
    </row>
    <row r="952893" spans="14:14">
      <c r="N952893" s="10"/>
    </row>
    <row r="952894" spans="14:14">
      <c r="N952894" s="10"/>
    </row>
    <row r="952895" spans="14:14">
      <c r="N952895" s="10"/>
    </row>
    <row r="952896" spans="14:14">
      <c r="N952896" s="10"/>
    </row>
    <row r="952897" spans="14:14">
      <c r="N952897" s="10"/>
    </row>
    <row r="952898" spans="14:14">
      <c r="N952898" s="10"/>
    </row>
    <row r="952899" spans="14:14">
      <c r="N952899" s="10"/>
    </row>
    <row r="952900" spans="14:14">
      <c r="N952900" s="10"/>
    </row>
    <row r="952901" spans="14:14">
      <c r="N952901" s="10"/>
    </row>
    <row r="952902" spans="14:14">
      <c r="N952902" s="10"/>
    </row>
    <row r="952903" spans="14:14">
      <c r="N952903" s="10"/>
    </row>
    <row r="952904" spans="14:14">
      <c r="N952904" s="10"/>
    </row>
    <row r="952905" spans="14:14">
      <c r="N952905" s="10"/>
    </row>
    <row r="952906" spans="14:14">
      <c r="N952906" s="10"/>
    </row>
    <row r="952907" spans="14:14">
      <c r="N952907" s="10"/>
    </row>
    <row r="952908" spans="14:14">
      <c r="N952908" s="10"/>
    </row>
    <row r="952909" spans="14:14">
      <c r="N952909" s="10"/>
    </row>
    <row r="952910" spans="14:14">
      <c r="N952910" s="10"/>
    </row>
    <row r="952911" spans="14:14">
      <c r="N952911" s="10"/>
    </row>
    <row r="952912" spans="14:14">
      <c r="N952912" s="10"/>
    </row>
    <row r="952913" spans="14:14">
      <c r="N952913" s="10"/>
    </row>
    <row r="952914" spans="14:14">
      <c r="N952914" s="10"/>
    </row>
    <row r="952915" spans="14:14">
      <c r="N952915" s="10"/>
    </row>
    <row r="952916" spans="14:14">
      <c r="N952916" s="10"/>
    </row>
    <row r="952917" spans="14:14">
      <c r="N952917" s="10"/>
    </row>
    <row r="952918" spans="14:14">
      <c r="N952918" s="10"/>
    </row>
    <row r="952919" spans="14:14">
      <c r="N952919" s="10"/>
    </row>
    <row r="952920" spans="14:14">
      <c r="N952920" s="10"/>
    </row>
    <row r="952921" spans="14:14">
      <c r="N952921" s="10"/>
    </row>
    <row r="952922" spans="14:14">
      <c r="N952922" s="10"/>
    </row>
    <row r="952923" spans="14:14">
      <c r="N952923" s="10"/>
    </row>
    <row r="952924" spans="14:14">
      <c r="N952924" s="10"/>
    </row>
    <row r="952925" spans="14:14">
      <c r="N952925" s="10"/>
    </row>
    <row r="952926" spans="14:14">
      <c r="N952926" s="10"/>
    </row>
    <row r="952927" spans="14:14">
      <c r="N952927" s="10"/>
    </row>
    <row r="952928" spans="14:14">
      <c r="N952928" s="10"/>
    </row>
    <row r="952929" spans="14:14">
      <c r="N952929" s="10"/>
    </row>
    <row r="952930" spans="14:14">
      <c r="N952930" s="10"/>
    </row>
    <row r="952931" spans="14:14">
      <c r="N952931" s="10"/>
    </row>
    <row r="952932" spans="14:14">
      <c r="N952932" s="10"/>
    </row>
    <row r="952933" spans="14:14">
      <c r="N952933" s="10"/>
    </row>
    <row r="952934" spans="14:14">
      <c r="N952934" s="10"/>
    </row>
    <row r="952935" spans="14:14">
      <c r="N952935" s="10"/>
    </row>
    <row r="952936" spans="14:14">
      <c r="N952936" s="10"/>
    </row>
    <row r="952937" spans="14:14">
      <c r="N952937" s="10"/>
    </row>
    <row r="952938" spans="14:14">
      <c r="N952938" s="10"/>
    </row>
    <row r="952939" spans="14:14">
      <c r="N952939" s="10"/>
    </row>
    <row r="952940" spans="14:14">
      <c r="N952940" s="10"/>
    </row>
    <row r="952941" spans="14:14">
      <c r="N952941" s="10"/>
    </row>
    <row r="952942" spans="14:14">
      <c r="N952942" s="10"/>
    </row>
    <row r="952943" spans="14:14">
      <c r="N952943" s="10"/>
    </row>
    <row r="952944" spans="14:14">
      <c r="N952944" s="10"/>
    </row>
    <row r="952945" spans="14:14">
      <c r="N952945" s="10"/>
    </row>
    <row r="952946" spans="14:14">
      <c r="N952946" s="10"/>
    </row>
    <row r="952947" spans="14:14">
      <c r="N952947" s="10"/>
    </row>
    <row r="952948" spans="14:14">
      <c r="N952948" s="10"/>
    </row>
    <row r="952949" spans="14:14">
      <c r="N952949" s="10"/>
    </row>
    <row r="952950" spans="14:14">
      <c r="N952950" s="10"/>
    </row>
    <row r="952951" spans="14:14">
      <c r="N952951" s="10"/>
    </row>
    <row r="952952" spans="14:14">
      <c r="N952952" s="10"/>
    </row>
    <row r="952953" spans="14:14">
      <c r="N952953" s="10"/>
    </row>
    <row r="952954" spans="14:14">
      <c r="N952954" s="10"/>
    </row>
    <row r="952955" spans="14:14">
      <c r="N952955" s="10"/>
    </row>
    <row r="952956" spans="14:14">
      <c r="N952956" s="10"/>
    </row>
    <row r="952957" spans="14:14">
      <c r="N952957" s="10"/>
    </row>
    <row r="952958" spans="14:14">
      <c r="N952958" s="10"/>
    </row>
    <row r="952959" spans="14:14">
      <c r="N952959" s="10"/>
    </row>
    <row r="952960" spans="14:14">
      <c r="N952960" s="10"/>
    </row>
    <row r="952961" spans="14:14">
      <c r="N952961" s="10"/>
    </row>
    <row r="952962" spans="14:14">
      <c r="N952962" s="10"/>
    </row>
    <row r="952963" spans="14:14">
      <c r="N952963" s="10"/>
    </row>
    <row r="952964" spans="14:14">
      <c r="N952964" s="10"/>
    </row>
    <row r="952965" spans="14:14">
      <c r="N952965" s="10"/>
    </row>
    <row r="952966" spans="14:14">
      <c r="N952966" s="10"/>
    </row>
    <row r="952967" spans="14:14">
      <c r="N952967" s="10"/>
    </row>
    <row r="952968" spans="14:14">
      <c r="N952968" s="10"/>
    </row>
    <row r="952969" spans="14:14">
      <c r="N952969" s="10"/>
    </row>
    <row r="952970" spans="14:14">
      <c r="N952970" s="10"/>
    </row>
    <row r="952971" spans="14:14">
      <c r="N952971" s="10"/>
    </row>
    <row r="952972" spans="14:14">
      <c r="N952972" s="10"/>
    </row>
    <row r="952973" spans="14:14">
      <c r="N952973" s="10"/>
    </row>
    <row r="952974" spans="14:14">
      <c r="N952974" s="10"/>
    </row>
    <row r="952975" spans="14:14">
      <c r="N952975" s="10"/>
    </row>
    <row r="952976" spans="14:14">
      <c r="N952976" s="10"/>
    </row>
    <row r="952977" spans="14:14">
      <c r="N952977" s="10"/>
    </row>
    <row r="952978" spans="14:14">
      <c r="N952978" s="10"/>
    </row>
    <row r="952979" spans="14:14">
      <c r="N952979" s="10"/>
    </row>
    <row r="952980" spans="14:14">
      <c r="N952980" s="10"/>
    </row>
    <row r="952981" spans="14:14">
      <c r="N952981" s="10"/>
    </row>
    <row r="952982" spans="14:14">
      <c r="N952982" s="10"/>
    </row>
    <row r="952983" spans="14:14">
      <c r="N952983" s="10"/>
    </row>
    <row r="952984" spans="14:14">
      <c r="N952984" s="10"/>
    </row>
    <row r="952985" spans="14:14">
      <c r="N952985" s="10"/>
    </row>
    <row r="952986" spans="14:14">
      <c r="N952986" s="10"/>
    </row>
    <row r="952987" spans="14:14">
      <c r="N952987" s="10"/>
    </row>
    <row r="952988" spans="14:14">
      <c r="N952988" s="10"/>
    </row>
    <row r="952989" spans="14:14">
      <c r="N952989" s="10"/>
    </row>
    <row r="952990" spans="14:14">
      <c r="N952990" s="10"/>
    </row>
    <row r="952991" spans="14:14">
      <c r="N952991" s="10"/>
    </row>
    <row r="952992" spans="14:14">
      <c r="N952992" s="10"/>
    </row>
    <row r="952993" spans="14:14">
      <c r="N952993" s="10"/>
    </row>
    <row r="952994" spans="14:14">
      <c r="N952994" s="10"/>
    </row>
    <row r="952995" spans="14:14">
      <c r="N952995" s="10"/>
    </row>
    <row r="952996" spans="14:14">
      <c r="N952996" s="10"/>
    </row>
    <row r="952997" spans="14:14">
      <c r="N952997" s="10"/>
    </row>
    <row r="952998" spans="14:14">
      <c r="N952998" s="10"/>
    </row>
    <row r="952999" spans="14:14">
      <c r="N952999" s="10"/>
    </row>
    <row r="953000" spans="14:14">
      <c r="N953000" s="10"/>
    </row>
    <row r="953001" spans="14:14">
      <c r="N953001" s="10"/>
    </row>
    <row r="953002" spans="14:14">
      <c r="N953002" s="10"/>
    </row>
    <row r="953003" spans="14:14">
      <c r="N953003" s="10"/>
    </row>
    <row r="953004" spans="14:14">
      <c r="N953004" s="10"/>
    </row>
    <row r="953005" spans="14:14">
      <c r="N953005" s="10"/>
    </row>
    <row r="953006" spans="14:14">
      <c r="N953006" s="10"/>
    </row>
    <row r="953007" spans="14:14">
      <c r="N953007" s="10"/>
    </row>
    <row r="953008" spans="14:14">
      <c r="N953008" s="10"/>
    </row>
    <row r="953009" spans="14:14">
      <c r="N953009" s="10"/>
    </row>
    <row r="953010" spans="14:14">
      <c r="N953010" s="10"/>
    </row>
    <row r="953011" spans="14:14">
      <c r="N953011" s="10"/>
    </row>
    <row r="953012" spans="14:14">
      <c r="N953012" s="10"/>
    </row>
    <row r="953013" spans="14:14">
      <c r="N953013" s="10"/>
    </row>
    <row r="953014" spans="14:14">
      <c r="N953014" s="10"/>
    </row>
    <row r="953015" spans="14:14">
      <c r="N953015" s="10"/>
    </row>
    <row r="953016" spans="14:14">
      <c r="N953016" s="10"/>
    </row>
    <row r="953017" spans="14:14">
      <c r="N953017" s="10"/>
    </row>
    <row r="953018" spans="14:14">
      <c r="N953018" s="10"/>
    </row>
    <row r="953019" spans="14:14">
      <c r="N953019" s="10"/>
    </row>
    <row r="953020" spans="14:14">
      <c r="N953020" s="10"/>
    </row>
    <row r="953021" spans="14:14">
      <c r="N953021" s="10"/>
    </row>
    <row r="953022" spans="14:14">
      <c r="N953022" s="10"/>
    </row>
    <row r="953023" spans="14:14">
      <c r="N953023" s="10"/>
    </row>
    <row r="953024" spans="14:14">
      <c r="N953024" s="10"/>
    </row>
    <row r="953025" spans="14:14">
      <c r="N953025" s="10"/>
    </row>
    <row r="953026" spans="14:14">
      <c r="N953026" s="10"/>
    </row>
    <row r="953027" spans="14:14">
      <c r="N953027" s="10"/>
    </row>
    <row r="953028" spans="14:14">
      <c r="N953028" s="10"/>
    </row>
    <row r="953029" spans="14:14">
      <c r="N953029" s="10"/>
    </row>
    <row r="953030" spans="14:14">
      <c r="N953030" s="10"/>
    </row>
    <row r="953031" spans="14:14">
      <c r="N953031" s="10"/>
    </row>
    <row r="953032" spans="14:14">
      <c r="N953032" s="10"/>
    </row>
    <row r="953033" spans="14:14">
      <c r="N953033" s="10"/>
    </row>
    <row r="953034" spans="14:14">
      <c r="N953034" s="10"/>
    </row>
    <row r="953035" spans="14:14">
      <c r="N953035" s="10"/>
    </row>
    <row r="953036" spans="14:14">
      <c r="N953036" s="10"/>
    </row>
    <row r="953037" spans="14:14">
      <c r="N953037" s="10"/>
    </row>
    <row r="953038" spans="14:14">
      <c r="N953038" s="10"/>
    </row>
    <row r="953039" spans="14:14">
      <c r="N953039" s="10"/>
    </row>
    <row r="953040" spans="14:14">
      <c r="N953040" s="10"/>
    </row>
    <row r="953041" spans="14:14">
      <c r="N953041" s="10"/>
    </row>
    <row r="953042" spans="14:14">
      <c r="N953042" s="10"/>
    </row>
    <row r="953043" spans="14:14">
      <c r="N953043" s="10"/>
    </row>
    <row r="953044" spans="14:14">
      <c r="N953044" s="10"/>
    </row>
    <row r="953045" spans="14:14">
      <c r="N953045" s="10"/>
    </row>
    <row r="953046" spans="14:14">
      <c r="N953046" s="10"/>
    </row>
    <row r="953047" spans="14:14">
      <c r="N953047" s="10"/>
    </row>
    <row r="953048" spans="14:14">
      <c r="N953048" s="10"/>
    </row>
    <row r="953049" spans="14:14">
      <c r="N953049" s="10"/>
    </row>
    <row r="953050" spans="14:14">
      <c r="N953050" s="10"/>
    </row>
    <row r="953051" spans="14:14">
      <c r="N953051" s="10"/>
    </row>
    <row r="953052" spans="14:14">
      <c r="N953052" s="10"/>
    </row>
    <row r="953053" spans="14:14">
      <c r="N953053" s="10"/>
    </row>
    <row r="953054" spans="14:14">
      <c r="N953054" s="10"/>
    </row>
    <row r="953055" spans="14:14">
      <c r="N953055" s="10"/>
    </row>
    <row r="953056" spans="14:14">
      <c r="N953056" s="10"/>
    </row>
    <row r="953057" spans="14:14">
      <c r="N953057" s="10"/>
    </row>
    <row r="953058" spans="14:14">
      <c r="N953058" s="10"/>
    </row>
    <row r="953059" spans="14:14">
      <c r="N953059" s="10"/>
    </row>
    <row r="953060" spans="14:14">
      <c r="N953060" s="10"/>
    </row>
    <row r="953061" spans="14:14">
      <c r="N953061" s="10"/>
    </row>
    <row r="953062" spans="14:14">
      <c r="N953062" s="10"/>
    </row>
    <row r="953063" spans="14:14">
      <c r="N953063" s="10"/>
    </row>
    <row r="953064" spans="14:14">
      <c r="N953064" s="10"/>
    </row>
    <row r="953065" spans="14:14">
      <c r="N953065" s="10"/>
    </row>
    <row r="953066" spans="14:14">
      <c r="N953066" s="10"/>
    </row>
    <row r="953067" spans="14:14">
      <c r="N953067" s="10"/>
    </row>
    <row r="953068" spans="14:14">
      <c r="N953068" s="10"/>
    </row>
    <row r="953069" spans="14:14">
      <c r="N953069" s="10"/>
    </row>
    <row r="953070" spans="14:14">
      <c r="N953070" s="10"/>
    </row>
    <row r="953071" spans="14:14">
      <c r="N953071" s="10"/>
    </row>
    <row r="953072" spans="14:14">
      <c r="N953072" s="10"/>
    </row>
    <row r="953073" spans="14:14">
      <c r="N953073" s="10"/>
    </row>
    <row r="953074" spans="14:14">
      <c r="N953074" s="10"/>
    </row>
    <row r="953075" spans="14:14">
      <c r="N953075" s="10"/>
    </row>
    <row r="953076" spans="14:14">
      <c r="N953076" s="10"/>
    </row>
    <row r="953077" spans="14:14">
      <c r="N953077" s="10"/>
    </row>
    <row r="953078" spans="14:14">
      <c r="N953078" s="10"/>
    </row>
    <row r="953079" spans="14:14">
      <c r="N953079" s="10"/>
    </row>
    <row r="953080" spans="14:14">
      <c r="N953080" s="10"/>
    </row>
    <row r="953081" spans="14:14">
      <c r="N953081" s="10"/>
    </row>
    <row r="953082" spans="14:14">
      <c r="N953082" s="10"/>
    </row>
    <row r="953083" spans="14:14">
      <c r="N953083" s="10"/>
    </row>
    <row r="953084" spans="14:14">
      <c r="N953084" s="10"/>
    </row>
    <row r="953085" spans="14:14">
      <c r="N953085" s="10"/>
    </row>
    <row r="953086" spans="14:14">
      <c r="N953086" s="10"/>
    </row>
    <row r="953087" spans="14:14">
      <c r="N953087" s="10"/>
    </row>
    <row r="953088" spans="14:14">
      <c r="N953088" s="10"/>
    </row>
    <row r="953089" spans="14:14">
      <c r="N953089" s="10"/>
    </row>
    <row r="953090" spans="14:14">
      <c r="N953090" s="10"/>
    </row>
    <row r="953091" spans="14:14">
      <c r="N953091" s="10"/>
    </row>
    <row r="953092" spans="14:14">
      <c r="N953092" s="10"/>
    </row>
    <row r="953093" spans="14:14">
      <c r="N953093" s="10"/>
    </row>
    <row r="953094" spans="14:14">
      <c r="N953094" s="10"/>
    </row>
    <row r="953095" spans="14:14">
      <c r="N953095" s="10"/>
    </row>
    <row r="953096" spans="14:14">
      <c r="N953096" s="10"/>
    </row>
    <row r="953097" spans="14:14">
      <c r="N953097" s="10"/>
    </row>
    <row r="953098" spans="14:14">
      <c r="N953098" s="10"/>
    </row>
    <row r="953099" spans="14:14">
      <c r="N953099" s="10"/>
    </row>
    <row r="953100" spans="14:14">
      <c r="N953100" s="10"/>
    </row>
    <row r="953101" spans="14:14">
      <c r="N953101" s="10"/>
    </row>
    <row r="953102" spans="14:14">
      <c r="N953102" s="10"/>
    </row>
    <row r="953103" spans="14:14">
      <c r="N953103" s="10"/>
    </row>
    <row r="953104" spans="14:14">
      <c r="N953104" s="10"/>
    </row>
    <row r="953105" spans="14:14">
      <c r="N953105" s="10"/>
    </row>
    <row r="953106" spans="14:14">
      <c r="N953106" s="10"/>
    </row>
    <row r="953107" spans="14:14">
      <c r="N953107" s="10"/>
    </row>
    <row r="953108" spans="14:14">
      <c r="N953108" s="10"/>
    </row>
    <row r="953109" spans="14:14">
      <c r="N953109" s="10"/>
    </row>
    <row r="953110" spans="14:14">
      <c r="N953110" s="10"/>
    </row>
    <row r="953111" spans="14:14">
      <c r="N953111" s="10"/>
    </row>
    <row r="953112" spans="14:14">
      <c r="N953112" s="10"/>
    </row>
    <row r="953113" spans="14:14">
      <c r="N953113" s="10"/>
    </row>
    <row r="953114" spans="14:14">
      <c r="N953114" s="10"/>
    </row>
    <row r="953115" spans="14:14">
      <c r="N953115" s="10"/>
    </row>
    <row r="953116" spans="14:14">
      <c r="N953116" s="10"/>
    </row>
    <row r="953117" spans="14:14">
      <c r="N953117" s="10"/>
    </row>
    <row r="953118" spans="14:14">
      <c r="N953118" s="10"/>
    </row>
    <row r="953119" spans="14:14">
      <c r="N953119" s="10"/>
    </row>
    <row r="953120" spans="14:14">
      <c r="N953120" s="10"/>
    </row>
    <row r="953121" spans="14:14">
      <c r="N953121" s="10"/>
    </row>
    <row r="953122" spans="14:14">
      <c r="N953122" s="10"/>
    </row>
    <row r="953123" spans="14:14">
      <c r="N953123" s="10"/>
    </row>
    <row r="953124" spans="14:14">
      <c r="N953124" s="10"/>
    </row>
    <row r="953125" spans="14:14">
      <c r="N953125" s="10"/>
    </row>
    <row r="953126" spans="14:14">
      <c r="N953126" s="10"/>
    </row>
    <row r="953127" spans="14:14">
      <c r="N953127" s="10"/>
    </row>
    <row r="953128" spans="14:14">
      <c r="N953128" s="10"/>
    </row>
    <row r="953129" spans="14:14">
      <c r="N953129" s="10"/>
    </row>
    <row r="953130" spans="14:14">
      <c r="N953130" s="10"/>
    </row>
    <row r="953131" spans="14:14">
      <c r="N953131" s="10"/>
    </row>
    <row r="953132" spans="14:14">
      <c r="N953132" s="10"/>
    </row>
    <row r="953133" spans="14:14">
      <c r="N953133" s="10"/>
    </row>
    <row r="953134" spans="14:14">
      <c r="N953134" s="10"/>
    </row>
    <row r="953135" spans="14:14">
      <c r="N953135" s="10"/>
    </row>
    <row r="953136" spans="14:14">
      <c r="N953136" s="10"/>
    </row>
    <row r="953137" spans="14:14">
      <c r="N953137" s="10"/>
    </row>
    <row r="953138" spans="14:14">
      <c r="N953138" s="10"/>
    </row>
    <row r="953139" spans="14:14">
      <c r="N953139" s="10"/>
    </row>
    <row r="953140" spans="14:14">
      <c r="N953140" s="10"/>
    </row>
    <row r="953141" spans="14:14">
      <c r="N953141" s="10"/>
    </row>
    <row r="953142" spans="14:14">
      <c r="N953142" s="10"/>
    </row>
    <row r="953143" spans="14:14">
      <c r="N953143" s="10"/>
    </row>
    <row r="953144" spans="14:14">
      <c r="N953144" s="10"/>
    </row>
    <row r="953145" spans="14:14">
      <c r="N953145" s="10"/>
    </row>
    <row r="953146" spans="14:14">
      <c r="N953146" s="10"/>
    </row>
    <row r="953147" spans="14:14">
      <c r="N953147" s="10"/>
    </row>
    <row r="953148" spans="14:14">
      <c r="N953148" s="10"/>
    </row>
    <row r="953149" spans="14:14">
      <c r="N953149" s="10"/>
    </row>
    <row r="953150" spans="14:14">
      <c r="N953150" s="10"/>
    </row>
    <row r="953151" spans="14:14">
      <c r="N953151" s="10"/>
    </row>
    <row r="953152" spans="14:14">
      <c r="N953152" s="10"/>
    </row>
    <row r="953153" spans="14:14">
      <c r="N953153" s="10"/>
    </row>
    <row r="953154" spans="14:14">
      <c r="N953154" s="10"/>
    </row>
    <row r="953155" spans="14:14">
      <c r="N953155" s="10"/>
    </row>
    <row r="953156" spans="14:14">
      <c r="N953156" s="10"/>
    </row>
    <row r="953157" spans="14:14">
      <c r="N953157" s="10"/>
    </row>
    <row r="953158" spans="14:14">
      <c r="N953158" s="10"/>
    </row>
    <row r="953159" spans="14:14">
      <c r="N953159" s="10"/>
    </row>
    <row r="953160" spans="14:14">
      <c r="N953160" s="10"/>
    </row>
    <row r="953161" spans="14:14">
      <c r="N953161" s="10"/>
    </row>
    <row r="953162" spans="14:14">
      <c r="N953162" s="10"/>
    </row>
    <row r="953163" spans="14:14">
      <c r="N953163" s="10"/>
    </row>
    <row r="953164" spans="14:14">
      <c r="N953164" s="10"/>
    </row>
    <row r="953165" spans="14:14">
      <c r="N953165" s="10"/>
    </row>
    <row r="953166" spans="14:14">
      <c r="N953166" s="10"/>
    </row>
    <row r="953167" spans="14:14">
      <c r="N953167" s="10"/>
    </row>
    <row r="953168" spans="14:14">
      <c r="N953168" s="10"/>
    </row>
    <row r="953169" spans="14:14">
      <c r="N953169" s="10"/>
    </row>
    <row r="953170" spans="14:14">
      <c r="N953170" s="10"/>
    </row>
    <row r="953171" spans="14:14">
      <c r="N953171" s="10"/>
    </row>
    <row r="953172" spans="14:14">
      <c r="N953172" s="10"/>
    </row>
    <row r="953173" spans="14:14">
      <c r="N953173" s="10"/>
    </row>
    <row r="953174" spans="14:14">
      <c r="N953174" s="10"/>
    </row>
    <row r="953175" spans="14:14">
      <c r="N953175" s="10"/>
    </row>
    <row r="953176" spans="14:14">
      <c r="N953176" s="10"/>
    </row>
    <row r="953177" spans="14:14">
      <c r="N953177" s="10"/>
    </row>
    <row r="953178" spans="14:14">
      <c r="N953178" s="10"/>
    </row>
    <row r="953179" spans="14:14">
      <c r="N953179" s="10"/>
    </row>
    <row r="953180" spans="14:14">
      <c r="N953180" s="10"/>
    </row>
    <row r="953181" spans="14:14">
      <c r="N953181" s="10"/>
    </row>
    <row r="953182" spans="14:14">
      <c r="N953182" s="10"/>
    </row>
    <row r="953183" spans="14:14">
      <c r="N953183" s="10"/>
    </row>
    <row r="953184" spans="14:14">
      <c r="N953184" s="10"/>
    </row>
    <row r="953185" spans="14:14">
      <c r="N953185" s="10"/>
    </row>
    <row r="953186" spans="14:14">
      <c r="N953186" s="10"/>
    </row>
    <row r="953187" spans="14:14">
      <c r="N953187" s="10"/>
    </row>
    <row r="953188" spans="14:14">
      <c r="N953188" s="10"/>
    </row>
    <row r="953189" spans="14:14">
      <c r="N953189" s="10"/>
    </row>
    <row r="953190" spans="14:14">
      <c r="N953190" s="10"/>
    </row>
    <row r="953191" spans="14:14">
      <c r="N953191" s="10"/>
    </row>
    <row r="953192" spans="14:14">
      <c r="N953192" s="10"/>
    </row>
    <row r="953193" spans="14:14">
      <c r="N953193" s="10"/>
    </row>
    <row r="953194" spans="14:14">
      <c r="N953194" s="10"/>
    </row>
    <row r="953195" spans="14:14">
      <c r="N953195" s="10"/>
    </row>
    <row r="953196" spans="14:14">
      <c r="N953196" s="10"/>
    </row>
    <row r="953197" spans="14:14">
      <c r="N953197" s="10"/>
    </row>
    <row r="953198" spans="14:14">
      <c r="N953198" s="10"/>
    </row>
    <row r="953199" spans="14:14">
      <c r="N953199" s="10"/>
    </row>
    <row r="953200" spans="14:14">
      <c r="N953200" s="10"/>
    </row>
    <row r="953201" spans="14:14">
      <c r="N953201" s="10"/>
    </row>
    <row r="953202" spans="14:14">
      <c r="N953202" s="10"/>
    </row>
    <row r="953203" spans="14:14">
      <c r="N953203" s="10"/>
    </row>
    <row r="953204" spans="14:14">
      <c r="N953204" s="10"/>
    </row>
    <row r="953205" spans="14:14">
      <c r="N953205" s="10"/>
    </row>
    <row r="953206" spans="14:14">
      <c r="N953206" s="10"/>
    </row>
    <row r="953207" spans="14:14">
      <c r="N953207" s="10"/>
    </row>
    <row r="953208" spans="14:14">
      <c r="N953208" s="10"/>
    </row>
    <row r="953209" spans="14:14">
      <c r="N953209" s="10"/>
    </row>
    <row r="953210" spans="14:14">
      <c r="N953210" s="10"/>
    </row>
    <row r="953211" spans="14:14">
      <c r="N953211" s="10"/>
    </row>
    <row r="953212" spans="14:14">
      <c r="N953212" s="10"/>
    </row>
    <row r="953213" spans="14:14">
      <c r="N953213" s="10"/>
    </row>
    <row r="953214" spans="14:14">
      <c r="N953214" s="10"/>
    </row>
    <row r="953215" spans="14:14">
      <c r="N953215" s="10"/>
    </row>
    <row r="953216" spans="14:14">
      <c r="N953216" s="10"/>
    </row>
    <row r="953217" spans="14:14">
      <c r="N953217" s="10"/>
    </row>
    <row r="953218" spans="14:14">
      <c r="N953218" s="10"/>
    </row>
    <row r="953219" spans="14:14">
      <c r="N953219" s="10"/>
    </row>
    <row r="953220" spans="14:14">
      <c r="N953220" s="10"/>
    </row>
    <row r="953221" spans="14:14">
      <c r="N953221" s="10"/>
    </row>
    <row r="953222" spans="14:14">
      <c r="N953222" s="10"/>
    </row>
    <row r="953223" spans="14:14">
      <c r="N953223" s="10"/>
    </row>
    <row r="953224" spans="14:14">
      <c r="N953224" s="10"/>
    </row>
    <row r="953225" spans="14:14">
      <c r="N953225" s="10"/>
    </row>
    <row r="953226" spans="14:14">
      <c r="N953226" s="10"/>
    </row>
    <row r="953227" spans="14:14">
      <c r="N953227" s="10"/>
    </row>
    <row r="953228" spans="14:14">
      <c r="N953228" s="10"/>
    </row>
    <row r="953229" spans="14:14">
      <c r="N953229" s="10"/>
    </row>
    <row r="953230" spans="14:14">
      <c r="N953230" s="10"/>
    </row>
    <row r="953231" spans="14:14">
      <c r="N953231" s="10"/>
    </row>
    <row r="953232" spans="14:14">
      <c r="N953232" s="10"/>
    </row>
    <row r="953233" spans="14:14">
      <c r="N953233" s="10"/>
    </row>
    <row r="953234" spans="14:14">
      <c r="N953234" s="10"/>
    </row>
    <row r="953235" spans="14:14">
      <c r="N953235" s="10"/>
    </row>
    <row r="953236" spans="14:14">
      <c r="N953236" s="10"/>
    </row>
    <row r="953237" spans="14:14">
      <c r="N953237" s="10"/>
    </row>
    <row r="953238" spans="14:14">
      <c r="N953238" s="10"/>
    </row>
    <row r="953239" spans="14:14">
      <c r="N953239" s="10"/>
    </row>
    <row r="953240" spans="14:14">
      <c r="N953240" s="10"/>
    </row>
    <row r="953241" spans="14:14">
      <c r="N953241" s="10"/>
    </row>
    <row r="953242" spans="14:14">
      <c r="N953242" s="10"/>
    </row>
    <row r="953243" spans="14:14">
      <c r="N953243" s="10"/>
    </row>
    <row r="953244" spans="14:14">
      <c r="N953244" s="10"/>
    </row>
    <row r="953245" spans="14:14">
      <c r="N953245" s="10"/>
    </row>
    <row r="953246" spans="14:14">
      <c r="N953246" s="10"/>
    </row>
    <row r="953247" spans="14:14">
      <c r="N953247" s="10"/>
    </row>
    <row r="953248" spans="14:14">
      <c r="N953248" s="10"/>
    </row>
    <row r="953249" spans="14:14">
      <c r="N953249" s="10"/>
    </row>
    <row r="953250" spans="14:14">
      <c r="N953250" s="10"/>
    </row>
    <row r="953251" spans="14:14">
      <c r="N953251" s="10"/>
    </row>
    <row r="953252" spans="14:14">
      <c r="N953252" s="10"/>
    </row>
    <row r="953253" spans="14:14">
      <c r="N953253" s="10"/>
    </row>
    <row r="953254" spans="14:14">
      <c r="N953254" s="10"/>
    </row>
    <row r="953255" spans="14:14">
      <c r="N953255" s="10"/>
    </row>
    <row r="953256" spans="14:14">
      <c r="N953256" s="10"/>
    </row>
    <row r="953257" spans="14:14">
      <c r="N953257" s="10"/>
    </row>
    <row r="953258" spans="14:14">
      <c r="N953258" s="10"/>
    </row>
    <row r="953259" spans="14:14">
      <c r="N953259" s="10"/>
    </row>
    <row r="953260" spans="14:14">
      <c r="N953260" s="10"/>
    </row>
    <row r="953261" spans="14:14">
      <c r="N953261" s="10"/>
    </row>
    <row r="953262" spans="14:14">
      <c r="N953262" s="10"/>
    </row>
    <row r="953263" spans="14:14">
      <c r="N953263" s="10"/>
    </row>
    <row r="953264" spans="14:14">
      <c r="N953264" s="10"/>
    </row>
    <row r="953265" spans="14:14">
      <c r="N953265" s="10"/>
    </row>
    <row r="953266" spans="14:14">
      <c r="N953266" s="10"/>
    </row>
    <row r="953267" spans="14:14">
      <c r="N953267" s="10"/>
    </row>
    <row r="953268" spans="14:14">
      <c r="N953268" s="10"/>
    </row>
    <row r="953269" spans="14:14">
      <c r="N953269" s="10"/>
    </row>
    <row r="953270" spans="14:14">
      <c r="N953270" s="10"/>
    </row>
    <row r="953271" spans="14:14">
      <c r="N953271" s="10"/>
    </row>
    <row r="953272" spans="14:14">
      <c r="N953272" s="10"/>
    </row>
    <row r="953273" spans="14:14">
      <c r="N953273" s="10"/>
    </row>
    <row r="953274" spans="14:14">
      <c r="N953274" s="10"/>
    </row>
    <row r="953275" spans="14:14">
      <c r="N953275" s="10"/>
    </row>
    <row r="953276" spans="14:14">
      <c r="N953276" s="10"/>
    </row>
    <row r="953277" spans="14:14">
      <c r="N953277" s="10"/>
    </row>
    <row r="953278" spans="14:14">
      <c r="N953278" s="10"/>
    </row>
    <row r="953279" spans="14:14">
      <c r="N953279" s="10"/>
    </row>
    <row r="953280" spans="14:14">
      <c r="N953280" s="10"/>
    </row>
    <row r="953281" spans="14:14">
      <c r="N953281" s="10"/>
    </row>
    <row r="953282" spans="14:14">
      <c r="N953282" s="10"/>
    </row>
    <row r="953283" spans="14:14">
      <c r="N953283" s="10"/>
    </row>
    <row r="953284" spans="14:14">
      <c r="N953284" s="10"/>
    </row>
    <row r="953285" spans="14:14">
      <c r="N953285" s="10"/>
    </row>
    <row r="953286" spans="14:14">
      <c r="N953286" s="10"/>
    </row>
    <row r="953287" spans="14:14">
      <c r="N953287" s="10"/>
    </row>
    <row r="953288" spans="14:14">
      <c r="N953288" s="10"/>
    </row>
    <row r="953289" spans="14:14">
      <c r="N953289" s="10"/>
    </row>
    <row r="953290" spans="14:14">
      <c r="N953290" s="10"/>
    </row>
    <row r="953291" spans="14:14">
      <c r="N953291" s="10"/>
    </row>
    <row r="953292" spans="14:14">
      <c r="N953292" s="10"/>
    </row>
    <row r="953293" spans="14:14">
      <c r="N953293" s="10"/>
    </row>
    <row r="953294" spans="14:14">
      <c r="N953294" s="10"/>
    </row>
    <row r="953295" spans="14:14">
      <c r="N953295" s="10"/>
    </row>
    <row r="953296" spans="14:14">
      <c r="N953296" s="10"/>
    </row>
    <row r="953297" spans="14:14">
      <c r="N953297" s="10"/>
    </row>
    <row r="953298" spans="14:14">
      <c r="N953298" s="10"/>
    </row>
    <row r="953299" spans="14:14">
      <c r="N953299" s="10"/>
    </row>
    <row r="953300" spans="14:14">
      <c r="N953300" s="10"/>
    </row>
    <row r="953301" spans="14:14">
      <c r="N953301" s="10"/>
    </row>
    <row r="953302" spans="14:14">
      <c r="N953302" s="10"/>
    </row>
    <row r="953303" spans="14:14">
      <c r="N953303" s="10"/>
    </row>
    <row r="953304" spans="14:14">
      <c r="N953304" s="10"/>
    </row>
    <row r="953305" spans="14:14">
      <c r="N953305" s="10"/>
    </row>
    <row r="953306" spans="14:14">
      <c r="N953306" s="10"/>
    </row>
    <row r="953307" spans="14:14">
      <c r="N953307" s="10"/>
    </row>
    <row r="953308" spans="14:14">
      <c r="N953308" s="10"/>
    </row>
    <row r="953309" spans="14:14">
      <c r="N953309" s="10"/>
    </row>
    <row r="953310" spans="14:14">
      <c r="N953310" s="10"/>
    </row>
    <row r="953311" spans="14:14">
      <c r="N953311" s="10"/>
    </row>
    <row r="953312" spans="14:14">
      <c r="N953312" s="10"/>
    </row>
    <row r="953313" spans="14:14">
      <c r="N953313" s="10"/>
    </row>
    <row r="953314" spans="14:14">
      <c r="N953314" s="10"/>
    </row>
    <row r="953315" spans="14:14">
      <c r="N953315" s="10"/>
    </row>
    <row r="953316" spans="14:14">
      <c r="N953316" s="10"/>
    </row>
    <row r="953317" spans="14:14">
      <c r="N953317" s="10"/>
    </row>
    <row r="953318" spans="14:14">
      <c r="N953318" s="10"/>
    </row>
    <row r="953319" spans="14:14">
      <c r="N953319" s="10"/>
    </row>
    <row r="953320" spans="14:14">
      <c r="N953320" s="10"/>
    </row>
    <row r="953321" spans="14:14">
      <c r="N953321" s="10"/>
    </row>
    <row r="953322" spans="14:14">
      <c r="N953322" s="10"/>
    </row>
    <row r="953323" spans="14:14">
      <c r="N953323" s="10"/>
    </row>
    <row r="953324" spans="14:14">
      <c r="N953324" s="10"/>
    </row>
    <row r="953325" spans="14:14">
      <c r="N953325" s="10"/>
    </row>
    <row r="953326" spans="14:14">
      <c r="N953326" s="10"/>
    </row>
    <row r="953327" spans="14:14">
      <c r="N953327" s="10"/>
    </row>
    <row r="953328" spans="14:14">
      <c r="N953328" s="10"/>
    </row>
    <row r="953329" spans="14:14">
      <c r="N953329" s="10"/>
    </row>
    <row r="953330" spans="14:14">
      <c r="N953330" s="10"/>
    </row>
    <row r="953331" spans="14:14">
      <c r="N953331" s="10"/>
    </row>
    <row r="953332" spans="14:14">
      <c r="N953332" s="10"/>
    </row>
    <row r="953333" spans="14:14">
      <c r="N953333" s="10"/>
    </row>
    <row r="953334" spans="14:14">
      <c r="N953334" s="10"/>
    </row>
    <row r="953335" spans="14:14">
      <c r="N953335" s="10"/>
    </row>
    <row r="953336" spans="14:14">
      <c r="N953336" s="10"/>
    </row>
    <row r="953337" spans="14:14">
      <c r="N953337" s="10"/>
    </row>
    <row r="953338" spans="14:14">
      <c r="N953338" s="10"/>
    </row>
    <row r="953339" spans="14:14">
      <c r="N953339" s="10"/>
    </row>
    <row r="953340" spans="14:14">
      <c r="N953340" s="10"/>
    </row>
    <row r="953341" spans="14:14">
      <c r="N953341" s="10"/>
    </row>
    <row r="953342" spans="14:14">
      <c r="N953342" s="10"/>
    </row>
    <row r="953343" spans="14:14">
      <c r="N953343" s="10"/>
    </row>
    <row r="953344" spans="14:14">
      <c r="N953344" s="10"/>
    </row>
    <row r="953345" spans="14:14">
      <c r="N953345" s="10"/>
    </row>
    <row r="953346" spans="14:14">
      <c r="N953346" s="10"/>
    </row>
    <row r="953347" spans="14:14">
      <c r="N953347" s="10"/>
    </row>
    <row r="953348" spans="14:14">
      <c r="N953348" s="10"/>
    </row>
    <row r="953349" spans="14:14">
      <c r="N953349" s="10"/>
    </row>
    <row r="953350" spans="14:14">
      <c r="N953350" s="10"/>
    </row>
    <row r="953351" spans="14:14">
      <c r="N953351" s="10"/>
    </row>
    <row r="953352" spans="14:14">
      <c r="N953352" s="10"/>
    </row>
    <row r="953353" spans="14:14">
      <c r="N953353" s="10"/>
    </row>
    <row r="953354" spans="14:14">
      <c r="N953354" s="10"/>
    </row>
    <row r="953355" spans="14:14">
      <c r="N953355" s="10"/>
    </row>
    <row r="953356" spans="14:14">
      <c r="N953356" s="10"/>
    </row>
    <row r="953357" spans="14:14">
      <c r="N953357" s="10"/>
    </row>
    <row r="953358" spans="14:14">
      <c r="N953358" s="10"/>
    </row>
    <row r="953359" spans="14:14">
      <c r="N953359" s="10"/>
    </row>
    <row r="953360" spans="14:14">
      <c r="N953360" s="10"/>
    </row>
    <row r="953361" spans="14:14">
      <c r="N953361" s="10"/>
    </row>
    <row r="953362" spans="14:14">
      <c r="N953362" s="10"/>
    </row>
    <row r="953363" spans="14:14">
      <c r="N953363" s="10"/>
    </row>
    <row r="953364" spans="14:14">
      <c r="N953364" s="10"/>
    </row>
    <row r="953365" spans="14:14">
      <c r="N953365" s="10"/>
    </row>
    <row r="953366" spans="14:14">
      <c r="N953366" s="10"/>
    </row>
    <row r="953367" spans="14:14">
      <c r="N953367" s="10"/>
    </row>
    <row r="953368" spans="14:14">
      <c r="N953368" s="10"/>
    </row>
    <row r="953369" spans="14:14">
      <c r="N953369" s="10"/>
    </row>
    <row r="953370" spans="14:14">
      <c r="N953370" s="10"/>
    </row>
    <row r="953371" spans="14:14">
      <c r="N953371" s="10"/>
    </row>
    <row r="953372" spans="14:14">
      <c r="N953372" s="10"/>
    </row>
    <row r="953373" spans="14:14">
      <c r="N953373" s="10"/>
    </row>
    <row r="953374" spans="14:14">
      <c r="N953374" s="10"/>
    </row>
    <row r="953375" spans="14:14">
      <c r="N953375" s="10"/>
    </row>
    <row r="953376" spans="14:14">
      <c r="N953376" s="10"/>
    </row>
    <row r="953377" spans="14:14">
      <c r="N953377" s="10"/>
    </row>
    <row r="953378" spans="14:14">
      <c r="N953378" s="10"/>
    </row>
    <row r="953379" spans="14:14">
      <c r="N953379" s="10"/>
    </row>
    <row r="953380" spans="14:14">
      <c r="N953380" s="10"/>
    </row>
    <row r="953381" spans="14:14">
      <c r="N953381" s="10"/>
    </row>
    <row r="953382" spans="14:14">
      <c r="N953382" s="10"/>
    </row>
    <row r="953383" spans="14:14">
      <c r="N953383" s="10"/>
    </row>
    <row r="953384" spans="14:14">
      <c r="N953384" s="10"/>
    </row>
    <row r="953385" spans="14:14">
      <c r="N953385" s="10"/>
    </row>
    <row r="953386" spans="14:14">
      <c r="N953386" s="10"/>
    </row>
    <row r="953387" spans="14:14">
      <c r="N953387" s="10"/>
    </row>
    <row r="953388" spans="14:14">
      <c r="N953388" s="10"/>
    </row>
    <row r="953389" spans="14:14">
      <c r="N953389" s="10"/>
    </row>
    <row r="953390" spans="14:14">
      <c r="N953390" s="10"/>
    </row>
    <row r="953391" spans="14:14">
      <c r="N953391" s="10"/>
    </row>
    <row r="953392" spans="14:14">
      <c r="N953392" s="10"/>
    </row>
    <row r="953393" spans="14:14">
      <c r="N953393" s="10"/>
    </row>
    <row r="953394" spans="14:14">
      <c r="N953394" s="10"/>
    </row>
    <row r="953395" spans="14:14">
      <c r="N953395" s="10"/>
    </row>
    <row r="953396" spans="14:14">
      <c r="N953396" s="10"/>
    </row>
    <row r="953397" spans="14:14">
      <c r="N953397" s="10"/>
    </row>
    <row r="953398" spans="14:14">
      <c r="N953398" s="10"/>
    </row>
    <row r="953399" spans="14:14">
      <c r="N953399" s="10"/>
    </row>
    <row r="953400" spans="14:14">
      <c r="N953400" s="10"/>
    </row>
    <row r="953401" spans="14:14">
      <c r="N953401" s="10"/>
    </row>
    <row r="953402" spans="14:14">
      <c r="N953402" s="10"/>
    </row>
    <row r="953403" spans="14:14">
      <c r="N953403" s="10"/>
    </row>
    <row r="953404" spans="14:14">
      <c r="N953404" s="10"/>
    </row>
    <row r="953405" spans="14:14">
      <c r="N953405" s="10"/>
    </row>
    <row r="953406" spans="14:14">
      <c r="N953406" s="10"/>
    </row>
    <row r="953407" spans="14:14">
      <c r="N953407" s="10"/>
    </row>
    <row r="953408" spans="14:14">
      <c r="N953408" s="10"/>
    </row>
    <row r="953409" spans="14:14">
      <c r="N953409" s="10"/>
    </row>
    <row r="953410" spans="14:14">
      <c r="N953410" s="10"/>
    </row>
    <row r="953411" spans="14:14">
      <c r="N953411" s="10"/>
    </row>
    <row r="953412" spans="14:14">
      <c r="N953412" s="10"/>
    </row>
    <row r="953413" spans="14:14">
      <c r="N953413" s="10"/>
    </row>
    <row r="953414" spans="14:14">
      <c r="N953414" s="10"/>
    </row>
    <row r="953415" spans="14:14">
      <c r="N953415" s="10"/>
    </row>
    <row r="953416" spans="14:14">
      <c r="N953416" s="10"/>
    </row>
    <row r="953417" spans="14:14">
      <c r="N953417" s="10"/>
    </row>
    <row r="953418" spans="14:14">
      <c r="N953418" s="10"/>
    </row>
    <row r="953419" spans="14:14">
      <c r="N953419" s="10"/>
    </row>
    <row r="953420" spans="14:14">
      <c r="N953420" s="10"/>
    </row>
    <row r="953421" spans="14:14">
      <c r="N953421" s="10"/>
    </row>
    <row r="953422" spans="14:14">
      <c r="N953422" s="10"/>
    </row>
    <row r="953423" spans="14:14">
      <c r="N953423" s="10"/>
    </row>
    <row r="953424" spans="14:14">
      <c r="N953424" s="10"/>
    </row>
    <row r="953425" spans="14:14">
      <c r="N953425" s="10"/>
    </row>
    <row r="953426" spans="14:14">
      <c r="N953426" s="10"/>
    </row>
    <row r="953427" spans="14:14">
      <c r="N953427" s="10"/>
    </row>
    <row r="953428" spans="14:14">
      <c r="N953428" s="10"/>
    </row>
    <row r="953429" spans="14:14">
      <c r="N953429" s="10"/>
    </row>
    <row r="953430" spans="14:14">
      <c r="N953430" s="10"/>
    </row>
    <row r="953431" spans="14:14">
      <c r="N953431" s="10"/>
    </row>
    <row r="953432" spans="14:14">
      <c r="N953432" s="10"/>
    </row>
    <row r="953433" spans="14:14">
      <c r="N953433" s="10"/>
    </row>
    <row r="953434" spans="14:14">
      <c r="N953434" s="10"/>
    </row>
    <row r="953435" spans="14:14">
      <c r="N953435" s="10"/>
    </row>
    <row r="953436" spans="14:14">
      <c r="N953436" s="10"/>
    </row>
    <row r="953437" spans="14:14">
      <c r="N953437" s="10"/>
    </row>
    <row r="953438" spans="14:14">
      <c r="N953438" s="10"/>
    </row>
    <row r="953439" spans="14:14">
      <c r="N953439" s="10"/>
    </row>
    <row r="953440" spans="14:14">
      <c r="N953440" s="10"/>
    </row>
    <row r="953441" spans="14:14">
      <c r="N953441" s="10"/>
    </row>
    <row r="953442" spans="14:14">
      <c r="N953442" s="10"/>
    </row>
    <row r="953443" spans="14:14">
      <c r="N953443" s="10"/>
    </row>
    <row r="953444" spans="14:14">
      <c r="N953444" s="10"/>
    </row>
    <row r="953445" spans="14:14">
      <c r="N953445" s="10"/>
    </row>
    <row r="953446" spans="14:14">
      <c r="N953446" s="10"/>
    </row>
    <row r="953447" spans="14:14">
      <c r="N953447" s="10"/>
    </row>
    <row r="953448" spans="14:14">
      <c r="N953448" s="10"/>
    </row>
    <row r="953449" spans="14:14">
      <c r="N953449" s="10"/>
    </row>
    <row r="953450" spans="14:14">
      <c r="N953450" s="10"/>
    </row>
    <row r="953451" spans="14:14">
      <c r="N953451" s="10"/>
    </row>
    <row r="953452" spans="14:14">
      <c r="N953452" s="10"/>
    </row>
    <row r="953453" spans="14:14">
      <c r="N953453" s="10"/>
    </row>
    <row r="953454" spans="14:14">
      <c r="N953454" s="10"/>
    </row>
    <row r="953455" spans="14:14">
      <c r="N953455" s="10"/>
    </row>
    <row r="953456" spans="14:14">
      <c r="N953456" s="10"/>
    </row>
    <row r="953457" spans="14:14">
      <c r="N953457" s="10"/>
    </row>
    <row r="953458" spans="14:14">
      <c r="N953458" s="10"/>
    </row>
    <row r="953459" spans="14:14">
      <c r="N953459" s="10"/>
    </row>
    <row r="953460" spans="14:14">
      <c r="N953460" s="10"/>
    </row>
    <row r="953461" spans="14:14">
      <c r="N953461" s="10"/>
    </row>
    <row r="953462" spans="14:14">
      <c r="N953462" s="10"/>
    </row>
    <row r="953463" spans="14:14">
      <c r="N953463" s="10"/>
    </row>
    <row r="953464" spans="14:14">
      <c r="N953464" s="10"/>
    </row>
    <row r="953465" spans="14:14">
      <c r="N953465" s="10"/>
    </row>
    <row r="953466" spans="14:14">
      <c r="N953466" s="10"/>
    </row>
    <row r="953467" spans="14:14">
      <c r="N953467" s="10"/>
    </row>
    <row r="953468" spans="14:14">
      <c r="N953468" s="10"/>
    </row>
    <row r="953469" spans="14:14">
      <c r="N953469" s="10"/>
    </row>
    <row r="953470" spans="14:14">
      <c r="N953470" s="10"/>
    </row>
    <row r="953471" spans="14:14">
      <c r="N953471" s="10"/>
    </row>
    <row r="953472" spans="14:14">
      <c r="N953472" s="10"/>
    </row>
    <row r="953473" spans="14:14">
      <c r="N953473" s="10"/>
    </row>
    <row r="953474" spans="14:14">
      <c r="N953474" s="10"/>
    </row>
    <row r="953475" spans="14:14">
      <c r="N953475" s="10"/>
    </row>
    <row r="953476" spans="14:14">
      <c r="N953476" s="10"/>
    </row>
    <row r="953477" spans="14:14">
      <c r="N953477" s="10"/>
    </row>
    <row r="953478" spans="14:14">
      <c r="N953478" s="10"/>
    </row>
    <row r="953479" spans="14:14">
      <c r="N953479" s="10"/>
    </row>
    <row r="953480" spans="14:14">
      <c r="N953480" s="10"/>
    </row>
    <row r="953481" spans="14:14">
      <c r="N953481" s="10"/>
    </row>
    <row r="953482" spans="14:14">
      <c r="N953482" s="10"/>
    </row>
    <row r="953483" spans="14:14">
      <c r="N953483" s="10"/>
    </row>
    <row r="953484" spans="14:14">
      <c r="N953484" s="10"/>
    </row>
    <row r="953485" spans="14:14">
      <c r="N953485" s="10"/>
    </row>
    <row r="953486" spans="14:14">
      <c r="N953486" s="10"/>
    </row>
    <row r="953487" spans="14:14">
      <c r="N953487" s="10"/>
    </row>
    <row r="953488" spans="14:14">
      <c r="N953488" s="10"/>
    </row>
    <row r="953489" spans="14:14">
      <c r="N953489" s="10"/>
    </row>
    <row r="953490" spans="14:14">
      <c r="N953490" s="10"/>
    </row>
    <row r="953491" spans="14:14">
      <c r="N953491" s="10"/>
    </row>
    <row r="953492" spans="14:14">
      <c r="N953492" s="10"/>
    </row>
    <row r="953493" spans="14:14">
      <c r="N953493" s="10"/>
    </row>
    <row r="953494" spans="14:14">
      <c r="N953494" s="10"/>
    </row>
    <row r="953495" spans="14:14">
      <c r="N953495" s="10"/>
    </row>
    <row r="953496" spans="14:14">
      <c r="N953496" s="10"/>
    </row>
    <row r="953497" spans="14:14">
      <c r="N953497" s="10"/>
    </row>
    <row r="953498" spans="14:14">
      <c r="N953498" s="10"/>
    </row>
    <row r="953499" spans="14:14">
      <c r="N953499" s="10"/>
    </row>
    <row r="953500" spans="14:14">
      <c r="N953500" s="10"/>
    </row>
    <row r="953501" spans="14:14">
      <c r="N953501" s="10"/>
    </row>
    <row r="953502" spans="14:14">
      <c r="N953502" s="10"/>
    </row>
    <row r="953503" spans="14:14">
      <c r="N953503" s="10"/>
    </row>
    <row r="953504" spans="14:14">
      <c r="N953504" s="10"/>
    </row>
    <row r="953505" spans="14:14">
      <c r="N953505" s="10"/>
    </row>
    <row r="953506" spans="14:14">
      <c r="N953506" s="10"/>
    </row>
    <row r="953507" spans="14:14">
      <c r="N953507" s="10"/>
    </row>
    <row r="953508" spans="14:14">
      <c r="N953508" s="10"/>
    </row>
    <row r="953509" spans="14:14">
      <c r="N953509" s="10"/>
    </row>
    <row r="953510" spans="14:14">
      <c r="N953510" s="10"/>
    </row>
    <row r="953511" spans="14:14">
      <c r="N953511" s="10"/>
    </row>
    <row r="953512" spans="14:14">
      <c r="N953512" s="10"/>
    </row>
    <row r="953513" spans="14:14">
      <c r="N953513" s="10"/>
    </row>
    <row r="953514" spans="14:14">
      <c r="N953514" s="10"/>
    </row>
    <row r="953515" spans="14:14">
      <c r="N953515" s="10"/>
    </row>
    <row r="953516" spans="14:14">
      <c r="N953516" s="10"/>
    </row>
    <row r="953517" spans="14:14">
      <c r="N953517" s="10"/>
    </row>
    <row r="953518" spans="14:14">
      <c r="N953518" s="10"/>
    </row>
    <row r="953519" spans="14:14">
      <c r="N953519" s="10"/>
    </row>
    <row r="953520" spans="14:14">
      <c r="N953520" s="10"/>
    </row>
    <row r="953521" spans="14:14">
      <c r="N953521" s="10"/>
    </row>
    <row r="953522" spans="14:14">
      <c r="N953522" s="10"/>
    </row>
    <row r="953523" spans="14:14">
      <c r="N953523" s="10"/>
    </row>
    <row r="953524" spans="14:14">
      <c r="N953524" s="10"/>
    </row>
    <row r="953525" spans="14:14">
      <c r="N953525" s="10"/>
    </row>
    <row r="953526" spans="14:14">
      <c r="N953526" s="10"/>
    </row>
    <row r="953527" spans="14:14">
      <c r="N953527" s="10"/>
    </row>
    <row r="953528" spans="14:14">
      <c r="N953528" s="10"/>
    </row>
    <row r="953529" spans="14:14">
      <c r="N953529" s="10"/>
    </row>
    <row r="953530" spans="14:14">
      <c r="N953530" s="10"/>
    </row>
    <row r="953531" spans="14:14">
      <c r="N953531" s="10"/>
    </row>
    <row r="953532" spans="14:14">
      <c r="N953532" s="10"/>
    </row>
    <row r="953533" spans="14:14">
      <c r="N953533" s="10"/>
    </row>
    <row r="953534" spans="14:14">
      <c r="N953534" s="10"/>
    </row>
    <row r="953535" spans="14:14">
      <c r="N953535" s="10"/>
    </row>
    <row r="953536" spans="14:14">
      <c r="N953536" s="10"/>
    </row>
    <row r="953537" spans="14:14">
      <c r="N953537" s="10"/>
    </row>
    <row r="953538" spans="14:14">
      <c r="N953538" s="10"/>
    </row>
    <row r="953539" spans="14:14">
      <c r="N953539" s="10"/>
    </row>
    <row r="953540" spans="14:14">
      <c r="N953540" s="10"/>
    </row>
    <row r="953541" spans="14:14">
      <c r="N953541" s="10"/>
    </row>
    <row r="953542" spans="14:14">
      <c r="N953542" s="10"/>
    </row>
    <row r="953543" spans="14:14">
      <c r="N953543" s="10"/>
    </row>
    <row r="953544" spans="14:14">
      <c r="N953544" s="10"/>
    </row>
    <row r="953545" spans="14:14">
      <c r="N953545" s="10"/>
    </row>
    <row r="953546" spans="14:14">
      <c r="N953546" s="10"/>
    </row>
    <row r="953547" spans="14:14">
      <c r="N953547" s="10"/>
    </row>
    <row r="953548" spans="14:14">
      <c r="N953548" s="10"/>
    </row>
    <row r="953549" spans="14:14">
      <c r="N953549" s="10"/>
    </row>
    <row r="953550" spans="14:14">
      <c r="N953550" s="10"/>
    </row>
    <row r="953551" spans="14:14">
      <c r="N953551" s="10"/>
    </row>
    <row r="953552" spans="14:14">
      <c r="N953552" s="10"/>
    </row>
    <row r="953553" spans="14:14">
      <c r="N953553" s="10"/>
    </row>
    <row r="953554" spans="14:14">
      <c r="N953554" s="10"/>
    </row>
    <row r="953555" spans="14:14">
      <c r="N953555" s="10"/>
    </row>
    <row r="953556" spans="14:14">
      <c r="N953556" s="10"/>
    </row>
    <row r="953557" spans="14:14">
      <c r="N953557" s="10"/>
    </row>
    <row r="953558" spans="14:14">
      <c r="N953558" s="10"/>
    </row>
    <row r="953559" spans="14:14">
      <c r="N953559" s="10"/>
    </row>
    <row r="953560" spans="14:14">
      <c r="N953560" s="10"/>
    </row>
    <row r="953561" spans="14:14">
      <c r="N953561" s="10"/>
    </row>
    <row r="953562" spans="14:14">
      <c r="N953562" s="10"/>
    </row>
    <row r="953563" spans="14:14">
      <c r="N953563" s="10"/>
    </row>
    <row r="953564" spans="14:14">
      <c r="N953564" s="10"/>
    </row>
    <row r="953565" spans="14:14">
      <c r="N953565" s="10"/>
    </row>
    <row r="953566" spans="14:14">
      <c r="N953566" s="10"/>
    </row>
    <row r="953567" spans="14:14">
      <c r="N953567" s="10"/>
    </row>
    <row r="953568" spans="14:14">
      <c r="N953568" s="10"/>
    </row>
    <row r="953569" spans="14:14">
      <c r="N953569" s="10"/>
    </row>
    <row r="953570" spans="14:14">
      <c r="N953570" s="10"/>
    </row>
    <row r="953571" spans="14:14">
      <c r="N953571" s="10"/>
    </row>
    <row r="953572" spans="14:14">
      <c r="N953572" s="10"/>
    </row>
    <row r="953573" spans="14:14">
      <c r="N953573" s="10"/>
    </row>
    <row r="953574" spans="14:14">
      <c r="N953574" s="10"/>
    </row>
    <row r="953575" spans="14:14">
      <c r="N953575" s="10"/>
    </row>
    <row r="953576" spans="14:14">
      <c r="N953576" s="10"/>
    </row>
    <row r="953577" spans="14:14">
      <c r="N953577" s="10"/>
    </row>
    <row r="953578" spans="14:14">
      <c r="N953578" s="10"/>
    </row>
    <row r="953579" spans="14:14">
      <c r="N953579" s="10"/>
    </row>
    <row r="953580" spans="14:14">
      <c r="N953580" s="10"/>
    </row>
    <row r="953581" spans="14:14">
      <c r="N953581" s="10"/>
    </row>
    <row r="953582" spans="14:14">
      <c r="N953582" s="10"/>
    </row>
    <row r="953583" spans="14:14">
      <c r="N953583" s="10"/>
    </row>
    <row r="953584" spans="14:14">
      <c r="N953584" s="10"/>
    </row>
    <row r="953585" spans="14:14">
      <c r="N953585" s="10"/>
    </row>
    <row r="953586" spans="14:14">
      <c r="N953586" s="10"/>
    </row>
    <row r="953587" spans="14:14">
      <c r="N953587" s="10"/>
    </row>
    <row r="953588" spans="14:14">
      <c r="N953588" s="10"/>
    </row>
    <row r="953589" spans="14:14">
      <c r="N953589" s="10"/>
    </row>
    <row r="953590" spans="14:14">
      <c r="N953590" s="10"/>
    </row>
    <row r="953591" spans="14:14">
      <c r="N953591" s="10"/>
    </row>
    <row r="953592" spans="14:14">
      <c r="N953592" s="10"/>
    </row>
    <row r="953593" spans="14:14">
      <c r="N953593" s="10"/>
    </row>
    <row r="953594" spans="14:14">
      <c r="N953594" s="10"/>
    </row>
    <row r="953595" spans="14:14">
      <c r="N953595" s="10"/>
    </row>
    <row r="953596" spans="14:14">
      <c r="N953596" s="10"/>
    </row>
    <row r="953597" spans="14:14">
      <c r="N953597" s="10"/>
    </row>
    <row r="953598" spans="14:14">
      <c r="N953598" s="10"/>
    </row>
    <row r="953599" spans="14:14">
      <c r="N953599" s="10"/>
    </row>
    <row r="953600" spans="14:14">
      <c r="N953600" s="10"/>
    </row>
    <row r="953601" spans="14:14">
      <c r="N953601" s="10"/>
    </row>
    <row r="953602" spans="14:14">
      <c r="N953602" s="10"/>
    </row>
    <row r="953603" spans="14:14">
      <c r="N953603" s="10"/>
    </row>
    <row r="953604" spans="14:14">
      <c r="N953604" s="10"/>
    </row>
    <row r="953605" spans="14:14">
      <c r="N953605" s="10"/>
    </row>
    <row r="953606" spans="14:14">
      <c r="N953606" s="10"/>
    </row>
    <row r="953607" spans="14:14">
      <c r="N953607" s="10"/>
    </row>
    <row r="953608" spans="14:14">
      <c r="N953608" s="10"/>
    </row>
    <row r="953609" spans="14:14">
      <c r="N953609" s="10"/>
    </row>
    <row r="953610" spans="14:14">
      <c r="N953610" s="10"/>
    </row>
    <row r="953611" spans="14:14">
      <c r="N953611" s="10"/>
    </row>
    <row r="953612" spans="14:14">
      <c r="N953612" s="10"/>
    </row>
    <row r="953613" spans="14:14">
      <c r="N953613" s="10"/>
    </row>
    <row r="953614" spans="14:14">
      <c r="N953614" s="10"/>
    </row>
    <row r="953615" spans="14:14">
      <c r="N953615" s="10"/>
    </row>
    <row r="953616" spans="14:14">
      <c r="N953616" s="10"/>
    </row>
    <row r="953617" spans="14:14">
      <c r="N953617" s="10"/>
    </row>
    <row r="953618" spans="14:14">
      <c r="N953618" s="10"/>
    </row>
    <row r="953619" spans="14:14">
      <c r="N953619" s="10"/>
    </row>
    <row r="953620" spans="14:14">
      <c r="N953620" s="10"/>
    </row>
    <row r="953621" spans="14:14">
      <c r="N953621" s="10"/>
    </row>
    <row r="953622" spans="14:14">
      <c r="N953622" s="10"/>
    </row>
    <row r="953623" spans="14:14">
      <c r="N953623" s="10"/>
    </row>
    <row r="953624" spans="14:14">
      <c r="N953624" s="10"/>
    </row>
    <row r="953625" spans="14:14">
      <c r="N953625" s="10"/>
    </row>
    <row r="953626" spans="14:14">
      <c r="N953626" s="10"/>
    </row>
    <row r="953627" spans="14:14">
      <c r="N953627" s="10"/>
    </row>
    <row r="953628" spans="14:14">
      <c r="N953628" s="10"/>
    </row>
    <row r="953629" spans="14:14">
      <c r="N953629" s="10"/>
    </row>
    <row r="953630" spans="14:14">
      <c r="N953630" s="10"/>
    </row>
    <row r="953631" spans="14:14">
      <c r="N953631" s="10"/>
    </row>
    <row r="953632" spans="14:14">
      <c r="N953632" s="10"/>
    </row>
    <row r="953633" spans="14:14">
      <c r="N953633" s="10"/>
    </row>
    <row r="953634" spans="14:14">
      <c r="N953634" s="10"/>
    </row>
    <row r="953635" spans="14:14">
      <c r="N953635" s="10"/>
    </row>
    <row r="953636" spans="14:14">
      <c r="N953636" s="10"/>
    </row>
    <row r="953637" spans="14:14">
      <c r="N953637" s="10"/>
    </row>
    <row r="953638" spans="14:14">
      <c r="N953638" s="10"/>
    </row>
    <row r="953639" spans="14:14">
      <c r="N953639" s="10"/>
    </row>
    <row r="953640" spans="14:14">
      <c r="N953640" s="10"/>
    </row>
    <row r="953641" spans="14:14">
      <c r="N953641" s="10"/>
    </row>
    <row r="953642" spans="14:14">
      <c r="N953642" s="10"/>
    </row>
    <row r="953643" spans="14:14">
      <c r="N953643" s="10"/>
    </row>
    <row r="953644" spans="14:14">
      <c r="N953644" s="10"/>
    </row>
    <row r="953645" spans="14:14">
      <c r="N953645" s="10"/>
    </row>
    <row r="953646" spans="14:14">
      <c r="N953646" s="10"/>
    </row>
    <row r="953647" spans="14:14">
      <c r="N953647" s="10"/>
    </row>
    <row r="953648" spans="14:14">
      <c r="N953648" s="10"/>
    </row>
    <row r="953649" spans="14:14">
      <c r="N953649" s="10"/>
    </row>
    <row r="953650" spans="14:14">
      <c r="N953650" s="10"/>
    </row>
    <row r="953651" spans="14:14">
      <c r="N953651" s="10"/>
    </row>
    <row r="953652" spans="14:14">
      <c r="N953652" s="10"/>
    </row>
    <row r="953653" spans="14:14">
      <c r="N953653" s="10"/>
    </row>
    <row r="953654" spans="14:14">
      <c r="N953654" s="10"/>
    </row>
    <row r="953655" spans="14:14">
      <c r="N953655" s="10"/>
    </row>
    <row r="953656" spans="14:14">
      <c r="N953656" s="10"/>
    </row>
    <row r="953657" spans="14:14">
      <c r="N953657" s="10"/>
    </row>
    <row r="953658" spans="14:14">
      <c r="N953658" s="10"/>
    </row>
    <row r="953659" spans="14:14">
      <c r="N953659" s="10"/>
    </row>
    <row r="953660" spans="14:14">
      <c r="N953660" s="10"/>
    </row>
    <row r="953661" spans="14:14">
      <c r="N953661" s="10"/>
    </row>
    <row r="953662" spans="14:14">
      <c r="N953662" s="10"/>
    </row>
    <row r="953663" spans="14:14">
      <c r="N953663" s="10"/>
    </row>
    <row r="953664" spans="14:14">
      <c r="N953664" s="10"/>
    </row>
    <row r="953665" spans="14:14">
      <c r="N953665" s="10"/>
    </row>
    <row r="953666" spans="14:14">
      <c r="N953666" s="10"/>
    </row>
    <row r="953667" spans="14:14">
      <c r="N953667" s="10"/>
    </row>
    <row r="953668" spans="14:14">
      <c r="N953668" s="10"/>
    </row>
    <row r="953669" spans="14:14">
      <c r="N953669" s="10"/>
    </row>
    <row r="953670" spans="14:14">
      <c r="N953670" s="10"/>
    </row>
    <row r="953671" spans="14:14">
      <c r="N953671" s="10"/>
    </row>
    <row r="953672" spans="14:14">
      <c r="N953672" s="10"/>
    </row>
    <row r="953673" spans="14:14">
      <c r="N953673" s="10"/>
    </row>
    <row r="953674" spans="14:14">
      <c r="N953674" s="10"/>
    </row>
    <row r="953675" spans="14:14">
      <c r="N953675" s="10"/>
    </row>
    <row r="953676" spans="14:14">
      <c r="N953676" s="10"/>
    </row>
    <row r="953677" spans="14:14">
      <c r="N953677" s="10"/>
    </row>
    <row r="953678" spans="14:14">
      <c r="N953678" s="10"/>
    </row>
    <row r="953679" spans="14:14">
      <c r="N953679" s="10"/>
    </row>
    <row r="953680" spans="14:14">
      <c r="N953680" s="10"/>
    </row>
    <row r="953681" spans="14:14">
      <c r="N953681" s="10"/>
    </row>
    <row r="953682" spans="14:14">
      <c r="N953682" s="10"/>
    </row>
    <row r="953683" spans="14:14">
      <c r="N953683" s="10"/>
    </row>
    <row r="953684" spans="14:14">
      <c r="N953684" s="10"/>
    </row>
    <row r="953685" spans="14:14">
      <c r="N953685" s="10"/>
    </row>
    <row r="953686" spans="14:14">
      <c r="N953686" s="10"/>
    </row>
    <row r="953687" spans="14:14">
      <c r="N953687" s="10"/>
    </row>
    <row r="953688" spans="14:14">
      <c r="N953688" s="10"/>
    </row>
    <row r="953689" spans="14:14">
      <c r="N953689" s="10"/>
    </row>
    <row r="953690" spans="14:14">
      <c r="N953690" s="10"/>
    </row>
    <row r="953691" spans="14:14">
      <c r="N953691" s="10"/>
    </row>
    <row r="953692" spans="14:14">
      <c r="N953692" s="10"/>
    </row>
    <row r="953693" spans="14:14">
      <c r="N953693" s="10"/>
    </row>
    <row r="953694" spans="14:14">
      <c r="N953694" s="10"/>
    </row>
    <row r="953695" spans="14:14">
      <c r="N953695" s="10"/>
    </row>
    <row r="953696" spans="14:14">
      <c r="N953696" s="10"/>
    </row>
    <row r="953697" spans="14:14">
      <c r="N953697" s="10"/>
    </row>
    <row r="953698" spans="14:14">
      <c r="N953698" s="10"/>
    </row>
    <row r="953699" spans="14:14">
      <c r="N953699" s="10"/>
    </row>
    <row r="953700" spans="14:14">
      <c r="N953700" s="10"/>
    </row>
    <row r="953701" spans="14:14">
      <c r="N953701" s="10"/>
    </row>
    <row r="953702" spans="14:14">
      <c r="N953702" s="10"/>
    </row>
    <row r="953703" spans="14:14">
      <c r="N953703" s="10"/>
    </row>
    <row r="953704" spans="14:14">
      <c r="N953704" s="10"/>
    </row>
    <row r="953705" spans="14:14">
      <c r="N953705" s="10"/>
    </row>
    <row r="953706" spans="14:14">
      <c r="N953706" s="10"/>
    </row>
    <row r="953707" spans="14:14">
      <c r="N953707" s="10"/>
    </row>
    <row r="953708" spans="14:14">
      <c r="N953708" s="10"/>
    </row>
    <row r="953709" spans="14:14">
      <c r="N953709" s="10"/>
    </row>
    <row r="953710" spans="14:14">
      <c r="N953710" s="10"/>
    </row>
    <row r="953711" spans="14:14">
      <c r="N953711" s="10"/>
    </row>
    <row r="953712" spans="14:14">
      <c r="N953712" s="10"/>
    </row>
    <row r="953713" spans="14:14">
      <c r="N953713" s="10"/>
    </row>
    <row r="953714" spans="14:14">
      <c r="N953714" s="10"/>
    </row>
    <row r="953715" spans="14:14">
      <c r="N953715" s="10"/>
    </row>
    <row r="953716" spans="14:14">
      <c r="N953716" s="10"/>
    </row>
    <row r="953717" spans="14:14">
      <c r="N953717" s="10"/>
    </row>
    <row r="953718" spans="14:14">
      <c r="N953718" s="10"/>
    </row>
    <row r="953719" spans="14:14">
      <c r="N953719" s="10"/>
    </row>
    <row r="953720" spans="14:14">
      <c r="N953720" s="10"/>
    </row>
    <row r="953721" spans="14:14">
      <c r="N953721" s="10"/>
    </row>
    <row r="953722" spans="14:14">
      <c r="N953722" s="10"/>
    </row>
    <row r="953723" spans="14:14">
      <c r="N953723" s="10"/>
    </row>
    <row r="953724" spans="14:14">
      <c r="N953724" s="10"/>
    </row>
    <row r="953725" spans="14:14">
      <c r="N953725" s="10"/>
    </row>
    <row r="953726" spans="14:14">
      <c r="N953726" s="10"/>
    </row>
    <row r="953727" spans="14:14">
      <c r="N953727" s="10"/>
    </row>
    <row r="953728" spans="14:14">
      <c r="N953728" s="10"/>
    </row>
    <row r="953729" spans="14:14">
      <c r="N953729" s="10"/>
    </row>
    <row r="953730" spans="14:14">
      <c r="N953730" s="10"/>
    </row>
    <row r="953731" spans="14:14">
      <c r="N953731" s="10"/>
    </row>
    <row r="953732" spans="14:14">
      <c r="N953732" s="10"/>
    </row>
    <row r="953733" spans="14:14">
      <c r="N953733" s="10"/>
    </row>
    <row r="953734" spans="14:14">
      <c r="N953734" s="10"/>
    </row>
    <row r="953735" spans="14:14">
      <c r="N953735" s="10"/>
    </row>
    <row r="953736" spans="14:14">
      <c r="N953736" s="10"/>
    </row>
    <row r="953737" spans="14:14">
      <c r="N953737" s="10"/>
    </row>
    <row r="953738" spans="14:14">
      <c r="N953738" s="10"/>
    </row>
    <row r="953739" spans="14:14">
      <c r="N953739" s="10"/>
    </row>
    <row r="953740" spans="14:14">
      <c r="N953740" s="10"/>
    </row>
    <row r="953741" spans="14:14">
      <c r="N953741" s="10"/>
    </row>
    <row r="953742" spans="14:14">
      <c r="N953742" s="10"/>
    </row>
    <row r="953743" spans="14:14">
      <c r="N953743" s="10"/>
    </row>
    <row r="953744" spans="14:14">
      <c r="N953744" s="10"/>
    </row>
    <row r="953745" spans="14:14">
      <c r="N953745" s="10"/>
    </row>
    <row r="953746" spans="14:14">
      <c r="N953746" s="10"/>
    </row>
    <row r="953747" spans="14:14">
      <c r="N953747" s="10"/>
    </row>
    <row r="953748" spans="14:14">
      <c r="N953748" s="10"/>
    </row>
    <row r="953749" spans="14:14">
      <c r="N953749" s="10"/>
    </row>
    <row r="953750" spans="14:14">
      <c r="N953750" s="10"/>
    </row>
    <row r="953751" spans="14:14">
      <c r="N953751" s="10"/>
    </row>
    <row r="953752" spans="14:14">
      <c r="N953752" s="10"/>
    </row>
    <row r="953753" spans="14:14">
      <c r="N953753" s="10"/>
    </row>
    <row r="953754" spans="14:14">
      <c r="N953754" s="10"/>
    </row>
    <row r="953755" spans="14:14">
      <c r="N953755" s="10"/>
    </row>
    <row r="953756" spans="14:14">
      <c r="N953756" s="10"/>
    </row>
    <row r="953757" spans="14:14">
      <c r="N953757" s="10"/>
    </row>
    <row r="953758" spans="14:14">
      <c r="N953758" s="10"/>
    </row>
    <row r="953759" spans="14:14">
      <c r="N953759" s="10"/>
    </row>
    <row r="953760" spans="14:14">
      <c r="N953760" s="10"/>
    </row>
    <row r="953761" spans="14:14">
      <c r="N953761" s="10"/>
    </row>
    <row r="953762" spans="14:14">
      <c r="N953762" s="10"/>
    </row>
    <row r="953763" spans="14:14">
      <c r="N953763" s="10"/>
    </row>
    <row r="953764" spans="14:14">
      <c r="N953764" s="10"/>
    </row>
    <row r="953765" spans="14:14">
      <c r="N953765" s="10"/>
    </row>
    <row r="953766" spans="14:14">
      <c r="N953766" s="10"/>
    </row>
    <row r="953767" spans="14:14">
      <c r="N953767" s="10"/>
    </row>
    <row r="953768" spans="14:14">
      <c r="N953768" s="10"/>
    </row>
    <row r="953769" spans="14:14">
      <c r="N953769" s="10"/>
    </row>
    <row r="953770" spans="14:14">
      <c r="N953770" s="10"/>
    </row>
    <row r="953771" spans="14:14">
      <c r="N953771" s="10"/>
    </row>
    <row r="953772" spans="14:14">
      <c r="N953772" s="10"/>
    </row>
    <row r="953773" spans="14:14">
      <c r="N953773" s="10"/>
    </row>
    <row r="953774" spans="14:14">
      <c r="N953774" s="10"/>
    </row>
    <row r="953775" spans="14:14">
      <c r="N953775" s="10"/>
    </row>
    <row r="953776" spans="14:14">
      <c r="N953776" s="10"/>
    </row>
    <row r="953777" spans="14:14">
      <c r="N953777" s="10"/>
    </row>
    <row r="953778" spans="14:14">
      <c r="N953778" s="10"/>
    </row>
    <row r="953779" spans="14:14">
      <c r="N953779" s="10"/>
    </row>
    <row r="953780" spans="14:14">
      <c r="N953780" s="10"/>
    </row>
    <row r="953781" spans="14:14">
      <c r="N953781" s="10"/>
    </row>
    <row r="953782" spans="14:14">
      <c r="N953782" s="10"/>
    </row>
    <row r="953783" spans="14:14">
      <c r="N953783" s="10"/>
    </row>
    <row r="953784" spans="14:14">
      <c r="N953784" s="10"/>
    </row>
    <row r="953785" spans="14:14">
      <c r="N953785" s="10"/>
    </row>
    <row r="953786" spans="14:14">
      <c r="N953786" s="10"/>
    </row>
    <row r="953787" spans="14:14">
      <c r="N953787" s="10"/>
    </row>
    <row r="953788" spans="14:14">
      <c r="N953788" s="10"/>
    </row>
    <row r="953789" spans="14:14">
      <c r="N953789" s="10"/>
    </row>
    <row r="953790" spans="14:14">
      <c r="N953790" s="10"/>
    </row>
    <row r="953791" spans="14:14">
      <c r="N953791" s="10"/>
    </row>
    <row r="953792" spans="14:14">
      <c r="N953792" s="10"/>
    </row>
    <row r="953793" spans="14:14">
      <c r="N953793" s="10"/>
    </row>
    <row r="953794" spans="14:14">
      <c r="N953794" s="10"/>
    </row>
    <row r="953795" spans="14:14">
      <c r="N953795" s="10"/>
    </row>
    <row r="953796" spans="14:14">
      <c r="N953796" s="10"/>
    </row>
    <row r="953797" spans="14:14">
      <c r="N953797" s="10"/>
    </row>
    <row r="953798" spans="14:14">
      <c r="N953798" s="10"/>
    </row>
    <row r="953799" spans="14:14">
      <c r="N953799" s="10"/>
    </row>
    <row r="953800" spans="14:14">
      <c r="N953800" s="10"/>
    </row>
    <row r="953801" spans="14:14">
      <c r="N953801" s="10"/>
    </row>
    <row r="953802" spans="14:14">
      <c r="N953802" s="10"/>
    </row>
    <row r="953803" spans="14:14">
      <c r="N953803" s="10"/>
    </row>
    <row r="953804" spans="14:14">
      <c r="N953804" s="10"/>
    </row>
    <row r="953805" spans="14:14">
      <c r="N953805" s="10"/>
    </row>
    <row r="953806" spans="14:14">
      <c r="N953806" s="10"/>
    </row>
    <row r="953807" spans="14:14">
      <c r="N953807" s="10"/>
    </row>
    <row r="953808" spans="14:14">
      <c r="N953808" s="10"/>
    </row>
    <row r="953809" spans="14:14">
      <c r="N953809" s="10"/>
    </row>
    <row r="953810" spans="14:14">
      <c r="N953810" s="10"/>
    </row>
    <row r="953811" spans="14:14">
      <c r="N953811" s="10"/>
    </row>
    <row r="953812" spans="14:14">
      <c r="N953812" s="10"/>
    </row>
    <row r="953813" spans="14:14">
      <c r="N953813" s="10"/>
    </row>
    <row r="953814" spans="14:14">
      <c r="N953814" s="10"/>
    </row>
    <row r="953815" spans="14:14">
      <c r="N953815" s="10"/>
    </row>
    <row r="953816" spans="14:14">
      <c r="N953816" s="10"/>
    </row>
    <row r="953817" spans="14:14">
      <c r="N953817" s="10"/>
    </row>
    <row r="953818" spans="14:14">
      <c r="N953818" s="10"/>
    </row>
    <row r="953819" spans="14:14">
      <c r="N953819" s="10"/>
    </row>
    <row r="953820" spans="14:14">
      <c r="N953820" s="10"/>
    </row>
    <row r="953821" spans="14:14">
      <c r="N953821" s="10"/>
    </row>
    <row r="953822" spans="14:14">
      <c r="N953822" s="10"/>
    </row>
    <row r="953823" spans="14:14">
      <c r="N953823" s="10"/>
    </row>
    <row r="953824" spans="14:14">
      <c r="N953824" s="10"/>
    </row>
    <row r="953825" spans="14:14">
      <c r="N953825" s="10"/>
    </row>
    <row r="953826" spans="14:14">
      <c r="N953826" s="10"/>
    </row>
    <row r="953827" spans="14:14">
      <c r="N953827" s="10"/>
    </row>
    <row r="953828" spans="14:14">
      <c r="N953828" s="10"/>
    </row>
    <row r="953829" spans="14:14">
      <c r="N953829" s="10"/>
    </row>
    <row r="953830" spans="14:14">
      <c r="N953830" s="10"/>
    </row>
    <row r="953831" spans="14:14">
      <c r="N953831" s="10"/>
    </row>
    <row r="953832" spans="14:14">
      <c r="N953832" s="10"/>
    </row>
    <row r="953833" spans="14:14">
      <c r="N953833" s="10"/>
    </row>
    <row r="953834" spans="14:14">
      <c r="N953834" s="10"/>
    </row>
    <row r="953835" spans="14:14">
      <c r="N953835" s="10"/>
    </row>
    <row r="953836" spans="14:14">
      <c r="N953836" s="10"/>
    </row>
    <row r="953837" spans="14:14">
      <c r="N953837" s="10"/>
    </row>
    <row r="953838" spans="14:14">
      <c r="N953838" s="10"/>
    </row>
    <row r="953839" spans="14:14">
      <c r="N953839" s="10"/>
    </row>
    <row r="953840" spans="14:14">
      <c r="N953840" s="10"/>
    </row>
    <row r="953841" spans="14:14">
      <c r="N953841" s="10"/>
    </row>
    <row r="953842" spans="14:14">
      <c r="N953842" s="10"/>
    </row>
    <row r="953843" spans="14:14">
      <c r="N953843" s="10"/>
    </row>
    <row r="953844" spans="14:14">
      <c r="N953844" s="10"/>
    </row>
    <row r="953845" spans="14:14">
      <c r="N953845" s="10"/>
    </row>
    <row r="953846" spans="14:14">
      <c r="N953846" s="10"/>
    </row>
    <row r="953847" spans="14:14">
      <c r="N953847" s="10"/>
    </row>
    <row r="953848" spans="14:14">
      <c r="N953848" s="10"/>
    </row>
    <row r="953849" spans="14:14">
      <c r="N953849" s="10"/>
    </row>
    <row r="953850" spans="14:14">
      <c r="N953850" s="10"/>
    </row>
    <row r="953851" spans="14:14">
      <c r="N953851" s="10"/>
    </row>
    <row r="953852" spans="14:14">
      <c r="N953852" s="10"/>
    </row>
    <row r="953853" spans="14:14">
      <c r="N953853" s="10"/>
    </row>
    <row r="953854" spans="14:14">
      <c r="N953854" s="10"/>
    </row>
    <row r="953855" spans="14:14">
      <c r="N953855" s="10"/>
    </row>
    <row r="953856" spans="14:14">
      <c r="N953856" s="10"/>
    </row>
    <row r="953857" spans="14:14">
      <c r="N953857" s="10"/>
    </row>
    <row r="953858" spans="14:14">
      <c r="N953858" s="10"/>
    </row>
    <row r="953859" spans="14:14">
      <c r="N953859" s="10"/>
    </row>
    <row r="953860" spans="14:14">
      <c r="N953860" s="10"/>
    </row>
    <row r="953861" spans="14:14">
      <c r="N953861" s="10"/>
    </row>
    <row r="953862" spans="14:14">
      <c r="N953862" s="10"/>
    </row>
    <row r="953863" spans="14:14">
      <c r="N953863" s="10"/>
    </row>
    <row r="953864" spans="14:14">
      <c r="N953864" s="10"/>
    </row>
    <row r="953865" spans="14:14">
      <c r="N953865" s="10"/>
    </row>
    <row r="953866" spans="14:14">
      <c r="N953866" s="10"/>
    </row>
    <row r="953867" spans="14:14">
      <c r="N953867" s="10"/>
    </row>
    <row r="953868" spans="14:14">
      <c r="N953868" s="10"/>
    </row>
    <row r="953869" spans="14:14">
      <c r="N953869" s="10"/>
    </row>
    <row r="953870" spans="14:14">
      <c r="N953870" s="10"/>
    </row>
    <row r="953871" spans="14:14">
      <c r="N953871" s="10"/>
    </row>
    <row r="953872" spans="14:14">
      <c r="N953872" s="10"/>
    </row>
    <row r="953873" spans="14:14">
      <c r="N953873" s="10"/>
    </row>
    <row r="953874" spans="14:14">
      <c r="N953874" s="10"/>
    </row>
    <row r="953875" spans="14:14">
      <c r="N953875" s="10"/>
    </row>
    <row r="953876" spans="14:14">
      <c r="N953876" s="10"/>
    </row>
    <row r="953877" spans="14:14">
      <c r="N953877" s="10"/>
    </row>
    <row r="953878" spans="14:14">
      <c r="N953878" s="10"/>
    </row>
    <row r="953879" spans="14:14">
      <c r="N953879" s="10"/>
    </row>
    <row r="953880" spans="14:14">
      <c r="N953880" s="10"/>
    </row>
    <row r="953881" spans="14:14">
      <c r="N953881" s="10"/>
    </row>
    <row r="953882" spans="14:14">
      <c r="N953882" s="10"/>
    </row>
    <row r="953883" spans="14:14">
      <c r="N953883" s="10"/>
    </row>
    <row r="953884" spans="14:14">
      <c r="N953884" s="10"/>
    </row>
    <row r="953885" spans="14:14">
      <c r="N953885" s="10"/>
    </row>
    <row r="953886" spans="14:14">
      <c r="N953886" s="10"/>
    </row>
    <row r="953887" spans="14:14">
      <c r="N953887" s="10"/>
    </row>
    <row r="953888" spans="14:14">
      <c r="N953888" s="10"/>
    </row>
    <row r="953889" spans="14:14">
      <c r="N953889" s="10"/>
    </row>
    <row r="953890" spans="14:14">
      <c r="N953890" s="10"/>
    </row>
    <row r="953891" spans="14:14">
      <c r="N953891" s="10"/>
    </row>
    <row r="953892" spans="14:14">
      <c r="N953892" s="10"/>
    </row>
    <row r="953893" spans="14:14">
      <c r="N953893" s="10"/>
    </row>
    <row r="953894" spans="14:14">
      <c r="N953894" s="10"/>
    </row>
    <row r="953895" spans="14:14">
      <c r="N953895" s="10"/>
    </row>
    <row r="953896" spans="14:14">
      <c r="N953896" s="10"/>
    </row>
    <row r="953897" spans="14:14">
      <c r="N953897" s="10"/>
    </row>
    <row r="953898" spans="14:14">
      <c r="N953898" s="10"/>
    </row>
    <row r="953899" spans="14:14">
      <c r="N953899" s="10"/>
    </row>
    <row r="953900" spans="14:14">
      <c r="N953900" s="10"/>
    </row>
    <row r="953901" spans="14:14">
      <c r="N953901" s="10"/>
    </row>
    <row r="953902" spans="14:14">
      <c r="N953902" s="10"/>
    </row>
    <row r="953903" spans="14:14">
      <c r="N953903" s="10"/>
    </row>
    <row r="953904" spans="14:14">
      <c r="N953904" s="10"/>
    </row>
    <row r="953905" spans="14:14">
      <c r="N953905" s="10"/>
    </row>
    <row r="953906" spans="14:14">
      <c r="N953906" s="10"/>
    </row>
    <row r="953907" spans="14:14">
      <c r="N953907" s="10"/>
    </row>
    <row r="953908" spans="14:14">
      <c r="N953908" s="10"/>
    </row>
    <row r="953909" spans="14:14">
      <c r="N953909" s="10"/>
    </row>
    <row r="953910" spans="14:14">
      <c r="N953910" s="10"/>
    </row>
    <row r="953911" spans="14:14">
      <c r="N953911" s="10"/>
    </row>
    <row r="953912" spans="14:14">
      <c r="N953912" s="10"/>
    </row>
    <row r="953913" spans="14:14">
      <c r="N953913" s="10"/>
    </row>
    <row r="953914" spans="14:14">
      <c r="N953914" s="10"/>
    </row>
    <row r="953915" spans="14:14">
      <c r="N953915" s="10"/>
    </row>
    <row r="953916" spans="14:14">
      <c r="N953916" s="10"/>
    </row>
    <row r="953917" spans="14:14">
      <c r="N953917" s="10"/>
    </row>
    <row r="953918" spans="14:14">
      <c r="N953918" s="10"/>
    </row>
    <row r="953919" spans="14:14">
      <c r="N953919" s="10"/>
    </row>
    <row r="953920" spans="14:14">
      <c r="N953920" s="10"/>
    </row>
    <row r="953921" spans="14:14">
      <c r="N953921" s="10"/>
    </row>
    <row r="953922" spans="14:14">
      <c r="N953922" s="10"/>
    </row>
    <row r="953923" spans="14:14">
      <c r="N953923" s="10"/>
    </row>
    <row r="953924" spans="14:14">
      <c r="N953924" s="10"/>
    </row>
    <row r="953925" spans="14:14">
      <c r="N953925" s="10"/>
    </row>
    <row r="953926" spans="14:14">
      <c r="N953926" s="10"/>
    </row>
    <row r="953927" spans="14:14">
      <c r="N953927" s="10"/>
    </row>
    <row r="953928" spans="14:14">
      <c r="N953928" s="10"/>
    </row>
    <row r="953929" spans="14:14">
      <c r="N953929" s="10"/>
    </row>
    <row r="953930" spans="14:14">
      <c r="N953930" s="10"/>
    </row>
    <row r="953931" spans="14:14">
      <c r="N953931" s="10"/>
    </row>
    <row r="953932" spans="14:14">
      <c r="N953932" s="10"/>
    </row>
    <row r="953933" spans="14:14">
      <c r="N953933" s="10"/>
    </row>
    <row r="953934" spans="14:14">
      <c r="N953934" s="10"/>
    </row>
    <row r="953935" spans="14:14">
      <c r="N953935" s="10"/>
    </row>
    <row r="953936" spans="14:14">
      <c r="N953936" s="10"/>
    </row>
    <row r="953937" spans="14:14">
      <c r="N953937" s="10"/>
    </row>
    <row r="953938" spans="14:14">
      <c r="N953938" s="10"/>
    </row>
    <row r="953939" spans="14:14">
      <c r="N953939" s="10"/>
    </row>
    <row r="953940" spans="14:14">
      <c r="N953940" s="10"/>
    </row>
    <row r="953941" spans="14:14">
      <c r="N953941" s="10"/>
    </row>
    <row r="953942" spans="14:14">
      <c r="N953942" s="10"/>
    </row>
    <row r="953943" spans="14:14">
      <c r="N953943" s="10"/>
    </row>
    <row r="953944" spans="14:14">
      <c r="N953944" s="10"/>
    </row>
    <row r="953945" spans="14:14">
      <c r="N953945" s="10"/>
    </row>
    <row r="953946" spans="14:14">
      <c r="N953946" s="10"/>
    </row>
    <row r="953947" spans="14:14">
      <c r="N953947" s="10"/>
    </row>
    <row r="953948" spans="14:14">
      <c r="N953948" s="10"/>
    </row>
    <row r="953949" spans="14:14">
      <c r="N953949" s="10"/>
    </row>
    <row r="953950" spans="14:14">
      <c r="N953950" s="10"/>
    </row>
    <row r="953951" spans="14:14">
      <c r="N953951" s="10"/>
    </row>
    <row r="953952" spans="14:14">
      <c r="N953952" s="10"/>
    </row>
    <row r="953953" spans="14:14">
      <c r="N953953" s="10"/>
    </row>
    <row r="953954" spans="14:14">
      <c r="N953954" s="10"/>
    </row>
    <row r="953955" spans="14:14">
      <c r="N953955" s="10"/>
    </row>
    <row r="953956" spans="14:14">
      <c r="N953956" s="10"/>
    </row>
    <row r="953957" spans="14:14">
      <c r="N953957" s="10"/>
    </row>
    <row r="953958" spans="14:14">
      <c r="N953958" s="10"/>
    </row>
    <row r="953959" spans="14:14">
      <c r="N953959" s="10"/>
    </row>
    <row r="953960" spans="14:14">
      <c r="N953960" s="10"/>
    </row>
    <row r="953961" spans="14:14">
      <c r="N953961" s="10"/>
    </row>
    <row r="953962" spans="14:14">
      <c r="N953962" s="10"/>
    </row>
    <row r="953963" spans="14:14">
      <c r="N953963" s="10"/>
    </row>
    <row r="953964" spans="14:14">
      <c r="N953964" s="10"/>
    </row>
    <row r="953965" spans="14:14">
      <c r="N953965" s="10"/>
    </row>
    <row r="953966" spans="14:14">
      <c r="N953966" s="10"/>
    </row>
    <row r="953967" spans="14:14">
      <c r="N953967" s="10"/>
    </row>
    <row r="953968" spans="14:14">
      <c r="N953968" s="10"/>
    </row>
    <row r="953969" spans="14:14">
      <c r="N953969" s="10"/>
    </row>
    <row r="953970" spans="14:14">
      <c r="N953970" s="10"/>
    </row>
    <row r="953971" spans="14:14">
      <c r="N953971" s="10"/>
    </row>
    <row r="953972" spans="14:14">
      <c r="N953972" s="10"/>
    </row>
    <row r="953973" spans="14:14">
      <c r="N953973" s="10"/>
    </row>
    <row r="953974" spans="14:14">
      <c r="N953974" s="10"/>
    </row>
    <row r="953975" spans="14:14">
      <c r="N953975" s="10"/>
    </row>
    <row r="953976" spans="14:14">
      <c r="N953976" s="10"/>
    </row>
    <row r="953977" spans="14:14">
      <c r="N953977" s="10"/>
    </row>
    <row r="953978" spans="14:14">
      <c r="N953978" s="10"/>
    </row>
    <row r="953979" spans="14:14">
      <c r="N953979" s="10"/>
    </row>
    <row r="953980" spans="14:14">
      <c r="N953980" s="10"/>
    </row>
    <row r="953981" spans="14:14">
      <c r="N953981" s="10"/>
    </row>
    <row r="953982" spans="14:14">
      <c r="N953982" s="10"/>
    </row>
    <row r="953983" spans="14:14">
      <c r="N953983" s="10"/>
    </row>
    <row r="953984" spans="14:14">
      <c r="N953984" s="10"/>
    </row>
    <row r="953985" spans="14:14">
      <c r="N953985" s="10"/>
    </row>
    <row r="953986" spans="14:14">
      <c r="N953986" s="10"/>
    </row>
    <row r="953987" spans="14:14">
      <c r="N953987" s="10"/>
    </row>
    <row r="953988" spans="14:14">
      <c r="N953988" s="10"/>
    </row>
    <row r="953989" spans="14:14">
      <c r="N953989" s="10"/>
    </row>
    <row r="953990" spans="14:14">
      <c r="N953990" s="10"/>
    </row>
    <row r="953991" spans="14:14">
      <c r="N953991" s="10"/>
    </row>
    <row r="953992" spans="14:14">
      <c r="N953992" s="10"/>
    </row>
    <row r="953993" spans="14:14">
      <c r="N953993" s="10"/>
    </row>
    <row r="953994" spans="14:14">
      <c r="N953994" s="10"/>
    </row>
    <row r="953995" spans="14:14">
      <c r="N953995" s="10"/>
    </row>
    <row r="953996" spans="14:14">
      <c r="N953996" s="10"/>
    </row>
    <row r="953997" spans="14:14">
      <c r="N953997" s="10"/>
    </row>
    <row r="953998" spans="14:14">
      <c r="N953998" s="10"/>
    </row>
    <row r="953999" spans="14:14">
      <c r="N953999" s="10"/>
    </row>
    <row r="954000" spans="14:14">
      <c r="N954000" s="10"/>
    </row>
    <row r="954001" spans="14:14">
      <c r="N954001" s="10"/>
    </row>
    <row r="954002" spans="14:14">
      <c r="N954002" s="10"/>
    </row>
    <row r="954003" spans="14:14">
      <c r="N954003" s="10"/>
    </row>
    <row r="954004" spans="14:14">
      <c r="N954004" s="10"/>
    </row>
    <row r="954005" spans="14:14">
      <c r="N954005" s="10"/>
    </row>
    <row r="954006" spans="14:14">
      <c r="N954006" s="10"/>
    </row>
    <row r="954007" spans="14:14">
      <c r="N954007" s="10"/>
    </row>
    <row r="954008" spans="14:14">
      <c r="N954008" s="10"/>
    </row>
    <row r="954009" spans="14:14">
      <c r="N954009" s="10"/>
    </row>
    <row r="954010" spans="14:14">
      <c r="N954010" s="10"/>
    </row>
    <row r="954011" spans="14:14">
      <c r="N954011" s="10"/>
    </row>
    <row r="954012" spans="14:14">
      <c r="N954012" s="10"/>
    </row>
    <row r="954013" spans="14:14">
      <c r="N954013" s="10"/>
    </row>
    <row r="954014" spans="14:14">
      <c r="N954014" s="10"/>
    </row>
    <row r="954015" spans="14:14">
      <c r="N954015" s="10"/>
    </row>
    <row r="954016" spans="14:14">
      <c r="N954016" s="10"/>
    </row>
    <row r="954017" spans="14:14">
      <c r="N954017" s="10"/>
    </row>
    <row r="954018" spans="14:14">
      <c r="N954018" s="10"/>
    </row>
    <row r="954019" spans="14:14">
      <c r="N954019" s="10"/>
    </row>
    <row r="954020" spans="14:14">
      <c r="N954020" s="10"/>
    </row>
    <row r="954021" spans="14:14">
      <c r="N954021" s="10"/>
    </row>
    <row r="954022" spans="14:14">
      <c r="N954022" s="10"/>
    </row>
    <row r="954023" spans="14:14">
      <c r="N954023" s="10"/>
    </row>
    <row r="954024" spans="14:14">
      <c r="N954024" s="10"/>
    </row>
    <row r="954025" spans="14:14">
      <c r="N954025" s="10"/>
    </row>
    <row r="954026" spans="14:14">
      <c r="N954026" s="10"/>
    </row>
    <row r="954027" spans="14:14">
      <c r="N954027" s="10"/>
    </row>
    <row r="954028" spans="14:14">
      <c r="N954028" s="10"/>
    </row>
    <row r="954029" spans="14:14">
      <c r="N954029" s="10"/>
    </row>
    <row r="954030" spans="14:14">
      <c r="N954030" s="10"/>
    </row>
    <row r="954031" spans="14:14">
      <c r="N954031" s="10"/>
    </row>
    <row r="954032" spans="14:14">
      <c r="N954032" s="10"/>
    </row>
    <row r="954033" spans="14:14">
      <c r="N954033" s="10"/>
    </row>
    <row r="954034" spans="14:14">
      <c r="N954034" s="10"/>
    </row>
    <row r="954035" spans="14:14">
      <c r="N954035" s="10"/>
    </row>
    <row r="954036" spans="14:14">
      <c r="N954036" s="10"/>
    </row>
    <row r="954037" spans="14:14">
      <c r="N954037" s="10"/>
    </row>
    <row r="954038" spans="14:14">
      <c r="N954038" s="10"/>
    </row>
    <row r="954039" spans="14:14">
      <c r="N954039" s="10"/>
    </row>
    <row r="954040" spans="14:14">
      <c r="N954040" s="10"/>
    </row>
    <row r="954041" spans="14:14">
      <c r="N954041" s="10"/>
    </row>
    <row r="954042" spans="14:14">
      <c r="N954042" s="10"/>
    </row>
    <row r="954043" spans="14:14">
      <c r="N954043" s="10"/>
    </row>
    <row r="954044" spans="14:14">
      <c r="N954044" s="10"/>
    </row>
    <row r="954045" spans="14:14">
      <c r="N954045" s="10"/>
    </row>
    <row r="954046" spans="14:14">
      <c r="N954046" s="10"/>
    </row>
    <row r="954047" spans="14:14">
      <c r="N954047" s="10"/>
    </row>
    <row r="954048" spans="14:14">
      <c r="N954048" s="10"/>
    </row>
    <row r="954049" spans="14:14">
      <c r="N954049" s="10"/>
    </row>
    <row r="954050" spans="14:14">
      <c r="N954050" s="10"/>
    </row>
    <row r="954051" spans="14:14">
      <c r="N954051" s="10"/>
    </row>
    <row r="954052" spans="14:14">
      <c r="N954052" s="10"/>
    </row>
    <row r="954053" spans="14:14">
      <c r="N954053" s="10"/>
    </row>
    <row r="954054" spans="14:14">
      <c r="N954054" s="10"/>
    </row>
    <row r="954055" spans="14:14">
      <c r="N954055" s="10"/>
    </row>
    <row r="954056" spans="14:14">
      <c r="N954056" s="10"/>
    </row>
    <row r="954057" spans="14:14">
      <c r="N954057" s="10"/>
    </row>
    <row r="954058" spans="14:14">
      <c r="N954058" s="10"/>
    </row>
    <row r="954059" spans="14:14">
      <c r="N954059" s="10"/>
    </row>
    <row r="954060" spans="14:14">
      <c r="N954060" s="10"/>
    </row>
    <row r="954061" spans="14:14">
      <c r="N954061" s="10"/>
    </row>
    <row r="954062" spans="14:14">
      <c r="N954062" s="10"/>
    </row>
    <row r="954063" spans="14:14">
      <c r="N954063" s="10"/>
    </row>
    <row r="954064" spans="14:14">
      <c r="N954064" s="10"/>
    </row>
    <row r="954065" spans="14:14">
      <c r="N954065" s="10"/>
    </row>
    <row r="954066" spans="14:14">
      <c r="N954066" s="10"/>
    </row>
    <row r="954067" spans="14:14">
      <c r="N954067" s="10"/>
    </row>
    <row r="954068" spans="14:14">
      <c r="N954068" s="10"/>
    </row>
    <row r="954069" spans="14:14">
      <c r="N954069" s="10"/>
    </row>
    <row r="954070" spans="14:14">
      <c r="N954070" s="10"/>
    </row>
    <row r="954071" spans="14:14">
      <c r="N954071" s="10"/>
    </row>
    <row r="954072" spans="14:14">
      <c r="N954072" s="10"/>
    </row>
    <row r="954073" spans="14:14">
      <c r="N954073" s="10"/>
    </row>
    <row r="954074" spans="14:14">
      <c r="N954074" s="10"/>
    </row>
    <row r="954075" spans="14:14">
      <c r="N954075" s="10"/>
    </row>
    <row r="954076" spans="14:14">
      <c r="N954076" s="10"/>
    </row>
    <row r="954077" spans="14:14">
      <c r="N954077" s="10"/>
    </row>
    <row r="954078" spans="14:14">
      <c r="N954078" s="10"/>
    </row>
    <row r="954079" spans="14:14">
      <c r="N954079" s="10"/>
    </row>
    <row r="954080" spans="14:14">
      <c r="N954080" s="10"/>
    </row>
    <row r="954081" spans="14:14">
      <c r="N954081" s="10"/>
    </row>
    <row r="954082" spans="14:14">
      <c r="N954082" s="10"/>
    </row>
    <row r="954083" spans="14:14">
      <c r="N954083" s="10"/>
    </row>
    <row r="954084" spans="14:14">
      <c r="N954084" s="10"/>
    </row>
    <row r="954085" spans="14:14">
      <c r="N954085" s="10"/>
    </row>
    <row r="954086" spans="14:14">
      <c r="N954086" s="10"/>
    </row>
    <row r="954087" spans="14:14">
      <c r="N954087" s="10"/>
    </row>
    <row r="954088" spans="14:14">
      <c r="N954088" s="10"/>
    </row>
    <row r="954089" spans="14:14">
      <c r="N954089" s="10"/>
    </row>
    <row r="954090" spans="14:14">
      <c r="N954090" s="10"/>
    </row>
    <row r="954091" spans="14:14">
      <c r="N954091" s="10"/>
    </row>
    <row r="954092" spans="14:14">
      <c r="N954092" s="10"/>
    </row>
    <row r="954093" spans="14:14">
      <c r="N954093" s="10"/>
    </row>
    <row r="954094" spans="14:14">
      <c r="N954094" s="10"/>
    </row>
    <row r="954095" spans="14:14">
      <c r="N954095" s="10"/>
    </row>
    <row r="954096" spans="14:14">
      <c r="N954096" s="10"/>
    </row>
    <row r="954097" spans="14:14">
      <c r="N954097" s="10"/>
    </row>
    <row r="954098" spans="14:14">
      <c r="N954098" s="10"/>
    </row>
    <row r="954099" spans="14:14">
      <c r="N954099" s="10"/>
    </row>
    <row r="954100" spans="14:14">
      <c r="N954100" s="10"/>
    </row>
    <row r="954101" spans="14:14">
      <c r="N954101" s="10"/>
    </row>
    <row r="954102" spans="14:14">
      <c r="N954102" s="10"/>
    </row>
    <row r="954103" spans="14:14">
      <c r="N954103" s="10"/>
    </row>
    <row r="954104" spans="14:14">
      <c r="N954104" s="10"/>
    </row>
    <row r="954105" spans="14:14">
      <c r="N954105" s="10"/>
    </row>
    <row r="954106" spans="14:14">
      <c r="N954106" s="10"/>
    </row>
    <row r="954107" spans="14:14">
      <c r="N954107" s="10"/>
    </row>
    <row r="954108" spans="14:14">
      <c r="N954108" s="10"/>
    </row>
    <row r="954109" spans="14:14">
      <c r="N954109" s="10"/>
    </row>
    <row r="954110" spans="14:14">
      <c r="N954110" s="10"/>
    </row>
    <row r="954111" spans="14:14">
      <c r="N954111" s="10"/>
    </row>
    <row r="954112" spans="14:14">
      <c r="N954112" s="10"/>
    </row>
    <row r="954113" spans="14:14">
      <c r="N954113" s="10"/>
    </row>
    <row r="954114" spans="14:14">
      <c r="N954114" s="10"/>
    </row>
    <row r="954115" spans="14:14">
      <c r="N954115" s="10"/>
    </row>
    <row r="954116" spans="14:14">
      <c r="N954116" s="10"/>
    </row>
    <row r="954117" spans="14:14">
      <c r="N954117" s="10"/>
    </row>
    <row r="954118" spans="14:14">
      <c r="N954118" s="10"/>
    </row>
    <row r="954119" spans="14:14">
      <c r="N954119" s="10"/>
    </row>
    <row r="954120" spans="14:14">
      <c r="N954120" s="10"/>
    </row>
    <row r="954121" spans="14:14">
      <c r="N954121" s="10"/>
    </row>
    <row r="954122" spans="14:14">
      <c r="N954122" s="10"/>
    </row>
    <row r="954123" spans="14:14">
      <c r="N954123" s="10"/>
    </row>
    <row r="954124" spans="14:14">
      <c r="N954124" s="10"/>
    </row>
    <row r="954125" spans="14:14">
      <c r="N954125" s="10"/>
    </row>
    <row r="954126" spans="14:14">
      <c r="N954126" s="10"/>
    </row>
    <row r="954127" spans="14:14">
      <c r="N954127" s="10"/>
    </row>
    <row r="954128" spans="14:14">
      <c r="N954128" s="10"/>
    </row>
    <row r="954129" spans="14:14">
      <c r="N954129" s="10"/>
    </row>
    <row r="954130" spans="14:14">
      <c r="N954130" s="10"/>
    </row>
    <row r="954131" spans="14:14">
      <c r="N954131" s="10"/>
    </row>
    <row r="954132" spans="14:14">
      <c r="N954132" s="10"/>
    </row>
    <row r="954133" spans="14:14">
      <c r="N954133" s="10"/>
    </row>
    <row r="954134" spans="14:14">
      <c r="N954134" s="10"/>
    </row>
    <row r="954135" spans="14:14">
      <c r="N954135" s="10"/>
    </row>
    <row r="954136" spans="14:14">
      <c r="N954136" s="10"/>
    </row>
    <row r="954137" spans="14:14">
      <c r="N954137" s="10"/>
    </row>
    <row r="954138" spans="14:14">
      <c r="N954138" s="10"/>
    </row>
    <row r="954139" spans="14:14">
      <c r="N954139" s="10"/>
    </row>
    <row r="954140" spans="14:14">
      <c r="N954140" s="10"/>
    </row>
    <row r="954141" spans="14:14">
      <c r="N954141" s="10"/>
    </row>
    <row r="954142" spans="14:14">
      <c r="N954142" s="10"/>
    </row>
    <row r="954143" spans="14:14">
      <c r="N954143" s="10"/>
    </row>
    <row r="954144" spans="14:14">
      <c r="N954144" s="10"/>
    </row>
    <row r="954145" spans="14:14">
      <c r="N954145" s="10"/>
    </row>
    <row r="954146" spans="14:14">
      <c r="N954146" s="10"/>
    </row>
    <row r="954147" spans="14:14">
      <c r="N954147" s="10"/>
    </row>
    <row r="954148" spans="14:14">
      <c r="N954148" s="10"/>
    </row>
    <row r="954149" spans="14:14">
      <c r="N954149" s="10"/>
    </row>
    <row r="954150" spans="14:14">
      <c r="N954150" s="10"/>
    </row>
    <row r="954151" spans="14:14">
      <c r="N954151" s="10"/>
    </row>
    <row r="954152" spans="14:14">
      <c r="N954152" s="10"/>
    </row>
    <row r="954153" spans="14:14">
      <c r="N954153" s="10"/>
    </row>
    <row r="954154" spans="14:14">
      <c r="N954154" s="10"/>
    </row>
    <row r="954155" spans="14:14">
      <c r="N954155" s="10"/>
    </row>
    <row r="954156" spans="14:14">
      <c r="N954156" s="10"/>
    </row>
    <row r="954157" spans="14:14">
      <c r="N954157" s="10"/>
    </row>
    <row r="954158" spans="14:14">
      <c r="N954158" s="10"/>
    </row>
    <row r="954159" spans="14:14">
      <c r="N954159" s="10"/>
    </row>
    <row r="954160" spans="14:14">
      <c r="N954160" s="10"/>
    </row>
    <row r="954161" spans="14:14">
      <c r="N954161" s="10"/>
    </row>
    <row r="954162" spans="14:14">
      <c r="N954162" s="10"/>
    </row>
    <row r="954163" spans="14:14">
      <c r="N954163" s="10"/>
    </row>
    <row r="954164" spans="14:14">
      <c r="N954164" s="10"/>
    </row>
    <row r="954165" spans="14:14">
      <c r="N954165" s="10"/>
    </row>
    <row r="954166" spans="14:14">
      <c r="N954166" s="10"/>
    </row>
    <row r="954167" spans="14:14">
      <c r="N954167" s="10"/>
    </row>
    <row r="954168" spans="14:14">
      <c r="N954168" s="10"/>
    </row>
    <row r="954169" spans="14:14">
      <c r="N954169" s="10"/>
    </row>
    <row r="954170" spans="14:14">
      <c r="N954170" s="10"/>
    </row>
    <row r="954171" spans="14:14">
      <c r="N954171" s="10"/>
    </row>
    <row r="954172" spans="14:14">
      <c r="N954172" s="10"/>
    </row>
    <row r="954173" spans="14:14">
      <c r="N954173" s="10"/>
    </row>
    <row r="954174" spans="14:14">
      <c r="N954174" s="10"/>
    </row>
    <row r="954175" spans="14:14">
      <c r="N954175" s="10"/>
    </row>
    <row r="954176" spans="14:14">
      <c r="N954176" s="10"/>
    </row>
    <row r="954177" spans="14:14">
      <c r="N954177" s="10"/>
    </row>
    <row r="954178" spans="14:14">
      <c r="N954178" s="10"/>
    </row>
    <row r="954179" spans="14:14">
      <c r="N954179" s="10"/>
    </row>
    <row r="954180" spans="14:14">
      <c r="N954180" s="10"/>
    </row>
    <row r="954181" spans="14:14">
      <c r="N954181" s="10"/>
    </row>
    <row r="954182" spans="14:14">
      <c r="N954182" s="10"/>
    </row>
    <row r="954183" spans="14:14">
      <c r="N954183" s="10"/>
    </row>
    <row r="954184" spans="14:14">
      <c r="N954184" s="10"/>
    </row>
    <row r="954185" spans="14:14">
      <c r="N954185" s="10"/>
    </row>
    <row r="954186" spans="14:14">
      <c r="N954186" s="10"/>
    </row>
    <row r="954187" spans="14:14">
      <c r="N954187" s="10"/>
    </row>
    <row r="954188" spans="14:14">
      <c r="N954188" s="10"/>
    </row>
    <row r="954189" spans="14:14">
      <c r="N954189" s="10"/>
    </row>
    <row r="954190" spans="14:14">
      <c r="N954190" s="10"/>
    </row>
    <row r="954191" spans="14:14">
      <c r="N954191" s="10"/>
    </row>
    <row r="954192" spans="14:14">
      <c r="N954192" s="10"/>
    </row>
    <row r="954193" spans="14:14">
      <c r="N954193" s="10"/>
    </row>
    <row r="954194" spans="14:14">
      <c r="N954194" s="10"/>
    </row>
    <row r="954195" spans="14:14">
      <c r="N954195" s="10"/>
    </row>
    <row r="954196" spans="14:14">
      <c r="N954196" s="10"/>
    </row>
    <row r="954197" spans="14:14">
      <c r="N954197" s="10"/>
    </row>
    <row r="954198" spans="14:14">
      <c r="N954198" s="10"/>
    </row>
    <row r="954199" spans="14:14">
      <c r="N954199" s="10"/>
    </row>
    <row r="954200" spans="14:14">
      <c r="N954200" s="10"/>
    </row>
    <row r="954201" spans="14:14">
      <c r="N954201" s="10"/>
    </row>
    <row r="954202" spans="14:14">
      <c r="N954202" s="10"/>
    </row>
    <row r="954203" spans="14:14">
      <c r="N954203" s="10"/>
    </row>
    <row r="954204" spans="14:14">
      <c r="N954204" s="10"/>
    </row>
    <row r="954205" spans="14:14">
      <c r="N954205" s="10"/>
    </row>
    <row r="954206" spans="14:14">
      <c r="N954206" s="10"/>
    </row>
    <row r="954207" spans="14:14">
      <c r="N954207" s="10"/>
    </row>
    <row r="954208" spans="14:14">
      <c r="N954208" s="10"/>
    </row>
    <row r="954209" spans="14:14">
      <c r="N954209" s="10"/>
    </row>
    <row r="954210" spans="14:14">
      <c r="N954210" s="10"/>
    </row>
    <row r="954211" spans="14:14">
      <c r="N954211" s="10"/>
    </row>
    <row r="954212" spans="14:14">
      <c r="N954212" s="10"/>
    </row>
    <row r="954213" spans="14:14">
      <c r="N954213" s="10"/>
    </row>
    <row r="954214" spans="14:14">
      <c r="N954214" s="10"/>
    </row>
    <row r="954215" spans="14:14">
      <c r="N954215" s="10"/>
    </row>
    <row r="954216" spans="14:14">
      <c r="N954216" s="10"/>
    </row>
    <row r="954217" spans="14:14">
      <c r="N954217" s="10"/>
    </row>
    <row r="954218" spans="14:14">
      <c r="N954218" s="10"/>
    </row>
    <row r="954219" spans="14:14">
      <c r="N954219" s="10"/>
    </row>
    <row r="954220" spans="14:14">
      <c r="N954220" s="10"/>
    </row>
    <row r="954221" spans="14:14">
      <c r="N954221" s="10"/>
    </row>
    <row r="954222" spans="14:14">
      <c r="N954222" s="10"/>
    </row>
    <row r="954223" spans="14:14">
      <c r="N954223" s="10"/>
    </row>
    <row r="954224" spans="14:14">
      <c r="N954224" s="10"/>
    </row>
    <row r="954225" spans="14:14">
      <c r="N954225" s="10"/>
    </row>
    <row r="954226" spans="14:14">
      <c r="N954226" s="10"/>
    </row>
    <row r="954227" spans="14:14">
      <c r="N954227" s="10"/>
    </row>
    <row r="954228" spans="14:14">
      <c r="N954228" s="10"/>
    </row>
    <row r="954229" spans="14:14">
      <c r="N954229" s="10"/>
    </row>
    <row r="954230" spans="14:14">
      <c r="N954230" s="10"/>
    </row>
    <row r="954231" spans="14:14">
      <c r="N954231" s="10"/>
    </row>
    <row r="954232" spans="14:14">
      <c r="N954232" s="10"/>
    </row>
    <row r="954233" spans="14:14">
      <c r="N954233" s="10"/>
    </row>
    <row r="954234" spans="14:14">
      <c r="N954234" s="10"/>
    </row>
    <row r="954235" spans="14:14">
      <c r="N954235" s="10"/>
    </row>
    <row r="954236" spans="14:14">
      <c r="N954236" s="10"/>
    </row>
    <row r="954237" spans="14:14">
      <c r="N954237" s="10"/>
    </row>
    <row r="954238" spans="14:14">
      <c r="N954238" s="10"/>
    </row>
    <row r="954239" spans="14:14">
      <c r="N954239" s="10"/>
    </row>
    <row r="954240" spans="14:14">
      <c r="N954240" s="10"/>
    </row>
    <row r="954241" spans="14:14">
      <c r="N954241" s="10"/>
    </row>
    <row r="954242" spans="14:14">
      <c r="N954242" s="10"/>
    </row>
    <row r="954243" spans="14:14">
      <c r="N954243" s="10"/>
    </row>
    <row r="954244" spans="14:14">
      <c r="N954244" s="10"/>
    </row>
    <row r="954245" spans="14:14">
      <c r="N954245" s="10"/>
    </row>
    <row r="954246" spans="14:14">
      <c r="N954246" s="10"/>
    </row>
    <row r="954247" spans="14:14">
      <c r="N954247" s="10"/>
    </row>
    <row r="954248" spans="14:14">
      <c r="N954248" s="10"/>
    </row>
    <row r="954249" spans="14:14">
      <c r="N954249" s="10"/>
    </row>
    <row r="954250" spans="14:14">
      <c r="N954250" s="10"/>
    </row>
    <row r="954251" spans="14:14">
      <c r="N954251" s="10"/>
    </row>
    <row r="954252" spans="14:14">
      <c r="N954252" s="10"/>
    </row>
    <row r="954253" spans="14:14">
      <c r="N954253" s="10"/>
    </row>
    <row r="954254" spans="14:14">
      <c r="N954254" s="10"/>
    </row>
    <row r="954255" spans="14:14">
      <c r="N954255" s="10"/>
    </row>
    <row r="954256" spans="14:14">
      <c r="N954256" s="10"/>
    </row>
    <row r="954257" spans="14:14">
      <c r="N954257" s="10"/>
    </row>
    <row r="954258" spans="14:14">
      <c r="N954258" s="10"/>
    </row>
    <row r="954259" spans="14:14">
      <c r="N954259" s="10"/>
    </row>
    <row r="954260" spans="14:14">
      <c r="N954260" s="10"/>
    </row>
    <row r="954261" spans="14:14">
      <c r="N954261" s="10"/>
    </row>
    <row r="954262" spans="14:14">
      <c r="N954262" s="10"/>
    </row>
    <row r="954263" spans="14:14">
      <c r="N954263" s="10"/>
    </row>
    <row r="954264" spans="14:14">
      <c r="N954264" s="10"/>
    </row>
    <row r="954265" spans="14:14">
      <c r="N954265" s="10"/>
    </row>
    <row r="954266" spans="14:14">
      <c r="N954266" s="10"/>
    </row>
    <row r="954267" spans="14:14">
      <c r="N954267" s="10"/>
    </row>
    <row r="954268" spans="14:14">
      <c r="N954268" s="10"/>
    </row>
    <row r="954269" spans="14:14">
      <c r="N954269" s="10"/>
    </row>
    <row r="954270" spans="14:14">
      <c r="N954270" s="10"/>
    </row>
    <row r="954271" spans="14:14">
      <c r="N954271" s="10"/>
    </row>
    <row r="954272" spans="14:14">
      <c r="N954272" s="10"/>
    </row>
    <row r="954273" spans="14:14">
      <c r="N954273" s="10"/>
    </row>
    <row r="954274" spans="14:14">
      <c r="N954274" s="10"/>
    </row>
    <row r="954275" spans="14:14">
      <c r="N954275" s="10"/>
    </row>
    <row r="954276" spans="14:14">
      <c r="N954276" s="10"/>
    </row>
    <row r="954277" spans="14:14">
      <c r="N954277" s="10"/>
    </row>
    <row r="954278" spans="14:14">
      <c r="N954278" s="10"/>
    </row>
    <row r="954279" spans="14:14">
      <c r="N954279" s="10"/>
    </row>
    <row r="954280" spans="14:14">
      <c r="N954280" s="10"/>
    </row>
    <row r="954281" spans="14:14">
      <c r="N954281" s="10"/>
    </row>
    <row r="954282" spans="14:14">
      <c r="N954282" s="10"/>
    </row>
    <row r="954283" spans="14:14">
      <c r="N954283" s="10"/>
    </row>
    <row r="954284" spans="14:14">
      <c r="N954284" s="10"/>
    </row>
    <row r="954285" spans="14:14">
      <c r="N954285" s="10"/>
    </row>
    <row r="954286" spans="14:14">
      <c r="N954286" s="10"/>
    </row>
    <row r="954287" spans="14:14">
      <c r="N954287" s="10"/>
    </row>
    <row r="954288" spans="14:14">
      <c r="N954288" s="10"/>
    </row>
    <row r="954289" spans="14:14">
      <c r="N954289" s="10"/>
    </row>
    <row r="954290" spans="14:14">
      <c r="N954290" s="10"/>
    </row>
    <row r="954291" spans="14:14">
      <c r="N954291" s="10"/>
    </row>
    <row r="954292" spans="14:14">
      <c r="N954292" s="10"/>
    </row>
    <row r="954293" spans="14:14">
      <c r="N954293" s="10"/>
    </row>
    <row r="954294" spans="14:14">
      <c r="N954294" s="10"/>
    </row>
    <row r="954295" spans="14:14">
      <c r="N954295" s="10"/>
    </row>
    <row r="954296" spans="14:14">
      <c r="N954296" s="10"/>
    </row>
    <row r="954297" spans="14:14">
      <c r="N954297" s="10"/>
    </row>
    <row r="954298" spans="14:14">
      <c r="N954298" s="10"/>
    </row>
    <row r="954299" spans="14:14">
      <c r="N954299" s="10"/>
    </row>
    <row r="954300" spans="14:14">
      <c r="N954300" s="10"/>
    </row>
    <row r="954301" spans="14:14">
      <c r="N954301" s="10"/>
    </row>
    <row r="954302" spans="14:14">
      <c r="N954302" s="10"/>
    </row>
    <row r="954303" spans="14:14">
      <c r="N954303" s="10"/>
    </row>
    <row r="954304" spans="14:14">
      <c r="N954304" s="10"/>
    </row>
    <row r="954305" spans="14:14">
      <c r="N954305" s="10"/>
    </row>
    <row r="954306" spans="14:14">
      <c r="N954306" s="10"/>
    </row>
    <row r="954307" spans="14:14">
      <c r="N954307" s="10"/>
    </row>
    <row r="954308" spans="14:14">
      <c r="N954308" s="10"/>
    </row>
    <row r="954309" spans="14:14">
      <c r="N954309" s="10"/>
    </row>
    <row r="954310" spans="14:14">
      <c r="N954310" s="10"/>
    </row>
    <row r="954311" spans="14:14">
      <c r="N954311" s="10"/>
    </row>
    <row r="954312" spans="14:14">
      <c r="N954312" s="10"/>
    </row>
    <row r="954313" spans="14:14">
      <c r="N954313" s="10"/>
    </row>
    <row r="954314" spans="14:14">
      <c r="N954314" s="10"/>
    </row>
    <row r="954315" spans="14:14">
      <c r="N954315" s="10"/>
    </row>
    <row r="954316" spans="14:14">
      <c r="N954316" s="10"/>
    </row>
    <row r="954317" spans="14:14">
      <c r="N954317" s="10"/>
    </row>
    <row r="954318" spans="14:14">
      <c r="N954318" s="10"/>
    </row>
    <row r="954319" spans="14:14">
      <c r="N954319" s="10"/>
    </row>
    <row r="954320" spans="14:14">
      <c r="N954320" s="10"/>
    </row>
    <row r="954321" spans="14:14">
      <c r="N954321" s="10"/>
    </row>
    <row r="954322" spans="14:14">
      <c r="N954322" s="10"/>
    </row>
    <row r="954323" spans="14:14">
      <c r="N954323" s="10"/>
    </row>
    <row r="954324" spans="14:14">
      <c r="N954324" s="10"/>
    </row>
    <row r="954325" spans="14:14">
      <c r="N954325" s="10"/>
    </row>
    <row r="954326" spans="14:14">
      <c r="N954326" s="10"/>
    </row>
    <row r="954327" spans="14:14">
      <c r="N954327" s="10"/>
    </row>
    <row r="954328" spans="14:14">
      <c r="N954328" s="10"/>
    </row>
    <row r="954329" spans="14:14">
      <c r="N954329" s="10"/>
    </row>
    <row r="954330" spans="14:14">
      <c r="N954330" s="10"/>
    </row>
    <row r="954331" spans="14:14">
      <c r="N954331" s="10"/>
    </row>
    <row r="954332" spans="14:14">
      <c r="N954332" s="10"/>
    </row>
    <row r="954333" spans="14:14">
      <c r="N954333" s="10"/>
    </row>
    <row r="954334" spans="14:14">
      <c r="N954334" s="10"/>
    </row>
    <row r="954335" spans="14:14">
      <c r="N954335" s="10"/>
    </row>
    <row r="954336" spans="14:14">
      <c r="N954336" s="10"/>
    </row>
    <row r="954337" spans="14:14">
      <c r="N954337" s="10"/>
    </row>
    <row r="954338" spans="14:14">
      <c r="N954338" s="10"/>
    </row>
    <row r="954339" spans="14:14">
      <c r="N954339" s="10"/>
    </row>
    <row r="954340" spans="14:14">
      <c r="N954340" s="10"/>
    </row>
    <row r="954341" spans="14:14">
      <c r="N954341" s="10"/>
    </row>
    <row r="954342" spans="14:14">
      <c r="N954342" s="10"/>
    </row>
    <row r="954343" spans="14:14">
      <c r="N954343" s="10"/>
    </row>
    <row r="954344" spans="14:14">
      <c r="N954344" s="10"/>
    </row>
    <row r="954345" spans="14:14">
      <c r="N954345" s="10"/>
    </row>
    <row r="954346" spans="14:14">
      <c r="N954346" s="10"/>
    </row>
    <row r="954347" spans="14:14">
      <c r="N954347" s="10"/>
    </row>
    <row r="954348" spans="14:14">
      <c r="N954348" s="10"/>
    </row>
    <row r="954349" spans="14:14">
      <c r="N954349" s="10"/>
    </row>
    <row r="954350" spans="14:14">
      <c r="N954350" s="10"/>
    </row>
    <row r="954351" spans="14:14">
      <c r="N954351" s="10"/>
    </row>
    <row r="954352" spans="14:14">
      <c r="N954352" s="10"/>
    </row>
    <row r="954353" spans="14:14">
      <c r="N954353" s="10"/>
    </row>
    <row r="954354" spans="14:14">
      <c r="N954354" s="10"/>
    </row>
    <row r="954355" spans="14:14">
      <c r="N954355" s="10"/>
    </row>
    <row r="954356" spans="14:14">
      <c r="N954356" s="10"/>
    </row>
    <row r="954357" spans="14:14">
      <c r="N954357" s="10"/>
    </row>
    <row r="954358" spans="14:14">
      <c r="N954358" s="10"/>
    </row>
    <row r="954359" spans="14:14">
      <c r="N954359" s="10"/>
    </row>
    <row r="954360" spans="14:14">
      <c r="N954360" s="10"/>
    </row>
    <row r="954361" spans="14:14">
      <c r="N954361" s="10"/>
    </row>
    <row r="954362" spans="14:14">
      <c r="N954362" s="10"/>
    </row>
    <row r="954363" spans="14:14">
      <c r="N954363" s="10"/>
    </row>
    <row r="954364" spans="14:14">
      <c r="N954364" s="10"/>
    </row>
    <row r="954365" spans="14:14">
      <c r="N954365" s="10"/>
    </row>
    <row r="954366" spans="14:14">
      <c r="N954366" s="10"/>
    </row>
    <row r="954367" spans="14:14">
      <c r="N954367" s="10"/>
    </row>
    <row r="954368" spans="14:14">
      <c r="N954368" s="10"/>
    </row>
    <row r="954369" spans="14:14">
      <c r="N954369" s="10"/>
    </row>
    <row r="954370" spans="14:14">
      <c r="N954370" s="10"/>
    </row>
    <row r="954371" spans="14:14">
      <c r="N954371" s="10"/>
    </row>
    <row r="954372" spans="14:14">
      <c r="N954372" s="10"/>
    </row>
    <row r="954373" spans="14:14">
      <c r="N954373" s="10"/>
    </row>
    <row r="954374" spans="14:14">
      <c r="N954374" s="10"/>
    </row>
    <row r="954375" spans="14:14">
      <c r="N954375" s="10"/>
    </row>
    <row r="954376" spans="14:14">
      <c r="N954376" s="10"/>
    </row>
    <row r="954377" spans="14:14">
      <c r="N954377" s="10"/>
    </row>
    <row r="954378" spans="14:14">
      <c r="N954378" s="10"/>
    </row>
    <row r="954379" spans="14:14">
      <c r="N954379" s="10"/>
    </row>
    <row r="954380" spans="14:14">
      <c r="N954380" s="10"/>
    </row>
    <row r="954381" spans="14:14">
      <c r="N954381" s="10"/>
    </row>
    <row r="954382" spans="14:14">
      <c r="N954382" s="10"/>
    </row>
    <row r="954383" spans="14:14">
      <c r="N954383" s="10"/>
    </row>
    <row r="954384" spans="14:14">
      <c r="N954384" s="10"/>
    </row>
    <row r="954385" spans="14:14">
      <c r="N954385" s="10"/>
    </row>
    <row r="954386" spans="14:14">
      <c r="N954386" s="10"/>
    </row>
    <row r="954387" spans="14:14">
      <c r="N954387" s="10"/>
    </row>
    <row r="954388" spans="14:14">
      <c r="N954388" s="10"/>
    </row>
    <row r="954389" spans="14:14">
      <c r="N954389" s="10"/>
    </row>
    <row r="954390" spans="14:14">
      <c r="N954390" s="10"/>
    </row>
    <row r="954391" spans="14:14">
      <c r="N954391" s="10"/>
    </row>
    <row r="954392" spans="14:14">
      <c r="N954392" s="10"/>
    </row>
    <row r="954393" spans="14:14">
      <c r="N954393" s="10"/>
    </row>
    <row r="954394" spans="14:14">
      <c r="N954394" s="10"/>
    </row>
    <row r="954395" spans="14:14">
      <c r="N954395" s="10"/>
    </row>
    <row r="954396" spans="14:14">
      <c r="N954396" s="10"/>
    </row>
    <row r="954397" spans="14:14">
      <c r="N954397" s="10"/>
    </row>
    <row r="954398" spans="14:14">
      <c r="N954398" s="10"/>
    </row>
    <row r="954399" spans="14:14">
      <c r="N954399" s="10"/>
    </row>
    <row r="954400" spans="14:14">
      <c r="N954400" s="10"/>
    </row>
    <row r="954401" spans="14:14">
      <c r="N954401" s="10"/>
    </row>
    <row r="954402" spans="14:14">
      <c r="N954402" s="10"/>
    </row>
    <row r="954403" spans="14:14">
      <c r="N954403" s="10"/>
    </row>
    <row r="954404" spans="14:14">
      <c r="N954404" s="10"/>
    </row>
    <row r="954405" spans="14:14">
      <c r="N954405" s="10"/>
    </row>
    <row r="954406" spans="14:14">
      <c r="N954406" s="10"/>
    </row>
    <row r="954407" spans="14:14">
      <c r="N954407" s="10"/>
    </row>
    <row r="954408" spans="14:14">
      <c r="N954408" s="10"/>
    </row>
    <row r="954409" spans="14:14">
      <c r="N954409" s="10"/>
    </row>
    <row r="954410" spans="14:14">
      <c r="N954410" s="10"/>
    </row>
    <row r="954411" spans="14:14">
      <c r="N954411" s="10"/>
    </row>
    <row r="954412" spans="14:14">
      <c r="N954412" s="10"/>
    </row>
    <row r="954413" spans="14:14">
      <c r="N954413" s="10"/>
    </row>
    <row r="954414" spans="14:14">
      <c r="N954414" s="10"/>
    </row>
    <row r="954415" spans="14:14">
      <c r="N954415" s="10"/>
    </row>
    <row r="954416" spans="14:14">
      <c r="N954416" s="10"/>
    </row>
    <row r="954417" spans="14:14">
      <c r="N954417" s="10"/>
    </row>
    <row r="954418" spans="14:14">
      <c r="N954418" s="10"/>
    </row>
    <row r="954419" spans="14:14">
      <c r="N954419" s="10"/>
    </row>
    <row r="954420" spans="14:14">
      <c r="N954420" s="10"/>
    </row>
    <row r="954421" spans="14:14">
      <c r="N954421" s="10"/>
    </row>
    <row r="954422" spans="14:14">
      <c r="N954422" s="10"/>
    </row>
    <row r="954423" spans="14:14">
      <c r="N954423" s="10"/>
    </row>
    <row r="954424" spans="14:14">
      <c r="N954424" s="10"/>
    </row>
    <row r="954425" spans="14:14">
      <c r="N954425" s="10"/>
    </row>
    <row r="954426" spans="14:14">
      <c r="N954426" s="10"/>
    </row>
    <row r="954427" spans="14:14">
      <c r="N954427" s="10"/>
    </row>
    <row r="954428" spans="14:14">
      <c r="N954428" s="10"/>
    </row>
    <row r="954429" spans="14:14">
      <c r="N954429" s="10"/>
    </row>
    <row r="954430" spans="14:14">
      <c r="N954430" s="10"/>
    </row>
    <row r="954431" spans="14:14">
      <c r="N954431" s="10"/>
    </row>
    <row r="954432" spans="14:14">
      <c r="N954432" s="10"/>
    </row>
    <row r="954433" spans="14:14">
      <c r="N954433" s="10"/>
    </row>
    <row r="954434" spans="14:14">
      <c r="N954434" s="10"/>
    </row>
    <row r="954435" spans="14:14">
      <c r="N954435" s="10"/>
    </row>
    <row r="954436" spans="14:14">
      <c r="N954436" s="10"/>
    </row>
    <row r="954437" spans="14:14">
      <c r="N954437" s="10"/>
    </row>
    <row r="954438" spans="14:14">
      <c r="N954438" s="10"/>
    </row>
    <row r="954439" spans="14:14">
      <c r="N954439" s="10"/>
    </row>
    <row r="954440" spans="14:14">
      <c r="N954440" s="10"/>
    </row>
    <row r="954441" spans="14:14">
      <c r="N954441" s="10"/>
    </row>
    <row r="954442" spans="14:14">
      <c r="N954442" s="10"/>
    </row>
    <row r="954443" spans="14:14">
      <c r="N954443" s="10"/>
    </row>
    <row r="954444" spans="14:14">
      <c r="N954444" s="10"/>
    </row>
    <row r="954445" spans="14:14">
      <c r="N954445" s="10"/>
    </row>
    <row r="954446" spans="14:14">
      <c r="N954446" s="10"/>
    </row>
    <row r="954447" spans="14:14">
      <c r="N954447" s="10"/>
    </row>
    <row r="954448" spans="14:14">
      <c r="N954448" s="10"/>
    </row>
    <row r="954449" spans="14:14">
      <c r="N954449" s="10"/>
    </row>
    <row r="954450" spans="14:14">
      <c r="N954450" s="10"/>
    </row>
    <row r="954451" spans="14:14">
      <c r="N954451" s="10"/>
    </row>
    <row r="954452" spans="14:14">
      <c r="N954452" s="10"/>
    </row>
    <row r="954453" spans="14:14">
      <c r="N954453" s="10"/>
    </row>
    <row r="954454" spans="14:14">
      <c r="N954454" s="10"/>
    </row>
    <row r="954455" spans="14:14">
      <c r="N954455" s="10"/>
    </row>
    <row r="954456" spans="14:14">
      <c r="N954456" s="10"/>
    </row>
    <row r="954457" spans="14:14">
      <c r="N954457" s="10"/>
    </row>
    <row r="954458" spans="14:14">
      <c r="N954458" s="10"/>
    </row>
    <row r="954459" spans="14:14">
      <c r="N954459" s="10"/>
    </row>
    <row r="954460" spans="14:14">
      <c r="N954460" s="10"/>
    </row>
    <row r="954461" spans="14:14">
      <c r="N954461" s="10"/>
    </row>
    <row r="954462" spans="14:14">
      <c r="N954462" s="10"/>
    </row>
    <row r="954463" spans="14:14">
      <c r="N954463" s="10"/>
    </row>
    <row r="954464" spans="14:14">
      <c r="N954464" s="10"/>
    </row>
    <row r="954465" spans="14:14">
      <c r="N954465" s="10"/>
    </row>
    <row r="954466" spans="14:14">
      <c r="N954466" s="10"/>
    </row>
    <row r="954467" spans="14:14">
      <c r="N954467" s="10"/>
    </row>
    <row r="954468" spans="14:14">
      <c r="N954468" s="10"/>
    </row>
    <row r="954469" spans="14:14">
      <c r="N954469" s="10"/>
    </row>
    <row r="954470" spans="14:14">
      <c r="N954470" s="10"/>
    </row>
    <row r="954471" spans="14:14">
      <c r="N954471" s="10"/>
    </row>
    <row r="954472" spans="14:14">
      <c r="N954472" s="10"/>
    </row>
    <row r="954473" spans="14:14">
      <c r="N954473" s="10"/>
    </row>
    <row r="954474" spans="14:14">
      <c r="N954474" s="10"/>
    </row>
    <row r="954475" spans="14:14">
      <c r="N954475" s="10"/>
    </row>
    <row r="954476" spans="14:14">
      <c r="N954476" s="10"/>
    </row>
    <row r="954477" spans="14:14">
      <c r="N954477" s="10"/>
    </row>
    <row r="954478" spans="14:14">
      <c r="N954478" s="10"/>
    </row>
    <row r="954479" spans="14:14">
      <c r="N954479" s="10"/>
    </row>
    <row r="954480" spans="14:14">
      <c r="N954480" s="10"/>
    </row>
    <row r="954481" spans="14:14">
      <c r="N954481" s="10"/>
    </row>
    <row r="954482" spans="14:14">
      <c r="N954482" s="10"/>
    </row>
    <row r="954483" spans="14:14">
      <c r="N954483" s="10"/>
    </row>
    <row r="954484" spans="14:14">
      <c r="N954484" s="10"/>
    </row>
    <row r="954485" spans="14:14">
      <c r="N954485" s="10"/>
    </row>
    <row r="954486" spans="14:14">
      <c r="N954486" s="10"/>
    </row>
    <row r="954487" spans="14:14">
      <c r="N954487" s="10"/>
    </row>
    <row r="954488" spans="14:14">
      <c r="N954488" s="10"/>
    </row>
    <row r="954489" spans="14:14">
      <c r="N954489" s="10"/>
    </row>
    <row r="954490" spans="14:14">
      <c r="N954490" s="10"/>
    </row>
    <row r="954491" spans="14:14">
      <c r="N954491" s="10"/>
    </row>
    <row r="954492" spans="14:14">
      <c r="N954492" s="10"/>
    </row>
    <row r="954493" spans="14:14">
      <c r="N954493" s="10"/>
    </row>
    <row r="954494" spans="14:14">
      <c r="N954494" s="10"/>
    </row>
    <row r="954495" spans="14:14">
      <c r="N954495" s="10"/>
    </row>
    <row r="954496" spans="14:14">
      <c r="N954496" s="10"/>
    </row>
    <row r="954497" spans="14:14">
      <c r="N954497" s="10"/>
    </row>
    <row r="954498" spans="14:14">
      <c r="N954498" s="10"/>
    </row>
    <row r="954499" spans="14:14">
      <c r="N954499" s="10"/>
    </row>
    <row r="954500" spans="14:14">
      <c r="N954500" s="10"/>
    </row>
    <row r="954501" spans="14:14">
      <c r="N954501" s="10"/>
    </row>
    <row r="954502" spans="14:14">
      <c r="N954502" s="10"/>
    </row>
    <row r="954503" spans="14:14">
      <c r="N954503" s="10"/>
    </row>
    <row r="954504" spans="14:14">
      <c r="N954504" s="10"/>
    </row>
    <row r="954505" spans="14:14">
      <c r="N954505" s="10"/>
    </row>
    <row r="954506" spans="14:14">
      <c r="N954506" s="10"/>
    </row>
    <row r="954507" spans="14:14">
      <c r="N954507" s="10"/>
    </row>
    <row r="954508" spans="14:14">
      <c r="N954508" s="10"/>
    </row>
    <row r="954509" spans="14:14">
      <c r="N954509" s="10"/>
    </row>
    <row r="954510" spans="14:14">
      <c r="N954510" s="10"/>
    </row>
    <row r="954511" spans="14:14">
      <c r="N954511" s="10"/>
    </row>
    <row r="954512" spans="14:14">
      <c r="N954512" s="10"/>
    </row>
    <row r="954513" spans="14:14">
      <c r="N954513" s="10"/>
    </row>
    <row r="954514" spans="14:14">
      <c r="N954514" s="10"/>
    </row>
    <row r="954515" spans="14:14">
      <c r="N954515" s="10"/>
    </row>
    <row r="954516" spans="14:14">
      <c r="N954516" s="10"/>
    </row>
    <row r="954517" spans="14:14">
      <c r="N954517" s="10"/>
    </row>
    <row r="954518" spans="14:14">
      <c r="N954518" s="10"/>
    </row>
    <row r="954519" spans="14:14">
      <c r="N954519" s="10"/>
    </row>
    <row r="954520" spans="14:14">
      <c r="N954520" s="10"/>
    </row>
    <row r="954521" spans="14:14">
      <c r="N954521" s="10"/>
    </row>
    <row r="954522" spans="14:14">
      <c r="N954522" s="10"/>
    </row>
    <row r="954523" spans="14:14">
      <c r="N954523" s="10"/>
    </row>
    <row r="954524" spans="14:14">
      <c r="N954524" s="10"/>
    </row>
    <row r="954525" spans="14:14">
      <c r="N954525" s="10"/>
    </row>
    <row r="954526" spans="14:14">
      <c r="N954526" s="10"/>
    </row>
    <row r="954527" spans="14:14">
      <c r="N954527" s="10"/>
    </row>
    <row r="954528" spans="14:14">
      <c r="N954528" s="10"/>
    </row>
    <row r="954529" spans="14:14">
      <c r="N954529" s="10"/>
    </row>
    <row r="954530" spans="14:14">
      <c r="N954530" s="10"/>
    </row>
    <row r="954531" spans="14:14">
      <c r="N954531" s="10"/>
    </row>
    <row r="954532" spans="14:14">
      <c r="N954532" s="10"/>
    </row>
    <row r="954533" spans="14:14">
      <c r="N954533" s="10"/>
    </row>
    <row r="954534" spans="14:14">
      <c r="N954534" s="10"/>
    </row>
    <row r="954535" spans="14:14">
      <c r="N954535" s="10"/>
    </row>
    <row r="954536" spans="14:14">
      <c r="N954536" s="10"/>
    </row>
    <row r="954537" spans="14:14">
      <c r="N954537" s="10"/>
    </row>
    <row r="954538" spans="14:14">
      <c r="N954538" s="10"/>
    </row>
    <row r="954539" spans="14:14">
      <c r="N954539" s="10"/>
    </row>
    <row r="954540" spans="14:14">
      <c r="N954540" s="10"/>
    </row>
    <row r="954541" spans="14:14">
      <c r="N954541" s="10"/>
    </row>
    <row r="954542" spans="14:14">
      <c r="N954542" s="10"/>
    </row>
    <row r="954543" spans="14:14">
      <c r="N954543" s="10"/>
    </row>
    <row r="954544" spans="14:14">
      <c r="N954544" s="10"/>
    </row>
    <row r="954545" spans="14:14">
      <c r="N954545" s="10"/>
    </row>
    <row r="954546" spans="14:14">
      <c r="N954546" s="10"/>
    </row>
    <row r="954547" spans="14:14">
      <c r="N954547" s="10"/>
    </row>
    <row r="954548" spans="14:14">
      <c r="N954548" s="10"/>
    </row>
    <row r="954549" spans="14:14">
      <c r="N954549" s="10"/>
    </row>
    <row r="954550" spans="14:14">
      <c r="N954550" s="10"/>
    </row>
    <row r="954551" spans="14:14">
      <c r="N954551" s="10"/>
    </row>
    <row r="954552" spans="14:14">
      <c r="N954552" s="10"/>
    </row>
    <row r="954553" spans="14:14">
      <c r="N954553" s="10"/>
    </row>
    <row r="954554" spans="14:14">
      <c r="N954554" s="10"/>
    </row>
    <row r="954555" spans="14:14">
      <c r="N954555" s="10"/>
    </row>
    <row r="954556" spans="14:14">
      <c r="N954556" s="10"/>
    </row>
    <row r="954557" spans="14:14">
      <c r="N954557" s="10"/>
    </row>
    <row r="954558" spans="14:14">
      <c r="N954558" s="10"/>
    </row>
    <row r="954559" spans="14:14">
      <c r="N954559" s="10"/>
    </row>
    <row r="954560" spans="14:14">
      <c r="N954560" s="10"/>
    </row>
    <row r="954561" spans="14:14">
      <c r="N954561" s="10"/>
    </row>
    <row r="954562" spans="14:14">
      <c r="N954562" s="10"/>
    </row>
    <row r="954563" spans="14:14">
      <c r="N954563" s="10"/>
    </row>
    <row r="954564" spans="14:14">
      <c r="N954564" s="10"/>
    </row>
    <row r="954565" spans="14:14">
      <c r="N954565" s="10"/>
    </row>
    <row r="954566" spans="14:14">
      <c r="N954566" s="10"/>
    </row>
    <row r="954567" spans="14:14">
      <c r="N954567" s="10"/>
    </row>
    <row r="954568" spans="14:14">
      <c r="N954568" s="10"/>
    </row>
    <row r="954569" spans="14:14">
      <c r="N954569" s="10"/>
    </row>
    <row r="954570" spans="14:14">
      <c r="N954570" s="10"/>
    </row>
    <row r="954571" spans="14:14">
      <c r="N954571" s="10"/>
    </row>
    <row r="954572" spans="14:14">
      <c r="N954572" s="10"/>
    </row>
    <row r="954573" spans="14:14">
      <c r="N954573" s="10"/>
    </row>
    <row r="954574" spans="14:14">
      <c r="N954574" s="10"/>
    </row>
    <row r="954575" spans="14:14">
      <c r="N954575" s="10"/>
    </row>
    <row r="954576" spans="14:14">
      <c r="N954576" s="10"/>
    </row>
    <row r="954577" spans="14:14">
      <c r="N954577" s="10"/>
    </row>
    <row r="954578" spans="14:14">
      <c r="N954578" s="10"/>
    </row>
    <row r="954579" spans="14:14">
      <c r="N954579" s="10"/>
    </row>
    <row r="954580" spans="14:14">
      <c r="N954580" s="10"/>
    </row>
    <row r="954581" spans="14:14">
      <c r="N954581" s="10"/>
    </row>
    <row r="954582" spans="14:14">
      <c r="N954582" s="10"/>
    </row>
    <row r="954583" spans="14:14">
      <c r="N954583" s="10"/>
    </row>
    <row r="954584" spans="14:14">
      <c r="N954584" s="10"/>
    </row>
    <row r="954585" spans="14:14">
      <c r="N954585" s="10"/>
    </row>
    <row r="954586" spans="14:14">
      <c r="N954586" s="10"/>
    </row>
    <row r="954587" spans="14:14">
      <c r="N954587" s="10"/>
    </row>
    <row r="954588" spans="14:14">
      <c r="N954588" s="10"/>
    </row>
    <row r="954589" spans="14:14">
      <c r="N954589" s="10"/>
    </row>
    <row r="954590" spans="14:14">
      <c r="N954590" s="10"/>
    </row>
    <row r="954591" spans="14:14">
      <c r="N954591" s="10"/>
    </row>
    <row r="954592" spans="14:14">
      <c r="N954592" s="10"/>
    </row>
    <row r="954593" spans="14:14">
      <c r="N954593" s="10"/>
    </row>
    <row r="954594" spans="14:14">
      <c r="N954594" s="10"/>
    </row>
    <row r="954595" spans="14:14">
      <c r="N954595" s="10"/>
    </row>
    <row r="954596" spans="14:14">
      <c r="N954596" s="10"/>
    </row>
    <row r="954597" spans="14:14">
      <c r="N954597" s="10"/>
    </row>
    <row r="954598" spans="14:14">
      <c r="N954598" s="10"/>
    </row>
    <row r="954599" spans="14:14">
      <c r="N954599" s="10"/>
    </row>
    <row r="954600" spans="14:14">
      <c r="N954600" s="10"/>
    </row>
    <row r="954601" spans="14:14">
      <c r="N954601" s="10"/>
    </row>
    <row r="954602" spans="14:14">
      <c r="N954602" s="10"/>
    </row>
    <row r="954603" spans="14:14">
      <c r="N954603" s="10"/>
    </row>
    <row r="954604" spans="14:14">
      <c r="N954604" s="10"/>
    </row>
    <row r="954605" spans="14:14">
      <c r="N954605" s="10"/>
    </row>
    <row r="954606" spans="14:14">
      <c r="N954606" s="10"/>
    </row>
    <row r="954607" spans="14:14">
      <c r="N954607" s="10"/>
    </row>
    <row r="954608" spans="14:14">
      <c r="N954608" s="10"/>
    </row>
    <row r="954609" spans="14:14">
      <c r="N954609" s="10"/>
    </row>
    <row r="954610" spans="14:14">
      <c r="N954610" s="10"/>
    </row>
    <row r="954611" spans="14:14">
      <c r="N954611" s="10"/>
    </row>
    <row r="954612" spans="14:14">
      <c r="N954612" s="10"/>
    </row>
    <row r="954613" spans="14:14">
      <c r="N954613" s="10"/>
    </row>
    <row r="954614" spans="14:14">
      <c r="N954614" s="10"/>
    </row>
    <row r="954615" spans="14:14">
      <c r="N954615" s="10"/>
    </row>
    <row r="954616" spans="14:14">
      <c r="N954616" s="10"/>
    </row>
    <row r="954617" spans="14:14">
      <c r="N954617" s="10"/>
    </row>
    <row r="954618" spans="14:14">
      <c r="N954618" s="10"/>
    </row>
    <row r="954619" spans="14:14">
      <c r="N954619" s="10"/>
    </row>
    <row r="954620" spans="14:14">
      <c r="N954620" s="10"/>
    </row>
    <row r="954621" spans="14:14">
      <c r="N954621" s="10"/>
    </row>
    <row r="954622" spans="14:14">
      <c r="N954622" s="10"/>
    </row>
    <row r="954623" spans="14:14">
      <c r="N954623" s="10"/>
    </row>
    <row r="954624" spans="14:14">
      <c r="N954624" s="10"/>
    </row>
    <row r="954625" spans="14:14">
      <c r="N954625" s="10"/>
    </row>
    <row r="954626" spans="14:14">
      <c r="N954626" s="10"/>
    </row>
    <row r="954627" spans="14:14">
      <c r="N954627" s="10"/>
    </row>
    <row r="954628" spans="14:14">
      <c r="N954628" s="10"/>
    </row>
    <row r="954629" spans="14:14">
      <c r="N954629" s="10"/>
    </row>
    <row r="954630" spans="14:14">
      <c r="N954630" s="10"/>
    </row>
    <row r="954631" spans="14:14">
      <c r="N954631" s="10"/>
    </row>
    <row r="954632" spans="14:14">
      <c r="N954632" s="10"/>
    </row>
    <row r="954633" spans="14:14">
      <c r="N954633" s="10"/>
    </row>
    <row r="954634" spans="14:14">
      <c r="N954634" s="10"/>
    </row>
    <row r="954635" spans="14:14">
      <c r="N954635" s="10"/>
    </row>
    <row r="954636" spans="14:14">
      <c r="N954636" s="10"/>
    </row>
    <row r="954637" spans="14:14">
      <c r="N954637" s="10"/>
    </row>
    <row r="954638" spans="14:14">
      <c r="N954638" s="10"/>
    </row>
    <row r="954639" spans="14:14">
      <c r="N954639" s="10"/>
    </row>
    <row r="954640" spans="14:14">
      <c r="N954640" s="10"/>
    </row>
    <row r="954641" spans="14:14">
      <c r="N954641" s="10"/>
    </row>
    <row r="954642" spans="14:14">
      <c r="N954642" s="10"/>
    </row>
    <row r="954643" spans="14:14">
      <c r="N954643" s="10"/>
    </row>
    <row r="954644" spans="14:14">
      <c r="N954644" s="10"/>
    </row>
    <row r="954645" spans="14:14">
      <c r="N954645" s="10"/>
    </row>
    <row r="954646" spans="14:14">
      <c r="N954646" s="10"/>
    </row>
    <row r="954647" spans="14:14">
      <c r="N954647" s="10"/>
    </row>
    <row r="954648" spans="14:14">
      <c r="N954648" s="10"/>
    </row>
    <row r="954649" spans="14:14">
      <c r="N954649" s="10"/>
    </row>
    <row r="954650" spans="14:14">
      <c r="N954650" s="10"/>
    </row>
    <row r="954651" spans="14:14">
      <c r="N954651" s="10"/>
    </row>
    <row r="954652" spans="14:14">
      <c r="N954652" s="10"/>
    </row>
    <row r="954653" spans="14:14">
      <c r="N954653" s="10"/>
    </row>
    <row r="954654" spans="14:14">
      <c r="N954654" s="10"/>
    </row>
    <row r="954655" spans="14:14">
      <c r="N954655" s="10"/>
    </row>
    <row r="954656" spans="14:14">
      <c r="N954656" s="10"/>
    </row>
    <row r="954657" spans="14:14">
      <c r="N954657" s="10"/>
    </row>
    <row r="954658" spans="14:14">
      <c r="N954658" s="10"/>
    </row>
    <row r="954659" spans="14:14">
      <c r="N954659" s="10"/>
    </row>
    <row r="954660" spans="14:14">
      <c r="N954660" s="10"/>
    </row>
    <row r="954661" spans="14:14">
      <c r="N954661" s="10"/>
    </row>
    <row r="954662" spans="14:14">
      <c r="N954662" s="10"/>
    </row>
    <row r="954663" spans="14:14">
      <c r="N954663" s="10"/>
    </row>
    <row r="954664" spans="14:14">
      <c r="N954664" s="10"/>
    </row>
    <row r="954665" spans="14:14">
      <c r="N954665" s="10"/>
    </row>
    <row r="954666" spans="14:14">
      <c r="N954666" s="10"/>
    </row>
    <row r="954667" spans="14:14">
      <c r="N954667" s="10"/>
    </row>
    <row r="954668" spans="14:14">
      <c r="N954668" s="10"/>
    </row>
    <row r="954669" spans="14:14">
      <c r="N954669" s="10"/>
    </row>
    <row r="954670" spans="14:14">
      <c r="N954670" s="10"/>
    </row>
    <row r="954671" spans="14:14">
      <c r="N954671" s="10"/>
    </row>
    <row r="954672" spans="14:14">
      <c r="N954672" s="10"/>
    </row>
    <row r="954673" spans="14:14">
      <c r="N954673" s="10"/>
    </row>
    <row r="954674" spans="14:14">
      <c r="N954674" s="10"/>
    </row>
    <row r="954675" spans="14:14">
      <c r="N954675" s="10"/>
    </row>
    <row r="954676" spans="14:14">
      <c r="N954676" s="10"/>
    </row>
    <row r="954677" spans="14:14">
      <c r="N954677" s="10"/>
    </row>
    <row r="954678" spans="14:14">
      <c r="N954678" s="10"/>
    </row>
    <row r="954679" spans="14:14">
      <c r="N954679" s="10"/>
    </row>
    <row r="954680" spans="14:14">
      <c r="N954680" s="10"/>
    </row>
    <row r="954681" spans="14:14">
      <c r="N954681" s="10"/>
    </row>
    <row r="954682" spans="14:14">
      <c r="N954682" s="10"/>
    </row>
    <row r="954683" spans="14:14">
      <c r="N954683" s="10"/>
    </row>
    <row r="954684" spans="14:14">
      <c r="N954684" s="10"/>
    </row>
    <row r="954685" spans="14:14">
      <c r="N954685" s="10"/>
    </row>
    <row r="954686" spans="14:14">
      <c r="N954686" s="10"/>
    </row>
    <row r="954687" spans="14:14">
      <c r="N954687" s="10"/>
    </row>
    <row r="954688" spans="14:14">
      <c r="N954688" s="10"/>
    </row>
    <row r="954689" spans="14:14">
      <c r="N954689" s="10"/>
    </row>
    <row r="954690" spans="14:14">
      <c r="N954690" s="10"/>
    </row>
    <row r="954691" spans="14:14">
      <c r="N954691" s="10"/>
    </row>
    <row r="954692" spans="14:14">
      <c r="N954692" s="10"/>
    </row>
    <row r="954693" spans="14:14">
      <c r="N954693" s="10"/>
    </row>
    <row r="954694" spans="14:14">
      <c r="N954694" s="10"/>
    </row>
    <row r="954695" spans="14:14">
      <c r="N954695" s="10"/>
    </row>
    <row r="954696" spans="14:14">
      <c r="N954696" s="10"/>
    </row>
    <row r="954697" spans="14:14">
      <c r="N954697" s="10"/>
    </row>
    <row r="954698" spans="14:14">
      <c r="N954698" s="10"/>
    </row>
    <row r="954699" spans="14:14">
      <c r="N954699" s="10"/>
    </row>
    <row r="954700" spans="14:14">
      <c r="N954700" s="10"/>
    </row>
    <row r="954701" spans="14:14">
      <c r="N954701" s="10"/>
    </row>
    <row r="954702" spans="14:14">
      <c r="N954702" s="10"/>
    </row>
    <row r="954703" spans="14:14">
      <c r="N954703" s="10"/>
    </row>
    <row r="954704" spans="14:14">
      <c r="N954704" s="10"/>
    </row>
    <row r="954705" spans="14:14">
      <c r="N954705" s="10"/>
    </row>
    <row r="954706" spans="14:14">
      <c r="N954706" s="10"/>
    </row>
    <row r="954707" spans="14:14">
      <c r="N954707" s="10"/>
    </row>
    <row r="954708" spans="14:14">
      <c r="N954708" s="10"/>
    </row>
    <row r="954709" spans="14:14">
      <c r="N954709" s="10"/>
    </row>
    <row r="954710" spans="14:14">
      <c r="N954710" s="10"/>
    </row>
    <row r="954711" spans="14:14">
      <c r="N954711" s="10"/>
    </row>
    <row r="954712" spans="14:14">
      <c r="N954712" s="10"/>
    </row>
    <row r="954713" spans="14:14">
      <c r="N954713" s="10"/>
    </row>
    <row r="954714" spans="14:14">
      <c r="N954714" s="10"/>
    </row>
    <row r="954715" spans="14:14">
      <c r="N954715" s="10"/>
    </row>
    <row r="954716" spans="14:14">
      <c r="N954716" s="10"/>
    </row>
    <row r="954717" spans="14:14">
      <c r="N954717" s="10"/>
    </row>
    <row r="954718" spans="14:14">
      <c r="N954718" s="10"/>
    </row>
    <row r="954719" spans="14:14">
      <c r="N954719" s="10"/>
    </row>
    <row r="954720" spans="14:14">
      <c r="N954720" s="10"/>
    </row>
    <row r="954721" spans="14:14">
      <c r="N954721" s="10"/>
    </row>
    <row r="954722" spans="14:14">
      <c r="N954722" s="10"/>
    </row>
    <row r="954723" spans="14:14">
      <c r="N954723" s="10"/>
    </row>
    <row r="954724" spans="14:14">
      <c r="N954724" s="10"/>
    </row>
    <row r="954725" spans="14:14">
      <c r="N954725" s="10"/>
    </row>
    <row r="954726" spans="14:14">
      <c r="N954726" s="10"/>
    </row>
    <row r="954727" spans="14:14">
      <c r="N954727" s="10"/>
    </row>
    <row r="954728" spans="14:14">
      <c r="N954728" s="10"/>
    </row>
    <row r="954729" spans="14:14">
      <c r="N954729" s="10"/>
    </row>
    <row r="954730" spans="14:14">
      <c r="N954730" s="10"/>
    </row>
    <row r="954731" spans="14:14">
      <c r="N954731" s="10"/>
    </row>
    <row r="954732" spans="14:14">
      <c r="N954732" s="10"/>
    </row>
    <row r="954733" spans="14:14">
      <c r="N954733" s="10"/>
    </row>
    <row r="954734" spans="14:14">
      <c r="N954734" s="10"/>
    </row>
    <row r="954735" spans="14:14">
      <c r="N954735" s="10"/>
    </row>
    <row r="954736" spans="14:14">
      <c r="N954736" s="10"/>
    </row>
    <row r="954737" spans="14:14">
      <c r="N954737" s="10"/>
    </row>
    <row r="954738" spans="14:14">
      <c r="N954738" s="10"/>
    </row>
    <row r="954739" spans="14:14">
      <c r="N954739" s="10"/>
    </row>
    <row r="954740" spans="14:14">
      <c r="N954740" s="10"/>
    </row>
    <row r="954741" spans="14:14">
      <c r="N954741" s="10"/>
    </row>
    <row r="954742" spans="14:14">
      <c r="N954742" s="10"/>
    </row>
    <row r="954743" spans="14:14">
      <c r="N954743" s="10"/>
    </row>
    <row r="954744" spans="14:14">
      <c r="N954744" s="10"/>
    </row>
    <row r="954745" spans="14:14">
      <c r="N954745" s="10"/>
    </row>
    <row r="954746" spans="14:14">
      <c r="N954746" s="10"/>
    </row>
    <row r="954747" spans="14:14">
      <c r="N954747" s="10"/>
    </row>
    <row r="954748" spans="14:14">
      <c r="N954748" s="10"/>
    </row>
    <row r="954749" spans="14:14">
      <c r="N954749" s="10"/>
    </row>
    <row r="954750" spans="14:14">
      <c r="N954750" s="10"/>
    </row>
    <row r="954751" spans="14:14">
      <c r="N954751" s="10"/>
    </row>
    <row r="954752" spans="14:14">
      <c r="N954752" s="10"/>
    </row>
    <row r="954753" spans="14:14">
      <c r="N954753" s="10"/>
    </row>
    <row r="954754" spans="14:14">
      <c r="N954754" s="10"/>
    </row>
    <row r="954755" spans="14:14">
      <c r="N954755" s="10"/>
    </row>
    <row r="954756" spans="14:14">
      <c r="N954756" s="10"/>
    </row>
    <row r="954757" spans="14:14">
      <c r="N954757" s="10"/>
    </row>
    <row r="954758" spans="14:14">
      <c r="N954758" s="10"/>
    </row>
    <row r="954759" spans="14:14">
      <c r="N954759" s="10"/>
    </row>
    <row r="954760" spans="14:14">
      <c r="N954760" s="10"/>
    </row>
    <row r="954761" spans="14:14">
      <c r="N954761" s="10"/>
    </row>
    <row r="954762" spans="14:14">
      <c r="N954762" s="10"/>
    </row>
    <row r="954763" spans="14:14">
      <c r="N954763" s="10"/>
    </row>
    <row r="954764" spans="14:14">
      <c r="N954764" s="10"/>
    </row>
    <row r="954765" spans="14:14">
      <c r="N954765" s="10"/>
    </row>
    <row r="954766" spans="14:14">
      <c r="N954766" s="10"/>
    </row>
    <row r="954767" spans="14:14">
      <c r="N954767" s="10"/>
    </row>
    <row r="954768" spans="14:14">
      <c r="N954768" s="10"/>
    </row>
    <row r="954769" spans="14:14">
      <c r="N954769" s="10"/>
    </row>
    <row r="954770" spans="14:14">
      <c r="N954770" s="10"/>
    </row>
    <row r="954771" spans="14:14">
      <c r="N954771" s="10"/>
    </row>
    <row r="954772" spans="14:14">
      <c r="N954772" s="10"/>
    </row>
    <row r="954773" spans="14:14">
      <c r="N954773" s="10"/>
    </row>
    <row r="954774" spans="14:14">
      <c r="N954774" s="10"/>
    </row>
    <row r="954775" spans="14:14">
      <c r="N954775" s="10"/>
    </row>
    <row r="954776" spans="14:14">
      <c r="N954776" s="10"/>
    </row>
    <row r="954777" spans="14:14">
      <c r="N954777" s="10"/>
    </row>
    <row r="954778" spans="14:14">
      <c r="N954778" s="10"/>
    </row>
    <row r="954779" spans="14:14">
      <c r="N954779" s="10"/>
    </row>
    <row r="954780" spans="14:14">
      <c r="N954780" s="10"/>
    </row>
    <row r="954781" spans="14:14">
      <c r="N954781" s="10"/>
    </row>
    <row r="954782" spans="14:14">
      <c r="N954782" s="10"/>
    </row>
    <row r="954783" spans="14:14">
      <c r="N954783" s="10"/>
    </row>
    <row r="954784" spans="14:14">
      <c r="N954784" s="10"/>
    </row>
    <row r="954785" spans="14:14">
      <c r="N954785" s="10"/>
    </row>
    <row r="954786" spans="14:14">
      <c r="N954786" s="10"/>
    </row>
    <row r="954787" spans="14:14">
      <c r="N954787" s="10"/>
    </row>
    <row r="954788" spans="14:14">
      <c r="N954788" s="10"/>
    </row>
    <row r="954789" spans="14:14">
      <c r="N954789" s="10"/>
    </row>
    <row r="954790" spans="14:14">
      <c r="N954790" s="10"/>
    </row>
    <row r="954791" spans="14:14">
      <c r="N954791" s="10"/>
    </row>
    <row r="954792" spans="14:14">
      <c r="N954792" s="10"/>
    </row>
    <row r="954793" spans="14:14">
      <c r="N954793" s="10"/>
    </row>
    <row r="954794" spans="14:14">
      <c r="N954794" s="10"/>
    </row>
    <row r="954795" spans="14:14">
      <c r="N954795" s="10"/>
    </row>
    <row r="954796" spans="14:14">
      <c r="N954796" s="10"/>
    </row>
    <row r="954797" spans="14:14">
      <c r="N954797" s="10"/>
    </row>
    <row r="954798" spans="14:14">
      <c r="N954798" s="10"/>
    </row>
    <row r="954799" spans="14:14">
      <c r="N954799" s="10"/>
    </row>
    <row r="954800" spans="14:14">
      <c r="N954800" s="10"/>
    </row>
    <row r="954801" spans="14:14">
      <c r="N954801" s="10"/>
    </row>
    <row r="954802" spans="14:14">
      <c r="N954802" s="10"/>
    </row>
    <row r="954803" spans="14:14">
      <c r="N954803" s="10"/>
    </row>
    <row r="954804" spans="14:14">
      <c r="N954804" s="10"/>
    </row>
    <row r="954805" spans="14:14">
      <c r="N954805" s="10"/>
    </row>
    <row r="954806" spans="14:14">
      <c r="N954806" s="10"/>
    </row>
    <row r="954807" spans="14:14">
      <c r="N954807" s="10"/>
    </row>
    <row r="954808" spans="14:14">
      <c r="N954808" s="10"/>
    </row>
    <row r="954809" spans="14:14">
      <c r="N954809" s="10"/>
    </row>
    <row r="954810" spans="14:14">
      <c r="N954810" s="10"/>
    </row>
    <row r="954811" spans="14:14">
      <c r="N954811" s="10"/>
    </row>
    <row r="954812" spans="14:14">
      <c r="N954812" s="10"/>
    </row>
    <row r="954813" spans="14:14">
      <c r="N954813" s="10"/>
    </row>
    <row r="954814" spans="14:14">
      <c r="N954814" s="10"/>
    </row>
    <row r="954815" spans="14:14">
      <c r="N954815" s="10"/>
    </row>
    <row r="954816" spans="14:14">
      <c r="N954816" s="10"/>
    </row>
    <row r="954817" spans="14:14">
      <c r="N954817" s="10"/>
    </row>
    <row r="954818" spans="14:14">
      <c r="N954818" s="10"/>
    </row>
    <row r="954819" spans="14:14">
      <c r="N954819" s="10"/>
    </row>
    <row r="954820" spans="14:14">
      <c r="N954820" s="10"/>
    </row>
    <row r="954821" spans="14:14">
      <c r="N954821" s="10"/>
    </row>
    <row r="954822" spans="14:14">
      <c r="N954822" s="10"/>
    </row>
    <row r="954823" spans="14:14">
      <c r="N954823" s="10"/>
    </row>
    <row r="954824" spans="14:14">
      <c r="N954824" s="10"/>
    </row>
    <row r="954825" spans="14:14">
      <c r="N954825" s="10"/>
    </row>
    <row r="954826" spans="14:14">
      <c r="N954826" s="10"/>
    </row>
    <row r="954827" spans="14:14">
      <c r="N954827" s="10"/>
    </row>
    <row r="954828" spans="14:14">
      <c r="N954828" s="10"/>
    </row>
    <row r="954829" spans="14:14">
      <c r="N954829" s="10"/>
    </row>
    <row r="954830" spans="14:14">
      <c r="N954830" s="10"/>
    </row>
    <row r="954831" spans="14:14">
      <c r="N954831" s="10"/>
    </row>
    <row r="954832" spans="14:14">
      <c r="N954832" s="10"/>
    </row>
    <row r="954833" spans="14:14">
      <c r="N954833" s="10"/>
    </row>
    <row r="954834" spans="14:14">
      <c r="N954834" s="10"/>
    </row>
    <row r="954835" spans="14:14">
      <c r="N954835" s="10"/>
    </row>
    <row r="954836" spans="14:14">
      <c r="N954836" s="10"/>
    </row>
    <row r="954837" spans="14:14">
      <c r="N954837" s="10"/>
    </row>
    <row r="954838" spans="14:14">
      <c r="N954838" s="10"/>
    </row>
    <row r="954839" spans="14:14">
      <c r="N954839" s="10"/>
    </row>
    <row r="954840" spans="14:14">
      <c r="N954840" s="10"/>
    </row>
    <row r="954841" spans="14:14">
      <c r="N954841" s="10"/>
    </row>
    <row r="954842" spans="14:14">
      <c r="N954842" s="10"/>
    </row>
    <row r="954843" spans="14:14">
      <c r="N954843" s="10"/>
    </row>
    <row r="954844" spans="14:14">
      <c r="N954844" s="10"/>
    </row>
    <row r="954845" spans="14:14">
      <c r="N954845" s="10"/>
    </row>
    <row r="954846" spans="14:14">
      <c r="N954846" s="10"/>
    </row>
    <row r="954847" spans="14:14">
      <c r="N954847" s="10"/>
    </row>
    <row r="954848" spans="14:14">
      <c r="N954848" s="10"/>
    </row>
    <row r="954849" spans="14:14">
      <c r="N954849" s="10"/>
    </row>
    <row r="954850" spans="14:14">
      <c r="N954850" s="10"/>
    </row>
    <row r="954851" spans="14:14">
      <c r="N954851" s="10"/>
    </row>
    <row r="954852" spans="14:14">
      <c r="N954852" s="10"/>
    </row>
    <row r="954853" spans="14:14">
      <c r="N954853" s="10"/>
    </row>
    <row r="954854" spans="14:14">
      <c r="N954854" s="10"/>
    </row>
    <row r="954855" spans="14:14">
      <c r="N954855" s="10"/>
    </row>
    <row r="954856" spans="14:14">
      <c r="N954856" s="10"/>
    </row>
    <row r="954857" spans="14:14">
      <c r="N954857" s="10"/>
    </row>
    <row r="954858" spans="14:14">
      <c r="N954858" s="10"/>
    </row>
    <row r="954859" spans="14:14">
      <c r="N954859" s="10"/>
    </row>
    <row r="954860" spans="14:14">
      <c r="N954860" s="10"/>
    </row>
    <row r="954861" spans="14:14">
      <c r="N954861" s="10"/>
    </row>
    <row r="954862" spans="14:14">
      <c r="N954862" s="10"/>
    </row>
    <row r="954863" spans="14:14">
      <c r="N954863" s="10"/>
    </row>
    <row r="954864" spans="14:14">
      <c r="N954864" s="10"/>
    </row>
    <row r="954865" spans="14:14">
      <c r="N954865" s="10"/>
    </row>
    <row r="954866" spans="14:14">
      <c r="N954866" s="10"/>
    </row>
    <row r="954867" spans="14:14">
      <c r="N954867" s="10"/>
    </row>
    <row r="954868" spans="14:14">
      <c r="N954868" s="10"/>
    </row>
    <row r="954869" spans="14:14">
      <c r="N954869" s="10"/>
    </row>
    <row r="954870" spans="14:14">
      <c r="N954870" s="10"/>
    </row>
    <row r="954871" spans="14:14">
      <c r="N954871" s="10"/>
    </row>
    <row r="954872" spans="14:14">
      <c r="N954872" s="10"/>
    </row>
    <row r="954873" spans="14:14">
      <c r="N954873" s="10"/>
    </row>
    <row r="954874" spans="14:14">
      <c r="N954874" s="10"/>
    </row>
    <row r="954875" spans="14:14">
      <c r="N954875" s="10"/>
    </row>
    <row r="954876" spans="14:14">
      <c r="N954876" s="10"/>
    </row>
    <row r="954877" spans="14:14">
      <c r="N954877" s="10"/>
    </row>
    <row r="954878" spans="14:14">
      <c r="N954878" s="10"/>
    </row>
    <row r="954879" spans="14:14">
      <c r="N954879" s="10"/>
    </row>
    <row r="954880" spans="14:14">
      <c r="N954880" s="10"/>
    </row>
    <row r="954881" spans="14:14">
      <c r="N954881" s="10"/>
    </row>
    <row r="954882" spans="14:14">
      <c r="N954882" s="10"/>
    </row>
    <row r="954883" spans="14:14">
      <c r="N954883" s="10"/>
    </row>
    <row r="954884" spans="14:14">
      <c r="N954884" s="10"/>
    </row>
    <row r="954885" spans="14:14">
      <c r="N954885" s="10"/>
    </row>
    <row r="954886" spans="14:14">
      <c r="N954886" s="10"/>
    </row>
    <row r="954887" spans="14:14">
      <c r="N954887" s="10"/>
    </row>
    <row r="954888" spans="14:14">
      <c r="N954888" s="10"/>
    </row>
    <row r="954889" spans="14:14">
      <c r="N954889" s="10"/>
    </row>
    <row r="954890" spans="14:14">
      <c r="N954890" s="10"/>
    </row>
    <row r="954891" spans="14:14">
      <c r="N954891" s="10"/>
    </row>
    <row r="954892" spans="14:14">
      <c r="N954892" s="10"/>
    </row>
    <row r="954893" spans="14:14">
      <c r="N954893" s="10"/>
    </row>
    <row r="954894" spans="14:14">
      <c r="N954894" s="10"/>
    </row>
    <row r="954895" spans="14:14">
      <c r="N954895" s="10"/>
    </row>
    <row r="954896" spans="14:14">
      <c r="N954896" s="10"/>
    </row>
    <row r="954897" spans="14:14">
      <c r="N954897" s="10"/>
    </row>
    <row r="954898" spans="14:14">
      <c r="N954898" s="10"/>
    </row>
    <row r="954899" spans="14:14">
      <c r="N954899" s="10"/>
    </row>
    <row r="954900" spans="14:14">
      <c r="N954900" s="10"/>
    </row>
    <row r="954901" spans="14:14">
      <c r="N954901" s="10"/>
    </row>
    <row r="954902" spans="14:14">
      <c r="N954902" s="10"/>
    </row>
    <row r="954903" spans="14:14">
      <c r="N954903" s="10"/>
    </row>
    <row r="954904" spans="14:14">
      <c r="N954904" s="10"/>
    </row>
    <row r="954905" spans="14:14">
      <c r="N954905" s="10"/>
    </row>
    <row r="954906" spans="14:14">
      <c r="N954906" s="10"/>
    </row>
    <row r="954907" spans="14:14">
      <c r="N954907" s="10"/>
    </row>
    <row r="954908" spans="14:14">
      <c r="N954908" s="10"/>
    </row>
    <row r="954909" spans="14:14">
      <c r="N954909" s="10"/>
    </row>
    <row r="954910" spans="14:14">
      <c r="N954910" s="10"/>
    </row>
    <row r="954911" spans="14:14">
      <c r="N954911" s="10"/>
    </row>
    <row r="954912" spans="14:14">
      <c r="N954912" s="10"/>
    </row>
    <row r="954913" spans="14:14">
      <c r="N954913" s="10"/>
    </row>
    <row r="954914" spans="14:14">
      <c r="N954914" s="10"/>
    </row>
    <row r="954915" spans="14:14">
      <c r="N954915" s="10"/>
    </row>
    <row r="954916" spans="14:14">
      <c r="N954916" s="10"/>
    </row>
    <row r="954917" spans="14:14">
      <c r="N954917" s="10"/>
    </row>
    <row r="954918" spans="14:14">
      <c r="N954918" s="10"/>
    </row>
    <row r="954919" spans="14:14">
      <c r="N954919" s="10"/>
    </row>
    <row r="954920" spans="14:14">
      <c r="N954920" s="10"/>
    </row>
    <row r="954921" spans="14:14">
      <c r="N954921" s="10"/>
    </row>
    <row r="954922" spans="14:14">
      <c r="N954922" s="10"/>
    </row>
    <row r="954923" spans="14:14">
      <c r="N954923" s="10"/>
    </row>
    <row r="954924" spans="14:14">
      <c r="N954924" s="10"/>
    </row>
    <row r="954925" spans="14:14">
      <c r="N954925" s="10"/>
    </row>
    <row r="954926" spans="14:14">
      <c r="N954926" s="10"/>
    </row>
    <row r="954927" spans="14:14">
      <c r="N954927" s="10"/>
    </row>
    <row r="954928" spans="14:14">
      <c r="N954928" s="10"/>
    </row>
    <row r="954929" spans="14:14">
      <c r="N954929" s="10"/>
    </row>
    <row r="954930" spans="14:14">
      <c r="N954930" s="10"/>
    </row>
    <row r="954931" spans="14:14">
      <c r="N954931" s="10"/>
    </row>
    <row r="954932" spans="14:14">
      <c r="N954932" s="10"/>
    </row>
    <row r="954933" spans="14:14">
      <c r="N954933" s="10"/>
    </row>
    <row r="954934" spans="14:14">
      <c r="N954934" s="10"/>
    </row>
    <row r="954935" spans="14:14">
      <c r="N954935" s="10"/>
    </row>
    <row r="954936" spans="14:14">
      <c r="N954936" s="10"/>
    </row>
    <row r="954937" spans="14:14">
      <c r="N954937" s="10"/>
    </row>
    <row r="954938" spans="14:14">
      <c r="N954938" s="10"/>
    </row>
    <row r="954939" spans="14:14">
      <c r="N954939" s="10"/>
    </row>
    <row r="954940" spans="14:14">
      <c r="N954940" s="10"/>
    </row>
    <row r="954941" spans="14:14">
      <c r="N954941" s="10"/>
    </row>
    <row r="954942" spans="14:14">
      <c r="N954942" s="10"/>
    </row>
    <row r="954943" spans="14:14">
      <c r="N954943" s="10"/>
    </row>
    <row r="954944" spans="14:14">
      <c r="N954944" s="10"/>
    </row>
    <row r="954945" spans="14:14">
      <c r="N954945" s="10"/>
    </row>
    <row r="954946" spans="14:14">
      <c r="N954946" s="10"/>
    </row>
    <row r="954947" spans="14:14">
      <c r="N954947" s="10"/>
    </row>
    <row r="954948" spans="14:14">
      <c r="N954948" s="10"/>
    </row>
    <row r="954949" spans="14:14">
      <c r="N954949" s="10"/>
    </row>
    <row r="954950" spans="14:14">
      <c r="N954950" s="10"/>
    </row>
    <row r="954951" spans="14:14">
      <c r="N954951" s="10"/>
    </row>
    <row r="954952" spans="14:14">
      <c r="N954952" s="10"/>
    </row>
    <row r="954953" spans="14:14">
      <c r="N954953" s="10"/>
    </row>
    <row r="954954" spans="14:14">
      <c r="N954954" s="10"/>
    </row>
    <row r="954955" spans="14:14">
      <c r="N954955" s="10"/>
    </row>
    <row r="954956" spans="14:14">
      <c r="N954956" s="10"/>
    </row>
    <row r="954957" spans="14:14">
      <c r="N954957" s="10"/>
    </row>
    <row r="954958" spans="14:14">
      <c r="N954958" s="10"/>
    </row>
    <row r="954959" spans="14:14">
      <c r="N954959" s="10"/>
    </row>
    <row r="954960" spans="14:14">
      <c r="N954960" s="10"/>
    </row>
    <row r="954961" spans="14:14">
      <c r="N954961" s="10"/>
    </row>
    <row r="954962" spans="14:14">
      <c r="N954962" s="10"/>
    </row>
    <row r="954963" spans="14:14">
      <c r="N954963" s="10"/>
    </row>
    <row r="954964" spans="14:14">
      <c r="N954964" s="10"/>
    </row>
    <row r="954965" spans="14:14">
      <c r="N954965" s="10"/>
    </row>
    <row r="954966" spans="14:14">
      <c r="N954966" s="10"/>
    </row>
    <row r="954967" spans="14:14">
      <c r="N954967" s="10"/>
    </row>
    <row r="954968" spans="14:14">
      <c r="N954968" s="10"/>
    </row>
    <row r="954969" spans="14:14">
      <c r="N954969" s="10"/>
    </row>
    <row r="954970" spans="14:14">
      <c r="N954970" s="10"/>
    </row>
    <row r="954971" spans="14:14">
      <c r="N954971" s="10"/>
    </row>
    <row r="954972" spans="14:14">
      <c r="N954972" s="10"/>
    </row>
    <row r="954973" spans="14:14">
      <c r="N954973" s="10"/>
    </row>
    <row r="954974" spans="14:14">
      <c r="N954974" s="10"/>
    </row>
    <row r="954975" spans="14:14">
      <c r="N954975" s="10"/>
    </row>
    <row r="954976" spans="14:14">
      <c r="N954976" s="10"/>
    </row>
    <row r="954977" spans="14:14">
      <c r="N954977" s="10"/>
    </row>
    <row r="954978" spans="14:14">
      <c r="N954978" s="10"/>
    </row>
    <row r="954979" spans="14:14">
      <c r="N954979" s="10"/>
    </row>
    <row r="954980" spans="14:14">
      <c r="N954980" s="10"/>
    </row>
    <row r="954981" spans="14:14">
      <c r="N954981" s="10"/>
    </row>
    <row r="954982" spans="14:14">
      <c r="N954982" s="10"/>
    </row>
    <row r="954983" spans="14:14">
      <c r="N954983" s="10"/>
    </row>
    <row r="954984" spans="14:14">
      <c r="N954984" s="10"/>
    </row>
    <row r="954985" spans="14:14">
      <c r="N954985" s="10"/>
    </row>
    <row r="954986" spans="14:14">
      <c r="N954986" s="10"/>
    </row>
    <row r="954987" spans="14:14">
      <c r="N954987" s="10"/>
    </row>
    <row r="954988" spans="14:14">
      <c r="N954988" s="10"/>
    </row>
    <row r="954989" spans="14:14">
      <c r="N954989" s="10"/>
    </row>
    <row r="954990" spans="14:14">
      <c r="N954990" s="10"/>
    </row>
    <row r="954991" spans="14:14">
      <c r="N954991" s="10"/>
    </row>
    <row r="954992" spans="14:14">
      <c r="N954992" s="10"/>
    </row>
    <row r="954993" spans="14:14">
      <c r="N954993" s="10"/>
    </row>
    <row r="954994" spans="14:14">
      <c r="N954994" s="10"/>
    </row>
    <row r="954995" spans="14:14">
      <c r="N954995" s="10"/>
    </row>
    <row r="954996" spans="14:14">
      <c r="N954996" s="10"/>
    </row>
    <row r="954997" spans="14:14">
      <c r="N954997" s="10"/>
    </row>
    <row r="954998" spans="14:14">
      <c r="N954998" s="10"/>
    </row>
    <row r="954999" spans="14:14">
      <c r="N954999" s="10"/>
    </row>
    <row r="955000" spans="14:14">
      <c r="N955000" s="10"/>
    </row>
    <row r="955001" spans="14:14">
      <c r="N955001" s="10"/>
    </row>
    <row r="955002" spans="14:14">
      <c r="N955002" s="10"/>
    </row>
    <row r="955003" spans="14:14">
      <c r="N955003" s="10"/>
    </row>
    <row r="955004" spans="14:14">
      <c r="N955004" s="10"/>
    </row>
    <row r="955005" spans="14:14">
      <c r="N955005" s="10"/>
    </row>
    <row r="955006" spans="14:14">
      <c r="N955006" s="10"/>
    </row>
    <row r="955007" spans="14:14">
      <c r="N955007" s="10"/>
    </row>
    <row r="955008" spans="14:14">
      <c r="N955008" s="10"/>
    </row>
    <row r="955009" spans="14:14">
      <c r="N955009" s="10"/>
    </row>
    <row r="955010" spans="14:14">
      <c r="N955010" s="10"/>
    </row>
    <row r="955011" spans="14:14">
      <c r="N955011" s="10"/>
    </row>
    <row r="955012" spans="14:14">
      <c r="N955012" s="10"/>
    </row>
    <row r="955013" spans="14:14">
      <c r="N955013" s="10"/>
    </row>
    <row r="955014" spans="14:14">
      <c r="N955014" s="10"/>
    </row>
    <row r="955015" spans="14:14">
      <c r="N955015" s="10"/>
    </row>
    <row r="955016" spans="14:14">
      <c r="N955016" s="10"/>
    </row>
    <row r="955017" spans="14:14">
      <c r="N955017" s="10"/>
    </row>
    <row r="955018" spans="14:14">
      <c r="N955018" s="10"/>
    </row>
    <row r="955019" spans="14:14">
      <c r="N955019" s="10"/>
    </row>
    <row r="955020" spans="14:14">
      <c r="N955020" s="10"/>
    </row>
    <row r="955021" spans="14:14">
      <c r="N955021" s="10"/>
    </row>
    <row r="955022" spans="14:14">
      <c r="N955022" s="10"/>
    </row>
    <row r="955023" spans="14:14">
      <c r="N955023" s="10"/>
    </row>
    <row r="955024" spans="14:14">
      <c r="N955024" s="10"/>
    </row>
    <row r="955025" spans="14:14">
      <c r="N955025" s="10"/>
    </row>
    <row r="955026" spans="14:14">
      <c r="N955026" s="10"/>
    </row>
    <row r="955027" spans="14:14">
      <c r="N955027" s="10"/>
    </row>
    <row r="955028" spans="14:14">
      <c r="N955028" s="10"/>
    </row>
    <row r="955029" spans="14:14">
      <c r="N955029" s="10"/>
    </row>
    <row r="955030" spans="14:14">
      <c r="N955030" s="10"/>
    </row>
    <row r="955031" spans="14:14">
      <c r="N955031" s="10"/>
    </row>
    <row r="955032" spans="14:14">
      <c r="N955032" s="10"/>
    </row>
    <row r="955033" spans="14:14">
      <c r="N955033" s="10"/>
    </row>
    <row r="955034" spans="14:14">
      <c r="N955034" s="10"/>
    </row>
    <row r="955035" spans="14:14">
      <c r="N955035" s="10"/>
    </row>
    <row r="955036" spans="14:14">
      <c r="N955036" s="10"/>
    </row>
    <row r="955037" spans="14:14">
      <c r="N955037" s="10"/>
    </row>
    <row r="955038" spans="14:14">
      <c r="N955038" s="10"/>
    </row>
    <row r="955039" spans="14:14">
      <c r="N955039" s="10"/>
    </row>
    <row r="955040" spans="14:14">
      <c r="N955040" s="10"/>
    </row>
    <row r="955041" spans="14:14">
      <c r="N955041" s="10"/>
    </row>
    <row r="955042" spans="14:14">
      <c r="N955042" s="10"/>
    </row>
    <row r="955043" spans="14:14">
      <c r="N955043" s="10"/>
    </row>
    <row r="955044" spans="14:14">
      <c r="N955044" s="10"/>
    </row>
    <row r="955045" spans="14:14">
      <c r="N955045" s="10"/>
    </row>
    <row r="955046" spans="14:14">
      <c r="N955046" s="10"/>
    </row>
    <row r="955047" spans="14:14">
      <c r="N955047" s="10"/>
    </row>
    <row r="955048" spans="14:14">
      <c r="N955048" s="10"/>
    </row>
    <row r="955049" spans="14:14">
      <c r="N955049" s="10"/>
    </row>
    <row r="955050" spans="14:14">
      <c r="N955050" s="10"/>
    </row>
    <row r="955051" spans="14:14">
      <c r="N955051" s="10"/>
    </row>
    <row r="955052" spans="14:14">
      <c r="N955052" s="10"/>
    </row>
    <row r="955053" spans="14:14">
      <c r="N955053" s="10"/>
    </row>
    <row r="955054" spans="14:14">
      <c r="N955054" s="10"/>
    </row>
    <row r="955055" spans="14:14">
      <c r="N955055" s="10"/>
    </row>
    <row r="955056" spans="14:14">
      <c r="N955056" s="10"/>
    </row>
    <row r="955057" spans="14:14">
      <c r="N955057" s="10"/>
    </row>
    <row r="955058" spans="14:14">
      <c r="N955058" s="10"/>
    </row>
    <row r="955059" spans="14:14">
      <c r="N955059" s="10"/>
    </row>
    <row r="955060" spans="14:14">
      <c r="N955060" s="10"/>
    </row>
    <row r="955061" spans="14:14">
      <c r="N955061" s="10"/>
    </row>
    <row r="955062" spans="14:14">
      <c r="N955062" s="10"/>
    </row>
    <row r="955063" spans="14:14">
      <c r="N955063" s="10"/>
    </row>
    <row r="955064" spans="14:14">
      <c r="N955064" s="10"/>
    </row>
    <row r="955065" spans="14:14">
      <c r="N955065" s="10"/>
    </row>
    <row r="955066" spans="14:14">
      <c r="N955066" s="10"/>
    </row>
    <row r="955067" spans="14:14">
      <c r="N955067" s="10"/>
    </row>
    <row r="955068" spans="14:14">
      <c r="N955068" s="10"/>
    </row>
    <row r="955069" spans="14:14">
      <c r="N955069" s="10"/>
    </row>
    <row r="955070" spans="14:14">
      <c r="N955070" s="10"/>
    </row>
    <row r="955071" spans="14:14">
      <c r="N955071" s="10"/>
    </row>
    <row r="955072" spans="14:14">
      <c r="N955072" s="10"/>
    </row>
    <row r="955073" spans="14:14">
      <c r="N955073" s="10"/>
    </row>
    <row r="955074" spans="14:14">
      <c r="N955074" s="10"/>
    </row>
    <row r="955075" spans="14:14">
      <c r="N955075" s="10"/>
    </row>
    <row r="955076" spans="14:14">
      <c r="N955076" s="10"/>
    </row>
    <row r="955077" spans="14:14">
      <c r="N955077" s="10"/>
    </row>
    <row r="955078" spans="14:14">
      <c r="N955078" s="10"/>
    </row>
    <row r="955079" spans="14:14">
      <c r="N955079" s="10"/>
    </row>
    <row r="955080" spans="14:14">
      <c r="N955080" s="10"/>
    </row>
    <row r="955081" spans="14:14">
      <c r="N955081" s="10"/>
    </row>
    <row r="955082" spans="14:14">
      <c r="N955082" s="10"/>
    </row>
    <row r="955083" spans="14:14">
      <c r="N955083" s="10"/>
    </row>
    <row r="955084" spans="14:14">
      <c r="N955084" s="10"/>
    </row>
    <row r="955085" spans="14:14">
      <c r="N955085" s="10"/>
    </row>
    <row r="955086" spans="14:14">
      <c r="N955086" s="10"/>
    </row>
    <row r="955087" spans="14:14">
      <c r="N955087" s="10"/>
    </row>
    <row r="955088" spans="14:14">
      <c r="N955088" s="10"/>
    </row>
    <row r="955089" spans="14:14">
      <c r="N955089" s="10"/>
    </row>
    <row r="955090" spans="14:14">
      <c r="N955090" s="10"/>
    </row>
    <row r="955091" spans="14:14">
      <c r="N955091" s="10"/>
    </row>
    <row r="955092" spans="14:14">
      <c r="N955092" s="10"/>
    </row>
    <row r="955093" spans="14:14">
      <c r="N955093" s="10"/>
    </row>
    <row r="955094" spans="14:14">
      <c r="N955094" s="10"/>
    </row>
    <row r="955095" spans="14:14">
      <c r="N955095" s="10"/>
    </row>
    <row r="955096" spans="14:14">
      <c r="N955096" s="10"/>
    </row>
    <row r="955097" spans="14:14">
      <c r="N955097" s="10"/>
    </row>
    <row r="955098" spans="14:14">
      <c r="N955098" s="10"/>
    </row>
    <row r="955099" spans="14:14">
      <c r="N955099" s="10"/>
    </row>
    <row r="955100" spans="14:14">
      <c r="N955100" s="10"/>
    </row>
    <row r="955101" spans="14:14">
      <c r="N955101" s="10"/>
    </row>
    <row r="955102" spans="14:14">
      <c r="N955102" s="10"/>
    </row>
    <row r="955103" spans="14:14">
      <c r="N955103" s="10"/>
    </row>
    <row r="955104" spans="14:14">
      <c r="N955104" s="10"/>
    </row>
    <row r="955105" spans="14:14">
      <c r="N955105" s="10"/>
    </row>
    <row r="955106" spans="14:14">
      <c r="N955106" s="10"/>
    </row>
    <row r="955107" spans="14:14">
      <c r="N955107" s="10"/>
    </row>
    <row r="955108" spans="14:14">
      <c r="N955108" s="10"/>
    </row>
    <row r="955109" spans="14:14">
      <c r="N955109" s="10"/>
    </row>
    <row r="955110" spans="14:14">
      <c r="N955110" s="10"/>
    </row>
    <row r="955111" spans="14:14">
      <c r="N955111" s="10"/>
    </row>
    <row r="955112" spans="14:14">
      <c r="N955112" s="10"/>
    </row>
    <row r="955113" spans="14:14">
      <c r="N955113" s="10"/>
    </row>
    <row r="955114" spans="14:14">
      <c r="N955114" s="10"/>
    </row>
    <row r="955115" spans="14:14">
      <c r="N955115" s="10"/>
    </row>
    <row r="955116" spans="14:14">
      <c r="N955116" s="10"/>
    </row>
    <row r="955117" spans="14:14">
      <c r="N955117" s="10"/>
    </row>
    <row r="955118" spans="14:14">
      <c r="N955118" s="10"/>
    </row>
    <row r="955119" spans="14:14">
      <c r="N955119" s="10"/>
    </row>
    <row r="955120" spans="14:14">
      <c r="N955120" s="10"/>
    </row>
    <row r="955121" spans="14:14">
      <c r="N955121" s="10"/>
    </row>
    <row r="955122" spans="14:14">
      <c r="N955122" s="10"/>
    </row>
    <row r="955123" spans="14:14">
      <c r="N955123" s="10"/>
    </row>
    <row r="955124" spans="14:14">
      <c r="N955124" s="10"/>
    </row>
    <row r="955125" spans="14:14">
      <c r="N955125" s="10"/>
    </row>
    <row r="955126" spans="14:14">
      <c r="N955126" s="10"/>
    </row>
    <row r="955127" spans="14:14">
      <c r="N955127" s="10"/>
    </row>
    <row r="955128" spans="14:14">
      <c r="N955128" s="10"/>
    </row>
    <row r="955129" spans="14:14">
      <c r="N955129" s="10"/>
    </row>
    <row r="955130" spans="14:14">
      <c r="N955130" s="10"/>
    </row>
    <row r="955131" spans="14:14">
      <c r="N955131" s="10"/>
    </row>
    <row r="955132" spans="14:14">
      <c r="N955132" s="10"/>
    </row>
    <row r="955133" spans="14:14">
      <c r="N955133" s="10"/>
    </row>
    <row r="955134" spans="14:14">
      <c r="N955134" s="10"/>
    </row>
    <row r="955135" spans="14:14">
      <c r="N955135" s="10"/>
    </row>
    <row r="955136" spans="14:14">
      <c r="N955136" s="10"/>
    </row>
    <row r="955137" spans="14:14">
      <c r="N955137" s="10"/>
    </row>
    <row r="955138" spans="14:14">
      <c r="N955138" s="10"/>
    </row>
    <row r="955139" spans="14:14">
      <c r="N955139" s="10"/>
    </row>
    <row r="955140" spans="14:14">
      <c r="N955140" s="10"/>
    </row>
    <row r="955141" spans="14:14">
      <c r="N955141" s="10"/>
    </row>
    <row r="955142" spans="14:14">
      <c r="N955142" s="10"/>
    </row>
    <row r="955143" spans="14:14">
      <c r="N955143" s="10"/>
    </row>
    <row r="955144" spans="14:14">
      <c r="N955144" s="10"/>
    </row>
    <row r="955145" spans="14:14">
      <c r="N955145" s="10"/>
    </row>
    <row r="955146" spans="14:14">
      <c r="N955146" s="10"/>
    </row>
    <row r="955147" spans="14:14">
      <c r="N955147" s="10"/>
    </row>
    <row r="955148" spans="14:14">
      <c r="N955148" s="10"/>
    </row>
    <row r="955149" spans="14:14">
      <c r="N955149" s="10"/>
    </row>
    <row r="955150" spans="14:14">
      <c r="N955150" s="10"/>
    </row>
    <row r="955151" spans="14:14">
      <c r="N955151" s="10"/>
    </row>
    <row r="955152" spans="14:14">
      <c r="N955152" s="10"/>
    </row>
    <row r="955153" spans="14:14">
      <c r="N955153" s="10"/>
    </row>
    <row r="955154" spans="14:14">
      <c r="N955154" s="10"/>
    </row>
    <row r="955155" spans="14:14">
      <c r="N955155" s="10"/>
    </row>
    <row r="955156" spans="14:14">
      <c r="N955156" s="10"/>
    </row>
    <row r="955157" spans="14:14">
      <c r="N955157" s="10"/>
    </row>
    <row r="955158" spans="14:14">
      <c r="N955158" s="10"/>
    </row>
    <row r="955159" spans="14:14">
      <c r="N955159" s="10"/>
    </row>
    <row r="955160" spans="14:14">
      <c r="N955160" s="10"/>
    </row>
    <row r="955161" spans="14:14">
      <c r="N955161" s="10"/>
    </row>
    <row r="955162" spans="14:14">
      <c r="N955162" s="10"/>
    </row>
    <row r="955163" spans="14:14">
      <c r="N955163" s="10"/>
    </row>
    <row r="955164" spans="14:14">
      <c r="N955164" s="10"/>
    </row>
    <row r="955165" spans="14:14">
      <c r="N955165" s="10"/>
    </row>
    <row r="955166" spans="14:14">
      <c r="N955166" s="10"/>
    </row>
    <row r="955167" spans="14:14">
      <c r="N955167" s="10"/>
    </row>
    <row r="955168" spans="14:14">
      <c r="N955168" s="10"/>
    </row>
    <row r="955169" spans="14:14">
      <c r="N955169" s="10"/>
    </row>
    <row r="955170" spans="14:14">
      <c r="N955170" s="10"/>
    </row>
    <row r="955171" spans="14:14">
      <c r="N955171" s="10"/>
    </row>
    <row r="955172" spans="14:14">
      <c r="N955172" s="10"/>
    </row>
    <row r="955173" spans="14:14">
      <c r="N955173" s="10"/>
    </row>
    <row r="955174" spans="14:14">
      <c r="N955174" s="10"/>
    </row>
    <row r="955175" spans="14:14">
      <c r="N955175" s="10"/>
    </row>
    <row r="955176" spans="14:14">
      <c r="N955176" s="10"/>
    </row>
    <row r="955177" spans="14:14">
      <c r="N955177" s="10"/>
    </row>
    <row r="955178" spans="14:14">
      <c r="N955178" s="10"/>
    </row>
    <row r="955179" spans="14:14">
      <c r="N955179" s="10"/>
    </row>
    <row r="955180" spans="14:14">
      <c r="N955180" s="10"/>
    </row>
    <row r="955181" spans="14:14">
      <c r="N955181" s="10"/>
    </row>
    <row r="955182" spans="14:14">
      <c r="N955182" s="10"/>
    </row>
    <row r="955183" spans="14:14">
      <c r="N955183" s="10"/>
    </row>
    <row r="955184" spans="14:14">
      <c r="N955184" s="10"/>
    </row>
    <row r="955185" spans="14:14">
      <c r="N955185" s="10"/>
    </row>
    <row r="955186" spans="14:14">
      <c r="N955186" s="10"/>
    </row>
    <row r="955187" spans="14:14">
      <c r="N955187" s="10"/>
    </row>
    <row r="955188" spans="14:14">
      <c r="N955188" s="10"/>
    </row>
    <row r="955189" spans="14:14">
      <c r="N955189" s="10"/>
    </row>
    <row r="955190" spans="14:14">
      <c r="N955190" s="10"/>
    </row>
    <row r="955191" spans="14:14">
      <c r="N955191" s="10"/>
    </row>
    <row r="955192" spans="14:14">
      <c r="N955192" s="10"/>
    </row>
    <row r="955193" spans="14:14">
      <c r="N955193" s="10"/>
    </row>
    <row r="955194" spans="14:14">
      <c r="N955194" s="10"/>
    </row>
    <row r="955195" spans="14:14">
      <c r="N955195" s="10"/>
    </row>
    <row r="955196" spans="14:14">
      <c r="N955196" s="10"/>
    </row>
    <row r="955197" spans="14:14">
      <c r="N955197" s="10"/>
    </row>
    <row r="955198" spans="14:14">
      <c r="N955198" s="10"/>
    </row>
    <row r="955199" spans="14:14">
      <c r="N955199" s="10"/>
    </row>
    <row r="955200" spans="14:14">
      <c r="N955200" s="10"/>
    </row>
    <row r="955201" spans="14:14">
      <c r="N955201" s="10"/>
    </row>
    <row r="955202" spans="14:14">
      <c r="N955202" s="10"/>
    </row>
    <row r="955203" spans="14:14">
      <c r="N955203" s="10"/>
    </row>
    <row r="955204" spans="14:14">
      <c r="N955204" s="10"/>
    </row>
    <row r="955205" spans="14:14">
      <c r="N955205" s="10"/>
    </row>
    <row r="955206" spans="14:14">
      <c r="N955206" s="10"/>
    </row>
    <row r="955207" spans="14:14">
      <c r="N955207" s="10"/>
    </row>
    <row r="955208" spans="14:14">
      <c r="N955208" s="10"/>
    </row>
    <row r="955209" spans="14:14">
      <c r="N955209" s="10"/>
    </row>
    <row r="955210" spans="14:14">
      <c r="N955210" s="10"/>
    </row>
    <row r="955211" spans="14:14">
      <c r="N955211" s="10"/>
    </row>
    <row r="955212" spans="14:14">
      <c r="N955212" s="10"/>
    </row>
    <row r="955213" spans="14:14">
      <c r="N955213" s="10"/>
    </row>
    <row r="955214" spans="14:14">
      <c r="N955214" s="10"/>
    </row>
    <row r="955215" spans="14:14">
      <c r="N955215" s="10"/>
    </row>
    <row r="955216" spans="14:14">
      <c r="N955216" s="10"/>
    </row>
    <row r="955217" spans="14:14">
      <c r="N955217" s="10"/>
    </row>
    <row r="955218" spans="14:14">
      <c r="N955218" s="10"/>
    </row>
    <row r="955219" spans="14:14">
      <c r="N955219" s="10"/>
    </row>
    <row r="955220" spans="14:14">
      <c r="N955220" s="10"/>
    </row>
    <row r="955221" spans="14:14">
      <c r="N955221" s="10"/>
    </row>
    <row r="955222" spans="14:14">
      <c r="N955222" s="10"/>
    </row>
    <row r="955223" spans="14:14">
      <c r="N955223" s="10"/>
    </row>
    <row r="955224" spans="14:14">
      <c r="N955224" s="10"/>
    </row>
    <row r="955225" spans="14:14">
      <c r="N955225" s="10"/>
    </row>
    <row r="955226" spans="14:14">
      <c r="N955226" s="10"/>
    </row>
    <row r="955227" spans="14:14">
      <c r="N955227" s="10"/>
    </row>
    <row r="955228" spans="14:14">
      <c r="N955228" s="10"/>
    </row>
    <row r="955229" spans="14:14">
      <c r="N955229" s="10"/>
    </row>
    <row r="955230" spans="14:14">
      <c r="N955230" s="10"/>
    </row>
    <row r="955231" spans="14:14">
      <c r="N955231" s="10"/>
    </row>
    <row r="955232" spans="14:14">
      <c r="N955232" s="10"/>
    </row>
    <row r="955233" spans="14:14">
      <c r="N955233" s="10"/>
    </row>
    <row r="955234" spans="14:14">
      <c r="N955234" s="10"/>
    </row>
    <row r="955235" spans="14:14">
      <c r="N955235" s="10"/>
    </row>
    <row r="955236" spans="14:14">
      <c r="N955236" s="10"/>
    </row>
    <row r="955237" spans="14:14">
      <c r="N955237" s="10"/>
    </row>
    <row r="955238" spans="14:14">
      <c r="N955238" s="10"/>
    </row>
    <row r="955239" spans="14:14">
      <c r="N955239" s="10"/>
    </row>
    <row r="955240" spans="14:14">
      <c r="N955240" s="10"/>
    </row>
    <row r="955241" spans="14:14">
      <c r="N955241" s="10"/>
    </row>
    <row r="955242" spans="14:14">
      <c r="N955242" s="10"/>
    </row>
    <row r="955243" spans="14:14">
      <c r="N955243" s="10"/>
    </row>
    <row r="955244" spans="14:14">
      <c r="N955244" s="10"/>
    </row>
    <row r="955245" spans="14:14">
      <c r="N955245" s="10"/>
    </row>
    <row r="955246" spans="14:14">
      <c r="N955246" s="10"/>
    </row>
    <row r="955247" spans="14:14">
      <c r="N955247" s="10"/>
    </row>
    <row r="955248" spans="14:14">
      <c r="N955248" s="10"/>
    </row>
    <row r="955249" spans="14:14">
      <c r="N955249" s="10"/>
    </row>
    <row r="955250" spans="14:14">
      <c r="N955250" s="10"/>
    </row>
    <row r="955251" spans="14:14">
      <c r="N955251" s="10"/>
    </row>
    <row r="955252" spans="14:14">
      <c r="N955252" s="10"/>
    </row>
    <row r="955253" spans="14:14">
      <c r="N955253" s="10"/>
    </row>
    <row r="955254" spans="14:14">
      <c r="N955254" s="10"/>
    </row>
    <row r="955255" spans="14:14">
      <c r="N955255" s="10"/>
    </row>
    <row r="955256" spans="14:14">
      <c r="N955256" s="10"/>
    </row>
    <row r="955257" spans="14:14">
      <c r="N955257" s="10"/>
    </row>
    <row r="955258" spans="14:14">
      <c r="N955258" s="10"/>
    </row>
    <row r="955259" spans="14:14">
      <c r="N955259" s="10"/>
    </row>
    <row r="955260" spans="14:14">
      <c r="N955260" s="10"/>
    </row>
    <row r="955261" spans="14:14">
      <c r="N955261" s="10"/>
    </row>
    <row r="955262" spans="14:14">
      <c r="N955262" s="10"/>
    </row>
    <row r="955263" spans="14:14">
      <c r="N955263" s="10"/>
    </row>
    <row r="955264" spans="14:14">
      <c r="N955264" s="10"/>
    </row>
    <row r="955265" spans="14:14">
      <c r="N955265" s="10"/>
    </row>
    <row r="955266" spans="14:14">
      <c r="N955266" s="10"/>
    </row>
    <row r="955267" spans="14:14">
      <c r="N955267" s="10"/>
    </row>
    <row r="955268" spans="14:14">
      <c r="N955268" s="10"/>
    </row>
    <row r="955269" spans="14:14">
      <c r="N955269" s="10"/>
    </row>
    <row r="955270" spans="14:14">
      <c r="N955270" s="10"/>
    </row>
    <row r="955271" spans="14:14">
      <c r="N955271" s="10"/>
    </row>
    <row r="955272" spans="14:14">
      <c r="N955272" s="10"/>
    </row>
    <row r="955273" spans="14:14">
      <c r="N955273" s="10"/>
    </row>
    <row r="955274" spans="14:14">
      <c r="N955274" s="10"/>
    </row>
    <row r="955275" spans="14:14">
      <c r="N955275" s="10"/>
    </row>
    <row r="955276" spans="14:14">
      <c r="N955276" s="10"/>
    </row>
    <row r="955277" spans="14:14">
      <c r="N955277" s="10"/>
    </row>
    <row r="955278" spans="14:14">
      <c r="N955278" s="10"/>
    </row>
    <row r="955279" spans="14:14">
      <c r="N955279" s="10"/>
    </row>
    <row r="955280" spans="14:14">
      <c r="N955280" s="10"/>
    </row>
    <row r="955281" spans="14:14">
      <c r="N955281" s="10"/>
    </row>
    <row r="955282" spans="14:14">
      <c r="N955282" s="10"/>
    </row>
    <row r="955283" spans="14:14">
      <c r="N955283" s="10"/>
    </row>
    <row r="955284" spans="14:14">
      <c r="N955284" s="10"/>
    </row>
    <row r="955285" spans="14:14">
      <c r="N955285" s="10"/>
    </row>
    <row r="955286" spans="14:14">
      <c r="N955286" s="10"/>
    </row>
    <row r="955287" spans="14:14">
      <c r="N955287" s="10"/>
    </row>
    <row r="955288" spans="14:14">
      <c r="N955288" s="10"/>
    </row>
    <row r="955289" spans="14:14">
      <c r="N955289" s="10"/>
    </row>
    <row r="955290" spans="14:14">
      <c r="N955290" s="10"/>
    </row>
    <row r="955291" spans="14:14">
      <c r="N955291" s="10"/>
    </row>
    <row r="955292" spans="14:14">
      <c r="N955292" s="10"/>
    </row>
    <row r="955293" spans="14:14">
      <c r="N955293" s="10"/>
    </row>
    <row r="955294" spans="14:14">
      <c r="N955294" s="10"/>
    </row>
    <row r="955295" spans="14:14">
      <c r="N955295" s="10"/>
    </row>
    <row r="955296" spans="14:14">
      <c r="N955296" s="10"/>
    </row>
    <row r="955297" spans="14:14">
      <c r="N955297" s="10"/>
    </row>
    <row r="955298" spans="14:14">
      <c r="N955298" s="10"/>
    </row>
    <row r="955299" spans="14:14">
      <c r="N955299" s="10"/>
    </row>
    <row r="955300" spans="14:14">
      <c r="N955300" s="10"/>
    </row>
    <row r="955301" spans="14:14">
      <c r="N955301" s="10"/>
    </row>
    <row r="955302" spans="14:14">
      <c r="N955302" s="10"/>
    </row>
    <row r="955303" spans="14:14">
      <c r="N955303" s="10"/>
    </row>
    <row r="955304" spans="14:14">
      <c r="N955304" s="10"/>
    </row>
    <row r="955305" spans="14:14">
      <c r="N955305" s="10"/>
    </row>
    <row r="955306" spans="14:14">
      <c r="N955306" s="10"/>
    </row>
    <row r="955307" spans="14:14">
      <c r="N955307" s="10"/>
    </row>
    <row r="955308" spans="14:14">
      <c r="N955308" s="10"/>
    </row>
    <row r="955309" spans="14:14">
      <c r="N955309" s="10"/>
    </row>
    <row r="955310" spans="14:14">
      <c r="N955310" s="10"/>
    </row>
    <row r="955311" spans="14:14">
      <c r="N955311" s="10"/>
    </row>
    <row r="955312" spans="14:14">
      <c r="N955312" s="10"/>
    </row>
    <row r="955313" spans="14:14">
      <c r="N955313" s="10"/>
    </row>
    <row r="955314" spans="14:14">
      <c r="N955314" s="10"/>
    </row>
    <row r="955315" spans="14:14">
      <c r="N955315" s="10"/>
    </row>
    <row r="955316" spans="14:14">
      <c r="N955316" s="10"/>
    </row>
    <row r="955317" spans="14:14">
      <c r="N955317" s="10"/>
    </row>
    <row r="955318" spans="14:14">
      <c r="N955318" s="10"/>
    </row>
    <row r="955319" spans="14:14">
      <c r="N955319" s="10"/>
    </row>
    <row r="955320" spans="14:14">
      <c r="N955320" s="10"/>
    </row>
    <row r="955321" spans="14:14">
      <c r="N955321" s="10"/>
    </row>
    <row r="955322" spans="14:14">
      <c r="N955322" s="10"/>
    </row>
    <row r="955323" spans="14:14">
      <c r="N955323" s="10"/>
    </row>
    <row r="955324" spans="14:14">
      <c r="N955324" s="10"/>
    </row>
    <row r="955325" spans="14:14">
      <c r="N955325" s="10"/>
    </row>
    <row r="955326" spans="14:14">
      <c r="N955326" s="10"/>
    </row>
    <row r="955327" spans="14:14">
      <c r="N955327" s="10"/>
    </row>
    <row r="955328" spans="14:14">
      <c r="N955328" s="10"/>
    </row>
    <row r="955329" spans="14:14">
      <c r="N955329" s="10"/>
    </row>
    <row r="955330" spans="14:14">
      <c r="N955330" s="10"/>
    </row>
    <row r="955331" spans="14:14">
      <c r="N955331" s="10"/>
    </row>
    <row r="955332" spans="14:14">
      <c r="N955332" s="10"/>
    </row>
    <row r="955333" spans="14:14">
      <c r="N955333" s="10"/>
    </row>
    <row r="955334" spans="14:14">
      <c r="N955334" s="10"/>
    </row>
    <row r="955335" spans="14:14">
      <c r="N955335" s="10"/>
    </row>
    <row r="955336" spans="14:14">
      <c r="N955336" s="10"/>
    </row>
    <row r="955337" spans="14:14">
      <c r="N955337" s="10"/>
    </row>
    <row r="955338" spans="14:14">
      <c r="N955338" s="10"/>
    </row>
    <row r="955339" spans="14:14">
      <c r="N955339" s="10"/>
    </row>
    <row r="955340" spans="14:14">
      <c r="N955340" s="10"/>
    </row>
    <row r="955341" spans="14:14">
      <c r="N955341" s="10"/>
    </row>
    <row r="955342" spans="14:14">
      <c r="N955342" s="10"/>
    </row>
    <row r="955343" spans="14:14">
      <c r="N955343" s="10"/>
    </row>
    <row r="955344" spans="14:14">
      <c r="N955344" s="10"/>
    </row>
    <row r="955345" spans="14:14">
      <c r="N955345" s="10"/>
    </row>
    <row r="955346" spans="14:14">
      <c r="N955346" s="10"/>
    </row>
    <row r="955347" spans="14:14">
      <c r="N955347" s="10"/>
    </row>
    <row r="955348" spans="14:14">
      <c r="N955348" s="10"/>
    </row>
    <row r="955349" spans="14:14">
      <c r="N955349" s="10"/>
    </row>
    <row r="955350" spans="14:14">
      <c r="N955350" s="10"/>
    </row>
    <row r="955351" spans="14:14">
      <c r="N955351" s="10"/>
    </row>
    <row r="955352" spans="14:14">
      <c r="N955352" s="10"/>
    </row>
    <row r="955353" spans="14:14">
      <c r="N955353" s="10"/>
    </row>
    <row r="955354" spans="14:14">
      <c r="N955354" s="10"/>
    </row>
    <row r="955355" spans="14:14">
      <c r="N955355" s="10"/>
    </row>
    <row r="955356" spans="14:14">
      <c r="N955356" s="10"/>
    </row>
    <row r="955357" spans="14:14">
      <c r="N955357" s="10"/>
    </row>
    <row r="955358" spans="14:14">
      <c r="N955358" s="10"/>
    </row>
    <row r="955359" spans="14:14">
      <c r="N955359" s="10"/>
    </row>
    <row r="955360" spans="14:14">
      <c r="N955360" s="10"/>
    </row>
    <row r="955361" spans="14:14">
      <c r="N955361" s="10"/>
    </row>
    <row r="955362" spans="14:14">
      <c r="N955362" s="10"/>
    </row>
    <row r="955363" spans="14:14">
      <c r="N955363" s="10"/>
    </row>
    <row r="955364" spans="14:14">
      <c r="N955364" s="10"/>
    </row>
    <row r="955365" spans="14:14">
      <c r="N955365" s="10"/>
    </row>
    <row r="955366" spans="14:14">
      <c r="N955366" s="10"/>
    </row>
    <row r="955367" spans="14:14">
      <c r="N955367" s="10"/>
    </row>
    <row r="955368" spans="14:14">
      <c r="N955368" s="10"/>
    </row>
    <row r="955369" spans="14:14">
      <c r="N955369" s="10"/>
    </row>
    <row r="955370" spans="14:14">
      <c r="N955370" s="10"/>
    </row>
    <row r="955371" spans="14:14">
      <c r="N955371" s="10"/>
    </row>
    <row r="955372" spans="14:14">
      <c r="N955372" s="10"/>
    </row>
    <row r="955373" spans="14:14">
      <c r="N955373" s="10"/>
    </row>
    <row r="955374" spans="14:14">
      <c r="N955374" s="10"/>
    </row>
    <row r="955375" spans="14:14">
      <c r="N955375" s="10"/>
    </row>
    <row r="955376" spans="14:14">
      <c r="N955376" s="10"/>
    </row>
    <row r="955377" spans="14:14">
      <c r="N955377" s="10"/>
    </row>
    <row r="955378" spans="14:14">
      <c r="N955378" s="10"/>
    </row>
    <row r="955379" spans="14:14">
      <c r="N955379" s="10"/>
    </row>
    <row r="955380" spans="14:14">
      <c r="N955380" s="10"/>
    </row>
    <row r="955381" spans="14:14">
      <c r="N955381" s="10"/>
    </row>
    <row r="955382" spans="14:14">
      <c r="N955382" s="10"/>
    </row>
    <row r="955383" spans="14:14">
      <c r="N955383" s="10"/>
    </row>
    <row r="955384" spans="14:14">
      <c r="N955384" s="10"/>
    </row>
    <row r="955385" spans="14:14">
      <c r="N955385" s="10"/>
    </row>
    <row r="955386" spans="14:14">
      <c r="N955386" s="10"/>
    </row>
    <row r="955387" spans="14:14">
      <c r="N955387" s="10"/>
    </row>
    <row r="955388" spans="14:14">
      <c r="N955388" s="10"/>
    </row>
    <row r="955389" spans="14:14">
      <c r="N955389" s="10"/>
    </row>
    <row r="955390" spans="14:14">
      <c r="N955390" s="10"/>
    </row>
    <row r="955391" spans="14:14">
      <c r="N955391" s="10"/>
    </row>
    <row r="955392" spans="14:14">
      <c r="N955392" s="10"/>
    </row>
    <row r="955393" spans="14:14">
      <c r="N955393" s="10"/>
    </row>
    <row r="955394" spans="14:14">
      <c r="N955394" s="10"/>
    </row>
    <row r="955395" spans="14:14">
      <c r="N955395" s="10"/>
    </row>
    <row r="955396" spans="14:14">
      <c r="N955396" s="10"/>
    </row>
    <row r="955397" spans="14:14">
      <c r="N955397" s="10"/>
    </row>
    <row r="955398" spans="14:14">
      <c r="N955398" s="10"/>
    </row>
    <row r="955399" spans="14:14">
      <c r="N955399" s="10"/>
    </row>
    <row r="955400" spans="14:14">
      <c r="N955400" s="10"/>
    </row>
    <row r="955401" spans="14:14">
      <c r="N955401" s="10"/>
    </row>
    <row r="955402" spans="14:14">
      <c r="N955402" s="10"/>
    </row>
    <row r="955403" spans="14:14">
      <c r="N955403" s="10"/>
    </row>
    <row r="955404" spans="14:14">
      <c r="N955404" s="10"/>
    </row>
    <row r="955405" spans="14:14">
      <c r="N955405" s="10"/>
    </row>
    <row r="955406" spans="14:14">
      <c r="N955406" s="10"/>
    </row>
    <row r="955407" spans="14:14">
      <c r="N955407" s="10"/>
    </row>
    <row r="955408" spans="14:14">
      <c r="N955408" s="10"/>
    </row>
    <row r="955409" spans="14:14">
      <c r="N955409" s="10"/>
    </row>
    <row r="955410" spans="14:14">
      <c r="N955410" s="10"/>
    </row>
    <row r="955411" spans="14:14">
      <c r="N955411" s="10"/>
    </row>
    <row r="955412" spans="14:14">
      <c r="N955412" s="10"/>
    </row>
    <row r="955413" spans="14:14">
      <c r="N955413" s="10"/>
    </row>
    <row r="955414" spans="14:14">
      <c r="N955414" s="10"/>
    </row>
    <row r="955415" spans="14:14">
      <c r="N955415" s="10"/>
    </row>
    <row r="955416" spans="14:14">
      <c r="N955416" s="10"/>
    </row>
    <row r="955417" spans="14:14">
      <c r="N955417" s="10"/>
    </row>
    <row r="955418" spans="14:14">
      <c r="N955418" s="10"/>
    </row>
    <row r="955419" spans="14:14">
      <c r="N955419" s="10"/>
    </row>
    <row r="955420" spans="14:14">
      <c r="N955420" s="10"/>
    </row>
    <row r="955421" spans="14:14">
      <c r="N955421" s="10"/>
    </row>
    <row r="955422" spans="14:14">
      <c r="N955422" s="10"/>
    </row>
    <row r="955423" spans="14:14">
      <c r="N955423" s="10"/>
    </row>
    <row r="955424" spans="14:14">
      <c r="N955424" s="10"/>
    </row>
    <row r="955425" spans="14:14">
      <c r="N955425" s="10"/>
    </row>
    <row r="955426" spans="14:14">
      <c r="N955426" s="10"/>
    </row>
    <row r="955427" spans="14:14">
      <c r="N955427" s="10"/>
    </row>
    <row r="955428" spans="14:14">
      <c r="N955428" s="10"/>
    </row>
    <row r="955429" spans="14:14">
      <c r="N955429" s="10"/>
    </row>
    <row r="955430" spans="14:14">
      <c r="N955430" s="10"/>
    </row>
    <row r="955431" spans="14:14">
      <c r="N955431" s="10"/>
    </row>
    <row r="955432" spans="14:14">
      <c r="N955432" s="10"/>
    </row>
    <row r="955433" spans="14:14">
      <c r="N955433" s="10"/>
    </row>
    <row r="955434" spans="14:14">
      <c r="N955434" s="10"/>
    </row>
    <row r="955435" spans="14:14">
      <c r="N955435" s="10"/>
    </row>
    <row r="955436" spans="14:14">
      <c r="N955436" s="10"/>
    </row>
    <row r="955437" spans="14:14">
      <c r="N955437" s="10"/>
    </row>
    <row r="955438" spans="14:14">
      <c r="N955438" s="10"/>
    </row>
    <row r="955439" spans="14:14">
      <c r="N955439" s="10"/>
    </row>
    <row r="955440" spans="14:14">
      <c r="N955440" s="10"/>
    </row>
    <row r="955441" spans="14:14">
      <c r="N955441" s="10"/>
    </row>
    <row r="955442" spans="14:14">
      <c r="N955442" s="10"/>
    </row>
    <row r="955443" spans="14:14">
      <c r="N955443" s="10"/>
    </row>
    <row r="955444" spans="14:14">
      <c r="N955444" s="10"/>
    </row>
    <row r="955445" spans="14:14">
      <c r="N955445" s="10"/>
    </row>
    <row r="955446" spans="14:14">
      <c r="N955446" s="10"/>
    </row>
    <row r="955447" spans="14:14">
      <c r="N955447" s="10"/>
    </row>
    <row r="955448" spans="14:14">
      <c r="N955448" s="10"/>
    </row>
    <row r="955449" spans="14:14">
      <c r="N955449" s="10"/>
    </row>
    <row r="955450" spans="14:14">
      <c r="N955450" s="10"/>
    </row>
    <row r="955451" spans="14:14">
      <c r="N955451" s="10"/>
    </row>
    <row r="955452" spans="14:14">
      <c r="N955452" s="10"/>
    </row>
    <row r="955453" spans="14:14">
      <c r="N955453" s="10"/>
    </row>
    <row r="955454" spans="14:14">
      <c r="N955454" s="10"/>
    </row>
    <row r="955455" spans="14:14">
      <c r="N955455" s="10"/>
    </row>
    <row r="955456" spans="14:14">
      <c r="N955456" s="10"/>
    </row>
    <row r="955457" spans="14:14">
      <c r="N955457" s="10"/>
    </row>
    <row r="955458" spans="14:14">
      <c r="N955458" s="10"/>
    </row>
    <row r="955459" spans="14:14">
      <c r="N955459" s="10"/>
    </row>
    <row r="955460" spans="14:14">
      <c r="N955460" s="10"/>
    </row>
    <row r="955461" spans="14:14">
      <c r="N955461" s="10"/>
    </row>
    <row r="955462" spans="14:14">
      <c r="N955462" s="10"/>
    </row>
    <row r="955463" spans="14:14">
      <c r="N955463" s="10"/>
    </row>
    <row r="955464" spans="14:14">
      <c r="N955464" s="10"/>
    </row>
    <row r="955465" spans="14:14">
      <c r="N955465" s="10"/>
    </row>
    <row r="955466" spans="14:14">
      <c r="N955466" s="10"/>
    </row>
    <row r="955467" spans="14:14">
      <c r="N955467" s="10"/>
    </row>
    <row r="955468" spans="14:14">
      <c r="N955468" s="10"/>
    </row>
    <row r="955469" spans="14:14">
      <c r="N955469" s="10"/>
    </row>
    <row r="955470" spans="14:14">
      <c r="N955470" s="10"/>
    </row>
    <row r="955471" spans="14:14">
      <c r="N955471" s="10"/>
    </row>
    <row r="955472" spans="14:14">
      <c r="N955472" s="10"/>
    </row>
    <row r="955473" spans="14:14">
      <c r="N955473" s="10"/>
    </row>
    <row r="955474" spans="14:14">
      <c r="N955474" s="10"/>
    </row>
    <row r="955475" spans="14:14">
      <c r="N955475" s="10"/>
    </row>
    <row r="955476" spans="14:14">
      <c r="N955476" s="10"/>
    </row>
    <row r="955477" spans="14:14">
      <c r="N955477" s="10"/>
    </row>
    <row r="955478" spans="14:14">
      <c r="N955478" s="10"/>
    </row>
    <row r="955479" spans="14:14">
      <c r="N955479" s="10"/>
    </row>
    <row r="955480" spans="14:14">
      <c r="N955480" s="10"/>
    </row>
    <row r="955481" spans="14:14">
      <c r="N955481" s="10"/>
    </row>
    <row r="955482" spans="14:14">
      <c r="N955482" s="10"/>
    </row>
    <row r="955483" spans="14:14">
      <c r="N955483" s="10"/>
    </row>
    <row r="955484" spans="14:14">
      <c r="N955484" s="10"/>
    </row>
    <row r="955485" spans="14:14">
      <c r="N955485" s="10"/>
    </row>
    <row r="955486" spans="14:14">
      <c r="N955486" s="10"/>
    </row>
    <row r="955487" spans="14:14">
      <c r="N955487" s="10"/>
    </row>
    <row r="955488" spans="14:14">
      <c r="N955488" s="10"/>
    </row>
    <row r="955489" spans="14:14">
      <c r="N955489" s="10"/>
    </row>
    <row r="955490" spans="14:14">
      <c r="N955490" s="10"/>
    </row>
    <row r="955491" spans="14:14">
      <c r="N955491" s="10"/>
    </row>
    <row r="955492" spans="14:14">
      <c r="N955492" s="10"/>
    </row>
    <row r="955493" spans="14:14">
      <c r="N955493" s="10"/>
    </row>
    <row r="955494" spans="14:14">
      <c r="N955494" s="10"/>
    </row>
    <row r="955495" spans="14:14">
      <c r="N955495" s="10"/>
    </row>
    <row r="955496" spans="14:14">
      <c r="N955496" s="10"/>
    </row>
    <row r="955497" spans="14:14">
      <c r="N955497" s="10"/>
    </row>
    <row r="955498" spans="14:14">
      <c r="N955498" s="10"/>
    </row>
    <row r="955499" spans="14:14">
      <c r="N955499" s="10"/>
    </row>
    <row r="955500" spans="14:14">
      <c r="N955500" s="10"/>
    </row>
    <row r="955501" spans="14:14">
      <c r="N955501" s="10"/>
    </row>
    <row r="955502" spans="14:14">
      <c r="N955502" s="10"/>
    </row>
    <row r="955503" spans="14:14">
      <c r="N955503" s="10"/>
    </row>
    <row r="955504" spans="14:14">
      <c r="N955504" s="10"/>
    </row>
    <row r="955505" spans="14:14">
      <c r="N955505" s="10"/>
    </row>
    <row r="955506" spans="14:14">
      <c r="N955506" s="10"/>
    </row>
    <row r="955507" spans="14:14">
      <c r="N955507" s="10"/>
    </row>
    <row r="955508" spans="14:14">
      <c r="N955508" s="10"/>
    </row>
    <row r="955509" spans="14:14">
      <c r="N955509" s="10"/>
    </row>
    <row r="955510" spans="14:14">
      <c r="N955510" s="10"/>
    </row>
    <row r="955511" spans="14:14">
      <c r="N955511" s="10"/>
    </row>
    <row r="955512" spans="14:14">
      <c r="N955512" s="10"/>
    </row>
    <row r="955513" spans="14:14">
      <c r="N955513" s="10"/>
    </row>
    <row r="955514" spans="14:14">
      <c r="N955514" s="10"/>
    </row>
    <row r="955515" spans="14:14">
      <c r="N955515" s="10"/>
    </row>
    <row r="955516" spans="14:14">
      <c r="N955516" s="10"/>
    </row>
    <row r="955517" spans="14:14">
      <c r="N955517" s="10"/>
    </row>
    <row r="955518" spans="14:14">
      <c r="N955518" s="10"/>
    </row>
    <row r="955519" spans="14:14">
      <c r="N955519" s="10"/>
    </row>
    <row r="955520" spans="14:14">
      <c r="N955520" s="10"/>
    </row>
    <row r="955521" spans="14:14">
      <c r="N955521" s="10"/>
    </row>
    <row r="955522" spans="14:14">
      <c r="N955522" s="10"/>
    </row>
    <row r="955523" spans="14:14">
      <c r="N955523" s="10"/>
    </row>
    <row r="955524" spans="14:14">
      <c r="N955524" s="10"/>
    </row>
    <row r="955525" spans="14:14">
      <c r="N955525" s="10"/>
    </row>
    <row r="955526" spans="14:14">
      <c r="N955526" s="10"/>
    </row>
    <row r="955527" spans="14:14">
      <c r="N955527" s="10"/>
    </row>
    <row r="955528" spans="14:14">
      <c r="N955528" s="10"/>
    </row>
    <row r="955529" spans="14:14">
      <c r="N955529" s="10"/>
    </row>
    <row r="955530" spans="14:14">
      <c r="N955530" s="10"/>
    </row>
    <row r="955531" spans="14:14">
      <c r="N955531" s="10"/>
    </row>
    <row r="955532" spans="14:14">
      <c r="N955532" s="10"/>
    </row>
    <row r="955533" spans="14:14">
      <c r="N955533" s="10"/>
    </row>
    <row r="955534" spans="14:14">
      <c r="N955534" s="10"/>
    </row>
    <row r="955535" spans="14:14">
      <c r="N955535" s="10"/>
    </row>
    <row r="955536" spans="14:14">
      <c r="N955536" s="10"/>
    </row>
    <row r="955537" spans="14:14">
      <c r="N955537" s="10"/>
    </row>
    <row r="955538" spans="14:14">
      <c r="N955538" s="10"/>
    </row>
    <row r="955539" spans="14:14">
      <c r="N955539" s="10"/>
    </row>
    <row r="955540" spans="14:14">
      <c r="N955540" s="10"/>
    </row>
    <row r="955541" spans="14:14">
      <c r="N955541" s="10"/>
    </row>
    <row r="955542" spans="14:14">
      <c r="N955542" s="10"/>
    </row>
    <row r="955543" spans="14:14">
      <c r="N955543" s="10"/>
    </row>
    <row r="955544" spans="14:14">
      <c r="N955544" s="10"/>
    </row>
    <row r="955545" spans="14:14">
      <c r="N955545" s="10"/>
    </row>
    <row r="955546" spans="14:14">
      <c r="N955546" s="10"/>
    </row>
    <row r="955547" spans="14:14">
      <c r="N955547" s="10"/>
    </row>
    <row r="955548" spans="14:14">
      <c r="N955548" s="10"/>
    </row>
    <row r="955549" spans="14:14">
      <c r="N955549" s="10"/>
    </row>
    <row r="955550" spans="14:14">
      <c r="N955550" s="10"/>
    </row>
    <row r="955551" spans="14:14">
      <c r="N955551" s="10"/>
    </row>
    <row r="955552" spans="14:14">
      <c r="N955552" s="10"/>
    </row>
    <row r="955553" spans="14:14">
      <c r="N955553" s="10"/>
    </row>
    <row r="955554" spans="14:14">
      <c r="N955554" s="10"/>
    </row>
    <row r="955555" spans="14:14">
      <c r="N955555" s="10"/>
    </row>
    <row r="955556" spans="14:14">
      <c r="N955556" s="10"/>
    </row>
    <row r="955557" spans="14:14">
      <c r="N955557" s="10"/>
    </row>
    <row r="955558" spans="14:14">
      <c r="N955558" s="10"/>
    </row>
    <row r="955559" spans="14:14">
      <c r="N955559" s="10"/>
    </row>
    <row r="955560" spans="14:14">
      <c r="N955560" s="10"/>
    </row>
    <row r="955561" spans="14:14">
      <c r="N955561" s="10"/>
    </row>
    <row r="955562" spans="14:14">
      <c r="N955562" s="10"/>
    </row>
    <row r="955563" spans="14:14">
      <c r="N955563" s="10"/>
    </row>
    <row r="955564" spans="14:14">
      <c r="N955564" s="10"/>
    </row>
    <row r="955565" spans="14:14">
      <c r="N955565" s="10"/>
    </row>
    <row r="955566" spans="14:14">
      <c r="N955566" s="10"/>
    </row>
    <row r="955567" spans="14:14">
      <c r="N955567" s="10"/>
    </row>
    <row r="955568" spans="14:14">
      <c r="N955568" s="10"/>
    </row>
    <row r="955569" spans="14:14">
      <c r="N955569" s="10"/>
    </row>
    <row r="955570" spans="14:14">
      <c r="N955570" s="10"/>
    </row>
    <row r="955571" spans="14:14">
      <c r="N955571" s="10"/>
    </row>
    <row r="955572" spans="14:14">
      <c r="N955572" s="10"/>
    </row>
    <row r="955573" spans="14:14">
      <c r="N955573" s="10"/>
    </row>
    <row r="955574" spans="14:14">
      <c r="N955574" s="10"/>
    </row>
    <row r="955575" spans="14:14">
      <c r="N955575" s="10"/>
    </row>
    <row r="955576" spans="14:14">
      <c r="N955576" s="10"/>
    </row>
    <row r="955577" spans="14:14">
      <c r="N955577" s="10"/>
    </row>
    <row r="955578" spans="14:14">
      <c r="N955578" s="10"/>
    </row>
    <row r="955579" spans="14:14">
      <c r="N955579" s="10"/>
    </row>
    <row r="955580" spans="14:14">
      <c r="N955580" s="10"/>
    </row>
    <row r="955581" spans="14:14">
      <c r="N955581" s="10"/>
    </row>
    <row r="955582" spans="14:14">
      <c r="N955582" s="10"/>
    </row>
    <row r="955583" spans="14:14">
      <c r="N955583" s="10"/>
    </row>
    <row r="955584" spans="14:14">
      <c r="N955584" s="10"/>
    </row>
    <row r="955585" spans="14:14">
      <c r="N955585" s="10"/>
    </row>
    <row r="955586" spans="14:14">
      <c r="N955586" s="10"/>
    </row>
    <row r="955587" spans="14:14">
      <c r="N955587" s="10"/>
    </row>
    <row r="955588" spans="14:14">
      <c r="N955588" s="10"/>
    </row>
    <row r="955589" spans="14:14">
      <c r="N955589" s="10"/>
    </row>
    <row r="955590" spans="14:14">
      <c r="N955590" s="10"/>
    </row>
    <row r="955591" spans="14:14">
      <c r="N955591" s="10"/>
    </row>
    <row r="955592" spans="14:14">
      <c r="N955592" s="10"/>
    </row>
    <row r="955593" spans="14:14">
      <c r="N955593" s="10"/>
    </row>
    <row r="955594" spans="14:14">
      <c r="N955594" s="10"/>
    </row>
    <row r="955595" spans="14:14">
      <c r="N955595" s="10"/>
    </row>
    <row r="955596" spans="14:14">
      <c r="N955596" s="10"/>
    </row>
    <row r="955597" spans="14:14">
      <c r="N955597" s="10"/>
    </row>
    <row r="955598" spans="14:14">
      <c r="N955598" s="10"/>
    </row>
    <row r="955599" spans="14:14">
      <c r="N955599" s="10"/>
    </row>
    <row r="955600" spans="14:14">
      <c r="N955600" s="10"/>
    </row>
    <row r="955601" spans="14:14">
      <c r="N955601" s="10"/>
    </row>
    <row r="955602" spans="14:14">
      <c r="N955602" s="10"/>
    </row>
    <row r="955603" spans="14:14">
      <c r="N955603" s="10"/>
    </row>
    <row r="955604" spans="14:14">
      <c r="N955604" s="10"/>
    </row>
    <row r="955605" spans="14:14">
      <c r="N955605" s="10"/>
    </row>
    <row r="955606" spans="14:14">
      <c r="N955606" s="10"/>
    </row>
    <row r="955607" spans="14:14">
      <c r="N955607" s="10"/>
    </row>
    <row r="955608" spans="14:14">
      <c r="N955608" s="10"/>
    </row>
    <row r="955609" spans="14:14">
      <c r="N955609" s="10"/>
    </row>
    <row r="955610" spans="14:14">
      <c r="N955610" s="10"/>
    </row>
    <row r="955611" spans="14:14">
      <c r="N955611" s="10"/>
    </row>
    <row r="955612" spans="14:14">
      <c r="N955612" s="10"/>
    </row>
    <row r="955613" spans="14:14">
      <c r="N955613" s="10"/>
    </row>
    <row r="955614" spans="14:14">
      <c r="N955614" s="10"/>
    </row>
    <row r="955615" spans="14:14">
      <c r="N955615" s="10"/>
    </row>
    <row r="955616" spans="14:14">
      <c r="N955616" s="10"/>
    </row>
    <row r="955617" spans="14:14">
      <c r="N955617" s="10"/>
    </row>
    <row r="955618" spans="14:14">
      <c r="N955618" s="10"/>
    </row>
    <row r="955619" spans="14:14">
      <c r="N955619" s="10"/>
    </row>
    <row r="955620" spans="14:14">
      <c r="N955620" s="10"/>
    </row>
    <row r="955621" spans="14:14">
      <c r="N955621" s="10"/>
    </row>
    <row r="955622" spans="14:14">
      <c r="N955622" s="10"/>
    </row>
    <row r="955623" spans="14:14">
      <c r="N955623" s="10"/>
    </row>
    <row r="955624" spans="14:14">
      <c r="N955624" s="10"/>
    </row>
    <row r="955625" spans="14:14">
      <c r="N955625" s="10"/>
    </row>
    <row r="955626" spans="14:14">
      <c r="N955626" s="10"/>
    </row>
    <row r="955627" spans="14:14">
      <c r="N955627" s="10"/>
    </row>
    <row r="955628" spans="14:14">
      <c r="N955628" s="10"/>
    </row>
    <row r="955629" spans="14:14">
      <c r="N955629" s="10"/>
    </row>
    <row r="955630" spans="14:14">
      <c r="N955630" s="10"/>
    </row>
    <row r="955631" spans="14:14">
      <c r="N955631" s="10"/>
    </row>
    <row r="955632" spans="14:14">
      <c r="N955632" s="10"/>
    </row>
    <row r="955633" spans="14:14">
      <c r="N955633" s="10"/>
    </row>
    <row r="955634" spans="14:14">
      <c r="N955634" s="10"/>
    </row>
    <row r="955635" spans="14:14">
      <c r="N955635" s="10"/>
    </row>
    <row r="955636" spans="14:14">
      <c r="N955636" s="10"/>
    </row>
    <row r="955637" spans="14:14">
      <c r="N955637" s="10"/>
    </row>
    <row r="955638" spans="14:14">
      <c r="N955638" s="10"/>
    </row>
    <row r="955639" spans="14:14">
      <c r="N955639" s="10"/>
    </row>
    <row r="955640" spans="14:14">
      <c r="N955640" s="10"/>
    </row>
    <row r="955641" spans="14:14">
      <c r="N955641" s="10"/>
    </row>
    <row r="955642" spans="14:14">
      <c r="N955642" s="10"/>
    </row>
    <row r="955643" spans="14:14">
      <c r="N955643" s="10"/>
    </row>
    <row r="955644" spans="14:14">
      <c r="N955644" s="10"/>
    </row>
    <row r="955645" spans="14:14">
      <c r="N955645" s="10"/>
    </row>
    <row r="955646" spans="14:14">
      <c r="N955646" s="10"/>
    </row>
    <row r="955647" spans="14:14">
      <c r="N955647" s="10"/>
    </row>
    <row r="955648" spans="14:14">
      <c r="N955648" s="10"/>
    </row>
    <row r="955649" spans="14:14">
      <c r="N955649" s="10"/>
    </row>
    <row r="955650" spans="14:14">
      <c r="N955650" s="10"/>
    </row>
    <row r="955651" spans="14:14">
      <c r="N955651" s="10"/>
    </row>
    <row r="955652" spans="14:14">
      <c r="N955652" s="10"/>
    </row>
    <row r="955653" spans="14:14">
      <c r="N955653" s="10"/>
    </row>
    <row r="955654" spans="14:14">
      <c r="N955654" s="10"/>
    </row>
    <row r="955655" spans="14:14">
      <c r="N955655" s="10"/>
    </row>
    <row r="955656" spans="14:14">
      <c r="N955656" s="10"/>
    </row>
    <row r="955657" spans="14:14">
      <c r="N955657" s="10"/>
    </row>
    <row r="955658" spans="14:14">
      <c r="N955658" s="10"/>
    </row>
    <row r="955659" spans="14:14">
      <c r="N955659" s="10"/>
    </row>
    <row r="955660" spans="14:14">
      <c r="N955660" s="10"/>
    </row>
    <row r="955661" spans="14:14">
      <c r="N955661" s="10"/>
    </row>
    <row r="955662" spans="14:14">
      <c r="N955662" s="10"/>
    </row>
    <row r="955663" spans="14:14">
      <c r="N955663" s="10"/>
    </row>
    <row r="955664" spans="14:14">
      <c r="N955664" s="10"/>
    </row>
    <row r="955665" spans="14:14">
      <c r="N955665" s="10"/>
    </row>
    <row r="955666" spans="14:14">
      <c r="N955666" s="10"/>
    </row>
    <row r="955667" spans="14:14">
      <c r="N955667" s="10"/>
    </row>
    <row r="955668" spans="14:14">
      <c r="N955668" s="10"/>
    </row>
    <row r="955669" spans="14:14">
      <c r="N955669" s="10"/>
    </row>
    <row r="955670" spans="14:14">
      <c r="N955670" s="10"/>
    </row>
    <row r="955671" spans="14:14">
      <c r="N955671" s="10"/>
    </row>
    <row r="955672" spans="14:14">
      <c r="N955672" s="10"/>
    </row>
    <row r="955673" spans="14:14">
      <c r="N955673" s="10"/>
    </row>
    <row r="955674" spans="14:14">
      <c r="N955674" s="10"/>
    </row>
    <row r="955675" spans="14:14">
      <c r="N955675" s="10"/>
    </row>
    <row r="955676" spans="14:14">
      <c r="N955676" s="10"/>
    </row>
    <row r="955677" spans="14:14">
      <c r="N955677" s="10"/>
    </row>
    <row r="955678" spans="14:14">
      <c r="N955678" s="10"/>
    </row>
    <row r="955679" spans="14:14">
      <c r="N955679" s="10"/>
    </row>
    <row r="955680" spans="14:14">
      <c r="N955680" s="10"/>
    </row>
    <row r="955681" spans="14:14">
      <c r="N955681" s="10"/>
    </row>
    <row r="955682" spans="14:14">
      <c r="N955682" s="10"/>
    </row>
    <row r="955683" spans="14:14">
      <c r="N955683" s="10"/>
    </row>
    <row r="955684" spans="14:14">
      <c r="N955684" s="10"/>
    </row>
    <row r="955685" spans="14:14">
      <c r="N955685" s="10"/>
    </row>
    <row r="955686" spans="14:14">
      <c r="N955686" s="10"/>
    </row>
    <row r="955687" spans="14:14">
      <c r="N955687" s="10"/>
    </row>
    <row r="955688" spans="14:14">
      <c r="N955688" s="10"/>
    </row>
    <row r="955689" spans="14:14">
      <c r="N955689" s="10"/>
    </row>
    <row r="955690" spans="14:14">
      <c r="N955690" s="10"/>
    </row>
    <row r="955691" spans="14:14">
      <c r="N955691" s="10"/>
    </row>
    <row r="955692" spans="14:14">
      <c r="N955692" s="10"/>
    </row>
    <row r="955693" spans="14:14">
      <c r="N955693" s="10"/>
    </row>
    <row r="955694" spans="14:14">
      <c r="N955694" s="10"/>
    </row>
    <row r="955695" spans="14:14">
      <c r="N955695" s="10"/>
    </row>
    <row r="955696" spans="14:14">
      <c r="N955696" s="10"/>
    </row>
    <row r="955697" spans="14:14">
      <c r="N955697" s="10"/>
    </row>
    <row r="955698" spans="14:14">
      <c r="N955698" s="10"/>
    </row>
    <row r="955699" spans="14:14">
      <c r="N955699" s="10"/>
    </row>
    <row r="955700" spans="14:14">
      <c r="N955700" s="10"/>
    </row>
    <row r="955701" spans="14:14">
      <c r="N955701" s="10"/>
    </row>
    <row r="955702" spans="14:14">
      <c r="N955702" s="10"/>
    </row>
    <row r="955703" spans="14:14">
      <c r="N955703" s="10"/>
    </row>
    <row r="955704" spans="14:14">
      <c r="N955704" s="10"/>
    </row>
    <row r="955705" spans="14:14">
      <c r="N955705" s="10"/>
    </row>
    <row r="955706" spans="14:14">
      <c r="N955706" s="10"/>
    </row>
    <row r="955707" spans="14:14">
      <c r="N955707" s="10"/>
    </row>
    <row r="955708" spans="14:14">
      <c r="N955708" s="10"/>
    </row>
    <row r="955709" spans="14:14">
      <c r="N955709" s="10"/>
    </row>
    <row r="955710" spans="14:14">
      <c r="N955710" s="10"/>
    </row>
    <row r="955711" spans="14:14">
      <c r="N955711" s="10"/>
    </row>
    <row r="955712" spans="14:14">
      <c r="N955712" s="10"/>
    </row>
    <row r="955713" spans="14:14">
      <c r="N955713" s="10"/>
    </row>
    <row r="955714" spans="14:14">
      <c r="N955714" s="10"/>
    </row>
    <row r="955715" spans="14:14">
      <c r="N955715" s="10"/>
    </row>
    <row r="955716" spans="14:14">
      <c r="N955716" s="10"/>
    </row>
    <row r="955717" spans="14:14">
      <c r="N955717" s="10"/>
    </row>
    <row r="955718" spans="14:14">
      <c r="N955718" s="10"/>
    </row>
    <row r="955719" spans="14:14">
      <c r="N955719" s="10"/>
    </row>
    <row r="955720" spans="14:14">
      <c r="N955720" s="10"/>
    </row>
    <row r="955721" spans="14:14">
      <c r="N955721" s="10"/>
    </row>
    <row r="955722" spans="14:14">
      <c r="N955722" s="10"/>
    </row>
    <row r="955723" spans="14:14">
      <c r="N955723" s="10"/>
    </row>
    <row r="955724" spans="14:14">
      <c r="N955724" s="10"/>
    </row>
    <row r="955725" spans="14:14">
      <c r="N955725" s="10"/>
    </row>
    <row r="955726" spans="14:14">
      <c r="N955726" s="10"/>
    </row>
    <row r="955727" spans="14:14">
      <c r="N955727" s="10"/>
    </row>
    <row r="955728" spans="14:14">
      <c r="N955728" s="10"/>
    </row>
    <row r="955729" spans="14:14">
      <c r="N955729" s="10"/>
    </row>
    <row r="955730" spans="14:14">
      <c r="N955730" s="10"/>
    </row>
    <row r="955731" spans="14:14">
      <c r="N955731" s="10"/>
    </row>
    <row r="955732" spans="14:14">
      <c r="N955732" s="10"/>
    </row>
    <row r="955733" spans="14:14">
      <c r="N955733" s="10"/>
    </row>
    <row r="955734" spans="14:14">
      <c r="N955734" s="10"/>
    </row>
    <row r="955735" spans="14:14">
      <c r="N955735" s="10"/>
    </row>
    <row r="955736" spans="14:14">
      <c r="N955736" s="10"/>
    </row>
    <row r="955737" spans="14:14">
      <c r="N955737" s="10"/>
    </row>
    <row r="955738" spans="14:14">
      <c r="N955738" s="10"/>
    </row>
    <row r="955739" spans="14:14">
      <c r="N955739" s="10"/>
    </row>
    <row r="955740" spans="14:14">
      <c r="N955740" s="10"/>
    </row>
    <row r="955741" spans="14:14">
      <c r="N955741" s="10"/>
    </row>
    <row r="955742" spans="14:14">
      <c r="N955742" s="10"/>
    </row>
    <row r="955743" spans="14:14">
      <c r="N955743" s="10"/>
    </row>
    <row r="955744" spans="14:14">
      <c r="N955744" s="10"/>
    </row>
    <row r="955745" spans="14:14">
      <c r="N955745" s="10"/>
    </row>
    <row r="955746" spans="14:14">
      <c r="N955746" s="10"/>
    </row>
    <row r="955747" spans="14:14">
      <c r="N955747" s="10"/>
    </row>
    <row r="955748" spans="14:14">
      <c r="N955748" s="10"/>
    </row>
    <row r="955749" spans="14:14">
      <c r="N955749" s="10"/>
    </row>
    <row r="955750" spans="14:14">
      <c r="N955750" s="10"/>
    </row>
    <row r="955751" spans="14:14">
      <c r="N955751" s="10"/>
    </row>
    <row r="955752" spans="14:14">
      <c r="N955752" s="10"/>
    </row>
    <row r="955753" spans="14:14">
      <c r="N955753" s="10"/>
    </row>
    <row r="955754" spans="14:14">
      <c r="N955754" s="10"/>
    </row>
    <row r="955755" spans="14:14">
      <c r="N955755" s="10"/>
    </row>
    <row r="955756" spans="14:14">
      <c r="N955756" s="10"/>
    </row>
    <row r="955757" spans="14:14">
      <c r="N955757" s="10"/>
    </row>
    <row r="955758" spans="14:14">
      <c r="N955758" s="10"/>
    </row>
    <row r="955759" spans="14:14">
      <c r="N955759" s="10"/>
    </row>
    <row r="955760" spans="14:14">
      <c r="N955760" s="10"/>
    </row>
    <row r="955761" spans="14:14">
      <c r="N955761" s="10"/>
    </row>
    <row r="955762" spans="14:14">
      <c r="N955762" s="10"/>
    </row>
    <row r="955763" spans="14:14">
      <c r="N955763" s="10"/>
    </row>
    <row r="955764" spans="14:14">
      <c r="N955764" s="10"/>
    </row>
    <row r="955765" spans="14:14">
      <c r="N955765" s="10"/>
    </row>
    <row r="955766" spans="14:14">
      <c r="N955766" s="10"/>
    </row>
    <row r="955767" spans="14:14">
      <c r="N955767" s="10"/>
    </row>
    <row r="955768" spans="14:14">
      <c r="N955768" s="10"/>
    </row>
    <row r="955769" spans="14:14">
      <c r="N955769" s="10"/>
    </row>
    <row r="955770" spans="14:14">
      <c r="N955770" s="10"/>
    </row>
    <row r="955771" spans="14:14">
      <c r="N955771" s="10"/>
    </row>
    <row r="955772" spans="14:14">
      <c r="N955772" s="10"/>
    </row>
    <row r="955773" spans="14:14">
      <c r="N955773" s="10"/>
    </row>
    <row r="955774" spans="14:14">
      <c r="N955774" s="10"/>
    </row>
    <row r="955775" spans="14:14">
      <c r="N955775" s="10"/>
    </row>
    <row r="955776" spans="14:14">
      <c r="N955776" s="10"/>
    </row>
    <row r="955777" spans="14:14">
      <c r="N955777" s="10"/>
    </row>
    <row r="955778" spans="14:14">
      <c r="N955778" s="10"/>
    </row>
    <row r="955779" spans="14:14">
      <c r="N955779" s="10"/>
    </row>
    <row r="955780" spans="14:14">
      <c r="N955780" s="10"/>
    </row>
    <row r="955781" spans="14:14">
      <c r="N955781" s="10"/>
    </row>
    <row r="955782" spans="14:14">
      <c r="N955782" s="10"/>
    </row>
    <row r="955783" spans="14:14">
      <c r="N955783" s="10"/>
    </row>
    <row r="955784" spans="14:14">
      <c r="N955784" s="10"/>
    </row>
    <row r="955785" spans="14:14">
      <c r="N955785" s="10"/>
    </row>
    <row r="955786" spans="14:14">
      <c r="N955786" s="10"/>
    </row>
    <row r="955787" spans="14:14">
      <c r="N955787" s="10"/>
    </row>
    <row r="955788" spans="14:14">
      <c r="N955788" s="10"/>
    </row>
    <row r="955789" spans="14:14">
      <c r="N955789" s="10"/>
    </row>
    <row r="955790" spans="14:14">
      <c r="N955790" s="10"/>
    </row>
    <row r="955791" spans="14:14">
      <c r="N955791" s="10"/>
    </row>
    <row r="955792" spans="14:14">
      <c r="N955792" s="10"/>
    </row>
    <row r="955793" spans="14:14">
      <c r="N955793" s="10"/>
    </row>
    <row r="955794" spans="14:14">
      <c r="N955794" s="10"/>
    </row>
    <row r="955795" spans="14:14">
      <c r="N955795" s="10"/>
    </row>
    <row r="955796" spans="14:14">
      <c r="N955796" s="10"/>
    </row>
    <row r="955797" spans="14:14">
      <c r="N955797" s="10"/>
    </row>
    <row r="955798" spans="14:14">
      <c r="N955798" s="10"/>
    </row>
    <row r="955799" spans="14:14">
      <c r="N955799" s="10"/>
    </row>
    <row r="955800" spans="14:14">
      <c r="N955800" s="10"/>
    </row>
    <row r="955801" spans="14:14">
      <c r="N955801" s="10"/>
    </row>
    <row r="955802" spans="14:14">
      <c r="N955802" s="10"/>
    </row>
    <row r="955803" spans="14:14">
      <c r="N955803" s="10"/>
    </row>
    <row r="955804" spans="14:14">
      <c r="N955804" s="10"/>
    </row>
    <row r="955805" spans="14:14">
      <c r="N955805" s="10"/>
    </row>
    <row r="955806" spans="14:14">
      <c r="N955806" s="10"/>
    </row>
    <row r="955807" spans="14:14">
      <c r="N955807" s="10"/>
    </row>
    <row r="955808" spans="14:14">
      <c r="N955808" s="10"/>
    </row>
    <row r="955809" spans="14:14">
      <c r="N955809" s="10"/>
    </row>
    <row r="955810" spans="14:14">
      <c r="N955810" s="10"/>
    </row>
    <row r="955811" spans="14:14">
      <c r="N955811" s="10"/>
    </row>
    <row r="955812" spans="14:14">
      <c r="N955812" s="10"/>
    </row>
    <row r="955813" spans="14:14">
      <c r="N955813" s="10"/>
    </row>
    <row r="955814" spans="14:14">
      <c r="N955814" s="10"/>
    </row>
    <row r="955815" spans="14:14">
      <c r="N955815" s="10"/>
    </row>
    <row r="955816" spans="14:14">
      <c r="N955816" s="10"/>
    </row>
    <row r="955817" spans="14:14">
      <c r="N955817" s="10"/>
    </row>
    <row r="955818" spans="14:14">
      <c r="N955818" s="10"/>
    </row>
    <row r="955819" spans="14:14">
      <c r="N955819" s="10"/>
    </row>
    <row r="955820" spans="14:14">
      <c r="N955820" s="10"/>
    </row>
    <row r="955821" spans="14:14">
      <c r="N955821" s="10"/>
    </row>
    <row r="955822" spans="14:14">
      <c r="N955822" s="10"/>
    </row>
    <row r="955823" spans="14:14">
      <c r="N955823" s="10"/>
    </row>
    <row r="955824" spans="14:14">
      <c r="N955824" s="10"/>
    </row>
    <row r="955825" spans="14:14">
      <c r="N955825" s="10"/>
    </row>
    <row r="955826" spans="14:14">
      <c r="N955826" s="10"/>
    </row>
    <row r="955827" spans="14:14">
      <c r="N955827" s="10"/>
    </row>
    <row r="955828" spans="14:14">
      <c r="N955828" s="10"/>
    </row>
    <row r="955829" spans="14:14">
      <c r="N955829" s="10"/>
    </row>
    <row r="955830" spans="14:14">
      <c r="N955830" s="10"/>
    </row>
    <row r="955831" spans="14:14">
      <c r="N955831" s="10"/>
    </row>
    <row r="955832" spans="14:14">
      <c r="N955832" s="10"/>
    </row>
    <row r="955833" spans="14:14">
      <c r="N955833" s="10"/>
    </row>
    <row r="955834" spans="14:14">
      <c r="N955834" s="10"/>
    </row>
    <row r="955835" spans="14:14">
      <c r="N955835" s="10"/>
    </row>
    <row r="955836" spans="14:14">
      <c r="N955836" s="10"/>
    </row>
    <row r="955837" spans="14:14">
      <c r="N955837" s="10"/>
    </row>
    <row r="955838" spans="14:14">
      <c r="N955838" s="10"/>
    </row>
    <row r="955839" spans="14:14">
      <c r="N955839" s="10"/>
    </row>
    <row r="955840" spans="14:14">
      <c r="N955840" s="10"/>
    </row>
    <row r="955841" spans="14:14">
      <c r="N955841" s="10"/>
    </row>
    <row r="955842" spans="14:14">
      <c r="N955842" s="10"/>
    </row>
    <row r="955843" spans="14:14">
      <c r="N955843" s="10"/>
    </row>
    <row r="955844" spans="14:14">
      <c r="N955844" s="10"/>
    </row>
    <row r="955845" spans="14:14">
      <c r="N955845" s="10"/>
    </row>
    <row r="955846" spans="14:14">
      <c r="N955846" s="10"/>
    </row>
    <row r="955847" spans="14:14">
      <c r="N955847" s="10"/>
    </row>
    <row r="955848" spans="14:14">
      <c r="N955848" s="10"/>
    </row>
    <row r="955849" spans="14:14">
      <c r="N955849" s="10"/>
    </row>
    <row r="955850" spans="14:14">
      <c r="N955850" s="10"/>
    </row>
    <row r="955851" spans="14:14">
      <c r="N955851" s="10"/>
    </row>
    <row r="955852" spans="14:14">
      <c r="N955852" s="10"/>
    </row>
    <row r="955853" spans="14:14">
      <c r="N955853" s="10"/>
    </row>
    <row r="955854" spans="14:14">
      <c r="N955854" s="10"/>
    </row>
    <row r="955855" spans="14:14">
      <c r="N955855" s="10"/>
    </row>
    <row r="955856" spans="14:14">
      <c r="N955856" s="10"/>
    </row>
    <row r="955857" spans="14:14">
      <c r="N955857" s="10"/>
    </row>
    <row r="955858" spans="14:14">
      <c r="N955858" s="10"/>
    </row>
    <row r="955859" spans="14:14">
      <c r="N955859" s="10"/>
    </row>
    <row r="955860" spans="14:14">
      <c r="N955860" s="10"/>
    </row>
    <row r="955861" spans="14:14">
      <c r="N955861" s="10"/>
    </row>
    <row r="955862" spans="14:14">
      <c r="N955862" s="10"/>
    </row>
    <row r="955863" spans="14:14">
      <c r="N955863" s="10"/>
    </row>
    <row r="955864" spans="14:14">
      <c r="N955864" s="10"/>
    </row>
    <row r="955865" spans="14:14">
      <c r="N955865" s="10"/>
    </row>
    <row r="955866" spans="14:14">
      <c r="N955866" s="10"/>
    </row>
    <row r="955867" spans="14:14">
      <c r="N955867" s="10"/>
    </row>
    <row r="955868" spans="14:14">
      <c r="N955868" s="10"/>
    </row>
    <row r="955869" spans="14:14">
      <c r="N955869" s="10"/>
    </row>
    <row r="955870" spans="14:14">
      <c r="N955870" s="10"/>
    </row>
    <row r="955871" spans="14:14">
      <c r="N955871" s="10"/>
    </row>
    <row r="955872" spans="14:14">
      <c r="N955872" s="10"/>
    </row>
    <row r="955873" spans="14:14">
      <c r="N955873" s="10"/>
    </row>
    <row r="955874" spans="14:14">
      <c r="N955874" s="10"/>
    </row>
    <row r="955875" spans="14:14">
      <c r="N955875" s="10"/>
    </row>
    <row r="955876" spans="14:14">
      <c r="N955876" s="10"/>
    </row>
    <row r="955877" spans="14:14">
      <c r="N955877" s="10"/>
    </row>
    <row r="955878" spans="14:14">
      <c r="N955878" s="10"/>
    </row>
    <row r="955879" spans="14:14">
      <c r="N955879" s="10"/>
    </row>
    <row r="955880" spans="14:14">
      <c r="N955880" s="10"/>
    </row>
    <row r="955881" spans="14:14">
      <c r="N955881" s="10"/>
    </row>
    <row r="955882" spans="14:14">
      <c r="N955882" s="10"/>
    </row>
    <row r="955883" spans="14:14">
      <c r="N955883" s="10"/>
    </row>
    <row r="955884" spans="14:14">
      <c r="N955884" s="10"/>
    </row>
    <row r="955885" spans="14:14">
      <c r="N955885" s="10"/>
    </row>
    <row r="955886" spans="14:14">
      <c r="N955886" s="10"/>
    </row>
    <row r="955887" spans="14:14">
      <c r="N955887" s="10"/>
    </row>
    <row r="955888" spans="14:14">
      <c r="N955888" s="10"/>
    </row>
    <row r="955889" spans="14:14">
      <c r="N955889" s="10"/>
    </row>
    <row r="955890" spans="14:14">
      <c r="N955890" s="10"/>
    </row>
    <row r="955891" spans="14:14">
      <c r="N955891" s="10"/>
    </row>
    <row r="955892" spans="14:14">
      <c r="N955892" s="10"/>
    </row>
    <row r="955893" spans="14:14">
      <c r="N955893" s="10"/>
    </row>
    <row r="955894" spans="14:14">
      <c r="N955894" s="10"/>
    </row>
    <row r="955895" spans="14:14">
      <c r="N955895" s="10"/>
    </row>
    <row r="955896" spans="14:14">
      <c r="N955896" s="10"/>
    </row>
    <row r="955897" spans="14:14">
      <c r="N955897" s="10"/>
    </row>
    <row r="955898" spans="14:14">
      <c r="N955898" s="10"/>
    </row>
    <row r="955899" spans="14:14">
      <c r="N955899" s="10"/>
    </row>
    <row r="955900" spans="14:14">
      <c r="N955900" s="10"/>
    </row>
    <row r="955901" spans="14:14">
      <c r="N955901" s="10"/>
    </row>
    <row r="955902" spans="14:14">
      <c r="N955902" s="10"/>
    </row>
    <row r="955903" spans="14:14">
      <c r="N955903" s="10"/>
    </row>
    <row r="955904" spans="14:14">
      <c r="N955904" s="10"/>
    </row>
    <row r="955905" spans="14:14">
      <c r="N955905" s="10"/>
    </row>
    <row r="955906" spans="14:14">
      <c r="N955906" s="10"/>
    </row>
    <row r="955907" spans="14:14">
      <c r="N955907" s="10"/>
    </row>
    <row r="955908" spans="14:14">
      <c r="N955908" s="10"/>
    </row>
    <row r="955909" spans="14:14">
      <c r="N955909" s="10"/>
    </row>
    <row r="955910" spans="14:14">
      <c r="N955910" s="10"/>
    </row>
    <row r="955911" spans="14:14">
      <c r="N955911" s="10"/>
    </row>
    <row r="955912" spans="14:14">
      <c r="N955912" s="10"/>
    </row>
    <row r="955913" spans="14:14">
      <c r="N955913" s="10"/>
    </row>
    <row r="955914" spans="14:14">
      <c r="N955914" s="10"/>
    </row>
    <row r="955915" spans="14:14">
      <c r="N955915" s="10"/>
    </row>
    <row r="955916" spans="14:14">
      <c r="N955916" s="10"/>
    </row>
    <row r="955917" spans="14:14">
      <c r="N955917" s="10"/>
    </row>
    <row r="955918" spans="14:14">
      <c r="N955918" s="10"/>
    </row>
    <row r="955919" spans="14:14">
      <c r="N955919" s="10"/>
    </row>
    <row r="955920" spans="14:14">
      <c r="N955920" s="10"/>
    </row>
    <row r="955921" spans="14:14">
      <c r="N955921" s="10"/>
    </row>
    <row r="955922" spans="14:14">
      <c r="N955922" s="10"/>
    </row>
    <row r="955923" spans="14:14">
      <c r="N955923" s="10"/>
    </row>
    <row r="955924" spans="14:14">
      <c r="N955924" s="10"/>
    </row>
    <row r="955925" spans="14:14">
      <c r="N955925" s="10"/>
    </row>
    <row r="955926" spans="14:14">
      <c r="N955926" s="10"/>
    </row>
    <row r="955927" spans="14:14">
      <c r="N955927" s="10"/>
    </row>
    <row r="955928" spans="14:14">
      <c r="N955928" s="10"/>
    </row>
    <row r="955929" spans="14:14">
      <c r="N955929" s="10"/>
    </row>
    <row r="955930" spans="14:14">
      <c r="N955930" s="10"/>
    </row>
    <row r="955931" spans="14:14">
      <c r="N955931" s="10"/>
    </row>
    <row r="955932" spans="14:14">
      <c r="N955932" s="10"/>
    </row>
    <row r="955933" spans="14:14">
      <c r="N955933" s="10"/>
    </row>
    <row r="955934" spans="14:14">
      <c r="N955934" s="10"/>
    </row>
    <row r="955935" spans="14:14">
      <c r="N955935" s="10"/>
    </row>
    <row r="955936" spans="14:14">
      <c r="N955936" s="10"/>
    </row>
    <row r="955937" spans="14:14">
      <c r="N955937" s="10"/>
    </row>
    <row r="955938" spans="14:14">
      <c r="N955938" s="10"/>
    </row>
    <row r="955939" spans="14:14">
      <c r="N955939" s="10"/>
    </row>
    <row r="955940" spans="14:14">
      <c r="N955940" s="10"/>
    </row>
    <row r="955941" spans="14:14">
      <c r="N955941" s="10"/>
    </row>
    <row r="955942" spans="14:14">
      <c r="N955942" s="10"/>
    </row>
    <row r="955943" spans="14:14">
      <c r="N955943" s="10"/>
    </row>
    <row r="955944" spans="14:14">
      <c r="N955944" s="10"/>
    </row>
    <row r="955945" spans="14:14">
      <c r="N955945" s="10"/>
    </row>
    <row r="955946" spans="14:14">
      <c r="N955946" s="10"/>
    </row>
    <row r="955947" spans="14:14">
      <c r="N955947" s="10"/>
    </row>
    <row r="955948" spans="14:14">
      <c r="N955948" s="10"/>
    </row>
    <row r="955949" spans="14:14">
      <c r="N955949" s="10"/>
    </row>
    <row r="955950" spans="14:14">
      <c r="N955950" s="10"/>
    </row>
    <row r="955951" spans="14:14">
      <c r="N955951" s="10"/>
    </row>
    <row r="955952" spans="14:14">
      <c r="N955952" s="10"/>
    </row>
    <row r="955953" spans="14:14">
      <c r="N955953" s="10"/>
    </row>
    <row r="955954" spans="14:14">
      <c r="N955954" s="10"/>
    </row>
    <row r="955955" spans="14:14">
      <c r="N955955" s="10"/>
    </row>
    <row r="955956" spans="14:14">
      <c r="N955956" s="10"/>
    </row>
    <row r="955957" spans="14:14">
      <c r="N955957" s="10"/>
    </row>
    <row r="955958" spans="14:14">
      <c r="N955958" s="10"/>
    </row>
    <row r="955959" spans="14:14">
      <c r="N955959" s="10"/>
    </row>
    <row r="955960" spans="14:14">
      <c r="N955960" s="10"/>
    </row>
    <row r="955961" spans="14:14">
      <c r="N955961" s="10"/>
    </row>
    <row r="955962" spans="14:14">
      <c r="N955962" s="10"/>
    </row>
    <row r="955963" spans="14:14">
      <c r="N955963" s="10"/>
    </row>
    <row r="955964" spans="14:14">
      <c r="N955964" s="10"/>
    </row>
    <row r="955965" spans="14:14">
      <c r="N955965" s="10"/>
    </row>
    <row r="955966" spans="14:14">
      <c r="N955966" s="10"/>
    </row>
    <row r="955967" spans="14:14">
      <c r="N955967" s="10"/>
    </row>
    <row r="955968" spans="14:14">
      <c r="N955968" s="10"/>
    </row>
    <row r="955969" spans="14:14">
      <c r="N955969" s="10"/>
    </row>
    <row r="955970" spans="14:14">
      <c r="N955970" s="10"/>
    </row>
    <row r="955971" spans="14:14">
      <c r="N955971" s="10"/>
    </row>
    <row r="955972" spans="14:14">
      <c r="N955972" s="10"/>
    </row>
    <row r="955973" spans="14:14">
      <c r="N955973" s="10"/>
    </row>
    <row r="955974" spans="14:14">
      <c r="N955974" s="10"/>
    </row>
    <row r="955975" spans="14:14">
      <c r="N955975" s="10"/>
    </row>
    <row r="955976" spans="14:14">
      <c r="N955976" s="10"/>
    </row>
    <row r="955977" spans="14:14">
      <c r="N955977" s="10"/>
    </row>
    <row r="955978" spans="14:14">
      <c r="N955978" s="10"/>
    </row>
    <row r="955979" spans="14:14">
      <c r="N955979" s="10"/>
    </row>
    <row r="955980" spans="14:14">
      <c r="N955980" s="10"/>
    </row>
    <row r="955981" spans="14:14">
      <c r="N955981" s="10"/>
    </row>
    <row r="955982" spans="14:14">
      <c r="N955982" s="10"/>
    </row>
    <row r="955983" spans="14:14">
      <c r="N955983" s="10"/>
    </row>
    <row r="955984" spans="14:14">
      <c r="N955984" s="10"/>
    </row>
    <row r="955985" spans="14:14">
      <c r="N955985" s="10"/>
    </row>
    <row r="955986" spans="14:14">
      <c r="N955986" s="10"/>
    </row>
    <row r="955987" spans="14:14">
      <c r="N955987" s="10"/>
    </row>
    <row r="955988" spans="14:14">
      <c r="N955988" s="10"/>
    </row>
    <row r="955989" spans="14:14">
      <c r="N955989" s="10"/>
    </row>
    <row r="955990" spans="14:14">
      <c r="N955990" s="10"/>
    </row>
    <row r="955991" spans="14:14">
      <c r="N955991" s="10"/>
    </row>
    <row r="955992" spans="14:14">
      <c r="N955992" s="10"/>
    </row>
    <row r="955993" spans="14:14">
      <c r="N955993" s="10"/>
    </row>
    <row r="955994" spans="14:14">
      <c r="N955994" s="10"/>
    </row>
    <row r="955995" spans="14:14">
      <c r="N955995" s="10"/>
    </row>
    <row r="955996" spans="14:14">
      <c r="N955996" s="10"/>
    </row>
    <row r="955997" spans="14:14">
      <c r="N955997" s="10"/>
    </row>
    <row r="955998" spans="14:14">
      <c r="N955998" s="10"/>
    </row>
    <row r="955999" spans="14:14">
      <c r="N955999" s="10"/>
    </row>
    <row r="956000" spans="14:14">
      <c r="N956000" s="10"/>
    </row>
    <row r="956001" spans="14:14">
      <c r="N956001" s="10"/>
    </row>
    <row r="956002" spans="14:14">
      <c r="N956002" s="10"/>
    </row>
    <row r="956003" spans="14:14">
      <c r="N956003" s="10"/>
    </row>
    <row r="956004" spans="14:14">
      <c r="N956004" s="10"/>
    </row>
    <row r="956005" spans="14:14">
      <c r="N956005" s="10"/>
    </row>
    <row r="956006" spans="14:14">
      <c r="N956006" s="10"/>
    </row>
    <row r="956007" spans="14:14">
      <c r="N956007" s="10"/>
    </row>
    <row r="956008" spans="14:14">
      <c r="N956008" s="10"/>
    </row>
    <row r="956009" spans="14:14">
      <c r="N956009" s="10"/>
    </row>
    <row r="956010" spans="14:14">
      <c r="N956010" s="10"/>
    </row>
    <row r="956011" spans="14:14">
      <c r="N956011" s="10"/>
    </row>
    <row r="956012" spans="14:14">
      <c r="N956012" s="10"/>
    </row>
    <row r="956013" spans="14:14">
      <c r="N956013" s="10"/>
    </row>
    <row r="956014" spans="14:14">
      <c r="N956014" s="10"/>
    </row>
    <row r="956015" spans="14:14">
      <c r="N956015" s="10"/>
    </row>
    <row r="956016" spans="14:14">
      <c r="N956016" s="10"/>
    </row>
    <row r="956017" spans="14:14">
      <c r="N956017" s="10"/>
    </row>
    <row r="956018" spans="14:14">
      <c r="N956018" s="10"/>
    </row>
    <row r="956019" spans="14:14">
      <c r="N956019" s="10"/>
    </row>
    <row r="956020" spans="14:14">
      <c r="N956020" s="10"/>
    </row>
    <row r="956021" spans="14:14">
      <c r="N956021" s="10"/>
    </row>
    <row r="956022" spans="14:14">
      <c r="N956022" s="10"/>
    </row>
    <row r="956023" spans="14:14">
      <c r="N956023" s="10"/>
    </row>
    <row r="956024" spans="14:14">
      <c r="N956024" s="10"/>
    </row>
    <row r="956025" spans="14:14">
      <c r="N956025" s="10"/>
    </row>
    <row r="956026" spans="14:14">
      <c r="N956026" s="10"/>
    </row>
    <row r="956027" spans="14:14">
      <c r="N956027" s="10"/>
    </row>
    <row r="956028" spans="14:14">
      <c r="N956028" s="10"/>
    </row>
    <row r="956029" spans="14:14">
      <c r="N956029" s="10"/>
    </row>
    <row r="956030" spans="14:14">
      <c r="N956030" s="10"/>
    </row>
    <row r="956031" spans="14:14">
      <c r="N956031" s="10"/>
    </row>
    <row r="956032" spans="14:14">
      <c r="N956032" s="10"/>
    </row>
    <row r="956033" spans="14:14">
      <c r="N956033" s="10"/>
    </row>
    <row r="956034" spans="14:14">
      <c r="N956034" s="10"/>
    </row>
    <row r="956035" spans="14:14">
      <c r="N956035" s="10"/>
    </row>
    <row r="956036" spans="14:14">
      <c r="N956036" s="10"/>
    </row>
    <row r="956037" spans="14:14">
      <c r="N956037" s="10"/>
    </row>
    <row r="956038" spans="14:14">
      <c r="N956038" s="10"/>
    </row>
    <row r="956039" spans="14:14">
      <c r="N956039" s="10"/>
    </row>
    <row r="956040" spans="14:14">
      <c r="N956040" s="10"/>
    </row>
    <row r="956041" spans="14:14">
      <c r="N956041" s="10"/>
    </row>
    <row r="956042" spans="14:14">
      <c r="N956042" s="10"/>
    </row>
    <row r="956043" spans="14:14">
      <c r="N956043" s="10"/>
    </row>
    <row r="956044" spans="14:14">
      <c r="N956044" s="10"/>
    </row>
    <row r="956045" spans="14:14">
      <c r="N956045" s="10"/>
    </row>
    <row r="956046" spans="14:14">
      <c r="N956046" s="10"/>
    </row>
    <row r="956047" spans="14:14">
      <c r="N956047" s="10"/>
    </row>
    <row r="956048" spans="14:14">
      <c r="N956048" s="10"/>
    </row>
    <row r="956049" spans="14:14">
      <c r="N956049" s="10"/>
    </row>
    <row r="956050" spans="14:14">
      <c r="N956050" s="10"/>
    </row>
    <row r="956051" spans="14:14">
      <c r="N956051" s="10"/>
    </row>
    <row r="956052" spans="14:14">
      <c r="N956052" s="10"/>
    </row>
    <row r="956053" spans="14:14">
      <c r="N956053" s="10"/>
    </row>
    <row r="956054" spans="14:14">
      <c r="N956054" s="10"/>
    </row>
    <row r="956055" spans="14:14">
      <c r="N956055" s="10"/>
    </row>
    <row r="956056" spans="14:14">
      <c r="N956056" s="10"/>
    </row>
    <row r="956057" spans="14:14">
      <c r="N956057" s="10"/>
    </row>
    <row r="956058" spans="14:14">
      <c r="N956058" s="10"/>
    </row>
    <row r="956059" spans="14:14">
      <c r="N956059" s="10"/>
    </row>
    <row r="956060" spans="14:14">
      <c r="N956060" s="10"/>
    </row>
    <row r="956061" spans="14:14">
      <c r="N956061" s="10"/>
    </row>
    <row r="956062" spans="14:14">
      <c r="N956062" s="10"/>
    </row>
    <row r="956063" spans="14:14">
      <c r="N956063" s="10"/>
    </row>
    <row r="956064" spans="14:14">
      <c r="N956064" s="10"/>
    </row>
    <row r="956065" spans="14:14">
      <c r="N956065" s="10"/>
    </row>
    <row r="956066" spans="14:14">
      <c r="N956066" s="10"/>
    </row>
    <row r="956067" spans="14:14">
      <c r="N956067" s="10"/>
    </row>
    <row r="956068" spans="14:14">
      <c r="N956068" s="10"/>
    </row>
    <row r="956069" spans="14:14">
      <c r="N956069" s="10"/>
    </row>
    <row r="956070" spans="14:14">
      <c r="N956070" s="10"/>
    </row>
    <row r="956071" spans="14:14">
      <c r="N956071" s="10"/>
    </row>
    <row r="956072" spans="14:14">
      <c r="N956072" s="10"/>
    </row>
    <row r="956073" spans="14:14">
      <c r="N956073" s="10"/>
    </row>
    <row r="956074" spans="14:14">
      <c r="N956074" s="10"/>
    </row>
    <row r="956075" spans="14:14">
      <c r="N956075" s="10"/>
    </row>
    <row r="956076" spans="14:14">
      <c r="N956076" s="10"/>
    </row>
    <row r="956077" spans="14:14">
      <c r="N956077" s="10"/>
    </row>
    <row r="956078" spans="14:14">
      <c r="N956078" s="10"/>
    </row>
    <row r="956079" spans="14:14">
      <c r="N956079" s="10"/>
    </row>
    <row r="956080" spans="14:14">
      <c r="N956080" s="10"/>
    </row>
    <row r="956081" spans="14:14">
      <c r="N956081" s="10"/>
    </row>
    <row r="956082" spans="14:14">
      <c r="N956082" s="10"/>
    </row>
    <row r="956083" spans="14:14">
      <c r="N956083" s="10"/>
    </row>
    <row r="956084" spans="14:14">
      <c r="N956084" s="10"/>
    </row>
    <row r="956085" spans="14:14">
      <c r="N956085" s="10"/>
    </row>
    <row r="956086" spans="14:14">
      <c r="N956086" s="10"/>
    </row>
    <row r="956087" spans="14:14">
      <c r="N956087" s="10"/>
    </row>
    <row r="956088" spans="14:14">
      <c r="N956088" s="10"/>
    </row>
    <row r="956089" spans="14:14">
      <c r="N956089" s="10"/>
    </row>
    <row r="956090" spans="14:14">
      <c r="N956090" s="10"/>
    </row>
    <row r="956091" spans="14:14">
      <c r="N956091" s="10"/>
    </row>
    <row r="956092" spans="14:14">
      <c r="N956092" s="10"/>
    </row>
    <row r="956093" spans="14:14">
      <c r="N956093" s="10"/>
    </row>
    <row r="956094" spans="14:14">
      <c r="N956094" s="10"/>
    </row>
    <row r="956095" spans="14:14">
      <c r="N956095" s="10"/>
    </row>
    <row r="956096" spans="14:14">
      <c r="N956096" s="10"/>
    </row>
    <row r="956097" spans="14:14">
      <c r="N956097" s="10"/>
    </row>
    <row r="956098" spans="14:14">
      <c r="N956098" s="10"/>
    </row>
    <row r="956099" spans="14:14">
      <c r="N956099" s="10"/>
    </row>
    <row r="956100" spans="14:14">
      <c r="N956100" s="10"/>
    </row>
    <row r="956101" spans="14:14">
      <c r="N956101" s="10"/>
    </row>
    <row r="956102" spans="14:14">
      <c r="N956102" s="10"/>
    </row>
    <row r="956103" spans="14:14">
      <c r="N956103" s="10"/>
    </row>
    <row r="956104" spans="14:14">
      <c r="N956104" s="10"/>
    </row>
    <row r="956105" spans="14:14">
      <c r="N956105" s="10"/>
    </row>
    <row r="956106" spans="14:14">
      <c r="N956106" s="10"/>
    </row>
    <row r="956107" spans="14:14">
      <c r="N956107" s="10"/>
    </row>
    <row r="956108" spans="14:14">
      <c r="N956108" s="10"/>
    </row>
    <row r="956109" spans="14:14">
      <c r="N956109" s="10"/>
    </row>
    <row r="956110" spans="14:14">
      <c r="N956110" s="10"/>
    </row>
    <row r="956111" spans="14:14">
      <c r="N956111" s="10"/>
    </row>
    <row r="956112" spans="14:14">
      <c r="N956112" s="10"/>
    </row>
    <row r="956113" spans="14:14">
      <c r="N956113" s="10"/>
    </row>
    <row r="956114" spans="14:14">
      <c r="N956114" s="10"/>
    </row>
    <row r="956115" spans="14:14">
      <c r="N956115" s="10"/>
    </row>
    <row r="956116" spans="14:14">
      <c r="N956116" s="10"/>
    </row>
    <row r="956117" spans="14:14">
      <c r="N956117" s="10"/>
    </row>
    <row r="956118" spans="14:14">
      <c r="N956118" s="10"/>
    </row>
    <row r="956119" spans="14:14">
      <c r="N956119" s="10"/>
    </row>
    <row r="956120" spans="14:14">
      <c r="N956120" s="10"/>
    </row>
    <row r="956121" spans="14:14">
      <c r="N956121" s="10"/>
    </row>
    <row r="956122" spans="14:14">
      <c r="N956122" s="10"/>
    </row>
    <row r="956123" spans="14:14">
      <c r="N956123" s="10"/>
    </row>
    <row r="956124" spans="14:14">
      <c r="N956124" s="10"/>
    </row>
    <row r="956125" spans="14:14">
      <c r="N956125" s="10"/>
    </row>
    <row r="956126" spans="14:14">
      <c r="N956126" s="10"/>
    </row>
    <row r="956127" spans="14:14">
      <c r="N956127" s="10"/>
    </row>
    <row r="956128" spans="14:14">
      <c r="N956128" s="10"/>
    </row>
    <row r="956129" spans="14:14">
      <c r="N956129" s="10"/>
    </row>
    <row r="956130" spans="14:14">
      <c r="N956130" s="10"/>
    </row>
    <row r="956131" spans="14:14">
      <c r="N956131" s="10"/>
    </row>
    <row r="956132" spans="14:14">
      <c r="N956132" s="10"/>
    </row>
    <row r="956133" spans="14:14">
      <c r="N956133" s="10"/>
    </row>
    <row r="956134" spans="14:14">
      <c r="N956134" s="10"/>
    </row>
    <row r="956135" spans="14:14">
      <c r="N956135" s="10"/>
    </row>
    <row r="956136" spans="14:14">
      <c r="N956136" s="10"/>
    </row>
    <row r="956137" spans="14:14">
      <c r="N956137" s="10"/>
    </row>
    <row r="956138" spans="14:14">
      <c r="N956138" s="10"/>
    </row>
    <row r="956139" spans="14:14">
      <c r="N956139" s="10"/>
    </row>
    <row r="956140" spans="14:14">
      <c r="N956140" s="10"/>
    </row>
    <row r="956141" spans="14:14">
      <c r="N956141" s="10"/>
    </row>
    <row r="956142" spans="14:14">
      <c r="N956142" s="10"/>
    </row>
    <row r="956143" spans="14:14">
      <c r="N956143" s="10"/>
    </row>
    <row r="956144" spans="14:14">
      <c r="N956144" s="10"/>
    </row>
    <row r="956145" spans="14:14">
      <c r="N956145" s="10"/>
    </row>
    <row r="956146" spans="14:14">
      <c r="N956146" s="10"/>
    </row>
    <row r="956147" spans="14:14">
      <c r="N956147" s="10"/>
    </row>
    <row r="956148" spans="14:14">
      <c r="N956148" s="10"/>
    </row>
    <row r="956149" spans="14:14">
      <c r="N956149" s="10"/>
    </row>
    <row r="956150" spans="14:14">
      <c r="N956150" s="10"/>
    </row>
    <row r="956151" spans="14:14">
      <c r="N956151" s="10"/>
    </row>
    <row r="956152" spans="14:14">
      <c r="N956152" s="10"/>
    </row>
    <row r="956153" spans="14:14">
      <c r="N956153" s="10"/>
    </row>
    <row r="956154" spans="14:14">
      <c r="N956154" s="10"/>
    </row>
    <row r="956155" spans="14:14">
      <c r="N956155" s="10"/>
    </row>
    <row r="956156" spans="14:14">
      <c r="N956156" s="10"/>
    </row>
    <row r="956157" spans="14:14">
      <c r="N956157" s="10"/>
    </row>
    <row r="956158" spans="14:14">
      <c r="N956158" s="10"/>
    </row>
    <row r="956159" spans="14:14">
      <c r="N956159" s="10"/>
    </row>
    <row r="956160" spans="14:14">
      <c r="N956160" s="10"/>
    </row>
    <row r="956161" spans="14:14">
      <c r="N956161" s="10"/>
    </row>
    <row r="956162" spans="14:14">
      <c r="N956162" s="10"/>
    </row>
    <row r="956163" spans="14:14">
      <c r="N956163" s="10"/>
    </row>
    <row r="956164" spans="14:14">
      <c r="N956164" s="10"/>
    </row>
    <row r="956165" spans="14:14">
      <c r="N956165" s="10"/>
    </row>
    <row r="956166" spans="14:14">
      <c r="N956166" s="10"/>
    </row>
    <row r="956167" spans="14:14">
      <c r="N956167" s="10"/>
    </row>
    <row r="956168" spans="14:14">
      <c r="N956168" s="10"/>
    </row>
    <row r="956169" spans="14:14">
      <c r="N956169" s="10"/>
    </row>
    <row r="956170" spans="14:14">
      <c r="N956170" s="10"/>
    </row>
    <row r="956171" spans="14:14">
      <c r="N956171" s="10"/>
    </row>
    <row r="956172" spans="14:14">
      <c r="N956172" s="10"/>
    </row>
    <row r="956173" spans="14:14">
      <c r="N956173" s="10"/>
    </row>
    <row r="956174" spans="14:14">
      <c r="N956174" s="10"/>
    </row>
    <row r="956175" spans="14:14">
      <c r="N956175" s="10"/>
    </row>
    <row r="956176" spans="14:14">
      <c r="N956176" s="10"/>
    </row>
    <row r="956177" spans="14:14">
      <c r="N956177" s="10"/>
    </row>
    <row r="956178" spans="14:14">
      <c r="N956178" s="10"/>
    </row>
    <row r="956179" spans="14:14">
      <c r="N956179" s="10"/>
    </row>
    <row r="956180" spans="14:14">
      <c r="N956180" s="10"/>
    </row>
    <row r="956181" spans="14:14">
      <c r="N956181" s="10"/>
    </row>
    <row r="956182" spans="14:14">
      <c r="N956182" s="10"/>
    </row>
    <row r="956183" spans="14:14">
      <c r="N956183" s="10"/>
    </row>
    <row r="956184" spans="14:14">
      <c r="N956184" s="10"/>
    </row>
    <row r="956185" spans="14:14">
      <c r="N956185" s="10"/>
    </row>
    <row r="956186" spans="14:14">
      <c r="N956186" s="10"/>
    </row>
    <row r="956187" spans="14:14">
      <c r="N956187" s="10"/>
    </row>
    <row r="956188" spans="14:14">
      <c r="N956188" s="10"/>
    </row>
    <row r="956189" spans="14:14">
      <c r="N956189" s="10"/>
    </row>
    <row r="956190" spans="14:14">
      <c r="N956190" s="10"/>
    </row>
    <row r="956191" spans="14:14">
      <c r="N956191" s="10"/>
    </row>
    <row r="956192" spans="14:14">
      <c r="N956192" s="10"/>
    </row>
    <row r="956193" spans="14:14">
      <c r="N956193" s="10"/>
    </row>
    <row r="956194" spans="14:14">
      <c r="N956194" s="10"/>
    </row>
    <row r="956195" spans="14:14">
      <c r="N956195" s="10"/>
    </row>
    <row r="956196" spans="14:14">
      <c r="N956196" s="10"/>
    </row>
    <row r="956197" spans="14:14">
      <c r="N956197" s="10"/>
    </row>
    <row r="956198" spans="14:14">
      <c r="N956198" s="10"/>
    </row>
    <row r="956199" spans="14:14">
      <c r="N956199" s="10"/>
    </row>
    <row r="956200" spans="14:14">
      <c r="N956200" s="10"/>
    </row>
    <row r="956201" spans="14:14">
      <c r="N956201" s="10"/>
    </row>
    <row r="956202" spans="14:14">
      <c r="N956202" s="10"/>
    </row>
    <row r="956203" spans="14:14">
      <c r="N956203" s="10"/>
    </row>
    <row r="956204" spans="14:14">
      <c r="N956204" s="10"/>
    </row>
    <row r="956205" spans="14:14">
      <c r="N956205" s="10"/>
    </row>
    <row r="956206" spans="14:14">
      <c r="N956206" s="10"/>
    </row>
    <row r="956207" spans="14:14">
      <c r="N956207" s="10"/>
    </row>
    <row r="956208" spans="14:14">
      <c r="N956208" s="10"/>
    </row>
    <row r="956209" spans="14:14">
      <c r="N956209" s="10"/>
    </row>
    <row r="956210" spans="14:14">
      <c r="N956210" s="10"/>
    </row>
    <row r="956211" spans="14:14">
      <c r="N956211" s="10"/>
    </row>
    <row r="956212" spans="14:14">
      <c r="N956212" s="10"/>
    </row>
    <row r="956213" spans="14:14">
      <c r="N956213" s="10"/>
    </row>
    <row r="956214" spans="14:14">
      <c r="N956214" s="10"/>
    </row>
    <row r="956215" spans="14:14">
      <c r="N956215" s="10"/>
    </row>
    <row r="956216" spans="14:14">
      <c r="N956216" s="10"/>
    </row>
    <row r="956217" spans="14:14">
      <c r="N956217" s="10"/>
    </row>
    <row r="956218" spans="14:14">
      <c r="N956218" s="10"/>
    </row>
    <row r="956219" spans="14:14">
      <c r="N956219" s="10"/>
    </row>
    <row r="956220" spans="14:14">
      <c r="N956220" s="10"/>
    </row>
    <row r="956221" spans="14:14">
      <c r="N956221" s="10"/>
    </row>
    <row r="956222" spans="14:14">
      <c r="N956222" s="10"/>
    </row>
    <row r="956223" spans="14:14">
      <c r="N956223" s="10"/>
    </row>
    <row r="956224" spans="14:14">
      <c r="N956224" s="10"/>
    </row>
    <row r="956225" spans="14:14">
      <c r="N956225" s="10"/>
    </row>
    <row r="956226" spans="14:14">
      <c r="N956226" s="10"/>
    </row>
    <row r="956227" spans="14:14">
      <c r="N956227" s="10"/>
    </row>
    <row r="956228" spans="14:14">
      <c r="N956228" s="10"/>
    </row>
    <row r="956229" spans="14:14">
      <c r="N956229" s="10"/>
    </row>
    <row r="956230" spans="14:14">
      <c r="N956230" s="10"/>
    </row>
    <row r="956231" spans="14:14">
      <c r="N956231" s="10"/>
    </row>
    <row r="956232" spans="14:14">
      <c r="N956232" s="10"/>
    </row>
    <row r="956233" spans="14:14">
      <c r="N956233" s="10"/>
    </row>
    <row r="956234" spans="14:14">
      <c r="N956234" s="10"/>
    </row>
    <row r="956235" spans="14:14">
      <c r="N956235" s="10"/>
    </row>
    <row r="956236" spans="14:14">
      <c r="N956236" s="10"/>
    </row>
    <row r="956237" spans="14:14">
      <c r="N956237" s="10"/>
    </row>
    <row r="956238" spans="14:14">
      <c r="N956238" s="10"/>
    </row>
    <row r="956239" spans="14:14">
      <c r="N956239" s="10"/>
    </row>
    <row r="956240" spans="14:14">
      <c r="N956240" s="10"/>
    </row>
    <row r="956241" spans="14:14">
      <c r="N956241" s="10"/>
    </row>
    <row r="956242" spans="14:14">
      <c r="N956242" s="10"/>
    </row>
    <row r="956243" spans="14:14">
      <c r="N956243" s="10"/>
    </row>
    <row r="956244" spans="14:14">
      <c r="N956244" s="10"/>
    </row>
    <row r="956245" spans="14:14">
      <c r="N956245" s="10"/>
    </row>
    <row r="956246" spans="14:14">
      <c r="N956246" s="10"/>
    </row>
    <row r="956247" spans="14:14">
      <c r="N956247" s="10"/>
    </row>
    <row r="956248" spans="14:14">
      <c r="N956248" s="10"/>
    </row>
    <row r="956249" spans="14:14">
      <c r="N956249" s="10"/>
    </row>
    <row r="956250" spans="14:14">
      <c r="N956250" s="10"/>
    </row>
    <row r="956251" spans="14:14">
      <c r="N956251" s="10"/>
    </row>
    <row r="956252" spans="14:14">
      <c r="N956252" s="10"/>
    </row>
    <row r="956253" spans="14:14">
      <c r="N956253" s="10"/>
    </row>
    <row r="956254" spans="14:14">
      <c r="N956254" s="10"/>
    </row>
    <row r="956255" spans="14:14">
      <c r="N956255" s="10"/>
    </row>
    <row r="956256" spans="14:14">
      <c r="N956256" s="10"/>
    </row>
    <row r="956257" spans="14:14">
      <c r="N956257" s="10"/>
    </row>
    <row r="956258" spans="14:14">
      <c r="N956258" s="10"/>
    </row>
    <row r="956259" spans="14:14">
      <c r="N956259" s="10"/>
    </row>
    <row r="956260" spans="14:14">
      <c r="N956260" s="10"/>
    </row>
    <row r="956261" spans="14:14">
      <c r="N956261" s="10"/>
    </row>
    <row r="956262" spans="14:14">
      <c r="N956262" s="10"/>
    </row>
    <row r="956263" spans="14:14">
      <c r="N956263" s="10"/>
    </row>
    <row r="956264" spans="14:14">
      <c r="N956264" s="10"/>
    </row>
    <row r="956265" spans="14:14">
      <c r="N956265" s="10"/>
    </row>
    <row r="956266" spans="14:14">
      <c r="N956266" s="10"/>
    </row>
    <row r="956267" spans="14:14">
      <c r="N956267" s="10"/>
    </row>
    <row r="956268" spans="14:14">
      <c r="N956268" s="10"/>
    </row>
    <row r="956269" spans="14:14">
      <c r="N956269" s="10"/>
    </row>
    <row r="956270" spans="14:14">
      <c r="N956270" s="10"/>
    </row>
    <row r="956271" spans="14:14">
      <c r="N956271" s="10"/>
    </row>
    <row r="956272" spans="14:14">
      <c r="N956272" s="10"/>
    </row>
    <row r="956273" spans="14:14">
      <c r="N956273" s="10"/>
    </row>
    <row r="956274" spans="14:14">
      <c r="N956274" s="10"/>
    </row>
    <row r="956275" spans="14:14">
      <c r="N956275" s="10"/>
    </row>
    <row r="956276" spans="14:14">
      <c r="N956276" s="10"/>
    </row>
    <row r="956277" spans="14:14">
      <c r="N956277" s="10"/>
    </row>
    <row r="956278" spans="14:14">
      <c r="N956278" s="10"/>
    </row>
    <row r="956279" spans="14:14">
      <c r="N956279" s="10"/>
    </row>
    <row r="956280" spans="14:14">
      <c r="N956280" s="10"/>
    </row>
    <row r="956281" spans="14:14">
      <c r="N956281" s="10"/>
    </row>
    <row r="956282" spans="14:14">
      <c r="N956282" s="10"/>
    </row>
    <row r="956283" spans="14:14">
      <c r="N956283" s="10"/>
    </row>
    <row r="956284" spans="14:14">
      <c r="N956284" s="10"/>
    </row>
    <row r="956285" spans="14:14">
      <c r="N956285" s="10"/>
    </row>
    <row r="956286" spans="14:14">
      <c r="N956286" s="10"/>
    </row>
    <row r="956287" spans="14:14">
      <c r="N956287" s="10"/>
    </row>
    <row r="956288" spans="14:14">
      <c r="N956288" s="10"/>
    </row>
    <row r="956289" spans="14:14">
      <c r="N956289" s="10"/>
    </row>
    <row r="956290" spans="14:14">
      <c r="N956290" s="10"/>
    </row>
    <row r="956291" spans="14:14">
      <c r="N956291" s="10"/>
    </row>
    <row r="956292" spans="14:14">
      <c r="N956292" s="10"/>
    </row>
    <row r="956293" spans="14:14">
      <c r="N956293" s="10"/>
    </row>
    <row r="956294" spans="14:14">
      <c r="N956294" s="10"/>
    </row>
    <row r="956295" spans="14:14">
      <c r="N956295" s="10"/>
    </row>
    <row r="956296" spans="14:14">
      <c r="N956296" s="10"/>
    </row>
    <row r="956297" spans="14:14">
      <c r="N956297" s="10"/>
    </row>
    <row r="956298" spans="14:14">
      <c r="N956298" s="10"/>
    </row>
    <row r="956299" spans="14:14">
      <c r="N956299" s="10"/>
    </row>
    <row r="956300" spans="14:14">
      <c r="N956300" s="10"/>
    </row>
    <row r="956301" spans="14:14">
      <c r="N956301" s="10"/>
    </row>
    <row r="956302" spans="14:14">
      <c r="N956302" s="10"/>
    </row>
    <row r="956303" spans="14:14">
      <c r="N956303" s="10"/>
    </row>
    <row r="956304" spans="14:14">
      <c r="N956304" s="10"/>
    </row>
    <row r="956305" spans="14:14">
      <c r="N956305" s="10"/>
    </row>
    <row r="956306" spans="14:14">
      <c r="N956306" s="10"/>
    </row>
    <row r="956307" spans="14:14">
      <c r="N956307" s="10"/>
    </row>
    <row r="956308" spans="14:14">
      <c r="N956308" s="10"/>
    </row>
    <row r="956309" spans="14:14">
      <c r="N956309" s="10"/>
    </row>
    <row r="956310" spans="14:14">
      <c r="N956310" s="10"/>
    </row>
    <row r="956311" spans="14:14">
      <c r="N956311" s="10"/>
    </row>
    <row r="956312" spans="14:14">
      <c r="N956312" s="10"/>
    </row>
    <row r="956313" spans="14:14">
      <c r="N956313" s="10"/>
    </row>
    <row r="956314" spans="14:14">
      <c r="N956314" s="10"/>
    </row>
    <row r="956315" spans="14:14">
      <c r="N956315" s="10"/>
    </row>
    <row r="956316" spans="14:14">
      <c r="N956316" s="10"/>
    </row>
    <row r="956317" spans="14:14">
      <c r="N956317" s="10"/>
    </row>
    <row r="956318" spans="14:14">
      <c r="N956318" s="10"/>
    </row>
    <row r="956319" spans="14:14">
      <c r="N956319" s="10"/>
    </row>
    <row r="956320" spans="14:14">
      <c r="N956320" s="10"/>
    </row>
    <row r="956321" spans="14:14">
      <c r="N956321" s="10"/>
    </row>
    <row r="956322" spans="14:14">
      <c r="N956322" s="10"/>
    </row>
    <row r="956323" spans="14:14">
      <c r="N956323" s="10"/>
    </row>
    <row r="956324" spans="14:14">
      <c r="N956324" s="10"/>
    </row>
    <row r="956325" spans="14:14">
      <c r="N956325" s="10"/>
    </row>
    <row r="956326" spans="14:14">
      <c r="N956326" s="10"/>
    </row>
    <row r="956327" spans="14:14">
      <c r="N956327" s="10"/>
    </row>
    <row r="956328" spans="14:14">
      <c r="N956328" s="10"/>
    </row>
    <row r="956329" spans="14:14">
      <c r="N956329" s="10"/>
    </row>
    <row r="956330" spans="14:14">
      <c r="N956330" s="10"/>
    </row>
    <row r="956331" spans="14:14">
      <c r="N956331" s="10"/>
    </row>
    <row r="956332" spans="14:14">
      <c r="N956332" s="10"/>
    </row>
    <row r="956333" spans="14:14">
      <c r="N956333" s="10"/>
    </row>
    <row r="956334" spans="14:14">
      <c r="N956334" s="10"/>
    </row>
    <row r="956335" spans="14:14">
      <c r="N956335" s="10"/>
    </row>
    <row r="956336" spans="14:14">
      <c r="N956336" s="10"/>
    </row>
    <row r="956337" spans="14:14">
      <c r="N956337" s="10"/>
    </row>
    <row r="956338" spans="14:14">
      <c r="N956338" s="10"/>
    </row>
    <row r="956339" spans="14:14">
      <c r="N956339" s="10"/>
    </row>
    <row r="956340" spans="14:14">
      <c r="N956340" s="10"/>
    </row>
    <row r="956341" spans="14:14">
      <c r="N956341" s="10"/>
    </row>
    <row r="956342" spans="14:14">
      <c r="N956342" s="10"/>
    </row>
    <row r="956343" spans="14:14">
      <c r="N956343" s="10"/>
    </row>
    <row r="956344" spans="14:14">
      <c r="N956344" s="10"/>
    </row>
    <row r="956345" spans="14:14">
      <c r="N956345" s="10"/>
    </row>
    <row r="956346" spans="14:14">
      <c r="N956346" s="10"/>
    </row>
    <row r="956347" spans="14:14">
      <c r="N956347" s="10"/>
    </row>
    <row r="956348" spans="14:14">
      <c r="N956348" s="10"/>
    </row>
    <row r="956349" spans="14:14">
      <c r="N956349" s="10"/>
    </row>
    <row r="956350" spans="14:14">
      <c r="N956350" s="10"/>
    </row>
    <row r="956351" spans="14:14">
      <c r="N956351" s="10"/>
    </row>
    <row r="956352" spans="14:14">
      <c r="N956352" s="10"/>
    </row>
    <row r="956353" spans="14:14">
      <c r="N956353" s="10"/>
    </row>
    <row r="956354" spans="14:14">
      <c r="N956354" s="10"/>
    </row>
    <row r="956355" spans="14:14">
      <c r="N956355" s="10"/>
    </row>
    <row r="956356" spans="14:14">
      <c r="N956356" s="10"/>
    </row>
    <row r="956357" spans="14:14">
      <c r="N956357" s="10"/>
    </row>
    <row r="956358" spans="14:14">
      <c r="N956358" s="10"/>
    </row>
    <row r="956359" spans="14:14">
      <c r="N956359" s="10"/>
    </row>
    <row r="956360" spans="14:14">
      <c r="N956360" s="10"/>
    </row>
    <row r="956361" spans="14:14">
      <c r="N956361" s="10"/>
    </row>
    <row r="956362" spans="14:14">
      <c r="N956362" s="10"/>
    </row>
    <row r="956363" spans="14:14">
      <c r="N956363" s="10"/>
    </row>
    <row r="956364" spans="14:14">
      <c r="N956364" s="10"/>
    </row>
    <row r="956365" spans="14:14">
      <c r="N956365" s="10"/>
    </row>
    <row r="956366" spans="14:14">
      <c r="N956366" s="10"/>
    </row>
    <row r="956367" spans="14:14">
      <c r="N956367" s="10"/>
    </row>
    <row r="956368" spans="14:14">
      <c r="N956368" s="10"/>
    </row>
    <row r="956369" spans="14:14">
      <c r="N956369" s="10"/>
    </row>
    <row r="956370" spans="14:14">
      <c r="N956370" s="10"/>
    </row>
    <row r="956371" spans="14:14">
      <c r="N956371" s="10"/>
    </row>
    <row r="956372" spans="14:14">
      <c r="N956372" s="10"/>
    </row>
    <row r="956373" spans="14:14">
      <c r="N956373" s="10"/>
    </row>
    <row r="956374" spans="14:14">
      <c r="N956374" s="10"/>
    </row>
    <row r="956375" spans="14:14">
      <c r="N956375" s="10"/>
    </row>
    <row r="956376" spans="14:14">
      <c r="N956376" s="10"/>
    </row>
    <row r="956377" spans="14:14">
      <c r="N956377" s="10"/>
    </row>
    <row r="956378" spans="14:14">
      <c r="N956378" s="10"/>
    </row>
    <row r="956379" spans="14:14">
      <c r="N956379" s="10"/>
    </row>
    <row r="956380" spans="14:14">
      <c r="N956380" s="10"/>
    </row>
    <row r="956381" spans="14:14">
      <c r="N956381" s="10"/>
    </row>
    <row r="956382" spans="14:14">
      <c r="N956382" s="10"/>
    </row>
    <row r="956383" spans="14:14">
      <c r="N956383" s="10"/>
    </row>
    <row r="956384" spans="14:14">
      <c r="N956384" s="10"/>
    </row>
    <row r="956385" spans="14:14">
      <c r="N956385" s="10"/>
    </row>
    <row r="956386" spans="14:14">
      <c r="N956386" s="10"/>
    </row>
    <row r="956387" spans="14:14">
      <c r="N956387" s="10"/>
    </row>
    <row r="956388" spans="14:14">
      <c r="N956388" s="10"/>
    </row>
    <row r="956389" spans="14:14">
      <c r="N956389" s="10"/>
    </row>
    <row r="956390" spans="14:14">
      <c r="N956390" s="10"/>
    </row>
    <row r="956391" spans="14:14">
      <c r="N956391" s="10"/>
    </row>
    <row r="956392" spans="14:14">
      <c r="N956392" s="10"/>
    </row>
    <row r="956393" spans="14:14">
      <c r="N956393" s="10"/>
    </row>
    <row r="956394" spans="14:14">
      <c r="N956394" s="10"/>
    </row>
    <row r="956395" spans="14:14">
      <c r="N956395" s="10"/>
    </row>
    <row r="956396" spans="14:14">
      <c r="N956396" s="10"/>
    </row>
    <row r="956397" spans="14:14">
      <c r="N956397" s="10"/>
    </row>
    <row r="956398" spans="14:14">
      <c r="N956398" s="10"/>
    </row>
    <row r="956399" spans="14:14">
      <c r="N956399" s="10"/>
    </row>
    <row r="956400" spans="14:14">
      <c r="N956400" s="10"/>
    </row>
    <row r="956401" spans="14:14">
      <c r="N956401" s="10"/>
    </row>
    <row r="956402" spans="14:14">
      <c r="N956402" s="10"/>
    </row>
    <row r="956403" spans="14:14">
      <c r="N956403" s="10"/>
    </row>
    <row r="956404" spans="14:14">
      <c r="N956404" s="10"/>
    </row>
    <row r="956405" spans="14:14">
      <c r="N956405" s="10"/>
    </row>
    <row r="956406" spans="14:14">
      <c r="N956406" s="10"/>
    </row>
    <row r="956407" spans="14:14">
      <c r="N956407" s="10"/>
    </row>
    <row r="956408" spans="14:14">
      <c r="N956408" s="10"/>
    </row>
    <row r="956409" spans="14:14">
      <c r="N956409" s="10"/>
    </row>
    <row r="956410" spans="14:14">
      <c r="N956410" s="10"/>
    </row>
    <row r="956411" spans="14:14">
      <c r="N956411" s="10"/>
    </row>
    <row r="956412" spans="14:14">
      <c r="N956412" s="10"/>
    </row>
    <row r="956413" spans="14:14">
      <c r="N956413" s="10"/>
    </row>
    <row r="956414" spans="14:14">
      <c r="N956414" s="10"/>
    </row>
    <row r="956415" spans="14:14">
      <c r="N956415" s="10"/>
    </row>
    <row r="956416" spans="14:14">
      <c r="N956416" s="10"/>
    </row>
    <row r="956417" spans="14:14">
      <c r="N956417" s="10"/>
    </row>
    <row r="956418" spans="14:14">
      <c r="N956418" s="10"/>
    </row>
    <row r="956419" spans="14:14">
      <c r="N956419" s="10"/>
    </row>
    <row r="956420" spans="14:14">
      <c r="N956420" s="10"/>
    </row>
    <row r="956421" spans="14:14">
      <c r="N956421" s="10"/>
    </row>
    <row r="956422" spans="14:14">
      <c r="N956422" s="10"/>
    </row>
    <row r="956423" spans="14:14">
      <c r="N956423" s="10"/>
    </row>
    <row r="956424" spans="14:14">
      <c r="N956424" s="10"/>
    </row>
    <row r="956425" spans="14:14">
      <c r="N956425" s="10"/>
    </row>
    <row r="956426" spans="14:14">
      <c r="N956426" s="10"/>
    </row>
    <row r="956427" spans="14:14">
      <c r="N956427" s="10"/>
    </row>
    <row r="956428" spans="14:14">
      <c r="N956428" s="10"/>
    </row>
    <row r="956429" spans="14:14">
      <c r="N956429" s="10"/>
    </row>
    <row r="956430" spans="14:14">
      <c r="N956430" s="10"/>
    </row>
    <row r="956431" spans="14:14">
      <c r="N956431" s="10"/>
    </row>
    <row r="956432" spans="14:14">
      <c r="N956432" s="10"/>
    </row>
    <row r="956433" spans="14:14">
      <c r="N956433" s="10"/>
    </row>
    <row r="956434" spans="14:14">
      <c r="N956434" s="10"/>
    </row>
    <row r="956435" spans="14:14">
      <c r="N956435" s="10"/>
    </row>
    <row r="956436" spans="14:14">
      <c r="N956436" s="10"/>
    </row>
    <row r="956437" spans="14:14">
      <c r="N956437" s="10"/>
    </row>
    <row r="956438" spans="14:14">
      <c r="N956438" s="10"/>
    </row>
    <row r="956439" spans="14:14">
      <c r="N956439" s="10"/>
    </row>
    <row r="956440" spans="14:14">
      <c r="N956440" s="10"/>
    </row>
    <row r="956441" spans="14:14">
      <c r="N956441" s="10"/>
    </row>
    <row r="956442" spans="14:14">
      <c r="N956442" s="10"/>
    </row>
    <row r="956443" spans="14:14">
      <c r="N956443" s="10"/>
    </row>
    <row r="956444" spans="14:14">
      <c r="N956444" s="10"/>
    </row>
    <row r="956445" spans="14:14">
      <c r="N956445" s="10"/>
    </row>
    <row r="956446" spans="14:14">
      <c r="N956446" s="10"/>
    </row>
    <row r="956447" spans="14:14">
      <c r="N956447" s="10"/>
    </row>
    <row r="956448" spans="14:14">
      <c r="N956448" s="10"/>
    </row>
    <row r="956449" spans="14:14">
      <c r="N956449" s="10"/>
    </row>
    <row r="956450" spans="14:14">
      <c r="N956450" s="10"/>
    </row>
    <row r="956451" spans="14:14">
      <c r="N956451" s="10"/>
    </row>
    <row r="956452" spans="14:14">
      <c r="N956452" s="10"/>
    </row>
    <row r="956453" spans="14:14">
      <c r="N956453" s="10"/>
    </row>
    <row r="956454" spans="14:14">
      <c r="N956454" s="10"/>
    </row>
    <row r="956455" spans="14:14">
      <c r="N956455" s="10"/>
    </row>
    <row r="956456" spans="14:14">
      <c r="N956456" s="10"/>
    </row>
    <row r="956457" spans="14:14">
      <c r="N956457" s="10"/>
    </row>
    <row r="956458" spans="14:14">
      <c r="N956458" s="10"/>
    </row>
    <row r="956459" spans="14:14">
      <c r="N956459" s="10"/>
    </row>
    <row r="956460" spans="14:14">
      <c r="N956460" s="10"/>
    </row>
    <row r="956461" spans="14:14">
      <c r="N956461" s="10"/>
    </row>
    <row r="956462" spans="14:14">
      <c r="N956462" s="10"/>
    </row>
    <row r="956463" spans="14:14">
      <c r="N956463" s="10"/>
    </row>
    <row r="956464" spans="14:14">
      <c r="N956464" s="10"/>
    </row>
    <row r="956465" spans="14:14">
      <c r="N956465" s="10"/>
    </row>
    <row r="956466" spans="14:14">
      <c r="N956466" s="10"/>
    </row>
    <row r="956467" spans="14:14">
      <c r="N956467" s="10"/>
    </row>
    <row r="956468" spans="14:14">
      <c r="N956468" s="10"/>
    </row>
    <row r="956469" spans="14:14">
      <c r="N956469" s="10"/>
    </row>
    <row r="956470" spans="14:14">
      <c r="N956470" s="10"/>
    </row>
    <row r="956471" spans="14:14">
      <c r="N956471" s="10"/>
    </row>
    <row r="956472" spans="14:14">
      <c r="N956472" s="10"/>
    </row>
    <row r="956473" spans="14:14">
      <c r="N956473" s="10"/>
    </row>
    <row r="956474" spans="14:14">
      <c r="N956474" s="10"/>
    </row>
    <row r="956475" spans="14:14">
      <c r="N956475" s="10"/>
    </row>
    <row r="956476" spans="14:14">
      <c r="N956476" s="10"/>
    </row>
    <row r="956477" spans="14:14">
      <c r="N956477" s="10"/>
    </row>
    <row r="956478" spans="14:14">
      <c r="N956478" s="10"/>
    </row>
    <row r="956479" spans="14:14">
      <c r="N956479" s="10"/>
    </row>
    <row r="956480" spans="14:14">
      <c r="N956480" s="10"/>
    </row>
    <row r="956481" spans="14:14">
      <c r="N956481" s="10"/>
    </row>
    <row r="956482" spans="14:14">
      <c r="N956482" s="10"/>
    </row>
    <row r="956483" spans="14:14">
      <c r="N956483" s="10"/>
    </row>
    <row r="956484" spans="14:14">
      <c r="N956484" s="10"/>
    </row>
    <row r="956485" spans="14:14">
      <c r="N956485" s="10"/>
    </row>
    <row r="956486" spans="14:14">
      <c r="N956486" s="10"/>
    </row>
    <row r="956487" spans="14:14">
      <c r="N956487" s="10"/>
    </row>
    <row r="956488" spans="14:14">
      <c r="N956488" s="10"/>
    </row>
    <row r="956489" spans="14:14">
      <c r="N956489" s="10"/>
    </row>
    <row r="956490" spans="14:14">
      <c r="N956490" s="10"/>
    </row>
    <row r="956491" spans="14:14">
      <c r="N956491" s="10"/>
    </row>
    <row r="956492" spans="14:14">
      <c r="N956492" s="10"/>
    </row>
    <row r="956493" spans="14:14">
      <c r="N956493" s="10"/>
    </row>
    <row r="956494" spans="14:14">
      <c r="N956494" s="10"/>
    </row>
    <row r="956495" spans="14:14">
      <c r="N956495" s="10"/>
    </row>
    <row r="956496" spans="14:14">
      <c r="N956496" s="10"/>
    </row>
    <row r="956497" spans="14:14">
      <c r="N956497" s="10"/>
    </row>
    <row r="956498" spans="14:14">
      <c r="N956498" s="10"/>
    </row>
    <row r="956499" spans="14:14">
      <c r="N956499" s="10"/>
    </row>
    <row r="956500" spans="14:14">
      <c r="N956500" s="10"/>
    </row>
    <row r="956501" spans="14:14">
      <c r="N956501" s="10"/>
    </row>
    <row r="956502" spans="14:14">
      <c r="N956502" s="10"/>
    </row>
    <row r="956503" spans="14:14">
      <c r="N956503" s="10"/>
    </row>
    <row r="956504" spans="14:14">
      <c r="N956504" s="10"/>
    </row>
    <row r="956505" spans="14:14">
      <c r="N956505" s="10"/>
    </row>
    <row r="956506" spans="14:14">
      <c r="N956506" s="10"/>
    </row>
    <row r="956507" spans="14:14">
      <c r="N956507" s="10"/>
    </row>
    <row r="956508" spans="14:14">
      <c r="N956508" s="10"/>
    </row>
    <row r="956509" spans="14:14">
      <c r="N956509" s="10"/>
    </row>
    <row r="956510" spans="14:14">
      <c r="N956510" s="10"/>
    </row>
    <row r="956511" spans="14:14">
      <c r="N956511" s="10"/>
    </row>
    <row r="956512" spans="14:14">
      <c r="N956512" s="10"/>
    </row>
    <row r="956513" spans="14:14">
      <c r="N956513" s="10"/>
    </row>
    <row r="956514" spans="14:14">
      <c r="N956514" s="10"/>
    </row>
    <row r="956515" spans="14:14">
      <c r="N956515" s="10"/>
    </row>
    <row r="956516" spans="14:14">
      <c r="N956516" s="10"/>
    </row>
    <row r="956517" spans="14:14">
      <c r="N956517" s="10"/>
    </row>
    <row r="956518" spans="14:14">
      <c r="N956518" s="10"/>
    </row>
    <row r="956519" spans="14:14">
      <c r="N956519" s="10"/>
    </row>
    <row r="956520" spans="14:14">
      <c r="N956520" s="10"/>
    </row>
    <row r="956521" spans="14:14">
      <c r="N956521" s="10"/>
    </row>
    <row r="956522" spans="14:14">
      <c r="N956522" s="10"/>
    </row>
    <row r="956523" spans="14:14">
      <c r="N956523" s="10"/>
    </row>
    <row r="956524" spans="14:14">
      <c r="N956524" s="10"/>
    </row>
    <row r="956525" spans="14:14">
      <c r="N956525" s="10"/>
    </row>
    <row r="956526" spans="14:14">
      <c r="N956526" s="10"/>
    </row>
    <row r="956527" spans="14:14">
      <c r="N956527" s="10"/>
    </row>
    <row r="956528" spans="14:14">
      <c r="N956528" s="10"/>
    </row>
    <row r="956529" spans="14:14">
      <c r="N956529" s="10"/>
    </row>
    <row r="956530" spans="14:14">
      <c r="N956530" s="10"/>
    </row>
    <row r="956531" spans="14:14">
      <c r="N956531" s="10"/>
    </row>
    <row r="956532" spans="14:14">
      <c r="N956532" s="10"/>
    </row>
    <row r="956533" spans="14:14">
      <c r="N956533" s="10"/>
    </row>
    <row r="956534" spans="14:14">
      <c r="N956534" s="10"/>
    </row>
    <row r="956535" spans="14:14">
      <c r="N956535" s="10"/>
    </row>
    <row r="956536" spans="14:14">
      <c r="N956536" s="10"/>
    </row>
    <row r="956537" spans="14:14">
      <c r="N956537" s="10"/>
    </row>
    <row r="956538" spans="14:14">
      <c r="N956538" s="10"/>
    </row>
    <row r="956539" spans="14:14">
      <c r="N956539" s="10"/>
    </row>
    <row r="956540" spans="14:14">
      <c r="N956540" s="10"/>
    </row>
    <row r="956541" spans="14:14">
      <c r="N956541" s="10"/>
    </row>
    <row r="956542" spans="14:14">
      <c r="N956542" s="10"/>
    </row>
    <row r="956543" spans="14:14">
      <c r="N956543" s="10"/>
    </row>
    <row r="956544" spans="14:14">
      <c r="N956544" s="10"/>
    </row>
    <row r="956545" spans="14:14">
      <c r="N956545" s="10"/>
    </row>
    <row r="956546" spans="14:14">
      <c r="N956546" s="10"/>
    </row>
    <row r="956547" spans="14:14">
      <c r="N956547" s="10"/>
    </row>
    <row r="956548" spans="14:14">
      <c r="N956548" s="10"/>
    </row>
    <row r="956549" spans="14:14">
      <c r="N956549" s="10"/>
    </row>
    <row r="956550" spans="14:14">
      <c r="N956550" s="10"/>
    </row>
    <row r="956551" spans="14:14">
      <c r="N956551" s="10"/>
    </row>
    <row r="956552" spans="14:14">
      <c r="N956552" s="10"/>
    </row>
    <row r="956553" spans="14:14">
      <c r="N956553" s="10"/>
    </row>
    <row r="956554" spans="14:14">
      <c r="N956554" s="10"/>
    </row>
    <row r="956555" spans="14:14">
      <c r="N956555" s="10"/>
    </row>
    <row r="956556" spans="14:14">
      <c r="N956556" s="10"/>
    </row>
    <row r="956557" spans="14:14">
      <c r="N956557" s="10"/>
    </row>
    <row r="956558" spans="14:14">
      <c r="N956558" s="10"/>
    </row>
    <row r="956559" spans="14:14">
      <c r="N956559" s="10"/>
    </row>
    <row r="956560" spans="14:14">
      <c r="N956560" s="10"/>
    </row>
    <row r="956561" spans="14:14">
      <c r="N956561" s="10"/>
    </row>
    <row r="956562" spans="14:14">
      <c r="N956562" s="10"/>
    </row>
    <row r="956563" spans="14:14">
      <c r="N956563" s="10"/>
    </row>
    <row r="956564" spans="14:14">
      <c r="N956564" s="10"/>
    </row>
    <row r="956565" spans="14:14">
      <c r="N956565" s="10"/>
    </row>
    <row r="956566" spans="14:14">
      <c r="N956566" s="10"/>
    </row>
    <row r="956567" spans="14:14">
      <c r="N956567" s="10"/>
    </row>
    <row r="956568" spans="14:14">
      <c r="N956568" s="10"/>
    </row>
    <row r="956569" spans="14:14">
      <c r="N956569" s="10"/>
    </row>
    <row r="956570" spans="14:14">
      <c r="N956570" s="10"/>
    </row>
    <row r="956571" spans="14:14">
      <c r="N956571" s="10"/>
    </row>
    <row r="956572" spans="14:14">
      <c r="N956572" s="10"/>
    </row>
    <row r="956573" spans="14:14">
      <c r="N956573" s="10"/>
    </row>
    <row r="956574" spans="14:14">
      <c r="N956574" s="10"/>
    </row>
    <row r="956575" spans="14:14">
      <c r="N956575" s="10"/>
    </row>
    <row r="956576" spans="14:14">
      <c r="N956576" s="10"/>
    </row>
    <row r="956577" spans="14:14">
      <c r="N956577" s="10"/>
    </row>
    <row r="956578" spans="14:14">
      <c r="N956578" s="10"/>
    </row>
    <row r="956579" spans="14:14">
      <c r="N956579" s="10"/>
    </row>
    <row r="956580" spans="14:14">
      <c r="N956580" s="10"/>
    </row>
    <row r="956581" spans="14:14">
      <c r="N956581" s="10"/>
    </row>
    <row r="956582" spans="14:14">
      <c r="N956582" s="10"/>
    </row>
    <row r="956583" spans="14:14">
      <c r="N956583" s="10"/>
    </row>
    <row r="956584" spans="14:14">
      <c r="N956584" s="10"/>
    </row>
    <row r="956585" spans="14:14">
      <c r="N956585" s="10"/>
    </row>
    <row r="956586" spans="14:14">
      <c r="N956586" s="10"/>
    </row>
    <row r="956587" spans="14:14">
      <c r="N956587" s="10"/>
    </row>
    <row r="956588" spans="14:14">
      <c r="N956588" s="10"/>
    </row>
    <row r="956589" spans="14:14">
      <c r="N956589" s="10"/>
    </row>
    <row r="956590" spans="14:14">
      <c r="N956590" s="10"/>
    </row>
    <row r="956591" spans="14:14">
      <c r="N956591" s="10"/>
    </row>
    <row r="956592" spans="14:14">
      <c r="N956592" s="10"/>
    </row>
    <row r="956593" spans="14:14">
      <c r="N956593" s="10"/>
    </row>
    <row r="956594" spans="14:14">
      <c r="N956594" s="10"/>
    </row>
    <row r="956595" spans="14:14">
      <c r="N956595" s="10"/>
    </row>
    <row r="956596" spans="14:14">
      <c r="N956596" s="10"/>
    </row>
    <row r="956597" spans="14:14">
      <c r="N956597" s="10"/>
    </row>
    <row r="956598" spans="14:14">
      <c r="N956598" s="10"/>
    </row>
    <row r="956599" spans="14:14">
      <c r="N956599" s="10"/>
    </row>
    <row r="956600" spans="14:14">
      <c r="N956600" s="10"/>
    </row>
    <row r="956601" spans="14:14">
      <c r="N956601" s="10"/>
    </row>
    <row r="956602" spans="14:14">
      <c r="N956602" s="10"/>
    </row>
    <row r="956603" spans="14:14">
      <c r="N956603" s="10"/>
    </row>
    <row r="956604" spans="14:14">
      <c r="N956604" s="10"/>
    </row>
    <row r="956605" spans="14:14">
      <c r="N956605" s="10"/>
    </row>
    <row r="956606" spans="14:14">
      <c r="N956606" s="10"/>
    </row>
    <row r="956607" spans="14:14">
      <c r="N956607" s="10"/>
    </row>
    <row r="956608" spans="14:14">
      <c r="N956608" s="10"/>
    </row>
    <row r="956609" spans="14:14">
      <c r="N956609" s="10"/>
    </row>
    <row r="956610" spans="14:14">
      <c r="N956610" s="10"/>
    </row>
    <row r="956611" spans="14:14">
      <c r="N956611" s="10"/>
    </row>
    <row r="956612" spans="14:14">
      <c r="N956612" s="10"/>
    </row>
    <row r="956613" spans="14:14">
      <c r="N956613" s="10"/>
    </row>
    <row r="956614" spans="14:14">
      <c r="N956614" s="10"/>
    </row>
    <row r="956615" spans="14:14">
      <c r="N956615" s="10"/>
    </row>
    <row r="956616" spans="14:14">
      <c r="N956616" s="10"/>
    </row>
    <row r="956617" spans="14:14">
      <c r="N956617" s="10"/>
    </row>
    <row r="956618" spans="14:14">
      <c r="N956618" s="10"/>
    </row>
    <row r="956619" spans="14:14">
      <c r="N956619" s="10"/>
    </row>
    <row r="956620" spans="14:14">
      <c r="N956620" s="10"/>
    </row>
    <row r="956621" spans="14:14">
      <c r="N956621" s="10"/>
    </row>
    <row r="956622" spans="14:14">
      <c r="N956622" s="10"/>
    </row>
    <row r="956623" spans="14:14">
      <c r="N956623" s="10"/>
    </row>
    <row r="956624" spans="14:14">
      <c r="N956624" s="10"/>
    </row>
    <row r="956625" spans="14:14">
      <c r="N956625" s="10"/>
    </row>
    <row r="956626" spans="14:14">
      <c r="N956626" s="10"/>
    </row>
    <row r="956627" spans="14:14">
      <c r="N956627" s="10"/>
    </row>
    <row r="956628" spans="14:14">
      <c r="N956628" s="10"/>
    </row>
    <row r="956629" spans="14:14">
      <c r="N956629" s="10"/>
    </row>
    <row r="956630" spans="14:14">
      <c r="N956630" s="10"/>
    </row>
    <row r="956631" spans="14:14">
      <c r="N956631" s="10"/>
    </row>
    <row r="956632" spans="14:14">
      <c r="N956632" s="10"/>
    </row>
    <row r="956633" spans="14:14">
      <c r="N956633" s="10"/>
    </row>
    <row r="956634" spans="14:14">
      <c r="N956634" s="10"/>
    </row>
    <row r="956635" spans="14:14">
      <c r="N956635" s="10"/>
    </row>
    <row r="956636" spans="14:14">
      <c r="N956636" s="10"/>
    </row>
    <row r="956637" spans="14:14">
      <c r="N956637" s="10"/>
    </row>
    <row r="956638" spans="14:14">
      <c r="N956638" s="10"/>
    </row>
    <row r="956639" spans="14:14">
      <c r="N956639" s="10"/>
    </row>
    <row r="956640" spans="14:14">
      <c r="N956640" s="10"/>
    </row>
    <row r="956641" spans="14:14">
      <c r="N956641" s="10"/>
    </row>
    <row r="956642" spans="14:14">
      <c r="N956642" s="10"/>
    </row>
    <row r="956643" spans="14:14">
      <c r="N956643" s="10"/>
    </row>
    <row r="956644" spans="14:14">
      <c r="N956644" s="10"/>
    </row>
    <row r="956645" spans="14:14">
      <c r="N956645" s="10"/>
    </row>
    <row r="956646" spans="14:14">
      <c r="N956646" s="10"/>
    </row>
    <row r="956647" spans="14:14">
      <c r="N956647" s="10"/>
    </row>
    <row r="956648" spans="14:14">
      <c r="N956648" s="10"/>
    </row>
    <row r="956649" spans="14:14">
      <c r="N956649" s="10"/>
    </row>
    <row r="956650" spans="14:14">
      <c r="N956650" s="10"/>
    </row>
    <row r="956651" spans="14:14">
      <c r="N956651" s="10"/>
    </row>
    <row r="956652" spans="14:14">
      <c r="N956652" s="10"/>
    </row>
    <row r="956653" spans="14:14">
      <c r="N956653" s="10"/>
    </row>
    <row r="956654" spans="14:14">
      <c r="N956654" s="10"/>
    </row>
    <row r="956655" spans="14:14">
      <c r="N956655" s="10"/>
    </row>
    <row r="956656" spans="14:14">
      <c r="N956656" s="10"/>
    </row>
    <row r="956657" spans="14:14">
      <c r="N956657" s="10"/>
    </row>
    <row r="956658" spans="14:14">
      <c r="N956658" s="10"/>
    </row>
    <row r="956659" spans="14:14">
      <c r="N956659" s="10"/>
    </row>
    <row r="956660" spans="14:14">
      <c r="N956660" s="10"/>
    </row>
    <row r="956661" spans="14:14">
      <c r="N956661" s="10"/>
    </row>
    <row r="956662" spans="14:14">
      <c r="N956662" s="10"/>
    </row>
    <row r="956663" spans="14:14">
      <c r="N956663" s="10"/>
    </row>
    <row r="956664" spans="14:14">
      <c r="N956664" s="10"/>
    </row>
    <row r="956665" spans="14:14">
      <c r="N956665" s="10"/>
    </row>
    <row r="956666" spans="14:14">
      <c r="N956666" s="10"/>
    </row>
    <row r="956667" spans="14:14">
      <c r="N956667" s="10"/>
    </row>
    <row r="956668" spans="14:14">
      <c r="N956668" s="10"/>
    </row>
    <row r="956669" spans="14:14">
      <c r="N956669" s="10"/>
    </row>
    <row r="956670" spans="14:14">
      <c r="N956670" s="10"/>
    </row>
    <row r="956671" spans="14:14">
      <c r="N956671" s="10"/>
    </row>
    <row r="956672" spans="14:14">
      <c r="N956672" s="10"/>
    </row>
    <row r="956673" spans="14:14">
      <c r="N956673" s="10"/>
    </row>
    <row r="956674" spans="14:14">
      <c r="N956674" s="10"/>
    </row>
    <row r="956675" spans="14:14">
      <c r="N956675" s="10"/>
    </row>
    <row r="956676" spans="14:14">
      <c r="N956676" s="10"/>
    </row>
    <row r="956677" spans="14:14">
      <c r="N956677" s="10"/>
    </row>
    <row r="956678" spans="14:14">
      <c r="N956678" s="10"/>
    </row>
    <row r="956679" spans="14:14">
      <c r="N956679" s="10"/>
    </row>
    <row r="956680" spans="14:14">
      <c r="N956680" s="10"/>
    </row>
    <row r="956681" spans="14:14">
      <c r="N956681" s="10"/>
    </row>
    <row r="956682" spans="14:14">
      <c r="N956682" s="10"/>
    </row>
    <row r="956683" spans="14:14">
      <c r="N956683" s="10"/>
    </row>
    <row r="956684" spans="14:14">
      <c r="N956684" s="10"/>
    </row>
    <row r="956685" spans="14:14">
      <c r="N956685" s="10"/>
    </row>
    <row r="956686" spans="14:14">
      <c r="N956686" s="10"/>
    </row>
    <row r="956687" spans="14:14">
      <c r="N956687" s="10"/>
    </row>
    <row r="956688" spans="14:14">
      <c r="N956688" s="10"/>
    </row>
    <row r="956689" spans="14:14">
      <c r="N956689" s="10"/>
    </row>
    <row r="956690" spans="14:14">
      <c r="N956690" s="10"/>
    </row>
    <row r="956691" spans="14:14">
      <c r="N956691" s="10"/>
    </row>
    <row r="956692" spans="14:14">
      <c r="N956692" s="10"/>
    </row>
    <row r="956693" spans="14:14">
      <c r="N956693" s="10"/>
    </row>
    <row r="956694" spans="14:14">
      <c r="N956694" s="10"/>
    </row>
    <row r="956695" spans="14:14">
      <c r="N956695" s="10"/>
    </row>
    <row r="956696" spans="14:14">
      <c r="N956696" s="10"/>
    </row>
    <row r="956697" spans="14:14">
      <c r="N956697" s="10"/>
    </row>
    <row r="956698" spans="14:14">
      <c r="N956698" s="10"/>
    </row>
    <row r="956699" spans="14:14">
      <c r="N956699" s="10"/>
    </row>
    <row r="956700" spans="14:14">
      <c r="N956700" s="10"/>
    </row>
    <row r="956701" spans="14:14">
      <c r="N956701" s="10"/>
    </row>
    <row r="956702" spans="14:14">
      <c r="N956702" s="10"/>
    </row>
    <row r="956703" spans="14:14">
      <c r="N956703" s="10"/>
    </row>
    <row r="956704" spans="14:14">
      <c r="N956704" s="10"/>
    </row>
    <row r="956705" spans="14:14">
      <c r="N956705" s="10"/>
    </row>
    <row r="956706" spans="14:14">
      <c r="N956706" s="10"/>
    </row>
    <row r="956707" spans="14:14">
      <c r="N956707" s="10"/>
    </row>
    <row r="956708" spans="14:14">
      <c r="N956708" s="10"/>
    </row>
    <row r="956709" spans="14:14">
      <c r="N956709" s="10"/>
    </row>
    <row r="956710" spans="14:14">
      <c r="N956710" s="10"/>
    </row>
    <row r="956711" spans="14:14">
      <c r="N956711" s="10"/>
    </row>
    <row r="956712" spans="14:14">
      <c r="N956712" s="10"/>
    </row>
    <row r="956713" spans="14:14">
      <c r="N956713" s="10"/>
    </row>
    <row r="956714" spans="14:14">
      <c r="N956714" s="10"/>
    </row>
    <row r="956715" spans="14:14">
      <c r="N956715" s="10"/>
    </row>
    <row r="956716" spans="14:14">
      <c r="N956716" s="10"/>
    </row>
    <row r="956717" spans="14:14">
      <c r="N956717" s="10"/>
    </row>
    <row r="956718" spans="14:14">
      <c r="N956718" s="10"/>
    </row>
    <row r="956719" spans="14:14">
      <c r="N956719" s="10"/>
    </row>
    <row r="956720" spans="14:14">
      <c r="N956720" s="10"/>
    </row>
    <row r="956721" spans="14:14">
      <c r="N956721" s="10"/>
    </row>
    <row r="956722" spans="14:14">
      <c r="N956722" s="10"/>
    </row>
    <row r="956723" spans="14:14">
      <c r="N956723" s="10"/>
    </row>
    <row r="956724" spans="14:14">
      <c r="N956724" s="10"/>
    </row>
    <row r="956725" spans="14:14">
      <c r="N956725" s="10"/>
    </row>
    <row r="956726" spans="14:14">
      <c r="N956726" s="10"/>
    </row>
    <row r="956727" spans="14:14">
      <c r="N956727" s="10"/>
    </row>
    <row r="956728" spans="14:14">
      <c r="N956728" s="10"/>
    </row>
    <row r="956729" spans="14:14">
      <c r="N956729" s="10"/>
    </row>
    <row r="956730" spans="14:14">
      <c r="N956730" s="10"/>
    </row>
    <row r="956731" spans="14:14">
      <c r="N956731" s="10"/>
    </row>
    <row r="956732" spans="14:14">
      <c r="N956732" s="10"/>
    </row>
    <row r="956733" spans="14:14">
      <c r="N956733" s="10"/>
    </row>
    <row r="956734" spans="14:14">
      <c r="N956734" s="10"/>
    </row>
    <row r="956735" spans="14:14">
      <c r="N956735" s="10"/>
    </row>
    <row r="956736" spans="14:14">
      <c r="N956736" s="10"/>
    </row>
    <row r="956737" spans="14:14">
      <c r="N956737" s="10"/>
    </row>
    <row r="956738" spans="14:14">
      <c r="N956738" s="10"/>
    </row>
    <row r="956739" spans="14:14">
      <c r="N956739" s="10"/>
    </row>
    <row r="956740" spans="14:14">
      <c r="N956740" s="10"/>
    </row>
    <row r="956741" spans="14:14">
      <c r="N956741" s="10"/>
    </row>
    <row r="956742" spans="14:14">
      <c r="N956742" s="10"/>
    </row>
    <row r="956743" spans="14:14">
      <c r="N956743" s="10"/>
    </row>
    <row r="956744" spans="14:14">
      <c r="N956744" s="10"/>
    </row>
    <row r="956745" spans="14:14">
      <c r="N956745" s="10"/>
    </row>
    <row r="956746" spans="14:14">
      <c r="N956746" s="10"/>
    </row>
    <row r="956747" spans="14:14">
      <c r="N956747" s="10"/>
    </row>
    <row r="956748" spans="14:14">
      <c r="N956748" s="10"/>
    </row>
    <row r="956749" spans="14:14">
      <c r="N956749" s="10"/>
    </row>
    <row r="956750" spans="14:14">
      <c r="N956750" s="10"/>
    </row>
    <row r="956751" spans="14:14">
      <c r="N956751" s="10"/>
    </row>
    <row r="956752" spans="14:14">
      <c r="N956752" s="10"/>
    </row>
    <row r="956753" spans="14:14">
      <c r="N956753" s="10"/>
    </row>
    <row r="956754" spans="14:14">
      <c r="N956754" s="10"/>
    </row>
    <row r="956755" spans="14:14">
      <c r="N956755" s="10"/>
    </row>
    <row r="956756" spans="14:14">
      <c r="N956756" s="10"/>
    </row>
    <row r="956757" spans="14:14">
      <c r="N956757" s="10"/>
    </row>
    <row r="956758" spans="14:14">
      <c r="N956758" s="10"/>
    </row>
    <row r="956759" spans="14:14">
      <c r="N956759" s="10"/>
    </row>
    <row r="956760" spans="14:14">
      <c r="N956760" s="10"/>
    </row>
    <row r="956761" spans="14:14">
      <c r="N956761" s="10"/>
    </row>
    <row r="956762" spans="14:14">
      <c r="N956762" s="10"/>
    </row>
    <row r="956763" spans="14:14">
      <c r="N956763" s="10"/>
    </row>
    <row r="956764" spans="14:14">
      <c r="N956764" s="10"/>
    </row>
    <row r="956765" spans="14:14">
      <c r="N956765" s="10"/>
    </row>
    <row r="956766" spans="14:14">
      <c r="N956766" s="10"/>
    </row>
    <row r="956767" spans="14:14">
      <c r="N956767" s="10"/>
    </row>
    <row r="956768" spans="14:14">
      <c r="N956768" s="10"/>
    </row>
    <row r="956769" spans="14:14">
      <c r="N956769" s="10"/>
    </row>
    <row r="956770" spans="14:14">
      <c r="N956770" s="10"/>
    </row>
    <row r="956771" spans="14:14">
      <c r="N956771" s="10"/>
    </row>
    <row r="956772" spans="14:14">
      <c r="N956772" s="10"/>
    </row>
    <row r="956773" spans="14:14">
      <c r="N956773" s="10"/>
    </row>
    <row r="956774" spans="14:14">
      <c r="N956774" s="10"/>
    </row>
    <row r="956775" spans="14:14">
      <c r="N956775" s="10"/>
    </row>
    <row r="956776" spans="14:14">
      <c r="N956776" s="10"/>
    </row>
    <row r="956777" spans="14:14">
      <c r="N956777" s="10"/>
    </row>
    <row r="956778" spans="14:14">
      <c r="N956778" s="10"/>
    </row>
    <row r="956779" spans="14:14">
      <c r="N956779" s="10"/>
    </row>
    <row r="956780" spans="14:14">
      <c r="N956780" s="10"/>
    </row>
    <row r="956781" spans="14:14">
      <c r="N956781" s="10"/>
    </row>
    <row r="956782" spans="14:14">
      <c r="N956782" s="10"/>
    </row>
    <row r="956783" spans="14:14">
      <c r="N956783" s="10"/>
    </row>
    <row r="956784" spans="14:14">
      <c r="N956784" s="10"/>
    </row>
    <row r="956785" spans="14:14">
      <c r="N956785" s="10"/>
    </row>
    <row r="956786" spans="14:14">
      <c r="N956786" s="10"/>
    </row>
    <row r="956787" spans="14:14">
      <c r="N956787" s="10"/>
    </row>
    <row r="956788" spans="14:14">
      <c r="N956788" s="10"/>
    </row>
    <row r="956789" spans="14:14">
      <c r="N956789" s="10"/>
    </row>
    <row r="956790" spans="14:14">
      <c r="N956790" s="10"/>
    </row>
    <row r="956791" spans="14:14">
      <c r="N956791" s="10"/>
    </row>
    <row r="956792" spans="14:14">
      <c r="N956792" s="10"/>
    </row>
    <row r="956793" spans="14:14">
      <c r="N956793" s="10"/>
    </row>
    <row r="956794" spans="14:14">
      <c r="N956794" s="10"/>
    </row>
    <row r="956795" spans="14:14">
      <c r="N956795" s="10"/>
    </row>
    <row r="956796" spans="14:14">
      <c r="N956796" s="10"/>
    </row>
    <row r="956797" spans="14:14">
      <c r="N956797" s="10"/>
    </row>
    <row r="956798" spans="14:14">
      <c r="N956798" s="10"/>
    </row>
    <row r="956799" spans="14:14">
      <c r="N956799" s="10"/>
    </row>
    <row r="956800" spans="14:14">
      <c r="N956800" s="10"/>
    </row>
    <row r="956801" spans="14:14">
      <c r="N956801" s="10"/>
    </row>
    <row r="956802" spans="14:14">
      <c r="N956802" s="10"/>
    </row>
    <row r="956803" spans="14:14">
      <c r="N956803" s="10"/>
    </row>
    <row r="956804" spans="14:14">
      <c r="N956804" s="10"/>
    </row>
    <row r="956805" spans="14:14">
      <c r="N956805" s="10"/>
    </row>
    <row r="956806" spans="14:14">
      <c r="N956806" s="10"/>
    </row>
    <row r="956807" spans="14:14">
      <c r="N956807" s="10"/>
    </row>
    <row r="956808" spans="14:14">
      <c r="N956808" s="10"/>
    </row>
    <row r="956809" spans="14:14">
      <c r="N956809" s="10"/>
    </row>
    <row r="956810" spans="14:14">
      <c r="N956810" s="10"/>
    </row>
    <row r="956811" spans="14:14">
      <c r="N956811" s="10"/>
    </row>
    <row r="956812" spans="14:14">
      <c r="N956812" s="10"/>
    </row>
    <row r="956813" spans="14:14">
      <c r="N956813" s="10"/>
    </row>
    <row r="956814" spans="14:14">
      <c r="N956814" s="10"/>
    </row>
    <row r="956815" spans="14:14">
      <c r="N956815" s="10"/>
    </row>
    <row r="956816" spans="14:14">
      <c r="N956816" s="10"/>
    </row>
    <row r="956817" spans="14:14">
      <c r="N956817" s="10"/>
    </row>
    <row r="956818" spans="14:14">
      <c r="N956818" s="10"/>
    </row>
    <row r="956819" spans="14:14">
      <c r="N956819" s="10"/>
    </row>
    <row r="956820" spans="14:14">
      <c r="N956820" s="10"/>
    </row>
    <row r="956821" spans="14:14">
      <c r="N956821" s="10"/>
    </row>
    <row r="956822" spans="14:14">
      <c r="N956822" s="10"/>
    </row>
    <row r="956823" spans="14:14">
      <c r="N956823" s="10"/>
    </row>
    <row r="956824" spans="14:14">
      <c r="N956824" s="10"/>
    </row>
    <row r="956825" spans="14:14">
      <c r="N956825" s="10"/>
    </row>
    <row r="956826" spans="14:14">
      <c r="N956826" s="10"/>
    </row>
    <row r="956827" spans="14:14">
      <c r="N956827" s="10"/>
    </row>
    <row r="956828" spans="14:14">
      <c r="N956828" s="10"/>
    </row>
    <row r="956829" spans="14:14">
      <c r="N956829" s="10"/>
    </row>
    <row r="956830" spans="14:14">
      <c r="N956830" s="10"/>
    </row>
    <row r="956831" spans="14:14">
      <c r="N956831" s="10"/>
    </row>
    <row r="956832" spans="14:14">
      <c r="N956832" s="10"/>
    </row>
    <row r="956833" spans="14:14">
      <c r="N956833" s="10"/>
    </row>
    <row r="956834" spans="14:14">
      <c r="N956834" s="10"/>
    </row>
    <row r="956835" spans="14:14">
      <c r="N956835" s="10"/>
    </row>
    <row r="956836" spans="14:14">
      <c r="N956836" s="10"/>
    </row>
    <row r="956837" spans="14:14">
      <c r="N956837" s="10"/>
    </row>
    <row r="956838" spans="14:14">
      <c r="N956838" s="10"/>
    </row>
    <row r="956839" spans="14:14">
      <c r="N956839" s="10"/>
    </row>
    <row r="956840" spans="14:14">
      <c r="N956840" s="10"/>
    </row>
    <row r="956841" spans="14:14">
      <c r="N956841" s="10"/>
    </row>
    <row r="956842" spans="14:14">
      <c r="N956842" s="10"/>
    </row>
    <row r="956843" spans="14:14">
      <c r="N956843" s="10"/>
    </row>
    <row r="956844" spans="14:14">
      <c r="N956844" s="10"/>
    </row>
    <row r="956845" spans="14:14">
      <c r="N956845" s="10"/>
    </row>
    <row r="956846" spans="14:14">
      <c r="N956846" s="10"/>
    </row>
    <row r="956847" spans="14:14">
      <c r="N956847" s="10"/>
    </row>
    <row r="956848" spans="14:14">
      <c r="N956848" s="10"/>
    </row>
    <row r="956849" spans="14:14">
      <c r="N956849" s="10"/>
    </row>
    <row r="956850" spans="14:14">
      <c r="N956850" s="10"/>
    </row>
    <row r="956851" spans="14:14">
      <c r="N956851" s="10"/>
    </row>
    <row r="956852" spans="14:14">
      <c r="N956852" s="10"/>
    </row>
    <row r="956853" spans="14:14">
      <c r="N956853" s="10"/>
    </row>
    <row r="956854" spans="14:14">
      <c r="N956854" s="10"/>
    </row>
    <row r="956855" spans="14:14">
      <c r="N956855" s="10"/>
    </row>
    <row r="956856" spans="14:14">
      <c r="N956856" s="10"/>
    </row>
    <row r="956857" spans="14:14">
      <c r="N956857" s="10"/>
    </row>
    <row r="956858" spans="14:14">
      <c r="N956858" s="10"/>
    </row>
    <row r="956859" spans="14:14">
      <c r="N956859" s="10"/>
    </row>
    <row r="956860" spans="14:14">
      <c r="N956860" s="10"/>
    </row>
    <row r="956861" spans="14:14">
      <c r="N956861" s="10"/>
    </row>
    <row r="956862" spans="14:14">
      <c r="N956862" s="10"/>
    </row>
    <row r="956863" spans="14:14">
      <c r="N956863" s="10"/>
    </row>
    <row r="956864" spans="14:14">
      <c r="N956864" s="10"/>
    </row>
    <row r="956865" spans="14:14">
      <c r="N956865" s="10"/>
    </row>
    <row r="956866" spans="14:14">
      <c r="N956866" s="10"/>
    </row>
    <row r="956867" spans="14:14">
      <c r="N956867" s="10"/>
    </row>
    <row r="956868" spans="14:14">
      <c r="N956868" s="10"/>
    </row>
    <row r="956869" spans="14:14">
      <c r="N956869" s="10"/>
    </row>
    <row r="956870" spans="14:14">
      <c r="N956870" s="10"/>
    </row>
    <row r="956871" spans="14:14">
      <c r="N956871" s="10"/>
    </row>
    <row r="956872" spans="14:14">
      <c r="N956872" s="10"/>
    </row>
    <row r="956873" spans="14:14">
      <c r="N956873" s="10"/>
    </row>
    <row r="956874" spans="14:14">
      <c r="N956874" s="10"/>
    </row>
    <row r="956875" spans="14:14">
      <c r="N956875" s="10"/>
    </row>
    <row r="956876" spans="14:14">
      <c r="N956876" s="10"/>
    </row>
    <row r="956877" spans="14:14">
      <c r="N956877" s="10"/>
    </row>
    <row r="956878" spans="14:14">
      <c r="N956878" s="10"/>
    </row>
    <row r="956879" spans="14:14">
      <c r="N956879" s="10"/>
    </row>
    <row r="956880" spans="14:14">
      <c r="N956880" s="10"/>
    </row>
    <row r="956881" spans="14:14">
      <c r="N956881" s="10"/>
    </row>
    <row r="956882" spans="14:14">
      <c r="N956882" s="10"/>
    </row>
    <row r="956883" spans="14:14">
      <c r="N956883" s="10"/>
    </row>
    <row r="956884" spans="14:14">
      <c r="N956884" s="10"/>
    </row>
    <row r="956885" spans="14:14">
      <c r="N956885" s="10"/>
    </row>
    <row r="956886" spans="14:14">
      <c r="N956886" s="10"/>
    </row>
    <row r="956887" spans="14:14">
      <c r="N956887" s="10"/>
    </row>
    <row r="956888" spans="14:14">
      <c r="N956888" s="10"/>
    </row>
    <row r="956889" spans="14:14">
      <c r="N956889" s="10"/>
    </row>
    <row r="956890" spans="14:14">
      <c r="N956890" s="10"/>
    </row>
    <row r="956891" spans="14:14">
      <c r="N956891" s="10"/>
    </row>
    <row r="956892" spans="14:14">
      <c r="N956892" s="10"/>
    </row>
    <row r="956893" spans="14:14">
      <c r="N956893" s="10"/>
    </row>
    <row r="956894" spans="14:14">
      <c r="N956894" s="10"/>
    </row>
    <row r="956895" spans="14:14">
      <c r="N956895" s="10"/>
    </row>
    <row r="956896" spans="14:14">
      <c r="N956896" s="10"/>
    </row>
    <row r="956897" spans="14:14">
      <c r="N956897" s="10"/>
    </row>
    <row r="956898" spans="14:14">
      <c r="N956898" s="10"/>
    </row>
    <row r="956899" spans="14:14">
      <c r="N956899" s="10"/>
    </row>
    <row r="956900" spans="14:14">
      <c r="N956900" s="10"/>
    </row>
    <row r="956901" spans="14:14">
      <c r="N956901" s="10"/>
    </row>
    <row r="956902" spans="14:14">
      <c r="N956902" s="10"/>
    </row>
    <row r="956903" spans="14:14">
      <c r="N956903" s="10"/>
    </row>
    <row r="956904" spans="14:14">
      <c r="N956904" s="10"/>
    </row>
    <row r="956905" spans="14:14">
      <c r="N956905" s="10"/>
    </row>
    <row r="956906" spans="14:14">
      <c r="N956906" s="10"/>
    </row>
    <row r="956907" spans="14:14">
      <c r="N956907" s="10"/>
    </row>
    <row r="956908" spans="14:14">
      <c r="N956908" s="10"/>
    </row>
    <row r="956909" spans="14:14">
      <c r="N956909" s="10"/>
    </row>
    <row r="956910" spans="14:14">
      <c r="N956910" s="10"/>
    </row>
    <row r="956911" spans="14:14">
      <c r="N956911" s="10"/>
    </row>
    <row r="956912" spans="14:14">
      <c r="N956912" s="10"/>
    </row>
    <row r="956913" spans="14:14">
      <c r="N956913" s="10"/>
    </row>
    <row r="956914" spans="14:14">
      <c r="N956914" s="10"/>
    </row>
    <row r="956915" spans="14:14">
      <c r="N956915" s="10"/>
    </row>
    <row r="956916" spans="14:14">
      <c r="N956916" s="10"/>
    </row>
    <row r="956917" spans="14:14">
      <c r="N956917" s="10"/>
    </row>
    <row r="956918" spans="14:14">
      <c r="N956918" s="10"/>
    </row>
    <row r="956919" spans="14:14">
      <c r="N956919" s="10"/>
    </row>
    <row r="956920" spans="14:14">
      <c r="N956920" s="10"/>
    </row>
    <row r="956921" spans="14:14">
      <c r="N956921" s="10"/>
    </row>
    <row r="956922" spans="14:14">
      <c r="N956922" s="10"/>
    </row>
    <row r="956923" spans="14:14">
      <c r="N956923" s="10"/>
    </row>
    <row r="956924" spans="14:14">
      <c r="N956924" s="10"/>
    </row>
    <row r="956925" spans="14:14">
      <c r="N956925" s="10"/>
    </row>
    <row r="956926" spans="14:14">
      <c r="N956926" s="10"/>
    </row>
    <row r="956927" spans="14:14">
      <c r="N956927" s="10"/>
    </row>
    <row r="956928" spans="14:14">
      <c r="N956928" s="10"/>
    </row>
    <row r="956929" spans="14:14">
      <c r="N956929" s="10"/>
    </row>
    <row r="956930" spans="14:14">
      <c r="N956930" s="10"/>
    </row>
    <row r="956931" spans="14:14">
      <c r="N956931" s="10"/>
    </row>
    <row r="956932" spans="14:14">
      <c r="N956932" s="10"/>
    </row>
    <row r="956933" spans="14:14">
      <c r="N956933" s="10"/>
    </row>
    <row r="956934" spans="14:14">
      <c r="N956934" s="10"/>
    </row>
    <row r="956935" spans="14:14">
      <c r="N956935" s="10"/>
    </row>
    <row r="956936" spans="14:14">
      <c r="N956936" s="10"/>
    </row>
    <row r="956937" spans="14:14">
      <c r="N956937" s="10"/>
    </row>
    <row r="956938" spans="14:14">
      <c r="N956938" s="10"/>
    </row>
    <row r="956939" spans="14:14">
      <c r="N956939" s="10"/>
    </row>
    <row r="956940" spans="14:14">
      <c r="N956940" s="10"/>
    </row>
    <row r="956941" spans="14:14">
      <c r="N956941" s="10"/>
    </row>
    <row r="956942" spans="14:14">
      <c r="N956942" s="10"/>
    </row>
    <row r="956943" spans="14:14">
      <c r="N956943" s="10"/>
    </row>
    <row r="956944" spans="14:14">
      <c r="N956944" s="10"/>
    </row>
    <row r="956945" spans="14:14">
      <c r="N956945" s="10"/>
    </row>
    <row r="956946" spans="14:14">
      <c r="N956946" s="10"/>
    </row>
    <row r="956947" spans="14:14">
      <c r="N956947" s="10"/>
    </row>
    <row r="956948" spans="14:14">
      <c r="N956948" s="10"/>
    </row>
    <row r="956949" spans="14:14">
      <c r="N956949" s="10"/>
    </row>
    <row r="956950" spans="14:14">
      <c r="N956950" s="10"/>
    </row>
    <row r="956951" spans="14:14">
      <c r="N956951" s="10"/>
    </row>
    <row r="956952" spans="14:14">
      <c r="N956952" s="10"/>
    </row>
    <row r="956953" spans="14:14">
      <c r="N956953" s="10"/>
    </row>
    <row r="956954" spans="14:14">
      <c r="N956954" s="10"/>
    </row>
    <row r="956955" spans="14:14">
      <c r="N956955" s="10"/>
    </row>
    <row r="956956" spans="14:14">
      <c r="N956956" s="10"/>
    </row>
    <row r="956957" spans="14:14">
      <c r="N956957" s="10"/>
    </row>
    <row r="956958" spans="14:14">
      <c r="N956958" s="10"/>
    </row>
    <row r="956959" spans="14:14">
      <c r="N956959" s="10"/>
    </row>
    <row r="956960" spans="14:14">
      <c r="N956960" s="10"/>
    </row>
    <row r="956961" spans="14:14">
      <c r="N956961" s="10"/>
    </row>
    <row r="956962" spans="14:14">
      <c r="N956962" s="10"/>
    </row>
    <row r="956963" spans="14:14">
      <c r="N956963" s="10"/>
    </row>
    <row r="956964" spans="14:14">
      <c r="N956964" s="10"/>
    </row>
    <row r="956965" spans="14:14">
      <c r="N956965" s="10"/>
    </row>
    <row r="956966" spans="14:14">
      <c r="N956966" s="10"/>
    </row>
    <row r="956967" spans="14:14">
      <c r="N956967" s="10"/>
    </row>
    <row r="956968" spans="14:14">
      <c r="N956968" s="10"/>
    </row>
    <row r="956969" spans="14:14">
      <c r="N956969" s="10"/>
    </row>
    <row r="956970" spans="14:14">
      <c r="N956970" s="10"/>
    </row>
    <row r="956971" spans="14:14">
      <c r="N956971" s="10"/>
    </row>
    <row r="956972" spans="14:14">
      <c r="N956972" s="10"/>
    </row>
    <row r="956973" spans="14:14">
      <c r="N956973" s="10"/>
    </row>
    <row r="956974" spans="14:14">
      <c r="N956974" s="10"/>
    </row>
    <row r="956975" spans="14:14">
      <c r="N956975" s="10"/>
    </row>
    <row r="956976" spans="14:14">
      <c r="N956976" s="10"/>
    </row>
    <row r="956977" spans="14:14">
      <c r="N956977" s="10"/>
    </row>
    <row r="956978" spans="14:14">
      <c r="N956978" s="10"/>
    </row>
    <row r="956979" spans="14:14">
      <c r="N956979" s="10"/>
    </row>
    <row r="956980" spans="14:14">
      <c r="N956980" s="10"/>
    </row>
    <row r="956981" spans="14:14">
      <c r="N956981" s="10"/>
    </row>
    <row r="956982" spans="14:14">
      <c r="N956982" s="10"/>
    </row>
    <row r="956983" spans="14:14">
      <c r="N956983" s="10"/>
    </row>
    <row r="956984" spans="14:14">
      <c r="N956984" s="10"/>
    </row>
    <row r="956985" spans="14:14">
      <c r="N956985" s="10"/>
    </row>
    <row r="956986" spans="14:14">
      <c r="N956986" s="10"/>
    </row>
    <row r="956987" spans="14:14">
      <c r="N956987" s="10"/>
    </row>
    <row r="956988" spans="14:14">
      <c r="N956988" s="10"/>
    </row>
    <row r="956989" spans="14:14">
      <c r="N956989" s="10"/>
    </row>
    <row r="956990" spans="14:14">
      <c r="N956990" s="10"/>
    </row>
    <row r="956991" spans="14:14">
      <c r="N956991" s="10"/>
    </row>
    <row r="956992" spans="14:14">
      <c r="N956992" s="10"/>
    </row>
    <row r="956993" spans="14:14">
      <c r="N956993" s="10"/>
    </row>
    <row r="956994" spans="14:14">
      <c r="N956994" s="10"/>
    </row>
    <row r="956995" spans="14:14">
      <c r="N956995" s="10"/>
    </row>
    <row r="956996" spans="14:14">
      <c r="N956996" s="10"/>
    </row>
    <row r="956997" spans="14:14">
      <c r="N956997" s="10"/>
    </row>
    <row r="956998" spans="14:14">
      <c r="N956998" s="10"/>
    </row>
    <row r="956999" spans="14:14">
      <c r="N956999" s="10"/>
    </row>
    <row r="957000" spans="14:14">
      <c r="N957000" s="10"/>
    </row>
    <row r="957001" spans="14:14">
      <c r="N957001" s="10"/>
    </row>
    <row r="957002" spans="14:14">
      <c r="N957002" s="10"/>
    </row>
    <row r="957003" spans="14:14">
      <c r="N957003" s="10"/>
    </row>
    <row r="957004" spans="14:14">
      <c r="N957004" s="10"/>
    </row>
    <row r="957005" spans="14:14">
      <c r="N957005" s="10"/>
    </row>
    <row r="957006" spans="14:14">
      <c r="N957006" s="10"/>
    </row>
    <row r="957007" spans="14:14">
      <c r="N957007" s="10"/>
    </row>
    <row r="957008" spans="14:14">
      <c r="N957008" s="10"/>
    </row>
    <row r="957009" spans="14:14">
      <c r="N957009" s="10"/>
    </row>
    <row r="957010" spans="14:14">
      <c r="N957010" s="10"/>
    </row>
    <row r="957011" spans="14:14">
      <c r="N957011" s="10"/>
    </row>
    <row r="957012" spans="14:14">
      <c r="N957012" s="10"/>
    </row>
    <row r="957013" spans="14:14">
      <c r="N957013" s="10"/>
    </row>
    <row r="957014" spans="14:14">
      <c r="N957014" s="10"/>
    </row>
    <row r="957015" spans="14:14">
      <c r="N957015" s="10"/>
    </row>
    <row r="957016" spans="14:14">
      <c r="N957016" s="10"/>
    </row>
    <row r="957017" spans="14:14">
      <c r="N957017" s="10"/>
    </row>
    <row r="957018" spans="14:14">
      <c r="N957018" s="10"/>
    </row>
    <row r="957019" spans="14:14">
      <c r="N957019" s="10"/>
    </row>
    <row r="957020" spans="14:14">
      <c r="N957020" s="10"/>
    </row>
    <row r="957021" spans="14:14">
      <c r="N957021" s="10"/>
    </row>
    <row r="957022" spans="14:14">
      <c r="N957022" s="10"/>
    </row>
    <row r="957023" spans="14:14">
      <c r="N957023" s="10"/>
    </row>
    <row r="957024" spans="14:14">
      <c r="N957024" s="10"/>
    </row>
    <row r="957025" spans="14:14">
      <c r="N957025" s="10"/>
    </row>
    <row r="957026" spans="14:14">
      <c r="N957026" s="10"/>
    </row>
    <row r="957027" spans="14:14">
      <c r="N957027" s="10"/>
    </row>
    <row r="957028" spans="14:14">
      <c r="N957028" s="10"/>
    </row>
    <row r="957029" spans="14:14">
      <c r="N957029" s="10"/>
    </row>
    <row r="957030" spans="14:14">
      <c r="N957030" s="10"/>
    </row>
    <row r="957031" spans="14:14">
      <c r="N957031" s="10"/>
    </row>
    <row r="957032" spans="14:14">
      <c r="N957032" s="10"/>
    </row>
    <row r="957033" spans="14:14">
      <c r="N957033" s="10"/>
    </row>
    <row r="957034" spans="14:14">
      <c r="N957034" s="10"/>
    </row>
    <row r="957035" spans="14:14">
      <c r="N957035" s="10"/>
    </row>
    <row r="957036" spans="14:14">
      <c r="N957036" s="10"/>
    </row>
    <row r="957037" spans="14:14">
      <c r="N957037" s="10"/>
    </row>
    <row r="957038" spans="14:14">
      <c r="N957038" s="10"/>
    </row>
    <row r="957039" spans="14:14">
      <c r="N957039" s="10"/>
    </row>
    <row r="957040" spans="14:14">
      <c r="N957040" s="10"/>
    </row>
    <row r="957041" spans="14:14">
      <c r="N957041" s="10"/>
    </row>
    <row r="957042" spans="14:14">
      <c r="N957042" s="10"/>
    </row>
    <row r="957043" spans="14:14">
      <c r="N957043" s="10"/>
    </row>
    <row r="957044" spans="14:14">
      <c r="N957044" s="10"/>
    </row>
    <row r="957045" spans="14:14">
      <c r="N957045" s="10"/>
    </row>
    <row r="957046" spans="14:14">
      <c r="N957046" s="10"/>
    </row>
    <row r="957047" spans="14:14">
      <c r="N957047" s="10"/>
    </row>
    <row r="957048" spans="14:14">
      <c r="N957048" s="10"/>
    </row>
    <row r="957049" spans="14:14">
      <c r="N957049" s="10"/>
    </row>
    <row r="957050" spans="14:14">
      <c r="N957050" s="10"/>
    </row>
    <row r="957051" spans="14:14">
      <c r="N957051" s="10"/>
    </row>
    <row r="957052" spans="14:14">
      <c r="N957052" s="10"/>
    </row>
    <row r="957053" spans="14:14">
      <c r="N957053" s="10"/>
    </row>
    <row r="957054" spans="14:14">
      <c r="N957054" s="10"/>
    </row>
    <row r="957055" spans="14:14">
      <c r="N957055" s="10"/>
    </row>
    <row r="957056" spans="14:14">
      <c r="N957056" s="10"/>
    </row>
    <row r="957057" spans="14:14">
      <c r="N957057" s="10"/>
    </row>
    <row r="957058" spans="14:14">
      <c r="N957058" s="10"/>
    </row>
    <row r="957059" spans="14:14">
      <c r="N957059" s="10"/>
    </row>
    <row r="957060" spans="14:14">
      <c r="N957060" s="10"/>
    </row>
    <row r="957061" spans="14:14">
      <c r="N957061" s="10"/>
    </row>
    <row r="957062" spans="14:14">
      <c r="N957062" s="10"/>
    </row>
    <row r="957063" spans="14:14">
      <c r="N957063" s="10"/>
    </row>
    <row r="957064" spans="14:14">
      <c r="N957064" s="10"/>
    </row>
    <row r="957065" spans="14:14">
      <c r="N957065" s="10"/>
    </row>
    <row r="957066" spans="14:14">
      <c r="N957066" s="10"/>
    </row>
    <row r="957067" spans="14:14">
      <c r="N957067" s="10"/>
    </row>
    <row r="957068" spans="14:14">
      <c r="N957068" s="10"/>
    </row>
    <row r="957069" spans="14:14">
      <c r="N957069" s="10"/>
    </row>
    <row r="957070" spans="14:14">
      <c r="N957070" s="10"/>
    </row>
    <row r="957071" spans="14:14">
      <c r="N957071" s="10"/>
    </row>
    <row r="957072" spans="14:14">
      <c r="N957072" s="10"/>
    </row>
    <row r="957073" spans="14:14">
      <c r="N957073" s="10"/>
    </row>
    <row r="957074" spans="14:14">
      <c r="N957074" s="10"/>
    </row>
    <row r="957075" spans="14:14">
      <c r="N957075" s="10"/>
    </row>
    <row r="957076" spans="14:14">
      <c r="N957076" s="10"/>
    </row>
    <row r="957077" spans="14:14">
      <c r="N957077" s="10"/>
    </row>
    <row r="957078" spans="14:14">
      <c r="N957078" s="10"/>
    </row>
    <row r="957079" spans="14:14">
      <c r="N957079" s="10"/>
    </row>
    <row r="957080" spans="14:14">
      <c r="N957080" s="10"/>
    </row>
    <row r="957081" spans="14:14">
      <c r="N957081" s="10"/>
    </row>
    <row r="957082" spans="14:14">
      <c r="N957082" s="10"/>
    </row>
    <row r="957083" spans="14:14">
      <c r="N957083" s="10"/>
    </row>
    <row r="957084" spans="14:14">
      <c r="N957084" s="10"/>
    </row>
    <row r="957085" spans="14:14">
      <c r="N957085" s="10"/>
    </row>
    <row r="957086" spans="14:14">
      <c r="N957086" s="10"/>
    </row>
    <row r="957087" spans="14:14">
      <c r="N957087" s="10"/>
    </row>
    <row r="957088" spans="14:14">
      <c r="N957088" s="10"/>
    </row>
    <row r="957089" spans="14:14">
      <c r="N957089" s="10"/>
    </row>
    <row r="957090" spans="14:14">
      <c r="N957090" s="10"/>
    </row>
    <row r="957091" spans="14:14">
      <c r="N957091" s="10"/>
    </row>
    <row r="957092" spans="14:14">
      <c r="N957092" s="10"/>
    </row>
    <row r="957093" spans="14:14">
      <c r="N957093" s="10"/>
    </row>
    <row r="957094" spans="14:14">
      <c r="N957094" s="10"/>
    </row>
    <row r="957095" spans="14:14">
      <c r="N957095" s="10"/>
    </row>
    <row r="957096" spans="14:14">
      <c r="N957096" s="10"/>
    </row>
    <row r="957097" spans="14:14">
      <c r="N957097" s="10"/>
    </row>
    <row r="957098" spans="14:14">
      <c r="N957098" s="10"/>
    </row>
    <row r="957099" spans="14:14">
      <c r="N957099" s="10"/>
    </row>
    <row r="957100" spans="14:14">
      <c r="N957100" s="10"/>
    </row>
    <row r="957101" spans="14:14">
      <c r="N957101" s="10"/>
    </row>
    <row r="957102" spans="14:14">
      <c r="N957102" s="10"/>
    </row>
    <row r="957103" spans="14:14">
      <c r="N957103" s="10"/>
    </row>
    <row r="957104" spans="14:14">
      <c r="N957104" s="10"/>
    </row>
    <row r="957105" spans="14:14">
      <c r="N957105" s="10"/>
    </row>
    <row r="957106" spans="14:14">
      <c r="N957106" s="10"/>
    </row>
    <row r="957107" spans="14:14">
      <c r="N957107" s="10"/>
    </row>
    <row r="957108" spans="14:14">
      <c r="N957108" s="10"/>
    </row>
    <row r="957109" spans="14:14">
      <c r="N957109" s="10"/>
    </row>
    <row r="957110" spans="14:14">
      <c r="N957110" s="10"/>
    </row>
    <row r="957111" spans="14:14">
      <c r="N957111" s="10"/>
    </row>
    <row r="957112" spans="14:14">
      <c r="N957112" s="10"/>
    </row>
    <row r="957113" spans="14:14">
      <c r="N957113" s="10"/>
    </row>
    <row r="957114" spans="14:14">
      <c r="N957114" s="10"/>
    </row>
    <row r="957115" spans="14:14">
      <c r="N957115" s="10"/>
    </row>
    <row r="957116" spans="14:14">
      <c r="N957116" s="10"/>
    </row>
    <row r="957117" spans="14:14">
      <c r="N957117" s="10"/>
    </row>
    <row r="957118" spans="14:14">
      <c r="N957118" s="10"/>
    </row>
    <row r="957119" spans="14:14">
      <c r="N957119" s="10"/>
    </row>
    <row r="957120" spans="14:14">
      <c r="N957120" s="10"/>
    </row>
    <row r="957121" spans="14:14">
      <c r="N957121" s="10"/>
    </row>
    <row r="957122" spans="14:14">
      <c r="N957122" s="10"/>
    </row>
    <row r="957123" spans="14:14">
      <c r="N957123" s="10"/>
    </row>
    <row r="957124" spans="14:14">
      <c r="N957124" s="10"/>
    </row>
    <row r="957125" spans="14:14">
      <c r="N957125" s="10"/>
    </row>
    <row r="957126" spans="14:14">
      <c r="N957126" s="10"/>
    </row>
    <row r="957127" spans="14:14">
      <c r="N957127" s="10"/>
    </row>
    <row r="957128" spans="14:14">
      <c r="N957128" s="10"/>
    </row>
    <row r="957129" spans="14:14">
      <c r="N957129" s="10"/>
    </row>
    <row r="957130" spans="14:14">
      <c r="N957130" s="10"/>
    </row>
    <row r="957131" spans="14:14">
      <c r="N957131" s="10"/>
    </row>
    <row r="957132" spans="14:14">
      <c r="N957132" s="10"/>
    </row>
    <row r="957133" spans="14:14">
      <c r="N957133" s="10"/>
    </row>
    <row r="957134" spans="14:14">
      <c r="N957134" s="10"/>
    </row>
    <row r="957135" spans="14:14">
      <c r="N957135" s="10"/>
    </row>
    <row r="957136" spans="14:14">
      <c r="N957136" s="10"/>
    </row>
    <row r="957137" spans="14:14">
      <c r="N957137" s="10"/>
    </row>
    <row r="957138" spans="14:14">
      <c r="N957138" s="10"/>
    </row>
    <row r="957139" spans="14:14">
      <c r="N957139" s="10"/>
    </row>
    <row r="957140" spans="14:14">
      <c r="N957140" s="10"/>
    </row>
    <row r="957141" spans="14:14">
      <c r="N957141" s="10"/>
    </row>
    <row r="957142" spans="14:14">
      <c r="N957142" s="10"/>
    </row>
    <row r="957143" spans="14:14">
      <c r="N957143" s="10"/>
    </row>
    <row r="957144" spans="14:14">
      <c r="N957144" s="10"/>
    </row>
    <row r="957145" spans="14:14">
      <c r="N957145" s="10"/>
    </row>
    <row r="957146" spans="14:14">
      <c r="N957146" s="10"/>
    </row>
    <row r="957147" spans="14:14">
      <c r="N957147" s="10"/>
    </row>
    <row r="957148" spans="14:14">
      <c r="N957148" s="10"/>
    </row>
    <row r="957149" spans="14:14">
      <c r="N957149" s="10"/>
    </row>
    <row r="957150" spans="14:14">
      <c r="N957150" s="10"/>
    </row>
    <row r="957151" spans="14:14">
      <c r="N957151" s="10"/>
    </row>
    <row r="957152" spans="14:14">
      <c r="N957152" s="10"/>
    </row>
    <row r="957153" spans="14:14">
      <c r="N957153" s="10"/>
    </row>
    <row r="957154" spans="14:14">
      <c r="N957154" s="10"/>
    </row>
    <row r="957155" spans="14:14">
      <c r="N957155" s="10"/>
    </row>
    <row r="957156" spans="14:14">
      <c r="N957156" s="10"/>
    </row>
    <row r="957157" spans="14:14">
      <c r="N957157" s="10"/>
    </row>
    <row r="957158" spans="14:14">
      <c r="N957158" s="10"/>
    </row>
    <row r="957159" spans="14:14">
      <c r="N957159" s="10"/>
    </row>
    <row r="957160" spans="14:14">
      <c r="N957160" s="10"/>
    </row>
    <row r="957161" spans="14:14">
      <c r="N957161" s="10"/>
    </row>
    <row r="957162" spans="14:14">
      <c r="N957162" s="10"/>
    </row>
    <row r="957163" spans="14:14">
      <c r="N957163" s="10"/>
    </row>
    <row r="957164" spans="14:14">
      <c r="N957164" s="10"/>
    </row>
    <row r="957165" spans="14:14">
      <c r="N957165" s="10"/>
    </row>
    <row r="957166" spans="14:14">
      <c r="N957166" s="10"/>
    </row>
    <row r="957167" spans="14:14">
      <c r="N957167" s="10"/>
    </row>
    <row r="957168" spans="14:14">
      <c r="N957168" s="10"/>
    </row>
    <row r="957169" spans="14:14">
      <c r="N957169" s="10"/>
    </row>
    <row r="957170" spans="14:14">
      <c r="N957170" s="10"/>
    </row>
    <row r="957171" spans="14:14">
      <c r="N957171" s="10"/>
    </row>
    <row r="957172" spans="14:14">
      <c r="N957172" s="10"/>
    </row>
    <row r="957173" spans="14:14">
      <c r="N957173" s="10"/>
    </row>
    <row r="957174" spans="14:14">
      <c r="N957174" s="10"/>
    </row>
    <row r="957175" spans="14:14">
      <c r="N957175" s="10"/>
    </row>
    <row r="957176" spans="14:14">
      <c r="N957176" s="10"/>
    </row>
    <row r="957177" spans="14:14">
      <c r="N957177" s="10"/>
    </row>
    <row r="957178" spans="14:14">
      <c r="N957178" s="10"/>
    </row>
    <row r="957179" spans="14:14">
      <c r="N957179" s="10"/>
    </row>
    <row r="957180" spans="14:14">
      <c r="N957180" s="10"/>
    </row>
    <row r="957181" spans="14:14">
      <c r="N957181" s="10"/>
    </row>
    <row r="957182" spans="14:14">
      <c r="N957182" s="10"/>
    </row>
    <row r="957183" spans="14:14">
      <c r="N957183" s="10"/>
    </row>
    <row r="957184" spans="14:14">
      <c r="N957184" s="10"/>
    </row>
    <row r="957185" spans="14:14">
      <c r="N957185" s="10"/>
    </row>
    <row r="957186" spans="14:14">
      <c r="N957186" s="10"/>
    </row>
    <row r="957187" spans="14:14">
      <c r="N957187" s="10"/>
    </row>
    <row r="957188" spans="14:14">
      <c r="N957188" s="10"/>
    </row>
    <row r="957189" spans="14:14">
      <c r="N957189" s="10"/>
    </row>
    <row r="957190" spans="14:14">
      <c r="N957190" s="10"/>
    </row>
    <row r="957191" spans="14:14">
      <c r="N957191" s="10"/>
    </row>
    <row r="957192" spans="14:14">
      <c r="N957192" s="10"/>
    </row>
    <row r="957193" spans="14:14">
      <c r="N957193" s="10"/>
    </row>
    <row r="957194" spans="14:14">
      <c r="N957194" s="10"/>
    </row>
    <row r="957195" spans="14:14">
      <c r="N957195" s="10"/>
    </row>
    <row r="957196" spans="14:14">
      <c r="N957196" s="10"/>
    </row>
    <row r="957197" spans="14:14">
      <c r="N957197" s="10"/>
    </row>
    <row r="957198" spans="14:14">
      <c r="N957198" s="10"/>
    </row>
    <row r="957199" spans="14:14">
      <c r="N957199" s="10"/>
    </row>
    <row r="957200" spans="14:14">
      <c r="N957200" s="10"/>
    </row>
    <row r="957201" spans="14:14">
      <c r="N957201" s="10"/>
    </row>
    <row r="957202" spans="14:14">
      <c r="N957202" s="10"/>
    </row>
    <row r="957203" spans="14:14">
      <c r="N957203" s="10"/>
    </row>
    <row r="957204" spans="14:14">
      <c r="N957204" s="10"/>
    </row>
    <row r="957205" spans="14:14">
      <c r="N957205" s="10"/>
    </row>
    <row r="957206" spans="14:14">
      <c r="N957206" s="10"/>
    </row>
    <row r="957207" spans="14:14">
      <c r="N957207" s="10"/>
    </row>
    <row r="957208" spans="14:14">
      <c r="N957208" s="10"/>
    </row>
    <row r="957209" spans="14:14">
      <c r="N957209" s="10"/>
    </row>
    <row r="957210" spans="14:14">
      <c r="N957210" s="10"/>
    </row>
    <row r="957211" spans="14:14">
      <c r="N957211" s="10"/>
    </row>
    <row r="957212" spans="14:14">
      <c r="N957212" s="10"/>
    </row>
    <row r="957213" spans="14:14">
      <c r="N957213" s="10"/>
    </row>
    <row r="957214" spans="14:14">
      <c r="N957214" s="10"/>
    </row>
    <row r="957215" spans="14:14">
      <c r="N957215" s="10"/>
    </row>
    <row r="957216" spans="14:14">
      <c r="N957216" s="10"/>
    </row>
    <row r="957217" spans="14:14">
      <c r="N957217" s="10"/>
    </row>
    <row r="957218" spans="14:14">
      <c r="N957218" s="10"/>
    </row>
    <row r="957219" spans="14:14">
      <c r="N957219" s="10"/>
    </row>
    <row r="957220" spans="14:14">
      <c r="N957220" s="10"/>
    </row>
    <row r="957221" spans="14:14">
      <c r="N957221" s="10"/>
    </row>
    <row r="957222" spans="14:14">
      <c r="N957222" s="10"/>
    </row>
    <row r="957223" spans="14:14">
      <c r="N957223" s="10"/>
    </row>
    <row r="957224" spans="14:14">
      <c r="N957224" s="10"/>
    </row>
    <row r="957225" spans="14:14">
      <c r="N957225" s="10"/>
    </row>
    <row r="957226" spans="14:14">
      <c r="N957226" s="10"/>
    </row>
    <row r="957227" spans="14:14">
      <c r="N957227" s="10"/>
    </row>
    <row r="957228" spans="14:14">
      <c r="N957228" s="10"/>
    </row>
    <row r="957229" spans="14:14">
      <c r="N957229" s="10"/>
    </row>
    <row r="957230" spans="14:14">
      <c r="N957230" s="10"/>
    </row>
    <row r="957231" spans="14:14">
      <c r="N957231" s="10"/>
    </row>
    <row r="957232" spans="14:14">
      <c r="N957232" s="10"/>
    </row>
    <row r="957233" spans="14:14">
      <c r="N957233" s="10"/>
    </row>
    <row r="957234" spans="14:14">
      <c r="N957234" s="10"/>
    </row>
    <row r="957235" spans="14:14">
      <c r="N957235" s="10"/>
    </row>
    <row r="957236" spans="14:14">
      <c r="N957236" s="10"/>
    </row>
    <row r="957237" spans="14:14">
      <c r="N957237" s="10"/>
    </row>
    <row r="957238" spans="14:14">
      <c r="N957238" s="10"/>
    </row>
    <row r="957239" spans="14:14">
      <c r="N957239" s="10"/>
    </row>
    <row r="957240" spans="14:14">
      <c r="N957240" s="10"/>
    </row>
    <row r="957241" spans="14:14">
      <c r="N957241" s="10"/>
    </row>
    <row r="957242" spans="14:14">
      <c r="N957242" s="10"/>
    </row>
    <row r="957243" spans="14:14">
      <c r="N957243" s="10"/>
    </row>
    <row r="957244" spans="14:14">
      <c r="N957244" s="10"/>
    </row>
    <row r="957245" spans="14:14">
      <c r="N957245" s="10"/>
    </row>
    <row r="957246" spans="14:14">
      <c r="N957246" s="10"/>
    </row>
    <row r="957247" spans="14:14">
      <c r="N957247" s="10"/>
    </row>
    <row r="957248" spans="14:14">
      <c r="N957248" s="10"/>
    </row>
    <row r="957249" spans="14:14">
      <c r="N957249" s="10"/>
    </row>
    <row r="957250" spans="14:14">
      <c r="N957250" s="10"/>
    </row>
    <row r="957251" spans="14:14">
      <c r="N957251" s="10"/>
    </row>
    <row r="957252" spans="14:14">
      <c r="N957252" s="10"/>
    </row>
    <row r="957253" spans="14:14">
      <c r="N957253" s="10"/>
    </row>
    <row r="957254" spans="14:14">
      <c r="N957254" s="10"/>
    </row>
    <row r="957255" spans="14:14">
      <c r="N957255" s="10"/>
    </row>
    <row r="957256" spans="14:14">
      <c r="N957256" s="10"/>
    </row>
    <row r="957257" spans="14:14">
      <c r="N957257" s="10"/>
    </row>
    <row r="957258" spans="14:14">
      <c r="N957258" s="10"/>
    </row>
    <row r="957259" spans="14:14">
      <c r="N957259" s="10"/>
    </row>
    <row r="957260" spans="14:14">
      <c r="N957260" s="10"/>
    </row>
    <row r="957261" spans="14:14">
      <c r="N957261" s="10"/>
    </row>
    <row r="957262" spans="14:14">
      <c r="N957262" s="10"/>
    </row>
    <row r="957263" spans="14:14">
      <c r="N957263" s="10"/>
    </row>
    <row r="957264" spans="14:14">
      <c r="N957264" s="10"/>
    </row>
    <row r="957265" spans="14:14">
      <c r="N957265" s="10"/>
    </row>
    <row r="957266" spans="14:14">
      <c r="N957266" s="10"/>
    </row>
    <row r="957267" spans="14:14">
      <c r="N957267" s="10"/>
    </row>
    <row r="957268" spans="14:14">
      <c r="N957268" s="10"/>
    </row>
    <row r="957269" spans="14:14">
      <c r="N957269" s="10"/>
    </row>
    <row r="957270" spans="14:14">
      <c r="N957270" s="10"/>
    </row>
    <row r="957271" spans="14:14">
      <c r="N957271" s="10"/>
    </row>
    <row r="957272" spans="14:14">
      <c r="N957272" s="10"/>
    </row>
    <row r="957273" spans="14:14">
      <c r="N957273" s="10"/>
    </row>
    <row r="957274" spans="14:14">
      <c r="N957274" s="10"/>
    </row>
    <row r="957275" spans="14:14">
      <c r="N957275" s="10"/>
    </row>
    <row r="957276" spans="14:14">
      <c r="N957276" s="10"/>
    </row>
    <row r="957277" spans="14:14">
      <c r="N957277" s="10"/>
    </row>
    <row r="957278" spans="14:14">
      <c r="N957278" s="10"/>
    </row>
    <row r="957279" spans="14:14">
      <c r="N957279" s="10"/>
    </row>
    <row r="957280" spans="14:14">
      <c r="N957280" s="10"/>
    </row>
    <row r="957281" spans="14:14">
      <c r="N957281" s="10"/>
    </row>
    <row r="957282" spans="14:14">
      <c r="N957282" s="10"/>
    </row>
    <row r="957283" spans="14:14">
      <c r="N957283" s="10"/>
    </row>
    <row r="957284" spans="14:14">
      <c r="N957284" s="10"/>
    </row>
    <row r="957285" spans="14:14">
      <c r="N957285" s="10"/>
    </row>
    <row r="957286" spans="14:14">
      <c r="N957286" s="10"/>
    </row>
    <row r="957287" spans="14:14">
      <c r="N957287" s="10"/>
    </row>
    <row r="957288" spans="14:14">
      <c r="N957288" s="10"/>
    </row>
    <row r="957289" spans="14:14">
      <c r="N957289" s="10"/>
    </row>
    <row r="957290" spans="14:14">
      <c r="N957290" s="10"/>
    </row>
    <row r="957291" spans="14:14">
      <c r="N957291" s="10"/>
    </row>
    <row r="957292" spans="14:14">
      <c r="N957292" s="10"/>
    </row>
    <row r="957293" spans="14:14">
      <c r="N957293" s="10"/>
    </row>
    <row r="957294" spans="14:14">
      <c r="N957294" s="10"/>
    </row>
    <row r="957295" spans="14:14">
      <c r="N957295" s="10"/>
    </row>
    <row r="957296" spans="14:14">
      <c r="N957296" s="10"/>
    </row>
    <row r="957297" spans="14:14">
      <c r="N957297" s="10"/>
    </row>
    <row r="957298" spans="14:14">
      <c r="N957298" s="10"/>
    </row>
    <row r="957299" spans="14:14">
      <c r="N957299" s="10"/>
    </row>
    <row r="957300" spans="14:14">
      <c r="N957300" s="10"/>
    </row>
    <row r="957301" spans="14:14">
      <c r="N957301" s="10"/>
    </row>
    <row r="957302" spans="14:14">
      <c r="N957302" s="10"/>
    </row>
    <row r="957303" spans="14:14">
      <c r="N957303" s="10"/>
    </row>
    <row r="957304" spans="14:14">
      <c r="N957304" s="10"/>
    </row>
    <row r="957305" spans="14:14">
      <c r="N957305" s="10"/>
    </row>
    <row r="957306" spans="14:14">
      <c r="N957306" s="10"/>
    </row>
    <row r="957307" spans="14:14">
      <c r="N957307" s="10"/>
    </row>
    <row r="957308" spans="14:14">
      <c r="N957308" s="10"/>
    </row>
    <row r="957309" spans="14:14">
      <c r="N957309" s="10"/>
    </row>
    <row r="957310" spans="14:14">
      <c r="N957310" s="10"/>
    </row>
    <row r="957311" spans="14:14">
      <c r="N957311" s="10"/>
    </row>
    <row r="957312" spans="14:14">
      <c r="N957312" s="10"/>
    </row>
    <row r="957313" spans="14:14">
      <c r="N957313" s="10"/>
    </row>
    <row r="957314" spans="14:14">
      <c r="N957314" s="10"/>
    </row>
    <row r="957315" spans="14:14">
      <c r="N957315" s="10"/>
    </row>
    <row r="957316" spans="14:14">
      <c r="N957316" s="10"/>
    </row>
    <row r="957317" spans="14:14">
      <c r="N957317" s="10"/>
    </row>
    <row r="957318" spans="14:14">
      <c r="N957318" s="10"/>
    </row>
    <row r="957319" spans="14:14">
      <c r="N957319" s="10"/>
    </row>
    <row r="957320" spans="14:14">
      <c r="N957320" s="10"/>
    </row>
    <row r="957321" spans="14:14">
      <c r="N957321" s="10"/>
    </row>
    <row r="957322" spans="14:14">
      <c r="N957322" s="10"/>
    </row>
    <row r="957323" spans="14:14">
      <c r="N957323" s="10"/>
    </row>
    <row r="957324" spans="14:14">
      <c r="N957324" s="10"/>
    </row>
    <row r="957325" spans="14:14">
      <c r="N957325" s="10"/>
    </row>
    <row r="957326" spans="14:14">
      <c r="N957326" s="10"/>
    </row>
    <row r="957327" spans="14:14">
      <c r="N957327" s="10"/>
    </row>
    <row r="957328" spans="14:14">
      <c r="N957328" s="10"/>
    </row>
    <row r="957329" spans="14:14">
      <c r="N957329" s="10"/>
    </row>
    <row r="957330" spans="14:14">
      <c r="N957330" s="10"/>
    </row>
    <row r="957331" spans="14:14">
      <c r="N957331" s="10"/>
    </row>
    <row r="957332" spans="14:14">
      <c r="N957332" s="10"/>
    </row>
    <row r="957333" spans="14:14">
      <c r="N957333" s="10"/>
    </row>
    <row r="957334" spans="14:14">
      <c r="N957334" s="10"/>
    </row>
    <row r="957335" spans="14:14">
      <c r="N957335" s="10"/>
    </row>
    <row r="957336" spans="14:14">
      <c r="N957336" s="10"/>
    </row>
    <row r="957337" spans="14:14">
      <c r="N957337" s="10"/>
    </row>
    <row r="957338" spans="14:14">
      <c r="N957338" s="10"/>
    </row>
    <row r="957339" spans="14:14">
      <c r="N957339" s="10"/>
    </row>
    <row r="957340" spans="14:14">
      <c r="N957340" s="10"/>
    </row>
    <row r="957341" spans="14:14">
      <c r="N957341" s="10"/>
    </row>
    <row r="957342" spans="14:14">
      <c r="N957342" s="10"/>
    </row>
    <row r="957343" spans="14:14">
      <c r="N957343" s="10"/>
    </row>
    <row r="957344" spans="14:14">
      <c r="N957344" s="10"/>
    </row>
    <row r="957345" spans="14:14">
      <c r="N957345" s="10"/>
    </row>
    <row r="957346" spans="14:14">
      <c r="N957346" s="10"/>
    </row>
    <row r="957347" spans="14:14">
      <c r="N957347" s="10"/>
    </row>
    <row r="957348" spans="14:14">
      <c r="N957348" s="10"/>
    </row>
    <row r="957349" spans="14:14">
      <c r="N957349" s="10"/>
    </row>
    <row r="957350" spans="14:14">
      <c r="N957350" s="10"/>
    </row>
    <row r="957351" spans="14:14">
      <c r="N957351" s="10"/>
    </row>
    <row r="957352" spans="14:14">
      <c r="N957352" s="10"/>
    </row>
    <row r="957353" spans="14:14">
      <c r="N957353" s="10"/>
    </row>
    <row r="957354" spans="14:14">
      <c r="N957354" s="10"/>
    </row>
    <row r="957355" spans="14:14">
      <c r="N957355" s="10"/>
    </row>
    <row r="957356" spans="14:14">
      <c r="N957356" s="10"/>
    </row>
    <row r="957357" spans="14:14">
      <c r="N957357" s="10"/>
    </row>
    <row r="957358" spans="14:14">
      <c r="N957358" s="10"/>
    </row>
    <row r="957359" spans="14:14">
      <c r="N957359" s="10"/>
    </row>
    <row r="957360" spans="14:14">
      <c r="N957360" s="10"/>
    </row>
    <row r="957361" spans="14:14">
      <c r="N957361" s="10"/>
    </row>
    <row r="957362" spans="14:14">
      <c r="N957362" s="10"/>
    </row>
    <row r="957363" spans="14:14">
      <c r="N957363" s="10"/>
    </row>
    <row r="957364" spans="14:14">
      <c r="N957364" s="10"/>
    </row>
    <row r="957365" spans="14:14">
      <c r="N957365" s="10"/>
    </row>
    <row r="957366" spans="14:14">
      <c r="N957366" s="10"/>
    </row>
    <row r="957367" spans="14:14">
      <c r="N957367" s="10"/>
    </row>
    <row r="957368" spans="14:14">
      <c r="N957368" s="10"/>
    </row>
    <row r="957369" spans="14:14">
      <c r="N957369" s="10"/>
    </row>
    <row r="957370" spans="14:14">
      <c r="N957370" s="10"/>
    </row>
    <row r="957371" spans="14:14">
      <c r="N957371" s="10"/>
    </row>
    <row r="957372" spans="14:14">
      <c r="N957372" s="10"/>
    </row>
    <row r="957373" spans="14:14">
      <c r="N957373" s="10"/>
    </row>
    <row r="957374" spans="14:14">
      <c r="N957374" s="10"/>
    </row>
    <row r="957375" spans="14:14">
      <c r="N957375" s="10"/>
    </row>
    <row r="957376" spans="14:14">
      <c r="N957376" s="10"/>
    </row>
    <row r="957377" spans="14:14">
      <c r="N957377" s="10"/>
    </row>
    <row r="957378" spans="14:14">
      <c r="N957378" s="10"/>
    </row>
    <row r="957379" spans="14:14">
      <c r="N957379" s="10"/>
    </row>
    <row r="957380" spans="14:14">
      <c r="N957380" s="10"/>
    </row>
    <row r="957381" spans="14:14">
      <c r="N957381" s="10"/>
    </row>
    <row r="957382" spans="14:14">
      <c r="N957382" s="10"/>
    </row>
    <row r="957383" spans="14:14">
      <c r="N957383" s="10"/>
    </row>
    <row r="957384" spans="14:14">
      <c r="N957384" s="10"/>
    </row>
    <row r="957385" spans="14:14">
      <c r="N957385" s="10"/>
    </row>
    <row r="957386" spans="14:14">
      <c r="N957386" s="10"/>
    </row>
    <row r="957387" spans="14:14">
      <c r="N957387" s="10"/>
    </row>
    <row r="957388" spans="14:14">
      <c r="N957388" s="10"/>
    </row>
    <row r="957389" spans="14:14">
      <c r="N957389" s="10"/>
    </row>
    <row r="957390" spans="14:14">
      <c r="N957390" s="10"/>
    </row>
    <row r="957391" spans="14:14">
      <c r="N957391" s="10"/>
    </row>
    <row r="957392" spans="14:14">
      <c r="N957392" s="10"/>
    </row>
    <row r="957393" spans="14:14">
      <c r="N957393" s="10"/>
    </row>
    <row r="957394" spans="14:14">
      <c r="N957394" s="10"/>
    </row>
    <row r="957395" spans="14:14">
      <c r="N957395" s="10"/>
    </row>
    <row r="957396" spans="14:14">
      <c r="N957396" s="10"/>
    </row>
    <row r="957397" spans="14:14">
      <c r="N957397" s="10"/>
    </row>
    <row r="957398" spans="14:14">
      <c r="N957398" s="10"/>
    </row>
    <row r="957399" spans="14:14">
      <c r="N957399" s="10"/>
    </row>
    <row r="957400" spans="14:14">
      <c r="N957400" s="10"/>
    </row>
    <row r="957401" spans="14:14">
      <c r="N957401" s="10"/>
    </row>
    <row r="957402" spans="14:14">
      <c r="N957402" s="10"/>
    </row>
    <row r="957403" spans="14:14">
      <c r="N957403" s="10"/>
    </row>
    <row r="957404" spans="14:14">
      <c r="N957404" s="10"/>
    </row>
    <row r="957405" spans="14:14">
      <c r="N957405" s="10"/>
    </row>
    <row r="957406" spans="14:14">
      <c r="N957406" s="10"/>
    </row>
    <row r="957407" spans="14:14">
      <c r="N957407" s="10"/>
    </row>
    <row r="957408" spans="14:14">
      <c r="N957408" s="10"/>
    </row>
    <row r="957409" spans="14:14">
      <c r="N957409" s="10"/>
    </row>
    <row r="957410" spans="14:14">
      <c r="N957410" s="10"/>
    </row>
    <row r="957411" spans="14:14">
      <c r="N957411" s="10"/>
    </row>
    <row r="957412" spans="14:14">
      <c r="N957412" s="10"/>
    </row>
    <row r="957413" spans="14:14">
      <c r="N957413" s="10"/>
    </row>
    <row r="957414" spans="14:14">
      <c r="N957414" s="10"/>
    </row>
    <row r="957415" spans="14:14">
      <c r="N957415" s="10"/>
    </row>
    <row r="957416" spans="14:14">
      <c r="N957416" s="10"/>
    </row>
    <row r="957417" spans="14:14">
      <c r="N957417" s="10"/>
    </row>
    <row r="957418" spans="14:14">
      <c r="N957418" s="10"/>
    </row>
    <row r="957419" spans="14:14">
      <c r="N957419" s="10"/>
    </row>
    <row r="957420" spans="14:14">
      <c r="N957420" s="10"/>
    </row>
    <row r="957421" spans="14:14">
      <c r="N957421" s="10"/>
    </row>
    <row r="957422" spans="14:14">
      <c r="N957422" s="10"/>
    </row>
    <row r="957423" spans="14:14">
      <c r="N957423" s="10"/>
    </row>
    <row r="957424" spans="14:14">
      <c r="N957424" s="10"/>
    </row>
    <row r="957425" spans="14:14">
      <c r="N957425" s="10"/>
    </row>
    <row r="957426" spans="14:14">
      <c r="N957426" s="10"/>
    </row>
    <row r="957427" spans="14:14">
      <c r="N957427" s="10"/>
    </row>
    <row r="957428" spans="14:14">
      <c r="N957428" s="10"/>
    </row>
    <row r="957429" spans="14:14">
      <c r="N957429" s="10"/>
    </row>
    <row r="957430" spans="14:14">
      <c r="N957430" s="10"/>
    </row>
    <row r="957431" spans="14:14">
      <c r="N957431" s="10"/>
    </row>
    <row r="957432" spans="14:14">
      <c r="N957432" s="10"/>
    </row>
    <row r="957433" spans="14:14">
      <c r="N957433" s="10"/>
    </row>
    <row r="957434" spans="14:14">
      <c r="N957434" s="10"/>
    </row>
    <row r="957435" spans="14:14">
      <c r="N957435" s="10"/>
    </row>
    <row r="957436" spans="14:14">
      <c r="N957436" s="10"/>
    </row>
    <row r="957437" spans="14:14">
      <c r="N957437" s="10"/>
    </row>
    <row r="957438" spans="14:14">
      <c r="N957438" s="10"/>
    </row>
    <row r="957439" spans="14:14">
      <c r="N957439" s="10"/>
    </row>
    <row r="957440" spans="14:14">
      <c r="N957440" s="10"/>
    </row>
    <row r="957441" spans="14:14">
      <c r="N957441" s="10"/>
    </row>
    <row r="957442" spans="14:14">
      <c r="N957442" s="10"/>
    </row>
    <row r="957443" spans="14:14">
      <c r="N957443" s="10"/>
    </row>
    <row r="957444" spans="14:14">
      <c r="N957444" s="10"/>
    </row>
    <row r="957445" spans="14:14">
      <c r="N957445" s="10"/>
    </row>
    <row r="957446" spans="14:14">
      <c r="N957446" s="10"/>
    </row>
    <row r="957447" spans="14:14">
      <c r="N957447" s="10"/>
    </row>
    <row r="957448" spans="14:14">
      <c r="N957448" s="10"/>
    </row>
    <row r="957449" spans="14:14">
      <c r="N957449" s="10"/>
    </row>
    <row r="957450" spans="14:14">
      <c r="N957450" s="10"/>
    </row>
    <row r="957451" spans="14:14">
      <c r="N957451" s="10"/>
    </row>
    <row r="957452" spans="14:14">
      <c r="N957452" s="10"/>
    </row>
    <row r="957453" spans="14:14">
      <c r="N957453" s="10"/>
    </row>
    <row r="957454" spans="14:14">
      <c r="N957454" s="10"/>
    </row>
    <row r="957455" spans="14:14">
      <c r="N957455" s="10"/>
    </row>
    <row r="957456" spans="14:14">
      <c r="N957456" s="10"/>
    </row>
    <row r="957457" spans="14:14">
      <c r="N957457" s="10"/>
    </row>
    <row r="957458" spans="14:14">
      <c r="N957458" s="10"/>
    </row>
    <row r="957459" spans="14:14">
      <c r="N957459" s="10"/>
    </row>
    <row r="957460" spans="14:14">
      <c r="N957460" s="10"/>
    </row>
    <row r="957461" spans="14:14">
      <c r="N957461" s="10"/>
    </row>
    <row r="957462" spans="14:14">
      <c r="N957462" s="10"/>
    </row>
    <row r="957463" spans="14:14">
      <c r="N957463" s="10"/>
    </row>
    <row r="957464" spans="14:14">
      <c r="N957464" s="10"/>
    </row>
    <row r="957465" spans="14:14">
      <c r="N957465" s="10"/>
    </row>
    <row r="957466" spans="14:14">
      <c r="N957466" s="10"/>
    </row>
    <row r="957467" spans="14:14">
      <c r="N957467" s="10"/>
    </row>
    <row r="957468" spans="14:14">
      <c r="N957468" s="10"/>
    </row>
    <row r="957469" spans="14:14">
      <c r="N957469" s="10"/>
    </row>
    <row r="957470" spans="14:14">
      <c r="N957470" s="10"/>
    </row>
    <row r="957471" spans="14:14">
      <c r="N957471" s="10"/>
    </row>
    <row r="957472" spans="14:14">
      <c r="N957472" s="10"/>
    </row>
    <row r="957473" spans="14:14">
      <c r="N957473" s="10"/>
    </row>
    <row r="957474" spans="14:14">
      <c r="N957474" s="10"/>
    </row>
    <row r="957475" spans="14:14">
      <c r="N957475" s="10"/>
    </row>
    <row r="957476" spans="14:14">
      <c r="N957476" s="10"/>
    </row>
    <row r="957477" spans="14:14">
      <c r="N957477" s="10"/>
    </row>
    <row r="957478" spans="14:14">
      <c r="N957478" s="10"/>
    </row>
    <row r="957479" spans="14:14">
      <c r="N957479" s="10"/>
    </row>
    <row r="957480" spans="14:14">
      <c r="N957480" s="10"/>
    </row>
    <row r="957481" spans="14:14">
      <c r="N957481" s="10"/>
    </row>
    <row r="957482" spans="14:14">
      <c r="N957482" s="10"/>
    </row>
    <row r="957483" spans="14:14">
      <c r="N957483" s="10"/>
    </row>
    <row r="957484" spans="14:14">
      <c r="N957484" s="10"/>
    </row>
    <row r="957485" spans="14:14">
      <c r="N957485" s="10"/>
    </row>
    <row r="957486" spans="14:14">
      <c r="N957486" s="10"/>
    </row>
    <row r="957487" spans="14:14">
      <c r="N957487" s="10"/>
    </row>
    <row r="957488" spans="14:14">
      <c r="N957488" s="10"/>
    </row>
    <row r="957489" spans="14:14">
      <c r="N957489" s="10"/>
    </row>
    <row r="957490" spans="14:14">
      <c r="N957490" s="10"/>
    </row>
    <row r="957491" spans="14:14">
      <c r="N957491" s="10"/>
    </row>
    <row r="957492" spans="14:14">
      <c r="N957492" s="10"/>
    </row>
    <row r="957493" spans="14:14">
      <c r="N957493" s="10"/>
    </row>
    <row r="957494" spans="14:14">
      <c r="N957494" s="10"/>
    </row>
    <row r="957495" spans="14:14">
      <c r="N957495" s="10"/>
    </row>
    <row r="957496" spans="14:14">
      <c r="N957496" s="10"/>
    </row>
    <row r="957497" spans="14:14">
      <c r="N957497" s="10"/>
    </row>
    <row r="957498" spans="14:14">
      <c r="N957498" s="10"/>
    </row>
    <row r="957499" spans="14:14">
      <c r="N957499" s="10"/>
    </row>
    <row r="957500" spans="14:14">
      <c r="N957500" s="10"/>
    </row>
    <row r="957501" spans="14:14">
      <c r="N957501" s="10"/>
    </row>
    <row r="957502" spans="14:14">
      <c r="N957502" s="10"/>
    </row>
    <row r="957503" spans="14:14">
      <c r="N957503" s="10"/>
    </row>
    <row r="957504" spans="14:14">
      <c r="N957504" s="10"/>
    </row>
    <row r="957505" spans="14:14">
      <c r="N957505" s="10"/>
    </row>
    <row r="957506" spans="14:14">
      <c r="N957506" s="10"/>
    </row>
    <row r="957507" spans="14:14">
      <c r="N957507" s="10"/>
    </row>
    <row r="957508" spans="14:14">
      <c r="N957508" s="10"/>
    </row>
    <row r="957509" spans="14:14">
      <c r="N957509" s="10"/>
    </row>
    <row r="957510" spans="14:14">
      <c r="N957510" s="10"/>
    </row>
    <row r="957511" spans="14:14">
      <c r="N957511" s="10"/>
    </row>
    <row r="957512" spans="14:14">
      <c r="N957512" s="10"/>
    </row>
    <row r="957513" spans="14:14">
      <c r="N957513" s="10"/>
    </row>
    <row r="957514" spans="14:14">
      <c r="N957514" s="10"/>
    </row>
    <row r="957515" spans="14:14">
      <c r="N957515" s="10"/>
    </row>
    <row r="957516" spans="14:14">
      <c r="N957516" s="10"/>
    </row>
    <row r="957517" spans="14:14">
      <c r="N957517" s="10"/>
    </row>
    <row r="957518" spans="14:14">
      <c r="N957518" s="10"/>
    </row>
    <row r="957519" spans="14:14">
      <c r="N957519" s="10"/>
    </row>
    <row r="957520" spans="14:14">
      <c r="N957520" s="10"/>
    </row>
    <row r="957521" spans="14:14">
      <c r="N957521" s="10"/>
    </row>
    <row r="957522" spans="14:14">
      <c r="N957522" s="10"/>
    </row>
    <row r="957523" spans="14:14">
      <c r="N957523" s="10"/>
    </row>
    <row r="957524" spans="14:14">
      <c r="N957524" s="10"/>
    </row>
    <row r="957525" spans="14:14">
      <c r="N957525" s="10"/>
    </row>
    <row r="957526" spans="14:14">
      <c r="N957526" s="10"/>
    </row>
    <row r="957527" spans="14:14">
      <c r="N957527" s="10"/>
    </row>
    <row r="957528" spans="14:14">
      <c r="N957528" s="10"/>
    </row>
    <row r="957529" spans="14:14">
      <c r="N957529" s="10"/>
    </row>
    <row r="957530" spans="14:14">
      <c r="N957530" s="10"/>
    </row>
    <row r="957531" spans="14:14">
      <c r="N957531" s="10"/>
    </row>
    <row r="957532" spans="14:14">
      <c r="N957532" s="10"/>
    </row>
    <row r="957533" spans="14:14">
      <c r="N957533" s="10"/>
    </row>
    <row r="957534" spans="14:14">
      <c r="N957534" s="10"/>
    </row>
    <row r="957535" spans="14:14">
      <c r="N957535" s="10"/>
    </row>
    <row r="957536" spans="14:14">
      <c r="N957536" s="10"/>
    </row>
    <row r="957537" spans="14:14">
      <c r="N957537" s="10"/>
    </row>
    <row r="957538" spans="14:14">
      <c r="N957538" s="10"/>
    </row>
    <row r="957539" spans="14:14">
      <c r="N957539" s="10"/>
    </row>
    <row r="957540" spans="14:14">
      <c r="N957540" s="10"/>
    </row>
    <row r="957541" spans="14:14">
      <c r="N957541" s="10"/>
    </row>
    <row r="957542" spans="14:14">
      <c r="N957542" s="10"/>
    </row>
    <row r="957543" spans="14:14">
      <c r="N957543" s="10"/>
    </row>
    <row r="957544" spans="14:14">
      <c r="N957544" s="10"/>
    </row>
    <row r="957545" spans="14:14">
      <c r="N957545" s="10"/>
    </row>
    <row r="957546" spans="14:14">
      <c r="N957546" s="10"/>
    </row>
    <row r="957547" spans="14:14">
      <c r="N957547" s="10"/>
    </row>
    <row r="957548" spans="14:14">
      <c r="N957548" s="10"/>
    </row>
    <row r="957549" spans="14:14">
      <c r="N957549" s="10"/>
    </row>
    <row r="957550" spans="14:14">
      <c r="N957550" s="10"/>
    </row>
    <row r="957551" spans="14:14">
      <c r="N957551" s="10"/>
    </row>
    <row r="957552" spans="14:14">
      <c r="N957552" s="10"/>
    </row>
    <row r="957553" spans="14:14">
      <c r="N957553" s="10"/>
    </row>
    <row r="957554" spans="14:14">
      <c r="N957554" s="10"/>
    </row>
    <row r="957555" spans="14:14">
      <c r="N957555" s="10"/>
    </row>
    <row r="957556" spans="14:14">
      <c r="N957556" s="10"/>
    </row>
    <row r="957557" spans="14:14">
      <c r="N957557" s="10"/>
    </row>
    <row r="957558" spans="14:14">
      <c r="N957558" s="10"/>
    </row>
    <row r="957559" spans="14:14">
      <c r="N957559" s="10"/>
    </row>
    <row r="957560" spans="14:14">
      <c r="N957560" s="10"/>
    </row>
    <row r="957561" spans="14:14">
      <c r="N957561" s="10"/>
    </row>
    <row r="957562" spans="14:14">
      <c r="N957562" s="10"/>
    </row>
    <row r="957563" spans="14:14">
      <c r="N957563" s="10"/>
    </row>
    <row r="957564" spans="14:14">
      <c r="N957564" s="10"/>
    </row>
    <row r="957565" spans="14:14">
      <c r="N957565" s="10"/>
    </row>
    <row r="957566" spans="14:14">
      <c r="N957566" s="10"/>
    </row>
    <row r="957567" spans="14:14">
      <c r="N957567" s="10"/>
    </row>
    <row r="957568" spans="14:14">
      <c r="N957568" s="10"/>
    </row>
    <row r="957569" spans="14:14">
      <c r="N957569" s="10"/>
    </row>
    <row r="957570" spans="14:14">
      <c r="N957570" s="10"/>
    </row>
    <row r="957571" spans="14:14">
      <c r="N957571" s="10"/>
    </row>
    <row r="957572" spans="14:14">
      <c r="N957572" s="10"/>
    </row>
    <row r="957573" spans="14:14">
      <c r="N957573" s="10"/>
    </row>
    <row r="957574" spans="14:14">
      <c r="N957574" s="10"/>
    </row>
    <row r="957575" spans="14:14">
      <c r="N957575" s="10"/>
    </row>
    <row r="957576" spans="14:14">
      <c r="N957576" s="10"/>
    </row>
    <row r="957577" spans="14:14">
      <c r="N957577" s="10"/>
    </row>
    <row r="957578" spans="14:14">
      <c r="N957578" s="10"/>
    </row>
    <row r="957579" spans="14:14">
      <c r="N957579" s="10"/>
    </row>
    <row r="957580" spans="14:14">
      <c r="N957580" s="10"/>
    </row>
    <row r="957581" spans="14:14">
      <c r="N957581" s="10"/>
    </row>
    <row r="957582" spans="14:14">
      <c r="N957582" s="10"/>
    </row>
    <row r="957583" spans="14:14">
      <c r="N957583" s="10"/>
    </row>
    <row r="957584" spans="14:14">
      <c r="N957584" s="10"/>
    </row>
    <row r="957585" spans="14:14">
      <c r="N957585" s="10"/>
    </row>
    <row r="957586" spans="14:14">
      <c r="N957586" s="10"/>
    </row>
    <row r="957587" spans="14:14">
      <c r="N957587" s="10"/>
    </row>
    <row r="957588" spans="14:14">
      <c r="N957588" s="10"/>
    </row>
    <row r="957589" spans="14:14">
      <c r="N957589" s="10"/>
    </row>
    <row r="957590" spans="14:14">
      <c r="N957590" s="10"/>
    </row>
    <row r="957591" spans="14:14">
      <c r="N957591" s="10"/>
    </row>
    <row r="957592" spans="14:14">
      <c r="N957592" s="10"/>
    </row>
    <row r="957593" spans="14:14">
      <c r="N957593" s="10"/>
    </row>
    <row r="957594" spans="14:14">
      <c r="N957594" s="10"/>
    </row>
    <row r="957595" spans="14:14">
      <c r="N957595" s="10"/>
    </row>
    <row r="957596" spans="14:14">
      <c r="N957596" s="10"/>
    </row>
    <row r="957597" spans="14:14">
      <c r="N957597" s="10"/>
    </row>
    <row r="957598" spans="14:14">
      <c r="N957598" s="10"/>
    </row>
    <row r="957599" spans="14:14">
      <c r="N957599" s="10"/>
    </row>
    <row r="957600" spans="14:14">
      <c r="N957600" s="10"/>
    </row>
    <row r="957601" spans="14:14">
      <c r="N957601" s="10"/>
    </row>
    <row r="957602" spans="14:14">
      <c r="N957602" s="10"/>
    </row>
    <row r="957603" spans="14:14">
      <c r="N957603" s="10"/>
    </row>
    <row r="957604" spans="14:14">
      <c r="N957604" s="10"/>
    </row>
    <row r="957605" spans="14:14">
      <c r="N957605" s="10"/>
    </row>
    <row r="957606" spans="14:14">
      <c r="N957606" s="10"/>
    </row>
    <row r="957607" spans="14:14">
      <c r="N957607" s="10"/>
    </row>
    <row r="957608" spans="14:14">
      <c r="N957608" s="10"/>
    </row>
    <row r="957609" spans="14:14">
      <c r="N957609" s="10"/>
    </row>
    <row r="957610" spans="14:14">
      <c r="N957610" s="10"/>
    </row>
    <row r="957611" spans="14:14">
      <c r="N957611" s="10"/>
    </row>
    <row r="957612" spans="14:14">
      <c r="N957612" s="10"/>
    </row>
    <row r="957613" spans="14:14">
      <c r="N957613" s="10"/>
    </row>
    <row r="957614" spans="14:14">
      <c r="N957614" s="10"/>
    </row>
    <row r="957615" spans="14:14">
      <c r="N957615" s="10"/>
    </row>
    <row r="957616" spans="14:14">
      <c r="N957616" s="10"/>
    </row>
    <row r="957617" spans="14:14">
      <c r="N957617" s="10"/>
    </row>
    <row r="957618" spans="14:14">
      <c r="N957618" s="10"/>
    </row>
    <row r="957619" spans="14:14">
      <c r="N957619" s="10"/>
    </row>
    <row r="957620" spans="14:14">
      <c r="N957620" s="10"/>
    </row>
    <row r="957621" spans="14:14">
      <c r="N957621" s="10"/>
    </row>
    <row r="957622" spans="14:14">
      <c r="N957622" s="10"/>
    </row>
    <row r="957623" spans="14:14">
      <c r="N957623" s="10"/>
    </row>
    <row r="957624" spans="14:14">
      <c r="N957624" s="10"/>
    </row>
    <row r="957625" spans="14:14">
      <c r="N957625" s="10"/>
    </row>
    <row r="957626" spans="14:14">
      <c r="N957626" s="10"/>
    </row>
    <row r="957627" spans="14:14">
      <c r="N957627" s="10"/>
    </row>
    <row r="957628" spans="14:14">
      <c r="N957628" s="10"/>
    </row>
    <row r="957629" spans="14:14">
      <c r="N957629" s="10"/>
    </row>
    <row r="957630" spans="14:14">
      <c r="N957630" s="10"/>
    </row>
    <row r="957631" spans="14:14">
      <c r="N957631" s="10"/>
    </row>
    <row r="957632" spans="14:14">
      <c r="N957632" s="10"/>
    </row>
    <row r="957633" spans="14:14">
      <c r="N957633" s="10"/>
    </row>
    <row r="957634" spans="14:14">
      <c r="N957634" s="10"/>
    </row>
    <row r="957635" spans="14:14">
      <c r="N957635" s="10"/>
    </row>
    <row r="957636" spans="14:14">
      <c r="N957636" s="10"/>
    </row>
    <row r="957637" spans="14:14">
      <c r="N957637" s="10"/>
    </row>
    <row r="957638" spans="14:14">
      <c r="N957638" s="10"/>
    </row>
    <row r="957639" spans="14:14">
      <c r="N957639" s="10"/>
    </row>
    <row r="957640" spans="14:14">
      <c r="N957640" s="10"/>
    </row>
    <row r="957641" spans="14:14">
      <c r="N957641" s="10"/>
    </row>
    <row r="957642" spans="14:14">
      <c r="N957642" s="10"/>
    </row>
    <row r="957643" spans="14:14">
      <c r="N957643" s="10"/>
    </row>
    <row r="957644" spans="14:14">
      <c r="N957644" s="10"/>
    </row>
    <row r="957645" spans="14:14">
      <c r="N957645" s="10"/>
    </row>
    <row r="957646" spans="14:14">
      <c r="N957646" s="10"/>
    </row>
    <row r="957647" spans="14:14">
      <c r="N957647" s="10"/>
    </row>
    <row r="957648" spans="14:14">
      <c r="N957648" s="10"/>
    </row>
    <row r="957649" spans="14:14">
      <c r="N957649" s="10"/>
    </row>
    <row r="957650" spans="14:14">
      <c r="N957650" s="10"/>
    </row>
    <row r="957651" spans="14:14">
      <c r="N957651" s="10"/>
    </row>
    <row r="957652" spans="14:14">
      <c r="N957652" s="10"/>
    </row>
    <row r="957653" spans="14:14">
      <c r="N957653" s="10"/>
    </row>
    <row r="957654" spans="14:14">
      <c r="N957654" s="10"/>
    </row>
    <row r="957655" spans="14:14">
      <c r="N957655" s="10"/>
    </row>
    <row r="957656" spans="14:14">
      <c r="N957656" s="10"/>
    </row>
    <row r="957657" spans="14:14">
      <c r="N957657" s="10"/>
    </row>
    <row r="957658" spans="14:14">
      <c r="N957658" s="10"/>
    </row>
    <row r="957659" spans="14:14">
      <c r="N957659" s="10"/>
    </row>
    <row r="957660" spans="14:14">
      <c r="N957660" s="10"/>
    </row>
    <row r="957661" spans="14:14">
      <c r="N957661" s="10"/>
    </row>
    <row r="957662" spans="14:14">
      <c r="N957662" s="10"/>
    </row>
    <row r="957663" spans="14:14">
      <c r="N957663" s="10"/>
    </row>
    <row r="957664" spans="14:14">
      <c r="N957664" s="10"/>
    </row>
    <row r="957665" spans="14:14">
      <c r="N957665" s="10"/>
    </row>
    <row r="957666" spans="14:14">
      <c r="N957666" s="10"/>
    </row>
    <row r="957667" spans="14:14">
      <c r="N957667" s="10"/>
    </row>
    <row r="957668" spans="14:14">
      <c r="N957668" s="10"/>
    </row>
    <row r="957669" spans="14:14">
      <c r="N957669" s="10"/>
    </row>
    <row r="957670" spans="14:14">
      <c r="N957670" s="10"/>
    </row>
    <row r="957671" spans="14:14">
      <c r="N957671" s="10"/>
    </row>
    <row r="957672" spans="14:14">
      <c r="N957672" s="10"/>
    </row>
    <row r="957673" spans="14:14">
      <c r="N957673" s="10"/>
    </row>
    <row r="957674" spans="14:14">
      <c r="N957674" s="10"/>
    </row>
    <row r="957675" spans="14:14">
      <c r="N957675" s="10"/>
    </row>
    <row r="957676" spans="14:14">
      <c r="N957676" s="10"/>
    </row>
    <row r="957677" spans="14:14">
      <c r="N957677" s="10"/>
    </row>
    <row r="957678" spans="14:14">
      <c r="N957678" s="10"/>
    </row>
    <row r="957679" spans="14:14">
      <c r="N957679" s="10"/>
    </row>
    <row r="957680" spans="14:14">
      <c r="N957680" s="10"/>
    </row>
    <row r="957681" spans="14:14">
      <c r="N957681" s="10"/>
    </row>
    <row r="957682" spans="14:14">
      <c r="N957682" s="10"/>
    </row>
    <row r="957683" spans="14:14">
      <c r="N957683" s="10"/>
    </row>
    <row r="957684" spans="14:14">
      <c r="N957684" s="10"/>
    </row>
    <row r="957685" spans="14:14">
      <c r="N957685" s="10"/>
    </row>
    <row r="957686" spans="14:14">
      <c r="N957686" s="10"/>
    </row>
    <row r="957687" spans="14:14">
      <c r="N957687" s="10"/>
    </row>
    <row r="957688" spans="14:14">
      <c r="N957688" s="10"/>
    </row>
    <row r="957689" spans="14:14">
      <c r="N957689" s="10"/>
    </row>
    <row r="957690" spans="14:14">
      <c r="N957690" s="10"/>
    </row>
    <row r="957691" spans="14:14">
      <c r="N957691" s="10"/>
    </row>
    <row r="957692" spans="14:14">
      <c r="N957692" s="10"/>
    </row>
    <row r="957693" spans="14:14">
      <c r="N957693" s="10"/>
    </row>
    <row r="957694" spans="14:14">
      <c r="N957694" s="10"/>
    </row>
    <row r="957695" spans="14:14">
      <c r="N957695" s="10"/>
    </row>
    <row r="957696" spans="14:14">
      <c r="N957696" s="10"/>
    </row>
    <row r="957697" spans="14:14">
      <c r="N957697" s="10"/>
    </row>
    <row r="957698" spans="14:14">
      <c r="N957698" s="10"/>
    </row>
    <row r="957699" spans="14:14">
      <c r="N957699" s="10"/>
    </row>
    <row r="957700" spans="14:14">
      <c r="N957700" s="10"/>
    </row>
    <row r="957701" spans="14:14">
      <c r="N957701" s="10"/>
    </row>
    <row r="957702" spans="14:14">
      <c r="N957702" s="10"/>
    </row>
    <row r="957703" spans="14:14">
      <c r="N957703" s="10"/>
    </row>
    <row r="957704" spans="14:14">
      <c r="N957704" s="10"/>
    </row>
    <row r="957705" spans="14:14">
      <c r="N957705" s="10"/>
    </row>
    <row r="957706" spans="14:14">
      <c r="N957706" s="10"/>
    </row>
    <row r="957707" spans="14:14">
      <c r="N957707" s="10"/>
    </row>
    <row r="957708" spans="14:14">
      <c r="N957708" s="10"/>
    </row>
    <row r="957709" spans="14:14">
      <c r="N957709" s="10"/>
    </row>
    <row r="957710" spans="14:14">
      <c r="N957710" s="10"/>
    </row>
    <row r="957711" spans="14:14">
      <c r="N957711" s="10"/>
    </row>
    <row r="957712" spans="14:14">
      <c r="N957712" s="10"/>
    </row>
    <row r="957713" spans="14:14">
      <c r="N957713" s="10"/>
    </row>
    <row r="957714" spans="14:14">
      <c r="N957714" s="10"/>
    </row>
    <row r="957715" spans="14:14">
      <c r="N957715" s="10"/>
    </row>
    <row r="957716" spans="14:14">
      <c r="N957716" s="10"/>
    </row>
    <row r="957717" spans="14:14">
      <c r="N957717" s="10"/>
    </row>
    <row r="957718" spans="14:14">
      <c r="N957718" s="10"/>
    </row>
    <row r="957719" spans="14:14">
      <c r="N957719" s="10"/>
    </row>
    <row r="957720" spans="14:14">
      <c r="N957720" s="10"/>
    </row>
    <row r="957721" spans="14:14">
      <c r="N957721" s="10"/>
    </row>
    <row r="957722" spans="14:14">
      <c r="N957722" s="10"/>
    </row>
    <row r="957723" spans="14:14">
      <c r="N957723" s="10"/>
    </row>
    <row r="957724" spans="14:14">
      <c r="N957724" s="10"/>
    </row>
    <row r="957725" spans="14:14">
      <c r="N957725" s="10"/>
    </row>
    <row r="957726" spans="14:14">
      <c r="N957726" s="10"/>
    </row>
    <row r="957727" spans="14:14">
      <c r="N957727" s="10"/>
    </row>
    <row r="957728" spans="14:14">
      <c r="N957728" s="10"/>
    </row>
    <row r="957729" spans="14:14">
      <c r="N957729" s="10"/>
    </row>
    <row r="957730" spans="14:14">
      <c r="N957730" s="10"/>
    </row>
    <row r="957731" spans="14:14">
      <c r="N957731" s="10"/>
    </row>
    <row r="957732" spans="14:14">
      <c r="N957732" s="10"/>
    </row>
    <row r="957733" spans="14:14">
      <c r="N957733" s="10"/>
    </row>
    <row r="957734" spans="14:14">
      <c r="N957734" s="10"/>
    </row>
    <row r="957735" spans="14:14">
      <c r="N957735" s="10"/>
    </row>
    <row r="957736" spans="14:14">
      <c r="N957736" s="10"/>
    </row>
    <row r="957737" spans="14:14">
      <c r="N957737" s="10"/>
    </row>
    <row r="957738" spans="14:14">
      <c r="N957738" s="10"/>
    </row>
    <row r="957739" spans="14:14">
      <c r="N957739" s="10"/>
    </row>
    <row r="957740" spans="14:14">
      <c r="N957740" s="10"/>
    </row>
    <row r="957741" spans="14:14">
      <c r="N957741" s="10"/>
    </row>
    <row r="957742" spans="14:14">
      <c r="N957742" s="10"/>
    </row>
    <row r="957743" spans="14:14">
      <c r="N957743" s="10"/>
    </row>
    <row r="957744" spans="14:14">
      <c r="N957744" s="10"/>
    </row>
    <row r="957745" spans="14:14">
      <c r="N957745" s="10"/>
    </row>
    <row r="957746" spans="14:14">
      <c r="N957746" s="10"/>
    </row>
    <row r="957747" spans="14:14">
      <c r="N957747" s="10"/>
    </row>
    <row r="957748" spans="14:14">
      <c r="N957748" s="10"/>
    </row>
    <row r="957749" spans="14:14">
      <c r="N957749" s="10"/>
    </row>
    <row r="957750" spans="14:14">
      <c r="N957750" s="10"/>
    </row>
    <row r="957751" spans="14:14">
      <c r="N957751" s="10"/>
    </row>
    <row r="957752" spans="14:14">
      <c r="N957752" s="10"/>
    </row>
    <row r="957753" spans="14:14">
      <c r="N957753" s="10"/>
    </row>
    <row r="957754" spans="14:14">
      <c r="N957754" s="10"/>
    </row>
    <row r="957755" spans="14:14">
      <c r="N957755" s="10"/>
    </row>
    <row r="957756" spans="14:14">
      <c r="N957756" s="10"/>
    </row>
    <row r="957757" spans="14:14">
      <c r="N957757" s="10"/>
    </row>
    <row r="957758" spans="14:14">
      <c r="N957758" s="10"/>
    </row>
    <row r="957759" spans="14:14">
      <c r="N957759" s="10"/>
    </row>
    <row r="957760" spans="14:14">
      <c r="N957760" s="10"/>
    </row>
    <row r="957761" spans="14:14">
      <c r="N957761" s="10"/>
    </row>
    <row r="957762" spans="14:14">
      <c r="N957762" s="10"/>
    </row>
    <row r="957763" spans="14:14">
      <c r="N957763" s="10"/>
    </row>
    <row r="957764" spans="14:14">
      <c r="N957764" s="10"/>
    </row>
    <row r="957765" spans="14:14">
      <c r="N957765" s="10"/>
    </row>
    <row r="957766" spans="14:14">
      <c r="N957766" s="10"/>
    </row>
    <row r="957767" spans="14:14">
      <c r="N957767" s="10"/>
    </row>
    <row r="957768" spans="14:14">
      <c r="N957768" s="10"/>
    </row>
    <row r="957769" spans="14:14">
      <c r="N957769" s="10"/>
    </row>
    <row r="957770" spans="14:14">
      <c r="N957770" s="10"/>
    </row>
    <row r="957771" spans="14:14">
      <c r="N957771" s="10"/>
    </row>
    <row r="957772" spans="14:14">
      <c r="N957772" s="10"/>
    </row>
    <row r="957773" spans="14:14">
      <c r="N957773" s="10"/>
    </row>
    <row r="957774" spans="14:14">
      <c r="N957774" s="10"/>
    </row>
    <row r="957775" spans="14:14">
      <c r="N957775" s="10"/>
    </row>
    <row r="957776" spans="14:14">
      <c r="N957776" s="10"/>
    </row>
    <row r="957777" spans="14:14">
      <c r="N957777" s="10"/>
    </row>
    <row r="957778" spans="14:14">
      <c r="N957778" s="10"/>
    </row>
    <row r="957779" spans="14:14">
      <c r="N957779" s="10"/>
    </row>
    <row r="957780" spans="14:14">
      <c r="N957780" s="10"/>
    </row>
    <row r="957781" spans="14:14">
      <c r="N957781" s="10"/>
    </row>
    <row r="957782" spans="14:14">
      <c r="N957782" s="10"/>
    </row>
    <row r="957783" spans="14:14">
      <c r="N957783" s="10"/>
    </row>
    <row r="957784" spans="14:14">
      <c r="N957784" s="10"/>
    </row>
    <row r="957785" spans="14:14">
      <c r="N957785" s="10"/>
    </row>
    <row r="957786" spans="14:14">
      <c r="N957786" s="10"/>
    </row>
    <row r="957787" spans="14:14">
      <c r="N957787" s="10"/>
    </row>
    <row r="957788" spans="14:14">
      <c r="N957788" s="10"/>
    </row>
    <row r="957789" spans="14:14">
      <c r="N957789" s="10"/>
    </row>
    <row r="957790" spans="14:14">
      <c r="N957790" s="10"/>
    </row>
    <row r="957791" spans="14:14">
      <c r="N957791" s="10"/>
    </row>
    <row r="957792" spans="14:14">
      <c r="N957792" s="10"/>
    </row>
    <row r="957793" spans="14:14">
      <c r="N957793" s="10"/>
    </row>
    <row r="957794" spans="14:14">
      <c r="N957794" s="10"/>
    </row>
    <row r="957795" spans="14:14">
      <c r="N957795" s="10"/>
    </row>
    <row r="957796" spans="14:14">
      <c r="N957796" s="10"/>
    </row>
    <row r="957797" spans="14:14">
      <c r="N957797" s="10"/>
    </row>
    <row r="957798" spans="14:14">
      <c r="N957798" s="10"/>
    </row>
    <row r="957799" spans="14:14">
      <c r="N957799" s="10"/>
    </row>
    <row r="957800" spans="14:14">
      <c r="N957800" s="10"/>
    </row>
    <row r="957801" spans="14:14">
      <c r="N957801" s="10"/>
    </row>
    <row r="957802" spans="14:14">
      <c r="N957802" s="10"/>
    </row>
    <row r="957803" spans="14:14">
      <c r="N957803" s="10"/>
    </row>
    <row r="957804" spans="14:14">
      <c r="N957804" s="10"/>
    </row>
    <row r="957805" spans="14:14">
      <c r="N957805" s="10"/>
    </row>
    <row r="957806" spans="14:14">
      <c r="N957806" s="10"/>
    </row>
    <row r="957807" spans="14:14">
      <c r="N957807" s="10"/>
    </row>
    <row r="957808" spans="14:14">
      <c r="N957808" s="10"/>
    </row>
    <row r="957809" spans="14:14">
      <c r="N957809" s="10"/>
    </row>
    <row r="957810" spans="14:14">
      <c r="N957810" s="10"/>
    </row>
    <row r="957811" spans="14:14">
      <c r="N957811" s="10"/>
    </row>
    <row r="957812" spans="14:14">
      <c r="N957812" s="10"/>
    </row>
    <row r="957813" spans="14:14">
      <c r="N957813" s="10"/>
    </row>
    <row r="957814" spans="14:14">
      <c r="N957814" s="10"/>
    </row>
    <row r="957815" spans="14:14">
      <c r="N957815" s="10"/>
    </row>
    <row r="957816" spans="14:14">
      <c r="N957816" s="10"/>
    </row>
    <row r="957817" spans="14:14">
      <c r="N957817" s="10"/>
    </row>
    <row r="957818" spans="14:14">
      <c r="N957818" s="10"/>
    </row>
    <row r="957819" spans="14:14">
      <c r="N957819" s="10"/>
    </row>
    <row r="957820" spans="14:14">
      <c r="N957820" s="10"/>
    </row>
    <row r="957821" spans="14:14">
      <c r="N957821" s="10"/>
    </row>
    <row r="957822" spans="14:14">
      <c r="N957822" s="10"/>
    </row>
    <row r="957823" spans="14:14">
      <c r="N957823" s="10"/>
    </row>
    <row r="957824" spans="14:14">
      <c r="N957824" s="10"/>
    </row>
    <row r="957825" spans="14:14">
      <c r="N957825" s="10"/>
    </row>
    <row r="957826" spans="14:14">
      <c r="N957826" s="10"/>
    </row>
    <row r="957827" spans="14:14">
      <c r="N957827" s="10"/>
    </row>
    <row r="957828" spans="14:14">
      <c r="N957828" s="10"/>
    </row>
    <row r="957829" spans="14:14">
      <c r="N957829" s="10"/>
    </row>
    <row r="957830" spans="14:14">
      <c r="N957830" s="10"/>
    </row>
    <row r="957831" spans="14:14">
      <c r="N957831" s="10"/>
    </row>
    <row r="957832" spans="14:14">
      <c r="N957832" s="10"/>
    </row>
    <row r="957833" spans="14:14">
      <c r="N957833" s="10"/>
    </row>
    <row r="957834" spans="14:14">
      <c r="N957834" s="10"/>
    </row>
    <row r="957835" spans="14:14">
      <c r="N957835" s="10"/>
    </row>
    <row r="957836" spans="14:14">
      <c r="N957836" s="10"/>
    </row>
    <row r="957837" spans="14:14">
      <c r="N957837" s="10"/>
    </row>
    <row r="957838" spans="14:14">
      <c r="N957838" s="10"/>
    </row>
    <row r="957839" spans="14:14">
      <c r="N957839" s="10"/>
    </row>
    <row r="957840" spans="14:14">
      <c r="N957840" s="10"/>
    </row>
    <row r="957841" spans="14:14">
      <c r="N957841" s="10"/>
    </row>
    <row r="957842" spans="14:14">
      <c r="N957842" s="10"/>
    </row>
    <row r="957843" spans="14:14">
      <c r="N957843" s="10"/>
    </row>
    <row r="957844" spans="14:14">
      <c r="N957844" s="10"/>
    </row>
    <row r="957845" spans="14:14">
      <c r="N957845" s="10"/>
    </row>
    <row r="957846" spans="14:14">
      <c r="N957846" s="10"/>
    </row>
    <row r="957847" spans="14:14">
      <c r="N957847" s="10"/>
    </row>
    <row r="957848" spans="14:14">
      <c r="N957848" s="10"/>
    </row>
    <row r="957849" spans="14:14">
      <c r="N957849" s="10"/>
    </row>
    <row r="957850" spans="14:14">
      <c r="N957850" s="10"/>
    </row>
    <row r="957851" spans="14:14">
      <c r="N957851" s="10"/>
    </row>
    <row r="957852" spans="14:14">
      <c r="N957852" s="10"/>
    </row>
    <row r="957853" spans="14:14">
      <c r="N957853" s="10"/>
    </row>
    <row r="957854" spans="14:14">
      <c r="N957854" s="10"/>
    </row>
    <row r="957855" spans="14:14">
      <c r="N957855" s="10"/>
    </row>
    <row r="957856" spans="14:14">
      <c r="N957856" s="10"/>
    </row>
    <row r="957857" spans="14:14">
      <c r="N957857" s="10"/>
    </row>
    <row r="957858" spans="14:14">
      <c r="N957858" s="10"/>
    </row>
    <row r="957859" spans="14:14">
      <c r="N957859" s="10"/>
    </row>
    <row r="957860" spans="14:14">
      <c r="N957860" s="10"/>
    </row>
    <row r="957861" spans="14:14">
      <c r="N957861" s="10"/>
    </row>
    <row r="957862" spans="14:14">
      <c r="N957862" s="10"/>
    </row>
    <row r="957863" spans="14:14">
      <c r="N957863" s="10"/>
    </row>
    <row r="957864" spans="14:14">
      <c r="N957864" s="10"/>
    </row>
    <row r="957865" spans="14:14">
      <c r="N957865" s="10"/>
    </row>
    <row r="957866" spans="14:14">
      <c r="N957866" s="10"/>
    </row>
    <row r="957867" spans="14:14">
      <c r="N957867" s="10"/>
    </row>
    <row r="957868" spans="14:14">
      <c r="N957868" s="10"/>
    </row>
    <row r="957869" spans="14:14">
      <c r="N957869" s="10"/>
    </row>
    <row r="957870" spans="14:14">
      <c r="N957870" s="10"/>
    </row>
    <row r="957871" spans="14:14">
      <c r="N957871" s="10"/>
    </row>
    <row r="957872" spans="14:14">
      <c r="N957872" s="10"/>
    </row>
    <row r="957873" spans="14:14">
      <c r="N957873" s="10"/>
    </row>
    <row r="957874" spans="14:14">
      <c r="N957874" s="10"/>
    </row>
    <row r="957875" spans="14:14">
      <c r="N957875" s="10"/>
    </row>
    <row r="957876" spans="14:14">
      <c r="N957876" s="10"/>
    </row>
    <row r="957877" spans="14:14">
      <c r="N957877" s="10"/>
    </row>
    <row r="957878" spans="14:14">
      <c r="N957878" s="10"/>
    </row>
    <row r="957879" spans="14:14">
      <c r="N957879" s="10"/>
    </row>
    <row r="957880" spans="14:14">
      <c r="N957880" s="10"/>
    </row>
    <row r="957881" spans="14:14">
      <c r="N957881" s="10"/>
    </row>
    <row r="957882" spans="14:14">
      <c r="N957882" s="10"/>
    </row>
    <row r="957883" spans="14:14">
      <c r="N957883" s="10"/>
    </row>
    <row r="957884" spans="14:14">
      <c r="N957884" s="10"/>
    </row>
    <row r="957885" spans="14:14">
      <c r="N957885" s="10"/>
    </row>
    <row r="957886" spans="14:14">
      <c r="N957886" s="10"/>
    </row>
    <row r="957887" spans="14:14">
      <c r="N957887" s="10"/>
    </row>
    <row r="957888" spans="14:14">
      <c r="N957888" s="10"/>
    </row>
    <row r="957889" spans="14:14">
      <c r="N957889" s="10"/>
    </row>
    <row r="957890" spans="14:14">
      <c r="N957890" s="10"/>
    </row>
    <row r="957891" spans="14:14">
      <c r="N957891" s="10"/>
    </row>
    <row r="957892" spans="14:14">
      <c r="N957892" s="10"/>
    </row>
    <row r="957893" spans="14:14">
      <c r="N957893" s="10"/>
    </row>
    <row r="957894" spans="14:14">
      <c r="N957894" s="10"/>
    </row>
    <row r="957895" spans="14:14">
      <c r="N957895" s="10"/>
    </row>
    <row r="957896" spans="14:14">
      <c r="N957896" s="10"/>
    </row>
    <row r="957897" spans="14:14">
      <c r="N957897" s="10"/>
    </row>
    <row r="957898" spans="14:14">
      <c r="N957898" s="10"/>
    </row>
    <row r="957899" spans="14:14">
      <c r="N957899" s="10"/>
    </row>
    <row r="957900" spans="14:14">
      <c r="N957900" s="10"/>
    </row>
    <row r="957901" spans="14:14">
      <c r="N957901" s="10"/>
    </row>
    <row r="957902" spans="14:14">
      <c r="N957902" s="10"/>
    </row>
    <row r="957903" spans="14:14">
      <c r="N957903" s="10"/>
    </row>
    <row r="957904" spans="14:14">
      <c r="N957904" s="10"/>
    </row>
    <row r="957905" spans="14:14">
      <c r="N957905" s="10"/>
    </row>
    <row r="957906" spans="14:14">
      <c r="N957906" s="10"/>
    </row>
    <row r="957907" spans="14:14">
      <c r="N957907" s="10"/>
    </row>
    <row r="957908" spans="14:14">
      <c r="N957908" s="10"/>
    </row>
    <row r="957909" spans="14:14">
      <c r="N957909" s="10"/>
    </row>
    <row r="957910" spans="14:14">
      <c r="N957910" s="10"/>
    </row>
    <row r="957911" spans="14:14">
      <c r="N957911" s="10"/>
    </row>
    <row r="957912" spans="14:14">
      <c r="N957912" s="10"/>
    </row>
    <row r="957913" spans="14:14">
      <c r="N957913" s="10"/>
    </row>
    <row r="957914" spans="14:14">
      <c r="N957914" s="10"/>
    </row>
    <row r="957915" spans="14:14">
      <c r="N957915" s="10"/>
    </row>
    <row r="957916" spans="14:14">
      <c r="N957916" s="10"/>
    </row>
    <row r="957917" spans="14:14">
      <c r="N957917" s="10"/>
    </row>
    <row r="957918" spans="14:14">
      <c r="N957918" s="10"/>
    </row>
    <row r="957919" spans="14:14">
      <c r="N957919" s="10"/>
    </row>
    <row r="957920" spans="14:14">
      <c r="N957920" s="10"/>
    </row>
    <row r="957921" spans="14:14">
      <c r="N957921" s="10"/>
    </row>
    <row r="957922" spans="14:14">
      <c r="N957922" s="10"/>
    </row>
    <row r="957923" spans="14:14">
      <c r="N957923" s="10"/>
    </row>
    <row r="957924" spans="14:14">
      <c r="N957924" s="10"/>
    </row>
    <row r="957925" spans="14:14">
      <c r="N957925" s="10"/>
    </row>
    <row r="957926" spans="14:14">
      <c r="N957926" s="10"/>
    </row>
    <row r="957927" spans="14:14">
      <c r="N957927" s="10"/>
    </row>
    <row r="957928" spans="14:14">
      <c r="N957928" s="10"/>
    </row>
    <row r="957929" spans="14:14">
      <c r="N957929" s="10"/>
    </row>
    <row r="957930" spans="14:14">
      <c r="N957930" s="10"/>
    </row>
    <row r="957931" spans="14:14">
      <c r="N957931" s="10"/>
    </row>
    <row r="957932" spans="14:14">
      <c r="N957932" s="10"/>
    </row>
    <row r="957933" spans="14:14">
      <c r="N957933" s="10"/>
    </row>
    <row r="957934" spans="14:14">
      <c r="N957934" s="10"/>
    </row>
    <row r="957935" spans="14:14">
      <c r="N957935" s="10"/>
    </row>
    <row r="957936" spans="14:14">
      <c r="N957936" s="10"/>
    </row>
    <row r="957937" spans="14:14">
      <c r="N957937" s="10"/>
    </row>
    <row r="957938" spans="14:14">
      <c r="N957938" s="10"/>
    </row>
    <row r="957939" spans="14:14">
      <c r="N957939" s="10"/>
    </row>
    <row r="957940" spans="14:14">
      <c r="N957940" s="10"/>
    </row>
    <row r="957941" spans="14:14">
      <c r="N957941" s="10"/>
    </row>
    <row r="957942" spans="14:14">
      <c r="N957942" s="10"/>
    </row>
    <row r="957943" spans="14:14">
      <c r="N957943" s="10"/>
    </row>
    <row r="957944" spans="14:14">
      <c r="N957944" s="10"/>
    </row>
    <row r="957945" spans="14:14">
      <c r="N957945" s="10"/>
    </row>
    <row r="957946" spans="14:14">
      <c r="N957946" s="10"/>
    </row>
    <row r="957947" spans="14:14">
      <c r="N957947" s="10"/>
    </row>
    <row r="957948" spans="14:14">
      <c r="N957948" s="10"/>
    </row>
    <row r="957949" spans="14:14">
      <c r="N957949" s="10"/>
    </row>
    <row r="957950" spans="14:14">
      <c r="N957950" s="10"/>
    </row>
    <row r="957951" spans="14:14">
      <c r="N957951" s="10"/>
    </row>
    <row r="957952" spans="14:14">
      <c r="N957952" s="10"/>
    </row>
    <row r="957953" spans="14:14">
      <c r="N957953" s="10"/>
    </row>
    <row r="957954" spans="14:14">
      <c r="N957954" s="10"/>
    </row>
    <row r="957955" spans="14:14">
      <c r="N957955" s="10"/>
    </row>
    <row r="957956" spans="14:14">
      <c r="N957956" s="10"/>
    </row>
    <row r="957957" spans="14:14">
      <c r="N957957" s="10"/>
    </row>
    <row r="957958" spans="14:14">
      <c r="N957958" s="10"/>
    </row>
    <row r="957959" spans="14:14">
      <c r="N957959" s="10"/>
    </row>
    <row r="957960" spans="14:14">
      <c r="N957960" s="10"/>
    </row>
    <row r="957961" spans="14:14">
      <c r="N957961" s="10"/>
    </row>
    <row r="957962" spans="14:14">
      <c r="N957962" s="10"/>
    </row>
    <row r="957963" spans="14:14">
      <c r="N957963" s="10"/>
    </row>
    <row r="957964" spans="14:14">
      <c r="N957964" s="10"/>
    </row>
    <row r="957965" spans="14:14">
      <c r="N957965" s="10"/>
    </row>
    <row r="957966" spans="14:14">
      <c r="N957966" s="10"/>
    </row>
    <row r="957967" spans="14:14">
      <c r="N957967" s="10"/>
    </row>
    <row r="957968" spans="14:14">
      <c r="N957968" s="10"/>
    </row>
    <row r="957969" spans="14:14">
      <c r="N957969" s="10"/>
    </row>
    <row r="957970" spans="14:14">
      <c r="N957970" s="10"/>
    </row>
    <row r="957971" spans="14:14">
      <c r="N957971" s="10"/>
    </row>
    <row r="957972" spans="14:14">
      <c r="N957972" s="10"/>
    </row>
    <row r="957973" spans="14:14">
      <c r="N957973" s="10"/>
    </row>
    <row r="957974" spans="14:14">
      <c r="N957974" s="10"/>
    </row>
    <row r="957975" spans="14:14">
      <c r="N957975" s="10"/>
    </row>
    <row r="957976" spans="14:14">
      <c r="N957976" s="10"/>
    </row>
    <row r="957977" spans="14:14">
      <c r="N957977" s="10"/>
    </row>
    <row r="957978" spans="14:14">
      <c r="N957978" s="10"/>
    </row>
    <row r="957979" spans="14:14">
      <c r="N957979" s="10"/>
    </row>
    <row r="957980" spans="14:14">
      <c r="N957980" s="10"/>
    </row>
    <row r="957981" spans="14:14">
      <c r="N957981" s="10"/>
    </row>
    <row r="957982" spans="14:14">
      <c r="N957982" s="10"/>
    </row>
    <row r="957983" spans="14:14">
      <c r="N957983" s="10"/>
    </row>
    <row r="957984" spans="14:14">
      <c r="N957984" s="10"/>
    </row>
    <row r="957985" spans="14:14">
      <c r="N957985" s="10"/>
    </row>
    <row r="957986" spans="14:14">
      <c r="N957986" s="10"/>
    </row>
    <row r="957987" spans="14:14">
      <c r="N957987" s="10"/>
    </row>
    <row r="957988" spans="14:14">
      <c r="N957988" s="10"/>
    </row>
    <row r="957989" spans="14:14">
      <c r="N957989" s="10"/>
    </row>
    <row r="957990" spans="14:14">
      <c r="N957990" s="10"/>
    </row>
    <row r="957991" spans="14:14">
      <c r="N957991" s="10"/>
    </row>
    <row r="957992" spans="14:14">
      <c r="N957992" s="10"/>
    </row>
    <row r="957993" spans="14:14">
      <c r="N957993" s="10"/>
    </row>
    <row r="957994" spans="14:14">
      <c r="N957994" s="10"/>
    </row>
    <row r="957995" spans="14:14">
      <c r="N957995" s="10"/>
    </row>
    <row r="957996" spans="14:14">
      <c r="N957996" s="10"/>
    </row>
    <row r="957997" spans="14:14">
      <c r="N957997" s="10"/>
    </row>
    <row r="957998" spans="14:14">
      <c r="N957998" s="10"/>
    </row>
    <row r="957999" spans="14:14">
      <c r="N957999" s="10"/>
    </row>
    <row r="958000" spans="14:14">
      <c r="N958000" s="10"/>
    </row>
    <row r="958001" spans="14:14">
      <c r="N958001" s="10"/>
    </row>
    <row r="958002" spans="14:14">
      <c r="N958002" s="10"/>
    </row>
    <row r="958003" spans="14:14">
      <c r="N958003" s="10"/>
    </row>
    <row r="958004" spans="14:14">
      <c r="N958004" s="10"/>
    </row>
    <row r="958005" spans="14:14">
      <c r="N958005" s="10"/>
    </row>
    <row r="958006" spans="14:14">
      <c r="N958006" s="10"/>
    </row>
    <row r="958007" spans="14:14">
      <c r="N958007" s="10"/>
    </row>
    <row r="958008" spans="14:14">
      <c r="N958008" s="10"/>
    </row>
    <row r="958009" spans="14:14">
      <c r="N958009" s="10"/>
    </row>
    <row r="958010" spans="14:14">
      <c r="N958010" s="10"/>
    </row>
    <row r="958011" spans="14:14">
      <c r="N958011" s="10"/>
    </row>
    <row r="958012" spans="14:14">
      <c r="N958012" s="10"/>
    </row>
    <row r="958013" spans="14:14">
      <c r="N958013" s="10"/>
    </row>
    <row r="958014" spans="14:14">
      <c r="N958014" s="10"/>
    </row>
    <row r="958015" spans="14:14">
      <c r="N958015" s="10"/>
    </row>
    <row r="958016" spans="14:14">
      <c r="N958016" s="10"/>
    </row>
    <row r="958017" spans="14:14">
      <c r="N958017" s="10"/>
    </row>
    <row r="958018" spans="14:14">
      <c r="N958018" s="10"/>
    </row>
    <row r="958019" spans="14:14">
      <c r="N958019" s="10"/>
    </row>
    <row r="958020" spans="14:14">
      <c r="N958020" s="10"/>
    </row>
    <row r="958021" spans="14:14">
      <c r="N958021" s="10"/>
    </row>
    <row r="958022" spans="14:14">
      <c r="N958022" s="10"/>
    </row>
    <row r="958023" spans="14:14">
      <c r="N958023" s="10"/>
    </row>
    <row r="958024" spans="14:14">
      <c r="N958024" s="10"/>
    </row>
    <row r="958025" spans="14:14">
      <c r="N958025" s="10"/>
    </row>
    <row r="958026" spans="14:14">
      <c r="N958026" s="10"/>
    </row>
    <row r="958027" spans="14:14">
      <c r="N958027" s="10"/>
    </row>
    <row r="958028" spans="14:14">
      <c r="N958028" s="10"/>
    </row>
    <row r="958029" spans="14:14">
      <c r="N958029" s="10"/>
    </row>
    <row r="958030" spans="14:14">
      <c r="N958030" s="10"/>
    </row>
    <row r="958031" spans="14:14">
      <c r="N958031" s="10"/>
    </row>
    <row r="958032" spans="14:14">
      <c r="N958032" s="10"/>
    </row>
    <row r="958033" spans="14:14">
      <c r="N958033" s="10"/>
    </row>
    <row r="958034" spans="14:14">
      <c r="N958034" s="10"/>
    </row>
    <row r="958035" spans="14:14">
      <c r="N958035" s="10"/>
    </row>
    <row r="958036" spans="14:14">
      <c r="N958036" s="10"/>
    </row>
    <row r="958037" spans="14:14">
      <c r="N958037" s="10"/>
    </row>
    <row r="958038" spans="14:14">
      <c r="N958038" s="10"/>
    </row>
    <row r="958039" spans="14:14">
      <c r="N958039" s="10"/>
    </row>
    <row r="958040" spans="14:14">
      <c r="N958040" s="10"/>
    </row>
    <row r="958041" spans="14:14">
      <c r="N958041" s="10"/>
    </row>
    <row r="958042" spans="14:14">
      <c r="N958042" s="10"/>
    </row>
    <row r="958043" spans="14:14">
      <c r="N958043" s="10"/>
    </row>
    <row r="958044" spans="14:14">
      <c r="N958044" s="10"/>
    </row>
    <row r="958045" spans="14:14">
      <c r="N958045" s="10"/>
    </row>
    <row r="958046" spans="14:14">
      <c r="N958046" s="10"/>
    </row>
    <row r="958047" spans="14:14">
      <c r="N958047" s="10"/>
    </row>
    <row r="958048" spans="14:14">
      <c r="N958048" s="10"/>
    </row>
    <row r="958049" spans="14:14">
      <c r="N958049" s="10"/>
    </row>
    <row r="958050" spans="14:14">
      <c r="N958050" s="10"/>
    </row>
    <row r="958051" spans="14:14">
      <c r="N958051" s="10"/>
    </row>
    <row r="958052" spans="14:14">
      <c r="N958052" s="10"/>
    </row>
    <row r="958053" spans="14:14">
      <c r="N958053" s="10"/>
    </row>
    <row r="958054" spans="14:14">
      <c r="N958054" s="10"/>
    </row>
    <row r="958055" spans="14:14">
      <c r="N958055" s="10"/>
    </row>
    <row r="958056" spans="14:14">
      <c r="N958056" s="10"/>
    </row>
    <row r="958057" spans="14:14">
      <c r="N958057" s="10"/>
    </row>
    <row r="958058" spans="14:14">
      <c r="N958058" s="10"/>
    </row>
    <row r="958059" spans="14:14">
      <c r="N958059" s="10"/>
    </row>
    <row r="958060" spans="14:14">
      <c r="N958060" s="10"/>
    </row>
    <row r="958061" spans="14:14">
      <c r="N958061" s="10"/>
    </row>
    <row r="958062" spans="14:14">
      <c r="N958062" s="10"/>
    </row>
    <row r="958063" spans="14:14">
      <c r="N958063" s="10"/>
    </row>
    <row r="958064" spans="14:14">
      <c r="N958064" s="10"/>
    </row>
    <row r="958065" spans="14:14">
      <c r="N958065" s="10"/>
    </row>
    <row r="958066" spans="14:14">
      <c r="N958066" s="10"/>
    </row>
    <row r="958067" spans="14:14">
      <c r="N958067" s="10"/>
    </row>
    <row r="958068" spans="14:14">
      <c r="N958068" s="10"/>
    </row>
    <row r="958069" spans="14:14">
      <c r="N958069" s="10"/>
    </row>
    <row r="958070" spans="14:14">
      <c r="N958070" s="10"/>
    </row>
    <row r="958071" spans="14:14">
      <c r="N958071" s="10"/>
    </row>
    <row r="958072" spans="14:14">
      <c r="N958072" s="10"/>
    </row>
    <row r="958073" spans="14:14">
      <c r="N958073" s="10"/>
    </row>
    <row r="958074" spans="14:14">
      <c r="N958074" s="10"/>
    </row>
    <row r="958075" spans="14:14">
      <c r="N958075" s="10"/>
    </row>
    <row r="958076" spans="14:14">
      <c r="N958076" s="10"/>
    </row>
    <row r="958077" spans="14:14">
      <c r="N958077" s="10"/>
    </row>
    <row r="958078" spans="14:14">
      <c r="N958078" s="10"/>
    </row>
    <row r="958079" spans="14:14">
      <c r="N958079" s="10"/>
    </row>
    <row r="958080" spans="14:14">
      <c r="N958080" s="10"/>
    </row>
    <row r="958081" spans="14:14">
      <c r="N958081" s="10"/>
    </row>
    <row r="958082" spans="14:14">
      <c r="N958082" s="10"/>
    </row>
    <row r="958083" spans="14:14">
      <c r="N958083" s="10"/>
    </row>
    <row r="958084" spans="14:14">
      <c r="N958084" s="10"/>
    </row>
    <row r="958085" spans="14:14">
      <c r="N958085" s="10"/>
    </row>
    <row r="958086" spans="14:14">
      <c r="N958086" s="10"/>
    </row>
    <row r="958087" spans="14:14">
      <c r="N958087" s="10"/>
    </row>
    <row r="958088" spans="14:14">
      <c r="N958088" s="10"/>
    </row>
    <row r="958089" spans="14:14">
      <c r="N958089" s="10"/>
    </row>
    <row r="958090" spans="14:14">
      <c r="N958090" s="10"/>
    </row>
    <row r="958091" spans="14:14">
      <c r="N958091" s="10"/>
    </row>
    <row r="958092" spans="14:14">
      <c r="N958092" s="10"/>
    </row>
    <row r="958093" spans="14:14">
      <c r="N958093" s="10"/>
    </row>
    <row r="958094" spans="14:14">
      <c r="N958094" s="10"/>
    </row>
    <row r="958095" spans="14:14">
      <c r="N958095" s="10"/>
    </row>
    <row r="958096" spans="14:14">
      <c r="N958096" s="10"/>
    </row>
    <row r="958097" spans="14:14">
      <c r="N958097" s="10"/>
    </row>
    <row r="958098" spans="14:14">
      <c r="N958098" s="10"/>
    </row>
    <row r="958099" spans="14:14">
      <c r="N958099" s="10"/>
    </row>
    <row r="958100" spans="14:14">
      <c r="N958100" s="10"/>
    </row>
    <row r="958101" spans="14:14">
      <c r="N958101" s="10"/>
    </row>
    <row r="958102" spans="14:14">
      <c r="N958102" s="10"/>
    </row>
    <row r="958103" spans="14:14">
      <c r="N958103" s="10"/>
    </row>
    <row r="958104" spans="14:14">
      <c r="N958104" s="10"/>
    </row>
    <row r="958105" spans="14:14">
      <c r="N958105" s="10"/>
    </row>
    <row r="958106" spans="14:14">
      <c r="N958106" s="10"/>
    </row>
    <row r="958107" spans="14:14">
      <c r="N958107" s="10"/>
    </row>
    <row r="958108" spans="14:14">
      <c r="N958108" s="10"/>
    </row>
    <row r="958109" spans="14:14">
      <c r="N958109" s="10"/>
    </row>
    <row r="958110" spans="14:14">
      <c r="N958110" s="10"/>
    </row>
    <row r="958111" spans="14:14">
      <c r="N958111" s="10"/>
    </row>
    <row r="958112" spans="14:14">
      <c r="N958112" s="10"/>
    </row>
    <row r="958113" spans="14:14">
      <c r="N958113" s="10"/>
    </row>
    <row r="958114" spans="14:14">
      <c r="N958114" s="10"/>
    </row>
    <row r="958115" spans="14:14">
      <c r="N958115" s="10"/>
    </row>
    <row r="958116" spans="14:14">
      <c r="N958116" s="10"/>
    </row>
    <row r="958117" spans="14:14">
      <c r="N958117" s="10"/>
    </row>
    <row r="958118" spans="14:14">
      <c r="N958118" s="10"/>
    </row>
    <row r="958119" spans="14:14">
      <c r="N958119" s="10"/>
    </row>
    <row r="958120" spans="14:14">
      <c r="N958120" s="10"/>
    </row>
    <row r="958121" spans="14:14">
      <c r="N958121" s="10"/>
    </row>
    <row r="958122" spans="14:14">
      <c r="N958122" s="10"/>
    </row>
    <row r="958123" spans="14:14">
      <c r="N958123" s="10"/>
    </row>
    <row r="958124" spans="14:14">
      <c r="N958124" s="10"/>
    </row>
    <row r="958125" spans="14:14">
      <c r="N958125" s="10"/>
    </row>
    <row r="958126" spans="14:14">
      <c r="N958126" s="10"/>
    </row>
    <row r="958127" spans="14:14">
      <c r="N958127" s="10"/>
    </row>
    <row r="958128" spans="14:14">
      <c r="N958128" s="10"/>
    </row>
    <row r="958129" spans="14:14">
      <c r="N958129" s="10"/>
    </row>
    <row r="958130" spans="14:14">
      <c r="N958130" s="10"/>
    </row>
    <row r="958131" spans="14:14">
      <c r="N958131" s="10"/>
    </row>
    <row r="958132" spans="14:14">
      <c r="N958132" s="10"/>
    </row>
    <row r="958133" spans="14:14">
      <c r="N958133" s="10"/>
    </row>
    <row r="958134" spans="14:14">
      <c r="N958134" s="10"/>
    </row>
    <row r="958135" spans="14:14">
      <c r="N958135" s="10"/>
    </row>
    <row r="958136" spans="14:14">
      <c r="N958136" s="10"/>
    </row>
    <row r="958137" spans="14:14">
      <c r="N958137" s="10"/>
    </row>
    <row r="958138" spans="14:14">
      <c r="N958138" s="10"/>
    </row>
    <row r="958139" spans="14:14">
      <c r="N958139" s="10"/>
    </row>
    <row r="958140" spans="14:14">
      <c r="N958140" s="10"/>
    </row>
    <row r="958141" spans="14:14">
      <c r="N958141" s="10"/>
    </row>
    <row r="958142" spans="14:14">
      <c r="N958142" s="10"/>
    </row>
    <row r="958143" spans="14:14">
      <c r="N958143" s="10"/>
    </row>
    <row r="958144" spans="14:14">
      <c r="N958144" s="10"/>
    </row>
    <row r="958145" spans="14:14">
      <c r="N958145" s="10"/>
    </row>
    <row r="958146" spans="14:14">
      <c r="N958146" s="10"/>
    </row>
    <row r="958147" spans="14:14">
      <c r="N958147" s="10"/>
    </row>
    <row r="958148" spans="14:14">
      <c r="N958148" s="10"/>
    </row>
    <row r="958149" spans="14:14">
      <c r="N958149" s="10"/>
    </row>
    <row r="958150" spans="14:14">
      <c r="N958150" s="10"/>
    </row>
    <row r="958151" spans="14:14">
      <c r="N958151" s="10"/>
    </row>
    <row r="958152" spans="14:14">
      <c r="N958152" s="10"/>
    </row>
    <row r="958153" spans="14:14">
      <c r="N958153" s="10"/>
    </row>
    <row r="958154" spans="14:14">
      <c r="N958154" s="10"/>
    </row>
    <row r="958155" spans="14:14">
      <c r="N958155" s="10"/>
    </row>
    <row r="958156" spans="14:14">
      <c r="N958156" s="10"/>
    </row>
    <row r="958157" spans="14:14">
      <c r="N958157" s="10"/>
    </row>
    <row r="958158" spans="14:14">
      <c r="N958158" s="10"/>
    </row>
    <row r="958159" spans="14:14">
      <c r="N958159" s="10"/>
    </row>
    <row r="958160" spans="14:14">
      <c r="N958160" s="10"/>
    </row>
    <row r="958161" spans="14:14">
      <c r="N958161" s="10"/>
    </row>
    <row r="958162" spans="14:14">
      <c r="N958162" s="10"/>
    </row>
    <row r="958163" spans="14:14">
      <c r="N958163" s="10"/>
    </row>
    <row r="958164" spans="14:14">
      <c r="N958164" s="10"/>
    </row>
    <row r="958165" spans="14:14">
      <c r="N958165" s="10"/>
    </row>
    <row r="958166" spans="14:14">
      <c r="N958166" s="10"/>
    </row>
    <row r="958167" spans="14:14">
      <c r="N958167" s="10"/>
    </row>
    <row r="958168" spans="14:14">
      <c r="N958168" s="10"/>
    </row>
    <row r="958169" spans="14:14">
      <c r="N958169" s="10"/>
    </row>
    <row r="958170" spans="14:14">
      <c r="N958170" s="10"/>
    </row>
    <row r="958171" spans="14:14">
      <c r="N958171" s="10"/>
    </row>
    <row r="958172" spans="14:14">
      <c r="N958172" s="10"/>
    </row>
    <row r="958173" spans="14:14">
      <c r="N958173" s="10"/>
    </row>
    <row r="958174" spans="14:14">
      <c r="N958174" s="10"/>
    </row>
    <row r="958175" spans="14:14">
      <c r="N958175" s="10"/>
    </row>
    <row r="958176" spans="14:14">
      <c r="N958176" s="10"/>
    </row>
    <row r="958177" spans="14:14">
      <c r="N958177" s="10"/>
    </row>
    <row r="958178" spans="14:14">
      <c r="N958178" s="10"/>
    </row>
    <row r="958179" spans="14:14">
      <c r="N958179" s="10"/>
    </row>
    <row r="958180" spans="14:14">
      <c r="N958180" s="10"/>
    </row>
    <row r="958181" spans="14:14">
      <c r="N958181" s="10"/>
    </row>
    <row r="958182" spans="14:14">
      <c r="N958182" s="10"/>
    </row>
    <row r="958183" spans="14:14">
      <c r="N958183" s="10"/>
    </row>
    <row r="958184" spans="14:14">
      <c r="N958184" s="10"/>
    </row>
    <row r="958185" spans="14:14">
      <c r="N958185" s="10"/>
    </row>
    <row r="958186" spans="14:14">
      <c r="N958186" s="10"/>
    </row>
    <row r="958187" spans="14:14">
      <c r="N958187" s="10"/>
    </row>
    <row r="958188" spans="14:14">
      <c r="N958188" s="10"/>
    </row>
    <row r="958189" spans="14:14">
      <c r="N958189" s="10"/>
    </row>
    <row r="958190" spans="14:14">
      <c r="N958190" s="10"/>
    </row>
    <row r="958191" spans="14:14">
      <c r="N958191" s="10"/>
    </row>
    <row r="958192" spans="14:14">
      <c r="N958192" s="10"/>
    </row>
    <row r="958193" spans="14:14">
      <c r="N958193" s="10"/>
    </row>
    <row r="958194" spans="14:14">
      <c r="N958194" s="10"/>
    </row>
    <row r="958195" spans="14:14">
      <c r="N958195" s="10"/>
    </row>
    <row r="958196" spans="14:14">
      <c r="N958196" s="10"/>
    </row>
    <row r="958197" spans="14:14">
      <c r="N958197" s="10"/>
    </row>
    <row r="958198" spans="14:14">
      <c r="N958198" s="10"/>
    </row>
    <row r="958199" spans="14:14">
      <c r="N958199" s="10"/>
    </row>
    <row r="958200" spans="14:14">
      <c r="N958200" s="10"/>
    </row>
    <row r="958201" spans="14:14">
      <c r="N958201" s="10"/>
    </row>
    <row r="958202" spans="14:14">
      <c r="N958202" s="10"/>
    </row>
    <row r="958203" spans="14:14">
      <c r="N958203" s="10"/>
    </row>
    <row r="958204" spans="14:14">
      <c r="N958204" s="10"/>
    </row>
    <row r="958205" spans="14:14">
      <c r="N958205" s="10"/>
    </row>
    <row r="958206" spans="14:14">
      <c r="N958206" s="10"/>
    </row>
    <row r="958207" spans="14:14">
      <c r="N958207" s="10"/>
    </row>
    <row r="958208" spans="14:14">
      <c r="N958208" s="10"/>
    </row>
    <row r="958209" spans="14:14">
      <c r="N958209" s="10"/>
    </row>
    <row r="958210" spans="14:14">
      <c r="N958210" s="10"/>
    </row>
    <row r="958211" spans="14:14">
      <c r="N958211" s="10"/>
    </row>
    <row r="958212" spans="14:14">
      <c r="N958212" s="10"/>
    </row>
    <row r="958213" spans="14:14">
      <c r="N958213" s="10"/>
    </row>
    <row r="958214" spans="14:14">
      <c r="N958214" s="10"/>
    </row>
    <row r="958215" spans="14:14">
      <c r="N958215" s="10"/>
    </row>
    <row r="958216" spans="14:14">
      <c r="N958216" s="10"/>
    </row>
    <row r="958217" spans="14:14">
      <c r="N958217" s="10"/>
    </row>
    <row r="958218" spans="14:14">
      <c r="N958218" s="10"/>
    </row>
    <row r="958219" spans="14:14">
      <c r="N958219" s="10"/>
    </row>
    <row r="958220" spans="14:14">
      <c r="N958220" s="10"/>
    </row>
    <row r="958221" spans="14:14">
      <c r="N958221" s="10"/>
    </row>
    <row r="958222" spans="14:14">
      <c r="N958222" s="10"/>
    </row>
    <row r="958223" spans="14:14">
      <c r="N958223" s="10"/>
    </row>
    <row r="958224" spans="14:14">
      <c r="N958224" s="10"/>
    </row>
    <row r="958225" spans="14:14">
      <c r="N958225" s="10"/>
    </row>
    <row r="958226" spans="14:14">
      <c r="N958226" s="10"/>
    </row>
    <row r="958227" spans="14:14">
      <c r="N958227" s="10"/>
    </row>
    <row r="958228" spans="14:14">
      <c r="N958228" s="10"/>
    </row>
    <row r="958229" spans="14:14">
      <c r="N958229" s="10"/>
    </row>
    <row r="958230" spans="14:14">
      <c r="N958230" s="10"/>
    </row>
    <row r="958231" spans="14:14">
      <c r="N958231" s="10"/>
    </row>
    <row r="958232" spans="14:14">
      <c r="N958232" s="10"/>
    </row>
    <row r="958233" spans="14:14">
      <c r="N958233" s="10"/>
    </row>
    <row r="958234" spans="14:14">
      <c r="N958234" s="10"/>
    </row>
    <row r="958235" spans="14:14">
      <c r="N958235" s="10"/>
    </row>
    <row r="958236" spans="14:14">
      <c r="N958236" s="10"/>
    </row>
    <row r="958237" spans="14:14">
      <c r="N958237" s="10"/>
    </row>
    <row r="958238" spans="14:14">
      <c r="N958238" s="10"/>
    </row>
    <row r="958239" spans="14:14">
      <c r="N958239" s="10"/>
    </row>
    <row r="958240" spans="14:14">
      <c r="N958240" s="10"/>
    </row>
    <row r="958241" spans="14:14">
      <c r="N958241" s="10"/>
    </row>
    <row r="958242" spans="14:14">
      <c r="N958242" s="10"/>
    </row>
    <row r="958243" spans="14:14">
      <c r="N958243" s="10"/>
    </row>
    <row r="958244" spans="14:14">
      <c r="N958244" s="10"/>
    </row>
    <row r="958245" spans="14:14">
      <c r="N958245" s="10"/>
    </row>
    <row r="958246" spans="14:14">
      <c r="N958246" s="10"/>
    </row>
    <row r="958247" spans="14:14">
      <c r="N958247" s="10"/>
    </row>
    <row r="958248" spans="14:14">
      <c r="N958248" s="10"/>
    </row>
    <row r="958249" spans="14:14">
      <c r="N958249" s="10"/>
    </row>
    <row r="958250" spans="14:14">
      <c r="N958250" s="10"/>
    </row>
    <row r="958251" spans="14:14">
      <c r="N958251" s="10"/>
    </row>
    <row r="958252" spans="14:14">
      <c r="N958252" s="10"/>
    </row>
    <row r="958253" spans="14:14">
      <c r="N958253" s="10"/>
    </row>
    <row r="958254" spans="14:14">
      <c r="N958254" s="10"/>
    </row>
    <row r="958255" spans="14:14">
      <c r="N958255" s="10"/>
    </row>
    <row r="958256" spans="14:14">
      <c r="N958256" s="10"/>
    </row>
    <row r="958257" spans="14:14">
      <c r="N958257" s="10"/>
    </row>
    <row r="958258" spans="14:14">
      <c r="N958258" s="10"/>
    </row>
    <row r="958259" spans="14:14">
      <c r="N958259" s="10"/>
    </row>
    <row r="958260" spans="14:14">
      <c r="N958260" s="10"/>
    </row>
    <row r="958261" spans="14:14">
      <c r="N958261" s="10"/>
    </row>
    <row r="958262" spans="14:14">
      <c r="N958262" s="10"/>
    </row>
    <row r="958263" spans="14:14">
      <c r="N958263" s="10"/>
    </row>
    <row r="958264" spans="14:14">
      <c r="N958264" s="10"/>
    </row>
    <row r="958265" spans="14:14">
      <c r="N958265" s="10"/>
    </row>
    <row r="958266" spans="14:14">
      <c r="N958266" s="10"/>
    </row>
    <row r="958267" spans="14:14">
      <c r="N958267" s="10"/>
    </row>
    <row r="958268" spans="14:14">
      <c r="N958268" s="10"/>
    </row>
    <row r="958269" spans="14:14">
      <c r="N958269" s="10"/>
    </row>
    <row r="958270" spans="14:14">
      <c r="N958270" s="10"/>
    </row>
    <row r="958271" spans="14:14">
      <c r="N958271" s="10"/>
    </row>
    <row r="958272" spans="14:14">
      <c r="N958272" s="10"/>
    </row>
    <row r="958273" spans="14:14">
      <c r="N958273" s="10"/>
    </row>
    <row r="958274" spans="14:14">
      <c r="N958274" s="10"/>
    </row>
    <row r="958275" spans="14:14">
      <c r="N958275" s="10"/>
    </row>
    <row r="958276" spans="14:14">
      <c r="N958276" s="10"/>
    </row>
    <row r="958277" spans="14:14">
      <c r="N958277" s="10"/>
    </row>
    <row r="958278" spans="14:14">
      <c r="N958278" s="10"/>
    </row>
    <row r="958279" spans="14:14">
      <c r="N958279" s="10"/>
    </row>
    <row r="958280" spans="14:14">
      <c r="N958280" s="10"/>
    </row>
    <row r="958281" spans="14:14">
      <c r="N958281" s="10"/>
    </row>
    <row r="958282" spans="14:14">
      <c r="N958282" s="10"/>
    </row>
    <row r="958283" spans="14:14">
      <c r="N958283" s="10"/>
    </row>
    <row r="958284" spans="14:14">
      <c r="N958284" s="10"/>
    </row>
    <row r="958285" spans="14:14">
      <c r="N958285" s="10"/>
    </row>
    <row r="958286" spans="14:14">
      <c r="N958286" s="10"/>
    </row>
    <row r="958287" spans="14:14">
      <c r="N958287" s="10"/>
    </row>
    <row r="958288" spans="14:14">
      <c r="N958288" s="10"/>
    </row>
    <row r="958289" spans="14:14">
      <c r="N958289" s="10"/>
    </row>
    <row r="958290" spans="14:14">
      <c r="N958290" s="10"/>
    </row>
    <row r="958291" spans="14:14">
      <c r="N958291" s="10"/>
    </row>
    <row r="958292" spans="14:14">
      <c r="N958292" s="10"/>
    </row>
    <row r="958293" spans="14:14">
      <c r="N958293" s="10"/>
    </row>
    <row r="958294" spans="14:14">
      <c r="N958294" s="10"/>
    </row>
    <row r="958295" spans="14:14">
      <c r="N958295" s="10"/>
    </row>
    <row r="958296" spans="14:14">
      <c r="N958296" s="10"/>
    </row>
    <row r="958297" spans="14:14">
      <c r="N958297" s="10"/>
    </row>
    <row r="958298" spans="14:14">
      <c r="N958298" s="10"/>
    </row>
    <row r="958299" spans="14:14">
      <c r="N958299" s="10"/>
    </row>
    <row r="958300" spans="14:14">
      <c r="N958300" s="10"/>
    </row>
    <row r="958301" spans="14:14">
      <c r="N958301" s="10"/>
    </row>
    <row r="958302" spans="14:14">
      <c r="N958302" s="10"/>
    </row>
    <row r="958303" spans="14:14">
      <c r="N958303" s="10"/>
    </row>
    <row r="958304" spans="14:14">
      <c r="N958304" s="10"/>
    </row>
    <row r="958305" spans="14:14">
      <c r="N958305" s="10"/>
    </row>
    <row r="958306" spans="14:14">
      <c r="N958306" s="10"/>
    </row>
    <row r="958307" spans="14:14">
      <c r="N958307" s="10"/>
    </row>
    <row r="958308" spans="14:14">
      <c r="N958308" s="10"/>
    </row>
    <row r="958309" spans="14:14">
      <c r="N958309" s="10"/>
    </row>
    <row r="958310" spans="14:14">
      <c r="N958310" s="10"/>
    </row>
    <row r="958311" spans="14:14">
      <c r="N958311" s="10"/>
    </row>
    <row r="958312" spans="14:14">
      <c r="N958312" s="10"/>
    </row>
    <row r="958313" spans="14:14">
      <c r="N958313" s="10"/>
    </row>
    <row r="958314" spans="14:14">
      <c r="N958314" s="10"/>
    </row>
    <row r="958315" spans="14:14">
      <c r="N958315" s="10"/>
    </row>
    <row r="958316" spans="14:14">
      <c r="N958316" s="10"/>
    </row>
    <row r="958317" spans="14:14">
      <c r="N958317" s="10"/>
    </row>
    <row r="958318" spans="14:14">
      <c r="N958318" s="10"/>
    </row>
    <row r="958319" spans="14:14">
      <c r="N958319" s="10"/>
    </row>
    <row r="958320" spans="14:14">
      <c r="N958320" s="10"/>
    </row>
    <row r="958321" spans="14:14">
      <c r="N958321" s="10"/>
    </row>
    <row r="958322" spans="14:14">
      <c r="N958322" s="10"/>
    </row>
    <row r="958323" spans="14:14">
      <c r="N958323" s="10"/>
    </row>
    <row r="958324" spans="14:14">
      <c r="N958324" s="10"/>
    </row>
    <row r="958325" spans="14:14">
      <c r="N958325" s="10"/>
    </row>
    <row r="958326" spans="14:14">
      <c r="N958326" s="10"/>
    </row>
    <row r="958327" spans="14:14">
      <c r="N958327" s="10"/>
    </row>
    <row r="958328" spans="14:14">
      <c r="N958328" s="10"/>
    </row>
    <row r="958329" spans="14:14">
      <c r="N958329" s="10"/>
    </row>
    <row r="958330" spans="14:14">
      <c r="N958330" s="10"/>
    </row>
    <row r="958331" spans="14:14">
      <c r="N958331" s="10"/>
    </row>
    <row r="958332" spans="14:14">
      <c r="N958332" s="10"/>
    </row>
    <row r="958333" spans="14:14">
      <c r="N958333" s="10"/>
    </row>
    <row r="958334" spans="14:14">
      <c r="N958334" s="10"/>
    </row>
    <row r="958335" spans="14:14">
      <c r="N958335" s="10"/>
    </row>
    <row r="958336" spans="14:14">
      <c r="N958336" s="10"/>
    </row>
    <row r="958337" spans="14:14">
      <c r="N958337" s="10"/>
    </row>
    <row r="958338" spans="14:14">
      <c r="N958338" s="10"/>
    </row>
    <row r="958339" spans="14:14">
      <c r="N958339" s="10"/>
    </row>
    <row r="958340" spans="14:14">
      <c r="N958340" s="10"/>
    </row>
    <row r="958341" spans="14:14">
      <c r="N958341" s="10"/>
    </row>
    <row r="958342" spans="14:14">
      <c r="N958342" s="10"/>
    </row>
    <row r="958343" spans="14:14">
      <c r="N958343" s="10"/>
    </row>
    <row r="958344" spans="14:14">
      <c r="N958344" s="10"/>
    </row>
    <row r="958345" spans="14:14">
      <c r="N958345" s="10"/>
    </row>
    <row r="958346" spans="14:14">
      <c r="N958346" s="10"/>
    </row>
    <row r="958347" spans="14:14">
      <c r="N958347" s="10"/>
    </row>
    <row r="958348" spans="14:14">
      <c r="N958348" s="10"/>
    </row>
    <row r="958349" spans="14:14">
      <c r="N958349" s="10"/>
    </row>
    <row r="958350" spans="14:14">
      <c r="N958350" s="10"/>
    </row>
    <row r="958351" spans="14:14">
      <c r="N958351" s="10"/>
    </row>
    <row r="958352" spans="14:14">
      <c r="N958352" s="10"/>
    </row>
    <row r="958353" spans="14:14">
      <c r="N958353" s="10"/>
    </row>
    <row r="958354" spans="14:14">
      <c r="N958354" s="10"/>
    </row>
    <row r="958355" spans="14:14">
      <c r="N958355" s="10"/>
    </row>
    <row r="958356" spans="14:14">
      <c r="N958356" s="10"/>
    </row>
    <row r="958357" spans="14:14">
      <c r="N958357" s="10"/>
    </row>
    <row r="958358" spans="14:14">
      <c r="N958358" s="10"/>
    </row>
    <row r="958359" spans="14:14">
      <c r="N958359" s="10"/>
    </row>
    <row r="958360" spans="14:14">
      <c r="N958360" s="10"/>
    </row>
    <row r="958361" spans="14:14">
      <c r="N958361" s="10"/>
    </row>
    <row r="958362" spans="14:14">
      <c r="N958362" s="10"/>
    </row>
    <row r="958363" spans="14:14">
      <c r="N958363" s="10"/>
    </row>
    <row r="958364" spans="14:14">
      <c r="N958364" s="10"/>
    </row>
    <row r="958365" spans="14:14">
      <c r="N958365" s="10"/>
    </row>
    <row r="958366" spans="14:14">
      <c r="N958366" s="10"/>
    </row>
    <row r="958367" spans="14:14">
      <c r="N958367" s="10"/>
    </row>
    <row r="958368" spans="14:14">
      <c r="N958368" s="10"/>
    </row>
    <row r="958369" spans="14:14">
      <c r="N958369" s="10"/>
    </row>
    <row r="958370" spans="14:14">
      <c r="N958370" s="10"/>
    </row>
    <row r="958371" spans="14:14">
      <c r="N958371" s="10"/>
    </row>
    <row r="958372" spans="14:14">
      <c r="N958372" s="10"/>
    </row>
    <row r="958373" spans="14:14">
      <c r="N958373" s="10"/>
    </row>
    <row r="958374" spans="14:14">
      <c r="N958374" s="10"/>
    </row>
    <row r="958375" spans="14:14">
      <c r="N958375" s="10"/>
    </row>
    <row r="958376" spans="14:14">
      <c r="N958376" s="10"/>
    </row>
    <row r="958377" spans="14:14">
      <c r="N958377" s="10"/>
    </row>
    <row r="958378" spans="14:14">
      <c r="N958378" s="10"/>
    </row>
    <row r="958379" spans="14:14">
      <c r="N958379" s="10"/>
    </row>
    <row r="958380" spans="14:14">
      <c r="N958380" s="10"/>
    </row>
    <row r="958381" spans="14:14">
      <c r="N958381" s="10"/>
    </row>
    <row r="958382" spans="14:14">
      <c r="N958382" s="10"/>
    </row>
    <row r="958383" spans="14:14">
      <c r="N958383" s="10"/>
    </row>
    <row r="958384" spans="14:14">
      <c r="N958384" s="10"/>
    </row>
    <row r="958385" spans="14:14">
      <c r="N958385" s="10"/>
    </row>
    <row r="958386" spans="14:14">
      <c r="N958386" s="10"/>
    </row>
    <row r="958387" spans="14:14">
      <c r="N958387" s="10"/>
    </row>
    <row r="958388" spans="14:14">
      <c r="N958388" s="10"/>
    </row>
    <row r="958389" spans="14:14">
      <c r="N958389" s="10"/>
    </row>
    <row r="958390" spans="14:14">
      <c r="N958390" s="10"/>
    </row>
    <row r="958391" spans="14:14">
      <c r="N958391" s="10"/>
    </row>
    <row r="958392" spans="14:14">
      <c r="N958392" s="10"/>
    </row>
    <row r="958393" spans="14:14">
      <c r="N958393" s="10"/>
    </row>
    <row r="958394" spans="14:14">
      <c r="N958394" s="10"/>
    </row>
    <row r="958395" spans="14:14">
      <c r="N958395" s="10"/>
    </row>
    <row r="958396" spans="14:14">
      <c r="N958396" s="10"/>
    </row>
    <row r="958397" spans="14:14">
      <c r="N958397" s="10"/>
    </row>
    <row r="958398" spans="14:14">
      <c r="N958398" s="10"/>
    </row>
    <row r="958399" spans="14:14">
      <c r="N958399" s="10"/>
    </row>
    <row r="958400" spans="14:14">
      <c r="N958400" s="10"/>
    </row>
    <row r="958401" spans="14:14">
      <c r="N958401" s="10"/>
    </row>
    <row r="958402" spans="14:14">
      <c r="N958402" s="10"/>
    </row>
    <row r="958403" spans="14:14">
      <c r="N958403" s="10"/>
    </row>
    <row r="958404" spans="14:14">
      <c r="N958404" s="10"/>
    </row>
    <row r="958405" spans="14:14">
      <c r="N958405" s="10"/>
    </row>
    <row r="958406" spans="14:14">
      <c r="N958406" s="10"/>
    </row>
    <row r="958407" spans="14:14">
      <c r="N958407" s="10"/>
    </row>
    <row r="958408" spans="14:14">
      <c r="N958408" s="10"/>
    </row>
    <row r="958409" spans="14:14">
      <c r="N958409" s="10"/>
    </row>
    <row r="958410" spans="14:14">
      <c r="N958410" s="10"/>
    </row>
    <row r="958411" spans="14:14">
      <c r="N958411" s="10"/>
    </row>
    <row r="958412" spans="14:14">
      <c r="N958412" s="10"/>
    </row>
    <row r="958413" spans="14:14">
      <c r="N958413" s="10"/>
    </row>
    <row r="958414" spans="14:14">
      <c r="N958414" s="10"/>
    </row>
    <row r="958415" spans="14:14">
      <c r="N958415" s="10"/>
    </row>
    <row r="958416" spans="14:14">
      <c r="N958416" s="10"/>
    </row>
    <row r="958417" spans="14:14">
      <c r="N958417" s="10"/>
    </row>
    <row r="958418" spans="14:14">
      <c r="N958418" s="10"/>
    </row>
    <row r="958419" spans="14:14">
      <c r="N958419" s="10"/>
    </row>
    <row r="958420" spans="14:14">
      <c r="N958420" s="10"/>
    </row>
    <row r="958421" spans="14:14">
      <c r="N958421" s="10"/>
    </row>
    <row r="958422" spans="14:14">
      <c r="N958422" s="10"/>
    </row>
    <row r="958423" spans="14:14">
      <c r="N958423" s="10"/>
    </row>
    <row r="958424" spans="14:14">
      <c r="N958424" s="10"/>
    </row>
    <row r="958425" spans="14:14">
      <c r="N958425" s="10"/>
    </row>
    <row r="958426" spans="14:14">
      <c r="N958426" s="10"/>
    </row>
    <row r="958427" spans="14:14">
      <c r="N958427" s="10"/>
    </row>
    <row r="958428" spans="14:14">
      <c r="N958428" s="10"/>
    </row>
    <row r="958429" spans="14:14">
      <c r="N958429" s="10"/>
    </row>
    <row r="958430" spans="14:14">
      <c r="N958430" s="10"/>
    </row>
    <row r="958431" spans="14:14">
      <c r="N958431" s="10"/>
    </row>
    <row r="958432" spans="14:14">
      <c r="N958432" s="10"/>
    </row>
    <row r="958433" spans="14:14">
      <c r="N958433" s="10"/>
    </row>
    <row r="958434" spans="14:14">
      <c r="N958434" s="10"/>
    </row>
    <row r="958435" spans="14:14">
      <c r="N958435" s="10"/>
    </row>
    <row r="958436" spans="14:14">
      <c r="N958436" s="10"/>
    </row>
    <row r="958437" spans="14:14">
      <c r="N958437" s="10"/>
    </row>
    <row r="958438" spans="14:14">
      <c r="N958438" s="10"/>
    </row>
    <row r="958439" spans="14:14">
      <c r="N958439" s="10"/>
    </row>
    <row r="958440" spans="14:14">
      <c r="N958440" s="10"/>
    </row>
    <row r="958441" spans="14:14">
      <c r="N958441" s="10"/>
    </row>
    <row r="958442" spans="14:14">
      <c r="N958442" s="10"/>
    </row>
    <row r="958443" spans="14:14">
      <c r="N958443" s="10"/>
    </row>
    <row r="958444" spans="14:14">
      <c r="N958444" s="10"/>
    </row>
    <row r="958445" spans="14:14">
      <c r="N958445" s="10"/>
    </row>
    <row r="958446" spans="14:14">
      <c r="N958446" s="10"/>
    </row>
    <row r="958447" spans="14:14">
      <c r="N958447" s="10"/>
    </row>
    <row r="958448" spans="14:14">
      <c r="N958448" s="10"/>
    </row>
    <row r="958449" spans="14:14">
      <c r="N958449" s="10"/>
    </row>
    <row r="958450" spans="14:14">
      <c r="N958450" s="10"/>
    </row>
    <row r="958451" spans="14:14">
      <c r="N958451" s="10"/>
    </row>
    <row r="958452" spans="14:14">
      <c r="N958452" s="10"/>
    </row>
    <row r="958453" spans="14:14">
      <c r="N958453" s="10"/>
    </row>
    <row r="958454" spans="14:14">
      <c r="N958454" s="10"/>
    </row>
    <row r="958455" spans="14:14">
      <c r="N958455" s="10"/>
    </row>
    <row r="958456" spans="14:14">
      <c r="N958456" s="10"/>
    </row>
    <row r="958457" spans="14:14">
      <c r="N958457" s="10"/>
    </row>
    <row r="958458" spans="14:14">
      <c r="N958458" s="10"/>
    </row>
    <row r="958459" spans="14:14">
      <c r="N958459" s="10"/>
    </row>
    <row r="958460" spans="14:14">
      <c r="N958460" s="10"/>
    </row>
    <row r="958461" spans="14:14">
      <c r="N958461" s="10"/>
    </row>
    <row r="958462" spans="14:14">
      <c r="N958462" s="10"/>
    </row>
    <row r="958463" spans="14:14">
      <c r="N958463" s="10"/>
    </row>
    <row r="958464" spans="14:14">
      <c r="N958464" s="10"/>
    </row>
    <row r="958465" spans="14:14">
      <c r="N958465" s="10"/>
    </row>
    <row r="958466" spans="14:14">
      <c r="N958466" s="10"/>
    </row>
    <row r="958467" spans="14:14">
      <c r="N958467" s="10"/>
    </row>
    <row r="958468" spans="14:14">
      <c r="N958468" s="10"/>
    </row>
    <row r="958469" spans="14:14">
      <c r="N958469" s="10"/>
    </row>
    <row r="958470" spans="14:14">
      <c r="N958470" s="10"/>
    </row>
    <row r="958471" spans="14:14">
      <c r="N958471" s="10"/>
    </row>
    <row r="958472" spans="14:14">
      <c r="N958472" s="10"/>
    </row>
    <row r="958473" spans="14:14">
      <c r="N958473" s="10"/>
    </row>
    <row r="958474" spans="14:14">
      <c r="N958474" s="10"/>
    </row>
    <row r="958475" spans="14:14">
      <c r="N958475" s="10"/>
    </row>
    <row r="958476" spans="14:14">
      <c r="N958476" s="10"/>
    </row>
    <row r="958477" spans="14:14">
      <c r="N958477" s="10"/>
    </row>
    <row r="958478" spans="14:14">
      <c r="N958478" s="10"/>
    </row>
    <row r="958479" spans="14:14">
      <c r="N958479" s="10"/>
    </row>
    <row r="958480" spans="14:14">
      <c r="N958480" s="10"/>
    </row>
    <row r="958481" spans="14:14">
      <c r="N958481" s="10"/>
    </row>
    <row r="958482" spans="14:14">
      <c r="N958482" s="10"/>
    </row>
    <row r="958483" spans="14:14">
      <c r="N958483" s="10"/>
    </row>
    <row r="958484" spans="14:14">
      <c r="N958484" s="10"/>
    </row>
    <row r="958485" spans="14:14">
      <c r="N958485" s="10"/>
    </row>
    <row r="958486" spans="14:14">
      <c r="N958486" s="10"/>
    </row>
    <row r="958487" spans="14:14">
      <c r="N958487" s="10"/>
    </row>
    <row r="958488" spans="14:14">
      <c r="N958488" s="10"/>
    </row>
    <row r="958489" spans="14:14">
      <c r="N958489" s="10"/>
    </row>
    <row r="958490" spans="14:14">
      <c r="N958490" s="10"/>
    </row>
    <row r="958491" spans="14:14">
      <c r="N958491" s="10"/>
    </row>
    <row r="958492" spans="14:14">
      <c r="N958492" s="10"/>
    </row>
    <row r="958493" spans="14:14">
      <c r="N958493" s="10"/>
    </row>
    <row r="958494" spans="14:14">
      <c r="N958494" s="10"/>
    </row>
    <row r="958495" spans="14:14">
      <c r="N958495" s="10"/>
    </row>
    <row r="958496" spans="14:14">
      <c r="N958496" s="10"/>
    </row>
    <row r="958497" spans="14:14">
      <c r="N958497" s="10"/>
    </row>
    <row r="958498" spans="14:14">
      <c r="N958498" s="10"/>
    </row>
    <row r="958499" spans="14:14">
      <c r="N958499" s="10"/>
    </row>
    <row r="958500" spans="14:14">
      <c r="N958500" s="10"/>
    </row>
    <row r="958501" spans="14:14">
      <c r="N958501" s="10"/>
    </row>
    <row r="958502" spans="14:14">
      <c r="N958502" s="10"/>
    </row>
    <row r="958503" spans="14:14">
      <c r="N958503" s="10"/>
    </row>
    <row r="958504" spans="14:14">
      <c r="N958504" s="10"/>
    </row>
    <row r="958505" spans="14:14">
      <c r="N958505" s="10"/>
    </row>
    <row r="958506" spans="14:14">
      <c r="N958506" s="10"/>
    </row>
    <row r="958507" spans="14:14">
      <c r="N958507" s="10"/>
    </row>
    <row r="958508" spans="14:14">
      <c r="N958508" s="10"/>
    </row>
    <row r="958509" spans="14:14">
      <c r="N958509" s="10"/>
    </row>
    <row r="958510" spans="14:14">
      <c r="N958510" s="10"/>
    </row>
    <row r="958511" spans="14:14">
      <c r="N958511" s="10"/>
    </row>
    <row r="958512" spans="14:14">
      <c r="N958512" s="10"/>
    </row>
    <row r="958513" spans="14:14">
      <c r="N958513" s="10"/>
    </row>
    <row r="958514" spans="14:14">
      <c r="N958514" s="10"/>
    </row>
    <row r="958515" spans="14:14">
      <c r="N958515" s="10"/>
    </row>
    <row r="958516" spans="14:14">
      <c r="N958516" s="10"/>
    </row>
    <row r="958517" spans="14:14">
      <c r="N958517" s="10"/>
    </row>
    <row r="958518" spans="14:14">
      <c r="N958518" s="10"/>
    </row>
    <row r="958519" spans="14:14">
      <c r="N958519" s="10"/>
    </row>
    <row r="958520" spans="14:14">
      <c r="N958520" s="10"/>
    </row>
    <row r="958521" spans="14:14">
      <c r="N958521" s="10"/>
    </row>
    <row r="958522" spans="14:14">
      <c r="N958522" s="10"/>
    </row>
    <row r="958523" spans="14:14">
      <c r="N958523" s="10"/>
    </row>
    <row r="958524" spans="14:14">
      <c r="N958524" s="10"/>
    </row>
    <row r="958525" spans="14:14">
      <c r="N958525" s="10"/>
    </row>
    <row r="958526" spans="14:14">
      <c r="N958526" s="10"/>
    </row>
    <row r="958527" spans="14:14">
      <c r="N958527" s="10"/>
    </row>
    <row r="958528" spans="14:14">
      <c r="N958528" s="10"/>
    </row>
    <row r="958529" spans="14:14">
      <c r="N958529" s="10"/>
    </row>
    <row r="958530" spans="14:14">
      <c r="N958530" s="10"/>
    </row>
    <row r="958531" spans="14:14">
      <c r="N958531" s="10"/>
    </row>
    <row r="958532" spans="14:14">
      <c r="N958532" s="10"/>
    </row>
    <row r="958533" spans="14:14">
      <c r="N958533" s="10"/>
    </row>
    <row r="958534" spans="14:14">
      <c r="N958534" s="10"/>
    </row>
    <row r="958535" spans="14:14">
      <c r="N958535" s="10"/>
    </row>
    <row r="958536" spans="14:14">
      <c r="N958536" s="10"/>
    </row>
    <row r="958537" spans="14:14">
      <c r="N958537" s="10"/>
    </row>
    <row r="958538" spans="14:14">
      <c r="N958538" s="10"/>
    </row>
    <row r="958539" spans="14:14">
      <c r="N958539" s="10"/>
    </row>
    <row r="958540" spans="14:14">
      <c r="N958540" s="10"/>
    </row>
    <row r="958541" spans="14:14">
      <c r="N958541" s="10"/>
    </row>
    <row r="958542" spans="14:14">
      <c r="N958542" s="10"/>
    </row>
    <row r="958543" spans="14:14">
      <c r="N958543" s="10"/>
    </row>
    <row r="958544" spans="14:14">
      <c r="N958544" s="10"/>
    </row>
    <row r="958545" spans="14:14">
      <c r="N958545" s="10"/>
    </row>
    <row r="958546" spans="14:14">
      <c r="N958546" s="10"/>
    </row>
    <row r="958547" spans="14:14">
      <c r="N958547" s="10"/>
    </row>
    <row r="958548" spans="14:14">
      <c r="N958548" s="10"/>
    </row>
    <row r="958549" spans="14:14">
      <c r="N958549" s="10"/>
    </row>
    <row r="958550" spans="14:14">
      <c r="N958550" s="10"/>
    </row>
    <row r="958551" spans="14:14">
      <c r="N958551" s="10"/>
    </row>
    <row r="958552" spans="14:14">
      <c r="N958552" s="10"/>
    </row>
    <row r="958553" spans="14:14">
      <c r="N958553" s="10"/>
    </row>
    <row r="958554" spans="14:14">
      <c r="N958554" s="10"/>
    </row>
    <row r="958555" spans="14:14">
      <c r="N958555" s="10"/>
    </row>
    <row r="958556" spans="14:14">
      <c r="N958556" s="10"/>
    </row>
    <row r="958557" spans="14:14">
      <c r="N958557" s="10"/>
    </row>
    <row r="958558" spans="14:14">
      <c r="N958558" s="10"/>
    </row>
    <row r="958559" spans="14:14">
      <c r="N958559" s="10"/>
    </row>
    <row r="958560" spans="14:14">
      <c r="N958560" s="10"/>
    </row>
    <row r="958561" spans="14:14">
      <c r="N958561" s="10"/>
    </row>
    <row r="958562" spans="14:14">
      <c r="N958562" s="10"/>
    </row>
    <row r="958563" spans="14:14">
      <c r="N958563" s="10"/>
    </row>
    <row r="958564" spans="14:14">
      <c r="N958564" s="10"/>
    </row>
    <row r="958565" spans="14:14">
      <c r="N958565" s="10"/>
    </row>
    <row r="958566" spans="14:14">
      <c r="N958566" s="10"/>
    </row>
    <row r="958567" spans="14:14">
      <c r="N958567" s="10"/>
    </row>
    <row r="958568" spans="14:14">
      <c r="N958568" s="10"/>
    </row>
    <row r="958569" spans="14:14">
      <c r="N958569" s="10"/>
    </row>
    <row r="958570" spans="14:14">
      <c r="N958570" s="10"/>
    </row>
    <row r="958571" spans="14:14">
      <c r="N958571" s="10"/>
    </row>
    <row r="958572" spans="14:14">
      <c r="N958572" s="10"/>
    </row>
    <row r="958573" spans="14:14">
      <c r="N958573" s="10"/>
    </row>
    <row r="958574" spans="14:14">
      <c r="N958574" s="10"/>
    </row>
    <row r="958575" spans="14:14">
      <c r="N958575" s="10"/>
    </row>
    <row r="958576" spans="14:14">
      <c r="N958576" s="10"/>
    </row>
    <row r="958577" spans="14:14">
      <c r="N958577" s="10"/>
    </row>
    <row r="958578" spans="14:14">
      <c r="N958578" s="10"/>
    </row>
    <row r="958579" spans="14:14">
      <c r="N958579" s="10"/>
    </row>
    <row r="958580" spans="14:14">
      <c r="N958580" s="10"/>
    </row>
    <row r="958581" spans="14:14">
      <c r="N958581" s="10"/>
    </row>
    <row r="958582" spans="14:14">
      <c r="N958582" s="10"/>
    </row>
    <row r="958583" spans="14:14">
      <c r="N958583" s="10"/>
    </row>
    <row r="958584" spans="14:14">
      <c r="N958584" s="10"/>
    </row>
    <row r="958585" spans="14:14">
      <c r="N958585" s="10"/>
    </row>
    <row r="958586" spans="14:14">
      <c r="N958586" s="10"/>
    </row>
    <row r="958587" spans="14:14">
      <c r="N958587" s="10"/>
    </row>
    <row r="958588" spans="14:14">
      <c r="N958588" s="10"/>
    </row>
    <row r="958589" spans="14:14">
      <c r="N958589" s="10"/>
    </row>
    <row r="958590" spans="14:14">
      <c r="N958590" s="10"/>
    </row>
    <row r="958591" spans="14:14">
      <c r="N958591" s="10"/>
    </row>
    <row r="958592" spans="14:14">
      <c r="N958592" s="10"/>
    </row>
    <row r="958593" spans="14:14">
      <c r="N958593" s="10"/>
    </row>
    <row r="958594" spans="14:14">
      <c r="N958594" s="10"/>
    </row>
    <row r="958595" spans="14:14">
      <c r="N958595" s="10"/>
    </row>
    <row r="958596" spans="14:14">
      <c r="N958596" s="10"/>
    </row>
    <row r="958597" spans="14:14">
      <c r="N958597" s="10"/>
    </row>
    <row r="958598" spans="14:14">
      <c r="N958598" s="10"/>
    </row>
    <row r="958599" spans="14:14">
      <c r="N958599" s="10"/>
    </row>
    <row r="958600" spans="14:14">
      <c r="N958600" s="10"/>
    </row>
    <row r="958601" spans="14:14">
      <c r="N958601" s="10"/>
    </row>
    <row r="958602" spans="14:14">
      <c r="N958602" s="10"/>
    </row>
    <row r="958603" spans="14:14">
      <c r="N958603" s="10"/>
    </row>
    <row r="958604" spans="14:14">
      <c r="N958604" s="10"/>
    </row>
    <row r="958605" spans="14:14">
      <c r="N958605" s="10"/>
    </row>
    <row r="958606" spans="14:14">
      <c r="N958606" s="10"/>
    </row>
    <row r="958607" spans="14:14">
      <c r="N958607" s="10"/>
    </row>
    <row r="958608" spans="14:14">
      <c r="N958608" s="10"/>
    </row>
    <row r="958609" spans="14:14">
      <c r="N958609" s="10"/>
    </row>
    <row r="958610" spans="14:14">
      <c r="N958610" s="10"/>
    </row>
    <row r="958611" spans="14:14">
      <c r="N958611" s="10"/>
    </row>
    <row r="958612" spans="14:14">
      <c r="N958612" s="10"/>
    </row>
    <row r="958613" spans="14:14">
      <c r="N958613" s="10"/>
    </row>
    <row r="958614" spans="14:14">
      <c r="N958614" s="10"/>
    </row>
    <row r="958615" spans="14:14">
      <c r="N958615" s="10"/>
    </row>
    <row r="958616" spans="14:14">
      <c r="N958616" s="10"/>
    </row>
    <row r="958617" spans="14:14">
      <c r="N958617" s="10"/>
    </row>
    <row r="958618" spans="14:14">
      <c r="N958618" s="10"/>
    </row>
    <row r="958619" spans="14:14">
      <c r="N958619" s="10"/>
    </row>
    <row r="958620" spans="14:14">
      <c r="N958620" s="10"/>
    </row>
    <row r="958621" spans="14:14">
      <c r="N958621" s="10"/>
    </row>
    <row r="958622" spans="14:14">
      <c r="N958622" s="10"/>
    </row>
    <row r="958623" spans="14:14">
      <c r="N958623" s="10"/>
    </row>
    <row r="958624" spans="14:14">
      <c r="N958624" s="10"/>
    </row>
    <row r="958625" spans="14:14">
      <c r="N958625" s="10"/>
    </row>
    <row r="958626" spans="14:14">
      <c r="N958626" s="10"/>
    </row>
    <row r="958627" spans="14:14">
      <c r="N958627" s="10"/>
    </row>
    <row r="958628" spans="14:14">
      <c r="N958628" s="10"/>
    </row>
    <row r="958629" spans="14:14">
      <c r="N958629" s="10"/>
    </row>
    <row r="958630" spans="14:14">
      <c r="N958630" s="10"/>
    </row>
    <row r="958631" spans="14:14">
      <c r="N958631" s="10"/>
    </row>
    <row r="958632" spans="14:14">
      <c r="N958632" s="10"/>
    </row>
    <row r="958633" spans="14:14">
      <c r="N958633" s="10"/>
    </row>
    <row r="958634" spans="14:14">
      <c r="N958634" s="10"/>
    </row>
    <row r="958635" spans="14:14">
      <c r="N958635" s="10"/>
    </row>
    <row r="958636" spans="14:14">
      <c r="N958636" s="10"/>
    </row>
    <row r="958637" spans="14:14">
      <c r="N958637" s="10"/>
    </row>
    <row r="958638" spans="14:14">
      <c r="N958638" s="10"/>
    </row>
    <row r="958639" spans="14:14">
      <c r="N958639" s="10"/>
    </row>
    <row r="958640" spans="14:14">
      <c r="N958640" s="10"/>
    </row>
    <row r="958641" spans="14:14">
      <c r="N958641" s="10"/>
    </row>
    <row r="958642" spans="14:14">
      <c r="N958642" s="10"/>
    </row>
    <row r="958643" spans="14:14">
      <c r="N958643" s="10"/>
    </row>
    <row r="958644" spans="14:14">
      <c r="N958644" s="10"/>
    </row>
    <row r="958645" spans="14:14">
      <c r="N958645" s="10"/>
    </row>
    <row r="958646" spans="14:14">
      <c r="N958646" s="10"/>
    </row>
    <row r="958647" spans="14:14">
      <c r="N958647" s="10"/>
    </row>
    <row r="958648" spans="14:14">
      <c r="N958648" s="10"/>
    </row>
    <row r="958649" spans="14:14">
      <c r="N958649" s="10"/>
    </row>
    <row r="958650" spans="14:14">
      <c r="N958650" s="10"/>
    </row>
    <row r="958651" spans="14:14">
      <c r="N958651" s="10"/>
    </row>
    <row r="958652" spans="14:14">
      <c r="N958652" s="10"/>
    </row>
    <row r="958653" spans="14:14">
      <c r="N958653" s="10"/>
    </row>
    <row r="958654" spans="14:14">
      <c r="N958654" s="10"/>
    </row>
    <row r="958655" spans="14:14">
      <c r="N958655" s="10"/>
    </row>
    <row r="958656" spans="14:14">
      <c r="N958656" s="10"/>
    </row>
    <row r="958657" spans="14:14">
      <c r="N958657" s="10"/>
    </row>
    <row r="958658" spans="14:14">
      <c r="N958658" s="10"/>
    </row>
    <row r="958659" spans="14:14">
      <c r="N958659" s="10"/>
    </row>
    <row r="958660" spans="14:14">
      <c r="N958660" s="10"/>
    </row>
    <row r="958661" spans="14:14">
      <c r="N958661" s="10"/>
    </row>
    <row r="958662" spans="14:14">
      <c r="N958662" s="10"/>
    </row>
    <row r="958663" spans="14:14">
      <c r="N958663" s="10"/>
    </row>
    <row r="958664" spans="14:14">
      <c r="N958664" s="10"/>
    </row>
    <row r="958665" spans="14:14">
      <c r="N958665" s="10"/>
    </row>
    <row r="958666" spans="14:14">
      <c r="N958666" s="10"/>
    </row>
    <row r="958667" spans="14:14">
      <c r="N958667" s="10"/>
    </row>
    <row r="958668" spans="14:14">
      <c r="N958668" s="10"/>
    </row>
    <row r="958669" spans="14:14">
      <c r="N958669" s="10"/>
    </row>
    <row r="958670" spans="14:14">
      <c r="N958670" s="10"/>
    </row>
    <row r="958671" spans="14:14">
      <c r="N958671" s="10"/>
    </row>
    <row r="958672" spans="14:14">
      <c r="N958672" s="10"/>
    </row>
    <row r="958673" spans="14:14">
      <c r="N958673" s="10"/>
    </row>
    <row r="958674" spans="14:14">
      <c r="N958674" s="10"/>
    </row>
    <row r="958675" spans="14:14">
      <c r="N958675" s="10"/>
    </row>
    <row r="958676" spans="14:14">
      <c r="N958676" s="10"/>
    </row>
    <row r="958677" spans="14:14">
      <c r="N958677" s="10"/>
    </row>
    <row r="958678" spans="14:14">
      <c r="N958678" s="10"/>
    </row>
    <row r="958679" spans="14:14">
      <c r="N958679" s="10"/>
    </row>
    <row r="958680" spans="14:14">
      <c r="N958680" s="10"/>
    </row>
    <row r="958681" spans="14:14">
      <c r="N958681" s="10"/>
    </row>
    <row r="958682" spans="14:14">
      <c r="N958682" s="10"/>
    </row>
    <row r="958683" spans="14:14">
      <c r="N958683" s="10"/>
    </row>
    <row r="958684" spans="14:14">
      <c r="N958684" s="10"/>
    </row>
    <row r="958685" spans="14:14">
      <c r="N958685" s="10"/>
    </row>
    <row r="958686" spans="14:14">
      <c r="N958686" s="10"/>
    </row>
    <row r="958687" spans="14:14">
      <c r="N958687" s="10"/>
    </row>
    <row r="958688" spans="14:14">
      <c r="N958688" s="10"/>
    </row>
    <row r="958689" spans="14:14">
      <c r="N958689" s="10"/>
    </row>
    <row r="958690" spans="14:14">
      <c r="N958690" s="10"/>
    </row>
    <row r="958691" spans="14:14">
      <c r="N958691" s="10"/>
    </row>
    <row r="958692" spans="14:14">
      <c r="N958692" s="10"/>
    </row>
    <row r="958693" spans="14:14">
      <c r="N958693" s="10"/>
    </row>
    <row r="958694" spans="14:14">
      <c r="N958694" s="10"/>
    </row>
    <row r="958695" spans="14:14">
      <c r="N958695" s="10"/>
    </row>
    <row r="958696" spans="14:14">
      <c r="N958696" s="10"/>
    </row>
    <row r="958697" spans="14:14">
      <c r="N958697" s="10"/>
    </row>
    <row r="958698" spans="14:14">
      <c r="N958698" s="10"/>
    </row>
    <row r="958699" spans="14:14">
      <c r="N958699" s="10"/>
    </row>
    <row r="958700" spans="14:14">
      <c r="N958700" s="10"/>
    </row>
    <row r="958701" spans="14:14">
      <c r="N958701" s="10"/>
    </row>
    <row r="958702" spans="14:14">
      <c r="N958702" s="10"/>
    </row>
    <row r="958703" spans="14:14">
      <c r="N958703" s="10"/>
    </row>
    <row r="958704" spans="14:14">
      <c r="N958704" s="10"/>
    </row>
    <row r="958705" spans="14:14">
      <c r="N958705" s="10"/>
    </row>
    <row r="958706" spans="14:14">
      <c r="N958706" s="10"/>
    </row>
    <row r="958707" spans="14:14">
      <c r="N958707" s="10"/>
    </row>
    <row r="958708" spans="14:14">
      <c r="N958708" s="10"/>
    </row>
    <row r="958709" spans="14:14">
      <c r="N958709" s="10"/>
    </row>
    <row r="958710" spans="14:14">
      <c r="N958710" s="10"/>
    </row>
    <row r="958711" spans="14:14">
      <c r="N958711" s="10"/>
    </row>
    <row r="958712" spans="14:14">
      <c r="N958712" s="10"/>
    </row>
    <row r="958713" spans="14:14">
      <c r="N958713" s="10"/>
    </row>
    <row r="958714" spans="14:14">
      <c r="N958714" s="10"/>
    </row>
    <row r="958715" spans="14:14">
      <c r="N958715" s="10"/>
    </row>
    <row r="958716" spans="14:14">
      <c r="N958716" s="10"/>
    </row>
    <row r="958717" spans="14:14">
      <c r="N958717" s="10"/>
    </row>
    <row r="958718" spans="14:14">
      <c r="N958718" s="10"/>
    </row>
    <row r="958719" spans="14:14">
      <c r="N958719" s="10"/>
    </row>
    <row r="958720" spans="14:14">
      <c r="N958720" s="10"/>
    </row>
    <row r="958721" spans="14:14">
      <c r="N958721" s="10"/>
    </row>
    <row r="958722" spans="14:14">
      <c r="N958722" s="10"/>
    </row>
    <row r="958723" spans="14:14">
      <c r="N958723" s="10"/>
    </row>
    <row r="958724" spans="14:14">
      <c r="N958724" s="10"/>
    </row>
    <row r="958725" spans="14:14">
      <c r="N958725" s="10"/>
    </row>
    <row r="958726" spans="14:14">
      <c r="N958726" s="10"/>
    </row>
    <row r="958727" spans="14:14">
      <c r="N958727" s="10"/>
    </row>
    <row r="958728" spans="14:14">
      <c r="N958728" s="10"/>
    </row>
    <row r="958729" spans="14:14">
      <c r="N958729" s="10"/>
    </row>
    <row r="958730" spans="14:14">
      <c r="N958730" s="10"/>
    </row>
    <row r="958731" spans="14:14">
      <c r="N958731" s="10"/>
    </row>
    <row r="958732" spans="14:14">
      <c r="N958732" s="10"/>
    </row>
    <row r="958733" spans="14:14">
      <c r="N958733" s="10"/>
    </row>
    <row r="958734" spans="14:14">
      <c r="N958734" s="10"/>
    </row>
    <row r="958735" spans="14:14">
      <c r="N958735" s="10"/>
    </row>
    <row r="958736" spans="14:14">
      <c r="N958736" s="10"/>
    </row>
    <row r="958737" spans="14:14">
      <c r="N958737" s="10"/>
    </row>
    <row r="958738" spans="14:14">
      <c r="N958738" s="10"/>
    </row>
    <row r="958739" spans="14:14">
      <c r="N958739" s="10"/>
    </row>
    <row r="958740" spans="14:14">
      <c r="N958740" s="10"/>
    </row>
    <row r="958741" spans="14:14">
      <c r="N958741" s="10"/>
    </row>
    <row r="958742" spans="14:14">
      <c r="N958742" s="10"/>
    </row>
    <row r="958743" spans="14:14">
      <c r="N958743" s="10"/>
    </row>
    <row r="958744" spans="14:14">
      <c r="N958744" s="10"/>
    </row>
    <row r="958745" spans="14:14">
      <c r="N958745" s="10"/>
    </row>
    <row r="958746" spans="14:14">
      <c r="N958746" s="10"/>
    </row>
    <row r="958747" spans="14:14">
      <c r="N958747" s="10"/>
    </row>
    <row r="958748" spans="14:14">
      <c r="N958748" s="10"/>
    </row>
    <row r="958749" spans="14:14">
      <c r="N958749" s="10"/>
    </row>
    <row r="958750" spans="14:14">
      <c r="N958750" s="10"/>
    </row>
    <row r="958751" spans="14:14">
      <c r="N958751" s="10"/>
    </row>
    <row r="958752" spans="14:14">
      <c r="N958752" s="10"/>
    </row>
    <row r="958753" spans="14:14">
      <c r="N958753" s="10"/>
    </row>
    <row r="958754" spans="14:14">
      <c r="N958754" s="10"/>
    </row>
    <row r="958755" spans="14:14">
      <c r="N958755" s="10"/>
    </row>
    <row r="958756" spans="14:14">
      <c r="N958756" s="10"/>
    </row>
    <row r="958757" spans="14:14">
      <c r="N958757" s="10"/>
    </row>
    <row r="958758" spans="14:14">
      <c r="N958758" s="10"/>
    </row>
    <row r="958759" spans="14:14">
      <c r="N958759" s="10"/>
    </row>
    <row r="958760" spans="14:14">
      <c r="N958760" s="10"/>
    </row>
    <row r="958761" spans="14:14">
      <c r="N958761" s="10"/>
    </row>
    <row r="958762" spans="14:14">
      <c r="N958762" s="10"/>
    </row>
    <row r="958763" spans="14:14">
      <c r="N958763" s="10"/>
    </row>
    <row r="958764" spans="14:14">
      <c r="N958764" s="10"/>
    </row>
    <row r="958765" spans="14:14">
      <c r="N958765" s="10"/>
    </row>
    <row r="958766" spans="14:14">
      <c r="N958766" s="10"/>
    </row>
    <row r="958767" spans="14:14">
      <c r="N958767" s="10"/>
    </row>
    <row r="958768" spans="14:14">
      <c r="N958768" s="10"/>
    </row>
    <row r="958769" spans="14:14">
      <c r="N958769" s="10"/>
    </row>
    <row r="958770" spans="14:14">
      <c r="N958770" s="10"/>
    </row>
    <row r="958771" spans="14:14">
      <c r="N958771" s="10"/>
    </row>
    <row r="958772" spans="14:14">
      <c r="N958772" s="10"/>
    </row>
    <row r="958773" spans="14:14">
      <c r="N958773" s="10"/>
    </row>
    <row r="958774" spans="14:14">
      <c r="N958774" s="10"/>
    </row>
    <row r="958775" spans="14:14">
      <c r="N958775" s="10"/>
    </row>
    <row r="958776" spans="14:14">
      <c r="N958776" s="10"/>
    </row>
    <row r="958777" spans="14:14">
      <c r="N958777" s="10"/>
    </row>
    <row r="958778" spans="14:14">
      <c r="N958778" s="10"/>
    </row>
    <row r="958779" spans="14:14">
      <c r="N958779" s="10"/>
    </row>
    <row r="958780" spans="14:14">
      <c r="N958780" s="10"/>
    </row>
    <row r="958781" spans="14:14">
      <c r="N958781" s="10"/>
    </row>
    <row r="958782" spans="14:14">
      <c r="N958782" s="10"/>
    </row>
    <row r="958783" spans="14:14">
      <c r="N958783" s="10"/>
    </row>
    <row r="958784" spans="14:14">
      <c r="N958784" s="10"/>
    </row>
    <row r="958785" spans="14:14">
      <c r="N958785" s="10"/>
    </row>
    <row r="958786" spans="14:14">
      <c r="N958786" s="10"/>
    </row>
    <row r="958787" spans="14:14">
      <c r="N958787" s="10"/>
    </row>
    <row r="958788" spans="14:14">
      <c r="N958788" s="10"/>
    </row>
    <row r="958789" spans="14:14">
      <c r="N958789" s="10"/>
    </row>
    <row r="958790" spans="14:14">
      <c r="N958790" s="10"/>
    </row>
    <row r="958791" spans="14:14">
      <c r="N958791" s="10"/>
    </row>
    <row r="958792" spans="14:14">
      <c r="N958792" s="10"/>
    </row>
    <row r="958793" spans="14:14">
      <c r="N958793" s="10"/>
    </row>
    <row r="958794" spans="14:14">
      <c r="N958794" s="10"/>
    </row>
    <row r="958795" spans="14:14">
      <c r="N958795" s="10"/>
    </row>
    <row r="958796" spans="14:14">
      <c r="N958796" s="10"/>
    </row>
    <row r="958797" spans="14:14">
      <c r="N958797" s="10"/>
    </row>
    <row r="958798" spans="14:14">
      <c r="N958798" s="10"/>
    </row>
    <row r="958799" spans="14:14">
      <c r="N958799" s="10"/>
    </row>
    <row r="958800" spans="14:14">
      <c r="N958800" s="10"/>
    </row>
    <row r="958801" spans="14:14">
      <c r="N958801" s="10"/>
    </row>
    <row r="958802" spans="14:14">
      <c r="N958802" s="10"/>
    </row>
    <row r="958803" spans="14:14">
      <c r="N958803" s="10"/>
    </row>
    <row r="958804" spans="14:14">
      <c r="N958804" s="10"/>
    </row>
    <row r="958805" spans="14:14">
      <c r="N958805" s="10"/>
    </row>
    <row r="958806" spans="14:14">
      <c r="N958806" s="10"/>
    </row>
    <row r="958807" spans="14:14">
      <c r="N958807" s="10"/>
    </row>
    <row r="958808" spans="14:14">
      <c r="N958808" s="10"/>
    </row>
    <row r="958809" spans="14:14">
      <c r="N958809" s="10"/>
    </row>
    <row r="958810" spans="14:14">
      <c r="N958810" s="10"/>
    </row>
    <row r="958811" spans="14:14">
      <c r="N958811" s="10"/>
    </row>
    <row r="958812" spans="14:14">
      <c r="N958812" s="10"/>
    </row>
    <row r="958813" spans="14:14">
      <c r="N958813" s="10"/>
    </row>
    <row r="958814" spans="14:14">
      <c r="N958814" s="10"/>
    </row>
    <row r="958815" spans="14:14">
      <c r="N958815" s="10"/>
    </row>
    <row r="958816" spans="14:14">
      <c r="N958816" s="10"/>
    </row>
    <row r="958817" spans="14:14">
      <c r="N958817" s="10"/>
    </row>
    <row r="958818" spans="14:14">
      <c r="N958818" s="10"/>
    </row>
    <row r="958819" spans="14:14">
      <c r="N958819" s="10"/>
    </row>
    <row r="958820" spans="14:14">
      <c r="N958820" s="10"/>
    </row>
    <row r="958821" spans="14:14">
      <c r="N958821" s="10"/>
    </row>
    <row r="958822" spans="14:14">
      <c r="N958822" s="10"/>
    </row>
    <row r="958823" spans="14:14">
      <c r="N958823" s="10"/>
    </row>
    <row r="958824" spans="14:14">
      <c r="N958824" s="10"/>
    </row>
    <row r="958825" spans="14:14">
      <c r="N958825" s="10"/>
    </row>
    <row r="958826" spans="14:14">
      <c r="N958826" s="10"/>
    </row>
    <row r="958827" spans="14:14">
      <c r="N958827" s="10"/>
    </row>
    <row r="958828" spans="14:14">
      <c r="N958828" s="10"/>
    </row>
    <row r="958829" spans="14:14">
      <c r="N958829" s="10"/>
    </row>
    <row r="958830" spans="14:14">
      <c r="N958830" s="10"/>
    </row>
    <row r="958831" spans="14:14">
      <c r="N958831" s="10"/>
    </row>
    <row r="958832" spans="14:14">
      <c r="N958832" s="10"/>
    </row>
    <row r="958833" spans="14:14">
      <c r="N958833" s="10"/>
    </row>
    <row r="958834" spans="14:14">
      <c r="N958834" s="10"/>
    </row>
    <row r="958835" spans="14:14">
      <c r="N958835" s="10"/>
    </row>
    <row r="958836" spans="14:14">
      <c r="N958836" s="10"/>
    </row>
    <row r="958837" spans="14:14">
      <c r="N958837" s="10"/>
    </row>
    <row r="958838" spans="14:14">
      <c r="N958838" s="10"/>
    </row>
    <row r="958839" spans="14:14">
      <c r="N958839" s="10"/>
    </row>
    <row r="958840" spans="14:14">
      <c r="N958840" s="10"/>
    </row>
    <row r="958841" spans="14:14">
      <c r="N958841" s="10"/>
    </row>
    <row r="958842" spans="14:14">
      <c r="N958842" s="10"/>
    </row>
    <row r="958843" spans="14:14">
      <c r="N958843" s="10"/>
    </row>
    <row r="958844" spans="14:14">
      <c r="N958844" s="10"/>
    </row>
    <row r="958845" spans="14:14">
      <c r="N958845" s="10"/>
    </row>
    <row r="958846" spans="14:14">
      <c r="N958846" s="10"/>
    </row>
    <row r="958847" spans="14:14">
      <c r="N958847" s="10"/>
    </row>
    <row r="958848" spans="14:14">
      <c r="N958848" s="10"/>
    </row>
    <row r="958849" spans="14:14">
      <c r="N958849" s="10"/>
    </row>
    <row r="958850" spans="14:14">
      <c r="N958850" s="10"/>
    </row>
    <row r="958851" spans="14:14">
      <c r="N958851" s="10"/>
    </row>
    <row r="958852" spans="14:14">
      <c r="N958852" s="10"/>
    </row>
    <row r="958853" spans="14:14">
      <c r="N958853" s="10"/>
    </row>
    <row r="958854" spans="14:14">
      <c r="N958854" s="10"/>
    </row>
    <row r="958855" spans="14:14">
      <c r="N958855" s="10"/>
    </row>
    <row r="958856" spans="14:14">
      <c r="N958856" s="10"/>
    </row>
    <row r="958857" spans="14:14">
      <c r="N958857" s="10"/>
    </row>
    <row r="958858" spans="14:14">
      <c r="N958858" s="10"/>
    </row>
    <row r="958859" spans="14:14">
      <c r="N958859" s="10"/>
    </row>
    <row r="958860" spans="14:14">
      <c r="N958860" s="10"/>
    </row>
    <row r="958861" spans="14:14">
      <c r="N958861" s="10"/>
    </row>
    <row r="958862" spans="14:14">
      <c r="N958862" s="10"/>
    </row>
    <row r="958863" spans="14:14">
      <c r="N958863" s="10"/>
    </row>
    <row r="958864" spans="14:14">
      <c r="N958864" s="10"/>
    </row>
    <row r="958865" spans="14:14">
      <c r="N958865" s="10"/>
    </row>
    <row r="958866" spans="14:14">
      <c r="N958866" s="10"/>
    </row>
    <row r="958867" spans="14:14">
      <c r="N958867" s="10"/>
    </row>
    <row r="958868" spans="14:14">
      <c r="N958868" s="10"/>
    </row>
    <row r="958869" spans="14:14">
      <c r="N958869" s="10"/>
    </row>
    <row r="958870" spans="14:14">
      <c r="N958870" s="10"/>
    </row>
    <row r="958871" spans="14:14">
      <c r="N958871" s="10"/>
    </row>
    <row r="958872" spans="14:14">
      <c r="N958872" s="10"/>
    </row>
    <row r="958873" spans="14:14">
      <c r="N958873" s="10"/>
    </row>
    <row r="958874" spans="14:14">
      <c r="N958874" s="10"/>
    </row>
    <row r="958875" spans="14:14">
      <c r="N958875" s="10"/>
    </row>
    <row r="958876" spans="14:14">
      <c r="N958876" s="10"/>
    </row>
    <row r="958877" spans="14:14">
      <c r="N958877" s="10"/>
    </row>
    <row r="958878" spans="14:14">
      <c r="N958878" s="10"/>
    </row>
    <row r="958879" spans="14:14">
      <c r="N958879" s="10"/>
    </row>
    <row r="958880" spans="14:14">
      <c r="N958880" s="10"/>
    </row>
    <row r="958881" spans="14:14">
      <c r="N958881" s="10"/>
    </row>
    <row r="958882" spans="14:14">
      <c r="N958882" s="10"/>
    </row>
    <row r="958883" spans="14:14">
      <c r="N958883" s="10"/>
    </row>
    <row r="958884" spans="14:14">
      <c r="N958884" s="10"/>
    </row>
    <row r="958885" spans="14:14">
      <c r="N958885" s="10"/>
    </row>
    <row r="958886" spans="14:14">
      <c r="N958886" s="10"/>
    </row>
    <row r="958887" spans="14:14">
      <c r="N958887" s="10"/>
    </row>
    <row r="958888" spans="14:14">
      <c r="N958888" s="10"/>
    </row>
    <row r="958889" spans="14:14">
      <c r="N958889" s="10"/>
    </row>
    <row r="958890" spans="14:14">
      <c r="N958890" s="10"/>
    </row>
    <row r="958891" spans="14:14">
      <c r="N958891" s="10"/>
    </row>
    <row r="958892" spans="14:14">
      <c r="N958892" s="10"/>
    </row>
    <row r="958893" spans="14:14">
      <c r="N958893" s="10"/>
    </row>
    <row r="958894" spans="14:14">
      <c r="N958894" s="10"/>
    </row>
    <row r="958895" spans="14:14">
      <c r="N958895" s="10"/>
    </row>
    <row r="958896" spans="14:14">
      <c r="N958896" s="10"/>
    </row>
    <row r="958897" spans="14:14">
      <c r="N958897" s="10"/>
    </row>
    <row r="958898" spans="14:14">
      <c r="N958898" s="10"/>
    </row>
    <row r="958899" spans="14:14">
      <c r="N958899" s="10"/>
    </row>
    <row r="958900" spans="14:14">
      <c r="N958900" s="10"/>
    </row>
    <row r="958901" spans="14:14">
      <c r="N958901" s="10"/>
    </row>
    <row r="958902" spans="14:14">
      <c r="N958902" s="10"/>
    </row>
    <row r="958903" spans="14:14">
      <c r="N958903" s="10"/>
    </row>
    <row r="958904" spans="14:14">
      <c r="N958904" s="10"/>
    </row>
    <row r="958905" spans="14:14">
      <c r="N958905" s="10"/>
    </row>
    <row r="958906" spans="14:14">
      <c r="N958906" s="10"/>
    </row>
    <row r="958907" spans="14:14">
      <c r="N958907" s="10"/>
    </row>
    <row r="958908" spans="14:14">
      <c r="N958908" s="10"/>
    </row>
    <row r="958909" spans="14:14">
      <c r="N958909" s="10"/>
    </row>
    <row r="958910" spans="14:14">
      <c r="N958910" s="10"/>
    </row>
    <row r="958911" spans="14:14">
      <c r="N958911" s="10"/>
    </row>
    <row r="958912" spans="14:14">
      <c r="N958912" s="10"/>
    </row>
    <row r="958913" spans="14:14">
      <c r="N958913" s="10"/>
    </row>
    <row r="958914" spans="14:14">
      <c r="N958914" s="10"/>
    </row>
    <row r="958915" spans="14:14">
      <c r="N958915" s="10"/>
    </row>
    <row r="958916" spans="14:14">
      <c r="N958916" s="10"/>
    </row>
    <row r="958917" spans="14:14">
      <c r="N958917" s="10"/>
    </row>
    <row r="958918" spans="14:14">
      <c r="N958918" s="10"/>
    </row>
    <row r="958919" spans="14:14">
      <c r="N958919" s="10"/>
    </row>
    <row r="958920" spans="14:14">
      <c r="N958920" s="10"/>
    </row>
    <row r="958921" spans="14:14">
      <c r="N958921" s="10"/>
    </row>
    <row r="958922" spans="14:14">
      <c r="N958922" s="10"/>
    </row>
    <row r="958923" spans="14:14">
      <c r="N958923" s="10"/>
    </row>
    <row r="958924" spans="14:14">
      <c r="N958924" s="10"/>
    </row>
    <row r="958925" spans="14:14">
      <c r="N958925" s="10"/>
    </row>
    <row r="958926" spans="14:14">
      <c r="N958926" s="10"/>
    </row>
    <row r="958927" spans="14:14">
      <c r="N958927" s="10"/>
    </row>
    <row r="958928" spans="14:14">
      <c r="N958928" s="10"/>
    </row>
    <row r="958929" spans="14:14">
      <c r="N958929" s="10"/>
    </row>
    <row r="958930" spans="14:14">
      <c r="N958930" s="10"/>
    </row>
    <row r="958931" spans="14:14">
      <c r="N958931" s="10"/>
    </row>
    <row r="958932" spans="14:14">
      <c r="N958932" s="10"/>
    </row>
    <row r="958933" spans="14:14">
      <c r="N958933" s="10"/>
    </row>
    <row r="958934" spans="14:14">
      <c r="N958934" s="10"/>
    </row>
    <row r="958935" spans="14:14">
      <c r="N958935" s="10"/>
    </row>
    <row r="958936" spans="14:14">
      <c r="N958936" s="10"/>
    </row>
    <row r="958937" spans="14:14">
      <c r="N958937" s="10"/>
    </row>
    <row r="958938" spans="14:14">
      <c r="N958938" s="10"/>
    </row>
    <row r="958939" spans="14:14">
      <c r="N958939" s="10"/>
    </row>
    <row r="958940" spans="14:14">
      <c r="N958940" s="10"/>
    </row>
    <row r="958941" spans="14:14">
      <c r="N958941" s="10"/>
    </row>
    <row r="958942" spans="14:14">
      <c r="N958942" s="10"/>
    </row>
    <row r="958943" spans="14:14">
      <c r="N958943" s="10"/>
    </row>
    <row r="958944" spans="14:14">
      <c r="N958944" s="10"/>
    </row>
    <row r="958945" spans="14:14">
      <c r="N958945" s="10"/>
    </row>
    <row r="958946" spans="14:14">
      <c r="N958946" s="10"/>
    </row>
    <row r="958947" spans="14:14">
      <c r="N958947" s="10"/>
    </row>
    <row r="958948" spans="14:14">
      <c r="N958948" s="10"/>
    </row>
    <row r="958949" spans="14:14">
      <c r="N958949" s="10"/>
    </row>
    <row r="958950" spans="14:14">
      <c r="N958950" s="10"/>
    </row>
    <row r="958951" spans="14:14">
      <c r="N958951" s="10"/>
    </row>
    <row r="958952" spans="14:14">
      <c r="N958952" s="10"/>
    </row>
    <row r="958953" spans="14:14">
      <c r="N958953" s="10"/>
    </row>
    <row r="958954" spans="14:14">
      <c r="N958954" s="10"/>
    </row>
    <row r="958955" spans="14:14">
      <c r="N958955" s="10"/>
    </row>
    <row r="958956" spans="14:14">
      <c r="N958956" s="10"/>
    </row>
    <row r="958957" spans="14:14">
      <c r="N958957" s="10"/>
    </row>
    <row r="958958" spans="14:14">
      <c r="N958958" s="10"/>
    </row>
    <row r="958959" spans="14:14">
      <c r="N958959" s="10"/>
    </row>
    <row r="958960" spans="14:14">
      <c r="N958960" s="10"/>
    </row>
    <row r="958961" spans="14:14">
      <c r="N958961" s="10"/>
    </row>
    <row r="958962" spans="14:14">
      <c r="N958962" s="10"/>
    </row>
    <row r="958963" spans="14:14">
      <c r="N958963" s="10"/>
    </row>
    <row r="958964" spans="14:14">
      <c r="N958964" s="10"/>
    </row>
    <row r="958965" spans="14:14">
      <c r="N958965" s="10"/>
    </row>
    <row r="958966" spans="14:14">
      <c r="N958966" s="10"/>
    </row>
    <row r="958967" spans="14:14">
      <c r="N958967" s="10"/>
    </row>
    <row r="958968" spans="14:14">
      <c r="N958968" s="10"/>
    </row>
    <row r="958969" spans="14:14">
      <c r="N958969" s="10"/>
    </row>
    <row r="958970" spans="14:14">
      <c r="N958970" s="10"/>
    </row>
    <row r="958971" spans="14:14">
      <c r="N958971" s="10"/>
    </row>
    <row r="958972" spans="14:14">
      <c r="N958972" s="10"/>
    </row>
    <row r="958973" spans="14:14">
      <c r="N958973" s="10"/>
    </row>
    <row r="958974" spans="14:14">
      <c r="N958974" s="10"/>
    </row>
    <row r="958975" spans="14:14">
      <c r="N958975" s="10"/>
    </row>
    <row r="958976" spans="14:14">
      <c r="N958976" s="10"/>
    </row>
    <row r="958977" spans="14:14">
      <c r="N958977" s="10"/>
    </row>
    <row r="958978" spans="14:14">
      <c r="N958978" s="10"/>
    </row>
    <row r="958979" spans="14:14">
      <c r="N958979" s="10"/>
    </row>
    <row r="958980" spans="14:14">
      <c r="N958980" s="10"/>
    </row>
    <row r="958981" spans="14:14">
      <c r="N958981" s="10"/>
    </row>
    <row r="958982" spans="14:14">
      <c r="N958982" s="10"/>
    </row>
    <row r="958983" spans="14:14">
      <c r="N958983" s="10"/>
    </row>
    <row r="958984" spans="14:14">
      <c r="N958984" s="10"/>
    </row>
    <row r="958985" spans="14:14">
      <c r="N958985" s="10"/>
    </row>
    <row r="958986" spans="14:14">
      <c r="N958986" s="10"/>
    </row>
    <row r="958987" spans="14:14">
      <c r="N958987" s="10"/>
    </row>
    <row r="958988" spans="14:14">
      <c r="N958988" s="10"/>
    </row>
    <row r="958989" spans="14:14">
      <c r="N958989" s="10"/>
    </row>
    <row r="958990" spans="14:14">
      <c r="N958990" s="10"/>
    </row>
    <row r="958991" spans="14:14">
      <c r="N958991" s="10"/>
    </row>
    <row r="958992" spans="14:14">
      <c r="N958992" s="10"/>
    </row>
    <row r="958993" spans="14:14">
      <c r="N958993" s="10"/>
    </row>
    <row r="958994" spans="14:14">
      <c r="N958994" s="10"/>
    </row>
    <row r="958995" spans="14:14">
      <c r="N958995" s="10"/>
    </row>
    <row r="958996" spans="14:14">
      <c r="N958996" s="10"/>
    </row>
    <row r="958997" spans="14:14">
      <c r="N958997" s="10"/>
    </row>
    <row r="958998" spans="14:14">
      <c r="N958998" s="10"/>
    </row>
    <row r="958999" spans="14:14">
      <c r="N958999" s="10"/>
    </row>
    <row r="959000" spans="14:14">
      <c r="N959000" s="10"/>
    </row>
    <row r="959001" spans="14:14">
      <c r="N959001" s="10"/>
    </row>
    <row r="959002" spans="14:14">
      <c r="N959002" s="10"/>
    </row>
    <row r="959003" spans="14:14">
      <c r="N959003" s="10"/>
    </row>
    <row r="959004" spans="14:14">
      <c r="N959004" s="10"/>
    </row>
    <row r="959005" spans="14:14">
      <c r="N959005" s="10"/>
    </row>
    <row r="959006" spans="14:14">
      <c r="N959006" s="10"/>
    </row>
    <row r="959007" spans="14:14">
      <c r="N959007" s="10"/>
    </row>
    <row r="959008" spans="14:14">
      <c r="N959008" s="10"/>
    </row>
    <row r="959009" spans="14:14">
      <c r="N959009" s="10"/>
    </row>
    <row r="959010" spans="14:14">
      <c r="N959010" s="10"/>
    </row>
    <row r="959011" spans="14:14">
      <c r="N959011" s="10"/>
    </row>
    <row r="959012" spans="14:14">
      <c r="N959012" s="10"/>
    </row>
    <row r="959013" spans="14:14">
      <c r="N959013" s="10"/>
    </row>
    <row r="959014" spans="14:14">
      <c r="N959014" s="10"/>
    </row>
    <row r="959015" spans="14:14">
      <c r="N959015" s="10"/>
    </row>
    <row r="959016" spans="14:14">
      <c r="N959016" s="10"/>
    </row>
    <row r="959017" spans="14:14">
      <c r="N959017" s="10"/>
    </row>
    <row r="959018" spans="14:14">
      <c r="N959018" s="10"/>
    </row>
    <row r="959019" spans="14:14">
      <c r="N959019" s="10"/>
    </row>
    <row r="959020" spans="14:14">
      <c r="N959020" s="10"/>
    </row>
    <row r="959021" spans="14:14">
      <c r="N959021" s="10"/>
    </row>
    <row r="959022" spans="14:14">
      <c r="N959022" s="10"/>
    </row>
    <row r="959023" spans="14:14">
      <c r="N959023" s="10"/>
    </row>
    <row r="959024" spans="14:14">
      <c r="N959024" s="10"/>
    </row>
    <row r="959025" spans="14:14">
      <c r="N959025" s="10"/>
    </row>
    <row r="959026" spans="14:14">
      <c r="N959026" s="10"/>
    </row>
    <row r="959027" spans="14:14">
      <c r="N959027" s="10"/>
    </row>
    <row r="959028" spans="14:14">
      <c r="N959028" s="10"/>
    </row>
    <row r="959029" spans="14:14">
      <c r="N959029" s="10"/>
    </row>
    <row r="959030" spans="14:14">
      <c r="N959030" s="10"/>
    </row>
    <row r="959031" spans="14:14">
      <c r="N959031" s="10"/>
    </row>
    <row r="959032" spans="14:14">
      <c r="N959032" s="10"/>
    </row>
    <row r="959033" spans="14:14">
      <c r="N959033" s="10"/>
    </row>
    <row r="959034" spans="14:14">
      <c r="N959034" s="10"/>
    </row>
    <row r="959035" spans="14:14">
      <c r="N959035" s="10"/>
    </row>
    <row r="959036" spans="14:14">
      <c r="N959036" s="10"/>
    </row>
    <row r="959037" spans="14:14">
      <c r="N959037" s="10"/>
    </row>
    <row r="959038" spans="14:14">
      <c r="N959038" s="10"/>
    </row>
    <row r="959039" spans="14:14">
      <c r="N959039" s="10"/>
    </row>
    <row r="959040" spans="14:14">
      <c r="N959040" s="10"/>
    </row>
    <row r="959041" spans="14:14">
      <c r="N959041" s="10"/>
    </row>
    <row r="959042" spans="14:14">
      <c r="N959042" s="10"/>
    </row>
    <row r="959043" spans="14:14">
      <c r="N959043" s="10"/>
    </row>
    <row r="959044" spans="14:14">
      <c r="N959044" s="10"/>
    </row>
    <row r="959045" spans="14:14">
      <c r="N959045" s="10"/>
    </row>
    <row r="959046" spans="14:14">
      <c r="N959046" s="10"/>
    </row>
    <row r="959047" spans="14:14">
      <c r="N959047" s="10"/>
    </row>
    <row r="959048" spans="14:14">
      <c r="N959048" s="10"/>
    </row>
    <row r="959049" spans="14:14">
      <c r="N959049" s="10"/>
    </row>
    <row r="959050" spans="14:14">
      <c r="N959050" s="10"/>
    </row>
    <row r="959051" spans="14:14">
      <c r="N959051" s="10"/>
    </row>
    <row r="959052" spans="14:14">
      <c r="N959052" s="10"/>
    </row>
    <row r="959053" spans="14:14">
      <c r="N959053" s="10"/>
    </row>
    <row r="959054" spans="14:14">
      <c r="N959054" s="10"/>
    </row>
    <row r="959055" spans="14:14">
      <c r="N959055" s="10"/>
    </row>
    <row r="959056" spans="14:14">
      <c r="N959056" s="10"/>
    </row>
    <row r="959057" spans="14:14">
      <c r="N959057" s="10"/>
    </row>
    <row r="959058" spans="14:14">
      <c r="N959058" s="10"/>
    </row>
    <row r="959059" spans="14:14">
      <c r="N959059" s="10"/>
    </row>
    <row r="959060" spans="14:14">
      <c r="N959060" s="10"/>
    </row>
    <row r="959061" spans="14:14">
      <c r="N959061" s="10"/>
    </row>
    <row r="959062" spans="14:14">
      <c r="N959062" s="10"/>
    </row>
    <row r="959063" spans="14:14">
      <c r="N959063" s="10"/>
    </row>
    <row r="959064" spans="14:14">
      <c r="N959064" s="10"/>
    </row>
    <row r="959065" spans="14:14">
      <c r="N959065" s="10"/>
    </row>
    <row r="959066" spans="14:14">
      <c r="N959066" s="10"/>
    </row>
    <row r="959067" spans="14:14">
      <c r="N959067" s="10"/>
    </row>
    <row r="959068" spans="14:14">
      <c r="N959068" s="10"/>
    </row>
    <row r="959069" spans="14:14">
      <c r="N959069" s="10"/>
    </row>
    <row r="959070" spans="14:14">
      <c r="N959070" s="10"/>
    </row>
    <row r="959071" spans="14:14">
      <c r="N959071" s="10"/>
    </row>
    <row r="959072" spans="14:14">
      <c r="N959072" s="10"/>
    </row>
    <row r="959073" spans="14:14">
      <c r="N959073" s="10"/>
    </row>
    <row r="959074" spans="14:14">
      <c r="N959074" s="10"/>
    </row>
    <row r="959075" spans="14:14">
      <c r="N959075" s="10"/>
    </row>
    <row r="959076" spans="14:14">
      <c r="N959076" s="10"/>
    </row>
    <row r="959077" spans="14:14">
      <c r="N959077" s="10"/>
    </row>
    <row r="959078" spans="14:14">
      <c r="N959078" s="10"/>
    </row>
    <row r="959079" spans="14:14">
      <c r="N959079" s="10"/>
    </row>
    <row r="959080" spans="14:14">
      <c r="N959080" s="10"/>
    </row>
    <row r="959081" spans="14:14">
      <c r="N959081" s="10"/>
    </row>
    <row r="959082" spans="14:14">
      <c r="N959082" s="10"/>
    </row>
    <row r="959083" spans="14:14">
      <c r="N959083" s="10"/>
    </row>
    <row r="959084" spans="14:14">
      <c r="N959084" s="10"/>
    </row>
    <row r="959085" spans="14:14">
      <c r="N959085" s="10"/>
    </row>
    <row r="959086" spans="14:14">
      <c r="N959086" s="10"/>
    </row>
    <row r="959087" spans="14:14">
      <c r="N959087" s="10"/>
    </row>
    <row r="959088" spans="14:14">
      <c r="N959088" s="10"/>
    </row>
    <row r="959089" spans="14:14">
      <c r="N959089" s="10"/>
    </row>
    <row r="959090" spans="14:14">
      <c r="N959090" s="10"/>
    </row>
    <row r="959091" spans="14:14">
      <c r="N959091" s="10"/>
    </row>
    <row r="959092" spans="14:14">
      <c r="N959092" s="10"/>
    </row>
    <row r="959093" spans="14:14">
      <c r="N959093" s="10"/>
    </row>
    <row r="959094" spans="14:14">
      <c r="N959094" s="10"/>
    </row>
    <row r="959095" spans="14:14">
      <c r="N959095" s="10"/>
    </row>
    <row r="959096" spans="14:14">
      <c r="N959096" s="10"/>
    </row>
    <row r="959097" spans="14:14">
      <c r="N959097" s="10"/>
    </row>
    <row r="959098" spans="14:14">
      <c r="N959098" s="10"/>
    </row>
    <row r="959099" spans="14:14">
      <c r="N959099" s="10"/>
    </row>
    <row r="959100" spans="14:14">
      <c r="N959100" s="10"/>
    </row>
    <row r="959101" spans="14:14">
      <c r="N959101" s="10"/>
    </row>
    <row r="959102" spans="14:14">
      <c r="N959102" s="10"/>
    </row>
    <row r="959103" spans="14:14">
      <c r="N959103" s="10"/>
    </row>
    <row r="959104" spans="14:14">
      <c r="N959104" s="10"/>
    </row>
    <row r="959105" spans="14:14">
      <c r="N959105" s="10"/>
    </row>
    <row r="959106" spans="14:14">
      <c r="N959106" s="10"/>
    </row>
    <row r="959107" spans="14:14">
      <c r="N959107" s="10"/>
    </row>
    <row r="959108" spans="14:14">
      <c r="N959108" s="10"/>
    </row>
    <row r="959109" spans="14:14">
      <c r="N959109" s="10"/>
    </row>
    <row r="959110" spans="14:14">
      <c r="N959110" s="10"/>
    </row>
    <row r="959111" spans="14:14">
      <c r="N959111" s="10"/>
    </row>
    <row r="959112" spans="14:14">
      <c r="N959112" s="10"/>
    </row>
    <row r="959113" spans="14:14">
      <c r="N959113" s="10"/>
    </row>
    <row r="959114" spans="14:14">
      <c r="N959114" s="10"/>
    </row>
    <row r="959115" spans="14:14">
      <c r="N959115" s="10"/>
    </row>
    <row r="959116" spans="14:14">
      <c r="N959116" s="10"/>
    </row>
    <row r="959117" spans="14:14">
      <c r="N959117" s="10"/>
    </row>
    <row r="959118" spans="14:14">
      <c r="N959118" s="10"/>
    </row>
    <row r="959119" spans="14:14">
      <c r="N959119" s="10"/>
    </row>
    <row r="959120" spans="14:14">
      <c r="N959120" s="10"/>
    </row>
    <row r="959121" spans="14:14">
      <c r="N959121" s="10"/>
    </row>
    <row r="959122" spans="14:14">
      <c r="N959122" s="10"/>
    </row>
    <row r="959123" spans="14:14">
      <c r="N959123" s="10"/>
    </row>
    <row r="959124" spans="14:14">
      <c r="N959124" s="10"/>
    </row>
    <row r="959125" spans="14:14">
      <c r="N959125" s="10"/>
    </row>
    <row r="959126" spans="14:14">
      <c r="N959126" s="10"/>
    </row>
    <row r="959127" spans="14:14">
      <c r="N959127" s="10"/>
    </row>
    <row r="959128" spans="14:14">
      <c r="N959128" s="10"/>
    </row>
    <row r="959129" spans="14:14">
      <c r="N959129" s="10"/>
    </row>
    <row r="959130" spans="14:14">
      <c r="N959130" s="10"/>
    </row>
    <row r="959131" spans="14:14">
      <c r="N959131" s="10"/>
    </row>
    <row r="959132" spans="14:14">
      <c r="N959132" s="10"/>
    </row>
    <row r="959133" spans="14:14">
      <c r="N959133" s="10"/>
    </row>
    <row r="959134" spans="14:14">
      <c r="N959134" s="10"/>
    </row>
    <row r="959135" spans="14:14">
      <c r="N959135" s="10"/>
    </row>
    <row r="959136" spans="14:14">
      <c r="N959136" s="10"/>
    </row>
    <row r="959137" spans="14:14">
      <c r="N959137" s="10"/>
    </row>
    <row r="959138" spans="14:14">
      <c r="N959138" s="10"/>
    </row>
    <row r="959139" spans="14:14">
      <c r="N959139" s="10"/>
    </row>
    <row r="959140" spans="14:14">
      <c r="N959140" s="10"/>
    </row>
    <row r="959141" spans="14:14">
      <c r="N959141" s="10"/>
    </row>
    <row r="959142" spans="14:14">
      <c r="N959142" s="10"/>
    </row>
    <row r="959143" spans="14:14">
      <c r="N959143" s="10"/>
    </row>
    <row r="959144" spans="14:14">
      <c r="N959144" s="10"/>
    </row>
    <row r="959145" spans="14:14">
      <c r="N959145" s="10"/>
    </row>
    <row r="959146" spans="14:14">
      <c r="N959146" s="10"/>
    </row>
    <row r="959147" spans="14:14">
      <c r="N959147" s="10"/>
    </row>
    <row r="959148" spans="14:14">
      <c r="N959148" s="10"/>
    </row>
    <row r="959149" spans="14:14">
      <c r="N959149" s="10"/>
    </row>
    <row r="959150" spans="14:14">
      <c r="N959150" s="10"/>
    </row>
    <row r="959151" spans="14:14">
      <c r="N959151" s="10"/>
    </row>
    <row r="959152" spans="14:14">
      <c r="N959152" s="10"/>
    </row>
    <row r="959153" spans="14:14">
      <c r="N959153" s="10"/>
    </row>
    <row r="959154" spans="14:14">
      <c r="N959154" s="10"/>
    </row>
    <row r="959155" spans="14:14">
      <c r="N959155" s="10"/>
    </row>
    <row r="959156" spans="14:14">
      <c r="N959156" s="10"/>
    </row>
    <row r="959157" spans="14:14">
      <c r="N959157" s="10"/>
    </row>
    <row r="959158" spans="14:14">
      <c r="N959158" s="10"/>
    </row>
    <row r="959159" spans="14:14">
      <c r="N959159" s="10"/>
    </row>
    <row r="959160" spans="14:14">
      <c r="N959160" s="10"/>
    </row>
    <row r="959161" spans="14:14">
      <c r="N959161" s="10"/>
    </row>
    <row r="959162" spans="14:14">
      <c r="N959162" s="10"/>
    </row>
    <row r="959163" spans="14:14">
      <c r="N959163" s="10"/>
    </row>
    <row r="959164" spans="14:14">
      <c r="N959164" s="10"/>
    </row>
    <row r="959165" spans="14:14">
      <c r="N959165" s="10"/>
    </row>
    <row r="959166" spans="14:14">
      <c r="N959166" s="10"/>
    </row>
    <row r="959167" spans="14:14">
      <c r="N959167" s="10"/>
    </row>
    <row r="959168" spans="14:14">
      <c r="N959168" s="10"/>
    </row>
    <row r="959169" spans="14:14">
      <c r="N959169" s="10"/>
    </row>
    <row r="959170" spans="14:14">
      <c r="N959170" s="10"/>
    </row>
    <row r="959171" spans="14:14">
      <c r="N959171" s="10"/>
    </row>
    <row r="959172" spans="14:14">
      <c r="N959172" s="10"/>
    </row>
    <row r="959173" spans="14:14">
      <c r="N959173" s="10"/>
    </row>
    <row r="959174" spans="14:14">
      <c r="N959174" s="10"/>
    </row>
    <row r="959175" spans="14:14">
      <c r="N959175" s="10"/>
    </row>
    <row r="959176" spans="14:14">
      <c r="N959176" s="10"/>
    </row>
    <row r="959177" spans="14:14">
      <c r="N959177" s="10"/>
    </row>
    <row r="959178" spans="14:14">
      <c r="N959178" s="10"/>
    </row>
    <row r="959179" spans="14:14">
      <c r="N959179" s="10"/>
    </row>
    <row r="959180" spans="14:14">
      <c r="N959180" s="10"/>
    </row>
    <row r="959181" spans="14:14">
      <c r="N959181" s="10"/>
    </row>
    <row r="959182" spans="14:14">
      <c r="N959182" s="10"/>
    </row>
    <row r="959183" spans="14:14">
      <c r="N959183" s="10"/>
    </row>
    <row r="959184" spans="14:14">
      <c r="N959184" s="10"/>
    </row>
    <row r="959185" spans="14:14">
      <c r="N959185" s="10"/>
    </row>
    <row r="959186" spans="14:14">
      <c r="N959186" s="10"/>
    </row>
    <row r="959187" spans="14:14">
      <c r="N959187" s="10"/>
    </row>
    <row r="959188" spans="14:14">
      <c r="N959188" s="10"/>
    </row>
    <row r="959189" spans="14:14">
      <c r="N959189" s="10"/>
    </row>
    <row r="959190" spans="14:14">
      <c r="N959190" s="10"/>
    </row>
    <row r="959191" spans="14:14">
      <c r="N959191" s="10"/>
    </row>
    <row r="959192" spans="14:14">
      <c r="N959192" s="10"/>
    </row>
    <row r="959193" spans="14:14">
      <c r="N959193" s="10"/>
    </row>
    <row r="959194" spans="14:14">
      <c r="N959194" s="10"/>
    </row>
    <row r="959195" spans="14:14">
      <c r="N959195" s="10"/>
    </row>
    <row r="959196" spans="14:14">
      <c r="N959196" s="10"/>
    </row>
    <row r="959197" spans="14:14">
      <c r="N959197" s="10"/>
    </row>
    <row r="959198" spans="14:14">
      <c r="N959198" s="10"/>
    </row>
    <row r="959199" spans="14:14">
      <c r="N959199" s="10"/>
    </row>
    <row r="959200" spans="14:14">
      <c r="N959200" s="10"/>
    </row>
    <row r="959201" spans="14:14">
      <c r="N959201" s="10"/>
    </row>
    <row r="959202" spans="14:14">
      <c r="N959202" s="10"/>
    </row>
    <row r="959203" spans="14:14">
      <c r="N959203" s="10"/>
    </row>
    <row r="959204" spans="14:14">
      <c r="N959204" s="10"/>
    </row>
    <row r="959205" spans="14:14">
      <c r="N959205" s="10"/>
    </row>
    <row r="959206" spans="14:14">
      <c r="N959206" s="10"/>
    </row>
    <row r="959207" spans="14:14">
      <c r="N959207" s="10"/>
    </row>
    <row r="959208" spans="14:14">
      <c r="N959208" s="10"/>
    </row>
    <row r="959209" spans="14:14">
      <c r="N959209" s="10"/>
    </row>
    <row r="959210" spans="14:14">
      <c r="N959210" s="10"/>
    </row>
    <row r="959211" spans="14:14">
      <c r="N959211" s="10"/>
    </row>
    <row r="959212" spans="14:14">
      <c r="N959212" s="10"/>
    </row>
    <row r="959213" spans="14:14">
      <c r="N959213" s="10"/>
    </row>
    <row r="959214" spans="14:14">
      <c r="N959214" s="10"/>
    </row>
    <row r="959215" spans="14:14">
      <c r="N959215" s="10"/>
    </row>
    <row r="959216" spans="14:14">
      <c r="N959216" s="10"/>
    </row>
    <row r="959217" spans="14:14">
      <c r="N959217" s="10"/>
    </row>
    <row r="959218" spans="14:14">
      <c r="N959218" s="10"/>
    </row>
    <row r="959219" spans="14:14">
      <c r="N959219" s="10"/>
    </row>
    <row r="959220" spans="14:14">
      <c r="N959220" s="10"/>
    </row>
    <row r="959221" spans="14:14">
      <c r="N959221" s="10"/>
    </row>
    <row r="959222" spans="14:14">
      <c r="N959222" s="10"/>
    </row>
    <row r="959223" spans="14:14">
      <c r="N959223" s="10"/>
    </row>
    <row r="959224" spans="14:14">
      <c r="N959224" s="10"/>
    </row>
    <row r="959225" spans="14:14">
      <c r="N959225" s="10"/>
    </row>
    <row r="959226" spans="14:14">
      <c r="N959226" s="10"/>
    </row>
    <row r="959227" spans="14:14">
      <c r="N959227" s="10"/>
    </row>
    <row r="959228" spans="14:14">
      <c r="N959228" s="10"/>
    </row>
    <row r="959229" spans="14:14">
      <c r="N959229" s="10"/>
    </row>
    <row r="959230" spans="14:14">
      <c r="N959230" s="10"/>
    </row>
    <row r="959231" spans="14:14">
      <c r="N959231" s="10"/>
    </row>
    <row r="959232" spans="14:14">
      <c r="N959232" s="10"/>
    </row>
    <row r="959233" spans="14:14">
      <c r="N959233" s="10"/>
    </row>
    <row r="959234" spans="14:14">
      <c r="N959234" s="10"/>
    </row>
    <row r="959235" spans="14:14">
      <c r="N959235" s="10"/>
    </row>
    <row r="959236" spans="14:14">
      <c r="N959236" s="10"/>
    </row>
    <row r="959237" spans="14:14">
      <c r="N959237" s="10"/>
    </row>
    <row r="959238" spans="14:14">
      <c r="N959238" s="10"/>
    </row>
    <row r="959239" spans="14:14">
      <c r="N959239" s="10"/>
    </row>
    <row r="959240" spans="14:14">
      <c r="N959240" s="10"/>
    </row>
    <row r="959241" spans="14:14">
      <c r="N959241" s="10"/>
    </row>
    <row r="959242" spans="14:14">
      <c r="N959242" s="10"/>
    </row>
    <row r="959243" spans="14:14">
      <c r="N959243" s="10"/>
    </row>
    <row r="959244" spans="14:14">
      <c r="N959244" s="10"/>
    </row>
    <row r="959245" spans="14:14">
      <c r="N959245" s="10"/>
    </row>
    <row r="959246" spans="14:14">
      <c r="N959246" s="10"/>
    </row>
    <row r="959247" spans="14:14">
      <c r="N959247" s="10"/>
    </row>
    <row r="959248" spans="14:14">
      <c r="N959248" s="10"/>
    </row>
    <row r="959249" spans="14:14">
      <c r="N959249" s="10"/>
    </row>
    <row r="959250" spans="14:14">
      <c r="N959250" s="10"/>
    </row>
    <row r="959251" spans="14:14">
      <c r="N959251" s="10"/>
    </row>
    <row r="959252" spans="14:14">
      <c r="N959252" s="10"/>
    </row>
    <row r="959253" spans="14:14">
      <c r="N959253" s="10"/>
    </row>
    <row r="959254" spans="14:14">
      <c r="N959254" s="10"/>
    </row>
    <row r="959255" spans="14:14">
      <c r="N959255" s="10"/>
    </row>
    <row r="959256" spans="14:14">
      <c r="N959256" s="10"/>
    </row>
    <row r="959257" spans="14:14">
      <c r="N959257" s="10"/>
    </row>
    <row r="959258" spans="14:14">
      <c r="N959258" s="10"/>
    </row>
    <row r="959259" spans="14:14">
      <c r="N959259" s="10"/>
    </row>
    <row r="959260" spans="14:14">
      <c r="N959260" s="10"/>
    </row>
    <row r="959261" spans="14:14">
      <c r="N959261" s="10"/>
    </row>
    <row r="959262" spans="14:14">
      <c r="N959262" s="10"/>
    </row>
    <row r="959263" spans="14:14">
      <c r="N959263" s="10"/>
    </row>
    <row r="959264" spans="14:14">
      <c r="N959264" s="10"/>
    </row>
    <row r="959265" spans="14:14">
      <c r="N959265" s="10"/>
    </row>
    <row r="959266" spans="14:14">
      <c r="N959266" s="10"/>
    </row>
    <row r="959267" spans="14:14">
      <c r="N959267" s="10"/>
    </row>
    <row r="959268" spans="14:14">
      <c r="N959268" s="10"/>
    </row>
    <row r="959269" spans="14:14">
      <c r="N959269" s="10"/>
    </row>
    <row r="959270" spans="14:14">
      <c r="N959270" s="10"/>
    </row>
    <row r="959271" spans="14:14">
      <c r="N959271" s="10"/>
    </row>
    <row r="959272" spans="14:14">
      <c r="N959272" s="10"/>
    </row>
    <row r="959273" spans="14:14">
      <c r="N959273" s="10"/>
    </row>
    <row r="959274" spans="14:14">
      <c r="N959274" s="10"/>
    </row>
    <row r="959275" spans="14:14">
      <c r="N959275" s="10"/>
    </row>
    <row r="959276" spans="14:14">
      <c r="N959276" s="10"/>
    </row>
    <row r="959277" spans="14:14">
      <c r="N959277" s="10"/>
    </row>
    <row r="959278" spans="14:14">
      <c r="N959278" s="10"/>
    </row>
    <row r="959279" spans="14:14">
      <c r="N959279" s="10"/>
    </row>
    <row r="959280" spans="14:14">
      <c r="N959280" s="10"/>
    </row>
    <row r="959281" spans="14:14">
      <c r="N959281" s="10"/>
    </row>
    <row r="959282" spans="14:14">
      <c r="N959282" s="10"/>
    </row>
    <row r="959283" spans="14:14">
      <c r="N959283" s="10"/>
    </row>
    <row r="959284" spans="14:14">
      <c r="N959284" s="10"/>
    </row>
    <row r="959285" spans="14:14">
      <c r="N959285" s="10"/>
    </row>
    <row r="959286" spans="14:14">
      <c r="N959286" s="10"/>
    </row>
    <row r="959287" spans="14:14">
      <c r="N959287" s="10"/>
    </row>
    <row r="959288" spans="14:14">
      <c r="N959288" s="10"/>
    </row>
    <row r="959289" spans="14:14">
      <c r="N959289" s="10"/>
    </row>
    <row r="959290" spans="14:14">
      <c r="N959290" s="10"/>
    </row>
    <row r="959291" spans="14:14">
      <c r="N959291" s="10"/>
    </row>
    <row r="959292" spans="14:14">
      <c r="N959292" s="10"/>
    </row>
    <row r="959293" spans="14:14">
      <c r="N959293" s="10"/>
    </row>
    <row r="959294" spans="14:14">
      <c r="N959294" s="10"/>
    </row>
    <row r="959295" spans="14:14">
      <c r="N959295" s="10"/>
    </row>
    <row r="959296" spans="14:14">
      <c r="N959296" s="10"/>
    </row>
    <row r="959297" spans="14:14">
      <c r="N959297" s="10"/>
    </row>
    <row r="959298" spans="14:14">
      <c r="N959298" s="10"/>
    </row>
    <row r="959299" spans="14:14">
      <c r="N959299" s="10"/>
    </row>
    <row r="959300" spans="14:14">
      <c r="N959300" s="10"/>
    </row>
    <row r="959301" spans="14:14">
      <c r="N959301" s="10"/>
    </row>
    <row r="959302" spans="14:14">
      <c r="N959302" s="10"/>
    </row>
    <row r="959303" spans="14:14">
      <c r="N959303" s="10"/>
    </row>
    <row r="959304" spans="14:14">
      <c r="N959304" s="10"/>
    </row>
    <row r="959305" spans="14:14">
      <c r="N959305" s="10"/>
    </row>
    <row r="959306" spans="14:14">
      <c r="N959306" s="10"/>
    </row>
    <row r="959307" spans="14:14">
      <c r="N959307" s="10"/>
    </row>
    <row r="959308" spans="14:14">
      <c r="N959308" s="10"/>
    </row>
    <row r="959309" spans="14:14">
      <c r="N959309" s="10"/>
    </row>
    <row r="959310" spans="14:14">
      <c r="N959310" s="10"/>
    </row>
    <row r="959311" spans="14:14">
      <c r="N959311" s="10"/>
    </row>
    <row r="959312" spans="14:14">
      <c r="N959312" s="10"/>
    </row>
    <row r="959313" spans="14:14">
      <c r="N959313" s="10"/>
    </row>
    <row r="959314" spans="14:14">
      <c r="N959314" s="10"/>
    </row>
    <row r="959315" spans="14:14">
      <c r="N959315" s="10"/>
    </row>
    <row r="959316" spans="14:14">
      <c r="N959316" s="10"/>
    </row>
    <row r="959317" spans="14:14">
      <c r="N959317" s="10"/>
    </row>
    <row r="959318" spans="14:14">
      <c r="N959318" s="10"/>
    </row>
    <row r="959319" spans="14:14">
      <c r="N959319" s="10"/>
    </row>
    <row r="959320" spans="14:14">
      <c r="N959320" s="10"/>
    </row>
    <row r="959321" spans="14:14">
      <c r="N959321" s="10"/>
    </row>
    <row r="959322" spans="14:14">
      <c r="N959322" s="10"/>
    </row>
    <row r="959323" spans="14:14">
      <c r="N959323" s="10"/>
    </row>
    <row r="959324" spans="14:14">
      <c r="N959324" s="10"/>
    </row>
    <row r="959325" spans="14:14">
      <c r="N959325" s="10"/>
    </row>
    <row r="959326" spans="14:14">
      <c r="N959326" s="10"/>
    </row>
    <row r="959327" spans="14:14">
      <c r="N959327" s="10"/>
    </row>
    <row r="959328" spans="14:14">
      <c r="N959328" s="10"/>
    </row>
    <row r="959329" spans="14:14">
      <c r="N959329" s="10"/>
    </row>
    <row r="959330" spans="14:14">
      <c r="N959330" s="10"/>
    </row>
    <row r="959331" spans="14:14">
      <c r="N959331" s="10"/>
    </row>
    <row r="959332" spans="14:14">
      <c r="N959332" s="10"/>
    </row>
    <row r="959333" spans="14:14">
      <c r="N959333" s="10"/>
    </row>
    <row r="959334" spans="14:14">
      <c r="N959334" s="10"/>
    </row>
    <row r="959335" spans="14:14">
      <c r="N959335" s="10"/>
    </row>
    <row r="959336" spans="14:14">
      <c r="N959336" s="10"/>
    </row>
    <row r="959337" spans="14:14">
      <c r="N959337" s="10"/>
    </row>
    <row r="959338" spans="14:14">
      <c r="N959338" s="10"/>
    </row>
    <row r="959339" spans="14:14">
      <c r="N959339" s="10"/>
    </row>
    <row r="959340" spans="14:14">
      <c r="N959340" s="10"/>
    </row>
    <row r="959341" spans="14:14">
      <c r="N959341" s="10"/>
    </row>
    <row r="959342" spans="14:14">
      <c r="N959342" s="10"/>
    </row>
    <row r="959343" spans="14:14">
      <c r="N959343" s="10"/>
    </row>
    <row r="959344" spans="14:14">
      <c r="N959344" s="10"/>
    </row>
    <row r="959345" spans="14:14">
      <c r="N959345" s="10"/>
    </row>
    <row r="959346" spans="14:14">
      <c r="N959346" s="10"/>
    </row>
    <row r="959347" spans="14:14">
      <c r="N959347" s="10"/>
    </row>
    <row r="959348" spans="14:14">
      <c r="N959348" s="10"/>
    </row>
    <row r="959349" spans="14:14">
      <c r="N959349" s="10"/>
    </row>
    <row r="959350" spans="14:14">
      <c r="N959350" s="10"/>
    </row>
    <row r="959351" spans="14:14">
      <c r="N959351" s="10"/>
    </row>
    <row r="959352" spans="14:14">
      <c r="N959352" s="10"/>
    </row>
    <row r="959353" spans="14:14">
      <c r="N959353" s="10"/>
    </row>
    <row r="959354" spans="14:14">
      <c r="N959354" s="10"/>
    </row>
    <row r="959355" spans="14:14">
      <c r="N959355" s="10"/>
    </row>
    <row r="959356" spans="14:14">
      <c r="N959356" s="10"/>
    </row>
    <row r="959357" spans="14:14">
      <c r="N959357" s="10"/>
    </row>
    <row r="959358" spans="14:14">
      <c r="N959358" s="10"/>
    </row>
    <row r="959359" spans="14:14">
      <c r="N959359" s="10"/>
    </row>
    <row r="959360" spans="14:14">
      <c r="N959360" s="10"/>
    </row>
    <row r="959361" spans="14:14">
      <c r="N959361" s="10"/>
    </row>
    <row r="959362" spans="14:14">
      <c r="N959362" s="10"/>
    </row>
    <row r="959363" spans="14:14">
      <c r="N959363" s="10"/>
    </row>
    <row r="959364" spans="14:14">
      <c r="N959364" s="10"/>
    </row>
    <row r="959365" spans="14:14">
      <c r="N959365" s="10"/>
    </row>
    <row r="959366" spans="14:14">
      <c r="N959366" s="10"/>
    </row>
    <row r="959367" spans="14:14">
      <c r="N959367" s="10"/>
    </row>
    <row r="959368" spans="14:14">
      <c r="N959368" s="10"/>
    </row>
    <row r="959369" spans="14:14">
      <c r="N959369" s="10"/>
    </row>
    <row r="959370" spans="14:14">
      <c r="N959370" s="10"/>
    </row>
    <row r="959371" spans="14:14">
      <c r="N959371" s="10"/>
    </row>
    <row r="959372" spans="14:14">
      <c r="N959372" s="10"/>
    </row>
    <row r="959373" spans="14:14">
      <c r="N959373" s="10"/>
    </row>
    <row r="959374" spans="14:14">
      <c r="N959374" s="10"/>
    </row>
    <row r="959375" spans="14:14">
      <c r="N959375" s="10"/>
    </row>
    <row r="959376" spans="14:14">
      <c r="N959376" s="10"/>
    </row>
    <row r="959377" spans="14:14">
      <c r="N959377" s="10"/>
    </row>
    <row r="959378" spans="14:14">
      <c r="N959378" s="10"/>
    </row>
    <row r="959379" spans="14:14">
      <c r="N959379" s="10"/>
    </row>
    <row r="959380" spans="14:14">
      <c r="N959380" s="10"/>
    </row>
    <row r="959381" spans="14:14">
      <c r="N959381" s="10"/>
    </row>
    <row r="959382" spans="14:14">
      <c r="N959382" s="10"/>
    </row>
    <row r="959383" spans="14:14">
      <c r="N959383" s="10"/>
    </row>
    <row r="959384" spans="14:14">
      <c r="N959384" s="10"/>
    </row>
    <row r="959385" spans="14:14">
      <c r="N959385" s="10"/>
    </row>
    <row r="959386" spans="14:14">
      <c r="N959386" s="10"/>
    </row>
    <row r="959387" spans="14:14">
      <c r="N959387" s="10"/>
    </row>
    <row r="959388" spans="14:14">
      <c r="N959388" s="10"/>
    </row>
    <row r="959389" spans="14:14">
      <c r="N959389" s="10"/>
    </row>
    <row r="959390" spans="14:14">
      <c r="N959390" s="10"/>
    </row>
    <row r="959391" spans="14:14">
      <c r="N959391" s="10"/>
    </row>
    <row r="959392" spans="14:14">
      <c r="N959392" s="10"/>
    </row>
    <row r="959393" spans="14:14">
      <c r="N959393" s="10"/>
    </row>
    <row r="959394" spans="14:14">
      <c r="N959394" s="10"/>
    </row>
    <row r="959395" spans="14:14">
      <c r="N959395" s="10"/>
    </row>
    <row r="959396" spans="14:14">
      <c r="N959396" s="10"/>
    </row>
    <row r="959397" spans="14:14">
      <c r="N959397" s="10"/>
    </row>
    <row r="959398" spans="14:14">
      <c r="N959398" s="10"/>
    </row>
    <row r="959399" spans="14:14">
      <c r="N959399" s="10"/>
    </row>
    <row r="959400" spans="14:14">
      <c r="N959400" s="10"/>
    </row>
    <row r="959401" spans="14:14">
      <c r="N959401" s="10"/>
    </row>
    <row r="959402" spans="14:14">
      <c r="N959402" s="10"/>
    </row>
    <row r="959403" spans="14:14">
      <c r="N959403" s="10"/>
    </row>
    <row r="959404" spans="14:14">
      <c r="N959404" s="10"/>
    </row>
    <row r="959405" spans="14:14">
      <c r="N959405" s="10"/>
    </row>
    <row r="959406" spans="14:14">
      <c r="N959406" s="10"/>
    </row>
    <row r="959407" spans="14:14">
      <c r="N959407" s="10"/>
    </row>
    <row r="959408" spans="14:14">
      <c r="N959408" s="10"/>
    </row>
    <row r="959409" spans="14:14">
      <c r="N959409" s="10"/>
    </row>
    <row r="959410" spans="14:14">
      <c r="N959410" s="10"/>
    </row>
    <row r="959411" spans="14:14">
      <c r="N959411" s="10"/>
    </row>
    <row r="959412" spans="14:14">
      <c r="N959412" s="10"/>
    </row>
    <row r="959413" spans="14:14">
      <c r="N959413" s="10"/>
    </row>
    <row r="959414" spans="14:14">
      <c r="N959414" s="10"/>
    </row>
    <row r="959415" spans="14:14">
      <c r="N959415" s="10"/>
    </row>
    <row r="959416" spans="14:14">
      <c r="N959416" s="10"/>
    </row>
    <row r="959417" spans="14:14">
      <c r="N959417" s="10"/>
    </row>
    <row r="959418" spans="14:14">
      <c r="N959418" s="10"/>
    </row>
    <row r="959419" spans="14:14">
      <c r="N959419" s="10"/>
    </row>
    <row r="959420" spans="14:14">
      <c r="N959420" s="10"/>
    </row>
    <row r="959421" spans="14:14">
      <c r="N959421" s="10"/>
    </row>
    <row r="959422" spans="14:14">
      <c r="N959422" s="10"/>
    </row>
    <row r="959423" spans="14:14">
      <c r="N959423" s="10"/>
    </row>
    <row r="959424" spans="14:14">
      <c r="N959424" s="10"/>
    </row>
    <row r="959425" spans="14:14">
      <c r="N959425" s="10"/>
    </row>
    <row r="959426" spans="14:14">
      <c r="N959426" s="10"/>
    </row>
    <row r="959427" spans="14:14">
      <c r="N959427" s="10"/>
    </row>
    <row r="959428" spans="14:14">
      <c r="N959428" s="10"/>
    </row>
    <row r="959429" spans="14:14">
      <c r="N959429" s="10"/>
    </row>
    <row r="959430" spans="14:14">
      <c r="N959430" s="10"/>
    </row>
    <row r="959431" spans="14:14">
      <c r="N959431" s="10"/>
    </row>
    <row r="959432" spans="14:14">
      <c r="N959432" s="10"/>
    </row>
    <row r="959433" spans="14:14">
      <c r="N959433" s="10"/>
    </row>
    <row r="959434" spans="14:14">
      <c r="N959434" s="10"/>
    </row>
    <row r="959435" spans="14:14">
      <c r="N959435" s="10"/>
    </row>
    <row r="959436" spans="14:14">
      <c r="N959436" s="10"/>
    </row>
    <row r="959437" spans="14:14">
      <c r="N959437" s="10"/>
    </row>
    <row r="959438" spans="14:14">
      <c r="N959438" s="10"/>
    </row>
    <row r="959439" spans="14:14">
      <c r="N959439" s="10"/>
    </row>
    <row r="959440" spans="14:14">
      <c r="N959440" s="10"/>
    </row>
    <row r="959441" spans="14:14">
      <c r="N959441" s="10"/>
    </row>
    <row r="959442" spans="14:14">
      <c r="N959442" s="10"/>
    </row>
    <row r="959443" spans="14:14">
      <c r="N959443" s="10"/>
    </row>
    <row r="959444" spans="14:14">
      <c r="N959444" s="10"/>
    </row>
    <row r="959445" spans="14:14">
      <c r="N959445" s="10"/>
    </row>
    <row r="959446" spans="14:14">
      <c r="N959446" s="10"/>
    </row>
    <row r="959447" spans="14:14">
      <c r="N959447" s="10"/>
    </row>
    <row r="959448" spans="14:14">
      <c r="N959448" s="10"/>
    </row>
    <row r="959449" spans="14:14">
      <c r="N959449" s="10"/>
    </row>
    <row r="959450" spans="14:14">
      <c r="N959450" s="10"/>
    </row>
    <row r="959451" spans="14:14">
      <c r="N959451" s="10"/>
    </row>
    <row r="959452" spans="14:14">
      <c r="N959452" s="10"/>
    </row>
    <row r="959453" spans="14:14">
      <c r="N959453" s="10"/>
    </row>
    <row r="959454" spans="14:14">
      <c r="N959454" s="10"/>
    </row>
    <row r="959455" spans="14:14">
      <c r="N959455" s="10"/>
    </row>
    <row r="959456" spans="14:14">
      <c r="N959456" s="10"/>
    </row>
    <row r="959457" spans="14:14">
      <c r="N959457" s="10"/>
    </row>
    <row r="959458" spans="14:14">
      <c r="N959458" s="10"/>
    </row>
    <row r="959459" spans="14:14">
      <c r="N959459" s="10"/>
    </row>
    <row r="959460" spans="14:14">
      <c r="N959460" s="10"/>
    </row>
    <row r="959461" spans="14:14">
      <c r="N959461" s="10"/>
    </row>
    <row r="959462" spans="14:14">
      <c r="N959462" s="10"/>
    </row>
    <row r="959463" spans="14:14">
      <c r="N959463" s="10"/>
    </row>
    <row r="959464" spans="14:14">
      <c r="N959464" s="10"/>
    </row>
    <row r="959465" spans="14:14">
      <c r="N959465" s="10"/>
    </row>
    <row r="959466" spans="14:14">
      <c r="N959466" s="10"/>
    </row>
    <row r="959467" spans="14:14">
      <c r="N959467" s="10"/>
    </row>
    <row r="959468" spans="14:14">
      <c r="N959468" s="10"/>
    </row>
    <row r="959469" spans="14:14">
      <c r="N959469" s="10"/>
    </row>
    <row r="959470" spans="14:14">
      <c r="N959470" s="10"/>
    </row>
    <row r="959471" spans="14:14">
      <c r="N959471" s="10"/>
    </row>
    <row r="959472" spans="14:14">
      <c r="N959472" s="10"/>
    </row>
    <row r="959473" spans="14:14">
      <c r="N959473" s="10"/>
    </row>
    <row r="959474" spans="14:14">
      <c r="N959474" s="10"/>
    </row>
    <row r="959475" spans="14:14">
      <c r="N959475" s="10"/>
    </row>
    <row r="959476" spans="14:14">
      <c r="N959476" s="10"/>
    </row>
    <row r="959477" spans="14:14">
      <c r="N959477" s="10"/>
    </row>
    <row r="959478" spans="14:14">
      <c r="N959478" s="10"/>
    </row>
    <row r="959479" spans="14:14">
      <c r="N959479" s="10"/>
    </row>
    <row r="959480" spans="14:14">
      <c r="N959480" s="10"/>
    </row>
    <row r="959481" spans="14:14">
      <c r="N959481" s="10"/>
    </row>
    <row r="959482" spans="14:14">
      <c r="N959482" s="10"/>
    </row>
    <row r="959483" spans="14:14">
      <c r="N959483" s="10"/>
    </row>
    <row r="959484" spans="14:14">
      <c r="N959484" s="10"/>
    </row>
    <row r="959485" spans="14:14">
      <c r="N959485" s="10"/>
    </row>
    <row r="959486" spans="14:14">
      <c r="N959486" s="10"/>
    </row>
    <row r="959487" spans="14:14">
      <c r="N959487" s="10"/>
    </row>
    <row r="959488" spans="14:14">
      <c r="N959488" s="10"/>
    </row>
    <row r="959489" spans="14:14">
      <c r="N959489" s="10"/>
    </row>
    <row r="959490" spans="14:14">
      <c r="N959490" s="10"/>
    </row>
    <row r="959491" spans="14:14">
      <c r="N959491" s="10"/>
    </row>
    <row r="959492" spans="14:14">
      <c r="N959492" s="10"/>
    </row>
    <row r="959493" spans="14:14">
      <c r="N959493" s="10"/>
    </row>
    <row r="959494" spans="14:14">
      <c r="N959494" s="10"/>
    </row>
    <row r="959495" spans="14:14">
      <c r="N959495" s="10"/>
    </row>
    <row r="959496" spans="14:14">
      <c r="N959496" s="10"/>
    </row>
    <row r="959497" spans="14:14">
      <c r="N959497" s="10"/>
    </row>
    <row r="959498" spans="14:14">
      <c r="N959498" s="10"/>
    </row>
    <row r="959499" spans="14:14">
      <c r="N959499" s="10"/>
    </row>
    <row r="959500" spans="14:14">
      <c r="N959500" s="10"/>
    </row>
    <row r="959501" spans="14:14">
      <c r="N959501" s="10"/>
    </row>
    <row r="959502" spans="14:14">
      <c r="N959502" s="10"/>
    </row>
    <row r="959503" spans="14:14">
      <c r="N959503" s="10"/>
    </row>
    <row r="959504" spans="14:14">
      <c r="N959504" s="10"/>
    </row>
    <row r="959505" spans="14:14">
      <c r="N959505" s="10"/>
    </row>
    <row r="959506" spans="14:14">
      <c r="N959506" s="10"/>
    </row>
    <row r="959507" spans="14:14">
      <c r="N959507" s="10"/>
    </row>
    <row r="959508" spans="14:14">
      <c r="N959508" s="10"/>
    </row>
    <row r="959509" spans="14:14">
      <c r="N959509" s="10"/>
    </row>
    <row r="959510" spans="14:14">
      <c r="N959510" s="10"/>
    </row>
    <row r="959511" spans="14:14">
      <c r="N959511" s="10"/>
    </row>
    <row r="959512" spans="14:14">
      <c r="N959512" s="10"/>
    </row>
    <row r="959513" spans="14:14">
      <c r="N959513" s="10"/>
    </row>
    <row r="959514" spans="14:14">
      <c r="N959514" s="10"/>
    </row>
    <row r="959515" spans="14:14">
      <c r="N959515" s="10"/>
    </row>
    <row r="959516" spans="14:14">
      <c r="N959516" s="10"/>
    </row>
    <row r="959517" spans="14:14">
      <c r="N959517" s="10"/>
    </row>
    <row r="959518" spans="14:14">
      <c r="N959518" s="10"/>
    </row>
    <row r="959519" spans="14:14">
      <c r="N959519" s="10"/>
    </row>
    <row r="959520" spans="14:14">
      <c r="N959520" s="10"/>
    </row>
    <row r="959521" spans="14:14">
      <c r="N959521" s="10"/>
    </row>
    <row r="959522" spans="14:14">
      <c r="N959522" s="10"/>
    </row>
    <row r="959523" spans="14:14">
      <c r="N959523" s="10"/>
    </row>
    <row r="959524" spans="14:14">
      <c r="N959524" s="10"/>
    </row>
    <row r="959525" spans="14:14">
      <c r="N959525" s="10"/>
    </row>
    <row r="959526" spans="14:14">
      <c r="N959526" s="10"/>
    </row>
    <row r="959527" spans="14:14">
      <c r="N959527" s="10"/>
    </row>
    <row r="959528" spans="14:14">
      <c r="N959528" s="10"/>
    </row>
    <row r="959529" spans="14:14">
      <c r="N959529" s="10"/>
    </row>
    <row r="959530" spans="14:14">
      <c r="N959530" s="10"/>
    </row>
    <row r="959531" spans="14:14">
      <c r="N959531" s="10"/>
    </row>
    <row r="959532" spans="14:14">
      <c r="N959532" s="10"/>
    </row>
    <row r="959533" spans="14:14">
      <c r="N959533" s="10"/>
    </row>
    <row r="959534" spans="14:14">
      <c r="N959534" s="10"/>
    </row>
    <row r="959535" spans="14:14">
      <c r="N959535" s="10"/>
    </row>
    <row r="959536" spans="14:14">
      <c r="N959536" s="10"/>
    </row>
    <row r="959537" spans="14:14">
      <c r="N959537" s="10"/>
    </row>
    <row r="959538" spans="14:14">
      <c r="N959538" s="10"/>
    </row>
    <row r="959539" spans="14:14">
      <c r="N959539" s="10"/>
    </row>
    <row r="959540" spans="14:14">
      <c r="N959540" s="10"/>
    </row>
    <row r="959541" spans="14:14">
      <c r="N959541" s="10"/>
    </row>
    <row r="959542" spans="14:14">
      <c r="N959542" s="10"/>
    </row>
    <row r="959543" spans="14:14">
      <c r="N959543" s="10"/>
    </row>
    <row r="959544" spans="14:14">
      <c r="N959544" s="10"/>
    </row>
    <row r="959545" spans="14:14">
      <c r="N959545" s="10"/>
    </row>
    <row r="959546" spans="14:14">
      <c r="N959546" s="10"/>
    </row>
    <row r="959547" spans="14:14">
      <c r="N959547" s="10"/>
    </row>
    <row r="959548" spans="14:14">
      <c r="N959548" s="10"/>
    </row>
    <row r="959549" spans="14:14">
      <c r="N959549" s="10"/>
    </row>
    <row r="959550" spans="14:14">
      <c r="N959550" s="10"/>
    </row>
    <row r="959551" spans="14:14">
      <c r="N959551" s="10"/>
    </row>
    <row r="959552" spans="14:14">
      <c r="N959552" s="10"/>
    </row>
    <row r="959553" spans="14:14">
      <c r="N959553" s="10"/>
    </row>
    <row r="959554" spans="14:14">
      <c r="N959554" s="10"/>
    </row>
    <row r="959555" spans="14:14">
      <c r="N959555" s="10"/>
    </row>
    <row r="959556" spans="14:14">
      <c r="N959556" s="10"/>
    </row>
    <row r="959557" spans="14:14">
      <c r="N959557" s="10"/>
    </row>
    <row r="959558" spans="14:14">
      <c r="N959558" s="10"/>
    </row>
    <row r="959559" spans="14:14">
      <c r="N959559" s="10"/>
    </row>
    <row r="959560" spans="14:14">
      <c r="N959560" s="10"/>
    </row>
    <row r="959561" spans="14:14">
      <c r="N959561" s="10"/>
    </row>
    <row r="959562" spans="14:14">
      <c r="N959562" s="10"/>
    </row>
    <row r="959563" spans="14:14">
      <c r="N959563" s="10"/>
    </row>
    <row r="959564" spans="14:14">
      <c r="N959564" s="10"/>
    </row>
    <row r="959565" spans="14:14">
      <c r="N959565" s="10"/>
    </row>
    <row r="959566" spans="14:14">
      <c r="N959566" s="10"/>
    </row>
    <row r="959567" spans="14:14">
      <c r="N959567" s="10"/>
    </row>
    <row r="959568" spans="14:14">
      <c r="N959568" s="10"/>
    </row>
    <row r="959569" spans="14:14">
      <c r="N959569" s="10"/>
    </row>
    <row r="959570" spans="14:14">
      <c r="N959570" s="10"/>
    </row>
    <row r="959571" spans="14:14">
      <c r="N959571" s="10"/>
    </row>
    <row r="959572" spans="14:14">
      <c r="N959572" s="10"/>
    </row>
    <row r="959573" spans="14:14">
      <c r="N959573" s="10"/>
    </row>
    <row r="959574" spans="14:14">
      <c r="N959574" s="10"/>
    </row>
    <row r="959575" spans="14:14">
      <c r="N959575" s="10"/>
    </row>
    <row r="959576" spans="14:14">
      <c r="N959576" s="10"/>
    </row>
    <row r="959577" spans="14:14">
      <c r="N959577" s="10"/>
    </row>
    <row r="959578" spans="14:14">
      <c r="N959578" s="10"/>
    </row>
    <row r="959579" spans="14:14">
      <c r="N959579" s="10"/>
    </row>
    <row r="959580" spans="14:14">
      <c r="N959580" s="10"/>
    </row>
    <row r="959581" spans="14:14">
      <c r="N959581" s="10"/>
    </row>
    <row r="959582" spans="14:14">
      <c r="N959582" s="10"/>
    </row>
    <row r="959583" spans="14:14">
      <c r="N959583" s="10"/>
    </row>
    <row r="959584" spans="14:14">
      <c r="N959584" s="10"/>
    </row>
    <row r="959585" spans="14:14">
      <c r="N959585" s="10"/>
    </row>
    <row r="959586" spans="14:14">
      <c r="N959586" s="10"/>
    </row>
    <row r="959587" spans="14:14">
      <c r="N959587" s="10"/>
    </row>
    <row r="959588" spans="14:14">
      <c r="N959588" s="10"/>
    </row>
    <row r="959589" spans="14:14">
      <c r="N959589" s="10"/>
    </row>
    <row r="959590" spans="14:14">
      <c r="N959590" s="10"/>
    </row>
    <row r="959591" spans="14:14">
      <c r="N959591" s="10"/>
    </row>
    <row r="959592" spans="14:14">
      <c r="N959592" s="10"/>
    </row>
    <row r="959593" spans="14:14">
      <c r="N959593" s="10"/>
    </row>
    <row r="959594" spans="14:14">
      <c r="N959594" s="10"/>
    </row>
    <row r="959595" spans="14:14">
      <c r="N959595" s="10"/>
    </row>
    <row r="959596" spans="14:14">
      <c r="N959596" s="10"/>
    </row>
    <row r="959597" spans="14:14">
      <c r="N959597" s="10"/>
    </row>
    <row r="959598" spans="14:14">
      <c r="N959598" s="10"/>
    </row>
    <row r="959599" spans="14:14">
      <c r="N959599" s="10"/>
    </row>
    <row r="959600" spans="14:14">
      <c r="N959600" s="10"/>
    </row>
    <row r="959601" spans="14:14">
      <c r="N959601" s="10"/>
    </row>
    <row r="959602" spans="14:14">
      <c r="N959602" s="10"/>
    </row>
    <row r="959603" spans="14:14">
      <c r="N959603" s="10"/>
    </row>
    <row r="959604" spans="14:14">
      <c r="N959604" s="10"/>
    </row>
    <row r="959605" spans="14:14">
      <c r="N959605" s="10"/>
    </row>
    <row r="959606" spans="14:14">
      <c r="N959606" s="10"/>
    </row>
    <row r="959607" spans="14:14">
      <c r="N959607" s="10"/>
    </row>
    <row r="959608" spans="14:14">
      <c r="N959608" s="10"/>
    </row>
    <row r="959609" spans="14:14">
      <c r="N959609" s="10"/>
    </row>
    <row r="959610" spans="14:14">
      <c r="N959610" s="10"/>
    </row>
    <row r="959611" spans="14:14">
      <c r="N959611" s="10"/>
    </row>
    <row r="959612" spans="14:14">
      <c r="N959612" s="10"/>
    </row>
    <row r="959613" spans="14:14">
      <c r="N959613" s="10"/>
    </row>
    <row r="959614" spans="14:14">
      <c r="N959614" s="10"/>
    </row>
    <row r="959615" spans="14:14">
      <c r="N959615" s="10"/>
    </row>
    <row r="959616" spans="14:14">
      <c r="N959616" s="10"/>
    </row>
    <row r="959617" spans="14:14">
      <c r="N959617" s="10"/>
    </row>
    <row r="959618" spans="14:14">
      <c r="N959618" s="10"/>
    </row>
    <row r="959619" spans="14:14">
      <c r="N959619" s="10"/>
    </row>
    <row r="959620" spans="14:14">
      <c r="N959620" s="10"/>
    </row>
    <row r="959621" spans="14:14">
      <c r="N959621" s="10"/>
    </row>
    <row r="959622" spans="14:14">
      <c r="N959622" s="10"/>
    </row>
    <row r="959623" spans="14:14">
      <c r="N959623" s="10"/>
    </row>
    <row r="959624" spans="14:14">
      <c r="N959624" s="10"/>
    </row>
    <row r="959625" spans="14:14">
      <c r="N959625" s="10"/>
    </row>
    <row r="959626" spans="14:14">
      <c r="N959626" s="10"/>
    </row>
    <row r="959627" spans="14:14">
      <c r="N959627" s="10"/>
    </row>
    <row r="959628" spans="14:14">
      <c r="N959628" s="10"/>
    </row>
    <row r="959629" spans="14:14">
      <c r="N959629" s="10"/>
    </row>
    <row r="959630" spans="14:14">
      <c r="N959630" s="10"/>
    </row>
    <row r="959631" spans="14:14">
      <c r="N959631" s="10"/>
    </row>
    <row r="959632" spans="14:14">
      <c r="N959632" s="10"/>
    </row>
    <row r="959633" spans="14:14">
      <c r="N959633" s="10"/>
    </row>
    <row r="959634" spans="14:14">
      <c r="N959634" s="10"/>
    </row>
    <row r="959635" spans="14:14">
      <c r="N959635" s="10"/>
    </row>
    <row r="959636" spans="14:14">
      <c r="N959636" s="10"/>
    </row>
    <row r="959637" spans="14:14">
      <c r="N959637" s="10"/>
    </row>
    <row r="959638" spans="14:14">
      <c r="N959638" s="10"/>
    </row>
    <row r="959639" spans="14:14">
      <c r="N959639" s="10"/>
    </row>
    <row r="959640" spans="14:14">
      <c r="N959640" s="10"/>
    </row>
    <row r="959641" spans="14:14">
      <c r="N959641" s="10"/>
    </row>
    <row r="959642" spans="14:14">
      <c r="N959642" s="10"/>
    </row>
    <row r="959643" spans="14:14">
      <c r="N959643" s="10"/>
    </row>
    <row r="959644" spans="14:14">
      <c r="N959644" s="10"/>
    </row>
    <row r="959645" spans="14:14">
      <c r="N959645" s="10"/>
    </row>
    <row r="959646" spans="14:14">
      <c r="N959646" s="10"/>
    </row>
    <row r="959647" spans="14:14">
      <c r="N959647" s="10"/>
    </row>
    <row r="959648" spans="14:14">
      <c r="N959648" s="10"/>
    </row>
    <row r="959649" spans="14:14">
      <c r="N959649" s="10"/>
    </row>
    <row r="959650" spans="14:14">
      <c r="N959650" s="10"/>
    </row>
    <row r="959651" spans="14:14">
      <c r="N959651" s="10"/>
    </row>
    <row r="959652" spans="14:14">
      <c r="N959652" s="10"/>
    </row>
    <row r="959653" spans="14:14">
      <c r="N959653" s="10"/>
    </row>
    <row r="959654" spans="14:14">
      <c r="N959654" s="10"/>
    </row>
    <row r="959655" spans="14:14">
      <c r="N959655" s="10"/>
    </row>
    <row r="959656" spans="14:14">
      <c r="N959656" s="10"/>
    </row>
    <row r="959657" spans="14:14">
      <c r="N959657" s="10"/>
    </row>
    <row r="959658" spans="14:14">
      <c r="N959658" s="10"/>
    </row>
    <row r="959659" spans="14:14">
      <c r="N959659" s="10"/>
    </row>
    <row r="959660" spans="14:14">
      <c r="N959660" s="10"/>
    </row>
    <row r="959661" spans="14:14">
      <c r="N959661" s="10"/>
    </row>
    <row r="959662" spans="14:14">
      <c r="N959662" s="10"/>
    </row>
    <row r="959663" spans="14:14">
      <c r="N959663" s="10"/>
    </row>
    <row r="959664" spans="14:14">
      <c r="N959664" s="10"/>
    </row>
    <row r="959665" spans="14:14">
      <c r="N959665" s="10"/>
    </row>
    <row r="959666" spans="14:14">
      <c r="N959666" s="10"/>
    </row>
    <row r="959667" spans="14:14">
      <c r="N959667" s="10"/>
    </row>
    <row r="959668" spans="14:14">
      <c r="N959668" s="10"/>
    </row>
    <row r="959669" spans="14:14">
      <c r="N959669" s="10"/>
    </row>
    <row r="959670" spans="14:14">
      <c r="N959670" s="10"/>
    </row>
    <row r="959671" spans="14:14">
      <c r="N959671" s="10"/>
    </row>
    <row r="959672" spans="14:14">
      <c r="N959672" s="10"/>
    </row>
    <row r="959673" spans="14:14">
      <c r="N959673" s="10"/>
    </row>
    <row r="959674" spans="14:14">
      <c r="N959674" s="10"/>
    </row>
    <row r="959675" spans="14:14">
      <c r="N959675" s="10"/>
    </row>
    <row r="959676" spans="14:14">
      <c r="N959676" s="10"/>
    </row>
    <row r="959677" spans="14:14">
      <c r="N959677" s="10"/>
    </row>
    <row r="959678" spans="14:14">
      <c r="N959678" s="10"/>
    </row>
    <row r="959679" spans="14:14">
      <c r="N959679" s="10"/>
    </row>
    <row r="959680" spans="14:14">
      <c r="N959680" s="10"/>
    </row>
    <row r="959681" spans="14:14">
      <c r="N959681" s="10"/>
    </row>
    <row r="959682" spans="14:14">
      <c r="N959682" s="10"/>
    </row>
    <row r="959683" spans="14:14">
      <c r="N959683" s="10"/>
    </row>
    <row r="959684" spans="14:14">
      <c r="N959684" s="10"/>
    </row>
    <row r="959685" spans="14:14">
      <c r="N959685" s="10"/>
    </row>
    <row r="959686" spans="14:14">
      <c r="N959686" s="10"/>
    </row>
    <row r="959687" spans="14:14">
      <c r="N959687" s="10"/>
    </row>
    <row r="959688" spans="14:14">
      <c r="N959688" s="10"/>
    </row>
    <row r="959689" spans="14:14">
      <c r="N959689" s="10"/>
    </row>
    <row r="959690" spans="14:14">
      <c r="N959690" s="10"/>
    </row>
    <row r="959691" spans="14:14">
      <c r="N959691" s="10"/>
    </row>
    <row r="959692" spans="14:14">
      <c r="N959692" s="10"/>
    </row>
    <row r="959693" spans="14:14">
      <c r="N959693" s="10"/>
    </row>
    <row r="959694" spans="14:14">
      <c r="N959694" s="10"/>
    </row>
    <row r="959695" spans="14:14">
      <c r="N959695" s="10"/>
    </row>
    <row r="959696" spans="14:14">
      <c r="N959696" s="10"/>
    </row>
    <row r="959697" spans="14:14">
      <c r="N959697" s="10"/>
    </row>
    <row r="959698" spans="14:14">
      <c r="N959698" s="10"/>
    </row>
    <row r="959699" spans="14:14">
      <c r="N959699" s="10"/>
    </row>
    <row r="959700" spans="14:14">
      <c r="N959700" s="10"/>
    </row>
    <row r="959701" spans="14:14">
      <c r="N959701" s="10"/>
    </row>
    <row r="959702" spans="14:14">
      <c r="N959702" s="10"/>
    </row>
    <row r="959703" spans="14:14">
      <c r="N959703" s="10"/>
    </row>
    <row r="959704" spans="14:14">
      <c r="N959704" s="10"/>
    </row>
    <row r="959705" spans="14:14">
      <c r="N959705" s="10"/>
    </row>
    <row r="959706" spans="14:14">
      <c r="N959706" s="10"/>
    </row>
    <row r="959707" spans="14:14">
      <c r="N959707" s="10"/>
    </row>
    <row r="959708" spans="14:14">
      <c r="N959708" s="10"/>
    </row>
    <row r="959709" spans="14:14">
      <c r="N959709" s="10"/>
    </row>
    <row r="959710" spans="14:14">
      <c r="N959710" s="10"/>
    </row>
    <row r="959711" spans="14:14">
      <c r="N959711" s="10"/>
    </row>
    <row r="959712" spans="14:14">
      <c r="N959712" s="10"/>
    </row>
    <row r="959713" spans="14:14">
      <c r="N959713" s="10"/>
    </row>
    <row r="959714" spans="14:14">
      <c r="N959714" s="10"/>
    </row>
    <row r="959715" spans="14:14">
      <c r="N959715" s="10"/>
    </row>
    <row r="959716" spans="14:14">
      <c r="N959716" s="10"/>
    </row>
    <row r="959717" spans="14:14">
      <c r="N959717" s="10"/>
    </row>
    <row r="959718" spans="14:14">
      <c r="N959718" s="10"/>
    </row>
    <row r="959719" spans="14:14">
      <c r="N959719" s="10"/>
    </row>
    <row r="959720" spans="14:14">
      <c r="N959720" s="10"/>
    </row>
    <row r="959721" spans="14:14">
      <c r="N959721" s="10"/>
    </row>
    <row r="959722" spans="14:14">
      <c r="N959722" s="10"/>
    </row>
    <row r="959723" spans="14:14">
      <c r="N959723" s="10"/>
    </row>
    <row r="959724" spans="14:14">
      <c r="N959724" s="10"/>
    </row>
    <row r="959725" spans="14:14">
      <c r="N959725" s="10"/>
    </row>
    <row r="959726" spans="14:14">
      <c r="N959726" s="10"/>
    </row>
    <row r="959727" spans="14:14">
      <c r="N959727" s="10"/>
    </row>
    <row r="959728" spans="14:14">
      <c r="N959728" s="10"/>
    </row>
    <row r="959729" spans="14:14">
      <c r="N959729" s="10"/>
    </row>
    <row r="959730" spans="14:14">
      <c r="N959730" s="10"/>
    </row>
    <row r="959731" spans="14:14">
      <c r="N959731" s="10"/>
    </row>
    <row r="959732" spans="14:14">
      <c r="N959732" s="10"/>
    </row>
    <row r="959733" spans="14:14">
      <c r="N959733" s="10"/>
    </row>
    <row r="959734" spans="14:14">
      <c r="N959734" s="10"/>
    </row>
    <row r="959735" spans="14:14">
      <c r="N959735" s="10"/>
    </row>
    <row r="959736" spans="14:14">
      <c r="N959736" s="10"/>
    </row>
    <row r="959737" spans="14:14">
      <c r="N959737" s="10"/>
    </row>
    <row r="959738" spans="14:14">
      <c r="N959738" s="10"/>
    </row>
    <row r="959739" spans="14:14">
      <c r="N959739" s="10"/>
    </row>
    <row r="959740" spans="14:14">
      <c r="N959740" s="10"/>
    </row>
    <row r="959741" spans="14:14">
      <c r="N959741" s="10"/>
    </row>
    <row r="959742" spans="14:14">
      <c r="N959742" s="10"/>
    </row>
    <row r="959743" spans="14:14">
      <c r="N959743" s="10"/>
    </row>
    <row r="959744" spans="14:14">
      <c r="N959744" s="10"/>
    </row>
    <row r="959745" spans="14:14">
      <c r="N959745" s="10"/>
    </row>
    <row r="959746" spans="14:14">
      <c r="N959746" s="10"/>
    </row>
    <row r="959747" spans="14:14">
      <c r="N959747" s="10"/>
    </row>
    <row r="959748" spans="14:14">
      <c r="N959748" s="10"/>
    </row>
    <row r="959749" spans="14:14">
      <c r="N959749" s="10"/>
    </row>
    <row r="959750" spans="14:14">
      <c r="N959750" s="10"/>
    </row>
    <row r="959751" spans="14:14">
      <c r="N959751" s="10"/>
    </row>
    <row r="959752" spans="14:14">
      <c r="N959752" s="10"/>
    </row>
    <row r="959753" spans="14:14">
      <c r="N959753" s="10"/>
    </row>
    <row r="959754" spans="14:14">
      <c r="N959754" s="10"/>
    </row>
    <row r="959755" spans="14:14">
      <c r="N959755" s="10"/>
    </row>
    <row r="959756" spans="14:14">
      <c r="N959756" s="10"/>
    </row>
    <row r="959757" spans="14:14">
      <c r="N959757" s="10"/>
    </row>
    <row r="959758" spans="14:14">
      <c r="N959758" s="10"/>
    </row>
    <row r="959759" spans="14:14">
      <c r="N959759" s="10"/>
    </row>
    <row r="959760" spans="14:14">
      <c r="N959760" s="10"/>
    </row>
    <row r="959761" spans="14:14">
      <c r="N959761" s="10"/>
    </row>
    <row r="959762" spans="14:14">
      <c r="N959762" s="10"/>
    </row>
    <row r="959763" spans="14:14">
      <c r="N959763" s="10"/>
    </row>
    <row r="959764" spans="14:14">
      <c r="N959764" s="10"/>
    </row>
    <row r="959765" spans="14:14">
      <c r="N959765" s="10"/>
    </row>
    <row r="959766" spans="14:14">
      <c r="N959766" s="10"/>
    </row>
    <row r="959767" spans="14:14">
      <c r="N959767" s="10"/>
    </row>
    <row r="959768" spans="14:14">
      <c r="N959768" s="10"/>
    </row>
    <row r="959769" spans="14:14">
      <c r="N959769" s="10"/>
    </row>
    <row r="959770" spans="14:14">
      <c r="N959770" s="10"/>
    </row>
    <row r="959771" spans="14:14">
      <c r="N959771" s="10"/>
    </row>
    <row r="959772" spans="14:14">
      <c r="N959772" s="10"/>
    </row>
    <row r="959773" spans="14:14">
      <c r="N959773" s="10"/>
    </row>
    <row r="959774" spans="14:14">
      <c r="N959774" s="10"/>
    </row>
    <row r="959775" spans="14:14">
      <c r="N959775" s="10"/>
    </row>
    <row r="959776" spans="14:14">
      <c r="N959776" s="10"/>
    </row>
    <row r="959777" spans="14:14">
      <c r="N959777" s="10"/>
    </row>
    <row r="959778" spans="14:14">
      <c r="N959778" s="10"/>
    </row>
    <row r="959779" spans="14:14">
      <c r="N959779" s="10"/>
    </row>
    <row r="959780" spans="14:14">
      <c r="N959780" s="10"/>
    </row>
    <row r="959781" spans="14:14">
      <c r="N959781" s="10"/>
    </row>
    <row r="959782" spans="14:14">
      <c r="N959782" s="10"/>
    </row>
    <row r="959783" spans="14:14">
      <c r="N959783" s="10"/>
    </row>
    <row r="959784" spans="14:14">
      <c r="N959784" s="10"/>
    </row>
    <row r="959785" spans="14:14">
      <c r="N959785" s="10"/>
    </row>
    <row r="959786" spans="14:14">
      <c r="N959786" s="10"/>
    </row>
    <row r="959787" spans="14:14">
      <c r="N959787" s="10"/>
    </row>
    <row r="959788" spans="14:14">
      <c r="N959788" s="10"/>
    </row>
    <row r="959789" spans="14:14">
      <c r="N959789" s="10"/>
    </row>
    <row r="959790" spans="14:14">
      <c r="N959790" s="10"/>
    </row>
    <row r="959791" spans="14:14">
      <c r="N959791" s="10"/>
    </row>
    <row r="959792" spans="14:14">
      <c r="N959792" s="10"/>
    </row>
    <row r="959793" spans="14:14">
      <c r="N959793" s="10"/>
    </row>
    <row r="959794" spans="14:14">
      <c r="N959794" s="10"/>
    </row>
    <row r="959795" spans="14:14">
      <c r="N959795" s="10"/>
    </row>
    <row r="959796" spans="14:14">
      <c r="N959796" s="10"/>
    </row>
    <row r="959797" spans="14:14">
      <c r="N959797" s="10"/>
    </row>
    <row r="959798" spans="14:14">
      <c r="N959798" s="10"/>
    </row>
    <row r="959799" spans="14:14">
      <c r="N959799" s="10"/>
    </row>
    <row r="959800" spans="14:14">
      <c r="N959800" s="10"/>
    </row>
    <row r="959801" spans="14:14">
      <c r="N959801" s="10"/>
    </row>
    <row r="959802" spans="14:14">
      <c r="N959802" s="10"/>
    </row>
    <row r="959803" spans="14:14">
      <c r="N959803" s="10"/>
    </row>
    <row r="959804" spans="14:14">
      <c r="N959804" s="10"/>
    </row>
    <row r="959805" spans="14:14">
      <c r="N959805" s="10"/>
    </row>
    <row r="959806" spans="14:14">
      <c r="N959806" s="10"/>
    </row>
    <row r="959807" spans="14:14">
      <c r="N959807" s="10"/>
    </row>
    <row r="959808" spans="14:14">
      <c r="N959808" s="10"/>
    </row>
    <row r="959809" spans="14:14">
      <c r="N959809" s="10"/>
    </row>
    <row r="959810" spans="14:14">
      <c r="N959810" s="10"/>
    </row>
    <row r="959811" spans="14:14">
      <c r="N959811" s="10"/>
    </row>
    <row r="959812" spans="14:14">
      <c r="N959812" s="10"/>
    </row>
    <row r="959813" spans="14:14">
      <c r="N959813" s="10"/>
    </row>
    <row r="959814" spans="14:14">
      <c r="N959814" s="10"/>
    </row>
    <row r="959815" spans="14:14">
      <c r="N959815" s="10"/>
    </row>
    <row r="959816" spans="14:14">
      <c r="N959816" s="10"/>
    </row>
    <row r="959817" spans="14:14">
      <c r="N959817" s="10"/>
    </row>
    <row r="959818" spans="14:14">
      <c r="N959818" s="10"/>
    </row>
    <row r="959819" spans="14:14">
      <c r="N959819" s="10"/>
    </row>
    <row r="959820" spans="14:14">
      <c r="N959820" s="10"/>
    </row>
    <row r="959821" spans="14:14">
      <c r="N959821" s="10"/>
    </row>
    <row r="959822" spans="14:14">
      <c r="N959822" s="10"/>
    </row>
    <row r="959823" spans="14:14">
      <c r="N959823" s="10"/>
    </row>
    <row r="959824" spans="14:14">
      <c r="N959824" s="10"/>
    </row>
    <row r="959825" spans="14:14">
      <c r="N959825" s="10"/>
    </row>
    <row r="959826" spans="14:14">
      <c r="N959826" s="10"/>
    </row>
    <row r="959827" spans="14:14">
      <c r="N959827" s="10"/>
    </row>
    <row r="959828" spans="14:14">
      <c r="N959828" s="10"/>
    </row>
    <row r="959829" spans="14:14">
      <c r="N959829" s="10"/>
    </row>
    <row r="959830" spans="14:14">
      <c r="N959830" s="10"/>
    </row>
    <row r="959831" spans="14:14">
      <c r="N959831" s="10"/>
    </row>
    <row r="959832" spans="14:14">
      <c r="N959832" s="10"/>
    </row>
    <row r="959833" spans="14:14">
      <c r="N959833" s="10"/>
    </row>
    <row r="959834" spans="14:14">
      <c r="N959834" s="10"/>
    </row>
    <row r="959835" spans="14:14">
      <c r="N959835" s="10"/>
    </row>
    <row r="959836" spans="14:14">
      <c r="N959836" s="10"/>
    </row>
    <row r="959837" spans="14:14">
      <c r="N959837" s="10"/>
    </row>
    <row r="959838" spans="14:14">
      <c r="N959838" s="10"/>
    </row>
    <row r="959839" spans="14:14">
      <c r="N959839" s="10"/>
    </row>
    <row r="959840" spans="14:14">
      <c r="N959840" s="10"/>
    </row>
    <row r="959841" spans="14:14">
      <c r="N959841" s="10"/>
    </row>
    <row r="959842" spans="14:14">
      <c r="N959842" s="10"/>
    </row>
    <row r="959843" spans="14:14">
      <c r="N959843" s="10"/>
    </row>
    <row r="959844" spans="14:14">
      <c r="N959844" s="10"/>
    </row>
    <row r="959845" spans="14:14">
      <c r="N959845" s="10"/>
    </row>
    <row r="959846" spans="14:14">
      <c r="N959846" s="10"/>
    </row>
    <row r="959847" spans="14:14">
      <c r="N959847" s="10"/>
    </row>
    <row r="959848" spans="14:14">
      <c r="N959848" s="10"/>
    </row>
    <row r="959849" spans="14:14">
      <c r="N959849" s="10"/>
    </row>
    <row r="959850" spans="14:14">
      <c r="N959850" s="10"/>
    </row>
    <row r="959851" spans="14:14">
      <c r="N959851" s="10"/>
    </row>
    <row r="959852" spans="14:14">
      <c r="N959852" s="10"/>
    </row>
    <row r="959853" spans="14:14">
      <c r="N959853" s="10"/>
    </row>
    <row r="959854" spans="14:14">
      <c r="N959854" s="10"/>
    </row>
    <row r="959855" spans="14:14">
      <c r="N959855" s="10"/>
    </row>
    <row r="959856" spans="14:14">
      <c r="N959856" s="10"/>
    </row>
    <row r="959857" spans="14:14">
      <c r="N959857" s="10"/>
    </row>
    <row r="959858" spans="14:14">
      <c r="N959858" s="10"/>
    </row>
    <row r="959859" spans="14:14">
      <c r="N959859" s="10"/>
    </row>
    <row r="959860" spans="14:14">
      <c r="N959860" s="10"/>
    </row>
    <row r="959861" spans="14:14">
      <c r="N959861" s="10"/>
    </row>
    <row r="959862" spans="14:14">
      <c r="N959862" s="10"/>
    </row>
    <row r="959863" spans="14:14">
      <c r="N959863" s="10"/>
    </row>
    <row r="959864" spans="14:14">
      <c r="N959864" s="10"/>
    </row>
    <row r="959865" spans="14:14">
      <c r="N959865" s="10"/>
    </row>
    <row r="959866" spans="14:14">
      <c r="N959866" s="10"/>
    </row>
    <row r="959867" spans="14:14">
      <c r="N959867" s="10"/>
    </row>
    <row r="959868" spans="14:14">
      <c r="N959868" s="10"/>
    </row>
    <row r="959869" spans="14:14">
      <c r="N959869" s="10"/>
    </row>
    <row r="959870" spans="14:14">
      <c r="N959870" s="10"/>
    </row>
    <row r="959871" spans="14:14">
      <c r="N959871" s="10"/>
    </row>
    <row r="959872" spans="14:14">
      <c r="N959872" s="10"/>
    </row>
    <row r="959873" spans="14:14">
      <c r="N959873" s="10"/>
    </row>
    <row r="959874" spans="14:14">
      <c r="N959874" s="10"/>
    </row>
    <row r="959875" spans="14:14">
      <c r="N959875" s="10"/>
    </row>
    <row r="959876" spans="14:14">
      <c r="N959876" s="10"/>
    </row>
    <row r="959877" spans="14:14">
      <c r="N959877" s="10"/>
    </row>
    <row r="959878" spans="14:14">
      <c r="N959878" s="10"/>
    </row>
    <row r="959879" spans="14:14">
      <c r="N959879" s="10"/>
    </row>
    <row r="959880" spans="14:14">
      <c r="N959880" s="10"/>
    </row>
    <row r="959881" spans="14:14">
      <c r="N959881" s="10"/>
    </row>
    <row r="959882" spans="14:14">
      <c r="N959882" s="10"/>
    </row>
    <row r="959883" spans="14:14">
      <c r="N959883" s="10"/>
    </row>
    <row r="959884" spans="14:14">
      <c r="N959884" s="10"/>
    </row>
    <row r="959885" spans="14:14">
      <c r="N959885" s="10"/>
    </row>
    <row r="959886" spans="14:14">
      <c r="N959886" s="10"/>
    </row>
    <row r="959887" spans="14:14">
      <c r="N959887" s="10"/>
    </row>
    <row r="959888" spans="14:14">
      <c r="N959888" s="10"/>
    </row>
    <row r="959889" spans="14:14">
      <c r="N959889" s="10"/>
    </row>
    <row r="959890" spans="14:14">
      <c r="N959890" s="10"/>
    </row>
    <row r="959891" spans="14:14">
      <c r="N959891" s="10"/>
    </row>
    <row r="959892" spans="14:14">
      <c r="N959892" s="10"/>
    </row>
    <row r="959893" spans="14:14">
      <c r="N959893" s="10"/>
    </row>
    <row r="959894" spans="14:14">
      <c r="N959894" s="10"/>
    </row>
    <row r="959895" spans="14:14">
      <c r="N959895" s="10"/>
    </row>
    <row r="959896" spans="14:14">
      <c r="N959896" s="10"/>
    </row>
    <row r="959897" spans="14:14">
      <c r="N959897" s="10"/>
    </row>
    <row r="959898" spans="14:14">
      <c r="N959898" s="10"/>
    </row>
    <row r="959899" spans="14:14">
      <c r="N959899" s="10"/>
    </row>
    <row r="959900" spans="14:14">
      <c r="N959900" s="10"/>
    </row>
    <row r="959901" spans="14:14">
      <c r="N959901" s="10"/>
    </row>
    <row r="959902" spans="14:14">
      <c r="N959902" s="10"/>
    </row>
    <row r="959903" spans="14:14">
      <c r="N959903" s="10"/>
    </row>
    <row r="959904" spans="14:14">
      <c r="N959904" s="10"/>
    </row>
    <row r="959905" spans="14:14">
      <c r="N959905" s="10"/>
    </row>
    <row r="959906" spans="14:14">
      <c r="N959906" s="10"/>
    </row>
    <row r="959907" spans="14:14">
      <c r="N959907" s="10"/>
    </row>
    <row r="959908" spans="14:14">
      <c r="N959908" s="10"/>
    </row>
    <row r="959909" spans="14:14">
      <c r="N959909" s="10"/>
    </row>
    <row r="959910" spans="14:14">
      <c r="N959910" s="10"/>
    </row>
    <row r="959911" spans="14:14">
      <c r="N959911" s="10"/>
    </row>
    <row r="959912" spans="14:14">
      <c r="N959912" s="10"/>
    </row>
    <row r="959913" spans="14:14">
      <c r="N959913" s="10"/>
    </row>
    <row r="959914" spans="14:14">
      <c r="N959914" s="10"/>
    </row>
    <row r="959915" spans="14:14">
      <c r="N959915" s="10"/>
    </row>
    <row r="959916" spans="14:14">
      <c r="N959916" s="10"/>
    </row>
    <row r="959917" spans="14:14">
      <c r="N959917" s="10"/>
    </row>
    <row r="959918" spans="14:14">
      <c r="N959918" s="10"/>
    </row>
    <row r="959919" spans="14:14">
      <c r="N959919" s="10"/>
    </row>
    <row r="959920" spans="14:14">
      <c r="N959920" s="10"/>
    </row>
    <row r="959921" spans="14:14">
      <c r="N959921" s="10"/>
    </row>
    <row r="959922" spans="14:14">
      <c r="N959922" s="10"/>
    </row>
    <row r="959923" spans="14:14">
      <c r="N959923" s="10"/>
    </row>
    <row r="959924" spans="14:14">
      <c r="N959924" s="10"/>
    </row>
    <row r="959925" spans="14:14">
      <c r="N959925" s="10"/>
    </row>
    <row r="959926" spans="14:14">
      <c r="N959926" s="10"/>
    </row>
    <row r="959927" spans="14:14">
      <c r="N959927" s="10"/>
    </row>
    <row r="959928" spans="14:14">
      <c r="N959928" s="10"/>
    </row>
    <row r="959929" spans="14:14">
      <c r="N959929" s="10"/>
    </row>
    <row r="959930" spans="14:14">
      <c r="N959930" s="10"/>
    </row>
    <row r="959931" spans="14:14">
      <c r="N959931" s="10"/>
    </row>
    <row r="959932" spans="14:14">
      <c r="N959932" s="10"/>
    </row>
    <row r="959933" spans="14:14">
      <c r="N959933" s="10"/>
    </row>
    <row r="959934" spans="14:14">
      <c r="N959934" s="10"/>
    </row>
    <row r="959935" spans="14:14">
      <c r="N959935" s="10"/>
    </row>
    <row r="959936" spans="14:14">
      <c r="N959936" s="10"/>
    </row>
    <row r="959937" spans="14:14">
      <c r="N959937" s="10"/>
    </row>
    <row r="959938" spans="14:14">
      <c r="N959938" s="10"/>
    </row>
    <row r="959939" spans="14:14">
      <c r="N959939" s="10"/>
    </row>
    <row r="959940" spans="14:14">
      <c r="N959940" s="10"/>
    </row>
    <row r="959941" spans="14:14">
      <c r="N959941" s="10"/>
    </row>
    <row r="959942" spans="14:14">
      <c r="N959942" s="10"/>
    </row>
    <row r="959943" spans="14:14">
      <c r="N959943" s="10"/>
    </row>
    <row r="959944" spans="14:14">
      <c r="N959944" s="10"/>
    </row>
    <row r="959945" spans="14:14">
      <c r="N959945" s="10"/>
    </row>
    <row r="959946" spans="14:14">
      <c r="N959946" s="10"/>
    </row>
    <row r="959947" spans="14:14">
      <c r="N959947" s="10"/>
    </row>
    <row r="959948" spans="14:14">
      <c r="N959948" s="10"/>
    </row>
    <row r="959949" spans="14:14">
      <c r="N959949" s="10"/>
    </row>
    <row r="959950" spans="14:14">
      <c r="N959950" s="10"/>
    </row>
    <row r="959951" spans="14:14">
      <c r="N959951" s="10"/>
    </row>
    <row r="959952" spans="14:14">
      <c r="N959952" s="10"/>
    </row>
    <row r="959953" spans="14:14">
      <c r="N959953" s="10"/>
    </row>
    <row r="959954" spans="14:14">
      <c r="N959954" s="10"/>
    </row>
    <row r="959955" spans="14:14">
      <c r="N959955" s="10"/>
    </row>
    <row r="959956" spans="14:14">
      <c r="N959956" s="10"/>
    </row>
    <row r="959957" spans="14:14">
      <c r="N959957" s="10"/>
    </row>
    <row r="959958" spans="14:14">
      <c r="N959958" s="10"/>
    </row>
    <row r="959959" spans="14:14">
      <c r="N959959" s="10"/>
    </row>
    <row r="959960" spans="14:14">
      <c r="N959960" s="10"/>
    </row>
    <row r="959961" spans="14:14">
      <c r="N959961" s="10"/>
    </row>
    <row r="959962" spans="14:14">
      <c r="N959962" s="10"/>
    </row>
    <row r="959963" spans="14:14">
      <c r="N959963" s="10"/>
    </row>
    <row r="959964" spans="14:14">
      <c r="N959964" s="10"/>
    </row>
    <row r="959965" spans="14:14">
      <c r="N959965" s="10"/>
    </row>
    <row r="959966" spans="14:14">
      <c r="N959966" s="10"/>
    </row>
    <row r="959967" spans="14:14">
      <c r="N959967" s="10"/>
    </row>
    <row r="959968" spans="14:14">
      <c r="N959968" s="10"/>
    </row>
    <row r="959969" spans="14:14">
      <c r="N959969" s="10"/>
    </row>
    <row r="959970" spans="14:14">
      <c r="N959970" s="10"/>
    </row>
    <row r="959971" spans="14:14">
      <c r="N959971" s="10"/>
    </row>
    <row r="959972" spans="14:14">
      <c r="N959972" s="10"/>
    </row>
    <row r="959973" spans="14:14">
      <c r="N959973" s="10"/>
    </row>
    <row r="959974" spans="14:14">
      <c r="N959974" s="10"/>
    </row>
    <row r="959975" spans="14:14">
      <c r="N959975" s="10"/>
    </row>
    <row r="959976" spans="14:14">
      <c r="N959976" s="10"/>
    </row>
    <row r="959977" spans="14:14">
      <c r="N959977" s="10"/>
    </row>
    <row r="959978" spans="14:14">
      <c r="N959978" s="10"/>
    </row>
    <row r="959979" spans="14:14">
      <c r="N959979" s="10"/>
    </row>
    <row r="959980" spans="14:14">
      <c r="N959980" s="10"/>
    </row>
    <row r="959981" spans="14:14">
      <c r="N959981" s="10"/>
    </row>
    <row r="959982" spans="14:14">
      <c r="N959982" s="10"/>
    </row>
    <row r="959983" spans="14:14">
      <c r="N959983" s="10"/>
    </row>
    <row r="959984" spans="14:14">
      <c r="N959984" s="10"/>
    </row>
    <row r="959985" spans="14:14">
      <c r="N959985" s="10"/>
    </row>
    <row r="959986" spans="14:14">
      <c r="N959986" s="10"/>
    </row>
    <row r="959987" spans="14:14">
      <c r="N959987" s="10"/>
    </row>
    <row r="959988" spans="14:14">
      <c r="N959988" s="10"/>
    </row>
    <row r="959989" spans="14:14">
      <c r="N959989" s="10"/>
    </row>
    <row r="959990" spans="14:14">
      <c r="N959990" s="10"/>
    </row>
    <row r="959991" spans="14:14">
      <c r="N959991" s="10"/>
    </row>
    <row r="959992" spans="14:14">
      <c r="N959992" s="10"/>
    </row>
    <row r="959993" spans="14:14">
      <c r="N959993" s="10"/>
    </row>
    <row r="959994" spans="14:14">
      <c r="N959994" s="10"/>
    </row>
    <row r="959995" spans="14:14">
      <c r="N959995" s="10"/>
    </row>
    <row r="959996" spans="14:14">
      <c r="N959996" s="10"/>
    </row>
    <row r="959997" spans="14:14">
      <c r="N959997" s="10"/>
    </row>
    <row r="959998" spans="14:14">
      <c r="N959998" s="10"/>
    </row>
    <row r="959999" spans="14:14">
      <c r="N959999" s="10"/>
    </row>
    <row r="960000" spans="14:14">
      <c r="N960000" s="10"/>
    </row>
    <row r="960001" spans="14:14">
      <c r="N960001" s="10"/>
    </row>
    <row r="960002" spans="14:14">
      <c r="N960002" s="10"/>
    </row>
    <row r="960003" spans="14:14">
      <c r="N960003" s="10"/>
    </row>
    <row r="960004" spans="14:14">
      <c r="N960004" s="10"/>
    </row>
    <row r="960005" spans="14:14">
      <c r="N960005" s="10"/>
    </row>
    <row r="960006" spans="14:14">
      <c r="N960006" s="10"/>
    </row>
    <row r="960007" spans="14:14">
      <c r="N960007" s="10"/>
    </row>
    <row r="960008" spans="14:14">
      <c r="N960008" s="10"/>
    </row>
    <row r="960009" spans="14:14">
      <c r="N960009" s="10"/>
    </row>
    <row r="960010" spans="14:14">
      <c r="N960010" s="10"/>
    </row>
    <row r="960011" spans="14:14">
      <c r="N960011" s="10"/>
    </row>
    <row r="960012" spans="14:14">
      <c r="N960012" s="10"/>
    </row>
    <row r="960013" spans="14:14">
      <c r="N960013" s="10"/>
    </row>
    <row r="960014" spans="14:14">
      <c r="N960014" s="10"/>
    </row>
    <row r="960015" spans="14:14">
      <c r="N960015" s="10"/>
    </row>
    <row r="960016" spans="14:14">
      <c r="N960016" s="10"/>
    </row>
    <row r="960017" spans="14:14">
      <c r="N960017" s="10"/>
    </row>
    <row r="960018" spans="14:14">
      <c r="N960018" s="10"/>
    </row>
    <row r="960019" spans="14:14">
      <c r="N960019" s="10"/>
    </row>
    <row r="960020" spans="14:14">
      <c r="N960020" s="10"/>
    </row>
    <row r="960021" spans="14:14">
      <c r="N960021" s="10"/>
    </row>
    <row r="960022" spans="14:14">
      <c r="N960022" s="10"/>
    </row>
    <row r="960023" spans="14:14">
      <c r="N960023" s="10"/>
    </row>
    <row r="960024" spans="14:14">
      <c r="N960024" s="10"/>
    </row>
    <row r="960025" spans="14:14">
      <c r="N960025" s="10"/>
    </row>
    <row r="960026" spans="14:14">
      <c r="N960026" s="10"/>
    </row>
    <row r="960027" spans="14:14">
      <c r="N960027" s="10"/>
    </row>
    <row r="960028" spans="14:14">
      <c r="N960028" s="10"/>
    </row>
    <row r="960029" spans="14:14">
      <c r="N960029" s="10"/>
    </row>
    <row r="960030" spans="14:14">
      <c r="N960030" s="10"/>
    </row>
    <row r="960031" spans="14:14">
      <c r="N960031" s="10"/>
    </row>
    <row r="960032" spans="14:14">
      <c r="N960032" s="10"/>
    </row>
    <row r="960033" spans="14:14">
      <c r="N960033" s="10"/>
    </row>
    <row r="960034" spans="14:14">
      <c r="N960034" s="10"/>
    </row>
    <row r="960035" spans="14:14">
      <c r="N960035" s="10"/>
    </row>
    <row r="960036" spans="14:14">
      <c r="N960036" s="10"/>
    </row>
    <row r="960037" spans="14:14">
      <c r="N960037" s="10"/>
    </row>
    <row r="960038" spans="14:14">
      <c r="N960038" s="10"/>
    </row>
    <row r="960039" spans="14:14">
      <c r="N960039" s="10"/>
    </row>
    <row r="960040" spans="14:14">
      <c r="N960040" s="10"/>
    </row>
    <row r="960041" spans="14:14">
      <c r="N960041" s="10"/>
    </row>
    <row r="960042" spans="14:14">
      <c r="N960042" s="10"/>
    </row>
    <row r="960043" spans="14:14">
      <c r="N960043" s="10"/>
    </row>
    <row r="960044" spans="14:14">
      <c r="N960044" s="10"/>
    </row>
    <row r="960045" spans="14:14">
      <c r="N960045" s="10"/>
    </row>
    <row r="960046" spans="14:14">
      <c r="N960046" s="10"/>
    </row>
    <row r="960047" spans="14:14">
      <c r="N960047" s="10"/>
    </row>
    <row r="960048" spans="14:14">
      <c r="N960048" s="10"/>
    </row>
    <row r="960049" spans="14:14">
      <c r="N960049" s="10"/>
    </row>
    <row r="960050" spans="14:14">
      <c r="N960050" s="10"/>
    </row>
    <row r="960051" spans="14:14">
      <c r="N960051" s="10"/>
    </row>
    <row r="960052" spans="14:14">
      <c r="N960052" s="10"/>
    </row>
    <row r="960053" spans="14:14">
      <c r="N960053" s="10"/>
    </row>
    <row r="960054" spans="14:14">
      <c r="N960054" s="10"/>
    </row>
    <row r="960055" spans="14:14">
      <c r="N960055" s="10"/>
    </row>
    <row r="960056" spans="14:14">
      <c r="N960056" s="10"/>
    </row>
    <row r="960057" spans="14:14">
      <c r="N960057" s="10"/>
    </row>
    <row r="960058" spans="14:14">
      <c r="N960058" s="10"/>
    </row>
    <row r="960059" spans="14:14">
      <c r="N960059" s="10"/>
    </row>
    <row r="960060" spans="14:14">
      <c r="N960060" s="10"/>
    </row>
    <row r="960061" spans="14:14">
      <c r="N960061" s="10"/>
    </row>
    <row r="960062" spans="14:14">
      <c r="N960062" s="10"/>
    </row>
    <row r="960063" spans="14:14">
      <c r="N960063" s="10"/>
    </row>
    <row r="960064" spans="14:14">
      <c r="N960064" s="10"/>
    </row>
    <row r="960065" spans="14:14">
      <c r="N960065" s="10"/>
    </row>
    <row r="960066" spans="14:14">
      <c r="N960066" s="10"/>
    </row>
    <row r="960067" spans="14:14">
      <c r="N960067" s="10"/>
    </row>
    <row r="960068" spans="14:14">
      <c r="N960068" s="10"/>
    </row>
    <row r="960069" spans="14:14">
      <c r="N960069" s="10"/>
    </row>
    <row r="960070" spans="14:14">
      <c r="N960070" s="10"/>
    </row>
    <row r="960071" spans="14:14">
      <c r="N960071" s="10"/>
    </row>
    <row r="960072" spans="14:14">
      <c r="N960072" s="10"/>
    </row>
    <row r="960073" spans="14:14">
      <c r="N960073" s="10"/>
    </row>
    <row r="960074" spans="14:14">
      <c r="N960074" s="10"/>
    </row>
    <row r="960075" spans="14:14">
      <c r="N960075" s="10"/>
    </row>
    <row r="960076" spans="14:14">
      <c r="N960076" s="10"/>
    </row>
    <row r="960077" spans="14:14">
      <c r="N960077" s="10"/>
    </row>
    <row r="960078" spans="14:14">
      <c r="N960078" s="10"/>
    </row>
    <row r="960079" spans="14:14">
      <c r="N960079" s="10"/>
    </row>
    <row r="960080" spans="14:14">
      <c r="N960080" s="10"/>
    </row>
    <row r="960081" spans="14:14">
      <c r="N960081" s="10"/>
    </row>
    <row r="960082" spans="14:14">
      <c r="N960082" s="10"/>
    </row>
    <row r="960083" spans="14:14">
      <c r="N960083" s="10"/>
    </row>
    <row r="960084" spans="14:14">
      <c r="N960084" s="10"/>
    </row>
    <row r="960085" spans="14:14">
      <c r="N960085" s="10"/>
    </row>
    <row r="960086" spans="14:14">
      <c r="N960086" s="10"/>
    </row>
    <row r="960087" spans="14:14">
      <c r="N960087" s="10"/>
    </row>
    <row r="960088" spans="14:14">
      <c r="N960088" s="10"/>
    </row>
    <row r="960089" spans="14:14">
      <c r="N960089" s="10"/>
    </row>
    <row r="960090" spans="14:14">
      <c r="N960090" s="10"/>
    </row>
    <row r="960091" spans="14:14">
      <c r="N960091" s="10"/>
    </row>
    <row r="960092" spans="14:14">
      <c r="N960092" s="10"/>
    </row>
    <row r="960093" spans="14:14">
      <c r="N960093" s="10"/>
    </row>
    <row r="960094" spans="14:14">
      <c r="N960094" s="10"/>
    </row>
    <row r="960095" spans="14:14">
      <c r="N960095" s="10"/>
    </row>
    <row r="960096" spans="14:14">
      <c r="N960096" s="10"/>
    </row>
    <row r="960097" spans="14:14">
      <c r="N960097" s="10"/>
    </row>
    <row r="960098" spans="14:14">
      <c r="N960098" s="10"/>
    </row>
    <row r="960099" spans="14:14">
      <c r="N960099" s="10"/>
    </row>
    <row r="960100" spans="14:14">
      <c r="N960100" s="10"/>
    </row>
    <row r="960101" spans="14:14">
      <c r="N960101" s="10"/>
    </row>
    <row r="960102" spans="14:14">
      <c r="N960102" s="10"/>
    </row>
    <row r="960103" spans="14:14">
      <c r="N960103" s="10"/>
    </row>
    <row r="960104" spans="14:14">
      <c r="N960104" s="10"/>
    </row>
    <row r="960105" spans="14:14">
      <c r="N960105" s="10"/>
    </row>
    <row r="960106" spans="14:14">
      <c r="N960106" s="10"/>
    </row>
    <row r="960107" spans="14:14">
      <c r="N960107" s="10"/>
    </row>
    <row r="960108" spans="14:14">
      <c r="N960108" s="10"/>
    </row>
    <row r="960109" spans="14:14">
      <c r="N960109" s="10"/>
    </row>
    <row r="960110" spans="14:14">
      <c r="N960110" s="10"/>
    </row>
    <row r="960111" spans="14:14">
      <c r="N960111" s="10"/>
    </row>
    <row r="960112" spans="14:14">
      <c r="N960112" s="10"/>
    </row>
    <row r="960113" spans="14:14">
      <c r="N960113" s="10"/>
    </row>
    <row r="960114" spans="14:14">
      <c r="N960114" s="10"/>
    </row>
    <row r="960115" spans="14:14">
      <c r="N960115" s="10"/>
    </row>
    <row r="960116" spans="14:14">
      <c r="N960116" s="10"/>
    </row>
    <row r="960117" spans="14:14">
      <c r="N960117" s="10"/>
    </row>
    <row r="960118" spans="14:14">
      <c r="N960118" s="10"/>
    </row>
    <row r="960119" spans="14:14">
      <c r="N960119" s="10"/>
    </row>
    <row r="960120" spans="14:14">
      <c r="N960120" s="10"/>
    </row>
    <row r="960121" spans="14:14">
      <c r="N960121" s="10"/>
    </row>
    <row r="960122" spans="14:14">
      <c r="N960122" s="10"/>
    </row>
    <row r="960123" spans="14:14">
      <c r="N960123" s="10"/>
    </row>
    <row r="960124" spans="14:14">
      <c r="N960124" s="10"/>
    </row>
    <row r="960125" spans="14:14">
      <c r="N960125" s="10"/>
    </row>
    <row r="960126" spans="14:14">
      <c r="N960126" s="10"/>
    </row>
    <row r="960127" spans="14:14">
      <c r="N960127" s="10"/>
    </row>
    <row r="960128" spans="14:14">
      <c r="N960128" s="10"/>
    </row>
    <row r="960129" spans="14:14">
      <c r="N960129" s="10"/>
    </row>
    <row r="960130" spans="14:14">
      <c r="N960130" s="10"/>
    </row>
    <row r="960131" spans="14:14">
      <c r="N960131" s="10"/>
    </row>
    <row r="960132" spans="14:14">
      <c r="N960132" s="10"/>
    </row>
    <row r="960133" spans="14:14">
      <c r="N960133" s="10"/>
    </row>
    <row r="960134" spans="14:14">
      <c r="N960134" s="10"/>
    </row>
    <row r="960135" spans="14:14">
      <c r="N960135" s="10"/>
    </row>
    <row r="960136" spans="14:14">
      <c r="N960136" s="10"/>
    </row>
    <row r="960137" spans="14:14">
      <c r="N960137" s="10"/>
    </row>
    <row r="960138" spans="14:14">
      <c r="N960138" s="10"/>
    </row>
    <row r="960139" spans="14:14">
      <c r="N960139" s="10"/>
    </row>
    <row r="960140" spans="14:14">
      <c r="N960140" s="10"/>
    </row>
    <row r="960141" spans="14:14">
      <c r="N960141" s="10"/>
    </row>
    <row r="960142" spans="14:14">
      <c r="N960142" s="10"/>
    </row>
    <row r="960143" spans="14:14">
      <c r="N960143" s="10"/>
    </row>
    <row r="960144" spans="14:14">
      <c r="N960144" s="10"/>
    </row>
    <row r="960145" spans="14:14">
      <c r="N960145" s="10"/>
    </row>
    <row r="960146" spans="14:14">
      <c r="N960146" s="10"/>
    </row>
    <row r="960147" spans="14:14">
      <c r="N960147" s="10"/>
    </row>
    <row r="960148" spans="14:14">
      <c r="N960148" s="10"/>
    </row>
    <row r="960149" spans="14:14">
      <c r="N960149" s="10"/>
    </row>
    <row r="960150" spans="14:14">
      <c r="N960150" s="10"/>
    </row>
    <row r="960151" spans="14:14">
      <c r="N960151" s="10"/>
    </row>
    <row r="960152" spans="14:14">
      <c r="N960152" s="10"/>
    </row>
    <row r="960153" spans="14:14">
      <c r="N960153" s="10"/>
    </row>
    <row r="960154" spans="14:14">
      <c r="N960154" s="10"/>
    </row>
    <row r="960155" spans="14:14">
      <c r="N960155" s="10"/>
    </row>
    <row r="960156" spans="14:14">
      <c r="N960156" s="10"/>
    </row>
    <row r="960157" spans="14:14">
      <c r="N960157" s="10"/>
    </row>
    <row r="960158" spans="14:14">
      <c r="N960158" s="10"/>
    </row>
    <row r="960159" spans="14:14">
      <c r="N960159" s="10"/>
    </row>
    <row r="960160" spans="14:14">
      <c r="N960160" s="10"/>
    </row>
    <row r="960161" spans="14:14">
      <c r="N960161" s="10"/>
    </row>
    <row r="960162" spans="14:14">
      <c r="N960162" s="10"/>
    </row>
    <row r="960163" spans="14:14">
      <c r="N960163" s="10"/>
    </row>
    <row r="960164" spans="14:14">
      <c r="N960164" s="10"/>
    </row>
    <row r="960165" spans="14:14">
      <c r="N960165" s="10"/>
    </row>
    <row r="960166" spans="14:14">
      <c r="N960166" s="10"/>
    </row>
    <row r="960167" spans="14:14">
      <c r="N960167" s="10"/>
    </row>
    <row r="960168" spans="14:14">
      <c r="N960168" s="10"/>
    </row>
    <row r="960169" spans="14:14">
      <c r="N960169" s="10"/>
    </row>
    <row r="960170" spans="14:14">
      <c r="N960170" s="10"/>
    </row>
    <row r="960171" spans="14:14">
      <c r="N960171" s="10"/>
    </row>
    <row r="960172" spans="14:14">
      <c r="N960172" s="10"/>
    </row>
    <row r="960173" spans="14:14">
      <c r="N960173" s="10"/>
    </row>
    <row r="960174" spans="14:14">
      <c r="N960174" s="10"/>
    </row>
    <row r="960175" spans="14:14">
      <c r="N960175" s="10"/>
    </row>
    <row r="960176" spans="14:14">
      <c r="N960176" s="10"/>
    </row>
    <row r="960177" spans="14:14">
      <c r="N960177" s="10"/>
    </row>
    <row r="960178" spans="14:14">
      <c r="N960178" s="10"/>
    </row>
    <row r="960179" spans="14:14">
      <c r="N960179" s="10"/>
    </row>
    <row r="960180" spans="14:14">
      <c r="N960180" s="10"/>
    </row>
    <row r="960181" spans="14:14">
      <c r="N960181" s="10"/>
    </row>
    <row r="960182" spans="14:14">
      <c r="N960182" s="10"/>
    </row>
    <row r="960183" spans="14:14">
      <c r="N960183" s="10"/>
    </row>
    <row r="960184" spans="14:14">
      <c r="N960184" s="10"/>
    </row>
    <row r="960185" spans="14:14">
      <c r="N960185" s="10"/>
    </row>
    <row r="960186" spans="14:14">
      <c r="N960186" s="10"/>
    </row>
    <row r="960187" spans="14:14">
      <c r="N960187" s="10"/>
    </row>
    <row r="960188" spans="14:14">
      <c r="N960188" s="10"/>
    </row>
    <row r="960189" spans="14:14">
      <c r="N960189" s="10"/>
    </row>
    <row r="960190" spans="14:14">
      <c r="N960190" s="10"/>
    </row>
    <row r="960191" spans="14:14">
      <c r="N960191" s="10"/>
    </row>
    <row r="960192" spans="14:14">
      <c r="N960192" s="10"/>
    </row>
    <row r="960193" spans="14:14">
      <c r="N960193" s="10"/>
    </row>
    <row r="960194" spans="14:14">
      <c r="N960194" s="10"/>
    </row>
    <row r="960195" spans="14:14">
      <c r="N960195" s="10"/>
    </row>
    <row r="960196" spans="14:14">
      <c r="N960196" s="10"/>
    </row>
    <row r="960197" spans="14:14">
      <c r="N960197" s="10"/>
    </row>
    <row r="960198" spans="14:14">
      <c r="N960198" s="10"/>
    </row>
    <row r="960199" spans="14:14">
      <c r="N960199" s="10"/>
    </row>
    <row r="960200" spans="14:14">
      <c r="N960200" s="10"/>
    </row>
    <row r="960201" spans="14:14">
      <c r="N960201" s="10"/>
    </row>
    <row r="960202" spans="14:14">
      <c r="N960202" s="10"/>
    </row>
    <row r="960203" spans="14:14">
      <c r="N960203" s="10"/>
    </row>
    <row r="960204" spans="14:14">
      <c r="N960204" s="10"/>
    </row>
    <row r="960205" spans="14:14">
      <c r="N960205" s="10"/>
    </row>
    <row r="960206" spans="14:14">
      <c r="N960206" s="10"/>
    </row>
    <row r="960207" spans="14:14">
      <c r="N960207" s="10"/>
    </row>
    <row r="960208" spans="14:14">
      <c r="N960208" s="10"/>
    </row>
    <row r="960209" spans="14:14">
      <c r="N960209" s="10"/>
    </row>
    <row r="960210" spans="14:14">
      <c r="N960210" s="10"/>
    </row>
    <row r="960211" spans="14:14">
      <c r="N960211" s="10"/>
    </row>
    <row r="960212" spans="14:14">
      <c r="N960212" s="10"/>
    </row>
    <row r="960213" spans="14:14">
      <c r="N960213" s="10"/>
    </row>
    <row r="960214" spans="14:14">
      <c r="N960214" s="10"/>
    </row>
    <row r="960215" spans="14:14">
      <c r="N960215" s="10"/>
    </row>
    <row r="960216" spans="14:14">
      <c r="N960216" s="10"/>
    </row>
    <row r="960217" spans="14:14">
      <c r="N960217" s="10"/>
    </row>
    <row r="960218" spans="14:14">
      <c r="N960218" s="10"/>
    </row>
    <row r="960219" spans="14:14">
      <c r="N960219" s="10"/>
    </row>
    <row r="960220" spans="14:14">
      <c r="N960220" s="10"/>
    </row>
    <row r="960221" spans="14:14">
      <c r="N960221" s="10"/>
    </row>
    <row r="960222" spans="14:14">
      <c r="N960222" s="10"/>
    </row>
    <row r="960223" spans="14:14">
      <c r="N960223" s="10"/>
    </row>
    <row r="960224" spans="14:14">
      <c r="N960224" s="10"/>
    </row>
    <row r="960225" spans="14:14">
      <c r="N960225" s="10"/>
    </row>
    <row r="960226" spans="14:14">
      <c r="N960226" s="10"/>
    </row>
    <row r="960227" spans="14:14">
      <c r="N960227" s="10"/>
    </row>
    <row r="960228" spans="14:14">
      <c r="N960228" s="10"/>
    </row>
    <row r="960229" spans="14:14">
      <c r="N960229" s="10"/>
    </row>
    <row r="960230" spans="14:14">
      <c r="N960230" s="10"/>
    </row>
    <row r="960231" spans="14:14">
      <c r="N960231" s="10"/>
    </row>
    <row r="960232" spans="14:14">
      <c r="N960232" s="10"/>
    </row>
    <row r="960233" spans="14:14">
      <c r="N960233" s="10"/>
    </row>
    <row r="960234" spans="14:14">
      <c r="N960234" s="10"/>
    </row>
    <row r="960235" spans="14:14">
      <c r="N960235" s="10"/>
    </row>
    <row r="960236" spans="14:14">
      <c r="N960236" s="10"/>
    </row>
    <row r="960237" spans="14:14">
      <c r="N960237" s="10"/>
    </row>
    <row r="960238" spans="14:14">
      <c r="N960238" s="10"/>
    </row>
    <row r="960239" spans="14:14">
      <c r="N960239" s="10"/>
    </row>
    <row r="960240" spans="14:14">
      <c r="N960240" s="10"/>
    </row>
    <row r="960241" spans="14:14">
      <c r="N960241" s="10"/>
    </row>
    <row r="960242" spans="14:14">
      <c r="N960242" s="10"/>
    </row>
    <row r="960243" spans="14:14">
      <c r="N960243" s="10"/>
    </row>
    <row r="960244" spans="14:14">
      <c r="N960244" s="10"/>
    </row>
    <row r="960245" spans="14:14">
      <c r="N960245" s="10"/>
    </row>
    <row r="960246" spans="14:14">
      <c r="N960246" s="10"/>
    </row>
    <row r="960247" spans="14:14">
      <c r="N960247" s="10"/>
    </row>
    <row r="960248" spans="14:14">
      <c r="N960248" s="10"/>
    </row>
    <row r="960249" spans="14:14">
      <c r="N960249" s="10"/>
    </row>
    <row r="960250" spans="14:14">
      <c r="N960250" s="10"/>
    </row>
    <row r="960251" spans="14:14">
      <c r="N960251" s="10"/>
    </row>
    <row r="960252" spans="14:14">
      <c r="N960252" s="10"/>
    </row>
    <row r="960253" spans="14:14">
      <c r="N960253" s="10"/>
    </row>
    <row r="960254" spans="14:14">
      <c r="N960254" s="10"/>
    </row>
    <row r="960255" spans="14:14">
      <c r="N960255" s="10"/>
    </row>
    <row r="960256" spans="14:14">
      <c r="N960256" s="10"/>
    </row>
    <row r="960257" spans="14:14">
      <c r="N960257" s="10"/>
    </row>
    <row r="960258" spans="14:14">
      <c r="N960258" s="10"/>
    </row>
    <row r="960259" spans="14:14">
      <c r="N960259" s="10"/>
    </row>
    <row r="960260" spans="14:14">
      <c r="N960260" s="10"/>
    </row>
    <row r="960261" spans="14:14">
      <c r="N960261" s="10"/>
    </row>
    <row r="960262" spans="14:14">
      <c r="N960262" s="10"/>
    </row>
    <row r="960263" spans="14:14">
      <c r="N960263" s="10"/>
    </row>
    <row r="960264" spans="14:14">
      <c r="N960264" s="10"/>
    </row>
    <row r="960265" spans="14:14">
      <c r="N960265" s="10"/>
    </row>
    <row r="960266" spans="14:14">
      <c r="N960266" s="10"/>
    </row>
    <row r="960267" spans="14:14">
      <c r="N960267" s="10"/>
    </row>
    <row r="960268" spans="14:14">
      <c r="N960268" s="10"/>
    </row>
    <row r="960269" spans="14:14">
      <c r="N960269" s="10"/>
    </row>
    <row r="960270" spans="14:14">
      <c r="N960270" s="10"/>
    </row>
    <row r="960271" spans="14:14">
      <c r="N960271" s="10"/>
    </row>
    <row r="960272" spans="14:14">
      <c r="N960272" s="10"/>
    </row>
    <row r="960273" spans="14:14">
      <c r="N960273" s="10"/>
    </row>
    <row r="960274" spans="14:14">
      <c r="N960274" s="10"/>
    </row>
    <row r="960275" spans="14:14">
      <c r="N960275" s="10"/>
    </row>
    <row r="960276" spans="14:14">
      <c r="N960276" s="10"/>
    </row>
    <row r="960277" spans="14:14">
      <c r="N960277" s="10"/>
    </row>
    <row r="960278" spans="14:14">
      <c r="N960278" s="10"/>
    </row>
    <row r="960279" spans="14:14">
      <c r="N960279" s="10"/>
    </row>
    <row r="960280" spans="14:14">
      <c r="N960280" s="10"/>
    </row>
    <row r="960281" spans="14:14">
      <c r="N960281" s="10"/>
    </row>
    <row r="960282" spans="14:14">
      <c r="N960282" s="10"/>
    </row>
    <row r="960283" spans="14:14">
      <c r="N960283" s="10"/>
    </row>
    <row r="960284" spans="14:14">
      <c r="N960284" s="10"/>
    </row>
    <row r="960285" spans="14:14">
      <c r="N960285" s="10"/>
    </row>
    <row r="960286" spans="14:14">
      <c r="N960286" s="10"/>
    </row>
    <row r="960287" spans="14:14">
      <c r="N960287" s="10"/>
    </row>
    <row r="960288" spans="14:14">
      <c r="N960288" s="10"/>
    </row>
    <row r="960289" spans="14:14">
      <c r="N960289" s="10"/>
    </row>
    <row r="960290" spans="14:14">
      <c r="N960290" s="10"/>
    </row>
    <row r="960291" spans="14:14">
      <c r="N960291" s="10"/>
    </row>
    <row r="960292" spans="14:14">
      <c r="N960292" s="10"/>
    </row>
    <row r="960293" spans="14:14">
      <c r="N960293" s="10"/>
    </row>
    <row r="960294" spans="14:14">
      <c r="N960294" s="10"/>
    </row>
    <row r="960295" spans="14:14">
      <c r="N960295" s="10"/>
    </row>
    <row r="960296" spans="14:14">
      <c r="N960296" s="10"/>
    </row>
    <row r="960297" spans="14:14">
      <c r="N960297" s="10"/>
    </row>
    <row r="960298" spans="14:14">
      <c r="N960298" s="10"/>
    </row>
    <row r="960299" spans="14:14">
      <c r="N960299" s="10"/>
    </row>
    <row r="960300" spans="14:14">
      <c r="N960300" s="10"/>
    </row>
    <row r="960301" spans="14:14">
      <c r="N960301" s="10"/>
    </row>
    <row r="960302" spans="14:14">
      <c r="N960302" s="10"/>
    </row>
    <row r="960303" spans="14:14">
      <c r="N960303" s="10"/>
    </row>
    <row r="960304" spans="14:14">
      <c r="N960304" s="10"/>
    </row>
    <row r="960305" spans="14:14">
      <c r="N960305" s="10"/>
    </row>
    <row r="960306" spans="14:14">
      <c r="N960306" s="10"/>
    </row>
    <row r="960307" spans="14:14">
      <c r="N960307" s="10"/>
    </row>
    <row r="960308" spans="14:14">
      <c r="N960308" s="10"/>
    </row>
    <row r="960309" spans="14:14">
      <c r="N960309" s="10"/>
    </row>
    <row r="960310" spans="14:14">
      <c r="N960310" s="10"/>
    </row>
    <row r="960311" spans="14:14">
      <c r="N960311" s="10"/>
    </row>
    <row r="960312" spans="14:14">
      <c r="N960312" s="10"/>
    </row>
    <row r="960313" spans="14:14">
      <c r="N960313" s="10"/>
    </row>
    <row r="960314" spans="14:14">
      <c r="N960314" s="10"/>
    </row>
    <row r="960315" spans="14:14">
      <c r="N960315" s="10"/>
    </row>
    <row r="960316" spans="14:14">
      <c r="N960316" s="10"/>
    </row>
    <row r="960317" spans="14:14">
      <c r="N960317" s="10"/>
    </row>
    <row r="960318" spans="14:14">
      <c r="N960318" s="10"/>
    </row>
    <row r="960319" spans="14:14">
      <c r="N960319" s="10"/>
    </row>
    <row r="960320" spans="14:14">
      <c r="N960320" s="10"/>
    </row>
    <row r="960321" spans="14:14">
      <c r="N960321" s="10"/>
    </row>
    <row r="960322" spans="14:14">
      <c r="N960322" s="10"/>
    </row>
    <row r="960323" spans="14:14">
      <c r="N960323" s="10"/>
    </row>
    <row r="960324" spans="14:14">
      <c r="N960324" s="10"/>
    </row>
    <row r="960325" spans="14:14">
      <c r="N960325" s="10"/>
    </row>
    <row r="960326" spans="14:14">
      <c r="N960326" s="10"/>
    </row>
    <row r="960327" spans="14:14">
      <c r="N960327" s="10"/>
    </row>
    <row r="960328" spans="14:14">
      <c r="N960328" s="10"/>
    </row>
    <row r="960329" spans="14:14">
      <c r="N960329" s="10"/>
    </row>
    <row r="960330" spans="14:14">
      <c r="N960330" s="10"/>
    </row>
    <row r="960331" spans="14:14">
      <c r="N960331" s="10"/>
    </row>
    <row r="960332" spans="14:14">
      <c r="N960332" s="10"/>
    </row>
    <row r="960333" spans="14:14">
      <c r="N960333" s="10"/>
    </row>
    <row r="960334" spans="14:14">
      <c r="N960334" s="10"/>
    </row>
    <row r="960335" spans="14:14">
      <c r="N960335" s="10"/>
    </row>
    <row r="960336" spans="14:14">
      <c r="N960336" s="10"/>
    </row>
    <row r="960337" spans="14:14">
      <c r="N960337" s="10"/>
    </row>
    <row r="960338" spans="14:14">
      <c r="N960338" s="10"/>
    </row>
    <row r="960339" spans="14:14">
      <c r="N960339" s="10"/>
    </row>
    <row r="960340" spans="14:14">
      <c r="N960340" s="10"/>
    </row>
    <row r="960341" spans="14:14">
      <c r="N960341" s="10"/>
    </row>
    <row r="960342" spans="14:14">
      <c r="N960342" s="10"/>
    </row>
    <row r="960343" spans="14:14">
      <c r="N960343" s="10"/>
    </row>
    <row r="960344" spans="14:14">
      <c r="N960344" s="10"/>
    </row>
    <row r="960345" spans="14:14">
      <c r="N960345" s="10"/>
    </row>
    <row r="960346" spans="14:14">
      <c r="N960346" s="10"/>
    </row>
    <row r="960347" spans="14:14">
      <c r="N960347" s="10"/>
    </row>
    <row r="960348" spans="14:14">
      <c r="N960348" s="10"/>
    </row>
    <row r="960349" spans="14:14">
      <c r="N960349" s="10"/>
    </row>
    <row r="960350" spans="14:14">
      <c r="N960350" s="10"/>
    </row>
    <row r="960351" spans="14:14">
      <c r="N960351" s="10"/>
    </row>
    <row r="960352" spans="14:14">
      <c r="N960352" s="10"/>
    </row>
    <row r="960353" spans="14:14">
      <c r="N960353" s="10"/>
    </row>
    <row r="960354" spans="14:14">
      <c r="N960354" s="10"/>
    </row>
    <row r="960355" spans="14:14">
      <c r="N960355" s="10"/>
    </row>
    <row r="960356" spans="14:14">
      <c r="N960356" s="10"/>
    </row>
    <row r="960357" spans="14:14">
      <c r="N960357" s="10"/>
    </row>
    <row r="960358" spans="14:14">
      <c r="N960358" s="10"/>
    </row>
    <row r="960359" spans="14:14">
      <c r="N960359" s="10"/>
    </row>
    <row r="960360" spans="14:14">
      <c r="N960360" s="10"/>
    </row>
    <row r="960361" spans="14:14">
      <c r="N960361" s="10"/>
    </row>
    <row r="960362" spans="14:14">
      <c r="N960362" s="10"/>
    </row>
    <row r="960363" spans="14:14">
      <c r="N960363" s="10"/>
    </row>
    <row r="960364" spans="14:14">
      <c r="N960364" s="10"/>
    </row>
    <row r="960365" spans="14:14">
      <c r="N960365" s="10"/>
    </row>
    <row r="960366" spans="14:14">
      <c r="N960366" s="10"/>
    </row>
    <row r="960367" spans="14:14">
      <c r="N960367" s="10"/>
    </row>
    <row r="960368" spans="14:14">
      <c r="N960368" s="10"/>
    </row>
    <row r="960369" spans="14:14">
      <c r="N960369" s="10"/>
    </row>
    <row r="960370" spans="14:14">
      <c r="N960370" s="10"/>
    </row>
    <row r="960371" spans="14:14">
      <c r="N960371" s="10"/>
    </row>
    <row r="960372" spans="14:14">
      <c r="N960372" s="10"/>
    </row>
    <row r="960373" spans="14:14">
      <c r="N960373" s="10"/>
    </row>
    <row r="960374" spans="14:14">
      <c r="N960374" s="10"/>
    </row>
    <row r="960375" spans="14:14">
      <c r="N960375" s="10"/>
    </row>
    <row r="960376" spans="14:14">
      <c r="N960376" s="10"/>
    </row>
    <row r="960377" spans="14:14">
      <c r="N960377" s="10"/>
    </row>
    <row r="960378" spans="14:14">
      <c r="N960378" s="10"/>
    </row>
    <row r="960379" spans="14:14">
      <c r="N960379" s="10"/>
    </row>
    <row r="960380" spans="14:14">
      <c r="N960380" s="10"/>
    </row>
    <row r="960381" spans="14:14">
      <c r="N960381" s="10"/>
    </row>
    <row r="960382" spans="14:14">
      <c r="N960382" s="10"/>
    </row>
    <row r="960383" spans="14:14">
      <c r="N960383" s="10"/>
    </row>
    <row r="960384" spans="14:14">
      <c r="N960384" s="10"/>
    </row>
    <row r="960385" spans="14:14">
      <c r="N960385" s="10"/>
    </row>
    <row r="960386" spans="14:14">
      <c r="N960386" s="10"/>
    </row>
    <row r="960387" spans="14:14">
      <c r="N960387" s="10"/>
    </row>
    <row r="960388" spans="14:14">
      <c r="N960388" s="10"/>
    </row>
    <row r="960389" spans="14:14">
      <c r="N960389" s="10"/>
    </row>
    <row r="960390" spans="14:14">
      <c r="N960390" s="10"/>
    </row>
    <row r="960391" spans="14:14">
      <c r="N960391" s="10"/>
    </row>
    <row r="960392" spans="14:14">
      <c r="N960392" s="10"/>
    </row>
    <row r="960393" spans="14:14">
      <c r="N960393" s="10"/>
    </row>
    <row r="960394" spans="14:14">
      <c r="N960394" s="10"/>
    </row>
    <row r="960395" spans="14:14">
      <c r="N960395" s="10"/>
    </row>
    <row r="960396" spans="14:14">
      <c r="N960396" s="10"/>
    </row>
    <row r="960397" spans="14:14">
      <c r="N960397" s="10"/>
    </row>
    <row r="960398" spans="14:14">
      <c r="N960398" s="10"/>
    </row>
    <row r="960399" spans="14:14">
      <c r="N960399" s="10"/>
    </row>
    <row r="960400" spans="14:14">
      <c r="N960400" s="10"/>
    </row>
    <row r="960401" spans="14:14">
      <c r="N960401" s="10"/>
    </row>
    <row r="960402" spans="14:14">
      <c r="N960402" s="10"/>
    </row>
    <row r="960403" spans="14:14">
      <c r="N960403" s="10"/>
    </row>
    <row r="960404" spans="14:14">
      <c r="N960404" s="10"/>
    </row>
    <row r="960405" spans="14:14">
      <c r="N960405" s="10"/>
    </row>
    <row r="960406" spans="14:14">
      <c r="N960406" s="10"/>
    </row>
    <row r="960407" spans="14:14">
      <c r="N960407" s="10"/>
    </row>
    <row r="960408" spans="14:14">
      <c r="N960408" s="10"/>
    </row>
    <row r="960409" spans="14:14">
      <c r="N960409" s="10"/>
    </row>
    <row r="960410" spans="14:14">
      <c r="N960410" s="10"/>
    </row>
    <row r="960411" spans="14:14">
      <c r="N960411" s="10"/>
    </row>
    <row r="960412" spans="14:14">
      <c r="N960412" s="10"/>
    </row>
    <row r="960413" spans="14:14">
      <c r="N960413" s="10"/>
    </row>
    <row r="960414" spans="14:14">
      <c r="N960414" s="10"/>
    </row>
    <row r="960415" spans="14:14">
      <c r="N960415" s="10"/>
    </row>
    <row r="960416" spans="14:14">
      <c r="N960416" s="10"/>
    </row>
    <row r="960417" spans="14:14">
      <c r="N960417" s="10"/>
    </row>
    <row r="960418" spans="14:14">
      <c r="N960418" s="10"/>
    </row>
    <row r="960419" spans="14:14">
      <c r="N960419" s="10"/>
    </row>
    <row r="960420" spans="14:14">
      <c r="N960420" s="10"/>
    </row>
    <row r="960421" spans="14:14">
      <c r="N960421" s="10"/>
    </row>
    <row r="960422" spans="14:14">
      <c r="N960422" s="10"/>
    </row>
    <row r="960423" spans="14:14">
      <c r="N960423" s="10"/>
    </row>
    <row r="960424" spans="14:14">
      <c r="N960424" s="10"/>
    </row>
    <row r="960425" spans="14:14">
      <c r="N960425" s="10"/>
    </row>
    <row r="960426" spans="14:14">
      <c r="N960426" s="10"/>
    </row>
    <row r="960427" spans="14:14">
      <c r="N960427" s="10"/>
    </row>
    <row r="960428" spans="14:14">
      <c r="N960428" s="10"/>
    </row>
    <row r="960429" spans="14:14">
      <c r="N960429" s="10"/>
    </row>
    <row r="960430" spans="14:14">
      <c r="N960430" s="10"/>
    </row>
    <row r="960431" spans="14:14">
      <c r="N960431" s="10"/>
    </row>
    <row r="960432" spans="14:14">
      <c r="N960432" s="10"/>
    </row>
    <row r="960433" spans="14:14">
      <c r="N960433" s="10"/>
    </row>
    <row r="960434" spans="14:14">
      <c r="N960434" s="10"/>
    </row>
    <row r="960435" spans="14:14">
      <c r="N960435" s="10"/>
    </row>
    <row r="960436" spans="14:14">
      <c r="N960436" s="10"/>
    </row>
    <row r="960437" spans="14:14">
      <c r="N960437" s="10"/>
    </row>
    <row r="960438" spans="14:14">
      <c r="N960438" s="10"/>
    </row>
    <row r="960439" spans="14:14">
      <c r="N960439" s="10"/>
    </row>
    <row r="960440" spans="14:14">
      <c r="N960440" s="10"/>
    </row>
    <row r="960441" spans="14:14">
      <c r="N960441" s="10"/>
    </row>
    <row r="960442" spans="14:14">
      <c r="N960442" s="10"/>
    </row>
    <row r="960443" spans="14:14">
      <c r="N960443" s="10"/>
    </row>
    <row r="960444" spans="14:14">
      <c r="N960444" s="10"/>
    </row>
    <row r="960445" spans="14:14">
      <c r="N960445" s="10"/>
    </row>
    <row r="960446" spans="14:14">
      <c r="N960446" s="10"/>
    </row>
    <row r="960447" spans="14:14">
      <c r="N960447" s="10"/>
    </row>
    <row r="960448" spans="14:14">
      <c r="N960448" s="10"/>
    </row>
    <row r="960449" spans="14:14">
      <c r="N960449" s="10"/>
    </row>
    <row r="960450" spans="14:14">
      <c r="N960450" s="10"/>
    </row>
    <row r="960451" spans="14:14">
      <c r="N960451" s="10"/>
    </row>
    <row r="960452" spans="14:14">
      <c r="N960452" s="10"/>
    </row>
    <row r="960453" spans="14:14">
      <c r="N960453" s="10"/>
    </row>
    <row r="960454" spans="14:14">
      <c r="N960454" s="10"/>
    </row>
    <row r="960455" spans="14:14">
      <c r="N960455" s="10"/>
    </row>
    <row r="960456" spans="14:14">
      <c r="N960456" s="10"/>
    </row>
    <row r="960457" spans="14:14">
      <c r="N960457" s="10"/>
    </row>
    <row r="960458" spans="14:14">
      <c r="N960458" s="10"/>
    </row>
    <row r="960459" spans="14:14">
      <c r="N960459" s="10"/>
    </row>
    <row r="960460" spans="14:14">
      <c r="N960460" s="10"/>
    </row>
    <row r="960461" spans="14:14">
      <c r="N960461" s="10"/>
    </row>
    <row r="960462" spans="14:14">
      <c r="N960462" s="10"/>
    </row>
    <row r="960463" spans="14:14">
      <c r="N960463" s="10"/>
    </row>
    <row r="960464" spans="14:14">
      <c r="N960464" s="10"/>
    </row>
    <row r="960465" spans="14:14">
      <c r="N960465" s="10"/>
    </row>
    <row r="960466" spans="14:14">
      <c r="N960466" s="10"/>
    </row>
    <row r="960467" spans="14:14">
      <c r="N960467" s="10"/>
    </row>
    <row r="960468" spans="14:14">
      <c r="N960468" s="10"/>
    </row>
    <row r="960469" spans="14:14">
      <c r="N960469" s="10"/>
    </row>
    <row r="960470" spans="14:14">
      <c r="N960470" s="10"/>
    </row>
    <row r="960471" spans="14:14">
      <c r="N960471" s="10"/>
    </row>
    <row r="960472" spans="14:14">
      <c r="N960472" s="10"/>
    </row>
    <row r="960473" spans="14:14">
      <c r="N960473" s="10"/>
    </row>
    <row r="960474" spans="14:14">
      <c r="N960474" s="10"/>
    </row>
    <row r="960475" spans="14:14">
      <c r="N960475" s="10"/>
    </row>
    <row r="960476" spans="14:14">
      <c r="N960476" s="10"/>
    </row>
    <row r="960477" spans="14:14">
      <c r="N960477" s="10"/>
    </row>
    <row r="960478" spans="14:14">
      <c r="N960478" s="10"/>
    </row>
    <row r="960479" spans="14:14">
      <c r="N960479" s="10"/>
    </row>
    <row r="960480" spans="14:14">
      <c r="N960480" s="10"/>
    </row>
    <row r="960481" spans="14:14">
      <c r="N960481" s="10"/>
    </row>
    <row r="960482" spans="14:14">
      <c r="N960482" s="10"/>
    </row>
    <row r="960483" spans="14:14">
      <c r="N960483" s="10"/>
    </row>
    <row r="960484" spans="14:14">
      <c r="N960484" s="10"/>
    </row>
    <row r="960485" spans="14:14">
      <c r="N960485" s="10"/>
    </row>
    <row r="960486" spans="14:14">
      <c r="N960486" s="10"/>
    </row>
    <row r="960487" spans="14:14">
      <c r="N960487" s="10"/>
    </row>
    <row r="960488" spans="14:14">
      <c r="N960488" s="10"/>
    </row>
    <row r="960489" spans="14:14">
      <c r="N960489" s="10"/>
    </row>
    <row r="960490" spans="14:14">
      <c r="N960490" s="10"/>
    </row>
    <row r="960491" spans="14:14">
      <c r="N960491" s="10"/>
    </row>
    <row r="960492" spans="14:14">
      <c r="N960492" s="10"/>
    </row>
    <row r="960493" spans="14:14">
      <c r="N960493" s="10"/>
    </row>
    <row r="960494" spans="14:14">
      <c r="N960494" s="10"/>
    </row>
    <row r="960495" spans="14:14">
      <c r="N960495" s="10"/>
    </row>
    <row r="960496" spans="14:14">
      <c r="N960496" s="10"/>
    </row>
    <row r="960497" spans="14:14">
      <c r="N960497" s="10"/>
    </row>
    <row r="960498" spans="14:14">
      <c r="N960498" s="10"/>
    </row>
    <row r="960499" spans="14:14">
      <c r="N960499" s="10"/>
    </row>
    <row r="960500" spans="14:14">
      <c r="N960500" s="10"/>
    </row>
    <row r="960501" spans="14:14">
      <c r="N960501" s="10"/>
    </row>
    <row r="960502" spans="14:14">
      <c r="N960502" s="10"/>
    </row>
    <row r="960503" spans="14:14">
      <c r="N960503" s="10"/>
    </row>
    <row r="960504" spans="14:14">
      <c r="N960504" s="10"/>
    </row>
    <row r="960505" spans="14:14">
      <c r="N960505" s="10"/>
    </row>
    <row r="960506" spans="14:14">
      <c r="N960506" s="10"/>
    </row>
    <row r="960507" spans="14:14">
      <c r="N960507" s="10"/>
    </row>
    <row r="960508" spans="14:14">
      <c r="N960508" s="10"/>
    </row>
    <row r="960509" spans="14:14">
      <c r="N960509" s="10"/>
    </row>
    <row r="960510" spans="14:14">
      <c r="N960510" s="10"/>
    </row>
    <row r="960511" spans="14:14">
      <c r="N960511" s="10"/>
    </row>
    <row r="960512" spans="14:14">
      <c r="N960512" s="10"/>
    </row>
    <row r="960513" spans="14:14">
      <c r="N960513" s="10"/>
    </row>
    <row r="960514" spans="14:14">
      <c r="N960514" s="10"/>
    </row>
    <row r="960515" spans="14:14">
      <c r="N960515" s="10"/>
    </row>
    <row r="960516" spans="14:14">
      <c r="N960516" s="10"/>
    </row>
    <row r="960517" spans="14:14">
      <c r="N960517" s="10"/>
    </row>
    <row r="960518" spans="14:14">
      <c r="N960518" s="10"/>
    </row>
    <row r="960519" spans="14:14">
      <c r="N960519" s="10"/>
    </row>
    <row r="960520" spans="14:14">
      <c r="N960520" s="10"/>
    </row>
    <row r="960521" spans="14:14">
      <c r="N960521" s="10"/>
    </row>
    <row r="960522" spans="14:14">
      <c r="N960522" s="10"/>
    </row>
    <row r="960523" spans="14:14">
      <c r="N960523" s="10"/>
    </row>
    <row r="960524" spans="14:14">
      <c r="N960524" s="10"/>
    </row>
    <row r="960525" spans="14:14">
      <c r="N960525" s="10"/>
    </row>
    <row r="960526" spans="14:14">
      <c r="N960526" s="10"/>
    </row>
    <row r="960527" spans="14:14">
      <c r="N960527" s="10"/>
    </row>
    <row r="960528" spans="14:14">
      <c r="N960528" s="10"/>
    </row>
    <row r="960529" spans="14:14">
      <c r="N960529" s="10"/>
    </row>
    <row r="960530" spans="14:14">
      <c r="N960530" s="10"/>
    </row>
    <row r="960531" spans="14:14">
      <c r="N960531" s="10"/>
    </row>
    <row r="960532" spans="14:14">
      <c r="N960532" s="10"/>
    </row>
    <row r="960533" spans="14:14">
      <c r="N960533" s="10"/>
    </row>
    <row r="960534" spans="14:14">
      <c r="N960534" s="10"/>
    </row>
    <row r="960535" spans="14:14">
      <c r="N960535" s="10"/>
    </row>
    <row r="960536" spans="14:14">
      <c r="N960536" s="10"/>
    </row>
    <row r="960537" spans="14:14">
      <c r="N960537" s="10"/>
    </row>
    <row r="960538" spans="14:14">
      <c r="N960538" s="10"/>
    </row>
    <row r="960539" spans="14:14">
      <c r="N960539" s="10"/>
    </row>
    <row r="960540" spans="14:14">
      <c r="N960540" s="10"/>
    </row>
    <row r="960541" spans="14:14">
      <c r="N960541" s="10"/>
    </row>
    <row r="960542" spans="14:14">
      <c r="N960542" s="10"/>
    </row>
    <row r="960543" spans="14:14">
      <c r="N960543" s="10"/>
    </row>
    <row r="960544" spans="14:14">
      <c r="N960544" s="10"/>
    </row>
    <row r="960545" spans="14:14">
      <c r="N960545" s="10"/>
    </row>
    <row r="960546" spans="14:14">
      <c r="N960546" s="10"/>
    </row>
    <row r="960547" spans="14:14">
      <c r="N960547" s="10"/>
    </row>
    <row r="960548" spans="14:14">
      <c r="N960548" s="10"/>
    </row>
    <row r="960549" spans="14:14">
      <c r="N960549" s="10"/>
    </row>
    <row r="960550" spans="14:14">
      <c r="N960550" s="10"/>
    </row>
    <row r="960551" spans="14:14">
      <c r="N960551" s="10"/>
    </row>
    <row r="960552" spans="14:14">
      <c r="N960552" s="10"/>
    </row>
    <row r="960553" spans="14:14">
      <c r="N960553" s="10"/>
    </row>
    <row r="960554" spans="14:14">
      <c r="N960554" s="10"/>
    </row>
    <row r="960555" spans="14:14">
      <c r="N960555" s="10"/>
    </row>
    <row r="960556" spans="14:14">
      <c r="N960556" s="10"/>
    </row>
    <row r="960557" spans="14:14">
      <c r="N960557" s="10"/>
    </row>
    <row r="960558" spans="14:14">
      <c r="N960558" s="10"/>
    </row>
    <row r="960559" spans="14:14">
      <c r="N960559" s="10"/>
    </row>
    <row r="960560" spans="14:14">
      <c r="N960560" s="10"/>
    </row>
    <row r="960561" spans="14:14">
      <c r="N960561" s="10"/>
    </row>
    <row r="960562" spans="14:14">
      <c r="N960562" s="10"/>
    </row>
    <row r="960563" spans="14:14">
      <c r="N960563" s="10"/>
    </row>
    <row r="960564" spans="14:14">
      <c r="N960564" s="10"/>
    </row>
    <row r="960565" spans="14:14">
      <c r="N960565" s="10"/>
    </row>
    <row r="960566" spans="14:14">
      <c r="N960566" s="10"/>
    </row>
    <row r="960567" spans="14:14">
      <c r="N960567" s="10"/>
    </row>
    <row r="960568" spans="14:14">
      <c r="N960568" s="10"/>
    </row>
    <row r="960569" spans="14:14">
      <c r="N960569" s="10"/>
    </row>
    <row r="960570" spans="14:14">
      <c r="N960570" s="10"/>
    </row>
    <row r="960571" spans="14:14">
      <c r="N960571" s="10"/>
    </row>
    <row r="960572" spans="14:14">
      <c r="N960572" s="10"/>
    </row>
    <row r="960573" spans="14:14">
      <c r="N960573" s="10"/>
    </row>
    <row r="960574" spans="14:14">
      <c r="N960574" s="10"/>
    </row>
    <row r="960575" spans="14:14">
      <c r="N960575" s="10"/>
    </row>
    <row r="960576" spans="14:14">
      <c r="N960576" s="10"/>
    </row>
    <row r="960577" spans="14:14">
      <c r="N960577" s="10"/>
    </row>
    <row r="960578" spans="14:14">
      <c r="N960578" s="10"/>
    </row>
    <row r="960579" spans="14:14">
      <c r="N960579" s="10"/>
    </row>
    <row r="960580" spans="14:14">
      <c r="N960580" s="10"/>
    </row>
    <row r="960581" spans="14:14">
      <c r="N960581" s="10"/>
    </row>
    <row r="960582" spans="14:14">
      <c r="N960582" s="10"/>
    </row>
    <row r="960583" spans="14:14">
      <c r="N960583" s="10"/>
    </row>
    <row r="960584" spans="14:14">
      <c r="N960584" s="10"/>
    </row>
    <row r="960585" spans="14:14">
      <c r="N960585" s="10"/>
    </row>
    <row r="960586" spans="14:14">
      <c r="N960586" s="10"/>
    </row>
    <row r="960587" spans="14:14">
      <c r="N960587" s="10"/>
    </row>
    <row r="960588" spans="14:14">
      <c r="N960588" s="10"/>
    </row>
    <row r="960589" spans="14:14">
      <c r="N960589" s="10"/>
    </row>
    <row r="960590" spans="14:14">
      <c r="N960590" s="10"/>
    </row>
    <row r="960591" spans="14:14">
      <c r="N960591" s="10"/>
    </row>
    <row r="960592" spans="14:14">
      <c r="N960592" s="10"/>
    </row>
    <row r="960593" spans="14:14">
      <c r="N960593" s="10"/>
    </row>
    <row r="960594" spans="14:14">
      <c r="N960594" s="10"/>
    </row>
    <row r="960595" spans="14:14">
      <c r="N960595" s="10"/>
    </row>
    <row r="960596" spans="14:14">
      <c r="N960596" s="10"/>
    </row>
    <row r="960597" spans="14:14">
      <c r="N960597" s="10"/>
    </row>
    <row r="960598" spans="14:14">
      <c r="N960598" s="10"/>
    </row>
    <row r="960599" spans="14:14">
      <c r="N960599" s="10"/>
    </row>
    <row r="960600" spans="14:14">
      <c r="N960600" s="10"/>
    </row>
    <row r="960601" spans="14:14">
      <c r="N960601" s="10"/>
    </row>
    <row r="960602" spans="14:14">
      <c r="N960602" s="10"/>
    </row>
    <row r="960603" spans="14:14">
      <c r="N960603" s="10"/>
    </row>
    <row r="960604" spans="14:14">
      <c r="N960604" s="10"/>
    </row>
    <row r="960605" spans="14:14">
      <c r="N960605" s="10"/>
    </row>
    <row r="960606" spans="14:14">
      <c r="N960606" s="10"/>
    </row>
    <row r="960607" spans="14:14">
      <c r="N960607" s="10"/>
    </row>
    <row r="960608" spans="14:14">
      <c r="N960608" s="10"/>
    </row>
    <row r="960609" spans="14:14">
      <c r="N960609" s="10"/>
    </row>
    <row r="960610" spans="14:14">
      <c r="N960610" s="10"/>
    </row>
    <row r="960611" spans="14:14">
      <c r="N960611" s="10"/>
    </row>
    <row r="960612" spans="14:14">
      <c r="N960612" s="10"/>
    </row>
    <row r="960613" spans="14:14">
      <c r="N960613" s="10"/>
    </row>
    <row r="960614" spans="14:14">
      <c r="N960614" s="10"/>
    </row>
    <row r="960615" spans="14:14">
      <c r="N960615" s="10"/>
    </row>
    <row r="960616" spans="14:14">
      <c r="N960616" s="10"/>
    </row>
    <row r="960617" spans="14:14">
      <c r="N960617" s="10"/>
    </row>
    <row r="960618" spans="14:14">
      <c r="N960618" s="10"/>
    </row>
    <row r="960619" spans="14:14">
      <c r="N960619" s="10"/>
    </row>
    <row r="960620" spans="14:14">
      <c r="N960620" s="10"/>
    </row>
    <row r="960621" spans="14:14">
      <c r="N960621" s="10"/>
    </row>
    <row r="960622" spans="14:14">
      <c r="N960622" s="10"/>
    </row>
    <row r="960623" spans="14:14">
      <c r="N960623" s="10"/>
    </row>
    <row r="960624" spans="14:14">
      <c r="N960624" s="10"/>
    </row>
    <row r="960625" spans="14:14">
      <c r="N960625" s="10"/>
    </row>
    <row r="960626" spans="14:14">
      <c r="N960626" s="10"/>
    </row>
    <row r="960627" spans="14:14">
      <c r="N960627" s="10"/>
    </row>
    <row r="960628" spans="14:14">
      <c r="N960628" s="10"/>
    </row>
    <row r="960629" spans="14:14">
      <c r="N960629" s="10"/>
    </row>
    <row r="960630" spans="14:14">
      <c r="N960630" s="10"/>
    </row>
    <row r="960631" spans="14:14">
      <c r="N960631" s="10"/>
    </row>
    <row r="960632" spans="14:14">
      <c r="N960632" s="10"/>
    </row>
    <row r="960633" spans="14:14">
      <c r="N960633" s="10"/>
    </row>
    <row r="960634" spans="14:14">
      <c r="N960634" s="10"/>
    </row>
    <row r="960635" spans="14:14">
      <c r="N960635" s="10"/>
    </row>
    <row r="960636" spans="14:14">
      <c r="N960636" s="10"/>
    </row>
    <row r="960637" spans="14:14">
      <c r="N960637" s="10"/>
    </row>
    <row r="960638" spans="14:14">
      <c r="N960638" s="10"/>
    </row>
    <row r="960639" spans="14:14">
      <c r="N960639" s="10"/>
    </row>
    <row r="960640" spans="14:14">
      <c r="N960640" s="10"/>
    </row>
    <row r="960641" spans="14:14">
      <c r="N960641" s="10"/>
    </row>
    <row r="960642" spans="14:14">
      <c r="N960642" s="10"/>
    </row>
    <row r="960643" spans="14:14">
      <c r="N960643" s="10"/>
    </row>
    <row r="960644" spans="14:14">
      <c r="N960644" s="10"/>
    </row>
    <row r="960645" spans="14:14">
      <c r="N960645" s="10"/>
    </row>
    <row r="960646" spans="14:14">
      <c r="N960646" s="10"/>
    </row>
    <row r="960647" spans="14:14">
      <c r="N960647" s="10"/>
    </row>
    <row r="960648" spans="14:14">
      <c r="N960648" s="10"/>
    </row>
    <row r="960649" spans="14:14">
      <c r="N960649" s="10"/>
    </row>
    <row r="960650" spans="14:14">
      <c r="N960650" s="10"/>
    </row>
    <row r="960651" spans="14:14">
      <c r="N960651" s="10"/>
    </row>
    <row r="960652" spans="14:14">
      <c r="N960652" s="10"/>
    </row>
    <row r="960653" spans="14:14">
      <c r="N960653" s="10"/>
    </row>
    <row r="960654" spans="14:14">
      <c r="N960654" s="10"/>
    </row>
    <row r="960655" spans="14:14">
      <c r="N960655" s="10"/>
    </row>
    <row r="960656" spans="14:14">
      <c r="N960656" s="10"/>
    </row>
    <row r="960657" spans="14:14">
      <c r="N960657" s="10"/>
    </row>
    <row r="960658" spans="14:14">
      <c r="N960658" s="10"/>
    </row>
    <row r="960659" spans="14:14">
      <c r="N960659" s="10"/>
    </row>
    <row r="960660" spans="14:14">
      <c r="N960660" s="10"/>
    </row>
    <row r="960661" spans="14:14">
      <c r="N960661" s="10"/>
    </row>
    <row r="960662" spans="14:14">
      <c r="N960662" s="10"/>
    </row>
    <row r="960663" spans="14:14">
      <c r="N960663" s="10"/>
    </row>
    <row r="960664" spans="14:14">
      <c r="N960664" s="10"/>
    </row>
    <row r="960665" spans="14:14">
      <c r="N960665" s="10"/>
    </row>
    <row r="960666" spans="14:14">
      <c r="N960666" s="10"/>
    </row>
    <row r="960667" spans="14:14">
      <c r="N960667" s="10"/>
    </row>
    <row r="960668" spans="14:14">
      <c r="N960668" s="10"/>
    </row>
    <row r="960669" spans="14:14">
      <c r="N960669" s="10"/>
    </row>
    <row r="960670" spans="14:14">
      <c r="N960670" s="10"/>
    </row>
    <row r="960671" spans="14:14">
      <c r="N960671" s="10"/>
    </row>
    <row r="960672" spans="14:14">
      <c r="N960672" s="10"/>
    </row>
    <row r="960673" spans="14:14">
      <c r="N960673" s="10"/>
    </row>
    <row r="960674" spans="14:14">
      <c r="N960674" s="10"/>
    </row>
    <row r="960675" spans="14:14">
      <c r="N960675" s="10"/>
    </row>
    <row r="960676" spans="14:14">
      <c r="N960676" s="10"/>
    </row>
    <row r="960677" spans="14:14">
      <c r="N960677" s="10"/>
    </row>
    <row r="960678" spans="14:14">
      <c r="N960678" s="10"/>
    </row>
    <row r="960679" spans="14:14">
      <c r="N960679" s="10"/>
    </row>
    <row r="960680" spans="14:14">
      <c r="N960680" s="10"/>
    </row>
    <row r="960681" spans="14:14">
      <c r="N960681" s="10"/>
    </row>
    <row r="960682" spans="14:14">
      <c r="N960682" s="10"/>
    </row>
    <row r="960683" spans="14:14">
      <c r="N960683" s="10"/>
    </row>
    <row r="960684" spans="14:14">
      <c r="N960684" s="10"/>
    </row>
    <row r="960685" spans="14:14">
      <c r="N960685" s="10"/>
    </row>
    <row r="960686" spans="14:14">
      <c r="N960686" s="10"/>
    </row>
    <row r="960687" spans="14:14">
      <c r="N960687" s="10"/>
    </row>
    <row r="960688" spans="14:14">
      <c r="N960688" s="10"/>
    </row>
    <row r="960689" spans="14:14">
      <c r="N960689" s="10"/>
    </row>
    <row r="960690" spans="14:14">
      <c r="N960690" s="10"/>
    </row>
    <row r="960691" spans="14:14">
      <c r="N960691" s="10"/>
    </row>
    <row r="960692" spans="14:14">
      <c r="N960692" s="10"/>
    </row>
    <row r="960693" spans="14:14">
      <c r="N960693" s="10"/>
    </row>
    <row r="960694" spans="14:14">
      <c r="N960694" s="10"/>
    </row>
    <row r="960695" spans="14:14">
      <c r="N960695" s="10"/>
    </row>
    <row r="960696" spans="14:14">
      <c r="N960696" s="10"/>
    </row>
    <row r="960697" spans="14:14">
      <c r="N960697" s="10"/>
    </row>
    <row r="960698" spans="14:14">
      <c r="N960698" s="10"/>
    </row>
    <row r="960699" spans="14:14">
      <c r="N960699" s="10"/>
    </row>
    <row r="960700" spans="14:14">
      <c r="N960700" s="10"/>
    </row>
    <row r="960701" spans="14:14">
      <c r="N960701" s="10"/>
    </row>
    <row r="960702" spans="14:14">
      <c r="N960702" s="10"/>
    </row>
    <row r="960703" spans="14:14">
      <c r="N960703" s="10"/>
    </row>
    <row r="960704" spans="14:14">
      <c r="N960704" s="10"/>
    </row>
    <row r="960705" spans="14:14">
      <c r="N960705" s="10"/>
    </row>
    <row r="960706" spans="14:14">
      <c r="N960706" s="10"/>
    </row>
    <row r="960707" spans="14:14">
      <c r="N960707" s="10"/>
    </row>
    <row r="960708" spans="14:14">
      <c r="N960708" s="10"/>
    </row>
    <row r="960709" spans="14:14">
      <c r="N960709" s="10"/>
    </row>
    <row r="960710" spans="14:14">
      <c r="N960710" s="10"/>
    </row>
    <row r="960711" spans="14:14">
      <c r="N960711" s="10"/>
    </row>
    <row r="960712" spans="14:14">
      <c r="N960712" s="10"/>
    </row>
    <row r="960713" spans="14:14">
      <c r="N960713" s="10"/>
    </row>
    <row r="960714" spans="14:14">
      <c r="N960714" s="10"/>
    </row>
    <row r="960715" spans="14:14">
      <c r="N960715" s="10"/>
    </row>
    <row r="960716" spans="14:14">
      <c r="N960716" s="10"/>
    </row>
    <row r="960717" spans="14:14">
      <c r="N960717" s="10"/>
    </row>
    <row r="960718" spans="14:14">
      <c r="N960718" s="10"/>
    </row>
    <row r="960719" spans="14:14">
      <c r="N960719" s="10"/>
    </row>
    <row r="960720" spans="14:14">
      <c r="N960720" s="10"/>
    </row>
    <row r="960721" spans="14:14">
      <c r="N960721" s="10"/>
    </row>
    <row r="960722" spans="14:14">
      <c r="N960722" s="10"/>
    </row>
    <row r="960723" spans="14:14">
      <c r="N960723" s="10"/>
    </row>
    <row r="960724" spans="14:14">
      <c r="N960724" s="10"/>
    </row>
    <row r="960725" spans="14:14">
      <c r="N960725" s="10"/>
    </row>
    <row r="960726" spans="14:14">
      <c r="N960726" s="10"/>
    </row>
    <row r="960727" spans="14:14">
      <c r="N960727" s="10"/>
    </row>
    <row r="960728" spans="14:14">
      <c r="N960728" s="10"/>
    </row>
    <row r="960729" spans="14:14">
      <c r="N960729" s="10"/>
    </row>
    <row r="960730" spans="14:14">
      <c r="N960730" s="10"/>
    </row>
    <row r="960731" spans="14:14">
      <c r="N960731" s="10"/>
    </row>
    <row r="960732" spans="14:14">
      <c r="N960732" s="10"/>
    </row>
    <row r="960733" spans="14:14">
      <c r="N960733" s="10"/>
    </row>
    <row r="960734" spans="14:14">
      <c r="N960734" s="10"/>
    </row>
    <row r="960735" spans="14:14">
      <c r="N960735" s="10"/>
    </row>
    <row r="960736" spans="14:14">
      <c r="N960736" s="10"/>
    </row>
    <row r="960737" spans="14:14">
      <c r="N960737" s="10"/>
    </row>
    <row r="960738" spans="14:14">
      <c r="N960738" s="10"/>
    </row>
    <row r="960739" spans="14:14">
      <c r="N960739" s="10"/>
    </row>
    <row r="960740" spans="14:14">
      <c r="N960740" s="10"/>
    </row>
    <row r="960741" spans="14:14">
      <c r="N960741" s="10"/>
    </row>
    <row r="960742" spans="14:14">
      <c r="N960742" s="10"/>
    </row>
    <row r="960743" spans="14:14">
      <c r="N960743" s="10"/>
    </row>
    <row r="960744" spans="14:14">
      <c r="N960744" s="10"/>
    </row>
    <row r="960745" spans="14:14">
      <c r="N960745" s="10"/>
    </row>
    <row r="960746" spans="14:14">
      <c r="N960746" s="10"/>
    </row>
    <row r="960747" spans="14:14">
      <c r="N960747" s="10"/>
    </row>
    <row r="960748" spans="14:14">
      <c r="N960748" s="10"/>
    </row>
    <row r="960749" spans="14:14">
      <c r="N960749" s="10"/>
    </row>
    <row r="960750" spans="14:14">
      <c r="N960750" s="10"/>
    </row>
    <row r="960751" spans="14:14">
      <c r="N960751" s="10"/>
    </row>
    <row r="960752" spans="14:14">
      <c r="N960752" s="10"/>
    </row>
    <row r="960753" spans="14:14">
      <c r="N960753" s="10"/>
    </row>
    <row r="960754" spans="14:14">
      <c r="N960754" s="10"/>
    </row>
    <row r="960755" spans="14:14">
      <c r="N960755" s="10"/>
    </row>
    <row r="960756" spans="14:14">
      <c r="N960756" s="10"/>
    </row>
    <row r="960757" spans="14:14">
      <c r="N960757" s="10"/>
    </row>
    <row r="960758" spans="14:14">
      <c r="N960758" s="10"/>
    </row>
    <row r="960759" spans="14:14">
      <c r="N960759" s="10"/>
    </row>
    <row r="960760" spans="14:14">
      <c r="N960760" s="10"/>
    </row>
    <row r="960761" spans="14:14">
      <c r="N960761" s="10"/>
    </row>
    <row r="960762" spans="14:14">
      <c r="N960762" s="10"/>
    </row>
    <row r="960763" spans="14:14">
      <c r="N960763" s="10"/>
    </row>
    <row r="960764" spans="14:14">
      <c r="N960764" s="10"/>
    </row>
    <row r="960765" spans="14:14">
      <c r="N960765" s="10"/>
    </row>
    <row r="960766" spans="14:14">
      <c r="N960766" s="10"/>
    </row>
    <row r="960767" spans="14:14">
      <c r="N960767" s="10"/>
    </row>
    <row r="960768" spans="14:14">
      <c r="N960768" s="10"/>
    </row>
    <row r="960769" spans="14:14">
      <c r="N960769" s="10"/>
    </row>
    <row r="960770" spans="14:14">
      <c r="N960770" s="10"/>
    </row>
    <row r="960771" spans="14:14">
      <c r="N960771" s="10"/>
    </row>
    <row r="960772" spans="14:14">
      <c r="N960772" s="10"/>
    </row>
    <row r="960773" spans="14:14">
      <c r="N960773" s="10"/>
    </row>
    <row r="960774" spans="14:14">
      <c r="N960774" s="10"/>
    </row>
    <row r="960775" spans="14:14">
      <c r="N960775" s="10"/>
    </row>
    <row r="960776" spans="14:14">
      <c r="N960776" s="10"/>
    </row>
    <row r="960777" spans="14:14">
      <c r="N960777" s="10"/>
    </row>
    <row r="960778" spans="14:14">
      <c r="N960778" s="10"/>
    </row>
    <row r="960779" spans="14:14">
      <c r="N960779" s="10"/>
    </row>
    <row r="960780" spans="14:14">
      <c r="N960780" s="10"/>
    </row>
    <row r="960781" spans="14:14">
      <c r="N960781" s="10"/>
    </row>
    <row r="960782" spans="14:14">
      <c r="N960782" s="10"/>
    </row>
    <row r="960783" spans="14:14">
      <c r="N960783" s="10"/>
    </row>
    <row r="960784" spans="14:14">
      <c r="N960784" s="10"/>
    </row>
    <row r="960785" spans="14:14">
      <c r="N960785" s="10"/>
    </row>
    <row r="960786" spans="14:14">
      <c r="N960786" s="10"/>
    </row>
    <row r="960787" spans="14:14">
      <c r="N960787" s="10"/>
    </row>
    <row r="960788" spans="14:14">
      <c r="N960788" s="10"/>
    </row>
    <row r="960789" spans="14:14">
      <c r="N960789" s="10"/>
    </row>
    <row r="960790" spans="14:14">
      <c r="N960790" s="10"/>
    </row>
    <row r="960791" spans="14:14">
      <c r="N960791" s="10"/>
    </row>
    <row r="960792" spans="14:14">
      <c r="N960792" s="10"/>
    </row>
    <row r="960793" spans="14:14">
      <c r="N960793" s="10"/>
    </row>
    <row r="960794" spans="14:14">
      <c r="N960794" s="10"/>
    </row>
    <row r="960795" spans="14:14">
      <c r="N960795" s="10"/>
    </row>
    <row r="960796" spans="14:14">
      <c r="N960796" s="10"/>
    </row>
    <row r="960797" spans="14:14">
      <c r="N960797" s="10"/>
    </row>
    <row r="960798" spans="14:14">
      <c r="N960798" s="10"/>
    </row>
    <row r="960799" spans="14:14">
      <c r="N960799" s="10"/>
    </row>
    <row r="960800" spans="14:14">
      <c r="N960800" s="10"/>
    </row>
    <row r="960801" spans="14:14">
      <c r="N960801" s="10"/>
    </row>
    <row r="960802" spans="14:14">
      <c r="N960802" s="10"/>
    </row>
    <row r="960803" spans="14:14">
      <c r="N960803" s="10"/>
    </row>
    <row r="960804" spans="14:14">
      <c r="N960804" s="10"/>
    </row>
    <row r="960805" spans="14:14">
      <c r="N960805" s="10"/>
    </row>
    <row r="960806" spans="14:14">
      <c r="N960806" s="10"/>
    </row>
    <row r="960807" spans="14:14">
      <c r="N960807" s="10"/>
    </row>
    <row r="960808" spans="14:14">
      <c r="N960808" s="10"/>
    </row>
    <row r="960809" spans="14:14">
      <c r="N960809" s="10"/>
    </row>
    <row r="960810" spans="14:14">
      <c r="N960810" s="10"/>
    </row>
    <row r="960811" spans="14:14">
      <c r="N960811" s="10"/>
    </row>
    <row r="960812" spans="14:14">
      <c r="N960812" s="10"/>
    </row>
    <row r="960813" spans="14:14">
      <c r="N960813" s="10"/>
    </row>
    <row r="960814" spans="14:14">
      <c r="N960814" s="10"/>
    </row>
    <row r="960815" spans="14:14">
      <c r="N960815" s="10"/>
    </row>
    <row r="960816" spans="14:14">
      <c r="N960816" s="10"/>
    </row>
    <row r="960817" spans="14:14">
      <c r="N960817" s="10"/>
    </row>
    <row r="960818" spans="14:14">
      <c r="N960818" s="10"/>
    </row>
    <row r="960819" spans="14:14">
      <c r="N960819" s="10"/>
    </row>
    <row r="960820" spans="14:14">
      <c r="N960820" s="10"/>
    </row>
    <row r="960821" spans="14:14">
      <c r="N960821" s="10"/>
    </row>
    <row r="960822" spans="14:14">
      <c r="N960822" s="10"/>
    </row>
    <row r="960823" spans="14:14">
      <c r="N960823" s="10"/>
    </row>
    <row r="960824" spans="14:14">
      <c r="N960824" s="10"/>
    </row>
    <row r="960825" spans="14:14">
      <c r="N960825" s="10"/>
    </row>
    <row r="960826" spans="14:14">
      <c r="N960826" s="10"/>
    </row>
    <row r="960827" spans="14:14">
      <c r="N960827" s="10"/>
    </row>
    <row r="960828" spans="14:14">
      <c r="N960828" s="10"/>
    </row>
    <row r="960829" spans="14:14">
      <c r="N960829" s="10"/>
    </row>
    <row r="960830" spans="14:14">
      <c r="N960830" s="10"/>
    </row>
    <row r="960831" spans="14:14">
      <c r="N960831" s="10"/>
    </row>
    <row r="960832" spans="14:14">
      <c r="N960832" s="10"/>
    </row>
    <row r="960833" spans="14:14">
      <c r="N960833" s="10"/>
    </row>
    <row r="960834" spans="14:14">
      <c r="N960834" s="10"/>
    </row>
    <row r="960835" spans="14:14">
      <c r="N960835" s="10"/>
    </row>
    <row r="960836" spans="14:14">
      <c r="N960836" s="10"/>
    </row>
    <row r="960837" spans="14:14">
      <c r="N960837" s="10"/>
    </row>
    <row r="960838" spans="14:14">
      <c r="N960838" s="10"/>
    </row>
    <row r="960839" spans="14:14">
      <c r="N960839" s="10"/>
    </row>
    <row r="960840" spans="14:14">
      <c r="N960840" s="10"/>
    </row>
    <row r="960841" spans="14:14">
      <c r="N960841" s="10"/>
    </row>
    <row r="960842" spans="14:14">
      <c r="N960842" s="10"/>
    </row>
    <row r="960843" spans="14:14">
      <c r="N960843" s="10"/>
    </row>
    <row r="960844" spans="14:14">
      <c r="N960844" s="10"/>
    </row>
    <row r="960845" spans="14:14">
      <c r="N960845" s="10"/>
    </row>
    <row r="960846" spans="14:14">
      <c r="N960846" s="10"/>
    </row>
    <row r="960847" spans="14:14">
      <c r="N960847" s="10"/>
    </row>
    <row r="960848" spans="14:14">
      <c r="N960848" s="10"/>
    </row>
    <row r="960849" spans="14:14">
      <c r="N960849" s="10"/>
    </row>
    <row r="960850" spans="14:14">
      <c r="N960850" s="10"/>
    </row>
    <row r="960851" spans="14:14">
      <c r="N960851" s="10"/>
    </row>
    <row r="960852" spans="14:14">
      <c r="N960852" s="10"/>
    </row>
    <row r="960853" spans="14:14">
      <c r="N960853" s="10"/>
    </row>
    <row r="960854" spans="14:14">
      <c r="N960854" s="10"/>
    </row>
    <row r="960855" spans="14:14">
      <c r="N960855" s="10"/>
    </row>
    <row r="960856" spans="14:14">
      <c r="N960856" s="10"/>
    </row>
    <row r="960857" spans="14:14">
      <c r="N960857" s="10"/>
    </row>
    <row r="960858" spans="14:14">
      <c r="N960858" s="10"/>
    </row>
    <row r="960859" spans="14:14">
      <c r="N960859" s="10"/>
    </row>
    <row r="960860" spans="14:14">
      <c r="N960860" s="10"/>
    </row>
    <row r="960861" spans="14:14">
      <c r="N960861" s="10"/>
    </row>
    <row r="960862" spans="14:14">
      <c r="N960862" s="10"/>
    </row>
    <row r="960863" spans="14:14">
      <c r="N960863" s="10"/>
    </row>
    <row r="960864" spans="14:14">
      <c r="N960864" s="10"/>
    </row>
    <row r="960865" spans="14:14">
      <c r="N960865" s="10"/>
    </row>
    <row r="960866" spans="14:14">
      <c r="N960866" s="10"/>
    </row>
    <row r="960867" spans="14:14">
      <c r="N960867" s="10"/>
    </row>
    <row r="960868" spans="14:14">
      <c r="N960868" s="10"/>
    </row>
    <row r="960869" spans="14:14">
      <c r="N960869" s="10"/>
    </row>
    <row r="960870" spans="14:14">
      <c r="N960870" s="10"/>
    </row>
    <row r="960871" spans="14:14">
      <c r="N960871" s="10"/>
    </row>
    <row r="960872" spans="14:14">
      <c r="N960872" s="10"/>
    </row>
    <row r="960873" spans="14:14">
      <c r="N960873" s="10"/>
    </row>
    <row r="960874" spans="14:14">
      <c r="N960874" s="10"/>
    </row>
    <row r="960875" spans="14:14">
      <c r="N960875" s="10"/>
    </row>
    <row r="960876" spans="14:14">
      <c r="N960876" s="10"/>
    </row>
    <row r="960877" spans="14:14">
      <c r="N960877" s="10"/>
    </row>
    <row r="960878" spans="14:14">
      <c r="N960878" s="10"/>
    </row>
    <row r="960879" spans="14:14">
      <c r="N960879" s="10"/>
    </row>
    <row r="960880" spans="14:14">
      <c r="N960880" s="10"/>
    </row>
    <row r="960881" spans="14:14">
      <c r="N960881" s="10"/>
    </row>
    <row r="960882" spans="14:14">
      <c r="N960882" s="10"/>
    </row>
    <row r="960883" spans="14:14">
      <c r="N960883" s="10"/>
    </row>
    <row r="960884" spans="14:14">
      <c r="N960884" s="10"/>
    </row>
    <row r="960885" spans="14:14">
      <c r="N960885" s="10"/>
    </row>
    <row r="960886" spans="14:14">
      <c r="N960886" s="10"/>
    </row>
    <row r="960887" spans="14:14">
      <c r="N960887" s="10"/>
    </row>
    <row r="960888" spans="14:14">
      <c r="N960888" s="10"/>
    </row>
    <row r="960889" spans="14:14">
      <c r="N960889" s="10"/>
    </row>
    <row r="960890" spans="14:14">
      <c r="N960890" s="10"/>
    </row>
    <row r="960891" spans="14:14">
      <c r="N960891" s="10"/>
    </row>
    <row r="960892" spans="14:14">
      <c r="N960892" s="10"/>
    </row>
    <row r="960893" spans="14:14">
      <c r="N960893" s="10"/>
    </row>
    <row r="960894" spans="14:14">
      <c r="N960894" s="10"/>
    </row>
    <row r="960895" spans="14:14">
      <c r="N960895" s="10"/>
    </row>
    <row r="960896" spans="14:14">
      <c r="N960896" s="10"/>
    </row>
    <row r="960897" spans="14:14">
      <c r="N960897" s="10"/>
    </row>
    <row r="960898" spans="14:14">
      <c r="N960898" s="10"/>
    </row>
    <row r="960899" spans="14:14">
      <c r="N960899" s="10"/>
    </row>
    <row r="960900" spans="14:14">
      <c r="N960900" s="10"/>
    </row>
    <row r="960901" spans="14:14">
      <c r="N960901" s="10"/>
    </row>
    <row r="960902" spans="14:14">
      <c r="N960902" s="10"/>
    </row>
    <row r="960903" spans="14:14">
      <c r="N960903" s="10"/>
    </row>
    <row r="960904" spans="14:14">
      <c r="N960904" s="10"/>
    </row>
    <row r="960905" spans="14:14">
      <c r="N960905" s="10"/>
    </row>
    <row r="960906" spans="14:14">
      <c r="N960906" s="10"/>
    </row>
    <row r="960907" spans="14:14">
      <c r="N960907" s="10"/>
    </row>
    <row r="960908" spans="14:14">
      <c r="N960908" s="10"/>
    </row>
    <row r="960909" spans="14:14">
      <c r="N960909" s="10"/>
    </row>
    <row r="960910" spans="14:14">
      <c r="N960910" s="10"/>
    </row>
    <row r="960911" spans="14:14">
      <c r="N960911" s="10"/>
    </row>
    <row r="960912" spans="14:14">
      <c r="N960912" s="10"/>
    </row>
    <row r="960913" spans="14:14">
      <c r="N960913" s="10"/>
    </row>
    <row r="960914" spans="14:14">
      <c r="N960914" s="10"/>
    </row>
    <row r="960915" spans="14:14">
      <c r="N960915" s="10"/>
    </row>
    <row r="960916" spans="14:14">
      <c r="N960916" s="10"/>
    </row>
    <row r="960917" spans="14:14">
      <c r="N960917" s="10"/>
    </row>
    <row r="960918" spans="14:14">
      <c r="N960918" s="10"/>
    </row>
    <row r="960919" spans="14:14">
      <c r="N960919" s="10"/>
    </row>
    <row r="960920" spans="14:14">
      <c r="N960920" s="10"/>
    </row>
    <row r="960921" spans="14:14">
      <c r="N960921" s="10"/>
    </row>
    <row r="960922" spans="14:14">
      <c r="N960922" s="10"/>
    </row>
    <row r="960923" spans="14:14">
      <c r="N960923" s="10"/>
    </row>
    <row r="960924" spans="14:14">
      <c r="N960924" s="10"/>
    </row>
    <row r="960925" spans="14:14">
      <c r="N960925" s="10"/>
    </row>
    <row r="960926" spans="14:14">
      <c r="N960926" s="10"/>
    </row>
    <row r="960927" spans="14:14">
      <c r="N960927" s="10"/>
    </row>
    <row r="960928" spans="14:14">
      <c r="N960928" s="10"/>
    </row>
    <row r="960929" spans="14:14">
      <c r="N960929" s="10"/>
    </row>
    <row r="960930" spans="14:14">
      <c r="N960930" s="10"/>
    </row>
    <row r="960931" spans="14:14">
      <c r="N960931" s="10"/>
    </row>
    <row r="960932" spans="14:14">
      <c r="N960932" s="10"/>
    </row>
    <row r="960933" spans="14:14">
      <c r="N960933" s="10"/>
    </row>
    <row r="960934" spans="14:14">
      <c r="N960934" s="10"/>
    </row>
    <row r="960935" spans="14:14">
      <c r="N960935" s="10"/>
    </row>
    <row r="960936" spans="14:14">
      <c r="N960936" s="10"/>
    </row>
    <row r="960937" spans="14:14">
      <c r="N960937" s="10"/>
    </row>
    <row r="960938" spans="14:14">
      <c r="N960938" s="10"/>
    </row>
    <row r="960939" spans="14:14">
      <c r="N960939" s="10"/>
    </row>
    <row r="960940" spans="14:14">
      <c r="N960940" s="10"/>
    </row>
    <row r="960941" spans="14:14">
      <c r="N960941" s="10"/>
    </row>
    <row r="960942" spans="14:14">
      <c r="N960942" s="10"/>
    </row>
    <row r="960943" spans="14:14">
      <c r="N960943" s="10"/>
    </row>
    <row r="960944" spans="14:14">
      <c r="N960944" s="10"/>
    </row>
    <row r="960945" spans="14:14">
      <c r="N960945" s="10"/>
    </row>
    <row r="960946" spans="14:14">
      <c r="N960946" s="10"/>
    </row>
    <row r="960947" spans="14:14">
      <c r="N960947" s="10"/>
    </row>
    <row r="960948" spans="14:14">
      <c r="N960948" s="10"/>
    </row>
    <row r="960949" spans="14:14">
      <c r="N960949" s="10"/>
    </row>
    <row r="960950" spans="14:14">
      <c r="N960950" s="10"/>
    </row>
    <row r="960951" spans="14:14">
      <c r="N960951" s="10"/>
    </row>
    <row r="960952" spans="14:14">
      <c r="N960952" s="10"/>
    </row>
    <row r="960953" spans="14:14">
      <c r="N960953" s="10"/>
    </row>
    <row r="960954" spans="14:14">
      <c r="N960954" s="10"/>
    </row>
    <row r="960955" spans="14:14">
      <c r="N960955" s="10"/>
    </row>
    <row r="960956" spans="14:14">
      <c r="N960956" s="10"/>
    </row>
    <row r="960957" spans="14:14">
      <c r="N960957" s="10"/>
    </row>
    <row r="960958" spans="14:14">
      <c r="N960958" s="10"/>
    </row>
    <row r="960959" spans="14:14">
      <c r="N960959" s="10"/>
    </row>
    <row r="960960" spans="14:14">
      <c r="N960960" s="10"/>
    </row>
    <row r="960961" spans="14:14">
      <c r="N960961" s="10"/>
    </row>
    <row r="960962" spans="14:14">
      <c r="N960962" s="10"/>
    </row>
    <row r="960963" spans="14:14">
      <c r="N960963" s="10"/>
    </row>
    <row r="960964" spans="14:14">
      <c r="N960964" s="10"/>
    </row>
    <row r="960965" spans="14:14">
      <c r="N960965" s="10"/>
    </row>
    <row r="960966" spans="14:14">
      <c r="N960966" s="10"/>
    </row>
    <row r="960967" spans="14:14">
      <c r="N960967" s="10"/>
    </row>
    <row r="960968" spans="14:14">
      <c r="N960968" s="10"/>
    </row>
    <row r="960969" spans="14:14">
      <c r="N960969" s="10"/>
    </row>
    <row r="960970" spans="14:14">
      <c r="N960970" s="10"/>
    </row>
    <row r="960971" spans="14:14">
      <c r="N960971" s="10"/>
    </row>
    <row r="960972" spans="14:14">
      <c r="N960972" s="10"/>
    </row>
    <row r="960973" spans="14:14">
      <c r="N960973" s="10"/>
    </row>
    <row r="960974" spans="14:14">
      <c r="N960974" s="10"/>
    </row>
    <row r="960975" spans="14:14">
      <c r="N960975" s="10"/>
    </row>
    <row r="960976" spans="14:14">
      <c r="N960976" s="10"/>
    </row>
    <row r="960977" spans="14:14">
      <c r="N960977" s="10"/>
    </row>
    <row r="960978" spans="14:14">
      <c r="N960978" s="10"/>
    </row>
    <row r="960979" spans="14:14">
      <c r="N960979" s="10"/>
    </row>
    <row r="960980" spans="14:14">
      <c r="N960980" s="10"/>
    </row>
    <row r="960981" spans="14:14">
      <c r="N960981" s="10"/>
    </row>
    <row r="960982" spans="14:14">
      <c r="N960982" s="10"/>
    </row>
    <row r="960983" spans="14:14">
      <c r="N960983" s="10"/>
    </row>
    <row r="960984" spans="14:14">
      <c r="N960984" s="10"/>
    </row>
    <row r="960985" spans="14:14">
      <c r="N960985" s="10"/>
    </row>
    <row r="960986" spans="14:14">
      <c r="N960986" s="10"/>
    </row>
    <row r="960987" spans="14:14">
      <c r="N960987" s="10"/>
    </row>
    <row r="960988" spans="14:14">
      <c r="N960988" s="10"/>
    </row>
    <row r="960989" spans="14:14">
      <c r="N960989" s="10"/>
    </row>
    <row r="960990" spans="14:14">
      <c r="N960990" s="10"/>
    </row>
    <row r="960991" spans="14:14">
      <c r="N960991" s="10"/>
    </row>
    <row r="960992" spans="14:14">
      <c r="N960992" s="10"/>
    </row>
    <row r="960993" spans="14:14">
      <c r="N960993" s="10"/>
    </row>
    <row r="960994" spans="14:14">
      <c r="N960994" s="10"/>
    </row>
    <row r="960995" spans="14:14">
      <c r="N960995" s="10"/>
    </row>
    <row r="960996" spans="14:14">
      <c r="N960996" s="10"/>
    </row>
    <row r="960997" spans="14:14">
      <c r="N960997" s="10"/>
    </row>
    <row r="960998" spans="14:14">
      <c r="N960998" s="10"/>
    </row>
    <row r="960999" spans="14:14">
      <c r="N960999" s="10"/>
    </row>
    <row r="961000" spans="14:14">
      <c r="N961000" s="10"/>
    </row>
    <row r="961001" spans="14:14">
      <c r="N961001" s="10"/>
    </row>
    <row r="961002" spans="14:14">
      <c r="N961002" s="10"/>
    </row>
    <row r="961003" spans="14:14">
      <c r="N961003" s="10"/>
    </row>
    <row r="961004" spans="14:14">
      <c r="N961004" s="10"/>
    </row>
    <row r="961005" spans="14:14">
      <c r="N961005" s="10"/>
    </row>
    <row r="961006" spans="14:14">
      <c r="N961006" s="10"/>
    </row>
    <row r="961007" spans="14:14">
      <c r="N961007" s="10"/>
    </row>
    <row r="961008" spans="14:14">
      <c r="N961008" s="10"/>
    </row>
    <row r="961009" spans="14:14">
      <c r="N961009" s="10"/>
    </row>
    <row r="961010" spans="14:14">
      <c r="N961010" s="10"/>
    </row>
    <row r="961011" spans="14:14">
      <c r="N961011" s="10"/>
    </row>
    <row r="961012" spans="14:14">
      <c r="N961012" s="10"/>
    </row>
    <row r="961013" spans="14:14">
      <c r="N961013" s="10"/>
    </row>
    <row r="961014" spans="14:14">
      <c r="N961014" s="10"/>
    </row>
    <row r="961015" spans="14:14">
      <c r="N961015" s="10"/>
    </row>
    <row r="961016" spans="14:14">
      <c r="N961016" s="10"/>
    </row>
    <row r="961017" spans="14:14">
      <c r="N961017" s="10"/>
    </row>
    <row r="961018" spans="14:14">
      <c r="N961018" s="10"/>
    </row>
    <row r="961019" spans="14:14">
      <c r="N961019" s="10"/>
    </row>
    <row r="961020" spans="14:14">
      <c r="N961020" s="10"/>
    </row>
    <row r="961021" spans="14:14">
      <c r="N961021" s="10"/>
    </row>
    <row r="961022" spans="14:14">
      <c r="N961022" s="10"/>
    </row>
    <row r="961023" spans="14:14">
      <c r="N961023" s="10"/>
    </row>
    <row r="961024" spans="14:14">
      <c r="N961024" s="10"/>
    </row>
    <row r="961025" spans="14:14">
      <c r="N961025" s="10"/>
    </row>
    <row r="961026" spans="14:14">
      <c r="N961026" s="10"/>
    </row>
    <row r="961027" spans="14:14">
      <c r="N961027" s="10"/>
    </row>
    <row r="961028" spans="14:14">
      <c r="N961028" s="10"/>
    </row>
    <row r="961029" spans="14:14">
      <c r="N961029" s="10"/>
    </row>
    <row r="961030" spans="14:14">
      <c r="N961030" s="10"/>
    </row>
    <row r="961031" spans="14:14">
      <c r="N961031" s="10"/>
    </row>
    <row r="961032" spans="14:14">
      <c r="N961032" s="10"/>
    </row>
    <row r="961033" spans="14:14">
      <c r="N961033" s="10"/>
    </row>
    <row r="961034" spans="14:14">
      <c r="N961034" s="10"/>
    </row>
    <row r="961035" spans="14:14">
      <c r="N961035" s="10"/>
    </row>
    <row r="961036" spans="14:14">
      <c r="N961036" s="10"/>
    </row>
    <row r="961037" spans="14:14">
      <c r="N961037" s="10"/>
    </row>
    <row r="961038" spans="14:14">
      <c r="N961038" s="10"/>
    </row>
    <row r="961039" spans="14:14">
      <c r="N961039" s="10"/>
    </row>
    <row r="961040" spans="14:14">
      <c r="N961040" s="10"/>
    </row>
    <row r="961041" spans="14:14">
      <c r="N961041" s="10"/>
    </row>
    <row r="961042" spans="14:14">
      <c r="N961042" s="10"/>
    </row>
    <row r="961043" spans="14:14">
      <c r="N961043" s="10"/>
    </row>
    <row r="961044" spans="14:14">
      <c r="N961044" s="10"/>
    </row>
    <row r="961045" spans="14:14">
      <c r="N961045" s="10"/>
    </row>
    <row r="961046" spans="14:14">
      <c r="N961046" s="10"/>
    </row>
    <row r="961047" spans="14:14">
      <c r="N961047" s="10"/>
    </row>
    <row r="961048" spans="14:14">
      <c r="N961048" s="10"/>
    </row>
    <row r="961049" spans="14:14">
      <c r="N961049" s="10"/>
    </row>
    <row r="961050" spans="14:14">
      <c r="N961050" s="10"/>
    </row>
    <row r="961051" spans="14:14">
      <c r="N961051" s="10"/>
    </row>
    <row r="961052" spans="14:14">
      <c r="N961052" s="10"/>
    </row>
    <row r="961053" spans="14:14">
      <c r="N961053" s="10"/>
    </row>
    <row r="961054" spans="14:14">
      <c r="N961054" s="10"/>
    </row>
    <row r="961055" spans="14:14">
      <c r="N961055" s="10"/>
    </row>
    <row r="961056" spans="14:14">
      <c r="N961056" s="10"/>
    </row>
    <row r="961057" spans="14:14">
      <c r="N961057" s="10"/>
    </row>
    <row r="961058" spans="14:14">
      <c r="N961058" s="10"/>
    </row>
    <row r="961059" spans="14:14">
      <c r="N961059" s="10"/>
    </row>
    <row r="961060" spans="14:14">
      <c r="N961060" s="10"/>
    </row>
    <row r="961061" spans="14:14">
      <c r="N961061" s="10"/>
    </row>
    <row r="961062" spans="14:14">
      <c r="N961062" s="10"/>
    </row>
    <row r="961063" spans="14:14">
      <c r="N961063" s="10"/>
    </row>
    <row r="961064" spans="14:14">
      <c r="N961064" s="10"/>
    </row>
    <row r="961065" spans="14:14">
      <c r="N961065" s="10"/>
    </row>
    <row r="961066" spans="14:14">
      <c r="N961066" s="10"/>
    </row>
    <row r="961067" spans="14:14">
      <c r="N961067" s="10"/>
    </row>
    <row r="961068" spans="14:14">
      <c r="N961068" s="10"/>
    </row>
    <row r="961069" spans="14:14">
      <c r="N961069" s="10"/>
    </row>
    <row r="961070" spans="14:14">
      <c r="N961070" s="10"/>
    </row>
    <row r="961071" spans="14:14">
      <c r="N961071" s="10"/>
    </row>
    <row r="961072" spans="14:14">
      <c r="N961072" s="10"/>
    </row>
    <row r="961073" spans="14:14">
      <c r="N961073" s="10"/>
    </row>
    <row r="961074" spans="14:14">
      <c r="N961074" s="10"/>
    </row>
    <row r="961075" spans="14:14">
      <c r="N961075" s="10"/>
    </row>
    <row r="961076" spans="14:14">
      <c r="N961076" s="10"/>
    </row>
    <row r="961077" spans="14:14">
      <c r="N961077" s="10"/>
    </row>
    <row r="961078" spans="14:14">
      <c r="N961078" s="10"/>
    </row>
    <row r="961079" spans="14:14">
      <c r="N961079" s="10"/>
    </row>
    <row r="961080" spans="14:14">
      <c r="N961080" s="10"/>
    </row>
    <row r="961081" spans="14:14">
      <c r="N961081" s="10"/>
    </row>
    <row r="961082" spans="14:14">
      <c r="N961082" s="10"/>
    </row>
    <row r="961083" spans="14:14">
      <c r="N961083" s="10"/>
    </row>
    <row r="961084" spans="14:14">
      <c r="N961084" s="10"/>
    </row>
    <row r="961085" spans="14:14">
      <c r="N961085" s="10"/>
    </row>
    <row r="961086" spans="14:14">
      <c r="N961086" s="10"/>
    </row>
    <row r="961087" spans="14:14">
      <c r="N961087" s="10"/>
    </row>
    <row r="961088" spans="14:14">
      <c r="N961088" s="10"/>
    </row>
    <row r="961089" spans="14:14">
      <c r="N961089" s="10"/>
    </row>
    <row r="961090" spans="14:14">
      <c r="N961090" s="10"/>
    </row>
    <row r="961091" spans="14:14">
      <c r="N961091" s="10"/>
    </row>
    <row r="961092" spans="14:14">
      <c r="N961092" s="10"/>
    </row>
    <row r="961093" spans="14:14">
      <c r="N961093" s="10"/>
    </row>
    <row r="961094" spans="14:14">
      <c r="N961094" s="10"/>
    </row>
    <row r="961095" spans="14:14">
      <c r="N961095" s="10"/>
    </row>
    <row r="961096" spans="14:14">
      <c r="N961096" s="10"/>
    </row>
    <row r="961097" spans="14:14">
      <c r="N961097" s="10"/>
    </row>
    <row r="961098" spans="14:14">
      <c r="N961098" s="10"/>
    </row>
    <row r="961099" spans="14:14">
      <c r="N961099" s="10"/>
    </row>
    <row r="961100" spans="14:14">
      <c r="N961100" s="10"/>
    </row>
    <row r="961101" spans="14:14">
      <c r="N961101" s="10"/>
    </row>
    <row r="961102" spans="14:14">
      <c r="N961102" s="10"/>
    </row>
    <row r="961103" spans="14:14">
      <c r="N961103" s="10"/>
    </row>
    <row r="961104" spans="14:14">
      <c r="N961104" s="10"/>
    </row>
    <row r="961105" spans="14:14">
      <c r="N961105" s="10"/>
    </row>
    <row r="961106" spans="14:14">
      <c r="N961106" s="10"/>
    </row>
    <row r="961107" spans="14:14">
      <c r="N961107" s="10"/>
    </row>
    <row r="961108" spans="14:14">
      <c r="N961108" s="10"/>
    </row>
    <row r="961109" spans="14:14">
      <c r="N961109" s="10"/>
    </row>
    <row r="961110" spans="14:14">
      <c r="N961110" s="10"/>
    </row>
    <row r="961111" spans="14:14">
      <c r="N961111" s="10"/>
    </row>
    <row r="961112" spans="14:14">
      <c r="N961112" s="10"/>
    </row>
    <row r="961113" spans="14:14">
      <c r="N961113" s="10"/>
    </row>
    <row r="961114" spans="14:14">
      <c r="N961114" s="10"/>
    </row>
    <row r="961115" spans="14:14">
      <c r="N961115" s="10"/>
    </row>
    <row r="961116" spans="14:14">
      <c r="N961116" s="10"/>
    </row>
    <row r="961117" spans="14:14">
      <c r="N961117" s="10"/>
    </row>
    <row r="961118" spans="14:14">
      <c r="N961118" s="10"/>
    </row>
    <row r="961119" spans="14:14">
      <c r="N961119" s="10"/>
    </row>
    <row r="961120" spans="14:14">
      <c r="N961120" s="10"/>
    </row>
    <row r="961121" spans="14:14">
      <c r="N961121" s="10"/>
    </row>
    <row r="961122" spans="14:14">
      <c r="N961122" s="10"/>
    </row>
    <row r="961123" spans="14:14">
      <c r="N961123" s="10"/>
    </row>
    <row r="961124" spans="14:14">
      <c r="N961124" s="10"/>
    </row>
    <row r="961125" spans="14:14">
      <c r="N961125" s="10"/>
    </row>
    <row r="961126" spans="14:14">
      <c r="N961126" s="10"/>
    </row>
    <row r="961127" spans="14:14">
      <c r="N961127" s="10"/>
    </row>
    <row r="961128" spans="14:14">
      <c r="N961128" s="10"/>
    </row>
    <row r="961129" spans="14:14">
      <c r="N961129" s="10"/>
    </row>
    <row r="961130" spans="14:14">
      <c r="N961130" s="10"/>
    </row>
    <row r="961131" spans="14:14">
      <c r="N961131" s="10"/>
    </row>
    <row r="961132" spans="14:14">
      <c r="N961132" s="10"/>
    </row>
    <row r="961133" spans="14:14">
      <c r="N961133" s="10"/>
    </row>
    <row r="961134" spans="14:14">
      <c r="N961134" s="10"/>
    </row>
    <row r="961135" spans="14:14">
      <c r="N961135" s="10"/>
    </row>
    <row r="961136" spans="14:14">
      <c r="N961136" s="10"/>
    </row>
    <row r="961137" spans="14:14">
      <c r="N961137" s="10"/>
    </row>
    <row r="961138" spans="14:14">
      <c r="N961138" s="10"/>
    </row>
    <row r="961139" spans="14:14">
      <c r="N961139" s="10"/>
    </row>
    <row r="961140" spans="14:14">
      <c r="N961140" s="10"/>
    </row>
    <row r="961141" spans="14:14">
      <c r="N961141" s="10"/>
    </row>
    <row r="961142" spans="14:14">
      <c r="N961142" s="10"/>
    </row>
    <row r="961143" spans="14:14">
      <c r="N961143" s="10"/>
    </row>
    <row r="961144" spans="14:14">
      <c r="N961144" s="10"/>
    </row>
    <row r="961145" spans="14:14">
      <c r="N961145" s="10"/>
    </row>
    <row r="961146" spans="14:14">
      <c r="N961146" s="10"/>
    </row>
    <row r="961147" spans="14:14">
      <c r="N961147" s="10"/>
    </row>
    <row r="961148" spans="14:14">
      <c r="N961148" s="10"/>
    </row>
    <row r="961149" spans="14:14">
      <c r="N961149" s="10"/>
    </row>
    <row r="961150" spans="14:14">
      <c r="N961150" s="10"/>
    </row>
    <row r="961151" spans="14:14">
      <c r="N961151" s="10"/>
    </row>
    <row r="961152" spans="14:14">
      <c r="N961152" s="10"/>
    </row>
    <row r="961153" spans="14:14">
      <c r="N961153" s="10"/>
    </row>
    <row r="961154" spans="14:14">
      <c r="N961154" s="10"/>
    </row>
    <row r="961155" spans="14:14">
      <c r="N961155" s="10"/>
    </row>
    <row r="961156" spans="14:14">
      <c r="N961156" s="10"/>
    </row>
    <row r="961157" spans="14:14">
      <c r="N961157" s="10"/>
    </row>
    <row r="961158" spans="14:14">
      <c r="N961158" s="10"/>
    </row>
    <row r="961159" spans="14:14">
      <c r="N961159" s="10"/>
    </row>
    <row r="961160" spans="14:14">
      <c r="N961160" s="10"/>
    </row>
    <row r="961161" spans="14:14">
      <c r="N961161" s="10"/>
    </row>
    <row r="961162" spans="14:14">
      <c r="N961162" s="10"/>
    </row>
    <row r="961163" spans="14:14">
      <c r="N961163" s="10"/>
    </row>
    <row r="961164" spans="14:14">
      <c r="N961164" s="10"/>
    </row>
    <row r="961165" spans="14:14">
      <c r="N961165" s="10"/>
    </row>
    <row r="961166" spans="14:14">
      <c r="N961166" s="10"/>
    </row>
    <row r="961167" spans="14:14">
      <c r="N961167" s="10"/>
    </row>
    <row r="961168" spans="14:14">
      <c r="N961168" s="10"/>
    </row>
    <row r="961169" spans="14:14">
      <c r="N961169" s="10"/>
    </row>
    <row r="961170" spans="14:14">
      <c r="N961170" s="10"/>
    </row>
    <row r="961171" spans="14:14">
      <c r="N961171" s="10"/>
    </row>
    <row r="961172" spans="14:14">
      <c r="N961172" s="10"/>
    </row>
    <row r="961173" spans="14:14">
      <c r="N961173" s="10"/>
    </row>
    <row r="961174" spans="14:14">
      <c r="N961174" s="10"/>
    </row>
    <row r="961175" spans="14:14">
      <c r="N961175" s="10"/>
    </row>
    <row r="961176" spans="14:14">
      <c r="N961176" s="10"/>
    </row>
    <row r="961177" spans="14:14">
      <c r="N961177" s="10"/>
    </row>
    <row r="961178" spans="14:14">
      <c r="N961178" s="10"/>
    </row>
    <row r="961179" spans="14:14">
      <c r="N961179" s="10"/>
    </row>
    <row r="961180" spans="14:14">
      <c r="N961180" s="10"/>
    </row>
    <row r="961181" spans="14:14">
      <c r="N961181" s="10"/>
    </row>
    <row r="961182" spans="14:14">
      <c r="N961182" s="10"/>
    </row>
    <row r="961183" spans="14:14">
      <c r="N961183" s="10"/>
    </row>
    <row r="961184" spans="14:14">
      <c r="N961184" s="10"/>
    </row>
    <row r="961185" spans="14:14">
      <c r="N961185" s="10"/>
    </row>
    <row r="961186" spans="14:14">
      <c r="N961186" s="10"/>
    </row>
    <row r="961187" spans="14:14">
      <c r="N961187" s="10"/>
    </row>
    <row r="961188" spans="14:14">
      <c r="N961188" s="10"/>
    </row>
    <row r="961189" spans="14:14">
      <c r="N961189" s="10"/>
    </row>
    <row r="961190" spans="14:14">
      <c r="N961190" s="10"/>
    </row>
    <row r="961191" spans="14:14">
      <c r="N961191" s="10"/>
    </row>
    <row r="961192" spans="14:14">
      <c r="N961192" s="10"/>
    </row>
    <row r="961193" spans="14:14">
      <c r="N961193" s="10"/>
    </row>
    <row r="961194" spans="14:14">
      <c r="N961194" s="10"/>
    </row>
    <row r="961195" spans="14:14">
      <c r="N961195" s="10"/>
    </row>
    <row r="961196" spans="14:14">
      <c r="N961196" s="10"/>
    </row>
    <row r="961197" spans="14:14">
      <c r="N961197" s="10"/>
    </row>
    <row r="961198" spans="14:14">
      <c r="N961198" s="10"/>
    </row>
    <row r="961199" spans="14:14">
      <c r="N961199" s="10"/>
    </row>
    <row r="961200" spans="14:14">
      <c r="N961200" s="10"/>
    </row>
    <row r="961201" spans="14:14">
      <c r="N961201" s="10"/>
    </row>
    <row r="961202" spans="14:14">
      <c r="N961202" s="10"/>
    </row>
    <row r="961203" spans="14:14">
      <c r="N961203" s="10"/>
    </row>
    <row r="961204" spans="14:14">
      <c r="N961204" s="10"/>
    </row>
    <row r="961205" spans="14:14">
      <c r="N961205" s="10"/>
    </row>
    <row r="961206" spans="14:14">
      <c r="N961206" s="10"/>
    </row>
    <row r="961207" spans="14:14">
      <c r="N961207" s="10"/>
    </row>
    <row r="961208" spans="14:14">
      <c r="N961208" s="10"/>
    </row>
    <row r="961209" spans="14:14">
      <c r="N961209" s="10"/>
    </row>
    <row r="961210" spans="14:14">
      <c r="N961210" s="10"/>
    </row>
    <row r="961211" spans="14:14">
      <c r="N961211" s="10"/>
    </row>
    <row r="961212" spans="14:14">
      <c r="N961212" s="10"/>
    </row>
    <row r="961213" spans="14:14">
      <c r="N961213" s="10"/>
    </row>
    <row r="961214" spans="14:14">
      <c r="N961214" s="10"/>
    </row>
    <row r="961215" spans="14:14">
      <c r="N961215" s="10"/>
    </row>
    <row r="961216" spans="14:14">
      <c r="N961216" s="10"/>
    </row>
    <row r="961217" spans="14:14">
      <c r="N961217" s="10"/>
    </row>
    <row r="961218" spans="14:14">
      <c r="N961218" s="10"/>
    </row>
    <row r="961219" spans="14:14">
      <c r="N961219" s="10"/>
    </row>
    <row r="961220" spans="14:14">
      <c r="N961220" s="10"/>
    </row>
    <row r="961221" spans="14:14">
      <c r="N961221" s="10"/>
    </row>
    <row r="961222" spans="14:14">
      <c r="N961222" s="10"/>
    </row>
    <row r="961223" spans="14:14">
      <c r="N961223" s="10"/>
    </row>
    <row r="961224" spans="14:14">
      <c r="N961224" s="10"/>
    </row>
    <row r="961225" spans="14:14">
      <c r="N961225" s="10"/>
    </row>
    <row r="961226" spans="14:14">
      <c r="N961226" s="10"/>
    </row>
    <row r="961227" spans="14:14">
      <c r="N961227" s="10"/>
    </row>
    <row r="961228" spans="14:14">
      <c r="N961228" s="10"/>
    </row>
    <row r="961229" spans="14:14">
      <c r="N961229" s="10"/>
    </row>
    <row r="961230" spans="14:14">
      <c r="N961230" s="10"/>
    </row>
    <row r="961231" spans="14:14">
      <c r="N961231" s="10"/>
    </row>
    <row r="961232" spans="14:14">
      <c r="N961232" s="10"/>
    </row>
    <row r="961233" spans="14:14">
      <c r="N961233" s="10"/>
    </row>
    <row r="961234" spans="14:14">
      <c r="N961234" s="10"/>
    </row>
    <row r="961235" spans="14:14">
      <c r="N961235" s="10"/>
    </row>
    <row r="961236" spans="14:14">
      <c r="N961236" s="10"/>
    </row>
    <row r="961237" spans="14:14">
      <c r="N961237" s="10"/>
    </row>
    <row r="961238" spans="14:14">
      <c r="N961238" s="10"/>
    </row>
    <row r="961239" spans="14:14">
      <c r="N961239" s="10"/>
    </row>
    <row r="961240" spans="14:14">
      <c r="N961240" s="10"/>
    </row>
    <row r="961241" spans="14:14">
      <c r="N961241" s="10"/>
    </row>
    <row r="961242" spans="14:14">
      <c r="N961242" s="10"/>
    </row>
    <row r="961243" spans="14:14">
      <c r="N961243" s="10"/>
    </row>
    <row r="961244" spans="14:14">
      <c r="N961244" s="10"/>
    </row>
    <row r="961245" spans="14:14">
      <c r="N961245" s="10"/>
    </row>
    <row r="961246" spans="14:14">
      <c r="N961246" s="10"/>
    </row>
    <row r="961247" spans="14:14">
      <c r="N961247" s="10"/>
    </row>
    <row r="961248" spans="14:14">
      <c r="N961248" s="10"/>
    </row>
    <row r="961249" spans="14:14">
      <c r="N961249" s="10"/>
    </row>
    <row r="961250" spans="14:14">
      <c r="N961250" s="10"/>
    </row>
    <row r="961251" spans="14:14">
      <c r="N961251" s="10"/>
    </row>
    <row r="961252" spans="14:14">
      <c r="N961252" s="10"/>
    </row>
    <row r="961253" spans="14:14">
      <c r="N961253" s="10"/>
    </row>
    <row r="961254" spans="14:14">
      <c r="N961254" s="10"/>
    </row>
    <row r="961255" spans="14:14">
      <c r="N961255" s="10"/>
    </row>
    <row r="961256" spans="14:14">
      <c r="N961256" s="10"/>
    </row>
    <row r="961257" spans="14:14">
      <c r="N961257" s="10"/>
    </row>
    <row r="961258" spans="14:14">
      <c r="N961258" s="10"/>
    </row>
    <row r="961259" spans="14:14">
      <c r="N961259" s="10"/>
    </row>
    <row r="961260" spans="14:14">
      <c r="N961260" s="10"/>
    </row>
    <row r="961261" spans="14:14">
      <c r="N961261" s="10"/>
    </row>
    <row r="961262" spans="14:14">
      <c r="N961262" s="10"/>
    </row>
    <row r="961263" spans="14:14">
      <c r="N961263" s="10"/>
    </row>
    <row r="961264" spans="14:14">
      <c r="N961264" s="10"/>
    </row>
    <row r="961265" spans="14:14">
      <c r="N961265" s="10"/>
    </row>
    <row r="961266" spans="14:14">
      <c r="N961266" s="10"/>
    </row>
    <row r="961267" spans="14:14">
      <c r="N961267" s="10"/>
    </row>
    <row r="961268" spans="14:14">
      <c r="N961268" s="10"/>
    </row>
    <row r="961269" spans="14:14">
      <c r="N961269" s="10"/>
    </row>
    <row r="961270" spans="14:14">
      <c r="N961270" s="10"/>
    </row>
    <row r="961271" spans="14:14">
      <c r="N961271" s="10"/>
    </row>
    <row r="961272" spans="14:14">
      <c r="N961272" s="10"/>
    </row>
    <row r="961273" spans="14:14">
      <c r="N961273" s="10"/>
    </row>
    <row r="961274" spans="14:14">
      <c r="N961274" s="10"/>
    </row>
    <row r="961275" spans="14:14">
      <c r="N961275" s="10"/>
    </row>
    <row r="961276" spans="14:14">
      <c r="N961276" s="10"/>
    </row>
    <row r="961277" spans="14:14">
      <c r="N961277" s="10"/>
    </row>
    <row r="961278" spans="14:14">
      <c r="N961278" s="10"/>
    </row>
    <row r="961279" spans="14:14">
      <c r="N961279" s="10"/>
    </row>
    <row r="961280" spans="14:14">
      <c r="N961280" s="10"/>
    </row>
    <row r="961281" spans="14:14">
      <c r="N961281" s="10"/>
    </row>
    <row r="961282" spans="14:14">
      <c r="N961282" s="10"/>
    </row>
    <row r="961283" spans="14:14">
      <c r="N961283" s="10"/>
    </row>
    <row r="961284" spans="14:14">
      <c r="N961284" s="10"/>
    </row>
    <row r="961285" spans="14:14">
      <c r="N961285" s="10"/>
    </row>
    <row r="961286" spans="14:14">
      <c r="N961286" s="10"/>
    </row>
    <row r="961287" spans="14:14">
      <c r="N961287" s="10"/>
    </row>
    <row r="961288" spans="14:14">
      <c r="N961288" s="10"/>
    </row>
    <row r="961289" spans="14:14">
      <c r="N961289" s="10"/>
    </row>
    <row r="961290" spans="14:14">
      <c r="N961290" s="10"/>
    </row>
    <row r="961291" spans="14:14">
      <c r="N961291" s="10"/>
    </row>
    <row r="961292" spans="14:14">
      <c r="N961292" s="10"/>
    </row>
    <row r="961293" spans="14:14">
      <c r="N961293" s="10"/>
    </row>
    <row r="961294" spans="14:14">
      <c r="N961294" s="10"/>
    </row>
    <row r="961295" spans="14:14">
      <c r="N961295" s="10"/>
    </row>
    <row r="961296" spans="14:14">
      <c r="N961296" s="10"/>
    </row>
    <row r="961297" spans="14:14">
      <c r="N961297" s="10"/>
    </row>
    <row r="961298" spans="14:14">
      <c r="N961298" s="10"/>
    </row>
    <row r="961299" spans="14:14">
      <c r="N961299" s="10"/>
    </row>
    <row r="961300" spans="14:14">
      <c r="N961300" s="10"/>
    </row>
    <row r="961301" spans="14:14">
      <c r="N961301" s="10"/>
    </row>
    <row r="961302" spans="14:14">
      <c r="N961302" s="10"/>
    </row>
    <row r="961303" spans="14:14">
      <c r="N961303" s="10"/>
    </row>
    <row r="961304" spans="14:14">
      <c r="N961304" s="10"/>
    </row>
    <row r="961305" spans="14:14">
      <c r="N961305" s="10"/>
    </row>
    <row r="961306" spans="14:14">
      <c r="N961306" s="10"/>
    </row>
    <row r="961307" spans="14:14">
      <c r="N961307" s="10"/>
    </row>
    <row r="961308" spans="14:14">
      <c r="N961308" s="10"/>
    </row>
    <row r="961309" spans="14:14">
      <c r="N961309" s="10"/>
    </row>
    <row r="961310" spans="14:14">
      <c r="N961310" s="10"/>
    </row>
    <row r="961311" spans="14:14">
      <c r="N961311" s="10"/>
    </row>
    <row r="961312" spans="14:14">
      <c r="N961312" s="10"/>
    </row>
    <row r="961313" spans="14:14">
      <c r="N961313" s="10"/>
    </row>
    <row r="961314" spans="14:14">
      <c r="N961314" s="10"/>
    </row>
    <row r="961315" spans="14:14">
      <c r="N961315" s="10"/>
    </row>
    <row r="961316" spans="14:14">
      <c r="N961316" s="10"/>
    </row>
    <row r="961317" spans="14:14">
      <c r="N961317" s="10"/>
    </row>
    <row r="961318" spans="14:14">
      <c r="N961318" s="10"/>
    </row>
    <row r="961319" spans="14:14">
      <c r="N961319" s="10"/>
    </row>
    <row r="961320" spans="14:14">
      <c r="N961320" s="10"/>
    </row>
    <row r="961321" spans="14:14">
      <c r="N961321" s="10"/>
    </row>
    <row r="961322" spans="14:14">
      <c r="N961322" s="10"/>
    </row>
    <row r="961323" spans="14:14">
      <c r="N961323" s="10"/>
    </row>
    <row r="961324" spans="14:14">
      <c r="N961324" s="10"/>
    </row>
    <row r="961325" spans="14:14">
      <c r="N961325" s="10"/>
    </row>
    <row r="961326" spans="14:14">
      <c r="N961326" s="10"/>
    </row>
    <row r="961327" spans="14:14">
      <c r="N961327" s="10"/>
    </row>
    <row r="961328" spans="14:14">
      <c r="N961328" s="10"/>
    </row>
    <row r="961329" spans="14:14">
      <c r="N961329" s="10"/>
    </row>
    <row r="961330" spans="14:14">
      <c r="N961330" s="10"/>
    </row>
    <row r="961331" spans="14:14">
      <c r="N961331" s="10"/>
    </row>
    <row r="961332" spans="14:14">
      <c r="N961332" s="10"/>
    </row>
    <row r="961333" spans="14:14">
      <c r="N961333" s="10"/>
    </row>
    <row r="961334" spans="14:14">
      <c r="N961334" s="10"/>
    </row>
    <row r="961335" spans="14:14">
      <c r="N961335" s="10"/>
    </row>
    <row r="961336" spans="14:14">
      <c r="N961336" s="10"/>
    </row>
    <row r="961337" spans="14:14">
      <c r="N961337" s="10"/>
    </row>
    <row r="961338" spans="14:14">
      <c r="N961338" s="10"/>
    </row>
    <row r="961339" spans="14:14">
      <c r="N961339" s="10"/>
    </row>
    <row r="961340" spans="14:14">
      <c r="N961340" s="10"/>
    </row>
    <row r="961341" spans="14:14">
      <c r="N961341" s="10"/>
    </row>
    <row r="961342" spans="14:14">
      <c r="N961342" s="10"/>
    </row>
    <row r="961343" spans="14:14">
      <c r="N961343" s="10"/>
    </row>
    <row r="961344" spans="14:14">
      <c r="N961344" s="10"/>
    </row>
    <row r="961345" spans="14:14">
      <c r="N961345" s="10"/>
    </row>
    <row r="961346" spans="14:14">
      <c r="N961346" s="10"/>
    </row>
    <row r="961347" spans="14:14">
      <c r="N961347" s="10"/>
    </row>
    <row r="961348" spans="14:14">
      <c r="N961348" s="10"/>
    </row>
    <row r="961349" spans="14:14">
      <c r="N961349" s="10"/>
    </row>
    <row r="961350" spans="14:14">
      <c r="N961350" s="10"/>
    </row>
    <row r="961351" spans="14:14">
      <c r="N961351" s="10"/>
    </row>
    <row r="961352" spans="14:14">
      <c r="N961352" s="10"/>
    </row>
    <row r="961353" spans="14:14">
      <c r="N961353" s="10"/>
    </row>
    <row r="961354" spans="14:14">
      <c r="N961354" s="10"/>
    </row>
    <row r="961355" spans="14:14">
      <c r="N961355" s="10"/>
    </row>
    <row r="961356" spans="14:14">
      <c r="N961356" s="10"/>
    </row>
    <row r="961357" spans="14:14">
      <c r="N961357" s="10"/>
    </row>
    <row r="961358" spans="14:14">
      <c r="N961358" s="10"/>
    </row>
    <row r="961359" spans="14:14">
      <c r="N961359" s="10"/>
    </row>
    <row r="961360" spans="14:14">
      <c r="N961360" s="10"/>
    </row>
    <row r="961361" spans="14:14">
      <c r="N961361" s="10"/>
    </row>
    <row r="961362" spans="14:14">
      <c r="N961362" s="10"/>
    </row>
    <row r="961363" spans="14:14">
      <c r="N961363" s="10"/>
    </row>
    <row r="961364" spans="14:14">
      <c r="N961364" s="10"/>
    </row>
    <row r="961365" spans="14:14">
      <c r="N961365" s="10"/>
    </row>
    <row r="961366" spans="14:14">
      <c r="N961366" s="10"/>
    </row>
    <row r="961367" spans="14:14">
      <c r="N961367" s="10"/>
    </row>
    <row r="961368" spans="14:14">
      <c r="N961368" s="10"/>
    </row>
    <row r="961369" spans="14:14">
      <c r="N961369" s="10"/>
    </row>
    <row r="961370" spans="14:14">
      <c r="N961370" s="10"/>
    </row>
    <row r="961371" spans="14:14">
      <c r="N961371" s="10"/>
    </row>
    <row r="961372" spans="14:14">
      <c r="N961372" s="10"/>
    </row>
    <row r="961373" spans="14:14">
      <c r="N961373" s="10"/>
    </row>
    <row r="961374" spans="14:14">
      <c r="N961374" s="10"/>
    </row>
    <row r="961375" spans="14:14">
      <c r="N961375" s="10"/>
    </row>
    <row r="961376" spans="14:14">
      <c r="N961376" s="10"/>
    </row>
    <row r="961377" spans="14:14">
      <c r="N961377" s="10"/>
    </row>
    <row r="961378" spans="14:14">
      <c r="N961378" s="10"/>
    </row>
    <row r="961379" spans="14:14">
      <c r="N961379" s="10"/>
    </row>
    <row r="961380" spans="14:14">
      <c r="N961380" s="10"/>
    </row>
    <row r="961381" spans="14:14">
      <c r="N961381" s="10"/>
    </row>
    <row r="961382" spans="14:14">
      <c r="N961382" s="10"/>
    </row>
    <row r="961383" spans="14:14">
      <c r="N961383" s="10"/>
    </row>
    <row r="961384" spans="14:14">
      <c r="N961384" s="10"/>
    </row>
    <row r="961385" spans="14:14">
      <c r="N961385" s="10"/>
    </row>
    <row r="961386" spans="14:14">
      <c r="N961386" s="10"/>
    </row>
    <row r="961387" spans="14:14">
      <c r="N961387" s="10"/>
    </row>
    <row r="961388" spans="14:14">
      <c r="N961388" s="10"/>
    </row>
    <row r="961389" spans="14:14">
      <c r="N961389" s="10"/>
    </row>
    <row r="961390" spans="14:14">
      <c r="N961390" s="10"/>
    </row>
    <row r="961391" spans="14:14">
      <c r="N961391" s="10"/>
    </row>
    <row r="961392" spans="14:14">
      <c r="N961392" s="10"/>
    </row>
    <row r="961393" spans="14:14">
      <c r="N961393" s="10"/>
    </row>
    <row r="961394" spans="14:14">
      <c r="N961394" s="10"/>
    </row>
    <row r="961395" spans="14:14">
      <c r="N961395" s="10"/>
    </row>
    <row r="961396" spans="14:14">
      <c r="N961396" s="10"/>
    </row>
    <row r="961397" spans="14:14">
      <c r="N961397" s="10"/>
    </row>
    <row r="961398" spans="14:14">
      <c r="N961398" s="10"/>
    </row>
    <row r="961399" spans="14:14">
      <c r="N961399" s="10"/>
    </row>
    <row r="961400" spans="14:14">
      <c r="N961400" s="10"/>
    </row>
    <row r="961401" spans="14:14">
      <c r="N961401" s="10"/>
    </row>
    <row r="961402" spans="14:14">
      <c r="N961402" s="10"/>
    </row>
    <row r="961403" spans="14:14">
      <c r="N961403" s="10"/>
    </row>
    <row r="961404" spans="14:14">
      <c r="N961404" s="10"/>
    </row>
    <row r="961405" spans="14:14">
      <c r="N961405" s="10"/>
    </row>
    <row r="961406" spans="14:14">
      <c r="N961406" s="10"/>
    </row>
    <row r="961407" spans="14:14">
      <c r="N961407" s="10"/>
    </row>
    <row r="961408" spans="14:14">
      <c r="N961408" s="10"/>
    </row>
    <row r="961409" spans="14:14">
      <c r="N961409" s="10"/>
    </row>
    <row r="961410" spans="14:14">
      <c r="N961410" s="10"/>
    </row>
    <row r="961411" spans="14:14">
      <c r="N961411" s="10"/>
    </row>
    <row r="961412" spans="14:14">
      <c r="N961412" s="10"/>
    </row>
    <row r="961413" spans="14:14">
      <c r="N961413" s="10"/>
    </row>
    <row r="961414" spans="14:14">
      <c r="N961414" s="10"/>
    </row>
    <row r="961415" spans="14:14">
      <c r="N961415" s="10"/>
    </row>
    <row r="961416" spans="14:14">
      <c r="N961416" s="10"/>
    </row>
    <row r="961417" spans="14:14">
      <c r="N961417" s="10"/>
    </row>
    <row r="961418" spans="14:14">
      <c r="N961418" s="10"/>
    </row>
    <row r="961419" spans="14:14">
      <c r="N961419" s="10"/>
    </row>
    <row r="961420" spans="14:14">
      <c r="N961420" s="10"/>
    </row>
    <row r="961421" spans="14:14">
      <c r="N961421" s="10"/>
    </row>
    <row r="961422" spans="14:14">
      <c r="N961422" s="10"/>
    </row>
    <row r="961423" spans="14:14">
      <c r="N961423" s="10"/>
    </row>
    <row r="961424" spans="14:14">
      <c r="N961424" s="10"/>
    </row>
    <row r="961425" spans="14:14">
      <c r="N961425" s="10"/>
    </row>
    <row r="961426" spans="14:14">
      <c r="N961426" s="10"/>
    </row>
    <row r="961427" spans="14:14">
      <c r="N961427" s="10"/>
    </row>
    <row r="961428" spans="14:14">
      <c r="N961428" s="10"/>
    </row>
    <row r="961429" spans="14:14">
      <c r="N961429" s="10"/>
    </row>
    <row r="961430" spans="14:14">
      <c r="N961430" s="10"/>
    </row>
    <row r="961431" spans="14:14">
      <c r="N961431" s="10"/>
    </row>
    <row r="961432" spans="14:14">
      <c r="N961432" s="10"/>
    </row>
    <row r="961433" spans="14:14">
      <c r="N961433" s="10"/>
    </row>
    <row r="961434" spans="14:14">
      <c r="N961434" s="10"/>
    </row>
    <row r="961435" spans="14:14">
      <c r="N961435" s="10"/>
    </row>
    <row r="961436" spans="14:14">
      <c r="N961436" s="10"/>
    </row>
    <row r="961437" spans="14:14">
      <c r="N961437" s="10"/>
    </row>
    <row r="961438" spans="14:14">
      <c r="N961438" s="10"/>
    </row>
    <row r="961439" spans="14:14">
      <c r="N961439" s="10"/>
    </row>
    <row r="961440" spans="14:14">
      <c r="N961440" s="10"/>
    </row>
    <row r="961441" spans="14:14">
      <c r="N961441" s="10"/>
    </row>
    <row r="961442" spans="14:14">
      <c r="N961442" s="10"/>
    </row>
    <row r="961443" spans="14:14">
      <c r="N961443" s="10"/>
    </row>
    <row r="961444" spans="14:14">
      <c r="N961444" s="10"/>
    </row>
    <row r="961445" spans="14:14">
      <c r="N961445" s="10"/>
    </row>
    <row r="961446" spans="14:14">
      <c r="N961446" s="10"/>
    </row>
    <row r="961447" spans="14:14">
      <c r="N961447" s="10"/>
    </row>
    <row r="961448" spans="14:14">
      <c r="N961448" s="10"/>
    </row>
    <row r="961449" spans="14:14">
      <c r="N961449" s="10"/>
    </row>
    <row r="961450" spans="14:14">
      <c r="N961450" s="10"/>
    </row>
    <row r="961451" spans="14:14">
      <c r="N961451" s="10"/>
    </row>
    <row r="961452" spans="14:14">
      <c r="N961452" s="10"/>
    </row>
    <row r="961453" spans="14:14">
      <c r="N961453" s="10"/>
    </row>
    <row r="961454" spans="14:14">
      <c r="N961454" s="10"/>
    </row>
    <row r="961455" spans="14:14">
      <c r="N961455" s="10"/>
    </row>
    <row r="961456" spans="14:14">
      <c r="N961456" s="10"/>
    </row>
    <row r="961457" spans="14:14">
      <c r="N961457" s="10"/>
    </row>
    <row r="961458" spans="14:14">
      <c r="N961458" s="10"/>
    </row>
    <row r="961459" spans="14:14">
      <c r="N961459" s="10"/>
    </row>
    <row r="961460" spans="14:14">
      <c r="N961460" s="10"/>
    </row>
    <row r="961461" spans="14:14">
      <c r="N961461" s="10"/>
    </row>
    <row r="961462" spans="14:14">
      <c r="N961462" s="10"/>
    </row>
    <row r="961463" spans="14:14">
      <c r="N961463" s="10"/>
    </row>
    <row r="961464" spans="14:14">
      <c r="N961464" s="10"/>
    </row>
    <row r="961465" spans="14:14">
      <c r="N961465" s="10"/>
    </row>
    <row r="961466" spans="14:14">
      <c r="N961466" s="10"/>
    </row>
    <row r="961467" spans="14:14">
      <c r="N961467" s="10"/>
    </row>
    <row r="961468" spans="14:14">
      <c r="N961468" s="10"/>
    </row>
    <row r="961469" spans="14:14">
      <c r="N961469" s="10"/>
    </row>
    <row r="961470" spans="14:14">
      <c r="N961470" s="10"/>
    </row>
    <row r="961471" spans="14:14">
      <c r="N961471" s="10"/>
    </row>
    <row r="961472" spans="14:14">
      <c r="N961472" s="10"/>
    </row>
    <row r="961473" spans="14:14">
      <c r="N961473" s="10"/>
    </row>
    <row r="961474" spans="14:14">
      <c r="N961474" s="10"/>
    </row>
    <row r="961475" spans="14:14">
      <c r="N961475" s="10"/>
    </row>
    <row r="961476" spans="14:14">
      <c r="N961476" s="10"/>
    </row>
    <row r="961477" spans="14:14">
      <c r="N961477" s="10"/>
    </row>
    <row r="961478" spans="14:14">
      <c r="N961478" s="10"/>
    </row>
    <row r="961479" spans="14:14">
      <c r="N961479" s="10"/>
    </row>
    <row r="961480" spans="14:14">
      <c r="N961480" s="10"/>
    </row>
    <row r="961481" spans="14:14">
      <c r="N961481" s="10"/>
    </row>
    <row r="961482" spans="14:14">
      <c r="N961482" s="10"/>
    </row>
    <row r="961483" spans="14:14">
      <c r="N961483" s="10"/>
    </row>
    <row r="961484" spans="14:14">
      <c r="N961484" s="10"/>
    </row>
    <row r="961485" spans="14:14">
      <c r="N961485" s="10"/>
    </row>
    <row r="961486" spans="14:14">
      <c r="N961486" s="10"/>
    </row>
    <row r="961487" spans="14:14">
      <c r="N961487" s="10"/>
    </row>
    <row r="961488" spans="14:14">
      <c r="N961488" s="10"/>
    </row>
    <row r="961489" spans="14:14">
      <c r="N961489" s="10"/>
    </row>
    <row r="961490" spans="14:14">
      <c r="N961490" s="10"/>
    </row>
    <row r="961491" spans="14:14">
      <c r="N961491" s="10"/>
    </row>
    <row r="961492" spans="14:14">
      <c r="N961492" s="10"/>
    </row>
    <row r="961493" spans="14:14">
      <c r="N961493" s="10"/>
    </row>
    <row r="961494" spans="14:14">
      <c r="N961494" s="10"/>
    </row>
    <row r="961495" spans="14:14">
      <c r="N961495" s="10"/>
    </row>
    <row r="961496" spans="14:14">
      <c r="N961496" s="10"/>
    </row>
    <row r="961497" spans="14:14">
      <c r="N961497" s="10"/>
    </row>
    <row r="961498" spans="14:14">
      <c r="N961498" s="10"/>
    </row>
    <row r="961499" spans="14:14">
      <c r="N961499" s="10"/>
    </row>
    <row r="961500" spans="14:14">
      <c r="N961500" s="10"/>
    </row>
    <row r="961501" spans="14:14">
      <c r="N961501" s="10"/>
    </row>
    <row r="961502" spans="14:14">
      <c r="N961502" s="10"/>
    </row>
    <row r="961503" spans="14:14">
      <c r="N961503" s="10"/>
    </row>
    <row r="961504" spans="14:14">
      <c r="N961504" s="10"/>
    </row>
    <row r="961505" spans="14:14">
      <c r="N961505" s="10"/>
    </row>
    <row r="961506" spans="14:14">
      <c r="N961506" s="10"/>
    </row>
    <row r="961507" spans="14:14">
      <c r="N961507" s="10"/>
    </row>
    <row r="961508" spans="14:14">
      <c r="N961508" s="10"/>
    </row>
    <row r="961509" spans="14:14">
      <c r="N961509" s="10"/>
    </row>
    <row r="961510" spans="14:14">
      <c r="N961510" s="10"/>
    </row>
    <row r="961511" spans="14:14">
      <c r="N961511" s="10"/>
    </row>
    <row r="961512" spans="14:14">
      <c r="N961512" s="10"/>
    </row>
    <row r="961513" spans="14:14">
      <c r="N961513" s="10"/>
    </row>
    <row r="961514" spans="14:14">
      <c r="N961514" s="10"/>
    </row>
    <row r="961515" spans="14:14">
      <c r="N961515" s="10"/>
    </row>
    <row r="961516" spans="14:14">
      <c r="N961516" s="10"/>
    </row>
    <row r="961517" spans="14:14">
      <c r="N961517" s="10"/>
    </row>
    <row r="961518" spans="14:14">
      <c r="N961518" s="10"/>
    </row>
    <row r="961519" spans="14:14">
      <c r="N961519" s="10"/>
    </row>
    <row r="961520" spans="14:14">
      <c r="N961520" s="10"/>
    </row>
    <row r="961521" spans="14:14">
      <c r="N961521" s="10"/>
    </row>
    <row r="961522" spans="14:14">
      <c r="N961522" s="10"/>
    </row>
    <row r="961523" spans="14:14">
      <c r="N961523" s="10"/>
    </row>
    <row r="961524" spans="14:14">
      <c r="N961524" s="10"/>
    </row>
    <row r="961525" spans="14:14">
      <c r="N961525" s="10"/>
    </row>
    <row r="961526" spans="14:14">
      <c r="N961526" s="10"/>
    </row>
    <row r="961527" spans="14:14">
      <c r="N961527" s="10"/>
    </row>
    <row r="961528" spans="14:14">
      <c r="N961528" s="10"/>
    </row>
    <row r="961529" spans="14:14">
      <c r="N961529" s="10"/>
    </row>
    <row r="961530" spans="14:14">
      <c r="N961530" s="10"/>
    </row>
    <row r="961531" spans="14:14">
      <c r="N961531" s="10"/>
    </row>
    <row r="961532" spans="14:14">
      <c r="N961532" s="10"/>
    </row>
    <row r="961533" spans="14:14">
      <c r="N961533" s="10"/>
    </row>
    <row r="961534" spans="14:14">
      <c r="N961534" s="10"/>
    </row>
    <row r="961535" spans="14:14">
      <c r="N961535" s="10"/>
    </row>
    <row r="961536" spans="14:14">
      <c r="N961536" s="10"/>
    </row>
    <row r="961537" spans="14:14">
      <c r="N961537" s="10"/>
    </row>
    <row r="961538" spans="14:14">
      <c r="N961538" s="10"/>
    </row>
    <row r="961539" spans="14:14">
      <c r="N961539" s="10"/>
    </row>
    <row r="961540" spans="14:14">
      <c r="N961540" s="10"/>
    </row>
    <row r="961541" spans="14:14">
      <c r="N961541" s="10"/>
    </row>
    <row r="961542" spans="14:14">
      <c r="N961542" s="10"/>
    </row>
    <row r="961543" spans="14:14">
      <c r="N961543" s="10"/>
    </row>
    <row r="961544" spans="14:14">
      <c r="N961544" s="10"/>
    </row>
    <row r="961545" spans="14:14">
      <c r="N961545" s="10"/>
    </row>
    <row r="961546" spans="14:14">
      <c r="N961546" s="10"/>
    </row>
    <row r="961547" spans="14:14">
      <c r="N961547" s="10"/>
    </row>
    <row r="961548" spans="14:14">
      <c r="N961548" s="10"/>
    </row>
    <row r="961549" spans="14:14">
      <c r="N961549" s="10"/>
    </row>
    <row r="961550" spans="14:14">
      <c r="N961550" s="10"/>
    </row>
    <row r="961551" spans="14:14">
      <c r="N961551" s="10"/>
    </row>
    <row r="961552" spans="14:14">
      <c r="N961552" s="10"/>
    </row>
    <row r="961553" spans="14:14">
      <c r="N961553" s="10"/>
    </row>
    <row r="961554" spans="14:14">
      <c r="N961554" s="10"/>
    </row>
    <row r="961555" spans="14:14">
      <c r="N961555" s="10"/>
    </row>
    <row r="961556" spans="14:14">
      <c r="N961556" s="10"/>
    </row>
    <row r="961557" spans="14:14">
      <c r="N961557" s="10"/>
    </row>
    <row r="961558" spans="14:14">
      <c r="N961558" s="10"/>
    </row>
    <row r="961559" spans="14:14">
      <c r="N961559" s="10"/>
    </row>
    <row r="961560" spans="14:14">
      <c r="N961560" s="10"/>
    </row>
    <row r="961561" spans="14:14">
      <c r="N961561" s="10"/>
    </row>
    <row r="961562" spans="14:14">
      <c r="N961562" s="10"/>
    </row>
    <row r="961563" spans="14:14">
      <c r="N961563" s="10"/>
    </row>
    <row r="961564" spans="14:14">
      <c r="N961564" s="10"/>
    </row>
    <row r="961565" spans="14:14">
      <c r="N961565" s="10"/>
    </row>
    <row r="961566" spans="14:14">
      <c r="N961566" s="10"/>
    </row>
    <row r="961567" spans="14:14">
      <c r="N961567" s="10"/>
    </row>
    <row r="961568" spans="14:14">
      <c r="N961568" s="10"/>
    </row>
    <row r="961569" spans="14:14">
      <c r="N961569" s="10"/>
    </row>
    <row r="961570" spans="14:14">
      <c r="N961570" s="10"/>
    </row>
    <row r="961571" spans="14:14">
      <c r="N961571" s="10"/>
    </row>
    <row r="961572" spans="14:14">
      <c r="N961572" s="10"/>
    </row>
    <row r="961573" spans="14:14">
      <c r="N961573" s="10"/>
    </row>
    <row r="961574" spans="14:14">
      <c r="N961574" s="10"/>
    </row>
    <row r="961575" spans="14:14">
      <c r="N961575" s="10"/>
    </row>
    <row r="961576" spans="14:14">
      <c r="N961576" s="10"/>
    </row>
    <row r="961577" spans="14:14">
      <c r="N961577" s="10"/>
    </row>
    <row r="961578" spans="14:14">
      <c r="N961578" s="10"/>
    </row>
    <row r="961579" spans="14:14">
      <c r="N961579" s="10"/>
    </row>
    <row r="961580" spans="14:14">
      <c r="N961580" s="10"/>
    </row>
    <row r="961581" spans="14:14">
      <c r="N961581" s="10"/>
    </row>
    <row r="961582" spans="14:14">
      <c r="N961582" s="10"/>
    </row>
    <row r="961583" spans="14:14">
      <c r="N961583" s="10"/>
    </row>
    <row r="961584" spans="14:14">
      <c r="N961584" s="10"/>
    </row>
    <row r="961585" spans="14:14">
      <c r="N961585" s="10"/>
    </row>
    <row r="961586" spans="14:14">
      <c r="N961586" s="10"/>
    </row>
    <row r="961587" spans="14:14">
      <c r="N961587" s="10"/>
    </row>
    <row r="961588" spans="14:14">
      <c r="N961588" s="10"/>
    </row>
    <row r="961589" spans="14:14">
      <c r="N961589" s="10"/>
    </row>
    <row r="961590" spans="14:14">
      <c r="N961590" s="10"/>
    </row>
    <row r="961591" spans="14:14">
      <c r="N961591" s="10"/>
    </row>
    <row r="961592" spans="14:14">
      <c r="N961592" s="10"/>
    </row>
    <row r="961593" spans="14:14">
      <c r="N961593" s="10"/>
    </row>
    <row r="961594" spans="14:14">
      <c r="N961594" s="10"/>
    </row>
    <row r="961595" spans="14:14">
      <c r="N961595" s="10"/>
    </row>
    <row r="961596" spans="14:14">
      <c r="N961596" s="10"/>
    </row>
    <row r="961597" spans="14:14">
      <c r="N961597" s="10"/>
    </row>
    <row r="961598" spans="14:14">
      <c r="N961598" s="10"/>
    </row>
    <row r="961599" spans="14:14">
      <c r="N961599" s="10"/>
    </row>
    <row r="961600" spans="14:14">
      <c r="N961600" s="10"/>
    </row>
    <row r="961601" spans="14:14">
      <c r="N961601" s="10"/>
    </row>
    <row r="961602" spans="14:14">
      <c r="N961602" s="10"/>
    </row>
    <row r="961603" spans="14:14">
      <c r="N961603" s="10"/>
    </row>
    <row r="961604" spans="14:14">
      <c r="N961604" s="10"/>
    </row>
    <row r="961605" spans="14:14">
      <c r="N961605" s="10"/>
    </row>
    <row r="961606" spans="14:14">
      <c r="N961606" s="10"/>
    </row>
    <row r="961607" spans="14:14">
      <c r="N961607" s="10"/>
    </row>
    <row r="961608" spans="14:14">
      <c r="N961608" s="10"/>
    </row>
    <row r="961609" spans="14:14">
      <c r="N961609" s="10"/>
    </row>
    <row r="961610" spans="14:14">
      <c r="N961610" s="10"/>
    </row>
    <row r="961611" spans="14:14">
      <c r="N961611" s="10"/>
    </row>
    <row r="961612" spans="14:14">
      <c r="N961612" s="10"/>
    </row>
    <row r="961613" spans="14:14">
      <c r="N961613" s="10"/>
    </row>
    <row r="961614" spans="14:14">
      <c r="N961614" s="10"/>
    </row>
    <row r="961615" spans="14:14">
      <c r="N961615" s="10"/>
    </row>
    <row r="961616" spans="14:14">
      <c r="N961616" s="10"/>
    </row>
    <row r="961617" spans="14:14">
      <c r="N961617" s="10"/>
    </row>
    <row r="961618" spans="14:14">
      <c r="N961618" s="10"/>
    </row>
    <row r="961619" spans="14:14">
      <c r="N961619" s="10"/>
    </row>
    <row r="961620" spans="14:14">
      <c r="N961620" s="10"/>
    </row>
    <row r="961621" spans="14:14">
      <c r="N961621" s="10"/>
    </row>
    <row r="961622" spans="14:14">
      <c r="N961622" s="10"/>
    </row>
    <row r="961623" spans="14:14">
      <c r="N961623" s="10"/>
    </row>
    <row r="961624" spans="14:14">
      <c r="N961624" s="10"/>
    </row>
    <row r="961625" spans="14:14">
      <c r="N961625" s="10"/>
    </row>
    <row r="961626" spans="14:14">
      <c r="N961626" s="10"/>
    </row>
    <row r="961627" spans="14:14">
      <c r="N961627" s="10"/>
    </row>
    <row r="961628" spans="14:14">
      <c r="N961628" s="10"/>
    </row>
    <row r="961629" spans="14:14">
      <c r="N961629" s="10"/>
    </row>
    <row r="961630" spans="14:14">
      <c r="N961630" s="10"/>
    </row>
    <row r="961631" spans="14:14">
      <c r="N961631" s="10"/>
    </row>
    <row r="961632" spans="14:14">
      <c r="N961632" s="10"/>
    </row>
    <row r="961633" spans="14:14">
      <c r="N961633" s="10"/>
    </row>
    <row r="961634" spans="14:14">
      <c r="N961634" s="10"/>
    </row>
    <row r="961635" spans="14:14">
      <c r="N961635" s="10"/>
    </row>
    <row r="961636" spans="14:14">
      <c r="N961636" s="10"/>
    </row>
    <row r="961637" spans="14:14">
      <c r="N961637" s="10"/>
    </row>
    <row r="961638" spans="14:14">
      <c r="N961638" s="10"/>
    </row>
    <row r="961639" spans="14:14">
      <c r="N961639" s="10"/>
    </row>
    <row r="961640" spans="14:14">
      <c r="N961640" s="10"/>
    </row>
    <row r="961641" spans="14:14">
      <c r="N961641" s="10"/>
    </row>
    <row r="961642" spans="14:14">
      <c r="N961642" s="10"/>
    </row>
    <row r="961643" spans="14:14">
      <c r="N961643" s="10"/>
    </row>
    <row r="961644" spans="14:14">
      <c r="N961644" s="10"/>
    </row>
    <row r="961645" spans="14:14">
      <c r="N961645" s="10"/>
    </row>
    <row r="961646" spans="14:14">
      <c r="N961646" s="10"/>
    </row>
    <row r="961647" spans="14:14">
      <c r="N961647" s="10"/>
    </row>
    <row r="961648" spans="14:14">
      <c r="N961648" s="10"/>
    </row>
    <row r="961649" spans="14:14">
      <c r="N961649" s="10"/>
    </row>
    <row r="961650" spans="14:14">
      <c r="N961650" s="10"/>
    </row>
    <row r="961651" spans="14:14">
      <c r="N961651" s="10"/>
    </row>
    <row r="961652" spans="14:14">
      <c r="N961652" s="10"/>
    </row>
    <row r="961653" spans="14:14">
      <c r="N961653" s="10"/>
    </row>
    <row r="961654" spans="14:14">
      <c r="N961654" s="10"/>
    </row>
    <row r="961655" spans="14:14">
      <c r="N961655" s="10"/>
    </row>
    <row r="961656" spans="14:14">
      <c r="N961656" s="10"/>
    </row>
    <row r="961657" spans="14:14">
      <c r="N961657" s="10"/>
    </row>
    <row r="961658" spans="14:14">
      <c r="N961658" s="10"/>
    </row>
    <row r="961659" spans="14:14">
      <c r="N961659" s="10"/>
    </row>
    <row r="961660" spans="14:14">
      <c r="N961660" s="10"/>
    </row>
    <row r="961661" spans="14:14">
      <c r="N961661" s="10"/>
    </row>
    <row r="961662" spans="14:14">
      <c r="N961662" s="10"/>
    </row>
    <row r="961663" spans="14:14">
      <c r="N961663" s="10"/>
    </row>
    <row r="961664" spans="14:14">
      <c r="N961664" s="10"/>
    </row>
    <row r="961665" spans="14:14">
      <c r="N961665" s="10"/>
    </row>
    <row r="961666" spans="14:14">
      <c r="N961666" s="10"/>
    </row>
    <row r="961667" spans="14:14">
      <c r="N961667" s="10"/>
    </row>
    <row r="961668" spans="14:14">
      <c r="N961668" s="10"/>
    </row>
    <row r="961669" spans="14:14">
      <c r="N961669" s="10"/>
    </row>
    <row r="961670" spans="14:14">
      <c r="N961670" s="10"/>
    </row>
    <row r="961671" spans="14:14">
      <c r="N961671" s="10"/>
    </row>
    <row r="961672" spans="14:14">
      <c r="N961672" s="10"/>
    </row>
    <row r="961673" spans="14:14">
      <c r="N961673" s="10"/>
    </row>
    <row r="961674" spans="14:14">
      <c r="N961674" s="10"/>
    </row>
    <row r="961675" spans="14:14">
      <c r="N961675" s="10"/>
    </row>
    <row r="961676" spans="14:14">
      <c r="N961676" s="10"/>
    </row>
    <row r="961677" spans="14:14">
      <c r="N961677" s="10"/>
    </row>
    <row r="961678" spans="14:14">
      <c r="N961678" s="10"/>
    </row>
    <row r="961679" spans="14:14">
      <c r="N961679" s="10"/>
    </row>
    <row r="961680" spans="14:14">
      <c r="N961680" s="10"/>
    </row>
    <row r="961681" spans="14:14">
      <c r="N961681" s="10"/>
    </row>
    <row r="961682" spans="14:14">
      <c r="N961682" s="10"/>
    </row>
    <row r="961683" spans="14:14">
      <c r="N961683" s="10"/>
    </row>
    <row r="961684" spans="14:14">
      <c r="N961684" s="10"/>
    </row>
    <row r="961685" spans="14:14">
      <c r="N961685" s="10"/>
    </row>
    <row r="961686" spans="14:14">
      <c r="N961686" s="10"/>
    </row>
    <row r="961687" spans="14:14">
      <c r="N961687" s="10"/>
    </row>
    <row r="961688" spans="14:14">
      <c r="N961688" s="10"/>
    </row>
    <row r="961689" spans="14:14">
      <c r="N961689" s="10"/>
    </row>
    <row r="961690" spans="14:14">
      <c r="N961690" s="10"/>
    </row>
    <row r="961691" spans="14:14">
      <c r="N961691" s="10"/>
    </row>
    <row r="961692" spans="14:14">
      <c r="N961692" s="10"/>
    </row>
    <row r="961693" spans="14:14">
      <c r="N961693" s="10"/>
    </row>
    <row r="961694" spans="14:14">
      <c r="N961694" s="10"/>
    </row>
    <row r="961695" spans="14:14">
      <c r="N961695" s="10"/>
    </row>
    <row r="961696" spans="14:14">
      <c r="N961696" s="10"/>
    </row>
    <row r="961697" spans="14:14">
      <c r="N961697" s="10"/>
    </row>
    <row r="961698" spans="14:14">
      <c r="N961698" s="10"/>
    </row>
    <row r="961699" spans="14:14">
      <c r="N961699" s="10"/>
    </row>
    <row r="961700" spans="14:14">
      <c r="N961700" s="10"/>
    </row>
    <row r="961701" spans="14:14">
      <c r="N961701" s="10"/>
    </row>
    <row r="961702" spans="14:14">
      <c r="N961702" s="10"/>
    </row>
    <row r="961703" spans="14:14">
      <c r="N961703" s="10"/>
    </row>
    <row r="961704" spans="14:14">
      <c r="N961704" s="10"/>
    </row>
    <row r="961705" spans="14:14">
      <c r="N961705" s="10"/>
    </row>
    <row r="961706" spans="14:14">
      <c r="N961706" s="10"/>
    </row>
    <row r="961707" spans="14:14">
      <c r="N961707" s="10"/>
    </row>
    <row r="961708" spans="14:14">
      <c r="N961708" s="10"/>
    </row>
    <row r="961709" spans="14:14">
      <c r="N961709" s="10"/>
    </row>
    <row r="961710" spans="14:14">
      <c r="N961710" s="10"/>
    </row>
    <row r="961711" spans="14:14">
      <c r="N961711" s="10"/>
    </row>
    <row r="961712" spans="14:14">
      <c r="N961712" s="10"/>
    </row>
    <row r="961713" spans="14:14">
      <c r="N961713" s="10"/>
    </row>
    <row r="961714" spans="14:14">
      <c r="N961714" s="10"/>
    </row>
    <row r="961715" spans="14:14">
      <c r="N961715" s="10"/>
    </row>
    <row r="961716" spans="14:14">
      <c r="N961716" s="10"/>
    </row>
    <row r="961717" spans="14:14">
      <c r="N961717" s="10"/>
    </row>
    <row r="961718" spans="14:14">
      <c r="N961718" s="10"/>
    </row>
    <row r="961719" spans="14:14">
      <c r="N961719" s="10"/>
    </row>
    <row r="961720" spans="14:14">
      <c r="N961720" s="10"/>
    </row>
    <row r="961721" spans="14:14">
      <c r="N961721" s="10"/>
    </row>
    <row r="961722" spans="14:14">
      <c r="N961722" s="10"/>
    </row>
    <row r="961723" spans="14:14">
      <c r="N961723" s="10"/>
    </row>
    <row r="961724" spans="14:14">
      <c r="N961724" s="10"/>
    </row>
    <row r="961725" spans="14:14">
      <c r="N961725" s="10"/>
    </row>
    <row r="961726" spans="14:14">
      <c r="N961726" s="10"/>
    </row>
    <row r="961727" spans="14:14">
      <c r="N961727" s="10"/>
    </row>
    <row r="961728" spans="14:14">
      <c r="N961728" s="10"/>
    </row>
    <row r="961729" spans="14:14">
      <c r="N961729" s="10"/>
    </row>
    <row r="961730" spans="14:14">
      <c r="N961730" s="10"/>
    </row>
    <row r="961731" spans="14:14">
      <c r="N961731" s="10"/>
    </row>
    <row r="961732" spans="14:14">
      <c r="N961732" s="10"/>
    </row>
    <row r="961733" spans="14:14">
      <c r="N961733" s="10"/>
    </row>
    <row r="961734" spans="14:14">
      <c r="N961734" s="10"/>
    </row>
    <row r="961735" spans="14:14">
      <c r="N961735" s="10"/>
    </row>
    <row r="961736" spans="14:14">
      <c r="N961736" s="10"/>
    </row>
    <row r="961737" spans="14:14">
      <c r="N961737" s="10"/>
    </row>
    <row r="961738" spans="14:14">
      <c r="N961738" s="10"/>
    </row>
    <row r="961739" spans="14:14">
      <c r="N961739" s="10"/>
    </row>
    <row r="961740" spans="14:14">
      <c r="N961740" s="10"/>
    </row>
    <row r="961741" spans="14:14">
      <c r="N961741" s="10"/>
    </row>
    <row r="961742" spans="14:14">
      <c r="N961742" s="10"/>
    </row>
    <row r="961743" spans="14:14">
      <c r="N961743" s="10"/>
    </row>
    <row r="961744" spans="14:14">
      <c r="N961744" s="10"/>
    </row>
    <row r="961745" spans="14:14">
      <c r="N961745" s="10"/>
    </row>
    <row r="961746" spans="14:14">
      <c r="N961746" s="10"/>
    </row>
    <row r="961747" spans="14:14">
      <c r="N961747" s="10"/>
    </row>
    <row r="961748" spans="14:14">
      <c r="N961748" s="10"/>
    </row>
    <row r="961749" spans="14:14">
      <c r="N961749" s="10"/>
    </row>
    <row r="961750" spans="14:14">
      <c r="N961750" s="10"/>
    </row>
    <row r="961751" spans="14:14">
      <c r="N961751" s="10"/>
    </row>
    <row r="961752" spans="14:14">
      <c r="N961752" s="10"/>
    </row>
    <row r="961753" spans="14:14">
      <c r="N961753" s="10"/>
    </row>
    <row r="961754" spans="14:14">
      <c r="N961754" s="10"/>
    </row>
    <row r="961755" spans="14:14">
      <c r="N961755" s="10"/>
    </row>
    <row r="961756" spans="14:14">
      <c r="N961756" s="10"/>
    </row>
    <row r="961757" spans="14:14">
      <c r="N961757" s="10"/>
    </row>
    <row r="961758" spans="14:14">
      <c r="N961758" s="10"/>
    </row>
    <row r="961759" spans="14:14">
      <c r="N961759" s="10"/>
    </row>
    <row r="961760" spans="14:14">
      <c r="N961760" s="10"/>
    </row>
    <row r="961761" spans="14:14">
      <c r="N961761" s="10"/>
    </row>
    <row r="961762" spans="14:14">
      <c r="N961762" s="10"/>
    </row>
    <row r="961763" spans="14:14">
      <c r="N961763" s="10"/>
    </row>
    <row r="961764" spans="14:14">
      <c r="N961764" s="10"/>
    </row>
    <row r="961765" spans="14:14">
      <c r="N961765" s="10"/>
    </row>
    <row r="961766" spans="14:14">
      <c r="N961766" s="10"/>
    </row>
    <row r="961767" spans="14:14">
      <c r="N961767" s="10"/>
    </row>
    <row r="961768" spans="14:14">
      <c r="N961768" s="10"/>
    </row>
    <row r="961769" spans="14:14">
      <c r="N961769" s="10"/>
    </row>
    <row r="961770" spans="14:14">
      <c r="N961770" s="10"/>
    </row>
    <row r="961771" spans="14:14">
      <c r="N961771" s="10"/>
    </row>
    <row r="961772" spans="14:14">
      <c r="N961772" s="10"/>
    </row>
    <row r="961773" spans="14:14">
      <c r="N961773" s="10"/>
    </row>
    <row r="961774" spans="14:14">
      <c r="N961774" s="10"/>
    </row>
    <row r="961775" spans="14:14">
      <c r="N961775" s="10"/>
    </row>
    <row r="961776" spans="14:14">
      <c r="N961776" s="10"/>
    </row>
    <row r="961777" spans="14:14">
      <c r="N961777" s="10"/>
    </row>
    <row r="961778" spans="14:14">
      <c r="N961778" s="10"/>
    </row>
    <row r="961779" spans="14:14">
      <c r="N961779" s="10"/>
    </row>
    <row r="961780" spans="14:14">
      <c r="N961780" s="10"/>
    </row>
    <row r="961781" spans="14:14">
      <c r="N961781" s="10"/>
    </row>
    <row r="961782" spans="14:14">
      <c r="N961782" s="10"/>
    </row>
    <row r="961783" spans="14:14">
      <c r="N961783" s="10"/>
    </row>
    <row r="961784" spans="14:14">
      <c r="N961784" s="10"/>
    </row>
    <row r="961785" spans="14:14">
      <c r="N961785" s="10"/>
    </row>
    <row r="961786" spans="14:14">
      <c r="N961786" s="10"/>
    </row>
    <row r="961787" spans="14:14">
      <c r="N961787" s="10"/>
    </row>
    <row r="961788" spans="14:14">
      <c r="N961788" s="10"/>
    </row>
    <row r="961789" spans="14:14">
      <c r="N961789" s="10"/>
    </row>
    <row r="961790" spans="14:14">
      <c r="N961790" s="10"/>
    </row>
    <row r="961791" spans="14:14">
      <c r="N961791" s="10"/>
    </row>
    <row r="961792" spans="14:14">
      <c r="N961792" s="10"/>
    </row>
    <row r="961793" spans="14:14">
      <c r="N961793" s="10"/>
    </row>
    <row r="961794" spans="14:14">
      <c r="N961794" s="10"/>
    </row>
    <row r="961795" spans="14:14">
      <c r="N961795" s="10"/>
    </row>
    <row r="961796" spans="14:14">
      <c r="N961796" s="10"/>
    </row>
    <row r="961797" spans="14:14">
      <c r="N961797" s="10"/>
    </row>
    <row r="961798" spans="14:14">
      <c r="N961798" s="10"/>
    </row>
    <row r="961799" spans="14:14">
      <c r="N961799" s="10"/>
    </row>
    <row r="961800" spans="14:14">
      <c r="N961800" s="10"/>
    </row>
    <row r="961801" spans="14:14">
      <c r="N961801" s="10"/>
    </row>
    <row r="961802" spans="14:14">
      <c r="N961802" s="10"/>
    </row>
    <row r="961803" spans="14:14">
      <c r="N961803" s="10"/>
    </row>
    <row r="961804" spans="14:14">
      <c r="N961804" s="10"/>
    </row>
    <row r="961805" spans="14:14">
      <c r="N961805" s="10"/>
    </row>
    <row r="961806" spans="14:14">
      <c r="N961806" s="10"/>
    </row>
    <row r="961807" spans="14:14">
      <c r="N961807" s="10"/>
    </row>
    <row r="961808" spans="14:14">
      <c r="N961808" s="10"/>
    </row>
    <row r="961809" spans="14:14">
      <c r="N961809" s="10"/>
    </row>
    <row r="961810" spans="14:14">
      <c r="N961810" s="10"/>
    </row>
    <row r="961811" spans="14:14">
      <c r="N961811" s="10"/>
    </row>
    <row r="961812" spans="14:14">
      <c r="N961812" s="10"/>
    </row>
    <row r="961813" spans="14:14">
      <c r="N961813" s="10"/>
    </row>
    <row r="961814" spans="14:14">
      <c r="N961814" s="10"/>
    </row>
    <row r="961815" spans="14:14">
      <c r="N961815" s="10"/>
    </row>
    <row r="961816" spans="14:14">
      <c r="N961816" s="10"/>
    </row>
    <row r="961817" spans="14:14">
      <c r="N961817" s="10"/>
    </row>
    <row r="961818" spans="14:14">
      <c r="N961818" s="10"/>
    </row>
    <row r="961819" spans="14:14">
      <c r="N961819" s="10"/>
    </row>
    <row r="961820" spans="14:14">
      <c r="N961820" s="10"/>
    </row>
    <row r="961821" spans="14:14">
      <c r="N961821" s="10"/>
    </row>
    <row r="961822" spans="14:14">
      <c r="N961822" s="10"/>
    </row>
    <row r="961823" spans="14:14">
      <c r="N961823" s="10"/>
    </row>
    <row r="961824" spans="14:14">
      <c r="N961824" s="10"/>
    </row>
    <row r="961825" spans="14:14">
      <c r="N961825" s="10"/>
    </row>
    <row r="961826" spans="14:14">
      <c r="N961826" s="10"/>
    </row>
    <row r="961827" spans="14:14">
      <c r="N961827" s="10"/>
    </row>
    <row r="961828" spans="14:14">
      <c r="N961828" s="10"/>
    </row>
    <row r="961829" spans="14:14">
      <c r="N961829" s="10"/>
    </row>
    <row r="961830" spans="14:14">
      <c r="N961830" s="10"/>
    </row>
    <row r="961831" spans="14:14">
      <c r="N961831" s="10"/>
    </row>
    <row r="961832" spans="14:14">
      <c r="N961832" s="10"/>
    </row>
    <row r="961833" spans="14:14">
      <c r="N961833" s="10"/>
    </row>
    <row r="961834" spans="14:14">
      <c r="N961834" s="10"/>
    </row>
    <row r="961835" spans="14:14">
      <c r="N961835" s="10"/>
    </row>
    <row r="961836" spans="14:14">
      <c r="N961836" s="10"/>
    </row>
    <row r="961837" spans="14:14">
      <c r="N961837" s="10"/>
    </row>
    <row r="961838" spans="14:14">
      <c r="N961838" s="10"/>
    </row>
    <row r="961839" spans="14:14">
      <c r="N961839" s="10"/>
    </row>
    <row r="961840" spans="14:14">
      <c r="N961840" s="10"/>
    </row>
    <row r="961841" spans="14:14">
      <c r="N961841" s="10"/>
    </row>
    <row r="961842" spans="14:14">
      <c r="N961842" s="10"/>
    </row>
    <row r="961843" spans="14:14">
      <c r="N961843" s="10"/>
    </row>
    <row r="961844" spans="14:14">
      <c r="N961844" s="10"/>
    </row>
    <row r="961845" spans="14:14">
      <c r="N961845" s="10"/>
    </row>
    <row r="961846" spans="14:14">
      <c r="N961846" s="10"/>
    </row>
    <row r="961847" spans="14:14">
      <c r="N961847" s="10"/>
    </row>
    <row r="961848" spans="14:14">
      <c r="N961848" s="10"/>
    </row>
    <row r="961849" spans="14:14">
      <c r="N961849" s="10"/>
    </row>
    <row r="961850" spans="14:14">
      <c r="N961850" s="10"/>
    </row>
    <row r="961851" spans="14:14">
      <c r="N961851" s="10"/>
    </row>
    <row r="961852" spans="14:14">
      <c r="N961852" s="10"/>
    </row>
    <row r="961853" spans="14:14">
      <c r="N961853" s="10"/>
    </row>
    <row r="961854" spans="14:14">
      <c r="N961854" s="10"/>
    </row>
    <row r="961855" spans="14:14">
      <c r="N961855" s="10"/>
    </row>
    <row r="961856" spans="14:14">
      <c r="N961856" s="10"/>
    </row>
    <row r="961857" spans="14:14">
      <c r="N961857" s="10"/>
    </row>
    <row r="961858" spans="14:14">
      <c r="N961858" s="10"/>
    </row>
    <row r="961859" spans="14:14">
      <c r="N961859" s="10"/>
    </row>
    <row r="961860" spans="14:14">
      <c r="N961860" s="10"/>
    </row>
    <row r="961861" spans="14:14">
      <c r="N961861" s="10"/>
    </row>
    <row r="961862" spans="14:14">
      <c r="N961862" s="10"/>
    </row>
    <row r="961863" spans="14:14">
      <c r="N961863" s="10"/>
    </row>
    <row r="961864" spans="14:14">
      <c r="N961864" s="10"/>
    </row>
    <row r="961865" spans="14:14">
      <c r="N961865" s="10"/>
    </row>
    <row r="961866" spans="14:14">
      <c r="N961866" s="10"/>
    </row>
    <row r="961867" spans="14:14">
      <c r="N961867" s="10"/>
    </row>
    <row r="961868" spans="14:14">
      <c r="N961868" s="10"/>
    </row>
    <row r="961869" spans="14:14">
      <c r="N961869" s="10"/>
    </row>
    <row r="961870" spans="14:14">
      <c r="N961870" s="10"/>
    </row>
    <row r="961871" spans="14:14">
      <c r="N961871" s="10"/>
    </row>
    <row r="961872" spans="14:14">
      <c r="N961872" s="10"/>
    </row>
    <row r="961873" spans="14:14">
      <c r="N961873" s="10"/>
    </row>
    <row r="961874" spans="14:14">
      <c r="N961874" s="10"/>
    </row>
    <row r="961875" spans="14:14">
      <c r="N961875" s="10"/>
    </row>
    <row r="961876" spans="14:14">
      <c r="N961876" s="10"/>
    </row>
    <row r="961877" spans="14:14">
      <c r="N961877" s="10"/>
    </row>
    <row r="961878" spans="14:14">
      <c r="N961878" s="10"/>
    </row>
    <row r="961879" spans="14:14">
      <c r="N961879" s="10"/>
    </row>
    <row r="961880" spans="14:14">
      <c r="N961880" s="10"/>
    </row>
    <row r="961881" spans="14:14">
      <c r="N961881" s="10"/>
    </row>
    <row r="961882" spans="14:14">
      <c r="N961882" s="10"/>
    </row>
    <row r="961883" spans="14:14">
      <c r="N961883" s="10"/>
    </row>
    <row r="961884" spans="14:14">
      <c r="N961884" s="10"/>
    </row>
    <row r="961885" spans="14:14">
      <c r="N961885" s="10"/>
    </row>
    <row r="961886" spans="14:14">
      <c r="N961886" s="10"/>
    </row>
    <row r="961887" spans="14:14">
      <c r="N961887" s="10"/>
    </row>
    <row r="961888" spans="14:14">
      <c r="N961888" s="10"/>
    </row>
    <row r="961889" spans="14:14">
      <c r="N961889" s="10"/>
    </row>
    <row r="961890" spans="14:14">
      <c r="N961890" s="10"/>
    </row>
    <row r="961891" spans="14:14">
      <c r="N961891" s="10"/>
    </row>
    <row r="961892" spans="14:14">
      <c r="N961892" s="10"/>
    </row>
    <row r="961893" spans="14:14">
      <c r="N961893" s="10"/>
    </row>
    <row r="961894" spans="14:14">
      <c r="N961894" s="10"/>
    </row>
    <row r="961895" spans="14:14">
      <c r="N961895" s="10"/>
    </row>
    <row r="961896" spans="14:14">
      <c r="N961896" s="10"/>
    </row>
    <row r="961897" spans="14:14">
      <c r="N961897" s="10"/>
    </row>
    <row r="961898" spans="14:14">
      <c r="N961898" s="10"/>
    </row>
    <row r="961899" spans="14:14">
      <c r="N961899" s="10"/>
    </row>
    <row r="961900" spans="14:14">
      <c r="N961900" s="10"/>
    </row>
    <row r="961901" spans="14:14">
      <c r="N961901" s="10"/>
    </row>
    <row r="961902" spans="14:14">
      <c r="N961902" s="10"/>
    </row>
    <row r="961903" spans="14:14">
      <c r="N961903" s="10"/>
    </row>
    <row r="961904" spans="14:14">
      <c r="N961904" s="10"/>
    </row>
    <row r="961905" spans="14:14">
      <c r="N961905" s="10"/>
    </row>
    <row r="961906" spans="14:14">
      <c r="N961906" s="10"/>
    </row>
    <row r="961907" spans="14:14">
      <c r="N961907" s="10"/>
    </row>
    <row r="961908" spans="14:14">
      <c r="N961908" s="10"/>
    </row>
    <row r="961909" spans="14:14">
      <c r="N961909" s="10"/>
    </row>
    <row r="961910" spans="14:14">
      <c r="N961910" s="10"/>
    </row>
    <row r="961911" spans="14:14">
      <c r="N961911" s="10"/>
    </row>
    <row r="961912" spans="14:14">
      <c r="N961912" s="10"/>
    </row>
    <row r="961913" spans="14:14">
      <c r="N961913" s="10"/>
    </row>
    <row r="961914" spans="14:14">
      <c r="N961914" s="10"/>
    </row>
    <row r="961915" spans="14:14">
      <c r="N961915" s="10"/>
    </row>
    <row r="961916" spans="14:14">
      <c r="N961916" s="10"/>
    </row>
    <row r="961917" spans="14:14">
      <c r="N961917" s="10"/>
    </row>
    <row r="961918" spans="14:14">
      <c r="N961918" s="10"/>
    </row>
    <row r="961919" spans="14:14">
      <c r="N961919" s="10"/>
    </row>
    <row r="961920" spans="14:14">
      <c r="N961920" s="10"/>
    </row>
    <row r="961921" spans="14:14">
      <c r="N961921" s="10"/>
    </row>
    <row r="961922" spans="14:14">
      <c r="N961922" s="10"/>
    </row>
    <row r="961923" spans="14:14">
      <c r="N961923" s="10"/>
    </row>
    <row r="961924" spans="14:14">
      <c r="N961924" s="10"/>
    </row>
    <row r="961925" spans="14:14">
      <c r="N961925" s="10"/>
    </row>
    <row r="961926" spans="14:14">
      <c r="N961926" s="10"/>
    </row>
    <row r="961927" spans="14:14">
      <c r="N961927" s="10"/>
    </row>
    <row r="961928" spans="14:14">
      <c r="N961928" s="10"/>
    </row>
    <row r="961929" spans="14:14">
      <c r="N961929" s="10"/>
    </row>
    <row r="961930" spans="14:14">
      <c r="N961930" s="10"/>
    </row>
    <row r="961931" spans="14:14">
      <c r="N961931" s="10"/>
    </row>
    <row r="961932" spans="14:14">
      <c r="N961932" s="10"/>
    </row>
    <row r="961933" spans="14:14">
      <c r="N961933" s="10"/>
    </row>
    <row r="961934" spans="14:14">
      <c r="N961934" s="10"/>
    </row>
    <row r="961935" spans="14:14">
      <c r="N961935" s="10"/>
    </row>
    <row r="961936" spans="14:14">
      <c r="N961936" s="10"/>
    </row>
    <row r="961937" spans="14:14">
      <c r="N961937" s="10"/>
    </row>
    <row r="961938" spans="14:14">
      <c r="N961938" s="10"/>
    </row>
    <row r="961939" spans="14:14">
      <c r="N961939" s="10"/>
    </row>
    <row r="961940" spans="14:14">
      <c r="N961940" s="10"/>
    </row>
    <row r="961941" spans="14:14">
      <c r="N961941" s="10"/>
    </row>
    <row r="961942" spans="14:14">
      <c r="N961942" s="10"/>
    </row>
    <row r="961943" spans="14:14">
      <c r="N961943" s="10"/>
    </row>
    <row r="961944" spans="14:14">
      <c r="N961944" s="10"/>
    </row>
    <row r="961945" spans="14:14">
      <c r="N961945" s="10"/>
    </row>
    <row r="961946" spans="14:14">
      <c r="N961946" s="10"/>
    </row>
    <row r="961947" spans="14:14">
      <c r="N961947" s="10"/>
    </row>
    <row r="961948" spans="14:14">
      <c r="N961948" s="10"/>
    </row>
    <row r="961949" spans="14:14">
      <c r="N961949" s="10"/>
    </row>
    <row r="961950" spans="14:14">
      <c r="N961950" s="10"/>
    </row>
    <row r="961951" spans="14:14">
      <c r="N961951" s="10"/>
    </row>
    <row r="961952" spans="14:14">
      <c r="N961952" s="10"/>
    </row>
    <row r="961953" spans="14:14">
      <c r="N961953" s="10"/>
    </row>
    <row r="961954" spans="14:14">
      <c r="N961954" s="10"/>
    </row>
    <row r="961955" spans="14:14">
      <c r="N961955" s="10"/>
    </row>
    <row r="961956" spans="14:14">
      <c r="N961956" s="10"/>
    </row>
    <row r="961957" spans="14:14">
      <c r="N961957" s="10"/>
    </row>
    <row r="961958" spans="14:14">
      <c r="N961958" s="10"/>
    </row>
    <row r="961959" spans="14:14">
      <c r="N961959" s="10"/>
    </row>
    <row r="961960" spans="14:14">
      <c r="N961960" s="10"/>
    </row>
    <row r="961961" spans="14:14">
      <c r="N961961" s="10"/>
    </row>
    <row r="961962" spans="14:14">
      <c r="N961962" s="10"/>
    </row>
    <row r="961963" spans="14:14">
      <c r="N961963" s="10"/>
    </row>
    <row r="961964" spans="14:14">
      <c r="N961964" s="10"/>
    </row>
    <row r="961965" spans="14:14">
      <c r="N961965" s="10"/>
    </row>
    <row r="961966" spans="14:14">
      <c r="N961966" s="10"/>
    </row>
    <row r="961967" spans="14:14">
      <c r="N961967" s="10"/>
    </row>
    <row r="961968" spans="14:14">
      <c r="N961968" s="10"/>
    </row>
    <row r="961969" spans="14:14">
      <c r="N961969" s="10"/>
    </row>
    <row r="961970" spans="14:14">
      <c r="N961970" s="10"/>
    </row>
    <row r="961971" spans="14:14">
      <c r="N961971" s="10"/>
    </row>
    <row r="961972" spans="14:14">
      <c r="N961972" s="10"/>
    </row>
    <row r="961973" spans="14:14">
      <c r="N961973" s="10"/>
    </row>
    <row r="961974" spans="14:14">
      <c r="N961974" s="10"/>
    </row>
    <row r="961975" spans="14:14">
      <c r="N961975" s="10"/>
    </row>
    <row r="961976" spans="14:14">
      <c r="N961976" s="10"/>
    </row>
    <row r="961977" spans="14:14">
      <c r="N961977" s="10"/>
    </row>
    <row r="961978" spans="14:14">
      <c r="N961978" s="10"/>
    </row>
    <row r="961979" spans="14:14">
      <c r="N961979" s="10"/>
    </row>
    <row r="961980" spans="14:14">
      <c r="N961980" s="10"/>
    </row>
    <row r="961981" spans="14:14">
      <c r="N961981" s="10"/>
    </row>
    <row r="961982" spans="14:14">
      <c r="N961982" s="10"/>
    </row>
    <row r="961983" spans="14:14">
      <c r="N961983" s="10"/>
    </row>
    <row r="961984" spans="14:14">
      <c r="N961984" s="10"/>
    </row>
    <row r="961985" spans="14:14">
      <c r="N961985" s="10"/>
    </row>
    <row r="961986" spans="14:14">
      <c r="N961986" s="10"/>
    </row>
    <row r="961987" spans="14:14">
      <c r="N961987" s="10"/>
    </row>
    <row r="961988" spans="14:14">
      <c r="N961988" s="10"/>
    </row>
    <row r="961989" spans="14:14">
      <c r="N961989" s="10"/>
    </row>
    <row r="961990" spans="14:14">
      <c r="N961990" s="10"/>
    </row>
    <row r="961991" spans="14:14">
      <c r="N961991" s="10"/>
    </row>
    <row r="961992" spans="14:14">
      <c r="N961992" s="10"/>
    </row>
    <row r="961993" spans="14:14">
      <c r="N961993" s="10"/>
    </row>
    <row r="961994" spans="14:14">
      <c r="N961994" s="10"/>
    </row>
    <row r="961995" spans="14:14">
      <c r="N961995" s="10"/>
    </row>
    <row r="961996" spans="14:14">
      <c r="N961996" s="10"/>
    </row>
    <row r="961997" spans="14:14">
      <c r="N961997" s="10"/>
    </row>
    <row r="961998" spans="14:14">
      <c r="N961998" s="10"/>
    </row>
    <row r="961999" spans="14:14">
      <c r="N961999" s="10"/>
    </row>
    <row r="962000" spans="14:14">
      <c r="N962000" s="10"/>
    </row>
    <row r="962001" spans="14:14">
      <c r="N962001" s="10"/>
    </row>
    <row r="962002" spans="14:14">
      <c r="N962002" s="10"/>
    </row>
    <row r="962003" spans="14:14">
      <c r="N962003" s="10"/>
    </row>
    <row r="962004" spans="14:14">
      <c r="N962004" s="10"/>
    </row>
    <row r="962005" spans="14:14">
      <c r="N962005" s="10"/>
    </row>
    <row r="962006" spans="14:14">
      <c r="N962006" s="10"/>
    </row>
    <row r="962007" spans="14:14">
      <c r="N962007" s="10"/>
    </row>
    <row r="962008" spans="14:14">
      <c r="N962008" s="10"/>
    </row>
    <row r="962009" spans="14:14">
      <c r="N962009" s="10"/>
    </row>
    <row r="962010" spans="14:14">
      <c r="N962010" s="10"/>
    </row>
    <row r="962011" spans="14:14">
      <c r="N962011" s="10"/>
    </row>
    <row r="962012" spans="14:14">
      <c r="N962012" s="10"/>
    </row>
    <row r="962013" spans="14:14">
      <c r="N962013" s="10"/>
    </row>
    <row r="962014" spans="14:14">
      <c r="N962014" s="10"/>
    </row>
    <row r="962015" spans="14:14">
      <c r="N962015" s="10"/>
    </row>
    <row r="962016" spans="14:14">
      <c r="N962016" s="10"/>
    </row>
    <row r="962017" spans="14:14">
      <c r="N962017" s="10"/>
    </row>
    <row r="962018" spans="14:14">
      <c r="N962018" s="10"/>
    </row>
    <row r="962019" spans="14:14">
      <c r="N962019" s="10"/>
    </row>
    <row r="962020" spans="14:14">
      <c r="N962020" s="10"/>
    </row>
    <row r="962021" spans="14:14">
      <c r="N962021" s="10"/>
    </row>
    <row r="962022" spans="14:14">
      <c r="N962022" s="10"/>
    </row>
    <row r="962023" spans="14:14">
      <c r="N962023" s="10"/>
    </row>
    <row r="962024" spans="14:14">
      <c r="N962024" s="10"/>
    </row>
    <row r="962025" spans="14:14">
      <c r="N962025" s="10"/>
    </row>
    <row r="962026" spans="14:14">
      <c r="N962026" s="10"/>
    </row>
    <row r="962027" spans="14:14">
      <c r="N962027" s="10"/>
    </row>
    <row r="962028" spans="14:14">
      <c r="N962028" s="10"/>
    </row>
    <row r="962029" spans="14:14">
      <c r="N962029" s="10"/>
    </row>
    <row r="962030" spans="14:14">
      <c r="N962030" s="10"/>
    </row>
    <row r="962031" spans="14:14">
      <c r="N962031" s="10"/>
    </row>
    <row r="962032" spans="14:14">
      <c r="N962032" s="10"/>
    </row>
    <row r="962033" spans="14:14">
      <c r="N962033" s="10"/>
    </row>
    <row r="962034" spans="14:14">
      <c r="N962034" s="10"/>
    </row>
    <row r="962035" spans="14:14">
      <c r="N962035" s="10"/>
    </row>
    <row r="962036" spans="14:14">
      <c r="N962036" s="10"/>
    </row>
    <row r="962037" spans="14:14">
      <c r="N962037" s="10"/>
    </row>
    <row r="962038" spans="14:14">
      <c r="N962038" s="10"/>
    </row>
    <row r="962039" spans="14:14">
      <c r="N962039" s="10"/>
    </row>
    <row r="962040" spans="14:14">
      <c r="N962040" s="10"/>
    </row>
    <row r="962041" spans="14:14">
      <c r="N962041" s="10"/>
    </row>
    <row r="962042" spans="14:14">
      <c r="N962042" s="10"/>
    </row>
    <row r="962043" spans="14:14">
      <c r="N962043" s="10"/>
    </row>
    <row r="962044" spans="14:14">
      <c r="N962044" s="10"/>
    </row>
    <row r="962045" spans="14:14">
      <c r="N962045" s="10"/>
    </row>
    <row r="962046" spans="14:14">
      <c r="N962046" s="10"/>
    </row>
    <row r="962047" spans="14:14">
      <c r="N962047" s="10"/>
    </row>
    <row r="962048" spans="14:14">
      <c r="N962048" s="10"/>
    </row>
    <row r="962049" spans="14:14">
      <c r="N962049" s="10"/>
    </row>
    <row r="962050" spans="14:14">
      <c r="N962050" s="10"/>
    </row>
    <row r="962051" spans="14:14">
      <c r="N962051" s="10"/>
    </row>
    <row r="962052" spans="14:14">
      <c r="N962052" s="10"/>
    </row>
    <row r="962053" spans="14:14">
      <c r="N962053" s="10"/>
    </row>
    <row r="962054" spans="14:14">
      <c r="N962054" s="10"/>
    </row>
    <row r="962055" spans="14:14">
      <c r="N962055" s="10"/>
    </row>
    <row r="962056" spans="14:14">
      <c r="N962056" s="10"/>
    </row>
    <row r="962057" spans="14:14">
      <c r="N962057" s="10"/>
    </row>
    <row r="962058" spans="14:14">
      <c r="N962058" s="10"/>
    </row>
    <row r="962059" spans="14:14">
      <c r="N962059" s="10"/>
    </row>
    <row r="962060" spans="14:14">
      <c r="N962060" s="10"/>
    </row>
    <row r="962061" spans="14:14">
      <c r="N962061" s="10"/>
    </row>
    <row r="962062" spans="14:14">
      <c r="N962062" s="10"/>
    </row>
    <row r="962063" spans="14:14">
      <c r="N962063" s="10"/>
    </row>
    <row r="962064" spans="14:14">
      <c r="N962064" s="10"/>
    </row>
    <row r="962065" spans="14:14">
      <c r="N962065" s="10"/>
    </row>
    <row r="962066" spans="14:14">
      <c r="N962066" s="10"/>
    </row>
    <row r="962067" spans="14:14">
      <c r="N962067" s="10"/>
    </row>
    <row r="962068" spans="14:14">
      <c r="N962068" s="10"/>
    </row>
    <row r="962069" spans="14:14">
      <c r="N962069" s="10"/>
    </row>
    <row r="962070" spans="14:14">
      <c r="N962070" s="10"/>
    </row>
    <row r="962071" spans="14:14">
      <c r="N962071" s="10"/>
    </row>
    <row r="962072" spans="14:14">
      <c r="N962072" s="10"/>
    </row>
    <row r="962073" spans="14:14">
      <c r="N962073" s="10"/>
    </row>
    <row r="962074" spans="14:14">
      <c r="N962074" s="10"/>
    </row>
    <row r="962075" spans="14:14">
      <c r="N962075" s="10"/>
    </row>
    <row r="962076" spans="14:14">
      <c r="N962076" s="10"/>
    </row>
    <row r="962077" spans="14:14">
      <c r="N962077" s="10"/>
    </row>
    <row r="962078" spans="14:14">
      <c r="N962078" s="10"/>
    </row>
    <row r="962079" spans="14:14">
      <c r="N962079" s="10"/>
    </row>
    <row r="962080" spans="14:14">
      <c r="N962080" s="10"/>
    </row>
    <row r="962081" spans="14:14">
      <c r="N962081" s="10"/>
    </row>
    <row r="962082" spans="14:14">
      <c r="N962082" s="10"/>
    </row>
    <row r="962083" spans="14:14">
      <c r="N962083" s="10"/>
    </row>
    <row r="962084" spans="14:14">
      <c r="N962084" s="10"/>
    </row>
    <row r="962085" spans="14:14">
      <c r="N962085" s="10"/>
    </row>
    <row r="962086" spans="14:14">
      <c r="N962086" s="10"/>
    </row>
    <row r="962087" spans="14:14">
      <c r="N962087" s="10"/>
    </row>
    <row r="962088" spans="14:14">
      <c r="N962088" s="10"/>
    </row>
    <row r="962089" spans="14:14">
      <c r="N962089" s="10"/>
    </row>
    <row r="962090" spans="14:14">
      <c r="N962090" s="10"/>
    </row>
    <row r="962091" spans="14:14">
      <c r="N962091" s="10"/>
    </row>
    <row r="962092" spans="14:14">
      <c r="N962092" s="10"/>
    </row>
    <row r="962093" spans="14:14">
      <c r="N962093" s="10"/>
    </row>
    <row r="962094" spans="14:14">
      <c r="N962094" s="10"/>
    </row>
    <row r="962095" spans="14:14">
      <c r="N962095" s="10"/>
    </row>
    <row r="962096" spans="14:14">
      <c r="N962096" s="10"/>
    </row>
    <row r="962097" spans="14:14">
      <c r="N962097" s="10"/>
    </row>
    <row r="962098" spans="14:14">
      <c r="N962098" s="10"/>
    </row>
    <row r="962099" spans="14:14">
      <c r="N962099" s="10"/>
    </row>
    <row r="962100" spans="14:14">
      <c r="N962100" s="10"/>
    </row>
    <row r="962101" spans="14:14">
      <c r="N962101" s="10"/>
    </row>
    <row r="962102" spans="14:14">
      <c r="N962102" s="10"/>
    </row>
    <row r="962103" spans="14:14">
      <c r="N962103" s="10"/>
    </row>
    <row r="962104" spans="14:14">
      <c r="N962104" s="10"/>
    </row>
    <row r="962105" spans="14:14">
      <c r="N962105" s="10"/>
    </row>
    <row r="962106" spans="14:14">
      <c r="N962106" s="10"/>
    </row>
    <row r="962107" spans="14:14">
      <c r="N962107" s="10"/>
    </row>
    <row r="962108" spans="14:14">
      <c r="N962108" s="10"/>
    </row>
    <row r="962109" spans="14:14">
      <c r="N962109" s="10"/>
    </row>
    <row r="962110" spans="14:14">
      <c r="N962110" s="10"/>
    </row>
    <row r="962111" spans="14:14">
      <c r="N962111" s="10"/>
    </row>
    <row r="962112" spans="14:14">
      <c r="N962112" s="10"/>
    </row>
    <row r="962113" spans="14:14">
      <c r="N962113" s="10"/>
    </row>
    <row r="962114" spans="14:14">
      <c r="N962114" s="10"/>
    </row>
    <row r="962115" spans="14:14">
      <c r="N962115" s="10"/>
    </row>
    <row r="962116" spans="14:14">
      <c r="N962116" s="10"/>
    </row>
    <row r="962117" spans="14:14">
      <c r="N962117" s="10"/>
    </row>
    <row r="962118" spans="14:14">
      <c r="N962118" s="10"/>
    </row>
    <row r="962119" spans="14:14">
      <c r="N962119" s="10"/>
    </row>
    <row r="962120" spans="14:14">
      <c r="N962120" s="10"/>
    </row>
    <row r="962121" spans="14:14">
      <c r="N962121" s="10"/>
    </row>
    <row r="962122" spans="14:14">
      <c r="N962122" s="10"/>
    </row>
    <row r="962123" spans="14:14">
      <c r="N962123" s="10"/>
    </row>
    <row r="962124" spans="14:14">
      <c r="N962124" s="10"/>
    </row>
    <row r="962125" spans="14:14">
      <c r="N962125" s="10"/>
    </row>
    <row r="962126" spans="14:14">
      <c r="N962126" s="10"/>
    </row>
    <row r="962127" spans="14:14">
      <c r="N962127" s="10"/>
    </row>
    <row r="962128" spans="14:14">
      <c r="N962128" s="10"/>
    </row>
    <row r="962129" spans="14:14">
      <c r="N962129" s="10"/>
    </row>
    <row r="962130" spans="14:14">
      <c r="N962130" s="10"/>
    </row>
    <row r="962131" spans="14:14">
      <c r="N962131" s="10"/>
    </row>
    <row r="962132" spans="14:14">
      <c r="N962132" s="10"/>
    </row>
    <row r="962133" spans="14:14">
      <c r="N962133" s="10"/>
    </row>
    <row r="962134" spans="14:14">
      <c r="N962134" s="10"/>
    </row>
    <row r="962135" spans="14:14">
      <c r="N962135" s="10"/>
    </row>
    <row r="962136" spans="14:14">
      <c r="N962136" s="10"/>
    </row>
    <row r="962137" spans="14:14">
      <c r="N962137" s="10"/>
    </row>
    <row r="962138" spans="14:14">
      <c r="N962138" s="10"/>
    </row>
    <row r="962139" spans="14:14">
      <c r="N962139" s="10"/>
    </row>
    <row r="962140" spans="14:14">
      <c r="N962140" s="10"/>
    </row>
    <row r="962141" spans="14:14">
      <c r="N962141" s="10"/>
    </row>
    <row r="962142" spans="14:14">
      <c r="N962142" s="10"/>
    </row>
    <row r="962143" spans="14:14">
      <c r="N962143" s="10"/>
    </row>
    <row r="962144" spans="14:14">
      <c r="N962144" s="10"/>
    </row>
    <row r="962145" spans="14:14">
      <c r="N962145" s="10"/>
    </row>
    <row r="962146" spans="14:14">
      <c r="N962146" s="10"/>
    </row>
    <row r="962147" spans="14:14">
      <c r="N962147" s="10"/>
    </row>
    <row r="962148" spans="14:14">
      <c r="N962148" s="10"/>
    </row>
    <row r="962149" spans="14:14">
      <c r="N962149" s="10"/>
    </row>
    <row r="962150" spans="14:14">
      <c r="N962150" s="10"/>
    </row>
    <row r="962151" spans="14:14">
      <c r="N962151" s="10"/>
    </row>
    <row r="962152" spans="14:14">
      <c r="N962152" s="10"/>
    </row>
    <row r="962153" spans="14:14">
      <c r="N962153" s="10"/>
    </row>
    <row r="962154" spans="14:14">
      <c r="N962154" s="10"/>
    </row>
    <row r="962155" spans="14:14">
      <c r="N962155" s="10"/>
    </row>
    <row r="962156" spans="14:14">
      <c r="N962156" s="10"/>
    </row>
    <row r="962157" spans="14:14">
      <c r="N962157" s="10"/>
    </row>
    <row r="962158" spans="14:14">
      <c r="N962158" s="10"/>
    </row>
    <row r="962159" spans="14:14">
      <c r="N962159" s="10"/>
    </row>
    <row r="962160" spans="14:14">
      <c r="N962160" s="10"/>
    </row>
    <row r="962161" spans="14:14">
      <c r="N962161" s="10"/>
    </row>
    <row r="962162" spans="14:14">
      <c r="N962162" s="10"/>
    </row>
    <row r="962163" spans="14:14">
      <c r="N962163" s="10"/>
    </row>
    <row r="962164" spans="14:14">
      <c r="N962164" s="10"/>
    </row>
    <row r="962165" spans="14:14">
      <c r="N962165" s="10"/>
    </row>
    <row r="962166" spans="14:14">
      <c r="N962166" s="10"/>
    </row>
    <row r="962167" spans="14:14">
      <c r="N962167" s="10"/>
    </row>
    <row r="962168" spans="14:14">
      <c r="N962168" s="10"/>
    </row>
    <row r="962169" spans="14:14">
      <c r="N962169" s="10"/>
    </row>
    <row r="962170" spans="14:14">
      <c r="N962170" s="10"/>
    </row>
    <row r="962171" spans="14:14">
      <c r="N962171" s="10"/>
    </row>
    <row r="962172" spans="14:14">
      <c r="N962172" s="10"/>
    </row>
    <row r="962173" spans="14:14">
      <c r="N962173" s="10"/>
    </row>
    <row r="962174" spans="14:14">
      <c r="N962174" s="10"/>
    </row>
    <row r="962175" spans="14:14">
      <c r="N962175" s="10"/>
    </row>
    <row r="962176" spans="14:14">
      <c r="N962176" s="10"/>
    </row>
    <row r="962177" spans="14:14">
      <c r="N962177" s="10"/>
    </row>
    <row r="962178" spans="14:14">
      <c r="N962178" s="10"/>
    </row>
    <row r="962179" spans="14:14">
      <c r="N962179" s="10"/>
    </row>
    <row r="962180" spans="14:14">
      <c r="N962180" s="10"/>
    </row>
    <row r="962181" spans="14:14">
      <c r="N962181" s="10"/>
    </row>
    <row r="962182" spans="14:14">
      <c r="N962182" s="10"/>
    </row>
    <row r="962183" spans="14:14">
      <c r="N962183" s="10"/>
    </row>
    <row r="962184" spans="14:14">
      <c r="N962184" s="10"/>
    </row>
    <row r="962185" spans="14:14">
      <c r="N962185" s="10"/>
    </row>
    <row r="962186" spans="14:14">
      <c r="N962186" s="10"/>
    </row>
    <row r="962187" spans="14:14">
      <c r="N962187" s="10"/>
    </row>
    <row r="962188" spans="14:14">
      <c r="N962188" s="10"/>
    </row>
    <row r="962189" spans="14:14">
      <c r="N962189" s="10"/>
    </row>
    <row r="962190" spans="14:14">
      <c r="N962190" s="10"/>
    </row>
    <row r="962191" spans="14:14">
      <c r="N962191" s="10"/>
    </row>
    <row r="962192" spans="14:14">
      <c r="N962192" s="10"/>
    </row>
    <row r="962193" spans="14:14">
      <c r="N962193" s="10"/>
    </row>
    <row r="962194" spans="14:14">
      <c r="N962194" s="10"/>
    </row>
    <row r="962195" spans="14:14">
      <c r="N962195" s="10"/>
    </row>
    <row r="962196" spans="14:14">
      <c r="N962196" s="10"/>
    </row>
    <row r="962197" spans="14:14">
      <c r="N962197" s="10"/>
    </row>
    <row r="962198" spans="14:14">
      <c r="N962198" s="10"/>
    </row>
    <row r="962199" spans="14:14">
      <c r="N962199" s="10"/>
    </row>
    <row r="962200" spans="14:14">
      <c r="N962200" s="10"/>
    </row>
    <row r="962201" spans="14:14">
      <c r="N962201" s="10"/>
    </row>
    <row r="962202" spans="14:14">
      <c r="N962202" s="10"/>
    </row>
    <row r="962203" spans="14:14">
      <c r="N962203" s="10"/>
    </row>
    <row r="962204" spans="14:14">
      <c r="N962204" s="10"/>
    </row>
    <row r="962205" spans="14:14">
      <c r="N962205" s="10"/>
    </row>
    <row r="962206" spans="14:14">
      <c r="N962206" s="10"/>
    </row>
    <row r="962207" spans="14:14">
      <c r="N962207" s="10"/>
    </row>
    <row r="962208" spans="14:14">
      <c r="N962208" s="10"/>
    </row>
    <row r="962209" spans="14:14">
      <c r="N962209" s="10"/>
    </row>
    <row r="962210" spans="14:14">
      <c r="N962210" s="10"/>
    </row>
    <row r="962211" spans="14:14">
      <c r="N962211" s="10"/>
    </row>
    <row r="962212" spans="14:14">
      <c r="N962212" s="10"/>
    </row>
    <row r="962213" spans="14:14">
      <c r="N962213" s="10"/>
    </row>
    <row r="962214" spans="14:14">
      <c r="N962214" s="10"/>
    </row>
    <row r="962215" spans="14:14">
      <c r="N962215" s="10"/>
    </row>
    <row r="962216" spans="14:14">
      <c r="N962216" s="10"/>
    </row>
    <row r="962217" spans="14:14">
      <c r="N962217" s="10"/>
    </row>
    <row r="962218" spans="14:14">
      <c r="N962218" s="10"/>
    </row>
    <row r="962219" spans="14:14">
      <c r="N962219" s="10"/>
    </row>
    <row r="962220" spans="14:14">
      <c r="N962220" s="10"/>
    </row>
    <row r="962221" spans="14:14">
      <c r="N962221" s="10"/>
    </row>
    <row r="962222" spans="14:14">
      <c r="N962222" s="10"/>
    </row>
    <row r="962223" spans="14:14">
      <c r="N962223" s="10"/>
    </row>
    <row r="962224" spans="14:14">
      <c r="N962224" s="10"/>
    </row>
    <row r="962225" spans="14:14">
      <c r="N962225" s="10"/>
    </row>
    <row r="962226" spans="14:14">
      <c r="N962226" s="10"/>
    </row>
    <row r="962227" spans="14:14">
      <c r="N962227" s="10"/>
    </row>
    <row r="962228" spans="14:14">
      <c r="N962228" s="10"/>
    </row>
    <row r="962229" spans="14:14">
      <c r="N962229" s="10"/>
    </row>
    <row r="962230" spans="14:14">
      <c r="N962230" s="10"/>
    </row>
    <row r="962231" spans="14:14">
      <c r="N962231" s="10"/>
    </row>
    <row r="962232" spans="14:14">
      <c r="N962232" s="10"/>
    </row>
    <row r="962233" spans="14:14">
      <c r="N962233" s="10"/>
    </row>
    <row r="962234" spans="14:14">
      <c r="N962234" s="10"/>
    </row>
    <row r="962235" spans="14:14">
      <c r="N962235" s="10"/>
    </row>
    <row r="962236" spans="14:14">
      <c r="N962236" s="10"/>
    </row>
    <row r="962237" spans="14:14">
      <c r="N962237" s="10"/>
    </row>
    <row r="962238" spans="14:14">
      <c r="N962238" s="10"/>
    </row>
    <row r="962239" spans="14:14">
      <c r="N962239" s="10"/>
    </row>
    <row r="962240" spans="14:14">
      <c r="N962240" s="10"/>
    </row>
    <row r="962241" spans="14:14">
      <c r="N962241" s="10"/>
    </row>
    <row r="962242" spans="14:14">
      <c r="N962242" s="10"/>
    </row>
    <row r="962243" spans="14:14">
      <c r="N962243" s="10"/>
    </row>
    <row r="962244" spans="14:14">
      <c r="N962244" s="10"/>
    </row>
    <row r="962245" spans="14:14">
      <c r="N962245" s="10"/>
    </row>
    <row r="962246" spans="14:14">
      <c r="N962246" s="10"/>
    </row>
    <row r="962247" spans="14:14">
      <c r="N962247" s="10"/>
    </row>
    <row r="962248" spans="14:14">
      <c r="N962248" s="10"/>
    </row>
    <row r="962249" spans="14:14">
      <c r="N962249" s="10"/>
    </row>
    <row r="962250" spans="14:14">
      <c r="N962250" s="10"/>
    </row>
    <row r="962251" spans="14:14">
      <c r="N962251" s="10"/>
    </row>
    <row r="962252" spans="14:14">
      <c r="N962252" s="10"/>
    </row>
    <row r="962253" spans="14:14">
      <c r="N962253" s="10"/>
    </row>
    <row r="962254" spans="14:14">
      <c r="N962254" s="10"/>
    </row>
    <row r="962255" spans="14:14">
      <c r="N962255" s="10"/>
    </row>
    <row r="962256" spans="14:14">
      <c r="N962256" s="10"/>
    </row>
    <row r="962257" spans="14:14">
      <c r="N962257" s="10"/>
    </row>
    <row r="962258" spans="14:14">
      <c r="N962258" s="10"/>
    </row>
    <row r="962259" spans="14:14">
      <c r="N962259" s="10"/>
    </row>
    <row r="962260" spans="14:14">
      <c r="N962260" s="10"/>
    </row>
    <row r="962261" spans="14:14">
      <c r="N962261" s="10"/>
    </row>
    <row r="962262" spans="14:14">
      <c r="N962262" s="10"/>
    </row>
    <row r="962263" spans="14:14">
      <c r="N962263" s="10"/>
    </row>
    <row r="962264" spans="14:14">
      <c r="N962264" s="10"/>
    </row>
    <row r="962265" spans="14:14">
      <c r="N962265" s="10"/>
    </row>
    <row r="962266" spans="14:14">
      <c r="N962266" s="10"/>
    </row>
    <row r="962267" spans="14:14">
      <c r="N962267" s="10"/>
    </row>
    <row r="962268" spans="14:14">
      <c r="N962268" s="10"/>
    </row>
    <row r="962269" spans="14:14">
      <c r="N962269" s="10"/>
    </row>
    <row r="962270" spans="14:14">
      <c r="N962270" s="10"/>
    </row>
    <row r="962271" spans="14:14">
      <c r="N962271" s="10"/>
    </row>
    <row r="962272" spans="14:14">
      <c r="N962272" s="10"/>
    </row>
    <row r="962273" spans="14:14">
      <c r="N962273" s="10"/>
    </row>
    <row r="962274" spans="14:14">
      <c r="N962274" s="10"/>
    </row>
    <row r="962275" spans="14:14">
      <c r="N962275" s="10"/>
    </row>
    <row r="962276" spans="14:14">
      <c r="N962276" s="10"/>
    </row>
    <row r="962277" spans="14:14">
      <c r="N962277" s="10"/>
    </row>
    <row r="962278" spans="14:14">
      <c r="N962278" s="10"/>
    </row>
    <row r="962279" spans="14:14">
      <c r="N962279" s="10"/>
    </row>
    <row r="962280" spans="14:14">
      <c r="N962280" s="10"/>
    </row>
    <row r="962281" spans="14:14">
      <c r="N962281" s="10"/>
    </row>
    <row r="962282" spans="14:14">
      <c r="N962282" s="10"/>
    </row>
    <row r="962283" spans="14:14">
      <c r="N962283" s="10"/>
    </row>
    <row r="962284" spans="14:14">
      <c r="N962284" s="10"/>
    </row>
    <row r="962285" spans="14:14">
      <c r="N962285" s="10"/>
    </row>
    <row r="962286" spans="14:14">
      <c r="N962286" s="10"/>
    </row>
    <row r="962287" spans="14:14">
      <c r="N962287" s="10"/>
    </row>
    <row r="962288" spans="14:14">
      <c r="N962288" s="10"/>
    </row>
    <row r="962289" spans="14:14">
      <c r="N962289" s="10"/>
    </row>
    <row r="962290" spans="14:14">
      <c r="N962290" s="10"/>
    </row>
    <row r="962291" spans="14:14">
      <c r="N962291" s="10"/>
    </row>
    <row r="962292" spans="14:14">
      <c r="N962292" s="10"/>
    </row>
    <row r="962293" spans="14:14">
      <c r="N962293" s="10"/>
    </row>
    <row r="962294" spans="14:14">
      <c r="N962294" s="10"/>
    </row>
    <row r="962295" spans="14:14">
      <c r="N962295" s="10"/>
    </row>
    <row r="962296" spans="14:14">
      <c r="N962296" s="10"/>
    </row>
    <row r="962297" spans="14:14">
      <c r="N962297" s="10"/>
    </row>
    <row r="962298" spans="14:14">
      <c r="N962298" s="10"/>
    </row>
    <row r="962299" spans="14:14">
      <c r="N962299" s="10"/>
    </row>
    <row r="962300" spans="14:14">
      <c r="N962300" s="10"/>
    </row>
    <row r="962301" spans="14:14">
      <c r="N962301" s="10"/>
    </row>
    <row r="962302" spans="14:14">
      <c r="N962302" s="10"/>
    </row>
    <row r="962303" spans="14:14">
      <c r="N962303" s="10"/>
    </row>
    <row r="962304" spans="14:14">
      <c r="N962304" s="10"/>
    </row>
    <row r="962305" spans="14:14">
      <c r="N962305" s="10"/>
    </row>
    <row r="962306" spans="14:14">
      <c r="N962306" s="10"/>
    </row>
    <row r="962307" spans="14:14">
      <c r="N962307" s="10"/>
    </row>
    <row r="962308" spans="14:14">
      <c r="N962308" s="10"/>
    </row>
    <row r="962309" spans="14:14">
      <c r="N962309" s="10"/>
    </row>
    <row r="962310" spans="14:14">
      <c r="N962310" s="10"/>
    </row>
    <row r="962311" spans="14:14">
      <c r="N962311" s="10"/>
    </row>
    <row r="962312" spans="14:14">
      <c r="N962312" s="10"/>
    </row>
    <row r="962313" spans="14:14">
      <c r="N962313" s="10"/>
    </row>
    <row r="962314" spans="14:14">
      <c r="N962314" s="10"/>
    </row>
    <row r="962315" spans="14:14">
      <c r="N962315" s="10"/>
    </row>
    <row r="962316" spans="14:14">
      <c r="N962316" s="10"/>
    </row>
    <row r="962317" spans="14:14">
      <c r="N962317" s="10"/>
    </row>
    <row r="962318" spans="14:14">
      <c r="N962318" s="10"/>
    </row>
    <row r="962319" spans="14:14">
      <c r="N962319" s="10"/>
    </row>
    <row r="962320" spans="14:14">
      <c r="N962320" s="10"/>
    </row>
    <row r="962321" spans="14:14">
      <c r="N962321" s="10"/>
    </row>
    <row r="962322" spans="14:14">
      <c r="N962322" s="10"/>
    </row>
    <row r="962323" spans="14:14">
      <c r="N962323" s="10"/>
    </row>
    <row r="962324" spans="14:14">
      <c r="N962324" s="10"/>
    </row>
    <row r="962325" spans="14:14">
      <c r="N962325" s="10"/>
    </row>
    <row r="962326" spans="14:14">
      <c r="N962326" s="10"/>
    </row>
    <row r="962327" spans="14:14">
      <c r="N962327" s="10"/>
    </row>
    <row r="962328" spans="14:14">
      <c r="N962328" s="10"/>
    </row>
    <row r="962329" spans="14:14">
      <c r="N962329" s="10"/>
    </row>
    <row r="962330" spans="14:14">
      <c r="N962330" s="10"/>
    </row>
    <row r="962331" spans="14:14">
      <c r="N962331" s="10"/>
    </row>
    <row r="962332" spans="14:14">
      <c r="N962332" s="10"/>
    </row>
    <row r="962333" spans="14:14">
      <c r="N962333" s="10"/>
    </row>
    <row r="962334" spans="14:14">
      <c r="N962334" s="10"/>
    </row>
    <row r="962335" spans="14:14">
      <c r="N962335" s="10"/>
    </row>
    <row r="962336" spans="14:14">
      <c r="N962336" s="10"/>
    </row>
    <row r="962337" spans="14:14">
      <c r="N962337" s="10"/>
    </row>
    <row r="962338" spans="14:14">
      <c r="N962338" s="10"/>
    </row>
    <row r="962339" spans="14:14">
      <c r="N962339" s="10"/>
    </row>
    <row r="962340" spans="14:14">
      <c r="N962340" s="10"/>
    </row>
    <row r="962341" spans="14:14">
      <c r="N962341" s="10"/>
    </row>
    <row r="962342" spans="14:14">
      <c r="N962342" s="10"/>
    </row>
    <row r="962343" spans="14:14">
      <c r="N962343" s="10"/>
    </row>
    <row r="962344" spans="14:14">
      <c r="N962344" s="10"/>
    </row>
    <row r="962345" spans="14:14">
      <c r="N962345" s="10"/>
    </row>
    <row r="962346" spans="14:14">
      <c r="N962346" s="10"/>
    </row>
    <row r="962347" spans="14:14">
      <c r="N962347" s="10"/>
    </row>
    <row r="962348" spans="14:14">
      <c r="N962348" s="10"/>
    </row>
    <row r="962349" spans="14:14">
      <c r="N962349" s="10"/>
    </row>
    <row r="962350" spans="14:14">
      <c r="N962350" s="10"/>
    </row>
    <row r="962351" spans="14:14">
      <c r="N962351" s="10"/>
    </row>
    <row r="962352" spans="14:14">
      <c r="N962352" s="10"/>
    </row>
    <row r="962353" spans="14:14">
      <c r="N962353" s="10"/>
    </row>
    <row r="962354" spans="14:14">
      <c r="N962354" s="10"/>
    </row>
    <row r="962355" spans="14:14">
      <c r="N962355" s="10"/>
    </row>
    <row r="962356" spans="14:14">
      <c r="N962356" s="10"/>
    </row>
    <row r="962357" spans="14:14">
      <c r="N962357" s="10"/>
    </row>
    <row r="962358" spans="14:14">
      <c r="N962358" s="10"/>
    </row>
    <row r="962359" spans="14:14">
      <c r="N962359" s="10"/>
    </row>
    <row r="962360" spans="14:14">
      <c r="N962360" s="10"/>
    </row>
    <row r="962361" spans="14:14">
      <c r="N962361" s="10"/>
    </row>
    <row r="962362" spans="14:14">
      <c r="N962362" s="10"/>
    </row>
    <row r="962363" spans="14:14">
      <c r="N962363" s="10"/>
    </row>
    <row r="962364" spans="14:14">
      <c r="N962364" s="10"/>
    </row>
    <row r="962365" spans="14:14">
      <c r="N962365" s="10"/>
    </row>
    <row r="962366" spans="14:14">
      <c r="N962366" s="10"/>
    </row>
    <row r="962367" spans="14:14">
      <c r="N962367" s="10"/>
    </row>
    <row r="962368" spans="14:14">
      <c r="N962368" s="10"/>
    </row>
    <row r="962369" spans="14:14">
      <c r="N962369" s="10"/>
    </row>
    <row r="962370" spans="14:14">
      <c r="N962370" s="10"/>
    </row>
    <row r="962371" spans="14:14">
      <c r="N962371" s="10"/>
    </row>
    <row r="962372" spans="14:14">
      <c r="N962372" s="10"/>
    </row>
    <row r="962373" spans="14:14">
      <c r="N962373" s="10"/>
    </row>
    <row r="962374" spans="14:14">
      <c r="N962374" s="10"/>
    </row>
    <row r="962375" spans="14:14">
      <c r="N962375" s="10"/>
    </row>
    <row r="962376" spans="14:14">
      <c r="N962376" s="10"/>
    </row>
    <row r="962377" spans="14:14">
      <c r="N962377" s="10"/>
    </row>
    <row r="962378" spans="14:14">
      <c r="N962378" s="10"/>
    </row>
    <row r="962379" spans="14:14">
      <c r="N962379" s="10"/>
    </row>
    <row r="962380" spans="14:14">
      <c r="N962380" s="10"/>
    </row>
    <row r="962381" spans="14:14">
      <c r="N962381" s="10"/>
    </row>
    <row r="962382" spans="14:14">
      <c r="N962382" s="10"/>
    </row>
    <row r="962383" spans="14:14">
      <c r="N962383" s="10"/>
    </row>
    <row r="962384" spans="14:14">
      <c r="N962384" s="10"/>
    </row>
    <row r="962385" spans="14:14">
      <c r="N962385" s="10"/>
    </row>
    <row r="962386" spans="14:14">
      <c r="N962386" s="10"/>
    </row>
    <row r="962387" spans="14:14">
      <c r="N962387" s="10"/>
    </row>
    <row r="962388" spans="14:14">
      <c r="N962388" s="10"/>
    </row>
    <row r="962389" spans="14:14">
      <c r="N962389" s="10"/>
    </row>
    <row r="962390" spans="14:14">
      <c r="N962390" s="10"/>
    </row>
    <row r="962391" spans="14:14">
      <c r="N962391" s="10"/>
    </row>
    <row r="962392" spans="14:14">
      <c r="N962392" s="10"/>
    </row>
    <row r="962393" spans="14:14">
      <c r="N962393" s="10"/>
    </row>
    <row r="962394" spans="14:14">
      <c r="N962394" s="10"/>
    </row>
    <row r="962395" spans="14:14">
      <c r="N962395" s="10"/>
    </row>
    <row r="962396" spans="14:14">
      <c r="N962396" s="10"/>
    </row>
    <row r="962397" spans="14:14">
      <c r="N962397" s="10"/>
    </row>
    <row r="962398" spans="14:14">
      <c r="N962398" s="10"/>
    </row>
    <row r="962399" spans="14:14">
      <c r="N962399" s="10"/>
    </row>
    <row r="962400" spans="14:14">
      <c r="N962400" s="10"/>
    </row>
    <row r="962401" spans="14:14">
      <c r="N962401" s="10"/>
    </row>
    <row r="962402" spans="14:14">
      <c r="N962402" s="10"/>
    </row>
    <row r="962403" spans="14:14">
      <c r="N962403" s="10"/>
    </row>
    <row r="962404" spans="14:14">
      <c r="N962404" s="10"/>
    </row>
    <row r="962405" spans="14:14">
      <c r="N962405" s="10"/>
    </row>
    <row r="962406" spans="14:14">
      <c r="N962406" s="10"/>
    </row>
    <row r="962407" spans="14:14">
      <c r="N962407" s="10"/>
    </row>
    <row r="962408" spans="14:14">
      <c r="N962408" s="10"/>
    </row>
    <row r="962409" spans="14:14">
      <c r="N962409" s="10"/>
    </row>
    <row r="962410" spans="14:14">
      <c r="N962410" s="10"/>
    </row>
    <row r="962411" spans="14:14">
      <c r="N962411" s="10"/>
    </row>
    <row r="962412" spans="14:14">
      <c r="N962412" s="10"/>
    </row>
    <row r="962413" spans="14:14">
      <c r="N962413" s="10"/>
    </row>
    <row r="962414" spans="14:14">
      <c r="N962414" s="10"/>
    </row>
    <row r="962415" spans="14:14">
      <c r="N962415" s="10"/>
    </row>
    <row r="962416" spans="14:14">
      <c r="N962416" s="10"/>
    </row>
    <row r="962417" spans="14:14">
      <c r="N962417" s="10"/>
    </row>
    <row r="962418" spans="14:14">
      <c r="N962418" s="10"/>
    </row>
    <row r="962419" spans="14:14">
      <c r="N962419" s="10"/>
    </row>
    <row r="962420" spans="14:14">
      <c r="N962420" s="10"/>
    </row>
    <row r="962421" spans="14:14">
      <c r="N962421" s="10"/>
    </row>
    <row r="962422" spans="14:14">
      <c r="N962422" s="10"/>
    </row>
    <row r="962423" spans="14:14">
      <c r="N962423" s="10"/>
    </row>
    <row r="962424" spans="14:14">
      <c r="N962424" s="10"/>
    </row>
    <row r="962425" spans="14:14">
      <c r="N962425" s="10"/>
    </row>
    <row r="962426" spans="14:14">
      <c r="N962426" s="10"/>
    </row>
    <row r="962427" spans="14:14">
      <c r="N962427" s="10"/>
    </row>
    <row r="962428" spans="14:14">
      <c r="N962428" s="10"/>
    </row>
    <row r="962429" spans="14:14">
      <c r="N962429" s="10"/>
    </row>
    <row r="962430" spans="14:14">
      <c r="N962430" s="10"/>
    </row>
    <row r="962431" spans="14:14">
      <c r="N962431" s="10"/>
    </row>
    <row r="962432" spans="14:14">
      <c r="N962432" s="10"/>
    </row>
    <row r="962433" spans="14:14">
      <c r="N962433" s="10"/>
    </row>
    <row r="962434" spans="14:14">
      <c r="N962434" s="10"/>
    </row>
    <row r="962435" spans="14:14">
      <c r="N962435" s="10"/>
    </row>
    <row r="962436" spans="14:14">
      <c r="N962436" s="10"/>
    </row>
    <row r="962437" spans="14:14">
      <c r="N962437" s="10"/>
    </row>
    <row r="962438" spans="14:14">
      <c r="N962438" s="10"/>
    </row>
    <row r="962439" spans="14:14">
      <c r="N962439" s="10"/>
    </row>
    <row r="962440" spans="14:14">
      <c r="N962440" s="10"/>
    </row>
    <row r="962441" spans="14:14">
      <c r="N962441" s="10"/>
    </row>
    <row r="962442" spans="14:14">
      <c r="N962442" s="10"/>
    </row>
    <row r="962443" spans="14:14">
      <c r="N962443" s="10"/>
    </row>
    <row r="962444" spans="14:14">
      <c r="N962444" s="10"/>
    </row>
    <row r="962445" spans="14:14">
      <c r="N962445" s="10"/>
    </row>
    <row r="962446" spans="14:14">
      <c r="N962446" s="10"/>
    </row>
    <row r="962447" spans="14:14">
      <c r="N962447" s="10"/>
    </row>
    <row r="962448" spans="14:14">
      <c r="N962448" s="10"/>
    </row>
    <row r="962449" spans="14:14">
      <c r="N962449" s="10"/>
    </row>
    <row r="962450" spans="14:14">
      <c r="N962450" s="10"/>
    </row>
    <row r="962451" spans="14:14">
      <c r="N962451" s="10"/>
    </row>
    <row r="962452" spans="14:14">
      <c r="N962452" s="10"/>
    </row>
    <row r="962453" spans="14:14">
      <c r="N962453" s="10"/>
    </row>
    <row r="962454" spans="14:14">
      <c r="N962454" s="10"/>
    </row>
    <row r="962455" spans="14:14">
      <c r="N962455" s="10"/>
    </row>
    <row r="962456" spans="14:14">
      <c r="N962456" s="10"/>
    </row>
    <row r="962457" spans="14:14">
      <c r="N962457" s="10"/>
    </row>
    <row r="962458" spans="14:14">
      <c r="N962458" s="10"/>
    </row>
    <row r="962459" spans="14:14">
      <c r="N962459" s="10"/>
    </row>
    <row r="962460" spans="14:14">
      <c r="N962460" s="10"/>
    </row>
    <row r="962461" spans="14:14">
      <c r="N962461" s="10"/>
    </row>
    <row r="962462" spans="14:14">
      <c r="N962462" s="10"/>
    </row>
    <row r="962463" spans="14:14">
      <c r="N962463" s="10"/>
    </row>
    <row r="962464" spans="14:14">
      <c r="N962464" s="10"/>
    </row>
    <row r="962465" spans="14:14">
      <c r="N962465" s="10"/>
    </row>
    <row r="962466" spans="14:14">
      <c r="N962466" s="10"/>
    </row>
    <row r="962467" spans="14:14">
      <c r="N962467" s="10"/>
    </row>
    <row r="962468" spans="14:14">
      <c r="N962468" s="10"/>
    </row>
    <row r="962469" spans="14:14">
      <c r="N962469" s="10"/>
    </row>
    <row r="962470" spans="14:14">
      <c r="N962470" s="10"/>
    </row>
    <row r="962471" spans="14:14">
      <c r="N962471" s="10"/>
    </row>
    <row r="962472" spans="14:14">
      <c r="N962472" s="10"/>
    </row>
    <row r="962473" spans="14:14">
      <c r="N962473" s="10"/>
    </row>
    <row r="962474" spans="14:14">
      <c r="N962474" s="10"/>
    </row>
    <row r="962475" spans="14:14">
      <c r="N962475" s="10"/>
    </row>
    <row r="962476" spans="14:14">
      <c r="N962476" s="10"/>
    </row>
    <row r="962477" spans="14:14">
      <c r="N962477" s="10"/>
    </row>
    <row r="962478" spans="14:14">
      <c r="N962478" s="10"/>
    </row>
    <row r="962479" spans="14:14">
      <c r="N962479" s="10"/>
    </row>
    <row r="962480" spans="14:14">
      <c r="N962480" s="10"/>
    </row>
    <row r="962481" spans="14:14">
      <c r="N962481" s="10"/>
    </row>
    <row r="962482" spans="14:14">
      <c r="N962482" s="10"/>
    </row>
    <row r="962483" spans="14:14">
      <c r="N962483" s="10"/>
    </row>
    <row r="962484" spans="14:14">
      <c r="N962484" s="10"/>
    </row>
    <row r="962485" spans="14:14">
      <c r="N962485" s="10"/>
    </row>
    <row r="962486" spans="14:14">
      <c r="N962486" s="10"/>
    </row>
    <row r="962487" spans="14:14">
      <c r="N962487" s="10"/>
    </row>
    <row r="962488" spans="14:14">
      <c r="N962488" s="10"/>
    </row>
    <row r="962489" spans="14:14">
      <c r="N962489" s="10"/>
    </row>
    <row r="962490" spans="14:14">
      <c r="N962490" s="10"/>
    </row>
    <row r="962491" spans="14:14">
      <c r="N962491" s="10"/>
    </row>
    <row r="962492" spans="14:14">
      <c r="N962492" s="10"/>
    </row>
    <row r="962493" spans="14:14">
      <c r="N962493" s="10"/>
    </row>
    <row r="962494" spans="14:14">
      <c r="N962494" s="10"/>
    </row>
    <row r="962495" spans="14:14">
      <c r="N962495" s="10"/>
    </row>
    <row r="962496" spans="14:14">
      <c r="N962496" s="10"/>
    </row>
    <row r="962497" spans="14:14">
      <c r="N962497" s="10"/>
    </row>
    <row r="962498" spans="14:14">
      <c r="N962498" s="10"/>
    </row>
    <row r="962499" spans="14:14">
      <c r="N962499" s="10"/>
    </row>
    <row r="962500" spans="14:14">
      <c r="N962500" s="10"/>
    </row>
    <row r="962501" spans="14:14">
      <c r="N962501" s="10"/>
    </row>
    <row r="962502" spans="14:14">
      <c r="N962502" s="10"/>
    </row>
    <row r="962503" spans="14:14">
      <c r="N962503" s="10"/>
    </row>
    <row r="962504" spans="14:14">
      <c r="N962504" s="10"/>
    </row>
    <row r="962505" spans="14:14">
      <c r="N962505" s="10"/>
    </row>
    <row r="962506" spans="14:14">
      <c r="N962506" s="10"/>
    </row>
    <row r="962507" spans="14:14">
      <c r="N962507" s="10"/>
    </row>
    <row r="962508" spans="14:14">
      <c r="N962508" s="10"/>
    </row>
    <row r="962509" spans="14:14">
      <c r="N962509" s="10"/>
    </row>
    <row r="962510" spans="14:14">
      <c r="N962510" s="10"/>
    </row>
    <row r="962511" spans="14:14">
      <c r="N962511" s="10"/>
    </row>
    <row r="962512" spans="14:14">
      <c r="N962512" s="10"/>
    </row>
    <row r="962513" spans="14:14">
      <c r="N962513" s="10"/>
    </row>
    <row r="962514" spans="14:14">
      <c r="N962514" s="10"/>
    </row>
    <row r="962515" spans="14:14">
      <c r="N962515" s="10"/>
    </row>
    <row r="962516" spans="14:14">
      <c r="N962516" s="10"/>
    </row>
    <row r="962517" spans="14:14">
      <c r="N962517" s="10"/>
    </row>
    <row r="962518" spans="14:14">
      <c r="N962518" s="10"/>
    </row>
    <row r="962519" spans="14:14">
      <c r="N962519" s="10"/>
    </row>
    <row r="962520" spans="14:14">
      <c r="N962520" s="10"/>
    </row>
    <row r="962521" spans="14:14">
      <c r="N962521" s="10"/>
    </row>
    <row r="962522" spans="14:14">
      <c r="N962522" s="10"/>
    </row>
    <row r="962523" spans="14:14">
      <c r="N962523" s="10"/>
    </row>
    <row r="962524" spans="14:14">
      <c r="N962524" s="10"/>
    </row>
    <row r="962525" spans="14:14">
      <c r="N962525" s="10"/>
    </row>
    <row r="962526" spans="14:14">
      <c r="N962526" s="10"/>
    </row>
    <row r="962527" spans="14:14">
      <c r="N962527" s="10"/>
    </row>
    <row r="962528" spans="14:14">
      <c r="N962528" s="10"/>
    </row>
    <row r="962529" spans="14:14">
      <c r="N962529" s="10"/>
    </row>
    <row r="962530" spans="14:14">
      <c r="N962530" s="10"/>
    </row>
    <row r="962531" spans="14:14">
      <c r="N962531" s="10"/>
    </row>
    <row r="962532" spans="14:14">
      <c r="N962532" s="10"/>
    </row>
    <row r="962533" spans="14:14">
      <c r="N962533" s="10"/>
    </row>
    <row r="962534" spans="14:14">
      <c r="N962534" s="10"/>
    </row>
    <row r="962535" spans="14:14">
      <c r="N962535" s="10"/>
    </row>
    <row r="962536" spans="14:14">
      <c r="N962536" s="10"/>
    </row>
    <row r="962537" spans="14:14">
      <c r="N962537" s="10"/>
    </row>
    <row r="962538" spans="14:14">
      <c r="N962538" s="10"/>
    </row>
    <row r="962539" spans="14:14">
      <c r="N962539" s="10"/>
    </row>
    <row r="962540" spans="14:14">
      <c r="N962540" s="10"/>
    </row>
    <row r="962541" spans="14:14">
      <c r="N962541" s="10"/>
    </row>
    <row r="962542" spans="14:14">
      <c r="N962542" s="10"/>
    </row>
    <row r="962543" spans="14:14">
      <c r="N962543" s="10"/>
    </row>
    <row r="962544" spans="14:14">
      <c r="N962544" s="10"/>
    </row>
    <row r="962545" spans="14:14">
      <c r="N962545" s="10"/>
    </row>
    <row r="962546" spans="14:14">
      <c r="N962546" s="10"/>
    </row>
    <row r="962547" spans="14:14">
      <c r="N962547" s="10"/>
    </row>
    <row r="962548" spans="14:14">
      <c r="N962548" s="10"/>
    </row>
    <row r="962549" spans="14:14">
      <c r="N962549" s="10"/>
    </row>
    <row r="962550" spans="14:14">
      <c r="N962550" s="10"/>
    </row>
    <row r="962551" spans="14:14">
      <c r="N962551" s="10"/>
    </row>
    <row r="962552" spans="14:14">
      <c r="N962552" s="10"/>
    </row>
    <row r="962553" spans="14:14">
      <c r="N962553" s="10"/>
    </row>
    <row r="962554" spans="14:14">
      <c r="N962554" s="10"/>
    </row>
    <row r="962555" spans="14:14">
      <c r="N962555" s="10"/>
    </row>
    <row r="962556" spans="14:14">
      <c r="N962556" s="10"/>
    </row>
    <row r="962557" spans="14:14">
      <c r="N962557" s="10"/>
    </row>
    <row r="962558" spans="14:14">
      <c r="N962558" s="10"/>
    </row>
    <row r="962559" spans="14:14">
      <c r="N962559" s="10"/>
    </row>
    <row r="962560" spans="14:14">
      <c r="N962560" s="10"/>
    </row>
    <row r="962561" spans="14:14">
      <c r="N962561" s="10"/>
    </row>
    <row r="962562" spans="14:14">
      <c r="N962562" s="10"/>
    </row>
    <row r="962563" spans="14:14">
      <c r="N962563" s="10"/>
    </row>
    <row r="962564" spans="14:14">
      <c r="N962564" s="10"/>
    </row>
    <row r="962565" spans="14:14">
      <c r="N962565" s="10"/>
    </row>
    <row r="962566" spans="14:14">
      <c r="N962566" s="10"/>
    </row>
    <row r="962567" spans="14:14">
      <c r="N962567" s="10"/>
    </row>
    <row r="962568" spans="14:14">
      <c r="N962568" s="10"/>
    </row>
    <row r="962569" spans="14:14">
      <c r="N962569" s="10"/>
    </row>
    <row r="962570" spans="14:14">
      <c r="N962570" s="10"/>
    </row>
    <row r="962571" spans="14:14">
      <c r="N962571" s="10"/>
    </row>
    <row r="962572" spans="14:14">
      <c r="N962572" s="10"/>
    </row>
    <row r="962573" spans="14:14">
      <c r="N962573" s="10"/>
    </row>
    <row r="962574" spans="14:14">
      <c r="N962574" s="10"/>
    </row>
    <row r="962575" spans="14:14">
      <c r="N962575" s="10"/>
    </row>
    <row r="962576" spans="14:14">
      <c r="N962576" s="10"/>
    </row>
    <row r="962577" spans="14:14">
      <c r="N962577" s="10"/>
    </row>
    <row r="962578" spans="14:14">
      <c r="N962578" s="10"/>
    </row>
    <row r="962579" spans="14:14">
      <c r="N962579" s="10"/>
    </row>
    <row r="962580" spans="14:14">
      <c r="N962580" s="10"/>
    </row>
    <row r="962581" spans="14:14">
      <c r="N962581" s="10"/>
    </row>
    <row r="962582" spans="14:14">
      <c r="N962582" s="10"/>
    </row>
    <row r="962583" spans="14:14">
      <c r="N962583" s="10"/>
    </row>
    <row r="962584" spans="14:14">
      <c r="N962584" s="10"/>
    </row>
    <row r="962585" spans="14:14">
      <c r="N962585" s="10"/>
    </row>
    <row r="962586" spans="14:14">
      <c r="N962586" s="10"/>
    </row>
    <row r="962587" spans="14:14">
      <c r="N962587" s="10"/>
    </row>
    <row r="962588" spans="14:14">
      <c r="N962588" s="10"/>
    </row>
    <row r="962589" spans="14:14">
      <c r="N962589" s="10"/>
    </row>
    <row r="962590" spans="14:14">
      <c r="N962590" s="10"/>
    </row>
    <row r="962591" spans="14:14">
      <c r="N962591" s="10"/>
    </row>
    <row r="962592" spans="14:14">
      <c r="N962592" s="10"/>
    </row>
    <row r="962593" spans="14:14">
      <c r="N962593" s="10"/>
    </row>
    <row r="962594" spans="14:14">
      <c r="N962594" s="10"/>
    </row>
    <row r="962595" spans="14:14">
      <c r="N962595" s="10"/>
    </row>
    <row r="962596" spans="14:14">
      <c r="N962596" s="10"/>
    </row>
    <row r="962597" spans="14:14">
      <c r="N962597" s="10"/>
    </row>
    <row r="962598" spans="14:14">
      <c r="N962598" s="10"/>
    </row>
    <row r="962599" spans="14:14">
      <c r="N962599" s="10"/>
    </row>
    <row r="962600" spans="14:14">
      <c r="N962600" s="10"/>
    </row>
    <row r="962601" spans="14:14">
      <c r="N962601" s="10"/>
    </row>
    <row r="962602" spans="14:14">
      <c r="N962602" s="10"/>
    </row>
    <row r="962603" spans="14:14">
      <c r="N962603" s="10"/>
    </row>
    <row r="962604" spans="14:14">
      <c r="N962604" s="10"/>
    </row>
    <row r="962605" spans="14:14">
      <c r="N962605" s="10"/>
    </row>
    <row r="962606" spans="14:14">
      <c r="N962606" s="10"/>
    </row>
    <row r="962607" spans="14:14">
      <c r="N962607" s="10"/>
    </row>
    <row r="962608" spans="14:14">
      <c r="N962608" s="10"/>
    </row>
    <row r="962609" spans="14:14">
      <c r="N962609" s="10"/>
    </row>
    <row r="962610" spans="14:14">
      <c r="N962610" s="10"/>
    </row>
    <row r="962611" spans="14:14">
      <c r="N962611" s="10"/>
    </row>
    <row r="962612" spans="14:14">
      <c r="N962612" s="10"/>
    </row>
    <row r="962613" spans="14:14">
      <c r="N962613" s="10"/>
    </row>
    <row r="962614" spans="14:14">
      <c r="N962614" s="10"/>
    </row>
    <row r="962615" spans="14:14">
      <c r="N962615" s="10"/>
    </row>
    <row r="962616" spans="14:14">
      <c r="N962616" s="10"/>
    </row>
    <row r="962617" spans="14:14">
      <c r="N962617" s="10"/>
    </row>
    <row r="962618" spans="14:14">
      <c r="N962618" s="10"/>
    </row>
    <row r="962619" spans="14:14">
      <c r="N962619" s="10"/>
    </row>
    <row r="962620" spans="14:14">
      <c r="N962620" s="10"/>
    </row>
    <row r="962621" spans="14:14">
      <c r="N962621" s="10"/>
    </row>
    <row r="962622" spans="14:14">
      <c r="N962622" s="10"/>
    </row>
    <row r="962623" spans="14:14">
      <c r="N962623" s="10"/>
    </row>
    <row r="962624" spans="14:14">
      <c r="N962624" s="10"/>
    </row>
    <row r="962625" spans="14:14">
      <c r="N962625" s="10"/>
    </row>
    <row r="962626" spans="14:14">
      <c r="N962626" s="10"/>
    </row>
    <row r="962627" spans="14:14">
      <c r="N962627" s="10"/>
    </row>
    <row r="962628" spans="14:14">
      <c r="N962628" s="10"/>
    </row>
    <row r="962629" spans="14:14">
      <c r="N962629" s="10"/>
    </row>
    <row r="962630" spans="14:14">
      <c r="N962630" s="10"/>
    </row>
    <row r="962631" spans="14:14">
      <c r="N962631" s="10"/>
    </row>
    <row r="962632" spans="14:14">
      <c r="N962632" s="10"/>
    </row>
    <row r="962633" spans="14:14">
      <c r="N962633" s="10"/>
    </row>
    <row r="962634" spans="14:14">
      <c r="N962634" s="10"/>
    </row>
    <row r="962635" spans="14:14">
      <c r="N962635" s="10"/>
    </row>
    <row r="962636" spans="14:14">
      <c r="N962636" s="10"/>
    </row>
    <row r="962637" spans="14:14">
      <c r="N962637" s="10"/>
    </row>
    <row r="962638" spans="14:14">
      <c r="N962638" s="10"/>
    </row>
    <row r="962639" spans="14:14">
      <c r="N962639" s="10"/>
    </row>
    <row r="962640" spans="14:14">
      <c r="N962640" s="10"/>
    </row>
    <row r="962641" spans="14:14">
      <c r="N962641" s="10"/>
    </row>
    <row r="962642" spans="14:14">
      <c r="N962642" s="10"/>
    </row>
    <row r="962643" spans="14:14">
      <c r="N962643" s="10"/>
    </row>
    <row r="962644" spans="14:14">
      <c r="N962644" s="10"/>
    </row>
    <row r="962645" spans="14:14">
      <c r="N962645" s="10"/>
    </row>
    <row r="962646" spans="14:14">
      <c r="N962646" s="10"/>
    </row>
    <row r="962647" spans="14:14">
      <c r="N962647" s="10"/>
    </row>
    <row r="962648" spans="14:14">
      <c r="N962648" s="10"/>
    </row>
    <row r="962649" spans="14:14">
      <c r="N962649" s="10"/>
    </row>
    <row r="962650" spans="14:14">
      <c r="N962650" s="10"/>
    </row>
    <row r="962651" spans="14:14">
      <c r="N962651" s="10"/>
    </row>
    <row r="962652" spans="14:14">
      <c r="N962652" s="10"/>
    </row>
    <row r="962653" spans="14:14">
      <c r="N962653" s="10"/>
    </row>
    <row r="962654" spans="14:14">
      <c r="N962654" s="10"/>
    </row>
    <row r="962655" spans="14:14">
      <c r="N962655" s="10"/>
    </row>
    <row r="962656" spans="14:14">
      <c r="N962656" s="10"/>
    </row>
    <row r="962657" spans="14:14">
      <c r="N962657" s="10"/>
    </row>
    <row r="962658" spans="14:14">
      <c r="N962658" s="10"/>
    </row>
    <row r="962659" spans="14:14">
      <c r="N962659" s="10"/>
    </row>
    <row r="962660" spans="14:14">
      <c r="N962660" s="10"/>
    </row>
    <row r="962661" spans="14:14">
      <c r="N962661" s="10"/>
    </row>
    <row r="962662" spans="14:14">
      <c r="N962662" s="10"/>
    </row>
    <row r="962663" spans="14:14">
      <c r="N962663" s="10"/>
    </row>
    <row r="962664" spans="14:14">
      <c r="N962664" s="10"/>
    </row>
    <row r="962665" spans="14:14">
      <c r="N962665" s="10"/>
    </row>
    <row r="962666" spans="14:14">
      <c r="N962666" s="10"/>
    </row>
    <row r="962667" spans="14:14">
      <c r="N962667" s="10"/>
    </row>
    <row r="962668" spans="14:14">
      <c r="N962668" s="10"/>
    </row>
    <row r="962669" spans="14:14">
      <c r="N962669" s="10"/>
    </row>
    <row r="962670" spans="14:14">
      <c r="N962670" s="10"/>
    </row>
    <row r="962671" spans="14:14">
      <c r="N962671" s="10"/>
    </row>
    <row r="962672" spans="14:14">
      <c r="N962672" s="10"/>
    </row>
    <row r="962673" spans="14:14">
      <c r="N962673" s="10"/>
    </row>
    <row r="962674" spans="14:14">
      <c r="N962674" s="10"/>
    </row>
    <row r="962675" spans="14:14">
      <c r="N962675" s="10"/>
    </row>
    <row r="962676" spans="14:14">
      <c r="N962676" s="10"/>
    </row>
    <row r="962677" spans="14:14">
      <c r="N962677" s="10"/>
    </row>
    <row r="962678" spans="14:14">
      <c r="N962678" s="10"/>
    </row>
    <row r="962679" spans="14:14">
      <c r="N962679" s="10"/>
    </row>
    <row r="962680" spans="14:14">
      <c r="N962680" s="10"/>
    </row>
    <row r="962681" spans="14:14">
      <c r="N962681" s="10"/>
    </row>
    <row r="962682" spans="14:14">
      <c r="N962682" s="10"/>
    </row>
    <row r="962683" spans="14:14">
      <c r="N962683" s="10"/>
    </row>
    <row r="962684" spans="14:14">
      <c r="N962684" s="10"/>
    </row>
    <row r="962685" spans="14:14">
      <c r="N962685" s="10"/>
    </row>
    <row r="962686" spans="14:14">
      <c r="N962686" s="10"/>
    </row>
    <row r="962687" spans="14:14">
      <c r="N962687" s="10"/>
    </row>
    <row r="962688" spans="14:14">
      <c r="N962688" s="10"/>
    </row>
    <row r="962689" spans="14:14">
      <c r="N962689" s="10"/>
    </row>
    <row r="962690" spans="14:14">
      <c r="N962690" s="10"/>
    </row>
    <row r="962691" spans="14:14">
      <c r="N962691" s="10"/>
    </row>
    <row r="962692" spans="14:14">
      <c r="N962692" s="10"/>
    </row>
    <row r="962693" spans="14:14">
      <c r="N962693" s="10"/>
    </row>
    <row r="962694" spans="14:14">
      <c r="N962694" s="10"/>
    </row>
    <row r="962695" spans="14:14">
      <c r="N962695" s="10"/>
    </row>
    <row r="962696" spans="14:14">
      <c r="N962696" s="10"/>
    </row>
    <row r="962697" spans="14:14">
      <c r="N962697" s="10"/>
    </row>
    <row r="962698" spans="14:14">
      <c r="N962698" s="10"/>
    </row>
    <row r="962699" spans="14:14">
      <c r="N962699" s="10"/>
    </row>
    <row r="962700" spans="14:14">
      <c r="N962700" s="10"/>
    </row>
    <row r="962701" spans="14:14">
      <c r="N962701" s="10"/>
    </row>
    <row r="962702" spans="14:14">
      <c r="N962702" s="10"/>
    </row>
    <row r="962703" spans="14:14">
      <c r="N962703" s="10"/>
    </row>
    <row r="962704" spans="14:14">
      <c r="N962704" s="10"/>
    </row>
    <row r="962705" spans="14:14">
      <c r="N962705" s="10"/>
    </row>
    <row r="962706" spans="14:14">
      <c r="N962706" s="10"/>
    </row>
    <row r="962707" spans="14:14">
      <c r="N962707" s="10"/>
    </row>
    <row r="962708" spans="14:14">
      <c r="N962708" s="10"/>
    </row>
    <row r="962709" spans="14:14">
      <c r="N962709" s="10"/>
    </row>
    <row r="962710" spans="14:14">
      <c r="N962710" s="10"/>
    </row>
    <row r="962711" spans="14:14">
      <c r="N962711" s="10"/>
    </row>
    <row r="962712" spans="14:14">
      <c r="N962712" s="10"/>
    </row>
    <row r="962713" spans="14:14">
      <c r="N962713" s="10"/>
    </row>
    <row r="962714" spans="14:14">
      <c r="N962714" s="10"/>
    </row>
    <row r="962715" spans="14:14">
      <c r="N962715" s="10"/>
    </row>
    <row r="962716" spans="14:14">
      <c r="N962716" s="10"/>
    </row>
    <row r="962717" spans="14:14">
      <c r="N962717" s="10"/>
    </row>
    <row r="962718" spans="14:14">
      <c r="N962718" s="10"/>
    </row>
    <row r="962719" spans="14:14">
      <c r="N962719" s="10"/>
    </row>
    <row r="962720" spans="14:14">
      <c r="N962720" s="10"/>
    </row>
    <row r="962721" spans="14:14">
      <c r="N962721" s="10"/>
    </row>
    <row r="962722" spans="14:14">
      <c r="N962722" s="10"/>
    </row>
    <row r="962723" spans="14:14">
      <c r="N962723" s="10"/>
    </row>
    <row r="962724" spans="14:14">
      <c r="N962724" s="10"/>
    </row>
    <row r="962725" spans="14:14">
      <c r="N962725" s="10"/>
    </row>
    <row r="962726" spans="14:14">
      <c r="N962726" s="10"/>
    </row>
    <row r="962727" spans="14:14">
      <c r="N962727" s="10"/>
    </row>
    <row r="962728" spans="14:14">
      <c r="N962728" s="10"/>
    </row>
    <row r="962729" spans="14:14">
      <c r="N962729" s="10"/>
    </row>
    <row r="962730" spans="14:14">
      <c r="N962730" s="10"/>
    </row>
    <row r="962731" spans="14:14">
      <c r="N962731" s="10"/>
    </row>
    <row r="962732" spans="14:14">
      <c r="N962732" s="10"/>
    </row>
    <row r="962733" spans="14:14">
      <c r="N962733" s="10"/>
    </row>
    <row r="962734" spans="14:14">
      <c r="N962734" s="10"/>
    </row>
    <row r="962735" spans="14:14">
      <c r="N962735" s="10"/>
    </row>
    <row r="962736" spans="14:14">
      <c r="N962736" s="10"/>
    </row>
    <row r="962737" spans="14:14">
      <c r="N962737" s="10"/>
    </row>
    <row r="962738" spans="14:14">
      <c r="N962738" s="10"/>
    </row>
    <row r="962739" spans="14:14">
      <c r="N962739" s="10"/>
    </row>
    <row r="962740" spans="14:14">
      <c r="N962740" s="10"/>
    </row>
    <row r="962741" spans="14:14">
      <c r="N962741" s="10"/>
    </row>
    <row r="962742" spans="14:14">
      <c r="N962742" s="10"/>
    </row>
    <row r="962743" spans="14:14">
      <c r="N962743" s="10"/>
    </row>
    <row r="962744" spans="14:14">
      <c r="N962744" s="10"/>
    </row>
    <row r="962745" spans="14:14">
      <c r="N962745" s="10"/>
    </row>
    <row r="962746" spans="14:14">
      <c r="N962746" s="10"/>
    </row>
    <row r="962747" spans="14:14">
      <c r="N962747" s="10"/>
    </row>
    <row r="962748" spans="14:14">
      <c r="N962748" s="10"/>
    </row>
    <row r="962749" spans="14:14">
      <c r="N962749" s="10"/>
    </row>
    <row r="962750" spans="14:14">
      <c r="N962750" s="10"/>
    </row>
    <row r="962751" spans="14:14">
      <c r="N962751" s="10"/>
    </row>
    <row r="962752" spans="14:14">
      <c r="N962752" s="10"/>
    </row>
    <row r="962753" spans="14:14">
      <c r="N962753" s="10"/>
    </row>
    <row r="962754" spans="14:14">
      <c r="N962754" s="10"/>
    </row>
    <row r="962755" spans="14:14">
      <c r="N962755" s="10"/>
    </row>
    <row r="962756" spans="14:14">
      <c r="N962756" s="10"/>
    </row>
    <row r="962757" spans="14:14">
      <c r="N962757" s="10"/>
    </row>
    <row r="962758" spans="14:14">
      <c r="N962758" s="10"/>
    </row>
    <row r="962759" spans="14:14">
      <c r="N962759" s="10"/>
    </row>
    <row r="962760" spans="14:14">
      <c r="N962760" s="10"/>
    </row>
    <row r="962761" spans="14:14">
      <c r="N962761" s="10"/>
    </row>
    <row r="962762" spans="14:14">
      <c r="N962762" s="10"/>
    </row>
    <row r="962763" spans="14:14">
      <c r="N962763" s="10"/>
    </row>
    <row r="962764" spans="14:14">
      <c r="N962764" s="10"/>
    </row>
    <row r="962765" spans="14:14">
      <c r="N962765" s="10"/>
    </row>
    <row r="962766" spans="14:14">
      <c r="N962766" s="10"/>
    </row>
    <row r="962767" spans="14:14">
      <c r="N962767" s="10"/>
    </row>
    <row r="962768" spans="14:14">
      <c r="N962768" s="10"/>
    </row>
    <row r="962769" spans="14:14">
      <c r="N962769" s="10"/>
    </row>
    <row r="962770" spans="14:14">
      <c r="N962770" s="10"/>
    </row>
    <row r="962771" spans="14:14">
      <c r="N962771" s="10"/>
    </row>
    <row r="962772" spans="14:14">
      <c r="N962772" s="10"/>
    </row>
    <row r="962773" spans="14:14">
      <c r="N962773" s="10"/>
    </row>
    <row r="962774" spans="14:14">
      <c r="N962774" s="10"/>
    </row>
    <row r="962775" spans="14:14">
      <c r="N962775" s="10"/>
    </row>
    <row r="962776" spans="14:14">
      <c r="N962776" s="10"/>
    </row>
    <row r="962777" spans="14:14">
      <c r="N962777" s="10"/>
    </row>
    <row r="962778" spans="14:14">
      <c r="N962778" s="10"/>
    </row>
    <row r="962779" spans="14:14">
      <c r="N962779" s="10"/>
    </row>
    <row r="962780" spans="14:14">
      <c r="N962780" s="10"/>
    </row>
    <row r="962781" spans="14:14">
      <c r="N962781" s="10"/>
    </row>
    <row r="962782" spans="14:14">
      <c r="N962782" s="10"/>
    </row>
    <row r="962783" spans="14:14">
      <c r="N962783" s="10"/>
    </row>
    <row r="962784" spans="14:14">
      <c r="N962784" s="10"/>
    </row>
    <row r="962785" spans="14:14">
      <c r="N962785" s="10"/>
    </row>
    <row r="962786" spans="14:14">
      <c r="N962786" s="10"/>
    </row>
    <row r="962787" spans="14:14">
      <c r="N962787" s="10"/>
    </row>
    <row r="962788" spans="14:14">
      <c r="N962788" s="10"/>
    </row>
    <row r="962789" spans="14:14">
      <c r="N962789" s="10"/>
    </row>
    <row r="962790" spans="14:14">
      <c r="N962790" s="10"/>
    </row>
    <row r="962791" spans="14:14">
      <c r="N962791" s="10"/>
    </row>
    <row r="962792" spans="14:14">
      <c r="N962792" s="10"/>
    </row>
    <row r="962793" spans="14:14">
      <c r="N962793" s="10"/>
    </row>
    <row r="962794" spans="14:14">
      <c r="N962794" s="10"/>
    </row>
    <row r="962795" spans="14:14">
      <c r="N962795" s="10"/>
    </row>
    <row r="962796" spans="14:14">
      <c r="N962796" s="10"/>
    </row>
    <row r="962797" spans="14:14">
      <c r="N962797" s="10"/>
    </row>
    <row r="962798" spans="14:14">
      <c r="N962798" s="10"/>
    </row>
    <row r="962799" spans="14:14">
      <c r="N962799" s="10"/>
    </row>
    <row r="962800" spans="14:14">
      <c r="N962800" s="10"/>
    </row>
    <row r="962801" spans="14:14">
      <c r="N962801" s="10"/>
    </row>
    <row r="962802" spans="14:14">
      <c r="N962802" s="10"/>
    </row>
    <row r="962803" spans="14:14">
      <c r="N962803" s="10"/>
    </row>
    <row r="962804" spans="14:14">
      <c r="N962804" s="10"/>
    </row>
    <row r="962805" spans="14:14">
      <c r="N962805" s="10"/>
    </row>
    <row r="962806" spans="14:14">
      <c r="N962806" s="10"/>
    </row>
    <row r="962807" spans="14:14">
      <c r="N962807" s="10"/>
    </row>
    <row r="962808" spans="14:14">
      <c r="N962808" s="10"/>
    </row>
    <row r="962809" spans="14:14">
      <c r="N962809" s="10"/>
    </row>
    <row r="962810" spans="14:14">
      <c r="N962810" s="10"/>
    </row>
    <row r="962811" spans="14:14">
      <c r="N962811" s="10"/>
    </row>
    <row r="962812" spans="14:14">
      <c r="N962812" s="10"/>
    </row>
    <row r="962813" spans="14:14">
      <c r="N962813" s="10"/>
    </row>
    <row r="962814" spans="14:14">
      <c r="N962814" s="10"/>
    </row>
    <row r="962815" spans="14:14">
      <c r="N962815" s="10"/>
    </row>
    <row r="962816" spans="14:14">
      <c r="N962816" s="10"/>
    </row>
    <row r="962817" spans="14:14">
      <c r="N962817" s="10"/>
    </row>
    <row r="962818" spans="14:14">
      <c r="N962818" s="10"/>
    </row>
    <row r="962819" spans="14:14">
      <c r="N962819" s="10"/>
    </row>
    <row r="962820" spans="14:14">
      <c r="N962820" s="10"/>
    </row>
    <row r="962821" spans="14:14">
      <c r="N962821" s="10"/>
    </row>
    <row r="962822" spans="14:14">
      <c r="N962822" s="10"/>
    </row>
    <row r="962823" spans="14:14">
      <c r="N962823" s="10"/>
    </row>
    <row r="962824" spans="14:14">
      <c r="N962824" s="10"/>
    </row>
    <row r="962825" spans="14:14">
      <c r="N962825" s="10"/>
    </row>
    <row r="962826" spans="14:14">
      <c r="N962826" s="10"/>
    </row>
    <row r="962827" spans="14:14">
      <c r="N962827" s="10"/>
    </row>
    <row r="962828" spans="14:14">
      <c r="N962828" s="10"/>
    </row>
    <row r="962829" spans="14:14">
      <c r="N962829" s="10"/>
    </row>
    <row r="962830" spans="14:14">
      <c r="N962830" s="10"/>
    </row>
    <row r="962831" spans="14:14">
      <c r="N962831" s="10"/>
    </row>
    <row r="962832" spans="14:14">
      <c r="N962832" s="10"/>
    </row>
    <row r="962833" spans="14:14">
      <c r="N962833" s="10"/>
    </row>
    <row r="962834" spans="14:14">
      <c r="N962834" s="10"/>
    </row>
    <row r="962835" spans="14:14">
      <c r="N962835" s="10"/>
    </row>
    <row r="962836" spans="14:14">
      <c r="N962836" s="10"/>
    </row>
    <row r="962837" spans="14:14">
      <c r="N962837" s="10"/>
    </row>
    <row r="962838" spans="14:14">
      <c r="N962838" s="10"/>
    </row>
    <row r="962839" spans="14:14">
      <c r="N962839" s="10"/>
    </row>
    <row r="962840" spans="14:14">
      <c r="N962840" s="10"/>
    </row>
    <row r="962841" spans="14:14">
      <c r="N962841" s="10"/>
    </row>
    <row r="962842" spans="14:14">
      <c r="N962842" s="10"/>
    </row>
    <row r="962843" spans="14:14">
      <c r="N962843" s="10"/>
    </row>
    <row r="962844" spans="14:14">
      <c r="N962844" s="10"/>
    </row>
    <row r="962845" spans="14:14">
      <c r="N962845" s="10"/>
    </row>
    <row r="962846" spans="14:14">
      <c r="N962846" s="10"/>
    </row>
    <row r="962847" spans="14:14">
      <c r="N962847" s="10"/>
    </row>
    <row r="962848" spans="14:14">
      <c r="N962848" s="10"/>
    </row>
    <row r="962849" spans="14:14">
      <c r="N962849" s="10"/>
    </row>
    <row r="962850" spans="14:14">
      <c r="N962850" s="10"/>
    </row>
    <row r="962851" spans="14:14">
      <c r="N962851" s="10"/>
    </row>
    <row r="962852" spans="14:14">
      <c r="N962852" s="10"/>
    </row>
    <row r="962853" spans="14:14">
      <c r="N962853" s="10"/>
    </row>
    <row r="962854" spans="14:14">
      <c r="N962854" s="10"/>
    </row>
    <row r="962855" spans="14:14">
      <c r="N962855" s="10"/>
    </row>
    <row r="962856" spans="14:14">
      <c r="N962856" s="10"/>
    </row>
    <row r="962857" spans="14:14">
      <c r="N962857" s="10"/>
    </row>
    <row r="962858" spans="14:14">
      <c r="N962858" s="10"/>
    </row>
    <row r="962859" spans="14:14">
      <c r="N962859" s="10"/>
    </row>
    <row r="962860" spans="14:14">
      <c r="N962860" s="10"/>
    </row>
    <row r="962861" spans="14:14">
      <c r="N962861" s="10"/>
    </row>
    <row r="962862" spans="14:14">
      <c r="N962862" s="10"/>
    </row>
    <row r="962863" spans="14:14">
      <c r="N962863" s="10"/>
    </row>
    <row r="962864" spans="14:14">
      <c r="N962864" s="10"/>
    </row>
    <row r="962865" spans="14:14">
      <c r="N962865" s="10"/>
    </row>
    <row r="962866" spans="14:14">
      <c r="N962866" s="10"/>
    </row>
    <row r="962867" spans="14:14">
      <c r="N962867" s="10"/>
    </row>
    <row r="962868" spans="14:14">
      <c r="N962868" s="10"/>
    </row>
    <row r="962869" spans="14:14">
      <c r="N962869" s="10"/>
    </row>
    <row r="962870" spans="14:14">
      <c r="N962870" s="10"/>
    </row>
    <row r="962871" spans="14:14">
      <c r="N962871" s="10"/>
    </row>
    <row r="962872" spans="14:14">
      <c r="N962872" s="10"/>
    </row>
    <row r="962873" spans="14:14">
      <c r="N962873" s="10"/>
    </row>
    <row r="962874" spans="14:14">
      <c r="N962874" s="10"/>
    </row>
    <row r="962875" spans="14:14">
      <c r="N962875" s="10"/>
    </row>
    <row r="962876" spans="14:14">
      <c r="N962876" s="10"/>
    </row>
    <row r="962877" spans="14:14">
      <c r="N962877" s="10"/>
    </row>
    <row r="962878" spans="14:14">
      <c r="N962878" s="10"/>
    </row>
    <row r="962879" spans="14:14">
      <c r="N962879" s="10"/>
    </row>
    <row r="962880" spans="14:14">
      <c r="N962880" s="10"/>
    </row>
    <row r="962881" spans="14:14">
      <c r="N962881" s="10"/>
    </row>
    <row r="962882" spans="14:14">
      <c r="N962882" s="10"/>
    </row>
    <row r="962883" spans="14:14">
      <c r="N962883" s="10"/>
    </row>
    <row r="962884" spans="14:14">
      <c r="N962884" s="10"/>
    </row>
    <row r="962885" spans="14:14">
      <c r="N962885" s="10"/>
    </row>
    <row r="962886" spans="14:14">
      <c r="N962886" s="10"/>
    </row>
    <row r="962887" spans="14:14">
      <c r="N962887" s="10"/>
    </row>
    <row r="962888" spans="14:14">
      <c r="N962888" s="10"/>
    </row>
    <row r="962889" spans="14:14">
      <c r="N962889" s="10"/>
    </row>
    <row r="962890" spans="14:14">
      <c r="N962890" s="10"/>
    </row>
    <row r="962891" spans="14:14">
      <c r="N962891" s="10"/>
    </row>
    <row r="962892" spans="14:14">
      <c r="N962892" s="10"/>
    </row>
    <row r="962893" spans="14:14">
      <c r="N962893" s="10"/>
    </row>
    <row r="962894" spans="14:14">
      <c r="N962894" s="10"/>
    </row>
    <row r="962895" spans="14:14">
      <c r="N962895" s="10"/>
    </row>
    <row r="962896" spans="14:14">
      <c r="N962896" s="10"/>
    </row>
    <row r="962897" spans="14:14">
      <c r="N962897" s="10"/>
    </row>
    <row r="962898" spans="14:14">
      <c r="N962898" s="10"/>
    </row>
    <row r="962899" spans="14:14">
      <c r="N962899" s="10"/>
    </row>
    <row r="962900" spans="14:14">
      <c r="N962900" s="10"/>
    </row>
    <row r="962901" spans="14:14">
      <c r="N962901" s="10"/>
    </row>
    <row r="962902" spans="14:14">
      <c r="N962902" s="10"/>
    </row>
    <row r="962903" spans="14:14">
      <c r="N962903" s="10"/>
    </row>
    <row r="962904" spans="14:14">
      <c r="N962904" s="10"/>
    </row>
    <row r="962905" spans="14:14">
      <c r="N962905" s="10"/>
    </row>
    <row r="962906" spans="14:14">
      <c r="N962906" s="10"/>
    </row>
    <row r="962907" spans="14:14">
      <c r="N962907" s="10"/>
    </row>
    <row r="962908" spans="14:14">
      <c r="N962908" s="10"/>
    </row>
    <row r="962909" spans="14:14">
      <c r="N962909" s="10"/>
    </row>
    <row r="962910" spans="14:14">
      <c r="N962910" s="10"/>
    </row>
    <row r="962911" spans="14:14">
      <c r="N962911" s="10"/>
    </row>
    <row r="962912" spans="14:14">
      <c r="N962912" s="10"/>
    </row>
    <row r="962913" spans="14:14">
      <c r="N962913" s="10"/>
    </row>
    <row r="962914" spans="14:14">
      <c r="N962914" s="10"/>
    </row>
    <row r="962915" spans="14:14">
      <c r="N962915" s="10"/>
    </row>
    <row r="962916" spans="14:14">
      <c r="N962916" s="10"/>
    </row>
    <row r="962917" spans="14:14">
      <c r="N962917" s="10"/>
    </row>
    <row r="962918" spans="14:14">
      <c r="N962918" s="10"/>
    </row>
    <row r="962919" spans="14:14">
      <c r="N962919" s="10"/>
    </row>
    <row r="962920" spans="14:14">
      <c r="N962920" s="10"/>
    </row>
    <row r="962921" spans="14:14">
      <c r="N962921" s="10"/>
    </row>
    <row r="962922" spans="14:14">
      <c r="N962922" s="10"/>
    </row>
    <row r="962923" spans="14:14">
      <c r="N962923" s="10"/>
    </row>
    <row r="962924" spans="14:14">
      <c r="N962924" s="10"/>
    </row>
    <row r="962925" spans="14:14">
      <c r="N962925" s="10"/>
    </row>
    <row r="962926" spans="14:14">
      <c r="N962926" s="10"/>
    </row>
    <row r="962927" spans="14:14">
      <c r="N962927" s="10"/>
    </row>
    <row r="962928" spans="14:14">
      <c r="N962928" s="10"/>
    </row>
    <row r="962929" spans="14:14">
      <c r="N962929" s="10"/>
    </row>
    <row r="962930" spans="14:14">
      <c r="N962930" s="10"/>
    </row>
    <row r="962931" spans="14:14">
      <c r="N962931" s="10"/>
    </row>
    <row r="962932" spans="14:14">
      <c r="N962932" s="10"/>
    </row>
    <row r="962933" spans="14:14">
      <c r="N962933" s="10"/>
    </row>
    <row r="962934" spans="14:14">
      <c r="N962934" s="10"/>
    </row>
    <row r="962935" spans="14:14">
      <c r="N962935" s="10"/>
    </row>
    <row r="962936" spans="14:14">
      <c r="N962936" s="10"/>
    </row>
    <row r="962937" spans="14:14">
      <c r="N962937" s="10"/>
    </row>
    <row r="962938" spans="14:14">
      <c r="N962938" s="10"/>
    </row>
    <row r="962939" spans="14:14">
      <c r="N962939" s="10"/>
    </row>
    <row r="962940" spans="14:14">
      <c r="N962940" s="10"/>
    </row>
    <row r="962941" spans="14:14">
      <c r="N962941" s="10"/>
    </row>
    <row r="962942" spans="14:14">
      <c r="N962942" s="10"/>
    </row>
    <row r="962943" spans="14:14">
      <c r="N962943" s="10"/>
    </row>
    <row r="962944" spans="14:14">
      <c r="N962944" s="10"/>
    </row>
    <row r="962945" spans="14:14">
      <c r="N962945" s="10"/>
    </row>
    <row r="962946" spans="14:14">
      <c r="N962946" s="10"/>
    </row>
    <row r="962947" spans="14:14">
      <c r="N962947" s="10"/>
    </row>
    <row r="962948" spans="14:14">
      <c r="N962948" s="10"/>
    </row>
    <row r="962949" spans="14:14">
      <c r="N962949" s="10"/>
    </row>
    <row r="962950" spans="14:14">
      <c r="N962950" s="10"/>
    </row>
    <row r="962951" spans="14:14">
      <c r="N962951" s="10"/>
    </row>
    <row r="962952" spans="14:14">
      <c r="N962952" s="10"/>
    </row>
    <row r="962953" spans="14:14">
      <c r="N962953" s="10"/>
    </row>
    <row r="962954" spans="14:14">
      <c r="N962954" s="10"/>
    </row>
    <row r="962955" spans="14:14">
      <c r="N962955" s="10"/>
    </row>
    <row r="962956" spans="14:14">
      <c r="N962956" s="10"/>
    </row>
    <row r="962957" spans="14:14">
      <c r="N962957" s="10"/>
    </row>
    <row r="962958" spans="14:14">
      <c r="N962958" s="10"/>
    </row>
    <row r="962959" spans="14:14">
      <c r="N962959" s="10"/>
    </row>
    <row r="962960" spans="14:14">
      <c r="N962960" s="10"/>
    </row>
    <row r="962961" spans="14:14">
      <c r="N962961" s="10"/>
    </row>
    <row r="962962" spans="14:14">
      <c r="N962962" s="10"/>
    </row>
    <row r="962963" spans="14:14">
      <c r="N962963" s="10"/>
    </row>
    <row r="962964" spans="14:14">
      <c r="N962964" s="10"/>
    </row>
    <row r="962965" spans="14:14">
      <c r="N962965" s="10"/>
    </row>
    <row r="962966" spans="14:14">
      <c r="N962966" s="10"/>
    </row>
    <row r="962967" spans="14:14">
      <c r="N962967" s="10"/>
    </row>
    <row r="962968" spans="14:14">
      <c r="N962968" s="10"/>
    </row>
    <row r="962969" spans="14:14">
      <c r="N962969" s="10"/>
    </row>
    <row r="962970" spans="14:14">
      <c r="N962970" s="10"/>
    </row>
    <row r="962971" spans="14:14">
      <c r="N962971" s="10"/>
    </row>
    <row r="962972" spans="14:14">
      <c r="N962972" s="10"/>
    </row>
    <row r="962973" spans="14:14">
      <c r="N962973" s="10"/>
    </row>
    <row r="962974" spans="14:14">
      <c r="N962974" s="10"/>
    </row>
    <row r="962975" spans="14:14">
      <c r="N962975" s="10"/>
    </row>
    <row r="962976" spans="14:14">
      <c r="N962976" s="10"/>
    </row>
    <row r="962977" spans="14:14">
      <c r="N962977" s="10"/>
    </row>
    <row r="962978" spans="14:14">
      <c r="N962978" s="10"/>
    </row>
    <row r="962979" spans="14:14">
      <c r="N962979" s="10"/>
    </row>
    <row r="962980" spans="14:14">
      <c r="N962980" s="10"/>
    </row>
    <row r="962981" spans="14:14">
      <c r="N962981" s="10"/>
    </row>
    <row r="962982" spans="14:14">
      <c r="N962982" s="10"/>
    </row>
    <row r="962983" spans="14:14">
      <c r="N962983" s="10"/>
    </row>
    <row r="962984" spans="14:14">
      <c r="N962984" s="10"/>
    </row>
    <row r="962985" spans="14:14">
      <c r="N962985" s="10"/>
    </row>
    <row r="962986" spans="14:14">
      <c r="N962986" s="10"/>
    </row>
    <row r="962987" spans="14:14">
      <c r="N962987" s="10"/>
    </row>
    <row r="962988" spans="14:14">
      <c r="N962988" s="10"/>
    </row>
    <row r="962989" spans="14:14">
      <c r="N962989" s="10"/>
    </row>
    <row r="962990" spans="14:14">
      <c r="N962990" s="10"/>
    </row>
    <row r="962991" spans="14:14">
      <c r="N962991" s="10"/>
    </row>
    <row r="962992" spans="14:14">
      <c r="N962992" s="10"/>
    </row>
    <row r="962993" spans="14:14">
      <c r="N962993" s="10"/>
    </row>
    <row r="962994" spans="14:14">
      <c r="N962994" s="10"/>
    </row>
    <row r="962995" spans="14:14">
      <c r="N962995" s="10"/>
    </row>
    <row r="962996" spans="14:14">
      <c r="N962996" s="10"/>
    </row>
    <row r="962997" spans="14:14">
      <c r="N962997" s="10"/>
    </row>
    <row r="962998" spans="14:14">
      <c r="N962998" s="10"/>
    </row>
    <row r="962999" spans="14:14">
      <c r="N962999" s="10"/>
    </row>
    <row r="963000" spans="14:14">
      <c r="N963000" s="10"/>
    </row>
    <row r="963001" spans="14:14">
      <c r="N963001" s="10"/>
    </row>
    <row r="963002" spans="14:14">
      <c r="N963002" s="10"/>
    </row>
    <row r="963003" spans="14:14">
      <c r="N963003" s="10"/>
    </row>
    <row r="963004" spans="14:14">
      <c r="N963004" s="10"/>
    </row>
    <row r="963005" spans="14:14">
      <c r="N963005" s="10"/>
    </row>
    <row r="963006" spans="14:14">
      <c r="N963006" s="10"/>
    </row>
    <row r="963007" spans="14:14">
      <c r="N963007" s="10"/>
    </row>
    <row r="963008" spans="14:14">
      <c r="N963008" s="10"/>
    </row>
    <row r="963009" spans="14:14">
      <c r="N963009" s="10"/>
    </row>
    <row r="963010" spans="14:14">
      <c r="N963010" s="10"/>
    </row>
    <row r="963011" spans="14:14">
      <c r="N963011" s="10"/>
    </row>
    <row r="963012" spans="14:14">
      <c r="N963012" s="10"/>
    </row>
    <row r="963013" spans="14:14">
      <c r="N963013" s="10"/>
    </row>
    <row r="963014" spans="14:14">
      <c r="N963014" s="10"/>
    </row>
    <row r="963015" spans="14:14">
      <c r="N963015" s="10"/>
    </row>
    <row r="963016" spans="14:14">
      <c r="N963016" s="10"/>
    </row>
    <row r="963017" spans="14:14">
      <c r="N963017" s="10"/>
    </row>
    <row r="963018" spans="14:14">
      <c r="N963018" s="10"/>
    </row>
    <row r="963019" spans="14:14">
      <c r="N963019" s="10"/>
    </row>
    <row r="963020" spans="14:14">
      <c r="N963020" s="10"/>
    </row>
    <row r="963021" spans="14:14">
      <c r="N963021" s="10"/>
    </row>
    <row r="963022" spans="14:14">
      <c r="N963022" s="10"/>
    </row>
    <row r="963023" spans="14:14">
      <c r="N963023" s="10"/>
    </row>
    <row r="963024" spans="14:14">
      <c r="N963024" s="10"/>
    </row>
    <row r="963025" spans="14:14">
      <c r="N963025" s="10"/>
    </row>
    <row r="963026" spans="14:14">
      <c r="N963026" s="10"/>
    </row>
    <row r="963027" spans="14:14">
      <c r="N963027" s="10"/>
    </row>
    <row r="963028" spans="14:14">
      <c r="N963028" s="10"/>
    </row>
    <row r="963029" spans="14:14">
      <c r="N963029" s="10"/>
    </row>
    <row r="963030" spans="14:14">
      <c r="N963030" s="10"/>
    </row>
    <row r="963031" spans="14:14">
      <c r="N963031" s="10"/>
    </row>
    <row r="963032" spans="14:14">
      <c r="N963032" s="10"/>
    </row>
    <row r="963033" spans="14:14">
      <c r="N963033" s="10"/>
    </row>
    <row r="963034" spans="14:14">
      <c r="N963034" s="10"/>
    </row>
    <row r="963035" spans="14:14">
      <c r="N963035" s="10"/>
    </row>
    <row r="963036" spans="14:14">
      <c r="N963036" s="10"/>
    </row>
    <row r="963037" spans="14:14">
      <c r="N963037" s="10"/>
    </row>
    <row r="963038" spans="14:14">
      <c r="N963038" s="10"/>
    </row>
    <row r="963039" spans="14:14">
      <c r="N963039" s="10"/>
    </row>
    <row r="963040" spans="14:14">
      <c r="N963040" s="10"/>
    </row>
    <row r="963041" spans="14:14">
      <c r="N963041" s="10"/>
    </row>
    <row r="963042" spans="14:14">
      <c r="N963042" s="10"/>
    </row>
    <row r="963043" spans="14:14">
      <c r="N963043" s="10"/>
    </row>
    <row r="963044" spans="14:14">
      <c r="N963044" s="10"/>
    </row>
    <row r="963045" spans="14:14">
      <c r="N963045" s="10"/>
    </row>
    <row r="963046" spans="14:14">
      <c r="N963046" s="10"/>
    </row>
    <row r="963047" spans="14:14">
      <c r="N963047" s="10"/>
    </row>
    <row r="963048" spans="14:14">
      <c r="N963048" s="10"/>
    </row>
    <row r="963049" spans="14:14">
      <c r="N963049" s="10"/>
    </row>
    <row r="963050" spans="14:14">
      <c r="N963050" s="10"/>
    </row>
    <row r="963051" spans="14:14">
      <c r="N963051" s="10"/>
    </row>
    <row r="963052" spans="14:14">
      <c r="N963052" s="10"/>
    </row>
    <row r="963053" spans="14:14">
      <c r="N963053" s="10"/>
    </row>
    <row r="963054" spans="14:14">
      <c r="N963054" s="10"/>
    </row>
    <row r="963055" spans="14:14">
      <c r="N963055" s="10"/>
    </row>
    <row r="963056" spans="14:14">
      <c r="N963056" s="10"/>
    </row>
    <row r="963057" spans="14:14">
      <c r="N963057" s="10"/>
    </row>
    <row r="963058" spans="14:14">
      <c r="N963058" s="10"/>
    </row>
    <row r="963059" spans="14:14">
      <c r="N963059" s="10"/>
    </row>
    <row r="963060" spans="14:14">
      <c r="N963060" s="10"/>
    </row>
    <row r="963061" spans="14:14">
      <c r="N963061" s="10"/>
    </row>
    <row r="963062" spans="14:14">
      <c r="N963062" s="10"/>
    </row>
    <row r="963063" spans="14:14">
      <c r="N963063" s="10"/>
    </row>
    <row r="963064" spans="14:14">
      <c r="N963064" s="10"/>
    </row>
    <row r="963065" spans="14:14">
      <c r="N963065" s="10"/>
    </row>
    <row r="963066" spans="14:14">
      <c r="N963066" s="10"/>
    </row>
    <row r="963067" spans="14:14">
      <c r="N963067" s="10"/>
    </row>
    <row r="963068" spans="14:14">
      <c r="N963068" s="10"/>
    </row>
    <row r="963069" spans="14:14">
      <c r="N963069" s="10"/>
    </row>
    <row r="963070" spans="14:14">
      <c r="N963070" s="10"/>
    </row>
    <row r="963071" spans="14:14">
      <c r="N963071" s="10"/>
    </row>
    <row r="963072" spans="14:14">
      <c r="N963072" s="10"/>
    </row>
    <row r="963073" spans="14:14">
      <c r="N963073" s="10"/>
    </row>
    <row r="963074" spans="14:14">
      <c r="N963074" s="10"/>
    </row>
    <row r="963075" spans="14:14">
      <c r="N963075" s="10"/>
    </row>
    <row r="963076" spans="14:14">
      <c r="N963076" s="10"/>
    </row>
    <row r="963077" spans="14:14">
      <c r="N963077" s="10"/>
    </row>
    <row r="963078" spans="14:14">
      <c r="N963078" s="10"/>
    </row>
    <row r="963079" spans="14:14">
      <c r="N963079" s="10"/>
    </row>
    <row r="963080" spans="14:14">
      <c r="N963080" s="10"/>
    </row>
    <row r="963081" spans="14:14">
      <c r="N963081" s="10"/>
    </row>
    <row r="963082" spans="14:14">
      <c r="N963082" s="10"/>
    </row>
    <row r="963083" spans="14:14">
      <c r="N963083" s="10"/>
    </row>
    <row r="963084" spans="14:14">
      <c r="N963084" s="10"/>
    </row>
    <row r="963085" spans="14:14">
      <c r="N963085" s="10"/>
    </row>
    <row r="963086" spans="14:14">
      <c r="N963086" s="10"/>
    </row>
    <row r="963087" spans="14:14">
      <c r="N963087" s="10"/>
    </row>
    <row r="963088" spans="14:14">
      <c r="N963088" s="10"/>
    </row>
    <row r="963089" spans="14:14">
      <c r="N963089" s="10"/>
    </row>
    <row r="963090" spans="14:14">
      <c r="N963090" s="10"/>
    </row>
    <row r="963091" spans="14:14">
      <c r="N963091" s="10"/>
    </row>
    <row r="963092" spans="14:14">
      <c r="N963092" s="10"/>
    </row>
    <row r="963093" spans="14:14">
      <c r="N963093" s="10"/>
    </row>
    <row r="963094" spans="14:14">
      <c r="N963094" s="10"/>
    </row>
    <row r="963095" spans="14:14">
      <c r="N963095" s="10"/>
    </row>
    <row r="963096" spans="14:14">
      <c r="N963096" s="10"/>
    </row>
    <row r="963097" spans="14:14">
      <c r="N963097" s="10"/>
    </row>
    <row r="963098" spans="14:14">
      <c r="N963098" s="10"/>
    </row>
    <row r="963099" spans="14:14">
      <c r="N963099" s="10"/>
    </row>
    <row r="963100" spans="14:14">
      <c r="N963100" s="10"/>
    </row>
    <row r="963101" spans="14:14">
      <c r="N963101" s="10"/>
    </row>
    <row r="963102" spans="14:14">
      <c r="N963102" s="10"/>
    </row>
    <row r="963103" spans="14:14">
      <c r="N963103" s="10"/>
    </row>
    <row r="963104" spans="14:14">
      <c r="N963104" s="10"/>
    </row>
    <row r="963105" spans="14:14">
      <c r="N963105" s="10"/>
    </row>
    <row r="963106" spans="14:14">
      <c r="N963106" s="10"/>
    </row>
    <row r="963107" spans="14:14">
      <c r="N963107" s="10"/>
    </row>
    <row r="963108" spans="14:14">
      <c r="N963108" s="10"/>
    </row>
    <row r="963109" spans="14:14">
      <c r="N963109" s="10"/>
    </row>
    <row r="963110" spans="14:14">
      <c r="N963110" s="10"/>
    </row>
    <row r="963111" spans="14:14">
      <c r="N963111" s="10"/>
    </row>
    <row r="963112" spans="14:14">
      <c r="N963112" s="10"/>
    </row>
    <row r="963113" spans="14:14">
      <c r="N963113" s="10"/>
    </row>
    <row r="963114" spans="14:14">
      <c r="N963114" s="10"/>
    </row>
    <row r="963115" spans="14:14">
      <c r="N963115" s="10"/>
    </row>
    <row r="963116" spans="14:14">
      <c r="N963116" s="10"/>
    </row>
    <row r="963117" spans="14:14">
      <c r="N963117" s="10"/>
    </row>
    <row r="963118" spans="14:14">
      <c r="N963118" s="10"/>
    </row>
    <row r="963119" spans="14:14">
      <c r="N963119" s="10"/>
    </row>
    <row r="963120" spans="14:14">
      <c r="N963120" s="10"/>
    </row>
    <row r="963121" spans="14:14">
      <c r="N963121" s="10"/>
    </row>
    <row r="963122" spans="14:14">
      <c r="N963122" s="10"/>
    </row>
    <row r="963123" spans="14:14">
      <c r="N963123" s="10"/>
    </row>
    <row r="963124" spans="14:14">
      <c r="N963124" s="10"/>
    </row>
    <row r="963125" spans="14:14">
      <c r="N963125" s="10"/>
    </row>
    <row r="963126" spans="14:14">
      <c r="N963126" s="10"/>
    </row>
    <row r="963127" spans="14:14">
      <c r="N963127" s="10"/>
    </row>
    <row r="963128" spans="14:14">
      <c r="N963128" s="10"/>
    </row>
    <row r="963129" spans="14:14">
      <c r="N963129" s="10"/>
    </row>
    <row r="963130" spans="14:14">
      <c r="N963130" s="10"/>
    </row>
    <row r="963131" spans="14:14">
      <c r="N963131" s="10"/>
    </row>
    <row r="963132" spans="14:14">
      <c r="N963132" s="10"/>
    </row>
    <row r="963133" spans="14:14">
      <c r="N963133" s="10"/>
    </row>
    <row r="963134" spans="14:14">
      <c r="N963134" s="10"/>
    </row>
    <row r="963135" spans="14:14">
      <c r="N963135" s="10"/>
    </row>
    <row r="963136" spans="14:14">
      <c r="N963136" s="10"/>
    </row>
    <row r="963137" spans="14:14">
      <c r="N963137" s="10"/>
    </row>
    <row r="963138" spans="14:14">
      <c r="N963138" s="10"/>
    </row>
    <row r="963139" spans="14:14">
      <c r="N963139" s="10"/>
    </row>
    <row r="963140" spans="14:14">
      <c r="N963140" s="10"/>
    </row>
    <row r="963141" spans="14:14">
      <c r="N963141" s="10"/>
    </row>
    <row r="963142" spans="14:14">
      <c r="N963142" s="10"/>
    </row>
    <row r="963143" spans="14:14">
      <c r="N963143" s="10"/>
    </row>
    <row r="963144" spans="14:14">
      <c r="N963144" s="10"/>
    </row>
    <row r="963145" spans="14:14">
      <c r="N963145" s="10"/>
    </row>
    <row r="963146" spans="14:14">
      <c r="N963146" s="10"/>
    </row>
    <row r="963147" spans="14:14">
      <c r="N963147" s="10"/>
    </row>
    <row r="963148" spans="14:14">
      <c r="N963148" s="10"/>
    </row>
    <row r="963149" spans="14:14">
      <c r="N963149" s="10"/>
    </row>
    <row r="963150" spans="14:14">
      <c r="N963150" s="10"/>
    </row>
    <row r="963151" spans="14:14">
      <c r="N963151" s="10"/>
    </row>
    <row r="963152" spans="14:14">
      <c r="N963152" s="10"/>
    </row>
    <row r="963153" spans="14:14">
      <c r="N963153" s="10"/>
    </row>
    <row r="963154" spans="14:14">
      <c r="N963154" s="10"/>
    </row>
    <row r="963155" spans="14:14">
      <c r="N963155" s="10"/>
    </row>
    <row r="963156" spans="14:14">
      <c r="N963156" s="10"/>
    </row>
    <row r="963157" spans="14:14">
      <c r="N963157" s="10"/>
    </row>
    <row r="963158" spans="14:14">
      <c r="N963158" s="10"/>
    </row>
    <row r="963159" spans="14:14">
      <c r="N963159" s="10"/>
    </row>
    <row r="963160" spans="14:14">
      <c r="N963160" s="10"/>
    </row>
    <row r="963161" spans="14:14">
      <c r="N963161" s="10"/>
    </row>
    <row r="963162" spans="14:14">
      <c r="N963162" s="10"/>
    </row>
    <row r="963163" spans="14:14">
      <c r="N963163" s="10"/>
    </row>
    <row r="963164" spans="14:14">
      <c r="N963164" s="10"/>
    </row>
    <row r="963165" spans="14:14">
      <c r="N963165" s="10"/>
    </row>
    <row r="963166" spans="14:14">
      <c r="N963166" s="10"/>
    </row>
    <row r="963167" spans="14:14">
      <c r="N963167" s="10"/>
    </row>
    <row r="963168" spans="14:14">
      <c r="N963168" s="10"/>
    </row>
    <row r="963169" spans="14:14">
      <c r="N963169" s="10"/>
    </row>
    <row r="963170" spans="14:14">
      <c r="N963170" s="10"/>
    </row>
    <row r="963171" spans="14:14">
      <c r="N963171" s="10"/>
    </row>
    <row r="963172" spans="14:14">
      <c r="N963172" s="10"/>
    </row>
    <row r="963173" spans="14:14">
      <c r="N963173" s="10"/>
    </row>
    <row r="963174" spans="14:14">
      <c r="N963174" s="10"/>
    </row>
    <row r="963175" spans="14:14">
      <c r="N963175" s="10"/>
    </row>
    <row r="963176" spans="14:14">
      <c r="N963176" s="10"/>
    </row>
    <row r="963177" spans="14:14">
      <c r="N963177" s="10"/>
    </row>
    <row r="963178" spans="14:14">
      <c r="N963178" s="10"/>
    </row>
    <row r="963179" spans="14:14">
      <c r="N963179" s="10"/>
    </row>
    <row r="963180" spans="14:14">
      <c r="N963180" s="10"/>
    </row>
    <row r="963181" spans="14:14">
      <c r="N963181" s="10"/>
    </row>
    <row r="963182" spans="14:14">
      <c r="N963182" s="10"/>
    </row>
    <row r="963183" spans="14:14">
      <c r="N963183" s="10"/>
    </row>
    <row r="963184" spans="14:14">
      <c r="N963184" s="10"/>
    </row>
    <row r="963185" spans="14:14">
      <c r="N963185" s="10"/>
    </row>
    <row r="963186" spans="14:14">
      <c r="N963186" s="10"/>
    </row>
    <row r="963187" spans="14:14">
      <c r="N963187" s="10"/>
    </row>
    <row r="963188" spans="14:14">
      <c r="N963188" s="10"/>
    </row>
    <row r="963189" spans="14:14">
      <c r="N963189" s="10"/>
    </row>
    <row r="963190" spans="14:14">
      <c r="N963190" s="10"/>
    </row>
    <row r="963191" spans="14:14">
      <c r="N963191" s="10"/>
    </row>
    <row r="963192" spans="14:14">
      <c r="N963192" s="10"/>
    </row>
    <row r="963193" spans="14:14">
      <c r="N963193" s="10"/>
    </row>
    <row r="963194" spans="14:14">
      <c r="N963194" s="10"/>
    </row>
    <row r="963195" spans="14:14">
      <c r="N963195" s="10"/>
    </row>
    <row r="963196" spans="14:14">
      <c r="N963196" s="10"/>
    </row>
    <row r="963197" spans="14:14">
      <c r="N963197" s="10"/>
    </row>
    <row r="963198" spans="14:14">
      <c r="N963198" s="10"/>
    </row>
    <row r="963199" spans="14:14">
      <c r="N963199" s="10"/>
    </row>
    <row r="963200" spans="14:14">
      <c r="N963200" s="10"/>
    </row>
    <row r="963201" spans="14:14">
      <c r="N963201" s="10"/>
    </row>
    <row r="963202" spans="14:14">
      <c r="N963202" s="10"/>
    </row>
    <row r="963203" spans="14:14">
      <c r="N963203" s="10"/>
    </row>
    <row r="963204" spans="14:14">
      <c r="N963204" s="10"/>
    </row>
    <row r="963205" spans="14:14">
      <c r="N963205" s="10"/>
    </row>
    <row r="963206" spans="14:14">
      <c r="N963206" s="10"/>
    </row>
    <row r="963207" spans="14:14">
      <c r="N963207" s="10"/>
    </row>
    <row r="963208" spans="14:14">
      <c r="N963208" s="10"/>
    </row>
    <row r="963209" spans="14:14">
      <c r="N963209" s="10"/>
    </row>
    <row r="963210" spans="14:14">
      <c r="N963210" s="10"/>
    </row>
    <row r="963211" spans="14:14">
      <c r="N963211" s="10"/>
    </row>
    <row r="963212" spans="14:14">
      <c r="N963212" s="10"/>
    </row>
    <row r="963213" spans="14:14">
      <c r="N963213" s="10"/>
    </row>
    <row r="963214" spans="14:14">
      <c r="N963214" s="10"/>
    </row>
    <row r="963215" spans="14:14">
      <c r="N963215" s="10"/>
    </row>
    <row r="963216" spans="14:14">
      <c r="N963216" s="10"/>
    </row>
    <row r="963217" spans="14:14">
      <c r="N963217" s="10"/>
    </row>
    <row r="963218" spans="14:14">
      <c r="N963218" s="10"/>
    </row>
    <row r="963219" spans="14:14">
      <c r="N963219" s="10"/>
    </row>
    <row r="963220" spans="14:14">
      <c r="N963220" s="10"/>
    </row>
    <row r="963221" spans="14:14">
      <c r="N963221" s="10"/>
    </row>
    <row r="963222" spans="14:14">
      <c r="N963222" s="10"/>
    </row>
    <row r="963223" spans="14:14">
      <c r="N963223" s="10"/>
    </row>
    <row r="963224" spans="14:14">
      <c r="N963224" s="10"/>
    </row>
    <row r="963225" spans="14:14">
      <c r="N963225" s="10"/>
    </row>
    <row r="963226" spans="14:14">
      <c r="N963226" s="10"/>
    </row>
    <row r="963227" spans="14:14">
      <c r="N963227" s="10"/>
    </row>
    <row r="963228" spans="14:14">
      <c r="N963228" s="10"/>
    </row>
    <row r="963229" spans="14:14">
      <c r="N963229" s="10"/>
    </row>
    <row r="963230" spans="14:14">
      <c r="N963230" s="10"/>
    </row>
    <row r="963231" spans="14:14">
      <c r="N963231" s="10"/>
    </row>
    <row r="963232" spans="14:14">
      <c r="N963232" s="10"/>
    </row>
    <row r="963233" spans="14:14">
      <c r="N963233" s="10"/>
    </row>
    <row r="963234" spans="14:14">
      <c r="N963234" s="10"/>
    </row>
    <row r="963235" spans="14:14">
      <c r="N963235" s="10"/>
    </row>
    <row r="963236" spans="14:14">
      <c r="N963236" s="10"/>
    </row>
    <row r="963237" spans="14:14">
      <c r="N963237" s="10"/>
    </row>
    <row r="963238" spans="14:14">
      <c r="N963238" s="10"/>
    </row>
    <row r="963239" spans="14:14">
      <c r="N963239" s="10"/>
    </row>
    <row r="963240" spans="14:14">
      <c r="N963240" s="10"/>
    </row>
    <row r="963241" spans="14:14">
      <c r="N963241" s="10"/>
    </row>
    <row r="963242" spans="14:14">
      <c r="N963242" s="10"/>
    </row>
    <row r="963243" spans="14:14">
      <c r="N963243" s="10"/>
    </row>
    <row r="963244" spans="14:14">
      <c r="N963244" s="10"/>
    </row>
    <row r="963245" spans="14:14">
      <c r="N963245" s="10"/>
    </row>
    <row r="963246" spans="14:14">
      <c r="N963246" s="10"/>
    </row>
    <row r="963247" spans="14:14">
      <c r="N963247" s="10"/>
    </row>
    <row r="963248" spans="14:14">
      <c r="N963248" s="10"/>
    </row>
    <row r="963249" spans="14:14">
      <c r="N963249" s="10"/>
    </row>
    <row r="963250" spans="14:14">
      <c r="N963250" s="10"/>
    </row>
    <row r="963251" spans="14:14">
      <c r="N963251" s="10"/>
    </row>
    <row r="963252" spans="14:14">
      <c r="N963252" s="10"/>
    </row>
    <row r="963253" spans="14:14">
      <c r="N963253" s="10"/>
    </row>
    <row r="963254" spans="14:14">
      <c r="N963254" s="10"/>
    </row>
    <row r="963255" spans="14:14">
      <c r="N963255" s="10"/>
    </row>
    <row r="963256" spans="14:14">
      <c r="N963256" s="10"/>
    </row>
    <row r="963257" spans="14:14">
      <c r="N963257" s="10"/>
    </row>
    <row r="963258" spans="14:14">
      <c r="N963258" s="10"/>
    </row>
    <row r="963259" spans="14:14">
      <c r="N963259" s="10"/>
    </row>
    <row r="963260" spans="14:14">
      <c r="N963260" s="10"/>
    </row>
    <row r="963261" spans="14:14">
      <c r="N963261" s="10"/>
    </row>
    <row r="963262" spans="14:14">
      <c r="N963262" s="10"/>
    </row>
    <row r="963263" spans="14:14">
      <c r="N963263" s="10"/>
    </row>
    <row r="963264" spans="14:14">
      <c r="N963264" s="10"/>
    </row>
    <row r="963265" spans="14:14">
      <c r="N963265" s="10"/>
    </row>
    <row r="963266" spans="14:14">
      <c r="N963266" s="10"/>
    </row>
    <row r="963267" spans="14:14">
      <c r="N963267" s="10"/>
    </row>
    <row r="963268" spans="14:14">
      <c r="N963268" s="10"/>
    </row>
    <row r="963269" spans="14:14">
      <c r="N963269" s="10"/>
    </row>
    <row r="963270" spans="14:14">
      <c r="N963270" s="10"/>
    </row>
    <row r="963271" spans="14:14">
      <c r="N963271" s="10"/>
    </row>
    <row r="963272" spans="14:14">
      <c r="N963272" s="10"/>
    </row>
    <row r="963273" spans="14:14">
      <c r="N963273" s="10"/>
    </row>
    <row r="963274" spans="14:14">
      <c r="N963274" s="10"/>
    </row>
    <row r="963275" spans="14:14">
      <c r="N963275" s="10"/>
    </row>
    <row r="963276" spans="14:14">
      <c r="N963276" s="10"/>
    </row>
    <row r="963277" spans="14:14">
      <c r="N963277" s="10"/>
    </row>
    <row r="963278" spans="14:14">
      <c r="N963278" s="10"/>
    </row>
    <row r="963279" spans="14:14">
      <c r="N963279" s="10"/>
    </row>
    <row r="963280" spans="14:14">
      <c r="N963280" s="10"/>
    </row>
    <row r="963281" spans="14:14">
      <c r="N963281" s="10"/>
    </row>
    <row r="963282" spans="14:14">
      <c r="N963282" s="10"/>
    </row>
    <row r="963283" spans="14:14">
      <c r="N963283" s="10"/>
    </row>
    <row r="963284" spans="14:14">
      <c r="N963284" s="10"/>
    </row>
    <row r="963285" spans="14:14">
      <c r="N963285" s="10"/>
    </row>
    <row r="963286" spans="14:14">
      <c r="N963286" s="10"/>
    </row>
    <row r="963287" spans="14:14">
      <c r="N963287" s="10"/>
    </row>
    <row r="963288" spans="14:14">
      <c r="N963288" s="10"/>
    </row>
    <row r="963289" spans="14:14">
      <c r="N963289" s="10"/>
    </row>
    <row r="963290" spans="14:14">
      <c r="N963290" s="10"/>
    </row>
    <row r="963291" spans="14:14">
      <c r="N963291" s="10"/>
    </row>
    <row r="963292" spans="14:14">
      <c r="N963292" s="10"/>
    </row>
    <row r="963293" spans="14:14">
      <c r="N963293" s="10"/>
    </row>
    <row r="963294" spans="14:14">
      <c r="N963294" s="10"/>
    </row>
    <row r="963295" spans="14:14">
      <c r="N963295" s="10"/>
    </row>
    <row r="963296" spans="14:14">
      <c r="N963296" s="10"/>
    </row>
    <row r="963297" spans="14:14">
      <c r="N963297" s="10"/>
    </row>
    <row r="963298" spans="14:14">
      <c r="N963298" s="10"/>
    </row>
    <row r="963299" spans="14:14">
      <c r="N963299" s="10"/>
    </row>
    <row r="963300" spans="14:14">
      <c r="N963300" s="10"/>
    </row>
    <row r="963301" spans="14:14">
      <c r="N963301" s="10"/>
    </row>
    <row r="963302" spans="14:14">
      <c r="N963302" s="10"/>
    </row>
    <row r="963303" spans="14:14">
      <c r="N963303" s="10"/>
    </row>
    <row r="963304" spans="14:14">
      <c r="N963304" s="10"/>
    </row>
    <row r="963305" spans="14:14">
      <c r="N963305" s="10"/>
    </row>
    <row r="963306" spans="14:14">
      <c r="N963306" s="10"/>
    </row>
    <row r="963307" spans="14:14">
      <c r="N963307" s="10"/>
    </row>
    <row r="963308" spans="14:14">
      <c r="N963308" s="10"/>
    </row>
    <row r="963309" spans="14:14">
      <c r="N963309" s="10"/>
    </row>
    <row r="963310" spans="14:14">
      <c r="N963310" s="10"/>
    </row>
    <row r="963311" spans="14:14">
      <c r="N963311" s="10"/>
    </row>
    <row r="963312" spans="14:14">
      <c r="N963312" s="10"/>
    </row>
    <row r="963313" spans="14:14">
      <c r="N963313" s="10"/>
    </row>
    <row r="963314" spans="14:14">
      <c r="N963314" s="10"/>
    </row>
    <row r="963315" spans="14:14">
      <c r="N963315" s="10"/>
    </row>
    <row r="963316" spans="14:14">
      <c r="N963316" s="10"/>
    </row>
    <row r="963317" spans="14:14">
      <c r="N963317" s="10"/>
    </row>
    <row r="963318" spans="14:14">
      <c r="N963318" s="10"/>
    </row>
    <row r="963319" spans="14:14">
      <c r="N963319" s="10"/>
    </row>
    <row r="963320" spans="14:14">
      <c r="N963320" s="10"/>
    </row>
    <row r="963321" spans="14:14">
      <c r="N963321" s="10"/>
    </row>
    <row r="963322" spans="14:14">
      <c r="N963322" s="10"/>
    </row>
    <row r="963323" spans="14:14">
      <c r="N963323" s="10"/>
    </row>
    <row r="963324" spans="14:14">
      <c r="N963324" s="10"/>
    </row>
    <row r="963325" spans="14:14">
      <c r="N963325" s="10"/>
    </row>
    <row r="963326" spans="14:14">
      <c r="N963326" s="10"/>
    </row>
    <row r="963327" spans="14:14">
      <c r="N963327" s="10"/>
    </row>
    <row r="963328" spans="14:14">
      <c r="N963328" s="10"/>
    </row>
    <row r="963329" spans="14:14">
      <c r="N963329" s="10"/>
    </row>
    <row r="963330" spans="14:14">
      <c r="N963330" s="10"/>
    </row>
    <row r="963331" spans="14:14">
      <c r="N963331" s="10"/>
    </row>
    <row r="963332" spans="14:14">
      <c r="N963332" s="10"/>
    </row>
    <row r="963333" spans="14:14">
      <c r="N963333" s="10"/>
    </row>
    <row r="963334" spans="14:14">
      <c r="N963334" s="10"/>
    </row>
    <row r="963335" spans="14:14">
      <c r="N963335" s="10"/>
    </row>
    <row r="963336" spans="14:14">
      <c r="N963336" s="10"/>
    </row>
    <row r="963337" spans="14:14">
      <c r="N963337" s="10"/>
    </row>
    <row r="963338" spans="14:14">
      <c r="N963338" s="10"/>
    </row>
    <row r="963339" spans="14:14">
      <c r="N963339" s="10"/>
    </row>
    <row r="963340" spans="14:14">
      <c r="N963340" s="10"/>
    </row>
    <row r="963341" spans="14:14">
      <c r="N963341" s="10"/>
    </row>
    <row r="963342" spans="14:14">
      <c r="N963342" s="10"/>
    </row>
    <row r="963343" spans="14:14">
      <c r="N963343" s="10"/>
    </row>
    <row r="963344" spans="14:14">
      <c r="N963344" s="10"/>
    </row>
    <row r="963345" spans="14:14">
      <c r="N963345" s="10"/>
    </row>
    <row r="963346" spans="14:14">
      <c r="N963346" s="10"/>
    </row>
    <row r="963347" spans="14:14">
      <c r="N963347" s="10"/>
    </row>
    <row r="963348" spans="14:14">
      <c r="N963348" s="10"/>
    </row>
    <row r="963349" spans="14:14">
      <c r="N963349" s="10"/>
    </row>
    <row r="963350" spans="14:14">
      <c r="N963350" s="10"/>
    </row>
    <row r="963351" spans="14:14">
      <c r="N963351" s="10"/>
    </row>
    <row r="963352" spans="14:14">
      <c r="N963352" s="10"/>
    </row>
    <row r="963353" spans="14:14">
      <c r="N963353" s="10"/>
    </row>
    <row r="963354" spans="14:14">
      <c r="N963354" s="10"/>
    </row>
    <row r="963355" spans="14:14">
      <c r="N963355" s="10"/>
    </row>
    <row r="963356" spans="14:14">
      <c r="N963356" s="10"/>
    </row>
    <row r="963357" spans="14:14">
      <c r="N963357" s="10"/>
    </row>
    <row r="963358" spans="14:14">
      <c r="N963358" s="10"/>
    </row>
    <row r="963359" spans="14:14">
      <c r="N963359" s="10"/>
    </row>
    <row r="963360" spans="14:14">
      <c r="N963360" s="10"/>
    </row>
    <row r="963361" spans="14:14">
      <c r="N963361" s="10"/>
    </row>
    <row r="963362" spans="14:14">
      <c r="N963362" s="10"/>
    </row>
    <row r="963363" spans="14:14">
      <c r="N963363" s="10"/>
    </row>
    <row r="963364" spans="14:14">
      <c r="N963364" s="10"/>
    </row>
    <row r="963365" spans="14:14">
      <c r="N963365" s="10"/>
    </row>
    <row r="963366" spans="14:14">
      <c r="N963366" s="10"/>
    </row>
    <row r="963367" spans="14:14">
      <c r="N963367" s="10"/>
    </row>
    <row r="963368" spans="14:14">
      <c r="N963368" s="10"/>
    </row>
    <row r="963369" spans="14:14">
      <c r="N963369" s="10"/>
    </row>
    <row r="963370" spans="14:14">
      <c r="N963370" s="10"/>
    </row>
    <row r="963371" spans="14:14">
      <c r="N963371" s="10"/>
    </row>
    <row r="963372" spans="14:14">
      <c r="N963372" s="10"/>
    </row>
    <row r="963373" spans="14:14">
      <c r="N963373" s="10"/>
    </row>
    <row r="963374" spans="14:14">
      <c r="N963374" s="10"/>
    </row>
    <row r="963375" spans="14:14">
      <c r="N963375" s="10"/>
    </row>
    <row r="963376" spans="14:14">
      <c r="N963376" s="10"/>
    </row>
    <row r="963377" spans="14:14">
      <c r="N963377" s="10"/>
    </row>
    <row r="963378" spans="14:14">
      <c r="N963378" s="10"/>
    </row>
    <row r="963379" spans="14:14">
      <c r="N963379" s="10"/>
    </row>
    <row r="963380" spans="14:14">
      <c r="N963380" s="10"/>
    </row>
    <row r="963381" spans="14:14">
      <c r="N963381" s="10"/>
    </row>
    <row r="963382" spans="14:14">
      <c r="N963382" s="10"/>
    </row>
    <row r="963383" spans="14:14">
      <c r="N963383" s="10"/>
    </row>
    <row r="963384" spans="14:14">
      <c r="N963384" s="10"/>
    </row>
    <row r="963385" spans="14:14">
      <c r="N963385" s="10"/>
    </row>
    <row r="963386" spans="14:14">
      <c r="N963386" s="10"/>
    </row>
    <row r="963387" spans="14:14">
      <c r="N963387" s="10"/>
    </row>
    <row r="963388" spans="14:14">
      <c r="N963388" s="10"/>
    </row>
    <row r="963389" spans="14:14">
      <c r="N963389" s="10"/>
    </row>
    <row r="963390" spans="14:14">
      <c r="N963390" s="10"/>
    </row>
    <row r="963391" spans="14:14">
      <c r="N963391" s="10"/>
    </row>
    <row r="963392" spans="14:14">
      <c r="N963392" s="10"/>
    </row>
    <row r="963393" spans="14:14">
      <c r="N963393" s="10"/>
    </row>
    <row r="963394" spans="14:14">
      <c r="N963394" s="10"/>
    </row>
    <row r="963395" spans="14:14">
      <c r="N963395" s="10"/>
    </row>
    <row r="963396" spans="14:14">
      <c r="N963396" s="10"/>
    </row>
    <row r="963397" spans="14:14">
      <c r="N963397" s="10"/>
    </row>
    <row r="963398" spans="14:14">
      <c r="N963398" s="10"/>
    </row>
    <row r="963399" spans="14:14">
      <c r="N963399" s="10"/>
    </row>
    <row r="963400" spans="14:14">
      <c r="N963400" s="10"/>
    </row>
    <row r="963401" spans="14:14">
      <c r="N963401" s="10"/>
    </row>
    <row r="963402" spans="14:14">
      <c r="N963402" s="10"/>
    </row>
    <row r="963403" spans="14:14">
      <c r="N963403" s="10"/>
    </row>
    <row r="963404" spans="14:14">
      <c r="N963404" s="10"/>
    </row>
    <row r="963405" spans="14:14">
      <c r="N963405" s="10"/>
    </row>
    <row r="963406" spans="14:14">
      <c r="N963406" s="10"/>
    </row>
    <row r="963407" spans="14:14">
      <c r="N963407" s="10"/>
    </row>
    <row r="963408" spans="14:14">
      <c r="N963408" s="10"/>
    </row>
    <row r="963409" spans="14:14">
      <c r="N963409" s="10"/>
    </row>
    <row r="963410" spans="14:14">
      <c r="N963410" s="10"/>
    </row>
    <row r="963411" spans="14:14">
      <c r="N963411" s="10"/>
    </row>
    <row r="963412" spans="14:14">
      <c r="N963412" s="10"/>
    </row>
    <row r="963413" spans="14:14">
      <c r="N963413" s="10"/>
    </row>
    <row r="963414" spans="14:14">
      <c r="N963414" s="10"/>
    </row>
    <row r="963415" spans="14:14">
      <c r="N963415" s="10"/>
    </row>
    <row r="963416" spans="14:14">
      <c r="N963416" s="10"/>
    </row>
    <row r="963417" spans="14:14">
      <c r="N963417" s="10"/>
    </row>
    <row r="963418" spans="14:14">
      <c r="N963418" s="10"/>
    </row>
    <row r="963419" spans="14:14">
      <c r="N963419" s="10"/>
    </row>
    <row r="963420" spans="14:14">
      <c r="N963420" s="10"/>
    </row>
    <row r="963421" spans="14:14">
      <c r="N963421" s="10"/>
    </row>
    <row r="963422" spans="14:14">
      <c r="N963422" s="10"/>
    </row>
    <row r="963423" spans="14:14">
      <c r="N963423" s="10"/>
    </row>
    <row r="963424" spans="14:14">
      <c r="N963424" s="10"/>
    </row>
    <row r="963425" spans="14:14">
      <c r="N963425" s="10"/>
    </row>
    <row r="963426" spans="14:14">
      <c r="N963426" s="10"/>
    </row>
    <row r="963427" spans="14:14">
      <c r="N963427" s="10"/>
    </row>
    <row r="963428" spans="14:14">
      <c r="N963428" s="10"/>
    </row>
    <row r="963429" spans="14:14">
      <c r="N963429" s="10"/>
    </row>
    <row r="963430" spans="14:14">
      <c r="N963430" s="10"/>
    </row>
    <row r="963431" spans="14:14">
      <c r="N963431" s="10"/>
    </row>
    <row r="963432" spans="14:14">
      <c r="N963432" s="10"/>
    </row>
    <row r="963433" spans="14:14">
      <c r="N963433" s="10"/>
    </row>
    <row r="963434" spans="14:14">
      <c r="N963434" s="10"/>
    </row>
    <row r="963435" spans="14:14">
      <c r="N963435" s="10"/>
    </row>
    <row r="963436" spans="14:14">
      <c r="N963436" s="10"/>
    </row>
    <row r="963437" spans="14:14">
      <c r="N963437" s="10"/>
    </row>
    <row r="963438" spans="14:14">
      <c r="N963438" s="10"/>
    </row>
    <row r="963439" spans="14:14">
      <c r="N963439" s="10"/>
    </row>
    <row r="963440" spans="14:14">
      <c r="N963440" s="10"/>
    </row>
    <row r="963441" spans="14:14">
      <c r="N963441" s="10"/>
    </row>
    <row r="963442" spans="14:14">
      <c r="N963442" s="10"/>
    </row>
    <row r="963443" spans="14:14">
      <c r="N963443" s="10"/>
    </row>
    <row r="963444" spans="14:14">
      <c r="N963444" s="10"/>
    </row>
    <row r="963445" spans="14:14">
      <c r="N963445" s="10"/>
    </row>
    <row r="963446" spans="14:14">
      <c r="N963446" s="10"/>
    </row>
    <row r="963447" spans="14:14">
      <c r="N963447" s="10"/>
    </row>
    <row r="963448" spans="14:14">
      <c r="N963448" s="10"/>
    </row>
    <row r="963449" spans="14:14">
      <c r="N963449" s="10"/>
    </row>
    <row r="963450" spans="14:14">
      <c r="N963450" s="10"/>
    </row>
    <row r="963451" spans="14:14">
      <c r="N963451" s="10"/>
    </row>
    <row r="963452" spans="14:14">
      <c r="N963452" s="10"/>
    </row>
    <row r="963453" spans="14:14">
      <c r="N963453" s="10"/>
    </row>
    <row r="963454" spans="14:14">
      <c r="N963454" s="10"/>
    </row>
    <row r="963455" spans="14:14">
      <c r="N963455" s="10"/>
    </row>
    <row r="963456" spans="14:14">
      <c r="N963456" s="10"/>
    </row>
    <row r="963457" spans="14:14">
      <c r="N963457" s="10"/>
    </row>
    <row r="963458" spans="14:14">
      <c r="N963458" s="10"/>
    </row>
    <row r="963459" spans="14:14">
      <c r="N963459" s="10"/>
    </row>
    <row r="963460" spans="14:14">
      <c r="N963460" s="10"/>
    </row>
    <row r="963461" spans="14:14">
      <c r="N963461" s="10"/>
    </row>
    <row r="963462" spans="14:14">
      <c r="N963462" s="10"/>
    </row>
    <row r="963463" spans="14:14">
      <c r="N963463" s="10"/>
    </row>
    <row r="963464" spans="14:14">
      <c r="N963464" s="10"/>
    </row>
    <row r="963465" spans="14:14">
      <c r="N963465" s="10"/>
    </row>
    <row r="963466" spans="14:14">
      <c r="N963466" s="10"/>
    </row>
    <row r="963467" spans="14:14">
      <c r="N963467" s="10"/>
    </row>
    <row r="963468" spans="14:14">
      <c r="N963468" s="10"/>
    </row>
    <row r="963469" spans="14:14">
      <c r="N963469" s="10"/>
    </row>
    <row r="963470" spans="14:14">
      <c r="N963470" s="10"/>
    </row>
    <row r="963471" spans="14:14">
      <c r="N963471" s="10"/>
    </row>
    <row r="963472" spans="14:14">
      <c r="N963472" s="10"/>
    </row>
    <row r="963473" spans="14:14">
      <c r="N963473" s="10"/>
    </row>
    <row r="963474" spans="14:14">
      <c r="N963474" s="10"/>
    </row>
    <row r="963475" spans="14:14">
      <c r="N963475" s="10"/>
    </row>
    <row r="963476" spans="14:14">
      <c r="N963476" s="10"/>
    </row>
    <row r="963477" spans="14:14">
      <c r="N963477" s="10"/>
    </row>
    <row r="963478" spans="14:14">
      <c r="N963478" s="10"/>
    </row>
    <row r="963479" spans="14:14">
      <c r="N963479" s="10"/>
    </row>
    <row r="963480" spans="14:14">
      <c r="N963480" s="10"/>
    </row>
    <row r="963481" spans="14:14">
      <c r="N963481" s="10"/>
    </row>
    <row r="963482" spans="14:14">
      <c r="N963482" s="10"/>
    </row>
    <row r="963483" spans="14:14">
      <c r="N963483" s="10"/>
    </row>
    <row r="963484" spans="14:14">
      <c r="N963484" s="10"/>
    </row>
    <row r="963485" spans="14:14">
      <c r="N963485" s="10"/>
    </row>
    <row r="963486" spans="14:14">
      <c r="N963486" s="10"/>
    </row>
    <row r="963487" spans="14:14">
      <c r="N963487" s="10"/>
    </row>
    <row r="963488" spans="14:14">
      <c r="N963488" s="10"/>
    </row>
    <row r="963489" spans="14:14">
      <c r="N963489" s="10"/>
    </row>
    <row r="963490" spans="14:14">
      <c r="N963490" s="10"/>
    </row>
    <row r="963491" spans="14:14">
      <c r="N963491" s="10"/>
    </row>
    <row r="963492" spans="14:14">
      <c r="N963492" s="10"/>
    </row>
    <row r="963493" spans="14:14">
      <c r="N963493" s="10"/>
    </row>
    <row r="963494" spans="14:14">
      <c r="N963494" s="10"/>
    </row>
    <row r="963495" spans="14:14">
      <c r="N963495" s="10"/>
    </row>
    <row r="963496" spans="14:14">
      <c r="N963496" s="10"/>
    </row>
    <row r="963497" spans="14:14">
      <c r="N963497" s="10"/>
    </row>
    <row r="963498" spans="14:14">
      <c r="N963498" s="10"/>
    </row>
    <row r="963499" spans="14:14">
      <c r="N963499" s="10"/>
    </row>
    <row r="963500" spans="14:14">
      <c r="N963500" s="10"/>
    </row>
    <row r="963501" spans="14:14">
      <c r="N963501" s="10"/>
    </row>
    <row r="963502" spans="14:14">
      <c r="N963502" s="10"/>
    </row>
    <row r="963503" spans="14:14">
      <c r="N963503" s="10"/>
    </row>
    <row r="963504" spans="14:14">
      <c r="N963504" s="10"/>
    </row>
    <row r="963505" spans="14:14">
      <c r="N963505" s="10"/>
    </row>
    <row r="963506" spans="14:14">
      <c r="N963506" s="10"/>
    </row>
    <row r="963507" spans="14:14">
      <c r="N963507" s="10"/>
    </row>
    <row r="963508" spans="14:14">
      <c r="N963508" s="10"/>
    </row>
    <row r="963509" spans="14:14">
      <c r="N963509" s="10"/>
    </row>
    <row r="963510" spans="14:14">
      <c r="N963510" s="10"/>
    </row>
    <row r="963511" spans="14:14">
      <c r="N963511" s="10"/>
    </row>
    <row r="963512" spans="14:14">
      <c r="N963512" s="10"/>
    </row>
    <row r="963513" spans="14:14">
      <c r="N963513" s="10"/>
    </row>
    <row r="963514" spans="14:14">
      <c r="N963514" s="10"/>
    </row>
    <row r="963515" spans="14:14">
      <c r="N963515" s="10"/>
    </row>
    <row r="963516" spans="14:14">
      <c r="N963516" s="10"/>
    </row>
    <row r="963517" spans="14:14">
      <c r="N963517" s="10"/>
    </row>
    <row r="963518" spans="14:14">
      <c r="N963518" s="10"/>
    </row>
    <row r="963519" spans="14:14">
      <c r="N963519" s="10"/>
    </row>
    <row r="963520" spans="14:14">
      <c r="N963520" s="10"/>
    </row>
    <row r="963521" spans="14:14">
      <c r="N963521" s="10"/>
    </row>
    <row r="963522" spans="14:14">
      <c r="N963522" s="10"/>
    </row>
    <row r="963523" spans="14:14">
      <c r="N963523" s="10"/>
    </row>
    <row r="963524" spans="14:14">
      <c r="N963524" s="10"/>
    </row>
    <row r="963525" spans="14:14">
      <c r="N963525" s="10"/>
    </row>
    <row r="963526" spans="14:14">
      <c r="N963526" s="10"/>
    </row>
    <row r="963527" spans="14:14">
      <c r="N963527" s="10"/>
    </row>
    <row r="963528" spans="14:14">
      <c r="N963528" s="10"/>
    </row>
    <row r="963529" spans="14:14">
      <c r="N963529" s="10"/>
    </row>
    <row r="963530" spans="14:14">
      <c r="N963530" s="10"/>
    </row>
    <row r="963531" spans="14:14">
      <c r="N963531" s="10"/>
    </row>
    <row r="963532" spans="14:14">
      <c r="N963532" s="10"/>
    </row>
    <row r="963533" spans="14:14">
      <c r="N963533" s="10"/>
    </row>
    <row r="963534" spans="14:14">
      <c r="N963534" s="10"/>
    </row>
    <row r="963535" spans="14:14">
      <c r="N963535" s="10"/>
    </row>
    <row r="963536" spans="14:14">
      <c r="N963536" s="10"/>
    </row>
    <row r="963537" spans="14:14">
      <c r="N963537" s="10"/>
    </row>
    <row r="963538" spans="14:14">
      <c r="N963538" s="10"/>
    </row>
    <row r="963539" spans="14:14">
      <c r="N963539" s="10"/>
    </row>
    <row r="963540" spans="14:14">
      <c r="N963540" s="10"/>
    </row>
    <row r="963541" spans="14:14">
      <c r="N963541" s="10"/>
    </row>
    <row r="963542" spans="14:14">
      <c r="N963542" s="10"/>
    </row>
    <row r="963543" spans="14:14">
      <c r="N963543" s="10"/>
    </row>
    <row r="963544" spans="14:14">
      <c r="N963544" s="10"/>
    </row>
    <row r="963545" spans="14:14">
      <c r="N963545" s="10"/>
    </row>
    <row r="963546" spans="14:14">
      <c r="N963546" s="10"/>
    </row>
    <row r="963547" spans="14:14">
      <c r="N963547" s="10"/>
    </row>
    <row r="963548" spans="14:14">
      <c r="N963548" s="10"/>
    </row>
    <row r="963549" spans="14:14">
      <c r="N963549" s="10"/>
    </row>
    <row r="963550" spans="14:14">
      <c r="N963550" s="10"/>
    </row>
    <row r="963551" spans="14:14">
      <c r="N963551" s="10"/>
    </row>
    <row r="963552" spans="14:14">
      <c r="N963552" s="10"/>
    </row>
    <row r="963553" spans="14:14">
      <c r="N963553" s="10"/>
    </row>
    <row r="963554" spans="14:14">
      <c r="N963554" s="10"/>
    </row>
    <row r="963555" spans="14:14">
      <c r="N963555" s="10"/>
    </row>
    <row r="963556" spans="14:14">
      <c r="N963556" s="10"/>
    </row>
    <row r="963557" spans="14:14">
      <c r="N963557" s="10"/>
    </row>
    <row r="963558" spans="14:14">
      <c r="N963558" s="10"/>
    </row>
    <row r="963559" spans="14:14">
      <c r="N963559" s="10"/>
    </row>
    <row r="963560" spans="14:14">
      <c r="N963560" s="10"/>
    </row>
    <row r="963561" spans="14:14">
      <c r="N963561" s="10"/>
    </row>
    <row r="963562" spans="14:14">
      <c r="N963562" s="10"/>
    </row>
    <row r="963563" spans="14:14">
      <c r="N963563" s="10"/>
    </row>
    <row r="963564" spans="14:14">
      <c r="N963564" s="10"/>
    </row>
    <row r="963565" spans="14:14">
      <c r="N963565" s="10"/>
    </row>
    <row r="963566" spans="14:14">
      <c r="N963566" s="10"/>
    </row>
    <row r="963567" spans="14:14">
      <c r="N963567" s="10"/>
    </row>
    <row r="963568" spans="14:14">
      <c r="N963568" s="10"/>
    </row>
    <row r="963569" spans="14:14">
      <c r="N963569" s="10"/>
    </row>
    <row r="963570" spans="14:14">
      <c r="N963570" s="10"/>
    </row>
    <row r="963571" spans="14:14">
      <c r="N963571" s="10"/>
    </row>
    <row r="963572" spans="14:14">
      <c r="N963572" s="10"/>
    </row>
    <row r="963573" spans="14:14">
      <c r="N963573" s="10"/>
    </row>
    <row r="963574" spans="14:14">
      <c r="N963574" s="10"/>
    </row>
    <row r="963575" spans="14:14">
      <c r="N963575" s="10"/>
    </row>
    <row r="963576" spans="14:14">
      <c r="N963576" s="10"/>
    </row>
    <row r="963577" spans="14:14">
      <c r="N963577" s="10"/>
    </row>
    <row r="963578" spans="14:14">
      <c r="N963578" s="10"/>
    </row>
    <row r="963579" spans="14:14">
      <c r="N963579" s="10"/>
    </row>
    <row r="963580" spans="14:14">
      <c r="N963580" s="10"/>
    </row>
    <row r="963581" spans="14:14">
      <c r="N963581" s="10"/>
    </row>
    <row r="963582" spans="14:14">
      <c r="N963582" s="10"/>
    </row>
    <row r="963583" spans="14:14">
      <c r="N963583" s="10"/>
    </row>
    <row r="963584" spans="14:14">
      <c r="N963584" s="10"/>
    </row>
    <row r="963585" spans="14:14">
      <c r="N963585" s="10"/>
    </row>
    <row r="963586" spans="14:14">
      <c r="N963586" s="10"/>
    </row>
    <row r="963587" spans="14:14">
      <c r="N963587" s="10"/>
    </row>
    <row r="963588" spans="14:14">
      <c r="N963588" s="10"/>
    </row>
    <row r="963589" spans="14:14">
      <c r="N963589" s="10"/>
    </row>
    <row r="963590" spans="14:14">
      <c r="N963590" s="10"/>
    </row>
    <row r="963591" spans="14:14">
      <c r="N963591" s="10"/>
    </row>
    <row r="963592" spans="14:14">
      <c r="N963592" s="10"/>
    </row>
    <row r="963593" spans="14:14">
      <c r="N963593" s="10"/>
    </row>
    <row r="963594" spans="14:14">
      <c r="N963594" s="10"/>
    </row>
    <row r="963595" spans="14:14">
      <c r="N963595" s="10"/>
    </row>
    <row r="963596" spans="14:14">
      <c r="N963596" s="10"/>
    </row>
    <row r="963597" spans="14:14">
      <c r="N963597" s="10"/>
    </row>
    <row r="963598" spans="14:14">
      <c r="N963598" s="10"/>
    </row>
    <row r="963599" spans="14:14">
      <c r="N963599" s="10"/>
    </row>
    <row r="963600" spans="14:14">
      <c r="N963600" s="10"/>
    </row>
    <row r="963601" spans="14:14">
      <c r="N963601" s="10"/>
    </row>
    <row r="963602" spans="14:14">
      <c r="N963602" s="10"/>
    </row>
    <row r="963603" spans="14:14">
      <c r="N963603" s="10"/>
    </row>
    <row r="963604" spans="14:14">
      <c r="N963604" s="10"/>
    </row>
    <row r="963605" spans="14:14">
      <c r="N963605" s="10"/>
    </row>
    <row r="963606" spans="14:14">
      <c r="N963606" s="10"/>
    </row>
    <row r="963607" spans="14:14">
      <c r="N963607" s="10"/>
    </row>
    <row r="963608" spans="14:14">
      <c r="N963608" s="10"/>
    </row>
    <row r="963609" spans="14:14">
      <c r="N963609" s="10"/>
    </row>
    <row r="963610" spans="14:14">
      <c r="N963610" s="10"/>
    </row>
    <row r="963611" spans="14:14">
      <c r="N963611" s="10"/>
    </row>
    <row r="963612" spans="14:14">
      <c r="N963612" s="10"/>
    </row>
    <row r="963613" spans="14:14">
      <c r="N963613" s="10"/>
    </row>
    <row r="963614" spans="14:14">
      <c r="N963614" s="10"/>
    </row>
    <row r="963615" spans="14:14">
      <c r="N963615" s="10"/>
    </row>
    <row r="963616" spans="14:14">
      <c r="N963616" s="10"/>
    </row>
    <row r="963617" spans="14:14">
      <c r="N963617" s="10"/>
    </row>
    <row r="963618" spans="14:14">
      <c r="N963618" s="10"/>
    </row>
    <row r="963619" spans="14:14">
      <c r="N963619" s="10"/>
    </row>
    <row r="963620" spans="14:14">
      <c r="N963620" s="10"/>
    </row>
    <row r="963621" spans="14:14">
      <c r="N963621" s="10"/>
    </row>
    <row r="963622" spans="14:14">
      <c r="N963622" s="10"/>
    </row>
    <row r="963623" spans="14:14">
      <c r="N963623" s="10"/>
    </row>
    <row r="963624" spans="14:14">
      <c r="N963624" s="10"/>
    </row>
    <row r="963625" spans="14:14">
      <c r="N963625" s="10"/>
    </row>
    <row r="963626" spans="14:14">
      <c r="N963626" s="10"/>
    </row>
    <row r="963627" spans="14:14">
      <c r="N963627" s="10"/>
    </row>
    <row r="963628" spans="14:14">
      <c r="N963628" s="10"/>
    </row>
    <row r="963629" spans="14:14">
      <c r="N963629" s="10"/>
    </row>
    <row r="963630" spans="14:14">
      <c r="N963630" s="10"/>
    </row>
    <row r="963631" spans="14:14">
      <c r="N963631" s="10"/>
    </row>
    <row r="963632" spans="14:14">
      <c r="N963632" s="10"/>
    </row>
    <row r="963633" spans="14:14">
      <c r="N963633" s="10"/>
    </row>
    <row r="963634" spans="14:14">
      <c r="N963634" s="10"/>
    </row>
    <row r="963635" spans="14:14">
      <c r="N963635" s="10"/>
    </row>
    <row r="963636" spans="14:14">
      <c r="N963636" s="10"/>
    </row>
    <row r="963637" spans="14:14">
      <c r="N963637" s="10"/>
    </row>
    <row r="963638" spans="14:14">
      <c r="N963638" s="10"/>
    </row>
    <row r="963639" spans="14:14">
      <c r="N963639" s="10"/>
    </row>
    <row r="963640" spans="14:14">
      <c r="N963640" s="10"/>
    </row>
    <row r="963641" spans="14:14">
      <c r="N963641" s="10"/>
    </row>
    <row r="963642" spans="14:14">
      <c r="N963642" s="10"/>
    </row>
    <row r="963643" spans="14:14">
      <c r="N963643" s="10"/>
    </row>
    <row r="963644" spans="14:14">
      <c r="N963644" s="10"/>
    </row>
    <row r="963645" spans="14:14">
      <c r="N963645" s="10"/>
    </row>
    <row r="963646" spans="14:14">
      <c r="N963646" s="10"/>
    </row>
    <row r="963647" spans="14:14">
      <c r="N963647" s="10"/>
    </row>
    <row r="963648" spans="14:14">
      <c r="N963648" s="10"/>
    </row>
    <row r="963649" spans="14:14">
      <c r="N963649" s="10"/>
    </row>
    <row r="963650" spans="14:14">
      <c r="N963650" s="10"/>
    </row>
    <row r="963651" spans="14:14">
      <c r="N963651" s="10"/>
    </row>
    <row r="963652" spans="14:14">
      <c r="N963652" s="10"/>
    </row>
    <row r="963653" spans="14:14">
      <c r="N963653" s="10"/>
    </row>
    <row r="963654" spans="14:14">
      <c r="N963654" s="10"/>
    </row>
    <row r="963655" spans="14:14">
      <c r="N963655" s="10"/>
    </row>
    <row r="963656" spans="14:14">
      <c r="N963656" s="10"/>
    </row>
    <row r="963657" spans="14:14">
      <c r="N963657" s="10"/>
    </row>
    <row r="963658" spans="14:14">
      <c r="N963658" s="10"/>
    </row>
    <row r="963659" spans="14:14">
      <c r="N963659" s="10"/>
    </row>
    <row r="963660" spans="14:14">
      <c r="N963660" s="10"/>
    </row>
    <row r="963661" spans="14:14">
      <c r="N963661" s="10"/>
    </row>
    <row r="963662" spans="14:14">
      <c r="N963662" s="10"/>
    </row>
    <row r="963663" spans="14:14">
      <c r="N963663" s="10"/>
    </row>
    <row r="963664" spans="14:14">
      <c r="N963664" s="10"/>
    </row>
    <row r="963665" spans="14:14">
      <c r="N963665" s="10"/>
    </row>
    <row r="963666" spans="14:14">
      <c r="N963666" s="10"/>
    </row>
    <row r="963667" spans="14:14">
      <c r="N963667" s="10"/>
    </row>
    <row r="963668" spans="14:14">
      <c r="N963668" s="10"/>
    </row>
    <row r="963669" spans="14:14">
      <c r="N963669" s="10"/>
    </row>
    <row r="963670" spans="14:14">
      <c r="N963670" s="10"/>
    </row>
    <row r="963671" spans="14:14">
      <c r="N963671" s="10"/>
    </row>
    <row r="963672" spans="14:14">
      <c r="N963672" s="10"/>
    </row>
    <row r="963673" spans="14:14">
      <c r="N963673" s="10"/>
    </row>
    <row r="963674" spans="14:14">
      <c r="N963674" s="10"/>
    </row>
    <row r="963675" spans="14:14">
      <c r="N963675" s="10"/>
    </row>
    <row r="963676" spans="14:14">
      <c r="N963676" s="10"/>
    </row>
    <row r="963677" spans="14:14">
      <c r="N963677" s="10"/>
    </row>
    <row r="963678" spans="14:14">
      <c r="N963678" s="10"/>
    </row>
    <row r="963679" spans="14:14">
      <c r="N963679" s="10"/>
    </row>
    <row r="963680" spans="14:14">
      <c r="N963680" s="10"/>
    </row>
    <row r="963681" spans="14:14">
      <c r="N963681" s="10"/>
    </row>
    <row r="963682" spans="14:14">
      <c r="N963682" s="10"/>
    </row>
    <row r="963683" spans="14:14">
      <c r="N963683" s="10"/>
    </row>
    <row r="963684" spans="14:14">
      <c r="N963684" s="10"/>
    </row>
    <row r="963685" spans="14:14">
      <c r="N963685" s="10"/>
    </row>
    <row r="963686" spans="14:14">
      <c r="N963686" s="10"/>
    </row>
    <row r="963687" spans="14:14">
      <c r="N963687" s="10"/>
    </row>
    <row r="963688" spans="14:14">
      <c r="N963688" s="10"/>
    </row>
    <row r="963689" spans="14:14">
      <c r="N963689" s="10"/>
    </row>
    <row r="963690" spans="14:14">
      <c r="N963690" s="10"/>
    </row>
    <row r="963691" spans="14:14">
      <c r="N963691" s="10"/>
    </row>
    <row r="963692" spans="14:14">
      <c r="N963692" s="10"/>
    </row>
    <row r="963693" spans="14:14">
      <c r="N963693" s="10"/>
    </row>
    <row r="963694" spans="14:14">
      <c r="N963694" s="10"/>
    </row>
    <row r="963695" spans="14:14">
      <c r="N963695" s="10"/>
    </row>
    <row r="963696" spans="14:14">
      <c r="N963696" s="10"/>
    </row>
    <row r="963697" spans="14:14">
      <c r="N963697" s="10"/>
    </row>
    <row r="963698" spans="14:14">
      <c r="N963698" s="10"/>
    </row>
    <row r="963699" spans="14:14">
      <c r="N963699" s="10"/>
    </row>
    <row r="963700" spans="14:14">
      <c r="N963700" s="10"/>
    </row>
    <row r="963701" spans="14:14">
      <c r="N963701" s="10"/>
    </row>
    <row r="963702" spans="14:14">
      <c r="N963702" s="10"/>
    </row>
    <row r="963703" spans="14:14">
      <c r="N963703" s="10"/>
    </row>
    <row r="963704" spans="14:14">
      <c r="N963704" s="10"/>
    </row>
    <row r="963705" spans="14:14">
      <c r="N963705" s="10"/>
    </row>
    <row r="963706" spans="14:14">
      <c r="N963706" s="10"/>
    </row>
    <row r="963707" spans="14:14">
      <c r="N963707" s="10"/>
    </row>
    <row r="963708" spans="14:14">
      <c r="N963708" s="10"/>
    </row>
    <row r="963709" spans="14:14">
      <c r="N963709" s="10"/>
    </row>
    <row r="963710" spans="14:14">
      <c r="N963710" s="10"/>
    </row>
    <row r="963711" spans="14:14">
      <c r="N963711" s="10"/>
    </row>
    <row r="963712" spans="14:14">
      <c r="N963712" s="10"/>
    </row>
    <row r="963713" spans="14:14">
      <c r="N963713" s="10"/>
    </row>
    <row r="963714" spans="14:14">
      <c r="N963714" s="10"/>
    </row>
    <row r="963715" spans="14:14">
      <c r="N963715" s="10"/>
    </row>
    <row r="963716" spans="14:14">
      <c r="N963716" s="10"/>
    </row>
    <row r="963717" spans="14:14">
      <c r="N963717" s="10"/>
    </row>
    <row r="963718" spans="14:14">
      <c r="N963718" s="10"/>
    </row>
    <row r="963719" spans="14:14">
      <c r="N963719" s="10"/>
    </row>
    <row r="963720" spans="14:14">
      <c r="N963720" s="10"/>
    </row>
    <row r="963721" spans="14:14">
      <c r="N963721" s="10"/>
    </row>
    <row r="963722" spans="14:14">
      <c r="N963722" s="10"/>
    </row>
    <row r="963723" spans="14:14">
      <c r="N963723" s="10"/>
    </row>
    <row r="963724" spans="14:14">
      <c r="N963724" s="10"/>
    </row>
    <row r="963725" spans="14:14">
      <c r="N963725" s="10"/>
    </row>
    <row r="963726" spans="14:14">
      <c r="N963726" s="10"/>
    </row>
    <row r="963727" spans="14:14">
      <c r="N963727" s="10"/>
    </row>
    <row r="963728" spans="14:14">
      <c r="N963728" s="10"/>
    </row>
    <row r="963729" spans="14:14">
      <c r="N963729" s="10"/>
    </row>
    <row r="963730" spans="14:14">
      <c r="N963730" s="10"/>
    </row>
    <row r="963731" spans="14:14">
      <c r="N963731" s="10"/>
    </row>
    <row r="963732" spans="14:14">
      <c r="N963732" s="10"/>
    </row>
    <row r="963733" spans="14:14">
      <c r="N963733" s="10"/>
    </row>
    <row r="963734" spans="14:14">
      <c r="N963734" s="10"/>
    </row>
    <row r="963735" spans="14:14">
      <c r="N963735" s="10"/>
    </row>
    <row r="963736" spans="14:14">
      <c r="N963736" s="10"/>
    </row>
    <row r="963737" spans="14:14">
      <c r="N963737" s="10"/>
    </row>
    <row r="963738" spans="14:14">
      <c r="N963738" s="10"/>
    </row>
    <row r="963739" spans="14:14">
      <c r="N963739" s="10"/>
    </row>
    <row r="963740" spans="14:14">
      <c r="N963740" s="10"/>
    </row>
    <row r="963741" spans="14:14">
      <c r="N963741" s="10"/>
    </row>
    <row r="963742" spans="14:14">
      <c r="N963742" s="10"/>
    </row>
    <row r="963743" spans="14:14">
      <c r="N963743" s="10"/>
    </row>
    <row r="963744" spans="14:14">
      <c r="N963744" s="10"/>
    </row>
    <row r="963745" spans="14:14">
      <c r="N963745" s="10"/>
    </row>
    <row r="963746" spans="14:14">
      <c r="N963746" s="10"/>
    </row>
    <row r="963747" spans="14:14">
      <c r="N963747" s="10"/>
    </row>
    <row r="963748" spans="14:14">
      <c r="N963748" s="10"/>
    </row>
    <row r="963749" spans="14:14">
      <c r="N963749" s="10"/>
    </row>
    <row r="963750" spans="14:14">
      <c r="N963750" s="10"/>
    </row>
    <row r="963751" spans="14:14">
      <c r="N963751" s="10"/>
    </row>
    <row r="963752" spans="14:14">
      <c r="N963752" s="10"/>
    </row>
    <row r="963753" spans="14:14">
      <c r="N963753" s="10"/>
    </row>
    <row r="963754" spans="14:14">
      <c r="N963754" s="10"/>
    </row>
    <row r="963755" spans="14:14">
      <c r="N963755" s="10"/>
    </row>
    <row r="963756" spans="14:14">
      <c r="N963756" s="10"/>
    </row>
    <row r="963757" spans="14:14">
      <c r="N963757" s="10"/>
    </row>
    <row r="963758" spans="14:14">
      <c r="N963758" s="10"/>
    </row>
    <row r="963759" spans="14:14">
      <c r="N963759" s="10"/>
    </row>
    <row r="963760" spans="14:14">
      <c r="N963760" s="10"/>
    </row>
    <row r="963761" spans="14:14">
      <c r="N963761" s="10"/>
    </row>
    <row r="963762" spans="14:14">
      <c r="N963762" s="10"/>
    </row>
    <row r="963763" spans="14:14">
      <c r="N963763" s="10"/>
    </row>
    <row r="963764" spans="14:14">
      <c r="N963764" s="10"/>
    </row>
    <row r="963765" spans="14:14">
      <c r="N963765" s="10"/>
    </row>
    <row r="963766" spans="14:14">
      <c r="N963766" s="10"/>
    </row>
    <row r="963767" spans="14:14">
      <c r="N963767" s="10"/>
    </row>
    <row r="963768" spans="14:14">
      <c r="N963768" s="10"/>
    </row>
    <row r="963769" spans="14:14">
      <c r="N963769" s="10"/>
    </row>
    <row r="963770" spans="14:14">
      <c r="N963770" s="10"/>
    </row>
    <row r="963771" spans="14:14">
      <c r="N963771" s="10"/>
    </row>
    <row r="963772" spans="14:14">
      <c r="N963772" s="10"/>
    </row>
    <row r="963773" spans="14:14">
      <c r="N963773" s="10"/>
    </row>
    <row r="963774" spans="14:14">
      <c r="N963774" s="10"/>
    </row>
    <row r="963775" spans="14:14">
      <c r="N963775" s="10"/>
    </row>
    <row r="963776" spans="14:14">
      <c r="N963776" s="10"/>
    </row>
    <row r="963777" spans="14:14">
      <c r="N963777" s="10"/>
    </row>
    <row r="963778" spans="14:14">
      <c r="N963778" s="10"/>
    </row>
    <row r="963779" spans="14:14">
      <c r="N963779" s="10"/>
    </row>
    <row r="963780" spans="14:14">
      <c r="N963780" s="10"/>
    </row>
    <row r="963781" spans="14:14">
      <c r="N963781" s="10"/>
    </row>
    <row r="963782" spans="14:14">
      <c r="N963782" s="10"/>
    </row>
    <row r="963783" spans="14:14">
      <c r="N963783" s="10"/>
    </row>
    <row r="963784" spans="14:14">
      <c r="N963784" s="10"/>
    </row>
    <row r="963785" spans="14:14">
      <c r="N963785" s="10"/>
    </row>
    <row r="963786" spans="14:14">
      <c r="N963786" s="10"/>
    </row>
    <row r="963787" spans="14:14">
      <c r="N963787" s="10"/>
    </row>
    <row r="963788" spans="14:14">
      <c r="N963788" s="10"/>
    </row>
    <row r="963789" spans="14:14">
      <c r="N963789" s="10"/>
    </row>
    <row r="963790" spans="14:14">
      <c r="N963790" s="10"/>
    </row>
    <row r="963791" spans="14:14">
      <c r="N963791" s="10"/>
    </row>
    <row r="963792" spans="14:14">
      <c r="N963792" s="10"/>
    </row>
    <row r="963793" spans="14:14">
      <c r="N963793" s="10"/>
    </row>
    <row r="963794" spans="14:14">
      <c r="N963794" s="10"/>
    </row>
    <row r="963795" spans="14:14">
      <c r="N963795" s="10"/>
    </row>
    <row r="963796" spans="14:14">
      <c r="N963796" s="10"/>
    </row>
    <row r="963797" spans="14:14">
      <c r="N963797" s="10"/>
    </row>
    <row r="963798" spans="14:14">
      <c r="N963798" s="10"/>
    </row>
    <row r="963799" spans="14:14">
      <c r="N963799" s="10"/>
    </row>
    <row r="963800" spans="14:14">
      <c r="N963800" s="10"/>
    </row>
    <row r="963801" spans="14:14">
      <c r="N963801" s="10"/>
    </row>
    <row r="963802" spans="14:14">
      <c r="N963802" s="10"/>
    </row>
    <row r="963803" spans="14:14">
      <c r="N963803" s="10"/>
    </row>
    <row r="963804" spans="14:14">
      <c r="N963804" s="10"/>
    </row>
    <row r="963805" spans="14:14">
      <c r="N963805" s="10"/>
    </row>
    <row r="963806" spans="14:14">
      <c r="N963806" s="10"/>
    </row>
    <row r="963807" spans="14:14">
      <c r="N963807" s="10"/>
    </row>
    <row r="963808" spans="14:14">
      <c r="N963808" s="10"/>
    </row>
    <row r="963809" spans="14:14">
      <c r="N963809" s="10"/>
    </row>
    <row r="963810" spans="14:14">
      <c r="N963810" s="10"/>
    </row>
    <row r="963811" spans="14:14">
      <c r="N963811" s="10"/>
    </row>
    <row r="963812" spans="14:14">
      <c r="N963812" s="10"/>
    </row>
    <row r="963813" spans="14:14">
      <c r="N963813" s="10"/>
    </row>
    <row r="963814" spans="14:14">
      <c r="N963814" s="10"/>
    </row>
    <row r="963815" spans="14:14">
      <c r="N963815" s="10"/>
    </row>
    <row r="963816" spans="14:14">
      <c r="N963816" s="10"/>
    </row>
    <row r="963817" spans="14:14">
      <c r="N963817" s="10"/>
    </row>
    <row r="963818" spans="14:14">
      <c r="N963818" s="10"/>
    </row>
    <row r="963819" spans="14:14">
      <c r="N963819" s="10"/>
    </row>
    <row r="963820" spans="14:14">
      <c r="N963820" s="10"/>
    </row>
    <row r="963821" spans="14:14">
      <c r="N963821" s="10"/>
    </row>
    <row r="963822" spans="14:14">
      <c r="N963822" s="10"/>
    </row>
    <row r="963823" spans="14:14">
      <c r="N963823" s="10"/>
    </row>
    <row r="963824" spans="14:14">
      <c r="N963824" s="10"/>
    </row>
    <row r="963825" spans="14:14">
      <c r="N963825" s="10"/>
    </row>
    <row r="963826" spans="14:14">
      <c r="N963826" s="10"/>
    </row>
    <row r="963827" spans="14:14">
      <c r="N963827" s="10"/>
    </row>
    <row r="963828" spans="14:14">
      <c r="N963828" s="10"/>
    </row>
    <row r="963829" spans="14:14">
      <c r="N963829" s="10"/>
    </row>
    <row r="963830" spans="14:14">
      <c r="N963830" s="10"/>
    </row>
    <row r="963831" spans="14:14">
      <c r="N963831" s="10"/>
    </row>
    <row r="963832" spans="14:14">
      <c r="N963832" s="10"/>
    </row>
    <row r="963833" spans="14:14">
      <c r="N963833" s="10"/>
    </row>
    <row r="963834" spans="14:14">
      <c r="N963834" s="10"/>
    </row>
    <row r="963835" spans="14:14">
      <c r="N963835" s="10"/>
    </row>
    <row r="963836" spans="14:14">
      <c r="N963836" s="10"/>
    </row>
    <row r="963837" spans="14:14">
      <c r="N963837" s="10"/>
    </row>
    <row r="963838" spans="14:14">
      <c r="N963838" s="10"/>
    </row>
    <row r="963839" spans="14:14">
      <c r="N963839" s="10"/>
    </row>
    <row r="963840" spans="14:14">
      <c r="N963840" s="10"/>
    </row>
    <row r="963841" spans="14:14">
      <c r="N963841" s="10"/>
    </row>
    <row r="963842" spans="14:14">
      <c r="N963842" s="10"/>
    </row>
    <row r="963843" spans="14:14">
      <c r="N963843" s="10"/>
    </row>
    <row r="963844" spans="14:14">
      <c r="N963844" s="10"/>
    </row>
    <row r="963845" spans="14:14">
      <c r="N963845" s="10"/>
    </row>
    <row r="963846" spans="14:14">
      <c r="N963846" s="10"/>
    </row>
    <row r="963847" spans="14:14">
      <c r="N963847" s="10"/>
    </row>
    <row r="963848" spans="14:14">
      <c r="N963848" s="10"/>
    </row>
    <row r="963849" spans="14:14">
      <c r="N963849" s="10"/>
    </row>
    <row r="963850" spans="14:14">
      <c r="N963850" s="10"/>
    </row>
    <row r="963851" spans="14:14">
      <c r="N963851" s="10"/>
    </row>
    <row r="963852" spans="14:14">
      <c r="N963852" s="10"/>
    </row>
    <row r="963853" spans="14:14">
      <c r="N963853" s="10"/>
    </row>
    <row r="963854" spans="14:14">
      <c r="N963854" s="10"/>
    </row>
    <row r="963855" spans="14:14">
      <c r="N963855" s="10"/>
    </row>
    <row r="963856" spans="14:14">
      <c r="N963856" s="10"/>
    </row>
    <row r="963857" spans="14:14">
      <c r="N963857" s="10"/>
    </row>
    <row r="963858" spans="14:14">
      <c r="N963858" s="10"/>
    </row>
    <row r="963859" spans="14:14">
      <c r="N963859" s="10"/>
    </row>
    <row r="963860" spans="14:14">
      <c r="N963860" s="10"/>
    </row>
    <row r="963861" spans="14:14">
      <c r="N963861" s="10"/>
    </row>
    <row r="963862" spans="14:14">
      <c r="N963862" s="10"/>
    </row>
    <row r="963863" spans="14:14">
      <c r="N963863" s="10"/>
    </row>
    <row r="963864" spans="14:14">
      <c r="N963864" s="10"/>
    </row>
    <row r="963865" spans="14:14">
      <c r="N963865" s="10"/>
    </row>
    <row r="963866" spans="14:14">
      <c r="N963866" s="10"/>
    </row>
    <row r="963867" spans="14:14">
      <c r="N963867" s="10"/>
    </row>
    <row r="963868" spans="14:14">
      <c r="N963868" s="10"/>
    </row>
    <row r="963869" spans="14:14">
      <c r="N963869" s="10"/>
    </row>
    <row r="963870" spans="14:14">
      <c r="N963870" s="10"/>
    </row>
    <row r="963871" spans="14:14">
      <c r="N963871" s="10"/>
    </row>
    <row r="963872" spans="14:14">
      <c r="N963872" s="10"/>
    </row>
    <row r="963873" spans="14:14">
      <c r="N963873" s="10"/>
    </row>
    <row r="963874" spans="14:14">
      <c r="N963874" s="10"/>
    </row>
    <row r="963875" spans="14:14">
      <c r="N963875" s="10"/>
    </row>
    <row r="963876" spans="14:14">
      <c r="N963876" s="10"/>
    </row>
    <row r="963877" spans="14:14">
      <c r="N963877" s="10"/>
    </row>
    <row r="963878" spans="14:14">
      <c r="N963878" s="10"/>
    </row>
    <row r="963879" spans="14:14">
      <c r="N963879" s="10"/>
    </row>
    <row r="963880" spans="14:14">
      <c r="N963880" s="10"/>
    </row>
    <row r="963881" spans="14:14">
      <c r="N963881" s="10"/>
    </row>
    <row r="963882" spans="14:14">
      <c r="N963882" s="10"/>
    </row>
    <row r="963883" spans="14:14">
      <c r="N963883" s="10"/>
    </row>
    <row r="963884" spans="14:14">
      <c r="N963884" s="10"/>
    </row>
    <row r="963885" spans="14:14">
      <c r="N963885" s="10"/>
    </row>
    <row r="963886" spans="14:14">
      <c r="N963886" s="10"/>
    </row>
    <row r="963887" spans="14:14">
      <c r="N963887" s="10"/>
    </row>
    <row r="963888" spans="14:14">
      <c r="N963888" s="10"/>
    </row>
    <row r="963889" spans="14:14">
      <c r="N963889" s="10"/>
    </row>
    <row r="963890" spans="14:14">
      <c r="N963890" s="10"/>
    </row>
    <row r="963891" spans="14:14">
      <c r="N963891" s="10"/>
    </row>
    <row r="963892" spans="14:14">
      <c r="N963892" s="10"/>
    </row>
    <row r="963893" spans="14:14">
      <c r="N963893" s="10"/>
    </row>
    <row r="963894" spans="14:14">
      <c r="N963894" s="10"/>
    </row>
    <row r="963895" spans="14:14">
      <c r="N963895" s="10"/>
    </row>
    <row r="963896" spans="14:14">
      <c r="N963896" s="10"/>
    </row>
    <row r="963897" spans="14:14">
      <c r="N963897" s="10"/>
    </row>
    <row r="963898" spans="14:14">
      <c r="N963898" s="10"/>
    </row>
    <row r="963899" spans="14:14">
      <c r="N963899" s="10"/>
    </row>
    <row r="963900" spans="14:14">
      <c r="N963900" s="10"/>
    </row>
    <row r="963901" spans="14:14">
      <c r="N963901" s="10"/>
    </row>
    <row r="963902" spans="14:14">
      <c r="N963902" s="10"/>
    </row>
    <row r="963903" spans="14:14">
      <c r="N963903" s="10"/>
    </row>
    <row r="963904" spans="14:14">
      <c r="N963904" s="10"/>
    </row>
    <row r="963905" spans="14:14">
      <c r="N963905" s="10"/>
    </row>
    <row r="963906" spans="14:14">
      <c r="N963906" s="10"/>
    </row>
    <row r="963907" spans="14:14">
      <c r="N963907" s="10"/>
    </row>
    <row r="963908" spans="14:14">
      <c r="N963908" s="10"/>
    </row>
    <row r="963909" spans="14:14">
      <c r="N963909" s="10"/>
    </row>
    <row r="963910" spans="14:14">
      <c r="N963910" s="10"/>
    </row>
    <row r="963911" spans="14:14">
      <c r="N963911" s="10"/>
    </row>
    <row r="963912" spans="14:14">
      <c r="N963912" s="10"/>
    </row>
    <row r="963913" spans="14:14">
      <c r="N963913" s="10"/>
    </row>
    <row r="963914" spans="14:14">
      <c r="N963914" s="10"/>
    </row>
    <row r="963915" spans="14:14">
      <c r="N963915" s="10"/>
    </row>
    <row r="963916" spans="14:14">
      <c r="N963916" s="10"/>
    </row>
    <row r="963917" spans="14:14">
      <c r="N963917" s="10"/>
    </row>
    <row r="963918" spans="14:14">
      <c r="N963918" s="10"/>
    </row>
    <row r="963919" spans="14:14">
      <c r="N963919" s="10"/>
    </row>
    <row r="963920" spans="14:14">
      <c r="N963920" s="10"/>
    </row>
    <row r="963921" spans="14:14">
      <c r="N963921" s="10"/>
    </row>
    <row r="963922" spans="14:14">
      <c r="N963922" s="10"/>
    </row>
    <row r="963923" spans="14:14">
      <c r="N963923" s="10"/>
    </row>
    <row r="963924" spans="14:14">
      <c r="N963924" s="10"/>
    </row>
    <row r="963925" spans="14:14">
      <c r="N963925" s="10"/>
    </row>
    <row r="963926" spans="14:14">
      <c r="N963926" s="10"/>
    </row>
    <row r="963927" spans="14:14">
      <c r="N963927" s="10"/>
    </row>
    <row r="963928" spans="14:14">
      <c r="N963928" s="10"/>
    </row>
    <row r="963929" spans="14:14">
      <c r="N963929" s="10"/>
    </row>
    <row r="963930" spans="14:14">
      <c r="N963930" s="10"/>
    </row>
    <row r="963931" spans="14:14">
      <c r="N963931" s="10"/>
    </row>
    <row r="963932" spans="14:14">
      <c r="N963932" s="10"/>
    </row>
    <row r="963933" spans="14:14">
      <c r="N963933" s="10"/>
    </row>
    <row r="963934" spans="14:14">
      <c r="N963934" s="10"/>
    </row>
    <row r="963935" spans="14:14">
      <c r="N963935" s="10"/>
    </row>
    <row r="963936" spans="14:14">
      <c r="N963936" s="10"/>
    </row>
    <row r="963937" spans="14:14">
      <c r="N963937" s="10"/>
    </row>
    <row r="963938" spans="14:14">
      <c r="N963938" s="10"/>
    </row>
    <row r="963939" spans="14:14">
      <c r="N963939" s="10"/>
    </row>
    <row r="963940" spans="14:14">
      <c r="N963940" s="10"/>
    </row>
    <row r="963941" spans="14:14">
      <c r="N963941" s="10"/>
    </row>
    <row r="963942" spans="14:14">
      <c r="N963942" s="10"/>
    </row>
    <row r="963943" spans="14:14">
      <c r="N963943" s="10"/>
    </row>
    <row r="963944" spans="14:14">
      <c r="N963944" s="10"/>
    </row>
    <row r="963945" spans="14:14">
      <c r="N963945" s="10"/>
    </row>
    <row r="963946" spans="14:14">
      <c r="N963946" s="10"/>
    </row>
    <row r="963947" spans="14:14">
      <c r="N963947" s="10"/>
    </row>
    <row r="963948" spans="14:14">
      <c r="N963948" s="10"/>
    </row>
    <row r="963949" spans="14:14">
      <c r="N963949" s="10"/>
    </row>
    <row r="963950" spans="14:14">
      <c r="N963950" s="10"/>
    </row>
    <row r="963951" spans="14:14">
      <c r="N963951" s="10"/>
    </row>
    <row r="963952" spans="14:14">
      <c r="N963952" s="10"/>
    </row>
    <row r="963953" spans="14:14">
      <c r="N963953" s="10"/>
    </row>
    <row r="963954" spans="14:14">
      <c r="N963954" s="10"/>
    </row>
    <row r="963955" spans="14:14">
      <c r="N963955" s="10"/>
    </row>
    <row r="963956" spans="14:14">
      <c r="N963956" s="10"/>
    </row>
    <row r="963957" spans="14:14">
      <c r="N963957" s="10"/>
    </row>
    <row r="963958" spans="14:14">
      <c r="N963958" s="10"/>
    </row>
    <row r="963959" spans="14:14">
      <c r="N963959" s="10"/>
    </row>
    <row r="963960" spans="14:14">
      <c r="N963960" s="10"/>
    </row>
    <row r="963961" spans="14:14">
      <c r="N963961" s="10"/>
    </row>
    <row r="963962" spans="14:14">
      <c r="N963962" s="10"/>
    </row>
    <row r="963963" spans="14:14">
      <c r="N963963" s="10"/>
    </row>
    <row r="963964" spans="14:14">
      <c r="N963964" s="10"/>
    </row>
    <row r="963965" spans="14:14">
      <c r="N963965" s="10"/>
    </row>
    <row r="963966" spans="14:14">
      <c r="N963966" s="10"/>
    </row>
    <row r="963967" spans="14:14">
      <c r="N963967" s="10"/>
    </row>
    <row r="963968" spans="14:14">
      <c r="N963968" s="10"/>
    </row>
    <row r="963969" spans="14:14">
      <c r="N963969" s="10"/>
    </row>
    <row r="963970" spans="14:14">
      <c r="N963970" s="10"/>
    </row>
    <row r="963971" spans="14:14">
      <c r="N963971" s="10"/>
    </row>
    <row r="963972" spans="14:14">
      <c r="N963972" s="10"/>
    </row>
    <row r="963973" spans="14:14">
      <c r="N963973" s="10"/>
    </row>
    <row r="963974" spans="14:14">
      <c r="N963974" s="10"/>
    </row>
    <row r="963975" spans="14:14">
      <c r="N963975" s="10"/>
    </row>
    <row r="963976" spans="14:14">
      <c r="N963976" s="10"/>
    </row>
    <row r="963977" spans="14:14">
      <c r="N963977" s="10"/>
    </row>
    <row r="963978" spans="14:14">
      <c r="N963978" s="10"/>
    </row>
    <row r="963979" spans="14:14">
      <c r="N963979" s="10"/>
    </row>
    <row r="963980" spans="14:14">
      <c r="N963980" s="10"/>
    </row>
    <row r="963981" spans="14:14">
      <c r="N963981" s="10"/>
    </row>
    <row r="963982" spans="14:14">
      <c r="N963982" s="10"/>
    </row>
    <row r="963983" spans="14:14">
      <c r="N963983" s="10"/>
    </row>
    <row r="963984" spans="14:14">
      <c r="N963984" s="10"/>
    </row>
    <row r="963985" spans="14:14">
      <c r="N963985" s="10"/>
    </row>
    <row r="963986" spans="14:14">
      <c r="N963986" s="10"/>
    </row>
    <row r="963987" spans="14:14">
      <c r="N963987" s="10"/>
    </row>
    <row r="963988" spans="14:14">
      <c r="N963988" s="10"/>
    </row>
    <row r="963989" spans="14:14">
      <c r="N963989" s="10"/>
    </row>
    <row r="963990" spans="14:14">
      <c r="N963990" s="10"/>
    </row>
    <row r="963991" spans="14:14">
      <c r="N963991" s="10"/>
    </row>
    <row r="963992" spans="14:14">
      <c r="N963992" s="10"/>
    </row>
    <row r="963993" spans="14:14">
      <c r="N963993" s="10"/>
    </row>
    <row r="963994" spans="14:14">
      <c r="N963994" s="10"/>
    </row>
    <row r="963995" spans="14:14">
      <c r="N963995" s="10"/>
    </row>
    <row r="963996" spans="14:14">
      <c r="N963996" s="10"/>
    </row>
    <row r="963997" spans="14:14">
      <c r="N963997" s="10"/>
    </row>
    <row r="963998" spans="14:14">
      <c r="N963998" s="10"/>
    </row>
    <row r="963999" spans="14:14">
      <c r="N963999" s="10"/>
    </row>
    <row r="964000" spans="14:14">
      <c r="N964000" s="10"/>
    </row>
    <row r="964001" spans="14:14">
      <c r="N964001" s="10"/>
    </row>
    <row r="964002" spans="14:14">
      <c r="N964002" s="10"/>
    </row>
    <row r="964003" spans="14:14">
      <c r="N964003" s="10"/>
    </row>
    <row r="964004" spans="14:14">
      <c r="N964004" s="10"/>
    </row>
    <row r="964005" spans="14:14">
      <c r="N964005" s="10"/>
    </row>
    <row r="964006" spans="14:14">
      <c r="N964006" s="10"/>
    </row>
    <row r="964007" spans="14:14">
      <c r="N964007" s="10"/>
    </row>
    <row r="964008" spans="14:14">
      <c r="N964008" s="10"/>
    </row>
    <row r="964009" spans="14:14">
      <c r="N964009" s="10"/>
    </row>
    <row r="964010" spans="14:14">
      <c r="N964010" s="10"/>
    </row>
    <row r="964011" spans="14:14">
      <c r="N964011" s="10"/>
    </row>
    <row r="964012" spans="14:14">
      <c r="N964012" s="10"/>
    </row>
    <row r="964013" spans="14:14">
      <c r="N964013" s="10"/>
    </row>
    <row r="964014" spans="14:14">
      <c r="N964014" s="10"/>
    </row>
    <row r="964015" spans="14:14">
      <c r="N964015" s="10"/>
    </row>
    <row r="964016" spans="14:14">
      <c r="N964016" s="10"/>
    </row>
    <row r="964017" spans="14:14">
      <c r="N964017" s="10"/>
    </row>
    <row r="964018" spans="14:14">
      <c r="N964018" s="10"/>
    </row>
    <row r="964019" spans="14:14">
      <c r="N964019" s="10"/>
    </row>
    <row r="964020" spans="14:14">
      <c r="N964020" s="10"/>
    </row>
    <row r="964021" spans="14:14">
      <c r="N964021" s="10"/>
    </row>
    <row r="964022" spans="14:14">
      <c r="N964022" s="10"/>
    </row>
    <row r="964023" spans="14:14">
      <c r="N964023" s="10"/>
    </row>
    <row r="964024" spans="14:14">
      <c r="N964024" s="10"/>
    </row>
    <row r="964025" spans="14:14">
      <c r="N964025" s="10"/>
    </row>
    <row r="964026" spans="14:14">
      <c r="N964026" s="10"/>
    </row>
    <row r="964027" spans="14:14">
      <c r="N964027" s="10"/>
    </row>
    <row r="964028" spans="14:14">
      <c r="N964028" s="10"/>
    </row>
    <row r="964029" spans="14:14">
      <c r="N964029" s="10"/>
    </row>
    <row r="964030" spans="14:14">
      <c r="N964030" s="10"/>
    </row>
    <row r="964031" spans="14:14">
      <c r="N964031" s="10"/>
    </row>
    <row r="964032" spans="14:14">
      <c r="N964032" s="10"/>
    </row>
    <row r="964033" spans="14:14">
      <c r="N964033" s="10"/>
    </row>
    <row r="964034" spans="14:14">
      <c r="N964034" s="10"/>
    </row>
    <row r="964035" spans="14:14">
      <c r="N964035" s="10"/>
    </row>
    <row r="964036" spans="14:14">
      <c r="N964036" s="10"/>
    </row>
    <row r="964037" spans="14:14">
      <c r="N964037" s="10"/>
    </row>
    <row r="964038" spans="14:14">
      <c r="N964038" s="10"/>
    </row>
    <row r="964039" spans="14:14">
      <c r="N964039" s="10"/>
    </row>
    <row r="964040" spans="14:14">
      <c r="N964040" s="10"/>
    </row>
    <row r="964041" spans="14:14">
      <c r="N964041" s="10"/>
    </row>
    <row r="964042" spans="14:14">
      <c r="N964042" s="10"/>
    </row>
    <row r="964043" spans="14:14">
      <c r="N964043" s="10"/>
    </row>
    <row r="964044" spans="14:14">
      <c r="N964044" s="10"/>
    </row>
    <row r="964045" spans="14:14">
      <c r="N964045" s="10"/>
    </row>
    <row r="964046" spans="14:14">
      <c r="N964046" s="10"/>
    </row>
    <row r="964047" spans="14:14">
      <c r="N964047" s="10"/>
    </row>
    <row r="964048" spans="14:14">
      <c r="N964048" s="10"/>
    </row>
    <row r="964049" spans="14:14">
      <c r="N964049" s="10"/>
    </row>
    <row r="964050" spans="14:14">
      <c r="N964050" s="10"/>
    </row>
    <row r="964051" spans="14:14">
      <c r="N964051" s="10"/>
    </row>
    <row r="964052" spans="14:14">
      <c r="N964052" s="10"/>
    </row>
    <row r="964053" spans="14:14">
      <c r="N964053" s="10"/>
    </row>
    <row r="964054" spans="14:14">
      <c r="N964054" s="10"/>
    </row>
    <row r="964055" spans="14:14">
      <c r="N964055" s="10"/>
    </row>
    <row r="964056" spans="14:14">
      <c r="N964056" s="10"/>
    </row>
    <row r="964057" spans="14:14">
      <c r="N964057" s="10"/>
    </row>
    <row r="964058" spans="14:14">
      <c r="N964058" s="10"/>
    </row>
    <row r="964059" spans="14:14">
      <c r="N964059" s="10"/>
    </row>
    <row r="964060" spans="14:14">
      <c r="N964060" s="10"/>
    </row>
    <row r="964061" spans="14:14">
      <c r="N964061" s="10"/>
    </row>
    <row r="964062" spans="14:14">
      <c r="N964062" s="10"/>
    </row>
    <row r="964063" spans="14:14">
      <c r="N964063" s="10"/>
    </row>
    <row r="964064" spans="14:14">
      <c r="N964064" s="10"/>
    </row>
    <row r="964065" spans="14:14">
      <c r="N964065" s="10"/>
    </row>
    <row r="964066" spans="14:14">
      <c r="N964066" s="10"/>
    </row>
    <row r="964067" spans="14:14">
      <c r="N964067" s="10"/>
    </row>
    <row r="964068" spans="14:14">
      <c r="N964068" s="10"/>
    </row>
    <row r="964069" spans="14:14">
      <c r="N964069" s="10"/>
    </row>
    <row r="964070" spans="14:14">
      <c r="N964070" s="10"/>
    </row>
    <row r="964071" spans="14:14">
      <c r="N964071" s="10"/>
    </row>
    <row r="964072" spans="14:14">
      <c r="N964072" s="10"/>
    </row>
    <row r="964073" spans="14:14">
      <c r="N964073" s="10"/>
    </row>
    <row r="964074" spans="14:14">
      <c r="N964074" s="10"/>
    </row>
    <row r="964075" spans="14:14">
      <c r="N964075" s="10"/>
    </row>
    <row r="964076" spans="14:14">
      <c r="N964076" s="10"/>
    </row>
    <row r="964077" spans="14:14">
      <c r="N964077" s="10"/>
    </row>
    <row r="964078" spans="14:14">
      <c r="N964078" s="10"/>
    </row>
    <row r="964079" spans="14:14">
      <c r="N964079" s="10"/>
    </row>
    <row r="964080" spans="14:14">
      <c r="N964080" s="10"/>
    </row>
    <row r="964081" spans="14:14">
      <c r="N964081" s="10"/>
    </row>
    <row r="964082" spans="14:14">
      <c r="N964082" s="10"/>
    </row>
    <row r="964083" spans="14:14">
      <c r="N964083" s="10"/>
    </row>
    <row r="964084" spans="14:14">
      <c r="N964084" s="10"/>
    </row>
    <row r="964085" spans="14:14">
      <c r="N964085" s="10"/>
    </row>
    <row r="964086" spans="14:14">
      <c r="N964086" s="10"/>
    </row>
    <row r="964087" spans="14:14">
      <c r="N964087" s="10"/>
    </row>
    <row r="964088" spans="14:14">
      <c r="N964088" s="10"/>
    </row>
    <row r="964089" spans="14:14">
      <c r="N964089" s="10"/>
    </row>
    <row r="964090" spans="14:14">
      <c r="N964090" s="10"/>
    </row>
    <row r="964091" spans="14:14">
      <c r="N964091" s="10"/>
    </row>
    <row r="964092" spans="14:14">
      <c r="N964092" s="10"/>
    </row>
    <row r="964093" spans="14:14">
      <c r="N964093" s="10"/>
    </row>
    <row r="964094" spans="14:14">
      <c r="N964094" s="10"/>
    </row>
    <row r="964095" spans="14:14">
      <c r="N964095" s="10"/>
    </row>
    <row r="964096" spans="14:14">
      <c r="N964096" s="10"/>
    </row>
    <row r="964097" spans="14:14">
      <c r="N964097" s="10"/>
    </row>
    <row r="964098" spans="14:14">
      <c r="N964098" s="10"/>
    </row>
    <row r="964099" spans="14:14">
      <c r="N964099" s="10"/>
    </row>
    <row r="964100" spans="14:14">
      <c r="N964100" s="10"/>
    </row>
    <row r="964101" spans="14:14">
      <c r="N964101" s="10"/>
    </row>
    <row r="964102" spans="14:14">
      <c r="N964102" s="10"/>
    </row>
    <row r="964103" spans="14:14">
      <c r="N964103" s="10"/>
    </row>
    <row r="964104" spans="14:14">
      <c r="N964104" s="10"/>
    </row>
    <row r="964105" spans="14:14">
      <c r="N964105" s="10"/>
    </row>
    <row r="964106" spans="14:14">
      <c r="N964106" s="10"/>
    </row>
    <row r="964107" spans="14:14">
      <c r="N964107" s="10"/>
    </row>
    <row r="964108" spans="14:14">
      <c r="N964108" s="10"/>
    </row>
    <row r="964109" spans="14:14">
      <c r="N964109" s="10"/>
    </row>
    <row r="964110" spans="14:14">
      <c r="N964110" s="10"/>
    </row>
    <row r="964111" spans="14:14">
      <c r="N964111" s="10"/>
    </row>
    <row r="964112" spans="14:14">
      <c r="N964112" s="10"/>
    </row>
    <row r="964113" spans="14:14">
      <c r="N964113" s="10"/>
    </row>
    <row r="964114" spans="14:14">
      <c r="N964114" s="10"/>
    </row>
    <row r="964115" spans="14:14">
      <c r="N964115" s="10"/>
    </row>
    <row r="964116" spans="14:14">
      <c r="N964116" s="10"/>
    </row>
    <row r="964117" spans="14:14">
      <c r="N964117" s="10"/>
    </row>
    <row r="964118" spans="14:14">
      <c r="N964118" s="10"/>
    </row>
    <row r="964119" spans="14:14">
      <c r="N964119" s="10"/>
    </row>
    <row r="964120" spans="14:14">
      <c r="N964120" s="10"/>
    </row>
    <row r="964121" spans="14:14">
      <c r="N964121" s="10"/>
    </row>
    <row r="964122" spans="14:14">
      <c r="N964122" s="10"/>
    </row>
    <row r="964123" spans="14:14">
      <c r="N964123" s="10"/>
    </row>
    <row r="964124" spans="14:14">
      <c r="N964124" s="10"/>
    </row>
    <row r="964125" spans="14:14">
      <c r="N964125" s="10"/>
    </row>
    <row r="964126" spans="14:14">
      <c r="N964126" s="10"/>
    </row>
    <row r="964127" spans="14:14">
      <c r="N964127" s="10"/>
    </row>
    <row r="964128" spans="14:14">
      <c r="N964128" s="10"/>
    </row>
    <row r="964129" spans="14:14">
      <c r="N964129" s="10"/>
    </row>
    <row r="964130" spans="14:14">
      <c r="N964130" s="10"/>
    </row>
    <row r="964131" spans="14:14">
      <c r="N964131" s="10"/>
    </row>
    <row r="964132" spans="14:14">
      <c r="N964132" s="10"/>
    </row>
    <row r="964133" spans="14:14">
      <c r="N964133" s="10"/>
    </row>
    <row r="964134" spans="14:14">
      <c r="N964134" s="10"/>
    </row>
    <row r="964135" spans="14:14">
      <c r="N964135" s="10"/>
    </row>
    <row r="964136" spans="14:14">
      <c r="N964136" s="10"/>
    </row>
    <row r="964137" spans="14:14">
      <c r="N964137" s="10"/>
    </row>
    <row r="964138" spans="14:14">
      <c r="N964138" s="10"/>
    </row>
    <row r="964139" spans="14:14">
      <c r="N964139" s="10"/>
    </row>
    <row r="964140" spans="14:14">
      <c r="N964140" s="10"/>
    </row>
    <row r="964141" spans="14:14">
      <c r="N964141" s="10"/>
    </row>
    <row r="964142" spans="14:14">
      <c r="N964142" s="10"/>
    </row>
    <row r="964143" spans="14:14">
      <c r="N964143" s="10"/>
    </row>
    <row r="964144" spans="14:14">
      <c r="N964144" s="10"/>
    </row>
    <row r="964145" spans="14:14">
      <c r="N964145" s="10"/>
    </row>
    <row r="964146" spans="14:14">
      <c r="N964146" s="10"/>
    </row>
    <row r="964147" spans="14:14">
      <c r="N964147" s="10"/>
    </row>
    <row r="964148" spans="14:14">
      <c r="N964148" s="10"/>
    </row>
    <row r="964149" spans="14:14">
      <c r="N964149" s="10"/>
    </row>
    <row r="964150" spans="14:14">
      <c r="N964150" s="10"/>
    </row>
    <row r="964151" spans="14:14">
      <c r="N964151" s="10"/>
    </row>
    <row r="964152" spans="14:14">
      <c r="N964152" s="10"/>
    </row>
    <row r="964153" spans="14:14">
      <c r="N964153" s="10"/>
    </row>
    <row r="964154" spans="14:14">
      <c r="N964154" s="10"/>
    </row>
    <row r="964155" spans="14:14">
      <c r="N964155" s="10"/>
    </row>
    <row r="964156" spans="14:14">
      <c r="N964156" s="10"/>
    </row>
    <row r="964157" spans="14:14">
      <c r="N964157" s="10"/>
    </row>
    <row r="964158" spans="14:14">
      <c r="N964158" s="10"/>
    </row>
    <row r="964159" spans="14:14">
      <c r="N964159" s="10"/>
    </row>
    <row r="964160" spans="14:14">
      <c r="N964160" s="10"/>
    </row>
    <row r="964161" spans="14:14">
      <c r="N964161" s="10"/>
    </row>
    <row r="964162" spans="14:14">
      <c r="N964162" s="10"/>
    </row>
    <row r="964163" spans="14:14">
      <c r="N964163" s="10"/>
    </row>
    <row r="964164" spans="14:14">
      <c r="N964164" s="10"/>
    </row>
    <row r="964165" spans="14:14">
      <c r="N964165" s="10"/>
    </row>
    <row r="964166" spans="14:14">
      <c r="N964166" s="10"/>
    </row>
    <row r="964167" spans="14:14">
      <c r="N964167" s="10"/>
    </row>
    <row r="964168" spans="14:14">
      <c r="N964168" s="10"/>
    </row>
    <row r="964169" spans="14:14">
      <c r="N964169" s="10"/>
    </row>
    <row r="964170" spans="14:14">
      <c r="N964170" s="10"/>
    </row>
    <row r="964171" spans="14:14">
      <c r="N964171" s="10"/>
    </row>
    <row r="964172" spans="14:14">
      <c r="N964172" s="10"/>
    </row>
    <row r="964173" spans="14:14">
      <c r="N964173" s="10"/>
    </row>
    <row r="964174" spans="14:14">
      <c r="N964174" s="10"/>
    </row>
    <row r="964175" spans="14:14">
      <c r="N964175" s="10"/>
    </row>
    <row r="964176" spans="14:14">
      <c r="N964176" s="10"/>
    </row>
    <row r="964177" spans="14:14">
      <c r="N964177" s="10"/>
    </row>
    <row r="964178" spans="14:14">
      <c r="N964178" s="10"/>
    </row>
    <row r="964179" spans="14:14">
      <c r="N964179" s="10"/>
    </row>
    <row r="964180" spans="14:14">
      <c r="N964180" s="10"/>
    </row>
    <row r="964181" spans="14:14">
      <c r="N964181" s="10"/>
    </row>
    <row r="964182" spans="14:14">
      <c r="N964182" s="10"/>
    </row>
    <row r="964183" spans="14:14">
      <c r="N964183" s="10"/>
    </row>
    <row r="964184" spans="14:14">
      <c r="N964184" s="10"/>
    </row>
    <row r="964185" spans="14:14">
      <c r="N964185" s="10"/>
    </row>
    <row r="964186" spans="14:14">
      <c r="N964186" s="10"/>
    </row>
    <row r="964187" spans="14:14">
      <c r="N964187" s="10"/>
    </row>
    <row r="964188" spans="14:14">
      <c r="N964188" s="10"/>
    </row>
    <row r="964189" spans="14:14">
      <c r="N964189" s="10"/>
    </row>
    <row r="964190" spans="14:14">
      <c r="N964190" s="10"/>
    </row>
    <row r="964191" spans="14:14">
      <c r="N964191" s="10"/>
    </row>
    <row r="964192" spans="14:14">
      <c r="N964192" s="10"/>
    </row>
    <row r="964193" spans="14:14">
      <c r="N964193" s="10"/>
    </row>
    <row r="964194" spans="14:14">
      <c r="N964194" s="10"/>
    </row>
    <row r="964195" spans="14:14">
      <c r="N964195" s="10"/>
    </row>
    <row r="964196" spans="14:14">
      <c r="N964196" s="10"/>
    </row>
    <row r="964197" spans="14:14">
      <c r="N964197" s="10"/>
    </row>
    <row r="964198" spans="14:14">
      <c r="N964198" s="10"/>
    </row>
    <row r="964199" spans="14:14">
      <c r="N964199" s="10"/>
    </row>
    <row r="964200" spans="14:14">
      <c r="N964200" s="10"/>
    </row>
    <row r="964201" spans="14:14">
      <c r="N964201" s="10"/>
    </row>
    <row r="964202" spans="14:14">
      <c r="N964202" s="10"/>
    </row>
    <row r="964203" spans="14:14">
      <c r="N964203" s="10"/>
    </row>
    <row r="964204" spans="14:14">
      <c r="N964204" s="10"/>
    </row>
    <row r="964205" spans="14:14">
      <c r="N964205" s="10"/>
    </row>
    <row r="964206" spans="14:14">
      <c r="N964206" s="10"/>
    </row>
    <row r="964207" spans="14:14">
      <c r="N964207" s="10"/>
    </row>
    <row r="964208" spans="14:14">
      <c r="N964208" s="10"/>
    </row>
    <row r="964209" spans="14:14">
      <c r="N964209" s="10"/>
    </row>
    <row r="964210" spans="14:14">
      <c r="N964210" s="10"/>
    </row>
    <row r="964211" spans="14:14">
      <c r="N964211" s="10"/>
    </row>
    <row r="964212" spans="14:14">
      <c r="N964212" s="10"/>
    </row>
    <row r="964213" spans="14:14">
      <c r="N964213" s="10"/>
    </row>
    <row r="964214" spans="14:14">
      <c r="N964214" s="10"/>
    </row>
    <row r="964215" spans="14:14">
      <c r="N964215" s="10"/>
    </row>
    <row r="964216" spans="14:14">
      <c r="N964216" s="10"/>
    </row>
    <row r="964217" spans="14:14">
      <c r="N964217" s="10"/>
    </row>
    <row r="964218" spans="14:14">
      <c r="N964218" s="10"/>
    </row>
    <row r="964219" spans="14:14">
      <c r="N964219" s="10"/>
    </row>
    <row r="964220" spans="14:14">
      <c r="N964220" s="10"/>
    </row>
    <row r="964221" spans="14:14">
      <c r="N964221" s="10"/>
    </row>
    <row r="964222" spans="14:14">
      <c r="N964222" s="10"/>
    </row>
    <row r="964223" spans="14:14">
      <c r="N964223" s="10"/>
    </row>
    <row r="964224" spans="14:14">
      <c r="N964224" s="10"/>
    </row>
    <row r="964225" spans="14:14">
      <c r="N964225" s="10"/>
    </row>
    <row r="964226" spans="14:14">
      <c r="N964226" s="10"/>
    </row>
    <row r="964227" spans="14:14">
      <c r="N964227" s="10"/>
    </row>
    <row r="964228" spans="14:14">
      <c r="N964228" s="10"/>
    </row>
    <row r="964229" spans="14:14">
      <c r="N964229" s="10"/>
    </row>
    <row r="964230" spans="14:14">
      <c r="N964230" s="10"/>
    </row>
    <row r="964231" spans="14:14">
      <c r="N964231" s="10"/>
    </row>
    <row r="964232" spans="14:14">
      <c r="N964232" s="10"/>
    </row>
    <row r="964233" spans="14:14">
      <c r="N964233" s="10"/>
    </row>
    <row r="964234" spans="14:14">
      <c r="N964234" s="10"/>
    </row>
    <row r="964235" spans="14:14">
      <c r="N964235" s="10"/>
    </row>
    <row r="964236" spans="14:14">
      <c r="N964236" s="10"/>
    </row>
    <row r="964237" spans="14:14">
      <c r="N964237" s="10"/>
    </row>
    <row r="964238" spans="14:14">
      <c r="N964238" s="10"/>
    </row>
    <row r="964239" spans="14:14">
      <c r="N964239" s="10"/>
    </row>
    <row r="964240" spans="14:14">
      <c r="N964240" s="10"/>
    </row>
    <row r="964241" spans="14:14">
      <c r="N964241" s="10"/>
    </row>
    <row r="964242" spans="14:14">
      <c r="N964242" s="10"/>
    </row>
    <row r="964243" spans="14:14">
      <c r="N964243" s="10"/>
    </row>
    <row r="964244" spans="14:14">
      <c r="N964244" s="10"/>
    </row>
    <row r="964245" spans="14:14">
      <c r="N964245" s="10"/>
    </row>
    <row r="964246" spans="14:14">
      <c r="N964246" s="10"/>
    </row>
    <row r="964247" spans="14:14">
      <c r="N964247" s="10"/>
    </row>
    <row r="964248" spans="14:14">
      <c r="N964248" s="10"/>
    </row>
    <row r="964249" spans="14:14">
      <c r="N964249" s="10"/>
    </row>
    <row r="964250" spans="14:14">
      <c r="N964250" s="10"/>
    </row>
    <row r="964251" spans="14:14">
      <c r="N964251" s="10"/>
    </row>
    <row r="964252" spans="14:14">
      <c r="N964252" s="10"/>
    </row>
    <row r="964253" spans="14:14">
      <c r="N964253" s="10"/>
    </row>
    <row r="964254" spans="14:14">
      <c r="N964254" s="10"/>
    </row>
    <row r="964255" spans="14:14">
      <c r="N964255" s="10"/>
    </row>
    <row r="964256" spans="14:14">
      <c r="N964256" s="10"/>
    </row>
    <row r="964257" spans="14:14">
      <c r="N964257" s="10"/>
    </row>
    <row r="964258" spans="14:14">
      <c r="N964258" s="10"/>
    </row>
    <row r="964259" spans="14:14">
      <c r="N964259" s="10"/>
    </row>
    <row r="964260" spans="14:14">
      <c r="N964260" s="10"/>
    </row>
    <row r="964261" spans="14:14">
      <c r="N964261" s="10"/>
    </row>
    <row r="964262" spans="14:14">
      <c r="N964262" s="10"/>
    </row>
    <row r="964263" spans="14:14">
      <c r="N964263" s="10"/>
    </row>
    <row r="964264" spans="14:14">
      <c r="N964264" s="10"/>
    </row>
    <row r="964265" spans="14:14">
      <c r="N964265" s="10"/>
    </row>
    <row r="964266" spans="14:14">
      <c r="N964266" s="10"/>
    </row>
    <row r="964267" spans="14:14">
      <c r="N964267" s="10"/>
    </row>
    <row r="964268" spans="14:14">
      <c r="N964268" s="10"/>
    </row>
    <row r="964269" spans="14:14">
      <c r="N964269" s="10"/>
    </row>
    <row r="964270" spans="14:14">
      <c r="N964270" s="10"/>
    </row>
    <row r="964271" spans="14:14">
      <c r="N964271" s="10"/>
    </row>
    <row r="964272" spans="14:14">
      <c r="N964272" s="10"/>
    </row>
    <row r="964273" spans="14:14">
      <c r="N964273" s="10"/>
    </row>
    <row r="964274" spans="14:14">
      <c r="N964274" s="10"/>
    </row>
    <row r="964275" spans="14:14">
      <c r="N964275" s="10"/>
    </row>
    <row r="964276" spans="14:14">
      <c r="N964276" s="10"/>
    </row>
    <row r="964277" spans="14:14">
      <c r="N964277" s="10"/>
    </row>
    <row r="964278" spans="14:14">
      <c r="N964278" s="10"/>
    </row>
    <row r="964279" spans="14:14">
      <c r="N964279" s="10"/>
    </row>
    <row r="964280" spans="14:14">
      <c r="N964280" s="10"/>
    </row>
    <row r="964281" spans="14:14">
      <c r="N964281" s="10"/>
    </row>
    <row r="964282" spans="14:14">
      <c r="N964282" s="10"/>
    </row>
    <row r="964283" spans="14:14">
      <c r="N964283" s="10"/>
    </row>
    <row r="964284" spans="14:14">
      <c r="N964284" s="10"/>
    </row>
    <row r="964285" spans="14:14">
      <c r="N964285" s="10"/>
    </row>
    <row r="964286" spans="14:14">
      <c r="N964286" s="10"/>
    </row>
    <row r="964287" spans="14:14">
      <c r="N964287" s="10"/>
    </row>
    <row r="964288" spans="14:14">
      <c r="N964288" s="10"/>
    </row>
    <row r="964289" spans="14:14">
      <c r="N964289" s="10"/>
    </row>
    <row r="964290" spans="14:14">
      <c r="N964290" s="10"/>
    </row>
    <row r="964291" spans="14:14">
      <c r="N964291" s="10"/>
    </row>
    <row r="964292" spans="14:14">
      <c r="N964292" s="10"/>
    </row>
    <row r="964293" spans="14:14">
      <c r="N964293" s="10"/>
    </row>
    <row r="964294" spans="14:14">
      <c r="N964294" s="10"/>
    </row>
    <row r="964295" spans="14:14">
      <c r="N964295" s="10"/>
    </row>
    <row r="964296" spans="14:14">
      <c r="N964296" s="10"/>
    </row>
    <row r="964297" spans="14:14">
      <c r="N964297" s="10"/>
    </row>
    <row r="964298" spans="14:14">
      <c r="N964298" s="10"/>
    </row>
    <row r="964299" spans="14:14">
      <c r="N964299" s="10"/>
    </row>
    <row r="964300" spans="14:14">
      <c r="N964300" s="10"/>
    </row>
    <row r="964301" spans="14:14">
      <c r="N964301" s="10"/>
    </row>
    <row r="964302" spans="14:14">
      <c r="N964302" s="10"/>
    </row>
    <row r="964303" spans="14:14">
      <c r="N964303" s="10"/>
    </row>
    <row r="964304" spans="14:14">
      <c r="N964304" s="10"/>
    </row>
    <row r="964305" spans="14:14">
      <c r="N964305" s="10"/>
    </row>
    <row r="964306" spans="14:14">
      <c r="N964306" s="10"/>
    </row>
    <row r="964307" spans="14:14">
      <c r="N964307" s="10"/>
    </row>
    <row r="964308" spans="14:14">
      <c r="N964308" s="10"/>
    </row>
    <row r="964309" spans="14:14">
      <c r="N964309" s="10"/>
    </row>
    <row r="964310" spans="14:14">
      <c r="N964310" s="10"/>
    </row>
    <row r="964311" spans="14:14">
      <c r="N964311" s="10"/>
    </row>
    <row r="964312" spans="14:14">
      <c r="N964312" s="10"/>
    </row>
    <row r="964313" spans="14:14">
      <c r="N964313" s="10"/>
    </row>
    <row r="964314" spans="14:14">
      <c r="N964314" s="10"/>
    </row>
    <row r="964315" spans="14:14">
      <c r="N964315" s="10"/>
    </row>
    <row r="964316" spans="14:14">
      <c r="N964316" s="10"/>
    </row>
    <row r="964317" spans="14:14">
      <c r="N964317" s="10"/>
    </row>
    <row r="964318" spans="14:14">
      <c r="N964318" s="10"/>
    </row>
    <row r="964319" spans="14:14">
      <c r="N964319" s="10"/>
    </row>
    <row r="964320" spans="14:14">
      <c r="N964320" s="10"/>
    </row>
    <row r="964321" spans="14:14">
      <c r="N964321" s="10"/>
    </row>
    <row r="964322" spans="14:14">
      <c r="N964322" s="10"/>
    </row>
    <row r="964323" spans="14:14">
      <c r="N964323" s="10"/>
    </row>
    <row r="964324" spans="14:14">
      <c r="N964324" s="10"/>
    </row>
    <row r="964325" spans="14:14">
      <c r="N964325" s="10"/>
    </row>
    <row r="964326" spans="14:14">
      <c r="N964326" s="10"/>
    </row>
    <row r="964327" spans="14:14">
      <c r="N964327" s="10"/>
    </row>
    <row r="964328" spans="14:14">
      <c r="N964328" s="10"/>
    </row>
    <row r="964329" spans="14:14">
      <c r="N964329" s="10"/>
    </row>
    <row r="964330" spans="14:14">
      <c r="N964330" s="10"/>
    </row>
    <row r="964331" spans="14:14">
      <c r="N964331" s="10"/>
    </row>
    <row r="964332" spans="14:14">
      <c r="N964332" s="10"/>
    </row>
    <row r="964333" spans="14:14">
      <c r="N964333" s="10"/>
    </row>
    <row r="964334" spans="14:14">
      <c r="N964334" s="10"/>
    </row>
    <row r="964335" spans="14:14">
      <c r="N964335" s="10"/>
    </row>
    <row r="964336" spans="14:14">
      <c r="N964336" s="10"/>
    </row>
    <row r="964337" spans="14:14">
      <c r="N964337" s="10"/>
    </row>
    <row r="964338" spans="14:14">
      <c r="N964338" s="10"/>
    </row>
    <row r="964339" spans="14:14">
      <c r="N964339" s="10"/>
    </row>
    <row r="964340" spans="14:14">
      <c r="N964340" s="10"/>
    </row>
    <row r="964341" spans="14:14">
      <c r="N964341" s="10"/>
    </row>
    <row r="964342" spans="14:14">
      <c r="N964342" s="10"/>
    </row>
    <row r="964343" spans="14:14">
      <c r="N964343" s="10"/>
    </row>
    <row r="964344" spans="14:14">
      <c r="N964344" s="10"/>
    </row>
    <row r="964345" spans="14:14">
      <c r="N964345" s="10"/>
    </row>
    <row r="964346" spans="14:14">
      <c r="N964346" s="10"/>
    </row>
    <row r="964347" spans="14:14">
      <c r="N964347" s="10"/>
    </row>
    <row r="964348" spans="14:14">
      <c r="N964348" s="10"/>
    </row>
    <row r="964349" spans="14:14">
      <c r="N964349" s="10"/>
    </row>
    <row r="964350" spans="14:14">
      <c r="N964350" s="10"/>
    </row>
    <row r="964351" spans="14:14">
      <c r="N964351" s="10"/>
    </row>
    <row r="964352" spans="14:14">
      <c r="N964352" s="10"/>
    </row>
    <row r="964353" spans="14:14">
      <c r="N964353" s="10"/>
    </row>
    <row r="964354" spans="14:14">
      <c r="N964354" s="10"/>
    </row>
    <row r="964355" spans="14:14">
      <c r="N964355" s="10"/>
    </row>
    <row r="964356" spans="14:14">
      <c r="N964356" s="10"/>
    </row>
    <row r="964357" spans="14:14">
      <c r="N964357" s="10"/>
    </row>
    <row r="964358" spans="14:14">
      <c r="N964358" s="10"/>
    </row>
    <row r="964359" spans="14:14">
      <c r="N964359" s="10"/>
    </row>
    <row r="964360" spans="14:14">
      <c r="N964360" s="10"/>
    </row>
    <row r="964361" spans="14:14">
      <c r="N964361" s="10"/>
    </row>
    <row r="964362" spans="14:14">
      <c r="N964362" s="10"/>
    </row>
    <row r="964363" spans="14:14">
      <c r="N964363" s="10"/>
    </row>
    <row r="964364" spans="14:14">
      <c r="N964364" s="10"/>
    </row>
    <row r="964365" spans="14:14">
      <c r="N964365" s="10"/>
    </row>
    <row r="964366" spans="14:14">
      <c r="N964366" s="10"/>
    </row>
    <row r="964367" spans="14:14">
      <c r="N964367" s="10"/>
    </row>
    <row r="964368" spans="14:14">
      <c r="N964368" s="10"/>
    </row>
    <row r="964369" spans="14:14">
      <c r="N964369" s="10"/>
    </row>
    <row r="964370" spans="14:14">
      <c r="N964370" s="10"/>
    </row>
    <row r="964371" spans="14:14">
      <c r="N964371" s="10"/>
    </row>
    <row r="964372" spans="14:14">
      <c r="N964372" s="10"/>
    </row>
    <row r="964373" spans="14:14">
      <c r="N964373" s="10"/>
    </row>
    <row r="964374" spans="14:14">
      <c r="N964374" s="10"/>
    </row>
    <row r="964375" spans="14:14">
      <c r="N964375" s="10"/>
    </row>
    <row r="964376" spans="14:14">
      <c r="N964376" s="10"/>
    </row>
    <row r="964377" spans="14:14">
      <c r="N964377" s="10"/>
    </row>
    <row r="964378" spans="14:14">
      <c r="N964378" s="10"/>
    </row>
    <row r="964379" spans="14:14">
      <c r="N964379" s="10"/>
    </row>
    <row r="964380" spans="14:14">
      <c r="N964380" s="10"/>
    </row>
    <row r="964381" spans="14:14">
      <c r="N964381" s="10"/>
    </row>
    <row r="964382" spans="14:14">
      <c r="N964382" s="10"/>
    </row>
    <row r="964383" spans="14:14">
      <c r="N964383" s="10"/>
    </row>
    <row r="964384" spans="14:14">
      <c r="N964384" s="10"/>
    </row>
    <row r="964385" spans="14:14">
      <c r="N964385" s="10"/>
    </row>
    <row r="964386" spans="14:14">
      <c r="N964386" s="10"/>
    </row>
    <row r="964387" spans="14:14">
      <c r="N964387" s="10"/>
    </row>
    <row r="964388" spans="14:14">
      <c r="N964388" s="10"/>
    </row>
    <row r="964389" spans="14:14">
      <c r="N964389" s="10"/>
    </row>
    <row r="964390" spans="14:14">
      <c r="N964390" s="10"/>
    </row>
    <row r="964391" spans="14:14">
      <c r="N964391" s="10"/>
    </row>
    <row r="964392" spans="14:14">
      <c r="N964392" s="10"/>
    </row>
    <row r="964393" spans="14:14">
      <c r="N964393" s="10"/>
    </row>
    <row r="964394" spans="14:14">
      <c r="N964394" s="10"/>
    </row>
    <row r="964395" spans="14:14">
      <c r="N964395" s="10"/>
    </row>
    <row r="964396" spans="14:14">
      <c r="N964396" s="10"/>
    </row>
    <row r="964397" spans="14:14">
      <c r="N964397" s="10"/>
    </row>
    <row r="964398" spans="14:14">
      <c r="N964398" s="10"/>
    </row>
    <row r="964399" spans="14:14">
      <c r="N964399" s="10"/>
    </row>
    <row r="964400" spans="14:14">
      <c r="N964400" s="10"/>
    </row>
    <row r="964401" spans="14:14">
      <c r="N964401" s="10"/>
    </row>
    <row r="964402" spans="14:14">
      <c r="N964402" s="10"/>
    </row>
    <row r="964403" spans="14:14">
      <c r="N964403" s="10"/>
    </row>
    <row r="964404" spans="14:14">
      <c r="N964404" s="10"/>
    </row>
    <row r="964405" spans="14:14">
      <c r="N964405" s="10"/>
    </row>
    <row r="964406" spans="14:14">
      <c r="N964406" s="10"/>
    </row>
    <row r="964407" spans="14:14">
      <c r="N964407" s="10"/>
    </row>
    <row r="964408" spans="14:14">
      <c r="N964408" s="10"/>
    </row>
    <row r="964409" spans="14:14">
      <c r="N964409" s="10"/>
    </row>
    <row r="964410" spans="14:14">
      <c r="N964410" s="10"/>
    </row>
    <row r="964411" spans="14:14">
      <c r="N964411" s="10"/>
    </row>
    <row r="964412" spans="14:14">
      <c r="N964412" s="10"/>
    </row>
    <row r="964413" spans="14:14">
      <c r="N964413" s="10"/>
    </row>
    <row r="964414" spans="14:14">
      <c r="N964414" s="10"/>
    </row>
    <row r="964415" spans="14:14">
      <c r="N964415" s="10"/>
    </row>
    <row r="964416" spans="14:14">
      <c r="N964416" s="10"/>
    </row>
    <row r="964417" spans="14:14">
      <c r="N964417" s="10"/>
    </row>
    <row r="964418" spans="14:14">
      <c r="N964418" s="10"/>
    </row>
    <row r="964419" spans="14:14">
      <c r="N964419" s="10"/>
    </row>
    <row r="964420" spans="14:14">
      <c r="N964420" s="10"/>
    </row>
    <row r="964421" spans="14:14">
      <c r="N964421" s="10"/>
    </row>
    <row r="964422" spans="14:14">
      <c r="N964422" s="10"/>
    </row>
    <row r="964423" spans="14:14">
      <c r="N964423" s="10"/>
    </row>
    <row r="964424" spans="14:14">
      <c r="N964424" s="10"/>
    </row>
    <row r="964425" spans="14:14">
      <c r="N964425" s="10"/>
    </row>
    <row r="964426" spans="14:14">
      <c r="N964426" s="10"/>
    </row>
    <row r="964427" spans="14:14">
      <c r="N964427" s="10"/>
    </row>
    <row r="964428" spans="14:14">
      <c r="N964428" s="10"/>
    </row>
    <row r="964429" spans="14:14">
      <c r="N964429" s="10"/>
    </row>
    <row r="964430" spans="14:14">
      <c r="N964430" s="10"/>
    </row>
    <row r="964431" spans="14:14">
      <c r="N964431" s="10"/>
    </row>
    <row r="964432" spans="14:14">
      <c r="N964432" s="10"/>
    </row>
    <row r="964433" spans="14:14">
      <c r="N964433" s="10"/>
    </row>
    <row r="964434" spans="14:14">
      <c r="N964434" s="10"/>
    </row>
    <row r="964435" spans="14:14">
      <c r="N964435" s="10"/>
    </row>
    <row r="964436" spans="14:14">
      <c r="N964436" s="10"/>
    </row>
    <row r="964437" spans="14:14">
      <c r="N964437" s="10"/>
    </row>
    <row r="964438" spans="14:14">
      <c r="N964438" s="10"/>
    </row>
    <row r="964439" spans="14:14">
      <c r="N964439" s="10"/>
    </row>
    <row r="964440" spans="14:14">
      <c r="N964440" s="10"/>
    </row>
    <row r="964441" spans="14:14">
      <c r="N964441" s="10"/>
    </row>
    <row r="964442" spans="14:14">
      <c r="N964442" s="10"/>
    </row>
    <row r="964443" spans="14:14">
      <c r="N964443" s="10"/>
    </row>
    <row r="964444" spans="14:14">
      <c r="N964444" s="10"/>
    </row>
    <row r="964445" spans="14:14">
      <c r="N964445" s="10"/>
    </row>
    <row r="964446" spans="14:14">
      <c r="N964446" s="10"/>
    </row>
    <row r="964447" spans="14:14">
      <c r="N964447" s="10"/>
    </row>
    <row r="964448" spans="14:14">
      <c r="N964448" s="10"/>
    </row>
    <row r="964449" spans="14:14">
      <c r="N964449" s="10"/>
    </row>
    <row r="964450" spans="14:14">
      <c r="N964450" s="10"/>
    </row>
    <row r="964451" spans="14:14">
      <c r="N964451" s="10"/>
    </row>
    <row r="964452" spans="14:14">
      <c r="N964452" s="10"/>
    </row>
    <row r="964453" spans="14:14">
      <c r="N964453" s="10"/>
    </row>
    <row r="964454" spans="14:14">
      <c r="N964454" s="10"/>
    </row>
    <row r="964455" spans="14:14">
      <c r="N964455" s="10"/>
    </row>
    <row r="964456" spans="14:14">
      <c r="N964456" s="10"/>
    </row>
    <row r="964457" spans="14:14">
      <c r="N964457" s="10"/>
    </row>
    <row r="964458" spans="14:14">
      <c r="N964458" s="10"/>
    </row>
    <row r="964459" spans="14:14">
      <c r="N964459" s="10"/>
    </row>
    <row r="964460" spans="14:14">
      <c r="N964460" s="10"/>
    </row>
    <row r="964461" spans="14:14">
      <c r="N964461" s="10"/>
    </row>
    <row r="964462" spans="14:14">
      <c r="N964462" s="10"/>
    </row>
    <row r="964463" spans="14:14">
      <c r="N964463" s="10"/>
    </row>
    <row r="964464" spans="14:14">
      <c r="N964464" s="10"/>
    </row>
    <row r="964465" spans="14:14">
      <c r="N964465" s="10"/>
    </row>
    <row r="964466" spans="14:14">
      <c r="N964466" s="10"/>
    </row>
    <row r="964467" spans="14:14">
      <c r="N964467" s="10"/>
    </row>
    <row r="964468" spans="14:14">
      <c r="N964468" s="10"/>
    </row>
    <row r="964469" spans="14:14">
      <c r="N964469" s="10"/>
    </row>
    <row r="964470" spans="14:14">
      <c r="N964470" s="10"/>
    </row>
    <row r="964471" spans="14:14">
      <c r="N964471" s="10"/>
    </row>
    <row r="964472" spans="14:14">
      <c r="N964472" s="10"/>
    </row>
    <row r="964473" spans="14:14">
      <c r="N964473" s="10"/>
    </row>
    <row r="964474" spans="14:14">
      <c r="N964474" s="10"/>
    </row>
    <row r="964475" spans="14:14">
      <c r="N964475" s="10"/>
    </row>
    <row r="964476" spans="14:14">
      <c r="N964476" s="10"/>
    </row>
    <row r="964477" spans="14:14">
      <c r="N964477" s="10"/>
    </row>
    <row r="964478" spans="14:14">
      <c r="N964478" s="10"/>
    </row>
    <row r="964479" spans="14:14">
      <c r="N964479" s="10"/>
    </row>
    <row r="964480" spans="14:14">
      <c r="N964480" s="10"/>
    </row>
    <row r="964481" spans="14:14">
      <c r="N964481" s="10"/>
    </row>
    <row r="964482" spans="14:14">
      <c r="N964482" s="10"/>
    </row>
    <row r="964483" spans="14:14">
      <c r="N964483" s="10"/>
    </row>
    <row r="964484" spans="14:14">
      <c r="N964484" s="10"/>
    </row>
    <row r="964485" spans="14:14">
      <c r="N964485" s="10"/>
    </row>
    <row r="964486" spans="14:14">
      <c r="N964486" s="10"/>
    </row>
    <row r="964487" spans="14:14">
      <c r="N964487" s="10"/>
    </row>
    <row r="964488" spans="14:14">
      <c r="N964488" s="10"/>
    </row>
    <row r="964489" spans="14:14">
      <c r="N964489" s="10"/>
    </row>
    <row r="964490" spans="14:14">
      <c r="N964490" s="10"/>
    </row>
    <row r="964491" spans="14:14">
      <c r="N964491" s="10"/>
    </row>
    <row r="964492" spans="14:14">
      <c r="N964492" s="10"/>
    </row>
    <row r="964493" spans="14:14">
      <c r="N964493" s="10"/>
    </row>
    <row r="964494" spans="14:14">
      <c r="N964494" s="10"/>
    </row>
    <row r="964495" spans="14:14">
      <c r="N964495" s="10"/>
    </row>
    <row r="964496" spans="14:14">
      <c r="N964496" s="10"/>
    </row>
    <row r="964497" spans="14:14">
      <c r="N964497" s="10"/>
    </row>
    <row r="964498" spans="14:14">
      <c r="N964498" s="10"/>
    </row>
    <row r="964499" spans="14:14">
      <c r="N964499" s="10"/>
    </row>
    <row r="964500" spans="14:14">
      <c r="N964500" s="10"/>
    </row>
    <row r="964501" spans="14:14">
      <c r="N964501" s="10"/>
    </row>
    <row r="964502" spans="14:14">
      <c r="N964502" s="10"/>
    </row>
    <row r="964503" spans="14:14">
      <c r="N964503" s="10"/>
    </row>
    <row r="964504" spans="14:14">
      <c r="N964504" s="10"/>
    </row>
    <row r="964505" spans="14:14">
      <c r="N964505" s="10"/>
    </row>
    <row r="964506" spans="14:14">
      <c r="N964506" s="10"/>
    </row>
    <row r="964507" spans="14:14">
      <c r="N964507" s="10"/>
    </row>
    <row r="964508" spans="14:14">
      <c r="N964508" s="10"/>
    </row>
    <row r="964509" spans="14:14">
      <c r="N964509" s="10"/>
    </row>
    <row r="964510" spans="14:14">
      <c r="N964510" s="10"/>
    </row>
    <row r="964511" spans="14:14">
      <c r="N964511" s="10"/>
    </row>
    <row r="964512" spans="14:14">
      <c r="N964512" s="10"/>
    </row>
    <row r="964513" spans="14:14">
      <c r="N964513" s="10"/>
    </row>
    <row r="964514" spans="14:14">
      <c r="N964514" s="10"/>
    </row>
    <row r="964515" spans="14:14">
      <c r="N964515" s="10"/>
    </row>
    <row r="964516" spans="14:14">
      <c r="N964516" s="10"/>
    </row>
    <row r="964517" spans="14:14">
      <c r="N964517" s="10"/>
    </row>
    <row r="964518" spans="14:14">
      <c r="N964518" s="10"/>
    </row>
    <row r="964519" spans="14:14">
      <c r="N964519" s="10"/>
    </row>
    <row r="964520" spans="14:14">
      <c r="N964520" s="10"/>
    </row>
    <row r="964521" spans="14:14">
      <c r="N964521" s="10"/>
    </row>
    <row r="964522" spans="14:14">
      <c r="N964522" s="10"/>
    </row>
    <row r="964523" spans="14:14">
      <c r="N964523" s="10"/>
    </row>
    <row r="964524" spans="14:14">
      <c r="N964524" s="10"/>
    </row>
    <row r="964525" spans="14:14">
      <c r="N964525" s="10"/>
    </row>
    <row r="964526" spans="14:14">
      <c r="N964526" s="10"/>
    </row>
    <row r="964527" spans="14:14">
      <c r="N964527" s="10"/>
    </row>
    <row r="964528" spans="14:14">
      <c r="N964528" s="10"/>
    </row>
    <row r="964529" spans="14:14">
      <c r="N964529" s="10"/>
    </row>
    <row r="964530" spans="14:14">
      <c r="N964530" s="10"/>
    </row>
    <row r="964531" spans="14:14">
      <c r="N964531" s="10"/>
    </row>
    <row r="964532" spans="14:14">
      <c r="N964532" s="10"/>
    </row>
    <row r="964533" spans="14:14">
      <c r="N964533" s="10"/>
    </row>
    <row r="964534" spans="14:14">
      <c r="N964534" s="10"/>
    </row>
    <row r="964535" spans="14:14">
      <c r="N964535" s="10"/>
    </row>
    <row r="964536" spans="14:14">
      <c r="N964536" s="10"/>
    </row>
    <row r="964537" spans="14:14">
      <c r="N964537" s="10"/>
    </row>
    <row r="964538" spans="14:14">
      <c r="N964538" s="10"/>
    </row>
    <row r="964539" spans="14:14">
      <c r="N964539" s="10"/>
    </row>
    <row r="964540" spans="14:14">
      <c r="N964540" s="10"/>
    </row>
    <row r="964541" spans="14:14">
      <c r="N964541" s="10"/>
    </row>
    <row r="964542" spans="14:14">
      <c r="N964542" s="10"/>
    </row>
    <row r="964543" spans="14:14">
      <c r="N964543" s="10"/>
    </row>
    <row r="964544" spans="14:14">
      <c r="N964544" s="10"/>
    </row>
    <row r="964545" spans="14:14">
      <c r="N964545" s="10"/>
    </row>
    <row r="964546" spans="14:14">
      <c r="N964546" s="10"/>
    </row>
    <row r="964547" spans="14:14">
      <c r="N964547" s="10"/>
    </row>
    <row r="964548" spans="14:14">
      <c r="N964548" s="10"/>
    </row>
    <row r="964549" spans="14:14">
      <c r="N964549" s="10"/>
    </row>
    <row r="964550" spans="14:14">
      <c r="N964550" s="10"/>
    </row>
    <row r="964551" spans="14:14">
      <c r="N964551" s="10"/>
    </row>
    <row r="964552" spans="14:14">
      <c r="N964552" s="10"/>
    </row>
    <row r="964553" spans="14:14">
      <c r="N964553" s="10"/>
    </row>
    <row r="964554" spans="14:14">
      <c r="N964554" s="10"/>
    </row>
    <row r="964555" spans="14:14">
      <c r="N964555" s="10"/>
    </row>
    <row r="964556" spans="14:14">
      <c r="N964556" s="10"/>
    </row>
    <row r="964557" spans="14:14">
      <c r="N964557" s="10"/>
    </row>
    <row r="964558" spans="14:14">
      <c r="N964558" s="10"/>
    </row>
    <row r="964559" spans="14:14">
      <c r="N964559" s="10"/>
    </row>
    <row r="964560" spans="14:14">
      <c r="N964560" s="10"/>
    </row>
    <row r="964561" spans="14:14">
      <c r="N964561" s="10"/>
    </row>
    <row r="964562" spans="14:14">
      <c r="N964562" s="10"/>
    </row>
    <row r="964563" spans="14:14">
      <c r="N964563" s="10"/>
    </row>
    <row r="964564" spans="14:14">
      <c r="N964564" s="10"/>
    </row>
    <row r="964565" spans="14:14">
      <c r="N964565" s="10"/>
    </row>
    <row r="964566" spans="14:14">
      <c r="N964566" s="10"/>
    </row>
    <row r="964567" spans="14:14">
      <c r="N964567" s="10"/>
    </row>
    <row r="964568" spans="14:14">
      <c r="N964568" s="10"/>
    </row>
    <row r="964569" spans="14:14">
      <c r="N964569" s="10"/>
    </row>
    <row r="964570" spans="14:14">
      <c r="N964570" s="10"/>
    </row>
    <row r="964571" spans="14:14">
      <c r="N964571" s="10"/>
    </row>
    <row r="964572" spans="14:14">
      <c r="N964572" s="10"/>
    </row>
    <row r="964573" spans="14:14">
      <c r="N964573" s="10"/>
    </row>
    <row r="964574" spans="14:14">
      <c r="N964574" s="10"/>
    </row>
    <row r="964575" spans="14:14">
      <c r="N964575" s="10"/>
    </row>
    <row r="964576" spans="14:14">
      <c r="N964576" s="10"/>
    </row>
    <row r="964577" spans="14:14">
      <c r="N964577" s="10"/>
    </row>
    <row r="964578" spans="14:14">
      <c r="N964578" s="10"/>
    </row>
    <row r="964579" spans="14:14">
      <c r="N964579" s="10"/>
    </row>
    <row r="964580" spans="14:14">
      <c r="N964580" s="10"/>
    </row>
    <row r="964581" spans="14:14">
      <c r="N964581" s="10"/>
    </row>
    <row r="964582" spans="14:14">
      <c r="N964582" s="10"/>
    </row>
    <row r="964583" spans="14:14">
      <c r="N964583" s="10"/>
    </row>
    <row r="964584" spans="14:14">
      <c r="N964584" s="10"/>
    </row>
    <row r="964585" spans="14:14">
      <c r="N964585" s="10"/>
    </row>
    <row r="964586" spans="14:14">
      <c r="N964586" s="10"/>
    </row>
    <row r="964587" spans="14:14">
      <c r="N964587" s="10"/>
    </row>
    <row r="964588" spans="14:14">
      <c r="N964588" s="10"/>
    </row>
    <row r="964589" spans="14:14">
      <c r="N964589" s="10"/>
    </row>
    <row r="964590" spans="14:14">
      <c r="N964590" s="10"/>
    </row>
    <row r="964591" spans="14:14">
      <c r="N964591" s="10"/>
    </row>
    <row r="964592" spans="14:14">
      <c r="N964592" s="10"/>
    </row>
    <row r="964593" spans="14:14">
      <c r="N964593" s="10"/>
    </row>
    <row r="964594" spans="14:14">
      <c r="N964594" s="10"/>
    </row>
    <row r="964595" spans="14:14">
      <c r="N964595" s="10"/>
    </row>
    <row r="964596" spans="14:14">
      <c r="N964596" s="10"/>
    </row>
    <row r="964597" spans="14:14">
      <c r="N964597" s="10"/>
    </row>
    <row r="964598" spans="14:14">
      <c r="N964598" s="10"/>
    </row>
    <row r="964599" spans="14:14">
      <c r="N964599" s="10"/>
    </row>
    <row r="964600" spans="14:14">
      <c r="N964600" s="10"/>
    </row>
    <row r="964601" spans="14:14">
      <c r="N964601" s="10"/>
    </row>
    <row r="964602" spans="14:14">
      <c r="N964602" s="10"/>
    </row>
    <row r="964603" spans="14:14">
      <c r="N964603" s="10"/>
    </row>
    <row r="964604" spans="14:14">
      <c r="N964604" s="10"/>
    </row>
    <row r="964605" spans="14:14">
      <c r="N964605" s="10"/>
    </row>
    <row r="964606" spans="14:14">
      <c r="N964606" s="10"/>
    </row>
    <row r="964607" spans="14:14">
      <c r="N964607" s="10"/>
    </row>
    <row r="964608" spans="14:14">
      <c r="N964608" s="10"/>
    </row>
    <row r="964609" spans="14:14">
      <c r="N964609" s="10"/>
    </row>
    <row r="964610" spans="14:14">
      <c r="N964610" s="10"/>
    </row>
    <row r="964611" spans="14:14">
      <c r="N964611" s="10"/>
    </row>
    <row r="964612" spans="14:14">
      <c r="N964612" s="10"/>
    </row>
    <row r="964613" spans="14:14">
      <c r="N964613" s="10"/>
    </row>
    <row r="964614" spans="14:14">
      <c r="N964614" s="10"/>
    </row>
    <row r="964615" spans="14:14">
      <c r="N964615" s="10"/>
    </row>
    <row r="964616" spans="14:14">
      <c r="N964616" s="10"/>
    </row>
    <row r="964617" spans="14:14">
      <c r="N964617" s="10"/>
    </row>
    <row r="964618" spans="14:14">
      <c r="N964618" s="10"/>
    </row>
    <row r="964619" spans="14:14">
      <c r="N964619" s="10"/>
    </row>
    <row r="964620" spans="14:14">
      <c r="N964620" s="10"/>
    </row>
    <row r="964621" spans="14:14">
      <c r="N964621" s="10"/>
    </row>
    <row r="964622" spans="14:14">
      <c r="N964622" s="10"/>
    </row>
    <row r="964623" spans="14:14">
      <c r="N964623" s="10"/>
    </row>
    <row r="964624" spans="14:14">
      <c r="N964624" s="10"/>
    </row>
    <row r="964625" spans="14:14">
      <c r="N964625" s="10"/>
    </row>
    <row r="964626" spans="14:14">
      <c r="N964626" s="10"/>
    </row>
    <row r="964627" spans="14:14">
      <c r="N964627" s="10"/>
    </row>
    <row r="964628" spans="14:14">
      <c r="N964628" s="10"/>
    </row>
    <row r="964629" spans="14:14">
      <c r="N964629" s="10"/>
    </row>
    <row r="964630" spans="14:14">
      <c r="N964630" s="10"/>
    </row>
    <row r="964631" spans="14:14">
      <c r="N964631" s="10"/>
    </row>
    <row r="964632" spans="14:14">
      <c r="N964632" s="10"/>
    </row>
    <row r="964633" spans="14:14">
      <c r="N964633" s="10"/>
    </row>
    <row r="964634" spans="14:14">
      <c r="N964634" s="10"/>
    </row>
    <row r="964635" spans="14:14">
      <c r="N964635" s="10"/>
    </row>
    <row r="964636" spans="14:14">
      <c r="N964636" s="10"/>
    </row>
    <row r="964637" spans="14:14">
      <c r="N964637" s="10"/>
    </row>
    <row r="964638" spans="14:14">
      <c r="N964638" s="10"/>
    </row>
    <row r="964639" spans="14:14">
      <c r="N964639" s="10"/>
    </row>
    <row r="964640" spans="14:14">
      <c r="N964640" s="10"/>
    </row>
    <row r="964641" spans="14:14">
      <c r="N964641" s="10"/>
    </row>
    <row r="964642" spans="14:14">
      <c r="N964642" s="10"/>
    </row>
    <row r="964643" spans="14:14">
      <c r="N964643" s="10"/>
    </row>
    <row r="964644" spans="14:14">
      <c r="N964644" s="10"/>
    </row>
    <row r="964645" spans="14:14">
      <c r="N964645" s="10"/>
    </row>
    <row r="964646" spans="14:14">
      <c r="N964646" s="10"/>
    </row>
    <row r="964647" spans="14:14">
      <c r="N964647" s="10"/>
    </row>
    <row r="964648" spans="14:14">
      <c r="N964648" s="10"/>
    </row>
    <row r="964649" spans="14:14">
      <c r="N964649" s="10"/>
    </row>
    <row r="964650" spans="14:14">
      <c r="N964650" s="10"/>
    </row>
    <row r="964651" spans="14:14">
      <c r="N964651" s="10"/>
    </row>
    <row r="964652" spans="14:14">
      <c r="N964652" s="10"/>
    </row>
    <row r="964653" spans="14:14">
      <c r="N964653" s="10"/>
    </row>
    <row r="964654" spans="14:14">
      <c r="N964654" s="10"/>
    </row>
    <row r="964655" spans="14:14">
      <c r="N964655" s="10"/>
    </row>
    <row r="964656" spans="14:14">
      <c r="N964656" s="10"/>
    </row>
    <row r="964657" spans="14:14">
      <c r="N964657" s="10"/>
    </row>
    <row r="964658" spans="14:14">
      <c r="N964658" s="10"/>
    </row>
    <row r="964659" spans="14:14">
      <c r="N964659" s="10"/>
    </row>
    <row r="964660" spans="14:14">
      <c r="N964660" s="10"/>
    </row>
    <row r="964661" spans="14:14">
      <c r="N964661" s="10"/>
    </row>
    <row r="964662" spans="14:14">
      <c r="N964662" s="10"/>
    </row>
    <row r="964663" spans="14:14">
      <c r="N964663" s="10"/>
    </row>
    <row r="964664" spans="14:14">
      <c r="N964664" s="10"/>
    </row>
    <row r="964665" spans="14:14">
      <c r="N964665" s="10"/>
    </row>
    <row r="964666" spans="14:14">
      <c r="N964666" s="10"/>
    </row>
    <row r="964667" spans="14:14">
      <c r="N964667" s="10"/>
    </row>
    <row r="964668" spans="14:14">
      <c r="N964668" s="10"/>
    </row>
    <row r="964669" spans="14:14">
      <c r="N964669" s="10"/>
    </row>
    <row r="964670" spans="14:14">
      <c r="N964670" s="10"/>
    </row>
    <row r="964671" spans="14:14">
      <c r="N964671" s="10"/>
    </row>
    <row r="964672" spans="14:14">
      <c r="N964672" s="10"/>
    </row>
    <row r="964673" spans="14:14">
      <c r="N964673" s="10"/>
    </row>
    <row r="964674" spans="14:14">
      <c r="N964674" s="10"/>
    </row>
    <row r="964675" spans="14:14">
      <c r="N964675" s="10"/>
    </row>
    <row r="964676" spans="14:14">
      <c r="N964676" s="10"/>
    </row>
    <row r="964677" spans="14:14">
      <c r="N964677" s="10"/>
    </row>
    <row r="964678" spans="14:14">
      <c r="N964678" s="10"/>
    </row>
    <row r="964679" spans="14:14">
      <c r="N964679" s="10"/>
    </row>
    <row r="964680" spans="14:14">
      <c r="N964680" s="10"/>
    </row>
    <row r="964681" spans="14:14">
      <c r="N964681" s="10"/>
    </row>
    <row r="964682" spans="14:14">
      <c r="N964682" s="10"/>
    </row>
    <row r="964683" spans="14:14">
      <c r="N964683" s="10"/>
    </row>
    <row r="964684" spans="14:14">
      <c r="N964684" s="10"/>
    </row>
    <row r="964685" spans="14:14">
      <c r="N964685" s="10"/>
    </row>
    <row r="964686" spans="14:14">
      <c r="N964686" s="10"/>
    </row>
    <row r="964687" spans="14:14">
      <c r="N964687" s="10"/>
    </row>
    <row r="964688" spans="14:14">
      <c r="N964688" s="10"/>
    </row>
    <row r="964689" spans="14:14">
      <c r="N964689" s="10"/>
    </row>
    <row r="964690" spans="14:14">
      <c r="N964690" s="10"/>
    </row>
    <row r="964691" spans="14:14">
      <c r="N964691" s="10"/>
    </row>
    <row r="964692" spans="14:14">
      <c r="N964692" s="10"/>
    </row>
    <row r="964693" spans="14:14">
      <c r="N964693" s="10"/>
    </row>
    <row r="964694" spans="14:14">
      <c r="N964694" s="10"/>
    </row>
    <row r="964695" spans="14:14">
      <c r="N964695" s="10"/>
    </row>
    <row r="964696" spans="14:14">
      <c r="N964696" s="10"/>
    </row>
    <row r="964697" spans="14:14">
      <c r="N964697" s="10"/>
    </row>
    <row r="964698" spans="14:14">
      <c r="N964698" s="10"/>
    </row>
    <row r="964699" spans="14:14">
      <c r="N964699" s="10"/>
    </row>
    <row r="964700" spans="14:14">
      <c r="N964700" s="10"/>
    </row>
    <row r="964701" spans="14:14">
      <c r="N964701" s="10"/>
    </row>
    <row r="964702" spans="14:14">
      <c r="N964702" s="10"/>
    </row>
    <row r="964703" spans="14:14">
      <c r="N964703" s="10"/>
    </row>
    <row r="964704" spans="14:14">
      <c r="N964704" s="10"/>
    </row>
    <row r="964705" spans="14:14">
      <c r="N964705" s="10"/>
    </row>
    <row r="964706" spans="14:14">
      <c r="N964706" s="10"/>
    </row>
    <row r="964707" spans="14:14">
      <c r="N964707" s="10"/>
    </row>
    <row r="964708" spans="14:14">
      <c r="N964708" s="10"/>
    </row>
    <row r="964709" spans="14:14">
      <c r="N964709" s="10"/>
    </row>
    <row r="964710" spans="14:14">
      <c r="N964710" s="10"/>
    </row>
    <row r="964711" spans="14:14">
      <c r="N964711" s="10"/>
    </row>
    <row r="964712" spans="14:14">
      <c r="N964712" s="10"/>
    </row>
    <row r="964713" spans="14:14">
      <c r="N964713" s="10"/>
    </row>
    <row r="964714" spans="14:14">
      <c r="N964714" s="10"/>
    </row>
    <row r="964715" spans="14:14">
      <c r="N964715" s="10"/>
    </row>
    <row r="964716" spans="14:14">
      <c r="N964716" s="10"/>
    </row>
    <row r="964717" spans="14:14">
      <c r="N964717" s="10"/>
    </row>
    <row r="964718" spans="14:14">
      <c r="N964718" s="10"/>
    </row>
    <row r="964719" spans="14:14">
      <c r="N964719" s="10"/>
    </row>
    <row r="964720" spans="14:14">
      <c r="N964720" s="10"/>
    </row>
    <row r="964721" spans="14:14">
      <c r="N964721" s="10"/>
    </row>
    <row r="964722" spans="14:14">
      <c r="N964722" s="10"/>
    </row>
    <row r="964723" spans="14:14">
      <c r="N964723" s="10"/>
    </row>
    <row r="964724" spans="14:14">
      <c r="N964724" s="10"/>
    </row>
    <row r="964725" spans="14:14">
      <c r="N964725" s="10"/>
    </row>
    <row r="964726" spans="14:14">
      <c r="N964726" s="10"/>
    </row>
    <row r="964727" spans="14:14">
      <c r="N964727" s="10"/>
    </row>
    <row r="964728" spans="14:14">
      <c r="N964728" s="10"/>
    </row>
    <row r="964729" spans="14:14">
      <c r="N964729" s="10"/>
    </row>
    <row r="964730" spans="14:14">
      <c r="N964730" s="10"/>
    </row>
    <row r="964731" spans="14:14">
      <c r="N964731" s="10"/>
    </row>
    <row r="964732" spans="14:14">
      <c r="N964732" s="10"/>
    </row>
    <row r="964733" spans="14:14">
      <c r="N964733" s="10"/>
    </row>
    <row r="964734" spans="14:14">
      <c r="N964734" s="10"/>
    </row>
    <row r="964735" spans="14:14">
      <c r="N964735" s="10"/>
    </row>
    <row r="964736" spans="14:14">
      <c r="N964736" s="10"/>
    </row>
    <row r="964737" spans="14:14">
      <c r="N964737" s="10"/>
    </row>
    <row r="964738" spans="14:14">
      <c r="N964738" s="10"/>
    </row>
    <row r="964739" spans="14:14">
      <c r="N964739" s="10"/>
    </row>
    <row r="964740" spans="14:14">
      <c r="N964740" s="10"/>
    </row>
    <row r="964741" spans="14:14">
      <c r="N964741" s="10"/>
    </row>
    <row r="964742" spans="14:14">
      <c r="N964742" s="10"/>
    </row>
    <row r="964743" spans="14:14">
      <c r="N964743" s="10"/>
    </row>
    <row r="964744" spans="14:14">
      <c r="N964744" s="10"/>
    </row>
    <row r="964745" spans="14:14">
      <c r="N964745" s="10"/>
    </row>
    <row r="964746" spans="14:14">
      <c r="N964746" s="10"/>
    </row>
    <row r="964747" spans="14:14">
      <c r="N964747" s="10"/>
    </row>
    <row r="964748" spans="14:14">
      <c r="N964748" s="10"/>
    </row>
    <row r="964749" spans="14:14">
      <c r="N964749" s="10"/>
    </row>
    <row r="964750" spans="14:14">
      <c r="N964750" s="10"/>
    </row>
    <row r="964751" spans="14:14">
      <c r="N964751" s="10"/>
    </row>
    <row r="964752" spans="14:14">
      <c r="N964752" s="10"/>
    </row>
    <row r="964753" spans="14:14">
      <c r="N964753" s="10"/>
    </row>
    <row r="964754" spans="14:14">
      <c r="N964754" s="10"/>
    </row>
    <row r="964755" spans="14:14">
      <c r="N964755" s="10"/>
    </row>
    <row r="964756" spans="14:14">
      <c r="N964756" s="10"/>
    </row>
    <row r="964757" spans="14:14">
      <c r="N964757" s="10"/>
    </row>
    <row r="964758" spans="14:14">
      <c r="N964758" s="10"/>
    </row>
    <row r="964759" spans="14:14">
      <c r="N964759" s="10"/>
    </row>
    <row r="964760" spans="14:14">
      <c r="N964760" s="10"/>
    </row>
    <row r="964761" spans="14:14">
      <c r="N964761" s="10"/>
    </row>
    <row r="964762" spans="14:14">
      <c r="N964762" s="10"/>
    </row>
    <row r="964763" spans="14:14">
      <c r="N964763" s="10"/>
    </row>
    <row r="964764" spans="14:14">
      <c r="N964764" s="10"/>
    </row>
    <row r="964765" spans="14:14">
      <c r="N964765" s="10"/>
    </row>
    <row r="964766" spans="14:14">
      <c r="N964766" s="10"/>
    </row>
    <row r="964767" spans="14:14">
      <c r="N964767" s="10"/>
    </row>
    <row r="964768" spans="14:14">
      <c r="N964768" s="10"/>
    </row>
    <row r="964769" spans="14:14">
      <c r="N964769" s="10"/>
    </row>
    <row r="964770" spans="14:14">
      <c r="N964770" s="10"/>
    </row>
    <row r="964771" spans="14:14">
      <c r="N964771" s="10"/>
    </row>
    <row r="964772" spans="14:14">
      <c r="N964772" s="10"/>
    </row>
    <row r="964773" spans="14:14">
      <c r="N964773" s="10"/>
    </row>
    <row r="964774" spans="14:14">
      <c r="N964774" s="10"/>
    </row>
    <row r="964775" spans="14:14">
      <c r="N964775" s="10"/>
    </row>
    <row r="964776" spans="14:14">
      <c r="N964776" s="10"/>
    </row>
    <row r="964777" spans="14:14">
      <c r="N964777" s="10"/>
    </row>
    <row r="964778" spans="14:14">
      <c r="N964778" s="10"/>
    </row>
    <row r="964779" spans="14:14">
      <c r="N964779" s="10"/>
    </row>
    <row r="964780" spans="14:14">
      <c r="N964780" s="10"/>
    </row>
    <row r="964781" spans="14:14">
      <c r="N964781" s="10"/>
    </row>
    <row r="964782" spans="14:14">
      <c r="N964782" s="10"/>
    </row>
    <row r="964783" spans="14:14">
      <c r="N964783" s="10"/>
    </row>
    <row r="964784" spans="14:14">
      <c r="N964784" s="10"/>
    </row>
    <row r="964785" spans="14:14">
      <c r="N964785" s="10"/>
    </row>
    <row r="964786" spans="14:14">
      <c r="N964786" s="10"/>
    </row>
    <row r="964787" spans="14:14">
      <c r="N964787" s="10"/>
    </row>
    <row r="964788" spans="14:14">
      <c r="N964788" s="10"/>
    </row>
    <row r="964789" spans="14:14">
      <c r="N964789" s="10"/>
    </row>
    <row r="964790" spans="14:14">
      <c r="N964790" s="10"/>
    </row>
    <row r="964791" spans="14:14">
      <c r="N964791" s="10"/>
    </row>
    <row r="964792" spans="14:14">
      <c r="N964792" s="10"/>
    </row>
    <row r="964793" spans="14:14">
      <c r="N964793" s="10"/>
    </row>
    <row r="964794" spans="14:14">
      <c r="N964794" s="10"/>
    </row>
    <row r="964795" spans="14:14">
      <c r="N964795" s="10"/>
    </row>
    <row r="964796" spans="14:14">
      <c r="N964796" s="10"/>
    </row>
    <row r="964797" spans="14:14">
      <c r="N964797" s="10"/>
    </row>
    <row r="964798" spans="14:14">
      <c r="N964798" s="10"/>
    </row>
    <row r="964799" spans="14:14">
      <c r="N964799" s="10"/>
    </row>
    <row r="964800" spans="14:14">
      <c r="N964800" s="10"/>
    </row>
    <row r="964801" spans="14:14">
      <c r="N964801" s="10"/>
    </row>
    <row r="964802" spans="14:14">
      <c r="N964802" s="10"/>
    </row>
    <row r="964803" spans="14:14">
      <c r="N964803" s="10"/>
    </row>
    <row r="964804" spans="14:14">
      <c r="N964804" s="10"/>
    </row>
    <row r="964805" spans="14:14">
      <c r="N964805" s="10"/>
    </row>
    <row r="964806" spans="14:14">
      <c r="N964806" s="10"/>
    </row>
    <row r="964807" spans="14:14">
      <c r="N964807" s="10"/>
    </row>
    <row r="964808" spans="14:14">
      <c r="N964808" s="10"/>
    </row>
    <row r="964809" spans="14:14">
      <c r="N964809" s="10"/>
    </row>
    <row r="964810" spans="14:14">
      <c r="N964810" s="10"/>
    </row>
    <row r="964811" spans="14:14">
      <c r="N964811" s="10"/>
    </row>
    <row r="964812" spans="14:14">
      <c r="N964812" s="10"/>
    </row>
    <row r="964813" spans="14:14">
      <c r="N964813" s="10"/>
    </row>
    <row r="964814" spans="14:14">
      <c r="N964814" s="10"/>
    </row>
    <row r="964815" spans="14:14">
      <c r="N964815" s="10"/>
    </row>
    <row r="964816" spans="14:14">
      <c r="N964816" s="10"/>
    </row>
    <row r="964817" spans="14:14">
      <c r="N964817" s="10"/>
    </row>
    <row r="964818" spans="14:14">
      <c r="N964818" s="10"/>
    </row>
    <row r="964819" spans="14:14">
      <c r="N964819" s="10"/>
    </row>
    <row r="964820" spans="14:14">
      <c r="N964820" s="10"/>
    </row>
    <row r="964821" spans="14:14">
      <c r="N964821" s="10"/>
    </row>
    <row r="964822" spans="14:14">
      <c r="N964822" s="10"/>
    </row>
    <row r="964823" spans="14:14">
      <c r="N964823" s="10"/>
    </row>
    <row r="964824" spans="14:14">
      <c r="N964824" s="10"/>
    </row>
    <row r="964825" spans="14:14">
      <c r="N964825" s="10"/>
    </row>
    <row r="964826" spans="14:14">
      <c r="N964826" s="10"/>
    </row>
    <row r="964827" spans="14:14">
      <c r="N964827" s="10"/>
    </row>
    <row r="964828" spans="14:14">
      <c r="N964828" s="10"/>
    </row>
    <row r="964829" spans="14:14">
      <c r="N964829" s="10"/>
    </row>
    <row r="964830" spans="14:14">
      <c r="N964830" s="10"/>
    </row>
    <row r="964831" spans="14:14">
      <c r="N964831" s="10"/>
    </row>
    <row r="964832" spans="14:14">
      <c r="N964832" s="10"/>
    </row>
    <row r="964833" spans="14:14">
      <c r="N964833" s="10"/>
    </row>
    <row r="964834" spans="14:14">
      <c r="N964834" s="10"/>
    </row>
    <row r="964835" spans="14:14">
      <c r="N964835" s="10"/>
    </row>
    <row r="964836" spans="14:14">
      <c r="N964836" s="10"/>
    </row>
    <row r="964837" spans="14:14">
      <c r="N964837" s="10"/>
    </row>
    <row r="964838" spans="14:14">
      <c r="N964838" s="10"/>
    </row>
    <row r="964839" spans="14:14">
      <c r="N964839" s="10"/>
    </row>
    <row r="964840" spans="14:14">
      <c r="N964840" s="10"/>
    </row>
    <row r="964841" spans="14:14">
      <c r="N964841" s="10"/>
    </row>
    <row r="964842" spans="14:14">
      <c r="N964842" s="10"/>
    </row>
    <row r="964843" spans="14:14">
      <c r="N964843" s="10"/>
    </row>
    <row r="964844" spans="14:14">
      <c r="N964844" s="10"/>
    </row>
    <row r="964845" spans="14:14">
      <c r="N964845" s="10"/>
    </row>
    <row r="964846" spans="14:14">
      <c r="N964846" s="10"/>
    </row>
    <row r="964847" spans="14:14">
      <c r="N964847" s="10"/>
    </row>
    <row r="964848" spans="14:14">
      <c r="N964848" s="10"/>
    </row>
    <row r="964849" spans="14:14">
      <c r="N964849" s="10"/>
    </row>
    <row r="964850" spans="14:14">
      <c r="N964850" s="10"/>
    </row>
    <row r="964851" spans="14:14">
      <c r="N964851" s="10"/>
    </row>
    <row r="964852" spans="14:14">
      <c r="N964852" s="10"/>
    </row>
    <row r="964853" spans="14:14">
      <c r="N964853" s="10"/>
    </row>
    <row r="964854" spans="14:14">
      <c r="N964854" s="10"/>
    </row>
    <row r="964855" spans="14:14">
      <c r="N964855" s="10"/>
    </row>
    <row r="964856" spans="14:14">
      <c r="N964856" s="10"/>
    </row>
    <row r="964857" spans="14:14">
      <c r="N964857" s="10"/>
    </row>
    <row r="964858" spans="14:14">
      <c r="N964858" s="10"/>
    </row>
    <row r="964859" spans="14:14">
      <c r="N964859" s="10"/>
    </row>
    <row r="964860" spans="14:14">
      <c r="N964860" s="10"/>
    </row>
    <row r="964861" spans="14:14">
      <c r="N964861" s="10"/>
    </row>
    <row r="964862" spans="14:14">
      <c r="N964862" s="10"/>
    </row>
    <row r="964863" spans="14:14">
      <c r="N964863" s="10"/>
    </row>
    <row r="964864" spans="14:14">
      <c r="N964864" s="10"/>
    </row>
    <row r="964865" spans="14:14">
      <c r="N964865" s="10"/>
    </row>
    <row r="964866" spans="14:14">
      <c r="N964866" s="10"/>
    </row>
    <row r="964867" spans="14:14">
      <c r="N964867" s="10"/>
    </row>
    <row r="964868" spans="14:14">
      <c r="N964868" s="10"/>
    </row>
    <row r="964869" spans="14:14">
      <c r="N964869" s="10"/>
    </row>
    <row r="964870" spans="14:14">
      <c r="N964870" s="10"/>
    </row>
    <row r="964871" spans="14:14">
      <c r="N964871" s="10"/>
    </row>
    <row r="964872" spans="14:14">
      <c r="N964872" s="10"/>
    </row>
    <row r="964873" spans="14:14">
      <c r="N964873" s="10"/>
    </row>
    <row r="964874" spans="14:14">
      <c r="N964874" s="10"/>
    </row>
    <row r="964875" spans="14:14">
      <c r="N964875" s="10"/>
    </row>
    <row r="964876" spans="14:14">
      <c r="N964876" s="10"/>
    </row>
    <row r="964877" spans="14:14">
      <c r="N964877" s="10"/>
    </row>
    <row r="964878" spans="14:14">
      <c r="N964878" s="10"/>
    </row>
    <row r="964879" spans="14:14">
      <c r="N964879" s="10"/>
    </row>
    <row r="964880" spans="14:14">
      <c r="N964880" s="10"/>
    </row>
    <row r="964881" spans="14:14">
      <c r="N964881" s="10"/>
    </row>
    <row r="964882" spans="14:14">
      <c r="N964882" s="10"/>
    </row>
    <row r="964883" spans="14:14">
      <c r="N964883" s="10"/>
    </row>
    <row r="964884" spans="14:14">
      <c r="N964884" s="10"/>
    </row>
    <row r="964885" spans="14:14">
      <c r="N964885" s="10"/>
    </row>
    <row r="964886" spans="14:14">
      <c r="N964886" s="10"/>
    </row>
    <row r="964887" spans="14:14">
      <c r="N964887" s="10"/>
    </row>
    <row r="964888" spans="14:14">
      <c r="N964888" s="10"/>
    </row>
    <row r="964889" spans="14:14">
      <c r="N964889" s="10"/>
    </row>
    <row r="964890" spans="14:14">
      <c r="N964890" s="10"/>
    </row>
    <row r="964891" spans="14:14">
      <c r="N964891" s="10"/>
    </row>
    <row r="964892" spans="14:14">
      <c r="N964892" s="10"/>
    </row>
    <row r="964893" spans="14:14">
      <c r="N964893" s="10"/>
    </row>
    <row r="964894" spans="14:14">
      <c r="N964894" s="10"/>
    </row>
    <row r="964895" spans="14:14">
      <c r="N964895" s="10"/>
    </row>
    <row r="964896" spans="14:14">
      <c r="N964896" s="10"/>
    </row>
    <row r="964897" spans="14:14">
      <c r="N964897" s="10"/>
    </row>
    <row r="964898" spans="14:14">
      <c r="N964898" s="10"/>
    </row>
    <row r="964899" spans="14:14">
      <c r="N964899" s="10"/>
    </row>
    <row r="964900" spans="14:14">
      <c r="N964900" s="10"/>
    </row>
    <row r="964901" spans="14:14">
      <c r="N964901" s="10"/>
    </row>
    <row r="964902" spans="14:14">
      <c r="N964902" s="10"/>
    </row>
    <row r="964903" spans="14:14">
      <c r="N964903" s="10"/>
    </row>
    <row r="964904" spans="14:14">
      <c r="N964904" s="10"/>
    </row>
    <row r="964905" spans="14:14">
      <c r="N964905" s="10"/>
    </row>
    <row r="964906" spans="14:14">
      <c r="N964906" s="10"/>
    </row>
    <row r="964907" spans="14:14">
      <c r="N964907" s="10"/>
    </row>
    <row r="964908" spans="14:14">
      <c r="N964908" s="10"/>
    </row>
    <row r="964909" spans="14:14">
      <c r="N964909" s="10"/>
    </row>
    <row r="964910" spans="14:14">
      <c r="N964910" s="10"/>
    </row>
    <row r="964911" spans="14:14">
      <c r="N964911" s="10"/>
    </row>
    <row r="964912" spans="14:14">
      <c r="N964912" s="10"/>
    </row>
    <row r="964913" spans="14:14">
      <c r="N964913" s="10"/>
    </row>
    <row r="964914" spans="14:14">
      <c r="N964914" s="10"/>
    </row>
    <row r="964915" spans="14:14">
      <c r="N964915" s="10"/>
    </row>
    <row r="964916" spans="14:14">
      <c r="N964916" s="10"/>
    </row>
    <row r="964917" spans="14:14">
      <c r="N964917" s="10"/>
    </row>
    <row r="964918" spans="14:14">
      <c r="N964918" s="10"/>
    </row>
    <row r="964919" spans="14:14">
      <c r="N964919" s="10"/>
    </row>
    <row r="964920" spans="14:14">
      <c r="N964920" s="10"/>
    </row>
    <row r="964921" spans="14:14">
      <c r="N964921" s="10"/>
    </row>
    <row r="964922" spans="14:14">
      <c r="N964922" s="10"/>
    </row>
    <row r="964923" spans="14:14">
      <c r="N964923" s="10"/>
    </row>
    <row r="964924" spans="14:14">
      <c r="N964924" s="10"/>
    </row>
    <row r="964925" spans="14:14">
      <c r="N964925" s="10"/>
    </row>
    <row r="964926" spans="14:14">
      <c r="N964926" s="10"/>
    </row>
    <row r="964927" spans="14:14">
      <c r="N964927" s="10"/>
    </row>
    <row r="964928" spans="14:14">
      <c r="N964928" s="10"/>
    </row>
    <row r="964929" spans="14:14">
      <c r="N964929" s="10"/>
    </row>
    <row r="964930" spans="14:14">
      <c r="N964930" s="10"/>
    </row>
    <row r="964931" spans="14:14">
      <c r="N964931" s="10"/>
    </row>
    <row r="964932" spans="14:14">
      <c r="N964932" s="10"/>
    </row>
    <row r="964933" spans="14:14">
      <c r="N964933" s="10"/>
    </row>
    <row r="964934" spans="14:14">
      <c r="N964934" s="10"/>
    </row>
    <row r="964935" spans="14:14">
      <c r="N964935" s="10"/>
    </row>
    <row r="964936" spans="14:14">
      <c r="N964936" s="10"/>
    </row>
    <row r="964937" spans="14:14">
      <c r="N964937" s="10"/>
    </row>
    <row r="964938" spans="14:14">
      <c r="N964938" s="10"/>
    </row>
    <row r="964939" spans="14:14">
      <c r="N964939" s="10"/>
    </row>
    <row r="964940" spans="14:14">
      <c r="N964940" s="10"/>
    </row>
    <row r="964941" spans="14:14">
      <c r="N964941" s="10"/>
    </row>
    <row r="964942" spans="14:14">
      <c r="N964942" s="10"/>
    </row>
    <row r="964943" spans="14:14">
      <c r="N964943" s="10"/>
    </row>
    <row r="964944" spans="14:14">
      <c r="N964944" s="10"/>
    </row>
    <row r="964945" spans="14:14">
      <c r="N964945" s="10"/>
    </row>
    <row r="964946" spans="14:14">
      <c r="N964946" s="10"/>
    </row>
    <row r="964947" spans="14:14">
      <c r="N964947" s="10"/>
    </row>
    <row r="964948" spans="14:14">
      <c r="N964948" s="10"/>
    </row>
    <row r="964949" spans="14:14">
      <c r="N964949" s="10"/>
    </row>
    <row r="964950" spans="14:14">
      <c r="N964950" s="10"/>
    </row>
    <row r="964951" spans="14:14">
      <c r="N964951" s="10"/>
    </row>
    <row r="964952" spans="14:14">
      <c r="N964952" s="10"/>
    </row>
    <row r="964953" spans="14:14">
      <c r="N964953" s="10"/>
    </row>
    <row r="964954" spans="14:14">
      <c r="N964954" s="10"/>
    </row>
    <row r="964955" spans="14:14">
      <c r="N964955" s="10"/>
    </row>
    <row r="964956" spans="14:14">
      <c r="N964956" s="10"/>
    </row>
    <row r="964957" spans="14:14">
      <c r="N964957" s="10"/>
    </row>
    <row r="964958" spans="14:14">
      <c r="N964958" s="10"/>
    </row>
    <row r="964959" spans="14:14">
      <c r="N964959" s="10"/>
    </row>
    <row r="964960" spans="14:14">
      <c r="N964960" s="10"/>
    </row>
    <row r="964961" spans="14:14">
      <c r="N964961" s="10"/>
    </row>
    <row r="964962" spans="14:14">
      <c r="N964962" s="10"/>
    </row>
    <row r="964963" spans="14:14">
      <c r="N964963" s="10"/>
    </row>
    <row r="964964" spans="14:14">
      <c r="N964964" s="10"/>
    </row>
    <row r="964965" spans="14:14">
      <c r="N964965" s="10"/>
    </row>
    <row r="964966" spans="14:14">
      <c r="N964966" s="10"/>
    </row>
    <row r="964967" spans="14:14">
      <c r="N964967" s="10"/>
    </row>
    <row r="964968" spans="14:14">
      <c r="N964968" s="10"/>
    </row>
    <row r="964969" spans="14:14">
      <c r="N964969" s="10"/>
    </row>
    <row r="964970" spans="14:14">
      <c r="N964970" s="10"/>
    </row>
    <row r="964971" spans="14:14">
      <c r="N964971" s="10"/>
    </row>
    <row r="964972" spans="14:14">
      <c r="N964972" s="10"/>
    </row>
    <row r="964973" spans="14:14">
      <c r="N964973" s="10"/>
    </row>
    <row r="964974" spans="14:14">
      <c r="N964974" s="10"/>
    </row>
    <row r="964975" spans="14:14">
      <c r="N964975" s="10"/>
    </row>
    <row r="964976" spans="14:14">
      <c r="N964976" s="10"/>
    </row>
    <row r="964977" spans="14:14">
      <c r="N964977" s="10"/>
    </row>
    <row r="964978" spans="14:14">
      <c r="N964978" s="10"/>
    </row>
    <row r="964979" spans="14:14">
      <c r="N964979" s="10"/>
    </row>
    <row r="964980" spans="14:14">
      <c r="N964980" s="10"/>
    </row>
    <row r="964981" spans="14:14">
      <c r="N964981" s="10"/>
    </row>
    <row r="964982" spans="14:14">
      <c r="N964982" s="10"/>
    </row>
    <row r="964983" spans="14:14">
      <c r="N964983" s="10"/>
    </row>
    <row r="964984" spans="14:14">
      <c r="N964984" s="10"/>
    </row>
    <row r="964985" spans="14:14">
      <c r="N964985" s="10"/>
    </row>
    <row r="964986" spans="14:14">
      <c r="N964986" s="10"/>
    </row>
    <row r="964987" spans="14:14">
      <c r="N964987" s="10"/>
    </row>
    <row r="964988" spans="14:14">
      <c r="N964988" s="10"/>
    </row>
    <row r="964989" spans="14:14">
      <c r="N964989" s="10"/>
    </row>
    <row r="964990" spans="14:14">
      <c r="N964990" s="10"/>
    </row>
    <row r="964991" spans="14:14">
      <c r="N964991" s="10"/>
    </row>
    <row r="964992" spans="14:14">
      <c r="N964992" s="10"/>
    </row>
    <row r="964993" spans="14:14">
      <c r="N964993" s="10"/>
    </row>
    <row r="964994" spans="14:14">
      <c r="N964994" s="10"/>
    </row>
    <row r="964995" spans="14:14">
      <c r="N964995" s="10"/>
    </row>
    <row r="964996" spans="14:14">
      <c r="N964996" s="10"/>
    </row>
    <row r="964997" spans="14:14">
      <c r="N964997" s="10"/>
    </row>
    <row r="964998" spans="14:14">
      <c r="N964998" s="10"/>
    </row>
    <row r="964999" spans="14:14">
      <c r="N964999" s="10"/>
    </row>
    <row r="965000" spans="14:14">
      <c r="N965000" s="10"/>
    </row>
    <row r="965001" spans="14:14">
      <c r="N965001" s="10"/>
    </row>
    <row r="965002" spans="14:14">
      <c r="N965002" s="10"/>
    </row>
    <row r="965003" spans="14:14">
      <c r="N965003" s="10"/>
    </row>
    <row r="965004" spans="14:14">
      <c r="N965004" s="10"/>
    </row>
    <row r="965005" spans="14:14">
      <c r="N965005" s="10"/>
    </row>
    <row r="965006" spans="14:14">
      <c r="N965006" s="10"/>
    </row>
    <row r="965007" spans="14:14">
      <c r="N965007" s="10"/>
    </row>
    <row r="965008" spans="14:14">
      <c r="N965008" s="10"/>
    </row>
    <row r="965009" spans="14:14">
      <c r="N965009" s="10"/>
    </row>
    <row r="965010" spans="14:14">
      <c r="N965010" s="10"/>
    </row>
    <row r="965011" spans="14:14">
      <c r="N965011" s="10"/>
    </row>
    <row r="965012" spans="14:14">
      <c r="N965012" s="10"/>
    </row>
    <row r="965013" spans="14:14">
      <c r="N965013" s="10"/>
    </row>
    <row r="965014" spans="14:14">
      <c r="N965014" s="10"/>
    </row>
    <row r="965015" spans="14:14">
      <c r="N965015" s="10"/>
    </row>
    <row r="965016" spans="14:14">
      <c r="N965016" s="10"/>
    </row>
    <row r="965017" spans="14:14">
      <c r="N965017" s="10"/>
    </row>
    <row r="965018" spans="14:14">
      <c r="N965018" s="10"/>
    </row>
    <row r="965019" spans="14:14">
      <c r="N965019" s="10"/>
    </row>
    <row r="965020" spans="14:14">
      <c r="N965020" s="10"/>
    </row>
    <row r="965021" spans="14:14">
      <c r="N965021" s="10"/>
    </row>
    <row r="965022" spans="14:14">
      <c r="N965022" s="10"/>
    </row>
    <row r="965023" spans="14:14">
      <c r="N965023" s="10"/>
    </row>
    <row r="965024" spans="14:14">
      <c r="N965024" s="10"/>
    </row>
    <row r="965025" spans="14:14">
      <c r="N965025" s="10"/>
    </row>
    <row r="965026" spans="14:14">
      <c r="N965026" s="10"/>
    </row>
    <row r="965027" spans="14:14">
      <c r="N965027" s="10"/>
    </row>
    <row r="965028" spans="14:14">
      <c r="N965028" s="10"/>
    </row>
    <row r="965029" spans="14:14">
      <c r="N965029" s="10"/>
    </row>
    <row r="965030" spans="14:14">
      <c r="N965030" s="10"/>
    </row>
    <row r="965031" spans="14:14">
      <c r="N965031" s="10"/>
    </row>
    <row r="965032" spans="14:14">
      <c r="N965032" s="10"/>
    </row>
    <row r="965033" spans="14:14">
      <c r="N965033" s="10"/>
    </row>
    <row r="965034" spans="14:14">
      <c r="N965034" s="10"/>
    </row>
    <row r="965035" spans="14:14">
      <c r="N965035" s="10"/>
    </row>
    <row r="965036" spans="14:14">
      <c r="N965036" s="10"/>
    </row>
    <row r="965037" spans="14:14">
      <c r="N965037" s="10"/>
    </row>
    <row r="965038" spans="14:14">
      <c r="N965038" s="10"/>
    </row>
    <row r="965039" spans="14:14">
      <c r="N965039" s="10"/>
    </row>
    <row r="965040" spans="14:14">
      <c r="N965040" s="10"/>
    </row>
    <row r="965041" spans="14:14">
      <c r="N965041" s="10"/>
    </row>
    <row r="965042" spans="14:14">
      <c r="N965042" s="10"/>
    </row>
    <row r="965043" spans="14:14">
      <c r="N965043" s="10"/>
    </row>
    <row r="965044" spans="14:14">
      <c r="N965044" s="10"/>
    </row>
    <row r="965045" spans="14:14">
      <c r="N965045" s="10"/>
    </row>
    <row r="965046" spans="14:14">
      <c r="N965046" s="10"/>
    </row>
    <row r="965047" spans="14:14">
      <c r="N965047" s="10"/>
    </row>
    <row r="965048" spans="14:14">
      <c r="N965048" s="10"/>
    </row>
    <row r="965049" spans="14:14">
      <c r="N965049" s="10"/>
    </row>
    <row r="965050" spans="14:14">
      <c r="N965050" s="10"/>
    </row>
    <row r="965051" spans="14:14">
      <c r="N965051" s="10"/>
    </row>
    <row r="965052" spans="14:14">
      <c r="N965052" s="10"/>
    </row>
    <row r="965053" spans="14:14">
      <c r="N965053" s="10"/>
    </row>
    <row r="965054" spans="14:14">
      <c r="N965054" s="10"/>
    </row>
    <row r="965055" spans="14:14">
      <c r="N965055" s="10"/>
    </row>
    <row r="965056" spans="14:14">
      <c r="N965056" s="10"/>
    </row>
    <row r="965057" spans="14:14">
      <c r="N965057" s="10"/>
    </row>
    <row r="965058" spans="14:14">
      <c r="N965058" s="10"/>
    </row>
    <row r="965059" spans="14:14">
      <c r="N965059" s="10"/>
    </row>
    <row r="965060" spans="14:14">
      <c r="N965060" s="10"/>
    </row>
    <row r="965061" spans="14:14">
      <c r="N965061" s="10"/>
    </row>
    <row r="965062" spans="14:14">
      <c r="N965062" s="10"/>
    </row>
    <row r="965063" spans="14:14">
      <c r="N965063" s="10"/>
    </row>
    <row r="965064" spans="14:14">
      <c r="N965064" s="10"/>
    </row>
    <row r="965065" spans="14:14">
      <c r="N965065" s="10"/>
    </row>
    <row r="965066" spans="14:14">
      <c r="N965066" s="10"/>
    </row>
    <row r="965067" spans="14:14">
      <c r="N965067" s="10"/>
    </row>
    <row r="965068" spans="14:14">
      <c r="N965068" s="10"/>
    </row>
    <row r="965069" spans="14:14">
      <c r="N965069" s="10"/>
    </row>
    <row r="965070" spans="14:14">
      <c r="N965070" s="10"/>
    </row>
    <row r="965071" spans="14:14">
      <c r="N965071" s="10"/>
    </row>
    <row r="965072" spans="14:14">
      <c r="N965072" s="10"/>
    </row>
    <row r="965073" spans="14:14">
      <c r="N965073" s="10"/>
    </row>
    <row r="965074" spans="14:14">
      <c r="N965074" s="10"/>
    </row>
    <row r="965075" spans="14:14">
      <c r="N965075" s="10"/>
    </row>
    <row r="965076" spans="14:14">
      <c r="N965076" s="10"/>
    </row>
    <row r="965077" spans="14:14">
      <c r="N965077" s="10"/>
    </row>
    <row r="965078" spans="14:14">
      <c r="N965078" s="10"/>
    </row>
    <row r="965079" spans="14:14">
      <c r="N965079" s="10"/>
    </row>
    <row r="965080" spans="14:14">
      <c r="N965080" s="10"/>
    </row>
    <row r="965081" spans="14:14">
      <c r="N965081" s="10"/>
    </row>
    <row r="965082" spans="14:14">
      <c r="N965082" s="10"/>
    </row>
    <row r="965083" spans="14:14">
      <c r="N965083" s="10"/>
    </row>
    <row r="965084" spans="14:14">
      <c r="N965084" s="10"/>
    </row>
    <row r="965085" spans="14:14">
      <c r="N965085" s="10"/>
    </row>
    <row r="965086" spans="14:14">
      <c r="N965086" s="10"/>
    </row>
    <row r="965087" spans="14:14">
      <c r="N965087" s="10"/>
    </row>
    <row r="965088" spans="14:14">
      <c r="N965088" s="10"/>
    </row>
    <row r="965089" spans="14:14">
      <c r="N965089" s="10"/>
    </row>
    <row r="965090" spans="14:14">
      <c r="N965090" s="10"/>
    </row>
    <row r="965091" spans="14:14">
      <c r="N965091" s="10"/>
    </row>
    <row r="965092" spans="14:14">
      <c r="N965092" s="10"/>
    </row>
    <row r="965093" spans="14:14">
      <c r="N965093" s="10"/>
    </row>
    <row r="965094" spans="14:14">
      <c r="N965094" s="10"/>
    </row>
    <row r="965095" spans="14:14">
      <c r="N965095" s="10"/>
    </row>
    <row r="965096" spans="14:14">
      <c r="N965096" s="10"/>
    </row>
    <row r="965097" spans="14:14">
      <c r="N965097" s="10"/>
    </row>
    <row r="965098" spans="14:14">
      <c r="N965098" s="10"/>
    </row>
    <row r="965099" spans="14:14">
      <c r="N965099" s="10"/>
    </row>
    <row r="965100" spans="14:14">
      <c r="N965100" s="10"/>
    </row>
    <row r="965101" spans="14:14">
      <c r="N965101" s="10"/>
    </row>
    <row r="965102" spans="14:14">
      <c r="N965102" s="10"/>
    </row>
    <row r="965103" spans="14:14">
      <c r="N965103" s="10"/>
    </row>
    <row r="965104" spans="14:14">
      <c r="N965104" s="10"/>
    </row>
    <row r="965105" spans="14:14">
      <c r="N965105" s="10"/>
    </row>
    <row r="965106" spans="14:14">
      <c r="N965106" s="10"/>
    </row>
    <row r="965107" spans="14:14">
      <c r="N965107" s="10"/>
    </row>
    <row r="965108" spans="14:14">
      <c r="N965108" s="10"/>
    </row>
    <row r="965109" spans="14:14">
      <c r="N965109" s="10"/>
    </row>
    <row r="965110" spans="14:14">
      <c r="N965110" s="10"/>
    </row>
    <row r="965111" spans="14:14">
      <c r="N965111" s="10"/>
    </row>
    <row r="965112" spans="14:14">
      <c r="N965112" s="10"/>
    </row>
    <row r="965113" spans="14:14">
      <c r="N965113" s="10"/>
    </row>
    <row r="965114" spans="14:14">
      <c r="N965114" s="10"/>
    </row>
    <row r="965115" spans="14:14">
      <c r="N965115" s="10"/>
    </row>
    <row r="965116" spans="14:14">
      <c r="N965116" s="10"/>
    </row>
    <row r="965117" spans="14:14">
      <c r="N965117" s="10"/>
    </row>
    <row r="965118" spans="14:14">
      <c r="N965118" s="10"/>
    </row>
    <row r="965119" spans="14:14">
      <c r="N965119" s="10"/>
    </row>
    <row r="965120" spans="14:14">
      <c r="N965120" s="10"/>
    </row>
    <row r="965121" spans="14:14">
      <c r="N965121" s="10"/>
    </row>
    <row r="965122" spans="14:14">
      <c r="N965122" s="10"/>
    </row>
    <row r="965123" spans="14:14">
      <c r="N965123" s="10"/>
    </row>
    <row r="965124" spans="14:14">
      <c r="N965124" s="10"/>
    </row>
    <row r="965125" spans="14:14">
      <c r="N965125" s="10"/>
    </row>
    <row r="965126" spans="14:14">
      <c r="N965126" s="10"/>
    </row>
    <row r="965127" spans="14:14">
      <c r="N965127" s="10"/>
    </row>
    <row r="965128" spans="14:14">
      <c r="N965128" s="10"/>
    </row>
    <row r="965129" spans="14:14">
      <c r="N965129" s="10"/>
    </row>
    <row r="965130" spans="14:14">
      <c r="N965130" s="10"/>
    </row>
    <row r="965131" spans="14:14">
      <c r="N965131" s="10"/>
    </row>
    <row r="965132" spans="14:14">
      <c r="N965132" s="10"/>
    </row>
    <row r="965133" spans="14:14">
      <c r="N965133" s="10"/>
    </row>
    <row r="965134" spans="14:14">
      <c r="N965134" s="10"/>
    </row>
    <row r="965135" spans="14:14">
      <c r="N965135" s="10"/>
    </row>
    <row r="965136" spans="14:14">
      <c r="N965136" s="10"/>
    </row>
    <row r="965137" spans="14:14">
      <c r="N965137" s="10"/>
    </row>
    <row r="965138" spans="14:14">
      <c r="N965138" s="10"/>
    </row>
    <row r="965139" spans="14:14">
      <c r="N965139" s="10"/>
    </row>
    <row r="965140" spans="14:14">
      <c r="N965140" s="10"/>
    </row>
    <row r="965141" spans="14:14">
      <c r="N965141" s="10"/>
    </row>
    <row r="965142" spans="14:14">
      <c r="N965142" s="10"/>
    </row>
    <row r="965143" spans="14:14">
      <c r="N965143" s="10"/>
    </row>
    <row r="965144" spans="14:14">
      <c r="N965144" s="10"/>
    </row>
    <row r="965145" spans="14:14">
      <c r="N965145" s="10"/>
    </row>
    <row r="965146" spans="14:14">
      <c r="N965146" s="10"/>
    </row>
    <row r="965147" spans="14:14">
      <c r="N965147" s="10"/>
    </row>
    <row r="965148" spans="14:14">
      <c r="N965148" s="10"/>
    </row>
    <row r="965149" spans="14:14">
      <c r="N965149" s="10"/>
    </row>
    <row r="965150" spans="14:14">
      <c r="N965150" s="10"/>
    </row>
    <row r="965151" spans="14:14">
      <c r="N965151" s="10"/>
    </row>
    <row r="965152" spans="14:14">
      <c r="N965152" s="10"/>
    </row>
    <row r="965153" spans="14:14">
      <c r="N965153" s="10"/>
    </row>
    <row r="965154" spans="14:14">
      <c r="N965154" s="10"/>
    </row>
    <row r="965155" spans="14:14">
      <c r="N965155" s="10"/>
    </row>
    <row r="965156" spans="14:14">
      <c r="N965156" s="10"/>
    </row>
    <row r="965157" spans="14:14">
      <c r="N965157" s="10"/>
    </row>
    <row r="965158" spans="14:14">
      <c r="N965158" s="10"/>
    </row>
    <row r="965159" spans="14:14">
      <c r="N965159" s="10"/>
    </row>
    <row r="965160" spans="14:14">
      <c r="N965160" s="10"/>
    </row>
    <row r="965161" spans="14:14">
      <c r="N965161" s="10"/>
    </row>
    <row r="965162" spans="14:14">
      <c r="N965162" s="10"/>
    </row>
    <row r="965163" spans="14:14">
      <c r="N965163" s="10"/>
    </row>
    <row r="965164" spans="14:14">
      <c r="N965164" s="10"/>
    </row>
    <row r="965165" spans="14:14">
      <c r="N965165" s="10"/>
    </row>
    <row r="965166" spans="14:14">
      <c r="N965166" s="10"/>
    </row>
    <row r="965167" spans="14:14">
      <c r="N965167" s="10"/>
    </row>
    <row r="965168" spans="14:14">
      <c r="N965168" s="10"/>
    </row>
    <row r="965169" spans="14:14">
      <c r="N965169" s="10"/>
    </row>
    <row r="965170" spans="14:14">
      <c r="N965170" s="10"/>
    </row>
    <row r="965171" spans="14:14">
      <c r="N965171" s="10"/>
    </row>
    <row r="965172" spans="14:14">
      <c r="N965172" s="10"/>
    </row>
    <row r="965173" spans="14:14">
      <c r="N965173" s="10"/>
    </row>
    <row r="965174" spans="14:14">
      <c r="N965174" s="10"/>
    </row>
    <row r="965175" spans="14:14">
      <c r="N965175" s="10"/>
    </row>
    <row r="965176" spans="14:14">
      <c r="N965176" s="10"/>
    </row>
    <row r="965177" spans="14:14">
      <c r="N965177" s="10"/>
    </row>
    <row r="965178" spans="14:14">
      <c r="N965178" s="10"/>
    </row>
    <row r="965179" spans="14:14">
      <c r="N965179" s="10"/>
    </row>
    <row r="965180" spans="14:14">
      <c r="N965180" s="10"/>
    </row>
    <row r="965181" spans="14:14">
      <c r="N965181" s="10"/>
    </row>
    <row r="965182" spans="14:14">
      <c r="N965182" s="10"/>
    </row>
    <row r="965183" spans="14:14">
      <c r="N965183" s="10"/>
    </row>
    <row r="965184" spans="14:14">
      <c r="N965184" s="10"/>
    </row>
    <row r="965185" spans="14:14">
      <c r="N965185" s="10"/>
    </row>
    <row r="965186" spans="14:14">
      <c r="N965186" s="10"/>
    </row>
    <row r="965187" spans="14:14">
      <c r="N965187" s="10"/>
    </row>
    <row r="965188" spans="14:14">
      <c r="N965188" s="10"/>
    </row>
    <row r="965189" spans="14:14">
      <c r="N965189" s="10"/>
    </row>
    <row r="965190" spans="14:14">
      <c r="N965190" s="10"/>
    </row>
    <row r="965191" spans="14:14">
      <c r="N965191" s="10"/>
    </row>
    <row r="965192" spans="14:14">
      <c r="N965192" s="10"/>
    </row>
    <row r="965193" spans="14:14">
      <c r="N965193" s="10"/>
    </row>
    <row r="965194" spans="14:14">
      <c r="N965194" s="10"/>
    </row>
    <row r="965195" spans="14:14">
      <c r="N965195" s="10"/>
    </row>
    <row r="965196" spans="14:14">
      <c r="N965196" s="10"/>
    </row>
    <row r="965197" spans="14:14">
      <c r="N965197" s="10"/>
    </row>
    <row r="965198" spans="14:14">
      <c r="N965198" s="10"/>
    </row>
    <row r="965199" spans="14:14">
      <c r="N965199" s="10"/>
    </row>
    <row r="965200" spans="14:14">
      <c r="N965200" s="10"/>
    </row>
    <row r="965201" spans="14:14">
      <c r="N965201" s="10"/>
    </row>
    <row r="965202" spans="14:14">
      <c r="N965202" s="10"/>
    </row>
    <row r="965203" spans="14:14">
      <c r="N965203" s="10"/>
    </row>
    <row r="965204" spans="14:14">
      <c r="N965204" s="10"/>
    </row>
    <row r="965205" spans="14:14">
      <c r="N965205" s="10"/>
    </row>
    <row r="965206" spans="14:14">
      <c r="N965206" s="10"/>
    </row>
    <row r="965207" spans="14:14">
      <c r="N965207" s="10"/>
    </row>
    <row r="965208" spans="14:14">
      <c r="N965208" s="10"/>
    </row>
    <row r="965209" spans="14:14">
      <c r="N965209" s="10"/>
    </row>
    <row r="965210" spans="14:14">
      <c r="N965210" s="10"/>
    </row>
    <row r="965211" spans="14:14">
      <c r="N965211" s="10"/>
    </row>
    <row r="965212" spans="14:14">
      <c r="N965212" s="10"/>
    </row>
    <row r="965213" spans="14:14">
      <c r="N965213" s="10"/>
    </row>
    <row r="965214" spans="14:14">
      <c r="N965214" s="10"/>
    </row>
    <row r="965215" spans="14:14">
      <c r="N965215" s="10"/>
    </row>
    <row r="965216" spans="14:14">
      <c r="N965216" s="10"/>
    </row>
    <row r="965217" spans="14:14">
      <c r="N965217" s="10"/>
    </row>
    <row r="965218" spans="14:14">
      <c r="N965218" s="10"/>
    </row>
    <row r="965219" spans="14:14">
      <c r="N965219" s="10"/>
    </row>
    <row r="965220" spans="14:14">
      <c r="N965220" s="10"/>
    </row>
    <row r="965221" spans="14:14">
      <c r="N965221" s="10"/>
    </row>
    <row r="965222" spans="14:14">
      <c r="N965222" s="10"/>
    </row>
    <row r="965223" spans="14:14">
      <c r="N965223" s="10"/>
    </row>
    <row r="965224" spans="14:14">
      <c r="N965224" s="10"/>
    </row>
    <row r="965225" spans="14:14">
      <c r="N965225" s="10"/>
    </row>
    <row r="965226" spans="14:14">
      <c r="N965226" s="10"/>
    </row>
    <row r="965227" spans="14:14">
      <c r="N965227" s="10"/>
    </row>
    <row r="965228" spans="14:14">
      <c r="N965228" s="10"/>
    </row>
    <row r="965229" spans="14:14">
      <c r="N965229" s="10"/>
    </row>
    <row r="965230" spans="14:14">
      <c r="N965230" s="10"/>
    </row>
    <row r="965231" spans="14:14">
      <c r="N965231" s="10"/>
    </row>
    <row r="965232" spans="14:14">
      <c r="N965232" s="10"/>
    </row>
    <row r="965233" spans="14:14">
      <c r="N965233" s="10"/>
    </row>
    <row r="965234" spans="14:14">
      <c r="N965234" s="10"/>
    </row>
    <row r="965235" spans="14:14">
      <c r="N965235" s="10"/>
    </row>
    <row r="965236" spans="14:14">
      <c r="N965236" s="10"/>
    </row>
    <row r="965237" spans="14:14">
      <c r="N965237" s="10"/>
    </row>
    <row r="965238" spans="14:14">
      <c r="N965238" s="10"/>
    </row>
    <row r="965239" spans="14:14">
      <c r="N965239" s="10"/>
    </row>
    <row r="965240" spans="14:14">
      <c r="N965240" s="10"/>
    </row>
    <row r="965241" spans="14:14">
      <c r="N965241" s="10"/>
    </row>
    <row r="965242" spans="14:14">
      <c r="N965242" s="10"/>
    </row>
    <row r="965243" spans="14:14">
      <c r="N965243" s="10"/>
    </row>
    <row r="965244" spans="14:14">
      <c r="N965244" s="10"/>
    </row>
    <row r="965245" spans="14:14">
      <c r="N965245" s="10"/>
    </row>
    <row r="965246" spans="14:14">
      <c r="N965246" s="10"/>
    </row>
    <row r="965247" spans="14:14">
      <c r="N965247" s="10"/>
    </row>
    <row r="965248" spans="14:14">
      <c r="N965248" s="10"/>
    </row>
    <row r="965249" spans="14:14">
      <c r="N965249" s="10"/>
    </row>
    <row r="965250" spans="14:14">
      <c r="N965250" s="10"/>
    </row>
    <row r="965251" spans="14:14">
      <c r="N965251" s="10"/>
    </row>
    <row r="965252" spans="14:14">
      <c r="N965252" s="10"/>
    </row>
    <row r="965253" spans="14:14">
      <c r="N965253" s="10"/>
    </row>
    <row r="965254" spans="14:14">
      <c r="N965254" s="10"/>
    </row>
    <row r="965255" spans="14:14">
      <c r="N965255" s="10"/>
    </row>
    <row r="965256" spans="14:14">
      <c r="N965256" s="10"/>
    </row>
    <row r="965257" spans="14:14">
      <c r="N965257" s="10"/>
    </row>
    <row r="965258" spans="14:14">
      <c r="N965258" s="10"/>
    </row>
    <row r="965259" spans="14:14">
      <c r="N965259" s="10"/>
    </row>
    <row r="965260" spans="14:14">
      <c r="N965260" s="10"/>
    </row>
    <row r="965261" spans="14:14">
      <c r="N965261" s="10"/>
    </row>
    <row r="965262" spans="14:14">
      <c r="N965262" s="10"/>
    </row>
    <row r="965263" spans="14:14">
      <c r="N965263" s="10"/>
    </row>
    <row r="965264" spans="14:14">
      <c r="N965264" s="10"/>
    </row>
    <row r="965265" spans="14:14">
      <c r="N965265" s="10"/>
    </row>
    <row r="965266" spans="14:14">
      <c r="N965266" s="10"/>
    </row>
    <row r="965267" spans="14:14">
      <c r="N965267" s="10"/>
    </row>
    <row r="965268" spans="14:14">
      <c r="N965268" s="10"/>
    </row>
    <row r="965269" spans="14:14">
      <c r="N965269" s="10"/>
    </row>
    <row r="965270" spans="14:14">
      <c r="N965270" s="10"/>
    </row>
    <row r="965271" spans="14:14">
      <c r="N965271" s="10"/>
    </row>
    <row r="965272" spans="14:14">
      <c r="N965272" s="10"/>
    </row>
    <row r="965273" spans="14:14">
      <c r="N965273" s="10"/>
    </row>
    <row r="965274" spans="14:14">
      <c r="N965274" s="10"/>
    </row>
    <row r="965275" spans="14:14">
      <c r="N965275" s="10"/>
    </row>
    <row r="965276" spans="14:14">
      <c r="N965276" s="10"/>
    </row>
    <row r="965277" spans="14:14">
      <c r="N965277" s="10"/>
    </row>
    <row r="965278" spans="14:14">
      <c r="N965278" s="10"/>
    </row>
    <row r="965279" spans="14:14">
      <c r="N965279" s="10"/>
    </row>
    <row r="965280" spans="14:14">
      <c r="N965280" s="10"/>
    </row>
    <row r="965281" spans="14:14">
      <c r="N965281" s="10"/>
    </row>
    <row r="965282" spans="14:14">
      <c r="N965282" s="10"/>
    </row>
    <row r="965283" spans="14:14">
      <c r="N965283" s="10"/>
    </row>
    <row r="965284" spans="14:14">
      <c r="N965284" s="10"/>
    </row>
    <row r="965285" spans="14:14">
      <c r="N965285" s="10"/>
    </row>
    <row r="965286" spans="14:14">
      <c r="N965286" s="10"/>
    </row>
    <row r="965287" spans="14:14">
      <c r="N965287" s="10"/>
    </row>
    <row r="965288" spans="14:14">
      <c r="N965288" s="10"/>
    </row>
    <row r="965289" spans="14:14">
      <c r="N965289" s="10"/>
    </row>
    <row r="965290" spans="14:14">
      <c r="N965290" s="10"/>
    </row>
    <row r="965291" spans="14:14">
      <c r="N965291" s="10"/>
    </row>
    <row r="965292" spans="14:14">
      <c r="N965292" s="10"/>
    </row>
    <row r="965293" spans="14:14">
      <c r="N965293" s="10"/>
    </row>
    <row r="965294" spans="14:14">
      <c r="N965294" s="10"/>
    </row>
    <row r="965295" spans="14:14">
      <c r="N965295" s="10"/>
    </row>
    <row r="965296" spans="14:14">
      <c r="N965296" s="10"/>
    </row>
    <row r="965297" spans="14:14">
      <c r="N965297" s="10"/>
    </row>
    <row r="965298" spans="14:14">
      <c r="N965298" s="10"/>
    </row>
    <row r="965299" spans="14:14">
      <c r="N965299" s="10"/>
    </row>
    <row r="965300" spans="14:14">
      <c r="N965300" s="10"/>
    </row>
    <row r="965301" spans="14:14">
      <c r="N965301" s="10"/>
    </row>
    <row r="965302" spans="14:14">
      <c r="N965302" s="10"/>
    </row>
    <row r="965303" spans="14:14">
      <c r="N965303" s="10"/>
    </row>
    <row r="965304" spans="14:14">
      <c r="N965304" s="10"/>
    </row>
    <row r="965305" spans="14:14">
      <c r="N965305" s="10"/>
    </row>
    <row r="965306" spans="14:14">
      <c r="N965306" s="10"/>
    </row>
    <row r="965307" spans="14:14">
      <c r="N965307" s="10"/>
    </row>
    <row r="965308" spans="14:14">
      <c r="N965308" s="10"/>
    </row>
    <row r="965309" spans="14:14">
      <c r="N965309" s="10"/>
    </row>
    <row r="965310" spans="14:14">
      <c r="N965310" s="10"/>
    </row>
    <row r="965311" spans="14:14">
      <c r="N965311" s="10"/>
    </row>
    <row r="965312" spans="14:14">
      <c r="N965312" s="10"/>
    </row>
    <row r="965313" spans="14:14">
      <c r="N965313" s="10"/>
    </row>
    <row r="965314" spans="14:14">
      <c r="N965314" s="10"/>
    </row>
    <row r="965315" spans="14:14">
      <c r="N965315" s="10"/>
    </row>
    <row r="965316" spans="14:14">
      <c r="N965316" s="10"/>
    </row>
    <row r="965317" spans="14:14">
      <c r="N965317" s="10"/>
    </row>
    <row r="965318" spans="14:14">
      <c r="N965318" s="10"/>
    </row>
    <row r="965319" spans="14:14">
      <c r="N965319" s="10"/>
    </row>
    <row r="965320" spans="14:14">
      <c r="N965320" s="10"/>
    </row>
    <row r="965321" spans="14:14">
      <c r="N965321" s="10"/>
    </row>
    <row r="965322" spans="14:14">
      <c r="N965322" s="10"/>
    </row>
    <row r="965323" spans="14:14">
      <c r="N965323" s="10"/>
    </row>
    <row r="965324" spans="14:14">
      <c r="N965324" s="10"/>
    </row>
    <row r="965325" spans="14:14">
      <c r="N965325" s="10"/>
    </row>
    <row r="965326" spans="14:14">
      <c r="N965326" s="10"/>
    </row>
    <row r="965327" spans="14:14">
      <c r="N965327" s="10"/>
    </row>
    <row r="965328" spans="14:14">
      <c r="N965328" s="10"/>
    </row>
    <row r="965329" spans="14:14">
      <c r="N965329" s="10"/>
    </row>
    <row r="965330" spans="14:14">
      <c r="N965330" s="10"/>
    </row>
    <row r="965331" spans="14:14">
      <c r="N965331" s="10"/>
    </row>
    <row r="965332" spans="14:14">
      <c r="N965332" s="10"/>
    </row>
    <row r="965333" spans="14:14">
      <c r="N965333" s="10"/>
    </row>
    <row r="965334" spans="14:14">
      <c r="N965334" s="10"/>
    </row>
    <row r="965335" spans="14:14">
      <c r="N965335" s="10"/>
    </row>
    <row r="965336" spans="14:14">
      <c r="N965336" s="10"/>
    </row>
    <row r="965337" spans="14:14">
      <c r="N965337" s="10"/>
    </row>
    <row r="965338" spans="14:14">
      <c r="N965338" s="10"/>
    </row>
    <row r="965339" spans="14:14">
      <c r="N965339" s="10"/>
    </row>
    <row r="965340" spans="14:14">
      <c r="N965340" s="10"/>
    </row>
    <row r="965341" spans="14:14">
      <c r="N965341" s="10"/>
    </row>
    <row r="965342" spans="14:14">
      <c r="N965342" s="10"/>
    </row>
    <row r="965343" spans="14:14">
      <c r="N965343" s="10"/>
    </row>
    <row r="965344" spans="14:14">
      <c r="N965344" s="10"/>
    </row>
    <row r="965345" spans="14:14">
      <c r="N965345" s="10"/>
    </row>
    <row r="965346" spans="14:14">
      <c r="N965346" s="10"/>
    </row>
    <row r="965347" spans="14:14">
      <c r="N965347" s="10"/>
    </row>
    <row r="965348" spans="14:14">
      <c r="N965348" s="10"/>
    </row>
    <row r="965349" spans="14:14">
      <c r="N965349" s="10"/>
    </row>
    <row r="965350" spans="14:14">
      <c r="N965350" s="10"/>
    </row>
    <row r="965351" spans="14:14">
      <c r="N965351" s="10"/>
    </row>
    <row r="965352" spans="14:14">
      <c r="N965352" s="10"/>
    </row>
    <row r="965353" spans="14:14">
      <c r="N965353" s="10"/>
    </row>
    <row r="965354" spans="14:14">
      <c r="N965354" s="10"/>
    </row>
    <row r="965355" spans="14:14">
      <c r="N965355" s="10"/>
    </row>
    <row r="965356" spans="14:14">
      <c r="N965356" s="10"/>
    </row>
    <row r="965357" spans="14:14">
      <c r="N965357" s="10"/>
    </row>
    <row r="965358" spans="14:14">
      <c r="N965358" s="10"/>
    </row>
    <row r="965359" spans="14:14">
      <c r="N965359" s="10"/>
    </row>
    <row r="965360" spans="14:14">
      <c r="N965360" s="10"/>
    </row>
    <row r="965361" spans="14:14">
      <c r="N965361" s="10"/>
    </row>
    <row r="965362" spans="14:14">
      <c r="N965362" s="10"/>
    </row>
    <row r="965363" spans="14:14">
      <c r="N965363" s="10"/>
    </row>
    <row r="965364" spans="14:14">
      <c r="N965364" s="10"/>
    </row>
    <row r="965365" spans="14:14">
      <c r="N965365" s="10"/>
    </row>
    <row r="965366" spans="14:14">
      <c r="N965366" s="10"/>
    </row>
    <row r="965367" spans="14:14">
      <c r="N965367" s="10"/>
    </row>
    <row r="965368" spans="14:14">
      <c r="N965368" s="10"/>
    </row>
    <row r="965369" spans="14:14">
      <c r="N965369" s="10"/>
    </row>
    <row r="965370" spans="14:14">
      <c r="N965370" s="10"/>
    </row>
    <row r="965371" spans="14:14">
      <c r="N965371" s="10"/>
    </row>
    <row r="965372" spans="14:14">
      <c r="N965372" s="10"/>
    </row>
    <row r="965373" spans="14:14">
      <c r="N965373" s="10"/>
    </row>
    <row r="965374" spans="14:14">
      <c r="N965374" s="10"/>
    </row>
    <row r="965375" spans="14:14">
      <c r="N965375" s="10"/>
    </row>
    <row r="965376" spans="14:14">
      <c r="N965376" s="10"/>
    </row>
    <row r="965377" spans="14:14">
      <c r="N965377" s="10"/>
    </row>
    <row r="965378" spans="14:14">
      <c r="N965378" s="10"/>
    </row>
    <row r="965379" spans="14:14">
      <c r="N965379" s="10"/>
    </row>
    <row r="965380" spans="14:14">
      <c r="N965380" s="10"/>
    </row>
    <row r="965381" spans="14:14">
      <c r="N965381" s="10"/>
    </row>
    <row r="965382" spans="14:14">
      <c r="N965382" s="10"/>
    </row>
    <row r="965383" spans="14:14">
      <c r="N965383" s="10"/>
    </row>
    <row r="965384" spans="14:14">
      <c r="N965384" s="10"/>
    </row>
    <row r="965385" spans="14:14">
      <c r="N965385" s="10"/>
    </row>
    <row r="965386" spans="14:14">
      <c r="N965386" s="10"/>
    </row>
    <row r="965387" spans="14:14">
      <c r="N965387" s="10"/>
    </row>
    <row r="965388" spans="14:14">
      <c r="N965388" s="10"/>
    </row>
    <row r="965389" spans="14:14">
      <c r="N965389" s="10"/>
    </row>
    <row r="965390" spans="14:14">
      <c r="N965390" s="10"/>
    </row>
    <row r="965391" spans="14:14">
      <c r="N965391" s="10"/>
    </row>
    <row r="965392" spans="14:14">
      <c r="N965392" s="10"/>
    </row>
    <row r="965393" spans="14:14">
      <c r="N965393" s="10"/>
    </row>
    <row r="965394" spans="14:14">
      <c r="N965394" s="10"/>
    </row>
    <row r="965395" spans="14:14">
      <c r="N965395" s="10"/>
    </row>
    <row r="965396" spans="14:14">
      <c r="N965396" s="10"/>
    </row>
    <row r="965397" spans="14:14">
      <c r="N965397" s="10"/>
    </row>
    <row r="965398" spans="14:14">
      <c r="N965398" s="10"/>
    </row>
    <row r="965399" spans="14:14">
      <c r="N965399" s="10"/>
    </row>
    <row r="965400" spans="14:14">
      <c r="N965400" s="10"/>
    </row>
    <row r="965401" spans="14:14">
      <c r="N965401" s="10"/>
    </row>
    <row r="965402" spans="14:14">
      <c r="N965402" s="10"/>
    </row>
    <row r="965403" spans="14:14">
      <c r="N965403" s="10"/>
    </row>
    <row r="965404" spans="14:14">
      <c r="N965404" s="10"/>
    </row>
    <row r="965405" spans="14:14">
      <c r="N965405" s="10"/>
    </row>
    <row r="965406" spans="14:14">
      <c r="N965406" s="10"/>
    </row>
    <row r="965407" spans="14:14">
      <c r="N965407" s="10"/>
    </row>
    <row r="965408" spans="14:14">
      <c r="N965408" s="10"/>
    </row>
    <row r="965409" spans="14:14">
      <c r="N965409" s="10"/>
    </row>
    <row r="965410" spans="14:14">
      <c r="N965410" s="10"/>
    </row>
    <row r="965411" spans="14:14">
      <c r="N965411" s="10"/>
    </row>
    <row r="965412" spans="14:14">
      <c r="N965412" s="10"/>
    </row>
    <row r="965413" spans="14:14">
      <c r="N965413" s="10"/>
    </row>
    <row r="965414" spans="14:14">
      <c r="N965414" s="10"/>
    </row>
    <row r="965415" spans="14:14">
      <c r="N965415" s="10"/>
    </row>
    <row r="965416" spans="14:14">
      <c r="N965416" s="10"/>
    </row>
    <row r="965417" spans="14:14">
      <c r="N965417" s="10"/>
    </row>
    <row r="965418" spans="14:14">
      <c r="N965418" s="10"/>
    </row>
    <row r="965419" spans="14:14">
      <c r="N965419" s="10"/>
    </row>
    <row r="965420" spans="14:14">
      <c r="N965420" s="10"/>
    </row>
    <row r="965421" spans="14:14">
      <c r="N965421" s="10"/>
    </row>
    <row r="965422" spans="14:14">
      <c r="N965422" s="10"/>
    </row>
    <row r="965423" spans="14:14">
      <c r="N965423" s="10"/>
    </row>
    <row r="965424" spans="14:14">
      <c r="N965424" s="10"/>
    </row>
    <row r="965425" spans="14:14">
      <c r="N965425" s="10"/>
    </row>
    <row r="965426" spans="14:14">
      <c r="N965426" s="10"/>
    </row>
    <row r="965427" spans="14:14">
      <c r="N965427" s="10"/>
    </row>
    <row r="965428" spans="14:14">
      <c r="N965428" s="10"/>
    </row>
    <row r="965429" spans="14:14">
      <c r="N965429" s="10"/>
    </row>
    <row r="965430" spans="14:14">
      <c r="N965430" s="10"/>
    </row>
    <row r="965431" spans="14:14">
      <c r="N965431" s="10"/>
    </row>
    <row r="965432" spans="14:14">
      <c r="N965432" s="10"/>
    </row>
    <row r="965433" spans="14:14">
      <c r="N965433" s="10"/>
    </row>
    <row r="965434" spans="14:14">
      <c r="N965434" s="10"/>
    </row>
    <row r="965435" spans="14:14">
      <c r="N965435" s="10"/>
    </row>
    <row r="965436" spans="14:14">
      <c r="N965436" s="10"/>
    </row>
    <row r="965437" spans="14:14">
      <c r="N965437" s="10"/>
    </row>
    <row r="965438" spans="14:14">
      <c r="N965438" s="10"/>
    </row>
    <row r="965439" spans="14:14">
      <c r="N965439" s="10"/>
    </row>
    <row r="965440" spans="14:14">
      <c r="N965440" s="10"/>
    </row>
    <row r="965441" spans="14:14">
      <c r="N965441" s="10"/>
    </row>
    <row r="965442" spans="14:14">
      <c r="N965442" s="10"/>
    </row>
    <row r="965443" spans="14:14">
      <c r="N965443" s="10"/>
    </row>
    <row r="965444" spans="14:14">
      <c r="N965444" s="10"/>
    </row>
    <row r="965445" spans="14:14">
      <c r="N965445" s="10"/>
    </row>
    <row r="965446" spans="14:14">
      <c r="N965446" s="10"/>
    </row>
    <row r="965447" spans="14:14">
      <c r="N965447" s="10"/>
    </row>
    <row r="965448" spans="14:14">
      <c r="N965448" s="10"/>
    </row>
    <row r="965449" spans="14:14">
      <c r="N965449" s="10"/>
    </row>
    <row r="965450" spans="14:14">
      <c r="N965450" s="10"/>
    </row>
    <row r="965451" spans="14:14">
      <c r="N965451" s="10"/>
    </row>
    <row r="965452" spans="14:14">
      <c r="N965452" s="10"/>
    </row>
    <row r="965453" spans="14:14">
      <c r="N965453" s="10"/>
    </row>
    <row r="965454" spans="14:14">
      <c r="N965454" s="10"/>
    </row>
    <row r="965455" spans="14:14">
      <c r="N965455" s="10"/>
    </row>
    <row r="965456" spans="14:14">
      <c r="N965456" s="10"/>
    </row>
    <row r="965457" spans="14:14">
      <c r="N965457" s="10"/>
    </row>
    <row r="965458" spans="14:14">
      <c r="N965458" s="10"/>
    </row>
    <row r="965459" spans="14:14">
      <c r="N965459" s="10"/>
    </row>
    <row r="965460" spans="14:14">
      <c r="N965460" s="10"/>
    </row>
    <row r="965461" spans="14:14">
      <c r="N965461" s="10"/>
    </row>
    <row r="965462" spans="14:14">
      <c r="N965462" s="10"/>
    </row>
    <row r="965463" spans="14:14">
      <c r="N965463" s="10"/>
    </row>
    <row r="965464" spans="14:14">
      <c r="N965464" s="10"/>
    </row>
    <row r="965465" spans="14:14">
      <c r="N965465" s="10"/>
    </row>
    <row r="965466" spans="14:14">
      <c r="N965466" s="10"/>
    </row>
    <row r="965467" spans="14:14">
      <c r="N965467" s="10"/>
    </row>
    <row r="965468" spans="14:14">
      <c r="N965468" s="10"/>
    </row>
    <row r="965469" spans="14:14">
      <c r="N965469" s="10"/>
    </row>
    <row r="965470" spans="14:14">
      <c r="N965470" s="10"/>
    </row>
    <row r="965471" spans="14:14">
      <c r="N965471" s="10"/>
    </row>
    <row r="965472" spans="14:14">
      <c r="N965472" s="10"/>
    </row>
    <row r="965473" spans="14:14">
      <c r="N965473" s="10"/>
    </row>
    <row r="965474" spans="14:14">
      <c r="N965474" s="10"/>
    </row>
    <row r="965475" spans="14:14">
      <c r="N965475" s="10"/>
    </row>
    <row r="965476" spans="14:14">
      <c r="N965476" s="10"/>
    </row>
    <row r="965477" spans="14:14">
      <c r="N965477" s="10"/>
    </row>
    <row r="965478" spans="14:14">
      <c r="N965478" s="10"/>
    </row>
    <row r="965479" spans="14:14">
      <c r="N965479" s="10"/>
    </row>
    <row r="965480" spans="14:14">
      <c r="N965480" s="10"/>
    </row>
    <row r="965481" spans="14:14">
      <c r="N965481" s="10"/>
    </row>
    <row r="965482" spans="14:14">
      <c r="N965482" s="10"/>
    </row>
    <row r="965483" spans="14:14">
      <c r="N965483" s="10"/>
    </row>
    <row r="965484" spans="14:14">
      <c r="N965484" s="10"/>
    </row>
    <row r="965485" spans="14:14">
      <c r="N965485" s="10"/>
    </row>
    <row r="965486" spans="14:14">
      <c r="N965486" s="10"/>
    </row>
    <row r="965487" spans="14:14">
      <c r="N965487" s="10"/>
    </row>
    <row r="965488" spans="14:14">
      <c r="N965488" s="10"/>
    </row>
    <row r="965489" spans="14:14">
      <c r="N965489" s="10"/>
    </row>
    <row r="965490" spans="14:14">
      <c r="N965490" s="10"/>
    </row>
    <row r="965491" spans="14:14">
      <c r="N965491" s="10"/>
    </row>
    <row r="965492" spans="14:14">
      <c r="N965492" s="10"/>
    </row>
    <row r="965493" spans="14:14">
      <c r="N965493" s="10"/>
    </row>
    <row r="965494" spans="14:14">
      <c r="N965494" s="10"/>
    </row>
    <row r="965495" spans="14:14">
      <c r="N965495" s="10"/>
    </row>
    <row r="965496" spans="14:14">
      <c r="N965496" s="10"/>
    </row>
    <row r="965497" spans="14:14">
      <c r="N965497" s="10"/>
    </row>
    <row r="965498" spans="14:14">
      <c r="N965498" s="10"/>
    </row>
    <row r="965499" spans="14:14">
      <c r="N965499" s="10"/>
    </row>
    <row r="965500" spans="14:14">
      <c r="N965500" s="10"/>
    </row>
    <row r="965501" spans="14:14">
      <c r="N965501" s="10"/>
    </row>
    <row r="965502" spans="14:14">
      <c r="N965502" s="10"/>
    </row>
    <row r="965503" spans="14:14">
      <c r="N965503" s="10"/>
    </row>
    <row r="965504" spans="14:14">
      <c r="N965504" s="10"/>
    </row>
    <row r="965505" spans="14:14">
      <c r="N965505" s="10"/>
    </row>
    <row r="965506" spans="14:14">
      <c r="N965506" s="10"/>
    </row>
    <row r="965507" spans="14:14">
      <c r="N965507" s="10"/>
    </row>
    <row r="965508" spans="14:14">
      <c r="N965508" s="10"/>
    </row>
    <row r="965509" spans="14:14">
      <c r="N965509" s="10"/>
    </row>
    <row r="965510" spans="14:14">
      <c r="N965510" s="10"/>
    </row>
    <row r="965511" spans="14:14">
      <c r="N965511" s="10"/>
    </row>
    <row r="965512" spans="14:14">
      <c r="N965512" s="10"/>
    </row>
    <row r="965513" spans="14:14">
      <c r="N965513" s="10"/>
    </row>
    <row r="965514" spans="14:14">
      <c r="N965514" s="10"/>
    </row>
    <row r="965515" spans="14:14">
      <c r="N965515" s="10"/>
    </row>
    <row r="965516" spans="14:14">
      <c r="N965516" s="10"/>
    </row>
    <row r="965517" spans="14:14">
      <c r="N965517" s="10"/>
    </row>
    <row r="965518" spans="14:14">
      <c r="N965518" s="10"/>
    </row>
    <row r="965519" spans="14:14">
      <c r="N965519" s="10"/>
    </row>
    <row r="965520" spans="14:14">
      <c r="N965520" s="10"/>
    </row>
    <row r="965521" spans="14:14">
      <c r="N965521" s="10"/>
    </row>
    <row r="965522" spans="14:14">
      <c r="N965522" s="10"/>
    </row>
    <row r="965523" spans="14:14">
      <c r="N965523" s="10"/>
    </row>
    <row r="965524" spans="14:14">
      <c r="N965524" s="10"/>
    </row>
    <row r="965525" spans="14:14">
      <c r="N965525" s="10"/>
    </row>
    <row r="965526" spans="14:14">
      <c r="N965526" s="10"/>
    </row>
    <row r="965527" spans="14:14">
      <c r="N965527" s="10"/>
    </row>
    <row r="965528" spans="14:14">
      <c r="N965528" s="10"/>
    </row>
    <row r="965529" spans="14:14">
      <c r="N965529" s="10"/>
    </row>
    <row r="965530" spans="14:14">
      <c r="N965530" s="10"/>
    </row>
    <row r="965531" spans="14:14">
      <c r="N965531" s="10"/>
    </row>
    <row r="965532" spans="14:14">
      <c r="N965532" s="10"/>
    </row>
    <row r="965533" spans="14:14">
      <c r="N965533" s="10"/>
    </row>
    <row r="965534" spans="14:14">
      <c r="N965534" s="10"/>
    </row>
    <row r="965535" spans="14:14">
      <c r="N965535" s="10"/>
    </row>
    <row r="965536" spans="14:14">
      <c r="N965536" s="10"/>
    </row>
    <row r="965537" spans="14:14">
      <c r="N965537" s="10"/>
    </row>
    <row r="965538" spans="14:14">
      <c r="N965538" s="10"/>
    </row>
    <row r="965539" spans="14:14">
      <c r="N965539" s="10"/>
    </row>
    <row r="965540" spans="14:14">
      <c r="N965540" s="10"/>
    </row>
    <row r="965541" spans="14:14">
      <c r="N965541" s="10"/>
    </row>
    <row r="965542" spans="14:14">
      <c r="N965542" s="10"/>
    </row>
    <row r="965543" spans="14:14">
      <c r="N965543" s="10"/>
    </row>
    <row r="965544" spans="14:14">
      <c r="N965544" s="10"/>
    </row>
    <row r="965545" spans="14:14">
      <c r="N965545" s="10"/>
    </row>
    <row r="965546" spans="14:14">
      <c r="N965546" s="10"/>
    </row>
    <row r="965547" spans="14:14">
      <c r="N965547" s="10"/>
    </row>
    <row r="965548" spans="14:14">
      <c r="N965548" s="10"/>
    </row>
    <row r="965549" spans="14:14">
      <c r="N965549" s="10"/>
    </row>
    <row r="965550" spans="14:14">
      <c r="N965550" s="10"/>
    </row>
    <row r="965551" spans="14:14">
      <c r="N965551" s="10"/>
    </row>
    <row r="965552" spans="14:14">
      <c r="N965552" s="10"/>
    </row>
    <row r="965553" spans="14:14">
      <c r="N965553" s="10"/>
    </row>
    <row r="965554" spans="14:14">
      <c r="N965554" s="10"/>
    </row>
    <row r="965555" spans="14:14">
      <c r="N965555" s="10"/>
    </row>
    <row r="965556" spans="14:14">
      <c r="N965556" s="10"/>
    </row>
    <row r="965557" spans="14:14">
      <c r="N965557" s="10"/>
    </row>
    <row r="965558" spans="14:14">
      <c r="N965558" s="10"/>
    </row>
    <row r="965559" spans="14:14">
      <c r="N965559" s="10"/>
    </row>
    <row r="965560" spans="14:14">
      <c r="N965560" s="10"/>
    </row>
    <row r="965561" spans="14:14">
      <c r="N965561" s="10"/>
    </row>
    <row r="965562" spans="14:14">
      <c r="N965562" s="10"/>
    </row>
    <row r="965563" spans="14:14">
      <c r="N965563" s="10"/>
    </row>
    <row r="965564" spans="14:14">
      <c r="N965564" s="10"/>
    </row>
    <row r="965565" spans="14:14">
      <c r="N965565" s="10"/>
    </row>
    <row r="965566" spans="14:14">
      <c r="N965566" s="10"/>
    </row>
    <row r="965567" spans="14:14">
      <c r="N965567" s="10"/>
    </row>
    <row r="965568" spans="14:14">
      <c r="N965568" s="10"/>
    </row>
    <row r="965569" spans="14:14">
      <c r="N965569" s="10"/>
    </row>
    <row r="965570" spans="14:14">
      <c r="N965570" s="10"/>
    </row>
    <row r="965571" spans="14:14">
      <c r="N965571" s="10"/>
    </row>
    <row r="965572" spans="14:14">
      <c r="N965572" s="10"/>
    </row>
    <row r="965573" spans="14:14">
      <c r="N965573" s="10"/>
    </row>
    <row r="965574" spans="14:14">
      <c r="N965574" s="10"/>
    </row>
    <row r="965575" spans="14:14">
      <c r="N965575" s="10"/>
    </row>
    <row r="965576" spans="14:14">
      <c r="N965576" s="10"/>
    </row>
    <row r="965577" spans="14:14">
      <c r="N965577" s="10"/>
    </row>
    <row r="965578" spans="14:14">
      <c r="N965578" s="10"/>
    </row>
    <row r="965579" spans="14:14">
      <c r="N965579" s="10"/>
    </row>
    <row r="965580" spans="14:14">
      <c r="N965580" s="10"/>
    </row>
    <row r="965581" spans="14:14">
      <c r="N965581" s="10"/>
    </row>
    <row r="965582" spans="14:14">
      <c r="N965582" s="10"/>
    </row>
    <row r="965583" spans="14:14">
      <c r="N965583" s="10"/>
    </row>
    <row r="965584" spans="14:14">
      <c r="N965584" s="10"/>
    </row>
    <row r="965585" spans="14:14">
      <c r="N965585" s="10"/>
    </row>
    <row r="965586" spans="14:14">
      <c r="N965586" s="10"/>
    </row>
    <row r="965587" spans="14:14">
      <c r="N965587" s="10"/>
    </row>
    <row r="965588" spans="14:14">
      <c r="N965588" s="10"/>
    </row>
    <row r="965589" spans="14:14">
      <c r="N965589" s="10"/>
    </row>
    <row r="965590" spans="14:14">
      <c r="N965590" s="10"/>
    </row>
    <row r="965591" spans="14:14">
      <c r="N965591" s="10"/>
    </row>
    <row r="965592" spans="14:14">
      <c r="N965592" s="10"/>
    </row>
    <row r="965593" spans="14:14">
      <c r="N965593" s="10"/>
    </row>
    <row r="965594" spans="14:14">
      <c r="N965594" s="10"/>
    </row>
    <row r="965595" spans="14:14">
      <c r="N965595" s="10"/>
    </row>
    <row r="965596" spans="14:14">
      <c r="N965596" s="10"/>
    </row>
    <row r="965597" spans="14:14">
      <c r="N965597" s="10"/>
    </row>
    <row r="965598" spans="14:14">
      <c r="N965598" s="10"/>
    </row>
    <row r="965599" spans="14:14">
      <c r="N965599" s="10"/>
    </row>
    <row r="965600" spans="14:14">
      <c r="N965600" s="10"/>
    </row>
    <row r="965601" spans="14:14">
      <c r="N965601" s="10"/>
    </row>
    <row r="965602" spans="14:14">
      <c r="N965602" s="10"/>
    </row>
    <row r="965603" spans="14:14">
      <c r="N965603" s="10"/>
    </row>
    <row r="965604" spans="14:14">
      <c r="N965604" s="10"/>
    </row>
    <row r="965605" spans="14:14">
      <c r="N965605" s="10"/>
    </row>
    <row r="965606" spans="14:14">
      <c r="N965606" s="10"/>
    </row>
    <row r="965607" spans="14:14">
      <c r="N965607" s="10"/>
    </row>
    <row r="965608" spans="14:14">
      <c r="N965608" s="10"/>
    </row>
    <row r="965609" spans="14:14">
      <c r="N965609" s="10"/>
    </row>
    <row r="965610" spans="14:14">
      <c r="N965610" s="10"/>
    </row>
    <row r="965611" spans="14:14">
      <c r="N965611" s="10"/>
    </row>
    <row r="965612" spans="14:14">
      <c r="N965612" s="10"/>
    </row>
    <row r="965613" spans="14:14">
      <c r="N965613" s="10"/>
    </row>
    <row r="965614" spans="14:14">
      <c r="N965614" s="10"/>
    </row>
    <row r="965615" spans="14:14">
      <c r="N965615" s="10"/>
    </row>
    <row r="965616" spans="14:14">
      <c r="N965616" s="10"/>
    </row>
    <row r="965617" spans="14:14">
      <c r="N965617" s="10"/>
    </row>
    <row r="965618" spans="14:14">
      <c r="N965618" s="10"/>
    </row>
    <row r="965619" spans="14:14">
      <c r="N965619" s="10"/>
    </row>
    <row r="965620" spans="14:14">
      <c r="N965620" s="10"/>
    </row>
    <row r="965621" spans="14:14">
      <c r="N965621" s="10"/>
    </row>
    <row r="965622" spans="14:14">
      <c r="N965622" s="10"/>
    </row>
    <row r="965623" spans="14:14">
      <c r="N965623" s="10"/>
    </row>
    <row r="965624" spans="14:14">
      <c r="N965624" s="10"/>
    </row>
    <row r="965625" spans="14:14">
      <c r="N965625" s="10"/>
    </row>
    <row r="965626" spans="14:14">
      <c r="N965626" s="10"/>
    </row>
    <row r="965627" spans="14:14">
      <c r="N965627" s="10"/>
    </row>
    <row r="965628" spans="14:14">
      <c r="N965628" s="10"/>
    </row>
    <row r="965629" spans="14:14">
      <c r="N965629" s="10"/>
    </row>
    <row r="965630" spans="14:14">
      <c r="N965630" s="10"/>
    </row>
    <row r="965631" spans="14:14">
      <c r="N965631" s="10"/>
    </row>
    <row r="965632" spans="14:14">
      <c r="N965632" s="10"/>
    </row>
    <row r="965633" spans="14:14">
      <c r="N965633" s="10"/>
    </row>
    <row r="965634" spans="14:14">
      <c r="N965634" s="10"/>
    </row>
    <row r="965635" spans="14:14">
      <c r="N965635" s="10"/>
    </row>
    <row r="965636" spans="14:14">
      <c r="N965636" s="10"/>
    </row>
    <row r="965637" spans="14:14">
      <c r="N965637" s="10"/>
    </row>
    <row r="965638" spans="14:14">
      <c r="N965638" s="10"/>
    </row>
    <row r="965639" spans="14:14">
      <c r="N965639" s="10"/>
    </row>
    <row r="965640" spans="14:14">
      <c r="N965640" s="10"/>
    </row>
    <row r="965641" spans="14:14">
      <c r="N965641" s="10"/>
    </row>
    <row r="965642" spans="14:14">
      <c r="N965642" s="10"/>
    </row>
    <row r="965643" spans="14:14">
      <c r="N965643" s="10"/>
    </row>
    <row r="965644" spans="14:14">
      <c r="N965644" s="10"/>
    </row>
    <row r="965645" spans="14:14">
      <c r="N965645" s="10"/>
    </row>
    <row r="965646" spans="14:14">
      <c r="N965646" s="10"/>
    </row>
    <row r="965647" spans="14:14">
      <c r="N965647" s="10"/>
    </row>
    <row r="965648" spans="14:14">
      <c r="N965648" s="10"/>
    </row>
    <row r="965649" spans="14:14">
      <c r="N965649" s="10"/>
    </row>
    <row r="965650" spans="14:14">
      <c r="N965650" s="10"/>
    </row>
    <row r="965651" spans="14:14">
      <c r="N965651" s="10"/>
    </row>
    <row r="965652" spans="14:14">
      <c r="N965652" s="10"/>
    </row>
    <row r="965653" spans="14:14">
      <c r="N965653" s="10"/>
    </row>
    <row r="965654" spans="14:14">
      <c r="N965654" s="10"/>
    </row>
    <row r="965655" spans="14:14">
      <c r="N965655" s="10"/>
    </row>
    <row r="965656" spans="14:14">
      <c r="N965656" s="10"/>
    </row>
    <row r="965657" spans="14:14">
      <c r="N965657" s="10"/>
    </row>
    <row r="965658" spans="14:14">
      <c r="N965658" s="10"/>
    </row>
    <row r="965659" spans="14:14">
      <c r="N965659" s="10"/>
    </row>
    <row r="965660" spans="14:14">
      <c r="N965660" s="10"/>
    </row>
    <row r="965661" spans="14:14">
      <c r="N965661" s="10"/>
    </row>
    <row r="965662" spans="14:14">
      <c r="N965662" s="10"/>
    </row>
    <row r="965663" spans="14:14">
      <c r="N965663" s="10"/>
    </row>
    <row r="965664" spans="14:14">
      <c r="N965664" s="10"/>
    </row>
    <row r="965665" spans="14:14">
      <c r="N965665" s="10"/>
    </row>
    <row r="965666" spans="14:14">
      <c r="N965666" s="10"/>
    </row>
    <row r="965667" spans="14:14">
      <c r="N965667" s="10"/>
    </row>
    <row r="965668" spans="14:14">
      <c r="N965668" s="10"/>
    </row>
    <row r="965669" spans="14:14">
      <c r="N965669" s="10"/>
    </row>
    <row r="965670" spans="14:14">
      <c r="N965670" s="10"/>
    </row>
    <row r="965671" spans="14:14">
      <c r="N965671" s="10"/>
    </row>
    <row r="965672" spans="14:14">
      <c r="N965672" s="10"/>
    </row>
    <row r="965673" spans="14:14">
      <c r="N965673" s="10"/>
    </row>
    <row r="965674" spans="14:14">
      <c r="N965674" s="10"/>
    </row>
    <row r="965675" spans="14:14">
      <c r="N965675" s="10"/>
    </row>
    <row r="965676" spans="14:14">
      <c r="N965676" s="10"/>
    </row>
    <row r="965677" spans="14:14">
      <c r="N965677" s="10"/>
    </row>
    <row r="965678" spans="14:14">
      <c r="N965678" s="10"/>
    </row>
    <row r="965679" spans="14:14">
      <c r="N965679" s="10"/>
    </row>
    <row r="965680" spans="14:14">
      <c r="N965680" s="10"/>
    </row>
    <row r="965681" spans="14:14">
      <c r="N965681" s="10"/>
    </row>
    <row r="965682" spans="14:14">
      <c r="N965682" s="10"/>
    </row>
    <row r="965683" spans="14:14">
      <c r="N965683" s="10"/>
    </row>
    <row r="965684" spans="14:14">
      <c r="N965684" s="10"/>
    </row>
    <row r="965685" spans="14:14">
      <c r="N965685" s="10"/>
    </row>
    <row r="965686" spans="14:14">
      <c r="N965686" s="10"/>
    </row>
    <row r="965687" spans="14:14">
      <c r="N965687" s="10"/>
    </row>
    <row r="965688" spans="14:14">
      <c r="N965688" s="10"/>
    </row>
    <row r="965689" spans="14:14">
      <c r="N965689" s="10"/>
    </row>
    <row r="965690" spans="14:14">
      <c r="N965690" s="10"/>
    </row>
    <row r="965691" spans="14:14">
      <c r="N965691" s="10"/>
    </row>
    <row r="965692" spans="14:14">
      <c r="N965692" s="10"/>
    </row>
    <row r="965693" spans="14:14">
      <c r="N965693" s="10"/>
    </row>
    <row r="965694" spans="14:14">
      <c r="N965694" s="10"/>
    </row>
    <row r="965695" spans="14:14">
      <c r="N965695" s="10"/>
    </row>
    <row r="965696" spans="14:14">
      <c r="N965696" s="10"/>
    </row>
    <row r="965697" spans="14:14">
      <c r="N965697" s="10"/>
    </row>
    <row r="965698" spans="14:14">
      <c r="N965698" s="10"/>
    </row>
    <row r="965699" spans="14:14">
      <c r="N965699" s="10"/>
    </row>
    <row r="965700" spans="14:14">
      <c r="N965700" s="10"/>
    </row>
    <row r="965701" spans="14:14">
      <c r="N965701" s="10"/>
    </row>
    <row r="965702" spans="14:14">
      <c r="N965702" s="10"/>
    </row>
    <row r="965703" spans="14:14">
      <c r="N965703" s="10"/>
    </row>
    <row r="965704" spans="14:14">
      <c r="N965704" s="10"/>
    </row>
    <row r="965705" spans="14:14">
      <c r="N965705" s="10"/>
    </row>
    <row r="965706" spans="14:14">
      <c r="N965706" s="10"/>
    </row>
    <row r="965707" spans="14:14">
      <c r="N965707" s="10"/>
    </row>
    <row r="965708" spans="14:14">
      <c r="N965708" s="10"/>
    </row>
    <row r="965709" spans="14:14">
      <c r="N965709" s="10"/>
    </row>
    <row r="965710" spans="14:14">
      <c r="N965710" s="10"/>
    </row>
    <row r="965711" spans="14:14">
      <c r="N965711" s="10"/>
    </row>
    <row r="965712" spans="14:14">
      <c r="N965712" s="10"/>
    </row>
    <row r="965713" spans="14:14">
      <c r="N965713" s="10"/>
    </row>
    <row r="965714" spans="14:14">
      <c r="N965714" s="10"/>
    </row>
    <row r="965715" spans="14:14">
      <c r="N965715" s="10"/>
    </row>
    <row r="965716" spans="14:14">
      <c r="N965716" s="10"/>
    </row>
    <row r="965717" spans="14:14">
      <c r="N965717" s="10"/>
    </row>
    <row r="965718" spans="14:14">
      <c r="N965718" s="10"/>
    </row>
    <row r="965719" spans="14:14">
      <c r="N965719" s="10"/>
    </row>
    <row r="965720" spans="14:14">
      <c r="N965720" s="10"/>
    </row>
    <row r="965721" spans="14:14">
      <c r="N965721" s="10"/>
    </row>
    <row r="965722" spans="14:14">
      <c r="N965722" s="10"/>
    </row>
    <row r="965723" spans="14:14">
      <c r="N965723" s="10"/>
    </row>
    <row r="965724" spans="14:14">
      <c r="N965724" s="10"/>
    </row>
    <row r="965725" spans="14:14">
      <c r="N965725" s="10"/>
    </row>
    <row r="965726" spans="14:14">
      <c r="N965726" s="10"/>
    </row>
    <row r="965727" spans="14:14">
      <c r="N965727" s="10"/>
    </row>
    <row r="965728" spans="14:14">
      <c r="N965728" s="10"/>
    </row>
    <row r="965729" spans="14:14">
      <c r="N965729" s="10"/>
    </row>
    <row r="965730" spans="14:14">
      <c r="N965730" s="10"/>
    </row>
    <row r="965731" spans="14:14">
      <c r="N965731" s="10"/>
    </row>
    <row r="965732" spans="14:14">
      <c r="N965732" s="10"/>
    </row>
    <row r="965733" spans="14:14">
      <c r="N965733" s="10"/>
    </row>
    <row r="965734" spans="14:14">
      <c r="N965734" s="10"/>
    </row>
    <row r="965735" spans="14:14">
      <c r="N965735" s="10"/>
    </row>
    <row r="965736" spans="14:14">
      <c r="N965736" s="10"/>
    </row>
    <row r="965737" spans="14:14">
      <c r="N965737" s="10"/>
    </row>
    <row r="965738" spans="14:14">
      <c r="N965738" s="10"/>
    </row>
    <row r="965739" spans="14:14">
      <c r="N965739" s="10"/>
    </row>
    <row r="965740" spans="14:14">
      <c r="N965740" s="10"/>
    </row>
    <row r="965741" spans="14:14">
      <c r="N965741" s="10"/>
    </row>
    <row r="965742" spans="14:14">
      <c r="N965742" s="10"/>
    </row>
    <row r="965743" spans="14:14">
      <c r="N965743" s="10"/>
    </row>
    <row r="965744" spans="14:14">
      <c r="N965744" s="10"/>
    </row>
    <row r="965745" spans="14:14">
      <c r="N965745" s="10"/>
    </row>
    <row r="965746" spans="14:14">
      <c r="N965746" s="10"/>
    </row>
    <row r="965747" spans="14:14">
      <c r="N965747" s="10"/>
    </row>
    <row r="965748" spans="14:14">
      <c r="N965748" s="10"/>
    </row>
    <row r="965749" spans="14:14">
      <c r="N965749" s="10"/>
    </row>
    <row r="965750" spans="14:14">
      <c r="N965750" s="10"/>
    </row>
    <row r="965751" spans="14:14">
      <c r="N965751" s="10"/>
    </row>
    <row r="965752" spans="14:14">
      <c r="N965752" s="10"/>
    </row>
    <row r="965753" spans="14:14">
      <c r="N965753" s="10"/>
    </row>
    <row r="965754" spans="14:14">
      <c r="N965754" s="10"/>
    </row>
    <row r="965755" spans="14:14">
      <c r="N965755" s="10"/>
    </row>
    <row r="965756" spans="14:14">
      <c r="N965756" s="10"/>
    </row>
    <row r="965757" spans="14:14">
      <c r="N965757" s="10"/>
    </row>
    <row r="965758" spans="14:14">
      <c r="N965758" s="10"/>
    </row>
    <row r="965759" spans="14:14">
      <c r="N965759" s="10"/>
    </row>
    <row r="965760" spans="14:14">
      <c r="N965760" s="10"/>
    </row>
    <row r="965761" spans="14:14">
      <c r="N965761" s="10"/>
    </row>
    <row r="965762" spans="14:14">
      <c r="N965762" s="10"/>
    </row>
    <row r="965763" spans="14:14">
      <c r="N965763" s="10"/>
    </row>
    <row r="965764" spans="14:14">
      <c r="N965764" s="10"/>
    </row>
    <row r="965765" spans="14:14">
      <c r="N965765" s="10"/>
    </row>
    <row r="965766" spans="14:14">
      <c r="N965766" s="10"/>
    </row>
    <row r="965767" spans="14:14">
      <c r="N965767" s="10"/>
    </row>
    <row r="965768" spans="14:14">
      <c r="N965768" s="10"/>
    </row>
    <row r="965769" spans="14:14">
      <c r="N965769" s="10"/>
    </row>
    <row r="965770" spans="14:14">
      <c r="N965770" s="10"/>
    </row>
    <row r="965771" spans="14:14">
      <c r="N965771" s="10"/>
    </row>
    <row r="965772" spans="14:14">
      <c r="N965772" s="10"/>
    </row>
    <row r="965773" spans="14:14">
      <c r="N965773" s="10"/>
    </row>
    <row r="965774" spans="14:14">
      <c r="N965774" s="10"/>
    </row>
    <row r="965775" spans="14:14">
      <c r="N965775" s="10"/>
    </row>
    <row r="965776" spans="14:14">
      <c r="N965776" s="10"/>
    </row>
    <row r="965777" spans="14:14">
      <c r="N965777" s="10"/>
    </row>
    <row r="965778" spans="14:14">
      <c r="N965778" s="10"/>
    </row>
    <row r="965779" spans="14:14">
      <c r="N965779" s="10"/>
    </row>
    <row r="965780" spans="14:14">
      <c r="N965780" s="10"/>
    </row>
    <row r="965781" spans="14:14">
      <c r="N965781" s="10"/>
    </row>
    <row r="965782" spans="14:14">
      <c r="N965782" s="10"/>
    </row>
    <row r="965783" spans="14:14">
      <c r="N965783" s="10"/>
    </row>
    <row r="965784" spans="14:14">
      <c r="N965784" s="10"/>
    </row>
    <row r="965785" spans="14:14">
      <c r="N965785" s="10"/>
    </row>
    <row r="965786" spans="14:14">
      <c r="N965786" s="10"/>
    </row>
    <row r="965787" spans="14:14">
      <c r="N965787" s="10"/>
    </row>
    <row r="965788" spans="14:14">
      <c r="N965788" s="10"/>
    </row>
    <row r="965789" spans="14:14">
      <c r="N965789" s="10"/>
    </row>
    <row r="965790" spans="14:14">
      <c r="N965790" s="10"/>
    </row>
    <row r="965791" spans="14:14">
      <c r="N965791" s="10"/>
    </row>
    <row r="965792" spans="14:14">
      <c r="N965792" s="10"/>
    </row>
    <row r="965793" spans="14:14">
      <c r="N965793" s="10"/>
    </row>
    <row r="965794" spans="14:14">
      <c r="N965794" s="10"/>
    </row>
    <row r="965795" spans="14:14">
      <c r="N965795" s="10"/>
    </row>
    <row r="965796" spans="14:14">
      <c r="N965796" s="10"/>
    </row>
    <row r="965797" spans="14:14">
      <c r="N965797" s="10"/>
    </row>
    <row r="965798" spans="14:14">
      <c r="N965798" s="10"/>
    </row>
    <row r="965799" spans="14:14">
      <c r="N965799" s="10"/>
    </row>
    <row r="965800" spans="14:14">
      <c r="N965800" s="10"/>
    </row>
    <row r="965801" spans="14:14">
      <c r="N965801" s="10"/>
    </row>
    <row r="965802" spans="14:14">
      <c r="N965802" s="10"/>
    </row>
    <row r="965803" spans="14:14">
      <c r="N965803" s="10"/>
    </row>
    <row r="965804" spans="14:14">
      <c r="N965804" s="10"/>
    </row>
    <row r="965805" spans="14:14">
      <c r="N965805" s="10"/>
    </row>
    <row r="965806" spans="14:14">
      <c r="N965806" s="10"/>
    </row>
    <row r="965807" spans="14:14">
      <c r="N965807" s="10"/>
    </row>
    <row r="965808" spans="14:14">
      <c r="N965808" s="10"/>
    </row>
    <row r="965809" spans="14:14">
      <c r="N965809" s="10"/>
    </row>
    <row r="965810" spans="14:14">
      <c r="N965810" s="10"/>
    </row>
    <row r="965811" spans="14:14">
      <c r="N965811" s="10"/>
    </row>
    <row r="965812" spans="14:14">
      <c r="N965812" s="10"/>
    </row>
    <row r="965813" spans="14:14">
      <c r="N965813" s="10"/>
    </row>
    <row r="965814" spans="14:14">
      <c r="N965814" s="10"/>
    </row>
    <row r="965815" spans="14:14">
      <c r="N965815" s="10"/>
    </row>
    <row r="965816" spans="14:14">
      <c r="N965816" s="10"/>
    </row>
    <row r="965817" spans="14:14">
      <c r="N965817" s="10"/>
    </row>
    <row r="965818" spans="14:14">
      <c r="N965818" s="10"/>
    </row>
    <row r="965819" spans="14:14">
      <c r="N965819" s="10"/>
    </row>
    <row r="965820" spans="14:14">
      <c r="N965820" s="10"/>
    </row>
    <row r="965821" spans="14:14">
      <c r="N965821" s="10"/>
    </row>
    <row r="965822" spans="14:14">
      <c r="N965822" s="10"/>
    </row>
    <row r="965823" spans="14:14">
      <c r="N965823" s="10"/>
    </row>
    <row r="965824" spans="14:14">
      <c r="N965824" s="10"/>
    </row>
    <row r="965825" spans="14:14">
      <c r="N965825" s="10"/>
    </row>
    <row r="965826" spans="14:14">
      <c r="N965826" s="10"/>
    </row>
    <row r="965827" spans="14:14">
      <c r="N965827" s="10"/>
    </row>
    <row r="965828" spans="14:14">
      <c r="N965828" s="10"/>
    </row>
    <row r="965829" spans="14:14">
      <c r="N965829" s="10"/>
    </row>
    <row r="965830" spans="14:14">
      <c r="N965830" s="10"/>
    </row>
    <row r="965831" spans="14:14">
      <c r="N965831" s="10"/>
    </row>
    <row r="965832" spans="14:14">
      <c r="N965832" s="10"/>
    </row>
    <row r="965833" spans="14:14">
      <c r="N965833" s="10"/>
    </row>
    <row r="965834" spans="14:14">
      <c r="N965834" s="10"/>
    </row>
    <row r="965835" spans="14:14">
      <c r="N965835" s="10"/>
    </row>
    <row r="965836" spans="14:14">
      <c r="N965836" s="10"/>
    </row>
    <row r="965837" spans="14:14">
      <c r="N965837" s="10"/>
    </row>
    <row r="965838" spans="14:14">
      <c r="N965838" s="10"/>
    </row>
    <row r="965839" spans="14:14">
      <c r="N965839" s="10"/>
    </row>
    <row r="965840" spans="14:14">
      <c r="N965840" s="10"/>
    </row>
    <row r="965841" spans="14:14">
      <c r="N965841" s="10"/>
    </row>
    <row r="965842" spans="14:14">
      <c r="N965842" s="10"/>
    </row>
    <row r="965843" spans="14:14">
      <c r="N965843" s="10"/>
    </row>
    <row r="965844" spans="14:14">
      <c r="N965844" s="10"/>
    </row>
    <row r="965845" spans="14:14">
      <c r="N965845" s="10"/>
    </row>
    <row r="965846" spans="14:14">
      <c r="N965846" s="10"/>
    </row>
    <row r="965847" spans="14:14">
      <c r="N965847" s="10"/>
    </row>
    <row r="965848" spans="14:14">
      <c r="N965848" s="10"/>
    </row>
    <row r="965849" spans="14:14">
      <c r="N965849" s="10"/>
    </row>
    <row r="965850" spans="14:14">
      <c r="N965850" s="10"/>
    </row>
    <row r="965851" spans="14:14">
      <c r="N965851" s="10"/>
    </row>
    <row r="965852" spans="14:14">
      <c r="N965852" s="10"/>
    </row>
    <row r="965853" spans="14:14">
      <c r="N965853" s="10"/>
    </row>
    <row r="965854" spans="14:14">
      <c r="N965854" s="10"/>
    </row>
    <row r="965855" spans="14:14">
      <c r="N965855" s="10"/>
    </row>
    <row r="965856" spans="14:14">
      <c r="N965856" s="10"/>
    </row>
    <row r="965857" spans="14:14">
      <c r="N965857" s="10"/>
    </row>
    <row r="965858" spans="14:14">
      <c r="N965858" s="10"/>
    </row>
    <row r="965859" spans="14:14">
      <c r="N965859" s="10"/>
    </row>
    <row r="965860" spans="14:14">
      <c r="N965860" s="10"/>
    </row>
    <row r="965861" spans="14:14">
      <c r="N965861" s="10"/>
    </row>
    <row r="965862" spans="14:14">
      <c r="N965862" s="10"/>
    </row>
    <row r="965863" spans="14:14">
      <c r="N965863" s="10"/>
    </row>
    <row r="965864" spans="14:14">
      <c r="N965864" s="10"/>
    </row>
    <row r="965865" spans="14:14">
      <c r="N965865" s="10"/>
    </row>
    <row r="965866" spans="14:14">
      <c r="N965866" s="10"/>
    </row>
    <row r="965867" spans="14:14">
      <c r="N965867" s="10"/>
    </row>
    <row r="965868" spans="14:14">
      <c r="N965868" s="10"/>
    </row>
    <row r="965869" spans="14:14">
      <c r="N965869" s="10"/>
    </row>
    <row r="965870" spans="14:14">
      <c r="N965870" s="10"/>
    </row>
    <row r="965871" spans="14:14">
      <c r="N965871" s="10"/>
    </row>
    <row r="965872" spans="14:14">
      <c r="N965872" s="10"/>
    </row>
    <row r="965873" spans="14:14">
      <c r="N965873" s="10"/>
    </row>
    <row r="965874" spans="14:14">
      <c r="N965874" s="10"/>
    </row>
    <row r="965875" spans="14:14">
      <c r="N965875" s="10"/>
    </row>
    <row r="965876" spans="14:14">
      <c r="N965876" s="10"/>
    </row>
    <row r="965877" spans="14:14">
      <c r="N965877" s="10"/>
    </row>
    <row r="965878" spans="14:14">
      <c r="N965878" s="10"/>
    </row>
    <row r="965879" spans="14:14">
      <c r="N965879" s="10"/>
    </row>
    <row r="965880" spans="14:14">
      <c r="N965880" s="10"/>
    </row>
    <row r="965881" spans="14:14">
      <c r="N965881" s="10"/>
    </row>
    <row r="965882" spans="14:14">
      <c r="N965882" s="10"/>
    </row>
    <row r="965883" spans="14:14">
      <c r="N965883" s="10"/>
    </row>
    <row r="965884" spans="14:14">
      <c r="N965884" s="10"/>
    </row>
    <row r="965885" spans="14:14">
      <c r="N965885" s="10"/>
    </row>
    <row r="965886" spans="14:14">
      <c r="N965886" s="10"/>
    </row>
    <row r="965887" spans="14:14">
      <c r="N965887" s="10"/>
    </row>
    <row r="965888" spans="14:14">
      <c r="N965888" s="10"/>
    </row>
    <row r="965889" spans="14:14">
      <c r="N965889" s="10"/>
    </row>
    <row r="965890" spans="14:14">
      <c r="N965890" s="10"/>
    </row>
    <row r="965891" spans="14:14">
      <c r="N965891" s="10"/>
    </row>
    <row r="965892" spans="14:14">
      <c r="N965892" s="10"/>
    </row>
    <row r="965893" spans="14:14">
      <c r="N965893" s="10"/>
    </row>
    <row r="965894" spans="14:14">
      <c r="N965894" s="10"/>
    </row>
    <row r="965895" spans="14:14">
      <c r="N965895" s="10"/>
    </row>
    <row r="965896" spans="14:14">
      <c r="N965896" s="10"/>
    </row>
    <row r="965897" spans="14:14">
      <c r="N965897" s="10"/>
    </row>
    <row r="965898" spans="14:14">
      <c r="N965898" s="10"/>
    </row>
    <row r="965899" spans="14:14">
      <c r="N965899" s="10"/>
    </row>
    <row r="965900" spans="14:14">
      <c r="N965900" s="10"/>
    </row>
    <row r="965901" spans="14:14">
      <c r="N965901" s="10"/>
    </row>
    <row r="965902" spans="14:14">
      <c r="N965902" s="10"/>
    </row>
    <row r="965903" spans="14:14">
      <c r="N965903" s="10"/>
    </row>
    <row r="965904" spans="14:14">
      <c r="N965904" s="10"/>
    </row>
    <row r="965905" spans="14:14">
      <c r="N965905" s="10"/>
    </row>
    <row r="965906" spans="14:14">
      <c r="N965906" s="10"/>
    </row>
    <row r="965907" spans="14:14">
      <c r="N965907" s="10"/>
    </row>
    <row r="965908" spans="14:14">
      <c r="N965908" s="10"/>
    </row>
    <row r="965909" spans="14:14">
      <c r="N965909" s="10"/>
    </row>
    <row r="965910" spans="14:14">
      <c r="N965910" s="10"/>
    </row>
    <row r="965911" spans="14:14">
      <c r="N965911" s="10"/>
    </row>
    <row r="965912" spans="14:14">
      <c r="N965912" s="10"/>
    </row>
    <row r="965913" spans="14:14">
      <c r="N965913" s="10"/>
    </row>
    <row r="965914" spans="14:14">
      <c r="N965914" s="10"/>
    </row>
    <row r="965915" spans="14:14">
      <c r="N965915" s="10"/>
    </row>
    <row r="965916" spans="14:14">
      <c r="N965916" s="10"/>
    </row>
    <row r="965917" spans="14:14">
      <c r="N965917" s="10"/>
    </row>
    <row r="965918" spans="14:14">
      <c r="N965918" s="10"/>
    </row>
    <row r="965919" spans="14:14">
      <c r="N965919" s="10"/>
    </row>
    <row r="965920" spans="14:14">
      <c r="N965920" s="10"/>
    </row>
    <row r="965921" spans="14:14">
      <c r="N965921" s="10"/>
    </row>
    <row r="965922" spans="14:14">
      <c r="N965922" s="10"/>
    </row>
    <row r="965923" spans="14:14">
      <c r="N965923" s="10"/>
    </row>
    <row r="965924" spans="14:14">
      <c r="N965924" s="10"/>
    </row>
    <row r="965925" spans="14:14">
      <c r="N965925" s="10"/>
    </row>
    <row r="965926" spans="14:14">
      <c r="N965926" s="10"/>
    </row>
    <row r="965927" spans="14:14">
      <c r="N965927" s="10"/>
    </row>
    <row r="965928" spans="14:14">
      <c r="N965928" s="10"/>
    </row>
    <row r="965929" spans="14:14">
      <c r="N965929" s="10"/>
    </row>
    <row r="965930" spans="14:14">
      <c r="N965930" s="10"/>
    </row>
    <row r="965931" spans="14:14">
      <c r="N965931" s="10"/>
    </row>
    <row r="965932" spans="14:14">
      <c r="N965932" s="10"/>
    </row>
    <row r="965933" spans="14:14">
      <c r="N965933" s="10"/>
    </row>
    <row r="965934" spans="14:14">
      <c r="N965934" s="10"/>
    </row>
    <row r="965935" spans="14:14">
      <c r="N965935" s="10"/>
    </row>
    <row r="965936" spans="14:14">
      <c r="N965936" s="10"/>
    </row>
    <row r="965937" spans="14:14">
      <c r="N965937" s="10"/>
    </row>
    <row r="965938" spans="14:14">
      <c r="N965938" s="10"/>
    </row>
    <row r="965939" spans="14:14">
      <c r="N965939" s="10"/>
    </row>
    <row r="965940" spans="14:14">
      <c r="N965940" s="10"/>
    </row>
    <row r="965941" spans="14:14">
      <c r="N965941" s="10"/>
    </row>
    <row r="965942" spans="14:14">
      <c r="N965942" s="10"/>
    </row>
    <row r="965943" spans="14:14">
      <c r="N965943" s="10"/>
    </row>
    <row r="965944" spans="14:14">
      <c r="N965944" s="10"/>
    </row>
    <row r="965945" spans="14:14">
      <c r="N965945" s="10"/>
    </row>
    <row r="965946" spans="14:14">
      <c r="N965946" s="10"/>
    </row>
    <row r="965947" spans="14:14">
      <c r="N965947" s="10"/>
    </row>
    <row r="965948" spans="14:14">
      <c r="N965948" s="10"/>
    </row>
    <row r="965949" spans="14:14">
      <c r="N965949" s="10"/>
    </row>
    <row r="965950" spans="14:14">
      <c r="N965950" s="10"/>
    </row>
    <row r="965951" spans="14:14">
      <c r="N965951" s="10"/>
    </row>
    <row r="965952" spans="14:14">
      <c r="N965952" s="10"/>
    </row>
    <row r="965953" spans="14:14">
      <c r="N965953" s="10"/>
    </row>
    <row r="965954" spans="14:14">
      <c r="N965954" s="10"/>
    </row>
    <row r="965955" spans="14:14">
      <c r="N965955" s="10"/>
    </row>
    <row r="965956" spans="14:14">
      <c r="N965956" s="10"/>
    </row>
    <row r="965957" spans="14:14">
      <c r="N965957" s="10"/>
    </row>
    <row r="965958" spans="14:14">
      <c r="N965958" s="10"/>
    </row>
    <row r="965959" spans="14:14">
      <c r="N965959" s="10"/>
    </row>
    <row r="965960" spans="14:14">
      <c r="N965960" s="10"/>
    </row>
    <row r="965961" spans="14:14">
      <c r="N965961" s="10"/>
    </row>
    <row r="965962" spans="14:14">
      <c r="N965962" s="10"/>
    </row>
    <row r="965963" spans="14:14">
      <c r="N965963" s="10"/>
    </row>
    <row r="965964" spans="14:14">
      <c r="N965964" s="10"/>
    </row>
    <row r="965965" spans="14:14">
      <c r="N965965" s="10"/>
    </row>
    <row r="965966" spans="14:14">
      <c r="N965966" s="10"/>
    </row>
    <row r="965967" spans="14:14">
      <c r="N965967" s="10"/>
    </row>
    <row r="965968" spans="14:14">
      <c r="N965968" s="10"/>
    </row>
    <row r="965969" spans="14:14">
      <c r="N965969" s="10"/>
    </row>
    <row r="965970" spans="14:14">
      <c r="N965970" s="10"/>
    </row>
    <row r="965971" spans="14:14">
      <c r="N965971" s="10"/>
    </row>
    <row r="965972" spans="14:14">
      <c r="N965972" s="10"/>
    </row>
    <row r="965973" spans="14:14">
      <c r="N965973" s="10"/>
    </row>
    <row r="965974" spans="14:14">
      <c r="N965974" s="10"/>
    </row>
    <row r="965975" spans="14:14">
      <c r="N965975" s="10"/>
    </row>
    <row r="965976" spans="14:14">
      <c r="N965976" s="10"/>
    </row>
    <row r="965977" spans="14:14">
      <c r="N965977" s="10"/>
    </row>
    <row r="965978" spans="14:14">
      <c r="N965978" s="10"/>
    </row>
    <row r="965979" spans="14:14">
      <c r="N965979" s="10"/>
    </row>
    <row r="965980" spans="14:14">
      <c r="N965980" s="10"/>
    </row>
    <row r="965981" spans="14:14">
      <c r="N965981" s="10"/>
    </row>
    <row r="965982" spans="14:14">
      <c r="N965982" s="10"/>
    </row>
    <row r="965983" spans="14:14">
      <c r="N965983" s="10"/>
    </row>
    <row r="965984" spans="14:14">
      <c r="N965984" s="10"/>
    </row>
    <row r="965985" spans="14:14">
      <c r="N965985" s="10"/>
    </row>
    <row r="965986" spans="14:14">
      <c r="N965986" s="10"/>
    </row>
    <row r="965987" spans="14:14">
      <c r="N965987" s="10"/>
    </row>
    <row r="965988" spans="14:14">
      <c r="N965988" s="10"/>
    </row>
    <row r="965989" spans="14:14">
      <c r="N965989" s="10"/>
    </row>
    <row r="965990" spans="14:14">
      <c r="N965990" s="10"/>
    </row>
    <row r="965991" spans="14:14">
      <c r="N965991" s="10"/>
    </row>
    <row r="965992" spans="14:14">
      <c r="N965992" s="10"/>
    </row>
    <row r="965993" spans="14:14">
      <c r="N965993" s="10"/>
    </row>
    <row r="965994" spans="14:14">
      <c r="N965994" s="10"/>
    </row>
    <row r="965995" spans="14:14">
      <c r="N965995" s="10"/>
    </row>
    <row r="965996" spans="14:14">
      <c r="N965996" s="10"/>
    </row>
    <row r="965997" spans="14:14">
      <c r="N965997" s="10"/>
    </row>
    <row r="965998" spans="14:14">
      <c r="N965998" s="10"/>
    </row>
    <row r="965999" spans="14:14">
      <c r="N965999" s="10"/>
    </row>
    <row r="966000" spans="14:14">
      <c r="N966000" s="10"/>
    </row>
    <row r="966001" spans="14:14">
      <c r="N966001" s="10"/>
    </row>
    <row r="966002" spans="14:14">
      <c r="N966002" s="10"/>
    </row>
    <row r="966003" spans="14:14">
      <c r="N966003" s="10"/>
    </row>
    <row r="966004" spans="14:14">
      <c r="N966004" s="10"/>
    </row>
    <row r="966005" spans="14:14">
      <c r="N966005" s="10"/>
    </row>
    <row r="966006" spans="14:14">
      <c r="N966006" s="10"/>
    </row>
    <row r="966007" spans="14:14">
      <c r="N966007" s="10"/>
    </row>
    <row r="966008" spans="14:14">
      <c r="N966008" s="10"/>
    </row>
    <row r="966009" spans="14:14">
      <c r="N966009" s="10"/>
    </row>
    <row r="966010" spans="14:14">
      <c r="N966010" s="10"/>
    </row>
    <row r="966011" spans="14:14">
      <c r="N966011" s="10"/>
    </row>
    <row r="966012" spans="14:14">
      <c r="N966012" s="10"/>
    </row>
    <row r="966013" spans="14:14">
      <c r="N966013" s="10"/>
    </row>
    <row r="966014" spans="14:14">
      <c r="N966014" s="10"/>
    </row>
    <row r="966015" spans="14:14">
      <c r="N966015" s="10"/>
    </row>
    <row r="966016" spans="14:14">
      <c r="N966016" s="10"/>
    </row>
    <row r="966017" spans="14:14">
      <c r="N966017" s="10"/>
    </row>
    <row r="966018" spans="14:14">
      <c r="N966018" s="10"/>
    </row>
    <row r="966019" spans="14:14">
      <c r="N966019" s="10"/>
    </row>
    <row r="966020" spans="14:14">
      <c r="N966020" s="10"/>
    </row>
    <row r="966021" spans="14:14">
      <c r="N966021" s="10"/>
    </row>
    <row r="966022" spans="14:14">
      <c r="N966022" s="10"/>
    </row>
    <row r="966023" spans="14:14">
      <c r="N966023" s="10"/>
    </row>
    <row r="966024" spans="14:14">
      <c r="N966024" s="10"/>
    </row>
    <row r="966025" spans="14:14">
      <c r="N966025" s="10"/>
    </row>
    <row r="966026" spans="14:14">
      <c r="N966026" s="10"/>
    </row>
    <row r="966027" spans="14:14">
      <c r="N966027" s="10"/>
    </row>
    <row r="966028" spans="14:14">
      <c r="N966028" s="10"/>
    </row>
    <row r="966029" spans="14:14">
      <c r="N966029" s="10"/>
    </row>
    <row r="966030" spans="14:14">
      <c r="N966030" s="10"/>
    </row>
    <row r="966031" spans="14:14">
      <c r="N966031" s="10"/>
    </row>
    <row r="966032" spans="14:14">
      <c r="N966032" s="10"/>
    </row>
    <row r="966033" spans="14:14">
      <c r="N966033" s="10"/>
    </row>
    <row r="966034" spans="14:14">
      <c r="N966034" s="10"/>
    </row>
    <row r="966035" spans="14:14">
      <c r="N966035" s="10"/>
    </row>
    <row r="966036" spans="14:14">
      <c r="N966036" s="10"/>
    </row>
    <row r="966037" spans="14:14">
      <c r="N966037" s="10"/>
    </row>
    <row r="966038" spans="14:14">
      <c r="N966038" s="10"/>
    </row>
    <row r="966039" spans="14:14">
      <c r="N966039" s="10"/>
    </row>
    <row r="966040" spans="14:14">
      <c r="N966040" s="10"/>
    </row>
    <row r="966041" spans="14:14">
      <c r="N966041" s="10"/>
    </row>
    <row r="966042" spans="14:14">
      <c r="N966042" s="10"/>
    </row>
    <row r="966043" spans="14:14">
      <c r="N966043" s="10"/>
    </row>
    <row r="966044" spans="14:14">
      <c r="N966044" s="10"/>
    </row>
    <row r="966045" spans="14:14">
      <c r="N966045" s="10"/>
    </row>
    <row r="966046" spans="14:14">
      <c r="N966046" s="10"/>
    </row>
    <row r="966047" spans="14:14">
      <c r="N966047" s="10"/>
    </row>
    <row r="966048" spans="14:14">
      <c r="N966048" s="10"/>
    </row>
    <row r="966049" spans="14:14">
      <c r="N966049" s="10"/>
    </row>
    <row r="966050" spans="14:14">
      <c r="N966050" s="10"/>
    </row>
    <row r="966051" spans="14:14">
      <c r="N966051" s="10"/>
    </row>
    <row r="966052" spans="14:14">
      <c r="N966052" s="10"/>
    </row>
    <row r="966053" spans="14:14">
      <c r="N966053" s="10"/>
    </row>
    <row r="966054" spans="14:14">
      <c r="N966054" s="10"/>
    </row>
    <row r="966055" spans="14:14">
      <c r="N966055" s="10"/>
    </row>
    <row r="966056" spans="14:14">
      <c r="N966056" s="10"/>
    </row>
    <row r="966057" spans="14:14">
      <c r="N966057" s="10"/>
    </row>
    <row r="966058" spans="14:14">
      <c r="N966058" s="10"/>
    </row>
    <row r="966059" spans="14:14">
      <c r="N966059" s="10"/>
    </row>
    <row r="966060" spans="14:14">
      <c r="N966060" s="10"/>
    </row>
    <row r="966061" spans="14:14">
      <c r="N966061" s="10"/>
    </row>
    <row r="966062" spans="14:14">
      <c r="N966062" s="10"/>
    </row>
    <row r="966063" spans="14:14">
      <c r="N966063" s="10"/>
    </row>
    <row r="966064" spans="14:14">
      <c r="N966064" s="10"/>
    </row>
    <row r="966065" spans="14:14">
      <c r="N966065" s="10"/>
    </row>
    <row r="966066" spans="14:14">
      <c r="N966066" s="10"/>
    </row>
    <row r="966067" spans="14:14">
      <c r="N966067" s="10"/>
    </row>
    <row r="966068" spans="14:14">
      <c r="N966068" s="10"/>
    </row>
    <row r="966069" spans="14:14">
      <c r="N966069" s="10"/>
    </row>
    <row r="966070" spans="14:14">
      <c r="N966070" s="10"/>
    </row>
    <row r="966071" spans="14:14">
      <c r="N966071" s="10"/>
    </row>
    <row r="966072" spans="14:14">
      <c r="N966072" s="10"/>
    </row>
    <row r="966073" spans="14:14">
      <c r="N966073" s="10"/>
    </row>
    <row r="966074" spans="14:14">
      <c r="N966074" s="10"/>
    </row>
    <row r="966075" spans="14:14">
      <c r="N966075" s="10"/>
    </row>
    <row r="966076" spans="14:14">
      <c r="N966076" s="10"/>
    </row>
    <row r="966077" spans="14:14">
      <c r="N966077" s="10"/>
    </row>
    <row r="966078" spans="14:14">
      <c r="N966078" s="10"/>
    </row>
    <row r="966079" spans="14:14">
      <c r="N966079" s="10"/>
    </row>
    <row r="966080" spans="14:14">
      <c r="N966080" s="10"/>
    </row>
    <row r="966081" spans="14:14">
      <c r="N966081" s="10"/>
    </row>
    <row r="966082" spans="14:14">
      <c r="N966082" s="10"/>
    </row>
    <row r="966083" spans="14:14">
      <c r="N966083" s="10"/>
    </row>
    <row r="966084" spans="14:14">
      <c r="N966084" s="10"/>
    </row>
    <row r="966085" spans="14:14">
      <c r="N966085" s="10"/>
    </row>
    <row r="966086" spans="14:14">
      <c r="N966086" s="10"/>
    </row>
    <row r="966087" spans="14:14">
      <c r="N966087" s="10"/>
    </row>
    <row r="966088" spans="14:14">
      <c r="N966088" s="10"/>
    </row>
    <row r="966089" spans="14:14">
      <c r="N966089" s="10"/>
    </row>
    <row r="966090" spans="14:14">
      <c r="N966090" s="10"/>
    </row>
    <row r="966091" spans="14:14">
      <c r="N966091" s="10"/>
    </row>
    <row r="966092" spans="14:14">
      <c r="N966092" s="10"/>
    </row>
    <row r="966093" spans="14:14">
      <c r="N966093" s="10"/>
    </row>
    <row r="966094" spans="14:14">
      <c r="N966094" s="10"/>
    </row>
    <row r="966095" spans="14:14">
      <c r="N966095" s="10"/>
    </row>
    <row r="966096" spans="14:14">
      <c r="N966096" s="10"/>
    </row>
    <row r="966097" spans="14:14">
      <c r="N966097" s="10"/>
    </row>
    <row r="966098" spans="14:14">
      <c r="N966098" s="10"/>
    </row>
    <row r="966099" spans="14:14">
      <c r="N966099" s="10"/>
    </row>
    <row r="966100" spans="14:14">
      <c r="N966100" s="10"/>
    </row>
    <row r="966101" spans="14:14">
      <c r="N966101" s="10"/>
    </row>
    <row r="966102" spans="14:14">
      <c r="N966102" s="10"/>
    </row>
    <row r="966103" spans="14:14">
      <c r="N966103" s="10"/>
    </row>
    <row r="966104" spans="14:14">
      <c r="N966104" s="10"/>
    </row>
    <row r="966105" spans="14:14">
      <c r="N966105" s="10"/>
    </row>
    <row r="966106" spans="14:14">
      <c r="N966106" s="10"/>
    </row>
    <row r="966107" spans="14:14">
      <c r="N966107" s="10"/>
    </row>
    <row r="966108" spans="14:14">
      <c r="N966108" s="10"/>
    </row>
    <row r="966109" spans="14:14">
      <c r="N966109" s="10"/>
    </row>
    <row r="966110" spans="14:14">
      <c r="N966110" s="10"/>
    </row>
    <row r="966111" spans="14:14">
      <c r="N966111" s="10"/>
    </row>
    <row r="966112" spans="14:14">
      <c r="N966112" s="10"/>
    </row>
    <row r="966113" spans="14:14">
      <c r="N966113" s="10"/>
    </row>
    <row r="966114" spans="14:14">
      <c r="N966114" s="10"/>
    </row>
    <row r="966115" spans="14:14">
      <c r="N966115" s="10"/>
    </row>
    <row r="966116" spans="14:14">
      <c r="N966116" s="10"/>
    </row>
    <row r="966117" spans="14:14">
      <c r="N966117" s="10"/>
    </row>
    <row r="966118" spans="14:14">
      <c r="N966118" s="10"/>
    </row>
    <row r="966119" spans="14:14">
      <c r="N966119" s="10"/>
    </row>
    <row r="966120" spans="14:14">
      <c r="N966120" s="10"/>
    </row>
    <row r="966121" spans="14:14">
      <c r="N966121" s="10"/>
    </row>
    <row r="966122" spans="14:14">
      <c r="N966122" s="10"/>
    </row>
    <row r="966123" spans="14:14">
      <c r="N966123" s="10"/>
    </row>
    <row r="966124" spans="14:14">
      <c r="N966124" s="10"/>
    </row>
    <row r="966125" spans="14:14">
      <c r="N966125" s="10"/>
    </row>
    <row r="966126" spans="14:14">
      <c r="N966126" s="10"/>
    </row>
    <row r="966127" spans="14:14">
      <c r="N966127" s="10"/>
    </row>
    <row r="966128" spans="14:14">
      <c r="N966128" s="10"/>
    </row>
    <row r="966129" spans="14:14">
      <c r="N966129" s="10"/>
    </row>
    <row r="966130" spans="14:14">
      <c r="N966130" s="10"/>
    </row>
    <row r="966131" spans="14:14">
      <c r="N966131" s="10"/>
    </row>
    <row r="966132" spans="14:14">
      <c r="N966132" s="10"/>
    </row>
    <row r="966133" spans="14:14">
      <c r="N966133" s="10"/>
    </row>
    <row r="966134" spans="14:14">
      <c r="N966134" s="10"/>
    </row>
    <row r="966135" spans="14:14">
      <c r="N966135" s="10"/>
    </row>
    <row r="966136" spans="14:14">
      <c r="N966136" s="10"/>
    </row>
    <row r="966137" spans="14:14">
      <c r="N966137" s="10"/>
    </row>
    <row r="966138" spans="14:14">
      <c r="N966138" s="10"/>
    </row>
    <row r="966139" spans="14:14">
      <c r="N966139" s="10"/>
    </row>
    <row r="966140" spans="14:14">
      <c r="N966140" s="10"/>
    </row>
    <row r="966141" spans="14:14">
      <c r="N966141" s="10"/>
    </row>
    <row r="966142" spans="14:14">
      <c r="N966142" s="10"/>
    </row>
    <row r="966143" spans="14:14">
      <c r="N966143" s="10"/>
    </row>
    <row r="966144" spans="14:14">
      <c r="N966144" s="10"/>
    </row>
    <row r="966145" spans="14:14">
      <c r="N966145" s="10"/>
    </row>
    <row r="966146" spans="14:14">
      <c r="N966146" s="10"/>
    </row>
    <row r="966147" spans="14:14">
      <c r="N966147" s="10"/>
    </row>
    <row r="966148" spans="14:14">
      <c r="N966148" s="10"/>
    </row>
    <row r="966149" spans="14:14">
      <c r="N966149" s="10"/>
    </row>
    <row r="966150" spans="14:14">
      <c r="N966150" s="10"/>
    </row>
    <row r="966151" spans="14:14">
      <c r="N966151" s="10"/>
    </row>
    <row r="966152" spans="14:14">
      <c r="N966152" s="10"/>
    </row>
    <row r="966153" spans="14:14">
      <c r="N966153" s="10"/>
    </row>
    <row r="966154" spans="14:14">
      <c r="N966154" s="10"/>
    </row>
    <row r="966155" spans="14:14">
      <c r="N966155" s="10"/>
    </row>
    <row r="966156" spans="14:14">
      <c r="N966156" s="10"/>
    </row>
    <row r="966157" spans="14:14">
      <c r="N966157" s="10"/>
    </row>
    <row r="966158" spans="14:14">
      <c r="N966158" s="10"/>
    </row>
    <row r="966159" spans="14:14">
      <c r="N966159" s="10"/>
    </row>
    <row r="966160" spans="14:14">
      <c r="N966160" s="10"/>
    </row>
    <row r="966161" spans="14:14">
      <c r="N966161" s="10"/>
    </row>
    <row r="966162" spans="14:14">
      <c r="N966162" s="10"/>
    </row>
    <row r="966163" spans="14:14">
      <c r="N966163" s="10"/>
    </row>
    <row r="966164" spans="14:14">
      <c r="N966164" s="10"/>
    </row>
    <row r="966165" spans="14:14">
      <c r="N966165" s="10"/>
    </row>
    <row r="966166" spans="14:14">
      <c r="N966166" s="10"/>
    </row>
    <row r="966167" spans="14:14">
      <c r="N966167" s="10"/>
    </row>
    <row r="966168" spans="14:14">
      <c r="N966168" s="10"/>
    </row>
    <row r="966169" spans="14:14">
      <c r="N966169" s="10"/>
    </row>
    <row r="966170" spans="14:14">
      <c r="N966170" s="10"/>
    </row>
    <row r="966171" spans="14:14">
      <c r="N966171" s="10"/>
    </row>
    <row r="966172" spans="14:14">
      <c r="N966172" s="10"/>
    </row>
    <row r="966173" spans="14:14">
      <c r="N966173" s="10"/>
    </row>
    <row r="966174" spans="14:14">
      <c r="N966174" s="10"/>
    </row>
    <row r="966175" spans="14:14">
      <c r="N966175" s="10"/>
    </row>
    <row r="966176" spans="14:14">
      <c r="N966176" s="10"/>
    </row>
    <row r="966177" spans="14:14">
      <c r="N966177" s="10"/>
    </row>
    <row r="966178" spans="14:14">
      <c r="N966178" s="10"/>
    </row>
    <row r="966179" spans="14:14">
      <c r="N966179" s="10"/>
    </row>
    <row r="966180" spans="14:14">
      <c r="N966180" s="10"/>
    </row>
    <row r="966181" spans="14:14">
      <c r="N966181" s="10"/>
    </row>
    <row r="966182" spans="14:14">
      <c r="N966182" s="10"/>
    </row>
    <row r="966183" spans="14:14">
      <c r="N966183" s="10"/>
    </row>
    <row r="966184" spans="14:14">
      <c r="N966184" s="10"/>
    </row>
    <row r="966185" spans="14:14">
      <c r="N966185" s="10"/>
    </row>
    <row r="966186" spans="14:14">
      <c r="N966186" s="10"/>
    </row>
    <row r="966187" spans="14:14">
      <c r="N966187" s="10"/>
    </row>
    <row r="966188" spans="14:14">
      <c r="N966188" s="10"/>
    </row>
    <row r="966189" spans="14:14">
      <c r="N966189" s="10"/>
    </row>
    <row r="966190" spans="14:14">
      <c r="N966190" s="10"/>
    </row>
    <row r="966191" spans="14:14">
      <c r="N966191" s="10"/>
    </row>
    <row r="966192" spans="14:14">
      <c r="N966192" s="10"/>
    </row>
    <row r="966193" spans="14:14">
      <c r="N966193" s="10"/>
    </row>
    <row r="966194" spans="14:14">
      <c r="N966194" s="10"/>
    </row>
    <row r="966195" spans="14:14">
      <c r="N966195" s="10"/>
    </row>
    <row r="966196" spans="14:14">
      <c r="N966196" s="10"/>
    </row>
    <row r="966197" spans="14:14">
      <c r="N966197" s="10"/>
    </row>
    <row r="966198" spans="14:14">
      <c r="N966198" s="10"/>
    </row>
    <row r="966199" spans="14:14">
      <c r="N966199" s="10"/>
    </row>
    <row r="966200" spans="14:14">
      <c r="N966200" s="10"/>
    </row>
    <row r="966201" spans="14:14">
      <c r="N966201" s="10"/>
    </row>
    <row r="966202" spans="14:14">
      <c r="N966202" s="10"/>
    </row>
    <row r="966203" spans="14:14">
      <c r="N966203" s="10"/>
    </row>
    <row r="966204" spans="14:14">
      <c r="N966204" s="10"/>
    </row>
    <row r="966205" spans="14:14">
      <c r="N966205" s="10"/>
    </row>
    <row r="966206" spans="14:14">
      <c r="N966206" s="10"/>
    </row>
    <row r="966207" spans="14:14">
      <c r="N966207" s="10"/>
    </row>
    <row r="966208" spans="14:14">
      <c r="N966208" s="10"/>
    </row>
    <row r="966209" spans="14:14">
      <c r="N966209" s="10"/>
    </row>
    <row r="966210" spans="14:14">
      <c r="N966210" s="10"/>
    </row>
    <row r="966211" spans="14:14">
      <c r="N966211" s="10"/>
    </row>
    <row r="966212" spans="14:14">
      <c r="N966212" s="10"/>
    </row>
    <row r="966213" spans="14:14">
      <c r="N966213" s="10"/>
    </row>
    <row r="966214" spans="14:14">
      <c r="N966214" s="10"/>
    </row>
    <row r="966215" spans="14:14">
      <c r="N966215" s="10"/>
    </row>
    <row r="966216" spans="14:14">
      <c r="N966216" s="10"/>
    </row>
    <row r="966217" spans="14:14">
      <c r="N966217" s="10"/>
    </row>
    <row r="966218" spans="14:14">
      <c r="N966218" s="10"/>
    </row>
    <row r="966219" spans="14:14">
      <c r="N966219" s="10"/>
    </row>
    <row r="966220" spans="14:14">
      <c r="N966220" s="10"/>
    </row>
    <row r="966221" spans="14:14">
      <c r="N966221" s="10"/>
    </row>
    <row r="966222" spans="14:14">
      <c r="N966222" s="10"/>
    </row>
    <row r="966223" spans="14:14">
      <c r="N966223" s="10"/>
    </row>
    <row r="966224" spans="14:14">
      <c r="N966224" s="10"/>
    </row>
    <row r="966225" spans="14:14">
      <c r="N966225" s="10"/>
    </row>
    <row r="966226" spans="14:14">
      <c r="N966226" s="10"/>
    </row>
    <row r="966227" spans="14:14">
      <c r="N966227" s="10"/>
    </row>
    <row r="966228" spans="14:14">
      <c r="N966228" s="10"/>
    </row>
    <row r="966229" spans="14:14">
      <c r="N966229" s="10"/>
    </row>
    <row r="966230" spans="14:14">
      <c r="N966230" s="10"/>
    </row>
    <row r="966231" spans="14:14">
      <c r="N966231" s="10"/>
    </row>
    <row r="966232" spans="14:14">
      <c r="N966232" s="10"/>
    </row>
    <row r="966233" spans="14:14">
      <c r="N966233" s="10"/>
    </row>
    <row r="966234" spans="14:14">
      <c r="N966234" s="10"/>
    </row>
    <row r="966235" spans="14:14">
      <c r="N966235" s="10"/>
    </row>
    <row r="966236" spans="14:14">
      <c r="N966236" s="10"/>
    </row>
    <row r="966237" spans="14:14">
      <c r="N966237" s="10"/>
    </row>
    <row r="966238" spans="14:14">
      <c r="N966238" s="10"/>
    </row>
    <row r="966239" spans="14:14">
      <c r="N966239" s="10"/>
    </row>
    <row r="966240" spans="14:14">
      <c r="N966240" s="10"/>
    </row>
    <row r="966241" spans="14:14">
      <c r="N966241" s="10"/>
    </row>
    <row r="966242" spans="14:14">
      <c r="N966242" s="10"/>
    </row>
    <row r="966243" spans="14:14">
      <c r="N966243" s="10"/>
    </row>
    <row r="966244" spans="14:14">
      <c r="N966244" s="10"/>
    </row>
    <row r="966245" spans="14:14">
      <c r="N966245" s="10"/>
    </row>
    <row r="966246" spans="14:14">
      <c r="N966246" s="10"/>
    </row>
    <row r="966247" spans="14:14">
      <c r="N966247" s="10"/>
    </row>
    <row r="966248" spans="14:14">
      <c r="N966248" s="10"/>
    </row>
    <row r="966249" spans="14:14">
      <c r="N966249" s="10"/>
    </row>
    <row r="966250" spans="14:14">
      <c r="N966250" s="10"/>
    </row>
    <row r="966251" spans="14:14">
      <c r="N966251" s="10"/>
    </row>
    <row r="966252" spans="14:14">
      <c r="N966252" s="10"/>
    </row>
    <row r="966253" spans="14:14">
      <c r="N966253" s="10"/>
    </row>
    <row r="966254" spans="14:14">
      <c r="N966254" s="10"/>
    </row>
    <row r="966255" spans="14:14">
      <c r="N966255" s="10"/>
    </row>
    <row r="966256" spans="14:14">
      <c r="N966256" s="10"/>
    </row>
    <row r="966257" spans="14:14">
      <c r="N966257" s="10"/>
    </row>
    <row r="966258" spans="14:14">
      <c r="N966258" s="10"/>
    </row>
    <row r="966259" spans="14:14">
      <c r="N966259" s="10"/>
    </row>
    <row r="966260" spans="14:14">
      <c r="N966260" s="10"/>
    </row>
    <row r="966261" spans="14:14">
      <c r="N966261" s="10"/>
    </row>
    <row r="966262" spans="14:14">
      <c r="N966262" s="10"/>
    </row>
    <row r="966263" spans="14:14">
      <c r="N966263" s="10"/>
    </row>
    <row r="966264" spans="14:14">
      <c r="N966264" s="10"/>
    </row>
    <row r="966265" spans="14:14">
      <c r="N966265" s="10"/>
    </row>
    <row r="966266" spans="14:14">
      <c r="N966266" s="10"/>
    </row>
    <row r="966267" spans="14:14">
      <c r="N966267" s="10"/>
    </row>
    <row r="966268" spans="14:14">
      <c r="N966268" s="10"/>
    </row>
    <row r="966269" spans="14:14">
      <c r="N966269" s="10"/>
    </row>
    <row r="966270" spans="14:14">
      <c r="N966270" s="10"/>
    </row>
    <row r="966271" spans="14:14">
      <c r="N966271" s="10"/>
    </row>
    <row r="966272" spans="14:14">
      <c r="N966272" s="10"/>
    </row>
    <row r="966273" spans="14:14">
      <c r="N966273" s="10"/>
    </row>
    <row r="966274" spans="14:14">
      <c r="N966274" s="10"/>
    </row>
    <row r="966275" spans="14:14">
      <c r="N966275" s="10"/>
    </row>
    <row r="966276" spans="14:14">
      <c r="N966276" s="10"/>
    </row>
    <row r="966277" spans="14:14">
      <c r="N966277" s="10"/>
    </row>
    <row r="966278" spans="14:14">
      <c r="N966278" s="10"/>
    </row>
    <row r="966279" spans="14:14">
      <c r="N966279" s="10"/>
    </row>
    <row r="966280" spans="14:14">
      <c r="N966280" s="10"/>
    </row>
    <row r="966281" spans="14:14">
      <c r="N966281" s="10"/>
    </row>
    <row r="966282" spans="14:14">
      <c r="N966282" s="10"/>
    </row>
    <row r="966283" spans="14:14">
      <c r="N966283" s="10"/>
    </row>
    <row r="966284" spans="14:14">
      <c r="N966284" s="10"/>
    </row>
    <row r="966285" spans="14:14">
      <c r="N966285" s="10"/>
    </row>
    <row r="966286" spans="14:14">
      <c r="N966286" s="10"/>
    </row>
    <row r="966287" spans="14:14">
      <c r="N966287" s="10"/>
    </row>
    <row r="966288" spans="14:14">
      <c r="N966288" s="10"/>
    </row>
    <row r="966289" spans="14:14">
      <c r="N966289" s="10"/>
    </row>
    <row r="966290" spans="14:14">
      <c r="N966290" s="10"/>
    </row>
    <row r="966291" spans="14:14">
      <c r="N966291" s="10"/>
    </row>
    <row r="966292" spans="14:14">
      <c r="N966292" s="10"/>
    </row>
    <row r="966293" spans="14:14">
      <c r="N966293" s="10"/>
    </row>
    <row r="966294" spans="14:14">
      <c r="N966294" s="10"/>
    </row>
    <row r="966295" spans="14:14">
      <c r="N966295" s="10"/>
    </row>
    <row r="966296" spans="14:14">
      <c r="N966296" s="10"/>
    </row>
    <row r="966297" spans="14:14">
      <c r="N966297" s="10"/>
    </row>
    <row r="966298" spans="14:14">
      <c r="N966298" s="10"/>
    </row>
    <row r="966299" spans="14:14">
      <c r="N966299" s="10"/>
    </row>
    <row r="966300" spans="14:14">
      <c r="N966300" s="10"/>
    </row>
    <row r="966301" spans="14:14">
      <c r="N966301" s="10"/>
    </row>
    <row r="966302" spans="14:14">
      <c r="N966302" s="10"/>
    </row>
    <row r="966303" spans="14:14">
      <c r="N966303" s="10"/>
    </row>
    <row r="966304" spans="14:14">
      <c r="N966304" s="10"/>
    </row>
    <row r="966305" spans="14:14">
      <c r="N966305" s="10"/>
    </row>
    <row r="966306" spans="14:14">
      <c r="N966306" s="10"/>
    </row>
    <row r="966307" spans="14:14">
      <c r="N966307" s="10"/>
    </row>
    <row r="966308" spans="14:14">
      <c r="N966308" s="10"/>
    </row>
    <row r="966309" spans="14:14">
      <c r="N966309" s="10"/>
    </row>
    <row r="966310" spans="14:14">
      <c r="N966310" s="10"/>
    </row>
    <row r="966311" spans="14:14">
      <c r="N966311" s="10"/>
    </row>
    <row r="966312" spans="14:14">
      <c r="N966312" s="10"/>
    </row>
    <row r="966313" spans="14:14">
      <c r="N966313" s="10"/>
    </row>
    <row r="966314" spans="14:14">
      <c r="N966314" s="10"/>
    </row>
    <row r="966315" spans="14:14">
      <c r="N966315" s="10"/>
    </row>
    <row r="966316" spans="14:14">
      <c r="N966316" s="10"/>
    </row>
    <row r="966317" spans="14:14">
      <c r="N966317" s="10"/>
    </row>
    <row r="966318" spans="14:14">
      <c r="N966318" s="10"/>
    </row>
    <row r="966319" spans="14:14">
      <c r="N966319" s="10"/>
    </row>
    <row r="966320" spans="14:14">
      <c r="N966320" s="10"/>
    </row>
    <row r="966321" spans="14:14">
      <c r="N966321" s="10"/>
    </row>
    <row r="966322" spans="14:14">
      <c r="N966322" s="10"/>
    </row>
    <row r="966323" spans="14:14">
      <c r="N966323" s="10"/>
    </row>
    <row r="966324" spans="14:14">
      <c r="N966324" s="10"/>
    </row>
    <row r="966325" spans="14:14">
      <c r="N966325" s="10"/>
    </row>
    <row r="966326" spans="14:14">
      <c r="N966326" s="10"/>
    </row>
    <row r="966327" spans="14:14">
      <c r="N966327" s="10"/>
    </row>
    <row r="966328" spans="14:14">
      <c r="N966328" s="10"/>
    </row>
    <row r="966329" spans="14:14">
      <c r="N966329" s="10"/>
    </row>
    <row r="966330" spans="14:14">
      <c r="N966330" s="10"/>
    </row>
    <row r="966331" spans="14:14">
      <c r="N966331" s="10"/>
    </row>
    <row r="966332" spans="14:14">
      <c r="N966332" s="10"/>
    </row>
    <row r="966333" spans="14:14">
      <c r="N966333" s="10"/>
    </row>
    <row r="966334" spans="14:14">
      <c r="N966334" s="10"/>
    </row>
    <row r="966335" spans="14:14">
      <c r="N966335" s="10"/>
    </row>
    <row r="966336" spans="14:14">
      <c r="N966336" s="10"/>
    </row>
    <row r="966337" spans="14:14">
      <c r="N966337" s="10"/>
    </row>
    <row r="966338" spans="14:14">
      <c r="N966338" s="10"/>
    </row>
    <row r="966339" spans="14:14">
      <c r="N966339" s="10"/>
    </row>
    <row r="966340" spans="14:14">
      <c r="N966340" s="10"/>
    </row>
    <row r="966341" spans="14:14">
      <c r="N966341" s="10"/>
    </row>
    <row r="966342" spans="14:14">
      <c r="N966342" s="10"/>
    </row>
    <row r="966343" spans="14:14">
      <c r="N966343" s="10"/>
    </row>
    <row r="966344" spans="14:14">
      <c r="N966344" s="10"/>
    </row>
    <row r="966345" spans="14:14">
      <c r="N966345" s="10"/>
    </row>
    <row r="966346" spans="14:14">
      <c r="N966346" s="10"/>
    </row>
    <row r="966347" spans="14:14">
      <c r="N966347" s="10"/>
    </row>
    <row r="966348" spans="14:14">
      <c r="N966348" s="10"/>
    </row>
    <row r="966349" spans="14:14">
      <c r="N966349" s="10"/>
    </row>
    <row r="966350" spans="14:14">
      <c r="N966350" s="10"/>
    </row>
    <row r="966351" spans="14:14">
      <c r="N966351" s="10"/>
    </row>
    <row r="966352" spans="14:14">
      <c r="N966352" s="10"/>
    </row>
    <row r="966353" spans="14:14">
      <c r="N966353" s="10"/>
    </row>
    <row r="966354" spans="14:14">
      <c r="N966354" s="10"/>
    </row>
    <row r="966355" spans="14:14">
      <c r="N966355" s="10"/>
    </row>
    <row r="966356" spans="14:14">
      <c r="N966356" s="10"/>
    </row>
    <row r="966357" spans="14:14">
      <c r="N966357" s="10"/>
    </row>
    <row r="966358" spans="14:14">
      <c r="N966358" s="10"/>
    </row>
    <row r="966359" spans="14:14">
      <c r="N966359" s="10"/>
    </row>
    <row r="966360" spans="14:14">
      <c r="N966360" s="10"/>
    </row>
    <row r="966361" spans="14:14">
      <c r="N966361" s="10"/>
    </row>
    <row r="966362" spans="14:14">
      <c r="N966362" s="10"/>
    </row>
    <row r="966363" spans="14:14">
      <c r="N966363" s="10"/>
    </row>
    <row r="966364" spans="14:14">
      <c r="N966364" s="10"/>
    </row>
    <row r="966365" spans="14:14">
      <c r="N966365" s="10"/>
    </row>
    <row r="966366" spans="14:14">
      <c r="N966366" s="10"/>
    </row>
    <row r="966367" spans="14:14">
      <c r="N966367" s="10"/>
    </row>
    <row r="966368" spans="14:14">
      <c r="N966368" s="10"/>
    </row>
    <row r="966369" spans="14:14">
      <c r="N966369" s="10"/>
    </row>
    <row r="966370" spans="14:14">
      <c r="N966370" s="10"/>
    </row>
    <row r="966371" spans="14:14">
      <c r="N966371" s="10"/>
    </row>
    <row r="966372" spans="14:14">
      <c r="N966372" s="10"/>
    </row>
    <row r="966373" spans="14:14">
      <c r="N966373" s="10"/>
    </row>
    <row r="966374" spans="14:14">
      <c r="N966374" s="10"/>
    </row>
    <row r="966375" spans="14:14">
      <c r="N966375" s="10"/>
    </row>
    <row r="966376" spans="14:14">
      <c r="N966376" s="10"/>
    </row>
    <row r="966377" spans="14:14">
      <c r="N966377" s="10"/>
    </row>
    <row r="966378" spans="14:14">
      <c r="N966378" s="10"/>
    </row>
    <row r="966379" spans="14:14">
      <c r="N966379" s="10"/>
    </row>
    <row r="966380" spans="14:14">
      <c r="N966380" s="10"/>
    </row>
    <row r="966381" spans="14:14">
      <c r="N966381" s="10"/>
    </row>
    <row r="966382" spans="14:14">
      <c r="N966382" s="10"/>
    </row>
    <row r="966383" spans="14:14">
      <c r="N966383" s="10"/>
    </row>
    <row r="966384" spans="14:14">
      <c r="N966384" s="10"/>
    </row>
    <row r="966385" spans="14:14">
      <c r="N966385" s="10"/>
    </row>
    <row r="966386" spans="14:14">
      <c r="N966386" s="10"/>
    </row>
    <row r="966387" spans="14:14">
      <c r="N966387" s="10"/>
    </row>
    <row r="966388" spans="14:14">
      <c r="N966388" s="10"/>
    </row>
    <row r="966389" spans="14:14">
      <c r="N966389" s="10"/>
    </row>
    <row r="966390" spans="14:14">
      <c r="N966390" s="10"/>
    </row>
    <row r="966391" spans="14:14">
      <c r="N966391" s="10"/>
    </row>
    <row r="966392" spans="14:14">
      <c r="N966392" s="10"/>
    </row>
    <row r="966393" spans="14:14">
      <c r="N966393" s="10"/>
    </row>
    <row r="966394" spans="14:14">
      <c r="N966394" s="10"/>
    </row>
    <row r="966395" spans="14:14">
      <c r="N966395" s="10"/>
    </row>
    <row r="966396" spans="14:14">
      <c r="N966396" s="10"/>
    </row>
    <row r="966397" spans="14:14">
      <c r="N966397" s="10"/>
    </row>
    <row r="966398" spans="14:14">
      <c r="N966398" s="10"/>
    </row>
    <row r="966399" spans="14:14">
      <c r="N966399" s="10"/>
    </row>
    <row r="966400" spans="14:14">
      <c r="N966400" s="10"/>
    </row>
    <row r="966401" spans="14:14">
      <c r="N966401" s="10"/>
    </row>
    <row r="966402" spans="14:14">
      <c r="N966402" s="10"/>
    </row>
    <row r="966403" spans="14:14">
      <c r="N966403" s="10"/>
    </row>
    <row r="966404" spans="14:14">
      <c r="N966404" s="10"/>
    </row>
    <row r="966405" spans="14:14">
      <c r="N966405" s="10"/>
    </row>
    <row r="966406" spans="14:14">
      <c r="N966406" s="10"/>
    </row>
    <row r="966407" spans="14:14">
      <c r="N966407" s="10"/>
    </row>
    <row r="966408" spans="14:14">
      <c r="N966408" s="10"/>
    </row>
    <row r="966409" spans="14:14">
      <c r="N966409" s="10"/>
    </row>
    <row r="966410" spans="14:14">
      <c r="N966410" s="10"/>
    </row>
    <row r="966411" spans="14:14">
      <c r="N966411" s="10"/>
    </row>
    <row r="966412" spans="14:14">
      <c r="N966412" s="10"/>
    </row>
    <row r="966413" spans="14:14">
      <c r="N966413" s="10"/>
    </row>
    <row r="966414" spans="14:14">
      <c r="N966414" s="10"/>
    </row>
    <row r="966415" spans="14:14">
      <c r="N966415" s="10"/>
    </row>
    <row r="966416" spans="14:14">
      <c r="N966416" s="10"/>
    </row>
    <row r="966417" spans="14:14">
      <c r="N966417" s="10"/>
    </row>
    <row r="966418" spans="14:14">
      <c r="N966418" s="10"/>
    </row>
    <row r="966419" spans="14:14">
      <c r="N966419" s="10"/>
    </row>
    <row r="966420" spans="14:14">
      <c r="N966420" s="10"/>
    </row>
    <row r="966421" spans="14:14">
      <c r="N966421" s="10"/>
    </row>
    <row r="966422" spans="14:14">
      <c r="N966422" s="10"/>
    </row>
    <row r="966423" spans="14:14">
      <c r="N966423" s="10"/>
    </row>
    <row r="966424" spans="14:14">
      <c r="N966424" s="10"/>
    </row>
    <row r="966425" spans="14:14">
      <c r="N966425" s="10"/>
    </row>
    <row r="966426" spans="14:14">
      <c r="N966426" s="10"/>
    </row>
    <row r="966427" spans="14:14">
      <c r="N966427" s="10"/>
    </row>
    <row r="966428" spans="14:14">
      <c r="N966428" s="10"/>
    </row>
    <row r="966429" spans="14:14">
      <c r="N966429" s="10"/>
    </row>
    <row r="966430" spans="14:14">
      <c r="N966430" s="10"/>
    </row>
    <row r="966431" spans="14:14">
      <c r="N966431" s="10"/>
    </row>
    <row r="966432" spans="14:14">
      <c r="N966432" s="10"/>
    </row>
    <row r="966433" spans="14:14">
      <c r="N966433" s="10"/>
    </row>
    <row r="966434" spans="14:14">
      <c r="N966434" s="10"/>
    </row>
    <row r="966435" spans="14:14">
      <c r="N966435" s="10"/>
    </row>
    <row r="966436" spans="14:14">
      <c r="N966436" s="10"/>
    </row>
    <row r="966437" spans="14:14">
      <c r="N966437" s="10"/>
    </row>
    <row r="966438" spans="14:14">
      <c r="N966438" s="10"/>
    </row>
    <row r="966439" spans="14:14">
      <c r="N966439" s="10"/>
    </row>
    <row r="966440" spans="14:14">
      <c r="N966440" s="10"/>
    </row>
    <row r="966441" spans="14:14">
      <c r="N966441" s="10"/>
    </row>
    <row r="966442" spans="14:14">
      <c r="N966442" s="10"/>
    </row>
    <row r="966443" spans="14:14">
      <c r="N966443" s="10"/>
    </row>
    <row r="966444" spans="14:14">
      <c r="N966444" s="10"/>
    </row>
    <row r="966445" spans="14:14">
      <c r="N966445" s="10"/>
    </row>
    <row r="966446" spans="14:14">
      <c r="N966446" s="10"/>
    </row>
    <row r="966447" spans="14:14">
      <c r="N966447" s="10"/>
    </row>
    <row r="966448" spans="14:14">
      <c r="N966448" s="10"/>
    </row>
    <row r="966449" spans="14:14">
      <c r="N966449" s="10"/>
    </row>
    <row r="966450" spans="14:14">
      <c r="N966450" s="10"/>
    </row>
    <row r="966451" spans="14:14">
      <c r="N966451" s="10"/>
    </row>
    <row r="966452" spans="14:14">
      <c r="N966452" s="10"/>
    </row>
    <row r="966453" spans="14:14">
      <c r="N966453" s="10"/>
    </row>
    <row r="966454" spans="14:14">
      <c r="N966454" s="10"/>
    </row>
    <row r="966455" spans="14:14">
      <c r="N966455" s="10"/>
    </row>
    <row r="966456" spans="14:14">
      <c r="N966456" s="10"/>
    </row>
    <row r="966457" spans="14:14">
      <c r="N966457" s="10"/>
    </row>
    <row r="966458" spans="14:14">
      <c r="N966458" s="10"/>
    </row>
    <row r="966459" spans="14:14">
      <c r="N966459" s="10"/>
    </row>
    <row r="966460" spans="14:14">
      <c r="N966460" s="10"/>
    </row>
    <row r="966461" spans="14:14">
      <c r="N966461" s="10"/>
    </row>
    <row r="966462" spans="14:14">
      <c r="N966462" s="10"/>
    </row>
    <row r="966463" spans="14:14">
      <c r="N966463" s="10"/>
    </row>
    <row r="966464" spans="14:14">
      <c r="N966464" s="10"/>
    </row>
    <row r="966465" spans="14:14">
      <c r="N966465" s="10"/>
    </row>
    <row r="966466" spans="14:14">
      <c r="N966466" s="10"/>
    </row>
    <row r="966467" spans="14:14">
      <c r="N966467" s="10"/>
    </row>
    <row r="966468" spans="14:14">
      <c r="N966468" s="10"/>
    </row>
    <row r="966469" spans="14:14">
      <c r="N966469" s="10"/>
    </row>
    <row r="966470" spans="14:14">
      <c r="N966470" s="10"/>
    </row>
    <row r="966471" spans="14:14">
      <c r="N966471" s="10"/>
    </row>
    <row r="966472" spans="14:14">
      <c r="N966472" s="10"/>
    </row>
    <row r="966473" spans="14:14">
      <c r="N966473" s="10"/>
    </row>
    <row r="966474" spans="14:14">
      <c r="N966474" s="10"/>
    </row>
    <row r="966475" spans="14:14">
      <c r="N966475" s="10"/>
    </row>
    <row r="966476" spans="14:14">
      <c r="N966476" s="10"/>
    </row>
    <row r="966477" spans="14:14">
      <c r="N966477" s="10"/>
    </row>
    <row r="966478" spans="14:14">
      <c r="N966478" s="10"/>
    </row>
    <row r="966479" spans="14:14">
      <c r="N966479" s="10"/>
    </row>
    <row r="966480" spans="14:14">
      <c r="N966480" s="10"/>
    </row>
    <row r="966481" spans="14:14">
      <c r="N966481" s="10"/>
    </row>
    <row r="966482" spans="14:14">
      <c r="N966482" s="10"/>
    </row>
    <row r="966483" spans="14:14">
      <c r="N966483" s="10"/>
    </row>
    <row r="966484" spans="14:14">
      <c r="N966484" s="10"/>
    </row>
    <row r="966485" spans="14:14">
      <c r="N966485" s="10"/>
    </row>
    <row r="966486" spans="14:14">
      <c r="N966486" s="10"/>
    </row>
    <row r="966487" spans="14:14">
      <c r="N966487" s="10"/>
    </row>
    <row r="966488" spans="14:14">
      <c r="N966488" s="10"/>
    </row>
    <row r="966489" spans="14:14">
      <c r="N966489" s="10"/>
    </row>
    <row r="966490" spans="14:14">
      <c r="N966490" s="10"/>
    </row>
    <row r="966491" spans="14:14">
      <c r="N966491" s="10"/>
    </row>
    <row r="966492" spans="14:14">
      <c r="N966492" s="10"/>
    </row>
    <row r="966493" spans="14:14">
      <c r="N966493" s="10"/>
    </row>
    <row r="966494" spans="14:14">
      <c r="N966494" s="10"/>
    </row>
    <row r="966495" spans="14:14">
      <c r="N966495" s="10"/>
    </row>
    <row r="966496" spans="14:14">
      <c r="N966496" s="10"/>
    </row>
    <row r="966497" spans="14:14">
      <c r="N966497" s="10"/>
    </row>
    <row r="966498" spans="14:14">
      <c r="N966498" s="10"/>
    </row>
    <row r="966499" spans="14:14">
      <c r="N966499" s="10"/>
    </row>
    <row r="966500" spans="14:14">
      <c r="N966500" s="10"/>
    </row>
    <row r="966501" spans="14:14">
      <c r="N966501" s="10"/>
    </row>
    <row r="966502" spans="14:14">
      <c r="N966502" s="10"/>
    </row>
    <row r="966503" spans="14:14">
      <c r="N966503" s="10"/>
    </row>
    <row r="966504" spans="14:14">
      <c r="N966504" s="10"/>
    </row>
    <row r="966505" spans="14:14">
      <c r="N966505" s="10"/>
    </row>
    <row r="966506" spans="14:14">
      <c r="N966506" s="10"/>
    </row>
    <row r="966507" spans="14:14">
      <c r="N966507" s="10"/>
    </row>
    <row r="966508" spans="14:14">
      <c r="N966508" s="10"/>
    </row>
    <row r="966509" spans="14:14">
      <c r="N966509" s="10"/>
    </row>
    <row r="966510" spans="14:14">
      <c r="N966510" s="10"/>
    </row>
    <row r="966511" spans="14:14">
      <c r="N966511" s="10"/>
    </row>
    <row r="966512" spans="14:14">
      <c r="N966512" s="10"/>
    </row>
    <row r="966513" spans="14:14">
      <c r="N966513" s="10"/>
    </row>
    <row r="966514" spans="14:14">
      <c r="N966514" s="10"/>
    </row>
    <row r="966515" spans="14:14">
      <c r="N966515" s="10"/>
    </row>
    <row r="966516" spans="14:14">
      <c r="N966516" s="10"/>
    </row>
    <row r="966517" spans="14:14">
      <c r="N966517" s="10"/>
    </row>
    <row r="966518" spans="14:14">
      <c r="N966518" s="10"/>
    </row>
    <row r="966519" spans="14:14">
      <c r="N966519" s="10"/>
    </row>
    <row r="966520" spans="14:14">
      <c r="N966520" s="10"/>
    </row>
    <row r="966521" spans="14:14">
      <c r="N966521" s="10"/>
    </row>
    <row r="966522" spans="14:14">
      <c r="N966522" s="10"/>
    </row>
    <row r="966523" spans="14:14">
      <c r="N966523" s="10"/>
    </row>
    <row r="966524" spans="14:14">
      <c r="N966524" s="10"/>
    </row>
    <row r="966525" spans="14:14">
      <c r="N966525" s="10"/>
    </row>
    <row r="966526" spans="14:14">
      <c r="N966526" s="10"/>
    </row>
    <row r="966527" spans="14:14">
      <c r="N966527" s="10"/>
    </row>
    <row r="966528" spans="14:14">
      <c r="N966528" s="10"/>
    </row>
    <row r="966529" spans="14:14">
      <c r="N966529" s="10"/>
    </row>
    <row r="966530" spans="14:14">
      <c r="N966530" s="10"/>
    </row>
    <row r="966531" spans="14:14">
      <c r="N966531" s="10"/>
    </row>
    <row r="966532" spans="14:14">
      <c r="N966532" s="10"/>
    </row>
    <row r="966533" spans="14:14">
      <c r="N966533" s="10"/>
    </row>
    <row r="966534" spans="14:14">
      <c r="N966534" s="10"/>
    </row>
    <row r="966535" spans="14:14">
      <c r="N966535" s="10"/>
    </row>
    <row r="966536" spans="14:14">
      <c r="N966536" s="10"/>
    </row>
    <row r="966537" spans="14:14">
      <c r="N966537" s="10"/>
    </row>
    <row r="966538" spans="14:14">
      <c r="N966538" s="10"/>
    </row>
    <row r="966539" spans="14:14">
      <c r="N966539" s="10"/>
    </row>
    <row r="966540" spans="14:14">
      <c r="N966540" s="10"/>
    </row>
    <row r="966541" spans="14:14">
      <c r="N966541" s="10"/>
    </row>
    <row r="966542" spans="14:14">
      <c r="N966542" s="10"/>
    </row>
    <row r="966543" spans="14:14">
      <c r="N966543" s="10"/>
    </row>
    <row r="966544" spans="14:14">
      <c r="N966544" s="10"/>
    </row>
    <row r="966545" spans="14:14">
      <c r="N966545" s="10"/>
    </row>
    <row r="966546" spans="14:14">
      <c r="N966546" s="10"/>
    </row>
    <row r="966547" spans="14:14">
      <c r="N966547" s="10"/>
    </row>
    <row r="966548" spans="14:14">
      <c r="N966548" s="10"/>
    </row>
    <row r="966549" spans="14:14">
      <c r="N966549" s="10"/>
    </row>
    <row r="966550" spans="14:14">
      <c r="N966550" s="10"/>
    </row>
    <row r="966551" spans="14:14">
      <c r="N966551" s="10"/>
    </row>
    <row r="966552" spans="14:14">
      <c r="N966552" s="10"/>
    </row>
    <row r="966553" spans="14:14">
      <c r="N966553" s="10"/>
    </row>
    <row r="966554" spans="14:14">
      <c r="N966554" s="10"/>
    </row>
    <row r="966555" spans="14:14">
      <c r="N966555" s="10"/>
    </row>
    <row r="966556" spans="14:14">
      <c r="N966556" s="10"/>
    </row>
    <row r="966557" spans="14:14">
      <c r="N966557" s="10"/>
    </row>
    <row r="966558" spans="14:14">
      <c r="N966558" s="10"/>
    </row>
    <row r="966559" spans="14:14">
      <c r="N966559" s="10"/>
    </row>
    <row r="966560" spans="14:14">
      <c r="N966560" s="10"/>
    </row>
    <row r="966561" spans="14:14">
      <c r="N966561" s="10"/>
    </row>
    <row r="966562" spans="14:14">
      <c r="N966562" s="10"/>
    </row>
    <row r="966563" spans="14:14">
      <c r="N966563" s="10"/>
    </row>
    <row r="966564" spans="14:14">
      <c r="N966564" s="10"/>
    </row>
    <row r="966565" spans="14:14">
      <c r="N966565" s="10"/>
    </row>
    <row r="966566" spans="14:14">
      <c r="N966566" s="10"/>
    </row>
    <row r="966567" spans="14:14">
      <c r="N966567" s="10"/>
    </row>
    <row r="966568" spans="14:14">
      <c r="N966568" s="10"/>
    </row>
    <row r="966569" spans="14:14">
      <c r="N966569" s="10"/>
    </row>
    <row r="966570" spans="14:14">
      <c r="N966570" s="10"/>
    </row>
    <row r="966571" spans="14:14">
      <c r="N966571" s="10"/>
    </row>
    <row r="966572" spans="14:14">
      <c r="N966572" s="10"/>
    </row>
    <row r="966573" spans="14:14">
      <c r="N966573" s="10"/>
    </row>
    <row r="966574" spans="14:14">
      <c r="N966574" s="10"/>
    </row>
    <row r="966575" spans="14:14">
      <c r="N966575" s="10"/>
    </row>
    <row r="966576" spans="14:14">
      <c r="N966576" s="10"/>
    </row>
    <row r="966577" spans="14:14">
      <c r="N966577" s="10"/>
    </row>
    <row r="966578" spans="14:14">
      <c r="N966578" s="10"/>
    </row>
    <row r="966579" spans="14:14">
      <c r="N966579" s="10"/>
    </row>
    <row r="966580" spans="14:14">
      <c r="N966580" s="10"/>
    </row>
    <row r="966581" spans="14:14">
      <c r="N966581" s="10"/>
    </row>
    <row r="966582" spans="14:14">
      <c r="N966582" s="10"/>
    </row>
    <row r="966583" spans="14:14">
      <c r="N966583" s="10"/>
    </row>
    <row r="966584" spans="14:14">
      <c r="N966584" s="10"/>
    </row>
    <row r="966585" spans="14:14">
      <c r="N966585" s="10"/>
    </row>
    <row r="966586" spans="14:14">
      <c r="N966586" s="10"/>
    </row>
    <row r="966587" spans="14:14">
      <c r="N966587" s="10"/>
    </row>
    <row r="966588" spans="14:14">
      <c r="N966588" s="10"/>
    </row>
    <row r="966589" spans="14:14">
      <c r="N966589" s="10"/>
    </row>
    <row r="966590" spans="14:14">
      <c r="N966590" s="10"/>
    </row>
    <row r="966591" spans="14:14">
      <c r="N966591" s="10"/>
    </row>
    <row r="966592" spans="14:14">
      <c r="N966592" s="10"/>
    </row>
    <row r="966593" spans="14:14">
      <c r="N966593" s="10"/>
    </row>
    <row r="966594" spans="14:14">
      <c r="N966594" s="10"/>
    </row>
    <row r="966595" spans="14:14">
      <c r="N966595" s="10"/>
    </row>
    <row r="966596" spans="14:14">
      <c r="N966596" s="10"/>
    </row>
    <row r="966597" spans="14:14">
      <c r="N966597" s="10"/>
    </row>
    <row r="966598" spans="14:14">
      <c r="N966598" s="10"/>
    </row>
    <row r="966599" spans="14:14">
      <c r="N966599" s="10"/>
    </row>
    <row r="966600" spans="14:14">
      <c r="N966600" s="10"/>
    </row>
    <row r="966601" spans="14:14">
      <c r="N966601" s="10"/>
    </row>
    <row r="966602" spans="14:14">
      <c r="N966602" s="10"/>
    </row>
    <row r="966603" spans="14:14">
      <c r="N966603" s="10"/>
    </row>
    <row r="966604" spans="14:14">
      <c r="N966604" s="10"/>
    </row>
    <row r="966605" spans="14:14">
      <c r="N966605" s="10"/>
    </row>
    <row r="966606" spans="14:14">
      <c r="N966606" s="10"/>
    </row>
    <row r="966607" spans="14:14">
      <c r="N966607" s="10"/>
    </row>
    <row r="966608" spans="14:14">
      <c r="N966608" s="10"/>
    </row>
    <row r="966609" spans="14:14">
      <c r="N966609" s="10"/>
    </row>
    <row r="966610" spans="14:14">
      <c r="N966610" s="10"/>
    </row>
    <row r="966611" spans="14:14">
      <c r="N966611" s="10"/>
    </row>
    <row r="966612" spans="14:14">
      <c r="N966612" s="10"/>
    </row>
    <row r="966613" spans="14:14">
      <c r="N966613" s="10"/>
    </row>
    <row r="966614" spans="14:14">
      <c r="N966614" s="10"/>
    </row>
    <row r="966615" spans="14:14">
      <c r="N966615" s="10"/>
    </row>
    <row r="966616" spans="14:14">
      <c r="N966616" s="10"/>
    </row>
    <row r="966617" spans="14:14">
      <c r="N966617" s="10"/>
    </row>
    <row r="966618" spans="14:14">
      <c r="N966618" s="10"/>
    </row>
    <row r="966619" spans="14:14">
      <c r="N966619" s="10"/>
    </row>
    <row r="966620" spans="14:14">
      <c r="N966620" s="10"/>
    </row>
    <row r="966621" spans="14:14">
      <c r="N966621" s="10"/>
    </row>
    <row r="966622" spans="14:14">
      <c r="N966622" s="10"/>
    </row>
    <row r="966623" spans="14:14">
      <c r="N966623" s="10"/>
    </row>
    <row r="966624" spans="14:14">
      <c r="N966624" s="10"/>
    </row>
    <row r="966625" spans="14:14">
      <c r="N966625" s="10"/>
    </row>
    <row r="966626" spans="14:14">
      <c r="N966626" s="10"/>
    </row>
    <row r="966627" spans="14:14">
      <c r="N966627" s="10"/>
    </row>
    <row r="966628" spans="14:14">
      <c r="N966628" s="10"/>
    </row>
    <row r="966629" spans="14:14">
      <c r="N966629" s="10"/>
    </row>
    <row r="966630" spans="14:14">
      <c r="N966630" s="10"/>
    </row>
    <row r="966631" spans="14:14">
      <c r="N966631" s="10"/>
    </row>
    <row r="966632" spans="14:14">
      <c r="N966632" s="10"/>
    </row>
    <row r="966633" spans="14:14">
      <c r="N966633" s="10"/>
    </row>
    <row r="966634" spans="14:14">
      <c r="N966634" s="10"/>
    </row>
    <row r="966635" spans="14:14">
      <c r="N966635" s="10"/>
    </row>
    <row r="966636" spans="14:14">
      <c r="N966636" s="10"/>
    </row>
    <row r="966637" spans="14:14">
      <c r="N966637" s="10"/>
    </row>
    <row r="966638" spans="14:14">
      <c r="N966638" s="10"/>
    </row>
    <row r="966639" spans="14:14">
      <c r="N966639" s="10"/>
    </row>
    <row r="966640" spans="14:14">
      <c r="N966640" s="10"/>
    </row>
    <row r="966641" spans="14:14">
      <c r="N966641" s="10"/>
    </row>
    <row r="966642" spans="14:14">
      <c r="N966642" s="10"/>
    </row>
    <row r="966643" spans="14:14">
      <c r="N966643" s="10"/>
    </row>
    <row r="966644" spans="14:14">
      <c r="N966644" s="10"/>
    </row>
    <row r="966645" spans="14:14">
      <c r="N966645" s="10"/>
    </row>
    <row r="966646" spans="14:14">
      <c r="N966646" s="10"/>
    </row>
    <row r="966647" spans="14:14">
      <c r="N966647" s="10"/>
    </row>
    <row r="966648" spans="14:14">
      <c r="N966648" s="10"/>
    </row>
    <row r="966649" spans="14:14">
      <c r="N966649" s="10"/>
    </row>
    <row r="966650" spans="14:14">
      <c r="N966650" s="10"/>
    </row>
    <row r="966651" spans="14:14">
      <c r="N966651" s="10"/>
    </row>
    <row r="966652" spans="14:14">
      <c r="N966652" s="10"/>
    </row>
    <row r="966653" spans="14:14">
      <c r="N966653" s="10"/>
    </row>
    <row r="966654" spans="14:14">
      <c r="N966654" s="10"/>
    </row>
    <row r="966655" spans="14:14">
      <c r="N966655" s="10"/>
    </row>
    <row r="966656" spans="14:14">
      <c r="N966656" s="10"/>
    </row>
    <row r="966657" spans="14:14">
      <c r="N966657" s="10"/>
    </row>
    <row r="966658" spans="14:14">
      <c r="N966658" s="10"/>
    </row>
    <row r="966659" spans="14:14">
      <c r="N966659" s="10"/>
    </row>
    <row r="966660" spans="14:14">
      <c r="N966660" s="10"/>
    </row>
    <row r="966661" spans="14:14">
      <c r="N966661" s="10"/>
    </row>
    <row r="966662" spans="14:14">
      <c r="N966662" s="10"/>
    </row>
    <row r="966663" spans="14:14">
      <c r="N966663" s="10"/>
    </row>
    <row r="966664" spans="14:14">
      <c r="N966664" s="10"/>
    </row>
    <row r="966665" spans="14:14">
      <c r="N966665" s="10"/>
    </row>
    <row r="966666" spans="14:14">
      <c r="N966666" s="10"/>
    </row>
    <row r="966667" spans="14:14">
      <c r="N966667" s="10"/>
    </row>
    <row r="966668" spans="14:14">
      <c r="N966668" s="10"/>
    </row>
    <row r="966669" spans="14:14">
      <c r="N966669" s="10"/>
    </row>
    <row r="966670" spans="14:14">
      <c r="N966670" s="10"/>
    </row>
    <row r="966671" spans="14:14">
      <c r="N966671" s="10"/>
    </row>
    <row r="966672" spans="14:14">
      <c r="N966672" s="10"/>
    </row>
    <row r="966673" spans="14:14">
      <c r="N966673" s="10"/>
    </row>
    <row r="966674" spans="14:14">
      <c r="N966674" s="10"/>
    </row>
    <row r="966675" spans="14:14">
      <c r="N966675" s="10"/>
    </row>
    <row r="966676" spans="14:14">
      <c r="N966676" s="10"/>
    </row>
    <row r="966677" spans="14:14">
      <c r="N966677" s="10"/>
    </row>
    <row r="966678" spans="14:14">
      <c r="N966678" s="10"/>
    </row>
    <row r="966679" spans="14:14">
      <c r="N966679" s="10"/>
    </row>
    <row r="966680" spans="14:14">
      <c r="N966680" s="10"/>
    </row>
    <row r="966681" spans="14:14">
      <c r="N966681" s="10"/>
    </row>
    <row r="966682" spans="14:14">
      <c r="N966682" s="10"/>
    </row>
    <row r="966683" spans="14:14">
      <c r="N966683" s="10"/>
    </row>
    <row r="966684" spans="14:14">
      <c r="N966684" s="10"/>
    </row>
    <row r="966685" spans="14:14">
      <c r="N966685" s="10"/>
    </row>
    <row r="966686" spans="14:14">
      <c r="N966686" s="10"/>
    </row>
    <row r="966687" spans="14:14">
      <c r="N966687" s="10"/>
    </row>
    <row r="966688" spans="14:14">
      <c r="N966688" s="10"/>
    </row>
    <row r="966689" spans="14:14">
      <c r="N966689" s="10"/>
    </row>
    <row r="966690" spans="14:14">
      <c r="N966690" s="10"/>
    </row>
    <row r="966691" spans="14:14">
      <c r="N966691" s="10"/>
    </row>
    <row r="966692" spans="14:14">
      <c r="N966692" s="10"/>
    </row>
    <row r="966693" spans="14:14">
      <c r="N966693" s="10"/>
    </row>
    <row r="966694" spans="14:14">
      <c r="N966694" s="10"/>
    </row>
    <row r="966695" spans="14:14">
      <c r="N966695" s="10"/>
    </row>
    <row r="966696" spans="14:14">
      <c r="N966696" s="10"/>
    </row>
    <row r="966697" spans="14:14">
      <c r="N966697" s="10"/>
    </row>
    <row r="966698" spans="14:14">
      <c r="N966698" s="10"/>
    </row>
    <row r="966699" spans="14:14">
      <c r="N966699" s="10"/>
    </row>
    <row r="966700" spans="14:14">
      <c r="N966700" s="10"/>
    </row>
    <row r="966701" spans="14:14">
      <c r="N966701" s="10"/>
    </row>
    <row r="966702" spans="14:14">
      <c r="N966702" s="10"/>
    </row>
    <row r="966703" spans="14:14">
      <c r="N966703" s="10"/>
    </row>
    <row r="966704" spans="14:14">
      <c r="N966704" s="10"/>
    </row>
    <row r="966705" spans="14:14">
      <c r="N966705" s="10"/>
    </row>
    <row r="966706" spans="14:14">
      <c r="N966706" s="10"/>
    </row>
    <row r="966707" spans="14:14">
      <c r="N966707" s="10"/>
    </row>
    <row r="966708" spans="14:14">
      <c r="N966708" s="10"/>
    </row>
    <row r="966709" spans="14:14">
      <c r="N966709" s="10"/>
    </row>
    <row r="966710" spans="14:14">
      <c r="N966710" s="10"/>
    </row>
    <row r="966711" spans="14:14">
      <c r="N966711" s="10"/>
    </row>
    <row r="966712" spans="14:14">
      <c r="N966712" s="10"/>
    </row>
    <row r="966713" spans="14:14">
      <c r="N966713" s="10"/>
    </row>
    <row r="966714" spans="14:14">
      <c r="N966714" s="10"/>
    </row>
    <row r="966715" spans="14:14">
      <c r="N966715" s="10"/>
    </row>
    <row r="966716" spans="14:14">
      <c r="N966716" s="10"/>
    </row>
    <row r="966717" spans="14:14">
      <c r="N966717" s="10"/>
    </row>
    <row r="966718" spans="14:14">
      <c r="N966718" s="10"/>
    </row>
    <row r="966719" spans="14:14">
      <c r="N966719" s="10"/>
    </row>
    <row r="966720" spans="14:14">
      <c r="N966720" s="10"/>
    </row>
    <row r="966721" spans="14:14">
      <c r="N966721" s="10"/>
    </row>
    <row r="966722" spans="14:14">
      <c r="N966722" s="10"/>
    </row>
    <row r="966723" spans="14:14">
      <c r="N966723" s="10"/>
    </row>
    <row r="966724" spans="14:14">
      <c r="N966724" s="10"/>
    </row>
    <row r="966725" spans="14:14">
      <c r="N966725" s="10"/>
    </row>
    <row r="966726" spans="14:14">
      <c r="N966726" s="10"/>
    </row>
    <row r="966727" spans="14:14">
      <c r="N966727" s="10"/>
    </row>
    <row r="966728" spans="14:14">
      <c r="N966728" s="10"/>
    </row>
    <row r="966729" spans="14:14">
      <c r="N966729" s="10"/>
    </row>
    <row r="966730" spans="14:14">
      <c r="N966730" s="10"/>
    </row>
    <row r="966731" spans="14:14">
      <c r="N966731" s="10"/>
    </row>
    <row r="966732" spans="14:14">
      <c r="N966732" s="10"/>
    </row>
    <row r="966733" spans="14:14">
      <c r="N966733" s="10"/>
    </row>
    <row r="966734" spans="14:14">
      <c r="N966734" s="10"/>
    </row>
    <row r="966735" spans="14:14">
      <c r="N966735" s="10"/>
    </row>
    <row r="966736" spans="14:14">
      <c r="N966736" s="10"/>
    </row>
    <row r="966737" spans="14:14">
      <c r="N966737" s="10"/>
    </row>
    <row r="966738" spans="14:14">
      <c r="N966738" s="10"/>
    </row>
    <row r="966739" spans="14:14">
      <c r="N966739" s="10"/>
    </row>
    <row r="966740" spans="14:14">
      <c r="N966740" s="10"/>
    </row>
    <row r="966741" spans="14:14">
      <c r="N966741" s="10"/>
    </row>
    <row r="966742" spans="14:14">
      <c r="N966742" s="10"/>
    </row>
    <row r="966743" spans="14:14">
      <c r="N966743" s="10"/>
    </row>
    <row r="966744" spans="14:14">
      <c r="N966744" s="10"/>
    </row>
    <row r="966745" spans="14:14">
      <c r="N966745" s="10"/>
    </row>
    <row r="966746" spans="14:14">
      <c r="N966746" s="10"/>
    </row>
    <row r="966747" spans="14:14">
      <c r="N966747" s="10"/>
    </row>
    <row r="966748" spans="14:14">
      <c r="N966748" s="10"/>
    </row>
    <row r="966749" spans="14:14">
      <c r="N966749" s="10"/>
    </row>
    <row r="966750" spans="14:14">
      <c r="N966750" s="10"/>
    </row>
    <row r="966751" spans="14:14">
      <c r="N966751" s="10"/>
    </row>
    <row r="966752" spans="14:14">
      <c r="N966752" s="10"/>
    </row>
    <row r="966753" spans="14:14">
      <c r="N966753" s="10"/>
    </row>
    <row r="966754" spans="14:14">
      <c r="N966754" s="10"/>
    </row>
    <row r="966755" spans="14:14">
      <c r="N966755" s="10"/>
    </row>
    <row r="966756" spans="14:14">
      <c r="N966756" s="10"/>
    </row>
    <row r="966757" spans="14:14">
      <c r="N966757" s="10"/>
    </row>
    <row r="966758" spans="14:14">
      <c r="N966758" s="10"/>
    </row>
    <row r="966759" spans="14:14">
      <c r="N966759" s="10"/>
    </row>
    <row r="966760" spans="14:14">
      <c r="N966760" s="10"/>
    </row>
    <row r="966761" spans="14:14">
      <c r="N966761" s="10"/>
    </row>
    <row r="966762" spans="14:14">
      <c r="N966762" s="10"/>
    </row>
    <row r="966763" spans="14:14">
      <c r="N966763" s="10"/>
    </row>
    <row r="966764" spans="14:14">
      <c r="N966764" s="10"/>
    </row>
    <row r="966765" spans="14:14">
      <c r="N966765" s="10"/>
    </row>
    <row r="966766" spans="14:14">
      <c r="N966766" s="10"/>
    </row>
    <row r="966767" spans="14:14">
      <c r="N966767" s="10"/>
    </row>
    <row r="966768" spans="14:14">
      <c r="N966768" s="10"/>
    </row>
    <row r="966769" spans="14:14">
      <c r="N966769" s="10"/>
    </row>
    <row r="966770" spans="14:14">
      <c r="N966770" s="10"/>
    </row>
    <row r="966771" spans="14:14">
      <c r="N966771" s="10"/>
    </row>
    <row r="966772" spans="14:14">
      <c r="N966772" s="10"/>
    </row>
    <row r="966773" spans="14:14">
      <c r="N966773" s="10"/>
    </row>
    <row r="966774" spans="14:14">
      <c r="N966774" s="10"/>
    </row>
    <row r="966775" spans="14:14">
      <c r="N966775" s="10"/>
    </row>
    <row r="966776" spans="14:14">
      <c r="N966776" s="10"/>
    </row>
    <row r="966777" spans="14:14">
      <c r="N966777" s="10"/>
    </row>
    <row r="966778" spans="14:14">
      <c r="N966778" s="10"/>
    </row>
    <row r="966779" spans="14:14">
      <c r="N966779" s="10"/>
    </row>
    <row r="966780" spans="14:14">
      <c r="N966780" s="10"/>
    </row>
    <row r="966781" spans="14:14">
      <c r="N966781" s="10"/>
    </row>
    <row r="966782" spans="14:14">
      <c r="N966782" s="10"/>
    </row>
    <row r="966783" spans="14:14">
      <c r="N966783" s="10"/>
    </row>
    <row r="966784" spans="14:14">
      <c r="N966784" s="10"/>
    </row>
    <row r="966785" spans="14:14">
      <c r="N966785" s="10"/>
    </row>
    <row r="966786" spans="14:14">
      <c r="N966786" s="10"/>
    </row>
    <row r="966787" spans="14:14">
      <c r="N966787" s="10"/>
    </row>
    <row r="966788" spans="14:14">
      <c r="N966788" s="10"/>
    </row>
    <row r="966789" spans="14:14">
      <c r="N966789" s="10"/>
    </row>
    <row r="966790" spans="14:14">
      <c r="N966790" s="10"/>
    </row>
    <row r="966791" spans="14:14">
      <c r="N966791" s="10"/>
    </row>
    <row r="966792" spans="14:14">
      <c r="N966792" s="10"/>
    </row>
    <row r="966793" spans="14:14">
      <c r="N966793" s="10"/>
    </row>
    <row r="966794" spans="14:14">
      <c r="N966794" s="10"/>
    </row>
    <row r="966795" spans="14:14">
      <c r="N966795" s="10"/>
    </row>
    <row r="966796" spans="14:14">
      <c r="N966796" s="10"/>
    </row>
    <row r="966797" spans="14:14">
      <c r="N966797" s="10"/>
    </row>
    <row r="966798" spans="14:14">
      <c r="N966798" s="10"/>
    </row>
    <row r="966799" spans="14:14">
      <c r="N966799" s="10"/>
    </row>
    <row r="966800" spans="14:14">
      <c r="N966800" s="10"/>
    </row>
    <row r="966801" spans="14:14">
      <c r="N966801" s="10"/>
    </row>
    <row r="966802" spans="14:14">
      <c r="N966802" s="10"/>
    </row>
    <row r="966803" spans="14:14">
      <c r="N966803" s="10"/>
    </row>
    <row r="966804" spans="14:14">
      <c r="N966804" s="10"/>
    </row>
    <row r="966805" spans="14:14">
      <c r="N966805" s="10"/>
    </row>
    <row r="966806" spans="14:14">
      <c r="N966806" s="10"/>
    </row>
    <row r="966807" spans="14:14">
      <c r="N966807" s="10"/>
    </row>
    <row r="966808" spans="14:14">
      <c r="N966808" s="10"/>
    </row>
    <row r="966809" spans="14:14">
      <c r="N966809" s="10"/>
    </row>
    <row r="966810" spans="14:14">
      <c r="N966810" s="10"/>
    </row>
    <row r="966811" spans="14:14">
      <c r="N966811" s="10"/>
    </row>
    <row r="966812" spans="14:14">
      <c r="N966812" s="10"/>
    </row>
    <row r="966813" spans="14:14">
      <c r="N966813" s="10"/>
    </row>
    <row r="966814" spans="14:14">
      <c r="N966814" s="10"/>
    </row>
    <row r="966815" spans="14:14">
      <c r="N966815" s="10"/>
    </row>
    <row r="966816" spans="14:14">
      <c r="N966816" s="10"/>
    </row>
    <row r="966817" spans="14:14">
      <c r="N966817" s="10"/>
    </row>
    <row r="966818" spans="14:14">
      <c r="N966818" s="10"/>
    </row>
    <row r="966819" spans="14:14">
      <c r="N966819" s="10"/>
    </row>
    <row r="966820" spans="14:14">
      <c r="N966820" s="10"/>
    </row>
    <row r="966821" spans="14:14">
      <c r="N966821" s="10"/>
    </row>
    <row r="966822" spans="14:14">
      <c r="N966822" s="10"/>
    </row>
    <row r="966823" spans="14:14">
      <c r="N966823" s="10"/>
    </row>
    <row r="966824" spans="14:14">
      <c r="N966824" s="10"/>
    </row>
    <row r="966825" spans="14:14">
      <c r="N966825" s="10"/>
    </row>
    <row r="966826" spans="14:14">
      <c r="N966826" s="10"/>
    </row>
    <row r="966827" spans="14:14">
      <c r="N966827" s="10"/>
    </row>
    <row r="966828" spans="14:14">
      <c r="N966828" s="10"/>
    </row>
    <row r="966829" spans="14:14">
      <c r="N966829" s="10"/>
    </row>
    <row r="966830" spans="14:14">
      <c r="N966830" s="10"/>
    </row>
    <row r="966831" spans="14:14">
      <c r="N966831" s="10"/>
    </row>
    <row r="966832" spans="14:14">
      <c r="N966832" s="10"/>
    </row>
    <row r="966833" spans="14:14">
      <c r="N966833" s="10"/>
    </row>
    <row r="966834" spans="14:14">
      <c r="N966834" s="10"/>
    </row>
    <row r="966835" spans="14:14">
      <c r="N966835" s="10"/>
    </row>
    <row r="966836" spans="14:14">
      <c r="N966836" s="10"/>
    </row>
    <row r="966837" spans="14:14">
      <c r="N966837" s="10"/>
    </row>
    <row r="966838" spans="14:14">
      <c r="N966838" s="10"/>
    </row>
    <row r="966839" spans="14:14">
      <c r="N966839" s="10"/>
    </row>
    <row r="966840" spans="14:14">
      <c r="N966840" s="10"/>
    </row>
    <row r="966841" spans="14:14">
      <c r="N966841" s="10"/>
    </row>
    <row r="966842" spans="14:14">
      <c r="N966842" s="10"/>
    </row>
    <row r="966843" spans="14:14">
      <c r="N966843" s="10"/>
    </row>
    <row r="966844" spans="14:14">
      <c r="N966844" s="10"/>
    </row>
    <row r="966845" spans="14:14">
      <c r="N966845" s="10"/>
    </row>
    <row r="966846" spans="14:14">
      <c r="N966846" s="10"/>
    </row>
    <row r="966847" spans="14:14">
      <c r="N966847" s="10"/>
    </row>
    <row r="966848" spans="14:14">
      <c r="N966848" s="10"/>
    </row>
    <row r="966849" spans="14:14">
      <c r="N966849" s="10"/>
    </row>
    <row r="966850" spans="14:14">
      <c r="N966850" s="10"/>
    </row>
    <row r="966851" spans="14:14">
      <c r="N966851" s="10"/>
    </row>
    <row r="966852" spans="14:14">
      <c r="N966852" s="10"/>
    </row>
    <row r="966853" spans="14:14">
      <c r="N966853" s="10"/>
    </row>
    <row r="966854" spans="14:14">
      <c r="N966854" s="10"/>
    </row>
    <row r="966855" spans="14:14">
      <c r="N966855" s="10"/>
    </row>
    <row r="966856" spans="14:14">
      <c r="N966856" s="10"/>
    </row>
    <row r="966857" spans="14:14">
      <c r="N966857" s="10"/>
    </row>
    <row r="966858" spans="14:14">
      <c r="N966858" s="10"/>
    </row>
    <row r="966859" spans="14:14">
      <c r="N966859" s="10"/>
    </row>
    <row r="966860" spans="14:14">
      <c r="N966860" s="10"/>
    </row>
    <row r="966861" spans="14:14">
      <c r="N966861" s="10"/>
    </row>
    <row r="966862" spans="14:14">
      <c r="N966862" s="10"/>
    </row>
    <row r="966863" spans="14:14">
      <c r="N966863" s="10"/>
    </row>
    <row r="966864" spans="14:14">
      <c r="N966864" s="10"/>
    </row>
    <row r="966865" spans="14:14">
      <c r="N966865" s="10"/>
    </row>
    <row r="966866" spans="14:14">
      <c r="N966866" s="10"/>
    </row>
    <row r="966867" spans="14:14">
      <c r="N966867" s="10"/>
    </row>
    <row r="966868" spans="14:14">
      <c r="N966868" s="10"/>
    </row>
    <row r="966869" spans="14:14">
      <c r="N966869" s="10"/>
    </row>
    <row r="966870" spans="14:14">
      <c r="N966870" s="10"/>
    </row>
    <row r="966871" spans="14:14">
      <c r="N966871" s="10"/>
    </row>
    <row r="966872" spans="14:14">
      <c r="N966872" s="10"/>
    </row>
    <row r="966873" spans="14:14">
      <c r="N966873" s="10"/>
    </row>
    <row r="966874" spans="14:14">
      <c r="N966874" s="10"/>
    </row>
    <row r="966875" spans="14:14">
      <c r="N966875" s="10"/>
    </row>
    <row r="966876" spans="14:14">
      <c r="N966876" s="10"/>
    </row>
    <row r="966877" spans="14:14">
      <c r="N966877" s="10"/>
    </row>
    <row r="966878" spans="14:14">
      <c r="N966878" s="10"/>
    </row>
    <row r="966879" spans="14:14">
      <c r="N966879" s="10"/>
    </row>
    <row r="966880" spans="14:14">
      <c r="N966880" s="10"/>
    </row>
    <row r="966881" spans="14:14">
      <c r="N966881" s="10"/>
    </row>
    <row r="966882" spans="14:14">
      <c r="N966882" s="10"/>
    </row>
    <row r="966883" spans="14:14">
      <c r="N966883" s="10"/>
    </row>
    <row r="966884" spans="14:14">
      <c r="N966884" s="10"/>
    </row>
    <row r="966885" spans="14:14">
      <c r="N966885" s="10"/>
    </row>
    <row r="966886" spans="14:14">
      <c r="N966886" s="10"/>
    </row>
    <row r="966887" spans="14:14">
      <c r="N966887" s="10"/>
    </row>
    <row r="966888" spans="14:14">
      <c r="N966888" s="10"/>
    </row>
    <row r="966889" spans="14:14">
      <c r="N966889" s="10"/>
    </row>
    <row r="966890" spans="14:14">
      <c r="N966890" s="10"/>
    </row>
    <row r="966891" spans="14:14">
      <c r="N966891" s="10"/>
    </row>
    <row r="966892" spans="14:14">
      <c r="N966892" s="10"/>
    </row>
    <row r="966893" spans="14:14">
      <c r="N966893" s="10"/>
    </row>
    <row r="966894" spans="14:14">
      <c r="N966894" s="10"/>
    </row>
    <row r="966895" spans="14:14">
      <c r="N966895" s="10"/>
    </row>
    <row r="966896" spans="14:14">
      <c r="N966896" s="10"/>
    </row>
    <row r="966897" spans="14:14">
      <c r="N966897" s="10"/>
    </row>
    <row r="966898" spans="14:14">
      <c r="N966898" s="10"/>
    </row>
    <row r="966899" spans="14:14">
      <c r="N966899" s="10"/>
    </row>
    <row r="966900" spans="14:14">
      <c r="N966900" s="10"/>
    </row>
    <row r="966901" spans="14:14">
      <c r="N966901" s="10"/>
    </row>
    <row r="966902" spans="14:14">
      <c r="N966902" s="10"/>
    </row>
    <row r="966903" spans="14:14">
      <c r="N966903" s="10"/>
    </row>
    <row r="966904" spans="14:14">
      <c r="N966904" s="10"/>
    </row>
    <row r="966905" spans="14:14">
      <c r="N966905" s="10"/>
    </row>
    <row r="966906" spans="14:14">
      <c r="N966906" s="10"/>
    </row>
    <row r="966907" spans="14:14">
      <c r="N966907" s="10"/>
    </row>
    <row r="966908" spans="14:14">
      <c r="N966908" s="10"/>
    </row>
    <row r="966909" spans="14:14">
      <c r="N966909" s="10"/>
    </row>
    <row r="966910" spans="14:14">
      <c r="N966910" s="10"/>
    </row>
    <row r="966911" spans="14:14">
      <c r="N966911" s="10"/>
    </row>
    <row r="966912" spans="14:14">
      <c r="N966912" s="10"/>
    </row>
    <row r="966913" spans="14:14">
      <c r="N966913" s="10"/>
    </row>
    <row r="966914" spans="14:14">
      <c r="N966914" s="10"/>
    </row>
    <row r="966915" spans="14:14">
      <c r="N966915" s="10"/>
    </row>
    <row r="966916" spans="14:14">
      <c r="N966916" s="10"/>
    </row>
    <row r="966917" spans="14:14">
      <c r="N966917" s="10"/>
    </row>
    <row r="966918" spans="14:14">
      <c r="N966918" s="10"/>
    </row>
    <row r="966919" spans="14:14">
      <c r="N966919" s="10"/>
    </row>
    <row r="966920" spans="14:14">
      <c r="N966920" s="10"/>
    </row>
    <row r="966921" spans="14:14">
      <c r="N966921" s="10"/>
    </row>
    <row r="966922" spans="14:14">
      <c r="N966922" s="10"/>
    </row>
    <row r="966923" spans="14:14">
      <c r="N966923" s="10"/>
    </row>
    <row r="966924" spans="14:14">
      <c r="N966924" s="10"/>
    </row>
    <row r="966925" spans="14:14">
      <c r="N966925" s="10"/>
    </row>
    <row r="966926" spans="14:14">
      <c r="N966926" s="10"/>
    </row>
    <row r="966927" spans="14:14">
      <c r="N966927" s="10"/>
    </row>
    <row r="966928" spans="14:14">
      <c r="N966928" s="10"/>
    </row>
    <row r="966929" spans="14:14">
      <c r="N966929" s="10"/>
    </row>
    <row r="966930" spans="14:14">
      <c r="N966930" s="10"/>
    </row>
    <row r="966931" spans="14:14">
      <c r="N966931" s="10"/>
    </row>
    <row r="966932" spans="14:14">
      <c r="N966932" s="10"/>
    </row>
    <row r="966933" spans="14:14">
      <c r="N966933" s="10"/>
    </row>
    <row r="966934" spans="14:14">
      <c r="N966934" s="10"/>
    </row>
    <row r="966935" spans="14:14">
      <c r="N966935" s="10"/>
    </row>
    <row r="966936" spans="14:14">
      <c r="N966936" s="10"/>
    </row>
    <row r="966937" spans="14:14">
      <c r="N966937" s="10"/>
    </row>
    <row r="966938" spans="14:14">
      <c r="N966938" s="10"/>
    </row>
    <row r="966939" spans="14:14">
      <c r="N966939" s="10"/>
    </row>
    <row r="966940" spans="14:14">
      <c r="N966940" s="10"/>
    </row>
    <row r="966941" spans="14:14">
      <c r="N966941" s="10"/>
    </row>
    <row r="966942" spans="14:14">
      <c r="N966942" s="10"/>
    </row>
    <row r="966943" spans="14:14">
      <c r="N966943" s="10"/>
    </row>
    <row r="966944" spans="14:14">
      <c r="N966944" s="10"/>
    </row>
    <row r="966945" spans="14:14">
      <c r="N966945" s="10"/>
    </row>
    <row r="966946" spans="14:14">
      <c r="N966946" s="10"/>
    </row>
    <row r="966947" spans="14:14">
      <c r="N966947" s="10"/>
    </row>
    <row r="966948" spans="14:14">
      <c r="N966948" s="10"/>
    </row>
    <row r="966949" spans="14:14">
      <c r="N966949" s="10"/>
    </row>
    <row r="966950" spans="14:14">
      <c r="N966950" s="10"/>
    </row>
    <row r="966951" spans="14:14">
      <c r="N966951" s="10"/>
    </row>
    <row r="966952" spans="14:14">
      <c r="N966952" s="10"/>
    </row>
    <row r="966953" spans="14:14">
      <c r="N966953" s="10"/>
    </row>
    <row r="966954" spans="14:14">
      <c r="N966954" s="10"/>
    </row>
    <row r="966955" spans="14:14">
      <c r="N966955" s="10"/>
    </row>
    <row r="966956" spans="14:14">
      <c r="N966956" s="10"/>
    </row>
    <row r="966957" spans="14:14">
      <c r="N966957" s="10"/>
    </row>
    <row r="966958" spans="14:14">
      <c r="N966958" s="10"/>
    </row>
    <row r="966959" spans="14:14">
      <c r="N966959" s="10"/>
    </row>
    <row r="966960" spans="14:14">
      <c r="N966960" s="10"/>
    </row>
    <row r="966961" spans="14:14">
      <c r="N966961" s="10"/>
    </row>
    <row r="966962" spans="14:14">
      <c r="N966962" s="10"/>
    </row>
    <row r="966963" spans="14:14">
      <c r="N966963" s="10"/>
    </row>
    <row r="966964" spans="14:14">
      <c r="N966964" s="10"/>
    </row>
    <row r="966965" spans="14:14">
      <c r="N966965" s="10"/>
    </row>
    <row r="966966" spans="14:14">
      <c r="N966966" s="10"/>
    </row>
    <row r="966967" spans="14:14">
      <c r="N966967" s="10"/>
    </row>
    <row r="966968" spans="14:14">
      <c r="N966968" s="10"/>
    </row>
    <row r="966969" spans="14:14">
      <c r="N966969" s="10"/>
    </row>
    <row r="966970" spans="14:14">
      <c r="N966970" s="10"/>
    </row>
    <row r="966971" spans="14:14">
      <c r="N966971" s="10"/>
    </row>
    <row r="966972" spans="14:14">
      <c r="N966972" s="10"/>
    </row>
    <row r="966973" spans="14:14">
      <c r="N966973" s="10"/>
    </row>
    <row r="966974" spans="14:14">
      <c r="N966974" s="10"/>
    </row>
    <row r="966975" spans="14:14">
      <c r="N966975" s="10"/>
    </row>
    <row r="966976" spans="14:14">
      <c r="N966976" s="10"/>
    </row>
    <row r="966977" spans="14:14">
      <c r="N966977" s="10"/>
    </row>
    <row r="966978" spans="14:14">
      <c r="N966978" s="10"/>
    </row>
    <row r="966979" spans="14:14">
      <c r="N966979" s="10"/>
    </row>
    <row r="966980" spans="14:14">
      <c r="N966980" s="10"/>
    </row>
    <row r="966981" spans="14:14">
      <c r="N966981" s="10"/>
    </row>
    <row r="966982" spans="14:14">
      <c r="N966982" s="10"/>
    </row>
    <row r="966983" spans="14:14">
      <c r="N966983" s="10"/>
    </row>
    <row r="966984" spans="14:14">
      <c r="N966984" s="10"/>
    </row>
    <row r="966985" spans="14:14">
      <c r="N966985" s="10"/>
    </row>
    <row r="966986" spans="14:14">
      <c r="N966986" s="10"/>
    </row>
    <row r="966987" spans="14:14">
      <c r="N966987" s="10"/>
    </row>
    <row r="966988" spans="14:14">
      <c r="N966988" s="10"/>
    </row>
    <row r="966989" spans="14:14">
      <c r="N966989" s="10"/>
    </row>
    <row r="966990" spans="14:14">
      <c r="N966990" s="10"/>
    </row>
    <row r="966991" spans="14:14">
      <c r="N966991" s="10"/>
    </row>
    <row r="966992" spans="14:14">
      <c r="N966992" s="10"/>
    </row>
    <row r="966993" spans="14:14">
      <c r="N966993" s="10"/>
    </row>
    <row r="966994" spans="14:14">
      <c r="N966994" s="10"/>
    </row>
    <row r="966995" spans="14:14">
      <c r="N966995" s="10"/>
    </row>
    <row r="966996" spans="14:14">
      <c r="N966996" s="10"/>
    </row>
    <row r="966997" spans="14:14">
      <c r="N966997" s="10"/>
    </row>
    <row r="966998" spans="14:14">
      <c r="N966998" s="10"/>
    </row>
    <row r="966999" spans="14:14">
      <c r="N966999" s="10"/>
    </row>
    <row r="967000" spans="14:14">
      <c r="N967000" s="10"/>
    </row>
    <row r="967001" spans="14:14">
      <c r="N967001" s="10"/>
    </row>
    <row r="967002" spans="14:14">
      <c r="N967002" s="10"/>
    </row>
    <row r="967003" spans="14:14">
      <c r="N967003" s="10"/>
    </row>
    <row r="967004" spans="14:14">
      <c r="N967004" s="10"/>
    </row>
    <row r="967005" spans="14:14">
      <c r="N967005" s="10"/>
    </row>
    <row r="967006" spans="14:14">
      <c r="N967006" s="10"/>
    </row>
    <row r="967007" spans="14:14">
      <c r="N967007" s="10"/>
    </row>
    <row r="967008" spans="14:14">
      <c r="N967008" s="10"/>
    </row>
    <row r="967009" spans="14:14">
      <c r="N967009" s="10"/>
    </row>
    <row r="967010" spans="14:14">
      <c r="N967010" s="10"/>
    </row>
    <row r="967011" spans="14:14">
      <c r="N967011" s="10"/>
    </row>
    <row r="967012" spans="14:14">
      <c r="N967012" s="10"/>
    </row>
    <row r="967013" spans="14:14">
      <c r="N967013" s="10"/>
    </row>
    <row r="967014" spans="14:14">
      <c r="N967014" s="10"/>
    </row>
    <row r="967015" spans="14:14">
      <c r="N967015" s="10"/>
    </row>
    <row r="967016" spans="14:14">
      <c r="N967016" s="10"/>
    </row>
    <row r="967017" spans="14:14">
      <c r="N967017" s="10"/>
    </row>
    <row r="967018" spans="14:14">
      <c r="N967018" s="10"/>
    </row>
    <row r="967019" spans="14:14">
      <c r="N967019" s="10"/>
    </row>
    <row r="967020" spans="14:14">
      <c r="N967020" s="10"/>
    </row>
    <row r="967021" spans="14:14">
      <c r="N967021" s="10"/>
    </row>
    <row r="967022" spans="14:14">
      <c r="N967022" s="10"/>
    </row>
    <row r="967023" spans="14:14">
      <c r="N967023" s="10"/>
    </row>
    <row r="967024" spans="14:14">
      <c r="N967024" s="10"/>
    </row>
    <row r="967025" spans="14:14">
      <c r="N967025" s="10"/>
    </row>
    <row r="967026" spans="14:14">
      <c r="N967026" s="10"/>
    </row>
    <row r="967027" spans="14:14">
      <c r="N967027" s="10"/>
    </row>
    <row r="967028" spans="14:14">
      <c r="N967028" s="10"/>
    </row>
    <row r="967029" spans="14:14">
      <c r="N967029" s="10"/>
    </row>
    <row r="967030" spans="14:14">
      <c r="N967030" s="10"/>
    </row>
    <row r="967031" spans="14:14">
      <c r="N967031" s="10"/>
    </row>
    <row r="967032" spans="14:14">
      <c r="N967032" s="10"/>
    </row>
    <row r="967033" spans="14:14">
      <c r="N967033" s="10"/>
    </row>
    <row r="967034" spans="14:14">
      <c r="N967034" s="10"/>
    </row>
    <row r="967035" spans="14:14">
      <c r="N967035" s="10"/>
    </row>
    <row r="967036" spans="14:14">
      <c r="N967036" s="10"/>
    </row>
    <row r="967037" spans="14:14">
      <c r="N967037" s="10"/>
    </row>
    <row r="967038" spans="14:14">
      <c r="N967038" s="10"/>
    </row>
    <row r="967039" spans="14:14">
      <c r="N967039" s="10"/>
    </row>
    <row r="967040" spans="14:14">
      <c r="N967040" s="10"/>
    </row>
    <row r="967041" spans="14:14">
      <c r="N967041" s="10"/>
    </row>
    <row r="967042" spans="14:14">
      <c r="N967042" s="10"/>
    </row>
    <row r="967043" spans="14:14">
      <c r="N967043" s="10"/>
    </row>
    <row r="967044" spans="14:14">
      <c r="N967044" s="10"/>
    </row>
    <row r="967045" spans="14:14">
      <c r="N967045" s="10"/>
    </row>
    <row r="967046" spans="14:14">
      <c r="N967046" s="10"/>
    </row>
    <row r="967047" spans="14:14">
      <c r="N967047" s="10"/>
    </row>
    <row r="967048" spans="14:14">
      <c r="N967048" s="10"/>
    </row>
    <row r="967049" spans="14:14">
      <c r="N967049" s="10"/>
    </row>
    <row r="967050" spans="14:14">
      <c r="N967050" s="10"/>
    </row>
    <row r="967051" spans="14:14">
      <c r="N967051" s="10"/>
    </row>
    <row r="967052" spans="14:14">
      <c r="N967052" s="10"/>
    </row>
    <row r="967053" spans="14:14">
      <c r="N967053" s="10"/>
    </row>
    <row r="967054" spans="14:14">
      <c r="N967054" s="10"/>
    </row>
    <row r="967055" spans="14:14">
      <c r="N967055" s="10"/>
    </row>
    <row r="967056" spans="14:14">
      <c r="N967056" s="10"/>
    </row>
    <row r="967057" spans="14:14">
      <c r="N967057" s="10"/>
    </row>
    <row r="967058" spans="14:14">
      <c r="N967058" s="10"/>
    </row>
    <row r="967059" spans="14:14">
      <c r="N967059" s="10"/>
    </row>
    <row r="967060" spans="14:14">
      <c r="N967060" s="10"/>
    </row>
    <row r="967061" spans="14:14">
      <c r="N967061" s="10"/>
    </row>
    <row r="967062" spans="14:14">
      <c r="N967062" s="10"/>
    </row>
    <row r="967063" spans="14:14">
      <c r="N967063" s="10"/>
    </row>
    <row r="967064" spans="14:14">
      <c r="N967064" s="10"/>
    </row>
    <row r="967065" spans="14:14">
      <c r="N967065" s="10"/>
    </row>
    <row r="967066" spans="14:14">
      <c r="N967066" s="10"/>
    </row>
    <row r="967067" spans="14:14">
      <c r="N967067" s="10"/>
    </row>
    <row r="967068" spans="14:14">
      <c r="N967068" s="10"/>
    </row>
    <row r="967069" spans="14:14">
      <c r="N967069" s="10"/>
    </row>
    <row r="967070" spans="14:14">
      <c r="N967070" s="10"/>
    </row>
    <row r="967071" spans="14:14">
      <c r="N967071" s="10"/>
    </row>
    <row r="967072" spans="14:14">
      <c r="N967072" s="10"/>
    </row>
    <row r="967073" spans="14:14">
      <c r="N967073" s="10"/>
    </row>
    <row r="967074" spans="14:14">
      <c r="N967074" s="10"/>
    </row>
    <row r="967075" spans="14:14">
      <c r="N967075" s="10"/>
    </row>
    <row r="967076" spans="14:14">
      <c r="N967076" s="10"/>
    </row>
    <row r="967077" spans="14:14">
      <c r="N967077" s="10"/>
    </row>
    <row r="967078" spans="14:14">
      <c r="N967078" s="10"/>
    </row>
    <row r="967079" spans="14:14">
      <c r="N967079" s="10"/>
    </row>
    <row r="967080" spans="14:14">
      <c r="N967080" s="10"/>
    </row>
    <row r="967081" spans="14:14">
      <c r="N967081" s="10"/>
    </row>
    <row r="967082" spans="14:14">
      <c r="N967082" s="10"/>
    </row>
    <row r="967083" spans="14:14">
      <c r="N967083" s="10"/>
    </row>
    <row r="967084" spans="14:14">
      <c r="N967084" s="10"/>
    </row>
    <row r="967085" spans="14:14">
      <c r="N967085" s="10"/>
    </row>
    <row r="967086" spans="14:14">
      <c r="N967086" s="10"/>
    </row>
    <row r="967087" spans="14:14">
      <c r="N967087" s="10"/>
    </row>
    <row r="967088" spans="14:14">
      <c r="N967088" s="10"/>
    </row>
    <row r="967089" spans="14:14">
      <c r="N967089" s="10"/>
    </row>
    <row r="967090" spans="14:14">
      <c r="N967090" s="10"/>
    </row>
    <row r="967091" spans="14:14">
      <c r="N967091" s="10"/>
    </row>
    <row r="967092" spans="14:14">
      <c r="N967092" s="10"/>
    </row>
    <row r="967093" spans="14:14">
      <c r="N967093" s="10"/>
    </row>
    <row r="967094" spans="14:14">
      <c r="N967094" s="10"/>
    </row>
    <row r="967095" spans="14:14">
      <c r="N967095" s="10"/>
    </row>
    <row r="967096" spans="14:14">
      <c r="N967096" s="10"/>
    </row>
    <row r="967097" spans="14:14">
      <c r="N967097" s="10"/>
    </row>
    <row r="967098" spans="14:14">
      <c r="N967098" s="10"/>
    </row>
    <row r="967099" spans="14:14">
      <c r="N967099" s="10"/>
    </row>
    <row r="967100" spans="14:14">
      <c r="N967100" s="10"/>
    </row>
    <row r="967101" spans="14:14">
      <c r="N967101" s="10"/>
    </row>
    <row r="967102" spans="14:14">
      <c r="N967102" s="10"/>
    </row>
    <row r="967103" spans="14:14">
      <c r="N967103" s="10"/>
    </row>
    <row r="967104" spans="14:14">
      <c r="N967104" s="10"/>
    </row>
    <row r="967105" spans="14:14">
      <c r="N967105" s="10"/>
    </row>
    <row r="967106" spans="14:14">
      <c r="N967106" s="10"/>
    </row>
    <row r="967107" spans="14:14">
      <c r="N967107" s="10"/>
    </row>
    <row r="967108" spans="14:14">
      <c r="N967108" s="10"/>
    </row>
    <row r="967109" spans="14:14">
      <c r="N967109" s="10"/>
    </row>
    <row r="967110" spans="14:14">
      <c r="N967110" s="10"/>
    </row>
    <row r="967111" spans="14:14">
      <c r="N967111" s="10"/>
    </row>
    <row r="967112" spans="14:14">
      <c r="N967112" s="10"/>
    </row>
    <row r="967113" spans="14:14">
      <c r="N967113" s="10"/>
    </row>
    <row r="967114" spans="14:14">
      <c r="N967114" s="10"/>
    </row>
    <row r="967115" spans="14:14">
      <c r="N967115" s="10"/>
    </row>
    <row r="967116" spans="14:14">
      <c r="N967116" s="10"/>
    </row>
    <row r="967117" spans="14:14">
      <c r="N967117" s="10"/>
    </row>
    <row r="967118" spans="14:14">
      <c r="N967118" s="10"/>
    </row>
    <row r="967119" spans="14:14">
      <c r="N967119" s="10"/>
    </row>
    <row r="967120" spans="14:14">
      <c r="N967120" s="10"/>
    </row>
    <row r="967121" spans="14:14">
      <c r="N967121" s="10"/>
    </row>
    <row r="967122" spans="14:14">
      <c r="N967122" s="10"/>
    </row>
    <row r="967123" spans="14:14">
      <c r="N967123" s="10"/>
    </row>
    <row r="967124" spans="14:14">
      <c r="N967124" s="10"/>
    </row>
    <row r="967125" spans="14:14">
      <c r="N967125" s="10"/>
    </row>
    <row r="967126" spans="14:14">
      <c r="N967126" s="10"/>
    </row>
    <row r="967127" spans="14:14">
      <c r="N967127" s="10"/>
    </row>
    <row r="967128" spans="14:14">
      <c r="N967128" s="10"/>
    </row>
    <row r="967129" spans="14:14">
      <c r="N967129" s="10"/>
    </row>
    <row r="967130" spans="14:14">
      <c r="N967130" s="10"/>
    </row>
    <row r="967131" spans="14:14">
      <c r="N967131" s="10"/>
    </row>
    <row r="967132" spans="14:14">
      <c r="N967132" s="10"/>
    </row>
    <row r="967133" spans="14:14">
      <c r="N967133" s="10"/>
    </row>
    <row r="967134" spans="14:14">
      <c r="N967134" s="10"/>
    </row>
    <row r="967135" spans="14:14">
      <c r="N967135" s="10"/>
    </row>
    <row r="967136" spans="14:14">
      <c r="N967136" s="10"/>
    </row>
    <row r="967137" spans="14:14">
      <c r="N967137" s="10"/>
    </row>
    <row r="967138" spans="14:14">
      <c r="N967138" s="10"/>
    </row>
    <row r="967139" spans="14:14">
      <c r="N967139" s="10"/>
    </row>
    <row r="967140" spans="14:14">
      <c r="N967140" s="10"/>
    </row>
    <row r="967141" spans="14:14">
      <c r="N967141" s="10"/>
    </row>
    <row r="967142" spans="14:14">
      <c r="N967142" s="10"/>
    </row>
    <row r="967143" spans="14:14">
      <c r="N967143" s="10"/>
    </row>
    <row r="967144" spans="14:14">
      <c r="N967144" s="10"/>
    </row>
    <row r="967145" spans="14:14">
      <c r="N967145" s="10"/>
    </row>
    <row r="967146" spans="14:14">
      <c r="N967146" s="10"/>
    </row>
    <row r="967147" spans="14:14">
      <c r="N967147" s="10"/>
    </row>
    <row r="967148" spans="14:14">
      <c r="N967148" s="10"/>
    </row>
    <row r="967149" spans="14:14">
      <c r="N967149" s="10"/>
    </row>
    <row r="967150" spans="14:14">
      <c r="N967150" s="10"/>
    </row>
    <row r="967151" spans="14:14">
      <c r="N967151" s="10"/>
    </row>
    <row r="967152" spans="14:14">
      <c r="N967152" s="10"/>
    </row>
    <row r="967153" spans="14:14">
      <c r="N967153" s="10"/>
    </row>
    <row r="967154" spans="14:14">
      <c r="N967154" s="10"/>
    </row>
    <row r="967155" spans="14:14">
      <c r="N967155" s="10"/>
    </row>
    <row r="967156" spans="14:14">
      <c r="N967156" s="10"/>
    </row>
    <row r="967157" spans="14:14">
      <c r="N967157" s="10"/>
    </row>
    <row r="967158" spans="14:14">
      <c r="N967158" s="10"/>
    </row>
    <row r="967159" spans="14:14">
      <c r="N967159" s="10"/>
    </row>
    <row r="967160" spans="14:14">
      <c r="N967160" s="10"/>
    </row>
    <row r="967161" spans="14:14">
      <c r="N967161" s="10"/>
    </row>
    <row r="967162" spans="14:14">
      <c r="N967162" s="10"/>
    </row>
    <row r="967163" spans="14:14">
      <c r="N967163" s="10"/>
    </row>
    <row r="967164" spans="14:14">
      <c r="N967164" s="10"/>
    </row>
    <row r="967165" spans="14:14">
      <c r="N967165" s="10"/>
    </row>
    <row r="967166" spans="14:14">
      <c r="N967166" s="10"/>
    </row>
    <row r="967167" spans="14:14">
      <c r="N967167" s="10"/>
    </row>
    <row r="967168" spans="14:14">
      <c r="N967168" s="10"/>
    </row>
    <row r="967169" spans="14:14">
      <c r="N967169" s="10"/>
    </row>
    <row r="967170" spans="14:14">
      <c r="N967170" s="10"/>
    </row>
    <row r="967171" spans="14:14">
      <c r="N967171" s="10"/>
    </row>
    <row r="967172" spans="14:14">
      <c r="N967172" s="10"/>
    </row>
    <row r="967173" spans="14:14">
      <c r="N967173" s="10"/>
    </row>
    <row r="967174" spans="14:14">
      <c r="N967174" s="10"/>
    </row>
    <row r="967175" spans="14:14">
      <c r="N967175" s="10"/>
    </row>
    <row r="967176" spans="14:14">
      <c r="N967176" s="10"/>
    </row>
    <row r="967177" spans="14:14">
      <c r="N967177" s="10"/>
    </row>
    <row r="967178" spans="14:14">
      <c r="N967178" s="10"/>
    </row>
    <row r="967179" spans="14:14">
      <c r="N967179" s="10"/>
    </row>
    <row r="967180" spans="14:14">
      <c r="N967180" s="10"/>
    </row>
    <row r="967181" spans="14:14">
      <c r="N967181" s="10"/>
    </row>
    <row r="967182" spans="14:14">
      <c r="N967182" s="10"/>
    </row>
    <row r="967183" spans="14:14">
      <c r="N967183" s="10"/>
    </row>
    <row r="967184" spans="14:14">
      <c r="N967184" s="10"/>
    </row>
    <row r="967185" spans="14:14">
      <c r="N967185" s="10"/>
    </row>
    <row r="967186" spans="14:14">
      <c r="N967186" s="10"/>
    </row>
    <row r="967187" spans="14:14">
      <c r="N967187" s="10"/>
    </row>
    <row r="967188" spans="14:14">
      <c r="N967188" s="10"/>
    </row>
    <row r="967189" spans="14:14">
      <c r="N967189" s="10"/>
    </row>
    <row r="967190" spans="14:14">
      <c r="N967190" s="10"/>
    </row>
    <row r="967191" spans="14:14">
      <c r="N967191" s="10"/>
    </row>
    <row r="967192" spans="14:14">
      <c r="N967192" s="10"/>
    </row>
    <row r="967193" spans="14:14">
      <c r="N967193" s="10"/>
    </row>
    <row r="967194" spans="14:14">
      <c r="N967194" s="10"/>
    </row>
    <row r="967195" spans="14:14">
      <c r="N967195" s="10"/>
    </row>
    <row r="967196" spans="14:14">
      <c r="N967196" s="10"/>
    </row>
    <row r="967197" spans="14:14">
      <c r="N967197" s="10"/>
    </row>
    <row r="967198" spans="14:14">
      <c r="N967198" s="10"/>
    </row>
    <row r="967199" spans="14:14">
      <c r="N967199" s="10"/>
    </row>
    <row r="967200" spans="14:14">
      <c r="N967200" s="10"/>
    </row>
    <row r="967201" spans="14:14">
      <c r="N967201" s="10"/>
    </row>
    <row r="967202" spans="14:14">
      <c r="N967202" s="10"/>
    </row>
    <row r="967203" spans="14:14">
      <c r="N967203" s="10"/>
    </row>
    <row r="967204" spans="14:14">
      <c r="N967204" s="10"/>
    </row>
    <row r="967205" spans="14:14">
      <c r="N967205" s="10"/>
    </row>
    <row r="967206" spans="14:14">
      <c r="N967206" s="10"/>
    </row>
    <row r="967207" spans="14:14">
      <c r="N967207" s="10"/>
    </row>
    <row r="967208" spans="14:14">
      <c r="N967208" s="10"/>
    </row>
    <row r="967209" spans="14:14">
      <c r="N967209" s="10"/>
    </row>
    <row r="967210" spans="14:14">
      <c r="N967210" s="10"/>
    </row>
    <row r="967211" spans="14:14">
      <c r="N967211" s="10"/>
    </row>
    <row r="967212" spans="14:14">
      <c r="N967212" s="10"/>
    </row>
    <row r="967213" spans="14:14">
      <c r="N967213" s="10"/>
    </row>
    <row r="967214" spans="14:14">
      <c r="N967214" s="10"/>
    </row>
    <row r="967215" spans="14:14">
      <c r="N967215" s="10"/>
    </row>
    <row r="967216" spans="14:14">
      <c r="N967216" s="10"/>
    </row>
    <row r="967217" spans="14:14">
      <c r="N967217" s="10"/>
    </row>
    <row r="967218" spans="14:14">
      <c r="N967218" s="10"/>
    </row>
    <row r="967219" spans="14:14">
      <c r="N967219" s="10"/>
    </row>
    <row r="967220" spans="14:14">
      <c r="N967220" s="10"/>
    </row>
    <row r="967221" spans="14:14">
      <c r="N967221" s="10"/>
    </row>
    <row r="967222" spans="14:14">
      <c r="N967222" s="10"/>
    </row>
    <row r="967223" spans="14:14">
      <c r="N967223" s="10"/>
    </row>
    <row r="967224" spans="14:14">
      <c r="N967224" s="10"/>
    </row>
    <row r="967225" spans="14:14">
      <c r="N967225" s="10"/>
    </row>
    <row r="967226" spans="14:14">
      <c r="N967226" s="10"/>
    </row>
    <row r="967227" spans="14:14">
      <c r="N967227" s="10"/>
    </row>
    <row r="967228" spans="14:14">
      <c r="N967228" s="10"/>
    </row>
    <row r="967229" spans="14:14">
      <c r="N967229" s="10"/>
    </row>
    <row r="967230" spans="14:14">
      <c r="N967230" s="10"/>
    </row>
    <row r="967231" spans="14:14">
      <c r="N967231" s="10"/>
    </row>
    <row r="967232" spans="14:14">
      <c r="N967232" s="10"/>
    </row>
    <row r="967233" spans="14:14">
      <c r="N967233" s="10"/>
    </row>
    <row r="967234" spans="14:14">
      <c r="N967234" s="10"/>
    </row>
    <row r="967235" spans="14:14">
      <c r="N967235" s="10"/>
    </row>
    <row r="967236" spans="14:14">
      <c r="N967236" s="10"/>
    </row>
    <row r="967237" spans="14:14">
      <c r="N967237" s="10"/>
    </row>
    <row r="967238" spans="14:14">
      <c r="N967238" s="10"/>
    </row>
    <row r="967239" spans="14:14">
      <c r="N967239" s="10"/>
    </row>
    <row r="967240" spans="14:14">
      <c r="N967240" s="10"/>
    </row>
    <row r="967241" spans="14:14">
      <c r="N967241" s="10"/>
    </row>
    <row r="967242" spans="14:14">
      <c r="N967242" s="10"/>
    </row>
    <row r="967243" spans="14:14">
      <c r="N967243" s="10"/>
    </row>
    <row r="967244" spans="14:14">
      <c r="N967244" s="10"/>
    </row>
    <row r="967245" spans="14:14">
      <c r="N967245" s="10"/>
    </row>
    <row r="967246" spans="14:14">
      <c r="N967246" s="10"/>
    </row>
    <row r="967247" spans="14:14">
      <c r="N967247" s="10"/>
    </row>
    <row r="967248" spans="14:14">
      <c r="N967248" s="10"/>
    </row>
    <row r="967249" spans="14:14">
      <c r="N967249" s="10"/>
    </row>
    <row r="967250" spans="14:14">
      <c r="N967250" s="10"/>
    </row>
    <row r="967251" spans="14:14">
      <c r="N967251" s="10"/>
    </row>
    <row r="967252" spans="14:14">
      <c r="N967252" s="10"/>
    </row>
    <row r="967253" spans="14:14">
      <c r="N967253" s="10"/>
    </row>
    <row r="967254" spans="14:14">
      <c r="N967254" s="10"/>
    </row>
    <row r="967255" spans="14:14">
      <c r="N967255" s="10"/>
    </row>
    <row r="967256" spans="14:14">
      <c r="N967256" s="10"/>
    </row>
    <row r="967257" spans="14:14">
      <c r="N967257" s="10"/>
    </row>
    <row r="967258" spans="14:14">
      <c r="N967258" s="10"/>
    </row>
    <row r="967259" spans="14:14">
      <c r="N967259" s="10"/>
    </row>
    <row r="967260" spans="14:14">
      <c r="N967260" s="10"/>
    </row>
    <row r="967261" spans="14:14">
      <c r="N967261" s="10"/>
    </row>
    <row r="967262" spans="14:14">
      <c r="N967262" s="10"/>
    </row>
    <row r="967263" spans="14:14">
      <c r="N967263" s="10"/>
    </row>
    <row r="967264" spans="14:14">
      <c r="N967264" s="10"/>
    </row>
    <row r="967265" spans="14:14">
      <c r="N967265" s="10"/>
    </row>
    <row r="967266" spans="14:14">
      <c r="N967266" s="10"/>
    </row>
    <row r="967267" spans="14:14">
      <c r="N967267" s="10"/>
    </row>
    <row r="967268" spans="14:14">
      <c r="N967268" s="10"/>
    </row>
    <row r="967269" spans="14:14">
      <c r="N967269" s="10"/>
    </row>
    <row r="967270" spans="14:14">
      <c r="N967270" s="10"/>
    </row>
    <row r="967271" spans="14:14">
      <c r="N967271" s="10"/>
    </row>
    <row r="967272" spans="14:14">
      <c r="N967272" s="10"/>
    </row>
    <row r="967273" spans="14:14">
      <c r="N967273" s="10"/>
    </row>
    <row r="967274" spans="14:14">
      <c r="N967274" s="10"/>
    </row>
    <row r="967275" spans="14:14">
      <c r="N967275" s="10"/>
    </row>
    <row r="967276" spans="14:14">
      <c r="N967276" s="10"/>
    </row>
    <row r="967277" spans="14:14">
      <c r="N967277" s="10"/>
    </row>
    <row r="967278" spans="14:14">
      <c r="N967278" s="10"/>
    </row>
    <row r="967279" spans="14:14">
      <c r="N967279" s="10"/>
    </row>
    <row r="967280" spans="14:14">
      <c r="N967280" s="10"/>
    </row>
    <row r="967281" spans="14:14">
      <c r="N967281" s="10"/>
    </row>
    <row r="967282" spans="14:14">
      <c r="N967282" s="10"/>
    </row>
    <row r="967283" spans="14:14">
      <c r="N967283" s="10"/>
    </row>
    <row r="967284" spans="14:14">
      <c r="N967284" s="10"/>
    </row>
    <row r="967285" spans="14:14">
      <c r="N967285" s="10"/>
    </row>
    <row r="967286" spans="14:14">
      <c r="N967286" s="10"/>
    </row>
    <row r="967287" spans="14:14">
      <c r="N967287" s="10"/>
    </row>
    <row r="967288" spans="14:14">
      <c r="N967288" s="10"/>
    </row>
    <row r="967289" spans="14:14">
      <c r="N967289" s="10"/>
    </row>
    <row r="967290" spans="14:14">
      <c r="N967290" s="10"/>
    </row>
    <row r="967291" spans="14:14">
      <c r="N967291" s="10"/>
    </row>
    <row r="967292" spans="14:14">
      <c r="N967292" s="10"/>
    </row>
    <row r="967293" spans="14:14">
      <c r="N967293" s="10"/>
    </row>
    <row r="967294" spans="14:14">
      <c r="N967294" s="10"/>
    </row>
    <row r="967295" spans="14:14">
      <c r="N967295" s="10"/>
    </row>
    <row r="967296" spans="14:14">
      <c r="N967296" s="10"/>
    </row>
    <row r="967297" spans="14:14">
      <c r="N967297" s="10"/>
    </row>
    <row r="967298" spans="14:14">
      <c r="N967298" s="10"/>
    </row>
    <row r="967299" spans="14:14">
      <c r="N967299" s="10"/>
    </row>
    <row r="967300" spans="14:14">
      <c r="N967300" s="10"/>
    </row>
    <row r="967301" spans="14:14">
      <c r="N967301" s="10"/>
    </row>
    <row r="967302" spans="14:14">
      <c r="N967302" s="10"/>
    </row>
    <row r="967303" spans="14:14">
      <c r="N967303" s="10"/>
    </row>
    <row r="967304" spans="14:14">
      <c r="N967304" s="10"/>
    </row>
    <row r="967305" spans="14:14">
      <c r="N967305" s="10"/>
    </row>
    <row r="967306" spans="14:14">
      <c r="N967306" s="10"/>
    </row>
    <row r="967307" spans="14:14">
      <c r="N967307" s="10"/>
    </row>
    <row r="967308" spans="14:14">
      <c r="N967308" s="10"/>
    </row>
    <row r="967309" spans="14:14">
      <c r="N967309" s="10"/>
    </row>
    <row r="967310" spans="14:14">
      <c r="N967310" s="10"/>
    </row>
    <row r="967311" spans="14:14">
      <c r="N967311" s="10"/>
    </row>
    <row r="967312" spans="14:14">
      <c r="N967312" s="10"/>
    </row>
    <row r="967313" spans="14:14">
      <c r="N967313" s="10"/>
    </row>
    <row r="967314" spans="14:14">
      <c r="N967314" s="10"/>
    </row>
    <row r="967315" spans="14:14">
      <c r="N967315" s="10"/>
    </row>
    <row r="967316" spans="14:14">
      <c r="N967316" s="10"/>
    </row>
    <row r="967317" spans="14:14">
      <c r="N967317" s="10"/>
    </row>
    <row r="967318" spans="14:14">
      <c r="N967318" s="10"/>
    </row>
    <row r="967319" spans="14:14">
      <c r="N967319" s="10"/>
    </row>
    <row r="967320" spans="14:14">
      <c r="N967320" s="10"/>
    </row>
    <row r="967321" spans="14:14">
      <c r="N967321" s="10"/>
    </row>
    <row r="967322" spans="14:14">
      <c r="N967322" s="10"/>
    </row>
    <row r="967323" spans="14:14">
      <c r="N967323" s="10"/>
    </row>
    <row r="967324" spans="14:14">
      <c r="N967324" s="10"/>
    </row>
    <row r="967325" spans="14:14">
      <c r="N967325" s="10"/>
    </row>
    <row r="967326" spans="14:14">
      <c r="N967326" s="10"/>
    </row>
    <row r="967327" spans="14:14">
      <c r="N967327" s="10"/>
    </row>
    <row r="967328" spans="14:14">
      <c r="N967328" s="10"/>
    </row>
    <row r="967329" spans="14:14">
      <c r="N967329" s="10"/>
    </row>
    <row r="967330" spans="14:14">
      <c r="N967330" s="10"/>
    </row>
    <row r="967331" spans="14:14">
      <c r="N967331" s="10"/>
    </row>
    <row r="967332" spans="14:14">
      <c r="N967332" s="10"/>
    </row>
    <row r="967333" spans="14:14">
      <c r="N967333" s="10"/>
    </row>
    <row r="967334" spans="14:14">
      <c r="N967334" s="10"/>
    </row>
    <row r="967335" spans="14:14">
      <c r="N967335" s="10"/>
    </row>
    <row r="967336" spans="14:14">
      <c r="N967336" s="10"/>
    </row>
    <row r="967337" spans="14:14">
      <c r="N967337" s="10"/>
    </row>
    <row r="967338" spans="14:14">
      <c r="N967338" s="10"/>
    </row>
    <row r="967339" spans="14:14">
      <c r="N967339" s="10"/>
    </row>
    <row r="967340" spans="14:14">
      <c r="N967340" s="10"/>
    </row>
    <row r="967341" spans="14:14">
      <c r="N967341" s="10"/>
    </row>
    <row r="967342" spans="14:14">
      <c r="N967342" s="10"/>
    </row>
    <row r="967343" spans="14:14">
      <c r="N967343" s="10"/>
    </row>
    <row r="967344" spans="14:14">
      <c r="N967344" s="10"/>
    </row>
    <row r="967345" spans="14:14">
      <c r="N967345" s="10"/>
    </row>
    <row r="967346" spans="14:14">
      <c r="N967346" s="10"/>
    </row>
    <row r="967347" spans="14:14">
      <c r="N967347" s="10"/>
    </row>
    <row r="967348" spans="14:14">
      <c r="N967348" s="10"/>
    </row>
    <row r="967349" spans="14:14">
      <c r="N967349" s="10"/>
    </row>
    <row r="967350" spans="14:14">
      <c r="N967350" s="10"/>
    </row>
    <row r="967351" spans="14:14">
      <c r="N967351" s="10"/>
    </row>
    <row r="967352" spans="14:14">
      <c r="N967352" s="10"/>
    </row>
    <row r="967353" spans="14:14">
      <c r="N967353" s="10"/>
    </row>
    <row r="967354" spans="14:14">
      <c r="N967354" s="10"/>
    </row>
    <row r="967355" spans="14:14">
      <c r="N967355" s="10"/>
    </row>
    <row r="967356" spans="14:14">
      <c r="N967356" s="10"/>
    </row>
    <row r="967357" spans="14:14">
      <c r="N967357" s="10"/>
    </row>
    <row r="967358" spans="14:14">
      <c r="N967358" s="10"/>
    </row>
    <row r="967359" spans="14:14">
      <c r="N967359" s="10"/>
    </row>
    <row r="967360" spans="14:14">
      <c r="N967360" s="10"/>
    </row>
    <row r="967361" spans="14:14">
      <c r="N967361" s="10"/>
    </row>
    <row r="967362" spans="14:14">
      <c r="N967362" s="10"/>
    </row>
    <row r="967363" spans="14:14">
      <c r="N967363" s="10"/>
    </row>
    <row r="967364" spans="14:14">
      <c r="N967364" s="10"/>
    </row>
    <row r="967365" spans="14:14">
      <c r="N967365" s="10"/>
    </row>
    <row r="967366" spans="14:14">
      <c r="N967366" s="10"/>
    </row>
    <row r="967367" spans="14:14">
      <c r="N967367" s="10"/>
    </row>
    <row r="967368" spans="14:14">
      <c r="N967368" s="10"/>
    </row>
    <row r="967369" spans="14:14">
      <c r="N967369" s="10"/>
    </row>
    <row r="967370" spans="14:14">
      <c r="N967370" s="10"/>
    </row>
    <row r="967371" spans="14:14">
      <c r="N967371" s="10"/>
    </row>
    <row r="967372" spans="14:14">
      <c r="N967372" s="10"/>
    </row>
    <row r="967373" spans="14:14">
      <c r="N967373" s="10"/>
    </row>
    <row r="967374" spans="14:14">
      <c r="N967374" s="10"/>
    </row>
    <row r="967375" spans="14:14">
      <c r="N967375" s="10"/>
    </row>
    <row r="967376" spans="14:14">
      <c r="N967376" s="10"/>
    </row>
    <row r="967377" spans="14:14">
      <c r="N967377" s="10"/>
    </row>
    <row r="967378" spans="14:14">
      <c r="N967378" s="10"/>
    </row>
    <row r="967379" spans="14:14">
      <c r="N967379" s="10"/>
    </row>
    <row r="967380" spans="14:14">
      <c r="N967380" s="10"/>
    </row>
    <row r="967381" spans="14:14">
      <c r="N967381" s="10"/>
    </row>
    <row r="967382" spans="14:14">
      <c r="N967382" s="10"/>
    </row>
    <row r="967383" spans="14:14">
      <c r="N967383" s="10"/>
    </row>
    <row r="967384" spans="14:14">
      <c r="N967384" s="10"/>
    </row>
    <row r="967385" spans="14:14">
      <c r="N967385" s="10"/>
    </row>
    <row r="967386" spans="14:14">
      <c r="N967386" s="10"/>
    </row>
    <row r="967387" spans="14:14">
      <c r="N967387" s="10"/>
    </row>
    <row r="967388" spans="14:14">
      <c r="N967388" s="10"/>
    </row>
    <row r="967389" spans="14:14">
      <c r="N967389" s="10"/>
    </row>
    <row r="967390" spans="14:14">
      <c r="N967390" s="10"/>
    </row>
    <row r="967391" spans="14:14">
      <c r="N967391" s="10"/>
    </row>
    <row r="967392" spans="14:14">
      <c r="N967392" s="10"/>
    </row>
    <row r="967393" spans="14:14">
      <c r="N967393" s="10"/>
    </row>
    <row r="967394" spans="14:14">
      <c r="N967394" s="10"/>
    </row>
    <row r="967395" spans="14:14">
      <c r="N967395" s="10"/>
    </row>
    <row r="967396" spans="14:14">
      <c r="N967396" s="10"/>
    </row>
    <row r="967397" spans="14:14">
      <c r="N967397" s="10"/>
    </row>
    <row r="967398" spans="14:14">
      <c r="N967398" s="10"/>
    </row>
    <row r="967399" spans="14:14">
      <c r="N967399" s="10"/>
    </row>
    <row r="967400" spans="14:14">
      <c r="N967400" s="10"/>
    </row>
    <row r="967401" spans="14:14">
      <c r="N967401" s="10"/>
    </row>
    <row r="967402" spans="14:14">
      <c r="N967402" s="10"/>
    </row>
    <row r="967403" spans="14:14">
      <c r="N967403" s="10"/>
    </row>
    <row r="967404" spans="14:14">
      <c r="N967404" s="10"/>
    </row>
    <row r="967405" spans="14:14">
      <c r="N967405" s="10"/>
    </row>
    <row r="967406" spans="14:14">
      <c r="N967406" s="10"/>
    </row>
    <row r="967407" spans="14:14">
      <c r="N967407" s="10"/>
    </row>
    <row r="967408" spans="14:14">
      <c r="N967408" s="10"/>
    </row>
    <row r="967409" spans="14:14">
      <c r="N967409" s="10"/>
    </row>
    <row r="967410" spans="14:14">
      <c r="N967410" s="10"/>
    </row>
    <row r="967411" spans="14:14">
      <c r="N967411" s="10"/>
    </row>
    <row r="967412" spans="14:14">
      <c r="N967412" s="10"/>
    </row>
    <row r="967413" spans="14:14">
      <c r="N967413" s="10"/>
    </row>
    <row r="967414" spans="14:14">
      <c r="N967414" s="10"/>
    </row>
    <row r="967415" spans="14:14">
      <c r="N967415" s="10"/>
    </row>
    <row r="967416" spans="14:14">
      <c r="N967416" s="10"/>
    </row>
    <row r="967417" spans="14:14">
      <c r="N967417" s="10"/>
    </row>
    <row r="967418" spans="14:14">
      <c r="N967418" s="10"/>
    </row>
    <row r="967419" spans="14:14">
      <c r="N967419" s="10"/>
    </row>
    <row r="967420" spans="14:14">
      <c r="N967420" s="10"/>
    </row>
    <row r="967421" spans="14:14">
      <c r="N967421" s="10"/>
    </row>
    <row r="967422" spans="14:14">
      <c r="N967422" s="10"/>
    </row>
    <row r="967423" spans="14:14">
      <c r="N967423" s="10"/>
    </row>
    <row r="967424" spans="14:14">
      <c r="N967424" s="10"/>
    </row>
    <row r="967425" spans="14:14">
      <c r="N967425" s="10"/>
    </row>
    <row r="967426" spans="14:14">
      <c r="N967426" s="10"/>
    </row>
    <row r="967427" spans="14:14">
      <c r="N967427" s="10"/>
    </row>
    <row r="967428" spans="14:14">
      <c r="N967428" s="10"/>
    </row>
    <row r="967429" spans="14:14">
      <c r="N967429" s="10"/>
    </row>
    <row r="967430" spans="14:14">
      <c r="N967430" s="10"/>
    </row>
    <row r="967431" spans="14:14">
      <c r="N967431" s="10"/>
    </row>
    <row r="967432" spans="14:14">
      <c r="N967432" s="10"/>
    </row>
    <row r="967433" spans="14:14">
      <c r="N967433" s="10"/>
    </row>
    <row r="967434" spans="14:14">
      <c r="N967434" s="10"/>
    </row>
    <row r="967435" spans="14:14">
      <c r="N967435" s="10"/>
    </row>
    <row r="967436" spans="14:14">
      <c r="N967436" s="10"/>
    </row>
    <row r="967437" spans="14:14">
      <c r="N967437" s="10"/>
    </row>
    <row r="967438" spans="14:14">
      <c r="N967438" s="10"/>
    </row>
    <row r="967439" spans="14:14">
      <c r="N967439" s="10"/>
    </row>
    <row r="967440" spans="14:14">
      <c r="N967440" s="10"/>
    </row>
    <row r="967441" spans="14:14">
      <c r="N967441" s="10"/>
    </row>
    <row r="967442" spans="14:14">
      <c r="N967442" s="10"/>
    </row>
    <row r="967443" spans="14:14">
      <c r="N967443" s="10"/>
    </row>
    <row r="967444" spans="14:14">
      <c r="N967444" s="10"/>
    </row>
    <row r="967445" spans="14:14">
      <c r="N967445" s="10"/>
    </row>
    <row r="967446" spans="14:14">
      <c r="N967446" s="10"/>
    </row>
    <row r="967447" spans="14:14">
      <c r="N967447" s="10"/>
    </row>
    <row r="967448" spans="14:14">
      <c r="N967448" s="10"/>
    </row>
    <row r="967449" spans="14:14">
      <c r="N967449" s="10"/>
    </row>
    <row r="967450" spans="14:14">
      <c r="N967450" s="10"/>
    </row>
    <row r="967451" spans="14:14">
      <c r="N967451" s="10"/>
    </row>
    <row r="967452" spans="14:14">
      <c r="N967452" s="10"/>
    </row>
    <row r="967453" spans="14:14">
      <c r="N967453" s="10"/>
    </row>
    <row r="967454" spans="14:14">
      <c r="N967454" s="10"/>
    </row>
    <row r="967455" spans="14:14">
      <c r="N967455" s="10"/>
    </row>
    <row r="967456" spans="14:14">
      <c r="N967456" s="10"/>
    </row>
    <row r="967457" spans="14:14">
      <c r="N967457" s="10"/>
    </row>
    <row r="967458" spans="14:14">
      <c r="N967458" s="10"/>
    </row>
    <row r="967459" spans="14:14">
      <c r="N967459" s="10"/>
    </row>
    <row r="967460" spans="14:14">
      <c r="N967460" s="10"/>
    </row>
    <row r="967461" spans="14:14">
      <c r="N967461" s="10"/>
    </row>
    <row r="967462" spans="14:14">
      <c r="N967462" s="10"/>
    </row>
    <row r="967463" spans="14:14">
      <c r="N967463" s="10"/>
    </row>
    <row r="967464" spans="14:14">
      <c r="N967464" s="10"/>
    </row>
    <row r="967465" spans="14:14">
      <c r="N967465" s="10"/>
    </row>
    <row r="967466" spans="14:14">
      <c r="N967466" s="10"/>
    </row>
    <row r="967467" spans="14:14">
      <c r="N967467" s="10"/>
    </row>
    <row r="967468" spans="14:14">
      <c r="N967468" s="10"/>
    </row>
    <row r="967469" spans="14:14">
      <c r="N967469" s="10"/>
    </row>
    <row r="967470" spans="14:14">
      <c r="N967470" s="10"/>
    </row>
    <row r="967471" spans="14:14">
      <c r="N967471" s="10"/>
    </row>
    <row r="967472" spans="14:14">
      <c r="N967472" s="10"/>
    </row>
    <row r="967473" spans="14:14">
      <c r="N967473" s="10"/>
    </row>
    <row r="967474" spans="14:14">
      <c r="N967474" s="10"/>
    </row>
    <row r="967475" spans="14:14">
      <c r="N967475" s="10"/>
    </row>
    <row r="967476" spans="14:14">
      <c r="N967476" s="10"/>
    </row>
    <row r="967477" spans="14:14">
      <c r="N967477" s="10"/>
    </row>
    <row r="967478" spans="14:14">
      <c r="N967478" s="10"/>
    </row>
    <row r="967479" spans="14:14">
      <c r="N967479" s="10"/>
    </row>
    <row r="967480" spans="14:14">
      <c r="N967480" s="10"/>
    </row>
    <row r="967481" spans="14:14">
      <c r="N967481" s="10"/>
    </row>
    <row r="967482" spans="14:14">
      <c r="N967482" s="10"/>
    </row>
    <row r="967483" spans="14:14">
      <c r="N967483" s="10"/>
    </row>
    <row r="967484" spans="14:14">
      <c r="N967484" s="10"/>
    </row>
    <row r="967485" spans="14:14">
      <c r="N967485" s="10"/>
    </row>
    <row r="967486" spans="14:14">
      <c r="N967486" s="10"/>
    </row>
    <row r="967487" spans="14:14">
      <c r="N967487" s="10"/>
    </row>
    <row r="967488" spans="14:14">
      <c r="N967488" s="10"/>
    </row>
    <row r="967489" spans="14:14">
      <c r="N967489" s="10"/>
    </row>
    <row r="967490" spans="14:14">
      <c r="N967490" s="10"/>
    </row>
    <row r="967491" spans="14:14">
      <c r="N967491" s="10"/>
    </row>
    <row r="967492" spans="14:14">
      <c r="N967492" s="10"/>
    </row>
    <row r="967493" spans="14:14">
      <c r="N967493" s="10"/>
    </row>
    <row r="967494" spans="14:14">
      <c r="N967494" s="10"/>
    </row>
    <row r="967495" spans="14:14">
      <c r="N967495" s="10"/>
    </row>
    <row r="967496" spans="14:14">
      <c r="N967496" s="10"/>
    </row>
    <row r="967497" spans="14:14">
      <c r="N967497" s="10"/>
    </row>
    <row r="967498" spans="14:14">
      <c r="N967498" s="10"/>
    </row>
    <row r="967499" spans="14:14">
      <c r="N967499" s="10"/>
    </row>
    <row r="967500" spans="14:14">
      <c r="N967500" s="10"/>
    </row>
    <row r="967501" spans="14:14">
      <c r="N967501" s="10"/>
    </row>
    <row r="967502" spans="14:14">
      <c r="N967502" s="10"/>
    </row>
    <row r="967503" spans="14:14">
      <c r="N967503" s="10"/>
    </row>
    <row r="967504" spans="14:14">
      <c r="N967504" s="10"/>
    </row>
    <row r="967505" spans="14:14">
      <c r="N967505" s="10"/>
    </row>
    <row r="967506" spans="14:14">
      <c r="N967506" s="10"/>
    </row>
    <row r="967507" spans="14:14">
      <c r="N967507" s="10"/>
    </row>
    <row r="967508" spans="14:14">
      <c r="N967508" s="10"/>
    </row>
    <row r="967509" spans="14:14">
      <c r="N967509" s="10"/>
    </row>
    <row r="967510" spans="14:14">
      <c r="N967510" s="10"/>
    </row>
    <row r="967511" spans="14:14">
      <c r="N967511" s="10"/>
    </row>
    <row r="967512" spans="14:14">
      <c r="N967512" s="10"/>
    </row>
    <row r="967513" spans="14:14">
      <c r="N967513" s="10"/>
    </row>
    <row r="967514" spans="14:14">
      <c r="N967514" s="10"/>
    </row>
    <row r="967515" spans="14:14">
      <c r="N967515" s="10"/>
    </row>
    <row r="967516" spans="14:14">
      <c r="N967516" s="10"/>
    </row>
    <row r="967517" spans="14:14">
      <c r="N967517" s="10"/>
    </row>
    <row r="967518" spans="14:14">
      <c r="N967518" s="10"/>
    </row>
    <row r="967519" spans="14:14">
      <c r="N967519" s="10"/>
    </row>
    <row r="967520" spans="14:14">
      <c r="N967520" s="10"/>
    </row>
    <row r="967521" spans="14:14">
      <c r="N967521" s="10"/>
    </row>
    <row r="967522" spans="14:14">
      <c r="N967522" s="10"/>
    </row>
    <row r="967523" spans="14:14">
      <c r="N967523" s="10"/>
    </row>
    <row r="967524" spans="14:14">
      <c r="N967524" s="10"/>
    </row>
    <row r="967525" spans="14:14">
      <c r="N967525" s="10"/>
    </row>
    <row r="967526" spans="14:14">
      <c r="N967526" s="10"/>
    </row>
    <row r="967527" spans="14:14">
      <c r="N967527" s="10"/>
    </row>
    <row r="967528" spans="14:14">
      <c r="N967528" s="10"/>
    </row>
    <row r="967529" spans="14:14">
      <c r="N967529" s="10"/>
    </row>
    <row r="967530" spans="14:14">
      <c r="N967530" s="10"/>
    </row>
    <row r="967531" spans="14:14">
      <c r="N967531" s="10"/>
    </row>
    <row r="967532" spans="14:14">
      <c r="N967532" s="10"/>
    </row>
    <row r="967533" spans="14:14">
      <c r="N967533" s="10"/>
    </row>
    <row r="967534" spans="14:14">
      <c r="N967534" s="10"/>
    </row>
    <row r="967535" spans="14:14">
      <c r="N967535" s="10"/>
    </row>
    <row r="967536" spans="14:14">
      <c r="N967536" s="10"/>
    </row>
    <row r="967537" spans="14:14">
      <c r="N967537" s="10"/>
    </row>
    <row r="967538" spans="14:14">
      <c r="N967538" s="10"/>
    </row>
    <row r="967539" spans="14:14">
      <c r="N967539" s="10"/>
    </row>
    <row r="967540" spans="14:14">
      <c r="N967540" s="10"/>
    </row>
    <row r="967541" spans="14:14">
      <c r="N967541" s="10"/>
    </row>
    <row r="967542" spans="14:14">
      <c r="N967542" s="10"/>
    </row>
    <row r="967543" spans="14:14">
      <c r="N967543" s="10"/>
    </row>
    <row r="967544" spans="14:14">
      <c r="N967544" s="10"/>
    </row>
    <row r="967545" spans="14:14">
      <c r="N967545" s="10"/>
    </row>
    <row r="967546" spans="14:14">
      <c r="N967546" s="10"/>
    </row>
    <row r="967547" spans="14:14">
      <c r="N967547" s="10"/>
    </row>
    <row r="967548" spans="14:14">
      <c r="N967548" s="10"/>
    </row>
    <row r="967549" spans="14:14">
      <c r="N967549" s="10"/>
    </row>
    <row r="967550" spans="14:14">
      <c r="N967550" s="10"/>
    </row>
    <row r="967551" spans="14:14">
      <c r="N967551" s="10"/>
    </row>
    <row r="967552" spans="14:14">
      <c r="N967552" s="10"/>
    </row>
    <row r="967553" spans="14:14">
      <c r="N967553" s="10"/>
    </row>
    <row r="967554" spans="14:14">
      <c r="N967554" s="10"/>
    </row>
    <row r="967555" spans="14:14">
      <c r="N967555" s="10"/>
    </row>
    <row r="967556" spans="14:14">
      <c r="N967556" s="10"/>
    </row>
    <row r="967557" spans="14:14">
      <c r="N967557" s="10"/>
    </row>
    <row r="967558" spans="14:14">
      <c r="N967558" s="10"/>
    </row>
    <row r="967559" spans="14:14">
      <c r="N967559" s="10"/>
    </row>
    <row r="967560" spans="14:14">
      <c r="N967560" s="10"/>
    </row>
    <row r="967561" spans="14:14">
      <c r="N967561" s="10"/>
    </row>
    <row r="967562" spans="14:14">
      <c r="N967562" s="10"/>
    </row>
    <row r="967563" spans="14:14">
      <c r="N967563" s="10"/>
    </row>
    <row r="967564" spans="14:14">
      <c r="N967564" s="10"/>
    </row>
    <row r="967565" spans="14:14">
      <c r="N967565" s="10"/>
    </row>
    <row r="967566" spans="14:14">
      <c r="N967566" s="10"/>
    </row>
    <row r="967567" spans="14:14">
      <c r="N967567" s="10"/>
    </row>
    <row r="967568" spans="14:14">
      <c r="N967568" s="10"/>
    </row>
    <row r="967569" spans="14:14">
      <c r="N967569" s="10"/>
    </row>
    <row r="967570" spans="14:14">
      <c r="N967570" s="10"/>
    </row>
    <row r="967571" spans="14:14">
      <c r="N967571" s="10"/>
    </row>
    <row r="967572" spans="14:14">
      <c r="N967572" s="10"/>
    </row>
    <row r="967573" spans="14:14">
      <c r="N967573" s="10"/>
    </row>
    <row r="967574" spans="14:14">
      <c r="N967574" s="10"/>
    </row>
    <row r="967575" spans="14:14">
      <c r="N967575" s="10"/>
    </row>
    <row r="967576" spans="14:14">
      <c r="N967576" s="10"/>
    </row>
    <row r="967577" spans="14:14">
      <c r="N967577" s="10"/>
    </row>
    <row r="967578" spans="14:14">
      <c r="N967578" s="10"/>
    </row>
    <row r="967579" spans="14:14">
      <c r="N967579" s="10"/>
    </row>
    <row r="967580" spans="14:14">
      <c r="N967580" s="10"/>
    </row>
    <row r="967581" spans="14:14">
      <c r="N967581" s="10"/>
    </row>
    <row r="967582" spans="14:14">
      <c r="N967582" s="10"/>
    </row>
    <row r="967583" spans="14:14">
      <c r="N967583" s="10"/>
    </row>
    <row r="967584" spans="14:14">
      <c r="N967584" s="10"/>
    </row>
    <row r="967585" spans="14:14">
      <c r="N967585" s="10"/>
    </row>
    <row r="967586" spans="14:14">
      <c r="N967586" s="10"/>
    </row>
    <row r="967587" spans="14:14">
      <c r="N967587" s="10"/>
    </row>
    <row r="967588" spans="14:14">
      <c r="N967588" s="10"/>
    </row>
    <row r="967589" spans="14:14">
      <c r="N967589" s="10"/>
    </row>
    <row r="967590" spans="14:14">
      <c r="N967590" s="10"/>
    </row>
    <row r="967591" spans="14:14">
      <c r="N967591" s="10"/>
    </row>
    <row r="967592" spans="14:14">
      <c r="N967592" s="10"/>
    </row>
    <row r="967593" spans="14:14">
      <c r="N967593" s="10"/>
    </row>
    <row r="967594" spans="14:14">
      <c r="N967594" s="10"/>
    </row>
    <row r="967595" spans="14:14">
      <c r="N967595" s="10"/>
    </row>
    <row r="967596" spans="14:14">
      <c r="N967596" s="10"/>
    </row>
    <row r="967597" spans="14:14">
      <c r="N967597" s="10"/>
    </row>
    <row r="967598" spans="14:14">
      <c r="N967598" s="10"/>
    </row>
    <row r="967599" spans="14:14">
      <c r="N967599" s="10"/>
    </row>
    <row r="967600" spans="14:14">
      <c r="N967600" s="10"/>
    </row>
    <row r="967601" spans="14:14">
      <c r="N967601" s="10"/>
    </row>
    <row r="967602" spans="14:14">
      <c r="N967602" s="10"/>
    </row>
    <row r="967603" spans="14:14">
      <c r="N967603" s="10"/>
    </row>
    <row r="967604" spans="14:14">
      <c r="N967604" s="10"/>
    </row>
    <row r="967605" spans="14:14">
      <c r="N967605" s="10"/>
    </row>
    <row r="967606" spans="14:14">
      <c r="N967606" s="10"/>
    </row>
    <row r="967607" spans="14:14">
      <c r="N967607" s="10"/>
    </row>
    <row r="967608" spans="14:14">
      <c r="N967608" s="10"/>
    </row>
    <row r="967609" spans="14:14">
      <c r="N967609" s="10"/>
    </row>
    <row r="967610" spans="14:14">
      <c r="N967610" s="10"/>
    </row>
    <row r="967611" spans="14:14">
      <c r="N967611" s="10"/>
    </row>
    <row r="967612" spans="14:14">
      <c r="N967612" s="10"/>
    </row>
    <row r="967613" spans="14:14">
      <c r="N967613" s="10"/>
    </row>
    <row r="967614" spans="14:14">
      <c r="N967614" s="10"/>
    </row>
    <row r="967615" spans="14:14">
      <c r="N967615" s="10"/>
    </row>
    <row r="967616" spans="14:14">
      <c r="N967616" s="10"/>
    </row>
    <row r="967617" spans="14:14">
      <c r="N967617" s="10"/>
    </row>
    <row r="967618" spans="14:14">
      <c r="N967618" s="10"/>
    </row>
    <row r="967619" spans="14:14">
      <c r="N967619" s="10"/>
    </row>
    <row r="967620" spans="14:14">
      <c r="N967620" s="10"/>
    </row>
    <row r="967621" spans="14:14">
      <c r="N967621" s="10"/>
    </row>
    <row r="967622" spans="14:14">
      <c r="N967622" s="10"/>
    </row>
    <row r="967623" spans="14:14">
      <c r="N967623" s="10"/>
    </row>
    <row r="967624" spans="14:14">
      <c r="N967624" s="10"/>
    </row>
    <row r="967625" spans="14:14">
      <c r="N967625" s="10"/>
    </row>
    <row r="967626" spans="14:14">
      <c r="N967626" s="10"/>
    </row>
    <row r="967627" spans="14:14">
      <c r="N967627" s="10"/>
    </row>
    <row r="967628" spans="14:14">
      <c r="N967628" s="10"/>
    </row>
    <row r="967629" spans="14:14">
      <c r="N967629" s="10"/>
    </row>
    <row r="967630" spans="14:14">
      <c r="N967630" s="10"/>
    </row>
    <row r="967631" spans="14:14">
      <c r="N967631" s="10"/>
    </row>
    <row r="967632" spans="14:14">
      <c r="N967632" s="10"/>
    </row>
    <row r="967633" spans="14:14">
      <c r="N967633" s="10"/>
    </row>
    <row r="967634" spans="14:14">
      <c r="N967634" s="10"/>
    </row>
    <row r="967635" spans="14:14">
      <c r="N967635" s="10"/>
    </row>
    <row r="967636" spans="14:14">
      <c r="N967636" s="10"/>
    </row>
    <row r="967637" spans="14:14">
      <c r="N967637" s="10"/>
    </row>
    <row r="967638" spans="14:14">
      <c r="N967638" s="10"/>
    </row>
    <row r="967639" spans="14:14">
      <c r="N967639" s="10"/>
    </row>
    <row r="967640" spans="14:14">
      <c r="N967640" s="10"/>
    </row>
    <row r="967641" spans="14:14">
      <c r="N967641" s="10"/>
    </row>
    <row r="967642" spans="14:14">
      <c r="N967642" s="10"/>
    </row>
    <row r="967643" spans="14:14">
      <c r="N967643" s="10"/>
    </row>
    <row r="967644" spans="14:14">
      <c r="N967644" s="10"/>
    </row>
    <row r="967645" spans="14:14">
      <c r="N967645" s="10"/>
    </row>
    <row r="967646" spans="14:14">
      <c r="N967646" s="10"/>
    </row>
    <row r="967647" spans="14:14">
      <c r="N967647" s="10"/>
    </row>
    <row r="967648" spans="14:14">
      <c r="N967648" s="10"/>
    </row>
    <row r="967649" spans="14:14">
      <c r="N967649" s="10"/>
    </row>
    <row r="967650" spans="14:14">
      <c r="N967650" s="10"/>
    </row>
    <row r="967651" spans="14:14">
      <c r="N967651" s="10"/>
    </row>
    <row r="967652" spans="14:14">
      <c r="N967652" s="10"/>
    </row>
    <row r="967653" spans="14:14">
      <c r="N967653" s="10"/>
    </row>
    <row r="967654" spans="14:14">
      <c r="N967654" s="10"/>
    </row>
    <row r="967655" spans="14:14">
      <c r="N967655" s="10"/>
    </row>
    <row r="967656" spans="14:14">
      <c r="N967656" s="10"/>
    </row>
    <row r="967657" spans="14:14">
      <c r="N967657" s="10"/>
    </row>
    <row r="967658" spans="14:14">
      <c r="N967658" s="10"/>
    </row>
    <row r="967659" spans="14:14">
      <c r="N967659" s="10"/>
    </row>
    <row r="967660" spans="14:14">
      <c r="N967660" s="10"/>
    </row>
    <row r="967661" spans="14:14">
      <c r="N967661" s="10"/>
    </row>
    <row r="967662" spans="14:14">
      <c r="N967662" s="10"/>
    </row>
    <row r="967663" spans="14:14">
      <c r="N967663" s="10"/>
    </row>
    <row r="967664" spans="14:14">
      <c r="N967664" s="10"/>
    </row>
    <row r="967665" spans="14:14">
      <c r="N967665" s="10"/>
    </row>
    <row r="967666" spans="14:14">
      <c r="N967666" s="10"/>
    </row>
    <row r="967667" spans="14:14">
      <c r="N967667" s="10"/>
    </row>
    <row r="967668" spans="14:14">
      <c r="N967668" s="10"/>
    </row>
    <row r="967669" spans="14:14">
      <c r="N967669" s="10"/>
    </row>
    <row r="967670" spans="14:14">
      <c r="N967670" s="10"/>
    </row>
    <row r="967671" spans="14:14">
      <c r="N967671" s="10"/>
    </row>
    <row r="967672" spans="14:14">
      <c r="N967672" s="10"/>
    </row>
    <row r="967673" spans="14:14">
      <c r="N967673" s="10"/>
    </row>
    <row r="967674" spans="14:14">
      <c r="N967674" s="10"/>
    </row>
    <row r="967675" spans="14:14">
      <c r="N967675" s="10"/>
    </row>
    <row r="967676" spans="14:14">
      <c r="N967676" s="10"/>
    </row>
    <row r="967677" spans="14:14">
      <c r="N967677" s="10"/>
    </row>
    <row r="967678" spans="14:14">
      <c r="N967678" s="10"/>
    </row>
    <row r="967679" spans="14:14">
      <c r="N967679" s="10"/>
    </row>
    <row r="967680" spans="14:14">
      <c r="N967680" s="10"/>
    </row>
    <row r="967681" spans="14:14">
      <c r="N967681" s="10"/>
    </row>
    <row r="967682" spans="14:14">
      <c r="N967682" s="10"/>
    </row>
    <row r="967683" spans="14:14">
      <c r="N967683" s="10"/>
    </row>
    <row r="967684" spans="14:14">
      <c r="N967684" s="10"/>
    </row>
    <row r="967685" spans="14:14">
      <c r="N967685" s="10"/>
    </row>
    <row r="967686" spans="14:14">
      <c r="N967686" s="10"/>
    </row>
    <row r="967687" spans="14:14">
      <c r="N967687" s="10"/>
    </row>
    <row r="967688" spans="14:14">
      <c r="N967688" s="10"/>
    </row>
    <row r="967689" spans="14:14">
      <c r="N967689" s="10"/>
    </row>
    <row r="967690" spans="14:14">
      <c r="N967690" s="10"/>
    </row>
    <row r="967691" spans="14:14">
      <c r="N967691" s="10"/>
    </row>
    <row r="967692" spans="14:14">
      <c r="N967692" s="10"/>
    </row>
    <row r="967693" spans="14:14">
      <c r="N967693" s="10"/>
    </row>
    <row r="967694" spans="14:14">
      <c r="N967694" s="10"/>
    </row>
    <row r="967695" spans="14:14">
      <c r="N967695" s="10"/>
    </row>
    <row r="967696" spans="14:14">
      <c r="N967696" s="10"/>
    </row>
    <row r="967697" spans="14:14">
      <c r="N967697" s="10"/>
    </row>
    <row r="967698" spans="14:14">
      <c r="N967698" s="10"/>
    </row>
    <row r="967699" spans="14:14">
      <c r="N967699" s="10"/>
    </row>
    <row r="967700" spans="14:14">
      <c r="N967700" s="10"/>
    </row>
    <row r="967701" spans="14:14">
      <c r="N967701" s="10"/>
    </row>
    <row r="967702" spans="14:14">
      <c r="N967702" s="10"/>
    </row>
    <row r="967703" spans="14:14">
      <c r="N967703" s="10"/>
    </row>
    <row r="967704" spans="14:14">
      <c r="N967704" s="10"/>
    </row>
    <row r="967705" spans="14:14">
      <c r="N967705" s="10"/>
    </row>
    <row r="967706" spans="14:14">
      <c r="N967706" s="10"/>
    </row>
    <row r="967707" spans="14:14">
      <c r="N967707" s="10"/>
    </row>
    <row r="967708" spans="14:14">
      <c r="N967708" s="10"/>
    </row>
    <row r="967709" spans="14:14">
      <c r="N967709" s="10"/>
    </row>
    <row r="967710" spans="14:14">
      <c r="N967710" s="10"/>
    </row>
    <row r="967711" spans="14:14">
      <c r="N967711" s="10"/>
    </row>
    <row r="967712" spans="14:14">
      <c r="N967712" s="10"/>
    </row>
    <row r="967713" spans="14:14">
      <c r="N967713" s="10"/>
    </row>
    <row r="967714" spans="14:14">
      <c r="N967714" s="10"/>
    </row>
    <row r="967715" spans="14:14">
      <c r="N967715" s="10"/>
    </row>
    <row r="967716" spans="14:14">
      <c r="N967716" s="10"/>
    </row>
    <row r="967717" spans="14:14">
      <c r="N967717" s="10"/>
    </row>
    <row r="967718" spans="14:14">
      <c r="N967718" s="10"/>
    </row>
    <row r="967719" spans="14:14">
      <c r="N967719" s="10"/>
    </row>
    <row r="967720" spans="14:14">
      <c r="N967720" s="10"/>
    </row>
    <row r="967721" spans="14:14">
      <c r="N967721" s="10"/>
    </row>
    <row r="967722" spans="14:14">
      <c r="N967722" s="10"/>
    </row>
    <row r="967723" spans="14:14">
      <c r="N967723" s="10"/>
    </row>
    <row r="967724" spans="14:14">
      <c r="N967724" s="10"/>
    </row>
    <row r="967725" spans="14:14">
      <c r="N967725" s="10"/>
    </row>
    <row r="967726" spans="14:14">
      <c r="N967726" s="10"/>
    </row>
    <row r="967727" spans="14:14">
      <c r="N967727" s="10"/>
    </row>
    <row r="967728" spans="14:14">
      <c r="N967728" s="10"/>
    </row>
    <row r="967729" spans="14:14">
      <c r="N967729" s="10"/>
    </row>
    <row r="967730" spans="14:14">
      <c r="N967730" s="10"/>
    </row>
    <row r="967731" spans="14:14">
      <c r="N967731" s="10"/>
    </row>
    <row r="967732" spans="14:14">
      <c r="N967732" s="10"/>
    </row>
    <row r="967733" spans="14:14">
      <c r="N967733" s="10"/>
    </row>
    <row r="967734" spans="14:14">
      <c r="N967734" s="10"/>
    </row>
    <row r="967735" spans="14:14">
      <c r="N967735" s="10"/>
    </row>
    <row r="967736" spans="14:14">
      <c r="N967736" s="10"/>
    </row>
    <row r="967737" spans="14:14">
      <c r="N967737" s="10"/>
    </row>
    <row r="967738" spans="14:14">
      <c r="N967738" s="10"/>
    </row>
    <row r="967739" spans="14:14">
      <c r="N967739" s="10"/>
    </row>
    <row r="967740" spans="14:14">
      <c r="N967740" s="10"/>
    </row>
    <row r="967741" spans="14:14">
      <c r="N967741" s="10"/>
    </row>
    <row r="967742" spans="14:14">
      <c r="N967742" s="10"/>
    </row>
    <row r="967743" spans="14:14">
      <c r="N967743" s="10"/>
    </row>
    <row r="967744" spans="14:14">
      <c r="N967744" s="10"/>
    </row>
    <row r="967745" spans="14:14">
      <c r="N967745" s="10"/>
    </row>
    <row r="967746" spans="14:14">
      <c r="N967746" s="10"/>
    </row>
    <row r="967747" spans="14:14">
      <c r="N967747" s="10"/>
    </row>
    <row r="967748" spans="14:14">
      <c r="N967748" s="10"/>
    </row>
    <row r="967749" spans="14:14">
      <c r="N967749" s="10"/>
    </row>
    <row r="967750" spans="14:14">
      <c r="N967750" s="10"/>
    </row>
    <row r="967751" spans="14:14">
      <c r="N967751" s="10"/>
    </row>
    <row r="967752" spans="14:14">
      <c r="N967752" s="10"/>
    </row>
    <row r="967753" spans="14:14">
      <c r="N967753" s="10"/>
    </row>
    <row r="967754" spans="14:14">
      <c r="N967754" s="10"/>
    </row>
    <row r="967755" spans="14:14">
      <c r="N967755" s="10"/>
    </row>
    <row r="967756" spans="14:14">
      <c r="N967756" s="10"/>
    </row>
    <row r="967757" spans="14:14">
      <c r="N967757" s="10"/>
    </row>
    <row r="967758" spans="14:14">
      <c r="N967758" s="10"/>
    </row>
    <row r="967759" spans="14:14">
      <c r="N967759" s="10"/>
    </row>
    <row r="967760" spans="14:14">
      <c r="N967760" s="10"/>
    </row>
    <row r="967761" spans="14:14">
      <c r="N967761" s="10"/>
    </row>
    <row r="967762" spans="14:14">
      <c r="N967762" s="10"/>
    </row>
    <row r="967763" spans="14:14">
      <c r="N967763" s="10"/>
    </row>
    <row r="967764" spans="14:14">
      <c r="N967764" s="10"/>
    </row>
    <row r="967765" spans="14:14">
      <c r="N967765" s="10"/>
    </row>
    <row r="967766" spans="14:14">
      <c r="N967766" s="10"/>
    </row>
    <row r="967767" spans="14:14">
      <c r="N967767" s="10"/>
    </row>
    <row r="967768" spans="14:14">
      <c r="N967768" s="10"/>
    </row>
    <row r="967769" spans="14:14">
      <c r="N967769" s="10"/>
    </row>
    <row r="967770" spans="14:14">
      <c r="N967770" s="10"/>
    </row>
    <row r="967771" spans="14:14">
      <c r="N967771" s="10"/>
    </row>
    <row r="967772" spans="14:14">
      <c r="N967772" s="10"/>
    </row>
    <row r="967773" spans="14:14">
      <c r="N967773" s="10"/>
    </row>
    <row r="967774" spans="14:14">
      <c r="N967774" s="10"/>
    </row>
    <row r="967775" spans="14:14">
      <c r="N967775" s="10"/>
    </row>
    <row r="967776" spans="14:14">
      <c r="N967776" s="10"/>
    </row>
    <row r="967777" spans="14:14">
      <c r="N967777" s="10"/>
    </row>
    <row r="967778" spans="14:14">
      <c r="N967778" s="10"/>
    </row>
    <row r="967779" spans="14:14">
      <c r="N967779" s="10"/>
    </row>
    <row r="967780" spans="14:14">
      <c r="N967780" s="10"/>
    </row>
    <row r="967781" spans="14:14">
      <c r="N967781" s="10"/>
    </row>
    <row r="967782" spans="14:14">
      <c r="N967782" s="10"/>
    </row>
    <row r="967783" spans="14:14">
      <c r="N967783" s="10"/>
    </row>
    <row r="967784" spans="14:14">
      <c r="N967784" s="10"/>
    </row>
    <row r="967785" spans="14:14">
      <c r="N967785" s="10"/>
    </row>
    <row r="967786" spans="14:14">
      <c r="N967786" s="10"/>
    </row>
    <row r="967787" spans="14:14">
      <c r="N967787" s="10"/>
    </row>
    <row r="967788" spans="14:14">
      <c r="N967788" s="10"/>
    </row>
    <row r="967789" spans="14:14">
      <c r="N967789" s="10"/>
    </row>
    <row r="967790" spans="14:14">
      <c r="N967790" s="10"/>
    </row>
    <row r="967791" spans="14:14">
      <c r="N967791" s="10"/>
    </row>
    <row r="967792" spans="14:14">
      <c r="N967792" s="10"/>
    </row>
    <row r="967793" spans="14:14">
      <c r="N967793" s="10"/>
    </row>
    <row r="967794" spans="14:14">
      <c r="N967794" s="10"/>
    </row>
    <row r="967795" spans="14:14">
      <c r="N967795" s="10"/>
    </row>
    <row r="967796" spans="14:14">
      <c r="N967796" s="10"/>
    </row>
    <row r="967797" spans="14:14">
      <c r="N967797" s="10"/>
    </row>
    <row r="967798" spans="14:14">
      <c r="N967798" s="10"/>
    </row>
    <row r="967799" spans="14:14">
      <c r="N967799" s="10"/>
    </row>
    <row r="967800" spans="14:14">
      <c r="N967800" s="10"/>
    </row>
    <row r="967801" spans="14:14">
      <c r="N967801" s="10"/>
    </row>
    <row r="967802" spans="14:14">
      <c r="N967802" s="10"/>
    </row>
    <row r="967803" spans="14:14">
      <c r="N967803" s="10"/>
    </row>
    <row r="967804" spans="14:14">
      <c r="N967804" s="10"/>
    </row>
    <row r="967805" spans="14:14">
      <c r="N967805" s="10"/>
    </row>
    <row r="967806" spans="14:14">
      <c r="N967806" s="10"/>
    </row>
    <row r="967807" spans="14:14">
      <c r="N967807" s="10"/>
    </row>
    <row r="967808" spans="14:14">
      <c r="N967808" s="10"/>
    </row>
    <row r="967809" spans="14:14">
      <c r="N967809" s="10"/>
    </row>
    <row r="967810" spans="14:14">
      <c r="N967810" s="10"/>
    </row>
    <row r="967811" spans="14:14">
      <c r="N967811" s="10"/>
    </row>
    <row r="967812" spans="14:14">
      <c r="N967812" s="10"/>
    </row>
    <row r="967813" spans="14:14">
      <c r="N967813" s="10"/>
    </row>
    <row r="967814" spans="14:14">
      <c r="N967814" s="10"/>
    </row>
    <row r="967815" spans="14:14">
      <c r="N967815" s="10"/>
    </row>
    <row r="967816" spans="14:14">
      <c r="N967816" s="10"/>
    </row>
    <row r="967817" spans="14:14">
      <c r="N967817" s="10"/>
    </row>
    <row r="967818" spans="14:14">
      <c r="N967818" s="10"/>
    </row>
    <row r="967819" spans="14:14">
      <c r="N967819" s="10"/>
    </row>
    <row r="967820" spans="14:14">
      <c r="N967820" s="10"/>
    </row>
    <row r="967821" spans="14:14">
      <c r="N967821" s="10"/>
    </row>
    <row r="967822" spans="14:14">
      <c r="N967822" s="10"/>
    </row>
    <row r="967823" spans="14:14">
      <c r="N967823" s="10"/>
    </row>
    <row r="967824" spans="14:14">
      <c r="N967824" s="10"/>
    </row>
    <row r="967825" spans="14:14">
      <c r="N967825" s="10"/>
    </row>
    <row r="967826" spans="14:14">
      <c r="N967826" s="10"/>
    </row>
    <row r="967827" spans="14:14">
      <c r="N967827" s="10"/>
    </row>
    <row r="967828" spans="14:14">
      <c r="N967828" s="10"/>
    </row>
    <row r="967829" spans="14:14">
      <c r="N967829" s="10"/>
    </row>
    <row r="967830" spans="14:14">
      <c r="N967830" s="10"/>
    </row>
    <row r="967831" spans="14:14">
      <c r="N967831" s="10"/>
    </row>
    <row r="967832" spans="14:14">
      <c r="N967832" s="10"/>
    </row>
    <row r="967833" spans="14:14">
      <c r="N967833" s="10"/>
    </row>
    <row r="967834" spans="14:14">
      <c r="N967834" s="10"/>
    </row>
    <row r="967835" spans="14:14">
      <c r="N967835" s="10"/>
    </row>
    <row r="967836" spans="14:14">
      <c r="N967836" s="10"/>
    </row>
    <row r="967837" spans="14:14">
      <c r="N967837" s="10"/>
    </row>
    <row r="967838" spans="14:14">
      <c r="N967838" s="10"/>
    </row>
    <row r="967839" spans="14:14">
      <c r="N967839" s="10"/>
    </row>
    <row r="967840" spans="14:14">
      <c r="N967840" s="10"/>
    </row>
    <row r="967841" spans="14:14">
      <c r="N967841" s="10"/>
    </row>
    <row r="967842" spans="14:14">
      <c r="N967842" s="10"/>
    </row>
    <row r="967843" spans="14:14">
      <c r="N967843" s="10"/>
    </row>
    <row r="967844" spans="14:14">
      <c r="N967844" s="10"/>
    </row>
    <row r="967845" spans="14:14">
      <c r="N967845" s="10"/>
    </row>
    <row r="967846" spans="14:14">
      <c r="N967846" s="10"/>
    </row>
    <row r="967847" spans="14:14">
      <c r="N967847" s="10"/>
    </row>
    <row r="967848" spans="14:14">
      <c r="N967848" s="10"/>
    </row>
    <row r="967849" spans="14:14">
      <c r="N967849" s="10"/>
    </row>
    <row r="967850" spans="14:14">
      <c r="N967850" s="10"/>
    </row>
    <row r="967851" spans="14:14">
      <c r="N967851" s="10"/>
    </row>
    <row r="967852" spans="14:14">
      <c r="N967852" s="10"/>
    </row>
    <row r="967853" spans="14:14">
      <c r="N967853" s="10"/>
    </row>
    <row r="967854" spans="14:14">
      <c r="N967854" s="10"/>
    </row>
    <row r="967855" spans="14:14">
      <c r="N967855" s="10"/>
    </row>
    <row r="967856" spans="14:14">
      <c r="N967856" s="10"/>
    </row>
    <row r="967857" spans="14:14">
      <c r="N967857" s="10"/>
    </row>
    <row r="967858" spans="14:14">
      <c r="N967858" s="10"/>
    </row>
    <row r="967859" spans="14:14">
      <c r="N967859" s="10"/>
    </row>
    <row r="967860" spans="14:14">
      <c r="N967860" s="10"/>
    </row>
    <row r="967861" spans="14:14">
      <c r="N967861" s="10"/>
    </row>
    <row r="967862" spans="14:14">
      <c r="N967862" s="10"/>
    </row>
    <row r="967863" spans="14:14">
      <c r="N967863" s="10"/>
    </row>
    <row r="967864" spans="14:14">
      <c r="N967864" s="10"/>
    </row>
    <row r="967865" spans="14:14">
      <c r="N967865" s="10"/>
    </row>
    <row r="967866" spans="14:14">
      <c r="N967866" s="10"/>
    </row>
    <row r="967867" spans="14:14">
      <c r="N967867" s="10"/>
    </row>
    <row r="967868" spans="14:14">
      <c r="N967868" s="10"/>
    </row>
    <row r="967869" spans="14:14">
      <c r="N967869" s="10"/>
    </row>
    <row r="967870" spans="14:14">
      <c r="N967870" s="10"/>
    </row>
    <row r="967871" spans="14:14">
      <c r="N967871" s="10"/>
    </row>
    <row r="967872" spans="14:14">
      <c r="N967872" s="10"/>
    </row>
    <row r="967873" spans="14:14">
      <c r="N967873" s="10"/>
    </row>
    <row r="967874" spans="14:14">
      <c r="N967874" s="10"/>
    </row>
    <row r="967875" spans="14:14">
      <c r="N967875" s="10"/>
    </row>
    <row r="967876" spans="14:14">
      <c r="N967876" s="10"/>
    </row>
    <row r="967877" spans="14:14">
      <c r="N967877" s="10"/>
    </row>
    <row r="967878" spans="14:14">
      <c r="N967878" s="10"/>
    </row>
    <row r="967879" spans="14:14">
      <c r="N967879" s="10"/>
    </row>
    <row r="967880" spans="14:14">
      <c r="N967880" s="10"/>
    </row>
    <row r="967881" spans="14:14">
      <c r="N967881" s="10"/>
    </row>
    <row r="967882" spans="14:14">
      <c r="N967882" s="10"/>
    </row>
    <row r="967883" spans="14:14">
      <c r="N967883" s="10"/>
    </row>
    <row r="967884" spans="14:14">
      <c r="N967884" s="10"/>
    </row>
    <row r="967885" spans="14:14">
      <c r="N967885" s="10"/>
    </row>
    <row r="967886" spans="14:14">
      <c r="N967886" s="10"/>
    </row>
    <row r="967887" spans="14:14">
      <c r="N967887" s="10"/>
    </row>
    <row r="967888" spans="14:14">
      <c r="N967888" s="10"/>
    </row>
    <row r="967889" spans="14:14">
      <c r="N967889" s="10"/>
    </row>
    <row r="967890" spans="14:14">
      <c r="N967890" s="10"/>
    </row>
    <row r="967891" spans="14:14">
      <c r="N967891" s="10"/>
    </row>
    <row r="967892" spans="14:14">
      <c r="N967892" s="10"/>
    </row>
    <row r="967893" spans="14:14">
      <c r="N967893" s="10"/>
    </row>
    <row r="967894" spans="14:14">
      <c r="N967894" s="10"/>
    </row>
    <row r="967895" spans="14:14">
      <c r="N967895" s="10"/>
    </row>
    <row r="967896" spans="14:14">
      <c r="N967896" s="10"/>
    </row>
    <row r="967897" spans="14:14">
      <c r="N967897" s="10"/>
    </row>
    <row r="967898" spans="14:14">
      <c r="N967898" s="10"/>
    </row>
    <row r="967899" spans="14:14">
      <c r="N967899" s="10"/>
    </row>
    <row r="967900" spans="14:14">
      <c r="N967900" s="10"/>
    </row>
    <row r="967901" spans="14:14">
      <c r="N967901" s="10"/>
    </row>
    <row r="967902" spans="14:14">
      <c r="N967902" s="10"/>
    </row>
    <row r="967903" spans="14:14">
      <c r="N967903" s="10"/>
    </row>
    <row r="967904" spans="14:14">
      <c r="N967904" s="10"/>
    </row>
    <row r="967905" spans="14:14">
      <c r="N967905" s="10"/>
    </row>
    <row r="967906" spans="14:14">
      <c r="N967906" s="10"/>
    </row>
    <row r="967907" spans="14:14">
      <c r="N967907" s="10"/>
    </row>
    <row r="967908" spans="14:14">
      <c r="N967908" s="10"/>
    </row>
    <row r="967909" spans="14:14">
      <c r="N967909" s="10"/>
    </row>
    <row r="967910" spans="14:14">
      <c r="N967910" s="10"/>
    </row>
    <row r="967911" spans="14:14">
      <c r="N967911" s="10"/>
    </row>
    <row r="967912" spans="14:14">
      <c r="N967912" s="10"/>
    </row>
    <row r="967913" spans="14:14">
      <c r="N967913" s="10"/>
    </row>
    <row r="967914" spans="14:14">
      <c r="N967914" s="10"/>
    </row>
    <row r="967915" spans="14:14">
      <c r="N967915" s="10"/>
    </row>
    <row r="967916" spans="14:14">
      <c r="N967916" s="10"/>
    </row>
    <row r="967917" spans="14:14">
      <c r="N967917" s="10"/>
    </row>
    <row r="967918" spans="14:14">
      <c r="N967918" s="10"/>
    </row>
    <row r="967919" spans="14:14">
      <c r="N967919" s="10"/>
    </row>
    <row r="967920" spans="14:14">
      <c r="N967920" s="10"/>
    </row>
    <row r="967921" spans="14:14">
      <c r="N967921" s="10"/>
    </row>
    <row r="967922" spans="14:14">
      <c r="N967922" s="10"/>
    </row>
    <row r="967923" spans="14:14">
      <c r="N967923" s="10"/>
    </row>
    <row r="967924" spans="14:14">
      <c r="N967924" s="10"/>
    </row>
    <row r="967925" spans="14:14">
      <c r="N967925" s="10"/>
    </row>
    <row r="967926" spans="14:14">
      <c r="N967926" s="10"/>
    </row>
    <row r="967927" spans="14:14">
      <c r="N967927" s="10"/>
    </row>
    <row r="967928" spans="14:14">
      <c r="N967928" s="10"/>
    </row>
    <row r="967929" spans="14:14">
      <c r="N967929" s="10"/>
    </row>
    <row r="967930" spans="14:14">
      <c r="N967930" s="10"/>
    </row>
    <row r="967931" spans="14:14">
      <c r="N967931" s="10"/>
    </row>
    <row r="967932" spans="14:14">
      <c r="N967932" s="10"/>
    </row>
    <row r="967933" spans="14:14">
      <c r="N967933" s="10"/>
    </row>
    <row r="967934" spans="14:14">
      <c r="N967934" s="10"/>
    </row>
    <row r="967935" spans="14:14">
      <c r="N967935" s="10"/>
    </row>
    <row r="967936" spans="14:14">
      <c r="N967936" s="10"/>
    </row>
    <row r="967937" spans="14:14">
      <c r="N967937" s="10"/>
    </row>
    <row r="967938" spans="14:14">
      <c r="N967938" s="10"/>
    </row>
    <row r="967939" spans="14:14">
      <c r="N967939" s="10"/>
    </row>
    <row r="967940" spans="14:14">
      <c r="N967940" s="10"/>
    </row>
    <row r="967941" spans="14:14">
      <c r="N967941" s="10"/>
    </row>
    <row r="967942" spans="14:14">
      <c r="N967942" s="10"/>
    </row>
    <row r="967943" spans="14:14">
      <c r="N967943" s="10"/>
    </row>
    <row r="967944" spans="14:14">
      <c r="N967944" s="10"/>
    </row>
    <row r="967945" spans="14:14">
      <c r="N967945" s="10"/>
    </row>
    <row r="967946" spans="14:14">
      <c r="N967946" s="10"/>
    </row>
    <row r="967947" spans="14:14">
      <c r="N967947" s="10"/>
    </row>
    <row r="967948" spans="14:14">
      <c r="N967948" s="10"/>
    </row>
    <row r="967949" spans="14:14">
      <c r="N967949" s="10"/>
    </row>
    <row r="967950" spans="14:14">
      <c r="N967950" s="10"/>
    </row>
    <row r="967951" spans="14:14">
      <c r="N967951" s="10"/>
    </row>
    <row r="967952" spans="14:14">
      <c r="N967952" s="10"/>
    </row>
    <row r="967953" spans="14:14">
      <c r="N967953" s="10"/>
    </row>
    <row r="967954" spans="14:14">
      <c r="N967954" s="10"/>
    </row>
    <row r="967955" spans="14:14">
      <c r="N967955" s="10"/>
    </row>
    <row r="967956" spans="14:14">
      <c r="N967956" s="10"/>
    </row>
    <row r="967957" spans="14:14">
      <c r="N967957" s="10"/>
    </row>
    <row r="967958" spans="14:14">
      <c r="N967958" s="10"/>
    </row>
    <row r="967959" spans="14:14">
      <c r="N967959" s="10"/>
    </row>
    <row r="967960" spans="14:14">
      <c r="N967960" s="10"/>
    </row>
    <row r="967961" spans="14:14">
      <c r="N967961" s="10"/>
    </row>
    <row r="967962" spans="14:14">
      <c r="N967962" s="10"/>
    </row>
    <row r="967963" spans="14:14">
      <c r="N967963" s="10"/>
    </row>
    <row r="967964" spans="14:14">
      <c r="N967964" s="10"/>
    </row>
    <row r="967965" spans="14:14">
      <c r="N967965" s="10"/>
    </row>
    <row r="967966" spans="14:14">
      <c r="N967966" s="10"/>
    </row>
    <row r="967967" spans="14:14">
      <c r="N967967" s="10"/>
    </row>
    <row r="967968" spans="14:14">
      <c r="N967968" s="10"/>
    </row>
    <row r="967969" spans="14:14">
      <c r="N967969" s="10"/>
    </row>
    <row r="967970" spans="14:14">
      <c r="N967970" s="10"/>
    </row>
    <row r="967971" spans="14:14">
      <c r="N967971" s="10"/>
    </row>
    <row r="967972" spans="14:14">
      <c r="N967972" s="10"/>
    </row>
    <row r="967973" spans="14:14">
      <c r="N967973" s="10"/>
    </row>
    <row r="967974" spans="14:14">
      <c r="N967974" s="10"/>
    </row>
    <row r="967975" spans="14:14">
      <c r="N967975" s="10"/>
    </row>
    <row r="967976" spans="14:14">
      <c r="N967976" s="10"/>
    </row>
    <row r="967977" spans="14:14">
      <c r="N967977" s="10"/>
    </row>
    <row r="967978" spans="14:14">
      <c r="N967978" s="10"/>
    </row>
    <row r="967979" spans="14:14">
      <c r="N967979" s="10"/>
    </row>
    <row r="967980" spans="14:14">
      <c r="N967980" s="10"/>
    </row>
    <row r="967981" spans="14:14">
      <c r="N967981" s="10"/>
    </row>
    <row r="967982" spans="14:14">
      <c r="N967982" s="10"/>
    </row>
    <row r="967983" spans="14:14">
      <c r="N967983" s="10"/>
    </row>
    <row r="967984" spans="14:14">
      <c r="N967984" s="10"/>
    </row>
    <row r="967985" spans="14:14">
      <c r="N967985" s="10"/>
    </row>
    <row r="967986" spans="14:14">
      <c r="N967986" s="10"/>
    </row>
    <row r="967987" spans="14:14">
      <c r="N967987" s="10"/>
    </row>
    <row r="967988" spans="14:14">
      <c r="N967988" s="10"/>
    </row>
    <row r="967989" spans="14:14">
      <c r="N967989" s="10"/>
    </row>
    <row r="967990" spans="14:14">
      <c r="N967990" s="10"/>
    </row>
    <row r="967991" spans="14:14">
      <c r="N967991" s="10"/>
    </row>
    <row r="967992" spans="14:14">
      <c r="N967992" s="10"/>
    </row>
    <row r="967993" spans="14:14">
      <c r="N967993" s="10"/>
    </row>
    <row r="967994" spans="14:14">
      <c r="N967994" s="10"/>
    </row>
    <row r="967995" spans="14:14">
      <c r="N967995" s="10"/>
    </row>
    <row r="967996" spans="14:14">
      <c r="N967996" s="10"/>
    </row>
    <row r="967997" spans="14:14">
      <c r="N967997" s="10"/>
    </row>
    <row r="967998" spans="14:14">
      <c r="N967998" s="10"/>
    </row>
    <row r="967999" spans="14:14">
      <c r="N967999" s="10"/>
    </row>
    <row r="968000" spans="14:14">
      <c r="N968000" s="10"/>
    </row>
    <row r="968001" spans="14:14">
      <c r="N968001" s="10"/>
    </row>
    <row r="968002" spans="14:14">
      <c r="N968002" s="10"/>
    </row>
    <row r="968003" spans="14:14">
      <c r="N968003" s="10"/>
    </row>
    <row r="968004" spans="14:14">
      <c r="N968004" s="10"/>
    </row>
    <row r="968005" spans="14:14">
      <c r="N968005" s="10"/>
    </row>
    <row r="968006" spans="14:14">
      <c r="N968006" s="10"/>
    </row>
    <row r="968007" spans="14:14">
      <c r="N968007" s="10"/>
    </row>
    <row r="968008" spans="14:14">
      <c r="N968008" s="10"/>
    </row>
    <row r="968009" spans="14:14">
      <c r="N968009" s="10"/>
    </row>
    <row r="968010" spans="14:14">
      <c r="N968010" s="10"/>
    </row>
    <row r="968011" spans="14:14">
      <c r="N968011" s="10"/>
    </row>
    <row r="968012" spans="14:14">
      <c r="N968012" s="10"/>
    </row>
    <row r="968013" spans="14:14">
      <c r="N968013" s="10"/>
    </row>
    <row r="968014" spans="14:14">
      <c r="N968014" s="10"/>
    </row>
    <row r="968015" spans="14:14">
      <c r="N968015" s="10"/>
    </row>
    <row r="968016" spans="14:14">
      <c r="N968016" s="10"/>
    </row>
    <row r="968017" spans="14:14">
      <c r="N968017" s="10"/>
    </row>
    <row r="968018" spans="14:14">
      <c r="N968018" s="10"/>
    </row>
    <row r="968019" spans="14:14">
      <c r="N968019" s="10"/>
    </row>
    <row r="968020" spans="14:14">
      <c r="N968020" s="10"/>
    </row>
    <row r="968021" spans="14:14">
      <c r="N968021" s="10"/>
    </row>
    <row r="968022" spans="14:14">
      <c r="N968022" s="10"/>
    </row>
    <row r="968023" spans="14:14">
      <c r="N968023" s="10"/>
    </row>
    <row r="968024" spans="14:14">
      <c r="N968024" s="10"/>
    </row>
    <row r="968025" spans="14:14">
      <c r="N968025" s="10"/>
    </row>
    <row r="968026" spans="14:14">
      <c r="N968026" s="10"/>
    </row>
    <row r="968027" spans="14:14">
      <c r="N968027" s="10"/>
    </row>
    <row r="968028" spans="14:14">
      <c r="N968028" s="10"/>
    </row>
    <row r="968029" spans="14:14">
      <c r="N968029" s="10"/>
    </row>
    <row r="968030" spans="14:14">
      <c r="N968030" s="10"/>
    </row>
    <row r="968031" spans="14:14">
      <c r="N968031" s="10"/>
    </row>
    <row r="968032" spans="14:14">
      <c r="N968032" s="10"/>
    </row>
    <row r="968033" spans="14:14">
      <c r="N968033" s="10"/>
    </row>
    <row r="968034" spans="14:14">
      <c r="N968034" s="10"/>
    </row>
    <row r="968035" spans="14:14">
      <c r="N968035" s="10"/>
    </row>
    <row r="968036" spans="14:14">
      <c r="N968036" s="10"/>
    </row>
    <row r="968037" spans="14:14">
      <c r="N968037" s="10"/>
    </row>
    <row r="968038" spans="14:14">
      <c r="N968038" s="10"/>
    </row>
    <row r="968039" spans="14:14">
      <c r="N968039" s="10"/>
    </row>
    <row r="968040" spans="14:14">
      <c r="N968040" s="10"/>
    </row>
    <row r="968041" spans="14:14">
      <c r="N968041" s="10"/>
    </row>
    <row r="968042" spans="14:14">
      <c r="N968042" s="10"/>
    </row>
    <row r="968043" spans="14:14">
      <c r="N968043" s="10"/>
    </row>
    <row r="968044" spans="14:14">
      <c r="N968044" s="10"/>
    </row>
    <row r="968045" spans="14:14">
      <c r="N968045" s="10"/>
    </row>
    <row r="968046" spans="14:14">
      <c r="N968046" s="10"/>
    </row>
    <row r="968047" spans="14:14">
      <c r="N968047" s="10"/>
    </row>
    <row r="968048" spans="14:14">
      <c r="N968048" s="10"/>
    </row>
    <row r="968049" spans="14:14">
      <c r="N968049" s="10"/>
    </row>
    <row r="968050" spans="14:14">
      <c r="N968050" s="10"/>
    </row>
    <row r="968051" spans="14:14">
      <c r="N968051" s="10"/>
    </row>
    <row r="968052" spans="14:14">
      <c r="N968052" s="10"/>
    </row>
    <row r="968053" spans="14:14">
      <c r="N968053" s="10"/>
    </row>
    <row r="968054" spans="14:14">
      <c r="N968054" s="10"/>
    </row>
    <row r="968055" spans="14:14">
      <c r="N968055" s="10"/>
    </row>
    <row r="968056" spans="14:14">
      <c r="N968056" s="10"/>
    </row>
    <row r="968057" spans="14:14">
      <c r="N968057" s="10"/>
    </row>
    <row r="968058" spans="14:14">
      <c r="N968058" s="10"/>
    </row>
    <row r="968059" spans="14:14">
      <c r="N968059" s="10"/>
    </row>
    <row r="968060" spans="14:14">
      <c r="N968060" s="10"/>
    </row>
    <row r="968061" spans="14:14">
      <c r="N968061" s="10"/>
    </row>
    <row r="968062" spans="14:14">
      <c r="N968062" s="10"/>
    </row>
    <row r="968063" spans="14:14">
      <c r="N968063" s="10"/>
    </row>
    <row r="968064" spans="14:14">
      <c r="N968064" s="10"/>
    </row>
    <row r="968065" spans="14:14">
      <c r="N968065" s="10"/>
    </row>
    <row r="968066" spans="14:14">
      <c r="N968066" s="10"/>
    </row>
    <row r="968067" spans="14:14">
      <c r="N968067" s="10"/>
    </row>
    <row r="968068" spans="14:14">
      <c r="N968068" s="10"/>
    </row>
    <row r="968069" spans="14:14">
      <c r="N968069" s="10"/>
    </row>
    <row r="968070" spans="14:14">
      <c r="N968070" s="10"/>
    </row>
    <row r="968071" spans="14:14">
      <c r="N968071" s="10"/>
    </row>
    <row r="968072" spans="14:14">
      <c r="N968072" s="10"/>
    </row>
    <row r="968073" spans="14:14">
      <c r="N968073" s="10"/>
    </row>
    <row r="968074" spans="14:14">
      <c r="N968074" s="10"/>
    </row>
    <row r="968075" spans="14:14">
      <c r="N968075" s="10"/>
    </row>
    <row r="968076" spans="14:14">
      <c r="N968076" s="10"/>
    </row>
    <row r="968077" spans="14:14">
      <c r="N968077" s="10"/>
    </row>
    <row r="968078" spans="14:14">
      <c r="N968078" s="10"/>
    </row>
    <row r="968079" spans="14:14">
      <c r="N968079" s="10"/>
    </row>
    <row r="968080" spans="14:14">
      <c r="N968080" s="10"/>
    </row>
    <row r="968081" spans="14:14">
      <c r="N968081" s="10"/>
    </row>
    <row r="968082" spans="14:14">
      <c r="N968082" s="10"/>
    </row>
    <row r="968083" spans="14:14">
      <c r="N968083" s="10"/>
    </row>
    <row r="968084" spans="14:14">
      <c r="N968084" s="10"/>
    </row>
    <row r="968085" spans="14:14">
      <c r="N968085" s="10"/>
    </row>
    <row r="968086" spans="14:14">
      <c r="N968086" s="10"/>
    </row>
    <row r="968087" spans="14:14">
      <c r="N968087" s="10"/>
    </row>
    <row r="968088" spans="14:14">
      <c r="N968088" s="10"/>
    </row>
    <row r="968089" spans="14:14">
      <c r="N968089" s="10"/>
    </row>
    <row r="968090" spans="14:14">
      <c r="N968090" s="10"/>
    </row>
    <row r="968091" spans="14:14">
      <c r="N968091" s="10"/>
    </row>
    <row r="968092" spans="14:14">
      <c r="N968092" s="10"/>
    </row>
    <row r="968093" spans="14:14">
      <c r="N968093" s="10"/>
    </row>
    <row r="968094" spans="14:14">
      <c r="N968094" s="10"/>
    </row>
    <row r="968095" spans="14:14">
      <c r="N968095" s="10"/>
    </row>
    <row r="968096" spans="14:14">
      <c r="N968096" s="10"/>
    </row>
    <row r="968097" spans="14:14">
      <c r="N968097" s="10"/>
    </row>
    <row r="968098" spans="14:14">
      <c r="N968098" s="10"/>
    </row>
    <row r="968099" spans="14:14">
      <c r="N968099" s="10"/>
    </row>
    <row r="968100" spans="14:14">
      <c r="N968100" s="10"/>
    </row>
    <row r="968101" spans="14:14">
      <c r="N968101" s="10"/>
    </row>
    <row r="968102" spans="14:14">
      <c r="N968102" s="10"/>
    </row>
    <row r="968103" spans="14:14">
      <c r="N968103" s="10"/>
    </row>
    <row r="968104" spans="14:14">
      <c r="N968104" s="10"/>
    </row>
    <row r="968105" spans="14:14">
      <c r="N968105" s="10"/>
    </row>
    <row r="968106" spans="14:14">
      <c r="N968106" s="10"/>
    </row>
    <row r="968107" spans="14:14">
      <c r="N968107" s="10"/>
    </row>
    <row r="968108" spans="14:14">
      <c r="N968108" s="10"/>
    </row>
    <row r="968109" spans="14:14">
      <c r="N968109" s="10"/>
    </row>
    <row r="968110" spans="14:14">
      <c r="N968110" s="10"/>
    </row>
    <row r="968111" spans="14:14">
      <c r="N968111" s="10"/>
    </row>
    <row r="968112" spans="14:14">
      <c r="N968112" s="10"/>
    </row>
    <row r="968113" spans="14:14">
      <c r="N968113" s="10"/>
    </row>
    <row r="968114" spans="14:14">
      <c r="N968114" s="10"/>
    </row>
    <row r="968115" spans="14:14">
      <c r="N968115" s="10"/>
    </row>
    <row r="968116" spans="14:14">
      <c r="N968116" s="10"/>
    </row>
    <row r="968117" spans="14:14">
      <c r="N968117" s="10"/>
    </row>
    <row r="968118" spans="14:14">
      <c r="N968118" s="10"/>
    </row>
    <row r="968119" spans="14:14">
      <c r="N968119" s="10"/>
    </row>
    <row r="968120" spans="14:14">
      <c r="N968120" s="10"/>
    </row>
    <row r="968121" spans="14:14">
      <c r="N968121" s="10"/>
    </row>
    <row r="968122" spans="14:14">
      <c r="N968122" s="10"/>
    </row>
    <row r="968123" spans="14:14">
      <c r="N968123" s="10"/>
    </row>
    <row r="968124" spans="14:14">
      <c r="N968124" s="10"/>
    </row>
    <row r="968125" spans="14:14">
      <c r="N968125" s="10"/>
    </row>
    <row r="968126" spans="14:14">
      <c r="N968126" s="10"/>
    </row>
    <row r="968127" spans="14:14">
      <c r="N968127" s="10"/>
    </row>
    <row r="968128" spans="14:14">
      <c r="N968128" s="10"/>
    </row>
    <row r="968129" spans="14:14">
      <c r="N968129" s="10"/>
    </row>
    <row r="968130" spans="14:14">
      <c r="N968130" s="10"/>
    </row>
    <row r="968131" spans="14:14">
      <c r="N968131" s="10"/>
    </row>
    <row r="968132" spans="14:14">
      <c r="N968132" s="10"/>
    </row>
    <row r="968133" spans="14:14">
      <c r="N968133" s="10"/>
    </row>
    <row r="968134" spans="14:14">
      <c r="N968134" s="10"/>
    </row>
    <row r="968135" spans="14:14">
      <c r="N968135" s="10"/>
    </row>
    <row r="968136" spans="14:14">
      <c r="N968136" s="10"/>
    </row>
    <row r="968137" spans="14:14">
      <c r="N968137" s="10"/>
    </row>
    <row r="968138" spans="14:14">
      <c r="N968138" s="10"/>
    </row>
    <row r="968139" spans="14:14">
      <c r="N968139" s="10"/>
    </row>
    <row r="968140" spans="14:14">
      <c r="N968140" s="10"/>
    </row>
    <row r="968141" spans="14:14">
      <c r="N968141" s="10"/>
    </row>
    <row r="968142" spans="14:14">
      <c r="N968142" s="10"/>
    </row>
    <row r="968143" spans="14:14">
      <c r="N968143" s="10"/>
    </row>
    <row r="968144" spans="14:14">
      <c r="N968144" s="10"/>
    </row>
    <row r="968145" spans="14:14">
      <c r="N968145" s="10"/>
    </row>
    <row r="968146" spans="14:14">
      <c r="N968146" s="10"/>
    </row>
    <row r="968147" spans="14:14">
      <c r="N968147" s="10"/>
    </row>
    <row r="968148" spans="14:14">
      <c r="N968148" s="10"/>
    </row>
    <row r="968149" spans="14:14">
      <c r="N968149" s="10"/>
    </row>
    <row r="968150" spans="14:14">
      <c r="N968150" s="10"/>
    </row>
    <row r="968151" spans="14:14">
      <c r="N968151" s="10"/>
    </row>
    <row r="968152" spans="14:14">
      <c r="N968152" s="10"/>
    </row>
    <row r="968153" spans="14:14">
      <c r="N968153" s="10"/>
    </row>
    <row r="968154" spans="14:14">
      <c r="N968154" s="10"/>
    </row>
    <row r="968155" spans="14:14">
      <c r="N968155" s="10"/>
    </row>
    <row r="968156" spans="14:14">
      <c r="N968156" s="10"/>
    </row>
    <row r="968157" spans="14:14">
      <c r="N968157" s="10"/>
    </row>
    <row r="968158" spans="14:14">
      <c r="N968158" s="10"/>
    </row>
    <row r="968159" spans="14:14">
      <c r="N968159" s="10"/>
    </row>
    <row r="968160" spans="14:14">
      <c r="N968160" s="10"/>
    </row>
    <row r="968161" spans="14:14">
      <c r="N968161" s="10"/>
    </row>
    <row r="968162" spans="14:14">
      <c r="N968162" s="10"/>
    </row>
    <row r="968163" spans="14:14">
      <c r="N968163" s="10"/>
    </row>
    <row r="968164" spans="14:14">
      <c r="N968164" s="10"/>
    </row>
    <row r="968165" spans="14:14">
      <c r="N968165" s="10"/>
    </row>
    <row r="968166" spans="14:14">
      <c r="N968166" s="10"/>
    </row>
    <row r="968167" spans="14:14">
      <c r="N968167" s="10"/>
    </row>
    <row r="968168" spans="14:14">
      <c r="N968168" s="10"/>
    </row>
    <row r="968169" spans="14:14">
      <c r="N968169" s="10"/>
    </row>
    <row r="968170" spans="14:14">
      <c r="N968170" s="10"/>
    </row>
    <row r="968171" spans="14:14">
      <c r="N968171" s="10"/>
    </row>
    <row r="968172" spans="14:14">
      <c r="N968172" s="10"/>
    </row>
    <row r="968173" spans="14:14">
      <c r="N968173" s="10"/>
    </row>
    <row r="968174" spans="14:14">
      <c r="N968174" s="10"/>
    </row>
    <row r="968175" spans="14:14">
      <c r="N968175" s="10"/>
    </row>
    <row r="968176" spans="14:14">
      <c r="N968176" s="10"/>
    </row>
    <row r="968177" spans="14:14">
      <c r="N968177" s="10"/>
    </row>
    <row r="968178" spans="14:14">
      <c r="N968178" s="10"/>
    </row>
    <row r="968179" spans="14:14">
      <c r="N968179" s="10"/>
    </row>
    <row r="968180" spans="14:14">
      <c r="N968180" s="10"/>
    </row>
    <row r="968181" spans="14:14">
      <c r="N968181" s="10"/>
    </row>
    <row r="968182" spans="14:14">
      <c r="N968182" s="10"/>
    </row>
    <row r="968183" spans="14:14">
      <c r="N968183" s="10"/>
    </row>
    <row r="968184" spans="14:14">
      <c r="N968184" s="10"/>
    </row>
    <row r="968185" spans="14:14">
      <c r="N968185" s="10"/>
    </row>
    <row r="968186" spans="14:14">
      <c r="N968186" s="10"/>
    </row>
    <row r="968187" spans="14:14">
      <c r="N968187" s="10"/>
    </row>
    <row r="968188" spans="14:14">
      <c r="N968188" s="10"/>
    </row>
    <row r="968189" spans="14:14">
      <c r="N968189" s="10"/>
    </row>
    <row r="968190" spans="14:14">
      <c r="N968190" s="10"/>
    </row>
    <row r="968191" spans="14:14">
      <c r="N968191" s="10"/>
    </row>
    <row r="968192" spans="14:14">
      <c r="N968192" s="10"/>
    </row>
    <row r="968193" spans="14:14">
      <c r="N968193" s="10"/>
    </row>
    <row r="968194" spans="14:14">
      <c r="N968194" s="10"/>
    </row>
    <row r="968195" spans="14:14">
      <c r="N968195" s="10"/>
    </row>
    <row r="968196" spans="14:14">
      <c r="N968196" s="10"/>
    </row>
    <row r="968197" spans="14:14">
      <c r="N968197" s="10"/>
    </row>
    <row r="968198" spans="14:14">
      <c r="N968198" s="10"/>
    </row>
    <row r="968199" spans="14:14">
      <c r="N968199" s="10"/>
    </row>
    <row r="968200" spans="14:14">
      <c r="N968200" s="10"/>
    </row>
    <row r="968201" spans="14:14">
      <c r="N968201" s="10"/>
    </row>
    <row r="968202" spans="14:14">
      <c r="N968202" s="10"/>
    </row>
    <row r="968203" spans="14:14">
      <c r="N968203" s="10"/>
    </row>
    <row r="968204" spans="14:14">
      <c r="N968204" s="10"/>
    </row>
    <row r="968205" spans="14:14">
      <c r="N968205" s="10"/>
    </row>
    <row r="968206" spans="14:14">
      <c r="N968206" s="10"/>
    </row>
    <row r="968207" spans="14:14">
      <c r="N968207" s="10"/>
    </row>
    <row r="968208" spans="14:14">
      <c r="N968208" s="10"/>
    </row>
    <row r="968209" spans="14:14">
      <c r="N968209" s="10"/>
    </row>
    <row r="968210" spans="14:14">
      <c r="N968210" s="10"/>
    </row>
    <row r="968211" spans="14:14">
      <c r="N968211" s="10"/>
    </row>
    <row r="968212" spans="14:14">
      <c r="N968212" s="10"/>
    </row>
    <row r="968213" spans="14:14">
      <c r="N968213" s="10"/>
    </row>
    <row r="968214" spans="14:14">
      <c r="N968214" s="10"/>
    </row>
    <row r="968215" spans="14:14">
      <c r="N968215" s="10"/>
    </row>
    <row r="968216" spans="14:14">
      <c r="N968216" s="10"/>
    </row>
    <row r="968217" spans="14:14">
      <c r="N968217" s="10"/>
    </row>
    <row r="968218" spans="14:14">
      <c r="N968218" s="10"/>
    </row>
    <row r="968219" spans="14:14">
      <c r="N968219" s="10"/>
    </row>
    <row r="968220" spans="14:14">
      <c r="N968220" s="10"/>
    </row>
    <row r="968221" spans="14:14">
      <c r="N968221" s="10"/>
    </row>
    <row r="968222" spans="14:14">
      <c r="N968222" s="10"/>
    </row>
    <row r="968223" spans="14:14">
      <c r="N968223" s="10"/>
    </row>
    <row r="968224" spans="14:14">
      <c r="N968224" s="10"/>
    </row>
    <row r="968225" spans="14:14">
      <c r="N968225" s="10"/>
    </row>
    <row r="968226" spans="14:14">
      <c r="N968226" s="10"/>
    </row>
    <row r="968227" spans="14:14">
      <c r="N968227" s="10"/>
    </row>
    <row r="968228" spans="14:14">
      <c r="N968228" s="10"/>
    </row>
    <row r="968229" spans="14:14">
      <c r="N968229" s="10"/>
    </row>
    <row r="968230" spans="14:14">
      <c r="N968230" s="10"/>
    </row>
    <row r="968231" spans="14:14">
      <c r="N968231" s="10"/>
    </row>
    <row r="968232" spans="14:14">
      <c r="N968232" s="10"/>
    </row>
    <row r="968233" spans="14:14">
      <c r="N968233" s="10"/>
    </row>
    <row r="968234" spans="14:14">
      <c r="N968234" s="10"/>
    </row>
    <row r="968235" spans="14:14">
      <c r="N968235" s="10"/>
    </row>
    <row r="968236" spans="14:14">
      <c r="N968236" s="10"/>
    </row>
    <row r="968237" spans="14:14">
      <c r="N968237" s="10"/>
    </row>
    <row r="968238" spans="14:14">
      <c r="N968238" s="10"/>
    </row>
    <row r="968239" spans="14:14">
      <c r="N968239" s="10"/>
    </row>
    <row r="968240" spans="14:14">
      <c r="N968240" s="10"/>
    </row>
    <row r="968241" spans="14:14">
      <c r="N968241" s="10"/>
    </row>
    <row r="968242" spans="14:14">
      <c r="N968242" s="10"/>
    </row>
    <row r="968243" spans="14:14">
      <c r="N968243" s="10"/>
    </row>
    <row r="968244" spans="14:14">
      <c r="N968244" s="10"/>
    </row>
    <row r="968245" spans="14:14">
      <c r="N968245" s="10"/>
    </row>
    <row r="968246" spans="14:14">
      <c r="N968246" s="10"/>
    </row>
    <row r="968247" spans="14:14">
      <c r="N968247" s="10"/>
    </row>
    <row r="968248" spans="14:14">
      <c r="N968248" s="10"/>
    </row>
    <row r="968249" spans="14:14">
      <c r="N968249" s="10"/>
    </row>
    <row r="968250" spans="14:14">
      <c r="N968250" s="10"/>
    </row>
    <row r="968251" spans="14:14">
      <c r="N968251" s="10"/>
    </row>
    <row r="968252" spans="14:14">
      <c r="N968252" s="10"/>
    </row>
    <row r="968253" spans="14:14">
      <c r="N968253" s="10"/>
    </row>
    <row r="968254" spans="14:14">
      <c r="N968254" s="10"/>
    </row>
    <row r="968255" spans="14:14">
      <c r="N968255" s="10"/>
    </row>
    <row r="968256" spans="14:14">
      <c r="N968256" s="10"/>
    </row>
    <row r="968257" spans="14:14">
      <c r="N968257" s="10"/>
    </row>
    <row r="968258" spans="14:14">
      <c r="N968258" s="10"/>
    </row>
    <row r="968259" spans="14:14">
      <c r="N968259" s="10"/>
    </row>
    <row r="968260" spans="14:14">
      <c r="N968260" s="10"/>
    </row>
    <row r="968261" spans="14:14">
      <c r="N968261" s="10"/>
    </row>
    <row r="968262" spans="14:14">
      <c r="N968262" s="10"/>
    </row>
    <row r="968263" spans="14:14">
      <c r="N968263" s="10"/>
    </row>
    <row r="968264" spans="14:14">
      <c r="N968264" s="10"/>
    </row>
    <row r="968265" spans="14:14">
      <c r="N968265" s="10"/>
    </row>
    <row r="968266" spans="14:14">
      <c r="N968266" s="10"/>
    </row>
    <row r="968267" spans="14:14">
      <c r="N968267" s="10"/>
    </row>
    <row r="968268" spans="14:14">
      <c r="N968268" s="10"/>
    </row>
    <row r="968269" spans="14:14">
      <c r="N968269" s="10"/>
    </row>
    <row r="968270" spans="14:14">
      <c r="N968270" s="10"/>
    </row>
    <row r="968271" spans="14:14">
      <c r="N968271" s="10"/>
    </row>
    <row r="968272" spans="14:14">
      <c r="N968272" s="10"/>
    </row>
    <row r="968273" spans="14:14">
      <c r="N968273" s="10"/>
    </row>
    <row r="968274" spans="14:14">
      <c r="N968274" s="10"/>
    </row>
    <row r="968275" spans="14:14">
      <c r="N968275" s="10"/>
    </row>
    <row r="968276" spans="14:14">
      <c r="N968276" s="10"/>
    </row>
    <row r="968277" spans="14:14">
      <c r="N968277" s="10"/>
    </row>
    <row r="968278" spans="14:14">
      <c r="N968278" s="10"/>
    </row>
    <row r="968279" spans="14:14">
      <c r="N968279" s="10"/>
    </row>
    <row r="968280" spans="14:14">
      <c r="N968280" s="10"/>
    </row>
    <row r="968281" spans="14:14">
      <c r="N968281" s="10"/>
    </row>
    <row r="968282" spans="14:14">
      <c r="N968282" s="10"/>
    </row>
    <row r="968283" spans="14:14">
      <c r="N968283" s="10"/>
    </row>
    <row r="968284" spans="14:14">
      <c r="N968284" s="10"/>
    </row>
    <row r="968285" spans="14:14">
      <c r="N968285" s="10"/>
    </row>
    <row r="968286" spans="14:14">
      <c r="N968286" s="10"/>
    </row>
    <row r="968287" spans="14:14">
      <c r="N968287" s="10"/>
    </row>
    <row r="968288" spans="14:14">
      <c r="N968288" s="10"/>
    </row>
    <row r="968289" spans="14:14">
      <c r="N968289" s="10"/>
    </row>
    <row r="968290" spans="14:14">
      <c r="N968290" s="10"/>
    </row>
    <row r="968291" spans="14:14">
      <c r="N968291" s="10"/>
    </row>
    <row r="968292" spans="14:14">
      <c r="N968292" s="10"/>
    </row>
    <row r="968293" spans="14:14">
      <c r="N968293" s="10"/>
    </row>
    <row r="968294" spans="14:14">
      <c r="N968294" s="10"/>
    </row>
    <row r="968295" spans="14:14">
      <c r="N968295" s="10"/>
    </row>
    <row r="968296" spans="14:14">
      <c r="N968296" s="10"/>
    </row>
    <row r="968297" spans="14:14">
      <c r="N968297" s="10"/>
    </row>
    <row r="968298" spans="14:14">
      <c r="N968298" s="10"/>
    </row>
    <row r="968299" spans="14:14">
      <c r="N968299" s="10"/>
    </row>
    <row r="968300" spans="14:14">
      <c r="N968300" s="10"/>
    </row>
    <row r="968301" spans="14:14">
      <c r="N968301" s="10"/>
    </row>
    <row r="968302" spans="14:14">
      <c r="N968302" s="10"/>
    </row>
    <row r="968303" spans="14:14">
      <c r="N968303" s="10"/>
    </row>
    <row r="968304" spans="14:14">
      <c r="N968304" s="10"/>
    </row>
    <row r="968305" spans="14:14">
      <c r="N968305" s="10"/>
    </row>
    <row r="968306" spans="14:14">
      <c r="N968306" s="10"/>
    </row>
    <row r="968307" spans="14:14">
      <c r="N968307" s="10"/>
    </row>
    <row r="968308" spans="14:14">
      <c r="N968308" s="10"/>
    </row>
    <row r="968309" spans="14:14">
      <c r="N968309" s="10"/>
    </row>
    <row r="968310" spans="14:14">
      <c r="N968310" s="10"/>
    </row>
    <row r="968311" spans="14:14">
      <c r="N968311" s="10"/>
    </row>
    <row r="968312" spans="14:14">
      <c r="N968312" s="10"/>
    </row>
    <row r="968313" spans="14:14">
      <c r="N968313" s="10"/>
    </row>
    <row r="968314" spans="14:14">
      <c r="N968314" s="10"/>
    </row>
    <row r="968315" spans="14:14">
      <c r="N968315" s="10"/>
    </row>
    <row r="968316" spans="14:14">
      <c r="N968316" s="10"/>
    </row>
    <row r="968317" spans="14:14">
      <c r="N968317" s="10"/>
    </row>
    <row r="968318" spans="14:14">
      <c r="N968318" s="10"/>
    </row>
    <row r="968319" spans="14:14">
      <c r="N968319" s="10"/>
    </row>
    <row r="968320" spans="14:14">
      <c r="N968320" s="10"/>
    </row>
    <row r="968321" spans="14:14">
      <c r="N968321" s="10"/>
    </row>
    <row r="968322" spans="14:14">
      <c r="N968322" s="10"/>
    </row>
    <row r="968323" spans="14:14">
      <c r="N968323" s="10"/>
    </row>
    <row r="968324" spans="14:14">
      <c r="N968324" s="10"/>
    </row>
    <row r="968325" spans="14:14">
      <c r="N968325" s="10"/>
    </row>
    <row r="968326" spans="14:14">
      <c r="N968326" s="10"/>
    </row>
    <row r="968327" spans="14:14">
      <c r="N968327" s="10"/>
    </row>
    <row r="968328" spans="14:14">
      <c r="N968328" s="10"/>
    </row>
    <row r="968329" spans="14:14">
      <c r="N968329" s="10"/>
    </row>
    <row r="968330" spans="14:14">
      <c r="N968330" s="10"/>
    </row>
    <row r="968331" spans="14:14">
      <c r="N968331" s="10"/>
    </row>
    <row r="968332" spans="14:14">
      <c r="N968332" s="10"/>
    </row>
    <row r="968333" spans="14:14">
      <c r="N968333" s="10"/>
    </row>
    <row r="968334" spans="14:14">
      <c r="N968334" s="10"/>
    </row>
    <row r="968335" spans="14:14">
      <c r="N968335" s="10"/>
    </row>
    <row r="968336" spans="14:14">
      <c r="N968336" s="10"/>
    </row>
    <row r="968337" spans="14:14">
      <c r="N968337" s="10"/>
    </row>
    <row r="968338" spans="14:14">
      <c r="N968338" s="10"/>
    </row>
    <row r="968339" spans="14:14">
      <c r="N968339" s="10"/>
    </row>
    <row r="968340" spans="14:14">
      <c r="N968340" s="10"/>
    </row>
    <row r="968341" spans="14:14">
      <c r="N968341" s="10"/>
    </row>
    <row r="968342" spans="14:14">
      <c r="N968342" s="10"/>
    </row>
    <row r="968343" spans="14:14">
      <c r="N968343" s="10"/>
    </row>
    <row r="968344" spans="14:14">
      <c r="N968344" s="10"/>
    </row>
    <row r="968345" spans="14:14">
      <c r="N968345" s="10"/>
    </row>
    <row r="968346" spans="14:14">
      <c r="N968346" s="10"/>
    </row>
    <row r="968347" spans="14:14">
      <c r="N968347" s="10"/>
    </row>
    <row r="968348" spans="14:14">
      <c r="N968348" s="10"/>
    </row>
    <row r="968349" spans="14:14">
      <c r="N968349" s="10"/>
    </row>
    <row r="968350" spans="14:14">
      <c r="N968350" s="10"/>
    </row>
    <row r="968351" spans="14:14">
      <c r="N968351" s="10"/>
    </row>
    <row r="968352" spans="14:14">
      <c r="N968352" s="10"/>
    </row>
    <row r="968353" spans="14:14">
      <c r="N968353" s="10"/>
    </row>
    <row r="968354" spans="14:14">
      <c r="N968354" s="10"/>
    </row>
    <row r="968355" spans="14:14">
      <c r="N968355" s="10"/>
    </row>
    <row r="968356" spans="14:14">
      <c r="N968356" s="10"/>
    </row>
    <row r="968357" spans="14:14">
      <c r="N968357" s="10"/>
    </row>
    <row r="968358" spans="14:14">
      <c r="N968358" s="10"/>
    </row>
    <row r="968359" spans="14:14">
      <c r="N968359" s="10"/>
    </row>
    <row r="968360" spans="14:14">
      <c r="N968360" s="10"/>
    </row>
    <row r="968361" spans="14:14">
      <c r="N968361" s="10"/>
    </row>
    <row r="968362" spans="14:14">
      <c r="N968362" s="10"/>
    </row>
    <row r="968363" spans="14:14">
      <c r="N968363" s="10"/>
    </row>
    <row r="968364" spans="14:14">
      <c r="N968364" s="10"/>
    </row>
    <row r="968365" spans="14:14">
      <c r="N968365" s="10"/>
    </row>
    <row r="968366" spans="14:14">
      <c r="N968366" s="10"/>
    </row>
    <row r="968367" spans="14:14">
      <c r="N968367" s="10"/>
    </row>
    <row r="968368" spans="14:14">
      <c r="N968368" s="10"/>
    </row>
    <row r="968369" spans="14:14">
      <c r="N968369" s="10"/>
    </row>
    <row r="968370" spans="14:14">
      <c r="N968370" s="10"/>
    </row>
    <row r="968371" spans="14:14">
      <c r="N968371" s="10"/>
    </row>
    <row r="968372" spans="14:14">
      <c r="N968372" s="10"/>
    </row>
    <row r="968373" spans="14:14">
      <c r="N968373" s="10"/>
    </row>
    <row r="968374" spans="14:14">
      <c r="N968374" s="10"/>
    </row>
    <row r="968375" spans="14:14">
      <c r="N968375" s="10"/>
    </row>
    <row r="968376" spans="14:14">
      <c r="N968376" s="10"/>
    </row>
    <row r="968377" spans="14:14">
      <c r="N968377" s="10"/>
    </row>
    <row r="968378" spans="14:14">
      <c r="N968378" s="10"/>
    </row>
    <row r="968379" spans="14:14">
      <c r="N968379" s="10"/>
    </row>
    <row r="968380" spans="14:14">
      <c r="N968380" s="10"/>
    </row>
    <row r="968381" spans="14:14">
      <c r="N968381" s="10"/>
    </row>
    <row r="968382" spans="14:14">
      <c r="N968382" s="10"/>
    </row>
    <row r="968383" spans="14:14">
      <c r="N968383" s="10"/>
    </row>
    <row r="968384" spans="14:14">
      <c r="N968384" s="10"/>
    </row>
    <row r="968385" spans="14:14">
      <c r="N968385" s="10"/>
    </row>
    <row r="968386" spans="14:14">
      <c r="N968386" s="10"/>
    </row>
    <row r="968387" spans="14:14">
      <c r="N968387" s="10"/>
    </row>
    <row r="968388" spans="14:14">
      <c r="N968388" s="10"/>
    </row>
    <row r="968389" spans="14:14">
      <c r="N968389" s="10"/>
    </row>
    <row r="968390" spans="14:14">
      <c r="N968390" s="10"/>
    </row>
    <row r="968391" spans="14:14">
      <c r="N968391" s="10"/>
    </row>
    <row r="968392" spans="14:14">
      <c r="N968392" s="10"/>
    </row>
    <row r="968393" spans="14:14">
      <c r="N968393" s="10"/>
    </row>
    <row r="968394" spans="14:14">
      <c r="N968394" s="10"/>
    </row>
    <row r="968395" spans="14:14">
      <c r="N968395" s="10"/>
    </row>
    <row r="968396" spans="14:14">
      <c r="N968396" s="10"/>
    </row>
    <row r="968397" spans="14:14">
      <c r="N968397" s="10"/>
    </row>
    <row r="968398" spans="14:14">
      <c r="N968398" s="10"/>
    </row>
    <row r="968399" spans="14:14">
      <c r="N968399" s="10"/>
    </row>
    <row r="968400" spans="14:14">
      <c r="N968400" s="10"/>
    </row>
    <row r="968401" spans="14:14">
      <c r="N968401" s="10"/>
    </row>
    <row r="968402" spans="14:14">
      <c r="N968402" s="10"/>
    </row>
    <row r="968403" spans="14:14">
      <c r="N968403" s="10"/>
    </row>
    <row r="968404" spans="14:14">
      <c r="N968404" s="10"/>
    </row>
    <row r="968405" spans="14:14">
      <c r="N968405" s="10"/>
    </row>
    <row r="968406" spans="14:14">
      <c r="N968406" s="10"/>
    </row>
    <row r="968407" spans="14:14">
      <c r="N968407" s="10"/>
    </row>
    <row r="968408" spans="14:14">
      <c r="N968408" s="10"/>
    </row>
    <row r="968409" spans="14:14">
      <c r="N968409" s="10"/>
    </row>
    <row r="968410" spans="14:14">
      <c r="N968410" s="10"/>
    </row>
    <row r="968411" spans="14:14">
      <c r="N968411" s="10"/>
    </row>
    <row r="968412" spans="14:14">
      <c r="N968412" s="10"/>
    </row>
    <row r="968413" spans="14:14">
      <c r="N968413" s="10"/>
    </row>
    <row r="968414" spans="14:14">
      <c r="N968414" s="10"/>
    </row>
    <row r="968415" spans="14:14">
      <c r="N968415" s="10"/>
    </row>
    <row r="968416" spans="14:14">
      <c r="N968416" s="10"/>
    </row>
    <row r="968417" spans="14:14">
      <c r="N968417" s="10"/>
    </row>
    <row r="968418" spans="14:14">
      <c r="N968418" s="10"/>
    </row>
    <row r="968419" spans="14:14">
      <c r="N968419" s="10"/>
    </row>
    <row r="968420" spans="14:14">
      <c r="N968420" s="10"/>
    </row>
    <row r="968421" spans="14:14">
      <c r="N968421" s="10"/>
    </row>
    <row r="968422" spans="14:14">
      <c r="N968422" s="10"/>
    </row>
    <row r="968423" spans="14:14">
      <c r="N968423" s="10"/>
    </row>
    <row r="968424" spans="14:14">
      <c r="N968424" s="10"/>
    </row>
    <row r="968425" spans="14:14">
      <c r="N968425" s="10"/>
    </row>
    <row r="968426" spans="14:14">
      <c r="N968426" s="10"/>
    </row>
    <row r="968427" spans="14:14">
      <c r="N968427" s="10"/>
    </row>
    <row r="968428" spans="14:14">
      <c r="N968428" s="10"/>
    </row>
    <row r="968429" spans="14:14">
      <c r="N968429" s="10"/>
    </row>
    <row r="968430" spans="14:14">
      <c r="N968430" s="10"/>
    </row>
    <row r="968431" spans="14:14">
      <c r="N968431" s="10"/>
    </row>
    <row r="968432" spans="14:14">
      <c r="N968432" s="10"/>
    </row>
    <row r="968433" spans="14:14">
      <c r="N968433" s="10"/>
    </row>
    <row r="968434" spans="14:14">
      <c r="N968434" s="10"/>
    </row>
    <row r="968435" spans="14:14">
      <c r="N968435" s="10"/>
    </row>
    <row r="968436" spans="14:14">
      <c r="N968436" s="10"/>
    </row>
    <row r="968437" spans="14:14">
      <c r="N968437" s="10"/>
    </row>
    <row r="968438" spans="14:14">
      <c r="N968438" s="10"/>
    </row>
    <row r="968439" spans="14:14">
      <c r="N968439" s="10"/>
    </row>
    <row r="968440" spans="14:14">
      <c r="N968440" s="10"/>
    </row>
    <row r="968441" spans="14:14">
      <c r="N968441" s="10"/>
    </row>
    <row r="968442" spans="14:14">
      <c r="N968442" s="10"/>
    </row>
    <row r="968443" spans="14:14">
      <c r="N968443" s="10"/>
    </row>
    <row r="968444" spans="14:14">
      <c r="N968444" s="10"/>
    </row>
    <row r="968445" spans="14:14">
      <c r="N968445" s="10"/>
    </row>
    <row r="968446" spans="14:14">
      <c r="N968446" s="10"/>
    </row>
    <row r="968447" spans="14:14">
      <c r="N968447" s="10"/>
    </row>
    <row r="968448" spans="14:14">
      <c r="N968448" s="10"/>
    </row>
    <row r="968449" spans="14:14">
      <c r="N968449" s="10"/>
    </row>
    <row r="968450" spans="14:14">
      <c r="N968450" s="10"/>
    </row>
    <row r="968451" spans="14:14">
      <c r="N968451" s="10"/>
    </row>
    <row r="968452" spans="14:14">
      <c r="N968452" s="10"/>
    </row>
    <row r="968453" spans="14:14">
      <c r="N968453" s="10"/>
    </row>
    <row r="968454" spans="14:14">
      <c r="N968454" s="10"/>
    </row>
    <row r="968455" spans="14:14">
      <c r="N968455" s="10"/>
    </row>
    <row r="968456" spans="14:14">
      <c r="N968456" s="10"/>
    </row>
    <row r="968457" spans="14:14">
      <c r="N968457" s="10"/>
    </row>
    <row r="968458" spans="14:14">
      <c r="N968458" s="10"/>
    </row>
    <row r="968459" spans="14:14">
      <c r="N968459" s="10"/>
    </row>
    <row r="968460" spans="14:14">
      <c r="N968460" s="10"/>
    </row>
    <row r="968461" spans="14:14">
      <c r="N968461" s="10"/>
    </row>
    <row r="968462" spans="14:14">
      <c r="N968462" s="10"/>
    </row>
    <row r="968463" spans="14:14">
      <c r="N968463" s="10"/>
    </row>
    <row r="968464" spans="14:14">
      <c r="N968464" s="10"/>
    </row>
    <row r="968465" spans="14:14">
      <c r="N968465" s="10"/>
    </row>
    <row r="968466" spans="14:14">
      <c r="N968466" s="10"/>
    </row>
    <row r="968467" spans="14:14">
      <c r="N968467" s="10"/>
    </row>
    <row r="968468" spans="14:14">
      <c r="N968468" s="10"/>
    </row>
    <row r="968469" spans="14:14">
      <c r="N968469" s="10"/>
    </row>
    <row r="968470" spans="14:14">
      <c r="N968470" s="10"/>
    </row>
    <row r="968471" spans="14:14">
      <c r="N968471" s="10"/>
    </row>
    <row r="968472" spans="14:14">
      <c r="N968472" s="10"/>
    </row>
    <row r="968473" spans="14:14">
      <c r="N968473" s="10"/>
    </row>
    <row r="968474" spans="14:14">
      <c r="N968474" s="10"/>
    </row>
    <row r="968475" spans="14:14">
      <c r="N968475" s="10"/>
    </row>
    <row r="968476" spans="14:14">
      <c r="N968476" s="10"/>
    </row>
    <row r="968477" spans="14:14">
      <c r="N968477" s="10"/>
    </row>
    <row r="968478" spans="14:14">
      <c r="N968478" s="10"/>
    </row>
    <row r="968479" spans="14:14">
      <c r="N968479" s="10"/>
    </row>
    <row r="968480" spans="14:14">
      <c r="N968480" s="10"/>
    </row>
    <row r="968481" spans="14:14">
      <c r="N968481" s="10"/>
    </row>
    <row r="968482" spans="14:14">
      <c r="N968482" s="10"/>
    </row>
    <row r="968483" spans="14:14">
      <c r="N968483" s="10"/>
    </row>
    <row r="968484" spans="14:14">
      <c r="N968484" s="10"/>
    </row>
    <row r="968485" spans="14:14">
      <c r="N968485" s="10"/>
    </row>
    <row r="968486" spans="14:14">
      <c r="N968486" s="10"/>
    </row>
    <row r="968487" spans="14:14">
      <c r="N968487" s="10"/>
    </row>
    <row r="968488" spans="14:14">
      <c r="N968488" s="10"/>
    </row>
    <row r="968489" spans="14:14">
      <c r="N968489" s="10"/>
    </row>
    <row r="968490" spans="14:14">
      <c r="N968490" s="10"/>
    </row>
    <row r="968491" spans="14:14">
      <c r="N968491" s="10"/>
    </row>
    <row r="968492" spans="14:14">
      <c r="N968492" s="10"/>
    </row>
    <row r="968493" spans="14:14">
      <c r="N968493" s="10"/>
    </row>
    <row r="968494" spans="14:14">
      <c r="N968494" s="10"/>
    </row>
    <row r="968495" spans="14:14">
      <c r="N968495" s="10"/>
    </row>
    <row r="968496" spans="14:14">
      <c r="N968496" s="10"/>
    </row>
    <row r="968497" spans="14:14">
      <c r="N968497" s="10"/>
    </row>
    <row r="968498" spans="14:14">
      <c r="N968498" s="10"/>
    </row>
    <row r="968499" spans="14:14">
      <c r="N968499" s="10"/>
    </row>
    <row r="968500" spans="14:14">
      <c r="N968500" s="10"/>
    </row>
    <row r="968501" spans="14:14">
      <c r="N968501" s="10"/>
    </row>
    <row r="968502" spans="14:14">
      <c r="N968502" s="10"/>
    </row>
    <row r="968503" spans="14:14">
      <c r="N968503" s="10"/>
    </row>
    <row r="968504" spans="14:14">
      <c r="N968504" s="10"/>
    </row>
    <row r="968505" spans="14:14">
      <c r="N968505" s="10"/>
    </row>
    <row r="968506" spans="14:14">
      <c r="N968506" s="10"/>
    </row>
    <row r="968507" spans="14:14">
      <c r="N968507" s="10"/>
    </row>
    <row r="968508" spans="14:14">
      <c r="N968508" s="10"/>
    </row>
    <row r="968509" spans="14:14">
      <c r="N968509" s="10"/>
    </row>
    <row r="968510" spans="14:14">
      <c r="N968510" s="10"/>
    </row>
    <row r="968511" spans="14:14">
      <c r="N968511" s="10"/>
    </row>
    <row r="968512" spans="14:14">
      <c r="N968512" s="10"/>
    </row>
    <row r="968513" spans="14:14">
      <c r="N968513" s="10"/>
    </row>
    <row r="968514" spans="14:14">
      <c r="N968514" s="10"/>
    </row>
    <row r="968515" spans="14:14">
      <c r="N968515" s="10"/>
    </row>
    <row r="968516" spans="14:14">
      <c r="N968516" s="10"/>
    </row>
    <row r="968517" spans="14:14">
      <c r="N968517" s="10"/>
    </row>
    <row r="968518" spans="14:14">
      <c r="N968518" s="10"/>
    </row>
    <row r="968519" spans="14:14">
      <c r="N968519" s="10"/>
    </row>
    <row r="968520" spans="14:14">
      <c r="N968520" s="10"/>
    </row>
    <row r="968521" spans="14:14">
      <c r="N968521" s="10"/>
    </row>
    <row r="968522" spans="14:14">
      <c r="N968522" s="10"/>
    </row>
    <row r="968523" spans="14:14">
      <c r="N968523" s="10"/>
    </row>
    <row r="968524" spans="14:14">
      <c r="N968524" s="10"/>
    </row>
    <row r="968525" spans="14:14">
      <c r="N968525" s="10"/>
    </row>
    <row r="968526" spans="14:14">
      <c r="N968526" s="10"/>
    </row>
    <row r="968527" spans="14:14">
      <c r="N968527" s="10"/>
    </row>
    <row r="968528" spans="14:14">
      <c r="N968528" s="10"/>
    </row>
    <row r="968529" spans="14:14">
      <c r="N968529" s="10"/>
    </row>
    <row r="968530" spans="14:14">
      <c r="N968530" s="10"/>
    </row>
    <row r="968531" spans="14:14">
      <c r="N968531" s="10"/>
    </row>
    <row r="968532" spans="14:14">
      <c r="N968532" s="10"/>
    </row>
    <row r="968533" spans="14:14">
      <c r="N968533" s="10"/>
    </row>
    <row r="968534" spans="14:14">
      <c r="N968534" s="10"/>
    </row>
    <row r="968535" spans="14:14">
      <c r="N968535" s="10"/>
    </row>
    <row r="968536" spans="14:14">
      <c r="N968536" s="10"/>
    </row>
    <row r="968537" spans="14:14">
      <c r="N968537" s="10"/>
    </row>
    <row r="968538" spans="14:14">
      <c r="N968538" s="10"/>
    </row>
    <row r="968539" spans="14:14">
      <c r="N968539" s="10"/>
    </row>
    <row r="968540" spans="14:14">
      <c r="N968540" s="10"/>
    </row>
    <row r="968541" spans="14:14">
      <c r="N968541" s="10"/>
    </row>
    <row r="968542" spans="14:14">
      <c r="N968542" s="10"/>
    </row>
    <row r="968543" spans="14:14">
      <c r="N968543" s="10"/>
    </row>
    <row r="968544" spans="14:14">
      <c r="N968544" s="10"/>
    </row>
    <row r="968545" spans="14:14">
      <c r="N968545" s="10"/>
    </row>
    <row r="968546" spans="14:14">
      <c r="N968546" s="10"/>
    </row>
    <row r="968547" spans="14:14">
      <c r="N968547" s="10"/>
    </row>
    <row r="968548" spans="14:14">
      <c r="N968548" s="10"/>
    </row>
    <row r="968549" spans="14:14">
      <c r="N968549" s="10"/>
    </row>
    <row r="968550" spans="14:14">
      <c r="N968550" s="10"/>
    </row>
    <row r="968551" spans="14:14">
      <c r="N968551" s="10"/>
    </row>
    <row r="968552" spans="14:14">
      <c r="N968552" s="10"/>
    </row>
    <row r="968553" spans="14:14">
      <c r="N968553" s="10"/>
    </row>
    <row r="968554" spans="14:14">
      <c r="N968554" s="10"/>
    </row>
    <row r="968555" spans="14:14">
      <c r="N968555" s="10"/>
    </row>
    <row r="968556" spans="14:14">
      <c r="N968556" s="10"/>
    </row>
    <row r="968557" spans="14:14">
      <c r="N968557" s="10"/>
    </row>
    <row r="968558" spans="14:14">
      <c r="N968558" s="10"/>
    </row>
    <row r="968559" spans="14:14">
      <c r="N968559" s="10"/>
    </row>
    <row r="968560" spans="14:14">
      <c r="N968560" s="10"/>
    </row>
    <row r="968561" spans="14:14">
      <c r="N968561" s="10"/>
    </row>
    <row r="968562" spans="14:14">
      <c r="N968562" s="10"/>
    </row>
    <row r="968563" spans="14:14">
      <c r="N968563" s="10"/>
    </row>
    <row r="968564" spans="14:14">
      <c r="N968564" s="10"/>
    </row>
    <row r="968565" spans="14:14">
      <c r="N968565" s="10"/>
    </row>
    <row r="968566" spans="14:14">
      <c r="N968566" s="10"/>
    </row>
    <row r="968567" spans="14:14">
      <c r="N968567" s="10"/>
    </row>
    <row r="968568" spans="14:14">
      <c r="N968568" s="10"/>
    </row>
    <row r="968569" spans="14:14">
      <c r="N968569" s="10"/>
    </row>
    <row r="968570" spans="14:14">
      <c r="N968570" s="10"/>
    </row>
    <row r="968571" spans="14:14">
      <c r="N968571" s="10"/>
    </row>
    <row r="968572" spans="14:14">
      <c r="N968572" s="10"/>
    </row>
    <row r="968573" spans="14:14">
      <c r="N968573" s="10"/>
    </row>
    <row r="968574" spans="14:14">
      <c r="N968574" s="10"/>
    </row>
    <row r="968575" spans="14:14">
      <c r="N968575" s="10"/>
    </row>
    <row r="968576" spans="14:14">
      <c r="N968576" s="10"/>
    </row>
    <row r="968577" spans="14:14">
      <c r="N968577" s="10"/>
    </row>
    <row r="968578" spans="14:14">
      <c r="N968578" s="10"/>
    </row>
    <row r="968579" spans="14:14">
      <c r="N968579" s="10"/>
    </row>
    <row r="968580" spans="14:14">
      <c r="N968580" s="10"/>
    </row>
    <row r="968581" spans="14:14">
      <c r="N968581" s="10"/>
    </row>
    <row r="968582" spans="14:14">
      <c r="N968582" s="10"/>
    </row>
    <row r="968583" spans="14:14">
      <c r="N968583" s="10"/>
    </row>
    <row r="968584" spans="14:14">
      <c r="N968584" s="10"/>
    </row>
    <row r="968585" spans="14:14">
      <c r="N968585" s="10"/>
    </row>
    <row r="968586" spans="14:14">
      <c r="N968586" s="10"/>
    </row>
    <row r="968587" spans="14:14">
      <c r="N968587" s="10"/>
    </row>
    <row r="968588" spans="14:14">
      <c r="N968588" s="10"/>
    </row>
    <row r="968589" spans="14:14">
      <c r="N968589" s="10"/>
    </row>
    <row r="968590" spans="14:14">
      <c r="N968590" s="10"/>
    </row>
    <row r="968591" spans="14:14">
      <c r="N968591" s="10"/>
    </row>
    <row r="968592" spans="14:14">
      <c r="N968592" s="10"/>
    </row>
    <row r="968593" spans="14:14">
      <c r="N968593" s="10"/>
    </row>
    <row r="968594" spans="14:14">
      <c r="N968594" s="10"/>
    </row>
    <row r="968595" spans="14:14">
      <c r="N968595" s="10"/>
    </row>
    <row r="968596" spans="14:14">
      <c r="N968596" s="10"/>
    </row>
    <row r="968597" spans="14:14">
      <c r="N968597" s="10"/>
    </row>
    <row r="968598" spans="14:14">
      <c r="N968598" s="10"/>
    </row>
    <row r="968599" spans="14:14">
      <c r="N968599" s="10"/>
    </row>
    <row r="968600" spans="14:14">
      <c r="N968600" s="10"/>
    </row>
    <row r="968601" spans="14:14">
      <c r="N968601" s="10"/>
    </row>
    <row r="968602" spans="14:14">
      <c r="N968602" s="10"/>
    </row>
    <row r="968603" spans="14:14">
      <c r="N968603" s="10"/>
    </row>
    <row r="968604" spans="14:14">
      <c r="N968604" s="10"/>
    </row>
    <row r="968605" spans="14:14">
      <c r="N968605" s="10"/>
    </row>
    <row r="968606" spans="14:14">
      <c r="N968606" s="10"/>
    </row>
    <row r="968607" spans="14:14">
      <c r="N968607" s="10"/>
    </row>
    <row r="968608" spans="14:14">
      <c r="N968608" s="10"/>
    </row>
    <row r="968609" spans="14:14">
      <c r="N968609" s="10"/>
    </row>
    <row r="968610" spans="14:14">
      <c r="N968610" s="10"/>
    </row>
    <row r="968611" spans="14:14">
      <c r="N968611" s="10"/>
    </row>
    <row r="968612" spans="14:14">
      <c r="N968612" s="10"/>
    </row>
    <row r="968613" spans="14:14">
      <c r="N968613" s="10"/>
    </row>
    <row r="968614" spans="14:14">
      <c r="N968614" s="10"/>
    </row>
    <row r="968615" spans="14:14">
      <c r="N968615" s="10"/>
    </row>
    <row r="968616" spans="14:14">
      <c r="N968616" s="10"/>
    </row>
    <row r="968617" spans="14:14">
      <c r="N968617" s="10"/>
    </row>
    <row r="968618" spans="14:14">
      <c r="N968618" s="10"/>
    </row>
    <row r="968619" spans="14:14">
      <c r="N968619" s="10"/>
    </row>
    <row r="968620" spans="14:14">
      <c r="N968620" s="10"/>
    </row>
    <row r="968621" spans="14:14">
      <c r="N968621" s="10"/>
    </row>
    <row r="968622" spans="14:14">
      <c r="N968622" s="10"/>
    </row>
    <row r="968623" spans="14:14">
      <c r="N968623" s="10"/>
    </row>
    <row r="968624" spans="14:14">
      <c r="N968624" s="10"/>
    </row>
    <row r="968625" spans="14:14">
      <c r="N968625" s="10"/>
    </row>
    <row r="968626" spans="14:14">
      <c r="N968626" s="10"/>
    </row>
    <row r="968627" spans="14:14">
      <c r="N968627" s="10"/>
    </row>
    <row r="968628" spans="14:14">
      <c r="N968628" s="10"/>
    </row>
    <row r="968629" spans="14:14">
      <c r="N968629" s="10"/>
    </row>
    <row r="968630" spans="14:14">
      <c r="N968630" s="10"/>
    </row>
    <row r="968631" spans="14:14">
      <c r="N968631" s="10"/>
    </row>
    <row r="968632" spans="14:14">
      <c r="N968632" s="10"/>
    </row>
    <row r="968633" spans="14:14">
      <c r="N968633" s="10"/>
    </row>
    <row r="968634" spans="14:14">
      <c r="N968634" s="10"/>
    </row>
    <row r="968635" spans="14:14">
      <c r="N968635" s="10"/>
    </row>
    <row r="968636" spans="14:14">
      <c r="N968636" s="10"/>
    </row>
    <row r="968637" spans="14:14">
      <c r="N968637" s="10"/>
    </row>
    <row r="968638" spans="14:14">
      <c r="N968638" s="10"/>
    </row>
    <row r="968639" spans="14:14">
      <c r="N968639" s="10"/>
    </row>
    <row r="968640" spans="14:14">
      <c r="N968640" s="10"/>
    </row>
    <row r="968641" spans="14:14">
      <c r="N968641" s="10"/>
    </row>
    <row r="968642" spans="14:14">
      <c r="N968642" s="10"/>
    </row>
    <row r="968643" spans="14:14">
      <c r="N968643" s="10"/>
    </row>
    <row r="968644" spans="14:14">
      <c r="N968644" s="10"/>
    </row>
    <row r="968645" spans="14:14">
      <c r="N968645" s="10"/>
    </row>
    <row r="968646" spans="14:14">
      <c r="N968646" s="10"/>
    </row>
    <row r="968647" spans="14:14">
      <c r="N968647" s="10"/>
    </row>
    <row r="968648" spans="14:14">
      <c r="N968648" s="10"/>
    </row>
    <row r="968649" spans="14:14">
      <c r="N968649" s="10"/>
    </row>
    <row r="968650" spans="14:14">
      <c r="N968650" s="10"/>
    </row>
    <row r="968651" spans="14:14">
      <c r="N968651" s="10"/>
    </row>
    <row r="968652" spans="14:14">
      <c r="N968652" s="10"/>
    </row>
    <row r="968653" spans="14:14">
      <c r="N968653" s="10"/>
    </row>
    <row r="968654" spans="14:14">
      <c r="N968654" s="10"/>
    </row>
    <row r="968655" spans="14:14">
      <c r="N968655" s="10"/>
    </row>
    <row r="968656" spans="14:14">
      <c r="N968656" s="10"/>
    </row>
    <row r="968657" spans="14:14">
      <c r="N968657" s="10"/>
    </row>
    <row r="968658" spans="14:14">
      <c r="N968658" s="10"/>
    </row>
    <row r="968659" spans="14:14">
      <c r="N968659" s="10"/>
    </row>
    <row r="968660" spans="14:14">
      <c r="N968660" s="10"/>
    </row>
    <row r="968661" spans="14:14">
      <c r="N968661" s="10"/>
    </row>
    <row r="968662" spans="14:14">
      <c r="N968662" s="10"/>
    </row>
    <row r="968663" spans="14:14">
      <c r="N968663" s="10"/>
    </row>
    <row r="968664" spans="14:14">
      <c r="N968664" s="10"/>
    </row>
    <row r="968665" spans="14:14">
      <c r="N968665" s="10"/>
    </row>
    <row r="968666" spans="14:14">
      <c r="N968666" s="10"/>
    </row>
    <row r="968667" spans="14:14">
      <c r="N968667" s="10"/>
    </row>
    <row r="968668" spans="14:14">
      <c r="N968668" s="10"/>
    </row>
    <row r="968669" spans="14:14">
      <c r="N968669" s="10"/>
    </row>
    <row r="968670" spans="14:14">
      <c r="N968670" s="10"/>
    </row>
    <row r="968671" spans="14:14">
      <c r="N968671" s="10"/>
    </row>
    <row r="968672" spans="14:14">
      <c r="N968672" s="10"/>
    </row>
    <row r="968673" spans="14:14">
      <c r="N968673" s="10"/>
    </row>
    <row r="968674" spans="14:14">
      <c r="N968674" s="10"/>
    </row>
    <row r="968675" spans="14:14">
      <c r="N968675" s="10"/>
    </row>
    <row r="968676" spans="14:14">
      <c r="N968676" s="10"/>
    </row>
    <row r="968677" spans="14:14">
      <c r="N968677" s="10"/>
    </row>
    <row r="968678" spans="14:14">
      <c r="N968678" s="10"/>
    </row>
    <row r="968679" spans="14:14">
      <c r="N968679" s="10"/>
    </row>
    <row r="968680" spans="14:14">
      <c r="N968680" s="10"/>
    </row>
    <row r="968681" spans="14:14">
      <c r="N968681" s="10"/>
    </row>
    <row r="968682" spans="14:14">
      <c r="N968682" s="10"/>
    </row>
    <row r="968683" spans="14:14">
      <c r="N968683" s="10"/>
    </row>
    <row r="968684" spans="14:14">
      <c r="N968684" s="10"/>
    </row>
    <row r="968685" spans="14:14">
      <c r="N968685" s="10"/>
    </row>
    <row r="968686" spans="14:14">
      <c r="N968686" s="10"/>
    </row>
    <row r="968687" spans="14:14">
      <c r="N968687" s="10"/>
    </row>
    <row r="968688" spans="14:14">
      <c r="N968688" s="10"/>
    </row>
    <row r="968689" spans="14:14">
      <c r="N968689" s="10"/>
    </row>
    <row r="968690" spans="14:14">
      <c r="N968690" s="10"/>
    </row>
    <row r="968691" spans="14:14">
      <c r="N968691" s="10"/>
    </row>
    <row r="968692" spans="14:14">
      <c r="N968692" s="10"/>
    </row>
    <row r="968693" spans="14:14">
      <c r="N968693" s="10"/>
    </row>
    <row r="968694" spans="14:14">
      <c r="N968694" s="10"/>
    </row>
    <row r="968695" spans="14:14">
      <c r="N968695" s="10"/>
    </row>
    <row r="968696" spans="14:14">
      <c r="N968696" s="10"/>
    </row>
    <row r="968697" spans="14:14">
      <c r="N968697" s="10"/>
    </row>
    <row r="968698" spans="14:14">
      <c r="N968698" s="10"/>
    </row>
    <row r="968699" spans="14:14">
      <c r="N968699" s="10"/>
    </row>
    <row r="968700" spans="14:14">
      <c r="N968700" s="10"/>
    </row>
    <row r="968701" spans="14:14">
      <c r="N968701" s="10"/>
    </row>
    <row r="968702" spans="14:14">
      <c r="N968702" s="10"/>
    </row>
    <row r="968703" spans="14:14">
      <c r="N968703" s="10"/>
    </row>
    <row r="968704" spans="14:14">
      <c r="N968704" s="10"/>
    </row>
    <row r="968705" spans="14:14">
      <c r="N968705" s="10"/>
    </row>
    <row r="968706" spans="14:14">
      <c r="N968706" s="10"/>
    </row>
    <row r="968707" spans="14:14">
      <c r="N968707" s="10"/>
    </row>
    <row r="968708" spans="14:14">
      <c r="N968708" s="10"/>
    </row>
    <row r="968709" spans="14:14">
      <c r="N968709" s="10"/>
    </row>
    <row r="968710" spans="14:14">
      <c r="N968710" s="10"/>
    </row>
    <row r="968711" spans="14:14">
      <c r="N968711" s="10"/>
    </row>
    <row r="968712" spans="14:14">
      <c r="N968712" s="10"/>
    </row>
    <row r="968713" spans="14:14">
      <c r="N968713" s="10"/>
    </row>
    <row r="968714" spans="14:14">
      <c r="N968714" s="10"/>
    </row>
    <row r="968715" spans="14:14">
      <c r="N968715" s="10"/>
    </row>
    <row r="968716" spans="14:14">
      <c r="N968716" s="10"/>
    </row>
    <row r="968717" spans="14:14">
      <c r="N968717" s="10"/>
    </row>
    <row r="968718" spans="14:14">
      <c r="N968718" s="10"/>
    </row>
    <row r="968719" spans="14:14">
      <c r="N968719" s="10"/>
    </row>
    <row r="968720" spans="14:14">
      <c r="N968720" s="10"/>
    </row>
    <row r="968721" spans="14:14">
      <c r="N968721" s="10"/>
    </row>
    <row r="968722" spans="14:14">
      <c r="N968722" s="10"/>
    </row>
    <row r="968723" spans="14:14">
      <c r="N968723" s="10"/>
    </row>
    <row r="968724" spans="14:14">
      <c r="N968724" s="10"/>
    </row>
    <row r="968725" spans="14:14">
      <c r="N968725" s="10"/>
    </row>
    <row r="968726" spans="14:14">
      <c r="N968726" s="10"/>
    </row>
    <row r="968727" spans="14:14">
      <c r="N968727" s="10"/>
    </row>
    <row r="968728" spans="14:14">
      <c r="N968728" s="10"/>
    </row>
    <row r="968729" spans="14:14">
      <c r="N968729" s="10"/>
    </row>
    <row r="968730" spans="14:14">
      <c r="N968730" s="10"/>
    </row>
    <row r="968731" spans="14:14">
      <c r="N968731" s="10"/>
    </row>
    <row r="968732" spans="14:14">
      <c r="N968732" s="10"/>
    </row>
    <row r="968733" spans="14:14">
      <c r="N968733" s="10"/>
    </row>
    <row r="968734" spans="14:14">
      <c r="N968734" s="10"/>
    </row>
    <row r="968735" spans="14:14">
      <c r="N968735" s="10"/>
    </row>
    <row r="968736" spans="14:14">
      <c r="N968736" s="10"/>
    </row>
    <row r="968737" spans="14:14">
      <c r="N968737" s="10"/>
    </row>
    <row r="968738" spans="14:14">
      <c r="N968738" s="10"/>
    </row>
    <row r="968739" spans="14:14">
      <c r="N968739" s="10"/>
    </row>
    <row r="968740" spans="14:14">
      <c r="N968740" s="10"/>
    </row>
    <row r="968741" spans="14:14">
      <c r="N968741" s="10"/>
    </row>
    <row r="968742" spans="14:14">
      <c r="N968742" s="10"/>
    </row>
    <row r="968743" spans="14:14">
      <c r="N968743" s="10"/>
    </row>
    <row r="968744" spans="14:14">
      <c r="N968744" s="10"/>
    </row>
    <row r="968745" spans="14:14">
      <c r="N968745" s="10"/>
    </row>
    <row r="968746" spans="14:14">
      <c r="N968746" s="10"/>
    </row>
    <row r="968747" spans="14:14">
      <c r="N968747" s="10"/>
    </row>
    <row r="968748" spans="14:14">
      <c r="N968748" s="10"/>
    </row>
    <row r="968749" spans="14:14">
      <c r="N968749" s="10"/>
    </row>
    <row r="968750" spans="14:14">
      <c r="N968750" s="10"/>
    </row>
    <row r="968751" spans="14:14">
      <c r="N968751" s="10"/>
    </row>
    <row r="968752" spans="14:14">
      <c r="N968752" s="10"/>
    </row>
    <row r="968753" spans="14:14">
      <c r="N968753" s="10"/>
    </row>
    <row r="968754" spans="14:14">
      <c r="N968754" s="10"/>
    </row>
    <row r="968755" spans="14:14">
      <c r="N968755" s="10"/>
    </row>
    <row r="968756" spans="14:14">
      <c r="N968756" s="10"/>
    </row>
    <row r="968757" spans="14:14">
      <c r="N968757" s="10"/>
    </row>
    <row r="968758" spans="14:14">
      <c r="N968758" s="10"/>
    </row>
    <row r="968759" spans="14:14">
      <c r="N968759" s="10"/>
    </row>
    <row r="968760" spans="14:14">
      <c r="N968760" s="10"/>
    </row>
    <row r="968761" spans="14:14">
      <c r="N968761" s="10"/>
    </row>
    <row r="968762" spans="14:14">
      <c r="N968762" s="10"/>
    </row>
    <row r="968763" spans="14:14">
      <c r="N968763" s="10"/>
    </row>
    <row r="968764" spans="14:14">
      <c r="N968764" s="10"/>
    </row>
    <row r="968765" spans="14:14">
      <c r="N968765" s="10"/>
    </row>
    <row r="968766" spans="14:14">
      <c r="N968766" s="10"/>
    </row>
    <row r="968767" spans="14:14">
      <c r="N968767" s="10"/>
    </row>
    <row r="968768" spans="14:14">
      <c r="N968768" s="10"/>
    </row>
    <row r="968769" spans="14:14">
      <c r="N968769" s="10"/>
    </row>
    <row r="968770" spans="14:14">
      <c r="N968770" s="10"/>
    </row>
    <row r="968771" spans="14:14">
      <c r="N968771" s="10"/>
    </row>
    <row r="968772" spans="14:14">
      <c r="N968772" s="10"/>
    </row>
    <row r="968773" spans="14:14">
      <c r="N968773" s="10"/>
    </row>
    <row r="968774" spans="14:14">
      <c r="N968774" s="10"/>
    </row>
    <row r="968775" spans="14:14">
      <c r="N968775" s="10"/>
    </row>
    <row r="968776" spans="14:14">
      <c r="N968776" s="10"/>
    </row>
    <row r="968777" spans="14:14">
      <c r="N968777" s="10"/>
    </row>
    <row r="968778" spans="14:14">
      <c r="N968778" s="10"/>
    </row>
    <row r="968779" spans="14:14">
      <c r="N968779" s="10"/>
    </row>
    <row r="968780" spans="14:14">
      <c r="N968780" s="10"/>
    </row>
    <row r="968781" spans="14:14">
      <c r="N968781" s="10"/>
    </row>
    <row r="968782" spans="14:14">
      <c r="N968782" s="10"/>
    </row>
    <row r="968783" spans="14:14">
      <c r="N968783" s="10"/>
    </row>
    <row r="968784" spans="14:14">
      <c r="N968784" s="10"/>
    </row>
    <row r="968785" spans="14:14">
      <c r="N968785" s="10"/>
    </row>
    <row r="968786" spans="14:14">
      <c r="N968786" s="10"/>
    </row>
    <row r="968787" spans="14:14">
      <c r="N968787" s="10"/>
    </row>
    <row r="968788" spans="14:14">
      <c r="N968788" s="10"/>
    </row>
    <row r="968789" spans="14:14">
      <c r="N968789" s="10"/>
    </row>
    <row r="968790" spans="14:14">
      <c r="N968790" s="10"/>
    </row>
    <row r="968791" spans="14:14">
      <c r="N968791" s="10"/>
    </row>
    <row r="968792" spans="14:14">
      <c r="N968792" s="10"/>
    </row>
    <row r="968793" spans="14:14">
      <c r="N968793" s="10"/>
    </row>
    <row r="968794" spans="14:14">
      <c r="N968794" s="10"/>
    </row>
    <row r="968795" spans="14:14">
      <c r="N968795" s="10"/>
    </row>
    <row r="968796" spans="14:14">
      <c r="N968796" s="10"/>
    </row>
    <row r="968797" spans="14:14">
      <c r="N968797" s="10"/>
    </row>
    <row r="968798" spans="14:14">
      <c r="N968798" s="10"/>
    </row>
    <row r="968799" spans="14:14">
      <c r="N968799" s="10"/>
    </row>
    <row r="968800" spans="14:14">
      <c r="N968800" s="10"/>
    </row>
    <row r="968801" spans="14:14">
      <c r="N968801" s="10"/>
    </row>
    <row r="968802" spans="14:14">
      <c r="N968802" s="10"/>
    </row>
    <row r="968803" spans="14:14">
      <c r="N968803" s="10"/>
    </row>
    <row r="968804" spans="14:14">
      <c r="N968804" s="10"/>
    </row>
    <row r="968805" spans="14:14">
      <c r="N968805" s="10"/>
    </row>
    <row r="968806" spans="14:14">
      <c r="N968806" s="10"/>
    </row>
    <row r="968807" spans="14:14">
      <c r="N968807" s="10"/>
    </row>
    <row r="968808" spans="14:14">
      <c r="N968808" s="10"/>
    </row>
    <row r="968809" spans="14:14">
      <c r="N968809" s="10"/>
    </row>
    <row r="968810" spans="14:14">
      <c r="N968810" s="10"/>
    </row>
    <row r="968811" spans="14:14">
      <c r="N968811" s="10"/>
    </row>
    <row r="968812" spans="14:14">
      <c r="N968812" s="10"/>
    </row>
    <row r="968813" spans="14:14">
      <c r="N968813" s="10"/>
    </row>
    <row r="968814" spans="14:14">
      <c r="N968814" s="10"/>
    </row>
    <row r="968815" spans="14:14">
      <c r="N968815" s="10"/>
    </row>
    <row r="968816" spans="14:14">
      <c r="N968816" s="10"/>
    </row>
    <row r="968817" spans="14:14">
      <c r="N968817" s="10"/>
    </row>
    <row r="968818" spans="14:14">
      <c r="N968818" s="10"/>
    </row>
    <row r="968819" spans="14:14">
      <c r="N968819" s="10"/>
    </row>
    <row r="968820" spans="14:14">
      <c r="N968820" s="10"/>
    </row>
    <row r="968821" spans="14:14">
      <c r="N968821" s="10"/>
    </row>
    <row r="968822" spans="14:14">
      <c r="N968822" s="10"/>
    </row>
    <row r="968823" spans="14:14">
      <c r="N968823" s="10"/>
    </row>
    <row r="968824" spans="14:14">
      <c r="N968824" s="10"/>
    </row>
    <row r="968825" spans="14:14">
      <c r="N968825" s="10"/>
    </row>
    <row r="968826" spans="14:14">
      <c r="N968826" s="10"/>
    </row>
    <row r="968827" spans="14:14">
      <c r="N968827" s="10"/>
    </row>
    <row r="968828" spans="14:14">
      <c r="N968828" s="10"/>
    </row>
    <row r="968829" spans="14:14">
      <c r="N968829" s="10"/>
    </row>
    <row r="968830" spans="14:14">
      <c r="N968830" s="10"/>
    </row>
    <row r="968831" spans="14:14">
      <c r="N968831" s="10"/>
    </row>
    <row r="968832" spans="14:14">
      <c r="N968832" s="10"/>
    </row>
    <row r="968833" spans="14:14">
      <c r="N968833" s="10"/>
    </row>
    <row r="968834" spans="14:14">
      <c r="N968834" s="10"/>
    </row>
    <row r="968835" spans="14:14">
      <c r="N968835" s="10"/>
    </row>
    <row r="968836" spans="14:14">
      <c r="N968836" s="10"/>
    </row>
    <row r="968837" spans="14:14">
      <c r="N968837" s="10"/>
    </row>
    <row r="968838" spans="14:14">
      <c r="N968838" s="10"/>
    </row>
    <row r="968839" spans="14:14">
      <c r="N968839" s="10"/>
    </row>
    <row r="968840" spans="14:14">
      <c r="N968840" s="10"/>
    </row>
    <row r="968841" spans="14:14">
      <c r="N968841" s="10"/>
    </row>
    <row r="968842" spans="14:14">
      <c r="N968842" s="10"/>
    </row>
    <row r="968843" spans="14:14">
      <c r="N968843" s="10"/>
    </row>
    <row r="968844" spans="14:14">
      <c r="N968844" s="10"/>
    </row>
    <row r="968845" spans="14:14">
      <c r="N968845" s="10"/>
    </row>
    <row r="968846" spans="14:14">
      <c r="N968846" s="10"/>
    </row>
    <row r="968847" spans="14:14">
      <c r="N968847" s="10"/>
    </row>
    <row r="968848" spans="14:14">
      <c r="N968848" s="10"/>
    </row>
    <row r="968849" spans="14:14">
      <c r="N968849" s="10"/>
    </row>
    <row r="968850" spans="14:14">
      <c r="N968850" s="10"/>
    </row>
    <row r="968851" spans="14:14">
      <c r="N968851" s="10"/>
    </row>
    <row r="968852" spans="14:14">
      <c r="N968852" s="10"/>
    </row>
    <row r="968853" spans="14:14">
      <c r="N968853" s="10"/>
    </row>
    <row r="968854" spans="14:14">
      <c r="N968854" s="10"/>
    </row>
    <row r="968855" spans="14:14">
      <c r="N968855" s="10"/>
    </row>
    <row r="968856" spans="14:14">
      <c r="N968856" s="10"/>
    </row>
    <row r="968857" spans="14:14">
      <c r="N968857" s="10"/>
    </row>
    <row r="968858" spans="14:14">
      <c r="N968858" s="10"/>
    </row>
    <row r="968859" spans="14:14">
      <c r="N968859" s="10"/>
    </row>
    <row r="968860" spans="14:14">
      <c r="N968860" s="10"/>
    </row>
    <row r="968861" spans="14:14">
      <c r="N968861" s="10"/>
    </row>
    <row r="968862" spans="14:14">
      <c r="N968862" s="10"/>
    </row>
    <row r="968863" spans="14:14">
      <c r="N968863" s="10"/>
    </row>
    <row r="968864" spans="14:14">
      <c r="N968864" s="10"/>
    </row>
    <row r="968865" spans="14:14">
      <c r="N968865" s="10"/>
    </row>
    <row r="968866" spans="14:14">
      <c r="N968866" s="10"/>
    </row>
    <row r="968867" spans="14:14">
      <c r="N968867" s="10"/>
    </row>
    <row r="968868" spans="14:14">
      <c r="N968868" s="10"/>
    </row>
    <row r="968869" spans="14:14">
      <c r="N968869" s="10"/>
    </row>
    <row r="968870" spans="14:14">
      <c r="N968870" s="10"/>
    </row>
    <row r="968871" spans="14:14">
      <c r="N968871" s="10"/>
    </row>
    <row r="968872" spans="14:14">
      <c r="N968872" s="10"/>
    </row>
    <row r="968873" spans="14:14">
      <c r="N968873" s="10"/>
    </row>
    <row r="968874" spans="14:14">
      <c r="N968874" s="10"/>
    </row>
    <row r="968875" spans="14:14">
      <c r="N968875" s="10"/>
    </row>
    <row r="968876" spans="14:14">
      <c r="N968876" s="10"/>
    </row>
    <row r="968877" spans="14:14">
      <c r="N968877" s="10"/>
    </row>
    <row r="968878" spans="14:14">
      <c r="N968878" s="10"/>
    </row>
    <row r="968879" spans="14:14">
      <c r="N968879" s="10"/>
    </row>
    <row r="968880" spans="14:14">
      <c r="N968880" s="10"/>
    </row>
    <row r="968881" spans="14:14">
      <c r="N968881" s="10"/>
    </row>
    <row r="968882" spans="14:14">
      <c r="N968882" s="10"/>
    </row>
    <row r="968883" spans="14:14">
      <c r="N968883" s="10"/>
    </row>
    <row r="968884" spans="14:14">
      <c r="N968884" s="10"/>
    </row>
    <row r="968885" spans="14:14">
      <c r="N968885" s="10"/>
    </row>
    <row r="968886" spans="14:14">
      <c r="N968886" s="10"/>
    </row>
    <row r="968887" spans="14:14">
      <c r="N968887" s="10"/>
    </row>
    <row r="968888" spans="14:14">
      <c r="N968888" s="10"/>
    </row>
    <row r="968889" spans="14:14">
      <c r="N968889" s="10"/>
    </row>
    <row r="968890" spans="14:14">
      <c r="N968890" s="10"/>
    </row>
    <row r="968891" spans="14:14">
      <c r="N968891" s="10"/>
    </row>
    <row r="968892" spans="14:14">
      <c r="N968892" s="10"/>
    </row>
    <row r="968893" spans="14:14">
      <c r="N968893" s="10"/>
    </row>
    <row r="968894" spans="14:14">
      <c r="N968894" s="10"/>
    </row>
    <row r="968895" spans="14:14">
      <c r="N968895" s="10"/>
    </row>
    <row r="968896" spans="14:14">
      <c r="N968896" s="10"/>
    </row>
    <row r="968897" spans="14:14">
      <c r="N968897" s="10"/>
    </row>
    <row r="968898" spans="14:14">
      <c r="N968898" s="10"/>
    </row>
    <row r="968899" spans="14:14">
      <c r="N968899" s="10"/>
    </row>
    <row r="968900" spans="14:14">
      <c r="N968900" s="10"/>
    </row>
    <row r="968901" spans="14:14">
      <c r="N968901" s="10"/>
    </row>
    <row r="968902" spans="14:14">
      <c r="N968902" s="10"/>
    </row>
    <row r="968903" spans="14:14">
      <c r="N968903" s="10"/>
    </row>
    <row r="968904" spans="14:14">
      <c r="N968904" s="10"/>
    </row>
    <row r="968905" spans="14:14">
      <c r="N968905" s="10"/>
    </row>
    <row r="968906" spans="14:14">
      <c r="N968906" s="10"/>
    </row>
    <row r="968907" spans="14:14">
      <c r="N968907" s="10"/>
    </row>
    <row r="968908" spans="14:14">
      <c r="N968908" s="10"/>
    </row>
    <row r="968909" spans="14:14">
      <c r="N968909" s="10"/>
    </row>
    <row r="968910" spans="14:14">
      <c r="N968910" s="10"/>
    </row>
    <row r="968911" spans="14:14">
      <c r="N968911" s="10"/>
    </row>
    <row r="968912" spans="14:14">
      <c r="N968912" s="10"/>
    </row>
    <row r="968913" spans="14:14">
      <c r="N968913" s="10"/>
    </row>
    <row r="968914" spans="14:14">
      <c r="N968914" s="10"/>
    </row>
    <row r="968915" spans="14:14">
      <c r="N968915" s="10"/>
    </row>
    <row r="968916" spans="14:14">
      <c r="N968916" s="10"/>
    </row>
    <row r="968917" spans="14:14">
      <c r="N968917" s="10"/>
    </row>
    <row r="968918" spans="14:14">
      <c r="N968918" s="10"/>
    </row>
    <row r="968919" spans="14:14">
      <c r="N968919" s="10"/>
    </row>
    <row r="968920" spans="14:14">
      <c r="N968920" s="10"/>
    </row>
    <row r="968921" spans="14:14">
      <c r="N968921" s="10"/>
    </row>
    <row r="968922" spans="14:14">
      <c r="N968922" s="10"/>
    </row>
    <row r="968923" spans="14:14">
      <c r="N968923" s="10"/>
    </row>
    <row r="968924" spans="14:14">
      <c r="N968924" s="10"/>
    </row>
    <row r="968925" spans="14:14">
      <c r="N968925" s="10"/>
    </row>
    <row r="968926" spans="14:14">
      <c r="N968926" s="10"/>
    </row>
    <row r="968927" spans="14:14">
      <c r="N968927" s="10"/>
    </row>
    <row r="968928" spans="14:14">
      <c r="N968928" s="10"/>
    </row>
    <row r="968929" spans="14:14">
      <c r="N968929" s="10"/>
    </row>
    <row r="968930" spans="14:14">
      <c r="N968930" s="10"/>
    </row>
    <row r="968931" spans="14:14">
      <c r="N968931" s="10"/>
    </row>
    <row r="968932" spans="14:14">
      <c r="N968932" s="10"/>
    </row>
    <row r="968933" spans="14:14">
      <c r="N968933" s="10"/>
    </row>
    <row r="968934" spans="14:14">
      <c r="N968934" s="10"/>
    </row>
    <row r="968935" spans="14:14">
      <c r="N968935" s="10"/>
    </row>
    <row r="968936" spans="14:14">
      <c r="N968936" s="10"/>
    </row>
    <row r="968937" spans="14:14">
      <c r="N968937" s="10"/>
    </row>
    <row r="968938" spans="14:14">
      <c r="N968938" s="10"/>
    </row>
    <row r="968939" spans="14:14">
      <c r="N968939" s="10"/>
    </row>
    <row r="968940" spans="14:14">
      <c r="N968940" s="10"/>
    </row>
    <row r="968941" spans="14:14">
      <c r="N968941" s="10"/>
    </row>
    <row r="968942" spans="14:14">
      <c r="N968942" s="10"/>
    </row>
    <row r="968943" spans="14:14">
      <c r="N968943" s="10"/>
    </row>
    <row r="968944" spans="14:14">
      <c r="N968944" s="10"/>
    </row>
    <row r="968945" spans="14:14">
      <c r="N968945" s="10"/>
    </row>
    <row r="968946" spans="14:14">
      <c r="N968946" s="10"/>
    </row>
    <row r="968947" spans="14:14">
      <c r="N968947" s="10"/>
    </row>
    <row r="968948" spans="14:14">
      <c r="N968948" s="10"/>
    </row>
    <row r="968949" spans="14:14">
      <c r="N968949" s="10"/>
    </row>
    <row r="968950" spans="14:14">
      <c r="N968950" s="10"/>
    </row>
    <row r="968951" spans="14:14">
      <c r="N968951" s="10"/>
    </row>
    <row r="968952" spans="14:14">
      <c r="N968952" s="10"/>
    </row>
    <row r="968953" spans="14:14">
      <c r="N968953" s="10"/>
    </row>
    <row r="968954" spans="14:14">
      <c r="N968954" s="10"/>
    </row>
    <row r="968955" spans="14:14">
      <c r="N968955" s="10"/>
    </row>
    <row r="968956" spans="14:14">
      <c r="N968956" s="10"/>
    </row>
    <row r="968957" spans="14:14">
      <c r="N968957" s="10"/>
    </row>
    <row r="968958" spans="14:14">
      <c r="N968958" s="10"/>
    </row>
    <row r="968959" spans="14:14">
      <c r="N968959" s="10"/>
    </row>
    <row r="968960" spans="14:14">
      <c r="N968960" s="10"/>
    </row>
    <row r="968961" spans="14:14">
      <c r="N968961" s="10"/>
    </row>
    <row r="968962" spans="14:14">
      <c r="N968962" s="10"/>
    </row>
    <row r="968963" spans="14:14">
      <c r="N968963" s="10"/>
    </row>
    <row r="968964" spans="14:14">
      <c r="N968964" s="10"/>
    </row>
    <row r="968965" spans="14:14">
      <c r="N968965" s="10"/>
    </row>
    <row r="968966" spans="14:14">
      <c r="N968966" s="10"/>
    </row>
    <row r="968967" spans="14:14">
      <c r="N968967" s="10"/>
    </row>
    <row r="968968" spans="14:14">
      <c r="N968968" s="10"/>
    </row>
    <row r="968969" spans="14:14">
      <c r="N968969" s="10"/>
    </row>
    <row r="968970" spans="14:14">
      <c r="N968970" s="10"/>
    </row>
    <row r="968971" spans="14:14">
      <c r="N968971" s="10"/>
    </row>
    <row r="968972" spans="14:14">
      <c r="N968972" s="10"/>
    </row>
    <row r="968973" spans="14:14">
      <c r="N968973" s="10"/>
    </row>
    <row r="968974" spans="14:14">
      <c r="N968974" s="10"/>
    </row>
    <row r="968975" spans="14:14">
      <c r="N968975" s="10"/>
    </row>
    <row r="968976" spans="14:14">
      <c r="N968976" s="10"/>
    </row>
    <row r="968977" spans="14:14">
      <c r="N968977" s="10"/>
    </row>
    <row r="968978" spans="14:14">
      <c r="N968978" s="10"/>
    </row>
    <row r="968979" spans="14:14">
      <c r="N968979" s="10"/>
    </row>
    <row r="968980" spans="14:14">
      <c r="N968980" s="10"/>
    </row>
    <row r="968981" spans="14:14">
      <c r="N968981" s="10"/>
    </row>
    <row r="968982" spans="14:14">
      <c r="N968982" s="10"/>
    </row>
    <row r="968983" spans="14:14">
      <c r="N968983" s="10"/>
    </row>
    <row r="968984" spans="14:14">
      <c r="N968984" s="10"/>
    </row>
    <row r="968985" spans="14:14">
      <c r="N968985" s="10"/>
    </row>
    <row r="968986" spans="14:14">
      <c r="N968986" s="10"/>
    </row>
    <row r="968987" spans="14:14">
      <c r="N968987" s="10"/>
    </row>
    <row r="968988" spans="14:14">
      <c r="N968988" s="10"/>
    </row>
    <row r="968989" spans="14:14">
      <c r="N968989" s="10"/>
    </row>
    <row r="968990" spans="14:14">
      <c r="N968990" s="10"/>
    </row>
    <row r="968991" spans="14:14">
      <c r="N968991" s="10"/>
    </row>
    <row r="968992" spans="14:14">
      <c r="N968992" s="10"/>
    </row>
    <row r="968993" spans="14:14">
      <c r="N968993" s="10"/>
    </row>
    <row r="968994" spans="14:14">
      <c r="N968994" s="10"/>
    </row>
    <row r="968995" spans="14:14">
      <c r="N968995" s="10"/>
    </row>
    <row r="968996" spans="14:14">
      <c r="N968996" s="10"/>
    </row>
    <row r="968997" spans="14:14">
      <c r="N968997" s="10"/>
    </row>
    <row r="968998" spans="14:14">
      <c r="N968998" s="10"/>
    </row>
    <row r="968999" spans="14:14">
      <c r="N968999" s="10"/>
    </row>
    <row r="969000" spans="14:14">
      <c r="N969000" s="10"/>
    </row>
    <row r="969001" spans="14:14">
      <c r="N969001" s="10"/>
    </row>
    <row r="969002" spans="14:14">
      <c r="N969002" s="10"/>
    </row>
    <row r="969003" spans="14:14">
      <c r="N969003" s="10"/>
    </row>
    <row r="969004" spans="14:14">
      <c r="N969004" s="10"/>
    </row>
    <row r="969005" spans="14:14">
      <c r="N969005" s="10"/>
    </row>
    <row r="969006" spans="14:14">
      <c r="N969006" s="10"/>
    </row>
    <row r="969007" spans="14:14">
      <c r="N969007" s="10"/>
    </row>
    <row r="969008" spans="14:14">
      <c r="N969008" s="10"/>
    </row>
    <row r="969009" spans="14:14">
      <c r="N969009" s="10"/>
    </row>
    <row r="969010" spans="14:14">
      <c r="N969010" s="10"/>
    </row>
    <row r="969011" spans="14:14">
      <c r="N969011" s="10"/>
    </row>
    <row r="969012" spans="14:14">
      <c r="N969012" s="10"/>
    </row>
    <row r="969013" spans="14:14">
      <c r="N969013" s="10"/>
    </row>
    <row r="969014" spans="14:14">
      <c r="N969014" s="10"/>
    </row>
    <row r="969015" spans="14:14">
      <c r="N969015" s="10"/>
    </row>
    <row r="969016" spans="14:14">
      <c r="N969016" s="10"/>
    </row>
    <row r="969017" spans="14:14">
      <c r="N969017" s="10"/>
    </row>
    <row r="969018" spans="14:14">
      <c r="N969018" s="10"/>
    </row>
    <row r="969019" spans="14:14">
      <c r="N969019" s="10"/>
    </row>
    <row r="969020" spans="14:14">
      <c r="N969020" s="10"/>
    </row>
    <row r="969021" spans="14:14">
      <c r="N969021" s="10"/>
    </row>
    <row r="969022" spans="14:14">
      <c r="N969022" s="10"/>
    </row>
    <row r="969023" spans="14:14">
      <c r="N969023" s="10"/>
    </row>
    <row r="969024" spans="14:14">
      <c r="N969024" s="10"/>
    </row>
    <row r="969025" spans="14:14">
      <c r="N969025" s="10"/>
    </row>
    <row r="969026" spans="14:14">
      <c r="N969026" s="10"/>
    </row>
    <row r="969027" spans="14:14">
      <c r="N969027" s="10"/>
    </row>
    <row r="969028" spans="14:14">
      <c r="N969028" s="10"/>
    </row>
    <row r="969029" spans="14:14">
      <c r="N969029" s="10"/>
    </row>
    <row r="969030" spans="14:14">
      <c r="N969030" s="10"/>
    </row>
    <row r="969031" spans="14:14">
      <c r="N969031" s="10"/>
    </row>
    <row r="969032" spans="14:14">
      <c r="N969032" s="10"/>
    </row>
    <row r="969033" spans="14:14">
      <c r="N969033" s="10"/>
    </row>
    <row r="969034" spans="14:14">
      <c r="N969034" s="10"/>
    </row>
    <row r="969035" spans="14:14">
      <c r="N969035" s="10"/>
    </row>
    <row r="969036" spans="14:14">
      <c r="N969036" s="10"/>
    </row>
    <row r="969037" spans="14:14">
      <c r="N969037" s="10"/>
    </row>
    <row r="969038" spans="14:14">
      <c r="N969038" s="10"/>
    </row>
    <row r="969039" spans="14:14">
      <c r="N969039" s="10"/>
    </row>
    <row r="969040" spans="14:14">
      <c r="N969040" s="10"/>
    </row>
    <row r="969041" spans="14:14">
      <c r="N969041" s="10"/>
    </row>
    <row r="969042" spans="14:14">
      <c r="N969042" s="10"/>
    </row>
    <row r="969043" spans="14:14">
      <c r="N969043" s="10"/>
    </row>
    <row r="969044" spans="14:14">
      <c r="N969044" s="10"/>
    </row>
    <row r="969045" spans="14:14">
      <c r="N969045" s="10"/>
    </row>
    <row r="969046" spans="14:14">
      <c r="N969046" s="10"/>
    </row>
    <row r="969047" spans="14:14">
      <c r="N969047" s="10"/>
    </row>
    <row r="969048" spans="14:14">
      <c r="N969048" s="10"/>
    </row>
    <row r="969049" spans="14:14">
      <c r="N969049" s="10"/>
    </row>
    <row r="969050" spans="14:14">
      <c r="N969050" s="10"/>
    </row>
    <row r="969051" spans="14:14">
      <c r="N969051" s="10"/>
    </row>
    <row r="969052" spans="14:14">
      <c r="N969052" s="10"/>
    </row>
    <row r="969053" spans="14:14">
      <c r="N969053" s="10"/>
    </row>
    <row r="969054" spans="14:14">
      <c r="N969054" s="10"/>
    </row>
    <row r="969055" spans="14:14">
      <c r="N969055" s="10"/>
    </row>
    <row r="969056" spans="14:14">
      <c r="N969056" s="10"/>
    </row>
    <row r="969057" spans="14:14">
      <c r="N969057" s="10"/>
    </row>
    <row r="969058" spans="14:14">
      <c r="N969058" s="10"/>
    </row>
    <row r="969059" spans="14:14">
      <c r="N969059" s="10"/>
    </row>
    <row r="969060" spans="14:14">
      <c r="N969060" s="10"/>
    </row>
    <row r="969061" spans="14:14">
      <c r="N969061" s="10"/>
    </row>
    <row r="969062" spans="14:14">
      <c r="N969062" s="10"/>
    </row>
    <row r="969063" spans="14:14">
      <c r="N969063" s="10"/>
    </row>
    <row r="969064" spans="14:14">
      <c r="N969064" s="10"/>
    </row>
    <row r="969065" spans="14:14">
      <c r="N969065" s="10"/>
    </row>
    <row r="969066" spans="14:14">
      <c r="N969066" s="10"/>
    </row>
    <row r="969067" spans="14:14">
      <c r="N969067" s="10"/>
    </row>
    <row r="969068" spans="14:14">
      <c r="N969068" s="10"/>
    </row>
    <row r="969069" spans="14:14">
      <c r="N969069" s="10"/>
    </row>
    <row r="969070" spans="14:14">
      <c r="N969070" s="10"/>
    </row>
    <row r="969071" spans="14:14">
      <c r="N969071" s="10"/>
    </row>
    <row r="969072" spans="14:14">
      <c r="N969072" s="10"/>
    </row>
    <row r="969073" spans="14:14">
      <c r="N969073" s="10"/>
    </row>
    <row r="969074" spans="14:14">
      <c r="N969074" s="10"/>
    </row>
    <row r="969075" spans="14:14">
      <c r="N969075" s="10"/>
    </row>
    <row r="969076" spans="14:14">
      <c r="N969076" s="10"/>
    </row>
    <row r="969077" spans="14:14">
      <c r="N969077" s="10"/>
    </row>
    <row r="969078" spans="14:14">
      <c r="N969078" s="10"/>
    </row>
    <row r="969079" spans="14:14">
      <c r="N969079" s="10"/>
    </row>
    <row r="969080" spans="14:14">
      <c r="N969080" s="10"/>
    </row>
    <row r="969081" spans="14:14">
      <c r="N969081" s="10"/>
    </row>
    <row r="969082" spans="14:14">
      <c r="N969082" s="10"/>
    </row>
    <row r="969083" spans="14:14">
      <c r="N969083" s="10"/>
    </row>
    <row r="969084" spans="14:14">
      <c r="N969084" s="10"/>
    </row>
    <row r="969085" spans="14:14">
      <c r="N969085" s="10"/>
    </row>
    <row r="969086" spans="14:14">
      <c r="N969086" s="10"/>
    </row>
    <row r="969087" spans="14:14">
      <c r="N969087" s="10"/>
    </row>
    <row r="969088" spans="14:14">
      <c r="N969088" s="10"/>
    </row>
    <row r="969089" spans="14:14">
      <c r="N969089" s="10"/>
    </row>
    <row r="969090" spans="14:14">
      <c r="N969090" s="10"/>
    </row>
    <row r="969091" spans="14:14">
      <c r="N969091" s="10"/>
    </row>
    <row r="969092" spans="14:14">
      <c r="N969092" s="10"/>
    </row>
    <row r="969093" spans="14:14">
      <c r="N969093" s="10"/>
    </row>
    <row r="969094" spans="14:14">
      <c r="N969094" s="10"/>
    </row>
    <row r="969095" spans="14:14">
      <c r="N969095" s="10"/>
    </row>
    <row r="969096" spans="14:14">
      <c r="N969096" s="10"/>
    </row>
    <row r="969097" spans="14:14">
      <c r="N969097" s="10"/>
    </row>
    <row r="969098" spans="14:14">
      <c r="N969098" s="10"/>
    </row>
    <row r="969099" spans="14:14">
      <c r="N969099" s="10"/>
    </row>
    <row r="969100" spans="14:14">
      <c r="N969100" s="10"/>
    </row>
    <row r="969101" spans="14:14">
      <c r="N969101" s="10"/>
    </row>
    <row r="969102" spans="14:14">
      <c r="N969102" s="10"/>
    </row>
    <row r="969103" spans="14:14">
      <c r="N969103" s="10"/>
    </row>
    <row r="969104" spans="14:14">
      <c r="N969104" s="10"/>
    </row>
    <row r="969105" spans="14:14">
      <c r="N969105" s="10"/>
    </row>
    <row r="969106" spans="14:14">
      <c r="N969106" s="10"/>
    </row>
    <row r="969107" spans="14:14">
      <c r="N969107" s="10"/>
    </row>
    <row r="969108" spans="14:14">
      <c r="N969108" s="10"/>
    </row>
    <row r="969109" spans="14:14">
      <c r="N969109" s="10"/>
    </row>
    <row r="969110" spans="14:14">
      <c r="N969110" s="10"/>
    </row>
    <row r="969111" spans="14:14">
      <c r="N969111" s="10"/>
    </row>
    <row r="969112" spans="14:14">
      <c r="N969112" s="10"/>
    </row>
    <row r="969113" spans="14:14">
      <c r="N969113" s="10"/>
    </row>
    <row r="969114" spans="14:14">
      <c r="N969114" s="10"/>
    </row>
    <row r="969115" spans="14:14">
      <c r="N969115" s="10"/>
    </row>
    <row r="969116" spans="14:14">
      <c r="N969116" s="10"/>
    </row>
    <row r="969117" spans="14:14">
      <c r="N969117" s="10"/>
    </row>
    <row r="969118" spans="14:14">
      <c r="N969118" s="10"/>
    </row>
    <row r="969119" spans="14:14">
      <c r="N969119" s="10"/>
    </row>
    <row r="969120" spans="14:14">
      <c r="N969120" s="10"/>
    </row>
    <row r="969121" spans="14:14">
      <c r="N969121" s="10"/>
    </row>
    <row r="969122" spans="14:14">
      <c r="N969122" s="10"/>
    </row>
    <row r="969123" spans="14:14">
      <c r="N969123" s="10"/>
    </row>
    <row r="969124" spans="14:14">
      <c r="N969124" s="10"/>
    </row>
    <row r="969125" spans="14:14">
      <c r="N969125" s="10"/>
    </row>
    <row r="969126" spans="14:14">
      <c r="N969126" s="10"/>
    </row>
    <row r="969127" spans="14:14">
      <c r="N969127" s="10"/>
    </row>
    <row r="969128" spans="14:14">
      <c r="N969128" s="10"/>
    </row>
    <row r="969129" spans="14:14">
      <c r="N969129" s="10"/>
    </row>
    <row r="969130" spans="14:14">
      <c r="N969130" s="10"/>
    </row>
    <row r="969131" spans="14:14">
      <c r="N969131" s="10"/>
    </row>
    <row r="969132" spans="14:14">
      <c r="N969132" s="10"/>
    </row>
    <row r="969133" spans="14:14">
      <c r="N969133" s="10"/>
    </row>
    <row r="969134" spans="14:14">
      <c r="N969134" s="10"/>
    </row>
    <row r="969135" spans="14:14">
      <c r="N969135" s="10"/>
    </row>
    <row r="969136" spans="14:14">
      <c r="N969136" s="10"/>
    </row>
    <row r="969137" spans="14:14">
      <c r="N969137" s="10"/>
    </row>
    <row r="969138" spans="14:14">
      <c r="N969138" s="10"/>
    </row>
    <row r="969139" spans="14:14">
      <c r="N969139" s="10"/>
    </row>
    <row r="969140" spans="14:14">
      <c r="N969140" s="10"/>
    </row>
    <row r="969141" spans="14:14">
      <c r="N969141" s="10"/>
    </row>
    <row r="969142" spans="14:14">
      <c r="N969142" s="10"/>
    </row>
    <row r="969143" spans="14:14">
      <c r="N969143" s="10"/>
    </row>
    <row r="969144" spans="14:14">
      <c r="N969144" s="10"/>
    </row>
    <row r="969145" spans="14:14">
      <c r="N969145" s="10"/>
    </row>
    <row r="969146" spans="14:14">
      <c r="N969146" s="10"/>
    </row>
    <row r="969147" spans="14:14">
      <c r="N969147" s="10"/>
    </row>
    <row r="969148" spans="14:14">
      <c r="N969148" s="10"/>
    </row>
    <row r="969149" spans="14:14">
      <c r="N969149" s="10"/>
    </row>
    <row r="969150" spans="14:14">
      <c r="N969150" s="10"/>
    </row>
    <row r="969151" spans="14:14">
      <c r="N969151" s="10"/>
    </row>
    <row r="969152" spans="14:14">
      <c r="N969152" s="10"/>
    </row>
    <row r="969153" spans="14:14">
      <c r="N969153" s="10"/>
    </row>
    <row r="969154" spans="14:14">
      <c r="N969154" s="10"/>
    </row>
    <row r="969155" spans="14:14">
      <c r="N969155" s="10"/>
    </row>
    <row r="969156" spans="14:14">
      <c r="N969156" s="10"/>
    </row>
    <row r="969157" spans="14:14">
      <c r="N969157" s="10"/>
    </row>
    <row r="969158" spans="14:14">
      <c r="N969158" s="10"/>
    </row>
    <row r="969159" spans="14:14">
      <c r="N969159" s="10"/>
    </row>
    <row r="969160" spans="14:14">
      <c r="N969160" s="10"/>
    </row>
    <row r="969161" spans="14:14">
      <c r="N969161" s="10"/>
    </row>
    <row r="969162" spans="14:14">
      <c r="N969162" s="10"/>
    </row>
    <row r="969163" spans="14:14">
      <c r="N969163" s="10"/>
    </row>
    <row r="969164" spans="14:14">
      <c r="N969164" s="10"/>
    </row>
    <row r="969165" spans="14:14">
      <c r="N969165" s="10"/>
    </row>
    <row r="969166" spans="14:14">
      <c r="N969166" s="10"/>
    </row>
    <row r="969167" spans="14:14">
      <c r="N969167" s="10"/>
    </row>
    <row r="969168" spans="14:14">
      <c r="N969168" s="10"/>
    </row>
    <row r="969169" spans="14:14">
      <c r="N969169" s="10"/>
    </row>
    <row r="969170" spans="14:14">
      <c r="N969170" s="10"/>
    </row>
    <row r="969171" spans="14:14">
      <c r="N969171" s="10"/>
    </row>
    <row r="969172" spans="14:14">
      <c r="N969172" s="10"/>
    </row>
    <row r="969173" spans="14:14">
      <c r="N969173" s="10"/>
    </row>
    <row r="969174" spans="14:14">
      <c r="N969174" s="10"/>
    </row>
    <row r="969175" spans="14:14">
      <c r="N969175" s="10"/>
    </row>
    <row r="969176" spans="14:14">
      <c r="N969176" s="10"/>
    </row>
    <row r="969177" spans="14:14">
      <c r="N969177" s="10"/>
    </row>
    <row r="969178" spans="14:14">
      <c r="N969178" s="10"/>
    </row>
    <row r="969179" spans="14:14">
      <c r="N969179" s="10"/>
    </row>
    <row r="969180" spans="14:14">
      <c r="N969180" s="10"/>
    </row>
    <row r="969181" spans="14:14">
      <c r="N969181" s="10"/>
    </row>
    <row r="969182" spans="14:14">
      <c r="N969182" s="10"/>
    </row>
    <row r="969183" spans="14:14">
      <c r="N969183" s="10"/>
    </row>
    <row r="969184" spans="14:14">
      <c r="N969184" s="10"/>
    </row>
    <row r="969185" spans="14:14">
      <c r="N969185" s="10"/>
    </row>
    <row r="969186" spans="14:14">
      <c r="N969186" s="10"/>
    </row>
    <row r="969187" spans="14:14">
      <c r="N969187" s="10"/>
    </row>
    <row r="969188" spans="14:14">
      <c r="N969188" s="10"/>
    </row>
    <row r="969189" spans="14:14">
      <c r="N969189" s="10"/>
    </row>
    <row r="969190" spans="14:14">
      <c r="N969190" s="10"/>
    </row>
    <row r="969191" spans="14:14">
      <c r="N969191" s="10"/>
    </row>
    <row r="969192" spans="14:14">
      <c r="N969192" s="10"/>
    </row>
    <row r="969193" spans="14:14">
      <c r="N969193" s="10"/>
    </row>
    <row r="969194" spans="14:14">
      <c r="N969194" s="10"/>
    </row>
    <row r="969195" spans="14:14">
      <c r="N969195" s="10"/>
    </row>
    <row r="969196" spans="14:14">
      <c r="N969196" s="10"/>
    </row>
    <row r="969197" spans="14:14">
      <c r="N969197" s="10"/>
    </row>
    <row r="969198" spans="14:14">
      <c r="N969198" s="10"/>
    </row>
    <row r="969199" spans="14:14">
      <c r="N969199" s="10"/>
    </row>
    <row r="969200" spans="14:14">
      <c r="N969200" s="10"/>
    </row>
    <row r="969201" spans="14:14">
      <c r="N969201" s="10"/>
    </row>
    <row r="969202" spans="14:14">
      <c r="N969202" s="10"/>
    </row>
    <row r="969203" spans="14:14">
      <c r="N969203" s="10"/>
    </row>
    <row r="969204" spans="14:14">
      <c r="N969204" s="10"/>
    </row>
    <row r="969205" spans="14:14">
      <c r="N969205" s="10"/>
    </row>
    <row r="969206" spans="14:14">
      <c r="N969206" s="10"/>
    </row>
    <row r="969207" spans="14:14">
      <c r="N969207" s="10"/>
    </row>
    <row r="969208" spans="14:14">
      <c r="N969208" s="10"/>
    </row>
    <row r="969209" spans="14:14">
      <c r="N969209" s="10"/>
    </row>
    <row r="969210" spans="14:14">
      <c r="N969210" s="10"/>
    </row>
    <row r="969211" spans="14:14">
      <c r="N969211" s="10"/>
    </row>
    <row r="969212" spans="14:14">
      <c r="N969212" s="10"/>
    </row>
    <row r="969213" spans="14:14">
      <c r="N969213" s="10"/>
    </row>
    <row r="969214" spans="14:14">
      <c r="N969214" s="10"/>
    </row>
    <row r="969215" spans="14:14">
      <c r="N969215" s="10"/>
    </row>
    <row r="969216" spans="14:14">
      <c r="N969216" s="10"/>
    </row>
    <row r="969217" spans="14:14">
      <c r="N969217" s="10"/>
    </row>
    <row r="969218" spans="14:14">
      <c r="N969218" s="10"/>
    </row>
    <row r="969219" spans="14:14">
      <c r="N969219" s="10"/>
    </row>
    <row r="969220" spans="14:14">
      <c r="N969220" s="10"/>
    </row>
    <row r="969221" spans="14:14">
      <c r="N969221" s="10"/>
    </row>
    <row r="969222" spans="14:14">
      <c r="N969222" s="10"/>
    </row>
    <row r="969223" spans="14:14">
      <c r="N969223" s="10"/>
    </row>
    <row r="969224" spans="14:14">
      <c r="N969224" s="10"/>
    </row>
    <row r="969225" spans="14:14">
      <c r="N969225" s="10"/>
    </row>
    <row r="969226" spans="14:14">
      <c r="N969226" s="10"/>
    </row>
    <row r="969227" spans="14:14">
      <c r="N969227" s="10"/>
    </row>
    <row r="969228" spans="14:14">
      <c r="N969228" s="10"/>
    </row>
    <row r="969229" spans="14:14">
      <c r="N969229" s="10"/>
    </row>
    <row r="969230" spans="14:14">
      <c r="N969230" s="10"/>
    </row>
    <row r="969231" spans="14:14">
      <c r="N969231" s="10"/>
    </row>
    <row r="969232" spans="14:14">
      <c r="N969232" s="10"/>
    </row>
    <row r="969233" spans="14:14">
      <c r="N969233" s="10"/>
    </row>
    <row r="969234" spans="14:14">
      <c r="N969234" s="10"/>
    </row>
    <row r="969235" spans="14:14">
      <c r="N969235" s="10"/>
    </row>
    <row r="969236" spans="14:14">
      <c r="N969236" s="10"/>
    </row>
    <row r="969237" spans="14:14">
      <c r="N969237" s="10"/>
    </row>
    <row r="969238" spans="14:14">
      <c r="N969238" s="10"/>
    </row>
    <row r="969239" spans="14:14">
      <c r="N969239" s="10"/>
    </row>
    <row r="969240" spans="14:14">
      <c r="N969240" s="10"/>
    </row>
    <row r="969241" spans="14:14">
      <c r="N969241" s="10"/>
    </row>
    <row r="969242" spans="14:14">
      <c r="N969242" s="10"/>
    </row>
    <row r="969243" spans="14:14">
      <c r="N969243" s="10"/>
    </row>
    <row r="969244" spans="14:14">
      <c r="N969244" s="10"/>
    </row>
    <row r="969245" spans="14:14">
      <c r="N969245" s="10"/>
    </row>
    <row r="969246" spans="14:14">
      <c r="N969246" s="10"/>
    </row>
    <row r="969247" spans="14:14">
      <c r="N969247" s="10"/>
    </row>
    <row r="969248" spans="14:14">
      <c r="N969248" s="10"/>
    </row>
    <row r="969249" spans="14:14">
      <c r="N969249" s="10"/>
    </row>
    <row r="969250" spans="14:14">
      <c r="N969250" s="10"/>
    </row>
    <row r="969251" spans="14:14">
      <c r="N969251" s="10"/>
    </row>
    <row r="969252" spans="14:14">
      <c r="N969252" s="10"/>
    </row>
    <row r="969253" spans="14:14">
      <c r="N969253" s="10"/>
    </row>
    <row r="969254" spans="14:14">
      <c r="N969254" s="10"/>
    </row>
    <row r="969255" spans="14:14">
      <c r="N969255" s="10"/>
    </row>
    <row r="969256" spans="14:14">
      <c r="N969256" s="10"/>
    </row>
    <row r="969257" spans="14:14">
      <c r="N969257" s="10"/>
    </row>
    <row r="969258" spans="14:14">
      <c r="N969258" s="10"/>
    </row>
    <row r="969259" spans="14:14">
      <c r="N969259" s="10"/>
    </row>
    <row r="969260" spans="14:14">
      <c r="N969260" s="10"/>
    </row>
    <row r="969261" spans="14:14">
      <c r="N969261" s="10"/>
    </row>
    <row r="969262" spans="14:14">
      <c r="N969262" s="10"/>
    </row>
    <row r="969263" spans="14:14">
      <c r="N969263" s="10"/>
    </row>
    <row r="969264" spans="14:14">
      <c r="N969264" s="10"/>
    </row>
    <row r="969265" spans="14:14">
      <c r="N969265" s="10"/>
    </row>
    <row r="969266" spans="14:14">
      <c r="N969266" s="10"/>
    </row>
    <row r="969267" spans="14:14">
      <c r="N969267" s="10"/>
    </row>
    <row r="969268" spans="14:14">
      <c r="N969268" s="10"/>
    </row>
    <row r="969269" spans="14:14">
      <c r="N969269" s="10"/>
    </row>
    <row r="969270" spans="14:14">
      <c r="N969270" s="10"/>
    </row>
    <row r="969271" spans="14:14">
      <c r="N969271" s="10"/>
    </row>
    <row r="969272" spans="14:14">
      <c r="N969272" s="10"/>
    </row>
    <row r="969273" spans="14:14">
      <c r="N969273" s="10"/>
    </row>
    <row r="969274" spans="14:14">
      <c r="N969274" s="10"/>
    </row>
    <row r="969275" spans="14:14">
      <c r="N969275" s="10"/>
    </row>
    <row r="969276" spans="14:14">
      <c r="N969276" s="10"/>
    </row>
    <row r="969277" spans="14:14">
      <c r="N969277" s="10"/>
    </row>
    <row r="969278" spans="14:14">
      <c r="N969278" s="10"/>
    </row>
    <row r="969279" spans="14:14">
      <c r="N969279" s="10"/>
    </row>
    <row r="969280" spans="14:14">
      <c r="N969280" s="10"/>
    </row>
    <row r="969281" spans="14:14">
      <c r="N969281" s="10"/>
    </row>
    <row r="969282" spans="14:14">
      <c r="N969282" s="10"/>
    </row>
    <row r="969283" spans="14:14">
      <c r="N969283" s="10"/>
    </row>
    <row r="969284" spans="14:14">
      <c r="N969284" s="10"/>
    </row>
    <row r="969285" spans="14:14">
      <c r="N969285" s="10"/>
    </row>
    <row r="969286" spans="14:14">
      <c r="N969286" s="10"/>
    </row>
    <row r="969287" spans="14:14">
      <c r="N969287" s="10"/>
    </row>
    <row r="969288" spans="14:14">
      <c r="N969288" s="10"/>
    </row>
    <row r="969289" spans="14:14">
      <c r="N969289" s="10"/>
    </row>
    <row r="969290" spans="14:14">
      <c r="N969290" s="10"/>
    </row>
    <row r="969291" spans="14:14">
      <c r="N969291" s="10"/>
    </row>
    <row r="969292" spans="14:14">
      <c r="N969292" s="10"/>
    </row>
    <row r="969293" spans="14:14">
      <c r="N969293" s="10"/>
    </row>
    <row r="969294" spans="14:14">
      <c r="N969294" s="10"/>
    </row>
    <row r="969295" spans="14:14">
      <c r="N969295" s="10"/>
    </row>
    <row r="969296" spans="14:14">
      <c r="N969296" s="10"/>
    </row>
    <row r="969297" spans="14:14">
      <c r="N969297" s="10"/>
    </row>
    <row r="969298" spans="14:14">
      <c r="N969298" s="10"/>
    </row>
    <row r="969299" spans="14:14">
      <c r="N969299" s="10"/>
    </row>
    <row r="969300" spans="14:14">
      <c r="N969300" s="10"/>
    </row>
    <row r="969301" spans="14:14">
      <c r="N969301" s="10"/>
    </row>
    <row r="969302" spans="14:14">
      <c r="N969302" s="10"/>
    </row>
    <row r="969303" spans="14:14">
      <c r="N969303" s="10"/>
    </row>
    <row r="969304" spans="14:14">
      <c r="N969304" s="10"/>
    </row>
    <row r="969305" spans="14:14">
      <c r="N969305" s="10"/>
    </row>
    <row r="969306" spans="14:14">
      <c r="N969306" s="10"/>
    </row>
    <row r="969307" spans="14:14">
      <c r="N969307" s="10"/>
    </row>
    <row r="969308" spans="14:14">
      <c r="N969308" s="10"/>
    </row>
    <row r="969309" spans="14:14">
      <c r="N969309" s="10"/>
    </row>
    <row r="969310" spans="14:14">
      <c r="N969310" s="10"/>
    </row>
    <row r="969311" spans="14:14">
      <c r="N969311" s="10"/>
    </row>
    <row r="969312" spans="14:14">
      <c r="N969312" s="10"/>
    </row>
    <row r="969313" spans="14:14">
      <c r="N969313" s="10"/>
    </row>
    <row r="969314" spans="14:14">
      <c r="N969314" s="10"/>
    </row>
    <row r="969315" spans="14:14">
      <c r="N969315" s="10"/>
    </row>
    <row r="969316" spans="14:14">
      <c r="N969316" s="10"/>
    </row>
    <row r="969317" spans="14:14">
      <c r="N969317" s="10"/>
    </row>
    <row r="969318" spans="14:14">
      <c r="N969318" s="10"/>
    </row>
    <row r="969319" spans="14:14">
      <c r="N969319" s="10"/>
    </row>
    <row r="969320" spans="14:14">
      <c r="N969320" s="10"/>
    </row>
    <row r="969321" spans="14:14">
      <c r="N969321" s="10"/>
    </row>
    <row r="969322" spans="14:14">
      <c r="N969322" s="10"/>
    </row>
    <row r="969323" spans="14:14">
      <c r="N969323" s="10"/>
    </row>
    <row r="969324" spans="14:14">
      <c r="N969324" s="10"/>
    </row>
    <row r="969325" spans="14:14">
      <c r="N969325" s="10"/>
    </row>
    <row r="969326" spans="14:14">
      <c r="N969326" s="10"/>
    </row>
    <row r="969327" spans="14:14">
      <c r="N969327" s="10"/>
    </row>
    <row r="969328" spans="14:14">
      <c r="N969328" s="10"/>
    </row>
    <row r="969329" spans="14:14">
      <c r="N969329" s="10"/>
    </row>
    <row r="969330" spans="14:14">
      <c r="N969330" s="10"/>
    </row>
    <row r="969331" spans="14:14">
      <c r="N969331" s="10"/>
    </row>
    <row r="969332" spans="14:14">
      <c r="N969332" s="10"/>
    </row>
    <row r="969333" spans="14:14">
      <c r="N969333" s="10"/>
    </row>
    <row r="969334" spans="14:14">
      <c r="N969334" s="10"/>
    </row>
    <row r="969335" spans="14:14">
      <c r="N969335" s="10"/>
    </row>
    <row r="969336" spans="14:14">
      <c r="N969336" s="10"/>
    </row>
    <row r="969337" spans="14:14">
      <c r="N969337" s="10"/>
    </row>
    <row r="969338" spans="14:14">
      <c r="N969338" s="10"/>
    </row>
    <row r="969339" spans="14:14">
      <c r="N969339" s="10"/>
    </row>
    <row r="969340" spans="14:14">
      <c r="N969340" s="10"/>
    </row>
    <row r="969341" spans="14:14">
      <c r="N969341" s="10"/>
    </row>
    <row r="969342" spans="14:14">
      <c r="N969342" s="10"/>
    </row>
    <row r="969343" spans="14:14">
      <c r="N969343" s="10"/>
    </row>
    <row r="969344" spans="14:14">
      <c r="N969344" s="10"/>
    </row>
    <row r="969345" spans="14:14">
      <c r="N969345" s="10"/>
    </row>
    <row r="969346" spans="14:14">
      <c r="N969346" s="10"/>
    </row>
    <row r="969347" spans="14:14">
      <c r="N969347" s="10"/>
    </row>
    <row r="969348" spans="14:14">
      <c r="N969348" s="10"/>
    </row>
    <row r="969349" spans="14:14">
      <c r="N969349" s="10"/>
    </row>
    <row r="969350" spans="14:14">
      <c r="N969350" s="10"/>
    </row>
    <row r="969351" spans="14:14">
      <c r="N969351" s="10"/>
    </row>
    <row r="969352" spans="14:14">
      <c r="N969352" s="10"/>
    </row>
    <row r="969353" spans="14:14">
      <c r="N969353" s="10"/>
    </row>
    <row r="969354" spans="14:14">
      <c r="N969354" s="10"/>
    </row>
    <row r="969355" spans="14:14">
      <c r="N969355" s="10"/>
    </row>
    <row r="969356" spans="14:14">
      <c r="N969356" s="10"/>
    </row>
    <row r="969357" spans="14:14">
      <c r="N969357" s="10"/>
    </row>
    <row r="969358" spans="14:14">
      <c r="N969358" s="10"/>
    </row>
    <row r="969359" spans="14:14">
      <c r="N969359" s="10"/>
    </row>
    <row r="969360" spans="14:14">
      <c r="N969360" s="10"/>
    </row>
    <row r="969361" spans="14:14">
      <c r="N969361" s="10"/>
    </row>
    <row r="969362" spans="14:14">
      <c r="N969362" s="10"/>
    </row>
    <row r="969363" spans="14:14">
      <c r="N969363" s="10"/>
    </row>
    <row r="969364" spans="14:14">
      <c r="N969364" s="10"/>
    </row>
    <row r="969365" spans="14:14">
      <c r="N969365" s="10"/>
    </row>
    <row r="969366" spans="14:14">
      <c r="N969366" s="10"/>
    </row>
    <row r="969367" spans="14:14">
      <c r="N969367" s="10"/>
    </row>
    <row r="969368" spans="14:14">
      <c r="N969368" s="10"/>
    </row>
    <row r="969369" spans="14:14">
      <c r="N969369" s="10"/>
    </row>
    <row r="969370" spans="14:14">
      <c r="N969370" s="10"/>
    </row>
    <row r="969371" spans="14:14">
      <c r="N969371" s="10"/>
    </row>
    <row r="969372" spans="14:14">
      <c r="N969372" s="10"/>
    </row>
    <row r="969373" spans="14:14">
      <c r="N969373" s="10"/>
    </row>
    <row r="969374" spans="14:14">
      <c r="N969374" s="10"/>
    </row>
    <row r="969375" spans="14:14">
      <c r="N969375" s="10"/>
    </row>
    <row r="969376" spans="14:14">
      <c r="N969376" s="10"/>
    </row>
    <row r="969377" spans="14:14">
      <c r="N969377" s="10"/>
    </row>
    <row r="969378" spans="14:14">
      <c r="N969378" s="10"/>
    </row>
    <row r="969379" spans="14:14">
      <c r="N969379" s="10"/>
    </row>
    <row r="969380" spans="14:14">
      <c r="N969380" s="10"/>
    </row>
    <row r="969381" spans="14:14">
      <c r="N969381" s="10"/>
    </row>
    <row r="969382" spans="14:14">
      <c r="N969382" s="10"/>
    </row>
    <row r="969383" spans="14:14">
      <c r="N969383" s="10"/>
    </row>
    <row r="969384" spans="14:14">
      <c r="N969384" s="10"/>
    </row>
    <row r="969385" spans="14:14">
      <c r="N969385" s="10"/>
    </row>
    <row r="969386" spans="14:14">
      <c r="N969386" s="10"/>
    </row>
    <row r="969387" spans="14:14">
      <c r="N969387" s="10"/>
    </row>
    <row r="969388" spans="14:14">
      <c r="N969388" s="10"/>
    </row>
    <row r="969389" spans="14:14">
      <c r="N969389" s="10"/>
    </row>
    <row r="969390" spans="14:14">
      <c r="N969390" s="10"/>
    </row>
    <row r="969391" spans="14:14">
      <c r="N969391" s="10"/>
    </row>
    <row r="969392" spans="14:14">
      <c r="N969392" s="10"/>
    </row>
    <row r="969393" spans="14:14">
      <c r="N969393" s="10"/>
    </row>
    <row r="969394" spans="14:14">
      <c r="N969394" s="10"/>
    </row>
    <row r="969395" spans="14:14">
      <c r="N969395" s="10"/>
    </row>
    <row r="969396" spans="14:14">
      <c r="N969396" s="10"/>
    </row>
    <row r="969397" spans="14:14">
      <c r="N969397" s="10"/>
    </row>
    <row r="969398" spans="14:14">
      <c r="N969398" s="10"/>
    </row>
    <row r="969399" spans="14:14">
      <c r="N969399" s="10"/>
    </row>
    <row r="969400" spans="14:14">
      <c r="N969400" s="10"/>
    </row>
    <row r="969401" spans="14:14">
      <c r="N969401" s="10"/>
    </row>
    <row r="969402" spans="14:14">
      <c r="N969402" s="10"/>
    </row>
    <row r="969403" spans="14:14">
      <c r="N969403" s="10"/>
    </row>
    <row r="969404" spans="14:14">
      <c r="N969404" s="10"/>
    </row>
    <row r="969405" spans="14:14">
      <c r="N969405" s="10"/>
    </row>
    <row r="969406" spans="14:14">
      <c r="N969406" s="10"/>
    </row>
    <row r="969407" spans="14:14">
      <c r="N969407" s="10"/>
    </row>
    <row r="969408" spans="14:14">
      <c r="N969408" s="10"/>
    </row>
    <row r="969409" spans="14:14">
      <c r="N969409" s="10"/>
    </row>
    <row r="969410" spans="14:14">
      <c r="N969410" s="10"/>
    </row>
    <row r="969411" spans="14:14">
      <c r="N969411" s="10"/>
    </row>
    <row r="969412" spans="14:14">
      <c r="N969412" s="10"/>
    </row>
    <row r="969413" spans="14:14">
      <c r="N969413" s="10"/>
    </row>
    <row r="969414" spans="14:14">
      <c r="N969414" s="10"/>
    </row>
    <row r="969415" spans="14:14">
      <c r="N969415" s="10"/>
    </row>
    <row r="969416" spans="14:14">
      <c r="N969416" s="10"/>
    </row>
    <row r="969417" spans="14:14">
      <c r="N969417" s="10"/>
    </row>
    <row r="969418" spans="14:14">
      <c r="N969418" s="10"/>
    </row>
    <row r="969419" spans="14:14">
      <c r="N969419" s="10"/>
    </row>
    <row r="969420" spans="14:14">
      <c r="N969420" s="10"/>
    </row>
    <row r="969421" spans="14:14">
      <c r="N969421" s="10"/>
    </row>
    <row r="969422" spans="14:14">
      <c r="N969422" s="10"/>
    </row>
    <row r="969423" spans="14:14">
      <c r="N969423" s="10"/>
    </row>
    <row r="969424" spans="14:14">
      <c r="N969424" s="10"/>
    </row>
    <row r="969425" spans="14:14">
      <c r="N969425" s="10"/>
    </row>
    <row r="969426" spans="14:14">
      <c r="N969426" s="10"/>
    </row>
    <row r="969427" spans="14:14">
      <c r="N969427" s="10"/>
    </row>
    <row r="969428" spans="14:14">
      <c r="N969428" s="10"/>
    </row>
    <row r="969429" spans="14:14">
      <c r="N969429" s="10"/>
    </row>
    <row r="969430" spans="14:14">
      <c r="N969430" s="10"/>
    </row>
    <row r="969431" spans="14:14">
      <c r="N969431" s="10"/>
    </row>
    <row r="969432" spans="14:14">
      <c r="N969432" s="10"/>
    </row>
    <row r="969433" spans="14:14">
      <c r="N969433" s="10"/>
    </row>
    <row r="969434" spans="14:14">
      <c r="N969434" s="10"/>
    </row>
    <row r="969435" spans="14:14">
      <c r="N969435" s="10"/>
    </row>
    <row r="969436" spans="14:14">
      <c r="N969436" s="10"/>
    </row>
    <row r="969437" spans="14:14">
      <c r="N969437" s="10"/>
    </row>
    <row r="969438" spans="14:14">
      <c r="N969438" s="10"/>
    </row>
    <row r="969439" spans="14:14">
      <c r="N969439" s="10"/>
    </row>
    <row r="969440" spans="14:14">
      <c r="N969440" s="10"/>
    </row>
    <row r="969441" spans="14:14">
      <c r="N969441" s="10"/>
    </row>
    <row r="969442" spans="14:14">
      <c r="N969442" s="10"/>
    </row>
    <row r="969443" spans="14:14">
      <c r="N969443" s="10"/>
    </row>
    <row r="969444" spans="14:14">
      <c r="N969444" s="10"/>
    </row>
    <row r="969445" spans="14:14">
      <c r="N969445" s="10"/>
    </row>
    <row r="969446" spans="14:14">
      <c r="N969446" s="10"/>
    </row>
    <row r="969447" spans="14:14">
      <c r="N969447" s="10"/>
    </row>
    <row r="969448" spans="14:14">
      <c r="N969448" s="10"/>
    </row>
    <row r="969449" spans="14:14">
      <c r="N969449" s="10"/>
    </row>
    <row r="969450" spans="14:14">
      <c r="N969450" s="10"/>
    </row>
    <row r="969451" spans="14:14">
      <c r="N969451" s="10"/>
    </row>
    <row r="969452" spans="14:14">
      <c r="N969452" s="10"/>
    </row>
    <row r="969453" spans="14:14">
      <c r="N969453" s="10"/>
    </row>
    <row r="969454" spans="14:14">
      <c r="N969454" s="10"/>
    </row>
    <row r="969455" spans="14:14">
      <c r="N969455" s="10"/>
    </row>
    <row r="969456" spans="14:14">
      <c r="N969456" s="10"/>
    </row>
    <row r="969457" spans="14:14">
      <c r="N969457" s="10"/>
    </row>
    <row r="969458" spans="14:14">
      <c r="N969458" s="10"/>
    </row>
    <row r="969459" spans="14:14">
      <c r="N969459" s="10"/>
    </row>
    <row r="969460" spans="14:14">
      <c r="N969460" s="10"/>
    </row>
    <row r="969461" spans="14:14">
      <c r="N969461" s="10"/>
    </row>
    <row r="969462" spans="14:14">
      <c r="N969462" s="10"/>
    </row>
    <row r="969463" spans="14:14">
      <c r="N969463" s="10"/>
    </row>
    <row r="969464" spans="14:14">
      <c r="N969464" s="10"/>
    </row>
    <row r="969465" spans="14:14">
      <c r="N969465" s="10"/>
    </row>
    <row r="969466" spans="14:14">
      <c r="N969466" s="10"/>
    </row>
    <row r="969467" spans="14:14">
      <c r="N969467" s="10"/>
    </row>
    <row r="969468" spans="14:14">
      <c r="N969468" s="10"/>
    </row>
    <row r="969469" spans="14:14">
      <c r="N969469" s="10"/>
    </row>
    <row r="969470" spans="14:14">
      <c r="N969470" s="10"/>
    </row>
    <row r="969471" spans="14:14">
      <c r="N969471" s="10"/>
    </row>
    <row r="969472" spans="14:14">
      <c r="N969472" s="10"/>
    </row>
    <row r="969473" spans="14:14">
      <c r="N969473" s="10"/>
    </row>
    <row r="969474" spans="14:14">
      <c r="N969474" s="10"/>
    </row>
    <row r="969475" spans="14:14">
      <c r="N969475" s="10"/>
    </row>
    <row r="969476" spans="14:14">
      <c r="N969476" s="10"/>
    </row>
    <row r="969477" spans="14:14">
      <c r="N969477" s="10"/>
    </row>
    <row r="969478" spans="14:14">
      <c r="N969478" s="10"/>
    </row>
    <row r="969479" spans="14:14">
      <c r="N969479" s="10"/>
    </row>
    <row r="969480" spans="14:14">
      <c r="N969480" s="10"/>
    </row>
    <row r="969481" spans="14:14">
      <c r="N969481" s="10"/>
    </row>
    <row r="969482" spans="14:14">
      <c r="N969482" s="10"/>
    </row>
    <row r="969483" spans="14:14">
      <c r="N969483" s="10"/>
    </row>
    <row r="969484" spans="14:14">
      <c r="N969484" s="10"/>
    </row>
    <row r="969485" spans="14:14">
      <c r="N969485" s="10"/>
    </row>
    <row r="969486" spans="14:14">
      <c r="N969486" s="10"/>
    </row>
    <row r="969487" spans="14:14">
      <c r="N969487" s="10"/>
    </row>
    <row r="969488" spans="14:14">
      <c r="N969488" s="10"/>
    </row>
    <row r="969489" spans="14:14">
      <c r="N969489" s="10"/>
    </row>
    <row r="969490" spans="14:14">
      <c r="N969490" s="10"/>
    </row>
    <row r="969491" spans="14:14">
      <c r="N969491" s="10"/>
    </row>
    <row r="969492" spans="14:14">
      <c r="N969492" s="10"/>
    </row>
    <row r="969493" spans="14:14">
      <c r="N969493" s="10"/>
    </row>
    <row r="969494" spans="14:14">
      <c r="N969494" s="10"/>
    </row>
    <row r="969495" spans="14:14">
      <c r="N969495" s="10"/>
    </row>
    <row r="969496" spans="14:14">
      <c r="N969496" s="10"/>
    </row>
    <row r="969497" spans="14:14">
      <c r="N969497" s="10"/>
    </row>
    <row r="969498" spans="14:14">
      <c r="N969498" s="10"/>
    </row>
    <row r="969499" spans="14:14">
      <c r="N969499" s="10"/>
    </row>
    <row r="969500" spans="14:14">
      <c r="N969500" s="10"/>
    </row>
    <row r="969501" spans="14:14">
      <c r="N969501" s="10"/>
    </row>
    <row r="969502" spans="14:14">
      <c r="N969502" s="10"/>
    </row>
    <row r="969503" spans="14:14">
      <c r="N969503" s="10"/>
    </row>
    <row r="969504" spans="14:14">
      <c r="N969504" s="10"/>
    </row>
    <row r="969505" spans="14:14">
      <c r="N969505" s="10"/>
    </row>
    <row r="969506" spans="14:14">
      <c r="N969506" s="10"/>
    </row>
    <row r="969507" spans="14:14">
      <c r="N969507" s="10"/>
    </row>
    <row r="969508" spans="14:14">
      <c r="N969508" s="10"/>
    </row>
    <row r="969509" spans="14:14">
      <c r="N969509" s="10"/>
    </row>
    <row r="969510" spans="14:14">
      <c r="N969510" s="10"/>
    </row>
    <row r="969511" spans="14:14">
      <c r="N969511" s="10"/>
    </row>
    <row r="969512" spans="14:14">
      <c r="N969512" s="10"/>
    </row>
    <row r="969513" spans="14:14">
      <c r="N969513" s="10"/>
    </row>
    <row r="969514" spans="14:14">
      <c r="N969514" s="10"/>
    </row>
    <row r="969515" spans="14:14">
      <c r="N969515" s="10"/>
    </row>
    <row r="969516" spans="14:14">
      <c r="N969516" s="10"/>
    </row>
    <row r="969517" spans="14:14">
      <c r="N969517" s="10"/>
    </row>
    <row r="969518" spans="14:14">
      <c r="N969518" s="10"/>
    </row>
    <row r="969519" spans="14:14">
      <c r="N969519" s="10"/>
    </row>
    <row r="969520" spans="14:14">
      <c r="N969520" s="10"/>
    </row>
    <row r="969521" spans="14:14">
      <c r="N969521" s="10"/>
    </row>
    <row r="969522" spans="14:14">
      <c r="N969522" s="10"/>
    </row>
    <row r="969523" spans="14:14">
      <c r="N969523" s="10"/>
    </row>
    <row r="969524" spans="14:14">
      <c r="N969524" s="10"/>
    </row>
    <row r="969525" spans="14:14">
      <c r="N969525" s="10"/>
    </row>
    <row r="969526" spans="14:14">
      <c r="N969526" s="10"/>
    </row>
    <row r="969527" spans="14:14">
      <c r="N969527" s="10"/>
    </row>
    <row r="969528" spans="14:14">
      <c r="N969528" s="10"/>
    </row>
    <row r="969529" spans="14:14">
      <c r="N969529" s="10"/>
    </row>
    <row r="969530" spans="14:14">
      <c r="N969530" s="10"/>
    </row>
    <row r="969531" spans="14:14">
      <c r="N969531" s="10"/>
    </row>
    <row r="969532" spans="14:14">
      <c r="N969532" s="10"/>
    </row>
    <row r="969533" spans="14:14">
      <c r="N969533" s="10"/>
    </row>
    <row r="969534" spans="14:14">
      <c r="N969534" s="10"/>
    </row>
    <row r="969535" spans="14:14">
      <c r="N969535" s="10"/>
    </row>
    <row r="969536" spans="14:14">
      <c r="N969536" s="10"/>
    </row>
    <row r="969537" spans="14:14">
      <c r="N969537" s="10"/>
    </row>
    <row r="969538" spans="14:14">
      <c r="N969538" s="10"/>
    </row>
    <row r="969539" spans="14:14">
      <c r="N969539" s="10"/>
    </row>
    <row r="969540" spans="14:14">
      <c r="N969540" s="10"/>
    </row>
    <row r="969541" spans="14:14">
      <c r="N969541" s="10"/>
    </row>
    <row r="969542" spans="14:14">
      <c r="N969542" s="10"/>
    </row>
    <row r="969543" spans="14:14">
      <c r="N969543" s="10"/>
    </row>
    <row r="969544" spans="14:14">
      <c r="N969544" s="10"/>
    </row>
    <row r="969545" spans="14:14">
      <c r="N969545" s="10"/>
    </row>
    <row r="969546" spans="14:14">
      <c r="N969546" s="10"/>
    </row>
    <row r="969547" spans="14:14">
      <c r="N969547" s="10"/>
    </row>
    <row r="969548" spans="14:14">
      <c r="N969548" s="10"/>
    </row>
    <row r="969549" spans="14:14">
      <c r="N969549" s="10"/>
    </row>
    <row r="969550" spans="14:14">
      <c r="N969550" s="10"/>
    </row>
    <row r="969551" spans="14:14">
      <c r="N969551" s="10"/>
    </row>
    <row r="969552" spans="14:14">
      <c r="N969552" s="10"/>
    </row>
    <row r="969553" spans="14:14">
      <c r="N969553" s="10"/>
    </row>
    <row r="969554" spans="14:14">
      <c r="N969554" s="10"/>
    </row>
    <row r="969555" spans="14:14">
      <c r="N969555" s="10"/>
    </row>
    <row r="969556" spans="14:14">
      <c r="N969556" s="10"/>
    </row>
    <row r="969557" spans="14:14">
      <c r="N969557" s="10"/>
    </row>
    <row r="969558" spans="14:14">
      <c r="N969558" s="10"/>
    </row>
    <row r="969559" spans="14:14">
      <c r="N969559" s="10"/>
    </row>
    <row r="969560" spans="14:14">
      <c r="N969560" s="10"/>
    </row>
    <row r="969561" spans="14:14">
      <c r="N969561" s="10"/>
    </row>
    <row r="969562" spans="14:14">
      <c r="N969562" s="10"/>
    </row>
    <row r="969563" spans="14:14">
      <c r="N969563" s="10"/>
    </row>
    <row r="969564" spans="14:14">
      <c r="N969564" s="10"/>
    </row>
    <row r="969565" spans="14:14">
      <c r="N969565" s="10"/>
    </row>
    <row r="969566" spans="14:14">
      <c r="N969566" s="10"/>
    </row>
    <row r="969567" spans="14:14">
      <c r="N969567" s="10"/>
    </row>
    <row r="969568" spans="14:14">
      <c r="N969568" s="10"/>
    </row>
    <row r="969569" spans="14:14">
      <c r="N969569" s="10"/>
    </row>
    <row r="969570" spans="14:14">
      <c r="N969570" s="10"/>
    </row>
    <row r="969571" spans="14:14">
      <c r="N969571" s="10"/>
    </row>
    <row r="969572" spans="14:14">
      <c r="N969572" s="10"/>
    </row>
    <row r="969573" spans="14:14">
      <c r="N969573" s="10"/>
    </row>
    <row r="969574" spans="14:14">
      <c r="N969574" s="10"/>
    </row>
    <row r="969575" spans="14:14">
      <c r="N969575" s="10"/>
    </row>
    <row r="969576" spans="14:14">
      <c r="N969576" s="10"/>
    </row>
    <row r="969577" spans="14:14">
      <c r="N969577" s="10"/>
    </row>
    <row r="969578" spans="14:14">
      <c r="N969578" s="10"/>
    </row>
    <row r="969579" spans="14:14">
      <c r="N969579" s="10"/>
    </row>
    <row r="969580" spans="14:14">
      <c r="N969580" s="10"/>
    </row>
    <row r="969581" spans="14:14">
      <c r="N969581" s="10"/>
    </row>
    <row r="969582" spans="14:14">
      <c r="N969582" s="10"/>
    </row>
    <row r="969583" spans="14:14">
      <c r="N969583" s="10"/>
    </row>
    <row r="969584" spans="14:14">
      <c r="N969584" s="10"/>
    </row>
    <row r="969585" spans="14:14">
      <c r="N969585" s="10"/>
    </row>
    <row r="969586" spans="14:14">
      <c r="N969586" s="10"/>
    </row>
    <row r="969587" spans="14:14">
      <c r="N969587" s="10"/>
    </row>
    <row r="969588" spans="14:14">
      <c r="N969588" s="10"/>
    </row>
    <row r="969589" spans="14:14">
      <c r="N969589" s="10"/>
    </row>
    <row r="969590" spans="14:14">
      <c r="N969590" s="10"/>
    </row>
    <row r="969591" spans="14:14">
      <c r="N969591" s="10"/>
    </row>
    <row r="969592" spans="14:14">
      <c r="N969592" s="10"/>
    </row>
    <row r="969593" spans="14:14">
      <c r="N969593" s="10"/>
    </row>
    <row r="969594" spans="14:14">
      <c r="N969594" s="10"/>
    </row>
    <row r="969595" spans="14:14">
      <c r="N969595" s="10"/>
    </row>
    <row r="969596" spans="14:14">
      <c r="N969596" s="10"/>
    </row>
    <row r="969597" spans="14:14">
      <c r="N969597" s="10"/>
    </row>
    <row r="969598" spans="14:14">
      <c r="N969598" s="10"/>
    </row>
    <row r="969599" spans="14:14">
      <c r="N969599" s="10"/>
    </row>
    <row r="969600" spans="14:14">
      <c r="N969600" s="10"/>
    </row>
    <row r="969601" spans="14:14">
      <c r="N969601" s="10"/>
    </row>
    <row r="969602" spans="14:14">
      <c r="N969602" s="10"/>
    </row>
    <row r="969603" spans="14:14">
      <c r="N969603" s="10"/>
    </row>
    <row r="969604" spans="14:14">
      <c r="N969604" s="10"/>
    </row>
    <row r="969605" spans="14:14">
      <c r="N969605" s="10"/>
    </row>
    <row r="969606" spans="14:14">
      <c r="N969606" s="10"/>
    </row>
    <row r="969607" spans="14:14">
      <c r="N969607" s="10"/>
    </row>
    <row r="969608" spans="14:14">
      <c r="N969608" s="10"/>
    </row>
    <row r="969609" spans="14:14">
      <c r="N969609" s="10"/>
    </row>
    <row r="969610" spans="14:14">
      <c r="N969610" s="10"/>
    </row>
    <row r="969611" spans="14:14">
      <c r="N969611" s="10"/>
    </row>
    <row r="969612" spans="14:14">
      <c r="N969612" s="10"/>
    </row>
    <row r="969613" spans="14:14">
      <c r="N969613" s="10"/>
    </row>
    <row r="969614" spans="14:14">
      <c r="N969614" s="10"/>
    </row>
    <row r="969615" spans="14:14">
      <c r="N969615" s="10"/>
    </row>
    <row r="969616" spans="14:14">
      <c r="N969616" s="10"/>
    </row>
    <row r="969617" spans="14:14">
      <c r="N969617" s="10"/>
    </row>
    <row r="969618" spans="14:14">
      <c r="N969618" s="10"/>
    </row>
    <row r="969619" spans="14:14">
      <c r="N969619" s="10"/>
    </row>
    <row r="969620" spans="14:14">
      <c r="N969620" s="10"/>
    </row>
    <row r="969621" spans="14:14">
      <c r="N969621" s="10"/>
    </row>
    <row r="969622" spans="14:14">
      <c r="N969622" s="10"/>
    </row>
    <row r="969623" spans="14:14">
      <c r="N969623" s="10"/>
    </row>
    <row r="969624" spans="14:14">
      <c r="N969624" s="10"/>
    </row>
    <row r="969625" spans="14:14">
      <c r="N969625" s="10"/>
    </row>
    <row r="969626" spans="14:14">
      <c r="N969626" s="10"/>
    </row>
    <row r="969627" spans="14:14">
      <c r="N969627" s="10"/>
    </row>
    <row r="969628" spans="14:14">
      <c r="N969628" s="10"/>
    </row>
    <row r="969629" spans="14:14">
      <c r="N969629" s="10"/>
    </row>
    <row r="969630" spans="14:14">
      <c r="N969630" s="10"/>
    </row>
    <row r="969631" spans="14:14">
      <c r="N969631" s="10"/>
    </row>
    <row r="969632" spans="14:14">
      <c r="N969632" s="10"/>
    </row>
    <row r="969633" spans="14:14">
      <c r="N969633" s="10"/>
    </row>
    <row r="969634" spans="14:14">
      <c r="N969634" s="10"/>
    </row>
    <row r="969635" spans="14:14">
      <c r="N969635" s="10"/>
    </row>
    <row r="969636" spans="14:14">
      <c r="N969636" s="10"/>
    </row>
    <row r="969637" spans="14:14">
      <c r="N969637" s="10"/>
    </row>
    <row r="969638" spans="14:14">
      <c r="N969638" s="10"/>
    </row>
    <row r="969639" spans="14:14">
      <c r="N969639" s="10"/>
    </row>
    <row r="969640" spans="14:14">
      <c r="N969640" s="10"/>
    </row>
    <row r="969641" spans="14:14">
      <c r="N969641" s="10"/>
    </row>
    <row r="969642" spans="14:14">
      <c r="N969642" s="10"/>
    </row>
    <row r="969643" spans="14:14">
      <c r="N969643" s="10"/>
    </row>
    <row r="969644" spans="14:14">
      <c r="N969644" s="10"/>
    </row>
    <row r="969645" spans="14:14">
      <c r="N969645" s="10"/>
    </row>
    <row r="969646" spans="14:14">
      <c r="N969646" s="10"/>
    </row>
    <row r="969647" spans="14:14">
      <c r="N969647" s="10"/>
    </row>
    <row r="969648" spans="14:14">
      <c r="N969648" s="10"/>
    </row>
    <row r="969649" spans="14:14">
      <c r="N969649" s="10"/>
    </row>
    <row r="969650" spans="14:14">
      <c r="N969650" s="10"/>
    </row>
    <row r="969651" spans="14:14">
      <c r="N969651" s="10"/>
    </row>
    <row r="969652" spans="14:14">
      <c r="N969652" s="10"/>
    </row>
    <row r="969653" spans="14:14">
      <c r="N969653" s="10"/>
    </row>
    <row r="969654" spans="14:14">
      <c r="N969654" s="10"/>
    </row>
    <row r="969655" spans="14:14">
      <c r="N969655" s="10"/>
    </row>
    <row r="969656" spans="14:14">
      <c r="N969656" s="10"/>
    </row>
    <row r="969657" spans="14:14">
      <c r="N969657" s="10"/>
    </row>
    <row r="969658" spans="14:14">
      <c r="N969658" s="10"/>
    </row>
    <row r="969659" spans="14:14">
      <c r="N969659" s="10"/>
    </row>
    <row r="969660" spans="14:14">
      <c r="N969660" s="10"/>
    </row>
    <row r="969661" spans="14:14">
      <c r="N969661" s="10"/>
    </row>
    <row r="969662" spans="14:14">
      <c r="N969662" s="10"/>
    </row>
    <row r="969663" spans="14:14">
      <c r="N969663" s="10"/>
    </row>
    <row r="969664" spans="14:14">
      <c r="N969664" s="10"/>
    </row>
    <row r="969665" spans="14:14">
      <c r="N969665" s="10"/>
    </row>
    <row r="969666" spans="14:14">
      <c r="N969666" s="10"/>
    </row>
    <row r="969667" spans="14:14">
      <c r="N969667" s="10"/>
    </row>
    <row r="969668" spans="14:14">
      <c r="N969668" s="10"/>
    </row>
    <row r="969669" spans="14:14">
      <c r="N969669" s="10"/>
    </row>
    <row r="969670" spans="14:14">
      <c r="N969670" s="10"/>
    </row>
    <row r="969671" spans="14:14">
      <c r="N969671" s="10"/>
    </row>
    <row r="969672" spans="14:14">
      <c r="N969672" s="10"/>
    </row>
    <row r="969673" spans="14:14">
      <c r="N969673" s="10"/>
    </row>
    <row r="969674" spans="14:14">
      <c r="N969674" s="10"/>
    </row>
    <row r="969675" spans="14:14">
      <c r="N969675" s="10"/>
    </row>
    <row r="969676" spans="14:14">
      <c r="N969676" s="10"/>
    </row>
    <row r="969677" spans="14:14">
      <c r="N969677" s="10"/>
    </row>
    <row r="969678" spans="14:14">
      <c r="N969678" s="10"/>
    </row>
    <row r="969679" spans="14:14">
      <c r="N969679" s="10"/>
    </row>
    <row r="969680" spans="14:14">
      <c r="N969680" s="10"/>
    </row>
    <row r="969681" spans="14:14">
      <c r="N969681" s="10"/>
    </row>
    <row r="969682" spans="14:14">
      <c r="N969682" s="10"/>
    </row>
    <row r="969683" spans="14:14">
      <c r="N969683" s="10"/>
    </row>
    <row r="969684" spans="14:14">
      <c r="N969684" s="10"/>
    </row>
    <row r="969685" spans="14:14">
      <c r="N969685" s="10"/>
    </row>
    <row r="969686" spans="14:14">
      <c r="N969686" s="10"/>
    </row>
    <row r="969687" spans="14:14">
      <c r="N969687" s="10"/>
    </row>
    <row r="969688" spans="14:14">
      <c r="N969688" s="10"/>
    </row>
    <row r="969689" spans="14:14">
      <c r="N969689" s="10"/>
    </row>
    <row r="969690" spans="14:14">
      <c r="N969690" s="10"/>
    </row>
    <row r="969691" spans="14:14">
      <c r="N969691" s="10"/>
    </row>
    <row r="969692" spans="14:14">
      <c r="N969692" s="10"/>
    </row>
    <row r="969693" spans="14:14">
      <c r="N969693" s="10"/>
    </row>
    <row r="969694" spans="14:14">
      <c r="N969694" s="10"/>
    </row>
    <row r="969695" spans="14:14">
      <c r="N969695" s="10"/>
    </row>
    <row r="969696" spans="14:14">
      <c r="N969696" s="10"/>
    </row>
    <row r="969697" spans="14:14">
      <c r="N969697" s="10"/>
    </row>
    <row r="969698" spans="14:14">
      <c r="N969698" s="10"/>
    </row>
    <row r="969699" spans="14:14">
      <c r="N969699" s="10"/>
    </row>
    <row r="969700" spans="14:14">
      <c r="N969700" s="10"/>
    </row>
    <row r="969701" spans="14:14">
      <c r="N969701" s="10"/>
    </row>
    <row r="969702" spans="14:14">
      <c r="N969702" s="10"/>
    </row>
    <row r="969703" spans="14:14">
      <c r="N969703" s="10"/>
    </row>
    <row r="969704" spans="14:14">
      <c r="N969704" s="10"/>
    </row>
    <row r="969705" spans="14:14">
      <c r="N969705" s="10"/>
    </row>
    <row r="969706" spans="14:14">
      <c r="N969706" s="10"/>
    </row>
    <row r="969707" spans="14:14">
      <c r="N969707" s="10"/>
    </row>
    <row r="969708" spans="14:14">
      <c r="N969708" s="10"/>
    </row>
    <row r="969709" spans="14:14">
      <c r="N969709" s="10"/>
    </row>
    <row r="969710" spans="14:14">
      <c r="N969710" s="10"/>
    </row>
    <row r="969711" spans="14:14">
      <c r="N969711" s="10"/>
    </row>
    <row r="969712" spans="14:14">
      <c r="N969712" s="10"/>
    </row>
    <row r="969713" spans="14:14">
      <c r="N969713" s="10"/>
    </row>
    <row r="969714" spans="14:14">
      <c r="N969714" s="10"/>
    </row>
    <row r="969715" spans="14:14">
      <c r="N969715" s="10"/>
    </row>
    <row r="969716" spans="14:14">
      <c r="N969716" s="10"/>
    </row>
    <row r="969717" spans="14:14">
      <c r="N969717" s="10"/>
    </row>
    <row r="969718" spans="14:14">
      <c r="N969718" s="10"/>
    </row>
    <row r="969719" spans="14:14">
      <c r="N969719" s="10"/>
    </row>
    <row r="969720" spans="14:14">
      <c r="N969720" s="10"/>
    </row>
    <row r="969721" spans="14:14">
      <c r="N969721" s="10"/>
    </row>
    <row r="969722" spans="14:14">
      <c r="N969722" s="10"/>
    </row>
    <row r="969723" spans="14:14">
      <c r="N969723" s="10"/>
    </row>
    <row r="969724" spans="14:14">
      <c r="N969724" s="10"/>
    </row>
    <row r="969725" spans="14:14">
      <c r="N969725" s="10"/>
    </row>
    <row r="969726" spans="14:14">
      <c r="N969726" s="10"/>
    </row>
    <row r="969727" spans="14:14">
      <c r="N969727" s="10"/>
    </row>
    <row r="969728" spans="14:14">
      <c r="N969728" s="10"/>
    </row>
    <row r="969729" spans="14:14">
      <c r="N969729" s="10"/>
    </row>
    <row r="969730" spans="14:14">
      <c r="N969730" s="10"/>
    </row>
    <row r="969731" spans="14:14">
      <c r="N969731" s="10"/>
    </row>
    <row r="969732" spans="14:14">
      <c r="N969732" s="10"/>
    </row>
    <row r="969733" spans="14:14">
      <c r="N969733" s="10"/>
    </row>
    <row r="969734" spans="14:14">
      <c r="N969734" s="10"/>
    </row>
    <row r="969735" spans="14:14">
      <c r="N969735" s="10"/>
    </row>
    <row r="969736" spans="14:14">
      <c r="N969736" s="10"/>
    </row>
    <row r="969737" spans="14:14">
      <c r="N969737" s="10"/>
    </row>
    <row r="969738" spans="14:14">
      <c r="N969738" s="10"/>
    </row>
    <row r="969739" spans="14:14">
      <c r="N969739" s="10"/>
    </row>
    <row r="969740" spans="14:14">
      <c r="N969740" s="10"/>
    </row>
    <row r="969741" spans="14:14">
      <c r="N969741" s="10"/>
    </row>
    <row r="969742" spans="14:14">
      <c r="N969742" s="10"/>
    </row>
    <row r="969743" spans="14:14">
      <c r="N969743" s="10"/>
    </row>
    <row r="969744" spans="14:14">
      <c r="N969744" s="10"/>
    </row>
    <row r="969745" spans="14:14">
      <c r="N969745" s="10"/>
    </row>
    <row r="969746" spans="14:14">
      <c r="N969746" s="10"/>
    </row>
    <row r="969747" spans="14:14">
      <c r="N969747" s="10"/>
    </row>
    <row r="969748" spans="14:14">
      <c r="N969748" s="10"/>
    </row>
    <row r="969749" spans="14:14">
      <c r="N969749" s="10"/>
    </row>
    <row r="969750" spans="14:14">
      <c r="N969750" s="10"/>
    </row>
    <row r="969751" spans="14:14">
      <c r="N969751" s="10"/>
    </row>
    <row r="969752" spans="14:14">
      <c r="N969752" s="10"/>
    </row>
    <row r="969753" spans="14:14">
      <c r="N969753" s="10"/>
    </row>
    <row r="969754" spans="14:14">
      <c r="N969754" s="10"/>
    </row>
    <row r="969755" spans="14:14">
      <c r="N969755" s="10"/>
    </row>
    <row r="969756" spans="14:14">
      <c r="N969756" s="10"/>
    </row>
    <row r="969757" spans="14:14">
      <c r="N969757" s="10"/>
    </row>
    <row r="969758" spans="14:14">
      <c r="N969758" s="10"/>
    </row>
    <row r="969759" spans="14:14">
      <c r="N969759" s="10"/>
    </row>
    <row r="969760" spans="14:14">
      <c r="N969760" s="10"/>
    </row>
    <row r="969761" spans="14:14">
      <c r="N969761" s="10"/>
    </row>
    <row r="969762" spans="14:14">
      <c r="N969762" s="10"/>
    </row>
    <row r="969763" spans="14:14">
      <c r="N969763" s="10"/>
    </row>
    <row r="969764" spans="14:14">
      <c r="N969764" s="10"/>
    </row>
    <row r="969765" spans="14:14">
      <c r="N969765" s="10"/>
    </row>
    <row r="969766" spans="14:14">
      <c r="N969766" s="10"/>
    </row>
    <row r="969767" spans="14:14">
      <c r="N969767" s="10"/>
    </row>
    <row r="969768" spans="14:14">
      <c r="N969768" s="10"/>
    </row>
    <row r="969769" spans="14:14">
      <c r="N969769" s="10"/>
    </row>
    <row r="969770" spans="14:14">
      <c r="N969770" s="10"/>
    </row>
    <row r="969771" spans="14:14">
      <c r="N969771" s="10"/>
    </row>
    <row r="969772" spans="14:14">
      <c r="N969772" s="10"/>
    </row>
    <row r="969773" spans="14:14">
      <c r="N969773" s="10"/>
    </row>
    <row r="969774" spans="14:14">
      <c r="N969774" s="10"/>
    </row>
    <row r="969775" spans="14:14">
      <c r="N969775" s="10"/>
    </row>
    <row r="969776" spans="14:14">
      <c r="N969776" s="10"/>
    </row>
    <row r="969777" spans="14:14">
      <c r="N969777" s="10"/>
    </row>
    <row r="969778" spans="14:14">
      <c r="N969778" s="10"/>
    </row>
    <row r="969779" spans="14:14">
      <c r="N969779" s="10"/>
    </row>
    <row r="969780" spans="14:14">
      <c r="N969780" s="10"/>
    </row>
    <row r="969781" spans="14:14">
      <c r="N969781" s="10"/>
    </row>
    <row r="969782" spans="14:14">
      <c r="N969782" s="10"/>
    </row>
    <row r="969783" spans="14:14">
      <c r="N969783" s="10"/>
    </row>
    <row r="969784" spans="14:14">
      <c r="N969784" s="10"/>
    </row>
    <row r="969785" spans="14:14">
      <c r="N969785" s="10"/>
    </row>
    <row r="969786" spans="14:14">
      <c r="N969786" s="10"/>
    </row>
    <row r="969787" spans="14:14">
      <c r="N969787" s="10"/>
    </row>
    <row r="969788" spans="14:14">
      <c r="N969788" s="10"/>
    </row>
    <row r="969789" spans="14:14">
      <c r="N969789" s="10"/>
    </row>
    <row r="969790" spans="14:14">
      <c r="N969790" s="10"/>
    </row>
    <row r="969791" spans="14:14">
      <c r="N969791" s="10"/>
    </row>
    <row r="969792" spans="14:14">
      <c r="N969792" s="10"/>
    </row>
    <row r="969793" spans="14:14">
      <c r="N969793" s="10"/>
    </row>
    <row r="969794" spans="14:14">
      <c r="N969794" s="10"/>
    </row>
    <row r="969795" spans="14:14">
      <c r="N969795" s="10"/>
    </row>
    <row r="969796" spans="14:14">
      <c r="N969796" s="10"/>
    </row>
    <row r="969797" spans="14:14">
      <c r="N969797" s="10"/>
    </row>
    <row r="969798" spans="14:14">
      <c r="N969798" s="10"/>
    </row>
    <row r="969799" spans="14:14">
      <c r="N969799" s="10"/>
    </row>
    <row r="969800" spans="14:14">
      <c r="N969800" s="10"/>
    </row>
    <row r="969801" spans="14:14">
      <c r="N969801" s="10"/>
    </row>
    <row r="969802" spans="14:14">
      <c r="N969802" s="10"/>
    </row>
    <row r="969803" spans="14:14">
      <c r="N969803" s="10"/>
    </row>
    <row r="969804" spans="14:14">
      <c r="N969804" s="10"/>
    </row>
    <row r="969805" spans="14:14">
      <c r="N969805" s="10"/>
    </row>
    <row r="969806" spans="14:14">
      <c r="N969806" s="10"/>
    </row>
    <row r="969807" spans="14:14">
      <c r="N969807" s="10"/>
    </row>
    <row r="969808" spans="14:14">
      <c r="N969808" s="10"/>
    </row>
    <row r="969809" spans="14:14">
      <c r="N969809" s="10"/>
    </row>
    <row r="969810" spans="14:14">
      <c r="N969810" s="10"/>
    </row>
    <row r="969811" spans="14:14">
      <c r="N969811" s="10"/>
    </row>
    <row r="969812" spans="14:14">
      <c r="N969812" s="10"/>
    </row>
    <row r="969813" spans="14:14">
      <c r="N969813" s="10"/>
    </row>
    <row r="969814" spans="14:14">
      <c r="N969814" s="10"/>
    </row>
    <row r="969815" spans="14:14">
      <c r="N969815" s="10"/>
    </row>
    <row r="969816" spans="14:14">
      <c r="N969816" s="10"/>
    </row>
    <row r="969817" spans="14:14">
      <c r="N969817" s="10"/>
    </row>
    <row r="969818" spans="14:14">
      <c r="N969818" s="10"/>
    </row>
    <row r="969819" spans="14:14">
      <c r="N969819" s="10"/>
    </row>
    <row r="969820" spans="14:14">
      <c r="N969820" s="10"/>
    </row>
    <row r="969821" spans="14:14">
      <c r="N969821" s="10"/>
    </row>
    <row r="969822" spans="14:14">
      <c r="N969822" s="10"/>
    </row>
    <row r="969823" spans="14:14">
      <c r="N969823" s="10"/>
    </row>
    <row r="969824" spans="14:14">
      <c r="N969824" s="10"/>
    </row>
    <row r="969825" spans="14:14">
      <c r="N969825" s="10"/>
    </row>
    <row r="969826" spans="14:14">
      <c r="N969826" s="10"/>
    </row>
    <row r="969827" spans="14:14">
      <c r="N969827" s="10"/>
    </row>
    <row r="969828" spans="14:14">
      <c r="N969828" s="10"/>
    </row>
    <row r="969829" spans="14:14">
      <c r="N969829" s="10"/>
    </row>
    <row r="969830" spans="14:14">
      <c r="N969830" s="10"/>
    </row>
    <row r="969831" spans="14:14">
      <c r="N969831" s="10"/>
    </row>
    <row r="969832" spans="14:14">
      <c r="N969832" s="10"/>
    </row>
    <row r="969833" spans="14:14">
      <c r="N969833" s="10"/>
    </row>
    <row r="969834" spans="14:14">
      <c r="N969834" s="10"/>
    </row>
    <row r="969835" spans="14:14">
      <c r="N969835" s="10"/>
    </row>
    <row r="969836" spans="14:14">
      <c r="N969836" s="10"/>
    </row>
    <row r="969837" spans="14:14">
      <c r="N969837" s="10"/>
    </row>
    <row r="969838" spans="14:14">
      <c r="N969838" s="10"/>
    </row>
    <row r="969839" spans="14:14">
      <c r="N969839" s="10"/>
    </row>
    <row r="969840" spans="14:14">
      <c r="N969840" s="10"/>
    </row>
    <row r="969841" spans="14:14">
      <c r="N969841" s="10"/>
    </row>
    <row r="969842" spans="14:14">
      <c r="N969842" s="10"/>
    </row>
    <row r="969843" spans="14:14">
      <c r="N969843" s="10"/>
    </row>
    <row r="969844" spans="14:14">
      <c r="N969844" s="10"/>
    </row>
    <row r="969845" spans="14:14">
      <c r="N969845" s="10"/>
    </row>
    <row r="969846" spans="14:14">
      <c r="N969846" s="10"/>
    </row>
    <row r="969847" spans="14:14">
      <c r="N969847" s="10"/>
    </row>
    <row r="969848" spans="14:14">
      <c r="N969848" s="10"/>
    </row>
    <row r="969849" spans="14:14">
      <c r="N969849" s="10"/>
    </row>
    <row r="969850" spans="14:14">
      <c r="N969850" s="10"/>
    </row>
    <row r="969851" spans="14:14">
      <c r="N969851" s="10"/>
    </row>
    <row r="969852" spans="14:14">
      <c r="N969852" s="10"/>
    </row>
    <row r="969853" spans="14:14">
      <c r="N969853" s="10"/>
    </row>
    <row r="969854" spans="14:14">
      <c r="N969854" s="10"/>
    </row>
    <row r="969855" spans="14:14">
      <c r="N969855" s="10"/>
    </row>
    <row r="969856" spans="14:14">
      <c r="N969856" s="10"/>
    </row>
    <row r="969857" spans="14:14">
      <c r="N969857" s="10"/>
    </row>
    <row r="969858" spans="14:14">
      <c r="N969858" s="10"/>
    </row>
    <row r="969859" spans="14:14">
      <c r="N969859" s="10"/>
    </row>
    <row r="969860" spans="14:14">
      <c r="N969860" s="10"/>
    </row>
    <row r="969861" spans="14:14">
      <c r="N969861" s="10"/>
    </row>
    <row r="969862" spans="14:14">
      <c r="N969862" s="10"/>
    </row>
    <row r="969863" spans="14:14">
      <c r="N969863" s="10"/>
    </row>
    <row r="969864" spans="14:14">
      <c r="N969864" s="10"/>
    </row>
    <row r="969865" spans="14:14">
      <c r="N969865" s="10"/>
    </row>
    <row r="969866" spans="14:14">
      <c r="N969866" s="10"/>
    </row>
    <row r="969867" spans="14:14">
      <c r="N969867" s="10"/>
    </row>
    <row r="969868" spans="14:14">
      <c r="N969868" s="10"/>
    </row>
    <row r="969869" spans="14:14">
      <c r="N969869" s="10"/>
    </row>
    <row r="969870" spans="14:14">
      <c r="N969870" s="10"/>
    </row>
    <row r="969871" spans="14:14">
      <c r="N969871" s="10"/>
    </row>
    <row r="969872" spans="14:14">
      <c r="N969872" s="10"/>
    </row>
    <row r="969873" spans="14:14">
      <c r="N969873" s="10"/>
    </row>
    <row r="969874" spans="14:14">
      <c r="N969874" s="10"/>
    </row>
    <row r="969875" spans="14:14">
      <c r="N969875" s="10"/>
    </row>
    <row r="969876" spans="14:14">
      <c r="N969876" s="10"/>
    </row>
    <row r="969877" spans="14:14">
      <c r="N969877" s="10"/>
    </row>
    <row r="969878" spans="14:14">
      <c r="N969878" s="10"/>
    </row>
    <row r="969879" spans="14:14">
      <c r="N969879" s="10"/>
    </row>
    <row r="969880" spans="14:14">
      <c r="N969880" s="10"/>
    </row>
    <row r="969881" spans="14:14">
      <c r="N969881" s="10"/>
    </row>
    <row r="969882" spans="14:14">
      <c r="N969882" s="10"/>
    </row>
    <row r="969883" spans="14:14">
      <c r="N969883" s="10"/>
    </row>
    <row r="969884" spans="14:14">
      <c r="N969884" s="10"/>
    </row>
    <row r="969885" spans="14:14">
      <c r="N969885" s="10"/>
    </row>
    <row r="969886" spans="14:14">
      <c r="N969886" s="10"/>
    </row>
    <row r="969887" spans="14:14">
      <c r="N969887" s="10"/>
    </row>
    <row r="969888" spans="14:14">
      <c r="N969888" s="10"/>
    </row>
    <row r="969889" spans="14:14">
      <c r="N969889" s="10"/>
    </row>
    <row r="969890" spans="14:14">
      <c r="N969890" s="10"/>
    </row>
    <row r="969891" spans="14:14">
      <c r="N969891" s="10"/>
    </row>
    <row r="969892" spans="14:14">
      <c r="N969892" s="10"/>
    </row>
    <row r="969893" spans="14:14">
      <c r="N969893" s="10"/>
    </row>
    <row r="969894" spans="14:14">
      <c r="N969894" s="10"/>
    </row>
    <row r="969895" spans="14:14">
      <c r="N969895" s="10"/>
    </row>
    <row r="969896" spans="14:14">
      <c r="N969896" s="10"/>
    </row>
    <row r="969897" spans="14:14">
      <c r="N969897" s="10"/>
    </row>
    <row r="969898" spans="14:14">
      <c r="N969898" s="10"/>
    </row>
    <row r="969899" spans="14:14">
      <c r="N969899" s="10"/>
    </row>
    <row r="969900" spans="14:14">
      <c r="N969900" s="10"/>
    </row>
    <row r="969901" spans="14:14">
      <c r="N969901" s="10"/>
    </row>
    <row r="969902" spans="14:14">
      <c r="N969902" s="10"/>
    </row>
    <row r="969903" spans="14:14">
      <c r="N969903" s="10"/>
    </row>
    <row r="969904" spans="14:14">
      <c r="N969904" s="10"/>
    </row>
    <row r="969905" spans="14:14">
      <c r="N969905" s="10"/>
    </row>
    <row r="969906" spans="14:14">
      <c r="N969906" s="10"/>
    </row>
    <row r="969907" spans="14:14">
      <c r="N969907" s="10"/>
    </row>
    <row r="969908" spans="14:14">
      <c r="N969908" s="10"/>
    </row>
    <row r="969909" spans="14:14">
      <c r="N969909" s="10"/>
    </row>
    <row r="969910" spans="14:14">
      <c r="N969910" s="10"/>
    </row>
    <row r="969911" spans="14:14">
      <c r="N969911" s="10"/>
    </row>
    <row r="969912" spans="14:14">
      <c r="N969912" s="10"/>
    </row>
    <row r="969913" spans="14:14">
      <c r="N969913" s="10"/>
    </row>
    <row r="969914" spans="14:14">
      <c r="N969914" s="10"/>
    </row>
    <row r="969915" spans="14:14">
      <c r="N969915" s="10"/>
    </row>
    <row r="969916" spans="14:14">
      <c r="N969916" s="10"/>
    </row>
    <row r="969917" spans="14:14">
      <c r="N969917" s="10"/>
    </row>
    <row r="969918" spans="14:14">
      <c r="N969918" s="10"/>
    </row>
    <row r="969919" spans="14:14">
      <c r="N969919" s="10"/>
    </row>
    <row r="969920" spans="14:14">
      <c r="N969920" s="10"/>
    </row>
    <row r="969921" spans="14:14">
      <c r="N969921" s="10"/>
    </row>
    <row r="969922" spans="14:14">
      <c r="N969922" s="10"/>
    </row>
    <row r="969923" spans="14:14">
      <c r="N969923" s="10"/>
    </row>
    <row r="969924" spans="14:14">
      <c r="N969924" s="10"/>
    </row>
    <row r="969925" spans="14:14">
      <c r="N969925" s="10"/>
    </row>
    <row r="969926" spans="14:14">
      <c r="N969926" s="10"/>
    </row>
    <row r="969927" spans="14:14">
      <c r="N969927" s="10"/>
    </row>
    <row r="969928" spans="14:14">
      <c r="N969928" s="10"/>
    </row>
    <row r="969929" spans="14:14">
      <c r="N969929" s="10"/>
    </row>
    <row r="969930" spans="14:14">
      <c r="N969930" s="10"/>
    </row>
    <row r="969931" spans="14:14">
      <c r="N969931" s="10"/>
    </row>
    <row r="969932" spans="14:14">
      <c r="N969932" s="10"/>
    </row>
    <row r="969933" spans="14:14">
      <c r="N969933" s="10"/>
    </row>
    <row r="969934" spans="14:14">
      <c r="N969934" s="10"/>
    </row>
    <row r="969935" spans="14:14">
      <c r="N969935" s="10"/>
    </row>
    <row r="969936" spans="14:14">
      <c r="N969936" s="10"/>
    </row>
    <row r="969937" spans="14:14">
      <c r="N969937" s="10"/>
    </row>
    <row r="969938" spans="14:14">
      <c r="N969938" s="10"/>
    </row>
    <row r="969939" spans="14:14">
      <c r="N969939" s="10"/>
    </row>
    <row r="969940" spans="14:14">
      <c r="N969940" s="10"/>
    </row>
    <row r="969941" spans="14:14">
      <c r="N969941" s="10"/>
    </row>
    <row r="969942" spans="14:14">
      <c r="N969942" s="10"/>
    </row>
    <row r="969943" spans="14:14">
      <c r="N969943" s="10"/>
    </row>
    <row r="969944" spans="14:14">
      <c r="N969944" s="10"/>
    </row>
    <row r="969945" spans="14:14">
      <c r="N969945" s="10"/>
    </row>
    <row r="969946" spans="14:14">
      <c r="N969946" s="10"/>
    </row>
    <row r="969947" spans="14:14">
      <c r="N969947" s="10"/>
    </row>
    <row r="969948" spans="14:14">
      <c r="N969948" s="10"/>
    </row>
    <row r="969949" spans="14:14">
      <c r="N969949" s="10"/>
    </row>
    <row r="969950" spans="14:14">
      <c r="N969950" s="10"/>
    </row>
    <row r="969951" spans="14:14">
      <c r="N969951" s="10"/>
    </row>
    <row r="969952" spans="14:14">
      <c r="N969952" s="10"/>
    </row>
    <row r="969953" spans="14:14">
      <c r="N969953" s="10"/>
    </row>
    <row r="969954" spans="14:14">
      <c r="N969954" s="10"/>
    </row>
    <row r="969955" spans="14:14">
      <c r="N969955" s="10"/>
    </row>
    <row r="969956" spans="14:14">
      <c r="N969956" s="10"/>
    </row>
    <row r="969957" spans="14:14">
      <c r="N969957" s="10"/>
    </row>
    <row r="969958" spans="14:14">
      <c r="N969958" s="10"/>
    </row>
    <row r="969959" spans="14:14">
      <c r="N969959" s="10"/>
    </row>
    <row r="969960" spans="14:14">
      <c r="N969960" s="10"/>
    </row>
    <row r="969961" spans="14:14">
      <c r="N969961" s="10"/>
    </row>
    <row r="969962" spans="14:14">
      <c r="N969962" s="10"/>
    </row>
    <row r="969963" spans="14:14">
      <c r="N969963" s="10"/>
    </row>
    <row r="969964" spans="14:14">
      <c r="N969964" s="10"/>
    </row>
    <row r="969965" spans="14:14">
      <c r="N969965" s="10"/>
    </row>
    <row r="969966" spans="14:14">
      <c r="N969966" s="10"/>
    </row>
    <row r="969967" spans="14:14">
      <c r="N969967" s="10"/>
    </row>
    <row r="969968" spans="14:14">
      <c r="N969968" s="10"/>
    </row>
    <row r="969969" spans="14:14">
      <c r="N969969" s="10"/>
    </row>
    <row r="969970" spans="14:14">
      <c r="N969970" s="10"/>
    </row>
    <row r="969971" spans="14:14">
      <c r="N969971" s="10"/>
    </row>
    <row r="969972" spans="14:14">
      <c r="N969972" s="10"/>
    </row>
    <row r="969973" spans="14:14">
      <c r="N969973" s="10"/>
    </row>
    <row r="969974" spans="14:14">
      <c r="N969974" s="10"/>
    </row>
    <row r="969975" spans="14:14">
      <c r="N969975" s="10"/>
    </row>
    <row r="969976" spans="14:14">
      <c r="N969976" s="10"/>
    </row>
    <row r="969977" spans="14:14">
      <c r="N969977" s="10"/>
    </row>
    <row r="969978" spans="14:14">
      <c r="N969978" s="10"/>
    </row>
    <row r="969979" spans="14:14">
      <c r="N969979" s="10"/>
    </row>
    <row r="969980" spans="14:14">
      <c r="N969980" s="10"/>
    </row>
    <row r="969981" spans="14:14">
      <c r="N969981" s="10"/>
    </row>
    <row r="969982" spans="14:14">
      <c r="N969982" s="10"/>
    </row>
    <row r="969983" spans="14:14">
      <c r="N969983" s="10"/>
    </row>
    <row r="969984" spans="14:14">
      <c r="N969984" s="10"/>
    </row>
    <row r="969985" spans="14:14">
      <c r="N969985" s="10"/>
    </row>
    <row r="969986" spans="14:14">
      <c r="N969986" s="10"/>
    </row>
    <row r="969987" spans="14:14">
      <c r="N969987" s="10"/>
    </row>
    <row r="969988" spans="14:14">
      <c r="N969988" s="10"/>
    </row>
    <row r="969989" spans="14:14">
      <c r="N969989" s="10"/>
    </row>
    <row r="969990" spans="14:14">
      <c r="N969990" s="10"/>
    </row>
    <row r="969991" spans="14:14">
      <c r="N969991" s="10"/>
    </row>
    <row r="969992" spans="14:14">
      <c r="N969992" s="10"/>
    </row>
    <row r="969993" spans="14:14">
      <c r="N969993" s="10"/>
    </row>
    <row r="969994" spans="14:14">
      <c r="N969994" s="10"/>
    </row>
    <row r="969995" spans="14:14">
      <c r="N969995" s="10"/>
    </row>
    <row r="969996" spans="14:14">
      <c r="N969996" s="10"/>
    </row>
    <row r="969997" spans="14:14">
      <c r="N969997" s="10"/>
    </row>
    <row r="969998" spans="14:14">
      <c r="N969998" s="10"/>
    </row>
    <row r="969999" spans="14:14">
      <c r="N969999" s="10"/>
    </row>
    <row r="970000" spans="14:14">
      <c r="N970000" s="10"/>
    </row>
    <row r="970001" spans="14:14">
      <c r="N970001" s="10"/>
    </row>
    <row r="970002" spans="14:14">
      <c r="N970002" s="10"/>
    </row>
    <row r="970003" spans="14:14">
      <c r="N970003" s="10"/>
    </row>
    <row r="970004" spans="14:14">
      <c r="N970004" s="10"/>
    </row>
    <row r="970005" spans="14:14">
      <c r="N970005" s="10"/>
    </row>
    <row r="970006" spans="14:14">
      <c r="N970006" s="10"/>
    </row>
    <row r="970007" spans="14:14">
      <c r="N970007" s="10"/>
    </row>
    <row r="970008" spans="14:14">
      <c r="N970008" s="10"/>
    </row>
    <row r="970009" spans="14:14">
      <c r="N970009" s="10"/>
    </row>
    <row r="970010" spans="14:14">
      <c r="N970010" s="10"/>
    </row>
    <row r="970011" spans="14:14">
      <c r="N970011" s="10"/>
    </row>
    <row r="970012" spans="14:14">
      <c r="N970012" s="10"/>
    </row>
    <row r="970013" spans="14:14">
      <c r="N970013" s="10"/>
    </row>
    <row r="970014" spans="14:14">
      <c r="N970014" s="10"/>
    </row>
    <row r="970015" spans="14:14">
      <c r="N970015" s="10"/>
    </row>
    <row r="970016" spans="14:14">
      <c r="N970016" s="10"/>
    </row>
    <row r="970017" spans="14:14">
      <c r="N970017" s="10"/>
    </row>
    <row r="970018" spans="14:14">
      <c r="N970018" s="10"/>
    </row>
    <row r="970019" spans="14:14">
      <c r="N970019" s="10"/>
    </row>
    <row r="970020" spans="14:14">
      <c r="N970020" s="10"/>
    </row>
    <row r="970021" spans="14:14">
      <c r="N970021" s="10"/>
    </row>
    <row r="970022" spans="14:14">
      <c r="N970022" s="10"/>
    </row>
    <row r="970023" spans="14:14">
      <c r="N970023" s="10"/>
    </row>
    <row r="970024" spans="14:14">
      <c r="N970024" s="10"/>
    </row>
    <row r="970025" spans="14:14">
      <c r="N970025" s="10"/>
    </row>
    <row r="970026" spans="14:14">
      <c r="N970026" s="10"/>
    </row>
    <row r="970027" spans="14:14">
      <c r="N970027" s="10"/>
    </row>
    <row r="970028" spans="14:14">
      <c r="N970028" s="10"/>
    </row>
    <row r="970029" spans="14:14">
      <c r="N970029" s="10"/>
    </row>
    <row r="970030" spans="14:14">
      <c r="N970030" s="10"/>
    </row>
    <row r="970031" spans="14:14">
      <c r="N970031" s="10"/>
    </row>
    <row r="970032" spans="14:14">
      <c r="N970032" s="10"/>
    </row>
    <row r="970033" spans="14:14">
      <c r="N970033" s="10"/>
    </row>
    <row r="970034" spans="14:14">
      <c r="N970034" s="10"/>
    </row>
    <row r="970035" spans="14:14">
      <c r="N970035" s="10"/>
    </row>
    <row r="970036" spans="14:14">
      <c r="N970036" s="10"/>
    </row>
    <row r="970037" spans="14:14">
      <c r="N970037" s="10"/>
    </row>
    <row r="970038" spans="14:14">
      <c r="N970038" s="10"/>
    </row>
    <row r="970039" spans="14:14">
      <c r="N970039" s="10"/>
    </row>
    <row r="970040" spans="14:14">
      <c r="N970040" s="10"/>
    </row>
    <row r="970041" spans="14:14">
      <c r="N970041" s="10"/>
    </row>
    <row r="970042" spans="14:14">
      <c r="N970042" s="10"/>
    </row>
    <row r="970043" spans="14:14">
      <c r="N970043" s="10"/>
    </row>
    <row r="970044" spans="14:14">
      <c r="N970044" s="10"/>
    </row>
    <row r="970045" spans="14:14">
      <c r="N970045" s="10"/>
    </row>
    <row r="970046" spans="14:14">
      <c r="N970046" s="10"/>
    </row>
    <row r="970047" spans="14:14">
      <c r="N970047" s="10"/>
    </row>
    <row r="970048" spans="14:14">
      <c r="N970048" s="10"/>
    </row>
    <row r="970049" spans="14:14">
      <c r="N970049" s="10"/>
    </row>
    <row r="970050" spans="14:14">
      <c r="N970050" s="10"/>
    </row>
    <row r="970051" spans="14:14">
      <c r="N970051" s="10"/>
    </row>
    <row r="970052" spans="14:14">
      <c r="N970052" s="10"/>
    </row>
    <row r="970053" spans="14:14">
      <c r="N970053" s="10"/>
    </row>
    <row r="970054" spans="14:14">
      <c r="N970054" s="10"/>
    </row>
    <row r="970055" spans="14:14">
      <c r="N970055" s="10"/>
    </row>
    <row r="970056" spans="14:14">
      <c r="N970056" s="10"/>
    </row>
    <row r="970057" spans="14:14">
      <c r="N970057" s="10"/>
    </row>
    <row r="970058" spans="14:14">
      <c r="N970058" s="10"/>
    </row>
    <row r="970059" spans="14:14">
      <c r="N970059" s="10"/>
    </row>
    <row r="970060" spans="14:14">
      <c r="N970060" s="10"/>
    </row>
    <row r="970061" spans="14:14">
      <c r="N970061" s="10"/>
    </row>
    <row r="970062" spans="14:14">
      <c r="N970062" s="10"/>
    </row>
    <row r="970063" spans="14:14">
      <c r="N970063" s="10"/>
    </row>
    <row r="970064" spans="14:14">
      <c r="N970064" s="10"/>
    </row>
    <row r="970065" spans="14:14">
      <c r="N970065" s="10"/>
    </row>
    <row r="970066" spans="14:14">
      <c r="N970066" s="10"/>
    </row>
    <row r="970067" spans="14:14">
      <c r="N970067" s="10"/>
    </row>
    <row r="970068" spans="14:14">
      <c r="N970068" s="10"/>
    </row>
    <row r="970069" spans="14:14">
      <c r="N970069" s="10"/>
    </row>
    <row r="970070" spans="14:14">
      <c r="N970070" s="10"/>
    </row>
    <row r="970071" spans="14:14">
      <c r="N970071" s="10"/>
    </row>
    <row r="970072" spans="14:14">
      <c r="N970072" s="10"/>
    </row>
    <row r="970073" spans="14:14">
      <c r="N970073" s="10"/>
    </row>
    <row r="970074" spans="14:14">
      <c r="N970074" s="10"/>
    </row>
    <row r="970075" spans="14:14">
      <c r="N970075" s="10"/>
    </row>
    <row r="970076" spans="14:14">
      <c r="N970076" s="10"/>
    </row>
    <row r="970077" spans="14:14">
      <c r="N970077" s="10"/>
    </row>
    <row r="970078" spans="14:14">
      <c r="N970078" s="10"/>
    </row>
    <row r="970079" spans="14:14">
      <c r="N970079" s="10"/>
    </row>
    <row r="970080" spans="14:14">
      <c r="N970080" s="10"/>
    </row>
    <row r="970081" spans="14:14">
      <c r="N970081" s="10"/>
    </row>
    <row r="970082" spans="14:14">
      <c r="N970082" s="10"/>
    </row>
    <row r="970083" spans="14:14">
      <c r="N970083" s="10"/>
    </row>
    <row r="970084" spans="14:14">
      <c r="N970084" s="10"/>
    </row>
    <row r="970085" spans="14:14">
      <c r="N970085" s="10"/>
    </row>
    <row r="970086" spans="14:14">
      <c r="N970086" s="10"/>
    </row>
    <row r="970087" spans="14:14">
      <c r="N970087" s="10"/>
    </row>
    <row r="970088" spans="14:14">
      <c r="N970088" s="10"/>
    </row>
    <row r="970089" spans="14:14">
      <c r="N970089" s="10"/>
    </row>
    <row r="970090" spans="14:14">
      <c r="N970090" s="10"/>
    </row>
    <row r="970091" spans="14:14">
      <c r="N970091" s="10"/>
    </row>
    <row r="970092" spans="14:14">
      <c r="N970092" s="10"/>
    </row>
    <row r="970093" spans="14:14">
      <c r="N970093" s="10"/>
    </row>
    <row r="970094" spans="14:14">
      <c r="N970094" s="10"/>
    </row>
    <row r="970095" spans="14:14">
      <c r="N970095" s="10"/>
    </row>
    <row r="970096" spans="14:14">
      <c r="N970096" s="10"/>
    </row>
    <row r="970097" spans="14:14">
      <c r="N970097" s="10"/>
    </row>
    <row r="970098" spans="14:14">
      <c r="N970098" s="10"/>
    </row>
    <row r="970099" spans="14:14">
      <c r="N970099" s="10"/>
    </row>
    <row r="970100" spans="14:14">
      <c r="N970100" s="10"/>
    </row>
    <row r="970101" spans="14:14">
      <c r="N970101" s="10"/>
    </row>
    <row r="970102" spans="14:14">
      <c r="N970102" s="10"/>
    </row>
    <row r="970103" spans="14:14">
      <c r="N970103" s="10"/>
    </row>
    <row r="970104" spans="14:14">
      <c r="N970104" s="10"/>
    </row>
    <row r="970105" spans="14:14">
      <c r="N970105" s="10"/>
    </row>
    <row r="970106" spans="14:14">
      <c r="N970106" s="10"/>
    </row>
    <row r="970107" spans="14:14">
      <c r="N970107" s="10"/>
    </row>
    <row r="970108" spans="14:14">
      <c r="N970108" s="10"/>
    </row>
    <row r="970109" spans="14:14">
      <c r="N970109" s="10"/>
    </row>
    <row r="970110" spans="14:14">
      <c r="N970110" s="10"/>
    </row>
    <row r="970111" spans="14:14">
      <c r="N970111" s="10"/>
    </row>
    <row r="970112" spans="14:14">
      <c r="N970112" s="10"/>
    </row>
    <row r="970113" spans="14:14">
      <c r="N970113" s="10"/>
    </row>
    <row r="970114" spans="14:14">
      <c r="N970114" s="10"/>
    </row>
    <row r="970115" spans="14:14">
      <c r="N970115" s="10"/>
    </row>
    <row r="970116" spans="14:14">
      <c r="N970116" s="10"/>
    </row>
    <row r="970117" spans="14:14">
      <c r="N970117" s="10"/>
    </row>
    <row r="970118" spans="14:14">
      <c r="N970118" s="10"/>
    </row>
    <row r="970119" spans="14:14">
      <c r="N970119" s="10"/>
    </row>
    <row r="970120" spans="14:14">
      <c r="N970120" s="10"/>
    </row>
    <row r="970121" spans="14:14">
      <c r="N970121" s="10"/>
    </row>
    <row r="970122" spans="14:14">
      <c r="N970122" s="10"/>
    </row>
    <row r="970123" spans="14:14">
      <c r="N970123" s="10"/>
    </row>
    <row r="970124" spans="14:14">
      <c r="N970124" s="10"/>
    </row>
    <row r="970125" spans="14:14">
      <c r="N970125" s="10"/>
    </row>
    <row r="970126" spans="14:14">
      <c r="N970126" s="10"/>
    </row>
    <row r="970127" spans="14:14">
      <c r="N970127" s="10"/>
    </row>
    <row r="970128" spans="14:14">
      <c r="N970128" s="10"/>
    </row>
    <row r="970129" spans="14:14">
      <c r="N970129" s="10"/>
    </row>
    <row r="970130" spans="14:14">
      <c r="N970130" s="10"/>
    </row>
    <row r="970131" spans="14:14">
      <c r="N970131" s="10"/>
    </row>
    <row r="970132" spans="14:14">
      <c r="N970132" s="10"/>
    </row>
    <row r="970133" spans="14:14">
      <c r="N970133" s="10"/>
    </row>
    <row r="970134" spans="14:14">
      <c r="N970134" s="10"/>
    </row>
    <row r="970135" spans="14:14">
      <c r="N970135" s="10"/>
    </row>
    <row r="970136" spans="14:14">
      <c r="N970136" s="10"/>
    </row>
    <row r="970137" spans="14:14">
      <c r="N970137" s="10"/>
    </row>
    <row r="970138" spans="14:14">
      <c r="N970138" s="10"/>
    </row>
    <row r="970139" spans="14:14">
      <c r="N970139" s="10"/>
    </row>
    <row r="970140" spans="14:14">
      <c r="N970140" s="10"/>
    </row>
    <row r="970141" spans="14:14">
      <c r="N970141" s="10"/>
    </row>
    <row r="970142" spans="14:14">
      <c r="N970142" s="10"/>
    </row>
    <row r="970143" spans="14:14">
      <c r="N970143" s="10"/>
    </row>
    <row r="970144" spans="14:14">
      <c r="N970144" s="10"/>
    </row>
    <row r="970145" spans="14:14">
      <c r="N970145" s="10"/>
    </row>
    <row r="970146" spans="14:14">
      <c r="N970146" s="10"/>
    </row>
    <row r="970147" spans="14:14">
      <c r="N970147" s="10"/>
    </row>
    <row r="970148" spans="14:14">
      <c r="N970148" s="10"/>
    </row>
    <row r="970149" spans="14:14">
      <c r="N970149" s="10"/>
    </row>
    <row r="970150" spans="14:14">
      <c r="N970150" s="10"/>
    </row>
    <row r="970151" spans="14:14">
      <c r="N970151" s="10"/>
    </row>
    <row r="970152" spans="14:14">
      <c r="N970152" s="10"/>
    </row>
    <row r="970153" spans="14:14">
      <c r="N970153" s="10"/>
    </row>
    <row r="970154" spans="14:14">
      <c r="N970154" s="10"/>
    </row>
    <row r="970155" spans="14:14">
      <c r="N970155" s="10"/>
    </row>
    <row r="970156" spans="14:14">
      <c r="N970156" s="10"/>
    </row>
    <row r="970157" spans="14:14">
      <c r="N970157" s="10"/>
    </row>
    <row r="970158" spans="14:14">
      <c r="N970158" s="10"/>
    </row>
    <row r="970159" spans="14:14">
      <c r="N970159" s="10"/>
    </row>
    <row r="970160" spans="14:14">
      <c r="N970160" s="10"/>
    </row>
    <row r="970161" spans="14:14">
      <c r="N970161" s="10"/>
    </row>
    <row r="970162" spans="14:14">
      <c r="N970162" s="10"/>
    </row>
    <row r="970163" spans="14:14">
      <c r="N970163" s="10"/>
    </row>
    <row r="970164" spans="14:14">
      <c r="N970164" s="10"/>
    </row>
    <row r="970165" spans="14:14">
      <c r="N970165" s="10"/>
    </row>
    <row r="970166" spans="14:14">
      <c r="N970166" s="10"/>
    </row>
    <row r="970167" spans="14:14">
      <c r="N970167" s="10"/>
    </row>
    <row r="970168" spans="14:14">
      <c r="N970168" s="10"/>
    </row>
    <row r="970169" spans="14:14">
      <c r="N970169" s="10"/>
    </row>
    <row r="970170" spans="14:14">
      <c r="N970170" s="10"/>
    </row>
    <row r="970171" spans="14:14">
      <c r="N970171" s="10"/>
    </row>
    <row r="970172" spans="14:14">
      <c r="N970172" s="10"/>
    </row>
    <row r="970173" spans="14:14">
      <c r="N970173" s="10"/>
    </row>
    <row r="970174" spans="14:14">
      <c r="N970174" s="10"/>
    </row>
    <row r="970175" spans="14:14">
      <c r="N970175" s="10"/>
    </row>
    <row r="970176" spans="14:14">
      <c r="N970176" s="10"/>
    </row>
    <row r="970177" spans="14:14">
      <c r="N970177" s="10"/>
    </row>
    <row r="970178" spans="14:14">
      <c r="N970178" s="10"/>
    </row>
    <row r="970179" spans="14:14">
      <c r="N970179" s="10"/>
    </row>
    <row r="970180" spans="14:14">
      <c r="N970180" s="10"/>
    </row>
    <row r="970181" spans="14:14">
      <c r="N970181" s="10"/>
    </row>
    <row r="970182" spans="14:14">
      <c r="N970182" s="10"/>
    </row>
    <row r="970183" spans="14:14">
      <c r="N970183" s="10"/>
    </row>
    <row r="970184" spans="14:14">
      <c r="N970184" s="10"/>
    </row>
    <row r="970185" spans="14:14">
      <c r="N970185" s="10"/>
    </row>
    <row r="970186" spans="14:14">
      <c r="N970186" s="10"/>
    </row>
    <row r="970187" spans="14:14">
      <c r="N970187" s="10"/>
    </row>
    <row r="970188" spans="14:14">
      <c r="N970188" s="10"/>
    </row>
    <row r="970189" spans="14:14">
      <c r="N970189" s="10"/>
    </row>
    <row r="970190" spans="14:14">
      <c r="N970190" s="10"/>
    </row>
    <row r="970191" spans="14:14">
      <c r="N970191" s="10"/>
    </row>
    <row r="970192" spans="14:14">
      <c r="N970192" s="10"/>
    </row>
    <row r="970193" spans="14:14">
      <c r="N970193" s="10"/>
    </row>
    <row r="970194" spans="14:14">
      <c r="N970194" s="10"/>
    </row>
    <row r="970195" spans="14:14">
      <c r="N970195" s="10"/>
    </row>
    <row r="970196" spans="14:14">
      <c r="N970196" s="10"/>
    </row>
    <row r="970197" spans="14:14">
      <c r="N970197" s="10"/>
    </row>
    <row r="970198" spans="14:14">
      <c r="N970198" s="10"/>
    </row>
    <row r="970199" spans="14:14">
      <c r="N970199" s="10"/>
    </row>
    <row r="970200" spans="14:14">
      <c r="N970200" s="10"/>
    </row>
    <row r="970201" spans="14:14">
      <c r="N970201" s="10"/>
    </row>
    <row r="970202" spans="14:14">
      <c r="N970202" s="10"/>
    </row>
    <row r="970203" spans="14:14">
      <c r="N970203" s="10"/>
    </row>
    <row r="970204" spans="14:14">
      <c r="N970204" s="10"/>
    </row>
    <row r="970205" spans="14:14">
      <c r="N970205" s="10"/>
    </row>
    <row r="970206" spans="14:14">
      <c r="N970206" s="10"/>
    </row>
    <row r="970207" spans="14:14">
      <c r="N970207" s="10"/>
    </row>
    <row r="970208" spans="14:14">
      <c r="N970208" s="10"/>
    </row>
    <row r="970209" spans="14:14">
      <c r="N970209" s="10"/>
    </row>
    <row r="970210" spans="14:14">
      <c r="N970210" s="10"/>
    </row>
    <row r="970211" spans="14:14">
      <c r="N970211" s="10"/>
    </row>
    <row r="970212" spans="14:14">
      <c r="N970212" s="10"/>
    </row>
    <row r="970213" spans="14:14">
      <c r="N970213" s="10"/>
    </row>
    <row r="970214" spans="14:14">
      <c r="N970214" s="10"/>
    </row>
    <row r="970215" spans="14:14">
      <c r="N970215" s="10"/>
    </row>
    <row r="970216" spans="14:14">
      <c r="N970216" s="10"/>
    </row>
    <row r="970217" spans="14:14">
      <c r="N970217" s="10"/>
    </row>
    <row r="970218" spans="14:14">
      <c r="N970218" s="10"/>
    </row>
    <row r="970219" spans="14:14">
      <c r="N970219" s="10"/>
    </row>
    <row r="970220" spans="14:14">
      <c r="N970220" s="10"/>
    </row>
    <row r="970221" spans="14:14">
      <c r="N970221" s="10"/>
    </row>
    <row r="970222" spans="14:14">
      <c r="N970222" s="10"/>
    </row>
    <row r="970223" spans="14:14">
      <c r="N970223" s="10"/>
    </row>
    <row r="970224" spans="14:14">
      <c r="N970224" s="10"/>
    </row>
    <row r="970225" spans="14:14">
      <c r="N970225" s="10"/>
    </row>
    <row r="970226" spans="14:14">
      <c r="N970226" s="10"/>
    </row>
    <row r="970227" spans="14:14">
      <c r="N970227" s="10"/>
    </row>
    <row r="970228" spans="14:14">
      <c r="N970228" s="10"/>
    </row>
    <row r="970229" spans="14:14">
      <c r="N970229" s="10"/>
    </row>
    <row r="970230" spans="14:14">
      <c r="N970230" s="10"/>
    </row>
    <row r="970231" spans="14:14">
      <c r="N970231" s="10"/>
    </row>
    <row r="970232" spans="14:14">
      <c r="N970232" s="10"/>
    </row>
    <row r="970233" spans="14:14">
      <c r="N970233" s="10"/>
    </row>
    <row r="970234" spans="14:14">
      <c r="N970234" s="10"/>
    </row>
    <row r="970235" spans="14:14">
      <c r="N970235" s="10"/>
    </row>
    <row r="970236" spans="14:14">
      <c r="N970236" s="10"/>
    </row>
    <row r="970237" spans="14:14">
      <c r="N970237" s="10"/>
    </row>
    <row r="970238" spans="14:14">
      <c r="N970238" s="10"/>
    </row>
    <row r="970239" spans="14:14">
      <c r="N970239" s="10"/>
    </row>
    <row r="970240" spans="14:14">
      <c r="N970240" s="10"/>
    </row>
    <row r="970241" spans="14:14">
      <c r="N970241" s="10"/>
    </row>
    <row r="970242" spans="14:14">
      <c r="N970242" s="10"/>
    </row>
    <row r="970243" spans="14:14">
      <c r="N970243" s="10"/>
    </row>
    <row r="970244" spans="14:14">
      <c r="N970244" s="10"/>
    </row>
    <row r="970245" spans="14:14">
      <c r="N970245" s="10"/>
    </row>
    <row r="970246" spans="14:14">
      <c r="N970246" s="10"/>
    </row>
    <row r="970247" spans="14:14">
      <c r="N970247" s="10"/>
    </row>
    <row r="970248" spans="14:14">
      <c r="N970248" s="10"/>
    </row>
    <row r="970249" spans="14:14">
      <c r="N970249" s="10"/>
    </row>
    <row r="970250" spans="14:14">
      <c r="N970250" s="10"/>
    </row>
    <row r="970251" spans="14:14">
      <c r="N970251" s="10"/>
    </row>
    <row r="970252" spans="14:14">
      <c r="N970252" s="10"/>
    </row>
    <row r="970253" spans="14:14">
      <c r="N970253" s="10"/>
    </row>
    <row r="970254" spans="14:14">
      <c r="N970254" s="10"/>
    </row>
    <row r="970255" spans="14:14">
      <c r="N970255" s="10"/>
    </row>
    <row r="970256" spans="14:14">
      <c r="N970256" s="10"/>
    </row>
    <row r="970257" spans="14:14">
      <c r="N970257" s="10"/>
    </row>
    <row r="970258" spans="14:14">
      <c r="N970258" s="10"/>
    </row>
    <row r="970259" spans="14:14">
      <c r="N970259" s="10"/>
    </row>
    <row r="970260" spans="14:14">
      <c r="N970260" s="10"/>
    </row>
    <row r="970261" spans="14:14">
      <c r="N970261" s="10"/>
    </row>
    <row r="970262" spans="14:14">
      <c r="N970262" s="10"/>
    </row>
    <row r="970263" spans="14:14">
      <c r="N970263" s="10"/>
    </row>
    <row r="970264" spans="14:14">
      <c r="N970264" s="10"/>
    </row>
    <row r="970265" spans="14:14">
      <c r="N970265" s="10"/>
    </row>
    <row r="970266" spans="14:14">
      <c r="N970266" s="10"/>
    </row>
    <row r="970267" spans="14:14">
      <c r="N970267" s="10"/>
    </row>
    <row r="970268" spans="14:14">
      <c r="N970268" s="10"/>
    </row>
    <row r="970269" spans="14:14">
      <c r="N970269" s="10"/>
    </row>
    <row r="970270" spans="14:14">
      <c r="N970270" s="10"/>
    </row>
    <row r="970271" spans="14:14">
      <c r="N970271" s="10"/>
    </row>
    <row r="970272" spans="14:14">
      <c r="N970272" s="10"/>
    </row>
    <row r="970273" spans="14:14">
      <c r="N970273" s="10"/>
    </row>
    <row r="970274" spans="14:14">
      <c r="N970274" s="10"/>
    </row>
    <row r="970275" spans="14:14">
      <c r="N970275" s="10"/>
    </row>
    <row r="970276" spans="14:14">
      <c r="N970276" s="10"/>
    </row>
    <row r="970277" spans="14:14">
      <c r="N970277" s="10"/>
    </row>
    <row r="970278" spans="14:14">
      <c r="N970278" s="10"/>
    </row>
    <row r="970279" spans="14:14">
      <c r="N970279" s="10"/>
    </row>
    <row r="970280" spans="14:14">
      <c r="N970280" s="10"/>
    </row>
    <row r="970281" spans="14:14">
      <c r="N970281" s="10"/>
    </row>
    <row r="970282" spans="14:14">
      <c r="N970282" s="10"/>
    </row>
    <row r="970283" spans="14:14">
      <c r="N970283" s="10"/>
    </row>
    <row r="970284" spans="14:14">
      <c r="N970284" s="10"/>
    </row>
    <row r="970285" spans="14:14">
      <c r="N970285" s="10"/>
    </row>
    <row r="970286" spans="14:14">
      <c r="N970286" s="10"/>
    </row>
    <row r="970287" spans="14:14">
      <c r="N970287" s="10"/>
    </row>
    <row r="970288" spans="14:14">
      <c r="N970288" s="10"/>
    </row>
    <row r="970289" spans="14:14">
      <c r="N970289" s="10"/>
    </row>
    <row r="970290" spans="14:14">
      <c r="N970290" s="10"/>
    </row>
    <row r="970291" spans="14:14">
      <c r="N970291" s="10"/>
    </row>
    <row r="970292" spans="14:14">
      <c r="N970292" s="10"/>
    </row>
    <row r="970293" spans="14:14">
      <c r="N970293" s="10"/>
    </row>
    <row r="970294" spans="14:14">
      <c r="N970294" s="10"/>
    </row>
    <row r="970295" spans="14:14">
      <c r="N970295" s="10"/>
    </row>
    <row r="970296" spans="14:14">
      <c r="N970296" s="10"/>
    </row>
    <row r="970297" spans="14:14">
      <c r="N970297" s="10"/>
    </row>
    <row r="970298" spans="14:14">
      <c r="N970298" s="10"/>
    </row>
    <row r="970299" spans="14:14">
      <c r="N970299" s="10"/>
    </row>
    <row r="970300" spans="14:14">
      <c r="N970300" s="10"/>
    </row>
    <row r="970301" spans="14:14">
      <c r="N970301" s="10"/>
    </row>
    <row r="970302" spans="14:14">
      <c r="N970302" s="10"/>
    </row>
    <row r="970303" spans="14:14">
      <c r="N970303" s="10"/>
    </row>
    <row r="970304" spans="14:14">
      <c r="N970304" s="10"/>
    </row>
    <row r="970305" spans="14:14">
      <c r="N970305" s="10"/>
    </row>
    <row r="970306" spans="14:14">
      <c r="N970306" s="10"/>
    </row>
    <row r="970307" spans="14:14">
      <c r="N970307" s="10"/>
    </row>
    <row r="970308" spans="14:14">
      <c r="N970308" s="10"/>
    </row>
    <row r="970309" spans="14:14">
      <c r="N970309" s="10"/>
    </row>
    <row r="970310" spans="14:14">
      <c r="N970310" s="10"/>
    </row>
    <row r="970311" spans="14:14">
      <c r="N970311" s="10"/>
    </row>
    <row r="970312" spans="14:14">
      <c r="N970312" s="10"/>
    </row>
    <row r="970313" spans="14:14">
      <c r="N970313" s="10"/>
    </row>
    <row r="970314" spans="14:14">
      <c r="N970314" s="10"/>
    </row>
    <row r="970315" spans="14:14">
      <c r="N970315" s="10"/>
    </row>
    <row r="970316" spans="14:14">
      <c r="N970316" s="10"/>
    </row>
    <row r="970317" spans="14:14">
      <c r="N970317" s="10"/>
    </row>
    <row r="970318" spans="14:14">
      <c r="N970318" s="10"/>
    </row>
    <row r="970319" spans="14:14">
      <c r="N970319" s="10"/>
    </row>
    <row r="970320" spans="14:14">
      <c r="N970320" s="10"/>
    </row>
    <row r="970321" spans="14:14">
      <c r="N970321" s="10"/>
    </row>
    <row r="970322" spans="14:14">
      <c r="N970322" s="10"/>
    </row>
    <row r="970323" spans="14:14">
      <c r="N970323" s="10"/>
    </row>
    <row r="970324" spans="14:14">
      <c r="N970324" s="10"/>
    </row>
    <row r="970325" spans="14:14">
      <c r="N970325" s="10"/>
    </row>
    <row r="970326" spans="14:14">
      <c r="N970326" s="10"/>
    </row>
    <row r="970327" spans="14:14">
      <c r="N970327" s="10"/>
    </row>
    <row r="970328" spans="14:14">
      <c r="N970328" s="10"/>
    </row>
    <row r="970329" spans="14:14">
      <c r="N970329" s="10"/>
    </row>
    <row r="970330" spans="14:14">
      <c r="N970330" s="10"/>
    </row>
    <row r="970331" spans="14:14">
      <c r="N970331" s="10"/>
    </row>
    <row r="970332" spans="14:14">
      <c r="N970332" s="10"/>
    </row>
    <row r="970333" spans="14:14">
      <c r="N970333" s="10"/>
    </row>
    <row r="970334" spans="14:14">
      <c r="N970334" s="10"/>
    </row>
    <row r="970335" spans="14:14">
      <c r="N970335" s="10"/>
    </row>
    <row r="970336" spans="14:14">
      <c r="N970336" s="10"/>
    </row>
    <row r="970337" spans="14:14">
      <c r="N970337" s="10"/>
    </row>
    <row r="970338" spans="14:14">
      <c r="N970338" s="10"/>
    </row>
    <row r="970339" spans="14:14">
      <c r="N970339" s="10"/>
    </row>
    <row r="970340" spans="14:14">
      <c r="N970340" s="10"/>
    </row>
    <row r="970341" spans="14:14">
      <c r="N970341" s="10"/>
    </row>
    <row r="970342" spans="14:14">
      <c r="N970342" s="10"/>
    </row>
    <row r="970343" spans="14:14">
      <c r="N970343" s="10"/>
    </row>
    <row r="970344" spans="14:14">
      <c r="N970344" s="10"/>
    </row>
    <row r="970345" spans="14:14">
      <c r="N970345" s="10"/>
    </row>
    <row r="970346" spans="14:14">
      <c r="N970346" s="10"/>
    </row>
    <row r="970347" spans="14:14">
      <c r="N970347" s="10"/>
    </row>
    <row r="970348" spans="14:14">
      <c r="N970348" s="10"/>
    </row>
    <row r="970349" spans="14:14">
      <c r="N970349" s="10"/>
    </row>
    <row r="970350" spans="14:14">
      <c r="N970350" s="10"/>
    </row>
    <row r="970351" spans="14:14">
      <c r="N970351" s="10"/>
    </row>
    <row r="970352" spans="14:14">
      <c r="N970352" s="10"/>
    </row>
    <row r="970353" spans="14:14">
      <c r="N970353" s="10"/>
    </row>
    <row r="970354" spans="14:14">
      <c r="N970354" s="10"/>
    </row>
    <row r="970355" spans="14:14">
      <c r="N970355" s="10"/>
    </row>
    <row r="970356" spans="14:14">
      <c r="N970356" s="10"/>
    </row>
    <row r="970357" spans="14:14">
      <c r="N970357" s="10"/>
    </row>
    <row r="970358" spans="14:14">
      <c r="N970358" s="10"/>
    </row>
    <row r="970359" spans="14:14">
      <c r="N970359" s="10"/>
    </row>
    <row r="970360" spans="14:14">
      <c r="N970360" s="10"/>
    </row>
    <row r="970361" spans="14:14">
      <c r="N970361" s="10"/>
    </row>
    <row r="970362" spans="14:14">
      <c r="N970362" s="10"/>
    </row>
    <row r="970363" spans="14:14">
      <c r="N970363" s="10"/>
    </row>
    <row r="970364" spans="14:14">
      <c r="N970364" s="10"/>
    </row>
    <row r="970365" spans="14:14">
      <c r="N970365" s="10"/>
    </row>
    <row r="970366" spans="14:14">
      <c r="N970366" s="10"/>
    </row>
    <row r="970367" spans="14:14">
      <c r="N970367" s="10"/>
    </row>
    <row r="970368" spans="14:14">
      <c r="N970368" s="10"/>
    </row>
    <row r="970369" spans="14:14">
      <c r="N970369" s="10"/>
    </row>
    <row r="970370" spans="14:14">
      <c r="N970370" s="10"/>
    </row>
    <row r="970371" spans="14:14">
      <c r="N970371" s="10"/>
    </row>
    <row r="970372" spans="14:14">
      <c r="N970372" s="10"/>
    </row>
    <row r="970373" spans="14:14">
      <c r="N970373" s="10"/>
    </row>
    <row r="970374" spans="14:14">
      <c r="N970374" s="10"/>
    </row>
    <row r="970375" spans="14:14">
      <c r="N970375" s="10"/>
    </row>
    <row r="970376" spans="14:14">
      <c r="N970376" s="10"/>
    </row>
    <row r="970377" spans="14:14">
      <c r="N970377" s="10"/>
    </row>
    <row r="970378" spans="14:14">
      <c r="N970378" s="10"/>
    </row>
    <row r="970379" spans="14:14">
      <c r="N970379" s="10"/>
    </row>
    <row r="970380" spans="14:14">
      <c r="N970380" s="10"/>
    </row>
    <row r="970381" spans="14:14">
      <c r="N970381" s="10"/>
    </row>
    <row r="970382" spans="14:14">
      <c r="N970382" s="10"/>
    </row>
    <row r="970383" spans="14:14">
      <c r="N970383" s="10"/>
    </row>
    <row r="970384" spans="14:14">
      <c r="N970384" s="10"/>
    </row>
    <row r="970385" spans="14:14">
      <c r="N970385" s="10"/>
    </row>
    <row r="970386" spans="14:14">
      <c r="N970386" s="10"/>
    </row>
    <row r="970387" spans="14:14">
      <c r="N970387" s="10"/>
    </row>
    <row r="970388" spans="14:14">
      <c r="N970388" s="10"/>
    </row>
    <row r="970389" spans="14:14">
      <c r="N970389" s="10"/>
    </row>
    <row r="970390" spans="14:14">
      <c r="N970390" s="10"/>
    </row>
    <row r="970391" spans="14:14">
      <c r="N970391" s="10"/>
    </row>
    <row r="970392" spans="14:14">
      <c r="N970392" s="10"/>
    </row>
    <row r="970393" spans="14:14">
      <c r="N970393" s="10"/>
    </row>
    <row r="970394" spans="14:14">
      <c r="N970394" s="10"/>
    </row>
    <row r="970395" spans="14:14">
      <c r="N970395" s="10"/>
    </row>
    <row r="970396" spans="14:14">
      <c r="N970396" s="10"/>
    </row>
    <row r="970397" spans="14:14">
      <c r="N970397" s="10"/>
    </row>
    <row r="970398" spans="14:14">
      <c r="N970398" s="10"/>
    </row>
    <row r="970399" spans="14:14">
      <c r="N970399" s="10"/>
    </row>
    <row r="970400" spans="14:14">
      <c r="N970400" s="10"/>
    </row>
    <row r="970401" spans="14:14">
      <c r="N970401" s="10"/>
    </row>
    <row r="970402" spans="14:14">
      <c r="N970402" s="10"/>
    </row>
    <row r="970403" spans="14:14">
      <c r="N970403" s="10"/>
    </row>
    <row r="970404" spans="14:14">
      <c r="N970404" s="10"/>
    </row>
    <row r="970405" spans="14:14">
      <c r="N970405" s="10"/>
    </row>
    <row r="970406" spans="14:14">
      <c r="N970406" s="10"/>
    </row>
    <row r="970407" spans="14:14">
      <c r="N970407" s="10"/>
    </row>
    <row r="970408" spans="14:14">
      <c r="N970408" s="10"/>
    </row>
    <row r="970409" spans="14:14">
      <c r="N970409" s="10"/>
    </row>
    <row r="970410" spans="14:14">
      <c r="N970410" s="10"/>
    </row>
    <row r="970411" spans="14:14">
      <c r="N970411" s="10"/>
    </row>
    <row r="970412" spans="14:14">
      <c r="N970412" s="10"/>
    </row>
    <row r="970413" spans="14:14">
      <c r="N970413" s="10"/>
    </row>
    <row r="970414" spans="14:14">
      <c r="N970414" s="10"/>
    </row>
    <row r="970415" spans="14:14">
      <c r="N970415" s="10"/>
    </row>
    <row r="970416" spans="14:14">
      <c r="N970416" s="10"/>
    </row>
    <row r="970417" spans="14:14">
      <c r="N970417" s="10"/>
    </row>
    <row r="970418" spans="14:14">
      <c r="N970418" s="10"/>
    </row>
    <row r="970419" spans="14:14">
      <c r="N970419" s="10"/>
    </row>
    <row r="970420" spans="14:14">
      <c r="N970420" s="10"/>
    </row>
    <row r="970421" spans="14:14">
      <c r="N970421" s="10"/>
    </row>
    <row r="970422" spans="14:14">
      <c r="N970422" s="10"/>
    </row>
    <row r="970423" spans="14:14">
      <c r="N970423" s="10"/>
    </row>
    <row r="970424" spans="14:14">
      <c r="N970424" s="10"/>
    </row>
    <row r="970425" spans="14:14">
      <c r="N970425" s="10"/>
    </row>
    <row r="970426" spans="14:14">
      <c r="N970426" s="10"/>
    </row>
    <row r="970427" spans="14:14">
      <c r="N970427" s="10"/>
    </row>
    <row r="970428" spans="14:14">
      <c r="N970428" s="10"/>
    </row>
    <row r="970429" spans="14:14">
      <c r="N970429" s="10"/>
    </row>
    <row r="970430" spans="14:14">
      <c r="N970430" s="10"/>
    </row>
    <row r="970431" spans="14:14">
      <c r="N970431" s="10"/>
    </row>
    <row r="970432" spans="14:14">
      <c r="N970432" s="10"/>
    </row>
    <row r="970433" spans="14:14">
      <c r="N970433" s="10"/>
    </row>
    <row r="970434" spans="14:14">
      <c r="N970434" s="10"/>
    </row>
    <row r="970435" spans="14:14">
      <c r="N970435" s="10"/>
    </row>
    <row r="970436" spans="14:14">
      <c r="N970436" s="10"/>
    </row>
    <row r="970437" spans="14:14">
      <c r="N970437" s="10"/>
    </row>
    <row r="970438" spans="14:14">
      <c r="N970438" s="10"/>
    </row>
    <row r="970439" spans="14:14">
      <c r="N970439" s="10"/>
    </row>
    <row r="970440" spans="14:14">
      <c r="N970440" s="10"/>
    </row>
    <row r="970441" spans="14:14">
      <c r="N970441" s="10"/>
    </row>
    <row r="970442" spans="14:14">
      <c r="N970442" s="10"/>
    </row>
    <row r="970443" spans="14:14">
      <c r="N970443" s="10"/>
    </row>
    <row r="970444" spans="14:14">
      <c r="N970444" s="10"/>
    </row>
    <row r="970445" spans="14:14">
      <c r="N970445" s="10"/>
    </row>
    <row r="970446" spans="14:14">
      <c r="N970446" s="10"/>
    </row>
    <row r="970447" spans="14:14">
      <c r="N970447" s="10"/>
    </row>
    <row r="970448" spans="14:14">
      <c r="N970448" s="10"/>
    </row>
    <row r="970449" spans="14:14">
      <c r="N970449" s="10"/>
    </row>
    <row r="970450" spans="14:14">
      <c r="N970450" s="10"/>
    </row>
    <row r="970451" spans="14:14">
      <c r="N970451" s="10"/>
    </row>
    <row r="970452" spans="14:14">
      <c r="N970452" s="10"/>
    </row>
    <row r="970453" spans="14:14">
      <c r="N970453" s="10"/>
    </row>
    <row r="970454" spans="14:14">
      <c r="N970454" s="10"/>
    </row>
    <row r="970455" spans="14:14">
      <c r="N970455" s="10"/>
    </row>
    <row r="970456" spans="14:14">
      <c r="N970456" s="10"/>
    </row>
    <row r="970457" spans="14:14">
      <c r="N970457" s="10"/>
    </row>
    <row r="970458" spans="14:14">
      <c r="N970458" s="10"/>
    </row>
    <row r="970459" spans="14:14">
      <c r="N970459" s="10"/>
    </row>
    <row r="970460" spans="14:14">
      <c r="N970460" s="10"/>
    </row>
    <row r="970461" spans="14:14">
      <c r="N970461" s="10"/>
    </row>
    <row r="970462" spans="14:14">
      <c r="N970462" s="10"/>
    </row>
    <row r="970463" spans="14:14">
      <c r="N970463" s="10"/>
    </row>
    <row r="970464" spans="14:14">
      <c r="N970464" s="10"/>
    </row>
    <row r="970465" spans="14:14">
      <c r="N970465" s="10"/>
    </row>
    <row r="970466" spans="14:14">
      <c r="N970466" s="10"/>
    </row>
    <row r="970467" spans="14:14">
      <c r="N970467" s="10"/>
    </row>
    <row r="970468" spans="14:14">
      <c r="N970468" s="10"/>
    </row>
    <row r="970469" spans="14:14">
      <c r="N970469" s="10"/>
    </row>
    <row r="970470" spans="14:14">
      <c r="N970470" s="10"/>
    </row>
    <row r="970471" spans="14:14">
      <c r="N970471" s="10"/>
    </row>
    <row r="970472" spans="14:14">
      <c r="N970472" s="10"/>
    </row>
    <row r="970473" spans="14:14">
      <c r="N970473" s="10"/>
    </row>
    <row r="970474" spans="14:14">
      <c r="N970474" s="10"/>
    </row>
    <row r="970475" spans="14:14">
      <c r="N970475" s="10"/>
    </row>
    <row r="970476" spans="14:14">
      <c r="N970476" s="10"/>
    </row>
    <row r="970477" spans="14:14">
      <c r="N970477" s="10"/>
    </row>
    <row r="970478" spans="14:14">
      <c r="N970478" s="10"/>
    </row>
    <row r="970479" spans="14:14">
      <c r="N970479" s="10"/>
    </row>
    <row r="970480" spans="14:14">
      <c r="N970480" s="10"/>
    </row>
    <row r="970481" spans="14:14">
      <c r="N970481" s="10"/>
    </row>
    <row r="970482" spans="14:14">
      <c r="N970482" s="10"/>
    </row>
    <row r="970483" spans="14:14">
      <c r="N970483" s="10"/>
    </row>
    <row r="970484" spans="14:14">
      <c r="N970484" s="10"/>
    </row>
    <row r="970485" spans="14:14">
      <c r="N970485" s="10"/>
    </row>
    <row r="970486" spans="14:14">
      <c r="N970486" s="10"/>
    </row>
    <row r="970487" spans="14:14">
      <c r="N970487" s="10"/>
    </row>
    <row r="970488" spans="14:14">
      <c r="N970488" s="10"/>
    </row>
    <row r="970489" spans="14:14">
      <c r="N970489" s="10"/>
    </row>
    <row r="970490" spans="14:14">
      <c r="N970490" s="10"/>
    </row>
    <row r="970491" spans="14:14">
      <c r="N970491" s="10"/>
    </row>
    <row r="970492" spans="14:14">
      <c r="N970492" s="10"/>
    </row>
    <row r="970493" spans="14:14">
      <c r="N970493" s="10"/>
    </row>
    <row r="970494" spans="14:14">
      <c r="N970494" s="10"/>
    </row>
    <row r="970495" spans="14:14">
      <c r="N970495" s="10"/>
    </row>
    <row r="970496" spans="14:14">
      <c r="N970496" s="10"/>
    </row>
    <row r="970497" spans="14:14">
      <c r="N970497" s="10"/>
    </row>
    <row r="970498" spans="14:14">
      <c r="N970498" s="10"/>
    </row>
    <row r="970499" spans="14:14">
      <c r="N970499" s="10"/>
    </row>
    <row r="970500" spans="14:14">
      <c r="N970500" s="10"/>
    </row>
    <row r="970501" spans="14:14">
      <c r="N970501" s="10"/>
    </row>
    <row r="970502" spans="14:14">
      <c r="N970502" s="10"/>
    </row>
    <row r="970503" spans="14:14">
      <c r="N970503" s="10"/>
    </row>
    <row r="970504" spans="14:14">
      <c r="N970504" s="10"/>
    </row>
    <row r="970505" spans="14:14">
      <c r="N970505" s="10"/>
    </row>
    <row r="970506" spans="14:14">
      <c r="N970506" s="10"/>
    </row>
    <row r="970507" spans="14:14">
      <c r="N970507" s="10"/>
    </row>
    <row r="970508" spans="14:14">
      <c r="N970508" s="10"/>
    </row>
    <row r="970509" spans="14:14">
      <c r="N970509" s="10"/>
    </row>
    <row r="970510" spans="14:14">
      <c r="N970510" s="10"/>
    </row>
    <row r="970511" spans="14:14">
      <c r="N970511" s="10"/>
    </row>
    <row r="970512" spans="14:14">
      <c r="N970512" s="10"/>
    </row>
    <row r="970513" spans="14:14">
      <c r="N970513" s="10"/>
    </row>
    <row r="970514" spans="14:14">
      <c r="N970514" s="10"/>
    </row>
    <row r="970515" spans="14:14">
      <c r="N970515" s="10"/>
    </row>
    <row r="970516" spans="14:14">
      <c r="N970516" s="10"/>
    </row>
    <row r="970517" spans="14:14">
      <c r="N970517" s="10"/>
    </row>
    <row r="970518" spans="14:14">
      <c r="N970518" s="10"/>
    </row>
    <row r="970519" spans="14:14">
      <c r="N970519" s="10"/>
    </row>
    <row r="970520" spans="14:14">
      <c r="N970520" s="10"/>
    </row>
    <row r="970521" spans="14:14">
      <c r="N970521" s="10"/>
    </row>
    <row r="970522" spans="14:14">
      <c r="N970522" s="10"/>
    </row>
    <row r="970523" spans="14:14">
      <c r="N970523" s="10"/>
    </row>
    <row r="970524" spans="14:14">
      <c r="N970524" s="10"/>
    </row>
    <row r="970525" spans="14:14">
      <c r="N970525" s="10"/>
    </row>
    <row r="970526" spans="14:14">
      <c r="N970526" s="10"/>
    </row>
    <row r="970527" spans="14:14">
      <c r="N970527" s="10"/>
    </row>
    <row r="970528" spans="14:14">
      <c r="N970528" s="10"/>
    </row>
    <row r="970529" spans="14:14">
      <c r="N970529" s="10"/>
    </row>
    <row r="970530" spans="14:14">
      <c r="N970530" s="10"/>
    </row>
    <row r="970531" spans="14:14">
      <c r="N970531" s="10"/>
    </row>
    <row r="970532" spans="14:14">
      <c r="N970532" s="10"/>
    </row>
    <row r="970533" spans="14:14">
      <c r="N970533" s="10"/>
    </row>
    <row r="970534" spans="14:14">
      <c r="N970534" s="10"/>
    </row>
    <row r="970535" spans="14:14">
      <c r="N970535" s="10"/>
    </row>
    <row r="970536" spans="14:14">
      <c r="N970536" s="10"/>
    </row>
    <row r="970537" spans="14:14">
      <c r="N970537" s="10"/>
    </row>
    <row r="970538" spans="14:14">
      <c r="N970538" s="10"/>
    </row>
    <row r="970539" spans="14:14">
      <c r="N970539" s="10"/>
    </row>
    <row r="970540" spans="14:14">
      <c r="N970540" s="10"/>
    </row>
    <row r="970541" spans="14:14">
      <c r="N970541" s="10"/>
    </row>
    <row r="970542" spans="14:14">
      <c r="N970542" s="10"/>
    </row>
    <row r="970543" spans="14:14">
      <c r="N970543" s="10"/>
    </row>
    <row r="970544" spans="14:14">
      <c r="N970544" s="10"/>
    </row>
    <row r="970545" spans="14:14">
      <c r="N970545" s="10"/>
    </row>
    <row r="970546" spans="14:14">
      <c r="N970546" s="10"/>
    </row>
    <row r="970547" spans="14:14">
      <c r="N970547" s="10"/>
    </row>
    <row r="970548" spans="14:14">
      <c r="N970548" s="10"/>
    </row>
    <row r="970549" spans="14:14">
      <c r="N970549" s="10"/>
    </row>
    <row r="970550" spans="14:14">
      <c r="N970550" s="10"/>
    </row>
    <row r="970551" spans="14:14">
      <c r="N970551" s="10"/>
    </row>
    <row r="970552" spans="14:14">
      <c r="N970552" s="10"/>
    </row>
    <row r="970553" spans="14:14">
      <c r="N970553" s="10"/>
    </row>
    <row r="970554" spans="14:14">
      <c r="N970554" s="10"/>
    </row>
    <row r="970555" spans="14:14">
      <c r="N970555" s="10"/>
    </row>
    <row r="970556" spans="14:14">
      <c r="N970556" s="10"/>
    </row>
    <row r="970557" spans="14:14">
      <c r="N970557" s="10"/>
    </row>
    <row r="970558" spans="14:14">
      <c r="N970558" s="10"/>
    </row>
    <row r="970559" spans="14:14">
      <c r="N970559" s="10"/>
    </row>
    <row r="970560" spans="14:14">
      <c r="N970560" s="10"/>
    </row>
    <row r="970561" spans="14:14">
      <c r="N970561" s="10"/>
    </row>
    <row r="970562" spans="14:14">
      <c r="N970562" s="10"/>
    </row>
    <row r="970563" spans="14:14">
      <c r="N970563" s="10"/>
    </row>
    <row r="970564" spans="14:14">
      <c r="N970564" s="10"/>
    </row>
    <row r="970565" spans="14:14">
      <c r="N970565" s="10"/>
    </row>
    <row r="970566" spans="14:14">
      <c r="N970566" s="10"/>
    </row>
    <row r="970567" spans="14:14">
      <c r="N970567" s="10"/>
    </row>
    <row r="970568" spans="14:14">
      <c r="N970568" s="10"/>
    </row>
    <row r="970569" spans="14:14">
      <c r="N970569" s="10"/>
    </row>
    <row r="970570" spans="14:14">
      <c r="N970570" s="10"/>
    </row>
    <row r="970571" spans="14:14">
      <c r="N970571" s="10"/>
    </row>
    <row r="970572" spans="14:14">
      <c r="N970572" s="10"/>
    </row>
    <row r="970573" spans="14:14">
      <c r="N970573" s="10"/>
    </row>
    <row r="970574" spans="14:14">
      <c r="N970574" s="10"/>
    </row>
    <row r="970575" spans="14:14">
      <c r="N970575" s="10"/>
    </row>
    <row r="970576" spans="14:14">
      <c r="N970576" s="10"/>
    </row>
    <row r="970577" spans="14:14">
      <c r="N970577" s="10"/>
    </row>
    <row r="970578" spans="14:14">
      <c r="N970578" s="10"/>
    </row>
    <row r="970579" spans="14:14">
      <c r="N970579" s="10"/>
    </row>
    <row r="970580" spans="14:14">
      <c r="N970580" s="10"/>
    </row>
    <row r="970581" spans="14:14">
      <c r="N970581" s="10"/>
    </row>
    <row r="970582" spans="14:14">
      <c r="N970582" s="10"/>
    </row>
    <row r="970583" spans="14:14">
      <c r="N970583" s="10"/>
    </row>
    <row r="970584" spans="14:14">
      <c r="N970584" s="10"/>
    </row>
    <row r="970585" spans="14:14">
      <c r="N970585" s="10"/>
    </row>
    <row r="970586" spans="14:14">
      <c r="N970586" s="10"/>
    </row>
    <row r="970587" spans="14:14">
      <c r="N970587" s="10"/>
    </row>
    <row r="970588" spans="14:14">
      <c r="N970588" s="10"/>
    </row>
    <row r="970589" spans="14:14">
      <c r="N970589" s="10"/>
    </row>
    <row r="970590" spans="14:14">
      <c r="N970590" s="10"/>
    </row>
    <row r="970591" spans="14:14">
      <c r="N970591" s="10"/>
    </row>
    <row r="970592" spans="14:14">
      <c r="N970592" s="10"/>
    </row>
    <row r="970593" spans="14:14">
      <c r="N970593" s="10"/>
    </row>
    <row r="970594" spans="14:14">
      <c r="N970594" s="10"/>
    </row>
    <row r="970595" spans="14:14">
      <c r="N970595" s="10"/>
    </row>
    <row r="970596" spans="14:14">
      <c r="N970596" s="10"/>
    </row>
    <row r="970597" spans="14:14">
      <c r="N970597" s="10"/>
    </row>
    <row r="970598" spans="14:14">
      <c r="N970598" s="10"/>
    </row>
    <row r="970599" spans="14:14">
      <c r="N970599" s="10"/>
    </row>
    <row r="970600" spans="14:14">
      <c r="N970600" s="10"/>
    </row>
    <row r="970601" spans="14:14">
      <c r="N970601" s="10"/>
    </row>
    <row r="970602" spans="14:14">
      <c r="N970602" s="10"/>
    </row>
    <row r="970603" spans="14:14">
      <c r="N970603" s="10"/>
    </row>
    <row r="970604" spans="14:14">
      <c r="N970604" s="10"/>
    </row>
    <row r="970605" spans="14:14">
      <c r="N970605" s="10"/>
    </row>
    <row r="970606" spans="14:14">
      <c r="N970606" s="10"/>
    </row>
    <row r="970607" spans="14:14">
      <c r="N970607" s="10"/>
    </row>
    <row r="970608" spans="14:14">
      <c r="N970608" s="10"/>
    </row>
    <row r="970609" spans="14:14">
      <c r="N970609" s="10"/>
    </row>
    <row r="970610" spans="14:14">
      <c r="N970610" s="10"/>
    </row>
    <row r="970611" spans="14:14">
      <c r="N970611" s="10"/>
    </row>
    <row r="970612" spans="14:14">
      <c r="N970612" s="10"/>
    </row>
    <row r="970613" spans="14:14">
      <c r="N970613" s="10"/>
    </row>
    <row r="970614" spans="14:14">
      <c r="N970614" s="10"/>
    </row>
    <row r="970615" spans="14:14">
      <c r="N970615" s="10"/>
    </row>
    <row r="970616" spans="14:14">
      <c r="N970616" s="10"/>
    </row>
    <row r="970617" spans="14:14">
      <c r="N970617" s="10"/>
    </row>
    <row r="970618" spans="14:14">
      <c r="N970618" s="10"/>
    </row>
    <row r="970619" spans="14:14">
      <c r="N970619" s="10"/>
    </row>
    <row r="970620" spans="14:14">
      <c r="N970620" s="10"/>
    </row>
    <row r="970621" spans="14:14">
      <c r="N970621" s="10"/>
    </row>
    <row r="970622" spans="14:14">
      <c r="N970622" s="10"/>
    </row>
    <row r="970623" spans="14:14">
      <c r="N970623" s="10"/>
    </row>
    <row r="970624" spans="14:14">
      <c r="N970624" s="10"/>
    </row>
    <row r="970625" spans="14:14">
      <c r="N970625" s="10"/>
    </row>
    <row r="970626" spans="14:14">
      <c r="N970626" s="10"/>
    </row>
    <row r="970627" spans="14:14">
      <c r="N970627" s="10"/>
    </row>
    <row r="970628" spans="14:14">
      <c r="N970628" s="10"/>
    </row>
    <row r="970629" spans="14:14">
      <c r="N970629" s="10"/>
    </row>
    <row r="970630" spans="14:14">
      <c r="N970630" s="10"/>
    </row>
    <row r="970631" spans="14:14">
      <c r="N970631" s="10"/>
    </row>
    <row r="970632" spans="14:14">
      <c r="N970632" s="10"/>
    </row>
    <row r="970633" spans="14:14">
      <c r="N970633" s="10"/>
    </row>
    <row r="970634" spans="14:14">
      <c r="N970634" s="10"/>
    </row>
    <row r="970635" spans="14:14">
      <c r="N970635" s="10"/>
    </row>
    <row r="970636" spans="14:14">
      <c r="N970636" s="10"/>
    </row>
    <row r="970637" spans="14:14">
      <c r="N970637" s="10"/>
    </row>
    <row r="970638" spans="14:14">
      <c r="N970638" s="10"/>
    </row>
    <row r="970639" spans="14:14">
      <c r="N970639" s="10"/>
    </row>
    <row r="970640" spans="14:14">
      <c r="N970640" s="10"/>
    </row>
    <row r="970641" spans="14:14">
      <c r="N970641" s="10"/>
    </row>
    <row r="970642" spans="14:14">
      <c r="N970642" s="10"/>
    </row>
    <row r="970643" spans="14:14">
      <c r="N970643" s="10"/>
    </row>
    <row r="970644" spans="14:14">
      <c r="N970644" s="10"/>
    </row>
    <row r="970645" spans="14:14">
      <c r="N970645" s="10"/>
    </row>
    <row r="970646" spans="14:14">
      <c r="N970646" s="10"/>
    </row>
    <row r="970647" spans="14:14">
      <c r="N970647" s="10"/>
    </row>
    <row r="970648" spans="14:14">
      <c r="N970648" s="10"/>
    </row>
    <row r="970649" spans="14:14">
      <c r="N970649" s="10"/>
    </row>
    <row r="970650" spans="14:14">
      <c r="N970650" s="10"/>
    </row>
    <row r="970651" spans="14:14">
      <c r="N970651" s="10"/>
    </row>
    <row r="970652" spans="14:14">
      <c r="N970652" s="10"/>
    </row>
    <row r="970653" spans="14:14">
      <c r="N970653" s="10"/>
    </row>
    <row r="970654" spans="14:14">
      <c r="N970654" s="10"/>
    </row>
    <row r="970655" spans="14:14">
      <c r="N970655" s="10"/>
    </row>
    <row r="970656" spans="14:14">
      <c r="N970656" s="10"/>
    </row>
    <row r="970657" spans="14:14">
      <c r="N970657" s="10"/>
    </row>
    <row r="970658" spans="14:14">
      <c r="N970658" s="10"/>
    </row>
    <row r="970659" spans="14:14">
      <c r="N970659" s="10"/>
    </row>
    <row r="970660" spans="14:14">
      <c r="N970660" s="10"/>
    </row>
    <row r="970661" spans="14:14">
      <c r="N970661" s="10"/>
    </row>
    <row r="970662" spans="14:14">
      <c r="N970662" s="10"/>
    </row>
    <row r="970663" spans="14:14">
      <c r="N970663" s="10"/>
    </row>
    <row r="970664" spans="14:14">
      <c r="N970664" s="10"/>
    </row>
    <row r="970665" spans="14:14">
      <c r="N970665" s="10"/>
    </row>
    <row r="970666" spans="14:14">
      <c r="N970666" s="10"/>
    </row>
    <row r="970667" spans="14:14">
      <c r="N970667" s="10"/>
    </row>
    <row r="970668" spans="14:14">
      <c r="N970668" s="10"/>
    </row>
    <row r="970669" spans="14:14">
      <c r="N970669" s="10"/>
    </row>
    <row r="970670" spans="14:14">
      <c r="N970670" s="10"/>
    </row>
    <row r="970671" spans="14:14">
      <c r="N970671" s="10"/>
    </row>
    <row r="970672" spans="14:14">
      <c r="N970672" s="10"/>
    </row>
    <row r="970673" spans="14:14">
      <c r="N970673" s="10"/>
    </row>
    <row r="970674" spans="14:14">
      <c r="N970674" s="10"/>
    </row>
    <row r="970675" spans="14:14">
      <c r="N970675" s="10"/>
    </row>
    <row r="970676" spans="14:14">
      <c r="N970676" s="10"/>
    </row>
    <row r="970677" spans="14:14">
      <c r="N970677" s="10"/>
    </row>
    <row r="970678" spans="14:14">
      <c r="N970678" s="10"/>
    </row>
    <row r="970679" spans="14:14">
      <c r="N970679" s="10"/>
    </row>
    <row r="970680" spans="14:14">
      <c r="N970680" s="10"/>
    </row>
    <row r="970681" spans="14:14">
      <c r="N970681" s="10"/>
    </row>
    <row r="970682" spans="14:14">
      <c r="N970682" s="10"/>
    </row>
    <row r="970683" spans="14:14">
      <c r="N970683" s="10"/>
    </row>
    <row r="970684" spans="14:14">
      <c r="N970684" s="10"/>
    </row>
    <row r="970685" spans="14:14">
      <c r="N970685" s="10"/>
    </row>
    <row r="970686" spans="14:14">
      <c r="N970686" s="10"/>
    </row>
    <row r="970687" spans="14:14">
      <c r="N970687" s="10"/>
    </row>
    <row r="970688" spans="14:14">
      <c r="N970688" s="10"/>
    </row>
    <row r="970689" spans="14:14">
      <c r="N970689" s="10"/>
    </row>
    <row r="970690" spans="14:14">
      <c r="N970690" s="10"/>
    </row>
    <row r="970691" spans="14:14">
      <c r="N970691" s="10"/>
    </row>
    <row r="970692" spans="14:14">
      <c r="N970692" s="10"/>
    </row>
    <row r="970693" spans="14:14">
      <c r="N970693" s="10"/>
    </row>
    <row r="970694" spans="14:14">
      <c r="N970694" s="10"/>
    </row>
    <row r="970695" spans="14:14">
      <c r="N970695" s="10"/>
    </row>
    <row r="970696" spans="14:14">
      <c r="N970696" s="10"/>
    </row>
    <row r="970697" spans="14:14">
      <c r="N970697" s="10"/>
    </row>
    <row r="970698" spans="14:14">
      <c r="N970698" s="10"/>
    </row>
    <row r="970699" spans="14:14">
      <c r="N970699" s="10"/>
    </row>
    <row r="970700" spans="14:14">
      <c r="N970700" s="10"/>
    </row>
    <row r="970701" spans="14:14">
      <c r="N970701" s="10"/>
    </row>
    <row r="970702" spans="14:14">
      <c r="N970702" s="10"/>
    </row>
    <row r="970703" spans="14:14">
      <c r="N970703" s="10"/>
    </row>
    <row r="970704" spans="14:14">
      <c r="N970704" s="10"/>
    </row>
    <row r="970705" spans="14:14">
      <c r="N970705" s="10"/>
    </row>
    <row r="970706" spans="14:14">
      <c r="N970706" s="10"/>
    </row>
    <row r="970707" spans="14:14">
      <c r="N970707" s="10"/>
    </row>
    <row r="970708" spans="14:14">
      <c r="N970708" s="10"/>
    </row>
    <row r="970709" spans="14:14">
      <c r="N970709" s="10"/>
    </row>
    <row r="970710" spans="14:14">
      <c r="N970710" s="10"/>
    </row>
    <row r="970711" spans="14:14">
      <c r="N970711" s="10"/>
    </row>
    <row r="970712" spans="14:14">
      <c r="N970712" s="10"/>
    </row>
    <row r="970713" spans="14:14">
      <c r="N970713" s="10"/>
    </row>
    <row r="970714" spans="14:14">
      <c r="N970714" s="10"/>
    </row>
    <row r="970715" spans="14:14">
      <c r="N970715" s="10"/>
    </row>
    <row r="970716" spans="14:14">
      <c r="N970716" s="10"/>
    </row>
    <row r="970717" spans="14:14">
      <c r="N970717" s="10"/>
    </row>
    <row r="970718" spans="14:14">
      <c r="N970718" s="10"/>
    </row>
    <row r="970719" spans="14:14">
      <c r="N970719" s="10"/>
    </row>
    <row r="970720" spans="14:14">
      <c r="N970720" s="10"/>
    </row>
    <row r="970721" spans="14:14">
      <c r="N970721" s="10"/>
    </row>
    <row r="970722" spans="14:14">
      <c r="N970722" s="10"/>
    </row>
    <row r="970723" spans="14:14">
      <c r="N970723" s="10"/>
    </row>
    <row r="970724" spans="14:14">
      <c r="N970724" s="10"/>
    </row>
    <row r="970725" spans="14:14">
      <c r="N970725" s="10"/>
    </row>
    <row r="970726" spans="14:14">
      <c r="N970726" s="10"/>
    </row>
    <row r="970727" spans="14:14">
      <c r="N970727" s="10"/>
    </row>
    <row r="970728" spans="14:14">
      <c r="N970728" s="10"/>
    </row>
    <row r="970729" spans="14:14">
      <c r="N970729" s="10"/>
    </row>
    <row r="970730" spans="14:14">
      <c r="N970730" s="10"/>
    </row>
    <row r="970731" spans="14:14">
      <c r="N970731" s="10"/>
    </row>
    <row r="970732" spans="14:14">
      <c r="N970732" s="10"/>
    </row>
    <row r="970733" spans="14:14">
      <c r="N970733" s="10"/>
    </row>
    <row r="970734" spans="14:14">
      <c r="N970734" s="10"/>
    </row>
    <row r="970735" spans="14:14">
      <c r="N970735" s="10"/>
    </row>
    <row r="970736" spans="14:14">
      <c r="N970736" s="10"/>
    </row>
    <row r="970737" spans="14:14">
      <c r="N970737" s="10"/>
    </row>
    <row r="970738" spans="14:14">
      <c r="N970738" s="10"/>
    </row>
    <row r="970739" spans="14:14">
      <c r="N970739" s="10"/>
    </row>
    <row r="970740" spans="14:14">
      <c r="N970740" s="10"/>
    </row>
    <row r="970741" spans="14:14">
      <c r="N970741" s="10"/>
    </row>
    <row r="970742" spans="14:14">
      <c r="N970742" s="10"/>
    </row>
    <row r="970743" spans="14:14">
      <c r="N970743" s="10"/>
    </row>
    <row r="970744" spans="14:14">
      <c r="N970744" s="10"/>
    </row>
    <row r="970745" spans="14:14">
      <c r="N970745" s="10"/>
    </row>
    <row r="970746" spans="14:14">
      <c r="N970746" s="10"/>
    </row>
    <row r="970747" spans="14:14">
      <c r="N970747" s="10"/>
    </row>
    <row r="970748" spans="14:14">
      <c r="N970748" s="10"/>
    </row>
    <row r="970749" spans="14:14">
      <c r="N970749" s="10"/>
    </row>
    <row r="970750" spans="14:14">
      <c r="N970750" s="10"/>
    </row>
    <row r="970751" spans="14:14">
      <c r="N970751" s="10"/>
    </row>
    <row r="970752" spans="14:14">
      <c r="N970752" s="10"/>
    </row>
    <row r="970753" spans="14:14">
      <c r="N970753" s="10"/>
    </row>
    <row r="970754" spans="14:14">
      <c r="N970754" s="10"/>
    </row>
    <row r="970755" spans="14:14">
      <c r="N970755" s="10"/>
    </row>
    <row r="970756" spans="14:14">
      <c r="N970756" s="10"/>
    </row>
    <row r="970757" spans="14:14">
      <c r="N970757" s="10"/>
    </row>
    <row r="970758" spans="14:14">
      <c r="N970758" s="10"/>
    </row>
    <row r="970759" spans="14:14">
      <c r="N970759" s="10"/>
    </row>
    <row r="970760" spans="14:14">
      <c r="N970760" s="10"/>
    </row>
    <row r="970761" spans="14:14">
      <c r="N970761" s="10"/>
    </row>
    <row r="970762" spans="14:14">
      <c r="N970762" s="10"/>
    </row>
    <row r="970763" spans="14:14">
      <c r="N970763" s="10"/>
    </row>
    <row r="970764" spans="14:14">
      <c r="N970764" s="10"/>
    </row>
    <row r="970765" spans="14:14">
      <c r="N970765" s="10"/>
    </row>
    <row r="970766" spans="14:14">
      <c r="N970766" s="10"/>
    </row>
    <row r="970767" spans="14:14">
      <c r="N970767" s="10"/>
    </row>
    <row r="970768" spans="14:14">
      <c r="N970768" s="10"/>
    </row>
    <row r="970769" spans="14:14">
      <c r="N970769" s="10"/>
    </row>
    <row r="970770" spans="14:14">
      <c r="N970770" s="10"/>
    </row>
    <row r="970771" spans="14:14">
      <c r="N970771" s="10"/>
    </row>
    <row r="970772" spans="14:14">
      <c r="N970772" s="10"/>
    </row>
    <row r="970773" spans="14:14">
      <c r="N970773" s="10"/>
    </row>
    <row r="970774" spans="14:14">
      <c r="N970774" s="10"/>
    </row>
    <row r="970775" spans="14:14">
      <c r="N970775" s="10"/>
    </row>
    <row r="970776" spans="14:14">
      <c r="N970776" s="10"/>
    </row>
    <row r="970777" spans="14:14">
      <c r="N970777" s="10"/>
    </row>
    <row r="970778" spans="14:14">
      <c r="N970778" s="10"/>
    </row>
    <row r="970779" spans="14:14">
      <c r="N970779" s="10"/>
    </row>
    <row r="970780" spans="14:14">
      <c r="N970780" s="10"/>
    </row>
    <row r="970781" spans="14:14">
      <c r="N970781" s="10"/>
    </row>
    <row r="970782" spans="14:14">
      <c r="N970782" s="10"/>
    </row>
    <row r="970783" spans="14:14">
      <c r="N970783" s="10"/>
    </row>
    <row r="970784" spans="14:14">
      <c r="N970784" s="10"/>
    </row>
    <row r="970785" spans="14:14">
      <c r="N970785" s="10"/>
    </row>
    <row r="970786" spans="14:14">
      <c r="N970786" s="10"/>
    </row>
    <row r="970787" spans="14:14">
      <c r="N970787" s="10"/>
    </row>
    <row r="970788" spans="14:14">
      <c r="N970788" s="10"/>
    </row>
    <row r="970789" spans="14:14">
      <c r="N970789" s="10"/>
    </row>
    <row r="970790" spans="14:14">
      <c r="N970790" s="10"/>
    </row>
    <row r="970791" spans="14:14">
      <c r="N970791" s="10"/>
    </row>
    <row r="970792" spans="14:14">
      <c r="N970792" s="10"/>
    </row>
    <row r="970793" spans="14:14">
      <c r="N970793" s="10"/>
    </row>
    <row r="970794" spans="14:14">
      <c r="N970794" s="10"/>
    </row>
    <row r="970795" spans="14:14">
      <c r="N970795" s="10"/>
    </row>
    <row r="970796" spans="14:14">
      <c r="N970796" s="10"/>
    </row>
    <row r="970797" spans="14:14">
      <c r="N970797" s="10"/>
    </row>
    <row r="970798" spans="14:14">
      <c r="N970798" s="10"/>
    </row>
    <row r="970799" spans="14:14">
      <c r="N970799" s="10"/>
    </row>
    <row r="970800" spans="14:14">
      <c r="N970800" s="10"/>
    </row>
    <row r="970801" spans="14:14">
      <c r="N970801" s="10"/>
    </row>
    <row r="970802" spans="14:14">
      <c r="N970802" s="10"/>
    </row>
    <row r="970803" spans="14:14">
      <c r="N970803" s="10"/>
    </row>
    <row r="970804" spans="14:14">
      <c r="N970804" s="10"/>
    </row>
    <row r="970805" spans="14:14">
      <c r="N970805" s="10"/>
    </row>
    <row r="970806" spans="14:14">
      <c r="N970806" s="10"/>
    </row>
    <row r="970807" spans="14:14">
      <c r="N970807" s="10"/>
    </row>
    <row r="970808" spans="14:14">
      <c r="N970808" s="10"/>
    </row>
    <row r="970809" spans="14:14">
      <c r="N970809" s="10"/>
    </row>
    <row r="970810" spans="14:14">
      <c r="N970810" s="10"/>
    </row>
    <row r="970811" spans="14:14">
      <c r="N970811" s="10"/>
    </row>
    <row r="970812" spans="14:14">
      <c r="N970812" s="10"/>
    </row>
    <row r="970813" spans="14:14">
      <c r="N970813" s="10"/>
    </row>
    <row r="970814" spans="14:14">
      <c r="N970814" s="10"/>
    </row>
    <row r="970815" spans="14:14">
      <c r="N970815" s="10"/>
    </row>
    <row r="970816" spans="14:14">
      <c r="N970816" s="10"/>
    </row>
    <row r="970817" spans="14:14">
      <c r="N970817" s="10"/>
    </row>
    <row r="970818" spans="14:14">
      <c r="N970818" s="10"/>
    </row>
    <row r="970819" spans="14:14">
      <c r="N970819" s="10"/>
    </row>
    <row r="970820" spans="14:14">
      <c r="N970820" s="10"/>
    </row>
    <row r="970821" spans="14:14">
      <c r="N970821" s="10"/>
    </row>
    <row r="970822" spans="14:14">
      <c r="N970822" s="10"/>
    </row>
    <row r="970823" spans="14:14">
      <c r="N970823" s="10"/>
    </row>
    <row r="970824" spans="14:14">
      <c r="N970824" s="10"/>
    </row>
    <row r="970825" spans="14:14">
      <c r="N970825" s="10"/>
    </row>
    <row r="970826" spans="14:14">
      <c r="N970826" s="10"/>
    </row>
    <row r="970827" spans="14:14">
      <c r="N970827" s="10"/>
    </row>
    <row r="970828" spans="14:14">
      <c r="N970828" s="10"/>
    </row>
    <row r="970829" spans="14:14">
      <c r="N970829" s="10"/>
    </row>
    <row r="970830" spans="14:14">
      <c r="N970830" s="10"/>
    </row>
    <row r="970831" spans="14:14">
      <c r="N970831" s="10"/>
    </row>
    <row r="970832" spans="14:14">
      <c r="N970832" s="10"/>
    </row>
    <row r="970833" spans="14:14">
      <c r="N970833" s="10"/>
    </row>
    <row r="970834" spans="14:14">
      <c r="N970834" s="10"/>
    </row>
    <row r="970835" spans="14:14">
      <c r="N970835" s="10"/>
    </row>
    <row r="970836" spans="14:14">
      <c r="N970836" s="10"/>
    </row>
    <row r="970837" spans="14:14">
      <c r="N970837" s="10"/>
    </row>
    <row r="970838" spans="14:14">
      <c r="N970838" s="10"/>
    </row>
    <row r="970839" spans="14:14">
      <c r="N970839" s="10"/>
    </row>
    <row r="970840" spans="14:14">
      <c r="N970840" s="10"/>
    </row>
    <row r="970841" spans="14:14">
      <c r="N970841" s="10"/>
    </row>
    <row r="970842" spans="14:14">
      <c r="N970842" s="10"/>
    </row>
    <row r="970843" spans="14:14">
      <c r="N970843" s="10"/>
    </row>
    <row r="970844" spans="14:14">
      <c r="N970844" s="10"/>
    </row>
    <row r="970845" spans="14:14">
      <c r="N970845" s="10"/>
    </row>
    <row r="970846" spans="14:14">
      <c r="N970846" s="10"/>
    </row>
    <row r="970847" spans="14:14">
      <c r="N970847" s="10"/>
    </row>
    <row r="970848" spans="14:14">
      <c r="N970848" s="10"/>
    </row>
    <row r="970849" spans="14:14">
      <c r="N970849" s="10"/>
    </row>
    <row r="970850" spans="14:14">
      <c r="N970850" s="10"/>
    </row>
    <row r="970851" spans="14:14">
      <c r="N970851" s="10"/>
    </row>
    <row r="970852" spans="14:14">
      <c r="N970852" s="10"/>
    </row>
    <row r="970853" spans="14:14">
      <c r="N970853" s="10"/>
    </row>
    <row r="970854" spans="14:14">
      <c r="N970854" s="10"/>
    </row>
    <row r="970855" spans="14:14">
      <c r="N970855" s="10"/>
    </row>
    <row r="970856" spans="14:14">
      <c r="N970856" s="10"/>
    </row>
    <row r="970857" spans="14:14">
      <c r="N970857" s="10"/>
    </row>
    <row r="970858" spans="14:14">
      <c r="N970858" s="10"/>
    </row>
    <row r="970859" spans="14:14">
      <c r="N970859" s="10"/>
    </row>
    <row r="970860" spans="14:14">
      <c r="N970860" s="10"/>
    </row>
    <row r="970861" spans="14:14">
      <c r="N970861" s="10"/>
    </row>
    <row r="970862" spans="14:14">
      <c r="N970862" s="10"/>
    </row>
    <row r="970863" spans="14:14">
      <c r="N970863" s="10"/>
    </row>
    <row r="970864" spans="14:14">
      <c r="N970864" s="10"/>
    </row>
    <row r="970865" spans="14:14">
      <c r="N970865" s="10"/>
    </row>
    <row r="970866" spans="14:14">
      <c r="N970866" s="10"/>
    </row>
    <row r="970867" spans="14:14">
      <c r="N970867" s="10"/>
    </row>
    <row r="970868" spans="14:14">
      <c r="N970868" s="10"/>
    </row>
    <row r="970869" spans="14:14">
      <c r="N970869" s="10"/>
    </row>
    <row r="970870" spans="14:14">
      <c r="N970870" s="10"/>
    </row>
    <row r="970871" spans="14:14">
      <c r="N970871" s="10"/>
    </row>
    <row r="970872" spans="14:14">
      <c r="N970872" s="10"/>
    </row>
    <row r="970873" spans="14:14">
      <c r="N970873" s="10"/>
    </row>
    <row r="970874" spans="14:14">
      <c r="N970874" s="10"/>
    </row>
    <row r="970875" spans="14:14">
      <c r="N970875" s="10"/>
    </row>
    <row r="970876" spans="14:14">
      <c r="N970876" s="10"/>
    </row>
    <row r="970877" spans="14:14">
      <c r="N970877" s="10"/>
    </row>
    <row r="970878" spans="14:14">
      <c r="N970878" s="10"/>
    </row>
    <row r="970879" spans="14:14">
      <c r="N970879" s="10"/>
    </row>
    <row r="970880" spans="14:14">
      <c r="N970880" s="10"/>
    </row>
    <row r="970881" spans="14:14">
      <c r="N970881" s="10"/>
    </row>
    <row r="970882" spans="14:14">
      <c r="N970882" s="10"/>
    </row>
    <row r="970883" spans="14:14">
      <c r="N970883" s="10"/>
    </row>
    <row r="970884" spans="14:14">
      <c r="N970884" s="10"/>
    </row>
    <row r="970885" spans="14:14">
      <c r="N970885" s="10"/>
    </row>
    <row r="970886" spans="14:14">
      <c r="N970886" s="10"/>
    </row>
    <row r="970887" spans="14:14">
      <c r="N970887" s="10"/>
    </row>
    <row r="970888" spans="14:14">
      <c r="N970888" s="10"/>
    </row>
    <row r="970889" spans="14:14">
      <c r="N970889" s="10"/>
    </row>
    <row r="970890" spans="14:14">
      <c r="N970890" s="10"/>
    </row>
    <row r="970891" spans="14:14">
      <c r="N970891" s="10"/>
    </row>
    <row r="970892" spans="14:14">
      <c r="N970892" s="10"/>
    </row>
    <row r="970893" spans="14:14">
      <c r="N970893" s="10"/>
    </row>
    <row r="970894" spans="14:14">
      <c r="N970894" s="10"/>
    </row>
    <row r="970895" spans="14:14">
      <c r="N970895" s="10"/>
    </row>
    <row r="970896" spans="14:14">
      <c r="N970896" s="10"/>
    </row>
    <row r="970897" spans="14:14">
      <c r="N970897" s="10"/>
    </row>
    <row r="970898" spans="14:14">
      <c r="N970898" s="10"/>
    </row>
    <row r="970899" spans="14:14">
      <c r="N970899" s="10"/>
    </row>
    <row r="970900" spans="14:14">
      <c r="N970900" s="10"/>
    </row>
    <row r="970901" spans="14:14">
      <c r="N970901" s="10"/>
    </row>
    <row r="970902" spans="14:14">
      <c r="N970902" s="10"/>
    </row>
    <row r="970903" spans="14:14">
      <c r="N970903" s="10"/>
    </row>
    <row r="970904" spans="14:14">
      <c r="N970904" s="10"/>
    </row>
    <row r="970905" spans="14:14">
      <c r="N970905" s="10"/>
    </row>
    <row r="970906" spans="14:14">
      <c r="N970906" s="10"/>
    </row>
    <row r="970907" spans="14:14">
      <c r="N970907" s="10"/>
    </row>
    <row r="970908" spans="14:14">
      <c r="N970908" s="10"/>
    </row>
    <row r="970909" spans="14:14">
      <c r="N970909" s="10"/>
    </row>
    <row r="970910" spans="14:14">
      <c r="N970910" s="10"/>
    </row>
    <row r="970911" spans="14:14">
      <c r="N970911" s="10"/>
    </row>
    <row r="970912" spans="14:14">
      <c r="N970912" s="10"/>
    </row>
    <row r="970913" spans="14:14">
      <c r="N970913" s="10"/>
    </row>
    <row r="970914" spans="14:14">
      <c r="N970914" s="10"/>
    </row>
    <row r="970915" spans="14:14">
      <c r="N970915" s="10"/>
    </row>
    <row r="970916" spans="14:14">
      <c r="N970916" s="10"/>
    </row>
    <row r="970917" spans="14:14">
      <c r="N970917" s="10"/>
    </row>
    <row r="970918" spans="14:14">
      <c r="N970918" s="10"/>
    </row>
    <row r="970919" spans="14:14">
      <c r="N970919" s="10"/>
    </row>
    <row r="970920" spans="14:14">
      <c r="N970920" s="10"/>
    </row>
    <row r="970921" spans="14:14">
      <c r="N970921" s="10"/>
    </row>
    <row r="970922" spans="14:14">
      <c r="N970922" s="10"/>
    </row>
    <row r="970923" spans="14:14">
      <c r="N970923" s="10"/>
    </row>
    <row r="970924" spans="14:14">
      <c r="N970924" s="10"/>
    </row>
    <row r="970925" spans="14:14">
      <c r="N970925" s="10"/>
    </row>
    <row r="970926" spans="14:14">
      <c r="N970926" s="10"/>
    </row>
    <row r="970927" spans="14:14">
      <c r="N970927" s="10"/>
    </row>
    <row r="970928" spans="14:14">
      <c r="N970928" s="10"/>
    </row>
    <row r="970929" spans="14:14">
      <c r="N970929" s="10"/>
    </row>
    <row r="970930" spans="14:14">
      <c r="N970930" s="10"/>
    </row>
    <row r="970931" spans="14:14">
      <c r="N970931" s="10"/>
    </row>
    <row r="970932" spans="14:14">
      <c r="N970932" s="10"/>
    </row>
    <row r="970933" spans="14:14">
      <c r="N970933" s="10"/>
    </row>
    <row r="970934" spans="14:14">
      <c r="N970934" s="10"/>
    </row>
    <row r="970935" spans="14:14">
      <c r="N970935" s="10"/>
    </row>
    <row r="970936" spans="14:14">
      <c r="N970936" s="10"/>
    </row>
    <row r="970937" spans="14:14">
      <c r="N970937" s="10"/>
    </row>
    <row r="970938" spans="14:14">
      <c r="N970938" s="10"/>
    </row>
    <row r="970939" spans="14:14">
      <c r="N970939" s="10"/>
    </row>
    <row r="970940" spans="14:14">
      <c r="N970940" s="10"/>
    </row>
    <row r="970941" spans="14:14">
      <c r="N970941" s="10"/>
    </row>
    <row r="970942" spans="14:14">
      <c r="N970942" s="10"/>
    </row>
    <row r="970943" spans="14:14">
      <c r="N970943" s="10"/>
    </row>
    <row r="970944" spans="14:14">
      <c r="N970944" s="10"/>
    </row>
    <row r="970945" spans="14:14">
      <c r="N970945" s="10"/>
    </row>
    <row r="970946" spans="14:14">
      <c r="N970946" s="10"/>
    </row>
    <row r="970947" spans="14:14">
      <c r="N970947" s="10"/>
    </row>
    <row r="970948" spans="14:14">
      <c r="N970948" s="10"/>
    </row>
    <row r="970949" spans="14:14">
      <c r="N970949" s="10"/>
    </row>
    <row r="970950" spans="14:14">
      <c r="N970950" s="10"/>
    </row>
    <row r="970951" spans="14:14">
      <c r="N970951" s="10"/>
    </row>
    <row r="970952" spans="14:14">
      <c r="N970952" s="10"/>
    </row>
    <row r="970953" spans="14:14">
      <c r="N970953" s="10"/>
    </row>
    <row r="970954" spans="14:14">
      <c r="N970954" s="10"/>
    </row>
    <row r="970955" spans="14:14">
      <c r="N970955" s="10"/>
    </row>
    <row r="970956" spans="14:14">
      <c r="N970956" s="10"/>
    </row>
    <row r="970957" spans="14:14">
      <c r="N970957" s="10"/>
    </row>
    <row r="970958" spans="14:14">
      <c r="N970958" s="10"/>
    </row>
    <row r="970959" spans="14:14">
      <c r="N970959" s="10"/>
    </row>
    <row r="970960" spans="14:14">
      <c r="N970960" s="10"/>
    </row>
    <row r="970961" spans="14:14">
      <c r="N970961" s="10"/>
    </row>
    <row r="970962" spans="14:14">
      <c r="N970962" s="10"/>
    </row>
    <row r="970963" spans="14:14">
      <c r="N970963" s="10"/>
    </row>
    <row r="970964" spans="14:14">
      <c r="N970964" s="10"/>
    </row>
    <row r="970965" spans="14:14">
      <c r="N970965" s="10"/>
    </row>
    <row r="970966" spans="14:14">
      <c r="N970966" s="10"/>
    </row>
    <row r="970967" spans="14:14">
      <c r="N970967" s="10"/>
    </row>
    <row r="970968" spans="14:14">
      <c r="N970968" s="10"/>
    </row>
    <row r="970969" spans="14:14">
      <c r="N970969" s="10"/>
    </row>
    <row r="970970" spans="14:14">
      <c r="N970970" s="10"/>
    </row>
    <row r="970971" spans="14:14">
      <c r="N970971" s="10"/>
    </row>
    <row r="970972" spans="14:14">
      <c r="N970972" s="10"/>
    </row>
    <row r="970973" spans="14:14">
      <c r="N970973" s="10"/>
    </row>
    <row r="970974" spans="14:14">
      <c r="N970974" s="10"/>
    </row>
    <row r="970975" spans="14:14">
      <c r="N970975" s="10"/>
    </row>
    <row r="970976" spans="14:14">
      <c r="N970976" s="10"/>
    </row>
    <row r="970977" spans="14:14">
      <c r="N970977" s="10"/>
    </row>
    <row r="970978" spans="14:14">
      <c r="N970978" s="10"/>
    </row>
    <row r="970979" spans="14:14">
      <c r="N970979" s="10"/>
    </row>
    <row r="970980" spans="14:14">
      <c r="N970980" s="10"/>
    </row>
    <row r="970981" spans="14:14">
      <c r="N970981" s="10"/>
    </row>
    <row r="970982" spans="14:14">
      <c r="N970982" s="10"/>
    </row>
    <row r="970983" spans="14:14">
      <c r="N970983" s="10"/>
    </row>
    <row r="970984" spans="14:14">
      <c r="N970984" s="10"/>
    </row>
    <row r="970985" spans="14:14">
      <c r="N970985" s="10"/>
    </row>
    <row r="970986" spans="14:14">
      <c r="N970986" s="10"/>
    </row>
    <row r="970987" spans="14:14">
      <c r="N970987" s="10"/>
    </row>
    <row r="970988" spans="14:14">
      <c r="N970988" s="10"/>
    </row>
    <row r="970989" spans="14:14">
      <c r="N970989" s="10"/>
    </row>
    <row r="970990" spans="14:14">
      <c r="N970990" s="10"/>
    </row>
    <row r="970991" spans="14:14">
      <c r="N970991" s="10"/>
    </row>
    <row r="970992" spans="14:14">
      <c r="N970992" s="10"/>
    </row>
    <row r="970993" spans="14:14">
      <c r="N970993" s="10"/>
    </row>
    <row r="970994" spans="14:14">
      <c r="N970994" s="10"/>
    </row>
    <row r="970995" spans="14:14">
      <c r="N970995" s="10"/>
    </row>
    <row r="970996" spans="14:14">
      <c r="N970996" s="10"/>
    </row>
    <row r="970997" spans="14:14">
      <c r="N970997" s="10"/>
    </row>
    <row r="970998" spans="14:14">
      <c r="N970998" s="10"/>
    </row>
    <row r="970999" spans="14:14">
      <c r="N970999" s="10"/>
    </row>
    <row r="971000" spans="14:14">
      <c r="N971000" s="10"/>
    </row>
    <row r="971001" spans="14:14">
      <c r="N971001" s="10"/>
    </row>
    <row r="971002" spans="14:14">
      <c r="N971002" s="10"/>
    </row>
    <row r="971003" spans="14:14">
      <c r="N971003" s="10"/>
    </row>
    <row r="971004" spans="14:14">
      <c r="N971004" s="10"/>
    </row>
    <row r="971005" spans="14:14">
      <c r="N971005" s="10"/>
    </row>
    <row r="971006" spans="14:14">
      <c r="N971006" s="10"/>
    </row>
    <row r="971007" spans="14:14">
      <c r="N971007" s="10"/>
    </row>
    <row r="971008" spans="14:14">
      <c r="N971008" s="10"/>
    </row>
    <row r="971009" spans="14:14">
      <c r="N971009" s="10"/>
    </row>
    <row r="971010" spans="14:14">
      <c r="N971010" s="10"/>
    </row>
    <row r="971011" spans="14:14">
      <c r="N971011" s="10"/>
    </row>
    <row r="971012" spans="14:14">
      <c r="N971012" s="10"/>
    </row>
    <row r="971013" spans="14:14">
      <c r="N971013" s="10"/>
    </row>
    <row r="971014" spans="14:14">
      <c r="N971014" s="10"/>
    </row>
    <row r="971015" spans="14:14">
      <c r="N971015" s="10"/>
    </row>
    <row r="971016" spans="14:14">
      <c r="N971016" s="10"/>
    </row>
    <row r="971017" spans="14:14">
      <c r="N971017" s="10"/>
    </row>
    <row r="971018" spans="14:14">
      <c r="N971018" s="10"/>
    </row>
    <row r="971019" spans="14:14">
      <c r="N971019" s="10"/>
    </row>
    <row r="971020" spans="14:14">
      <c r="N971020" s="10"/>
    </row>
    <row r="971021" spans="14:14">
      <c r="N971021" s="10"/>
    </row>
    <row r="971022" spans="14:14">
      <c r="N971022" s="10"/>
    </row>
    <row r="971023" spans="14:14">
      <c r="N971023" s="10"/>
    </row>
    <row r="971024" spans="14:14">
      <c r="N971024" s="10"/>
    </row>
    <row r="971025" spans="14:14">
      <c r="N971025" s="10"/>
    </row>
    <row r="971026" spans="14:14">
      <c r="N971026" s="10"/>
    </row>
    <row r="971027" spans="14:14">
      <c r="N971027" s="10"/>
    </row>
    <row r="971028" spans="14:14">
      <c r="N971028" s="10"/>
    </row>
    <row r="971029" spans="14:14">
      <c r="N971029" s="10"/>
    </row>
    <row r="971030" spans="14:14">
      <c r="N971030" s="10"/>
    </row>
    <row r="971031" spans="14:14">
      <c r="N971031" s="10"/>
    </row>
    <row r="971032" spans="14:14">
      <c r="N971032" s="10"/>
    </row>
    <row r="971033" spans="14:14">
      <c r="N971033" s="10"/>
    </row>
    <row r="971034" spans="14:14">
      <c r="N971034" s="10"/>
    </row>
    <row r="971035" spans="14:14">
      <c r="N971035" s="10"/>
    </row>
    <row r="971036" spans="14:14">
      <c r="N971036" s="10"/>
    </row>
    <row r="971037" spans="14:14">
      <c r="N971037" s="10"/>
    </row>
    <row r="971038" spans="14:14">
      <c r="N971038" s="10"/>
    </row>
    <row r="971039" spans="14:14">
      <c r="N971039" s="10"/>
    </row>
    <row r="971040" spans="14:14">
      <c r="N971040" s="10"/>
    </row>
    <row r="971041" spans="14:14">
      <c r="N971041" s="10"/>
    </row>
    <row r="971042" spans="14:14">
      <c r="N971042" s="10"/>
    </row>
    <row r="971043" spans="14:14">
      <c r="N971043" s="10"/>
    </row>
    <row r="971044" spans="14:14">
      <c r="N971044" s="10"/>
    </row>
    <row r="971045" spans="14:14">
      <c r="N971045" s="10"/>
    </row>
    <row r="971046" spans="14:14">
      <c r="N971046" s="10"/>
    </row>
    <row r="971047" spans="14:14">
      <c r="N971047" s="10"/>
    </row>
    <row r="971048" spans="14:14">
      <c r="N971048" s="10"/>
    </row>
    <row r="971049" spans="14:14">
      <c r="N971049" s="10"/>
    </row>
    <row r="971050" spans="14:14">
      <c r="N971050" s="10"/>
    </row>
    <row r="971051" spans="14:14">
      <c r="N971051" s="10"/>
    </row>
    <row r="971052" spans="14:14">
      <c r="N971052" s="10"/>
    </row>
    <row r="971053" spans="14:14">
      <c r="N971053" s="10"/>
    </row>
    <row r="971054" spans="14:14">
      <c r="N971054" s="10"/>
    </row>
    <row r="971055" spans="14:14">
      <c r="N971055" s="10"/>
    </row>
    <row r="971056" spans="14:14">
      <c r="N971056" s="10"/>
    </row>
    <row r="971057" spans="14:14">
      <c r="N971057" s="10"/>
    </row>
    <row r="971058" spans="14:14">
      <c r="N971058" s="10"/>
    </row>
    <row r="971059" spans="14:14">
      <c r="N971059" s="10"/>
    </row>
    <row r="971060" spans="14:14">
      <c r="N971060" s="10"/>
    </row>
    <row r="971061" spans="14:14">
      <c r="N971061" s="10"/>
    </row>
    <row r="971062" spans="14:14">
      <c r="N971062" s="10"/>
    </row>
    <row r="971063" spans="14:14">
      <c r="N971063" s="10"/>
    </row>
    <row r="971064" spans="14:14">
      <c r="N971064" s="10"/>
    </row>
    <row r="971065" spans="14:14">
      <c r="N971065" s="10"/>
    </row>
    <row r="971066" spans="14:14">
      <c r="N971066" s="10"/>
    </row>
    <row r="971067" spans="14:14">
      <c r="N971067" s="10"/>
    </row>
    <row r="971068" spans="14:14">
      <c r="N971068" s="10"/>
    </row>
    <row r="971069" spans="14:14">
      <c r="N971069" s="10"/>
    </row>
    <row r="971070" spans="14:14">
      <c r="N971070" s="10"/>
    </row>
    <row r="971071" spans="14:14">
      <c r="N971071" s="10"/>
    </row>
    <row r="971072" spans="14:14">
      <c r="N971072" s="10"/>
    </row>
    <row r="971073" spans="14:14">
      <c r="N971073" s="10"/>
    </row>
    <row r="971074" spans="14:14">
      <c r="N971074" s="10"/>
    </row>
    <row r="971075" spans="14:14">
      <c r="N971075" s="10"/>
    </row>
    <row r="971076" spans="14:14">
      <c r="N971076" s="10"/>
    </row>
    <row r="971077" spans="14:14">
      <c r="N971077" s="10"/>
    </row>
    <row r="971078" spans="14:14">
      <c r="N971078" s="10"/>
    </row>
    <row r="971079" spans="14:14">
      <c r="N971079" s="10"/>
    </row>
    <row r="971080" spans="14:14">
      <c r="N971080" s="10"/>
    </row>
    <row r="971081" spans="14:14">
      <c r="N971081" s="10"/>
    </row>
    <row r="971082" spans="14:14">
      <c r="N971082" s="10"/>
    </row>
    <row r="971083" spans="14:14">
      <c r="N971083" s="10"/>
    </row>
    <row r="971084" spans="14:14">
      <c r="N971084" s="10"/>
    </row>
    <row r="971085" spans="14:14">
      <c r="N971085" s="10"/>
    </row>
    <row r="971086" spans="14:14">
      <c r="N971086" s="10"/>
    </row>
    <row r="971087" spans="14:14">
      <c r="N971087" s="10"/>
    </row>
    <row r="971088" spans="14:14">
      <c r="N971088" s="10"/>
    </row>
    <row r="971089" spans="14:14">
      <c r="N971089" s="10"/>
    </row>
    <row r="971090" spans="14:14">
      <c r="N971090" s="10"/>
    </row>
    <row r="971091" spans="14:14">
      <c r="N971091" s="10"/>
    </row>
    <row r="971092" spans="14:14">
      <c r="N971092" s="10"/>
    </row>
    <row r="971093" spans="14:14">
      <c r="N971093" s="10"/>
    </row>
    <row r="971094" spans="14:14">
      <c r="N971094" s="10"/>
    </row>
    <row r="971095" spans="14:14">
      <c r="N971095" s="10"/>
    </row>
    <row r="971096" spans="14:14">
      <c r="N971096" s="10"/>
    </row>
    <row r="971097" spans="14:14">
      <c r="N971097" s="10"/>
    </row>
    <row r="971098" spans="14:14">
      <c r="N971098" s="10"/>
    </row>
    <row r="971099" spans="14:14">
      <c r="N971099" s="10"/>
    </row>
    <row r="971100" spans="14:14">
      <c r="N971100" s="10"/>
    </row>
    <row r="971101" spans="14:14">
      <c r="N971101" s="10"/>
    </row>
    <row r="971102" spans="14:14">
      <c r="N971102" s="10"/>
    </row>
    <row r="971103" spans="14:14">
      <c r="N971103" s="10"/>
    </row>
    <row r="971104" spans="14:14">
      <c r="N971104" s="10"/>
    </row>
    <row r="971105" spans="14:14">
      <c r="N971105" s="10"/>
    </row>
    <row r="971106" spans="14:14">
      <c r="N971106" s="10"/>
    </row>
    <row r="971107" spans="14:14">
      <c r="N971107" s="10"/>
    </row>
    <row r="971108" spans="14:14">
      <c r="N971108" s="10"/>
    </row>
    <row r="971109" spans="14:14">
      <c r="N971109" s="10"/>
    </row>
    <row r="971110" spans="14:14">
      <c r="N971110" s="10"/>
    </row>
    <row r="971111" spans="14:14">
      <c r="N971111" s="10"/>
    </row>
    <row r="971112" spans="14:14">
      <c r="N971112" s="10"/>
    </row>
    <row r="971113" spans="14:14">
      <c r="N971113" s="10"/>
    </row>
    <row r="971114" spans="14:14">
      <c r="N971114" s="10"/>
    </row>
    <row r="971115" spans="14:14">
      <c r="N971115" s="10"/>
    </row>
    <row r="971116" spans="14:14">
      <c r="N971116" s="10"/>
    </row>
    <row r="971117" spans="14:14">
      <c r="N971117" s="10"/>
    </row>
    <row r="971118" spans="14:14">
      <c r="N971118" s="10"/>
    </row>
    <row r="971119" spans="14:14">
      <c r="N971119" s="10"/>
    </row>
    <row r="971120" spans="14:14">
      <c r="N971120" s="10"/>
    </row>
    <row r="971121" spans="14:14">
      <c r="N971121" s="10"/>
    </row>
    <row r="971122" spans="14:14">
      <c r="N971122" s="10"/>
    </row>
    <row r="971123" spans="14:14">
      <c r="N971123" s="10"/>
    </row>
    <row r="971124" spans="14:14">
      <c r="N971124" s="10"/>
    </row>
    <row r="971125" spans="14:14">
      <c r="N971125" s="10"/>
    </row>
    <row r="971126" spans="14:14">
      <c r="N971126" s="10"/>
    </row>
    <row r="971127" spans="14:14">
      <c r="N971127" s="10"/>
    </row>
    <row r="971128" spans="14:14">
      <c r="N971128" s="10"/>
    </row>
    <row r="971129" spans="14:14">
      <c r="N971129" s="10"/>
    </row>
    <row r="971130" spans="14:14">
      <c r="N971130" s="10"/>
    </row>
    <row r="971131" spans="14:14">
      <c r="N971131" s="10"/>
    </row>
    <row r="971132" spans="14:14">
      <c r="N971132" s="10"/>
    </row>
    <row r="971133" spans="14:14">
      <c r="N971133" s="10"/>
    </row>
    <row r="971134" spans="14:14">
      <c r="N971134" s="10"/>
    </row>
    <row r="971135" spans="14:14">
      <c r="N971135" s="10"/>
    </row>
    <row r="971136" spans="14:14">
      <c r="N971136" s="10"/>
    </row>
    <row r="971137" spans="14:14">
      <c r="N971137" s="10"/>
    </row>
    <row r="971138" spans="14:14">
      <c r="N971138" s="10"/>
    </row>
    <row r="971139" spans="14:14">
      <c r="N971139" s="10"/>
    </row>
    <row r="971140" spans="14:14">
      <c r="N971140" s="10"/>
    </row>
    <row r="971141" spans="14:14">
      <c r="N971141" s="10"/>
    </row>
    <row r="971142" spans="14:14">
      <c r="N971142" s="10"/>
    </row>
    <row r="971143" spans="14:14">
      <c r="N971143" s="10"/>
    </row>
    <row r="971144" spans="14:14">
      <c r="N971144" s="10"/>
    </row>
    <row r="971145" spans="14:14">
      <c r="N971145" s="10"/>
    </row>
    <row r="971146" spans="14:14">
      <c r="N971146" s="10"/>
    </row>
    <row r="971147" spans="14:14">
      <c r="N971147" s="10"/>
    </row>
    <row r="971148" spans="14:14">
      <c r="N971148" s="10"/>
    </row>
    <row r="971149" spans="14:14">
      <c r="N971149" s="10"/>
    </row>
    <row r="971150" spans="14:14">
      <c r="N971150" s="10"/>
    </row>
    <row r="971151" spans="14:14">
      <c r="N971151" s="10"/>
    </row>
    <row r="971152" spans="14:14">
      <c r="N971152" s="10"/>
    </row>
    <row r="971153" spans="14:14">
      <c r="N971153" s="10"/>
    </row>
    <row r="971154" spans="14:14">
      <c r="N971154" s="10"/>
    </row>
    <row r="971155" spans="14:14">
      <c r="N971155" s="10"/>
    </row>
    <row r="971156" spans="14:14">
      <c r="N971156" s="10"/>
    </row>
    <row r="971157" spans="14:14">
      <c r="N971157" s="10"/>
    </row>
    <row r="971158" spans="14:14">
      <c r="N971158" s="10"/>
    </row>
    <row r="971159" spans="14:14">
      <c r="N971159" s="10"/>
    </row>
    <row r="971160" spans="14:14">
      <c r="N971160" s="10"/>
    </row>
    <row r="971161" spans="14:14">
      <c r="N971161" s="10"/>
    </row>
    <row r="971162" spans="14:14">
      <c r="N971162" s="10"/>
    </row>
    <row r="971163" spans="14:14">
      <c r="N971163" s="10"/>
    </row>
    <row r="971164" spans="14:14">
      <c r="N971164" s="10"/>
    </row>
    <row r="971165" spans="14:14">
      <c r="N971165" s="10"/>
    </row>
    <row r="971166" spans="14:14">
      <c r="N971166" s="10"/>
    </row>
    <row r="971167" spans="14:14">
      <c r="N971167" s="10"/>
    </row>
    <row r="971168" spans="14:14">
      <c r="N971168" s="10"/>
    </row>
    <row r="971169" spans="14:14">
      <c r="N971169" s="10"/>
    </row>
    <row r="971170" spans="14:14">
      <c r="N971170" s="10"/>
    </row>
    <row r="971171" spans="14:14">
      <c r="N971171" s="10"/>
    </row>
    <row r="971172" spans="14:14">
      <c r="N971172" s="10"/>
    </row>
    <row r="971173" spans="14:14">
      <c r="N971173" s="10"/>
    </row>
    <row r="971174" spans="14:14">
      <c r="N971174" s="10"/>
    </row>
    <row r="971175" spans="14:14">
      <c r="N971175" s="10"/>
    </row>
    <row r="971176" spans="14:14">
      <c r="N971176" s="10"/>
    </row>
    <row r="971177" spans="14:14">
      <c r="N971177" s="10"/>
    </row>
    <row r="971178" spans="14:14">
      <c r="N971178" s="10"/>
    </row>
    <row r="971179" spans="14:14">
      <c r="N971179" s="10"/>
    </row>
    <row r="971180" spans="14:14">
      <c r="N971180" s="10"/>
    </row>
    <row r="971181" spans="14:14">
      <c r="N971181" s="10"/>
    </row>
    <row r="971182" spans="14:14">
      <c r="N971182" s="10"/>
    </row>
    <row r="971183" spans="14:14">
      <c r="N971183" s="10"/>
    </row>
    <row r="971184" spans="14:14">
      <c r="N971184" s="10"/>
    </row>
    <row r="971185" spans="14:14">
      <c r="N971185" s="10"/>
    </row>
    <row r="971186" spans="14:14">
      <c r="N971186" s="10"/>
    </row>
    <row r="971187" spans="14:14">
      <c r="N971187" s="10"/>
    </row>
    <row r="971188" spans="14:14">
      <c r="N971188" s="10"/>
    </row>
    <row r="971189" spans="14:14">
      <c r="N971189" s="10"/>
    </row>
    <row r="971190" spans="14:14">
      <c r="N971190" s="10"/>
    </row>
    <row r="971191" spans="14:14">
      <c r="N971191" s="10"/>
    </row>
    <row r="971192" spans="14:14">
      <c r="N971192" s="10"/>
    </row>
    <row r="971193" spans="14:14">
      <c r="N971193" s="10"/>
    </row>
    <row r="971194" spans="14:14">
      <c r="N971194" s="10"/>
    </row>
    <row r="971195" spans="14:14">
      <c r="N971195" s="10"/>
    </row>
    <row r="971196" spans="14:14">
      <c r="N971196" s="10"/>
    </row>
    <row r="971197" spans="14:14">
      <c r="N971197" s="10"/>
    </row>
    <row r="971198" spans="14:14">
      <c r="N971198" s="10"/>
    </row>
    <row r="971199" spans="14:14">
      <c r="N971199" s="10"/>
    </row>
    <row r="971200" spans="14:14">
      <c r="N971200" s="10"/>
    </row>
    <row r="971201" spans="14:14">
      <c r="N971201" s="10"/>
    </row>
    <row r="971202" spans="14:14">
      <c r="N971202" s="10"/>
    </row>
    <row r="971203" spans="14:14">
      <c r="N971203" s="10"/>
    </row>
    <row r="971204" spans="14:14">
      <c r="N971204" s="10"/>
    </row>
    <row r="971205" spans="14:14">
      <c r="N971205" s="10"/>
    </row>
    <row r="971206" spans="14:14">
      <c r="N971206" s="10"/>
    </row>
    <row r="971207" spans="14:14">
      <c r="N971207" s="10"/>
    </row>
    <row r="971208" spans="14:14">
      <c r="N971208" s="10"/>
    </row>
    <row r="971209" spans="14:14">
      <c r="N971209" s="10"/>
    </row>
    <row r="971210" spans="14:14">
      <c r="N971210" s="10"/>
    </row>
    <row r="971211" spans="14:14">
      <c r="N971211" s="10"/>
    </row>
    <row r="971212" spans="14:14">
      <c r="N971212" s="10"/>
    </row>
    <row r="971213" spans="14:14">
      <c r="N971213" s="10"/>
    </row>
    <row r="971214" spans="14:14">
      <c r="N971214" s="10"/>
    </row>
    <row r="971215" spans="14:14">
      <c r="N971215" s="10"/>
    </row>
    <row r="971216" spans="14:14">
      <c r="N971216" s="10"/>
    </row>
    <row r="971217" spans="14:14">
      <c r="N971217" s="10"/>
    </row>
    <row r="971218" spans="14:14">
      <c r="N971218" s="10"/>
    </row>
    <row r="971219" spans="14:14">
      <c r="N971219" s="10"/>
    </row>
    <row r="971220" spans="14:14">
      <c r="N971220" s="10"/>
    </row>
    <row r="971221" spans="14:14">
      <c r="N971221" s="10"/>
    </row>
    <row r="971222" spans="14:14">
      <c r="N971222" s="10"/>
    </row>
    <row r="971223" spans="14:14">
      <c r="N971223" s="10"/>
    </row>
    <row r="971224" spans="14:14">
      <c r="N971224" s="10"/>
    </row>
    <row r="971225" spans="14:14">
      <c r="N971225" s="10"/>
    </row>
    <row r="971226" spans="14:14">
      <c r="N971226" s="10"/>
    </row>
    <row r="971227" spans="14:14">
      <c r="N971227" s="10"/>
    </row>
    <row r="971228" spans="14:14">
      <c r="N971228" s="10"/>
    </row>
    <row r="971229" spans="14:14">
      <c r="N971229" s="10"/>
    </row>
    <row r="971230" spans="14:14">
      <c r="N971230" s="10"/>
    </row>
    <row r="971231" spans="14:14">
      <c r="N971231" s="10"/>
    </row>
    <row r="971232" spans="14:14">
      <c r="N971232" s="10"/>
    </row>
    <row r="971233" spans="14:14">
      <c r="N971233" s="10"/>
    </row>
    <row r="971234" spans="14:14">
      <c r="N971234" s="10"/>
    </row>
    <row r="971235" spans="14:14">
      <c r="N971235" s="10"/>
    </row>
    <row r="971236" spans="14:14">
      <c r="N971236" s="10"/>
    </row>
    <row r="971237" spans="14:14">
      <c r="N971237" s="10"/>
    </row>
    <row r="971238" spans="14:14">
      <c r="N971238" s="10"/>
    </row>
    <row r="971239" spans="14:14">
      <c r="N971239" s="10"/>
    </row>
    <row r="971240" spans="14:14">
      <c r="N971240" s="10"/>
    </row>
    <row r="971241" spans="14:14">
      <c r="N971241" s="10"/>
    </row>
    <row r="971242" spans="14:14">
      <c r="N971242" s="10"/>
    </row>
    <row r="971243" spans="14:14">
      <c r="N971243" s="10"/>
    </row>
    <row r="971244" spans="14:14">
      <c r="N971244" s="10"/>
    </row>
    <row r="971245" spans="14:14">
      <c r="N971245" s="10"/>
    </row>
    <row r="971246" spans="14:14">
      <c r="N971246" s="10"/>
    </row>
    <row r="971247" spans="14:14">
      <c r="N971247" s="10"/>
    </row>
    <row r="971248" spans="14:14">
      <c r="N971248" s="10"/>
    </row>
    <row r="971249" spans="14:14">
      <c r="N971249" s="10"/>
    </row>
    <row r="971250" spans="14:14">
      <c r="N971250" s="10"/>
    </row>
    <row r="971251" spans="14:14">
      <c r="N971251" s="10"/>
    </row>
    <row r="971252" spans="14:14">
      <c r="N971252" s="10"/>
    </row>
    <row r="971253" spans="14:14">
      <c r="N971253" s="10"/>
    </row>
    <row r="971254" spans="14:14">
      <c r="N971254" s="10"/>
    </row>
    <row r="971255" spans="14:14">
      <c r="N971255" s="10"/>
    </row>
    <row r="971256" spans="14:14">
      <c r="N971256" s="10"/>
    </row>
    <row r="971257" spans="14:14">
      <c r="N971257" s="10"/>
    </row>
    <row r="971258" spans="14:14">
      <c r="N971258" s="10"/>
    </row>
    <row r="971259" spans="14:14">
      <c r="N971259" s="10"/>
    </row>
    <row r="971260" spans="14:14">
      <c r="N971260" s="10"/>
    </row>
    <row r="971261" spans="14:14">
      <c r="N971261" s="10"/>
    </row>
    <row r="971262" spans="14:14">
      <c r="N971262" s="10"/>
    </row>
    <row r="971263" spans="14:14">
      <c r="N971263" s="10"/>
    </row>
    <row r="971264" spans="14:14">
      <c r="N971264" s="10"/>
    </row>
    <row r="971265" spans="14:14">
      <c r="N971265" s="10"/>
    </row>
    <row r="971266" spans="14:14">
      <c r="N971266" s="10"/>
    </row>
    <row r="971267" spans="14:14">
      <c r="N971267" s="10"/>
    </row>
    <row r="971268" spans="14:14">
      <c r="N971268" s="10"/>
    </row>
    <row r="971269" spans="14:14">
      <c r="N971269" s="10"/>
    </row>
    <row r="971270" spans="14:14">
      <c r="N971270" s="10"/>
    </row>
    <row r="971271" spans="14:14">
      <c r="N971271" s="10"/>
    </row>
    <row r="971272" spans="14:14">
      <c r="N971272" s="10"/>
    </row>
    <row r="971273" spans="14:14">
      <c r="N971273" s="10"/>
    </row>
    <row r="971274" spans="14:14">
      <c r="N971274" s="10"/>
    </row>
    <row r="971275" spans="14:14">
      <c r="N971275" s="10"/>
    </row>
    <row r="971276" spans="14:14">
      <c r="N971276" s="10"/>
    </row>
    <row r="971277" spans="14:14">
      <c r="N971277" s="10"/>
    </row>
    <row r="971278" spans="14:14">
      <c r="N971278" s="10"/>
    </row>
    <row r="971279" spans="14:14">
      <c r="N971279" s="10"/>
    </row>
    <row r="971280" spans="14:14">
      <c r="N971280" s="10"/>
    </row>
    <row r="971281" spans="14:14">
      <c r="N971281" s="10"/>
    </row>
    <row r="971282" spans="14:14">
      <c r="N971282" s="10"/>
    </row>
    <row r="971283" spans="14:14">
      <c r="N971283" s="10"/>
    </row>
    <row r="971284" spans="14:14">
      <c r="N971284" s="10"/>
    </row>
    <row r="971285" spans="14:14">
      <c r="N971285" s="10"/>
    </row>
    <row r="971286" spans="14:14">
      <c r="N971286" s="10"/>
    </row>
    <row r="971287" spans="14:14">
      <c r="N971287" s="10"/>
    </row>
    <row r="971288" spans="14:14">
      <c r="N971288" s="10"/>
    </row>
    <row r="971289" spans="14:14">
      <c r="N971289" s="10"/>
    </row>
    <row r="971290" spans="14:14">
      <c r="N971290" s="10"/>
    </row>
    <row r="971291" spans="14:14">
      <c r="N971291" s="10"/>
    </row>
    <row r="971292" spans="14:14">
      <c r="N971292" s="10"/>
    </row>
    <row r="971293" spans="14:14">
      <c r="N971293" s="10"/>
    </row>
    <row r="971294" spans="14:14">
      <c r="N971294" s="10"/>
    </row>
    <row r="971295" spans="14:14">
      <c r="N971295" s="10"/>
    </row>
    <row r="971296" spans="14:14">
      <c r="N971296" s="10"/>
    </row>
    <row r="971297" spans="14:14">
      <c r="N971297" s="10"/>
    </row>
    <row r="971298" spans="14:14">
      <c r="N971298" s="10"/>
    </row>
    <row r="971299" spans="14:14">
      <c r="N971299" s="10"/>
    </row>
    <row r="971300" spans="14:14">
      <c r="N971300" s="10"/>
    </row>
    <row r="971301" spans="14:14">
      <c r="N971301" s="10"/>
    </row>
    <row r="971302" spans="14:14">
      <c r="N971302" s="10"/>
    </row>
    <row r="971303" spans="14:14">
      <c r="N971303" s="10"/>
    </row>
    <row r="971304" spans="14:14">
      <c r="N971304" s="10"/>
    </row>
    <row r="971305" spans="14:14">
      <c r="N971305" s="10"/>
    </row>
    <row r="971306" spans="14:14">
      <c r="N971306" s="10"/>
    </row>
    <row r="971307" spans="14:14">
      <c r="N971307" s="10"/>
    </row>
    <row r="971308" spans="14:14">
      <c r="N971308" s="10"/>
    </row>
    <row r="971309" spans="14:14">
      <c r="N971309" s="10"/>
    </row>
    <row r="971310" spans="14:14">
      <c r="N971310" s="10"/>
    </row>
    <row r="971311" spans="14:14">
      <c r="N971311" s="10"/>
    </row>
    <row r="971312" spans="14:14">
      <c r="N971312" s="10"/>
    </row>
    <row r="971313" spans="14:14">
      <c r="N971313" s="10"/>
    </row>
    <row r="971314" spans="14:14">
      <c r="N971314" s="10"/>
    </row>
    <row r="971315" spans="14:14">
      <c r="N971315" s="10"/>
    </row>
    <row r="971316" spans="14:14">
      <c r="N971316" s="10"/>
    </row>
    <row r="971317" spans="14:14">
      <c r="N971317" s="10"/>
    </row>
    <row r="971318" spans="14:14">
      <c r="N971318" s="10"/>
    </row>
    <row r="971319" spans="14:14">
      <c r="N971319" s="10"/>
    </row>
    <row r="971320" spans="14:14">
      <c r="N971320" s="10"/>
    </row>
    <row r="971321" spans="14:14">
      <c r="N971321" s="10"/>
    </row>
    <row r="971322" spans="14:14">
      <c r="N971322" s="10"/>
    </row>
    <row r="971323" spans="14:14">
      <c r="N971323" s="10"/>
    </row>
    <row r="971324" spans="14:14">
      <c r="N971324" s="10"/>
    </row>
    <row r="971325" spans="14:14">
      <c r="N971325" s="10"/>
    </row>
    <row r="971326" spans="14:14">
      <c r="N971326" s="10"/>
    </row>
    <row r="971327" spans="14:14">
      <c r="N971327" s="10"/>
    </row>
    <row r="971328" spans="14:14">
      <c r="N971328" s="10"/>
    </row>
    <row r="971329" spans="14:14">
      <c r="N971329" s="10"/>
    </row>
    <row r="971330" spans="14:14">
      <c r="N971330" s="10"/>
    </row>
    <row r="971331" spans="14:14">
      <c r="N971331" s="10"/>
    </row>
    <row r="971332" spans="14:14">
      <c r="N971332" s="10"/>
    </row>
    <row r="971333" spans="14:14">
      <c r="N971333" s="10"/>
    </row>
    <row r="971334" spans="14:14">
      <c r="N971334" s="10"/>
    </row>
    <row r="971335" spans="14:14">
      <c r="N971335" s="10"/>
    </row>
    <row r="971336" spans="14:14">
      <c r="N971336" s="10"/>
    </row>
    <row r="971337" spans="14:14">
      <c r="N971337" s="10"/>
    </row>
    <row r="971338" spans="14:14">
      <c r="N971338" s="10"/>
    </row>
    <row r="971339" spans="14:14">
      <c r="N971339" s="10"/>
    </row>
    <row r="971340" spans="14:14">
      <c r="N971340" s="10"/>
    </row>
    <row r="971341" spans="14:14">
      <c r="N971341" s="10"/>
    </row>
    <row r="971342" spans="14:14">
      <c r="N971342" s="10"/>
    </row>
    <row r="971343" spans="14:14">
      <c r="N971343" s="10"/>
    </row>
    <row r="971344" spans="14:14">
      <c r="N971344" s="10"/>
    </row>
    <row r="971345" spans="14:14">
      <c r="N971345" s="10"/>
    </row>
    <row r="971346" spans="14:14">
      <c r="N971346" s="10"/>
    </row>
    <row r="971347" spans="14:14">
      <c r="N971347" s="10"/>
    </row>
    <row r="971348" spans="14:14">
      <c r="N971348" s="10"/>
    </row>
    <row r="971349" spans="14:14">
      <c r="N971349" s="10"/>
    </row>
    <row r="971350" spans="14:14">
      <c r="N971350" s="10"/>
    </row>
    <row r="971351" spans="14:14">
      <c r="N971351" s="10"/>
    </row>
    <row r="971352" spans="14:14">
      <c r="N971352" s="10"/>
    </row>
    <row r="971353" spans="14:14">
      <c r="N971353" s="10"/>
    </row>
    <row r="971354" spans="14:14">
      <c r="N971354" s="10"/>
    </row>
    <row r="971355" spans="14:14">
      <c r="N971355" s="10"/>
    </row>
    <row r="971356" spans="14:14">
      <c r="N971356" s="10"/>
    </row>
    <row r="971357" spans="14:14">
      <c r="N971357" s="10"/>
    </row>
    <row r="971358" spans="14:14">
      <c r="N971358" s="10"/>
    </row>
    <row r="971359" spans="14:14">
      <c r="N971359" s="10"/>
    </row>
    <row r="971360" spans="14:14">
      <c r="N971360" s="10"/>
    </row>
    <row r="971361" spans="14:14">
      <c r="N971361" s="10"/>
    </row>
    <row r="971362" spans="14:14">
      <c r="N971362" s="10"/>
    </row>
    <row r="971363" spans="14:14">
      <c r="N971363" s="10"/>
    </row>
    <row r="971364" spans="14:14">
      <c r="N971364" s="10"/>
    </row>
    <row r="971365" spans="14:14">
      <c r="N971365" s="10"/>
    </row>
    <row r="971366" spans="14:14">
      <c r="N971366" s="10"/>
    </row>
    <row r="971367" spans="14:14">
      <c r="N971367" s="10"/>
    </row>
    <row r="971368" spans="14:14">
      <c r="N971368" s="10"/>
    </row>
    <row r="971369" spans="14:14">
      <c r="N971369" s="10"/>
    </row>
    <row r="971370" spans="14:14">
      <c r="N971370" s="10"/>
    </row>
    <row r="971371" spans="14:14">
      <c r="N971371" s="10"/>
    </row>
    <row r="971372" spans="14:14">
      <c r="N971372" s="10"/>
    </row>
    <row r="971373" spans="14:14">
      <c r="N971373" s="10"/>
    </row>
    <row r="971374" spans="14:14">
      <c r="N971374" s="10"/>
    </row>
    <row r="971375" spans="14:14">
      <c r="N971375" s="10"/>
    </row>
    <row r="971376" spans="14:14">
      <c r="N971376" s="10"/>
    </row>
    <row r="971377" spans="14:14">
      <c r="N971377" s="10"/>
    </row>
    <row r="971378" spans="14:14">
      <c r="N971378" s="10"/>
    </row>
    <row r="971379" spans="14:14">
      <c r="N971379" s="10"/>
    </row>
    <row r="971380" spans="14:14">
      <c r="N971380" s="10"/>
    </row>
    <row r="971381" spans="14:14">
      <c r="N971381" s="10"/>
    </row>
    <row r="971382" spans="14:14">
      <c r="N971382" s="10"/>
    </row>
    <row r="971383" spans="14:14">
      <c r="N971383" s="10"/>
    </row>
    <row r="971384" spans="14:14">
      <c r="N971384" s="10"/>
    </row>
    <row r="971385" spans="14:14">
      <c r="N971385" s="10"/>
    </row>
    <row r="971386" spans="14:14">
      <c r="N971386" s="10"/>
    </row>
    <row r="971387" spans="14:14">
      <c r="N971387" s="10"/>
    </row>
    <row r="971388" spans="14:14">
      <c r="N971388" s="10"/>
    </row>
    <row r="971389" spans="14:14">
      <c r="N971389" s="10"/>
    </row>
    <row r="971390" spans="14:14">
      <c r="N971390" s="10"/>
    </row>
    <row r="971391" spans="14:14">
      <c r="N971391" s="10"/>
    </row>
    <row r="971392" spans="14:14">
      <c r="N971392" s="10"/>
    </row>
    <row r="971393" spans="14:14">
      <c r="N971393" s="10"/>
    </row>
    <row r="971394" spans="14:14">
      <c r="N971394" s="10"/>
    </row>
    <row r="971395" spans="14:14">
      <c r="N971395" s="10"/>
    </row>
    <row r="971396" spans="14:14">
      <c r="N971396" s="10"/>
    </row>
    <row r="971397" spans="14:14">
      <c r="N971397" s="10"/>
    </row>
    <row r="971398" spans="14:14">
      <c r="N971398" s="10"/>
    </row>
    <row r="971399" spans="14:14">
      <c r="N971399" s="10"/>
    </row>
    <row r="971400" spans="14:14">
      <c r="N971400" s="10"/>
    </row>
    <row r="971401" spans="14:14">
      <c r="N971401" s="10"/>
    </row>
    <row r="971402" spans="14:14">
      <c r="N971402" s="10"/>
    </row>
    <row r="971403" spans="14:14">
      <c r="N971403" s="10"/>
    </row>
    <row r="971404" spans="14:14">
      <c r="N971404" s="10"/>
    </row>
    <row r="971405" spans="14:14">
      <c r="N971405" s="10"/>
    </row>
    <row r="971406" spans="14:14">
      <c r="N971406" s="10"/>
    </row>
    <row r="971407" spans="14:14">
      <c r="N971407" s="10"/>
    </row>
    <row r="971408" spans="14:14">
      <c r="N971408" s="10"/>
    </row>
    <row r="971409" spans="14:14">
      <c r="N971409" s="10"/>
    </row>
    <row r="971410" spans="14:14">
      <c r="N971410" s="10"/>
    </row>
    <row r="971411" spans="14:14">
      <c r="N971411" s="10"/>
    </row>
    <row r="971412" spans="14:14">
      <c r="N971412" s="10"/>
    </row>
    <row r="971413" spans="14:14">
      <c r="N971413" s="10"/>
    </row>
    <row r="971414" spans="14:14">
      <c r="N971414" s="10"/>
    </row>
    <row r="971415" spans="14:14">
      <c r="N971415" s="10"/>
    </row>
    <row r="971416" spans="14:14">
      <c r="N971416" s="10"/>
    </row>
    <row r="971417" spans="14:14">
      <c r="N971417" s="10"/>
    </row>
    <row r="971418" spans="14:14">
      <c r="N971418" s="10"/>
    </row>
    <row r="971419" spans="14:14">
      <c r="N971419" s="10"/>
    </row>
    <row r="971420" spans="14:14">
      <c r="N971420" s="10"/>
    </row>
    <row r="971421" spans="14:14">
      <c r="N971421" s="10"/>
    </row>
    <row r="971422" spans="14:14">
      <c r="N971422" s="10"/>
    </row>
    <row r="971423" spans="14:14">
      <c r="N971423" s="10"/>
    </row>
    <row r="971424" spans="14:14">
      <c r="N971424" s="10"/>
    </row>
    <row r="971425" spans="14:14">
      <c r="N971425" s="10"/>
    </row>
    <row r="971426" spans="14:14">
      <c r="N971426" s="10"/>
    </row>
    <row r="971427" spans="14:14">
      <c r="N971427" s="10"/>
    </row>
    <row r="971428" spans="14:14">
      <c r="N971428" s="10"/>
    </row>
    <row r="971429" spans="14:14">
      <c r="N971429" s="10"/>
    </row>
    <row r="971430" spans="14:14">
      <c r="N971430" s="10"/>
    </row>
    <row r="971431" spans="14:14">
      <c r="N971431" s="10"/>
    </row>
    <row r="971432" spans="14:14">
      <c r="N971432" s="10"/>
    </row>
    <row r="971433" spans="14:14">
      <c r="N971433" s="10"/>
    </row>
    <row r="971434" spans="14:14">
      <c r="N971434" s="10"/>
    </row>
    <row r="971435" spans="14:14">
      <c r="N971435" s="10"/>
    </row>
    <row r="971436" spans="14:14">
      <c r="N971436" s="10"/>
    </row>
    <row r="971437" spans="14:14">
      <c r="N971437" s="10"/>
    </row>
    <row r="971438" spans="14:14">
      <c r="N971438" s="10"/>
    </row>
    <row r="971439" spans="14:14">
      <c r="N971439" s="10"/>
    </row>
    <row r="971440" spans="14:14">
      <c r="N971440" s="10"/>
    </row>
    <row r="971441" spans="14:14">
      <c r="N971441" s="10"/>
    </row>
    <row r="971442" spans="14:14">
      <c r="N971442" s="10"/>
    </row>
    <row r="971443" spans="14:14">
      <c r="N971443" s="10"/>
    </row>
    <row r="971444" spans="14:14">
      <c r="N971444" s="10"/>
    </row>
    <row r="971445" spans="14:14">
      <c r="N971445" s="10"/>
    </row>
    <row r="971446" spans="14:14">
      <c r="N971446" s="10"/>
    </row>
    <row r="971447" spans="14:14">
      <c r="N971447" s="10"/>
    </row>
    <row r="971448" spans="14:14">
      <c r="N971448" s="10"/>
    </row>
    <row r="971449" spans="14:14">
      <c r="N971449" s="10"/>
    </row>
    <row r="971450" spans="14:14">
      <c r="N971450" s="10"/>
    </row>
    <row r="971451" spans="14:14">
      <c r="N971451" s="10"/>
    </row>
    <row r="971452" spans="14:14">
      <c r="N971452" s="10"/>
    </row>
    <row r="971453" spans="14:14">
      <c r="N971453" s="10"/>
    </row>
    <row r="971454" spans="14:14">
      <c r="N971454" s="10"/>
    </row>
    <row r="971455" spans="14:14">
      <c r="N971455" s="10"/>
    </row>
    <row r="971456" spans="14:14">
      <c r="N971456" s="10"/>
    </row>
    <row r="971457" spans="14:14">
      <c r="N971457" s="10"/>
    </row>
    <row r="971458" spans="14:14">
      <c r="N971458" s="10"/>
    </row>
    <row r="971459" spans="14:14">
      <c r="N971459" s="10"/>
    </row>
    <row r="971460" spans="14:14">
      <c r="N971460" s="10"/>
    </row>
    <row r="971461" spans="14:14">
      <c r="N971461" s="10"/>
    </row>
    <row r="971462" spans="14:14">
      <c r="N971462" s="10"/>
    </row>
    <row r="971463" spans="14:14">
      <c r="N971463" s="10"/>
    </row>
    <row r="971464" spans="14:14">
      <c r="N971464" s="10"/>
    </row>
    <row r="971465" spans="14:14">
      <c r="N971465" s="10"/>
    </row>
    <row r="971466" spans="14:14">
      <c r="N971466" s="10"/>
    </row>
    <row r="971467" spans="14:14">
      <c r="N971467" s="10"/>
    </row>
    <row r="971468" spans="14:14">
      <c r="N971468" s="10"/>
    </row>
    <row r="971469" spans="14:14">
      <c r="N971469" s="10"/>
    </row>
    <row r="971470" spans="14:14">
      <c r="N971470" s="10"/>
    </row>
    <row r="971471" spans="14:14">
      <c r="N971471" s="10"/>
    </row>
    <row r="971472" spans="14:14">
      <c r="N971472" s="10"/>
    </row>
    <row r="971473" spans="14:14">
      <c r="N971473" s="10"/>
    </row>
    <row r="971474" spans="14:14">
      <c r="N971474" s="10"/>
    </row>
    <row r="971475" spans="14:14">
      <c r="N971475" s="10"/>
    </row>
    <row r="971476" spans="14:14">
      <c r="N971476" s="10"/>
    </row>
    <row r="971477" spans="14:14">
      <c r="N971477" s="10"/>
    </row>
    <row r="971478" spans="14:14">
      <c r="N971478" s="10"/>
    </row>
    <row r="971479" spans="14:14">
      <c r="N971479" s="10"/>
    </row>
    <row r="971480" spans="14:14">
      <c r="N971480" s="10"/>
    </row>
    <row r="971481" spans="14:14">
      <c r="N971481" s="10"/>
    </row>
    <row r="971482" spans="14:14">
      <c r="N971482" s="10"/>
    </row>
    <row r="971483" spans="14:14">
      <c r="N971483" s="10"/>
    </row>
    <row r="971484" spans="14:14">
      <c r="N971484" s="10"/>
    </row>
    <row r="971485" spans="14:14">
      <c r="N971485" s="10"/>
    </row>
    <row r="971486" spans="14:14">
      <c r="N971486" s="10"/>
    </row>
    <row r="971487" spans="14:14">
      <c r="N971487" s="10"/>
    </row>
    <row r="971488" spans="14:14">
      <c r="N971488" s="10"/>
    </row>
    <row r="971489" spans="14:14">
      <c r="N971489" s="10"/>
    </row>
    <row r="971490" spans="14:14">
      <c r="N971490" s="10"/>
    </row>
    <row r="971491" spans="14:14">
      <c r="N971491" s="10"/>
    </row>
    <row r="971492" spans="14:14">
      <c r="N971492" s="10"/>
    </row>
    <row r="971493" spans="14:14">
      <c r="N971493" s="10"/>
    </row>
    <row r="971494" spans="14:14">
      <c r="N971494" s="10"/>
    </row>
    <row r="971495" spans="14:14">
      <c r="N971495" s="10"/>
    </row>
    <row r="971496" spans="14:14">
      <c r="N971496" s="10"/>
    </row>
    <row r="971497" spans="14:14">
      <c r="N971497" s="10"/>
    </row>
    <row r="971498" spans="14:14">
      <c r="N971498" s="10"/>
    </row>
    <row r="971499" spans="14:14">
      <c r="N971499" s="10"/>
    </row>
    <row r="971500" spans="14:14">
      <c r="N971500" s="10"/>
    </row>
    <row r="971501" spans="14:14">
      <c r="N971501" s="10"/>
    </row>
    <row r="971502" spans="14:14">
      <c r="N971502" s="10"/>
    </row>
    <row r="971503" spans="14:14">
      <c r="N971503" s="10"/>
    </row>
    <row r="971504" spans="14:14">
      <c r="N971504" s="10"/>
    </row>
    <row r="971505" spans="14:14">
      <c r="N971505" s="10"/>
    </row>
    <row r="971506" spans="14:14">
      <c r="N971506" s="10"/>
    </row>
    <row r="971507" spans="14:14">
      <c r="N971507" s="10"/>
    </row>
    <row r="971508" spans="14:14">
      <c r="N971508" s="10"/>
    </row>
    <row r="971509" spans="14:14">
      <c r="N971509" s="10"/>
    </row>
    <row r="971510" spans="14:14">
      <c r="N971510" s="10"/>
    </row>
    <row r="971511" spans="14:14">
      <c r="N971511" s="10"/>
    </row>
    <row r="971512" spans="14:14">
      <c r="N971512" s="10"/>
    </row>
    <row r="971513" spans="14:14">
      <c r="N971513" s="10"/>
    </row>
    <row r="971514" spans="14:14">
      <c r="N971514" s="10"/>
    </row>
    <row r="971515" spans="14:14">
      <c r="N971515" s="10"/>
    </row>
    <row r="971516" spans="14:14">
      <c r="N971516" s="10"/>
    </row>
    <row r="971517" spans="14:14">
      <c r="N971517" s="10"/>
    </row>
    <row r="971518" spans="14:14">
      <c r="N971518" s="10"/>
    </row>
    <row r="971519" spans="14:14">
      <c r="N971519" s="10"/>
    </row>
    <row r="971520" spans="14:14">
      <c r="N971520" s="10"/>
    </row>
    <row r="971521" spans="14:14">
      <c r="N971521" s="10"/>
    </row>
    <row r="971522" spans="14:14">
      <c r="N971522" s="10"/>
    </row>
    <row r="971523" spans="14:14">
      <c r="N971523" s="10"/>
    </row>
    <row r="971524" spans="14:14">
      <c r="N971524" s="10"/>
    </row>
    <row r="971525" spans="14:14">
      <c r="N971525" s="10"/>
    </row>
    <row r="971526" spans="14:14">
      <c r="N971526" s="10"/>
    </row>
    <row r="971527" spans="14:14">
      <c r="N971527" s="10"/>
    </row>
    <row r="971528" spans="14:14">
      <c r="N971528" s="10"/>
    </row>
    <row r="971529" spans="14:14">
      <c r="N971529" s="10"/>
    </row>
    <row r="971530" spans="14:14">
      <c r="N971530" s="10"/>
    </row>
    <row r="971531" spans="14:14">
      <c r="N971531" s="10"/>
    </row>
    <row r="971532" spans="14:14">
      <c r="N971532" s="10"/>
    </row>
    <row r="971533" spans="14:14">
      <c r="N971533" s="10"/>
    </row>
    <row r="971534" spans="14:14">
      <c r="N971534" s="10"/>
    </row>
    <row r="971535" spans="14:14">
      <c r="N971535" s="10"/>
    </row>
    <row r="971536" spans="14:14">
      <c r="N971536" s="10"/>
    </row>
    <row r="971537" spans="14:14">
      <c r="N971537" s="10"/>
    </row>
    <row r="971538" spans="14:14">
      <c r="N971538" s="10"/>
    </row>
    <row r="971539" spans="14:14">
      <c r="N971539" s="10"/>
    </row>
    <row r="971540" spans="14:14">
      <c r="N971540" s="10"/>
    </row>
    <row r="971541" spans="14:14">
      <c r="N971541" s="10"/>
    </row>
    <row r="971542" spans="14:14">
      <c r="N971542" s="10"/>
    </row>
    <row r="971543" spans="14:14">
      <c r="N971543" s="10"/>
    </row>
    <row r="971544" spans="14:14">
      <c r="N971544" s="10"/>
    </row>
    <row r="971545" spans="14:14">
      <c r="N971545" s="10"/>
    </row>
    <row r="971546" spans="14:14">
      <c r="N971546" s="10"/>
    </row>
    <row r="971547" spans="14:14">
      <c r="N971547" s="10"/>
    </row>
    <row r="971548" spans="14:14">
      <c r="N971548" s="10"/>
    </row>
    <row r="971549" spans="14:14">
      <c r="N971549" s="10"/>
    </row>
    <row r="971550" spans="14:14">
      <c r="N971550" s="10"/>
    </row>
    <row r="971551" spans="14:14">
      <c r="N971551" s="10"/>
    </row>
    <row r="971552" spans="14:14">
      <c r="N971552" s="10"/>
    </row>
    <row r="971553" spans="14:14">
      <c r="N971553" s="10"/>
    </row>
    <row r="971554" spans="14:14">
      <c r="N971554" s="10"/>
    </row>
    <row r="971555" spans="14:14">
      <c r="N971555" s="10"/>
    </row>
    <row r="971556" spans="14:14">
      <c r="N971556" s="10"/>
    </row>
    <row r="971557" spans="14:14">
      <c r="N971557" s="10"/>
    </row>
    <row r="971558" spans="14:14">
      <c r="N971558" s="10"/>
    </row>
    <row r="971559" spans="14:14">
      <c r="N971559" s="10"/>
    </row>
    <row r="971560" spans="14:14">
      <c r="N971560" s="10"/>
    </row>
    <row r="971561" spans="14:14">
      <c r="N971561" s="10"/>
    </row>
    <row r="971562" spans="14:14">
      <c r="N971562" s="10"/>
    </row>
    <row r="971563" spans="14:14">
      <c r="N971563" s="10"/>
    </row>
    <row r="971564" spans="14:14">
      <c r="N971564" s="10"/>
    </row>
    <row r="971565" spans="14:14">
      <c r="N971565" s="10"/>
    </row>
    <row r="971566" spans="14:14">
      <c r="N971566" s="10"/>
    </row>
    <row r="971567" spans="14:14">
      <c r="N971567" s="10"/>
    </row>
    <row r="971568" spans="14:14">
      <c r="N971568" s="10"/>
    </row>
    <row r="971569" spans="14:14">
      <c r="N971569" s="10"/>
    </row>
    <row r="971570" spans="14:14">
      <c r="N971570" s="10"/>
    </row>
    <row r="971571" spans="14:14">
      <c r="N971571" s="10"/>
    </row>
    <row r="971572" spans="14:14">
      <c r="N971572" s="10"/>
    </row>
    <row r="971573" spans="14:14">
      <c r="N971573" s="10"/>
    </row>
    <row r="971574" spans="14:14">
      <c r="N971574" s="10"/>
    </row>
    <row r="971575" spans="14:14">
      <c r="N971575" s="10"/>
    </row>
    <row r="971576" spans="14:14">
      <c r="N971576" s="10"/>
    </row>
    <row r="971577" spans="14:14">
      <c r="N971577" s="10"/>
    </row>
    <row r="971578" spans="14:14">
      <c r="N971578" s="10"/>
    </row>
    <row r="971579" spans="14:14">
      <c r="N971579" s="10"/>
    </row>
    <row r="971580" spans="14:14">
      <c r="N971580" s="10"/>
    </row>
    <row r="971581" spans="14:14">
      <c r="N971581" s="10"/>
    </row>
    <row r="971582" spans="14:14">
      <c r="N971582" s="10"/>
    </row>
    <row r="971583" spans="14:14">
      <c r="N971583" s="10"/>
    </row>
    <row r="971584" spans="14:14">
      <c r="N971584" s="10"/>
    </row>
    <row r="971585" spans="14:14">
      <c r="N971585" s="10"/>
    </row>
    <row r="971586" spans="14:14">
      <c r="N971586" s="10"/>
    </row>
    <row r="971587" spans="14:14">
      <c r="N971587" s="10"/>
    </row>
    <row r="971588" spans="14:14">
      <c r="N971588" s="10"/>
    </row>
    <row r="971589" spans="14:14">
      <c r="N971589" s="10"/>
    </row>
    <row r="971590" spans="14:14">
      <c r="N971590" s="10"/>
    </row>
    <row r="971591" spans="14:14">
      <c r="N971591" s="10"/>
    </row>
    <row r="971592" spans="14:14">
      <c r="N971592" s="10"/>
    </row>
    <row r="971593" spans="14:14">
      <c r="N971593" s="10"/>
    </row>
    <row r="971594" spans="14:14">
      <c r="N971594" s="10"/>
    </row>
    <row r="971595" spans="14:14">
      <c r="N971595" s="10"/>
    </row>
    <row r="971596" spans="14:14">
      <c r="N971596" s="10"/>
    </row>
    <row r="971597" spans="14:14">
      <c r="N971597" s="10"/>
    </row>
    <row r="971598" spans="14:14">
      <c r="N971598" s="10"/>
    </row>
    <row r="971599" spans="14:14">
      <c r="N971599" s="10"/>
    </row>
    <row r="971600" spans="14:14">
      <c r="N971600" s="10"/>
    </row>
    <row r="971601" spans="14:14">
      <c r="N971601" s="10"/>
    </row>
    <row r="971602" spans="14:14">
      <c r="N971602" s="10"/>
    </row>
    <row r="971603" spans="14:14">
      <c r="N971603" s="10"/>
    </row>
    <row r="971604" spans="14:14">
      <c r="N971604" s="10"/>
    </row>
    <row r="971605" spans="14:14">
      <c r="N971605" s="10"/>
    </row>
    <row r="971606" spans="14:14">
      <c r="N971606" s="10"/>
    </row>
    <row r="971607" spans="14:14">
      <c r="N971607" s="10"/>
    </row>
    <row r="971608" spans="14:14">
      <c r="N971608" s="10"/>
    </row>
    <row r="971609" spans="14:14">
      <c r="N971609" s="10"/>
    </row>
    <row r="971610" spans="14:14">
      <c r="N971610" s="10"/>
    </row>
    <row r="971611" spans="14:14">
      <c r="N971611" s="10"/>
    </row>
    <row r="971612" spans="14:14">
      <c r="N971612" s="10"/>
    </row>
    <row r="971613" spans="14:14">
      <c r="N971613" s="10"/>
    </row>
    <row r="971614" spans="14:14">
      <c r="N971614" s="10"/>
    </row>
    <row r="971615" spans="14:14">
      <c r="N971615" s="10"/>
    </row>
    <row r="971616" spans="14:14">
      <c r="N971616" s="10"/>
    </row>
    <row r="971617" spans="14:14">
      <c r="N971617" s="10"/>
    </row>
    <row r="971618" spans="14:14">
      <c r="N971618" s="10"/>
    </row>
    <row r="971619" spans="14:14">
      <c r="N971619" s="10"/>
    </row>
    <row r="971620" spans="14:14">
      <c r="N971620" s="10"/>
    </row>
    <row r="971621" spans="14:14">
      <c r="N971621" s="10"/>
    </row>
    <row r="971622" spans="14:14">
      <c r="N971622" s="10"/>
    </row>
    <row r="971623" spans="14:14">
      <c r="N971623" s="10"/>
    </row>
    <row r="971624" spans="14:14">
      <c r="N971624" s="10"/>
    </row>
    <row r="971625" spans="14:14">
      <c r="N971625" s="10"/>
    </row>
    <row r="971626" spans="14:14">
      <c r="N971626" s="10"/>
    </row>
    <row r="971627" spans="14:14">
      <c r="N971627" s="10"/>
    </row>
    <row r="971628" spans="14:14">
      <c r="N971628" s="10"/>
    </row>
    <row r="971629" spans="14:14">
      <c r="N971629" s="10"/>
    </row>
    <row r="971630" spans="14:14">
      <c r="N971630" s="10"/>
    </row>
    <row r="971631" spans="14:14">
      <c r="N971631" s="10"/>
    </row>
    <row r="971632" spans="14:14">
      <c r="N971632" s="10"/>
    </row>
    <row r="971633" spans="14:14">
      <c r="N971633" s="10"/>
    </row>
    <row r="971634" spans="14:14">
      <c r="N971634" s="10"/>
    </row>
    <row r="971635" spans="14:14">
      <c r="N971635" s="10"/>
    </row>
    <row r="971636" spans="14:14">
      <c r="N971636" s="10"/>
    </row>
    <row r="971637" spans="14:14">
      <c r="N971637" s="10"/>
    </row>
    <row r="971638" spans="14:14">
      <c r="N971638" s="10"/>
    </row>
    <row r="971639" spans="14:14">
      <c r="N971639" s="10"/>
    </row>
    <row r="971640" spans="14:14">
      <c r="N971640" s="10"/>
    </row>
    <row r="971641" spans="14:14">
      <c r="N971641" s="10"/>
    </row>
    <row r="971642" spans="14:14">
      <c r="N971642" s="10"/>
    </row>
    <row r="971643" spans="14:14">
      <c r="N971643" s="10"/>
    </row>
    <row r="971644" spans="14:14">
      <c r="N971644" s="10"/>
    </row>
    <row r="971645" spans="14:14">
      <c r="N971645" s="10"/>
    </row>
    <row r="971646" spans="14:14">
      <c r="N971646" s="10"/>
    </row>
    <row r="971647" spans="14:14">
      <c r="N971647" s="10"/>
    </row>
    <row r="971648" spans="14:14">
      <c r="N971648" s="10"/>
    </row>
    <row r="971649" spans="14:14">
      <c r="N971649" s="10"/>
    </row>
    <row r="971650" spans="14:14">
      <c r="N971650" s="10"/>
    </row>
    <row r="971651" spans="14:14">
      <c r="N971651" s="10"/>
    </row>
    <row r="971652" spans="14:14">
      <c r="N971652" s="10"/>
    </row>
    <row r="971653" spans="14:14">
      <c r="N971653" s="10"/>
    </row>
    <row r="971654" spans="14:14">
      <c r="N971654" s="10"/>
    </row>
    <row r="971655" spans="14:14">
      <c r="N971655" s="10"/>
    </row>
    <row r="971656" spans="14:14">
      <c r="N971656" s="10"/>
    </row>
    <row r="971657" spans="14:14">
      <c r="N971657" s="10"/>
    </row>
    <row r="971658" spans="14:14">
      <c r="N971658" s="10"/>
    </row>
    <row r="971659" spans="14:14">
      <c r="N971659" s="10"/>
    </row>
    <row r="971660" spans="14:14">
      <c r="N971660" s="10"/>
    </row>
    <row r="971661" spans="14:14">
      <c r="N971661" s="10"/>
    </row>
    <row r="971662" spans="14:14">
      <c r="N971662" s="10"/>
    </row>
    <row r="971663" spans="14:14">
      <c r="N971663" s="10"/>
    </row>
    <row r="971664" spans="14:14">
      <c r="N971664" s="10"/>
    </row>
    <row r="971665" spans="14:14">
      <c r="N971665" s="10"/>
    </row>
    <row r="971666" spans="14:14">
      <c r="N971666" s="10"/>
    </row>
    <row r="971667" spans="14:14">
      <c r="N971667" s="10"/>
    </row>
    <row r="971668" spans="14:14">
      <c r="N971668" s="10"/>
    </row>
    <row r="971669" spans="14:14">
      <c r="N971669" s="10"/>
    </row>
    <row r="971670" spans="14:14">
      <c r="N971670" s="10"/>
    </row>
    <row r="971671" spans="14:14">
      <c r="N971671" s="10"/>
    </row>
    <row r="971672" spans="14:14">
      <c r="N971672" s="10"/>
    </row>
    <row r="971673" spans="14:14">
      <c r="N971673" s="10"/>
    </row>
    <row r="971674" spans="14:14">
      <c r="N971674" s="10"/>
    </row>
    <row r="971675" spans="14:14">
      <c r="N971675" s="10"/>
    </row>
    <row r="971676" spans="14:14">
      <c r="N971676" s="10"/>
    </row>
    <row r="971677" spans="14:14">
      <c r="N971677" s="10"/>
    </row>
    <row r="971678" spans="14:14">
      <c r="N971678" s="10"/>
    </row>
    <row r="971679" spans="14:14">
      <c r="N971679" s="10"/>
    </row>
    <row r="971680" spans="14:14">
      <c r="N971680" s="10"/>
    </row>
    <row r="971681" spans="14:14">
      <c r="N971681" s="10"/>
    </row>
    <row r="971682" spans="14:14">
      <c r="N971682" s="10"/>
    </row>
    <row r="971683" spans="14:14">
      <c r="N971683" s="10"/>
    </row>
    <row r="971684" spans="14:14">
      <c r="N971684" s="10"/>
    </row>
    <row r="971685" spans="14:14">
      <c r="N971685" s="10"/>
    </row>
    <row r="971686" spans="14:14">
      <c r="N971686" s="10"/>
    </row>
    <row r="971687" spans="14:14">
      <c r="N971687" s="10"/>
    </row>
    <row r="971688" spans="14:14">
      <c r="N971688" s="10"/>
    </row>
    <row r="971689" spans="14:14">
      <c r="N971689" s="10"/>
    </row>
    <row r="971690" spans="14:14">
      <c r="N971690" s="10"/>
    </row>
    <row r="971691" spans="14:14">
      <c r="N971691" s="10"/>
    </row>
    <row r="971692" spans="14:14">
      <c r="N971692" s="10"/>
    </row>
    <row r="971693" spans="14:14">
      <c r="N971693" s="10"/>
    </row>
    <row r="971694" spans="14:14">
      <c r="N971694" s="10"/>
    </row>
    <row r="971695" spans="14:14">
      <c r="N971695" s="10"/>
    </row>
    <row r="971696" spans="14:14">
      <c r="N971696" s="10"/>
    </row>
    <row r="971697" spans="14:14">
      <c r="N971697" s="10"/>
    </row>
    <row r="971698" spans="14:14">
      <c r="N971698" s="10"/>
    </row>
    <row r="971699" spans="14:14">
      <c r="N971699" s="10"/>
    </row>
    <row r="971700" spans="14:14">
      <c r="N971700" s="10"/>
    </row>
    <row r="971701" spans="14:14">
      <c r="N971701" s="10"/>
    </row>
    <row r="971702" spans="14:14">
      <c r="N971702" s="10"/>
    </row>
    <row r="971703" spans="14:14">
      <c r="N971703" s="10"/>
    </row>
    <row r="971704" spans="14:14">
      <c r="N971704" s="10"/>
    </row>
    <row r="971705" spans="14:14">
      <c r="N971705" s="10"/>
    </row>
    <row r="971706" spans="14:14">
      <c r="N971706" s="10"/>
    </row>
    <row r="971707" spans="14:14">
      <c r="N971707" s="10"/>
    </row>
    <row r="971708" spans="14:14">
      <c r="N971708" s="10"/>
    </row>
    <row r="971709" spans="14:14">
      <c r="N971709" s="10"/>
    </row>
    <row r="971710" spans="14:14">
      <c r="N971710" s="10"/>
    </row>
    <row r="971711" spans="14:14">
      <c r="N971711" s="10"/>
    </row>
    <row r="971712" spans="14:14">
      <c r="N971712" s="10"/>
    </row>
    <row r="971713" spans="14:14">
      <c r="N971713" s="10"/>
    </row>
    <row r="971714" spans="14:14">
      <c r="N971714" s="10"/>
    </row>
    <row r="971715" spans="14:14">
      <c r="N971715" s="10"/>
    </row>
    <row r="971716" spans="14:14">
      <c r="N971716" s="10"/>
    </row>
    <row r="971717" spans="14:14">
      <c r="N971717" s="10"/>
    </row>
    <row r="971718" spans="14:14">
      <c r="N971718" s="10"/>
    </row>
    <row r="971719" spans="14:14">
      <c r="N971719" s="10"/>
    </row>
    <row r="971720" spans="14:14">
      <c r="N971720" s="10"/>
    </row>
    <row r="971721" spans="14:14">
      <c r="N971721" s="10"/>
    </row>
    <row r="971722" spans="14:14">
      <c r="N971722" s="10"/>
    </row>
    <row r="971723" spans="14:14">
      <c r="N971723" s="10"/>
    </row>
    <row r="971724" spans="14:14">
      <c r="N971724" s="10"/>
    </row>
    <row r="971725" spans="14:14">
      <c r="N971725" s="10"/>
    </row>
    <row r="971726" spans="14:14">
      <c r="N971726" s="10"/>
    </row>
    <row r="971727" spans="14:14">
      <c r="N971727" s="10"/>
    </row>
    <row r="971728" spans="14:14">
      <c r="N971728" s="10"/>
    </row>
    <row r="971729" spans="14:14">
      <c r="N971729" s="10"/>
    </row>
    <row r="971730" spans="14:14">
      <c r="N971730" s="10"/>
    </row>
    <row r="971731" spans="14:14">
      <c r="N971731" s="10"/>
    </row>
    <row r="971732" spans="14:14">
      <c r="N971732" s="10"/>
    </row>
    <row r="971733" spans="14:14">
      <c r="N971733" s="10"/>
    </row>
    <row r="971734" spans="14:14">
      <c r="N971734" s="10"/>
    </row>
    <row r="971735" spans="14:14">
      <c r="N971735" s="10"/>
    </row>
    <row r="971736" spans="14:14">
      <c r="N971736" s="10"/>
    </row>
    <row r="971737" spans="14:14">
      <c r="N971737" s="10"/>
    </row>
    <row r="971738" spans="14:14">
      <c r="N971738" s="10"/>
    </row>
    <row r="971739" spans="14:14">
      <c r="N971739" s="10"/>
    </row>
    <row r="971740" spans="14:14">
      <c r="N971740" s="10"/>
    </row>
    <row r="971741" spans="14:14">
      <c r="N971741" s="10"/>
    </row>
    <row r="971742" spans="14:14">
      <c r="N971742" s="10"/>
    </row>
    <row r="971743" spans="14:14">
      <c r="N971743" s="10"/>
    </row>
    <row r="971744" spans="14:14">
      <c r="N971744" s="10"/>
    </row>
    <row r="971745" spans="14:14">
      <c r="N971745" s="10"/>
    </row>
    <row r="971746" spans="14:14">
      <c r="N971746" s="10"/>
    </row>
    <row r="971747" spans="14:14">
      <c r="N971747" s="10"/>
    </row>
    <row r="971748" spans="14:14">
      <c r="N971748" s="10"/>
    </row>
    <row r="971749" spans="14:14">
      <c r="N971749" s="10"/>
    </row>
    <row r="971750" spans="14:14">
      <c r="N971750" s="10"/>
    </row>
    <row r="971751" spans="14:14">
      <c r="N971751" s="10"/>
    </row>
    <row r="971752" spans="14:14">
      <c r="N971752" s="10"/>
    </row>
    <row r="971753" spans="14:14">
      <c r="N971753" s="10"/>
    </row>
    <row r="971754" spans="14:14">
      <c r="N971754" s="10"/>
    </row>
    <row r="971755" spans="14:14">
      <c r="N971755" s="10"/>
    </row>
    <row r="971756" spans="14:14">
      <c r="N971756" s="10"/>
    </row>
    <row r="971757" spans="14:14">
      <c r="N971757" s="10"/>
    </row>
    <row r="971758" spans="14:14">
      <c r="N971758" s="10"/>
    </row>
    <row r="971759" spans="14:14">
      <c r="N971759" s="10"/>
    </row>
    <row r="971760" spans="14:14">
      <c r="N971760" s="10"/>
    </row>
    <row r="971761" spans="14:14">
      <c r="N971761" s="10"/>
    </row>
    <row r="971762" spans="14:14">
      <c r="N971762" s="10"/>
    </row>
    <row r="971763" spans="14:14">
      <c r="N971763" s="10"/>
    </row>
    <row r="971764" spans="14:14">
      <c r="N971764" s="10"/>
    </row>
    <row r="971765" spans="14:14">
      <c r="N971765" s="10"/>
    </row>
    <row r="971766" spans="14:14">
      <c r="N971766" s="10"/>
    </row>
    <row r="971767" spans="14:14">
      <c r="N971767" s="10"/>
    </row>
    <row r="971768" spans="14:14">
      <c r="N971768" s="10"/>
    </row>
    <row r="971769" spans="14:14">
      <c r="N971769" s="10"/>
    </row>
    <row r="971770" spans="14:14">
      <c r="N971770" s="10"/>
    </row>
    <row r="971771" spans="14:14">
      <c r="N971771" s="10"/>
    </row>
    <row r="971772" spans="14:14">
      <c r="N971772" s="10"/>
    </row>
    <row r="971773" spans="14:14">
      <c r="N971773" s="10"/>
    </row>
    <row r="971774" spans="14:14">
      <c r="N971774" s="10"/>
    </row>
    <row r="971775" spans="14:14">
      <c r="N971775" s="10"/>
    </row>
    <row r="971776" spans="14:14">
      <c r="N971776" s="10"/>
    </row>
    <row r="971777" spans="14:14">
      <c r="N971777" s="10"/>
    </row>
    <row r="971778" spans="14:14">
      <c r="N971778" s="10"/>
    </row>
    <row r="971779" spans="14:14">
      <c r="N971779" s="10"/>
    </row>
    <row r="971780" spans="14:14">
      <c r="N971780" s="10"/>
    </row>
    <row r="971781" spans="14:14">
      <c r="N971781" s="10"/>
    </row>
    <row r="971782" spans="14:14">
      <c r="N971782" s="10"/>
    </row>
    <row r="971783" spans="14:14">
      <c r="N971783" s="10"/>
    </row>
    <row r="971784" spans="14:14">
      <c r="N971784" s="10"/>
    </row>
    <row r="971785" spans="14:14">
      <c r="N971785" s="10"/>
    </row>
    <row r="971786" spans="14:14">
      <c r="N971786" s="10"/>
    </row>
    <row r="971787" spans="14:14">
      <c r="N971787" s="10"/>
    </row>
    <row r="971788" spans="14:14">
      <c r="N971788" s="10"/>
    </row>
    <row r="971789" spans="14:14">
      <c r="N971789" s="10"/>
    </row>
    <row r="971790" spans="14:14">
      <c r="N971790" s="10"/>
    </row>
    <row r="971791" spans="14:14">
      <c r="N971791" s="10"/>
    </row>
    <row r="971792" spans="14:14">
      <c r="N971792" s="10"/>
    </row>
    <row r="971793" spans="14:14">
      <c r="N971793" s="10"/>
    </row>
    <row r="971794" spans="14:14">
      <c r="N971794" s="10"/>
    </row>
    <row r="971795" spans="14:14">
      <c r="N971795" s="10"/>
    </row>
    <row r="971796" spans="14:14">
      <c r="N971796" s="10"/>
    </row>
    <row r="971797" spans="14:14">
      <c r="N971797" s="10"/>
    </row>
    <row r="971798" spans="14:14">
      <c r="N971798" s="10"/>
    </row>
    <row r="971799" spans="14:14">
      <c r="N971799" s="10"/>
    </row>
    <row r="971800" spans="14:14">
      <c r="N971800" s="10"/>
    </row>
    <row r="971801" spans="14:14">
      <c r="N971801" s="10"/>
    </row>
    <row r="971802" spans="14:14">
      <c r="N971802" s="10"/>
    </row>
    <row r="971803" spans="14:14">
      <c r="N971803" s="10"/>
    </row>
    <row r="971804" spans="14:14">
      <c r="N971804" s="10"/>
    </row>
    <row r="971805" spans="14:14">
      <c r="N971805" s="10"/>
    </row>
    <row r="971806" spans="14:14">
      <c r="N971806" s="10"/>
    </row>
    <row r="971807" spans="14:14">
      <c r="N971807" s="10"/>
    </row>
    <row r="971808" spans="14:14">
      <c r="N971808" s="10"/>
    </row>
    <row r="971809" spans="14:14">
      <c r="N971809" s="10"/>
    </row>
    <row r="971810" spans="14:14">
      <c r="N971810" s="10"/>
    </row>
    <row r="971811" spans="14:14">
      <c r="N971811" s="10"/>
    </row>
    <row r="971812" spans="14:14">
      <c r="N971812" s="10"/>
    </row>
    <row r="971813" spans="14:14">
      <c r="N971813" s="10"/>
    </row>
    <row r="971814" spans="14:14">
      <c r="N971814" s="10"/>
    </row>
    <row r="971815" spans="14:14">
      <c r="N971815" s="10"/>
    </row>
    <row r="971816" spans="14:14">
      <c r="N971816" s="10"/>
    </row>
    <row r="971817" spans="14:14">
      <c r="N971817" s="10"/>
    </row>
    <row r="971818" spans="14:14">
      <c r="N971818" s="10"/>
    </row>
    <row r="971819" spans="14:14">
      <c r="N971819" s="10"/>
    </row>
    <row r="971820" spans="14:14">
      <c r="N971820" s="10"/>
    </row>
    <row r="971821" spans="14:14">
      <c r="N971821" s="10"/>
    </row>
    <row r="971822" spans="14:14">
      <c r="N971822" s="10"/>
    </row>
    <row r="971823" spans="14:14">
      <c r="N971823" s="10"/>
    </row>
    <row r="971824" spans="14:14">
      <c r="N971824" s="10"/>
    </row>
    <row r="971825" spans="14:14">
      <c r="N971825" s="10"/>
    </row>
    <row r="971826" spans="14:14">
      <c r="N971826" s="10"/>
    </row>
    <row r="971827" spans="14:14">
      <c r="N971827" s="10"/>
    </row>
    <row r="971828" spans="14:14">
      <c r="N971828" s="10"/>
    </row>
    <row r="971829" spans="14:14">
      <c r="N971829" s="10"/>
    </row>
    <row r="971830" spans="14:14">
      <c r="N971830" s="10"/>
    </row>
    <row r="971831" spans="14:14">
      <c r="N971831" s="10"/>
    </row>
    <row r="971832" spans="14:14">
      <c r="N971832" s="10"/>
    </row>
    <row r="971833" spans="14:14">
      <c r="N971833" s="10"/>
    </row>
    <row r="971834" spans="14:14">
      <c r="N971834" s="10"/>
    </row>
    <row r="971835" spans="14:14">
      <c r="N971835" s="10"/>
    </row>
    <row r="971836" spans="14:14">
      <c r="N971836" s="10"/>
    </row>
    <row r="971837" spans="14:14">
      <c r="N971837" s="10"/>
    </row>
    <row r="971838" spans="14:14">
      <c r="N971838" s="10"/>
    </row>
    <row r="971839" spans="14:14">
      <c r="N971839" s="10"/>
    </row>
    <row r="971840" spans="14:14">
      <c r="N971840" s="10"/>
    </row>
    <row r="971841" spans="14:14">
      <c r="N971841" s="10"/>
    </row>
    <row r="971842" spans="14:14">
      <c r="N971842" s="10"/>
    </row>
    <row r="971843" spans="14:14">
      <c r="N971843" s="10"/>
    </row>
    <row r="971844" spans="14:14">
      <c r="N971844" s="10"/>
    </row>
    <row r="971845" spans="14:14">
      <c r="N971845" s="10"/>
    </row>
    <row r="971846" spans="14:14">
      <c r="N971846" s="10"/>
    </row>
    <row r="971847" spans="14:14">
      <c r="N971847" s="10"/>
    </row>
    <row r="971848" spans="14:14">
      <c r="N971848" s="10"/>
    </row>
    <row r="971849" spans="14:14">
      <c r="N971849" s="10"/>
    </row>
    <row r="971850" spans="14:14">
      <c r="N971850" s="10"/>
    </row>
    <row r="971851" spans="14:14">
      <c r="N971851" s="10"/>
    </row>
    <row r="971852" spans="14:14">
      <c r="N971852" s="10"/>
    </row>
    <row r="971853" spans="14:14">
      <c r="N971853" s="10"/>
    </row>
    <row r="971854" spans="14:14">
      <c r="N971854" s="10"/>
    </row>
    <row r="971855" spans="14:14">
      <c r="N971855" s="10"/>
    </row>
    <row r="971856" spans="14:14">
      <c r="N971856" s="10"/>
    </row>
    <row r="971857" spans="14:14">
      <c r="N971857" s="10"/>
    </row>
    <row r="971858" spans="14:14">
      <c r="N971858" s="10"/>
    </row>
    <row r="971859" spans="14:14">
      <c r="N971859" s="10"/>
    </row>
    <row r="971860" spans="14:14">
      <c r="N971860" s="10"/>
    </row>
    <row r="971861" spans="14:14">
      <c r="N971861" s="10"/>
    </row>
    <row r="971862" spans="14:14">
      <c r="N971862" s="10"/>
    </row>
    <row r="971863" spans="14:14">
      <c r="N971863" s="10"/>
    </row>
    <row r="971864" spans="14:14">
      <c r="N971864" s="10"/>
    </row>
    <row r="971865" spans="14:14">
      <c r="N971865" s="10"/>
    </row>
    <row r="971866" spans="14:14">
      <c r="N971866" s="10"/>
    </row>
    <row r="971867" spans="14:14">
      <c r="N971867" s="10"/>
    </row>
    <row r="971868" spans="14:14">
      <c r="N971868" s="10"/>
    </row>
    <row r="971869" spans="14:14">
      <c r="N971869" s="10"/>
    </row>
    <row r="971870" spans="14:14">
      <c r="N971870" s="10"/>
    </row>
    <row r="971871" spans="14:14">
      <c r="N971871" s="10"/>
    </row>
    <row r="971872" spans="14:14">
      <c r="N971872" s="10"/>
    </row>
    <row r="971873" spans="14:14">
      <c r="N971873" s="10"/>
    </row>
    <row r="971874" spans="14:14">
      <c r="N971874" s="10"/>
    </row>
    <row r="971875" spans="14:14">
      <c r="N971875" s="10"/>
    </row>
    <row r="971876" spans="14:14">
      <c r="N971876" s="10"/>
    </row>
    <row r="971877" spans="14:14">
      <c r="N971877" s="10"/>
    </row>
    <row r="971878" spans="14:14">
      <c r="N971878" s="10"/>
    </row>
    <row r="971879" spans="14:14">
      <c r="N971879" s="10"/>
    </row>
    <row r="971880" spans="14:14">
      <c r="N971880" s="10"/>
    </row>
    <row r="971881" spans="14:14">
      <c r="N971881" s="10"/>
    </row>
    <row r="971882" spans="14:14">
      <c r="N971882" s="10"/>
    </row>
    <row r="971883" spans="14:14">
      <c r="N971883" s="10"/>
    </row>
    <row r="971884" spans="14:14">
      <c r="N971884" s="10"/>
    </row>
    <row r="971885" spans="14:14">
      <c r="N971885" s="10"/>
    </row>
    <row r="971886" spans="14:14">
      <c r="N971886" s="10"/>
    </row>
    <row r="971887" spans="14:14">
      <c r="N971887" s="10"/>
    </row>
    <row r="971888" spans="14:14">
      <c r="N971888" s="10"/>
    </row>
    <row r="971889" spans="14:14">
      <c r="N971889" s="10"/>
    </row>
    <row r="971890" spans="14:14">
      <c r="N971890" s="10"/>
    </row>
    <row r="971891" spans="14:14">
      <c r="N971891" s="10"/>
    </row>
    <row r="971892" spans="14:14">
      <c r="N971892" s="10"/>
    </row>
    <row r="971893" spans="14:14">
      <c r="N971893" s="10"/>
    </row>
    <row r="971894" spans="14:14">
      <c r="N971894" s="10"/>
    </row>
    <row r="971895" spans="14:14">
      <c r="N971895" s="10"/>
    </row>
    <row r="971896" spans="14:14">
      <c r="N971896" s="10"/>
    </row>
    <row r="971897" spans="14:14">
      <c r="N971897" s="10"/>
    </row>
    <row r="971898" spans="14:14">
      <c r="N971898" s="10"/>
    </row>
    <row r="971899" spans="14:14">
      <c r="N971899" s="10"/>
    </row>
    <row r="971900" spans="14:14">
      <c r="N971900" s="10"/>
    </row>
    <row r="971901" spans="14:14">
      <c r="N971901" s="10"/>
    </row>
    <row r="971902" spans="14:14">
      <c r="N971902" s="10"/>
    </row>
    <row r="971903" spans="14:14">
      <c r="N971903" s="10"/>
    </row>
    <row r="971904" spans="14:14">
      <c r="N971904" s="10"/>
    </row>
    <row r="971905" spans="14:14">
      <c r="N971905" s="10"/>
    </row>
    <row r="971906" spans="14:14">
      <c r="N971906" s="10"/>
    </row>
    <row r="971907" spans="14:14">
      <c r="N971907" s="10"/>
    </row>
    <row r="971908" spans="14:14">
      <c r="N971908" s="10"/>
    </row>
    <row r="971909" spans="14:14">
      <c r="N971909" s="10"/>
    </row>
    <row r="971910" spans="14:14">
      <c r="N971910" s="10"/>
    </row>
    <row r="971911" spans="14:14">
      <c r="N971911" s="10"/>
    </row>
    <row r="971912" spans="14:14">
      <c r="N971912" s="10"/>
    </row>
    <row r="971913" spans="14:14">
      <c r="N971913" s="10"/>
    </row>
    <row r="971914" spans="14:14">
      <c r="N971914" s="10"/>
    </row>
    <row r="971915" spans="14:14">
      <c r="N971915" s="10"/>
    </row>
    <row r="971916" spans="14:14">
      <c r="N971916" s="10"/>
    </row>
    <row r="971917" spans="14:14">
      <c r="N971917" s="10"/>
    </row>
    <row r="971918" spans="14:14">
      <c r="N971918" s="10"/>
    </row>
    <row r="971919" spans="14:14">
      <c r="N971919" s="10"/>
    </row>
    <row r="971920" spans="14:14">
      <c r="N971920" s="10"/>
    </row>
    <row r="971921" spans="14:14">
      <c r="N971921" s="10"/>
    </row>
    <row r="971922" spans="14:14">
      <c r="N971922" s="10"/>
    </row>
    <row r="971923" spans="14:14">
      <c r="N971923" s="10"/>
    </row>
    <row r="971924" spans="14:14">
      <c r="N971924" s="10"/>
    </row>
    <row r="971925" spans="14:14">
      <c r="N971925" s="10"/>
    </row>
    <row r="971926" spans="14:14">
      <c r="N971926" s="10"/>
    </row>
    <row r="971927" spans="14:14">
      <c r="N971927" s="10"/>
    </row>
    <row r="971928" spans="14:14">
      <c r="N971928" s="10"/>
    </row>
    <row r="971929" spans="14:14">
      <c r="N971929" s="10"/>
    </row>
    <row r="971930" spans="14:14">
      <c r="N971930" s="10"/>
    </row>
    <row r="971931" spans="14:14">
      <c r="N971931" s="10"/>
    </row>
    <row r="971932" spans="14:14">
      <c r="N971932" s="10"/>
    </row>
    <row r="971933" spans="14:14">
      <c r="N971933" s="10"/>
    </row>
    <row r="971934" spans="14:14">
      <c r="N971934" s="10"/>
    </row>
    <row r="971935" spans="14:14">
      <c r="N971935" s="10"/>
    </row>
    <row r="971936" spans="14:14">
      <c r="N971936" s="10"/>
    </row>
    <row r="971937" spans="14:14">
      <c r="N971937" s="10"/>
    </row>
    <row r="971938" spans="14:14">
      <c r="N971938" s="10"/>
    </row>
    <row r="971939" spans="14:14">
      <c r="N971939" s="10"/>
    </row>
    <row r="971940" spans="14:14">
      <c r="N971940" s="10"/>
    </row>
    <row r="971941" spans="14:14">
      <c r="N971941" s="10"/>
    </row>
    <row r="971942" spans="14:14">
      <c r="N971942" s="10"/>
    </row>
    <row r="971943" spans="14:14">
      <c r="N971943" s="10"/>
    </row>
    <row r="971944" spans="14:14">
      <c r="N971944" s="10"/>
    </row>
    <row r="971945" spans="14:14">
      <c r="N971945" s="10"/>
    </row>
    <row r="971946" spans="14:14">
      <c r="N971946" s="10"/>
    </row>
    <row r="971947" spans="14:14">
      <c r="N971947" s="10"/>
    </row>
    <row r="971948" spans="14:14">
      <c r="N971948" s="10"/>
    </row>
    <row r="971949" spans="14:14">
      <c r="N971949" s="10"/>
    </row>
    <row r="971950" spans="14:14">
      <c r="N971950" s="10"/>
    </row>
    <row r="971951" spans="14:14">
      <c r="N971951" s="10"/>
    </row>
    <row r="971952" spans="14:14">
      <c r="N971952" s="10"/>
    </row>
    <row r="971953" spans="14:14">
      <c r="N971953" s="10"/>
    </row>
    <row r="971954" spans="14:14">
      <c r="N971954" s="10"/>
    </row>
    <row r="971955" spans="14:14">
      <c r="N971955" s="10"/>
    </row>
    <row r="971956" spans="14:14">
      <c r="N971956" s="10"/>
    </row>
    <row r="971957" spans="14:14">
      <c r="N971957" s="10"/>
    </row>
    <row r="971958" spans="14:14">
      <c r="N971958" s="10"/>
    </row>
    <row r="971959" spans="14:14">
      <c r="N971959" s="10"/>
    </row>
    <row r="971960" spans="14:14">
      <c r="N971960" s="10"/>
    </row>
    <row r="971961" spans="14:14">
      <c r="N971961" s="10"/>
    </row>
    <row r="971962" spans="14:14">
      <c r="N971962" s="10"/>
    </row>
    <row r="971963" spans="14:14">
      <c r="N971963" s="10"/>
    </row>
    <row r="971964" spans="14:14">
      <c r="N971964" s="10"/>
    </row>
    <row r="971965" spans="14:14">
      <c r="N971965" s="10"/>
    </row>
    <row r="971966" spans="14:14">
      <c r="N971966" s="10"/>
    </row>
    <row r="971967" spans="14:14">
      <c r="N971967" s="10"/>
    </row>
    <row r="971968" spans="14:14">
      <c r="N971968" s="10"/>
    </row>
    <row r="971969" spans="14:14">
      <c r="N971969" s="10"/>
    </row>
    <row r="971970" spans="14:14">
      <c r="N971970" s="10"/>
    </row>
    <row r="971971" spans="14:14">
      <c r="N971971" s="10"/>
    </row>
    <row r="971972" spans="14:14">
      <c r="N971972" s="10"/>
    </row>
    <row r="971973" spans="14:14">
      <c r="N971973" s="10"/>
    </row>
    <row r="971974" spans="14:14">
      <c r="N971974" s="10"/>
    </row>
    <row r="971975" spans="14:14">
      <c r="N971975" s="10"/>
    </row>
    <row r="971976" spans="14:14">
      <c r="N971976" s="10"/>
    </row>
    <row r="971977" spans="14:14">
      <c r="N971977" s="10"/>
    </row>
    <row r="971978" spans="14:14">
      <c r="N971978" s="10"/>
    </row>
    <row r="971979" spans="14:14">
      <c r="N971979" s="10"/>
    </row>
    <row r="971980" spans="14:14">
      <c r="N971980" s="10"/>
    </row>
    <row r="971981" spans="14:14">
      <c r="N971981" s="10"/>
    </row>
    <row r="971982" spans="14:14">
      <c r="N971982" s="10"/>
    </row>
    <row r="971983" spans="14:14">
      <c r="N971983" s="10"/>
    </row>
    <row r="971984" spans="14:14">
      <c r="N971984" s="10"/>
    </row>
    <row r="971985" spans="14:14">
      <c r="N971985" s="10"/>
    </row>
    <row r="971986" spans="14:14">
      <c r="N971986" s="10"/>
    </row>
    <row r="971987" spans="14:14">
      <c r="N971987" s="10"/>
    </row>
    <row r="971988" spans="14:14">
      <c r="N971988" s="10"/>
    </row>
    <row r="971989" spans="14:14">
      <c r="N971989" s="10"/>
    </row>
    <row r="971990" spans="14:14">
      <c r="N971990" s="10"/>
    </row>
    <row r="971991" spans="14:14">
      <c r="N971991" s="10"/>
    </row>
    <row r="971992" spans="14:14">
      <c r="N971992" s="10"/>
    </row>
    <row r="971993" spans="14:14">
      <c r="N971993" s="10"/>
    </row>
    <row r="971994" spans="14:14">
      <c r="N971994" s="10"/>
    </row>
    <row r="971995" spans="14:14">
      <c r="N971995" s="10"/>
    </row>
    <row r="971996" spans="14:14">
      <c r="N971996" s="10"/>
    </row>
    <row r="971997" spans="14:14">
      <c r="N971997" s="10"/>
    </row>
    <row r="971998" spans="14:14">
      <c r="N971998" s="10"/>
    </row>
    <row r="971999" spans="14:14">
      <c r="N971999" s="10"/>
    </row>
    <row r="972000" spans="14:14">
      <c r="N972000" s="10"/>
    </row>
    <row r="972001" spans="14:14">
      <c r="N972001" s="10"/>
    </row>
    <row r="972002" spans="14:14">
      <c r="N972002" s="10"/>
    </row>
    <row r="972003" spans="14:14">
      <c r="N972003" s="10"/>
    </row>
    <row r="972004" spans="14:14">
      <c r="N972004" s="10"/>
    </row>
    <row r="972005" spans="14:14">
      <c r="N972005" s="10"/>
    </row>
    <row r="972006" spans="14:14">
      <c r="N972006" s="10"/>
    </row>
    <row r="972007" spans="14:14">
      <c r="N972007" s="10"/>
    </row>
    <row r="972008" spans="14:14">
      <c r="N972008" s="10"/>
    </row>
    <row r="972009" spans="14:14">
      <c r="N972009" s="10"/>
    </row>
    <row r="972010" spans="14:14">
      <c r="N972010" s="10"/>
    </row>
    <row r="972011" spans="14:14">
      <c r="N972011" s="10"/>
    </row>
    <row r="972012" spans="14:14">
      <c r="N972012" s="10"/>
    </row>
    <row r="972013" spans="14:14">
      <c r="N972013" s="10"/>
    </row>
    <row r="972014" spans="14:14">
      <c r="N972014" s="10"/>
    </row>
    <row r="972015" spans="14:14">
      <c r="N972015" s="10"/>
    </row>
    <row r="972016" spans="14:14">
      <c r="N972016" s="10"/>
    </row>
    <row r="972017" spans="14:14">
      <c r="N972017" s="10"/>
    </row>
    <row r="972018" spans="14:14">
      <c r="N972018" s="10"/>
    </row>
    <row r="972019" spans="14:14">
      <c r="N972019" s="10"/>
    </row>
    <row r="972020" spans="14:14">
      <c r="N972020" s="10"/>
    </row>
    <row r="972021" spans="14:14">
      <c r="N972021" s="10"/>
    </row>
    <row r="972022" spans="14:14">
      <c r="N972022" s="10"/>
    </row>
    <row r="972023" spans="14:14">
      <c r="N972023" s="10"/>
    </row>
    <row r="972024" spans="14:14">
      <c r="N972024" s="10"/>
    </row>
    <row r="972025" spans="14:14">
      <c r="N972025" s="10"/>
    </row>
    <row r="972026" spans="14:14">
      <c r="N972026" s="10"/>
    </row>
    <row r="972027" spans="14:14">
      <c r="N972027" s="10"/>
    </row>
    <row r="972028" spans="14:14">
      <c r="N972028" s="10"/>
    </row>
    <row r="972029" spans="14:14">
      <c r="N972029" s="10"/>
    </row>
    <row r="972030" spans="14:14">
      <c r="N972030" s="10"/>
    </row>
    <row r="972031" spans="14:14">
      <c r="N972031" s="10"/>
    </row>
    <row r="972032" spans="14:14">
      <c r="N972032" s="10"/>
    </row>
    <row r="972033" spans="14:14">
      <c r="N972033" s="10"/>
    </row>
    <row r="972034" spans="14:14">
      <c r="N972034" s="10"/>
    </row>
    <row r="972035" spans="14:14">
      <c r="N972035" s="10"/>
    </row>
    <row r="972036" spans="14:14">
      <c r="N972036" s="10"/>
    </row>
    <row r="972037" spans="14:14">
      <c r="N972037" s="10"/>
    </row>
    <row r="972038" spans="14:14">
      <c r="N972038" s="10"/>
    </row>
    <row r="972039" spans="14:14">
      <c r="N972039" s="10"/>
    </row>
    <row r="972040" spans="14:14">
      <c r="N972040" s="10"/>
    </row>
    <row r="972041" spans="14:14">
      <c r="N972041" s="10"/>
    </row>
    <row r="972042" spans="14:14">
      <c r="N972042" s="10"/>
    </row>
    <row r="972043" spans="14:14">
      <c r="N972043" s="10"/>
    </row>
    <row r="972044" spans="14:14">
      <c r="N972044" s="10"/>
    </row>
    <row r="972045" spans="14:14">
      <c r="N972045" s="10"/>
    </row>
    <row r="972046" spans="14:14">
      <c r="N972046" s="10"/>
    </row>
    <row r="972047" spans="14:14">
      <c r="N972047" s="10"/>
    </row>
    <row r="972048" spans="14:14">
      <c r="N972048" s="10"/>
    </row>
    <row r="972049" spans="14:14">
      <c r="N972049" s="10"/>
    </row>
    <row r="972050" spans="14:14">
      <c r="N972050" s="10"/>
    </row>
    <row r="972051" spans="14:14">
      <c r="N972051" s="10"/>
    </row>
    <row r="972052" spans="14:14">
      <c r="N972052" s="10"/>
    </row>
    <row r="972053" spans="14:14">
      <c r="N972053" s="10"/>
    </row>
    <row r="972054" spans="14:14">
      <c r="N972054" s="10"/>
    </row>
    <row r="972055" spans="14:14">
      <c r="N972055" s="10"/>
    </row>
    <row r="972056" spans="14:14">
      <c r="N972056" s="10"/>
    </row>
    <row r="972057" spans="14:14">
      <c r="N972057" s="10"/>
    </row>
    <row r="972058" spans="14:14">
      <c r="N972058" s="10"/>
    </row>
    <row r="972059" spans="14:14">
      <c r="N972059" s="10"/>
    </row>
    <row r="972060" spans="14:14">
      <c r="N972060" s="10"/>
    </row>
    <row r="972061" spans="14:14">
      <c r="N972061" s="10"/>
    </row>
    <row r="972062" spans="14:14">
      <c r="N972062" s="10"/>
    </row>
    <row r="972063" spans="14:14">
      <c r="N972063" s="10"/>
    </row>
    <row r="972064" spans="14:14">
      <c r="N972064" s="10"/>
    </row>
    <row r="972065" spans="14:14">
      <c r="N972065" s="10"/>
    </row>
    <row r="972066" spans="14:14">
      <c r="N972066" s="10"/>
    </row>
    <row r="972067" spans="14:14">
      <c r="N972067" s="10"/>
    </row>
    <row r="972068" spans="14:14">
      <c r="N972068" s="10"/>
    </row>
    <row r="972069" spans="14:14">
      <c r="N972069" s="10"/>
    </row>
    <row r="972070" spans="14:14">
      <c r="N972070" s="10"/>
    </row>
    <row r="972071" spans="14:14">
      <c r="N972071" s="10"/>
    </row>
    <row r="972072" spans="14:14">
      <c r="N972072" s="10"/>
    </row>
    <row r="972073" spans="14:14">
      <c r="N972073" s="10"/>
    </row>
    <row r="972074" spans="14:14">
      <c r="N972074" s="10"/>
    </row>
    <row r="972075" spans="14:14">
      <c r="N972075" s="10"/>
    </row>
    <row r="972076" spans="14:14">
      <c r="N972076" s="10"/>
    </row>
    <row r="972077" spans="14:14">
      <c r="N972077" s="10"/>
    </row>
    <row r="972078" spans="14:14">
      <c r="N972078" s="10"/>
    </row>
    <row r="972079" spans="14:14">
      <c r="N972079" s="10"/>
    </row>
    <row r="972080" spans="14:14">
      <c r="N972080" s="10"/>
    </row>
    <row r="972081" spans="14:14">
      <c r="N972081" s="10"/>
    </row>
    <row r="972082" spans="14:14">
      <c r="N972082" s="10"/>
    </row>
    <row r="972083" spans="14:14">
      <c r="N972083" s="10"/>
    </row>
    <row r="972084" spans="14:14">
      <c r="N972084" s="10"/>
    </row>
    <row r="972085" spans="14:14">
      <c r="N972085" s="10"/>
    </row>
    <row r="972086" spans="14:14">
      <c r="N972086" s="10"/>
    </row>
    <row r="972087" spans="14:14">
      <c r="N972087" s="10"/>
    </row>
    <row r="972088" spans="14:14">
      <c r="N972088" s="10"/>
    </row>
    <row r="972089" spans="14:14">
      <c r="N972089" s="10"/>
    </row>
    <row r="972090" spans="14:14">
      <c r="N972090" s="10"/>
    </row>
    <row r="972091" spans="14:14">
      <c r="N972091" s="10"/>
    </row>
    <row r="972092" spans="14:14">
      <c r="N972092" s="10"/>
    </row>
    <row r="972093" spans="14:14">
      <c r="N972093" s="10"/>
    </row>
    <row r="972094" spans="14:14">
      <c r="N972094" s="10"/>
    </row>
    <row r="972095" spans="14:14">
      <c r="N972095" s="10"/>
    </row>
    <row r="972096" spans="14:14">
      <c r="N972096" s="10"/>
    </row>
    <row r="972097" spans="14:14">
      <c r="N972097" s="10"/>
    </row>
    <row r="972098" spans="14:14">
      <c r="N972098" s="10"/>
    </row>
    <row r="972099" spans="14:14">
      <c r="N972099" s="10"/>
    </row>
    <row r="972100" spans="14:14">
      <c r="N972100" s="10"/>
    </row>
    <row r="972101" spans="14:14">
      <c r="N972101" s="10"/>
    </row>
    <row r="972102" spans="14:14">
      <c r="N972102" s="10"/>
    </row>
    <row r="972103" spans="14:14">
      <c r="N972103" s="10"/>
    </row>
    <row r="972104" spans="14:14">
      <c r="N972104" s="10"/>
    </row>
    <row r="972105" spans="14:14">
      <c r="N972105" s="10"/>
    </row>
    <row r="972106" spans="14:14">
      <c r="N972106" s="10"/>
    </row>
    <row r="972107" spans="14:14">
      <c r="N972107" s="10"/>
    </row>
    <row r="972108" spans="14:14">
      <c r="N972108" s="10"/>
    </row>
    <row r="972109" spans="14:14">
      <c r="N972109" s="10"/>
    </row>
    <row r="972110" spans="14:14">
      <c r="N972110" s="10"/>
    </row>
    <row r="972111" spans="14:14">
      <c r="N972111" s="10"/>
    </row>
    <row r="972112" spans="14:14">
      <c r="N972112" s="10"/>
    </row>
    <row r="972113" spans="14:14">
      <c r="N972113" s="10"/>
    </row>
    <row r="972114" spans="14:14">
      <c r="N972114" s="10"/>
    </row>
    <row r="972115" spans="14:14">
      <c r="N972115" s="10"/>
    </row>
    <row r="972116" spans="14:14">
      <c r="N972116" s="10"/>
    </row>
    <row r="972117" spans="14:14">
      <c r="N972117" s="10"/>
    </row>
    <row r="972118" spans="14:14">
      <c r="N972118" s="10"/>
    </row>
    <row r="972119" spans="14:14">
      <c r="N972119" s="10"/>
    </row>
    <row r="972120" spans="14:14">
      <c r="N972120" s="10"/>
    </row>
    <row r="972121" spans="14:14">
      <c r="N972121" s="10"/>
    </row>
    <row r="972122" spans="14:14">
      <c r="N972122" s="10"/>
    </row>
    <row r="972123" spans="14:14">
      <c r="N972123" s="10"/>
    </row>
    <row r="972124" spans="14:14">
      <c r="N972124" s="10"/>
    </row>
    <row r="972125" spans="14:14">
      <c r="N972125" s="10"/>
    </row>
    <row r="972126" spans="14:14">
      <c r="N972126" s="10"/>
    </row>
    <row r="972127" spans="14:14">
      <c r="N972127" s="10"/>
    </row>
    <row r="972128" spans="14:14">
      <c r="N972128" s="10"/>
    </row>
    <row r="972129" spans="14:14">
      <c r="N972129" s="10"/>
    </row>
    <row r="972130" spans="14:14">
      <c r="N972130" s="10"/>
    </row>
    <row r="972131" spans="14:14">
      <c r="N972131" s="10"/>
    </row>
    <row r="972132" spans="14:14">
      <c r="N972132" s="10"/>
    </row>
    <row r="972133" spans="14:14">
      <c r="N972133" s="10"/>
    </row>
    <row r="972134" spans="14:14">
      <c r="N972134" s="10"/>
    </row>
    <row r="972135" spans="14:14">
      <c r="N972135" s="10"/>
    </row>
    <row r="972136" spans="14:14">
      <c r="N972136" s="10"/>
    </row>
    <row r="972137" spans="14:14">
      <c r="N972137" s="10"/>
    </row>
    <row r="972138" spans="14:14">
      <c r="N972138" s="10"/>
    </row>
    <row r="972139" spans="14:14">
      <c r="N972139" s="10"/>
    </row>
    <row r="972140" spans="14:14">
      <c r="N972140" s="10"/>
    </row>
    <row r="972141" spans="14:14">
      <c r="N972141" s="10"/>
    </row>
    <row r="972142" spans="14:14">
      <c r="N972142" s="10"/>
    </row>
    <row r="972143" spans="14:14">
      <c r="N972143" s="10"/>
    </row>
    <row r="972144" spans="14:14">
      <c r="N972144" s="10"/>
    </row>
    <row r="972145" spans="14:14">
      <c r="N972145" s="10"/>
    </row>
    <row r="972146" spans="14:14">
      <c r="N972146" s="10"/>
    </row>
    <row r="972147" spans="14:14">
      <c r="N972147" s="10"/>
    </row>
    <row r="972148" spans="14:14">
      <c r="N972148" s="10"/>
    </row>
    <row r="972149" spans="14:14">
      <c r="N972149" s="10"/>
    </row>
    <row r="972150" spans="14:14">
      <c r="N972150" s="10"/>
    </row>
    <row r="972151" spans="14:14">
      <c r="N972151" s="10"/>
    </row>
    <row r="972152" spans="14:14">
      <c r="N972152" s="10"/>
    </row>
    <row r="972153" spans="14:14">
      <c r="N972153" s="10"/>
    </row>
    <row r="972154" spans="14:14">
      <c r="N972154" s="10"/>
    </row>
    <row r="972155" spans="14:14">
      <c r="N972155" s="10"/>
    </row>
    <row r="972156" spans="14:14">
      <c r="N972156" s="10"/>
    </row>
    <row r="972157" spans="14:14">
      <c r="N972157" s="10"/>
    </row>
    <row r="972158" spans="14:14">
      <c r="N972158" s="10"/>
    </row>
    <row r="972159" spans="14:14">
      <c r="N972159" s="10"/>
    </row>
    <row r="972160" spans="14:14">
      <c r="N972160" s="10"/>
    </row>
    <row r="972161" spans="14:14">
      <c r="N972161" s="10"/>
    </row>
    <row r="972162" spans="14:14">
      <c r="N972162" s="10"/>
    </row>
    <row r="972163" spans="14:14">
      <c r="N972163" s="10"/>
    </row>
    <row r="972164" spans="14:14">
      <c r="N972164" s="10"/>
    </row>
    <row r="972165" spans="14:14">
      <c r="N972165" s="10"/>
    </row>
    <row r="972166" spans="14:14">
      <c r="N972166" s="10"/>
    </row>
    <row r="972167" spans="14:14">
      <c r="N972167" s="10"/>
    </row>
    <row r="972168" spans="14:14">
      <c r="N972168" s="10"/>
    </row>
    <row r="972169" spans="14:14">
      <c r="N972169" s="10"/>
    </row>
    <row r="972170" spans="14:14">
      <c r="N972170" s="10"/>
    </row>
    <row r="972171" spans="14:14">
      <c r="N972171" s="10"/>
    </row>
    <row r="972172" spans="14:14">
      <c r="N972172" s="10"/>
    </row>
    <row r="972173" spans="14:14">
      <c r="N972173" s="10"/>
    </row>
    <row r="972174" spans="14:14">
      <c r="N972174" s="10"/>
    </row>
    <row r="972175" spans="14:14">
      <c r="N972175" s="10"/>
    </row>
    <row r="972176" spans="14:14">
      <c r="N972176" s="10"/>
    </row>
    <row r="972177" spans="14:14">
      <c r="N972177" s="10"/>
    </row>
    <row r="972178" spans="14:14">
      <c r="N972178" s="10"/>
    </row>
    <row r="972179" spans="14:14">
      <c r="N972179" s="10"/>
    </row>
    <row r="972180" spans="14:14">
      <c r="N972180" s="10"/>
    </row>
    <row r="972181" spans="14:14">
      <c r="N972181" s="10"/>
    </row>
    <row r="972182" spans="14:14">
      <c r="N972182" s="10"/>
    </row>
    <row r="972183" spans="14:14">
      <c r="N972183" s="10"/>
    </row>
    <row r="972184" spans="14:14">
      <c r="N972184" s="10"/>
    </row>
    <row r="972185" spans="14:14">
      <c r="N972185" s="10"/>
    </row>
    <row r="972186" spans="14:14">
      <c r="N972186" s="10"/>
    </row>
    <row r="972187" spans="14:14">
      <c r="N972187" s="10"/>
    </row>
    <row r="972188" spans="14:14">
      <c r="N972188" s="10"/>
    </row>
    <row r="972189" spans="14:14">
      <c r="N972189" s="10"/>
    </row>
    <row r="972190" spans="14:14">
      <c r="N972190" s="10"/>
    </row>
    <row r="972191" spans="14:14">
      <c r="N972191" s="10"/>
    </row>
    <row r="972192" spans="14:14">
      <c r="N972192" s="10"/>
    </row>
    <row r="972193" spans="14:14">
      <c r="N972193" s="10"/>
    </row>
    <row r="972194" spans="14:14">
      <c r="N972194" s="10"/>
    </row>
    <row r="972195" spans="14:14">
      <c r="N972195" s="10"/>
    </row>
    <row r="972196" spans="14:14">
      <c r="N972196" s="10"/>
    </row>
    <row r="972197" spans="14:14">
      <c r="N972197" s="10"/>
    </row>
    <row r="972198" spans="14:14">
      <c r="N972198" s="10"/>
    </row>
    <row r="972199" spans="14:14">
      <c r="N972199" s="10"/>
    </row>
    <row r="972200" spans="14:14">
      <c r="N972200" s="10"/>
    </row>
    <row r="972201" spans="14:14">
      <c r="N972201" s="10"/>
    </row>
    <row r="972202" spans="14:14">
      <c r="N972202" s="10"/>
    </row>
    <row r="972203" spans="14:14">
      <c r="N972203" s="10"/>
    </row>
    <row r="972204" spans="14:14">
      <c r="N972204" s="10"/>
    </row>
    <row r="972205" spans="14:14">
      <c r="N972205" s="10"/>
    </row>
    <row r="972206" spans="14:14">
      <c r="N972206" s="10"/>
    </row>
    <row r="972207" spans="14:14">
      <c r="N972207" s="10"/>
    </row>
    <row r="972208" spans="14:14">
      <c r="N972208" s="10"/>
    </row>
    <row r="972209" spans="14:14">
      <c r="N972209" s="10"/>
    </row>
    <row r="972210" spans="14:14">
      <c r="N972210" s="10"/>
    </row>
    <row r="972211" spans="14:14">
      <c r="N972211" s="10"/>
    </row>
    <row r="972212" spans="14:14">
      <c r="N972212" s="10"/>
    </row>
    <row r="972213" spans="14:14">
      <c r="N972213" s="10"/>
    </row>
    <row r="972214" spans="14:14">
      <c r="N972214" s="10"/>
    </row>
    <row r="972215" spans="14:14">
      <c r="N972215" s="10"/>
    </row>
    <row r="972216" spans="14:14">
      <c r="N972216" s="10"/>
    </row>
    <row r="972217" spans="14:14">
      <c r="N972217" s="10"/>
    </row>
    <row r="972218" spans="14:14">
      <c r="N972218" s="10"/>
    </row>
    <row r="972219" spans="14:14">
      <c r="N972219" s="10"/>
    </row>
    <row r="972220" spans="14:14">
      <c r="N972220" s="10"/>
    </row>
    <row r="972221" spans="14:14">
      <c r="N972221" s="10"/>
    </row>
    <row r="972222" spans="14:14">
      <c r="N972222" s="10"/>
    </row>
    <row r="972223" spans="14:14">
      <c r="N972223" s="10"/>
    </row>
    <row r="972224" spans="14:14">
      <c r="N972224" s="10"/>
    </row>
    <row r="972225" spans="14:14">
      <c r="N972225" s="10"/>
    </row>
    <row r="972226" spans="14:14">
      <c r="N972226" s="10"/>
    </row>
    <row r="972227" spans="14:14">
      <c r="N972227" s="10"/>
    </row>
    <row r="972228" spans="14:14">
      <c r="N972228" s="10"/>
    </row>
    <row r="972229" spans="14:14">
      <c r="N972229" s="10"/>
    </row>
    <row r="972230" spans="14:14">
      <c r="N972230" s="10"/>
    </row>
    <row r="972231" spans="14:14">
      <c r="N972231" s="10"/>
    </row>
    <row r="972232" spans="14:14">
      <c r="N972232" s="10"/>
    </row>
    <row r="972233" spans="14:14">
      <c r="N972233" s="10"/>
    </row>
    <row r="972234" spans="14:14">
      <c r="N972234" s="10"/>
    </row>
    <row r="972235" spans="14:14">
      <c r="N972235" s="10"/>
    </row>
    <row r="972236" spans="14:14">
      <c r="N972236" s="10"/>
    </row>
    <row r="972237" spans="14:14">
      <c r="N972237" s="10"/>
    </row>
    <row r="972238" spans="14:14">
      <c r="N972238" s="10"/>
    </row>
    <row r="972239" spans="14:14">
      <c r="N972239" s="10"/>
    </row>
    <row r="972240" spans="14:14">
      <c r="N972240" s="10"/>
    </row>
    <row r="972241" spans="14:14">
      <c r="N972241" s="10"/>
    </row>
    <row r="972242" spans="14:14">
      <c r="N972242" s="10"/>
    </row>
    <row r="972243" spans="14:14">
      <c r="N972243" s="10"/>
    </row>
    <row r="972244" spans="14:14">
      <c r="N972244" s="10"/>
    </row>
    <row r="972245" spans="14:14">
      <c r="N972245" s="10"/>
    </row>
    <row r="972246" spans="14:14">
      <c r="N972246" s="10"/>
    </row>
    <row r="972247" spans="14:14">
      <c r="N972247" s="10"/>
    </row>
    <row r="972248" spans="14:14">
      <c r="N972248" s="10"/>
    </row>
    <row r="972249" spans="14:14">
      <c r="N972249" s="10"/>
    </row>
    <row r="972250" spans="14:14">
      <c r="N972250" s="10"/>
    </row>
    <row r="972251" spans="14:14">
      <c r="N972251" s="10"/>
    </row>
    <row r="972252" spans="14:14">
      <c r="N972252" s="10"/>
    </row>
    <row r="972253" spans="14:14">
      <c r="N972253" s="10"/>
    </row>
    <row r="972254" spans="14:14">
      <c r="N972254" s="10"/>
    </row>
    <row r="972255" spans="14:14">
      <c r="N972255" s="10"/>
    </row>
    <row r="972256" spans="14:14">
      <c r="N972256" s="10"/>
    </row>
    <row r="972257" spans="14:14">
      <c r="N972257" s="10"/>
    </row>
    <row r="972258" spans="14:14">
      <c r="N972258" s="10"/>
    </row>
    <row r="972259" spans="14:14">
      <c r="N972259" s="10"/>
    </row>
    <row r="972260" spans="14:14">
      <c r="N972260" s="10"/>
    </row>
    <row r="972261" spans="14:14">
      <c r="N972261" s="10"/>
    </row>
    <row r="972262" spans="14:14">
      <c r="N972262" s="10"/>
    </row>
    <row r="972263" spans="14:14">
      <c r="N972263" s="10"/>
    </row>
    <row r="972264" spans="14:14">
      <c r="N972264" s="10"/>
    </row>
    <row r="972265" spans="14:14">
      <c r="N972265" s="10"/>
    </row>
    <row r="972266" spans="14:14">
      <c r="N972266" s="10"/>
    </row>
    <row r="972267" spans="14:14">
      <c r="N972267" s="10"/>
    </row>
    <row r="972268" spans="14:14">
      <c r="N972268" s="10"/>
    </row>
    <row r="972269" spans="14:14">
      <c r="N972269" s="10"/>
    </row>
    <row r="972270" spans="14:14">
      <c r="N972270" s="10"/>
    </row>
    <row r="972271" spans="14:14">
      <c r="N972271" s="10"/>
    </row>
    <row r="972272" spans="14:14">
      <c r="N972272" s="10"/>
    </row>
    <row r="972273" spans="14:14">
      <c r="N972273" s="10"/>
    </row>
    <row r="972274" spans="14:14">
      <c r="N972274" s="10"/>
    </row>
    <row r="972275" spans="14:14">
      <c r="N972275" s="10"/>
    </row>
    <row r="972276" spans="14:14">
      <c r="N972276" s="10"/>
    </row>
    <row r="972277" spans="14:14">
      <c r="N972277" s="10"/>
    </row>
    <row r="972278" spans="14:14">
      <c r="N972278" s="10"/>
    </row>
    <row r="972279" spans="14:14">
      <c r="N972279" s="10"/>
    </row>
    <row r="972280" spans="14:14">
      <c r="N972280" s="10"/>
    </row>
    <row r="972281" spans="14:14">
      <c r="N972281" s="10"/>
    </row>
    <row r="972282" spans="14:14">
      <c r="N972282" s="10"/>
    </row>
    <row r="972283" spans="14:14">
      <c r="N972283" s="10"/>
    </row>
    <row r="972284" spans="14:14">
      <c r="N972284" s="10"/>
    </row>
    <row r="972285" spans="14:14">
      <c r="N972285" s="10"/>
    </row>
    <row r="972286" spans="14:14">
      <c r="N972286" s="10"/>
    </row>
    <row r="972287" spans="14:14">
      <c r="N972287" s="10"/>
    </row>
    <row r="972288" spans="14:14">
      <c r="N972288" s="10"/>
    </row>
    <row r="972289" spans="14:14">
      <c r="N972289" s="10"/>
    </row>
    <row r="972290" spans="14:14">
      <c r="N972290" s="10"/>
    </row>
    <row r="972291" spans="14:14">
      <c r="N972291" s="10"/>
    </row>
    <row r="972292" spans="14:14">
      <c r="N972292" s="10"/>
    </row>
    <row r="972293" spans="14:14">
      <c r="N972293" s="10"/>
    </row>
    <row r="972294" spans="14:14">
      <c r="N972294" s="10"/>
    </row>
    <row r="972295" spans="14:14">
      <c r="N972295" s="10"/>
    </row>
    <row r="972296" spans="14:14">
      <c r="N972296" s="10"/>
    </row>
    <row r="972297" spans="14:14">
      <c r="N972297" s="10"/>
    </row>
    <row r="972298" spans="14:14">
      <c r="N972298" s="10"/>
    </row>
    <row r="972299" spans="14:14">
      <c r="N972299" s="10"/>
    </row>
    <row r="972300" spans="14:14">
      <c r="N972300" s="10"/>
    </row>
    <row r="972301" spans="14:14">
      <c r="N972301" s="10"/>
    </row>
    <row r="972302" spans="14:14">
      <c r="N972302" s="10"/>
    </row>
    <row r="972303" spans="14:14">
      <c r="N972303" s="10"/>
    </row>
    <row r="972304" spans="14:14">
      <c r="N972304" s="10"/>
    </row>
    <row r="972305" spans="14:14">
      <c r="N972305" s="10"/>
    </row>
    <row r="972306" spans="14:14">
      <c r="N972306" s="10"/>
    </row>
    <row r="972307" spans="14:14">
      <c r="N972307" s="10"/>
    </row>
    <row r="972308" spans="14:14">
      <c r="N972308" s="10"/>
    </row>
    <row r="972309" spans="14:14">
      <c r="N972309" s="10"/>
    </row>
    <row r="972310" spans="14:14">
      <c r="N972310" s="10"/>
    </row>
    <row r="972311" spans="14:14">
      <c r="N972311" s="10"/>
    </row>
    <row r="972312" spans="14:14">
      <c r="N972312" s="10"/>
    </row>
    <row r="972313" spans="14:14">
      <c r="N972313" s="10"/>
    </row>
    <row r="972314" spans="14:14">
      <c r="N972314" s="10"/>
    </row>
    <row r="972315" spans="14:14">
      <c r="N972315" s="10"/>
    </row>
    <row r="972316" spans="14:14">
      <c r="N972316" s="10"/>
    </row>
    <row r="972317" spans="14:14">
      <c r="N972317" s="10"/>
    </row>
    <row r="972318" spans="14:14">
      <c r="N972318" s="10"/>
    </row>
    <row r="972319" spans="14:14">
      <c r="N972319" s="10"/>
    </row>
    <row r="972320" spans="14:14">
      <c r="N972320" s="10"/>
    </row>
    <row r="972321" spans="14:14">
      <c r="N972321" s="10"/>
    </row>
    <row r="972322" spans="14:14">
      <c r="N972322" s="10"/>
    </row>
    <row r="972323" spans="14:14">
      <c r="N972323" s="10"/>
    </row>
    <row r="972324" spans="14:14">
      <c r="N972324" s="10"/>
    </row>
    <row r="972325" spans="14:14">
      <c r="N972325" s="10"/>
    </row>
    <row r="972326" spans="14:14">
      <c r="N972326" s="10"/>
    </row>
    <row r="972327" spans="14:14">
      <c r="N972327" s="10"/>
    </row>
    <row r="972328" spans="14:14">
      <c r="N972328" s="10"/>
    </row>
    <row r="972329" spans="14:14">
      <c r="N972329" s="10"/>
    </row>
    <row r="972330" spans="14:14">
      <c r="N972330" s="10"/>
    </row>
    <row r="972331" spans="14:14">
      <c r="N972331" s="10"/>
    </row>
    <row r="972332" spans="14:14">
      <c r="N972332" s="10"/>
    </row>
    <row r="972333" spans="14:14">
      <c r="N972333" s="10"/>
    </row>
    <row r="972334" spans="14:14">
      <c r="N972334" s="10"/>
    </row>
    <row r="972335" spans="14:14">
      <c r="N972335" s="10"/>
    </row>
    <row r="972336" spans="14:14">
      <c r="N972336" s="10"/>
    </row>
    <row r="972337" spans="14:14">
      <c r="N972337" s="10"/>
    </row>
    <row r="972338" spans="14:14">
      <c r="N972338" s="10"/>
    </row>
    <row r="972339" spans="14:14">
      <c r="N972339" s="10"/>
    </row>
    <row r="972340" spans="14:14">
      <c r="N972340" s="10"/>
    </row>
    <row r="972341" spans="14:14">
      <c r="N972341" s="10"/>
    </row>
    <row r="972342" spans="14:14">
      <c r="N972342" s="10"/>
    </row>
    <row r="972343" spans="14:14">
      <c r="N972343" s="10"/>
    </row>
    <row r="972344" spans="14:14">
      <c r="N972344" s="10"/>
    </row>
    <row r="972345" spans="14:14">
      <c r="N972345" s="10"/>
    </row>
    <row r="972346" spans="14:14">
      <c r="N972346" s="10"/>
    </row>
    <row r="972347" spans="14:14">
      <c r="N972347" s="10"/>
    </row>
    <row r="972348" spans="14:14">
      <c r="N972348" s="10"/>
    </row>
    <row r="972349" spans="14:14">
      <c r="N972349" s="10"/>
    </row>
    <row r="972350" spans="14:14">
      <c r="N972350" s="10"/>
    </row>
    <row r="972351" spans="14:14">
      <c r="N972351" s="10"/>
    </row>
    <row r="972352" spans="14:14">
      <c r="N972352" s="10"/>
    </row>
    <row r="972353" spans="14:14">
      <c r="N972353" s="10"/>
    </row>
    <row r="972354" spans="14:14">
      <c r="N972354" s="10"/>
    </row>
    <row r="972355" spans="14:14">
      <c r="N972355" s="10"/>
    </row>
    <row r="972356" spans="14:14">
      <c r="N972356" s="10"/>
    </row>
    <row r="972357" spans="14:14">
      <c r="N972357" s="10"/>
    </row>
    <row r="972358" spans="14:14">
      <c r="N972358" s="10"/>
    </row>
    <row r="972359" spans="14:14">
      <c r="N972359" s="10"/>
    </row>
    <row r="972360" spans="14:14">
      <c r="N972360" s="10"/>
    </row>
    <row r="972361" spans="14:14">
      <c r="N972361" s="10"/>
    </row>
    <row r="972362" spans="14:14">
      <c r="N972362" s="10"/>
    </row>
    <row r="972363" spans="14:14">
      <c r="N972363" s="10"/>
    </row>
    <row r="972364" spans="14:14">
      <c r="N972364" s="10"/>
    </row>
    <row r="972365" spans="14:14">
      <c r="N972365" s="10"/>
    </row>
    <row r="972366" spans="14:14">
      <c r="N972366" s="10"/>
    </row>
    <row r="972367" spans="14:14">
      <c r="N972367" s="10"/>
    </row>
    <row r="972368" spans="14:14">
      <c r="N972368" s="10"/>
    </row>
    <row r="972369" spans="14:14">
      <c r="N972369" s="10"/>
    </row>
    <row r="972370" spans="14:14">
      <c r="N972370" s="10"/>
    </row>
    <row r="972371" spans="14:14">
      <c r="N972371" s="10"/>
    </row>
    <row r="972372" spans="14:14">
      <c r="N972372" s="10"/>
    </row>
    <row r="972373" spans="14:14">
      <c r="N972373" s="10"/>
    </row>
    <row r="972374" spans="14:14">
      <c r="N972374" s="10"/>
    </row>
    <row r="972375" spans="14:14">
      <c r="N972375" s="10"/>
    </row>
    <row r="972376" spans="14:14">
      <c r="N972376" s="10"/>
    </row>
    <row r="972377" spans="14:14">
      <c r="N972377" s="10"/>
    </row>
    <row r="972378" spans="14:14">
      <c r="N972378" s="10"/>
    </row>
    <row r="972379" spans="14:14">
      <c r="N972379" s="10"/>
    </row>
    <row r="972380" spans="14:14">
      <c r="N972380" s="10"/>
    </row>
    <row r="972381" spans="14:14">
      <c r="N972381" s="10"/>
    </row>
    <row r="972382" spans="14:14">
      <c r="N972382" s="10"/>
    </row>
    <row r="972383" spans="14:14">
      <c r="N972383" s="10"/>
    </row>
    <row r="972384" spans="14:14">
      <c r="N972384" s="10"/>
    </row>
    <row r="972385" spans="14:14">
      <c r="N972385" s="10"/>
    </row>
    <row r="972386" spans="14:14">
      <c r="N972386" s="10"/>
    </row>
    <row r="972387" spans="14:14">
      <c r="N972387" s="10"/>
    </row>
    <row r="972388" spans="14:14">
      <c r="N972388" s="10"/>
    </row>
    <row r="972389" spans="14:14">
      <c r="N972389" s="10"/>
    </row>
    <row r="972390" spans="14:14">
      <c r="N972390" s="10"/>
    </row>
    <row r="972391" spans="14:14">
      <c r="N972391" s="10"/>
    </row>
    <row r="972392" spans="14:14">
      <c r="N972392" s="10"/>
    </row>
    <row r="972393" spans="14:14">
      <c r="N972393" s="10"/>
    </row>
    <row r="972394" spans="14:14">
      <c r="N972394" s="10"/>
    </row>
    <row r="972395" spans="14:14">
      <c r="N972395" s="10"/>
    </row>
    <row r="972396" spans="14:14">
      <c r="N972396" s="10"/>
    </row>
    <row r="972397" spans="14:14">
      <c r="N972397" s="10"/>
    </row>
    <row r="972398" spans="14:14">
      <c r="N972398" s="10"/>
    </row>
    <row r="972399" spans="14:14">
      <c r="N972399" s="10"/>
    </row>
    <row r="972400" spans="14:14">
      <c r="N972400" s="10"/>
    </row>
    <row r="972401" spans="14:14">
      <c r="N972401" s="10"/>
    </row>
    <row r="972402" spans="14:14">
      <c r="N972402" s="10"/>
    </row>
    <row r="972403" spans="14:14">
      <c r="N972403" s="10"/>
    </row>
    <row r="972404" spans="14:14">
      <c r="N972404" s="10"/>
    </row>
    <row r="972405" spans="14:14">
      <c r="N972405" s="10"/>
    </row>
    <row r="972406" spans="14:14">
      <c r="N972406" s="10"/>
    </row>
    <row r="972407" spans="14:14">
      <c r="N972407" s="10"/>
    </row>
    <row r="972408" spans="14:14">
      <c r="N972408" s="10"/>
    </row>
    <row r="972409" spans="14:14">
      <c r="N972409" s="10"/>
    </row>
    <row r="972410" spans="14:14">
      <c r="N972410" s="10"/>
    </row>
    <row r="972411" spans="14:14">
      <c r="N972411" s="10"/>
    </row>
    <row r="972412" spans="14:14">
      <c r="N972412" s="10"/>
    </row>
    <row r="972413" spans="14:14">
      <c r="N972413" s="10"/>
    </row>
    <row r="972414" spans="14:14">
      <c r="N972414" s="10"/>
    </row>
    <row r="972415" spans="14:14">
      <c r="N972415" s="10"/>
    </row>
    <row r="972416" spans="14:14">
      <c r="N972416" s="10"/>
    </row>
    <row r="972417" spans="14:14">
      <c r="N972417" s="10"/>
    </row>
    <row r="972418" spans="14:14">
      <c r="N972418" s="10"/>
    </row>
    <row r="972419" spans="14:14">
      <c r="N972419" s="10"/>
    </row>
    <row r="972420" spans="14:14">
      <c r="N972420" s="10"/>
    </row>
    <row r="972421" spans="14:14">
      <c r="N972421" s="10"/>
    </row>
    <row r="972422" spans="14:14">
      <c r="N972422" s="10"/>
    </row>
    <row r="972423" spans="14:14">
      <c r="N972423" s="10"/>
    </row>
    <row r="972424" spans="14:14">
      <c r="N972424" s="10"/>
    </row>
    <row r="972425" spans="14:14">
      <c r="N972425" s="10"/>
    </row>
    <row r="972426" spans="14:14">
      <c r="N972426" s="10"/>
    </row>
    <row r="972427" spans="14:14">
      <c r="N972427" s="10"/>
    </row>
    <row r="972428" spans="14:14">
      <c r="N972428" s="10"/>
    </row>
    <row r="972429" spans="14:14">
      <c r="N972429" s="10"/>
    </row>
    <row r="972430" spans="14:14">
      <c r="N972430" s="10"/>
    </row>
    <row r="972431" spans="14:14">
      <c r="N972431" s="10"/>
    </row>
    <row r="972432" spans="14:14">
      <c r="N972432" s="10"/>
    </row>
    <row r="972433" spans="14:14">
      <c r="N972433" s="10"/>
    </row>
    <row r="972434" spans="14:14">
      <c r="N972434" s="10"/>
    </row>
    <row r="972435" spans="14:14">
      <c r="N972435" s="10"/>
    </row>
    <row r="972436" spans="14:14">
      <c r="N972436" s="10"/>
    </row>
    <row r="972437" spans="14:14">
      <c r="N972437" s="10"/>
    </row>
    <row r="972438" spans="14:14">
      <c r="N972438" s="10"/>
    </row>
    <row r="972439" spans="14:14">
      <c r="N972439" s="10"/>
    </row>
    <row r="972440" spans="14:14">
      <c r="N972440" s="10"/>
    </row>
    <row r="972441" spans="14:14">
      <c r="N972441" s="10"/>
    </row>
    <row r="972442" spans="14:14">
      <c r="N972442" s="10"/>
    </row>
    <row r="972443" spans="14:14">
      <c r="N972443" s="10"/>
    </row>
    <row r="972444" spans="14:14">
      <c r="N972444" s="10"/>
    </row>
    <row r="972445" spans="14:14">
      <c r="N972445" s="10"/>
    </row>
    <row r="972446" spans="14:14">
      <c r="N972446" s="10"/>
    </row>
    <row r="972447" spans="14:14">
      <c r="N972447" s="10"/>
    </row>
    <row r="972448" spans="14:14">
      <c r="N972448" s="10"/>
    </row>
    <row r="972449" spans="14:14">
      <c r="N972449" s="10"/>
    </row>
    <row r="972450" spans="14:14">
      <c r="N972450" s="10"/>
    </row>
    <row r="972451" spans="14:14">
      <c r="N972451" s="10"/>
    </row>
    <row r="972452" spans="14:14">
      <c r="N972452" s="10"/>
    </row>
    <row r="972453" spans="14:14">
      <c r="N972453" s="10"/>
    </row>
    <row r="972454" spans="14:14">
      <c r="N972454" s="10"/>
    </row>
    <row r="972455" spans="14:14">
      <c r="N972455" s="10"/>
    </row>
    <row r="972456" spans="14:14">
      <c r="N972456" s="10"/>
    </row>
    <row r="972457" spans="14:14">
      <c r="N972457" s="10"/>
    </row>
    <row r="972458" spans="14:14">
      <c r="N972458" s="10"/>
    </row>
    <row r="972459" spans="14:14">
      <c r="N972459" s="10"/>
    </row>
    <row r="972460" spans="14:14">
      <c r="N972460" s="10"/>
    </row>
    <row r="972461" spans="14:14">
      <c r="N972461" s="10"/>
    </row>
    <row r="972462" spans="14:14">
      <c r="N972462" s="10"/>
    </row>
    <row r="972463" spans="14:14">
      <c r="N972463" s="10"/>
    </row>
    <row r="972464" spans="14:14">
      <c r="N972464" s="10"/>
    </row>
    <row r="972465" spans="14:14">
      <c r="N972465" s="10"/>
    </row>
    <row r="972466" spans="14:14">
      <c r="N972466" s="10"/>
    </row>
    <row r="972467" spans="14:14">
      <c r="N972467" s="10"/>
    </row>
    <row r="972468" spans="14:14">
      <c r="N972468" s="10"/>
    </row>
    <row r="972469" spans="14:14">
      <c r="N972469" s="10"/>
    </row>
    <row r="972470" spans="14:14">
      <c r="N972470" s="10"/>
    </row>
    <row r="972471" spans="14:14">
      <c r="N972471" s="10"/>
    </row>
    <row r="972472" spans="14:14">
      <c r="N972472" s="10"/>
    </row>
    <row r="972473" spans="14:14">
      <c r="N972473" s="10"/>
    </row>
    <row r="972474" spans="14:14">
      <c r="N972474" s="10"/>
    </row>
    <row r="972475" spans="14:14">
      <c r="N972475" s="10"/>
    </row>
    <row r="972476" spans="14:14">
      <c r="N972476" s="10"/>
    </row>
    <row r="972477" spans="14:14">
      <c r="N972477" s="10"/>
    </row>
    <row r="972478" spans="14:14">
      <c r="N972478" s="10"/>
    </row>
    <row r="972479" spans="14:14">
      <c r="N972479" s="10"/>
    </row>
    <row r="972480" spans="14:14">
      <c r="N972480" s="10"/>
    </row>
    <row r="972481" spans="14:14">
      <c r="N972481" s="10"/>
    </row>
    <row r="972482" spans="14:14">
      <c r="N972482" s="10"/>
    </row>
    <row r="972483" spans="14:14">
      <c r="N972483" s="10"/>
    </row>
    <row r="972484" spans="14:14">
      <c r="N972484" s="10"/>
    </row>
    <row r="972485" spans="14:14">
      <c r="N972485" s="10"/>
    </row>
    <row r="972486" spans="14:14">
      <c r="N972486" s="10"/>
    </row>
    <row r="972487" spans="14:14">
      <c r="N972487" s="10"/>
    </row>
    <row r="972488" spans="14:14">
      <c r="N972488" s="10"/>
    </row>
    <row r="972489" spans="14:14">
      <c r="N972489" s="10"/>
    </row>
    <row r="972490" spans="14:14">
      <c r="N972490" s="10"/>
    </row>
    <row r="972491" spans="14:14">
      <c r="N972491" s="10"/>
    </row>
    <row r="972492" spans="14:14">
      <c r="N972492" s="10"/>
    </row>
    <row r="972493" spans="14:14">
      <c r="N972493" s="10"/>
    </row>
    <row r="972494" spans="14:14">
      <c r="N972494" s="10"/>
    </row>
    <row r="972495" spans="14:14">
      <c r="N972495" s="10"/>
    </row>
    <row r="972496" spans="14:14">
      <c r="N972496" s="10"/>
    </row>
    <row r="972497" spans="14:14">
      <c r="N972497" s="10"/>
    </row>
    <row r="972498" spans="14:14">
      <c r="N972498" s="10"/>
    </row>
    <row r="972499" spans="14:14">
      <c r="N972499" s="10"/>
    </row>
    <row r="972500" spans="14:14">
      <c r="N972500" s="10"/>
    </row>
    <row r="972501" spans="14:14">
      <c r="N972501" s="10"/>
    </row>
    <row r="972502" spans="14:14">
      <c r="N972502" s="10"/>
    </row>
    <row r="972503" spans="14:14">
      <c r="N972503" s="10"/>
    </row>
    <row r="972504" spans="14:14">
      <c r="N972504" s="10"/>
    </row>
    <row r="972505" spans="14:14">
      <c r="N972505" s="10"/>
    </row>
    <row r="972506" spans="14:14">
      <c r="N972506" s="10"/>
    </row>
    <row r="972507" spans="14:14">
      <c r="N972507" s="10"/>
    </row>
    <row r="972508" spans="14:14">
      <c r="N972508" s="10"/>
    </row>
    <row r="972509" spans="14:14">
      <c r="N972509" s="10"/>
    </row>
    <row r="972510" spans="14:14">
      <c r="N972510" s="10"/>
    </row>
    <row r="972511" spans="14:14">
      <c r="N972511" s="10"/>
    </row>
    <row r="972512" spans="14:14">
      <c r="N972512" s="10"/>
    </row>
    <row r="972513" spans="14:14">
      <c r="N972513" s="10"/>
    </row>
    <row r="972514" spans="14:14">
      <c r="N972514" s="10"/>
    </row>
    <row r="972515" spans="14:14">
      <c r="N972515" s="10"/>
    </row>
    <row r="972516" spans="14:14">
      <c r="N972516" s="10"/>
    </row>
    <row r="972517" spans="14:14">
      <c r="N972517" s="10"/>
    </row>
    <row r="972518" spans="14:14">
      <c r="N972518" s="10"/>
    </row>
    <row r="972519" spans="14:14">
      <c r="N972519" s="10"/>
    </row>
    <row r="972520" spans="14:14">
      <c r="N972520" s="10"/>
    </row>
    <row r="972521" spans="14:14">
      <c r="N972521" s="10"/>
    </row>
    <row r="972522" spans="14:14">
      <c r="N972522" s="10"/>
    </row>
    <row r="972523" spans="14:14">
      <c r="N972523" s="10"/>
    </row>
    <row r="972524" spans="14:14">
      <c r="N972524" s="10"/>
    </row>
    <row r="972525" spans="14:14">
      <c r="N972525" s="10"/>
    </row>
    <row r="972526" spans="14:14">
      <c r="N972526" s="10"/>
    </row>
    <row r="972527" spans="14:14">
      <c r="N972527" s="10"/>
    </row>
    <row r="972528" spans="14:14">
      <c r="N972528" s="10"/>
    </row>
    <row r="972529" spans="14:14">
      <c r="N972529" s="10"/>
    </row>
    <row r="972530" spans="14:14">
      <c r="N972530" s="10"/>
    </row>
    <row r="972531" spans="14:14">
      <c r="N972531" s="10"/>
    </row>
    <row r="972532" spans="14:14">
      <c r="N972532" s="10"/>
    </row>
    <row r="972533" spans="14:14">
      <c r="N972533" s="10"/>
    </row>
    <row r="972534" spans="14:14">
      <c r="N972534" s="10"/>
    </row>
    <row r="972535" spans="14:14">
      <c r="N972535" s="10"/>
    </row>
    <row r="972536" spans="14:14">
      <c r="N972536" s="10"/>
    </row>
    <row r="972537" spans="14:14">
      <c r="N972537" s="10"/>
    </row>
    <row r="972538" spans="14:14">
      <c r="N972538" s="10"/>
    </row>
    <row r="972539" spans="14:14">
      <c r="N972539" s="10"/>
    </row>
    <row r="972540" spans="14:14">
      <c r="N972540" s="10"/>
    </row>
    <row r="972541" spans="14:14">
      <c r="N972541" s="10"/>
    </row>
    <row r="972542" spans="14:14">
      <c r="N972542" s="10"/>
    </row>
    <row r="972543" spans="14:14">
      <c r="N972543" s="10"/>
    </row>
    <row r="972544" spans="14:14">
      <c r="N972544" s="10"/>
    </row>
    <row r="972545" spans="14:14">
      <c r="N972545" s="10"/>
    </row>
    <row r="972546" spans="14:14">
      <c r="N972546" s="10"/>
    </row>
    <row r="972547" spans="14:14">
      <c r="N972547" s="10"/>
    </row>
    <row r="972548" spans="14:14">
      <c r="N972548" s="10"/>
    </row>
    <row r="972549" spans="14:14">
      <c r="N972549" s="10"/>
    </row>
    <row r="972550" spans="14:14">
      <c r="N972550" s="10"/>
    </row>
    <row r="972551" spans="14:14">
      <c r="N972551" s="10"/>
    </row>
    <row r="972552" spans="14:14">
      <c r="N972552" s="10"/>
    </row>
    <row r="972553" spans="14:14">
      <c r="N972553" s="10"/>
    </row>
    <row r="972554" spans="14:14">
      <c r="N972554" s="10"/>
    </row>
    <row r="972555" spans="14:14">
      <c r="N972555" s="10"/>
    </row>
    <row r="972556" spans="14:14">
      <c r="N972556" s="10"/>
    </row>
    <row r="972557" spans="14:14">
      <c r="N972557" s="10"/>
    </row>
    <row r="972558" spans="14:14">
      <c r="N972558" s="10"/>
    </row>
    <row r="972559" spans="14:14">
      <c r="N972559" s="10"/>
    </row>
    <row r="972560" spans="14:14">
      <c r="N972560" s="10"/>
    </row>
    <row r="972561" spans="14:14">
      <c r="N972561" s="10"/>
    </row>
    <row r="972562" spans="14:14">
      <c r="N972562" s="10"/>
    </row>
    <row r="972563" spans="14:14">
      <c r="N972563" s="10"/>
    </row>
    <row r="972564" spans="14:14">
      <c r="N972564" s="10"/>
    </row>
    <row r="972565" spans="14:14">
      <c r="N972565" s="10"/>
    </row>
    <row r="972566" spans="14:14">
      <c r="N972566" s="10"/>
    </row>
    <row r="972567" spans="14:14">
      <c r="N972567" s="10"/>
    </row>
    <row r="972568" spans="14:14">
      <c r="N972568" s="10"/>
    </row>
    <row r="972569" spans="14:14">
      <c r="N972569" s="10"/>
    </row>
    <row r="972570" spans="14:14">
      <c r="N972570" s="10"/>
    </row>
    <row r="972571" spans="14:14">
      <c r="N972571" s="10"/>
    </row>
    <row r="972572" spans="14:14">
      <c r="N972572" s="10"/>
    </row>
    <row r="972573" spans="14:14">
      <c r="N972573" s="10"/>
    </row>
    <row r="972574" spans="14:14">
      <c r="N972574" s="10"/>
    </row>
    <row r="972575" spans="14:14">
      <c r="N972575" s="10"/>
    </row>
    <row r="972576" spans="14:14">
      <c r="N972576" s="10"/>
    </row>
    <row r="972577" spans="14:14">
      <c r="N972577" s="10"/>
    </row>
    <row r="972578" spans="14:14">
      <c r="N972578" s="10"/>
    </row>
    <row r="972579" spans="14:14">
      <c r="N972579" s="10"/>
    </row>
    <row r="972580" spans="14:14">
      <c r="N972580" s="10"/>
    </row>
    <row r="972581" spans="14:14">
      <c r="N972581" s="10"/>
    </row>
    <row r="972582" spans="14:14">
      <c r="N972582" s="10"/>
    </row>
    <row r="972583" spans="14:14">
      <c r="N972583" s="10"/>
    </row>
    <row r="972584" spans="14:14">
      <c r="N972584" s="10"/>
    </row>
    <row r="972585" spans="14:14">
      <c r="N972585" s="10"/>
    </row>
    <row r="972586" spans="14:14">
      <c r="N972586" s="10"/>
    </row>
    <row r="972587" spans="14:14">
      <c r="N972587" s="10"/>
    </row>
    <row r="972588" spans="14:14">
      <c r="N972588" s="10"/>
    </row>
    <row r="972589" spans="14:14">
      <c r="N972589" s="10"/>
    </row>
    <row r="972590" spans="14:14">
      <c r="N972590" s="10"/>
    </row>
    <row r="972591" spans="14:14">
      <c r="N972591" s="10"/>
    </row>
    <row r="972592" spans="14:14">
      <c r="N972592" s="10"/>
    </row>
    <row r="972593" spans="14:14">
      <c r="N972593" s="10"/>
    </row>
    <row r="972594" spans="14:14">
      <c r="N972594" s="10"/>
    </row>
    <row r="972595" spans="14:14">
      <c r="N972595" s="10"/>
    </row>
    <row r="972596" spans="14:14">
      <c r="N972596" s="10"/>
    </row>
    <row r="972597" spans="14:14">
      <c r="N972597" s="10"/>
    </row>
    <row r="972598" spans="14:14">
      <c r="N972598" s="10"/>
    </row>
    <row r="972599" spans="14:14">
      <c r="N972599" s="10"/>
    </row>
    <row r="972600" spans="14:14">
      <c r="N972600" s="10"/>
    </row>
    <row r="972601" spans="14:14">
      <c r="N972601" s="10"/>
    </row>
    <row r="972602" spans="14:14">
      <c r="N972602" s="10"/>
    </row>
    <row r="972603" spans="14:14">
      <c r="N972603" s="10"/>
    </row>
    <row r="972604" spans="14:14">
      <c r="N972604" s="10"/>
    </row>
    <row r="972605" spans="14:14">
      <c r="N972605" s="10"/>
    </row>
    <row r="972606" spans="14:14">
      <c r="N972606" s="10"/>
    </row>
    <row r="972607" spans="14:14">
      <c r="N972607" s="10"/>
    </row>
    <row r="972608" spans="14:14">
      <c r="N972608" s="10"/>
    </row>
    <row r="972609" spans="14:14">
      <c r="N972609" s="10"/>
    </row>
    <row r="972610" spans="14:14">
      <c r="N972610" s="10"/>
    </row>
    <row r="972611" spans="14:14">
      <c r="N972611" s="10"/>
    </row>
    <row r="972612" spans="14:14">
      <c r="N972612" s="10"/>
    </row>
    <row r="972613" spans="14:14">
      <c r="N972613" s="10"/>
    </row>
    <row r="972614" spans="14:14">
      <c r="N972614" s="10"/>
    </row>
    <row r="972615" spans="14:14">
      <c r="N972615" s="10"/>
    </row>
    <row r="972616" spans="14:14">
      <c r="N972616" s="10"/>
    </row>
    <row r="972617" spans="14:14">
      <c r="N972617" s="10"/>
    </row>
    <row r="972618" spans="14:14">
      <c r="N972618" s="10"/>
    </row>
    <row r="972619" spans="14:14">
      <c r="N972619" s="10"/>
    </row>
    <row r="972620" spans="14:14">
      <c r="N972620" s="10"/>
    </row>
    <row r="972621" spans="14:14">
      <c r="N972621" s="10"/>
    </row>
    <row r="972622" spans="14:14">
      <c r="N972622" s="10"/>
    </row>
    <row r="972623" spans="14:14">
      <c r="N972623" s="10"/>
    </row>
    <row r="972624" spans="14:14">
      <c r="N972624" s="10"/>
    </row>
    <row r="972625" spans="14:14">
      <c r="N972625" s="10"/>
    </row>
    <row r="972626" spans="14:14">
      <c r="N972626" s="10"/>
    </row>
    <row r="972627" spans="14:14">
      <c r="N972627" s="10"/>
    </row>
    <row r="972628" spans="14:14">
      <c r="N972628" s="10"/>
    </row>
    <row r="972629" spans="14:14">
      <c r="N972629" s="10"/>
    </row>
    <row r="972630" spans="14:14">
      <c r="N972630" s="10"/>
    </row>
    <row r="972631" spans="14:14">
      <c r="N972631" s="10"/>
    </row>
    <row r="972632" spans="14:14">
      <c r="N972632" s="10"/>
    </row>
    <row r="972633" spans="14:14">
      <c r="N972633" s="10"/>
    </row>
    <row r="972634" spans="14:14">
      <c r="N972634" s="10"/>
    </row>
    <row r="972635" spans="14:14">
      <c r="N972635" s="10"/>
    </row>
    <row r="972636" spans="14:14">
      <c r="N972636" s="10"/>
    </row>
    <row r="972637" spans="14:14">
      <c r="N972637" s="10"/>
    </row>
    <row r="972638" spans="14:14">
      <c r="N972638" s="10"/>
    </row>
    <row r="972639" spans="14:14">
      <c r="N972639" s="10"/>
    </row>
    <row r="972640" spans="14:14">
      <c r="N972640" s="10"/>
    </row>
    <row r="972641" spans="14:14">
      <c r="N972641" s="10"/>
    </row>
    <row r="972642" spans="14:14">
      <c r="N972642" s="10"/>
    </row>
    <row r="972643" spans="14:14">
      <c r="N972643" s="10"/>
    </row>
    <row r="972644" spans="14:14">
      <c r="N972644" s="10"/>
    </row>
    <row r="972645" spans="14:14">
      <c r="N972645" s="10"/>
    </row>
    <row r="972646" spans="14:14">
      <c r="N972646" s="10"/>
    </row>
    <row r="972647" spans="14:14">
      <c r="N972647" s="10"/>
    </row>
    <row r="972648" spans="14:14">
      <c r="N972648" s="10"/>
    </row>
    <row r="972649" spans="14:14">
      <c r="N972649" s="10"/>
    </row>
    <row r="972650" spans="14:14">
      <c r="N972650" s="10"/>
    </row>
    <row r="972651" spans="14:14">
      <c r="N972651" s="10"/>
    </row>
    <row r="972652" spans="14:14">
      <c r="N972652" s="10"/>
    </row>
    <row r="972653" spans="14:14">
      <c r="N972653" s="10"/>
    </row>
    <row r="972654" spans="14:14">
      <c r="N972654" s="10"/>
    </row>
    <row r="972655" spans="14:14">
      <c r="N972655" s="10"/>
    </row>
    <row r="972656" spans="14:14">
      <c r="N972656" s="10"/>
    </row>
    <row r="972657" spans="14:14">
      <c r="N972657" s="10"/>
    </row>
    <row r="972658" spans="14:14">
      <c r="N972658" s="10"/>
    </row>
    <row r="972659" spans="14:14">
      <c r="N972659" s="10"/>
    </row>
    <row r="972660" spans="14:14">
      <c r="N972660" s="10"/>
    </row>
    <row r="972661" spans="14:14">
      <c r="N972661" s="10"/>
    </row>
    <row r="972662" spans="14:14">
      <c r="N972662" s="10"/>
    </row>
    <row r="972663" spans="14:14">
      <c r="N972663" s="10"/>
    </row>
    <row r="972664" spans="14:14">
      <c r="N972664" s="10"/>
    </row>
    <row r="972665" spans="14:14">
      <c r="N972665" s="10"/>
    </row>
    <row r="972666" spans="14:14">
      <c r="N972666" s="10"/>
    </row>
    <row r="972667" spans="14:14">
      <c r="N972667" s="10"/>
    </row>
    <row r="972668" spans="14:14">
      <c r="N972668" s="10"/>
    </row>
    <row r="972669" spans="14:14">
      <c r="N972669" s="10"/>
    </row>
    <row r="972670" spans="14:14">
      <c r="N972670" s="10"/>
    </row>
    <row r="972671" spans="14:14">
      <c r="N972671" s="10"/>
    </row>
    <row r="972672" spans="14:14">
      <c r="N972672" s="10"/>
    </row>
    <row r="972673" spans="14:14">
      <c r="N972673" s="10"/>
    </row>
    <row r="972674" spans="14:14">
      <c r="N972674" s="10"/>
    </row>
    <row r="972675" spans="14:14">
      <c r="N972675" s="10"/>
    </row>
    <row r="972676" spans="14:14">
      <c r="N972676" s="10"/>
    </row>
    <row r="972677" spans="14:14">
      <c r="N972677" s="10"/>
    </row>
    <row r="972678" spans="14:14">
      <c r="N972678" s="10"/>
    </row>
    <row r="972679" spans="14:14">
      <c r="N972679" s="10"/>
    </row>
    <row r="972680" spans="14:14">
      <c r="N972680" s="10"/>
    </row>
    <row r="972681" spans="14:14">
      <c r="N972681" s="10"/>
    </row>
    <row r="972682" spans="14:14">
      <c r="N972682" s="10"/>
    </row>
    <row r="972683" spans="14:14">
      <c r="N972683" s="10"/>
    </row>
    <row r="972684" spans="14:14">
      <c r="N972684" s="10"/>
    </row>
    <row r="972685" spans="14:14">
      <c r="N972685" s="10"/>
    </row>
    <row r="972686" spans="14:14">
      <c r="N972686" s="10"/>
    </row>
    <row r="972687" spans="14:14">
      <c r="N972687" s="10"/>
    </row>
    <row r="972688" spans="14:14">
      <c r="N972688" s="10"/>
    </row>
    <row r="972689" spans="14:14">
      <c r="N972689" s="10"/>
    </row>
    <row r="972690" spans="14:14">
      <c r="N972690" s="10"/>
    </row>
    <row r="972691" spans="14:14">
      <c r="N972691" s="10"/>
    </row>
    <row r="972692" spans="14:14">
      <c r="N972692" s="10"/>
    </row>
    <row r="972693" spans="14:14">
      <c r="N972693" s="10"/>
    </row>
    <row r="972694" spans="14:14">
      <c r="N972694" s="10"/>
    </row>
    <row r="972695" spans="14:14">
      <c r="N972695" s="10"/>
    </row>
    <row r="972696" spans="14:14">
      <c r="N972696" s="10"/>
    </row>
    <row r="972697" spans="14:14">
      <c r="N972697" s="10"/>
    </row>
    <row r="972698" spans="14:14">
      <c r="N972698" s="10"/>
    </row>
    <row r="972699" spans="14:14">
      <c r="N972699" s="10"/>
    </row>
    <row r="972700" spans="14:14">
      <c r="N972700" s="10"/>
    </row>
    <row r="972701" spans="14:14">
      <c r="N972701" s="10"/>
    </row>
    <row r="972702" spans="14:14">
      <c r="N972702" s="10"/>
    </row>
    <row r="972703" spans="14:14">
      <c r="N972703" s="10"/>
    </row>
    <row r="972704" spans="14:14">
      <c r="N972704" s="10"/>
    </row>
    <row r="972705" spans="14:14">
      <c r="N972705" s="10"/>
    </row>
    <row r="972706" spans="14:14">
      <c r="N972706" s="10"/>
    </row>
    <row r="972707" spans="14:14">
      <c r="N972707" s="10"/>
    </row>
    <row r="972708" spans="14:14">
      <c r="N972708" s="10"/>
    </row>
    <row r="972709" spans="14:14">
      <c r="N972709" s="10"/>
    </row>
    <row r="972710" spans="14:14">
      <c r="N972710" s="10"/>
    </row>
    <row r="972711" spans="14:14">
      <c r="N972711" s="10"/>
    </row>
    <row r="972712" spans="14:14">
      <c r="N972712" s="10"/>
    </row>
    <row r="972713" spans="14:14">
      <c r="N972713" s="10"/>
    </row>
    <row r="972714" spans="14:14">
      <c r="N972714" s="10"/>
    </row>
    <row r="972715" spans="14:14">
      <c r="N972715" s="10"/>
    </row>
    <row r="972716" spans="14:14">
      <c r="N972716" s="10"/>
    </row>
    <row r="972717" spans="14:14">
      <c r="N972717" s="10"/>
    </row>
    <row r="972718" spans="14:14">
      <c r="N972718" s="10"/>
    </row>
    <row r="972719" spans="14:14">
      <c r="N972719" s="10"/>
    </row>
    <row r="972720" spans="14:14">
      <c r="N972720" s="10"/>
    </row>
    <row r="972721" spans="14:14">
      <c r="N972721" s="10"/>
    </row>
    <row r="972722" spans="14:14">
      <c r="N972722" s="10"/>
    </row>
    <row r="972723" spans="14:14">
      <c r="N972723" s="10"/>
    </row>
    <row r="972724" spans="14:14">
      <c r="N972724" s="10"/>
    </row>
    <row r="972725" spans="14:14">
      <c r="N972725" s="10"/>
    </row>
    <row r="972726" spans="14:14">
      <c r="N972726" s="10"/>
    </row>
    <row r="972727" spans="14:14">
      <c r="N972727" s="10"/>
    </row>
    <row r="972728" spans="14:14">
      <c r="N972728" s="10"/>
    </row>
    <row r="972729" spans="14:14">
      <c r="N972729" s="10"/>
    </row>
    <row r="972730" spans="14:14">
      <c r="N972730" s="10"/>
    </row>
    <row r="972731" spans="14:14">
      <c r="N972731" s="10"/>
    </row>
    <row r="972732" spans="14:14">
      <c r="N972732" s="10"/>
    </row>
    <row r="972733" spans="14:14">
      <c r="N972733" s="10"/>
    </row>
    <row r="972734" spans="14:14">
      <c r="N972734" s="10"/>
    </row>
    <row r="972735" spans="14:14">
      <c r="N972735" s="10"/>
    </row>
    <row r="972736" spans="14:14">
      <c r="N972736" s="10"/>
    </row>
    <row r="972737" spans="14:14">
      <c r="N972737" s="10"/>
    </row>
    <row r="972738" spans="14:14">
      <c r="N972738" s="10"/>
    </row>
    <row r="972739" spans="14:14">
      <c r="N972739" s="10"/>
    </row>
    <row r="972740" spans="14:14">
      <c r="N972740" s="10"/>
    </row>
    <row r="972741" spans="14:14">
      <c r="N972741" s="10"/>
    </row>
    <row r="972742" spans="14:14">
      <c r="N972742" s="10"/>
    </row>
    <row r="972743" spans="14:14">
      <c r="N972743" s="10"/>
    </row>
    <row r="972744" spans="14:14">
      <c r="N972744" s="10"/>
    </row>
    <row r="972745" spans="14:14">
      <c r="N972745" s="10"/>
    </row>
    <row r="972746" spans="14:14">
      <c r="N972746" s="10"/>
    </row>
    <row r="972747" spans="14:14">
      <c r="N972747" s="10"/>
    </row>
    <row r="972748" spans="14:14">
      <c r="N972748" s="10"/>
    </row>
    <row r="972749" spans="14:14">
      <c r="N972749" s="10"/>
    </row>
    <row r="972750" spans="14:14">
      <c r="N972750" s="10"/>
    </row>
    <row r="972751" spans="14:14">
      <c r="N972751" s="10"/>
    </row>
    <row r="972752" spans="14:14">
      <c r="N972752" s="10"/>
    </row>
    <row r="972753" spans="14:14">
      <c r="N972753" s="10"/>
    </row>
    <row r="972754" spans="14:14">
      <c r="N972754" s="10"/>
    </row>
    <row r="972755" spans="14:14">
      <c r="N972755" s="10"/>
    </row>
    <row r="972756" spans="14:14">
      <c r="N972756" s="10"/>
    </row>
    <row r="972757" spans="14:14">
      <c r="N972757" s="10"/>
    </row>
    <row r="972758" spans="14:14">
      <c r="N972758" s="10"/>
    </row>
    <row r="972759" spans="14:14">
      <c r="N972759" s="10"/>
    </row>
    <row r="972760" spans="14:14">
      <c r="N972760" s="10"/>
    </row>
    <row r="972761" spans="14:14">
      <c r="N972761" s="10"/>
    </row>
    <row r="972762" spans="14:14">
      <c r="N972762" s="10"/>
    </row>
    <row r="972763" spans="14:14">
      <c r="N972763" s="10"/>
    </row>
    <row r="972764" spans="14:14">
      <c r="N972764" s="10"/>
    </row>
    <row r="972765" spans="14:14">
      <c r="N972765" s="10"/>
    </row>
    <row r="972766" spans="14:14">
      <c r="N972766" s="10"/>
    </row>
    <row r="972767" spans="14:14">
      <c r="N972767" s="10"/>
    </row>
    <row r="972768" spans="14:14">
      <c r="N972768" s="10"/>
    </row>
    <row r="972769" spans="14:14">
      <c r="N972769" s="10"/>
    </row>
    <row r="972770" spans="14:14">
      <c r="N972770" s="10"/>
    </row>
    <row r="972771" spans="14:14">
      <c r="N972771" s="10"/>
    </row>
    <row r="972772" spans="14:14">
      <c r="N972772" s="10"/>
    </row>
    <row r="972773" spans="14:14">
      <c r="N972773" s="10"/>
    </row>
    <row r="972774" spans="14:14">
      <c r="N972774" s="10"/>
    </row>
    <row r="972775" spans="14:14">
      <c r="N972775" s="10"/>
    </row>
    <row r="972776" spans="14:14">
      <c r="N972776" s="10"/>
    </row>
    <row r="972777" spans="14:14">
      <c r="N972777" s="10"/>
    </row>
    <row r="972778" spans="14:14">
      <c r="N972778" s="10"/>
    </row>
    <row r="972779" spans="14:14">
      <c r="N972779" s="10"/>
    </row>
    <row r="972780" spans="14:14">
      <c r="N972780" s="10"/>
    </row>
    <row r="972781" spans="14:14">
      <c r="N972781" s="10"/>
    </row>
    <row r="972782" spans="14:14">
      <c r="N972782" s="10"/>
    </row>
    <row r="972783" spans="14:14">
      <c r="N972783" s="10"/>
    </row>
    <row r="972784" spans="14:14">
      <c r="N972784" s="10"/>
    </row>
    <row r="972785" spans="14:14">
      <c r="N972785" s="10"/>
    </row>
    <row r="972786" spans="14:14">
      <c r="N972786" s="10"/>
    </row>
    <row r="972787" spans="14:14">
      <c r="N972787" s="10"/>
    </row>
    <row r="972788" spans="14:14">
      <c r="N972788" s="10"/>
    </row>
    <row r="972789" spans="14:14">
      <c r="N972789" s="10"/>
    </row>
    <row r="972790" spans="14:14">
      <c r="N972790" s="10"/>
    </row>
    <row r="972791" spans="14:14">
      <c r="N972791" s="10"/>
    </row>
    <row r="972792" spans="14:14">
      <c r="N972792" s="10"/>
    </row>
    <row r="972793" spans="14:14">
      <c r="N972793" s="10"/>
    </row>
    <row r="972794" spans="14:14">
      <c r="N972794" s="10"/>
    </row>
    <row r="972795" spans="14:14">
      <c r="N972795" s="10"/>
    </row>
    <row r="972796" spans="14:14">
      <c r="N972796" s="10"/>
    </row>
    <row r="972797" spans="14:14">
      <c r="N972797" s="10"/>
    </row>
    <row r="972798" spans="14:14">
      <c r="N972798" s="10"/>
    </row>
    <row r="972799" spans="14:14">
      <c r="N972799" s="10"/>
    </row>
    <row r="972800" spans="14:14">
      <c r="N972800" s="10"/>
    </row>
    <row r="972801" spans="14:14">
      <c r="N972801" s="10"/>
    </row>
    <row r="972802" spans="14:14">
      <c r="N972802" s="10"/>
    </row>
    <row r="972803" spans="14:14">
      <c r="N972803" s="10"/>
    </row>
    <row r="972804" spans="14:14">
      <c r="N972804" s="10"/>
    </row>
    <row r="972805" spans="14:14">
      <c r="N972805" s="10"/>
    </row>
    <row r="972806" spans="14:14">
      <c r="N972806" s="10"/>
    </row>
    <row r="972807" spans="14:14">
      <c r="N972807" s="10"/>
    </row>
    <row r="972808" spans="14:14">
      <c r="N972808" s="10"/>
    </row>
    <row r="972809" spans="14:14">
      <c r="N972809" s="10"/>
    </row>
    <row r="972810" spans="14:14">
      <c r="N972810" s="10"/>
    </row>
    <row r="972811" spans="14:14">
      <c r="N972811" s="10"/>
    </row>
    <row r="972812" spans="14:14">
      <c r="N972812" s="10"/>
    </row>
    <row r="972813" spans="14:14">
      <c r="N972813" s="10"/>
    </row>
    <row r="972814" spans="14:14">
      <c r="N972814" s="10"/>
    </row>
    <row r="972815" spans="14:14">
      <c r="N972815" s="10"/>
    </row>
    <row r="972816" spans="14:14">
      <c r="N972816" s="10"/>
    </row>
    <row r="972817" spans="14:14">
      <c r="N972817" s="10"/>
    </row>
    <row r="972818" spans="14:14">
      <c r="N972818" s="10"/>
    </row>
    <row r="972819" spans="14:14">
      <c r="N972819" s="10"/>
    </row>
    <row r="972820" spans="14:14">
      <c r="N972820" s="10"/>
    </row>
    <row r="972821" spans="14:14">
      <c r="N972821" s="10"/>
    </row>
    <row r="972822" spans="14:14">
      <c r="N972822" s="10"/>
    </row>
    <row r="972823" spans="14:14">
      <c r="N972823" s="10"/>
    </row>
    <row r="972824" spans="14:14">
      <c r="N972824" s="10"/>
    </row>
    <row r="972825" spans="14:14">
      <c r="N972825" s="10"/>
    </row>
    <row r="972826" spans="14:14">
      <c r="N972826" s="10"/>
    </row>
    <row r="972827" spans="14:14">
      <c r="N972827" s="10"/>
    </row>
    <row r="972828" spans="14:14">
      <c r="N972828" s="10"/>
    </row>
    <row r="972829" spans="14:14">
      <c r="N972829" s="10"/>
    </row>
    <row r="972830" spans="14:14">
      <c r="N972830" s="10"/>
    </row>
    <row r="972831" spans="14:14">
      <c r="N972831" s="10"/>
    </row>
    <row r="972832" spans="14:14">
      <c r="N972832" s="10"/>
    </row>
    <row r="972833" spans="14:14">
      <c r="N972833" s="10"/>
    </row>
    <row r="972834" spans="14:14">
      <c r="N972834" s="10"/>
    </row>
    <row r="972835" spans="14:14">
      <c r="N972835" s="10"/>
    </row>
    <row r="972836" spans="14:14">
      <c r="N972836" s="10"/>
    </row>
    <row r="972837" spans="14:14">
      <c r="N972837" s="10"/>
    </row>
    <row r="972838" spans="14:14">
      <c r="N972838" s="10"/>
    </row>
    <row r="972839" spans="14:14">
      <c r="N972839" s="10"/>
    </row>
    <row r="972840" spans="14:14">
      <c r="N972840" s="10"/>
    </row>
    <row r="972841" spans="14:14">
      <c r="N972841" s="10"/>
    </row>
    <row r="972842" spans="14:14">
      <c r="N972842" s="10"/>
    </row>
    <row r="972843" spans="14:14">
      <c r="N972843" s="10"/>
    </row>
    <row r="972844" spans="14:14">
      <c r="N972844" s="10"/>
    </row>
    <row r="972845" spans="14:14">
      <c r="N972845" s="10"/>
    </row>
    <row r="972846" spans="14:14">
      <c r="N972846" s="10"/>
    </row>
    <row r="972847" spans="14:14">
      <c r="N972847" s="10"/>
    </row>
    <row r="972848" spans="14:14">
      <c r="N972848" s="10"/>
    </row>
    <row r="972849" spans="14:14">
      <c r="N972849" s="10"/>
    </row>
    <row r="972850" spans="14:14">
      <c r="N972850" s="10"/>
    </row>
    <row r="972851" spans="14:14">
      <c r="N972851" s="10"/>
    </row>
    <row r="972852" spans="14:14">
      <c r="N972852" s="10"/>
    </row>
    <row r="972853" spans="14:14">
      <c r="N972853" s="10"/>
    </row>
    <row r="972854" spans="14:14">
      <c r="N972854" s="10"/>
    </row>
    <row r="972855" spans="14:14">
      <c r="N972855" s="10"/>
    </row>
    <row r="972856" spans="14:14">
      <c r="N972856" s="10"/>
    </row>
    <row r="972857" spans="14:14">
      <c r="N972857" s="10"/>
    </row>
    <row r="972858" spans="14:14">
      <c r="N972858" s="10"/>
    </row>
    <row r="972859" spans="14:14">
      <c r="N972859" s="10"/>
    </row>
    <row r="972860" spans="14:14">
      <c r="N972860" s="10"/>
    </row>
    <row r="972861" spans="14:14">
      <c r="N972861" s="10"/>
    </row>
    <row r="972862" spans="14:14">
      <c r="N972862" s="10"/>
    </row>
    <row r="972863" spans="14:14">
      <c r="N972863" s="10"/>
    </row>
    <row r="972864" spans="14:14">
      <c r="N972864" s="10"/>
    </row>
    <row r="972865" spans="14:14">
      <c r="N972865" s="10"/>
    </row>
    <row r="972866" spans="14:14">
      <c r="N972866" s="10"/>
    </row>
    <row r="972867" spans="14:14">
      <c r="N972867" s="10"/>
    </row>
    <row r="972868" spans="14:14">
      <c r="N972868" s="10"/>
    </row>
    <row r="972869" spans="14:14">
      <c r="N972869" s="10"/>
    </row>
    <row r="972870" spans="14:14">
      <c r="N972870" s="10"/>
    </row>
    <row r="972871" spans="14:14">
      <c r="N972871" s="10"/>
    </row>
    <row r="972872" spans="14:14">
      <c r="N972872" s="10"/>
    </row>
    <row r="972873" spans="14:14">
      <c r="N972873" s="10"/>
    </row>
    <row r="972874" spans="14:14">
      <c r="N972874" s="10"/>
    </row>
    <row r="972875" spans="14:14">
      <c r="N972875" s="10"/>
    </row>
    <row r="972876" spans="14:14">
      <c r="N972876" s="10"/>
    </row>
    <row r="972877" spans="14:14">
      <c r="N972877" s="10"/>
    </row>
    <row r="972878" spans="14:14">
      <c r="N972878" s="10"/>
    </row>
    <row r="972879" spans="14:14">
      <c r="N972879" s="10"/>
    </row>
    <row r="972880" spans="14:14">
      <c r="N972880" s="10"/>
    </row>
    <row r="972881" spans="14:14">
      <c r="N972881" s="10"/>
    </row>
    <row r="972882" spans="14:14">
      <c r="N972882" s="10"/>
    </row>
    <row r="972883" spans="14:14">
      <c r="N972883" s="10"/>
    </row>
    <row r="972884" spans="14:14">
      <c r="N972884" s="10"/>
    </row>
    <row r="972885" spans="14:14">
      <c r="N972885" s="10"/>
    </row>
    <row r="972886" spans="14:14">
      <c r="N972886" s="10"/>
    </row>
    <row r="972887" spans="14:14">
      <c r="N972887" s="10"/>
    </row>
    <row r="972888" spans="14:14">
      <c r="N972888" s="10"/>
    </row>
    <row r="972889" spans="14:14">
      <c r="N972889" s="10"/>
    </row>
    <row r="972890" spans="14:14">
      <c r="N972890" s="10"/>
    </row>
    <row r="972891" spans="14:14">
      <c r="N972891" s="10"/>
    </row>
    <row r="972892" spans="14:14">
      <c r="N972892" s="10"/>
    </row>
    <row r="972893" spans="14:14">
      <c r="N972893" s="10"/>
    </row>
    <row r="972894" spans="14:14">
      <c r="N972894" s="10"/>
    </row>
    <row r="972895" spans="14:14">
      <c r="N972895" s="10"/>
    </row>
    <row r="972896" spans="14:14">
      <c r="N972896" s="10"/>
    </row>
    <row r="972897" spans="14:14">
      <c r="N972897" s="10"/>
    </row>
    <row r="972898" spans="14:14">
      <c r="N972898" s="10"/>
    </row>
    <row r="972899" spans="14:14">
      <c r="N972899" s="10"/>
    </row>
    <row r="972900" spans="14:14">
      <c r="N972900" s="10"/>
    </row>
    <row r="972901" spans="14:14">
      <c r="N972901" s="10"/>
    </row>
    <row r="972902" spans="14:14">
      <c r="N972902" s="10"/>
    </row>
    <row r="972903" spans="14:14">
      <c r="N972903" s="10"/>
    </row>
    <row r="972904" spans="14:14">
      <c r="N972904" s="10"/>
    </row>
    <row r="972905" spans="14:14">
      <c r="N972905" s="10"/>
    </row>
    <row r="972906" spans="14:14">
      <c r="N972906" s="10"/>
    </row>
    <row r="972907" spans="14:14">
      <c r="N972907" s="10"/>
    </row>
    <row r="972908" spans="14:14">
      <c r="N972908" s="10"/>
    </row>
    <row r="972909" spans="14:14">
      <c r="N972909" s="10"/>
    </row>
    <row r="972910" spans="14:14">
      <c r="N972910" s="10"/>
    </row>
    <row r="972911" spans="14:14">
      <c r="N972911" s="10"/>
    </row>
    <row r="972912" spans="14:14">
      <c r="N972912" s="10"/>
    </row>
    <row r="972913" spans="14:14">
      <c r="N972913" s="10"/>
    </row>
    <row r="972914" spans="14:14">
      <c r="N972914" s="10"/>
    </row>
    <row r="972915" spans="14:14">
      <c r="N972915" s="10"/>
    </row>
    <row r="972916" spans="14:14">
      <c r="N972916" s="10"/>
    </row>
    <row r="972917" spans="14:14">
      <c r="N972917" s="10"/>
    </row>
    <row r="972918" spans="14:14">
      <c r="N972918" s="10"/>
    </row>
    <row r="972919" spans="14:14">
      <c r="N972919" s="10"/>
    </row>
    <row r="972920" spans="14:14">
      <c r="N972920" s="10"/>
    </row>
    <row r="972921" spans="14:14">
      <c r="N972921" s="10"/>
    </row>
    <row r="972922" spans="14:14">
      <c r="N972922" s="10"/>
    </row>
    <row r="972923" spans="14:14">
      <c r="N972923" s="10"/>
    </row>
    <row r="972924" spans="14:14">
      <c r="N972924" s="10"/>
    </row>
    <row r="972925" spans="14:14">
      <c r="N972925" s="10"/>
    </row>
    <row r="972926" spans="14:14">
      <c r="N972926" s="10"/>
    </row>
    <row r="972927" spans="14:14">
      <c r="N972927" s="10"/>
    </row>
    <row r="972928" spans="14:14">
      <c r="N972928" s="10"/>
    </row>
    <row r="972929" spans="14:14">
      <c r="N972929" s="10"/>
    </row>
    <row r="972930" spans="14:14">
      <c r="N972930" s="10"/>
    </row>
    <row r="972931" spans="14:14">
      <c r="N972931" s="10"/>
    </row>
    <row r="972932" spans="14:14">
      <c r="N972932" s="10"/>
    </row>
    <row r="972933" spans="14:14">
      <c r="N972933" s="10"/>
    </row>
    <row r="972934" spans="14:14">
      <c r="N972934" s="10"/>
    </row>
    <row r="972935" spans="14:14">
      <c r="N972935" s="10"/>
    </row>
    <row r="972936" spans="14:14">
      <c r="N972936" s="10"/>
    </row>
    <row r="972937" spans="14:14">
      <c r="N972937" s="10"/>
    </row>
    <row r="972938" spans="14:14">
      <c r="N972938" s="10"/>
    </row>
    <row r="972939" spans="14:14">
      <c r="N972939" s="10"/>
    </row>
    <row r="972940" spans="14:14">
      <c r="N972940" s="10"/>
    </row>
    <row r="972941" spans="14:14">
      <c r="N972941" s="10"/>
    </row>
    <row r="972942" spans="14:14">
      <c r="N972942" s="10"/>
    </row>
    <row r="972943" spans="14:14">
      <c r="N972943" s="10"/>
    </row>
    <row r="972944" spans="14:14">
      <c r="N972944" s="10"/>
    </row>
    <row r="972945" spans="14:14">
      <c r="N972945" s="10"/>
    </row>
    <row r="972946" spans="14:14">
      <c r="N972946" s="10"/>
    </row>
    <row r="972947" spans="14:14">
      <c r="N972947" s="10"/>
    </row>
    <row r="972948" spans="14:14">
      <c r="N972948" s="10"/>
    </row>
    <row r="972949" spans="14:14">
      <c r="N972949" s="10"/>
    </row>
    <row r="972950" spans="14:14">
      <c r="N972950" s="10"/>
    </row>
    <row r="972951" spans="14:14">
      <c r="N972951" s="10"/>
    </row>
    <row r="972952" spans="14:14">
      <c r="N972952" s="10"/>
    </row>
    <row r="972953" spans="14:14">
      <c r="N972953" s="10"/>
    </row>
    <row r="972954" spans="14:14">
      <c r="N972954" s="10"/>
    </row>
    <row r="972955" spans="14:14">
      <c r="N972955" s="10"/>
    </row>
    <row r="972956" spans="14:14">
      <c r="N972956" s="10"/>
    </row>
    <row r="972957" spans="14:14">
      <c r="N972957" s="10"/>
    </row>
    <row r="972958" spans="14:14">
      <c r="N972958" s="10"/>
    </row>
    <row r="972959" spans="14:14">
      <c r="N972959" s="10"/>
    </row>
    <row r="972960" spans="14:14">
      <c r="N972960" s="10"/>
    </row>
    <row r="972961" spans="14:14">
      <c r="N972961" s="10"/>
    </row>
    <row r="972962" spans="14:14">
      <c r="N972962" s="10"/>
    </row>
    <row r="972963" spans="14:14">
      <c r="N972963" s="10"/>
    </row>
    <row r="972964" spans="14:14">
      <c r="N972964" s="10"/>
    </row>
    <row r="972965" spans="14:14">
      <c r="N972965" s="10"/>
    </row>
    <row r="972966" spans="14:14">
      <c r="N972966" s="10"/>
    </row>
    <row r="972967" spans="14:14">
      <c r="N972967" s="10"/>
    </row>
    <row r="972968" spans="14:14">
      <c r="N972968" s="10"/>
    </row>
    <row r="972969" spans="14:14">
      <c r="N972969" s="10"/>
    </row>
    <row r="972970" spans="14:14">
      <c r="N972970" s="10"/>
    </row>
    <row r="972971" spans="14:14">
      <c r="N972971" s="10"/>
    </row>
    <row r="972972" spans="14:14">
      <c r="N972972" s="10"/>
    </row>
    <row r="972973" spans="14:14">
      <c r="N972973" s="10"/>
    </row>
    <row r="972974" spans="14:14">
      <c r="N972974" s="10"/>
    </row>
    <row r="972975" spans="14:14">
      <c r="N972975" s="10"/>
    </row>
    <row r="972976" spans="14:14">
      <c r="N972976" s="10"/>
    </row>
    <row r="972977" spans="14:14">
      <c r="N972977" s="10"/>
    </row>
    <row r="972978" spans="14:14">
      <c r="N972978" s="10"/>
    </row>
    <row r="972979" spans="14:14">
      <c r="N972979" s="10"/>
    </row>
    <row r="972980" spans="14:14">
      <c r="N972980" s="10"/>
    </row>
    <row r="972981" spans="14:14">
      <c r="N972981" s="10"/>
    </row>
    <row r="972982" spans="14:14">
      <c r="N972982" s="10"/>
    </row>
    <row r="972983" spans="14:14">
      <c r="N972983" s="10"/>
    </row>
    <row r="972984" spans="14:14">
      <c r="N972984" s="10"/>
    </row>
    <row r="972985" spans="14:14">
      <c r="N972985" s="10"/>
    </row>
    <row r="972986" spans="14:14">
      <c r="N972986" s="10"/>
    </row>
    <row r="972987" spans="14:14">
      <c r="N972987" s="10"/>
    </row>
    <row r="972988" spans="14:14">
      <c r="N972988" s="10"/>
    </row>
    <row r="972989" spans="14:14">
      <c r="N972989" s="10"/>
    </row>
    <row r="972990" spans="14:14">
      <c r="N972990" s="10"/>
    </row>
    <row r="972991" spans="14:14">
      <c r="N972991" s="10"/>
    </row>
    <row r="972992" spans="14:14">
      <c r="N972992" s="10"/>
    </row>
    <row r="972993" spans="14:14">
      <c r="N972993" s="10"/>
    </row>
    <row r="972994" spans="14:14">
      <c r="N972994" s="10"/>
    </row>
    <row r="972995" spans="14:14">
      <c r="N972995" s="10"/>
    </row>
    <row r="972996" spans="14:14">
      <c r="N972996" s="10"/>
    </row>
    <row r="972997" spans="14:14">
      <c r="N972997" s="10"/>
    </row>
    <row r="972998" spans="14:14">
      <c r="N972998" s="10"/>
    </row>
    <row r="972999" spans="14:14">
      <c r="N972999" s="10"/>
    </row>
    <row r="973000" spans="14:14">
      <c r="N973000" s="10"/>
    </row>
    <row r="973001" spans="14:14">
      <c r="N973001" s="10"/>
    </row>
    <row r="973002" spans="14:14">
      <c r="N973002" s="10"/>
    </row>
    <row r="973003" spans="14:14">
      <c r="N973003" s="10"/>
    </row>
    <row r="973004" spans="14:14">
      <c r="N973004" s="10"/>
    </row>
    <row r="973005" spans="14:14">
      <c r="N973005" s="10"/>
    </row>
    <row r="973006" spans="14:14">
      <c r="N973006" s="10"/>
    </row>
    <row r="973007" spans="14:14">
      <c r="N973007" s="10"/>
    </row>
    <row r="973008" spans="14:14">
      <c r="N973008" s="10"/>
    </row>
    <row r="973009" spans="14:14">
      <c r="N973009" s="10"/>
    </row>
    <row r="973010" spans="14:14">
      <c r="N973010" s="10"/>
    </row>
    <row r="973011" spans="14:14">
      <c r="N973011" s="10"/>
    </row>
    <row r="973012" spans="14:14">
      <c r="N973012" s="10"/>
    </row>
    <row r="973013" spans="14:14">
      <c r="N973013" s="10"/>
    </row>
    <row r="973014" spans="14:14">
      <c r="N973014" s="10"/>
    </row>
    <row r="973015" spans="14:14">
      <c r="N973015" s="10"/>
    </row>
    <row r="973016" spans="14:14">
      <c r="N973016" s="10"/>
    </row>
    <row r="973017" spans="14:14">
      <c r="N973017" s="10"/>
    </row>
    <row r="973018" spans="14:14">
      <c r="N973018" s="10"/>
    </row>
    <row r="973019" spans="14:14">
      <c r="N973019" s="10"/>
    </row>
    <row r="973020" spans="14:14">
      <c r="N973020" s="10"/>
    </row>
    <row r="973021" spans="14:14">
      <c r="N973021" s="10"/>
    </row>
    <row r="973022" spans="14:14">
      <c r="N973022" s="10"/>
    </row>
    <row r="973023" spans="14:14">
      <c r="N973023" s="10"/>
    </row>
    <row r="973024" spans="14:14">
      <c r="N973024" s="10"/>
    </row>
    <row r="973025" spans="14:14">
      <c r="N973025" s="10"/>
    </row>
    <row r="973026" spans="14:14">
      <c r="N973026" s="10"/>
    </row>
    <row r="973027" spans="14:14">
      <c r="N973027" s="10"/>
    </row>
    <row r="973028" spans="14:14">
      <c r="N973028" s="10"/>
    </row>
    <row r="973029" spans="14:14">
      <c r="N973029" s="10"/>
    </row>
    <row r="973030" spans="14:14">
      <c r="N973030" s="10"/>
    </row>
    <row r="973031" spans="14:14">
      <c r="N973031" s="10"/>
    </row>
    <row r="973032" spans="14:14">
      <c r="N973032" s="10"/>
    </row>
    <row r="973033" spans="14:14">
      <c r="N973033" s="10"/>
    </row>
    <row r="973034" spans="14:14">
      <c r="N973034" s="10"/>
    </row>
    <row r="973035" spans="14:14">
      <c r="N973035" s="10"/>
    </row>
    <row r="973036" spans="14:14">
      <c r="N973036" s="10"/>
    </row>
    <row r="973037" spans="14:14">
      <c r="N973037" s="10"/>
    </row>
    <row r="973038" spans="14:14">
      <c r="N973038" s="10"/>
    </row>
    <row r="973039" spans="14:14">
      <c r="N973039" s="10"/>
    </row>
    <row r="973040" spans="14:14">
      <c r="N973040" s="10"/>
    </row>
    <row r="973041" spans="14:14">
      <c r="N973041" s="10"/>
    </row>
    <row r="973042" spans="14:14">
      <c r="N973042" s="10"/>
    </row>
    <row r="973043" spans="14:14">
      <c r="N973043" s="10"/>
    </row>
    <row r="973044" spans="14:14">
      <c r="N973044" s="10"/>
    </row>
    <row r="973045" spans="14:14">
      <c r="N973045" s="10"/>
    </row>
    <row r="973046" spans="14:14">
      <c r="N973046" s="10"/>
    </row>
    <row r="973047" spans="14:14">
      <c r="N973047" s="10"/>
    </row>
    <row r="973048" spans="14:14">
      <c r="N973048" s="10"/>
    </row>
    <row r="973049" spans="14:14">
      <c r="N973049" s="10"/>
    </row>
    <row r="973050" spans="14:14">
      <c r="N973050" s="10"/>
    </row>
    <row r="973051" spans="14:14">
      <c r="N973051" s="10"/>
    </row>
    <row r="973052" spans="14:14">
      <c r="N973052" s="10"/>
    </row>
    <row r="973053" spans="14:14">
      <c r="N973053" s="10"/>
    </row>
    <row r="973054" spans="14:14">
      <c r="N973054" s="10"/>
    </row>
    <row r="973055" spans="14:14">
      <c r="N973055" s="10"/>
    </row>
    <row r="973056" spans="14:14">
      <c r="N973056" s="10"/>
    </row>
    <row r="973057" spans="14:14">
      <c r="N973057" s="10"/>
    </row>
    <row r="973058" spans="14:14">
      <c r="N973058" s="10"/>
    </row>
    <row r="973059" spans="14:14">
      <c r="N973059" s="10"/>
    </row>
    <row r="973060" spans="14:14">
      <c r="N973060" s="10"/>
    </row>
    <row r="973061" spans="14:14">
      <c r="N973061" s="10"/>
    </row>
    <row r="973062" spans="14:14">
      <c r="N973062" s="10"/>
    </row>
    <row r="973063" spans="14:14">
      <c r="N973063" s="10"/>
    </row>
    <row r="973064" spans="14:14">
      <c r="N973064" s="10"/>
    </row>
    <row r="973065" spans="14:14">
      <c r="N973065" s="10"/>
    </row>
    <row r="973066" spans="14:14">
      <c r="N973066" s="10"/>
    </row>
    <row r="973067" spans="14:14">
      <c r="N973067" s="10"/>
    </row>
    <row r="973068" spans="14:14">
      <c r="N973068" s="10"/>
    </row>
    <row r="973069" spans="14:14">
      <c r="N973069" s="10"/>
    </row>
    <row r="973070" spans="14:14">
      <c r="N973070" s="10"/>
    </row>
    <row r="973071" spans="14:14">
      <c r="N973071" s="10"/>
    </row>
    <row r="973072" spans="14:14">
      <c r="N973072" s="10"/>
    </row>
    <row r="973073" spans="14:14">
      <c r="N973073" s="10"/>
    </row>
    <row r="973074" spans="14:14">
      <c r="N973074" s="10"/>
    </row>
    <row r="973075" spans="14:14">
      <c r="N973075" s="10"/>
    </row>
    <row r="973076" spans="14:14">
      <c r="N973076" s="10"/>
    </row>
    <row r="973077" spans="14:14">
      <c r="N973077" s="10"/>
    </row>
    <row r="973078" spans="14:14">
      <c r="N973078" s="10"/>
    </row>
    <row r="973079" spans="14:14">
      <c r="N973079" s="10"/>
    </row>
    <row r="973080" spans="14:14">
      <c r="N973080" s="10"/>
    </row>
    <row r="973081" spans="14:14">
      <c r="N973081" s="10"/>
    </row>
    <row r="973082" spans="14:14">
      <c r="N973082" s="10"/>
    </row>
    <row r="973083" spans="14:14">
      <c r="N973083" s="10"/>
    </row>
    <row r="973084" spans="14:14">
      <c r="N973084" s="10"/>
    </row>
    <row r="973085" spans="14:14">
      <c r="N973085" s="10"/>
    </row>
    <row r="973086" spans="14:14">
      <c r="N973086" s="10"/>
    </row>
    <row r="973087" spans="14:14">
      <c r="N973087" s="10"/>
    </row>
    <row r="973088" spans="14:14">
      <c r="N973088" s="10"/>
    </row>
    <row r="973089" spans="14:14">
      <c r="N973089" s="10"/>
    </row>
    <row r="973090" spans="14:14">
      <c r="N973090" s="10"/>
    </row>
    <row r="973091" spans="14:14">
      <c r="N973091" s="10"/>
    </row>
    <row r="973092" spans="14:14">
      <c r="N973092" s="10"/>
    </row>
    <row r="973093" spans="14:14">
      <c r="N973093" s="10"/>
    </row>
    <row r="973094" spans="14:14">
      <c r="N973094" s="10"/>
    </row>
    <row r="973095" spans="14:14">
      <c r="N973095" s="10"/>
    </row>
    <row r="973096" spans="14:14">
      <c r="N973096" s="10"/>
    </row>
    <row r="973097" spans="14:14">
      <c r="N973097" s="10"/>
    </row>
    <row r="973098" spans="14:14">
      <c r="N973098" s="10"/>
    </row>
    <row r="973099" spans="14:14">
      <c r="N973099" s="10"/>
    </row>
    <row r="973100" spans="14:14">
      <c r="N973100" s="10"/>
    </row>
    <row r="973101" spans="14:14">
      <c r="N973101" s="10"/>
    </row>
    <row r="973102" spans="14:14">
      <c r="N973102" s="10"/>
    </row>
    <row r="973103" spans="14:14">
      <c r="N973103" s="10"/>
    </row>
    <row r="973104" spans="14:14">
      <c r="N973104" s="10"/>
    </row>
    <row r="973105" spans="14:14">
      <c r="N973105" s="10"/>
    </row>
    <row r="973106" spans="14:14">
      <c r="N973106" s="10"/>
    </row>
    <row r="973107" spans="14:14">
      <c r="N973107" s="10"/>
    </row>
    <row r="973108" spans="14:14">
      <c r="N973108" s="10"/>
    </row>
    <row r="973109" spans="14:14">
      <c r="N973109" s="10"/>
    </row>
    <row r="973110" spans="14:14">
      <c r="N973110" s="10"/>
    </row>
    <row r="973111" spans="14:14">
      <c r="N973111" s="10"/>
    </row>
    <row r="973112" spans="14:14">
      <c r="N973112" s="10"/>
    </row>
    <row r="973113" spans="14:14">
      <c r="N973113" s="10"/>
    </row>
    <row r="973114" spans="14:14">
      <c r="N973114" s="10"/>
    </row>
    <row r="973115" spans="14:14">
      <c r="N973115" s="10"/>
    </row>
    <row r="973116" spans="14:14">
      <c r="N973116" s="10"/>
    </row>
    <row r="973117" spans="14:14">
      <c r="N973117" s="10"/>
    </row>
    <row r="973118" spans="14:14">
      <c r="N973118" s="10"/>
    </row>
    <row r="973119" spans="14:14">
      <c r="N973119" s="10"/>
    </row>
    <row r="973120" spans="14:14">
      <c r="N973120" s="10"/>
    </row>
    <row r="973121" spans="14:14">
      <c r="N973121" s="10"/>
    </row>
    <row r="973122" spans="14:14">
      <c r="N973122" s="10"/>
    </row>
    <row r="973123" spans="14:14">
      <c r="N973123" s="10"/>
    </row>
    <row r="973124" spans="14:14">
      <c r="N973124" s="10"/>
    </row>
    <row r="973125" spans="14:14">
      <c r="N973125" s="10"/>
    </row>
    <row r="973126" spans="14:14">
      <c r="N973126" s="10"/>
    </row>
    <row r="973127" spans="14:14">
      <c r="N973127" s="10"/>
    </row>
    <row r="973128" spans="14:14">
      <c r="N973128" s="10"/>
    </row>
    <row r="973129" spans="14:14">
      <c r="N973129" s="10"/>
    </row>
    <row r="973130" spans="14:14">
      <c r="N973130" s="10"/>
    </row>
    <row r="973131" spans="14:14">
      <c r="N973131" s="10"/>
    </row>
    <row r="973132" spans="14:14">
      <c r="N973132" s="10"/>
    </row>
    <row r="973133" spans="14:14">
      <c r="N973133" s="10"/>
    </row>
    <row r="973134" spans="14:14">
      <c r="N973134" s="10"/>
    </row>
    <row r="973135" spans="14:14">
      <c r="N973135" s="10"/>
    </row>
    <row r="973136" spans="14:14">
      <c r="N973136" s="10"/>
    </row>
    <row r="973137" spans="14:14">
      <c r="N973137" s="10"/>
    </row>
    <row r="973138" spans="14:14">
      <c r="N973138" s="10"/>
    </row>
    <row r="973139" spans="14:14">
      <c r="N973139" s="10"/>
    </row>
    <row r="973140" spans="14:14">
      <c r="N973140" s="10"/>
    </row>
    <row r="973141" spans="14:14">
      <c r="N973141" s="10"/>
    </row>
    <row r="973142" spans="14:14">
      <c r="N973142" s="10"/>
    </row>
    <row r="973143" spans="14:14">
      <c r="N973143" s="10"/>
    </row>
    <row r="973144" spans="14:14">
      <c r="N973144" s="10"/>
    </row>
    <row r="973145" spans="14:14">
      <c r="N973145" s="10"/>
    </row>
    <row r="973146" spans="14:14">
      <c r="N973146" s="10"/>
    </row>
    <row r="973147" spans="14:14">
      <c r="N973147" s="10"/>
    </row>
    <row r="973148" spans="14:14">
      <c r="N973148" s="10"/>
    </row>
    <row r="973149" spans="14:14">
      <c r="N973149" s="10"/>
    </row>
    <row r="973150" spans="14:14">
      <c r="N973150" s="10"/>
    </row>
    <row r="973151" spans="14:14">
      <c r="N973151" s="10"/>
    </row>
    <row r="973152" spans="14:14">
      <c r="N973152" s="10"/>
    </row>
    <row r="973153" spans="14:14">
      <c r="N973153" s="10"/>
    </row>
    <row r="973154" spans="14:14">
      <c r="N973154" s="10"/>
    </row>
    <row r="973155" spans="14:14">
      <c r="N973155" s="10"/>
    </row>
    <row r="973156" spans="14:14">
      <c r="N973156" s="10"/>
    </row>
    <row r="973157" spans="14:14">
      <c r="N973157" s="10"/>
    </row>
    <row r="973158" spans="14:14">
      <c r="N973158" s="10"/>
    </row>
    <row r="973159" spans="14:14">
      <c r="N973159" s="10"/>
    </row>
    <row r="973160" spans="14:14">
      <c r="N973160" s="10"/>
    </row>
    <row r="973161" spans="14:14">
      <c r="N973161" s="10"/>
    </row>
    <row r="973162" spans="14:14">
      <c r="N973162" s="10"/>
    </row>
    <row r="973163" spans="14:14">
      <c r="N973163" s="10"/>
    </row>
    <row r="973164" spans="14:14">
      <c r="N973164" s="10"/>
    </row>
    <row r="973165" spans="14:14">
      <c r="N973165" s="10"/>
    </row>
    <row r="973166" spans="14:14">
      <c r="N973166" s="10"/>
    </row>
    <row r="973167" spans="14:14">
      <c r="N973167" s="10"/>
    </row>
    <row r="973168" spans="14:14">
      <c r="N973168" s="10"/>
    </row>
    <row r="973169" spans="14:14">
      <c r="N973169" s="10"/>
    </row>
    <row r="973170" spans="14:14">
      <c r="N973170" s="10"/>
    </row>
    <row r="973171" spans="14:14">
      <c r="N973171" s="10"/>
    </row>
    <row r="973172" spans="14:14">
      <c r="N973172" s="10"/>
    </row>
    <row r="973173" spans="14:14">
      <c r="N973173" s="10"/>
    </row>
    <row r="973174" spans="14:14">
      <c r="N973174" s="10"/>
    </row>
    <row r="973175" spans="14:14">
      <c r="N973175" s="10"/>
    </row>
    <row r="973176" spans="14:14">
      <c r="N973176" s="10"/>
    </row>
    <row r="973177" spans="14:14">
      <c r="N973177" s="10"/>
    </row>
    <row r="973178" spans="14:14">
      <c r="N973178" s="10"/>
    </row>
    <row r="973179" spans="14:14">
      <c r="N973179" s="10"/>
    </row>
    <row r="973180" spans="14:14">
      <c r="N973180" s="10"/>
    </row>
    <row r="973181" spans="14:14">
      <c r="N973181" s="10"/>
    </row>
    <row r="973182" spans="14:14">
      <c r="N973182" s="10"/>
    </row>
    <row r="973183" spans="14:14">
      <c r="N973183" s="10"/>
    </row>
    <row r="973184" spans="14:14">
      <c r="N973184" s="10"/>
    </row>
    <row r="973185" spans="14:14">
      <c r="N973185" s="10"/>
    </row>
    <row r="973186" spans="14:14">
      <c r="N973186" s="10"/>
    </row>
    <row r="973187" spans="14:14">
      <c r="N973187" s="10"/>
    </row>
    <row r="973188" spans="14:14">
      <c r="N973188" s="10"/>
    </row>
    <row r="973189" spans="14:14">
      <c r="N973189" s="10"/>
    </row>
    <row r="973190" spans="14:14">
      <c r="N973190" s="10"/>
    </row>
    <row r="973191" spans="14:14">
      <c r="N973191" s="10"/>
    </row>
    <row r="973192" spans="14:14">
      <c r="N973192" s="10"/>
    </row>
    <row r="973193" spans="14:14">
      <c r="N973193" s="10"/>
    </row>
    <row r="973194" spans="14:14">
      <c r="N973194" s="10"/>
    </row>
    <row r="973195" spans="14:14">
      <c r="N973195" s="10"/>
    </row>
    <row r="973196" spans="14:14">
      <c r="N973196" s="10"/>
    </row>
    <row r="973197" spans="14:14">
      <c r="N973197" s="10"/>
    </row>
    <row r="973198" spans="14:14">
      <c r="N973198" s="10"/>
    </row>
    <row r="973199" spans="14:14">
      <c r="N973199" s="10"/>
    </row>
    <row r="973200" spans="14:14">
      <c r="N973200" s="10"/>
    </row>
    <row r="973201" spans="14:14">
      <c r="N973201" s="10"/>
    </row>
    <row r="973202" spans="14:14">
      <c r="N973202" s="10"/>
    </row>
    <row r="973203" spans="14:14">
      <c r="N973203" s="10"/>
    </row>
    <row r="973204" spans="14:14">
      <c r="N973204" s="10"/>
    </row>
    <row r="973205" spans="14:14">
      <c r="N973205" s="10"/>
    </row>
    <row r="973206" spans="14:14">
      <c r="N973206" s="10"/>
    </row>
    <row r="973207" spans="14:14">
      <c r="N973207" s="10"/>
    </row>
    <row r="973208" spans="14:14">
      <c r="N973208" s="10"/>
    </row>
    <row r="973209" spans="14:14">
      <c r="N973209" s="10"/>
    </row>
    <row r="973210" spans="14:14">
      <c r="N973210" s="10"/>
    </row>
    <row r="973211" spans="14:14">
      <c r="N973211" s="10"/>
    </row>
    <row r="973212" spans="14:14">
      <c r="N973212" s="10"/>
    </row>
    <row r="973213" spans="14:14">
      <c r="N973213" s="10"/>
    </row>
    <row r="973214" spans="14:14">
      <c r="N973214" s="10"/>
    </row>
    <row r="973215" spans="14:14">
      <c r="N973215" s="10"/>
    </row>
    <row r="973216" spans="14:14">
      <c r="N973216" s="10"/>
    </row>
    <row r="973217" spans="14:14">
      <c r="N973217" s="10"/>
    </row>
    <row r="973218" spans="14:14">
      <c r="N973218" s="10"/>
    </row>
    <row r="973219" spans="14:14">
      <c r="N973219" s="10"/>
    </row>
    <row r="973220" spans="14:14">
      <c r="N973220" s="10"/>
    </row>
    <row r="973221" spans="14:14">
      <c r="N973221" s="10"/>
    </row>
    <row r="973222" spans="14:14">
      <c r="N973222" s="10"/>
    </row>
    <row r="973223" spans="14:14">
      <c r="N973223" s="10"/>
    </row>
    <row r="973224" spans="14:14">
      <c r="N973224" s="10"/>
    </row>
    <row r="973225" spans="14:14">
      <c r="N973225" s="10"/>
    </row>
    <row r="973226" spans="14:14">
      <c r="N973226" s="10"/>
    </row>
    <row r="973227" spans="14:14">
      <c r="N973227" s="10"/>
    </row>
    <row r="973228" spans="14:14">
      <c r="N973228" s="10"/>
    </row>
    <row r="973229" spans="14:14">
      <c r="N973229" s="10"/>
    </row>
    <row r="973230" spans="14:14">
      <c r="N973230" s="10"/>
    </row>
    <row r="973231" spans="14:14">
      <c r="N973231" s="10"/>
    </row>
    <row r="973232" spans="14:14">
      <c r="N973232" s="10"/>
    </row>
    <row r="973233" spans="14:14">
      <c r="N973233" s="10"/>
    </row>
    <row r="973234" spans="14:14">
      <c r="N973234" s="10"/>
    </row>
    <row r="973235" spans="14:14">
      <c r="N973235" s="10"/>
    </row>
    <row r="973236" spans="14:14">
      <c r="N973236" s="10"/>
    </row>
    <row r="973237" spans="14:14">
      <c r="N973237" s="10"/>
    </row>
    <row r="973238" spans="14:14">
      <c r="N973238" s="10"/>
    </row>
    <row r="973239" spans="14:14">
      <c r="N973239" s="10"/>
    </row>
    <row r="973240" spans="14:14">
      <c r="N973240" s="10"/>
    </row>
    <row r="973241" spans="14:14">
      <c r="N973241" s="10"/>
    </row>
    <row r="973242" spans="14:14">
      <c r="N973242" s="10"/>
    </row>
    <row r="973243" spans="14:14">
      <c r="N973243" s="10"/>
    </row>
    <row r="973244" spans="14:14">
      <c r="N973244" s="10"/>
    </row>
    <row r="973245" spans="14:14">
      <c r="N973245" s="10"/>
    </row>
    <row r="973246" spans="14:14">
      <c r="N973246" s="10"/>
    </row>
    <row r="973247" spans="14:14">
      <c r="N973247" s="10"/>
    </row>
    <row r="973248" spans="14:14">
      <c r="N973248" s="10"/>
    </row>
    <row r="973249" spans="14:14">
      <c r="N973249" s="10"/>
    </row>
    <row r="973250" spans="14:14">
      <c r="N973250" s="10"/>
    </row>
    <row r="973251" spans="14:14">
      <c r="N973251" s="10"/>
    </row>
    <row r="973252" spans="14:14">
      <c r="N973252" s="10"/>
    </row>
    <row r="973253" spans="14:14">
      <c r="N973253" s="10"/>
    </row>
    <row r="973254" spans="14:14">
      <c r="N973254" s="10"/>
    </row>
    <row r="973255" spans="14:14">
      <c r="N973255" s="10"/>
    </row>
    <row r="973256" spans="14:14">
      <c r="N973256" s="10"/>
    </row>
    <row r="973257" spans="14:14">
      <c r="N973257" s="10"/>
    </row>
    <row r="973258" spans="14:14">
      <c r="N973258" s="10"/>
    </row>
    <row r="973259" spans="14:14">
      <c r="N973259" s="10"/>
    </row>
    <row r="973260" spans="14:14">
      <c r="N973260" s="10"/>
    </row>
    <row r="973261" spans="14:14">
      <c r="N973261" s="10"/>
    </row>
    <row r="973262" spans="14:14">
      <c r="N973262" s="10"/>
    </row>
    <row r="973263" spans="14:14">
      <c r="N973263" s="10"/>
    </row>
    <row r="973264" spans="14:14">
      <c r="N973264" s="10"/>
    </row>
    <row r="973265" spans="14:14">
      <c r="N973265" s="10"/>
    </row>
    <row r="973266" spans="14:14">
      <c r="N973266" s="10"/>
    </row>
    <row r="973267" spans="14:14">
      <c r="N973267" s="10"/>
    </row>
    <row r="973268" spans="14:14">
      <c r="N973268" s="10"/>
    </row>
    <row r="973269" spans="14:14">
      <c r="N973269" s="10"/>
    </row>
    <row r="973270" spans="14:14">
      <c r="N973270" s="10"/>
    </row>
    <row r="973271" spans="14:14">
      <c r="N973271" s="10"/>
    </row>
    <row r="973272" spans="14:14">
      <c r="N973272" s="10"/>
    </row>
    <row r="973273" spans="14:14">
      <c r="N973273" s="10"/>
    </row>
    <row r="973274" spans="14:14">
      <c r="N973274" s="10"/>
    </row>
    <row r="973275" spans="14:14">
      <c r="N973275" s="10"/>
    </row>
    <row r="973276" spans="14:14">
      <c r="N973276" s="10"/>
    </row>
    <row r="973277" spans="14:14">
      <c r="N973277" s="10"/>
    </row>
    <row r="973278" spans="14:14">
      <c r="N973278" s="10"/>
    </row>
    <row r="973279" spans="14:14">
      <c r="N973279" s="10"/>
    </row>
    <row r="973280" spans="14:14">
      <c r="N973280" s="10"/>
    </row>
    <row r="973281" spans="14:14">
      <c r="N973281" s="10"/>
    </row>
    <row r="973282" spans="14:14">
      <c r="N973282" s="10"/>
    </row>
    <row r="973283" spans="14:14">
      <c r="N973283" s="10"/>
    </row>
    <row r="973284" spans="14:14">
      <c r="N973284" s="10"/>
    </row>
    <row r="973285" spans="14:14">
      <c r="N973285" s="10"/>
    </row>
    <row r="973286" spans="14:14">
      <c r="N973286" s="10"/>
    </row>
    <row r="973287" spans="14:14">
      <c r="N973287" s="10"/>
    </row>
    <row r="973288" spans="14:14">
      <c r="N973288" s="10"/>
    </row>
    <row r="973289" spans="14:14">
      <c r="N973289" s="10"/>
    </row>
    <row r="973290" spans="14:14">
      <c r="N973290" s="10"/>
    </row>
    <row r="973291" spans="14:14">
      <c r="N973291" s="10"/>
    </row>
    <row r="973292" spans="14:14">
      <c r="N973292" s="10"/>
    </row>
    <row r="973293" spans="14:14">
      <c r="N973293" s="10"/>
    </row>
    <row r="973294" spans="14:14">
      <c r="N973294" s="10"/>
    </row>
    <row r="973295" spans="14:14">
      <c r="N973295" s="10"/>
    </row>
    <row r="973296" spans="14:14">
      <c r="N973296" s="10"/>
    </row>
    <row r="973297" spans="14:14">
      <c r="N973297" s="10"/>
    </row>
    <row r="973298" spans="14:14">
      <c r="N973298" s="10"/>
    </row>
    <row r="973299" spans="14:14">
      <c r="N973299" s="10"/>
    </row>
    <row r="973300" spans="14:14">
      <c r="N973300" s="10"/>
    </row>
    <row r="973301" spans="14:14">
      <c r="N973301" s="10"/>
    </row>
    <row r="973302" spans="14:14">
      <c r="N973302" s="10"/>
    </row>
    <row r="973303" spans="14:14">
      <c r="N973303" s="10"/>
    </row>
    <row r="973304" spans="14:14">
      <c r="N973304" s="10"/>
    </row>
    <row r="973305" spans="14:14">
      <c r="N973305" s="10"/>
    </row>
    <row r="973306" spans="14:14">
      <c r="N973306" s="10"/>
    </row>
    <row r="973307" spans="14:14">
      <c r="N973307" s="10"/>
    </row>
    <row r="973308" spans="14:14">
      <c r="N973308" s="10"/>
    </row>
    <row r="973309" spans="14:14">
      <c r="N973309" s="10"/>
    </row>
    <row r="973310" spans="14:14">
      <c r="N973310" s="10"/>
    </row>
    <row r="973311" spans="14:14">
      <c r="N973311" s="10"/>
    </row>
    <row r="973312" spans="14:14">
      <c r="N973312" s="10"/>
    </row>
    <row r="973313" spans="14:14">
      <c r="N973313" s="10"/>
    </row>
    <row r="973314" spans="14:14">
      <c r="N973314" s="10"/>
    </row>
    <row r="973315" spans="14:14">
      <c r="N973315" s="10"/>
    </row>
    <row r="973316" spans="14:14">
      <c r="N973316" s="10"/>
    </row>
    <row r="973317" spans="14:14">
      <c r="N973317" s="10"/>
    </row>
    <row r="973318" spans="14:14">
      <c r="N973318" s="10"/>
    </row>
    <row r="973319" spans="14:14">
      <c r="N973319" s="10"/>
    </row>
    <row r="973320" spans="14:14">
      <c r="N973320" s="10"/>
    </row>
    <row r="973321" spans="14:14">
      <c r="N973321" s="10"/>
    </row>
    <row r="973322" spans="14:14">
      <c r="N973322" s="10"/>
    </row>
    <row r="973323" spans="14:14">
      <c r="N973323" s="10"/>
    </row>
    <row r="973324" spans="14:14">
      <c r="N973324" s="10"/>
    </row>
    <row r="973325" spans="14:14">
      <c r="N973325" s="10"/>
    </row>
    <row r="973326" spans="14:14">
      <c r="N973326" s="10"/>
    </row>
    <row r="973327" spans="14:14">
      <c r="N973327" s="10"/>
    </row>
    <row r="973328" spans="14:14">
      <c r="N973328" s="10"/>
    </row>
    <row r="973329" spans="14:14">
      <c r="N973329" s="10"/>
    </row>
    <row r="973330" spans="14:14">
      <c r="N973330" s="10"/>
    </row>
    <row r="973331" spans="14:14">
      <c r="N973331" s="10"/>
    </row>
    <row r="973332" spans="14:14">
      <c r="N973332" s="10"/>
    </row>
    <row r="973333" spans="14:14">
      <c r="N973333" s="10"/>
    </row>
    <row r="973334" spans="14:14">
      <c r="N973334" s="10"/>
    </row>
    <row r="973335" spans="14:14">
      <c r="N973335" s="10"/>
    </row>
    <row r="973336" spans="14:14">
      <c r="N973336" s="10"/>
    </row>
    <row r="973337" spans="14:14">
      <c r="N973337" s="10"/>
    </row>
    <row r="973338" spans="14:14">
      <c r="N973338" s="10"/>
    </row>
    <row r="973339" spans="14:14">
      <c r="N973339" s="10"/>
    </row>
    <row r="973340" spans="14:14">
      <c r="N973340" s="10"/>
    </row>
    <row r="973341" spans="14:14">
      <c r="N973341" s="10"/>
    </row>
    <row r="973342" spans="14:14">
      <c r="N973342" s="10"/>
    </row>
    <row r="973343" spans="14:14">
      <c r="N973343" s="10"/>
    </row>
    <row r="973344" spans="14:14">
      <c r="N973344" s="10"/>
    </row>
    <row r="973345" spans="14:14">
      <c r="N973345" s="10"/>
    </row>
    <row r="973346" spans="14:14">
      <c r="N973346" s="10"/>
    </row>
    <row r="973347" spans="14:14">
      <c r="N973347" s="10"/>
    </row>
    <row r="973348" spans="14:14">
      <c r="N973348" s="10"/>
    </row>
    <row r="973349" spans="14:14">
      <c r="N973349" s="10"/>
    </row>
    <row r="973350" spans="14:14">
      <c r="N973350" s="10"/>
    </row>
    <row r="973351" spans="14:14">
      <c r="N973351" s="10"/>
    </row>
    <row r="973352" spans="14:14">
      <c r="N973352" s="10"/>
    </row>
    <row r="973353" spans="14:14">
      <c r="N973353" s="10"/>
    </row>
    <row r="973354" spans="14:14">
      <c r="N973354" s="10"/>
    </row>
    <row r="973355" spans="14:14">
      <c r="N973355" s="10"/>
    </row>
    <row r="973356" spans="14:14">
      <c r="N973356" s="10"/>
    </row>
    <row r="973357" spans="14:14">
      <c r="N973357" s="10"/>
    </row>
    <row r="973358" spans="14:14">
      <c r="N973358" s="10"/>
    </row>
    <row r="973359" spans="14:14">
      <c r="N973359" s="10"/>
    </row>
    <row r="973360" spans="14:14">
      <c r="N973360" s="10"/>
    </row>
    <row r="973361" spans="14:14">
      <c r="N973361" s="10"/>
    </row>
    <row r="973362" spans="14:14">
      <c r="N973362" s="10"/>
    </row>
    <row r="973363" spans="14:14">
      <c r="N973363" s="10"/>
    </row>
    <row r="973364" spans="14:14">
      <c r="N973364" s="10"/>
    </row>
    <row r="973365" spans="14:14">
      <c r="N973365" s="10"/>
    </row>
    <row r="973366" spans="14:14">
      <c r="N973366" s="10"/>
    </row>
    <row r="973367" spans="14:14">
      <c r="N973367" s="10"/>
    </row>
    <row r="973368" spans="14:14">
      <c r="N973368" s="10"/>
    </row>
    <row r="973369" spans="14:14">
      <c r="N973369" s="10"/>
    </row>
    <row r="973370" spans="14:14">
      <c r="N973370" s="10"/>
    </row>
    <row r="973371" spans="14:14">
      <c r="N973371" s="10"/>
    </row>
    <row r="973372" spans="14:14">
      <c r="N973372" s="10"/>
    </row>
    <row r="973373" spans="14:14">
      <c r="N973373" s="10"/>
    </row>
    <row r="973374" spans="14:14">
      <c r="N973374" s="10"/>
    </row>
    <row r="973375" spans="14:14">
      <c r="N973375" s="10"/>
    </row>
    <row r="973376" spans="14:14">
      <c r="N973376" s="10"/>
    </row>
    <row r="973377" spans="14:14">
      <c r="N973377" s="10"/>
    </row>
    <row r="973378" spans="14:14">
      <c r="N973378" s="10"/>
    </row>
    <row r="973379" spans="14:14">
      <c r="N973379" s="10"/>
    </row>
    <row r="973380" spans="14:14">
      <c r="N973380" s="10"/>
    </row>
    <row r="973381" spans="14:14">
      <c r="N973381" s="10"/>
    </row>
    <row r="973382" spans="14:14">
      <c r="N973382" s="10"/>
    </row>
    <row r="973383" spans="14:14">
      <c r="N973383" s="10"/>
    </row>
    <row r="973384" spans="14:14">
      <c r="N973384" s="10"/>
    </row>
    <row r="973385" spans="14:14">
      <c r="N973385" s="10"/>
    </row>
    <row r="973386" spans="14:14">
      <c r="N973386" s="10"/>
    </row>
    <row r="973387" spans="14:14">
      <c r="N973387" s="10"/>
    </row>
    <row r="973388" spans="14:14">
      <c r="N973388" s="10"/>
    </row>
    <row r="973389" spans="14:14">
      <c r="N973389" s="10"/>
    </row>
    <row r="973390" spans="14:14">
      <c r="N973390" s="10"/>
    </row>
    <row r="973391" spans="14:14">
      <c r="N973391" s="10"/>
    </row>
    <row r="973392" spans="14:14">
      <c r="N973392" s="10"/>
    </row>
    <row r="973393" spans="14:14">
      <c r="N973393" s="10"/>
    </row>
    <row r="973394" spans="14:14">
      <c r="N973394" s="10"/>
    </row>
    <row r="973395" spans="14:14">
      <c r="N973395" s="10"/>
    </row>
    <row r="973396" spans="14:14">
      <c r="N973396" s="10"/>
    </row>
    <row r="973397" spans="14:14">
      <c r="N973397" s="10"/>
    </row>
    <row r="973398" spans="14:14">
      <c r="N973398" s="10"/>
    </row>
    <row r="973399" spans="14:14">
      <c r="N973399" s="10"/>
    </row>
    <row r="973400" spans="14:14">
      <c r="N973400" s="10"/>
    </row>
    <row r="973401" spans="14:14">
      <c r="N973401" s="10"/>
    </row>
    <row r="973402" spans="14:14">
      <c r="N973402" s="10"/>
    </row>
    <row r="973403" spans="14:14">
      <c r="N973403" s="10"/>
    </row>
    <row r="973404" spans="14:14">
      <c r="N973404" s="10"/>
    </row>
    <row r="973405" spans="14:14">
      <c r="N973405" s="10"/>
    </row>
    <row r="973406" spans="14:14">
      <c r="N973406" s="10"/>
    </row>
    <row r="973407" spans="14:14">
      <c r="N973407" s="10"/>
    </row>
    <row r="973408" spans="14:14">
      <c r="N973408" s="10"/>
    </row>
    <row r="973409" spans="14:14">
      <c r="N973409" s="10"/>
    </row>
    <row r="973410" spans="14:14">
      <c r="N973410" s="10"/>
    </row>
    <row r="973411" spans="14:14">
      <c r="N973411" s="10"/>
    </row>
    <row r="973412" spans="14:14">
      <c r="N973412" s="10"/>
    </row>
    <row r="973413" spans="14:14">
      <c r="N973413" s="10"/>
    </row>
    <row r="973414" spans="14:14">
      <c r="N973414" s="10"/>
    </row>
    <row r="973415" spans="14:14">
      <c r="N973415" s="10"/>
    </row>
    <row r="973416" spans="14:14">
      <c r="N973416" s="10"/>
    </row>
    <row r="973417" spans="14:14">
      <c r="N973417" s="10"/>
    </row>
    <row r="973418" spans="14:14">
      <c r="N973418" s="10"/>
    </row>
    <row r="973419" spans="14:14">
      <c r="N973419" s="10"/>
    </row>
    <row r="973420" spans="14:14">
      <c r="N973420" s="10"/>
    </row>
    <row r="973421" spans="14:14">
      <c r="N973421" s="10"/>
    </row>
    <row r="973422" spans="14:14">
      <c r="N973422" s="10"/>
    </row>
    <row r="973423" spans="14:14">
      <c r="N973423" s="10"/>
    </row>
    <row r="973424" spans="14:14">
      <c r="N973424" s="10"/>
    </row>
    <row r="973425" spans="14:14">
      <c r="N973425" s="10"/>
    </row>
    <row r="973426" spans="14:14">
      <c r="N973426" s="10"/>
    </row>
    <row r="973427" spans="14:14">
      <c r="N973427" s="10"/>
    </row>
    <row r="973428" spans="14:14">
      <c r="N973428" s="10"/>
    </row>
    <row r="973429" spans="14:14">
      <c r="N973429" s="10"/>
    </row>
    <row r="973430" spans="14:14">
      <c r="N973430" s="10"/>
    </row>
    <row r="973431" spans="14:14">
      <c r="N973431" s="10"/>
    </row>
    <row r="973432" spans="14:14">
      <c r="N973432" s="10"/>
    </row>
    <row r="973433" spans="14:14">
      <c r="N973433" s="10"/>
    </row>
    <row r="973434" spans="14:14">
      <c r="N973434" s="10"/>
    </row>
    <row r="973435" spans="14:14">
      <c r="N973435" s="10"/>
    </row>
    <row r="973436" spans="14:14">
      <c r="N973436" s="10"/>
    </row>
    <row r="973437" spans="14:14">
      <c r="N973437" s="10"/>
    </row>
    <row r="973438" spans="14:14">
      <c r="N973438" s="10"/>
    </row>
    <row r="973439" spans="14:14">
      <c r="N973439" s="10"/>
    </row>
    <row r="973440" spans="14:14">
      <c r="N973440" s="10"/>
    </row>
    <row r="973441" spans="14:14">
      <c r="N973441" s="10"/>
    </row>
    <row r="973442" spans="14:14">
      <c r="N973442" s="10"/>
    </row>
    <row r="973443" spans="14:14">
      <c r="N973443" s="10"/>
    </row>
    <row r="973444" spans="14:14">
      <c r="N973444" s="10"/>
    </row>
    <row r="973445" spans="14:14">
      <c r="N973445" s="10"/>
    </row>
    <row r="973446" spans="14:14">
      <c r="N973446" s="10"/>
    </row>
    <row r="973447" spans="14:14">
      <c r="N973447" s="10"/>
    </row>
    <row r="973448" spans="14:14">
      <c r="N973448" s="10"/>
    </row>
    <row r="973449" spans="14:14">
      <c r="N973449" s="10"/>
    </row>
    <row r="973450" spans="14:14">
      <c r="N973450" s="10"/>
    </row>
    <row r="973451" spans="14:14">
      <c r="N973451" s="10"/>
    </row>
    <row r="973452" spans="14:14">
      <c r="N973452" s="10"/>
    </row>
    <row r="973453" spans="14:14">
      <c r="N973453" s="10"/>
    </row>
    <row r="973454" spans="14:14">
      <c r="N973454" s="10"/>
    </row>
    <row r="973455" spans="14:14">
      <c r="N973455" s="10"/>
    </row>
    <row r="973456" spans="14:14">
      <c r="N973456" s="10"/>
    </row>
    <row r="973457" spans="14:14">
      <c r="N973457" s="10"/>
    </row>
    <row r="973458" spans="14:14">
      <c r="N973458" s="10"/>
    </row>
    <row r="973459" spans="14:14">
      <c r="N973459" s="10"/>
    </row>
    <row r="973460" spans="14:14">
      <c r="N973460" s="10"/>
    </row>
    <row r="973461" spans="14:14">
      <c r="N973461" s="10"/>
    </row>
    <row r="973462" spans="14:14">
      <c r="N973462" s="10"/>
    </row>
    <row r="973463" spans="14:14">
      <c r="N973463" s="10"/>
    </row>
    <row r="973464" spans="14:14">
      <c r="N973464" s="10"/>
    </row>
    <row r="973465" spans="14:14">
      <c r="N973465" s="10"/>
    </row>
    <row r="973466" spans="14:14">
      <c r="N973466" s="10"/>
    </row>
    <row r="973467" spans="14:14">
      <c r="N973467" s="10"/>
    </row>
    <row r="973468" spans="14:14">
      <c r="N973468" s="10"/>
    </row>
    <row r="973469" spans="14:14">
      <c r="N973469" s="10"/>
    </row>
    <row r="973470" spans="14:14">
      <c r="N973470" s="10"/>
    </row>
    <row r="973471" spans="14:14">
      <c r="N973471" s="10"/>
    </row>
    <row r="973472" spans="14:14">
      <c r="N973472" s="10"/>
    </row>
    <row r="973473" spans="14:14">
      <c r="N973473" s="10"/>
    </row>
    <row r="973474" spans="14:14">
      <c r="N973474" s="10"/>
    </row>
    <row r="973475" spans="14:14">
      <c r="N973475" s="10"/>
    </row>
    <row r="973476" spans="14:14">
      <c r="N973476" s="10"/>
    </row>
    <row r="973477" spans="14:14">
      <c r="N973477" s="10"/>
    </row>
    <row r="973478" spans="14:14">
      <c r="N973478" s="10"/>
    </row>
    <row r="973479" spans="14:14">
      <c r="N973479" s="10"/>
    </row>
    <row r="973480" spans="14:14">
      <c r="N973480" s="10"/>
    </row>
    <row r="973481" spans="14:14">
      <c r="N973481" s="10"/>
    </row>
    <row r="973482" spans="14:14">
      <c r="N973482" s="10"/>
    </row>
    <row r="973483" spans="14:14">
      <c r="N973483" s="10"/>
    </row>
    <row r="973484" spans="14:14">
      <c r="N973484" s="10"/>
    </row>
    <row r="973485" spans="14:14">
      <c r="N973485" s="10"/>
    </row>
    <row r="973486" spans="14:14">
      <c r="N973486" s="10"/>
    </row>
    <row r="973487" spans="14:14">
      <c r="N973487" s="10"/>
    </row>
    <row r="973488" spans="14:14">
      <c r="N973488" s="10"/>
    </row>
    <row r="973489" spans="14:14">
      <c r="N973489" s="10"/>
    </row>
    <row r="973490" spans="14:14">
      <c r="N973490" s="10"/>
    </row>
    <row r="973491" spans="14:14">
      <c r="N973491" s="10"/>
    </row>
    <row r="973492" spans="14:14">
      <c r="N973492" s="10"/>
    </row>
    <row r="973493" spans="14:14">
      <c r="N973493" s="10"/>
    </row>
    <row r="973494" spans="14:14">
      <c r="N973494" s="10"/>
    </row>
    <row r="973495" spans="14:14">
      <c r="N973495" s="10"/>
    </row>
    <row r="973496" spans="14:14">
      <c r="N973496" s="10"/>
    </row>
    <row r="973497" spans="14:14">
      <c r="N973497" s="10"/>
    </row>
    <row r="973498" spans="14:14">
      <c r="N973498" s="10"/>
    </row>
    <row r="973499" spans="14:14">
      <c r="N973499" s="10"/>
    </row>
    <row r="973500" spans="14:14">
      <c r="N973500" s="10"/>
    </row>
    <row r="973501" spans="14:14">
      <c r="N973501" s="10"/>
    </row>
    <row r="973502" spans="14:14">
      <c r="N973502" s="10"/>
    </row>
    <row r="973503" spans="14:14">
      <c r="N973503" s="10"/>
    </row>
    <row r="973504" spans="14:14">
      <c r="N973504" s="10"/>
    </row>
    <row r="973505" spans="14:14">
      <c r="N973505" s="10"/>
    </row>
    <row r="973506" spans="14:14">
      <c r="N973506" s="10"/>
    </row>
    <row r="973507" spans="14:14">
      <c r="N973507" s="10"/>
    </row>
    <row r="973508" spans="14:14">
      <c r="N973508" s="10"/>
    </row>
    <row r="973509" spans="14:14">
      <c r="N973509" s="10"/>
    </row>
    <row r="973510" spans="14:14">
      <c r="N973510" s="10"/>
    </row>
    <row r="973511" spans="14:14">
      <c r="N973511" s="10"/>
    </row>
    <row r="973512" spans="14:14">
      <c r="N973512" s="10"/>
    </row>
    <row r="973513" spans="14:14">
      <c r="N973513" s="10"/>
    </row>
    <row r="973514" spans="14:14">
      <c r="N973514" s="10"/>
    </row>
    <row r="973515" spans="14:14">
      <c r="N973515" s="10"/>
    </row>
    <row r="973516" spans="14:14">
      <c r="N973516" s="10"/>
    </row>
    <row r="973517" spans="14:14">
      <c r="N973517" s="10"/>
    </row>
    <row r="973518" spans="14:14">
      <c r="N973518" s="10"/>
    </row>
    <row r="973519" spans="14:14">
      <c r="N973519" s="10"/>
    </row>
    <row r="973520" spans="14:14">
      <c r="N973520" s="10"/>
    </row>
    <row r="973521" spans="14:14">
      <c r="N973521" s="10"/>
    </row>
    <row r="973522" spans="14:14">
      <c r="N973522" s="10"/>
    </row>
    <row r="973523" spans="14:14">
      <c r="N973523" s="10"/>
    </row>
    <row r="973524" spans="14:14">
      <c r="N973524" s="10"/>
    </row>
    <row r="973525" spans="14:14">
      <c r="N973525" s="10"/>
    </row>
    <row r="973526" spans="14:14">
      <c r="N973526" s="10"/>
    </row>
    <row r="973527" spans="14:14">
      <c r="N973527" s="10"/>
    </row>
    <row r="973528" spans="14:14">
      <c r="N973528" s="10"/>
    </row>
    <row r="973529" spans="14:14">
      <c r="N973529" s="10"/>
    </row>
    <row r="973530" spans="14:14">
      <c r="N973530" s="10"/>
    </row>
    <row r="973531" spans="14:14">
      <c r="N973531" s="10"/>
    </row>
    <row r="973532" spans="14:14">
      <c r="N973532" s="10"/>
    </row>
    <row r="973533" spans="14:14">
      <c r="N973533" s="10"/>
    </row>
    <row r="973534" spans="14:14">
      <c r="N973534" s="10"/>
    </row>
    <row r="973535" spans="14:14">
      <c r="N973535" s="10"/>
    </row>
    <row r="973536" spans="14:14">
      <c r="N973536" s="10"/>
    </row>
    <row r="973537" spans="14:14">
      <c r="N973537" s="10"/>
    </row>
    <row r="973538" spans="14:14">
      <c r="N973538" s="10"/>
    </row>
    <row r="973539" spans="14:14">
      <c r="N973539" s="10"/>
    </row>
    <row r="973540" spans="14:14">
      <c r="N973540" s="10"/>
    </row>
    <row r="973541" spans="14:14">
      <c r="N973541" s="10"/>
    </row>
    <row r="973542" spans="14:14">
      <c r="N973542" s="10"/>
    </row>
    <row r="973543" spans="14:14">
      <c r="N973543" s="10"/>
    </row>
    <row r="973544" spans="14:14">
      <c r="N973544" s="10"/>
    </row>
    <row r="973545" spans="14:14">
      <c r="N973545" s="10"/>
    </row>
    <row r="973546" spans="14:14">
      <c r="N973546" s="10"/>
    </row>
    <row r="973547" spans="14:14">
      <c r="N973547" s="10"/>
    </row>
    <row r="973548" spans="14:14">
      <c r="N973548" s="10"/>
    </row>
    <row r="973549" spans="14:14">
      <c r="N973549" s="10"/>
    </row>
    <row r="973550" spans="14:14">
      <c r="N973550" s="10"/>
    </row>
    <row r="973551" spans="14:14">
      <c r="N973551" s="10"/>
    </row>
    <row r="973552" spans="14:14">
      <c r="N973552" s="10"/>
    </row>
    <row r="973553" spans="14:14">
      <c r="N973553" s="10"/>
    </row>
    <row r="973554" spans="14:14">
      <c r="N973554" s="10"/>
    </row>
    <row r="973555" spans="14:14">
      <c r="N973555" s="10"/>
    </row>
    <row r="973556" spans="14:14">
      <c r="N973556" s="10"/>
    </row>
    <row r="973557" spans="14:14">
      <c r="N973557" s="10"/>
    </row>
    <row r="973558" spans="14:14">
      <c r="N973558" s="10"/>
    </row>
    <row r="973559" spans="14:14">
      <c r="N973559" s="10"/>
    </row>
    <row r="973560" spans="14:14">
      <c r="N973560" s="10"/>
    </row>
    <row r="973561" spans="14:14">
      <c r="N973561" s="10"/>
    </row>
    <row r="973562" spans="14:14">
      <c r="N973562" s="10"/>
    </row>
    <row r="973563" spans="14:14">
      <c r="N973563" s="10"/>
    </row>
    <row r="973564" spans="14:14">
      <c r="N973564" s="10"/>
    </row>
    <row r="973565" spans="14:14">
      <c r="N973565" s="10"/>
    </row>
    <row r="973566" spans="14:14">
      <c r="N973566" s="10"/>
    </row>
    <row r="973567" spans="14:14">
      <c r="N973567" s="10"/>
    </row>
    <row r="973568" spans="14:14">
      <c r="N973568" s="10"/>
    </row>
    <row r="973569" spans="14:14">
      <c r="N973569" s="10"/>
    </row>
    <row r="973570" spans="14:14">
      <c r="N973570" s="10"/>
    </row>
    <row r="973571" spans="14:14">
      <c r="N973571" s="10"/>
    </row>
    <row r="973572" spans="14:14">
      <c r="N973572" s="10"/>
    </row>
    <row r="973573" spans="14:14">
      <c r="N973573" s="10"/>
    </row>
    <row r="973574" spans="14:14">
      <c r="N973574" s="10"/>
    </row>
    <row r="973575" spans="14:14">
      <c r="N973575" s="10"/>
    </row>
    <row r="973576" spans="14:14">
      <c r="N973576" s="10"/>
    </row>
    <row r="973577" spans="14:14">
      <c r="N973577" s="10"/>
    </row>
    <row r="973578" spans="14:14">
      <c r="N973578" s="10"/>
    </row>
    <row r="973579" spans="14:14">
      <c r="N973579" s="10"/>
    </row>
    <row r="973580" spans="14:14">
      <c r="N973580" s="10"/>
    </row>
    <row r="973581" spans="14:14">
      <c r="N973581" s="10"/>
    </row>
    <row r="973582" spans="14:14">
      <c r="N973582" s="10"/>
    </row>
    <row r="973583" spans="14:14">
      <c r="N973583" s="10"/>
    </row>
    <row r="973584" spans="14:14">
      <c r="N973584" s="10"/>
    </row>
    <row r="973585" spans="14:14">
      <c r="N973585" s="10"/>
    </row>
    <row r="973586" spans="14:14">
      <c r="N973586" s="10"/>
    </row>
    <row r="973587" spans="14:14">
      <c r="N973587" s="10"/>
    </row>
    <row r="973588" spans="14:14">
      <c r="N973588" s="10"/>
    </row>
    <row r="973589" spans="14:14">
      <c r="N973589" s="10"/>
    </row>
    <row r="973590" spans="14:14">
      <c r="N973590" s="10"/>
    </row>
    <row r="973591" spans="14:14">
      <c r="N973591" s="10"/>
    </row>
    <row r="973592" spans="14:14">
      <c r="N973592" s="10"/>
    </row>
    <row r="973593" spans="14:14">
      <c r="N973593" s="10"/>
    </row>
    <row r="973594" spans="14:14">
      <c r="N973594" s="10"/>
    </row>
    <row r="973595" spans="14:14">
      <c r="N973595" s="10"/>
    </row>
    <row r="973596" spans="14:14">
      <c r="N973596" s="10"/>
    </row>
    <row r="973597" spans="14:14">
      <c r="N973597" s="10"/>
    </row>
    <row r="973598" spans="14:14">
      <c r="N973598" s="10"/>
    </row>
    <row r="973599" spans="14:14">
      <c r="N973599" s="10"/>
    </row>
    <row r="973600" spans="14:14">
      <c r="N973600" s="10"/>
    </row>
    <row r="973601" spans="14:14">
      <c r="N973601" s="10"/>
    </row>
    <row r="973602" spans="14:14">
      <c r="N973602" s="10"/>
    </row>
    <row r="973603" spans="14:14">
      <c r="N973603" s="10"/>
    </row>
    <row r="973604" spans="14:14">
      <c r="N973604" s="10"/>
    </row>
    <row r="973605" spans="14:14">
      <c r="N973605" s="10"/>
    </row>
    <row r="973606" spans="14:14">
      <c r="N973606" s="10"/>
    </row>
    <row r="973607" spans="14:14">
      <c r="N973607" s="10"/>
    </row>
    <row r="973608" spans="14:14">
      <c r="N973608" s="10"/>
    </row>
    <row r="973609" spans="14:14">
      <c r="N973609" s="10"/>
    </row>
    <row r="973610" spans="14:14">
      <c r="N973610" s="10"/>
    </row>
    <row r="973611" spans="14:14">
      <c r="N973611" s="10"/>
    </row>
    <row r="973612" spans="14:14">
      <c r="N973612" s="10"/>
    </row>
    <row r="973613" spans="14:14">
      <c r="N973613" s="10"/>
    </row>
    <row r="973614" spans="14:14">
      <c r="N973614" s="10"/>
    </row>
    <row r="973615" spans="14:14">
      <c r="N973615" s="10"/>
    </row>
    <row r="973616" spans="14:14">
      <c r="N973616" s="10"/>
    </row>
    <row r="973617" spans="14:14">
      <c r="N973617" s="10"/>
    </row>
    <row r="973618" spans="14:14">
      <c r="N973618" s="10"/>
    </row>
    <row r="973619" spans="14:14">
      <c r="N973619" s="10"/>
    </row>
    <row r="973620" spans="14:14">
      <c r="N973620" s="10"/>
    </row>
    <row r="973621" spans="14:14">
      <c r="N973621" s="10"/>
    </row>
    <row r="973622" spans="14:14">
      <c r="N973622" s="10"/>
    </row>
    <row r="973623" spans="14:14">
      <c r="N973623" s="10"/>
    </row>
    <row r="973624" spans="14:14">
      <c r="N973624" s="10"/>
    </row>
    <row r="973625" spans="14:14">
      <c r="N973625" s="10"/>
    </row>
    <row r="973626" spans="14:14">
      <c r="N973626" s="10"/>
    </row>
    <row r="973627" spans="14:14">
      <c r="N973627" s="10"/>
    </row>
    <row r="973628" spans="14:14">
      <c r="N973628" s="10"/>
    </row>
    <row r="973629" spans="14:14">
      <c r="N973629" s="10"/>
    </row>
    <row r="973630" spans="14:14">
      <c r="N973630" s="10"/>
    </row>
    <row r="973631" spans="14:14">
      <c r="N973631" s="10"/>
    </row>
    <row r="973632" spans="14:14">
      <c r="N973632" s="10"/>
    </row>
    <row r="973633" spans="14:14">
      <c r="N973633" s="10"/>
    </row>
    <row r="973634" spans="14:14">
      <c r="N973634" s="10"/>
    </row>
    <row r="973635" spans="14:14">
      <c r="N973635" s="10"/>
    </row>
    <row r="973636" spans="14:14">
      <c r="N973636" s="10"/>
    </row>
    <row r="973637" spans="14:14">
      <c r="N973637" s="10"/>
    </row>
    <row r="973638" spans="14:14">
      <c r="N973638" s="10"/>
    </row>
    <row r="973639" spans="14:14">
      <c r="N973639" s="10"/>
    </row>
    <row r="973640" spans="14:14">
      <c r="N973640" s="10"/>
    </row>
    <row r="973641" spans="14:14">
      <c r="N973641" s="10"/>
    </row>
    <row r="973642" spans="14:14">
      <c r="N973642" s="10"/>
    </row>
    <row r="973643" spans="14:14">
      <c r="N973643" s="10"/>
    </row>
    <row r="973644" spans="14:14">
      <c r="N973644" s="10"/>
    </row>
    <row r="973645" spans="14:14">
      <c r="N973645" s="10"/>
    </row>
    <row r="973646" spans="14:14">
      <c r="N973646" s="10"/>
    </row>
    <row r="973647" spans="14:14">
      <c r="N973647" s="10"/>
    </row>
    <row r="973648" spans="14:14">
      <c r="N973648" s="10"/>
    </row>
    <row r="973649" spans="14:14">
      <c r="N973649" s="10"/>
    </row>
    <row r="973650" spans="14:14">
      <c r="N973650" s="10"/>
    </row>
    <row r="973651" spans="14:14">
      <c r="N973651" s="10"/>
    </row>
    <row r="973652" spans="14:14">
      <c r="N973652" s="10"/>
    </row>
    <row r="973653" spans="14:14">
      <c r="N973653" s="10"/>
    </row>
    <row r="973654" spans="14:14">
      <c r="N973654" s="10"/>
    </row>
    <row r="973655" spans="14:14">
      <c r="N973655" s="10"/>
    </row>
    <row r="973656" spans="14:14">
      <c r="N973656" s="10"/>
    </row>
    <row r="973657" spans="14:14">
      <c r="N973657" s="10"/>
    </row>
    <row r="973658" spans="14:14">
      <c r="N973658" s="10"/>
    </row>
    <row r="973659" spans="14:14">
      <c r="N973659" s="10"/>
    </row>
    <row r="973660" spans="14:14">
      <c r="N973660" s="10"/>
    </row>
    <row r="973661" spans="14:14">
      <c r="N973661" s="10"/>
    </row>
    <row r="973662" spans="14:14">
      <c r="N973662" s="10"/>
    </row>
    <row r="973663" spans="14:14">
      <c r="N973663" s="10"/>
    </row>
    <row r="973664" spans="14:14">
      <c r="N973664" s="10"/>
    </row>
    <row r="973665" spans="14:14">
      <c r="N973665" s="10"/>
    </row>
    <row r="973666" spans="14:14">
      <c r="N973666" s="10"/>
    </row>
    <row r="973667" spans="14:14">
      <c r="N973667" s="10"/>
    </row>
    <row r="973668" spans="14:14">
      <c r="N973668" s="10"/>
    </row>
    <row r="973669" spans="14:14">
      <c r="N973669" s="10"/>
    </row>
    <row r="973670" spans="14:14">
      <c r="N973670" s="10"/>
    </row>
    <row r="973671" spans="14:14">
      <c r="N973671" s="10"/>
    </row>
    <row r="973672" spans="14:14">
      <c r="N973672" s="10"/>
    </row>
    <row r="973673" spans="14:14">
      <c r="N973673" s="10"/>
    </row>
    <row r="973674" spans="14:14">
      <c r="N973674" s="10"/>
    </row>
    <row r="973675" spans="14:14">
      <c r="N973675" s="10"/>
    </row>
    <row r="973676" spans="14:14">
      <c r="N973676" s="10"/>
    </row>
    <row r="973677" spans="14:14">
      <c r="N973677" s="10"/>
    </row>
    <row r="973678" spans="14:14">
      <c r="N973678" s="10"/>
    </row>
    <row r="973679" spans="14:14">
      <c r="N973679" s="10"/>
    </row>
    <row r="973680" spans="14:14">
      <c r="N973680" s="10"/>
    </row>
    <row r="973681" spans="14:14">
      <c r="N973681" s="10"/>
    </row>
    <row r="973682" spans="14:14">
      <c r="N973682" s="10"/>
    </row>
    <row r="973683" spans="14:14">
      <c r="N973683" s="10"/>
    </row>
    <row r="973684" spans="14:14">
      <c r="N973684" s="10"/>
    </row>
    <row r="973685" spans="14:14">
      <c r="N973685" s="10"/>
    </row>
    <row r="973686" spans="14:14">
      <c r="N973686" s="10"/>
    </row>
    <row r="973687" spans="14:14">
      <c r="N973687" s="10"/>
    </row>
    <row r="973688" spans="14:14">
      <c r="N973688" s="10"/>
    </row>
    <row r="973689" spans="14:14">
      <c r="N973689" s="10"/>
    </row>
    <row r="973690" spans="14:14">
      <c r="N973690" s="10"/>
    </row>
    <row r="973691" spans="14:14">
      <c r="N973691" s="10"/>
    </row>
    <row r="973692" spans="14:14">
      <c r="N973692" s="10"/>
    </row>
    <row r="973693" spans="14:14">
      <c r="N973693" s="10"/>
    </row>
    <row r="973694" spans="14:14">
      <c r="N973694" s="10"/>
    </row>
    <row r="973695" spans="14:14">
      <c r="N973695" s="10"/>
    </row>
    <row r="973696" spans="14:14">
      <c r="N973696" s="10"/>
    </row>
    <row r="973697" spans="14:14">
      <c r="N973697" s="10"/>
    </row>
    <row r="973698" spans="14:14">
      <c r="N973698" s="10"/>
    </row>
    <row r="973699" spans="14:14">
      <c r="N973699" s="10"/>
    </row>
    <row r="973700" spans="14:14">
      <c r="N973700" s="10"/>
    </row>
    <row r="973701" spans="14:14">
      <c r="N973701" s="10"/>
    </row>
    <row r="973702" spans="14:14">
      <c r="N973702" s="10"/>
    </row>
    <row r="973703" spans="14:14">
      <c r="N973703" s="10"/>
    </row>
    <row r="973704" spans="14:14">
      <c r="N973704" s="10"/>
    </row>
    <row r="973705" spans="14:14">
      <c r="N973705" s="10"/>
    </row>
    <row r="973706" spans="14:14">
      <c r="N973706" s="10"/>
    </row>
    <row r="973707" spans="14:14">
      <c r="N973707" s="10"/>
    </row>
    <row r="973708" spans="14:14">
      <c r="N973708" s="10"/>
    </row>
    <row r="973709" spans="14:14">
      <c r="N973709" s="10"/>
    </row>
    <row r="973710" spans="14:14">
      <c r="N973710" s="10"/>
    </row>
    <row r="973711" spans="14:14">
      <c r="N973711" s="10"/>
    </row>
    <row r="973712" spans="14:14">
      <c r="N973712" s="10"/>
    </row>
    <row r="973713" spans="14:14">
      <c r="N973713" s="10"/>
    </row>
    <row r="973714" spans="14:14">
      <c r="N973714" s="10"/>
    </row>
    <row r="973715" spans="14:14">
      <c r="N973715" s="10"/>
    </row>
    <row r="973716" spans="14:14">
      <c r="N973716" s="10"/>
    </row>
    <row r="973717" spans="14:14">
      <c r="N973717" s="10"/>
    </row>
    <row r="973718" spans="14:14">
      <c r="N973718" s="10"/>
    </row>
    <row r="973719" spans="14:14">
      <c r="N973719" s="10"/>
    </row>
    <row r="973720" spans="14:14">
      <c r="N973720" s="10"/>
    </row>
    <row r="973721" spans="14:14">
      <c r="N973721" s="10"/>
    </row>
    <row r="973722" spans="14:14">
      <c r="N973722" s="10"/>
    </row>
    <row r="973723" spans="14:14">
      <c r="N973723" s="10"/>
    </row>
    <row r="973724" spans="14:14">
      <c r="N973724" s="10"/>
    </row>
    <row r="973725" spans="14:14">
      <c r="N973725" s="10"/>
    </row>
    <row r="973726" spans="14:14">
      <c r="N973726" s="10"/>
    </row>
    <row r="973727" spans="14:14">
      <c r="N973727" s="10"/>
    </row>
    <row r="973728" spans="14:14">
      <c r="N973728" s="10"/>
    </row>
    <row r="973729" spans="14:14">
      <c r="N973729" s="10"/>
    </row>
    <row r="973730" spans="14:14">
      <c r="N973730" s="10"/>
    </row>
    <row r="973731" spans="14:14">
      <c r="N973731" s="10"/>
    </row>
    <row r="973732" spans="14:14">
      <c r="N973732" s="10"/>
    </row>
    <row r="973733" spans="14:14">
      <c r="N973733" s="10"/>
    </row>
    <row r="973734" spans="14:14">
      <c r="N973734" s="10"/>
    </row>
    <row r="973735" spans="14:14">
      <c r="N973735" s="10"/>
    </row>
    <row r="973736" spans="14:14">
      <c r="N973736" s="10"/>
    </row>
    <row r="973737" spans="14:14">
      <c r="N973737" s="10"/>
    </row>
    <row r="973738" spans="14:14">
      <c r="N973738" s="10"/>
    </row>
    <row r="973739" spans="14:14">
      <c r="N973739" s="10"/>
    </row>
    <row r="973740" spans="14:14">
      <c r="N973740" s="10"/>
    </row>
    <row r="973741" spans="14:14">
      <c r="N973741" s="10"/>
    </row>
    <row r="973742" spans="14:14">
      <c r="N973742" s="10"/>
    </row>
    <row r="973743" spans="14:14">
      <c r="N973743" s="10"/>
    </row>
    <row r="973744" spans="14:14">
      <c r="N973744" s="10"/>
    </row>
    <row r="973745" spans="14:14">
      <c r="N973745" s="10"/>
    </row>
    <row r="973746" spans="14:14">
      <c r="N973746" s="10"/>
    </row>
    <row r="973747" spans="14:14">
      <c r="N973747" s="10"/>
    </row>
    <row r="973748" spans="14:14">
      <c r="N973748" s="10"/>
    </row>
    <row r="973749" spans="14:14">
      <c r="N973749" s="10"/>
    </row>
    <row r="973750" spans="14:14">
      <c r="N973750" s="10"/>
    </row>
    <row r="973751" spans="14:14">
      <c r="N973751" s="10"/>
    </row>
    <row r="973752" spans="14:14">
      <c r="N973752" s="10"/>
    </row>
    <row r="973753" spans="14:14">
      <c r="N973753" s="10"/>
    </row>
    <row r="973754" spans="14:14">
      <c r="N973754" s="10"/>
    </row>
    <row r="973755" spans="14:14">
      <c r="N973755" s="10"/>
    </row>
    <row r="973756" spans="14:14">
      <c r="N973756" s="10"/>
    </row>
    <row r="973757" spans="14:14">
      <c r="N973757" s="10"/>
    </row>
    <row r="973758" spans="14:14">
      <c r="N973758" s="10"/>
    </row>
    <row r="973759" spans="14:14">
      <c r="N973759" s="10"/>
    </row>
    <row r="973760" spans="14:14">
      <c r="N973760" s="10"/>
    </row>
    <row r="973761" spans="14:14">
      <c r="N973761" s="10"/>
    </row>
    <row r="973762" spans="14:14">
      <c r="N973762" s="10"/>
    </row>
    <row r="973763" spans="14:14">
      <c r="N973763" s="10"/>
    </row>
    <row r="973764" spans="14:14">
      <c r="N973764" s="10"/>
    </row>
    <row r="973765" spans="14:14">
      <c r="N973765" s="10"/>
    </row>
    <row r="973766" spans="14:14">
      <c r="N973766" s="10"/>
    </row>
    <row r="973767" spans="14:14">
      <c r="N973767" s="10"/>
    </row>
    <row r="973768" spans="14:14">
      <c r="N973768" s="10"/>
    </row>
    <row r="973769" spans="14:14">
      <c r="N973769" s="10"/>
    </row>
    <row r="973770" spans="14:14">
      <c r="N973770" s="10"/>
    </row>
    <row r="973771" spans="14:14">
      <c r="N973771" s="10"/>
    </row>
    <row r="973772" spans="14:14">
      <c r="N973772" s="10"/>
    </row>
    <row r="973773" spans="14:14">
      <c r="N973773" s="10"/>
    </row>
    <row r="973774" spans="14:14">
      <c r="N973774" s="10"/>
    </row>
    <row r="973775" spans="14:14">
      <c r="N973775" s="10"/>
    </row>
    <row r="973776" spans="14:14">
      <c r="N973776" s="10"/>
    </row>
    <row r="973777" spans="14:14">
      <c r="N973777" s="10"/>
    </row>
    <row r="973778" spans="14:14">
      <c r="N973778" s="10"/>
    </row>
    <row r="973779" spans="14:14">
      <c r="N973779" s="10"/>
    </row>
    <row r="973780" spans="14:14">
      <c r="N973780" s="10"/>
    </row>
    <row r="973781" spans="14:14">
      <c r="N973781" s="10"/>
    </row>
    <row r="973782" spans="14:14">
      <c r="N973782" s="10"/>
    </row>
    <row r="973783" spans="14:14">
      <c r="N973783" s="10"/>
    </row>
    <row r="973784" spans="14:14">
      <c r="N973784" s="10"/>
    </row>
    <row r="973785" spans="14:14">
      <c r="N973785" s="10"/>
    </row>
    <row r="973786" spans="14:14">
      <c r="N973786" s="10"/>
    </row>
    <row r="973787" spans="14:14">
      <c r="N973787" s="10"/>
    </row>
    <row r="973788" spans="14:14">
      <c r="N973788" s="10"/>
    </row>
    <row r="973789" spans="14:14">
      <c r="N973789" s="10"/>
    </row>
    <row r="973790" spans="14:14">
      <c r="N973790" s="10"/>
    </row>
    <row r="973791" spans="14:14">
      <c r="N973791" s="10"/>
    </row>
    <row r="973792" spans="14:14">
      <c r="N973792" s="10"/>
    </row>
    <row r="973793" spans="14:14">
      <c r="N973793" s="10"/>
    </row>
    <row r="973794" spans="14:14">
      <c r="N973794" s="10"/>
    </row>
    <row r="973795" spans="14:14">
      <c r="N973795" s="10"/>
    </row>
    <row r="973796" spans="14:14">
      <c r="N973796" s="10"/>
    </row>
    <row r="973797" spans="14:14">
      <c r="N973797" s="10"/>
    </row>
    <row r="973798" spans="14:14">
      <c r="N973798" s="10"/>
    </row>
    <row r="973799" spans="14:14">
      <c r="N973799" s="10"/>
    </row>
    <row r="973800" spans="14:14">
      <c r="N973800" s="10"/>
    </row>
    <row r="973801" spans="14:14">
      <c r="N973801" s="10"/>
    </row>
    <row r="973802" spans="14:14">
      <c r="N973802" s="10"/>
    </row>
    <row r="973803" spans="14:14">
      <c r="N973803" s="10"/>
    </row>
    <row r="973804" spans="14:14">
      <c r="N973804" s="10"/>
    </row>
    <row r="973805" spans="14:14">
      <c r="N973805" s="10"/>
    </row>
    <row r="973806" spans="14:14">
      <c r="N973806" s="10"/>
    </row>
    <row r="973807" spans="14:14">
      <c r="N973807" s="10"/>
    </row>
    <row r="973808" spans="14:14">
      <c r="N973808" s="10"/>
    </row>
    <row r="973809" spans="14:14">
      <c r="N973809" s="10"/>
    </row>
    <row r="973810" spans="14:14">
      <c r="N973810" s="10"/>
    </row>
    <row r="973811" spans="14:14">
      <c r="N973811" s="10"/>
    </row>
    <row r="973812" spans="14:14">
      <c r="N973812" s="10"/>
    </row>
    <row r="973813" spans="14:14">
      <c r="N973813" s="10"/>
    </row>
    <row r="973814" spans="14:14">
      <c r="N973814" s="10"/>
    </row>
    <row r="973815" spans="14:14">
      <c r="N973815" s="10"/>
    </row>
    <row r="973816" spans="14:14">
      <c r="N973816" s="10"/>
    </row>
    <row r="973817" spans="14:14">
      <c r="N973817" s="10"/>
    </row>
    <row r="973818" spans="14:14">
      <c r="N973818" s="10"/>
    </row>
    <row r="973819" spans="14:14">
      <c r="N973819" s="10"/>
    </row>
    <row r="973820" spans="14:14">
      <c r="N973820" s="10"/>
    </row>
    <row r="973821" spans="14:14">
      <c r="N973821" s="10"/>
    </row>
    <row r="973822" spans="14:14">
      <c r="N973822" s="10"/>
    </row>
    <row r="973823" spans="14:14">
      <c r="N973823" s="10"/>
    </row>
    <row r="973824" spans="14:14">
      <c r="N973824" s="10"/>
    </row>
    <row r="973825" spans="14:14">
      <c r="N973825" s="10"/>
    </row>
    <row r="973826" spans="14:14">
      <c r="N973826" s="10"/>
    </row>
    <row r="973827" spans="14:14">
      <c r="N973827" s="10"/>
    </row>
    <row r="973828" spans="14:14">
      <c r="N973828" s="10"/>
    </row>
    <row r="973829" spans="14:14">
      <c r="N973829" s="10"/>
    </row>
    <row r="973830" spans="14:14">
      <c r="N973830" s="10"/>
    </row>
    <row r="973831" spans="14:14">
      <c r="N973831" s="10"/>
    </row>
    <row r="973832" spans="14:14">
      <c r="N973832" s="10"/>
    </row>
    <row r="973833" spans="14:14">
      <c r="N973833" s="10"/>
    </row>
    <row r="973834" spans="14:14">
      <c r="N973834" s="10"/>
    </row>
    <row r="973835" spans="14:14">
      <c r="N973835" s="10"/>
    </row>
    <row r="973836" spans="14:14">
      <c r="N973836" s="10"/>
    </row>
    <row r="973837" spans="14:14">
      <c r="N973837" s="10"/>
    </row>
    <row r="973838" spans="14:14">
      <c r="N973838" s="10"/>
    </row>
    <row r="973839" spans="14:14">
      <c r="N973839" s="10"/>
    </row>
    <row r="973840" spans="14:14">
      <c r="N973840" s="10"/>
    </row>
    <row r="973841" spans="14:14">
      <c r="N973841" s="10"/>
    </row>
    <row r="973842" spans="14:14">
      <c r="N973842" s="10"/>
    </row>
    <row r="973843" spans="14:14">
      <c r="N973843" s="10"/>
    </row>
    <row r="973844" spans="14:14">
      <c r="N973844" s="10"/>
    </row>
    <row r="973845" spans="14:14">
      <c r="N973845" s="10"/>
    </row>
    <row r="973846" spans="14:14">
      <c r="N973846" s="10"/>
    </row>
    <row r="973847" spans="14:14">
      <c r="N973847" s="10"/>
    </row>
    <row r="973848" spans="14:14">
      <c r="N973848" s="10"/>
    </row>
    <row r="973849" spans="14:14">
      <c r="N973849" s="10"/>
    </row>
    <row r="973850" spans="14:14">
      <c r="N973850" s="10"/>
    </row>
    <row r="973851" spans="14:14">
      <c r="N973851" s="10"/>
    </row>
    <row r="973852" spans="14:14">
      <c r="N973852" s="10"/>
    </row>
    <row r="973853" spans="14:14">
      <c r="N973853" s="10"/>
    </row>
    <row r="973854" spans="14:14">
      <c r="N973854" s="10"/>
    </row>
    <row r="973855" spans="14:14">
      <c r="N973855" s="10"/>
    </row>
    <row r="973856" spans="14:14">
      <c r="N973856" s="10"/>
    </row>
    <row r="973857" spans="14:14">
      <c r="N973857" s="10"/>
    </row>
    <row r="973858" spans="14:14">
      <c r="N973858" s="10"/>
    </row>
    <row r="973859" spans="14:14">
      <c r="N973859" s="10"/>
    </row>
    <row r="973860" spans="14:14">
      <c r="N973860" s="10"/>
    </row>
    <row r="973861" spans="14:14">
      <c r="N973861" s="10"/>
    </row>
    <row r="973862" spans="14:14">
      <c r="N973862" s="10"/>
    </row>
    <row r="973863" spans="14:14">
      <c r="N973863" s="10"/>
    </row>
    <row r="973864" spans="14:14">
      <c r="N973864" s="10"/>
    </row>
    <row r="973865" spans="14:14">
      <c r="N973865" s="10"/>
    </row>
    <row r="973866" spans="14:14">
      <c r="N973866" s="10"/>
    </row>
    <row r="973867" spans="14:14">
      <c r="N973867" s="10"/>
    </row>
    <row r="973868" spans="14:14">
      <c r="N973868" s="10"/>
    </row>
    <row r="973869" spans="14:14">
      <c r="N973869" s="10"/>
    </row>
    <row r="973870" spans="14:14">
      <c r="N973870" s="10"/>
    </row>
    <row r="973871" spans="14:14">
      <c r="N973871" s="10"/>
    </row>
    <row r="973872" spans="14:14">
      <c r="N973872" s="10"/>
    </row>
    <row r="973873" spans="14:14">
      <c r="N973873" s="10"/>
    </row>
    <row r="973874" spans="14:14">
      <c r="N973874" s="10"/>
    </row>
    <row r="973875" spans="14:14">
      <c r="N973875" s="10"/>
    </row>
    <row r="973876" spans="14:14">
      <c r="N973876" s="10"/>
    </row>
    <row r="973877" spans="14:14">
      <c r="N973877" s="10"/>
    </row>
    <row r="973878" spans="14:14">
      <c r="N973878" s="10"/>
    </row>
    <row r="973879" spans="14:14">
      <c r="N973879" s="10"/>
    </row>
    <row r="973880" spans="14:14">
      <c r="N973880" s="10"/>
    </row>
    <row r="973881" spans="14:14">
      <c r="N973881" s="10"/>
    </row>
    <row r="973882" spans="14:14">
      <c r="N973882" s="10"/>
    </row>
    <row r="973883" spans="14:14">
      <c r="N973883" s="10"/>
    </row>
    <row r="973884" spans="14:14">
      <c r="N973884" s="10"/>
    </row>
    <row r="973885" spans="14:14">
      <c r="N973885" s="10"/>
    </row>
    <row r="973886" spans="14:14">
      <c r="N973886" s="10"/>
    </row>
    <row r="973887" spans="14:14">
      <c r="N973887" s="10"/>
    </row>
    <row r="973888" spans="14:14">
      <c r="N973888" s="10"/>
    </row>
    <row r="973889" spans="14:14">
      <c r="N973889" s="10"/>
    </row>
    <row r="973890" spans="14:14">
      <c r="N973890" s="10"/>
    </row>
    <row r="973891" spans="14:14">
      <c r="N973891" s="10"/>
    </row>
    <row r="973892" spans="14:14">
      <c r="N973892" s="10"/>
    </row>
    <row r="973893" spans="14:14">
      <c r="N973893" s="10"/>
    </row>
    <row r="973894" spans="14:14">
      <c r="N973894" s="10"/>
    </row>
    <row r="973895" spans="14:14">
      <c r="N973895" s="10"/>
    </row>
    <row r="973896" spans="14:14">
      <c r="N973896" s="10"/>
    </row>
    <row r="973897" spans="14:14">
      <c r="N973897" s="10"/>
    </row>
    <row r="973898" spans="14:14">
      <c r="N973898" s="10"/>
    </row>
    <row r="973899" spans="14:14">
      <c r="N973899" s="10"/>
    </row>
    <row r="973900" spans="14:14">
      <c r="N973900" s="10"/>
    </row>
    <row r="973901" spans="14:14">
      <c r="N973901" s="10"/>
    </row>
    <row r="973902" spans="14:14">
      <c r="N973902" s="10"/>
    </row>
    <row r="973903" spans="14:14">
      <c r="N973903" s="10"/>
    </row>
    <row r="973904" spans="14:14">
      <c r="N973904" s="10"/>
    </row>
    <row r="973905" spans="14:14">
      <c r="N973905" s="10"/>
    </row>
    <row r="973906" spans="14:14">
      <c r="N973906" s="10"/>
    </row>
    <row r="973907" spans="14:14">
      <c r="N973907" s="10"/>
    </row>
    <row r="973908" spans="14:14">
      <c r="N973908" s="10"/>
    </row>
    <row r="973909" spans="14:14">
      <c r="N973909" s="10"/>
    </row>
    <row r="973910" spans="14:14">
      <c r="N973910" s="10"/>
    </row>
    <row r="973911" spans="14:14">
      <c r="N973911" s="10"/>
    </row>
    <row r="973912" spans="14:14">
      <c r="N973912" s="10"/>
    </row>
    <row r="973913" spans="14:14">
      <c r="N973913" s="10"/>
    </row>
    <row r="973914" spans="14:14">
      <c r="N973914" s="10"/>
    </row>
    <row r="973915" spans="14:14">
      <c r="N973915" s="10"/>
    </row>
    <row r="973916" spans="14:14">
      <c r="N973916" s="10"/>
    </row>
    <row r="973917" spans="14:14">
      <c r="N973917" s="10"/>
    </row>
    <row r="973918" spans="14:14">
      <c r="N973918" s="10"/>
    </row>
    <row r="973919" spans="14:14">
      <c r="N973919" s="10"/>
    </row>
    <row r="973920" spans="14:14">
      <c r="N973920" s="10"/>
    </row>
    <row r="973921" spans="14:14">
      <c r="N973921" s="10"/>
    </row>
    <row r="973922" spans="14:14">
      <c r="N973922" s="10"/>
    </row>
    <row r="973923" spans="14:14">
      <c r="N973923" s="10"/>
    </row>
    <row r="973924" spans="14:14">
      <c r="N973924" s="10"/>
    </row>
    <row r="973925" spans="14:14">
      <c r="N973925" s="10"/>
    </row>
    <row r="973926" spans="14:14">
      <c r="N973926" s="10"/>
    </row>
    <row r="973927" spans="14:14">
      <c r="N973927" s="10"/>
    </row>
    <row r="973928" spans="14:14">
      <c r="N973928" s="10"/>
    </row>
    <row r="973929" spans="14:14">
      <c r="N973929" s="10"/>
    </row>
    <row r="973930" spans="14:14">
      <c r="N973930" s="10"/>
    </row>
    <row r="973931" spans="14:14">
      <c r="N973931" s="10"/>
    </row>
    <row r="973932" spans="14:14">
      <c r="N973932" s="10"/>
    </row>
    <row r="973933" spans="14:14">
      <c r="N973933" s="10"/>
    </row>
    <row r="973934" spans="14:14">
      <c r="N973934" s="10"/>
    </row>
    <row r="973935" spans="14:14">
      <c r="N973935" s="10"/>
    </row>
    <row r="973936" spans="14:14">
      <c r="N973936" s="10"/>
    </row>
    <row r="973937" spans="14:14">
      <c r="N973937" s="10"/>
    </row>
    <row r="973938" spans="14:14">
      <c r="N973938" s="10"/>
    </row>
    <row r="973939" spans="14:14">
      <c r="N973939" s="10"/>
    </row>
    <row r="973940" spans="14:14">
      <c r="N973940" s="10"/>
    </row>
    <row r="973941" spans="14:14">
      <c r="N973941" s="10"/>
    </row>
    <row r="973942" spans="14:14">
      <c r="N973942" s="10"/>
    </row>
    <row r="973943" spans="14:14">
      <c r="N973943" s="10"/>
    </row>
    <row r="973944" spans="14:14">
      <c r="N973944" s="10"/>
    </row>
    <row r="973945" spans="14:14">
      <c r="N973945" s="10"/>
    </row>
    <row r="973946" spans="14:14">
      <c r="N973946" s="10"/>
    </row>
    <row r="973947" spans="14:14">
      <c r="N973947" s="10"/>
    </row>
    <row r="973948" spans="14:14">
      <c r="N973948" s="10"/>
    </row>
    <row r="973949" spans="14:14">
      <c r="N973949" s="10"/>
    </row>
    <row r="973950" spans="14:14">
      <c r="N973950" s="10"/>
    </row>
    <row r="973951" spans="14:14">
      <c r="N973951" s="10"/>
    </row>
    <row r="973952" spans="14:14">
      <c r="N973952" s="10"/>
    </row>
    <row r="973953" spans="14:14">
      <c r="N973953" s="10"/>
    </row>
    <row r="973954" spans="14:14">
      <c r="N973954" s="10"/>
    </row>
    <row r="973955" spans="14:14">
      <c r="N973955" s="10"/>
    </row>
    <row r="973956" spans="14:14">
      <c r="N973956" s="10"/>
    </row>
    <row r="973957" spans="14:14">
      <c r="N973957" s="10"/>
    </row>
    <row r="973958" spans="14:14">
      <c r="N973958" s="10"/>
    </row>
    <row r="973959" spans="14:14">
      <c r="N973959" s="10"/>
    </row>
    <row r="973960" spans="14:14">
      <c r="N973960" s="10"/>
    </row>
    <row r="973961" spans="14:14">
      <c r="N973961" s="10"/>
    </row>
    <row r="973962" spans="14:14">
      <c r="N973962" s="10"/>
    </row>
    <row r="973963" spans="14:14">
      <c r="N973963" s="10"/>
    </row>
    <row r="973964" spans="14:14">
      <c r="N973964" s="10"/>
    </row>
    <row r="973965" spans="14:14">
      <c r="N973965" s="10"/>
    </row>
    <row r="973966" spans="14:14">
      <c r="N973966" s="10"/>
    </row>
    <row r="973967" spans="14:14">
      <c r="N973967" s="10"/>
    </row>
    <row r="973968" spans="14:14">
      <c r="N973968" s="10"/>
    </row>
    <row r="973969" spans="14:14">
      <c r="N973969" s="10"/>
    </row>
    <row r="973970" spans="14:14">
      <c r="N973970" s="10"/>
    </row>
    <row r="973971" spans="14:14">
      <c r="N973971" s="10"/>
    </row>
    <row r="973972" spans="14:14">
      <c r="N973972" s="10"/>
    </row>
    <row r="973973" spans="14:14">
      <c r="N973973" s="10"/>
    </row>
    <row r="973974" spans="14:14">
      <c r="N973974" s="10"/>
    </row>
    <row r="973975" spans="14:14">
      <c r="N973975" s="10"/>
    </row>
    <row r="973976" spans="14:14">
      <c r="N973976" s="10"/>
    </row>
    <row r="973977" spans="14:14">
      <c r="N973977" s="10"/>
    </row>
    <row r="973978" spans="14:14">
      <c r="N973978" s="10"/>
    </row>
    <row r="973979" spans="14:14">
      <c r="N973979" s="10"/>
    </row>
    <row r="973980" spans="14:14">
      <c r="N973980" s="10"/>
    </row>
    <row r="973981" spans="14:14">
      <c r="N973981" s="10"/>
    </row>
    <row r="973982" spans="14:14">
      <c r="N973982" s="10"/>
    </row>
    <row r="973983" spans="14:14">
      <c r="N973983" s="10"/>
    </row>
    <row r="973984" spans="14:14">
      <c r="N973984" s="10"/>
    </row>
    <row r="973985" spans="14:14">
      <c r="N973985" s="10"/>
    </row>
    <row r="973986" spans="14:14">
      <c r="N973986" s="10"/>
    </row>
    <row r="973987" spans="14:14">
      <c r="N973987" s="10"/>
    </row>
    <row r="973988" spans="14:14">
      <c r="N973988" s="10"/>
    </row>
    <row r="973989" spans="14:14">
      <c r="N973989" s="10"/>
    </row>
    <row r="973990" spans="14:14">
      <c r="N973990" s="10"/>
    </row>
    <row r="973991" spans="14:14">
      <c r="N973991" s="10"/>
    </row>
    <row r="973992" spans="14:14">
      <c r="N973992" s="10"/>
    </row>
    <row r="973993" spans="14:14">
      <c r="N973993" s="10"/>
    </row>
    <row r="973994" spans="14:14">
      <c r="N973994" s="10"/>
    </row>
    <row r="973995" spans="14:14">
      <c r="N973995" s="10"/>
    </row>
    <row r="973996" spans="14:14">
      <c r="N973996" s="10"/>
    </row>
    <row r="973997" spans="14:14">
      <c r="N973997" s="10"/>
    </row>
    <row r="973998" spans="14:14">
      <c r="N973998" s="10"/>
    </row>
    <row r="973999" spans="14:14">
      <c r="N973999" s="10"/>
    </row>
    <row r="974000" spans="14:14">
      <c r="N974000" s="10"/>
    </row>
    <row r="974001" spans="14:14">
      <c r="N974001" s="10"/>
    </row>
    <row r="974002" spans="14:14">
      <c r="N974002" s="10"/>
    </row>
    <row r="974003" spans="14:14">
      <c r="N974003" s="10"/>
    </row>
    <row r="974004" spans="14:14">
      <c r="N974004" s="10"/>
    </row>
    <row r="974005" spans="14:14">
      <c r="N974005" s="10"/>
    </row>
    <row r="974006" spans="14:14">
      <c r="N974006" s="10"/>
    </row>
    <row r="974007" spans="14:14">
      <c r="N974007" s="10"/>
    </row>
    <row r="974008" spans="14:14">
      <c r="N974008" s="10"/>
    </row>
    <row r="974009" spans="14:14">
      <c r="N974009" s="10"/>
    </row>
    <row r="974010" spans="14:14">
      <c r="N974010" s="10"/>
    </row>
    <row r="974011" spans="14:14">
      <c r="N974011" s="10"/>
    </row>
    <row r="974012" spans="14:14">
      <c r="N974012" s="10"/>
    </row>
    <row r="974013" spans="14:14">
      <c r="N974013" s="10"/>
    </row>
    <row r="974014" spans="14:14">
      <c r="N974014" s="10"/>
    </row>
    <row r="974015" spans="14:14">
      <c r="N974015" s="10"/>
    </row>
    <row r="974016" spans="14:14">
      <c r="N974016" s="10"/>
    </row>
    <row r="974017" spans="14:14">
      <c r="N974017" s="10"/>
    </row>
    <row r="974018" spans="14:14">
      <c r="N974018" s="10"/>
    </row>
    <row r="974019" spans="14:14">
      <c r="N974019" s="10"/>
    </row>
    <row r="974020" spans="14:14">
      <c r="N974020" s="10"/>
    </row>
    <row r="974021" spans="14:14">
      <c r="N974021" s="10"/>
    </row>
    <row r="974022" spans="14:14">
      <c r="N974022" s="10"/>
    </row>
    <row r="974023" spans="14:14">
      <c r="N974023" s="10"/>
    </row>
    <row r="974024" spans="14:14">
      <c r="N974024" s="10"/>
    </row>
    <row r="974025" spans="14:14">
      <c r="N974025" s="10"/>
    </row>
    <row r="974026" spans="14:14">
      <c r="N974026" s="10"/>
    </row>
    <row r="974027" spans="14:14">
      <c r="N974027" s="10"/>
    </row>
    <row r="974028" spans="14:14">
      <c r="N974028" s="10"/>
    </row>
    <row r="974029" spans="14:14">
      <c r="N974029" s="10"/>
    </row>
    <row r="974030" spans="14:14">
      <c r="N974030" s="10"/>
    </row>
    <row r="974031" spans="14:14">
      <c r="N974031" s="10"/>
    </row>
    <row r="974032" spans="14:14">
      <c r="N974032" s="10"/>
    </row>
    <row r="974033" spans="14:14">
      <c r="N974033" s="10"/>
    </row>
    <row r="974034" spans="14:14">
      <c r="N974034" s="10"/>
    </row>
    <row r="974035" spans="14:14">
      <c r="N974035" s="10"/>
    </row>
    <row r="974036" spans="14:14">
      <c r="N974036" s="10"/>
    </row>
    <row r="974037" spans="14:14">
      <c r="N974037" s="10"/>
    </row>
    <row r="974038" spans="14:14">
      <c r="N974038" s="10"/>
    </row>
    <row r="974039" spans="14:14">
      <c r="N974039" s="10"/>
    </row>
    <row r="974040" spans="14:14">
      <c r="N974040" s="10"/>
    </row>
    <row r="974041" spans="14:14">
      <c r="N974041" s="10"/>
    </row>
    <row r="974042" spans="14:14">
      <c r="N974042" s="10"/>
    </row>
    <row r="974043" spans="14:14">
      <c r="N974043" s="10"/>
    </row>
    <row r="974044" spans="14:14">
      <c r="N974044" s="10"/>
    </row>
    <row r="974045" spans="14:14">
      <c r="N974045" s="10"/>
    </row>
    <row r="974046" spans="14:14">
      <c r="N974046" s="10"/>
    </row>
    <row r="974047" spans="14:14">
      <c r="N974047" s="10"/>
    </row>
    <row r="974048" spans="14:14">
      <c r="N974048" s="10"/>
    </row>
    <row r="974049" spans="14:14">
      <c r="N974049" s="10"/>
    </row>
    <row r="974050" spans="14:14">
      <c r="N974050" s="10"/>
    </row>
    <row r="974051" spans="14:14">
      <c r="N974051" s="10"/>
    </row>
    <row r="974052" spans="14:14">
      <c r="N974052" s="10"/>
    </row>
    <row r="974053" spans="14:14">
      <c r="N974053" s="10"/>
    </row>
    <row r="974054" spans="14:14">
      <c r="N974054" s="10"/>
    </row>
    <row r="974055" spans="14:14">
      <c r="N974055" s="10"/>
    </row>
    <row r="974056" spans="14:14">
      <c r="N974056" s="10"/>
    </row>
    <row r="974057" spans="14:14">
      <c r="N974057" s="10"/>
    </row>
    <row r="974058" spans="14:14">
      <c r="N974058" s="10"/>
    </row>
    <row r="974059" spans="14:14">
      <c r="N974059" s="10"/>
    </row>
    <row r="974060" spans="14:14">
      <c r="N974060" s="10"/>
    </row>
    <row r="974061" spans="14:14">
      <c r="N974061" s="10"/>
    </row>
    <row r="974062" spans="14:14">
      <c r="N974062" s="10"/>
    </row>
    <row r="974063" spans="14:14">
      <c r="N974063" s="10"/>
    </row>
    <row r="974064" spans="14:14">
      <c r="N974064" s="10"/>
    </row>
    <row r="974065" spans="14:14">
      <c r="N974065" s="10"/>
    </row>
    <row r="974066" spans="14:14">
      <c r="N974066" s="10"/>
    </row>
    <row r="974067" spans="14:14">
      <c r="N974067" s="10"/>
    </row>
    <row r="974068" spans="14:14">
      <c r="N974068" s="10"/>
    </row>
    <row r="974069" spans="14:14">
      <c r="N974069" s="10"/>
    </row>
    <row r="974070" spans="14:14">
      <c r="N974070" s="10"/>
    </row>
    <row r="974071" spans="14:14">
      <c r="N974071" s="10"/>
    </row>
    <row r="974072" spans="14:14">
      <c r="N974072" s="10"/>
    </row>
    <row r="974073" spans="14:14">
      <c r="N974073" s="10"/>
    </row>
    <row r="974074" spans="14:14">
      <c r="N974074" s="10"/>
    </row>
    <row r="974075" spans="14:14">
      <c r="N974075" s="10"/>
    </row>
    <row r="974076" spans="14:14">
      <c r="N974076" s="10"/>
    </row>
    <row r="974077" spans="14:14">
      <c r="N974077" s="10"/>
    </row>
    <row r="974078" spans="14:14">
      <c r="N974078" s="10"/>
    </row>
    <row r="974079" spans="14:14">
      <c r="N974079" s="10"/>
    </row>
    <row r="974080" spans="14:14">
      <c r="N974080" s="10"/>
    </row>
    <row r="974081" spans="14:14">
      <c r="N974081" s="10"/>
    </row>
    <row r="974082" spans="14:14">
      <c r="N974082" s="10"/>
    </row>
    <row r="974083" spans="14:14">
      <c r="N974083" s="10"/>
    </row>
    <row r="974084" spans="14:14">
      <c r="N974084" s="10"/>
    </row>
    <row r="974085" spans="14:14">
      <c r="N974085" s="10"/>
    </row>
    <row r="974086" spans="14:14">
      <c r="N974086" s="10"/>
    </row>
    <row r="974087" spans="14:14">
      <c r="N974087" s="10"/>
    </row>
    <row r="974088" spans="14:14">
      <c r="N974088" s="10"/>
    </row>
    <row r="974089" spans="14:14">
      <c r="N974089" s="10"/>
    </row>
    <row r="974090" spans="14:14">
      <c r="N974090" s="10"/>
    </row>
    <row r="974091" spans="14:14">
      <c r="N974091" s="10"/>
    </row>
    <row r="974092" spans="14:14">
      <c r="N974092" s="10"/>
    </row>
    <row r="974093" spans="14:14">
      <c r="N974093" s="10"/>
    </row>
    <row r="974094" spans="14:14">
      <c r="N974094" s="10"/>
    </row>
    <row r="974095" spans="14:14">
      <c r="N974095" s="10"/>
    </row>
    <row r="974096" spans="14:14">
      <c r="N974096" s="10"/>
    </row>
    <row r="974097" spans="14:14">
      <c r="N974097" s="10"/>
    </row>
    <row r="974098" spans="14:14">
      <c r="N974098" s="10"/>
    </row>
    <row r="974099" spans="14:14">
      <c r="N974099" s="10"/>
    </row>
    <row r="974100" spans="14:14">
      <c r="N974100" s="10"/>
    </row>
    <row r="974101" spans="14:14">
      <c r="N974101" s="10"/>
    </row>
    <row r="974102" spans="14:14">
      <c r="N974102" s="10"/>
    </row>
    <row r="974103" spans="14:14">
      <c r="N974103" s="10"/>
    </row>
    <row r="974104" spans="14:14">
      <c r="N974104" s="10"/>
    </row>
    <row r="974105" spans="14:14">
      <c r="N974105" s="10"/>
    </row>
    <row r="974106" spans="14:14">
      <c r="N974106" s="10"/>
    </row>
    <row r="974107" spans="14:14">
      <c r="N974107" s="10"/>
    </row>
    <row r="974108" spans="14:14">
      <c r="N974108" s="10"/>
    </row>
    <row r="974109" spans="14:14">
      <c r="N974109" s="10"/>
    </row>
    <row r="974110" spans="14:14">
      <c r="N974110" s="10"/>
    </row>
    <row r="974111" spans="14:14">
      <c r="N974111" s="10"/>
    </row>
    <row r="974112" spans="14:14">
      <c r="N974112" s="10"/>
    </row>
    <row r="974113" spans="14:14">
      <c r="N974113" s="10"/>
    </row>
    <row r="974114" spans="14:14">
      <c r="N974114" s="10"/>
    </row>
    <row r="974115" spans="14:14">
      <c r="N974115" s="10"/>
    </row>
    <row r="974116" spans="14:14">
      <c r="N974116" s="10"/>
    </row>
    <row r="974117" spans="14:14">
      <c r="N974117" s="10"/>
    </row>
    <row r="974118" spans="14:14">
      <c r="N974118" s="10"/>
    </row>
    <row r="974119" spans="14:14">
      <c r="N974119" s="10"/>
    </row>
    <row r="974120" spans="14:14">
      <c r="N974120" s="10"/>
    </row>
    <row r="974121" spans="14:14">
      <c r="N974121" s="10"/>
    </row>
    <row r="974122" spans="14:14">
      <c r="N974122" s="10"/>
    </row>
    <row r="974123" spans="14:14">
      <c r="N974123" s="10"/>
    </row>
    <row r="974124" spans="14:14">
      <c r="N974124" s="10"/>
    </row>
    <row r="974125" spans="14:14">
      <c r="N974125" s="10"/>
    </row>
    <row r="974126" spans="14:14">
      <c r="N974126" s="10"/>
    </row>
    <row r="974127" spans="14:14">
      <c r="N974127" s="10"/>
    </row>
    <row r="974128" spans="14:14">
      <c r="N974128" s="10"/>
    </row>
    <row r="974129" spans="14:14">
      <c r="N974129" s="10"/>
    </row>
    <row r="974130" spans="14:14">
      <c r="N974130" s="10"/>
    </row>
    <row r="974131" spans="14:14">
      <c r="N974131" s="10"/>
    </row>
    <row r="974132" spans="14:14">
      <c r="N974132" s="10"/>
    </row>
    <row r="974133" spans="14:14">
      <c r="N974133" s="10"/>
    </row>
    <row r="974134" spans="14:14">
      <c r="N974134" s="10"/>
    </row>
    <row r="974135" spans="14:14">
      <c r="N974135" s="10"/>
    </row>
    <row r="974136" spans="14:14">
      <c r="N974136" s="10"/>
    </row>
    <row r="974137" spans="14:14">
      <c r="N974137" s="10"/>
    </row>
    <row r="974138" spans="14:14">
      <c r="N974138" s="10"/>
    </row>
    <row r="974139" spans="14:14">
      <c r="N974139" s="10"/>
    </row>
    <row r="974140" spans="14:14">
      <c r="N974140" s="10"/>
    </row>
    <row r="974141" spans="14:14">
      <c r="N974141" s="10"/>
    </row>
    <row r="974142" spans="14:14">
      <c r="N974142" s="10"/>
    </row>
    <row r="974143" spans="14:14">
      <c r="N974143" s="10"/>
    </row>
    <row r="974144" spans="14:14">
      <c r="N974144" s="10"/>
    </row>
    <row r="974145" spans="14:14">
      <c r="N974145" s="10"/>
    </row>
    <row r="974146" spans="14:14">
      <c r="N974146" s="10"/>
    </row>
    <row r="974147" spans="14:14">
      <c r="N974147" s="10"/>
    </row>
    <row r="974148" spans="14:14">
      <c r="N974148" s="10"/>
    </row>
    <row r="974149" spans="14:14">
      <c r="N974149" s="10"/>
    </row>
    <row r="974150" spans="14:14">
      <c r="N974150" s="10"/>
    </row>
    <row r="974151" spans="14:14">
      <c r="N974151" s="10"/>
    </row>
    <row r="974152" spans="14:14">
      <c r="N974152" s="10"/>
    </row>
    <row r="974153" spans="14:14">
      <c r="N974153" s="10"/>
    </row>
    <row r="974154" spans="14:14">
      <c r="N974154" s="10"/>
    </row>
    <row r="974155" spans="14:14">
      <c r="N974155" s="10"/>
    </row>
    <row r="974156" spans="14:14">
      <c r="N974156" s="10"/>
    </row>
    <row r="974157" spans="14:14">
      <c r="N974157" s="10"/>
    </row>
    <row r="974158" spans="14:14">
      <c r="N974158" s="10"/>
    </row>
    <row r="974159" spans="14:14">
      <c r="N974159" s="10"/>
    </row>
    <row r="974160" spans="14:14">
      <c r="N974160" s="10"/>
    </row>
    <row r="974161" spans="14:14">
      <c r="N974161" s="10"/>
    </row>
    <row r="974162" spans="14:14">
      <c r="N974162" s="10"/>
    </row>
    <row r="974163" spans="14:14">
      <c r="N974163" s="10"/>
    </row>
    <row r="974164" spans="14:14">
      <c r="N974164" s="10"/>
    </row>
    <row r="974165" spans="14:14">
      <c r="N974165" s="10"/>
    </row>
    <row r="974166" spans="14:14">
      <c r="N974166" s="10"/>
    </row>
    <row r="974167" spans="14:14">
      <c r="N974167" s="10"/>
    </row>
    <row r="974168" spans="14:14">
      <c r="N974168" s="10"/>
    </row>
    <row r="974169" spans="14:14">
      <c r="N974169" s="10"/>
    </row>
    <row r="974170" spans="14:14">
      <c r="N974170" s="10"/>
    </row>
    <row r="974171" spans="14:14">
      <c r="N974171" s="10"/>
    </row>
    <row r="974172" spans="14:14">
      <c r="N974172" s="10"/>
    </row>
    <row r="974173" spans="14:14">
      <c r="N974173" s="10"/>
    </row>
    <row r="974174" spans="14:14">
      <c r="N974174" s="10"/>
    </row>
    <row r="974175" spans="14:14">
      <c r="N974175" s="10"/>
    </row>
    <row r="974176" spans="14:14">
      <c r="N974176" s="10"/>
    </row>
    <row r="974177" spans="14:14">
      <c r="N974177" s="10"/>
    </row>
    <row r="974178" spans="14:14">
      <c r="N974178" s="10"/>
    </row>
    <row r="974179" spans="14:14">
      <c r="N974179" s="10"/>
    </row>
    <row r="974180" spans="14:14">
      <c r="N974180" s="10"/>
    </row>
    <row r="974181" spans="14:14">
      <c r="N974181" s="10"/>
    </row>
    <row r="974182" spans="14:14">
      <c r="N974182" s="10"/>
    </row>
    <row r="974183" spans="14:14">
      <c r="N974183" s="10"/>
    </row>
    <row r="974184" spans="14:14">
      <c r="N974184" s="10"/>
    </row>
    <row r="974185" spans="14:14">
      <c r="N974185" s="10"/>
    </row>
    <row r="974186" spans="14:14">
      <c r="N974186" s="10"/>
    </row>
    <row r="974187" spans="14:14">
      <c r="N974187" s="10"/>
    </row>
    <row r="974188" spans="14:14">
      <c r="N974188" s="10"/>
    </row>
    <row r="974189" spans="14:14">
      <c r="N974189" s="10"/>
    </row>
    <row r="974190" spans="14:14">
      <c r="N974190" s="10"/>
    </row>
    <row r="974191" spans="14:14">
      <c r="N974191" s="10"/>
    </row>
    <row r="974192" spans="14:14">
      <c r="N974192" s="10"/>
    </row>
    <row r="974193" spans="14:14">
      <c r="N974193" s="10"/>
    </row>
    <row r="974194" spans="14:14">
      <c r="N974194" s="10"/>
    </row>
    <row r="974195" spans="14:14">
      <c r="N974195" s="10"/>
    </row>
    <row r="974196" spans="14:14">
      <c r="N974196" s="10"/>
    </row>
    <row r="974197" spans="14:14">
      <c r="N974197" s="10"/>
    </row>
    <row r="974198" spans="14:14">
      <c r="N974198" s="10"/>
    </row>
    <row r="974199" spans="14:14">
      <c r="N974199" s="10"/>
    </row>
    <row r="974200" spans="14:14">
      <c r="N974200" s="10"/>
    </row>
    <row r="974201" spans="14:14">
      <c r="N974201" s="10"/>
    </row>
    <row r="974202" spans="14:14">
      <c r="N974202" s="10"/>
    </row>
    <row r="974203" spans="14:14">
      <c r="N974203" s="10"/>
    </row>
    <row r="974204" spans="14:14">
      <c r="N974204" s="10"/>
    </row>
    <row r="974205" spans="14:14">
      <c r="N974205" s="10"/>
    </row>
    <row r="974206" spans="14:14">
      <c r="N974206" s="10"/>
    </row>
    <row r="974207" spans="14:14">
      <c r="N974207" s="10"/>
    </row>
    <row r="974208" spans="14:14">
      <c r="N974208" s="10"/>
    </row>
    <row r="974209" spans="14:14">
      <c r="N974209" s="10"/>
    </row>
    <row r="974210" spans="14:14">
      <c r="N974210" s="10"/>
    </row>
    <row r="974211" spans="14:14">
      <c r="N974211" s="10"/>
    </row>
    <row r="974212" spans="14:14">
      <c r="N974212" s="10"/>
    </row>
    <row r="974213" spans="14:14">
      <c r="N974213" s="10"/>
    </row>
    <row r="974214" spans="14:14">
      <c r="N974214" s="10"/>
    </row>
    <row r="974215" spans="14:14">
      <c r="N974215" s="10"/>
    </row>
    <row r="974216" spans="14:14">
      <c r="N974216" s="10"/>
    </row>
    <row r="974217" spans="14:14">
      <c r="N974217" s="10"/>
    </row>
    <row r="974218" spans="14:14">
      <c r="N974218" s="10"/>
    </row>
    <row r="974219" spans="14:14">
      <c r="N974219" s="10"/>
    </row>
    <row r="974220" spans="14:14">
      <c r="N974220" s="10"/>
    </row>
    <row r="974221" spans="14:14">
      <c r="N974221" s="10"/>
    </row>
    <row r="974222" spans="14:14">
      <c r="N974222" s="10"/>
    </row>
    <row r="974223" spans="14:14">
      <c r="N974223" s="10"/>
    </row>
    <row r="974224" spans="14:14">
      <c r="N974224" s="10"/>
    </row>
    <row r="974225" spans="14:14">
      <c r="N974225" s="10"/>
    </row>
    <row r="974226" spans="14:14">
      <c r="N974226" s="10"/>
    </row>
    <row r="974227" spans="14:14">
      <c r="N974227" s="10"/>
    </row>
    <row r="974228" spans="14:14">
      <c r="N974228" s="10"/>
    </row>
    <row r="974229" spans="14:14">
      <c r="N974229" s="10"/>
    </row>
    <row r="974230" spans="14:14">
      <c r="N974230" s="10"/>
    </row>
    <row r="974231" spans="14:14">
      <c r="N974231" s="10"/>
    </row>
    <row r="974232" spans="14:14">
      <c r="N974232" s="10"/>
    </row>
    <row r="974233" spans="14:14">
      <c r="N974233" s="10"/>
    </row>
    <row r="974234" spans="14:14">
      <c r="N974234" s="10"/>
    </row>
    <row r="974235" spans="14:14">
      <c r="N974235" s="10"/>
    </row>
    <row r="974236" spans="14:14">
      <c r="N974236" s="10"/>
    </row>
    <row r="974237" spans="14:14">
      <c r="N974237" s="10"/>
    </row>
    <row r="974238" spans="14:14">
      <c r="N974238" s="10"/>
    </row>
    <row r="974239" spans="14:14">
      <c r="N974239" s="10"/>
    </row>
    <row r="974240" spans="14:14">
      <c r="N974240" s="10"/>
    </row>
    <row r="974241" spans="14:14">
      <c r="N974241" s="10"/>
    </row>
    <row r="974242" spans="14:14">
      <c r="N974242" s="10"/>
    </row>
    <row r="974243" spans="14:14">
      <c r="N974243" s="10"/>
    </row>
    <row r="974244" spans="14:14">
      <c r="N974244" s="10"/>
    </row>
    <row r="974245" spans="14:14">
      <c r="N974245" s="10"/>
    </row>
    <row r="974246" spans="14:14">
      <c r="N974246" s="10"/>
    </row>
    <row r="974247" spans="14:14">
      <c r="N974247" s="10"/>
    </row>
    <row r="974248" spans="14:14">
      <c r="N974248" s="10"/>
    </row>
    <row r="974249" spans="14:14">
      <c r="N974249" s="10"/>
    </row>
    <row r="974250" spans="14:14">
      <c r="N974250" s="10"/>
    </row>
    <row r="974251" spans="14:14">
      <c r="N974251" s="10"/>
    </row>
    <row r="974252" spans="14:14">
      <c r="N974252" s="10"/>
    </row>
    <row r="974253" spans="14:14">
      <c r="N974253" s="10"/>
    </row>
    <row r="974254" spans="14:14">
      <c r="N974254" s="10"/>
    </row>
    <row r="974255" spans="14:14">
      <c r="N974255" s="10"/>
    </row>
    <row r="974256" spans="14:14">
      <c r="N974256" s="10"/>
    </row>
    <row r="974257" spans="14:14">
      <c r="N974257" s="10"/>
    </row>
    <row r="974258" spans="14:14">
      <c r="N974258" s="10"/>
    </row>
    <row r="974259" spans="14:14">
      <c r="N974259" s="10"/>
    </row>
    <row r="974260" spans="14:14">
      <c r="N974260" s="10"/>
    </row>
    <row r="974261" spans="14:14">
      <c r="N974261" s="10"/>
    </row>
    <row r="974262" spans="14:14">
      <c r="N974262" s="10"/>
    </row>
    <row r="974263" spans="14:14">
      <c r="N974263" s="10"/>
    </row>
    <row r="974264" spans="14:14">
      <c r="N974264" s="10"/>
    </row>
    <row r="974265" spans="14:14">
      <c r="N974265" s="10"/>
    </row>
    <row r="974266" spans="14:14">
      <c r="N974266" s="10"/>
    </row>
    <row r="974267" spans="14:14">
      <c r="N974267" s="10"/>
    </row>
    <row r="974268" spans="14:14">
      <c r="N974268" s="10"/>
    </row>
    <row r="974269" spans="14:14">
      <c r="N974269" s="10"/>
    </row>
    <row r="974270" spans="14:14">
      <c r="N974270" s="10"/>
    </row>
    <row r="974271" spans="14:14">
      <c r="N974271" s="10"/>
    </row>
    <row r="974272" spans="14:14">
      <c r="N974272" s="10"/>
    </row>
    <row r="974273" spans="14:14">
      <c r="N974273" s="10"/>
    </row>
    <row r="974274" spans="14:14">
      <c r="N974274" s="10"/>
    </row>
    <row r="974275" spans="14:14">
      <c r="N974275" s="10"/>
    </row>
    <row r="974276" spans="14:14">
      <c r="N974276" s="10"/>
    </row>
    <row r="974277" spans="14:14">
      <c r="N974277" s="10"/>
    </row>
    <row r="974278" spans="14:14">
      <c r="N974278" s="10"/>
    </row>
    <row r="974279" spans="14:14">
      <c r="N974279" s="10"/>
    </row>
    <row r="974280" spans="14:14">
      <c r="N974280" s="10"/>
    </row>
    <row r="974281" spans="14:14">
      <c r="N974281" s="10"/>
    </row>
    <row r="974282" spans="14:14">
      <c r="N974282" s="10"/>
    </row>
    <row r="974283" spans="14:14">
      <c r="N974283" s="10"/>
    </row>
    <row r="974284" spans="14:14">
      <c r="N974284" s="10"/>
    </row>
    <row r="974285" spans="14:14">
      <c r="N974285" s="10"/>
    </row>
    <row r="974286" spans="14:14">
      <c r="N974286" s="10"/>
    </row>
    <row r="974287" spans="14:14">
      <c r="N974287" s="10"/>
    </row>
    <row r="974288" spans="14:14">
      <c r="N974288" s="10"/>
    </row>
    <row r="974289" spans="14:14">
      <c r="N974289" s="10"/>
    </row>
    <row r="974290" spans="14:14">
      <c r="N974290" s="10"/>
    </row>
    <row r="974291" spans="14:14">
      <c r="N974291" s="10"/>
    </row>
    <row r="974292" spans="14:14">
      <c r="N974292" s="10"/>
    </row>
    <row r="974293" spans="14:14">
      <c r="N974293" s="10"/>
    </row>
    <row r="974294" spans="14:14">
      <c r="N974294" s="10"/>
    </row>
    <row r="974295" spans="14:14">
      <c r="N974295" s="10"/>
    </row>
    <row r="974296" spans="14:14">
      <c r="N974296" s="10"/>
    </row>
    <row r="974297" spans="14:14">
      <c r="N974297" s="10"/>
    </row>
    <row r="974298" spans="14:14">
      <c r="N974298" s="10"/>
    </row>
    <row r="974299" spans="14:14">
      <c r="N974299" s="10"/>
    </row>
    <row r="974300" spans="14:14">
      <c r="N974300" s="10"/>
    </row>
    <row r="974301" spans="14:14">
      <c r="N974301" s="10"/>
    </row>
    <row r="974302" spans="14:14">
      <c r="N974302" s="10"/>
    </row>
    <row r="974303" spans="14:14">
      <c r="N974303" s="10"/>
    </row>
    <row r="974304" spans="14:14">
      <c r="N974304" s="10"/>
    </row>
    <row r="974305" spans="14:14">
      <c r="N974305" s="10"/>
    </row>
    <row r="974306" spans="14:14">
      <c r="N974306" s="10"/>
    </row>
    <row r="974307" spans="14:14">
      <c r="N974307" s="10"/>
    </row>
    <row r="974308" spans="14:14">
      <c r="N974308" s="10"/>
    </row>
    <row r="974309" spans="14:14">
      <c r="N974309" s="10"/>
    </row>
    <row r="974310" spans="14:14">
      <c r="N974310" s="10"/>
    </row>
    <row r="974311" spans="14:14">
      <c r="N974311" s="10"/>
    </row>
    <row r="974312" spans="14:14">
      <c r="N974312" s="10"/>
    </row>
    <row r="974313" spans="14:14">
      <c r="N974313" s="10"/>
    </row>
    <row r="974314" spans="14:14">
      <c r="N974314" s="10"/>
    </row>
    <row r="974315" spans="14:14">
      <c r="N974315" s="10"/>
    </row>
    <row r="974316" spans="14:14">
      <c r="N974316" s="10"/>
    </row>
    <row r="974317" spans="14:14">
      <c r="N974317" s="10"/>
    </row>
    <row r="974318" spans="14:14">
      <c r="N974318" s="10"/>
    </row>
    <row r="974319" spans="14:14">
      <c r="N974319" s="10"/>
    </row>
    <row r="974320" spans="14:14">
      <c r="N974320" s="10"/>
    </row>
    <row r="974321" spans="14:14">
      <c r="N974321" s="10"/>
    </row>
    <row r="974322" spans="14:14">
      <c r="N974322" s="10"/>
    </row>
    <row r="974323" spans="14:14">
      <c r="N974323" s="10"/>
    </row>
    <row r="974324" spans="14:14">
      <c r="N974324" s="10"/>
    </row>
    <row r="974325" spans="14:14">
      <c r="N974325" s="10"/>
    </row>
    <row r="974326" spans="14:14">
      <c r="N974326" s="10"/>
    </row>
    <row r="974327" spans="14:14">
      <c r="N974327" s="10"/>
    </row>
    <row r="974328" spans="14:14">
      <c r="N974328" s="10"/>
    </row>
    <row r="974329" spans="14:14">
      <c r="N974329" s="10"/>
    </row>
    <row r="974330" spans="14:14">
      <c r="N974330" s="10"/>
    </row>
    <row r="974331" spans="14:14">
      <c r="N974331" s="10"/>
    </row>
    <row r="974332" spans="14:14">
      <c r="N974332" s="10"/>
    </row>
    <row r="974333" spans="14:14">
      <c r="N974333" s="10"/>
    </row>
    <row r="974334" spans="14:14">
      <c r="N974334" s="10"/>
    </row>
    <row r="974335" spans="14:14">
      <c r="N974335" s="10"/>
    </row>
    <row r="974336" spans="14:14">
      <c r="N974336" s="10"/>
    </row>
    <row r="974337" spans="14:14">
      <c r="N974337" s="10"/>
    </row>
    <row r="974338" spans="14:14">
      <c r="N974338" s="10"/>
    </row>
    <row r="974339" spans="14:14">
      <c r="N974339" s="10"/>
    </row>
    <row r="974340" spans="14:14">
      <c r="N974340" s="10"/>
    </row>
    <row r="974341" spans="14:14">
      <c r="N974341" s="10"/>
    </row>
    <row r="974342" spans="14:14">
      <c r="N974342" s="10"/>
    </row>
    <row r="974343" spans="14:14">
      <c r="N974343" s="10"/>
    </row>
    <row r="974344" spans="14:14">
      <c r="N974344" s="10"/>
    </row>
    <row r="974345" spans="14:14">
      <c r="N974345" s="10"/>
    </row>
    <row r="974346" spans="14:14">
      <c r="N974346" s="10"/>
    </row>
    <row r="974347" spans="14:14">
      <c r="N974347" s="10"/>
    </row>
    <row r="974348" spans="14:14">
      <c r="N974348" s="10"/>
    </row>
    <row r="974349" spans="14:14">
      <c r="N974349" s="10"/>
    </row>
    <row r="974350" spans="14:14">
      <c r="N974350" s="10"/>
    </row>
    <row r="974351" spans="14:14">
      <c r="N974351" s="10"/>
    </row>
    <row r="974352" spans="14:14">
      <c r="N974352" s="10"/>
    </row>
    <row r="974353" spans="14:14">
      <c r="N974353" s="10"/>
    </row>
    <row r="974354" spans="14:14">
      <c r="N974354" s="10"/>
    </row>
    <row r="974355" spans="14:14">
      <c r="N974355" s="10"/>
    </row>
    <row r="974356" spans="14:14">
      <c r="N974356" s="10"/>
    </row>
    <row r="974357" spans="14:14">
      <c r="N974357" s="10"/>
    </row>
    <row r="974358" spans="14:14">
      <c r="N974358" s="10"/>
    </row>
    <row r="974359" spans="14:14">
      <c r="N974359" s="10"/>
    </row>
    <row r="974360" spans="14:14">
      <c r="N974360" s="10"/>
    </row>
    <row r="974361" spans="14:14">
      <c r="N974361" s="10"/>
    </row>
    <row r="974362" spans="14:14">
      <c r="N974362" s="10"/>
    </row>
    <row r="974363" spans="14:14">
      <c r="N974363" s="10"/>
    </row>
    <row r="974364" spans="14:14">
      <c r="N974364" s="10"/>
    </row>
    <row r="974365" spans="14:14">
      <c r="N974365" s="10"/>
    </row>
    <row r="974366" spans="14:14">
      <c r="N974366" s="10"/>
    </row>
    <row r="974367" spans="14:14">
      <c r="N974367" s="10"/>
    </row>
    <row r="974368" spans="14:14">
      <c r="N974368" s="10"/>
    </row>
    <row r="974369" spans="14:14">
      <c r="N974369" s="10"/>
    </row>
    <row r="974370" spans="14:14">
      <c r="N974370" s="10"/>
    </row>
    <row r="974371" spans="14:14">
      <c r="N974371" s="10"/>
    </row>
    <row r="974372" spans="14:14">
      <c r="N974372" s="10"/>
    </row>
    <row r="974373" spans="14:14">
      <c r="N974373" s="10"/>
    </row>
    <row r="974374" spans="14:14">
      <c r="N974374" s="10"/>
    </row>
    <row r="974375" spans="14:14">
      <c r="N974375" s="10"/>
    </row>
    <row r="974376" spans="14:14">
      <c r="N974376" s="10"/>
    </row>
    <row r="974377" spans="14:14">
      <c r="N974377" s="10"/>
    </row>
    <row r="974378" spans="14:14">
      <c r="N974378" s="10"/>
    </row>
    <row r="974379" spans="14:14">
      <c r="N974379" s="10"/>
    </row>
    <row r="974380" spans="14:14">
      <c r="N974380" s="10"/>
    </row>
    <row r="974381" spans="14:14">
      <c r="N974381" s="10"/>
    </row>
    <row r="974382" spans="14:14">
      <c r="N974382" s="10"/>
    </row>
    <row r="974383" spans="14:14">
      <c r="N974383" s="10"/>
    </row>
    <row r="974384" spans="14:14">
      <c r="N974384" s="10"/>
    </row>
    <row r="974385" spans="14:14">
      <c r="N974385" s="10"/>
    </row>
    <row r="974386" spans="14:14">
      <c r="N974386" s="10"/>
    </row>
    <row r="974387" spans="14:14">
      <c r="N974387" s="10"/>
    </row>
    <row r="974388" spans="14:14">
      <c r="N974388" s="10"/>
    </row>
    <row r="974389" spans="14:14">
      <c r="N974389" s="10"/>
    </row>
    <row r="974390" spans="14:14">
      <c r="N974390" s="10"/>
    </row>
    <row r="974391" spans="14:14">
      <c r="N974391" s="10"/>
    </row>
    <row r="974392" spans="14:14">
      <c r="N974392" s="10"/>
    </row>
    <row r="974393" spans="14:14">
      <c r="N974393" s="10"/>
    </row>
    <row r="974394" spans="14:14">
      <c r="N974394" s="10"/>
    </row>
    <row r="974395" spans="14:14">
      <c r="N974395" s="10"/>
    </row>
    <row r="974396" spans="14:14">
      <c r="N974396" s="10"/>
    </row>
    <row r="974397" spans="14:14">
      <c r="N974397" s="10"/>
    </row>
    <row r="974398" spans="14:14">
      <c r="N974398" s="10"/>
    </row>
    <row r="974399" spans="14:14">
      <c r="N974399" s="10"/>
    </row>
    <row r="974400" spans="14:14">
      <c r="N974400" s="10"/>
    </row>
    <row r="974401" spans="14:14">
      <c r="N974401" s="10"/>
    </row>
    <row r="974402" spans="14:14">
      <c r="N974402" s="10"/>
    </row>
    <row r="974403" spans="14:14">
      <c r="N974403" s="10"/>
    </row>
    <row r="974404" spans="14:14">
      <c r="N974404" s="10"/>
    </row>
    <row r="974405" spans="14:14">
      <c r="N974405" s="10"/>
    </row>
    <row r="974406" spans="14:14">
      <c r="N974406" s="10"/>
    </row>
    <row r="974407" spans="14:14">
      <c r="N974407" s="10"/>
    </row>
    <row r="974408" spans="14:14">
      <c r="N974408" s="10"/>
    </row>
    <row r="974409" spans="14:14">
      <c r="N974409" s="10"/>
    </row>
    <row r="974410" spans="14:14">
      <c r="N974410" s="10"/>
    </row>
    <row r="974411" spans="14:14">
      <c r="N974411" s="10"/>
    </row>
    <row r="974412" spans="14:14">
      <c r="N974412" s="10"/>
    </row>
    <row r="974413" spans="14:14">
      <c r="N974413" s="10"/>
    </row>
    <row r="974414" spans="14:14">
      <c r="N974414" s="10"/>
    </row>
    <row r="974415" spans="14:14">
      <c r="N974415" s="10"/>
    </row>
    <row r="974416" spans="14:14">
      <c r="N974416" s="10"/>
    </row>
    <row r="974417" spans="14:14">
      <c r="N974417" s="10"/>
    </row>
    <row r="974418" spans="14:14">
      <c r="N974418" s="10"/>
    </row>
    <row r="974419" spans="14:14">
      <c r="N974419" s="10"/>
    </row>
    <row r="974420" spans="14:14">
      <c r="N974420" s="10"/>
    </row>
    <row r="974421" spans="14:14">
      <c r="N974421" s="10"/>
    </row>
    <row r="974422" spans="14:14">
      <c r="N974422" s="10"/>
    </row>
    <row r="974423" spans="14:14">
      <c r="N974423" s="10"/>
    </row>
    <row r="974424" spans="14:14">
      <c r="N974424" s="10"/>
    </row>
    <row r="974425" spans="14:14">
      <c r="N974425" s="10"/>
    </row>
    <row r="974426" spans="14:14">
      <c r="N974426" s="10"/>
    </row>
    <row r="974427" spans="14:14">
      <c r="N974427" s="10"/>
    </row>
    <row r="974428" spans="14:14">
      <c r="N974428" s="10"/>
    </row>
    <row r="974429" spans="14:14">
      <c r="N974429" s="10"/>
    </row>
    <row r="974430" spans="14:14">
      <c r="N974430" s="10"/>
    </row>
    <row r="974431" spans="14:14">
      <c r="N974431" s="10"/>
    </row>
    <row r="974432" spans="14:14">
      <c r="N974432" s="10"/>
    </row>
    <row r="974433" spans="14:14">
      <c r="N974433" s="10"/>
    </row>
    <row r="974434" spans="14:14">
      <c r="N974434" s="10"/>
    </row>
    <row r="974435" spans="14:14">
      <c r="N974435" s="10"/>
    </row>
    <row r="974436" spans="14:14">
      <c r="N974436" s="10"/>
    </row>
    <row r="974437" spans="14:14">
      <c r="N974437" s="10"/>
    </row>
    <row r="974438" spans="14:14">
      <c r="N974438" s="10"/>
    </row>
    <row r="974439" spans="14:14">
      <c r="N974439" s="10"/>
    </row>
    <row r="974440" spans="14:14">
      <c r="N974440" s="10"/>
    </row>
    <row r="974441" spans="14:14">
      <c r="N974441" s="10"/>
    </row>
    <row r="974442" spans="14:14">
      <c r="N974442" s="10"/>
    </row>
    <row r="974443" spans="14:14">
      <c r="N974443" s="10"/>
    </row>
    <row r="974444" spans="14:14">
      <c r="N974444" s="10"/>
    </row>
    <row r="974445" spans="14:14">
      <c r="N974445" s="10"/>
    </row>
    <row r="974446" spans="14:14">
      <c r="N974446" s="10"/>
    </row>
    <row r="974447" spans="14:14">
      <c r="N974447" s="10"/>
    </row>
    <row r="974448" spans="14:14">
      <c r="N974448" s="10"/>
    </row>
    <row r="974449" spans="14:14">
      <c r="N974449" s="10"/>
    </row>
    <row r="974450" spans="14:14">
      <c r="N974450" s="10"/>
    </row>
    <row r="974451" spans="14:14">
      <c r="N974451" s="10"/>
    </row>
    <row r="974452" spans="14:14">
      <c r="N974452" s="10"/>
    </row>
    <row r="974453" spans="14:14">
      <c r="N974453" s="10"/>
    </row>
    <row r="974454" spans="14:14">
      <c r="N974454" s="10"/>
    </row>
    <row r="974455" spans="14:14">
      <c r="N974455" s="10"/>
    </row>
    <row r="974456" spans="14:14">
      <c r="N974456" s="10"/>
    </row>
    <row r="974457" spans="14:14">
      <c r="N974457" s="10"/>
    </row>
    <row r="974458" spans="14:14">
      <c r="N974458" s="10"/>
    </row>
    <row r="974459" spans="14:14">
      <c r="N974459" s="10"/>
    </row>
    <row r="974460" spans="14:14">
      <c r="N974460" s="10"/>
    </row>
    <row r="974461" spans="14:14">
      <c r="N974461" s="10"/>
    </row>
    <row r="974462" spans="14:14">
      <c r="N974462" s="10"/>
    </row>
    <row r="974463" spans="14:14">
      <c r="N974463" s="10"/>
    </row>
    <row r="974464" spans="14:14">
      <c r="N974464" s="10"/>
    </row>
    <row r="974465" spans="14:14">
      <c r="N974465" s="10"/>
    </row>
    <row r="974466" spans="14:14">
      <c r="N974466" s="10"/>
    </row>
    <row r="974467" spans="14:14">
      <c r="N974467" s="10"/>
    </row>
    <row r="974468" spans="14:14">
      <c r="N974468" s="10"/>
    </row>
    <row r="974469" spans="14:14">
      <c r="N974469" s="10"/>
    </row>
    <row r="974470" spans="14:14">
      <c r="N974470" s="10"/>
    </row>
    <row r="974471" spans="14:14">
      <c r="N974471" s="10"/>
    </row>
    <row r="974472" spans="14:14">
      <c r="N974472" s="10"/>
    </row>
    <row r="974473" spans="14:14">
      <c r="N974473" s="10"/>
    </row>
    <row r="974474" spans="14:14">
      <c r="N974474" s="10"/>
    </row>
    <row r="974475" spans="14:14">
      <c r="N974475" s="10"/>
    </row>
    <row r="974476" spans="14:14">
      <c r="N974476" s="10"/>
    </row>
    <row r="974477" spans="14:14">
      <c r="N974477" s="10"/>
    </row>
    <row r="974478" spans="14:14">
      <c r="N974478" s="10"/>
    </row>
    <row r="974479" spans="14:14">
      <c r="N974479" s="10"/>
    </row>
    <row r="974480" spans="14:14">
      <c r="N974480" s="10"/>
    </row>
    <row r="974481" spans="14:14">
      <c r="N974481" s="10"/>
    </row>
    <row r="974482" spans="14:14">
      <c r="N974482" s="10"/>
    </row>
    <row r="974483" spans="14:14">
      <c r="N974483" s="10"/>
    </row>
    <row r="974484" spans="14:14">
      <c r="N974484" s="10"/>
    </row>
    <row r="974485" spans="14:14">
      <c r="N974485" s="10"/>
    </row>
    <row r="974486" spans="14:14">
      <c r="N974486" s="10"/>
    </row>
    <row r="974487" spans="14:14">
      <c r="N974487" s="10"/>
    </row>
    <row r="974488" spans="14:14">
      <c r="N974488" s="10"/>
    </row>
    <row r="974489" spans="14:14">
      <c r="N974489" s="10"/>
    </row>
    <row r="974490" spans="14:14">
      <c r="N974490" s="10"/>
    </row>
    <row r="974491" spans="14:14">
      <c r="N974491" s="10"/>
    </row>
    <row r="974492" spans="14:14">
      <c r="N974492" s="10"/>
    </row>
    <row r="974493" spans="14:14">
      <c r="N974493" s="10"/>
    </row>
    <row r="974494" spans="14:14">
      <c r="N974494" s="10"/>
    </row>
    <row r="974495" spans="14:14">
      <c r="N974495" s="10"/>
    </row>
    <row r="974496" spans="14:14">
      <c r="N974496" s="10"/>
    </row>
    <row r="974497" spans="14:14">
      <c r="N974497" s="10"/>
    </row>
    <row r="974498" spans="14:14">
      <c r="N974498" s="10"/>
    </row>
    <row r="974499" spans="14:14">
      <c r="N974499" s="10"/>
    </row>
    <row r="974500" spans="14:14">
      <c r="N974500" s="10"/>
    </row>
    <row r="974501" spans="14:14">
      <c r="N974501" s="10"/>
    </row>
    <row r="974502" spans="14:14">
      <c r="N974502" s="10"/>
    </row>
    <row r="974503" spans="14:14">
      <c r="N974503" s="10"/>
    </row>
    <row r="974504" spans="14:14">
      <c r="N974504" s="10"/>
    </row>
    <row r="974505" spans="14:14">
      <c r="N974505" s="10"/>
    </row>
    <row r="974506" spans="14:14">
      <c r="N974506" s="10"/>
    </row>
    <row r="974507" spans="14:14">
      <c r="N974507" s="10"/>
    </row>
    <row r="974508" spans="14:14">
      <c r="N974508" s="10"/>
    </row>
    <row r="974509" spans="14:14">
      <c r="N974509" s="10"/>
    </row>
    <row r="974510" spans="14:14">
      <c r="N974510" s="10"/>
    </row>
    <row r="974511" spans="14:14">
      <c r="N974511" s="10"/>
    </row>
    <row r="974512" spans="14:14">
      <c r="N974512" s="10"/>
    </row>
    <row r="974513" spans="14:14">
      <c r="N974513" s="10"/>
    </row>
    <row r="974514" spans="14:14">
      <c r="N974514" s="10"/>
    </row>
    <row r="974515" spans="14:14">
      <c r="N974515" s="10"/>
    </row>
    <row r="974516" spans="14:14">
      <c r="N974516" s="10"/>
    </row>
    <row r="974517" spans="14:14">
      <c r="N974517" s="10"/>
    </row>
    <row r="974518" spans="14:14">
      <c r="N974518" s="10"/>
    </row>
    <row r="974519" spans="14:14">
      <c r="N974519" s="10"/>
    </row>
    <row r="974520" spans="14:14">
      <c r="N974520" s="10"/>
    </row>
    <row r="974521" spans="14:14">
      <c r="N974521" s="10"/>
    </row>
    <row r="974522" spans="14:14">
      <c r="N974522" s="10"/>
    </row>
    <row r="974523" spans="14:14">
      <c r="N974523" s="10"/>
    </row>
    <row r="974524" spans="14:14">
      <c r="N974524" s="10"/>
    </row>
    <row r="974525" spans="14:14">
      <c r="N974525" s="10"/>
    </row>
    <row r="974526" spans="14:14">
      <c r="N974526" s="10"/>
    </row>
    <row r="974527" spans="14:14">
      <c r="N974527" s="10"/>
    </row>
    <row r="974528" spans="14:14">
      <c r="N974528" s="10"/>
    </row>
    <row r="974529" spans="14:14">
      <c r="N974529" s="10"/>
    </row>
    <row r="974530" spans="14:14">
      <c r="N974530" s="10"/>
    </row>
    <row r="974531" spans="14:14">
      <c r="N974531" s="10"/>
    </row>
    <row r="974532" spans="14:14">
      <c r="N974532" s="10"/>
    </row>
    <row r="974533" spans="14:14">
      <c r="N974533" s="10"/>
    </row>
    <row r="974534" spans="14:14">
      <c r="N974534" s="10"/>
    </row>
    <row r="974535" spans="14:14">
      <c r="N974535" s="10"/>
    </row>
    <row r="974536" spans="14:14">
      <c r="N974536" s="10"/>
    </row>
    <row r="974537" spans="14:14">
      <c r="N974537" s="10"/>
    </row>
    <row r="974538" spans="14:14">
      <c r="N974538" s="10"/>
    </row>
    <row r="974539" spans="14:14">
      <c r="N974539" s="10"/>
    </row>
    <row r="974540" spans="14:14">
      <c r="N974540" s="10"/>
    </row>
    <row r="974541" spans="14:14">
      <c r="N974541" s="10"/>
    </row>
    <row r="974542" spans="14:14">
      <c r="N974542" s="10"/>
    </row>
    <row r="974543" spans="14:14">
      <c r="N974543" s="10"/>
    </row>
    <row r="974544" spans="14:14">
      <c r="N974544" s="10"/>
    </row>
    <row r="974545" spans="14:14">
      <c r="N974545" s="10"/>
    </row>
    <row r="974546" spans="14:14">
      <c r="N974546" s="10"/>
    </row>
    <row r="974547" spans="14:14">
      <c r="N974547" s="10"/>
    </row>
    <row r="974548" spans="14:14">
      <c r="N974548" s="10"/>
    </row>
    <row r="974549" spans="14:14">
      <c r="N974549" s="10"/>
    </row>
    <row r="974550" spans="14:14">
      <c r="N974550" s="10"/>
    </row>
    <row r="974551" spans="14:14">
      <c r="N974551" s="10"/>
    </row>
    <row r="974552" spans="14:14">
      <c r="N974552" s="10"/>
    </row>
    <row r="974553" spans="14:14">
      <c r="N974553" s="10"/>
    </row>
    <row r="974554" spans="14:14">
      <c r="N974554" s="10"/>
    </row>
    <row r="974555" spans="14:14">
      <c r="N974555" s="10"/>
    </row>
    <row r="974556" spans="14:14">
      <c r="N974556" s="10"/>
    </row>
    <row r="974557" spans="14:14">
      <c r="N974557" s="10"/>
    </row>
    <row r="974558" spans="14:14">
      <c r="N974558" s="10"/>
    </row>
    <row r="974559" spans="14:14">
      <c r="N974559" s="10"/>
    </row>
    <row r="974560" spans="14:14">
      <c r="N974560" s="10"/>
    </row>
    <row r="974561" spans="14:14">
      <c r="N974561" s="10"/>
    </row>
    <row r="974562" spans="14:14">
      <c r="N974562" s="10"/>
    </row>
    <row r="974563" spans="14:14">
      <c r="N974563" s="10"/>
    </row>
    <row r="974564" spans="14:14">
      <c r="N974564" s="10"/>
    </row>
    <row r="974565" spans="14:14">
      <c r="N974565" s="10"/>
    </row>
    <row r="974566" spans="14:14">
      <c r="N974566" s="10"/>
    </row>
    <row r="974567" spans="14:14">
      <c r="N974567" s="10"/>
    </row>
    <row r="974568" spans="14:14">
      <c r="N974568" s="10"/>
    </row>
    <row r="974569" spans="14:14">
      <c r="N974569" s="10"/>
    </row>
    <row r="974570" spans="14:14">
      <c r="N974570" s="10"/>
    </row>
    <row r="974571" spans="14:14">
      <c r="N974571" s="10"/>
    </row>
    <row r="974572" spans="14:14">
      <c r="N974572" s="10"/>
    </row>
    <row r="974573" spans="14:14">
      <c r="N974573" s="10"/>
    </row>
    <row r="974574" spans="14:14">
      <c r="N974574" s="10"/>
    </row>
    <row r="974575" spans="14:14">
      <c r="N974575" s="10"/>
    </row>
    <row r="974576" spans="14:14">
      <c r="N974576" s="10"/>
    </row>
    <row r="974577" spans="14:14">
      <c r="N974577" s="10"/>
    </row>
    <row r="974578" spans="14:14">
      <c r="N974578" s="10"/>
    </row>
    <row r="974579" spans="14:14">
      <c r="N974579" s="10"/>
    </row>
    <row r="974580" spans="14:14">
      <c r="N974580" s="10"/>
    </row>
    <row r="974581" spans="14:14">
      <c r="N974581" s="10"/>
    </row>
    <row r="974582" spans="14:14">
      <c r="N974582" s="10"/>
    </row>
    <row r="974583" spans="14:14">
      <c r="N974583" s="10"/>
    </row>
    <row r="974584" spans="14:14">
      <c r="N974584" s="10"/>
    </row>
    <row r="974585" spans="14:14">
      <c r="N974585" s="10"/>
    </row>
    <row r="974586" spans="14:14">
      <c r="N974586" s="10"/>
    </row>
    <row r="974587" spans="14:14">
      <c r="N974587" s="10"/>
    </row>
    <row r="974588" spans="14:14">
      <c r="N974588" s="10"/>
    </row>
    <row r="974589" spans="14:14">
      <c r="N974589" s="10"/>
    </row>
    <row r="974590" spans="14:14">
      <c r="N974590" s="10"/>
    </row>
    <row r="974591" spans="14:14">
      <c r="N974591" s="10"/>
    </row>
    <row r="974592" spans="14:14">
      <c r="N974592" s="10"/>
    </row>
    <row r="974593" spans="14:14">
      <c r="N974593" s="10"/>
    </row>
    <row r="974594" spans="14:14">
      <c r="N974594" s="10"/>
    </row>
    <row r="974595" spans="14:14">
      <c r="N974595" s="10"/>
    </row>
    <row r="974596" spans="14:14">
      <c r="N974596" s="10"/>
    </row>
    <row r="974597" spans="14:14">
      <c r="N974597" s="10"/>
    </row>
    <row r="974598" spans="14:14">
      <c r="N974598" s="10"/>
    </row>
    <row r="974599" spans="14:14">
      <c r="N974599" s="10"/>
    </row>
    <row r="974600" spans="14:14">
      <c r="N974600" s="10"/>
    </row>
    <row r="974601" spans="14:14">
      <c r="N974601" s="10"/>
    </row>
    <row r="974602" spans="14:14">
      <c r="N974602" s="10"/>
    </row>
    <row r="974603" spans="14:14">
      <c r="N974603" s="10"/>
    </row>
    <row r="974604" spans="14:14">
      <c r="N974604" s="10"/>
    </row>
    <row r="974605" spans="14:14">
      <c r="N974605" s="10"/>
    </row>
    <row r="974606" spans="14:14">
      <c r="N974606" s="10"/>
    </row>
    <row r="974607" spans="14:14">
      <c r="N974607" s="10"/>
    </row>
    <row r="974608" spans="14:14">
      <c r="N974608" s="10"/>
    </row>
    <row r="974609" spans="14:14">
      <c r="N974609" s="10"/>
    </row>
    <row r="974610" spans="14:14">
      <c r="N974610" s="10"/>
    </row>
    <row r="974611" spans="14:14">
      <c r="N974611" s="10"/>
    </row>
    <row r="974612" spans="14:14">
      <c r="N974612" s="10"/>
    </row>
    <row r="974613" spans="14:14">
      <c r="N974613" s="10"/>
    </row>
    <row r="974614" spans="14:14">
      <c r="N974614" s="10"/>
    </row>
    <row r="974615" spans="14:14">
      <c r="N974615" s="10"/>
    </row>
    <row r="974616" spans="14:14">
      <c r="N974616" s="10"/>
    </row>
    <row r="974617" spans="14:14">
      <c r="N974617" s="10"/>
    </row>
    <row r="974618" spans="14:14">
      <c r="N974618" s="10"/>
    </row>
    <row r="974619" spans="14:14">
      <c r="N974619" s="10"/>
    </row>
    <row r="974620" spans="14:14">
      <c r="N974620" s="10"/>
    </row>
    <row r="974621" spans="14:14">
      <c r="N974621" s="10"/>
    </row>
    <row r="974622" spans="14:14">
      <c r="N974622" s="10"/>
    </row>
    <row r="974623" spans="14:14">
      <c r="N974623" s="10"/>
    </row>
    <row r="974624" spans="14:14">
      <c r="N974624" s="10"/>
    </row>
    <row r="974625" spans="14:14">
      <c r="N974625" s="10"/>
    </row>
    <row r="974626" spans="14:14">
      <c r="N974626" s="10"/>
    </row>
    <row r="974627" spans="14:14">
      <c r="N974627" s="10"/>
    </row>
    <row r="974628" spans="14:14">
      <c r="N974628" s="10"/>
    </row>
    <row r="974629" spans="14:14">
      <c r="N974629" s="10"/>
    </row>
    <row r="974630" spans="14:14">
      <c r="N974630" s="10"/>
    </row>
    <row r="974631" spans="14:14">
      <c r="N974631" s="10"/>
    </row>
    <row r="974632" spans="14:14">
      <c r="N974632" s="10"/>
    </row>
    <row r="974633" spans="14:14">
      <c r="N974633" s="10"/>
    </row>
    <row r="974634" spans="14:14">
      <c r="N974634" s="10"/>
    </row>
    <row r="974635" spans="14:14">
      <c r="N974635" s="10"/>
    </row>
    <row r="974636" spans="14:14">
      <c r="N974636" s="10"/>
    </row>
    <row r="974637" spans="14:14">
      <c r="N974637" s="10"/>
    </row>
    <row r="974638" spans="14:14">
      <c r="N974638" s="10"/>
    </row>
    <row r="974639" spans="14:14">
      <c r="N974639" s="10"/>
    </row>
    <row r="974640" spans="14:14">
      <c r="N974640" s="10"/>
    </row>
    <row r="974641" spans="14:14">
      <c r="N974641" s="10"/>
    </row>
    <row r="974642" spans="14:14">
      <c r="N974642" s="10"/>
    </row>
    <row r="974643" spans="14:14">
      <c r="N974643" s="10"/>
    </row>
    <row r="974644" spans="14:14">
      <c r="N974644" s="10"/>
    </row>
    <row r="974645" spans="14:14">
      <c r="N974645" s="10"/>
    </row>
    <row r="974646" spans="14:14">
      <c r="N974646" s="10"/>
    </row>
    <row r="974647" spans="14:14">
      <c r="N974647" s="10"/>
    </row>
    <row r="974648" spans="14:14">
      <c r="N974648" s="10"/>
    </row>
    <row r="974649" spans="14:14">
      <c r="N974649" s="10"/>
    </row>
    <row r="974650" spans="14:14">
      <c r="N974650" s="10"/>
    </row>
    <row r="974651" spans="14:14">
      <c r="N974651" s="10"/>
    </row>
    <row r="974652" spans="14:14">
      <c r="N974652" s="10"/>
    </row>
    <row r="974653" spans="14:14">
      <c r="N974653" s="10"/>
    </row>
    <row r="974654" spans="14:14">
      <c r="N974654" s="10"/>
    </row>
    <row r="974655" spans="14:14">
      <c r="N974655" s="10"/>
    </row>
    <row r="974656" spans="14:14">
      <c r="N974656" s="10"/>
    </row>
    <row r="974657" spans="14:14">
      <c r="N974657" s="10"/>
    </row>
    <row r="974658" spans="14:14">
      <c r="N974658" s="10"/>
    </row>
    <row r="974659" spans="14:14">
      <c r="N974659" s="10"/>
    </row>
    <row r="974660" spans="14:14">
      <c r="N974660" s="10"/>
    </row>
    <row r="974661" spans="14:14">
      <c r="N974661" s="10"/>
    </row>
    <row r="974662" spans="14:14">
      <c r="N974662" s="10"/>
    </row>
    <row r="974663" spans="14:14">
      <c r="N974663" s="10"/>
    </row>
    <row r="974664" spans="14:14">
      <c r="N974664" s="10"/>
    </row>
    <row r="974665" spans="14:14">
      <c r="N974665" s="10"/>
    </row>
    <row r="974666" spans="14:14">
      <c r="N974666" s="10"/>
    </row>
    <row r="974667" spans="14:14">
      <c r="N974667" s="10"/>
    </row>
    <row r="974668" spans="14:14">
      <c r="N974668" s="10"/>
    </row>
    <row r="974669" spans="14:14">
      <c r="N974669" s="10"/>
    </row>
    <row r="974670" spans="14:14">
      <c r="N974670" s="10"/>
    </row>
    <row r="974671" spans="14:14">
      <c r="N974671" s="10"/>
    </row>
    <row r="974672" spans="14:14">
      <c r="N974672" s="10"/>
    </row>
    <row r="974673" spans="14:14">
      <c r="N974673" s="10"/>
    </row>
    <row r="974674" spans="14:14">
      <c r="N974674" s="10"/>
    </row>
    <row r="974675" spans="14:14">
      <c r="N974675" s="10"/>
    </row>
    <row r="974676" spans="14:14">
      <c r="N974676" s="10"/>
    </row>
    <row r="974677" spans="14:14">
      <c r="N974677" s="10"/>
    </row>
    <row r="974678" spans="14:14">
      <c r="N974678" s="10"/>
    </row>
    <row r="974679" spans="14:14">
      <c r="N974679" s="10"/>
    </row>
    <row r="974680" spans="14:14">
      <c r="N974680" s="10"/>
    </row>
    <row r="974681" spans="14:14">
      <c r="N974681" s="10"/>
    </row>
    <row r="974682" spans="14:14">
      <c r="N974682" s="10"/>
    </row>
    <row r="974683" spans="14:14">
      <c r="N974683" s="10"/>
    </row>
    <row r="974684" spans="14:14">
      <c r="N974684" s="10"/>
    </row>
    <row r="974685" spans="14:14">
      <c r="N974685" s="10"/>
    </row>
    <row r="974686" spans="14:14">
      <c r="N974686" s="10"/>
    </row>
    <row r="974687" spans="14:14">
      <c r="N974687" s="10"/>
    </row>
    <row r="974688" spans="14:14">
      <c r="N974688" s="10"/>
    </row>
    <row r="974689" spans="14:14">
      <c r="N974689" s="10"/>
    </row>
    <row r="974690" spans="14:14">
      <c r="N974690" s="10"/>
    </row>
    <row r="974691" spans="14:14">
      <c r="N974691" s="10"/>
    </row>
    <row r="974692" spans="14:14">
      <c r="N974692" s="10"/>
    </row>
    <row r="974693" spans="14:14">
      <c r="N974693" s="10"/>
    </row>
    <row r="974694" spans="14:14">
      <c r="N974694" s="10"/>
    </row>
    <row r="974695" spans="14:14">
      <c r="N974695" s="10"/>
    </row>
    <row r="974696" spans="14:14">
      <c r="N974696" s="10"/>
    </row>
    <row r="974697" spans="14:14">
      <c r="N974697" s="10"/>
    </row>
    <row r="974698" spans="14:14">
      <c r="N974698" s="10"/>
    </row>
    <row r="974699" spans="14:14">
      <c r="N974699" s="10"/>
    </row>
    <row r="974700" spans="14:14">
      <c r="N974700" s="10"/>
    </row>
    <row r="974701" spans="14:14">
      <c r="N974701" s="10"/>
    </row>
    <row r="974702" spans="14:14">
      <c r="N974702" s="10"/>
    </row>
    <row r="974703" spans="14:14">
      <c r="N974703" s="10"/>
    </row>
    <row r="974704" spans="14:14">
      <c r="N974704" s="10"/>
    </row>
    <row r="974705" spans="14:14">
      <c r="N974705" s="10"/>
    </row>
    <row r="974706" spans="14:14">
      <c r="N974706" s="10"/>
    </row>
    <row r="974707" spans="14:14">
      <c r="N974707" s="10"/>
    </row>
    <row r="974708" spans="14:14">
      <c r="N974708" s="10"/>
    </row>
    <row r="974709" spans="14:14">
      <c r="N974709" s="10"/>
    </row>
    <row r="974710" spans="14:14">
      <c r="N974710" s="10"/>
    </row>
    <row r="974711" spans="14:14">
      <c r="N974711" s="10"/>
    </row>
    <row r="974712" spans="14:14">
      <c r="N974712" s="10"/>
    </row>
    <row r="974713" spans="14:14">
      <c r="N974713" s="10"/>
    </row>
    <row r="974714" spans="14:14">
      <c r="N974714" s="10"/>
    </row>
    <row r="974715" spans="14:14">
      <c r="N974715" s="10"/>
    </row>
    <row r="974716" spans="14:14">
      <c r="N974716" s="10"/>
    </row>
    <row r="974717" spans="14:14">
      <c r="N974717" s="10"/>
    </row>
    <row r="974718" spans="14:14">
      <c r="N974718" s="10"/>
    </row>
    <row r="974719" spans="14:14">
      <c r="N974719" s="10"/>
    </row>
    <row r="974720" spans="14:14">
      <c r="N974720" s="10"/>
    </row>
    <row r="974721" spans="14:14">
      <c r="N974721" s="10"/>
    </row>
    <row r="974722" spans="14:14">
      <c r="N974722" s="10"/>
    </row>
    <row r="974723" spans="14:14">
      <c r="N974723" s="10"/>
    </row>
    <row r="974724" spans="14:14">
      <c r="N974724" s="10"/>
    </row>
    <row r="974725" spans="14:14">
      <c r="N974725" s="10"/>
    </row>
    <row r="974726" spans="14:14">
      <c r="N974726" s="10"/>
    </row>
    <row r="974727" spans="14:14">
      <c r="N974727" s="10"/>
    </row>
    <row r="974728" spans="14:14">
      <c r="N974728" s="10"/>
    </row>
    <row r="974729" spans="14:14">
      <c r="N974729" s="10"/>
    </row>
    <row r="974730" spans="14:14">
      <c r="N974730" s="10"/>
    </row>
    <row r="974731" spans="14:14">
      <c r="N974731" s="10"/>
    </row>
    <row r="974732" spans="14:14">
      <c r="N974732" s="10"/>
    </row>
    <row r="974733" spans="14:14">
      <c r="N974733" s="10"/>
    </row>
    <row r="974734" spans="14:14">
      <c r="N974734" s="10"/>
    </row>
    <row r="974735" spans="14:14">
      <c r="N974735" s="10"/>
    </row>
    <row r="974736" spans="14:14">
      <c r="N974736" s="10"/>
    </row>
    <row r="974737" spans="14:14">
      <c r="N974737" s="10"/>
    </row>
    <row r="974738" spans="14:14">
      <c r="N974738" s="10"/>
    </row>
    <row r="974739" spans="14:14">
      <c r="N974739" s="10"/>
    </row>
    <row r="974740" spans="14:14">
      <c r="N974740" s="10"/>
    </row>
    <row r="974741" spans="14:14">
      <c r="N974741" s="10"/>
    </row>
    <row r="974742" spans="14:14">
      <c r="N974742" s="10"/>
    </row>
    <row r="974743" spans="14:14">
      <c r="N974743" s="10"/>
    </row>
    <row r="974744" spans="14:14">
      <c r="N974744" s="10"/>
    </row>
    <row r="974745" spans="14:14">
      <c r="N974745" s="10"/>
    </row>
    <row r="974746" spans="14:14">
      <c r="N974746" s="10"/>
    </row>
    <row r="974747" spans="14:14">
      <c r="N974747" s="10"/>
    </row>
    <row r="974748" spans="14:14">
      <c r="N974748" s="10"/>
    </row>
    <row r="974749" spans="14:14">
      <c r="N974749" s="10"/>
    </row>
    <row r="974750" spans="14:14">
      <c r="N974750" s="10"/>
    </row>
    <row r="974751" spans="14:14">
      <c r="N974751" s="10"/>
    </row>
    <row r="974752" spans="14:14">
      <c r="N974752" s="10"/>
    </row>
    <row r="974753" spans="14:14">
      <c r="N974753" s="10"/>
    </row>
    <row r="974754" spans="14:14">
      <c r="N974754" s="10"/>
    </row>
    <row r="974755" spans="14:14">
      <c r="N974755" s="10"/>
    </row>
    <row r="974756" spans="14:14">
      <c r="N974756" s="10"/>
    </row>
    <row r="974757" spans="14:14">
      <c r="N974757" s="10"/>
    </row>
    <row r="974758" spans="14:14">
      <c r="N974758" s="10"/>
    </row>
    <row r="974759" spans="14:14">
      <c r="N974759" s="10"/>
    </row>
    <row r="974760" spans="14:14">
      <c r="N974760" s="10"/>
    </row>
    <row r="974761" spans="14:14">
      <c r="N974761" s="10"/>
    </row>
    <row r="974762" spans="14:14">
      <c r="N974762" s="10"/>
    </row>
    <row r="974763" spans="14:14">
      <c r="N974763" s="10"/>
    </row>
    <row r="974764" spans="14:14">
      <c r="N974764" s="10"/>
    </row>
    <row r="974765" spans="14:14">
      <c r="N974765" s="10"/>
    </row>
    <row r="974766" spans="14:14">
      <c r="N974766" s="10"/>
    </row>
    <row r="974767" spans="14:14">
      <c r="N974767" s="10"/>
    </row>
    <row r="974768" spans="14:14">
      <c r="N974768" s="10"/>
    </row>
    <row r="974769" spans="14:14">
      <c r="N974769" s="10"/>
    </row>
    <row r="974770" spans="14:14">
      <c r="N974770" s="10"/>
    </row>
    <row r="974771" spans="14:14">
      <c r="N974771" s="10"/>
    </row>
    <row r="974772" spans="14:14">
      <c r="N974772" s="10"/>
    </row>
    <row r="974773" spans="14:14">
      <c r="N974773" s="10"/>
    </row>
    <row r="974774" spans="14:14">
      <c r="N974774" s="10"/>
    </row>
    <row r="974775" spans="14:14">
      <c r="N974775" s="10"/>
    </row>
    <row r="974776" spans="14:14">
      <c r="N974776" s="10"/>
    </row>
    <row r="974777" spans="14:14">
      <c r="N974777" s="10"/>
    </row>
    <row r="974778" spans="14:14">
      <c r="N974778" s="10"/>
    </row>
    <row r="974779" spans="14:14">
      <c r="N974779" s="10"/>
    </row>
    <row r="974780" spans="14:14">
      <c r="N974780" s="10"/>
    </row>
    <row r="974781" spans="14:14">
      <c r="N974781" s="10"/>
    </row>
    <row r="974782" spans="14:14">
      <c r="N974782" s="10"/>
    </row>
    <row r="974783" spans="14:14">
      <c r="N974783" s="10"/>
    </row>
    <row r="974784" spans="14:14">
      <c r="N974784" s="10"/>
    </row>
    <row r="974785" spans="14:14">
      <c r="N974785" s="10"/>
    </row>
    <row r="974786" spans="14:14">
      <c r="N974786" s="10"/>
    </row>
    <row r="974787" spans="14:14">
      <c r="N974787" s="10"/>
    </row>
    <row r="974788" spans="14:14">
      <c r="N974788" s="10"/>
    </row>
    <row r="974789" spans="14:14">
      <c r="N974789" s="10"/>
    </row>
    <row r="974790" spans="14:14">
      <c r="N974790" s="10"/>
    </row>
    <row r="974791" spans="14:14">
      <c r="N974791" s="10"/>
    </row>
    <row r="974792" spans="14:14">
      <c r="N974792" s="10"/>
    </row>
    <row r="974793" spans="14:14">
      <c r="N974793" s="10"/>
    </row>
    <row r="974794" spans="14:14">
      <c r="N974794" s="10"/>
    </row>
    <row r="974795" spans="14:14">
      <c r="N974795" s="10"/>
    </row>
    <row r="974796" spans="14:14">
      <c r="N974796" s="10"/>
    </row>
    <row r="974797" spans="14:14">
      <c r="N974797" s="10"/>
    </row>
    <row r="974798" spans="14:14">
      <c r="N974798" s="10"/>
    </row>
    <row r="974799" spans="14:14">
      <c r="N974799" s="10"/>
    </row>
    <row r="974800" spans="14:14">
      <c r="N974800" s="10"/>
    </row>
    <row r="974801" spans="14:14">
      <c r="N974801" s="10"/>
    </row>
    <row r="974802" spans="14:14">
      <c r="N974802" s="10"/>
    </row>
    <row r="974803" spans="14:14">
      <c r="N974803" s="10"/>
    </row>
    <row r="974804" spans="14:14">
      <c r="N974804" s="10"/>
    </row>
    <row r="974805" spans="14:14">
      <c r="N974805" s="10"/>
    </row>
    <row r="974806" spans="14:14">
      <c r="N974806" s="10"/>
    </row>
    <row r="974807" spans="14:14">
      <c r="N974807" s="10"/>
    </row>
    <row r="974808" spans="14:14">
      <c r="N974808" s="10"/>
    </row>
    <row r="974809" spans="14:14">
      <c r="N974809" s="10"/>
    </row>
    <row r="974810" spans="14:14">
      <c r="N974810" s="10"/>
    </row>
    <row r="974811" spans="14:14">
      <c r="N974811" s="10"/>
    </row>
    <row r="974812" spans="14:14">
      <c r="N974812" s="10"/>
    </row>
    <row r="974813" spans="14:14">
      <c r="N974813" s="10"/>
    </row>
    <row r="974814" spans="14:14">
      <c r="N974814" s="10"/>
    </row>
    <row r="974815" spans="14:14">
      <c r="N974815" s="10"/>
    </row>
    <row r="974816" spans="14:14">
      <c r="N974816" s="10"/>
    </row>
    <row r="974817" spans="14:14">
      <c r="N974817" s="10"/>
    </row>
    <row r="974818" spans="14:14">
      <c r="N974818" s="10"/>
    </row>
    <row r="974819" spans="14:14">
      <c r="N974819" s="10"/>
    </row>
    <row r="974820" spans="14:14">
      <c r="N974820" s="10"/>
    </row>
    <row r="974821" spans="14:14">
      <c r="N974821" s="10"/>
    </row>
    <row r="974822" spans="14:14">
      <c r="N974822" s="10"/>
    </row>
    <row r="974823" spans="14:14">
      <c r="N974823" s="10"/>
    </row>
    <row r="974824" spans="14:14">
      <c r="N974824" s="10"/>
    </row>
    <row r="974825" spans="14:14">
      <c r="N974825" s="10"/>
    </row>
    <row r="974826" spans="14:14">
      <c r="N974826" s="10"/>
    </row>
    <row r="974827" spans="14:14">
      <c r="N974827" s="10"/>
    </row>
    <row r="974828" spans="14:14">
      <c r="N974828" s="10"/>
    </row>
    <row r="974829" spans="14:14">
      <c r="N974829" s="10"/>
    </row>
    <row r="974830" spans="14:14">
      <c r="N974830" s="10"/>
    </row>
    <row r="974831" spans="14:14">
      <c r="N974831" s="10"/>
    </row>
    <row r="974832" spans="14:14">
      <c r="N974832" s="10"/>
    </row>
    <row r="974833" spans="14:14">
      <c r="N974833" s="10"/>
    </row>
    <row r="974834" spans="14:14">
      <c r="N974834" s="10"/>
    </row>
    <row r="974835" spans="14:14">
      <c r="N974835" s="10"/>
    </row>
    <row r="974836" spans="14:14">
      <c r="N974836" s="10"/>
    </row>
    <row r="974837" spans="14:14">
      <c r="N974837" s="10"/>
    </row>
    <row r="974838" spans="14:14">
      <c r="N974838" s="10"/>
    </row>
    <row r="974839" spans="14:14">
      <c r="N974839" s="10"/>
    </row>
    <row r="974840" spans="14:14">
      <c r="N974840" s="10"/>
    </row>
    <row r="974841" spans="14:14">
      <c r="N974841" s="10"/>
    </row>
    <row r="974842" spans="14:14">
      <c r="N974842" s="10"/>
    </row>
    <row r="974843" spans="14:14">
      <c r="N974843" s="10"/>
    </row>
    <row r="974844" spans="14:14">
      <c r="N974844" s="10"/>
    </row>
    <row r="974845" spans="14:14">
      <c r="N974845" s="10"/>
    </row>
    <row r="974846" spans="14:14">
      <c r="N974846" s="10"/>
    </row>
    <row r="974847" spans="14:14">
      <c r="N974847" s="10"/>
    </row>
    <row r="974848" spans="14:14">
      <c r="N974848" s="10"/>
    </row>
    <row r="974849" spans="14:14">
      <c r="N974849" s="10"/>
    </row>
    <row r="974850" spans="14:14">
      <c r="N974850" s="10"/>
    </row>
    <row r="974851" spans="14:14">
      <c r="N974851" s="10"/>
    </row>
    <row r="974852" spans="14:14">
      <c r="N974852" s="10"/>
    </row>
    <row r="974853" spans="14:14">
      <c r="N974853" s="10"/>
    </row>
    <row r="974854" spans="14:14">
      <c r="N974854" s="10"/>
    </row>
    <row r="974855" spans="14:14">
      <c r="N974855" s="10"/>
    </row>
    <row r="974856" spans="14:14">
      <c r="N974856" s="10"/>
    </row>
    <row r="974857" spans="14:14">
      <c r="N974857" s="10"/>
    </row>
    <row r="974858" spans="14:14">
      <c r="N974858" s="10"/>
    </row>
    <row r="974859" spans="14:14">
      <c r="N974859" s="10"/>
    </row>
    <row r="974860" spans="14:14">
      <c r="N974860" s="10"/>
    </row>
    <row r="974861" spans="14:14">
      <c r="N974861" s="10"/>
    </row>
    <row r="974862" spans="14:14">
      <c r="N974862" s="10"/>
    </row>
    <row r="974863" spans="14:14">
      <c r="N974863" s="10"/>
    </row>
    <row r="974864" spans="14:14">
      <c r="N974864" s="10"/>
    </row>
    <row r="974865" spans="14:14">
      <c r="N974865" s="10"/>
    </row>
    <row r="974866" spans="14:14">
      <c r="N974866" s="10"/>
    </row>
    <row r="974867" spans="14:14">
      <c r="N974867" s="10"/>
    </row>
    <row r="974868" spans="14:14">
      <c r="N974868" s="10"/>
    </row>
    <row r="974869" spans="14:14">
      <c r="N974869" s="10"/>
    </row>
    <row r="974870" spans="14:14">
      <c r="N974870" s="10"/>
    </row>
    <row r="974871" spans="14:14">
      <c r="N974871" s="10"/>
    </row>
    <row r="974872" spans="14:14">
      <c r="N974872" s="10"/>
    </row>
    <row r="974873" spans="14:14">
      <c r="N974873" s="10"/>
    </row>
    <row r="974874" spans="14:14">
      <c r="N974874" s="10"/>
    </row>
    <row r="974875" spans="14:14">
      <c r="N974875" s="10"/>
    </row>
    <row r="974876" spans="14:14">
      <c r="N974876" s="10"/>
    </row>
    <row r="974877" spans="14:14">
      <c r="N974877" s="10"/>
    </row>
    <row r="974878" spans="14:14">
      <c r="N974878" s="10"/>
    </row>
    <row r="974879" spans="14:14">
      <c r="N974879" s="10"/>
    </row>
    <row r="974880" spans="14:14">
      <c r="N974880" s="10"/>
    </row>
    <row r="974881" spans="14:14">
      <c r="N974881" s="10"/>
    </row>
    <row r="974882" spans="14:14">
      <c r="N974882" s="10"/>
    </row>
    <row r="974883" spans="14:14">
      <c r="N974883" s="10"/>
    </row>
    <row r="974884" spans="14:14">
      <c r="N974884" s="10"/>
    </row>
    <row r="974885" spans="14:14">
      <c r="N974885" s="10"/>
    </row>
    <row r="974886" spans="14:14">
      <c r="N974886" s="10"/>
    </row>
    <row r="974887" spans="14:14">
      <c r="N974887" s="10"/>
    </row>
    <row r="974888" spans="14:14">
      <c r="N974888" s="10"/>
    </row>
    <row r="974889" spans="14:14">
      <c r="N974889" s="10"/>
    </row>
    <row r="974890" spans="14:14">
      <c r="N974890" s="10"/>
    </row>
    <row r="974891" spans="14:14">
      <c r="N974891" s="10"/>
    </row>
    <row r="974892" spans="14:14">
      <c r="N974892" s="10"/>
    </row>
    <row r="974893" spans="14:14">
      <c r="N974893" s="10"/>
    </row>
    <row r="974894" spans="14:14">
      <c r="N974894" s="10"/>
    </row>
    <row r="974895" spans="14:14">
      <c r="N974895" s="10"/>
    </row>
    <row r="974896" spans="14:14">
      <c r="N974896" s="10"/>
    </row>
    <row r="974897" spans="14:14">
      <c r="N974897" s="10"/>
    </row>
    <row r="974898" spans="14:14">
      <c r="N974898" s="10"/>
    </row>
    <row r="974899" spans="14:14">
      <c r="N974899" s="10"/>
    </row>
    <row r="974900" spans="14:14">
      <c r="N974900" s="10"/>
    </row>
    <row r="974901" spans="14:14">
      <c r="N974901" s="10"/>
    </row>
    <row r="974902" spans="14:14">
      <c r="N974902" s="10"/>
    </row>
    <row r="974903" spans="14:14">
      <c r="N974903" s="10"/>
    </row>
    <row r="974904" spans="14:14">
      <c r="N974904" s="10"/>
    </row>
    <row r="974905" spans="14:14">
      <c r="N974905" s="10"/>
    </row>
    <row r="974906" spans="14:14">
      <c r="N974906" s="10"/>
    </row>
    <row r="974907" spans="14:14">
      <c r="N974907" s="10"/>
    </row>
    <row r="974908" spans="14:14">
      <c r="N974908" s="10"/>
    </row>
    <row r="974909" spans="14:14">
      <c r="N974909" s="10"/>
    </row>
    <row r="974910" spans="14:14">
      <c r="N974910" s="10"/>
    </row>
    <row r="974911" spans="14:14">
      <c r="N974911" s="10"/>
    </row>
    <row r="974912" spans="14:14">
      <c r="N974912" s="10"/>
    </row>
    <row r="974913" spans="14:14">
      <c r="N974913" s="10"/>
    </row>
    <row r="974914" spans="14:14">
      <c r="N974914" s="10"/>
    </row>
    <row r="974915" spans="14:14">
      <c r="N974915" s="10"/>
    </row>
    <row r="974916" spans="14:14">
      <c r="N974916" s="10"/>
    </row>
    <row r="974917" spans="14:14">
      <c r="N974917" s="10"/>
    </row>
    <row r="974918" spans="14:14">
      <c r="N974918" s="10"/>
    </row>
    <row r="974919" spans="14:14">
      <c r="N974919" s="10"/>
    </row>
    <row r="974920" spans="14:14">
      <c r="N974920" s="10"/>
    </row>
    <row r="974921" spans="14:14">
      <c r="N974921" s="10"/>
    </row>
    <row r="974922" spans="14:14">
      <c r="N974922" s="10"/>
    </row>
    <row r="974923" spans="14:14">
      <c r="N974923" s="10"/>
    </row>
    <row r="974924" spans="14:14">
      <c r="N974924" s="10"/>
    </row>
    <row r="974925" spans="14:14">
      <c r="N974925" s="10"/>
    </row>
    <row r="974926" spans="14:14">
      <c r="N974926" s="10"/>
    </row>
    <row r="974927" spans="14:14">
      <c r="N974927" s="10"/>
    </row>
    <row r="974928" spans="14:14">
      <c r="N974928" s="10"/>
    </row>
    <row r="974929" spans="14:14">
      <c r="N974929" s="10"/>
    </row>
    <row r="974930" spans="14:14">
      <c r="N974930" s="10"/>
    </row>
    <row r="974931" spans="14:14">
      <c r="N974931" s="10"/>
    </row>
    <row r="974932" spans="14:14">
      <c r="N974932" s="10"/>
    </row>
    <row r="974933" spans="14:14">
      <c r="N974933" s="10"/>
    </row>
    <row r="974934" spans="14:14">
      <c r="N974934" s="10"/>
    </row>
    <row r="974935" spans="14:14">
      <c r="N974935" s="10"/>
    </row>
    <row r="974936" spans="14:14">
      <c r="N974936" s="10"/>
    </row>
    <row r="974937" spans="14:14">
      <c r="N974937" s="10"/>
    </row>
    <row r="974938" spans="14:14">
      <c r="N974938" s="10"/>
    </row>
    <row r="974939" spans="14:14">
      <c r="N974939" s="10"/>
    </row>
    <row r="974940" spans="14:14">
      <c r="N974940" s="10"/>
    </row>
    <row r="974941" spans="14:14">
      <c r="N974941" s="10"/>
    </row>
    <row r="974942" spans="14:14">
      <c r="N974942" s="10"/>
    </row>
    <row r="974943" spans="14:14">
      <c r="N974943" s="10"/>
    </row>
    <row r="974944" spans="14:14">
      <c r="N974944" s="10"/>
    </row>
    <row r="974945" spans="14:14">
      <c r="N974945" s="10"/>
    </row>
    <row r="974946" spans="14:14">
      <c r="N974946" s="10"/>
    </row>
    <row r="974947" spans="14:14">
      <c r="N974947" s="10"/>
    </row>
    <row r="974948" spans="14:14">
      <c r="N974948" s="10"/>
    </row>
    <row r="974949" spans="14:14">
      <c r="N974949" s="10"/>
    </row>
    <row r="974950" spans="14:14">
      <c r="N974950" s="10"/>
    </row>
    <row r="974951" spans="14:14">
      <c r="N974951" s="10"/>
    </row>
    <row r="974952" spans="14:14">
      <c r="N974952" s="10"/>
    </row>
    <row r="974953" spans="14:14">
      <c r="N974953" s="10"/>
    </row>
    <row r="974954" spans="14:14">
      <c r="N974954" s="10"/>
    </row>
    <row r="974955" spans="14:14">
      <c r="N974955" s="10"/>
    </row>
    <row r="974956" spans="14:14">
      <c r="N974956" s="10"/>
    </row>
    <row r="974957" spans="14:14">
      <c r="N974957" s="10"/>
    </row>
    <row r="974958" spans="14:14">
      <c r="N974958" s="10"/>
    </row>
    <row r="974959" spans="14:14">
      <c r="N974959" s="10"/>
    </row>
    <row r="974960" spans="14:14">
      <c r="N974960" s="10"/>
    </row>
    <row r="974961" spans="14:14">
      <c r="N974961" s="10"/>
    </row>
    <row r="974962" spans="14:14">
      <c r="N974962" s="10"/>
    </row>
    <row r="974963" spans="14:14">
      <c r="N974963" s="10"/>
    </row>
    <row r="974964" spans="14:14">
      <c r="N974964" s="10"/>
    </row>
    <row r="974965" spans="14:14">
      <c r="N974965" s="10"/>
    </row>
    <row r="974966" spans="14:14">
      <c r="N974966" s="10"/>
    </row>
    <row r="974967" spans="14:14">
      <c r="N974967" s="10"/>
    </row>
    <row r="974968" spans="14:14">
      <c r="N974968" s="10"/>
    </row>
    <row r="974969" spans="14:14">
      <c r="N974969" s="10"/>
    </row>
    <row r="974970" spans="14:14">
      <c r="N974970" s="10"/>
    </row>
    <row r="974971" spans="14:14">
      <c r="N974971" s="10"/>
    </row>
    <row r="974972" spans="14:14">
      <c r="N974972" s="10"/>
    </row>
    <row r="974973" spans="14:14">
      <c r="N974973" s="10"/>
    </row>
    <row r="974974" spans="14:14">
      <c r="N974974" s="10"/>
    </row>
    <row r="974975" spans="14:14">
      <c r="N974975" s="10"/>
    </row>
    <row r="974976" spans="14:14">
      <c r="N974976" s="10"/>
    </row>
    <row r="974977" spans="14:14">
      <c r="N974977" s="10"/>
    </row>
    <row r="974978" spans="14:14">
      <c r="N974978" s="10"/>
    </row>
    <row r="974979" spans="14:14">
      <c r="N974979" s="10"/>
    </row>
    <row r="974980" spans="14:14">
      <c r="N974980" s="10"/>
    </row>
    <row r="974981" spans="14:14">
      <c r="N974981" s="10"/>
    </row>
    <row r="974982" spans="14:14">
      <c r="N974982" s="10"/>
    </row>
    <row r="974983" spans="14:14">
      <c r="N974983" s="10"/>
    </row>
    <row r="974984" spans="14:14">
      <c r="N974984" s="10"/>
    </row>
    <row r="974985" spans="14:14">
      <c r="N974985" s="10"/>
    </row>
    <row r="974986" spans="14:14">
      <c r="N974986" s="10"/>
    </row>
    <row r="974987" spans="14:14">
      <c r="N974987" s="10"/>
    </row>
    <row r="974988" spans="14:14">
      <c r="N974988" s="10"/>
    </row>
    <row r="974989" spans="14:14">
      <c r="N974989" s="10"/>
    </row>
    <row r="974990" spans="14:14">
      <c r="N974990" s="10"/>
    </row>
    <row r="974991" spans="14:14">
      <c r="N974991" s="10"/>
    </row>
    <row r="974992" spans="14:14">
      <c r="N974992" s="10"/>
    </row>
    <row r="974993" spans="14:14">
      <c r="N974993" s="10"/>
    </row>
    <row r="974994" spans="14:14">
      <c r="N974994" s="10"/>
    </row>
    <row r="974995" spans="14:14">
      <c r="N974995" s="10"/>
    </row>
    <row r="974996" spans="14:14">
      <c r="N974996" s="10"/>
    </row>
    <row r="974997" spans="14:14">
      <c r="N974997" s="10"/>
    </row>
    <row r="974998" spans="14:14">
      <c r="N974998" s="10"/>
    </row>
    <row r="974999" spans="14:14">
      <c r="N974999" s="10"/>
    </row>
    <row r="975000" spans="14:14">
      <c r="N975000" s="10"/>
    </row>
    <row r="975001" spans="14:14">
      <c r="N975001" s="10"/>
    </row>
    <row r="975002" spans="14:14">
      <c r="N975002" s="10"/>
    </row>
    <row r="975003" spans="14:14">
      <c r="N975003" s="10"/>
    </row>
    <row r="975004" spans="14:14">
      <c r="N975004" s="10"/>
    </row>
    <row r="975005" spans="14:14">
      <c r="N975005" s="10"/>
    </row>
    <row r="975006" spans="14:14">
      <c r="N975006" s="10"/>
    </row>
    <row r="975007" spans="14:14">
      <c r="N975007" s="10"/>
    </row>
    <row r="975008" spans="14:14">
      <c r="N975008" s="10"/>
    </row>
    <row r="975009" spans="14:14">
      <c r="N975009" s="10"/>
    </row>
    <row r="975010" spans="14:14">
      <c r="N975010" s="10"/>
    </row>
    <row r="975011" spans="14:14">
      <c r="N975011" s="10"/>
    </row>
    <row r="975012" spans="14:14">
      <c r="N975012" s="10"/>
    </row>
    <row r="975013" spans="14:14">
      <c r="N975013" s="10"/>
    </row>
    <row r="975014" spans="14:14">
      <c r="N975014" s="10"/>
    </row>
    <row r="975015" spans="14:14">
      <c r="N975015" s="10"/>
    </row>
    <row r="975016" spans="14:14">
      <c r="N975016" s="10"/>
    </row>
    <row r="975017" spans="14:14">
      <c r="N975017" s="10"/>
    </row>
    <row r="975018" spans="14:14">
      <c r="N975018" s="10"/>
    </row>
    <row r="975019" spans="14:14">
      <c r="N975019" s="10"/>
    </row>
    <row r="975020" spans="14:14">
      <c r="N975020" s="10"/>
    </row>
    <row r="975021" spans="14:14">
      <c r="N975021" s="10"/>
    </row>
    <row r="975022" spans="14:14">
      <c r="N975022" s="10"/>
    </row>
    <row r="975023" spans="14:14">
      <c r="N975023" s="10"/>
    </row>
    <row r="975024" spans="14:14">
      <c r="N975024" s="10"/>
    </row>
    <row r="975025" spans="14:14">
      <c r="N975025" s="10"/>
    </row>
    <row r="975026" spans="14:14">
      <c r="N975026" s="10"/>
    </row>
    <row r="975027" spans="14:14">
      <c r="N975027" s="10"/>
    </row>
    <row r="975028" spans="14:14">
      <c r="N975028" s="10"/>
    </row>
    <row r="975029" spans="14:14">
      <c r="N975029" s="10"/>
    </row>
    <row r="975030" spans="14:14">
      <c r="N975030" s="10"/>
    </row>
    <row r="975031" spans="14:14">
      <c r="N975031" s="10"/>
    </row>
    <row r="975032" spans="14:14">
      <c r="N975032" s="10"/>
    </row>
    <row r="975033" spans="14:14">
      <c r="N975033" s="10"/>
    </row>
    <row r="975034" spans="14:14">
      <c r="N975034" s="10"/>
    </row>
    <row r="975035" spans="14:14">
      <c r="N975035" s="10"/>
    </row>
    <row r="975036" spans="14:14">
      <c r="N975036" s="10"/>
    </row>
    <row r="975037" spans="14:14">
      <c r="N975037" s="10"/>
    </row>
    <row r="975038" spans="14:14">
      <c r="N975038" s="10"/>
    </row>
    <row r="975039" spans="14:14">
      <c r="N975039" s="10"/>
    </row>
    <row r="975040" spans="14:14">
      <c r="N975040" s="10"/>
    </row>
    <row r="975041" spans="14:14">
      <c r="N975041" s="10"/>
    </row>
    <row r="975042" spans="14:14">
      <c r="N975042" s="10"/>
    </row>
    <row r="975043" spans="14:14">
      <c r="N975043" s="10"/>
    </row>
    <row r="975044" spans="14:14">
      <c r="N975044" s="10"/>
    </row>
    <row r="975045" spans="14:14">
      <c r="N975045" s="10"/>
    </row>
    <row r="975046" spans="14:14">
      <c r="N975046" s="10"/>
    </row>
    <row r="975047" spans="14:14">
      <c r="N975047" s="10"/>
    </row>
    <row r="975048" spans="14:14">
      <c r="N975048" s="10"/>
    </row>
    <row r="975049" spans="14:14">
      <c r="N975049" s="10"/>
    </row>
    <row r="975050" spans="14:14">
      <c r="N975050" s="10"/>
    </row>
    <row r="975051" spans="14:14">
      <c r="N975051" s="10"/>
    </row>
    <row r="975052" spans="14:14">
      <c r="N975052" s="10"/>
    </row>
    <row r="975053" spans="14:14">
      <c r="N975053" s="10"/>
    </row>
    <row r="975054" spans="14:14">
      <c r="N975054" s="10"/>
    </row>
    <row r="975055" spans="14:14">
      <c r="N975055" s="10"/>
    </row>
    <row r="975056" spans="14:14">
      <c r="N975056" s="10"/>
    </row>
    <row r="975057" spans="14:14">
      <c r="N975057" s="10"/>
    </row>
    <row r="975058" spans="14:14">
      <c r="N975058" s="10"/>
    </row>
    <row r="975059" spans="14:14">
      <c r="N975059" s="10"/>
    </row>
    <row r="975060" spans="14:14">
      <c r="N975060" s="10"/>
    </row>
    <row r="975061" spans="14:14">
      <c r="N975061" s="10"/>
    </row>
    <row r="975062" spans="14:14">
      <c r="N975062" s="10"/>
    </row>
    <row r="975063" spans="14:14">
      <c r="N975063" s="10"/>
    </row>
    <row r="975064" spans="14:14">
      <c r="N975064" s="10"/>
    </row>
    <row r="975065" spans="14:14">
      <c r="N975065" s="10"/>
    </row>
    <row r="975066" spans="14:14">
      <c r="N975066" s="10"/>
    </row>
    <row r="975067" spans="14:14">
      <c r="N975067" s="10"/>
    </row>
    <row r="975068" spans="14:14">
      <c r="N975068" s="10"/>
    </row>
    <row r="975069" spans="14:14">
      <c r="N975069" s="10"/>
    </row>
    <row r="975070" spans="14:14">
      <c r="N975070" s="10"/>
    </row>
    <row r="975071" spans="14:14">
      <c r="N975071" s="10"/>
    </row>
    <row r="975072" spans="14:14">
      <c r="N975072" s="10"/>
    </row>
    <row r="975073" spans="14:14">
      <c r="N975073" s="10"/>
    </row>
    <row r="975074" spans="14:14">
      <c r="N975074" s="10"/>
    </row>
    <row r="975075" spans="14:14">
      <c r="N975075" s="10"/>
    </row>
    <row r="975076" spans="14:14">
      <c r="N975076" s="10"/>
    </row>
    <row r="975077" spans="14:14">
      <c r="N975077" s="10"/>
    </row>
    <row r="975078" spans="14:14">
      <c r="N975078" s="10"/>
    </row>
    <row r="975079" spans="14:14">
      <c r="N975079" s="10"/>
    </row>
    <row r="975080" spans="14:14">
      <c r="N975080" s="10"/>
    </row>
    <row r="975081" spans="14:14">
      <c r="N975081" s="10"/>
    </row>
    <row r="975082" spans="14:14">
      <c r="N975082" s="10"/>
    </row>
    <row r="975083" spans="14:14">
      <c r="N975083" s="10"/>
    </row>
    <row r="975084" spans="14:14">
      <c r="N975084" s="10"/>
    </row>
    <row r="975085" spans="14:14">
      <c r="N975085" s="10"/>
    </row>
    <row r="975086" spans="14:14">
      <c r="N975086" s="10"/>
    </row>
    <row r="975087" spans="14:14">
      <c r="N975087" s="10"/>
    </row>
    <row r="975088" spans="14:14">
      <c r="N975088" s="10"/>
    </row>
    <row r="975089" spans="14:14">
      <c r="N975089" s="10"/>
    </row>
    <row r="975090" spans="14:14">
      <c r="N975090" s="10"/>
    </row>
    <row r="975091" spans="14:14">
      <c r="N975091" s="10"/>
    </row>
    <row r="975092" spans="14:14">
      <c r="N975092" s="10"/>
    </row>
    <row r="975093" spans="14:14">
      <c r="N975093" s="10"/>
    </row>
    <row r="975094" spans="14:14">
      <c r="N975094" s="10"/>
    </row>
    <row r="975095" spans="14:14">
      <c r="N975095" s="10"/>
    </row>
    <row r="975096" spans="14:14">
      <c r="N975096" s="10"/>
    </row>
    <row r="975097" spans="14:14">
      <c r="N975097" s="10"/>
    </row>
    <row r="975098" spans="14:14">
      <c r="N975098" s="10"/>
    </row>
    <row r="975099" spans="14:14">
      <c r="N975099" s="10"/>
    </row>
    <row r="975100" spans="14:14">
      <c r="N975100" s="10"/>
    </row>
    <row r="975101" spans="14:14">
      <c r="N975101" s="10"/>
    </row>
    <row r="975102" spans="14:14">
      <c r="N975102" s="10"/>
    </row>
    <row r="975103" spans="14:14">
      <c r="N975103" s="10"/>
    </row>
    <row r="975104" spans="14:14">
      <c r="N975104" s="10"/>
    </row>
    <row r="975105" spans="14:14">
      <c r="N975105" s="10"/>
    </row>
    <row r="975106" spans="14:14">
      <c r="N975106" s="10"/>
    </row>
    <row r="975107" spans="14:14">
      <c r="N975107" s="10"/>
    </row>
    <row r="975108" spans="14:14">
      <c r="N975108" s="10"/>
    </row>
    <row r="975109" spans="14:14">
      <c r="N975109" s="10"/>
    </row>
    <row r="975110" spans="14:14">
      <c r="N975110" s="10"/>
    </row>
    <row r="975111" spans="14:14">
      <c r="N975111" s="10"/>
    </row>
    <row r="975112" spans="14:14">
      <c r="N975112" s="10"/>
    </row>
    <row r="975113" spans="14:14">
      <c r="N975113" s="10"/>
    </row>
    <row r="975114" spans="14:14">
      <c r="N975114" s="10"/>
    </row>
    <row r="975115" spans="14:14">
      <c r="N975115" s="10"/>
    </row>
    <row r="975116" spans="14:14">
      <c r="N975116" s="10"/>
    </row>
    <row r="975117" spans="14:14">
      <c r="N975117" s="10"/>
    </row>
    <row r="975118" spans="14:14">
      <c r="N975118" s="10"/>
    </row>
    <row r="975119" spans="14:14">
      <c r="N975119" s="10"/>
    </row>
    <row r="975120" spans="14:14">
      <c r="N975120" s="10"/>
    </row>
    <row r="975121" spans="14:14">
      <c r="N975121" s="10"/>
    </row>
    <row r="975122" spans="14:14">
      <c r="N975122" s="10"/>
    </row>
    <row r="975123" spans="14:14">
      <c r="N975123" s="10"/>
    </row>
    <row r="975124" spans="14:14">
      <c r="N975124" s="10"/>
    </row>
    <row r="975125" spans="14:14">
      <c r="N975125" s="10"/>
    </row>
    <row r="975126" spans="14:14">
      <c r="N975126" s="10"/>
    </row>
    <row r="975127" spans="14:14">
      <c r="N975127" s="10"/>
    </row>
    <row r="975128" spans="14:14">
      <c r="N975128" s="10"/>
    </row>
    <row r="975129" spans="14:14">
      <c r="N975129" s="10"/>
    </row>
    <row r="975130" spans="14:14">
      <c r="N975130" s="10"/>
    </row>
    <row r="975131" spans="14:14">
      <c r="N975131" s="10"/>
    </row>
    <row r="975132" spans="14:14">
      <c r="N975132" s="10"/>
    </row>
    <row r="975133" spans="14:14">
      <c r="N975133" s="10"/>
    </row>
    <row r="975134" spans="14:14">
      <c r="N975134" s="10"/>
    </row>
    <row r="975135" spans="14:14">
      <c r="N975135" s="10"/>
    </row>
    <row r="975136" spans="14:14">
      <c r="N975136" s="10"/>
    </row>
    <row r="975137" spans="14:14">
      <c r="N975137" s="10"/>
    </row>
    <row r="975138" spans="14:14">
      <c r="N975138" s="10"/>
    </row>
    <row r="975139" spans="14:14">
      <c r="N975139" s="10"/>
    </row>
    <row r="975140" spans="14:14">
      <c r="N975140" s="10"/>
    </row>
    <row r="975141" spans="14:14">
      <c r="N975141" s="10"/>
    </row>
    <row r="975142" spans="14:14">
      <c r="N975142" s="10"/>
    </row>
    <row r="975143" spans="14:14">
      <c r="N975143" s="10"/>
    </row>
    <row r="975144" spans="14:14">
      <c r="N975144" s="10"/>
    </row>
    <row r="975145" spans="14:14">
      <c r="N975145" s="10"/>
    </row>
    <row r="975146" spans="14:14">
      <c r="N975146" s="10"/>
    </row>
    <row r="975147" spans="14:14">
      <c r="N975147" s="10"/>
    </row>
    <row r="975148" spans="14:14">
      <c r="N975148" s="10"/>
    </row>
    <row r="975149" spans="14:14">
      <c r="N975149" s="10"/>
    </row>
    <row r="975150" spans="14:14">
      <c r="N975150" s="10"/>
    </row>
    <row r="975151" spans="14:14">
      <c r="N975151" s="10"/>
    </row>
    <row r="975152" spans="14:14">
      <c r="N975152" s="10"/>
    </row>
    <row r="975153" spans="14:14">
      <c r="N975153" s="10"/>
    </row>
    <row r="975154" spans="14:14">
      <c r="N975154" s="10"/>
    </row>
    <row r="975155" spans="14:14">
      <c r="N975155" s="10"/>
    </row>
    <row r="975156" spans="14:14">
      <c r="N975156" s="10"/>
    </row>
    <row r="975157" spans="14:14">
      <c r="N975157" s="10"/>
    </row>
    <row r="975158" spans="14:14">
      <c r="N975158" s="10"/>
    </row>
    <row r="975159" spans="14:14">
      <c r="N975159" s="10"/>
    </row>
    <row r="975160" spans="14:14">
      <c r="N975160" s="10"/>
    </row>
    <row r="975161" spans="14:14">
      <c r="N975161" s="10"/>
    </row>
    <row r="975162" spans="14:14">
      <c r="N975162" s="10"/>
    </row>
    <row r="975163" spans="14:14">
      <c r="N975163" s="10"/>
    </row>
    <row r="975164" spans="14:14">
      <c r="N975164" s="10"/>
    </row>
    <row r="975165" spans="14:14">
      <c r="N975165" s="10"/>
    </row>
    <row r="975166" spans="14:14">
      <c r="N975166" s="10"/>
    </row>
    <row r="975167" spans="14:14">
      <c r="N975167" s="10"/>
    </row>
    <row r="975168" spans="14:14">
      <c r="N975168" s="10"/>
    </row>
    <row r="975169" spans="14:14">
      <c r="N975169" s="10"/>
    </row>
    <row r="975170" spans="14:14">
      <c r="N975170" s="10"/>
    </row>
    <row r="975171" spans="14:14">
      <c r="N975171" s="10"/>
    </row>
    <row r="975172" spans="14:14">
      <c r="N975172" s="10"/>
    </row>
    <row r="975173" spans="14:14">
      <c r="N975173" s="10"/>
    </row>
    <row r="975174" spans="14:14">
      <c r="N975174" s="10"/>
    </row>
    <row r="975175" spans="14:14">
      <c r="N975175" s="10"/>
    </row>
    <row r="975176" spans="14:14">
      <c r="N975176" s="10"/>
    </row>
    <row r="975177" spans="14:14">
      <c r="N975177" s="10"/>
    </row>
    <row r="975178" spans="14:14">
      <c r="N975178" s="10"/>
    </row>
    <row r="975179" spans="14:14">
      <c r="N975179" s="10"/>
    </row>
    <row r="975180" spans="14:14">
      <c r="N975180" s="10"/>
    </row>
    <row r="975181" spans="14:14">
      <c r="N975181" s="10"/>
    </row>
    <row r="975182" spans="14:14">
      <c r="N975182" s="10"/>
    </row>
    <row r="975183" spans="14:14">
      <c r="N975183" s="10"/>
    </row>
    <row r="975184" spans="14:14">
      <c r="N975184" s="10"/>
    </row>
    <row r="975185" spans="14:14">
      <c r="N975185" s="10"/>
    </row>
    <row r="975186" spans="14:14">
      <c r="N975186" s="10"/>
    </row>
    <row r="975187" spans="14:14">
      <c r="N975187" s="10"/>
    </row>
    <row r="975188" spans="14:14">
      <c r="N975188" s="10"/>
    </row>
    <row r="975189" spans="14:14">
      <c r="N975189" s="10"/>
    </row>
    <row r="975190" spans="14:14">
      <c r="N975190" s="10"/>
    </row>
    <row r="975191" spans="14:14">
      <c r="N975191" s="10"/>
    </row>
    <row r="975192" spans="14:14">
      <c r="N975192" s="10"/>
    </row>
    <row r="975193" spans="14:14">
      <c r="N975193" s="10"/>
    </row>
    <row r="975194" spans="14:14">
      <c r="N975194" s="10"/>
    </row>
    <row r="975195" spans="14:14">
      <c r="N975195" s="10"/>
    </row>
    <row r="975196" spans="14:14">
      <c r="N975196" s="10"/>
    </row>
    <row r="975197" spans="14:14">
      <c r="N975197" s="10"/>
    </row>
    <row r="975198" spans="14:14">
      <c r="N975198" s="10"/>
    </row>
    <row r="975199" spans="14:14">
      <c r="N975199" s="10"/>
    </row>
    <row r="975200" spans="14:14">
      <c r="N975200" s="10"/>
    </row>
    <row r="975201" spans="14:14">
      <c r="N975201" s="10"/>
    </row>
    <row r="975202" spans="14:14">
      <c r="N975202" s="10"/>
    </row>
    <row r="975203" spans="14:14">
      <c r="N975203" s="10"/>
    </row>
    <row r="975204" spans="14:14">
      <c r="N975204" s="10"/>
    </row>
    <row r="975205" spans="14:14">
      <c r="N975205" s="10"/>
    </row>
    <row r="975206" spans="14:14">
      <c r="N975206" s="10"/>
    </row>
    <row r="975207" spans="14:14">
      <c r="N975207" s="10"/>
    </row>
    <row r="975208" spans="14:14">
      <c r="N975208" s="10"/>
    </row>
    <row r="975209" spans="14:14">
      <c r="N975209" s="10"/>
    </row>
    <row r="975210" spans="14:14">
      <c r="N975210" s="10"/>
    </row>
    <row r="975211" spans="14:14">
      <c r="N975211" s="10"/>
    </row>
    <row r="975212" spans="14:14">
      <c r="N975212" s="10"/>
    </row>
    <row r="975213" spans="14:14">
      <c r="N975213" s="10"/>
    </row>
    <row r="975214" spans="14:14">
      <c r="N975214" s="10"/>
    </row>
    <row r="975215" spans="14:14">
      <c r="N975215" s="10"/>
    </row>
    <row r="975216" spans="14:14">
      <c r="N975216" s="10"/>
    </row>
    <row r="975217" spans="14:14">
      <c r="N975217" s="10"/>
    </row>
    <row r="975218" spans="14:14">
      <c r="N975218" s="10"/>
    </row>
    <row r="975219" spans="14:14">
      <c r="N975219" s="10"/>
    </row>
    <row r="975220" spans="14:14">
      <c r="N975220" s="10"/>
    </row>
    <row r="975221" spans="14:14">
      <c r="N975221" s="10"/>
    </row>
    <row r="975222" spans="14:14">
      <c r="N975222" s="10"/>
    </row>
    <row r="975223" spans="14:14">
      <c r="N975223" s="10"/>
    </row>
    <row r="975224" spans="14:14">
      <c r="N975224" s="10"/>
    </row>
    <row r="975225" spans="14:14">
      <c r="N975225" s="10"/>
    </row>
    <row r="975226" spans="14:14">
      <c r="N975226" s="10"/>
    </row>
    <row r="975227" spans="14:14">
      <c r="N975227" s="10"/>
    </row>
    <row r="975228" spans="14:14">
      <c r="N975228" s="10"/>
    </row>
    <row r="975229" spans="14:14">
      <c r="N975229" s="10"/>
    </row>
    <row r="975230" spans="14:14">
      <c r="N975230" s="10"/>
    </row>
    <row r="975231" spans="14:14">
      <c r="N975231" s="10"/>
    </row>
    <row r="975232" spans="14:14">
      <c r="N975232" s="10"/>
    </row>
    <row r="975233" spans="14:14">
      <c r="N975233" s="10"/>
    </row>
    <row r="975234" spans="14:14">
      <c r="N975234" s="10"/>
    </row>
    <row r="975235" spans="14:14">
      <c r="N975235" s="10"/>
    </row>
    <row r="975236" spans="14:14">
      <c r="N975236" s="10"/>
    </row>
    <row r="975237" spans="14:14">
      <c r="N975237" s="10"/>
    </row>
    <row r="975238" spans="14:14">
      <c r="N975238" s="10"/>
    </row>
    <row r="975239" spans="14:14">
      <c r="N975239" s="10"/>
    </row>
    <row r="975240" spans="14:14">
      <c r="N975240" s="10"/>
    </row>
    <row r="975241" spans="14:14">
      <c r="N975241" s="10"/>
    </row>
    <row r="975242" spans="14:14">
      <c r="N975242" s="10"/>
    </row>
    <row r="975243" spans="14:14">
      <c r="N975243" s="10"/>
    </row>
    <row r="975244" spans="14:14">
      <c r="N975244" s="10"/>
    </row>
    <row r="975245" spans="14:14">
      <c r="N975245" s="10"/>
    </row>
    <row r="975246" spans="14:14">
      <c r="N975246" s="10"/>
    </row>
    <row r="975247" spans="14:14">
      <c r="N975247" s="10"/>
    </row>
    <row r="975248" spans="14:14">
      <c r="N975248" s="10"/>
    </row>
    <row r="975249" spans="14:14">
      <c r="N975249" s="10"/>
    </row>
    <row r="975250" spans="14:14">
      <c r="N975250" s="10"/>
    </row>
    <row r="975251" spans="14:14">
      <c r="N975251" s="10"/>
    </row>
    <row r="975252" spans="14:14">
      <c r="N975252" s="10"/>
    </row>
    <row r="975253" spans="14:14">
      <c r="N975253" s="10"/>
    </row>
    <row r="975254" spans="14:14">
      <c r="N975254" s="10"/>
    </row>
    <row r="975255" spans="14:14">
      <c r="N975255" s="10"/>
    </row>
    <row r="975256" spans="14:14">
      <c r="N975256" s="10"/>
    </row>
    <row r="975257" spans="14:14">
      <c r="N975257" s="10"/>
    </row>
    <row r="975258" spans="14:14">
      <c r="N975258" s="10"/>
    </row>
    <row r="975259" spans="14:14">
      <c r="N975259" s="10"/>
    </row>
    <row r="975260" spans="14:14">
      <c r="N975260" s="10"/>
    </row>
    <row r="975261" spans="14:14">
      <c r="N975261" s="10"/>
    </row>
    <row r="975262" spans="14:14">
      <c r="N975262" s="10"/>
    </row>
    <row r="975263" spans="14:14">
      <c r="N975263" s="10"/>
    </row>
    <row r="975264" spans="14:14">
      <c r="N975264" s="10"/>
    </row>
    <row r="975265" spans="14:14">
      <c r="N975265" s="10"/>
    </row>
    <row r="975266" spans="14:14">
      <c r="N975266" s="10"/>
    </row>
    <row r="975267" spans="14:14">
      <c r="N975267" s="10"/>
    </row>
    <row r="975268" spans="14:14">
      <c r="N975268" s="10"/>
    </row>
    <row r="975269" spans="14:14">
      <c r="N975269" s="10"/>
    </row>
    <row r="975270" spans="14:14">
      <c r="N975270" s="10"/>
    </row>
    <row r="975271" spans="14:14">
      <c r="N975271" s="10"/>
    </row>
    <row r="975272" spans="14:14">
      <c r="N975272" s="10"/>
    </row>
    <row r="975273" spans="14:14">
      <c r="N975273" s="10"/>
    </row>
    <row r="975274" spans="14:14">
      <c r="N975274" s="10"/>
    </row>
    <row r="975275" spans="14:14">
      <c r="N975275" s="10"/>
    </row>
    <row r="975276" spans="14:14">
      <c r="N975276" s="10"/>
    </row>
    <row r="975277" spans="14:14">
      <c r="N975277" s="10"/>
    </row>
    <row r="975278" spans="14:14">
      <c r="N975278" s="10"/>
    </row>
    <row r="975279" spans="14:14">
      <c r="N975279" s="10"/>
    </row>
    <row r="975280" spans="14:14">
      <c r="N975280" s="10"/>
    </row>
    <row r="975281" spans="14:14">
      <c r="N975281" s="10"/>
    </row>
    <row r="975282" spans="14:14">
      <c r="N975282" s="10"/>
    </row>
    <row r="975283" spans="14:14">
      <c r="N975283" s="10"/>
    </row>
    <row r="975284" spans="14:14">
      <c r="N975284" s="10"/>
    </row>
    <row r="975285" spans="14:14">
      <c r="N975285" s="10"/>
    </row>
    <row r="975286" spans="14:14">
      <c r="N975286" s="10"/>
    </row>
    <row r="975287" spans="14:14">
      <c r="N975287" s="10"/>
    </row>
    <row r="975288" spans="14:14">
      <c r="N975288" s="10"/>
    </row>
    <row r="975289" spans="14:14">
      <c r="N975289" s="10"/>
    </row>
    <row r="975290" spans="14:14">
      <c r="N975290" s="10"/>
    </row>
    <row r="975291" spans="14:14">
      <c r="N975291" s="10"/>
    </row>
    <row r="975292" spans="14:14">
      <c r="N975292" s="10"/>
    </row>
    <row r="975293" spans="14:14">
      <c r="N975293" s="10"/>
    </row>
    <row r="975294" spans="14:14">
      <c r="N975294" s="10"/>
    </row>
    <row r="975295" spans="14:14">
      <c r="N975295" s="10"/>
    </row>
    <row r="975296" spans="14:14">
      <c r="N975296" s="10"/>
    </row>
    <row r="975297" spans="14:14">
      <c r="N975297" s="10"/>
    </row>
    <row r="975298" spans="14:14">
      <c r="N975298" s="10"/>
    </row>
    <row r="975299" spans="14:14">
      <c r="N975299" s="10"/>
    </row>
    <row r="975300" spans="14:14">
      <c r="N975300" s="10"/>
    </row>
    <row r="975301" spans="14:14">
      <c r="N975301" s="10"/>
    </row>
    <row r="975302" spans="14:14">
      <c r="N975302" s="10"/>
    </row>
    <row r="975303" spans="14:14">
      <c r="N975303" s="10"/>
    </row>
    <row r="975304" spans="14:14">
      <c r="N975304" s="10"/>
    </row>
    <row r="975305" spans="14:14">
      <c r="N975305" s="10"/>
    </row>
    <row r="975306" spans="14:14">
      <c r="N975306" s="10"/>
    </row>
    <row r="975307" spans="14:14">
      <c r="N975307" s="10"/>
    </row>
    <row r="975308" spans="14:14">
      <c r="N975308" s="10"/>
    </row>
    <row r="975309" spans="14:14">
      <c r="N975309" s="10"/>
    </row>
    <row r="975310" spans="14:14">
      <c r="N975310" s="10"/>
    </row>
    <row r="975311" spans="14:14">
      <c r="N975311" s="10"/>
    </row>
    <row r="975312" spans="14:14">
      <c r="N975312" s="10"/>
    </row>
    <row r="975313" spans="14:14">
      <c r="N975313" s="10"/>
    </row>
    <row r="975314" spans="14:14">
      <c r="N975314" s="10"/>
    </row>
    <row r="975315" spans="14:14">
      <c r="N975315" s="10"/>
    </row>
    <row r="975316" spans="14:14">
      <c r="N975316" s="10"/>
    </row>
    <row r="975317" spans="14:14">
      <c r="N975317" s="10"/>
    </row>
    <row r="975318" spans="14:14">
      <c r="N975318" s="10"/>
    </row>
    <row r="975319" spans="14:14">
      <c r="N975319" s="10"/>
    </row>
    <row r="975320" spans="14:14">
      <c r="N975320" s="10"/>
    </row>
    <row r="975321" spans="14:14">
      <c r="N975321" s="10"/>
    </row>
    <row r="975322" spans="14:14">
      <c r="N975322" s="10"/>
    </row>
    <row r="975323" spans="14:14">
      <c r="N975323" s="10"/>
    </row>
    <row r="975324" spans="14:14">
      <c r="N975324" s="10"/>
    </row>
    <row r="975325" spans="14:14">
      <c r="N975325" s="10"/>
    </row>
    <row r="975326" spans="14:14">
      <c r="N975326" s="10"/>
    </row>
    <row r="975327" spans="14:14">
      <c r="N975327" s="10"/>
    </row>
    <row r="975328" spans="14:14">
      <c r="N975328" s="10"/>
    </row>
    <row r="975329" spans="14:14">
      <c r="N975329" s="10"/>
    </row>
    <row r="975330" spans="14:14">
      <c r="N975330" s="10"/>
    </row>
    <row r="975331" spans="14:14">
      <c r="N975331" s="10"/>
    </row>
    <row r="975332" spans="14:14">
      <c r="N975332" s="10"/>
    </row>
    <row r="975333" spans="14:14">
      <c r="N975333" s="10"/>
    </row>
    <row r="975334" spans="14:14">
      <c r="N975334" s="10"/>
    </row>
    <row r="975335" spans="14:14">
      <c r="N975335" s="10"/>
    </row>
    <row r="975336" spans="14:14">
      <c r="N975336" s="10"/>
    </row>
    <row r="975337" spans="14:14">
      <c r="N975337" s="10"/>
    </row>
    <row r="975338" spans="14:14">
      <c r="N975338" s="10"/>
    </row>
    <row r="975339" spans="14:14">
      <c r="N975339" s="10"/>
    </row>
    <row r="975340" spans="14:14">
      <c r="N975340" s="10"/>
    </row>
    <row r="975341" spans="14:14">
      <c r="N975341" s="10"/>
    </row>
    <row r="975342" spans="14:14">
      <c r="N975342" s="10"/>
    </row>
    <row r="975343" spans="14:14">
      <c r="N975343" s="10"/>
    </row>
    <row r="975344" spans="14:14">
      <c r="N975344" s="10"/>
    </row>
    <row r="975345" spans="14:14">
      <c r="N975345" s="10"/>
    </row>
    <row r="975346" spans="14:14">
      <c r="N975346" s="10"/>
    </row>
    <row r="975347" spans="14:14">
      <c r="N975347" s="10"/>
    </row>
    <row r="975348" spans="14:14">
      <c r="N975348" s="10"/>
    </row>
    <row r="975349" spans="14:14">
      <c r="N975349" s="10"/>
    </row>
    <row r="975350" spans="14:14">
      <c r="N975350" s="10"/>
    </row>
    <row r="975351" spans="14:14">
      <c r="N975351" s="10"/>
    </row>
    <row r="975352" spans="14:14">
      <c r="N975352" s="10"/>
    </row>
    <row r="975353" spans="14:14">
      <c r="N975353" s="10"/>
    </row>
    <row r="975354" spans="14:14">
      <c r="N975354" s="10"/>
    </row>
    <row r="975355" spans="14:14">
      <c r="N975355" s="10"/>
    </row>
    <row r="975356" spans="14:14">
      <c r="N975356" s="10"/>
    </row>
    <row r="975357" spans="14:14">
      <c r="N975357" s="10"/>
    </row>
    <row r="975358" spans="14:14">
      <c r="N975358" s="10"/>
    </row>
    <row r="975359" spans="14:14">
      <c r="N975359" s="10"/>
    </row>
    <row r="975360" spans="14:14">
      <c r="N975360" s="10"/>
    </row>
    <row r="975361" spans="14:14">
      <c r="N975361" s="10"/>
    </row>
    <row r="975362" spans="14:14">
      <c r="N975362" s="10"/>
    </row>
    <row r="975363" spans="14:14">
      <c r="N975363" s="10"/>
    </row>
    <row r="975364" spans="14:14">
      <c r="N975364" s="10"/>
    </row>
    <row r="975365" spans="14:14">
      <c r="N975365" s="10"/>
    </row>
    <row r="975366" spans="14:14">
      <c r="N975366" s="10"/>
    </row>
    <row r="975367" spans="14:14">
      <c r="N975367" s="10"/>
    </row>
    <row r="975368" spans="14:14">
      <c r="N975368" s="10"/>
    </row>
    <row r="975369" spans="14:14">
      <c r="N975369" s="10"/>
    </row>
    <row r="975370" spans="14:14">
      <c r="N975370" s="10"/>
    </row>
    <row r="975371" spans="14:14">
      <c r="N975371" s="10"/>
    </row>
    <row r="975372" spans="14:14">
      <c r="N975372" s="10"/>
    </row>
    <row r="975373" spans="14:14">
      <c r="N975373" s="10"/>
    </row>
    <row r="975374" spans="14:14">
      <c r="N975374" s="10"/>
    </row>
    <row r="975375" spans="14:14">
      <c r="N975375" s="10"/>
    </row>
    <row r="975376" spans="14:14">
      <c r="N975376" s="10"/>
    </row>
    <row r="975377" spans="14:14">
      <c r="N975377" s="10"/>
    </row>
    <row r="975378" spans="14:14">
      <c r="N975378" s="10"/>
    </row>
    <row r="975379" spans="14:14">
      <c r="N975379" s="10"/>
    </row>
    <row r="975380" spans="14:14">
      <c r="N975380" s="10"/>
    </row>
    <row r="975381" spans="14:14">
      <c r="N975381" s="10"/>
    </row>
    <row r="975382" spans="14:14">
      <c r="N975382" s="10"/>
    </row>
    <row r="975383" spans="14:14">
      <c r="N975383" s="10"/>
    </row>
    <row r="975384" spans="14:14">
      <c r="N975384" s="10"/>
    </row>
    <row r="975385" spans="14:14">
      <c r="N975385" s="10"/>
    </row>
    <row r="975386" spans="14:14">
      <c r="N975386" s="10"/>
    </row>
    <row r="975387" spans="14:14">
      <c r="N975387" s="10"/>
    </row>
    <row r="975388" spans="14:14">
      <c r="N975388" s="10"/>
    </row>
    <row r="975389" spans="14:14">
      <c r="N975389" s="10"/>
    </row>
    <row r="975390" spans="14:14">
      <c r="N975390" s="10"/>
    </row>
    <row r="975391" spans="14:14">
      <c r="N975391" s="10"/>
    </row>
    <row r="975392" spans="14:14">
      <c r="N975392" s="10"/>
    </row>
    <row r="975393" spans="14:14">
      <c r="N975393" s="10"/>
    </row>
    <row r="975394" spans="14:14">
      <c r="N975394" s="10"/>
    </row>
    <row r="975395" spans="14:14">
      <c r="N975395" s="10"/>
    </row>
    <row r="975396" spans="14:14">
      <c r="N975396" s="10"/>
    </row>
    <row r="975397" spans="14:14">
      <c r="N975397" s="10"/>
    </row>
    <row r="975398" spans="14:14">
      <c r="N975398" s="10"/>
    </row>
    <row r="975399" spans="14:14">
      <c r="N975399" s="10"/>
    </row>
    <row r="975400" spans="14:14">
      <c r="N975400" s="10"/>
    </row>
    <row r="975401" spans="14:14">
      <c r="N975401" s="10"/>
    </row>
    <row r="975402" spans="14:14">
      <c r="N975402" s="10"/>
    </row>
    <row r="975403" spans="14:14">
      <c r="N975403" s="10"/>
    </row>
    <row r="975404" spans="14:14">
      <c r="N975404" s="10"/>
    </row>
    <row r="975405" spans="14:14">
      <c r="N975405" s="10"/>
    </row>
    <row r="975406" spans="14:14">
      <c r="N975406" s="10"/>
    </row>
    <row r="975407" spans="14:14">
      <c r="N975407" s="10"/>
    </row>
    <row r="975408" spans="14:14">
      <c r="N975408" s="10"/>
    </row>
    <row r="975409" spans="14:14">
      <c r="N975409" s="10"/>
    </row>
    <row r="975410" spans="14:14">
      <c r="N975410" s="10"/>
    </row>
    <row r="975411" spans="14:14">
      <c r="N975411" s="10"/>
    </row>
    <row r="975412" spans="14:14">
      <c r="N975412" s="10"/>
    </row>
    <row r="975413" spans="14:14">
      <c r="N975413" s="10"/>
    </row>
    <row r="975414" spans="14:14">
      <c r="N975414" s="10"/>
    </row>
    <row r="975415" spans="14:14">
      <c r="N975415" s="10"/>
    </row>
    <row r="975416" spans="14:14">
      <c r="N975416" s="10"/>
    </row>
    <row r="975417" spans="14:14">
      <c r="N975417" s="10"/>
    </row>
    <row r="975418" spans="14:14">
      <c r="N975418" s="10"/>
    </row>
    <row r="975419" spans="14:14">
      <c r="N975419" s="10"/>
    </row>
    <row r="975420" spans="14:14">
      <c r="N975420" s="10"/>
    </row>
    <row r="975421" spans="14:14">
      <c r="N975421" s="10"/>
    </row>
    <row r="975422" spans="14:14">
      <c r="N975422" s="10"/>
    </row>
    <row r="975423" spans="14:14">
      <c r="N975423" s="10"/>
    </row>
    <row r="975424" spans="14:14">
      <c r="N975424" s="10"/>
    </row>
    <row r="975425" spans="14:14">
      <c r="N975425" s="10"/>
    </row>
    <row r="975426" spans="14:14">
      <c r="N975426" s="10"/>
    </row>
    <row r="975427" spans="14:14">
      <c r="N975427" s="10"/>
    </row>
    <row r="975428" spans="14:14">
      <c r="N975428" s="10"/>
    </row>
    <row r="975429" spans="14:14">
      <c r="N975429" s="10"/>
    </row>
    <row r="975430" spans="14:14">
      <c r="N975430" s="10"/>
    </row>
    <row r="975431" spans="14:14">
      <c r="N975431" s="10"/>
    </row>
    <row r="975432" spans="14:14">
      <c r="N975432" s="10"/>
    </row>
    <row r="975433" spans="14:14">
      <c r="N975433" s="10"/>
    </row>
    <row r="975434" spans="14:14">
      <c r="N975434" s="10"/>
    </row>
    <row r="975435" spans="14:14">
      <c r="N975435" s="10"/>
    </row>
    <row r="975436" spans="14:14">
      <c r="N975436" s="10"/>
    </row>
    <row r="975437" spans="14:14">
      <c r="N975437" s="10"/>
    </row>
    <row r="975438" spans="14:14">
      <c r="N975438" s="10"/>
    </row>
    <row r="975439" spans="14:14">
      <c r="N975439" s="10"/>
    </row>
    <row r="975440" spans="14:14">
      <c r="N975440" s="10"/>
    </row>
    <row r="975441" spans="14:14">
      <c r="N975441" s="10"/>
    </row>
    <row r="975442" spans="14:14">
      <c r="N975442" s="10"/>
    </row>
    <row r="975443" spans="14:14">
      <c r="N975443" s="10"/>
    </row>
    <row r="975444" spans="14:14">
      <c r="N975444" s="10"/>
    </row>
    <row r="975445" spans="14:14">
      <c r="N975445" s="10"/>
    </row>
    <row r="975446" spans="14:14">
      <c r="N975446" s="10"/>
    </row>
    <row r="975447" spans="14:14">
      <c r="N975447" s="10"/>
    </row>
    <row r="975448" spans="14:14">
      <c r="N975448" s="10"/>
    </row>
    <row r="975449" spans="14:14">
      <c r="N975449" s="10"/>
    </row>
    <row r="975450" spans="14:14">
      <c r="N975450" s="10"/>
    </row>
    <row r="975451" spans="14:14">
      <c r="N975451" s="10"/>
    </row>
    <row r="975452" spans="14:14">
      <c r="N975452" s="10"/>
    </row>
    <row r="975453" spans="14:14">
      <c r="N975453" s="10"/>
    </row>
    <row r="975454" spans="14:14">
      <c r="N975454" s="10"/>
    </row>
    <row r="975455" spans="14:14">
      <c r="N975455" s="10"/>
    </row>
    <row r="975456" spans="14:14">
      <c r="N975456" s="10"/>
    </row>
    <row r="975457" spans="14:14">
      <c r="N975457" s="10"/>
    </row>
    <row r="975458" spans="14:14">
      <c r="N975458" s="10"/>
    </row>
    <row r="975459" spans="14:14">
      <c r="N975459" s="10"/>
    </row>
    <row r="975460" spans="14:14">
      <c r="N975460" s="10"/>
    </row>
    <row r="975461" spans="14:14">
      <c r="N975461" s="10"/>
    </row>
    <row r="975462" spans="14:14">
      <c r="N975462" s="10"/>
    </row>
    <row r="975463" spans="14:14">
      <c r="N975463" s="10"/>
    </row>
    <row r="975464" spans="14:14">
      <c r="N975464" s="10"/>
    </row>
    <row r="975465" spans="14:14">
      <c r="N975465" s="10"/>
    </row>
    <row r="975466" spans="14:14">
      <c r="N975466" s="10"/>
    </row>
    <row r="975467" spans="14:14">
      <c r="N975467" s="10"/>
    </row>
    <row r="975468" spans="14:14">
      <c r="N975468" s="10"/>
    </row>
    <row r="975469" spans="14:14">
      <c r="N975469" s="10"/>
    </row>
    <row r="975470" spans="14:14">
      <c r="N975470" s="10"/>
    </row>
    <row r="975471" spans="14:14">
      <c r="N975471" s="10"/>
    </row>
    <row r="975472" spans="14:14">
      <c r="N975472" s="10"/>
    </row>
    <row r="975473" spans="14:14">
      <c r="N975473" s="10"/>
    </row>
    <row r="975474" spans="14:14">
      <c r="N975474" s="10"/>
    </row>
    <row r="975475" spans="14:14">
      <c r="N975475" s="10"/>
    </row>
    <row r="975476" spans="14:14">
      <c r="N975476" s="10"/>
    </row>
    <row r="975477" spans="14:14">
      <c r="N975477" s="10"/>
    </row>
    <row r="975478" spans="14:14">
      <c r="N975478" s="10"/>
    </row>
    <row r="975479" spans="14:14">
      <c r="N975479" s="10"/>
    </row>
    <row r="975480" spans="14:14">
      <c r="N975480" s="10"/>
    </row>
    <row r="975481" spans="14:14">
      <c r="N975481" s="10"/>
    </row>
    <row r="975482" spans="14:14">
      <c r="N975482" s="10"/>
    </row>
    <row r="975483" spans="14:14">
      <c r="N975483" s="10"/>
    </row>
    <row r="975484" spans="14:14">
      <c r="N975484" s="10"/>
    </row>
    <row r="975485" spans="14:14">
      <c r="N975485" s="10"/>
    </row>
    <row r="975486" spans="14:14">
      <c r="N975486" s="10"/>
    </row>
    <row r="975487" spans="14:14">
      <c r="N975487" s="10"/>
    </row>
    <row r="975488" spans="14:14">
      <c r="N975488" s="10"/>
    </row>
    <row r="975489" spans="14:14">
      <c r="N975489" s="10"/>
    </row>
    <row r="975490" spans="14:14">
      <c r="N975490" s="10"/>
    </row>
    <row r="975491" spans="14:14">
      <c r="N975491" s="10"/>
    </row>
    <row r="975492" spans="14:14">
      <c r="N975492" s="10"/>
    </row>
    <row r="975493" spans="14:14">
      <c r="N975493" s="10"/>
    </row>
    <row r="975494" spans="14:14">
      <c r="N975494" s="10"/>
    </row>
    <row r="975495" spans="14:14">
      <c r="N975495" s="10"/>
    </row>
    <row r="975496" spans="14:14">
      <c r="N975496" s="10"/>
    </row>
    <row r="975497" spans="14:14">
      <c r="N975497" s="10"/>
    </row>
    <row r="975498" spans="14:14">
      <c r="N975498" s="10"/>
    </row>
    <row r="975499" spans="14:14">
      <c r="N975499" s="10"/>
    </row>
    <row r="975500" spans="14:14">
      <c r="N975500" s="10"/>
    </row>
    <row r="975501" spans="14:14">
      <c r="N975501" s="10"/>
    </row>
    <row r="975502" spans="14:14">
      <c r="N975502" s="10"/>
    </row>
    <row r="975503" spans="14:14">
      <c r="N975503" s="10"/>
    </row>
    <row r="975504" spans="14:14">
      <c r="N975504" s="10"/>
    </row>
    <row r="975505" spans="14:14">
      <c r="N975505" s="10"/>
    </row>
    <row r="975506" spans="14:14">
      <c r="N975506" s="10"/>
    </row>
    <row r="975507" spans="14:14">
      <c r="N975507" s="10"/>
    </row>
    <row r="975508" spans="14:14">
      <c r="N975508" s="10"/>
    </row>
    <row r="975509" spans="14:14">
      <c r="N975509" s="10"/>
    </row>
    <row r="975510" spans="14:14">
      <c r="N975510" s="10"/>
    </row>
    <row r="975511" spans="14:14">
      <c r="N975511" s="10"/>
    </row>
    <row r="975512" spans="14:14">
      <c r="N975512" s="10"/>
    </row>
    <row r="975513" spans="14:14">
      <c r="N975513" s="10"/>
    </row>
    <row r="975514" spans="14:14">
      <c r="N975514" s="10"/>
    </row>
    <row r="975515" spans="14:14">
      <c r="N975515" s="10"/>
    </row>
    <row r="975516" spans="14:14">
      <c r="N975516" s="10"/>
    </row>
    <row r="975517" spans="14:14">
      <c r="N975517" s="10"/>
    </row>
    <row r="975518" spans="14:14">
      <c r="N975518" s="10"/>
    </row>
    <row r="975519" spans="14:14">
      <c r="N975519" s="10"/>
    </row>
    <row r="975520" spans="14:14">
      <c r="N975520" s="10"/>
    </row>
    <row r="975521" spans="14:14">
      <c r="N975521" s="10"/>
    </row>
    <row r="975522" spans="14:14">
      <c r="N975522" s="10"/>
    </row>
    <row r="975523" spans="14:14">
      <c r="N975523" s="10"/>
    </row>
    <row r="975524" spans="14:14">
      <c r="N975524" s="10"/>
    </row>
    <row r="975525" spans="14:14">
      <c r="N975525" s="10"/>
    </row>
    <row r="975526" spans="14:14">
      <c r="N975526" s="10"/>
    </row>
    <row r="975527" spans="14:14">
      <c r="N975527" s="10"/>
    </row>
    <row r="975528" spans="14:14">
      <c r="N975528" s="10"/>
    </row>
    <row r="975529" spans="14:14">
      <c r="N975529" s="10"/>
    </row>
    <row r="975530" spans="14:14">
      <c r="N975530" s="10"/>
    </row>
    <row r="975531" spans="14:14">
      <c r="N975531" s="10"/>
    </row>
    <row r="975532" spans="14:14">
      <c r="N975532" s="10"/>
    </row>
    <row r="975533" spans="14:14">
      <c r="N975533" s="10"/>
    </row>
    <row r="975534" spans="14:14">
      <c r="N975534" s="10"/>
    </row>
    <row r="975535" spans="14:14">
      <c r="N975535" s="10"/>
    </row>
    <row r="975536" spans="14:14">
      <c r="N975536" s="10"/>
    </row>
    <row r="975537" spans="14:14">
      <c r="N975537" s="10"/>
    </row>
    <row r="975538" spans="14:14">
      <c r="N975538" s="10"/>
    </row>
    <row r="975539" spans="14:14">
      <c r="N975539" s="10"/>
    </row>
    <row r="975540" spans="14:14">
      <c r="N975540" s="10"/>
    </row>
    <row r="975541" spans="14:14">
      <c r="N975541" s="10"/>
    </row>
    <row r="975542" spans="14:14">
      <c r="N975542" s="10"/>
    </row>
    <row r="975543" spans="14:14">
      <c r="N975543" s="10"/>
    </row>
    <row r="975544" spans="14:14">
      <c r="N975544" s="10"/>
    </row>
    <row r="975545" spans="14:14">
      <c r="N975545" s="10"/>
    </row>
    <row r="975546" spans="14:14">
      <c r="N975546" s="10"/>
    </row>
    <row r="975547" spans="14:14">
      <c r="N975547" s="10"/>
    </row>
    <row r="975548" spans="14:14">
      <c r="N975548" s="10"/>
    </row>
    <row r="975549" spans="14:14">
      <c r="N975549" s="10"/>
    </row>
    <row r="975550" spans="14:14">
      <c r="N975550" s="10"/>
    </row>
    <row r="975551" spans="14:14">
      <c r="N975551" s="10"/>
    </row>
    <row r="975552" spans="14:14">
      <c r="N975552" s="10"/>
    </row>
    <row r="975553" spans="14:14">
      <c r="N975553" s="10"/>
    </row>
    <row r="975554" spans="14:14">
      <c r="N975554" s="10"/>
    </row>
    <row r="975555" spans="14:14">
      <c r="N975555" s="10"/>
    </row>
    <row r="975556" spans="14:14">
      <c r="N975556" s="10"/>
    </row>
    <row r="975557" spans="14:14">
      <c r="N975557" s="10"/>
    </row>
    <row r="975558" spans="14:14">
      <c r="N975558" s="10"/>
    </row>
    <row r="975559" spans="14:14">
      <c r="N975559" s="10"/>
    </row>
    <row r="975560" spans="14:14">
      <c r="N975560" s="10"/>
    </row>
    <row r="975561" spans="14:14">
      <c r="N975561" s="10"/>
    </row>
    <row r="975562" spans="14:14">
      <c r="N975562" s="10"/>
    </row>
    <row r="975563" spans="14:14">
      <c r="N975563" s="10"/>
    </row>
    <row r="975564" spans="14:14">
      <c r="N975564" s="10"/>
    </row>
    <row r="975565" spans="14:14">
      <c r="N975565" s="10"/>
    </row>
    <row r="975566" spans="14:14">
      <c r="N975566" s="10"/>
    </row>
    <row r="975567" spans="14:14">
      <c r="N975567" s="10"/>
    </row>
    <row r="975568" spans="14:14">
      <c r="N975568" s="10"/>
    </row>
    <row r="975569" spans="14:14">
      <c r="N975569" s="10"/>
    </row>
    <row r="975570" spans="14:14">
      <c r="N975570" s="10"/>
    </row>
    <row r="975571" spans="14:14">
      <c r="N975571" s="10"/>
    </row>
    <row r="975572" spans="14:14">
      <c r="N975572" s="10"/>
    </row>
    <row r="975573" spans="14:14">
      <c r="N975573" s="10"/>
    </row>
    <row r="975574" spans="14:14">
      <c r="N975574" s="10"/>
    </row>
    <row r="975575" spans="14:14">
      <c r="N975575" s="10"/>
    </row>
    <row r="975576" spans="14:14">
      <c r="N975576" s="10"/>
    </row>
    <row r="975577" spans="14:14">
      <c r="N975577" s="10"/>
    </row>
    <row r="975578" spans="14:14">
      <c r="N975578" s="10"/>
    </row>
    <row r="975579" spans="14:14">
      <c r="N975579" s="10"/>
    </row>
    <row r="975580" spans="14:14">
      <c r="N975580" s="10"/>
    </row>
    <row r="975581" spans="14:14">
      <c r="N975581" s="10"/>
    </row>
    <row r="975582" spans="14:14">
      <c r="N975582" s="10"/>
    </row>
    <row r="975583" spans="14:14">
      <c r="N975583" s="10"/>
    </row>
    <row r="975584" spans="14:14">
      <c r="N975584" s="10"/>
    </row>
    <row r="975585" spans="14:14">
      <c r="N975585" s="10"/>
    </row>
    <row r="975586" spans="14:14">
      <c r="N975586" s="10"/>
    </row>
    <row r="975587" spans="14:14">
      <c r="N975587" s="10"/>
    </row>
    <row r="975588" spans="14:14">
      <c r="N975588" s="10"/>
    </row>
    <row r="975589" spans="14:14">
      <c r="N975589" s="10"/>
    </row>
    <row r="975590" spans="14:14">
      <c r="N975590" s="10"/>
    </row>
    <row r="975591" spans="14:14">
      <c r="N975591" s="10"/>
    </row>
    <row r="975592" spans="14:14">
      <c r="N975592" s="10"/>
    </row>
    <row r="975593" spans="14:14">
      <c r="N975593" s="10"/>
    </row>
    <row r="975594" spans="14:14">
      <c r="N975594" s="10"/>
    </row>
    <row r="975595" spans="14:14">
      <c r="N975595" s="10"/>
    </row>
    <row r="975596" spans="14:14">
      <c r="N975596" s="10"/>
    </row>
    <row r="975597" spans="14:14">
      <c r="N975597" s="10"/>
    </row>
    <row r="975598" spans="14:14">
      <c r="N975598" s="10"/>
    </row>
    <row r="975599" spans="14:14">
      <c r="N975599" s="10"/>
    </row>
    <row r="975600" spans="14:14">
      <c r="N975600" s="10"/>
    </row>
    <row r="975601" spans="14:14">
      <c r="N975601" s="10"/>
    </row>
    <row r="975602" spans="14:14">
      <c r="N975602" s="10"/>
    </row>
    <row r="975603" spans="14:14">
      <c r="N975603" s="10"/>
    </row>
    <row r="975604" spans="14:14">
      <c r="N975604" s="10"/>
    </row>
    <row r="975605" spans="14:14">
      <c r="N975605" s="10"/>
    </row>
    <row r="975606" spans="14:14">
      <c r="N975606" s="10"/>
    </row>
    <row r="975607" spans="14:14">
      <c r="N975607" s="10"/>
    </row>
    <row r="975608" spans="14:14">
      <c r="N975608" s="10"/>
    </row>
    <row r="975609" spans="14:14">
      <c r="N975609" s="10"/>
    </row>
    <row r="975610" spans="14:14">
      <c r="N975610" s="10"/>
    </row>
    <row r="975611" spans="14:14">
      <c r="N975611" s="10"/>
    </row>
    <row r="975612" spans="14:14">
      <c r="N975612" s="10"/>
    </row>
    <row r="975613" spans="14:14">
      <c r="N975613" s="10"/>
    </row>
    <row r="975614" spans="14:14">
      <c r="N975614" s="10"/>
    </row>
    <row r="975615" spans="14:14">
      <c r="N975615" s="10"/>
    </row>
    <row r="975616" spans="14:14">
      <c r="N975616" s="10"/>
    </row>
    <row r="975617" spans="14:14">
      <c r="N975617" s="10"/>
    </row>
    <row r="975618" spans="14:14">
      <c r="N975618" s="10"/>
    </row>
    <row r="975619" spans="14:14">
      <c r="N975619" s="10"/>
    </row>
    <row r="975620" spans="14:14">
      <c r="N975620" s="10"/>
    </row>
    <row r="975621" spans="14:14">
      <c r="N975621" s="10"/>
    </row>
    <row r="975622" spans="14:14">
      <c r="N975622" s="10"/>
    </row>
    <row r="975623" spans="14:14">
      <c r="N975623" s="10"/>
    </row>
    <row r="975624" spans="14:14">
      <c r="N975624" s="10"/>
    </row>
    <row r="975625" spans="14:14">
      <c r="N975625" s="10"/>
    </row>
    <row r="975626" spans="14:14">
      <c r="N975626" s="10"/>
    </row>
    <row r="975627" spans="14:14">
      <c r="N975627" s="10"/>
    </row>
    <row r="975628" spans="14:14">
      <c r="N975628" s="10"/>
    </row>
    <row r="975629" spans="14:14">
      <c r="N975629" s="10"/>
    </row>
    <row r="975630" spans="14:14">
      <c r="N975630" s="10"/>
    </row>
    <row r="975631" spans="14:14">
      <c r="N975631" s="10"/>
    </row>
    <row r="975632" spans="14:14">
      <c r="N975632" s="10"/>
    </row>
    <row r="975633" spans="14:14">
      <c r="N975633" s="10"/>
    </row>
    <row r="975634" spans="14:14">
      <c r="N975634" s="10"/>
    </row>
    <row r="975635" spans="14:14">
      <c r="N975635" s="10"/>
    </row>
    <row r="975636" spans="14:14">
      <c r="N975636" s="10"/>
    </row>
    <row r="975637" spans="14:14">
      <c r="N975637" s="10"/>
    </row>
    <row r="975638" spans="14:14">
      <c r="N975638" s="10"/>
    </row>
    <row r="975639" spans="14:14">
      <c r="N975639" s="10"/>
    </row>
    <row r="975640" spans="14:14">
      <c r="N975640" s="10"/>
    </row>
    <row r="975641" spans="14:14">
      <c r="N975641" s="10"/>
    </row>
    <row r="975642" spans="14:14">
      <c r="N975642" s="10"/>
    </row>
    <row r="975643" spans="14:14">
      <c r="N975643" s="10"/>
    </row>
    <row r="975644" spans="14:14">
      <c r="N975644" s="10"/>
    </row>
    <row r="975645" spans="14:14">
      <c r="N975645" s="10"/>
    </row>
    <row r="975646" spans="14:14">
      <c r="N975646" s="10"/>
    </row>
    <row r="975647" spans="14:14">
      <c r="N975647" s="10"/>
    </row>
    <row r="975648" spans="14:14">
      <c r="N975648" s="10"/>
    </row>
    <row r="975649" spans="14:14">
      <c r="N975649" s="10"/>
    </row>
    <row r="975650" spans="14:14">
      <c r="N975650" s="10"/>
    </row>
    <row r="975651" spans="14:14">
      <c r="N975651" s="10"/>
    </row>
    <row r="975652" spans="14:14">
      <c r="N975652" s="10"/>
    </row>
    <row r="975653" spans="14:14">
      <c r="N975653" s="10"/>
    </row>
    <row r="975654" spans="14:14">
      <c r="N975654" s="10"/>
    </row>
    <row r="975655" spans="14:14">
      <c r="N975655" s="10"/>
    </row>
    <row r="975656" spans="14:14">
      <c r="N975656" s="10"/>
    </row>
    <row r="975657" spans="14:14">
      <c r="N975657" s="10"/>
    </row>
    <row r="975658" spans="14:14">
      <c r="N975658" s="10"/>
    </row>
    <row r="975659" spans="14:14">
      <c r="N975659" s="10"/>
    </row>
    <row r="975660" spans="14:14">
      <c r="N975660" s="10"/>
    </row>
    <row r="975661" spans="14:14">
      <c r="N975661" s="10"/>
    </row>
    <row r="975662" spans="14:14">
      <c r="N975662" s="10"/>
    </row>
    <row r="975663" spans="14:14">
      <c r="N975663" s="10"/>
    </row>
    <row r="975664" spans="14:14">
      <c r="N975664" s="10"/>
    </row>
    <row r="975665" spans="14:14">
      <c r="N975665" s="10"/>
    </row>
    <row r="975666" spans="14:14">
      <c r="N975666" s="10"/>
    </row>
    <row r="975667" spans="14:14">
      <c r="N975667" s="10"/>
    </row>
    <row r="975668" spans="14:14">
      <c r="N975668" s="10"/>
    </row>
    <row r="975669" spans="14:14">
      <c r="N975669" s="10"/>
    </row>
    <row r="975670" spans="14:14">
      <c r="N975670" s="10"/>
    </row>
    <row r="975671" spans="14:14">
      <c r="N975671" s="10"/>
    </row>
    <row r="975672" spans="14:14">
      <c r="N975672" s="10"/>
    </row>
    <row r="975673" spans="14:14">
      <c r="N975673" s="10"/>
    </row>
    <row r="975674" spans="14:14">
      <c r="N975674" s="10"/>
    </row>
    <row r="975675" spans="14:14">
      <c r="N975675" s="10"/>
    </row>
    <row r="975676" spans="14:14">
      <c r="N975676" s="10"/>
    </row>
    <row r="975677" spans="14:14">
      <c r="N975677" s="10"/>
    </row>
    <row r="975678" spans="14:14">
      <c r="N975678" s="10"/>
    </row>
    <row r="975679" spans="14:14">
      <c r="N975679" s="10"/>
    </row>
    <row r="975680" spans="14:14">
      <c r="N975680" s="10"/>
    </row>
    <row r="975681" spans="14:14">
      <c r="N975681" s="10"/>
    </row>
    <row r="975682" spans="14:14">
      <c r="N975682" s="10"/>
    </row>
    <row r="975683" spans="14:14">
      <c r="N975683" s="10"/>
    </row>
    <row r="975684" spans="14:14">
      <c r="N975684" s="10"/>
    </row>
    <row r="975685" spans="14:14">
      <c r="N975685" s="10"/>
    </row>
    <row r="975686" spans="14:14">
      <c r="N975686" s="10"/>
    </row>
    <row r="975687" spans="14:14">
      <c r="N975687" s="10"/>
    </row>
    <row r="975688" spans="14:14">
      <c r="N975688" s="10"/>
    </row>
    <row r="975689" spans="14:14">
      <c r="N975689" s="10"/>
    </row>
    <row r="975690" spans="14:14">
      <c r="N975690" s="10"/>
    </row>
    <row r="975691" spans="14:14">
      <c r="N975691" s="10"/>
    </row>
    <row r="975692" spans="14:14">
      <c r="N975692" s="10"/>
    </row>
    <row r="975693" spans="14:14">
      <c r="N975693" s="10"/>
    </row>
    <row r="975694" spans="14:14">
      <c r="N975694" s="10"/>
    </row>
    <row r="975695" spans="14:14">
      <c r="N975695" s="10"/>
    </row>
    <row r="975696" spans="14:14">
      <c r="N975696" s="10"/>
    </row>
    <row r="975697" spans="14:14">
      <c r="N975697" s="10"/>
    </row>
    <row r="975698" spans="14:14">
      <c r="N975698" s="10"/>
    </row>
    <row r="975699" spans="14:14">
      <c r="N975699" s="10"/>
    </row>
    <row r="975700" spans="14:14">
      <c r="N975700" s="10"/>
    </row>
    <row r="975701" spans="14:14">
      <c r="N975701" s="10"/>
    </row>
    <row r="975702" spans="14:14">
      <c r="N975702" s="10"/>
    </row>
    <row r="975703" spans="14:14">
      <c r="N975703" s="10"/>
    </row>
    <row r="975704" spans="14:14">
      <c r="N975704" s="10"/>
    </row>
    <row r="975705" spans="14:14">
      <c r="N975705" s="10"/>
    </row>
    <row r="975706" spans="14:14">
      <c r="N975706" s="10"/>
    </row>
    <row r="975707" spans="14:14">
      <c r="N975707" s="10"/>
    </row>
    <row r="975708" spans="14:14">
      <c r="N975708" s="10"/>
    </row>
    <row r="975709" spans="14:14">
      <c r="N975709" s="10"/>
    </row>
    <row r="975710" spans="14:14">
      <c r="N975710" s="10"/>
    </row>
    <row r="975711" spans="14:14">
      <c r="N975711" s="10"/>
    </row>
    <row r="975712" spans="14:14">
      <c r="N975712" s="10"/>
    </row>
    <row r="975713" spans="14:14">
      <c r="N975713" s="10"/>
    </row>
    <row r="975714" spans="14:14">
      <c r="N975714" s="10"/>
    </row>
    <row r="975715" spans="14:14">
      <c r="N975715" s="10"/>
    </row>
    <row r="975716" spans="14:14">
      <c r="N975716" s="10"/>
    </row>
    <row r="975717" spans="14:14">
      <c r="N975717" s="10"/>
    </row>
    <row r="975718" spans="14:14">
      <c r="N975718" s="10"/>
    </row>
    <row r="975719" spans="14:14">
      <c r="N975719" s="10"/>
    </row>
    <row r="975720" spans="14:14">
      <c r="N975720" s="10"/>
    </row>
    <row r="975721" spans="14:14">
      <c r="N975721" s="10"/>
    </row>
    <row r="975722" spans="14:14">
      <c r="N975722" s="10"/>
    </row>
    <row r="975723" spans="14:14">
      <c r="N975723" s="10"/>
    </row>
    <row r="975724" spans="14:14">
      <c r="N975724" s="10"/>
    </row>
    <row r="975725" spans="14:14">
      <c r="N975725" s="10"/>
    </row>
    <row r="975726" spans="14:14">
      <c r="N975726" s="10"/>
    </row>
    <row r="975727" spans="14:14">
      <c r="N975727" s="10"/>
    </row>
    <row r="975728" spans="14:14">
      <c r="N975728" s="10"/>
    </row>
    <row r="975729" spans="14:14">
      <c r="N975729" s="10"/>
    </row>
    <row r="975730" spans="14:14">
      <c r="N975730" s="10"/>
    </row>
    <row r="975731" spans="14:14">
      <c r="N975731" s="10"/>
    </row>
    <row r="975732" spans="14:14">
      <c r="N975732" s="10"/>
    </row>
    <row r="975733" spans="14:14">
      <c r="N975733" s="10"/>
    </row>
    <row r="975734" spans="14:14">
      <c r="N975734" s="10"/>
    </row>
    <row r="975735" spans="14:14">
      <c r="N975735" s="10"/>
    </row>
    <row r="975736" spans="14:14">
      <c r="N975736" s="10"/>
    </row>
    <row r="975737" spans="14:14">
      <c r="N975737" s="10"/>
    </row>
    <row r="975738" spans="14:14">
      <c r="N975738" s="10"/>
    </row>
    <row r="975739" spans="14:14">
      <c r="N975739" s="10"/>
    </row>
    <row r="975740" spans="14:14">
      <c r="N975740" s="10"/>
    </row>
    <row r="975741" spans="14:14">
      <c r="N975741" s="10"/>
    </row>
    <row r="975742" spans="14:14">
      <c r="N975742" s="10"/>
    </row>
    <row r="975743" spans="14:14">
      <c r="N975743" s="10"/>
    </row>
    <row r="975744" spans="14:14">
      <c r="N975744" s="10"/>
    </row>
    <row r="975745" spans="14:14">
      <c r="N975745" s="10"/>
    </row>
    <row r="975746" spans="14:14">
      <c r="N975746" s="10"/>
    </row>
    <row r="975747" spans="14:14">
      <c r="N975747" s="10"/>
    </row>
    <row r="975748" spans="14:14">
      <c r="N975748" s="10"/>
    </row>
    <row r="975749" spans="14:14">
      <c r="N975749" s="10"/>
    </row>
    <row r="975750" spans="14:14">
      <c r="N975750" s="10"/>
    </row>
    <row r="975751" spans="14:14">
      <c r="N975751" s="10"/>
    </row>
    <row r="975752" spans="14:14">
      <c r="N975752" s="10"/>
    </row>
    <row r="975753" spans="14:14">
      <c r="N975753" s="10"/>
    </row>
    <row r="975754" spans="14:14">
      <c r="N975754" s="10"/>
    </row>
    <row r="975755" spans="14:14">
      <c r="N975755" s="10"/>
    </row>
    <row r="975756" spans="14:14">
      <c r="N975756" s="10"/>
    </row>
    <row r="975757" spans="14:14">
      <c r="N975757" s="10"/>
    </row>
    <row r="975758" spans="14:14">
      <c r="N975758" s="10"/>
    </row>
    <row r="975759" spans="14:14">
      <c r="N975759" s="10"/>
    </row>
    <row r="975760" spans="14:14">
      <c r="N975760" s="10"/>
    </row>
    <row r="975761" spans="14:14">
      <c r="N975761" s="10"/>
    </row>
    <row r="975762" spans="14:14">
      <c r="N975762" s="10"/>
    </row>
    <row r="975763" spans="14:14">
      <c r="N975763" s="10"/>
    </row>
    <row r="975764" spans="14:14">
      <c r="N975764" s="10"/>
    </row>
    <row r="975765" spans="14:14">
      <c r="N975765" s="10"/>
    </row>
    <row r="975766" spans="14:14">
      <c r="N975766" s="10"/>
    </row>
    <row r="975767" spans="14:14">
      <c r="N975767" s="10"/>
    </row>
    <row r="975768" spans="14:14">
      <c r="N975768" s="10"/>
    </row>
    <row r="975769" spans="14:14">
      <c r="N975769" s="10"/>
    </row>
    <row r="975770" spans="14:14">
      <c r="N975770" s="10"/>
    </row>
    <row r="975771" spans="14:14">
      <c r="N975771" s="10"/>
    </row>
    <row r="975772" spans="14:14">
      <c r="N975772" s="10"/>
    </row>
    <row r="975773" spans="14:14">
      <c r="N975773" s="10"/>
    </row>
    <row r="975774" spans="14:14">
      <c r="N975774" s="10"/>
    </row>
    <row r="975775" spans="14:14">
      <c r="N975775" s="10"/>
    </row>
    <row r="975776" spans="14:14">
      <c r="N975776" s="10"/>
    </row>
    <row r="975777" spans="14:14">
      <c r="N975777" s="10"/>
    </row>
    <row r="975778" spans="14:14">
      <c r="N975778" s="10"/>
    </row>
    <row r="975779" spans="14:14">
      <c r="N975779" s="10"/>
    </row>
    <row r="975780" spans="14:14">
      <c r="N975780" s="10"/>
    </row>
    <row r="975781" spans="14:14">
      <c r="N975781" s="10"/>
    </row>
    <row r="975782" spans="14:14">
      <c r="N975782" s="10"/>
    </row>
    <row r="975783" spans="14:14">
      <c r="N975783" s="10"/>
    </row>
    <row r="975784" spans="14:14">
      <c r="N975784" s="10"/>
    </row>
    <row r="975785" spans="14:14">
      <c r="N975785" s="10"/>
    </row>
    <row r="975786" spans="14:14">
      <c r="N975786" s="10"/>
    </row>
    <row r="975787" spans="14:14">
      <c r="N975787" s="10"/>
    </row>
    <row r="975788" spans="14:14">
      <c r="N975788" s="10"/>
    </row>
    <row r="975789" spans="14:14">
      <c r="N975789" s="10"/>
    </row>
    <row r="975790" spans="14:14">
      <c r="N975790" s="10"/>
    </row>
    <row r="975791" spans="14:14">
      <c r="N975791" s="10"/>
    </row>
    <row r="975792" spans="14:14">
      <c r="N975792" s="10"/>
    </row>
    <row r="975793" spans="14:14">
      <c r="N975793" s="10"/>
    </row>
    <row r="975794" spans="14:14">
      <c r="N975794" s="10"/>
    </row>
    <row r="975795" spans="14:14">
      <c r="N975795" s="10"/>
    </row>
    <row r="975796" spans="14:14">
      <c r="N975796" s="10"/>
    </row>
    <row r="975797" spans="14:14">
      <c r="N975797" s="10"/>
    </row>
    <row r="975798" spans="14:14">
      <c r="N975798" s="10"/>
    </row>
    <row r="975799" spans="14:14">
      <c r="N975799" s="10"/>
    </row>
    <row r="975800" spans="14:14">
      <c r="N975800" s="10"/>
    </row>
    <row r="975801" spans="14:14">
      <c r="N975801" s="10"/>
    </row>
    <row r="975802" spans="14:14">
      <c r="N975802" s="10"/>
    </row>
    <row r="975803" spans="14:14">
      <c r="N975803" s="10"/>
    </row>
    <row r="975804" spans="14:14">
      <c r="N975804" s="10"/>
    </row>
    <row r="975805" spans="14:14">
      <c r="N975805" s="10"/>
    </row>
    <row r="975806" spans="14:14">
      <c r="N975806" s="10"/>
    </row>
    <row r="975807" spans="14:14">
      <c r="N975807" s="10"/>
    </row>
    <row r="975808" spans="14:14">
      <c r="N975808" s="10"/>
    </row>
    <row r="975809" spans="14:14">
      <c r="N975809" s="10"/>
    </row>
    <row r="975810" spans="14:14">
      <c r="N975810" s="10"/>
    </row>
    <row r="975811" spans="14:14">
      <c r="N975811" s="10"/>
    </row>
    <row r="975812" spans="14:14">
      <c r="N975812" s="10"/>
    </row>
    <row r="975813" spans="14:14">
      <c r="N975813" s="10"/>
    </row>
    <row r="975814" spans="14:14">
      <c r="N975814" s="10"/>
    </row>
    <row r="975815" spans="14:14">
      <c r="N975815" s="10"/>
    </row>
    <row r="975816" spans="14:14">
      <c r="N975816" s="10"/>
    </row>
    <row r="975817" spans="14:14">
      <c r="N975817" s="10"/>
    </row>
    <row r="975818" spans="14:14">
      <c r="N975818" s="10"/>
    </row>
    <row r="975819" spans="14:14">
      <c r="N975819" s="10"/>
    </row>
    <row r="975820" spans="14:14">
      <c r="N975820" s="10"/>
    </row>
    <row r="975821" spans="14:14">
      <c r="N975821" s="10"/>
    </row>
    <row r="975822" spans="14:14">
      <c r="N975822" s="10"/>
    </row>
    <row r="975823" spans="14:14">
      <c r="N975823" s="10"/>
    </row>
    <row r="975824" spans="14:14">
      <c r="N975824" s="10"/>
    </row>
    <row r="975825" spans="14:14">
      <c r="N975825" s="10"/>
    </row>
    <row r="975826" spans="14:14">
      <c r="N975826" s="10"/>
    </row>
    <row r="975827" spans="14:14">
      <c r="N975827" s="10"/>
    </row>
    <row r="975828" spans="14:14">
      <c r="N975828" s="10"/>
    </row>
    <row r="975829" spans="14:14">
      <c r="N975829" s="10"/>
    </row>
    <row r="975830" spans="14:14">
      <c r="N975830" s="10"/>
    </row>
    <row r="975831" spans="14:14">
      <c r="N975831" s="10"/>
    </row>
    <row r="975832" spans="14:14">
      <c r="N975832" s="10"/>
    </row>
    <row r="975833" spans="14:14">
      <c r="N975833" s="10"/>
    </row>
    <row r="975834" spans="14:14">
      <c r="N975834" s="10"/>
    </row>
    <row r="975835" spans="14:14">
      <c r="N975835" s="10"/>
    </row>
    <row r="975836" spans="14:14">
      <c r="N975836" s="10"/>
    </row>
    <row r="975837" spans="14:14">
      <c r="N975837" s="10"/>
    </row>
    <row r="975838" spans="14:14">
      <c r="N975838" s="10"/>
    </row>
    <row r="975839" spans="14:14">
      <c r="N975839" s="10"/>
    </row>
    <row r="975840" spans="14:14">
      <c r="N975840" s="10"/>
    </row>
    <row r="975841" spans="14:14">
      <c r="N975841" s="10"/>
    </row>
    <row r="975842" spans="14:14">
      <c r="N975842" s="10"/>
    </row>
    <row r="975843" spans="14:14">
      <c r="N975843" s="10"/>
    </row>
    <row r="975844" spans="14:14">
      <c r="N975844" s="10"/>
    </row>
    <row r="975845" spans="14:14">
      <c r="N975845" s="10"/>
    </row>
    <row r="975846" spans="14:14">
      <c r="N975846" s="10"/>
    </row>
    <row r="975847" spans="14:14">
      <c r="N975847" s="10"/>
    </row>
    <row r="975848" spans="14:14">
      <c r="N975848" s="10"/>
    </row>
    <row r="975849" spans="14:14">
      <c r="N975849" s="10"/>
    </row>
    <row r="975850" spans="14:14">
      <c r="N975850" s="10"/>
    </row>
    <row r="975851" spans="14:14">
      <c r="N975851" s="10"/>
    </row>
    <row r="975852" spans="14:14">
      <c r="N975852" s="10"/>
    </row>
    <row r="975853" spans="14:14">
      <c r="N975853" s="10"/>
    </row>
    <row r="975854" spans="14:14">
      <c r="N975854" s="10"/>
    </row>
    <row r="975855" spans="14:14">
      <c r="N975855" s="10"/>
    </row>
    <row r="975856" spans="14:14">
      <c r="N975856" s="10"/>
    </row>
    <row r="975857" spans="14:14">
      <c r="N975857" s="10"/>
    </row>
    <row r="975858" spans="14:14">
      <c r="N975858" s="10"/>
    </row>
    <row r="975859" spans="14:14">
      <c r="N975859" s="10"/>
    </row>
    <row r="975860" spans="14:14">
      <c r="N975860" s="10"/>
    </row>
    <row r="975861" spans="14:14">
      <c r="N975861" s="10"/>
    </row>
    <row r="975862" spans="14:14">
      <c r="N975862" s="10"/>
    </row>
    <row r="975863" spans="14:14">
      <c r="N975863" s="10"/>
    </row>
    <row r="975864" spans="14:14">
      <c r="N975864" s="10"/>
    </row>
    <row r="975865" spans="14:14">
      <c r="N975865" s="10"/>
    </row>
    <row r="975866" spans="14:14">
      <c r="N975866" s="10"/>
    </row>
    <row r="975867" spans="14:14">
      <c r="N975867" s="10"/>
    </row>
    <row r="975868" spans="14:14">
      <c r="N975868" s="10"/>
    </row>
    <row r="975869" spans="14:14">
      <c r="N975869" s="10"/>
    </row>
    <row r="975870" spans="14:14">
      <c r="N975870" s="10"/>
    </row>
    <row r="975871" spans="14:14">
      <c r="N975871" s="10"/>
    </row>
    <row r="975872" spans="14:14">
      <c r="N975872" s="10"/>
    </row>
    <row r="975873" spans="14:14">
      <c r="N975873" s="10"/>
    </row>
    <row r="975874" spans="14:14">
      <c r="N975874" s="10"/>
    </row>
    <row r="975875" spans="14:14">
      <c r="N975875" s="10"/>
    </row>
    <row r="975876" spans="14:14">
      <c r="N975876" s="10"/>
    </row>
    <row r="975877" spans="14:14">
      <c r="N975877" s="10"/>
    </row>
    <row r="975878" spans="14:14">
      <c r="N975878" s="10"/>
    </row>
    <row r="975879" spans="14:14">
      <c r="N975879" s="10"/>
    </row>
    <row r="975880" spans="14:14">
      <c r="N975880" s="10"/>
    </row>
    <row r="975881" spans="14:14">
      <c r="N975881" s="10"/>
    </row>
    <row r="975882" spans="14:14">
      <c r="N975882" s="10"/>
    </row>
    <row r="975883" spans="14:14">
      <c r="N975883" s="10"/>
    </row>
    <row r="975884" spans="14:14">
      <c r="N975884" s="10"/>
    </row>
    <row r="975885" spans="14:14">
      <c r="N975885" s="10"/>
    </row>
    <row r="975886" spans="14:14">
      <c r="N975886" s="10"/>
    </row>
    <row r="975887" spans="14:14">
      <c r="N975887" s="10"/>
    </row>
    <row r="975888" spans="14:14">
      <c r="N975888" s="10"/>
    </row>
    <row r="975889" spans="14:14">
      <c r="N975889" s="10"/>
    </row>
    <row r="975890" spans="14:14">
      <c r="N975890" s="10"/>
    </row>
    <row r="975891" spans="14:14">
      <c r="N975891" s="10"/>
    </row>
    <row r="975892" spans="14:14">
      <c r="N975892" s="10"/>
    </row>
    <row r="975893" spans="14:14">
      <c r="N975893" s="10"/>
    </row>
    <row r="975894" spans="14:14">
      <c r="N975894" s="10"/>
    </row>
    <row r="975895" spans="14:14">
      <c r="N975895" s="10"/>
    </row>
    <row r="975896" spans="14:14">
      <c r="N975896" s="10"/>
    </row>
    <row r="975897" spans="14:14">
      <c r="N975897" s="10"/>
    </row>
    <row r="975898" spans="14:14">
      <c r="N975898" s="10"/>
    </row>
    <row r="975899" spans="14:14">
      <c r="N975899" s="10"/>
    </row>
    <row r="975900" spans="14:14">
      <c r="N975900" s="10"/>
    </row>
    <row r="975901" spans="14:14">
      <c r="N975901" s="10"/>
    </row>
    <row r="975902" spans="14:14">
      <c r="N975902" s="10"/>
    </row>
    <row r="975903" spans="14:14">
      <c r="N975903" s="10"/>
    </row>
    <row r="975904" spans="14:14">
      <c r="N975904" s="10"/>
    </row>
    <row r="975905" spans="14:14">
      <c r="N975905" s="10"/>
    </row>
    <row r="975906" spans="14:14">
      <c r="N975906" s="10"/>
    </row>
    <row r="975907" spans="14:14">
      <c r="N975907" s="10"/>
    </row>
    <row r="975908" spans="14:14">
      <c r="N975908" s="10"/>
    </row>
    <row r="975909" spans="14:14">
      <c r="N975909" s="10"/>
    </row>
    <row r="975910" spans="14:14">
      <c r="N975910" s="10"/>
    </row>
    <row r="975911" spans="14:14">
      <c r="N975911" s="10"/>
    </row>
    <row r="975912" spans="14:14">
      <c r="N975912" s="10"/>
    </row>
    <row r="975913" spans="14:14">
      <c r="N975913" s="10"/>
    </row>
    <row r="975914" spans="14:14">
      <c r="N975914" s="10"/>
    </row>
    <row r="975915" spans="14:14">
      <c r="N975915" s="10"/>
    </row>
    <row r="975916" spans="14:14">
      <c r="N975916" s="10"/>
    </row>
    <row r="975917" spans="14:14">
      <c r="N975917" s="10"/>
    </row>
    <row r="975918" spans="14:14">
      <c r="N975918" s="10"/>
    </row>
    <row r="975919" spans="14:14">
      <c r="N975919" s="10"/>
    </row>
    <row r="975920" spans="14:14">
      <c r="N975920" s="10"/>
    </row>
    <row r="975921" spans="14:14">
      <c r="N975921" s="10"/>
    </row>
    <row r="975922" spans="14:14">
      <c r="N975922" s="10"/>
    </row>
    <row r="975923" spans="14:14">
      <c r="N975923" s="10"/>
    </row>
    <row r="975924" spans="14:14">
      <c r="N975924" s="10"/>
    </row>
    <row r="975925" spans="14:14">
      <c r="N975925" s="10"/>
    </row>
    <row r="975926" spans="14:14">
      <c r="N975926" s="10"/>
    </row>
    <row r="975927" spans="14:14">
      <c r="N975927" s="10"/>
    </row>
    <row r="975928" spans="14:14">
      <c r="N975928" s="10"/>
    </row>
    <row r="975929" spans="14:14">
      <c r="N975929" s="10"/>
    </row>
    <row r="975930" spans="14:14">
      <c r="N975930" s="10"/>
    </row>
    <row r="975931" spans="14:14">
      <c r="N975931" s="10"/>
    </row>
    <row r="975932" spans="14:14">
      <c r="N975932" s="10"/>
    </row>
    <row r="975933" spans="14:14">
      <c r="N975933" s="10"/>
    </row>
    <row r="975934" spans="14:14">
      <c r="N975934" s="10"/>
    </row>
    <row r="975935" spans="14:14">
      <c r="N975935" s="10"/>
    </row>
    <row r="975936" spans="14:14">
      <c r="N975936" s="10"/>
    </row>
    <row r="975937" spans="14:14">
      <c r="N975937" s="10"/>
    </row>
    <row r="975938" spans="14:14">
      <c r="N975938" s="10"/>
    </row>
    <row r="975939" spans="14:14">
      <c r="N975939" s="10"/>
    </row>
    <row r="975940" spans="14:14">
      <c r="N975940" s="10"/>
    </row>
    <row r="975941" spans="14:14">
      <c r="N975941" s="10"/>
    </row>
    <row r="975942" spans="14:14">
      <c r="N975942" s="10"/>
    </row>
    <row r="975943" spans="14:14">
      <c r="N975943" s="10"/>
    </row>
    <row r="975944" spans="14:14">
      <c r="N975944" s="10"/>
    </row>
    <row r="975945" spans="14:14">
      <c r="N975945" s="10"/>
    </row>
    <row r="975946" spans="14:14">
      <c r="N975946" s="10"/>
    </row>
    <row r="975947" spans="14:14">
      <c r="N975947" s="10"/>
    </row>
    <row r="975948" spans="14:14">
      <c r="N975948" s="10"/>
    </row>
    <row r="975949" spans="14:14">
      <c r="N975949" s="10"/>
    </row>
    <row r="975950" spans="14:14">
      <c r="N975950" s="10"/>
    </row>
    <row r="975951" spans="14:14">
      <c r="N975951" s="10"/>
    </row>
    <row r="975952" spans="14:14">
      <c r="N975952" s="10"/>
    </row>
    <row r="975953" spans="14:14">
      <c r="N975953" s="10"/>
    </row>
    <row r="975954" spans="14:14">
      <c r="N975954" s="10"/>
    </row>
    <row r="975955" spans="14:14">
      <c r="N975955" s="10"/>
    </row>
    <row r="975956" spans="14:14">
      <c r="N975956" s="10"/>
    </row>
    <row r="975957" spans="14:14">
      <c r="N975957" s="10"/>
    </row>
    <row r="975958" spans="14:14">
      <c r="N975958" s="10"/>
    </row>
    <row r="975959" spans="14:14">
      <c r="N975959" s="10"/>
    </row>
    <row r="975960" spans="14:14">
      <c r="N975960" s="10"/>
    </row>
    <row r="975961" spans="14:14">
      <c r="N975961" s="10"/>
    </row>
    <row r="975962" spans="14:14">
      <c r="N975962" s="10"/>
    </row>
    <row r="975963" spans="14:14">
      <c r="N975963" s="10"/>
    </row>
    <row r="975964" spans="14:14">
      <c r="N975964" s="10"/>
    </row>
    <row r="975965" spans="14:14">
      <c r="N975965" s="10"/>
    </row>
    <row r="975966" spans="14:14">
      <c r="N975966" s="10"/>
    </row>
    <row r="975967" spans="14:14">
      <c r="N975967" s="10"/>
    </row>
    <row r="975968" spans="14:14">
      <c r="N975968" s="10"/>
    </row>
    <row r="975969" spans="14:14">
      <c r="N975969" s="10"/>
    </row>
    <row r="975970" spans="14:14">
      <c r="N975970" s="10"/>
    </row>
    <row r="975971" spans="14:14">
      <c r="N975971" s="10"/>
    </row>
    <row r="975972" spans="14:14">
      <c r="N975972" s="10"/>
    </row>
    <row r="975973" spans="14:14">
      <c r="N975973" s="10"/>
    </row>
    <row r="975974" spans="14:14">
      <c r="N975974" s="10"/>
    </row>
    <row r="975975" spans="14:14">
      <c r="N975975" s="10"/>
    </row>
    <row r="975976" spans="14:14">
      <c r="N975976" s="10"/>
    </row>
    <row r="975977" spans="14:14">
      <c r="N975977" s="10"/>
    </row>
    <row r="975978" spans="14:14">
      <c r="N975978" s="10"/>
    </row>
    <row r="975979" spans="14:14">
      <c r="N975979" s="10"/>
    </row>
    <row r="975980" spans="14:14">
      <c r="N975980" s="10"/>
    </row>
    <row r="975981" spans="14:14">
      <c r="N975981" s="10"/>
    </row>
    <row r="975982" spans="14:14">
      <c r="N975982" s="10"/>
    </row>
    <row r="975983" spans="14:14">
      <c r="N975983" s="10"/>
    </row>
    <row r="975984" spans="14:14">
      <c r="N975984" s="10"/>
    </row>
    <row r="975985" spans="14:14">
      <c r="N975985" s="10"/>
    </row>
    <row r="975986" spans="14:14">
      <c r="N975986" s="10"/>
    </row>
    <row r="975987" spans="14:14">
      <c r="N975987" s="10"/>
    </row>
    <row r="975988" spans="14:14">
      <c r="N975988" s="10"/>
    </row>
    <row r="975989" spans="14:14">
      <c r="N975989" s="10"/>
    </row>
    <row r="975990" spans="14:14">
      <c r="N975990" s="10"/>
    </row>
    <row r="975991" spans="14:14">
      <c r="N975991" s="10"/>
    </row>
    <row r="975992" spans="14:14">
      <c r="N975992" s="10"/>
    </row>
    <row r="975993" spans="14:14">
      <c r="N975993" s="10"/>
    </row>
    <row r="975994" spans="14:14">
      <c r="N975994" s="10"/>
    </row>
    <row r="975995" spans="14:14">
      <c r="N975995" s="10"/>
    </row>
    <row r="975996" spans="14:14">
      <c r="N975996" s="10"/>
    </row>
    <row r="975997" spans="14:14">
      <c r="N975997" s="10"/>
    </row>
    <row r="975998" spans="14:14">
      <c r="N975998" s="10"/>
    </row>
    <row r="975999" spans="14:14">
      <c r="N975999" s="10"/>
    </row>
    <row r="976000" spans="14:14">
      <c r="N976000" s="10"/>
    </row>
    <row r="976001" spans="14:14">
      <c r="N976001" s="10"/>
    </row>
    <row r="976002" spans="14:14">
      <c r="N976002" s="10"/>
    </row>
    <row r="976003" spans="14:14">
      <c r="N976003" s="10"/>
    </row>
    <row r="976004" spans="14:14">
      <c r="N976004" s="10"/>
    </row>
    <row r="976005" spans="14:14">
      <c r="N976005" s="10"/>
    </row>
    <row r="976006" spans="14:14">
      <c r="N976006" s="10"/>
    </row>
    <row r="976007" spans="14:14">
      <c r="N976007" s="10"/>
    </row>
    <row r="976008" spans="14:14">
      <c r="N976008" s="10"/>
    </row>
    <row r="976009" spans="14:14">
      <c r="N976009" s="10"/>
    </row>
    <row r="976010" spans="14:14">
      <c r="N976010" s="10"/>
    </row>
    <row r="976011" spans="14:14">
      <c r="N976011" s="10"/>
    </row>
    <row r="976012" spans="14:14">
      <c r="N976012" s="10"/>
    </row>
    <row r="976013" spans="14:14">
      <c r="N976013" s="10"/>
    </row>
    <row r="976014" spans="14:14">
      <c r="N976014" s="10"/>
    </row>
    <row r="976015" spans="14:14">
      <c r="N976015" s="10"/>
    </row>
    <row r="976016" spans="14:14">
      <c r="N976016" s="10"/>
    </row>
    <row r="976017" spans="14:14">
      <c r="N976017" s="10"/>
    </row>
    <row r="976018" spans="14:14">
      <c r="N976018" s="10"/>
    </row>
    <row r="976019" spans="14:14">
      <c r="N976019" s="10"/>
    </row>
    <row r="976020" spans="14:14">
      <c r="N976020" s="10"/>
    </row>
    <row r="976021" spans="14:14">
      <c r="N976021" s="10"/>
    </row>
    <row r="976022" spans="14:14">
      <c r="N976022" s="10"/>
    </row>
    <row r="976023" spans="14:14">
      <c r="N976023" s="10"/>
    </row>
    <row r="976024" spans="14:14">
      <c r="N976024" s="10"/>
    </row>
    <row r="976025" spans="14:14">
      <c r="N976025" s="10"/>
    </row>
    <row r="976026" spans="14:14">
      <c r="N976026" s="10"/>
    </row>
    <row r="976027" spans="14:14">
      <c r="N976027" s="10"/>
    </row>
    <row r="976028" spans="14:14">
      <c r="N976028" s="10"/>
    </row>
    <row r="976029" spans="14:14">
      <c r="N976029" s="10"/>
    </row>
    <row r="976030" spans="14:14">
      <c r="N976030" s="10"/>
    </row>
    <row r="976031" spans="14:14">
      <c r="N976031" s="10"/>
    </row>
    <row r="976032" spans="14:14">
      <c r="N976032" s="10"/>
    </row>
    <row r="976033" spans="14:14">
      <c r="N976033" s="10"/>
    </row>
    <row r="976034" spans="14:14">
      <c r="N976034" s="10"/>
    </row>
    <row r="976035" spans="14:14">
      <c r="N976035" s="10"/>
    </row>
    <row r="976036" spans="14:14">
      <c r="N976036" s="10"/>
    </row>
    <row r="976037" spans="14:14">
      <c r="N976037" s="10"/>
    </row>
    <row r="976038" spans="14:14">
      <c r="N976038" s="10"/>
    </row>
    <row r="976039" spans="14:14">
      <c r="N976039" s="10"/>
    </row>
    <row r="976040" spans="14:14">
      <c r="N976040" s="10"/>
    </row>
    <row r="976041" spans="14:14">
      <c r="N976041" s="10"/>
    </row>
    <row r="976042" spans="14:14">
      <c r="N976042" s="10"/>
    </row>
    <row r="976043" spans="14:14">
      <c r="N976043" s="10"/>
    </row>
    <row r="976044" spans="14:14">
      <c r="N976044" s="10"/>
    </row>
    <row r="976045" spans="14:14">
      <c r="N976045" s="10"/>
    </row>
    <row r="976046" spans="14:14">
      <c r="N976046" s="10"/>
    </row>
    <row r="976047" spans="14:14">
      <c r="N976047" s="10"/>
    </row>
    <row r="976048" spans="14:14">
      <c r="N976048" s="10"/>
    </row>
    <row r="976049" spans="14:14">
      <c r="N976049" s="10"/>
    </row>
    <row r="976050" spans="14:14">
      <c r="N976050" s="10"/>
    </row>
    <row r="976051" spans="14:14">
      <c r="N976051" s="10"/>
    </row>
    <row r="976052" spans="14:14">
      <c r="N976052" s="10"/>
    </row>
    <row r="976053" spans="14:14">
      <c r="N976053" s="10"/>
    </row>
    <row r="976054" spans="14:14">
      <c r="N976054" s="10"/>
    </row>
    <row r="976055" spans="14:14">
      <c r="N976055" s="10"/>
    </row>
    <row r="976056" spans="14:14">
      <c r="N976056" s="10"/>
    </row>
    <row r="976057" spans="14:14">
      <c r="N976057" s="10"/>
    </row>
    <row r="976058" spans="14:14">
      <c r="N976058" s="10"/>
    </row>
    <row r="976059" spans="14:14">
      <c r="N976059" s="10"/>
    </row>
    <row r="976060" spans="14:14">
      <c r="N976060" s="10"/>
    </row>
    <row r="976061" spans="14:14">
      <c r="N976061" s="10"/>
    </row>
    <row r="976062" spans="14:14">
      <c r="N976062" s="10"/>
    </row>
    <row r="976063" spans="14:14">
      <c r="N976063" s="10"/>
    </row>
    <row r="976064" spans="14:14">
      <c r="N976064" s="10"/>
    </row>
    <row r="976065" spans="14:14">
      <c r="N976065" s="10"/>
    </row>
    <row r="976066" spans="14:14">
      <c r="N976066" s="10"/>
    </row>
    <row r="976067" spans="14:14">
      <c r="N976067" s="10"/>
    </row>
    <row r="976068" spans="14:14">
      <c r="N976068" s="10"/>
    </row>
    <row r="976069" spans="14:14">
      <c r="N976069" s="10"/>
    </row>
    <row r="976070" spans="14:14">
      <c r="N976070" s="10"/>
    </row>
    <row r="976071" spans="14:14">
      <c r="N976071" s="10"/>
    </row>
    <row r="976072" spans="14:14">
      <c r="N976072" s="10"/>
    </row>
    <row r="976073" spans="14:14">
      <c r="N976073" s="10"/>
    </row>
    <row r="976074" spans="14:14">
      <c r="N976074" s="10"/>
    </row>
    <row r="976075" spans="14:14">
      <c r="N976075" s="10"/>
    </row>
    <row r="976076" spans="14:14">
      <c r="N976076" s="10"/>
    </row>
    <row r="976077" spans="14:14">
      <c r="N976077" s="10"/>
    </row>
    <row r="976078" spans="14:14">
      <c r="N976078" s="10"/>
    </row>
    <row r="976079" spans="14:14">
      <c r="N976079" s="10"/>
    </row>
    <row r="976080" spans="14:14">
      <c r="N976080" s="10"/>
    </row>
    <row r="976081" spans="14:14">
      <c r="N976081" s="10"/>
    </row>
    <row r="976082" spans="14:14">
      <c r="N976082" s="10"/>
    </row>
    <row r="976083" spans="14:14">
      <c r="N976083" s="10"/>
    </row>
    <row r="976084" spans="14:14">
      <c r="N976084" s="10"/>
    </row>
    <row r="976085" spans="14:14">
      <c r="N976085" s="10"/>
    </row>
    <row r="976086" spans="14:14">
      <c r="N976086" s="10"/>
    </row>
    <row r="976087" spans="14:14">
      <c r="N976087" s="10"/>
    </row>
    <row r="976088" spans="14:14">
      <c r="N976088" s="10"/>
    </row>
    <row r="976089" spans="14:14">
      <c r="N976089" s="10"/>
    </row>
    <row r="976090" spans="14:14">
      <c r="N976090" s="10"/>
    </row>
    <row r="976091" spans="14:14">
      <c r="N976091" s="10"/>
    </row>
    <row r="976092" spans="14:14">
      <c r="N976092" s="10"/>
    </row>
    <row r="976093" spans="14:14">
      <c r="N976093" s="10"/>
    </row>
    <row r="976094" spans="14:14">
      <c r="N976094" s="10"/>
    </row>
    <row r="976095" spans="14:14">
      <c r="N976095" s="10"/>
    </row>
    <row r="976096" spans="14:14">
      <c r="N976096" s="10"/>
    </row>
    <row r="976097" spans="14:14">
      <c r="N976097" s="10"/>
    </row>
    <row r="976098" spans="14:14">
      <c r="N976098" s="10"/>
    </row>
    <row r="976099" spans="14:14">
      <c r="N976099" s="10"/>
    </row>
    <row r="976100" spans="14:14">
      <c r="N976100" s="10"/>
    </row>
    <row r="976101" spans="14:14">
      <c r="N976101" s="10"/>
    </row>
    <row r="976102" spans="14:14">
      <c r="N976102" s="10"/>
    </row>
    <row r="976103" spans="14:14">
      <c r="N976103" s="10"/>
    </row>
    <row r="976104" spans="14:14">
      <c r="N976104" s="10"/>
    </row>
    <row r="976105" spans="14:14">
      <c r="N976105" s="10"/>
    </row>
    <row r="976106" spans="14:14">
      <c r="N976106" s="10"/>
    </row>
    <row r="976107" spans="14:14">
      <c r="N976107" s="10"/>
    </row>
    <row r="976108" spans="14:14">
      <c r="N976108" s="10"/>
    </row>
    <row r="976109" spans="14:14">
      <c r="N976109" s="10"/>
    </row>
    <row r="976110" spans="14:14">
      <c r="N976110" s="10"/>
    </row>
    <row r="976111" spans="14:14">
      <c r="N976111" s="10"/>
    </row>
    <row r="976112" spans="14:14">
      <c r="N976112" s="10"/>
    </row>
    <row r="976113" spans="14:14">
      <c r="N976113" s="10"/>
    </row>
    <row r="976114" spans="14:14">
      <c r="N976114" s="10"/>
    </row>
    <row r="976115" spans="14:14">
      <c r="N976115" s="10"/>
    </row>
    <row r="976116" spans="14:14">
      <c r="N976116" s="10"/>
    </row>
    <row r="976117" spans="14:14">
      <c r="N976117" s="10"/>
    </row>
    <row r="976118" spans="14:14">
      <c r="N976118" s="10"/>
    </row>
    <row r="976119" spans="14:14">
      <c r="N976119" s="10"/>
    </row>
    <row r="976120" spans="14:14">
      <c r="N976120" s="10"/>
    </row>
    <row r="976121" spans="14:14">
      <c r="N976121" s="10"/>
    </row>
    <row r="976122" spans="14:14">
      <c r="N976122" s="10"/>
    </row>
    <row r="976123" spans="14:14">
      <c r="N976123" s="10"/>
    </row>
    <row r="976124" spans="14:14">
      <c r="N976124" s="10"/>
    </row>
    <row r="976125" spans="14:14">
      <c r="N976125" s="10"/>
    </row>
    <row r="976126" spans="14:14">
      <c r="N976126" s="10"/>
    </row>
    <row r="976127" spans="14:14">
      <c r="N976127" s="10"/>
    </row>
    <row r="976128" spans="14:14">
      <c r="N976128" s="10"/>
    </row>
    <row r="976129" spans="14:14">
      <c r="N976129" s="10"/>
    </row>
    <row r="976130" spans="14:14">
      <c r="N976130" s="10"/>
    </row>
    <row r="976131" spans="14:14">
      <c r="N976131" s="10"/>
    </row>
    <row r="976132" spans="14:14">
      <c r="N976132" s="10"/>
    </row>
    <row r="976133" spans="14:14">
      <c r="N976133" s="10"/>
    </row>
    <row r="976134" spans="14:14">
      <c r="N976134" s="10"/>
    </row>
    <row r="976135" spans="14:14">
      <c r="N976135" s="10"/>
    </row>
    <row r="976136" spans="14:14">
      <c r="N976136" s="10"/>
    </row>
    <row r="976137" spans="14:14">
      <c r="N976137" s="10"/>
    </row>
    <row r="976138" spans="14:14">
      <c r="N976138" s="10"/>
    </row>
    <row r="976139" spans="14:14">
      <c r="N976139" s="10"/>
    </row>
    <row r="976140" spans="14:14">
      <c r="N976140" s="10"/>
    </row>
    <row r="976141" spans="14:14">
      <c r="N976141" s="10"/>
    </row>
    <row r="976142" spans="14:14">
      <c r="N976142" s="10"/>
    </row>
    <row r="976143" spans="14:14">
      <c r="N976143" s="10"/>
    </row>
    <row r="976144" spans="14:14">
      <c r="N976144" s="10"/>
    </row>
    <row r="976145" spans="14:14">
      <c r="N976145" s="10"/>
    </row>
    <row r="976146" spans="14:14">
      <c r="N976146" s="10"/>
    </row>
    <row r="976147" spans="14:14">
      <c r="N976147" s="10"/>
    </row>
    <row r="976148" spans="14:14">
      <c r="N976148" s="10"/>
    </row>
    <row r="976149" spans="14:14">
      <c r="N976149" s="10"/>
    </row>
    <row r="976150" spans="14:14">
      <c r="N976150" s="10"/>
    </row>
    <row r="976151" spans="14:14">
      <c r="N976151" s="10"/>
    </row>
    <row r="976152" spans="14:14">
      <c r="N976152" s="10"/>
    </row>
    <row r="976153" spans="14:14">
      <c r="N976153" s="10"/>
    </row>
    <row r="976154" spans="14:14">
      <c r="N976154" s="10"/>
    </row>
    <row r="976155" spans="14:14">
      <c r="N976155" s="10"/>
    </row>
    <row r="976156" spans="14:14">
      <c r="N976156" s="10"/>
    </row>
    <row r="976157" spans="14:14">
      <c r="N976157" s="10"/>
    </row>
    <row r="976158" spans="14:14">
      <c r="N976158" s="10"/>
    </row>
    <row r="976159" spans="14:14">
      <c r="N976159" s="10"/>
    </row>
    <row r="976160" spans="14:14">
      <c r="N976160" s="10"/>
    </row>
    <row r="976161" spans="14:14">
      <c r="N976161" s="10"/>
    </row>
    <row r="976162" spans="14:14">
      <c r="N976162" s="10"/>
    </row>
    <row r="976163" spans="14:14">
      <c r="N976163" s="10"/>
    </row>
    <row r="976164" spans="14:14">
      <c r="N976164" s="10"/>
    </row>
    <row r="976165" spans="14:14">
      <c r="N976165" s="10"/>
    </row>
    <row r="976166" spans="14:14">
      <c r="N976166" s="10"/>
    </row>
    <row r="976167" spans="14:14">
      <c r="N976167" s="10"/>
    </row>
    <row r="976168" spans="14:14">
      <c r="N976168" s="10"/>
    </row>
    <row r="976169" spans="14:14">
      <c r="N976169" s="10"/>
    </row>
    <row r="976170" spans="14:14">
      <c r="N976170" s="10"/>
    </row>
    <row r="976171" spans="14:14">
      <c r="N976171" s="10"/>
    </row>
    <row r="976172" spans="14:14">
      <c r="N976172" s="10"/>
    </row>
    <row r="976173" spans="14:14">
      <c r="N976173" s="10"/>
    </row>
    <row r="976174" spans="14:14">
      <c r="N976174" s="10"/>
    </row>
    <row r="976175" spans="14:14">
      <c r="N976175" s="10"/>
    </row>
    <row r="976176" spans="14:14">
      <c r="N976176" s="10"/>
    </row>
    <row r="976177" spans="14:14">
      <c r="N976177" s="10"/>
    </row>
    <row r="976178" spans="14:14">
      <c r="N976178" s="10"/>
    </row>
    <row r="976179" spans="14:14">
      <c r="N976179" s="10"/>
    </row>
    <row r="976180" spans="14:14">
      <c r="N976180" s="10"/>
    </row>
    <row r="976181" spans="14:14">
      <c r="N976181" s="10"/>
    </row>
    <row r="976182" spans="14:14">
      <c r="N976182" s="10"/>
    </row>
    <row r="976183" spans="14:14">
      <c r="N976183" s="10"/>
    </row>
    <row r="976184" spans="14:14">
      <c r="N976184" s="10"/>
    </row>
    <row r="976185" spans="14:14">
      <c r="N976185" s="10"/>
    </row>
    <row r="976186" spans="14:14">
      <c r="N976186" s="10"/>
    </row>
    <row r="976187" spans="14:14">
      <c r="N976187" s="10"/>
    </row>
    <row r="976188" spans="14:14">
      <c r="N976188" s="10"/>
    </row>
    <row r="976189" spans="14:14">
      <c r="N976189" s="10"/>
    </row>
    <row r="976190" spans="14:14">
      <c r="N976190" s="10"/>
    </row>
    <row r="976191" spans="14:14">
      <c r="N976191" s="10"/>
    </row>
    <row r="976192" spans="14:14">
      <c r="N976192" s="10"/>
    </row>
    <row r="976193" spans="14:14">
      <c r="N976193" s="10"/>
    </row>
    <row r="976194" spans="14:14">
      <c r="N976194" s="10"/>
    </row>
    <row r="976195" spans="14:14">
      <c r="N976195" s="10"/>
    </row>
    <row r="976196" spans="14:14">
      <c r="N976196" s="10"/>
    </row>
    <row r="976197" spans="14:14">
      <c r="N976197" s="10"/>
    </row>
    <row r="976198" spans="14:14">
      <c r="N976198" s="10"/>
    </row>
    <row r="976199" spans="14:14">
      <c r="N976199" s="10"/>
    </row>
    <row r="976200" spans="14:14">
      <c r="N976200" s="10"/>
    </row>
    <row r="976201" spans="14:14">
      <c r="N976201" s="10"/>
    </row>
    <row r="976202" spans="14:14">
      <c r="N976202" s="10"/>
    </row>
    <row r="976203" spans="14:14">
      <c r="N976203" s="10"/>
    </row>
    <row r="976204" spans="14:14">
      <c r="N976204" s="10"/>
    </row>
    <row r="976205" spans="14:14">
      <c r="N976205" s="10"/>
    </row>
    <row r="976206" spans="14:14">
      <c r="N976206" s="10"/>
    </row>
    <row r="976207" spans="14:14">
      <c r="N976207" s="10"/>
    </row>
    <row r="976208" spans="14:14">
      <c r="N976208" s="10"/>
    </row>
    <row r="976209" spans="14:14">
      <c r="N976209" s="10"/>
    </row>
    <row r="976210" spans="14:14">
      <c r="N976210" s="10"/>
    </row>
    <row r="976211" spans="14:14">
      <c r="N976211" s="10"/>
    </row>
    <row r="976212" spans="14:14">
      <c r="N976212" s="10"/>
    </row>
    <row r="976213" spans="14:14">
      <c r="N976213" s="10"/>
    </row>
    <row r="976214" spans="14:14">
      <c r="N976214" s="10"/>
    </row>
    <row r="976215" spans="14:14">
      <c r="N976215" s="10"/>
    </row>
    <row r="976216" spans="14:14">
      <c r="N976216" s="10"/>
    </row>
    <row r="976217" spans="14:14">
      <c r="N976217" s="10"/>
    </row>
    <row r="976218" spans="14:14">
      <c r="N976218" s="10"/>
    </row>
    <row r="976219" spans="14:14">
      <c r="N976219" s="10"/>
    </row>
    <row r="976220" spans="14:14">
      <c r="N976220" s="10"/>
    </row>
    <row r="976221" spans="14:14">
      <c r="N976221" s="10"/>
    </row>
    <row r="976222" spans="14:14">
      <c r="N976222" s="10"/>
    </row>
    <row r="976223" spans="14:14">
      <c r="N976223" s="10"/>
    </row>
    <row r="976224" spans="14:14">
      <c r="N976224" s="10"/>
    </row>
    <row r="976225" spans="14:14">
      <c r="N976225" s="10"/>
    </row>
    <row r="976226" spans="14:14">
      <c r="N976226" s="10"/>
    </row>
    <row r="976227" spans="14:14">
      <c r="N976227" s="10"/>
    </row>
    <row r="976228" spans="14:14">
      <c r="N976228" s="10"/>
    </row>
    <row r="976229" spans="14:14">
      <c r="N976229" s="10"/>
    </row>
    <row r="976230" spans="14:14">
      <c r="N976230" s="10"/>
    </row>
    <row r="976231" spans="14:14">
      <c r="N976231" s="10"/>
    </row>
    <row r="976232" spans="14:14">
      <c r="N976232" s="10"/>
    </row>
    <row r="976233" spans="14:14">
      <c r="N976233" s="10"/>
    </row>
    <row r="976234" spans="14:14">
      <c r="N976234" s="10"/>
    </row>
    <row r="976235" spans="14:14">
      <c r="N976235" s="10"/>
    </row>
    <row r="976236" spans="14:14">
      <c r="N976236" s="10"/>
    </row>
    <row r="976237" spans="14:14">
      <c r="N976237" s="10"/>
    </row>
    <row r="976238" spans="14:14">
      <c r="N976238" s="10"/>
    </row>
    <row r="976239" spans="14:14">
      <c r="N976239" s="10"/>
    </row>
    <row r="976240" spans="14:14">
      <c r="N976240" s="10"/>
    </row>
    <row r="976241" spans="14:14">
      <c r="N976241" s="10"/>
    </row>
    <row r="976242" spans="14:14">
      <c r="N976242" s="10"/>
    </row>
    <row r="976243" spans="14:14">
      <c r="N976243" s="10"/>
    </row>
    <row r="976244" spans="14:14">
      <c r="N976244" s="10"/>
    </row>
    <row r="976245" spans="14:14">
      <c r="N976245" s="10"/>
    </row>
    <row r="976246" spans="14:14">
      <c r="N976246" s="10"/>
    </row>
    <row r="976247" spans="14:14">
      <c r="N976247" s="10"/>
    </row>
    <row r="976248" spans="14:14">
      <c r="N976248" s="10"/>
    </row>
    <row r="976249" spans="14:14">
      <c r="N976249" s="10"/>
    </row>
    <row r="976250" spans="14:14">
      <c r="N976250" s="10"/>
    </row>
    <row r="976251" spans="14:14">
      <c r="N976251" s="10"/>
    </row>
    <row r="976252" spans="14:14">
      <c r="N976252" s="10"/>
    </row>
    <row r="976253" spans="14:14">
      <c r="N976253" s="10"/>
    </row>
    <row r="976254" spans="14:14">
      <c r="N976254" s="10"/>
    </row>
    <row r="976255" spans="14:14">
      <c r="N976255" s="10"/>
    </row>
    <row r="976256" spans="14:14">
      <c r="N976256" s="10"/>
    </row>
    <row r="976257" spans="14:14">
      <c r="N976257" s="10"/>
    </row>
    <row r="976258" spans="14:14">
      <c r="N976258" s="10"/>
    </row>
    <row r="976259" spans="14:14">
      <c r="N976259" s="10"/>
    </row>
    <row r="976260" spans="14:14">
      <c r="N976260" s="10"/>
    </row>
    <row r="976261" spans="14:14">
      <c r="N976261" s="10"/>
    </row>
    <row r="976262" spans="14:14">
      <c r="N976262" s="10"/>
    </row>
    <row r="976263" spans="14:14">
      <c r="N976263" s="10"/>
    </row>
    <row r="976264" spans="14:14">
      <c r="N976264" s="10"/>
    </row>
    <row r="976265" spans="14:14">
      <c r="N976265" s="10"/>
    </row>
    <row r="976266" spans="14:14">
      <c r="N976266" s="10"/>
    </row>
    <row r="976267" spans="14:14">
      <c r="N976267" s="10"/>
    </row>
    <row r="976268" spans="14:14">
      <c r="N976268" s="10"/>
    </row>
    <row r="976269" spans="14:14">
      <c r="N976269" s="10"/>
    </row>
    <row r="976270" spans="14:14">
      <c r="N976270" s="10"/>
    </row>
    <row r="976271" spans="14:14">
      <c r="N976271" s="10"/>
    </row>
    <row r="976272" spans="14:14">
      <c r="N976272" s="10"/>
    </row>
    <row r="976273" spans="14:14">
      <c r="N976273" s="10"/>
    </row>
    <row r="976274" spans="14:14">
      <c r="N976274" s="10"/>
    </row>
    <row r="976275" spans="14:14">
      <c r="N976275" s="10"/>
    </row>
    <row r="976276" spans="14:14">
      <c r="N976276" s="10"/>
    </row>
    <row r="976277" spans="14:14">
      <c r="N976277" s="10"/>
    </row>
    <row r="976278" spans="14:14">
      <c r="N976278" s="10"/>
    </row>
    <row r="976279" spans="14:14">
      <c r="N976279" s="10"/>
    </row>
    <row r="976280" spans="14:14">
      <c r="N976280" s="10"/>
    </row>
    <row r="976281" spans="14:14">
      <c r="N976281" s="10"/>
    </row>
    <row r="976282" spans="14:14">
      <c r="N976282" s="10"/>
    </row>
    <row r="976283" spans="14:14">
      <c r="N976283" s="10"/>
    </row>
    <row r="976284" spans="14:14">
      <c r="N976284" s="10"/>
    </row>
    <row r="976285" spans="14:14">
      <c r="N976285" s="10"/>
    </row>
    <row r="976286" spans="14:14">
      <c r="N976286" s="10"/>
    </row>
    <row r="976287" spans="14:14">
      <c r="N976287" s="10"/>
    </row>
    <row r="976288" spans="14:14">
      <c r="N976288" s="10"/>
    </row>
    <row r="976289" spans="14:14">
      <c r="N976289" s="10"/>
    </row>
    <row r="976290" spans="14:14">
      <c r="N976290" s="10"/>
    </row>
    <row r="976291" spans="14:14">
      <c r="N976291" s="10"/>
    </row>
    <row r="976292" spans="14:14">
      <c r="N976292" s="10"/>
    </row>
    <row r="976293" spans="14:14">
      <c r="N976293" s="10"/>
    </row>
    <row r="976294" spans="14:14">
      <c r="N976294" s="10"/>
    </row>
    <row r="976295" spans="14:14">
      <c r="N976295" s="10"/>
    </row>
    <row r="976296" spans="14:14">
      <c r="N976296" s="10"/>
    </row>
    <row r="976297" spans="14:14">
      <c r="N976297" s="10"/>
    </row>
    <row r="976298" spans="14:14">
      <c r="N976298" s="10"/>
    </row>
    <row r="976299" spans="14:14">
      <c r="N976299" s="10"/>
    </row>
    <row r="976300" spans="14:14">
      <c r="N976300" s="10"/>
    </row>
    <row r="976301" spans="14:14">
      <c r="N976301" s="10"/>
    </row>
    <row r="976302" spans="14:14">
      <c r="N976302" s="10"/>
    </row>
    <row r="976303" spans="14:14">
      <c r="N976303" s="10"/>
    </row>
    <row r="976304" spans="14:14">
      <c r="N976304" s="10"/>
    </row>
    <row r="976305" spans="14:14">
      <c r="N976305" s="10"/>
    </row>
    <row r="976306" spans="14:14">
      <c r="N976306" s="10"/>
    </row>
    <row r="976307" spans="14:14">
      <c r="N976307" s="10"/>
    </row>
    <row r="976308" spans="14:14">
      <c r="N976308" s="10"/>
    </row>
    <row r="976309" spans="14:14">
      <c r="N976309" s="10"/>
    </row>
    <row r="976310" spans="14:14">
      <c r="N976310" s="10"/>
    </row>
    <row r="976311" spans="14:14">
      <c r="N976311" s="10"/>
    </row>
    <row r="976312" spans="14:14">
      <c r="N976312" s="10"/>
    </row>
    <row r="976313" spans="14:14">
      <c r="N976313" s="10"/>
    </row>
    <row r="976314" spans="14:14">
      <c r="N976314" s="10"/>
    </row>
    <row r="976315" spans="14:14">
      <c r="N976315" s="10"/>
    </row>
    <row r="976316" spans="14:14">
      <c r="N976316" s="10"/>
    </row>
    <row r="976317" spans="14:14">
      <c r="N976317" s="10"/>
    </row>
    <row r="976318" spans="14:14">
      <c r="N976318" s="10"/>
    </row>
    <row r="976319" spans="14:14">
      <c r="N976319" s="10"/>
    </row>
    <row r="976320" spans="14:14">
      <c r="N976320" s="10"/>
    </row>
    <row r="976321" spans="14:14">
      <c r="N976321" s="10"/>
    </row>
    <row r="976322" spans="14:14">
      <c r="N976322" s="10"/>
    </row>
    <row r="976323" spans="14:14">
      <c r="N976323" s="10"/>
    </row>
    <row r="976324" spans="14:14">
      <c r="N976324" s="10"/>
    </row>
    <row r="976325" spans="14:14">
      <c r="N976325" s="10"/>
    </row>
    <row r="976326" spans="14:14">
      <c r="N976326" s="10"/>
    </row>
    <row r="976327" spans="14:14">
      <c r="N976327" s="10"/>
    </row>
    <row r="976328" spans="14:14">
      <c r="N976328" s="10"/>
    </row>
    <row r="976329" spans="14:14">
      <c r="N976329" s="10"/>
    </row>
    <row r="976330" spans="14:14">
      <c r="N976330" s="10"/>
    </row>
    <row r="976331" spans="14:14">
      <c r="N976331" s="10"/>
    </row>
    <row r="976332" spans="14:14">
      <c r="N976332" s="10"/>
    </row>
    <row r="976333" spans="14:14">
      <c r="N976333" s="10"/>
    </row>
    <row r="976334" spans="14:14">
      <c r="N976334" s="10"/>
    </row>
    <row r="976335" spans="14:14">
      <c r="N976335" s="10"/>
    </row>
    <row r="976336" spans="14:14">
      <c r="N976336" s="10"/>
    </row>
    <row r="976337" spans="14:14">
      <c r="N976337" s="10"/>
    </row>
    <row r="976338" spans="14:14">
      <c r="N976338" s="10"/>
    </row>
    <row r="976339" spans="14:14">
      <c r="N976339" s="10"/>
    </row>
    <row r="976340" spans="14:14">
      <c r="N976340" s="10"/>
    </row>
    <row r="976341" spans="14:14">
      <c r="N976341" s="10"/>
    </row>
    <row r="976342" spans="14:14">
      <c r="N976342" s="10"/>
    </row>
    <row r="976343" spans="14:14">
      <c r="N976343" s="10"/>
    </row>
    <row r="976344" spans="14:14">
      <c r="N976344" s="10"/>
    </row>
    <row r="976345" spans="14:14">
      <c r="N976345" s="10"/>
    </row>
    <row r="976346" spans="14:14">
      <c r="N976346" s="10"/>
    </row>
    <row r="976347" spans="14:14">
      <c r="N976347" s="10"/>
    </row>
    <row r="976348" spans="14:14">
      <c r="N976348" s="10"/>
    </row>
    <row r="976349" spans="14:14">
      <c r="N976349" s="10"/>
    </row>
    <row r="976350" spans="14:14">
      <c r="N976350" s="10"/>
    </row>
    <row r="976351" spans="14:14">
      <c r="N976351" s="10"/>
    </row>
    <row r="976352" spans="14:14">
      <c r="N976352" s="10"/>
    </row>
    <row r="976353" spans="14:14">
      <c r="N976353" s="10"/>
    </row>
    <row r="976354" spans="14:14">
      <c r="N976354" s="10"/>
    </row>
    <row r="976355" spans="14:14">
      <c r="N976355" s="10"/>
    </row>
    <row r="976356" spans="14:14">
      <c r="N976356" s="10"/>
    </row>
    <row r="976357" spans="14:14">
      <c r="N976357" s="10"/>
    </row>
    <row r="976358" spans="14:14">
      <c r="N976358" s="10"/>
    </row>
    <row r="976359" spans="14:14">
      <c r="N976359" s="10"/>
    </row>
    <row r="976360" spans="14:14">
      <c r="N976360" s="10"/>
    </row>
    <row r="976361" spans="14:14">
      <c r="N976361" s="10"/>
    </row>
    <row r="976362" spans="14:14">
      <c r="N976362" s="10"/>
    </row>
    <row r="976363" spans="14:14">
      <c r="N976363" s="10"/>
    </row>
    <row r="976364" spans="14:14">
      <c r="N976364" s="10"/>
    </row>
    <row r="976365" spans="14:14">
      <c r="N976365" s="10"/>
    </row>
    <row r="976366" spans="14:14">
      <c r="N976366" s="10"/>
    </row>
    <row r="976367" spans="14:14">
      <c r="N976367" s="10"/>
    </row>
    <row r="976368" spans="14:14">
      <c r="N976368" s="10"/>
    </row>
    <row r="976369" spans="14:14">
      <c r="N976369" s="10"/>
    </row>
    <row r="976370" spans="14:14">
      <c r="N976370" s="10"/>
    </row>
    <row r="976371" spans="14:14">
      <c r="N976371" s="10"/>
    </row>
    <row r="976372" spans="14:14">
      <c r="N976372" s="10"/>
    </row>
    <row r="976373" spans="14:14">
      <c r="N976373" s="10"/>
    </row>
    <row r="976374" spans="14:14">
      <c r="N976374" s="10"/>
    </row>
    <row r="976375" spans="14:14">
      <c r="N976375" s="10"/>
    </row>
    <row r="976376" spans="14:14">
      <c r="N976376" s="10"/>
    </row>
    <row r="976377" spans="14:14">
      <c r="N976377" s="10"/>
    </row>
    <row r="976378" spans="14:14">
      <c r="N976378" s="10"/>
    </row>
    <row r="976379" spans="14:14">
      <c r="N976379" s="10"/>
    </row>
    <row r="976380" spans="14:14">
      <c r="N976380" s="10"/>
    </row>
    <row r="976381" spans="14:14">
      <c r="N976381" s="10"/>
    </row>
    <row r="976382" spans="14:14">
      <c r="N976382" s="10"/>
    </row>
    <row r="976383" spans="14:14">
      <c r="N976383" s="10"/>
    </row>
    <row r="976384" spans="14:14">
      <c r="N976384" s="10"/>
    </row>
    <row r="976385" spans="14:14">
      <c r="N976385" s="10"/>
    </row>
    <row r="976386" spans="14:14">
      <c r="N976386" s="10"/>
    </row>
    <row r="976387" spans="14:14">
      <c r="N976387" s="10"/>
    </row>
    <row r="976388" spans="14:14">
      <c r="N976388" s="10"/>
    </row>
    <row r="976389" spans="14:14">
      <c r="N976389" s="10"/>
    </row>
    <row r="976390" spans="14:14">
      <c r="N976390" s="10"/>
    </row>
    <row r="976391" spans="14:14">
      <c r="N976391" s="10"/>
    </row>
    <row r="976392" spans="14:14">
      <c r="N976392" s="10"/>
    </row>
    <row r="976393" spans="14:14">
      <c r="N976393" s="10"/>
    </row>
    <row r="976394" spans="14:14">
      <c r="N976394" s="10"/>
    </row>
    <row r="976395" spans="14:14">
      <c r="N976395" s="10"/>
    </row>
    <row r="976396" spans="14:14">
      <c r="N976396" s="10"/>
    </row>
    <row r="976397" spans="14:14">
      <c r="N976397" s="10"/>
    </row>
    <row r="976398" spans="14:14">
      <c r="N976398" s="10"/>
    </row>
    <row r="976399" spans="14:14">
      <c r="N976399" s="10"/>
    </row>
    <row r="976400" spans="14:14">
      <c r="N976400" s="10"/>
    </row>
    <row r="976401" spans="14:14">
      <c r="N976401" s="10"/>
    </row>
    <row r="976402" spans="14:14">
      <c r="N976402" s="10"/>
    </row>
    <row r="976403" spans="14:14">
      <c r="N976403" s="10"/>
    </row>
    <row r="976404" spans="14:14">
      <c r="N976404" s="10"/>
    </row>
    <row r="976405" spans="14:14">
      <c r="N976405" s="10"/>
    </row>
    <row r="976406" spans="14:14">
      <c r="N976406" s="10"/>
    </row>
    <row r="976407" spans="14:14">
      <c r="N976407" s="10"/>
    </row>
    <row r="976408" spans="14:14">
      <c r="N976408" s="10"/>
    </row>
    <row r="976409" spans="14:14">
      <c r="N976409" s="10"/>
    </row>
    <row r="976410" spans="14:14">
      <c r="N976410" s="10"/>
    </row>
    <row r="976411" spans="14:14">
      <c r="N976411" s="10"/>
    </row>
    <row r="976412" spans="14:14">
      <c r="N976412" s="10"/>
    </row>
    <row r="976413" spans="14:14">
      <c r="N976413" s="10"/>
    </row>
    <row r="976414" spans="14:14">
      <c r="N976414" s="10"/>
    </row>
    <row r="976415" spans="14:14">
      <c r="N976415" s="10"/>
    </row>
    <row r="976416" spans="14:14">
      <c r="N976416" s="10"/>
    </row>
    <row r="976417" spans="14:14">
      <c r="N976417" s="10"/>
    </row>
    <row r="976418" spans="14:14">
      <c r="N976418" s="10"/>
    </row>
    <row r="976419" spans="14:14">
      <c r="N976419" s="10"/>
    </row>
    <row r="976420" spans="14:14">
      <c r="N976420" s="10"/>
    </row>
    <row r="976421" spans="14:14">
      <c r="N976421" s="10"/>
    </row>
    <row r="976422" spans="14:14">
      <c r="N976422" s="10"/>
    </row>
    <row r="976423" spans="14:14">
      <c r="N976423" s="10"/>
    </row>
    <row r="976424" spans="14:14">
      <c r="N976424" s="10"/>
    </row>
    <row r="976425" spans="14:14">
      <c r="N976425" s="10"/>
    </row>
    <row r="976426" spans="14:14">
      <c r="N976426" s="10"/>
    </row>
    <row r="976427" spans="14:14">
      <c r="N976427" s="10"/>
    </row>
    <row r="976428" spans="14:14">
      <c r="N976428" s="10"/>
    </row>
    <row r="976429" spans="14:14">
      <c r="N976429" s="10"/>
    </row>
    <row r="976430" spans="14:14">
      <c r="N976430" s="10"/>
    </row>
    <row r="976431" spans="14:14">
      <c r="N976431" s="10"/>
    </row>
    <row r="976432" spans="14:14">
      <c r="N976432" s="10"/>
    </row>
    <row r="976433" spans="14:14">
      <c r="N976433" s="10"/>
    </row>
    <row r="976434" spans="14:14">
      <c r="N976434" s="10"/>
    </row>
    <row r="976435" spans="14:14">
      <c r="N976435" s="10"/>
    </row>
    <row r="976436" spans="14:14">
      <c r="N976436" s="10"/>
    </row>
    <row r="976437" spans="14:14">
      <c r="N976437" s="10"/>
    </row>
    <row r="976438" spans="14:14">
      <c r="N976438" s="10"/>
    </row>
    <row r="976439" spans="14:14">
      <c r="N976439" s="10"/>
    </row>
    <row r="976440" spans="14:14">
      <c r="N976440" s="10"/>
    </row>
    <row r="976441" spans="14:14">
      <c r="N976441" s="10"/>
    </row>
    <row r="976442" spans="14:14">
      <c r="N976442" s="10"/>
    </row>
    <row r="976443" spans="14:14">
      <c r="N976443" s="10"/>
    </row>
    <row r="976444" spans="14:14">
      <c r="N976444" s="10"/>
    </row>
    <row r="976445" spans="14:14">
      <c r="N976445" s="10"/>
    </row>
    <row r="976446" spans="14:14">
      <c r="N976446" s="10"/>
    </row>
    <row r="976447" spans="14:14">
      <c r="N976447" s="10"/>
    </row>
    <row r="976448" spans="14:14">
      <c r="N976448" s="10"/>
    </row>
    <row r="976449" spans="14:14">
      <c r="N976449" s="10"/>
    </row>
    <row r="976450" spans="14:14">
      <c r="N976450" s="10"/>
    </row>
    <row r="976451" spans="14:14">
      <c r="N976451" s="10"/>
    </row>
    <row r="976452" spans="14:14">
      <c r="N976452" s="10"/>
    </row>
    <row r="976453" spans="14:14">
      <c r="N976453" s="10"/>
    </row>
    <row r="976454" spans="14:14">
      <c r="N976454" s="10"/>
    </row>
    <row r="976455" spans="14:14">
      <c r="N976455" s="10"/>
    </row>
    <row r="976456" spans="14:14">
      <c r="N976456" s="10"/>
    </row>
    <row r="976457" spans="14:14">
      <c r="N976457" s="10"/>
    </row>
    <row r="976458" spans="14:14">
      <c r="N976458" s="10"/>
    </row>
    <row r="976459" spans="14:14">
      <c r="N976459" s="10"/>
    </row>
    <row r="976460" spans="14:14">
      <c r="N976460" s="10"/>
    </row>
    <row r="976461" spans="14:14">
      <c r="N976461" s="10"/>
    </row>
    <row r="976462" spans="14:14">
      <c r="N976462" s="10"/>
    </row>
    <row r="976463" spans="14:14">
      <c r="N976463" s="10"/>
    </row>
    <row r="976464" spans="14:14">
      <c r="N976464" s="10"/>
    </row>
    <row r="976465" spans="14:14">
      <c r="N976465" s="10"/>
    </row>
    <row r="976466" spans="14:14">
      <c r="N976466" s="10"/>
    </row>
    <row r="976467" spans="14:14">
      <c r="N976467" s="10"/>
    </row>
    <row r="976468" spans="14:14">
      <c r="N976468" s="10"/>
    </row>
    <row r="976469" spans="14:14">
      <c r="N976469" s="10"/>
    </row>
    <row r="976470" spans="14:14">
      <c r="N976470" s="10"/>
    </row>
    <row r="976471" spans="14:14">
      <c r="N976471" s="10"/>
    </row>
    <row r="976472" spans="14:14">
      <c r="N976472" s="10"/>
    </row>
    <row r="976473" spans="14:14">
      <c r="N976473" s="10"/>
    </row>
    <row r="976474" spans="14:14">
      <c r="N976474" s="10"/>
    </row>
    <row r="976475" spans="14:14">
      <c r="N976475" s="10"/>
    </row>
    <row r="976476" spans="14:14">
      <c r="N976476" s="10"/>
    </row>
    <row r="976477" spans="14:14">
      <c r="N976477" s="10"/>
    </row>
    <row r="976478" spans="14:14">
      <c r="N976478" s="10"/>
    </row>
    <row r="976479" spans="14:14">
      <c r="N976479" s="10"/>
    </row>
    <row r="976480" spans="14:14">
      <c r="N976480" s="10"/>
    </row>
    <row r="976481" spans="14:14">
      <c r="N976481" s="10"/>
    </row>
    <row r="976482" spans="14:14">
      <c r="N976482" s="10"/>
    </row>
    <row r="976483" spans="14:14">
      <c r="N976483" s="10"/>
    </row>
    <row r="976484" spans="14:14">
      <c r="N976484" s="10"/>
    </row>
    <row r="976485" spans="14:14">
      <c r="N976485" s="10"/>
    </row>
    <row r="976486" spans="14:14">
      <c r="N976486" s="10"/>
    </row>
    <row r="976487" spans="14:14">
      <c r="N976487" s="10"/>
    </row>
    <row r="976488" spans="14:14">
      <c r="N976488" s="10"/>
    </row>
    <row r="976489" spans="14:14">
      <c r="N976489" s="10"/>
    </row>
    <row r="976490" spans="14:14">
      <c r="N976490" s="10"/>
    </row>
    <row r="976491" spans="14:14">
      <c r="N976491" s="10"/>
    </row>
    <row r="976492" spans="14:14">
      <c r="N976492" s="10"/>
    </row>
    <row r="976493" spans="14:14">
      <c r="N976493" s="10"/>
    </row>
    <row r="976494" spans="14:14">
      <c r="N976494" s="10"/>
    </row>
    <row r="976495" spans="14:14">
      <c r="N976495" s="10"/>
    </row>
    <row r="976496" spans="14:14">
      <c r="N976496" s="10"/>
    </row>
    <row r="976497" spans="14:14">
      <c r="N976497" s="10"/>
    </row>
    <row r="976498" spans="14:14">
      <c r="N976498" s="10"/>
    </row>
    <row r="976499" spans="14:14">
      <c r="N976499" s="10"/>
    </row>
    <row r="976500" spans="14:14">
      <c r="N976500" s="10"/>
    </row>
    <row r="976501" spans="14:14">
      <c r="N976501" s="10"/>
    </row>
    <row r="976502" spans="14:14">
      <c r="N976502" s="10"/>
    </row>
    <row r="976503" spans="14:14">
      <c r="N976503" s="10"/>
    </row>
    <row r="976504" spans="14:14">
      <c r="N976504" s="10"/>
    </row>
    <row r="976505" spans="14:14">
      <c r="N976505" s="10"/>
    </row>
    <row r="976506" spans="14:14">
      <c r="N976506" s="10"/>
    </row>
    <row r="976507" spans="14:14">
      <c r="N976507" s="10"/>
    </row>
    <row r="976508" spans="14:14">
      <c r="N976508" s="10"/>
    </row>
    <row r="976509" spans="14:14">
      <c r="N976509" s="10"/>
    </row>
    <row r="976510" spans="14:14">
      <c r="N976510" s="10"/>
    </row>
    <row r="976511" spans="14:14">
      <c r="N976511" s="10"/>
    </row>
    <row r="976512" spans="14:14">
      <c r="N976512" s="10"/>
    </row>
    <row r="976513" spans="14:14">
      <c r="N976513" s="10"/>
    </row>
    <row r="976514" spans="14:14">
      <c r="N976514" s="10"/>
    </row>
    <row r="976515" spans="14:14">
      <c r="N976515" s="10"/>
    </row>
    <row r="976516" spans="14:14">
      <c r="N976516" s="10"/>
    </row>
    <row r="976517" spans="14:14">
      <c r="N976517" s="10"/>
    </row>
    <row r="976518" spans="14:14">
      <c r="N976518" s="10"/>
    </row>
    <row r="976519" spans="14:14">
      <c r="N976519" s="10"/>
    </row>
    <row r="976520" spans="14:14">
      <c r="N976520" s="10"/>
    </row>
    <row r="976521" spans="14:14">
      <c r="N976521" s="10"/>
    </row>
    <row r="976522" spans="14:14">
      <c r="N976522" s="10"/>
    </row>
    <row r="976523" spans="14:14">
      <c r="N976523" s="10"/>
    </row>
    <row r="976524" spans="14:14">
      <c r="N976524" s="10"/>
    </row>
    <row r="976525" spans="14:14">
      <c r="N976525" s="10"/>
    </row>
    <row r="976526" spans="14:14">
      <c r="N976526" s="10"/>
    </row>
    <row r="976527" spans="14:14">
      <c r="N976527" s="10"/>
    </row>
    <row r="976528" spans="14:14">
      <c r="N976528" s="10"/>
    </row>
    <row r="976529" spans="14:14">
      <c r="N976529" s="10"/>
    </row>
    <row r="976530" spans="14:14">
      <c r="N976530" s="10"/>
    </row>
    <row r="976531" spans="14:14">
      <c r="N976531" s="10"/>
    </row>
    <row r="976532" spans="14:14">
      <c r="N976532" s="10"/>
    </row>
    <row r="976533" spans="14:14">
      <c r="N976533" s="10"/>
    </row>
    <row r="976534" spans="14:14">
      <c r="N976534" s="10"/>
    </row>
    <row r="976535" spans="14:14">
      <c r="N976535" s="10"/>
    </row>
    <row r="976536" spans="14:14">
      <c r="N976536" s="10"/>
    </row>
    <row r="976537" spans="14:14">
      <c r="N976537" s="10"/>
    </row>
    <row r="976538" spans="14:14">
      <c r="N976538" s="10"/>
    </row>
    <row r="976539" spans="14:14">
      <c r="N976539" s="10"/>
    </row>
    <row r="976540" spans="14:14">
      <c r="N976540" s="10"/>
    </row>
    <row r="976541" spans="14:14">
      <c r="N976541" s="10"/>
    </row>
    <row r="976542" spans="14:14">
      <c r="N976542" s="10"/>
    </row>
    <row r="976543" spans="14:14">
      <c r="N976543" s="10"/>
    </row>
    <row r="976544" spans="14:14">
      <c r="N976544" s="10"/>
    </row>
    <row r="976545" spans="14:14">
      <c r="N976545" s="10"/>
    </row>
    <row r="976546" spans="14:14">
      <c r="N976546" s="10"/>
    </row>
    <row r="976547" spans="14:14">
      <c r="N976547" s="10"/>
    </row>
    <row r="976548" spans="14:14">
      <c r="N976548" s="10"/>
    </row>
    <row r="976549" spans="14:14">
      <c r="N976549" s="10"/>
    </row>
    <row r="976550" spans="14:14">
      <c r="N976550" s="10"/>
    </row>
    <row r="976551" spans="14:14">
      <c r="N976551" s="10"/>
    </row>
    <row r="976552" spans="14:14">
      <c r="N976552" s="10"/>
    </row>
    <row r="976553" spans="14:14">
      <c r="N976553" s="10"/>
    </row>
    <row r="976554" spans="14:14">
      <c r="N976554" s="10"/>
    </row>
    <row r="976555" spans="14:14">
      <c r="N976555" s="10"/>
    </row>
    <row r="976556" spans="14:14">
      <c r="N976556" s="10"/>
    </row>
    <row r="976557" spans="14:14">
      <c r="N976557" s="10"/>
    </row>
    <row r="976558" spans="14:14">
      <c r="N976558" s="10"/>
    </row>
    <row r="976559" spans="14:14">
      <c r="N976559" s="10"/>
    </row>
    <row r="976560" spans="14:14">
      <c r="N976560" s="10"/>
    </row>
    <row r="976561" spans="14:14">
      <c r="N976561" s="10"/>
    </row>
    <row r="976562" spans="14:14">
      <c r="N976562" s="10"/>
    </row>
    <row r="976563" spans="14:14">
      <c r="N976563" s="10"/>
    </row>
    <row r="976564" spans="14:14">
      <c r="N976564" s="10"/>
    </row>
    <row r="976565" spans="14:14">
      <c r="N976565" s="10"/>
    </row>
    <row r="976566" spans="14:14">
      <c r="N976566" s="10"/>
    </row>
    <row r="976567" spans="14:14">
      <c r="N976567" s="10"/>
    </row>
    <row r="976568" spans="14:14">
      <c r="N976568" s="10"/>
    </row>
    <row r="976569" spans="14:14">
      <c r="N976569" s="10"/>
    </row>
    <row r="976570" spans="14:14">
      <c r="N976570" s="10"/>
    </row>
    <row r="976571" spans="14:14">
      <c r="N976571" s="10"/>
    </row>
    <row r="976572" spans="14:14">
      <c r="N976572" s="10"/>
    </row>
    <row r="976573" spans="14:14">
      <c r="N976573" s="10"/>
    </row>
    <row r="976574" spans="14:14">
      <c r="N976574" s="10"/>
    </row>
    <row r="976575" spans="14:14">
      <c r="N976575" s="10"/>
    </row>
    <row r="976576" spans="14:14">
      <c r="N976576" s="10"/>
    </row>
    <row r="976577" spans="14:14">
      <c r="N976577" s="10"/>
    </row>
    <row r="976578" spans="14:14">
      <c r="N976578" s="10"/>
    </row>
    <row r="976579" spans="14:14">
      <c r="N976579" s="10"/>
    </row>
    <row r="976580" spans="14:14">
      <c r="N976580" s="10"/>
    </row>
    <row r="976581" spans="14:14">
      <c r="N976581" s="10"/>
    </row>
    <row r="976582" spans="14:14">
      <c r="N976582" s="10"/>
    </row>
    <row r="976583" spans="14:14">
      <c r="N976583" s="10"/>
    </row>
    <row r="976584" spans="14:14">
      <c r="N976584" s="10"/>
    </row>
    <row r="976585" spans="14:14">
      <c r="N976585" s="10"/>
    </row>
    <row r="976586" spans="14:14">
      <c r="N976586" s="10"/>
    </row>
    <row r="976587" spans="14:14">
      <c r="N976587" s="10"/>
    </row>
    <row r="976588" spans="14:14">
      <c r="N976588" s="10"/>
    </row>
    <row r="976589" spans="14:14">
      <c r="N976589" s="10"/>
    </row>
    <row r="976590" spans="14:14">
      <c r="N976590" s="10"/>
    </row>
    <row r="976591" spans="14:14">
      <c r="N976591" s="10"/>
    </row>
    <row r="976592" spans="14:14">
      <c r="N976592" s="10"/>
    </row>
    <row r="976593" spans="14:14">
      <c r="N976593" s="10"/>
    </row>
    <row r="976594" spans="14:14">
      <c r="N976594" s="10"/>
    </row>
    <row r="976595" spans="14:14">
      <c r="N976595" s="10"/>
    </row>
    <row r="976596" spans="14:14">
      <c r="N976596" s="10"/>
    </row>
    <row r="976597" spans="14:14">
      <c r="N976597" s="10"/>
    </row>
    <row r="976598" spans="14:14">
      <c r="N976598" s="10"/>
    </row>
    <row r="976599" spans="14:14">
      <c r="N976599" s="10"/>
    </row>
    <row r="976600" spans="14:14">
      <c r="N976600" s="10"/>
    </row>
    <row r="976601" spans="14:14">
      <c r="N976601" s="10"/>
    </row>
    <row r="976602" spans="14:14">
      <c r="N976602" s="10"/>
    </row>
    <row r="976603" spans="14:14">
      <c r="N976603" s="10"/>
    </row>
    <row r="976604" spans="14:14">
      <c r="N976604" s="10"/>
    </row>
    <row r="976605" spans="14:14">
      <c r="N976605" s="10"/>
    </row>
    <row r="976606" spans="14:14">
      <c r="N976606" s="10"/>
    </row>
    <row r="976607" spans="14:14">
      <c r="N976607" s="10"/>
    </row>
    <row r="976608" spans="14:14">
      <c r="N976608" s="10"/>
    </row>
    <row r="976609" spans="14:14">
      <c r="N976609" s="10"/>
    </row>
    <row r="976610" spans="14:14">
      <c r="N976610" s="10"/>
    </row>
    <row r="976611" spans="14:14">
      <c r="N976611" s="10"/>
    </row>
    <row r="976612" spans="14:14">
      <c r="N976612" s="10"/>
    </row>
    <row r="976613" spans="14:14">
      <c r="N976613" s="10"/>
    </row>
    <row r="976614" spans="14:14">
      <c r="N976614" s="10"/>
    </row>
    <row r="976615" spans="14:14">
      <c r="N976615" s="10"/>
    </row>
    <row r="976616" spans="14:14">
      <c r="N976616" s="10"/>
    </row>
    <row r="976617" spans="14:14">
      <c r="N976617" s="10"/>
    </row>
    <row r="976618" spans="14:14">
      <c r="N976618" s="10"/>
    </row>
    <row r="976619" spans="14:14">
      <c r="N976619" s="10"/>
    </row>
    <row r="976620" spans="14:14">
      <c r="N976620" s="10"/>
    </row>
    <row r="976621" spans="14:14">
      <c r="N976621" s="10"/>
    </row>
    <row r="976622" spans="14:14">
      <c r="N976622" s="10"/>
    </row>
    <row r="976623" spans="14:14">
      <c r="N976623" s="10"/>
    </row>
    <row r="976624" spans="14:14">
      <c r="N976624" s="10"/>
    </row>
    <row r="976625" spans="14:14">
      <c r="N976625" s="10"/>
    </row>
    <row r="976626" spans="14:14">
      <c r="N976626" s="10"/>
    </row>
    <row r="976627" spans="14:14">
      <c r="N976627" s="10"/>
    </row>
    <row r="976628" spans="14:14">
      <c r="N976628" s="10"/>
    </row>
    <row r="976629" spans="14:14">
      <c r="N976629" s="10"/>
    </row>
    <row r="976630" spans="14:14">
      <c r="N976630" s="10"/>
    </row>
    <row r="976631" spans="14:14">
      <c r="N976631" s="10"/>
    </row>
    <row r="976632" spans="14:14">
      <c r="N976632" s="10"/>
    </row>
    <row r="976633" spans="14:14">
      <c r="N976633" s="10"/>
    </row>
    <row r="976634" spans="14:14">
      <c r="N976634" s="10"/>
    </row>
    <row r="976635" spans="14:14">
      <c r="N976635" s="10"/>
    </row>
    <row r="976636" spans="14:14">
      <c r="N976636" s="10"/>
    </row>
    <row r="976637" spans="14:14">
      <c r="N976637" s="10"/>
    </row>
    <row r="976638" spans="14:14">
      <c r="N976638" s="10"/>
    </row>
    <row r="976639" spans="14:14">
      <c r="N976639" s="10"/>
    </row>
    <row r="976640" spans="14:14">
      <c r="N976640" s="10"/>
    </row>
    <row r="976641" spans="14:14">
      <c r="N976641" s="10"/>
    </row>
    <row r="976642" spans="14:14">
      <c r="N976642" s="10"/>
    </row>
    <row r="976643" spans="14:14">
      <c r="N976643" s="10"/>
    </row>
    <row r="976644" spans="14:14">
      <c r="N976644" s="10"/>
    </row>
    <row r="976645" spans="14:14">
      <c r="N976645" s="10"/>
    </row>
    <row r="976646" spans="14:14">
      <c r="N976646" s="10"/>
    </row>
    <row r="976647" spans="14:14">
      <c r="N976647" s="10"/>
    </row>
    <row r="976648" spans="14:14">
      <c r="N976648" s="10"/>
    </row>
    <row r="976649" spans="14:14">
      <c r="N976649" s="10"/>
    </row>
    <row r="976650" spans="14:14">
      <c r="N976650" s="10"/>
    </row>
    <row r="976651" spans="14:14">
      <c r="N976651" s="10"/>
    </row>
    <row r="976652" spans="14:14">
      <c r="N976652" s="10"/>
    </row>
    <row r="976653" spans="14:14">
      <c r="N976653" s="10"/>
    </row>
    <row r="976654" spans="14:14">
      <c r="N976654" s="10"/>
    </row>
    <row r="976655" spans="14:14">
      <c r="N976655" s="10"/>
    </row>
    <row r="976656" spans="14:14">
      <c r="N976656" s="10"/>
    </row>
    <row r="976657" spans="14:14">
      <c r="N976657" s="10"/>
    </row>
    <row r="976658" spans="14:14">
      <c r="N976658" s="10"/>
    </row>
    <row r="976659" spans="14:14">
      <c r="N976659" s="10"/>
    </row>
    <row r="976660" spans="14:14">
      <c r="N976660" s="10"/>
    </row>
    <row r="976661" spans="14:14">
      <c r="N976661" s="10"/>
    </row>
    <row r="976662" spans="14:14">
      <c r="N976662" s="10"/>
    </row>
    <row r="976663" spans="14:14">
      <c r="N976663" s="10"/>
    </row>
    <row r="976664" spans="14:14">
      <c r="N976664" s="10"/>
    </row>
    <row r="976665" spans="14:14">
      <c r="N976665" s="10"/>
    </row>
    <row r="976666" spans="14:14">
      <c r="N976666" s="10"/>
    </row>
    <row r="976667" spans="14:14">
      <c r="N976667" s="10"/>
    </row>
    <row r="976668" spans="14:14">
      <c r="N976668" s="10"/>
    </row>
    <row r="976669" spans="14:14">
      <c r="N976669" s="10"/>
    </row>
    <row r="976670" spans="14:14">
      <c r="N976670" s="10"/>
    </row>
    <row r="976671" spans="14:14">
      <c r="N976671" s="10"/>
    </row>
    <row r="976672" spans="14:14">
      <c r="N976672" s="10"/>
    </row>
    <row r="976673" spans="14:14">
      <c r="N976673" s="10"/>
    </row>
    <row r="976674" spans="14:14">
      <c r="N976674" s="10"/>
    </row>
    <row r="976675" spans="14:14">
      <c r="N976675" s="10"/>
    </row>
    <row r="976676" spans="14:14">
      <c r="N976676" s="10"/>
    </row>
    <row r="976677" spans="14:14">
      <c r="N976677" s="10"/>
    </row>
    <row r="976678" spans="14:14">
      <c r="N976678" s="10"/>
    </row>
    <row r="976679" spans="14:14">
      <c r="N976679" s="10"/>
    </row>
    <row r="976680" spans="14:14">
      <c r="N976680" s="10"/>
    </row>
    <row r="976681" spans="14:14">
      <c r="N976681" s="10"/>
    </row>
    <row r="976682" spans="14:14">
      <c r="N976682" s="10"/>
    </row>
    <row r="976683" spans="14:14">
      <c r="N976683" s="10"/>
    </row>
    <row r="976684" spans="14:14">
      <c r="N976684" s="10"/>
    </row>
    <row r="976685" spans="14:14">
      <c r="N976685" s="10"/>
    </row>
    <row r="976686" spans="14:14">
      <c r="N976686" s="10"/>
    </row>
    <row r="976687" spans="14:14">
      <c r="N976687" s="10"/>
    </row>
    <row r="976688" spans="14:14">
      <c r="N976688" s="10"/>
    </row>
    <row r="976689" spans="14:14">
      <c r="N976689" s="10"/>
    </row>
    <row r="976690" spans="14:14">
      <c r="N976690" s="10"/>
    </row>
    <row r="976691" spans="14:14">
      <c r="N976691" s="10"/>
    </row>
    <row r="976692" spans="14:14">
      <c r="N976692" s="10"/>
    </row>
    <row r="976693" spans="14:14">
      <c r="N976693" s="10"/>
    </row>
    <row r="976694" spans="14:14">
      <c r="N976694" s="10"/>
    </row>
    <row r="976695" spans="14:14">
      <c r="N976695" s="10"/>
    </row>
    <row r="976696" spans="14:14">
      <c r="N976696" s="10"/>
    </row>
    <row r="976697" spans="14:14">
      <c r="N976697" s="10"/>
    </row>
    <row r="976698" spans="14:14">
      <c r="N976698" s="10"/>
    </row>
    <row r="976699" spans="14:14">
      <c r="N976699" s="10"/>
    </row>
    <row r="976700" spans="14:14">
      <c r="N976700" s="10"/>
    </row>
    <row r="976701" spans="14:14">
      <c r="N976701" s="10"/>
    </row>
    <row r="976702" spans="14:14">
      <c r="N976702" s="10"/>
    </row>
    <row r="976703" spans="14:14">
      <c r="N976703" s="10"/>
    </row>
    <row r="976704" spans="14:14">
      <c r="N976704" s="10"/>
    </row>
    <row r="976705" spans="14:14">
      <c r="N976705" s="10"/>
    </row>
    <row r="976706" spans="14:14">
      <c r="N976706" s="10"/>
    </row>
    <row r="976707" spans="14:14">
      <c r="N976707" s="10"/>
    </row>
    <row r="976708" spans="14:14">
      <c r="N976708" s="10"/>
    </row>
    <row r="976709" spans="14:14">
      <c r="N976709" s="10"/>
    </row>
    <row r="976710" spans="14:14">
      <c r="N976710" s="10"/>
    </row>
    <row r="976711" spans="14:14">
      <c r="N976711" s="10"/>
    </row>
    <row r="976712" spans="14:14">
      <c r="N976712" s="10"/>
    </row>
    <row r="976713" spans="14:14">
      <c r="N976713" s="10"/>
    </row>
    <row r="976714" spans="14:14">
      <c r="N976714" s="10"/>
    </row>
    <row r="976715" spans="14:14">
      <c r="N976715" s="10"/>
    </row>
    <row r="976716" spans="14:14">
      <c r="N976716" s="10"/>
    </row>
    <row r="976717" spans="14:14">
      <c r="N976717" s="10"/>
    </row>
    <row r="976718" spans="14:14">
      <c r="N976718" s="10"/>
    </row>
    <row r="976719" spans="14:14">
      <c r="N976719" s="10"/>
    </row>
    <row r="976720" spans="14:14">
      <c r="N976720" s="10"/>
    </row>
    <row r="976721" spans="14:14">
      <c r="N976721" s="10"/>
    </row>
    <row r="976722" spans="14:14">
      <c r="N976722" s="10"/>
    </row>
    <row r="976723" spans="14:14">
      <c r="N976723" s="10"/>
    </row>
    <row r="976724" spans="14:14">
      <c r="N976724" s="10"/>
    </row>
    <row r="976725" spans="14:14">
      <c r="N976725" s="10"/>
    </row>
    <row r="976726" spans="14:14">
      <c r="N976726" s="10"/>
    </row>
    <row r="976727" spans="14:14">
      <c r="N976727" s="10"/>
    </row>
    <row r="976728" spans="14:14">
      <c r="N976728" s="10"/>
    </row>
    <row r="976729" spans="14:14">
      <c r="N976729" s="10"/>
    </row>
    <row r="976730" spans="14:14">
      <c r="N976730" s="10"/>
    </row>
    <row r="976731" spans="14:14">
      <c r="N976731" s="10"/>
    </row>
    <row r="976732" spans="14:14">
      <c r="N976732" s="10"/>
    </row>
    <row r="976733" spans="14:14">
      <c r="N976733" s="10"/>
    </row>
    <row r="976734" spans="14:14">
      <c r="N976734" s="10"/>
    </row>
    <row r="976735" spans="14:14">
      <c r="N976735" s="10"/>
    </row>
    <row r="976736" spans="14:14">
      <c r="N976736" s="10"/>
    </row>
    <row r="976737" spans="14:14">
      <c r="N976737" s="10"/>
    </row>
    <row r="976738" spans="14:14">
      <c r="N976738" s="10"/>
    </row>
    <row r="976739" spans="14:14">
      <c r="N976739" s="10"/>
    </row>
    <row r="976740" spans="14:14">
      <c r="N976740" s="10"/>
    </row>
    <row r="976741" spans="14:14">
      <c r="N976741" s="10"/>
    </row>
    <row r="976742" spans="14:14">
      <c r="N976742" s="10"/>
    </row>
    <row r="976743" spans="14:14">
      <c r="N976743" s="10"/>
    </row>
    <row r="976744" spans="14:14">
      <c r="N976744" s="10"/>
    </row>
    <row r="976745" spans="14:14">
      <c r="N976745" s="10"/>
    </row>
    <row r="976746" spans="14:14">
      <c r="N976746" s="10"/>
    </row>
    <row r="976747" spans="14:14">
      <c r="N976747" s="10"/>
    </row>
    <row r="976748" spans="14:14">
      <c r="N976748" s="10"/>
    </row>
    <row r="976749" spans="14:14">
      <c r="N976749" s="10"/>
    </row>
    <row r="976750" spans="14:14">
      <c r="N976750" s="10"/>
    </row>
    <row r="976751" spans="14:14">
      <c r="N976751" s="10"/>
    </row>
    <row r="976752" spans="14:14">
      <c r="N976752" s="10"/>
    </row>
    <row r="976753" spans="14:14">
      <c r="N976753" s="10"/>
    </row>
    <row r="976754" spans="14:14">
      <c r="N976754" s="10"/>
    </row>
    <row r="976755" spans="14:14">
      <c r="N976755" s="10"/>
    </row>
    <row r="976756" spans="14:14">
      <c r="N976756" s="10"/>
    </row>
    <row r="976757" spans="14:14">
      <c r="N976757" s="10"/>
    </row>
    <row r="976758" spans="14:14">
      <c r="N976758" s="10"/>
    </row>
    <row r="976759" spans="14:14">
      <c r="N976759" s="10"/>
    </row>
    <row r="976760" spans="14:14">
      <c r="N976760" s="10"/>
    </row>
    <row r="976761" spans="14:14">
      <c r="N976761" s="10"/>
    </row>
    <row r="976762" spans="14:14">
      <c r="N976762" s="10"/>
    </row>
    <row r="976763" spans="14:14">
      <c r="N976763" s="10"/>
    </row>
    <row r="976764" spans="14:14">
      <c r="N976764" s="10"/>
    </row>
    <row r="976765" spans="14:14">
      <c r="N976765" s="10"/>
    </row>
    <row r="976766" spans="14:14">
      <c r="N976766" s="10"/>
    </row>
    <row r="976767" spans="14:14">
      <c r="N976767" s="10"/>
    </row>
    <row r="976768" spans="14:14">
      <c r="N976768" s="10"/>
    </row>
    <row r="976769" spans="14:14">
      <c r="N976769" s="10"/>
    </row>
    <row r="976770" spans="14:14">
      <c r="N976770" s="10"/>
    </row>
    <row r="976771" spans="14:14">
      <c r="N976771" s="10"/>
    </row>
    <row r="976772" spans="14:14">
      <c r="N976772" s="10"/>
    </row>
    <row r="976773" spans="14:14">
      <c r="N976773" s="10"/>
    </row>
    <row r="976774" spans="14:14">
      <c r="N976774" s="10"/>
    </row>
    <row r="976775" spans="14:14">
      <c r="N976775" s="10"/>
    </row>
    <row r="976776" spans="14:14">
      <c r="N976776" s="10"/>
    </row>
    <row r="976777" spans="14:14">
      <c r="N976777" s="10"/>
    </row>
    <row r="976778" spans="14:14">
      <c r="N976778" s="10"/>
    </row>
    <row r="976779" spans="14:14">
      <c r="N976779" s="10"/>
    </row>
    <row r="976780" spans="14:14">
      <c r="N976780" s="10"/>
    </row>
    <row r="976781" spans="14:14">
      <c r="N976781" s="10"/>
    </row>
    <row r="976782" spans="14:14">
      <c r="N976782" s="10"/>
    </row>
    <row r="976783" spans="14:14">
      <c r="N976783" s="10"/>
    </row>
    <row r="976784" spans="14:14">
      <c r="N976784" s="10"/>
    </row>
    <row r="976785" spans="14:14">
      <c r="N976785" s="10"/>
    </row>
    <row r="976786" spans="14:14">
      <c r="N976786" s="10"/>
    </row>
    <row r="976787" spans="14:14">
      <c r="N976787" s="10"/>
    </row>
    <row r="976788" spans="14:14">
      <c r="N976788" s="10"/>
    </row>
    <row r="976789" spans="14:14">
      <c r="N976789" s="10"/>
    </row>
    <row r="976790" spans="14:14">
      <c r="N976790" s="10"/>
    </row>
    <row r="976791" spans="14:14">
      <c r="N976791" s="10"/>
    </row>
    <row r="976792" spans="14:14">
      <c r="N976792" s="10"/>
    </row>
    <row r="976793" spans="14:14">
      <c r="N976793" s="10"/>
    </row>
    <row r="976794" spans="14:14">
      <c r="N976794" s="10"/>
    </row>
    <row r="976795" spans="14:14">
      <c r="N976795" s="10"/>
    </row>
    <row r="976796" spans="14:14">
      <c r="N976796" s="10"/>
    </row>
    <row r="976797" spans="14:14">
      <c r="N976797" s="10"/>
    </row>
    <row r="976798" spans="14:14">
      <c r="N976798" s="10"/>
    </row>
    <row r="976799" spans="14:14">
      <c r="N976799" s="10"/>
    </row>
    <row r="976800" spans="14:14">
      <c r="N976800" s="10"/>
    </row>
    <row r="976801" spans="14:14">
      <c r="N976801" s="10"/>
    </row>
    <row r="976802" spans="14:14">
      <c r="N976802" s="10"/>
    </row>
    <row r="976803" spans="14:14">
      <c r="N976803" s="10"/>
    </row>
    <row r="976804" spans="14:14">
      <c r="N976804" s="10"/>
    </row>
    <row r="976805" spans="14:14">
      <c r="N976805" s="10"/>
    </row>
    <row r="976806" spans="14:14">
      <c r="N976806" s="10"/>
    </row>
    <row r="976807" spans="14:14">
      <c r="N976807" s="10"/>
    </row>
    <row r="976808" spans="14:14">
      <c r="N976808" s="10"/>
    </row>
    <row r="976809" spans="14:14">
      <c r="N976809" s="10"/>
    </row>
    <row r="976810" spans="14:14">
      <c r="N976810" s="10"/>
    </row>
    <row r="976811" spans="14:14">
      <c r="N976811" s="10"/>
    </row>
    <row r="976812" spans="14:14">
      <c r="N976812" s="10"/>
    </row>
    <row r="976813" spans="14:14">
      <c r="N976813" s="10"/>
    </row>
    <row r="976814" spans="14:14">
      <c r="N976814" s="10"/>
    </row>
    <row r="976815" spans="14:14">
      <c r="N976815" s="10"/>
    </row>
    <row r="976816" spans="14:14">
      <c r="N976816" s="10"/>
    </row>
    <row r="976817" spans="14:14">
      <c r="N976817" s="10"/>
    </row>
    <row r="976818" spans="14:14">
      <c r="N976818" s="10"/>
    </row>
    <row r="976819" spans="14:14">
      <c r="N976819" s="10"/>
    </row>
    <row r="976820" spans="14:14">
      <c r="N976820" s="10"/>
    </row>
    <row r="976821" spans="14:14">
      <c r="N976821" s="10"/>
    </row>
    <row r="976822" spans="14:14">
      <c r="N976822" s="10"/>
    </row>
    <row r="976823" spans="14:14">
      <c r="N976823" s="10"/>
    </row>
    <row r="976824" spans="14:14">
      <c r="N976824" s="10"/>
    </row>
    <row r="976825" spans="14:14">
      <c r="N976825" s="10"/>
    </row>
    <row r="976826" spans="14:14">
      <c r="N976826" s="10"/>
    </row>
    <row r="976827" spans="14:14">
      <c r="N976827" s="10"/>
    </row>
    <row r="976828" spans="14:14">
      <c r="N976828" s="10"/>
    </row>
    <row r="976829" spans="14:14">
      <c r="N976829" s="10"/>
    </row>
    <row r="976830" spans="14:14">
      <c r="N976830" s="10"/>
    </row>
    <row r="976831" spans="14:14">
      <c r="N976831" s="10"/>
    </row>
    <row r="976832" spans="14:14">
      <c r="N976832" s="10"/>
    </row>
    <row r="976833" spans="14:14">
      <c r="N976833" s="10"/>
    </row>
    <row r="976834" spans="14:14">
      <c r="N976834" s="10"/>
    </row>
    <row r="976835" spans="14:14">
      <c r="N976835" s="10"/>
    </row>
    <row r="976836" spans="14:14">
      <c r="N976836" s="10"/>
    </row>
    <row r="976837" spans="14:14">
      <c r="N976837" s="10"/>
    </row>
    <row r="976838" spans="14:14">
      <c r="N976838" s="10"/>
    </row>
    <row r="976839" spans="14:14">
      <c r="N976839" s="10"/>
    </row>
    <row r="976840" spans="14:14">
      <c r="N976840" s="10"/>
    </row>
    <row r="976841" spans="14:14">
      <c r="N976841" s="10"/>
    </row>
    <row r="976842" spans="14:14">
      <c r="N976842" s="10"/>
    </row>
    <row r="976843" spans="14:14">
      <c r="N976843" s="10"/>
    </row>
    <row r="976844" spans="14:14">
      <c r="N976844" s="10"/>
    </row>
    <row r="976845" spans="14:14">
      <c r="N976845" s="10"/>
    </row>
    <row r="976846" spans="14:14">
      <c r="N976846" s="10"/>
    </row>
    <row r="976847" spans="14:14">
      <c r="N976847" s="10"/>
    </row>
    <row r="976848" spans="14:14">
      <c r="N976848" s="10"/>
    </row>
    <row r="976849" spans="14:14">
      <c r="N976849" s="10"/>
    </row>
    <row r="976850" spans="14:14">
      <c r="N976850" s="10"/>
    </row>
    <row r="976851" spans="14:14">
      <c r="N976851" s="10"/>
    </row>
    <row r="976852" spans="14:14">
      <c r="N976852" s="10"/>
    </row>
    <row r="976853" spans="14:14">
      <c r="N976853" s="10"/>
    </row>
    <row r="976854" spans="14:14">
      <c r="N976854" s="10"/>
    </row>
    <row r="976855" spans="14:14">
      <c r="N976855" s="10"/>
    </row>
    <row r="976856" spans="14:14">
      <c r="N976856" s="10"/>
    </row>
    <row r="976857" spans="14:14">
      <c r="N976857" s="10"/>
    </row>
    <row r="976858" spans="14:14">
      <c r="N976858" s="10"/>
    </row>
    <row r="976859" spans="14:14">
      <c r="N976859" s="10"/>
    </row>
    <row r="976860" spans="14:14">
      <c r="N976860" s="10"/>
    </row>
    <row r="976861" spans="14:14">
      <c r="N976861" s="10"/>
    </row>
    <row r="976862" spans="14:14">
      <c r="N976862" s="10"/>
    </row>
    <row r="976863" spans="14:14">
      <c r="N976863" s="10"/>
    </row>
    <row r="976864" spans="14:14">
      <c r="N976864" s="10"/>
    </row>
    <row r="976865" spans="14:14">
      <c r="N976865" s="10"/>
    </row>
    <row r="976866" spans="14:14">
      <c r="N976866" s="10"/>
    </row>
    <row r="976867" spans="14:14">
      <c r="N976867" s="10"/>
    </row>
    <row r="976868" spans="14:14">
      <c r="N976868" s="10"/>
    </row>
    <row r="976869" spans="14:14">
      <c r="N976869" s="10"/>
    </row>
    <row r="976870" spans="14:14">
      <c r="N976870" s="10"/>
    </row>
    <row r="976871" spans="14:14">
      <c r="N976871" s="10"/>
    </row>
    <row r="976872" spans="14:14">
      <c r="N976872" s="10"/>
    </row>
    <row r="976873" spans="14:14">
      <c r="N976873" s="10"/>
    </row>
    <row r="976874" spans="14:14">
      <c r="N976874" s="10"/>
    </row>
    <row r="976875" spans="14:14">
      <c r="N976875" s="10"/>
    </row>
    <row r="976876" spans="14:14">
      <c r="N976876" s="10"/>
    </row>
    <row r="976877" spans="14:14">
      <c r="N976877" s="10"/>
    </row>
    <row r="976878" spans="14:14">
      <c r="N976878" s="10"/>
    </row>
    <row r="976879" spans="14:14">
      <c r="N976879" s="10"/>
    </row>
    <row r="976880" spans="14:14">
      <c r="N976880" s="10"/>
    </row>
    <row r="976881" spans="14:14">
      <c r="N976881" s="10"/>
    </row>
    <row r="976882" spans="14:14">
      <c r="N976882" s="10"/>
    </row>
    <row r="976883" spans="14:14">
      <c r="N976883" s="10"/>
    </row>
    <row r="976884" spans="14:14">
      <c r="N976884" s="10"/>
    </row>
    <row r="976885" spans="14:14">
      <c r="N976885" s="10"/>
    </row>
    <row r="976886" spans="14:14">
      <c r="N976886" s="10"/>
    </row>
    <row r="976887" spans="14:14">
      <c r="N976887" s="10"/>
    </row>
    <row r="976888" spans="14:14">
      <c r="N976888" s="10"/>
    </row>
    <row r="976889" spans="14:14">
      <c r="N976889" s="10"/>
    </row>
    <row r="976890" spans="14:14">
      <c r="N976890" s="10"/>
    </row>
    <row r="976891" spans="14:14">
      <c r="N976891" s="10"/>
    </row>
    <row r="976892" spans="14:14">
      <c r="N976892" s="10"/>
    </row>
    <row r="976893" spans="14:14">
      <c r="N976893" s="10"/>
    </row>
    <row r="976894" spans="14:14">
      <c r="N976894" s="10"/>
    </row>
    <row r="976895" spans="14:14">
      <c r="N976895" s="10"/>
    </row>
    <row r="976896" spans="14:14">
      <c r="N976896" s="10"/>
    </row>
    <row r="976897" spans="14:14">
      <c r="N976897" s="10"/>
    </row>
    <row r="976898" spans="14:14">
      <c r="N976898" s="10"/>
    </row>
    <row r="976899" spans="14:14">
      <c r="N976899" s="10"/>
    </row>
    <row r="976900" spans="14:14">
      <c r="N976900" s="10"/>
    </row>
    <row r="976901" spans="14:14">
      <c r="N976901" s="10"/>
    </row>
    <row r="976902" spans="14:14">
      <c r="N976902" s="10"/>
    </row>
    <row r="976903" spans="14:14">
      <c r="N976903" s="10"/>
    </row>
    <row r="976904" spans="14:14">
      <c r="N976904" s="10"/>
    </row>
    <row r="976905" spans="14:14">
      <c r="N976905" s="10"/>
    </row>
    <row r="976906" spans="14:14">
      <c r="N976906" s="10"/>
    </row>
    <row r="976907" spans="14:14">
      <c r="N976907" s="10"/>
    </row>
    <row r="976908" spans="14:14">
      <c r="N976908" s="10"/>
    </row>
    <row r="976909" spans="14:14">
      <c r="N976909" s="10"/>
    </row>
    <row r="976910" spans="14:14">
      <c r="N976910" s="10"/>
    </row>
    <row r="976911" spans="14:14">
      <c r="N976911" s="10"/>
    </row>
    <row r="976912" spans="14:14">
      <c r="N976912" s="10"/>
    </row>
    <row r="976913" spans="14:14">
      <c r="N976913" s="10"/>
    </row>
    <row r="976914" spans="14:14">
      <c r="N976914" s="10"/>
    </row>
    <row r="976915" spans="14:14">
      <c r="N976915" s="10"/>
    </row>
    <row r="976916" spans="14:14">
      <c r="N976916" s="10"/>
    </row>
    <row r="976917" spans="14:14">
      <c r="N976917" s="10"/>
    </row>
    <row r="976918" spans="14:14">
      <c r="N976918" s="10"/>
    </row>
    <row r="976919" spans="14:14">
      <c r="N976919" s="10"/>
    </row>
    <row r="976920" spans="14:14">
      <c r="N976920" s="10"/>
    </row>
    <row r="976921" spans="14:14">
      <c r="N976921" s="10"/>
    </row>
    <row r="976922" spans="14:14">
      <c r="N976922" s="10"/>
    </row>
    <row r="976923" spans="14:14">
      <c r="N976923" s="10"/>
    </row>
    <row r="976924" spans="14:14">
      <c r="N976924" s="10"/>
    </row>
    <row r="976925" spans="14:14">
      <c r="N976925" s="10"/>
    </row>
    <row r="976926" spans="14:14">
      <c r="N976926" s="10"/>
    </row>
    <row r="976927" spans="14:14">
      <c r="N976927" s="10"/>
    </row>
    <row r="976928" spans="14:14">
      <c r="N976928" s="10"/>
    </row>
    <row r="976929" spans="14:14">
      <c r="N976929" s="10"/>
    </row>
    <row r="976930" spans="14:14">
      <c r="N976930" s="10"/>
    </row>
    <row r="976931" spans="14:14">
      <c r="N976931" s="10"/>
    </row>
    <row r="976932" spans="14:14">
      <c r="N976932" s="10"/>
    </row>
    <row r="976933" spans="14:14">
      <c r="N976933" s="10"/>
    </row>
    <row r="976934" spans="14:14">
      <c r="N976934" s="10"/>
    </row>
    <row r="976935" spans="14:14">
      <c r="N976935" s="10"/>
    </row>
    <row r="976936" spans="14:14">
      <c r="N976936" s="10"/>
    </row>
    <row r="976937" spans="14:14">
      <c r="N976937" s="10"/>
    </row>
    <row r="976938" spans="14:14">
      <c r="N976938" s="10"/>
    </row>
    <row r="976939" spans="14:14">
      <c r="N976939" s="10"/>
    </row>
    <row r="976940" spans="14:14">
      <c r="N976940" s="10"/>
    </row>
    <row r="976941" spans="14:14">
      <c r="N976941" s="10"/>
    </row>
    <row r="976942" spans="14:14">
      <c r="N976942" s="10"/>
    </row>
    <row r="976943" spans="14:14">
      <c r="N976943" s="10"/>
    </row>
    <row r="976944" spans="14:14">
      <c r="N976944" s="10"/>
    </row>
    <row r="976945" spans="14:14">
      <c r="N976945" s="10"/>
    </row>
    <row r="976946" spans="14:14">
      <c r="N976946" s="10"/>
    </row>
    <row r="976947" spans="14:14">
      <c r="N976947" s="10"/>
    </row>
    <row r="976948" spans="14:14">
      <c r="N976948" s="10"/>
    </row>
    <row r="976949" spans="14:14">
      <c r="N976949" s="10"/>
    </row>
    <row r="976950" spans="14:14">
      <c r="N976950" s="10"/>
    </row>
    <row r="976951" spans="14:14">
      <c r="N976951" s="10"/>
    </row>
    <row r="976952" spans="14:14">
      <c r="N976952" s="10"/>
    </row>
    <row r="976953" spans="14:14">
      <c r="N976953" s="10"/>
    </row>
    <row r="976954" spans="14:14">
      <c r="N976954" s="10"/>
    </row>
    <row r="976955" spans="14:14">
      <c r="N976955" s="10"/>
    </row>
    <row r="976956" spans="14:14">
      <c r="N976956" s="10"/>
    </row>
    <row r="976957" spans="14:14">
      <c r="N976957" s="10"/>
    </row>
    <row r="976958" spans="14:14">
      <c r="N976958" s="10"/>
    </row>
    <row r="976959" spans="14:14">
      <c r="N976959" s="10"/>
    </row>
    <row r="976960" spans="14:14">
      <c r="N976960" s="10"/>
    </row>
    <row r="976961" spans="14:14">
      <c r="N976961" s="10"/>
    </row>
    <row r="976962" spans="14:14">
      <c r="N976962" s="10"/>
    </row>
    <row r="976963" spans="14:14">
      <c r="N976963" s="10"/>
    </row>
    <row r="976964" spans="14:14">
      <c r="N976964" s="10"/>
    </row>
    <row r="976965" spans="14:14">
      <c r="N976965" s="10"/>
    </row>
    <row r="976966" spans="14:14">
      <c r="N976966" s="10"/>
    </row>
    <row r="976967" spans="14:14">
      <c r="N976967" s="10"/>
    </row>
    <row r="976968" spans="14:14">
      <c r="N976968" s="10"/>
    </row>
    <row r="976969" spans="14:14">
      <c r="N976969" s="10"/>
    </row>
    <row r="976970" spans="14:14">
      <c r="N976970" s="10"/>
    </row>
    <row r="976971" spans="14:14">
      <c r="N976971" s="10"/>
    </row>
    <row r="976972" spans="14:14">
      <c r="N976972" s="10"/>
    </row>
    <row r="976973" spans="14:14">
      <c r="N976973" s="10"/>
    </row>
    <row r="976974" spans="14:14">
      <c r="N976974" s="10"/>
    </row>
    <row r="976975" spans="14:14">
      <c r="N976975" s="10"/>
    </row>
    <row r="976976" spans="14:14">
      <c r="N976976" s="10"/>
    </row>
    <row r="976977" spans="14:14">
      <c r="N976977" s="10"/>
    </row>
    <row r="976978" spans="14:14">
      <c r="N976978" s="10"/>
    </row>
    <row r="976979" spans="14:14">
      <c r="N976979" s="10"/>
    </row>
    <row r="976980" spans="14:14">
      <c r="N976980" s="10"/>
    </row>
    <row r="976981" spans="14:14">
      <c r="N976981" s="10"/>
    </row>
    <row r="976982" spans="14:14">
      <c r="N976982" s="10"/>
    </row>
    <row r="976983" spans="14:14">
      <c r="N976983" s="10"/>
    </row>
    <row r="976984" spans="14:14">
      <c r="N976984" s="10"/>
    </row>
    <row r="976985" spans="14:14">
      <c r="N976985" s="10"/>
    </row>
    <row r="976986" spans="14:14">
      <c r="N976986" s="10"/>
    </row>
    <row r="976987" spans="14:14">
      <c r="N976987" s="10"/>
    </row>
    <row r="976988" spans="14:14">
      <c r="N976988" s="10"/>
    </row>
    <row r="976989" spans="14:14">
      <c r="N976989" s="10"/>
    </row>
    <row r="976990" spans="14:14">
      <c r="N976990" s="10"/>
    </row>
    <row r="976991" spans="14:14">
      <c r="N976991" s="10"/>
    </row>
    <row r="976992" spans="14:14">
      <c r="N976992" s="10"/>
    </row>
    <row r="976993" spans="14:14">
      <c r="N976993" s="10"/>
    </row>
    <row r="976994" spans="14:14">
      <c r="N976994" s="10"/>
    </row>
    <row r="976995" spans="14:14">
      <c r="N976995" s="10"/>
    </row>
    <row r="976996" spans="14:14">
      <c r="N976996" s="10"/>
    </row>
    <row r="976997" spans="14:14">
      <c r="N976997" s="10"/>
    </row>
    <row r="976998" spans="14:14">
      <c r="N976998" s="10"/>
    </row>
    <row r="976999" spans="14:14">
      <c r="N976999" s="10"/>
    </row>
    <row r="977000" spans="14:14">
      <c r="N977000" s="10"/>
    </row>
    <row r="977001" spans="14:14">
      <c r="N977001" s="10"/>
    </row>
    <row r="977002" spans="14:14">
      <c r="N977002" s="10"/>
    </row>
    <row r="977003" spans="14:14">
      <c r="N977003" s="10"/>
    </row>
    <row r="977004" spans="14:14">
      <c r="N977004" s="10"/>
    </row>
    <row r="977005" spans="14:14">
      <c r="N977005" s="10"/>
    </row>
    <row r="977006" spans="14:14">
      <c r="N977006" s="10"/>
    </row>
    <row r="977007" spans="14:14">
      <c r="N977007" s="10"/>
    </row>
    <row r="977008" spans="14:14">
      <c r="N977008" s="10"/>
    </row>
    <row r="977009" spans="14:14">
      <c r="N977009" s="10"/>
    </row>
    <row r="977010" spans="14:14">
      <c r="N977010" s="10"/>
    </row>
    <row r="977011" spans="14:14">
      <c r="N977011" s="10"/>
    </row>
    <row r="977012" spans="14:14">
      <c r="N977012" s="10"/>
    </row>
    <row r="977013" spans="14:14">
      <c r="N977013" s="10"/>
    </row>
    <row r="977014" spans="14:14">
      <c r="N977014" s="10"/>
    </row>
    <row r="977015" spans="14:14">
      <c r="N977015" s="10"/>
    </row>
    <row r="977016" spans="14:14">
      <c r="N977016" s="10"/>
    </row>
    <row r="977017" spans="14:14">
      <c r="N977017" s="10"/>
    </row>
    <row r="977018" spans="14:14">
      <c r="N977018" s="10"/>
    </row>
    <row r="977019" spans="14:14">
      <c r="N977019" s="10"/>
    </row>
    <row r="977020" spans="14:14">
      <c r="N977020" s="10"/>
    </row>
    <row r="977021" spans="14:14">
      <c r="N977021" s="10"/>
    </row>
    <row r="977022" spans="14:14">
      <c r="N977022" s="10"/>
    </row>
    <row r="977023" spans="14:14">
      <c r="N977023" s="10"/>
    </row>
    <row r="977024" spans="14:14">
      <c r="N977024" s="10"/>
    </row>
    <row r="977025" spans="14:14">
      <c r="N977025" s="10"/>
    </row>
    <row r="977026" spans="14:14">
      <c r="N977026" s="10"/>
    </row>
    <row r="977027" spans="14:14">
      <c r="N977027" s="10"/>
    </row>
    <row r="977028" spans="14:14">
      <c r="N977028" s="10"/>
    </row>
    <row r="977029" spans="14:14">
      <c r="N977029" s="10"/>
    </row>
    <row r="977030" spans="14:14">
      <c r="N977030" s="10"/>
    </row>
    <row r="977031" spans="14:14">
      <c r="N977031" s="10"/>
    </row>
    <row r="977032" spans="14:14">
      <c r="N977032" s="10"/>
    </row>
    <row r="977033" spans="14:14">
      <c r="N977033" s="10"/>
    </row>
    <row r="977034" spans="14:14">
      <c r="N977034" s="10"/>
    </row>
    <row r="977035" spans="14:14">
      <c r="N977035" s="10"/>
    </row>
    <row r="977036" spans="14:14">
      <c r="N977036" s="10"/>
    </row>
    <row r="977037" spans="14:14">
      <c r="N977037" s="10"/>
    </row>
    <row r="977038" spans="14:14">
      <c r="N977038" s="10"/>
    </row>
    <row r="977039" spans="14:14">
      <c r="N977039" s="10"/>
    </row>
    <row r="977040" spans="14:14">
      <c r="N977040" s="10"/>
    </row>
    <row r="977041" spans="14:14">
      <c r="N977041" s="10"/>
    </row>
    <row r="977042" spans="14:14">
      <c r="N977042" s="10"/>
    </row>
    <row r="977043" spans="14:14">
      <c r="N977043" s="10"/>
    </row>
    <row r="977044" spans="14:14">
      <c r="N977044" s="10"/>
    </row>
    <row r="977045" spans="14:14">
      <c r="N977045" s="10"/>
    </row>
    <row r="977046" spans="14:14">
      <c r="N977046" s="10"/>
    </row>
    <row r="977047" spans="14:14">
      <c r="N977047" s="10"/>
    </row>
    <row r="977048" spans="14:14">
      <c r="N977048" s="10"/>
    </row>
    <row r="977049" spans="14:14">
      <c r="N977049" s="10"/>
    </row>
    <row r="977050" spans="14:14">
      <c r="N977050" s="10"/>
    </row>
    <row r="977051" spans="14:14">
      <c r="N977051" s="10"/>
    </row>
    <row r="977052" spans="14:14">
      <c r="N977052" s="10"/>
    </row>
    <row r="977053" spans="14:14">
      <c r="N977053" s="10"/>
    </row>
    <row r="977054" spans="14:14">
      <c r="N977054" s="10"/>
    </row>
    <row r="977055" spans="14:14">
      <c r="N977055" s="10"/>
    </row>
    <row r="977056" spans="14:14">
      <c r="N977056" s="10"/>
    </row>
    <row r="977057" spans="14:14">
      <c r="N977057" s="10"/>
    </row>
    <row r="977058" spans="14:14">
      <c r="N977058" s="10"/>
    </row>
    <row r="977059" spans="14:14">
      <c r="N977059" s="10"/>
    </row>
    <row r="977060" spans="14:14">
      <c r="N977060" s="10"/>
    </row>
    <row r="977061" spans="14:14">
      <c r="N977061" s="10"/>
    </row>
    <row r="977062" spans="14:14">
      <c r="N977062" s="10"/>
    </row>
    <row r="977063" spans="14:14">
      <c r="N977063" s="10"/>
    </row>
    <row r="977064" spans="14:14">
      <c r="N977064" s="10"/>
    </row>
    <row r="977065" spans="14:14">
      <c r="N977065" s="10"/>
    </row>
    <row r="977066" spans="14:14">
      <c r="N977066" s="10"/>
    </row>
    <row r="977067" spans="14:14">
      <c r="N977067" s="10"/>
    </row>
    <row r="977068" spans="14:14">
      <c r="N977068" s="10"/>
    </row>
    <row r="977069" spans="14:14">
      <c r="N977069" s="10"/>
    </row>
    <row r="977070" spans="14:14">
      <c r="N977070" s="10"/>
    </row>
    <row r="977071" spans="14:14">
      <c r="N977071" s="10"/>
    </row>
    <row r="977072" spans="14:14">
      <c r="N977072" s="10"/>
    </row>
    <row r="977073" spans="14:14">
      <c r="N977073" s="10"/>
    </row>
    <row r="977074" spans="14:14">
      <c r="N977074" s="10"/>
    </row>
    <row r="977075" spans="14:14">
      <c r="N977075" s="10"/>
    </row>
    <row r="977076" spans="14:14">
      <c r="N977076" s="10"/>
    </row>
    <row r="977077" spans="14:14">
      <c r="N977077" s="10"/>
    </row>
    <row r="977078" spans="14:14">
      <c r="N977078" s="10"/>
    </row>
    <row r="977079" spans="14:14">
      <c r="N977079" s="10"/>
    </row>
    <row r="977080" spans="14:14">
      <c r="N977080" s="10"/>
    </row>
    <row r="977081" spans="14:14">
      <c r="N977081" s="10"/>
    </row>
    <row r="977082" spans="14:14">
      <c r="N977082" s="10"/>
    </row>
    <row r="977083" spans="14:14">
      <c r="N977083" s="10"/>
    </row>
    <row r="977084" spans="14:14">
      <c r="N977084" s="10"/>
    </row>
    <row r="977085" spans="14:14">
      <c r="N977085" s="10"/>
    </row>
    <row r="977086" spans="14:14">
      <c r="N977086" s="10"/>
    </row>
    <row r="977087" spans="14:14">
      <c r="N977087" s="10"/>
    </row>
    <row r="977088" spans="14:14">
      <c r="N977088" s="10"/>
    </row>
    <row r="977089" spans="14:14">
      <c r="N977089" s="10"/>
    </row>
    <row r="977090" spans="14:14">
      <c r="N977090" s="10"/>
    </row>
    <row r="977091" spans="14:14">
      <c r="N977091" s="10"/>
    </row>
    <row r="977092" spans="14:14">
      <c r="N977092" s="10"/>
    </row>
    <row r="977093" spans="14:14">
      <c r="N977093" s="10"/>
    </row>
    <row r="977094" spans="14:14">
      <c r="N977094" s="10"/>
    </row>
    <row r="977095" spans="14:14">
      <c r="N977095" s="10"/>
    </row>
    <row r="977096" spans="14:14">
      <c r="N977096" s="10"/>
    </row>
    <row r="977097" spans="14:14">
      <c r="N977097" s="10"/>
    </row>
    <row r="977098" spans="14:14">
      <c r="N977098" s="10"/>
    </row>
    <row r="977099" spans="14:14">
      <c r="N977099" s="10"/>
    </row>
    <row r="977100" spans="14:14">
      <c r="N977100" s="10"/>
    </row>
    <row r="977101" spans="14:14">
      <c r="N977101" s="10"/>
    </row>
    <row r="977102" spans="14:14">
      <c r="N977102" s="10"/>
    </row>
    <row r="977103" spans="14:14">
      <c r="N977103" s="10"/>
    </row>
    <row r="977104" spans="14:14">
      <c r="N977104" s="10"/>
    </row>
    <row r="977105" spans="14:14">
      <c r="N977105" s="10"/>
    </row>
    <row r="977106" spans="14:14">
      <c r="N977106" s="10"/>
    </row>
    <row r="977107" spans="14:14">
      <c r="N977107" s="10"/>
    </row>
    <row r="977108" spans="14:14">
      <c r="N977108" s="10"/>
    </row>
    <row r="977109" spans="14:14">
      <c r="N977109" s="10"/>
    </row>
    <row r="977110" spans="14:14">
      <c r="N977110" s="10"/>
    </row>
    <row r="977111" spans="14:14">
      <c r="N977111" s="10"/>
    </row>
    <row r="977112" spans="14:14">
      <c r="N977112" s="10"/>
    </row>
    <row r="977113" spans="14:14">
      <c r="N977113" s="10"/>
    </row>
    <row r="977114" spans="14:14">
      <c r="N977114" s="10"/>
    </row>
    <row r="977115" spans="14:14">
      <c r="N977115" s="10"/>
    </row>
    <row r="977116" spans="14:14">
      <c r="N977116" s="10"/>
    </row>
    <row r="977117" spans="14:14">
      <c r="N977117" s="10"/>
    </row>
    <row r="977118" spans="14:14">
      <c r="N977118" s="10"/>
    </row>
    <row r="977119" spans="14:14">
      <c r="N977119" s="10"/>
    </row>
    <row r="977120" spans="14:14">
      <c r="N977120" s="10"/>
    </row>
    <row r="977121" spans="14:14">
      <c r="N977121" s="10"/>
    </row>
    <row r="977122" spans="14:14">
      <c r="N977122" s="10"/>
    </row>
    <row r="977123" spans="14:14">
      <c r="N977123" s="10"/>
    </row>
    <row r="977124" spans="14:14">
      <c r="N977124" s="10"/>
    </row>
    <row r="977125" spans="14:14">
      <c r="N977125" s="10"/>
    </row>
    <row r="977126" spans="14:14">
      <c r="N977126" s="10"/>
    </row>
    <row r="977127" spans="14:14">
      <c r="N977127" s="10"/>
    </row>
    <row r="977128" spans="14:14">
      <c r="N977128" s="10"/>
    </row>
    <row r="977129" spans="14:14">
      <c r="N977129" s="10"/>
    </row>
    <row r="977130" spans="14:14">
      <c r="N977130" s="10"/>
    </row>
    <row r="977131" spans="14:14">
      <c r="N977131" s="10"/>
    </row>
    <row r="977132" spans="14:14">
      <c r="N977132" s="10"/>
    </row>
    <row r="977133" spans="14:14">
      <c r="N977133" s="10"/>
    </row>
    <row r="977134" spans="14:14">
      <c r="N977134" s="10"/>
    </row>
    <row r="977135" spans="14:14">
      <c r="N977135" s="10"/>
    </row>
    <row r="977136" spans="14:14">
      <c r="N977136" s="10"/>
    </row>
    <row r="977137" spans="14:14">
      <c r="N977137" s="10"/>
    </row>
    <row r="977138" spans="14:14">
      <c r="N977138" s="10"/>
    </row>
    <row r="977139" spans="14:14">
      <c r="N977139" s="10"/>
    </row>
    <row r="977140" spans="14:14">
      <c r="N977140" s="10"/>
    </row>
    <row r="977141" spans="14:14">
      <c r="N977141" s="10"/>
    </row>
    <row r="977142" spans="14:14">
      <c r="N977142" s="10"/>
    </row>
    <row r="977143" spans="14:14">
      <c r="N977143" s="10"/>
    </row>
    <row r="977144" spans="14:14">
      <c r="N977144" s="10"/>
    </row>
    <row r="977145" spans="14:14">
      <c r="N977145" s="10"/>
    </row>
    <row r="977146" spans="14:14">
      <c r="N977146" s="10"/>
    </row>
    <row r="977147" spans="14:14">
      <c r="N977147" s="10"/>
    </row>
    <row r="977148" spans="14:14">
      <c r="N977148" s="10"/>
    </row>
    <row r="977149" spans="14:14">
      <c r="N977149" s="10"/>
    </row>
    <row r="977150" spans="14:14">
      <c r="N977150" s="10"/>
    </row>
    <row r="977151" spans="14:14">
      <c r="N977151" s="10"/>
    </row>
    <row r="977152" spans="14:14">
      <c r="N977152" s="10"/>
    </row>
    <row r="977153" spans="14:14">
      <c r="N977153" s="10"/>
    </row>
    <row r="977154" spans="14:14">
      <c r="N977154" s="10"/>
    </row>
    <row r="977155" spans="14:14">
      <c r="N977155" s="10"/>
    </row>
    <row r="977156" spans="14:14">
      <c r="N977156" s="10"/>
    </row>
    <row r="977157" spans="14:14">
      <c r="N977157" s="10"/>
    </row>
    <row r="977158" spans="14:14">
      <c r="N977158" s="10"/>
    </row>
    <row r="977159" spans="14:14">
      <c r="N977159" s="10"/>
    </row>
    <row r="977160" spans="14:14">
      <c r="N977160" s="10"/>
    </row>
    <row r="977161" spans="14:14">
      <c r="N977161" s="10"/>
    </row>
    <row r="977162" spans="14:14">
      <c r="N977162" s="10"/>
    </row>
    <row r="977163" spans="14:14">
      <c r="N977163" s="10"/>
    </row>
    <row r="977164" spans="14:14">
      <c r="N977164" s="10"/>
    </row>
    <row r="977165" spans="14:14">
      <c r="N977165" s="10"/>
    </row>
    <row r="977166" spans="14:14">
      <c r="N977166" s="10"/>
    </row>
    <row r="977167" spans="14:14">
      <c r="N977167" s="10"/>
    </row>
    <row r="977168" spans="14:14">
      <c r="N977168" s="10"/>
    </row>
    <row r="977169" spans="14:14">
      <c r="N977169" s="10"/>
    </row>
    <row r="977170" spans="14:14">
      <c r="N977170" s="10"/>
    </row>
    <row r="977171" spans="14:14">
      <c r="N977171" s="10"/>
    </row>
    <row r="977172" spans="14:14">
      <c r="N977172" s="10"/>
    </row>
    <row r="977173" spans="14:14">
      <c r="N977173" s="10"/>
    </row>
    <row r="977174" spans="14:14">
      <c r="N977174" s="10"/>
    </row>
    <row r="977175" spans="14:14">
      <c r="N977175" s="10"/>
    </row>
    <row r="977176" spans="14:14">
      <c r="N977176" s="10"/>
    </row>
    <row r="977177" spans="14:14">
      <c r="N977177" s="10"/>
    </row>
    <row r="977178" spans="14:14">
      <c r="N977178" s="10"/>
    </row>
    <row r="977179" spans="14:14">
      <c r="N977179" s="10"/>
    </row>
    <row r="977180" spans="14:14">
      <c r="N977180" s="10"/>
    </row>
    <row r="977181" spans="14:14">
      <c r="N977181" s="10"/>
    </row>
    <row r="977182" spans="14:14">
      <c r="N977182" s="10"/>
    </row>
    <row r="977183" spans="14:14">
      <c r="N977183" s="10"/>
    </row>
    <row r="977184" spans="14:14">
      <c r="N977184" s="10"/>
    </row>
    <row r="977185" spans="14:14">
      <c r="N977185" s="10"/>
    </row>
    <row r="977186" spans="14:14">
      <c r="N977186" s="10"/>
    </row>
    <row r="977187" spans="14:14">
      <c r="N977187" s="10"/>
    </row>
    <row r="977188" spans="14:14">
      <c r="N977188" s="10"/>
    </row>
    <row r="977189" spans="14:14">
      <c r="N977189" s="10"/>
    </row>
    <row r="977190" spans="14:14">
      <c r="N977190" s="10"/>
    </row>
    <row r="977191" spans="14:14">
      <c r="N977191" s="10"/>
    </row>
    <row r="977192" spans="14:14">
      <c r="N977192" s="10"/>
    </row>
    <row r="977193" spans="14:14">
      <c r="N977193" s="10"/>
    </row>
    <row r="977194" spans="14:14">
      <c r="N977194" s="10"/>
    </row>
    <row r="977195" spans="14:14">
      <c r="N977195" s="10"/>
    </row>
    <row r="977196" spans="14:14">
      <c r="N977196" s="10"/>
    </row>
    <row r="977197" spans="14:14">
      <c r="N977197" s="10"/>
    </row>
    <row r="977198" spans="14:14">
      <c r="N977198" s="10"/>
    </row>
    <row r="977199" spans="14:14">
      <c r="N977199" s="10"/>
    </row>
    <row r="977200" spans="14:14">
      <c r="N977200" s="10"/>
    </row>
    <row r="977201" spans="14:14">
      <c r="N977201" s="10"/>
    </row>
    <row r="977202" spans="14:14">
      <c r="N977202" s="10"/>
    </row>
    <row r="977203" spans="14:14">
      <c r="N977203" s="10"/>
    </row>
    <row r="977204" spans="14:14">
      <c r="N977204" s="10"/>
    </row>
    <row r="977205" spans="14:14">
      <c r="N977205" s="10"/>
    </row>
    <row r="977206" spans="14:14">
      <c r="N977206" s="10"/>
    </row>
    <row r="977207" spans="14:14">
      <c r="N977207" s="10"/>
    </row>
    <row r="977208" spans="14:14">
      <c r="N977208" s="10"/>
    </row>
    <row r="977209" spans="14:14">
      <c r="N977209" s="10"/>
    </row>
    <row r="977210" spans="14:14">
      <c r="N977210" s="10"/>
    </row>
    <row r="977211" spans="14:14">
      <c r="N977211" s="10"/>
    </row>
    <row r="977212" spans="14:14">
      <c r="N977212" s="10"/>
    </row>
    <row r="977213" spans="14:14">
      <c r="N977213" s="10"/>
    </row>
    <row r="977214" spans="14:14">
      <c r="N977214" s="10"/>
    </row>
    <row r="977215" spans="14:14">
      <c r="N977215" s="10"/>
    </row>
    <row r="977216" spans="14:14">
      <c r="N977216" s="10"/>
    </row>
    <row r="977217" spans="14:14">
      <c r="N977217" s="10"/>
    </row>
    <row r="977218" spans="14:14">
      <c r="N977218" s="10"/>
    </row>
    <row r="977219" spans="14:14">
      <c r="N977219" s="10"/>
    </row>
    <row r="977220" spans="14:14">
      <c r="N977220" s="10"/>
    </row>
    <row r="977221" spans="14:14">
      <c r="N977221" s="10"/>
    </row>
    <row r="977222" spans="14:14">
      <c r="N977222" s="10"/>
    </row>
    <row r="977223" spans="14:14">
      <c r="N977223" s="10"/>
    </row>
    <row r="977224" spans="14:14">
      <c r="N977224" s="10"/>
    </row>
    <row r="977225" spans="14:14">
      <c r="N977225" s="10"/>
    </row>
    <row r="977226" spans="14:14">
      <c r="N977226" s="10"/>
    </row>
    <row r="977227" spans="14:14">
      <c r="N977227" s="10"/>
    </row>
    <row r="977228" spans="14:14">
      <c r="N977228" s="10"/>
    </row>
    <row r="977229" spans="14:14">
      <c r="N977229" s="10"/>
    </row>
    <row r="977230" spans="14:14">
      <c r="N977230" s="10"/>
    </row>
    <row r="977231" spans="14:14">
      <c r="N977231" s="10"/>
    </row>
    <row r="977232" spans="14:14">
      <c r="N977232" s="10"/>
    </row>
    <row r="977233" spans="14:14">
      <c r="N977233" s="10"/>
    </row>
    <row r="977234" spans="14:14">
      <c r="N977234" s="10"/>
    </row>
    <row r="977235" spans="14:14">
      <c r="N977235" s="10"/>
    </row>
    <row r="977236" spans="14:14">
      <c r="N977236" s="10"/>
    </row>
    <row r="977237" spans="14:14">
      <c r="N977237" s="10"/>
    </row>
    <row r="977238" spans="14:14">
      <c r="N977238" s="10"/>
    </row>
    <row r="977239" spans="14:14">
      <c r="N977239" s="10"/>
    </row>
    <row r="977240" spans="14:14">
      <c r="N977240" s="10"/>
    </row>
    <row r="977241" spans="14:14">
      <c r="N977241" s="10"/>
    </row>
    <row r="977242" spans="14:14">
      <c r="N977242" s="10"/>
    </row>
    <row r="977243" spans="14:14">
      <c r="N977243" s="10"/>
    </row>
    <row r="977244" spans="14:14">
      <c r="N977244" s="10"/>
    </row>
    <row r="977245" spans="14:14">
      <c r="N977245" s="10"/>
    </row>
    <row r="977246" spans="14:14">
      <c r="N977246" s="10"/>
    </row>
    <row r="977247" spans="14:14">
      <c r="N977247" s="10"/>
    </row>
    <row r="977248" spans="14:14">
      <c r="N977248" s="10"/>
    </row>
    <row r="977249" spans="14:14">
      <c r="N977249" s="10"/>
    </row>
    <row r="977250" spans="14:14">
      <c r="N977250" s="10"/>
    </row>
    <row r="977251" spans="14:14">
      <c r="N977251" s="10"/>
    </row>
    <row r="977252" spans="14:14">
      <c r="N977252" s="10"/>
    </row>
    <row r="977253" spans="14:14">
      <c r="N977253" s="10"/>
    </row>
    <row r="977254" spans="14:14">
      <c r="N977254" s="10"/>
    </row>
    <row r="977255" spans="14:14">
      <c r="N977255" s="10"/>
    </row>
    <row r="977256" spans="14:14">
      <c r="N977256" s="10"/>
    </row>
    <row r="977257" spans="14:14">
      <c r="N977257" s="10"/>
    </row>
    <row r="977258" spans="14:14">
      <c r="N977258" s="10"/>
    </row>
    <row r="977259" spans="14:14">
      <c r="N977259" s="10"/>
    </row>
    <row r="977260" spans="14:14">
      <c r="N977260" s="10"/>
    </row>
    <row r="977261" spans="14:14">
      <c r="N977261" s="10"/>
    </row>
    <row r="977262" spans="14:14">
      <c r="N977262" s="10"/>
    </row>
    <row r="977263" spans="14:14">
      <c r="N977263" s="10"/>
    </row>
    <row r="977264" spans="14:14">
      <c r="N977264" s="10"/>
    </row>
    <row r="977265" spans="14:14">
      <c r="N977265" s="10"/>
    </row>
    <row r="977266" spans="14:14">
      <c r="N977266" s="10"/>
    </row>
    <row r="977267" spans="14:14">
      <c r="N977267" s="10"/>
    </row>
    <row r="977268" spans="14:14">
      <c r="N977268" s="10"/>
    </row>
    <row r="977269" spans="14:14">
      <c r="N977269" s="10"/>
    </row>
    <row r="977270" spans="14:14">
      <c r="N977270" s="10"/>
    </row>
    <row r="977271" spans="14:14">
      <c r="N977271" s="10"/>
    </row>
    <row r="977272" spans="14:14">
      <c r="N977272" s="10"/>
    </row>
    <row r="977273" spans="14:14">
      <c r="N977273" s="10"/>
    </row>
    <row r="977274" spans="14:14">
      <c r="N977274" s="10"/>
    </row>
    <row r="977275" spans="14:14">
      <c r="N977275" s="10"/>
    </row>
    <row r="977276" spans="14:14">
      <c r="N977276" s="10"/>
    </row>
    <row r="977277" spans="14:14">
      <c r="N977277" s="10"/>
    </row>
    <row r="977278" spans="14:14">
      <c r="N977278" s="10"/>
    </row>
    <row r="977279" spans="14:14">
      <c r="N977279" s="10"/>
    </row>
    <row r="977280" spans="14:14">
      <c r="N977280" s="10"/>
    </row>
    <row r="977281" spans="14:14">
      <c r="N977281" s="10"/>
    </row>
    <row r="977282" spans="14:14">
      <c r="N977282" s="10"/>
    </row>
    <row r="977283" spans="14:14">
      <c r="N977283" s="10"/>
    </row>
    <row r="977284" spans="14:14">
      <c r="N977284" s="10"/>
    </row>
    <row r="977285" spans="14:14">
      <c r="N977285" s="10"/>
    </row>
    <row r="977286" spans="14:14">
      <c r="N977286" s="10"/>
    </row>
    <row r="977287" spans="14:14">
      <c r="N977287" s="10"/>
    </row>
    <row r="977288" spans="14:14">
      <c r="N977288" s="10"/>
    </row>
    <row r="977289" spans="14:14">
      <c r="N977289" s="10"/>
    </row>
    <row r="977290" spans="14:14">
      <c r="N977290" s="10"/>
    </row>
    <row r="977291" spans="14:14">
      <c r="N977291" s="10"/>
    </row>
    <row r="977292" spans="14:14">
      <c r="N977292" s="10"/>
    </row>
    <row r="977293" spans="14:14">
      <c r="N977293" s="10"/>
    </row>
    <row r="977294" spans="14:14">
      <c r="N977294" s="10"/>
    </row>
    <row r="977295" spans="14:14">
      <c r="N977295" s="10"/>
    </row>
    <row r="977296" spans="14:14">
      <c r="N977296" s="10"/>
    </row>
    <row r="977297" spans="14:14">
      <c r="N977297" s="10"/>
    </row>
    <row r="977298" spans="14:14">
      <c r="N977298" s="10"/>
    </row>
    <row r="977299" spans="14:14">
      <c r="N977299" s="10"/>
    </row>
    <row r="977300" spans="14:14">
      <c r="N977300" s="10"/>
    </row>
    <row r="977301" spans="14:14">
      <c r="N977301" s="10"/>
    </row>
    <row r="977302" spans="14:14">
      <c r="N977302" s="10"/>
    </row>
    <row r="977303" spans="14:14">
      <c r="N977303" s="10"/>
    </row>
    <row r="977304" spans="14:14">
      <c r="N977304" s="10"/>
    </row>
    <row r="977305" spans="14:14">
      <c r="N977305" s="10"/>
    </row>
    <row r="977306" spans="14:14">
      <c r="N977306" s="10"/>
    </row>
    <row r="977307" spans="14:14">
      <c r="N977307" s="10"/>
    </row>
    <row r="977308" spans="14:14">
      <c r="N977308" s="10"/>
    </row>
    <row r="977309" spans="14:14">
      <c r="N977309" s="10"/>
    </row>
    <row r="977310" spans="14:14">
      <c r="N977310" s="10"/>
    </row>
    <row r="977311" spans="14:14">
      <c r="N977311" s="10"/>
    </row>
    <row r="977312" spans="14:14">
      <c r="N977312" s="10"/>
    </row>
    <row r="977313" spans="14:14">
      <c r="N977313" s="10"/>
    </row>
    <row r="977314" spans="14:14">
      <c r="N977314" s="10"/>
    </row>
    <row r="977315" spans="14:14">
      <c r="N977315" s="10"/>
    </row>
    <row r="977316" spans="14:14">
      <c r="N977316" s="10"/>
    </row>
    <row r="977317" spans="14:14">
      <c r="N977317" s="10"/>
    </row>
    <row r="977318" spans="14:14">
      <c r="N977318" s="10"/>
    </row>
    <row r="977319" spans="14:14">
      <c r="N977319" s="10"/>
    </row>
    <row r="977320" spans="14:14">
      <c r="N977320" s="10"/>
    </row>
    <row r="977321" spans="14:14">
      <c r="N977321" s="10"/>
    </row>
    <row r="977322" spans="14:14">
      <c r="N977322" s="10"/>
    </row>
    <row r="977323" spans="14:14">
      <c r="N977323" s="10"/>
    </row>
    <row r="977324" spans="14:14">
      <c r="N977324" s="10"/>
    </row>
    <row r="977325" spans="14:14">
      <c r="N977325" s="10"/>
    </row>
    <row r="977326" spans="14:14">
      <c r="N977326" s="10"/>
    </row>
    <row r="977327" spans="14:14">
      <c r="N977327" s="10"/>
    </row>
    <row r="977328" spans="14:14">
      <c r="N977328" s="10"/>
    </row>
    <row r="977329" spans="14:14">
      <c r="N977329" s="10"/>
    </row>
    <row r="977330" spans="14:14">
      <c r="N977330" s="10"/>
    </row>
    <row r="977331" spans="14:14">
      <c r="N977331" s="10"/>
    </row>
    <row r="977332" spans="14:14">
      <c r="N977332" s="10"/>
    </row>
    <row r="977333" spans="14:14">
      <c r="N977333" s="10"/>
    </row>
    <row r="977334" spans="14:14">
      <c r="N977334" s="10"/>
    </row>
    <row r="977335" spans="14:14">
      <c r="N977335" s="10"/>
    </row>
    <row r="977336" spans="14:14">
      <c r="N977336" s="10"/>
    </row>
    <row r="977337" spans="14:14">
      <c r="N977337" s="10"/>
    </row>
    <row r="977338" spans="14:14">
      <c r="N977338" s="10"/>
    </row>
    <row r="977339" spans="14:14">
      <c r="N977339" s="10"/>
    </row>
    <row r="977340" spans="14:14">
      <c r="N977340" s="10"/>
    </row>
    <row r="977341" spans="14:14">
      <c r="N977341" s="10"/>
    </row>
    <row r="977342" spans="14:14">
      <c r="N977342" s="10"/>
    </row>
    <row r="977343" spans="14:14">
      <c r="N977343" s="10"/>
    </row>
    <row r="977344" spans="14:14">
      <c r="N977344" s="10"/>
    </row>
    <row r="977345" spans="14:14">
      <c r="N977345" s="10"/>
    </row>
    <row r="977346" spans="14:14">
      <c r="N977346" s="10"/>
    </row>
    <row r="977347" spans="14:14">
      <c r="N977347" s="10"/>
    </row>
    <row r="977348" spans="14:14">
      <c r="N977348" s="10"/>
    </row>
    <row r="977349" spans="14:14">
      <c r="N977349" s="10"/>
    </row>
    <row r="977350" spans="14:14">
      <c r="N977350" s="10"/>
    </row>
    <row r="977351" spans="14:14">
      <c r="N977351" s="10"/>
    </row>
    <row r="977352" spans="14:14">
      <c r="N977352" s="10"/>
    </row>
    <row r="977353" spans="14:14">
      <c r="N977353" s="10"/>
    </row>
    <row r="977354" spans="14:14">
      <c r="N977354" s="10"/>
    </row>
    <row r="977355" spans="14:14">
      <c r="N977355" s="10"/>
    </row>
    <row r="977356" spans="14:14">
      <c r="N977356" s="10"/>
    </row>
    <row r="977357" spans="14:14">
      <c r="N977357" s="10"/>
    </row>
    <row r="977358" spans="14:14">
      <c r="N977358" s="10"/>
    </row>
    <row r="977359" spans="14:14">
      <c r="N977359" s="10"/>
    </row>
    <row r="977360" spans="14:14">
      <c r="N977360" s="10"/>
    </row>
    <row r="977361" spans="14:14">
      <c r="N977361" s="10"/>
    </row>
    <row r="977362" spans="14:14">
      <c r="N977362" s="10"/>
    </row>
    <row r="977363" spans="14:14">
      <c r="N977363" s="10"/>
    </row>
    <row r="977364" spans="14:14">
      <c r="N977364" s="10"/>
    </row>
    <row r="977365" spans="14:14">
      <c r="N977365" s="10"/>
    </row>
    <row r="977366" spans="14:14">
      <c r="N977366" s="10"/>
    </row>
    <row r="977367" spans="14:14">
      <c r="N977367" s="10"/>
    </row>
    <row r="977368" spans="14:14">
      <c r="N977368" s="10"/>
    </row>
    <row r="977369" spans="14:14">
      <c r="N977369" s="10"/>
    </row>
    <row r="977370" spans="14:14">
      <c r="N977370" s="10"/>
    </row>
    <row r="977371" spans="14:14">
      <c r="N977371" s="10"/>
    </row>
    <row r="977372" spans="14:14">
      <c r="N977372" s="10"/>
    </row>
    <row r="977373" spans="14:14">
      <c r="N977373" s="10"/>
    </row>
    <row r="977374" spans="14:14">
      <c r="N977374" s="10"/>
    </row>
    <row r="977375" spans="14:14">
      <c r="N977375" s="10"/>
    </row>
    <row r="977376" spans="14:14">
      <c r="N977376" s="10"/>
    </row>
    <row r="977377" spans="14:14">
      <c r="N977377" s="10"/>
    </row>
    <row r="977378" spans="14:14">
      <c r="N977378" s="10"/>
    </row>
    <row r="977379" spans="14:14">
      <c r="N977379" s="10"/>
    </row>
    <row r="977380" spans="14:14">
      <c r="N977380" s="10"/>
    </row>
    <row r="977381" spans="14:14">
      <c r="N977381" s="10"/>
    </row>
    <row r="977382" spans="14:14">
      <c r="N977382" s="10"/>
    </row>
    <row r="977383" spans="14:14">
      <c r="N977383" s="10"/>
    </row>
    <row r="977384" spans="14:14">
      <c r="N977384" s="10"/>
    </row>
    <row r="977385" spans="14:14">
      <c r="N977385" s="10"/>
    </row>
    <row r="977386" spans="14:14">
      <c r="N977386" s="10"/>
    </row>
    <row r="977387" spans="14:14">
      <c r="N977387" s="10"/>
    </row>
    <row r="977388" spans="14:14">
      <c r="N977388" s="10"/>
    </row>
    <row r="977389" spans="14:14">
      <c r="N977389" s="10"/>
    </row>
    <row r="977390" spans="14:14">
      <c r="N977390" s="10"/>
    </row>
    <row r="977391" spans="14:14">
      <c r="N977391" s="10"/>
    </row>
    <row r="977392" spans="14:14">
      <c r="N977392" s="10"/>
    </row>
    <row r="977393" spans="14:14">
      <c r="N977393" s="10"/>
    </row>
    <row r="977394" spans="14:14">
      <c r="N977394" s="10"/>
    </row>
    <row r="977395" spans="14:14">
      <c r="N977395" s="10"/>
    </row>
    <row r="977396" spans="14:14">
      <c r="N977396" s="10"/>
    </row>
    <row r="977397" spans="14:14">
      <c r="N977397" s="10"/>
    </row>
    <row r="977398" spans="14:14">
      <c r="N977398" s="10"/>
    </row>
    <row r="977399" spans="14:14">
      <c r="N977399" s="10"/>
    </row>
    <row r="977400" spans="14:14">
      <c r="N977400" s="10"/>
    </row>
    <row r="977401" spans="14:14">
      <c r="N977401" s="10"/>
    </row>
    <row r="977402" spans="14:14">
      <c r="N977402" s="10"/>
    </row>
    <row r="977403" spans="14:14">
      <c r="N977403" s="10"/>
    </row>
    <row r="977404" spans="14:14">
      <c r="N977404" s="10"/>
    </row>
    <row r="977405" spans="14:14">
      <c r="N977405" s="10"/>
    </row>
    <row r="977406" spans="14:14">
      <c r="N977406" s="10"/>
    </row>
    <row r="977407" spans="14:14">
      <c r="N977407" s="10"/>
    </row>
    <row r="977408" spans="14:14">
      <c r="N977408" s="10"/>
    </row>
    <row r="977409" spans="14:14">
      <c r="N977409" s="10"/>
    </row>
    <row r="977410" spans="14:14">
      <c r="N977410" s="10"/>
    </row>
    <row r="977411" spans="14:14">
      <c r="N977411" s="10"/>
    </row>
    <row r="977412" spans="14:14">
      <c r="N977412" s="10"/>
    </row>
    <row r="977413" spans="14:14">
      <c r="N977413" s="10"/>
    </row>
    <row r="977414" spans="14:14">
      <c r="N977414" s="10"/>
    </row>
    <row r="977415" spans="14:14">
      <c r="N977415" s="10"/>
    </row>
    <row r="977416" spans="14:14">
      <c r="N977416" s="10"/>
    </row>
    <row r="977417" spans="14:14">
      <c r="N977417" s="10"/>
    </row>
    <row r="977418" spans="14:14">
      <c r="N977418" s="10"/>
    </row>
    <row r="977419" spans="14:14">
      <c r="N977419" s="10"/>
    </row>
    <row r="977420" spans="14:14">
      <c r="N977420" s="10"/>
    </row>
    <row r="977421" spans="14:14">
      <c r="N977421" s="10"/>
    </row>
    <row r="977422" spans="14:14">
      <c r="N977422" s="10"/>
    </row>
    <row r="977423" spans="14:14">
      <c r="N977423" s="10"/>
    </row>
    <row r="977424" spans="14:14">
      <c r="N977424" s="10"/>
    </row>
    <row r="977425" spans="14:14">
      <c r="N977425" s="10"/>
    </row>
    <row r="977426" spans="14:14">
      <c r="N977426" s="10"/>
    </row>
    <row r="977427" spans="14:14">
      <c r="N977427" s="10"/>
    </row>
    <row r="977428" spans="14:14">
      <c r="N977428" s="10"/>
    </row>
    <row r="977429" spans="14:14">
      <c r="N977429" s="10"/>
    </row>
    <row r="977430" spans="14:14">
      <c r="N977430" s="10"/>
    </row>
    <row r="977431" spans="14:14">
      <c r="N977431" s="10"/>
    </row>
    <row r="977432" spans="14:14">
      <c r="N977432" s="10"/>
    </row>
    <row r="977433" spans="14:14">
      <c r="N977433" s="10"/>
    </row>
    <row r="977434" spans="14:14">
      <c r="N977434" s="10"/>
    </row>
    <row r="977435" spans="14:14">
      <c r="N977435" s="10"/>
    </row>
    <row r="977436" spans="14:14">
      <c r="N977436" s="10"/>
    </row>
    <row r="977437" spans="14:14">
      <c r="N977437" s="10"/>
    </row>
    <row r="977438" spans="14:14">
      <c r="N977438" s="10"/>
    </row>
    <row r="977439" spans="14:14">
      <c r="N977439" s="10"/>
    </row>
    <row r="977440" spans="14:14">
      <c r="N977440" s="10"/>
    </row>
    <row r="977441" spans="14:14">
      <c r="N977441" s="10"/>
    </row>
    <row r="977442" spans="14:14">
      <c r="N977442" s="10"/>
    </row>
    <row r="977443" spans="14:14">
      <c r="N977443" s="10"/>
    </row>
    <row r="977444" spans="14:14">
      <c r="N977444" s="10"/>
    </row>
    <row r="977445" spans="14:14">
      <c r="N977445" s="10"/>
    </row>
    <row r="977446" spans="14:14">
      <c r="N977446" s="10"/>
    </row>
    <row r="977447" spans="14:14">
      <c r="N977447" s="10"/>
    </row>
    <row r="977448" spans="14:14">
      <c r="N977448" s="10"/>
    </row>
    <row r="977449" spans="14:14">
      <c r="N977449" s="10"/>
    </row>
    <row r="977450" spans="14:14">
      <c r="N977450" s="10"/>
    </row>
    <row r="977451" spans="14:14">
      <c r="N977451" s="10"/>
    </row>
    <row r="977452" spans="14:14">
      <c r="N977452" s="10"/>
    </row>
    <row r="977453" spans="14:14">
      <c r="N977453" s="10"/>
    </row>
    <row r="977454" spans="14:14">
      <c r="N977454" s="10"/>
    </row>
    <row r="977455" spans="14:14">
      <c r="N977455" s="10"/>
    </row>
    <row r="977456" spans="14:14">
      <c r="N977456" s="10"/>
    </row>
    <row r="977457" spans="14:14">
      <c r="N977457" s="10"/>
    </row>
    <row r="977458" spans="14:14">
      <c r="N977458" s="10"/>
    </row>
    <row r="977459" spans="14:14">
      <c r="N977459" s="10"/>
    </row>
    <row r="977460" spans="14:14">
      <c r="N977460" s="10"/>
    </row>
    <row r="977461" spans="14:14">
      <c r="N977461" s="10"/>
    </row>
    <row r="977462" spans="14:14">
      <c r="N977462" s="10"/>
    </row>
    <row r="977463" spans="14:14">
      <c r="N977463" s="10"/>
    </row>
    <row r="977464" spans="14:14">
      <c r="N977464" s="10"/>
    </row>
    <row r="977465" spans="14:14">
      <c r="N977465" s="10"/>
    </row>
    <row r="977466" spans="14:14">
      <c r="N977466" s="10"/>
    </row>
    <row r="977467" spans="14:14">
      <c r="N977467" s="10"/>
    </row>
    <row r="977468" spans="14:14">
      <c r="N977468" s="10"/>
    </row>
    <row r="977469" spans="14:14">
      <c r="N977469" s="10"/>
    </row>
    <row r="977470" spans="14:14">
      <c r="N977470" s="10"/>
    </row>
    <row r="977471" spans="14:14">
      <c r="N977471" s="10"/>
    </row>
    <row r="977472" spans="14:14">
      <c r="N977472" s="10"/>
    </row>
    <row r="977473" spans="14:14">
      <c r="N977473" s="10"/>
    </row>
    <row r="977474" spans="14:14">
      <c r="N977474" s="10"/>
    </row>
    <row r="977475" spans="14:14">
      <c r="N977475" s="10"/>
    </row>
    <row r="977476" spans="14:14">
      <c r="N977476" s="10"/>
    </row>
    <row r="977477" spans="14:14">
      <c r="N977477" s="10"/>
    </row>
    <row r="977478" spans="14:14">
      <c r="N977478" s="10"/>
    </row>
    <row r="977479" spans="14:14">
      <c r="N977479" s="10"/>
    </row>
    <row r="977480" spans="14:14">
      <c r="N977480" s="10"/>
    </row>
    <row r="977481" spans="14:14">
      <c r="N977481" s="10"/>
    </row>
    <row r="977482" spans="14:14">
      <c r="N977482" s="10"/>
    </row>
    <row r="977483" spans="14:14">
      <c r="N977483" s="10"/>
    </row>
    <row r="977484" spans="14:14">
      <c r="N977484" s="10"/>
    </row>
    <row r="977485" spans="14:14">
      <c r="N977485" s="10"/>
    </row>
    <row r="977486" spans="14:14">
      <c r="N977486" s="10"/>
    </row>
    <row r="977487" spans="14:14">
      <c r="N977487" s="10"/>
    </row>
    <row r="977488" spans="14:14">
      <c r="N977488" s="10"/>
    </row>
    <row r="977489" spans="14:14">
      <c r="N977489" s="10"/>
    </row>
    <row r="977490" spans="14:14">
      <c r="N977490" s="10"/>
    </row>
    <row r="977491" spans="14:14">
      <c r="N977491" s="10"/>
    </row>
    <row r="977492" spans="14:14">
      <c r="N977492" s="10"/>
    </row>
    <row r="977493" spans="14:14">
      <c r="N977493" s="10"/>
    </row>
    <row r="977494" spans="14:14">
      <c r="N977494" s="10"/>
    </row>
    <row r="977495" spans="14:14">
      <c r="N977495" s="10"/>
    </row>
    <row r="977496" spans="14:14">
      <c r="N977496" s="10"/>
    </row>
    <row r="977497" spans="14:14">
      <c r="N977497" s="10"/>
    </row>
    <row r="977498" spans="14:14">
      <c r="N977498" s="10"/>
    </row>
    <row r="977499" spans="14:14">
      <c r="N977499" s="10"/>
    </row>
    <row r="977500" spans="14:14">
      <c r="N977500" s="10"/>
    </row>
    <row r="977501" spans="14:14">
      <c r="N977501" s="10"/>
    </row>
    <row r="977502" spans="14:14">
      <c r="N977502" s="10"/>
    </row>
    <row r="977503" spans="14:14">
      <c r="N977503" s="10"/>
    </row>
    <row r="977504" spans="14:14">
      <c r="N977504" s="10"/>
    </row>
    <row r="977505" spans="14:14">
      <c r="N977505" s="10"/>
    </row>
    <row r="977506" spans="14:14">
      <c r="N977506" s="10"/>
    </row>
    <row r="977507" spans="14:14">
      <c r="N977507" s="10"/>
    </row>
    <row r="977508" spans="14:14">
      <c r="N977508" s="10"/>
    </row>
    <row r="977509" spans="14:14">
      <c r="N977509" s="10"/>
    </row>
    <row r="977510" spans="14:14">
      <c r="N977510" s="10"/>
    </row>
    <row r="977511" spans="14:14">
      <c r="N977511" s="10"/>
    </row>
    <row r="977512" spans="14:14">
      <c r="N977512" s="10"/>
    </row>
    <row r="977513" spans="14:14">
      <c r="N977513" s="10"/>
    </row>
    <row r="977514" spans="14:14">
      <c r="N977514" s="10"/>
    </row>
    <row r="977515" spans="14:14">
      <c r="N977515" s="10"/>
    </row>
    <row r="977516" spans="14:14">
      <c r="N977516" s="10"/>
    </row>
    <row r="977517" spans="14:14">
      <c r="N977517" s="10"/>
    </row>
    <row r="977518" spans="14:14">
      <c r="N977518" s="10"/>
    </row>
    <row r="977519" spans="14:14">
      <c r="N977519" s="10"/>
    </row>
    <row r="977520" spans="14:14">
      <c r="N977520" s="10"/>
    </row>
    <row r="977521" spans="14:14">
      <c r="N977521" s="10"/>
    </row>
    <row r="977522" spans="14:14">
      <c r="N977522" s="10"/>
    </row>
    <row r="977523" spans="14:14">
      <c r="N977523" s="10"/>
    </row>
    <row r="977524" spans="14:14">
      <c r="N977524" s="10"/>
    </row>
    <row r="977525" spans="14:14">
      <c r="N977525" s="10"/>
    </row>
    <row r="977526" spans="14:14">
      <c r="N977526" s="10"/>
    </row>
    <row r="977527" spans="14:14">
      <c r="N977527" s="10"/>
    </row>
    <row r="977528" spans="14:14">
      <c r="N977528" s="10"/>
    </row>
    <row r="977529" spans="14:14">
      <c r="N977529" s="10"/>
    </row>
    <row r="977530" spans="14:14">
      <c r="N977530" s="10"/>
    </row>
    <row r="977531" spans="14:14">
      <c r="N977531" s="10"/>
    </row>
    <row r="977532" spans="14:14">
      <c r="N977532" s="10"/>
    </row>
    <row r="977533" spans="14:14">
      <c r="N977533" s="10"/>
    </row>
    <row r="977534" spans="14:14">
      <c r="N977534" s="10"/>
    </row>
    <row r="977535" spans="14:14">
      <c r="N977535" s="10"/>
    </row>
    <row r="977536" spans="14:14">
      <c r="N977536" s="10"/>
    </row>
    <row r="977537" spans="14:14">
      <c r="N977537" s="10"/>
    </row>
    <row r="977538" spans="14:14">
      <c r="N977538" s="10"/>
    </row>
    <row r="977539" spans="14:14">
      <c r="N977539" s="10"/>
    </row>
    <row r="977540" spans="14:14">
      <c r="N977540" s="10"/>
    </row>
    <row r="977541" spans="14:14">
      <c r="N977541" s="10"/>
    </row>
    <row r="977542" spans="14:14">
      <c r="N977542" s="10"/>
    </row>
    <row r="977543" spans="14:14">
      <c r="N977543" s="10"/>
    </row>
    <row r="977544" spans="14:14">
      <c r="N977544" s="10"/>
    </row>
    <row r="977545" spans="14:14">
      <c r="N977545" s="10"/>
    </row>
    <row r="977546" spans="14:14">
      <c r="N977546" s="10"/>
    </row>
    <row r="977547" spans="14:14">
      <c r="N977547" s="10"/>
    </row>
    <row r="977548" spans="14:14">
      <c r="N977548" s="10"/>
    </row>
    <row r="977549" spans="14:14">
      <c r="N977549" s="10"/>
    </row>
    <row r="977550" spans="14:14">
      <c r="N977550" s="10"/>
    </row>
    <row r="977551" spans="14:14">
      <c r="N977551" s="10"/>
    </row>
    <row r="977552" spans="14:14">
      <c r="N977552" s="10"/>
    </row>
    <row r="977553" spans="14:14">
      <c r="N977553" s="10"/>
    </row>
    <row r="977554" spans="14:14">
      <c r="N977554" s="10"/>
    </row>
    <row r="977555" spans="14:14">
      <c r="N977555" s="10"/>
    </row>
    <row r="977556" spans="14:14">
      <c r="N977556" s="10"/>
    </row>
    <row r="977557" spans="14:14">
      <c r="N977557" s="10"/>
    </row>
    <row r="977558" spans="14:14">
      <c r="N977558" s="10"/>
    </row>
    <row r="977559" spans="14:14">
      <c r="N977559" s="10"/>
    </row>
    <row r="977560" spans="14:14">
      <c r="N977560" s="10"/>
    </row>
    <row r="977561" spans="14:14">
      <c r="N977561" s="10"/>
    </row>
    <row r="977562" spans="14:14">
      <c r="N977562" s="10"/>
    </row>
    <row r="977563" spans="14:14">
      <c r="N977563" s="10"/>
    </row>
    <row r="977564" spans="14:14">
      <c r="N977564" s="10"/>
    </row>
    <row r="977565" spans="14:14">
      <c r="N977565" s="10"/>
    </row>
    <row r="977566" spans="14:14">
      <c r="N977566" s="10"/>
    </row>
    <row r="977567" spans="14:14">
      <c r="N977567" s="10"/>
    </row>
    <row r="977568" spans="14:14">
      <c r="N977568" s="10"/>
    </row>
    <row r="977569" spans="14:14">
      <c r="N977569" s="10"/>
    </row>
    <row r="977570" spans="14:14">
      <c r="N977570" s="10"/>
    </row>
    <row r="977571" spans="14:14">
      <c r="N977571" s="10"/>
    </row>
    <row r="977572" spans="14:14">
      <c r="N977572" s="10"/>
    </row>
    <row r="977573" spans="14:14">
      <c r="N977573" s="10"/>
    </row>
    <row r="977574" spans="14:14">
      <c r="N977574" s="10"/>
    </row>
    <row r="977575" spans="14:14">
      <c r="N977575" s="10"/>
    </row>
    <row r="977576" spans="14:14">
      <c r="N977576" s="10"/>
    </row>
    <row r="977577" spans="14:14">
      <c r="N977577" s="10"/>
    </row>
    <row r="977578" spans="14:14">
      <c r="N977578" s="10"/>
    </row>
    <row r="977579" spans="14:14">
      <c r="N977579" s="10"/>
    </row>
    <row r="977580" spans="14:14">
      <c r="N977580" s="10"/>
    </row>
    <row r="977581" spans="14:14">
      <c r="N977581" s="10"/>
    </row>
    <row r="977582" spans="14:14">
      <c r="N977582" s="10"/>
    </row>
    <row r="977583" spans="14:14">
      <c r="N977583" s="10"/>
    </row>
    <row r="977584" spans="14:14">
      <c r="N977584" s="10"/>
    </row>
    <row r="977585" spans="14:14">
      <c r="N977585" s="10"/>
    </row>
    <row r="977586" spans="14:14">
      <c r="N977586" s="10"/>
    </row>
    <row r="977587" spans="14:14">
      <c r="N977587" s="10"/>
    </row>
    <row r="977588" spans="14:14">
      <c r="N977588" s="10"/>
    </row>
    <row r="977589" spans="14:14">
      <c r="N977589" s="10"/>
    </row>
    <row r="977590" spans="14:14">
      <c r="N977590" s="10"/>
    </row>
    <row r="977591" spans="14:14">
      <c r="N977591" s="10"/>
    </row>
    <row r="977592" spans="14:14">
      <c r="N977592" s="10"/>
    </row>
    <row r="977593" spans="14:14">
      <c r="N977593" s="10"/>
    </row>
    <row r="977594" spans="14:14">
      <c r="N977594" s="10"/>
    </row>
    <row r="977595" spans="14:14">
      <c r="N977595" s="10"/>
    </row>
    <row r="977596" spans="14:14">
      <c r="N977596" s="10"/>
    </row>
    <row r="977597" spans="14:14">
      <c r="N977597" s="10"/>
    </row>
    <row r="977598" spans="14:14">
      <c r="N977598" s="10"/>
    </row>
    <row r="977599" spans="14:14">
      <c r="N977599" s="10"/>
    </row>
    <row r="977600" spans="14:14">
      <c r="N977600" s="10"/>
    </row>
    <row r="977601" spans="14:14">
      <c r="N977601" s="10"/>
    </row>
    <row r="977602" spans="14:14">
      <c r="N977602" s="10"/>
    </row>
    <row r="977603" spans="14:14">
      <c r="N977603" s="10"/>
    </row>
    <row r="977604" spans="14:14">
      <c r="N977604" s="10"/>
    </row>
    <row r="977605" spans="14:14">
      <c r="N977605" s="10"/>
    </row>
    <row r="977606" spans="14:14">
      <c r="N977606" s="10"/>
    </row>
    <row r="977607" spans="14:14">
      <c r="N977607" s="10"/>
    </row>
    <row r="977608" spans="14:14">
      <c r="N977608" s="10"/>
    </row>
    <row r="977609" spans="14:14">
      <c r="N977609" s="10"/>
    </row>
    <row r="977610" spans="14:14">
      <c r="N977610" s="10"/>
    </row>
    <row r="977611" spans="14:14">
      <c r="N977611" s="10"/>
    </row>
    <row r="977612" spans="14:14">
      <c r="N977612" s="10"/>
    </row>
    <row r="977613" spans="14:14">
      <c r="N977613" s="10"/>
    </row>
    <row r="977614" spans="14:14">
      <c r="N977614" s="10"/>
    </row>
    <row r="977615" spans="14:14">
      <c r="N977615" s="10"/>
    </row>
    <row r="977616" spans="14:14">
      <c r="N977616" s="10"/>
    </row>
    <row r="977617" spans="14:14">
      <c r="N977617" s="10"/>
    </row>
    <row r="977618" spans="14:14">
      <c r="N977618" s="10"/>
    </row>
    <row r="977619" spans="14:14">
      <c r="N977619" s="10"/>
    </row>
    <row r="977620" spans="14:14">
      <c r="N977620" s="10"/>
    </row>
    <row r="977621" spans="14:14">
      <c r="N977621" s="10"/>
    </row>
    <row r="977622" spans="14:14">
      <c r="N977622" s="10"/>
    </row>
    <row r="977623" spans="14:14">
      <c r="N977623" s="10"/>
    </row>
    <row r="977624" spans="14:14">
      <c r="N977624" s="10"/>
    </row>
    <row r="977625" spans="14:14">
      <c r="N977625" s="10"/>
    </row>
    <row r="977626" spans="14:14">
      <c r="N977626" s="10"/>
    </row>
    <row r="977627" spans="14:14">
      <c r="N977627" s="10"/>
    </row>
    <row r="977628" spans="14:14">
      <c r="N977628" s="10"/>
    </row>
    <row r="977629" spans="14:14">
      <c r="N977629" s="10"/>
    </row>
    <row r="977630" spans="14:14">
      <c r="N977630" s="10"/>
    </row>
    <row r="977631" spans="14:14">
      <c r="N977631" s="10"/>
    </row>
    <row r="977632" spans="14:14">
      <c r="N977632" s="10"/>
    </row>
    <row r="977633" spans="14:14">
      <c r="N977633" s="10"/>
    </row>
    <row r="977634" spans="14:14">
      <c r="N977634" s="10"/>
    </row>
    <row r="977635" spans="14:14">
      <c r="N977635" s="10"/>
    </row>
    <row r="977636" spans="14:14">
      <c r="N977636" s="10"/>
    </row>
    <row r="977637" spans="14:14">
      <c r="N977637" s="10"/>
    </row>
    <row r="977638" spans="14:14">
      <c r="N977638" s="10"/>
    </row>
    <row r="977639" spans="14:14">
      <c r="N977639" s="10"/>
    </row>
    <row r="977640" spans="14:14">
      <c r="N977640" s="10"/>
    </row>
    <row r="977641" spans="14:14">
      <c r="N977641" s="10"/>
    </row>
    <row r="977642" spans="14:14">
      <c r="N977642" s="10"/>
    </row>
    <row r="977643" spans="14:14">
      <c r="N977643" s="10"/>
    </row>
    <row r="977644" spans="14:14">
      <c r="N977644" s="10"/>
    </row>
    <row r="977645" spans="14:14">
      <c r="N977645" s="10"/>
    </row>
    <row r="977646" spans="14:14">
      <c r="N977646" s="10"/>
    </row>
    <row r="977647" spans="14:14">
      <c r="N977647" s="10"/>
    </row>
    <row r="977648" spans="14:14">
      <c r="N977648" s="10"/>
    </row>
    <row r="977649" spans="14:14">
      <c r="N977649" s="10"/>
    </row>
    <row r="977650" spans="14:14">
      <c r="N977650" s="10"/>
    </row>
    <row r="977651" spans="14:14">
      <c r="N977651" s="10"/>
    </row>
    <row r="977652" spans="14:14">
      <c r="N977652" s="10"/>
    </row>
    <row r="977653" spans="14:14">
      <c r="N977653" s="10"/>
    </row>
    <row r="977654" spans="14:14">
      <c r="N977654" s="10"/>
    </row>
    <row r="977655" spans="14:14">
      <c r="N977655" s="10"/>
    </row>
    <row r="977656" spans="14:14">
      <c r="N977656" s="10"/>
    </row>
    <row r="977657" spans="14:14">
      <c r="N977657" s="10"/>
    </row>
    <row r="977658" spans="14:14">
      <c r="N977658" s="10"/>
    </row>
    <row r="977659" spans="14:14">
      <c r="N977659" s="10"/>
    </row>
    <row r="977660" spans="14:14">
      <c r="N977660" s="10"/>
    </row>
    <row r="977661" spans="14:14">
      <c r="N977661" s="10"/>
    </row>
    <row r="977662" spans="14:14">
      <c r="N977662" s="10"/>
    </row>
    <row r="977663" spans="14:14">
      <c r="N977663" s="10"/>
    </row>
    <row r="977664" spans="14:14">
      <c r="N977664" s="10"/>
    </row>
    <row r="977665" spans="14:14">
      <c r="N977665" s="10"/>
    </row>
    <row r="977666" spans="14:14">
      <c r="N977666" s="10"/>
    </row>
    <row r="977667" spans="14:14">
      <c r="N977667" s="10"/>
    </row>
    <row r="977668" spans="14:14">
      <c r="N977668" s="10"/>
    </row>
    <row r="977669" spans="14:14">
      <c r="N977669" s="10"/>
    </row>
    <row r="977670" spans="14:14">
      <c r="N977670" s="10"/>
    </row>
    <row r="977671" spans="14:14">
      <c r="N977671" s="10"/>
    </row>
    <row r="977672" spans="14:14">
      <c r="N977672" s="10"/>
    </row>
    <row r="977673" spans="14:14">
      <c r="N977673" s="10"/>
    </row>
    <row r="977674" spans="14:14">
      <c r="N977674" s="10"/>
    </row>
    <row r="977675" spans="14:14">
      <c r="N977675" s="10"/>
    </row>
    <row r="977676" spans="14:14">
      <c r="N977676" s="10"/>
    </row>
    <row r="977677" spans="14:14">
      <c r="N977677" s="10"/>
    </row>
    <row r="977678" spans="14:14">
      <c r="N977678" s="10"/>
    </row>
    <row r="977679" spans="14:14">
      <c r="N977679" s="10"/>
    </row>
    <row r="977680" spans="14:14">
      <c r="N977680" s="10"/>
    </row>
    <row r="977681" spans="14:14">
      <c r="N977681" s="10"/>
    </row>
    <row r="977682" spans="14:14">
      <c r="N977682" s="10"/>
    </row>
    <row r="977683" spans="14:14">
      <c r="N977683" s="10"/>
    </row>
    <row r="977684" spans="14:14">
      <c r="N977684" s="10"/>
    </row>
    <row r="977685" spans="14:14">
      <c r="N977685" s="10"/>
    </row>
    <row r="977686" spans="14:14">
      <c r="N977686" s="10"/>
    </row>
    <row r="977687" spans="14:14">
      <c r="N977687" s="10"/>
    </row>
    <row r="977688" spans="14:14">
      <c r="N977688" s="10"/>
    </row>
    <row r="977689" spans="14:14">
      <c r="N977689" s="10"/>
    </row>
    <row r="977690" spans="14:14">
      <c r="N977690" s="10"/>
    </row>
    <row r="977691" spans="14:14">
      <c r="N977691" s="10"/>
    </row>
    <row r="977692" spans="14:14">
      <c r="N977692" s="10"/>
    </row>
    <row r="977693" spans="14:14">
      <c r="N977693" s="10"/>
    </row>
    <row r="977694" spans="14:14">
      <c r="N977694" s="10"/>
    </row>
    <row r="977695" spans="14:14">
      <c r="N977695" s="10"/>
    </row>
    <row r="977696" spans="14:14">
      <c r="N977696" s="10"/>
    </row>
    <row r="977697" spans="14:14">
      <c r="N977697" s="10"/>
    </row>
    <row r="977698" spans="14:14">
      <c r="N977698" s="10"/>
    </row>
    <row r="977699" spans="14:14">
      <c r="N977699" s="10"/>
    </row>
    <row r="977700" spans="14:14">
      <c r="N977700" s="10"/>
    </row>
    <row r="977701" spans="14:14">
      <c r="N977701" s="10"/>
    </row>
    <row r="977702" spans="14:14">
      <c r="N977702" s="10"/>
    </row>
    <row r="977703" spans="14:14">
      <c r="N977703" s="10"/>
    </row>
    <row r="977704" spans="14:14">
      <c r="N977704" s="10"/>
    </row>
    <row r="977705" spans="14:14">
      <c r="N977705" s="10"/>
    </row>
    <row r="977706" spans="14:14">
      <c r="N977706" s="10"/>
    </row>
    <row r="977707" spans="14:14">
      <c r="N977707" s="10"/>
    </row>
    <row r="977708" spans="14:14">
      <c r="N977708" s="10"/>
    </row>
    <row r="977709" spans="14:14">
      <c r="N977709" s="10"/>
    </row>
    <row r="977710" spans="14:14">
      <c r="N977710" s="10"/>
    </row>
    <row r="977711" spans="14:14">
      <c r="N977711" s="10"/>
    </row>
    <row r="977712" spans="14:14">
      <c r="N977712" s="10"/>
    </row>
    <row r="977713" spans="14:14">
      <c r="N977713" s="10"/>
    </row>
    <row r="977714" spans="14:14">
      <c r="N977714" s="10"/>
    </row>
    <row r="977715" spans="14:14">
      <c r="N977715" s="10"/>
    </row>
    <row r="977716" spans="14:14">
      <c r="N977716" s="10"/>
    </row>
    <row r="977717" spans="14:14">
      <c r="N977717" s="10"/>
    </row>
    <row r="977718" spans="14:14">
      <c r="N977718" s="10"/>
    </row>
    <row r="977719" spans="14:14">
      <c r="N977719" s="10"/>
    </row>
    <row r="977720" spans="14:14">
      <c r="N977720" s="10"/>
    </row>
    <row r="977721" spans="14:14">
      <c r="N977721" s="10"/>
    </row>
    <row r="977722" spans="14:14">
      <c r="N977722" s="10"/>
    </row>
    <row r="977723" spans="14:14">
      <c r="N977723" s="10"/>
    </row>
    <row r="977724" spans="14:14">
      <c r="N977724" s="10"/>
    </row>
    <row r="977725" spans="14:14">
      <c r="N977725" s="10"/>
    </row>
    <row r="977726" spans="14:14">
      <c r="N977726" s="10"/>
    </row>
    <row r="977727" spans="14:14">
      <c r="N977727" s="10"/>
    </row>
    <row r="977728" spans="14:14">
      <c r="N977728" s="10"/>
    </row>
    <row r="977729" spans="14:14">
      <c r="N977729" s="10"/>
    </row>
    <row r="977730" spans="14:14">
      <c r="N977730" s="10"/>
    </row>
    <row r="977731" spans="14:14">
      <c r="N977731" s="10"/>
    </row>
    <row r="977732" spans="14:14">
      <c r="N977732" s="10"/>
    </row>
    <row r="977733" spans="14:14">
      <c r="N977733" s="10"/>
    </row>
    <row r="977734" spans="14:14">
      <c r="N977734" s="10"/>
    </row>
    <row r="977735" spans="14:14">
      <c r="N977735" s="10"/>
    </row>
    <row r="977736" spans="14:14">
      <c r="N977736" s="10"/>
    </row>
    <row r="977737" spans="14:14">
      <c r="N977737" s="10"/>
    </row>
    <row r="977738" spans="14:14">
      <c r="N977738" s="10"/>
    </row>
    <row r="977739" spans="14:14">
      <c r="N977739" s="10"/>
    </row>
    <row r="977740" spans="14:14">
      <c r="N977740" s="10"/>
    </row>
    <row r="977741" spans="14:14">
      <c r="N977741" s="10"/>
    </row>
    <row r="977742" spans="14:14">
      <c r="N977742" s="10"/>
    </row>
    <row r="977743" spans="14:14">
      <c r="N977743" s="10"/>
    </row>
    <row r="977744" spans="14:14">
      <c r="N977744" s="10"/>
    </row>
    <row r="977745" spans="14:14">
      <c r="N977745" s="10"/>
    </row>
    <row r="977746" spans="14:14">
      <c r="N977746" s="10"/>
    </row>
    <row r="977747" spans="14:14">
      <c r="N977747" s="10"/>
    </row>
    <row r="977748" spans="14:14">
      <c r="N977748" s="10"/>
    </row>
    <row r="977749" spans="14:14">
      <c r="N977749" s="10"/>
    </row>
    <row r="977750" spans="14:14">
      <c r="N977750" s="10"/>
    </row>
    <row r="977751" spans="14:14">
      <c r="N977751" s="10"/>
    </row>
    <row r="977752" spans="14:14">
      <c r="N977752" s="10"/>
    </row>
    <row r="977753" spans="14:14">
      <c r="N977753" s="10"/>
    </row>
    <row r="977754" spans="14:14">
      <c r="N977754" s="10"/>
    </row>
    <row r="977755" spans="14:14">
      <c r="N977755" s="10"/>
    </row>
    <row r="977756" spans="14:14">
      <c r="N977756" s="10"/>
    </row>
    <row r="977757" spans="14:14">
      <c r="N977757" s="10"/>
    </row>
    <row r="977758" spans="14:14">
      <c r="N977758" s="10"/>
    </row>
    <row r="977759" spans="14:14">
      <c r="N977759" s="10"/>
    </row>
    <row r="977760" spans="14:14">
      <c r="N977760" s="10"/>
    </row>
    <row r="977761" spans="14:14">
      <c r="N977761" s="10"/>
    </row>
    <row r="977762" spans="14:14">
      <c r="N977762" s="10"/>
    </row>
    <row r="977763" spans="14:14">
      <c r="N977763" s="10"/>
    </row>
    <row r="977764" spans="14:14">
      <c r="N977764" s="10"/>
    </row>
    <row r="977765" spans="14:14">
      <c r="N977765" s="10"/>
    </row>
    <row r="977766" spans="14:14">
      <c r="N977766" s="10"/>
    </row>
    <row r="977767" spans="14:14">
      <c r="N977767" s="10"/>
    </row>
    <row r="977768" spans="14:14">
      <c r="N977768" s="10"/>
    </row>
    <row r="977769" spans="14:14">
      <c r="N977769" s="10"/>
    </row>
    <row r="977770" spans="14:14">
      <c r="N977770" s="10"/>
    </row>
    <row r="977771" spans="14:14">
      <c r="N977771" s="10"/>
    </row>
    <row r="977772" spans="14:14">
      <c r="N977772" s="10"/>
    </row>
    <row r="977773" spans="14:14">
      <c r="N977773" s="10"/>
    </row>
    <row r="977774" spans="14:14">
      <c r="N977774" s="10"/>
    </row>
    <row r="977775" spans="14:14">
      <c r="N977775" s="10"/>
    </row>
    <row r="977776" spans="14:14">
      <c r="N977776" s="10"/>
    </row>
    <row r="977777" spans="14:14">
      <c r="N977777" s="10"/>
    </row>
    <row r="977778" spans="14:14">
      <c r="N977778" s="10"/>
    </row>
    <row r="977779" spans="14:14">
      <c r="N977779" s="10"/>
    </row>
    <row r="977780" spans="14:14">
      <c r="N977780" s="10"/>
    </row>
    <row r="977781" spans="14:14">
      <c r="N977781" s="10"/>
    </row>
    <row r="977782" spans="14:14">
      <c r="N977782" s="10"/>
    </row>
    <row r="977783" spans="14:14">
      <c r="N977783" s="10"/>
    </row>
    <row r="977784" spans="14:14">
      <c r="N977784" s="10"/>
    </row>
    <row r="977785" spans="14:14">
      <c r="N977785" s="10"/>
    </row>
    <row r="977786" spans="14:14">
      <c r="N977786" s="10"/>
    </row>
    <row r="977787" spans="14:14">
      <c r="N977787" s="10"/>
    </row>
    <row r="977788" spans="14:14">
      <c r="N977788" s="10"/>
    </row>
    <row r="977789" spans="14:14">
      <c r="N977789" s="10"/>
    </row>
    <row r="977790" spans="14:14">
      <c r="N977790" s="10"/>
    </row>
    <row r="977791" spans="14:14">
      <c r="N977791" s="10"/>
    </row>
    <row r="977792" spans="14:14">
      <c r="N977792" s="10"/>
    </row>
    <row r="977793" spans="14:14">
      <c r="N977793" s="10"/>
    </row>
    <row r="977794" spans="14:14">
      <c r="N977794" s="10"/>
    </row>
    <row r="977795" spans="14:14">
      <c r="N977795" s="10"/>
    </row>
    <row r="977796" spans="14:14">
      <c r="N977796" s="10"/>
    </row>
    <row r="977797" spans="14:14">
      <c r="N977797" s="10"/>
    </row>
    <row r="977798" spans="14:14">
      <c r="N977798" s="10"/>
    </row>
    <row r="977799" spans="14:14">
      <c r="N977799" s="10"/>
    </row>
    <row r="977800" spans="14:14">
      <c r="N977800" s="10"/>
    </row>
    <row r="977801" spans="14:14">
      <c r="N977801" s="10"/>
    </row>
    <row r="977802" spans="14:14">
      <c r="N977802" s="10"/>
    </row>
    <row r="977803" spans="14:14">
      <c r="N977803" s="10"/>
    </row>
    <row r="977804" spans="14:14">
      <c r="N977804" s="10"/>
    </row>
    <row r="977805" spans="14:14">
      <c r="N977805" s="10"/>
    </row>
    <row r="977806" spans="14:14">
      <c r="N977806" s="10"/>
    </row>
    <row r="977807" spans="14:14">
      <c r="N977807" s="10"/>
    </row>
    <row r="977808" spans="14:14">
      <c r="N977808" s="10"/>
    </row>
    <row r="977809" spans="14:14">
      <c r="N977809" s="10"/>
    </row>
    <row r="977810" spans="14:14">
      <c r="N977810" s="10"/>
    </row>
    <row r="977811" spans="14:14">
      <c r="N977811" s="10"/>
    </row>
    <row r="977812" spans="14:14">
      <c r="N977812" s="10"/>
    </row>
    <row r="977813" spans="14:14">
      <c r="N977813" s="10"/>
    </row>
    <row r="977814" spans="14:14">
      <c r="N977814" s="10"/>
    </row>
    <row r="977815" spans="14:14">
      <c r="N977815" s="10"/>
    </row>
    <row r="977816" spans="14:14">
      <c r="N977816" s="10"/>
    </row>
    <row r="977817" spans="14:14">
      <c r="N977817" s="10"/>
    </row>
    <row r="977818" spans="14:14">
      <c r="N977818" s="10"/>
    </row>
    <row r="977819" spans="14:14">
      <c r="N977819" s="10"/>
    </row>
    <row r="977820" spans="14:14">
      <c r="N977820" s="10"/>
    </row>
    <row r="977821" spans="14:14">
      <c r="N977821" s="10"/>
    </row>
    <row r="977822" spans="14:14">
      <c r="N977822" s="10"/>
    </row>
    <row r="977823" spans="14:14">
      <c r="N977823" s="10"/>
    </row>
    <row r="977824" spans="14:14">
      <c r="N977824" s="10"/>
    </row>
    <row r="977825" spans="14:14">
      <c r="N977825" s="10"/>
    </row>
    <row r="977826" spans="14:14">
      <c r="N977826" s="10"/>
    </row>
    <row r="977827" spans="14:14">
      <c r="N977827" s="10"/>
    </row>
    <row r="977828" spans="14:14">
      <c r="N977828" s="10"/>
    </row>
    <row r="977829" spans="14:14">
      <c r="N977829" s="10"/>
    </row>
    <row r="977830" spans="14:14">
      <c r="N977830" s="10"/>
    </row>
    <row r="977831" spans="14:14">
      <c r="N977831" s="10"/>
    </row>
    <row r="977832" spans="14:14">
      <c r="N977832" s="10"/>
    </row>
    <row r="977833" spans="14:14">
      <c r="N977833" s="10"/>
    </row>
    <row r="977834" spans="14:14">
      <c r="N977834" s="10"/>
    </row>
    <row r="977835" spans="14:14">
      <c r="N977835" s="10"/>
    </row>
    <row r="977836" spans="14:14">
      <c r="N977836" s="10"/>
    </row>
    <row r="977837" spans="14:14">
      <c r="N977837" s="10"/>
    </row>
    <row r="977838" spans="14:14">
      <c r="N977838" s="10"/>
    </row>
    <row r="977839" spans="14:14">
      <c r="N977839" s="10"/>
    </row>
    <row r="977840" spans="14:14">
      <c r="N977840" s="10"/>
    </row>
    <row r="977841" spans="14:14">
      <c r="N977841" s="10"/>
    </row>
    <row r="977842" spans="14:14">
      <c r="N977842" s="10"/>
    </row>
    <row r="977843" spans="14:14">
      <c r="N977843" s="10"/>
    </row>
    <row r="977844" spans="14:14">
      <c r="N977844" s="10"/>
    </row>
    <row r="977845" spans="14:14">
      <c r="N977845" s="10"/>
    </row>
    <row r="977846" spans="14:14">
      <c r="N977846" s="10"/>
    </row>
    <row r="977847" spans="14:14">
      <c r="N977847" s="10"/>
    </row>
    <row r="977848" spans="14:14">
      <c r="N977848" s="10"/>
    </row>
    <row r="977849" spans="14:14">
      <c r="N977849" s="10"/>
    </row>
    <row r="977850" spans="14:14">
      <c r="N977850" s="10"/>
    </row>
    <row r="977851" spans="14:14">
      <c r="N977851" s="10"/>
    </row>
    <row r="977852" spans="14:14">
      <c r="N977852" s="10"/>
    </row>
    <row r="977853" spans="14:14">
      <c r="N977853" s="10"/>
    </row>
    <row r="977854" spans="14:14">
      <c r="N977854" s="10"/>
    </row>
    <row r="977855" spans="14:14">
      <c r="N977855" s="10"/>
    </row>
    <row r="977856" spans="14:14">
      <c r="N977856" s="10"/>
    </row>
    <row r="977857" spans="14:14">
      <c r="N977857" s="10"/>
    </row>
    <row r="977858" spans="14:14">
      <c r="N977858" s="10"/>
    </row>
    <row r="977859" spans="14:14">
      <c r="N977859" s="10"/>
    </row>
    <row r="977860" spans="14:14">
      <c r="N977860" s="10"/>
    </row>
    <row r="977861" spans="14:14">
      <c r="N977861" s="10"/>
    </row>
    <row r="977862" spans="14:14">
      <c r="N977862" s="10"/>
    </row>
    <row r="977863" spans="14:14">
      <c r="N977863" s="10"/>
    </row>
    <row r="977864" spans="14:14">
      <c r="N977864" s="10"/>
    </row>
    <row r="977865" spans="14:14">
      <c r="N977865" s="10"/>
    </row>
    <row r="977866" spans="14:14">
      <c r="N977866" s="10"/>
    </row>
    <row r="977867" spans="14:14">
      <c r="N977867" s="10"/>
    </row>
    <row r="977868" spans="14:14">
      <c r="N977868" s="10"/>
    </row>
    <row r="977869" spans="14:14">
      <c r="N977869" s="10"/>
    </row>
    <row r="977870" spans="14:14">
      <c r="N977870" s="10"/>
    </row>
    <row r="977871" spans="14:14">
      <c r="N977871" s="10"/>
    </row>
    <row r="977872" spans="14:14">
      <c r="N977872" s="10"/>
    </row>
    <row r="977873" spans="14:14">
      <c r="N977873" s="10"/>
    </row>
    <row r="977874" spans="14:14">
      <c r="N977874" s="10"/>
    </row>
    <row r="977875" spans="14:14">
      <c r="N977875" s="10"/>
    </row>
    <row r="977876" spans="14:14">
      <c r="N977876" s="10"/>
    </row>
    <row r="977877" spans="14:14">
      <c r="N977877" s="10"/>
    </row>
    <row r="977878" spans="14:14">
      <c r="N977878" s="10"/>
    </row>
    <row r="977879" spans="14:14">
      <c r="N977879" s="10"/>
    </row>
    <row r="977880" spans="14:14">
      <c r="N977880" s="10"/>
    </row>
    <row r="977881" spans="14:14">
      <c r="N977881" s="10"/>
    </row>
    <row r="977882" spans="14:14">
      <c r="N977882" s="10"/>
    </row>
    <row r="977883" spans="14:14">
      <c r="N977883" s="10"/>
    </row>
    <row r="977884" spans="14:14">
      <c r="N977884" s="10"/>
    </row>
    <row r="977885" spans="14:14">
      <c r="N977885" s="10"/>
    </row>
    <row r="977886" spans="14:14">
      <c r="N977886" s="10"/>
    </row>
    <row r="977887" spans="14:14">
      <c r="N977887" s="10"/>
    </row>
    <row r="977888" spans="14:14">
      <c r="N977888" s="10"/>
    </row>
    <row r="977889" spans="14:14">
      <c r="N977889" s="10"/>
    </row>
    <row r="977890" spans="14:14">
      <c r="N977890" s="10"/>
    </row>
    <row r="977891" spans="14:14">
      <c r="N977891" s="10"/>
    </row>
    <row r="977892" spans="14:14">
      <c r="N977892" s="10"/>
    </row>
    <row r="977893" spans="14:14">
      <c r="N977893" s="10"/>
    </row>
    <row r="977894" spans="14:14">
      <c r="N977894" s="10"/>
    </row>
    <row r="977895" spans="14:14">
      <c r="N977895" s="10"/>
    </row>
    <row r="977896" spans="14:14">
      <c r="N977896" s="10"/>
    </row>
    <row r="977897" spans="14:14">
      <c r="N977897" s="10"/>
    </row>
    <row r="977898" spans="14:14">
      <c r="N977898" s="10"/>
    </row>
    <row r="977899" spans="14:14">
      <c r="N977899" s="10"/>
    </row>
    <row r="977900" spans="14:14">
      <c r="N977900" s="10"/>
    </row>
    <row r="977901" spans="14:14">
      <c r="N977901" s="10"/>
    </row>
    <row r="977902" spans="14:14">
      <c r="N977902" s="10"/>
    </row>
    <row r="977903" spans="14:14">
      <c r="N977903" s="10"/>
    </row>
    <row r="977904" spans="14:14">
      <c r="N977904" s="10"/>
    </row>
    <row r="977905" spans="14:14">
      <c r="N977905" s="10"/>
    </row>
    <row r="977906" spans="14:14">
      <c r="N977906" s="10"/>
    </row>
    <row r="977907" spans="14:14">
      <c r="N977907" s="10"/>
    </row>
    <row r="977908" spans="14:14">
      <c r="N977908" s="10"/>
    </row>
    <row r="977909" spans="14:14">
      <c r="N977909" s="10"/>
    </row>
    <row r="977910" spans="14:14">
      <c r="N977910" s="10"/>
    </row>
    <row r="977911" spans="14:14">
      <c r="N977911" s="10"/>
    </row>
    <row r="977912" spans="14:14">
      <c r="N977912" s="10"/>
    </row>
    <row r="977913" spans="14:14">
      <c r="N977913" s="10"/>
    </row>
    <row r="977914" spans="14:14">
      <c r="N977914" s="10"/>
    </row>
    <row r="977915" spans="14:14">
      <c r="N977915" s="10"/>
    </row>
    <row r="977916" spans="14:14">
      <c r="N977916" s="10"/>
    </row>
    <row r="977917" spans="14:14">
      <c r="N977917" s="10"/>
    </row>
    <row r="977918" spans="14:14">
      <c r="N977918" s="10"/>
    </row>
    <row r="977919" spans="14:14">
      <c r="N977919" s="10"/>
    </row>
    <row r="977920" spans="14:14">
      <c r="N977920" s="10"/>
    </row>
    <row r="977921" spans="14:14">
      <c r="N977921" s="10"/>
    </row>
    <row r="977922" spans="14:14">
      <c r="N977922" s="10"/>
    </row>
    <row r="977923" spans="14:14">
      <c r="N977923" s="10"/>
    </row>
    <row r="977924" spans="14:14">
      <c r="N977924" s="10"/>
    </row>
    <row r="977925" spans="14:14">
      <c r="N977925" s="10"/>
    </row>
    <row r="977926" spans="14:14">
      <c r="N977926" s="10"/>
    </row>
    <row r="977927" spans="14:14">
      <c r="N977927" s="10"/>
    </row>
    <row r="977928" spans="14:14">
      <c r="N977928" s="10"/>
    </row>
    <row r="977929" spans="14:14">
      <c r="N977929" s="10"/>
    </row>
    <row r="977930" spans="14:14">
      <c r="N977930" s="10"/>
    </row>
    <row r="977931" spans="14:14">
      <c r="N977931" s="10"/>
    </row>
    <row r="977932" spans="14:14">
      <c r="N977932" s="10"/>
    </row>
    <row r="977933" spans="14:14">
      <c r="N977933" s="10"/>
    </row>
    <row r="977934" spans="14:14">
      <c r="N977934" s="10"/>
    </row>
    <row r="977935" spans="14:14">
      <c r="N977935" s="10"/>
    </row>
    <row r="977936" spans="14:14">
      <c r="N977936" s="10"/>
    </row>
    <row r="977937" spans="14:14">
      <c r="N977937" s="10"/>
    </row>
    <row r="977938" spans="14:14">
      <c r="N977938" s="10"/>
    </row>
    <row r="977939" spans="14:14">
      <c r="N977939" s="10"/>
    </row>
    <row r="977940" spans="14:14">
      <c r="N977940" s="10"/>
    </row>
    <row r="977941" spans="14:14">
      <c r="N977941" s="10"/>
    </row>
    <row r="977942" spans="14:14">
      <c r="N977942" s="10"/>
    </row>
    <row r="977943" spans="14:14">
      <c r="N977943" s="10"/>
    </row>
    <row r="977944" spans="14:14">
      <c r="N977944" s="10"/>
    </row>
    <row r="977945" spans="14:14">
      <c r="N977945" s="10"/>
    </row>
    <row r="977946" spans="14:14">
      <c r="N977946" s="10"/>
    </row>
    <row r="977947" spans="14:14">
      <c r="N977947" s="10"/>
    </row>
    <row r="977948" spans="14:14">
      <c r="N977948" s="10"/>
    </row>
    <row r="977949" spans="14:14">
      <c r="N977949" s="10"/>
    </row>
    <row r="977950" spans="14:14">
      <c r="N977950" s="10"/>
    </row>
    <row r="977951" spans="14:14">
      <c r="N977951" s="10"/>
    </row>
    <row r="977952" spans="14:14">
      <c r="N977952" s="10"/>
    </row>
    <row r="977953" spans="14:14">
      <c r="N977953" s="10"/>
    </row>
    <row r="977954" spans="14:14">
      <c r="N977954" s="10"/>
    </row>
    <row r="977955" spans="14:14">
      <c r="N977955" s="10"/>
    </row>
    <row r="977956" spans="14:14">
      <c r="N977956" s="10"/>
    </row>
    <row r="977957" spans="14:14">
      <c r="N977957" s="10"/>
    </row>
    <row r="977958" spans="14:14">
      <c r="N977958" s="10"/>
    </row>
    <row r="977959" spans="14:14">
      <c r="N977959" s="10"/>
    </row>
    <row r="977960" spans="14:14">
      <c r="N977960" s="10"/>
    </row>
    <row r="977961" spans="14:14">
      <c r="N977961" s="10"/>
    </row>
    <row r="977962" spans="14:14">
      <c r="N977962" s="10"/>
    </row>
    <row r="977963" spans="14:14">
      <c r="N977963" s="10"/>
    </row>
    <row r="977964" spans="14:14">
      <c r="N977964" s="10"/>
    </row>
    <row r="977965" spans="14:14">
      <c r="N977965" s="10"/>
    </row>
    <row r="977966" spans="14:14">
      <c r="N977966" s="10"/>
    </row>
    <row r="977967" spans="14:14">
      <c r="N977967" s="10"/>
    </row>
    <row r="977968" spans="14:14">
      <c r="N977968" s="10"/>
    </row>
    <row r="977969" spans="14:14">
      <c r="N977969" s="10"/>
    </row>
    <row r="977970" spans="14:14">
      <c r="N977970" s="10"/>
    </row>
    <row r="977971" spans="14:14">
      <c r="N977971" s="10"/>
    </row>
    <row r="977972" spans="14:14">
      <c r="N977972" s="10"/>
    </row>
    <row r="977973" spans="14:14">
      <c r="N977973" s="10"/>
    </row>
    <row r="977974" spans="14:14">
      <c r="N977974" s="10"/>
    </row>
    <row r="977975" spans="14:14">
      <c r="N977975" s="10"/>
    </row>
    <row r="977976" spans="14:14">
      <c r="N977976" s="10"/>
    </row>
    <row r="977977" spans="14:14">
      <c r="N977977" s="10"/>
    </row>
    <row r="977978" spans="14:14">
      <c r="N977978" s="10"/>
    </row>
    <row r="977979" spans="14:14">
      <c r="N977979" s="10"/>
    </row>
    <row r="977980" spans="14:14">
      <c r="N977980" s="10"/>
    </row>
    <row r="977981" spans="14:14">
      <c r="N977981" s="10"/>
    </row>
    <row r="977982" spans="14:14">
      <c r="N977982" s="10"/>
    </row>
    <row r="977983" spans="14:14">
      <c r="N977983" s="10"/>
    </row>
    <row r="977984" spans="14:14">
      <c r="N977984" s="10"/>
    </row>
    <row r="977985" spans="14:14">
      <c r="N977985" s="10"/>
    </row>
    <row r="977986" spans="14:14">
      <c r="N977986" s="10"/>
    </row>
    <row r="977987" spans="14:14">
      <c r="N977987" s="10"/>
    </row>
    <row r="977988" spans="14:14">
      <c r="N977988" s="10"/>
    </row>
    <row r="977989" spans="14:14">
      <c r="N977989" s="10"/>
    </row>
    <row r="977990" spans="14:14">
      <c r="N977990" s="10"/>
    </row>
    <row r="977991" spans="14:14">
      <c r="N977991" s="10"/>
    </row>
    <row r="977992" spans="14:14">
      <c r="N977992" s="10"/>
    </row>
    <row r="977993" spans="14:14">
      <c r="N977993" s="10"/>
    </row>
    <row r="977994" spans="14:14">
      <c r="N977994" s="10"/>
    </row>
    <row r="977995" spans="14:14">
      <c r="N977995" s="10"/>
    </row>
    <row r="977996" spans="14:14">
      <c r="N977996" s="10"/>
    </row>
    <row r="977997" spans="14:14">
      <c r="N977997" s="10"/>
    </row>
    <row r="977998" spans="14:14">
      <c r="N977998" s="10"/>
    </row>
    <row r="977999" spans="14:14">
      <c r="N977999" s="10"/>
    </row>
    <row r="978000" spans="14:14">
      <c r="N978000" s="10"/>
    </row>
    <row r="978001" spans="14:14">
      <c r="N978001" s="10"/>
    </row>
    <row r="978002" spans="14:14">
      <c r="N978002" s="10"/>
    </row>
    <row r="978003" spans="14:14">
      <c r="N978003" s="10"/>
    </row>
    <row r="978004" spans="14:14">
      <c r="N978004" s="10"/>
    </row>
    <row r="978005" spans="14:14">
      <c r="N978005" s="10"/>
    </row>
    <row r="978006" spans="14:14">
      <c r="N978006" s="10"/>
    </row>
    <row r="978007" spans="14:14">
      <c r="N978007" s="10"/>
    </row>
    <row r="978008" spans="14:14">
      <c r="N978008" s="10"/>
    </row>
    <row r="978009" spans="14:14">
      <c r="N978009" s="10"/>
    </row>
    <row r="978010" spans="14:14">
      <c r="N978010" s="10"/>
    </row>
    <row r="978011" spans="14:14">
      <c r="N978011" s="10"/>
    </row>
    <row r="978012" spans="14:14">
      <c r="N978012" s="10"/>
    </row>
    <row r="978013" spans="14:14">
      <c r="N978013" s="10"/>
    </row>
    <row r="978014" spans="14:14">
      <c r="N978014" s="10"/>
    </row>
    <row r="978015" spans="14:14">
      <c r="N978015" s="10"/>
    </row>
    <row r="978016" spans="14:14">
      <c r="N978016" s="10"/>
    </row>
    <row r="978017" spans="14:14">
      <c r="N978017" s="10"/>
    </row>
    <row r="978018" spans="14:14">
      <c r="N978018" s="10"/>
    </row>
    <row r="978019" spans="14:14">
      <c r="N978019" s="10"/>
    </row>
    <row r="978020" spans="14:14">
      <c r="N978020" s="10"/>
    </row>
    <row r="978021" spans="14:14">
      <c r="N978021" s="10"/>
    </row>
    <row r="978022" spans="14:14">
      <c r="N978022" s="10"/>
    </row>
    <row r="978023" spans="14:14">
      <c r="N978023" s="10"/>
    </row>
    <row r="978024" spans="14:14">
      <c r="N978024" s="10"/>
    </row>
    <row r="978025" spans="14:14">
      <c r="N978025" s="10"/>
    </row>
    <row r="978026" spans="14:14">
      <c r="N978026" s="10"/>
    </row>
    <row r="978027" spans="14:14">
      <c r="N978027" s="10"/>
    </row>
    <row r="978028" spans="14:14">
      <c r="N978028" s="10"/>
    </row>
    <row r="978029" spans="14:14">
      <c r="N978029" s="10"/>
    </row>
    <row r="978030" spans="14:14">
      <c r="N978030" s="10"/>
    </row>
    <row r="978031" spans="14:14">
      <c r="N978031" s="10"/>
    </row>
    <row r="978032" spans="14:14">
      <c r="N978032" s="10"/>
    </row>
    <row r="978033" spans="14:14">
      <c r="N978033" s="10"/>
    </row>
    <row r="978034" spans="14:14">
      <c r="N978034" s="10"/>
    </row>
    <row r="978035" spans="14:14">
      <c r="N978035" s="10"/>
    </row>
    <row r="978036" spans="14:14">
      <c r="N978036" s="10"/>
    </row>
    <row r="978037" spans="14:14">
      <c r="N978037" s="10"/>
    </row>
    <row r="978038" spans="14:14">
      <c r="N978038" s="10"/>
    </row>
    <row r="978039" spans="14:14">
      <c r="N978039" s="10"/>
    </row>
    <row r="978040" spans="14:14">
      <c r="N978040" s="10"/>
    </row>
    <row r="978041" spans="14:14">
      <c r="N978041" s="10"/>
    </row>
    <row r="978042" spans="14:14">
      <c r="N978042" s="10"/>
    </row>
    <row r="978043" spans="14:14">
      <c r="N978043" s="10"/>
    </row>
    <row r="978044" spans="14:14">
      <c r="N978044" s="10"/>
    </row>
    <row r="978045" spans="14:14">
      <c r="N978045" s="10"/>
    </row>
    <row r="978046" spans="14:14">
      <c r="N978046" s="10"/>
    </row>
    <row r="978047" spans="14:14">
      <c r="N978047" s="10"/>
    </row>
    <row r="978048" spans="14:14">
      <c r="N978048" s="10"/>
    </row>
    <row r="978049" spans="14:14">
      <c r="N978049" s="10"/>
    </row>
    <row r="978050" spans="14:14">
      <c r="N978050" s="10"/>
    </row>
    <row r="978051" spans="14:14">
      <c r="N978051" s="10"/>
    </row>
    <row r="978052" spans="14:14">
      <c r="N978052" s="10"/>
    </row>
    <row r="978053" spans="14:14">
      <c r="N978053" s="10"/>
    </row>
    <row r="978054" spans="14:14">
      <c r="N978054" s="10"/>
    </row>
    <row r="978055" spans="14:14">
      <c r="N978055" s="10"/>
    </row>
    <row r="978056" spans="14:14">
      <c r="N978056" s="10"/>
    </row>
    <row r="978057" spans="14:14">
      <c r="N978057" s="10"/>
    </row>
    <row r="978058" spans="14:14">
      <c r="N978058" s="10"/>
    </row>
    <row r="978059" spans="14:14">
      <c r="N978059" s="10"/>
    </row>
    <row r="978060" spans="14:14">
      <c r="N978060" s="10"/>
    </row>
    <row r="978061" spans="14:14">
      <c r="N978061" s="10"/>
    </row>
    <row r="978062" spans="14:14">
      <c r="N978062" s="10"/>
    </row>
    <row r="978063" spans="14:14">
      <c r="N978063" s="10"/>
    </row>
    <row r="978064" spans="14:14">
      <c r="N978064" s="10"/>
    </row>
    <row r="978065" spans="14:14">
      <c r="N978065" s="10"/>
    </row>
    <row r="978066" spans="14:14">
      <c r="N978066" s="10"/>
    </row>
    <row r="978067" spans="14:14">
      <c r="N978067" s="10"/>
    </row>
    <row r="978068" spans="14:14">
      <c r="N978068" s="10"/>
    </row>
    <row r="978069" spans="14:14">
      <c r="N978069" s="10"/>
    </row>
    <row r="978070" spans="14:14">
      <c r="N978070" s="10"/>
    </row>
    <row r="978071" spans="14:14">
      <c r="N978071" s="10"/>
    </row>
    <row r="978072" spans="14:14">
      <c r="N978072" s="10"/>
    </row>
    <row r="978073" spans="14:14">
      <c r="N978073" s="10"/>
    </row>
    <row r="978074" spans="14:14">
      <c r="N978074" s="10"/>
    </row>
    <row r="978075" spans="14:14">
      <c r="N978075" s="10"/>
    </row>
    <row r="978076" spans="14:14">
      <c r="N978076" s="10"/>
    </row>
    <row r="978077" spans="14:14">
      <c r="N978077" s="10"/>
    </row>
    <row r="978078" spans="14:14">
      <c r="N978078" s="10"/>
    </row>
    <row r="978079" spans="14:14">
      <c r="N978079" s="10"/>
    </row>
    <row r="978080" spans="14:14">
      <c r="N978080" s="10"/>
    </row>
    <row r="978081" spans="14:14">
      <c r="N978081" s="10"/>
    </row>
    <row r="978082" spans="14:14">
      <c r="N978082" s="10"/>
    </row>
    <row r="978083" spans="14:14">
      <c r="N978083" s="10"/>
    </row>
    <row r="978084" spans="14:14">
      <c r="N978084" s="10"/>
    </row>
    <row r="978085" spans="14:14">
      <c r="N978085" s="10"/>
    </row>
    <row r="978086" spans="14:14">
      <c r="N978086" s="10"/>
    </row>
    <row r="978087" spans="14:14">
      <c r="N978087" s="10"/>
    </row>
    <row r="978088" spans="14:14">
      <c r="N978088" s="10"/>
    </row>
    <row r="978089" spans="14:14">
      <c r="N978089" s="10"/>
    </row>
    <row r="978090" spans="14:14">
      <c r="N978090" s="10"/>
    </row>
    <row r="978091" spans="14:14">
      <c r="N978091" s="10"/>
    </row>
    <row r="978092" spans="14:14">
      <c r="N978092" s="10"/>
    </row>
    <row r="978093" spans="14:14">
      <c r="N978093" s="10"/>
    </row>
    <row r="978094" spans="14:14">
      <c r="N978094" s="10"/>
    </row>
    <row r="978095" spans="14:14">
      <c r="N978095" s="10"/>
    </row>
    <row r="978096" spans="14:14">
      <c r="N978096" s="10"/>
    </row>
    <row r="978097" spans="14:14">
      <c r="N978097" s="10"/>
    </row>
    <row r="978098" spans="14:14">
      <c r="N978098" s="10"/>
    </row>
    <row r="978099" spans="14:14">
      <c r="N978099" s="10"/>
    </row>
    <row r="978100" spans="14:14">
      <c r="N978100" s="10"/>
    </row>
    <row r="978101" spans="14:14">
      <c r="N978101" s="10"/>
    </row>
    <row r="978102" spans="14:14">
      <c r="N978102" s="10"/>
    </row>
    <row r="978103" spans="14:14">
      <c r="N978103" s="10"/>
    </row>
    <row r="978104" spans="14:14">
      <c r="N978104" s="10"/>
    </row>
    <row r="978105" spans="14:14">
      <c r="N978105" s="10"/>
    </row>
    <row r="978106" spans="14:14">
      <c r="N978106" s="10"/>
    </row>
    <row r="978107" spans="14:14">
      <c r="N978107" s="10"/>
    </row>
    <row r="978108" spans="14:14">
      <c r="N978108" s="10"/>
    </row>
    <row r="978109" spans="14:14">
      <c r="N978109" s="10"/>
    </row>
    <row r="978110" spans="14:14">
      <c r="N978110" s="10"/>
    </row>
    <row r="978111" spans="14:14">
      <c r="N978111" s="10"/>
    </row>
    <row r="978112" spans="14:14">
      <c r="N978112" s="10"/>
    </row>
    <row r="978113" spans="14:14">
      <c r="N978113" s="10"/>
    </row>
    <row r="978114" spans="14:14">
      <c r="N978114" s="10"/>
    </row>
    <row r="978115" spans="14:14">
      <c r="N978115" s="10"/>
    </row>
    <row r="978116" spans="14:14">
      <c r="N978116" s="10"/>
    </row>
    <row r="978117" spans="14:14">
      <c r="N978117" s="10"/>
    </row>
    <row r="978118" spans="14:14">
      <c r="N978118" s="10"/>
    </row>
    <row r="978119" spans="14:14">
      <c r="N978119" s="10"/>
    </row>
    <row r="978120" spans="14:14">
      <c r="N978120" s="10"/>
    </row>
    <row r="978121" spans="14:14">
      <c r="N978121" s="10"/>
    </row>
    <row r="978122" spans="14:14">
      <c r="N978122" s="10"/>
    </row>
    <row r="978123" spans="14:14">
      <c r="N978123" s="10"/>
    </row>
    <row r="978124" spans="14:14">
      <c r="N978124" s="10"/>
    </row>
    <row r="978125" spans="14:14">
      <c r="N978125" s="10"/>
    </row>
    <row r="978126" spans="14:14">
      <c r="N978126" s="10"/>
    </row>
    <row r="978127" spans="14:14">
      <c r="N978127" s="10"/>
    </row>
    <row r="978128" spans="14:14">
      <c r="N978128" s="10"/>
    </row>
    <row r="978129" spans="14:14">
      <c r="N978129" s="10"/>
    </row>
    <row r="978130" spans="14:14">
      <c r="N978130" s="10"/>
    </row>
    <row r="978131" spans="14:14">
      <c r="N978131" s="10"/>
    </row>
    <row r="978132" spans="14:14">
      <c r="N978132" s="10"/>
    </row>
    <row r="978133" spans="14:14">
      <c r="N978133" s="10"/>
    </row>
    <row r="978134" spans="14:14">
      <c r="N978134" s="10"/>
    </row>
    <row r="978135" spans="14:14">
      <c r="N978135" s="10"/>
    </row>
    <row r="978136" spans="14:14">
      <c r="N978136" s="10"/>
    </row>
    <row r="978137" spans="14:14">
      <c r="N978137" s="10"/>
    </row>
    <row r="978138" spans="14:14">
      <c r="N978138" s="10"/>
    </row>
    <row r="978139" spans="14:14">
      <c r="N978139" s="10"/>
    </row>
    <row r="978140" spans="14:14">
      <c r="N978140" s="10"/>
    </row>
    <row r="978141" spans="14:14">
      <c r="N978141" s="10"/>
    </row>
    <row r="978142" spans="14:14">
      <c r="N978142" s="10"/>
    </row>
    <row r="978143" spans="14:14">
      <c r="N978143" s="10"/>
    </row>
    <row r="978144" spans="14:14">
      <c r="N978144" s="10"/>
    </row>
    <row r="978145" spans="14:14">
      <c r="N978145" s="10"/>
    </row>
    <row r="978146" spans="14:14">
      <c r="N978146" s="10"/>
    </row>
    <row r="978147" spans="14:14">
      <c r="N978147" s="10"/>
    </row>
    <row r="978148" spans="14:14">
      <c r="N978148" s="10"/>
    </row>
    <row r="978149" spans="14:14">
      <c r="N978149" s="10"/>
    </row>
    <row r="978150" spans="14:14">
      <c r="N978150" s="10"/>
    </row>
    <row r="978151" spans="14:14">
      <c r="N978151" s="10"/>
    </row>
    <row r="978152" spans="14:14">
      <c r="N978152" s="10"/>
    </row>
    <row r="978153" spans="14:14">
      <c r="N978153" s="10"/>
    </row>
    <row r="978154" spans="14:14">
      <c r="N978154" s="10"/>
    </row>
    <row r="978155" spans="14:14">
      <c r="N978155" s="10"/>
    </row>
    <row r="978156" spans="14:14">
      <c r="N978156" s="10"/>
    </row>
    <row r="978157" spans="14:14">
      <c r="N978157" s="10"/>
    </row>
    <row r="978158" spans="14:14">
      <c r="N978158" s="10"/>
    </row>
    <row r="978159" spans="14:14">
      <c r="N978159" s="10"/>
    </row>
    <row r="978160" spans="14:14">
      <c r="N978160" s="10"/>
    </row>
    <row r="978161" spans="14:14">
      <c r="N978161" s="10"/>
    </row>
    <row r="978162" spans="14:14">
      <c r="N978162" s="10"/>
    </row>
    <row r="978163" spans="14:14">
      <c r="N978163" s="10"/>
    </row>
    <row r="978164" spans="14:14">
      <c r="N978164" s="10"/>
    </row>
    <row r="978165" spans="14:14">
      <c r="N978165" s="10"/>
    </row>
    <row r="978166" spans="14:14">
      <c r="N978166" s="10"/>
    </row>
    <row r="978167" spans="14:14">
      <c r="N978167" s="10"/>
    </row>
    <row r="978168" spans="14:14">
      <c r="N978168" s="10"/>
    </row>
    <row r="978169" spans="14:14">
      <c r="N978169" s="10"/>
    </row>
    <row r="978170" spans="14:14">
      <c r="N978170" s="10"/>
    </row>
    <row r="978171" spans="14:14">
      <c r="N978171" s="10"/>
    </row>
    <row r="978172" spans="14:14">
      <c r="N978172" s="10"/>
    </row>
    <row r="978173" spans="14:14">
      <c r="N978173" s="10"/>
    </row>
    <row r="978174" spans="14:14">
      <c r="N978174" s="10"/>
    </row>
    <row r="978175" spans="14:14">
      <c r="N978175" s="10"/>
    </row>
    <row r="978176" spans="14:14">
      <c r="N978176" s="10"/>
    </row>
    <row r="978177" spans="14:14">
      <c r="N978177" s="10"/>
    </row>
    <row r="978178" spans="14:14">
      <c r="N978178" s="10"/>
    </row>
    <row r="978179" spans="14:14">
      <c r="N978179" s="10"/>
    </row>
    <row r="978180" spans="14:14">
      <c r="N978180" s="10"/>
    </row>
    <row r="978181" spans="14:14">
      <c r="N978181" s="10"/>
    </row>
    <row r="978182" spans="14:14">
      <c r="N978182" s="10"/>
    </row>
    <row r="978183" spans="14:14">
      <c r="N978183" s="10"/>
    </row>
    <row r="978184" spans="14:14">
      <c r="N978184" s="10"/>
    </row>
    <row r="978185" spans="14:14">
      <c r="N978185" s="10"/>
    </row>
    <row r="978186" spans="14:14">
      <c r="N978186" s="10"/>
    </row>
    <row r="978187" spans="14:14">
      <c r="N978187" s="10"/>
    </row>
    <row r="978188" spans="14:14">
      <c r="N978188" s="10"/>
    </row>
    <row r="978189" spans="14:14">
      <c r="N978189" s="10"/>
    </row>
    <row r="978190" spans="14:14">
      <c r="N978190" s="10"/>
    </row>
    <row r="978191" spans="14:14">
      <c r="N978191" s="10"/>
    </row>
    <row r="978192" spans="14:14">
      <c r="N978192" s="10"/>
    </row>
    <row r="978193" spans="14:14">
      <c r="N978193" s="10"/>
    </row>
    <row r="978194" spans="14:14">
      <c r="N978194" s="10"/>
    </row>
    <row r="978195" spans="14:14">
      <c r="N978195" s="10"/>
    </row>
    <row r="978196" spans="14:14">
      <c r="N978196" s="10"/>
    </row>
    <row r="978197" spans="14:14">
      <c r="N978197" s="10"/>
    </row>
    <row r="978198" spans="14:14">
      <c r="N978198" s="10"/>
    </row>
    <row r="978199" spans="14:14">
      <c r="N978199" s="10"/>
    </row>
    <row r="978200" spans="14:14">
      <c r="N978200" s="10"/>
    </row>
    <row r="978201" spans="14:14">
      <c r="N978201" s="10"/>
    </row>
    <row r="978202" spans="14:14">
      <c r="N978202" s="10"/>
    </row>
    <row r="978203" spans="14:14">
      <c r="N978203" s="10"/>
    </row>
    <row r="978204" spans="14:14">
      <c r="N978204" s="10"/>
    </row>
    <row r="978205" spans="14:14">
      <c r="N978205" s="10"/>
    </row>
    <row r="978206" spans="14:14">
      <c r="N978206" s="10"/>
    </row>
    <row r="978207" spans="14:14">
      <c r="N978207" s="10"/>
    </row>
    <row r="978208" spans="14:14">
      <c r="N978208" s="10"/>
    </row>
    <row r="978209" spans="14:14">
      <c r="N978209" s="10"/>
    </row>
    <row r="978210" spans="14:14">
      <c r="N978210" s="10"/>
    </row>
    <row r="978211" spans="14:14">
      <c r="N978211" s="10"/>
    </row>
    <row r="978212" spans="14:14">
      <c r="N978212" s="10"/>
    </row>
    <row r="978213" spans="14:14">
      <c r="N978213" s="10"/>
    </row>
    <row r="978214" spans="14:14">
      <c r="N978214" s="10"/>
    </row>
    <row r="978215" spans="14:14">
      <c r="N978215" s="10"/>
    </row>
    <row r="978216" spans="14:14">
      <c r="N978216" s="10"/>
    </row>
    <row r="978217" spans="14:14">
      <c r="N978217" s="10"/>
    </row>
    <row r="978218" spans="14:14">
      <c r="N978218" s="10"/>
    </row>
    <row r="978219" spans="14:14">
      <c r="N978219" s="10"/>
    </row>
    <row r="978220" spans="14:14">
      <c r="N978220" s="10"/>
    </row>
    <row r="978221" spans="14:14">
      <c r="N978221" s="10"/>
    </row>
    <row r="978222" spans="14:14">
      <c r="N978222" s="10"/>
    </row>
    <row r="978223" spans="14:14">
      <c r="N978223" s="10"/>
    </row>
    <row r="978224" spans="14:14">
      <c r="N978224" s="10"/>
    </row>
    <row r="978225" spans="14:14">
      <c r="N978225" s="10"/>
    </row>
    <row r="978226" spans="14:14">
      <c r="N978226" s="10"/>
    </row>
    <row r="978227" spans="14:14">
      <c r="N978227" s="10"/>
    </row>
    <row r="978228" spans="14:14">
      <c r="N978228" s="10"/>
    </row>
    <row r="978229" spans="14:14">
      <c r="N978229" s="10"/>
    </row>
    <row r="978230" spans="14:14">
      <c r="N978230" s="10"/>
    </row>
    <row r="978231" spans="14:14">
      <c r="N978231" s="10"/>
    </row>
    <row r="978232" spans="14:14">
      <c r="N978232" s="10"/>
    </row>
    <row r="978233" spans="14:14">
      <c r="N978233" s="10"/>
    </row>
    <row r="978234" spans="14:14">
      <c r="N978234" s="10"/>
    </row>
    <row r="978235" spans="14:14">
      <c r="N978235" s="10"/>
    </row>
    <row r="978236" spans="14:14">
      <c r="N978236" s="10"/>
    </row>
    <row r="978237" spans="14:14">
      <c r="N978237" s="10"/>
    </row>
    <row r="978238" spans="14:14">
      <c r="N978238" s="10"/>
    </row>
    <row r="978239" spans="14:14">
      <c r="N978239" s="10"/>
    </row>
    <row r="978240" spans="14:14">
      <c r="N978240" s="10"/>
    </row>
    <row r="978241" spans="14:14">
      <c r="N978241" s="10"/>
    </row>
    <row r="978242" spans="14:14">
      <c r="N978242" s="10"/>
    </row>
    <row r="978243" spans="14:14">
      <c r="N978243" s="10"/>
    </row>
    <row r="978244" spans="14:14">
      <c r="N978244" s="10"/>
    </row>
    <row r="978245" spans="14:14">
      <c r="N978245" s="10"/>
    </row>
    <row r="978246" spans="14:14">
      <c r="N978246" s="10"/>
    </row>
    <row r="978247" spans="14:14">
      <c r="N978247" s="10"/>
    </row>
    <row r="978248" spans="14:14">
      <c r="N978248" s="10"/>
    </row>
    <row r="978249" spans="14:14">
      <c r="N978249" s="10"/>
    </row>
    <row r="978250" spans="14:14">
      <c r="N978250" s="10"/>
    </row>
    <row r="978251" spans="14:14">
      <c r="N978251" s="10"/>
    </row>
    <row r="978252" spans="14:14">
      <c r="N978252" s="10"/>
    </row>
    <row r="978253" spans="14:14">
      <c r="N978253" s="10"/>
    </row>
    <row r="978254" spans="14:14">
      <c r="N978254" s="10"/>
    </row>
    <row r="978255" spans="14:14">
      <c r="N978255" s="10"/>
    </row>
    <row r="978256" spans="14:14">
      <c r="N978256" s="10"/>
    </row>
    <row r="978257" spans="14:14">
      <c r="N978257" s="10"/>
    </row>
    <row r="978258" spans="14:14">
      <c r="N978258" s="10"/>
    </row>
    <row r="978259" spans="14:14">
      <c r="N978259" s="10"/>
    </row>
    <row r="978260" spans="14:14">
      <c r="N978260" s="10"/>
    </row>
    <row r="978261" spans="14:14">
      <c r="N978261" s="10"/>
    </row>
    <row r="978262" spans="14:14">
      <c r="N978262" s="10"/>
    </row>
    <row r="978263" spans="14:14">
      <c r="N978263" s="10"/>
    </row>
    <row r="978264" spans="14:14">
      <c r="N978264" s="10"/>
    </row>
    <row r="978265" spans="14:14">
      <c r="N978265" s="10"/>
    </row>
    <row r="978266" spans="14:14">
      <c r="N978266" s="10"/>
    </row>
    <row r="978267" spans="14:14">
      <c r="N978267" s="10"/>
    </row>
    <row r="978268" spans="14:14">
      <c r="N978268" s="10"/>
    </row>
    <row r="978269" spans="14:14">
      <c r="N978269" s="10"/>
    </row>
    <row r="978270" spans="14:14">
      <c r="N978270" s="10"/>
    </row>
    <row r="978271" spans="14:14">
      <c r="N978271" s="10"/>
    </row>
    <row r="978272" spans="14:14">
      <c r="N978272" s="10"/>
    </row>
    <row r="978273" spans="14:14">
      <c r="N978273" s="10"/>
    </row>
    <row r="978274" spans="14:14">
      <c r="N978274" s="10"/>
    </row>
    <row r="978275" spans="14:14">
      <c r="N978275" s="10"/>
    </row>
    <row r="978276" spans="14:14">
      <c r="N978276" s="10"/>
    </row>
    <row r="978277" spans="14:14">
      <c r="N978277" s="10"/>
    </row>
    <row r="978278" spans="14:14">
      <c r="N978278" s="10"/>
    </row>
    <row r="978279" spans="14:14">
      <c r="N978279" s="10"/>
    </row>
    <row r="978280" spans="14:14">
      <c r="N978280" s="10"/>
    </row>
    <row r="978281" spans="14:14">
      <c r="N978281" s="10"/>
    </row>
    <row r="978282" spans="14:14">
      <c r="N978282" s="10"/>
    </row>
    <row r="978283" spans="14:14">
      <c r="N978283" s="10"/>
    </row>
    <row r="978284" spans="14:14">
      <c r="N978284" s="10"/>
    </row>
    <row r="978285" spans="14:14">
      <c r="N978285" s="10"/>
    </row>
    <row r="978286" spans="14:14">
      <c r="N978286" s="10"/>
    </row>
    <row r="978287" spans="14:14">
      <c r="N978287" s="10"/>
    </row>
    <row r="978288" spans="14:14">
      <c r="N978288" s="10"/>
    </row>
    <row r="978289" spans="14:14">
      <c r="N978289" s="10"/>
    </row>
    <row r="978290" spans="14:14">
      <c r="N978290" s="10"/>
    </row>
    <row r="978291" spans="14:14">
      <c r="N978291" s="10"/>
    </row>
    <row r="978292" spans="14:14">
      <c r="N978292" s="10"/>
    </row>
    <row r="978293" spans="14:14">
      <c r="N978293" s="10"/>
    </row>
    <row r="978294" spans="14:14">
      <c r="N978294" s="10"/>
    </row>
    <row r="978295" spans="14:14">
      <c r="N978295" s="10"/>
    </row>
    <row r="978296" spans="14:14">
      <c r="N978296" s="10"/>
    </row>
    <row r="978297" spans="14:14">
      <c r="N978297" s="10"/>
    </row>
    <row r="978298" spans="14:14">
      <c r="N978298" s="10"/>
    </row>
    <row r="978299" spans="14:14">
      <c r="N978299" s="10"/>
    </row>
    <row r="978300" spans="14:14">
      <c r="N978300" s="10"/>
    </row>
    <row r="978301" spans="14:14">
      <c r="N978301" s="10"/>
    </row>
    <row r="978302" spans="14:14">
      <c r="N978302" s="10"/>
    </row>
    <row r="978303" spans="14:14">
      <c r="N978303" s="10"/>
    </row>
    <row r="978304" spans="14:14">
      <c r="N978304" s="10"/>
    </row>
    <row r="978305" spans="14:14">
      <c r="N978305" s="10"/>
    </row>
    <row r="978306" spans="14:14">
      <c r="N978306" s="10"/>
    </row>
    <row r="978307" spans="14:14">
      <c r="N978307" s="10"/>
    </row>
    <row r="978308" spans="14:14">
      <c r="N978308" s="10"/>
    </row>
    <row r="978309" spans="14:14">
      <c r="N978309" s="10"/>
    </row>
    <row r="978310" spans="14:14">
      <c r="N978310" s="10"/>
    </row>
    <row r="978311" spans="14:14">
      <c r="N978311" s="10"/>
    </row>
    <row r="978312" spans="14:14">
      <c r="N978312" s="10"/>
    </row>
    <row r="978313" spans="14:14">
      <c r="N978313" s="10"/>
    </row>
    <row r="978314" spans="14:14">
      <c r="N978314" s="10"/>
    </row>
    <row r="978315" spans="14:14">
      <c r="N978315" s="10"/>
    </row>
    <row r="978316" spans="14:14">
      <c r="N978316" s="10"/>
    </row>
    <row r="978317" spans="14:14">
      <c r="N978317" s="10"/>
    </row>
    <row r="978318" spans="14:14">
      <c r="N978318" s="10"/>
    </row>
    <row r="978319" spans="14:14">
      <c r="N978319" s="10"/>
    </row>
    <row r="978320" spans="14:14">
      <c r="N978320" s="10"/>
    </row>
    <row r="978321" spans="14:14">
      <c r="N978321" s="10"/>
    </row>
    <row r="978322" spans="14:14">
      <c r="N978322" s="10"/>
    </row>
    <row r="978323" spans="14:14">
      <c r="N978323" s="10"/>
    </row>
    <row r="978324" spans="14:14">
      <c r="N978324" s="10"/>
    </row>
    <row r="978325" spans="14:14">
      <c r="N978325" s="10"/>
    </row>
    <row r="978326" spans="14:14">
      <c r="N978326" s="10"/>
    </row>
    <row r="978327" spans="14:14">
      <c r="N978327" s="10"/>
    </row>
    <row r="978328" spans="14:14">
      <c r="N978328" s="10"/>
    </row>
    <row r="978329" spans="14:14">
      <c r="N978329" s="10"/>
    </row>
    <row r="978330" spans="14:14">
      <c r="N978330" s="10"/>
    </row>
    <row r="978331" spans="14:14">
      <c r="N978331" s="10"/>
    </row>
    <row r="978332" spans="14:14">
      <c r="N978332" s="10"/>
    </row>
    <row r="978333" spans="14:14">
      <c r="N978333" s="10"/>
    </row>
    <row r="978334" spans="14:14">
      <c r="N978334" s="10"/>
    </row>
    <row r="978335" spans="14:14">
      <c r="N978335" s="10"/>
    </row>
    <row r="978336" spans="14:14">
      <c r="N978336" s="10"/>
    </row>
    <row r="978337" spans="14:14">
      <c r="N978337" s="10"/>
    </row>
    <row r="978338" spans="14:14">
      <c r="N978338" s="10"/>
    </row>
    <row r="978339" spans="14:14">
      <c r="N978339" s="10"/>
    </row>
    <row r="978340" spans="14:14">
      <c r="N978340" s="10"/>
    </row>
    <row r="978341" spans="14:14">
      <c r="N978341" s="10"/>
    </row>
    <row r="978342" spans="14:14">
      <c r="N978342" s="10"/>
    </row>
    <row r="978343" spans="14:14">
      <c r="N978343" s="10"/>
    </row>
    <row r="978344" spans="14:14">
      <c r="N978344" s="10"/>
    </row>
    <row r="978345" spans="14:14">
      <c r="N978345" s="10"/>
    </row>
    <row r="978346" spans="14:14">
      <c r="N978346" s="10"/>
    </row>
    <row r="978347" spans="14:14">
      <c r="N978347" s="10"/>
    </row>
    <row r="978348" spans="14:14">
      <c r="N978348" s="10"/>
    </row>
    <row r="978349" spans="14:14">
      <c r="N978349" s="10"/>
    </row>
    <row r="978350" spans="14:14">
      <c r="N978350" s="10"/>
    </row>
    <row r="978351" spans="14:14">
      <c r="N978351" s="10"/>
    </row>
    <row r="978352" spans="14:14">
      <c r="N978352" s="10"/>
    </row>
    <row r="978353" spans="14:14">
      <c r="N978353" s="10"/>
    </row>
    <row r="978354" spans="14:14">
      <c r="N978354" s="10"/>
    </row>
    <row r="978355" spans="14:14">
      <c r="N978355" s="10"/>
    </row>
    <row r="978356" spans="14:14">
      <c r="N978356" s="10"/>
    </row>
    <row r="978357" spans="14:14">
      <c r="N978357" s="10"/>
    </row>
    <row r="978358" spans="14:14">
      <c r="N978358" s="10"/>
    </row>
    <row r="978359" spans="14:14">
      <c r="N978359" s="10"/>
    </row>
    <row r="978360" spans="14:14">
      <c r="N978360" s="10"/>
    </row>
    <row r="978361" spans="14:14">
      <c r="N978361" s="10"/>
    </row>
    <row r="978362" spans="14:14">
      <c r="N978362" s="10"/>
    </row>
    <row r="978363" spans="14:14">
      <c r="N978363" s="10"/>
    </row>
    <row r="978364" spans="14:14">
      <c r="N978364" s="10"/>
    </row>
    <row r="978365" spans="14:14">
      <c r="N978365" s="10"/>
    </row>
    <row r="978366" spans="14:14">
      <c r="N978366" s="10"/>
    </row>
    <row r="978367" spans="14:14">
      <c r="N978367" s="10"/>
    </row>
    <row r="978368" spans="14:14">
      <c r="N978368" s="10"/>
    </row>
    <row r="978369" spans="14:14">
      <c r="N978369" s="10"/>
    </row>
    <row r="978370" spans="14:14">
      <c r="N978370" s="10"/>
    </row>
    <row r="978371" spans="14:14">
      <c r="N978371" s="10"/>
    </row>
    <row r="978372" spans="14:14">
      <c r="N978372" s="10"/>
    </row>
    <row r="978373" spans="14:14">
      <c r="N978373" s="10"/>
    </row>
    <row r="978374" spans="14:14">
      <c r="N978374" s="10"/>
    </row>
    <row r="978375" spans="14:14">
      <c r="N978375" s="10"/>
    </row>
    <row r="978376" spans="14:14">
      <c r="N978376" s="10"/>
    </row>
    <row r="978377" spans="14:14">
      <c r="N978377" s="10"/>
    </row>
    <row r="978378" spans="14:14">
      <c r="N978378" s="10"/>
    </row>
    <row r="978379" spans="14:14">
      <c r="N978379" s="10"/>
    </row>
    <row r="978380" spans="14:14">
      <c r="N978380" s="10"/>
    </row>
    <row r="978381" spans="14:14">
      <c r="N978381" s="10"/>
    </row>
    <row r="978382" spans="14:14">
      <c r="N978382" s="10"/>
    </row>
    <row r="978383" spans="14:14">
      <c r="N978383" s="10"/>
    </row>
    <row r="978384" spans="14:14">
      <c r="N978384" s="10"/>
    </row>
    <row r="978385" spans="14:14">
      <c r="N978385" s="10"/>
    </row>
    <row r="978386" spans="14:14">
      <c r="N978386" s="10"/>
    </row>
    <row r="978387" spans="14:14">
      <c r="N978387" s="10"/>
    </row>
    <row r="978388" spans="14:14">
      <c r="N978388" s="10"/>
    </row>
    <row r="978389" spans="14:14">
      <c r="N978389" s="10"/>
    </row>
    <row r="978390" spans="14:14">
      <c r="N978390" s="10"/>
    </row>
    <row r="978391" spans="14:14">
      <c r="N978391" s="10"/>
    </row>
    <row r="978392" spans="14:14">
      <c r="N978392" s="10"/>
    </row>
    <row r="978393" spans="14:14">
      <c r="N978393" s="10"/>
    </row>
    <row r="978394" spans="14:14">
      <c r="N978394" s="10"/>
    </row>
    <row r="978395" spans="14:14">
      <c r="N978395" s="10"/>
    </row>
    <row r="978396" spans="14:14">
      <c r="N978396" s="10"/>
    </row>
    <row r="978397" spans="14:14">
      <c r="N978397" s="10"/>
    </row>
    <row r="978398" spans="14:14">
      <c r="N978398" s="10"/>
    </row>
    <row r="978399" spans="14:14">
      <c r="N978399" s="10"/>
    </row>
    <row r="978400" spans="14:14">
      <c r="N978400" s="10"/>
    </row>
    <row r="978401" spans="14:14">
      <c r="N978401" s="10"/>
    </row>
    <row r="978402" spans="14:14">
      <c r="N978402" s="10"/>
    </row>
    <row r="978403" spans="14:14">
      <c r="N978403" s="10"/>
    </row>
    <row r="978404" spans="14:14">
      <c r="N978404" s="10"/>
    </row>
    <row r="978405" spans="14:14">
      <c r="N978405" s="10"/>
    </row>
    <row r="978406" spans="14:14">
      <c r="N978406" s="10"/>
    </row>
    <row r="978407" spans="14:14">
      <c r="N978407" s="10"/>
    </row>
    <row r="978408" spans="14:14">
      <c r="N978408" s="10"/>
    </row>
    <row r="978409" spans="14:14">
      <c r="N978409" s="10"/>
    </row>
    <row r="978410" spans="14:14">
      <c r="N978410" s="10"/>
    </row>
    <row r="978411" spans="14:14">
      <c r="N978411" s="10"/>
    </row>
    <row r="978412" spans="14:14">
      <c r="N978412" s="10"/>
    </row>
    <row r="978413" spans="14:14">
      <c r="N978413" s="10"/>
    </row>
    <row r="978414" spans="14:14">
      <c r="N978414" s="10"/>
    </row>
    <row r="978415" spans="14:14">
      <c r="N978415" s="10"/>
    </row>
    <row r="978416" spans="14:14">
      <c r="N978416" s="10"/>
    </row>
    <row r="978417" spans="14:14">
      <c r="N978417" s="10"/>
    </row>
    <row r="978418" spans="14:14">
      <c r="N978418" s="10"/>
    </row>
    <row r="978419" spans="14:14">
      <c r="N978419" s="10"/>
    </row>
    <row r="978420" spans="14:14">
      <c r="N978420" s="10"/>
    </row>
    <row r="978421" spans="14:14">
      <c r="N978421" s="10"/>
    </row>
    <row r="978422" spans="14:14">
      <c r="N978422" s="10"/>
    </row>
    <row r="978423" spans="14:14">
      <c r="N978423" s="10"/>
    </row>
    <row r="978424" spans="14:14">
      <c r="N978424" s="10"/>
    </row>
    <row r="978425" spans="14:14">
      <c r="N978425" s="10"/>
    </row>
    <row r="978426" spans="14:14">
      <c r="N978426" s="10"/>
    </row>
    <row r="978427" spans="14:14">
      <c r="N978427" s="10"/>
    </row>
    <row r="978428" spans="14:14">
      <c r="N978428" s="10"/>
    </row>
    <row r="978429" spans="14:14">
      <c r="N978429" s="10"/>
    </row>
    <row r="978430" spans="14:14">
      <c r="N978430" s="10"/>
    </row>
    <row r="978431" spans="14:14">
      <c r="N978431" s="10"/>
    </row>
    <row r="978432" spans="14:14">
      <c r="N978432" s="10"/>
    </row>
    <row r="978433" spans="14:14">
      <c r="N978433" s="10"/>
    </row>
    <row r="978434" spans="14:14">
      <c r="N978434" s="10"/>
    </row>
    <row r="978435" spans="14:14">
      <c r="N978435" s="10"/>
    </row>
    <row r="978436" spans="14:14">
      <c r="N978436" s="10"/>
    </row>
    <row r="978437" spans="14:14">
      <c r="N978437" s="10"/>
    </row>
    <row r="978438" spans="14:14">
      <c r="N978438" s="10"/>
    </row>
    <row r="978439" spans="14:14">
      <c r="N978439" s="10"/>
    </row>
    <row r="978440" spans="14:14">
      <c r="N978440" s="10"/>
    </row>
    <row r="978441" spans="14:14">
      <c r="N978441" s="10"/>
    </row>
    <row r="978442" spans="14:14">
      <c r="N978442" s="10"/>
    </row>
    <row r="978443" spans="14:14">
      <c r="N978443" s="10"/>
    </row>
    <row r="978444" spans="14:14">
      <c r="N978444" s="10"/>
    </row>
    <row r="978445" spans="14:14">
      <c r="N978445" s="10"/>
    </row>
    <row r="978446" spans="14:14">
      <c r="N978446" s="10"/>
    </row>
    <row r="978447" spans="14:14">
      <c r="N978447" s="10"/>
    </row>
    <row r="978448" spans="14:14">
      <c r="N978448" s="10"/>
    </row>
    <row r="978449" spans="14:14">
      <c r="N978449" s="10"/>
    </row>
    <row r="978450" spans="14:14">
      <c r="N978450" s="10"/>
    </row>
    <row r="978451" spans="14:14">
      <c r="N978451" s="10"/>
    </row>
    <row r="978452" spans="14:14">
      <c r="N978452" s="10"/>
    </row>
    <row r="978453" spans="14:14">
      <c r="N978453" s="10"/>
    </row>
    <row r="978454" spans="14:14">
      <c r="N978454" s="10"/>
    </row>
    <row r="978455" spans="14:14">
      <c r="N978455" s="10"/>
    </row>
    <row r="978456" spans="14:14">
      <c r="N978456" s="10"/>
    </row>
    <row r="978457" spans="14:14">
      <c r="N978457" s="10"/>
    </row>
    <row r="978458" spans="14:14">
      <c r="N978458" s="10"/>
    </row>
    <row r="978459" spans="14:14">
      <c r="N978459" s="10"/>
    </row>
    <row r="978460" spans="14:14">
      <c r="N978460" s="10"/>
    </row>
    <row r="978461" spans="14:14">
      <c r="N978461" s="10"/>
    </row>
    <row r="978462" spans="14:14">
      <c r="N978462" s="10"/>
    </row>
    <row r="978463" spans="14:14">
      <c r="N978463" s="10"/>
    </row>
    <row r="978464" spans="14:14">
      <c r="N978464" s="10"/>
    </row>
    <row r="978465" spans="14:14">
      <c r="N978465" s="10"/>
    </row>
    <row r="978466" spans="14:14">
      <c r="N978466" s="10"/>
    </row>
    <row r="978467" spans="14:14">
      <c r="N978467" s="10"/>
    </row>
    <row r="978468" spans="14:14">
      <c r="N978468" s="10"/>
    </row>
    <row r="978469" spans="14:14">
      <c r="N978469" s="10"/>
    </row>
    <row r="978470" spans="14:14">
      <c r="N978470" s="10"/>
    </row>
    <row r="978471" spans="14:14">
      <c r="N978471" s="10"/>
    </row>
    <row r="978472" spans="14:14">
      <c r="N978472" s="10"/>
    </row>
    <row r="978473" spans="14:14">
      <c r="N978473" s="10"/>
    </row>
    <row r="978474" spans="14:14">
      <c r="N978474" s="10"/>
    </row>
    <row r="978475" spans="14:14">
      <c r="N978475" s="10"/>
    </row>
    <row r="978476" spans="14:14">
      <c r="N978476" s="10"/>
    </row>
    <row r="978477" spans="14:14">
      <c r="N978477" s="10"/>
    </row>
    <row r="978478" spans="14:14">
      <c r="N978478" s="10"/>
    </row>
    <row r="978479" spans="14:14">
      <c r="N978479" s="10"/>
    </row>
    <row r="978480" spans="14:14">
      <c r="N978480" s="10"/>
    </row>
    <row r="978481" spans="14:14">
      <c r="N978481" s="10"/>
    </row>
    <row r="978482" spans="14:14">
      <c r="N978482" s="10"/>
    </row>
    <row r="978483" spans="14:14">
      <c r="N978483" s="10"/>
    </row>
    <row r="978484" spans="14:14">
      <c r="N978484" s="10"/>
    </row>
    <row r="978485" spans="14:14">
      <c r="N978485" s="10"/>
    </row>
    <row r="978486" spans="14:14">
      <c r="N978486" s="10"/>
    </row>
    <row r="978487" spans="14:14">
      <c r="N978487" s="10"/>
    </row>
    <row r="978488" spans="14:14">
      <c r="N978488" s="10"/>
    </row>
    <row r="978489" spans="14:14">
      <c r="N978489" s="10"/>
    </row>
    <row r="978490" spans="14:14">
      <c r="N978490" s="10"/>
    </row>
    <row r="978491" spans="14:14">
      <c r="N978491" s="10"/>
    </row>
    <row r="978492" spans="14:14">
      <c r="N978492" s="10"/>
    </row>
    <row r="978493" spans="14:14">
      <c r="N978493" s="10"/>
    </row>
    <row r="978494" spans="14:14">
      <c r="N978494" s="10"/>
    </row>
    <row r="978495" spans="14:14">
      <c r="N978495" s="10"/>
    </row>
    <row r="978496" spans="14:14">
      <c r="N978496" s="10"/>
    </row>
    <row r="978497" spans="14:14">
      <c r="N978497" s="10"/>
    </row>
    <row r="978498" spans="14:14">
      <c r="N978498" s="10"/>
    </row>
    <row r="978499" spans="14:14">
      <c r="N978499" s="10"/>
    </row>
    <row r="978500" spans="14:14">
      <c r="N978500" s="10"/>
    </row>
    <row r="978501" spans="14:14">
      <c r="N978501" s="10"/>
    </row>
    <row r="978502" spans="14:14">
      <c r="N978502" s="10"/>
    </row>
    <row r="978503" spans="14:14">
      <c r="N978503" s="10"/>
    </row>
    <row r="978504" spans="14:14">
      <c r="N978504" s="10"/>
    </row>
    <row r="978505" spans="14:14">
      <c r="N978505" s="10"/>
    </row>
    <row r="978506" spans="14:14">
      <c r="N978506" s="10"/>
    </row>
    <row r="978507" spans="14:14">
      <c r="N978507" s="10"/>
    </row>
    <row r="978508" spans="14:14">
      <c r="N978508" s="10"/>
    </row>
    <row r="978509" spans="14:14">
      <c r="N978509" s="10"/>
    </row>
    <row r="978510" spans="14:14">
      <c r="N978510" s="10"/>
    </row>
    <row r="978511" spans="14:14">
      <c r="N978511" s="10"/>
    </row>
    <row r="978512" spans="14:14">
      <c r="N978512" s="10"/>
    </row>
    <row r="978513" spans="14:14">
      <c r="N978513" s="10"/>
    </row>
    <row r="978514" spans="14:14">
      <c r="N978514" s="10"/>
    </row>
    <row r="978515" spans="14:14">
      <c r="N978515" s="10"/>
    </row>
    <row r="978516" spans="14:14">
      <c r="N978516" s="10"/>
    </row>
    <row r="978517" spans="14:14">
      <c r="N978517" s="10"/>
    </row>
    <row r="978518" spans="14:14">
      <c r="N978518" s="10"/>
    </row>
    <row r="978519" spans="14:14">
      <c r="N978519" s="10"/>
    </row>
    <row r="978520" spans="14:14">
      <c r="N978520" s="10"/>
    </row>
    <row r="978521" spans="14:14">
      <c r="N978521" s="10"/>
    </row>
    <row r="978522" spans="14:14">
      <c r="N978522" s="10"/>
    </row>
    <row r="978523" spans="14:14">
      <c r="N978523" s="10"/>
    </row>
    <row r="978524" spans="14:14">
      <c r="N978524" s="10"/>
    </row>
    <row r="978525" spans="14:14">
      <c r="N978525" s="10"/>
    </row>
    <row r="978526" spans="14:14">
      <c r="N978526" s="10"/>
    </row>
    <row r="978527" spans="14:14">
      <c r="N978527" s="10"/>
    </row>
    <row r="978528" spans="14:14">
      <c r="N978528" s="10"/>
    </row>
    <row r="978529" spans="14:14">
      <c r="N978529" s="10"/>
    </row>
    <row r="978530" spans="14:14">
      <c r="N978530" s="10"/>
    </row>
    <row r="978531" spans="14:14">
      <c r="N978531" s="10"/>
    </row>
    <row r="978532" spans="14:14">
      <c r="N978532" s="10"/>
    </row>
    <row r="978533" spans="14:14">
      <c r="N978533" s="10"/>
    </row>
    <row r="978534" spans="14:14">
      <c r="N978534" s="10"/>
    </row>
    <row r="978535" spans="14:14">
      <c r="N978535" s="10"/>
    </row>
    <row r="978536" spans="14:14">
      <c r="N978536" s="10"/>
    </row>
    <row r="978537" spans="14:14">
      <c r="N978537" s="10"/>
    </row>
    <row r="978538" spans="14:14">
      <c r="N978538" s="10"/>
    </row>
    <row r="978539" spans="14:14">
      <c r="N978539" s="10"/>
    </row>
    <row r="978540" spans="14:14">
      <c r="N978540" s="10"/>
    </row>
    <row r="978541" spans="14:14">
      <c r="N978541" s="10"/>
    </row>
    <row r="978542" spans="14:14">
      <c r="N978542" s="10"/>
    </row>
    <row r="978543" spans="14:14">
      <c r="N978543" s="10"/>
    </row>
    <row r="978544" spans="14:14">
      <c r="N978544" s="10"/>
    </row>
    <row r="978545" spans="14:14">
      <c r="N978545" s="10"/>
    </row>
    <row r="978546" spans="14:14">
      <c r="N978546" s="10"/>
    </row>
    <row r="978547" spans="14:14">
      <c r="N978547" s="10"/>
    </row>
    <row r="978548" spans="14:14">
      <c r="N978548" s="10"/>
    </row>
    <row r="978549" spans="14:14">
      <c r="N978549" s="10"/>
    </row>
    <row r="978550" spans="14:14">
      <c r="N978550" s="10"/>
    </row>
    <row r="978551" spans="14:14">
      <c r="N978551" s="10"/>
    </row>
    <row r="978552" spans="14:14">
      <c r="N978552" s="10"/>
    </row>
    <row r="978553" spans="14:14">
      <c r="N978553" s="10"/>
    </row>
    <row r="978554" spans="14:14">
      <c r="N978554" s="10"/>
    </row>
    <row r="978555" spans="14:14">
      <c r="N978555" s="10"/>
    </row>
    <row r="978556" spans="14:14">
      <c r="N978556" s="10"/>
    </row>
    <row r="978557" spans="14:14">
      <c r="N978557" s="10"/>
    </row>
    <row r="978558" spans="14:14">
      <c r="N978558" s="10"/>
    </row>
    <row r="978559" spans="14:14">
      <c r="N978559" s="10"/>
    </row>
    <row r="978560" spans="14:14">
      <c r="N978560" s="10"/>
    </row>
    <row r="978561" spans="14:14">
      <c r="N978561" s="10"/>
    </row>
    <row r="978562" spans="14:14">
      <c r="N978562" s="10"/>
    </row>
    <row r="978563" spans="14:14">
      <c r="N978563" s="10"/>
    </row>
    <row r="978564" spans="14:14">
      <c r="N978564" s="10"/>
    </row>
    <row r="978565" spans="14:14">
      <c r="N978565" s="10"/>
    </row>
    <row r="978566" spans="14:14">
      <c r="N978566" s="10"/>
    </row>
    <row r="978567" spans="14:14">
      <c r="N978567" s="10"/>
    </row>
    <row r="978568" spans="14:14">
      <c r="N978568" s="10"/>
    </row>
    <row r="978569" spans="14:14">
      <c r="N978569" s="10"/>
    </row>
    <row r="978570" spans="14:14">
      <c r="N978570" s="10"/>
    </row>
    <row r="978571" spans="14:14">
      <c r="N978571" s="10"/>
    </row>
    <row r="978572" spans="14:14">
      <c r="N978572" s="10"/>
    </row>
    <row r="978573" spans="14:14">
      <c r="N978573" s="10"/>
    </row>
    <row r="978574" spans="14:14">
      <c r="N978574" s="10"/>
    </row>
    <row r="978575" spans="14:14">
      <c r="N978575" s="10"/>
    </row>
    <row r="978576" spans="14:14">
      <c r="N978576" s="10"/>
    </row>
    <row r="978577" spans="14:14">
      <c r="N978577" s="10"/>
    </row>
    <row r="978578" spans="14:14">
      <c r="N978578" s="10"/>
    </row>
    <row r="978579" spans="14:14">
      <c r="N978579" s="10"/>
    </row>
    <row r="978580" spans="14:14">
      <c r="N978580" s="10"/>
    </row>
    <row r="978581" spans="14:14">
      <c r="N978581" s="10"/>
    </row>
    <row r="978582" spans="14:14">
      <c r="N978582" s="10"/>
    </row>
    <row r="978583" spans="14:14">
      <c r="N978583" s="10"/>
    </row>
    <row r="978584" spans="14:14">
      <c r="N978584" s="10"/>
    </row>
    <row r="978585" spans="14:14">
      <c r="N978585" s="10"/>
    </row>
    <row r="978586" spans="14:14">
      <c r="N978586" s="10"/>
    </row>
    <row r="978587" spans="14:14">
      <c r="N978587" s="10"/>
    </row>
    <row r="978588" spans="14:14">
      <c r="N978588" s="10"/>
    </row>
    <row r="978589" spans="14:14">
      <c r="N978589" s="10"/>
    </row>
    <row r="978590" spans="14:14">
      <c r="N978590" s="10"/>
    </row>
    <row r="978591" spans="14:14">
      <c r="N978591" s="10"/>
    </row>
    <row r="978592" spans="14:14">
      <c r="N978592" s="10"/>
    </row>
    <row r="978593" spans="14:14">
      <c r="N978593" s="10"/>
    </row>
    <row r="978594" spans="14:14">
      <c r="N978594" s="10"/>
    </row>
    <row r="978595" spans="14:14">
      <c r="N978595" s="10"/>
    </row>
    <row r="978596" spans="14:14">
      <c r="N978596" s="10"/>
    </row>
    <row r="978597" spans="14:14">
      <c r="N978597" s="10"/>
    </row>
    <row r="978598" spans="14:14">
      <c r="N978598" s="10"/>
    </row>
    <row r="978599" spans="14:14">
      <c r="N978599" s="10"/>
    </row>
    <row r="978600" spans="14:14">
      <c r="N978600" s="10"/>
    </row>
    <row r="978601" spans="14:14">
      <c r="N978601" s="10"/>
    </row>
    <row r="978602" spans="14:14">
      <c r="N978602" s="10"/>
    </row>
    <row r="978603" spans="14:14">
      <c r="N978603" s="10"/>
    </row>
    <row r="978604" spans="14:14">
      <c r="N978604" s="10"/>
    </row>
    <row r="978605" spans="14:14">
      <c r="N978605" s="10"/>
    </row>
    <row r="978606" spans="14:14">
      <c r="N978606" s="10"/>
    </row>
    <row r="978607" spans="14:14">
      <c r="N978607" s="10"/>
    </row>
    <row r="978608" spans="14:14">
      <c r="N978608" s="10"/>
    </row>
    <row r="978609" spans="14:14">
      <c r="N978609" s="10"/>
    </row>
    <row r="978610" spans="14:14">
      <c r="N978610" s="10"/>
    </row>
    <row r="978611" spans="14:14">
      <c r="N978611" s="10"/>
    </row>
    <row r="978612" spans="14:14">
      <c r="N978612" s="10"/>
    </row>
    <row r="978613" spans="14:14">
      <c r="N978613" s="10"/>
    </row>
    <row r="978614" spans="14:14">
      <c r="N978614" s="10"/>
    </row>
    <row r="978615" spans="14:14">
      <c r="N978615" s="10"/>
    </row>
    <row r="978616" spans="14:14">
      <c r="N978616" s="10"/>
    </row>
    <row r="978617" spans="14:14">
      <c r="N978617" s="10"/>
    </row>
    <row r="978618" spans="14:14">
      <c r="N978618" s="10"/>
    </row>
    <row r="978619" spans="14:14">
      <c r="N978619" s="10"/>
    </row>
    <row r="978620" spans="14:14">
      <c r="N978620" s="10"/>
    </row>
    <row r="978621" spans="14:14">
      <c r="N978621" s="10"/>
    </row>
    <row r="978622" spans="14:14">
      <c r="N978622" s="10"/>
    </row>
    <row r="978623" spans="14:14">
      <c r="N978623" s="10"/>
    </row>
    <row r="978624" spans="14:14">
      <c r="N978624" s="10"/>
    </row>
    <row r="978625" spans="14:14">
      <c r="N978625" s="10"/>
    </row>
    <row r="978626" spans="14:14">
      <c r="N978626" s="10"/>
    </row>
    <row r="978627" spans="14:14">
      <c r="N978627" s="10"/>
    </row>
    <row r="978628" spans="14:14">
      <c r="N978628" s="10"/>
    </row>
    <row r="978629" spans="14:14">
      <c r="N978629" s="10"/>
    </row>
    <row r="978630" spans="14:14">
      <c r="N978630" s="10"/>
    </row>
    <row r="978631" spans="14:14">
      <c r="N978631" s="10"/>
    </row>
    <row r="978632" spans="14:14">
      <c r="N978632" s="10"/>
    </row>
    <row r="978633" spans="14:14">
      <c r="N978633" s="10"/>
    </row>
    <row r="978634" spans="14:14">
      <c r="N978634" s="10"/>
    </row>
    <row r="978635" spans="14:14">
      <c r="N978635" s="10"/>
    </row>
    <row r="978636" spans="14:14">
      <c r="N978636" s="10"/>
    </row>
    <row r="978637" spans="14:14">
      <c r="N978637" s="10"/>
    </row>
    <row r="978638" spans="14:14">
      <c r="N978638" s="10"/>
    </row>
    <row r="978639" spans="14:14">
      <c r="N978639" s="10"/>
    </row>
    <row r="978640" spans="14:14">
      <c r="N978640" s="10"/>
    </row>
    <row r="978641" spans="14:14">
      <c r="N978641" s="10"/>
    </row>
    <row r="978642" spans="14:14">
      <c r="N978642" s="10"/>
    </row>
    <row r="978643" spans="14:14">
      <c r="N978643" s="10"/>
    </row>
    <row r="978644" spans="14:14">
      <c r="N978644" s="10"/>
    </row>
    <row r="978645" spans="14:14">
      <c r="N978645" s="10"/>
    </row>
    <row r="978646" spans="14:14">
      <c r="N978646" s="10"/>
    </row>
    <row r="978647" spans="14:14">
      <c r="N978647" s="10"/>
    </row>
    <row r="978648" spans="14:14">
      <c r="N978648" s="10"/>
    </row>
    <row r="978649" spans="14:14">
      <c r="N978649" s="10"/>
    </row>
    <row r="978650" spans="14:14">
      <c r="N978650" s="10"/>
    </row>
    <row r="978651" spans="14:14">
      <c r="N978651" s="10"/>
    </row>
    <row r="978652" spans="14:14">
      <c r="N978652" s="10"/>
    </row>
    <row r="978653" spans="14:14">
      <c r="N978653" s="10"/>
    </row>
    <row r="978654" spans="14:14">
      <c r="N978654" s="10"/>
    </row>
    <row r="978655" spans="14:14">
      <c r="N978655" s="10"/>
    </row>
    <row r="978656" spans="14:14">
      <c r="N978656" s="10"/>
    </row>
    <row r="978657" spans="14:14">
      <c r="N978657" s="10"/>
    </row>
    <row r="978658" spans="14:14">
      <c r="N978658" s="10"/>
    </row>
    <row r="978659" spans="14:14">
      <c r="N978659" s="10"/>
    </row>
    <row r="978660" spans="14:14">
      <c r="N978660" s="10"/>
    </row>
    <row r="978661" spans="14:14">
      <c r="N978661" s="10"/>
    </row>
    <row r="978662" spans="14:14">
      <c r="N978662" s="10"/>
    </row>
    <row r="978663" spans="14:14">
      <c r="N978663" s="10"/>
    </row>
    <row r="978664" spans="14:14">
      <c r="N978664" s="10"/>
    </row>
    <row r="978665" spans="14:14">
      <c r="N978665" s="10"/>
    </row>
    <row r="978666" spans="14:14">
      <c r="N978666" s="10"/>
    </row>
    <row r="978667" spans="14:14">
      <c r="N978667" s="10"/>
    </row>
    <row r="978668" spans="14:14">
      <c r="N978668" s="10"/>
    </row>
    <row r="978669" spans="14:14">
      <c r="N978669" s="10"/>
    </row>
    <row r="978670" spans="14:14">
      <c r="N978670" s="10"/>
    </row>
    <row r="978671" spans="14:14">
      <c r="N978671" s="10"/>
    </row>
    <row r="978672" spans="14:14">
      <c r="N978672" s="10"/>
    </row>
    <row r="978673" spans="14:14">
      <c r="N978673" s="10"/>
    </row>
    <row r="978674" spans="14:14">
      <c r="N978674" s="10"/>
    </row>
    <row r="978675" spans="14:14">
      <c r="N978675" s="10"/>
    </row>
    <row r="978676" spans="14:14">
      <c r="N978676" s="10"/>
    </row>
    <row r="978677" spans="14:14">
      <c r="N978677" s="10"/>
    </row>
    <row r="978678" spans="14:14">
      <c r="N978678" s="10"/>
    </row>
    <row r="978679" spans="14:14">
      <c r="N978679" s="10"/>
    </row>
    <row r="978680" spans="14:14">
      <c r="N978680" s="10"/>
    </row>
    <row r="978681" spans="14:14">
      <c r="N978681" s="10"/>
    </row>
    <row r="978682" spans="14:14">
      <c r="N978682" s="10"/>
    </row>
    <row r="978683" spans="14:14">
      <c r="N978683" s="10"/>
    </row>
    <row r="978684" spans="14:14">
      <c r="N978684" s="10"/>
    </row>
    <row r="978685" spans="14:14">
      <c r="N978685" s="10"/>
    </row>
    <row r="978686" spans="14:14">
      <c r="N978686" s="10"/>
    </row>
    <row r="978687" spans="14:14">
      <c r="N978687" s="10"/>
    </row>
    <row r="978688" spans="14:14">
      <c r="N978688" s="10"/>
    </row>
    <row r="978689" spans="14:14">
      <c r="N978689" s="10"/>
    </row>
    <row r="978690" spans="14:14">
      <c r="N978690" s="10"/>
    </row>
    <row r="978691" spans="14:14">
      <c r="N978691" s="10"/>
    </row>
    <row r="978692" spans="14:14">
      <c r="N978692" s="10"/>
    </row>
    <row r="978693" spans="14:14">
      <c r="N978693" s="10"/>
    </row>
    <row r="978694" spans="14:14">
      <c r="N978694" s="10"/>
    </row>
    <row r="978695" spans="14:14">
      <c r="N978695" s="10"/>
    </row>
    <row r="978696" spans="14:14">
      <c r="N978696" s="10"/>
    </row>
    <row r="978697" spans="14:14">
      <c r="N978697" s="10"/>
    </row>
    <row r="978698" spans="14:14">
      <c r="N978698" s="10"/>
    </row>
    <row r="978699" spans="14:14">
      <c r="N978699" s="10"/>
    </row>
    <row r="978700" spans="14:14">
      <c r="N978700" s="10"/>
    </row>
    <row r="978701" spans="14:14">
      <c r="N978701" s="10"/>
    </row>
    <row r="978702" spans="14:14">
      <c r="N978702" s="10"/>
    </row>
    <row r="978703" spans="14:14">
      <c r="N978703" s="10"/>
    </row>
    <row r="978704" spans="14:14">
      <c r="N978704" s="10"/>
    </row>
    <row r="978705" spans="14:14">
      <c r="N978705" s="10"/>
    </row>
    <row r="978706" spans="14:14">
      <c r="N978706" s="10"/>
    </row>
    <row r="978707" spans="14:14">
      <c r="N978707" s="10"/>
    </row>
    <row r="978708" spans="14:14">
      <c r="N978708" s="10"/>
    </row>
    <row r="978709" spans="14:14">
      <c r="N978709" s="10"/>
    </row>
    <row r="978710" spans="14:14">
      <c r="N978710" s="10"/>
    </row>
    <row r="978711" spans="14:14">
      <c r="N978711" s="10"/>
    </row>
    <row r="978712" spans="14:14">
      <c r="N978712" s="10"/>
    </row>
    <row r="978713" spans="14:14">
      <c r="N978713" s="10"/>
    </row>
    <row r="978714" spans="14:14">
      <c r="N978714" s="10"/>
    </row>
    <row r="978715" spans="14:14">
      <c r="N978715" s="10"/>
    </row>
    <row r="978716" spans="14:14">
      <c r="N978716" s="10"/>
    </row>
    <row r="978717" spans="14:14">
      <c r="N978717" s="10"/>
    </row>
    <row r="978718" spans="14:14">
      <c r="N978718" s="10"/>
    </row>
    <row r="978719" spans="14:14">
      <c r="N978719" s="10"/>
    </row>
    <row r="978720" spans="14:14">
      <c r="N978720" s="10"/>
    </row>
    <row r="978721" spans="14:14">
      <c r="N978721" s="10"/>
    </row>
    <row r="978722" spans="14:14">
      <c r="N978722" s="10"/>
    </row>
    <row r="978723" spans="14:14">
      <c r="N978723" s="10"/>
    </row>
    <row r="978724" spans="14:14">
      <c r="N978724" s="10"/>
    </row>
    <row r="978725" spans="14:14">
      <c r="N978725" s="10"/>
    </row>
    <row r="978726" spans="14:14">
      <c r="N978726" s="10"/>
    </row>
    <row r="978727" spans="14:14">
      <c r="N978727" s="10"/>
    </row>
    <row r="978728" spans="14:14">
      <c r="N978728" s="10"/>
    </row>
    <row r="978729" spans="14:14">
      <c r="N978729" s="10"/>
    </row>
    <row r="978730" spans="14:14">
      <c r="N978730" s="10"/>
    </row>
    <row r="978731" spans="14:14">
      <c r="N978731" s="10"/>
    </row>
    <row r="978732" spans="14:14">
      <c r="N978732" s="10"/>
    </row>
    <row r="978733" spans="14:14">
      <c r="N978733" s="10"/>
    </row>
    <row r="978734" spans="14:14">
      <c r="N978734" s="10"/>
    </row>
    <row r="978735" spans="14:14">
      <c r="N978735" s="10"/>
    </row>
    <row r="978736" spans="14:14">
      <c r="N978736" s="10"/>
    </row>
    <row r="978737" spans="14:14">
      <c r="N978737" s="10"/>
    </row>
    <row r="978738" spans="14:14">
      <c r="N978738" s="10"/>
    </row>
    <row r="978739" spans="14:14">
      <c r="N978739" s="10"/>
    </row>
    <row r="978740" spans="14:14">
      <c r="N978740" s="10"/>
    </row>
    <row r="978741" spans="14:14">
      <c r="N978741" s="10"/>
    </row>
    <row r="978742" spans="14:14">
      <c r="N978742" s="10"/>
    </row>
    <row r="978743" spans="14:14">
      <c r="N978743" s="10"/>
    </row>
    <row r="978744" spans="14:14">
      <c r="N978744" s="10"/>
    </row>
    <row r="978745" spans="14:14">
      <c r="N978745" s="10"/>
    </row>
    <row r="978746" spans="14:14">
      <c r="N978746" s="10"/>
    </row>
    <row r="978747" spans="14:14">
      <c r="N978747" s="10"/>
    </row>
    <row r="978748" spans="14:14">
      <c r="N978748" s="10"/>
    </row>
    <row r="978749" spans="14:14">
      <c r="N978749" s="10"/>
    </row>
    <row r="978750" spans="14:14">
      <c r="N978750" s="10"/>
    </row>
    <row r="978751" spans="14:14">
      <c r="N978751" s="10"/>
    </row>
    <row r="978752" spans="14:14">
      <c r="N978752" s="10"/>
    </row>
    <row r="978753" spans="14:14">
      <c r="N978753" s="10"/>
    </row>
    <row r="978754" spans="14:14">
      <c r="N978754" s="10"/>
    </row>
    <row r="978755" spans="14:14">
      <c r="N978755" s="10"/>
    </row>
    <row r="978756" spans="14:14">
      <c r="N978756" s="10"/>
    </row>
    <row r="978757" spans="14:14">
      <c r="N978757" s="10"/>
    </row>
    <row r="978758" spans="14:14">
      <c r="N978758" s="10"/>
    </row>
    <row r="978759" spans="14:14">
      <c r="N978759" s="10"/>
    </row>
    <row r="978760" spans="14:14">
      <c r="N978760" s="10"/>
    </row>
    <row r="978761" spans="14:14">
      <c r="N978761" s="10"/>
    </row>
    <row r="978762" spans="14:14">
      <c r="N978762" s="10"/>
    </row>
    <row r="978763" spans="14:14">
      <c r="N978763" s="10"/>
    </row>
    <row r="978764" spans="14:14">
      <c r="N978764" s="10"/>
    </row>
    <row r="978765" spans="14:14">
      <c r="N978765" s="10"/>
    </row>
    <row r="978766" spans="14:14">
      <c r="N978766" s="10"/>
    </row>
    <row r="978767" spans="14:14">
      <c r="N978767" s="10"/>
    </row>
    <row r="978768" spans="14:14">
      <c r="N978768" s="10"/>
    </row>
    <row r="978769" spans="14:14">
      <c r="N978769" s="10"/>
    </row>
    <row r="978770" spans="14:14">
      <c r="N978770" s="10"/>
    </row>
    <row r="978771" spans="14:14">
      <c r="N978771" s="10"/>
    </row>
    <row r="978772" spans="14:14">
      <c r="N978772" s="10"/>
    </row>
    <row r="978773" spans="14:14">
      <c r="N978773" s="10"/>
    </row>
    <row r="978774" spans="14:14">
      <c r="N978774" s="10"/>
    </row>
    <row r="978775" spans="14:14">
      <c r="N978775" s="10"/>
    </row>
    <row r="978776" spans="14:14">
      <c r="N978776" s="10"/>
    </row>
    <row r="978777" spans="14:14">
      <c r="N978777" s="10"/>
    </row>
    <row r="978778" spans="14:14">
      <c r="N978778" s="10"/>
    </row>
    <row r="978779" spans="14:14">
      <c r="N978779" s="10"/>
    </row>
    <row r="978780" spans="14:14">
      <c r="N978780" s="10"/>
    </row>
    <row r="978781" spans="14:14">
      <c r="N978781" s="10"/>
    </row>
    <row r="978782" spans="14:14">
      <c r="N978782" s="10"/>
    </row>
    <row r="978783" spans="14:14">
      <c r="N978783" s="10"/>
    </row>
    <row r="978784" spans="14:14">
      <c r="N978784" s="10"/>
    </row>
    <row r="978785" spans="14:14">
      <c r="N978785" s="10"/>
    </row>
    <row r="978786" spans="14:14">
      <c r="N978786" s="10"/>
    </row>
    <row r="978787" spans="14:14">
      <c r="N978787" s="10"/>
    </row>
    <row r="978788" spans="14:14">
      <c r="N978788" s="10"/>
    </row>
    <row r="978789" spans="14:14">
      <c r="N978789" s="10"/>
    </row>
    <row r="978790" spans="14:14">
      <c r="N978790" s="10"/>
    </row>
    <row r="978791" spans="14:14">
      <c r="N978791" s="10"/>
    </row>
    <row r="978792" spans="14:14">
      <c r="N978792" s="10"/>
    </row>
    <row r="978793" spans="14:14">
      <c r="N978793" s="10"/>
    </row>
    <row r="978794" spans="14:14">
      <c r="N978794" s="10"/>
    </row>
    <row r="978795" spans="14:14">
      <c r="N978795" s="10"/>
    </row>
    <row r="978796" spans="14:14">
      <c r="N978796" s="10"/>
    </row>
    <row r="978797" spans="14:14">
      <c r="N978797" s="10"/>
    </row>
    <row r="978798" spans="14:14">
      <c r="N978798" s="10"/>
    </row>
    <row r="978799" spans="14:14">
      <c r="N978799" s="10"/>
    </row>
    <row r="978800" spans="14:14">
      <c r="N978800" s="10"/>
    </row>
    <row r="978801" spans="14:14">
      <c r="N978801" s="10"/>
    </row>
    <row r="978802" spans="14:14">
      <c r="N978802" s="10"/>
    </row>
    <row r="978803" spans="14:14">
      <c r="N978803" s="10"/>
    </row>
    <row r="978804" spans="14:14">
      <c r="N978804" s="10"/>
    </row>
    <row r="978805" spans="14:14">
      <c r="N978805" s="10"/>
    </row>
    <row r="978806" spans="14:14">
      <c r="N978806" s="10"/>
    </row>
    <row r="978807" spans="14:14">
      <c r="N978807" s="10"/>
    </row>
    <row r="978808" spans="14:14">
      <c r="N978808" s="10"/>
    </row>
    <row r="978809" spans="14:14">
      <c r="N978809" s="10"/>
    </row>
    <row r="978810" spans="14:14">
      <c r="N978810" s="10"/>
    </row>
    <row r="978811" spans="14:14">
      <c r="N978811" s="10"/>
    </row>
    <row r="978812" spans="14:14">
      <c r="N978812" s="10"/>
    </row>
    <row r="978813" spans="14:14">
      <c r="N978813" s="10"/>
    </row>
    <row r="978814" spans="14:14">
      <c r="N978814" s="10"/>
    </row>
    <row r="978815" spans="14:14">
      <c r="N978815" s="10"/>
    </row>
    <row r="978816" spans="14:14">
      <c r="N978816" s="10"/>
    </row>
    <row r="978817" spans="14:14">
      <c r="N978817" s="10"/>
    </row>
    <row r="978818" spans="14:14">
      <c r="N978818" s="10"/>
    </row>
    <row r="978819" spans="14:14">
      <c r="N978819" s="10"/>
    </row>
    <row r="978820" spans="14:14">
      <c r="N978820" s="10"/>
    </row>
    <row r="978821" spans="14:14">
      <c r="N978821" s="10"/>
    </row>
    <row r="978822" spans="14:14">
      <c r="N978822" s="10"/>
    </row>
    <row r="978823" spans="14:14">
      <c r="N978823" s="10"/>
    </row>
    <row r="978824" spans="14:14">
      <c r="N978824" s="10"/>
    </row>
    <row r="978825" spans="14:14">
      <c r="N978825" s="10"/>
    </row>
    <row r="978826" spans="14:14">
      <c r="N978826" s="10"/>
    </row>
    <row r="978827" spans="14:14">
      <c r="N978827" s="10"/>
    </row>
    <row r="978828" spans="14:14">
      <c r="N978828" s="10"/>
    </row>
    <row r="978829" spans="14:14">
      <c r="N978829" s="10"/>
    </row>
    <row r="978830" spans="14:14">
      <c r="N978830" s="10"/>
    </row>
    <row r="978831" spans="14:14">
      <c r="N978831" s="10"/>
    </row>
    <row r="978832" spans="14:14">
      <c r="N978832" s="10"/>
    </row>
    <row r="978833" spans="14:14">
      <c r="N978833" s="10"/>
    </row>
    <row r="978834" spans="14:14">
      <c r="N978834" s="10"/>
    </row>
    <row r="978835" spans="14:14">
      <c r="N978835" s="10"/>
    </row>
    <row r="978836" spans="14:14">
      <c r="N978836" s="10"/>
    </row>
    <row r="978837" spans="14:14">
      <c r="N978837" s="10"/>
    </row>
    <row r="978838" spans="14:14">
      <c r="N978838" s="10"/>
    </row>
    <row r="978839" spans="14:14">
      <c r="N978839" s="10"/>
    </row>
    <row r="978840" spans="14:14">
      <c r="N978840" s="10"/>
    </row>
    <row r="978841" spans="14:14">
      <c r="N978841" s="10"/>
    </row>
    <row r="978842" spans="14:14">
      <c r="N978842" s="10"/>
    </row>
    <row r="978843" spans="14:14">
      <c r="N978843" s="10"/>
    </row>
    <row r="978844" spans="14:14">
      <c r="N978844" s="10"/>
    </row>
    <row r="978845" spans="14:14">
      <c r="N978845" s="10"/>
    </row>
    <row r="978846" spans="14:14">
      <c r="N978846" s="10"/>
    </row>
    <row r="978847" spans="14:14">
      <c r="N978847" s="10"/>
    </row>
    <row r="978848" spans="14:14">
      <c r="N978848" s="10"/>
    </row>
    <row r="978849" spans="14:14">
      <c r="N978849" s="10"/>
    </row>
    <row r="978850" spans="14:14">
      <c r="N978850" s="10"/>
    </row>
    <row r="978851" spans="14:14">
      <c r="N978851" s="10"/>
    </row>
    <row r="978852" spans="14:14">
      <c r="N978852" s="10"/>
    </row>
    <row r="978853" spans="14:14">
      <c r="N978853" s="10"/>
    </row>
    <row r="978854" spans="14:14">
      <c r="N978854" s="10"/>
    </row>
    <row r="978855" spans="14:14">
      <c r="N978855" s="10"/>
    </row>
    <row r="978856" spans="14:14">
      <c r="N978856" s="10"/>
    </row>
    <row r="978857" spans="14:14">
      <c r="N978857" s="10"/>
    </row>
    <row r="978858" spans="14:14">
      <c r="N978858" s="10"/>
    </row>
    <row r="978859" spans="14:14">
      <c r="N978859" s="10"/>
    </row>
    <row r="978860" spans="14:14">
      <c r="N978860" s="10"/>
    </row>
    <row r="978861" spans="14:14">
      <c r="N978861" s="10"/>
    </row>
    <row r="978862" spans="14:14">
      <c r="N978862" s="10"/>
    </row>
    <row r="978863" spans="14:14">
      <c r="N978863" s="10"/>
    </row>
    <row r="978864" spans="14:14">
      <c r="N978864" s="10"/>
    </row>
    <row r="978865" spans="14:14">
      <c r="N978865" s="10"/>
    </row>
    <row r="978866" spans="14:14">
      <c r="N978866" s="10"/>
    </row>
    <row r="978867" spans="14:14">
      <c r="N978867" s="10"/>
    </row>
    <row r="978868" spans="14:14">
      <c r="N978868" s="10"/>
    </row>
    <row r="978869" spans="14:14">
      <c r="N978869" s="10"/>
    </row>
    <row r="978870" spans="14:14">
      <c r="N978870" s="10"/>
    </row>
    <row r="978871" spans="14:14">
      <c r="N978871" s="10"/>
    </row>
    <row r="978872" spans="14:14">
      <c r="N978872" s="10"/>
    </row>
    <row r="978873" spans="14:14">
      <c r="N978873" s="10"/>
    </row>
    <row r="978874" spans="14:14">
      <c r="N978874" s="10"/>
    </row>
    <row r="978875" spans="14:14">
      <c r="N978875" s="10"/>
    </row>
    <row r="978876" spans="14:14">
      <c r="N978876" s="10"/>
    </row>
    <row r="978877" spans="14:14">
      <c r="N978877" s="10"/>
    </row>
    <row r="978878" spans="14:14">
      <c r="N978878" s="10"/>
    </row>
    <row r="978879" spans="14:14">
      <c r="N978879" s="10"/>
    </row>
    <row r="978880" spans="14:14">
      <c r="N978880" s="10"/>
    </row>
    <row r="978881" spans="14:14">
      <c r="N978881" s="10"/>
    </row>
    <row r="978882" spans="14:14">
      <c r="N978882" s="10"/>
    </row>
    <row r="978883" spans="14:14">
      <c r="N978883" s="10"/>
    </row>
    <row r="978884" spans="14:14">
      <c r="N978884" s="10"/>
    </row>
    <row r="978885" spans="14:14">
      <c r="N978885" s="10"/>
    </row>
    <row r="978886" spans="14:14">
      <c r="N978886" s="10"/>
    </row>
    <row r="978887" spans="14:14">
      <c r="N978887" s="10"/>
    </row>
    <row r="978888" spans="14:14">
      <c r="N978888" s="10"/>
    </row>
    <row r="978889" spans="14:14">
      <c r="N978889" s="10"/>
    </row>
    <row r="978890" spans="14:14">
      <c r="N978890" s="10"/>
    </row>
    <row r="978891" spans="14:14">
      <c r="N978891" s="10"/>
    </row>
    <row r="978892" spans="14:14">
      <c r="N978892" s="10"/>
    </row>
    <row r="978893" spans="14:14">
      <c r="N978893" s="10"/>
    </row>
    <row r="978894" spans="14:14">
      <c r="N978894" s="10"/>
    </row>
    <row r="978895" spans="14:14">
      <c r="N978895" s="10"/>
    </row>
    <row r="978896" spans="14:14">
      <c r="N978896" s="10"/>
    </row>
    <row r="978897" spans="14:14">
      <c r="N978897" s="10"/>
    </row>
    <row r="978898" spans="14:14">
      <c r="N978898" s="10"/>
    </row>
    <row r="978899" spans="14:14">
      <c r="N978899" s="10"/>
    </row>
    <row r="978900" spans="14:14">
      <c r="N978900" s="10"/>
    </row>
    <row r="978901" spans="14:14">
      <c r="N978901" s="10"/>
    </row>
    <row r="978902" spans="14:14">
      <c r="N978902" s="10"/>
    </row>
    <row r="978903" spans="14:14">
      <c r="N978903" s="10"/>
    </row>
    <row r="978904" spans="14:14">
      <c r="N978904" s="10"/>
    </row>
    <row r="978905" spans="14:14">
      <c r="N978905" s="10"/>
    </row>
    <row r="978906" spans="14:14">
      <c r="N978906" s="10"/>
    </row>
    <row r="978907" spans="14:14">
      <c r="N978907" s="10"/>
    </row>
    <row r="978908" spans="14:14">
      <c r="N978908" s="10"/>
    </row>
    <row r="978909" spans="14:14">
      <c r="N978909" s="10"/>
    </row>
    <row r="978910" spans="14:14">
      <c r="N978910" s="10"/>
    </row>
    <row r="978911" spans="14:14">
      <c r="N978911" s="10"/>
    </row>
    <row r="978912" spans="14:14">
      <c r="N978912" s="10"/>
    </row>
    <row r="978913" spans="14:14">
      <c r="N978913" s="10"/>
    </row>
    <row r="978914" spans="14:14">
      <c r="N978914" s="10"/>
    </row>
    <row r="978915" spans="14:14">
      <c r="N978915" s="10"/>
    </row>
    <row r="978916" spans="14:14">
      <c r="N978916" s="10"/>
    </row>
    <row r="978917" spans="14:14">
      <c r="N978917" s="10"/>
    </row>
    <row r="978918" spans="14:14">
      <c r="N978918" s="10"/>
    </row>
    <row r="978919" spans="14:14">
      <c r="N978919" s="10"/>
    </row>
    <row r="978920" spans="14:14">
      <c r="N978920" s="10"/>
    </row>
    <row r="978921" spans="14:14">
      <c r="N978921" s="10"/>
    </row>
    <row r="978922" spans="14:14">
      <c r="N978922" s="10"/>
    </row>
    <row r="978923" spans="14:14">
      <c r="N978923" s="10"/>
    </row>
    <row r="978924" spans="14:14">
      <c r="N978924" s="10"/>
    </row>
    <row r="978925" spans="14:14">
      <c r="N978925" s="10"/>
    </row>
    <row r="978926" spans="14:14">
      <c r="N978926" s="10"/>
    </row>
    <row r="978927" spans="14:14">
      <c r="N978927" s="10"/>
    </row>
    <row r="978928" spans="14:14">
      <c r="N978928" s="10"/>
    </row>
    <row r="978929" spans="14:14">
      <c r="N978929" s="10"/>
    </row>
    <row r="978930" spans="14:14">
      <c r="N978930" s="10"/>
    </row>
    <row r="978931" spans="14:14">
      <c r="N978931" s="10"/>
    </row>
    <row r="978932" spans="14:14">
      <c r="N978932" s="10"/>
    </row>
    <row r="978933" spans="14:14">
      <c r="N978933" s="10"/>
    </row>
    <row r="978934" spans="14:14">
      <c r="N978934" s="10"/>
    </row>
    <row r="978935" spans="14:14">
      <c r="N978935" s="10"/>
    </row>
    <row r="978936" spans="14:14">
      <c r="N978936" s="10"/>
    </row>
    <row r="978937" spans="14:14">
      <c r="N978937" s="10"/>
    </row>
    <row r="978938" spans="14:14">
      <c r="N978938" s="10"/>
    </row>
    <row r="978939" spans="14:14">
      <c r="N978939" s="10"/>
    </row>
    <row r="978940" spans="14:14">
      <c r="N978940" s="10"/>
    </row>
    <row r="978941" spans="14:14">
      <c r="N978941" s="10"/>
    </row>
    <row r="978942" spans="14:14">
      <c r="N978942" s="10"/>
    </row>
    <row r="978943" spans="14:14">
      <c r="N978943" s="10"/>
    </row>
    <row r="978944" spans="14:14">
      <c r="N978944" s="10"/>
    </row>
    <row r="978945" spans="14:14">
      <c r="N978945" s="10"/>
    </row>
    <row r="978946" spans="14:14">
      <c r="N978946" s="10"/>
    </row>
    <row r="978947" spans="14:14">
      <c r="N978947" s="10"/>
    </row>
    <row r="978948" spans="14:14">
      <c r="N978948" s="10"/>
    </row>
    <row r="978949" spans="14:14">
      <c r="N978949" s="10"/>
    </row>
    <row r="978950" spans="14:14">
      <c r="N978950" s="10"/>
    </row>
    <row r="978951" spans="14:14">
      <c r="N978951" s="10"/>
    </row>
    <row r="978952" spans="14:14">
      <c r="N978952" s="10"/>
    </row>
    <row r="978953" spans="14:14">
      <c r="N978953" s="10"/>
    </row>
    <row r="978954" spans="14:14">
      <c r="N978954" s="10"/>
    </row>
    <row r="978955" spans="14:14">
      <c r="N978955" s="10"/>
    </row>
    <row r="978956" spans="14:14">
      <c r="N978956" s="10"/>
    </row>
    <row r="978957" spans="14:14">
      <c r="N978957" s="10"/>
    </row>
    <row r="978958" spans="14:14">
      <c r="N978958" s="10"/>
    </row>
    <row r="978959" spans="14:14">
      <c r="N978959" s="10"/>
    </row>
    <row r="978960" spans="14:14">
      <c r="N978960" s="10"/>
    </row>
    <row r="978961" spans="14:14">
      <c r="N978961" s="10"/>
    </row>
    <row r="978962" spans="14:14">
      <c r="N978962" s="10"/>
    </row>
    <row r="978963" spans="14:14">
      <c r="N978963" s="10"/>
    </row>
    <row r="978964" spans="14:14">
      <c r="N978964" s="10"/>
    </row>
    <row r="978965" spans="14:14">
      <c r="N978965" s="10"/>
    </row>
    <row r="978966" spans="14:14">
      <c r="N978966" s="10"/>
    </row>
    <row r="978967" spans="14:14">
      <c r="N978967" s="10"/>
    </row>
    <row r="978968" spans="14:14">
      <c r="N978968" s="10"/>
    </row>
    <row r="978969" spans="14:14">
      <c r="N978969" s="10"/>
    </row>
    <row r="978970" spans="14:14">
      <c r="N978970" s="10"/>
    </row>
    <row r="978971" spans="14:14">
      <c r="N978971" s="10"/>
    </row>
    <row r="978972" spans="14:14">
      <c r="N978972" s="10"/>
    </row>
    <row r="978973" spans="14:14">
      <c r="N978973" s="10"/>
    </row>
    <row r="978974" spans="14:14">
      <c r="N978974" s="10"/>
    </row>
    <row r="978975" spans="14:14">
      <c r="N978975" s="10"/>
    </row>
    <row r="978976" spans="14:14">
      <c r="N978976" s="10"/>
    </row>
    <row r="978977" spans="14:14">
      <c r="N978977" s="10"/>
    </row>
    <row r="978978" spans="14:14">
      <c r="N978978" s="10"/>
    </row>
    <row r="978979" spans="14:14">
      <c r="N978979" s="10"/>
    </row>
    <row r="978980" spans="14:14">
      <c r="N978980" s="10"/>
    </row>
    <row r="978981" spans="14:14">
      <c r="N978981" s="10"/>
    </row>
    <row r="978982" spans="14:14">
      <c r="N978982" s="10"/>
    </row>
    <row r="978983" spans="14:14">
      <c r="N978983" s="10"/>
    </row>
    <row r="978984" spans="14:14">
      <c r="N978984" s="10"/>
    </row>
    <row r="978985" spans="14:14">
      <c r="N978985" s="10"/>
    </row>
    <row r="978986" spans="14:14">
      <c r="N978986" s="10"/>
    </row>
    <row r="978987" spans="14:14">
      <c r="N978987" s="10"/>
    </row>
    <row r="978988" spans="14:14">
      <c r="N978988" s="10"/>
    </row>
    <row r="978989" spans="14:14">
      <c r="N978989" s="10"/>
    </row>
    <row r="978990" spans="14:14">
      <c r="N978990" s="10"/>
    </row>
    <row r="978991" spans="14:14">
      <c r="N978991" s="10"/>
    </row>
    <row r="978992" spans="14:14">
      <c r="N978992" s="10"/>
    </row>
    <row r="978993" spans="14:14">
      <c r="N978993" s="10"/>
    </row>
    <row r="978994" spans="14:14">
      <c r="N978994" s="10"/>
    </row>
    <row r="978995" spans="14:14">
      <c r="N978995" s="10"/>
    </row>
    <row r="978996" spans="14:14">
      <c r="N978996" s="10"/>
    </row>
    <row r="978997" spans="14:14">
      <c r="N978997" s="10"/>
    </row>
    <row r="978998" spans="14:14">
      <c r="N978998" s="10"/>
    </row>
    <row r="978999" spans="14:14">
      <c r="N978999" s="10"/>
    </row>
    <row r="979000" spans="14:14">
      <c r="N979000" s="10"/>
    </row>
    <row r="979001" spans="14:14">
      <c r="N979001" s="10"/>
    </row>
    <row r="979002" spans="14:14">
      <c r="N979002" s="10"/>
    </row>
    <row r="979003" spans="14:14">
      <c r="N979003" s="10"/>
    </row>
    <row r="979004" spans="14:14">
      <c r="N979004" s="10"/>
    </row>
    <row r="979005" spans="14:14">
      <c r="N979005" s="10"/>
    </row>
    <row r="979006" spans="14:14">
      <c r="N979006" s="10"/>
    </row>
    <row r="979007" spans="14:14">
      <c r="N979007" s="10"/>
    </row>
    <row r="979008" spans="14:14">
      <c r="N979008" s="10"/>
    </row>
    <row r="979009" spans="14:14">
      <c r="N979009" s="10"/>
    </row>
    <row r="979010" spans="14:14">
      <c r="N979010" s="10"/>
    </row>
    <row r="979011" spans="14:14">
      <c r="N979011" s="10"/>
    </row>
    <row r="979012" spans="14:14">
      <c r="N979012" s="10"/>
    </row>
    <row r="979013" spans="14:14">
      <c r="N979013" s="10"/>
    </row>
    <row r="979014" spans="14:14">
      <c r="N979014" s="10"/>
    </row>
    <row r="979015" spans="14:14">
      <c r="N979015" s="10"/>
    </row>
    <row r="979016" spans="14:14">
      <c r="N979016" s="10"/>
    </row>
    <row r="979017" spans="14:14">
      <c r="N979017" s="10"/>
    </row>
    <row r="979018" spans="14:14">
      <c r="N979018" s="10"/>
    </row>
    <row r="979019" spans="14:14">
      <c r="N979019" s="10"/>
    </row>
    <row r="979020" spans="14:14">
      <c r="N979020" s="10"/>
    </row>
    <row r="979021" spans="14:14">
      <c r="N979021" s="10"/>
    </row>
    <row r="979022" spans="14:14">
      <c r="N979022" s="10"/>
    </row>
    <row r="979023" spans="14:14">
      <c r="N979023" s="10"/>
    </row>
    <row r="979024" spans="14:14">
      <c r="N979024" s="10"/>
    </row>
    <row r="979025" spans="14:14">
      <c r="N979025" s="10"/>
    </row>
    <row r="979026" spans="14:14">
      <c r="N979026" s="10"/>
    </row>
    <row r="979027" spans="14:14">
      <c r="N979027" s="10"/>
    </row>
    <row r="979028" spans="14:14">
      <c r="N979028" s="10"/>
    </row>
    <row r="979029" spans="14:14">
      <c r="N979029" s="10"/>
    </row>
    <row r="979030" spans="14:14">
      <c r="N979030" s="10"/>
    </row>
    <row r="979031" spans="14:14">
      <c r="N979031" s="10"/>
    </row>
    <row r="979032" spans="14:14">
      <c r="N979032" s="10"/>
    </row>
    <row r="979033" spans="14:14">
      <c r="N979033" s="10"/>
    </row>
    <row r="979034" spans="14:14">
      <c r="N979034" s="10"/>
    </row>
    <row r="979035" spans="14:14">
      <c r="N979035" s="10"/>
    </row>
    <row r="979036" spans="14:14">
      <c r="N979036" s="10"/>
    </row>
    <row r="979037" spans="14:14">
      <c r="N979037" s="10"/>
    </row>
    <row r="979038" spans="14:14">
      <c r="N979038" s="10"/>
    </row>
    <row r="979039" spans="14:14">
      <c r="N979039" s="10"/>
    </row>
    <row r="979040" spans="14:14">
      <c r="N979040" s="10"/>
    </row>
    <row r="979041" spans="14:14">
      <c r="N979041" s="10"/>
    </row>
    <row r="979042" spans="14:14">
      <c r="N979042" s="10"/>
    </row>
    <row r="979043" spans="14:14">
      <c r="N979043" s="10"/>
    </row>
    <row r="979044" spans="14:14">
      <c r="N979044" s="10"/>
    </row>
    <row r="979045" spans="14:14">
      <c r="N979045" s="10"/>
    </row>
    <row r="979046" spans="14:14">
      <c r="N979046" s="10"/>
    </row>
    <row r="979047" spans="14:14">
      <c r="N979047" s="10"/>
    </row>
    <row r="979048" spans="14:14">
      <c r="N979048" s="10"/>
    </row>
    <row r="979049" spans="14:14">
      <c r="N979049" s="10"/>
    </row>
    <row r="979050" spans="14:14">
      <c r="N979050" s="10"/>
    </row>
    <row r="979051" spans="14:14">
      <c r="N979051" s="10"/>
    </row>
    <row r="979052" spans="14:14">
      <c r="N979052" s="10"/>
    </row>
    <row r="979053" spans="14:14">
      <c r="N979053" s="10"/>
    </row>
    <row r="979054" spans="14:14">
      <c r="N979054" s="10"/>
    </row>
    <row r="979055" spans="14:14">
      <c r="N979055" s="10"/>
    </row>
    <row r="979056" spans="14:14">
      <c r="N979056" s="10"/>
    </row>
    <row r="979057" spans="14:14">
      <c r="N979057" s="10"/>
    </row>
    <row r="979058" spans="14:14">
      <c r="N979058" s="10"/>
    </row>
    <row r="979059" spans="14:14">
      <c r="N979059" s="10"/>
    </row>
    <row r="979060" spans="14:14">
      <c r="N979060" s="10"/>
    </row>
    <row r="979061" spans="14:14">
      <c r="N979061" s="10"/>
    </row>
    <row r="979062" spans="14:14">
      <c r="N979062" s="10"/>
    </row>
    <row r="979063" spans="14:14">
      <c r="N979063" s="10"/>
    </row>
    <row r="979064" spans="14:14">
      <c r="N979064" s="10"/>
    </row>
    <row r="979065" spans="14:14">
      <c r="N979065" s="10"/>
    </row>
    <row r="979066" spans="14:14">
      <c r="N979066" s="10"/>
    </row>
    <row r="979067" spans="14:14">
      <c r="N979067" s="10"/>
    </row>
    <row r="979068" spans="14:14">
      <c r="N979068" s="10"/>
    </row>
    <row r="979069" spans="14:14">
      <c r="N979069" s="10"/>
    </row>
    <row r="979070" spans="14:14">
      <c r="N979070" s="10"/>
    </row>
    <row r="979071" spans="14:14">
      <c r="N979071" s="10"/>
    </row>
    <row r="979072" spans="14:14">
      <c r="N979072" s="10"/>
    </row>
    <row r="979073" spans="14:14">
      <c r="N979073" s="10"/>
    </row>
    <row r="979074" spans="14:14">
      <c r="N979074" s="10"/>
    </row>
    <row r="979075" spans="14:14">
      <c r="N979075" s="10"/>
    </row>
    <row r="979076" spans="14:14">
      <c r="N979076" s="10"/>
    </row>
    <row r="979077" spans="14:14">
      <c r="N979077" s="10"/>
    </row>
    <row r="979078" spans="14:14">
      <c r="N979078" s="10"/>
    </row>
    <row r="979079" spans="14:14">
      <c r="N979079" s="10"/>
    </row>
    <row r="979080" spans="14:14">
      <c r="N979080" s="10"/>
    </row>
    <row r="979081" spans="14:14">
      <c r="N979081" s="10"/>
    </row>
    <row r="979082" spans="14:14">
      <c r="N979082" s="10"/>
    </row>
    <row r="979083" spans="14:14">
      <c r="N979083" s="10"/>
    </row>
    <row r="979084" spans="14:14">
      <c r="N979084" s="10"/>
    </row>
    <row r="979085" spans="14:14">
      <c r="N979085" s="10"/>
    </row>
    <row r="979086" spans="14:14">
      <c r="N979086" s="10"/>
    </row>
    <row r="979087" spans="14:14">
      <c r="N979087" s="10"/>
    </row>
    <row r="979088" spans="14:14">
      <c r="N979088" s="10"/>
    </row>
    <row r="979089" spans="14:14">
      <c r="N979089" s="10"/>
    </row>
    <row r="979090" spans="14:14">
      <c r="N979090" s="10"/>
    </row>
    <row r="979091" spans="14:14">
      <c r="N979091" s="10"/>
    </row>
    <row r="979092" spans="14:14">
      <c r="N979092" s="10"/>
    </row>
    <row r="979093" spans="14:14">
      <c r="N979093" s="10"/>
    </row>
    <row r="979094" spans="14:14">
      <c r="N979094" s="10"/>
    </row>
    <row r="979095" spans="14:14">
      <c r="N979095" s="10"/>
    </row>
    <row r="979096" spans="14:14">
      <c r="N979096" s="10"/>
    </row>
    <row r="979097" spans="14:14">
      <c r="N979097" s="10"/>
    </row>
    <row r="979098" spans="14:14">
      <c r="N979098" s="10"/>
    </row>
    <row r="979099" spans="14:14">
      <c r="N979099" s="10"/>
    </row>
    <row r="979100" spans="14:14">
      <c r="N979100" s="10"/>
    </row>
    <row r="979101" spans="14:14">
      <c r="N979101" s="10"/>
    </row>
    <row r="979102" spans="14:14">
      <c r="N979102" s="10"/>
    </row>
    <row r="979103" spans="14:14">
      <c r="N979103" s="10"/>
    </row>
    <row r="979104" spans="14:14">
      <c r="N979104" s="10"/>
    </row>
    <row r="979105" spans="14:14">
      <c r="N979105" s="10"/>
    </row>
    <row r="979106" spans="14:14">
      <c r="N979106" s="10"/>
    </row>
    <row r="979107" spans="14:14">
      <c r="N979107" s="10"/>
    </row>
    <row r="979108" spans="14:14">
      <c r="N979108" s="10"/>
    </row>
    <row r="979109" spans="14:14">
      <c r="N979109" s="10"/>
    </row>
    <row r="979110" spans="14:14">
      <c r="N979110" s="10"/>
    </row>
    <row r="979111" spans="14:14">
      <c r="N979111" s="10"/>
    </row>
    <row r="979112" spans="14:14">
      <c r="N979112" s="10"/>
    </row>
    <row r="979113" spans="14:14">
      <c r="N979113" s="10"/>
    </row>
    <row r="979114" spans="14:14">
      <c r="N979114" s="10"/>
    </row>
    <row r="979115" spans="14:14">
      <c r="N979115" s="10"/>
    </row>
    <row r="979116" spans="14:14">
      <c r="N979116" s="10"/>
    </row>
    <row r="979117" spans="14:14">
      <c r="N979117" s="10"/>
    </row>
    <row r="979118" spans="14:14">
      <c r="N979118" s="10"/>
    </row>
    <row r="979119" spans="14:14">
      <c r="N979119" s="10"/>
    </row>
    <row r="979120" spans="14:14">
      <c r="N979120" s="10"/>
    </row>
    <row r="979121" spans="14:14">
      <c r="N979121" s="10"/>
    </row>
    <row r="979122" spans="14:14">
      <c r="N979122" s="10"/>
    </row>
    <row r="979123" spans="14:14">
      <c r="N979123" s="10"/>
    </row>
    <row r="979124" spans="14:14">
      <c r="N979124" s="10"/>
    </row>
    <row r="979125" spans="14:14">
      <c r="N979125" s="10"/>
    </row>
    <row r="979126" spans="14:14">
      <c r="N979126" s="10"/>
    </row>
    <row r="979127" spans="14:14">
      <c r="N979127" s="10"/>
    </row>
    <row r="979128" spans="14:14">
      <c r="N979128" s="10"/>
    </row>
    <row r="979129" spans="14:14">
      <c r="N979129" s="10"/>
    </row>
    <row r="979130" spans="14:14">
      <c r="N979130" s="10"/>
    </row>
    <row r="979131" spans="14:14">
      <c r="N979131" s="10"/>
    </row>
    <row r="979132" spans="14:14">
      <c r="N979132" s="10"/>
    </row>
    <row r="979133" spans="14:14">
      <c r="N979133" s="10"/>
    </row>
    <row r="979134" spans="14:14">
      <c r="N979134" s="10"/>
    </row>
    <row r="979135" spans="14:14">
      <c r="N979135" s="10"/>
    </row>
    <row r="979136" spans="14:14">
      <c r="N979136" s="10"/>
    </row>
    <row r="979137" spans="14:14">
      <c r="N979137" s="10"/>
    </row>
    <row r="979138" spans="14:14">
      <c r="N979138" s="10"/>
    </row>
    <row r="979139" spans="14:14">
      <c r="N979139" s="10"/>
    </row>
    <row r="979140" spans="14:14">
      <c r="N979140" s="10"/>
    </row>
    <row r="979141" spans="14:14">
      <c r="N979141" s="10"/>
    </row>
    <row r="979142" spans="14:14">
      <c r="N979142" s="10"/>
    </row>
    <row r="979143" spans="14:14">
      <c r="N979143" s="10"/>
    </row>
    <row r="979144" spans="14:14">
      <c r="N979144" s="10"/>
    </row>
    <row r="979145" spans="14:14">
      <c r="N979145" s="10"/>
    </row>
    <row r="979146" spans="14:14">
      <c r="N979146" s="10"/>
    </row>
    <row r="979147" spans="14:14">
      <c r="N979147" s="10"/>
    </row>
    <row r="979148" spans="14:14">
      <c r="N979148" s="10"/>
    </row>
    <row r="979149" spans="14:14">
      <c r="N979149" s="10"/>
    </row>
    <row r="979150" spans="14:14">
      <c r="N979150" s="10"/>
    </row>
    <row r="979151" spans="14:14">
      <c r="N979151" s="10"/>
    </row>
    <row r="979152" spans="14:14">
      <c r="N979152" s="10"/>
    </row>
    <row r="979153" spans="14:14">
      <c r="N979153" s="10"/>
    </row>
    <row r="979154" spans="14:14">
      <c r="N979154" s="10"/>
    </row>
    <row r="979155" spans="14:14">
      <c r="N979155" s="10"/>
    </row>
    <row r="979156" spans="14:14">
      <c r="N979156" s="10"/>
    </row>
    <row r="979157" spans="14:14">
      <c r="N979157" s="10"/>
    </row>
    <row r="979158" spans="14:14">
      <c r="N979158" s="10"/>
    </row>
    <row r="979159" spans="14:14">
      <c r="N979159" s="10"/>
    </row>
    <row r="979160" spans="14:14">
      <c r="N979160" s="10"/>
    </row>
    <row r="979161" spans="14:14">
      <c r="N979161" s="10"/>
    </row>
    <row r="979162" spans="14:14">
      <c r="N979162" s="10"/>
    </row>
    <row r="979163" spans="14:14">
      <c r="N979163" s="10"/>
    </row>
    <row r="979164" spans="14:14">
      <c r="N979164" s="10"/>
    </row>
    <row r="979165" spans="14:14">
      <c r="N979165" s="10"/>
    </row>
    <row r="979166" spans="14:14">
      <c r="N979166" s="10"/>
    </row>
    <row r="979167" spans="14:14">
      <c r="N979167" s="10"/>
    </row>
    <row r="979168" spans="14:14">
      <c r="N979168" s="10"/>
    </row>
    <row r="979169" spans="14:14">
      <c r="N979169" s="10"/>
    </row>
    <row r="979170" spans="14:14">
      <c r="N979170" s="10"/>
    </row>
    <row r="979171" spans="14:14">
      <c r="N979171" s="10"/>
    </row>
    <row r="979172" spans="14:14">
      <c r="N979172" s="10"/>
    </row>
    <row r="979173" spans="14:14">
      <c r="N979173" s="10"/>
    </row>
    <row r="979174" spans="14:14">
      <c r="N979174" s="10"/>
    </row>
    <row r="979175" spans="14:14">
      <c r="N979175" s="10"/>
    </row>
    <row r="979176" spans="14:14">
      <c r="N979176" s="10"/>
    </row>
    <row r="979177" spans="14:14">
      <c r="N979177" s="10"/>
    </row>
    <row r="979178" spans="14:14">
      <c r="N979178" s="10"/>
    </row>
    <row r="979179" spans="14:14">
      <c r="N979179" s="10"/>
    </row>
    <row r="979180" spans="14:14">
      <c r="N979180" s="10"/>
    </row>
    <row r="979181" spans="14:14">
      <c r="N979181" s="10"/>
    </row>
    <row r="979182" spans="14:14">
      <c r="N979182" s="10"/>
    </row>
    <row r="979183" spans="14:14">
      <c r="N979183" s="10"/>
    </row>
    <row r="979184" spans="14:14">
      <c r="N979184" s="10"/>
    </row>
    <row r="979185" spans="14:14">
      <c r="N979185" s="10"/>
    </row>
    <row r="979186" spans="14:14">
      <c r="N979186" s="10"/>
    </row>
    <row r="979187" spans="14:14">
      <c r="N979187" s="10"/>
    </row>
    <row r="979188" spans="14:14">
      <c r="N979188" s="10"/>
    </row>
    <row r="979189" spans="14:14">
      <c r="N979189" s="10"/>
    </row>
    <row r="979190" spans="14:14">
      <c r="N979190" s="10"/>
    </row>
    <row r="979191" spans="14:14">
      <c r="N979191" s="10"/>
    </row>
    <row r="979192" spans="14:14">
      <c r="N979192" s="10"/>
    </row>
    <row r="979193" spans="14:14">
      <c r="N979193" s="10"/>
    </row>
    <row r="979194" spans="14:14">
      <c r="N979194" s="10"/>
    </row>
    <row r="979195" spans="14:14">
      <c r="N979195" s="10"/>
    </row>
    <row r="979196" spans="14:14">
      <c r="N979196" s="10"/>
    </row>
    <row r="979197" spans="14:14">
      <c r="N979197" s="10"/>
    </row>
    <row r="979198" spans="14:14">
      <c r="N979198" s="10"/>
    </row>
    <row r="979199" spans="14:14">
      <c r="N979199" s="10"/>
    </row>
    <row r="979200" spans="14:14">
      <c r="N979200" s="10"/>
    </row>
    <row r="979201" spans="14:14">
      <c r="N979201" s="10"/>
    </row>
    <row r="979202" spans="14:14">
      <c r="N979202" s="10"/>
    </row>
    <row r="979203" spans="14:14">
      <c r="N979203" s="10"/>
    </row>
    <row r="979204" spans="14:14">
      <c r="N979204" s="10"/>
    </row>
    <row r="979205" spans="14:14">
      <c r="N979205" s="10"/>
    </row>
    <row r="979206" spans="14:14">
      <c r="N979206" s="10"/>
    </row>
    <row r="979207" spans="14:14">
      <c r="N979207" s="10"/>
    </row>
    <row r="979208" spans="14:14">
      <c r="N979208" s="10"/>
    </row>
    <row r="979209" spans="14:14">
      <c r="N979209" s="10"/>
    </row>
    <row r="979210" spans="14:14">
      <c r="N979210" s="10"/>
    </row>
    <row r="979211" spans="14:14">
      <c r="N979211" s="10"/>
    </row>
    <row r="979212" spans="14:14">
      <c r="N979212" s="10"/>
    </row>
    <row r="979213" spans="14:14">
      <c r="N979213" s="10"/>
    </row>
    <row r="979214" spans="14:14">
      <c r="N979214" s="10"/>
    </row>
    <row r="979215" spans="14:14">
      <c r="N979215" s="10"/>
    </row>
    <row r="979216" spans="14:14">
      <c r="N979216" s="10"/>
    </row>
    <row r="979217" spans="14:14">
      <c r="N979217" s="10"/>
    </row>
    <row r="979218" spans="14:14">
      <c r="N979218" s="10"/>
    </row>
    <row r="979219" spans="14:14">
      <c r="N979219" s="10"/>
    </row>
    <row r="979220" spans="14:14">
      <c r="N979220" s="10"/>
    </row>
    <row r="979221" spans="14:14">
      <c r="N979221" s="10"/>
    </row>
    <row r="979222" spans="14:14">
      <c r="N979222" s="10"/>
    </row>
    <row r="979223" spans="14:14">
      <c r="N979223" s="10"/>
    </row>
    <row r="979224" spans="14:14">
      <c r="N979224" s="10"/>
    </row>
    <row r="979225" spans="14:14">
      <c r="N979225" s="10"/>
    </row>
    <row r="979226" spans="14:14">
      <c r="N979226" s="10"/>
    </row>
    <row r="979227" spans="14:14">
      <c r="N979227" s="10"/>
    </row>
    <row r="979228" spans="14:14">
      <c r="N979228" s="10"/>
    </row>
    <row r="979229" spans="14:14">
      <c r="N979229" s="10"/>
    </row>
    <row r="979230" spans="14:14">
      <c r="N979230" s="10"/>
    </row>
    <row r="979231" spans="14:14">
      <c r="N979231" s="10"/>
    </row>
    <row r="979232" spans="14:14">
      <c r="N979232" s="10"/>
    </row>
    <row r="979233" spans="14:14">
      <c r="N979233" s="10"/>
    </row>
    <row r="979234" spans="14:14">
      <c r="N979234" s="10"/>
    </row>
    <row r="979235" spans="14:14">
      <c r="N979235" s="10"/>
    </row>
    <row r="979236" spans="14:14">
      <c r="N979236" s="10"/>
    </row>
    <row r="979237" spans="14:14">
      <c r="N979237" s="10"/>
    </row>
    <row r="979238" spans="14:14">
      <c r="N979238" s="10"/>
    </row>
    <row r="979239" spans="14:14">
      <c r="N979239" s="10"/>
    </row>
    <row r="979240" spans="14:14">
      <c r="N979240" s="10"/>
    </row>
    <row r="979241" spans="14:14">
      <c r="N979241" s="10"/>
    </row>
    <row r="979242" spans="14:14">
      <c r="N979242" s="10"/>
    </row>
    <row r="979243" spans="14:14">
      <c r="N979243" s="10"/>
    </row>
    <row r="979244" spans="14:14">
      <c r="N979244" s="10"/>
    </row>
    <row r="979245" spans="14:14">
      <c r="N979245" s="10"/>
    </row>
    <row r="979246" spans="14:14">
      <c r="N979246" s="10"/>
    </row>
    <row r="979247" spans="14:14">
      <c r="N979247" s="10"/>
    </row>
    <row r="979248" spans="14:14">
      <c r="N979248" s="10"/>
    </row>
    <row r="979249" spans="14:14">
      <c r="N979249" s="10"/>
    </row>
    <row r="979250" spans="14:14">
      <c r="N979250" s="10"/>
    </row>
    <row r="979251" spans="14:14">
      <c r="N979251" s="10"/>
    </row>
    <row r="979252" spans="14:14">
      <c r="N979252" s="10"/>
    </row>
    <row r="979253" spans="14:14">
      <c r="N979253" s="10"/>
    </row>
    <row r="979254" spans="14:14">
      <c r="N979254" s="10"/>
    </row>
    <row r="979255" spans="14:14">
      <c r="N979255" s="10"/>
    </row>
    <row r="979256" spans="14:14">
      <c r="N979256" s="10"/>
    </row>
    <row r="979257" spans="14:14">
      <c r="N979257" s="10"/>
    </row>
    <row r="979258" spans="14:14">
      <c r="N979258" s="10"/>
    </row>
    <row r="979259" spans="14:14">
      <c r="N979259" s="10"/>
    </row>
    <row r="979260" spans="14:14">
      <c r="N979260" s="10"/>
    </row>
    <row r="979261" spans="14:14">
      <c r="N979261" s="10"/>
    </row>
    <row r="979262" spans="14:14">
      <c r="N979262" s="10"/>
    </row>
    <row r="979263" spans="14:14">
      <c r="N979263" s="10"/>
    </row>
    <row r="979264" spans="14:14">
      <c r="N979264" s="10"/>
    </row>
    <row r="979265" spans="14:14">
      <c r="N979265" s="10"/>
    </row>
    <row r="979266" spans="14:14">
      <c r="N979266" s="10"/>
    </row>
    <row r="979267" spans="14:14">
      <c r="N979267" s="10"/>
    </row>
    <row r="979268" spans="14:14">
      <c r="N979268" s="10"/>
    </row>
    <row r="979269" spans="14:14">
      <c r="N979269" s="10"/>
    </row>
    <row r="979270" spans="14:14">
      <c r="N979270" s="10"/>
    </row>
    <row r="979271" spans="14:14">
      <c r="N979271" s="10"/>
    </row>
    <row r="979272" spans="14:14">
      <c r="N979272" s="10"/>
    </row>
    <row r="979273" spans="14:14">
      <c r="N979273" s="10"/>
    </row>
    <row r="979274" spans="14:14">
      <c r="N979274" s="10"/>
    </row>
    <row r="979275" spans="14:14">
      <c r="N979275" s="10"/>
    </row>
    <row r="979276" spans="14:14">
      <c r="N979276" s="10"/>
    </row>
    <row r="979277" spans="14:14">
      <c r="N979277" s="10"/>
    </row>
    <row r="979278" spans="14:14">
      <c r="N979278" s="10"/>
    </row>
    <row r="979279" spans="14:14">
      <c r="N979279" s="10"/>
    </row>
    <row r="979280" spans="14:14">
      <c r="N979280" s="10"/>
    </row>
    <row r="979281" spans="14:14">
      <c r="N979281" s="10"/>
    </row>
    <row r="979282" spans="14:14">
      <c r="N979282" s="10"/>
    </row>
    <row r="979283" spans="14:14">
      <c r="N979283" s="10"/>
    </row>
    <row r="979284" spans="14:14">
      <c r="N979284" s="10"/>
    </row>
    <row r="979285" spans="14:14">
      <c r="N979285" s="10"/>
    </row>
    <row r="979286" spans="14:14">
      <c r="N979286" s="10"/>
    </row>
    <row r="979287" spans="14:14">
      <c r="N979287" s="10"/>
    </row>
    <row r="979288" spans="14:14">
      <c r="N979288" s="10"/>
    </row>
    <row r="979289" spans="14:14">
      <c r="N979289" s="10"/>
    </row>
    <row r="979290" spans="14:14">
      <c r="N979290" s="10"/>
    </row>
    <row r="979291" spans="14:14">
      <c r="N979291" s="10"/>
    </row>
    <row r="979292" spans="14:14">
      <c r="N979292" s="10"/>
    </row>
    <row r="979293" spans="14:14">
      <c r="N979293" s="10"/>
    </row>
    <row r="979294" spans="14:14">
      <c r="N979294" s="10"/>
    </row>
    <row r="979295" spans="14:14">
      <c r="N979295" s="10"/>
    </row>
    <row r="979296" spans="14:14">
      <c r="N979296" s="10"/>
    </row>
    <row r="979297" spans="14:14">
      <c r="N979297" s="10"/>
    </row>
    <row r="979298" spans="14:14">
      <c r="N979298" s="10"/>
    </row>
    <row r="979299" spans="14:14">
      <c r="N979299" s="10"/>
    </row>
    <row r="979300" spans="14:14">
      <c r="N979300" s="10"/>
    </row>
    <row r="979301" spans="14:14">
      <c r="N979301" s="10"/>
    </row>
    <row r="979302" spans="14:14">
      <c r="N979302" s="10"/>
    </row>
    <row r="979303" spans="14:14">
      <c r="N979303" s="10"/>
    </row>
    <row r="979304" spans="14:14">
      <c r="N979304" s="10"/>
    </row>
    <row r="979305" spans="14:14">
      <c r="N979305" s="10"/>
    </row>
    <row r="979306" spans="14:14">
      <c r="N979306" s="10"/>
    </row>
    <row r="979307" spans="14:14">
      <c r="N979307" s="10"/>
    </row>
    <row r="979308" spans="14:14">
      <c r="N979308" s="10"/>
    </row>
    <row r="979309" spans="14:14">
      <c r="N979309" s="10"/>
    </row>
    <row r="979310" spans="14:14">
      <c r="N979310" s="10"/>
    </row>
    <row r="979311" spans="14:14">
      <c r="N979311" s="10"/>
    </row>
    <row r="979312" spans="14:14">
      <c r="N979312" s="10"/>
    </row>
    <row r="979313" spans="14:14">
      <c r="N979313" s="10"/>
    </row>
    <row r="979314" spans="14:14">
      <c r="N979314" s="10"/>
    </row>
    <row r="979315" spans="14:14">
      <c r="N979315" s="10"/>
    </row>
    <row r="979316" spans="14:14">
      <c r="N979316" s="10"/>
    </row>
    <row r="979317" spans="14:14">
      <c r="N979317" s="10"/>
    </row>
    <row r="979318" spans="14:14">
      <c r="N979318" s="10"/>
    </row>
    <row r="979319" spans="14:14">
      <c r="N979319" s="10"/>
    </row>
    <row r="979320" spans="14:14">
      <c r="N979320" s="10"/>
    </row>
    <row r="979321" spans="14:14">
      <c r="N979321" s="10"/>
    </row>
    <row r="979322" spans="14:14">
      <c r="N979322" s="10"/>
    </row>
    <row r="979323" spans="14:14">
      <c r="N979323" s="10"/>
    </row>
    <row r="979324" spans="14:14">
      <c r="N979324" s="10"/>
    </row>
    <row r="979325" spans="14:14">
      <c r="N979325" s="10"/>
    </row>
    <row r="979326" spans="14:14">
      <c r="N979326" s="10"/>
    </row>
    <row r="979327" spans="14:14">
      <c r="N979327" s="10"/>
    </row>
    <row r="979328" spans="14:14">
      <c r="N979328" s="10"/>
    </row>
    <row r="979329" spans="14:14">
      <c r="N979329" s="10"/>
    </row>
    <row r="979330" spans="14:14">
      <c r="N979330" s="10"/>
    </row>
    <row r="979331" spans="14:14">
      <c r="N979331" s="10"/>
    </row>
    <row r="979332" spans="14:14">
      <c r="N979332" s="10"/>
    </row>
    <row r="979333" spans="14:14">
      <c r="N979333" s="10"/>
    </row>
    <row r="979334" spans="14:14">
      <c r="N979334" s="10"/>
    </row>
    <row r="979335" spans="14:14">
      <c r="N979335" s="10"/>
    </row>
    <row r="979336" spans="14:14">
      <c r="N979336" s="10"/>
    </row>
    <row r="979337" spans="14:14">
      <c r="N979337" s="10"/>
    </row>
    <row r="979338" spans="14:14">
      <c r="N979338" s="10"/>
    </row>
    <row r="979339" spans="14:14">
      <c r="N979339" s="10"/>
    </row>
    <row r="979340" spans="14:14">
      <c r="N979340" s="10"/>
    </row>
    <row r="979341" spans="14:14">
      <c r="N979341" s="10"/>
    </row>
    <row r="979342" spans="14:14">
      <c r="N979342" s="10"/>
    </row>
    <row r="979343" spans="14:14">
      <c r="N979343" s="10"/>
    </row>
    <row r="979344" spans="14:14">
      <c r="N979344" s="10"/>
    </row>
    <row r="979345" spans="14:14">
      <c r="N979345" s="10"/>
    </row>
    <row r="979346" spans="14:14">
      <c r="N979346" s="10"/>
    </row>
    <row r="979347" spans="14:14">
      <c r="N979347" s="10"/>
    </row>
    <row r="979348" spans="14:14">
      <c r="N979348" s="10"/>
    </row>
    <row r="979349" spans="14:14">
      <c r="N979349" s="10"/>
    </row>
    <row r="979350" spans="14:14">
      <c r="N979350" s="10"/>
    </row>
    <row r="979351" spans="14:14">
      <c r="N979351" s="10"/>
    </row>
    <row r="979352" spans="14:14">
      <c r="N979352" s="10"/>
    </row>
    <row r="979353" spans="14:14">
      <c r="N979353" s="10"/>
    </row>
    <row r="979354" spans="14:14">
      <c r="N979354" s="10"/>
    </row>
    <row r="979355" spans="14:14">
      <c r="N979355" s="10"/>
    </row>
    <row r="979356" spans="14:14">
      <c r="N979356" s="10"/>
    </row>
    <row r="979357" spans="14:14">
      <c r="N979357" s="10"/>
    </row>
    <row r="979358" spans="14:14">
      <c r="N979358" s="10"/>
    </row>
    <row r="979359" spans="14:14">
      <c r="N979359" s="10"/>
    </row>
    <row r="979360" spans="14:14">
      <c r="N979360" s="10"/>
    </row>
    <row r="979361" spans="14:14">
      <c r="N979361" s="10"/>
    </row>
    <row r="979362" spans="14:14">
      <c r="N979362" s="10"/>
    </row>
    <row r="979363" spans="14:14">
      <c r="N979363" s="10"/>
    </row>
    <row r="979364" spans="14:14">
      <c r="N979364" s="10"/>
    </row>
    <row r="979365" spans="14:14">
      <c r="N979365" s="10"/>
    </row>
    <row r="979366" spans="14:14">
      <c r="N979366" s="10"/>
    </row>
    <row r="979367" spans="14:14">
      <c r="N979367" s="10"/>
    </row>
    <row r="979368" spans="14:14">
      <c r="N979368" s="10"/>
    </row>
    <row r="979369" spans="14:14">
      <c r="N979369" s="10"/>
    </row>
    <row r="979370" spans="14:14">
      <c r="N979370" s="10"/>
    </row>
    <row r="979371" spans="14:14">
      <c r="N979371" s="10"/>
    </row>
    <row r="979372" spans="14:14">
      <c r="N979372" s="10"/>
    </row>
    <row r="979373" spans="14:14">
      <c r="N979373" s="10"/>
    </row>
    <row r="979374" spans="14:14">
      <c r="N979374" s="10"/>
    </row>
    <row r="979375" spans="14:14">
      <c r="N979375" s="10"/>
    </row>
    <row r="979376" spans="14:14">
      <c r="N979376" s="10"/>
    </row>
    <row r="979377" spans="14:14">
      <c r="N979377" s="10"/>
    </row>
    <row r="979378" spans="14:14">
      <c r="N979378" s="10"/>
    </row>
    <row r="979379" spans="14:14">
      <c r="N979379" s="10"/>
    </row>
    <row r="979380" spans="14:14">
      <c r="N979380" s="10"/>
    </row>
    <row r="979381" spans="14:14">
      <c r="N979381" s="10"/>
    </row>
    <row r="979382" spans="14:14">
      <c r="N979382" s="10"/>
    </row>
    <row r="979383" spans="14:14">
      <c r="N979383" s="10"/>
    </row>
    <row r="979384" spans="14:14">
      <c r="N979384" s="10"/>
    </row>
    <row r="979385" spans="14:14">
      <c r="N979385" s="10"/>
    </row>
    <row r="979386" spans="14:14">
      <c r="N979386" s="10"/>
    </row>
    <row r="979387" spans="14:14">
      <c r="N979387" s="10"/>
    </row>
    <row r="979388" spans="14:14">
      <c r="N979388" s="10"/>
    </row>
    <row r="979389" spans="14:14">
      <c r="N979389" s="10"/>
    </row>
    <row r="979390" spans="14:14">
      <c r="N979390" s="10"/>
    </row>
    <row r="979391" spans="14:14">
      <c r="N979391" s="10"/>
    </row>
    <row r="979392" spans="14:14">
      <c r="N979392" s="10"/>
    </row>
    <row r="979393" spans="14:14">
      <c r="N979393" s="10"/>
    </row>
    <row r="979394" spans="14:14">
      <c r="N979394" s="10"/>
    </row>
    <row r="979395" spans="14:14">
      <c r="N979395" s="10"/>
    </row>
    <row r="979396" spans="14:14">
      <c r="N979396" s="10"/>
    </row>
    <row r="979397" spans="14:14">
      <c r="N979397" s="10"/>
    </row>
    <row r="979398" spans="14:14">
      <c r="N979398" s="10"/>
    </row>
    <row r="979399" spans="14:14">
      <c r="N979399" s="10"/>
    </row>
    <row r="979400" spans="14:14">
      <c r="N979400" s="10"/>
    </row>
    <row r="979401" spans="14:14">
      <c r="N979401" s="10"/>
    </row>
    <row r="979402" spans="14:14">
      <c r="N979402" s="10"/>
    </row>
    <row r="979403" spans="14:14">
      <c r="N979403" s="10"/>
    </row>
    <row r="979404" spans="14:14">
      <c r="N979404" s="10"/>
    </row>
    <row r="979405" spans="14:14">
      <c r="N979405" s="10"/>
    </row>
    <row r="979406" spans="14:14">
      <c r="N979406" s="10"/>
    </row>
    <row r="979407" spans="14:14">
      <c r="N979407" s="10"/>
    </row>
    <row r="979408" spans="14:14">
      <c r="N979408" s="10"/>
    </row>
    <row r="979409" spans="14:14">
      <c r="N979409" s="10"/>
    </row>
    <row r="979410" spans="14:14">
      <c r="N979410" s="10"/>
    </row>
    <row r="979411" spans="14:14">
      <c r="N979411" s="10"/>
    </row>
    <row r="979412" spans="14:14">
      <c r="N979412" s="10"/>
    </row>
    <row r="979413" spans="14:14">
      <c r="N979413" s="10"/>
    </row>
    <row r="979414" spans="14:14">
      <c r="N979414" s="10"/>
    </row>
    <row r="979415" spans="14:14">
      <c r="N979415" s="10"/>
    </row>
    <row r="979416" spans="14:14">
      <c r="N979416" s="10"/>
    </row>
    <row r="979417" spans="14:14">
      <c r="N979417" s="10"/>
    </row>
    <row r="979418" spans="14:14">
      <c r="N979418" s="10"/>
    </row>
    <row r="979419" spans="14:14">
      <c r="N979419" s="10"/>
    </row>
    <row r="979420" spans="14:14">
      <c r="N979420" s="10"/>
    </row>
    <row r="979421" spans="14:14">
      <c r="N979421" s="10"/>
    </row>
    <row r="979422" spans="14:14">
      <c r="N979422" s="10"/>
    </row>
    <row r="979423" spans="14:14">
      <c r="N979423" s="10"/>
    </row>
    <row r="979424" spans="14:14">
      <c r="N979424" s="10"/>
    </row>
    <row r="979425" spans="14:14">
      <c r="N979425" s="10"/>
    </row>
    <row r="979426" spans="14:14">
      <c r="N979426" s="10"/>
    </row>
    <row r="979427" spans="14:14">
      <c r="N979427" s="10"/>
    </row>
    <row r="979428" spans="14:14">
      <c r="N979428" s="10"/>
    </row>
    <row r="979429" spans="14:14">
      <c r="N979429" s="10"/>
    </row>
    <row r="979430" spans="14:14">
      <c r="N979430" s="10"/>
    </row>
    <row r="979431" spans="14:14">
      <c r="N979431" s="10"/>
    </row>
    <row r="979432" spans="14:14">
      <c r="N979432" s="10"/>
    </row>
    <row r="979433" spans="14:14">
      <c r="N979433" s="10"/>
    </row>
    <row r="979434" spans="14:14">
      <c r="N979434" s="10"/>
    </row>
    <row r="979435" spans="14:14">
      <c r="N979435" s="10"/>
    </row>
    <row r="979436" spans="14:14">
      <c r="N979436" s="10"/>
    </row>
    <row r="979437" spans="14:14">
      <c r="N979437" s="10"/>
    </row>
    <row r="979438" spans="14:14">
      <c r="N979438" s="10"/>
    </row>
    <row r="979439" spans="14:14">
      <c r="N979439" s="10"/>
    </row>
    <row r="979440" spans="14:14">
      <c r="N979440" s="10"/>
    </row>
    <row r="979441" spans="14:14">
      <c r="N979441" s="10"/>
    </row>
    <row r="979442" spans="14:14">
      <c r="N979442" s="10"/>
    </row>
    <row r="979443" spans="14:14">
      <c r="N979443" s="10"/>
    </row>
    <row r="979444" spans="14:14">
      <c r="N979444" s="10"/>
    </row>
    <row r="979445" spans="14:14">
      <c r="N979445" s="10"/>
    </row>
    <row r="979446" spans="14:14">
      <c r="N979446" s="10"/>
    </row>
    <row r="979447" spans="14:14">
      <c r="N979447" s="10"/>
    </row>
    <row r="979448" spans="14:14">
      <c r="N979448" s="10"/>
    </row>
    <row r="979449" spans="14:14">
      <c r="N979449" s="10"/>
    </row>
    <row r="979450" spans="14:14">
      <c r="N979450" s="10"/>
    </row>
    <row r="979451" spans="14:14">
      <c r="N979451" s="10"/>
    </row>
    <row r="979452" spans="14:14">
      <c r="N979452" s="10"/>
    </row>
    <row r="979453" spans="14:14">
      <c r="N979453" s="10"/>
    </row>
    <row r="979454" spans="14:14">
      <c r="N979454" s="10"/>
    </row>
    <row r="979455" spans="14:14">
      <c r="N979455" s="10"/>
    </row>
    <row r="979456" spans="14:14">
      <c r="N979456" s="10"/>
    </row>
    <row r="979457" spans="14:14">
      <c r="N979457" s="10"/>
    </row>
    <row r="979458" spans="14:14">
      <c r="N979458" s="10"/>
    </row>
    <row r="979459" spans="14:14">
      <c r="N979459" s="10"/>
    </row>
    <row r="979460" spans="14:14">
      <c r="N979460" s="10"/>
    </row>
    <row r="979461" spans="14:14">
      <c r="N979461" s="10"/>
    </row>
    <row r="979462" spans="14:14">
      <c r="N979462" s="10"/>
    </row>
    <row r="979463" spans="14:14">
      <c r="N979463" s="10"/>
    </row>
    <row r="979464" spans="14:14">
      <c r="N979464" s="10"/>
    </row>
    <row r="979465" spans="14:14">
      <c r="N979465" s="10"/>
    </row>
    <row r="979466" spans="14:14">
      <c r="N979466" s="10"/>
    </row>
    <row r="979467" spans="14:14">
      <c r="N979467" s="10"/>
    </row>
    <row r="979468" spans="14:14">
      <c r="N979468" s="10"/>
    </row>
    <row r="979469" spans="14:14">
      <c r="N979469" s="10"/>
    </row>
    <row r="979470" spans="14:14">
      <c r="N979470" s="10"/>
    </row>
    <row r="979471" spans="14:14">
      <c r="N979471" s="10"/>
    </row>
    <row r="979472" spans="14:14">
      <c r="N979472" s="10"/>
    </row>
    <row r="979473" spans="14:14">
      <c r="N979473" s="10"/>
    </row>
    <row r="979474" spans="14:14">
      <c r="N979474" s="10"/>
    </row>
    <row r="979475" spans="14:14">
      <c r="N979475" s="10"/>
    </row>
    <row r="979476" spans="14:14">
      <c r="N979476" s="10"/>
    </row>
    <row r="979477" spans="14:14">
      <c r="N979477" s="10"/>
    </row>
    <row r="979478" spans="14:14">
      <c r="N979478" s="10"/>
    </row>
    <row r="979479" spans="14:14">
      <c r="N979479" s="10"/>
    </row>
    <row r="979480" spans="14:14">
      <c r="N979480" s="10"/>
    </row>
    <row r="979481" spans="14:14">
      <c r="N979481" s="10"/>
    </row>
    <row r="979482" spans="14:14">
      <c r="N979482" s="10"/>
    </row>
    <row r="979483" spans="14:14">
      <c r="N979483" s="10"/>
    </row>
    <row r="979484" spans="14:14">
      <c r="N979484" s="10"/>
    </row>
    <row r="979485" spans="14:14">
      <c r="N979485" s="10"/>
    </row>
    <row r="979486" spans="14:14">
      <c r="N979486" s="10"/>
    </row>
    <row r="979487" spans="14:14">
      <c r="N979487" s="10"/>
    </row>
    <row r="979488" spans="14:14">
      <c r="N979488" s="10"/>
    </row>
    <row r="979489" spans="14:14">
      <c r="N979489" s="10"/>
    </row>
    <row r="979490" spans="14:14">
      <c r="N979490" s="10"/>
    </row>
    <row r="979491" spans="14:14">
      <c r="N979491" s="10"/>
    </row>
    <row r="979492" spans="14:14">
      <c r="N979492" s="10"/>
    </row>
    <row r="979493" spans="14:14">
      <c r="N979493" s="10"/>
    </row>
    <row r="979494" spans="14:14">
      <c r="N979494" s="10"/>
    </row>
    <row r="979495" spans="14:14">
      <c r="N979495" s="10"/>
    </row>
    <row r="979496" spans="14:14">
      <c r="N979496" s="10"/>
    </row>
    <row r="979497" spans="14:14">
      <c r="N979497" s="10"/>
    </row>
    <row r="979498" spans="14:14">
      <c r="N979498" s="10"/>
    </row>
    <row r="979499" spans="14:14">
      <c r="N979499" s="10"/>
    </row>
    <row r="979500" spans="14:14">
      <c r="N979500" s="10"/>
    </row>
    <row r="979501" spans="14:14">
      <c r="N979501" s="10"/>
    </row>
    <row r="979502" spans="14:14">
      <c r="N979502" s="10"/>
    </row>
    <row r="979503" spans="14:14">
      <c r="N979503" s="10"/>
    </row>
    <row r="979504" spans="14:14">
      <c r="N979504" s="10"/>
    </row>
    <row r="979505" spans="14:14">
      <c r="N979505" s="10"/>
    </row>
    <row r="979506" spans="14:14">
      <c r="N979506" s="10"/>
    </row>
    <row r="979507" spans="14:14">
      <c r="N979507" s="10"/>
    </row>
    <row r="979508" spans="14:14">
      <c r="N979508" s="10"/>
    </row>
    <row r="979509" spans="14:14">
      <c r="N979509" s="10"/>
    </row>
    <row r="979510" spans="14:14">
      <c r="N979510" s="10"/>
    </row>
    <row r="979511" spans="14:14">
      <c r="N979511" s="10"/>
    </row>
    <row r="979512" spans="14:14">
      <c r="N979512" s="10"/>
    </row>
    <row r="979513" spans="14:14">
      <c r="N979513" s="10"/>
    </row>
    <row r="979514" spans="14:14">
      <c r="N979514" s="10"/>
    </row>
    <row r="979515" spans="14:14">
      <c r="N979515" s="10"/>
    </row>
    <row r="979516" spans="14:14">
      <c r="N979516" s="10"/>
    </row>
    <row r="979517" spans="14:14">
      <c r="N979517" s="10"/>
    </row>
    <row r="979518" spans="14:14">
      <c r="N979518" s="10"/>
    </row>
    <row r="979519" spans="14:14">
      <c r="N979519" s="10"/>
    </row>
    <row r="979520" spans="14:14">
      <c r="N979520" s="10"/>
    </row>
    <row r="979521" spans="14:14">
      <c r="N979521" s="10"/>
    </row>
    <row r="979522" spans="14:14">
      <c r="N979522" s="10"/>
    </row>
    <row r="979523" spans="14:14">
      <c r="N979523" s="10"/>
    </row>
    <row r="979524" spans="14:14">
      <c r="N979524" s="10"/>
    </row>
    <row r="979525" spans="14:14">
      <c r="N979525" s="10"/>
    </row>
    <row r="979526" spans="14:14">
      <c r="N979526" s="10"/>
    </row>
    <row r="979527" spans="14:14">
      <c r="N979527" s="10"/>
    </row>
    <row r="979528" spans="14:14">
      <c r="N979528" s="10"/>
    </row>
    <row r="979529" spans="14:14">
      <c r="N979529" s="10"/>
    </row>
    <row r="979530" spans="14:14">
      <c r="N979530" s="10"/>
    </row>
    <row r="979531" spans="14:14">
      <c r="N979531" s="10"/>
    </row>
    <row r="979532" spans="14:14">
      <c r="N979532" s="10"/>
    </row>
    <row r="979533" spans="14:14">
      <c r="N979533" s="10"/>
    </row>
    <row r="979534" spans="14:14">
      <c r="N979534" s="10"/>
    </row>
    <row r="979535" spans="14:14">
      <c r="N979535" s="10"/>
    </row>
    <row r="979536" spans="14:14">
      <c r="N979536" s="10"/>
    </row>
    <row r="979537" spans="14:14">
      <c r="N979537" s="10"/>
    </row>
    <row r="979538" spans="14:14">
      <c r="N979538" s="10"/>
    </row>
    <row r="979539" spans="14:14">
      <c r="N979539" s="10"/>
    </row>
    <row r="979540" spans="14:14">
      <c r="N979540" s="10"/>
    </row>
    <row r="979541" spans="14:14">
      <c r="N979541" s="10"/>
    </row>
    <row r="979542" spans="14:14">
      <c r="N979542" s="10"/>
    </row>
    <row r="979543" spans="14:14">
      <c r="N979543" s="10"/>
    </row>
    <row r="979544" spans="14:14">
      <c r="N979544" s="10"/>
    </row>
    <row r="979545" spans="14:14">
      <c r="N979545" s="10"/>
    </row>
    <row r="979546" spans="14:14">
      <c r="N979546" s="10"/>
    </row>
    <row r="979547" spans="14:14">
      <c r="N979547" s="10"/>
    </row>
    <row r="979548" spans="14:14">
      <c r="N979548" s="10"/>
    </row>
    <row r="979549" spans="14:14">
      <c r="N979549" s="10"/>
    </row>
    <row r="979550" spans="14:14">
      <c r="N979550" s="10"/>
    </row>
    <row r="979551" spans="14:14">
      <c r="N979551" s="10"/>
    </row>
    <row r="979552" spans="14:14">
      <c r="N979552" s="10"/>
    </row>
    <row r="979553" spans="14:14">
      <c r="N979553" s="10"/>
    </row>
    <row r="979554" spans="14:14">
      <c r="N979554" s="10"/>
    </row>
    <row r="979555" spans="14:14">
      <c r="N979555" s="10"/>
    </row>
    <row r="979556" spans="14:14">
      <c r="N979556" s="10"/>
    </row>
    <row r="979557" spans="14:14">
      <c r="N979557" s="10"/>
    </row>
    <row r="979558" spans="14:14">
      <c r="N979558" s="10"/>
    </row>
    <row r="979559" spans="14:14">
      <c r="N979559" s="10"/>
    </row>
    <row r="979560" spans="14:14">
      <c r="N979560" s="10"/>
    </row>
    <row r="979561" spans="14:14">
      <c r="N979561" s="10"/>
    </row>
    <row r="979562" spans="14:14">
      <c r="N979562" s="10"/>
    </row>
    <row r="979563" spans="14:14">
      <c r="N979563" s="10"/>
    </row>
    <row r="979564" spans="14:14">
      <c r="N979564" s="10"/>
    </row>
    <row r="979565" spans="14:14">
      <c r="N979565" s="10"/>
    </row>
    <row r="979566" spans="14:14">
      <c r="N979566" s="10"/>
    </row>
    <row r="979567" spans="14:14">
      <c r="N979567" s="10"/>
    </row>
    <row r="979568" spans="14:14">
      <c r="N979568" s="10"/>
    </row>
    <row r="979569" spans="14:14">
      <c r="N979569" s="10"/>
    </row>
    <row r="979570" spans="14:14">
      <c r="N979570" s="10"/>
    </row>
    <row r="979571" spans="14:14">
      <c r="N979571" s="10"/>
    </row>
    <row r="979572" spans="14:14">
      <c r="N979572" s="10"/>
    </row>
    <row r="979573" spans="14:14">
      <c r="N979573" s="10"/>
    </row>
    <row r="979574" spans="14:14">
      <c r="N979574" s="10"/>
    </row>
    <row r="979575" spans="14:14">
      <c r="N979575" s="10"/>
    </row>
    <row r="979576" spans="14:14">
      <c r="N979576" s="10"/>
    </row>
    <row r="979577" spans="14:14">
      <c r="N979577" s="10"/>
    </row>
    <row r="979578" spans="14:14">
      <c r="N979578" s="10"/>
    </row>
    <row r="979579" spans="14:14">
      <c r="N979579" s="10"/>
    </row>
    <row r="979580" spans="14:14">
      <c r="N979580" s="10"/>
    </row>
    <row r="979581" spans="14:14">
      <c r="N979581" s="10"/>
    </row>
    <row r="979582" spans="14:14">
      <c r="N979582" s="10"/>
    </row>
    <row r="979583" spans="14:14">
      <c r="N979583" s="10"/>
    </row>
    <row r="979584" spans="14:14">
      <c r="N979584" s="10"/>
    </row>
    <row r="979585" spans="14:14">
      <c r="N979585" s="10"/>
    </row>
    <row r="979586" spans="14:14">
      <c r="N979586" s="10"/>
    </row>
    <row r="979587" spans="14:14">
      <c r="N979587" s="10"/>
    </row>
    <row r="979588" spans="14:14">
      <c r="N979588" s="10"/>
    </row>
    <row r="979589" spans="14:14">
      <c r="N979589" s="10"/>
    </row>
    <row r="979590" spans="14:14">
      <c r="N979590" s="10"/>
    </row>
    <row r="979591" spans="14:14">
      <c r="N979591" s="10"/>
    </row>
    <row r="979592" spans="14:14">
      <c r="N979592" s="10"/>
    </row>
    <row r="979593" spans="14:14">
      <c r="N979593" s="10"/>
    </row>
    <row r="979594" spans="14:14">
      <c r="N979594" s="10"/>
    </row>
    <row r="979595" spans="14:14">
      <c r="N979595" s="10"/>
    </row>
    <row r="979596" spans="14:14">
      <c r="N979596" s="10"/>
    </row>
    <row r="979597" spans="14:14">
      <c r="N979597" s="10"/>
    </row>
    <row r="979598" spans="14:14">
      <c r="N979598" s="10"/>
    </row>
    <row r="979599" spans="14:14">
      <c r="N979599" s="10"/>
    </row>
    <row r="979600" spans="14:14">
      <c r="N979600" s="10"/>
    </row>
    <row r="979601" spans="14:14">
      <c r="N979601" s="10"/>
    </row>
    <row r="979602" spans="14:14">
      <c r="N979602" s="10"/>
    </row>
    <row r="979603" spans="14:14">
      <c r="N979603" s="10"/>
    </row>
    <row r="979604" spans="14:14">
      <c r="N979604" s="10"/>
    </row>
    <row r="979605" spans="14:14">
      <c r="N979605" s="10"/>
    </row>
    <row r="979606" spans="14:14">
      <c r="N979606" s="10"/>
    </row>
    <row r="979607" spans="14:14">
      <c r="N979607" s="10"/>
    </row>
    <row r="979608" spans="14:14">
      <c r="N979608" s="10"/>
    </row>
    <row r="979609" spans="14:14">
      <c r="N979609" s="10"/>
    </row>
    <row r="979610" spans="14:14">
      <c r="N979610" s="10"/>
    </row>
    <row r="979611" spans="14:14">
      <c r="N979611" s="10"/>
    </row>
    <row r="979612" spans="14:14">
      <c r="N979612" s="10"/>
    </row>
    <row r="979613" spans="14:14">
      <c r="N979613" s="10"/>
    </row>
    <row r="979614" spans="14:14">
      <c r="N979614" s="10"/>
    </row>
    <row r="979615" spans="14:14">
      <c r="N979615" s="10"/>
    </row>
    <row r="979616" spans="14:14">
      <c r="N979616" s="10"/>
    </row>
    <row r="979617" spans="14:14">
      <c r="N979617" s="10"/>
    </row>
    <row r="979618" spans="14:14">
      <c r="N979618" s="10"/>
    </row>
    <row r="979619" spans="14:14">
      <c r="N979619" s="10"/>
    </row>
    <row r="979620" spans="14:14">
      <c r="N979620" s="10"/>
    </row>
    <row r="979621" spans="14:14">
      <c r="N979621" s="10"/>
    </row>
    <row r="979622" spans="14:14">
      <c r="N979622" s="10"/>
    </row>
    <row r="979623" spans="14:14">
      <c r="N979623" s="10"/>
    </row>
    <row r="979624" spans="14:14">
      <c r="N979624" s="10"/>
    </row>
    <row r="979625" spans="14:14">
      <c r="N979625" s="10"/>
    </row>
    <row r="979626" spans="14:14">
      <c r="N979626" s="10"/>
    </row>
    <row r="979627" spans="14:14">
      <c r="N979627" s="10"/>
    </row>
    <row r="979628" spans="14:14">
      <c r="N979628" s="10"/>
    </row>
    <row r="979629" spans="14:14">
      <c r="N979629" s="10"/>
    </row>
    <row r="979630" spans="14:14">
      <c r="N979630" s="10"/>
    </row>
    <row r="979631" spans="14:14">
      <c r="N979631" s="10"/>
    </row>
    <row r="979632" spans="14:14">
      <c r="N979632" s="10"/>
    </row>
    <row r="979633" spans="14:14">
      <c r="N979633" s="10"/>
    </row>
    <row r="979634" spans="14:14">
      <c r="N979634" s="10"/>
    </row>
    <row r="979635" spans="14:14">
      <c r="N979635" s="10"/>
    </row>
    <row r="979636" spans="14:14">
      <c r="N979636" s="10"/>
    </row>
    <row r="979637" spans="14:14">
      <c r="N979637" s="10"/>
    </row>
    <row r="979638" spans="14:14">
      <c r="N979638" s="10"/>
    </row>
    <row r="979639" spans="14:14">
      <c r="N979639" s="10"/>
    </row>
    <row r="979640" spans="14:14">
      <c r="N979640" s="10"/>
    </row>
    <row r="979641" spans="14:14">
      <c r="N979641" s="10"/>
    </row>
    <row r="979642" spans="14:14">
      <c r="N979642" s="10"/>
    </row>
    <row r="979643" spans="14:14">
      <c r="N979643" s="10"/>
    </row>
    <row r="979644" spans="14:14">
      <c r="N979644" s="10"/>
    </row>
    <row r="979645" spans="14:14">
      <c r="N979645" s="10"/>
    </row>
    <row r="979646" spans="14:14">
      <c r="N979646" s="10"/>
    </row>
    <row r="979647" spans="14:14">
      <c r="N979647" s="10"/>
    </row>
    <row r="979648" spans="14:14">
      <c r="N979648" s="10"/>
    </row>
    <row r="979649" spans="14:14">
      <c r="N979649" s="10"/>
    </row>
    <row r="979650" spans="14:14">
      <c r="N979650" s="10"/>
    </row>
    <row r="979651" spans="14:14">
      <c r="N979651" s="10"/>
    </row>
    <row r="979652" spans="14:14">
      <c r="N979652" s="10"/>
    </row>
    <row r="979653" spans="14:14">
      <c r="N979653" s="10"/>
    </row>
    <row r="979654" spans="14:14">
      <c r="N979654" s="10"/>
    </row>
    <row r="979655" spans="14:14">
      <c r="N979655" s="10"/>
    </row>
    <row r="979656" spans="14:14">
      <c r="N979656" s="10"/>
    </row>
    <row r="979657" spans="14:14">
      <c r="N979657" s="10"/>
    </row>
    <row r="979658" spans="14:14">
      <c r="N979658" s="10"/>
    </row>
    <row r="979659" spans="14:14">
      <c r="N979659" s="10"/>
    </row>
    <row r="979660" spans="14:14">
      <c r="N979660" s="10"/>
    </row>
    <row r="979661" spans="14:14">
      <c r="N979661" s="10"/>
    </row>
    <row r="979662" spans="14:14">
      <c r="N979662" s="10"/>
    </row>
    <row r="979663" spans="14:14">
      <c r="N979663" s="10"/>
    </row>
    <row r="979664" spans="14:14">
      <c r="N979664" s="10"/>
    </row>
    <row r="979665" spans="14:14">
      <c r="N979665" s="10"/>
    </row>
    <row r="979666" spans="14:14">
      <c r="N979666" s="10"/>
    </row>
    <row r="979667" spans="14:14">
      <c r="N979667" s="10"/>
    </row>
    <row r="979668" spans="14:14">
      <c r="N979668" s="10"/>
    </row>
    <row r="979669" spans="14:14">
      <c r="N979669" s="10"/>
    </row>
    <row r="979670" spans="14:14">
      <c r="N979670" s="10"/>
    </row>
    <row r="979671" spans="14:14">
      <c r="N979671" s="10"/>
    </row>
    <row r="979672" spans="14:14">
      <c r="N979672" s="10"/>
    </row>
    <row r="979673" spans="14:14">
      <c r="N979673" s="10"/>
    </row>
    <row r="979674" spans="14:14">
      <c r="N979674" s="10"/>
    </row>
    <row r="979675" spans="14:14">
      <c r="N979675" s="10"/>
    </row>
    <row r="979676" spans="14:14">
      <c r="N979676" s="10"/>
    </row>
    <row r="979677" spans="14:14">
      <c r="N979677" s="10"/>
    </row>
    <row r="979678" spans="14:14">
      <c r="N979678" s="10"/>
    </row>
    <row r="979679" spans="14:14">
      <c r="N979679" s="10"/>
    </row>
    <row r="979680" spans="14:14">
      <c r="N979680" s="10"/>
    </row>
    <row r="979681" spans="14:14">
      <c r="N979681" s="10"/>
    </row>
    <row r="979682" spans="14:14">
      <c r="N979682" s="10"/>
    </row>
    <row r="979683" spans="14:14">
      <c r="N979683" s="10"/>
    </row>
    <row r="979684" spans="14:14">
      <c r="N979684" s="10"/>
    </row>
    <row r="979685" spans="14:14">
      <c r="N979685" s="10"/>
    </row>
    <row r="979686" spans="14:14">
      <c r="N979686" s="10"/>
    </row>
    <row r="979687" spans="14:14">
      <c r="N979687" s="10"/>
    </row>
    <row r="979688" spans="14:14">
      <c r="N979688" s="10"/>
    </row>
    <row r="979689" spans="14:14">
      <c r="N979689" s="10"/>
    </row>
    <row r="979690" spans="14:14">
      <c r="N979690" s="10"/>
    </row>
    <row r="979691" spans="14:14">
      <c r="N979691" s="10"/>
    </row>
    <row r="979692" spans="14:14">
      <c r="N979692" s="10"/>
    </row>
    <row r="979693" spans="14:14">
      <c r="N979693" s="10"/>
    </row>
    <row r="979694" spans="14:14">
      <c r="N979694" s="10"/>
    </row>
    <row r="979695" spans="14:14">
      <c r="N979695" s="10"/>
    </row>
    <row r="979696" spans="14:14">
      <c r="N979696" s="10"/>
    </row>
    <row r="979697" spans="14:14">
      <c r="N979697" s="10"/>
    </row>
    <row r="979698" spans="14:14">
      <c r="N979698" s="10"/>
    </row>
    <row r="979699" spans="14:14">
      <c r="N979699" s="10"/>
    </row>
    <row r="979700" spans="14:14">
      <c r="N979700" s="10"/>
    </row>
    <row r="979701" spans="14:14">
      <c r="N979701" s="10"/>
    </row>
    <row r="979702" spans="14:14">
      <c r="N979702" s="10"/>
    </row>
    <row r="979703" spans="14:14">
      <c r="N979703" s="10"/>
    </row>
    <row r="979704" spans="14:14">
      <c r="N979704" s="10"/>
    </row>
    <row r="979705" spans="14:14">
      <c r="N979705" s="10"/>
    </row>
    <row r="979706" spans="14:14">
      <c r="N979706" s="10"/>
    </row>
    <row r="979707" spans="14:14">
      <c r="N979707" s="10"/>
    </row>
    <row r="979708" spans="14:14">
      <c r="N979708" s="10"/>
    </row>
    <row r="979709" spans="14:14">
      <c r="N979709" s="10"/>
    </row>
    <row r="979710" spans="14:14">
      <c r="N979710" s="10"/>
    </row>
    <row r="979711" spans="14:14">
      <c r="N979711" s="10"/>
    </row>
    <row r="979712" spans="14:14">
      <c r="N979712" s="10"/>
    </row>
    <row r="979713" spans="14:14">
      <c r="N979713" s="10"/>
    </row>
    <row r="979714" spans="14:14">
      <c r="N979714" s="10"/>
    </row>
    <row r="979715" spans="14:14">
      <c r="N979715" s="10"/>
    </row>
    <row r="979716" spans="14:14">
      <c r="N979716" s="10"/>
    </row>
    <row r="979717" spans="14:14">
      <c r="N979717" s="10"/>
    </row>
    <row r="979718" spans="14:14">
      <c r="N979718" s="10"/>
    </row>
    <row r="979719" spans="14:14">
      <c r="N979719" s="10"/>
    </row>
    <row r="979720" spans="14:14">
      <c r="N979720" s="10"/>
    </row>
    <row r="979721" spans="14:14">
      <c r="N979721" s="10"/>
    </row>
    <row r="979722" spans="14:14">
      <c r="N979722" s="10"/>
    </row>
    <row r="979723" spans="14:14">
      <c r="N979723" s="10"/>
    </row>
    <row r="979724" spans="14:14">
      <c r="N979724" s="10"/>
    </row>
    <row r="979725" spans="14:14">
      <c r="N979725" s="10"/>
    </row>
    <row r="979726" spans="14:14">
      <c r="N979726" s="10"/>
    </row>
    <row r="979727" spans="14:14">
      <c r="N979727" s="10"/>
    </row>
    <row r="979728" spans="14:14">
      <c r="N979728" s="10"/>
    </row>
    <row r="979729" spans="14:14">
      <c r="N979729" s="10"/>
    </row>
    <row r="979730" spans="14:14">
      <c r="N979730" s="10"/>
    </row>
    <row r="979731" spans="14:14">
      <c r="N979731" s="10"/>
    </row>
    <row r="979732" spans="14:14">
      <c r="N979732" s="10"/>
    </row>
    <row r="979733" spans="14:14">
      <c r="N979733" s="10"/>
    </row>
    <row r="979734" spans="14:14">
      <c r="N979734" s="10"/>
    </row>
    <row r="979735" spans="14:14">
      <c r="N979735" s="10"/>
    </row>
    <row r="979736" spans="14:14">
      <c r="N979736" s="10"/>
    </row>
    <row r="979737" spans="14:14">
      <c r="N979737" s="10"/>
    </row>
    <row r="979738" spans="14:14">
      <c r="N979738" s="10"/>
    </row>
    <row r="979739" spans="14:14">
      <c r="N979739" s="10"/>
    </row>
    <row r="979740" spans="14:14">
      <c r="N979740" s="10"/>
    </row>
    <row r="979741" spans="14:14">
      <c r="N979741" s="10"/>
    </row>
    <row r="979742" spans="14:14">
      <c r="N979742" s="10"/>
    </row>
    <row r="979743" spans="14:14">
      <c r="N979743" s="10"/>
    </row>
    <row r="979744" spans="14:14">
      <c r="N979744" s="10"/>
    </row>
    <row r="979745" spans="14:14">
      <c r="N979745" s="10"/>
    </row>
    <row r="979746" spans="14:14">
      <c r="N979746" s="10"/>
    </row>
    <row r="979747" spans="14:14">
      <c r="N979747" s="10"/>
    </row>
    <row r="979748" spans="14:14">
      <c r="N979748" s="10"/>
    </row>
    <row r="979749" spans="14:14">
      <c r="N979749" s="10"/>
    </row>
    <row r="979750" spans="14:14">
      <c r="N979750" s="10"/>
    </row>
    <row r="979751" spans="14:14">
      <c r="N979751" s="10"/>
    </row>
    <row r="979752" spans="14:14">
      <c r="N979752" s="10"/>
    </row>
    <row r="979753" spans="14:14">
      <c r="N979753" s="10"/>
    </row>
    <row r="979754" spans="14:14">
      <c r="N979754" s="10"/>
    </row>
    <row r="979755" spans="14:14">
      <c r="N979755" s="10"/>
    </row>
    <row r="979756" spans="14:14">
      <c r="N979756" s="10"/>
    </row>
    <row r="979757" spans="14:14">
      <c r="N979757" s="10"/>
    </row>
    <row r="979758" spans="14:14">
      <c r="N979758" s="10"/>
    </row>
    <row r="979759" spans="14:14">
      <c r="N979759" s="10"/>
    </row>
    <row r="979760" spans="14:14">
      <c r="N979760" s="10"/>
    </row>
    <row r="979761" spans="14:14">
      <c r="N979761" s="10"/>
    </row>
    <row r="979762" spans="14:14">
      <c r="N979762" s="10"/>
    </row>
    <row r="979763" spans="14:14">
      <c r="N979763" s="10"/>
    </row>
    <row r="979764" spans="14:14">
      <c r="N979764" s="10"/>
    </row>
    <row r="979765" spans="14:14">
      <c r="N979765" s="10"/>
    </row>
    <row r="979766" spans="14:14">
      <c r="N979766" s="10"/>
    </row>
    <row r="979767" spans="14:14">
      <c r="N979767" s="10"/>
    </row>
    <row r="979768" spans="14:14">
      <c r="N979768" s="10"/>
    </row>
    <row r="979769" spans="14:14">
      <c r="N979769" s="10"/>
    </row>
    <row r="979770" spans="14:14">
      <c r="N979770" s="10"/>
    </row>
    <row r="979771" spans="14:14">
      <c r="N979771" s="10"/>
    </row>
    <row r="979772" spans="14:14">
      <c r="N979772" s="10"/>
    </row>
    <row r="979773" spans="14:14">
      <c r="N979773" s="10"/>
    </row>
    <row r="979774" spans="14:14">
      <c r="N979774" s="10"/>
    </row>
    <row r="979775" spans="14:14">
      <c r="N979775" s="10"/>
    </row>
    <row r="979776" spans="14:14">
      <c r="N979776" s="10"/>
    </row>
    <row r="979777" spans="14:14">
      <c r="N979777" s="10"/>
    </row>
    <row r="979778" spans="14:14">
      <c r="N979778" s="10"/>
    </row>
    <row r="979779" spans="14:14">
      <c r="N979779" s="10"/>
    </row>
    <row r="979780" spans="14:14">
      <c r="N979780" s="10"/>
    </row>
    <row r="979781" spans="14:14">
      <c r="N979781" s="10"/>
    </row>
    <row r="979782" spans="14:14">
      <c r="N979782" s="10"/>
    </row>
    <row r="979783" spans="14:14">
      <c r="N979783" s="10"/>
    </row>
    <row r="979784" spans="14:14">
      <c r="N979784" s="10"/>
    </row>
    <row r="979785" spans="14:14">
      <c r="N979785" s="10"/>
    </row>
    <row r="979786" spans="14:14">
      <c r="N979786" s="10"/>
    </row>
    <row r="979787" spans="14:14">
      <c r="N979787" s="10"/>
    </row>
    <row r="979788" spans="14:14">
      <c r="N979788" s="10"/>
    </row>
    <row r="979789" spans="14:14">
      <c r="N979789" s="10"/>
    </row>
    <row r="979790" spans="14:14">
      <c r="N979790" s="10"/>
    </row>
    <row r="979791" spans="14:14">
      <c r="N979791" s="10"/>
    </row>
    <row r="979792" spans="14:14">
      <c r="N979792" s="10"/>
    </row>
    <row r="979793" spans="14:14">
      <c r="N979793" s="10"/>
    </row>
    <row r="979794" spans="14:14">
      <c r="N979794" s="10"/>
    </row>
    <row r="979795" spans="14:14">
      <c r="N979795" s="10"/>
    </row>
    <row r="979796" spans="14:14">
      <c r="N979796" s="10"/>
    </row>
    <row r="979797" spans="14:14">
      <c r="N979797" s="10"/>
    </row>
    <row r="979798" spans="14:14">
      <c r="N979798" s="10"/>
    </row>
    <row r="979799" spans="14:14">
      <c r="N979799" s="10"/>
    </row>
    <row r="979800" spans="14:14">
      <c r="N979800" s="10"/>
    </row>
    <row r="979801" spans="14:14">
      <c r="N979801" s="10"/>
    </row>
    <row r="979802" spans="14:14">
      <c r="N979802" s="10"/>
    </row>
    <row r="979803" spans="14:14">
      <c r="N979803" s="10"/>
    </row>
    <row r="979804" spans="14:14">
      <c r="N979804" s="10"/>
    </row>
    <row r="979805" spans="14:14">
      <c r="N979805" s="10"/>
    </row>
    <row r="979806" spans="14:14">
      <c r="N979806" s="10"/>
    </row>
    <row r="979807" spans="14:14">
      <c r="N979807" s="10"/>
    </row>
    <row r="979808" spans="14:14">
      <c r="N979808" s="10"/>
    </row>
    <row r="979809" spans="14:14">
      <c r="N979809" s="10"/>
    </row>
    <row r="979810" spans="14:14">
      <c r="N979810" s="10"/>
    </row>
    <row r="979811" spans="14:14">
      <c r="N979811" s="10"/>
    </row>
    <row r="979812" spans="14:14">
      <c r="N979812" s="10"/>
    </row>
    <row r="979813" spans="14:14">
      <c r="N979813" s="10"/>
    </row>
    <row r="979814" spans="14:14">
      <c r="N979814" s="10"/>
    </row>
    <row r="979815" spans="14:14">
      <c r="N979815" s="10"/>
    </row>
    <row r="979816" spans="14:14">
      <c r="N979816" s="10"/>
    </row>
    <row r="979817" spans="14:14">
      <c r="N979817" s="10"/>
    </row>
    <row r="979818" spans="14:14">
      <c r="N979818" s="10"/>
    </row>
    <row r="979819" spans="14:14">
      <c r="N979819" s="10"/>
    </row>
    <row r="979820" spans="14:14">
      <c r="N979820" s="10"/>
    </row>
    <row r="979821" spans="14:14">
      <c r="N979821" s="10"/>
    </row>
    <row r="979822" spans="14:14">
      <c r="N979822" s="10"/>
    </row>
    <row r="979823" spans="14:14">
      <c r="N979823" s="10"/>
    </row>
    <row r="979824" spans="14:14">
      <c r="N979824" s="10"/>
    </row>
    <row r="979825" spans="14:14">
      <c r="N979825" s="10"/>
    </row>
    <row r="979826" spans="14:14">
      <c r="N979826" s="10"/>
    </row>
    <row r="979827" spans="14:14">
      <c r="N979827" s="10"/>
    </row>
    <row r="979828" spans="14:14">
      <c r="N979828" s="10"/>
    </row>
    <row r="979829" spans="14:14">
      <c r="N979829" s="10"/>
    </row>
    <row r="979830" spans="14:14">
      <c r="N979830" s="10"/>
    </row>
    <row r="979831" spans="14:14">
      <c r="N979831" s="10"/>
    </row>
    <row r="979832" spans="14:14">
      <c r="N979832" s="10"/>
    </row>
    <row r="979833" spans="14:14">
      <c r="N979833" s="10"/>
    </row>
    <row r="979834" spans="14:14">
      <c r="N979834" s="10"/>
    </row>
    <row r="979835" spans="14:14">
      <c r="N979835" s="10"/>
    </row>
    <row r="979836" spans="14:14">
      <c r="N979836" s="10"/>
    </row>
    <row r="979837" spans="14:14">
      <c r="N979837" s="10"/>
    </row>
    <row r="979838" spans="14:14">
      <c r="N979838" s="10"/>
    </row>
    <row r="979839" spans="14:14">
      <c r="N979839" s="10"/>
    </row>
    <row r="979840" spans="14:14">
      <c r="N979840" s="10"/>
    </row>
    <row r="979841" spans="14:14">
      <c r="N979841" s="10"/>
    </row>
    <row r="979842" spans="14:14">
      <c r="N979842" s="10"/>
    </row>
    <row r="979843" spans="14:14">
      <c r="N979843" s="10"/>
    </row>
    <row r="979844" spans="14:14">
      <c r="N979844" s="10"/>
    </row>
    <row r="979845" spans="14:14">
      <c r="N979845" s="10"/>
    </row>
    <row r="979846" spans="14:14">
      <c r="N979846" s="10"/>
    </row>
    <row r="979847" spans="14:14">
      <c r="N979847" s="10"/>
    </row>
    <row r="979848" spans="14:14">
      <c r="N979848" s="10"/>
    </row>
    <row r="979849" spans="14:14">
      <c r="N979849" s="10"/>
    </row>
    <row r="979850" spans="14:14">
      <c r="N979850" s="10"/>
    </row>
    <row r="979851" spans="14:14">
      <c r="N979851" s="10"/>
    </row>
    <row r="979852" spans="14:14">
      <c r="N979852" s="10"/>
    </row>
    <row r="979853" spans="14:14">
      <c r="N979853" s="10"/>
    </row>
    <row r="979854" spans="14:14">
      <c r="N979854" s="10"/>
    </row>
    <row r="979855" spans="14:14">
      <c r="N979855" s="10"/>
    </row>
    <row r="979856" spans="14:14">
      <c r="N979856" s="10"/>
    </row>
    <row r="979857" spans="14:14">
      <c r="N979857" s="10"/>
    </row>
    <row r="979858" spans="14:14">
      <c r="N979858" s="10"/>
    </row>
    <row r="979859" spans="14:14">
      <c r="N979859" s="10"/>
    </row>
    <row r="979860" spans="14:14">
      <c r="N979860" s="10"/>
    </row>
    <row r="979861" spans="14:14">
      <c r="N979861" s="10"/>
    </row>
    <row r="979862" spans="14:14">
      <c r="N979862" s="10"/>
    </row>
    <row r="979863" spans="14:14">
      <c r="N979863" s="10"/>
    </row>
    <row r="979864" spans="14:14">
      <c r="N979864" s="10"/>
    </row>
    <row r="979865" spans="14:14">
      <c r="N979865" s="10"/>
    </row>
    <row r="979866" spans="14:14">
      <c r="N979866" s="10"/>
    </row>
    <row r="979867" spans="14:14">
      <c r="N979867" s="10"/>
    </row>
    <row r="979868" spans="14:14">
      <c r="N979868" s="10"/>
    </row>
    <row r="979869" spans="14:14">
      <c r="N979869" s="10"/>
    </row>
    <row r="979870" spans="14:14">
      <c r="N979870" s="10"/>
    </row>
    <row r="979871" spans="14:14">
      <c r="N979871" s="10"/>
    </row>
    <row r="979872" spans="14:14">
      <c r="N979872" s="10"/>
    </row>
    <row r="979873" spans="14:14">
      <c r="N979873" s="10"/>
    </row>
    <row r="979874" spans="14:14">
      <c r="N979874" s="10"/>
    </row>
    <row r="979875" spans="14:14">
      <c r="N979875" s="10"/>
    </row>
    <row r="979876" spans="14:14">
      <c r="N979876" s="10"/>
    </row>
    <row r="979877" spans="14:14">
      <c r="N979877" s="10"/>
    </row>
    <row r="979878" spans="14:14">
      <c r="N979878" s="10"/>
    </row>
    <row r="979879" spans="14:14">
      <c r="N979879" s="10"/>
    </row>
    <row r="979880" spans="14:14">
      <c r="N979880" s="10"/>
    </row>
    <row r="979881" spans="14:14">
      <c r="N979881" s="10"/>
    </row>
    <row r="979882" spans="14:14">
      <c r="N979882" s="10"/>
    </row>
    <row r="979883" spans="14:14">
      <c r="N979883" s="10"/>
    </row>
    <row r="979884" spans="14:14">
      <c r="N979884" s="10"/>
    </row>
    <row r="979885" spans="14:14">
      <c r="N979885" s="10"/>
    </row>
    <row r="979886" spans="14:14">
      <c r="N979886" s="10"/>
    </row>
    <row r="979887" spans="14:14">
      <c r="N979887" s="10"/>
    </row>
    <row r="979888" spans="14:14">
      <c r="N979888" s="10"/>
    </row>
    <row r="979889" spans="14:14">
      <c r="N979889" s="10"/>
    </row>
    <row r="979890" spans="14:14">
      <c r="N979890" s="10"/>
    </row>
    <row r="979891" spans="14:14">
      <c r="N979891" s="10"/>
    </row>
    <row r="979892" spans="14:14">
      <c r="N979892" s="10"/>
    </row>
    <row r="979893" spans="14:14">
      <c r="N979893" s="10"/>
    </row>
    <row r="979894" spans="14:14">
      <c r="N979894" s="10"/>
    </row>
    <row r="979895" spans="14:14">
      <c r="N979895" s="10"/>
    </row>
    <row r="979896" spans="14:14">
      <c r="N979896" s="10"/>
    </row>
    <row r="979897" spans="14:14">
      <c r="N979897" s="10"/>
    </row>
    <row r="979898" spans="14:14">
      <c r="N979898" s="10"/>
    </row>
    <row r="979899" spans="14:14">
      <c r="N979899" s="10"/>
    </row>
    <row r="979900" spans="14:14">
      <c r="N979900" s="10"/>
    </row>
    <row r="979901" spans="14:14">
      <c r="N979901" s="10"/>
    </row>
    <row r="979902" spans="14:14">
      <c r="N979902" s="10"/>
    </row>
    <row r="979903" spans="14:14">
      <c r="N979903" s="10"/>
    </row>
    <row r="979904" spans="14:14">
      <c r="N979904" s="10"/>
    </row>
    <row r="979905" spans="14:14">
      <c r="N979905" s="10"/>
    </row>
    <row r="979906" spans="14:14">
      <c r="N979906" s="10"/>
    </row>
    <row r="979907" spans="14:14">
      <c r="N979907" s="10"/>
    </row>
    <row r="979908" spans="14:14">
      <c r="N979908" s="10"/>
    </row>
    <row r="979909" spans="14:14">
      <c r="N979909" s="10"/>
    </row>
    <row r="979910" spans="14:14">
      <c r="N979910" s="10"/>
    </row>
    <row r="979911" spans="14:14">
      <c r="N979911" s="10"/>
    </row>
    <row r="979912" spans="14:14">
      <c r="N979912" s="10"/>
    </row>
    <row r="979913" spans="14:14">
      <c r="N979913" s="10"/>
    </row>
    <row r="979914" spans="14:14">
      <c r="N979914" s="10"/>
    </row>
    <row r="979915" spans="14:14">
      <c r="N979915" s="10"/>
    </row>
    <row r="979916" spans="14:14">
      <c r="N979916" s="10"/>
    </row>
    <row r="979917" spans="14:14">
      <c r="N979917" s="10"/>
    </row>
    <row r="979918" spans="14:14">
      <c r="N979918" s="10"/>
    </row>
    <row r="979919" spans="14:14">
      <c r="N979919" s="10"/>
    </row>
    <row r="979920" spans="14:14">
      <c r="N979920" s="10"/>
    </row>
    <row r="979921" spans="14:14">
      <c r="N979921" s="10"/>
    </row>
    <row r="979922" spans="14:14">
      <c r="N979922" s="10"/>
    </row>
    <row r="979923" spans="14:14">
      <c r="N979923" s="10"/>
    </row>
    <row r="979924" spans="14:14">
      <c r="N979924" s="10"/>
    </row>
    <row r="979925" spans="14:14">
      <c r="N979925" s="10"/>
    </row>
    <row r="979926" spans="14:14">
      <c r="N979926" s="10"/>
    </row>
    <row r="979927" spans="14:14">
      <c r="N979927" s="10"/>
    </row>
    <row r="979928" spans="14:14">
      <c r="N979928" s="10"/>
    </row>
    <row r="979929" spans="14:14">
      <c r="N979929" s="10"/>
    </row>
    <row r="979930" spans="14:14">
      <c r="N979930" s="10"/>
    </row>
    <row r="979931" spans="14:14">
      <c r="N979931" s="10"/>
    </row>
    <row r="979932" spans="14:14">
      <c r="N979932" s="10"/>
    </row>
    <row r="979933" spans="14:14">
      <c r="N979933" s="10"/>
    </row>
    <row r="979934" spans="14:14">
      <c r="N979934" s="10"/>
    </row>
    <row r="979935" spans="14:14">
      <c r="N979935" s="10"/>
    </row>
    <row r="979936" spans="14:14">
      <c r="N979936" s="10"/>
    </row>
    <row r="979937" spans="14:14">
      <c r="N979937" s="10"/>
    </row>
    <row r="979938" spans="14:14">
      <c r="N979938" s="10"/>
    </row>
    <row r="979939" spans="14:14">
      <c r="N979939" s="10"/>
    </row>
    <row r="979940" spans="14:14">
      <c r="N979940" s="10"/>
    </row>
    <row r="979941" spans="14:14">
      <c r="N979941" s="10"/>
    </row>
    <row r="979942" spans="14:14">
      <c r="N979942" s="10"/>
    </row>
    <row r="979943" spans="14:14">
      <c r="N979943" s="10"/>
    </row>
    <row r="979944" spans="14:14">
      <c r="N979944" s="10"/>
    </row>
    <row r="979945" spans="14:14">
      <c r="N979945" s="10"/>
    </row>
    <row r="979946" spans="14:14">
      <c r="N979946" s="10"/>
    </row>
    <row r="979947" spans="14:14">
      <c r="N979947" s="10"/>
    </row>
    <row r="979948" spans="14:14">
      <c r="N979948" s="10"/>
    </row>
    <row r="979949" spans="14:14">
      <c r="N979949" s="10"/>
    </row>
    <row r="979950" spans="14:14">
      <c r="N979950" s="10"/>
    </row>
    <row r="979951" spans="14:14">
      <c r="N979951" s="10"/>
    </row>
    <row r="979952" spans="14:14">
      <c r="N979952" s="10"/>
    </row>
    <row r="979953" spans="14:14">
      <c r="N979953" s="10"/>
    </row>
    <row r="979954" spans="14:14">
      <c r="N979954" s="10"/>
    </row>
    <row r="979955" spans="14:14">
      <c r="N979955" s="10"/>
    </row>
    <row r="979956" spans="14:14">
      <c r="N979956" s="10"/>
    </row>
    <row r="979957" spans="14:14">
      <c r="N979957" s="10"/>
    </row>
    <row r="979958" spans="14:14">
      <c r="N979958" s="10"/>
    </row>
    <row r="979959" spans="14:14">
      <c r="N979959" s="10"/>
    </row>
    <row r="979960" spans="14:14">
      <c r="N979960" s="10"/>
    </row>
    <row r="979961" spans="14:14">
      <c r="N979961" s="10"/>
    </row>
    <row r="979962" spans="14:14">
      <c r="N979962" s="10"/>
    </row>
    <row r="979963" spans="14:14">
      <c r="N979963" s="10"/>
    </row>
    <row r="979964" spans="14:14">
      <c r="N979964" s="10"/>
    </row>
    <row r="979965" spans="14:14">
      <c r="N979965" s="10"/>
    </row>
    <row r="979966" spans="14:14">
      <c r="N979966" s="10"/>
    </row>
    <row r="979967" spans="14:14">
      <c r="N979967" s="10"/>
    </row>
    <row r="979968" spans="14:14">
      <c r="N979968" s="10"/>
    </row>
    <row r="979969" spans="14:14">
      <c r="N979969" s="10"/>
    </row>
    <row r="979970" spans="14:14">
      <c r="N979970" s="10"/>
    </row>
    <row r="979971" spans="14:14">
      <c r="N979971" s="10"/>
    </row>
    <row r="979972" spans="14:14">
      <c r="N979972" s="10"/>
    </row>
    <row r="979973" spans="14:14">
      <c r="N979973" s="10"/>
    </row>
    <row r="979974" spans="14:14">
      <c r="N979974" s="10"/>
    </row>
    <row r="979975" spans="14:14">
      <c r="N979975" s="10"/>
    </row>
    <row r="979976" spans="14:14">
      <c r="N979976" s="10"/>
    </row>
    <row r="979977" spans="14:14">
      <c r="N979977" s="10"/>
    </row>
    <row r="979978" spans="14:14">
      <c r="N979978" s="10"/>
    </row>
    <row r="979979" spans="14:14">
      <c r="N979979" s="10"/>
    </row>
    <row r="979980" spans="14:14">
      <c r="N979980" s="10"/>
    </row>
    <row r="979981" spans="14:14">
      <c r="N979981" s="10"/>
    </row>
    <row r="979982" spans="14:14">
      <c r="N979982" s="10"/>
    </row>
    <row r="979983" spans="14:14">
      <c r="N979983" s="10"/>
    </row>
    <row r="979984" spans="14:14">
      <c r="N979984" s="10"/>
    </row>
    <row r="979985" spans="14:14">
      <c r="N979985" s="10"/>
    </row>
    <row r="979986" spans="14:14">
      <c r="N979986" s="10"/>
    </row>
    <row r="979987" spans="14:14">
      <c r="N979987" s="10"/>
    </row>
    <row r="979988" spans="14:14">
      <c r="N979988" s="10"/>
    </row>
    <row r="979989" spans="14:14">
      <c r="N979989" s="10"/>
    </row>
    <row r="979990" spans="14:14">
      <c r="N979990" s="10"/>
    </row>
    <row r="979991" spans="14:14">
      <c r="N979991" s="10"/>
    </row>
    <row r="979992" spans="14:14">
      <c r="N979992" s="10"/>
    </row>
    <row r="979993" spans="14:14">
      <c r="N979993" s="10"/>
    </row>
    <row r="979994" spans="14:14">
      <c r="N979994" s="10"/>
    </row>
    <row r="979995" spans="14:14">
      <c r="N979995" s="10"/>
    </row>
    <row r="979996" spans="14:14">
      <c r="N979996" s="10"/>
    </row>
    <row r="979997" spans="14:14">
      <c r="N979997" s="10"/>
    </row>
    <row r="979998" spans="14:14">
      <c r="N979998" s="10"/>
    </row>
    <row r="979999" spans="14:14">
      <c r="N979999" s="10"/>
    </row>
    <row r="980000" spans="14:14">
      <c r="N980000" s="10"/>
    </row>
    <row r="980001" spans="14:14">
      <c r="N980001" s="10"/>
    </row>
    <row r="980002" spans="14:14">
      <c r="N980002" s="10"/>
    </row>
    <row r="980003" spans="14:14">
      <c r="N980003" s="10"/>
    </row>
    <row r="980004" spans="14:14">
      <c r="N980004" s="10"/>
    </row>
    <row r="980005" spans="14:14">
      <c r="N980005" s="10"/>
    </row>
    <row r="980006" spans="14:14">
      <c r="N980006" s="10"/>
    </row>
    <row r="980007" spans="14:14">
      <c r="N980007" s="10"/>
    </row>
    <row r="980008" spans="14:14">
      <c r="N980008" s="10"/>
    </row>
    <row r="980009" spans="14:14">
      <c r="N980009" s="10"/>
    </row>
    <row r="980010" spans="14:14">
      <c r="N980010" s="10"/>
    </row>
    <row r="980011" spans="14:14">
      <c r="N980011" s="10"/>
    </row>
    <row r="980012" spans="14:14">
      <c r="N980012" s="10"/>
    </row>
    <row r="980013" spans="14:14">
      <c r="N980013" s="10"/>
    </row>
    <row r="980014" spans="14:14">
      <c r="N980014" s="10"/>
    </row>
    <row r="980015" spans="14:14">
      <c r="N980015" s="10"/>
    </row>
    <row r="980016" spans="14:14">
      <c r="N980016" s="10"/>
    </row>
    <row r="980017" spans="14:14">
      <c r="N980017" s="10"/>
    </row>
    <row r="980018" spans="14:14">
      <c r="N980018" s="10"/>
    </row>
    <row r="980019" spans="14:14">
      <c r="N980019" s="10"/>
    </row>
    <row r="980020" spans="14:14">
      <c r="N980020" s="10"/>
    </row>
    <row r="980021" spans="14:14">
      <c r="N980021" s="10"/>
    </row>
    <row r="980022" spans="14:14">
      <c r="N980022" s="10"/>
    </row>
    <row r="980023" spans="14:14">
      <c r="N980023" s="10"/>
    </row>
    <row r="980024" spans="14:14">
      <c r="N980024" s="10"/>
    </row>
    <row r="980025" spans="14:14">
      <c r="N980025" s="10"/>
    </row>
    <row r="980026" spans="14:14">
      <c r="N980026" s="10"/>
    </row>
    <row r="980027" spans="14:14">
      <c r="N980027" s="10"/>
    </row>
    <row r="980028" spans="14:14">
      <c r="N980028" s="10"/>
    </row>
    <row r="980029" spans="14:14">
      <c r="N980029" s="10"/>
    </row>
    <row r="980030" spans="14:14">
      <c r="N980030" s="10"/>
    </row>
    <row r="980031" spans="14:14">
      <c r="N980031" s="10"/>
    </row>
    <row r="980032" spans="14:14">
      <c r="N980032" s="10"/>
    </row>
    <row r="980033" spans="14:14">
      <c r="N980033" s="10"/>
    </row>
    <row r="980034" spans="14:14">
      <c r="N980034" s="10"/>
    </row>
    <row r="980035" spans="14:14">
      <c r="N980035" s="10"/>
    </row>
    <row r="980036" spans="14:14">
      <c r="N980036" s="10"/>
    </row>
    <row r="980037" spans="14:14">
      <c r="N980037" s="10"/>
    </row>
    <row r="980038" spans="14:14">
      <c r="N980038" s="10"/>
    </row>
    <row r="980039" spans="14:14">
      <c r="N980039" s="10"/>
    </row>
    <row r="980040" spans="14:14">
      <c r="N980040" s="10"/>
    </row>
    <row r="980041" spans="14:14">
      <c r="N980041" s="10"/>
    </row>
    <row r="980042" spans="14:14">
      <c r="N980042" s="10"/>
    </row>
    <row r="980043" spans="14:14">
      <c r="N980043" s="10"/>
    </row>
    <row r="980044" spans="14:14">
      <c r="N980044" s="10"/>
    </row>
    <row r="980045" spans="14:14">
      <c r="N980045" s="10"/>
    </row>
    <row r="980046" spans="14:14">
      <c r="N980046" s="10"/>
    </row>
    <row r="980047" spans="14:14">
      <c r="N980047" s="10"/>
    </row>
    <row r="980048" spans="14:14">
      <c r="N980048" s="10"/>
    </row>
    <row r="980049" spans="14:14">
      <c r="N980049" s="10"/>
    </row>
    <row r="980050" spans="14:14">
      <c r="N980050" s="10"/>
    </row>
    <row r="980051" spans="14:14">
      <c r="N980051" s="10"/>
    </row>
    <row r="980052" spans="14:14">
      <c r="N980052" s="10"/>
    </row>
    <row r="980053" spans="14:14">
      <c r="N980053" s="10"/>
    </row>
    <row r="980054" spans="14:14">
      <c r="N980054" s="10"/>
    </row>
    <row r="980055" spans="14:14">
      <c r="N980055" s="10"/>
    </row>
    <row r="980056" spans="14:14">
      <c r="N980056" s="10"/>
    </row>
    <row r="980057" spans="14:14">
      <c r="N980057" s="10"/>
    </row>
    <row r="980058" spans="14:14">
      <c r="N980058" s="10"/>
    </row>
    <row r="980059" spans="14:14">
      <c r="N980059" s="10"/>
    </row>
    <row r="980060" spans="14:14">
      <c r="N980060" s="10"/>
    </row>
    <row r="980061" spans="14:14">
      <c r="N980061" s="10"/>
    </row>
    <row r="980062" spans="14:14">
      <c r="N980062" s="10"/>
    </row>
    <row r="980063" spans="14:14">
      <c r="N980063" s="10"/>
    </row>
    <row r="980064" spans="14:14">
      <c r="N980064" s="10"/>
    </row>
    <row r="980065" spans="14:14">
      <c r="N980065" s="10"/>
    </row>
    <row r="980066" spans="14:14">
      <c r="N980066" s="10"/>
    </row>
    <row r="980067" spans="14:14">
      <c r="N980067" s="10"/>
    </row>
    <row r="980068" spans="14:14">
      <c r="N980068" s="10"/>
    </row>
    <row r="980069" spans="14:14">
      <c r="N980069" s="10"/>
    </row>
    <row r="980070" spans="14:14">
      <c r="N980070" s="10"/>
    </row>
    <row r="980071" spans="14:14">
      <c r="N980071" s="10"/>
    </row>
    <row r="980072" spans="14:14">
      <c r="N980072" s="10"/>
    </row>
    <row r="980073" spans="14:14">
      <c r="N980073" s="10"/>
    </row>
    <row r="980074" spans="14:14">
      <c r="N980074" s="10"/>
    </row>
    <row r="980075" spans="14:14">
      <c r="N980075" s="10"/>
    </row>
    <row r="980076" spans="14:14">
      <c r="N980076" s="10"/>
    </row>
    <row r="980077" spans="14:14">
      <c r="N980077" s="10"/>
    </row>
    <row r="980078" spans="14:14">
      <c r="N980078" s="10"/>
    </row>
    <row r="980079" spans="14:14">
      <c r="N980079" s="10"/>
    </row>
    <row r="980080" spans="14:14">
      <c r="N980080" s="10"/>
    </row>
    <row r="980081" spans="14:14">
      <c r="N980081" s="10"/>
    </row>
    <row r="980082" spans="14:14">
      <c r="N980082" s="10"/>
    </row>
    <row r="980083" spans="14:14">
      <c r="N980083" s="10"/>
    </row>
    <row r="980084" spans="14:14">
      <c r="N980084" s="10"/>
    </row>
    <row r="980085" spans="14:14">
      <c r="N980085" s="10"/>
    </row>
    <row r="980086" spans="14:14">
      <c r="N980086" s="10"/>
    </row>
    <row r="980087" spans="14:14">
      <c r="N980087" s="10"/>
    </row>
    <row r="980088" spans="14:14">
      <c r="N980088" s="10"/>
    </row>
    <row r="980089" spans="14:14">
      <c r="N980089" s="10"/>
    </row>
    <row r="980090" spans="14:14">
      <c r="N980090" s="10"/>
    </row>
    <row r="980091" spans="14:14">
      <c r="N980091" s="10"/>
    </row>
    <row r="980092" spans="14:14">
      <c r="N980092" s="10"/>
    </row>
    <row r="980093" spans="14:14">
      <c r="N980093" s="10"/>
    </row>
    <row r="980094" spans="14:14">
      <c r="N980094" s="10"/>
    </row>
    <row r="980095" spans="14:14">
      <c r="N980095" s="10"/>
    </row>
    <row r="980096" spans="14:14">
      <c r="N980096" s="10"/>
    </row>
    <row r="980097" spans="14:14">
      <c r="N980097" s="10"/>
    </row>
    <row r="980098" spans="14:14">
      <c r="N980098" s="10"/>
    </row>
    <row r="980099" spans="14:14">
      <c r="N980099" s="10"/>
    </row>
    <row r="980100" spans="14:14">
      <c r="N980100" s="10"/>
    </row>
    <row r="980101" spans="14:14">
      <c r="N980101" s="10"/>
    </row>
    <row r="980102" spans="14:14">
      <c r="N980102" s="10"/>
    </row>
    <row r="980103" spans="14:14">
      <c r="N980103" s="10"/>
    </row>
    <row r="980104" spans="14:14">
      <c r="N980104" s="10"/>
    </row>
    <row r="980105" spans="14:14">
      <c r="N980105" s="10"/>
    </row>
    <row r="980106" spans="14:14">
      <c r="N980106" s="10"/>
    </row>
    <row r="980107" spans="14:14">
      <c r="N980107" s="10"/>
    </row>
    <row r="980108" spans="14:14">
      <c r="N980108" s="10"/>
    </row>
    <row r="980109" spans="14:14">
      <c r="N980109" s="10"/>
    </row>
    <row r="980110" spans="14:14">
      <c r="N980110" s="10"/>
    </row>
    <row r="980111" spans="14:14">
      <c r="N980111" s="10"/>
    </row>
    <row r="980112" spans="14:14">
      <c r="N980112" s="10"/>
    </row>
    <row r="980113" spans="14:14">
      <c r="N980113" s="10"/>
    </row>
    <row r="980114" spans="14:14">
      <c r="N980114" s="10"/>
    </row>
    <row r="980115" spans="14:14">
      <c r="N980115" s="10"/>
    </row>
    <row r="980116" spans="14:14">
      <c r="N980116" s="10"/>
    </row>
    <row r="980117" spans="14:14">
      <c r="N980117" s="10"/>
    </row>
    <row r="980118" spans="14:14">
      <c r="N980118" s="10"/>
    </row>
    <row r="980119" spans="14:14">
      <c r="N980119" s="10"/>
    </row>
    <row r="980120" spans="14:14">
      <c r="N980120" s="10"/>
    </row>
    <row r="980121" spans="14:14">
      <c r="N980121" s="10"/>
    </row>
    <row r="980122" spans="14:14">
      <c r="N980122" s="10"/>
    </row>
    <row r="980123" spans="14:14">
      <c r="N980123" s="10"/>
    </row>
    <row r="980124" spans="14:14">
      <c r="N980124" s="10"/>
    </row>
    <row r="980125" spans="14:14">
      <c r="N980125" s="10"/>
    </row>
    <row r="980126" spans="14:14">
      <c r="N980126" s="10"/>
    </row>
    <row r="980127" spans="14:14">
      <c r="N980127" s="10"/>
    </row>
    <row r="980128" spans="14:14">
      <c r="N980128" s="10"/>
    </row>
    <row r="980129" spans="14:14">
      <c r="N980129" s="10"/>
    </row>
    <row r="980130" spans="14:14">
      <c r="N980130" s="10"/>
    </row>
    <row r="980131" spans="14:14">
      <c r="N980131" s="10"/>
    </row>
    <row r="980132" spans="14:14">
      <c r="N980132" s="10"/>
    </row>
    <row r="980133" spans="14:14">
      <c r="N980133" s="10"/>
    </row>
    <row r="980134" spans="14:14">
      <c r="N980134" s="10"/>
    </row>
    <row r="980135" spans="14:14">
      <c r="N980135" s="10"/>
    </row>
    <row r="980136" spans="14:14">
      <c r="N980136" s="10"/>
    </row>
    <row r="980137" spans="14:14">
      <c r="N980137" s="10"/>
    </row>
    <row r="980138" spans="14:14">
      <c r="N980138" s="10"/>
    </row>
    <row r="980139" spans="14:14">
      <c r="N980139" s="10"/>
    </row>
    <row r="980140" spans="14:14">
      <c r="N980140" s="10"/>
    </row>
    <row r="980141" spans="14:14">
      <c r="N980141" s="10"/>
    </row>
    <row r="980142" spans="14:14">
      <c r="N980142" s="10"/>
    </row>
    <row r="980143" spans="14:14">
      <c r="N980143" s="10"/>
    </row>
    <row r="980144" spans="14:14">
      <c r="N980144" s="10"/>
    </row>
    <row r="980145" spans="14:14">
      <c r="N980145" s="10"/>
    </row>
    <row r="980146" spans="14:14">
      <c r="N980146" s="10"/>
    </row>
    <row r="980147" spans="14:14">
      <c r="N980147" s="10"/>
    </row>
    <row r="980148" spans="14:14">
      <c r="N980148" s="10"/>
    </row>
    <row r="980149" spans="14:14">
      <c r="N980149" s="10"/>
    </row>
    <row r="980150" spans="14:14">
      <c r="N980150" s="10"/>
    </row>
    <row r="980151" spans="14:14">
      <c r="N980151" s="10"/>
    </row>
    <row r="980152" spans="14:14">
      <c r="N980152" s="10"/>
    </row>
    <row r="980153" spans="14:14">
      <c r="N980153" s="10"/>
    </row>
    <row r="980154" spans="14:14">
      <c r="N980154" s="10"/>
    </row>
    <row r="980155" spans="14:14">
      <c r="N980155" s="10"/>
    </row>
    <row r="980156" spans="14:14">
      <c r="N980156" s="10"/>
    </row>
    <row r="980157" spans="14:14">
      <c r="N980157" s="10"/>
    </row>
    <row r="980158" spans="14:14">
      <c r="N980158" s="10"/>
    </row>
    <row r="980159" spans="14:14">
      <c r="N980159" s="10"/>
    </row>
    <row r="980160" spans="14:14">
      <c r="N980160" s="10"/>
    </row>
    <row r="980161" spans="14:14">
      <c r="N980161" s="10"/>
    </row>
    <row r="980162" spans="14:14">
      <c r="N980162" s="10"/>
    </row>
    <row r="980163" spans="14:14">
      <c r="N980163" s="10"/>
    </row>
    <row r="980164" spans="14:14">
      <c r="N980164" s="10"/>
    </row>
    <row r="980165" spans="14:14">
      <c r="N980165" s="10"/>
    </row>
    <row r="980166" spans="14:14">
      <c r="N980166" s="10"/>
    </row>
    <row r="980167" spans="14:14">
      <c r="N980167" s="10"/>
    </row>
    <row r="980168" spans="14:14">
      <c r="N980168" s="10"/>
    </row>
    <row r="980169" spans="14:14">
      <c r="N980169" s="10"/>
    </row>
    <row r="980170" spans="14:14">
      <c r="N980170" s="10"/>
    </row>
    <row r="980171" spans="14:14">
      <c r="N980171" s="10"/>
    </row>
    <row r="980172" spans="14:14">
      <c r="N980172" s="10"/>
    </row>
    <row r="980173" spans="14:14">
      <c r="N980173" s="10"/>
    </row>
    <row r="980174" spans="14:14">
      <c r="N980174" s="10"/>
    </row>
    <row r="980175" spans="14:14">
      <c r="N980175" s="10"/>
    </row>
    <row r="980176" spans="14:14">
      <c r="N980176" s="10"/>
    </row>
    <row r="980177" spans="14:14">
      <c r="N980177" s="10"/>
    </row>
    <row r="980178" spans="14:14">
      <c r="N980178" s="10"/>
    </row>
    <row r="980179" spans="14:14">
      <c r="N980179" s="10"/>
    </row>
    <row r="980180" spans="14:14">
      <c r="N980180" s="10"/>
    </row>
    <row r="980181" spans="14:14">
      <c r="N980181" s="10"/>
    </row>
    <row r="980182" spans="14:14">
      <c r="N980182" s="10"/>
    </row>
    <row r="980183" spans="14:14">
      <c r="N980183" s="10"/>
    </row>
    <row r="980184" spans="14:14">
      <c r="N980184" s="10"/>
    </row>
    <row r="980185" spans="14:14">
      <c r="N980185" s="10"/>
    </row>
    <row r="980186" spans="14:14">
      <c r="N980186" s="10"/>
    </row>
    <row r="980187" spans="14:14">
      <c r="N980187" s="10"/>
    </row>
    <row r="980188" spans="14:14">
      <c r="N980188" s="10"/>
    </row>
    <row r="980189" spans="14:14">
      <c r="N980189" s="10"/>
    </row>
    <row r="980190" spans="14:14">
      <c r="N980190" s="10"/>
    </row>
    <row r="980191" spans="14:14">
      <c r="N980191" s="10"/>
    </row>
    <row r="980192" spans="14:14">
      <c r="N980192" s="10"/>
    </row>
    <row r="980193" spans="14:14">
      <c r="N980193" s="10"/>
    </row>
    <row r="980194" spans="14:14">
      <c r="N980194" s="10"/>
    </row>
    <row r="980195" spans="14:14">
      <c r="N980195" s="10"/>
    </row>
    <row r="980196" spans="14:14">
      <c r="N980196" s="10"/>
    </row>
    <row r="980197" spans="14:14">
      <c r="N980197" s="10"/>
    </row>
    <row r="980198" spans="14:14">
      <c r="N980198" s="10"/>
    </row>
    <row r="980199" spans="14:14">
      <c r="N980199" s="10"/>
    </row>
    <row r="980200" spans="14:14">
      <c r="N980200" s="10"/>
    </row>
    <row r="980201" spans="14:14">
      <c r="N980201" s="10"/>
    </row>
    <row r="980202" spans="14:14">
      <c r="N980202" s="10"/>
    </row>
    <row r="980203" spans="14:14">
      <c r="N980203" s="10"/>
    </row>
    <row r="980204" spans="14:14">
      <c r="N980204" s="10"/>
    </row>
    <row r="980205" spans="14:14">
      <c r="N980205" s="10"/>
    </row>
    <row r="980206" spans="14:14">
      <c r="N980206" s="10"/>
    </row>
    <row r="980207" spans="14:14">
      <c r="N980207" s="10"/>
    </row>
    <row r="980208" spans="14:14">
      <c r="N980208" s="10"/>
    </row>
    <row r="980209" spans="14:14">
      <c r="N980209" s="10"/>
    </row>
    <row r="980210" spans="14:14">
      <c r="N980210" s="10"/>
    </row>
    <row r="980211" spans="14:14">
      <c r="N980211" s="10"/>
    </row>
    <row r="980212" spans="14:14">
      <c r="N980212" s="10"/>
    </row>
    <row r="980213" spans="14:14">
      <c r="N980213" s="10"/>
    </row>
    <row r="980214" spans="14:14">
      <c r="N980214" s="10"/>
    </row>
    <row r="980215" spans="14:14">
      <c r="N980215" s="10"/>
    </row>
    <row r="980216" spans="14:14">
      <c r="N980216" s="10"/>
    </row>
    <row r="980217" spans="14:14">
      <c r="N980217" s="10"/>
    </row>
    <row r="980218" spans="14:14">
      <c r="N980218" s="10"/>
    </row>
    <row r="980219" spans="14:14">
      <c r="N980219" s="10"/>
    </row>
    <row r="980220" spans="14:14">
      <c r="N980220" s="10"/>
    </row>
    <row r="980221" spans="14:14">
      <c r="N980221" s="10"/>
    </row>
    <row r="980222" spans="14:14">
      <c r="N980222" s="10"/>
    </row>
    <row r="980223" spans="14:14">
      <c r="N980223" s="10"/>
    </row>
    <row r="980224" spans="14:14">
      <c r="N980224" s="10"/>
    </row>
    <row r="980225" spans="14:14">
      <c r="N980225" s="10"/>
    </row>
    <row r="980226" spans="14:14">
      <c r="N980226" s="10"/>
    </row>
    <row r="980227" spans="14:14">
      <c r="N980227" s="10"/>
    </row>
    <row r="980228" spans="14:14">
      <c r="N980228" s="10"/>
    </row>
    <row r="980229" spans="14:14">
      <c r="N980229" s="10"/>
    </row>
    <row r="980230" spans="14:14">
      <c r="N980230" s="10"/>
    </row>
    <row r="980231" spans="14:14">
      <c r="N980231" s="10"/>
    </row>
    <row r="980232" spans="14:14">
      <c r="N980232" s="10"/>
    </row>
    <row r="980233" spans="14:14">
      <c r="N980233" s="10"/>
    </row>
    <row r="980234" spans="14:14">
      <c r="N980234" s="10"/>
    </row>
    <row r="980235" spans="14:14">
      <c r="N980235" s="10"/>
    </row>
    <row r="980236" spans="14:14">
      <c r="N980236" s="10"/>
    </row>
    <row r="980237" spans="14:14">
      <c r="N980237" s="10"/>
    </row>
    <row r="980238" spans="14:14">
      <c r="N980238" s="10"/>
    </row>
    <row r="980239" spans="14:14">
      <c r="N980239" s="10"/>
    </row>
    <row r="980240" spans="14:14">
      <c r="N980240" s="10"/>
    </row>
    <row r="980241" spans="14:14">
      <c r="N980241" s="10"/>
    </row>
    <row r="980242" spans="14:14">
      <c r="N980242" s="10"/>
    </row>
    <row r="980243" spans="14:14">
      <c r="N980243" s="10"/>
    </row>
    <row r="980244" spans="14:14">
      <c r="N980244" s="10"/>
    </row>
    <row r="980245" spans="14:14">
      <c r="N980245" s="10"/>
    </row>
    <row r="980246" spans="14:14">
      <c r="N980246" s="10"/>
    </row>
    <row r="980247" spans="14:14">
      <c r="N980247" s="10"/>
    </row>
    <row r="980248" spans="14:14">
      <c r="N980248" s="10"/>
    </row>
    <row r="980249" spans="14:14">
      <c r="N980249" s="10"/>
    </row>
    <row r="980250" spans="14:14">
      <c r="N980250" s="10"/>
    </row>
    <row r="980251" spans="14:14">
      <c r="N980251" s="10"/>
    </row>
    <row r="980252" spans="14:14">
      <c r="N980252" s="10"/>
    </row>
    <row r="980253" spans="14:14">
      <c r="N980253" s="10"/>
    </row>
    <row r="980254" spans="14:14">
      <c r="N980254" s="10"/>
    </row>
    <row r="980255" spans="14:14">
      <c r="N980255" s="10"/>
    </row>
    <row r="980256" spans="14:14">
      <c r="N980256" s="10"/>
    </row>
    <row r="980257" spans="14:14">
      <c r="N980257" s="10"/>
    </row>
    <row r="980258" spans="14:14">
      <c r="N980258" s="10"/>
    </row>
    <row r="980259" spans="14:14">
      <c r="N980259" s="10"/>
    </row>
    <row r="980260" spans="14:14">
      <c r="N980260" s="10"/>
    </row>
    <row r="980261" spans="14:14">
      <c r="N980261" s="10"/>
    </row>
    <row r="980262" spans="14:14">
      <c r="N980262" s="10"/>
    </row>
    <row r="980263" spans="14:14">
      <c r="N980263" s="10"/>
    </row>
    <row r="980264" spans="14:14">
      <c r="N980264" s="10"/>
    </row>
    <row r="980265" spans="14:14">
      <c r="N980265" s="10"/>
    </row>
    <row r="980266" spans="14:14">
      <c r="N980266" s="10"/>
    </row>
    <row r="980267" spans="14:14">
      <c r="N980267" s="10"/>
    </row>
    <row r="980268" spans="14:14">
      <c r="N980268" s="10"/>
    </row>
    <row r="980269" spans="14:14">
      <c r="N980269" s="10"/>
    </row>
    <row r="980270" spans="14:14">
      <c r="N980270" s="10"/>
    </row>
    <row r="980271" spans="14:14">
      <c r="N980271" s="10"/>
    </row>
    <row r="980272" spans="14:14">
      <c r="N980272" s="10"/>
    </row>
    <row r="980273" spans="14:14">
      <c r="N980273" s="10"/>
    </row>
    <row r="980274" spans="14:14">
      <c r="N980274" s="10"/>
    </row>
    <row r="980275" spans="14:14">
      <c r="N980275" s="10"/>
    </row>
    <row r="980276" spans="14:14">
      <c r="N980276" s="10"/>
    </row>
    <row r="980277" spans="14:14">
      <c r="N980277" s="10"/>
    </row>
    <row r="980278" spans="14:14">
      <c r="N980278" s="10"/>
    </row>
    <row r="980279" spans="14:14">
      <c r="N980279" s="10"/>
    </row>
    <row r="980280" spans="14:14">
      <c r="N980280" s="10"/>
    </row>
    <row r="980281" spans="14:14">
      <c r="N980281" s="10"/>
    </row>
    <row r="980282" spans="14:14">
      <c r="N980282" s="10"/>
    </row>
    <row r="980283" spans="14:14">
      <c r="N980283" s="10"/>
    </row>
    <row r="980284" spans="14:14">
      <c r="N980284" s="10"/>
    </row>
    <row r="980285" spans="14:14">
      <c r="N980285" s="10"/>
    </row>
    <row r="980286" spans="14:14">
      <c r="N980286" s="10"/>
    </row>
    <row r="980287" spans="14:14">
      <c r="N980287" s="10"/>
    </row>
    <row r="980288" spans="14:14">
      <c r="N980288" s="10"/>
    </row>
    <row r="980289" spans="14:14">
      <c r="N980289" s="10"/>
    </row>
    <row r="980290" spans="14:14">
      <c r="N980290" s="10"/>
    </row>
    <row r="980291" spans="14:14">
      <c r="N980291" s="10"/>
    </row>
    <row r="980292" spans="14:14">
      <c r="N980292" s="10"/>
    </row>
    <row r="980293" spans="14:14">
      <c r="N980293" s="10"/>
    </row>
    <row r="980294" spans="14:14">
      <c r="N980294" s="10"/>
    </row>
    <row r="980295" spans="14:14">
      <c r="N980295" s="10"/>
    </row>
    <row r="980296" spans="14:14">
      <c r="N980296" s="10"/>
    </row>
    <row r="980297" spans="14:14">
      <c r="N980297" s="10"/>
    </row>
    <row r="980298" spans="14:14">
      <c r="N980298" s="10"/>
    </row>
    <row r="980299" spans="14:14">
      <c r="N980299" s="10"/>
    </row>
    <row r="980300" spans="14:14">
      <c r="N980300" s="10"/>
    </row>
    <row r="980301" spans="14:14">
      <c r="N980301" s="10"/>
    </row>
    <row r="980302" spans="14:14">
      <c r="N980302" s="10"/>
    </row>
    <row r="980303" spans="14:14">
      <c r="N980303" s="10"/>
    </row>
    <row r="980304" spans="14:14">
      <c r="N980304" s="10"/>
    </row>
    <row r="980305" spans="14:14">
      <c r="N980305" s="10"/>
    </row>
    <row r="980306" spans="14:14">
      <c r="N980306" s="10"/>
    </row>
    <row r="980307" spans="14:14">
      <c r="N980307" s="10"/>
    </row>
    <row r="980308" spans="14:14">
      <c r="N980308" s="10"/>
    </row>
    <row r="980309" spans="14:14">
      <c r="N980309" s="10"/>
    </row>
    <row r="980310" spans="14:14">
      <c r="N980310" s="10"/>
    </row>
    <row r="980311" spans="14:14">
      <c r="N980311" s="10"/>
    </row>
    <row r="980312" spans="14:14">
      <c r="N980312" s="10"/>
    </row>
    <row r="980313" spans="14:14">
      <c r="N980313" s="10"/>
    </row>
    <row r="980314" spans="14:14">
      <c r="N980314" s="10"/>
    </row>
    <row r="980315" spans="14:14">
      <c r="N980315" s="10"/>
    </row>
    <row r="980316" spans="14:14">
      <c r="N980316" s="10"/>
    </row>
    <row r="980317" spans="14:14">
      <c r="N980317" s="10"/>
    </row>
    <row r="980318" spans="14:14">
      <c r="N980318" s="10"/>
    </row>
    <row r="980319" spans="14:14">
      <c r="N980319" s="10"/>
    </row>
    <row r="980320" spans="14:14">
      <c r="N980320" s="10"/>
    </row>
    <row r="980321" spans="14:14">
      <c r="N980321" s="10"/>
    </row>
    <row r="980322" spans="14:14">
      <c r="N980322" s="10"/>
    </row>
    <row r="980323" spans="14:14">
      <c r="N980323" s="10"/>
    </row>
    <row r="980324" spans="14:14">
      <c r="N980324" s="10"/>
    </row>
    <row r="980325" spans="14:14">
      <c r="N980325" s="10"/>
    </row>
    <row r="980326" spans="14:14">
      <c r="N980326" s="10"/>
    </row>
    <row r="980327" spans="14:14">
      <c r="N980327" s="10"/>
    </row>
    <row r="980328" spans="14:14">
      <c r="N980328" s="10"/>
    </row>
    <row r="980329" spans="14:14">
      <c r="N980329" s="10"/>
    </row>
    <row r="980330" spans="14:14">
      <c r="N980330" s="10"/>
    </row>
    <row r="980331" spans="14:14">
      <c r="N980331" s="10"/>
    </row>
    <row r="980332" spans="14:14">
      <c r="N980332" s="10"/>
    </row>
    <row r="980333" spans="14:14">
      <c r="N980333" s="10"/>
    </row>
    <row r="980334" spans="14:14">
      <c r="N980334" s="10"/>
    </row>
    <row r="980335" spans="14:14">
      <c r="N980335" s="10"/>
    </row>
    <row r="980336" spans="14:14">
      <c r="N980336" s="10"/>
    </row>
    <row r="980337" spans="14:14">
      <c r="N980337" s="10"/>
    </row>
    <row r="980338" spans="14:14">
      <c r="N980338" s="10"/>
    </row>
    <row r="980339" spans="14:14">
      <c r="N980339" s="10"/>
    </row>
    <row r="980340" spans="14:14">
      <c r="N980340" s="10"/>
    </row>
    <row r="980341" spans="14:14">
      <c r="N980341" s="10"/>
    </row>
    <row r="980342" spans="14:14">
      <c r="N980342" s="10"/>
    </row>
    <row r="980343" spans="14:14">
      <c r="N980343" s="10"/>
    </row>
    <row r="980344" spans="14:14">
      <c r="N980344" s="10"/>
    </row>
    <row r="980345" spans="14:14">
      <c r="N980345" s="10"/>
    </row>
    <row r="980346" spans="14:14">
      <c r="N980346" s="10"/>
    </row>
    <row r="980347" spans="14:14">
      <c r="N980347" s="10"/>
    </row>
    <row r="980348" spans="14:14">
      <c r="N980348" s="10"/>
    </row>
    <row r="980349" spans="14:14">
      <c r="N980349" s="10"/>
    </row>
    <row r="980350" spans="14:14">
      <c r="N980350" s="10"/>
    </row>
    <row r="980351" spans="14:14">
      <c r="N980351" s="10"/>
    </row>
    <row r="980352" spans="14:14">
      <c r="N980352" s="10"/>
    </row>
    <row r="980353" spans="14:14">
      <c r="N980353" s="10"/>
    </row>
    <row r="980354" spans="14:14">
      <c r="N980354" s="10"/>
    </row>
    <row r="980355" spans="14:14">
      <c r="N980355" s="10"/>
    </row>
    <row r="980356" spans="14:14">
      <c r="N980356" s="10"/>
    </row>
    <row r="980357" spans="14:14">
      <c r="N980357" s="10"/>
    </row>
    <row r="980358" spans="14:14">
      <c r="N980358" s="10"/>
    </row>
    <row r="980359" spans="14:14">
      <c r="N980359" s="10"/>
    </row>
    <row r="980360" spans="14:14">
      <c r="N980360" s="10"/>
    </row>
    <row r="980361" spans="14:14">
      <c r="N980361" s="10"/>
    </row>
    <row r="980362" spans="14:14">
      <c r="N980362" s="10"/>
    </row>
    <row r="980363" spans="14:14">
      <c r="N980363" s="10"/>
    </row>
    <row r="980364" spans="14:14">
      <c r="N980364" s="10"/>
    </row>
    <row r="980365" spans="14:14">
      <c r="N980365" s="10"/>
    </row>
    <row r="980366" spans="14:14">
      <c r="N980366" s="10"/>
    </row>
    <row r="980367" spans="14:14">
      <c r="N980367" s="10"/>
    </row>
    <row r="980368" spans="14:14">
      <c r="N980368" s="10"/>
    </row>
    <row r="980369" spans="14:14">
      <c r="N980369" s="10"/>
    </row>
    <row r="980370" spans="14:14">
      <c r="N980370" s="10"/>
    </row>
    <row r="980371" spans="14:14">
      <c r="N980371" s="10"/>
    </row>
    <row r="980372" spans="14:14">
      <c r="N980372" s="10"/>
    </row>
    <row r="980373" spans="14:14">
      <c r="N980373" s="10"/>
    </row>
    <row r="980374" spans="14:14">
      <c r="N980374" s="10"/>
    </row>
    <row r="980375" spans="14:14">
      <c r="N980375" s="10"/>
    </row>
    <row r="980376" spans="14:14">
      <c r="N980376" s="10"/>
    </row>
    <row r="980377" spans="14:14">
      <c r="N980377" s="10"/>
    </row>
    <row r="980378" spans="14:14">
      <c r="N980378" s="10"/>
    </row>
    <row r="980379" spans="14:14">
      <c r="N980379" s="10"/>
    </row>
    <row r="980380" spans="14:14">
      <c r="N980380" s="10"/>
    </row>
    <row r="980381" spans="14:14">
      <c r="N980381" s="10"/>
    </row>
    <row r="980382" spans="14:14">
      <c r="N980382" s="10"/>
    </row>
    <row r="980383" spans="14:14">
      <c r="N980383" s="10"/>
    </row>
    <row r="980384" spans="14:14">
      <c r="N980384" s="10"/>
    </row>
    <row r="980385" spans="14:14">
      <c r="N980385" s="10"/>
    </row>
    <row r="980386" spans="14:14">
      <c r="N980386" s="10"/>
    </row>
    <row r="980387" spans="14:14">
      <c r="N980387" s="10"/>
    </row>
    <row r="980388" spans="14:14">
      <c r="N980388" s="10"/>
    </row>
    <row r="980389" spans="14:14">
      <c r="N980389" s="10"/>
    </row>
    <row r="980390" spans="14:14">
      <c r="N980390" s="10"/>
    </row>
    <row r="980391" spans="14:14">
      <c r="N980391" s="10"/>
    </row>
    <row r="980392" spans="14:14">
      <c r="N980392" s="10"/>
    </row>
    <row r="980393" spans="14:14">
      <c r="N980393" s="10"/>
    </row>
    <row r="980394" spans="14:14">
      <c r="N980394" s="10"/>
    </row>
    <row r="980395" spans="14:14">
      <c r="N980395" s="10"/>
    </row>
    <row r="980396" spans="14:14">
      <c r="N980396" s="10"/>
    </row>
    <row r="980397" spans="14:14">
      <c r="N980397" s="10"/>
    </row>
    <row r="980398" spans="14:14">
      <c r="N980398" s="10"/>
    </row>
    <row r="980399" spans="14:14">
      <c r="N980399" s="10"/>
    </row>
    <row r="980400" spans="14:14">
      <c r="N980400" s="10"/>
    </row>
    <row r="980401" spans="14:14">
      <c r="N980401" s="10"/>
    </row>
    <row r="980402" spans="14:14">
      <c r="N980402" s="10"/>
    </row>
    <row r="980403" spans="14:14">
      <c r="N980403" s="10"/>
    </row>
    <row r="980404" spans="14:14">
      <c r="N980404" s="10"/>
    </row>
    <row r="980405" spans="14:14">
      <c r="N980405" s="10"/>
    </row>
    <row r="980406" spans="14:14">
      <c r="N980406" s="10"/>
    </row>
    <row r="980407" spans="14:14">
      <c r="N980407" s="10"/>
    </row>
    <row r="980408" spans="14:14">
      <c r="N980408" s="10"/>
    </row>
    <row r="980409" spans="14:14">
      <c r="N980409" s="10"/>
    </row>
    <row r="980410" spans="14:14">
      <c r="N980410" s="10"/>
    </row>
    <row r="980411" spans="14:14">
      <c r="N980411" s="10"/>
    </row>
    <row r="980412" spans="14:14">
      <c r="N980412" s="10"/>
    </row>
    <row r="980413" spans="14:14">
      <c r="N980413" s="10"/>
    </row>
    <row r="980414" spans="14:14">
      <c r="N980414" s="10"/>
    </row>
    <row r="980415" spans="14:14">
      <c r="N980415" s="10"/>
    </row>
    <row r="980416" spans="14:14">
      <c r="N980416" s="10"/>
    </row>
    <row r="980417" spans="14:14">
      <c r="N980417" s="10"/>
    </row>
    <row r="980418" spans="14:14">
      <c r="N980418" s="10"/>
    </row>
    <row r="980419" spans="14:14">
      <c r="N980419" s="10"/>
    </row>
    <row r="980420" spans="14:14">
      <c r="N980420" s="10"/>
    </row>
    <row r="980421" spans="14:14">
      <c r="N980421" s="10"/>
    </row>
    <row r="980422" spans="14:14">
      <c r="N980422" s="10"/>
    </row>
    <row r="980423" spans="14:14">
      <c r="N980423" s="10"/>
    </row>
    <row r="980424" spans="14:14">
      <c r="N980424" s="10"/>
    </row>
    <row r="980425" spans="14:14">
      <c r="N980425" s="10"/>
    </row>
    <row r="980426" spans="14:14">
      <c r="N980426" s="10"/>
    </row>
    <row r="980427" spans="14:14">
      <c r="N980427" s="10"/>
    </row>
    <row r="980428" spans="14:14">
      <c r="N980428" s="10"/>
    </row>
    <row r="980429" spans="14:14">
      <c r="N980429" s="10"/>
    </row>
    <row r="980430" spans="14:14">
      <c r="N980430" s="10"/>
    </row>
    <row r="980431" spans="14:14">
      <c r="N980431" s="10"/>
    </row>
    <row r="980432" spans="14:14">
      <c r="N980432" s="10"/>
    </row>
    <row r="980433" spans="14:14">
      <c r="N980433" s="10"/>
    </row>
    <row r="980434" spans="14:14">
      <c r="N980434" s="10"/>
    </row>
    <row r="980435" spans="14:14">
      <c r="N980435" s="10"/>
    </row>
    <row r="980436" spans="14:14">
      <c r="N980436" s="10"/>
    </row>
    <row r="980437" spans="14:14">
      <c r="N980437" s="10"/>
    </row>
    <row r="980438" spans="14:14">
      <c r="N980438" s="10"/>
    </row>
    <row r="980439" spans="14:14">
      <c r="N980439" s="10"/>
    </row>
    <row r="980440" spans="14:14">
      <c r="N980440" s="10"/>
    </row>
    <row r="980441" spans="14:14">
      <c r="N980441" s="10"/>
    </row>
    <row r="980442" spans="14:14">
      <c r="N980442" s="10"/>
    </row>
    <row r="980443" spans="14:14">
      <c r="N980443" s="10"/>
    </row>
    <row r="980444" spans="14:14">
      <c r="N980444" s="10"/>
    </row>
    <row r="980445" spans="14:14">
      <c r="N980445" s="10"/>
    </row>
    <row r="980446" spans="14:14">
      <c r="N980446" s="10"/>
    </row>
    <row r="980447" spans="14:14">
      <c r="N980447" s="10"/>
    </row>
    <row r="980448" spans="14:14">
      <c r="N980448" s="10"/>
    </row>
    <row r="980449" spans="14:14">
      <c r="N980449" s="10"/>
    </row>
    <row r="980450" spans="14:14">
      <c r="N980450" s="10"/>
    </row>
    <row r="980451" spans="14:14">
      <c r="N980451" s="10"/>
    </row>
    <row r="980452" spans="14:14">
      <c r="N980452" s="10"/>
    </row>
    <row r="980453" spans="14:14">
      <c r="N980453" s="10"/>
    </row>
    <row r="980454" spans="14:14">
      <c r="N980454" s="10"/>
    </row>
    <row r="980455" spans="14:14">
      <c r="N980455" s="10"/>
    </row>
    <row r="980456" spans="14:14">
      <c r="N980456" s="10"/>
    </row>
    <row r="980457" spans="14:14">
      <c r="N980457" s="10"/>
    </row>
    <row r="980458" spans="14:14">
      <c r="N980458" s="10"/>
    </row>
    <row r="980459" spans="14:14">
      <c r="N980459" s="10"/>
    </row>
    <row r="980460" spans="14:14">
      <c r="N980460" s="10"/>
    </row>
    <row r="980461" spans="14:14">
      <c r="N980461" s="10"/>
    </row>
    <row r="980462" spans="14:14">
      <c r="N980462" s="10"/>
    </row>
    <row r="980463" spans="14:14">
      <c r="N980463" s="10"/>
    </row>
    <row r="980464" spans="14:14">
      <c r="N980464" s="10"/>
    </row>
    <row r="980465" spans="14:14">
      <c r="N980465" s="10"/>
    </row>
    <row r="980466" spans="14:14">
      <c r="N980466" s="10"/>
    </row>
    <row r="980467" spans="14:14">
      <c r="N980467" s="10"/>
    </row>
    <row r="980468" spans="14:14">
      <c r="N980468" s="10"/>
    </row>
    <row r="980469" spans="14:14">
      <c r="N980469" s="10"/>
    </row>
    <row r="980470" spans="14:14">
      <c r="N980470" s="10"/>
    </row>
    <row r="980471" spans="14:14">
      <c r="N980471" s="10"/>
    </row>
    <row r="980472" spans="14:14">
      <c r="N980472" s="10"/>
    </row>
    <row r="980473" spans="14:14">
      <c r="N980473" s="10"/>
    </row>
    <row r="980474" spans="14:14">
      <c r="N980474" s="10"/>
    </row>
    <row r="980475" spans="14:14">
      <c r="N980475" s="10"/>
    </row>
    <row r="980476" spans="14:14">
      <c r="N980476" s="10"/>
    </row>
    <row r="980477" spans="14:14">
      <c r="N980477" s="10"/>
    </row>
    <row r="980478" spans="14:14">
      <c r="N980478" s="10"/>
    </row>
    <row r="980479" spans="14:14">
      <c r="N980479" s="10"/>
    </row>
    <row r="980480" spans="14:14">
      <c r="N980480" s="10"/>
    </row>
    <row r="980481" spans="14:14">
      <c r="N980481" s="10"/>
    </row>
    <row r="980482" spans="14:14">
      <c r="N980482" s="10"/>
    </row>
    <row r="980483" spans="14:14">
      <c r="N980483" s="10"/>
    </row>
    <row r="980484" spans="14:14">
      <c r="N980484" s="10"/>
    </row>
    <row r="980485" spans="14:14">
      <c r="N980485" s="10"/>
    </row>
    <row r="980486" spans="14:14">
      <c r="N980486" s="10"/>
    </row>
    <row r="980487" spans="14:14">
      <c r="N980487" s="10"/>
    </row>
    <row r="980488" spans="14:14">
      <c r="N980488" s="10"/>
    </row>
    <row r="980489" spans="14:14">
      <c r="N980489" s="10"/>
    </row>
    <row r="980490" spans="14:14">
      <c r="N980490" s="10"/>
    </row>
    <row r="980491" spans="14:14">
      <c r="N980491" s="10"/>
    </row>
    <row r="980492" spans="14:14">
      <c r="N980492" s="10"/>
    </row>
    <row r="980493" spans="14:14">
      <c r="N980493" s="10"/>
    </row>
    <row r="980494" spans="14:14">
      <c r="N980494" s="10"/>
    </row>
    <row r="980495" spans="14:14">
      <c r="N980495" s="10"/>
    </row>
    <row r="980496" spans="14:14">
      <c r="N980496" s="10"/>
    </row>
    <row r="980497" spans="14:14">
      <c r="N980497" s="10"/>
    </row>
    <row r="980498" spans="14:14">
      <c r="N980498" s="10"/>
    </row>
    <row r="980499" spans="14:14">
      <c r="N980499" s="10"/>
    </row>
    <row r="980500" spans="14:14">
      <c r="N980500" s="10"/>
    </row>
    <row r="980501" spans="14:14">
      <c r="N980501" s="10"/>
    </row>
    <row r="980502" spans="14:14">
      <c r="N980502" s="10"/>
    </row>
    <row r="980503" spans="14:14">
      <c r="N980503" s="10"/>
    </row>
    <row r="980504" spans="14:14">
      <c r="N980504" s="10"/>
    </row>
    <row r="980505" spans="14:14">
      <c r="N980505" s="10"/>
    </row>
    <row r="980506" spans="14:14">
      <c r="N980506" s="10"/>
    </row>
    <row r="980507" spans="14:14">
      <c r="N980507" s="10"/>
    </row>
    <row r="980508" spans="14:14">
      <c r="N980508" s="10"/>
    </row>
    <row r="980509" spans="14:14">
      <c r="N980509" s="10"/>
    </row>
    <row r="980510" spans="14:14">
      <c r="N980510" s="10"/>
    </row>
    <row r="980511" spans="14:14">
      <c r="N980511" s="10"/>
    </row>
    <row r="980512" spans="14:14">
      <c r="N980512" s="10"/>
    </row>
    <row r="980513" spans="14:14">
      <c r="N980513" s="10"/>
    </row>
    <row r="980514" spans="14:14">
      <c r="N980514" s="10"/>
    </row>
    <row r="980515" spans="14:14">
      <c r="N980515" s="10"/>
    </row>
    <row r="980516" spans="14:14">
      <c r="N980516" s="10"/>
    </row>
    <row r="980517" spans="14:14">
      <c r="N980517" s="10"/>
    </row>
    <row r="980518" spans="14:14">
      <c r="N980518" s="10"/>
    </row>
    <row r="980519" spans="14:14">
      <c r="N980519" s="10"/>
    </row>
    <row r="980520" spans="14:14">
      <c r="N980520" s="10"/>
    </row>
    <row r="980521" spans="14:14">
      <c r="N980521" s="10"/>
    </row>
    <row r="980522" spans="14:14">
      <c r="N980522" s="10"/>
    </row>
    <row r="980523" spans="14:14">
      <c r="N980523" s="10"/>
    </row>
    <row r="980524" spans="14:14">
      <c r="N980524" s="10"/>
    </row>
    <row r="980525" spans="14:14">
      <c r="N980525" s="10"/>
    </row>
    <row r="980526" spans="14:14">
      <c r="N980526" s="10"/>
    </row>
    <row r="980527" spans="14:14">
      <c r="N980527" s="10"/>
    </row>
    <row r="980528" spans="14:14">
      <c r="N980528" s="10"/>
    </row>
    <row r="980529" spans="14:14">
      <c r="N980529" s="10"/>
    </row>
    <row r="980530" spans="14:14">
      <c r="N980530" s="10"/>
    </row>
    <row r="980531" spans="14:14">
      <c r="N980531" s="10"/>
    </row>
    <row r="980532" spans="14:14">
      <c r="N980532" s="10"/>
    </row>
    <row r="980533" spans="14:14">
      <c r="N980533" s="10"/>
    </row>
    <row r="980534" spans="14:14">
      <c r="N980534" s="10"/>
    </row>
    <row r="980535" spans="14:14">
      <c r="N980535" s="10"/>
    </row>
    <row r="980536" spans="14:14">
      <c r="N980536" s="10"/>
    </row>
    <row r="980537" spans="14:14">
      <c r="N980537" s="10"/>
    </row>
    <row r="980538" spans="14:14">
      <c r="N980538" s="10"/>
    </row>
    <row r="980539" spans="14:14">
      <c r="N980539" s="10"/>
    </row>
    <row r="980540" spans="14:14">
      <c r="N980540" s="10"/>
    </row>
    <row r="980541" spans="14:14">
      <c r="N980541" s="10"/>
    </row>
    <row r="980542" spans="14:14">
      <c r="N980542" s="10"/>
    </row>
    <row r="980543" spans="14:14">
      <c r="N980543" s="10"/>
    </row>
    <row r="980544" spans="14:14">
      <c r="N980544" s="10"/>
    </row>
    <row r="980545" spans="14:14">
      <c r="N980545" s="10"/>
    </row>
    <row r="980546" spans="14:14">
      <c r="N980546" s="10"/>
    </row>
    <row r="980547" spans="14:14">
      <c r="N980547" s="10"/>
    </row>
    <row r="980548" spans="14:14">
      <c r="N980548" s="10"/>
    </row>
    <row r="980549" spans="14:14">
      <c r="N980549" s="10"/>
    </row>
    <row r="980550" spans="14:14">
      <c r="N980550" s="10"/>
    </row>
    <row r="980551" spans="14:14">
      <c r="N980551" s="10"/>
    </row>
    <row r="980552" spans="14:14">
      <c r="N980552" s="10"/>
    </row>
    <row r="980553" spans="14:14">
      <c r="N980553" s="10"/>
    </row>
    <row r="980554" spans="14:14">
      <c r="N980554" s="10"/>
    </row>
    <row r="980555" spans="14:14">
      <c r="N980555" s="10"/>
    </row>
    <row r="980556" spans="14:14">
      <c r="N980556" s="10"/>
    </row>
    <row r="980557" spans="14:14">
      <c r="N980557" s="10"/>
    </row>
    <row r="980558" spans="14:14">
      <c r="N980558" s="10"/>
    </row>
    <row r="980559" spans="14:14">
      <c r="N980559" s="10"/>
    </row>
    <row r="980560" spans="14:14">
      <c r="N980560" s="10"/>
    </row>
    <row r="980561" spans="14:14">
      <c r="N980561" s="10"/>
    </row>
    <row r="980562" spans="14:14">
      <c r="N980562" s="10"/>
    </row>
    <row r="980563" spans="14:14">
      <c r="N980563" s="10"/>
    </row>
    <row r="980564" spans="14:14">
      <c r="N980564" s="10"/>
    </row>
    <row r="980565" spans="14:14">
      <c r="N980565" s="10"/>
    </row>
    <row r="980566" spans="14:14">
      <c r="N980566" s="10"/>
    </row>
    <row r="980567" spans="14:14">
      <c r="N980567" s="10"/>
    </row>
    <row r="980568" spans="14:14">
      <c r="N980568" s="10"/>
    </row>
    <row r="980569" spans="14:14">
      <c r="N980569" s="10"/>
    </row>
    <row r="980570" spans="14:14">
      <c r="N980570" s="10"/>
    </row>
    <row r="980571" spans="14:14">
      <c r="N980571" s="10"/>
    </row>
    <row r="980572" spans="14:14">
      <c r="N980572" s="10"/>
    </row>
    <row r="980573" spans="14:14">
      <c r="N980573" s="10"/>
    </row>
    <row r="980574" spans="14:14">
      <c r="N980574" s="10"/>
    </row>
    <row r="980575" spans="14:14">
      <c r="N980575" s="10"/>
    </row>
    <row r="980576" spans="14:14">
      <c r="N980576" s="10"/>
    </row>
    <row r="980577" spans="14:14">
      <c r="N980577" s="10"/>
    </row>
    <row r="980578" spans="14:14">
      <c r="N980578" s="10"/>
    </row>
    <row r="980579" spans="14:14">
      <c r="N980579" s="10"/>
    </row>
    <row r="980580" spans="14:14">
      <c r="N980580" s="10"/>
    </row>
    <row r="980581" spans="14:14">
      <c r="N980581" s="10"/>
    </row>
    <row r="980582" spans="14:14">
      <c r="N980582" s="10"/>
    </row>
    <row r="980583" spans="14:14">
      <c r="N980583" s="10"/>
    </row>
    <row r="980584" spans="14:14">
      <c r="N980584" s="10"/>
    </row>
    <row r="980585" spans="14:14">
      <c r="N980585" s="10"/>
    </row>
    <row r="980586" spans="14:14">
      <c r="N980586" s="10"/>
    </row>
    <row r="980587" spans="14:14">
      <c r="N980587" s="10"/>
    </row>
    <row r="980588" spans="14:14">
      <c r="N980588" s="10"/>
    </row>
    <row r="980589" spans="14:14">
      <c r="N980589" s="10"/>
    </row>
    <row r="980590" spans="14:14">
      <c r="N980590" s="10"/>
    </row>
    <row r="980591" spans="14:14">
      <c r="N980591" s="10"/>
    </row>
    <row r="980592" spans="14:14">
      <c r="N980592" s="10"/>
    </row>
    <row r="980593" spans="14:14">
      <c r="N980593" s="10"/>
    </row>
    <row r="980594" spans="14:14">
      <c r="N980594" s="10"/>
    </row>
    <row r="980595" spans="14:14">
      <c r="N980595" s="10"/>
    </row>
    <row r="980596" spans="14:14">
      <c r="N980596" s="10"/>
    </row>
    <row r="980597" spans="14:14">
      <c r="N980597" s="10"/>
    </row>
    <row r="980598" spans="14:14">
      <c r="N980598" s="10"/>
    </row>
    <row r="980599" spans="14:14">
      <c r="N980599" s="10"/>
    </row>
    <row r="980600" spans="14:14">
      <c r="N980600" s="10"/>
    </row>
    <row r="980601" spans="14:14">
      <c r="N980601" s="10"/>
    </row>
    <row r="980602" spans="14:14">
      <c r="N980602" s="10"/>
    </row>
    <row r="980603" spans="14:14">
      <c r="N980603" s="10"/>
    </row>
    <row r="980604" spans="14:14">
      <c r="N980604" s="10"/>
    </row>
    <row r="980605" spans="14:14">
      <c r="N980605" s="10"/>
    </row>
    <row r="980606" spans="14:14">
      <c r="N980606" s="10"/>
    </row>
    <row r="980607" spans="14:14">
      <c r="N980607" s="10"/>
    </row>
    <row r="980608" spans="14:14">
      <c r="N980608" s="10"/>
    </row>
    <row r="980609" spans="14:14">
      <c r="N980609" s="10"/>
    </row>
    <row r="980610" spans="14:14">
      <c r="N980610" s="10"/>
    </row>
    <row r="980611" spans="14:14">
      <c r="N980611" s="10"/>
    </row>
    <row r="980612" spans="14:14">
      <c r="N980612" s="10"/>
    </row>
    <row r="980613" spans="14:14">
      <c r="N980613" s="10"/>
    </row>
    <row r="980614" spans="14:14">
      <c r="N980614" s="10"/>
    </row>
    <row r="980615" spans="14:14">
      <c r="N980615" s="10"/>
    </row>
    <row r="980616" spans="14:14">
      <c r="N980616" s="10"/>
    </row>
    <row r="980617" spans="14:14">
      <c r="N980617" s="10"/>
    </row>
    <row r="980618" spans="14:14">
      <c r="N980618" s="10"/>
    </row>
    <row r="980619" spans="14:14">
      <c r="N980619" s="10"/>
    </row>
    <row r="980620" spans="14:14">
      <c r="N980620" s="10"/>
    </row>
    <row r="980621" spans="14:14">
      <c r="N980621" s="10"/>
    </row>
    <row r="980622" spans="14:14">
      <c r="N980622" s="10"/>
    </row>
    <row r="980623" spans="14:14">
      <c r="N980623" s="10"/>
    </row>
    <row r="980624" spans="14:14">
      <c r="N980624" s="10"/>
    </row>
    <row r="980625" spans="14:14">
      <c r="N980625" s="10"/>
    </row>
    <row r="980626" spans="14:14">
      <c r="N980626" s="10"/>
    </row>
    <row r="980627" spans="14:14">
      <c r="N980627" s="10"/>
    </row>
    <row r="980628" spans="14:14">
      <c r="N980628" s="10"/>
    </row>
    <row r="980629" spans="14:14">
      <c r="N980629" s="10"/>
    </row>
    <row r="980630" spans="14:14">
      <c r="N980630" s="10"/>
    </row>
    <row r="980631" spans="14:14">
      <c r="N980631" s="10"/>
    </row>
    <row r="980632" spans="14:14">
      <c r="N980632" s="10"/>
    </row>
    <row r="980633" spans="14:14">
      <c r="N980633" s="10"/>
    </row>
    <row r="980634" spans="14:14">
      <c r="N980634" s="10"/>
    </row>
    <row r="980635" spans="14:14">
      <c r="N980635" s="10"/>
    </row>
    <row r="980636" spans="14:14">
      <c r="N980636" s="10"/>
    </row>
    <row r="980637" spans="14:14">
      <c r="N980637" s="10"/>
    </row>
    <row r="980638" spans="14:14">
      <c r="N980638" s="10"/>
    </row>
    <row r="980639" spans="14:14">
      <c r="N980639" s="10"/>
    </row>
    <row r="980640" spans="14:14">
      <c r="N980640" s="10"/>
    </row>
    <row r="980641" spans="14:14">
      <c r="N980641" s="10"/>
    </row>
    <row r="980642" spans="14:14">
      <c r="N980642" s="10"/>
    </row>
    <row r="980643" spans="14:14">
      <c r="N980643" s="10"/>
    </row>
    <row r="980644" spans="14:14">
      <c r="N980644" s="10"/>
    </row>
    <row r="980645" spans="14:14">
      <c r="N980645" s="10"/>
    </row>
    <row r="980646" spans="14:14">
      <c r="N980646" s="10"/>
    </row>
    <row r="980647" spans="14:14">
      <c r="N980647" s="10"/>
    </row>
    <row r="980648" spans="14:14">
      <c r="N980648" s="10"/>
    </row>
    <row r="980649" spans="14:14">
      <c r="N980649" s="10"/>
    </row>
    <row r="980650" spans="14:14">
      <c r="N980650" s="10"/>
    </row>
    <row r="980651" spans="14:14">
      <c r="N980651" s="10"/>
    </row>
    <row r="980652" spans="14:14">
      <c r="N980652" s="10"/>
    </row>
    <row r="980653" spans="14:14">
      <c r="N980653" s="10"/>
    </row>
    <row r="980654" spans="14:14">
      <c r="N980654" s="10"/>
    </row>
    <row r="980655" spans="14:14">
      <c r="N980655" s="10"/>
    </row>
    <row r="980656" spans="14:14">
      <c r="N980656" s="10"/>
    </row>
    <row r="980657" spans="14:14">
      <c r="N980657" s="10"/>
    </row>
    <row r="980658" spans="14:14">
      <c r="N980658" s="10"/>
    </row>
    <row r="980659" spans="14:14">
      <c r="N980659" s="10"/>
    </row>
    <row r="980660" spans="14:14">
      <c r="N980660" s="10"/>
    </row>
    <row r="980661" spans="14:14">
      <c r="N980661" s="10"/>
    </row>
    <row r="980662" spans="14:14">
      <c r="N980662" s="10"/>
    </row>
    <row r="980663" spans="14:14">
      <c r="N980663" s="10"/>
    </row>
    <row r="980664" spans="14:14">
      <c r="N980664" s="10"/>
    </row>
    <row r="980665" spans="14:14">
      <c r="N980665" s="10"/>
    </row>
    <row r="980666" spans="14:14">
      <c r="N980666" s="10"/>
    </row>
    <row r="980667" spans="14:14">
      <c r="N980667" s="10"/>
    </row>
    <row r="980668" spans="14:14">
      <c r="N980668" s="10"/>
    </row>
    <row r="980669" spans="14:14">
      <c r="N980669" s="10"/>
    </row>
    <row r="980670" spans="14:14">
      <c r="N980670" s="10"/>
    </row>
    <row r="980671" spans="14:14">
      <c r="N980671" s="10"/>
    </row>
    <row r="980672" spans="14:14">
      <c r="N980672" s="10"/>
    </row>
    <row r="980673" spans="14:14">
      <c r="N980673" s="10"/>
    </row>
    <row r="980674" spans="14:14">
      <c r="N980674" s="10"/>
    </row>
    <row r="980675" spans="14:14">
      <c r="N980675" s="10"/>
    </row>
    <row r="980676" spans="14:14">
      <c r="N980676" s="10"/>
    </row>
    <row r="980677" spans="14:14">
      <c r="N980677" s="10"/>
    </row>
    <row r="980678" spans="14:14">
      <c r="N980678" s="10"/>
    </row>
    <row r="980679" spans="14:14">
      <c r="N980679" s="10"/>
    </row>
    <row r="980680" spans="14:14">
      <c r="N980680" s="10"/>
    </row>
    <row r="980681" spans="14:14">
      <c r="N980681" s="10"/>
    </row>
    <row r="980682" spans="14:14">
      <c r="N980682" s="10"/>
    </row>
    <row r="980683" spans="14:14">
      <c r="N980683" s="10"/>
    </row>
    <row r="980684" spans="14:14">
      <c r="N980684" s="10"/>
    </row>
    <row r="980685" spans="14:14">
      <c r="N980685" s="10"/>
    </row>
    <row r="980686" spans="14:14">
      <c r="N980686" s="10"/>
    </row>
    <row r="980687" spans="14:14">
      <c r="N980687" s="10"/>
    </row>
    <row r="980688" spans="14:14">
      <c r="N980688" s="10"/>
    </row>
    <row r="980689" spans="14:14">
      <c r="N980689" s="10"/>
    </row>
    <row r="980690" spans="14:14">
      <c r="N980690" s="10"/>
    </row>
    <row r="980691" spans="14:14">
      <c r="N980691" s="10"/>
    </row>
    <row r="980692" spans="14:14">
      <c r="N980692" s="10"/>
    </row>
    <row r="980693" spans="14:14">
      <c r="N980693" s="10"/>
    </row>
    <row r="980694" spans="14:14">
      <c r="N980694" s="10"/>
    </row>
    <row r="980695" spans="14:14">
      <c r="N980695" s="10"/>
    </row>
    <row r="980696" spans="14:14">
      <c r="N980696" s="10"/>
    </row>
    <row r="980697" spans="14:14">
      <c r="N980697" s="10"/>
    </row>
    <row r="980698" spans="14:14">
      <c r="N980698" s="10"/>
    </row>
    <row r="980699" spans="14:14">
      <c r="N980699" s="10"/>
    </row>
    <row r="980700" spans="14:14">
      <c r="N980700" s="10"/>
    </row>
    <row r="980701" spans="14:14">
      <c r="N980701" s="10"/>
    </row>
    <row r="980702" spans="14:14">
      <c r="N980702" s="10"/>
    </row>
    <row r="980703" spans="14:14">
      <c r="N980703" s="10"/>
    </row>
    <row r="980704" spans="14:14">
      <c r="N980704" s="10"/>
    </row>
    <row r="980705" spans="14:14">
      <c r="N980705" s="10"/>
    </row>
    <row r="980706" spans="14:14">
      <c r="N980706" s="10"/>
    </row>
    <row r="980707" spans="14:14">
      <c r="N980707" s="10"/>
    </row>
    <row r="980708" spans="14:14">
      <c r="N980708" s="10"/>
    </row>
    <row r="980709" spans="14:14">
      <c r="N980709" s="10"/>
    </row>
    <row r="980710" spans="14:14">
      <c r="N980710" s="10"/>
    </row>
    <row r="980711" spans="14:14">
      <c r="N980711" s="10"/>
    </row>
    <row r="980712" spans="14:14">
      <c r="N980712" s="10"/>
    </row>
    <row r="980713" spans="14:14">
      <c r="N980713" s="10"/>
    </row>
    <row r="980714" spans="14:14">
      <c r="N980714" s="10"/>
    </row>
    <row r="980715" spans="14:14">
      <c r="N980715" s="10"/>
    </row>
    <row r="980716" spans="14:14">
      <c r="N980716" s="10"/>
    </row>
    <row r="980717" spans="14:14">
      <c r="N980717" s="10"/>
    </row>
    <row r="980718" spans="14:14">
      <c r="N980718" s="10"/>
    </row>
    <row r="980719" spans="14:14">
      <c r="N980719" s="10"/>
    </row>
    <row r="980720" spans="14:14">
      <c r="N980720" s="10"/>
    </row>
    <row r="980721" spans="14:14">
      <c r="N980721" s="10"/>
    </row>
    <row r="980722" spans="14:14">
      <c r="N980722" s="10"/>
    </row>
    <row r="980723" spans="14:14">
      <c r="N980723" s="10"/>
    </row>
    <row r="980724" spans="14:14">
      <c r="N980724" s="10"/>
    </row>
    <row r="980725" spans="14:14">
      <c r="N980725" s="10"/>
    </row>
    <row r="980726" spans="14:14">
      <c r="N980726" s="10"/>
    </row>
    <row r="980727" spans="14:14">
      <c r="N980727" s="10"/>
    </row>
    <row r="980728" spans="14:14">
      <c r="N980728" s="10"/>
    </row>
    <row r="980729" spans="14:14">
      <c r="N980729" s="10"/>
    </row>
    <row r="980730" spans="14:14">
      <c r="N980730" s="10"/>
    </row>
    <row r="980731" spans="14:14">
      <c r="N980731" s="10"/>
    </row>
    <row r="980732" spans="14:14">
      <c r="N980732" s="10"/>
    </row>
    <row r="980733" spans="14:14">
      <c r="N980733" s="10"/>
    </row>
    <row r="980734" spans="14:14">
      <c r="N980734" s="10"/>
    </row>
    <row r="980735" spans="14:14">
      <c r="N980735" s="10"/>
    </row>
    <row r="980736" spans="14:14">
      <c r="N980736" s="10"/>
    </row>
    <row r="980737" spans="14:14">
      <c r="N980737" s="10"/>
    </row>
    <row r="980738" spans="14:14">
      <c r="N980738" s="10"/>
    </row>
    <row r="980739" spans="14:14">
      <c r="N980739" s="10"/>
    </row>
    <row r="980740" spans="14:14">
      <c r="N980740" s="10"/>
    </row>
    <row r="980741" spans="14:14">
      <c r="N980741" s="10"/>
    </row>
    <row r="980742" spans="14:14">
      <c r="N980742" s="10"/>
    </row>
    <row r="980743" spans="14:14">
      <c r="N980743" s="10"/>
    </row>
    <row r="980744" spans="14:14">
      <c r="N980744" s="10"/>
    </row>
    <row r="980745" spans="14:14">
      <c r="N980745" s="10"/>
    </row>
    <row r="980746" spans="14:14">
      <c r="N980746" s="10"/>
    </row>
    <row r="980747" spans="14:14">
      <c r="N980747" s="10"/>
    </row>
    <row r="980748" spans="14:14">
      <c r="N980748" s="10"/>
    </row>
    <row r="980749" spans="14:14">
      <c r="N980749" s="10"/>
    </row>
    <row r="980750" spans="14:14">
      <c r="N980750" s="10"/>
    </row>
    <row r="980751" spans="14:14">
      <c r="N980751" s="10"/>
    </row>
    <row r="980752" spans="14:14">
      <c r="N980752" s="10"/>
    </row>
    <row r="980753" spans="14:14">
      <c r="N980753" s="10"/>
    </row>
    <row r="980754" spans="14:14">
      <c r="N980754" s="10"/>
    </row>
    <row r="980755" spans="14:14">
      <c r="N980755" s="10"/>
    </row>
    <row r="980756" spans="14:14">
      <c r="N980756" s="10"/>
    </row>
    <row r="980757" spans="14:14">
      <c r="N980757" s="10"/>
    </row>
    <row r="980758" spans="14:14">
      <c r="N980758" s="10"/>
    </row>
    <row r="980759" spans="14:14">
      <c r="N980759" s="10"/>
    </row>
    <row r="980760" spans="14:14">
      <c r="N980760" s="10"/>
    </row>
    <row r="980761" spans="14:14">
      <c r="N980761" s="10"/>
    </row>
    <row r="980762" spans="14:14">
      <c r="N980762" s="10"/>
    </row>
    <row r="980763" spans="14:14">
      <c r="N980763" s="10"/>
    </row>
    <row r="980764" spans="14:14">
      <c r="N980764" s="10"/>
    </row>
    <row r="980765" spans="14:14">
      <c r="N980765" s="10"/>
    </row>
    <row r="980766" spans="14:14">
      <c r="N980766" s="10"/>
    </row>
    <row r="980767" spans="14:14">
      <c r="N980767" s="10"/>
    </row>
    <row r="980768" spans="14:14">
      <c r="N980768" s="10"/>
    </row>
    <row r="980769" spans="14:14">
      <c r="N980769" s="10"/>
    </row>
    <row r="980770" spans="14:14">
      <c r="N980770" s="10"/>
    </row>
    <row r="980771" spans="14:14">
      <c r="N980771" s="10"/>
    </row>
    <row r="980772" spans="14:14">
      <c r="N980772" s="10"/>
    </row>
    <row r="980773" spans="14:14">
      <c r="N980773" s="10"/>
    </row>
    <row r="980774" spans="14:14">
      <c r="N980774" s="10"/>
    </row>
    <row r="980775" spans="14:14">
      <c r="N980775" s="10"/>
    </row>
    <row r="980776" spans="14:14">
      <c r="N980776" s="10"/>
    </row>
    <row r="980777" spans="14:14">
      <c r="N980777" s="10"/>
    </row>
    <row r="980778" spans="14:14">
      <c r="N980778" s="10"/>
    </row>
    <row r="980779" spans="14:14">
      <c r="N980779" s="10"/>
    </row>
    <row r="980780" spans="14:14">
      <c r="N980780" s="10"/>
    </row>
    <row r="980781" spans="14:14">
      <c r="N980781" s="10"/>
    </row>
    <row r="980782" spans="14:14">
      <c r="N980782" s="10"/>
    </row>
    <row r="980783" spans="14:14">
      <c r="N980783" s="10"/>
    </row>
    <row r="980784" spans="14:14">
      <c r="N980784" s="10"/>
    </row>
    <row r="980785" spans="14:14">
      <c r="N980785" s="10"/>
    </row>
    <row r="980786" spans="14:14">
      <c r="N980786" s="10"/>
    </row>
    <row r="980787" spans="14:14">
      <c r="N980787" s="10"/>
    </row>
    <row r="980788" spans="14:14">
      <c r="N980788" s="10"/>
    </row>
    <row r="980789" spans="14:14">
      <c r="N980789" s="10"/>
    </row>
    <row r="980790" spans="14:14">
      <c r="N980790" s="10"/>
    </row>
    <row r="980791" spans="14:14">
      <c r="N980791" s="10"/>
    </row>
    <row r="980792" spans="14:14">
      <c r="N980792" s="10"/>
    </row>
    <row r="980793" spans="14:14">
      <c r="N980793" s="10"/>
    </row>
    <row r="980794" spans="14:14">
      <c r="N980794" s="10"/>
    </row>
    <row r="980795" spans="14:14">
      <c r="N980795" s="10"/>
    </row>
    <row r="980796" spans="14:14">
      <c r="N980796" s="10"/>
    </row>
    <row r="980797" spans="14:14">
      <c r="N980797" s="10"/>
    </row>
    <row r="980798" spans="14:14">
      <c r="N980798" s="10"/>
    </row>
    <row r="980799" spans="14:14">
      <c r="N980799" s="10"/>
    </row>
    <row r="980800" spans="14:14">
      <c r="N980800" s="10"/>
    </row>
    <row r="980801" spans="14:14">
      <c r="N980801" s="10"/>
    </row>
    <row r="980802" spans="14:14">
      <c r="N980802" s="10"/>
    </row>
    <row r="980803" spans="14:14">
      <c r="N980803" s="10"/>
    </row>
    <row r="980804" spans="14:14">
      <c r="N980804" s="10"/>
    </row>
    <row r="980805" spans="14:14">
      <c r="N980805" s="10"/>
    </row>
    <row r="980806" spans="14:14">
      <c r="N980806" s="10"/>
    </row>
    <row r="980807" spans="14:14">
      <c r="N980807" s="10"/>
    </row>
    <row r="980808" spans="14:14">
      <c r="N980808" s="10"/>
    </row>
    <row r="980809" spans="14:14">
      <c r="N980809" s="10"/>
    </row>
    <row r="980810" spans="14:14">
      <c r="N980810" s="10"/>
    </row>
    <row r="980811" spans="14:14">
      <c r="N980811" s="10"/>
    </row>
    <row r="980812" spans="14:14">
      <c r="N980812" s="10"/>
    </row>
    <row r="980813" spans="14:14">
      <c r="N980813" s="10"/>
    </row>
    <row r="980814" spans="14:14">
      <c r="N980814" s="10"/>
    </row>
    <row r="980815" spans="14:14">
      <c r="N980815" s="10"/>
    </row>
    <row r="980816" spans="14:14">
      <c r="N980816" s="10"/>
    </row>
    <row r="980817" spans="14:14">
      <c r="N980817" s="10"/>
    </row>
    <row r="980818" spans="14:14">
      <c r="N980818" s="10"/>
    </row>
    <row r="980819" spans="14:14">
      <c r="N980819" s="10"/>
    </row>
    <row r="980820" spans="14:14">
      <c r="N980820" s="10"/>
    </row>
    <row r="980821" spans="14:14">
      <c r="N980821" s="10"/>
    </row>
    <row r="980822" spans="14:14">
      <c r="N980822" s="10"/>
    </row>
    <row r="980823" spans="14:14">
      <c r="N980823" s="10"/>
    </row>
    <row r="980824" spans="14:14">
      <c r="N980824" s="10"/>
    </row>
    <row r="980825" spans="14:14">
      <c r="N980825" s="10"/>
    </row>
    <row r="980826" spans="14:14">
      <c r="N980826" s="10"/>
    </row>
    <row r="980827" spans="14:14">
      <c r="N980827" s="10"/>
    </row>
    <row r="980828" spans="14:14">
      <c r="N980828" s="10"/>
    </row>
    <row r="980829" spans="14:14">
      <c r="N980829" s="10"/>
    </row>
    <row r="980830" spans="14:14">
      <c r="N980830" s="10"/>
    </row>
    <row r="980831" spans="14:14">
      <c r="N980831" s="10"/>
    </row>
    <row r="980832" spans="14:14">
      <c r="N980832" s="10"/>
    </row>
    <row r="980833" spans="14:14">
      <c r="N980833" s="10"/>
    </row>
    <row r="980834" spans="14:14">
      <c r="N980834" s="10"/>
    </row>
    <row r="980835" spans="14:14">
      <c r="N980835" s="10"/>
    </row>
    <row r="980836" spans="14:14">
      <c r="N980836" s="10"/>
    </row>
    <row r="980837" spans="14:14">
      <c r="N980837" s="10"/>
    </row>
    <row r="980838" spans="14:14">
      <c r="N980838" s="10"/>
    </row>
    <row r="980839" spans="14:14">
      <c r="N980839" s="10"/>
    </row>
    <row r="980840" spans="14:14">
      <c r="N980840" s="10"/>
    </row>
    <row r="980841" spans="14:14">
      <c r="N980841" s="10"/>
    </row>
    <row r="980842" spans="14:14">
      <c r="N980842" s="10"/>
    </row>
    <row r="980843" spans="14:14">
      <c r="N980843" s="10"/>
    </row>
    <row r="980844" spans="14:14">
      <c r="N980844" s="10"/>
    </row>
    <row r="980845" spans="14:14">
      <c r="N980845" s="10"/>
    </row>
    <row r="980846" spans="14:14">
      <c r="N980846" s="10"/>
    </row>
    <row r="980847" spans="14:14">
      <c r="N980847" s="10"/>
    </row>
    <row r="980848" spans="14:14">
      <c r="N980848" s="10"/>
    </row>
    <row r="980849" spans="14:14">
      <c r="N980849" s="10"/>
    </row>
    <row r="980850" spans="14:14">
      <c r="N980850" s="10"/>
    </row>
    <row r="980851" spans="14:14">
      <c r="N980851" s="10"/>
    </row>
    <row r="980852" spans="14:14">
      <c r="N980852" s="10"/>
    </row>
    <row r="980853" spans="14:14">
      <c r="N980853" s="10"/>
    </row>
    <row r="980854" spans="14:14">
      <c r="N980854" s="10"/>
    </row>
    <row r="980855" spans="14:14">
      <c r="N980855" s="10"/>
    </row>
    <row r="980856" spans="14:14">
      <c r="N980856" s="10"/>
    </row>
    <row r="980857" spans="14:14">
      <c r="N980857" s="10"/>
    </row>
    <row r="980858" spans="14:14">
      <c r="N980858" s="10"/>
    </row>
    <row r="980859" spans="14:14">
      <c r="N980859" s="10"/>
    </row>
    <row r="980860" spans="14:14">
      <c r="N980860" s="10"/>
    </row>
    <row r="980861" spans="14:14">
      <c r="N980861" s="10"/>
    </row>
    <row r="980862" spans="14:14">
      <c r="N980862" s="10"/>
    </row>
    <row r="980863" spans="14:14">
      <c r="N980863" s="10"/>
    </row>
    <row r="980864" spans="14:14">
      <c r="N980864" s="10"/>
    </row>
    <row r="980865" spans="14:14">
      <c r="N980865" s="10"/>
    </row>
    <row r="980866" spans="14:14">
      <c r="N980866" s="10"/>
    </row>
    <row r="980867" spans="14:14">
      <c r="N980867" s="10"/>
    </row>
    <row r="980868" spans="14:14">
      <c r="N980868" s="10"/>
    </row>
    <row r="980869" spans="14:14">
      <c r="N980869" s="10"/>
    </row>
    <row r="980870" spans="14:14">
      <c r="N980870" s="10"/>
    </row>
    <row r="980871" spans="14:14">
      <c r="N980871" s="10"/>
    </row>
    <row r="980872" spans="14:14">
      <c r="N980872" s="10"/>
    </row>
    <row r="980873" spans="14:14">
      <c r="N980873" s="10"/>
    </row>
    <row r="980874" spans="14:14">
      <c r="N980874" s="10"/>
    </row>
    <row r="980875" spans="14:14">
      <c r="N980875" s="10"/>
    </row>
    <row r="980876" spans="14:14">
      <c r="N980876" s="10"/>
    </row>
    <row r="980877" spans="14:14">
      <c r="N980877" s="10"/>
    </row>
    <row r="980878" spans="14:14">
      <c r="N980878" s="10"/>
    </row>
    <row r="980879" spans="14:14">
      <c r="N980879" s="10"/>
    </row>
    <row r="980880" spans="14:14">
      <c r="N980880" s="10"/>
    </row>
    <row r="980881" spans="14:14">
      <c r="N980881" s="10"/>
    </row>
    <row r="980882" spans="14:14">
      <c r="N980882" s="10"/>
    </row>
    <row r="980883" spans="14:14">
      <c r="N980883" s="10"/>
    </row>
    <row r="980884" spans="14:14">
      <c r="N980884" s="10"/>
    </row>
    <row r="980885" spans="14:14">
      <c r="N980885" s="10"/>
    </row>
    <row r="980886" spans="14:14">
      <c r="N980886" s="10"/>
    </row>
    <row r="980887" spans="14:14">
      <c r="N980887" s="10"/>
    </row>
    <row r="980888" spans="14:14">
      <c r="N980888" s="10"/>
    </row>
    <row r="980889" spans="14:14">
      <c r="N980889" s="10"/>
    </row>
    <row r="980890" spans="14:14">
      <c r="N980890" s="10"/>
    </row>
    <row r="980891" spans="14:14">
      <c r="N980891" s="10"/>
    </row>
    <row r="980892" spans="14:14">
      <c r="N980892" s="10"/>
    </row>
    <row r="980893" spans="14:14">
      <c r="N980893" s="10"/>
    </row>
    <row r="980894" spans="14:14">
      <c r="N980894" s="10"/>
    </row>
    <row r="980895" spans="14:14">
      <c r="N980895" s="10"/>
    </row>
    <row r="980896" spans="14:14">
      <c r="N980896" s="10"/>
    </row>
    <row r="980897" spans="14:14">
      <c r="N980897" s="10"/>
    </row>
    <row r="980898" spans="14:14">
      <c r="N980898" s="10"/>
    </row>
    <row r="980899" spans="14:14">
      <c r="N980899" s="10"/>
    </row>
    <row r="980900" spans="14:14">
      <c r="N980900" s="10"/>
    </row>
    <row r="980901" spans="14:14">
      <c r="N980901" s="10"/>
    </row>
    <row r="980902" spans="14:14">
      <c r="N980902" s="10"/>
    </row>
    <row r="980903" spans="14:14">
      <c r="N980903" s="10"/>
    </row>
    <row r="980904" spans="14:14">
      <c r="N980904" s="10"/>
    </row>
    <row r="980905" spans="14:14">
      <c r="N980905" s="10"/>
    </row>
    <row r="980906" spans="14:14">
      <c r="N980906" s="10"/>
    </row>
    <row r="980907" spans="14:14">
      <c r="N980907" s="10"/>
    </row>
    <row r="980908" spans="14:14">
      <c r="N980908" s="10"/>
    </row>
    <row r="980909" spans="14:14">
      <c r="N980909" s="10"/>
    </row>
    <row r="980910" spans="14:14">
      <c r="N980910" s="10"/>
    </row>
    <row r="980911" spans="14:14">
      <c r="N980911" s="10"/>
    </row>
    <row r="980912" spans="14:14">
      <c r="N980912" s="10"/>
    </row>
    <row r="980913" spans="14:14">
      <c r="N980913" s="10"/>
    </row>
    <row r="980914" spans="14:14">
      <c r="N980914" s="10"/>
    </row>
    <row r="980915" spans="14:14">
      <c r="N980915" s="10"/>
    </row>
    <row r="980916" spans="14:14">
      <c r="N980916" s="10"/>
    </row>
    <row r="980917" spans="14:14">
      <c r="N980917" s="10"/>
    </row>
    <row r="980918" spans="14:14">
      <c r="N980918" s="10"/>
    </row>
    <row r="980919" spans="14:14">
      <c r="N980919" s="10"/>
    </row>
    <row r="980920" spans="14:14">
      <c r="N980920" s="10"/>
    </row>
    <row r="980921" spans="14:14">
      <c r="N980921" s="10"/>
    </row>
    <row r="980922" spans="14:14">
      <c r="N980922" s="10"/>
    </row>
    <row r="980923" spans="14:14">
      <c r="N980923" s="10"/>
    </row>
    <row r="980924" spans="14:14">
      <c r="N980924" s="10"/>
    </row>
    <row r="980925" spans="14:14">
      <c r="N980925" s="10"/>
    </row>
    <row r="980926" spans="14:14">
      <c r="N980926" s="10"/>
    </row>
    <row r="980927" spans="14:14">
      <c r="N980927" s="10"/>
    </row>
    <row r="980928" spans="14:14">
      <c r="N980928" s="10"/>
    </row>
    <row r="980929" spans="14:14">
      <c r="N980929" s="10"/>
    </row>
    <row r="980930" spans="14:14">
      <c r="N980930" s="10"/>
    </row>
    <row r="980931" spans="14:14">
      <c r="N980931" s="10"/>
    </row>
    <row r="980932" spans="14:14">
      <c r="N980932" s="10"/>
    </row>
    <row r="980933" spans="14:14">
      <c r="N980933" s="10"/>
    </row>
    <row r="980934" spans="14:14">
      <c r="N980934" s="10"/>
    </row>
    <row r="980935" spans="14:14">
      <c r="N980935" s="10"/>
    </row>
    <row r="980936" spans="14:14">
      <c r="N980936" s="10"/>
    </row>
    <row r="980937" spans="14:14">
      <c r="N980937" s="10"/>
    </row>
    <row r="980938" spans="14:14">
      <c r="N980938" s="10"/>
    </row>
    <row r="980939" spans="14:14">
      <c r="N980939" s="10"/>
    </row>
    <row r="980940" spans="14:14">
      <c r="N980940" s="10"/>
    </row>
    <row r="980941" spans="14:14">
      <c r="N980941" s="10"/>
    </row>
    <row r="980942" spans="14:14">
      <c r="N980942" s="10"/>
    </row>
    <row r="980943" spans="14:14">
      <c r="N980943" s="10"/>
    </row>
    <row r="980944" spans="14:14">
      <c r="N980944" s="10"/>
    </row>
    <row r="980945" spans="14:14">
      <c r="N980945" s="10"/>
    </row>
    <row r="980946" spans="14:14">
      <c r="N980946" s="10"/>
    </row>
    <row r="980947" spans="14:14">
      <c r="N980947" s="10"/>
    </row>
    <row r="980948" spans="14:14">
      <c r="N980948" s="10"/>
    </row>
    <row r="980949" spans="14:14">
      <c r="N980949" s="10"/>
    </row>
    <row r="980950" spans="14:14">
      <c r="N980950" s="10"/>
    </row>
    <row r="980951" spans="14:14">
      <c r="N980951" s="10"/>
    </row>
    <row r="980952" spans="14:14">
      <c r="N980952" s="10"/>
    </row>
    <row r="980953" spans="14:14">
      <c r="N980953" s="10"/>
    </row>
    <row r="980954" spans="14:14">
      <c r="N980954" s="10"/>
    </row>
    <row r="980955" spans="14:14">
      <c r="N980955" s="10"/>
    </row>
    <row r="980956" spans="14:14">
      <c r="N980956" s="10"/>
    </row>
    <row r="980957" spans="14:14">
      <c r="N980957" s="10"/>
    </row>
    <row r="980958" spans="14:14">
      <c r="N980958" s="10"/>
    </row>
    <row r="980959" spans="14:14">
      <c r="N980959" s="10"/>
    </row>
    <row r="980960" spans="14:14">
      <c r="N980960" s="10"/>
    </row>
    <row r="980961" spans="14:14">
      <c r="N980961" s="10"/>
    </row>
    <row r="980962" spans="14:14">
      <c r="N980962" s="10"/>
    </row>
    <row r="980963" spans="14:14">
      <c r="N980963" s="10"/>
    </row>
    <row r="980964" spans="14:14">
      <c r="N980964" s="10"/>
    </row>
    <row r="980965" spans="14:14">
      <c r="N980965" s="10"/>
    </row>
    <row r="980966" spans="14:14">
      <c r="N980966" s="10"/>
    </row>
    <row r="980967" spans="14:14">
      <c r="N980967" s="10"/>
    </row>
    <row r="980968" spans="14:14">
      <c r="N980968" s="10"/>
    </row>
    <row r="980969" spans="14:14">
      <c r="N980969" s="10"/>
    </row>
    <row r="980970" spans="14:14">
      <c r="N980970" s="10"/>
    </row>
    <row r="980971" spans="14:14">
      <c r="N980971" s="10"/>
    </row>
    <row r="980972" spans="14:14">
      <c r="N980972" s="10"/>
    </row>
    <row r="980973" spans="14:14">
      <c r="N980973" s="10"/>
    </row>
    <row r="980974" spans="14:14">
      <c r="N980974" s="10"/>
    </row>
    <row r="980975" spans="14:14">
      <c r="N980975" s="10"/>
    </row>
    <row r="980976" spans="14:14">
      <c r="N980976" s="10"/>
    </row>
    <row r="980977" spans="14:14">
      <c r="N980977" s="10"/>
    </row>
    <row r="980978" spans="14:14">
      <c r="N980978" s="10"/>
    </row>
    <row r="980979" spans="14:14">
      <c r="N980979" s="10"/>
    </row>
    <row r="980980" spans="14:14">
      <c r="N980980" s="10"/>
    </row>
    <row r="980981" spans="14:14">
      <c r="N980981" s="10"/>
    </row>
    <row r="980982" spans="14:14">
      <c r="N980982" s="10"/>
    </row>
    <row r="980983" spans="14:14">
      <c r="N980983" s="10"/>
    </row>
    <row r="980984" spans="14:14">
      <c r="N980984" s="10"/>
    </row>
    <row r="980985" spans="14:14">
      <c r="N980985" s="10"/>
    </row>
    <row r="980986" spans="14:14">
      <c r="N980986" s="10"/>
    </row>
    <row r="980987" spans="14:14">
      <c r="N980987" s="10"/>
    </row>
    <row r="980988" spans="14:14">
      <c r="N980988" s="10"/>
    </row>
    <row r="980989" spans="14:14">
      <c r="N980989" s="10"/>
    </row>
    <row r="980990" spans="14:14">
      <c r="N980990" s="10"/>
    </row>
    <row r="980991" spans="14:14">
      <c r="N980991" s="10"/>
    </row>
    <row r="980992" spans="14:14">
      <c r="N980992" s="10"/>
    </row>
    <row r="980993" spans="14:14">
      <c r="N980993" s="10"/>
    </row>
    <row r="980994" spans="14:14">
      <c r="N980994" s="10"/>
    </row>
    <row r="980995" spans="14:14">
      <c r="N980995" s="10"/>
    </row>
    <row r="980996" spans="14:14">
      <c r="N980996" s="10"/>
    </row>
    <row r="980997" spans="14:14">
      <c r="N980997" s="10"/>
    </row>
    <row r="980998" spans="14:14">
      <c r="N980998" s="10"/>
    </row>
    <row r="980999" spans="14:14">
      <c r="N980999" s="10"/>
    </row>
    <row r="981000" spans="14:14">
      <c r="N981000" s="10"/>
    </row>
    <row r="981001" spans="14:14">
      <c r="N981001" s="10"/>
    </row>
    <row r="981002" spans="14:14">
      <c r="N981002" s="10"/>
    </row>
    <row r="981003" spans="14:14">
      <c r="N981003" s="10"/>
    </row>
    <row r="981004" spans="14:14">
      <c r="N981004" s="10"/>
    </row>
    <row r="981005" spans="14:14">
      <c r="N981005" s="10"/>
    </row>
    <row r="981006" spans="14:14">
      <c r="N981006" s="10"/>
    </row>
    <row r="981007" spans="14:14">
      <c r="N981007" s="10"/>
    </row>
    <row r="981008" spans="14:14">
      <c r="N981008" s="10"/>
    </row>
    <row r="981009" spans="14:14">
      <c r="N981009" s="10"/>
    </row>
    <row r="981010" spans="14:14">
      <c r="N981010" s="10"/>
    </row>
    <row r="981011" spans="14:14">
      <c r="N981011" s="10"/>
    </row>
    <row r="981012" spans="14:14">
      <c r="N981012" s="10"/>
    </row>
    <row r="981013" spans="14:14">
      <c r="N981013" s="10"/>
    </row>
    <row r="981014" spans="14:14">
      <c r="N981014" s="10"/>
    </row>
    <row r="981015" spans="14:14">
      <c r="N981015" s="10"/>
    </row>
    <row r="981016" spans="14:14">
      <c r="N981016" s="10"/>
    </row>
    <row r="981017" spans="14:14">
      <c r="N981017" s="10"/>
    </row>
    <row r="981018" spans="14:14">
      <c r="N981018" s="10"/>
    </row>
    <row r="981019" spans="14:14">
      <c r="N981019" s="10"/>
    </row>
    <row r="981020" spans="14:14">
      <c r="N981020" s="10"/>
    </row>
    <row r="981021" spans="14:14">
      <c r="N981021" s="10"/>
    </row>
    <row r="981022" spans="14:14">
      <c r="N981022" s="10"/>
    </row>
    <row r="981023" spans="14:14">
      <c r="N981023" s="10"/>
    </row>
    <row r="981024" spans="14:14">
      <c r="N981024" s="10"/>
    </row>
    <row r="981025" spans="14:14">
      <c r="N981025" s="10"/>
    </row>
    <row r="981026" spans="14:14">
      <c r="N981026" s="10"/>
    </row>
    <row r="981027" spans="14:14">
      <c r="N981027" s="10"/>
    </row>
    <row r="981028" spans="14:14">
      <c r="N981028" s="10"/>
    </row>
    <row r="981029" spans="14:14">
      <c r="N981029" s="10"/>
    </row>
    <row r="981030" spans="14:14">
      <c r="N981030" s="10"/>
    </row>
    <row r="981031" spans="14:14">
      <c r="N981031" s="10"/>
    </row>
    <row r="981032" spans="14:14">
      <c r="N981032" s="10"/>
    </row>
    <row r="981033" spans="14:14">
      <c r="N981033" s="10"/>
    </row>
    <row r="981034" spans="14:14">
      <c r="N981034" s="10"/>
    </row>
    <row r="981035" spans="14:14">
      <c r="N981035" s="10"/>
    </row>
    <row r="981036" spans="14:14">
      <c r="N981036" s="10"/>
    </row>
    <row r="981037" spans="14:14">
      <c r="N981037" s="10"/>
    </row>
    <row r="981038" spans="14:14">
      <c r="N981038" s="10"/>
    </row>
    <row r="981039" spans="14:14">
      <c r="N981039" s="10"/>
    </row>
    <row r="981040" spans="14:14">
      <c r="N981040" s="10"/>
    </row>
    <row r="981041" spans="14:14">
      <c r="N981041" s="10"/>
    </row>
    <row r="981042" spans="14:14">
      <c r="N981042" s="10"/>
    </row>
    <row r="981043" spans="14:14">
      <c r="N981043" s="10"/>
    </row>
    <row r="981044" spans="14:14">
      <c r="N981044" s="10"/>
    </row>
    <row r="981045" spans="14:14">
      <c r="N981045" s="10"/>
    </row>
    <row r="981046" spans="14:14">
      <c r="N981046" s="10"/>
    </row>
    <row r="981047" spans="14:14">
      <c r="N981047" s="10"/>
    </row>
    <row r="981048" spans="14:14">
      <c r="N981048" s="10"/>
    </row>
    <row r="981049" spans="14:14">
      <c r="N981049" s="10"/>
    </row>
    <row r="981050" spans="14:14">
      <c r="N981050" s="10"/>
    </row>
    <row r="981051" spans="14:14">
      <c r="N981051" s="10"/>
    </row>
    <row r="981052" spans="14:14">
      <c r="N981052" s="10"/>
    </row>
    <row r="981053" spans="14:14">
      <c r="N981053" s="10"/>
    </row>
    <row r="981054" spans="14:14">
      <c r="N981054" s="10"/>
    </row>
    <row r="981055" spans="14:14">
      <c r="N981055" s="10"/>
    </row>
    <row r="981056" spans="14:14">
      <c r="N981056" s="10"/>
    </row>
    <row r="981057" spans="14:14">
      <c r="N981057" s="10"/>
    </row>
    <row r="981058" spans="14:14">
      <c r="N981058" s="10"/>
    </row>
    <row r="981059" spans="14:14">
      <c r="N981059" s="10"/>
    </row>
    <row r="981060" spans="14:14">
      <c r="N981060" s="10"/>
    </row>
    <row r="981061" spans="14:14">
      <c r="N981061" s="10"/>
    </row>
    <row r="981062" spans="14:14">
      <c r="N981062" s="10"/>
    </row>
    <row r="981063" spans="14:14">
      <c r="N981063" s="10"/>
    </row>
    <row r="981064" spans="14:14">
      <c r="N981064" s="10"/>
    </row>
    <row r="981065" spans="14:14">
      <c r="N981065" s="10"/>
    </row>
    <row r="981066" spans="14:14">
      <c r="N981066" s="10"/>
    </row>
    <row r="981067" spans="14:14">
      <c r="N981067" s="10"/>
    </row>
    <row r="981068" spans="14:14">
      <c r="N981068" s="10"/>
    </row>
    <row r="981069" spans="14:14">
      <c r="N981069" s="10"/>
    </row>
    <row r="981070" spans="14:14">
      <c r="N981070" s="10"/>
    </row>
    <row r="981071" spans="14:14">
      <c r="N981071" s="10"/>
    </row>
    <row r="981072" spans="14:14">
      <c r="N981072" s="10"/>
    </row>
    <row r="981073" spans="14:14">
      <c r="N981073" s="10"/>
    </row>
    <row r="981074" spans="14:14">
      <c r="N981074" s="10"/>
    </row>
    <row r="981075" spans="14:14">
      <c r="N981075" s="10"/>
    </row>
    <row r="981076" spans="14:14">
      <c r="N981076" s="10"/>
    </row>
    <row r="981077" spans="14:14">
      <c r="N981077" s="10"/>
    </row>
    <row r="981078" spans="14:14">
      <c r="N981078" s="10"/>
    </row>
    <row r="981079" spans="14:14">
      <c r="N981079" s="10"/>
    </row>
    <row r="981080" spans="14:14">
      <c r="N981080" s="10"/>
    </row>
    <row r="981081" spans="14:14">
      <c r="N981081" s="10"/>
    </row>
    <row r="981082" spans="14:14">
      <c r="N981082" s="10"/>
    </row>
    <row r="981083" spans="14:14">
      <c r="N981083" s="10"/>
    </row>
    <row r="981084" spans="14:14">
      <c r="N981084" s="10"/>
    </row>
    <row r="981085" spans="14:14">
      <c r="N981085" s="10"/>
    </row>
    <row r="981086" spans="14:14">
      <c r="N981086" s="10"/>
    </row>
    <row r="981087" spans="14:14">
      <c r="N981087" s="10"/>
    </row>
    <row r="981088" spans="14:14">
      <c r="N981088" s="10"/>
    </row>
    <row r="981089" spans="14:14">
      <c r="N981089" s="10"/>
    </row>
    <row r="981090" spans="14:14">
      <c r="N981090" s="10"/>
    </row>
    <row r="981091" spans="14:14">
      <c r="N981091" s="10"/>
    </row>
    <row r="981092" spans="14:14">
      <c r="N981092" s="10"/>
    </row>
    <row r="981093" spans="14:14">
      <c r="N981093" s="10"/>
    </row>
    <row r="981094" spans="14:14">
      <c r="N981094" s="10"/>
    </row>
    <row r="981095" spans="14:14">
      <c r="N981095" s="10"/>
    </row>
    <row r="981096" spans="14:14">
      <c r="N981096" s="10"/>
    </row>
    <row r="981097" spans="14:14">
      <c r="N981097" s="10"/>
    </row>
    <row r="981098" spans="14:14">
      <c r="N981098" s="10"/>
    </row>
    <row r="981099" spans="14:14">
      <c r="N981099" s="10"/>
    </row>
    <row r="981100" spans="14:14">
      <c r="N981100" s="10"/>
    </row>
    <row r="981101" spans="14:14">
      <c r="N981101" s="10"/>
    </row>
    <row r="981102" spans="14:14">
      <c r="N981102" s="10"/>
    </row>
    <row r="981103" spans="14:14">
      <c r="N981103" s="10"/>
    </row>
    <row r="981104" spans="14:14">
      <c r="N981104" s="10"/>
    </row>
    <row r="981105" spans="14:14">
      <c r="N981105" s="10"/>
    </row>
    <row r="981106" spans="14:14">
      <c r="N981106" s="10"/>
    </row>
    <row r="981107" spans="14:14">
      <c r="N981107" s="10"/>
    </row>
    <row r="981108" spans="14:14">
      <c r="N981108" s="10"/>
    </row>
    <row r="981109" spans="14:14">
      <c r="N981109" s="10"/>
    </row>
    <row r="981110" spans="14:14">
      <c r="N981110" s="10"/>
    </row>
    <row r="981111" spans="14:14">
      <c r="N981111" s="10"/>
    </row>
    <row r="981112" spans="14:14">
      <c r="N981112" s="10"/>
    </row>
    <row r="981113" spans="14:14">
      <c r="N981113" s="10"/>
    </row>
    <row r="981114" spans="14:14">
      <c r="N981114" s="10"/>
    </row>
    <row r="981115" spans="14:14">
      <c r="N981115" s="10"/>
    </row>
    <row r="981116" spans="14:14">
      <c r="N981116" s="10"/>
    </row>
    <row r="981117" spans="14:14">
      <c r="N981117" s="10"/>
    </row>
    <row r="981118" spans="14:14">
      <c r="N981118" s="10"/>
    </row>
    <row r="981119" spans="14:14">
      <c r="N981119" s="10"/>
    </row>
    <row r="981120" spans="14:14">
      <c r="N981120" s="10"/>
    </row>
    <row r="981121" spans="14:14">
      <c r="N981121" s="10"/>
    </row>
    <row r="981122" spans="14:14">
      <c r="N981122" s="10"/>
    </row>
    <row r="981123" spans="14:14">
      <c r="N981123" s="10"/>
    </row>
    <row r="981124" spans="14:14">
      <c r="N981124" s="10"/>
    </row>
    <row r="981125" spans="14:14">
      <c r="N981125" s="10"/>
    </row>
    <row r="981126" spans="14:14">
      <c r="N981126" s="10"/>
    </row>
    <row r="981127" spans="14:14">
      <c r="N981127" s="10"/>
    </row>
    <row r="981128" spans="14:14">
      <c r="N981128" s="10"/>
    </row>
    <row r="981129" spans="14:14">
      <c r="N981129" s="10"/>
    </row>
    <row r="981130" spans="14:14">
      <c r="N981130" s="10"/>
    </row>
    <row r="981131" spans="14:14">
      <c r="N981131" s="10"/>
    </row>
    <row r="981132" spans="14:14">
      <c r="N981132" s="10"/>
    </row>
    <row r="981133" spans="14:14">
      <c r="N981133" s="10"/>
    </row>
    <row r="981134" spans="14:14">
      <c r="N981134" s="10"/>
    </row>
    <row r="981135" spans="14:14">
      <c r="N981135" s="10"/>
    </row>
    <row r="981136" spans="14:14">
      <c r="N981136" s="10"/>
    </row>
    <row r="981137" spans="14:14">
      <c r="N981137" s="10"/>
    </row>
    <row r="981138" spans="14:14">
      <c r="N981138" s="10"/>
    </row>
    <row r="981139" spans="14:14">
      <c r="N981139" s="10"/>
    </row>
    <row r="981140" spans="14:14">
      <c r="N981140" s="10"/>
    </row>
    <row r="981141" spans="14:14">
      <c r="N981141" s="10"/>
    </row>
    <row r="981142" spans="14:14">
      <c r="N981142" s="10"/>
    </row>
    <row r="981143" spans="14:14">
      <c r="N981143" s="10"/>
    </row>
    <row r="981144" spans="14:14">
      <c r="N981144" s="10"/>
    </row>
    <row r="981145" spans="14:14">
      <c r="N981145" s="10"/>
    </row>
    <row r="981146" spans="14:14">
      <c r="N981146" s="10"/>
    </row>
    <row r="981147" spans="14:14">
      <c r="N981147" s="10"/>
    </row>
    <row r="981148" spans="14:14">
      <c r="N981148" s="10"/>
    </row>
    <row r="981149" spans="14:14">
      <c r="N981149" s="10"/>
    </row>
    <row r="981150" spans="14:14">
      <c r="N981150" s="10"/>
    </row>
    <row r="981151" spans="14:14">
      <c r="N981151" s="10"/>
    </row>
    <row r="981152" spans="14:14">
      <c r="N981152" s="10"/>
    </row>
    <row r="981153" spans="14:14">
      <c r="N981153" s="10"/>
    </row>
    <row r="981154" spans="14:14">
      <c r="N981154" s="10"/>
    </row>
    <row r="981155" spans="14:14">
      <c r="N981155" s="10"/>
    </row>
    <row r="981156" spans="14:14">
      <c r="N981156" s="10"/>
    </row>
    <row r="981157" spans="14:14">
      <c r="N981157" s="10"/>
    </row>
    <row r="981158" spans="14:14">
      <c r="N981158" s="10"/>
    </row>
    <row r="981159" spans="14:14">
      <c r="N981159" s="10"/>
    </row>
    <row r="981160" spans="14:14">
      <c r="N981160" s="10"/>
    </row>
    <row r="981161" spans="14:14">
      <c r="N981161" s="10"/>
    </row>
    <row r="981162" spans="14:14">
      <c r="N981162" s="10"/>
    </row>
    <row r="981163" spans="14:14">
      <c r="N981163" s="10"/>
    </row>
    <row r="981164" spans="14:14">
      <c r="N981164" s="10"/>
    </row>
    <row r="981165" spans="14:14">
      <c r="N981165" s="10"/>
    </row>
    <row r="981166" spans="14:14">
      <c r="N981166" s="10"/>
    </row>
    <row r="981167" spans="14:14">
      <c r="N981167" s="10"/>
    </row>
    <row r="981168" spans="14:14">
      <c r="N981168" s="10"/>
    </row>
    <row r="981169" spans="14:14">
      <c r="N981169" s="10"/>
    </row>
    <row r="981170" spans="14:14">
      <c r="N981170" s="10"/>
    </row>
    <row r="981171" spans="14:14">
      <c r="N981171" s="10"/>
    </row>
    <row r="981172" spans="14:14">
      <c r="N981172" s="10"/>
    </row>
    <row r="981173" spans="14:14">
      <c r="N981173" s="10"/>
    </row>
    <row r="981174" spans="14:14">
      <c r="N981174" s="10"/>
    </row>
    <row r="981175" spans="14:14">
      <c r="N981175" s="10"/>
    </row>
    <row r="981176" spans="14:14">
      <c r="N981176" s="10"/>
    </row>
    <row r="981177" spans="14:14">
      <c r="N981177" s="10"/>
    </row>
    <row r="981178" spans="14:14">
      <c r="N981178" s="10"/>
    </row>
    <row r="981179" spans="14:14">
      <c r="N981179" s="10"/>
    </row>
    <row r="981180" spans="14:14">
      <c r="N981180" s="10"/>
    </row>
    <row r="981181" spans="14:14">
      <c r="N981181" s="10"/>
    </row>
    <row r="981182" spans="14:14">
      <c r="N981182" s="10"/>
    </row>
    <row r="981183" spans="14:14">
      <c r="N981183" s="10"/>
    </row>
    <row r="981184" spans="14:14">
      <c r="N981184" s="10"/>
    </row>
    <row r="981185" spans="14:14">
      <c r="N981185" s="10"/>
    </row>
    <row r="981186" spans="14:14">
      <c r="N981186" s="10"/>
    </row>
    <row r="981187" spans="14:14">
      <c r="N981187" s="10"/>
    </row>
    <row r="981188" spans="14:14">
      <c r="N981188" s="10"/>
    </row>
    <row r="981189" spans="14:14">
      <c r="N981189" s="10"/>
    </row>
    <row r="981190" spans="14:14">
      <c r="N981190" s="10"/>
    </row>
    <row r="981191" spans="14:14">
      <c r="N981191" s="10"/>
    </row>
    <row r="981192" spans="14:14">
      <c r="N981192" s="10"/>
    </row>
    <row r="981193" spans="14:14">
      <c r="N981193" s="10"/>
    </row>
    <row r="981194" spans="14:14">
      <c r="N981194" s="10"/>
    </row>
    <row r="981195" spans="14:14">
      <c r="N981195" s="10"/>
    </row>
    <row r="981196" spans="14:14">
      <c r="N981196" s="10"/>
    </row>
    <row r="981197" spans="14:14">
      <c r="N981197" s="10"/>
    </row>
    <row r="981198" spans="14:14">
      <c r="N981198" s="10"/>
    </row>
    <row r="981199" spans="14:14">
      <c r="N981199" s="10"/>
    </row>
    <row r="981200" spans="14:14">
      <c r="N981200" s="10"/>
    </row>
    <row r="981201" spans="14:14">
      <c r="N981201" s="10"/>
    </row>
    <row r="981202" spans="14:14">
      <c r="N981202" s="10"/>
    </row>
    <row r="981203" spans="14:14">
      <c r="N981203" s="10"/>
    </row>
    <row r="981204" spans="14:14">
      <c r="N981204" s="10"/>
    </row>
    <row r="981205" spans="14:14">
      <c r="N981205" s="10"/>
    </row>
    <row r="981206" spans="14:14">
      <c r="N981206" s="10"/>
    </row>
    <row r="981207" spans="14:14">
      <c r="N981207" s="10"/>
    </row>
    <row r="981208" spans="14:14">
      <c r="N981208" s="10"/>
    </row>
    <row r="981209" spans="14:14">
      <c r="N981209" s="10"/>
    </row>
    <row r="981210" spans="14:14">
      <c r="N981210" s="10"/>
    </row>
    <row r="981211" spans="14:14">
      <c r="N981211" s="10"/>
    </row>
    <row r="981212" spans="14:14">
      <c r="N981212" s="10"/>
    </row>
    <row r="981213" spans="14:14">
      <c r="N981213" s="10"/>
    </row>
    <row r="981214" spans="14:14">
      <c r="N981214" s="10"/>
    </row>
    <row r="981215" spans="14:14">
      <c r="N981215" s="10"/>
    </row>
    <row r="981216" spans="14:14">
      <c r="N981216" s="10"/>
    </row>
    <row r="981217" spans="14:14">
      <c r="N981217" s="10"/>
    </row>
    <row r="981218" spans="14:14">
      <c r="N981218" s="10"/>
    </row>
    <row r="981219" spans="14:14">
      <c r="N981219" s="10"/>
    </row>
    <row r="981220" spans="14:14">
      <c r="N981220" s="10"/>
    </row>
    <row r="981221" spans="14:14">
      <c r="N981221" s="10"/>
    </row>
    <row r="981222" spans="14:14">
      <c r="N981222" s="10"/>
    </row>
    <row r="981223" spans="14:14">
      <c r="N981223" s="10"/>
    </row>
    <row r="981224" spans="14:14">
      <c r="N981224" s="10"/>
    </row>
    <row r="981225" spans="14:14">
      <c r="N981225" s="10"/>
    </row>
    <row r="981226" spans="14:14">
      <c r="N981226" s="10"/>
    </row>
    <row r="981227" spans="14:14">
      <c r="N981227" s="10"/>
    </row>
    <row r="981228" spans="14:14">
      <c r="N981228" s="10"/>
    </row>
    <row r="981229" spans="14:14">
      <c r="N981229" s="10"/>
    </row>
    <row r="981230" spans="14:14">
      <c r="N981230" s="10"/>
    </row>
    <row r="981231" spans="14:14">
      <c r="N981231" s="10"/>
    </row>
    <row r="981232" spans="14:14">
      <c r="N981232" s="10"/>
    </row>
    <row r="981233" spans="14:14">
      <c r="N981233" s="10"/>
    </row>
    <row r="981234" spans="14:14">
      <c r="N981234" s="10"/>
    </row>
    <row r="981235" spans="14:14">
      <c r="N981235" s="10"/>
    </row>
    <row r="981236" spans="14:14">
      <c r="N981236" s="10"/>
    </row>
    <row r="981237" spans="14:14">
      <c r="N981237" s="10"/>
    </row>
    <row r="981238" spans="14:14">
      <c r="N981238" s="10"/>
    </row>
    <row r="981239" spans="14:14">
      <c r="N981239" s="10"/>
    </row>
    <row r="981240" spans="14:14">
      <c r="N981240" s="10"/>
    </row>
    <row r="981241" spans="14:14">
      <c r="N981241" s="10"/>
    </row>
    <row r="981242" spans="14:14">
      <c r="N981242" s="10"/>
    </row>
    <row r="981243" spans="14:14">
      <c r="N981243" s="10"/>
    </row>
    <row r="981244" spans="14:14">
      <c r="N981244" s="10"/>
    </row>
    <row r="981245" spans="14:14">
      <c r="N981245" s="10"/>
    </row>
    <row r="981246" spans="14:14">
      <c r="N981246" s="10"/>
    </row>
    <row r="981247" spans="14:14">
      <c r="N981247" s="10"/>
    </row>
    <row r="981248" spans="14:14">
      <c r="N981248" s="10"/>
    </row>
    <row r="981249" spans="14:14">
      <c r="N981249" s="10"/>
    </row>
    <row r="981250" spans="14:14">
      <c r="N981250" s="10"/>
    </row>
    <row r="981251" spans="14:14">
      <c r="N981251" s="10"/>
    </row>
    <row r="981252" spans="14:14">
      <c r="N981252" s="10"/>
    </row>
    <row r="981253" spans="14:14">
      <c r="N981253" s="10"/>
    </row>
    <row r="981254" spans="14:14">
      <c r="N981254" s="10"/>
    </row>
    <row r="981255" spans="14:14">
      <c r="N981255" s="10"/>
    </row>
    <row r="981256" spans="14:14">
      <c r="N981256" s="10"/>
    </row>
    <row r="981257" spans="14:14">
      <c r="N981257" s="10"/>
    </row>
    <row r="981258" spans="14:14">
      <c r="N981258" s="10"/>
    </row>
    <row r="981259" spans="14:14">
      <c r="N981259" s="10"/>
    </row>
    <row r="981260" spans="14:14">
      <c r="N981260" s="10"/>
    </row>
    <row r="981261" spans="14:14">
      <c r="N981261" s="10"/>
    </row>
    <row r="981262" spans="14:14">
      <c r="N981262" s="10"/>
    </row>
    <row r="981263" spans="14:14">
      <c r="N981263" s="10"/>
    </row>
    <row r="981264" spans="14:14">
      <c r="N981264" s="10"/>
    </row>
    <row r="981265" spans="14:14">
      <c r="N981265" s="10"/>
    </row>
    <row r="981266" spans="14:14">
      <c r="N981266" s="10"/>
    </row>
    <row r="981267" spans="14:14">
      <c r="N981267" s="10"/>
    </row>
    <row r="981268" spans="14:14">
      <c r="N981268" s="10"/>
    </row>
    <row r="981269" spans="14:14">
      <c r="N981269" s="10"/>
    </row>
    <row r="981270" spans="14:14">
      <c r="N981270" s="10"/>
    </row>
    <row r="981271" spans="14:14">
      <c r="N981271" s="10"/>
    </row>
    <row r="981272" spans="14:14">
      <c r="N981272" s="10"/>
    </row>
    <row r="981273" spans="14:14">
      <c r="N981273" s="10"/>
    </row>
    <row r="981274" spans="14:14">
      <c r="N981274" s="10"/>
    </row>
    <row r="981275" spans="14:14">
      <c r="N981275" s="10"/>
    </row>
    <row r="981276" spans="14:14">
      <c r="N981276" s="10"/>
    </row>
    <row r="981277" spans="14:14">
      <c r="N981277" s="10"/>
    </row>
    <row r="981278" spans="14:14">
      <c r="N981278" s="10"/>
    </row>
    <row r="981279" spans="14:14">
      <c r="N981279" s="10"/>
    </row>
    <row r="981280" spans="14:14">
      <c r="N981280" s="10"/>
    </row>
    <row r="981281" spans="14:14">
      <c r="N981281" s="10"/>
    </row>
    <row r="981282" spans="14:14">
      <c r="N981282" s="10"/>
    </row>
    <row r="981283" spans="14:14">
      <c r="N981283" s="10"/>
    </row>
    <row r="981284" spans="14:14">
      <c r="N981284" s="10"/>
    </row>
    <row r="981285" spans="14:14">
      <c r="N981285" s="10"/>
    </row>
    <row r="981286" spans="14:14">
      <c r="N981286" s="10"/>
    </row>
    <row r="981287" spans="14:14">
      <c r="N981287" s="10"/>
    </row>
    <row r="981288" spans="14:14">
      <c r="N981288" s="10"/>
    </row>
    <row r="981289" spans="14:14">
      <c r="N981289" s="10"/>
    </row>
    <row r="981290" spans="14:14">
      <c r="N981290" s="10"/>
    </row>
    <row r="981291" spans="14:14">
      <c r="N981291" s="10"/>
    </row>
    <row r="981292" spans="14:14">
      <c r="N981292" s="10"/>
    </row>
    <row r="981293" spans="14:14">
      <c r="N981293" s="10"/>
    </row>
    <row r="981294" spans="14:14">
      <c r="N981294" s="10"/>
    </row>
    <row r="981295" spans="14:14">
      <c r="N981295" s="10"/>
    </row>
    <row r="981296" spans="14:14">
      <c r="N981296" s="10"/>
    </row>
    <row r="981297" spans="14:14">
      <c r="N981297" s="10"/>
    </row>
    <row r="981298" spans="14:14">
      <c r="N981298" s="10"/>
    </row>
    <row r="981299" spans="14:14">
      <c r="N981299" s="10"/>
    </row>
    <row r="981300" spans="14:14">
      <c r="N981300" s="10"/>
    </row>
    <row r="981301" spans="14:14">
      <c r="N981301" s="10"/>
    </row>
    <row r="981302" spans="14:14">
      <c r="N981302" s="10"/>
    </row>
    <row r="981303" spans="14:14">
      <c r="N981303" s="10"/>
    </row>
    <row r="981304" spans="14:14">
      <c r="N981304" s="10"/>
    </row>
    <row r="981305" spans="14:14">
      <c r="N981305" s="10"/>
    </row>
    <row r="981306" spans="14:14">
      <c r="N981306" s="10"/>
    </row>
    <row r="981307" spans="14:14">
      <c r="N981307" s="10"/>
    </row>
    <row r="981308" spans="14:14">
      <c r="N981308" s="10"/>
    </row>
    <row r="981309" spans="14:14">
      <c r="N981309" s="10"/>
    </row>
    <row r="981310" spans="14:14">
      <c r="N981310" s="10"/>
    </row>
    <row r="981311" spans="14:14">
      <c r="N981311" s="10"/>
    </row>
    <row r="981312" spans="14:14">
      <c r="N981312" s="10"/>
    </row>
    <row r="981313" spans="14:14">
      <c r="N981313" s="10"/>
    </row>
    <row r="981314" spans="14:14">
      <c r="N981314" s="10"/>
    </row>
    <row r="981315" spans="14:14">
      <c r="N981315" s="10"/>
    </row>
    <row r="981316" spans="14:14">
      <c r="N981316" s="10"/>
    </row>
    <row r="981317" spans="14:14">
      <c r="N981317" s="10"/>
    </row>
    <row r="981318" spans="14:14">
      <c r="N981318" s="10"/>
    </row>
    <row r="981319" spans="14:14">
      <c r="N981319" s="10"/>
    </row>
    <row r="981320" spans="14:14">
      <c r="N981320" s="10"/>
    </row>
    <row r="981321" spans="14:14">
      <c r="N981321" s="10"/>
    </row>
    <row r="981322" spans="14:14">
      <c r="N981322" s="10"/>
    </row>
    <row r="981323" spans="14:14">
      <c r="N981323" s="10"/>
    </row>
    <row r="981324" spans="14:14">
      <c r="N981324" s="10"/>
    </row>
    <row r="981325" spans="14:14">
      <c r="N981325" s="10"/>
    </row>
    <row r="981326" spans="14:14">
      <c r="N981326" s="10"/>
    </row>
    <row r="981327" spans="14:14">
      <c r="N981327" s="10"/>
    </row>
    <row r="981328" spans="14:14">
      <c r="N981328" s="10"/>
    </row>
    <row r="981329" spans="14:14">
      <c r="N981329" s="10"/>
    </row>
    <row r="981330" spans="14:14">
      <c r="N981330" s="10"/>
    </row>
    <row r="981331" spans="14:14">
      <c r="N981331" s="10"/>
    </row>
    <row r="981332" spans="14:14">
      <c r="N981332" s="10"/>
    </row>
    <row r="981333" spans="14:14">
      <c r="N981333" s="10"/>
    </row>
    <row r="981334" spans="14:14">
      <c r="N981334" s="10"/>
    </row>
    <row r="981335" spans="14:14">
      <c r="N981335" s="10"/>
    </row>
    <row r="981336" spans="14:14">
      <c r="N981336" s="10"/>
    </row>
    <row r="981337" spans="14:14">
      <c r="N981337" s="10"/>
    </row>
    <row r="981338" spans="14:14">
      <c r="N981338" s="10"/>
    </row>
    <row r="981339" spans="14:14">
      <c r="N981339" s="10"/>
    </row>
    <row r="981340" spans="14:14">
      <c r="N981340" s="10"/>
    </row>
    <row r="981341" spans="14:14">
      <c r="N981341" s="10"/>
    </row>
    <row r="981342" spans="14:14">
      <c r="N981342" s="10"/>
    </row>
    <row r="981343" spans="14:14">
      <c r="N981343" s="10"/>
    </row>
    <row r="981344" spans="14:14">
      <c r="N981344" s="10"/>
    </row>
    <row r="981345" spans="14:14">
      <c r="N981345" s="10"/>
    </row>
    <row r="981346" spans="14:14">
      <c r="N981346" s="10"/>
    </row>
    <row r="981347" spans="14:14">
      <c r="N981347" s="10"/>
    </row>
    <row r="981348" spans="14:14">
      <c r="N981348" s="10"/>
    </row>
    <row r="981349" spans="14:14">
      <c r="N981349" s="10"/>
    </row>
    <row r="981350" spans="14:14">
      <c r="N981350" s="10"/>
    </row>
    <row r="981351" spans="14:14">
      <c r="N981351" s="10"/>
    </row>
    <row r="981352" spans="14:14">
      <c r="N981352" s="10"/>
    </row>
    <row r="981353" spans="14:14">
      <c r="N981353" s="10"/>
    </row>
    <row r="981354" spans="14:14">
      <c r="N981354" s="10"/>
    </row>
    <row r="981355" spans="14:14">
      <c r="N981355" s="10"/>
    </row>
    <row r="981356" spans="14:14">
      <c r="N981356" s="10"/>
    </row>
    <row r="981357" spans="14:14">
      <c r="N981357" s="10"/>
    </row>
    <row r="981358" spans="14:14">
      <c r="N981358" s="10"/>
    </row>
    <row r="981359" spans="14:14">
      <c r="N981359" s="10"/>
    </row>
    <row r="981360" spans="14:14">
      <c r="N981360" s="10"/>
    </row>
    <row r="981361" spans="14:14">
      <c r="N981361" s="10"/>
    </row>
    <row r="981362" spans="14:14">
      <c r="N981362" s="10"/>
    </row>
    <row r="981363" spans="14:14">
      <c r="N981363" s="10"/>
    </row>
    <row r="981364" spans="14:14">
      <c r="N981364" s="10"/>
    </row>
    <row r="981365" spans="14:14">
      <c r="N981365" s="10"/>
    </row>
    <row r="981366" spans="14:14">
      <c r="N981366" s="10"/>
    </row>
    <row r="981367" spans="14:14">
      <c r="N981367" s="10"/>
    </row>
    <row r="981368" spans="14:14">
      <c r="N981368" s="10"/>
    </row>
    <row r="981369" spans="14:14">
      <c r="N981369" s="10"/>
    </row>
    <row r="981370" spans="14:14">
      <c r="N981370" s="10"/>
    </row>
    <row r="981371" spans="14:14">
      <c r="N981371" s="10"/>
    </row>
    <row r="981372" spans="14:14">
      <c r="N981372" s="10"/>
    </row>
    <row r="981373" spans="14:14">
      <c r="N981373" s="10"/>
    </row>
    <row r="981374" spans="14:14">
      <c r="N981374" s="10"/>
    </row>
    <row r="981375" spans="14:14">
      <c r="N981375" s="10"/>
    </row>
    <row r="981376" spans="14:14">
      <c r="N981376" s="10"/>
    </row>
    <row r="981377" spans="14:14">
      <c r="N981377" s="10"/>
    </row>
    <row r="981378" spans="14:14">
      <c r="N981378" s="10"/>
    </row>
    <row r="981379" spans="14:14">
      <c r="N981379" s="10"/>
    </row>
    <row r="981380" spans="14:14">
      <c r="N981380" s="10"/>
    </row>
    <row r="981381" spans="14:14">
      <c r="N981381" s="10"/>
    </row>
    <row r="981382" spans="14:14">
      <c r="N981382" s="10"/>
    </row>
    <row r="981383" spans="14:14">
      <c r="N981383" s="10"/>
    </row>
    <row r="981384" spans="14:14">
      <c r="N981384" s="10"/>
    </row>
    <row r="981385" spans="14:14">
      <c r="N981385" s="10"/>
    </row>
    <row r="981386" spans="14:14">
      <c r="N981386" s="10"/>
    </row>
    <row r="981387" spans="14:14">
      <c r="N981387" s="10"/>
    </row>
    <row r="981388" spans="14:14">
      <c r="N981388" s="10"/>
    </row>
    <row r="981389" spans="14:14">
      <c r="N981389" s="10"/>
    </row>
    <row r="981390" spans="14:14">
      <c r="N981390" s="10"/>
    </row>
    <row r="981391" spans="14:14">
      <c r="N981391" s="10"/>
    </row>
    <row r="981392" spans="14:14">
      <c r="N981392" s="10"/>
    </row>
    <row r="981393" spans="14:14">
      <c r="N981393" s="10"/>
    </row>
    <row r="981394" spans="14:14">
      <c r="N981394" s="10"/>
    </row>
    <row r="981395" spans="14:14">
      <c r="N981395" s="10"/>
    </row>
    <row r="981396" spans="14:14">
      <c r="N981396" s="10"/>
    </row>
    <row r="981397" spans="14:14">
      <c r="N981397" s="10"/>
    </row>
    <row r="981398" spans="14:14">
      <c r="N981398" s="10"/>
    </row>
    <row r="981399" spans="14:14">
      <c r="N981399" s="10"/>
    </row>
    <row r="981400" spans="14:14">
      <c r="N981400" s="10"/>
    </row>
    <row r="981401" spans="14:14">
      <c r="N981401" s="10"/>
    </row>
    <row r="981402" spans="14:14">
      <c r="N981402" s="10"/>
    </row>
    <row r="981403" spans="14:14">
      <c r="N981403" s="10"/>
    </row>
    <row r="981404" spans="14:14">
      <c r="N981404" s="10"/>
    </row>
    <row r="981405" spans="14:14">
      <c r="N981405" s="10"/>
    </row>
    <row r="981406" spans="14:14">
      <c r="N981406" s="10"/>
    </row>
    <row r="981407" spans="14:14">
      <c r="N981407" s="10"/>
    </row>
    <row r="981408" spans="14:14">
      <c r="N981408" s="10"/>
    </row>
    <row r="981409" spans="14:14">
      <c r="N981409" s="10"/>
    </row>
    <row r="981410" spans="14:14">
      <c r="N981410" s="10"/>
    </row>
    <row r="981411" spans="14:14">
      <c r="N981411" s="10"/>
    </row>
    <row r="981412" spans="14:14">
      <c r="N981412" s="10"/>
    </row>
    <row r="981413" spans="14:14">
      <c r="N981413" s="10"/>
    </row>
    <row r="981414" spans="14:14">
      <c r="N981414" s="10"/>
    </row>
    <row r="981415" spans="14:14">
      <c r="N981415" s="10"/>
    </row>
    <row r="981416" spans="14:14">
      <c r="N981416" s="10"/>
    </row>
    <row r="981417" spans="14:14">
      <c r="N981417" s="10"/>
    </row>
    <row r="981418" spans="14:14">
      <c r="N981418" s="10"/>
    </row>
    <row r="981419" spans="14:14">
      <c r="N981419" s="10"/>
    </row>
    <row r="981420" spans="14:14">
      <c r="N981420" s="10"/>
    </row>
    <row r="981421" spans="14:14">
      <c r="N981421" s="10"/>
    </row>
    <row r="981422" spans="14:14">
      <c r="N981422" s="10"/>
    </row>
    <row r="981423" spans="14:14">
      <c r="N981423" s="10"/>
    </row>
    <row r="981424" spans="14:14">
      <c r="N981424" s="10"/>
    </row>
    <row r="981425" spans="14:14">
      <c r="N981425" s="10"/>
    </row>
    <row r="981426" spans="14:14">
      <c r="N981426" s="10"/>
    </row>
    <row r="981427" spans="14:14">
      <c r="N981427" s="10"/>
    </row>
    <row r="981428" spans="14:14">
      <c r="N981428" s="10"/>
    </row>
    <row r="981429" spans="14:14">
      <c r="N981429" s="10"/>
    </row>
    <row r="981430" spans="14:14">
      <c r="N981430" s="10"/>
    </row>
    <row r="981431" spans="14:14">
      <c r="N981431" s="10"/>
    </row>
    <row r="981432" spans="14:14">
      <c r="N981432" s="10"/>
    </row>
    <row r="981433" spans="14:14">
      <c r="N981433" s="10"/>
    </row>
    <row r="981434" spans="14:14">
      <c r="N981434" s="10"/>
    </row>
    <row r="981435" spans="14:14">
      <c r="N981435" s="10"/>
    </row>
    <row r="981436" spans="14:14">
      <c r="N981436" s="10"/>
    </row>
    <row r="981437" spans="14:14">
      <c r="N981437" s="10"/>
    </row>
    <row r="981438" spans="14:14">
      <c r="N981438" s="10"/>
    </row>
    <row r="981439" spans="14:14">
      <c r="N981439" s="10"/>
    </row>
    <row r="981440" spans="14:14">
      <c r="N981440" s="10"/>
    </row>
    <row r="981441" spans="14:14">
      <c r="N981441" s="10"/>
    </row>
    <row r="981442" spans="14:14">
      <c r="N981442" s="10"/>
    </row>
    <row r="981443" spans="14:14">
      <c r="N981443" s="10"/>
    </row>
    <row r="981444" spans="14:14">
      <c r="N981444" s="10"/>
    </row>
    <row r="981445" spans="14:14">
      <c r="N981445" s="10"/>
    </row>
    <row r="981446" spans="14:14">
      <c r="N981446" s="10"/>
    </row>
    <row r="981447" spans="14:14">
      <c r="N981447" s="10"/>
    </row>
    <row r="981448" spans="14:14">
      <c r="N981448" s="10"/>
    </row>
    <row r="981449" spans="14:14">
      <c r="N981449" s="10"/>
    </row>
    <row r="981450" spans="14:14">
      <c r="N981450" s="10"/>
    </row>
    <row r="981451" spans="14:14">
      <c r="N981451" s="10"/>
    </row>
    <row r="981452" spans="14:14">
      <c r="N981452" s="10"/>
    </row>
    <row r="981453" spans="14:14">
      <c r="N981453" s="10"/>
    </row>
    <row r="981454" spans="14:14">
      <c r="N981454" s="10"/>
    </row>
    <row r="981455" spans="14:14">
      <c r="N981455" s="10"/>
    </row>
    <row r="981456" spans="14:14">
      <c r="N981456" s="10"/>
    </row>
    <row r="981457" spans="14:14">
      <c r="N981457" s="10"/>
    </row>
    <row r="981458" spans="14:14">
      <c r="N981458" s="10"/>
    </row>
    <row r="981459" spans="14:14">
      <c r="N981459" s="10"/>
    </row>
    <row r="981460" spans="14:14">
      <c r="N981460" s="10"/>
    </row>
    <row r="981461" spans="14:14">
      <c r="N981461" s="10"/>
    </row>
    <row r="981462" spans="14:14">
      <c r="N981462" s="10"/>
    </row>
    <row r="981463" spans="14:14">
      <c r="N981463" s="10"/>
    </row>
    <row r="981464" spans="14:14">
      <c r="N981464" s="10"/>
    </row>
    <row r="981465" spans="14:14">
      <c r="N981465" s="10"/>
    </row>
    <row r="981466" spans="14:14">
      <c r="N981466" s="10"/>
    </row>
    <row r="981467" spans="14:14">
      <c r="N981467" s="10"/>
    </row>
    <row r="981468" spans="14:14">
      <c r="N981468" s="10"/>
    </row>
    <row r="981469" spans="14:14">
      <c r="N981469" s="10"/>
    </row>
    <row r="981470" spans="14:14">
      <c r="N981470" s="10"/>
    </row>
    <row r="981471" spans="14:14">
      <c r="N981471" s="10"/>
    </row>
    <row r="981472" spans="14:14">
      <c r="N981472" s="10"/>
    </row>
    <row r="981473" spans="14:14">
      <c r="N981473" s="10"/>
    </row>
    <row r="981474" spans="14:14">
      <c r="N981474" s="10"/>
    </row>
    <row r="981475" spans="14:14">
      <c r="N981475" s="10"/>
    </row>
    <row r="981476" spans="14:14">
      <c r="N981476" s="10"/>
    </row>
    <row r="981477" spans="14:14">
      <c r="N981477" s="10"/>
    </row>
    <row r="981478" spans="14:14">
      <c r="N981478" s="10"/>
    </row>
    <row r="981479" spans="14:14">
      <c r="N981479" s="10"/>
    </row>
    <row r="981480" spans="14:14">
      <c r="N981480" s="10"/>
    </row>
    <row r="981481" spans="14:14">
      <c r="N981481" s="10"/>
    </row>
    <row r="981482" spans="14:14">
      <c r="N981482" s="10"/>
    </row>
    <row r="981483" spans="14:14">
      <c r="N981483" s="10"/>
    </row>
    <row r="981484" spans="14:14">
      <c r="N981484" s="10"/>
    </row>
    <row r="981485" spans="14:14">
      <c r="N981485" s="10"/>
    </row>
    <row r="981486" spans="14:14">
      <c r="N981486" s="10"/>
    </row>
    <row r="981487" spans="14:14">
      <c r="N981487" s="10"/>
    </row>
    <row r="981488" spans="14:14">
      <c r="N981488" s="10"/>
    </row>
    <row r="981489" spans="14:14">
      <c r="N981489" s="10"/>
    </row>
    <row r="981490" spans="14:14">
      <c r="N981490" s="10"/>
    </row>
    <row r="981491" spans="14:14">
      <c r="N981491" s="10"/>
    </row>
    <row r="981492" spans="14:14">
      <c r="N981492" s="10"/>
    </row>
    <row r="981493" spans="14:14">
      <c r="N981493" s="10"/>
    </row>
    <row r="981494" spans="14:14">
      <c r="N981494" s="10"/>
    </row>
    <row r="981495" spans="14:14">
      <c r="N981495" s="10"/>
    </row>
    <row r="981496" spans="14:14">
      <c r="N981496" s="10"/>
    </row>
    <row r="981497" spans="14:14">
      <c r="N981497" s="10"/>
    </row>
    <row r="981498" spans="14:14">
      <c r="N981498" s="10"/>
    </row>
    <row r="981499" spans="14:14">
      <c r="N981499" s="10"/>
    </row>
    <row r="981500" spans="14:14">
      <c r="N981500" s="10"/>
    </row>
    <row r="981501" spans="14:14">
      <c r="N981501" s="10"/>
    </row>
    <row r="981502" spans="14:14">
      <c r="N981502" s="10"/>
    </row>
    <row r="981503" spans="14:14">
      <c r="N981503" s="10"/>
    </row>
    <row r="981504" spans="14:14">
      <c r="N981504" s="10"/>
    </row>
    <row r="981505" spans="14:14">
      <c r="N981505" s="10"/>
    </row>
    <row r="981506" spans="14:14">
      <c r="N981506" s="10"/>
    </row>
    <row r="981507" spans="14:14">
      <c r="N981507" s="10"/>
    </row>
    <row r="981508" spans="14:14">
      <c r="N981508" s="10"/>
    </row>
    <row r="981509" spans="14:14">
      <c r="N981509" s="10"/>
    </row>
    <row r="981510" spans="14:14">
      <c r="N981510" s="10"/>
    </row>
    <row r="981511" spans="14:14">
      <c r="N981511" s="10"/>
    </row>
    <row r="981512" spans="14:14">
      <c r="N981512" s="10"/>
    </row>
    <row r="981513" spans="14:14">
      <c r="N981513" s="10"/>
    </row>
    <row r="981514" spans="14:14">
      <c r="N981514" s="10"/>
    </row>
    <row r="981515" spans="14:14">
      <c r="N981515" s="10"/>
    </row>
    <row r="981516" spans="14:14">
      <c r="N981516" s="10"/>
    </row>
    <row r="981517" spans="14:14">
      <c r="N981517" s="10"/>
    </row>
    <row r="981518" spans="14:14">
      <c r="N981518" s="10"/>
    </row>
    <row r="981519" spans="14:14">
      <c r="N981519" s="10"/>
    </row>
    <row r="981520" spans="14:14">
      <c r="N981520" s="10"/>
    </row>
    <row r="981521" spans="14:14">
      <c r="N981521" s="10"/>
    </row>
    <row r="981522" spans="14:14">
      <c r="N981522" s="10"/>
    </row>
    <row r="981523" spans="14:14">
      <c r="N981523" s="10"/>
    </row>
    <row r="981524" spans="14:14">
      <c r="N981524" s="10"/>
    </row>
    <row r="981525" spans="14:14">
      <c r="N981525" s="10"/>
    </row>
    <row r="981526" spans="14:14">
      <c r="N981526" s="10"/>
    </row>
    <row r="981527" spans="14:14">
      <c r="N981527" s="10"/>
    </row>
    <row r="981528" spans="14:14">
      <c r="N981528" s="10"/>
    </row>
    <row r="981529" spans="14:14">
      <c r="N981529" s="10"/>
    </row>
    <row r="981530" spans="14:14">
      <c r="N981530" s="10"/>
    </row>
    <row r="981531" spans="14:14">
      <c r="N981531" s="10"/>
    </row>
    <row r="981532" spans="14:14">
      <c r="N981532" s="10"/>
    </row>
    <row r="981533" spans="14:14">
      <c r="N981533" s="10"/>
    </row>
    <row r="981534" spans="14:14">
      <c r="N981534" s="10"/>
    </row>
    <row r="981535" spans="14:14">
      <c r="N981535" s="10"/>
    </row>
    <row r="981536" spans="14:14">
      <c r="N981536" s="10"/>
    </row>
    <row r="981537" spans="14:14">
      <c r="N981537" s="10"/>
    </row>
    <row r="981538" spans="14:14">
      <c r="N981538" s="10"/>
    </row>
    <row r="981539" spans="14:14">
      <c r="N981539" s="10"/>
    </row>
    <row r="981540" spans="14:14">
      <c r="N981540" s="10"/>
    </row>
    <row r="981541" spans="14:14">
      <c r="N981541" s="10"/>
    </row>
    <row r="981542" spans="14:14">
      <c r="N981542" s="10"/>
    </row>
    <row r="981543" spans="14:14">
      <c r="N981543" s="10"/>
    </row>
    <row r="981544" spans="14:14">
      <c r="N981544" s="10"/>
    </row>
    <row r="981545" spans="14:14">
      <c r="N981545" s="10"/>
    </row>
    <row r="981546" spans="14:14">
      <c r="N981546" s="10"/>
    </row>
    <row r="981547" spans="14:14">
      <c r="N981547" s="10"/>
    </row>
    <row r="981548" spans="14:14">
      <c r="N981548" s="10"/>
    </row>
    <row r="981549" spans="14:14">
      <c r="N981549" s="10"/>
    </row>
    <row r="981550" spans="14:14">
      <c r="N981550" s="10"/>
    </row>
    <row r="981551" spans="14:14">
      <c r="N981551" s="10"/>
    </row>
    <row r="981552" spans="14:14">
      <c r="N981552" s="10"/>
    </row>
    <row r="981553" spans="14:14">
      <c r="N981553" s="10"/>
    </row>
    <row r="981554" spans="14:14">
      <c r="N981554" s="10"/>
    </row>
    <row r="981555" spans="14:14">
      <c r="N981555" s="10"/>
    </row>
    <row r="981556" spans="14:14">
      <c r="N981556" s="10"/>
    </row>
    <row r="981557" spans="14:14">
      <c r="N981557" s="10"/>
    </row>
    <row r="981558" spans="14:14">
      <c r="N981558" s="10"/>
    </row>
    <row r="981559" spans="14:14">
      <c r="N981559" s="10"/>
    </row>
    <row r="981560" spans="14:14">
      <c r="N981560" s="10"/>
    </row>
    <row r="981561" spans="14:14">
      <c r="N981561" s="10"/>
    </row>
    <row r="981562" spans="14:14">
      <c r="N981562" s="10"/>
    </row>
    <row r="981563" spans="14:14">
      <c r="N981563" s="10"/>
    </row>
    <row r="981564" spans="14:14">
      <c r="N981564" s="10"/>
    </row>
    <row r="981565" spans="14:14">
      <c r="N981565" s="10"/>
    </row>
    <row r="981566" spans="14:14">
      <c r="N981566" s="10"/>
    </row>
    <row r="981567" spans="14:14">
      <c r="N981567" s="10"/>
    </row>
    <row r="981568" spans="14:14">
      <c r="N981568" s="10"/>
    </row>
    <row r="981569" spans="14:14">
      <c r="N981569" s="10"/>
    </row>
    <row r="981570" spans="14:14">
      <c r="N981570" s="10"/>
    </row>
    <row r="981571" spans="14:14">
      <c r="N981571" s="10"/>
    </row>
    <row r="981572" spans="14:14">
      <c r="N981572" s="10"/>
    </row>
    <row r="981573" spans="14:14">
      <c r="N981573" s="10"/>
    </row>
    <row r="981574" spans="14:14">
      <c r="N981574" s="10"/>
    </row>
    <row r="981575" spans="14:14">
      <c r="N981575" s="10"/>
    </row>
    <row r="981576" spans="14:14">
      <c r="N981576" s="10"/>
    </row>
    <row r="981577" spans="14:14">
      <c r="N981577" s="10"/>
    </row>
    <row r="981578" spans="14:14">
      <c r="N981578" s="10"/>
    </row>
    <row r="981579" spans="14:14">
      <c r="N981579" s="10"/>
    </row>
    <row r="981580" spans="14:14">
      <c r="N981580" s="10"/>
    </row>
    <row r="981581" spans="14:14">
      <c r="N981581" s="10"/>
    </row>
    <row r="981582" spans="14:14">
      <c r="N981582" s="10"/>
    </row>
    <row r="981583" spans="14:14">
      <c r="N981583" s="10"/>
    </row>
    <row r="981584" spans="14:14">
      <c r="N981584" s="10"/>
    </row>
    <row r="981585" spans="14:14">
      <c r="N981585" s="10"/>
    </row>
    <row r="981586" spans="14:14">
      <c r="N981586" s="10"/>
    </row>
    <row r="981587" spans="14:14">
      <c r="N981587" s="10"/>
    </row>
    <row r="981588" spans="14:14">
      <c r="N981588" s="10"/>
    </row>
    <row r="981589" spans="14:14">
      <c r="N981589" s="10"/>
    </row>
    <row r="981590" spans="14:14">
      <c r="N981590" s="10"/>
    </row>
    <row r="981591" spans="14:14">
      <c r="N981591" s="10"/>
    </row>
    <row r="981592" spans="14:14">
      <c r="N981592" s="10"/>
    </row>
    <row r="981593" spans="14:14">
      <c r="N981593" s="10"/>
    </row>
    <row r="981594" spans="14:14">
      <c r="N981594" s="10"/>
    </row>
    <row r="981595" spans="14:14">
      <c r="N981595" s="10"/>
    </row>
    <row r="981596" spans="14:14">
      <c r="N981596" s="10"/>
    </row>
    <row r="981597" spans="14:14">
      <c r="N981597" s="10"/>
    </row>
    <row r="981598" spans="14:14">
      <c r="N981598" s="10"/>
    </row>
    <row r="981599" spans="14:14">
      <c r="N981599" s="10"/>
    </row>
    <row r="981600" spans="14:14">
      <c r="N981600" s="10"/>
    </row>
    <row r="981601" spans="14:14">
      <c r="N981601" s="10"/>
    </row>
    <row r="981602" spans="14:14">
      <c r="N981602" s="10"/>
    </row>
    <row r="981603" spans="14:14">
      <c r="N981603" s="10"/>
    </row>
    <row r="981604" spans="14:14">
      <c r="N981604" s="10"/>
    </row>
    <row r="981605" spans="14:14">
      <c r="N981605" s="10"/>
    </row>
    <row r="981606" spans="14:14">
      <c r="N981606" s="10"/>
    </row>
    <row r="981607" spans="14:14">
      <c r="N981607" s="10"/>
    </row>
    <row r="981608" spans="14:14">
      <c r="N981608" s="10"/>
    </row>
    <row r="981609" spans="14:14">
      <c r="N981609" s="10"/>
    </row>
    <row r="981610" spans="14:14">
      <c r="N981610" s="10"/>
    </row>
    <row r="981611" spans="14:14">
      <c r="N981611" s="10"/>
    </row>
    <row r="981612" spans="14:14">
      <c r="N981612" s="10"/>
    </row>
    <row r="981613" spans="14:14">
      <c r="N981613" s="10"/>
    </row>
    <row r="981614" spans="14:14">
      <c r="N981614" s="10"/>
    </row>
    <row r="981615" spans="14:14">
      <c r="N981615" s="10"/>
    </row>
    <row r="981616" spans="14:14">
      <c r="N981616" s="10"/>
    </row>
    <row r="981617" spans="14:14">
      <c r="N981617" s="10"/>
    </row>
    <row r="981618" spans="14:14">
      <c r="N981618" s="10"/>
    </row>
    <row r="981619" spans="14:14">
      <c r="N981619" s="10"/>
    </row>
    <row r="981620" spans="14:14">
      <c r="N981620" s="10"/>
    </row>
    <row r="981621" spans="14:14">
      <c r="N981621" s="10"/>
    </row>
    <row r="981622" spans="14:14">
      <c r="N981622" s="10"/>
    </row>
    <row r="981623" spans="14:14">
      <c r="N981623" s="10"/>
    </row>
    <row r="981624" spans="14:14">
      <c r="N981624" s="10"/>
    </row>
    <row r="981625" spans="14:14">
      <c r="N981625" s="10"/>
    </row>
    <row r="981626" spans="14:14">
      <c r="N981626" s="10"/>
    </row>
    <row r="981627" spans="14:14">
      <c r="N981627" s="10"/>
    </row>
    <row r="981628" spans="14:14">
      <c r="N981628" s="10"/>
    </row>
    <row r="981629" spans="14:14">
      <c r="N981629" s="10"/>
    </row>
    <row r="981630" spans="14:14">
      <c r="N981630" s="10"/>
    </row>
    <row r="981631" spans="14:14">
      <c r="N981631" s="10"/>
    </row>
    <row r="981632" spans="14:14">
      <c r="N981632" s="10"/>
    </row>
    <row r="981633" spans="14:14">
      <c r="N981633" s="10"/>
    </row>
    <row r="981634" spans="14:14">
      <c r="N981634" s="10"/>
    </row>
    <row r="981635" spans="14:14">
      <c r="N981635" s="10"/>
    </row>
    <row r="981636" spans="14:14">
      <c r="N981636" s="10"/>
    </row>
    <row r="981637" spans="14:14">
      <c r="N981637" s="10"/>
    </row>
    <row r="981638" spans="14:14">
      <c r="N981638" s="10"/>
    </row>
    <row r="981639" spans="14:14">
      <c r="N981639" s="10"/>
    </row>
    <row r="981640" spans="14:14">
      <c r="N981640" s="10"/>
    </row>
    <row r="981641" spans="14:14">
      <c r="N981641" s="10"/>
    </row>
    <row r="981642" spans="14:14">
      <c r="N981642" s="10"/>
    </row>
    <row r="981643" spans="14:14">
      <c r="N981643" s="10"/>
    </row>
    <row r="981644" spans="14:14">
      <c r="N981644" s="10"/>
    </row>
    <row r="981645" spans="14:14">
      <c r="N981645" s="10"/>
    </row>
    <row r="981646" spans="14:14">
      <c r="N981646" s="10"/>
    </row>
    <row r="981647" spans="14:14">
      <c r="N981647" s="10"/>
    </row>
    <row r="981648" spans="14:14">
      <c r="N981648" s="10"/>
    </row>
    <row r="981649" spans="14:14">
      <c r="N981649" s="10"/>
    </row>
    <row r="981650" spans="14:14">
      <c r="N981650" s="10"/>
    </row>
    <row r="981651" spans="14:14">
      <c r="N981651" s="10"/>
    </row>
    <row r="981652" spans="14:14">
      <c r="N981652" s="10"/>
    </row>
    <row r="981653" spans="14:14">
      <c r="N981653" s="10"/>
    </row>
    <row r="981654" spans="14:14">
      <c r="N981654" s="10"/>
    </row>
    <row r="981655" spans="14:14">
      <c r="N981655" s="10"/>
    </row>
    <row r="981656" spans="14:14">
      <c r="N981656" s="10"/>
    </row>
    <row r="981657" spans="14:14">
      <c r="N981657" s="10"/>
    </row>
    <row r="981658" spans="14:14">
      <c r="N981658" s="10"/>
    </row>
    <row r="981659" spans="14:14">
      <c r="N981659" s="10"/>
    </row>
    <row r="981660" spans="14:14">
      <c r="N981660" s="10"/>
    </row>
    <row r="981661" spans="14:14">
      <c r="N981661" s="10"/>
    </row>
    <row r="981662" spans="14:14">
      <c r="N981662" s="10"/>
    </row>
    <row r="981663" spans="14:14">
      <c r="N981663" s="10"/>
    </row>
    <row r="981664" spans="14:14">
      <c r="N981664" s="10"/>
    </row>
    <row r="981665" spans="14:14">
      <c r="N981665" s="10"/>
    </row>
    <row r="981666" spans="14:14">
      <c r="N981666" s="10"/>
    </row>
    <row r="981667" spans="14:14">
      <c r="N981667" s="10"/>
    </row>
    <row r="981668" spans="14:14">
      <c r="N981668" s="10"/>
    </row>
    <row r="981669" spans="14:14">
      <c r="N981669" s="10"/>
    </row>
    <row r="981670" spans="14:14">
      <c r="N981670" s="10"/>
    </row>
    <row r="981671" spans="14:14">
      <c r="N981671" s="10"/>
    </row>
    <row r="981672" spans="14:14">
      <c r="N981672" s="10"/>
    </row>
    <row r="981673" spans="14:14">
      <c r="N981673" s="10"/>
    </row>
    <row r="981674" spans="14:14">
      <c r="N981674" s="10"/>
    </row>
    <row r="981675" spans="14:14">
      <c r="N981675" s="10"/>
    </row>
    <row r="981676" spans="14:14">
      <c r="N981676" s="10"/>
    </row>
    <row r="981677" spans="14:14">
      <c r="N981677" s="10"/>
    </row>
    <row r="981678" spans="14:14">
      <c r="N981678" s="10"/>
    </row>
    <row r="981679" spans="14:14">
      <c r="N981679" s="10"/>
    </row>
    <row r="981680" spans="14:14">
      <c r="N981680" s="10"/>
    </row>
    <row r="981681" spans="14:14">
      <c r="N981681" s="10"/>
    </row>
    <row r="981682" spans="14:14">
      <c r="N981682" s="10"/>
    </row>
    <row r="981683" spans="14:14">
      <c r="N981683" s="10"/>
    </row>
    <row r="981684" spans="14:14">
      <c r="N981684" s="10"/>
    </row>
    <row r="981685" spans="14:14">
      <c r="N981685" s="10"/>
    </row>
    <row r="981686" spans="14:14">
      <c r="N981686" s="10"/>
    </row>
    <row r="981687" spans="14:14">
      <c r="N981687" s="10"/>
    </row>
    <row r="981688" spans="14:14">
      <c r="N981688" s="10"/>
    </row>
    <row r="981689" spans="14:14">
      <c r="N981689" s="10"/>
    </row>
    <row r="981690" spans="14:14">
      <c r="N981690" s="10"/>
    </row>
    <row r="981691" spans="14:14">
      <c r="N981691" s="10"/>
    </row>
    <row r="981692" spans="14:14">
      <c r="N981692" s="10"/>
    </row>
    <row r="981693" spans="14:14">
      <c r="N981693" s="10"/>
    </row>
    <row r="981694" spans="14:14">
      <c r="N981694" s="10"/>
    </row>
    <row r="981695" spans="14:14">
      <c r="N981695" s="10"/>
    </row>
    <row r="981696" spans="14:14">
      <c r="N981696" s="10"/>
    </row>
    <row r="981697" spans="14:14">
      <c r="N981697" s="10"/>
    </row>
    <row r="981698" spans="14:14">
      <c r="N981698" s="10"/>
    </row>
    <row r="981699" spans="14:14">
      <c r="N981699" s="10"/>
    </row>
    <row r="981700" spans="14:14">
      <c r="N981700" s="10"/>
    </row>
    <row r="981701" spans="14:14">
      <c r="N981701" s="10"/>
    </row>
    <row r="981702" spans="14:14">
      <c r="N981702" s="10"/>
    </row>
    <row r="981703" spans="14:14">
      <c r="N981703" s="10"/>
    </row>
    <row r="981704" spans="14:14">
      <c r="N981704" s="10"/>
    </row>
    <row r="981705" spans="14:14">
      <c r="N981705" s="10"/>
    </row>
    <row r="981706" spans="14:14">
      <c r="N981706" s="10"/>
    </row>
    <row r="981707" spans="14:14">
      <c r="N981707" s="10"/>
    </row>
    <row r="981708" spans="14:14">
      <c r="N981708" s="10"/>
    </row>
    <row r="981709" spans="14:14">
      <c r="N981709" s="10"/>
    </row>
    <row r="981710" spans="14:14">
      <c r="N981710" s="10"/>
    </row>
    <row r="981711" spans="14:14">
      <c r="N981711" s="10"/>
    </row>
    <row r="981712" spans="14:14">
      <c r="N981712" s="10"/>
    </row>
    <row r="981713" spans="14:14">
      <c r="N981713" s="10"/>
    </row>
    <row r="981714" spans="14:14">
      <c r="N981714" s="10"/>
    </row>
    <row r="981715" spans="14:14">
      <c r="N981715" s="10"/>
    </row>
    <row r="981716" spans="14:14">
      <c r="N981716" s="10"/>
    </row>
    <row r="981717" spans="14:14">
      <c r="N981717" s="10"/>
    </row>
    <row r="981718" spans="14:14">
      <c r="N981718" s="10"/>
    </row>
    <row r="981719" spans="14:14">
      <c r="N981719" s="10"/>
    </row>
    <row r="981720" spans="14:14">
      <c r="N981720" s="10"/>
    </row>
    <row r="981721" spans="14:14">
      <c r="N981721" s="10"/>
    </row>
    <row r="981722" spans="14:14">
      <c r="N981722" s="10"/>
    </row>
    <row r="981723" spans="14:14">
      <c r="N981723" s="10"/>
    </row>
    <row r="981724" spans="14:14">
      <c r="N981724" s="10"/>
    </row>
    <row r="981725" spans="14:14">
      <c r="N981725" s="10"/>
    </row>
    <row r="981726" spans="14:14">
      <c r="N981726" s="10"/>
    </row>
    <row r="981727" spans="14:14">
      <c r="N981727" s="10"/>
    </row>
    <row r="981728" spans="14:14">
      <c r="N981728" s="10"/>
    </row>
    <row r="981729" spans="14:14">
      <c r="N981729" s="10"/>
    </row>
    <row r="981730" spans="14:14">
      <c r="N981730" s="10"/>
    </row>
    <row r="981731" spans="14:14">
      <c r="N981731" s="10"/>
    </row>
    <row r="981732" spans="14:14">
      <c r="N981732" s="10"/>
    </row>
    <row r="981733" spans="14:14">
      <c r="N981733" s="10"/>
    </row>
    <row r="981734" spans="14:14">
      <c r="N981734" s="10"/>
    </row>
    <row r="981735" spans="14:14">
      <c r="N981735" s="10"/>
    </row>
    <row r="981736" spans="14:14">
      <c r="N981736" s="10"/>
    </row>
    <row r="981737" spans="14:14">
      <c r="N981737" s="10"/>
    </row>
    <row r="981738" spans="14:14">
      <c r="N981738" s="10"/>
    </row>
    <row r="981739" spans="14:14">
      <c r="N981739" s="10"/>
    </row>
    <row r="981740" spans="14:14">
      <c r="N981740" s="10"/>
    </row>
    <row r="981741" spans="14:14">
      <c r="N981741" s="10"/>
    </row>
    <row r="981742" spans="14:14">
      <c r="N981742" s="10"/>
    </row>
    <row r="981743" spans="14:14">
      <c r="N981743" s="10"/>
    </row>
    <row r="981744" spans="14:14">
      <c r="N981744" s="10"/>
    </row>
    <row r="981745" spans="14:14">
      <c r="N981745" s="10"/>
    </row>
    <row r="981746" spans="14:14">
      <c r="N981746" s="10"/>
    </row>
    <row r="981747" spans="14:14">
      <c r="N981747" s="10"/>
    </row>
    <row r="981748" spans="14:14">
      <c r="N981748" s="10"/>
    </row>
    <row r="981749" spans="14:14">
      <c r="N981749" s="10"/>
    </row>
    <row r="981750" spans="14:14">
      <c r="N981750" s="10"/>
    </row>
    <row r="981751" spans="14:14">
      <c r="N981751" s="10"/>
    </row>
    <row r="981752" spans="14:14">
      <c r="N981752" s="10"/>
    </row>
    <row r="981753" spans="14:14">
      <c r="N981753" s="10"/>
    </row>
    <row r="981754" spans="14:14">
      <c r="N981754" s="10"/>
    </row>
    <row r="981755" spans="14:14">
      <c r="N981755" s="10"/>
    </row>
    <row r="981756" spans="14:14">
      <c r="N981756" s="10"/>
    </row>
    <row r="981757" spans="14:14">
      <c r="N981757" s="10"/>
    </row>
    <row r="981758" spans="14:14">
      <c r="N981758" s="10"/>
    </row>
    <row r="981759" spans="14:14">
      <c r="N981759" s="10"/>
    </row>
    <row r="981760" spans="14:14">
      <c r="N981760" s="10"/>
    </row>
    <row r="981761" spans="14:14">
      <c r="N981761" s="10"/>
    </row>
    <row r="981762" spans="14:14">
      <c r="N981762" s="10"/>
    </row>
    <row r="981763" spans="14:14">
      <c r="N981763" s="10"/>
    </row>
    <row r="981764" spans="14:14">
      <c r="N981764" s="10"/>
    </row>
    <row r="981765" spans="14:14">
      <c r="N981765" s="10"/>
    </row>
    <row r="981766" spans="14:14">
      <c r="N981766" s="10"/>
    </row>
    <row r="981767" spans="14:14">
      <c r="N981767" s="10"/>
    </row>
    <row r="981768" spans="14:14">
      <c r="N981768" s="10"/>
    </row>
    <row r="981769" spans="14:14">
      <c r="N981769" s="10"/>
    </row>
    <row r="981770" spans="14:14">
      <c r="N981770" s="10"/>
    </row>
    <row r="981771" spans="14:14">
      <c r="N981771" s="10"/>
    </row>
    <row r="981772" spans="14:14">
      <c r="N981772" s="10"/>
    </row>
    <row r="981773" spans="14:14">
      <c r="N981773" s="10"/>
    </row>
    <row r="981774" spans="14:14">
      <c r="N981774" s="10"/>
    </row>
    <row r="981775" spans="14:14">
      <c r="N981775" s="10"/>
    </row>
    <row r="981776" spans="14:14">
      <c r="N981776" s="10"/>
    </row>
    <row r="981777" spans="14:14">
      <c r="N981777" s="10"/>
    </row>
    <row r="981778" spans="14:14">
      <c r="N981778" s="10"/>
    </row>
    <row r="981779" spans="14:14">
      <c r="N981779" s="10"/>
    </row>
    <row r="981780" spans="14:14">
      <c r="N981780" s="10"/>
    </row>
    <row r="981781" spans="14:14">
      <c r="N981781" s="10"/>
    </row>
    <row r="981782" spans="14:14">
      <c r="N981782" s="10"/>
    </row>
    <row r="981783" spans="14:14">
      <c r="N981783" s="10"/>
    </row>
    <row r="981784" spans="14:14">
      <c r="N981784" s="10"/>
    </row>
    <row r="981785" spans="14:14">
      <c r="N981785" s="10"/>
    </row>
    <row r="981786" spans="14:14">
      <c r="N981786" s="10"/>
    </row>
    <row r="981787" spans="14:14">
      <c r="N981787" s="10"/>
    </row>
    <row r="981788" spans="14:14">
      <c r="N981788" s="10"/>
    </row>
    <row r="981789" spans="14:14">
      <c r="N981789" s="10"/>
    </row>
    <row r="981790" spans="14:14">
      <c r="N981790" s="10"/>
    </row>
    <row r="981791" spans="14:14">
      <c r="N981791" s="10"/>
    </row>
    <row r="981792" spans="14:14">
      <c r="N981792" s="10"/>
    </row>
    <row r="981793" spans="14:14">
      <c r="N981793" s="10"/>
    </row>
    <row r="981794" spans="14:14">
      <c r="N981794" s="10"/>
    </row>
    <row r="981795" spans="14:14">
      <c r="N981795" s="10"/>
    </row>
    <row r="981796" spans="14:14">
      <c r="N981796" s="10"/>
    </row>
    <row r="981797" spans="14:14">
      <c r="N981797" s="10"/>
    </row>
    <row r="981798" spans="14:14">
      <c r="N981798" s="10"/>
    </row>
    <row r="981799" spans="14:14">
      <c r="N981799" s="10"/>
    </row>
    <row r="981800" spans="14:14">
      <c r="N981800" s="10"/>
    </row>
    <row r="981801" spans="14:14">
      <c r="N981801" s="10"/>
    </row>
    <row r="981802" spans="14:14">
      <c r="N981802" s="10"/>
    </row>
    <row r="981803" spans="14:14">
      <c r="N981803" s="10"/>
    </row>
    <row r="981804" spans="14:14">
      <c r="N981804" s="10"/>
    </row>
    <row r="981805" spans="14:14">
      <c r="N981805" s="10"/>
    </row>
    <row r="981806" spans="14:14">
      <c r="N981806" s="10"/>
    </row>
    <row r="981807" spans="14:14">
      <c r="N981807" s="10"/>
    </row>
    <row r="981808" spans="14:14">
      <c r="N981808" s="10"/>
    </row>
    <row r="981809" spans="14:14">
      <c r="N981809" s="10"/>
    </row>
    <row r="981810" spans="14:14">
      <c r="N981810" s="10"/>
    </row>
    <row r="981811" spans="14:14">
      <c r="N981811" s="10"/>
    </row>
    <row r="981812" spans="14:14">
      <c r="N981812" s="10"/>
    </row>
    <row r="981813" spans="14:14">
      <c r="N981813" s="10"/>
    </row>
    <row r="981814" spans="14:14">
      <c r="N981814" s="10"/>
    </row>
    <row r="981815" spans="14:14">
      <c r="N981815" s="10"/>
    </row>
    <row r="981816" spans="14:14">
      <c r="N981816" s="10"/>
    </row>
    <row r="981817" spans="14:14">
      <c r="N981817" s="10"/>
    </row>
    <row r="981818" spans="14:14">
      <c r="N981818" s="10"/>
    </row>
    <row r="981819" spans="14:14">
      <c r="N981819" s="10"/>
    </row>
    <row r="981820" spans="14:14">
      <c r="N981820" s="10"/>
    </row>
    <row r="981821" spans="14:14">
      <c r="N981821" s="10"/>
    </row>
    <row r="981822" spans="14:14">
      <c r="N981822" s="10"/>
    </row>
    <row r="981823" spans="14:14">
      <c r="N981823" s="10"/>
    </row>
    <row r="981824" spans="14:14">
      <c r="N981824" s="10"/>
    </row>
    <row r="981825" spans="14:14">
      <c r="N981825" s="10"/>
    </row>
    <row r="981826" spans="14:14">
      <c r="N981826" s="10"/>
    </row>
    <row r="981827" spans="14:14">
      <c r="N981827" s="10"/>
    </row>
    <row r="981828" spans="14:14">
      <c r="N981828" s="10"/>
    </row>
    <row r="981829" spans="14:14">
      <c r="N981829" s="10"/>
    </row>
    <row r="981830" spans="14:14">
      <c r="N981830" s="10"/>
    </row>
    <row r="981831" spans="14:14">
      <c r="N981831" s="10"/>
    </row>
    <row r="981832" spans="14:14">
      <c r="N981832" s="10"/>
    </row>
    <row r="981833" spans="14:14">
      <c r="N981833" s="10"/>
    </row>
    <row r="981834" spans="14:14">
      <c r="N981834" s="10"/>
    </row>
    <row r="981835" spans="14:14">
      <c r="N981835" s="10"/>
    </row>
    <row r="981836" spans="14:14">
      <c r="N981836" s="10"/>
    </row>
    <row r="981837" spans="14:14">
      <c r="N981837" s="10"/>
    </row>
    <row r="981838" spans="14:14">
      <c r="N981838" s="10"/>
    </row>
    <row r="981839" spans="14:14">
      <c r="N981839" s="10"/>
    </row>
    <row r="981840" spans="14:14">
      <c r="N981840" s="10"/>
    </row>
    <row r="981841" spans="14:14">
      <c r="N981841" s="10"/>
    </row>
    <row r="981842" spans="14:14">
      <c r="N981842" s="10"/>
    </row>
    <row r="981843" spans="14:14">
      <c r="N981843" s="10"/>
    </row>
    <row r="981844" spans="14:14">
      <c r="N981844" s="10"/>
    </row>
    <row r="981845" spans="14:14">
      <c r="N981845" s="10"/>
    </row>
    <row r="981846" spans="14:14">
      <c r="N981846" s="10"/>
    </row>
    <row r="981847" spans="14:14">
      <c r="N981847" s="10"/>
    </row>
    <row r="981848" spans="14:14">
      <c r="N981848" s="10"/>
    </row>
    <row r="981849" spans="14:14">
      <c r="N981849" s="10"/>
    </row>
    <row r="981850" spans="14:14">
      <c r="N981850" s="10"/>
    </row>
    <row r="981851" spans="14:14">
      <c r="N981851" s="10"/>
    </row>
    <row r="981852" spans="14:14">
      <c r="N981852" s="10"/>
    </row>
    <row r="981853" spans="14:14">
      <c r="N981853" s="10"/>
    </row>
    <row r="981854" spans="14:14">
      <c r="N981854" s="10"/>
    </row>
    <row r="981855" spans="14:14">
      <c r="N981855" s="10"/>
    </row>
    <row r="981856" spans="14:14">
      <c r="N981856" s="10"/>
    </row>
    <row r="981857" spans="14:14">
      <c r="N981857" s="10"/>
    </row>
    <row r="981858" spans="14:14">
      <c r="N981858" s="10"/>
    </row>
    <row r="981859" spans="14:14">
      <c r="N981859" s="10"/>
    </row>
    <row r="981860" spans="14:14">
      <c r="N981860" s="10"/>
    </row>
    <row r="981861" spans="14:14">
      <c r="N981861" s="10"/>
    </row>
    <row r="981862" spans="14:14">
      <c r="N981862" s="10"/>
    </row>
    <row r="981863" spans="14:14">
      <c r="N981863" s="10"/>
    </row>
    <row r="981864" spans="14:14">
      <c r="N981864" s="10"/>
    </row>
    <row r="981865" spans="14:14">
      <c r="N981865" s="10"/>
    </row>
    <row r="981866" spans="14:14">
      <c r="N981866" s="10"/>
    </row>
    <row r="981867" spans="14:14">
      <c r="N981867" s="10"/>
    </row>
    <row r="981868" spans="14:14">
      <c r="N981868" s="10"/>
    </row>
    <row r="981869" spans="14:14">
      <c r="N981869" s="10"/>
    </row>
    <row r="981870" spans="14:14">
      <c r="N981870" s="10"/>
    </row>
    <row r="981871" spans="14:14">
      <c r="N981871" s="10"/>
    </row>
    <row r="981872" spans="14:14">
      <c r="N981872" s="10"/>
    </row>
    <row r="981873" spans="14:14">
      <c r="N981873" s="10"/>
    </row>
    <row r="981874" spans="14:14">
      <c r="N981874" s="10"/>
    </row>
    <row r="981875" spans="14:14">
      <c r="N981875" s="10"/>
    </row>
    <row r="981876" spans="14:14">
      <c r="N981876" s="10"/>
    </row>
    <row r="981877" spans="14:14">
      <c r="N981877" s="10"/>
    </row>
    <row r="981878" spans="14:14">
      <c r="N981878" s="10"/>
    </row>
    <row r="981879" spans="14:14">
      <c r="N981879" s="10"/>
    </row>
    <row r="981880" spans="14:14">
      <c r="N981880" s="10"/>
    </row>
    <row r="981881" spans="14:14">
      <c r="N981881" s="10"/>
    </row>
    <row r="981882" spans="14:14">
      <c r="N981882" s="10"/>
    </row>
    <row r="981883" spans="14:14">
      <c r="N981883" s="10"/>
    </row>
    <row r="981884" spans="14:14">
      <c r="N981884" s="10"/>
    </row>
    <row r="981885" spans="14:14">
      <c r="N981885" s="10"/>
    </row>
    <row r="981886" spans="14:14">
      <c r="N981886" s="10"/>
    </row>
    <row r="981887" spans="14:14">
      <c r="N981887" s="10"/>
    </row>
    <row r="981888" spans="14:14">
      <c r="N981888" s="10"/>
    </row>
    <row r="981889" spans="14:14">
      <c r="N981889" s="10"/>
    </row>
    <row r="981890" spans="14:14">
      <c r="N981890" s="10"/>
    </row>
    <row r="981891" spans="14:14">
      <c r="N981891" s="10"/>
    </row>
    <row r="981892" spans="14:14">
      <c r="N981892" s="10"/>
    </row>
    <row r="981893" spans="14:14">
      <c r="N981893" s="10"/>
    </row>
    <row r="981894" spans="14:14">
      <c r="N981894" s="10"/>
    </row>
    <row r="981895" spans="14:14">
      <c r="N981895" s="10"/>
    </row>
    <row r="981896" spans="14:14">
      <c r="N981896" s="10"/>
    </row>
    <row r="981897" spans="14:14">
      <c r="N981897" s="10"/>
    </row>
    <row r="981898" spans="14:14">
      <c r="N981898" s="10"/>
    </row>
    <row r="981899" spans="14:14">
      <c r="N981899" s="10"/>
    </row>
    <row r="981900" spans="14:14">
      <c r="N981900" s="10"/>
    </row>
    <row r="981901" spans="14:14">
      <c r="N981901" s="10"/>
    </row>
    <row r="981902" spans="14:14">
      <c r="N981902" s="10"/>
    </row>
    <row r="981903" spans="14:14">
      <c r="N981903" s="10"/>
    </row>
    <row r="981904" spans="14:14">
      <c r="N981904" s="10"/>
    </row>
    <row r="981905" spans="14:14">
      <c r="N981905" s="10"/>
    </row>
    <row r="981906" spans="14:14">
      <c r="N981906" s="10"/>
    </row>
    <row r="981907" spans="14:14">
      <c r="N981907" s="10"/>
    </row>
    <row r="981908" spans="14:14">
      <c r="N981908" s="10"/>
    </row>
    <row r="981909" spans="14:14">
      <c r="N981909" s="10"/>
    </row>
    <row r="981910" spans="14:14">
      <c r="N981910" s="10"/>
    </row>
    <row r="981911" spans="14:14">
      <c r="N981911" s="10"/>
    </row>
    <row r="981912" spans="14:14">
      <c r="N981912" s="10"/>
    </row>
    <row r="981913" spans="14:14">
      <c r="N981913" s="10"/>
    </row>
    <row r="981914" spans="14:14">
      <c r="N981914" s="10"/>
    </row>
    <row r="981915" spans="14:14">
      <c r="N981915" s="10"/>
    </row>
    <row r="981916" spans="14:14">
      <c r="N981916" s="10"/>
    </row>
    <row r="981917" spans="14:14">
      <c r="N981917" s="10"/>
    </row>
    <row r="981918" spans="14:14">
      <c r="N981918" s="10"/>
    </row>
    <row r="981919" spans="14:14">
      <c r="N981919" s="10"/>
    </row>
    <row r="981920" spans="14:14">
      <c r="N981920" s="10"/>
    </row>
    <row r="981921" spans="14:14">
      <c r="N981921" s="10"/>
    </row>
    <row r="981922" spans="14:14">
      <c r="N981922" s="10"/>
    </row>
    <row r="981923" spans="14:14">
      <c r="N981923" s="10"/>
    </row>
    <row r="981924" spans="14:14">
      <c r="N981924" s="10"/>
    </row>
    <row r="981925" spans="14:14">
      <c r="N981925" s="10"/>
    </row>
    <row r="981926" spans="14:14">
      <c r="N981926" s="10"/>
    </row>
    <row r="981927" spans="14:14">
      <c r="N981927" s="10"/>
    </row>
    <row r="981928" spans="14:14">
      <c r="N981928" s="10"/>
    </row>
    <row r="981929" spans="14:14">
      <c r="N981929" s="10"/>
    </row>
    <row r="981930" spans="14:14">
      <c r="N981930" s="10"/>
    </row>
    <row r="981931" spans="14:14">
      <c r="N981931" s="10"/>
    </row>
    <row r="981932" spans="14:14">
      <c r="N981932" s="10"/>
    </row>
    <row r="981933" spans="14:14">
      <c r="N981933" s="10"/>
    </row>
    <row r="981934" spans="14:14">
      <c r="N981934" s="10"/>
    </row>
    <row r="981935" spans="14:14">
      <c r="N981935" s="10"/>
    </row>
    <row r="981936" spans="14:14">
      <c r="N981936" s="10"/>
    </row>
    <row r="981937" spans="14:14">
      <c r="N981937" s="10"/>
    </row>
    <row r="981938" spans="14:14">
      <c r="N981938" s="10"/>
    </row>
    <row r="981939" spans="14:14">
      <c r="N981939" s="10"/>
    </row>
    <row r="981940" spans="14:14">
      <c r="N981940" s="10"/>
    </row>
    <row r="981941" spans="14:14">
      <c r="N981941" s="10"/>
    </row>
    <row r="981942" spans="14:14">
      <c r="N981942" s="10"/>
    </row>
    <row r="981943" spans="14:14">
      <c r="N981943" s="10"/>
    </row>
    <row r="981944" spans="14:14">
      <c r="N981944" s="10"/>
    </row>
    <row r="981945" spans="14:14">
      <c r="N981945" s="10"/>
    </row>
    <row r="981946" spans="14:14">
      <c r="N981946" s="10"/>
    </row>
    <row r="981947" spans="14:14">
      <c r="N981947" s="10"/>
    </row>
    <row r="981948" spans="14:14">
      <c r="N981948" s="10"/>
    </row>
    <row r="981949" spans="14:14">
      <c r="N981949" s="10"/>
    </row>
    <row r="981950" spans="14:14">
      <c r="N981950" s="10"/>
    </row>
    <row r="981951" spans="14:14">
      <c r="N981951" s="10"/>
    </row>
    <row r="981952" spans="14:14">
      <c r="N981952" s="10"/>
    </row>
    <row r="981953" spans="14:14">
      <c r="N981953" s="10"/>
    </row>
    <row r="981954" spans="14:14">
      <c r="N981954" s="10"/>
    </row>
    <row r="981955" spans="14:14">
      <c r="N981955" s="10"/>
    </row>
    <row r="981956" spans="14:14">
      <c r="N981956" s="10"/>
    </row>
    <row r="981957" spans="14:14">
      <c r="N981957" s="10"/>
    </row>
    <row r="981958" spans="14:14">
      <c r="N981958" s="10"/>
    </row>
    <row r="981959" spans="14:14">
      <c r="N981959" s="10"/>
    </row>
    <row r="981960" spans="14:14">
      <c r="N981960" s="10"/>
    </row>
    <row r="981961" spans="14:14">
      <c r="N981961" s="10"/>
    </row>
    <row r="981962" spans="14:14">
      <c r="N981962" s="10"/>
    </row>
    <row r="981963" spans="14:14">
      <c r="N981963" s="10"/>
    </row>
    <row r="981964" spans="14:14">
      <c r="N981964" s="10"/>
    </row>
    <row r="981965" spans="14:14">
      <c r="N981965" s="10"/>
    </row>
    <row r="981966" spans="14:14">
      <c r="N981966" s="10"/>
    </row>
    <row r="981967" spans="14:14">
      <c r="N981967" s="10"/>
    </row>
    <row r="981968" spans="14:14">
      <c r="N981968" s="10"/>
    </row>
    <row r="981969" spans="14:14">
      <c r="N981969" s="10"/>
    </row>
    <row r="981970" spans="14:14">
      <c r="N981970" s="10"/>
    </row>
    <row r="981971" spans="14:14">
      <c r="N981971" s="10"/>
    </row>
    <row r="981972" spans="14:14">
      <c r="N981972" s="10"/>
    </row>
    <row r="981973" spans="14:14">
      <c r="N981973" s="10"/>
    </row>
    <row r="981974" spans="14:14">
      <c r="N981974" s="10"/>
    </row>
    <row r="981975" spans="14:14">
      <c r="N981975" s="10"/>
    </row>
    <row r="981976" spans="14:14">
      <c r="N981976" s="10"/>
    </row>
    <row r="981977" spans="14:14">
      <c r="N981977" s="10"/>
    </row>
    <row r="981978" spans="14:14">
      <c r="N981978" s="10"/>
    </row>
    <row r="981979" spans="14:14">
      <c r="N981979" s="10"/>
    </row>
    <row r="981980" spans="14:14">
      <c r="N981980" s="10"/>
    </row>
    <row r="981981" spans="14:14">
      <c r="N981981" s="10"/>
    </row>
    <row r="981982" spans="14:14">
      <c r="N981982" s="10"/>
    </row>
    <row r="981983" spans="14:14">
      <c r="N981983" s="10"/>
    </row>
    <row r="981984" spans="14:14">
      <c r="N981984" s="10"/>
    </row>
    <row r="981985" spans="14:14">
      <c r="N981985" s="10"/>
    </row>
    <row r="981986" spans="14:14">
      <c r="N981986" s="10"/>
    </row>
    <row r="981987" spans="14:14">
      <c r="N981987" s="10"/>
    </row>
    <row r="981988" spans="14:14">
      <c r="N981988" s="10"/>
    </row>
    <row r="981989" spans="14:14">
      <c r="N981989" s="10"/>
    </row>
    <row r="981990" spans="14:14">
      <c r="N981990" s="10"/>
    </row>
    <row r="981991" spans="14:14">
      <c r="N981991" s="10"/>
    </row>
    <row r="981992" spans="14:14">
      <c r="N981992" s="10"/>
    </row>
    <row r="981993" spans="14:14">
      <c r="N981993" s="10"/>
    </row>
    <row r="981994" spans="14:14">
      <c r="N981994" s="10"/>
    </row>
    <row r="981995" spans="14:14">
      <c r="N981995" s="10"/>
    </row>
    <row r="981996" spans="14:14">
      <c r="N981996" s="10"/>
    </row>
    <row r="981997" spans="14:14">
      <c r="N981997" s="10"/>
    </row>
    <row r="981998" spans="14:14">
      <c r="N981998" s="10"/>
    </row>
    <row r="981999" spans="14:14">
      <c r="N981999" s="10"/>
    </row>
    <row r="982000" spans="14:14">
      <c r="N982000" s="10"/>
    </row>
    <row r="982001" spans="14:14">
      <c r="N982001" s="10"/>
    </row>
    <row r="982002" spans="14:14">
      <c r="N982002" s="10"/>
    </row>
    <row r="982003" spans="14:14">
      <c r="N982003" s="10"/>
    </row>
    <row r="982004" spans="14:14">
      <c r="N982004" s="10"/>
    </row>
    <row r="982005" spans="14:14">
      <c r="N982005" s="10"/>
    </row>
    <row r="982006" spans="14:14">
      <c r="N982006" s="10"/>
    </row>
    <row r="982007" spans="14:14">
      <c r="N982007" s="10"/>
    </row>
    <row r="982008" spans="14:14">
      <c r="N982008" s="10"/>
    </row>
    <row r="982009" spans="14:14">
      <c r="N982009" s="10"/>
    </row>
    <row r="982010" spans="14:14">
      <c r="N982010" s="10"/>
    </row>
    <row r="982011" spans="14:14">
      <c r="N982011" s="10"/>
    </row>
    <row r="982012" spans="14:14">
      <c r="N982012" s="10"/>
    </row>
    <row r="982013" spans="14:14">
      <c r="N982013" s="10"/>
    </row>
    <row r="982014" spans="14:14">
      <c r="N982014" s="10"/>
    </row>
    <row r="982015" spans="14:14">
      <c r="N982015" s="10"/>
    </row>
    <row r="982016" spans="14:14">
      <c r="N982016" s="10"/>
    </row>
    <row r="982017" spans="14:14">
      <c r="N982017" s="10"/>
    </row>
    <row r="982018" spans="14:14">
      <c r="N982018" s="10"/>
    </row>
    <row r="982019" spans="14:14">
      <c r="N982019" s="10"/>
    </row>
    <row r="982020" spans="14:14">
      <c r="N982020" s="10"/>
    </row>
    <row r="982021" spans="14:14">
      <c r="N982021" s="10"/>
    </row>
    <row r="982022" spans="14:14">
      <c r="N982022" s="10"/>
    </row>
    <row r="982023" spans="14:14">
      <c r="N982023" s="10"/>
    </row>
    <row r="982024" spans="14:14">
      <c r="N982024" s="10"/>
    </row>
    <row r="982025" spans="14:14">
      <c r="N982025" s="10"/>
    </row>
    <row r="982026" spans="14:14">
      <c r="N982026" s="10"/>
    </row>
    <row r="982027" spans="14:14">
      <c r="N982027" s="10"/>
    </row>
    <row r="982028" spans="14:14">
      <c r="N982028" s="10"/>
    </row>
    <row r="982029" spans="14:14">
      <c r="N982029" s="10"/>
    </row>
    <row r="982030" spans="14:14">
      <c r="N982030" s="10"/>
    </row>
    <row r="982031" spans="14:14">
      <c r="N982031" s="10"/>
    </row>
    <row r="982032" spans="14:14">
      <c r="N982032" s="10"/>
    </row>
    <row r="982033" spans="14:14">
      <c r="N982033" s="10"/>
    </row>
    <row r="982034" spans="14:14">
      <c r="N982034" s="10"/>
    </row>
    <row r="982035" spans="14:14">
      <c r="N982035" s="10"/>
    </row>
    <row r="982036" spans="14:14">
      <c r="N982036" s="10"/>
    </row>
    <row r="982037" spans="14:14">
      <c r="N982037" s="10"/>
    </row>
    <row r="982038" spans="14:14">
      <c r="N982038" s="10"/>
    </row>
    <row r="982039" spans="14:14">
      <c r="N982039" s="10"/>
    </row>
    <row r="982040" spans="14:14">
      <c r="N982040" s="10"/>
    </row>
    <row r="982041" spans="14:14">
      <c r="N982041" s="10"/>
    </row>
    <row r="982042" spans="14:14">
      <c r="N982042" s="10"/>
    </row>
    <row r="982043" spans="14:14">
      <c r="N982043" s="10"/>
    </row>
    <row r="982044" spans="14:14">
      <c r="N982044" s="10"/>
    </row>
    <row r="982045" spans="14:14">
      <c r="N982045" s="10"/>
    </row>
    <row r="982046" spans="14:14">
      <c r="N982046" s="10"/>
    </row>
    <row r="982047" spans="14:14">
      <c r="N982047" s="10"/>
    </row>
    <row r="982048" spans="14:14">
      <c r="N982048" s="10"/>
    </row>
    <row r="982049" spans="14:14">
      <c r="N982049" s="10"/>
    </row>
    <row r="982050" spans="14:14">
      <c r="N982050" s="10"/>
    </row>
    <row r="982051" spans="14:14">
      <c r="N982051" s="10"/>
    </row>
    <row r="982052" spans="14:14">
      <c r="N982052" s="10"/>
    </row>
    <row r="982053" spans="14:14">
      <c r="N982053" s="10"/>
    </row>
    <row r="982054" spans="14:14">
      <c r="N982054" s="10"/>
    </row>
    <row r="982055" spans="14:14">
      <c r="N982055" s="10"/>
    </row>
    <row r="982056" spans="14:14">
      <c r="N982056" s="10"/>
    </row>
    <row r="982057" spans="14:14">
      <c r="N982057" s="10"/>
    </row>
    <row r="982058" spans="14:14">
      <c r="N982058" s="10"/>
    </row>
    <row r="982059" spans="14:14">
      <c r="N982059" s="10"/>
    </row>
    <row r="982060" spans="14:14">
      <c r="N982060" s="10"/>
    </row>
    <row r="982061" spans="14:14">
      <c r="N982061" s="10"/>
    </row>
    <row r="982062" spans="14:14">
      <c r="N982062" s="10"/>
    </row>
    <row r="982063" spans="14:14">
      <c r="N982063" s="10"/>
    </row>
    <row r="982064" spans="14:14">
      <c r="N982064" s="10"/>
    </row>
    <row r="982065" spans="14:14">
      <c r="N982065" s="10"/>
    </row>
    <row r="982066" spans="14:14">
      <c r="N982066" s="10"/>
    </row>
    <row r="982067" spans="14:14">
      <c r="N982067" s="10"/>
    </row>
    <row r="982068" spans="14:14">
      <c r="N982068" s="10"/>
    </row>
    <row r="982069" spans="14:14">
      <c r="N982069" s="10"/>
    </row>
    <row r="982070" spans="14:14">
      <c r="N982070" s="10"/>
    </row>
    <row r="982071" spans="14:14">
      <c r="N982071" s="10"/>
    </row>
    <row r="982072" spans="14:14">
      <c r="N982072" s="10"/>
    </row>
    <row r="982073" spans="14:14">
      <c r="N982073" s="10"/>
    </row>
    <row r="982074" spans="14:14">
      <c r="N982074" s="10"/>
    </row>
    <row r="982075" spans="14:14">
      <c r="N982075" s="10"/>
    </row>
    <row r="982076" spans="14:14">
      <c r="N982076" s="10"/>
    </row>
    <row r="982077" spans="14:14">
      <c r="N982077" s="10"/>
    </row>
    <row r="982078" spans="14:14">
      <c r="N982078" s="10"/>
    </row>
    <row r="982079" spans="14:14">
      <c r="N982079" s="10"/>
    </row>
    <row r="982080" spans="14:14">
      <c r="N982080" s="10"/>
    </row>
    <row r="982081" spans="14:14">
      <c r="N982081" s="10"/>
    </row>
    <row r="982082" spans="14:14">
      <c r="N982082" s="10"/>
    </row>
    <row r="982083" spans="14:14">
      <c r="N982083" s="10"/>
    </row>
    <row r="982084" spans="14:14">
      <c r="N982084" s="10"/>
    </row>
    <row r="982085" spans="14:14">
      <c r="N982085" s="10"/>
    </row>
    <row r="982086" spans="14:14">
      <c r="N982086" s="10"/>
    </row>
    <row r="982087" spans="14:14">
      <c r="N982087" s="10"/>
    </row>
    <row r="982088" spans="14:14">
      <c r="N982088" s="10"/>
    </row>
    <row r="982089" spans="14:14">
      <c r="N982089" s="10"/>
    </row>
    <row r="982090" spans="14:14">
      <c r="N982090" s="10"/>
    </row>
    <row r="982091" spans="14:14">
      <c r="N982091" s="10"/>
    </row>
    <row r="982092" spans="14:14">
      <c r="N982092" s="10"/>
    </row>
    <row r="982093" spans="14:14">
      <c r="N982093" s="10"/>
    </row>
    <row r="982094" spans="14:14">
      <c r="N982094" s="10"/>
    </row>
    <row r="982095" spans="14:14">
      <c r="N982095" s="10"/>
    </row>
    <row r="982096" spans="14:14">
      <c r="N982096" s="10"/>
    </row>
    <row r="982097" spans="14:14">
      <c r="N982097" s="10"/>
    </row>
    <row r="982098" spans="14:14">
      <c r="N982098" s="10"/>
    </row>
    <row r="982099" spans="14:14">
      <c r="N982099" s="10"/>
    </row>
    <row r="982100" spans="14:14">
      <c r="N982100" s="10"/>
    </row>
    <row r="982101" spans="14:14">
      <c r="N982101" s="10"/>
    </row>
    <row r="982102" spans="14:14">
      <c r="N982102" s="10"/>
    </row>
    <row r="982103" spans="14:14">
      <c r="N982103" s="10"/>
    </row>
    <row r="982104" spans="14:14">
      <c r="N982104" s="10"/>
    </row>
    <row r="982105" spans="14:14">
      <c r="N982105" s="10"/>
    </row>
    <row r="982106" spans="14:14">
      <c r="N982106" s="10"/>
    </row>
    <row r="982107" spans="14:14">
      <c r="N982107" s="10"/>
    </row>
    <row r="982108" spans="14:14">
      <c r="N982108" s="10"/>
    </row>
    <row r="982109" spans="14:14">
      <c r="N982109" s="10"/>
    </row>
    <row r="982110" spans="14:14">
      <c r="N982110" s="10"/>
    </row>
    <row r="982111" spans="14:14">
      <c r="N982111" s="10"/>
    </row>
    <row r="982112" spans="14:14">
      <c r="N982112" s="10"/>
    </row>
    <row r="982113" spans="14:14">
      <c r="N982113" s="10"/>
    </row>
    <row r="982114" spans="14:14">
      <c r="N982114" s="10"/>
    </row>
    <row r="982115" spans="14:14">
      <c r="N982115" s="10"/>
    </row>
    <row r="982116" spans="14:14">
      <c r="N982116" s="10"/>
    </row>
    <row r="982117" spans="14:14">
      <c r="N982117" s="10"/>
    </row>
    <row r="982118" spans="14:14">
      <c r="N982118" s="10"/>
    </row>
    <row r="982119" spans="14:14">
      <c r="N982119" s="10"/>
    </row>
    <row r="982120" spans="14:14">
      <c r="N982120" s="10"/>
    </row>
    <row r="982121" spans="14:14">
      <c r="N982121" s="10"/>
    </row>
    <row r="982122" spans="14:14">
      <c r="N982122" s="10"/>
    </row>
    <row r="982123" spans="14:14">
      <c r="N982123" s="10"/>
    </row>
    <row r="982124" spans="14:14">
      <c r="N982124" s="10"/>
    </row>
    <row r="982125" spans="14:14">
      <c r="N982125" s="10"/>
    </row>
    <row r="982126" spans="14:14">
      <c r="N982126" s="10"/>
    </row>
    <row r="982127" spans="14:14">
      <c r="N982127" s="10"/>
    </row>
    <row r="982128" spans="14:14">
      <c r="N982128" s="10"/>
    </row>
    <row r="982129" spans="14:14">
      <c r="N982129" s="10"/>
    </row>
    <row r="982130" spans="14:14">
      <c r="N982130" s="10"/>
    </row>
    <row r="982131" spans="14:14">
      <c r="N982131" s="10"/>
    </row>
    <row r="982132" spans="14:14">
      <c r="N982132" s="10"/>
    </row>
    <row r="982133" spans="14:14">
      <c r="N982133" s="10"/>
    </row>
    <row r="982134" spans="14:14">
      <c r="N982134" s="10"/>
    </row>
    <row r="982135" spans="14:14">
      <c r="N982135" s="10"/>
    </row>
    <row r="982136" spans="14:14">
      <c r="N982136" s="10"/>
    </row>
    <row r="982137" spans="14:14">
      <c r="N982137" s="10"/>
    </row>
    <row r="982138" spans="14:14">
      <c r="N982138" s="10"/>
    </row>
    <row r="982139" spans="14:14">
      <c r="N982139" s="10"/>
    </row>
    <row r="982140" spans="14:14">
      <c r="N982140" s="10"/>
    </row>
    <row r="982141" spans="14:14">
      <c r="N982141" s="10"/>
    </row>
    <row r="982142" spans="14:14">
      <c r="N982142" s="10"/>
    </row>
    <row r="982143" spans="14:14">
      <c r="N982143" s="10"/>
    </row>
    <row r="982144" spans="14:14">
      <c r="N982144" s="10"/>
    </row>
    <row r="982145" spans="14:14">
      <c r="N982145" s="10"/>
    </row>
    <row r="982146" spans="14:14">
      <c r="N982146" s="10"/>
    </row>
    <row r="982147" spans="14:14">
      <c r="N982147" s="10"/>
    </row>
    <row r="982148" spans="14:14">
      <c r="N982148" s="10"/>
    </row>
    <row r="982149" spans="14:14">
      <c r="N982149" s="10"/>
    </row>
    <row r="982150" spans="14:14">
      <c r="N982150" s="10"/>
    </row>
    <row r="982151" spans="14:14">
      <c r="N982151" s="10"/>
    </row>
    <row r="982152" spans="14:14">
      <c r="N982152" s="10"/>
    </row>
    <row r="982153" spans="14:14">
      <c r="N982153" s="10"/>
    </row>
    <row r="982154" spans="14:14">
      <c r="N982154" s="10"/>
    </row>
    <row r="982155" spans="14:14">
      <c r="N982155" s="10"/>
    </row>
    <row r="982156" spans="14:14">
      <c r="N982156" s="10"/>
    </row>
    <row r="982157" spans="14:14">
      <c r="N982157" s="10"/>
    </row>
    <row r="982158" spans="14:14">
      <c r="N982158" s="10"/>
    </row>
    <row r="982159" spans="14:14">
      <c r="N982159" s="10"/>
    </row>
    <row r="982160" spans="14:14">
      <c r="N982160" s="10"/>
    </row>
    <row r="982161" spans="14:14">
      <c r="N982161" s="10"/>
    </row>
    <row r="982162" spans="14:14">
      <c r="N982162" s="10"/>
    </row>
    <row r="982163" spans="14:14">
      <c r="N982163" s="10"/>
    </row>
    <row r="982164" spans="14:14">
      <c r="N982164" s="10"/>
    </row>
    <row r="982165" spans="14:14">
      <c r="N982165" s="10"/>
    </row>
    <row r="982166" spans="14:14">
      <c r="N982166" s="10"/>
    </row>
    <row r="982167" spans="14:14">
      <c r="N982167" s="10"/>
    </row>
    <row r="982168" spans="14:14">
      <c r="N982168" s="10"/>
    </row>
    <row r="982169" spans="14:14">
      <c r="N982169" s="10"/>
    </row>
    <row r="982170" spans="14:14">
      <c r="N982170" s="10"/>
    </row>
    <row r="982171" spans="14:14">
      <c r="N982171" s="10"/>
    </row>
    <row r="982172" spans="14:14">
      <c r="N982172" s="10"/>
    </row>
    <row r="982173" spans="14:14">
      <c r="N982173" s="10"/>
    </row>
    <row r="982174" spans="14:14">
      <c r="N982174" s="10"/>
    </row>
    <row r="982175" spans="14:14">
      <c r="N982175" s="10"/>
    </row>
    <row r="982176" spans="14:14">
      <c r="N982176" s="10"/>
    </row>
    <row r="982177" spans="14:14">
      <c r="N982177" s="10"/>
    </row>
    <row r="982178" spans="14:14">
      <c r="N982178" s="10"/>
    </row>
    <row r="982179" spans="14:14">
      <c r="N982179" s="10"/>
    </row>
    <row r="982180" spans="14:14">
      <c r="N982180" s="10"/>
    </row>
    <row r="982181" spans="14:14">
      <c r="N982181" s="10"/>
    </row>
    <row r="982182" spans="14:14">
      <c r="N982182" s="10"/>
    </row>
    <row r="982183" spans="14:14">
      <c r="N982183" s="10"/>
    </row>
    <row r="982184" spans="14:14">
      <c r="N982184" s="10"/>
    </row>
    <row r="982185" spans="14:14">
      <c r="N982185" s="10"/>
    </row>
    <row r="982186" spans="14:14">
      <c r="N982186" s="10"/>
    </row>
    <row r="982187" spans="14:14">
      <c r="N982187" s="10"/>
    </row>
    <row r="982188" spans="14:14">
      <c r="N982188" s="10"/>
    </row>
    <row r="982189" spans="14:14">
      <c r="N982189" s="10"/>
    </row>
    <row r="982190" spans="14:14">
      <c r="N982190" s="10"/>
    </row>
    <row r="982191" spans="14:14">
      <c r="N982191" s="10"/>
    </row>
    <row r="982192" spans="14:14">
      <c r="N982192" s="10"/>
    </row>
    <row r="982193" spans="14:14">
      <c r="N982193" s="10"/>
    </row>
    <row r="982194" spans="14:14">
      <c r="N982194" s="10"/>
    </row>
    <row r="982195" spans="14:14">
      <c r="N982195" s="10"/>
    </row>
    <row r="982196" spans="14:14">
      <c r="N982196" s="10"/>
    </row>
    <row r="982197" spans="14:14">
      <c r="N982197" s="10"/>
    </row>
    <row r="982198" spans="14:14">
      <c r="N982198" s="10"/>
    </row>
    <row r="982199" spans="14:14">
      <c r="N982199" s="10"/>
    </row>
    <row r="982200" spans="14:14">
      <c r="N982200" s="10"/>
    </row>
    <row r="982201" spans="14:14">
      <c r="N982201" s="10"/>
    </row>
    <row r="982202" spans="14:14">
      <c r="N982202" s="10"/>
    </row>
    <row r="982203" spans="14:14">
      <c r="N982203" s="10"/>
    </row>
    <row r="982204" spans="14:14">
      <c r="N982204" s="10"/>
    </row>
    <row r="982205" spans="14:14">
      <c r="N982205" s="10"/>
    </row>
    <row r="982206" spans="14:14">
      <c r="N982206" s="10"/>
    </row>
    <row r="982207" spans="14:14">
      <c r="N982207" s="10"/>
    </row>
    <row r="982208" spans="14:14">
      <c r="N982208" s="10"/>
    </row>
    <row r="982209" spans="14:14">
      <c r="N982209" s="10"/>
    </row>
    <row r="982210" spans="14:14">
      <c r="N982210" s="10"/>
    </row>
    <row r="982211" spans="14:14">
      <c r="N982211" s="10"/>
    </row>
    <row r="982212" spans="14:14">
      <c r="N982212" s="10"/>
    </row>
    <row r="982213" spans="14:14">
      <c r="N982213" s="10"/>
    </row>
    <row r="982214" spans="14:14">
      <c r="N982214" s="10"/>
    </row>
    <row r="982215" spans="14:14">
      <c r="N982215" s="10"/>
    </row>
    <row r="982216" spans="14:14">
      <c r="N982216" s="10"/>
    </row>
    <row r="982217" spans="14:14">
      <c r="N982217" s="10"/>
    </row>
    <row r="982218" spans="14:14">
      <c r="N982218" s="10"/>
    </row>
    <row r="982219" spans="14:14">
      <c r="N982219" s="10"/>
    </row>
    <row r="982220" spans="14:14">
      <c r="N982220" s="10"/>
    </row>
    <row r="982221" spans="14:14">
      <c r="N982221" s="10"/>
    </row>
    <row r="982222" spans="14:14">
      <c r="N982222" s="10"/>
    </row>
    <row r="982223" spans="14:14">
      <c r="N982223" s="10"/>
    </row>
    <row r="982224" spans="14:14">
      <c r="N982224" s="10"/>
    </row>
    <row r="982225" spans="14:14">
      <c r="N982225" s="10"/>
    </row>
    <row r="982226" spans="14:14">
      <c r="N982226" s="10"/>
    </row>
    <row r="982227" spans="14:14">
      <c r="N982227" s="10"/>
    </row>
    <row r="982228" spans="14:14">
      <c r="N982228" s="10"/>
    </row>
    <row r="982229" spans="14:14">
      <c r="N982229" s="10"/>
    </row>
    <row r="982230" spans="14:14">
      <c r="N982230" s="10"/>
    </row>
    <row r="982231" spans="14:14">
      <c r="N982231" s="10"/>
    </row>
    <row r="982232" spans="14:14">
      <c r="N982232" s="10"/>
    </row>
    <row r="982233" spans="14:14">
      <c r="N982233" s="10"/>
    </row>
    <row r="982234" spans="14:14">
      <c r="N982234" s="10"/>
    </row>
    <row r="982235" spans="14:14">
      <c r="N982235" s="10"/>
    </row>
    <row r="982236" spans="14:14">
      <c r="N982236" s="10"/>
    </row>
    <row r="982237" spans="14:14">
      <c r="N982237" s="10"/>
    </row>
    <row r="982238" spans="14:14">
      <c r="N982238" s="10"/>
    </row>
    <row r="982239" spans="14:14">
      <c r="N982239" s="10"/>
    </row>
    <row r="982240" spans="14:14">
      <c r="N982240" s="10"/>
    </row>
    <row r="982241" spans="14:14">
      <c r="N982241" s="10"/>
    </row>
    <row r="982242" spans="14:14">
      <c r="N982242" s="10"/>
    </row>
    <row r="982243" spans="14:14">
      <c r="N982243" s="10"/>
    </row>
    <row r="982244" spans="14:14">
      <c r="N982244" s="10"/>
    </row>
    <row r="982245" spans="14:14">
      <c r="N982245" s="10"/>
    </row>
    <row r="982246" spans="14:14">
      <c r="N982246" s="10"/>
    </row>
    <row r="982247" spans="14:14">
      <c r="N982247" s="10"/>
    </row>
    <row r="982248" spans="14:14">
      <c r="N982248" s="10"/>
    </row>
    <row r="982249" spans="14:14">
      <c r="N982249" s="10"/>
    </row>
    <row r="982250" spans="14:14">
      <c r="N982250" s="10"/>
    </row>
    <row r="982251" spans="14:14">
      <c r="N982251" s="10"/>
    </row>
    <row r="982252" spans="14:14">
      <c r="N982252" s="10"/>
    </row>
    <row r="982253" spans="14:14">
      <c r="N982253" s="10"/>
    </row>
    <row r="982254" spans="14:14">
      <c r="N982254" s="10"/>
    </row>
    <row r="982255" spans="14:14">
      <c r="N982255" s="10"/>
    </row>
    <row r="982256" spans="14:14">
      <c r="N982256" s="10"/>
    </row>
    <row r="982257" spans="14:14">
      <c r="N982257" s="10"/>
    </row>
    <row r="982258" spans="14:14">
      <c r="N982258" s="10"/>
    </row>
    <row r="982259" spans="14:14">
      <c r="N982259" s="10"/>
    </row>
    <row r="982260" spans="14:14">
      <c r="N982260" s="10"/>
    </row>
    <row r="982261" spans="14:14">
      <c r="N982261" s="10"/>
    </row>
    <row r="982262" spans="14:14">
      <c r="N982262" s="10"/>
    </row>
    <row r="982263" spans="14:14">
      <c r="N982263" s="10"/>
    </row>
    <row r="982264" spans="14:14">
      <c r="N982264" s="10"/>
    </row>
    <row r="982265" spans="14:14">
      <c r="N982265" s="10"/>
    </row>
    <row r="982266" spans="14:14">
      <c r="N982266" s="10"/>
    </row>
    <row r="982267" spans="14:14">
      <c r="N982267" s="10"/>
    </row>
    <row r="982268" spans="14:14">
      <c r="N982268" s="10"/>
    </row>
    <row r="982269" spans="14:14">
      <c r="N982269" s="10"/>
    </row>
    <row r="982270" spans="14:14">
      <c r="N982270" s="10"/>
    </row>
    <row r="982271" spans="14:14">
      <c r="N982271" s="10"/>
    </row>
    <row r="982272" spans="14:14">
      <c r="N982272" s="10"/>
    </row>
    <row r="982273" spans="14:14">
      <c r="N982273" s="10"/>
    </row>
    <row r="982274" spans="14:14">
      <c r="N982274" s="10"/>
    </row>
    <row r="982275" spans="14:14">
      <c r="N982275" s="10"/>
    </row>
    <row r="982276" spans="14:14">
      <c r="N982276" s="10"/>
    </row>
    <row r="982277" spans="14:14">
      <c r="N982277" s="10"/>
    </row>
    <row r="982278" spans="14:14">
      <c r="N982278" s="10"/>
    </row>
    <row r="982279" spans="14:14">
      <c r="N982279" s="10"/>
    </row>
    <row r="982280" spans="14:14">
      <c r="N982280" s="10"/>
    </row>
    <row r="982281" spans="14:14">
      <c r="N982281" s="10"/>
    </row>
    <row r="982282" spans="14:14">
      <c r="N982282" s="10"/>
    </row>
    <row r="982283" spans="14:14">
      <c r="N982283" s="10"/>
    </row>
    <row r="982284" spans="14:14">
      <c r="N982284" s="10"/>
    </row>
    <row r="982285" spans="14:14">
      <c r="N982285" s="10"/>
    </row>
    <row r="982286" spans="14:14">
      <c r="N982286" s="10"/>
    </row>
    <row r="982287" spans="14:14">
      <c r="N982287" s="10"/>
    </row>
    <row r="982288" spans="14:14">
      <c r="N982288" s="10"/>
    </row>
    <row r="982289" spans="14:14">
      <c r="N982289" s="10"/>
    </row>
    <row r="982290" spans="14:14">
      <c r="N982290" s="10"/>
    </row>
    <row r="982291" spans="14:14">
      <c r="N982291" s="10"/>
    </row>
    <row r="982292" spans="14:14">
      <c r="N982292" s="10"/>
    </row>
    <row r="982293" spans="14:14">
      <c r="N982293" s="10"/>
    </row>
    <row r="982294" spans="14:14">
      <c r="N982294" s="10"/>
    </row>
    <row r="982295" spans="14:14">
      <c r="N982295" s="10"/>
    </row>
    <row r="982296" spans="14:14">
      <c r="N982296" s="10"/>
    </row>
    <row r="982297" spans="14:14">
      <c r="N982297" s="10"/>
    </row>
    <row r="982298" spans="14:14">
      <c r="N982298" s="10"/>
    </row>
    <row r="982299" spans="14:14">
      <c r="N982299" s="10"/>
    </row>
    <row r="982300" spans="14:14">
      <c r="N982300" s="10"/>
    </row>
    <row r="982301" spans="14:14">
      <c r="N982301" s="10"/>
    </row>
    <row r="982302" spans="14:14">
      <c r="N982302" s="10"/>
    </row>
    <row r="982303" spans="14:14">
      <c r="N982303" s="10"/>
    </row>
    <row r="982304" spans="14:14">
      <c r="N982304" s="10"/>
    </row>
    <row r="982305" spans="14:14">
      <c r="N982305" s="10"/>
    </row>
    <row r="982306" spans="14:14">
      <c r="N982306" s="10"/>
    </row>
    <row r="982307" spans="14:14">
      <c r="N982307" s="10"/>
    </row>
    <row r="982308" spans="14:14">
      <c r="N982308" s="10"/>
    </row>
    <row r="982309" spans="14:14">
      <c r="N982309" s="10"/>
    </row>
    <row r="982310" spans="14:14">
      <c r="N982310" s="10"/>
    </row>
    <row r="982311" spans="14:14">
      <c r="N982311" s="10"/>
    </row>
    <row r="982312" spans="14:14">
      <c r="N982312" s="10"/>
    </row>
    <row r="982313" spans="14:14">
      <c r="N982313" s="10"/>
    </row>
    <row r="982314" spans="14:14">
      <c r="N982314" s="10"/>
    </row>
    <row r="982315" spans="14:14">
      <c r="N982315" s="10"/>
    </row>
    <row r="982316" spans="14:14">
      <c r="N982316" s="10"/>
    </row>
    <row r="982317" spans="14:14">
      <c r="N982317" s="10"/>
    </row>
    <row r="982318" spans="14:14">
      <c r="N982318" s="10"/>
    </row>
    <row r="982319" spans="14:14">
      <c r="N982319" s="10"/>
    </row>
    <row r="982320" spans="14:14">
      <c r="N982320" s="10"/>
    </row>
    <row r="982321" spans="14:14">
      <c r="N982321" s="10"/>
    </row>
    <row r="982322" spans="14:14">
      <c r="N982322" s="10"/>
    </row>
    <row r="982323" spans="14:14">
      <c r="N982323" s="10"/>
    </row>
    <row r="982324" spans="14:14">
      <c r="N982324" s="10"/>
    </row>
    <row r="982325" spans="14:14">
      <c r="N982325" s="10"/>
    </row>
    <row r="982326" spans="14:14">
      <c r="N982326" s="10"/>
    </row>
    <row r="982327" spans="14:14">
      <c r="N982327" s="10"/>
    </row>
    <row r="982328" spans="14:14">
      <c r="N982328" s="10"/>
    </row>
    <row r="982329" spans="14:14">
      <c r="N982329" s="10"/>
    </row>
    <row r="982330" spans="14:14">
      <c r="N982330" s="10"/>
    </row>
    <row r="982331" spans="14:14">
      <c r="N982331" s="10"/>
    </row>
    <row r="982332" spans="14:14">
      <c r="N982332" s="10"/>
    </row>
    <row r="982333" spans="14:14">
      <c r="N982333" s="10"/>
    </row>
    <row r="982334" spans="14:14">
      <c r="N982334" s="10"/>
    </row>
    <row r="982335" spans="14:14">
      <c r="N982335" s="10"/>
    </row>
    <row r="982336" spans="14:14">
      <c r="N982336" s="10"/>
    </row>
    <row r="982337" spans="14:14">
      <c r="N982337" s="10"/>
    </row>
    <row r="982338" spans="14:14">
      <c r="N982338" s="10"/>
    </row>
    <row r="982339" spans="14:14">
      <c r="N982339" s="10"/>
    </row>
    <row r="982340" spans="14:14">
      <c r="N982340" s="10"/>
    </row>
    <row r="982341" spans="14:14">
      <c r="N982341" s="10"/>
    </row>
    <row r="982342" spans="14:14">
      <c r="N982342" s="10"/>
    </row>
    <row r="982343" spans="14:14">
      <c r="N982343" s="10"/>
    </row>
    <row r="982344" spans="14:14">
      <c r="N982344" s="10"/>
    </row>
    <row r="982345" spans="14:14">
      <c r="N982345" s="10"/>
    </row>
    <row r="982346" spans="14:14">
      <c r="N982346" s="10"/>
    </row>
    <row r="982347" spans="14:14">
      <c r="N982347" s="10"/>
    </row>
    <row r="982348" spans="14:14">
      <c r="N982348" s="10"/>
    </row>
    <row r="982349" spans="14:14">
      <c r="N982349" s="10"/>
    </row>
    <row r="982350" spans="14:14">
      <c r="N982350" s="10"/>
    </row>
    <row r="982351" spans="14:14">
      <c r="N982351" s="10"/>
    </row>
    <row r="982352" spans="14:14">
      <c r="N982352" s="10"/>
    </row>
    <row r="982353" spans="14:14">
      <c r="N982353" s="10"/>
    </row>
    <row r="982354" spans="14:14">
      <c r="N982354" s="10"/>
    </row>
    <row r="982355" spans="14:14">
      <c r="N982355" s="10"/>
    </row>
    <row r="982356" spans="14:14">
      <c r="N982356" s="10"/>
    </row>
    <row r="982357" spans="14:14">
      <c r="N982357" s="10"/>
    </row>
    <row r="982358" spans="14:14">
      <c r="N982358" s="10"/>
    </row>
    <row r="982359" spans="14:14">
      <c r="N982359" s="10"/>
    </row>
    <row r="982360" spans="14:14">
      <c r="N982360" s="10"/>
    </row>
    <row r="982361" spans="14:14">
      <c r="N982361" s="10"/>
    </row>
    <row r="982362" spans="14:14">
      <c r="N982362" s="10"/>
    </row>
    <row r="982363" spans="14:14">
      <c r="N982363" s="10"/>
    </row>
    <row r="982364" spans="14:14">
      <c r="N982364" s="10"/>
    </row>
    <row r="982365" spans="14:14">
      <c r="N982365" s="10"/>
    </row>
    <row r="982366" spans="14:14">
      <c r="N982366" s="10"/>
    </row>
    <row r="982367" spans="14:14">
      <c r="N982367" s="10"/>
    </row>
    <row r="982368" spans="14:14">
      <c r="N982368" s="10"/>
    </row>
    <row r="982369" spans="14:14">
      <c r="N982369" s="10"/>
    </row>
    <row r="982370" spans="14:14">
      <c r="N982370" s="10"/>
    </row>
    <row r="982371" spans="14:14">
      <c r="N982371" s="10"/>
    </row>
    <row r="982372" spans="14:14">
      <c r="N982372" s="10"/>
    </row>
    <row r="982373" spans="14:14">
      <c r="N982373" s="10"/>
    </row>
    <row r="982374" spans="14:14">
      <c r="N982374" s="10"/>
    </row>
    <row r="982375" spans="14:14">
      <c r="N982375" s="10"/>
    </row>
    <row r="982376" spans="14:14">
      <c r="N982376" s="10"/>
    </row>
    <row r="982377" spans="14:14">
      <c r="N982377" s="10"/>
    </row>
    <row r="982378" spans="14:14">
      <c r="N982378" s="10"/>
    </row>
    <row r="982379" spans="14:14">
      <c r="N982379" s="10"/>
    </row>
    <row r="982380" spans="14:14">
      <c r="N982380" s="10"/>
    </row>
    <row r="982381" spans="14:14">
      <c r="N982381" s="10"/>
    </row>
    <row r="982382" spans="14:14">
      <c r="N982382" s="10"/>
    </row>
    <row r="982383" spans="14:14">
      <c r="N982383" s="10"/>
    </row>
    <row r="982384" spans="14:14">
      <c r="N982384" s="10"/>
    </row>
    <row r="982385" spans="14:14">
      <c r="N982385" s="10"/>
    </row>
    <row r="982386" spans="14:14">
      <c r="N982386" s="10"/>
    </row>
    <row r="982387" spans="14:14">
      <c r="N982387" s="10"/>
    </row>
    <row r="982388" spans="14:14">
      <c r="N982388" s="10"/>
    </row>
    <row r="982389" spans="14:14">
      <c r="N982389" s="10"/>
    </row>
    <row r="982390" spans="14:14">
      <c r="N982390" s="10"/>
    </row>
    <row r="982391" spans="14:14">
      <c r="N982391" s="10"/>
    </row>
    <row r="982392" spans="14:14">
      <c r="N982392" s="10"/>
    </row>
    <row r="982393" spans="14:14">
      <c r="N982393" s="10"/>
    </row>
    <row r="982394" spans="14:14">
      <c r="N982394" s="10"/>
    </row>
    <row r="982395" spans="14:14">
      <c r="N982395" s="10"/>
    </row>
    <row r="982396" spans="14:14">
      <c r="N982396" s="10"/>
    </row>
    <row r="982397" spans="14:14">
      <c r="N982397" s="10"/>
    </row>
    <row r="982398" spans="14:14">
      <c r="N982398" s="10"/>
    </row>
    <row r="982399" spans="14:14">
      <c r="N982399" s="10"/>
    </row>
    <row r="982400" spans="14:14">
      <c r="N982400" s="10"/>
    </row>
    <row r="982401" spans="14:14">
      <c r="N982401" s="10"/>
    </row>
    <row r="982402" spans="14:14">
      <c r="N982402" s="10"/>
    </row>
    <row r="982403" spans="14:14">
      <c r="N982403" s="10"/>
    </row>
    <row r="982404" spans="14:14">
      <c r="N982404" s="10"/>
    </row>
    <row r="982405" spans="14:14">
      <c r="N982405" s="10"/>
    </row>
    <row r="982406" spans="14:14">
      <c r="N982406" s="10"/>
    </row>
    <row r="982407" spans="14:14">
      <c r="N982407" s="10"/>
    </row>
    <row r="982408" spans="14:14">
      <c r="N982408" s="10"/>
    </row>
    <row r="982409" spans="14:14">
      <c r="N982409" s="10"/>
    </row>
    <row r="982410" spans="14:14">
      <c r="N982410" s="10"/>
    </row>
    <row r="982411" spans="14:14">
      <c r="N982411" s="10"/>
    </row>
    <row r="982412" spans="14:14">
      <c r="N982412" s="10"/>
    </row>
    <row r="982413" spans="14:14">
      <c r="N982413" s="10"/>
    </row>
    <row r="982414" spans="14:14">
      <c r="N982414" s="10"/>
    </row>
    <row r="982415" spans="14:14">
      <c r="N982415" s="10"/>
    </row>
    <row r="982416" spans="14:14">
      <c r="N982416" s="10"/>
    </row>
    <row r="982417" spans="14:14">
      <c r="N982417" s="10"/>
    </row>
    <row r="982418" spans="14:14">
      <c r="N982418" s="10"/>
    </row>
    <row r="982419" spans="14:14">
      <c r="N982419" s="10"/>
    </row>
    <row r="982420" spans="14:14">
      <c r="N982420" s="10"/>
    </row>
    <row r="982421" spans="14:14">
      <c r="N982421" s="10"/>
    </row>
    <row r="982422" spans="14:14">
      <c r="N982422" s="10"/>
    </row>
    <row r="982423" spans="14:14">
      <c r="N982423" s="10"/>
    </row>
    <row r="982424" spans="14:14">
      <c r="N982424" s="10"/>
    </row>
    <row r="982425" spans="14:14">
      <c r="N982425" s="10"/>
    </row>
    <row r="982426" spans="14:14">
      <c r="N982426" s="10"/>
    </row>
    <row r="982427" spans="14:14">
      <c r="N982427" s="10"/>
    </row>
    <row r="982428" spans="14:14">
      <c r="N982428" s="10"/>
    </row>
    <row r="982429" spans="14:14">
      <c r="N982429" s="10"/>
    </row>
    <row r="982430" spans="14:14">
      <c r="N982430" s="10"/>
    </row>
    <row r="982431" spans="14:14">
      <c r="N982431" s="10"/>
    </row>
    <row r="982432" spans="14:14">
      <c r="N982432" s="10"/>
    </row>
    <row r="982433" spans="14:14">
      <c r="N982433" s="10"/>
    </row>
    <row r="982434" spans="14:14">
      <c r="N982434" s="10"/>
    </row>
    <row r="982435" spans="14:14">
      <c r="N982435" s="10"/>
    </row>
    <row r="982436" spans="14:14">
      <c r="N982436" s="10"/>
    </row>
    <row r="982437" spans="14:14">
      <c r="N982437" s="10"/>
    </row>
    <row r="982438" spans="14:14">
      <c r="N982438" s="10"/>
    </row>
    <row r="982439" spans="14:14">
      <c r="N982439" s="10"/>
    </row>
    <row r="982440" spans="14:14">
      <c r="N982440" s="10"/>
    </row>
    <row r="982441" spans="14:14">
      <c r="N982441" s="10"/>
    </row>
    <row r="982442" spans="14:14">
      <c r="N982442" s="10"/>
    </row>
    <row r="982443" spans="14:14">
      <c r="N982443" s="10"/>
    </row>
    <row r="982444" spans="14:14">
      <c r="N982444" s="10"/>
    </row>
    <row r="982445" spans="14:14">
      <c r="N982445" s="10"/>
    </row>
    <row r="982446" spans="14:14">
      <c r="N982446" s="10"/>
    </row>
    <row r="982447" spans="14:14">
      <c r="N982447" s="10"/>
    </row>
    <row r="982448" spans="14:14">
      <c r="N982448" s="10"/>
    </row>
    <row r="982449" spans="14:14">
      <c r="N982449" s="10"/>
    </row>
    <row r="982450" spans="14:14">
      <c r="N982450" s="10"/>
    </row>
    <row r="982451" spans="14:14">
      <c r="N982451" s="10"/>
    </row>
    <row r="982452" spans="14:14">
      <c r="N982452" s="10"/>
    </row>
    <row r="982453" spans="14:14">
      <c r="N982453" s="10"/>
    </row>
    <row r="982454" spans="14:14">
      <c r="N982454" s="10"/>
    </row>
    <row r="982455" spans="14:14">
      <c r="N982455" s="10"/>
    </row>
    <row r="982456" spans="14:14">
      <c r="N982456" s="10"/>
    </row>
    <row r="982457" spans="14:14">
      <c r="N982457" s="10"/>
    </row>
    <row r="982458" spans="14:14">
      <c r="N982458" s="10"/>
    </row>
    <row r="982459" spans="14:14">
      <c r="N982459" s="10"/>
    </row>
    <row r="982460" spans="14:14">
      <c r="N982460" s="10"/>
    </row>
    <row r="982461" spans="14:14">
      <c r="N982461" s="10"/>
    </row>
    <row r="982462" spans="14:14">
      <c r="N982462" s="10"/>
    </row>
    <row r="982463" spans="14:14">
      <c r="N982463" s="10"/>
    </row>
    <row r="982464" spans="14:14">
      <c r="N982464" s="10"/>
    </row>
    <row r="982465" spans="14:14">
      <c r="N982465" s="10"/>
    </row>
    <row r="982466" spans="14:14">
      <c r="N982466" s="10"/>
    </row>
    <row r="982467" spans="14:14">
      <c r="N982467" s="10"/>
    </row>
    <row r="982468" spans="14:14">
      <c r="N982468" s="10"/>
    </row>
    <row r="982469" spans="14:14">
      <c r="N982469" s="10"/>
    </row>
    <row r="982470" spans="14:14">
      <c r="N982470" s="10"/>
    </row>
    <row r="982471" spans="14:14">
      <c r="N982471" s="10"/>
    </row>
    <row r="982472" spans="14:14">
      <c r="N982472" s="10"/>
    </row>
    <row r="982473" spans="14:14">
      <c r="N982473" s="10"/>
    </row>
    <row r="982474" spans="14:14">
      <c r="N982474" s="10"/>
    </row>
    <row r="982475" spans="14:14">
      <c r="N982475" s="10"/>
    </row>
    <row r="982476" spans="14:14">
      <c r="N982476" s="10"/>
    </row>
    <row r="982477" spans="14:14">
      <c r="N982477" s="10"/>
    </row>
    <row r="982478" spans="14:14">
      <c r="N982478" s="10"/>
    </row>
    <row r="982479" spans="14:14">
      <c r="N982479" s="10"/>
    </row>
    <row r="982480" spans="14:14">
      <c r="N982480" s="10"/>
    </row>
    <row r="982481" spans="14:14">
      <c r="N982481" s="10"/>
    </row>
    <row r="982482" spans="14:14">
      <c r="N982482" s="10"/>
    </row>
    <row r="982483" spans="14:14">
      <c r="N982483" s="10"/>
    </row>
    <row r="982484" spans="14:14">
      <c r="N982484" s="10"/>
    </row>
    <row r="982485" spans="14:14">
      <c r="N982485" s="10"/>
    </row>
    <row r="982486" spans="14:14">
      <c r="N982486" s="10"/>
    </row>
    <row r="982487" spans="14:14">
      <c r="N982487" s="10"/>
    </row>
    <row r="982488" spans="14:14">
      <c r="N982488" s="10"/>
    </row>
    <row r="982489" spans="14:14">
      <c r="N982489" s="10"/>
    </row>
    <row r="982490" spans="14:14">
      <c r="N982490" s="10"/>
    </row>
    <row r="982491" spans="14:14">
      <c r="N982491" s="10"/>
    </row>
    <row r="982492" spans="14:14">
      <c r="N982492" s="10"/>
    </row>
    <row r="982493" spans="14:14">
      <c r="N982493" s="10"/>
    </row>
    <row r="982494" spans="14:14">
      <c r="N982494" s="10"/>
    </row>
    <row r="982495" spans="14:14">
      <c r="N982495" s="10"/>
    </row>
    <row r="982496" spans="14:14">
      <c r="N982496" s="10"/>
    </row>
    <row r="982497" spans="14:14">
      <c r="N982497" s="10"/>
    </row>
    <row r="982498" spans="14:14">
      <c r="N982498" s="10"/>
    </row>
    <row r="982499" spans="14:14">
      <c r="N982499" s="10"/>
    </row>
    <row r="982500" spans="14:14">
      <c r="N982500" s="10"/>
    </row>
    <row r="982501" spans="14:14">
      <c r="N982501" s="10"/>
    </row>
    <row r="982502" spans="14:14">
      <c r="N982502" s="10"/>
    </row>
    <row r="982503" spans="14:14">
      <c r="N982503" s="10"/>
    </row>
    <row r="982504" spans="14:14">
      <c r="N982504" s="10"/>
    </row>
    <row r="982505" spans="14:14">
      <c r="N982505" s="10"/>
    </row>
    <row r="982506" spans="14:14">
      <c r="N982506" s="10"/>
    </row>
    <row r="982507" spans="14:14">
      <c r="N982507" s="10"/>
    </row>
    <row r="982508" spans="14:14">
      <c r="N982508" s="10"/>
    </row>
    <row r="982509" spans="14:14">
      <c r="N982509" s="10"/>
    </row>
    <row r="982510" spans="14:14">
      <c r="N982510" s="10"/>
    </row>
    <row r="982511" spans="14:14">
      <c r="N982511" s="10"/>
    </row>
    <row r="982512" spans="14:14">
      <c r="N982512" s="10"/>
    </row>
    <row r="982513" spans="14:14">
      <c r="N982513" s="10"/>
    </row>
    <row r="982514" spans="14:14">
      <c r="N982514" s="10"/>
    </row>
    <row r="982515" spans="14:14">
      <c r="N982515" s="10"/>
    </row>
    <row r="982516" spans="14:14">
      <c r="N982516" s="10"/>
    </row>
    <row r="982517" spans="14:14">
      <c r="N982517" s="10"/>
    </row>
    <row r="982518" spans="14:14">
      <c r="N982518" s="10"/>
    </row>
    <row r="982519" spans="14:14">
      <c r="N982519" s="10"/>
    </row>
    <row r="982520" spans="14:14">
      <c r="N982520" s="10"/>
    </row>
    <row r="982521" spans="14:14">
      <c r="N982521" s="10"/>
    </row>
    <row r="982522" spans="14:14">
      <c r="N982522" s="10"/>
    </row>
    <row r="982523" spans="14:14">
      <c r="N982523" s="10"/>
    </row>
    <row r="982524" spans="14:14">
      <c r="N982524" s="10"/>
    </row>
    <row r="982525" spans="14:14">
      <c r="N982525" s="10"/>
    </row>
    <row r="982526" spans="14:14">
      <c r="N982526" s="10"/>
    </row>
    <row r="982527" spans="14:14">
      <c r="N982527" s="10"/>
    </row>
    <row r="982528" spans="14:14">
      <c r="N982528" s="10"/>
    </row>
    <row r="982529" spans="14:14">
      <c r="N982529" s="10"/>
    </row>
    <row r="982530" spans="14:14">
      <c r="N982530" s="10"/>
    </row>
    <row r="982531" spans="14:14">
      <c r="N982531" s="10"/>
    </row>
    <row r="982532" spans="14:14">
      <c r="N982532" s="10"/>
    </row>
    <row r="982533" spans="14:14">
      <c r="N982533" s="10"/>
    </row>
    <row r="982534" spans="14:14">
      <c r="N982534" s="10"/>
    </row>
    <row r="982535" spans="14:14">
      <c r="N982535" s="10"/>
    </row>
    <row r="982536" spans="14:14">
      <c r="N982536" s="10"/>
    </row>
    <row r="982537" spans="14:14">
      <c r="N982537" s="10"/>
    </row>
    <row r="982538" spans="14:14">
      <c r="N982538" s="10"/>
    </row>
    <row r="982539" spans="14:14">
      <c r="N982539" s="10"/>
    </row>
    <row r="982540" spans="14:14">
      <c r="N982540" s="10"/>
    </row>
    <row r="982541" spans="14:14">
      <c r="N982541" s="10"/>
    </row>
    <row r="982542" spans="14:14">
      <c r="N982542" s="10"/>
    </row>
    <row r="982543" spans="14:14">
      <c r="N982543" s="10"/>
    </row>
    <row r="982544" spans="14:14">
      <c r="N982544" s="10"/>
    </row>
    <row r="982545" spans="14:14">
      <c r="N982545" s="10"/>
    </row>
    <row r="982546" spans="14:14">
      <c r="N982546" s="10"/>
    </row>
    <row r="982547" spans="14:14">
      <c r="N982547" s="10"/>
    </row>
    <row r="982548" spans="14:14">
      <c r="N982548" s="10"/>
    </row>
    <row r="982549" spans="14:14">
      <c r="N982549" s="10"/>
    </row>
    <row r="982550" spans="14:14">
      <c r="N982550" s="10"/>
    </row>
    <row r="982551" spans="14:14">
      <c r="N982551" s="10"/>
    </row>
    <row r="982552" spans="14:14">
      <c r="N982552" s="10"/>
    </row>
    <row r="982553" spans="14:14">
      <c r="N982553" s="10"/>
    </row>
    <row r="982554" spans="14:14">
      <c r="N982554" s="10"/>
    </row>
    <row r="982555" spans="14:14">
      <c r="N982555" s="10"/>
    </row>
    <row r="982556" spans="14:14">
      <c r="N982556" s="10"/>
    </row>
    <row r="982557" spans="14:14">
      <c r="N982557" s="10"/>
    </row>
    <row r="982558" spans="14:14">
      <c r="N982558" s="10"/>
    </row>
    <row r="982559" spans="14:14">
      <c r="N982559" s="10"/>
    </row>
    <row r="982560" spans="14:14">
      <c r="N982560" s="10"/>
    </row>
    <row r="982561" spans="14:14">
      <c r="N982561" s="10"/>
    </row>
    <row r="982562" spans="14:14">
      <c r="N982562" s="10"/>
    </row>
    <row r="982563" spans="14:14">
      <c r="N982563" s="10"/>
    </row>
    <row r="982564" spans="14:14">
      <c r="N982564" s="10"/>
    </row>
    <row r="982565" spans="14:14">
      <c r="N982565" s="10"/>
    </row>
    <row r="982566" spans="14:14">
      <c r="N982566" s="10"/>
    </row>
    <row r="982567" spans="14:14">
      <c r="N982567" s="10"/>
    </row>
    <row r="982568" spans="14:14">
      <c r="N982568" s="10"/>
    </row>
    <row r="982569" spans="14:14">
      <c r="N982569" s="10"/>
    </row>
    <row r="982570" spans="14:14">
      <c r="N982570" s="10"/>
    </row>
    <row r="982571" spans="14:14">
      <c r="N982571" s="10"/>
    </row>
    <row r="982572" spans="14:14">
      <c r="N982572" s="10"/>
    </row>
    <row r="982573" spans="14:14">
      <c r="N982573" s="10"/>
    </row>
    <row r="982574" spans="14:14">
      <c r="N982574" s="10"/>
    </row>
    <row r="982575" spans="14:14">
      <c r="N982575" s="10"/>
    </row>
    <row r="982576" spans="14:14">
      <c r="N982576" s="10"/>
    </row>
    <row r="982577" spans="14:14">
      <c r="N982577" s="10"/>
    </row>
    <row r="982578" spans="14:14">
      <c r="N982578" s="10"/>
    </row>
    <row r="982579" spans="14:14">
      <c r="N982579" s="10"/>
    </row>
    <row r="982580" spans="14:14">
      <c r="N982580" s="10"/>
    </row>
    <row r="982581" spans="14:14">
      <c r="N982581" s="10"/>
    </row>
    <row r="982582" spans="14:14">
      <c r="N982582" s="10"/>
    </row>
    <row r="982583" spans="14:14">
      <c r="N982583" s="10"/>
    </row>
    <row r="982584" spans="14:14">
      <c r="N982584" s="10"/>
    </row>
    <row r="982585" spans="14:14">
      <c r="N982585" s="10"/>
    </row>
    <row r="982586" spans="14:14">
      <c r="N982586" s="10"/>
    </row>
    <row r="982587" spans="14:14">
      <c r="N982587" s="10"/>
    </row>
    <row r="982588" spans="14:14">
      <c r="N982588" s="10"/>
    </row>
    <row r="982589" spans="14:14">
      <c r="N982589" s="10"/>
    </row>
    <row r="982590" spans="14:14">
      <c r="N982590" s="10"/>
    </row>
    <row r="982591" spans="14:14">
      <c r="N982591" s="10"/>
    </row>
    <row r="982592" spans="14:14">
      <c r="N982592" s="10"/>
    </row>
    <row r="982593" spans="14:14">
      <c r="N982593" s="10"/>
    </row>
    <row r="982594" spans="14:14">
      <c r="N982594" s="10"/>
    </row>
    <row r="982595" spans="14:14">
      <c r="N982595" s="10"/>
    </row>
    <row r="982596" spans="14:14">
      <c r="N982596" s="10"/>
    </row>
    <row r="982597" spans="14:14">
      <c r="N982597" s="10"/>
    </row>
    <row r="982598" spans="14:14">
      <c r="N982598" s="10"/>
    </row>
    <row r="982599" spans="14:14">
      <c r="N982599" s="10"/>
    </row>
    <row r="982600" spans="14:14">
      <c r="N982600" s="10"/>
    </row>
    <row r="982601" spans="14:14">
      <c r="N982601" s="10"/>
    </row>
    <row r="982602" spans="14:14">
      <c r="N982602" s="10"/>
    </row>
    <row r="982603" spans="14:14">
      <c r="N982603" s="10"/>
    </row>
    <row r="982604" spans="14:14">
      <c r="N982604" s="10"/>
    </row>
    <row r="982605" spans="14:14">
      <c r="N982605" s="10"/>
    </row>
    <row r="982606" spans="14:14">
      <c r="N982606" s="10"/>
    </row>
    <row r="982607" spans="14:14">
      <c r="N982607" s="10"/>
    </row>
    <row r="982608" spans="14:14">
      <c r="N982608" s="10"/>
    </row>
    <row r="982609" spans="14:14">
      <c r="N982609" s="10"/>
    </row>
    <row r="982610" spans="14:14">
      <c r="N982610" s="10"/>
    </row>
    <row r="982611" spans="14:14">
      <c r="N982611" s="10"/>
    </row>
    <row r="982612" spans="14:14">
      <c r="N982612" s="10"/>
    </row>
    <row r="982613" spans="14:14">
      <c r="N982613" s="10"/>
    </row>
    <row r="982614" spans="14:14">
      <c r="N982614" s="10"/>
    </row>
    <row r="982615" spans="14:14">
      <c r="N982615" s="10"/>
    </row>
    <row r="982616" spans="14:14">
      <c r="N982616" s="10"/>
    </row>
    <row r="982617" spans="14:14">
      <c r="N982617" s="10"/>
    </row>
    <row r="982618" spans="14:14">
      <c r="N982618" s="10"/>
    </row>
    <row r="982619" spans="14:14">
      <c r="N982619" s="10"/>
    </row>
    <row r="982620" spans="14:14">
      <c r="N982620" s="10"/>
    </row>
    <row r="982621" spans="14:14">
      <c r="N982621" s="10"/>
    </row>
    <row r="982622" spans="14:14">
      <c r="N982622" s="10"/>
    </row>
    <row r="982623" spans="14:14">
      <c r="N982623" s="10"/>
    </row>
    <row r="982624" spans="14:14">
      <c r="N982624" s="10"/>
    </row>
    <row r="982625" spans="14:14">
      <c r="N982625" s="10"/>
    </row>
    <row r="982626" spans="14:14">
      <c r="N982626" s="10"/>
    </row>
    <row r="982627" spans="14:14">
      <c r="N982627" s="10"/>
    </row>
    <row r="982628" spans="14:14">
      <c r="N982628" s="10"/>
    </row>
    <row r="982629" spans="14:14">
      <c r="N982629" s="10"/>
    </row>
    <row r="982630" spans="14:14">
      <c r="N982630" s="10"/>
    </row>
    <row r="982631" spans="14:14">
      <c r="N982631" s="10"/>
    </row>
    <row r="982632" spans="14:14">
      <c r="N982632" s="10"/>
    </row>
    <row r="982633" spans="14:14">
      <c r="N982633" s="10"/>
    </row>
    <row r="982634" spans="14:14">
      <c r="N982634" s="10"/>
    </row>
    <row r="982635" spans="14:14">
      <c r="N982635" s="10"/>
    </row>
    <row r="982636" spans="14:14">
      <c r="N982636" s="10"/>
    </row>
    <row r="982637" spans="14:14">
      <c r="N982637" s="10"/>
    </row>
    <row r="982638" spans="14:14">
      <c r="N982638" s="10"/>
    </row>
    <row r="982639" spans="14:14">
      <c r="N982639" s="10"/>
    </row>
    <row r="982640" spans="14:14">
      <c r="N982640" s="10"/>
    </row>
    <row r="982641" spans="14:14">
      <c r="N982641" s="10"/>
    </row>
    <row r="982642" spans="14:14">
      <c r="N982642" s="10"/>
    </row>
    <row r="982643" spans="14:14">
      <c r="N982643" s="10"/>
    </row>
    <row r="982644" spans="14:14">
      <c r="N982644" s="10"/>
    </row>
    <row r="982645" spans="14:14">
      <c r="N982645" s="10"/>
    </row>
    <row r="982646" spans="14:14">
      <c r="N982646" s="10"/>
    </row>
    <row r="982647" spans="14:14">
      <c r="N982647" s="10"/>
    </row>
    <row r="982648" spans="14:14">
      <c r="N982648" s="10"/>
    </row>
    <row r="982649" spans="14:14">
      <c r="N982649" s="10"/>
    </row>
    <row r="982650" spans="14:14">
      <c r="N982650" s="10"/>
    </row>
    <row r="982651" spans="14:14">
      <c r="N982651" s="10"/>
    </row>
    <row r="982652" spans="14:14">
      <c r="N982652" s="10"/>
    </row>
    <row r="982653" spans="14:14">
      <c r="N982653" s="10"/>
    </row>
    <row r="982654" spans="14:14">
      <c r="N982654" s="10"/>
    </row>
    <row r="982655" spans="14:14">
      <c r="N982655" s="10"/>
    </row>
    <row r="982656" spans="14:14">
      <c r="N982656" s="10"/>
    </row>
    <row r="982657" spans="14:14">
      <c r="N982657" s="10"/>
    </row>
    <row r="982658" spans="14:14">
      <c r="N982658" s="10"/>
    </row>
    <row r="982659" spans="14:14">
      <c r="N982659" s="10"/>
    </row>
    <row r="982660" spans="14:14">
      <c r="N982660" s="10"/>
    </row>
    <row r="982661" spans="14:14">
      <c r="N982661" s="10"/>
    </row>
    <row r="982662" spans="14:14">
      <c r="N982662" s="10"/>
    </row>
    <row r="982663" spans="14:14">
      <c r="N982663" s="10"/>
    </row>
    <row r="982664" spans="14:14">
      <c r="N982664" s="10"/>
    </row>
    <row r="982665" spans="14:14">
      <c r="N982665" s="10"/>
    </row>
    <row r="982666" spans="14:14">
      <c r="N982666" s="10"/>
    </row>
    <row r="982667" spans="14:14">
      <c r="N982667" s="10"/>
    </row>
    <row r="982668" spans="14:14">
      <c r="N982668" s="10"/>
    </row>
    <row r="982669" spans="14:14">
      <c r="N982669" s="10"/>
    </row>
    <row r="982670" spans="14:14">
      <c r="N982670" s="10"/>
    </row>
    <row r="982671" spans="14:14">
      <c r="N982671" s="10"/>
    </row>
    <row r="982672" spans="14:14">
      <c r="N982672" s="10"/>
    </row>
    <row r="982673" spans="14:14">
      <c r="N982673" s="10"/>
    </row>
    <row r="982674" spans="14:14">
      <c r="N982674" s="10"/>
    </row>
    <row r="982675" spans="14:14">
      <c r="N982675" s="10"/>
    </row>
    <row r="982676" spans="14:14">
      <c r="N982676" s="10"/>
    </row>
    <row r="982677" spans="14:14">
      <c r="N982677" s="10"/>
    </row>
    <row r="982678" spans="14:14">
      <c r="N982678" s="10"/>
    </row>
    <row r="982679" spans="14:14">
      <c r="N982679" s="10"/>
    </row>
    <row r="982680" spans="14:14">
      <c r="N982680" s="10"/>
    </row>
    <row r="982681" spans="14:14">
      <c r="N982681" s="10"/>
    </row>
    <row r="982682" spans="14:14">
      <c r="N982682" s="10"/>
    </row>
    <row r="982683" spans="14:14">
      <c r="N982683" s="10"/>
    </row>
    <row r="982684" spans="14:14">
      <c r="N982684" s="10"/>
    </row>
    <row r="982685" spans="14:14">
      <c r="N982685" s="10"/>
    </row>
    <row r="982686" spans="14:14">
      <c r="N982686" s="10"/>
    </row>
    <row r="982687" spans="14:14">
      <c r="N982687" s="10"/>
    </row>
    <row r="982688" spans="14:14">
      <c r="N982688" s="10"/>
    </row>
    <row r="982689" spans="14:14">
      <c r="N982689" s="10"/>
    </row>
    <row r="982690" spans="14:14">
      <c r="N982690" s="10"/>
    </row>
    <row r="982691" spans="14:14">
      <c r="N982691" s="10"/>
    </row>
    <row r="982692" spans="14:14">
      <c r="N982692" s="10"/>
    </row>
    <row r="982693" spans="14:14">
      <c r="N982693" s="10"/>
    </row>
    <row r="982694" spans="14:14">
      <c r="N982694" s="10"/>
    </row>
    <row r="982695" spans="14:14">
      <c r="N982695" s="10"/>
    </row>
    <row r="982696" spans="14:14">
      <c r="N982696" s="10"/>
    </row>
    <row r="982697" spans="14:14">
      <c r="N982697" s="10"/>
    </row>
    <row r="982698" spans="14:14">
      <c r="N982698" s="10"/>
    </row>
    <row r="982699" spans="14:14">
      <c r="N982699" s="10"/>
    </row>
    <row r="982700" spans="14:14">
      <c r="N982700" s="10"/>
    </row>
    <row r="982701" spans="14:14">
      <c r="N982701" s="10"/>
    </row>
    <row r="982702" spans="14:14">
      <c r="N982702" s="10"/>
    </row>
    <row r="982703" spans="14:14">
      <c r="N982703" s="10"/>
    </row>
    <row r="982704" spans="14:14">
      <c r="N982704" s="10"/>
    </row>
    <row r="982705" spans="14:14">
      <c r="N982705" s="10"/>
    </row>
    <row r="982706" spans="14:14">
      <c r="N982706" s="10"/>
    </row>
    <row r="982707" spans="14:14">
      <c r="N982707" s="10"/>
    </row>
    <row r="982708" spans="14:14">
      <c r="N982708" s="10"/>
    </row>
    <row r="982709" spans="14:14">
      <c r="N982709" s="10"/>
    </row>
    <row r="982710" spans="14:14">
      <c r="N982710" s="10"/>
    </row>
    <row r="982711" spans="14:14">
      <c r="N982711" s="10"/>
    </row>
    <row r="982712" spans="14:14">
      <c r="N982712" s="10"/>
    </row>
    <row r="982713" spans="14:14">
      <c r="N982713" s="10"/>
    </row>
    <row r="982714" spans="14:14">
      <c r="N982714" s="10"/>
    </row>
    <row r="982715" spans="14:14">
      <c r="N982715" s="10"/>
    </row>
    <row r="982716" spans="14:14">
      <c r="N982716" s="10"/>
    </row>
    <row r="982717" spans="14:14">
      <c r="N982717" s="10"/>
    </row>
    <row r="982718" spans="14:14">
      <c r="N982718" s="10"/>
    </row>
    <row r="982719" spans="14:14">
      <c r="N982719" s="10"/>
    </row>
    <row r="982720" spans="14:14">
      <c r="N982720" s="10"/>
    </row>
    <row r="982721" spans="14:14">
      <c r="N982721" s="10"/>
    </row>
    <row r="982722" spans="14:14">
      <c r="N982722" s="10"/>
    </row>
    <row r="982723" spans="14:14">
      <c r="N982723" s="10"/>
    </row>
    <row r="982724" spans="14:14">
      <c r="N982724" s="10"/>
    </row>
    <row r="982725" spans="14:14">
      <c r="N982725" s="10"/>
    </row>
    <row r="982726" spans="14:14">
      <c r="N982726" s="10"/>
    </row>
    <row r="982727" spans="14:14">
      <c r="N982727" s="10"/>
    </row>
    <row r="982728" spans="14:14">
      <c r="N982728" s="10"/>
    </row>
    <row r="982729" spans="14:14">
      <c r="N982729" s="10"/>
    </row>
    <row r="982730" spans="14:14">
      <c r="N982730" s="10"/>
    </row>
    <row r="982731" spans="14:14">
      <c r="N982731" s="10"/>
    </row>
    <row r="982732" spans="14:14">
      <c r="N982732" s="10"/>
    </row>
    <row r="982733" spans="14:14">
      <c r="N982733" s="10"/>
    </row>
    <row r="982734" spans="14:14">
      <c r="N982734" s="10"/>
    </row>
    <row r="982735" spans="14:14">
      <c r="N982735" s="10"/>
    </row>
    <row r="982736" spans="14:14">
      <c r="N982736" s="10"/>
    </row>
    <row r="982737" spans="14:14">
      <c r="N982737" s="10"/>
    </row>
    <row r="982738" spans="14:14">
      <c r="N982738" s="10"/>
    </row>
    <row r="982739" spans="14:14">
      <c r="N982739" s="10"/>
    </row>
    <row r="982740" spans="14:14">
      <c r="N982740" s="10"/>
    </row>
    <row r="982741" spans="14:14">
      <c r="N982741" s="10"/>
    </row>
    <row r="982742" spans="14:14">
      <c r="N982742" s="10"/>
    </row>
    <row r="982743" spans="14:14">
      <c r="N982743" s="10"/>
    </row>
    <row r="982744" spans="14:14">
      <c r="N982744" s="10"/>
    </row>
    <row r="982745" spans="14:14">
      <c r="N982745" s="10"/>
    </row>
    <row r="982746" spans="14:14">
      <c r="N982746" s="10"/>
    </row>
    <row r="982747" spans="14:14">
      <c r="N982747" s="10"/>
    </row>
    <row r="982748" spans="14:14">
      <c r="N982748" s="10"/>
    </row>
    <row r="982749" spans="14:14">
      <c r="N982749" s="10"/>
    </row>
    <row r="982750" spans="14:14">
      <c r="N982750" s="10"/>
    </row>
    <row r="982751" spans="14:14">
      <c r="N982751" s="10"/>
    </row>
    <row r="982752" spans="14:14">
      <c r="N982752" s="10"/>
    </row>
    <row r="982753" spans="14:14">
      <c r="N982753" s="10"/>
    </row>
    <row r="982754" spans="14:14">
      <c r="N982754" s="10"/>
    </row>
    <row r="982755" spans="14:14">
      <c r="N982755" s="10"/>
    </row>
    <row r="982756" spans="14:14">
      <c r="N982756" s="10"/>
    </row>
    <row r="982757" spans="14:14">
      <c r="N982757" s="10"/>
    </row>
    <row r="982758" spans="14:14">
      <c r="N982758" s="10"/>
    </row>
    <row r="982759" spans="14:14">
      <c r="N982759" s="10"/>
    </row>
    <row r="982760" spans="14:14">
      <c r="N982760" s="10"/>
    </row>
    <row r="982761" spans="14:14">
      <c r="N982761" s="10"/>
    </row>
    <row r="982762" spans="14:14">
      <c r="N982762" s="10"/>
    </row>
    <row r="982763" spans="14:14">
      <c r="N982763" s="10"/>
    </row>
    <row r="982764" spans="14:14">
      <c r="N982764" s="10"/>
    </row>
    <row r="982765" spans="14:14">
      <c r="N982765" s="10"/>
    </row>
    <row r="982766" spans="14:14">
      <c r="N982766" s="10"/>
    </row>
    <row r="982767" spans="14:14">
      <c r="N982767" s="10"/>
    </row>
    <row r="982768" spans="14:14">
      <c r="N982768" s="10"/>
    </row>
    <row r="982769" spans="14:14">
      <c r="N982769" s="10"/>
    </row>
    <row r="982770" spans="14:14">
      <c r="N982770" s="10"/>
    </row>
    <row r="982771" spans="14:14">
      <c r="N982771" s="10"/>
    </row>
    <row r="982772" spans="14:14">
      <c r="N982772" s="10"/>
    </row>
    <row r="982773" spans="14:14">
      <c r="N982773" s="10"/>
    </row>
    <row r="982774" spans="14:14">
      <c r="N982774" s="10"/>
    </row>
    <row r="982775" spans="14:14">
      <c r="N982775" s="10"/>
    </row>
    <row r="982776" spans="14:14">
      <c r="N982776" s="10"/>
    </row>
    <row r="982777" spans="14:14">
      <c r="N982777" s="10"/>
    </row>
    <row r="982778" spans="14:14">
      <c r="N982778" s="10"/>
    </row>
    <row r="982779" spans="14:14">
      <c r="N982779" s="10"/>
    </row>
    <row r="982780" spans="14:14">
      <c r="N982780" s="10"/>
    </row>
    <row r="982781" spans="14:14">
      <c r="N982781" s="10"/>
    </row>
    <row r="982782" spans="14:14">
      <c r="N982782" s="10"/>
    </row>
    <row r="982783" spans="14:14">
      <c r="N982783" s="10"/>
    </row>
    <row r="982784" spans="14:14">
      <c r="N982784" s="10"/>
    </row>
    <row r="982785" spans="14:14">
      <c r="N982785" s="10"/>
    </row>
    <row r="982786" spans="14:14">
      <c r="N982786" s="10"/>
    </row>
    <row r="982787" spans="14:14">
      <c r="N982787" s="10"/>
    </row>
    <row r="982788" spans="14:14">
      <c r="N982788" s="10"/>
    </row>
    <row r="982789" spans="14:14">
      <c r="N982789" s="10"/>
    </row>
    <row r="982790" spans="14:14">
      <c r="N982790" s="10"/>
    </row>
    <row r="982791" spans="14:14">
      <c r="N982791" s="10"/>
    </row>
    <row r="982792" spans="14:14">
      <c r="N982792" s="10"/>
    </row>
    <row r="982793" spans="14:14">
      <c r="N982793" s="10"/>
    </row>
    <row r="982794" spans="14:14">
      <c r="N982794" s="10"/>
    </row>
    <row r="982795" spans="14:14">
      <c r="N982795" s="10"/>
    </row>
    <row r="982796" spans="14:14">
      <c r="N982796" s="10"/>
    </row>
    <row r="982797" spans="14:14">
      <c r="N982797" s="10"/>
    </row>
    <row r="982798" spans="14:14">
      <c r="N982798" s="10"/>
    </row>
    <row r="982799" spans="14:14">
      <c r="N982799" s="10"/>
    </row>
    <row r="982800" spans="14:14">
      <c r="N982800" s="10"/>
    </row>
    <row r="982801" spans="14:14">
      <c r="N982801" s="10"/>
    </row>
    <row r="982802" spans="14:14">
      <c r="N982802" s="10"/>
    </row>
    <row r="982803" spans="14:14">
      <c r="N982803" s="10"/>
    </row>
    <row r="982804" spans="14:14">
      <c r="N982804" s="10"/>
    </row>
    <row r="982805" spans="14:14">
      <c r="N982805" s="10"/>
    </row>
    <row r="982806" spans="14:14">
      <c r="N982806" s="10"/>
    </row>
    <row r="982807" spans="14:14">
      <c r="N982807" s="10"/>
    </row>
    <row r="982808" spans="14:14">
      <c r="N982808" s="10"/>
    </row>
    <row r="982809" spans="14:14">
      <c r="N982809" s="10"/>
    </row>
    <row r="982810" spans="14:14">
      <c r="N982810" s="10"/>
    </row>
    <row r="982811" spans="14:14">
      <c r="N982811" s="10"/>
    </row>
    <row r="982812" spans="14:14">
      <c r="N982812" s="10"/>
    </row>
    <row r="982813" spans="14:14">
      <c r="N982813" s="10"/>
    </row>
    <row r="982814" spans="14:14">
      <c r="N982814" s="10"/>
    </row>
    <row r="982815" spans="14:14">
      <c r="N982815" s="10"/>
    </row>
    <row r="982816" spans="14:14">
      <c r="N982816" s="10"/>
    </row>
    <row r="982817" spans="14:14">
      <c r="N982817" s="10"/>
    </row>
    <row r="982818" spans="14:14">
      <c r="N982818" s="10"/>
    </row>
    <row r="982819" spans="14:14">
      <c r="N982819" s="10"/>
    </row>
    <row r="982820" spans="14:14">
      <c r="N982820" s="10"/>
    </row>
    <row r="982821" spans="14:14">
      <c r="N982821" s="10"/>
    </row>
    <row r="982822" spans="14:14">
      <c r="N982822" s="10"/>
    </row>
    <row r="982823" spans="14:14">
      <c r="N982823" s="10"/>
    </row>
    <row r="982824" spans="14:14">
      <c r="N982824" s="10"/>
    </row>
    <row r="982825" spans="14:14">
      <c r="N982825" s="10"/>
    </row>
    <row r="982826" spans="14:14">
      <c r="N982826" s="10"/>
    </row>
    <row r="982827" spans="14:14">
      <c r="N982827" s="10"/>
    </row>
    <row r="982828" spans="14:14">
      <c r="N982828" s="10"/>
    </row>
    <row r="982829" spans="14:14">
      <c r="N982829" s="10"/>
    </row>
    <row r="982830" spans="14:14">
      <c r="N982830" s="10"/>
    </row>
    <row r="982831" spans="14:14">
      <c r="N982831" s="10"/>
    </row>
    <row r="982832" spans="14:14">
      <c r="N982832" s="10"/>
    </row>
    <row r="982833" spans="14:14">
      <c r="N982833" s="10"/>
    </row>
    <row r="982834" spans="14:14">
      <c r="N982834" s="10"/>
    </row>
    <row r="982835" spans="14:14">
      <c r="N982835" s="10"/>
    </row>
    <row r="982836" spans="14:14">
      <c r="N982836" s="10"/>
    </row>
    <row r="982837" spans="14:14">
      <c r="N982837" s="10"/>
    </row>
    <row r="982838" spans="14:14">
      <c r="N982838" s="10"/>
    </row>
    <row r="982839" spans="14:14">
      <c r="N982839" s="10"/>
    </row>
    <row r="982840" spans="14:14">
      <c r="N982840" s="10"/>
    </row>
    <row r="982841" spans="14:14">
      <c r="N982841" s="10"/>
    </row>
    <row r="982842" spans="14:14">
      <c r="N982842" s="10"/>
    </row>
    <row r="982843" spans="14:14">
      <c r="N982843" s="10"/>
    </row>
    <row r="982844" spans="14:14">
      <c r="N982844" s="10"/>
    </row>
    <row r="982845" spans="14:14">
      <c r="N982845" s="10"/>
    </row>
    <row r="982846" spans="14:14">
      <c r="N982846" s="10"/>
    </row>
    <row r="982847" spans="14:14">
      <c r="N982847" s="10"/>
    </row>
    <row r="982848" spans="14:14">
      <c r="N982848" s="10"/>
    </row>
    <row r="982849" spans="14:14">
      <c r="N982849" s="10"/>
    </row>
    <row r="982850" spans="14:14">
      <c r="N982850" s="10"/>
    </row>
    <row r="982851" spans="14:14">
      <c r="N982851" s="10"/>
    </row>
    <row r="982852" spans="14:14">
      <c r="N982852" s="10"/>
    </row>
    <row r="982853" spans="14:14">
      <c r="N982853" s="10"/>
    </row>
    <row r="982854" spans="14:14">
      <c r="N982854" s="10"/>
    </row>
    <row r="982855" spans="14:14">
      <c r="N982855" s="10"/>
    </row>
    <row r="982856" spans="14:14">
      <c r="N982856" s="10"/>
    </row>
    <row r="982857" spans="14:14">
      <c r="N982857" s="10"/>
    </row>
    <row r="982858" spans="14:14">
      <c r="N982858" s="10"/>
    </row>
    <row r="982859" spans="14:14">
      <c r="N982859" s="10"/>
    </row>
    <row r="982860" spans="14:14">
      <c r="N982860" s="10"/>
    </row>
    <row r="982861" spans="14:14">
      <c r="N982861" s="10"/>
    </row>
    <row r="982862" spans="14:14">
      <c r="N982862" s="10"/>
    </row>
    <row r="982863" spans="14:14">
      <c r="N982863" s="10"/>
    </row>
    <row r="982864" spans="14:14">
      <c r="N982864" s="10"/>
    </row>
    <row r="982865" spans="14:14">
      <c r="N982865" s="10"/>
    </row>
    <row r="982866" spans="14:14">
      <c r="N982866" s="10"/>
    </row>
    <row r="982867" spans="14:14">
      <c r="N982867" s="10"/>
    </row>
    <row r="982868" spans="14:14">
      <c r="N982868" s="10"/>
    </row>
    <row r="982869" spans="14:14">
      <c r="N982869" s="10"/>
    </row>
    <row r="982870" spans="14:14">
      <c r="N982870" s="10"/>
    </row>
    <row r="982871" spans="14:14">
      <c r="N982871" s="10"/>
    </row>
    <row r="982872" spans="14:14">
      <c r="N982872" s="10"/>
    </row>
    <row r="982873" spans="14:14">
      <c r="N982873" s="10"/>
    </row>
    <row r="982874" spans="14:14">
      <c r="N982874" s="10"/>
    </row>
    <row r="982875" spans="14:14">
      <c r="N982875" s="10"/>
    </row>
    <row r="982876" spans="14:14">
      <c r="N982876" s="10"/>
    </row>
    <row r="982877" spans="14:14">
      <c r="N982877" s="10"/>
    </row>
    <row r="982878" spans="14:14">
      <c r="N982878" s="10"/>
    </row>
    <row r="982879" spans="14:14">
      <c r="N982879" s="10"/>
    </row>
    <row r="982880" spans="14:14">
      <c r="N982880" s="10"/>
    </row>
    <row r="982881" spans="14:14">
      <c r="N982881" s="10"/>
    </row>
    <row r="982882" spans="14:14">
      <c r="N982882" s="10"/>
    </row>
    <row r="982883" spans="14:14">
      <c r="N982883" s="10"/>
    </row>
    <row r="982884" spans="14:14">
      <c r="N982884" s="10"/>
    </row>
    <row r="982885" spans="14:14">
      <c r="N982885" s="10"/>
    </row>
    <row r="982886" spans="14:14">
      <c r="N982886" s="10"/>
    </row>
    <row r="982887" spans="14:14">
      <c r="N982887" s="10"/>
    </row>
    <row r="982888" spans="14:14">
      <c r="N982888" s="10"/>
    </row>
    <row r="982889" spans="14:14">
      <c r="N982889" s="10"/>
    </row>
    <row r="982890" spans="14:14">
      <c r="N982890" s="10"/>
    </row>
    <row r="982891" spans="14:14">
      <c r="N982891" s="10"/>
    </row>
    <row r="982892" spans="14:14">
      <c r="N982892" s="10"/>
    </row>
    <row r="982893" spans="14:14">
      <c r="N982893" s="10"/>
    </row>
    <row r="982894" spans="14:14">
      <c r="N982894" s="10"/>
    </row>
    <row r="982895" spans="14:14">
      <c r="N982895" s="10"/>
    </row>
    <row r="982896" spans="14:14">
      <c r="N982896" s="10"/>
    </row>
    <row r="982897" spans="14:14">
      <c r="N982897" s="10"/>
    </row>
    <row r="982898" spans="14:14">
      <c r="N982898" s="10"/>
    </row>
    <row r="982899" spans="14:14">
      <c r="N982899" s="10"/>
    </row>
    <row r="982900" spans="14:14">
      <c r="N982900" s="10"/>
    </row>
    <row r="982901" spans="14:14">
      <c r="N982901" s="10"/>
    </row>
    <row r="982902" spans="14:14">
      <c r="N982902" s="10"/>
    </row>
    <row r="982903" spans="14:14">
      <c r="N982903" s="10"/>
    </row>
    <row r="982904" spans="14:14">
      <c r="N982904" s="10"/>
    </row>
    <row r="982905" spans="14:14">
      <c r="N982905" s="10"/>
    </row>
    <row r="982906" spans="14:14">
      <c r="N982906" s="10"/>
    </row>
    <row r="982907" spans="14:14">
      <c r="N982907" s="10"/>
    </row>
    <row r="982908" spans="14:14">
      <c r="N982908" s="10"/>
    </row>
    <row r="982909" spans="14:14">
      <c r="N982909" s="10"/>
    </row>
    <row r="982910" spans="14:14">
      <c r="N982910" s="10"/>
    </row>
    <row r="982911" spans="14:14">
      <c r="N982911" s="10"/>
    </row>
    <row r="982912" spans="14:14">
      <c r="N982912" s="10"/>
    </row>
    <row r="982913" spans="14:14">
      <c r="N982913" s="10"/>
    </row>
    <row r="982914" spans="14:14">
      <c r="N982914" s="10"/>
    </row>
    <row r="982915" spans="14:14">
      <c r="N982915" s="10"/>
    </row>
    <row r="982916" spans="14:14">
      <c r="N982916" s="10"/>
    </row>
    <row r="982917" spans="14:14">
      <c r="N982917" s="10"/>
    </row>
    <row r="982918" spans="14:14">
      <c r="N982918" s="10"/>
    </row>
    <row r="982919" spans="14:14">
      <c r="N982919" s="10"/>
    </row>
    <row r="982920" spans="14:14">
      <c r="N982920" s="10"/>
    </row>
    <row r="982921" spans="14:14">
      <c r="N982921" s="10"/>
    </row>
    <row r="982922" spans="14:14">
      <c r="N982922" s="10"/>
    </row>
    <row r="982923" spans="14:14">
      <c r="N982923" s="10"/>
    </row>
    <row r="982924" spans="14:14">
      <c r="N982924" s="10"/>
    </row>
    <row r="982925" spans="14:14">
      <c r="N982925" s="10"/>
    </row>
    <row r="982926" spans="14:14">
      <c r="N982926" s="10"/>
    </row>
    <row r="982927" spans="14:14">
      <c r="N982927" s="10"/>
    </row>
    <row r="982928" spans="14:14">
      <c r="N982928" s="10"/>
    </row>
    <row r="982929" spans="14:14">
      <c r="N982929" s="10"/>
    </row>
    <row r="982930" spans="14:14">
      <c r="N982930" s="10"/>
    </row>
    <row r="982931" spans="14:14">
      <c r="N982931" s="10"/>
    </row>
    <row r="982932" spans="14:14">
      <c r="N982932" s="10"/>
    </row>
    <row r="982933" spans="14:14">
      <c r="N982933" s="10"/>
    </row>
    <row r="982934" spans="14:14">
      <c r="N982934" s="10"/>
    </row>
    <row r="982935" spans="14:14">
      <c r="N982935" s="10"/>
    </row>
    <row r="982936" spans="14:14">
      <c r="N982936" s="10"/>
    </row>
    <row r="982937" spans="14:14">
      <c r="N982937" s="10"/>
    </row>
    <row r="982938" spans="14:14">
      <c r="N982938" s="10"/>
    </row>
    <row r="982939" spans="14:14">
      <c r="N982939" s="10"/>
    </row>
    <row r="982940" spans="14:14">
      <c r="N982940" s="10"/>
    </row>
    <row r="982941" spans="14:14">
      <c r="N982941" s="10"/>
    </row>
    <row r="982942" spans="14:14">
      <c r="N982942" s="10"/>
    </row>
    <row r="982943" spans="14:14">
      <c r="N982943" s="10"/>
    </row>
    <row r="982944" spans="14:14">
      <c r="N982944" s="10"/>
    </row>
    <row r="982945" spans="14:14">
      <c r="N982945" s="10"/>
    </row>
    <row r="982946" spans="14:14">
      <c r="N982946" s="10"/>
    </row>
    <row r="982947" spans="14:14">
      <c r="N982947" s="10"/>
    </row>
    <row r="982948" spans="14:14">
      <c r="N982948" s="10"/>
    </row>
    <row r="982949" spans="14:14">
      <c r="N982949" s="10"/>
    </row>
    <row r="982950" spans="14:14">
      <c r="N982950" s="10"/>
    </row>
    <row r="982951" spans="14:14">
      <c r="N982951" s="10"/>
    </row>
    <row r="982952" spans="14:14">
      <c r="N982952" s="10"/>
    </row>
    <row r="982953" spans="14:14">
      <c r="N982953" s="10"/>
    </row>
    <row r="982954" spans="14:14">
      <c r="N982954" s="10"/>
    </row>
    <row r="982955" spans="14:14">
      <c r="N982955" s="10"/>
    </row>
    <row r="982956" spans="14:14">
      <c r="N982956" s="10"/>
    </row>
    <row r="982957" spans="14:14">
      <c r="N982957" s="10"/>
    </row>
    <row r="982958" spans="14:14">
      <c r="N982958" s="10"/>
    </row>
    <row r="982959" spans="14:14">
      <c r="N982959" s="10"/>
    </row>
    <row r="982960" spans="14:14">
      <c r="N982960" s="10"/>
    </row>
    <row r="982961" spans="14:14">
      <c r="N982961" s="10"/>
    </row>
    <row r="982962" spans="14:14">
      <c r="N982962" s="10"/>
    </row>
    <row r="982963" spans="14:14">
      <c r="N982963" s="10"/>
    </row>
    <row r="982964" spans="14:14">
      <c r="N982964" s="10"/>
    </row>
    <row r="982965" spans="14:14">
      <c r="N982965" s="10"/>
    </row>
    <row r="982966" spans="14:14">
      <c r="N982966" s="10"/>
    </row>
    <row r="982967" spans="14:14">
      <c r="N982967" s="10"/>
    </row>
    <row r="982968" spans="14:14">
      <c r="N982968" s="10"/>
    </row>
    <row r="982969" spans="14:14">
      <c r="N982969" s="10"/>
    </row>
    <row r="982970" spans="14:14">
      <c r="N982970" s="10"/>
    </row>
    <row r="982971" spans="14:14">
      <c r="N982971" s="10"/>
    </row>
    <row r="982972" spans="14:14">
      <c r="N982972" s="10"/>
    </row>
    <row r="982973" spans="14:14">
      <c r="N982973" s="10"/>
    </row>
    <row r="982974" spans="14:14">
      <c r="N982974" s="10"/>
    </row>
    <row r="982975" spans="14:14">
      <c r="N982975" s="10"/>
    </row>
    <row r="982976" spans="14:14">
      <c r="N982976" s="10"/>
    </row>
    <row r="982977" spans="14:14">
      <c r="N982977" s="10"/>
    </row>
    <row r="982978" spans="14:14">
      <c r="N982978" s="10"/>
    </row>
    <row r="982979" spans="14:14">
      <c r="N982979" s="10"/>
    </row>
    <row r="982980" spans="14:14">
      <c r="N982980" s="10"/>
    </row>
    <row r="982981" spans="14:14">
      <c r="N982981" s="10"/>
    </row>
    <row r="982982" spans="14:14">
      <c r="N982982" s="10"/>
    </row>
    <row r="982983" spans="14:14">
      <c r="N982983" s="10"/>
    </row>
    <row r="982984" spans="14:14">
      <c r="N982984" s="10"/>
    </row>
    <row r="982985" spans="14:14">
      <c r="N982985" s="10"/>
    </row>
    <row r="982986" spans="14:14">
      <c r="N982986" s="10"/>
    </row>
    <row r="982987" spans="14:14">
      <c r="N982987" s="10"/>
    </row>
    <row r="982988" spans="14:14">
      <c r="N982988" s="10"/>
    </row>
    <row r="982989" spans="14:14">
      <c r="N982989" s="10"/>
    </row>
    <row r="982990" spans="14:14">
      <c r="N982990" s="10"/>
    </row>
    <row r="982991" spans="14:14">
      <c r="N982991" s="10"/>
    </row>
    <row r="982992" spans="14:14">
      <c r="N982992" s="10"/>
    </row>
    <row r="982993" spans="14:14">
      <c r="N982993" s="10"/>
    </row>
    <row r="982994" spans="14:14">
      <c r="N982994" s="10"/>
    </row>
    <row r="982995" spans="14:14">
      <c r="N982995" s="10"/>
    </row>
    <row r="982996" spans="14:14">
      <c r="N982996" s="10"/>
    </row>
    <row r="982997" spans="14:14">
      <c r="N982997" s="10"/>
    </row>
    <row r="982998" spans="14:14">
      <c r="N982998" s="10"/>
    </row>
    <row r="982999" spans="14:14">
      <c r="N982999" s="10"/>
    </row>
    <row r="983000" spans="14:14">
      <c r="N983000" s="10"/>
    </row>
    <row r="983001" spans="14:14">
      <c r="N983001" s="10"/>
    </row>
    <row r="983002" spans="14:14">
      <c r="N983002" s="10"/>
    </row>
    <row r="983003" spans="14:14">
      <c r="N983003" s="10"/>
    </row>
    <row r="983004" spans="14:14">
      <c r="N983004" s="10"/>
    </row>
    <row r="983005" spans="14:14">
      <c r="N983005" s="10"/>
    </row>
    <row r="983006" spans="14:14">
      <c r="N983006" s="10"/>
    </row>
    <row r="983007" spans="14:14">
      <c r="N983007" s="10"/>
    </row>
    <row r="983008" spans="14:14">
      <c r="N983008" s="10"/>
    </row>
    <row r="983009" spans="14:14">
      <c r="N983009" s="10"/>
    </row>
    <row r="983010" spans="14:14">
      <c r="N983010" s="10"/>
    </row>
    <row r="983011" spans="14:14">
      <c r="N983011" s="10"/>
    </row>
    <row r="983012" spans="14:14">
      <c r="N983012" s="10"/>
    </row>
    <row r="983013" spans="14:14">
      <c r="N983013" s="10"/>
    </row>
    <row r="983014" spans="14:14">
      <c r="N983014" s="10"/>
    </row>
    <row r="983015" spans="14:14">
      <c r="N983015" s="10"/>
    </row>
    <row r="983016" spans="14:14">
      <c r="N983016" s="10"/>
    </row>
    <row r="983017" spans="14:14">
      <c r="N983017" s="10"/>
    </row>
    <row r="983018" spans="14:14">
      <c r="N983018" s="10"/>
    </row>
    <row r="983019" spans="14:14">
      <c r="N983019" s="10"/>
    </row>
    <row r="983020" spans="14:14">
      <c r="N983020" s="10"/>
    </row>
    <row r="983021" spans="14:14">
      <c r="N983021" s="10"/>
    </row>
    <row r="983022" spans="14:14">
      <c r="N983022" s="10"/>
    </row>
    <row r="983023" spans="14:14">
      <c r="N983023" s="10"/>
    </row>
    <row r="983024" spans="14:14">
      <c r="N983024" s="10"/>
    </row>
    <row r="983025" spans="14:14">
      <c r="N983025" s="10"/>
    </row>
    <row r="983026" spans="14:14">
      <c r="N983026" s="10"/>
    </row>
    <row r="983027" spans="14:14">
      <c r="N983027" s="10"/>
    </row>
    <row r="983028" spans="14:14">
      <c r="N983028" s="10"/>
    </row>
    <row r="983029" spans="14:14">
      <c r="N983029" s="10"/>
    </row>
    <row r="983030" spans="14:14">
      <c r="N983030" s="10"/>
    </row>
    <row r="983031" spans="14:14">
      <c r="N983031" s="10"/>
    </row>
    <row r="983032" spans="14:14">
      <c r="N983032" s="10"/>
    </row>
    <row r="983033" spans="14:14">
      <c r="N983033" s="10"/>
    </row>
    <row r="983034" spans="14:14">
      <c r="N983034" s="10"/>
    </row>
    <row r="983035" spans="14:14">
      <c r="N983035" s="10"/>
    </row>
    <row r="983036" spans="14:14">
      <c r="N983036" s="10"/>
    </row>
    <row r="983037" spans="14:14">
      <c r="N983037" s="10"/>
    </row>
    <row r="983038" spans="14:14">
      <c r="N983038" s="10"/>
    </row>
    <row r="983039" spans="14:14">
      <c r="N983039" s="10"/>
    </row>
    <row r="983040" spans="14:14">
      <c r="N983040" s="10"/>
    </row>
    <row r="983041" spans="14:14">
      <c r="N983041" s="10"/>
    </row>
    <row r="983042" spans="14:14">
      <c r="N983042" s="10"/>
    </row>
    <row r="983043" spans="14:14">
      <c r="N983043" s="10"/>
    </row>
    <row r="983044" spans="14:14">
      <c r="N983044" s="10"/>
    </row>
    <row r="983045" spans="14:14">
      <c r="N983045" s="10"/>
    </row>
    <row r="983046" spans="14:14">
      <c r="N983046" s="10"/>
    </row>
    <row r="983047" spans="14:14">
      <c r="N983047" s="10"/>
    </row>
    <row r="983048" spans="14:14">
      <c r="N983048" s="10"/>
    </row>
    <row r="983049" spans="14:14">
      <c r="N983049" s="10"/>
    </row>
    <row r="983050" spans="14:14">
      <c r="N983050" s="10"/>
    </row>
    <row r="983051" spans="14:14">
      <c r="N983051" s="10"/>
    </row>
    <row r="983052" spans="14:14">
      <c r="N983052" s="10"/>
    </row>
    <row r="983053" spans="14:14">
      <c r="N983053" s="10"/>
    </row>
    <row r="983054" spans="14:14">
      <c r="N983054" s="10"/>
    </row>
    <row r="983055" spans="14:14">
      <c r="N983055" s="10"/>
    </row>
    <row r="983056" spans="14:14">
      <c r="N983056" s="10"/>
    </row>
    <row r="983057" spans="14:14">
      <c r="N983057" s="10"/>
    </row>
    <row r="983058" spans="14:14">
      <c r="N983058" s="10"/>
    </row>
    <row r="983059" spans="14:14">
      <c r="N983059" s="10"/>
    </row>
    <row r="983060" spans="14:14">
      <c r="N983060" s="10"/>
    </row>
    <row r="983061" spans="14:14">
      <c r="N983061" s="10"/>
    </row>
    <row r="983062" spans="14:14">
      <c r="N983062" s="10"/>
    </row>
    <row r="983063" spans="14:14">
      <c r="N983063" s="10"/>
    </row>
    <row r="983064" spans="14:14">
      <c r="N983064" s="10"/>
    </row>
    <row r="983065" spans="14:14">
      <c r="N983065" s="10"/>
    </row>
    <row r="983066" spans="14:14">
      <c r="N983066" s="10"/>
    </row>
    <row r="983067" spans="14:14">
      <c r="N983067" s="10"/>
    </row>
    <row r="983068" spans="14:14">
      <c r="N983068" s="10"/>
    </row>
    <row r="983069" spans="14:14">
      <c r="N983069" s="10"/>
    </row>
    <row r="983070" spans="14:14">
      <c r="N983070" s="10"/>
    </row>
    <row r="983071" spans="14:14">
      <c r="N983071" s="10"/>
    </row>
    <row r="983072" spans="14:14">
      <c r="N983072" s="10"/>
    </row>
    <row r="983073" spans="14:14">
      <c r="N983073" s="10"/>
    </row>
    <row r="983074" spans="14:14">
      <c r="N983074" s="10"/>
    </row>
    <row r="983075" spans="14:14">
      <c r="N983075" s="10"/>
    </row>
    <row r="983076" spans="14:14">
      <c r="N983076" s="10"/>
    </row>
    <row r="983077" spans="14:14">
      <c r="N983077" s="10"/>
    </row>
    <row r="983078" spans="14:14">
      <c r="N983078" s="10"/>
    </row>
    <row r="983079" spans="14:14">
      <c r="N983079" s="10"/>
    </row>
    <row r="983080" spans="14:14">
      <c r="N983080" s="10"/>
    </row>
    <row r="983081" spans="14:14">
      <c r="N983081" s="10"/>
    </row>
    <row r="983082" spans="14:14">
      <c r="N983082" s="10"/>
    </row>
    <row r="983083" spans="14:14">
      <c r="N983083" s="10"/>
    </row>
    <row r="983084" spans="14:14">
      <c r="N983084" s="10"/>
    </row>
    <row r="983085" spans="14:14">
      <c r="N983085" s="10"/>
    </row>
    <row r="983086" spans="14:14">
      <c r="N983086" s="10"/>
    </row>
    <row r="983087" spans="14:14">
      <c r="N983087" s="10"/>
    </row>
    <row r="983088" spans="14:14">
      <c r="N983088" s="10"/>
    </row>
    <row r="983089" spans="14:14">
      <c r="N983089" s="10"/>
    </row>
    <row r="983090" spans="14:14">
      <c r="N983090" s="10"/>
    </row>
    <row r="983091" spans="14:14">
      <c r="N983091" s="10"/>
    </row>
    <row r="983092" spans="14:14">
      <c r="N983092" s="10"/>
    </row>
    <row r="983093" spans="14:14">
      <c r="N983093" s="10"/>
    </row>
    <row r="983094" spans="14:14">
      <c r="N983094" s="10"/>
    </row>
    <row r="983095" spans="14:14">
      <c r="N983095" s="10"/>
    </row>
    <row r="983096" spans="14:14">
      <c r="N983096" s="10"/>
    </row>
    <row r="983097" spans="14:14">
      <c r="N983097" s="10"/>
    </row>
    <row r="983098" spans="14:14">
      <c r="N983098" s="10"/>
    </row>
    <row r="983099" spans="14:14">
      <c r="N983099" s="10"/>
    </row>
    <row r="983100" spans="14:14">
      <c r="N983100" s="10"/>
    </row>
    <row r="983101" spans="14:14">
      <c r="N983101" s="10"/>
    </row>
    <row r="983102" spans="14:14">
      <c r="N983102" s="10"/>
    </row>
    <row r="983103" spans="14:14">
      <c r="N983103" s="10"/>
    </row>
    <row r="983104" spans="14:14">
      <c r="N983104" s="10"/>
    </row>
    <row r="983105" spans="14:14">
      <c r="N983105" s="10"/>
    </row>
    <row r="983106" spans="14:14">
      <c r="N983106" s="10"/>
    </row>
    <row r="983107" spans="14:14">
      <c r="N983107" s="10"/>
    </row>
    <row r="983108" spans="14:14">
      <c r="N983108" s="10"/>
    </row>
    <row r="983109" spans="14:14">
      <c r="N983109" s="10"/>
    </row>
    <row r="983110" spans="14:14">
      <c r="N983110" s="10"/>
    </row>
    <row r="983111" spans="14:14">
      <c r="N983111" s="10"/>
    </row>
    <row r="983112" spans="14:14">
      <c r="N983112" s="10"/>
    </row>
    <row r="983113" spans="14:14">
      <c r="N983113" s="10"/>
    </row>
    <row r="983114" spans="14:14">
      <c r="N983114" s="10"/>
    </row>
    <row r="983115" spans="14:14">
      <c r="N983115" s="10"/>
    </row>
    <row r="983116" spans="14:14">
      <c r="N983116" s="10"/>
    </row>
    <row r="983117" spans="14:14">
      <c r="N983117" s="10"/>
    </row>
    <row r="983118" spans="14:14">
      <c r="N983118" s="10"/>
    </row>
    <row r="983119" spans="14:14">
      <c r="N983119" s="10"/>
    </row>
    <row r="983120" spans="14:14">
      <c r="N983120" s="10"/>
    </row>
    <row r="983121" spans="14:14">
      <c r="N983121" s="10"/>
    </row>
    <row r="983122" spans="14:14">
      <c r="N983122" s="10"/>
    </row>
    <row r="983123" spans="14:14">
      <c r="N983123" s="10"/>
    </row>
    <row r="983124" spans="14:14">
      <c r="N983124" s="10"/>
    </row>
    <row r="983125" spans="14:14">
      <c r="N983125" s="10"/>
    </row>
    <row r="983126" spans="14:14">
      <c r="N983126" s="10"/>
    </row>
    <row r="983127" spans="14:14">
      <c r="N983127" s="10"/>
    </row>
    <row r="983128" spans="14:14">
      <c r="N983128" s="10"/>
    </row>
    <row r="983129" spans="14:14">
      <c r="N983129" s="10"/>
    </row>
    <row r="983130" spans="14:14">
      <c r="N983130" s="10"/>
    </row>
    <row r="983131" spans="14:14">
      <c r="N983131" s="10"/>
    </row>
    <row r="983132" spans="14:14">
      <c r="N983132" s="10"/>
    </row>
    <row r="983133" spans="14:14">
      <c r="N983133" s="10"/>
    </row>
    <row r="983134" spans="14:14">
      <c r="N983134" s="10"/>
    </row>
    <row r="983135" spans="14:14">
      <c r="N983135" s="10"/>
    </row>
    <row r="983136" spans="14:14">
      <c r="N983136" s="10"/>
    </row>
    <row r="983137" spans="14:14">
      <c r="N983137" s="10"/>
    </row>
    <row r="983138" spans="14:14">
      <c r="N983138" s="10"/>
    </row>
    <row r="983139" spans="14:14">
      <c r="N983139" s="10"/>
    </row>
    <row r="983140" spans="14:14">
      <c r="N983140" s="10"/>
    </row>
    <row r="983141" spans="14:14">
      <c r="N983141" s="10"/>
    </row>
    <row r="983142" spans="14:14">
      <c r="N983142" s="10"/>
    </row>
    <row r="983143" spans="14:14">
      <c r="N983143" s="10"/>
    </row>
    <row r="983144" spans="14:14">
      <c r="N983144" s="10"/>
    </row>
    <row r="983145" spans="14:14">
      <c r="N983145" s="10"/>
    </row>
    <row r="983146" spans="14:14">
      <c r="N983146" s="10"/>
    </row>
    <row r="983147" spans="14:14">
      <c r="N983147" s="10"/>
    </row>
    <row r="983148" spans="14:14">
      <c r="N983148" s="10"/>
    </row>
    <row r="983149" spans="14:14">
      <c r="N983149" s="10"/>
    </row>
    <row r="983150" spans="14:14">
      <c r="N983150" s="10"/>
    </row>
    <row r="983151" spans="14:14">
      <c r="N983151" s="10"/>
    </row>
    <row r="983152" spans="14:14">
      <c r="N983152" s="10"/>
    </row>
    <row r="983153" spans="14:14">
      <c r="N983153" s="10"/>
    </row>
    <row r="983154" spans="14:14">
      <c r="N983154" s="10"/>
    </row>
    <row r="983155" spans="14:14">
      <c r="N983155" s="10"/>
    </row>
    <row r="983156" spans="14:14">
      <c r="N983156" s="10"/>
    </row>
    <row r="983157" spans="14:14">
      <c r="N983157" s="10"/>
    </row>
    <row r="983158" spans="14:14">
      <c r="N983158" s="10"/>
    </row>
    <row r="983159" spans="14:14">
      <c r="N983159" s="10"/>
    </row>
    <row r="983160" spans="14:14">
      <c r="N983160" s="10"/>
    </row>
    <row r="983161" spans="14:14">
      <c r="N983161" s="10"/>
    </row>
    <row r="983162" spans="14:14">
      <c r="N983162" s="10"/>
    </row>
    <row r="983163" spans="14:14">
      <c r="N983163" s="10"/>
    </row>
    <row r="983164" spans="14:14">
      <c r="N983164" s="10"/>
    </row>
    <row r="983165" spans="14:14">
      <c r="N983165" s="10"/>
    </row>
    <row r="983166" spans="14:14">
      <c r="N983166" s="10"/>
    </row>
    <row r="983167" spans="14:14">
      <c r="N983167" s="10"/>
    </row>
    <row r="983168" spans="14:14">
      <c r="N983168" s="10"/>
    </row>
    <row r="983169" spans="14:14">
      <c r="N983169" s="10"/>
    </row>
    <row r="983170" spans="14:14">
      <c r="N983170" s="10"/>
    </row>
    <row r="983171" spans="14:14">
      <c r="N983171" s="10"/>
    </row>
    <row r="983172" spans="14:14">
      <c r="N983172" s="10"/>
    </row>
    <row r="983173" spans="14:14">
      <c r="N983173" s="10"/>
    </row>
    <row r="983174" spans="14:14">
      <c r="N983174" s="10"/>
    </row>
    <row r="983175" spans="14:14">
      <c r="N983175" s="10"/>
    </row>
    <row r="983176" spans="14:14">
      <c r="N983176" s="10"/>
    </row>
    <row r="983177" spans="14:14">
      <c r="N983177" s="10"/>
    </row>
    <row r="983178" spans="14:14">
      <c r="N983178" s="10"/>
    </row>
    <row r="983179" spans="14:14">
      <c r="N983179" s="10"/>
    </row>
    <row r="983180" spans="14:14">
      <c r="N983180" s="10"/>
    </row>
    <row r="983181" spans="14:14">
      <c r="N983181" s="10"/>
    </row>
    <row r="983182" spans="14:14">
      <c r="N983182" s="10"/>
    </row>
    <row r="983183" spans="14:14">
      <c r="N983183" s="10"/>
    </row>
    <row r="983184" spans="14:14">
      <c r="N983184" s="10"/>
    </row>
    <row r="983185" spans="14:14">
      <c r="N983185" s="10"/>
    </row>
    <row r="983186" spans="14:14">
      <c r="N983186" s="10"/>
    </row>
    <row r="983187" spans="14:14">
      <c r="N983187" s="10"/>
    </row>
    <row r="983188" spans="14:14">
      <c r="N983188" s="10"/>
    </row>
    <row r="983189" spans="14:14">
      <c r="N983189" s="10"/>
    </row>
    <row r="983190" spans="14:14">
      <c r="N983190" s="10"/>
    </row>
    <row r="983191" spans="14:14">
      <c r="N983191" s="10"/>
    </row>
    <row r="983192" spans="14:14">
      <c r="N983192" s="10"/>
    </row>
    <row r="983193" spans="14:14">
      <c r="N983193" s="10"/>
    </row>
    <row r="983194" spans="14:14">
      <c r="N983194" s="10"/>
    </row>
    <row r="983195" spans="14:14">
      <c r="N983195" s="10"/>
    </row>
    <row r="983196" spans="14:14">
      <c r="N983196" s="10"/>
    </row>
    <row r="983197" spans="14:14">
      <c r="N983197" s="10"/>
    </row>
    <row r="983198" spans="14:14">
      <c r="N983198" s="10"/>
    </row>
    <row r="983199" spans="14:14">
      <c r="N983199" s="10"/>
    </row>
    <row r="983200" spans="14:14">
      <c r="N983200" s="10"/>
    </row>
    <row r="983201" spans="14:14">
      <c r="N983201" s="10"/>
    </row>
    <row r="983202" spans="14:14">
      <c r="N983202" s="10"/>
    </row>
    <row r="983203" spans="14:14">
      <c r="N983203" s="10"/>
    </row>
    <row r="983204" spans="14:14">
      <c r="N983204" s="10"/>
    </row>
    <row r="983205" spans="14:14">
      <c r="N983205" s="10"/>
    </row>
    <row r="983206" spans="14:14">
      <c r="N983206" s="10"/>
    </row>
    <row r="983207" spans="14:14">
      <c r="N983207" s="10"/>
    </row>
    <row r="983208" spans="14:14">
      <c r="N983208" s="10"/>
    </row>
    <row r="983209" spans="14:14">
      <c r="N983209" s="10"/>
    </row>
    <row r="983210" spans="14:14">
      <c r="N983210" s="10"/>
    </row>
    <row r="983211" spans="14:14">
      <c r="N983211" s="10"/>
    </row>
    <row r="983212" spans="14:14">
      <c r="N983212" s="10"/>
    </row>
    <row r="983213" spans="14:14">
      <c r="N983213" s="10"/>
    </row>
    <row r="983214" spans="14:14">
      <c r="N983214" s="10"/>
    </row>
    <row r="983215" spans="14:14">
      <c r="N983215" s="10"/>
    </row>
    <row r="983216" spans="14:14">
      <c r="N983216" s="10"/>
    </row>
    <row r="983217" spans="14:14">
      <c r="N983217" s="10"/>
    </row>
    <row r="983218" spans="14:14">
      <c r="N983218" s="10"/>
    </row>
    <row r="983219" spans="14:14">
      <c r="N983219" s="10"/>
    </row>
    <row r="983220" spans="14:14">
      <c r="N983220" s="10"/>
    </row>
    <row r="983221" spans="14:14">
      <c r="N983221" s="10"/>
    </row>
    <row r="983222" spans="14:14">
      <c r="N983222" s="10"/>
    </row>
    <row r="983223" spans="14:14">
      <c r="N983223" s="10"/>
    </row>
    <row r="983224" spans="14:14">
      <c r="N983224" s="10"/>
    </row>
    <row r="983225" spans="14:14">
      <c r="N983225" s="10"/>
    </row>
    <row r="983226" spans="14:14">
      <c r="N983226" s="10"/>
    </row>
    <row r="983227" spans="14:14">
      <c r="N983227" s="10"/>
    </row>
    <row r="983228" spans="14:14">
      <c r="N983228" s="10"/>
    </row>
    <row r="983229" spans="14:14">
      <c r="N983229" s="10"/>
    </row>
    <row r="983230" spans="14:14">
      <c r="N983230" s="10"/>
    </row>
    <row r="983231" spans="14:14">
      <c r="N983231" s="10"/>
    </row>
    <row r="983232" spans="14:14">
      <c r="N983232" s="10"/>
    </row>
    <row r="983233" spans="14:14">
      <c r="N983233" s="10"/>
    </row>
    <row r="983234" spans="14:14">
      <c r="N983234" s="10"/>
    </row>
    <row r="983235" spans="14:14">
      <c r="N983235" s="10"/>
    </row>
    <row r="983236" spans="14:14">
      <c r="N983236" s="10"/>
    </row>
    <row r="983237" spans="14:14">
      <c r="N983237" s="10"/>
    </row>
    <row r="983238" spans="14:14">
      <c r="N983238" s="10"/>
    </row>
    <row r="983239" spans="14:14">
      <c r="N983239" s="10"/>
    </row>
    <row r="983240" spans="14:14">
      <c r="N983240" s="10"/>
    </row>
    <row r="983241" spans="14:14">
      <c r="N983241" s="10"/>
    </row>
    <row r="983242" spans="14:14">
      <c r="N983242" s="10"/>
    </row>
    <row r="983243" spans="14:14">
      <c r="N983243" s="10"/>
    </row>
    <row r="983244" spans="14:14">
      <c r="N983244" s="10"/>
    </row>
    <row r="983245" spans="14:14">
      <c r="N983245" s="10"/>
    </row>
    <row r="983246" spans="14:14">
      <c r="N983246" s="10"/>
    </row>
    <row r="983247" spans="14:14">
      <c r="N983247" s="10"/>
    </row>
    <row r="983248" spans="14:14">
      <c r="N983248" s="10"/>
    </row>
    <row r="983249" spans="14:14">
      <c r="N983249" s="10"/>
    </row>
    <row r="983250" spans="14:14">
      <c r="N983250" s="10"/>
    </row>
    <row r="983251" spans="14:14">
      <c r="N983251" s="10"/>
    </row>
    <row r="983252" spans="14:14">
      <c r="N983252" s="10"/>
    </row>
    <row r="983253" spans="14:14">
      <c r="N983253" s="10"/>
    </row>
    <row r="983254" spans="14:14">
      <c r="N983254" s="10"/>
    </row>
    <row r="983255" spans="14:14">
      <c r="N983255" s="10"/>
    </row>
    <row r="983256" spans="14:14">
      <c r="N983256" s="10"/>
    </row>
    <row r="983257" spans="14:14">
      <c r="N983257" s="10"/>
    </row>
    <row r="983258" spans="14:14">
      <c r="N983258" s="10"/>
    </row>
    <row r="983259" spans="14:14">
      <c r="N983259" s="10"/>
    </row>
    <row r="983260" spans="14:14">
      <c r="N983260" s="10"/>
    </row>
    <row r="983261" spans="14:14">
      <c r="N983261" s="10"/>
    </row>
    <row r="983262" spans="14:14">
      <c r="N983262" s="10"/>
    </row>
    <row r="983263" spans="14:14">
      <c r="N983263" s="10"/>
    </row>
    <row r="983264" spans="14:14">
      <c r="N983264" s="10"/>
    </row>
    <row r="983265" spans="14:14">
      <c r="N983265" s="10"/>
    </row>
    <row r="983266" spans="14:14">
      <c r="N983266" s="10"/>
    </row>
    <row r="983267" spans="14:14">
      <c r="N983267" s="10"/>
    </row>
    <row r="983268" spans="14:14">
      <c r="N983268" s="10"/>
    </row>
    <row r="983269" spans="14:14">
      <c r="N983269" s="10"/>
    </row>
    <row r="983270" spans="14:14">
      <c r="N983270" s="10"/>
    </row>
    <row r="983271" spans="14:14">
      <c r="N983271" s="10"/>
    </row>
    <row r="983272" spans="14:14">
      <c r="N983272" s="10"/>
    </row>
    <row r="983273" spans="14:14">
      <c r="N983273" s="10"/>
    </row>
    <row r="983274" spans="14:14">
      <c r="N983274" s="10"/>
    </row>
    <row r="983275" spans="14:14">
      <c r="N983275" s="10"/>
    </row>
    <row r="983276" spans="14:14">
      <c r="N983276" s="10"/>
    </row>
    <row r="983277" spans="14:14">
      <c r="N983277" s="10"/>
    </row>
    <row r="983278" spans="14:14">
      <c r="N983278" s="10"/>
    </row>
    <row r="983279" spans="14:14">
      <c r="N983279" s="10"/>
    </row>
    <row r="983280" spans="14:14">
      <c r="N983280" s="10"/>
    </row>
    <row r="983281" spans="14:14">
      <c r="N983281" s="10"/>
    </row>
    <row r="983282" spans="14:14">
      <c r="N983282" s="10"/>
    </row>
    <row r="983283" spans="14:14">
      <c r="N983283" s="10"/>
    </row>
    <row r="983284" spans="14:14">
      <c r="N983284" s="10"/>
    </row>
    <row r="983285" spans="14:14">
      <c r="N983285" s="10"/>
    </row>
    <row r="983286" spans="14:14">
      <c r="N983286" s="10"/>
    </row>
    <row r="983287" spans="14:14">
      <c r="N983287" s="10"/>
    </row>
    <row r="983288" spans="14:14">
      <c r="N983288" s="10"/>
    </row>
    <row r="983289" spans="14:14">
      <c r="N983289" s="10"/>
    </row>
    <row r="983290" spans="14:14">
      <c r="N983290" s="10"/>
    </row>
    <row r="983291" spans="14:14">
      <c r="N983291" s="10"/>
    </row>
    <row r="983292" spans="14:14">
      <c r="N983292" s="10"/>
    </row>
    <row r="983293" spans="14:14">
      <c r="N983293" s="10"/>
    </row>
    <row r="983294" spans="14:14">
      <c r="N983294" s="10"/>
    </row>
    <row r="983295" spans="14:14">
      <c r="N983295" s="10"/>
    </row>
    <row r="983296" spans="14:14">
      <c r="N983296" s="10"/>
    </row>
    <row r="983297" spans="14:14">
      <c r="N983297" s="10"/>
    </row>
    <row r="983298" spans="14:14">
      <c r="N983298" s="10"/>
    </row>
    <row r="983299" spans="14:14">
      <c r="N983299" s="10"/>
    </row>
    <row r="983300" spans="14:14">
      <c r="N983300" s="10"/>
    </row>
    <row r="983301" spans="14:14">
      <c r="N983301" s="10"/>
    </row>
    <row r="983302" spans="14:14">
      <c r="N983302" s="10"/>
    </row>
    <row r="983303" spans="14:14">
      <c r="N983303" s="10"/>
    </row>
    <row r="983304" spans="14:14">
      <c r="N983304" s="10"/>
    </row>
    <row r="983305" spans="14:14">
      <c r="N983305" s="10"/>
    </row>
    <row r="983306" spans="14:14">
      <c r="N983306" s="10"/>
    </row>
    <row r="983307" spans="14:14">
      <c r="N983307" s="10"/>
    </row>
    <row r="983308" spans="14:14">
      <c r="N983308" s="10"/>
    </row>
    <row r="983309" spans="14:14">
      <c r="N983309" s="10"/>
    </row>
    <row r="983310" spans="14:14">
      <c r="N983310" s="10"/>
    </row>
    <row r="983311" spans="14:14">
      <c r="N983311" s="10"/>
    </row>
    <row r="983312" spans="14:14">
      <c r="N983312" s="10"/>
    </row>
    <row r="983313" spans="14:14">
      <c r="N983313" s="10"/>
    </row>
    <row r="983314" spans="14:14">
      <c r="N983314" s="10"/>
    </row>
    <row r="983315" spans="14:14">
      <c r="N983315" s="10"/>
    </row>
    <row r="983316" spans="14:14">
      <c r="N983316" s="10"/>
    </row>
    <row r="983317" spans="14:14">
      <c r="N983317" s="10"/>
    </row>
    <row r="983318" spans="14:14">
      <c r="N983318" s="10"/>
    </row>
    <row r="983319" spans="14:14">
      <c r="N983319" s="10"/>
    </row>
    <row r="983320" spans="14:14">
      <c r="N983320" s="10"/>
    </row>
    <row r="983321" spans="14:14">
      <c r="N983321" s="10"/>
    </row>
    <row r="983322" spans="14:14">
      <c r="N983322" s="10"/>
    </row>
    <row r="983323" spans="14:14">
      <c r="N983323" s="10"/>
    </row>
    <row r="983324" spans="14:14">
      <c r="N983324" s="10"/>
    </row>
    <row r="983325" spans="14:14">
      <c r="N983325" s="10"/>
    </row>
    <row r="983326" spans="14:14">
      <c r="N983326" s="10"/>
    </row>
    <row r="983327" spans="14:14">
      <c r="N983327" s="10"/>
    </row>
    <row r="983328" spans="14:14">
      <c r="N983328" s="10"/>
    </row>
    <row r="983329" spans="14:14">
      <c r="N983329" s="10"/>
    </row>
    <row r="983330" spans="14:14">
      <c r="N983330" s="10"/>
    </row>
    <row r="983331" spans="14:14">
      <c r="N983331" s="10"/>
    </row>
    <row r="983332" spans="14:14">
      <c r="N983332" s="10"/>
    </row>
    <row r="983333" spans="14:14">
      <c r="N983333" s="10"/>
    </row>
    <row r="983334" spans="14:14">
      <c r="N983334" s="10"/>
    </row>
    <row r="983335" spans="14:14">
      <c r="N983335" s="10"/>
    </row>
    <row r="983336" spans="14:14">
      <c r="N983336" s="10"/>
    </row>
    <row r="983337" spans="14:14">
      <c r="N983337" s="10"/>
    </row>
    <row r="983338" spans="14:14">
      <c r="N983338" s="10"/>
    </row>
    <row r="983339" spans="14:14">
      <c r="N983339" s="10"/>
    </row>
    <row r="983340" spans="14:14">
      <c r="N983340" s="10"/>
    </row>
    <row r="983341" spans="14:14">
      <c r="N983341" s="10"/>
    </row>
    <row r="983342" spans="14:14">
      <c r="N983342" s="10"/>
    </row>
    <row r="983343" spans="14:14">
      <c r="N983343" s="10"/>
    </row>
    <row r="983344" spans="14:14">
      <c r="N983344" s="10"/>
    </row>
    <row r="983345" spans="14:14">
      <c r="N983345" s="10"/>
    </row>
    <row r="983346" spans="14:14">
      <c r="N983346" s="10"/>
    </row>
    <row r="983347" spans="14:14">
      <c r="N983347" s="10"/>
    </row>
    <row r="983348" spans="14:14">
      <c r="N983348" s="10"/>
    </row>
    <row r="983349" spans="14:14">
      <c r="N983349" s="10"/>
    </row>
    <row r="983350" spans="14:14">
      <c r="N983350" s="10"/>
    </row>
    <row r="983351" spans="14:14">
      <c r="N983351" s="10"/>
    </row>
    <row r="983352" spans="14:14">
      <c r="N983352" s="10"/>
    </row>
    <row r="983353" spans="14:14">
      <c r="N983353" s="10"/>
    </row>
    <row r="983354" spans="14:14">
      <c r="N983354" s="10"/>
    </row>
    <row r="983355" spans="14:14">
      <c r="N983355" s="10"/>
    </row>
    <row r="983356" spans="14:14">
      <c r="N983356" s="10"/>
    </row>
    <row r="983357" spans="14:14">
      <c r="N983357" s="10"/>
    </row>
    <row r="983358" spans="14:14">
      <c r="N983358" s="10"/>
    </row>
    <row r="983359" spans="14:14">
      <c r="N983359" s="10"/>
    </row>
    <row r="983360" spans="14:14">
      <c r="N983360" s="10"/>
    </row>
    <row r="983361" spans="14:14">
      <c r="N983361" s="10"/>
    </row>
    <row r="983362" spans="14:14">
      <c r="N983362" s="10"/>
    </row>
    <row r="983363" spans="14:14">
      <c r="N983363" s="10"/>
    </row>
    <row r="983364" spans="14:14">
      <c r="N983364" s="10"/>
    </row>
    <row r="983365" spans="14:14">
      <c r="N983365" s="10"/>
    </row>
    <row r="983366" spans="14:14">
      <c r="N983366" s="10"/>
    </row>
    <row r="983367" spans="14:14">
      <c r="N983367" s="10"/>
    </row>
    <row r="983368" spans="14:14">
      <c r="N983368" s="10"/>
    </row>
    <row r="983369" spans="14:14">
      <c r="N983369" s="10"/>
    </row>
    <row r="983370" spans="14:14">
      <c r="N983370" s="10"/>
    </row>
    <row r="983371" spans="14:14">
      <c r="N983371" s="10"/>
    </row>
    <row r="983372" spans="14:14">
      <c r="N983372" s="10"/>
    </row>
    <row r="983373" spans="14:14">
      <c r="N983373" s="10"/>
    </row>
    <row r="983374" spans="14:14">
      <c r="N983374" s="10"/>
    </row>
    <row r="983375" spans="14:14">
      <c r="N983375" s="10"/>
    </row>
    <row r="983376" spans="14:14">
      <c r="N983376" s="10"/>
    </row>
    <row r="983377" spans="14:14">
      <c r="N983377" s="10"/>
    </row>
    <row r="983378" spans="14:14">
      <c r="N983378" s="10"/>
    </row>
    <row r="983379" spans="14:14">
      <c r="N983379" s="10"/>
    </row>
    <row r="983380" spans="14:14">
      <c r="N983380" s="10"/>
    </row>
    <row r="983381" spans="14:14">
      <c r="N983381" s="10"/>
    </row>
    <row r="983382" spans="14:14">
      <c r="N983382" s="10"/>
    </row>
    <row r="983383" spans="14:14">
      <c r="N983383" s="10"/>
    </row>
    <row r="983384" spans="14:14">
      <c r="N983384" s="10"/>
    </row>
    <row r="983385" spans="14:14">
      <c r="N983385" s="10"/>
    </row>
    <row r="983386" spans="14:14">
      <c r="N983386" s="10"/>
    </row>
    <row r="983387" spans="14:14">
      <c r="N983387" s="10"/>
    </row>
    <row r="983388" spans="14:14">
      <c r="N983388" s="10"/>
    </row>
    <row r="983389" spans="14:14">
      <c r="N983389" s="10"/>
    </row>
    <row r="983390" spans="14:14">
      <c r="N983390" s="10"/>
    </row>
    <row r="983391" spans="14:14">
      <c r="N983391" s="10"/>
    </row>
    <row r="983392" spans="14:14">
      <c r="N983392" s="10"/>
    </row>
    <row r="983393" spans="14:14">
      <c r="N983393" s="10"/>
    </row>
    <row r="983394" spans="14:14">
      <c r="N983394" s="10"/>
    </row>
    <row r="983395" spans="14:14">
      <c r="N983395" s="10"/>
    </row>
    <row r="983396" spans="14:14">
      <c r="N983396" s="10"/>
    </row>
    <row r="983397" spans="14:14">
      <c r="N983397" s="10"/>
    </row>
    <row r="983398" spans="14:14">
      <c r="N983398" s="10"/>
    </row>
    <row r="983399" spans="14:14">
      <c r="N983399" s="10"/>
    </row>
    <row r="983400" spans="14:14">
      <c r="N983400" s="10"/>
    </row>
    <row r="983401" spans="14:14">
      <c r="N983401" s="10"/>
    </row>
    <row r="983402" spans="14:14">
      <c r="N983402" s="10"/>
    </row>
    <row r="983403" spans="14:14">
      <c r="N983403" s="10"/>
    </row>
    <row r="983404" spans="14:14">
      <c r="N983404" s="10"/>
    </row>
    <row r="983405" spans="14:14">
      <c r="N983405" s="10"/>
    </row>
    <row r="983406" spans="14:14">
      <c r="N983406" s="10"/>
    </row>
    <row r="983407" spans="14:14">
      <c r="N983407" s="10"/>
    </row>
    <row r="983408" spans="14:14">
      <c r="N983408" s="10"/>
    </row>
    <row r="983409" spans="14:14">
      <c r="N983409" s="10"/>
    </row>
    <row r="983410" spans="14:14">
      <c r="N983410" s="10"/>
    </row>
    <row r="983411" spans="14:14">
      <c r="N983411" s="10"/>
    </row>
    <row r="983412" spans="14:14">
      <c r="N983412" s="10"/>
    </row>
    <row r="983413" spans="14:14">
      <c r="N983413" s="10"/>
    </row>
    <row r="983414" spans="14:14">
      <c r="N983414" s="10"/>
    </row>
    <row r="983415" spans="14:14">
      <c r="N983415" s="10"/>
    </row>
    <row r="983416" spans="14:14">
      <c r="N983416" s="10"/>
    </row>
    <row r="983417" spans="14:14">
      <c r="N983417" s="10"/>
    </row>
    <row r="983418" spans="14:14">
      <c r="N983418" s="10"/>
    </row>
    <row r="983419" spans="14:14">
      <c r="N983419" s="10"/>
    </row>
    <row r="983420" spans="14:14">
      <c r="N983420" s="10"/>
    </row>
    <row r="983421" spans="14:14">
      <c r="N983421" s="10"/>
    </row>
    <row r="983422" spans="14:14">
      <c r="N983422" s="10"/>
    </row>
    <row r="983423" spans="14:14">
      <c r="N983423" s="10"/>
    </row>
    <row r="983424" spans="14:14">
      <c r="N983424" s="10"/>
    </row>
    <row r="983425" spans="14:14">
      <c r="N983425" s="10"/>
    </row>
    <row r="983426" spans="14:14">
      <c r="N983426" s="10"/>
    </row>
    <row r="983427" spans="14:14">
      <c r="N983427" s="10"/>
    </row>
    <row r="983428" spans="14:14">
      <c r="N983428" s="10"/>
    </row>
    <row r="983429" spans="14:14">
      <c r="N983429" s="10"/>
    </row>
    <row r="983430" spans="14:14">
      <c r="N983430" s="10"/>
    </row>
    <row r="983431" spans="14:14">
      <c r="N983431" s="10"/>
    </row>
    <row r="983432" spans="14:14">
      <c r="N983432" s="10"/>
    </row>
    <row r="983433" spans="14:14">
      <c r="N983433" s="10"/>
    </row>
    <row r="983434" spans="14:14">
      <c r="N983434" s="10"/>
    </row>
    <row r="983435" spans="14:14">
      <c r="N983435" s="10"/>
    </row>
    <row r="983436" spans="14:14">
      <c r="N983436" s="10"/>
    </row>
    <row r="983437" spans="14:14">
      <c r="N983437" s="10"/>
    </row>
    <row r="983438" spans="14:14">
      <c r="N983438" s="10"/>
    </row>
    <row r="983439" spans="14:14">
      <c r="N983439" s="10"/>
    </row>
    <row r="983440" spans="14:14">
      <c r="N983440" s="10"/>
    </row>
    <row r="983441" spans="14:14">
      <c r="N983441" s="10"/>
    </row>
    <row r="983442" spans="14:14">
      <c r="N983442" s="10"/>
    </row>
    <row r="983443" spans="14:14">
      <c r="N983443" s="10"/>
    </row>
    <row r="983444" spans="14:14">
      <c r="N983444" s="10"/>
    </row>
    <row r="983445" spans="14:14">
      <c r="N983445" s="10"/>
    </row>
    <row r="983446" spans="14:14">
      <c r="N983446" s="10"/>
    </row>
    <row r="983447" spans="14:14">
      <c r="N983447" s="10"/>
    </row>
    <row r="983448" spans="14:14">
      <c r="N983448" s="10"/>
    </row>
    <row r="983449" spans="14:14">
      <c r="N983449" s="10"/>
    </row>
    <row r="983450" spans="14:14">
      <c r="N983450" s="10"/>
    </row>
    <row r="983451" spans="14:14">
      <c r="N983451" s="10"/>
    </row>
    <row r="983452" spans="14:14">
      <c r="N983452" s="10"/>
    </row>
    <row r="983453" spans="14:14">
      <c r="N983453" s="10"/>
    </row>
    <row r="983454" spans="14:14">
      <c r="N983454" s="10"/>
    </row>
    <row r="983455" spans="14:14">
      <c r="N983455" s="10"/>
    </row>
    <row r="983456" spans="14:14">
      <c r="N983456" s="10"/>
    </row>
    <row r="983457" spans="14:14">
      <c r="N983457" s="10"/>
    </row>
    <row r="983458" spans="14:14">
      <c r="N983458" s="10"/>
    </row>
    <row r="983459" spans="14:14">
      <c r="N983459" s="10"/>
    </row>
    <row r="983460" spans="14:14">
      <c r="N983460" s="10"/>
    </row>
    <row r="983461" spans="14:14">
      <c r="N983461" s="10"/>
    </row>
    <row r="983462" spans="14:14">
      <c r="N983462" s="10"/>
    </row>
    <row r="983463" spans="14:14">
      <c r="N983463" s="10"/>
    </row>
    <row r="983464" spans="14:14">
      <c r="N983464" s="10"/>
    </row>
    <row r="983465" spans="14:14">
      <c r="N983465" s="10"/>
    </row>
    <row r="983466" spans="14:14">
      <c r="N983466" s="10"/>
    </row>
    <row r="983467" spans="14:14">
      <c r="N983467" s="10"/>
    </row>
    <row r="983468" spans="14:14">
      <c r="N983468" s="10"/>
    </row>
    <row r="983469" spans="14:14">
      <c r="N983469" s="10"/>
    </row>
    <row r="983470" spans="14:14">
      <c r="N983470" s="10"/>
    </row>
    <row r="983471" spans="14:14">
      <c r="N983471" s="10"/>
    </row>
    <row r="983472" spans="14:14">
      <c r="N983472" s="10"/>
    </row>
    <row r="983473" spans="14:14">
      <c r="N983473" s="10"/>
    </row>
    <row r="983474" spans="14:14">
      <c r="N983474" s="10"/>
    </row>
    <row r="983475" spans="14:14">
      <c r="N983475" s="10"/>
    </row>
    <row r="983476" spans="14:14">
      <c r="N983476" s="10"/>
    </row>
    <row r="983477" spans="14:14">
      <c r="N983477" s="10"/>
    </row>
    <row r="983478" spans="14:14">
      <c r="N983478" s="10"/>
    </row>
    <row r="983479" spans="14:14">
      <c r="N983479" s="10"/>
    </row>
    <row r="983480" spans="14:14">
      <c r="N983480" s="10"/>
    </row>
    <row r="983481" spans="14:14">
      <c r="N983481" s="10"/>
    </row>
    <row r="983482" spans="14:14">
      <c r="N983482" s="10"/>
    </row>
    <row r="983483" spans="14:14">
      <c r="N983483" s="10"/>
    </row>
    <row r="983484" spans="14:14">
      <c r="N983484" s="10"/>
    </row>
    <row r="983485" spans="14:14">
      <c r="N983485" s="10"/>
    </row>
    <row r="983486" spans="14:14">
      <c r="N983486" s="10"/>
    </row>
    <row r="983487" spans="14:14">
      <c r="N983487" s="10"/>
    </row>
    <row r="983488" spans="14:14">
      <c r="N983488" s="10"/>
    </row>
    <row r="983489" spans="14:14">
      <c r="N983489" s="10"/>
    </row>
    <row r="983490" spans="14:14">
      <c r="N983490" s="10"/>
    </row>
    <row r="983491" spans="14:14">
      <c r="N983491" s="10"/>
    </row>
    <row r="983492" spans="14:14">
      <c r="N983492" s="10"/>
    </row>
    <row r="983493" spans="14:14">
      <c r="N983493" s="10"/>
    </row>
    <row r="983494" spans="14:14">
      <c r="N983494" s="10"/>
    </row>
    <row r="983495" spans="14:14">
      <c r="N983495" s="10"/>
    </row>
    <row r="983496" spans="14:14">
      <c r="N983496" s="10"/>
    </row>
    <row r="983497" spans="14:14">
      <c r="N983497" s="10"/>
    </row>
    <row r="983498" spans="14:14">
      <c r="N983498" s="10"/>
    </row>
    <row r="983499" spans="14:14">
      <c r="N983499" s="10"/>
    </row>
    <row r="983500" spans="14:14">
      <c r="N983500" s="10"/>
    </row>
    <row r="983501" spans="14:14">
      <c r="N983501" s="10"/>
    </row>
    <row r="983502" spans="14:14">
      <c r="N983502" s="10"/>
    </row>
    <row r="983503" spans="14:14">
      <c r="N983503" s="10"/>
    </row>
    <row r="983504" spans="14:14">
      <c r="N983504" s="10"/>
    </row>
    <row r="983505" spans="14:14">
      <c r="N983505" s="10"/>
    </row>
    <row r="983506" spans="14:14">
      <c r="N983506" s="10"/>
    </row>
    <row r="983507" spans="14:14">
      <c r="N983507" s="10"/>
    </row>
    <row r="983508" spans="14:14">
      <c r="N983508" s="10"/>
    </row>
    <row r="983509" spans="14:14">
      <c r="N983509" s="10"/>
    </row>
    <row r="983510" spans="14:14">
      <c r="N983510" s="10"/>
    </row>
    <row r="983511" spans="14:14">
      <c r="N983511" s="10"/>
    </row>
    <row r="983512" spans="14:14">
      <c r="N983512" s="10"/>
    </row>
    <row r="983513" spans="14:14">
      <c r="N983513" s="10"/>
    </row>
    <row r="983514" spans="14:14">
      <c r="N983514" s="10"/>
    </row>
    <row r="983515" spans="14:14">
      <c r="N983515" s="10"/>
    </row>
    <row r="983516" spans="14:14">
      <c r="N983516" s="10"/>
    </row>
    <row r="983517" spans="14:14">
      <c r="N983517" s="10"/>
    </row>
    <row r="983518" spans="14:14">
      <c r="N983518" s="10"/>
    </row>
    <row r="983519" spans="14:14">
      <c r="N983519" s="10"/>
    </row>
    <row r="983520" spans="14:14">
      <c r="N983520" s="10"/>
    </row>
    <row r="983521" spans="14:14">
      <c r="N983521" s="10"/>
    </row>
    <row r="983522" spans="14:14">
      <c r="N983522" s="10"/>
    </row>
    <row r="983523" spans="14:14">
      <c r="N983523" s="10"/>
    </row>
    <row r="983524" spans="14:14">
      <c r="N983524" s="10"/>
    </row>
    <row r="983525" spans="14:14">
      <c r="N983525" s="10"/>
    </row>
    <row r="983526" spans="14:14">
      <c r="N983526" s="10"/>
    </row>
    <row r="983527" spans="14:14">
      <c r="N983527" s="10"/>
    </row>
    <row r="983528" spans="14:14">
      <c r="N983528" s="10"/>
    </row>
    <row r="983529" spans="14:14">
      <c r="N983529" s="10"/>
    </row>
    <row r="983530" spans="14:14">
      <c r="N983530" s="10"/>
    </row>
    <row r="983531" spans="14:14">
      <c r="N983531" s="10"/>
    </row>
    <row r="983532" spans="14:14">
      <c r="N983532" s="10"/>
    </row>
    <row r="983533" spans="14:14">
      <c r="N983533" s="10"/>
    </row>
    <row r="983534" spans="14:14">
      <c r="N983534" s="10"/>
    </row>
    <row r="983535" spans="14:14">
      <c r="N983535" s="10"/>
    </row>
    <row r="983536" spans="14:14">
      <c r="N983536" s="10"/>
    </row>
    <row r="983537" spans="14:14">
      <c r="N983537" s="10"/>
    </row>
    <row r="983538" spans="14:14">
      <c r="N983538" s="10"/>
    </row>
    <row r="983539" spans="14:14">
      <c r="N983539" s="10"/>
    </row>
    <row r="983540" spans="14:14">
      <c r="N983540" s="10"/>
    </row>
    <row r="983541" spans="14:14">
      <c r="N983541" s="10"/>
    </row>
    <row r="983542" spans="14:14">
      <c r="N983542" s="10"/>
    </row>
    <row r="983543" spans="14:14">
      <c r="N983543" s="10"/>
    </row>
    <row r="983544" spans="14:14">
      <c r="N983544" s="10"/>
    </row>
    <row r="983545" spans="14:14">
      <c r="N983545" s="10"/>
    </row>
    <row r="983546" spans="14:14">
      <c r="N983546" s="10"/>
    </row>
    <row r="983547" spans="14:14">
      <c r="N983547" s="10"/>
    </row>
    <row r="983548" spans="14:14">
      <c r="N983548" s="10"/>
    </row>
    <row r="983549" spans="14:14">
      <c r="N983549" s="10"/>
    </row>
    <row r="983550" spans="14:14">
      <c r="N983550" s="10"/>
    </row>
    <row r="983551" spans="14:14">
      <c r="N983551" s="10"/>
    </row>
    <row r="983552" spans="14:14">
      <c r="N983552" s="10"/>
    </row>
    <row r="983553" spans="14:14">
      <c r="N983553" s="10"/>
    </row>
    <row r="983554" spans="14:14">
      <c r="N983554" s="10"/>
    </row>
    <row r="983555" spans="14:14">
      <c r="N983555" s="10"/>
    </row>
    <row r="983556" spans="14:14">
      <c r="N983556" s="10"/>
    </row>
    <row r="983557" spans="14:14">
      <c r="N983557" s="10"/>
    </row>
    <row r="983558" spans="14:14">
      <c r="N983558" s="10"/>
    </row>
    <row r="983559" spans="14:14">
      <c r="N983559" s="10"/>
    </row>
    <row r="983560" spans="14:14">
      <c r="N983560" s="10"/>
    </row>
    <row r="983561" spans="14:14">
      <c r="N983561" s="10"/>
    </row>
    <row r="983562" spans="14:14">
      <c r="N983562" s="10"/>
    </row>
    <row r="983563" spans="14:14">
      <c r="N983563" s="10"/>
    </row>
    <row r="983564" spans="14:14">
      <c r="N983564" s="10"/>
    </row>
    <row r="983565" spans="14:14">
      <c r="N983565" s="10"/>
    </row>
    <row r="983566" spans="14:14">
      <c r="N983566" s="10"/>
    </row>
    <row r="983567" spans="14:14">
      <c r="N983567" s="10"/>
    </row>
    <row r="983568" spans="14:14">
      <c r="N983568" s="10"/>
    </row>
    <row r="983569" spans="14:14">
      <c r="N983569" s="10"/>
    </row>
    <row r="983570" spans="14:14">
      <c r="N983570" s="10"/>
    </row>
    <row r="983571" spans="14:14">
      <c r="N983571" s="10"/>
    </row>
    <row r="983572" spans="14:14">
      <c r="N983572" s="10"/>
    </row>
    <row r="983573" spans="14:14">
      <c r="N983573" s="10"/>
    </row>
    <row r="983574" spans="14:14">
      <c r="N983574" s="10"/>
    </row>
    <row r="983575" spans="14:14">
      <c r="N983575" s="10"/>
    </row>
    <row r="983576" spans="14:14">
      <c r="N983576" s="10"/>
    </row>
    <row r="983577" spans="14:14">
      <c r="N983577" s="10"/>
    </row>
    <row r="983578" spans="14:14">
      <c r="N983578" s="10"/>
    </row>
    <row r="983579" spans="14:14">
      <c r="N983579" s="10"/>
    </row>
    <row r="983580" spans="14:14">
      <c r="N983580" s="10"/>
    </row>
    <row r="983581" spans="14:14">
      <c r="N983581" s="10"/>
    </row>
    <row r="983582" spans="14:14">
      <c r="N983582" s="10"/>
    </row>
    <row r="983583" spans="14:14">
      <c r="N983583" s="10"/>
    </row>
    <row r="983584" spans="14:14">
      <c r="N983584" s="10"/>
    </row>
    <row r="983585" spans="14:14">
      <c r="N983585" s="10"/>
    </row>
    <row r="983586" spans="14:14">
      <c r="N983586" s="10"/>
    </row>
    <row r="983587" spans="14:14">
      <c r="N983587" s="10"/>
    </row>
    <row r="983588" spans="14:14">
      <c r="N983588" s="10"/>
    </row>
    <row r="983589" spans="14:14">
      <c r="N983589" s="10"/>
    </row>
    <row r="983590" spans="14:14">
      <c r="N983590" s="10"/>
    </row>
    <row r="983591" spans="14:14">
      <c r="N983591" s="10"/>
    </row>
    <row r="983592" spans="14:14">
      <c r="N983592" s="10"/>
    </row>
    <row r="983593" spans="14:14">
      <c r="N983593" s="10"/>
    </row>
    <row r="983594" spans="14:14">
      <c r="N983594" s="10"/>
    </row>
    <row r="983595" spans="14:14">
      <c r="N983595" s="10"/>
    </row>
    <row r="983596" spans="14:14">
      <c r="N983596" s="10"/>
    </row>
    <row r="983597" spans="14:14">
      <c r="N983597" s="10"/>
    </row>
    <row r="983598" spans="14:14">
      <c r="N983598" s="10"/>
    </row>
    <row r="983599" spans="14:14">
      <c r="N983599" s="10"/>
    </row>
    <row r="983600" spans="14:14">
      <c r="N983600" s="10"/>
    </row>
    <row r="983601" spans="14:14">
      <c r="N983601" s="10"/>
    </row>
    <row r="983602" spans="14:14">
      <c r="N983602" s="10"/>
    </row>
    <row r="983603" spans="14:14">
      <c r="N983603" s="10"/>
    </row>
    <row r="983604" spans="14:14">
      <c r="N983604" s="10"/>
    </row>
    <row r="983605" spans="14:14">
      <c r="N983605" s="10"/>
    </row>
    <row r="983606" spans="14:14">
      <c r="N983606" s="10"/>
    </row>
    <row r="983607" spans="14:14">
      <c r="N983607" s="10"/>
    </row>
    <row r="983608" spans="14:14">
      <c r="N983608" s="10"/>
    </row>
    <row r="983609" spans="14:14">
      <c r="N983609" s="10"/>
    </row>
    <row r="983610" spans="14:14">
      <c r="N983610" s="10"/>
    </row>
    <row r="983611" spans="14:14">
      <c r="N983611" s="10"/>
    </row>
    <row r="983612" spans="14:14">
      <c r="N983612" s="10"/>
    </row>
    <row r="983613" spans="14:14">
      <c r="N983613" s="10"/>
    </row>
    <row r="983614" spans="14:14">
      <c r="N983614" s="10"/>
    </row>
    <row r="983615" spans="14:14">
      <c r="N983615" s="10"/>
    </row>
    <row r="983616" spans="14:14">
      <c r="N983616" s="10"/>
    </row>
    <row r="983617" spans="14:14">
      <c r="N983617" s="10"/>
    </row>
    <row r="983618" spans="14:14">
      <c r="N983618" s="10"/>
    </row>
    <row r="983619" spans="14:14">
      <c r="N983619" s="10"/>
    </row>
    <row r="983620" spans="14:14">
      <c r="N983620" s="10"/>
    </row>
    <row r="983621" spans="14:14">
      <c r="N983621" s="10"/>
    </row>
    <row r="983622" spans="14:14">
      <c r="N983622" s="10"/>
    </row>
    <row r="983623" spans="14:14">
      <c r="N983623" s="10"/>
    </row>
    <row r="983624" spans="14:14">
      <c r="N983624" s="10"/>
    </row>
    <row r="983625" spans="14:14">
      <c r="N983625" s="10"/>
    </row>
    <row r="983626" spans="14:14">
      <c r="N983626" s="10"/>
    </row>
    <row r="983627" spans="14:14">
      <c r="N983627" s="10"/>
    </row>
    <row r="983628" spans="14:14">
      <c r="N983628" s="10"/>
    </row>
    <row r="983629" spans="14:14">
      <c r="N983629" s="10"/>
    </row>
    <row r="983630" spans="14:14">
      <c r="N983630" s="10"/>
    </row>
    <row r="983631" spans="14:14">
      <c r="N983631" s="10"/>
    </row>
    <row r="983632" spans="14:14">
      <c r="N983632" s="10"/>
    </row>
    <row r="983633" spans="14:14">
      <c r="N983633" s="10"/>
    </row>
    <row r="983634" spans="14:14">
      <c r="N983634" s="10"/>
    </row>
    <row r="983635" spans="14:14">
      <c r="N983635" s="10"/>
    </row>
    <row r="983636" spans="14:14">
      <c r="N983636" s="10"/>
    </row>
    <row r="983637" spans="14:14">
      <c r="N983637" s="10"/>
    </row>
    <row r="983638" spans="14:14">
      <c r="N983638" s="10"/>
    </row>
    <row r="983639" spans="14:14">
      <c r="N983639" s="10"/>
    </row>
    <row r="983640" spans="14:14">
      <c r="N983640" s="10"/>
    </row>
    <row r="983641" spans="14:14">
      <c r="N983641" s="10"/>
    </row>
    <row r="983642" spans="14:14">
      <c r="N983642" s="10"/>
    </row>
    <row r="983643" spans="14:14">
      <c r="N983643" s="10"/>
    </row>
    <row r="983644" spans="14:14">
      <c r="N983644" s="10"/>
    </row>
    <row r="983645" spans="14:14">
      <c r="N983645" s="10"/>
    </row>
    <row r="983646" spans="14:14">
      <c r="N983646" s="10"/>
    </row>
    <row r="983647" spans="14:14">
      <c r="N983647" s="10"/>
    </row>
    <row r="983648" spans="14:14">
      <c r="N983648" s="10"/>
    </row>
    <row r="983649" spans="14:14">
      <c r="N983649" s="10"/>
    </row>
    <row r="983650" spans="14:14">
      <c r="N983650" s="10"/>
    </row>
    <row r="983651" spans="14:14">
      <c r="N983651" s="10"/>
    </row>
    <row r="983652" spans="14:14">
      <c r="N983652" s="10"/>
    </row>
    <row r="983653" spans="14:14">
      <c r="N983653" s="10"/>
    </row>
    <row r="983654" spans="14:14">
      <c r="N983654" s="10"/>
    </row>
    <row r="983655" spans="14:14">
      <c r="N983655" s="10"/>
    </row>
    <row r="983656" spans="14:14">
      <c r="N983656" s="10"/>
    </row>
    <row r="983657" spans="14:14">
      <c r="N983657" s="10"/>
    </row>
    <row r="983658" spans="14:14">
      <c r="N983658" s="10"/>
    </row>
    <row r="983659" spans="14:14">
      <c r="N983659" s="10"/>
    </row>
    <row r="983660" spans="14:14">
      <c r="N983660" s="10"/>
    </row>
    <row r="983661" spans="14:14">
      <c r="N983661" s="10"/>
    </row>
    <row r="983662" spans="14:14">
      <c r="N983662" s="10"/>
    </row>
    <row r="983663" spans="14:14">
      <c r="N983663" s="10"/>
    </row>
    <row r="983664" spans="14:14">
      <c r="N983664" s="10"/>
    </row>
    <row r="983665" spans="14:14">
      <c r="N983665" s="10"/>
    </row>
    <row r="983666" spans="14:14">
      <c r="N983666" s="10"/>
    </row>
    <row r="983667" spans="14:14">
      <c r="N983667" s="10"/>
    </row>
    <row r="983668" spans="14:14">
      <c r="N983668" s="10"/>
    </row>
    <row r="983669" spans="14:14">
      <c r="N983669" s="10"/>
    </row>
    <row r="983670" spans="14:14">
      <c r="N983670" s="10"/>
    </row>
    <row r="983671" spans="14:14">
      <c r="N983671" s="10"/>
    </row>
    <row r="983672" spans="14:14">
      <c r="N983672" s="10"/>
    </row>
    <row r="983673" spans="14:14">
      <c r="N983673" s="10"/>
    </row>
    <row r="983674" spans="14:14">
      <c r="N983674" s="10"/>
    </row>
    <row r="983675" spans="14:14">
      <c r="N983675" s="10"/>
    </row>
    <row r="983676" spans="14:14">
      <c r="N983676" s="10"/>
    </row>
    <row r="983677" spans="14:14">
      <c r="N983677" s="10"/>
    </row>
    <row r="983678" spans="14:14">
      <c r="N983678" s="10"/>
    </row>
    <row r="983679" spans="14:14">
      <c r="N983679" s="10"/>
    </row>
    <row r="983680" spans="14:14">
      <c r="N983680" s="10"/>
    </row>
    <row r="983681" spans="14:14">
      <c r="N983681" s="10"/>
    </row>
    <row r="983682" spans="14:14">
      <c r="N983682" s="10"/>
    </row>
    <row r="983683" spans="14:14">
      <c r="N983683" s="10"/>
    </row>
    <row r="983684" spans="14:14">
      <c r="N983684" s="10"/>
    </row>
    <row r="983685" spans="14:14">
      <c r="N983685" s="10"/>
    </row>
    <row r="983686" spans="14:14">
      <c r="N983686" s="10"/>
    </row>
    <row r="983687" spans="14:14">
      <c r="N983687" s="10"/>
    </row>
    <row r="983688" spans="14:14">
      <c r="N983688" s="10"/>
    </row>
    <row r="983689" spans="14:14">
      <c r="N983689" s="10"/>
    </row>
    <row r="983690" spans="14:14">
      <c r="N983690" s="10"/>
    </row>
    <row r="983691" spans="14:14">
      <c r="N983691" s="10"/>
    </row>
    <row r="983692" spans="14:14">
      <c r="N983692" s="10"/>
    </row>
    <row r="983693" spans="14:14">
      <c r="N983693" s="10"/>
    </row>
    <row r="983694" spans="14:14">
      <c r="N983694" s="10"/>
    </row>
    <row r="983695" spans="14:14">
      <c r="N983695" s="10"/>
    </row>
    <row r="983696" spans="14:14">
      <c r="N983696" s="10"/>
    </row>
    <row r="983697" spans="14:14">
      <c r="N983697" s="10"/>
    </row>
    <row r="983698" spans="14:14">
      <c r="N983698" s="10"/>
    </row>
    <row r="983699" spans="14:14">
      <c r="N983699" s="10"/>
    </row>
    <row r="983700" spans="14:14">
      <c r="N983700" s="10"/>
    </row>
    <row r="983701" spans="14:14">
      <c r="N983701" s="10"/>
    </row>
    <row r="983702" spans="14:14">
      <c r="N983702" s="10"/>
    </row>
    <row r="983703" spans="14:14">
      <c r="N983703" s="10"/>
    </row>
    <row r="983704" spans="14:14">
      <c r="N983704" s="10"/>
    </row>
    <row r="983705" spans="14:14">
      <c r="N983705" s="10"/>
    </row>
    <row r="983706" spans="14:14">
      <c r="N983706" s="10"/>
    </row>
    <row r="983707" spans="14:14">
      <c r="N983707" s="10"/>
    </row>
    <row r="983708" spans="14:14">
      <c r="N983708" s="10"/>
    </row>
    <row r="983709" spans="14:14">
      <c r="N983709" s="10"/>
    </row>
    <row r="983710" spans="14:14">
      <c r="N983710" s="10"/>
    </row>
    <row r="983711" spans="14:14">
      <c r="N983711" s="10"/>
    </row>
    <row r="983712" spans="14:14">
      <c r="N983712" s="10"/>
    </row>
    <row r="983713" spans="14:14">
      <c r="N983713" s="10"/>
    </row>
    <row r="983714" spans="14:14">
      <c r="N983714" s="10"/>
    </row>
    <row r="983715" spans="14:14">
      <c r="N983715" s="10"/>
    </row>
    <row r="983716" spans="14:14">
      <c r="N983716" s="10"/>
    </row>
    <row r="983717" spans="14:14">
      <c r="N983717" s="10"/>
    </row>
    <row r="983718" spans="14:14">
      <c r="N983718" s="10"/>
    </row>
    <row r="983719" spans="14:14">
      <c r="N983719" s="10"/>
    </row>
    <row r="983720" spans="14:14">
      <c r="N983720" s="10"/>
    </row>
    <row r="983721" spans="14:14">
      <c r="N983721" s="10"/>
    </row>
    <row r="983722" spans="14:14">
      <c r="N983722" s="10"/>
    </row>
    <row r="983723" spans="14:14">
      <c r="N983723" s="10"/>
    </row>
    <row r="983724" spans="14:14">
      <c r="N983724" s="10"/>
    </row>
    <row r="983725" spans="14:14">
      <c r="N983725" s="10"/>
    </row>
    <row r="983726" spans="14:14">
      <c r="N983726" s="10"/>
    </row>
    <row r="983727" spans="14:14">
      <c r="N983727" s="10"/>
    </row>
    <row r="983728" spans="14:14">
      <c r="N983728" s="10"/>
    </row>
    <row r="983729" spans="14:14">
      <c r="N983729" s="10"/>
    </row>
    <row r="983730" spans="14:14">
      <c r="N983730" s="10"/>
    </row>
    <row r="983731" spans="14:14">
      <c r="N983731" s="10"/>
    </row>
    <row r="983732" spans="14:14">
      <c r="N983732" s="10"/>
    </row>
    <row r="983733" spans="14:14">
      <c r="N983733" s="10"/>
    </row>
    <row r="983734" spans="14:14">
      <c r="N983734" s="10"/>
    </row>
    <row r="983735" spans="14:14">
      <c r="N983735" s="10"/>
    </row>
    <row r="983736" spans="14:14">
      <c r="N983736" s="10"/>
    </row>
    <row r="983737" spans="14:14">
      <c r="N983737" s="10"/>
    </row>
    <row r="983738" spans="14:14">
      <c r="N983738" s="10"/>
    </row>
    <row r="983739" spans="14:14">
      <c r="N983739" s="10"/>
    </row>
    <row r="983740" spans="14:14">
      <c r="N983740" s="10"/>
    </row>
    <row r="983741" spans="14:14">
      <c r="N983741" s="10"/>
    </row>
    <row r="983742" spans="14:14">
      <c r="N983742" s="10"/>
    </row>
    <row r="983743" spans="14:14">
      <c r="N983743" s="10"/>
    </row>
    <row r="983744" spans="14:14">
      <c r="N983744" s="10"/>
    </row>
    <row r="983745" spans="14:14">
      <c r="N983745" s="10"/>
    </row>
    <row r="983746" spans="14:14">
      <c r="N983746" s="10"/>
    </row>
    <row r="983747" spans="14:14">
      <c r="N983747" s="10"/>
    </row>
    <row r="983748" spans="14:14">
      <c r="N983748" s="10"/>
    </row>
    <row r="983749" spans="14:14">
      <c r="N983749" s="10"/>
    </row>
    <row r="983750" spans="14:14">
      <c r="N983750" s="10"/>
    </row>
    <row r="983751" spans="14:14">
      <c r="N983751" s="10"/>
    </row>
    <row r="983752" spans="14:14">
      <c r="N983752" s="10"/>
    </row>
    <row r="983753" spans="14:14">
      <c r="N983753" s="10"/>
    </row>
    <row r="983754" spans="14:14">
      <c r="N983754" s="10"/>
    </row>
    <row r="983755" spans="14:14">
      <c r="N983755" s="10"/>
    </row>
    <row r="983756" spans="14:14">
      <c r="N983756" s="10"/>
    </row>
    <row r="983757" spans="14:14">
      <c r="N983757" s="10"/>
    </row>
    <row r="983758" spans="14:14">
      <c r="N983758" s="10"/>
    </row>
    <row r="983759" spans="14:14">
      <c r="N983759" s="10"/>
    </row>
    <row r="983760" spans="14:14">
      <c r="N983760" s="10"/>
    </row>
    <row r="983761" spans="14:14">
      <c r="N983761" s="10"/>
    </row>
    <row r="983762" spans="14:14">
      <c r="N983762" s="10"/>
    </row>
    <row r="983763" spans="14:14">
      <c r="N983763" s="10"/>
    </row>
    <row r="983764" spans="14:14">
      <c r="N983764" s="10"/>
    </row>
    <row r="983765" spans="14:14">
      <c r="N983765" s="10"/>
    </row>
    <row r="983766" spans="14:14">
      <c r="N983766" s="10"/>
    </row>
    <row r="983767" spans="14:14">
      <c r="N983767" s="10"/>
    </row>
    <row r="983768" spans="14:14">
      <c r="N983768" s="10"/>
    </row>
    <row r="983769" spans="14:14">
      <c r="N983769" s="10"/>
    </row>
    <row r="983770" spans="14:14">
      <c r="N983770" s="10"/>
    </row>
    <row r="983771" spans="14:14">
      <c r="N983771" s="10"/>
    </row>
    <row r="983772" spans="14:14">
      <c r="N983772" s="10"/>
    </row>
    <row r="983773" spans="14:14">
      <c r="N983773" s="10"/>
    </row>
    <row r="983774" spans="14:14">
      <c r="N983774" s="10"/>
    </row>
    <row r="983775" spans="14:14">
      <c r="N983775" s="10"/>
    </row>
    <row r="983776" spans="14:14">
      <c r="N983776" s="10"/>
    </row>
    <row r="983777" spans="14:14">
      <c r="N983777" s="10"/>
    </row>
    <row r="983778" spans="14:14">
      <c r="N983778" s="10"/>
    </row>
    <row r="983779" spans="14:14">
      <c r="N983779" s="10"/>
    </row>
    <row r="983780" spans="14:14">
      <c r="N983780" s="10"/>
    </row>
    <row r="983781" spans="14:14">
      <c r="N983781" s="10"/>
    </row>
    <row r="983782" spans="14:14">
      <c r="N983782" s="10"/>
    </row>
    <row r="983783" spans="14:14">
      <c r="N983783" s="10"/>
    </row>
    <row r="983784" spans="14:14">
      <c r="N983784" s="10"/>
    </row>
    <row r="983785" spans="14:14">
      <c r="N983785" s="10"/>
    </row>
    <row r="983786" spans="14:14">
      <c r="N983786" s="10"/>
    </row>
    <row r="983787" spans="14:14">
      <c r="N983787" s="10"/>
    </row>
    <row r="983788" spans="14:14">
      <c r="N983788" s="10"/>
    </row>
    <row r="983789" spans="14:14">
      <c r="N983789" s="10"/>
    </row>
    <row r="983790" spans="14:14">
      <c r="N983790" s="10"/>
    </row>
    <row r="983791" spans="14:14">
      <c r="N983791" s="10"/>
    </row>
    <row r="983792" spans="14:14">
      <c r="N983792" s="10"/>
    </row>
    <row r="983793" spans="14:14">
      <c r="N983793" s="10"/>
    </row>
    <row r="983794" spans="14:14">
      <c r="N983794" s="10"/>
    </row>
    <row r="983795" spans="14:14">
      <c r="N983795" s="10"/>
    </row>
    <row r="983796" spans="14:14">
      <c r="N983796" s="10"/>
    </row>
    <row r="983797" spans="14:14">
      <c r="N983797" s="10"/>
    </row>
    <row r="983798" spans="14:14">
      <c r="N983798" s="10"/>
    </row>
    <row r="983799" spans="14:14">
      <c r="N983799" s="10"/>
    </row>
    <row r="983800" spans="14:14">
      <c r="N983800" s="10"/>
    </row>
    <row r="983801" spans="14:14">
      <c r="N983801" s="10"/>
    </row>
    <row r="983802" spans="14:14">
      <c r="N983802" s="10"/>
    </row>
    <row r="983803" spans="14:14">
      <c r="N983803" s="10"/>
    </row>
    <row r="983804" spans="14:14">
      <c r="N983804" s="10"/>
    </row>
    <row r="983805" spans="14:14">
      <c r="N983805" s="10"/>
    </row>
    <row r="983806" spans="14:14">
      <c r="N983806" s="10"/>
    </row>
    <row r="983807" spans="14:14">
      <c r="N983807" s="10"/>
    </row>
    <row r="983808" spans="14:14">
      <c r="N983808" s="10"/>
    </row>
    <row r="983809" spans="14:14">
      <c r="N983809" s="10"/>
    </row>
    <row r="983810" spans="14:14">
      <c r="N983810" s="10"/>
    </row>
    <row r="983811" spans="14:14">
      <c r="N983811" s="10"/>
    </row>
    <row r="983812" spans="14:14">
      <c r="N983812" s="10"/>
    </row>
    <row r="983813" spans="14:14">
      <c r="N983813" s="10"/>
    </row>
    <row r="983814" spans="14:14">
      <c r="N983814" s="10"/>
    </row>
    <row r="983815" spans="14:14">
      <c r="N983815" s="10"/>
    </row>
    <row r="983816" spans="14:14">
      <c r="N983816" s="10"/>
    </row>
    <row r="983817" spans="14:14">
      <c r="N983817" s="10"/>
    </row>
    <row r="983818" spans="14:14">
      <c r="N983818" s="10"/>
    </row>
    <row r="983819" spans="14:14">
      <c r="N983819" s="10"/>
    </row>
    <row r="983820" spans="14:14">
      <c r="N983820" s="10"/>
    </row>
    <row r="983821" spans="14:14">
      <c r="N983821" s="10"/>
    </row>
    <row r="983822" spans="14:14">
      <c r="N983822" s="10"/>
    </row>
    <row r="983823" spans="14:14">
      <c r="N983823" s="10"/>
    </row>
    <row r="983824" spans="14:14">
      <c r="N983824" s="10"/>
    </row>
    <row r="983825" spans="14:14">
      <c r="N983825" s="10"/>
    </row>
    <row r="983826" spans="14:14">
      <c r="N983826" s="10"/>
    </row>
    <row r="983827" spans="14:14">
      <c r="N983827" s="10"/>
    </row>
    <row r="983828" spans="14:14">
      <c r="N983828" s="10"/>
    </row>
    <row r="983829" spans="14:14">
      <c r="N983829" s="10"/>
    </row>
    <row r="983830" spans="14:14">
      <c r="N983830" s="10"/>
    </row>
    <row r="983831" spans="14:14">
      <c r="N983831" s="10"/>
    </row>
    <row r="983832" spans="14:14">
      <c r="N983832" s="10"/>
    </row>
    <row r="983833" spans="14:14">
      <c r="N983833" s="10"/>
    </row>
    <row r="983834" spans="14:14">
      <c r="N983834" s="10"/>
    </row>
    <row r="983835" spans="14:14">
      <c r="N983835" s="10"/>
    </row>
    <row r="983836" spans="14:14">
      <c r="N983836" s="10"/>
    </row>
    <row r="983837" spans="14:14">
      <c r="N983837" s="10"/>
    </row>
    <row r="983838" spans="14:14">
      <c r="N983838" s="10"/>
    </row>
    <row r="983839" spans="14:14">
      <c r="N983839" s="10"/>
    </row>
    <row r="983840" spans="14:14">
      <c r="N983840" s="10"/>
    </row>
    <row r="983841" spans="14:14">
      <c r="N983841" s="10"/>
    </row>
    <row r="983842" spans="14:14">
      <c r="N983842" s="10"/>
    </row>
    <row r="983843" spans="14:14">
      <c r="N983843" s="10"/>
    </row>
    <row r="983844" spans="14:14">
      <c r="N983844" s="10"/>
    </row>
    <row r="983845" spans="14:14">
      <c r="N983845" s="10"/>
    </row>
    <row r="983846" spans="14:14">
      <c r="N983846" s="10"/>
    </row>
    <row r="983847" spans="14:14">
      <c r="N983847" s="10"/>
    </row>
    <row r="983848" spans="14:14">
      <c r="N983848" s="10"/>
    </row>
    <row r="983849" spans="14:14">
      <c r="N983849" s="10"/>
    </row>
    <row r="983850" spans="14:14">
      <c r="N983850" s="10"/>
    </row>
    <row r="983851" spans="14:14">
      <c r="N983851" s="10"/>
    </row>
    <row r="983852" spans="14:14">
      <c r="N983852" s="10"/>
    </row>
    <row r="983853" spans="14:14">
      <c r="N983853" s="10"/>
    </row>
    <row r="983854" spans="14:14">
      <c r="N983854" s="10"/>
    </row>
    <row r="983855" spans="14:14">
      <c r="N983855" s="10"/>
    </row>
    <row r="983856" spans="14:14">
      <c r="N983856" s="10"/>
    </row>
    <row r="983857" spans="14:14">
      <c r="N983857" s="10"/>
    </row>
    <row r="983858" spans="14:14">
      <c r="N983858" s="10"/>
    </row>
    <row r="983859" spans="14:14">
      <c r="N983859" s="10"/>
    </row>
    <row r="983860" spans="14:14">
      <c r="N983860" s="10"/>
    </row>
    <row r="983861" spans="14:14">
      <c r="N983861" s="10"/>
    </row>
    <row r="983862" spans="14:14">
      <c r="N983862" s="10"/>
    </row>
    <row r="983863" spans="14:14">
      <c r="N983863" s="10"/>
    </row>
    <row r="983864" spans="14:14">
      <c r="N983864" s="10"/>
    </row>
    <row r="983865" spans="14:14">
      <c r="N983865" s="10"/>
    </row>
    <row r="983866" spans="14:14">
      <c r="N983866" s="10"/>
    </row>
    <row r="983867" spans="14:14">
      <c r="N983867" s="10"/>
    </row>
    <row r="983868" spans="14:14">
      <c r="N983868" s="10"/>
    </row>
    <row r="983869" spans="14:14">
      <c r="N983869" s="10"/>
    </row>
    <row r="983870" spans="14:14">
      <c r="N983870" s="10"/>
    </row>
    <row r="983871" spans="14:14">
      <c r="N983871" s="10"/>
    </row>
    <row r="983872" spans="14:14">
      <c r="N983872" s="10"/>
    </row>
    <row r="983873" spans="14:14">
      <c r="N983873" s="10"/>
    </row>
    <row r="983874" spans="14:14">
      <c r="N983874" s="10"/>
    </row>
    <row r="983875" spans="14:14">
      <c r="N983875" s="10"/>
    </row>
    <row r="983876" spans="14:14">
      <c r="N983876" s="10"/>
    </row>
    <row r="983877" spans="14:14">
      <c r="N983877" s="10"/>
    </row>
    <row r="983878" spans="14:14">
      <c r="N983878" s="10"/>
    </row>
    <row r="983879" spans="14:14">
      <c r="N983879" s="10"/>
    </row>
    <row r="983880" spans="14:14">
      <c r="N983880" s="10"/>
    </row>
    <row r="983881" spans="14:14">
      <c r="N983881" s="10"/>
    </row>
    <row r="983882" spans="14:14">
      <c r="N983882" s="10"/>
    </row>
    <row r="983883" spans="14:14">
      <c r="N983883" s="10"/>
    </row>
    <row r="983884" spans="14:14">
      <c r="N983884" s="10"/>
    </row>
    <row r="983885" spans="14:14">
      <c r="N983885" s="10"/>
    </row>
    <row r="983886" spans="14:14">
      <c r="N983886" s="10"/>
    </row>
    <row r="983887" spans="14:14">
      <c r="N983887" s="10"/>
    </row>
    <row r="983888" spans="14:14">
      <c r="N983888" s="10"/>
    </row>
    <row r="983889" spans="14:14">
      <c r="N983889" s="10"/>
    </row>
    <row r="983890" spans="14:14">
      <c r="N983890" s="10"/>
    </row>
    <row r="983891" spans="14:14">
      <c r="N983891" s="10"/>
    </row>
    <row r="983892" spans="14:14">
      <c r="N983892" s="10"/>
    </row>
    <row r="983893" spans="14:14">
      <c r="N983893" s="10"/>
    </row>
    <row r="983894" spans="14:14">
      <c r="N983894" s="10"/>
    </row>
    <row r="983895" spans="14:14">
      <c r="N983895" s="10"/>
    </row>
    <row r="983896" spans="14:14">
      <c r="N983896" s="10"/>
    </row>
    <row r="983897" spans="14:14">
      <c r="N983897" s="10"/>
    </row>
    <row r="983898" spans="14:14">
      <c r="N983898" s="10"/>
    </row>
    <row r="983899" spans="14:14">
      <c r="N983899" s="10"/>
    </row>
    <row r="983900" spans="14:14">
      <c r="N983900" s="10"/>
    </row>
    <row r="983901" spans="14:14">
      <c r="N983901" s="10"/>
    </row>
    <row r="983902" spans="14:14">
      <c r="N983902" s="10"/>
    </row>
    <row r="983903" spans="14:14">
      <c r="N983903" s="10"/>
    </row>
    <row r="983904" spans="14:14">
      <c r="N983904" s="10"/>
    </row>
    <row r="983905" spans="14:14">
      <c r="N983905" s="10"/>
    </row>
    <row r="983906" spans="14:14">
      <c r="N983906" s="10"/>
    </row>
    <row r="983907" spans="14:14">
      <c r="N983907" s="10"/>
    </row>
    <row r="983908" spans="14:14">
      <c r="N983908" s="10"/>
    </row>
    <row r="983909" spans="14:14">
      <c r="N983909" s="10"/>
    </row>
    <row r="983910" spans="14:14">
      <c r="N983910" s="10"/>
    </row>
    <row r="983911" spans="14:14">
      <c r="N983911" s="10"/>
    </row>
    <row r="983912" spans="14:14">
      <c r="N983912" s="10"/>
    </row>
    <row r="983913" spans="14:14">
      <c r="N983913" s="10"/>
    </row>
    <row r="983914" spans="14:14">
      <c r="N983914" s="10"/>
    </row>
    <row r="983915" spans="14:14">
      <c r="N983915" s="10"/>
    </row>
    <row r="983916" spans="14:14">
      <c r="N983916" s="10"/>
    </row>
    <row r="983917" spans="14:14">
      <c r="N983917" s="10"/>
    </row>
    <row r="983918" spans="14:14">
      <c r="N983918" s="10"/>
    </row>
    <row r="983919" spans="14:14">
      <c r="N983919" s="10"/>
    </row>
    <row r="983920" spans="14:14">
      <c r="N983920" s="10"/>
    </row>
    <row r="983921" spans="14:14">
      <c r="N983921" s="10"/>
    </row>
    <row r="983922" spans="14:14">
      <c r="N983922" s="10"/>
    </row>
    <row r="983923" spans="14:14">
      <c r="N983923" s="10"/>
    </row>
    <row r="983924" spans="14:14">
      <c r="N983924" s="10"/>
    </row>
    <row r="983925" spans="14:14">
      <c r="N983925" s="10"/>
    </row>
    <row r="983926" spans="14:14">
      <c r="N983926" s="10"/>
    </row>
    <row r="983927" spans="14:14">
      <c r="N983927" s="10"/>
    </row>
    <row r="983928" spans="14:14">
      <c r="N983928" s="10"/>
    </row>
    <row r="983929" spans="14:14">
      <c r="N983929" s="10"/>
    </row>
    <row r="983930" spans="14:14">
      <c r="N983930" s="10"/>
    </row>
    <row r="983931" spans="14:14">
      <c r="N983931" s="10"/>
    </row>
    <row r="983932" spans="14:14">
      <c r="N983932" s="10"/>
    </row>
    <row r="983933" spans="14:14">
      <c r="N983933" s="10"/>
    </row>
    <row r="983934" spans="14:14">
      <c r="N983934" s="10"/>
    </row>
    <row r="983935" spans="14:14">
      <c r="N983935" s="10"/>
    </row>
    <row r="983936" spans="14:14">
      <c r="N983936" s="10"/>
    </row>
    <row r="983937" spans="14:14">
      <c r="N983937" s="10"/>
    </row>
    <row r="983938" spans="14:14">
      <c r="N983938" s="10"/>
    </row>
    <row r="983939" spans="14:14">
      <c r="N983939" s="10"/>
    </row>
    <row r="983940" spans="14:14">
      <c r="N983940" s="10"/>
    </row>
    <row r="983941" spans="14:14">
      <c r="N983941" s="10"/>
    </row>
    <row r="983942" spans="14:14">
      <c r="N983942" s="10"/>
    </row>
    <row r="983943" spans="14:14">
      <c r="N983943" s="10"/>
    </row>
    <row r="983944" spans="14:14">
      <c r="N983944" s="10"/>
    </row>
    <row r="983945" spans="14:14">
      <c r="N983945" s="10"/>
    </row>
    <row r="983946" spans="14:14">
      <c r="N983946" s="10"/>
    </row>
    <row r="983947" spans="14:14">
      <c r="N983947" s="10"/>
    </row>
    <row r="983948" spans="14:14">
      <c r="N983948" s="10"/>
    </row>
    <row r="983949" spans="14:14">
      <c r="N983949" s="10"/>
    </row>
    <row r="983950" spans="14:14">
      <c r="N983950" s="10"/>
    </row>
    <row r="983951" spans="14:14">
      <c r="N983951" s="10"/>
    </row>
    <row r="983952" spans="14:14">
      <c r="N983952" s="10"/>
    </row>
    <row r="983953" spans="14:14">
      <c r="N983953" s="10"/>
    </row>
    <row r="983954" spans="14:14">
      <c r="N983954" s="10"/>
    </row>
    <row r="983955" spans="14:14">
      <c r="N983955" s="10"/>
    </row>
    <row r="983956" spans="14:14">
      <c r="N983956" s="10"/>
    </row>
    <row r="983957" spans="14:14">
      <c r="N983957" s="10"/>
    </row>
    <row r="983958" spans="14:14">
      <c r="N983958" s="10"/>
    </row>
    <row r="983959" spans="14:14">
      <c r="N983959" s="10"/>
    </row>
    <row r="983960" spans="14:14">
      <c r="N983960" s="10"/>
    </row>
    <row r="983961" spans="14:14">
      <c r="N983961" s="10"/>
    </row>
    <row r="983962" spans="14:14">
      <c r="N983962" s="10"/>
    </row>
    <row r="983963" spans="14:14">
      <c r="N983963" s="10"/>
    </row>
    <row r="983964" spans="14:14">
      <c r="N983964" s="10"/>
    </row>
    <row r="983965" spans="14:14">
      <c r="N983965" s="10"/>
    </row>
    <row r="983966" spans="14:14">
      <c r="N983966" s="10"/>
    </row>
    <row r="983967" spans="14:14">
      <c r="N983967" s="10"/>
    </row>
    <row r="983968" spans="14:14">
      <c r="N983968" s="10"/>
    </row>
    <row r="983969" spans="14:14">
      <c r="N983969" s="10"/>
    </row>
    <row r="983970" spans="14:14">
      <c r="N983970" s="10"/>
    </row>
    <row r="983971" spans="14:14">
      <c r="N983971" s="10"/>
    </row>
    <row r="983972" spans="14:14">
      <c r="N983972" s="10"/>
    </row>
    <row r="983973" spans="14:14">
      <c r="N983973" s="10"/>
    </row>
    <row r="983974" spans="14:14">
      <c r="N983974" s="10"/>
    </row>
    <row r="983975" spans="14:14">
      <c r="N983975" s="10"/>
    </row>
    <row r="983976" spans="14:14">
      <c r="N983976" s="10"/>
    </row>
    <row r="983977" spans="14:14">
      <c r="N983977" s="10"/>
    </row>
    <row r="983978" spans="14:14">
      <c r="N983978" s="10"/>
    </row>
    <row r="983979" spans="14:14">
      <c r="N983979" s="10"/>
    </row>
    <row r="983980" spans="14:14">
      <c r="N983980" s="10"/>
    </row>
    <row r="983981" spans="14:14">
      <c r="N983981" s="10"/>
    </row>
    <row r="983982" spans="14:14">
      <c r="N983982" s="10"/>
    </row>
    <row r="983983" spans="14:14">
      <c r="N983983" s="10"/>
    </row>
    <row r="983984" spans="14:14">
      <c r="N983984" s="10"/>
    </row>
    <row r="983985" spans="14:14">
      <c r="N983985" s="10"/>
    </row>
    <row r="983986" spans="14:14">
      <c r="N983986" s="10"/>
    </row>
    <row r="983987" spans="14:14">
      <c r="N983987" s="10"/>
    </row>
    <row r="983988" spans="14:14">
      <c r="N983988" s="10"/>
    </row>
    <row r="983989" spans="14:14">
      <c r="N983989" s="10"/>
    </row>
    <row r="983990" spans="14:14">
      <c r="N983990" s="10"/>
    </row>
    <row r="983991" spans="14:14">
      <c r="N983991" s="10"/>
    </row>
    <row r="983992" spans="14:14">
      <c r="N983992" s="10"/>
    </row>
    <row r="983993" spans="14:14">
      <c r="N983993" s="10"/>
    </row>
    <row r="983994" spans="14:14">
      <c r="N983994" s="10"/>
    </row>
    <row r="983995" spans="14:14">
      <c r="N983995" s="10"/>
    </row>
    <row r="983996" spans="14:14">
      <c r="N983996" s="10"/>
    </row>
    <row r="983997" spans="14:14">
      <c r="N983997" s="10"/>
    </row>
    <row r="983998" spans="14:14">
      <c r="N983998" s="10"/>
    </row>
    <row r="983999" spans="14:14">
      <c r="N983999" s="10"/>
    </row>
    <row r="984000" spans="14:14">
      <c r="N984000" s="10"/>
    </row>
    <row r="984001" spans="14:14">
      <c r="N984001" s="10"/>
    </row>
    <row r="984002" spans="14:14">
      <c r="N984002" s="10"/>
    </row>
    <row r="984003" spans="14:14">
      <c r="N984003" s="10"/>
    </row>
    <row r="984004" spans="14:14">
      <c r="N984004" s="10"/>
    </row>
    <row r="984005" spans="14:14">
      <c r="N984005" s="10"/>
    </row>
    <row r="984006" spans="14:14">
      <c r="N984006" s="10"/>
    </row>
    <row r="984007" spans="14:14">
      <c r="N984007" s="10"/>
    </row>
    <row r="984008" spans="14:14">
      <c r="N984008" s="10"/>
    </row>
    <row r="984009" spans="14:14">
      <c r="N984009" s="10"/>
    </row>
    <row r="984010" spans="14:14">
      <c r="N984010" s="10"/>
    </row>
    <row r="984011" spans="14:14">
      <c r="N984011" s="10"/>
    </row>
    <row r="984012" spans="14:14">
      <c r="N984012" s="10"/>
    </row>
    <row r="984013" spans="14:14">
      <c r="N984013" s="10"/>
    </row>
    <row r="984014" spans="14:14">
      <c r="N984014" s="10"/>
    </row>
    <row r="984015" spans="14:14">
      <c r="N984015" s="10"/>
    </row>
    <row r="984016" spans="14:14">
      <c r="N984016" s="10"/>
    </row>
    <row r="984017" spans="14:14">
      <c r="N984017" s="10"/>
    </row>
    <row r="984018" spans="14:14">
      <c r="N984018" s="10"/>
    </row>
    <row r="984019" spans="14:14">
      <c r="N984019" s="10"/>
    </row>
    <row r="984020" spans="14:14">
      <c r="N984020" s="10"/>
    </row>
    <row r="984021" spans="14:14">
      <c r="N984021" s="10"/>
    </row>
    <row r="984022" spans="14:14">
      <c r="N984022" s="10"/>
    </row>
    <row r="984023" spans="14:14">
      <c r="N984023" s="10"/>
    </row>
    <row r="984024" spans="14:14">
      <c r="N984024" s="10"/>
    </row>
    <row r="984025" spans="14:14">
      <c r="N984025" s="10"/>
    </row>
    <row r="984026" spans="14:14">
      <c r="N984026" s="10"/>
    </row>
    <row r="984027" spans="14:14">
      <c r="N984027" s="10"/>
    </row>
    <row r="984028" spans="14:14">
      <c r="N984028" s="10"/>
    </row>
    <row r="984029" spans="14:14">
      <c r="N984029" s="10"/>
    </row>
    <row r="984030" spans="14:14">
      <c r="N984030" s="10"/>
    </row>
    <row r="984031" spans="14:14">
      <c r="N984031" s="10"/>
    </row>
    <row r="984032" spans="14:14">
      <c r="N984032" s="10"/>
    </row>
    <row r="984033" spans="14:14">
      <c r="N984033" s="10"/>
    </row>
    <row r="984034" spans="14:14">
      <c r="N984034" s="10"/>
    </row>
    <row r="984035" spans="14:14">
      <c r="N984035" s="10"/>
    </row>
    <row r="984036" spans="14:14">
      <c r="N984036" s="10"/>
    </row>
    <row r="984037" spans="14:14">
      <c r="N984037" s="10"/>
    </row>
    <row r="984038" spans="14:14">
      <c r="N984038" s="10"/>
    </row>
    <row r="984039" spans="14:14">
      <c r="N984039" s="10"/>
    </row>
    <row r="984040" spans="14:14">
      <c r="N984040" s="10"/>
    </row>
    <row r="984041" spans="14:14">
      <c r="N984041" s="10"/>
    </row>
    <row r="984042" spans="14:14">
      <c r="N984042" s="10"/>
    </row>
    <row r="984043" spans="14:14">
      <c r="N984043" s="10"/>
    </row>
    <row r="984044" spans="14:14">
      <c r="N984044" s="10"/>
    </row>
    <row r="984045" spans="14:14">
      <c r="N984045" s="10"/>
    </row>
    <row r="984046" spans="14:14">
      <c r="N984046" s="10"/>
    </row>
    <row r="984047" spans="14:14">
      <c r="N984047" s="10"/>
    </row>
    <row r="984048" spans="14:14">
      <c r="N984048" s="10"/>
    </row>
    <row r="984049" spans="14:14">
      <c r="N984049" s="10"/>
    </row>
    <row r="984050" spans="14:14">
      <c r="N984050" s="10"/>
    </row>
    <row r="984051" spans="14:14">
      <c r="N984051" s="10"/>
    </row>
    <row r="984052" spans="14:14">
      <c r="N984052" s="10"/>
    </row>
    <row r="984053" spans="14:14">
      <c r="N984053" s="10"/>
    </row>
    <row r="984054" spans="14:14">
      <c r="N984054" s="10"/>
    </row>
    <row r="984055" spans="14:14">
      <c r="N984055" s="10"/>
    </row>
    <row r="984056" spans="14:14">
      <c r="N984056" s="10"/>
    </row>
    <row r="984057" spans="14:14">
      <c r="N984057" s="10"/>
    </row>
    <row r="984058" spans="14:14">
      <c r="N984058" s="10"/>
    </row>
    <row r="984059" spans="14:14">
      <c r="N984059" s="10"/>
    </row>
    <row r="984060" spans="14:14">
      <c r="N984060" s="10"/>
    </row>
    <row r="984061" spans="14:14">
      <c r="N984061" s="10"/>
    </row>
    <row r="984062" spans="14:14">
      <c r="N984062" s="10"/>
    </row>
    <row r="984063" spans="14:14">
      <c r="N984063" s="10"/>
    </row>
    <row r="984064" spans="14:14">
      <c r="N984064" s="10"/>
    </row>
    <row r="984065" spans="14:14">
      <c r="N984065" s="10"/>
    </row>
    <row r="984066" spans="14:14">
      <c r="N984066" s="10"/>
    </row>
    <row r="984067" spans="14:14">
      <c r="N984067" s="10"/>
    </row>
    <row r="984068" spans="14:14">
      <c r="N984068" s="10"/>
    </row>
    <row r="984069" spans="14:14">
      <c r="N984069" s="10"/>
    </row>
    <row r="984070" spans="14:14">
      <c r="N984070" s="10"/>
    </row>
    <row r="984071" spans="14:14">
      <c r="N984071" s="10"/>
    </row>
    <row r="984072" spans="14:14">
      <c r="N984072" s="10"/>
    </row>
    <row r="984073" spans="14:14">
      <c r="N984073" s="10"/>
    </row>
    <row r="984074" spans="14:14">
      <c r="N984074" s="10"/>
    </row>
    <row r="984075" spans="14:14">
      <c r="N984075" s="10"/>
    </row>
    <row r="984076" spans="14:14">
      <c r="N984076" s="10"/>
    </row>
    <row r="984077" spans="14:14">
      <c r="N984077" s="10"/>
    </row>
    <row r="984078" spans="14:14">
      <c r="N984078" s="10"/>
    </row>
    <row r="984079" spans="14:14">
      <c r="N984079" s="10"/>
    </row>
    <row r="984080" spans="14:14">
      <c r="N984080" s="10"/>
    </row>
    <row r="984081" spans="14:14">
      <c r="N984081" s="10"/>
    </row>
    <row r="984082" spans="14:14">
      <c r="N984082" s="10"/>
    </row>
    <row r="984083" spans="14:14">
      <c r="N984083" s="10"/>
    </row>
    <row r="984084" spans="14:14">
      <c r="N984084" s="10"/>
    </row>
    <row r="984085" spans="14:14">
      <c r="N984085" s="10"/>
    </row>
    <row r="984086" spans="14:14">
      <c r="N984086" s="10"/>
    </row>
    <row r="984087" spans="14:14">
      <c r="N984087" s="10"/>
    </row>
    <row r="984088" spans="14:14">
      <c r="N984088" s="10"/>
    </row>
    <row r="984089" spans="14:14">
      <c r="N984089" s="10"/>
    </row>
    <row r="984090" spans="14:14">
      <c r="N984090" s="10"/>
    </row>
    <row r="984091" spans="14:14">
      <c r="N984091" s="10"/>
    </row>
    <row r="984092" spans="14:14">
      <c r="N984092" s="10"/>
    </row>
    <row r="984093" spans="14:14">
      <c r="N984093" s="10"/>
    </row>
    <row r="984094" spans="14:14">
      <c r="N984094" s="10"/>
    </row>
    <row r="984095" spans="14:14">
      <c r="N984095" s="10"/>
    </row>
    <row r="984096" spans="14:14">
      <c r="N984096" s="10"/>
    </row>
    <row r="984097" spans="14:14">
      <c r="N984097" s="10"/>
    </row>
    <row r="984098" spans="14:14">
      <c r="N984098" s="10"/>
    </row>
    <row r="984099" spans="14:14">
      <c r="N984099" s="10"/>
    </row>
    <row r="984100" spans="14:14">
      <c r="N984100" s="10"/>
    </row>
    <row r="984101" spans="14:14">
      <c r="N984101" s="10"/>
    </row>
    <row r="984102" spans="14:14">
      <c r="N984102" s="10"/>
    </row>
    <row r="984103" spans="14:14">
      <c r="N984103" s="10"/>
    </row>
    <row r="984104" spans="14:14">
      <c r="N984104" s="10"/>
    </row>
    <row r="984105" spans="14:14">
      <c r="N984105" s="10"/>
    </row>
    <row r="984106" spans="14:14">
      <c r="N984106" s="10"/>
    </row>
    <row r="984107" spans="14:14">
      <c r="N984107" s="10"/>
    </row>
    <row r="984108" spans="14:14">
      <c r="N984108" s="10"/>
    </row>
    <row r="984109" spans="14:14">
      <c r="N984109" s="10"/>
    </row>
    <row r="984110" spans="14:14">
      <c r="N984110" s="10"/>
    </row>
    <row r="984111" spans="14:14">
      <c r="N984111" s="10"/>
    </row>
    <row r="984112" spans="14:14">
      <c r="N984112" s="10"/>
    </row>
    <row r="984113" spans="14:14">
      <c r="N984113" s="10"/>
    </row>
    <row r="984114" spans="14:14">
      <c r="N984114" s="10"/>
    </row>
    <row r="984115" spans="14:14">
      <c r="N984115" s="10"/>
    </row>
    <row r="984116" spans="14:14">
      <c r="N984116" s="10"/>
    </row>
    <row r="984117" spans="14:14">
      <c r="N984117" s="10"/>
    </row>
    <row r="984118" spans="14:14">
      <c r="N984118" s="10"/>
    </row>
    <row r="984119" spans="14:14">
      <c r="N984119" s="10"/>
    </row>
    <row r="984120" spans="14:14">
      <c r="N984120" s="10"/>
    </row>
    <row r="984121" spans="14:14">
      <c r="N984121" s="10"/>
    </row>
    <row r="984122" spans="14:14">
      <c r="N984122" s="10"/>
    </row>
    <row r="984123" spans="14:14">
      <c r="N984123" s="10"/>
    </row>
    <row r="984124" spans="14:14">
      <c r="N984124" s="10"/>
    </row>
    <row r="984125" spans="14:14">
      <c r="N984125" s="10"/>
    </row>
    <row r="984126" spans="14:14">
      <c r="N984126" s="10"/>
    </row>
    <row r="984127" spans="14:14">
      <c r="N984127" s="10"/>
    </row>
    <row r="984128" spans="14:14">
      <c r="N984128" s="10"/>
    </row>
    <row r="984129" spans="14:14">
      <c r="N984129" s="10"/>
    </row>
    <row r="984130" spans="14:14">
      <c r="N984130" s="10"/>
    </row>
    <row r="984131" spans="14:14">
      <c r="N984131" s="10"/>
    </row>
    <row r="984132" spans="14:14">
      <c r="N984132" s="10"/>
    </row>
    <row r="984133" spans="14:14">
      <c r="N984133" s="10"/>
    </row>
    <row r="984134" spans="14:14">
      <c r="N984134" s="10"/>
    </row>
    <row r="984135" spans="14:14">
      <c r="N984135" s="10"/>
    </row>
    <row r="984136" spans="14:14">
      <c r="N984136" s="10"/>
    </row>
    <row r="984137" spans="14:14">
      <c r="N984137" s="10"/>
    </row>
    <row r="984138" spans="14:14">
      <c r="N984138" s="10"/>
    </row>
    <row r="984139" spans="14:14">
      <c r="N984139" s="10"/>
    </row>
    <row r="984140" spans="14:14">
      <c r="N984140" s="10"/>
    </row>
    <row r="984141" spans="14:14">
      <c r="N984141" s="10"/>
    </row>
    <row r="984142" spans="14:14">
      <c r="N984142" s="10"/>
    </row>
    <row r="984143" spans="14:14">
      <c r="N984143" s="10"/>
    </row>
    <row r="984144" spans="14:14">
      <c r="N984144" s="10"/>
    </row>
    <row r="984145" spans="14:14">
      <c r="N984145" s="10"/>
    </row>
    <row r="984146" spans="14:14">
      <c r="N984146" s="10"/>
    </row>
    <row r="984147" spans="14:14">
      <c r="N984147" s="10"/>
    </row>
    <row r="984148" spans="14:14">
      <c r="N984148" s="10"/>
    </row>
    <row r="984149" spans="14:14">
      <c r="N984149" s="10"/>
    </row>
    <row r="984150" spans="14:14">
      <c r="N984150" s="10"/>
    </row>
    <row r="984151" spans="14:14">
      <c r="N984151" s="10"/>
    </row>
    <row r="984152" spans="14:14">
      <c r="N984152" s="10"/>
    </row>
    <row r="984153" spans="14:14">
      <c r="N984153" s="10"/>
    </row>
    <row r="984154" spans="14:14">
      <c r="N984154" s="10"/>
    </row>
    <row r="984155" spans="14:14">
      <c r="N984155" s="10"/>
    </row>
    <row r="984156" spans="14:14">
      <c r="N984156" s="10"/>
    </row>
    <row r="984157" spans="14:14">
      <c r="N984157" s="10"/>
    </row>
    <row r="984158" spans="14:14">
      <c r="N984158" s="10"/>
    </row>
    <row r="984159" spans="14:14">
      <c r="N984159" s="10"/>
    </row>
    <row r="984160" spans="14:14">
      <c r="N984160" s="10"/>
    </row>
    <row r="984161" spans="14:14">
      <c r="N984161" s="10"/>
    </row>
    <row r="984162" spans="14:14">
      <c r="N984162" s="10"/>
    </row>
    <row r="984163" spans="14:14">
      <c r="N984163" s="10"/>
    </row>
    <row r="984164" spans="14:14">
      <c r="N984164" s="10"/>
    </row>
    <row r="984165" spans="14:14">
      <c r="N984165" s="10"/>
    </row>
    <row r="984166" spans="14:14">
      <c r="N984166" s="10"/>
    </row>
    <row r="984167" spans="14:14">
      <c r="N984167" s="10"/>
    </row>
    <row r="984168" spans="14:14">
      <c r="N984168" s="10"/>
    </row>
    <row r="984169" spans="14:14">
      <c r="N984169" s="10"/>
    </row>
    <row r="984170" spans="14:14">
      <c r="N984170" s="10"/>
    </row>
    <row r="984171" spans="14:14">
      <c r="N984171" s="10"/>
    </row>
    <row r="984172" spans="14:14">
      <c r="N984172" s="10"/>
    </row>
    <row r="984173" spans="14:14">
      <c r="N984173" s="10"/>
    </row>
    <row r="984174" spans="14:14">
      <c r="N984174" s="10"/>
    </row>
    <row r="984175" spans="14:14">
      <c r="N984175" s="10"/>
    </row>
    <row r="984176" spans="14:14">
      <c r="N984176" s="10"/>
    </row>
    <row r="984177" spans="14:14">
      <c r="N984177" s="10"/>
    </row>
    <row r="984178" spans="14:14">
      <c r="N984178" s="10"/>
    </row>
    <row r="984179" spans="14:14">
      <c r="N984179" s="10"/>
    </row>
    <row r="984180" spans="14:14">
      <c r="N984180" s="10"/>
    </row>
    <row r="984181" spans="14:14">
      <c r="N984181" s="10"/>
    </row>
    <row r="984182" spans="14:14">
      <c r="N984182" s="10"/>
    </row>
    <row r="984183" spans="14:14">
      <c r="N984183" s="10"/>
    </row>
    <row r="984184" spans="14:14">
      <c r="N984184" s="10"/>
    </row>
    <row r="984185" spans="14:14">
      <c r="N984185" s="10"/>
    </row>
    <row r="984186" spans="14:14">
      <c r="N984186" s="10"/>
    </row>
    <row r="984187" spans="14:14">
      <c r="N984187" s="10"/>
    </row>
    <row r="984188" spans="14:14">
      <c r="N984188" s="10"/>
    </row>
    <row r="984189" spans="14:14">
      <c r="N984189" s="10"/>
    </row>
    <row r="984190" spans="14:14">
      <c r="N984190" s="10"/>
    </row>
    <row r="984191" spans="14:14">
      <c r="N984191" s="10"/>
    </row>
    <row r="984192" spans="14:14">
      <c r="N984192" s="10"/>
    </row>
    <row r="984193" spans="14:14">
      <c r="N984193" s="10"/>
    </row>
    <row r="984194" spans="14:14">
      <c r="N984194" s="10"/>
    </row>
    <row r="984195" spans="14:14">
      <c r="N984195" s="10"/>
    </row>
    <row r="984196" spans="14:14">
      <c r="N984196" s="10"/>
    </row>
    <row r="984197" spans="14:14">
      <c r="N984197" s="10"/>
    </row>
    <row r="984198" spans="14:14">
      <c r="N984198" s="10"/>
    </row>
    <row r="984199" spans="14:14">
      <c r="N984199" s="10"/>
    </row>
    <row r="984200" spans="14:14">
      <c r="N984200" s="10"/>
    </row>
    <row r="984201" spans="14:14">
      <c r="N984201" s="10"/>
    </row>
    <row r="984202" spans="14:14">
      <c r="N984202" s="10"/>
    </row>
    <row r="984203" spans="14:14">
      <c r="N984203" s="10"/>
    </row>
    <row r="984204" spans="14:14">
      <c r="N984204" s="10"/>
    </row>
    <row r="984205" spans="14:14">
      <c r="N984205" s="10"/>
    </row>
    <row r="984206" spans="14:14">
      <c r="N984206" s="10"/>
    </row>
    <row r="984207" spans="14:14">
      <c r="N984207" s="10"/>
    </row>
    <row r="984208" spans="14:14">
      <c r="N984208" s="10"/>
    </row>
    <row r="984209" spans="14:14">
      <c r="N984209" s="10"/>
    </row>
    <row r="984210" spans="14:14">
      <c r="N984210" s="10"/>
    </row>
    <row r="984211" spans="14:14">
      <c r="N984211" s="10"/>
    </row>
    <row r="984212" spans="14:14">
      <c r="N984212" s="10"/>
    </row>
    <row r="984213" spans="14:14">
      <c r="N984213" s="10"/>
    </row>
    <row r="984214" spans="14:14">
      <c r="N984214" s="10"/>
    </row>
    <row r="984215" spans="14:14">
      <c r="N984215" s="10"/>
    </row>
    <row r="984216" spans="14:14">
      <c r="N984216" s="10"/>
    </row>
    <row r="984217" spans="14:14">
      <c r="N984217" s="10"/>
    </row>
    <row r="984218" spans="14:14">
      <c r="N984218" s="10"/>
    </row>
    <row r="984219" spans="14:14">
      <c r="N984219" s="10"/>
    </row>
    <row r="984220" spans="14:14">
      <c r="N984220" s="10"/>
    </row>
    <row r="984221" spans="14:14">
      <c r="N984221" s="10"/>
    </row>
    <row r="984222" spans="14:14">
      <c r="N984222" s="10"/>
    </row>
    <row r="984223" spans="14:14">
      <c r="N984223" s="10"/>
    </row>
    <row r="984224" spans="14:14">
      <c r="N984224" s="10"/>
    </row>
    <row r="984225" spans="14:14">
      <c r="N984225" s="10"/>
    </row>
    <row r="984226" spans="14:14">
      <c r="N984226" s="10"/>
    </row>
    <row r="984227" spans="14:14">
      <c r="N984227" s="10"/>
    </row>
    <row r="984228" spans="14:14">
      <c r="N984228" s="10"/>
    </row>
    <row r="984229" spans="14:14">
      <c r="N984229" s="10"/>
    </row>
    <row r="984230" spans="14:14">
      <c r="N984230" s="10"/>
    </row>
    <row r="984231" spans="14:14">
      <c r="N984231" s="10"/>
    </row>
    <row r="984232" spans="14:14">
      <c r="N984232" s="10"/>
    </row>
    <row r="984233" spans="14:14">
      <c r="N984233" s="10"/>
    </row>
    <row r="984234" spans="14:14">
      <c r="N984234" s="10"/>
    </row>
    <row r="984235" spans="14:14">
      <c r="N984235" s="10"/>
    </row>
    <row r="984236" spans="14:14">
      <c r="N984236" s="10"/>
    </row>
    <row r="984237" spans="14:14">
      <c r="N984237" s="10"/>
    </row>
    <row r="984238" spans="14:14">
      <c r="N984238" s="10"/>
    </row>
    <row r="984239" spans="14:14">
      <c r="N984239" s="10"/>
    </row>
    <row r="984240" spans="14:14">
      <c r="N984240" s="10"/>
    </row>
    <row r="984241" spans="14:14">
      <c r="N984241" s="10"/>
    </row>
    <row r="984242" spans="14:14">
      <c r="N984242" s="10"/>
    </row>
    <row r="984243" spans="14:14">
      <c r="N984243" s="10"/>
    </row>
    <row r="984244" spans="14:14">
      <c r="N984244" s="10"/>
    </row>
    <row r="984245" spans="14:14">
      <c r="N984245" s="10"/>
    </row>
    <row r="984246" spans="14:14">
      <c r="N984246" s="10"/>
    </row>
    <row r="984247" spans="14:14">
      <c r="N984247" s="10"/>
    </row>
    <row r="984248" spans="14:14">
      <c r="N984248" s="10"/>
    </row>
    <row r="984249" spans="14:14">
      <c r="N984249" s="10"/>
    </row>
    <row r="984250" spans="14:14">
      <c r="N984250" s="10"/>
    </row>
    <row r="984251" spans="14:14">
      <c r="N984251" s="10"/>
    </row>
    <row r="984252" spans="14:14">
      <c r="N984252" s="10"/>
    </row>
    <row r="984253" spans="14:14">
      <c r="N984253" s="10"/>
    </row>
    <row r="984254" spans="14:14">
      <c r="N984254" s="10"/>
    </row>
    <row r="984255" spans="14:14">
      <c r="N984255" s="10"/>
    </row>
    <row r="984256" spans="14:14">
      <c r="N984256" s="10"/>
    </row>
    <row r="984257" spans="14:14">
      <c r="N984257" s="10"/>
    </row>
    <row r="984258" spans="14:14">
      <c r="N984258" s="10"/>
    </row>
    <row r="984259" spans="14:14">
      <c r="N984259" s="10"/>
    </row>
    <row r="984260" spans="14:14">
      <c r="N984260" s="10"/>
    </row>
    <row r="984261" spans="14:14">
      <c r="N984261" s="10"/>
    </row>
    <row r="984262" spans="14:14">
      <c r="N984262" s="10"/>
    </row>
    <row r="984263" spans="14:14">
      <c r="N984263" s="10"/>
    </row>
    <row r="984264" spans="14:14">
      <c r="N984264" s="10"/>
    </row>
    <row r="984265" spans="14:14">
      <c r="N984265" s="10"/>
    </row>
    <row r="984266" spans="14:14">
      <c r="N984266" s="10"/>
    </row>
    <row r="984267" spans="14:14">
      <c r="N984267" s="10"/>
    </row>
    <row r="984268" spans="14:14">
      <c r="N984268" s="10"/>
    </row>
    <row r="984269" spans="14:14">
      <c r="N984269" s="10"/>
    </row>
    <row r="984270" spans="14:14">
      <c r="N984270" s="10"/>
    </row>
    <row r="984271" spans="14:14">
      <c r="N984271" s="10"/>
    </row>
    <row r="984272" spans="14:14">
      <c r="N984272" s="10"/>
    </row>
    <row r="984273" spans="14:14">
      <c r="N984273" s="10"/>
    </row>
    <row r="984274" spans="14:14">
      <c r="N984274" s="10"/>
    </row>
    <row r="984275" spans="14:14">
      <c r="N984275" s="10"/>
    </row>
    <row r="984276" spans="14:14">
      <c r="N984276" s="10"/>
    </row>
    <row r="984277" spans="14:14">
      <c r="N984277" s="10"/>
    </row>
    <row r="984278" spans="14:14">
      <c r="N984278" s="10"/>
    </row>
    <row r="984279" spans="14:14">
      <c r="N984279" s="10"/>
    </row>
    <row r="984280" spans="14:14">
      <c r="N984280" s="10"/>
    </row>
    <row r="984281" spans="14:14">
      <c r="N984281" s="10"/>
    </row>
    <row r="984282" spans="14:14">
      <c r="N984282" s="10"/>
    </row>
    <row r="984283" spans="14:14">
      <c r="N984283" s="10"/>
    </row>
    <row r="984284" spans="14:14">
      <c r="N984284" s="10"/>
    </row>
    <row r="984285" spans="14:14">
      <c r="N984285" s="10"/>
    </row>
    <row r="984286" spans="14:14">
      <c r="N984286" s="10"/>
    </row>
    <row r="984287" spans="14:14">
      <c r="N984287" s="10"/>
    </row>
    <row r="984288" spans="14:14">
      <c r="N984288" s="10"/>
    </row>
    <row r="984289" spans="14:14">
      <c r="N984289" s="10"/>
    </row>
    <row r="984290" spans="14:14">
      <c r="N984290" s="10"/>
    </row>
    <row r="984291" spans="14:14">
      <c r="N984291" s="10"/>
    </row>
    <row r="984292" spans="14:14">
      <c r="N984292" s="10"/>
    </row>
    <row r="984293" spans="14:14">
      <c r="N984293" s="10"/>
    </row>
    <row r="984294" spans="14:14">
      <c r="N984294" s="10"/>
    </row>
    <row r="984295" spans="14:14">
      <c r="N984295" s="10"/>
    </row>
    <row r="984296" spans="14:14">
      <c r="N984296" s="10"/>
    </row>
    <row r="984297" spans="14:14">
      <c r="N984297" s="10"/>
    </row>
    <row r="984298" spans="14:14">
      <c r="N984298" s="10"/>
    </row>
    <row r="984299" spans="14:14">
      <c r="N984299" s="10"/>
    </row>
    <row r="984300" spans="14:14">
      <c r="N984300" s="10"/>
    </row>
    <row r="984301" spans="14:14">
      <c r="N984301" s="10"/>
    </row>
    <row r="984302" spans="14:14">
      <c r="N984302" s="10"/>
    </row>
    <row r="984303" spans="14:14">
      <c r="N984303" s="10"/>
    </row>
    <row r="984304" spans="14:14">
      <c r="N984304" s="10"/>
    </row>
    <row r="984305" spans="14:14">
      <c r="N984305" s="10"/>
    </row>
    <row r="984306" spans="14:14">
      <c r="N984306" s="10"/>
    </row>
    <row r="984307" spans="14:14">
      <c r="N984307" s="10"/>
    </row>
    <row r="984308" spans="14:14">
      <c r="N984308" s="10"/>
    </row>
    <row r="984309" spans="14:14">
      <c r="N984309" s="10"/>
    </row>
    <row r="984310" spans="14:14">
      <c r="N984310" s="10"/>
    </row>
    <row r="984311" spans="14:14">
      <c r="N984311" s="10"/>
    </row>
    <row r="984312" spans="14:14">
      <c r="N984312" s="10"/>
    </row>
    <row r="984313" spans="14:14">
      <c r="N984313" s="10"/>
    </row>
    <row r="984314" spans="14:14">
      <c r="N984314" s="10"/>
    </row>
    <row r="984315" spans="14:14">
      <c r="N984315" s="10"/>
    </row>
    <row r="984316" spans="14:14">
      <c r="N984316" s="10"/>
    </row>
    <row r="984317" spans="14:14">
      <c r="N984317" s="10"/>
    </row>
    <row r="984318" spans="14:14">
      <c r="N984318" s="10"/>
    </row>
    <row r="984319" spans="14:14">
      <c r="N984319" s="10"/>
    </row>
    <row r="984320" spans="14:14">
      <c r="N984320" s="10"/>
    </row>
    <row r="984321" spans="14:14">
      <c r="N984321" s="10"/>
    </row>
    <row r="984322" spans="14:14">
      <c r="N984322" s="10"/>
    </row>
    <row r="984323" spans="14:14">
      <c r="N984323" s="10"/>
    </row>
    <row r="984324" spans="14:14">
      <c r="N984324" s="10"/>
    </row>
    <row r="984325" spans="14:14">
      <c r="N984325" s="10"/>
    </row>
    <row r="984326" spans="14:14">
      <c r="N984326" s="10"/>
    </row>
    <row r="984327" spans="14:14">
      <c r="N984327" s="10"/>
    </row>
    <row r="984328" spans="14:14">
      <c r="N984328" s="10"/>
    </row>
    <row r="984329" spans="14:14">
      <c r="N984329" s="10"/>
    </row>
    <row r="984330" spans="14:14">
      <c r="N984330" s="10"/>
    </row>
    <row r="984331" spans="14:14">
      <c r="N984331" s="10"/>
    </row>
    <row r="984332" spans="14:14">
      <c r="N984332" s="10"/>
    </row>
    <row r="984333" spans="14:14">
      <c r="N984333" s="10"/>
    </row>
    <row r="984334" spans="14:14">
      <c r="N984334" s="10"/>
    </row>
    <row r="984335" spans="14:14">
      <c r="N984335" s="10"/>
    </row>
    <row r="984336" spans="14:14">
      <c r="N984336" s="10"/>
    </row>
    <row r="984337" spans="14:14">
      <c r="N984337" s="10"/>
    </row>
    <row r="984338" spans="14:14">
      <c r="N984338" s="10"/>
    </row>
    <row r="984339" spans="14:14">
      <c r="N984339" s="10"/>
    </row>
    <row r="984340" spans="14:14">
      <c r="N984340" s="10"/>
    </row>
    <row r="984341" spans="14:14">
      <c r="N984341" s="10"/>
    </row>
    <row r="984342" spans="14:14">
      <c r="N984342" s="10"/>
    </row>
    <row r="984343" spans="14:14">
      <c r="N984343" s="10"/>
    </row>
    <row r="984344" spans="14:14">
      <c r="N984344" s="10"/>
    </row>
    <row r="984345" spans="14:14">
      <c r="N984345" s="10"/>
    </row>
    <row r="984346" spans="14:14">
      <c r="N984346" s="10"/>
    </row>
    <row r="984347" spans="14:14">
      <c r="N984347" s="10"/>
    </row>
    <row r="984348" spans="14:14">
      <c r="N984348" s="10"/>
    </row>
    <row r="984349" spans="14:14">
      <c r="N984349" s="10"/>
    </row>
    <row r="984350" spans="14:14">
      <c r="N984350" s="10"/>
    </row>
    <row r="984351" spans="14:14">
      <c r="N984351" s="10"/>
    </row>
    <row r="984352" spans="14:14">
      <c r="N984352" s="10"/>
    </row>
    <row r="984353" spans="14:14">
      <c r="N984353" s="10"/>
    </row>
    <row r="984354" spans="14:14">
      <c r="N984354" s="10"/>
    </row>
    <row r="984355" spans="14:14">
      <c r="N984355" s="10"/>
    </row>
    <row r="984356" spans="14:14">
      <c r="N984356" s="10"/>
    </row>
    <row r="984357" spans="14:14">
      <c r="N984357" s="10"/>
    </row>
    <row r="984358" spans="14:14">
      <c r="N984358" s="10"/>
    </row>
    <row r="984359" spans="14:14">
      <c r="N984359" s="10"/>
    </row>
    <row r="984360" spans="14:14">
      <c r="N984360" s="10"/>
    </row>
    <row r="984361" spans="14:14">
      <c r="N984361" s="10"/>
    </row>
    <row r="984362" spans="14:14">
      <c r="N984362" s="10"/>
    </row>
    <row r="984363" spans="14:14">
      <c r="N984363" s="10"/>
    </row>
    <row r="984364" spans="14:14">
      <c r="N984364" s="10"/>
    </row>
    <row r="984365" spans="14:14">
      <c r="N984365" s="10"/>
    </row>
    <row r="984366" spans="14:14">
      <c r="N984366" s="10"/>
    </row>
    <row r="984367" spans="14:14">
      <c r="N984367" s="10"/>
    </row>
    <row r="984368" spans="14:14">
      <c r="N984368" s="10"/>
    </row>
    <row r="984369" spans="14:14">
      <c r="N984369" s="10"/>
    </row>
    <row r="984370" spans="14:14">
      <c r="N984370" s="10"/>
    </row>
    <row r="984371" spans="14:14">
      <c r="N984371" s="10"/>
    </row>
    <row r="984372" spans="14:14">
      <c r="N984372" s="10"/>
    </row>
    <row r="984373" spans="14:14">
      <c r="N984373" s="10"/>
    </row>
    <row r="984374" spans="14:14">
      <c r="N984374" s="10"/>
    </row>
    <row r="984375" spans="14:14">
      <c r="N984375" s="10"/>
    </row>
    <row r="984376" spans="14:14">
      <c r="N984376" s="10"/>
    </row>
    <row r="984377" spans="14:14">
      <c r="N984377" s="10"/>
    </row>
    <row r="984378" spans="14:14">
      <c r="N984378" s="10"/>
    </row>
    <row r="984379" spans="14:14">
      <c r="N984379" s="10"/>
    </row>
    <row r="984380" spans="14:14">
      <c r="N984380" s="10"/>
    </row>
    <row r="984381" spans="14:14">
      <c r="N984381" s="10"/>
    </row>
    <row r="984382" spans="14:14">
      <c r="N984382" s="10"/>
    </row>
    <row r="984383" spans="14:14">
      <c r="N984383" s="10"/>
    </row>
    <row r="984384" spans="14:14">
      <c r="N984384" s="10"/>
    </row>
    <row r="984385" spans="14:14">
      <c r="N984385" s="10"/>
    </row>
    <row r="984386" spans="14:14">
      <c r="N984386" s="10"/>
    </row>
    <row r="984387" spans="14:14">
      <c r="N984387" s="10"/>
    </row>
    <row r="984388" spans="14:14">
      <c r="N984388" s="10"/>
    </row>
    <row r="984389" spans="14:14">
      <c r="N984389" s="10"/>
    </row>
    <row r="984390" spans="14:14">
      <c r="N984390" s="10"/>
    </row>
    <row r="984391" spans="14:14">
      <c r="N984391" s="10"/>
    </row>
    <row r="984392" spans="14:14">
      <c r="N984392" s="10"/>
    </row>
    <row r="984393" spans="14:14">
      <c r="N984393" s="10"/>
    </row>
    <row r="984394" spans="14:14">
      <c r="N984394" s="10"/>
    </row>
    <row r="984395" spans="14:14">
      <c r="N984395" s="10"/>
    </row>
    <row r="984396" spans="14:14">
      <c r="N984396" s="10"/>
    </row>
    <row r="984397" spans="14:14">
      <c r="N984397" s="10"/>
    </row>
    <row r="984398" spans="14:14">
      <c r="N984398" s="10"/>
    </row>
    <row r="984399" spans="14:14">
      <c r="N984399" s="10"/>
    </row>
    <row r="984400" spans="14:14">
      <c r="N984400" s="10"/>
    </row>
    <row r="984401" spans="14:14">
      <c r="N984401" s="10"/>
    </row>
    <row r="984402" spans="14:14">
      <c r="N984402" s="10"/>
    </row>
    <row r="984403" spans="14:14">
      <c r="N984403" s="10"/>
    </row>
    <row r="984404" spans="14:14">
      <c r="N984404" s="10"/>
    </row>
    <row r="984405" spans="14:14">
      <c r="N984405" s="10"/>
    </row>
    <row r="984406" spans="14:14">
      <c r="N984406" s="10"/>
    </row>
    <row r="984407" spans="14:14">
      <c r="N984407" s="10"/>
    </row>
    <row r="984408" spans="14:14">
      <c r="N984408" s="10"/>
    </row>
    <row r="984409" spans="14:14">
      <c r="N984409" s="10"/>
    </row>
    <row r="984410" spans="14:14">
      <c r="N984410" s="10"/>
    </row>
    <row r="984411" spans="14:14">
      <c r="N984411" s="10"/>
    </row>
    <row r="984412" spans="14:14">
      <c r="N984412" s="10"/>
    </row>
    <row r="984413" spans="14:14">
      <c r="N984413" s="10"/>
    </row>
    <row r="984414" spans="14:14">
      <c r="N984414" s="10"/>
    </row>
    <row r="984415" spans="14:14">
      <c r="N984415" s="10"/>
    </row>
    <row r="984416" spans="14:14">
      <c r="N984416" s="10"/>
    </row>
    <row r="984417" spans="14:14">
      <c r="N984417" s="10"/>
    </row>
    <row r="984418" spans="14:14">
      <c r="N984418" s="10"/>
    </row>
    <row r="984419" spans="14:14">
      <c r="N984419" s="10"/>
    </row>
    <row r="984420" spans="14:14">
      <c r="N984420" s="10"/>
    </row>
    <row r="984421" spans="14:14">
      <c r="N984421" s="10"/>
    </row>
    <row r="984422" spans="14:14">
      <c r="N984422" s="10"/>
    </row>
    <row r="984423" spans="14:14">
      <c r="N984423" s="10"/>
    </row>
    <row r="984424" spans="14:14">
      <c r="N984424" s="10"/>
    </row>
    <row r="984425" spans="14:14">
      <c r="N984425" s="10"/>
    </row>
    <row r="984426" spans="14:14">
      <c r="N984426" s="10"/>
    </row>
    <row r="984427" spans="14:14">
      <c r="N984427" s="10"/>
    </row>
    <row r="984428" spans="14:14">
      <c r="N984428" s="10"/>
    </row>
    <row r="984429" spans="14:14">
      <c r="N984429" s="10"/>
    </row>
    <row r="984430" spans="14:14">
      <c r="N984430" s="10"/>
    </row>
    <row r="984431" spans="14:14">
      <c r="N984431" s="10"/>
    </row>
    <row r="984432" spans="14:14">
      <c r="N984432" s="10"/>
    </row>
    <row r="984433" spans="14:14">
      <c r="N984433" s="10"/>
    </row>
    <row r="984434" spans="14:14">
      <c r="N984434" s="10"/>
    </row>
    <row r="984435" spans="14:14">
      <c r="N984435" s="10"/>
    </row>
    <row r="984436" spans="14:14">
      <c r="N984436" s="10"/>
    </row>
    <row r="984437" spans="14:14">
      <c r="N984437" s="10"/>
    </row>
    <row r="984438" spans="14:14">
      <c r="N984438" s="10"/>
    </row>
    <row r="984439" spans="14:14">
      <c r="N984439" s="10"/>
    </row>
    <row r="984440" spans="14:14">
      <c r="N984440" s="10"/>
    </row>
    <row r="984441" spans="14:14">
      <c r="N984441" s="10"/>
    </row>
    <row r="984442" spans="14:14">
      <c r="N984442" s="10"/>
    </row>
    <row r="984443" spans="14:14">
      <c r="N984443" s="10"/>
    </row>
    <row r="984444" spans="14:14">
      <c r="N984444" s="10"/>
    </row>
    <row r="984445" spans="14:14">
      <c r="N984445" s="10"/>
    </row>
    <row r="984446" spans="14:14">
      <c r="N984446" s="10"/>
    </row>
    <row r="984447" spans="14:14">
      <c r="N984447" s="10"/>
    </row>
    <row r="984448" spans="14:14">
      <c r="N984448" s="10"/>
    </row>
    <row r="984449" spans="14:14">
      <c r="N984449" s="10"/>
    </row>
    <row r="984450" spans="14:14">
      <c r="N984450" s="10"/>
    </row>
    <row r="984451" spans="14:14">
      <c r="N984451" s="10"/>
    </row>
    <row r="984452" spans="14:14">
      <c r="N984452" s="10"/>
    </row>
    <row r="984453" spans="14:14">
      <c r="N984453" s="10"/>
    </row>
    <row r="984454" spans="14:14">
      <c r="N984454" s="10"/>
    </row>
    <row r="984455" spans="14:14">
      <c r="N984455" s="10"/>
    </row>
    <row r="984456" spans="14:14">
      <c r="N984456" s="10"/>
    </row>
    <row r="984457" spans="14:14">
      <c r="N984457" s="10"/>
    </row>
    <row r="984458" spans="14:14">
      <c r="N984458" s="10"/>
    </row>
    <row r="984459" spans="14:14">
      <c r="N984459" s="10"/>
    </row>
    <row r="984460" spans="14:14">
      <c r="N984460" s="10"/>
    </row>
    <row r="984461" spans="14:14">
      <c r="N984461" s="10"/>
    </row>
    <row r="984462" spans="14:14">
      <c r="N984462" s="10"/>
    </row>
    <row r="984463" spans="14:14">
      <c r="N984463" s="10"/>
    </row>
    <row r="984464" spans="14:14">
      <c r="N984464" s="10"/>
    </row>
    <row r="984465" spans="14:14">
      <c r="N984465" s="10"/>
    </row>
    <row r="984466" spans="14:14">
      <c r="N984466" s="10"/>
    </row>
    <row r="984467" spans="14:14">
      <c r="N984467" s="10"/>
    </row>
    <row r="984468" spans="14:14">
      <c r="N984468" s="10"/>
    </row>
    <row r="984469" spans="14:14">
      <c r="N984469" s="10"/>
    </row>
    <row r="984470" spans="14:14">
      <c r="N984470" s="10"/>
    </row>
    <row r="984471" spans="14:14">
      <c r="N984471" s="10"/>
    </row>
    <row r="984472" spans="14:14">
      <c r="N984472" s="10"/>
    </row>
    <row r="984473" spans="14:14">
      <c r="N984473" s="10"/>
    </row>
    <row r="984474" spans="14:14">
      <c r="N984474" s="10"/>
    </row>
    <row r="984475" spans="14:14">
      <c r="N984475" s="10"/>
    </row>
    <row r="984476" spans="14:14">
      <c r="N984476" s="10"/>
    </row>
    <row r="984477" spans="14:14">
      <c r="N984477" s="10"/>
    </row>
    <row r="984478" spans="14:14">
      <c r="N984478" s="10"/>
    </row>
    <row r="984479" spans="14:14">
      <c r="N984479" s="10"/>
    </row>
    <row r="984480" spans="14:14">
      <c r="N984480" s="10"/>
    </row>
    <row r="984481" spans="14:14">
      <c r="N984481" s="10"/>
    </row>
    <row r="984482" spans="14:14">
      <c r="N984482" s="10"/>
    </row>
    <row r="984483" spans="14:14">
      <c r="N984483" s="10"/>
    </row>
    <row r="984484" spans="14:14">
      <c r="N984484" s="10"/>
    </row>
    <row r="984485" spans="14:14">
      <c r="N984485" s="10"/>
    </row>
    <row r="984486" spans="14:14">
      <c r="N984486" s="10"/>
    </row>
    <row r="984487" spans="14:14">
      <c r="N984487" s="10"/>
    </row>
    <row r="984488" spans="14:14">
      <c r="N984488" s="10"/>
    </row>
    <row r="984489" spans="14:14">
      <c r="N984489" s="10"/>
    </row>
    <row r="984490" spans="14:14">
      <c r="N984490" s="10"/>
    </row>
    <row r="984491" spans="14:14">
      <c r="N984491" s="10"/>
    </row>
    <row r="984492" spans="14:14">
      <c r="N984492" s="10"/>
    </row>
    <row r="984493" spans="14:14">
      <c r="N984493" s="10"/>
    </row>
    <row r="984494" spans="14:14">
      <c r="N984494" s="10"/>
    </row>
    <row r="984495" spans="14:14">
      <c r="N984495" s="10"/>
    </row>
    <row r="984496" spans="14:14">
      <c r="N984496" s="10"/>
    </row>
    <row r="984497" spans="14:14">
      <c r="N984497" s="10"/>
    </row>
    <row r="984498" spans="14:14">
      <c r="N984498" s="10"/>
    </row>
    <row r="984499" spans="14:14">
      <c r="N984499" s="10"/>
    </row>
    <row r="984500" spans="14:14">
      <c r="N984500" s="10"/>
    </row>
    <row r="984501" spans="14:14">
      <c r="N984501" s="10"/>
    </row>
    <row r="984502" spans="14:14">
      <c r="N984502" s="10"/>
    </row>
    <row r="984503" spans="14:14">
      <c r="N984503" s="10"/>
    </row>
    <row r="984504" spans="14:14">
      <c r="N984504" s="10"/>
    </row>
    <row r="984505" spans="14:14">
      <c r="N984505" s="10"/>
    </row>
    <row r="984506" spans="14:14">
      <c r="N984506" s="10"/>
    </row>
    <row r="984507" spans="14:14">
      <c r="N984507" s="10"/>
    </row>
    <row r="984508" spans="14:14">
      <c r="N984508" s="10"/>
    </row>
    <row r="984509" spans="14:14">
      <c r="N984509" s="10"/>
    </row>
    <row r="984510" spans="14:14">
      <c r="N984510" s="10"/>
    </row>
    <row r="984511" spans="14:14">
      <c r="N984511" s="10"/>
    </row>
    <row r="984512" spans="14:14">
      <c r="N984512" s="10"/>
    </row>
    <row r="984513" spans="14:14">
      <c r="N984513" s="10"/>
    </row>
    <row r="984514" spans="14:14">
      <c r="N984514" s="10"/>
    </row>
    <row r="984515" spans="14:14">
      <c r="N984515" s="10"/>
    </row>
    <row r="984516" spans="14:14">
      <c r="N984516" s="10"/>
    </row>
    <row r="984517" spans="14:14">
      <c r="N984517" s="10"/>
    </row>
    <row r="984518" spans="14:14">
      <c r="N984518" s="10"/>
    </row>
    <row r="984519" spans="14:14">
      <c r="N984519" s="10"/>
    </row>
    <row r="984520" spans="14:14">
      <c r="N984520" s="10"/>
    </row>
    <row r="984521" spans="14:14">
      <c r="N984521" s="10"/>
    </row>
    <row r="984522" spans="14:14">
      <c r="N984522" s="10"/>
    </row>
    <row r="984523" spans="14:14">
      <c r="N984523" s="10"/>
    </row>
    <row r="984524" spans="14:14">
      <c r="N984524" s="10"/>
    </row>
    <row r="984525" spans="14:14">
      <c r="N984525" s="10"/>
    </row>
    <row r="984526" spans="14:14">
      <c r="N984526" s="10"/>
    </row>
    <row r="984527" spans="14:14">
      <c r="N984527" s="10"/>
    </row>
    <row r="984528" spans="14:14">
      <c r="N984528" s="10"/>
    </row>
    <row r="984529" spans="14:14">
      <c r="N984529" s="10"/>
    </row>
    <row r="984530" spans="14:14">
      <c r="N984530" s="10"/>
    </row>
    <row r="984531" spans="14:14">
      <c r="N984531" s="10"/>
    </row>
    <row r="984532" spans="14:14">
      <c r="N984532" s="10"/>
    </row>
    <row r="984533" spans="14:14">
      <c r="N984533" s="10"/>
    </row>
    <row r="984534" spans="14:14">
      <c r="N984534" s="10"/>
    </row>
    <row r="984535" spans="14:14">
      <c r="N984535" s="10"/>
    </row>
    <row r="984536" spans="14:14">
      <c r="N984536" s="10"/>
    </row>
    <row r="984537" spans="14:14">
      <c r="N984537" s="10"/>
    </row>
    <row r="984538" spans="14:14">
      <c r="N984538" s="10"/>
    </row>
    <row r="984539" spans="14:14">
      <c r="N984539" s="10"/>
    </row>
    <row r="984540" spans="14:14">
      <c r="N984540" s="10"/>
    </row>
    <row r="984541" spans="14:14">
      <c r="N984541" s="10"/>
    </row>
    <row r="984542" spans="14:14">
      <c r="N984542" s="10"/>
    </row>
    <row r="984543" spans="14:14">
      <c r="N984543" s="10"/>
    </row>
    <row r="984544" spans="14:14">
      <c r="N984544" s="10"/>
    </row>
    <row r="984545" spans="14:14">
      <c r="N984545" s="10"/>
    </row>
    <row r="984546" spans="14:14">
      <c r="N984546" s="10"/>
    </row>
    <row r="984547" spans="14:14">
      <c r="N984547" s="10"/>
    </row>
    <row r="984548" spans="14:14">
      <c r="N984548" s="10"/>
    </row>
    <row r="984549" spans="14:14">
      <c r="N984549" s="10"/>
    </row>
    <row r="984550" spans="14:14">
      <c r="N984550" s="10"/>
    </row>
    <row r="984551" spans="14:14">
      <c r="N984551" s="10"/>
    </row>
    <row r="984552" spans="14:14">
      <c r="N984552" s="10"/>
    </row>
    <row r="984553" spans="14:14">
      <c r="N984553" s="10"/>
    </row>
    <row r="984554" spans="14:14">
      <c r="N984554" s="10"/>
    </row>
    <row r="984555" spans="14:14">
      <c r="N984555" s="10"/>
    </row>
    <row r="984556" spans="14:14">
      <c r="N984556" s="10"/>
    </row>
    <row r="984557" spans="14:14">
      <c r="N984557" s="10"/>
    </row>
    <row r="984558" spans="14:14">
      <c r="N984558" s="10"/>
    </row>
    <row r="984559" spans="14:14">
      <c r="N984559" s="10"/>
    </row>
    <row r="984560" spans="14:14">
      <c r="N984560" s="10"/>
    </row>
    <row r="984561" spans="14:14">
      <c r="N984561" s="10"/>
    </row>
    <row r="984562" spans="14:14">
      <c r="N984562" s="10"/>
    </row>
    <row r="984563" spans="14:14">
      <c r="N984563" s="10"/>
    </row>
    <row r="984564" spans="14:14">
      <c r="N984564" s="10"/>
    </row>
    <row r="984565" spans="14:14">
      <c r="N984565" s="10"/>
    </row>
    <row r="984566" spans="14:14">
      <c r="N984566" s="10"/>
    </row>
    <row r="984567" spans="14:14">
      <c r="N984567" s="10"/>
    </row>
    <row r="984568" spans="14:14">
      <c r="N984568" s="10"/>
    </row>
    <row r="984569" spans="14:14">
      <c r="N984569" s="10"/>
    </row>
    <row r="984570" spans="14:14">
      <c r="N984570" s="10"/>
    </row>
    <row r="984571" spans="14:14">
      <c r="N984571" s="10"/>
    </row>
    <row r="984572" spans="14:14">
      <c r="N984572" s="10"/>
    </row>
    <row r="984573" spans="14:14">
      <c r="N984573" s="10"/>
    </row>
    <row r="984574" spans="14:14">
      <c r="N984574" s="10"/>
    </row>
    <row r="984575" spans="14:14">
      <c r="N984575" s="10"/>
    </row>
    <row r="984576" spans="14:14">
      <c r="N984576" s="10"/>
    </row>
    <row r="984577" spans="14:14">
      <c r="N984577" s="10"/>
    </row>
    <row r="984578" spans="14:14">
      <c r="N984578" s="10"/>
    </row>
    <row r="984579" spans="14:14">
      <c r="N984579" s="10"/>
    </row>
    <row r="984580" spans="14:14">
      <c r="N984580" s="10"/>
    </row>
    <row r="984581" spans="14:14">
      <c r="N984581" s="10"/>
    </row>
    <row r="984582" spans="14:14">
      <c r="N984582" s="10"/>
    </row>
    <row r="984583" spans="14:14">
      <c r="N984583" s="10"/>
    </row>
    <row r="984584" spans="14:14">
      <c r="N984584" s="10"/>
    </row>
    <row r="984585" spans="14:14">
      <c r="N984585" s="10"/>
    </row>
    <row r="984586" spans="14:14">
      <c r="N984586" s="10"/>
    </row>
    <row r="984587" spans="14:14">
      <c r="N984587" s="10"/>
    </row>
    <row r="984588" spans="14:14">
      <c r="N984588" s="10"/>
    </row>
    <row r="984589" spans="14:14">
      <c r="N984589" s="10"/>
    </row>
    <row r="984590" spans="14:14">
      <c r="N984590" s="10"/>
    </row>
    <row r="984591" spans="14:14">
      <c r="N984591" s="10"/>
    </row>
    <row r="984592" spans="14:14">
      <c r="N984592" s="10"/>
    </row>
    <row r="984593" spans="14:14">
      <c r="N984593" s="10"/>
    </row>
    <row r="984594" spans="14:14">
      <c r="N984594" s="10"/>
    </row>
    <row r="984595" spans="14:14">
      <c r="N984595" s="10"/>
    </row>
    <row r="984596" spans="14:14">
      <c r="N984596" s="10"/>
    </row>
    <row r="984597" spans="14:14">
      <c r="N984597" s="10"/>
    </row>
    <row r="984598" spans="14:14">
      <c r="N984598" s="10"/>
    </row>
    <row r="984599" spans="14:14">
      <c r="N984599" s="10"/>
    </row>
    <row r="984600" spans="14:14">
      <c r="N984600" s="10"/>
    </row>
    <row r="984601" spans="14:14">
      <c r="N984601" s="10"/>
    </row>
    <row r="984602" spans="14:14">
      <c r="N984602" s="10"/>
    </row>
    <row r="984603" spans="14:14">
      <c r="N984603" s="10"/>
    </row>
    <row r="984604" spans="14:14">
      <c r="N984604" s="10"/>
    </row>
    <row r="984605" spans="14:14">
      <c r="N984605" s="10"/>
    </row>
    <row r="984606" spans="14:14">
      <c r="N984606" s="10"/>
    </row>
    <row r="984607" spans="14:14">
      <c r="N984607" s="10"/>
    </row>
    <row r="984608" spans="14:14">
      <c r="N984608" s="10"/>
    </row>
    <row r="984609" spans="14:14">
      <c r="N984609" s="10"/>
    </row>
    <row r="984610" spans="14:14">
      <c r="N984610" s="10"/>
    </row>
    <row r="984611" spans="14:14">
      <c r="N984611" s="10"/>
    </row>
    <row r="984612" spans="14:14">
      <c r="N984612" s="10"/>
    </row>
    <row r="984613" spans="14:14">
      <c r="N984613" s="10"/>
    </row>
    <row r="984614" spans="14:14">
      <c r="N984614" s="10"/>
    </row>
    <row r="984615" spans="14:14">
      <c r="N984615" s="10"/>
    </row>
    <row r="984616" spans="14:14">
      <c r="N984616" s="10"/>
    </row>
    <row r="984617" spans="14:14">
      <c r="N984617" s="10"/>
    </row>
    <row r="984618" spans="14:14">
      <c r="N984618" s="10"/>
    </row>
    <row r="984619" spans="14:14">
      <c r="N984619" s="10"/>
    </row>
    <row r="984620" spans="14:14">
      <c r="N984620" s="10"/>
    </row>
    <row r="984621" spans="14:14">
      <c r="N984621" s="10"/>
    </row>
    <row r="984622" spans="14:14">
      <c r="N984622" s="10"/>
    </row>
    <row r="984623" spans="14:14">
      <c r="N984623" s="10"/>
    </row>
    <row r="984624" spans="14:14">
      <c r="N984624" s="10"/>
    </row>
    <row r="984625" spans="14:14">
      <c r="N984625" s="10"/>
    </row>
    <row r="984626" spans="14:14">
      <c r="N984626" s="10"/>
    </row>
    <row r="984627" spans="14:14">
      <c r="N984627" s="10"/>
    </row>
    <row r="984628" spans="14:14">
      <c r="N984628" s="10"/>
    </row>
    <row r="984629" spans="14:14">
      <c r="N984629" s="10"/>
    </row>
    <row r="984630" spans="14:14">
      <c r="N984630" s="10"/>
    </row>
    <row r="984631" spans="14:14">
      <c r="N984631" s="10"/>
    </row>
    <row r="984632" spans="14:14">
      <c r="N984632" s="10"/>
    </row>
    <row r="984633" spans="14:14">
      <c r="N984633" s="10"/>
    </row>
    <row r="984634" spans="14:14">
      <c r="N984634" s="10"/>
    </row>
    <row r="984635" spans="14:14">
      <c r="N984635" s="10"/>
    </row>
    <row r="984636" spans="14:14">
      <c r="N984636" s="10"/>
    </row>
    <row r="984637" spans="14:14">
      <c r="N984637" s="10"/>
    </row>
    <row r="984638" spans="14:14">
      <c r="N984638" s="10"/>
    </row>
    <row r="984639" spans="14:14">
      <c r="N984639" s="10"/>
    </row>
    <row r="984640" spans="14:14">
      <c r="N984640" s="10"/>
    </row>
    <row r="984641" spans="14:14">
      <c r="N984641" s="10"/>
    </row>
    <row r="984642" spans="14:14">
      <c r="N984642" s="10"/>
    </row>
    <row r="984643" spans="14:14">
      <c r="N984643" s="10"/>
    </row>
    <row r="984644" spans="14:14">
      <c r="N984644" s="10"/>
    </row>
    <row r="984645" spans="14:14">
      <c r="N984645" s="10"/>
    </row>
    <row r="984646" spans="14:14">
      <c r="N984646" s="10"/>
    </row>
    <row r="984647" spans="14:14">
      <c r="N984647" s="10"/>
    </row>
    <row r="984648" spans="14:14">
      <c r="N984648" s="10"/>
    </row>
    <row r="984649" spans="14:14">
      <c r="N984649" s="10"/>
    </row>
    <row r="984650" spans="14:14">
      <c r="N984650" s="10"/>
    </row>
    <row r="984651" spans="14:14">
      <c r="N984651" s="10"/>
    </row>
    <row r="984652" spans="14:14">
      <c r="N984652" s="10"/>
    </row>
    <row r="984653" spans="14:14">
      <c r="N984653" s="10"/>
    </row>
    <row r="984654" spans="14:14">
      <c r="N984654" s="10"/>
    </row>
    <row r="984655" spans="14:14">
      <c r="N984655" s="10"/>
    </row>
    <row r="984656" spans="14:14">
      <c r="N984656" s="10"/>
    </row>
    <row r="984657" spans="14:14">
      <c r="N984657" s="10"/>
    </row>
    <row r="984658" spans="14:14">
      <c r="N984658" s="10"/>
    </row>
    <row r="984659" spans="14:14">
      <c r="N984659" s="10"/>
    </row>
    <row r="984660" spans="14:14">
      <c r="N984660" s="10"/>
    </row>
    <row r="984661" spans="14:14">
      <c r="N984661" s="10"/>
    </row>
    <row r="984662" spans="14:14">
      <c r="N984662" s="10"/>
    </row>
    <row r="984663" spans="14:14">
      <c r="N984663" s="10"/>
    </row>
    <row r="984664" spans="14:14">
      <c r="N984664" s="10"/>
    </row>
    <row r="984665" spans="14:14">
      <c r="N984665" s="10"/>
    </row>
    <row r="984666" spans="14:14">
      <c r="N984666" s="10"/>
    </row>
    <row r="984667" spans="14:14">
      <c r="N984667" s="10"/>
    </row>
    <row r="984668" spans="14:14">
      <c r="N984668" s="10"/>
    </row>
    <row r="984669" spans="14:14">
      <c r="N984669" s="10"/>
    </row>
    <row r="984670" spans="14:14">
      <c r="N984670" s="10"/>
    </row>
    <row r="984671" spans="14:14">
      <c r="N984671" s="10"/>
    </row>
    <row r="984672" spans="14:14">
      <c r="N984672" s="10"/>
    </row>
    <row r="984673" spans="14:14">
      <c r="N984673" s="10"/>
    </row>
    <row r="984674" spans="14:14">
      <c r="N984674" s="10"/>
    </row>
    <row r="984675" spans="14:14">
      <c r="N984675" s="10"/>
    </row>
    <row r="984676" spans="14:14">
      <c r="N984676" s="10"/>
    </row>
    <row r="984677" spans="14:14">
      <c r="N984677" s="10"/>
    </row>
    <row r="984678" spans="14:14">
      <c r="N984678" s="10"/>
    </row>
    <row r="984679" spans="14:14">
      <c r="N984679" s="10"/>
    </row>
    <row r="984680" spans="14:14">
      <c r="N984680" s="10"/>
    </row>
    <row r="984681" spans="14:14">
      <c r="N984681" s="10"/>
    </row>
    <row r="984682" spans="14:14">
      <c r="N984682" s="10"/>
    </row>
    <row r="984683" spans="14:14">
      <c r="N984683" s="10"/>
    </row>
    <row r="984684" spans="14:14">
      <c r="N984684" s="10"/>
    </row>
    <row r="984685" spans="14:14">
      <c r="N984685" s="10"/>
    </row>
    <row r="984686" spans="14:14">
      <c r="N984686" s="10"/>
    </row>
    <row r="984687" spans="14:14">
      <c r="N984687" s="10"/>
    </row>
    <row r="984688" spans="14:14">
      <c r="N984688" s="10"/>
    </row>
    <row r="984689" spans="14:14">
      <c r="N984689" s="10"/>
    </row>
    <row r="984690" spans="14:14">
      <c r="N984690" s="10"/>
    </row>
    <row r="984691" spans="14:14">
      <c r="N984691" s="10"/>
    </row>
    <row r="984692" spans="14:14">
      <c r="N984692" s="10"/>
    </row>
    <row r="984693" spans="14:14">
      <c r="N984693" s="10"/>
    </row>
    <row r="984694" spans="14:14">
      <c r="N984694" s="10"/>
    </row>
    <row r="984695" spans="14:14">
      <c r="N984695" s="10"/>
    </row>
    <row r="984696" spans="14:14">
      <c r="N984696" s="10"/>
    </row>
    <row r="984697" spans="14:14">
      <c r="N984697" s="10"/>
    </row>
    <row r="984698" spans="14:14">
      <c r="N984698" s="10"/>
    </row>
    <row r="984699" spans="14:14">
      <c r="N984699" s="10"/>
    </row>
    <row r="984700" spans="14:14">
      <c r="N984700" s="10"/>
    </row>
    <row r="984701" spans="14:14">
      <c r="N984701" s="10"/>
    </row>
    <row r="984702" spans="14:14">
      <c r="N984702" s="10"/>
    </row>
    <row r="984703" spans="14:14">
      <c r="N984703" s="10"/>
    </row>
    <row r="984704" spans="14:14">
      <c r="N984704" s="10"/>
    </row>
    <row r="984705" spans="14:14">
      <c r="N984705" s="10"/>
    </row>
    <row r="984706" spans="14:14">
      <c r="N984706" s="10"/>
    </row>
    <row r="984707" spans="14:14">
      <c r="N984707" s="10"/>
    </row>
    <row r="984708" spans="14:14">
      <c r="N984708" s="10"/>
    </row>
    <row r="984709" spans="14:14">
      <c r="N984709" s="10"/>
    </row>
    <row r="984710" spans="14:14">
      <c r="N984710" s="10"/>
    </row>
    <row r="984711" spans="14:14">
      <c r="N984711" s="10"/>
    </row>
    <row r="984712" spans="14:14">
      <c r="N984712" s="10"/>
    </row>
    <row r="984713" spans="14:14">
      <c r="N984713" s="10"/>
    </row>
    <row r="984714" spans="14:14">
      <c r="N984714" s="10"/>
    </row>
    <row r="984715" spans="14:14">
      <c r="N984715" s="10"/>
    </row>
    <row r="984716" spans="14:14">
      <c r="N984716" s="10"/>
    </row>
    <row r="984717" spans="14:14">
      <c r="N984717" s="10"/>
    </row>
    <row r="984718" spans="14:14">
      <c r="N984718" s="10"/>
    </row>
    <row r="984719" spans="14:14">
      <c r="N984719" s="10"/>
    </row>
    <row r="984720" spans="14:14">
      <c r="N984720" s="10"/>
    </row>
    <row r="984721" spans="14:14">
      <c r="N984721" s="10"/>
    </row>
    <row r="984722" spans="14:14">
      <c r="N984722" s="10"/>
    </row>
    <row r="984723" spans="14:14">
      <c r="N984723" s="10"/>
    </row>
    <row r="984724" spans="14:14">
      <c r="N984724" s="10"/>
    </row>
    <row r="984725" spans="14:14">
      <c r="N984725" s="10"/>
    </row>
    <row r="984726" spans="14:14">
      <c r="N984726" s="10"/>
    </row>
    <row r="984727" spans="14:14">
      <c r="N984727" s="10"/>
    </row>
    <row r="984728" spans="14:14">
      <c r="N984728" s="10"/>
    </row>
    <row r="984729" spans="14:14">
      <c r="N984729" s="10"/>
    </row>
    <row r="984730" spans="14:14">
      <c r="N984730" s="10"/>
    </row>
    <row r="984731" spans="14:14">
      <c r="N984731" s="10"/>
    </row>
    <row r="984732" spans="14:14">
      <c r="N984732" s="10"/>
    </row>
    <row r="984733" spans="14:14">
      <c r="N984733" s="10"/>
    </row>
    <row r="984734" spans="14:14">
      <c r="N984734" s="10"/>
    </row>
    <row r="984735" spans="14:14">
      <c r="N984735" s="10"/>
    </row>
    <row r="984736" spans="14:14">
      <c r="N984736" s="10"/>
    </row>
    <row r="984737" spans="14:14">
      <c r="N984737" s="10"/>
    </row>
    <row r="984738" spans="14:14">
      <c r="N984738" s="10"/>
    </row>
    <row r="984739" spans="14:14">
      <c r="N984739" s="10"/>
    </row>
    <row r="984740" spans="14:14">
      <c r="N984740" s="10"/>
    </row>
    <row r="984741" spans="14:14">
      <c r="N984741" s="10"/>
    </row>
    <row r="984742" spans="14:14">
      <c r="N984742" s="10"/>
    </row>
    <row r="984743" spans="14:14">
      <c r="N984743" s="10"/>
    </row>
    <row r="984744" spans="14:14">
      <c r="N984744" s="10"/>
    </row>
    <row r="984745" spans="14:14">
      <c r="N984745" s="10"/>
    </row>
    <row r="984746" spans="14:14">
      <c r="N984746" s="10"/>
    </row>
    <row r="984747" spans="14:14">
      <c r="N984747" s="10"/>
    </row>
    <row r="984748" spans="14:14">
      <c r="N984748" s="10"/>
    </row>
    <row r="984749" spans="14:14">
      <c r="N984749" s="10"/>
    </row>
    <row r="984750" spans="14:14">
      <c r="N984750" s="10"/>
    </row>
    <row r="984751" spans="14:14">
      <c r="N984751" s="10"/>
    </row>
    <row r="984752" spans="14:14">
      <c r="N984752" s="10"/>
    </row>
    <row r="984753" spans="14:14">
      <c r="N984753" s="10"/>
    </row>
    <row r="984754" spans="14:14">
      <c r="N984754" s="10"/>
    </row>
    <row r="984755" spans="14:14">
      <c r="N984755" s="10"/>
    </row>
    <row r="984756" spans="14:14">
      <c r="N984756" s="10"/>
    </row>
    <row r="984757" spans="14:14">
      <c r="N984757" s="10"/>
    </row>
    <row r="984758" spans="14:14">
      <c r="N984758" s="10"/>
    </row>
    <row r="984759" spans="14:14">
      <c r="N984759" s="10"/>
    </row>
    <row r="984760" spans="14:14">
      <c r="N984760" s="10"/>
    </row>
    <row r="984761" spans="14:14">
      <c r="N984761" s="10"/>
    </row>
    <row r="984762" spans="14:14">
      <c r="N984762" s="10"/>
    </row>
    <row r="984763" spans="14:14">
      <c r="N984763" s="10"/>
    </row>
    <row r="984764" spans="14:14">
      <c r="N984764" s="10"/>
    </row>
    <row r="984765" spans="14:14">
      <c r="N984765" s="10"/>
    </row>
    <row r="984766" spans="14:14">
      <c r="N984766" s="10"/>
    </row>
    <row r="984767" spans="14:14">
      <c r="N984767" s="10"/>
    </row>
    <row r="984768" spans="14:14">
      <c r="N984768" s="10"/>
    </row>
    <row r="984769" spans="14:14">
      <c r="N984769" s="10"/>
    </row>
    <row r="984770" spans="14:14">
      <c r="N984770" s="10"/>
    </row>
    <row r="984771" spans="14:14">
      <c r="N984771" s="10"/>
    </row>
    <row r="984772" spans="14:14">
      <c r="N984772" s="10"/>
    </row>
    <row r="984773" spans="14:14">
      <c r="N984773" s="10"/>
    </row>
    <row r="984774" spans="14:14">
      <c r="N984774" s="10"/>
    </row>
    <row r="984775" spans="14:14">
      <c r="N984775" s="10"/>
    </row>
    <row r="984776" spans="14:14">
      <c r="N984776" s="10"/>
    </row>
    <row r="984777" spans="14:14">
      <c r="N984777" s="10"/>
    </row>
    <row r="984778" spans="14:14">
      <c r="N984778" s="10"/>
    </row>
    <row r="984779" spans="14:14">
      <c r="N984779" s="10"/>
    </row>
    <row r="984780" spans="14:14">
      <c r="N984780" s="10"/>
    </row>
    <row r="984781" spans="14:14">
      <c r="N984781" s="10"/>
    </row>
    <row r="984782" spans="14:14">
      <c r="N984782" s="10"/>
    </row>
    <row r="984783" spans="14:14">
      <c r="N984783" s="10"/>
    </row>
    <row r="984784" spans="14:14">
      <c r="N984784" s="10"/>
    </row>
    <row r="984785" spans="14:14">
      <c r="N984785" s="10"/>
    </row>
    <row r="984786" spans="14:14">
      <c r="N984786" s="10"/>
    </row>
    <row r="984787" spans="14:14">
      <c r="N984787" s="10"/>
    </row>
    <row r="984788" spans="14:14">
      <c r="N984788" s="10"/>
    </row>
    <row r="984789" spans="14:14">
      <c r="N984789" s="10"/>
    </row>
    <row r="984790" spans="14:14">
      <c r="N984790" s="10"/>
    </row>
    <row r="984791" spans="14:14">
      <c r="N984791" s="10"/>
    </row>
    <row r="984792" spans="14:14">
      <c r="N984792" s="10"/>
    </row>
    <row r="984793" spans="14:14">
      <c r="N984793" s="10"/>
    </row>
    <row r="984794" spans="14:14">
      <c r="N984794" s="10"/>
    </row>
    <row r="984795" spans="14:14">
      <c r="N984795" s="10"/>
    </row>
    <row r="984796" spans="14:14">
      <c r="N984796" s="10"/>
    </row>
    <row r="984797" spans="14:14">
      <c r="N984797" s="10"/>
    </row>
    <row r="984798" spans="14:14">
      <c r="N984798" s="10"/>
    </row>
    <row r="984799" spans="14:14">
      <c r="N984799" s="10"/>
    </row>
    <row r="984800" spans="14:14">
      <c r="N984800" s="10"/>
    </row>
    <row r="984801" spans="14:14">
      <c r="N984801" s="10"/>
    </row>
    <row r="984802" spans="14:14">
      <c r="N984802" s="10"/>
    </row>
    <row r="984803" spans="14:14">
      <c r="N984803" s="10"/>
    </row>
    <row r="984804" spans="14:14">
      <c r="N984804" s="10"/>
    </row>
    <row r="984805" spans="14:14">
      <c r="N984805" s="10"/>
    </row>
    <row r="984806" spans="14:14">
      <c r="N984806" s="10"/>
    </row>
    <row r="984807" spans="14:14">
      <c r="N984807" s="10"/>
    </row>
    <row r="984808" spans="14:14">
      <c r="N984808" s="10"/>
    </row>
    <row r="984809" spans="14:14">
      <c r="N984809" s="10"/>
    </row>
    <row r="984810" spans="14:14">
      <c r="N984810" s="10"/>
    </row>
    <row r="984811" spans="14:14">
      <c r="N984811" s="10"/>
    </row>
    <row r="984812" spans="14:14">
      <c r="N984812" s="10"/>
    </row>
    <row r="984813" spans="14:14">
      <c r="N984813" s="10"/>
    </row>
    <row r="984814" spans="14:14">
      <c r="N984814" s="10"/>
    </row>
    <row r="984815" spans="14:14">
      <c r="N984815" s="10"/>
    </row>
    <row r="984816" spans="14:14">
      <c r="N984816" s="10"/>
    </row>
    <row r="984817" spans="14:14">
      <c r="N984817" s="10"/>
    </row>
    <row r="984818" spans="14:14">
      <c r="N984818" s="10"/>
    </row>
    <row r="984819" spans="14:14">
      <c r="N984819" s="10"/>
    </row>
    <row r="984820" spans="14:14">
      <c r="N984820" s="10"/>
    </row>
    <row r="984821" spans="14:14">
      <c r="N984821" s="10"/>
    </row>
    <row r="984822" spans="14:14">
      <c r="N984822" s="10"/>
    </row>
    <row r="984823" spans="14:14">
      <c r="N984823" s="10"/>
    </row>
    <row r="984824" spans="14:14">
      <c r="N984824" s="10"/>
    </row>
    <row r="984825" spans="14:14">
      <c r="N984825" s="10"/>
    </row>
    <row r="984826" spans="14:14">
      <c r="N984826" s="10"/>
    </row>
    <row r="984827" spans="14:14">
      <c r="N984827" s="10"/>
    </row>
    <row r="984828" spans="14:14">
      <c r="N984828" s="10"/>
    </row>
    <row r="984829" spans="14:14">
      <c r="N984829" s="10"/>
    </row>
    <row r="984830" spans="14:14">
      <c r="N984830" s="10"/>
    </row>
    <row r="984831" spans="14:14">
      <c r="N984831" s="10"/>
    </row>
    <row r="984832" spans="14:14">
      <c r="N984832" s="10"/>
    </row>
    <row r="984833" spans="14:14">
      <c r="N984833" s="10"/>
    </row>
    <row r="984834" spans="14:14">
      <c r="N984834" s="10"/>
    </row>
    <row r="984835" spans="14:14">
      <c r="N984835" s="10"/>
    </row>
    <row r="984836" spans="14:14">
      <c r="N984836" s="10"/>
    </row>
    <row r="984837" spans="14:14">
      <c r="N984837" s="10"/>
    </row>
    <row r="984838" spans="14:14">
      <c r="N984838" s="10"/>
    </row>
    <row r="984839" spans="14:14">
      <c r="N984839" s="10"/>
    </row>
    <row r="984840" spans="14:14">
      <c r="N984840" s="10"/>
    </row>
    <row r="984841" spans="14:14">
      <c r="N984841" s="10"/>
    </row>
    <row r="984842" spans="14:14">
      <c r="N984842" s="10"/>
    </row>
    <row r="984843" spans="14:14">
      <c r="N984843" s="10"/>
    </row>
    <row r="984844" spans="14:14">
      <c r="N984844" s="10"/>
    </row>
    <row r="984845" spans="14:14">
      <c r="N984845" s="10"/>
    </row>
    <row r="984846" spans="14:14">
      <c r="N984846" s="10"/>
    </row>
    <row r="984847" spans="14:14">
      <c r="N984847" s="10"/>
    </row>
    <row r="984848" spans="14:14">
      <c r="N984848" s="10"/>
    </row>
    <row r="984849" spans="14:14">
      <c r="N984849" s="10"/>
    </row>
    <row r="984850" spans="14:14">
      <c r="N984850" s="10"/>
    </row>
    <row r="984851" spans="14:14">
      <c r="N984851" s="10"/>
    </row>
    <row r="984852" spans="14:14">
      <c r="N984852" s="10"/>
    </row>
    <row r="984853" spans="14:14">
      <c r="N984853" s="10"/>
    </row>
    <row r="984854" spans="14:14">
      <c r="N984854" s="10"/>
    </row>
    <row r="984855" spans="14:14">
      <c r="N984855" s="10"/>
    </row>
    <row r="984856" spans="14:14">
      <c r="N984856" s="10"/>
    </row>
    <row r="984857" spans="14:14">
      <c r="N984857" s="10"/>
    </row>
    <row r="984858" spans="14:14">
      <c r="N984858" s="10"/>
    </row>
    <row r="984859" spans="14:14">
      <c r="N984859" s="10"/>
    </row>
    <row r="984860" spans="14:14">
      <c r="N984860" s="10"/>
    </row>
    <row r="984861" spans="14:14">
      <c r="N984861" s="10"/>
    </row>
    <row r="984862" spans="14:14">
      <c r="N984862" s="10"/>
    </row>
    <row r="984863" spans="14:14">
      <c r="N984863" s="10"/>
    </row>
    <row r="984864" spans="14:14">
      <c r="N984864" s="10"/>
    </row>
    <row r="984865" spans="14:14">
      <c r="N984865" s="10"/>
    </row>
    <row r="984866" spans="14:14">
      <c r="N984866" s="10"/>
    </row>
    <row r="984867" spans="14:14">
      <c r="N984867" s="10"/>
    </row>
    <row r="984868" spans="14:14">
      <c r="N984868" s="10"/>
    </row>
    <row r="984869" spans="14:14">
      <c r="N984869" s="10"/>
    </row>
    <row r="984870" spans="14:14">
      <c r="N984870" s="10"/>
    </row>
    <row r="984871" spans="14:14">
      <c r="N984871" s="10"/>
    </row>
    <row r="984872" spans="14:14">
      <c r="N984872" s="10"/>
    </row>
    <row r="984873" spans="14:14">
      <c r="N984873" s="10"/>
    </row>
    <row r="984874" spans="14:14">
      <c r="N984874" s="10"/>
    </row>
    <row r="984875" spans="14:14">
      <c r="N984875" s="10"/>
    </row>
    <row r="984876" spans="14:14">
      <c r="N984876" s="10"/>
    </row>
    <row r="984877" spans="14:14">
      <c r="N984877" s="10"/>
    </row>
    <row r="984878" spans="14:14">
      <c r="N984878" s="10"/>
    </row>
    <row r="984879" spans="14:14">
      <c r="N984879" s="10"/>
    </row>
    <row r="984880" spans="14:14">
      <c r="N984880" s="10"/>
    </row>
    <row r="984881" spans="14:14">
      <c r="N984881" s="10"/>
    </row>
    <row r="984882" spans="14:14">
      <c r="N984882" s="10"/>
    </row>
    <row r="984883" spans="14:14">
      <c r="N984883" s="10"/>
    </row>
    <row r="984884" spans="14:14">
      <c r="N984884" s="10"/>
    </row>
    <row r="984885" spans="14:14">
      <c r="N984885" s="10"/>
    </row>
    <row r="984886" spans="14:14">
      <c r="N984886" s="10"/>
    </row>
    <row r="984887" spans="14:14">
      <c r="N984887" s="10"/>
    </row>
    <row r="984888" spans="14:14">
      <c r="N984888" s="10"/>
    </row>
    <row r="984889" spans="14:14">
      <c r="N984889" s="10"/>
    </row>
    <row r="984890" spans="14:14">
      <c r="N984890" s="10"/>
    </row>
    <row r="984891" spans="14:14">
      <c r="N984891" s="10"/>
    </row>
    <row r="984892" spans="14:14">
      <c r="N984892" s="10"/>
    </row>
    <row r="984893" spans="14:14">
      <c r="N984893" s="10"/>
    </row>
    <row r="984894" spans="14:14">
      <c r="N984894" s="10"/>
    </row>
    <row r="984895" spans="14:14">
      <c r="N984895" s="10"/>
    </row>
    <row r="984896" spans="14:14">
      <c r="N984896" s="10"/>
    </row>
    <row r="984897" spans="14:14">
      <c r="N984897" s="10"/>
    </row>
    <row r="984898" spans="14:14">
      <c r="N984898" s="10"/>
    </row>
    <row r="984899" spans="14:14">
      <c r="N984899" s="10"/>
    </row>
    <row r="984900" spans="14:14">
      <c r="N984900" s="10"/>
    </row>
    <row r="984901" spans="14:14">
      <c r="N984901" s="10"/>
    </row>
    <row r="984902" spans="14:14">
      <c r="N984902" s="10"/>
    </row>
    <row r="984903" spans="14:14">
      <c r="N984903" s="10"/>
    </row>
    <row r="984904" spans="14:14">
      <c r="N984904" s="10"/>
    </row>
    <row r="984905" spans="14:14">
      <c r="N984905" s="10"/>
    </row>
    <row r="984906" spans="14:14">
      <c r="N984906" s="10"/>
    </row>
    <row r="984907" spans="14:14">
      <c r="N984907" s="10"/>
    </row>
    <row r="984908" spans="14:14">
      <c r="N984908" s="10"/>
    </row>
    <row r="984909" spans="14:14">
      <c r="N984909" s="10"/>
    </row>
    <row r="984910" spans="14:14">
      <c r="N984910" s="10"/>
    </row>
    <row r="984911" spans="14:14">
      <c r="N984911" s="10"/>
    </row>
    <row r="984912" spans="14:14">
      <c r="N984912" s="10"/>
    </row>
    <row r="984913" spans="14:14">
      <c r="N984913" s="10"/>
    </row>
    <row r="984914" spans="14:14">
      <c r="N984914" s="10"/>
    </row>
    <row r="984915" spans="14:14">
      <c r="N984915" s="10"/>
    </row>
    <row r="984916" spans="14:14">
      <c r="N984916" s="10"/>
    </row>
    <row r="984917" spans="14:14">
      <c r="N984917" s="10"/>
    </row>
    <row r="984918" spans="14:14">
      <c r="N984918" s="10"/>
    </row>
    <row r="984919" spans="14:14">
      <c r="N984919" s="10"/>
    </row>
    <row r="984920" spans="14:14">
      <c r="N984920" s="10"/>
    </row>
    <row r="984921" spans="14:14">
      <c r="N984921" s="10"/>
    </row>
    <row r="984922" spans="14:14">
      <c r="N984922" s="10"/>
    </row>
    <row r="984923" spans="14:14">
      <c r="N984923" s="10"/>
    </row>
    <row r="984924" spans="14:14">
      <c r="N984924" s="10"/>
    </row>
    <row r="984925" spans="14:14">
      <c r="N984925" s="10"/>
    </row>
    <row r="984926" spans="14:14">
      <c r="N984926" s="10"/>
    </row>
    <row r="984927" spans="14:14">
      <c r="N984927" s="10"/>
    </row>
    <row r="984928" spans="14:14">
      <c r="N984928" s="10"/>
    </row>
    <row r="984929" spans="14:14">
      <c r="N984929" s="10"/>
    </row>
    <row r="984930" spans="14:14">
      <c r="N984930" s="10"/>
    </row>
    <row r="984931" spans="14:14">
      <c r="N984931" s="10"/>
    </row>
    <row r="984932" spans="14:14">
      <c r="N984932" s="10"/>
    </row>
    <row r="984933" spans="14:14">
      <c r="N984933" s="10"/>
    </row>
    <row r="984934" spans="14:14">
      <c r="N984934" s="10"/>
    </row>
    <row r="984935" spans="14:14">
      <c r="N984935" s="10"/>
    </row>
    <row r="984936" spans="14:14">
      <c r="N984936" s="10"/>
    </row>
    <row r="984937" spans="14:14">
      <c r="N984937" s="10"/>
    </row>
    <row r="984938" spans="14:14">
      <c r="N984938" s="10"/>
    </row>
    <row r="984939" spans="14:14">
      <c r="N984939" s="10"/>
    </row>
    <row r="984940" spans="14:14">
      <c r="N984940" s="10"/>
    </row>
    <row r="984941" spans="14:14">
      <c r="N984941" s="10"/>
    </row>
    <row r="984942" spans="14:14">
      <c r="N984942" s="10"/>
    </row>
    <row r="984943" spans="14:14">
      <c r="N984943" s="10"/>
    </row>
    <row r="984944" spans="14:14">
      <c r="N984944" s="10"/>
    </row>
    <row r="984945" spans="14:14">
      <c r="N984945" s="10"/>
    </row>
    <row r="984946" spans="14:14">
      <c r="N984946" s="10"/>
    </row>
    <row r="984947" spans="14:14">
      <c r="N984947" s="10"/>
    </row>
    <row r="984948" spans="14:14">
      <c r="N984948" s="10"/>
    </row>
    <row r="984949" spans="14:14">
      <c r="N984949" s="10"/>
    </row>
    <row r="984950" spans="14:14">
      <c r="N984950" s="10"/>
    </row>
    <row r="984951" spans="14:14">
      <c r="N984951" s="10"/>
    </row>
    <row r="984952" spans="14:14">
      <c r="N984952" s="10"/>
    </row>
    <row r="984953" spans="14:14">
      <c r="N984953" s="10"/>
    </row>
    <row r="984954" spans="14:14">
      <c r="N984954" s="10"/>
    </row>
    <row r="984955" spans="14:14">
      <c r="N984955" s="10"/>
    </row>
    <row r="984956" spans="14:14">
      <c r="N984956" s="10"/>
    </row>
    <row r="984957" spans="14:14">
      <c r="N984957" s="10"/>
    </row>
    <row r="984958" spans="14:14">
      <c r="N984958" s="10"/>
    </row>
    <row r="984959" spans="14:14">
      <c r="N984959" s="10"/>
    </row>
    <row r="984960" spans="14:14">
      <c r="N984960" s="10"/>
    </row>
    <row r="984961" spans="14:14">
      <c r="N984961" s="10"/>
    </row>
    <row r="984962" spans="14:14">
      <c r="N984962" s="10"/>
    </row>
    <row r="984963" spans="14:14">
      <c r="N984963" s="10"/>
    </row>
    <row r="984964" spans="14:14">
      <c r="N984964" s="10"/>
    </row>
    <row r="984965" spans="14:14">
      <c r="N984965" s="10"/>
    </row>
    <row r="984966" spans="14:14">
      <c r="N984966" s="10"/>
    </row>
    <row r="984967" spans="14:14">
      <c r="N984967" s="10"/>
    </row>
    <row r="984968" spans="14:14">
      <c r="N984968" s="10"/>
    </row>
    <row r="984969" spans="14:14">
      <c r="N984969" s="10"/>
    </row>
    <row r="984970" spans="14:14">
      <c r="N984970" s="10"/>
    </row>
    <row r="984971" spans="14:14">
      <c r="N984971" s="10"/>
    </row>
    <row r="984972" spans="14:14">
      <c r="N984972" s="10"/>
    </row>
    <row r="984973" spans="14:14">
      <c r="N984973" s="10"/>
    </row>
    <row r="984974" spans="14:14">
      <c r="N984974" s="10"/>
    </row>
    <row r="984975" spans="14:14">
      <c r="N984975" s="10"/>
    </row>
    <row r="984976" spans="14:14">
      <c r="N984976" s="10"/>
    </row>
    <row r="984977" spans="14:14">
      <c r="N984977" s="10"/>
    </row>
    <row r="984978" spans="14:14">
      <c r="N984978" s="10"/>
    </row>
    <row r="984979" spans="14:14">
      <c r="N984979" s="10"/>
    </row>
    <row r="984980" spans="14:14">
      <c r="N984980" s="10"/>
    </row>
    <row r="984981" spans="14:14">
      <c r="N984981" s="10"/>
    </row>
    <row r="984982" spans="14:14">
      <c r="N984982" s="10"/>
    </row>
    <row r="984983" spans="14:14">
      <c r="N984983" s="10"/>
    </row>
    <row r="984984" spans="14:14">
      <c r="N984984" s="10"/>
    </row>
    <row r="984985" spans="14:14">
      <c r="N984985" s="10"/>
    </row>
    <row r="984986" spans="14:14">
      <c r="N984986" s="10"/>
    </row>
    <row r="984987" spans="14:14">
      <c r="N984987" s="10"/>
    </row>
    <row r="984988" spans="14:14">
      <c r="N984988" s="10"/>
    </row>
    <row r="984989" spans="14:14">
      <c r="N984989" s="10"/>
    </row>
    <row r="984990" spans="14:14">
      <c r="N984990" s="10"/>
    </row>
    <row r="984991" spans="14:14">
      <c r="N984991" s="10"/>
    </row>
    <row r="984992" spans="14:14">
      <c r="N984992" s="10"/>
    </row>
    <row r="984993" spans="14:14">
      <c r="N984993" s="10"/>
    </row>
    <row r="984994" spans="14:14">
      <c r="N984994" s="10"/>
    </row>
    <row r="984995" spans="14:14">
      <c r="N984995" s="10"/>
    </row>
    <row r="984996" spans="14:14">
      <c r="N984996" s="10"/>
    </row>
    <row r="984997" spans="14:14">
      <c r="N984997" s="10"/>
    </row>
    <row r="984998" spans="14:14">
      <c r="N984998" s="10"/>
    </row>
    <row r="984999" spans="14:14">
      <c r="N984999" s="10"/>
    </row>
    <row r="985000" spans="14:14">
      <c r="N985000" s="10"/>
    </row>
    <row r="985001" spans="14:14">
      <c r="N985001" s="10"/>
    </row>
    <row r="985002" spans="14:14">
      <c r="N985002" s="10"/>
    </row>
    <row r="985003" spans="14:14">
      <c r="N985003" s="10"/>
    </row>
    <row r="985004" spans="14:14">
      <c r="N985004" s="10"/>
    </row>
    <row r="985005" spans="14:14">
      <c r="N985005" s="10"/>
    </row>
    <row r="985006" spans="14:14">
      <c r="N985006" s="10"/>
    </row>
    <row r="985007" spans="14:14">
      <c r="N985007" s="10"/>
    </row>
    <row r="985008" spans="14:14">
      <c r="N985008" s="10"/>
    </row>
    <row r="985009" spans="14:14">
      <c r="N985009" s="10"/>
    </row>
    <row r="985010" spans="14:14">
      <c r="N985010" s="10"/>
    </row>
    <row r="985011" spans="14:14">
      <c r="N985011" s="10"/>
    </row>
    <row r="985012" spans="14:14">
      <c r="N985012" s="10"/>
    </row>
    <row r="985013" spans="14:14">
      <c r="N985013" s="10"/>
    </row>
    <row r="985014" spans="14:14">
      <c r="N985014" s="10"/>
    </row>
    <row r="985015" spans="14:14">
      <c r="N985015" s="10"/>
    </row>
    <row r="985016" spans="14:14">
      <c r="N985016" s="10"/>
    </row>
    <row r="985017" spans="14:14">
      <c r="N985017" s="10"/>
    </row>
    <row r="985018" spans="14:14">
      <c r="N985018" s="10"/>
    </row>
    <row r="985019" spans="14:14">
      <c r="N985019" s="10"/>
    </row>
    <row r="985020" spans="14:14">
      <c r="N985020" s="10"/>
    </row>
    <row r="985021" spans="14:14">
      <c r="N985021" s="10"/>
    </row>
    <row r="985022" spans="14:14">
      <c r="N985022" s="10"/>
    </row>
    <row r="985023" spans="14:14">
      <c r="N985023" s="10"/>
    </row>
    <row r="985024" spans="14:14">
      <c r="N985024" s="10"/>
    </row>
    <row r="985025" spans="14:14">
      <c r="N985025" s="10"/>
    </row>
    <row r="985026" spans="14:14">
      <c r="N985026" s="10"/>
    </row>
    <row r="985027" spans="14:14">
      <c r="N985027" s="10"/>
    </row>
    <row r="985028" spans="14:14">
      <c r="N985028" s="10"/>
    </row>
    <row r="985029" spans="14:14">
      <c r="N985029" s="10"/>
    </row>
    <row r="985030" spans="14:14">
      <c r="N985030" s="10"/>
    </row>
    <row r="985031" spans="14:14">
      <c r="N985031" s="10"/>
    </row>
    <row r="985032" spans="14:14">
      <c r="N985032" s="10"/>
    </row>
    <row r="985033" spans="14:14">
      <c r="N985033" s="10"/>
    </row>
    <row r="985034" spans="14:14">
      <c r="N985034" s="10"/>
    </row>
    <row r="985035" spans="14:14">
      <c r="N985035" s="10"/>
    </row>
    <row r="985036" spans="14:14">
      <c r="N985036" s="10"/>
    </row>
    <row r="985037" spans="14:14">
      <c r="N985037" s="10"/>
    </row>
    <row r="985038" spans="14:14">
      <c r="N985038" s="10"/>
    </row>
    <row r="985039" spans="14:14">
      <c r="N985039" s="10"/>
    </row>
    <row r="985040" spans="14:14">
      <c r="N985040" s="10"/>
    </row>
    <row r="985041" spans="14:14">
      <c r="N985041" s="10"/>
    </row>
    <row r="985042" spans="14:14">
      <c r="N985042" s="10"/>
    </row>
    <row r="985043" spans="14:14">
      <c r="N985043" s="10"/>
    </row>
    <row r="985044" spans="14:14">
      <c r="N985044" s="10"/>
    </row>
    <row r="985045" spans="14:14">
      <c r="N985045" s="10"/>
    </row>
    <row r="985046" spans="14:14">
      <c r="N985046" s="10"/>
    </row>
    <row r="985047" spans="14:14">
      <c r="N985047" s="10"/>
    </row>
    <row r="985048" spans="14:14">
      <c r="N985048" s="10"/>
    </row>
    <row r="985049" spans="14:14">
      <c r="N985049" s="10"/>
    </row>
    <row r="985050" spans="14:14">
      <c r="N985050" s="10"/>
    </row>
    <row r="985051" spans="14:14">
      <c r="N985051" s="10"/>
    </row>
    <row r="985052" spans="14:14">
      <c r="N985052" s="10"/>
    </row>
    <row r="985053" spans="14:14">
      <c r="N985053" s="10"/>
    </row>
    <row r="985054" spans="14:14">
      <c r="N985054" s="10"/>
    </row>
    <row r="985055" spans="14:14">
      <c r="N985055" s="10"/>
    </row>
    <row r="985056" spans="14:14">
      <c r="N985056" s="10"/>
    </row>
    <row r="985057" spans="14:14">
      <c r="N985057" s="10"/>
    </row>
    <row r="985058" spans="14:14">
      <c r="N985058" s="10"/>
    </row>
    <row r="985059" spans="14:14">
      <c r="N985059" s="10"/>
    </row>
    <row r="985060" spans="14:14">
      <c r="N985060" s="10"/>
    </row>
    <row r="985061" spans="14:14">
      <c r="N985061" s="10"/>
    </row>
    <row r="985062" spans="14:14">
      <c r="N985062" s="10"/>
    </row>
    <row r="985063" spans="14:14">
      <c r="N985063" s="10"/>
    </row>
    <row r="985064" spans="14:14">
      <c r="N985064" s="10"/>
    </row>
    <row r="985065" spans="14:14">
      <c r="N985065" s="10"/>
    </row>
    <row r="985066" spans="14:14">
      <c r="N985066" s="10"/>
    </row>
    <row r="985067" spans="14:14">
      <c r="N985067" s="10"/>
    </row>
    <row r="985068" spans="14:14">
      <c r="N985068" s="10"/>
    </row>
    <row r="985069" spans="14:14">
      <c r="N985069" s="10"/>
    </row>
    <row r="985070" spans="14:14">
      <c r="N985070" s="10"/>
    </row>
    <row r="985071" spans="14:14">
      <c r="N985071" s="10"/>
    </row>
    <row r="985072" spans="14:14">
      <c r="N985072" s="10"/>
    </row>
    <row r="985073" spans="14:14">
      <c r="N985073" s="10"/>
    </row>
    <row r="985074" spans="14:14">
      <c r="N985074" s="10"/>
    </row>
    <row r="985075" spans="14:14">
      <c r="N985075" s="10"/>
    </row>
    <row r="985076" spans="14:14">
      <c r="N985076" s="10"/>
    </row>
    <row r="985077" spans="14:14">
      <c r="N985077" s="10"/>
    </row>
    <row r="985078" spans="14:14">
      <c r="N985078" s="10"/>
    </row>
    <row r="985079" spans="14:14">
      <c r="N985079" s="10"/>
    </row>
    <row r="985080" spans="14:14">
      <c r="N985080" s="10"/>
    </row>
    <row r="985081" spans="14:14">
      <c r="N985081" s="10"/>
    </row>
    <row r="985082" spans="14:14">
      <c r="N985082" s="10"/>
    </row>
    <row r="985083" spans="14:14">
      <c r="N985083" s="10"/>
    </row>
    <row r="985084" spans="14:14">
      <c r="N985084" s="10"/>
    </row>
    <row r="985085" spans="14:14">
      <c r="N985085" s="10"/>
    </row>
    <row r="985086" spans="14:14">
      <c r="N985086" s="10"/>
    </row>
    <row r="985087" spans="14:14">
      <c r="N985087" s="10"/>
    </row>
    <row r="985088" spans="14:14">
      <c r="N985088" s="10"/>
    </row>
    <row r="985089" spans="14:14">
      <c r="N985089" s="10"/>
    </row>
    <row r="985090" spans="14:14">
      <c r="N985090" s="10"/>
    </row>
    <row r="985091" spans="14:14">
      <c r="N985091" s="10"/>
    </row>
    <row r="985092" spans="14:14">
      <c r="N985092" s="10"/>
    </row>
    <row r="985093" spans="14:14">
      <c r="N985093" s="10"/>
    </row>
    <row r="985094" spans="14:14">
      <c r="N985094" s="10"/>
    </row>
    <row r="985095" spans="14:14">
      <c r="N985095" s="10"/>
    </row>
    <row r="985096" spans="14:14">
      <c r="N985096" s="10"/>
    </row>
    <row r="985097" spans="14:14">
      <c r="N985097" s="10"/>
    </row>
    <row r="985098" spans="14:14">
      <c r="N985098" s="10"/>
    </row>
    <row r="985099" spans="14:14">
      <c r="N985099" s="10"/>
    </row>
    <row r="985100" spans="14:14">
      <c r="N985100" s="10"/>
    </row>
    <row r="985101" spans="14:14">
      <c r="N985101" s="10"/>
    </row>
    <row r="985102" spans="14:14">
      <c r="N985102" s="10"/>
    </row>
    <row r="985103" spans="14:14">
      <c r="N985103" s="10"/>
    </row>
    <row r="985104" spans="14:14">
      <c r="N985104" s="10"/>
    </row>
    <row r="985105" spans="14:14">
      <c r="N985105" s="10"/>
    </row>
    <row r="985106" spans="14:14">
      <c r="N985106" s="10"/>
    </row>
    <row r="985107" spans="14:14">
      <c r="N985107" s="10"/>
    </row>
    <row r="985108" spans="14:14">
      <c r="N985108" s="10"/>
    </row>
    <row r="985109" spans="14:14">
      <c r="N985109" s="10"/>
    </row>
    <row r="985110" spans="14:14">
      <c r="N985110" s="10"/>
    </row>
    <row r="985111" spans="14:14">
      <c r="N985111" s="10"/>
    </row>
    <row r="985112" spans="14:14">
      <c r="N985112" s="10"/>
    </row>
    <row r="985113" spans="14:14">
      <c r="N985113" s="10"/>
    </row>
    <row r="985114" spans="14:14">
      <c r="N985114" s="10"/>
    </row>
    <row r="985115" spans="14:14">
      <c r="N985115" s="10"/>
    </row>
    <row r="985116" spans="14:14">
      <c r="N985116" s="10"/>
    </row>
    <row r="985117" spans="14:14">
      <c r="N985117" s="10"/>
    </row>
    <row r="985118" spans="14:14">
      <c r="N985118" s="10"/>
    </row>
    <row r="985119" spans="14:14">
      <c r="N985119" s="10"/>
    </row>
    <row r="985120" spans="14:14">
      <c r="N985120" s="10"/>
    </row>
    <row r="985121" spans="14:14">
      <c r="N985121" s="10"/>
    </row>
    <row r="985122" spans="14:14">
      <c r="N985122" s="10"/>
    </row>
    <row r="985123" spans="14:14">
      <c r="N985123" s="10"/>
    </row>
    <row r="985124" spans="14:14">
      <c r="N985124" s="10"/>
    </row>
    <row r="985125" spans="14:14">
      <c r="N985125" s="10"/>
    </row>
    <row r="985126" spans="14:14">
      <c r="N985126" s="10"/>
    </row>
    <row r="985127" spans="14:14">
      <c r="N985127" s="10"/>
    </row>
    <row r="985128" spans="14:14">
      <c r="N985128" s="10"/>
    </row>
    <row r="985129" spans="14:14">
      <c r="N985129" s="10"/>
    </row>
    <row r="985130" spans="14:14">
      <c r="N985130" s="10"/>
    </row>
    <row r="985131" spans="14:14">
      <c r="N985131" s="10"/>
    </row>
    <row r="985132" spans="14:14">
      <c r="N985132" s="10"/>
    </row>
    <row r="985133" spans="14:14">
      <c r="N985133" s="10"/>
    </row>
    <row r="985134" spans="14:14">
      <c r="N985134" s="10"/>
    </row>
    <row r="985135" spans="14:14">
      <c r="N985135" s="10"/>
    </row>
    <row r="985136" spans="14:14">
      <c r="N985136" s="10"/>
    </row>
    <row r="985137" spans="14:14">
      <c r="N985137" s="10"/>
    </row>
    <row r="985138" spans="14:14">
      <c r="N985138" s="10"/>
    </row>
    <row r="985139" spans="14:14">
      <c r="N985139" s="10"/>
    </row>
    <row r="985140" spans="14:14">
      <c r="N985140" s="10"/>
    </row>
    <row r="985141" spans="14:14">
      <c r="N985141" s="10"/>
    </row>
    <row r="985142" spans="14:14">
      <c r="N985142" s="10"/>
    </row>
    <row r="985143" spans="14:14">
      <c r="N985143" s="10"/>
    </row>
    <row r="985144" spans="14:14">
      <c r="N985144" s="10"/>
    </row>
    <row r="985145" spans="14:14">
      <c r="N985145" s="10"/>
    </row>
    <row r="985146" spans="14:14">
      <c r="N985146" s="10"/>
    </row>
    <row r="985147" spans="14:14">
      <c r="N985147" s="10"/>
    </row>
    <row r="985148" spans="14:14">
      <c r="N985148" s="10"/>
    </row>
    <row r="985149" spans="14:14">
      <c r="N985149" s="10"/>
    </row>
    <row r="985150" spans="14:14">
      <c r="N985150" s="10"/>
    </row>
    <row r="985151" spans="14:14">
      <c r="N985151" s="10"/>
    </row>
    <row r="985152" spans="14:14">
      <c r="N985152" s="10"/>
    </row>
    <row r="985153" spans="14:14">
      <c r="N985153" s="10"/>
    </row>
    <row r="985154" spans="14:14">
      <c r="N985154" s="10"/>
    </row>
    <row r="985155" spans="14:14">
      <c r="N985155" s="10"/>
    </row>
    <row r="985156" spans="14:14">
      <c r="N985156" s="10"/>
    </row>
    <row r="985157" spans="14:14">
      <c r="N985157" s="10"/>
    </row>
    <row r="985158" spans="14:14">
      <c r="N985158" s="10"/>
    </row>
    <row r="985159" spans="14:14">
      <c r="N985159" s="10"/>
    </row>
    <row r="985160" spans="14:14">
      <c r="N985160" s="10"/>
    </row>
    <row r="985161" spans="14:14">
      <c r="N985161" s="10"/>
    </row>
    <row r="985162" spans="14:14">
      <c r="N985162" s="10"/>
    </row>
    <row r="985163" spans="14:14">
      <c r="N985163" s="10"/>
    </row>
    <row r="985164" spans="14:14">
      <c r="N985164" s="10"/>
    </row>
    <row r="985165" spans="14:14">
      <c r="N985165" s="10"/>
    </row>
    <row r="985166" spans="14:14">
      <c r="N985166" s="10"/>
    </row>
    <row r="985167" spans="14:14">
      <c r="N985167" s="10"/>
    </row>
    <row r="985168" spans="14:14">
      <c r="N985168" s="10"/>
    </row>
    <row r="985169" spans="14:14">
      <c r="N985169" s="10"/>
    </row>
    <row r="985170" spans="14:14">
      <c r="N985170" s="10"/>
    </row>
    <row r="985171" spans="14:14">
      <c r="N985171" s="10"/>
    </row>
    <row r="985172" spans="14:14">
      <c r="N985172" s="10"/>
    </row>
    <row r="985173" spans="14:14">
      <c r="N985173" s="10"/>
    </row>
    <row r="985174" spans="14:14">
      <c r="N985174" s="10"/>
    </row>
    <row r="985175" spans="14:14">
      <c r="N985175" s="10"/>
    </row>
    <row r="985176" spans="14:14">
      <c r="N985176" s="10"/>
    </row>
    <row r="985177" spans="14:14">
      <c r="N985177" s="10"/>
    </row>
    <row r="985178" spans="14:14">
      <c r="N985178" s="10"/>
    </row>
    <row r="985179" spans="14:14">
      <c r="N985179" s="10"/>
    </row>
    <row r="985180" spans="14:14">
      <c r="N985180" s="10"/>
    </row>
    <row r="985181" spans="14:14">
      <c r="N985181" s="10"/>
    </row>
    <row r="985182" spans="14:14">
      <c r="N985182" s="10"/>
    </row>
    <row r="985183" spans="14:14">
      <c r="N985183" s="10"/>
    </row>
    <row r="985184" spans="14:14">
      <c r="N985184" s="10"/>
    </row>
    <row r="985185" spans="14:14">
      <c r="N985185" s="10"/>
    </row>
    <row r="985186" spans="14:14">
      <c r="N985186" s="10"/>
    </row>
    <row r="985187" spans="14:14">
      <c r="N985187" s="10"/>
    </row>
    <row r="985188" spans="14:14">
      <c r="N985188" s="10"/>
    </row>
    <row r="985189" spans="14:14">
      <c r="N985189" s="10"/>
    </row>
    <row r="985190" spans="14:14">
      <c r="N985190" s="10"/>
    </row>
    <row r="985191" spans="14:14">
      <c r="N985191" s="10"/>
    </row>
    <row r="985192" spans="14:14">
      <c r="N985192" s="10"/>
    </row>
    <row r="985193" spans="14:14">
      <c r="N985193" s="10"/>
    </row>
    <row r="985194" spans="14:14">
      <c r="N985194" s="10"/>
    </row>
    <row r="985195" spans="14:14">
      <c r="N985195" s="10"/>
    </row>
    <row r="985196" spans="14:14">
      <c r="N985196" s="10"/>
    </row>
    <row r="985197" spans="14:14">
      <c r="N985197" s="10"/>
    </row>
    <row r="985198" spans="14:14">
      <c r="N985198" s="10"/>
    </row>
    <row r="985199" spans="14:14">
      <c r="N985199" s="10"/>
    </row>
    <row r="985200" spans="14:14">
      <c r="N985200" s="10"/>
    </row>
    <row r="985201" spans="14:14">
      <c r="N985201" s="10"/>
    </row>
    <row r="985202" spans="14:14">
      <c r="N985202" s="10"/>
    </row>
    <row r="985203" spans="14:14">
      <c r="N985203" s="10"/>
    </row>
    <row r="985204" spans="14:14">
      <c r="N985204" s="10"/>
    </row>
    <row r="985205" spans="14:14">
      <c r="N985205" s="10"/>
    </row>
    <row r="985206" spans="14:14">
      <c r="N985206" s="10"/>
    </row>
    <row r="985207" spans="14:14">
      <c r="N985207" s="10"/>
    </row>
    <row r="985208" spans="14:14">
      <c r="N985208" s="10"/>
    </row>
    <row r="985209" spans="14:14">
      <c r="N985209" s="10"/>
    </row>
    <row r="985210" spans="14:14">
      <c r="N985210" s="10"/>
    </row>
    <row r="985211" spans="14:14">
      <c r="N985211" s="10"/>
    </row>
    <row r="985212" spans="14:14">
      <c r="N985212" s="10"/>
    </row>
    <row r="985213" spans="14:14">
      <c r="N985213" s="10"/>
    </row>
    <row r="985214" spans="14:14">
      <c r="N985214" s="10"/>
    </row>
    <row r="985215" spans="14:14">
      <c r="N985215" s="10"/>
    </row>
    <row r="985216" spans="14:14">
      <c r="N985216" s="10"/>
    </row>
    <row r="985217" spans="14:14">
      <c r="N985217" s="10"/>
    </row>
    <row r="985218" spans="14:14">
      <c r="N985218" s="10"/>
    </row>
    <row r="985219" spans="14:14">
      <c r="N985219" s="10"/>
    </row>
    <row r="985220" spans="14:14">
      <c r="N985220" s="10"/>
    </row>
    <row r="985221" spans="14:14">
      <c r="N985221" s="10"/>
    </row>
    <row r="985222" spans="14:14">
      <c r="N985222" s="10"/>
    </row>
    <row r="985223" spans="14:14">
      <c r="N985223" s="10"/>
    </row>
    <row r="985224" spans="14:14">
      <c r="N985224" s="10"/>
    </row>
    <row r="985225" spans="14:14">
      <c r="N985225" s="10"/>
    </row>
    <row r="985226" spans="14:14">
      <c r="N985226" s="10"/>
    </row>
    <row r="985227" spans="14:14">
      <c r="N985227" s="10"/>
    </row>
    <row r="985228" spans="14:14">
      <c r="N985228" s="10"/>
    </row>
    <row r="985229" spans="14:14">
      <c r="N985229" s="10"/>
    </row>
    <row r="985230" spans="14:14">
      <c r="N985230" s="10"/>
    </row>
    <row r="985231" spans="14:14">
      <c r="N985231" s="10"/>
    </row>
    <row r="985232" spans="14:14">
      <c r="N985232" s="10"/>
    </row>
    <row r="985233" spans="14:14">
      <c r="N985233" s="10"/>
    </row>
    <row r="985234" spans="14:14">
      <c r="N985234" s="10"/>
    </row>
    <row r="985235" spans="14:14">
      <c r="N985235" s="10"/>
    </row>
    <row r="985236" spans="14:14">
      <c r="N985236" s="10"/>
    </row>
    <row r="985237" spans="14:14">
      <c r="N985237" s="10"/>
    </row>
    <row r="985238" spans="14:14">
      <c r="N985238" s="10"/>
    </row>
    <row r="985239" spans="14:14">
      <c r="N985239" s="10"/>
    </row>
    <row r="985240" spans="14:14">
      <c r="N985240" s="10"/>
    </row>
    <row r="985241" spans="14:14">
      <c r="N985241" s="10"/>
    </row>
    <row r="985242" spans="14:14">
      <c r="N985242" s="10"/>
    </row>
    <row r="985243" spans="14:14">
      <c r="N985243" s="10"/>
    </row>
    <row r="985244" spans="14:14">
      <c r="N985244" s="10"/>
    </row>
    <row r="985245" spans="14:14">
      <c r="N985245" s="10"/>
    </row>
    <row r="985246" spans="14:14">
      <c r="N985246" s="10"/>
    </row>
    <row r="985247" spans="14:14">
      <c r="N985247" s="10"/>
    </row>
    <row r="985248" spans="14:14">
      <c r="N985248" s="10"/>
    </row>
    <row r="985249" spans="14:14">
      <c r="N985249" s="10"/>
    </row>
    <row r="985250" spans="14:14">
      <c r="N985250" s="10"/>
    </row>
    <row r="985251" spans="14:14">
      <c r="N985251" s="10"/>
    </row>
    <row r="985252" spans="14:14">
      <c r="N985252" s="10"/>
    </row>
    <row r="985253" spans="14:14">
      <c r="N985253" s="10"/>
    </row>
    <row r="985254" spans="14:14">
      <c r="N985254" s="10"/>
    </row>
    <row r="985255" spans="14:14">
      <c r="N985255" s="10"/>
    </row>
    <row r="985256" spans="14:14">
      <c r="N985256" s="10"/>
    </row>
    <row r="985257" spans="14:14">
      <c r="N985257" s="10"/>
    </row>
    <row r="985258" spans="14:14">
      <c r="N985258" s="10"/>
    </row>
    <row r="985259" spans="14:14">
      <c r="N985259" s="10"/>
    </row>
    <row r="985260" spans="14:14">
      <c r="N985260" s="10"/>
    </row>
    <row r="985261" spans="14:14">
      <c r="N985261" s="10"/>
    </row>
    <row r="985262" spans="14:14">
      <c r="N985262" s="10"/>
    </row>
    <row r="985263" spans="14:14">
      <c r="N985263" s="10"/>
    </row>
    <row r="985264" spans="14:14">
      <c r="N985264" s="10"/>
    </row>
    <row r="985265" spans="14:14">
      <c r="N985265" s="10"/>
    </row>
    <row r="985266" spans="14:14">
      <c r="N985266" s="10"/>
    </row>
    <row r="985267" spans="14:14">
      <c r="N985267" s="10"/>
    </row>
    <row r="985268" spans="14:14">
      <c r="N985268" s="10"/>
    </row>
    <row r="985269" spans="14:14">
      <c r="N985269" s="10"/>
    </row>
    <row r="985270" spans="14:14">
      <c r="N985270" s="10"/>
    </row>
    <row r="985271" spans="14:14">
      <c r="N985271" s="10"/>
    </row>
    <row r="985272" spans="14:14">
      <c r="N985272" s="10"/>
    </row>
    <row r="985273" spans="14:14">
      <c r="N985273" s="10"/>
    </row>
    <row r="985274" spans="14:14">
      <c r="N985274" s="10"/>
    </row>
    <row r="985275" spans="14:14">
      <c r="N985275" s="10"/>
    </row>
    <row r="985276" spans="14:14">
      <c r="N985276" s="10"/>
    </row>
    <row r="985277" spans="14:14">
      <c r="N985277" s="10"/>
    </row>
    <row r="985278" spans="14:14">
      <c r="N985278" s="10"/>
    </row>
    <row r="985279" spans="14:14">
      <c r="N985279" s="10"/>
    </row>
    <row r="985280" spans="14:14">
      <c r="N985280" s="10"/>
    </row>
    <row r="985281" spans="14:14">
      <c r="N985281" s="10"/>
    </row>
    <row r="985282" spans="14:14">
      <c r="N985282" s="10"/>
    </row>
    <row r="985283" spans="14:14">
      <c r="N985283" s="10"/>
    </row>
    <row r="985284" spans="14:14">
      <c r="N985284" s="10"/>
    </row>
    <row r="985285" spans="14:14">
      <c r="N985285" s="10"/>
    </row>
    <row r="985286" spans="14:14">
      <c r="N985286" s="10"/>
    </row>
    <row r="985287" spans="14:14">
      <c r="N985287" s="10"/>
    </row>
    <row r="985288" spans="14:14">
      <c r="N985288" s="10"/>
    </row>
    <row r="985289" spans="14:14">
      <c r="N985289" s="10"/>
    </row>
    <row r="985290" spans="14:14">
      <c r="N985290" s="10"/>
    </row>
    <row r="985291" spans="14:14">
      <c r="N985291" s="10"/>
    </row>
    <row r="985292" spans="14:14">
      <c r="N985292" s="10"/>
    </row>
    <row r="985293" spans="14:14">
      <c r="N985293" s="10"/>
    </row>
    <row r="985294" spans="14:14">
      <c r="N985294" s="10"/>
    </row>
    <row r="985295" spans="14:14">
      <c r="N985295" s="10"/>
    </row>
    <row r="985296" spans="14:14">
      <c r="N985296" s="10"/>
    </row>
    <row r="985297" spans="14:14">
      <c r="N985297" s="10"/>
    </row>
    <row r="985298" spans="14:14">
      <c r="N985298" s="10"/>
    </row>
    <row r="985299" spans="14:14">
      <c r="N985299" s="10"/>
    </row>
    <row r="985300" spans="14:14">
      <c r="N985300" s="10"/>
    </row>
    <row r="985301" spans="14:14">
      <c r="N985301" s="10"/>
    </row>
    <row r="985302" spans="14:14">
      <c r="N985302" s="10"/>
    </row>
    <row r="985303" spans="14:14">
      <c r="N985303" s="10"/>
    </row>
    <row r="985304" spans="14:14">
      <c r="N985304" s="10"/>
    </row>
    <row r="985305" spans="14:14">
      <c r="N985305" s="10"/>
    </row>
    <row r="985306" spans="14:14">
      <c r="N985306" s="10"/>
    </row>
    <row r="985307" spans="14:14">
      <c r="N985307" s="10"/>
    </row>
    <row r="985308" spans="14:14">
      <c r="N985308" s="10"/>
    </row>
    <row r="985309" spans="14:14">
      <c r="N985309" s="10"/>
    </row>
    <row r="985310" spans="14:14">
      <c r="N985310" s="10"/>
    </row>
    <row r="985311" spans="14:14">
      <c r="N985311" s="10"/>
    </row>
    <row r="985312" spans="14:14">
      <c r="N985312" s="10"/>
    </row>
    <row r="985313" spans="14:14">
      <c r="N985313" s="10"/>
    </row>
    <row r="985314" spans="14:14">
      <c r="N985314" s="10"/>
    </row>
    <row r="985315" spans="14:14">
      <c r="N985315" s="10"/>
    </row>
    <row r="985316" spans="14:14">
      <c r="N985316" s="10"/>
    </row>
    <row r="985317" spans="14:14">
      <c r="N985317" s="10"/>
    </row>
    <row r="985318" spans="14:14">
      <c r="N985318" s="10"/>
    </row>
    <row r="985319" spans="14:14">
      <c r="N985319" s="10"/>
    </row>
    <row r="985320" spans="14:14">
      <c r="N985320" s="10"/>
    </row>
    <row r="985321" spans="14:14">
      <c r="N985321" s="10"/>
    </row>
    <row r="985322" spans="14:14">
      <c r="N985322" s="10"/>
    </row>
    <row r="985323" spans="14:14">
      <c r="N985323" s="10"/>
    </row>
    <row r="985324" spans="14:14">
      <c r="N985324" s="10"/>
    </row>
    <row r="985325" spans="14:14">
      <c r="N985325" s="10"/>
    </row>
    <row r="985326" spans="14:14">
      <c r="N985326" s="10"/>
    </row>
    <row r="985327" spans="14:14">
      <c r="N985327" s="10"/>
    </row>
    <row r="985328" spans="14:14">
      <c r="N985328" s="10"/>
    </row>
    <row r="985329" spans="14:14">
      <c r="N985329" s="10"/>
    </row>
    <row r="985330" spans="14:14">
      <c r="N985330" s="10"/>
    </row>
    <row r="985331" spans="14:14">
      <c r="N985331" s="10"/>
    </row>
    <row r="985332" spans="14:14">
      <c r="N985332" s="10"/>
    </row>
    <row r="985333" spans="14:14">
      <c r="N985333" s="10"/>
    </row>
    <row r="985334" spans="14:14">
      <c r="N985334" s="10"/>
    </row>
    <row r="985335" spans="14:14">
      <c r="N985335" s="10"/>
    </row>
    <row r="985336" spans="14:14">
      <c r="N985336" s="10"/>
    </row>
    <row r="985337" spans="14:14">
      <c r="N985337" s="10"/>
    </row>
    <row r="985338" spans="14:14">
      <c r="N985338" s="10"/>
    </row>
    <row r="985339" spans="14:14">
      <c r="N985339" s="10"/>
    </row>
    <row r="985340" spans="14:14">
      <c r="N985340" s="10"/>
    </row>
    <row r="985341" spans="14:14">
      <c r="N985341" s="10"/>
    </row>
    <row r="985342" spans="14:14">
      <c r="N985342" s="10"/>
    </row>
    <row r="985343" spans="14:14">
      <c r="N985343" s="10"/>
    </row>
    <row r="985344" spans="14:14">
      <c r="N985344" s="10"/>
    </row>
    <row r="985345" spans="14:14">
      <c r="N985345" s="10"/>
    </row>
    <row r="985346" spans="14:14">
      <c r="N985346" s="10"/>
    </row>
    <row r="985347" spans="14:14">
      <c r="N985347" s="10"/>
    </row>
    <row r="985348" spans="14:14">
      <c r="N985348" s="10"/>
    </row>
    <row r="985349" spans="14:14">
      <c r="N985349" s="10"/>
    </row>
    <row r="985350" spans="14:14">
      <c r="N985350" s="10"/>
    </row>
    <row r="985351" spans="14:14">
      <c r="N985351" s="10"/>
    </row>
    <row r="985352" spans="14:14">
      <c r="N985352" s="10"/>
    </row>
    <row r="985353" spans="14:14">
      <c r="N985353" s="10"/>
    </row>
    <row r="985354" spans="14:14">
      <c r="N985354" s="10"/>
    </row>
    <row r="985355" spans="14:14">
      <c r="N985355" s="10"/>
    </row>
    <row r="985356" spans="14:14">
      <c r="N985356" s="10"/>
    </row>
    <row r="985357" spans="14:14">
      <c r="N985357" s="10"/>
    </row>
    <row r="985358" spans="14:14">
      <c r="N985358" s="10"/>
    </row>
    <row r="985359" spans="14:14">
      <c r="N985359" s="10"/>
    </row>
    <row r="985360" spans="14:14">
      <c r="N985360" s="10"/>
    </row>
    <row r="985361" spans="14:14">
      <c r="N985361" s="10"/>
    </row>
    <row r="985362" spans="14:14">
      <c r="N985362" s="10"/>
    </row>
    <row r="985363" spans="14:14">
      <c r="N985363" s="10"/>
    </row>
    <row r="985364" spans="14:14">
      <c r="N985364" s="10"/>
    </row>
    <row r="985365" spans="14:14">
      <c r="N985365" s="10"/>
    </row>
    <row r="985366" spans="14:14">
      <c r="N985366" s="10"/>
    </row>
    <row r="985367" spans="14:14">
      <c r="N985367" s="10"/>
    </row>
    <row r="985368" spans="14:14">
      <c r="N985368" s="10"/>
    </row>
    <row r="985369" spans="14:14">
      <c r="N985369" s="10"/>
    </row>
    <row r="985370" spans="14:14">
      <c r="N985370" s="10"/>
    </row>
    <row r="985371" spans="14:14">
      <c r="N985371" s="10"/>
    </row>
    <row r="985372" spans="14:14">
      <c r="N985372" s="10"/>
    </row>
    <row r="985373" spans="14:14">
      <c r="N985373" s="10"/>
    </row>
    <row r="985374" spans="14:14">
      <c r="N985374" s="10"/>
    </row>
    <row r="985375" spans="14:14">
      <c r="N985375" s="10"/>
    </row>
    <row r="985376" spans="14:14">
      <c r="N985376" s="10"/>
    </row>
    <row r="985377" spans="14:14">
      <c r="N985377" s="10"/>
    </row>
    <row r="985378" spans="14:14">
      <c r="N985378" s="10"/>
    </row>
    <row r="985379" spans="14:14">
      <c r="N985379" s="10"/>
    </row>
    <row r="985380" spans="14:14">
      <c r="N985380" s="10"/>
    </row>
    <row r="985381" spans="14:14">
      <c r="N985381" s="10"/>
    </row>
    <row r="985382" spans="14:14">
      <c r="N985382" s="10"/>
    </row>
    <row r="985383" spans="14:14">
      <c r="N985383" s="10"/>
    </row>
    <row r="985384" spans="14:14">
      <c r="N985384" s="10"/>
    </row>
    <row r="985385" spans="14:14">
      <c r="N985385" s="10"/>
    </row>
    <row r="985386" spans="14:14">
      <c r="N985386" s="10"/>
    </row>
    <row r="985387" spans="14:14">
      <c r="N985387" s="10"/>
    </row>
    <row r="985388" spans="14:14">
      <c r="N985388" s="10"/>
    </row>
    <row r="985389" spans="14:14">
      <c r="N985389" s="10"/>
    </row>
    <row r="985390" spans="14:14">
      <c r="N985390" s="10"/>
    </row>
    <row r="985391" spans="14:14">
      <c r="N985391" s="10"/>
    </row>
    <row r="985392" spans="14:14">
      <c r="N985392" s="10"/>
    </row>
    <row r="985393" spans="14:14">
      <c r="N985393" s="10"/>
    </row>
    <row r="985394" spans="14:14">
      <c r="N985394" s="10"/>
    </row>
    <row r="985395" spans="14:14">
      <c r="N985395" s="10"/>
    </row>
    <row r="985396" spans="14:14">
      <c r="N985396" s="10"/>
    </row>
    <row r="985397" spans="14:14">
      <c r="N985397" s="10"/>
    </row>
    <row r="985398" spans="14:14">
      <c r="N985398" s="10"/>
    </row>
    <row r="985399" spans="14:14">
      <c r="N985399" s="10"/>
    </row>
    <row r="985400" spans="14:14">
      <c r="N985400" s="10"/>
    </row>
    <row r="985401" spans="14:14">
      <c r="N985401" s="10"/>
    </row>
    <row r="985402" spans="14:14">
      <c r="N985402" s="10"/>
    </row>
    <row r="985403" spans="14:14">
      <c r="N985403" s="10"/>
    </row>
    <row r="985404" spans="14:14">
      <c r="N985404" s="10"/>
    </row>
    <row r="985405" spans="14:14">
      <c r="N985405" s="10"/>
    </row>
    <row r="985406" spans="14:14">
      <c r="N985406" s="10"/>
    </row>
    <row r="985407" spans="14:14">
      <c r="N985407" s="10"/>
    </row>
    <row r="985408" spans="14:14">
      <c r="N985408" s="10"/>
    </row>
    <row r="985409" spans="14:14">
      <c r="N985409" s="10"/>
    </row>
    <row r="985410" spans="14:14">
      <c r="N985410" s="10"/>
    </row>
    <row r="985411" spans="14:14">
      <c r="N985411" s="10"/>
    </row>
    <row r="985412" spans="14:14">
      <c r="N985412" s="10"/>
    </row>
    <row r="985413" spans="14:14">
      <c r="N985413" s="10"/>
    </row>
    <row r="985414" spans="14:14">
      <c r="N985414" s="10"/>
    </row>
    <row r="985415" spans="14:14">
      <c r="N985415" s="10"/>
    </row>
    <row r="985416" spans="14:14">
      <c r="N985416" s="10"/>
    </row>
    <row r="985417" spans="14:14">
      <c r="N985417" s="10"/>
    </row>
    <row r="985418" spans="14:14">
      <c r="N985418" s="10"/>
    </row>
    <row r="985419" spans="14:14">
      <c r="N985419" s="10"/>
    </row>
    <row r="985420" spans="14:14">
      <c r="N985420" s="10"/>
    </row>
    <row r="985421" spans="14:14">
      <c r="N985421" s="10"/>
    </row>
    <row r="985422" spans="14:14">
      <c r="N985422" s="10"/>
    </row>
    <row r="985423" spans="14:14">
      <c r="N985423" s="10"/>
    </row>
    <row r="985424" spans="14:14">
      <c r="N985424" s="10"/>
    </row>
    <row r="985425" spans="14:14">
      <c r="N985425" s="10"/>
    </row>
    <row r="985426" spans="14:14">
      <c r="N985426" s="10"/>
    </row>
    <row r="985427" spans="14:14">
      <c r="N985427" s="10"/>
    </row>
    <row r="985428" spans="14:14">
      <c r="N985428" s="10"/>
    </row>
    <row r="985429" spans="14:14">
      <c r="N985429" s="10"/>
    </row>
    <row r="985430" spans="14:14">
      <c r="N985430" s="10"/>
    </row>
    <row r="985431" spans="14:14">
      <c r="N985431" s="10"/>
    </row>
    <row r="985432" spans="14:14">
      <c r="N985432" s="10"/>
    </row>
    <row r="985433" spans="14:14">
      <c r="N985433" s="10"/>
    </row>
    <row r="985434" spans="14:14">
      <c r="N985434" s="10"/>
    </row>
    <row r="985435" spans="14:14">
      <c r="N985435" s="10"/>
    </row>
    <row r="985436" spans="14:14">
      <c r="N985436" s="10"/>
    </row>
    <row r="985437" spans="14:14">
      <c r="N985437" s="10"/>
    </row>
    <row r="985438" spans="14:14">
      <c r="N985438" s="10"/>
    </row>
    <row r="985439" spans="14:14">
      <c r="N985439" s="10"/>
    </row>
    <row r="985440" spans="14:14">
      <c r="N985440" s="10"/>
    </row>
    <row r="985441" spans="14:14">
      <c r="N985441" s="10"/>
    </row>
    <row r="985442" spans="14:14">
      <c r="N985442" s="10"/>
    </row>
    <row r="985443" spans="14:14">
      <c r="N985443" s="10"/>
    </row>
    <row r="985444" spans="14:14">
      <c r="N985444" s="10"/>
    </row>
    <row r="985445" spans="14:14">
      <c r="N985445" s="10"/>
    </row>
    <row r="985446" spans="14:14">
      <c r="N985446" s="10"/>
    </row>
    <row r="985447" spans="14:14">
      <c r="N985447" s="10"/>
    </row>
    <row r="985448" spans="14:14">
      <c r="N985448" s="10"/>
    </row>
    <row r="985449" spans="14:14">
      <c r="N985449" s="10"/>
    </row>
    <row r="985450" spans="14:14">
      <c r="N985450" s="10"/>
    </row>
    <row r="985451" spans="14:14">
      <c r="N985451" s="10"/>
    </row>
    <row r="985452" spans="14:14">
      <c r="N985452" s="10"/>
    </row>
    <row r="985453" spans="14:14">
      <c r="N985453" s="10"/>
    </row>
    <row r="985454" spans="14:14">
      <c r="N985454" s="10"/>
    </row>
    <row r="985455" spans="14:14">
      <c r="N985455" s="10"/>
    </row>
    <row r="985456" spans="14:14">
      <c r="N985456" s="10"/>
    </row>
    <row r="985457" spans="14:14">
      <c r="N985457" s="10"/>
    </row>
    <row r="985458" spans="14:14">
      <c r="N985458" s="10"/>
    </row>
    <row r="985459" spans="14:14">
      <c r="N985459" s="10"/>
    </row>
    <row r="985460" spans="14:14">
      <c r="N985460" s="10"/>
    </row>
    <row r="985461" spans="14:14">
      <c r="N985461" s="10"/>
    </row>
    <row r="985462" spans="14:14">
      <c r="N985462" s="10"/>
    </row>
    <row r="985463" spans="14:14">
      <c r="N985463" s="10"/>
    </row>
    <row r="985464" spans="14:14">
      <c r="N985464" s="10"/>
    </row>
    <row r="985465" spans="14:14">
      <c r="N985465" s="10"/>
    </row>
    <row r="985466" spans="14:14">
      <c r="N985466" s="10"/>
    </row>
    <row r="985467" spans="14:14">
      <c r="N985467" s="10"/>
    </row>
    <row r="985468" spans="14:14">
      <c r="N985468" s="10"/>
    </row>
    <row r="985469" spans="14:14">
      <c r="N985469" s="10"/>
    </row>
    <row r="985470" spans="14:14">
      <c r="N985470" s="10"/>
    </row>
    <row r="985471" spans="14:14">
      <c r="N985471" s="10"/>
    </row>
    <row r="985472" spans="14:14">
      <c r="N985472" s="10"/>
    </row>
    <row r="985473" spans="14:14">
      <c r="N985473" s="10"/>
    </row>
    <row r="985474" spans="14:14">
      <c r="N985474" s="10"/>
    </row>
    <row r="985475" spans="14:14">
      <c r="N985475" s="10"/>
    </row>
    <row r="985476" spans="14:14">
      <c r="N985476" s="10"/>
    </row>
    <row r="985477" spans="14:14">
      <c r="N985477" s="10"/>
    </row>
    <row r="985478" spans="14:14">
      <c r="N985478" s="10"/>
    </row>
    <row r="985479" spans="14:14">
      <c r="N985479" s="10"/>
    </row>
    <row r="985480" spans="14:14">
      <c r="N985480" s="10"/>
    </row>
    <row r="985481" spans="14:14">
      <c r="N985481" s="10"/>
    </row>
    <row r="985482" spans="14:14">
      <c r="N985482" s="10"/>
    </row>
    <row r="985483" spans="14:14">
      <c r="N985483" s="10"/>
    </row>
    <row r="985484" spans="14:14">
      <c r="N985484" s="10"/>
    </row>
    <row r="985485" spans="14:14">
      <c r="N985485" s="10"/>
    </row>
    <row r="985486" spans="14:14">
      <c r="N985486" s="10"/>
    </row>
    <row r="985487" spans="14:14">
      <c r="N985487" s="10"/>
    </row>
    <row r="985488" spans="14:14">
      <c r="N985488" s="10"/>
    </row>
    <row r="985489" spans="14:14">
      <c r="N985489" s="10"/>
    </row>
    <row r="985490" spans="14:14">
      <c r="N985490" s="10"/>
    </row>
    <row r="985491" spans="14:14">
      <c r="N985491" s="10"/>
    </row>
    <row r="985492" spans="14:14">
      <c r="N985492" s="10"/>
    </row>
    <row r="985493" spans="14:14">
      <c r="N985493" s="10"/>
    </row>
    <row r="985494" spans="14:14">
      <c r="N985494" s="10"/>
    </row>
    <row r="985495" spans="14:14">
      <c r="N985495" s="10"/>
    </row>
    <row r="985496" spans="14:14">
      <c r="N985496" s="10"/>
    </row>
    <row r="985497" spans="14:14">
      <c r="N985497" s="10"/>
    </row>
    <row r="985498" spans="14:14">
      <c r="N985498" s="10"/>
    </row>
    <row r="985499" spans="14:14">
      <c r="N985499" s="10"/>
    </row>
    <row r="985500" spans="14:14">
      <c r="N985500" s="10"/>
    </row>
    <row r="985501" spans="14:14">
      <c r="N985501" s="10"/>
    </row>
    <row r="985502" spans="14:14">
      <c r="N985502" s="10"/>
    </row>
    <row r="985503" spans="14:14">
      <c r="N985503" s="10"/>
    </row>
    <row r="985504" spans="14:14">
      <c r="N985504" s="10"/>
    </row>
    <row r="985505" spans="14:14">
      <c r="N985505" s="10"/>
    </row>
    <row r="985506" spans="14:14">
      <c r="N985506" s="10"/>
    </row>
    <row r="985507" spans="14:14">
      <c r="N985507" s="10"/>
    </row>
    <row r="985508" spans="14:14">
      <c r="N985508" s="10"/>
    </row>
    <row r="985509" spans="14:14">
      <c r="N985509" s="10"/>
    </row>
    <row r="985510" spans="14:14">
      <c r="N985510" s="10"/>
    </row>
    <row r="985511" spans="14:14">
      <c r="N985511" s="10"/>
    </row>
    <row r="985512" spans="14:14">
      <c r="N985512" s="10"/>
    </row>
    <row r="985513" spans="14:14">
      <c r="N985513" s="10"/>
    </row>
    <row r="985514" spans="14:14">
      <c r="N985514" s="10"/>
    </row>
    <row r="985515" spans="14:14">
      <c r="N985515" s="10"/>
    </row>
    <row r="985516" spans="14:14">
      <c r="N985516" s="10"/>
    </row>
    <row r="985517" spans="14:14">
      <c r="N985517" s="10"/>
    </row>
    <row r="985518" spans="14:14">
      <c r="N985518" s="10"/>
    </row>
    <row r="985519" spans="14:14">
      <c r="N985519" s="10"/>
    </row>
    <row r="985520" spans="14:14">
      <c r="N985520" s="10"/>
    </row>
    <row r="985521" spans="14:14">
      <c r="N985521" s="10"/>
    </row>
    <row r="985522" spans="14:14">
      <c r="N985522" s="10"/>
    </row>
    <row r="985523" spans="14:14">
      <c r="N985523" s="10"/>
    </row>
    <row r="985524" spans="14:14">
      <c r="N985524" s="10"/>
    </row>
    <row r="985525" spans="14:14">
      <c r="N985525" s="10"/>
    </row>
    <row r="985526" spans="14:14">
      <c r="N985526" s="10"/>
    </row>
    <row r="985527" spans="14:14">
      <c r="N985527" s="10"/>
    </row>
    <row r="985528" spans="14:14">
      <c r="N985528" s="10"/>
    </row>
    <row r="985529" spans="14:14">
      <c r="N985529" s="10"/>
    </row>
    <row r="985530" spans="14:14">
      <c r="N985530" s="10"/>
    </row>
    <row r="985531" spans="14:14">
      <c r="N985531" s="10"/>
    </row>
    <row r="985532" spans="14:14">
      <c r="N985532" s="10"/>
    </row>
    <row r="985533" spans="14:14">
      <c r="N985533" s="10"/>
    </row>
    <row r="985534" spans="14:14">
      <c r="N985534" s="10"/>
    </row>
    <row r="985535" spans="14:14">
      <c r="N985535" s="10"/>
    </row>
    <row r="985536" spans="14:14">
      <c r="N985536" s="10"/>
    </row>
    <row r="985537" spans="14:14">
      <c r="N985537" s="10"/>
    </row>
    <row r="985538" spans="14:14">
      <c r="N985538" s="10"/>
    </row>
    <row r="985539" spans="14:14">
      <c r="N985539" s="10"/>
    </row>
    <row r="985540" spans="14:14">
      <c r="N985540" s="10"/>
    </row>
    <row r="985541" spans="14:14">
      <c r="N985541" s="10"/>
    </row>
    <row r="985542" spans="14:14">
      <c r="N985542" s="10"/>
    </row>
    <row r="985543" spans="14:14">
      <c r="N985543" s="10"/>
    </row>
    <row r="985544" spans="14:14">
      <c r="N985544" s="10"/>
    </row>
    <row r="985545" spans="14:14">
      <c r="N985545" s="10"/>
    </row>
    <row r="985546" spans="14:14">
      <c r="N985546" s="10"/>
    </row>
    <row r="985547" spans="14:14">
      <c r="N985547" s="10"/>
    </row>
    <row r="985548" spans="14:14">
      <c r="N985548" s="10"/>
    </row>
    <row r="985549" spans="14:14">
      <c r="N985549" s="10"/>
    </row>
    <row r="985550" spans="14:14">
      <c r="N985550" s="10"/>
    </row>
    <row r="985551" spans="14:14">
      <c r="N985551" s="10"/>
    </row>
    <row r="985552" spans="14:14">
      <c r="N985552" s="10"/>
    </row>
    <row r="985553" spans="14:14">
      <c r="N985553" s="10"/>
    </row>
    <row r="985554" spans="14:14">
      <c r="N985554" s="10"/>
    </row>
    <row r="985555" spans="14:14">
      <c r="N985555" s="10"/>
    </row>
    <row r="985556" spans="14:14">
      <c r="N985556" s="10"/>
    </row>
    <row r="985557" spans="14:14">
      <c r="N985557" s="10"/>
    </row>
    <row r="985558" spans="14:14">
      <c r="N985558" s="10"/>
    </row>
    <row r="985559" spans="14:14">
      <c r="N985559" s="10"/>
    </row>
    <row r="985560" spans="14:14">
      <c r="N985560" s="10"/>
    </row>
    <row r="985561" spans="14:14">
      <c r="N985561" s="10"/>
    </row>
    <row r="985562" spans="14:14">
      <c r="N985562" s="10"/>
    </row>
    <row r="985563" spans="14:14">
      <c r="N985563" s="10"/>
    </row>
    <row r="985564" spans="14:14">
      <c r="N985564" s="10"/>
    </row>
    <row r="985565" spans="14:14">
      <c r="N985565" s="10"/>
    </row>
    <row r="985566" spans="14:14">
      <c r="N985566" s="10"/>
    </row>
    <row r="985567" spans="14:14">
      <c r="N985567" s="10"/>
    </row>
    <row r="985568" spans="14:14">
      <c r="N985568" s="10"/>
    </row>
    <row r="985569" spans="14:14">
      <c r="N985569" s="10"/>
    </row>
    <row r="985570" spans="14:14">
      <c r="N985570" s="10"/>
    </row>
    <row r="985571" spans="14:14">
      <c r="N985571" s="10"/>
    </row>
    <row r="985572" spans="14:14">
      <c r="N985572" s="10"/>
    </row>
    <row r="985573" spans="14:14">
      <c r="N985573" s="10"/>
    </row>
    <row r="985574" spans="14:14">
      <c r="N985574" s="10"/>
    </row>
    <row r="985575" spans="14:14">
      <c r="N985575" s="10"/>
    </row>
    <row r="985576" spans="14:14">
      <c r="N985576" s="10"/>
    </row>
    <row r="985577" spans="14:14">
      <c r="N985577" s="10"/>
    </row>
    <row r="985578" spans="14:14">
      <c r="N985578" s="10"/>
    </row>
    <row r="985579" spans="14:14">
      <c r="N985579" s="10"/>
    </row>
    <row r="985580" spans="14:14">
      <c r="N985580" s="10"/>
    </row>
    <row r="985581" spans="14:14">
      <c r="N985581" s="10"/>
    </row>
    <row r="985582" spans="14:14">
      <c r="N985582" s="10"/>
    </row>
    <row r="985583" spans="14:14">
      <c r="N985583" s="10"/>
    </row>
    <row r="985584" spans="14:14">
      <c r="N985584" s="10"/>
    </row>
    <row r="985585" spans="14:14">
      <c r="N985585" s="10"/>
    </row>
    <row r="985586" spans="14:14">
      <c r="N985586" s="10"/>
    </row>
    <row r="985587" spans="14:14">
      <c r="N985587" s="10"/>
    </row>
    <row r="985588" spans="14:14">
      <c r="N985588" s="10"/>
    </row>
    <row r="985589" spans="14:14">
      <c r="N985589" s="10"/>
    </row>
    <row r="985590" spans="14:14">
      <c r="N985590" s="10"/>
    </row>
    <row r="985591" spans="14:14">
      <c r="N985591" s="10"/>
    </row>
    <row r="985592" spans="14:14">
      <c r="N985592" s="10"/>
    </row>
    <row r="985593" spans="14:14">
      <c r="N985593" s="10"/>
    </row>
    <row r="985594" spans="14:14">
      <c r="N985594" s="10"/>
    </row>
    <row r="985595" spans="14:14">
      <c r="N985595" s="10"/>
    </row>
    <row r="985596" spans="14:14">
      <c r="N985596" s="10"/>
    </row>
    <row r="985597" spans="14:14">
      <c r="N985597" s="10"/>
    </row>
    <row r="985598" spans="14:14">
      <c r="N985598" s="10"/>
    </row>
    <row r="985599" spans="14:14">
      <c r="N985599" s="10"/>
    </row>
    <row r="985600" spans="14:14">
      <c r="N985600" s="10"/>
    </row>
    <row r="985601" spans="14:14">
      <c r="N985601" s="10"/>
    </row>
    <row r="985602" spans="14:14">
      <c r="N985602" s="10"/>
    </row>
    <row r="985603" spans="14:14">
      <c r="N985603" s="10"/>
    </row>
    <row r="985604" spans="14:14">
      <c r="N985604" s="10"/>
    </row>
    <row r="985605" spans="14:14">
      <c r="N985605" s="10"/>
    </row>
    <row r="985606" spans="14:14">
      <c r="N985606" s="10"/>
    </row>
    <row r="985607" spans="14:14">
      <c r="N985607" s="10"/>
    </row>
    <row r="985608" spans="14:14">
      <c r="N985608" s="10"/>
    </row>
    <row r="985609" spans="14:14">
      <c r="N985609" s="10"/>
    </row>
    <row r="985610" spans="14:14">
      <c r="N985610" s="10"/>
    </row>
    <row r="985611" spans="14:14">
      <c r="N985611" s="10"/>
    </row>
    <row r="985612" spans="14:14">
      <c r="N985612" s="10"/>
    </row>
    <row r="985613" spans="14:14">
      <c r="N985613" s="10"/>
    </row>
    <row r="985614" spans="14:14">
      <c r="N985614" s="10"/>
    </row>
    <row r="985615" spans="14:14">
      <c r="N985615" s="10"/>
    </row>
    <row r="985616" spans="14:14">
      <c r="N985616" s="10"/>
    </row>
    <row r="985617" spans="14:14">
      <c r="N985617" s="10"/>
    </row>
    <row r="985618" spans="14:14">
      <c r="N985618" s="10"/>
    </row>
    <row r="985619" spans="14:14">
      <c r="N985619" s="10"/>
    </row>
    <row r="985620" spans="14:14">
      <c r="N985620" s="10"/>
    </row>
    <row r="985621" spans="14:14">
      <c r="N985621" s="10"/>
    </row>
    <row r="985622" spans="14:14">
      <c r="N985622" s="10"/>
    </row>
    <row r="985623" spans="14:14">
      <c r="N985623" s="10"/>
    </row>
    <row r="985624" spans="14:14">
      <c r="N985624" s="10"/>
    </row>
    <row r="985625" spans="14:14">
      <c r="N985625" s="10"/>
    </row>
    <row r="985626" spans="14:14">
      <c r="N985626" s="10"/>
    </row>
    <row r="985627" spans="14:14">
      <c r="N985627" s="10"/>
    </row>
    <row r="985628" spans="14:14">
      <c r="N985628" s="10"/>
    </row>
    <row r="985629" spans="14:14">
      <c r="N985629" s="10"/>
    </row>
    <row r="985630" spans="14:14">
      <c r="N985630" s="10"/>
    </row>
    <row r="985631" spans="14:14">
      <c r="N985631" s="10"/>
    </row>
    <row r="985632" spans="14:14">
      <c r="N985632" s="10"/>
    </row>
    <row r="985633" spans="14:14">
      <c r="N985633" s="10"/>
    </row>
    <row r="985634" spans="14:14">
      <c r="N985634" s="10"/>
    </row>
    <row r="985635" spans="14:14">
      <c r="N985635" s="10"/>
    </row>
    <row r="985636" spans="14:14">
      <c r="N985636" s="10"/>
    </row>
    <row r="985637" spans="14:14">
      <c r="N985637" s="10"/>
    </row>
    <row r="985638" spans="14:14">
      <c r="N985638" s="10"/>
    </row>
    <row r="985639" spans="14:14">
      <c r="N985639" s="10"/>
    </row>
    <row r="985640" spans="14:14">
      <c r="N985640" s="10"/>
    </row>
    <row r="985641" spans="14:14">
      <c r="N985641" s="10"/>
    </row>
    <row r="985642" spans="14:14">
      <c r="N985642" s="10"/>
    </row>
    <row r="985643" spans="14:14">
      <c r="N985643" s="10"/>
    </row>
    <row r="985644" spans="14:14">
      <c r="N985644" s="10"/>
    </row>
    <row r="985645" spans="14:14">
      <c r="N985645" s="10"/>
    </row>
    <row r="985646" spans="14:14">
      <c r="N985646" s="10"/>
    </row>
    <row r="985647" spans="14:14">
      <c r="N985647" s="10"/>
    </row>
    <row r="985648" spans="14:14">
      <c r="N985648" s="10"/>
    </row>
    <row r="985649" spans="14:14">
      <c r="N985649" s="10"/>
    </row>
    <row r="985650" spans="14:14">
      <c r="N985650" s="10"/>
    </row>
    <row r="985651" spans="14:14">
      <c r="N985651" s="10"/>
    </row>
    <row r="985652" spans="14:14">
      <c r="N985652" s="10"/>
    </row>
    <row r="985653" spans="14:14">
      <c r="N985653" s="10"/>
    </row>
    <row r="985654" spans="14:14">
      <c r="N985654" s="10"/>
    </row>
    <row r="985655" spans="14:14">
      <c r="N985655" s="10"/>
    </row>
    <row r="985656" spans="14:14">
      <c r="N985656" s="10"/>
    </row>
    <row r="985657" spans="14:14">
      <c r="N985657" s="10"/>
    </row>
    <row r="985658" spans="14:14">
      <c r="N985658" s="10"/>
    </row>
    <row r="985659" spans="14:14">
      <c r="N985659" s="10"/>
    </row>
    <row r="985660" spans="14:14">
      <c r="N985660" s="10"/>
    </row>
    <row r="985661" spans="14:14">
      <c r="N985661" s="10"/>
    </row>
    <row r="985662" spans="14:14">
      <c r="N985662" s="10"/>
    </row>
    <row r="985663" spans="14:14">
      <c r="N985663" s="10"/>
    </row>
    <row r="985664" spans="14:14">
      <c r="N985664" s="10"/>
    </row>
    <row r="985665" spans="14:14">
      <c r="N985665" s="10"/>
    </row>
    <row r="985666" spans="14:14">
      <c r="N985666" s="10"/>
    </row>
    <row r="985667" spans="14:14">
      <c r="N985667" s="10"/>
    </row>
    <row r="985668" spans="14:14">
      <c r="N985668" s="10"/>
    </row>
    <row r="985669" spans="14:14">
      <c r="N985669" s="10"/>
    </row>
    <row r="985670" spans="14:14">
      <c r="N985670" s="10"/>
    </row>
    <row r="985671" spans="14:14">
      <c r="N985671" s="10"/>
    </row>
    <row r="985672" spans="14:14">
      <c r="N985672" s="10"/>
    </row>
    <row r="985673" spans="14:14">
      <c r="N985673" s="10"/>
    </row>
    <row r="985674" spans="14:14">
      <c r="N985674" s="10"/>
    </row>
    <row r="985675" spans="14:14">
      <c r="N985675" s="10"/>
    </row>
    <row r="985676" spans="14:14">
      <c r="N985676" s="10"/>
    </row>
    <row r="985677" spans="14:14">
      <c r="N985677" s="10"/>
    </row>
    <row r="985678" spans="14:14">
      <c r="N985678" s="10"/>
    </row>
    <row r="985679" spans="14:14">
      <c r="N985679" s="10"/>
    </row>
    <row r="985680" spans="14:14">
      <c r="N985680" s="10"/>
    </row>
    <row r="985681" spans="14:14">
      <c r="N985681" s="10"/>
    </row>
    <row r="985682" spans="14:14">
      <c r="N985682" s="10"/>
    </row>
    <row r="985683" spans="14:14">
      <c r="N985683" s="10"/>
    </row>
    <row r="985684" spans="14:14">
      <c r="N985684" s="10"/>
    </row>
    <row r="985685" spans="14:14">
      <c r="N985685" s="10"/>
    </row>
    <row r="985686" spans="14:14">
      <c r="N985686" s="10"/>
    </row>
    <row r="985687" spans="14:14">
      <c r="N985687" s="10"/>
    </row>
    <row r="985688" spans="14:14">
      <c r="N985688" s="10"/>
    </row>
    <row r="985689" spans="14:14">
      <c r="N985689" s="10"/>
    </row>
    <row r="985690" spans="14:14">
      <c r="N985690" s="10"/>
    </row>
    <row r="985691" spans="14:14">
      <c r="N985691" s="10"/>
    </row>
    <row r="985692" spans="14:14">
      <c r="N985692" s="10"/>
    </row>
    <row r="985693" spans="14:14">
      <c r="N985693" s="10"/>
    </row>
    <row r="985694" spans="14:14">
      <c r="N985694" s="10"/>
    </row>
    <row r="985695" spans="14:14">
      <c r="N985695" s="10"/>
    </row>
    <row r="985696" spans="14:14">
      <c r="N985696" s="10"/>
    </row>
    <row r="985697" spans="14:14">
      <c r="N985697" s="10"/>
    </row>
    <row r="985698" spans="14:14">
      <c r="N985698" s="10"/>
    </row>
    <row r="985699" spans="14:14">
      <c r="N985699" s="10"/>
    </row>
    <row r="985700" spans="14:14">
      <c r="N985700" s="10"/>
    </row>
    <row r="985701" spans="14:14">
      <c r="N985701" s="10"/>
    </row>
    <row r="985702" spans="14:14">
      <c r="N985702" s="10"/>
    </row>
    <row r="985703" spans="14:14">
      <c r="N985703" s="10"/>
    </row>
    <row r="985704" spans="14:14">
      <c r="N985704" s="10"/>
    </row>
    <row r="985705" spans="14:14">
      <c r="N985705" s="10"/>
    </row>
    <row r="985706" spans="14:14">
      <c r="N985706" s="10"/>
    </row>
    <row r="985707" spans="14:14">
      <c r="N985707" s="10"/>
    </row>
    <row r="985708" spans="14:14">
      <c r="N985708" s="10"/>
    </row>
    <row r="985709" spans="14:14">
      <c r="N985709" s="10"/>
    </row>
    <row r="985710" spans="14:14">
      <c r="N985710" s="10"/>
    </row>
    <row r="985711" spans="14:14">
      <c r="N985711" s="10"/>
    </row>
    <row r="985712" spans="14:14">
      <c r="N985712" s="10"/>
    </row>
    <row r="985713" spans="14:14">
      <c r="N985713" s="10"/>
    </row>
    <row r="985714" spans="14:14">
      <c r="N985714" s="10"/>
    </row>
    <row r="985715" spans="14:14">
      <c r="N985715" s="10"/>
    </row>
    <row r="985716" spans="14:14">
      <c r="N985716" s="10"/>
    </row>
    <row r="985717" spans="14:14">
      <c r="N985717" s="10"/>
    </row>
    <row r="985718" spans="14:14">
      <c r="N985718" s="10"/>
    </row>
    <row r="985719" spans="14:14">
      <c r="N985719" s="10"/>
    </row>
    <row r="985720" spans="14:14">
      <c r="N985720" s="10"/>
    </row>
    <row r="985721" spans="14:14">
      <c r="N985721" s="10"/>
    </row>
    <row r="985722" spans="14:14">
      <c r="N985722" s="10"/>
    </row>
    <row r="985723" spans="14:14">
      <c r="N985723" s="10"/>
    </row>
    <row r="985724" spans="14:14">
      <c r="N985724" s="10"/>
    </row>
    <row r="985725" spans="14:14">
      <c r="N985725" s="10"/>
    </row>
    <row r="985726" spans="14:14">
      <c r="N985726" s="10"/>
    </row>
    <row r="985727" spans="14:14">
      <c r="N985727" s="10"/>
    </row>
    <row r="985728" spans="14:14">
      <c r="N985728" s="10"/>
    </row>
    <row r="985729" spans="14:14">
      <c r="N985729" s="10"/>
    </row>
    <row r="985730" spans="14:14">
      <c r="N985730" s="10"/>
    </row>
    <row r="985731" spans="14:14">
      <c r="N985731" s="10"/>
    </row>
    <row r="985732" spans="14:14">
      <c r="N985732" s="10"/>
    </row>
    <row r="985733" spans="14:14">
      <c r="N985733" s="10"/>
    </row>
    <row r="985734" spans="14:14">
      <c r="N985734" s="10"/>
    </row>
    <row r="985735" spans="14:14">
      <c r="N985735" s="10"/>
    </row>
    <row r="985736" spans="14:14">
      <c r="N985736" s="10"/>
    </row>
    <row r="985737" spans="14:14">
      <c r="N985737" s="10"/>
    </row>
    <row r="985738" spans="14:14">
      <c r="N985738" s="10"/>
    </row>
    <row r="985739" spans="14:14">
      <c r="N985739" s="10"/>
    </row>
    <row r="985740" spans="14:14">
      <c r="N985740" s="10"/>
    </row>
    <row r="985741" spans="14:14">
      <c r="N985741" s="10"/>
    </row>
    <row r="985742" spans="14:14">
      <c r="N985742" s="10"/>
    </row>
    <row r="985743" spans="14:14">
      <c r="N985743" s="10"/>
    </row>
    <row r="985744" spans="14:14">
      <c r="N985744" s="10"/>
    </row>
    <row r="985745" spans="14:14">
      <c r="N985745" s="10"/>
    </row>
    <row r="985746" spans="14:14">
      <c r="N985746" s="10"/>
    </row>
    <row r="985747" spans="14:14">
      <c r="N985747" s="10"/>
    </row>
    <row r="985748" spans="14:14">
      <c r="N985748" s="10"/>
    </row>
    <row r="985749" spans="14:14">
      <c r="N985749" s="10"/>
    </row>
    <row r="985750" spans="14:14">
      <c r="N985750" s="10"/>
    </row>
    <row r="985751" spans="14:14">
      <c r="N985751" s="10"/>
    </row>
    <row r="985752" spans="14:14">
      <c r="N985752" s="10"/>
    </row>
    <row r="985753" spans="14:14">
      <c r="N985753" s="10"/>
    </row>
    <row r="985754" spans="14:14">
      <c r="N985754" s="10"/>
    </row>
    <row r="985755" spans="14:14">
      <c r="N985755" s="10"/>
    </row>
    <row r="985756" spans="14:14">
      <c r="N985756" s="10"/>
    </row>
    <row r="985757" spans="14:14">
      <c r="N985757" s="10"/>
    </row>
    <row r="985758" spans="14:14">
      <c r="N985758" s="10"/>
    </row>
    <row r="985759" spans="14:14">
      <c r="N985759" s="10"/>
    </row>
    <row r="985760" spans="14:14">
      <c r="N985760" s="10"/>
    </row>
    <row r="985761" spans="14:14">
      <c r="N985761" s="10"/>
    </row>
    <row r="985762" spans="14:14">
      <c r="N985762" s="10"/>
    </row>
    <row r="985763" spans="14:14">
      <c r="N985763" s="10"/>
    </row>
    <row r="985764" spans="14:14">
      <c r="N985764" s="10"/>
    </row>
    <row r="985765" spans="14:14">
      <c r="N985765" s="10"/>
    </row>
    <row r="985766" spans="14:14">
      <c r="N985766" s="10"/>
    </row>
    <row r="985767" spans="14:14">
      <c r="N985767" s="10"/>
    </row>
    <row r="985768" spans="14:14">
      <c r="N985768" s="10"/>
    </row>
    <row r="985769" spans="14:14">
      <c r="N985769" s="10"/>
    </row>
    <row r="985770" spans="14:14">
      <c r="N985770" s="10"/>
    </row>
    <row r="985771" spans="14:14">
      <c r="N985771" s="10"/>
    </row>
    <row r="985772" spans="14:14">
      <c r="N985772" s="10"/>
    </row>
    <row r="985773" spans="14:14">
      <c r="N985773" s="10"/>
    </row>
    <row r="985774" spans="14:14">
      <c r="N985774" s="10"/>
    </row>
    <row r="985775" spans="14:14">
      <c r="N985775" s="10"/>
    </row>
    <row r="985776" spans="14:14">
      <c r="N985776" s="10"/>
    </row>
    <row r="985777" spans="14:14">
      <c r="N985777" s="10"/>
    </row>
    <row r="985778" spans="14:14">
      <c r="N985778" s="10"/>
    </row>
    <row r="985779" spans="14:14">
      <c r="N985779" s="10"/>
    </row>
    <row r="985780" spans="14:14">
      <c r="N985780" s="10"/>
    </row>
    <row r="985781" spans="14:14">
      <c r="N985781" s="10"/>
    </row>
    <row r="985782" spans="14:14">
      <c r="N985782" s="10"/>
    </row>
    <row r="985783" spans="14:14">
      <c r="N985783" s="10"/>
    </row>
    <row r="985784" spans="14:14">
      <c r="N985784" s="10"/>
    </row>
    <row r="985785" spans="14:14">
      <c r="N985785" s="10"/>
    </row>
    <row r="985786" spans="14:14">
      <c r="N985786" s="10"/>
    </row>
    <row r="985787" spans="14:14">
      <c r="N985787" s="10"/>
    </row>
    <row r="985788" spans="14:14">
      <c r="N985788" s="10"/>
    </row>
    <row r="985789" spans="14:14">
      <c r="N985789" s="10"/>
    </row>
    <row r="985790" spans="14:14">
      <c r="N985790" s="10"/>
    </row>
    <row r="985791" spans="14:14">
      <c r="N985791" s="10"/>
    </row>
    <row r="985792" spans="14:14">
      <c r="N985792" s="10"/>
    </row>
    <row r="985793" spans="14:14">
      <c r="N985793" s="10"/>
    </row>
    <row r="985794" spans="14:14">
      <c r="N985794" s="10"/>
    </row>
    <row r="985795" spans="14:14">
      <c r="N985795" s="10"/>
    </row>
    <row r="985796" spans="14:14">
      <c r="N985796" s="10"/>
    </row>
    <row r="985797" spans="14:14">
      <c r="N985797" s="10"/>
    </row>
    <row r="985798" spans="14:14">
      <c r="N985798" s="10"/>
    </row>
    <row r="985799" spans="14:14">
      <c r="N985799" s="10"/>
    </row>
    <row r="985800" spans="14:14">
      <c r="N985800" s="10"/>
    </row>
    <row r="985801" spans="14:14">
      <c r="N985801" s="10"/>
    </row>
    <row r="985802" spans="14:14">
      <c r="N985802" s="10"/>
    </row>
    <row r="985803" spans="14:14">
      <c r="N985803" s="10"/>
    </row>
    <row r="985804" spans="14:14">
      <c r="N985804" s="10"/>
    </row>
    <row r="985805" spans="14:14">
      <c r="N985805" s="10"/>
    </row>
    <row r="985806" spans="14:14">
      <c r="N985806" s="10"/>
    </row>
    <row r="985807" spans="14:14">
      <c r="N985807" s="10"/>
    </row>
    <row r="985808" spans="14:14">
      <c r="N985808" s="10"/>
    </row>
    <row r="985809" spans="14:14">
      <c r="N985809" s="10"/>
    </row>
    <row r="985810" spans="14:14">
      <c r="N985810" s="10"/>
    </row>
    <row r="985811" spans="14:14">
      <c r="N985811" s="10"/>
    </row>
    <row r="985812" spans="14:14">
      <c r="N985812" s="10"/>
    </row>
    <row r="985813" spans="14:14">
      <c r="N985813" s="10"/>
    </row>
    <row r="985814" spans="14:14">
      <c r="N985814" s="10"/>
    </row>
    <row r="985815" spans="14:14">
      <c r="N985815" s="10"/>
    </row>
    <row r="985816" spans="14:14">
      <c r="N985816" s="10"/>
    </row>
    <row r="985817" spans="14:14">
      <c r="N985817" s="10"/>
    </row>
    <row r="985818" spans="14:14">
      <c r="N985818" s="10"/>
    </row>
    <row r="985819" spans="14:14">
      <c r="N985819" s="10"/>
    </row>
    <row r="985820" spans="14:14">
      <c r="N985820" s="10"/>
    </row>
    <row r="985821" spans="14:14">
      <c r="N985821" s="10"/>
    </row>
    <row r="985822" spans="14:14">
      <c r="N985822" s="10"/>
    </row>
    <row r="985823" spans="14:14">
      <c r="N985823" s="10"/>
    </row>
    <row r="985824" spans="14:14">
      <c r="N985824" s="10"/>
    </row>
    <row r="985825" spans="14:14">
      <c r="N985825" s="10"/>
    </row>
    <row r="985826" spans="14:14">
      <c r="N985826" s="10"/>
    </row>
    <row r="985827" spans="14:14">
      <c r="N985827" s="10"/>
    </row>
    <row r="985828" spans="14:14">
      <c r="N985828" s="10"/>
    </row>
    <row r="985829" spans="14:14">
      <c r="N985829" s="10"/>
    </row>
    <row r="985830" spans="14:14">
      <c r="N985830" s="10"/>
    </row>
    <row r="985831" spans="14:14">
      <c r="N985831" s="10"/>
    </row>
    <row r="985832" spans="14:14">
      <c r="N985832" s="10"/>
    </row>
    <row r="985833" spans="14:14">
      <c r="N985833" s="10"/>
    </row>
    <row r="985834" spans="14:14">
      <c r="N985834" s="10"/>
    </row>
    <row r="985835" spans="14:14">
      <c r="N985835" s="10"/>
    </row>
    <row r="985836" spans="14:14">
      <c r="N985836" s="10"/>
    </row>
    <row r="985837" spans="14:14">
      <c r="N985837" s="10"/>
    </row>
    <row r="985838" spans="14:14">
      <c r="N985838" s="10"/>
    </row>
    <row r="985839" spans="14:14">
      <c r="N985839" s="10"/>
    </row>
    <row r="985840" spans="14:14">
      <c r="N985840" s="10"/>
    </row>
    <row r="985841" spans="14:14">
      <c r="N985841" s="10"/>
    </row>
    <row r="985842" spans="14:14">
      <c r="N985842" s="10"/>
    </row>
    <row r="985843" spans="14:14">
      <c r="N985843" s="10"/>
    </row>
    <row r="985844" spans="14:14">
      <c r="N985844" s="10"/>
    </row>
    <row r="985845" spans="14:14">
      <c r="N985845" s="10"/>
    </row>
    <row r="985846" spans="14:14">
      <c r="N985846" s="10"/>
    </row>
    <row r="985847" spans="14:14">
      <c r="N985847" s="10"/>
    </row>
    <row r="985848" spans="14:14">
      <c r="N985848" s="10"/>
    </row>
    <row r="985849" spans="14:14">
      <c r="N985849" s="10"/>
    </row>
    <row r="985850" spans="14:14">
      <c r="N985850" s="10"/>
    </row>
    <row r="985851" spans="14:14">
      <c r="N985851" s="10"/>
    </row>
    <row r="985852" spans="14:14">
      <c r="N985852" s="10"/>
    </row>
    <row r="985853" spans="14:14">
      <c r="N985853" s="10"/>
    </row>
    <row r="985854" spans="14:14">
      <c r="N985854" s="10"/>
    </row>
    <row r="985855" spans="14:14">
      <c r="N985855" s="10"/>
    </row>
    <row r="985856" spans="14:14">
      <c r="N985856" s="10"/>
    </row>
    <row r="985857" spans="14:14">
      <c r="N985857" s="10"/>
    </row>
    <row r="985858" spans="14:14">
      <c r="N985858" s="10"/>
    </row>
    <row r="985859" spans="14:14">
      <c r="N985859" s="10"/>
    </row>
    <row r="985860" spans="14:14">
      <c r="N985860" s="10"/>
    </row>
    <row r="985861" spans="14:14">
      <c r="N985861" s="10"/>
    </row>
    <row r="985862" spans="14:14">
      <c r="N985862" s="10"/>
    </row>
    <row r="985863" spans="14:14">
      <c r="N985863" s="10"/>
    </row>
    <row r="985864" spans="14:14">
      <c r="N985864" s="10"/>
    </row>
    <row r="985865" spans="14:14">
      <c r="N985865" s="10"/>
    </row>
    <row r="985866" spans="14:14">
      <c r="N985866" s="10"/>
    </row>
    <row r="985867" spans="14:14">
      <c r="N985867" s="10"/>
    </row>
    <row r="985868" spans="14:14">
      <c r="N985868" s="10"/>
    </row>
    <row r="985869" spans="14:14">
      <c r="N985869" s="10"/>
    </row>
    <row r="985870" spans="14:14">
      <c r="N985870" s="10"/>
    </row>
    <row r="985871" spans="14:14">
      <c r="N985871" s="10"/>
    </row>
    <row r="985872" spans="14:14">
      <c r="N985872" s="10"/>
    </row>
    <row r="985873" spans="14:14">
      <c r="N985873" s="10"/>
    </row>
    <row r="985874" spans="14:14">
      <c r="N985874" s="10"/>
    </row>
    <row r="985875" spans="14:14">
      <c r="N985875" s="10"/>
    </row>
    <row r="985876" spans="14:14">
      <c r="N985876" s="10"/>
    </row>
    <row r="985877" spans="14:14">
      <c r="N985877" s="10"/>
    </row>
    <row r="985878" spans="14:14">
      <c r="N985878" s="10"/>
    </row>
    <row r="985879" spans="14:14">
      <c r="N985879" s="10"/>
    </row>
    <row r="985880" spans="14:14">
      <c r="N985880" s="10"/>
    </row>
    <row r="985881" spans="14:14">
      <c r="N985881" s="10"/>
    </row>
    <row r="985882" spans="14:14">
      <c r="N985882" s="10"/>
    </row>
    <row r="985883" spans="14:14">
      <c r="N985883" s="10"/>
    </row>
    <row r="985884" spans="14:14">
      <c r="N985884" s="10"/>
    </row>
    <row r="985885" spans="14:14">
      <c r="N985885" s="10"/>
    </row>
    <row r="985886" spans="14:14">
      <c r="N985886" s="10"/>
    </row>
    <row r="985887" spans="14:14">
      <c r="N985887" s="10"/>
    </row>
    <row r="985888" spans="14:14">
      <c r="N985888" s="10"/>
    </row>
    <row r="985889" spans="14:14">
      <c r="N985889" s="10"/>
    </row>
    <row r="985890" spans="14:14">
      <c r="N985890" s="10"/>
    </row>
    <row r="985891" spans="14:14">
      <c r="N985891" s="10"/>
    </row>
    <row r="985892" spans="14:14">
      <c r="N985892" s="10"/>
    </row>
    <row r="985893" spans="14:14">
      <c r="N985893" s="10"/>
    </row>
    <row r="985894" spans="14:14">
      <c r="N985894" s="10"/>
    </row>
    <row r="985895" spans="14:14">
      <c r="N985895" s="10"/>
    </row>
    <row r="985896" spans="14:14">
      <c r="N985896" s="10"/>
    </row>
    <row r="985897" spans="14:14">
      <c r="N985897" s="10"/>
    </row>
    <row r="985898" spans="14:14">
      <c r="N985898" s="10"/>
    </row>
    <row r="985899" spans="14:14">
      <c r="N985899" s="10"/>
    </row>
    <row r="985900" spans="14:14">
      <c r="N985900" s="10"/>
    </row>
    <row r="985901" spans="14:14">
      <c r="N985901" s="10"/>
    </row>
    <row r="985902" spans="14:14">
      <c r="N985902" s="10"/>
    </row>
    <row r="985903" spans="14:14">
      <c r="N985903" s="10"/>
    </row>
    <row r="985904" spans="14:14">
      <c r="N985904" s="10"/>
    </row>
    <row r="985905" spans="14:14">
      <c r="N985905" s="10"/>
    </row>
    <row r="985906" spans="14:14">
      <c r="N985906" s="10"/>
    </row>
    <row r="985907" spans="14:14">
      <c r="N985907" s="10"/>
    </row>
    <row r="985908" spans="14:14">
      <c r="N985908" s="10"/>
    </row>
    <row r="985909" spans="14:14">
      <c r="N985909" s="10"/>
    </row>
    <row r="985910" spans="14:14">
      <c r="N985910" s="10"/>
    </row>
    <row r="985911" spans="14:14">
      <c r="N985911" s="10"/>
    </row>
    <row r="985912" spans="14:14">
      <c r="N985912" s="10"/>
    </row>
    <row r="985913" spans="14:14">
      <c r="N985913" s="10"/>
    </row>
    <row r="985914" spans="14:14">
      <c r="N985914" s="10"/>
    </row>
    <row r="985915" spans="14:14">
      <c r="N985915" s="10"/>
    </row>
    <row r="985916" spans="14:14">
      <c r="N985916" s="10"/>
    </row>
    <row r="985917" spans="14:14">
      <c r="N985917" s="10"/>
    </row>
    <row r="985918" spans="14:14">
      <c r="N985918" s="10"/>
    </row>
    <row r="985919" spans="14:14">
      <c r="N985919" s="10"/>
    </row>
    <row r="985920" spans="14:14">
      <c r="N985920" s="10"/>
    </row>
    <row r="985921" spans="14:14">
      <c r="N985921" s="10"/>
    </row>
    <row r="985922" spans="14:14">
      <c r="N985922" s="10"/>
    </row>
    <row r="985923" spans="14:14">
      <c r="N985923" s="10"/>
    </row>
    <row r="985924" spans="14:14">
      <c r="N985924" s="10"/>
    </row>
    <row r="985925" spans="14:14">
      <c r="N985925" s="10"/>
    </row>
    <row r="985926" spans="14:14">
      <c r="N985926" s="10"/>
    </row>
    <row r="985927" spans="14:14">
      <c r="N985927" s="10"/>
    </row>
    <row r="985928" spans="14:14">
      <c r="N985928" s="10"/>
    </row>
    <row r="985929" spans="14:14">
      <c r="N985929" s="10"/>
    </row>
    <row r="985930" spans="14:14">
      <c r="N985930" s="10"/>
    </row>
    <row r="985931" spans="14:14">
      <c r="N985931" s="10"/>
    </row>
    <row r="985932" spans="14:14">
      <c r="N985932" s="10"/>
    </row>
    <row r="985933" spans="14:14">
      <c r="N985933" s="10"/>
    </row>
    <row r="985934" spans="14:14">
      <c r="N985934" s="10"/>
    </row>
    <row r="985935" spans="14:14">
      <c r="N985935" s="10"/>
    </row>
    <row r="985936" spans="14:14">
      <c r="N985936" s="10"/>
    </row>
    <row r="985937" spans="14:14">
      <c r="N985937" s="10"/>
    </row>
    <row r="985938" spans="14:14">
      <c r="N985938" s="10"/>
    </row>
    <row r="985939" spans="14:14">
      <c r="N985939" s="10"/>
    </row>
    <row r="985940" spans="14:14">
      <c r="N985940" s="10"/>
    </row>
    <row r="985941" spans="14:14">
      <c r="N985941" s="10"/>
    </row>
    <row r="985942" spans="14:14">
      <c r="N985942" s="10"/>
    </row>
    <row r="985943" spans="14:14">
      <c r="N985943" s="10"/>
    </row>
    <row r="985944" spans="14:14">
      <c r="N985944" s="10"/>
    </row>
    <row r="985945" spans="14:14">
      <c r="N985945" s="10"/>
    </row>
    <row r="985946" spans="14:14">
      <c r="N985946" s="10"/>
    </row>
    <row r="985947" spans="14:14">
      <c r="N985947" s="10"/>
    </row>
    <row r="985948" spans="14:14">
      <c r="N985948" s="10"/>
    </row>
    <row r="985949" spans="14:14">
      <c r="N985949" s="10"/>
    </row>
    <row r="985950" spans="14:14">
      <c r="N985950" s="10"/>
    </row>
    <row r="985951" spans="14:14">
      <c r="N985951" s="10"/>
    </row>
    <row r="985952" spans="14:14">
      <c r="N985952" s="10"/>
    </row>
    <row r="985953" spans="14:14">
      <c r="N985953" s="10"/>
    </row>
    <row r="985954" spans="14:14">
      <c r="N985954" s="10"/>
    </row>
    <row r="985955" spans="14:14">
      <c r="N985955" s="10"/>
    </row>
    <row r="985956" spans="14:14">
      <c r="N985956" s="10"/>
    </row>
    <row r="985957" spans="14:14">
      <c r="N985957" s="10"/>
    </row>
    <row r="985958" spans="14:14">
      <c r="N985958" s="10"/>
    </row>
    <row r="985959" spans="14:14">
      <c r="N985959" s="10"/>
    </row>
    <row r="985960" spans="14:14">
      <c r="N985960" s="10"/>
    </row>
    <row r="985961" spans="14:14">
      <c r="N985961" s="10"/>
    </row>
    <row r="985962" spans="14:14">
      <c r="N985962" s="10"/>
    </row>
    <row r="985963" spans="14:14">
      <c r="N985963" s="10"/>
    </row>
    <row r="985964" spans="14:14">
      <c r="N985964" s="10"/>
    </row>
    <row r="985965" spans="14:14">
      <c r="N985965" s="10"/>
    </row>
    <row r="985966" spans="14:14">
      <c r="N985966" s="10"/>
    </row>
    <row r="985967" spans="14:14">
      <c r="N985967" s="10"/>
    </row>
    <row r="985968" spans="14:14">
      <c r="N985968" s="10"/>
    </row>
    <row r="985969" spans="14:14">
      <c r="N985969" s="10"/>
    </row>
    <row r="985970" spans="14:14">
      <c r="N985970" s="10"/>
    </row>
    <row r="985971" spans="14:14">
      <c r="N985971" s="10"/>
    </row>
    <row r="985972" spans="14:14">
      <c r="N985972" s="10"/>
    </row>
    <row r="985973" spans="14:14">
      <c r="N985973" s="10"/>
    </row>
    <row r="985974" spans="14:14">
      <c r="N985974" s="10"/>
    </row>
    <row r="985975" spans="14:14">
      <c r="N985975" s="10"/>
    </row>
    <row r="985976" spans="14:14">
      <c r="N985976" s="10"/>
    </row>
    <row r="985977" spans="14:14">
      <c r="N985977" s="10"/>
    </row>
    <row r="985978" spans="14:14">
      <c r="N985978" s="10"/>
    </row>
    <row r="985979" spans="14:14">
      <c r="N985979" s="10"/>
    </row>
    <row r="985980" spans="14:14">
      <c r="N985980" s="10"/>
    </row>
    <row r="985981" spans="14:14">
      <c r="N985981" s="10"/>
    </row>
    <row r="985982" spans="14:14">
      <c r="N985982" s="10"/>
    </row>
    <row r="985983" spans="14:14">
      <c r="N985983" s="10"/>
    </row>
    <row r="985984" spans="14:14">
      <c r="N985984" s="10"/>
    </row>
    <row r="985985" spans="14:14">
      <c r="N985985" s="10"/>
    </row>
    <row r="985986" spans="14:14">
      <c r="N985986" s="10"/>
    </row>
    <row r="985987" spans="14:14">
      <c r="N985987" s="10"/>
    </row>
    <row r="985988" spans="14:14">
      <c r="N985988" s="10"/>
    </row>
    <row r="985989" spans="14:14">
      <c r="N985989" s="10"/>
    </row>
    <row r="985990" spans="14:14">
      <c r="N985990" s="10"/>
    </row>
    <row r="985991" spans="14:14">
      <c r="N985991" s="10"/>
    </row>
    <row r="985992" spans="14:14">
      <c r="N985992" s="10"/>
    </row>
    <row r="985993" spans="14:14">
      <c r="N985993" s="10"/>
    </row>
    <row r="985994" spans="14:14">
      <c r="N985994" s="10"/>
    </row>
    <row r="985995" spans="14:14">
      <c r="N985995" s="10"/>
    </row>
    <row r="985996" spans="14:14">
      <c r="N985996" s="10"/>
    </row>
    <row r="985997" spans="14:14">
      <c r="N985997" s="10"/>
    </row>
    <row r="985998" spans="14:14">
      <c r="N985998" s="10"/>
    </row>
    <row r="985999" spans="14:14">
      <c r="N985999" s="10"/>
    </row>
    <row r="986000" spans="14:14">
      <c r="N986000" s="10"/>
    </row>
    <row r="986001" spans="14:14">
      <c r="N986001" s="10"/>
    </row>
    <row r="986002" spans="14:14">
      <c r="N986002" s="10"/>
    </row>
    <row r="986003" spans="14:14">
      <c r="N986003" s="10"/>
    </row>
    <row r="986004" spans="14:14">
      <c r="N986004" s="10"/>
    </row>
    <row r="986005" spans="14:14">
      <c r="N986005" s="10"/>
    </row>
    <row r="986006" spans="14:14">
      <c r="N986006" s="10"/>
    </row>
    <row r="986007" spans="14:14">
      <c r="N986007" s="10"/>
    </row>
    <row r="986008" spans="14:14">
      <c r="N986008" s="10"/>
    </row>
    <row r="986009" spans="14:14">
      <c r="N986009" s="10"/>
    </row>
    <row r="986010" spans="14:14">
      <c r="N986010" s="10"/>
    </row>
    <row r="986011" spans="14:14">
      <c r="N986011" s="10"/>
    </row>
    <row r="986012" spans="14:14">
      <c r="N986012" s="10"/>
    </row>
    <row r="986013" spans="14:14">
      <c r="N986013" s="10"/>
    </row>
    <row r="986014" spans="14:14">
      <c r="N986014" s="10"/>
    </row>
    <row r="986015" spans="14:14">
      <c r="N986015" s="10"/>
    </row>
    <row r="986016" spans="14:14">
      <c r="N986016" s="10"/>
    </row>
    <row r="986017" spans="14:14">
      <c r="N986017" s="10"/>
    </row>
    <row r="986018" spans="14:14">
      <c r="N986018" s="10"/>
    </row>
    <row r="986019" spans="14:14">
      <c r="N986019" s="10"/>
    </row>
    <row r="986020" spans="14:14">
      <c r="N986020" s="10"/>
    </row>
    <row r="986021" spans="14:14">
      <c r="N986021" s="10"/>
    </row>
    <row r="986022" spans="14:14">
      <c r="N986022" s="10"/>
    </row>
    <row r="986023" spans="14:14">
      <c r="N986023" s="10"/>
    </row>
    <row r="986024" spans="14:14">
      <c r="N986024" s="10"/>
    </row>
    <row r="986025" spans="14:14">
      <c r="N986025" s="10"/>
    </row>
    <row r="986026" spans="14:14">
      <c r="N986026" s="10"/>
    </row>
    <row r="986027" spans="14:14">
      <c r="N986027" s="10"/>
    </row>
    <row r="986028" spans="14:14">
      <c r="N986028" s="10"/>
    </row>
    <row r="986029" spans="14:14">
      <c r="N986029" s="10"/>
    </row>
    <row r="986030" spans="14:14">
      <c r="N986030" s="10"/>
    </row>
    <row r="986031" spans="14:14">
      <c r="N986031" s="10"/>
    </row>
    <row r="986032" spans="14:14">
      <c r="N986032" s="10"/>
    </row>
    <row r="986033" spans="14:14">
      <c r="N986033" s="10"/>
    </row>
    <row r="986034" spans="14:14">
      <c r="N986034" s="10"/>
    </row>
    <row r="986035" spans="14:14">
      <c r="N986035" s="10"/>
    </row>
    <row r="986036" spans="14:14">
      <c r="N986036" s="10"/>
    </row>
    <row r="986037" spans="14:14">
      <c r="N986037" s="10"/>
    </row>
    <row r="986038" spans="14:14">
      <c r="N986038" s="10"/>
    </row>
    <row r="986039" spans="14:14">
      <c r="N986039" s="10"/>
    </row>
    <row r="986040" spans="14:14">
      <c r="N986040" s="10"/>
    </row>
    <row r="986041" spans="14:14">
      <c r="N986041" s="10"/>
    </row>
    <row r="986042" spans="14:14">
      <c r="N986042" s="10"/>
    </row>
    <row r="986043" spans="14:14">
      <c r="N986043" s="10"/>
    </row>
    <row r="986044" spans="14:14">
      <c r="N986044" s="10"/>
    </row>
    <row r="986045" spans="14:14">
      <c r="N986045" s="10"/>
    </row>
    <row r="986046" spans="14:14">
      <c r="N986046" s="10"/>
    </row>
    <row r="986047" spans="14:14">
      <c r="N986047" s="10"/>
    </row>
    <row r="986048" spans="14:14">
      <c r="N986048" s="10"/>
    </row>
    <row r="986049" spans="14:14">
      <c r="N986049" s="10"/>
    </row>
    <row r="986050" spans="14:14">
      <c r="N986050" s="10"/>
    </row>
    <row r="986051" spans="14:14">
      <c r="N986051" s="10"/>
    </row>
    <row r="986052" spans="14:14">
      <c r="N986052" s="10"/>
    </row>
    <row r="986053" spans="14:14">
      <c r="N986053" s="10"/>
    </row>
    <row r="986054" spans="14:14">
      <c r="N986054" s="10"/>
    </row>
    <row r="986055" spans="14:14">
      <c r="N986055" s="10"/>
    </row>
    <row r="986056" spans="14:14">
      <c r="N986056" s="10"/>
    </row>
    <row r="986057" spans="14:14">
      <c r="N986057" s="10"/>
    </row>
    <row r="986058" spans="14:14">
      <c r="N986058" s="10"/>
    </row>
    <row r="986059" spans="14:14">
      <c r="N986059" s="10"/>
    </row>
    <row r="986060" spans="14:14">
      <c r="N986060" s="10"/>
    </row>
    <row r="986061" spans="14:14">
      <c r="N986061" s="10"/>
    </row>
    <row r="986062" spans="14:14">
      <c r="N986062" s="10"/>
    </row>
    <row r="986063" spans="14:14">
      <c r="N986063" s="10"/>
    </row>
    <row r="986064" spans="14:14">
      <c r="N986064" s="10"/>
    </row>
    <row r="986065" spans="14:14">
      <c r="N986065" s="10"/>
    </row>
    <row r="986066" spans="14:14">
      <c r="N986066" s="10"/>
    </row>
    <row r="986067" spans="14:14">
      <c r="N986067" s="10"/>
    </row>
    <row r="986068" spans="14:14">
      <c r="N986068" s="10"/>
    </row>
    <row r="986069" spans="14:14">
      <c r="N986069" s="10"/>
    </row>
    <row r="986070" spans="14:14">
      <c r="N986070" s="10"/>
    </row>
    <row r="986071" spans="14:14">
      <c r="N986071" s="10"/>
    </row>
    <row r="986072" spans="14:14">
      <c r="N986072" s="10"/>
    </row>
    <row r="986073" spans="14:14">
      <c r="N986073" s="10"/>
    </row>
    <row r="986074" spans="14:14">
      <c r="N986074" s="10"/>
    </row>
    <row r="986075" spans="14:14">
      <c r="N986075" s="10"/>
    </row>
    <row r="986076" spans="14:14">
      <c r="N986076" s="10"/>
    </row>
    <row r="986077" spans="14:14">
      <c r="N986077" s="10"/>
    </row>
    <row r="986078" spans="14:14">
      <c r="N986078" s="10"/>
    </row>
    <row r="986079" spans="14:14">
      <c r="N986079" s="10"/>
    </row>
    <row r="986080" spans="14:14">
      <c r="N986080" s="10"/>
    </row>
    <row r="986081" spans="14:14">
      <c r="N986081" s="10"/>
    </row>
    <row r="986082" spans="14:14">
      <c r="N986082" s="10"/>
    </row>
    <row r="986083" spans="14:14">
      <c r="N986083" s="10"/>
    </row>
    <row r="986084" spans="14:14">
      <c r="N986084" s="10"/>
    </row>
    <row r="986085" spans="14:14">
      <c r="N986085" s="10"/>
    </row>
    <row r="986086" spans="14:14">
      <c r="N986086" s="10"/>
    </row>
    <row r="986087" spans="14:14">
      <c r="N986087" s="10"/>
    </row>
    <row r="986088" spans="14:14">
      <c r="N986088" s="10"/>
    </row>
    <row r="986089" spans="14:14">
      <c r="N986089" s="10"/>
    </row>
    <row r="986090" spans="14:14">
      <c r="N986090" s="10"/>
    </row>
    <row r="986091" spans="14:14">
      <c r="N986091" s="10"/>
    </row>
    <row r="986092" spans="14:14">
      <c r="N986092" s="10"/>
    </row>
    <row r="986093" spans="14:14">
      <c r="N986093" s="10"/>
    </row>
    <row r="986094" spans="14:14">
      <c r="N986094" s="10"/>
    </row>
    <row r="986095" spans="14:14">
      <c r="N986095" s="10"/>
    </row>
    <row r="986096" spans="14:14">
      <c r="N986096" s="10"/>
    </row>
    <row r="986097" spans="14:14">
      <c r="N986097" s="10"/>
    </row>
    <row r="986098" spans="14:14">
      <c r="N986098" s="10"/>
    </row>
    <row r="986099" spans="14:14">
      <c r="N986099" s="10"/>
    </row>
    <row r="986100" spans="14:14">
      <c r="N986100" s="10"/>
    </row>
    <row r="986101" spans="14:14">
      <c r="N986101" s="10"/>
    </row>
    <row r="986102" spans="14:14">
      <c r="N986102" s="10"/>
    </row>
    <row r="986103" spans="14:14">
      <c r="N986103" s="10"/>
    </row>
    <row r="986104" spans="14:14">
      <c r="N986104" s="10"/>
    </row>
    <row r="986105" spans="14:14">
      <c r="N986105" s="10"/>
    </row>
    <row r="986106" spans="14:14">
      <c r="N986106" s="10"/>
    </row>
    <row r="986107" spans="14:14">
      <c r="N986107" s="10"/>
    </row>
    <row r="986108" spans="14:14">
      <c r="N986108" s="10"/>
    </row>
    <row r="986109" spans="14:14">
      <c r="N986109" s="10"/>
    </row>
    <row r="986110" spans="14:14">
      <c r="N986110" s="10"/>
    </row>
    <row r="986111" spans="14:14">
      <c r="N986111" s="10"/>
    </row>
    <row r="986112" spans="14:14">
      <c r="N986112" s="10"/>
    </row>
    <row r="986113" spans="14:14">
      <c r="N986113" s="10"/>
    </row>
    <row r="986114" spans="14:14">
      <c r="N986114" s="10"/>
    </row>
    <row r="986115" spans="14:14">
      <c r="N986115" s="10"/>
    </row>
    <row r="986116" spans="14:14">
      <c r="N986116" s="10"/>
    </row>
    <row r="986117" spans="14:14">
      <c r="N986117" s="10"/>
    </row>
    <row r="986118" spans="14:14">
      <c r="N986118" s="10"/>
    </row>
    <row r="986119" spans="14:14">
      <c r="N986119" s="10"/>
    </row>
    <row r="986120" spans="14:14">
      <c r="N986120" s="10"/>
    </row>
    <row r="986121" spans="14:14">
      <c r="N986121" s="10"/>
    </row>
    <row r="986122" spans="14:14">
      <c r="N986122" s="10"/>
    </row>
    <row r="986123" spans="14:14">
      <c r="N986123" s="10"/>
    </row>
    <row r="986124" spans="14:14">
      <c r="N986124" s="10"/>
    </row>
    <row r="986125" spans="14:14">
      <c r="N986125" s="10"/>
    </row>
    <row r="986126" spans="14:14">
      <c r="N986126" s="10"/>
    </row>
    <row r="986127" spans="14:14">
      <c r="N986127" s="10"/>
    </row>
    <row r="986128" spans="14:14">
      <c r="N986128" s="10"/>
    </row>
    <row r="986129" spans="14:14">
      <c r="N986129" s="10"/>
    </row>
    <row r="986130" spans="14:14">
      <c r="N986130" s="10"/>
    </row>
    <row r="986131" spans="14:14">
      <c r="N986131" s="10"/>
    </row>
    <row r="986132" spans="14:14">
      <c r="N986132" s="10"/>
    </row>
    <row r="986133" spans="14:14">
      <c r="N986133" s="10"/>
    </row>
    <row r="986134" spans="14:14">
      <c r="N986134" s="10"/>
    </row>
    <row r="986135" spans="14:14">
      <c r="N986135" s="10"/>
    </row>
    <row r="986136" spans="14:14">
      <c r="N986136" s="10"/>
    </row>
    <row r="986137" spans="14:14">
      <c r="N986137" s="10"/>
    </row>
    <row r="986138" spans="14:14">
      <c r="N986138" s="10"/>
    </row>
    <row r="986139" spans="14:14">
      <c r="N986139" s="10"/>
    </row>
    <row r="986140" spans="14:14">
      <c r="N986140" s="10"/>
    </row>
    <row r="986141" spans="14:14">
      <c r="N986141" s="10"/>
    </row>
    <row r="986142" spans="14:14">
      <c r="N986142" s="10"/>
    </row>
    <row r="986143" spans="14:14">
      <c r="N986143" s="10"/>
    </row>
    <row r="986144" spans="14:14">
      <c r="N986144" s="10"/>
    </row>
    <row r="986145" spans="14:14">
      <c r="N986145" s="10"/>
    </row>
    <row r="986146" spans="14:14">
      <c r="N986146" s="10"/>
    </row>
    <row r="986147" spans="14:14">
      <c r="N986147" s="10"/>
    </row>
    <row r="986148" spans="14:14">
      <c r="N986148" s="10"/>
    </row>
    <row r="986149" spans="14:14">
      <c r="N986149" s="10"/>
    </row>
    <row r="986150" spans="14:14">
      <c r="N986150" s="10"/>
    </row>
    <row r="986151" spans="14:14">
      <c r="N986151" s="10"/>
    </row>
    <row r="986152" spans="14:14">
      <c r="N986152" s="10"/>
    </row>
    <row r="986153" spans="14:14">
      <c r="N986153" s="10"/>
    </row>
    <row r="986154" spans="14:14">
      <c r="N986154" s="10"/>
    </row>
    <row r="986155" spans="14:14">
      <c r="N986155" s="10"/>
    </row>
    <row r="986156" spans="14:14">
      <c r="N986156" s="10"/>
    </row>
    <row r="986157" spans="14:14">
      <c r="N986157" s="10"/>
    </row>
    <row r="986158" spans="14:14">
      <c r="N986158" s="10"/>
    </row>
    <row r="986159" spans="14:14">
      <c r="N986159" s="10"/>
    </row>
    <row r="986160" spans="14:14">
      <c r="N986160" s="10"/>
    </row>
    <row r="986161" spans="14:14">
      <c r="N986161" s="10"/>
    </row>
    <row r="986162" spans="14:14">
      <c r="N986162" s="10"/>
    </row>
    <row r="986163" spans="14:14">
      <c r="N986163" s="10"/>
    </row>
    <row r="986164" spans="14:14">
      <c r="N986164" s="10"/>
    </row>
    <row r="986165" spans="14:14">
      <c r="N986165" s="10"/>
    </row>
    <row r="986166" spans="14:14">
      <c r="N986166" s="10"/>
    </row>
    <row r="986167" spans="14:14">
      <c r="N986167" s="10"/>
    </row>
    <row r="986168" spans="14:14">
      <c r="N986168" s="10"/>
    </row>
    <row r="986169" spans="14:14">
      <c r="N986169" s="10"/>
    </row>
    <row r="986170" spans="14:14">
      <c r="N986170" s="10"/>
    </row>
    <row r="986171" spans="14:14">
      <c r="N986171" s="10"/>
    </row>
    <row r="986172" spans="14:14">
      <c r="N986172" s="10"/>
    </row>
    <row r="986173" spans="14:14">
      <c r="N986173" s="10"/>
    </row>
    <row r="986174" spans="14:14">
      <c r="N986174" s="10"/>
    </row>
    <row r="986175" spans="14:14">
      <c r="N986175" s="10"/>
    </row>
    <row r="986176" spans="14:14">
      <c r="N986176" s="10"/>
    </row>
    <row r="986177" spans="14:14">
      <c r="N986177" s="10"/>
    </row>
    <row r="986178" spans="14:14">
      <c r="N986178" s="10"/>
    </row>
    <row r="986179" spans="14:14">
      <c r="N986179" s="10"/>
    </row>
    <row r="986180" spans="14:14">
      <c r="N986180" s="10"/>
    </row>
    <row r="986181" spans="14:14">
      <c r="N986181" s="10"/>
    </row>
    <row r="986182" spans="14:14">
      <c r="N986182" s="10"/>
    </row>
    <row r="986183" spans="14:14">
      <c r="N986183" s="10"/>
    </row>
    <row r="986184" spans="14:14">
      <c r="N986184" s="10"/>
    </row>
    <row r="986185" spans="14:14">
      <c r="N986185" s="10"/>
    </row>
    <row r="986186" spans="14:14">
      <c r="N986186" s="10"/>
    </row>
    <row r="986187" spans="14:14">
      <c r="N986187" s="10"/>
    </row>
    <row r="986188" spans="14:14">
      <c r="N986188" s="10"/>
    </row>
    <row r="986189" spans="14:14">
      <c r="N986189" s="10"/>
    </row>
    <row r="986190" spans="14:14">
      <c r="N986190" s="10"/>
    </row>
    <row r="986191" spans="14:14">
      <c r="N986191" s="10"/>
    </row>
    <row r="986192" spans="14:14">
      <c r="N986192" s="10"/>
    </row>
    <row r="986193" spans="14:14">
      <c r="N986193" s="10"/>
    </row>
    <row r="986194" spans="14:14">
      <c r="N986194" s="10"/>
    </row>
    <row r="986195" spans="14:14">
      <c r="N986195" s="10"/>
    </row>
    <row r="986196" spans="14:14">
      <c r="N986196" s="10"/>
    </row>
    <row r="986197" spans="14:14">
      <c r="N986197" s="10"/>
    </row>
    <row r="986198" spans="14:14">
      <c r="N986198" s="10"/>
    </row>
    <row r="986199" spans="14:14">
      <c r="N986199" s="10"/>
    </row>
    <row r="986200" spans="14:14">
      <c r="N986200" s="10"/>
    </row>
    <row r="986201" spans="14:14">
      <c r="N986201" s="10"/>
    </row>
    <row r="986202" spans="14:14">
      <c r="N986202" s="10"/>
    </row>
    <row r="986203" spans="14:14">
      <c r="N986203" s="10"/>
    </row>
    <row r="986204" spans="14:14">
      <c r="N986204" s="10"/>
    </row>
    <row r="986205" spans="14:14">
      <c r="N986205" s="10"/>
    </row>
    <row r="986206" spans="14:14">
      <c r="N986206" s="10"/>
    </row>
    <row r="986207" spans="14:14">
      <c r="N986207" s="10"/>
    </row>
    <row r="986208" spans="14:14">
      <c r="N986208" s="10"/>
    </row>
    <row r="986209" spans="14:14">
      <c r="N986209" s="10"/>
    </row>
    <row r="986210" spans="14:14">
      <c r="N986210" s="10"/>
    </row>
    <row r="986211" spans="14:14">
      <c r="N986211" s="10"/>
    </row>
    <row r="986212" spans="14:14">
      <c r="N986212" s="10"/>
    </row>
    <row r="986213" spans="14:14">
      <c r="N986213" s="10"/>
    </row>
    <row r="986214" spans="14:14">
      <c r="N986214" s="10"/>
    </row>
    <row r="986215" spans="14:14">
      <c r="N986215" s="10"/>
    </row>
    <row r="986216" spans="14:14">
      <c r="N986216" s="10"/>
    </row>
    <row r="986217" spans="14:14">
      <c r="N986217" s="10"/>
    </row>
    <row r="986218" spans="14:14">
      <c r="N986218" s="10"/>
    </row>
    <row r="986219" spans="14:14">
      <c r="N986219" s="10"/>
    </row>
    <row r="986220" spans="14:14">
      <c r="N986220" s="10"/>
    </row>
    <row r="986221" spans="14:14">
      <c r="N986221" s="10"/>
    </row>
    <row r="986222" spans="14:14">
      <c r="N986222" s="10"/>
    </row>
    <row r="986223" spans="14:14">
      <c r="N986223" s="10"/>
    </row>
    <row r="986224" spans="14:14">
      <c r="N986224" s="10"/>
    </row>
    <row r="986225" spans="14:14">
      <c r="N986225" s="10"/>
    </row>
    <row r="986226" spans="14:14">
      <c r="N986226" s="10"/>
    </row>
    <row r="986227" spans="14:14">
      <c r="N986227" s="10"/>
    </row>
    <row r="986228" spans="14:14">
      <c r="N986228" s="10"/>
    </row>
    <row r="986229" spans="14:14">
      <c r="N986229" s="10"/>
    </row>
    <row r="986230" spans="14:14">
      <c r="N986230" s="10"/>
    </row>
    <row r="986231" spans="14:14">
      <c r="N986231" s="10"/>
    </row>
    <row r="986232" spans="14:14">
      <c r="N986232" s="10"/>
    </row>
    <row r="986233" spans="14:14">
      <c r="N986233" s="10"/>
    </row>
    <row r="986234" spans="14:14">
      <c r="N986234" s="10"/>
    </row>
    <row r="986235" spans="14:14">
      <c r="N986235" s="10"/>
    </row>
    <row r="986236" spans="14:14">
      <c r="N986236" s="10"/>
    </row>
    <row r="986237" spans="14:14">
      <c r="N986237" s="10"/>
    </row>
    <row r="986238" spans="14:14">
      <c r="N986238" s="10"/>
    </row>
    <row r="986239" spans="14:14">
      <c r="N986239" s="10"/>
    </row>
    <row r="986240" spans="14:14">
      <c r="N986240" s="10"/>
    </row>
    <row r="986241" spans="14:14">
      <c r="N986241" s="10"/>
    </row>
    <row r="986242" spans="14:14">
      <c r="N986242" s="10"/>
    </row>
    <row r="986243" spans="14:14">
      <c r="N986243" s="10"/>
    </row>
    <row r="986244" spans="14:14">
      <c r="N986244" s="10"/>
    </row>
    <row r="986245" spans="14:14">
      <c r="N986245" s="10"/>
    </row>
    <row r="986246" spans="14:14">
      <c r="N986246" s="10"/>
    </row>
    <row r="986247" spans="14:14">
      <c r="N986247" s="10"/>
    </row>
    <row r="986248" spans="14:14">
      <c r="N986248" s="10"/>
    </row>
    <row r="986249" spans="14:14">
      <c r="N986249" s="10"/>
    </row>
    <row r="986250" spans="14:14">
      <c r="N986250" s="10"/>
    </row>
    <row r="986251" spans="14:14">
      <c r="N986251" s="10"/>
    </row>
    <row r="986252" spans="14:14">
      <c r="N986252" s="10"/>
    </row>
    <row r="986253" spans="14:14">
      <c r="N986253" s="10"/>
    </row>
    <row r="986254" spans="14:14">
      <c r="N986254" s="10"/>
    </row>
    <row r="986255" spans="14:14">
      <c r="N986255" s="10"/>
    </row>
    <row r="986256" spans="14:14">
      <c r="N986256" s="10"/>
    </row>
    <row r="986257" spans="14:14">
      <c r="N986257" s="10"/>
    </row>
    <row r="986258" spans="14:14">
      <c r="N986258" s="10"/>
    </row>
    <row r="986259" spans="14:14">
      <c r="N986259" s="10"/>
    </row>
    <row r="986260" spans="14:14">
      <c r="N986260" s="10"/>
    </row>
    <row r="986261" spans="14:14">
      <c r="N986261" s="10"/>
    </row>
    <row r="986262" spans="14:14">
      <c r="N986262" s="10"/>
    </row>
    <row r="986263" spans="14:14">
      <c r="N986263" s="10"/>
    </row>
    <row r="986264" spans="14:14">
      <c r="N986264" s="10"/>
    </row>
    <row r="986265" spans="14:14">
      <c r="N986265" s="10"/>
    </row>
    <row r="986266" spans="14:14">
      <c r="N986266" s="10"/>
    </row>
    <row r="986267" spans="14:14">
      <c r="N986267" s="10"/>
    </row>
    <row r="986268" spans="14:14">
      <c r="N986268" s="10"/>
    </row>
    <row r="986269" spans="14:14">
      <c r="N986269" s="10"/>
    </row>
    <row r="986270" spans="14:14">
      <c r="N986270" s="10"/>
    </row>
    <row r="986271" spans="14:14">
      <c r="N986271" s="10"/>
    </row>
    <row r="986272" spans="14:14">
      <c r="N986272" s="10"/>
    </row>
    <row r="986273" spans="14:14">
      <c r="N986273" s="10"/>
    </row>
    <row r="986274" spans="14:14">
      <c r="N986274" s="10"/>
    </row>
    <row r="986275" spans="14:14">
      <c r="N986275" s="10"/>
    </row>
    <row r="986276" spans="14:14">
      <c r="N986276" s="10"/>
    </row>
    <row r="986277" spans="14:14">
      <c r="N986277" s="10"/>
    </row>
    <row r="986278" spans="14:14">
      <c r="N986278" s="10"/>
    </row>
    <row r="986279" spans="14:14">
      <c r="N986279" s="10"/>
    </row>
    <row r="986280" spans="14:14">
      <c r="N986280" s="10"/>
    </row>
    <row r="986281" spans="14:14">
      <c r="N986281" s="10"/>
    </row>
    <row r="986282" spans="14:14">
      <c r="N986282" s="10"/>
    </row>
    <row r="986283" spans="14:14">
      <c r="N986283" s="10"/>
    </row>
    <row r="986284" spans="14:14">
      <c r="N986284" s="10"/>
    </row>
    <row r="986285" spans="14:14">
      <c r="N986285" s="10"/>
    </row>
    <row r="986286" spans="14:14">
      <c r="N986286" s="10"/>
    </row>
    <row r="986287" spans="14:14">
      <c r="N986287" s="10"/>
    </row>
    <row r="986288" spans="14:14">
      <c r="N986288" s="10"/>
    </row>
    <row r="986289" spans="14:14">
      <c r="N986289" s="10"/>
    </row>
    <row r="986290" spans="14:14">
      <c r="N986290" s="10"/>
    </row>
    <row r="986291" spans="14:14">
      <c r="N986291" s="10"/>
    </row>
    <row r="986292" spans="14:14">
      <c r="N986292" s="10"/>
    </row>
    <row r="986293" spans="14:14">
      <c r="N986293" s="10"/>
    </row>
    <row r="986294" spans="14:14">
      <c r="N986294" s="10"/>
    </row>
    <row r="986295" spans="14:14">
      <c r="N986295" s="10"/>
    </row>
    <row r="986296" spans="14:14">
      <c r="N986296" s="10"/>
    </row>
    <row r="986297" spans="14:14">
      <c r="N986297" s="10"/>
    </row>
    <row r="986298" spans="14:14">
      <c r="N986298" s="10"/>
    </row>
    <row r="986299" spans="14:14">
      <c r="N986299" s="10"/>
    </row>
    <row r="986300" spans="14:14">
      <c r="N986300" s="10"/>
    </row>
    <row r="986301" spans="14:14">
      <c r="N986301" s="10"/>
    </row>
    <row r="986302" spans="14:14">
      <c r="N986302" s="10"/>
    </row>
    <row r="986303" spans="14:14">
      <c r="N986303" s="10"/>
    </row>
    <row r="986304" spans="14:14">
      <c r="N986304" s="10"/>
    </row>
    <row r="986305" spans="14:14">
      <c r="N986305" s="10"/>
    </row>
    <row r="986306" spans="14:14">
      <c r="N986306" s="10"/>
    </row>
    <row r="986307" spans="14:14">
      <c r="N986307" s="10"/>
    </row>
    <row r="986308" spans="14:14">
      <c r="N986308" s="10"/>
    </row>
    <row r="986309" spans="14:14">
      <c r="N986309" s="10"/>
    </row>
    <row r="986310" spans="14:14">
      <c r="N986310" s="10"/>
    </row>
    <row r="986311" spans="14:14">
      <c r="N986311" s="10"/>
    </row>
    <row r="986312" spans="14:14">
      <c r="N986312" s="10"/>
    </row>
    <row r="986313" spans="14:14">
      <c r="N986313" s="10"/>
    </row>
    <row r="986314" spans="14:14">
      <c r="N986314" s="10"/>
    </row>
    <row r="986315" spans="14:14">
      <c r="N986315" s="10"/>
    </row>
    <row r="986316" spans="14:14">
      <c r="N986316" s="10"/>
    </row>
    <row r="986317" spans="14:14">
      <c r="N986317" s="10"/>
    </row>
    <row r="986318" spans="14:14">
      <c r="N986318" s="10"/>
    </row>
    <row r="986319" spans="14:14">
      <c r="N986319" s="10"/>
    </row>
    <row r="986320" spans="14:14">
      <c r="N986320" s="10"/>
    </row>
    <row r="986321" spans="14:14">
      <c r="N986321" s="10"/>
    </row>
    <row r="986322" spans="14:14">
      <c r="N986322" s="10"/>
    </row>
    <row r="986323" spans="14:14">
      <c r="N986323" s="10"/>
    </row>
    <row r="986324" spans="14:14">
      <c r="N986324" s="10"/>
    </row>
    <row r="986325" spans="14:14">
      <c r="N986325" s="10"/>
    </row>
    <row r="986326" spans="14:14">
      <c r="N986326" s="10"/>
    </row>
    <row r="986327" spans="14:14">
      <c r="N986327" s="10"/>
    </row>
    <row r="986328" spans="14:14">
      <c r="N986328" s="10"/>
    </row>
    <row r="986329" spans="14:14">
      <c r="N986329" s="10"/>
    </row>
    <row r="986330" spans="14:14">
      <c r="N986330" s="10"/>
    </row>
    <row r="986331" spans="14:14">
      <c r="N986331" s="10"/>
    </row>
    <row r="986332" spans="14:14">
      <c r="N986332" s="10"/>
    </row>
    <row r="986333" spans="14:14">
      <c r="N986333" s="10"/>
    </row>
    <row r="986334" spans="14:14">
      <c r="N986334" s="10"/>
    </row>
    <row r="986335" spans="14:14">
      <c r="N986335" s="10"/>
    </row>
    <row r="986336" spans="14:14">
      <c r="N986336" s="10"/>
    </row>
    <row r="986337" spans="14:14">
      <c r="N986337" s="10"/>
    </row>
    <row r="986338" spans="14:14">
      <c r="N986338" s="10"/>
    </row>
    <row r="986339" spans="14:14">
      <c r="N986339" s="10"/>
    </row>
    <row r="986340" spans="14:14">
      <c r="N986340" s="10"/>
    </row>
    <row r="986341" spans="14:14">
      <c r="N986341" s="10"/>
    </row>
    <row r="986342" spans="14:14">
      <c r="N986342" s="10"/>
    </row>
    <row r="986343" spans="14:14">
      <c r="N986343" s="10"/>
    </row>
    <row r="986344" spans="14:14">
      <c r="N986344" s="10"/>
    </row>
    <row r="986345" spans="14:14">
      <c r="N986345" s="10"/>
    </row>
    <row r="986346" spans="14:14">
      <c r="N986346" s="10"/>
    </row>
    <row r="986347" spans="14:14">
      <c r="N986347" s="10"/>
    </row>
    <row r="986348" spans="14:14">
      <c r="N986348" s="10"/>
    </row>
    <row r="986349" spans="14:14">
      <c r="N986349" s="10"/>
    </row>
    <row r="986350" spans="14:14">
      <c r="N986350" s="10"/>
    </row>
    <row r="986351" spans="14:14">
      <c r="N986351" s="10"/>
    </row>
    <row r="986352" spans="14:14">
      <c r="N986352" s="10"/>
    </row>
    <row r="986353" spans="14:14">
      <c r="N986353" s="10"/>
    </row>
    <row r="986354" spans="14:14">
      <c r="N986354" s="10"/>
    </row>
    <row r="986355" spans="14:14">
      <c r="N986355" s="10"/>
    </row>
    <row r="986356" spans="14:14">
      <c r="N986356" s="10"/>
    </row>
    <row r="986357" spans="14:14">
      <c r="N986357" s="10"/>
    </row>
    <row r="986358" spans="14:14">
      <c r="N986358" s="10"/>
    </row>
    <row r="986359" spans="14:14">
      <c r="N986359" s="10"/>
    </row>
    <row r="986360" spans="14:14">
      <c r="N986360" s="10"/>
    </row>
    <row r="986361" spans="14:14">
      <c r="N986361" s="10"/>
    </row>
    <row r="986362" spans="14:14">
      <c r="N986362" s="10"/>
    </row>
    <row r="986363" spans="14:14">
      <c r="N986363" s="10"/>
    </row>
    <row r="986364" spans="14:14">
      <c r="N986364" s="10"/>
    </row>
    <row r="986365" spans="14:14">
      <c r="N986365" s="10"/>
    </row>
    <row r="986366" spans="14:14">
      <c r="N986366" s="10"/>
    </row>
    <row r="986367" spans="14:14">
      <c r="N986367" s="10"/>
    </row>
    <row r="986368" spans="14:14">
      <c r="N986368" s="10"/>
    </row>
    <row r="986369" spans="14:14">
      <c r="N986369" s="10"/>
    </row>
    <row r="986370" spans="14:14">
      <c r="N986370" s="10"/>
    </row>
    <row r="986371" spans="14:14">
      <c r="N986371" s="10"/>
    </row>
    <row r="986372" spans="14:14">
      <c r="N986372" s="10"/>
    </row>
    <row r="986373" spans="14:14">
      <c r="N986373" s="10"/>
    </row>
    <row r="986374" spans="14:14">
      <c r="N986374" s="10"/>
    </row>
    <row r="986375" spans="14:14">
      <c r="N986375" s="10"/>
    </row>
    <row r="986376" spans="14:14">
      <c r="N986376" s="10"/>
    </row>
    <row r="986377" spans="14:14">
      <c r="N986377" s="10"/>
    </row>
    <row r="986378" spans="14:14">
      <c r="N986378" s="10"/>
    </row>
    <row r="986379" spans="14:14">
      <c r="N986379" s="10"/>
    </row>
    <row r="986380" spans="14:14">
      <c r="N986380" s="10"/>
    </row>
    <row r="986381" spans="14:14">
      <c r="N986381" s="10"/>
    </row>
    <row r="986382" spans="14:14">
      <c r="N986382" s="10"/>
    </row>
    <row r="986383" spans="14:14">
      <c r="N986383" s="10"/>
    </row>
    <row r="986384" spans="14:14">
      <c r="N986384" s="10"/>
    </row>
    <row r="986385" spans="14:14">
      <c r="N986385" s="10"/>
    </row>
    <row r="986386" spans="14:14">
      <c r="N986386" s="10"/>
    </row>
    <row r="986387" spans="14:14">
      <c r="N986387" s="10"/>
    </row>
    <row r="986388" spans="14:14">
      <c r="N986388" s="10"/>
    </row>
    <row r="986389" spans="14:14">
      <c r="N986389" s="10"/>
    </row>
    <row r="986390" spans="14:14">
      <c r="N986390" s="10"/>
    </row>
    <row r="986391" spans="14:14">
      <c r="N986391" s="10"/>
    </row>
    <row r="986392" spans="14:14">
      <c r="N986392" s="10"/>
    </row>
    <row r="986393" spans="14:14">
      <c r="N986393" s="10"/>
    </row>
    <row r="986394" spans="14:14">
      <c r="N986394" s="10"/>
    </row>
    <row r="986395" spans="14:14">
      <c r="N986395" s="10"/>
    </row>
    <row r="986396" spans="14:14">
      <c r="N986396" s="10"/>
    </row>
    <row r="986397" spans="14:14">
      <c r="N986397" s="10"/>
    </row>
    <row r="986398" spans="14:14">
      <c r="N986398" s="10"/>
    </row>
    <row r="986399" spans="14:14">
      <c r="N986399" s="10"/>
    </row>
    <row r="986400" spans="14:14">
      <c r="N986400" s="10"/>
    </row>
    <row r="986401" spans="14:14">
      <c r="N986401" s="10"/>
    </row>
    <row r="986402" spans="14:14">
      <c r="N986402" s="10"/>
    </row>
    <row r="986403" spans="14:14">
      <c r="N986403" s="10"/>
    </row>
    <row r="986404" spans="14:14">
      <c r="N986404" s="10"/>
    </row>
    <row r="986405" spans="14:14">
      <c r="N986405" s="10"/>
    </row>
    <row r="986406" spans="14:14">
      <c r="N986406" s="10"/>
    </row>
    <row r="986407" spans="14:14">
      <c r="N986407" s="10"/>
    </row>
    <row r="986408" spans="14:14">
      <c r="N986408" s="10"/>
    </row>
    <row r="986409" spans="14:14">
      <c r="N986409" s="10"/>
    </row>
    <row r="986410" spans="14:14">
      <c r="N986410" s="10"/>
    </row>
    <row r="986411" spans="14:14">
      <c r="N986411" s="10"/>
    </row>
    <row r="986412" spans="14:14">
      <c r="N986412" s="10"/>
    </row>
    <row r="986413" spans="14:14">
      <c r="N986413" s="10"/>
    </row>
    <row r="986414" spans="14:14">
      <c r="N986414" s="10"/>
    </row>
    <row r="986415" spans="14:14">
      <c r="N986415" s="10"/>
    </row>
    <row r="986416" spans="14:14">
      <c r="N986416" s="10"/>
    </row>
    <row r="986417" spans="14:14">
      <c r="N986417" s="10"/>
    </row>
    <row r="986418" spans="14:14">
      <c r="N986418" s="10"/>
    </row>
    <row r="986419" spans="14:14">
      <c r="N986419" s="10"/>
    </row>
    <row r="986420" spans="14:14">
      <c r="N986420" s="10"/>
    </row>
    <row r="986421" spans="14:14">
      <c r="N986421" s="10"/>
    </row>
    <row r="986422" spans="14:14">
      <c r="N986422" s="10"/>
    </row>
    <row r="986423" spans="14:14">
      <c r="N986423" s="10"/>
    </row>
    <row r="986424" spans="14:14">
      <c r="N986424" s="10"/>
    </row>
    <row r="986425" spans="14:14">
      <c r="N986425" s="10"/>
    </row>
    <row r="986426" spans="14:14">
      <c r="N986426" s="10"/>
    </row>
    <row r="986427" spans="14:14">
      <c r="N986427" s="10"/>
    </row>
    <row r="986428" spans="14:14">
      <c r="N986428" s="10"/>
    </row>
    <row r="986429" spans="14:14">
      <c r="N986429" s="10"/>
    </row>
    <row r="986430" spans="14:14">
      <c r="N986430" s="10"/>
    </row>
    <row r="986431" spans="14:14">
      <c r="N986431" s="10"/>
    </row>
    <row r="986432" spans="14:14">
      <c r="N986432" s="10"/>
    </row>
    <row r="986433" spans="14:14">
      <c r="N986433" s="10"/>
    </row>
    <row r="986434" spans="14:14">
      <c r="N986434" s="10"/>
    </row>
    <row r="986435" spans="14:14">
      <c r="N986435" s="10"/>
    </row>
    <row r="986436" spans="14:14">
      <c r="N986436" s="10"/>
    </row>
    <row r="986437" spans="14:14">
      <c r="N986437" s="10"/>
    </row>
    <row r="986438" spans="14:14">
      <c r="N986438" s="10"/>
    </row>
    <row r="986439" spans="14:14">
      <c r="N986439" s="10"/>
    </row>
    <row r="986440" spans="14:14">
      <c r="N986440" s="10"/>
    </row>
    <row r="986441" spans="14:14">
      <c r="N986441" s="10"/>
    </row>
    <row r="986442" spans="14:14">
      <c r="N986442" s="10"/>
    </row>
    <row r="986443" spans="14:14">
      <c r="N986443" s="10"/>
    </row>
    <row r="986444" spans="14:14">
      <c r="N986444" s="10"/>
    </row>
    <row r="986445" spans="14:14">
      <c r="N986445" s="10"/>
    </row>
    <row r="986446" spans="14:14">
      <c r="N986446" s="10"/>
    </row>
    <row r="986447" spans="14:14">
      <c r="N986447" s="10"/>
    </row>
    <row r="986448" spans="14:14">
      <c r="N986448" s="10"/>
    </row>
    <row r="986449" spans="14:14">
      <c r="N986449" s="10"/>
    </row>
    <row r="986450" spans="14:14">
      <c r="N986450" s="10"/>
    </row>
    <row r="986451" spans="14:14">
      <c r="N986451" s="10"/>
    </row>
    <row r="986452" spans="14:14">
      <c r="N986452" s="10"/>
    </row>
    <row r="986453" spans="14:14">
      <c r="N986453" s="10"/>
    </row>
    <row r="986454" spans="14:14">
      <c r="N986454" s="10"/>
    </row>
    <row r="986455" spans="14:14">
      <c r="N986455" s="10"/>
    </row>
    <row r="986456" spans="14:14">
      <c r="N986456" s="10"/>
    </row>
    <row r="986457" spans="14:14">
      <c r="N986457" s="10"/>
    </row>
    <row r="986458" spans="14:14">
      <c r="N986458" s="10"/>
    </row>
    <row r="986459" spans="14:14">
      <c r="N986459" s="10"/>
    </row>
    <row r="986460" spans="14:14">
      <c r="N986460" s="10"/>
    </row>
    <row r="986461" spans="14:14">
      <c r="N986461" s="10"/>
    </row>
    <row r="986462" spans="14:14">
      <c r="N986462" s="10"/>
    </row>
    <row r="986463" spans="14:14">
      <c r="N986463" s="10"/>
    </row>
    <row r="986464" spans="14:14">
      <c r="N986464" s="10"/>
    </row>
    <row r="986465" spans="14:14">
      <c r="N986465" s="10"/>
    </row>
    <row r="986466" spans="14:14">
      <c r="N986466" s="10"/>
    </row>
    <row r="986467" spans="14:14">
      <c r="N986467" s="10"/>
    </row>
    <row r="986468" spans="14:14">
      <c r="N986468" s="10"/>
    </row>
    <row r="986469" spans="14:14">
      <c r="N986469" s="10"/>
    </row>
    <row r="986470" spans="14:14">
      <c r="N986470" s="10"/>
    </row>
    <row r="986471" spans="14:14">
      <c r="N986471" s="10"/>
    </row>
    <row r="986472" spans="14:14">
      <c r="N986472" s="10"/>
    </row>
    <row r="986473" spans="14:14">
      <c r="N986473" s="10"/>
    </row>
    <row r="986474" spans="14:14">
      <c r="N986474" s="10"/>
    </row>
    <row r="986475" spans="14:14">
      <c r="N986475" s="10"/>
    </row>
    <row r="986476" spans="14:14">
      <c r="N986476" s="10"/>
    </row>
    <row r="986477" spans="14:14">
      <c r="N986477" s="10"/>
    </row>
    <row r="986478" spans="14:14">
      <c r="N986478" s="10"/>
    </row>
    <row r="986479" spans="14:14">
      <c r="N986479" s="10"/>
    </row>
    <row r="986480" spans="14:14">
      <c r="N986480" s="10"/>
    </row>
    <row r="986481" spans="14:14">
      <c r="N986481" s="10"/>
    </row>
    <row r="986482" spans="14:14">
      <c r="N986482" s="10"/>
    </row>
    <row r="986483" spans="14:14">
      <c r="N986483" s="10"/>
    </row>
    <row r="986484" spans="14:14">
      <c r="N986484" s="10"/>
    </row>
    <row r="986485" spans="14:14">
      <c r="N986485" s="10"/>
    </row>
    <row r="986486" spans="14:14">
      <c r="N986486" s="10"/>
    </row>
    <row r="986487" spans="14:14">
      <c r="N986487" s="10"/>
    </row>
    <row r="986488" spans="14:14">
      <c r="N986488" s="10"/>
    </row>
    <row r="986489" spans="14:14">
      <c r="N986489" s="10"/>
    </row>
    <row r="986490" spans="14:14">
      <c r="N986490" s="10"/>
    </row>
    <row r="986491" spans="14:14">
      <c r="N986491" s="10"/>
    </row>
    <row r="986492" spans="14:14">
      <c r="N986492" s="10"/>
    </row>
    <row r="986493" spans="14:14">
      <c r="N986493" s="10"/>
    </row>
    <row r="986494" spans="14:14">
      <c r="N986494" s="10"/>
    </row>
    <row r="986495" spans="14:14">
      <c r="N986495" s="10"/>
    </row>
    <row r="986496" spans="14:14">
      <c r="N986496" s="10"/>
    </row>
    <row r="986497" spans="14:14">
      <c r="N986497" s="10"/>
    </row>
    <row r="986498" spans="14:14">
      <c r="N986498" s="10"/>
    </row>
    <row r="986499" spans="14:14">
      <c r="N986499" s="10"/>
    </row>
    <row r="986500" spans="14:14">
      <c r="N986500" s="10"/>
    </row>
    <row r="986501" spans="14:14">
      <c r="N986501" s="10"/>
    </row>
    <row r="986502" spans="14:14">
      <c r="N986502" s="10"/>
    </row>
    <row r="986503" spans="14:14">
      <c r="N986503" s="10"/>
    </row>
    <row r="986504" spans="14:14">
      <c r="N986504" s="10"/>
    </row>
    <row r="986505" spans="14:14">
      <c r="N986505" s="10"/>
    </row>
    <row r="986506" spans="14:14">
      <c r="N986506" s="10"/>
    </row>
    <row r="986507" spans="14:14">
      <c r="N986507" s="10"/>
    </row>
    <row r="986508" spans="14:14">
      <c r="N986508" s="10"/>
    </row>
    <row r="986509" spans="14:14">
      <c r="N986509" s="10"/>
    </row>
    <row r="986510" spans="14:14">
      <c r="N986510" s="10"/>
    </row>
    <row r="986511" spans="14:14">
      <c r="N986511" s="10"/>
    </row>
    <row r="986512" spans="14:14">
      <c r="N986512" s="10"/>
    </row>
    <row r="986513" spans="14:14">
      <c r="N986513" s="10"/>
    </row>
    <row r="986514" spans="14:14">
      <c r="N986514" s="10"/>
    </row>
    <row r="986515" spans="14:14">
      <c r="N986515" s="10"/>
    </row>
    <row r="986516" spans="14:14">
      <c r="N986516" s="10"/>
    </row>
    <row r="986517" spans="14:14">
      <c r="N986517" s="10"/>
    </row>
    <row r="986518" spans="14:14">
      <c r="N986518" s="10"/>
    </row>
    <row r="986519" spans="14:14">
      <c r="N986519" s="10"/>
    </row>
    <row r="986520" spans="14:14">
      <c r="N986520" s="10"/>
    </row>
    <row r="986521" spans="14:14">
      <c r="N986521" s="10"/>
    </row>
    <row r="986522" spans="14:14">
      <c r="N986522" s="10"/>
    </row>
    <row r="986523" spans="14:14">
      <c r="N986523" s="10"/>
    </row>
    <row r="986524" spans="14:14">
      <c r="N986524" s="10"/>
    </row>
    <row r="986525" spans="14:14">
      <c r="N986525" s="10"/>
    </row>
    <row r="986526" spans="14:14">
      <c r="N986526" s="10"/>
    </row>
    <row r="986527" spans="14:14">
      <c r="N986527" s="10"/>
    </row>
    <row r="986528" spans="14:14">
      <c r="N986528" s="10"/>
    </row>
    <row r="986529" spans="14:14">
      <c r="N986529" s="10"/>
    </row>
    <row r="986530" spans="14:14">
      <c r="N986530" s="10"/>
    </row>
    <row r="986531" spans="14:14">
      <c r="N986531" s="10"/>
    </row>
    <row r="986532" spans="14:14">
      <c r="N986532" s="10"/>
    </row>
    <row r="986533" spans="14:14">
      <c r="N986533" s="10"/>
    </row>
    <row r="986534" spans="14:14">
      <c r="N986534" s="10"/>
    </row>
    <row r="986535" spans="14:14">
      <c r="N986535" s="10"/>
    </row>
    <row r="986536" spans="14:14">
      <c r="N986536" s="10"/>
    </row>
    <row r="986537" spans="14:14">
      <c r="N986537" s="10"/>
    </row>
    <row r="986538" spans="14:14">
      <c r="N986538" s="10"/>
    </row>
    <row r="986539" spans="14:14">
      <c r="N986539" s="10"/>
    </row>
    <row r="986540" spans="14:14">
      <c r="N986540" s="10"/>
    </row>
    <row r="986541" spans="14:14">
      <c r="N986541" s="10"/>
    </row>
    <row r="986542" spans="14:14">
      <c r="N986542" s="10"/>
    </row>
    <row r="986543" spans="14:14">
      <c r="N986543" s="10"/>
    </row>
    <row r="986544" spans="14:14">
      <c r="N986544" s="10"/>
    </row>
    <row r="986545" spans="14:14">
      <c r="N986545" s="10"/>
    </row>
    <row r="986546" spans="14:14">
      <c r="N986546" s="10"/>
    </row>
    <row r="986547" spans="14:14">
      <c r="N986547" s="10"/>
    </row>
    <row r="986548" spans="14:14">
      <c r="N986548" s="10"/>
    </row>
    <row r="986549" spans="14:14">
      <c r="N986549" s="10"/>
    </row>
    <row r="986550" spans="14:14">
      <c r="N986550" s="10"/>
    </row>
    <row r="986551" spans="14:14">
      <c r="N986551" s="10"/>
    </row>
    <row r="986552" spans="14:14">
      <c r="N986552" s="10"/>
    </row>
    <row r="986553" spans="14:14">
      <c r="N986553" s="10"/>
    </row>
    <row r="986554" spans="14:14">
      <c r="N986554" s="10"/>
    </row>
    <row r="986555" spans="14:14">
      <c r="N986555" s="10"/>
    </row>
    <row r="986556" spans="14:14">
      <c r="N986556" s="10"/>
    </row>
    <row r="986557" spans="14:14">
      <c r="N986557" s="10"/>
    </row>
    <row r="986558" spans="14:14">
      <c r="N986558" s="10"/>
    </row>
    <row r="986559" spans="14:14">
      <c r="N986559" s="10"/>
    </row>
    <row r="986560" spans="14:14">
      <c r="N986560" s="10"/>
    </row>
    <row r="986561" spans="14:14">
      <c r="N986561" s="10"/>
    </row>
    <row r="986562" spans="14:14">
      <c r="N986562" s="10"/>
    </row>
    <row r="986563" spans="14:14">
      <c r="N986563" s="10"/>
    </row>
    <row r="986564" spans="14:14">
      <c r="N986564" s="10"/>
    </row>
    <row r="986565" spans="14:14">
      <c r="N986565" s="10"/>
    </row>
    <row r="986566" spans="14:14">
      <c r="N986566" s="10"/>
    </row>
    <row r="986567" spans="14:14">
      <c r="N986567" s="10"/>
    </row>
    <row r="986568" spans="14:14">
      <c r="N986568" s="10"/>
    </row>
    <row r="986569" spans="14:14">
      <c r="N986569" s="10"/>
    </row>
    <row r="986570" spans="14:14">
      <c r="N986570" s="10"/>
    </row>
    <row r="986571" spans="14:14">
      <c r="N986571" s="10"/>
    </row>
    <row r="986572" spans="14:14">
      <c r="N986572" s="10"/>
    </row>
    <row r="986573" spans="14:14">
      <c r="N986573" s="10"/>
    </row>
    <row r="986574" spans="14:14">
      <c r="N986574" s="10"/>
    </row>
    <row r="986575" spans="14:14">
      <c r="N986575" s="10"/>
    </row>
    <row r="986576" spans="14:14">
      <c r="N986576" s="10"/>
    </row>
    <row r="986577" spans="14:14">
      <c r="N986577" s="10"/>
    </row>
    <row r="986578" spans="14:14">
      <c r="N986578" s="10"/>
    </row>
    <row r="986579" spans="14:14">
      <c r="N986579" s="10"/>
    </row>
    <row r="986580" spans="14:14">
      <c r="N986580" s="10"/>
    </row>
    <row r="986581" spans="14:14">
      <c r="N986581" s="10"/>
    </row>
    <row r="986582" spans="14:14">
      <c r="N986582" s="10"/>
    </row>
    <row r="986583" spans="14:14">
      <c r="N986583" s="10"/>
    </row>
    <row r="986584" spans="14:14">
      <c r="N986584" s="10"/>
    </row>
    <row r="986585" spans="14:14">
      <c r="N986585" s="10"/>
    </row>
    <row r="986586" spans="14:14">
      <c r="N986586" s="10"/>
    </row>
    <row r="986587" spans="14:14">
      <c r="N986587" s="10"/>
    </row>
    <row r="986588" spans="14:14">
      <c r="N986588" s="10"/>
    </row>
    <row r="986589" spans="14:14">
      <c r="N986589" s="10"/>
    </row>
    <row r="986590" spans="14:14">
      <c r="N986590" s="10"/>
    </row>
    <row r="986591" spans="14:14">
      <c r="N986591" s="10"/>
    </row>
    <row r="986592" spans="14:14">
      <c r="N986592" s="10"/>
    </row>
    <row r="986593" spans="14:14">
      <c r="N986593" s="10"/>
    </row>
    <row r="986594" spans="14:14">
      <c r="N986594" s="10"/>
    </row>
    <row r="986595" spans="14:14">
      <c r="N986595" s="10"/>
    </row>
    <row r="986596" spans="14:14">
      <c r="N986596" s="10"/>
    </row>
    <row r="986597" spans="14:14">
      <c r="N986597" s="10"/>
    </row>
    <row r="986598" spans="14:14">
      <c r="N986598" s="10"/>
    </row>
    <row r="986599" spans="14:14">
      <c r="N986599" s="10"/>
    </row>
    <row r="986600" spans="14:14">
      <c r="N986600" s="10"/>
    </row>
    <row r="986601" spans="14:14">
      <c r="N986601" s="10"/>
    </row>
    <row r="986602" spans="14:14">
      <c r="N986602" s="10"/>
    </row>
    <row r="986603" spans="14:14">
      <c r="N986603" s="10"/>
    </row>
    <row r="986604" spans="14:14">
      <c r="N986604" s="10"/>
    </row>
    <row r="986605" spans="14:14">
      <c r="N986605" s="10"/>
    </row>
    <row r="986606" spans="14:14">
      <c r="N986606" s="10"/>
    </row>
    <row r="986607" spans="14:14">
      <c r="N986607" s="10"/>
    </row>
    <row r="986608" spans="14:14">
      <c r="N986608" s="10"/>
    </row>
    <row r="986609" spans="14:14">
      <c r="N986609" s="10"/>
    </row>
    <row r="986610" spans="14:14">
      <c r="N986610" s="10"/>
    </row>
    <row r="986611" spans="14:14">
      <c r="N986611" s="10"/>
    </row>
    <row r="986612" spans="14:14">
      <c r="N986612" s="10"/>
    </row>
    <row r="986613" spans="14:14">
      <c r="N986613" s="10"/>
    </row>
    <row r="986614" spans="14:14">
      <c r="N986614" s="10"/>
    </row>
    <row r="986615" spans="14:14">
      <c r="N986615" s="10"/>
    </row>
    <row r="986616" spans="14:14">
      <c r="N986616" s="10"/>
    </row>
    <row r="986617" spans="14:14">
      <c r="N986617" s="10"/>
    </row>
    <row r="986618" spans="14:14">
      <c r="N986618" s="10"/>
    </row>
    <row r="986619" spans="14:14">
      <c r="N986619" s="10"/>
    </row>
    <row r="986620" spans="14:14">
      <c r="N986620" s="10"/>
    </row>
    <row r="986621" spans="14:14">
      <c r="N986621" s="10"/>
    </row>
    <row r="986622" spans="14:14">
      <c r="N986622" s="10"/>
    </row>
    <row r="986623" spans="14:14">
      <c r="N986623" s="10"/>
    </row>
    <row r="986624" spans="14:14">
      <c r="N986624" s="10"/>
    </row>
    <row r="986625" spans="14:14">
      <c r="N986625" s="10"/>
    </row>
    <row r="986626" spans="14:14">
      <c r="N986626" s="10"/>
    </row>
    <row r="986627" spans="14:14">
      <c r="N986627" s="10"/>
    </row>
    <row r="986628" spans="14:14">
      <c r="N986628" s="10"/>
    </row>
    <row r="986629" spans="14:14">
      <c r="N986629" s="10"/>
    </row>
    <row r="986630" spans="14:14">
      <c r="N986630" s="10"/>
    </row>
    <row r="986631" spans="14:14">
      <c r="N986631" s="10"/>
    </row>
    <row r="986632" spans="14:14">
      <c r="N986632" s="10"/>
    </row>
    <row r="986633" spans="14:14">
      <c r="N986633" s="10"/>
    </row>
    <row r="986634" spans="14:14">
      <c r="N986634" s="10"/>
    </row>
    <row r="986635" spans="14:14">
      <c r="N986635" s="10"/>
    </row>
    <row r="986636" spans="14:14">
      <c r="N986636" s="10"/>
    </row>
    <row r="986637" spans="14:14">
      <c r="N986637" s="10"/>
    </row>
    <row r="986638" spans="14:14">
      <c r="N986638" s="10"/>
    </row>
    <row r="986639" spans="14:14">
      <c r="N986639" s="10"/>
    </row>
    <row r="986640" spans="14:14">
      <c r="N986640" s="10"/>
    </row>
    <row r="986641" spans="14:14">
      <c r="N986641" s="10"/>
    </row>
    <row r="986642" spans="14:14">
      <c r="N986642" s="10"/>
    </row>
    <row r="986643" spans="14:14">
      <c r="N986643" s="10"/>
    </row>
    <row r="986644" spans="14:14">
      <c r="N986644" s="10"/>
    </row>
    <row r="986645" spans="14:14">
      <c r="N986645" s="10"/>
    </row>
    <row r="986646" spans="14:14">
      <c r="N986646" s="10"/>
    </row>
    <row r="986647" spans="14:14">
      <c r="N986647" s="10"/>
    </row>
    <row r="986648" spans="14:14">
      <c r="N986648" s="10"/>
    </row>
    <row r="986649" spans="14:14">
      <c r="N986649" s="10"/>
    </row>
    <row r="986650" spans="14:14">
      <c r="N986650" s="10"/>
    </row>
    <row r="986651" spans="14:14">
      <c r="N986651" s="10"/>
    </row>
    <row r="986652" spans="14:14">
      <c r="N986652" s="10"/>
    </row>
    <row r="986653" spans="14:14">
      <c r="N986653" s="10"/>
    </row>
    <row r="986654" spans="14:14">
      <c r="N986654" s="10"/>
    </row>
    <row r="986655" spans="14:14">
      <c r="N986655" s="10"/>
    </row>
    <row r="986656" spans="14:14">
      <c r="N986656" s="10"/>
    </row>
    <row r="986657" spans="14:14">
      <c r="N986657" s="10"/>
    </row>
    <row r="986658" spans="14:14">
      <c r="N986658" s="10"/>
    </row>
    <row r="986659" spans="14:14">
      <c r="N986659" s="10"/>
    </row>
    <row r="986660" spans="14:14">
      <c r="N986660" s="10"/>
    </row>
    <row r="986661" spans="14:14">
      <c r="N986661" s="10"/>
    </row>
    <row r="986662" spans="14:14">
      <c r="N986662" s="10"/>
    </row>
    <row r="986663" spans="14:14">
      <c r="N986663" s="10"/>
    </row>
    <row r="986664" spans="14:14">
      <c r="N986664" s="10"/>
    </row>
    <row r="986665" spans="14:14">
      <c r="N986665" s="10"/>
    </row>
    <row r="986666" spans="14:14">
      <c r="N986666" s="10"/>
    </row>
    <row r="986667" spans="14:14">
      <c r="N986667" s="10"/>
    </row>
    <row r="986668" spans="14:14">
      <c r="N986668" s="10"/>
    </row>
    <row r="986669" spans="14:14">
      <c r="N986669" s="10"/>
    </row>
    <row r="986670" spans="14:14">
      <c r="N986670" s="10"/>
    </row>
    <row r="986671" spans="14:14">
      <c r="N986671" s="10"/>
    </row>
    <row r="986672" spans="14:14">
      <c r="N986672" s="10"/>
    </row>
    <row r="986673" spans="14:14">
      <c r="N986673" s="10"/>
    </row>
    <row r="986674" spans="14:14">
      <c r="N986674" s="10"/>
    </row>
    <row r="986675" spans="14:14">
      <c r="N986675" s="10"/>
    </row>
    <row r="986676" spans="14:14">
      <c r="N986676" s="10"/>
    </row>
    <row r="986677" spans="14:14">
      <c r="N986677" s="10"/>
    </row>
    <row r="986678" spans="14:14">
      <c r="N986678" s="10"/>
    </row>
    <row r="986679" spans="14:14">
      <c r="N986679" s="10"/>
    </row>
    <row r="986680" spans="14:14">
      <c r="N986680" s="10"/>
    </row>
    <row r="986681" spans="14:14">
      <c r="N986681" s="10"/>
    </row>
    <row r="986682" spans="14:14">
      <c r="N986682" s="10"/>
    </row>
    <row r="986683" spans="14:14">
      <c r="N986683" s="10"/>
    </row>
    <row r="986684" spans="14:14">
      <c r="N986684" s="10"/>
    </row>
    <row r="986685" spans="14:14">
      <c r="N986685" s="10"/>
    </row>
    <row r="986686" spans="14:14">
      <c r="N986686" s="10"/>
    </row>
    <row r="986687" spans="14:14">
      <c r="N986687" s="10"/>
    </row>
    <row r="986688" spans="14:14">
      <c r="N986688" s="10"/>
    </row>
    <row r="986689" spans="14:14">
      <c r="N986689" s="10"/>
    </row>
    <row r="986690" spans="14:14">
      <c r="N986690" s="10"/>
    </row>
    <row r="986691" spans="14:14">
      <c r="N986691" s="10"/>
    </row>
    <row r="986692" spans="14:14">
      <c r="N986692" s="10"/>
    </row>
    <row r="986693" spans="14:14">
      <c r="N986693" s="10"/>
    </row>
    <row r="986694" spans="14:14">
      <c r="N986694" s="10"/>
    </row>
    <row r="986695" spans="14:14">
      <c r="N986695" s="10"/>
    </row>
    <row r="986696" spans="14:14">
      <c r="N986696" s="10"/>
    </row>
    <row r="986697" spans="14:14">
      <c r="N986697" s="10"/>
    </row>
    <row r="986698" spans="14:14">
      <c r="N986698" s="10"/>
    </row>
    <row r="986699" spans="14:14">
      <c r="N986699" s="10"/>
    </row>
    <row r="986700" spans="14:14">
      <c r="N986700" s="10"/>
    </row>
    <row r="986701" spans="14:14">
      <c r="N986701" s="10"/>
    </row>
    <row r="986702" spans="14:14">
      <c r="N986702" s="10"/>
    </row>
    <row r="986703" spans="14:14">
      <c r="N986703" s="10"/>
    </row>
    <row r="986704" spans="14:14">
      <c r="N986704" s="10"/>
    </row>
    <row r="986705" spans="14:14">
      <c r="N986705" s="10"/>
    </row>
    <row r="986706" spans="14:14">
      <c r="N986706" s="10"/>
    </row>
    <row r="986707" spans="14:14">
      <c r="N986707" s="10"/>
    </row>
    <row r="986708" spans="14:14">
      <c r="N986708" s="10"/>
    </row>
    <row r="986709" spans="14:14">
      <c r="N986709" s="10"/>
    </row>
    <row r="986710" spans="14:14">
      <c r="N986710" s="10"/>
    </row>
    <row r="986711" spans="14:14">
      <c r="N986711" s="10"/>
    </row>
    <row r="986712" spans="14:14">
      <c r="N986712" s="10"/>
    </row>
    <row r="986713" spans="14:14">
      <c r="N986713" s="10"/>
    </row>
    <row r="986714" spans="14:14">
      <c r="N986714" s="10"/>
    </row>
    <row r="986715" spans="14:14">
      <c r="N986715" s="10"/>
    </row>
    <row r="986716" spans="14:14">
      <c r="N986716" s="10"/>
    </row>
    <row r="986717" spans="14:14">
      <c r="N986717" s="10"/>
    </row>
    <row r="986718" spans="14:14">
      <c r="N986718" s="10"/>
    </row>
    <row r="986719" spans="14:14">
      <c r="N986719" s="10"/>
    </row>
    <row r="986720" spans="14:14">
      <c r="N986720" s="10"/>
    </row>
    <row r="986721" spans="14:14">
      <c r="N986721" s="10"/>
    </row>
    <row r="986722" spans="14:14">
      <c r="N986722" s="10"/>
    </row>
    <row r="986723" spans="14:14">
      <c r="N986723" s="10"/>
    </row>
    <row r="986724" spans="14:14">
      <c r="N986724" s="10"/>
    </row>
    <row r="986725" spans="14:14">
      <c r="N986725" s="10"/>
    </row>
    <row r="986726" spans="14:14">
      <c r="N986726" s="10"/>
    </row>
    <row r="986727" spans="14:14">
      <c r="N986727" s="10"/>
    </row>
    <row r="986728" spans="14:14">
      <c r="N986728" s="10"/>
    </row>
    <row r="986729" spans="14:14">
      <c r="N986729" s="10"/>
    </row>
    <row r="986730" spans="14:14">
      <c r="N986730" s="10"/>
    </row>
    <row r="986731" spans="14:14">
      <c r="N986731" s="10"/>
    </row>
    <row r="986732" spans="14:14">
      <c r="N986732" s="10"/>
    </row>
    <row r="986733" spans="14:14">
      <c r="N986733" s="10"/>
    </row>
    <row r="986734" spans="14:14">
      <c r="N986734" s="10"/>
    </row>
    <row r="986735" spans="14:14">
      <c r="N986735" s="10"/>
    </row>
    <row r="986736" spans="14:14">
      <c r="N986736" s="10"/>
    </row>
    <row r="986737" spans="14:14">
      <c r="N986737" s="10"/>
    </row>
    <row r="986738" spans="14:14">
      <c r="N986738" s="10"/>
    </row>
    <row r="986739" spans="14:14">
      <c r="N986739" s="10"/>
    </row>
    <row r="986740" spans="14:14">
      <c r="N986740" s="10"/>
    </row>
    <row r="986741" spans="14:14">
      <c r="N986741" s="10"/>
    </row>
    <row r="986742" spans="14:14">
      <c r="N986742" s="10"/>
    </row>
    <row r="986743" spans="14:14">
      <c r="N986743" s="10"/>
    </row>
    <row r="986744" spans="14:14">
      <c r="N986744" s="10"/>
    </row>
    <row r="986745" spans="14:14">
      <c r="N986745" s="10"/>
    </row>
    <row r="986746" spans="14:14">
      <c r="N986746" s="10"/>
    </row>
    <row r="986747" spans="14:14">
      <c r="N986747" s="10"/>
    </row>
    <row r="986748" spans="14:14">
      <c r="N986748" s="10"/>
    </row>
    <row r="986749" spans="14:14">
      <c r="N986749" s="10"/>
    </row>
    <row r="986750" spans="14:14">
      <c r="N986750" s="10"/>
    </row>
    <row r="986751" spans="14:14">
      <c r="N986751" s="10"/>
    </row>
    <row r="986752" spans="14:14">
      <c r="N986752" s="10"/>
    </row>
    <row r="986753" spans="14:14">
      <c r="N986753" s="10"/>
    </row>
    <row r="986754" spans="14:14">
      <c r="N986754" s="10"/>
    </row>
    <row r="986755" spans="14:14">
      <c r="N986755" s="10"/>
    </row>
    <row r="986756" spans="14:14">
      <c r="N986756" s="10"/>
    </row>
    <row r="986757" spans="14:14">
      <c r="N986757" s="10"/>
    </row>
    <row r="986758" spans="14:14">
      <c r="N986758" s="10"/>
    </row>
    <row r="986759" spans="14:14">
      <c r="N986759" s="10"/>
    </row>
    <row r="986760" spans="14:14">
      <c r="N986760" s="10"/>
    </row>
    <row r="986761" spans="14:14">
      <c r="N986761" s="10"/>
    </row>
    <row r="986762" spans="14:14">
      <c r="N986762" s="10"/>
    </row>
    <row r="986763" spans="14:14">
      <c r="N986763" s="10"/>
    </row>
    <row r="986764" spans="14:14">
      <c r="N986764" s="10"/>
    </row>
    <row r="986765" spans="14:14">
      <c r="N986765" s="10"/>
    </row>
    <row r="986766" spans="14:14">
      <c r="N986766" s="10"/>
    </row>
    <row r="986767" spans="14:14">
      <c r="N986767" s="10"/>
    </row>
    <row r="986768" spans="14:14">
      <c r="N986768" s="10"/>
    </row>
    <row r="986769" spans="14:14">
      <c r="N986769" s="10"/>
    </row>
    <row r="986770" spans="14:14">
      <c r="N986770" s="10"/>
    </row>
    <row r="986771" spans="14:14">
      <c r="N986771" s="10"/>
    </row>
    <row r="986772" spans="14:14">
      <c r="N986772" s="10"/>
    </row>
    <row r="986773" spans="14:14">
      <c r="N986773" s="10"/>
    </row>
    <row r="986774" spans="14:14">
      <c r="N986774" s="10"/>
    </row>
    <row r="986775" spans="14:14">
      <c r="N986775" s="10"/>
    </row>
    <row r="986776" spans="14:14">
      <c r="N986776" s="10"/>
    </row>
    <row r="986777" spans="14:14">
      <c r="N986777" s="10"/>
    </row>
    <row r="986778" spans="14:14">
      <c r="N986778" s="10"/>
    </row>
    <row r="986779" spans="14:14">
      <c r="N986779" s="10"/>
    </row>
    <row r="986780" spans="14:14">
      <c r="N986780" s="10"/>
    </row>
    <row r="986781" spans="14:14">
      <c r="N986781" s="10"/>
    </row>
    <row r="986782" spans="14:14">
      <c r="N986782" s="10"/>
    </row>
    <row r="986783" spans="14:14">
      <c r="N986783" s="10"/>
    </row>
    <row r="986784" spans="14:14">
      <c r="N986784" s="10"/>
    </row>
    <row r="986785" spans="14:14">
      <c r="N986785" s="10"/>
    </row>
    <row r="986786" spans="14:14">
      <c r="N986786" s="10"/>
    </row>
    <row r="986787" spans="14:14">
      <c r="N986787" s="10"/>
    </row>
    <row r="986788" spans="14:14">
      <c r="N986788" s="10"/>
    </row>
    <row r="986789" spans="14:14">
      <c r="N986789" s="10"/>
    </row>
    <row r="986790" spans="14:14">
      <c r="N986790" s="10"/>
    </row>
    <row r="986791" spans="14:14">
      <c r="N986791" s="10"/>
    </row>
    <row r="986792" spans="14:14">
      <c r="N986792" s="10"/>
    </row>
    <row r="986793" spans="14:14">
      <c r="N986793" s="10"/>
    </row>
    <row r="986794" spans="14:14">
      <c r="N986794" s="10"/>
    </row>
    <row r="986795" spans="14:14">
      <c r="N986795" s="10"/>
    </row>
    <row r="986796" spans="14:14">
      <c r="N986796" s="10"/>
    </row>
    <row r="986797" spans="14:14">
      <c r="N986797" s="10"/>
    </row>
    <row r="986798" spans="14:14">
      <c r="N986798" s="10"/>
    </row>
    <row r="986799" spans="14:14">
      <c r="N986799" s="10"/>
    </row>
    <row r="986800" spans="14:14">
      <c r="N986800" s="10"/>
    </row>
    <row r="986801" spans="14:14">
      <c r="N986801" s="10"/>
    </row>
    <row r="986802" spans="14:14">
      <c r="N986802" s="10"/>
    </row>
    <row r="986803" spans="14:14">
      <c r="N986803" s="10"/>
    </row>
    <row r="986804" spans="14:14">
      <c r="N986804" s="10"/>
    </row>
    <row r="986805" spans="14:14">
      <c r="N986805" s="10"/>
    </row>
    <row r="986806" spans="14:14">
      <c r="N986806" s="10"/>
    </row>
    <row r="986807" spans="14:14">
      <c r="N986807" s="10"/>
    </row>
    <row r="986808" spans="14:14">
      <c r="N986808" s="10"/>
    </row>
    <row r="986809" spans="14:14">
      <c r="N986809" s="10"/>
    </row>
    <row r="986810" spans="14:14">
      <c r="N986810" s="10"/>
    </row>
    <row r="986811" spans="14:14">
      <c r="N986811" s="10"/>
    </row>
    <row r="986812" spans="14:14">
      <c r="N986812" s="10"/>
    </row>
    <row r="986813" spans="14:14">
      <c r="N986813" s="10"/>
    </row>
    <row r="986814" spans="14:14">
      <c r="N986814" s="10"/>
    </row>
    <row r="986815" spans="14:14">
      <c r="N986815" s="10"/>
    </row>
    <row r="986816" spans="14:14">
      <c r="N986816" s="10"/>
    </row>
    <row r="986817" spans="14:14">
      <c r="N986817" s="10"/>
    </row>
    <row r="986818" spans="14:14">
      <c r="N986818" s="10"/>
    </row>
    <row r="986819" spans="14:14">
      <c r="N986819" s="10"/>
    </row>
    <row r="986820" spans="14:14">
      <c r="N986820" s="10"/>
    </row>
    <row r="986821" spans="14:14">
      <c r="N986821" s="10"/>
    </row>
    <row r="986822" spans="14:14">
      <c r="N986822" s="10"/>
    </row>
    <row r="986823" spans="14:14">
      <c r="N986823" s="10"/>
    </row>
    <row r="986824" spans="14:14">
      <c r="N986824" s="10"/>
    </row>
    <row r="986825" spans="14:14">
      <c r="N986825" s="10"/>
    </row>
    <row r="986826" spans="14:14">
      <c r="N986826" s="10"/>
    </row>
    <row r="986827" spans="14:14">
      <c r="N986827" s="10"/>
    </row>
    <row r="986828" spans="14:14">
      <c r="N986828" s="10"/>
    </row>
    <row r="986829" spans="14:14">
      <c r="N986829" s="10"/>
    </row>
    <row r="986830" spans="14:14">
      <c r="N986830" s="10"/>
    </row>
    <row r="986831" spans="14:14">
      <c r="N986831" s="10"/>
    </row>
    <row r="986832" spans="14:14">
      <c r="N986832" s="10"/>
    </row>
    <row r="986833" spans="14:14">
      <c r="N986833" s="10"/>
    </row>
    <row r="986834" spans="14:14">
      <c r="N986834" s="10"/>
    </row>
    <row r="986835" spans="14:14">
      <c r="N986835" s="10"/>
    </row>
    <row r="986836" spans="14:14">
      <c r="N986836" s="10"/>
    </row>
    <row r="986837" spans="14:14">
      <c r="N986837" s="10"/>
    </row>
    <row r="986838" spans="14:14">
      <c r="N986838" s="10"/>
    </row>
    <row r="986839" spans="14:14">
      <c r="N986839" s="10"/>
    </row>
    <row r="986840" spans="14:14">
      <c r="N986840" s="10"/>
    </row>
    <row r="986841" spans="14:14">
      <c r="N986841" s="10"/>
    </row>
    <row r="986842" spans="14:14">
      <c r="N986842" s="10"/>
    </row>
    <row r="986843" spans="14:14">
      <c r="N986843" s="10"/>
    </row>
    <row r="986844" spans="14:14">
      <c r="N986844" s="10"/>
    </row>
    <row r="986845" spans="14:14">
      <c r="N986845" s="10"/>
    </row>
    <row r="986846" spans="14:14">
      <c r="N986846" s="10"/>
    </row>
    <row r="986847" spans="14:14">
      <c r="N986847" s="10"/>
    </row>
    <row r="986848" spans="14:14">
      <c r="N986848" s="10"/>
    </row>
    <row r="986849" spans="14:14">
      <c r="N986849" s="10"/>
    </row>
    <row r="986850" spans="14:14">
      <c r="N986850" s="10"/>
    </row>
    <row r="986851" spans="14:14">
      <c r="N986851" s="10"/>
    </row>
    <row r="986852" spans="14:14">
      <c r="N986852" s="10"/>
    </row>
    <row r="986853" spans="14:14">
      <c r="N986853" s="10"/>
    </row>
    <row r="986854" spans="14:14">
      <c r="N986854" s="10"/>
    </row>
    <row r="986855" spans="14:14">
      <c r="N986855" s="10"/>
    </row>
    <row r="986856" spans="14:14">
      <c r="N986856" s="10"/>
    </row>
    <row r="986857" spans="14:14">
      <c r="N986857" s="10"/>
    </row>
    <row r="986858" spans="14:14">
      <c r="N986858" s="10"/>
    </row>
    <row r="986859" spans="14:14">
      <c r="N986859" s="10"/>
    </row>
    <row r="986860" spans="14:14">
      <c r="N986860" s="10"/>
    </row>
    <row r="986861" spans="14:14">
      <c r="N986861" s="10"/>
    </row>
    <row r="986862" spans="14:14">
      <c r="N986862" s="10"/>
    </row>
    <row r="986863" spans="14:14">
      <c r="N986863" s="10"/>
    </row>
    <row r="986864" spans="14:14">
      <c r="N986864" s="10"/>
    </row>
    <row r="986865" spans="14:14">
      <c r="N986865" s="10"/>
    </row>
    <row r="986866" spans="14:14">
      <c r="N986866" s="10"/>
    </row>
    <row r="986867" spans="14:14">
      <c r="N986867" s="10"/>
    </row>
    <row r="986868" spans="14:14">
      <c r="N986868" s="10"/>
    </row>
    <row r="986869" spans="14:14">
      <c r="N986869" s="10"/>
    </row>
    <row r="986870" spans="14:14">
      <c r="N986870" s="10"/>
    </row>
    <row r="986871" spans="14:14">
      <c r="N986871" s="10"/>
    </row>
    <row r="986872" spans="14:14">
      <c r="N986872" s="10"/>
    </row>
    <row r="986873" spans="14:14">
      <c r="N986873" s="10"/>
    </row>
    <row r="986874" spans="14:14">
      <c r="N986874" s="10"/>
    </row>
    <row r="986875" spans="14:14">
      <c r="N986875" s="10"/>
    </row>
    <row r="986876" spans="14:14">
      <c r="N986876" s="10"/>
    </row>
    <row r="986877" spans="14:14">
      <c r="N986877" s="10"/>
    </row>
    <row r="986878" spans="14:14">
      <c r="N986878" s="10"/>
    </row>
    <row r="986879" spans="14:14">
      <c r="N986879" s="10"/>
    </row>
    <row r="986880" spans="14:14">
      <c r="N986880" s="10"/>
    </row>
    <row r="986881" spans="14:14">
      <c r="N986881" s="10"/>
    </row>
    <row r="986882" spans="14:14">
      <c r="N986882" s="10"/>
    </row>
    <row r="986883" spans="14:14">
      <c r="N986883" s="10"/>
    </row>
    <row r="986884" spans="14:14">
      <c r="N986884" s="10"/>
    </row>
    <row r="986885" spans="14:14">
      <c r="N986885" s="10"/>
    </row>
    <row r="986886" spans="14:14">
      <c r="N986886" s="10"/>
    </row>
    <row r="986887" spans="14:14">
      <c r="N986887" s="10"/>
    </row>
    <row r="986888" spans="14:14">
      <c r="N986888" s="10"/>
    </row>
    <row r="986889" spans="14:14">
      <c r="N986889" s="10"/>
    </row>
    <row r="986890" spans="14:14">
      <c r="N986890" s="10"/>
    </row>
    <row r="986891" spans="14:14">
      <c r="N986891" s="10"/>
    </row>
    <row r="986892" spans="14:14">
      <c r="N986892" s="10"/>
    </row>
    <row r="986893" spans="14:14">
      <c r="N986893" s="10"/>
    </row>
    <row r="986894" spans="14:14">
      <c r="N986894" s="10"/>
    </row>
    <row r="986895" spans="14:14">
      <c r="N986895" s="10"/>
    </row>
    <row r="986896" spans="14:14">
      <c r="N986896" s="10"/>
    </row>
    <row r="986897" spans="14:14">
      <c r="N986897" s="10"/>
    </row>
    <row r="986898" spans="14:14">
      <c r="N986898" s="10"/>
    </row>
    <row r="986899" spans="14:14">
      <c r="N986899" s="10"/>
    </row>
    <row r="986900" spans="14:14">
      <c r="N986900" s="10"/>
    </row>
    <row r="986901" spans="14:14">
      <c r="N986901" s="10"/>
    </row>
    <row r="986902" spans="14:14">
      <c r="N986902" s="10"/>
    </row>
    <row r="986903" spans="14:14">
      <c r="N986903" s="10"/>
    </row>
    <row r="986904" spans="14:14">
      <c r="N986904" s="10"/>
    </row>
    <row r="986905" spans="14:14">
      <c r="N986905" s="10"/>
    </row>
    <row r="986906" spans="14:14">
      <c r="N986906" s="10"/>
    </row>
    <row r="986907" spans="14:14">
      <c r="N986907" s="10"/>
    </row>
    <row r="986908" spans="14:14">
      <c r="N986908" s="10"/>
    </row>
    <row r="986909" spans="14:14">
      <c r="N986909" s="10"/>
    </row>
    <row r="986910" spans="14:14">
      <c r="N986910" s="10"/>
    </row>
    <row r="986911" spans="14:14">
      <c r="N986911" s="10"/>
    </row>
    <row r="986912" spans="14:14">
      <c r="N986912" s="10"/>
    </row>
    <row r="986913" spans="14:14">
      <c r="N986913" s="10"/>
    </row>
    <row r="986914" spans="14:14">
      <c r="N986914" s="10"/>
    </row>
    <row r="986915" spans="14:14">
      <c r="N986915" s="10"/>
    </row>
    <row r="986916" spans="14:14">
      <c r="N986916" s="10"/>
    </row>
    <row r="986917" spans="14:14">
      <c r="N986917" s="10"/>
    </row>
    <row r="986918" spans="14:14">
      <c r="N986918" s="10"/>
    </row>
    <row r="986919" spans="14:14">
      <c r="N986919" s="10"/>
    </row>
    <row r="986920" spans="14:14">
      <c r="N986920" s="10"/>
    </row>
    <row r="986921" spans="14:14">
      <c r="N986921" s="10"/>
    </row>
    <row r="986922" spans="14:14">
      <c r="N986922" s="10"/>
    </row>
    <row r="986923" spans="14:14">
      <c r="N986923" s="10"/>
    </row>
    <row r="986924" spans="14:14">
      <c r="N986924" s="10"/>
    </row>
    <row r="986925" spans="14:14">
      <c r="N986925" s="10"/>
    </row>
    <row r="986926" spans="14:14">
      <c r="N986926" s="10"/>
    </row>
    <row r="986927" spans="14:14">
      <c r="N986927" s="10"/>
    </row>
    <row r="986928" spans="14:14">
      <c r="N986928" s="10"/>
    </row>
    <row r="986929" spans="14:14">
      <c r="N986929" s="10"/>
    </row>
    <row r="986930" spans="14:14">
      <c r="N986930" s="10"/>
    </row>
    <row r="986931" spans="14:14">
      <c r="N986931" s="10"/>
    </row>
    <row r="986932" spans="14:14">
      <c r="N986932" s="10"/>
    </row>
    <row r="986933" spans="14:14">
      <c r="N986933" s="10"/>
    </row>
    <row r="986934" spans="14:14">
      <c r="N986934" s="10"/>
    </row>
    <row r="986935" spans="14:14">
      <c r="N986935" s="10"/>
    </row>
    <row r="986936" spans="14:14">
      <c r="N986936" s="10"/>
    </row>
    <row r="986937" spans="14:14">
      <c r="N986937" s="10"/>
    </row>
    <row r="986938" spans="14:14">
      <c r="N986938" s="10"/>
    </row>
    <row r="986939" spans="14:14">
      <c r="N986939" s="10"/>
    </row>
    <row r="986940" spans="14:14">
      <c r="N986940" s="10"/>
    </row>
    <row r="986941" spans="14:14">
      <c r="N986941" s="10"/>
    </row>
    <row r="986942" spans="14:14">
      <c r="N986942" s="10"/>
    </row>
    <row r="986943" spans="14:14">
      <c r="N986943" s="10"/>
    </row>
    <row r="986944" spans="14:14">
      <c r="N986944" s="10"/>
    </row>
    <row r="986945" spans="14:14">
      <c r="N986945" s="10"/>
    </row>
    <row r="986946" spans="14:14">
      <c r="N986946" s="10"/>
    </row>
    <row r="986947" spans="14:14">
      <c r="N986947" s="10"/>
    </row>
    <row r="986948" spans="14:14">
      <c r="N986948" s="10"/>
    </row>
    <row r="986949" spans="14:14">
      <c r="N986949" s="10"/>
    </row>
    <row r="986950" spans="14:14">
      <c r="N986950" s="10"/>
    </row>
    <row r="986951" spans="14:14">
      <c r="N986951" s="10"/>
    </row>
    <row r="986952" spans="14:14">
      <c r="N986952" s="10"/>
    </row>
    <row r="986953" spans="14:14">
      <c r="N986953" s="10"/>
    </row>
    <row r="986954" spans="14:14">
      <c r="N986954" s="10"/>
    </row>
    <row r="986955" spans="14:14">
      <c r="N986955" s="10"/>
    </row>
    <row r="986956" spans="14:14">
      <c r="N986956" s="10"/>
    </row>
    <row r="986957" spans="14:14">
      <c r="N986957" s="10"/>
    </row>
    <row r="986958" spans="14:14">
      <c r="N986958" s="10"/>
    </row>
    <row r="986959" spans="14:14">
      <c r="N986959" s="10"/>
    </row>
    <row r="986960" spans="14:14">
      <c r="N986960" s="10"/>
    </row>
    <row r="986961" spans="14:14">
      <c r="N986961" s="10"/>
    </row>
    <row r="986962" spans="14:14">
      <c r="N986962" s="10"/>
    </row>
    <row r="986963" spans="14:14">
      <c r="N986963" s="10"/>
    </row>
    <row r="986964" spans="14:14">
      <c r="N986964" s="10"/>
    </row>
    <row r="986965" spans="14:14">
      <c r="N986965" s="10"/>
    </row>
    <row r="986966" spans="14:14">
      <c r="N986966" s="10"/>
    </row>
    <row r="986967" spans="14:14">
      <c r="N986967" s="10"/>
    </row>
    <row r="986968" spans="14:14">
      <c r="N986968" s="10"/>
    </row>
    <row r="986969" spans="14:14">
      <c r="N986969" s="10"/>
    </row>
    <row r="986970" spans="14:14">
      <c r="N986970" s="10"/>
    </row>
    <row r="986971" spans="14:14">
      <c r="N986971" s="10"/>
    </row>
    <row r="986972" spans="14:14">
      <c r="N986972" s="10"/>
    </row>
    <row r="986973" spans="14:14">
      <c r="N986973" s="10"/>
    </row>
    <row r="986974" spans="14:14">
      <c r="N986974" s="10"/>
    </row>
    <row r="986975" spans="14:14">
      <c r="N986975" s="10"/>
    </row>
    <row r="986976" spans="14:14">
      <c r="N986976" s="10"/>
    </row>
    <row r="986977" spans="14:14">
      <c r="N986977" s="10"/>
    </row>
    <row r="986978" spans="14:14">
      <c r="N986978" s="10"/>
    </row>
    <row r="986979" spans="14:14">
      <c r="N986979" s="10"/>
    </row>
    <row r="986980" spans="14:14">
      <c r="N986980" s="10"/>
    </row>
    <row r="986981" spans="14:14">
      <c r="N986981" s="10"/>
    </row>
    <row r="986982" spans="14:14">
      <c r="N986982" s="10"/>
    </row>
    <row r="986983" spans="14:14">
      <c r="N986983" s="10"/>
    </row>
    <row r="986984" spans="14:14">
      <c r="N986984" s="10"/>
    </row>
    <row r="986985" spans="14:14">
      <c r="N986985" s="10"/>
    </row>
    <row r="986986" spans="14:14">
      <c r="N986986" s="10"/>
    </row>
    <row r="986987" spans="14:14">
      <c r="N986987" s="10"/>
    </row>
    <row r="986988" spans="14:14">
      <c r="N986988" s="10"/>
    </row>
    <row r="986989" spans="14:14">
      <c r="N986989" s="10"/>
    </row>
    <row r="986990" spans="14:14">
      <c r="N986990" s="10"/>
    </row>
    <row r="986991" spans="14:14">
      <c r="N986991" s="10"/>
    </row>
    <row r="986992" spans="14:14">
      <c r="N986992" s="10"/>
    </row>
    <row r="986993" spans="14:14">
      <c r="N986993" s="10"/>
    </row>
    <row r="986994" spans="14:14">
      <c r="N986994" s="10"/>
    </row>
    <row r="986995" spans="14:14">
      <c r="N986995" s="10"/>
    </row>
    <row r="986996" spans="14:14">
      <c r="N986996" s="10"/>
    </row>
    <row r="986997" spans="14:14">
      <c r="N986997" s="10"/>
    </row>
    <row r="986998" spans="14:14">
      <c r="N986998" s="10"/>
    </row>
    <row r="986999" spans="14:14">
      <c r="N986999" s="10"/>
    </row>
    <row r="987000" spans="14:14">
      <c r="N987000" s="10"/>
    </row>
    <row r="987001" spans="14:14">
      <c r="N987001" s="10"/>
    </row>
    <row r="987002" spans="14:14">
      <c r="N987002" s="10"/>
    </row>
    <row r="987003" spans="14:14">
      <c r="N987003" s="10"/>
    </row>
    <row r="987004" spans="14:14">
      <c r="N987004" s="10"/>
    </row>
    <row r="987005" spans="14:14">
      <c r="N987005" s="10"/>
    </row>
    <row r="987006" spans="14:14">
      <c r="N987006" s="10"/>
    </row>
    <row r="987007" spans="14:14">
      <c r="N987007" s="10"/>
    </row>
    <row r="987008" spans="14:14">
      <c r="N987008" s="10"/>
    </row>
    <row r="987009" spans="14:14">
      <c r="N987009" s="10"/>
    </row>
    <row r="987010" spans="14:14">
      <c r="N987010" s="10"/>
    </row>
    <row r="987011" spans="14:14">
      <c r="N987011" s="10"/>
    </row>
    <row r="987012" spans="14:14">
      <c r="N987012" s="10"/>
    </row>
    <row r="987013" spans="14:14">
      <c r="N987013" s="10"/>
    </row>
    <row r="987014" spans="14:14">
      <c r="N987014" s="10"/>
    </row>
    <row r="987015" spans="14:14">
      <c r="N987015" s="10"/>
    </row>
    <row r="987016" spans="14:14">
      <c r="N987016" s="10"/>
    </row>
    <row r="987017" spans="14:14">
      <c r="N987017" s="10"/>
    </row>
    <row r="987018" spans="14:14">
      <c r="N987018" s="10"/>
    </row>
    <row r="987019" spans="14:14">
      <c r="N987019" s="10"/>
    </row>
    <row r="987020" spans="14:14">
      <c r="N987020" s="10"/>
    </row>
    <row r="987021" spans="14:14">
      <c r="N987021" s="10"/>
    </row>
    <row r="987022" spans="14:14">
      <c r="N987022" s="10"/>
    </row>
    <row r="987023" spans="14:14">
      <c r="N987023" s="10"/>
    </row>
    <row r="987024" spans="14:14">
      <c r="N987024" s="10"/>
    </row>
    <row r="987025" spans="14:14">
      <c r="N987025" s="10"/>
    </row>
    <row r="987026" spans="14:14">
      <c r="N987026" s="10"/>
    </row>
    <row r="987027" spans="14:14">
      <c r="N987027" s="10"/>
    </row>
    <row r="987028" spans="14:14">
      <c r="N987028" s="10"/>
    </row>
    <row r="987029" spans="14:14">
      <c r="N987029" s="10"/>
    </row>
    <row r="987030" spans="14:14">
      <c r="N987030" s="10"/>
    </row>
    <row r="987031" spans="14:14">
      <c r="N987031" s="10"/>
    </row>
    <row r="987032" spans="14:14">
      <c r="N987032" s="10"/>
    </row>
    <row r="987033" spans="14:14">
      <c r="N987033" s="10"/>
    </row>
    <row r="987034" spans="14:14">
      <c r="N987034" s="10"/>
    </row>
    <row r="987035" spans="14:14">
      <c r="N987035" s="10"/>
    </row>
    <row r="987036" spans="14:14">
      <c r="N987036" s="10"/>
    </row>
    <row r="987037" spans="14:14">
      <c r="N987037" s="10"/>
    </row>
    <row r="987038" spans="14:14">
      <c r="N987038" s="10"/>
    </row>
    <row r="987039" spans="14:14">
      <c r="N987039" s="10"/>
    </row>
    <row r="987040" spans="14:14">
      <c r="N987040" s="10"/>
    </row>
    <row r="987041" spans="14:14">
      <c r="N987041" s="10"/>
    </row>
    <row r="987042" spans="14:14">
      <c r="N987042" s="10"/>
    </row>
    <row r="987043" spans="14:14">
      <c r="N987043" s="10"/>
    </row>
    <row r="987044" spans="14:14">
      <c r="N987044" s="10"/>
    </row>
    <row r="987045" spans="14:14">
      <c r="N987045" s="10"/>
    </row>
    <row r="987046" spans="14:14">
      <c r="N987046" s="10"/>
    </row>
    <row r="987047" spans="14:14">
      <c r="N987047" s="10"/>
    </row>
    <row r="987048" spans="14:14">
      <c r="N987048" s="10"/>
    </row>
    <row r="987049" spans="14:14">
      <c r="N987049" s="10"/>
    </row>
    <row r="987050" spans="14:14">
      <c r="N987050" s="10"/>
    </row>
    <row r="987051" spans="14:14">
      <c r="N987051" s="10"/>
    </row>
    <row r="987052" spans="14:14">
      <c r="N987052" s="10"/>
    </row>
    <row r="987053" spans="14:14">
      <c r="N987053" s="10"/>
    </row>
    <row r="987054" spans="14:14">
      <c r="N987054" s="10"/>
    </row>
    <row r="987055" spans="14:14">
      <c r="N987055" s="10"/>
    </row>
    <row r="987056" spans="14:14">
      <c r="N987056" s="10"/>
    </row>
    <row r="987057" spans="14:14">
      <c r="N987057" s="10"/>
    </row>
    <row r="987058" spans="14:14">
      <c r="N987058" s="10"/>
    </row>
    <row r="987059" spans="14:14">
      <c r="N987059" s="10"/>
    </row>
    <row r="987060" spans="14:14">
      <c r="N987060" s="10"/>
    </row>
    <row r="987061" spans="14:14">
      <c r="N987061" s="10"/>
    </row>
    <row r="987062" spans="14:14">
      <c r="N987062" s="10"/>
    </row>
    <row r="987063" spans="14:14">
      <c r="N987063" s="10"/>
    </row>
    <row r="987064" spans="14:14">
      <c r="N987064" s="10"/>
    </row>
    <row r="987065" spans="14:14">
      <c r="N987065" s="10"/>
    </row>
    <row r="987066" spans="14:14">
      <c r="N987066" s="10"/>
    </row>
    <row r="987067" spans="14:14">
      <c r="N987067" s="10"/>
    </row>
    <row r="987068" spans="14:14">
      <c r="N987068" s="10"/>
    </row>
    <row r="987069" spans="14:14">
      <c r="N987069" s="10"/>
    </row>
    <row r="987070" spans="14:14">
      <c r="N987070" s="10"/>
    </row>
    <row r="987071" spans="14:14">
      <c r="N987071" s="10"/>
    </row>
    <row r="987072" spans="14:14">
      <c r="N987072" s="10"/>
    </row>
    <row r="987073" spans="14:14">
      <c r="N987073" s="10"/>
    </row>
    <row r="987074" spans="14:14">
      <c r="N987074" s="10"/>
    </row>
    <row r="987075" spans="14:14">
      <c r="N987075" s="10"/>
    </row>
    <row r="987076" spans="14:14">
      <c r="N987076" s="10"/>
    </row>
    <row r="987077" spans="14:14">
      <c r="N987077" s="10"/>
    </row>
    <row r="987078" spans="14:14">
      <c r="N987078" s="10"/>
    </row>
    <row r="987079" spans="14:14">
      <c r="N987079" s="10"/>
    </row>
    <row r="987080" spans="14:14">
      <c r="N987080" s="10"/>
    </row>
    <row r="987081" spans="14:14">
      <c r="N987081" s="10"/>
    </row>
    <row r="987082" spans="14:14">
      <c r="N987082" s="10"/>
    </row>
    <row r="987083" spans="14:14">
      <c r="N987083" s="10"/>
    </row>
    <row r="987084" spans="14:14">
      <c r="N987084" s="10"/>
    </row>
    <row r="987085" spans="14:14">
      <c r="N987085" s="10"/>
    </row>
    <row r="987086" spans="14:14">
      <c r="N987086" s="10"/>
    </row>
    <row r="987087" spans="14:14">
      <c r="N987087" s="10"/>
    </row>
    <row r="987088" spans="14:14">
      <c r="N987088" s="10"/>
    </row>
    <row r="987089" spans="14:14">
      <c r="N987089" s="10"/>
    </row>
    <row r="987090" spans="14:14">
      <c r="N987090" s="10"/>
    </row>
    <row r="987091" spans="14:14">
      <c r="N987091" s="10"/>
    </row>
    <row r="987092" spans="14:14">
      <c r="N987092" s="10"/>
    </row>
    <row r="987093" spans="14:14">
      <c r="N987093" s="10"/>
    </row>
    <row r="987094" spans="14:14">
      <c r="N987094" s="10"/>
    </row>
    <row r="987095" spans="14:14">
      <c r="N987095" s="10"/>
    </row>
    <row r="987096" spans="14:14">
      <c r="N987096" s="10"/>
    </row>
    <row r="987097" spans="14:14">
      <c r="N987097" s="10"/>
    </row>
    <row r="987098" spans="14:14">
      <c r="N987098" s="10"/>
    </row>
    <row r="987099" spans="14:14">
      <c r="N987099" s="10"/>
    </row>
    <row r="987100" spans="14:14">
      <c r="N987100" s="10"/>
    </row>
    <row r="987101" spans="14:14">
      <c r="N987101" s="10"/>
    </row>
    <row r="987102" spans="14:14">
      <c r="N987102" s="10"/>
    </row>
    <row r="987103" spans="14:14">
      <c r="N987103" s="10"/>
    </row>
    <row r="987104" spans="14:14">
      <c r="N987104" s="10"/>
    </row>
    <row r="987105" spans="14:14">
      <c r="N987105" s="10"/>
    </row>
    <row r="987106" spans="14:14">
      <c r="N987106" s="10"/>
    </row>
    <row r="987107" spans="14:14">
      <c r="N987107" s="10"/>
    </row>
    <row r="987108" spans="14:14">
      <c r="N987108" s="10"/>
    </row>
    <row r="987109" spans="14:14">
      <c r="N987109" s="10"/>
    </row>
    <row r="987110" spans="14:14">
      <c r="N987110" s="10"/>
    </row>
    <row r="987111" spans="14:14">
      <c r="N987111" s="10"/>
    </row>
    <row r="987112" spans="14:14">
      <c r="N987112" s="10"/>
    </row>
    <row r="987113" spans="14:14">
      <c r="N987113" s="10"/>
    </row>
    <row r="987114" spans="14:14">
      <c r="N987114" s="10"/>
    </row>
    <row r="987115" spans="14:14">
      <c r="N987115" s="10"/>
    </row>
    <row r="987116" spans="14:14">
      <c r="N987116" s="10"/>
    </row>
    <row r="987117" spans="14:14">
      <c r="N987117" s="10"/>
    </row>
    <row r="987118" spans="14:14">
      <c r="N987118" s="10"/>
    </row>
    <row r="987119" spans="14:14">
      <c r="N987119" s="10"/>
    </row>
    <row r="987120" spans="14:14">
      <c r="N987120" s="10"/>
    </row>
    <row r="987121" spans="14:14">
      <c r="N987121" s="10"/>
    </row>
    <row r="987122" spans="14:14">
      <c r="N987122" s="10"/>
    </row>
    <row r="987123" spans="14:14">
      <c r="N987123" s="10"/>
    </row>
    <row r="987124" spans="14:14">
      <c r="N987124" s="10"/>
    </row>
    <row r="987125" spans="14:14">
      <c r="N987125" s="10"/>
    </row>
    <row r="987126" spans="14:14">
      <c r="N987126" s="10"/>
    </row>
    <row r="987127" spans="14:14">
      <c r="N987127" s="10"/>
    </row>
    <row r="987128" spans="14:14">
      <c r="N987128" s="10"/>
    </row>
    <row r="987129" spans="14:14">
      <c r="N987129" s="10"/>
    </row>
    <row r="987130" spans="14:14">
      <c r="N987130" s="10"/>
    </row>
    <row r="987131" spans="14:14">
      <c r="N987131" s="10"/>
    </row>
    <row r="987132" spans="14:14">
      <c r="N987132" s="10"/>
    </row>
    <row r="987133" spans="14:14">
      <c r="N987133" s="10"/>
    </row>
    <row r="987134" spans="14:14">
      <c r="N987134" s="10"/>
    </row>
    <row r="987135" spans="14:14">
      <c r="N987135" s="10"/>
    </row>
    <row r="987136" spans="14:14">
      <c r="N987136" s="10"/>
    </row>
    <row r="987137" spans="14:14">
      <c r="N987137" s="10"/>
    </row>
    <row r="987138" spans="14:14">
      <c r="N987138" s="10"/>
    </row>
    <row r="987139" spans="14:14">
      <c r="N987139" s="10"/>
    </row>
    <row r="987140" spans="14:14">
      <c r="N987140" s="10"/>
    </row>
    <row r="987141" spans="14:14">
      <c r="N987141" s="10"/>
    </row>
    <row r="987142" spans="14:14">
      <c r="N987142" s="10"/>
    </row>
    <row r="987143" spans="14:14">
      <c r="N987143" s="10"/>
    </row>
    <row r="987144" spans="14:14">
      <c r="N987144" s="10"/>
    </row>
    <row r="987145" spans="14:14">
      <c r="N987145" s="10"/>
    </row>
    <row r="987146" spans="14:14">
      <c r="N987146" s="10"/>
    </row>
    <row r="987147" spans="14:14">
      <c r="N987147" s="10"/>
    </row>
    <row r="987148" spans="14:14">
      <c r="N987148" s="10"/>
    </row>
    <row r="987149" spans="14:14">
      <c r="N987149" s="10"/>
    </row>
    <row r="987150" spans="14:14">
      <c r="N987150" s="10"/>
    </row>
    <row r="987151" spans="14:14">
      <c r="N987151" s="10"/>
    </row>
    <row r="987152" spans="14:14">
      <c r="N987152" s="10"/>
    </row>
    <row r="987153" spans="14:14">
      <c r="N987153" s="10"/>
    </row>
    <row r="987154" spans="14:14">
      <c r="N987154" s="10"/>
    </row>
    <row r="987155" spans="14:14">
      <c r="N987155" s="10"/>
    </row>
    <row r="987156" spans="14:14">
      <c r="N987156" s="10"/>
    </row>
    <row r="987157" spans="14:14">
      <c r="N987157" s="10"/>
    </row>
    <row r="987158" spans="14:14">
      <c r="N987158" s="10"/>
    </row>
    <row r="987159" spans="14:14">
      <c r="N987159" s="10"/>
    </row>
    <row r="987160" spans="14:14">
      <c r="N987160" s="10"/>
    </row>
    <row r="987161" spans="14:14">
      <c r="N987161" s="10"/>
    </row>
    <row r="987162" spans="14:14">
      <c r="N987162" s="10"/>
    </row>
    <row r="987163" spans="14:14">
      <c r="N987163" s="10"/>
    </row>
    <row r="987164" spans="14:14">
      <c r="N987164" s="10"/>
    </row>
    <row r="987165" spans="14:14">
      <c r="N987165" s="10"/>
    </row>
    <row r="987166" spans="14:14">
      <c r="N987166" s="10"/>
    </row>
    <row r="987167" spans="14:14">
      <c r="N987167" s="10"/>
    </row>
    <row r="987168" spans="14:14">
      <c r="N987168" s="10"/>
    </row>
    <row r="987169" spans="14:14">
      <c r="N987169" s="10"/>
    </row>
    <row r="987170" spans="14:14">
      <c r="N987170" s="10"/>
    </row>
    <row r="987171" spans="14:14">
      <c r="N987171" s="10"/>
    </row>
    <row r="987172" spans="14:14">
      <c r="N987172" s="10"/>
    </row>
    <row r="987173" spans="14:14">
      <c r="N987173" s="10"/>
    </row>
    <row r="987174" spans="14:14">
      <c r="N987174" s="10"/>
    </row>
    <row r="987175" spans="14:14">
      <c r="N987175" s="10"/>
    </row>
    <row r="987176" spans="14:14">
      <c r="N987176" s="10"/>
    </row>
    <row r="987177" spans="14:14">
      <c r="N987177" s="10"/>
    </row>
    <row r="987178" spans="14:14">
      <c r="N987178" s="10"/>
    </row>
    <row r="987179" spans="14:14">
      <c r="N987179" s="10"/>
    </row>
    <row r="987180" spans="14:14">
      <c r="N987180" s="10"/>
    </row>
    <row r="987181" spans="14:14">
      <c r="N987181" s="10"/>
    </row>
    <row r="987182" spans="14:14">
      <c r="N987182" s="10"/>
    </row>
    <row r="987183" spans="14:14">
      <c r="N987183" s="10"/>
    </row>
    <row r="987184" spans="14:14">
      <c r="N987184" s="10"/>
    </row>
    <row r="987185" spans="14:14">
      <c r="N987185" s="10"/>
    </row>
    <row r="987186" spans="14:14">
      <c r="N987186" s="10"/>
    </row>
    <row r="987187" spans="14:14">
      <c r="N987187" s="10"/>
    </row>
    <row r="987188" spans="14:14">
      <c r="N987188" s="10"/>
    </row>
    <row r="987189" spans="14:14">
      <c r="N987189" s="10"/>
    </row>
    <row r="987190" spans="14:14">
      <c r="N987190" s="10"/>
    </row>
    <row r="987191" spans="14:14">
      <c r="N987191" s="10"/>
    </row>
    <row r="987192" spans="14:14">
      <c r="N987192" s="10"/>
    </row>
    <row r="987193" spans="14:14">
      <c r="N987193" s="10"/>
    </row>
    <row r="987194" spans="14:14">
      <c r="N987194" s="10"/>
    </row>
    <row r="987195" spans="14:14">
      <c r="N987195" s="10"/>
    </row>
    <row r="987196" spans="14:14">
      <c r="N987196" s="10"/>
    </row>
    <row r="987197" spans="14:14">
      <c r="N987197" s="10"/>
    </row>
    <row r="987198" spans="14:14">
      <c r="N987198" s="10"/>
    </row>
    <row r="987199" spans="14:14">
      <c r="N987199" s="10"/>
    </row>
    <row r="987200" spans="14:14">
      <c r="N987200" s="10"/>
    </row>
    <row r="987201" spans="14:14">
      <c r="N987201" s="10"/>
    </row>
    <row r="987202" spans="14:14">
      <c r="N987202" s="10"/>
    </row>
    <row r="987203" spans="14:14">
      <c r="N987203" s="10"/>
    </row>
    <row r="987204" spans="14:14">
      <c r="N987204" s="10"/>
    </row>
    <row r="987205" spans="14:14">
      <c r="N987205" s="10"/>
    </row>
    <row r="987206" spans="14:14">
      <c r="N987206" s="10"/>
    </row>
    <row r="987207" spans="14:14">
      <c r="N987207" s="10"/>
    </row>
    <row r="987208" spans="14:14">
      <c r="N987208" s="10"/>
    </row>
    <row r="987209" spans="14:14">
      <c r="N987209" s="10"/>
    </row>
    <row r="987210" spans="14:14">
      <c r="N987210" s="10"/>
    </row>
    <row r="987211" spans="14:14">
      <c r="N987211" s="10"/>
    </row>
    <row r="987212" spans="14:14">
      <c r="N987212" s="10"/>
    </row>
    <row r="987213" spans="14:14">
      <c r="N987213" s="10"/>
    </row>
    <row r="987214" spans="14:14">
      <c r="N987214" s="10"/>
    </row>
    <row r="987215" spans="14:14">
      <c r="N987215" s="10"/>
    </row>
    <row r="987216" spans="14:14">
      <c r="N987216" s="10"/>
    </row>
    <row r="987217" spans="14:14">
      <c r="N987217" s="10"/>
    </row>
    <row r="987218" spans="14:14">
      <c r="N987218" s="10"/>
    </row>
    <row r="987219" spans="14:14">
      <c r="N987219" s="10"/>
    </row>
    <row r="987220" spans="14:14">
      <c r="N987220" s="10"/>
    </row>
    <row r="987221" spans="14:14">
      <c r="N987221" s="10"/>
    </row>
    <row r="987222" spans="14:14">
      <c r="N987222" s="10"/>
    </row>
    <row r="987223" spans="14:14">
      <c r="N987223" s="10"/>
    </row>
    <row r="987224" spans="14:14">
      <c r="N987224" s="10"/>
    </row>
    <row r="987225" spans="14:14">
      <c r="N987225" s="10"/>
    </row>
    <row r="987226" spans="14:14">
      <c r="N987226" s="10"/>
    </row>
    <row r="987227" spans="14:14">
      <c r="N987227" s="10"/>
    </row>
    <row r="987228" spans="14:14">
      <c r="N987228" s="10"/>
    </row>
    <row r="987229" spans="14:14">
      <c r="N987229" s="10"/>
    </row>
    <row r="987230" spans="14:14">
      <c r="N987230" s="10"/>
    </row>
    <row r="987231" spans="14:14">
      <c r="N987231" s="10"/>
    </row>
    <row r="987232" spans="14:14">
      <c r="N987232" s="10"/>
    </row>
    <row r="987233" spans="14:14">
      <c r="N987233" s="10"/>
    </row>
    <row r="987234" spans="14:14">
      <c r="N987234" s="10"/>
    </row>
    <row r="987235" spans="14:14">
      <c r="N987235" s="10"/>
    </row>
    <row r="987236" spans="14:14">
      <c r="N987236" s="10"/>
    </row>
    <row r="987237" spans="14:14">
      <c r="N987237" s="10"/>
    </row>
    <row r="987238" spans="14:14">
      <c r="N987238" s="10"/>
    </row>
    <row r="987239" spans="14:14">
      <c r="N987239" s="10"/>
    </row>
    <row r="987240" spans="14:14">
      <c r="N987240" s="10"/>
    </row>
    <row r="987241" spans="14:14">
      <c r="N987241" s="10"/>
    </row>
    <row r="987242" spans="14:14">
      <c r="N987242" s="10"/>
    </row>
    <row r="987243" spans="14:14">
      <c r="N987243" s="10"/>
    </row>
    <row r="987244" spans="14:14">
      <c r="N987244" s="10"/>
    </row>
    <row r="987245" spans="14:14">
      <c r="N987245" s="10"/>
    </row>
    <row r="987246" spans="14:14">
      <c r="N987246" s="10"/>
    </row>
    <row r="987247" spans="14:14">
      <c r="N987247" s="10"/>
    </row>
    <row r="987248" spans="14:14">
      <c r="N987248" s="10"/>
    </row>
    <row r="987249" spans="14:14">
      <c r="N987249" s="10"/>
    </row>
    <row r="987250" spans="14:14">
      <c r="N987250" s="10"/>
    </row>
    <row r="987251" spans="14:14">
      <c r="N987251" s="10"/>
    </row>
    <row r="987252" spans="14:14">
      <c r="N987252" s="10"/>
    </row>
    <row r="987253" spans="14:14">
      <c r="N987253" s="10"/>
    </row>
    <row r="987254" spans="14:14">
      <c r="N987254" s="10"/>
    </row>
    <row r="987255" spans="14:14">
      <c r="N987255" s="10"/>
    </row>
    <row r="987256" spans="14:14">
      <c r="N987256" s="10"/>
    </row>
    <row r="987257" spans="14:14">
      <c r="N987257" s="10"/>
    </row>
    <row r="987258" spans="14:14">
      <c r="N987258" s="10"/>
    </row>
    <row r="987259" spans="14:14">
      <c r="N987259" s="10"/>
    </row>
    <row r="987260" spans="14:14">
      <c r="N987260" s="10"/>
    </row>
    <row r="987261" spans="14:14">
      <c r="N987261" s="10"/>
    </row>
    <row r="987262" spans="14:14">
      <c r="N987262" s="10"/>
    </row>
    <row r="987263" spans="14:14">
      <c r="N987263" s="10"/>
    </row>
    <row r="987264" spans="14:14">
      <c r="N987264" s="10"/>
    </row>
    <row r="987265" spans="14:14">
      <c r="N987265" s="10"/>
    </row>
    <row r="987266" spans="14:14">
      <c r="N987266" s="10"/>
    </row>
    <row r="987267" spans="14:14">
      <c r="N987267" s="10"/>
    </row>
    <row r="987268" spans="14:14">
      <c r="N987268" s="10"/>
    </row>
    <row r="987269" spans="14:14">
      <c r="N987269" s="10"/>
    </row>
    <row r="987270" spans="14:14">
      <c r="N987270" s="10"/>
    </row>
    <row r="987271" spans="14:14">
      <c r="N987271" s="10"/>
    </row>
    <row r="987272" spans="14:14">
      <c r="N987272" s="10"/>
    </row>
    <row r="987273" spans="14:14">
      <c r="N987273" s="10"/>
    </row>
    <row r="987274" spans="14:14">
      <c r="N987274" s="10"/>
    </row>
    <row r="987275" spans="14:14">
      <c r="N987275" s="10"/>
    </row>
    <row r="987276" spans="14:14">
      <c r="N987276" s="10"/>
    </row>
    <row r="987277" spans="14:14">
      <c r="N987277" s="10"/>
    </row>
    <row r="987278" spans="14:14">
      <c r="N987278" s="10"/>
    </row>
    <row r="987279" spans="14:14">
      <c r="N987279" s="10"/>
    </row>
    <row r="987280" spans="14:14">
      <c r="N987280" s="10"/>
    </row>
    <row r="987281" spans="14:14">
      <c r="N987281" s="10"/>
    </row>
    <row r="987282" spans="14:14">
      <c r="N987282" s="10"/>
    </row>
    <row r="987283" spans="14:14">
      <c r="N987283" s="10"/>
    </row>
    <row r="987284" spans="14:14">
      <c r="N987284" s="10"/>
    </row>
    <row r="987285" spans="14:14">
      <c r="N987285" s="10"/>
    </row>
    <row r="987286" spans="14:14">
      <c r="N987286" s="10"/>
    </row>
    <row r="987287" spans="14:14">
      <c r="N987287" s="10"/>
    </row>
    <row r="987288" spans="14:14">
      <c r="N987288" s="10"/>
    </row>
    <row r="987289" spans="14:14">
      <c r="N987289" s="10"/>
    </row>
    <row r="987290" spans="14:14">
      <c r="N987290" s="10"/>
    </row>
    <row r="987291" spans="14:14">
      <c r="N987291" s="10"/>
    </row>
    <row r="987292" spans="14:14">
      <c r="N987292" s="10"/>
    </row>
    <row r="987293" spans="14:14">
      <c r="N987293" s="10"/>
    </row>
    <row r="987294" spans="14:14">
      <c r="N987294" s="10"/>
    </row>
    <row r="987295" spans="14:14">
      <c r="N987295" s="10"/>
    </row>
    <row r="987296" spans="14:14">
      <c r="N987296" s="10"/>
    </row>
    <row r="987297" spans="14:14">
      <c r="N987297" s="10"/>
    </row>
    <row r="987298" spans="14:14">
      <c r="N987298" s="10"/>
    </row>
    <row r="987299" spans="14:14">
      <c r="N987299" s="10"/>
    </row>
    <row r="987300" spans="14:14">
      <c r="N987300" s="10"/>
    </row>
    <row r="987301" spans="14:14">
      <c r="N987301" s="10"/>
    </row>
    <row r="987302" spans="14:14">
      <c r="N987302" s="10"/>
    </row>
    <row r="987303" spans="14:14">
      <c r="N987303" s="10"/>
    </row>
    <row r="987304" spans="14:14">
      <c r="N987304" s="10"/>
    </row>
    <row r="987305" spans="14:14">
      <c r="N987305" s="10"/>
    </row>
    <row r="987306" spans="14:14">
      <c r="N987306" s="10"/>
    </row>
    <row r="987307" spans="14:14">
      <c r="N987307" s="10"/>
    </row>
    <row r="987308" spans="14:14">
      <c r="N987308" s="10"/>
    </row>
    <row r="987309" spans="14:14">
      <c r="N987309" s="10"/>
    </row>
    <row r="987310" spans="14:14">
      <c r="N987310" s="10"/>
    </row>
    <row r="987311" spans="14:14">
      <c r="N987311" s="10"/>
    </row>
    <row r="987312" spans="14:14">
      <c r="N987312" s="10"/>
    </row>
    <row r="987313" spans="14:14">
      <c r="N987313" s="10"/>
    </row>
    <row r="987314" spans="14:14">
      <c r="N987314" s="10"/>
    </row>
    <row r="987315" spans="14:14">
      <c r="N987315" s="10"/>
    </row>
    <row r="987316" spans="14:14">
      <c r="N987316" s="10"/>
    </row>
    <row r="987317" spans="14:14">
      <c r="N987317" s="10"/>
    </row>
    <row r="987318" spans="14:14">
      <c r="N987318" s="10"/>
    </row>
    <row r="987319" spans="14:14">
      <c r="N987319" s="10"/>
    </row>
    <row r="987320" spans="14:14">
      <c r="N987320" s="10"/>
    </row>
    <row r="987321" spans="14:14">
      <c r="N987321" s="10"/>
    </row>
    <row r="987322" spans="14:14">
      <c r="N987322" s="10"/>
    </row>
    <row r="987323" spans="14:14">
      <c r="N987323" s="10"/>
    </row>
    <row r="987324" spans="14:14">
      <c r="N987324" s="10"/>
    </row>
    <row r="987325" spans="14:14">
      <c r="N987325" s="10"/>
    </row>
    <row r="987326" spans="14:14">
      <c r="N987326" s="10"/>
    </row>
    <row r="987327" spans="14:14">
      <c r="N987327" s="10"/>
    </row>
    <row r="987328" spans="14:14">
      <c r="N987328" s="10"/>
    </row>
    <row r="987329" spans="14:14">
      <c r="N987329" s="10"/>
    </row>
    <row r="987330" spans="14:14">
      <c r="N987330" s="10"/>
    </row>
    <row r="987331" spans="14:14">
      <c r="N987331" s="10"/>
    </row>
    <row r="987332" spans="14:14">
      <c r="N987332" s="10"/>
    </row>
    <row r="987333" spans="14:14">
      <c r="N987333" s="10"/>
    </row>
    <row r="987334" spans="14:14">
      <c r="N987334" s="10"/>
    </row>
    <row r="987335" spans="14:14">
      <c r="N987335" s="10"/>
    </row>
    <row r="987336" spans="14:14">
      <c r="N987336" s="10"/>
    </row>
    <row r="987337" spans="14:14">
      <c r="N987337" s="10"/>
    </row>
    <row r="987338" spans="14:14">
      <c r="N987338" s="10"/>
    </row>
    <row r="987339" spans="14:14">
      <c r="N987339" s="10"/>
    </row>
    <row r="987340" spans="14:14">
      <c r="N987340" s="10"/>
    </row>
    <row r="987341" spans="14:14">
      <c r="N987341" s="10"/>
    </row>
    <row r="987342" spans="14:14">
      <c r="N987342" s="10"/>
    </row>
    <row r="987343" spans="14:14">
      <c r="N987343" s="10"/>
    </row>
    <row r="987344" spans="14:14">
      <c r="N987344" s="10"/>
    </row>
    <row r="987345" spans="14:14">
      <c r="N987345" s="10"/>
    </row>
    <row r="987346" spans="14:14">
      <c r="N987346" s="10"/>
    </row>
    <row r="987347" spans="14:14">
      <c r="N987347" s="10"/>
    </row>
    <row r="987348" spans="14:14">
      <c r="N987348" s="10"/>
    </row>
    <row r="987349" spans="14:14">
      <c r="N987349" s="10"/>
    </row>
    <row r="987350" spans="14:14">
      <c r="N987350" s="10"/>
    </row>
    <row r="987351" spans="14:14">
      <c r="N987351" s="10"/>
    </row>
    <row r="987352" spans="14:14">
      <c r="N987352" s="10"/>
    </row>
    <row r="987353" spans="14:14">
      <c r="N987353" s="10"/>
    </row>
    <row r="987354" spans="14:14">
      <c r="N987354" s="10"/>
    </row>
    <row r="987355" spans="14:14">
      <c r="N987355" s="10"/>
    </row>
    <row r="987356" spans="14:14">
      <c r="N987356" s="10"/>
    </row>
    <row r="987357" spans="14:14">
      <c r="N987357" s="10"/>
    </row>
    <row r="987358" spans="14:14">
      <c r="N987358" s="10"/>
    </row>
    <row r="987359" spans="14:14">
      <c r="N987359" s="10"/>
    </row>
    <row r="987360" spans="14:14">
      <c r="N987360" s="10"/>
    </row>
    <row r="987361" spans="14:14">
      <c r="N987361" s="10"/>
    </row>
    <row r="987362" spans="14:14">
      <c r="N987362" s="10"/>
    </row>
    <row r="987363" spans="14:14">
      <c r="N987363" s="10"/>
    </row>
    <row r="987364" spans="14:14">
      <c r="N987364" s="10"/>
    </row>
    <row r="987365" spans="14:14">
      <c r="N987365" s="10"/>
    </row>
    <row r="987366" spans="14:14">
      <c r="N987366" s="10"/>
    </row>
    <row r="987367" spans="14:14">
      <c r="N987367" s="10"/>
    </row>
    <row r="987368" spans="14:14">
      <c r="N987368" s="10"/>
    </row>
    <row r="987369" spans="14:14">
      <c r="N987369" s="10"/>
    </row>
    <row r="987370" spans="14:14">
      <c r="N987370" s="10"/>
    </row>
    <row r="987371" spans="14:14">
      <c r="N987371" s="10"/>
    </row>
    <row r="987372" spans="14:14">
      <c r="N987372" s="10"/>
    </row>
    <row r="987373" spans="14:14">
      <c r="N987373" s="10"/>
    </row>
    <row r="987374" spans="14:14">
      <c r="N987374" s="10"/>
    </row>
    <row r="987375" spans="14:14">
      <c r="N987375" s="10"/>
    </row>
    <row r="987376" spans="14:14">
      <c r="N987376" s="10"/>
    </row>
    <row r="987377" spans="14:14">
      <c r="N987377" s="10"/>
    </row>
    <row r="987378" spans="14:14">
      <c r="N987378" s="10"/>
    </row>
    <row r="987379" spans="14:14">
      <c r="N987379" s="10"/>
    </row>
    <row r="987380" spans="14:14">
      <c r="N987380" s="10"/>
    </row>
    <row r="987381" spans="14:14">
      <c r="N987381" s="10"/>
    </row>
    <row r="987382" spans="14:14">
      <c r="N987382" s="10"/>
    </row>
    <row r="987383" spans="14:14">
      <c r="N987383" s="10"/>
    </row>
    <row r="987384" spans="14:14">
      <c r="N987384" s="10"/>
    </row>
    <row r="987385" spans="14:14">
      <c r="N987385" s="10"/>
    </row>
    <row r="987386" spans="14:14">
      <c r="N987386" s="10"/>
    </row>
    <row r="987387" spans="14:14">
      <c r="N987387" s="10"/>
    </row>
    <row r="987388" spans="14:14">
      <c r="N987388" s="10"/>
    </row>
    <row r="987389" spans="14:14">
      <c r="N987389" s="10"/>
    </row>
    <row r="987390" spans="14:14">
      <c r="N987390" s="10"/>
    </row>
    <row r="987391" spans="14:14">
      <c r="N987391" s="10"/>
    </row>
    <row r="987392" spans="14:14">
      <c r="N987392" s="10"/>
    </row>
    <row r="987393" spans="14:14">
      <c r="N987393" s="10"/>
    </row>
    <row r="987394" spans="14:14">
      <c r="N987394" s="10"/>
    </row>
    <row r="987395" spans="14:14">
      <c r="N987395" s="10"/>
    </row>
    <row r="987396" spans="14:14">
      <c r="N987396" s="10"/>
    </row>
    <row r="987397" spans="14:14">
      <c r="N987397" s="10"/>
    </row>
    <row r="987398" spans="14:14">
      <c r="N987398" s="10"/>
    </row>
    <row r="987399" spans="14:14">
      <c r="N987399" s="10"/>
    </row>
    <row r="987400" spans="14:14">
      <c r="N987400" s="10"/>
    </row>
    <row r="987401" spans="14:14">
      <c r="N987401" s="10"/>
    </row>
    <row r="987402" spans="14:14">
      <c r="N987402" s="10"/>
    </row>
    <row r="987403" spans="14:14">
      <c r="N987403" s="10"/>
    </row>
    <row r="987404" spans="14:14">
      <c r="N987404" s="10"/>
    </row>
    <row r="987405" spans="14:14">
      <c r="N987405" s="10"/>
    </row>
    <row r="987406" spans="14:14">
      <c r="N987406" s="10"/>
    </row>
    <row r="987407" spans="14:14">
      <c r="N987407" s="10"/>
    </row>
    <row r="987408" spans="14:14">
      <c r="N987408" s="10"/>
    </row>
    <row r="987409" spans="14:14">
      <c r="N987409" s="10"/>
    </row>
    <row r="987410" spans="14:14">
      <c r="N987410" s="10"/>
    </row>
    <row r="987411" spans="14:14">
      <c r="N987411" s="10"/>
    </row>
    <row r="987412" spans="14:14">
      <c r="N987412" s="10"/>
    </row>
    <row r="987413" spans="14:14">
      <c r="N987413" s="10"/>
    </row>
    <row r="987414" spans="14:14">
      <c r="N987414" s="10"/>
    </row>
    <row r="987415" spans="14:14">
      <c r="N987415" s="10"/>
    </row>
    <row r="987416" spans="14:14">
      <c r="N987416" s="10"/>
    </row>
    <row r="987417" spans="14:14">
      <c r="N987417" s="10"/>
    </row>
    <row r="987418" spans="14:14">
      <c r="N987418" s="10"/>
    </row>
    <row r="987419" spans="14:14">
      <c r="N987419" s="10"/>
    </row>
    <row r="987420" spans="14:14">
      <c r="N987420" s="10"/>
    </row>
    <row r="987421" spans="14:14">
      <c r="N987421" s="10"/>
    </row>
    <row r="987422" spans="14:14">
      <c r="N987422" s="10"/>
    </row>
    <row r="987423" spans="14:14">
      <c r="N987423" s="10"/>
    </row>
    <row r="987424" spans="14:14">
      <c r="N987424" s="10"/>
    </row>
    <row r="987425" spans="14:14">
      <c r="N987425" s="10"/>
    </row>
    <row r="987426" spans="14:14">
      <c r="N987426" s="10"/>
    </row>
    <row r="987427" spans="14:14">
      <c r="N987427" s="10"/>
    </row>
    <row r="987428" spans="14:14">
      <c r="N987428" s="10"/>
    </row>
    <row r="987429" spans="14:14">
      <c r="N987429" s="10"/>
    </row>
    <row r="987430" spans="14:14">
      <c r="N987430" s="10"/>
    </row>
    <row r="987431" spans="14:14">
      <c r="N987431" s="10"/>
    </row>
    <row r="987432" spans="14:14">
      <c r="N987432" s="10"/>
    </row>
    <row r="987433" spans="14:14">
      <c r="N987433" s="10"/>
    </row>
    <row r="987434" spans="14:14">
      <c r="N987434" s="10"/>
    </row>
    <row r="987435" spans="14:14">
      <c r="N987435" s="10"/>
    </row>
    <row r="987436" spans="14:14">
      <c r="N987436" s="10"/>
    </row>
    <row r="987437" spans="14:14">
      <c r="N987437" s="10"/>
    </row>
    <row r="987438" spans="14:14">
      <c r="N987438" s="10"/>
    </row>
    <row r="987439" spans="14:14">
      <c r="N987439" s="10"/>
    </row>
    <row r="987440" spans="14:14">
      <c r="N987440" s="10"/>
    </row>
    <row r="987441" spans="14:14">
      <c r="N987441" s="10"/>
    </row>
    <row r="987442" spans="14:14">
      <c r="N987442" s="10"/>
    </row>
    <row r="987443" spans="14:14">
      <c r="N987443" s="10"/>
    </row>
    <row r="987444" spans="14:14">
      <c r="N987444" s="10"/>
    </row>
    <row r="987445" spans="14:14">
      <c r="N987445" s="10"/>
    </row>
    <row r="987446" spans="14:14">
      <c r="N987446" s="10"/>
    </row>
    <row r="987447" spans="14:14">
      <c r="N987447" s="10"/>
    </row>
    <row r="987448" spans="14:14">
      <c r="N987448" s="10"/>
    </row>
    <row r="987449" spans="14:14">
      <c r="N987449" s="10"/>
    </row>
    <row r="987450" spans="14:14">
      <c r="N987450" s="10"/>
    </row>
    <row r="987451" spans="14:14">
      <c r="N987451" s="10"/>
    </row>
    <row r="987452" spans="14:14">
      <c r="N987452" s="10"/>
    </row>
    <row r="987453" spans="14:14">
      <c r="N987453" s="10"/>
    </row>
    <row r="987454" spans="14:14">
      <c r="N987454" s="10"/>
    </row>
    <row r="987455" spans="14:14">
      <c r="N987455" s="10"/>
    </row>
    <row r="987456" spans="14:14">
      <c r="N987456" s="10"/>
    </row>
    <row r="987457" spans="14:14">
      <c r="N987457" s="10"/>
    </row>
    <row r="987458" spans="14:14">
      <c r="N987458" s="10"/>
    </row>
    <row r="987459" spans="14:14">
      <c r="N987459" s="10"/>
    </row>
    <row r="987460" spans="14:14">
      <c r="N987460" s="10"/>
    </row>
    <row r="987461" spans="14:14">
      <c r="N987461" s="10"/>
    </row>
    <row r="987462" spans="14:14">
      <c r="N987462" s="10"/>
    </row>
    <row r="987463" spans="14:14">
      <c r="N987463" s="10"/>
    </row>
    <row r="987464" spans="14:14">
      <c r="N987464" s="10"/>
    </row>
    <row r="987465" spans="14:14">
      <c r="N987465" s="10"/>
    </row>
    <row r="987466" spans="14:14">
      <c r="N987466" s="10"/>
    </row>
    <row r="987467" spans="14:14">
      <c r="N987467" s="10"/>
    </row>
    <row r="987468" spans="14:14">
      <c r="N987468" s="10"/>
    </row>
    <row r="987469" spans="14:14">
      <c r="N987469" s="10"/>
    </row>
    <row r="987470" spans="14:14">
      <c r="N987470" s="10"/>
    </row>
    <row r="987471" spans="14:14">
      <c r="N987471" s="10"/>
    </row>
    <row r="987472" spans="14:14">
      <c r="N987472" s="10"/>
    </row>
    <row r="987473" spans="14:14">
      <c r="N987473" s="10"/>
    </row>
    <row r="987474" spans="14:14">
      <c r="N987474" s="10"/>
    </row>
    <row r="987475" spans="14:14">
      <c r="N987475" s="10"/>
    </row>
    <row r="987476" spans="14:14">
      <c r="N987476" s="10"/>
    </row>
    <row r="987477" spans="14:14">
      <c r="N987477" s="10"/>
    </row>
    <row r="987478" spans="14:14">
      <c r="N987478" s="10"/>
    </row>
    <row r="987479" spans="14:14">
      <c r="N987479" s="10"/>
    </row>
    <row r="987480" spans="14:14">
      <c r="N987480" s="10"/>
    </row>
    <row r="987481" spans="14:14">
      <c r="N987481" s="10"/>
    </row>
    <row r="987482" spans="14:14">
      <c r="N987482" s="10"/>
    </row>
    <row r="987483" spans="14:14">
      <c r="N987483" s="10"/>
    </row>
    <row r="987484" spans="14:14">
      <c r="N987484" s="10"/>
    </row>
    <row r="987485" spans="14:14">
      <c r="N987485" s="10"/>
    </row>
    <row r="987486" spans="14:14">
      <c r="N987486" s="10"/>
    </row>
    <row r="987487" spans="14:14">
      <c r="N987487" s="10"/>
    </row>
    <row r="987488" spans="14:14">
      <c r="N987488" s="10"/>
    </row>
    <row r="987489" spans="14:14">
      <c r="N987489" s="10"/>
    </row>
    <row r="987490" spans="14:14">
      <c r="N987490" s="10"/>
    </row>
    <row r="987491" spans="14:14">
      <c r="N987491" s="10"/>
    </row>
    <row r="987492" spans="14:14">
      <c r="N987492" s="10"/>
    </row>
    <row r="987493" spans="14:14">
      <c r="N987493" s="10"/>
    </row>
    <row r="987494" spans="14:14">
      <c r="N987494" s="10"/>
    </row>
    <row r="987495" spans="14:14">
      <c r="N987495" s="10"/>
    </row>
    <row r="987496" spans="14:14">
      <c r="N987496" s="10"/>
    </row>
    <row r="987497" spans="14:14">
      <c r="N987497" s="10"/>
    </row>
    <row r="987498" spans="14:14">
      <c r="N987498" s="10"/>
    </row>
    <row r="987499" spans="14:14">
      <c r="N987499" s="10"/>
    </row>
    <row r="987500" spans="14:14">
      <c r="N987500" s="10"/>
    </row>
    <row r="987501" spans="14:14">
      <c r="N987501" s="10"/>
    </row>
    <row r="987502" spans="14:14">
      <c r="N987502" s="10"/>
    </row>
    <row r="987503" spans="14:14">
      <c r="N987503" s="10"/>
    </row>
    <row r="987504" spans="14:14">
      <c r="N987504" s="10"/>
    </row>
    <row r="987505" spans="14:14">
      <c r="N987505" s="10"/>
    </row>
    <row r="987506" spans="14:14">
      <c r="N987506" s="10"/>
    </row>
    <row r="987507" spans="14:14">
      <c r="N987507" s="10"/>
    </row>
    <row r="987508" spans="14:14">
      <c r="N987508" s="10"/>
    </row>
    <row r="987509" spans="14:14">
      <c r="N987509" s="10"/>
    </row>
    <row r="987510" spans="14:14">
      <c r="N987510" s="10"/>
    </row>
    <row r="987511" spans="14:14">
      <c r="N987511" s="10"/>
    </row>
    <row r="987512" spans="14:14">
      <c r="N987512" s="10"/>
    </row>
    <row r="987513" spans="14:14">
      <c r="N987513" s="10"/>
    </row>
    <row r="987514" spans="14:14">
      <c r="N987514" s="10"/>
    </row>
    <row r="987515" spans="14:14">
      <c r="N987515" s="10"/>
    </row>
    <row r="987516" spans="14:14">
      <c r="N987516" s="10"/>
    </row>
    <row r="987517" spans="14:14">
      <c r="N987517" s="10"/>
    </row>
    <row r="987518" spans="14:14">
      <c r="N987518" s="10"/>
    </row>
    <row r="987519" spans="14:14">
      <c r="N987519" s="10"/>
    </row>
    <row r="987520" spans="14:14">
      <c r="N987520" s="10"/>
    </row>
    <row r="987521" spans="14:14">
      <c r="N987521" s="10"/>
    </row>
    <row r="987522" spans="14:14">
      <c r="N987522" s="10"/>
    </row>
    <row r="987523" spans="14:14">
      <c r="N987523" s="10"/>
    </row>
    <row r="987524" spans="14:14">
      <c r="N987524" s="10"/>
    </row>
    <row r="987525" spans="14:14">
      <c r="N987525" s="10"/>
    </row>
    <row r="987526" spans="14:14">
      <c r="N987526" s="10"/>
    </row>
    <row r="987527" spans="14:14">
      <c r="N987527" s="10"/>
    </row>
    <row r="987528" spans="14:14">
      <c r="N987528" s="10"/>
    </row>
    <row r="987529" spans="14:14">
      <c r="N987529" s="10"/>
    </row>
    <row r="987530" spans="14:14">
      <c r="N987530" s="10"/>
    </row>
    <row r="987531" spans="14:14">
      <c r="N987531" s="10"/>
    </row>
    <row r="987532" spans="14:14">
      <c r="N987532" s="10"/>
    </row>
    <row r="987533" spans="14:14">
      <c r="N987533" s="10"/>
    </row>
    <row r="987534" spans="14:14">
      <c r="N987534" s="10"/>
    </row>
    <row r="987535" spans="14:14">
      <c r="N987535" s="10"/>
    </row>
    <row r="987536" spans="14:14">
      <c r="N987536" s="10"/>
    </row>
    <row r="987537" spans="14:14">
      <c r="N987537" s="10"/>
    </row>
    <row r="987538" spans="14:14">
      <c r="N987538" s="10"/>
    </row>
    <row r="987539" spans="14:14">
      <c r="N987539" s="10"/>
    </row>
    <row r="987540" spans="14:14">
      <c r="N987540" s="10"/>
    </row>
    <row r="987541" spans="14:14">
      <c r="N987541" s="10"/>
    </row>
    <row r="987542" spans="14:14">
      <c r="N987542" s="10"/>
    </row>
    <row r="987543" spans="14:14">
      <c r="N987543" s="10"/>
    </row>
    <row r="987544" spans="14:14">
      <c r="N987544" s="10"/>
    </row>
    <row r="987545" spans="14:14">
      <c r="N987545" s="10"/>
    </row>
    <row r="987546" spans="14:14">
      <c r="N987546" s="10"/>
    </row>
    <row r="987547" spans="14:14">
      <c r="N987547" s="10"/>
    </row>
    <row r="987548" spans="14:14">
      <c r="N987548" s="10"/>
    </row>
    <row r="987549" spans="14:14">
      <c r="N987549" s="10"/>
    </row>
    <row r="987550" spans="14:14">
      <c r="N987550" s="10"/>
    </row>
    <row r="987551" spans="14:14">
      <c r="N987551" s="10"/>
    </row>
    <row r="987552" spans="14:14">
      <c r="N987552" s="10"/>
    </row>
    <row r="987553" spans="14:14">
      <c r="N987553" s="10"/>
    </row>
    <row r="987554" spans="14:14">
      <c r="N987554" s="10"/>
    </row>
    <row r="987555" spans="14:14">
      <c r="N987555" s="10"/>
    </row>
    <row r="987556" spans="14:14">
      <c r="N987556" s="10"/>
    </row>
    <row r="987557" spans="14:14">
      <c r="N987557" s="10"/>
    </row>
    <row r="987558" spans="14:14">
      <c r="N987558" s="10"/>
    </row>
    <row r="987559" spans="14:14">
      <c r="N987559" s="10"/>
    </row>
    <row r="987560" spans="14:14">
      <c r="N987560" s="10"/>
    </row>
    <row r="987561" spans="14:14">
      <c r="N987561" s="10"/>
    </row>
    <row r="987562" spans="14:14">
      <c r="N987562" s="10"/>
    </row>
    <row r="987563" spans="14:14">
      <c r="N987563" s="10"/>
    </row>
    <row r="987564" spans="14:14">
      <c r="N987564" s="10"/>
    </row>
    <row r="987565" spans="14:14">
      <c r="N987565" s="10"/>
    </row>
    <row r="987566" spans="14:14">
      <c r="N987566" s="10"/>
    </row>
    <row r="987567" spans="14:14">
      <c r="N987567" s="10"/>
    </row>
    <row r="987568" spans="14:14">
      <c r="N987568" s="10"/>
    </row>
    <row r="987569" spans="14:14">
      <c r="N987569" s="10"/>
    </row>
    <row r="987570" spans="14:14">
      <c r="N987570" s="10"/>
    </row>
    <row r="987571" spans="14:14">
      <c r="N987571" s="10"/>
    </row>
    <row r="987572" spans="14:14">
      <c r="N987572" s="10"/>
    </row>
    <row r="987573" spans="14:14">
      <c r="N987573" s="10"/>
    </row>
    <row r="987574" spans="14:14">
      <c r="N987574" s="10"/>
    </row>
    <row r="987575" spans="14:14">
      <c r="N987575" s="10"/>
    </row>
    <row r="987576" spans="14:14">
      <c r="N987576" s="10"/>
    </row>
    <row r="987577" spans="14:14">
      <c r="N987577" s="10"/>
    </row>
    <row r="987578" spans="14:14">
      <c r="N987578" s="10"/>
    </row>
    <row r="987579" spans="14:14">
      <c r="N987579" s="10"/>
    </row>
    <row r="987580" spans="14:14">
      <c r="N987580" s="10"/>
    </row>
    <row r="987581" spans="14:14">
      <c r="N987581" s="10"/>
    </row>
    <row r="987582" spans="14:14">
      <c r="N987582" s="10"/>
    </row>
    <row r="987583" spans="14:14">
      <c r="N987583" s="10"/>
    </row>
    <row r="987584" spans="14:14">
      <c r="N987584" s="10"/>
    </row>
    <row r="987585" spans="14:14">
      <c r="N987585" s="10"/>
    </row>
    <row r="987586" spans="14:14">
      <c r="N987586" s="10"/>
    </row>
    <row r="987587" spans="14:14">
      <c r="N987587" s="10"/>
    </row>
    <row r="987588" spans="14:14">
      <c r="N987588" s="10"/>
    </row>
    <row r="987589" spans="14:14">
      <c r="N987589" s="10"/>
    </row>
    <row r="987590" spans="14:14">
      <c r="N987590" s="10"/>
    </row>
    <row r="987591" spans="14:14">
      <c r="N987591" s="10"/>
    </row>
    <row r="987592" spans="14:14">
      <c r="N987592" s="10"/>
    </row>
    <row r="987593" spans="14:14">
      <c r="N987593" s="10"/>
    </row>
    <row r="987594" spans="14:14">
      <c r="N987594" s="10"/>
    </row>
    <row r="987595" spans="14:14">
      <c r="N987595" s="10"/>
    </row>
    <row r="987596" spans="14:14">
      <c r="N987596" s="10"/>
    </row>
    <row r="987597" spans="14:14">
      <c r="N987597" s="10"/>
    </row>
    <row r="987598" spans="14:14">
      <c r="N987598" s="10"/>
    </row>
    <row r="987599" spans="14:14">
      <c r="N987599" s="10"/>
    </row>
    <row r="987600" spans="14:14">
      <c r="N987600" s="10"/>
    </row>
    <row r="987601" spans="14:14">
      <c r="N987601" s="10"/>
    </row>
    <row r="987602" spans="14:14">
      <c r="N987602" s="10"/>
    </row>
    <row r="987603" spans="14:14">
      <c r="N987603" s="10"/>
    </row>
    <row r="987604" spans="14:14">
      <c r="N987604" s="10"/>
    </row>
    <row r="987605" spans="14:14">
      <c r="N987605" s="10"/>
    </row>
    <row r="987606" spans="14:14">
      <c r="N987606" s="10"/>
    </row>
    <row r="987607" spans="14:14">
      <c r="N987607" s="10"/>
    </row>
    <row r="987608" spans="14:14">
      <c r="N987608" s="10"/>
    </row>
    <row r="987609" spans="14:14">
      <c r="N987609" s="10"/>
    </row>
    <row r="987610" spans="14:14">
      <c r="N987610" s="10"/>
    </row>
    <row r="987611" spans="14:14">
      <c r="N987611" s="10"/>
    </row>
    <row r="987612" spans="14:14">
      <c r="N987612" s="10"/>
    </row>
    <row r="987613" spans="14:14">
      <c r="N987613" s="10"/>
    </row>
    <row r="987614" spans="14:14">
      <c r="N987614" s="10"/>
    </row>
    <row r="987615" spans="14:14">
      <c r="N987615" s="10"/>
    </row>
    <row r="987616" spans="14:14">
      <c r="N987616" s="10"/>
    </row>
    <row r="987617" spans="14:14">
      <c r="N987617" s="10"/>
    </row>
    <row r="987618" spans="14:14">
      <c r="N987618" s="10"/>
    </row>
    <row r="987619" spans="14:14">
      <c r="N987619" s="10"/>
    </row>
    <row r="987620" spans="14:14">
      <c r="N987620" s="10"/>
    </row>
    <row r="987621" spans="14:14">
      <c r="N987621" s="10"/>
    </row>
    <row r="987622" spans="14:14">
      <c r="N987622" s="10"/>
    </row>
    <row r="987623" spans="14:14">
      <c r="N987623" s="10"/>
    </row>
    <row r="987624" spans="14:14">
      <c r="N987624" s="10"/>
    </row>
    <row r="987625" spans="14:14">
      <c r="N987625" s="10"/>
    </row>
    <row r="987626" spans="14:14">
      <c r="N987626" s="10"/>
    </row>
    <row r="987627" spans="14:14">
      <c r="N987627" s="10"/>
    </row>
    <row r="987628" spans="14:14">
      <c r="N987628" s="10"/>
    </row>
    <row r="987629" spans="14:14">
      <c r="N987629" s="10"/>
    </row>
    <row r="987630" spans="14:14">
      <c r="N987630" s="10"/>
    </row>
    <row r="987631" spans="14:14">
      <c r="N987631" s="10"/>
    </row>
    <row r="987632" spans="14:14">
      <c r="N987632" s="10"/>
    </row>
    <row r="987633" spans="14:14">
      <c r="N987633" s="10"/>
    </row>
    <row r="987634" spans="14:14">
      <c r="N987634" s="10"/>
    </row>
    <row r="987635" spans="14:14">
      <c r="N987635" s="10"/>
    </row>
    <row r="987636" spans="14:14">
      <c r="N987636" s="10"/>
    </row>
    <row r="987637" spans="14:14">
      <c r="N987637" s="10"/>
    </row>
    <row r="987638" spans="14:14">
      <c r="N987638" s="10"/>
    </row>
    <row r="987639" spans="14:14">
      <c r="N987639" s="10"/>
    </row>
    <row r="987640" spans="14:14">
      <c r="N987640" s="10"/>
    </row>
    <row r="987641" spans="14:14">
      <c r="N987641" s="10"/>
    </row>
    <row r="987642" spans="14:14">
      <c r="N987642" s="10"/>
    </row>
    <row r="987643" spans="14:14">
      <c r="N987643" s="10"/>
    </row>
    <row r="987644" spans="14:14">
      <c r="N987644" s="10"/>
    </row>
    <row r="987645" spans="14:14">
      <c r="N987645" s="10"/>
    </row>
    <row r="987646" spans="14:14">
      <c r="N987646" s="10"/>
    </row>
    <row r="987647" spans="14:14">
      <c r="N987647" s="10"/>
    </row>
    <row r="987648" spans="14:14">
      <c r="N987648" s="10"/>
    </row>
    <row r="987649" spans="14:14">
      <c r="N987649" s="10"/>
    </row>
    <row r="987650" spans="14:14">
      <c r="N987650" s="10"/>
    </row>
    <row r="987651" spans="14:14">
      <c r="N987651" s="10"/>
    </row>
    <row r="987652" spans="14:14">
      <c r="N987652" s="10"/>
    </row>
    <row r="987653" spans="14:14">
      <c r="N987653" s="10"/>
    </row>
    <row r="987654" spans="14:14">
      <c r="N987654" s="10"/>
    </row>
    <row r="987655" spans="14:14">
      <c r="N987655" s="10"/>
    </row>
    <row r="987656" spans="14:14">
      <c r="N987656" s="10"/>
    </row>
    <row r="987657" spans="14:14">
      <c r="N987657" s="10"/>
    </row>
    <row r="987658" spans="14:14">
      <c r="N987658" s="10"/>
    </row>
    <row r="987659" spans="14:14">
      <c r="N987659" s="10"/>
    </row>
    <row r="987660" spans="14:14">
      <c r="N987660" s="10"/>
    </row>
    <row r="987661" spans="14:14">
      <c r="N987661" s="10"/>
    </row>
    <row r="987662" spans="14:14">
      <c r="N987662" s="10"/>
    </row>
    <row r="987663" spans="14:14">
      <c r="N987663" s="10"/>
    </row>
    <row r="987664" spans="14:14">
      <c r="N987664" s="10"/>
    </row>
    <row r="987665" spans="14:14">
      <c r="N987665" s="10"/>
    </row>
    <row r="987666" spans="14:14">
      <c r="N987666" s="10"/>
    </row>
    <row r="987667" spans="14:14">
      <c r="N987667" s="10"/>
    </row>
    <row r="987668" spans="14:14">
      <c r="N987668" s="10"/>
    </row>
    <row r="987669" spans="14:14">
      <c r="N987669" s="10"/>
    </row>
    <row r="987670" spans="14:14">
      <c r="N987670" s="10"/>
    </row>
    <row r="987671" spans="14:14">
      <c r="N987671" s="10"/>
    </row>
    <row r="987672" spans="14:14">
      <c r="N987672" s="10"/>
    </row>
    <row r="987673" spans="14:14">
      <c r="N987673" s="10"/>
    </row>
    <row r="987674" spans="14:14">
      <c r="N987674" s="10"/>
    </row>
    <row r="987675" spans="14:14">
      <c r="N987675" s="10"/>
    </row>
    <row r="987676" spans="14:14">
      <c r="N987676" s="10"/>
    </row>
    <row r="987677" spans="14:14">
      <c r="N987677" s="10"/>
    </row>
    <row r="987678" spans="14:14">
      <c r="N987678" s="10"/>
    </row>
    <row r="987679" spans="14:14">
      <c r="N987679" s="10"/>
    </row>
    <row r="987680" spans="14:14">
      <c r="N987680" s="10"/>
    </row>
    <row r="987681" spans="14:14">
      <c r="N987681" s="10"/>
    </row>
    <row r="987682" spans="14:14">
      <c r="N987682" s="10"/>
    </row>
    <row r="987683" spans="14:14">
      <c r="N987683" s="10"/>
    </row>
    <row r="987684" spans="14:14">
      <c r="N987684" s="10"/>
    </row>
    <row r="987685" spans="14:14">
      <c r="N987685" s="10"/>
    </row>
    <row r="987686" spans="14:14">
      <c r="N987686" s="10"/>
    </row>
    <row r="987687" spans="14:14">
      <c r="N987687" s="10"/>
    </row>
    <row r="987688" spans="14:14">
      <c r="N987688" s="10"/>
    </row>
    <row r="987689" spans="14:14">
      <c r="N987689" s="10"/>
    </row>
    <row r="987690" spans="14:14">
      <c r="N987690" s="10"/>
    </row>
    <row r="987691" spans="14:14">
      <c r="N987691" s="10"/>
    </row>
    <row r="987692" spans="14:14">
      <c r="N987692" s="10"/>
    </row>
    <row r="987693" spans="14:14">
      <c r="N987693" s="10"/>
    </row>
    <row r="987694" spans="14:14">
      <c r="N987694" s="10"/>
    </row>
    <row r="987695" spans="14:14">
      <c r="N987695" s="10"/>
    </row>
    <row r="987696" spans="14:14">
      <c r="N987696" s="10"/>
    </row>
    <row r="987697" spans="14:14">
      <c r="N987697" s="10"/>
    </row>
    <row r="987698" spans="14:14">
      <c r="N987698" s="10"/>
    </row>
    <row r="987699" spans="14:14">
      <c r="N987699" s="10"/>
    </row>
    <row r="987700" spans="14:14">
      <c r="N987700" s="10"/>
    </row>
    <row r="987701" spans="14:14">
      <c r="N987701" s="10"/>
    </row>
    <row r="987702" spans="14:14">
      <c r="N987702" s="10"/>
    </row>
    <row r="987703" spans="14:14">
      <c r="N987703" s="10"/>
    </row>
    <row r="987704" spans="14:14">
      <c r="N987704" s="10"/>
    </row>
    <row r="987705" spans="14:14">
      <c r="N987705" s="10"/>
    </row>
    <row r="987706" spans="14:14">
      <c r="N987706" s="10"/>
    </row>
    <row r="987707" spans="14:14">
      <c r="N987707" s="10"/>
    </row>
    <row r="987708" spans="14:14">
      <c r="N987708" s="10"/>
    </row>
    <row r="987709" spans="14:14">
      <c r="N987709" s="10"/>
    </row>
    <row r="987710" spans="14:14">
      <c r="N987710" s="10"/>
    </row>
    <row r="987711" spans="14:14">
      <c r="N987711" s="10"/>
    </row>
    <row r="987712" spans="14:14">
      <c r="N987712" s="10"/>
    </row>
    <row r="987713" spans="14:14">
      <c r="N987713" s="10"/>
    </row>
    <row r="987714" spans="14:14">
      <c r="N987714" s="10"/>
    </row>
    <row r="987715" spans="14:14">
      <c r="N987715" s="10"/>
    </row>
    <row r="987716" spans="14:14">
      <c r="N987716" s="10"/>
    </row>
    <row r="987717" spans="14:14">
      <c r="N987717" s="10"/>
    </row>
    <row r="987718" spans="14:14">
      <c r="N987718" s="10"/>
    </row>
    <row r="987719" spans="14:14">
      <c r="N987719" s="10"/>
    </row>
    <row r="987720" spans="14:14">
      <c r="N987720" s="10"/>
    </row>
    <row r="987721" spans="14:14">
      <c r="N987721" s="10"/>
    </row>
    <row r="987722" spans="14:14">
      <c r="N987722" s="10"/>
    </row>
    <row r="987723" spans="14:14">
      <c r="N987723" s="10"/>
    </row>
    <row r="987724" spans="14:14">
      <c r="N987724" s="10"/>
    </row>
    <row r="987725" spans="14:14">
      <c r="N987725" s="10"/>
    </row>
    <row r="987726" spans="14:14">
      <c r="N987726" s="10"/>
    </row>
    <row r="987727" spans="14:14">
      <c r="N987727" s="10"/>
    </row>
    <row r="987728" spans="14:14">
      <c r="N987728" s="10"/>
    </row>
    <row r="987729" spans="14:14">
      <c r="N987729" s="10"/>
    </row>
    <row r="987730" spans="14:14">
      <c r="N987730" s="10"/>
    </row>
    <row r="987731" spans="14:14">
      <c r="N987731" s="10"/>
    </row>
    <row r="987732" spans="14:14">
      <c r="N987732" s="10"/>
    </row>
    <row r="987733" spans="14:14">
      <c r="N987733" s="10"/>
    </row>
    <row r="987734" spans="14:14">
      <c r="N987734" s="10"/>
    </row>
    <row r="987735" spans="14:14">
      <c r="N987735" s="10"/>
    </row>
    <row r="987736" spans="14:14">
      <c r="N987736" s="10"/>
    </row>
    <row r="987737" spans="14:14">
      <c r="N987737" s="10"/>
    </row>
    <row r="987738" spans="14:14">
      <c r="N987738" s="10"/>
    </row>
    <row r="987739" spans="14:14">
      <c r="N987739" s="10"/>
    </row>
    <row r="987740" spans="14:14">
      <c r="N987740" s="10"/>
    </row>
    <row r="987741" spans="14:14">
      <c r="N987741" s="10"/>
    </row>
    <row r="987742" spans="14:14">
      <c r="N987742" s="10"/>
    </row>
    <row r="987743" spans="14:14">
      <c r="N987743" s="10"/>
    </row>
    <row r="987744" spans="14:14">
      <c r="N987744" s="10"/>
    </row>
    <row r="987745" spans="14:14">
      <c r="N987745" s="10"/>
    </row>
    <row r="987746" spans="14:14">
      <c r="N987746" s="10"/>
    </row>
    <row r="987747" spans="14:14">
      <c r="N987747" s="10"/>
    </row>
    <row r="987748" spans="14:14">
      <c r="N987748" s="10"/>
    </row>
    <row r="987749" spans="14:14">
      <c r="N987749" s="10"/>
    </row>
    <row r="987750" spans="14:14">
      <c r="N987750" s="10"/>
    </row>
    <row r="987751" spans="14:14">
      <c r="N987751" s="10"/>
    </row>
    <row r="987752" spans="14:14">
      <c r="N987752" s="10"/>
    </row>
    <row r="987753" spans="14:14">
      <c r="N987753" s="10"/>
    </row>
    <row r="987754" spans="14:14">
      <c r="N987754" s="10"/>
    </row>
    <row r="987755" spans="14:14">
      <c r="N987755" s="10"/>
    </row>
    <row r="987756" spans="14:14">
      <c r="N987756" s="10"/>
    </row>
    <row r="987757" spans="14:14">
      <c r="N987757" s="10"/>
    </row>
    <row r="987758" spans="14:14">
      <c r="N987758" s="10"/>
    </row>
    <row r="987759" spans="14:14">
      <c r="N987759" s="10"/>
    </row>
    <row r="987760" spans="14:14">
      <c r="N987760" s="10"/>
    </row>
    <row r="987761" spans="14:14">
      <c r="N987761" s="10"/>
    </row>
    <row r="987762" spans="14:14">
      <c r="N987762" s="10"/>
    </row>
    <row r="987763" spans="14:14">
      <c r="N987763" s="10"/>
    </row>
    <row r="987764" spans="14:14">
      <c r="N987764" s="10"/>
    </row>
    <row r="987765" spans="14:14">
      <c r="N987765" s="10"/>
    </row>
    <row r="987766" spans="14:14">
      <c r="N987766" s="10"/>
    </row>
    <row r="987767" spans="14:14">
      <c r="N987767" s="10"/>
    </row>
    <row r="987768" spans="14:14">
      <c r="N987768" s="10"/>
    </row>
    <row r="987769" spans="14:14">
      <c r="N987769" s="10"/>
    </row>
    <row r="987770" spans="14:14">
      <c r="N987770" s="10"/>
    </row>
    <row r="987771" spans="14:14">
      <c r="N987771" s="10"/>
    </row>
    <row r="987772" spans="14:14">
      <c r="N987772" s="10"/>
    </row>
    <row r="987773" spans="14:14">
      <c r="N987773" s="10"/>
    </row>
    <row r="987774" spans="14:14">
      <c r="N987774" s="10"/>
    </row>
    <row r="987775" spans="14:14">
      <c r="N987775" s="10"/>
    </row>
    <row r="987776" spans="14:14">
      <c r="N987776" s="10"/>
    </row>
    <row r="987777" spans="14:14">
      <c r="N987777" s="10"/>
    </row>
    <row r="987778" spans="14:14">
      <c r="N987778" s="10"/>
    </row>
    <row r="987779" spans="14:14">
      <c r="N987779" s="10"/>
    </row>
    <row r="987780" spans="14:14">
      <c r="N987780" s="10"/>
    </row>
    <row r="987781" spans="14:14">
      <c r="N987781" s="10"/>
    </row>
    <row r="987782" spans="14:14">
      <c r="N987782" s="10"/>
    </row>
    <row r="987783" spans="14:14">
      <c r="N987783" s="10"/>
    </row>
    <row r="987784" spans="14:14">
      <c r="N987784" s="10"/>
    </row>
    <row r="987785" spans="14:14">
      <c r="N987785" s="10"/>
    </row>
    <row r="987786" spans="14:14">
      <c r="N987786" s="10"/>
    </row>
    <row r="987787" spans="14:14">
      <c r="N987787" s="10"/>
    </row>
    <row r="987788" spans="14:14">
      <c r="N987788" s="10"/>
    </row>
    <row r="987789" spans="14:14">
      <c r="N987789" s="10"/>
    </row>
    <row r="987790" spans="14:14">
      <c r="N987790" s="10"/>
    </row>
    <row r="987791" spans="14:14">
      <c r="N987791" s="10"/>
    </row>
    <row r="987792" spans="14:14">
      <c r="N987792" s="10"/>
    </row>
    <row r="987793" spans="14:14">
      <c r="N987793" s="10"/>
    </row>
    <row r="987794" spans="14:14">
      <c r="N987794" s="10"/>
    </row>
    <row r="987795" spans="14:14">
      <c r="N987795" s="10"/>
    </row>
    <row r="987796" spans="14:14">
      <c r="N987796" s="10"/>
    </row>
    <row r="987797" spans="14:14">
      <c r="N987797" s="10"/>
    </row>
    <row r="987798" spans="14:14">
      <c r="N987798" s="10"/>
    </row>
    <row r="987799" spans="14:14">
      <c r="N987799" s="10"/>
    </row>
    <row r="987800" spans="14:14">
      <c r="N987800" s="10"/>
    </row>
    <row r="987801" spans="14:14">
      <c r="N987801" s="10"/>
    </row>
    <row r="987802" spans="14:14">
      <c r="N987802" s="10"/>
    </row>
    <row r="987803" spans="14:14">
      <c r="N987803" s="10"/>
    </row>
    <row r="987804" spans="14:14">
      <c r="N987804" s="10"/>
    </row>
    <row r="987805" spans="14:14">
      <c r="N987805" s="10"/>
    </row>
    <row r="987806" spans="14:14">
      <c r="N987806" s="10"/>
    </row>
    <row r="987807" spans="14:14">
      <c r="N987807" s="10"/>
    </row>
    <row r="987808" spans="14:14">
      <c r="N987808" s="10"/>
    </row>
    <row r="987809" spans="14:14">
      <c r="N987809" s="10"/>
    </row>
    <row r="987810" spans="14:14">
      <c r="N987810" s="10"/>
    </row>
    <row r="987811" spans="14:14">
      <c r="N987811" s="10"/>
    </row>
    <row r="987812" spans="14:14">
      <c r="N987812" s="10"/>
    </row>
    <row r="987813" spans="14:14">
      <c r="N987813" s="10"/>
    </row>
    <row r="987814" spans="14:14">
      <c r="N987814" s="10"/>
    </row>
    <row r="987815" spans="14:14">
      <c r="N987815" s="10"/>
    </row>
    <row r="987816" spans="14:14">
      <c r="N987816" s="10"/>
    </row>
    <row r="987817" spans="14:14">
      <c r="N987817" s="10"/>
    </row>
    <row r="987818" spans="14:14">
      <c r="N987818" s="10"/>
    </row>
    <row r="987819" spans="14:14">
      <c r="N987819" s="10"/>
    </row>
    <row r="987820" spans="14:14">
      <c r="N987820" s="10"/>
    </row>
    <row r="987821" spans="14:14">
      <c r="N987821" s="10"/>
    </row>
    <row r="987822" spans="14:14">
      <c r="N987822" s="10"/>
    </row>
    <row r="987823" spans="14:14">
      <c r="N987823" s="10"/>
    </row>
    <row r="987824" spans="14:14">
      <c r="N987824" s="10"/>
    </row>
    <row r="987825" spans="14:14">
      <c r="N987825" s="10"/>
    </row>
    <row r="987826" spans="14:14">
      <c r="N987826" s="10"/>
    </row>
    <row r="987827" spans="14:14">
      <c r="N987827" s="10"/>
    </row>
    <row r="987828" spans="14:14">
      <c r="N987828" s="10"/>
    </row>
    <row r="987829" spans="14:14">
      <c r="N987829" s="10"/>
    </row>
    <row r="987830" spans="14:14">
      <c r="N987830" s="10"/>
    </row>
    <row r="987831" spans="14:14">
      <c r="N987831" s="10"/>
    </row>
    <row r="987832" spans="14:14">
      <c r="N987832" s="10"/>
    </row>
    <row r="987833" spans="14:14">
      <c r="N987833" s="10"/>
    </row>
    <row r="987834" spans="14:14">
      <c r="N987834" s="10"/>
    </row>
    <row r="987835" spans="14:14">
      <c r="N987835" s="10"/>
    </row>
    <row r="987836" spans="14:14">
      <c r="N987836" s="10"/>
    </row>
    <row r="987837" spans="14:14">
      <c r="N987837" s="10"/>
    </row>
    <row r="987838" spans="14:14">
      <c r="N987838" s="10"/>
    </row>
    <row r="987839" spans="14:14">
      <c r="N987839" s="10"/>
    </row>
    <row r="987840" spans="14:14">
      <c r="N987840" s="10"/>
    </row>
    <row r="987841" spans="14:14">
      <c r="N987841" s="10"/>
    </row>
    <row r="987842" spans="14:14">
      <c r="N987842" s="10"/>
    </row>
    <row r="987843" spans="14:14">
      <c r="N987843" s="10"/>
    </row>
    <row r="987844" spans="14:14">
      <c r="N987844" s="10"/>
    </row>
    <row r="987845" spans="14:14">
      <c r="N987845" s="10"/>
    </row>
    <row r="987846" spans="14:14">
      <c r="N987846" s="10"/>
    </row>
    <row r="987847" spans="14:14">
      <c r="N987847" s="10"/>
    </row>
    <row r="987848" spans="14:14">
      <c r="N987848" s="10"/>
    </row>
    <row r="987849" spans="14:14">
      <c r="N987849" s="10"/>
    </row>
    <row r="987850" spans="14:14">
      <c r="N987850" s="10"/>
    </row>
    <row r="987851" spans="14:14">
      <c r="N987851" s="10"/>
    </row>
    <row r="987852" spans="14:14">
      <c r="N987852" s="10"/>
    </row>
    <row r="987853" spans="14:14">
      <c r="N987853" s="10"/>
    </row>
    <row r="987854" spans="14:14">
      <c r="N987854" s="10"/>
    </row>
    <row r="987855" spans="14:14">
      <c r="N987855" s="10"/>
    </row>
    <row r="987856" spans="14:14">
      <c r="N987856" s="10"/>
    </row>
    <row r="987857" spans="14:14">
      <c r="N987857" s="10"/>
    </row>
    <row r="987858" spans="14:14">
      <c r="N987858" s="10"/>
    </row>
    <row r="987859" spans="14:14">
      <c r="N987859" s="10"/>
    </row>
    <row r="987860" spans="14:14">
      <c r="N987860" s="10"/>
    </row>
    <row r="987861" spans="14:14">
      <c r="N987861" s="10"/>
    </row>
    <row r="987862" spans="14:14">
      <c r="N987862" s="10"/>
    </row>
    <row r="987863" spans="14:14">
      <c r="N987863" s="10"/>
    </row>
    <row r="987864" spans="14:14">
      <c r="N987864" s="10"/>
    </row>
    <row r="987865" spans="14:14">
      <c r="N987865" s="10"/>
    </row>
    <row r="987866" spans="14:14">
      <c r="N987866" s="10"/>
    </row>
    <row r="987867" spans="14:14">
      <c r="N987867" s="10"/>
    </row>
    <row r="987868" spans="14:14">
      <c r="N987868" s="10"/>
    </row>
    <row r="987869" spans="14:14">
      <c r="N987869" s="10"/>
    </row>
    <row r="987870" spans="14:14">
      <c r="N987870" s="10"/>
    </row>
    <row r="987871" spans="14:14">
      <c r="N987871" s="10"/>
    </row>
    <row r="987872" spans="14:14">
      <c r="N987872" s="10"/>
    </row>
    <row r="987873" spans="14:14">
      <c r="N987873" s="10"/>
    </row>
    <row r="987874" spans="14:14">
      <c r="N987874" s="10"/>
    </row>
    <row r="987875" spans="14:14">
      <c r="N987875" s="10"/>
    </row>
    <row r="987876" spans="14:14">
      <c r="N987876" s="10"/>
    </row>
    <row r="987877" spans="14:14">
      <c r="N987877" s="10"/>
    </row>
    <row r="987878" spans="14:14">
      <c r="N987878" s="10"/>
    </row>
    <row r="987879" spans="14:14">
      <c r="N987879" s="10"/>
    </row>
    <row r="987880" spans="14:14">
      <c r="N987880" s="10"/>
    </row>
    <row r="987881" spans="14:14">
      <c r="N987881" s="10"/>
    </row>
    <row r="987882" spans="14:14">
      <c r="N987882" s="10"/>
    </row>
    <row r="987883" spans="14:14">
      <c r="N987883" s="10"/>
    </row>
    <row r="987884" spans="14:14">
      <c r="N987884" s="10"/>
    </row>
    <row r="987885" spans="14:14">
      <c r="N987885" s="10"/>
    </row>
    <row r="987886" spans="14:14">
      <c r="N987886" s="10"/>
    </row>
    <row r="987887" spans="14:14">
      <c r="N987887" s="10"/>
    </row>
    <row r="987888" spans="14:14">
      <c r="N987888" s="10"/>
    </row>
    <row r="987889" spans="14:14">
      <c r="N987889" s="10"/>
    </row>
    <row r="987890" spans="14:14">
      <c r="N987890" s="10"/>
    </row>
    <row r="987891" spans="14:14">
      <c r="N987891" s="10"/>
    </row>
    <row r="987892" spans="14:14">
      <c r="N987892" s="10"/>
    </row>
    <row r="987893" spans="14:14">
      <c r="N987893" s="10"/>
    </row>
    <row r="987894" spans="14:14">
      <c r="N987894" s="10"/>
    </row>
    <row r="987895" spans="14:14">
      <c r="N987895" s="10"/>
    </row>
    <row r="987896" spans="14:14">
      <c r="N987896" s="10"/>
    </row>
    <row r="987897" spans="14:14">
      <c r="N987897" s="10"/>
    </row>
    <row r="987898" spans="14:14">
      <c r="N987898" s="10"/>
    </row>
    <row r="987899" spans="14:14">
      <c r="N987899" s="10"/>
    </row>
    <row r="987900" spans="14:14">
      <c r="N987900" s="10"/>
    </row>
    <row r="987901" spans="14:14">
      <c r="N987901" s="10"/>
    </row>
    <row r="987902" spans="14:14">
      <c r="N987902" s="10"/>
    </row>
    <row r="987903" spans="14:14">
      <c r="N987903" s="10"/>
    </row>
    <row r="987904" spans="14:14">
      <c r="N987904" s="10"/>
    </row>
    <row r="987905" spans="14:14">
      <c r="N987905" s="10"/>
    </row>
    <row r="987906" spans="14:14">
      <c r="N987906" s="10"/>
    </row>
    <row r="987907" spans="14:14">
      <c r="N987907" s="10"/>
    </row>
    <row r="987908" spans="14:14">
      <c r="N987908" s="10"/>
    </row>
    <row r="987909" spans="14:14">
      <c r="N987909" s="10"/>
    </row>
    <row r="987910" spans="14:14">
      <c r="N987910" s="10"/>
    </row>
    <row r="987911" spans="14:14">
      <c r="N987911" s="10"/>
    </row>
    <row r="987912" spans="14:14">
      <c r="N987912" s="10"/>
    </row>
    <row r="987913" spans="14:14">
      <c r="N987913" s="10"/>
    </row>
    <row r="987914" spans="14:14">
      <c r="N987914" s="10"/>
    </row>
    <row r="987915" spans="14:14">
      <c r="N987915" s="10"/>
    </row>
    <row r="987916" spans="14:14">
      <c r="N987916" s="10"/>
    </row>
    <row r="987917" spans="14:14">
      <c r="N987917" s="10"/>
    </row>
    <row r="987918" spans="14:14">
      <c r="N987918" s="10"/>
    </row>
    <row r="987919" spans="14:14">
      <c r="N987919" s="10"/>
    </row>
    <row r="987920" spans="14:14">
      <c r="N987920" s="10"/>
    </row>
    <row r="987921" spans="14:14">
      <c r="N987921" s="10"/>
    </row>
    <row r="987922" spans="14:14">
      <c r="N987922" s="10"/>
    </row>
    <row r="987923" spans="14:14">
      <c r="N987923" s="10"/>
    </row>
    <row r="987924" spans="14:14">
      <c r="N987924" s="10"/>
    </row>
    <row r="987925" spans="14:14">
      <c r="N987925" s="10"/>
    </row>
    <row r="987926" spans="14:14">
      <c r="N987926" s="10"/>
    </row>
    <row r="987927" spans="14:14">
      <c r="N987927" s="10"/>
    </row>
    <row r="987928" spans="14:14">
      <c r="N987928" s="10"/>
    </row>
    <row r="987929" spans="14:14">
      <c r="N987929" s="10"/>
    </row>
    <row r="987930" spans="14:14">
      <c r="N987930" s="10"/>
    </row>
    <row r="987931" spans="14:14">
      <c r="N987931" s="10"/>
    </row>
    <row r="987932" spans="14:14">
      <c r="N987932" s="10"/>
    </row>
    <row r="987933" spans="14:14">
      <c r="N987933" s="10"/>
    </row>
    <row r="987934" spans="14:14">
      <c r="N987934" s="10"/>
    </row>
    <row r="987935" spans="14:14">
      <c r="N987935" s="10"/>
    </row>
    <row r="987936" spans="14:14">
      <c r="N987936" s="10"/>
    </row>
    <row r="987937" spans="14:14">
      <c r="N987937" s="10"/>
    </row>
    <row r="987938" spans="14:14">
      <c r="N987938" s="10"/>
    </row>
    <row r="987939" spans="14:14">
      <c r="N987939" s="10"/>
    </row>
    <row r="987940" spans="14:14">
      <c r="N987940" s="10"/>
    </row>
    <row r="987941" spans="14:14">
      <c r="N987941" s="10"/>
    </row>
    <row r="987942" spans="14:14">
      <c r="N987942" s="10"/>
    </row>
    <row r="987943" spans="14:14">
      <c r="N987943" s="10"/>
    </row>
    <row r="987944" spans="14:14">
      <c r="N987944" s="10"/>
    </row>
    <row r="987945" spans="14:14">
      <c r="N987945" s="10"/>
    </row>
    <row r="987946" spans="14:14">
      <c r="N987946" s="10"/>
    </row>
    <row r="987947" spans="14:14">
      <c r="N987947" s="10"/>
    </row>
    <row r="987948" spans="14:14">
      <c r="N987948" s="10"/>
    </row>
    <row r="987949" spans="14:14">
      <c r="N987949" s="10"/>
    </row>
    <row r="987950" spans="14:14">
      <c r="N987950" s="10"/>
    </row>
    <row r="987951" spans="14:14">
      <c r="N987951" s="10"/>
    </row>
    <row r="987952" spans="14:14">
      <c r="N987952" s="10"/>
    </row>
    <row r="987953" spans="14:14">
      <c r="N987953" s="10"/>
    </row>
    <row r="987954" spans="14:14">
      <c r="N987954" s="10"/>
    </row>
    <row r="987955" spans="14:14">
      <c r="N987955" s="10"/>
    </row>
    <row r="987956" spans="14:14">
      <c r="N987956" s="10"/>
    </row>
    <row r="987957" spans="14:14">
      <c r="N987957" s="10"/>
    </row>
    <row r="987958" spans="14:14">
      <c r="N987958" s="10"/>
    </row>
    <row r="987959" spans="14:14">
      <c r="N987959" s="10"/>
    </row>
    <row r="987960" spans="14:14">
      <c r="N987960" s="10"/>
    </row>
    <row r="987961" spans="14:14">
      <c r="N987961" s="10"/>
    </row>
    <row r="987962" spans="14:14">
      <c r="N987962" s="10"/>
    </row>
    <row r="987963" spans="14:14">
      <c r="N987963" s="10"/>
    </row>
    <row r="987964" spans="14:14">
      <c r="N987964" s="10"/>
    </row>
    <row r="987965" spans="14:14">
      <c r="N987965" s="10"/>
    </row>
    <row r="987966" spans="14:14">
      <c r="N987966" s="10"/>
    </row>
    <row r="987967" spans="14:14">
      <c r="N987967" s="10"/>
    </row>
    <row r="987968" spans="14:14">
      <c r="N987968" s="10"/>
    </row>
    <row r="987969" spans="14:14">
      <c r="N987969" s="10"/>
    </row>
    <row r="987970" spans="14:14">
      <c r="N987970" s="10"/>
    </row>
    <row r="987971" spans="14:14">
      <c r="N987971" s="10"/>
    </row>
    <row r="987972" spans="14:14">
      <c r="N987972" s="10"/>
    </row>
    <row r="987973" spans="14:14">
      <c r="N987973" s="10"/>
    </row>
    <row r="987974" spans="14:14">
      <c r="N987974" s="10"/>
    </row>
    <row r="987975" spans="14:14">
      <c r="N987975" s="10"/>
    </row>
    <row r="987976" spans="14:14">
      <c r="N987976" s="10"/>
    </row>
    <row r="987977" spans="14:14">
      <c r="N987977" s="10"/>
    </row>
    <row r="987978" spans="14:14">
      <c r="N987978" s="10"/>
    </row>
    <row r="987979" spans="14:14">
      <c r="N987979" s="10"/>
    </row>
    <row r="987980" spans="14:14">
      <c r="N987980" s="10"/>
    </row>
    <row r="987981" spans="14:14">
      <c r="N987981" s="10"/>
    </row>
    <row r="987982" spans="14:14">
      <c r="N987982" s="10"/>
    </row>
    <row r="987983" spans="14:14">
      <c r="N987983" s="10"/>
    </row>
    <row r="987984" spans="14:14">
      <c r="N987984" s="10"/>
    </row>
    <row r="987985" spans="14:14">
      <c r="N987985" s="10"/>
    </row>
    <row r="987986" spans="14:14">
      <c r="N987986" s="10"/>
    </row>
    <row r="987987" spans="14:14">
      <c r="N987987" s="10"/>
    </row>
    <row r="987988" spans="14:14">
      <c r="N987988" s="10"/>
    </row>
    <row r="987989" spans="14:14">
      <c r="N987989" s="10"/>
    </row>
    <row r="987990" spans="14:14">
      <c r="N987990" s="10"/>
    </row>
    <row r="987991" spans="14:14">
      <c r="N987991" s="10"/>
    </row>
    <row r="987992" spans="14:14">
      <c r="N987992" s="10"/>
    </row>
    <row r="987993" spans="14:14">
      <c r="N987993" s="10"/>
    </row>
    <row r="987994" spans="14:14">
      <c r="N987994" s="10"/>
    </row>
    <row r="987995" spans="14:14">
      <c r="N987995" s="10"/>
    </row>
    <row r="987996" spans="14:14">
      <c r="N987996" s="10"/>
    </row>
    <row r="987997" spans="14:14">
      <c r="N987997" s="10"/>
    </row>
    <row r="987998" spans="14:14">
      <c r="N987998" s="10"/>
    </row>
    <row r="987999" spans="14:14">
      <c r="N987999" s="10"/>
    </row>
    <row r="988000" spans="14:14">
      <c r="N988000" s="10"/>
    </row>
    <row r="988001" spans="14:14">
      <c r="N988001" s="10"/>
    </row>
    <row r="988002" spans="14:14">
      <c r="N988002" s="10"/>
    </row>
    <row r="988003" spans="14:14">
      <c r="N988003" s="10"/>
    </row>
    <row r="988004" spans="14:14">
      <c r="N988004" s="10"/>
    </row>
    <row r="988005" spans="14:14">
      <c r="N988005" s="10"/>
    </row>
    <row r="988006" spans="14:14">
      <c r="N988006" s="10"/>
    </row>
    <row r="988007" spans="14:14">
      <c r="N988007" s="10"/>
    </row>
    <row r="988008" spans="14:14">
      <c r="N988008" s="10"/>
    </row>
    <row r="988009" spans="14:14">
      <c r="N988009" s="10"/>
    </row>
    <row r="988010" spans="14:14">
      <c r="N988010" s="10"/>
    </row>
    <row r="988011" spans="14:14">
      <c r="N988011" s="10"/>
    </row>
    <row r="988012" spans="14:14">
      <c r="N988012" s="10"/>
    </row>
    <row r="988013" spans="14:14">
      <c r="N988013" s="10"/>
    </row>
    <row r="988014" spans="14:14">
      <c r="N988014" s="10"/>
    </row>
    <row r="988015" spans="14:14">
      <c r="N988015" s="10"/>
    </row>
    <row r="988016" spans="14:14">
      <c r="N988016" s="10"/>
    </row>
    <row r="988017" spans="14:14">
      <c r="N988017" s="10"/>
    </row>
    <row r="988018" spans="14:14">
      <c r="N988018" s="10"/>
    </row>
    <row r="988019" spans="14:14">
      <c r="N988019" s="10"/>
    </row>
    <row r="988020" spans="14:14">
      <c r="N988020" s="10"/>
    </row>
    <row r="988021" spans="14:14">
      <c r="N988021" s="10"/>
    </row>
    <row r="988022" spans="14:14">
      <c r="N988022" s="10"/>
    </row>
    <row r="988023" spans="14:14">
      <c r="N988023" s="10"/>
    </row>
    <row r="988024" spans="14:14">
      <c r="N988024" s="10"/>
    </row>
    <row r="988025" spans="14:14">
      <c r="N988025" s="10"/>
    </row>
    <row r="988026" spans="14:14">
      <c r="N988026" s="10"/>
    </row>
    <row r="988027" spans="14:14">
      <c r="N988027" s="10"/>
    </row>
    <row r="988028" spans="14:14">
      <c r="N988028" s="10"/>
    </row>
    <row r="988029" spans="14:14">
      <c r="N988029" s="10"/>
    </row>
    <row r="988030" spans="14:14">
      <c r="N988030" s="10"/>
    </row>
    <row r="988031" spans="14:14">
      <c r="N988031" s="10"/>
    </row>
    <row r="988032" spans="14:14">
      <c r="N988032" s="10"/>
    </row>
    <row r="988033" spans="14:14">
      <c r="N988033" s="10"/>
    </row>
    <row r="988034" spans="14:14">
      <c r="N988034" s="10"/>
    </row>
    <row r="988035" spans="14:14">
      <c r="N988035" s="10"/>
    </row>
    <row r="988036" spans="14:14">
      <c r="N988036" s="10"/>
    </row>
    <row r="988037" spans="14:14">
      <c r="N988037" s="10"/>
    </row>
    <row r="988038" spans="14:14">
      <c r="N988038" s="10"/>
    </row>
    <row r="988039" spans="14:14">
      <c r="N988039" s="10"/>
    </row>
    <row r="988040" spans="14:14">
      <c r="N988040" s="10"/>
    </row>
    <row r="988041" spans="14:14">
      <c r="N988041" s="10"/>
    </row>
    <row r="988042" spans="14:14">
      <c r="N988042" s="10"/>
    </row>
    <row r="988043" spans="14:14">
      <c r="N988043" s="10"/>
    </row>
    <row r="988044" spans="14:14">
      <c r="N988044" s="10"/>
    </row>
    <row r="988045" spans="14:14">
      <c r="N988045" s="10"/>
    </row>
    <row r="988046" spans="14:14">
      <c r="N988046" s="10"/>
    </row>
    <row r="988047" spans="14:14">
      <c r="N988047" s="10"/>
    </row>
    <row r="988048" spans="14:14">
      <c r="N988048" s="10"/>
    </row>
    <row r="988049" spans="14:14">
      <c r="N988049" s="10"/>
    </row>
    <row r="988050" spans="14:14">
      <c r="N988050" s="10"/>
    </row>
    <row r="988051" spans="14:14">
      <c r="N988051" s="10"/>
    </row>
    <row r="988052" spans="14:14">
      <c r="N988052" s="10"/>
    </row>
    <row r="988053" spans="14:14">
      <c r="N988053" s="10"/>
    </row>
    <row r="988054" spans="14:14">
      <c r="N988054" s="10"/>
    </row>
    <row r="988055" spans="14:14">
      <c r="N988055" s="10"/>
    </row>
    <row r="988056" spans="14:14">
      <c r="N988056" s="10"/>
    </row>
    <row r="988057" spans="14:14">
      <c r="N988057" s="10"/>
    </row>
    <row r="988058" spans="14:14">
      <c r="N988058" s="10"/>
    </row>
    <row r="988059" spans="14:14">
      <c r="N988059" s="10"/>
    </row>
    <row r="988060" spans="14:14">
      <c r="N988060" s="10"/>
    </row>
    <row r="988061" spans="14:14">
      <c r="N988061" s="10"/>
    </row>
    <row r="988062" spans="14:14">
      <c r="N988062" s="10"/>
    </row>
    <row r="988063" spans="14:14">
      <c r="N988063" s="10"/>
    </row>
    <row r="988064" spans="14:14">
      <c r="N988064" s="10"/>
    </row>
    <row r="988065" spans="14:14">
      <c r="N988065" s="10"/>
    </row>
    <row r="988066" spans="14:14">
      <c r="N988066" s="10"/>
    </row>
    <row r="988067" spans="14:14">
      <c r="N988067" s="10"/>
    </row>
    <row r="988068" spans="14:14">
      <c r="N988068" s="10"/>
    </row>
    <row r="988069" spans="14:14">
      <c r="N988069" s="10"/>
    </row>
    <row r="988070" spans="14:14">
      <c r="N988070" s="10"/>
    </row>
    <row r="988071" spans="14:14">
      <c r="N988071" s="10"/>
    </row>
    <row r="988072" spans="14:14">
      <c r="N988072" s="10"/>
    </row>
    <row r="988073" spans="14:14">
      <c r="N988073" s="10"/>
    </row>
    <row r="988074" spans="14:14">
      <c r="N988074" s="10"/>
    </row>
    <row r="988075" spans="14:14">
      <c r="N988075" s="10"/>
    </row>
    <row r="988076" spans="14:14">
      <c r="N988076" s="10"/>
    </row>
    <row r="988077" spans="14:14">
      <c r="N988077" s="10"/>
    </row>
    <row r="988078" spans="14:14">
      <c r="N988078" s="10"/>
    </row>
    <row r="988079" spans="14:14">
      <c r="N988079" s="10"/>
    </row>
    <row r="988080" spans="14:14">
      <c r="N988080" s="10"/>
    </row>
    <row r="988081" spans="14:14">
      <c r="N988081" s="10"/>
    </row>
    <row r="988082" spans="14:14">
      <c r="N988082" s="10"/>
    </row>
    <row r="988083" spans="14:14">
      <c r="N988083" s="10"/>
    </row>
    <row r="988084" spans="14:14">
      <c r="N988084" s="10"/>
    </row>
    <row r="988085" spans="14:14">
      <c r="N988085" s="10"/>
    </row>
    <row r="988086" spans="14:14">
      <c r="N988086" s="10"/>
    </row>
    <row r="988087" spans="14:14">
      <c r="N988087" s="10"/>
    </row>
    <row r="988088" spans="14:14">
      <c r="N988088" s="10"/>
    </row>
    <row r="988089" spans="14:14">
      <c r="N988089" s="10"/>
    </row>
    <row r="988090" spans="14:14">
      <c r="N988090" s="10"/>
    </row>
    <row r="988091" spans="14:14">
      <c r="N988091" s="10"/>
    </row>
    <row r="988092" spans="14:14">
      <c r="N988092" s="10"/>
    </row>
    <row r="988093" spans="14:14">
      <c r="N988093" s="10"/>
    </row>
    <row r="988094" spans="14:14">
      <c r="N988094" s="10"/>
    </row>
    <row r="988095" spans="14:14">
      <c r="N988095" s="10"/>
    </row>
    <row r="988096" spans="14:14">
      <c r="N988096" s="10"/>
    </row>
    <row r="988097" spans="14:14">
      <c r="N988097" s="10"/>
    </row>
    <row r="988098" spans="14:14">
      <c r="N988098" s="10"/>
    </row>
    <row r="988099" spans="14:14">
      <c r="N988099" s="10"/>
    </row>
    <row r="988100" spans="14:14">
      <c r="N988100" s="10"/>
    </row>
    <row r="988101" spans="14:14">
      <c r="N988101" s="10"/>
    </row>
    <row r="988102" spans="14:14">
      <c r="N988102" s="10"/>
    </row>
    <row r="988103" spans="14:14">
      <c r="N988103" s="10"/>
    </row>
    <row r="988104" spans="14:14">
      <c r="N988104" s="10"/>
    </row>
    <row r="988105" spans="14:14">
      <c r="N988105" s="10"/>
    </row>
    <row r="988106" spans="14:14">
      <c r="N988106" s="10"/>
    </row>
    <row r="988107" spans="14:14">
      <c r="N988107" s="10"/>
    </row>
    <row r="988108" spans="14:14">
      <c r="N988108" s="10"/>
    </row>
    <row r="988109" spans="14:14">
      <c r="N988109" s="10"/>
    </row>
    <row r="988110" spans="14:14">
      <c r="N988110" s="10"/>
    </row>
    <row r="988111" spans="14:14">
      <c r="N988111" s="10"/>
    </row>
    <row r="988112" spans="14:14">
      <c r="N988112" s="10"/>
    </row>
    <row r="988113" spans="14:14">
      <c r="N988113" s="10"/>
    </row>
    <row r="988114" spans="14:14">
      <c r="N988114" s="10"/>
    </row>
    <row r="988115" spans="14:14">
      <c r="N988115" s="10"/>
    </row>
    <row r="988116" spans="14:14">
      <c r="N988116" s="10"/>
    </row>
    <row r="988117" spans="14:14">
      <c r="N988117" s="10"/>
    </row>
    <row r="988118" spans="14:14">
      <c r="N988118" s="10"/>
    </row>
    <row r="988119" spans="14:14">
      <c r="N988119" s="10"/>
    </row>
    <row r="988120" spans="14:14">
      <c r="N988120" s="10"/>
    </row>
    <row r="988121" spans="14:14">
      <c r="N988121" s="10"/>
    </row>
    <row r="988122" spans="14:14">
      <c r="N988122" s="10"/>
    </row>
    <row r="988123" spans="14:14">
      <c r="N988123" s="10"/>
    </row>
    <row r="988124" spans="14:14">
      <c r="N988124" s="10"/>
    </row>
    <row r="988125" spans="14:14">
      <c r="N988125" s="10"/>
    </row>
    <row r="988126" spans="14:14">
      <c r="N988126" s="10"/>
    </row>
    <row r="988127" spans="14:14">
      <c r="N988127" s="10"/>
    </row>
    <row r="988128" spans="14:14">
      <c r="N988128" s="10"/>
    </row>
    <row r="988129" spans="14:14">
      <c r="N988129" s="10"/>
    </row>
    <row r="988130" spans="14:14">
      <c r="N988130" s="10"/>
    </row>
    <row r="988131" spans="14:14">
      <c r="N988131" s="10"/>
    </row>
    <row r="988132" spans="14:14">
      <c r="N988132" s="10"/>
    </row>
    <row r="988133" spans="14:14">
      <c r="N988133" s="10"/>
    </row>
    <row r="988134" spans="14:14">
      <c r="N988134" s="10"/>
    </row>
    <row r="988135" spans="14:14">
      <c r="N988135" s="10"/>
    </row>
    <row r="988136" spans="14:14">
      <c r="N988136" s="10"/>
    </row>
    <row r="988137" spans="14:14">
      <c r="N988137" s="10"/>
    </row>
    <row r="988138" spans="14:14">
      <c r="N988138" s="10"/>
    </row>
    <row r="988139" spans="14:14">
      <c r="N988139" s="10"/>
    </row>
    <row r="988140" spans="14:14">
      <c r="N988140" s="10"/>
    </row>
    <row r="988141" spans="14:14">
      <c r="N988141" s="10"/>
    </row>
    <row r="988142" spans="14:14">
      <c r="N988142" s="10"/>
    </row>
    <row r="988143" spans="14:14">
      <c r="N988143" s="10"/>
    </row>
    <row r="988144" spans="14:14">
      <c r="N988144" s="10"/>
    </row>
    <row r="988145" spans="14:14">
      <c r="N988145" s="10"/>
    </row>
    <row r="988146" spans="14:14">
      <c r="N988146" s="10"/>
    </row>
    <row r="988147" spans="14:14">
      <c r="N988147" s="10"/>
    </row>
    <row r="988148" spans="14:14">
      <c r="N988148" s="10"/>
    </row>
    <row r="988149" spans="14:14">
      <c r="N988149" s="10"/>
    </row>
    <row r="988150" spans="14:14">
      <c r="N988150" s="10"/>
    </row>
    <row r="988151" spans="14:14">
      <c r="N988151" s="10"/>
    </row>
    <row r="988152" spans="14:14">
      <c r="N988152" s="10"/>
    </row>
    <row r="988153" spans="14:14">
      <c r="N988153" s="10"/>
    </row>
    <row r="988154" spans="14:14">
      <c r="N988154" s="10"/>
    </row>
    <row r="988155" spans="14:14">
      <c r="N988155" s="10"/>
    </row>
    <row r="988156" spans="14:14">
      <c r="N988156" s="10"/>
    </row>
    <row r="988157" spans="14:14">
      <c r="N988157" s="10"/>
    </row>
    <row r="988158" spans="14:14">
      <c r="N988158" s="10"/>
    </row>
    <row r="988159" spans="14:14">
      <c r="N988159" s="10"/>
    </row>
    <row r="988160" spans="14:14">
      <c r="N988160" s="10"/>
    </row>
    <row r="988161" spans="14:14">
      <c r="N988161" s="10"/>
    </row>
    <row r="988162" spans="14:14">
      <c r="N988162" s="10"/>
    </row>
    <row r="988163" spans="14:14">
      <c r="N988163" s="10"/>
    </row>
    <row r="988164" spans="14:14">
      <c r="N988164" s="10"/>
    </row>
    <row r="988165" spans="14:14">
      <c r="N988165" s="10"/>
    </row>
    <row r="988166" spans="14:14">
      <c r="N988166" s="10"/>
    </row>
    <row r="988167" spans="14:14">
      <c r="N988167" s="10"/>
    </row>
    <row r="988168" spans="14:14">
      <c r="N988168" s="10"/>
    </row>
    <row r="988169" spans="14:14">
      <c r="N988169" s="10"/>
    </row>
    <row r="988170" spans="14:14">
      <c r="N988170" s="10"/>
    </row>
    <row r="988171" spans="14:14">
      <c r="N988171" s="10"/>
    </row>
    <row r="988172" spans="14:14">
      <c r="N988172" s="10"/>
    </row>
    <row r="988173" spans="14:14">
      <c r="N988173" s="10"/>
    </row>
    <row r="988174" spans="14:14">
      <c r="N988174" s="10"/>
    </row>
    <row r="988175" spans="14:14">
      <c r="N988175" s="10"/>
    </row>
    <row r="988176" spans="14:14">
      <c r="N988176" s="10"/>
    </row>
    <row r="988177" spans="14:14">
      <c r="N988177" s="10"/>
    </row>
    <row r="988178" spans="14:14">
      <c r="N988178" s="10"/>
    </row>
    <row r="988179" spans="14:14">
      <c r="N988179" s="10"/>
    </row>
    <row r="988180" spans="14:14">
      <c r="N988180" s="10"/>
    </row>
    <row r="988181" spans="14:14">
      <c r="N988181" s="10"/>
    </row>
    <row r="988182" spans="14:14">
      <c r="N988182" s="10"/>
    </row>
    <row r="988183" spans="14:14">
      <c r="N988183" s="10"/>
    </row>
    <row r="988184" spans="14:14">
      <c r="N988184" s="10"/>
    </row>
    <row r="988185" spans="14:14">
      <c r="N988185" s="10"/>
    </row>
    <row r="988186" spans="14:14">
      <c r="N988186" s="10"/>
    </row>
    <row r="988187" spans="14:14">
      <c r="N988187" s="10"/>
    </row>
    <row r="988188" spans="14:14">
      <c r="N988188" s="10"/>
    </row>
    <row r="988189" spans="14:14">
      <c r="N988189" s="10"/>
    </row>
    <row r="988190" spans="14:14">
      <c r="N988190" s="10"/>
    </row>
    <row r="988191" spans="14:14">
      <c r="N988191" s="10"/>
    </row>
    <row r="988192" spans="14:14">
      <c r="N988192" s="10"/>
    </row>
    <row r="988193" spans="14:14">
      <c r="N988193" s="10"/>
    </row>
    <row r="988194" spans="14:14">
      <c r="N988194" s="10"/>
    </row>
    <row r="988195" spans="14:14">
      <c r="N988195" s="10"/>
    </row>
    <row r="988196" spans="14:14">
      <c r="N988196" s="10"/>
    </row>
    <row r="988197" spans="14:14">
      <c r="N988197" s="10"/>
    </row>
    <row r="988198" spans="14:14">
      <c r="N988198" s="10"/>
    </row>
    <row r="988199" spans="14:14">
      <c r="N988199" s="10"/>
    </row>
    <row r="988200" spans="14:14">
      <c r="N988200" s="10"/>
    </row>
    <row r="988201" spans="14:14">
      <c r="N988201" s="10"/>
    </row>
    <row r="988202" spans="14:14">
      <c r="N988202" s="10"/>
    </row>
    <row r="988203" spans="14:14">
      <c r="N988203" s="10"/>
    </row>
    <row r="988204" spans="14:14">
      <c r="N988204" s="10"/>
    </row>
    <row r="988205" spans="14:14">
      <c r="N988205" s="10"/>
    </row>
    <row r="988206" spans="14:14">
      <c r="N988206" s="10"/>
    </row>
    <row r="988207" spans="14:14">
      <c r="N988207" s="10"/>
    </row>
    <row r="988208" spans="14:14">
      <c r="N988208" s="10"/>
    </row>
    <row r="988209" spans="14:14">
      <c r="N988209" s="10"/>
    </row>
    <row r="988210" spans="14:14">
      <c r="N988210" s="10"/>
    </row>
    <row r="988211" spans="14:14">
      <c r="N988211" s="10"/>
    </row>
    <row r="988212" spans="14:14">
      <c r="N988212" s="10"/>
    </row>
    <row r="988213" spans="14:14">
      <c r="N988213" s="10"/>
    </row>
    <row r="988214" spans="14:14">
      <c r="N988214" s="10"/>
    </row>
    <row r="988215" spans="14:14">
      <c r="N988215" s="10"/>
    </row>
    <row r="988216" spans="14:14">
      <c r="N988216" s="10"/>
    </row>
    <row r="988217" spans="14:14">
      <c r="N988217" s="10"/>
    </row>
    <row r="988218" spans="14:14">
      <c r="N988218" s="10"/>
    </row>
    <row r="988219" spans="14:14">
      <c r="N988219" s="10"/>
    </row>
    <row r="988220" spans="14:14">
      <c r="N988220" s="10"/>
    </row>
    <row r="988221" spans="14:14">
      <c r="N988221" s="10"/>
    </row>
    <row r="988222" spans="14:14">
      <c r="N988222" s="10"/>
    </row>
    <row r="988223" spans="14:14">
      <c r="N988223" s="10"/>
    </row>
    <row r="988224" spans="14:14">
      <c r="N988224" s="10"/>
    </row>
    <row r="988225" spans="14:14">
      <c r="N988225" s="10"/>
    </row>
    <row r="988226" spans="14:14">
      <c r="N988226" s="10"/>
    </row>
    <row r="988227" spans="14:14">
      <c r="N988227" s="10"/>
    </row>
    <row r="988228" spans="14:14">
      <c r="N988228" s="10"/>
    </row>
    <row r="988229" spans="14:14">
      <c r="N988229" s="10"/>
    </row>
    <row r="988230" spans="14:14">
      <c r="N988230" s="10"/>
    </row>
    <row r="988231" spans="14:14">
      <c r="N988231" s="10"/>
    </row>
    <row r="988232" spans="14:14">
      <c r="N988232" s="10"/>
    </row>
    <row r="988233" spans="14:14">
      <c r="N988233" s="10"/>
    </row>
    <row r="988234" spans="14:14">
      <c r="N988234" s="10"/>
    </row>
    <row r="988235" spans="14:14">
      <c r="N988235" s="10"/>
    </row>
    <row r="988236" spans="14:14">
      <c r="N988236" s="10"/>
    </row>
    <row r="988237" spans="14:14">
      <c r="N988237" s="10"/>
    </row>
    <row r="988238" spans="14:14">
      <c r="N988238" s="10"/>
    </row>
    <row r="988239" spans="14:14">
      <c r="N988239" s="10"/>
    </row>
    <row r="988240" spans="14:14">
      <c r="N988240" s="10"/>
    </row>
    <row r="988241" spans="14:14">
      <c r="N988241" s="10"/>
    </row>
    <row r="988242" spans="14:14">
      <c r="N988242" s="10"/>
    </row>
    <row r="988243" spans="14:14">
      <c r="N988243" s="10"/>
    </row>
    <row r="988244" spans="14:14">
      <c r="N988244" s="10"/>
    </row>
    <row r="988245" spans="14:14">
      <c r="N988245" s="10"/>
    </row>
    <row r="988246" spans="14:14">
      <c r="N988246" s="10"/>
    </row>
    <row r="988247" spans="14:14">
      <c r="N988247" s="10"/>
    </row>
    <row r="988248" spans="14:14">
      <c r="N988248" s="10"/>
    </row>
    <row r="988249" spans="14:14">
      <c r="N988249" s="10"/>
    </row>
    <row r="988250" spans="14:14">
      <c r="N988250" s="10"/>
    </row>
    <row r="988251" spans="14:14">
      <c r="N988251" s="10"/>
    </row>
    <row r="988252" spans="14:14">
      <c r="N988252" s="10"/>
    </row>
    <row r="988253" spans="14:14">
      <c r="N988253" s="10"/>
    </row>
    <row r="988254" spans="14:14">
      <c r="N988254" s="10"/>
    </row>
    <row r="988255" spans="14:14">
      <c r="N988255" s="10"/>
    </row>
    <row r="988256" spans="14:14">
      <c r="N988256" s="10"/>
    </row>
    <row r="988257" spans="14:14">
      <c r="N988257" s="10"/>
    </row>
    <row r="988258" spans="14:14">
      <c r="N988258" s="10"/>
    </row>
    <row r="988259" spans="14:14">
      <c r="N988259" s="10"/>
    </row>
    <row r="988260" spans="14:14">
      <c r="N988260" s="10"/>
    </row>
    <row r="988261" spans="14:14">
      <c r="N988261" s="10"/>
    </row>
    <row r="988262" spans="14:14">
      <c r="N988262" s="10"/>
    </row>
    <row r="988263" spans="14:14">
      <c r="N988263" s="10"/>
    </row>
    <row r="988264" spans="14:14">
      <c r="N988264" s="10"/>
    </row>
    <row r="988265" spans="14:14">
      <c r="N988265" s="10"/>
    </row>
    <row r="988266" spans="14:14">
      <c r="N988266" s="10"/>
    </row>
    <row r="988267" spans="14:14">
      <c r="N988267" s="10"/>
    </row>
    <row r="988268" spans="14:14">
      <c r="N988268" s="10"/>
    </row>
    <row r="988269" spans="14:14">
      <c r="N988269" s="10"/>
    </row>
    <row r="988270" spans="14:14">
      <c r="N988270" s="10"/>
    </row>
    <row r="988271" spans="14:14">
      <c r="N988271" s="10"/>
    </row>
    <row r="988272" spans="14:14">
      <c r="N988272" s="10"/>
    </row>
    <row r="988273" spans="14:14">
      <c r="N988273" s="10"/>
    </row>
    <row r="988274" spans="14:14">
      <c r="N988274" s="10"/>
    </row>
    <row r="988275" spans="14:14">
      <c r="N988275" s="10"/>
    </row>
    <row r="988276" spans="14:14">
      <c r="N988276" s="10"/>
    </row>
    <row r="988277" spans="14:14">
      <c r="N988277" s="10"/>
    </row>
    <row r="988278" spans="14:14">
      <c r="N988278" s="10"/>
    </row>
    <row r="988279" spans="14:14">
      <c r="N988279" s="10"/>
    </row>
    <row r="988280" spans="14:14">
      <c r="N988280" s="10"/>
    </row>
    <row r="988281" spans="14:14">
      <c r="N988281" s="10"/>
    </row>
    <row r="988282" spans="14:14">
      <c r="N988282" s="10"/>
    </row>
    <row r="988283" spans="14:14">
      <c r="N988283" s="10"/>
    </row>
    <row r="988284" spans="14:14">
      <c r="N988284" s="10"/>
    </row>
    <row r="988285" spans="14:14">
      <c r="N988285" s="10"/>
    </row>
    <row r="988286" spans="14:14">
      <c r="N988286" s="10"/>
    </row>
    <row r="988287" spans="14:14">
      <c r="N988287" s="10"/>
    </row>
    <row r="988288" spans="14:14">
      <c r="N988288" s="10"/>
    </row>
    <row r="988289" spans="14:14">
      <c r="N988289" s="10"/>
    </row>
    <row r="988290" spans="14:14">
      <c r="N988290" s="10"/>
    </row>
    <row r="988291" spans="14:14">
      <c r="N988291" s="10"/>
    </row>
    <row r="988292" spans="14:14">
      <c r="N988292" s="10"/>
    </row>
    <row r="988293" spans="14:14">
      <c r="N988293" s="10"/>
    </row>
    <row r="988294" spans="14:14">
      <c r="N988294" s="10"/>
    </row>
    <row r="988295" spans="14:14">
      <c r="N988295" s="10"/>
    </row>
    <row r="988296" spans="14:14">
      <c r="N988296" s="10"/>
    </row>
    <row r="988297" spans="14:14">
      <c r="N988297" s="10"/>
    </row>
    <row r="988298" spans="14:14">
      <c r="N988298" s="10"/>
    </row>
    <row r="988299" spans="14:14">
      <c r="N988299" s="10"/>
    </row>
    <row r="988300" spans="14:14">
      <c r="N988300" s="10"/>
    </row>
    <row r="988301" spans="14:14">
      <c r="N988301" s="10"/>
    </row>
    <row r="988302" spans="14:14">
      <c r="N988302" s="10"/>
    </row>
    <row r="988303" spans="14:14">
      <c r="N988303" s="10"/>
    </row>
    <row r="988304" spans="14:14">
      <c r="N988304" s="10"/>
    </row>
    <row r="988305" spans="14:14">
      <c r="N988305" s="10"/>
    </row>
    <row r="988306" spans="14:14">
      <c r="N988306" s="10"/>
    </row>
    <row r="988307" spans="14:14">
      <c r="N988307" s="10"/>
    </row>
    <row r="988308" spans="14:14">
      <c r="N988308" s="10"/>
    </row>
    <row r="988309" spans="14:14">
      <c r="N988309" s="10"/>
    </row>
    <row r="988310" spans="14:14">
      <c r="N988310" s="10"/>
    </row>
    <row r="988311" spans="14:14">
      <c r="N988311" s="10"/>
    </row>
    <row r="988312" spans="14:14">
      <c r="N988312" s="10"/>
    </row>
    <row r="988313" spans="14:14">
      <c r="N988313" s="10"/>
    </row>
    <row r="988314" spans="14:14">
      <c r="N988314" s="10"/>
    </row>
    <row r="988315" spans="14:14">
      <c r="N988315" s="10"/>
    </row>
    <row r="988316" spans="14:14">
      <c r="N988316" s="10"/>
    </row>
    <row r="988317" spans="14:14">
      <c r="N988317" s="10"/>
    </row>
    <row r="988318" spans="14:14">
      <c r="N988318" s="10"/>
    </row>
    <row r="988319" spans="14:14">
      <c r="N988319" s="10"/>
    </row>
    <row r="988320" spans="14:14">
      <c r="N988320" s="10"/>
    </row>
    <row r="988321" spans="14:14">
      <c r="N988321" s="10"/>
    </row>
    <row r="988322" spans="14:14">
      <c r="N988322" s="10"/>
    </row>
    <row r="988323" spans="14:14">
      <c r="N988323" s="10"/>
    </row>
    <row r="988324" spans="14:14">
      <c r="N988324" s="10"/>
    </row>
    <row r="988325" spans="14:14">
      <c r="N988325" s="10"/>
    </row>
    <row r="988326" spans="14:14">
      <c r="N988326" s="10"/>
    </row>
    <row r="988327" spans="14:14">
      <c r="N988327" s="10"/>
    </row>
    <row r="988328" spans="14:14">
      <c r="N988328" s="10"/>
    </row>
    <row r="988329" spans="14:14">
      <c r="N988329" s="10"/>
    </row>
    <row r="988330" spans="14:14">
      <c r="N988330" s="10"/>
    </row>
    <row r="988331" spans="14:14">
      <c r="N988331" s="10"/>
    </row>
    <row r="988332" spans="14:14">
      <c r="N988332" s="10"/>
    </row>
    <row r="988333" spans="14:14">
      <c r="N988333" s="10"/>
    </row>
    <row r="988334" spans="14:14">
      <c r="N988334" s="10"/>
    </row>
    <row r="988335" spans="14:14">
      <c r="N988335" s="10"/>
    </row>
    <row r="988336" spans="14:14">
      <c r="N988336" s="10"/>
    </row>
    <row r="988337" spans="14:14">
      <c r="N988337" s="10"/>
    </row>
    <row r="988338" spans="14:14">
      <c r="N988338" s="10"/>
    </row>
    <row r="988339" spans="14:14">
      <c r="N988339" s="10"/>
    </row>
    <row r="988340" spans="14:14">
      <c r="N988340" s="10"/>
    </row>
    <row r="988341" spans="14:14">
      <c r="N988341" s="10"/>
    </row>
    <row r="988342" spans="14:14">
      <c r="N988342" s="10"/>
    </row>
    <row r="988343" spans="14:14">
      <c r="N988343" s="10"/>
    </row>
    <row r="988344" spans="14:14">
      <c r="N988344" s="10"/>
    </row>
    <row r="988345" spans="14:14">
      <c r="N988345" s="10"/>
    </row>
    <row r="988346" spans="14:14">
      <c r="N988346" s="10"/>
    </row>
    <row r="988347" spans="14:14">
      <c r="N988347" s="10"/>
    </row>
    <row r="988348" spans="14:14">
      <c r="N988348" s="10"/>
    </row>
    <row r="988349" spans="14:14">
      <c r="N988349" s="10"/>
    </row>
    <row r="988350" spans="14:14">
      <c r="N988350" s="10"/>
    </row>
    <row r="988351" spans="14:14">
      <c r="N988351" s="10"/>
    </row>
    <row r="988352" spans="14:14">
      <c r="N988352" s="10"/>
    </row>
    <row r="988353" spans="14:14">
      <c r="N988353" s="10"/>
    </row>
    <row r="988354" spans="14:14">
      <c r="N988354" s="10"/>
    </row>
    <row r="988355" spans="14:14">
      <c r="N988355" s="10"/>
    </row>
    <row r="988356" spans="14:14">
      <c r="N988356" s="10"/>
    </row>
    <row r="988357" spans="14:14">
      <c r="N988357" s="10"/>
    </row>
    <row r="988358" spans="14:14">
      <c r="N988358" s="10"/>
    </row>
    <row r="988359" spans="14:14">
      <c r="N988359" s="10"/>
    </row>
    <row r="988360" spans="14:14">
      <c r="N988360" s="10"/>
    </row>
    <row r="988361" spans="14:14">
      <c r="N988361" s="10"/>
    </row>
    <row r="988362" spans="14:14">
      <c r="N988362" s="10"/>
    </row>
    <row r="988363" spans="14:14">
      <c r="N988363" s="10"/>
    </row>
    <row r="988364" spans="14:14">
      <c r="N988364" s="10"/>
    </row>
    <row r="988365" spans="14:14">
      <c r="N988365" s="10"/>
    </row>
    <row r="988366" spans="14:14">
      <c r="N988366" s="10"/>
    </row>
    <row r="988367" spans="14:14">
      <c r="N988367" s="10"/>
    </row>
    <row r="988368" spans="14:14">
      <c r="N988368" s="10"/>
    </row>
    <row r="988369" spans="14:14">
      <c r="N988369" s="10"/>
    </row>
    <row r="988370" spans="14:14">
      <c r="N988370" s="10"/>
    </row>
    <row r="988371" spans="14:14">
      <c r="N988371" s="10"/>
    </row>
    <row r="988372" spans="14:14">
      <c r="N988372" s="10"/>
    </row>
    <row r="988373" spans="14:14">
      <c r="N988373" s="10"/>
    </row>
    <row r="988374" spans="14:14">
      <c r="N988374" s="10"/>
    </row>
    <row r="988375" spans="14:14">
      <c r="N988375" s="10"/>
    </row>
    <row r="988376" spans="14:14">
      <c r="N988376" s="10"/>
    </row>
    <row r="988377" spans="14:14">
      <c r="N988377" s="10"/>
    </row>
    <row r="988378" spans="14:14">
      <c r="N988378" s="10"/>
    </row>
    <row r="988379" spans="14:14">
      <c r="N988379" s="10"/>
    </row>
    <row r="988380" spans="14:14">
      <c r="N988380" s="10"/>
    </row>
    <row r="988381" spans="14:14">
      <c r="N988381" s="10"/>
    </row>
    <row r="988382" spans="14:14">
      <c r="N988382" s="10"/>
    </row>
    <row r="988383" spans="14:14">
      <c r="N988383" s="10"/>
    </row>
    <row r="988384" spans="14:14">
      <c r="N988384" s="10"/>
    </row>
    <row r="988385" spans="14:14">
      <c r="N988385" s="10"/>
    </row>
    <row r="988386" spans="14:14">
      <c r="N988386" s="10"/>
    </row>
    <row r="988387" spans="14:14">
      <c r="N988387" s="10"/>
    </row>
    <row r="988388" spans="14:14">
      <c r="N988388" s="10"/>
    </row>
    <row r="988389" spans="14:14">
      <c r="N988389" s="10"/>
    </row>
    <row r="988390" spans="14:14">
      <c r="N988390" s="10"/>
    </row>
    <row r="988391" spans="14:14">
      <c r="N988391" s="10"/>
    </row>
    <row r="988392" spans="14:14">
      <c r="N988392" s="10"/>
    </row>
    <row r="988393" spans="14:14">
      <c r="N988393" s="10"/>
    </row>
    <row r="988394" spans="14:14">
      <c r="N988394" s="10"/>
    </row>
    <row r="988395" spans="14:14">
      <c r="N988395" s="10"/>
    </row>
    <row r="988396" spans="14:14">
      <c r="N988396" s="10"/>
    </row>
    <row r="988397" spans="14:14">
      <c r="N988397" s="10"/>
    </row>
    <row r="988398" spans="14:14">
      <c r="N988398" s="10"/>
    </row>
    <row r="988399" spans="14:14">
      <c r="N988399" s="10"/>
    </row>
    <row r="988400" spans="14:14">
      <c r="N988400" s="10"/>
    </row>
    <row r="988401" spans="14:14">
      <c r="N988401" s="10"/>
    </row>
    <row r="988402" spans="14:14">
      <c r="N988402" s="10"/>
    </row>
    <row r="988403" spans="14:14">
      <c r="N988403" s="10"/>
    </row>
    <row r="988404" spans="14:14">
      <c r="N988404" s="10"/>
    </row>
    <row r="988405" spans="14:14">
      <c r="N988405" s="10"/>
    </row>
    <row r="988406" spans="14:14">
      <c r="N988406" s="10"/>
    </row>
    <row r="988407" spans="14:14">
      <c r="N988407" s="10"/>
    </row>
    <row r="988408" spans="14:14">
      <c r="N988408" s="10"/>
    </row>
    <row r="988409" spans="14:14">
      <c r="N988409" s="10"/>
    </row>
    <row r="988410" spans="14:14">
      <c r="N988410" s="10"/>
    </row>
    <row r="988411" spans="14:14">
      <c r="N988411" s="10"/>
    </row>
    <row r="988412" spans="14:14">
      <c r="N988412" s="10"/>
    </row>
    <row r="988413" spans="14:14">
      <c r="N988413" s="10"/>
    </row>
    <row r="988414" spans="14:14">
      <c r="N988414" s="10"/>
    </row>
    <row r="988415" spans="14:14">
      <c r="N988415" s="10"/>
    </row>
    <row r="988416" spans="14:14">
      <c r="N988416" s="10"/>
    </row>
    <row r="988417" spans="14:14">
      <c r="N988417" s="10"/>
    </row>
    <row r="988418" spans="14:14">
      <c r="N988418" s="10"/>
    </row>
    <row r="988419" spans="14:14">
      <c r="N988419" s="10"/>
    </row>
    <row r="988420" spans="14:14">
      <c r="N988420" s="10"/>
    </row>
    <row r="988421" spans="14:14">
      <c r="N988421" s="10"/>
    </row>
    <row r="988422" spans="14:14">
      <c r="N988422" s="10"/>
    </row>
    <row r="988423" spans="14:14">
      <c r="N988423" s="10"/>
    </row>
    <row r="988424" spans="14:14">
      <c r="N988424" s="10"/>
    </row>
    <row r="988425" spans="14:14">
      <c r="N988425" s="10"/>
    </row>
    <row r="988426" spans="14:14">
      <c r="N988426" s="10"/>
    </row>
    <row r="988427" spans="14:14">
      <c r="N988427" s="10"/>
    </row>
    <row r="988428" spans="14:14">
      <c r="N988428" s="10"/>
    </row>
    <row r="988429" spans="14:14">
      <c r="N988429" s="10"/>
    </row>
    <row r="988430" spans="14:14">
      <c r="N988430" s="10"/>
    </row>
    <row r="988431" spans="14:14">
      <c r="N988431" s="10"/>
    </row>
    <row r="988432" spans="14:14">
      <c r="N988432" s="10"/>
    </row>
    <row r="988433" spans="14:14">
      <c r="N988433" s="10"/>
    </row>
    <row r="988434" spans="14:14">
      <c r="N988434" s="10"/>
    </row>
    <row r="988435" spans="14:14">
      <c r="N988435" s="10"/>
    </row>
    <row r="988436" spans="14:14">
      <c r="N988436" s="10"/>
    </row>
    <row r="988437" spans="14:14">
      <c r="N988437" s="10"/>
    </row>
    <row r="988438" spans="14:14">
      <c r="N988438" s="10"/>
    </row>
    <row r="988439" spans="14:14">
      <c r="N988439" s="10"/>
    </row>
    <row r="988440" spans="14:14">
      <c r="N988440" s="10"/>
    </row>
    <row r="988441" spans="14:14">
      <c r="N988441" s="10"/>
    </row>
    <row r="988442" spans="14:14">
      <c r="N988442" s="10"/>
    </row>
    <row r="988443" spans="14:14">
      <c r="N988443" s="10"/>
    </row>
    <row r="988444" spans="14:14">
      <c r="N988444" s="10"/>
    </row>
    <row r="988445" spans="14:14">
      <c r="N988445" s="10"/>
    </row>
    <row r="988446" spans="14:14">
      <c r="N988446" s="10"/>
    </row>
    <row r="988447" spans="14:14">
      <c r="N988447" s="10"/>
    </row>
    <row r="988448" spans="14:14">
      <c r="N988448" s="10"/>
    </row>
    <row r="988449" spans="14:14">
      <c r="N988449" s="10"/>
    </row>
    <row r="988450" spans="14:14">
      <c r="N988450" s="10"/>
    </row>
    <row r="988451" spans="14:14">
      <c r="N988451" s="10"/>
    </row>
    <row r="988452" spans="14:14">
      <c r="N988452" s="10"/>
    </row>
    <row r="988453" spans="14:14">
      <c r="N988453" s="10"/>
    </row>
    <row r="988454" spans="14:14">
      <c r="N988454" s="10"/>
    </row>
    <row r="988455" spans="14:14">
      <c r="N988455" s="10"/>
    </row>
    <row r="988456" spans="14:14">
      <c r="N988456" s="10"/>
    </row>
    <row r="988457" spans="14:14">
      <c r="N988457" s="10"/>
    </row>
    <row r="988458" spans="14:14">
      <c r="N988458" s="10"/>
    </row>
    <row r="988459" spans="14:14">
      <c r="N988459" s="10"/>
    </row>
    <row r="988460" spans="14:14">
      <c r="N988460" s="10"/>
    </row>
    <row r="988461" spans="14:14">
      <c r="N988461" s="10"/>
    </row>
    <row r="988462" spans="14:14">
      <c r="N988462" s="10"/>
    </row>
    <row r="988463" spans="14:14">
      <c r="N988463" s="10"/>
    </row>
    <row r="988464" spans="14:14">
      <c r="N988464" s="10"/>
    </row>
    <row r="988465" spans="14:14">
      <c r="N988465" s="10"/>
    </row>
    <row r="988466" spans="14:14">
      <c r="N988466" s="10"/>
    </row>
    <row r="988467" spans="14:14">
      <c r="N988467" s="10"/>
    </row>
    <row r="988468" spans="14:14">
      <c r="N988468" s="10"/>
    </row>
    <row r="988469" spans="14:14">
      <c r="N988469" s="10"/>
    </row>
    <row r="988470" spans="14:14">
      <c r="N988470" s="10"/>
    </row>
    <row r="988471" spans="14:14">
      <c r="N988471" s="10"/>
    </row>
    <row r="988472" spans="14:14">
      <c r="N988472" s="10"/>
    </row>
    <row r="988473" spans="14:14">
      <c r="N988473" s="10"/>
    </row>
    <row r="988474" spans="14:14">
      <c r="N988474" s="10"/>
    </row>
    <row r="988475" spans="14:14">
      <c r="N988475" s="10"/>
    </row>
    <row r="988476" spans="14:14">
      <c r="N988476" s="10"/>
    </row>
    <row r="988477" spans="14:14">
      <c r="N988477" s="10"/>
    </row>
    <row r="988478" spans="14:14">
      <c r="N988478" s="10"/>
    </row>
    <row r="988479" spans="14:14">
      <c r="N988479" s="10"/>
    </row>
    <row r="988480" spans="14:14">
      <c r="N988480" s="10"/>
    </row>
    <row r="988481" spans="14:14">
      <c r="N988481" s="10"/>
    </row>
    <row r="988482" spans="14:14">
      <c r="N988482" s="10"/>
    </row>
    <row r="988483" spans="14:14">
      <c r="N988483" s="10"/>
    </row>
    <row r="988484" spans="14:14">
      <c r="N988484" s="10"/>
    </row>
    <row r="988485" spans="14:14">
      <c r="N988485" s="10"/>
    </row>
    <row r="988486" spans="14:14">
      <c r="N988486" s="10"/>
    </row>
    <row r="988487" spans="14:14">
      <c r="N988487" s="10"/>
    </row>
    <row r="988488" spans="14:14">
      <c r="N988488" s="10"/>
    </row>
    <row r="988489" spans="14:14">
      <c r="N988489" s="10"/>
    </row>
    <row r="988490" spans="14:14">
      <c r="N988490" s="10"/>
    </row>
    <row r="988491" spans="14:14">
      <c r="N988491" s="10"/>
    </row>
    <row r="988492" spans="14:14">
      <c r="N988492" s="10"/>
    </row>
    <row r="988493" spans="14:14">
      <c r="N988493" s="10"/>
    </row>
    <row r="988494" spans="14:14">
      <c r="N988494" s="10"/>
    </row>
    <row r="988495" spans="14:14">
      <c r="N988495" s="10"/>
    </row>
    <row r="988496" spans="14:14">
      <c r="N988496" s="10"/>
    </row>
    <row r="988497" spans="14:14">
      <c r="N988497" s="10"/>
    </row>
    <row r="988498" spans="14:14">
      <c r="N988498" s="10"/>
    </row>
    <row r="988499" spans="14:14">
      <c r="N988499" s="10"/>
    </row>
    <row r="988500" spans="14:14">
      <c r="N988500" s="10"/>
    </row>
    <row r="988501" spans="14:14">
      <c r="N988501" s="10"/>
    </row>
    <row r="988502" spans="14:14">
      <c r="N988502" s="10"/>
    </row>
    <row r="988503" spans="14:14">
      <c r="N988503" s="10"/>
    </row>
    <row r="988504" spans="14:14">
      <c r="N988504" s="10"/>
    </row>
    <row r="988505" spans="14:14">
      <c r="N988505" s="10"/>
    </row>
    <row r="988506" spans="14:14">
      <c r="N988506" s="10"/>
    </row>
    <row r="988507" spans="14:14">
      <c r="N988507" s="10"/>
    </row>
    <row r="988508" spans="14:14">
      <c r="N988508" s="10"/>
    </row>
    <row r="988509" spans="14:14">
      <c r="N988509" s="10"/>
    </row>
    <row r="988510" spans="14:14">
      <c r="N988510" s="10"/>
    </row>
    <row r="988511" spans="14:14">
      <c r="N988511" s="10"/>
    </row>
    <row r="988512" spans="14:14">
      <c r="N988512" s="10"/>
    </row>
    <row r="988513" spans="14:14">
      <c r="N988513" s="10"/>
    </row>
    <row r="988514" spans="14:14">
      <c r="N988514" s="10"/>
    </row>
    <row r="988515" spans="14:14">
      <c r="N988515" s="10"/>
    </row>
    <row r="988516" spans="14:14">
      <c r="N988516" s="10"/>
    </row>
    <row r="988517" spans="14:14">
      <c r="N988517" s="10"/>
    </row>
    <row r="988518" spans="14:14">
      <c r="N988518" s="10"/>
    </row>
    <row r="988519" spans="14:14">
      <c r="N988519" s="10"/>
    </row>
    <row r="988520" spans="14:14">
      <c r="N988520" s="10"/>
    </row>
    <row r="988521" spans="14:14">
      <c r="N988521" s="10"/>
    </row>
    <row r="988522" spans="14:14">
      <c r="N988522" s="10"/>
    </row>
    <row r="988523" spans="14:14">
      <c r="N988523" s="10"/>
    </row>
    <row r="988524" spans="14:14">
      <c r="N988524" s="10"/>
    </row>
    <row r="988525" spans="14:14">
      <c r="N988525" s="10"/>
    </row>
    <row r="988526" spans="14:14">
      <c r="N988526" s="10"/>
    </row>
    <row r="988527" spans="14:14">
      <c r="N988527" s="10"/>
    </row>
    <row r="988528" spans="14:14">
      <c r="N988528" s="10"/>
    </row>
    <row r="988529" spans="14:14">
      <c r="N988529" s="10"/>
    </row>
    <row r="988530" spans="14:14">
      <c r="N988530" s="10"/>
    </row>
    <row r="988531" spans="14:14">
      <c r="N988531" s="10"/>
    </row>
    <row r="988532" spans="14:14">
      <c r="N988532" s="10"/>
    </row>
    <row r="988533" spans="14:14">
      <c r="N988533" s="10"/>
    </row>
    <row r="988534" spans="14:14">
      <c r="N988534" s="10"/>
    </row>
    <row r="988535" spans="14:14">
      <c r="N988535" s="10"/>
    </row>
    <row r="988536" spans="14:14">
      <c r="N988536" s="10"/>
    </row>
    <row r="988537" spans="14:14">
      <c r="N988537" s="10"/>
    </row>
    <row r="988538" spans="14:14">
      <c r="N988538" s="10"/>
    </row>
    <row r="988539" spans="14:14">
      <c r="N988539" s="10"/>
    </row>
    <row r="988540" spans="14:14">
      <c r="N988540" s="10"/>
    </row>
    <row r="988541" spans="14:14">
      <c r="N988541" s="10"/>
    </row>
    <row r="988542" spans="14:14">
      <c r="N988542" s="10"/>
    </row>
    <row r="988543" spans="14:14">
      <c r="N988543" s="10"/>
    </row>
    <row r="988544" spans="14:14">
      <c r="N988544" s="10"/>
    </row>
    <row r="988545" spans="14:14">
      <c r="N988545" s="10"/>
    </row>
    <row r="988546" spans="14:14">
      <c r="N988546" s="10"/>
    </row>
    <row r="988547" spans="14:14">
      <c r="N988547" s="10"/>
    </row>
    <row r="988548" spans="14:14">
      <c r="N988548" s="10"/>
    </row>
    <row r="988549" spans="14:14">
      <c r="N988549" s="10"/>
    </row>
    <row r="988550" spans="14:14">
      <c r="N988550" s="10"/>
    </row>
    <row r="988551" spans="14:14">
      <c r="N988551" s="10"/>
    </row>
    <row r="988552" spans="14:14">
      <c r="N988552" s="10"/>
    </row>
    <row r="988553" spans="14:14">
      <c r="N988553" s="10"/>
    </row>
    <row r="988554" spans="14:14">
      <c r="N988554" s="10"/>
    </row>
    <row r="988555" spans="14:14">
      <c r="N988555" s="10"/>
    </row>
    <row r="988556" spans="14:14">
      <c r="N988556" s="10"/>
    </row>
    <row r="988557" spans="14:14">
      <c r="N988557" s="10"/>
    </row>
    <row r="988558" spans="14:14">
      <c r="N988558" s="10"/>
    </row>
    <row r="988559" spans="14:14">
      <c r="N988559" s="10"/>
    </row>
    <row r="988560" spans="14:14">
      <c r="N988560" s="10"/>
    </row>
    <row r="988561" spans="14:14">
      <c r="N988561" s="10"/>
    </row>
    <row r="988562" spans="14:14">
      <c r="N988562" s="10"/>
    </row>
    <row r="988563" spans="14:14">
      <c r="N988563" s="10"/>
    </row>
    <row r="988564" spans="14:14">
      <c r="N988564" s="10"/>
    </row>
    <row r="988565" spans="14:14">
      <c r="N988565" s="10"/>
    </row>
    <row r="988566" spans="14:14">
      <c r="N988566" s="10"/>
    </row>
    <row r="988567" spans="14:14">
      <c r="N988567" s="10"/>
    </row>
    <row r="988568" spans="14:14">
      <c r="N988568" s="10"/>
    </row>
    <row r="988569" spans="14:14">
      <c r="N988569" s="10"/>
    </row>
    <row r="988570" spans="14:14">
      <c r="N988570" s="10"/>
    </row>
    <row r="988571" spans="14:14">
      <c r="N988571" s="10"/>
    </row>
    <row r="988572" spans="14:14">
      <c r="N988572" s="10"/>
    </row>
    <row r="988573" spans="14:14">
      <c r="N988573" s="10"/>
    </row>
    <row r="988574" spans="14:14">
      <c r="N988574" s="10"/>
    </row>
    <row r="988575" spans="14:14">
      <c r="N988575" s="10"/>
    </row>
    <row r="988576" spans="14:14">
      <c r="N988576" s="10"/>
    </row>
    <row r="988577" spans="14:14">
      <c r="N988577" s="10"/>
    </row>
    <row r="988578" spans="14:14">
      <c r="N988578" s="10"/>
    </row>
    <row r="988579" spans="14:14">
      <c r="N988579" s="10"/>
    </row>
    <row r="988580" spans="14:14">
      <c r="N988580" s="10"/>
    </row>
    <row r="988581" spans="14:14">
      <c r="N988581" s="10"/>
    </row>
    <row r="988582" spans="14:14">
      <c r="N988582" s="10"/>
    </row>
    <row r="988583" spans="14:14">
      <c r="N988583" s="10"/>
    </row>
    <row r="988584" spans="14:14">
      <c r="N988584" s="10"/>
    </row>
    <row r="988585" spans="14:14">
      <c r="N988585" s="10"/>
    </row>
    <row r="988586" spans="14:14">
      <c r="N988586" s="10"/>
    </row>
    <row r="988587" spans="14:14">
      <c r="N988587" s="10"/>
    </row>
    <row r="988588" spans="14:14">
      <c r="N988588" s="10"/>
    </row>
    <row r="988589" spans="14:14">
      <c r="N988589" s="10"/>
    </row>
    <row r="988590" spans="14:14">
      <c r="N988590" s="10"/>
    </row>
    <row r="988591" spans="14:14">
      <c r="N988591" s="10"/>
    </row>
    <row r="988592" spans="14:14">
      <c r="N988592" s="10"/>
    </row>
    <row r="988593" spans="14:14">
      <c r="N988593" s="10"/>
    </row>
    <row r="988594" spans="14:14">
      <c r="N988594" s="10"/>
    </row>
    <row r="988595" spans="14:14">
      <c r="N988595" s="10"/>
    </row>
    <row r="988596" spans="14:14">
      <c r="N988596" s="10"/>
    </row>
    <row r="988597" spans="14:14">
      <c r="N988597" s="10"/>
    </row>
    <row r="988598" spans="14:14">
      <c r="N988598" s="10"/>
    </row>
    <row r="988599" spans="14:14">
      <c r="N988599" s="10"/>
    </row>
    <row r="988600" spans="14:14">
      <c r="N988600" s="10"/>
    </row>
    <row r="988601" spans="14:14">
      <c r="N988601" s="10"/>
    </row>
    <row r="988602" spans="14:14">
      <c r="N988602" s="10"/>
    </row>
    <row r="988603" spans="14:14">
      <c r="N988603" s="10"/>
    </row>
    <row r="988604" spans="14:14">
      <c r="N988604" s="10"/>
    </row>
    <row r="988605" spans="14:14">
      <c r="N988605" s="10"/>
    </row>
    <row r="988606" spans="14:14">
      <c r="N988606" s="10"/>
    </row>
    <row r="988607" spans="14:14">
      <c r="N988607" s="10"/>
    </row>
    <row r="988608" spans="14:14">
      <c r="N988608" s="10"/>
    </row>
    <row r="988609" spans="14:14">
      <c r="N988609" s="10"/>
    </row>
    <row r="988610" spans="14:14">
      <c r="N988610" s="10"/>
    </row>
    <row r="988611" spans="14:14">
      <c r="N988611" s="10"/>
    </row>
    <row r="988612" spans="14:14">
      <c r="N988612" s="10"/>
    </row>
    <row r="988613" spans="14:14">
      <c r="N988613" s="10"/>
    </row>
    <row r="988614" spans="14:14">
      <c r="N988614" s="10"/>
    </row>
    <row r="988615" spans="14:14">
      <c r="N988615" s="10"/>
    </row>
    <row r="988616" spans="14:14">
      <c r="N988616" s="10"/>
    </row>
    <row r="988617" spans="14:14">
      <c r="N988617" s="10"/>
    </row>
    <row r="988618" spans="14:14">
      <c r="N988618" s="10"/>
    </row>
    <row r="988619" spans="14:14">
      <c r="N988619" s="10"/>
    </row>
    <row r="988620" spans="14:14">
      <c r="N988620" s="10"/>
    </row>
    <row r="988621" spans="14:14">
      <c r="N988621" s="10"/>
    </row>
    <row r="988622" spans="14:14">
      <c r="N988622" s="10"/>
    </row>
    <row r="988623" spans="14:14">
      <c r="N988623" s="10"/>
    </row>
    <row r="988624" spans="14:14">
      <c r="N988624" s="10"/>
    </row>
    <row r="988625" spans="14:14">
      <c r="N988625" s="10"/>
    </row>
    <row r="988626" spans="14:14">
      <c r="N988626" s="10"/>
    </row>
    <row r="988627" spans="14:14">
      <c r="N988627" s="10"/>
    </row>
    <row r="988628" spans="14:14">
      <c r="N988628" s="10"/>
    </row>
    <row r="988629" spans="14:14">
      <c r="N988629" s="10"/>
    </row>
    <row r="988630" spans="14:14">
      <c r="N988630" s="10"/>
    </row>
    <row r="988631" spans="14:14">
      <c r="N988631" s="10"/>
    </row>
    <row r="988632" spans="14:14">
      <c r="N988632" s="10"/>
    </row>
    <row r="988633" spans="14:14">
      <c r="N988633" s="10"/>
    </row>
    <row r="988634" spans="14:14">
      <c r="N988634" s="10"/>
    </row>
    <row r="988635" spans="14:14">
      <c r="N988635" s="10"/>
    </row>
    <row r="988636" spans="14:14">
      <c r="N988636" s="10"/>
    </row>
    <row r="988637" spans="14:14">
      <c r="N988637" s="10"/>
    </row>
    <row r="988638" spans="14:14">
      <c r="N988638" s="10"/>
    </row>
    <row r="988639" spans="14:14">
      <c r="N988639" s="10"/>
    </row>
    <row r="988640" spans="14:14">
      <c r="N988640" s="10"/>
    </row>
    <row r="988641" spans="14:14">
      <c r="N988641" s="10"/>
    </row>
    <row r="988642" spans="14:14">
      <c r="N988642" s="10"/>
    </row>
    <row r="988643" spans="14:14">
      <c r="N988643" s="10"/>
    </row>
    <row r="988644" spans="14:14">
      <c r="N988644" s="10"/>
    </row>
    <row r="988645" spans="14:14">
      <c r="N988645" s="10"/>
    </row>
    <row r="988646" spans="14:14">
      <c r="N988646" s="10"/>
    </row>
    <row r="988647" spans="14:14">
      <c r="N988647" s="10"/>
    </row>
    <row r="988648" spans="14:14">
      <c r="N988648" s="10"/>
    </row>
    <row r="988649" spans="14:14">
      <c r="N988649" s="10"/>
    </row>
    <row r="988650" spans="14:14">
      <c r="N988650" s="10"/>
    </row>
    <row r="988651" spans="14:14">
      <c r="N988651" s="10"/>
    </row>
    <row r="988652" spans="14:14">
      <c r="N988652" s="10"/>
    </row>
    <row r="988653" spans="14:14">
      <c r="N988653" s="10"/>
    </row>
    <row r="988654" spans="14:14">
      <c r="N988654" s="10"/>
    </row>
    <row r="988655" spans="14:14">
      <c r="N988655" s="10"/>
    </row>
    <row r="988656" spans="14:14">
      <c r="N988656" s="10"/>
    </row>
    <row r="988657" spans="14:14">
      <c r="N988657" s="10"/>
    </row>
    <row r="988658" spans="14:14">
      <c r="N988658" s="10"/>
    </row>
    <row r="988659" spans="14:14">
      <c r="N988659" s="10"/>
    </row>
    <row r="988660" spans="14:14">
      <c r="N988660" s="10"/>
    </row>
    <row r="988661" spans="14:14">
      <c r="N988661" s="10"/>
    </row>
    <row r="988662" spans="14:14">
      <c r="N988662" s="10"/>
    </row>
    <row r="988663" spans="14:14">
      <c r="N988663" s="10"/>
    </row>
    <row r="988664" spans="14:14">
      <c r="N988664" s="10"/>
    </row>
    <row r="988665" spans="14:14">
      <c r="N988665" s="10"/>
    </row>
    <row r="988666" spans="14:14">
      <c r="N988666" s="10"/>
    </row>
    <row r="988667" spans="14:14">
      <c r="N988667" s="10"/>
    </row>
    <row r="988668" spans="14:14">
      <c r="N988668" s="10"/>
    </row>
    <row r="988669" spans="14:14">
      <c r="N988669" s="10"/>
    </row>
    <row r="988670" spans="14:14">
      <c r="N988670" s="10"/>
    </row>
    <row r="988671" spans="14:14">
      <c r="N988671" s="10"/>
    </row>
    <row r="988672" spans="14:14">
      <c r="N988672" s="10"/>
    </row>
    <row r="988673" spans="14:14">
      <c r="N988673" s="10"/>
    </row>
    <row r="988674" spans="14:14">
      <c r="N988674" s="10"/>
    </row>
    <row r="988675" spans="14:14">
      <c r="N988675" s="10"/>
    </row>
    <row r="988676" spans="14:14">
      <c r="N988676" s="10"/>
    </row>
    <row r="988677" spans="14:14">
      <c r="N988677" s="10"/>
    </row>
    <row r="988678" spans="14:14">
      <c r="N988678" s="10"/>
    </row>
    <row r="988679" spans="14:14">
      <c r="N988679" s="10"/>
    </row>
    <row r="988680" spans="14:14">
      <c r="N988680" s="10"/>
    </row>
    <row r="988681" spans="14:14">
      <c r="N988681" s="10"/>
    </row>
    <row r="988682" spans="14:14">
      <c r="N988682" s="10"/>
    </row>
    <row r="988683" spans="14:14">
      <c r="N988683" s="10"/>
    </row>
    <row r="988684" spans="14:14">
      <c r="N988684" s="10"/>
    </row>
    <row r="988685" spans="14:14">
      <c r="N988685" s="10"/>
    </row>
    <row r="988686" spans="14:14">
      <c r="N988686" s="10"/>
    </row>
    <row r="988687" spans="14:14">
      <c r="N988687" s="10"/>
    </row>
    <row r="988688" spans="14:14">
      <c r="N988688" s="10"/>
    </row>
    <row r="988689" spans="14:14">
      <c r="N988689" s="10"/>
    </row>
    <row r="988690" spans="14:14">
      <c r="N988690" s="10"/>
    </row>
    <row r="988691" spans="14:14">
      <c r="N988691" s="10"/>
    </row>
    <row r="988692" spans="14:14">
      <c r="N988692" s="10"/>
    </row>
    <row r="988693" spans="14:14">
      <c r="N988693" s="10"/>
    </row>
    <row r="988694" spans="14:14">
      <c r="N988694" s="10"/>
    </row>
    <row r="988695" spans="14:14">
      <c r="N988695" s="10"/>
    </row>
    <row r="988696" spans="14:14">
      <c r="N988696" s="10"/>
    </row>
    <row r="988697" spans="14:14">
      <c r="N988697" s="10"/>
    </row>
    <row r="988698" spans="14:14">
      <c r="N988698" s="10"/>
    </row>
    <row r="988699" spans="14:14">
      <c r="N988699" s="10"/>
    </row>
    <row r="988700" spans="14:14">
      <c r="N988700" s="10"/>
    </row>
    <row r="988701" spans="14:14">
      <c r="N988701" s="10"/>
    </row>
    <row r="988702" spans="14:14">
      <c r="N988702" s="10"/>
    </row>
    <row r="988703" spans="14:14">
      <c r="N988703" s="10"/>
    </row>
    <row r="988704" spans="14:14">
      <c r="N988704" s="10"/>
    </row>
    <row r="988705" spans="14:14">
      <c r="N988705" s="10"/>
    </row>
    <row r="988706" spans="14:14">
      <c r="N988706" s="10"/>
    </row>
    <row r="988707" spans="14:14">
      <c r="N988707" s="10"/>
    </row>
    <row r="988708" spans="14:14">
      <c r="N988708" s="10"/>
    </row>
    <row r="988709" spans="14:14">
      <c r="N988709" s="10"/>
    </row>
    <row r="988710" spans="14:14">
      <c r="N988710" s="10"/>
    </row>
    <row r="988711" spans="14:14">
      <c r="N988711" s="10"/>
    </row>
    <row r="988712" spans="14:14">
      <c r="N988712" s="10"/>
    </row>
    <row r="988713" spans="14:14">
      <c r="N988713" s="10"/>
    </row>
    <row r="988714" spans="14:14">
      <c r="N988714" s="10"/>
    </row>
    <row r="988715" spans="14:14">
      <c r="N988715" s="10"/>
    </row>
    <row r="988716" spans="14:14">
      <c r="N988716" s="10"/>
    </row>
    <row r="988717" spans="14:14">
      <c r="N988717" s="10"/>
    </row>
    <row r="988718" spans="14:14">
      <c r="N988718" s="10"/>
    </row>
    <row r="988719" spans="14:14">
      <c r="N988719" s="10"/>
    </row>
    <row r="988720" spans="14:14">
      <c r="N988720" s="10"/>
    </row>
    <row r="988721" spans="14:14">
      <c r="N988721" s="10"/>
    </row>
    <row r="988722" spans="14:14">
      <c r="N988722" s="10"/>
    </row>
    <row r="988723" spans="14:14">
      <c r="N988723" s="10"/>
    </row>
    <row r="988724" spans="14:14">
      <c r="N988724" s="10"/>
    </row>
    <row r="988725" spans="14:14">
      <c r="N988725" s="10"/>
    </row>
    <row r="988726" spans="14:14">
      <c r="N988726" s="10"/>
    </row>
    <row r="988727" spans="14:14">
      <c r="N988727" s="10"/>
    </row>
    <row r="988728" spans="14:14">
      <c r="N988728" s="10"/>
    </row>
    <row r="988729" spans="14:14">
      <c r="N988729" s="10"/>
    </row>
    <row r="988730" spans="14:14">
      <c r="N988730" s="10"/>
    </row>
    <row r="988731" spans="14:14">
      <c r="N988731" s="10"/>
    </row>
    <row r="988732" spans="14:14">
      <c r="N988732" s="10"/>
    </row>
    <row r="988733" spans="14:14">
      <c r="N988733" s="10"/>
    </row>
    <row r="988734" spans="14:14">
      <c r="N988734" s="10"/>
    </row>
    <row r="988735" spans="14:14">
      <c r="N988735" s="10"/>
    </row>
    <row r="988736" spans="14:14">
      <c r="N988736" s="10"/>
    </row>
    <row r="988737" spans="14:14">
      <c r="N988737" s="10"/>
    </row>
    <row r="988738" spans="14:14">
      <c r="N988738" s="10"/>
    </row>
    <row r="988739" spans="14:14">
      <c r="N988739" s="10"/>
    </row>
    <row r="988740" spans="14:14">
      <c r="N988740" s="10"/>
    </row>
    <row r="988741" spans="14:14">
      <c r="N988741" s="10"/>
    </row>
    <row r="988742" spans="14:14">
      <c r="N988742" s="10"/>
    </row>
    <row r="988743" spans="14:14">
      <c r="N988743" s="10"/>
    </row>
    <row r="988744" spans="14:14">
      <c r="N988744" s="10"/>
    </row>
    <row r="988745" spans="14:14">
      <c r="N988745" s="10"/>
    </row>
    <row r="988746" spans="14:14">
      <c r="N988746" s="10"/>
    </row>
    <row r="988747" spans="14:14">
      <c r="N988747" s="10"/>
    </row>
    <row r="988748" spans="14:14">
      <c r="N988748" s="10"/>
    </row>
    <row r="988749" spans="14:14">
      <c r="N988749" s="10"/>
    </row>
    <row r="988750" spans="14:14">
      <c r="N988750" s="10"/>
    </row>
    <row r="988751" spans="14:14">
      <c r="N988751" s="10"/>
    </row>
    <row r="988752" spans="14:14">
      <c r="N988752" s="10"/>
    </row>
    <row r="988753" spans="14:14">
      <c r="N988753" s="10"/>
    </row>
    <row r="988754" spans="14:14">
      <c r="N988754" s="10"/>
    </row>
    <row r="988755" spans="14:14">
      <c r="N988755" s="10"/>
    </row>
    <row r="988756" spans="14:14">
      <c r="N988756" s="10"/>
    </row>
    <row r="988757" spans="14:14">
      <c r="N988757" s="10"/>
    </row>
    <row r="988758" spans="14:14">
      <c r="N988758" s="10"/>
    </row>
    <row r="988759" spans="14:14">
      <c r="N988759" s="10"/>
    </row>
    <row r="988760" spans="14:14">
      <c r="N988760" s="10"/>
    </row>
    <row r="988761" spans="14:14">
      <c r="N988761" s="10"/>
    </row>
    <row r="988762" spans="14:14">
      <c r="N988762" s="10"/>
    </row>
    <row r="988763" spans="14:14">
      <c r="N988763" s="10"/>
    </row>
    <row r="988764" spans="14:14">
      <c r="N988764" s="10"/>
    </row>
    <row r="988765" spans="14:14">
      <c r="N988765" s="10"/>
    </row>
    <row r="988766" spans="14:14">
      <c r="N988766" s="10"/>
    </row>
    <row r="988767" spans="14:14">
      <c r="N988767" s="10"/>
    </row>
    <row r="988768" spans="14:14">
      <c r="N988768" s="10"/>
    </row>
    <row r="988769" spans="14:14">
      <c r="N988769" s="10"/>
    </row>
    <row r="988770" spans="14:14">
      <c r="N988770" s="10"/>
    </row>
    <row r="988771" spans="14:14">
      <c r="N988771" s="10"/>
    </row>
    <row r="988772" spans="14:14">
      <c r="N988772" s="10"/>
    </row>
    <row r="988773" spans="14:14">
      <c r="N988773" s="10"/>
    </row>
    <row r="988774" spans="14:14">
      <c r="N988774" s="10"/>
    </row>
    <row r="988775" spans="14:14">
      <c r="N988775" s="10"/>
    </row>
    <row r="988776" spans="14:14">
      <c r="N988776" s="10"/>
    </row>
    <row r="988777" spans="14:14">
      <c r="N988777" s="10"/>
    </row>
    <row r="988778" spans="14:14">
      <c r="N988778" s="10"/>
    </row>
    <row r="988779" spans="14:14">
      <c r="N988779" s="10"/>
    </row>
    <row r="988780" spans="14:14">
      <c r="N988780" s="10"/>
    </row>
    <row r="988781" spans="14:14">
      <c r="N988781" s="10"/>
    </row>
    <row r="988782" spans="14:14">
      <c r="N988782" s="10"/>
    </row>
    <row r="988783" spans="14:14">
      <c r="N988783" s="10"/>
    </row>
    <row r="988784" spans="14:14">
      <c r="N988784" s="10"/>
    </row>
    <row r="988785" spans="14:14">
      <c r="N988785" s="10"/>
    </row>
    <row r="988786" spans="14:14">
      <c r="N988786" s="10"/>
    </row>
    <row r="988787" spans="14:14">
      <c r="N988787" s="10"/>
    </row>
    <row r="988788" spans="14:14">
      <c r="N988788" s="10"/>
    </row>
    <row r="988789" spans="14:14">
      <c r="N988789" s="10"/>
    </row>
    <row r="988790" spans="14:14">
      <c r="N988790" s="10"/>
    </row>
    <row r="988791" spans="14:14">
      <c r="N988791" s="10"/>
    </row>
    <row r="988792" spans="14:14">
      <c r="N988792" s="10"/>
    </row>
    <row r="988793" spans="14:14">
      <c r="N988793" s="10"/>
    </row>
    <row r="988794" spans="14:14">
      <c r="N988794" s="10"/>
    </row>
    <row r="988795" spans="14:14">
      <c r="N988795" s="10"/>
    </row>
    <row r="988796" spans="14:14">
      <c r="N988796" s="10"/>
    </row>
    <row r="988797" spans="14:14">
      <c r="N988797" s="10"/>
    </row>
    <row r="988798" spans="14:14">
      <c r="N988798" s="10"/>
    </row>
    <row r="988799" spans="14:14">
      <c r="N988799" s="10"/>
    </row>
    <row r="988800" spans="14:14">
      <c r="N988800" s="10"/>
    </row>
    <row r="988801" spans="14:14">
      <c r="N988801" s="10"/>
    </row>
    <row r="988802" spans="14:14">
      <c r="N988802" s="10"/>
    </row>
    <row r="988803" spans="14:14">
      <c r="N988803" s="10"/>
    </row>
    <row r="988804" spans="14:14">
      <c r="N988804" s="10"/>
    </row>
    <row r="988805" spans="14:14">
      <c r="N988805" s="10"/>
    </row>
    <row r="988806" spans="14:14">
      <c r="N988806" s="10"/>
    </row>
    <row r="988807" spans="14:14">
      <c r="N988807" s="10"/>
    </row>
    <row r="988808" spans="14:14">
      <c r="N988808" s="10"/>
    </row>
    <row r="988809" spans="14:14">
      <c r="N988809" s="10"/>
    </row>
    <row r="988810" spans="14:14">
      <c r="N988810" s="10"/>
    </row>
    <row r="988811" spans="14:14">
      <c r="N988811" s="10"/>
    </row>
    <row r="988812" spans="14:14">
      <c r="N988812" s="10"/>
    </row>
    <row r="988813" spans="14:14">
      <c r="N988813" s="10"/>
    </row>
    <row r="988814" spans="14:14">
      <c r="N988814" s="10"/>
    </row>
    <row r="988815" spans="14:14">
      <c r="N988815" s="10"/>
    </row>
    <row r="988816" spans="14:14">
      <c r="N988816" s="10"/>
    </row>
    <row r="988817" spans="14:14">
      <c r="N988817" s="10"/>
    </row>
    <row r="988818" spans="14:14">
      <c r="N988818" s="10"/>
    </row>
    <row r="988819" spans="14:14">
      <c r="N988819" s="10"/>
    </row>
    <row r="988820" spans="14:14">
      <c r="N988820" s="10"/>
    </row>
    <row r="988821" spans="14:14">
      <c r="N988821" s="10"/>
    </row>
    <row r="988822" spans="14:14">
      <c r="N988822" s="10"/>
    </row>
    <row r="988823" spans="14:14">
      <c r="N988823" s="10"/>
    </row>
    <row r="988824" spans="14:14">
      <c r="N988824" s="10"/>
    </row>
    <row r="988825" spans="14:14">
      <c r="N988825" s="10"/>
    </row>
    <row r="988826" spans="14:14">
      <c r="N988826" s="10"/>
    </row>
    <row r="988827" spans="14:14">
      <c r="N988827" s="10"/>
    </row>
    <row r="988828" spans="14:14">
      <c r="N988828" s="10"/>
    </row>
    <row r="988829" spans="14:14">
      <c r="N988829" s="10"/>
    </row>
    <row r="988830" spans="14:14">
      <c r="N988830" s="10"/>
    </row>
    <row r="988831" spans="14:14">
      <c r="N988831" s="10"/>
    </row>
    <row r="988832" spans="14:14">
      <c r="N988832" s="10"/>
    </row>
    <row r="988833" spans="14:14">
      <c r="N988833" s="10"/>
    </row>
    <row r="988834" spans="14:14">
      <c r="N988834" s="10"/>
    </row>
    <row r="988835" spans="14:14">
      <c r="N988835" s="10"/>
    </row>
    <row r="988836" spans="14:14">
      <c r="N988836" s="10"/>
    </row>
    <row r="988837" spans="14:14">
      <c r="N988837" s="10"/>
    </row>
    <row r="988838" spans="14:14">
      <c r="N988838" s="10"/>
    </row>
    <row r="988839" spans="14:14">
      <c r="N988839" s="10"/>
    </row>
    <row r="988840" spans="14:14">
      <c r="N988840" s="10"/>
    </row>
    <row r="988841" spans="14:14">
      <c r="N988841" s="10"/>
    </row>
    <row r="988842" spans="14:14">
      <c r="N988842" s="10"/>
    </row>
    <row r="988843" spans="14:14">
      <c r="N988843" s="10"/>
    </row>
    <row r="988844" spans="14:14">
      <c r="N988844" s="10"/>
    </row>
    <row r="988845" spans="14:14">
      <c r="N988845" s="10"/>
    </row>
    <row r="988846" spans="14:14">
      <c r="N988846" s="10"/>
    </row>
    <row r="988847" spans="14:14">
      <c r="N988847" s="10"/>
    </row>
    <row r="988848" spans="14:14">
      <c r="N988848" s="10"/>
    </row>
    <row r="988849" spans="14:14">
      <c r="N988849" s="10"/>
    </row>
    <row r="988850" spans="14:14">
      <c r="N988850" s="10"/>
    </row>
    <row r="988851" spans="14:14">
      <c r="N988851" s="10"/>
    </row>
    <row r="988852" spans="14:14">
      <c r="N988852" s="10"/>
    </row>
    <row r="988853" spans="14:14">
      <c r="N988853" s="10"/>
    </row>
    <row r="988854" spans="14:14">
      <c r="N988854" s="10"/>
    </row>
    <row r="988855" spans="14:14">
      <c r="N988855" s="10"/>
    </row>
    <row r="988856" spans="14:14">
      <c r="N988856" s="10"/>
    </row>
    <row r="988857" spans="14:14">
      <c r="N988857" s="10"/>
    </row>
    <row r="988858" spans="14:14">
      <c r="N988858" s="10"/>
    </row>
    <row r="988859" spans="14:14">
      <c r="N988859" s="10"/>
    </row>
    <row r="988860" spans="14:14">
      <c r="N988860" s="10"/>
    </row>
    <row r="988861" spans="14:14">
      <c r="N988861" s="10"/>
    </row>
    <row r="988862" spans="14:14">
      <c r="N988862" s="10"/>
    </row>
    <row r="988863" spans="14:14">
      <c r="N988863" s="10"/>
    </row>
    <row r="988864" spans="14:14">
      <c r="N988864" s="10"/>
    </row>
    <row r="988865" spans="14:14">
      <c r="N988865" s="10"/>
    </row>
    <row r="988866" spans="14:14">
      <c r="N988866" s="10"/>
    </row>
    <row r="988867" spans="14:14">
      <c r="N988867" s="10"/>
    </row>
    <row r="988868" spans="14:14">
      <c r="N988868" s="10"/>
    </row>
    <row r="988869" spans="14:14">
      <c r="N988869" s="10"/>
    </row>
    <row r="988870" spans="14:14">
      <c r="N988870" s="10"/>
    </row>
    <row r="988871" spans="14:14">
      <c r="N988871" s="10"/>
    </row>
    <row r="988872" spans="14:14">
      <c r="N988872" s="10"/>
    </row>
    <row r="988873" spans="14:14">
      <c r="N988873" s="10"/>
    </row>
    <row r="988874" spans="14:14">
      <c r="N988874" s="10"/>
    </row>
    <row r="988875" spans="14:14">
      <c r="N988875" s="10"/>
    </row>
    <row r="988876" spans="14:14">
      <c r="N988876" s="10"/>
    </row>
    <row r="988877" spans="14:14">
      <c r="N988877" s="10"/>
    </row>
    <row r="988878" spans="14:14">
      <c r="N988878" s="10"/>
    </row>
    <row r="988879" spans="14:14">
      <c r="N988879" s="10"/>
    </row>
    <row r="988880" spans="14:14">
      <c r="N988880" s="10"/>
    </row>
    <row r="988881" spans="14:14">
      <c r="N988881" s="10"/>
    </row>
    <row r="988882" spans="14:14">
      <c r="N988882" s="10"/>
    </row>
    <row r="988883" spans="14:14">
      <c r="N988883" s="10"/>
    </row>
    <row r="988884" spans="14:14">
      <c r="N988884" s="10"/>
    </row>
    <row r="988885" spans="14:14">
      <c r="N988885" s="10"/>
    </row>
    <row r="988886" spans="14:14">
      <c r="N988886" s="10"/>
    </row>
    <row r="988887" spans="14:14">
      <c r="N988887" s="10"/>
    </row>
    <row r="988888" spans="14:14">
      <c r="N988888" s="10"/>
    </row>
    <row r="988889" spans="14:14">
      <c r="N988889" s="10"/>
    </row>
    <row r="988890" spans="14:14">
      <c r="N988890" s="10"/>
    </row>
    <row r="988891" spans="14:14">
      <c r="N988891" s="10"/>
    </row>
    <row r="988892" spans="14:14">
      <c r="N988892" s="10"/>
    </row>
    <row r="988893" spans="14:14">
      <c r="N988893" s="10"/>
    </row>
    <row r="988894" spans="14:14">
      <c r="N988894" s="10"/>
    </row>
    <row r="988895" spans="14:14">
      <c r="N988895" s="10"/>
    </row>
    <row r="988896" spans="14:14">
      <c r="N988896" s="10"/>
    </row>
    <row r="988897" spans="14:14">
      <c r="N988897" s="10"/>
    </row>
    <row r="988898" spans="14:14">
      <c r="N988898" s="10"/>
    </row>
    <row r="988899" spans="14:14">
      <c r="N988899" s="10"/>
    </row>
    <row r="988900" spans="14:14">
      <c r="N988900" s="10"/>
    </row>
    <row r="988901" spans="14:14">
      <c r="N988901" s="10"/>
    </row>
    <row r="988902" spans="14:14">
      <c r="N988902" s="10"/>
    </row>
    <row r="988903" spans="14:14">
      <c r="N988903" s="10"/>
    </row>
    <row r="988904" spans="14:14">
      <c r="N988904" s="10"/>
    </row>
    <row r="988905" spans="14:14">
      <c r="N988905" s="10"/>
    </row>
    <row r="988906" spans="14:14">
      <c r="N988906" s="10"/>
    </row>
    <row r="988907" spans="14:14">
      <c r="N988907" s="10"/>
    </row>
    <row r="988908" spans="14:14">
      <c r="N988908" s="10"/>
    </row>
    <row r="988909" spans="14:14">
      <c r="N988909" s="10"/>
    </row>
    <row r="988910" spans="14:14">
      <c r="N988910" s="10"/>
    </row>
    <row r="988911" spans="14:14">
      <c r="N988911" s="10"/>
    </row>
    <row r="988912" spans="14:14">
      <c r="N988912" s="10"/>
    </row>
    <row r="988913" spans="14:14">
      <c r="N988913" s="10"/>
    </row>
    <row r="988914" spans="14:14">
      <c r="N988914" s="10"/>
    </row>
    <row r="988915" spans="14:14">
      <c r="N988915" s="10"/>
    </row>
    <row r="988916" spans="14:14">
      <c r="N988916" s="10"/>
    </row>
    <row r="988917" spans="14:14">
      <c r="N988917" s="10"/>
    </row>
    <row r="988918" spans="14:14">
      <c r="N988918" s="10"/>
    </row>
    <row r="988919" spans="14:14">
      <c r="N988919" s="10"/>
    </row>
    <row r="988920" spans="14:14">
      <c r="N988920" s="10"/>
    </row>
    <row r="988921" spans="14:14">
      <c r="N988921" s="10"/>
    </row>
    <row r="988922" spans="14:14">
      <c r="N988922" s="10"/>
    </row>
    <row r="988923" spans="14:14">
      <c r="N988923" s="10"/>
    </row>
    <row r="988924" spans="14:14">
      <c r="N988924" s="10"/>
    </row>
    <row r="988925" spans="14:14">
      <c r="N988925" s="10"/>
    </row>
    <row r="988926" spans="14:14">
      <c r="N988926" s="10"/>
    </row>
    <row r="988927" spans="14:14">
      <c r="N988927" s="10"/>
    </row>
    <row r="988928" spans="14:14">
      <c r="N988928" s="10"/>
    </row>
    <row r="988929" spans="14:14">
      <c r="N988929" s="10"/>
    </row>
    <row r="988930" spans="14:14">
      <c r="N988930" s="10"/>
    </row>
    <row r="988931" spans="14:14">
      <c r="N988931" s="10"/>
    </row>
    <row r="988932" spans="14:14">
      <c r="N988932" s="10"/>
    </row>
    <row r="988933" spans="14:14">
      <c r="N988933" s="10"/>
    </row>
    <row r="988934" spans="14:14">
      <c r="N988934" s="10"/>
    </row>
    <row r="988935" spans="14:14">
      <c r="N988935" s="10"/>
    </row>
    <row r="988936" spans="14:14">
      <c r="N988936" s="10"/>
    </row>
    <row r="988937" spans="14:14">
      <c r="N988937" s="10"/>
    </row>
    <row r="988938" spans="14:14">
      <c r="N988938" s="10"/>
    </row>
    <row r="988939" spans="14:14">
      <c r="N988939" s="10"/>
    </row>
    <row r="988940" spans="14:14">
      <c r="N988940" s="10"/>
    </row>
    <row r="988941" spans="14:14">
      <c r="N988941" s="10"/>
    </row>
    <row r="988942" spans="14:14">
      <c r="N988942" s="10"/>
    </row>
    <row r="988943" spans="14:14">
      <c r="N988943" s="10"/>
    </row>
    <row r="988944" spans="14:14">
      <c r="N988944" s="10"/>
    </row>
    <row r="988945" spans="14:14">
      <c r="N988945" s="10"/>
    </row>
    <row r="988946" spans="14:14">
      <c r="N988946" s="10"/>
    </row>
    <row r="988947" spans="14:14">
      <c r="N988947" s="10"/>
    </row>
    <row r="988948" spans="14:14">
      <c r="N988948" s="10"/>
    </row>
    <row r="988949" spans="14:14">
      <c r="N988949" s="10"/>
    </row>
    <row r="988950" spans="14:14">
      <c r="N988950" s="10"/>
    </row>
    <row r="988951" spans="14:14">
      <c r="N988951" s="10"/>
    </row>
    <row r="988952" spans="14:14">
      <c r="N988952" s="10"/>
    </row>
    <row r="988953" spans="14:14">
      <c r="N988953" s="10"/>
    </row>
    <row r="988954" spans="14:14">
      <c r="N988954" s="10"/>
    </row>
    <row r="988955" spans="14:14">
      <c r="N988955" s="10"/>
    </row>
    <row r="988956" spans="14:14">
      <c r="N988956" s="10"/>
    </row>
    <row r="988957" spans="14:14">
      <c r="N988957" s="10"/>
    </row>
    <row r="988958" spans="14:14">
      <c r="N988958" s="10"/>
    </row>
    <row r="988959" spans="14:14">
      <c r="N988959" s="10"/>
    </row>
    <row r="988960" spans="14:14">
      <c r="N988960" s="10"/>
    </row>
    <row r="988961" spans="14:14">
      <c r="N988961" s="10"/>
    </row>
    <row r="988962" spans="14:14">
      <c r="N988962" s="10"/>
    </row>
    <row r="988963" spans="14:14">
      <c r="N988963" s="10"/>
    </row>
    <row r="988964" spans="14:14">
      <c r="N988964" s="10"/>
    </row>
    <row r="988965" spans="14:14">
      <c r="N988965" s="10"/>
    </row>
    <row r="988966" spans="14:14">
      <c r="N988966" s="10"/>
    </row>
    <row r="988967" spans="14:14">
      <c r="N988967" s="10"/>
    </row>
    <row r="988968" spans="14:14">
      <c r="N988968" s="10"/>
    </row>
    <row r="988969" spans="14:14">
      <c r="N988969" s="10"/>
    </row>
    <row r="988970" spans="14:14">
      <c r="N988970" s="10"/>
    </row>
    <row r="988971" spans="14:14">
      <c r="N988971" s="10"/>
    </row>
    <row r="988972" spans="14:14">
      <c r="N988972" s="10"/>
    </row>
    <row r="988973" spans="14:14">
      <c r="N988973" s="10"/>
    </row>
    <row r="988974" spans="14:14">
      <c r="N988974" s="10"/>
    </row>
    <row r="988975" spans="14:14">
      <c r="N988975" s="10"/>
    </row>
    <row r="988976" spans="14:14">
      <c r="N988976" s="10"/>
    </row>
    <row r="988977" spans="14:14">
      <c r="N988977" s="10"/>
    </row>
    <row r="988978" spans="14:14">
      <c r="N988978" s="10"/>
    </row>
    <row r="988979" spans="14:14">
      <c r="N988979" s="10"/>
    </row>
    <row r="988980" spans="14:14">
      <c r="N988980" s="10"/>
    </row>
    <row r="988981" spans="14:14">
      <c r="N988981" s="10"/>
    </row>
    <row r="988982" spans="14:14">
      <c r="N988982" s="10"/>
    </row>
    <row r="988983" spans="14:14">
      <c r="N988983" s="10"/>
    </row>
    <row r="988984" spans="14:14">
      <c r="N988984" s="10"/>
    </row>
    <row r="988985" spans="14:14">
      <c r="N988985" s="10"/>
    </row>
    <row r="988986" spans="14:14">
      <c r="N988986" s="10"/>
    </row>
    <row r="988987" spans="14:14">
      <c r="N988987" s="10"/>
    </row>
    <row r="988988" spans="14:14">
      <c r="N988988" s="10"/>
    </row>
    <row r="988989" spans="14:14">
      <c r="N988989" s="10"/>
    </row>
    <row r="988990" spans="14:14">
      <c r="N988990" s="10"/>
    </row>
    <row r="988991" spans="14:14">
      <c r="N988991" s="10"/>
    </row>
    <row r="988992" spans="14:14">
      <c r="N988992" s="10"/>
    </row>
    <row r="988993" spans="14:14">
      <c r="N988993" s="10"/>
    </row>
    <row r="988994" spans="14:14">
      <c r="N988994" s="10"/>
    </row>
    <row r="988995" spans="14:14">
      <c r="N988995" s="10"/>
    </row>
    <row r="988996" spans="14:14">
      <c r="N988996" s="10"/>
    </row>
    <row r="988997" spans="14:14">
      <c r="N988997" s="10"/>
    </row>
    <row r="988998" spans="14:14">
      <c r="N988998" s="10"/>
    </row>
    <row r="988999" spans="14:14">
      <c r="N988999" s="10"/>
    </row>
    <row r="989000" spans="14:14">
      <c r="N989000" s="10"/>
    </row>
    <row r="989001" spans="14:14">
      <c r="N989001" s="10"/>
    </row>
    <row r="989002" spans="14:14">
      <c r="N989002" s="10"/>
    </row>
    <row r="989003" spans="14:14">
      <c r="N989003" s="10"/>
    </row>
    <row r="989004" spans="14:14">
      <c r="N989004" s="10"/>
    </row>
    <row r="989005" spans="14:14">
      <c r="N989005" s="10"/>
    </row>
    <row r="989006" spans="14:14">
      <c r="N989006" s="10"/>
    </row>
    <row r="989007" spans="14:14">
      <c r="N989007" s="10"/>
    </row>
    <row r="989008" spans="14:14">
      <c r="N989008" s="10"/>
    </row>
    <row r="989009" spans="14:14">
      <c r="N989009" s="10"/>
    </row>
    <row r="989010" spans="14:14">
      <c r="N989010" s="10"/>
    </row>
    <row r="989011" spans="14:14">
      <c r="N989011" s="10"/>
    </row>
    <row r="989012" spans="14:14">
      <c r="N989012" s="10"/>
    </row>
    <row r="989013" spans="14:14">
      <c r="N989013" s="10"/>
    </row>
    <row r="989014" spans="14:14">
      <c r="N989014" s="10"/>
    </row>
    <row r="989015" spans="14:14">
      <c r="N989015" s="10"/>
    </row>
    <row r="989016" spans="14:14">
      <c r="N989016" s="10"/>
    </row>
    <row r="989017" spans="14:14">
      <c r="N989017" s="10"/>
    </row>
    <row r="989018" spans="14:14">
      <c r="N989018" s="10"/>
    </row>
    <row r="989019" spans="14:14">
      <c r="N989019" s="10"/>
    </row>
    <row r="989020" spans="14:14">
      <c r="N989020" s="10"/>
    </row>
    <row r="989021" spans="14:14">
      <c r="N989021" s="10"/>
    </row>
    <row r="989022" spans="14:14">
      <c r="N989022" s="10"/>
    </row>
    <row r="989023" spans="14:14">
      <c r="N989023" s="10"/>
    </row>
    <row r="989024" spans="14:14">
      <c r="N989024" s="10"/>
    </row>
    <row r="989025" spans="14:14">
      <c r="N989025" s="10"/>
    </row>
    <row r="989026" spans="14:14">
      <c r="N989026" s="10"/>
    </row>
    <row r="989027" spans="14:14">
      <c r="N989027" s="10"/>
    </row>
    <row r="989028" spans="14:14">
      <c r="N989028" s="10"/>
    </row>
    <row r="989029" spans="14:14">
      <c r="N989029" s="10"/>
    </row>
    <row r="989030" spans="14:14">
      <c r="N989030" s="10"/>
    </row>
    <row r="989031" spans="14:14">
      <c r="N989031" s="10"/>
    </row>
    <row r="989032" spans="14:14">
      <c r="N989032" s="10"/>
    </row>
    <row r="989033" spans="14:14">
      <c r="N989033" s="10"/>
    </row>
    <row r="989034" spans="14:14">
      <c r="N989034" s="10"/>
    </row>
    <row r="989035" spans="14:14">
      <c r="N989035" s="10"/>
    </row>
    <row r="989036" spans="14:14">
      <c r="N989036" s="10"/>
    </row>
    <row r="989037" spans="14:14">
      <c r="N989037" s="10"/>
    </row>
    <row r="989038" spans="14:14">
      <c r="N989038" s="10"/>
    </row>
    <row r="989039" spans="14:14">
      <c r="N989039" s="10"/>
    </row>
    <row r="989040" spans="14:14">
      <c r="N989040" s="10"/>
    </row>
    <row r="989041" spans="14:14">
      <c r="N989041" s="10"/>
    </row>
    <row r="989042" spans="14:14">
      <c r="N989042" s="10"/>
    </row>
    <row r="989043" spans="14:14">
      <c r="N989043" s="10"/>
    </row>
    <row r="989044" spans="14:14">
      <c r="N989044" s="10"/>
    </row>
    <row r="989045" spans="14:14">
      <c r="N989045" s="10"/>
    </row>
    <row r="989046" spans="14:14">
      <c r="N989046" s="10"/>
    </row>
    <row r="989047" spans="14:14">
      <c r="N989047" s="10"/>
    </row>
    <row r="989048" spans="14:14">
      <c r="N989048" s="10"/>
    </row>
    <row r="989049" spans="14:14">
      <c r="N989049" s="10"/>
    </row>
    <row r="989050" spans="14:14">
      <c r="N989050" s="10"/>
    </row>
    <row r="989051" spans="14:14">
      <c r="N989051" s="10"/>
    </row>
    <row r="989052" spans="14:14">
      <c r="N989052" s="10"/>
    </row>
    <row r="989053" spans="14:14">
      <c r="N989053" s="10"/>
    </row>
    <row r="989054" spans="14:14">
      <c r="N989054" s="10"/>
    </row>
    <row r="989055" spans="14:14">
      <c r="N989055" s="10"/>
    </row>
    <row r="989056" spans="14:14">
      <c r="N989056" s="10"/>
    </row>
    <row r="989057" spans="14:14">
      <c r="N989057" s="10"/>
    </row>
    <row r="989058" spans="14:14">
      <c r="N989058" s="10"/>
    </row>
    <row r="989059" spans="14:14">
      <c r="N989059" s="10"/>
    </row>
    <row r="989060" spans="14:14">
      <c r="N989060" s="10"/>
    </row>
    <row r="989061" spans="14:14">
      <c r="N989061" s="10"/>
    </row>
    <row r="989062" spans="14:14">
      <c r="N989062" s="10"/>
    </row>
    <row r="989063" spans="14:14">
      <c r="N989063" s="10"/>
    </row>
    <row r="989064" spans="14:14">
      <c r="N989064" s="10"/>
    </row>
    <row r="989065" spans="14:14">
      <c r="N989065" s="10"/>
    </row>
    <row r="989066" spans="14:14">
      <c r="N989066" s="10"/>
    </row>
    <row r="989067" spans="14:14">
      <c r="N989067" s="10"/>
    </row>
    <row r="989068" spans="14:14">
      <c r="N989068" s="10"/>
    </row>
    <row r="989069" spans="14:14">
      <c r="N989069" s="10"/>
    </row>
    <row r="989070" spans="14:14">
      <c r="N989070" s="10"/>
    </row>
    <row r="989071" spans="14:14">
      <c r="N989071" s="10"/>
    </row>
    <row r="989072" spans="14:14">
      <c r="N989072" s="10"/>
    </row>
    <row r="989073" spans="14:14">
      <c r="N989073" s="10"/>
    </row>
    <row r="989074" spans="14:14">
      <c r="N989074" s="10"/>
    </row>
    <row r="989075" spans="14:14">
      <c r="N989075" s="10"/>
    </row>
    <row r="989076" spans="14:14">
      <c r="N989076" s="10"/>
    </row>
    <row r="989077" spans="14:14">
      <c r="N989077" s="10"/>
    </row>
    <row r="989078" spans="14:14">
      <c r="N989078" s="10"/>
    </row>
    <row r="989079" spans="14:14">
      <c r="N989079" s="10"/>
    </row>
    <row r="989080" spans="14:14">
      <c r="N989080" s="10"/>
    </row>
    <row r="989081" spans="14:14">
      <c r="N989081" s="10"/>
    </row>
    <row r="989082" spans="14:14">
      <c r="N989082" s="10"/>
    </row>
    <row r="989083" spans="14:14">
      <c r="N989083" s="10"/>
    </row>
    <row r="989084" spans="14:14">
      <c r="N989084" s="10"/>
    </row>
    <row r="989085" spans="14:14">
      <c r="N989085" s="10"/>
    </row>
    <row r="989086" spans="14:14">
      <c r="N989086" s="10"/>
    </row>
    <row r="989087" spans="14:14">
      <c r="N989087" s="10"/>
    </row>
    <row r="989088" spans="14:14">
      <c r="N989088" s="10"/>
    </row>
    <row r="989089" spans="14:14">
      <c r="N989089" s="10"/>
    </row>
    <row r="989090" spans="14:14">
      <c r="N989090" s="10"/>
    </row>
    <row r="989091" spans="14:14">
      <c r="N989091" s="10"/>
    </row>
    <row r="989092" spans="14:14">
      <c r="N989092" s="10"/>
    </row>
    <row r="989093" spans="14:14">
      <c r="N989093" s="10"/>
    </row>
    <row r="989094" spans="14:14">
      <c r="N989094" s="10"/>
    </row>
    <row r="989095" spans="14:14">
      <c r="N989095" s="10"/>
    </row>
    <row r="989096" spans="14:14">
      <c r="N989096" s="10"/>
    </row>
    <row r="989097" spans="14:14">
      <c r="N989097" s="10"/>
    </row>
    <row r="989098" spans="14:14">
      <c r="N989098" s="10"/>
    </row>
    <row r="989099" spans="14:14">
      <c r="N989099" s="10"/>
    </row>
    <row r="989100" spans="14:14">
      <c r="N989100" s="10"/>
    </row>
    <row r="989101" spans="14:14">
      <c r="N989101" s="10"/>
    </row>
    <row r="989102" spans="14:14">
      <c r="N989102" s="10"/>
    </row>
    <row r="989103" spans="14:14">
      <c r="N989103" s="10"/>
    </row>
    <row r="989104" spans="14:14">
      <c r="N989104" s="10"/>
    </row>
    <row r="989105" spans="14:14">
      <c r="N989105" s="10"/>
    </row>
    <row r="989106" spans="14:14">
      <c r="N989106" s="10"/>
    </row>
    <row r="989107" spans="14:14">
      <c r="N989107" s="10"/>
    </row>
    <row r="989108" spans="14:14">
      <c r="N989108" s="10"/>
    </row>
    <row r="989109" spans="14:14">
      <c r="N989109" s="10"/>
    </row>
    <row r="989110" spans="14:14">
      <c r="N989110" s="10"/>
    </row>
    <row r="989111" spans="14:14">
      <c r="N989111" s="10"/>
    </row>
    <row r="989112" spans="14:14">
      <c r="N989112" s="10"/>
    </row>
    <row r="989113" spans="14:14">
      <c r="N989113" s="10"/>
    </row>
    <row r="989114" spans="14:14">
      <c r="N989114" s="10"/>
    </row>
    <row r="989115" spans="14:14">
      <c r="N989115" s="10"/>
    </row>
    <row r="989116" spans="14:14">
      <c r="N989116" s="10"/>
    </row>
    <row r="989117" spans="14:14">
      <c r="N989117" s="10"/>
    </row>
    <row r="989118" spans="14:14">
      <c r="N989118" s="10"/>
    </row>
    <row r="989119" spans="14:14">
      <c r="N989119" s="10"/>
    </row>
    <row r="989120" spans="14:14">
      <c r="N989120" s="10"/>
    </row>
    <row r="989121" spans="14:14">
      <c r="N989121" s="10"/>
    </row>
    <row r="989122" spans="14:14">
      <c r="N989122" s="10"/>
    </row>
    <row r="989123" spans="14:14">
      <c r="N989123" s="10"/>
    </row>
    <row r="989124" spans="14:14">
      <c r="N989124" s="10"/>
    </row>
    <row r="989125" spans="14:14">
      <c r="N989125" s="10"/>
    </row>
    <row r="989126" spans="14:14">
      <c r="N989126" s="10"/>
    </row>
    <row r="989127" spans="14:14">
      <c r="N989127" s="10"/>
    </row>
    <row r="989128" spans="14:14">
      <c r="N989128" s="10"/>
    </row>
    <row r="989129" spans="14:14">
      <c r="N989129" s="10"/>
    </row>
    <row r="989130" spans="14:14">
      <c r="N989130" s="10"/>
    </row>
    <row r="989131" spans="14:14">
      <c r="N989131" s="10"/>
    </row>
    <row r="989132" spans="14:14">
      <c r="N989132" s="10"/>
    </row>
    <row r="989133" spans="14:14">
      <c r="N989133" s="10"/>
    </row>
    <row r="989134" spans="14:14">
      <c r="N989134" s="10"/>
    </row>
    <row r="989135" spans="14:14">
      <c r="N989135" s="10"/>
    </row>
    <row r="989136" spans="14:14">
      <c r="N989136" s="10"/>
    </row>
    <row r="989137" spans="14:14">
      <c r="N989137" s="10"/>
    </row>
    <row r="989138" spans="14:14">
      <c r="N989138" s="10"/>
    </row>
    <row r="989139" spans="14:14">
      <c r="N989139" s="10"/>
    </row>
    <row r="989140" spans="14:14">
      <c r="N989140" s="10"/>
    </row>
    <row r="989141" spans="14:14">
      <c r="N989141" s="10"/>
    </row>
    <row r="989142" spans="14:14">
      <c r="N989142" s="10"/>
    </row>
    <row r="989143" spans="14:14">
      <c r="N989143" s="10"/>
    </row>
    <row r="989144" spans="14:14">
      <c r="N989144" s="10"/>
    </row>
    <row r="989145" spans="14:14">
      <c r="N989145" s="10"/>
    </row>
    <row r="989146" spans="14:14">
      <c r="N989146" s="10"/>
    </row>
    <row r="989147" spans="14:14">
      <c r="N989147" s="10"/>
    </row>
    <row r="989148" spans="14:14">
      <c r="N989148" s="10"/>
    </row>
    <row r="989149" spans="14:14">
      <c r="N989149" s="10"/>
    </row>
    <row r="989150" spans="14:14">
      <c r="N989150" s="10"/>
    </row>
    <row r="989151" spans="14:14">
      <c r="N989151" s="10"/>
    </row>
    <row r="989152" spans="14:14">
      <c r="N989152" s="10"/>
    </row>
    <row r="989153" spans="14:14">
      <c r="N989153" s="10"/>
    </row>
    <row r="989154" spans="14:14">
      <c r="N989154" s="10"/>
    </row>
    <row r="989155" spans="14:14">
      <c r="N989155" s="10"/>
    </row>
    <row r="989156" spans="14:14">
      <c r="N989156" s="10"/>
    </row>
    <row r="989157" spans="14:14">
      <c r="N989157" s="10"/>
    </row>
    <row r="989158" spans="14:14">
      <c r="N989158" s="10"/>
    </row>
    <row r="989159" spans="14:14">
      <c r="N989159" s="10"/>
    </row>
    <row r="989160" spans="14:14">
      <c r="N989160" s="10"/>
    </row>
    <row r="989161" spans="14:14">
      <c r="N989161" s="10"/>
    </row>
    <row r="989162" spans="14:14">
      <c r="N989162" s="10"/>
    </row>
    <row r="989163" spans="14:14">
      <c r="N989163" s="10"/>
    </row>
    <row r="989164" spans="14:14">
      <c r="N989164" s="10"/>
    </row>
    <row r="989165" spans="14:14">
      <c r="N989165" s="10"/>
    </row>
    <row r="989166" spans="14:14">
      <c r="N989166" s="10"/>
    </row>
    <row r="989167" spans="14:14">
      <c r="N989167" s="10"/>
    </row>
    <row r="989168" spans="14:14">
      <c r="N989168" s="10"/>
    </row>
    <row r="989169" spans="14:14">
      <c r="N989169" s="10"/>
    </row>
    <row r="989170" spans="14:14">
      <c r="N989170" s="10"/>
    </row>
    <row r="989171" spans="14:14">
      <c r="N989171" s="10"/>
    </row>
    <row r="989172" spans="14:14">
      <c r="N989172" s="10"/>
    </row>
    <row r="989173" spans="14:14">
      <c r="N989173" s="10"/>
    </row>
    <row r="989174" spans="14:14">
      <c r="N989174" s="10"/>
    </row>
    <row r="989175" spans="14:14">
      <c r="N989175" s="10"/>
    </row>
    <row r="989176" spans="14:14">
      <c r="N989176" s="10"/>
    </row>
    <row r="989177" spans="14:14">
      <c r="N989177" s="10"/>
    </row>
    <row r="989178" spans="14:14">
      <c r="N989178" s="10"/>
    </row>
    <row r="989179" spans="14:14">
      <c r="N989179" s="10"/>
    </row>
    <row r="989180" spans="14:14">
      <c r="N989180" s="10"/>
    </row>
    <row r="989181" spans="14:14">
      <c r="N989181" s="10"/>
    </row>
    <row r="989182" spans="14:14">
      <c r="N989182" s="10"/>
    </row>
    <row r="989183" spans="14:14">
      <c r="N989183" s="10"/>
    </row>
    <row r="989184" spans="14:14">
      <c r="N989184" s="10"/>
    </row>
    <row r="989185" spans="14:14">
      <c r="N989185" s="10"/>
    </row>
    <row r="989186" spans="14:14">
      <c r="N989186" s="10"/>
    </row>
    <row r="989187" spans="14:14">
      <c r="N989187" s="10"/>
    </row>
    <row r="989188" spans="14:14">
      <c r="N989188" s="10"/>
    </row>
    <row r="989189" spans="14:14">
      <c r="N989189" s="10"/>
    </row>
    <row r="989190" spans="14:14">
      <c r="N989190" s="10"/>
    </row>
    <row r="989191" spans="14:14">
      <c r="N989191" s="10"/>
    </row>
    <row r="989192" spans="14:14">
      <c r="N989192" s="10"/>
    </row>
    <row r="989193" spans="14:14">
      <c r="N989193" s="10"/>
    </row>
    <row r="989194" spans="14:14">
      <c r="N989194" s="10"/>
    </row>
    <row r="989195" spans="14:14">
      <c r="N989195" s="10"/>
    </row>
    <row r="989196" spans="14:14">
      <c r="N989196" s="10"/>
    </row>
    <row r="989197" spans="14:14">
      <c r="N989197" s="10"/>
    </row>
    <row r="989198" spans="14:14">
      <c r="N989198" s="10"/>
    </row>
    <row r="989199" spans="14:14">
      <c r="N989199" s="10"/>
    </row>
    <row r="989200" spans="14:14">
      <c r="N989200" s="10"/>
    </row>
    <row r="989201" spans="14:14">
      <c r="N989201" s="10"/>
    </row>
    <row r="989202" spans="14:14">
      <c r="N989202" s="10"/>
    </row>
    <row r="989203" spans="14:14">
      <c r="N989203" s="10"/>
    </row>
    <row r="989204" spans="14:14">
      <c r="N989204" s="10"/>
    </row>
    <row r="989205" spans="14:14">
      <c r="N989205" s="10"/>
    </row>
    <row r="989206" spans="14:14">
      <c r="N989206" s="10"/>
    </row>
    <row r="989207" spans="14:14">
      <c r="N989207" s="10"/>
    </row>
    <row r="989208" spans="14:14">
      <c r="N989208" s="10"/>
    </row>
    <row r="989209" spans="14:14">
      <c r="N989209" s="10"/>
    </row>
    <row r="989210" spans="14:14">
      <c r="N989210" s="10"/>
    </row>
    <row r="989211" spans="14:14">
      <c r="N989211" s="10"/>
    </row>
    <row r="989212" spans="14:14">
      <c r="N989212" s="10"/>
    </row>
    <row r="989213" spans="14:14">
      <c r="N989213" s="10"/>
    </row>
    <row r="989214" spans="14:14">
      <c r="N989214" s="10"/>
    </row>
    <row r="989215" spans="14:14">
      <c r="N989215" s="10"/>
    </row>
    <row r="989216" spans="14:14">
      <c r="N989216" s="10"/>
    </row>
    <row r="989217" spans="14:14">
      <c r="N989217" s="10"/>
    </row>
    <row r="989218" spans="14:14">
      <c r="N989218" s="10"/>
    </row>
    <row r="989219" spans="14:14">
      <c r="N989219" s="10"/>
    </row>
    <row r="989220" spans="14:14">
      <c r="N989220" s="10"/>
    </row>
    <row r="989221" spans="14:14">
      <c r="N989221" s="10"/>
    </row>
    <row r="989222" spans="14:14">
      <c r="N989222" s="10"/>
    </row>
    <row r="989223" spans="14:14">
      <c r="N989223" s="10"/>
    </row>
    <row r="989224" spans="14:14">
      <c r="N989224" s="10"/>
    </row>
    <row r="989225" spans="14:14">
      <c r="N989225" s="10"/>
    </row>
    <row r="989226" spans="14:14">
      <c r="N989226" s="10"/>
    </row>
    <row r="989227" spans="14:14">
      <c r="N989227" s="10"/>
    </row>
    <row r="989228" spans="14:14">
      <c r="N989228" s="10"/>
    </row>
    <row r="989229" spans="14:14">
      <c r="N989229" s="10"/>
    </row>
    <row r="989230" spans="14:14">
      <c r="N989230" s="10"/>
    </row>
    <row r="989231" spans="14:14">
      <c r="N989231" s="10"/>
    </row>
    <row r="989232" spans="14:14">
      <c r="N989232" s="10"/>
    </row>
    <row r="989233" spans="14:14">
      <c r="N989233" s="10"/>
    </row>
    <row r="989234" spans="14:14">
      <c r="N989234" s="10"/>
    </row>
    <row r="989235" spans="14:14">
      <c r="N989235" s="10"/>
    </row>
    <row r="989236" spans="14:14">
      <c r="N989236" s="10"/>
    </row>
    <row r="989237" spans="14:14">
      <c r="N989237" s="10"/>
    </row>
    <row r="989238" spans="14:14">
      <c r="N989238" s="10"/>
    </row>
    <row r="989239" spans="14:14">
      <c r="N989239" s="10"/>
    </row>
    <row r="989240" spans="14:14">
      <c r="N989240" s="10"/>
    </row>
    <row r="989241" spans="14:14">
      <c r="N989241" s="10"/>
    </row>
    <row r="989242" spans="14:14">
      <c r="N989242" s="10"/>
    </row>
    <row r="989243" spans="14:14">
      <c r="N989243" s="10"/>
    </row>
    <row r="989244" spans="14:14">
      <c r="N989244" s="10"/>
    </row>
    <row r="989245" spans="14:14">
      <c r="N989245" s="10"/>
    </row>
    <row r="989246" spans="14:14">
      <c r="N989246" s="10"/>
    </row>
    <row r="989247" spans="14:14">
      <c r="N989247" s="10"/>
    </row>
    <row r="989248" spans="14:14">
      <c r="N989248" s="10"/>
    </row>
    <row r="989249" spans="14:14">
      <c r="N989249" s="10"/>
    </row>
    <row r="989250" spans="14:14">
      <c r="N989250" s="10"/>
    </row>
    <row r="989251" spans="14:14">
      <c r="N989251" s="10"/>
    </row>
    <row r="989252" spans="14:14">
      <c r="N989252" s="10"/>
    </row>
    <row r="989253" spans="14:14">
      <c r="N989253" s="10"/>
    </row>
    <row r="989254" spans="14:14">
      <c r="N989254" s="10"/>
    </row>
    <row r="989255" spans="14:14">
      <c r="N989255" s="10"/>
    </row>
    <row r="989256" spans="14:14">
      <c r="N989256" s="10"/>
    </row>
    <row r="989257" spans="14:14">
      <c r="N989257" s="10"/>
    </row>
    <row r="989258" spans="14:14">
      <c r="N989258" s="10"/>
    </row>
    <row r="989259" spans="14:14">
      <c r="N989259" s="10"/>
    </row>
    <row r="989260" spans="14:14">
      <c r="N989260" s="10"/>
    </row>
    <row r="989261" spans="14:14">
      <c r="N989261" s="10"/>
    </row>
    <row r="989262" spans="14:14">
      <c r="N989262" s="10"/>
    </row>
    <row r="989263" spans="14:14">
      <c r="N989263" s="10"/>
    </row>
    <row r="989264" spans="14:14">
      <c r="N989264" s="10"/>
    </row>
    <row r="989265" spans="14:14">
      <c r="N989265" s="10"/>
    </row>
    <row r="989266" spans="14:14">
      <c r="N989266" s="10"/>
    </row>
    <row r="989267" spans="14:14">
      <c r="N989267" s="10"/>
    </row>
    <row r="989268" spans="14:14">
      <c r="N989268" s="10"/>
    </row>
    <row r="989269" spans="14:14">
      <c r="N989269" s="10"/>
    </row>
    <row r="989270" spans="14:14">
      <c r="N989270" s="10"/>
    </row>
    <row r="989271" spans="14:14">
      <c r="N989271" s="10"/>
    </row>
    <row r="989272" spans="14:14">
      <c r="N989272" s="10"/>
    </row>
    <row r="989273" spans="14:14">
      <c r="N989273" s="10"/>
    </row>
    <row r="989274" spans="14:14">
      <c r="N989274" s="10"/>
    </row>
    <row r="989275" spans="14:14">
      <c r="N989275" s="10"/>
    </row>
    <row r="989276" spans="14:14">
      <c r="N989276" s="10"/>
    </row>
    <row r="989277" spans="14:14">
      <c r="N989277" s="10"/>
    </row>
    <row r="989278" spans="14:14">
      <c r="N989278" s="10"/>
    </row>
    <row r="989279" spans="14:14">
      <c r="N989279" s="10"/>
    </row>
    <row r="989280" spans="14:14">
      <c r="N989280" s="10"/>
    </row>
    <row r="989281" spans="14:14">
      <c r="N989281" s="10"/>
    </row>
    <row r="989282" spans="14:14">
      <c r="N989282" s="10"/>
    </row>
    <row r="989283" spans="14:14">
      <c r="N989283" s="10"/>
    </row>
    <row r="989284" spans="14:14">
      <c r="N989284" s="10"/>
    </row>
    <row r="989285" spans="14:14">
      <c r="N989285" s="10"/>
    </row>
    <row r="989286" spans="14:14">
      <c r="N989286" s="10"/>
    </row>
    <row r="989287" spans="14:14">
      <c r="N989287" s="10"/>
    </row>
    <row r="989288" spans="14:14">
      <c r="N989288" s="10"/>
    </row>
    <row r="989289" spans="14:14">
      <c r="N989289" s="10"/>
    </row>
    <row r="989290" spans="14:14">
      <c r="N989290" s="10"/>
    </row>
    <row r="989291" spans="14:14">
      <c r="N989291" s="10"/>
    </row>
    <row r="989292" spans="14:14">
      <c r="N989292" s="10"/>
    </row>
    <row r="989293" spans="14:14">
      <c r="N989293" s="10"/>
    </row>
    <row r="989294" spans="14:14">
      <c r="N989294" s="10"/>
    </row>
    <row r="989295" spans="14:14">
      <c r="N989295" s="10"/>
    </row>
    <row r="989296" spans="14:14">
      <c r="N989296" s="10"/>
    </row>
    <row r="989297" spans="14:14">
      <c r="N989297" s="10"/>
    </row>
    <row r="989298" spans="14:14">
      <c r="N989298" s="10"/>
    </row>
    <row r="989299" spans="14:14">
      <c r="N989299" s="10"/>
    </row>
    <row r="989300" spans="14:14">
      <c r="N989300" s="10"/>
    </row>
    <row r="989301" spans="14:14">
      <c r="N989301" s="10"/>
    </row>
    <row r="989302" spans="14:14">
      <c r="N989302" s="10"/>
    </row>
    <row r="989303" spans="14:14">
      <c r="N989303" s="10"/>
    </row>
    <row r="989304" spans="14:14">
      <c r="N989304" s="10"/>
    </row>
    <row r="989305" spans="14:14">
      <c r="N989305" s="10"/>
    </row>
    <row r="989306" spans="14:14">
      <c r="N989306" s="10"/>
    </row>
    <row r="989307" spans="14:14">
      <c r="N989307" s="10"/>
    </row>
    <row r="989308" spans="14:14">
      <c r="N989308" s="10"/>
    </row>
    <row r="989309" spans="14:14">
      <c r="N989309" s="10"/>
    </row>
    <row r="989310" spans="14:14">
      <c r="N989310" s="10"/>
    </row>
    <row r="989311" spans="14:14">
      <c r="N989311" s="10"/>
    </row>
    <row r="989312" spans="14:14">
      <c r="N989312" s="10"/>
    </row>
    <row r="989313" spans="14:14">
      <c r="N989313" s="10"/>
    </row>
    <row r="989314" spans="14:14">
      <c r="N989314" s="10"/>
    </row>
    <row r="989315" spans="14:14">
      <c r="N989315" s="10"/>
    </row>
    <row r="989316" spans="14:14">
      <c r="N989316" s="10"/>
    </row>
    <row r="989317" spans="14:14">
      <c r="N989317" s="10"/>
    </row>
    <row r="989318" spans="14:14">
      <c r="N989318" s="10"/>
    </row>
    <row r="989319" spans="14:14">
      <c r="N989319" s="10"/>
    </row>
    <row r="989320" spans="14:14">
      <c r="N989320" s="10"/>
    </row>
    <row r="989321" spans="14:14">
      <c r="N989321" s="10"/>
    </row>
    <row r="989322" spans="14:14">
      <c r="N989322" s="10"/>
    </row>
    <row r="989323" spans="14:14">
      <c r="N989323" s="10"/>
    </row>
    <row r="989324" spans="14:14">
      <c r="N989324" s="10"/>
    </row>
    <row r="989325" spans="14:14">
      <c r="N989325" s="10"/>
    </row>
    <row r="989326" spans="14:14">
      <c r="N989326" s="10"/>
    </row>
    <row r="989327" spans="14:14">
      <c r="N989327" s="10"/>
    </row>
    <row r="989328" spans="14:14">
      <c r="N989328" s="10"/>
    </row>
    <row r="989329" spans="14:14">
      <c r="N989329" s="10"/>
    </row>
    <row r="989330" spans="14:14">
      <c r="N989330" s="10"/>
    </row>
    <row r="989331" spans="14:14">
      <c r="N989331" s="10"/>
    </row>
    <row r="989332" spans="14:14">
      <c r="N989332" s="10"/>
    </row>
    <row r="989333" spans="14:14">
      <c r="N989333" s="10"/>
    </row>
    <row r="989334" spans="14:14">
      <c r="N989334" s="10"/>
    </row>
    <row r="989335" spans="14:14">
      <c r="N989335" s="10"/>
    </row>
    <row r="989336" spans="14:14">
      <c r="N989336" s="10"/>
    </row>
    <row r="989337" spans="14:14">
      <c r="N989337" s="10"/>
    </row>
    <row r="989338" spans="14:14">
      <c r="N989338" s="10"/>
    </row>
    <row r="989339" spans="14:14">
      <c r="N989339" s="10"/>
    </row>
    <row r="989340" spans="14:14">
      <c r="N989340" s="10"/>
    </row>
    <row r="989341" spans="14:14">
      <c r="N989341" s="10"/>
    </row>
    <row r="989342" spans="14:14">
      <c r="N989342" s="10"/>
    </row>
    <row r="989343" spans="14:14">
      <c r="N989343" s="10"/>
    </row>
    <row r="989344" spans="14:14">
      <c r="N989344" s="10"/>
    </row>
    <row r="989345" spans="14:14">
      <c r="N989345" s="10"/>
    </row>
    <row r="989346" spans="14:14">
      <c r="N989346" s="10"/>
    </row>
    <row r="989347" spans="14:14">
      <c r="N989347" s="10"/>
    </row>
    <row r="989348" spans="14:14">
      <c r="N989348" s="10"/>
    </row>
    <row r="989349" spans="14:14">
      <c r="N989349" s="10"/>
    </row>
    <row r="989350" spans="14:14">
      <c r="N989350" s="10"/>
    </row>
    <row r="989351" spans="14:14">
      <c r="N989351" s="10"/>
    </row>
    <row r="989352" spans="14:14">
      <c r="N989352" s="10"/>
    </row>
    <row r="989353" spans="14:14">
      <c r="N989353" s="10"/>
    </row>
    <row r="989354" spans="14:14">
      <c r="N989354" s="10"/>
    </row>
    <row r="989355" spans="14:14">
      <c r="N989355" s="10"/>
    </row>
    <row r="989356" spans="14:14">
      <c r="N989356" s="10"/>
    </row>
    <row r="989357" spans="14:14">
      <c r="N989357" s="10"/>
    </row>
    <row r="989358" spans="14:14">
      <c r="N989358" s="10"/>
    </row>
    <row r="989359" spans="14:14">
      <c r="N989359" s="10"/>
    </row>
    <row r="989360" spans="14:14">
      <c r="N989360" s="10"/>
    </row>
    <row r="989361" spans="14:14">
      <c r="N989361" s="10"/>
    </row>
    <row r="989362" spans="14:14">
      <c r="N989362" s="10"/>
    </row>
    <row r="989363" spans="14:14">
      <c r="N989363" s="10"/>
    </row>
    <row r="989364" spans="14:14">
      <c r="N989364" s="10"/>
    </row>
    <row r="989365" spans="14:14">
      <c r="N989365" s="10"/>
    </row>
    <row r="989366" spans="14:14">
      <c r="N989366" s="10"/>
    </row>
    <row r="989367" spans="14:14">
      <c r="N989367" s="10"/>
    </row>
    <row r="989368" spans="14:14">
      <c r="N989368" s="10"/>
    </row>
    <row r="989369" spans="14:14">
      <c r="N989369" s="10"/>
    </row>
    <row r="989370" spans="14:14">
      <c r="N989370" s="10"/>
    </row>
    <row r="989371" spans="14:14">
      <c r="N989371" s="10"/>
    </row>
    <row r="989372" spans="14:14">
      <c r="N989372" s="10"/>
    </row>
    <row r="989373" spans="14:14">
      <c r="N989373" s="10"/>
    </row>
    <row r="989374" spans="14:14">
      <c r="N989374" s="10"/>
    </row>
    <row r="989375" spans="14:14">
      <c r="N989375" s="10"/>
    </row>
    <row r="989376" spans="14:14">
      <c r="N989376" s="10"/>
    </row>
    <row r="989377" spans="14:14">
      <c r="N989377" s="10"/>
    </row>
    <row r="989378" spans="14:14">
      <c r="N989378" s="10"/>
    </row>
    <row r="989379" spans="14:14">
      <c r="N989379" s="10"/>
    </row>
    <row r="989380" spans="14:14">
      <c r="N989380" s="10"/>
    </row>
    <row r="989381" spans="14:14">
      <c r="N989381" s="10"/>
    </row>
    <row r="989382" spans="14:14">
      <c r="N989382" s="10"/>
    </row>
    <row r="989383" spans="14:14">
      <c r="N989383" s="10"/>
    </row>
    <row r="989384" spans="14:14">
      <c r="N989384" s="10"/>
    </row>
    <row r="989385" spans="14:14">
      <c r="N989385" s="10"/>
    </row>
    <row r="989386" spans="14:14">
      <c r="N989386" s="10"/>
    </row>
    <row r="989387" spans="14:14">
      <c r="N989387" s="10"/>
    </row>
    <row r="989388" spans="14:14">
      <c r="N989388" s="10"/>
    </row>
    <row r="989389" spans="14:14">
      <c r="N989389" s="10"/>
    </row>
    <row r="989390" spans="14:14">
      <c r="N989390" s="10"/>
    </row>
    <row r="989391" spans="14:14">
      <c r="N989391" s="10"/>
    </row>
    <row r="989392" spans="14:14">
      <c r="N989392" s="10"/>
    </row>
    <row r="989393" spans="14:14">
      <c r="N989393" s="10"/>
    </row>
    <row r="989394" spans="14:14">
      <c r="N989394" s="10"/>
    </row>
    <row r="989395" spans="14:14">
      <c r="N989395" s="10"/>
    </row>
    <row r="989396" spans="14:14">
      <c r="N989396" s="10"/>
    </row>
    <row r="989397" spans="14:14">
      <c r="N989397" s="10"/>
    </row>
    <row r="989398" spans="14:14">
      <c r="N989398" s="10"/>
    </row>
    <row r="989399" spans="14:14">
      <c r="N989399" s="10"/>
    </row>
    <row r="989400" spans="14:14">
      <c r="N989400" s="10"/>
    </row>
    <row r="989401" spans="14:14">
      <c r="N989401" s="10"/>
    </row>
    <row r="989402" spans="14:14">
      <c r="N989402" s="10"/>
    </row>
    <row r="989403" spans="14:14">
      <c r="N989403" s="10"/>
    </row>
    <row r="989404" spans="14:14">
      <c r="N989404" s="10"/>
    </row>
    <row r="989405" spans="14:14">
      <c r="N989405" s="10"/>
    </row>
    <row r="989406" spans="14:14">
      <c r="N989406" s="10"/>
    </row>
    <row r="989407" spans="14:14">
      <c r="N989407" s="10"/>
    </row>
    <row r="989408" spans="14:14">
      <c r="N989408" s="10"/>
    </row>
    <row r="989409" spans="14:14">
      <c r="N989409" s="10"/>
    </row>
    <row r="989410" spans="14:14">
      <c r="N989410" s="10"/>
    </row>
    <row r="989411" spans="14:14">
      <c r="N989411" s="10"/>
    </row>
    <row r="989412" spans="14:14">
      <c r="N989412" s="10"/>
    </row>
    <row r="989413" spans="14:14">
      <c r="N989413" s="10"/>
    </row>
    <row r="989414" spans="14:14">
      <c r="N989414" s="10"/>
    </row>
    <row r="989415" spans="14:14">
      <c r="N989415" s="10"/>
    </row>
    <row r="989416" spans="14:14">
      <c r="N989416" s="10"/>
    </row>
    <row r="989417" spans="14:14">
      <c r="N989417" s="10"/>
    </row>
    <row r="989418" spans="14:14">
      <c r="N989418" s="10"/>
    </row>
    <row r="989419" spans="14:14">
      <c r="N989419" s="10"/>
    </row>
    <row r="989420" spans="14:14">
      <c r="N989420" s="10"/>
    </row>
    <row r="989421" spans="14:14">
      <c r="N989421" s="10"/>
    </row>
    <row r="989422" spans="14:14">
      <c r="N989422" s="10"/>
    </row>
    <row r="989423" spans="14:14">
      <c r="N989423" s="10"/>
    </row>
    <row r="989424" spans="14:14">
      <c r="N989424" s="10"/>
    </row>
    <row r="989425" spans="14:14">
      <c r="N989425" s="10"/>
    </row>
    <row r="989426" spans="14:14">
      <c r="N989426" s="10"/>
    </row>
    <row r="989427" spans="14:14">
      <c r="N989427" s="10"/>
    </row>
    <row r="989428" spans="14:14">
      <c r="N989428" s="10"/>
    </row>
    <row r="989429" spans="14:14">
      <c r="N989429" s="10"/>
    </row>
    <row r="989430" spans="14:14">
      <c r="N989430" s="10"/>
    </row>
    <row r="989431" spans="14:14">
      <c r="N989431" s="10"/>
    </row>
    <row r="989432" spans="14:14">
      <c r="N989432" s="10"/>
    </row>
    <row r="989433" spans="14:14">
      <c r="N989433" s="10"/>
    </row>
    <row r="989434" spans="14:14">
      <c r="N989434" s="10"/>
    </row>
    <row r="989435" spans="14:14">
      <c r="N989435" s="10"/>
    </row>
    <row r="989436" spans="14:14">
      <c r="N989436" s="10"/>
    </row>
    <row r="989437" spans="14:14">
      <c r="N989437" s="10"/>
    </row>
    <row r="989438" spans="14:14">
      <c r="N989438" s="10"/>
    </row>
    <row r="989439" spans="14:14">
      <c r="N989439" s="10"/>
    </row>
    <row r="989440" spans="14:14">
      <c r="N989440" s="10"/>
    </row>
    <row r="989441" spans="14:14">
      <c r="N989441" s="10"/>
    </row>
    <row r="989442" spans="14:14">
      <c r="N989442" s="10"/>
    </row>
    <row r="989443" spans="14:14">
      <c r="N989443" s="10"/>
    </row>
    <row r="989444" spans="14:14">
      <c r="N989444" s="10"/>
    </row>
    <row r="989445" spans="14:14">
      <c r="N989445" s="10"/>
    </row>
    <row r="989446" spans="14:14">
      <c r="N989446" s="10"/>
    </row>
    <row r="989447" spans="14:14">
      <c r="N989447" s="10"/>
    </row>
    <row r="989448" spans="14:14">
      <c r="N989448" s="10"/>
    </row>
    <row r="989449" spans="14:14">
      <c r="N989449" s="10"/>
    </row>
    <row r="989450" spans="14:14">
      <c r="N989450" s="10"/>
    </row>
    <row r="989451" spans="14:14">
      <c r="N989451" s="10"/>
    </row>
    <row r="989452" spans="14:14">
      <c r="N989452" s="10"/>
    </row>
    <row r="989453" spans="14:14">
      <c r="N989453" s="10"/>
    </row>
    <row r="989454" spans="14:14">
      <c r="N989454" s="10"/>
    </row>
    <row r="989455" spans="14:14">
      <c r="N989455" s="10"/>
    </row>
    <row r="989456" spans="14:14">
      <c r="N989456" s="10"/>
    </row>
    <row r="989457" spans="14:14">
      <c r="N989457" s="10"/>
    </row>
    <row r="989458" spans="14:14">
      <c r="N989458" s="10"/>
    </row>
    <row r="989459" spans="14:14">
      <c r="N989459" s="10"/>
    </row>
    <row r="989460" spans="14:14">
      <c r="N989460" s="10"/>
    </row>
    <row r="989461" spans="14:14">
      <c r="N989461" s="10"/>
    </row>
    <row r="989462" spans="14:14">
      <c r="N989462" s="10"/>
    </row>
    <row r="989463" spans="14:14">
      <c r="N989463" s="10"/>
    </row>
    <row r="989464" spans="14:14">
      <c r="N989464" s="10"/>
    </row>
    <row r="989465" spans="14:14">
      <c r="N989465" s="10"/>
    </row>
    <row r="989466" spans="14:14">
      <c r="N989466" s="10"/>
    </row>
    <row r="989467" spans="14:14">
      <c r="N989467" s="10"/>
    </row>
    <row r="989468" spans="14:14">
      <c r="N989468" s="10"/>
    </row>
    <row r="989469" spans="14:14">
      <c r="N989469" s="10"/>
    </row>
    <row r="989470" spans="14:14">
      <c r="N989470" s="10"/>
    </row>
    <row r="989471" spans="14:14">
      <c r="N989471" s="10"/>
    </row>
    <row r="989472" spans="14:14">
      <c r="N989472" s="10"/>
    </row>
    <row r="989473" spans="14:14">
      <c r="N989473" s="10"/>
    </row>
    <row r="989474" spans="14:14">
      <c r="N989474" s="10"/>
    </row>
    <row r="989475" spans="14:14">
      <c r="N989475" s="10"/>
    </row>
    <row r="989476" spans="14:14">
      <c r="N989476" s="10"/>
    </row>
    <row r="989477" spans="14:14">
      <c r="N989477" s="10"/>
    </row>
    <row r="989478" spans="14:14">
      <c r="N989478" s="10"/>
    </row>
    <row r="989479" spans="14:14">
      <c r="N989479" s="10"/>
    </row>
    <row r="989480" spans="14:14">
      <c r="N989480" s="10"/>
    </row>
    <row r="989481" spans="14:14">
      <c r="N989481" s="10"/>
    </row>
    <row r="989482" spans="14:14">
      <c r="N989482" s="10"/>
    </row>
    <row r="989483" spans="14:14">
      <c r="N989483" s="10"/>
    </row>
    <row r="989484" spans="14:14">
      <c r="N989484" s="10"/>
    </row>
    <row r="989485" spans="14:14">
      <c r="N989485" s="10"/>
    </row>
    <row r="989486" spans="14:14">
      <c r="N989486" s="10"/>
    </row>
    <row r="989487" spans="14:14">
      <c r="N989487" s="10"/>
    </row>
    <row r="989488" spans="14:14">
      <c r="N989488" s="10"/>
    </row>
    <row r="989489" spans="14:14">
      <c r="N989489" s="10"/>
    </row>
    <row r="989490" spans="14:14">
      <c r="N989490" s="10"/>
    </row>
    <row r="989491" spans="14:14">
      <c r="N989491" s="10"/>
    </row>
    <row r="989492" spans="14:14">
      <c r="N989492" s="10"/>
    </row>
    <row r="989493" spans="14:14">
      <c r="N989493" s="10"/>
    </row>
    <row r="989494" spans="14:14">
      <c r="N989494" s="10"/>
    </row>
    <row r="989495" spans="14:14">
      <c r="N989495" s="10"/>
    </row>
    <row r="989496" spans="14:14">
      <c r="N989496" s="10"/>
    </row>
    <row r="989497" spans="14:14">
      <c r="N989497" s="10"/>
    </row>
    <row r="989498" spans="14:14">
      <c r="N989498" s="10"/>
    </row>
    <row r="989499" spans="14:14">
      <c r="N989499" s="10"/>
    </row>
    <row r="989500" spans="14:14">
      <c r="N989500" s="10"/>
    </row>
    <row r="989501" spans="14:14">
      <c r="N989501" s="10"/>
    </row>
    <row r="989502" spans="14:14">
      <c r="N989502" s="10"/>
    </row>
    <row r="989503" spans="14:14">
      <c r="N989503" s="10"/>
    </row>
    <row r="989504" spans="14:14">
      <c r="N989504" s="10"/>
    </row>
    <row r="989505" spans="14:14">
      <c r="N989505" s="10"/>
    </row>
    <row r="989506" spans="14:14">
      <c r="N989506" s="10"/>
    </row>
    <row r="989507" spans="14:14">
      <c r="N989507" s="10"/>
    </row>
    <row r="989508" spans="14:14">
      <c r="N989508" s="10"/>
    </row>
    <row r="989509" spans="14:14">
      <c r="N989509" s="10"/>
    </row>
    <row r="989510" spans="14:14">
      <c r="N989510" s="10"/>
    </row>
    <row r="989511" spans="14:14">
      <c r="N989511" s="10"/>
    </row>
    <row r="989512" spans="14:14">
      <c r="N989512" s="10"/>
    </row>
    <row r="989513" spans="14:14">
      <c r="N989513" s="10"/>
    </row>
    <row r="989514" spans="14:14">
      <c r="N989514" s="10"/>
    </row>
    <row r="989515" spans="14:14">
      <c r="N989515" s="10"/>
    </row>
    <row r="989516" spans="14:14">
      <c r="N989516" s="10"/>
    </row>
    <row r="989517" spans="14:14">
      <c r="N989517" s="10"/>
    </row>
    <row r="989518" spans="14:14">
      <c r="N989518" s="10"/>
    </row>
    <row r="989519" spans="14:14">
      <c r="N989519" s="10"/>
    </row>
    <row r="989520" spans="14:14">
      <c r="N989520" s="10"/>
    </row>
    <row r="989521" spans="14:14">
      <c r="N989521" s="10"/>
    </row>
    <row r="989522" spans="14:14">
      <c r="N989522" s="10"/>
    </row>
    <row r="989523" spans="14:14">
      <c r="N989523" s="10"/>
    </row>
    <row r="989524" spans="14:14">
      <c r="N989524" s="10"/>
    </row>
    <row r="989525" spans="14:14">
      <c r="N989525" s="10"/>
    </row>
    <row r="989526" spans="14:14">
      <c r="N989526" s="10"/>
    </row>
    <row r="989527" spans="14:14">
      <c r="N989527" s="10"/>
    </row>
    <row r="989528" spans="14:14">
      <c r="N989528" s="10"/>
    </row>
    <row r="989529" spans="14:14">
      <c r="N989529" s="10"/>
    </row>
    <row r="989530" spans="14:14">
      <c r="N989530" s="10"/>
    </row>
    <row r="989531" spans="14:14">
      <c r="N989531" s="10"/>
    </row>
    <row r="989532" spans="14:14">
      <c r="N989532" s="10"/>
    </row>
    <row r="989533" spans="14:14">
      <c r="N989533" s="10"/>
    </row>
    <row r="989534" spans="14:14">
      <c r="N989534" s="10"/>
    </row>
    <row r="989535" spans="14:14">
      <c r="N989535" s="10"/>
    </row>
    <row r="989536" spans="14:14">
      <c r="N989536" s="10"/>
    </row>
    <row r="989537" spans="14:14">
      <c r="N989537" s="10"/>
    </row>
    <row r="989538" spans="14:14">
      <c r="N989538" s="10"/>
    </row>
    <row r="989539" spans="14:14">
      <c r="N989539" s="10"/>
    </row>
    <row r="989540" spans="14:14">
      <c r="N989540" s="10"/>
    </row>
    <row r="989541" spans="14:14">
      <c r="N989541" s="10"/>
    </row>
    <row r="989542" spans="14:14">
      <c r="N989542" s="10"/>
    </row>
    <row r="989543" spans="14:14">
      <c r="N989543" s="10"/>
    </row>
    <row r="989544" spans="14:14">
      <c r="N989544" s="10"/>
    </row>
    <row r="989545" spans="14:14">
      <c r="N989545" s="10"/>
    </row>
    <row r="989546" spans="14:14">
      <c r="N989546" s="10"/>
    </row>
    <row r="989547" spans="14:14">
      <c r="N989547" s="10"/>
    </row>
    <row r="989548" spans="14:14">
      <c r="N989548" s="10"/>
    </row>
    <row r="989549" spans="14:14">
      <c r="N989549" s="10"/>
    </row>
    <row r="989550" spans="14:14">
      <c r="N989550" s="10"/>
    </row>
    <row r="989551" spans="14:14">
      <c r="N989551" s="10"/>
    </row>
    <row r="989552" spans="14:14">
      <c r="N989552" s="10"/>
    </row>
    <row r="989553" spans="14:14">
      <c r="N989553" s="10"/>
    </row>
    <row r="989554" spans="14:14">
      <c r="N989554" s="10"/>
    </row>
    <row r="989555" spans="14:14">
      <c r="N989555" s="10"/>
    </row>
    <row r="989556" spans="14:14">
      <c r="N989556" s="10"/>
    </row>
    <row r="989557" spans="14:14">
      <c r="N989557" s="10"/>
    </row>
    <row r="989558" spans="14:14">
      <c r="N989558" s="10"/>
    </row>
    <row r="989559" spans="14:14">
      <c r="N989559" s="10"/>
    </row>
    <row r="989560" spans="14:14">
      <c r="N989560" s="10"/>
    </row>
    <row r="989561" spans="14:14">
      <c r="N989561" s="10"/>
    </row>
    <row r="989562" spans="14:14">
      <c r="N989562" s="10"/>
    </row>
    <row r="989563" spans="14:14">
      <c r="N989563" s="10"/>
    </row>
    <row r="989564" spans="14:14">
      <c r="N989564" s="10"/>
    </row>
    <row r="989565" spans="14:14">
      <c r="N989565" s="10"/>
    </row>
    <row r="989566" spans="14:14">
      <c r="N989566" s="10"/>
    </row>
    <row r="989567" spans="14:14">
      <c r="N989567" s="10"/>
    </row>
    <row r="989568" spans="14:14">
      <c r="N989568" s="10"/>
    </row>
    <row r="989569" spans="14:14">
      <c r="N989569" s="10"/>
    </row>
    <row r="989570" spans="14:14">
      <c r="N989570" s="10"/>
    </row>
    <row r="989571" spans="14:14">
      <c r="N989571" s="10"/>
    </row>
    <row r="989572" spans="14:14">
      <c r="N989572" s="10"/>
    </row>
    <row r="989573" spans="14:14">
      <c r="N989573" s="10"/>
    </row>
    <row r="989574" spans="14:14">
      <c r="N989574" s="10"/>
    </row>
    <row r="989575" spans="14:14">
      <c r="N989575" s="10"/>
    </row>
    <row r="989576" spans="14:14">
      <c r="N989576" s="10"/>
    </row>
    <row r="989577" spans="14:14">
      <c r="N989577" s="10"/>
    </row>
    <row r="989578" spans="14:14">
      <c r="N989578" s="10"/>
    </row>
    <row r="989579" spans="14:14">
      <c r="N989579" s="10"/>
    </row>
    <row r="989580" spans="14:14">
      <c r="N989580" s="10"/>
    </row>
    <row r="989581" spans="14:14">
      <c r="N989581" s="10"/>
    </row>
    <row r="989582" spans="14:14">
      <c r="N989582" s="10"/>
    </row>
    <row r="989583" spans="14:14">
      <c r="N989583" s="10"/>
    </row>
    <row r="989584" spans="14:14">
      <c r="N989584" s="10"/>
    </row>
    <row r="989585" spans="14:14">
      <c r="N989585" s="10"/>
    </row>
    <row r="989586" spans="14:14">
      <c r="N989586" s="10"/>
    </row>
    <row r="989587" spans="14:14">
      <c r="N989587" s="10"/>
    </row>
    <row r="989588" spans="14:14">
      <c r="N989588" s="10"/>
    </row>
    <row r="989589" spans="14:14">
      <c r="N989589" s="10"/>
    </row>
    <row r="989590" spans="14:14">
      <c r="N989590" s="10"/>
    </row>
    <row r="989591" spans="14:14">
      <c r="N989591" s="10"/>
    </row>
    <row r="989592" spans="14:14">
      <c r="N989592" s="10"/>
    </row>
    <row r="989593" spans="14:14">
      <c r="N989593" s="10"/>
    </row>
    <row r="989594" spans="14:14">
      <c r="N989594" s="10"/>
    </row>
    <row r="989595" spans="14:14">
      <c r="N989595" s="10"/>
    </row>
    <row r="989596" spans="14:14">
      <c r="N989596" s="10"/>
    </row>
    <row r="989597" spans="14:14">
      <c r="N989597" s="10"/>
    </row>
    <row r="989598" spans="14:14">
      <c r="N989598" s="10"/>
    </row>
    <row r="989599" spans="14:14">
      <c r="N989599" s="10"/>
    </row>
    <row r="989600" spans="14:14">
      <c r="N989600" s="10"/>
    </row>
    <row r="989601" spans="14:14">
      <c r="N989601" s="10"/>
    </row>
    <row r="989602" spans="14:14">
      <c r="N989602" s="10"/>
    </row>
    <row r="989603" spans="14:14">
      <c r="N989603" s="10"/>
    </row>
    <row r="989604" spans="14:14">
      <c r="N989604" s="10"/>
    </row>
    <row r="989605" spans="14:14">
      <c r="N989605" s="10"/>
    </row>
    <row r="989606" spans="14:14">
      <c r="N989606" s="10"/>
    </row>
    <row r="989607" spans="14:14">
      <c r="N989607" s="10"/>
    </row>
    <row r="989608" spans="14:14">
      <c r="N989608" s="10"/>
    </row>
    <row r="989609" spans="14:14">
      <c r="N989609" s="10"/>
    </row>
    <row r="989610" spans="14:14">
      <c r="N989610" s="10"/>
    </row>
    <row r="989611" spans="14:14">
      <c r="N989611" s="10"/>
    </row>
    <row r="989612" spans="14:14">
      <c r="N989612" s="10"/>
    </row>
    <row r="989613" spans="14:14">
      <c r="N989613" s="10"/>
    </row>
    <row r="989614" spans="14:14">
      <c r="N989614" s="10"/>
    </row>
    <row r="989615" spans="14:14">
      <c r="N989615" s="10"/>
    </row>
    <row r="989616" spans="14:14">
      <c r="N989616" s="10"/>
    </row>
    <row r="989617" spans="14:14">
      <c r="N989617" s="10"/>
    </row>
    <row r="989618" spans="14:14">
      <c r="N989618" s="10"/>
    </row>
    <row r="989619" spans="14:14">
      <c r="N989619" s="10"/>
    </row>
    <row r="989620" spans="14:14">
      <c r="N989620" s="10"/>
    </row>
    <row r="989621" spans="14:14">
      <c r="N989621" s="10"/>
    </row>
    <row r="989622" spans="14:14">
      <c r="N989622" s="10"/>
    </row>
    <row r="989623" spans="14:14">
      <c r="N989623" s="10"/>
    </row>
    <row r="989624" spans="14:14">
      <c r="N989624" s="10"/>
    </row>
    <row r="989625" spans="14:14">
      <c r="N989625" s="10"/>
    </row>
    <row r="989626" spans="14:14">
      <c r="N989626" s="10"/>
    </row>
    <row r="989627" spans="14:14">
      <c r="N989627" s="10"/>
    </row>
    <row r="989628" spans="14:14">
      <c r="N989628" s="10"/>
    </row>
    <row r="989629" spans="14:14">
      <c r="N989629" s="10"/>
    </row>
    <row r="989630" spans="14:14">
      <c r="N989630" s="10"/>
    </row>
    <row r="989631" spans="14:14">
      <c r="N989631" s="10"/>
    </row>
    <row r="989632" spans="14:14">
      <c r="N989632" s="10"/>
    </row>
    <row r="989633" spans="14:14">
      <c r="N989633" s="10"/>
    </row>
    <row r="989634" spans="14:14">
      <c r="N989634" s="10"/>
    </row>
    <row r="989635" spans="14:14">
      <c r="N989635" s="10"/>
    </row>
    <row r="989636" spans="14:14">
      <c r="N989636" s="10"/>
    </row>
    <row r="989637" spans="14:14">
      <c r="N989637" s="10"/>
    </row>
    <row r="989638" spans="14:14">
      <c r="N989638" s="10"/>
    </row>
    <row r="989639" spans="14:14">
      <c r="N989639" s="10"/>
    </row>
    <row r="989640" spans="14:14">
      <c r="N989640" s="10"/>
    </row>
    <row r="989641" spans="14:14">
      <c r="N989641" s="10"/>
    </row>
    <row r="989642" spans="14:14">
      <c r="N989642" s="10"/>
    </row>
    <row r="989643" spans="14:14">
      <c r="N989643" s="10"/>
    </row>
    <row r="989644" spans="14:14">
      <c r="N989644" s="10"/>
    </row>
    <row r="989645" spans="14:14">
      <c r="N989645" s="10"/>
    </row>
    <row r="989646" spans="14:14">
      <c r="N989646" s="10"/>
    </row>
    <row r="989647" spans="14:14">
      <c r="N989647" s="10"/>
    </row>
    <row r="989648" spans="14:14">
      <c r="N989648" s="10"/>
    </row>
    <row r="989649" spans="14:14">
      <c r="N989649" s="10"/>
    </row>
    <row r="989650" spans="14:14">
      <c r="N989650" s="10"/>
    </row>
    <row r="989651" spans="14:14">
      <c r="N989651" s="10"/>
    </row>
    <row r="989652" spans="14:14">
      <c r="N989652" s="10"/>
    </row>
    <row r="989653" spans="14:14">
      <c r="N989653" s="10"/>
    </row>
    <row r="989654" spans="14:14">
      <c r="N989654" s="10"/>
    </row>
    <row r="989655" spans="14:14">
      <c r="N989655" s="10"/>
    </row>
    <row r="989656" spans="14:14">
      <c r="N989656" s="10"/>
    </row>
    <row r="989657" spans="14:14">
      <c r="N989657" s="10"/>
    </row>
    <row r="989658" spans="14:14">
      <c r="N989658" s="10"/>
    </row>
    <row r="989659" spans="14:14">
      <c r="N989659" s="10"/>
    </row>
    <row r="989660" spans="14:14">
      <c r="N989660" s="10"/>
    </row>
    <row r="989661" spans="14:14">
      <c r="N989661" s="10"/>
    </row>
    <row r="989662" spans="14:14">
      <c r="N989662" s="10"/>
    </row>
    <row r="989663" spans="14:14">
      <c r="N989663" s="10"/>
    </row>
    <row r="989664" spans="14:14">
      <c r="N989664" s="10"/>
    </row>
    <row r="989665" spans="14:14">
      <c r="N989665" s="10"/>
    </row>
    <row r="989666" spans="14:14">
      <c r="N989666" s="10"/>
    </row>
    <row r="989667" spans="14:14">
      <c r="N989667" s="10"/>
    </row>
    <row r="989668" spans="14:14">
      <c r="N989668" s="10"/>
    </row>
    <row r="989669" spans="14:14">
      <c r="N989669" s="10"/>
    </row>
    <row r="989670" spans="14:14">
      <c r="N989670" s="10"/>
    </row>
    <row r="989671" spans="14:14">
      <c r="N989671" s="10"/>
    </row>
    <row r="989672" spans="14:14">
      <c r="N989672" s="10"/>
    </row>
    <row r="989673" spans="14:14">
      <c r="N989673" s="10"/>
    </row>
    <row r="989674" spans="14:14">
      <c r="N989674" s="10"/>
    </row>
    <row r="989675" spans="14:14">
      <c r="N989675" s="10"/>
    </row>
    <row r="989676" spans="14:14">
      <c r="N989676" s="10"/>
    </row>
    <row r="989677" spans="14:14">
      <c r="N989677" s="10"/>
    </row>
    <row r="989678" spans="14:14">
      <c r="N989678" s="10"/>
    </row>
    <row r="989679" spans="14:14">
      <c r="N989679" s="10"/>
    </row>
    <row r="989680" spans="14:14">
      <c r="N989680" s="10"/>
    </row>
    <row r="989681" spans="14:14">
      <c r="N989681" s="10"/>
    </row>
    <row r="989682" spans="14:14">
      <c r="N989682" s="10"/>
    </row>
    <row r="989683" spans="14:14">
      <c r="N989683" s="10"/>
    </row>
    <row r="989684" spans="14:14">
      <c r="N989684" s="10"/>
    </row>
    <row r="989685" spans="14:14">
      <c r="N989685" s="10"/>
    </row>
    <row r="989686" spans="14:14">
      <c r="N989686" s="10"/>
    </row>
    <row r="989687" spans="14:14">
      <c r="N989687" s="10"/>
    </row>
    <row r="989688" spans="14:14">
      <c r="N989688" s="10"/>
    </row>
    <row r="989689" spans="14:14">
      <c r="N989689" s="10"/>
    </row>
    <row r="989690" spans="14:14">
      <c r="N989690" s="10"/>
    </row>
    <row r="989691" spans="14:14">
      <c r="N989691" s="10"/>
    </row>
    <row r="989692" spans="14:14">
      <c r="N989692" s="10"/>
    </row>
    <row r="989693" spans="14:14">
      <c r="N989693" s="10"/>
    </row>
    <row r="989694" spans="14:14">
      <c r="N989694" s="10"/>
    </row>
    <row r="989695" spans="14:14">
      <c r="N989695" s="10"/>
    </row>
    <row r="989696" spans="14:14">
      <c r="N989696" s="10"/>
    </row>
    <row r="989697" spans="14:14">
      <c r="N989697" s="10"/>
    </row>
    <row r="989698" spans="14:14">
      <c r="N989698" s="10"/>
    </row>
    <row r="989699" spans="14:14">
      <c r="N989699" s="10"/>
    </row>
    <row r="989700" spans="14:14">
      <c r="N989700" s="10"/>
    </row>
    <row r="989701" spans="14:14">
      <c r="N989701" s="10"/>
    </row>
    <row r="989702" spans="14:14">
      <c r="N989702" s="10"/>
    </row>
    <row r="989703" spans="14:14">
      <c r="N989703" s="10"/>
    </row>
    <row r="989704" spans="14:14">
      <c r="N989704" s="10"/>
    </row>
    <row r="989705" spans="14:14">
      <c r="N989705" s="10"/>
    </row>
    <row r="989706" spans="14:14">
      <c r="N989706" s="10"/>
    </row>
    <row r="989707" spans="14:14">
      <c r="N989707" s="10"/>
    </row>
    <row r="989708" spans="14:14">
      <c r="N989708" s="10"/>
    </row>
    <row r="989709" spans="14:14">
      <c r="N989709" s="10"/>
    </row>
    <row r="989710" spans="14:14">
      <c r="N989710" s="10"/>
    </row>
    <row r="989711" spans="14:14">
      <c r="N989711" s="10"/>
    </row>
    <row r="989712" spans="14:14">
      <c r="N989712" s="10"/>
    </row>
    <row r="989713" spans="14:14">
      <c r="N989713" s="10"/>
    </row>
    <row r="989714" spans="14:14">
      <c r="N989714" s="10"/>
    </row>
    <row r="989715" spans="14:14">
      <c r="N989715" s="10"/>
    </row>
    <row r="989716" spans="14:14">
      <c r="N989716" s="10"/>
    </row>
    <row r="989717" spans="14:14">
      <c r="N989717" s="10"/>
    </row>
    <row r="989718" spans="14:14">
      <c r="N989718" s="10"/>
    </row>
    <row r="989719" spans="14:14">
      <c r="N989719" s="10"/>
    </row>
    <row r="989720" spans="14:14">
      <c r="N989720" s="10"/>
    </row>
    <row r="989721" spans="14:14">
      <c r="N989721" s="10"/>
    </row>
    <row r="989722" spans="14:14">
      <c r="N989722" s="10"/>
    </row>
    <row r="989723" spans="14:14">
      <c r="N989723" s="10"/>
    </row>
    <row r="989724" spans="14:14">
      <c r="N989724" s="10"/>
    </row>
    <row r="989725" spans="14:14">
      <c r="N989725" s="10"/>
    </row>
    <row r="989726" spans="14:14">
      <c r="N989726" s="10"/>
    </row>
    <row r="989727" spans="14:14">
      <c r="N989727" s="10"/>
    </row>
    <row r="989728" spans="14:14">
      <c r="N989728" s="10"/>
    </row>
    <row r="989729" spans="14:14">
      <c r="N989729" s="10"/>
    </row>
    <row r="989730" spans="14:14">
      <c r="N989730" s="10"/>
    </row>
    <row r="989731" spans="14:14">
      <c r="N989731" s="10"/>
    </row>
    <row r="989732" spans="14:14">
      <c r="N989732" s="10"/>
    </row>
    <row r="989733" spans="14:14">
      <c r="N989733" s="10"/>
    </row>
    <row r="989734" spans="14:14">
      <c r="N989734" s="10"/>
    </row>
    <row r="989735" spans="14:14">
      <c r="N989735" s="10"/>
    </row>
    <row r="989736" spans="14:14">
      <c r="N989736" s="10"/>
    </row>
    <row r="989737" spans="14:14">
      <c r="N989737" s="10"/>
    </row>
    <row r="989738" spans="14:14">
      <c r="N989738" s="10"/>
    </row>
    <row r="989739" spans="14:14">
      <c r="N989739" s="10"/>
    </row>
    <row r="989740" spans="14:14">
      <c r="N989740" s="10"/>
    </row>
    <row r="989741" spans="14:14">
      <c r="N989741" s="10"/>
    </row>
    <row r="989742" spans="14:14">
      <c r="N989742" s="10"/>
    </row>
    <row r="989743" spans="14:14">
      <c r="N989743" s="10"/>
    </row>
    <row r="989744" spans="14:14">
      <c r="N989744" s="10"/>
    </row>
    <row r="989745" spans="14:14">
      <c r="N989745" s="10"/>
    </row>
    <row r="989746" spans="14:14">
      <c r="N989746" s="10"/>
    </row>
    <row r="989747" spans="14:14">
      <c r="N989747" s="10"/>
    </row>
    <row r="989748" spans="14:14">
      <c r="N989748" s="10"/>
    </row>
    <row r="989749" spans="14:14">
      <c r="N989749" s="10"/>
    </row>
    <row r="989750" spans="14:14">
      <c r="N989750" s="10"/>
    </row>
    <row r="989751" spans="14:14">
      <c r="N989751" s="10"/>
    </row>
    <row r="989752" spans="14:14">
      <c r="N989752" s="10"/>
    </row>
    <row r="989753" spans="14:14">
      <c r="N989753" s="10"/>
    </row>
    <row r="989754" spans="14:14">
      <c r="N989754" s="10"/>
    </row>
    <row r="989755" spans="14:14">
      <c r="N989755" s="10"/>
    </row>
    <row r="989756" spans="14:14">
      <c r="N989756" s="10"/>
    </row>
    <row r="989757" spans="14:14">
      <c r="N989757" s="10"/>
    </row>
    <row r="989758" spans="14:14">
      <c r="N989758" s="10"/>
    </row>
    <row r="989759" spans="14:14">
      <c r="N989759" s="10"/>
    </row>
    <row r="989760" spans="14:14">
      <c r="N989760" s="10"/>
    </row>
    <row r="989761" spans="14:14">
      <c r="N989761" s="10"/>
    </row>
    <row r="989762" spans="14:14">
      <c r="N989762" s="10"/>
    </row>
    <row r="989763" spans="14:14">
      <c r="N989763" s="10"/>
    </row>
    <row r="989764" spans="14:14">
      <c r="N989764" s="10"/>
    </row>
    <row r="989765" spans="14:14">
      <c r="N989765" s="10"/>
    </row>
    <row r="989766" spans="14:14">
      <c r="N989766" s="10"/>
    </row>
    <row r="989767" spans="14:14">
      <c r="N989767" s="10"/>
    </row>
    <row r="989768" spans="14:14">
      <c r="N989768" s="10"/>
    </row>
    <row r="989769" spans="14:14">
      <c r="N989769" s="10"/>
    </row>
    <row r="989770" spans="14:14">
      <c r="N989770" s="10"/>
    </row>
    <row r="989771" spans="14:14">
      <c r="N989771" s="10"/>
    </row>
    <row r="989772" spans="14:14">
      <c r="N989772" s="10"/>
    </row>
    <row r="989773" spans="14:14">
      <c r="N989773" s="10"/>
    </row>
    <row r="989774" spans="14:14">
      <c r="N989774" s="10"/>
    </row>
    <row r="989775" spans="14:14">
      <c r="N989775" s="10"/>
    </row>
    <row r="989776" spans="14:14">
      <c r="N989776" s="10"/>
    </row>
    <row r="989777" spans="14:14">
      <c r="N989777" s="10"/>
    </row>
    <row r="989778" spans="14:14">
      <c r="N989778" s="10"/>
    </row>
    <row r="989779" spans="14:14">
      <c r="N989779" s="10"/>
    </row>
    <row r="989780" spans="14:14">
      <c r="N989780" s="10"/>
    </row>
    <row r="989781" spans="14:14">
      <c r="N989781" s="10"/>
    </row>
    <row r="989782" spans="14:14">
      <c r="N989782" s="10"/>
    </row>
    <row r="989783" spans="14:14">
      <c r="N989783" s="10"/>
    </row>
    <row r="989784" spans="14:14">
      <c r="N989784" s="10"/>
    </row>
    <row r="989785" spans="14:14">
      <c r="N989785" s="10"/>
    </row>
    <row r="989786" spans="14:14">
      <c r="N989786" s="10"/>
    </row>
    <row r="989787" spans="14:14">
      <c r="N989787" s="10"/>
    </row>
    <row r="989788" spans="14:14">
      <c r="N989788" s="10"/>
    </row>
    <row r="989789" spans="14:14">
      <c r="N989789" s="10"/>
    </row>
    <row r="989790" spans="14:14">
      <c r="N989790" s="10"/>
    </row>
    <row r="989791" spans="14:14">
      <c r="N989791" s="10"/>
    </row>
    <row r="989792" spans="14:14">
      <c r="N989792" s="10"/>
    </row>
    <row r="989793" spans="14:14">
      <c r="N989793" s="10"/>
    </row>
    <row r="989794" spans="14:14">
      <c r="N989794" s="10"/>
    </row>
    <row r="989795" spans="14:14">
      <c r="N989795" s="10"/>
    </row>
    <row r="989796" spans="14:14">
      <c r="N989796" s="10"/>
    </row>
    <row r="989797" spans="14:14">
      <c r="N989797" s="10"/>
    </row>
    <row r="989798" spans="14:14">
      <c r="N989798" s="10"/>
    </row>
    <row r="989799" spans="14:14">
      <c r="N989799" s="10"/>
    </row>
    <row r="989800" spans="14:14">
      <c r="N989800" s="10"/>
    </row>
    <row r="989801" spans="14:14">
      <c r="N989801" s="10"/>
    </row>
    <row r="989802" spans="14:14">
      <c r="N989802" s="10"/>
    </row>
    <row r="989803" spans="14:14">
      <c r="N989803" s="10"/>
    </row>
    <row r="989804" spans="14:14">
      <c r="N989804" s="10"/>
    </row>
    <row r="989805" spans="14:14">
      <c r="N989805" s="10"/>
    </row>
    <row r="989806" spans="14:14">
      <c r="N989806" s="10"/>
    </row>
    <row r="989807" spans="14:14">
      <c r="N989807" s="10"/>
    </row>
    <row r="989808" spans="14:14">
      <c r="N989808" s="10"/>
    </row>
    <row r="989809" spans="14:14">
      <c r="N989809" s="10"/>
    </row>
    <row r="989810" spans="14:14">
      <c r="N989810" s="10"/>
    </row>
    <row r="989811" spans="14:14">
      <c r="N989811" s="10"/>
    </row>
    <row r="989812" spans="14:14">
      <c r="N989812" s="10"/>
    </row>
    <row r="989813" spans="14:14">
      <c r="N989813" s="10"/>
    </row>
    <row r="989814" spans="14:14">
      <c r="N989814" s="10"/>
    </row>
    <row r="989815" spans="14:14">
      <c r="N989815" s="10"/>
    </row>
    <row r="989816" spans="14:14">
      <c r="N989816" s="10"/>
    </row>
    <row r="989817" spans="14:14">
      <c r="N989817" s="10"/>
    </row>
    <row r="989818" spans="14:14">
      <c r="N989818" s="10"/>
    </row>
    <row r="989819" spans="14:14">
      <c r="N989819" s="10"/>
    </row>
    <row r="989820" spans="14:14">
      <c r="N989820" s="10"/>
    </row>
    <row r="989821" spans="14:14">
      <c r="N989821" s="10"/>
    </row>
    <row r="989822" spans="14:14">
      <c r="N989822" s="10"/>
    </row>
    <row r="989823" spans="14:14">
      <c r="N989823" s="10"/>
    </row>
    <row r="989824" spans="14:14">
      <c r="N989824" s="10"/>
    </row>
    <row r="989825" spans="14:14">
      <c r="N989825" s="10"/>
    </row>
    <row r="989826" spans="14:14">
      <c r="N989826" s="10"/>
    </row>
    <row r="989827" spans="14:14">
      <c r="N989827" s="10"/>
    </row>
    <row r="989828" spans="14:14">
      <c r="N989828" s="10"/>
    </row>
    <row r="989829" spans="14:14">
      <c r="N989829" s="10"/>
    </row>
    <row r="989830" spans="14:14">
      <c r="N989830" s="10"/>
    </row>
    <row r="989831" spans="14:14">
      <c r="N989831" s="10"/>
    </row>
    <row r="989832" spans="14:14">
      <c r="N989832" s="10"/>
    </row>
    <row r="989833" spans="14:14">
      <c r="N989833" s="10"/>
    </row>
    <row r="989834" spans="14:14">
      <c r="N989834" s="10"/>
    </row>
    <row r="989835" spans="14:14">
      <c r="N989835" s="10"/>
    </row>
    <row r="989836" spans="14:14">
      <c r="N989836" s="10"/>
    </row>
    <row r="989837" spans="14:14">
      <c r="N989837" s="10"/>
    </row>
    <row r="989838" spans="14:14">
      <c r="N989838" s="10"/>
    </row>
    <row r="989839" spans="14:14">
      <c r="N989839" s="10"/>
    </row>
    <row r="989840" spans="14:14">
      <c r="N989840" s="10"/>
    </row>
    <row r="989841" spans="14:14">
      <c r="N989841" s="10"/>
    </row>
    <row r="989842" spans="14:14">
      <c r="N989842" s="10"/>
    </row>
    <row r="989843" spans="14:14">
      <c r="N989843" s="10"/>
    </row>
    <row r="989844" spans="14:14">
      <c r="N989844" s="10"/>
    </row>
    <row r="989845" spans="14:14">
      <c r="N989845" s="10"/>
    </row>
    <row r="989846" spans="14:14">
      <c r="N989846" s="10"/>
    </row>
    <row r="989847" spans="14:14">
      <c r="N989847" s="10"/>
    </row>
    <row r="989848" spans="14:14">
      <c r="N989848" s="10"/>
    </row>
    <row r="989849" spans="14:14">
      <c r="N989849" s="10"/>
    </row>
    <row r="989850" spans="14:14">
      <c r="N989850" s="10"/>
    </row>
    <row r="989851" spans="14:14">
      <c r="N989851" s="10"/>
    </row>
    <row r="989852" spans="14:14">
      <c r="N989852" s="10"/>
    </row>
    <row r="989853" spans="14:14">
      <c r="N989853" s="10"/>
    </row>
    <row r="989854" spans="14:14">
      <c r="N989854" s="10"/>
    </row>
    <row r="989855" spans="14:14">
      <c r="N989855" s="10"/>
    </row>
    <row r="989856" spans="14:14">
      <c r="N989856" s="10"/>
    </row>
    <row r="989857" spans="14:14">
      <c r="N989857" s="10"/>
    </row>
    <row r="989858" spans="14:14">
      <c r="N989858" s="10"/>
    </row>
    <row r="989859" spans="14:14">
      <c r="N989859" s="10"/>
    </row>
    <row r="989860" spans="14:14">
      <c r="N989860" s="10"/>
    </row>
    <row r="989861" spans="14:14">
      <c r="N989861" s="10"/>
    </row>
    <row r="989862" spans="14:14">
      <c r="N989862" s="10"/>
    </row>
    <row r="989863" spans="14:14">
      <c r="N989863" s="10"/>
    </row>
    <row r="989864" spans="14:14">
      <c r="N989864" s="10"/>
    </row>
    <row r="989865" spans="14:14">
      <c r="N989865" s="10"/>
    </row>
    <row r="989866" spans="14:14">
      <c r="N989866" s="10"/>
    </row>
    <row r="989867" spans="14:14">
      <c r="N989867" s="10"/>
    </row>
    <row r="989868" spans="14:14">
      <c r="N989868" s="10"/>
    </row>
    <row r="989869" spans="14:14">
      <c r="N989869" s="10"/>
    </row>
    <row r="989870" spans="14:14">
      <c r="N989870" s="10"/>
    </row>
    <row r="989871" spans="14:14">
      <c r="N989871" s="10"/>
    </row>
    <row r="989872" spans="14:14">
      <c r="N989872" s="10"/>
    </row>
    <row r="989873" spans="14:14">
      <c r="N989873" s="10"/>
    </row>
    <row r="989874" spans="14:14">
      <c r="N989874" s="10"/>
    </row>
    <row r="989875" spans="14:14">
      <c r="N989875" s="10"/>
    </row>
    <row r="989876" spans="14:14">
      <c r="N989876" s="10"/>
    </row>
    <row r="989877" spans="14:14">
      <c r="N989877" s="10"/>
    </row>
    <row r="989878" spans="14:14">
      <c r="N989878" s="10"/>
    </row>
    <row r="989879" spans="14:14">
      <c r="N989879" s="10"/>
    </row>
    <row r="989880" spans="14:14">
      <c r="N989880" s="10"/>
    </row>
    <row r="989881" spans="14:14">
      <c r="N989881" s="10"/>
    </row>
    <row r="989882" spans="14:14">
      <c r="N989882" s="10"/>
    </row>
    <row r="989883" spans="14:14">
      <c r="N989883" s="10"/>
    </row>
    <row r="989884" spans="14:14">
      <c r="N989884" s="10"/>
    </row>
    <row r="989885" spans="14:14">
      <c r="N989885" s="10"/>
    </row>
    <row r="989886" spans="14:14">
      <c r="N989886" s="10"/>
    </row>
    <row r="989887" spans="14:14">
      <c r="N989887" s="10"/>
    </row>
    <row r="989888" spans="14:14">
      <c r="N989888" s="10"/>
    </row>
    <row r="989889" spans="14:14">
      <c r="N989889" s="10"/>
    </row>
    <row r="989890" spans="14:14">
      <c r="N989890" s="10"/>
    </row>
    <row r="989891" spans="14:14">
      <c r="N989891" s="10"/>
    </row>
    <row r="989892" spans="14:14">
      <c r="N989892" s="10"/>
    </row>
    <row r="989893" spans="14:14">
      <c r="N989893" s="10"/>
    </row>
    <row r="989894" spans="14:14">
      <c r="N989894" s="10"/>
    </row>
    <row r="989895" spans="14:14">
      <c r="N989895" s="10"/>
    </row>
    <row r="989896" spans="14:14">
      <c r="N989896" s="10"/>
    </row>
    <row r="989897" spans="14:14">
      <c r="N989897" s="10"/>
    </row>
    <row r="989898" spans="14:14">
      <c r="N989898" s="10"/>
    </row>
    <row r="989899" spans="14:14">
      <c r="N989899" s="10"/>
    </row>
    <row r="989900" spans="14:14">
      <c r="N989900" s="10"/>
    </row>
    <row r="989901" spans="14:14">
      <c r="N989901" s="10"/>
    </row>
    <row r="989902" spans="14:14">
      <c r="N989902" s="10"/>
    </row>
    <row r="989903" spans="14:14">
      <c r="N989903" s="10"/>
    </row>
    <row r="989904" spans="14:14">
      <c r="N989904" s="10"/>
    </row>
    <row r="989905" spans="14:14">
      <c r="N989905" s="10"/>
    </row>
    <row r="989906" spans="14:14">
      <c r="N989906" s="10"/>
    </row>
    <row r="989907" spans="14:14">
      <c r="N989907" s="10"/>
    </row>
    <row r="989908" spans="14:14">
      <c r="N989908" s="10"/>
    </row>
    <row r="989909" spans="14:14">
      <c r="N989909" s="10"/>
    </row>
    <row r="989910" spans="14:14">
      <c r="N989910" s="10"/>
    </row>
    <row r="989911" spans="14:14">
      <c r="N989911" s="10"/>
    </row>
    <row r="989912" spans="14:14">
      <c r="N989912" s="10"/>
    </row>
    <row r="989913" spans="14:14">
      <c r="N989913" s="10"/>
    </row>
    <row r="989914" spans="14:14">
      <c r="N989914" s="10"/>
    </row>
    <row r="989915" spans="14:14">
      <c r="N989915" s="10"/>
    </row>
    <row r="989916" spans="14:14">
      <c r="N989916" s="10"/>
    </row>
    <row r="989917" spans="14:14">
      <c r="N989917" s="10"/>
    </row>
    <row r="989918" spans="14:14">
      <c r="N989918" s="10"/>
    </row>
    <row r="989919" spans="14:14">
      <c r="N989919" s="10"/>
    </row>
    <row r="989920" spans="14:14">
      <c r="N989920" s="10"/>
    </row>
    <row r="989921" spans="14:14">
      <c r="N989921" s="10"/>
    </row>
    <row r="989922" spans="14:14">
      <c r="N989922" s="10"/>
    </row>
    <row r="989923" spans="14:14">
      <c r="N989923" s="10"/>
    </row>
    <row r="989924" spans="14:14">
      <c r="N989924" s="10"/>
    </row>
    <row r="989925" spans="14:14">
      <c r="N989925" s="10"/>
    </row>
    <row r="989926" spans="14:14">
      <c r="N989926" s="10"/>
    </row>
    <row r="989927" spans="14:14">
      <c r="N989927" s="10"/>
    </row>
    <row r="989928" spans="14:14">
      <c r="N989928" s="10"/>
    </row>
    <row r="989929" spans="14:14">
      <c r="N989929" s="10"/>
    </row>
    <row r="989930" spans="14:14">
      <c r="N989930" s="10"/>
    </row>
    <row r="989931" spans="14:14">
      <c r="N989931" s="10"/>
    </row>
    <row r="989932" spans="14:14">
      <c r="N989932" s="10"/>
    </row>
    <row r="989933" spans="14:14">
      <c r="N989933" s="10"/>
    </row>
    <row r="989934" spans="14:14">
      <c r="N989934" s="10"/>
    </row>
    <row r="989935" spans="14:14">
      <c r="N989935" s="10"/>
    </row>
    <row r="989936" spans="14:14">
      <c r="N989936" s="10"/>
    </row>
    <row r="989937" spans="14:14">
      <c r="N989937" s="10"/>
    </row>
    <row r="989938" spans="14:14">
      <c r="N989938" s="10"/>
    </row>
    <row r="989939" spans="14:14">
      <c r="N989939" s="10"/>
    </row>
    <row r="989940" spans="14:14">
      <c r="N989940" s="10"/>
    </row>
    <row r="989941" spans="14:14">
      <c r="N989941" s="10"/>
    </row>
    <row r="989942" spans="14:14">
      <c r="N989942" s="10"/>
    </row>
    <row r="989943" spans="14:14">
      <c r="N989943" s="10"/>
    </row>
    <row r="989944" spans="14:14">
      <c r="N989944" s="10"/>
    </row>
    <row r="989945" spans="14:14">
      <c r="N989945" s="10"/>
    </row>
    <row r="989946" spans="14:14">
      <c r="N989946" s="10"/>
    </row>
    <row r="989947" spans="14:14">
      <c r="N989947" s="10"/>
    </row>
    <row r="989948" spans="14:14">
      <c r="N989948" s="10"/>
    </row>
    <row r="989949" spans="14:14">
      <c r="N989949" s="10"/>
    </row>
    <row r="989950" spans="14:14">
      <c r="N989950" s="10"/>
    </row>
    <row r="989951" spans="14:14">
      <c r="N989951" s="10"/>
    </row>
    <row r="989952" spans="14:14">
      <c r="N989952" s="10"/>
    </row>
    <row r="989953" spans="14:14">
      <c r="N989953" s="10"/>
    </row>
    <row r="989954" spans="14:14">
      <c r="N989954" s="10"/>
    </row>
    <row r="989955" spans="14:14">
      <c r="N989955" s="10"/>
    </row>
    <row r="989956" spans="14:14">
      <c r="N989956" s="10"/>
    </row>
    <row r="989957" spans="14:14">
      <c r="N989957" s="10"/>
    </row>
    <row r="989958" spans="14:14">
      <c r="N989958" s="10"/>
    </row>
    <row r="989959" spans="14:14">
      <c r="N989959" s="10"/>
    </row>
    <row r="989960" spans="14:14">
      <c r="N989960" s="10"/>
    </row>
    <row r="989961" spans="14:14">
      <c r="N989961" s="10"/>
    </row>
    <row r="989962" spans="14:14">
      <c r="N989962" s="10"/>
    </row>
    <row r="989963" spans="14:14">
      <c r="N989963" s="10"/>
    </row>
    <row r="989964" spans="14:14">
      <c r="N989964" s="10"/>
    </row>
    <row r="989965" spans="14:14">
      <c r="N989965" s="10"/>
    </row>
    <row r="989966" spans="14:14">
      <c r="N989966" s="10"/>
    </row>
    <row r="989967" spans="14:14">
      <c r="N989967" s="10"/>
    </row>
    <row r="989968" spans="14:14">
      <c r="N989968" s="10"/>
    </row>
    <row r="989969" spans="14:14">
      <c r="N989969" s="10"/>
    </row>
    <row r="989970" spans="14:14">
      <c r="N989970" s="10"/>
    </row>
    <row r="989971" spans="14:14">
      <c r="N989971" s="10"/>
    </row>
    <row r="989972" spans="14:14">
      <c r="N989972" s="10"/>
    </row>
    <row r="989973" spans="14:14">
      <c r="N989973" s="10"/>
    </row>
    <row r="989974" spans="14:14">
      <c r="N989974" s="10"/>
    </row>
    <row r="989975" spans="14:14">
      <c r="N989975" s="10"/>
    </row>
    <row r="989976" spans="14:14">
      <c r="N989976" s="10"/>
    </row>
    <row r="989977" spans="14:14">
      <c r="N989977" s="10"/>
    </row>
    <row r="989978" spans="14:14">
      <c r="N989978" s="10"/>
    </row>
    <row r="989979" spans="14:14">
      <c r="N989979" s="10"/>
    </row>
    <row r="989980" spans="14:14">
      <c r="N989980" s="10"/>
    </row>
    <row r="989981" spans="14:14">
      <c r="N989981" s="10"/>
    </row>
    <row r="989982" spans="14:14">
      <c r="N989982" s="10"/>
    </row>
    <row r="989983" spans="14:14">
      <c r="N989983" s="10"/>
    </row>
    <row r="989984" spans="14:14">
      <c r="N989984" s="10"/>
    </row>
    <row r="989985" spans="14:14">
      <c r="N989985" s="10"/>
    </row>
    <row r="989986" spans="14:14">
      <c r="N989986" s="10"/>
    </row>
    <row r="989987" spans="14:14">
      <c r="N989987" s="10"/>
    </row>
    <row r="989988" spans="14:14">
      <c r="N989988" s="10"/>
    </row>
    <row r="989989" spans="14:14">
      <c r="N989989" s="10"/>
    </row>
    <row r="989990" spans="14:14">
      <c r="N989990" s="10"/>
    </row>
    <row r="989991" spans="14:14">
      <c r="N989991" s="10"/>
    </row>
    <row r="989992" spans="14:14">
      <c r="N989992" s="10"/>
    </row>
    <row r="989993" spans="14:14">
      <c r="N989993" s="10"/>
    </row>
    <row r="989994" spans="14:14">
      <c r="N989994" s="10"/>
    </row>
    <row r="989995" spans="14:14">
      <c r="N989995" s="10"/>
    </row>
    <row r="989996" spans="14:14">
      <c r="N989996" s="10"/>
    </row>
    <row r="989997" spans="14:14">
      <c r="N989997" s="10"/>
    </row>
    <row r="989998" spans="14:14">
      <c r="N989998" s="10"/>
    </row>
    <row r="989999" spans="14:14">
      <c r="N989999" s="10"/>
    </row>
    <row r="990000" spans="14:14">
      <c r="N990000" s="10"/>
    </row>
    <row r="990001" spans="14:14">
      <c r="N990001" s="10"/>
    </row>
    <row r="990002" spans="14:14">
      <c r="N990002" s="10"/>
    </row>
    <row r="990003" spans="14:14">
      <c r="N990003" s="10"/>
    </row>
    <row r="990004" spans="14:14">
      <c r="N990004" s="10"/>
    </row>
    <row r="990005" spans="14:14">
      <c r="N990005" s="10"/>
    </row>
    <row r="990006" spans="14:14">
      <c r="N990006" s="10"/>
    </row>
    <row r="990007" spans="14:14">
      <c r="N990007" s="10"/>
    </row>
    <row r="990008" spans="14:14">
      <c r="N990008" s="10"/>
    </row>
    <row r="990009" spans="14:14">
      <c r="N990009" s="10"/>
    </row>
    <row r="990010" spans="14:14">
      <c r="N990010" s="10"/>
    </row>
    <row r="990011" spans="14:14">
      <c r="N990011" s="10"/>
    </row>
    <row r="990012" spans="14:14">
      <c r="N990012" s="10"/>
    </row>
    <row r="990013" spans="14:14">
      <c r="N990013" s="10"/>
    </row>
    <row r="990014" spans="14:14">
      <c r="N990014" s="10"/>
    </row>
    <row r="990015" spans="14:14">
      <c r="N990015" s="10"/>
    </row>
    <row r="990016" spans="14:14">
      <c r="N990016" s="10"/>
    </row>
    <row r="990017" spans="14:14">
      <c r="N990017" s="10"/>
    </row>
    <row r="990018" spans="14:14">
      <c r="N990018" s="10"/>
    </row>
    <row r="990019" spans="14:14">
      <c r="N990019" s="10"/>
    </row>
    <row r="990020" spans="14:14">
      <c r="N990020" s="10"/>
    </row>
    <row r="990021" spans="14:14">
      <c r="N990021" s="10"/>
    </row>
    <row r="990022" spans="14:14">
      <c r="N990022" s="10"/>
    </row>
    <row r="990023" spans="14:14">
      <c r="N990023" s="10"/>
    </row>
    <row r="990024" spans="14:14">
      <c r="N990024" s="10"/>
    </row>
    <row r="990025" spans="14:14">
      <c r="N990025" s="10"/>
    </row>
    <row r="990026" spans="14:14">
      <c r="N990026" s="10"/>
    </row>
    <row r="990027" spans="14:14">
      <c r="N990027" s="10"/>
    </row>
    <row r="990028" spans="14:14">
      <c r="N990028" s="10"/>
    </row>
    <row r="990029" spans="14:14">
      <c r="N990029" s="10"/>
    </row>
    <row r="990030" spans="14:14">
      <c r="N990030" s="10"/>
    </row>
    <row r="990031" spans="14:14">
      <c r="N990031" s="10"/>
    </row>
    <row r="990032" spans="14:14">
      <c r="N990032" s="10"/>
    </row>
    <row r="990033" spans="14:14">
      <c r="N990033" s="10"/>
    </row>
    <row r="990034" spans="14:14">
      <c r="N990034" s="10"/>
    </row>
    <row r="990035" spans="14:14">
      <c r="N990035" s="10"/>
    </row>
    <row r="990036" spans="14:14">
      <c r="N990036" s="10"/>
    </row>
    <row r="990037" spans="14:14">
      <c r="N990037" s="10"/>
    </row>
    <row r="990038" spans="14:14">
      <c r="N990038" s="10"/>
    </row>
    <row r="990039" spans="14:14">
      <c r="N990039" s="10"/>
    </row>
    <row r="990040" spans="14:14">
      <c r="N990040" s="10"/>
    </row>
    <row r="990041" spans="14:14">
      <c r="N990041" s="10"/>
    </row>
    <row r="990042" spans="14:14">
      <c r="N990042" s="10"/>
    </row>
    <row r="990043" spans="14:14">
      <c r="N990043" s="10"/>
    </row>
    <row r="990044" spans="14:14">
      <c r="N990044" s="10"/>
    </row>
    <row r="990045" spans="14:14">
      <c r="N990045" s="10"/>
    </row>
    <row r="990046" spans="14:14">
      <c r="N990046" s="10"/>
    </row>
    <row r="990047" spans="14:14">
      <c r="N990047" s="10"/>
    </row>
    <row r="990048" spans="14:14">
      <c r="N990048" s="10"/>
    </row>
    <row r="990049" spans="14:14">
      <c r="N990049" s="10"/>
    </row>
    <row r="990050" spans="14:14">
      <c r="N990050" s="10"/>
    </row>
    <row r="990051" spans="14:14">
      <c r="N990051" s="10"/>
    </row>
    <row r="990052" spans="14:14">
      <c r="N990052" s="10"/>
    </row>
    <row r="990053" spans="14:14">
      <c r="N990053" s="10"/>
    </row>
    <row r="990054" spans="14:14">
      <c r="N990054" s="10"/>
    </row>
    <row r="990055" spans="14:14">
      <c r="N990055" s="10"/>
    </row>
    <row r="990056" spans="14:14">
      <c r="N990056" s="10"/>
    </row>
    <row r="990057" spans="14:14">
      <c r="N990057" s="10"/>
    </row>
    <row r="990058" spans="14:14">
      <c r="N990058" s="10"/>
    </row>
    <row r="990059" spans="14:14">
      <c r="N990059" s="10"/>
    </row>
    <row r="990060" spans="14:14">
      <c r="N990060" s="10"/>
    </row>
    <row r="990061" spans="14:14">
      <c r="N990061" s="10"/>
    </row>
    <row r="990062" spans="14:14">
      <c r="N990062" s="10"/>
    </row>
    <row r="990063" spans="14:14">
      <c r="N990063" s="10"/>
    </row>
    <row r="990064" spans="14:14">
      <c r="N990064" s="10"/>
    </row>
    <row r="990065" spans="14:14">
      <c r="N990065" s="10"/>
    </row>
    <row r="990066" spans="14:14">
      <c r="N990066" s="10"/>
    </row>
    <row r="990067" spans="14:14">
      <c r="N990067" s="10"/>
    </row>
    <row r="990068" spans="14:14">
      <c r="N990068" s="10"/>
    </row>
    <row r="990069" spans="14:14">
      <c r="N990069" s="10"/>
    </row>
    <row r="990070" spans="14:14">
      <c r="N990070" s="10"/>
    </row>
    <row r="990071" spans="14:14">
      <c r="N990071" s="10"/>
    </row>
    <row r="990072" spans="14:14">
      <c r="N990072" s="10"/>
    </row>
    <row r="990073" spans="14:14">
      <c r="N990073" s="10"/>
    </row>
    <row r="990074" spans="14:14">
      <c r="N990074" s="10"/>
    </row>
    <row r="990075" spans="14:14">
      <c r="N990075" s="10"/>
    </row>
    <row r="990076" spans="14:14">
      <c r="N990076" s="10"/>
    </row>
    <row r="990077" spans="14:14">
      <c r="N990077" s="10"/>
    </row>
    <row r="990078" spans="14:14">
      <c r="N990078" s="10"/>
    </row>
    <row r="990079" spans="14:14">
      <c r="N990079" s="10"/>
    </row>
    <row r="990080" spans="14:14">
      <c r="N990080" s="10"/>
    </row>
    <row r="990081" spans="14:14">
      <c r="N990081" s="10"/>
    </row>
    <row r="990082" spans="14:14">
      <c r="N990082" s="10"/>
    </row>
    <row r="990083" spans="14:14">
      <c r="N990083" s="10"/>
    </row>
    <row r="990084" spans="14:14">
      <c r="N990084" s="10"/>
    </row>
    <row r="990085" spans="14:14">
      <c r="N990085" s="10"/>
    </row>
    <row r="990086" spans="14:14">
      <c r="N990086" s="10"/>
    </row>
    <row r="990087" spans="14:14">
      <c r="N990087" s="10"/>
    </row>
    <row r="990088" spans="14:14">
      <c r="N990088" s="10"/>
    </row>
    <row r="990089" spans="14:14">
      <c r="N990089" s="10"/>
    </row>
    <row r="990090" spans="14:14">
      <c r="N990090" s="10"/>
    </row>
    <row r="990091" spans="14:14">
      <c r="N990091" s="10"/>
    </row>
    <row r="990092" spans="14:14">
      <c r="N990092" s="10"/>
    </row>
    <row r="990093" spans="14:14">
      <c r="N990093" s="10"/>
    </row>
    <row r="990094" spans="14:14">
      <c r="N990094" s="10"/>
    </row>
    <row r="990095" spans="14:14">
      <c r="N990095" s="10"/>
    </row>
    <row r="990096" spans="14:14">
      <c r="N990096" s="10"/>
    </row>
    <row r="990097" spans="14:14">
      <c r="N990097" s="10"/>
    </row>
    <row r="990098" spans="14:14">
      <c r="N990098" s="10"/>
    </row>
    <row r="990099" spans="14:14">
      <c r="N990099" s="10"/>
    </row>
    <row r="990100" spans="14:14">
      <c r="N990100" s="10"/>
    </row>
    <row r="990101" spans="14:14">
      <c r="N990101" s="10"/>
    </row>
    <row r="990102" spans="14:14">
      <c r="N990102" s="10"/>
    </row>
    <row r="990103" spans="14:14">
      <c r="N990103" s="10"/>
    </row>
    <row r="990104" spans="14:14">
      <c r="N990104" s="10"/>
    </row>
    <row r="990105" spans="14:14">
      <c r="N990105" s="10"/>
    </row>
    <row r="990106" spans="14:14">
      <c r="N990106" s="10"/>
    </row>
    <row r="990107" spans="14:14">
      <c r="N990107" s="10"/>
    </row>
    <row r="990108" spans="14:14">
      <c r="N990108" s="10"/>
    </row>
    <row r="990109" spans="14:14">
      <c r="N990109" s="10"/>
    </row>
    <row r="990110" spans="14:14">
      <c r="N990110" s="10"/>
    </row>
    <row r="990111" spans="14:14">
      <c r="N990111" s="10"/>
    </row>
    <row r="990112" spans="14:14">
      <c r="N990112" s="10"/>
    </row>
    <row r="990113" spans="14:14">
      <c r="N990113" s="10"/>
    </row>
    <row r="990114" spans="14:14">
      <c r="N990114" s="10"/>
    </row>
    <row r="990115" spans="14:14">
      <c r="N990115" s="10"/>
    </row>
    <row r="990116" spans="14:14">
      <c r="N990116" s="10"/>
    </row>
    <row r="990117" spans="14:14">
      <c r="N990117" s="10"/>
    </row>
    <row r="990118" spans="14:14">
      <c r="N990118" s="10"/>
    </row>
    <row r="990119" spans="14:14">
      <c r="N990119" s="10"/>
    </row>
    <row r="990120" spans="14:14">
      <c r="N990120" s="10"/>
    </row>
    <row r="990121" spans="14:14">
      <c r="N990121" s="10"/>
    </row>
    <row r="990122" spans="14:14">
      <c r="N990122" s="10"/>
    </row>
    <row r="990123" spans="14:14">
      <c r="N990123" s="10"/>
    </row>
    <row r="990124" spans="14:14">
      <c r="N990124" s="10"/>
    </row>
    <row r="990125" spans="14:14">
      <c r="N990125" s="10"/>
    </row>
    <row r="990126" spans="14:14">
      <c r="N990126" s="10"/>
    </row>
    <row r="990127" spans="14:14">
      <c r="N990127" s="10"/>
    </row>
    <row r="990128" spans="14:14">
      <c r="N990128" s="10"/>
    </row>
    <row r="990129" spans="14:14">
      <c r="N990129" s="10"/>
    </row>
    <row r="990130" spans="14:14">
      <c r="N990130" s="10"/>
    </row>
    <row r="990131" spans="14:14">
      <c r="N990131" s="10"/>
    </row>
    <row r="990132" spans="14:14">
      <c r="N990132" s="10"/>
    </row>
    <row r="990133" spans="14:14">
      <c r="N990133" s="10"/>
    </row>
    <row r="990134" spans="14:14">
      <c r="N990134" s="10"/>
    </row>
    <row r="990135" spans="14:14">
      <c r="N990135" s="10"/>
    </row>
    <row r="990136" spans="14:14">
      <c r="N990136" s="10"/>
    </row>
    <row r="990137" spans="14:14">
      <c r="N990137" s="10"/>
    </row>
    <row r="990138" spans="14:14">
      <c r="N990138" s="10"/>
    </row>
    <row r="990139" spans="14:14">
      <c r="N990139" s="10"/>
    </row>
    <row r="990140" spans="14:14">
      <c r="N990140" s="10"/>
    </row>
    <row r="990141" spans="14:14">
      <c r="N990141" s="10"/>
    </row>
    <row r="990142" spans="14:14">
      <c r="N990142" s="10"/>
    </row>
    <row r="990143" spans="14:14">
      <c r="N990143" s="10"/>
    </row>
    <row r="990144" spans="14:14">
      <c r="N990144" s="10"/>
    </row>
    <row r="990145" spans="14:14">
      <c r="N990145" s="10"/>
    </row>
    <row r="990146" spans="14:14">
      <c r="N990146" s="10"/>
    </row>
    <row r="990147" spans="14:14">
      <c r="N990147" s="10"/>
    </row>
    <row r="990148" spans="14:14">
      <c r="N990148" s="10"/>
    </row>
    <row r="990149" spans="14:14">
      <c r="N990149" s="10"/>
    </row>
    <row r="990150" spans="14:14">
      <c r="N990150" s="10"/>
    </row>
    <row r="990151" spans="14:14">
      <c r="N990151" s="10"/>
    </row>
    <row r="990152" spans="14:14">
      <c r="N990152" s="10"/>
    </row>
    <row r="990153" spans="14:14">
      <c r="N990153" s="10"/>
    </row>
    <row r="990154" spans="14:14">
      <c r="N990154" s="10"/>
    </row>
    <row r="990155" spans="14:14">
      <c r="N990155" s="10"/>
    </row>
    <row r="990156" spans="14:14">
      <c r="N990156" s="10"/>
    </row>
    <row r="990157" spans="14:14">
      <c r="N990157" s="10"/>
    </row>
    <row r="990158" spans="14:14">
      <c r="N990158" s="10"/>
    </row>
    <row r="990159" spans="14:14">
      <c r="N990159" s="10"/>
    </row>
    <row r="990160" spans="14:14">
      <c r="N990160" s="10"/>
    </row>
    <row r="990161" spans="14:14">
      <c r="N990161" s="10"/>
    </row>
    <row r="990162" spans="14:14">
      <c r="N990162" s="10"/>
    </row>
    <row r="990163" spans="14:14">
      <c r="N990163" s="10"/>
    </row>
    <row r="990164" spans="14:14">
      <c r="N990164" s="10"/>
    </row>
    <row r="990165" spans="14:14">
      <c r="N990165" s="10"/>
    </row>
    <row r="990166" spans="14:14">
      <c r="N990166" s="10"/>
    </row>
    <row r="990167" spans="14:14">
      <c r="N990167" s="10"/>
    </row>
    <row r="990168" spans="14:14">
      <c r="N990168" s="10"/>
    </row>
    <row r="990169" spans="14:14">
      <c r="N990169" s="10"/>
    </row>
    <row r="990170" spans="14:14">
      <c r="N990170" s="10"/>
    </row>
    <row r="990171" spans="14:14">
      <c r="N990171" s="10"/>
    </row>
    <row r="990172" spans="14:14">
      <c r="N990172" s="10"/>
    </row>
    <row r="990173" spans="14:14">
      <c r="N990173" s="10"/>
    </row>
    <row r="990174" spans="14:14">
      <c r="N990174" s="10"/>
    </row>
    <row r="990175" spans="14:14">
      <c r="N990175" s="10"/>
    </row>
    <row r="990176" spans="14:14">
      <c r="N990176" s="10"/>
    </row>
    <row r="990177" spans="14:14">
      <c r="N990177" s="10"/>
    </row>
    <row r="990178" spans="14:14">
      <c r="N990178" s="10"/>
    </row>
    <row r="990179" spans="14:14">
      <c r="N990179" s="10"/>
    </row>
    <row r="990180" spans="14:14">
      <c r="N990180" s="10"/>
    </row>
    <row r="990181" spans="14:14">
      <c r="N990181" s="10"/>
    </row>
    <row r="990182" spans="14:14">
      <c r="N990182" s="10"/>
    </row>
    <row r="990183" spans="14:14">
      <c r="N990183" s="10"/>
    </row>
    <row r="990184" spans="14:14">
      <c r="N990184" s="10"/>
    </row>
    <row r="990185" spans="14:14">
      <c r="N990185" s="10"/>
    </row>
    <row r="990186" spans="14:14">
      <c r="N990186" s="10"/>
    </row>
    <row r="990187" spans="14:14">
      <c r="N990187" s="10"/>
    </row>
    <row r="990188" spans="14:14">
      <c r="N990188" s="10"/>
    </row>
    <row r="990189" spans="14:14">
      <c r="N990189" s="10"/>
    </row>
    <row r="990190" spans="14:14">
      <c r="N990190" s="10"/>
    </row>
    <row r="990191" spans="14:14">
      <c r="N990191" s="10"/>
    </row>
    <row r="990192" spans="14:14">
      <c r="N990192" s="10"/>
    </row>
    <row r="990193" spans="14:14">
      <c r="N990193" s="10"/>
    </row>
    <row r="990194" spans="14:14">
      <c r="N990194" s="10"/>
    </row>
    <row r="990195" spans="14:14">
      <c r="N990195" s="10"/>
    </row>
    <row r="990196" spans="14:14">
      <c r="N990196" s="10"/>
    </row>
    <row r="990197" spans="14:14">
      <c r="N990197" s="10"/>
    </row>
    <row r="990198" spans="14:14">
      <c r="N990198" s="10"/>
    </row>
    <row r="990199" spans="14:14">
      <c r="N990199" s="10"/>
    </row>
    <row r="990200" spans="14:14">
      <c r="N990200" s="10"/>
    </row>
    <row r="990201" spans="14:14">
      <c r="N990201" s="10"/>
    </row>
    <row r="990202" spans="14:14">
      <c r="N990202" s="10"/>
    </row>
    <row r="990203" spans="14:14">
      <c r="N990203" s="10"/>
    </row>
    <row r="990204" spans="14:14">
      <c r="N990204" s="10"/>
    </row>
    <row r="990205" spans="14:14">
      <c r="N990205" s="10"/>
    </row>
    <row r="990206" spans="14:14">
      <c r="N990206" s="10"/>
    </row>
    <row r="990207" spans="14:14">
      <c r="N990207" s="10"/>
    </row>
    <row r="990208" spans="14:14">
      <c r="N990208" s="10"/>
    </row>
    <row r="990209" spans="14:14">
      <c r="N990209" s="10"/>
    </row>
    <row r="990210" spans="14:14">
      <c r="N990210" s="10"/>
    </row>
    <row r="990211" spans="14:14">
      <c r="N990211" s="10"/>
    </row>
    <row r="990212" spans="14:14">
      <c r="N990212" s="10"/>
    </row>
    <row r="990213" spans="14:14">
      <c r="N990213" s="10"/>
    </row>
    <row r="990214" spans="14:14">
      <c r="N990214" s="10"/>
    </row>
    <row r="990215" spans="14:14">
      <c r="N990215" s="10"/>
    </row>
    <row r="990216" spans="14:14">
      <c r="N990216" s="10"/>
    </row>
    <row r="990217" spans="14:14">
      <c r="N990217" s="10"/>
    </row>
    <row r="990218" spans="14:14">
      <c r="N990218" s="10"/>
    </row>
    <row r="990219" spans="14:14">
      <c r="N990219" s="10"/>
    </row>
    <row r="990220" spans="14:14">
      <c r="N990220" s="10"/>
    </row>
    <row r="990221" spans="14:14">
      <c r="N990221" s="10"/>
    </row>
    <row r="990222" spans="14:14">
      <c r="N990222" s="10"/>
    </row>
    <row r="990223" spans="14:14">
      <c r="N990223" s="10"/>
    </row>
    <row r="990224" spans="14:14">
      <c r="N990224" s="10"/>
    </row>
    <row r="990225" spans="14:14">
      <c r="N990225" s="10"/>
    </row>
    <row r="990226" spans="14:14">
      <c r="N990226" s="10"/>
    </row>
    <row r="990227" spans="14:14">
      <c r="N990227" s="10"/>
    </row>
    <row r="990228" spans="14:14">
      <c r="N990228" s="10"/>
    </row>
    <row r="990229" spans="14:14">
      <c r="N990229" s="10"/>
    </row>
    <row r="990230" spans="14:14">
      <c r="N990230" s="10"/>
    </row>
    <row r="990231" spans="14:14">
      <c r="N990231" s="10"/>
    </row>
    <row r="990232" spans="14:14">
      <c r="N990232" s="10"/>
    </row>
    <row r="990233" spans="14:14">
      <c r="N990233" s="10"/>
    </row>
    <row r="990234" spans="14:14">
      <c r="N990234" s="10"/>
    </row>
    <row r="990235" spans="14:14">
      <c r="N990235" s="10"/>
    </row>
    <row r="990236" spans="14:14">
      <c r="N990236" s="10"/>
    </row>
    <row r="990237" spans="14:14">
      <c r="N990237" s="10"/>
    </row>
    <row r="990238" spans="14:14">
      <c r="N990238" s="10"/>
    </row>
    <row r="990239" spans="14:14">
      <c r="N990239" s="10"/>
    </row>
    <row r="990240" spans="14:14">
      <c r="N990240" s="10"/>
    </row>
    <row r="990241" spans="14:14">
      <c r="N990241" s="10"/>
    </row>
    <row r="990242" spans="14:14">
      <c r="N990242" s="10"/>
    </row>
    <row r="990243" spans="14:14">
      <c r="N990243" s="10"/>
    </row>
    <row r="990244" spans="14:14">
      <c r="N990244" s="10"/>
    </row>
    <row r="990245" spans="14:14">
      <c r="N990245" s="10"/>
    </row>
    <row r="990246" spans="14:14">
      <c r="N990246" s="10"/>
    </row>
    <row r="990247" spans="14:14">
      <c r="N990247" s="10"/>
    </row>
    <row r="990248" spans="14:14">
      <c r="N990248" s="10"/>
    </row>
    <row r="990249" spans="14:14">
      <c r="N990249" s="10"/>
    </row>
    <row r="990250" spans="14:14">
      <c r="N990250" s="10"/>
    </row>
    <row r="990251" spans="14:14">
      <c r="N990251" s="10"/>
    </row>
    <row r="990252" spans="14:14">
      <c r="N990252" s="10"/>
    </row>
    <row r="990253" spans="14:14">
      <c r="N990253" s="10"/>
    </row>
    <row r="990254" spans="14:14">
      <c r="N990254" s="10"/>
    </row>
    <row r="990255" spans="14:14">
      <c r="N990255" s="10"/>
    </row>
    <row r="990256" spans="14:14">
      <c r="N990256" s="10"/>
    </row>
    <row r="990257" spans="14:14">
      <c r="N990257" s="10"/>
    </row>
    <row r="990258" spans="14:14">
      <c r="N990258" s="10"/>
    </row>
    <row r="990259" spans="14:14">
      <c r="N990259" s="10"/>
    </row>
    <row r="990260" spans="14:14">
      <c r="N990260" s="10"/>
    </row>
    <row r="990261" spans="14:14">
      <c r="N990261" s="10"/>
    </row>
    <row r="990262" spans="14:14">
      <c r="N990262" s="10"/>
    </row>
    <row r="990263" spans="14:14">
      <c r="N990263" s="10"/>
    </row>
    <row r="990264" spans="14:14">
      <c r="N990264" s="10"/>
    </row>
    <row r="990265" spans="14:14">
      <c r="N990265" s="10"/>
    </row>
    <row r="990266" spans="14:14">
      <c r="N990266" s="10"/>
    </row>
    <row r="990267" spans="14:14">
      <c r="N990267" s="10"/>
    </row>
    <row r="990268" spans="14:14">
      <c r="N990268" s="10"/>
    </row>
    <row r="990269" spans="14:14">
      <c r="N990269" s="10"/>
    </row>
    <row r="990270" spans="14:14">
      <c r="N990270" s="10"/>
    </row>
    <row r="990271" spans="14:14">
      <c r="N990271" s="10"/>
    </row>
    <row r="990272" spans="14:14">
      <c r="N990272" s="10"/>
    </row>
    <row r="990273" spans="14:14">
      <c r="N990273" s="10"/>
    </row>
    <row r="990274" spans="14:14">
      <c r="N990274" s="10"/>
    </row>
    <row r="990275" spans="14:14">
      <c r="N990275" s="10"/>
    </row>
    <row r="990276" spans="14:14">
      <c r="N990276" s="10"/>
    </row>
    <row r="990277" spans="14:14">
      <c r="N990277" s="10"/>
    </row>
    <row r="990278" spans="14:14">
      <c r="N990278" s="10"/>
    </row>
    <row r="990279" spans="14:14">
      <c r="N990279" s="10"/>
    </row>
    <row r="990280" spans="14:14">
      <c r="N990280" s="10"/>
    </row>
    <row r="990281" spans="14:14">
      <c r="N990281" s="10"/>
    </row>
    <row r="990282" spans="14:14">
      <c r="N990282" s="10"/>
    </row>
    <row r="990283" spans="14:14">
      <c r="N990283" s="10"/>
    </row>
    <row r="990284" spans="14:14">
      <c r="N990284" s="10"/>
    </row>
    <row r="990285" spans="14:14">
      <c r="N990285" s="10"/>
    </row>
    <row r="990286" spans="14:14">
      <c r="N990286" s="10"/>
    </row>
    <row r="990287" spans="14:14">
      <c r="N990287" s="10"/>
    </row>
    <row r="990288" spans="14:14">
      <c r="N990288" s="10"/>
    </row>
    <row r="990289" spans="14:14">
      <c r="N990289" s="10"/>
    </row>
    <row r="990290" spans="14:14">
      <c r="N990290" s="10"/>
    </row>
    <row r="990291" spans="14:14">
      <c r="N990291" s="10"/>
    </row>
    <row r="990292" spans="14:14">
      <c r="N990292" s="10"/>
    </row>
    <row r="990293" spans="14:14">
      <c r="N990293" s="10"/>
    </row>
    <row r="990294" spans="14:14">
      <c r="N990294" s="10"/>
    </row>
    <row r="990295" spans="14:14">
      <c r="N990295" s="10"/>
    </row>
    <row r="990296" spans="14:14">
      <c r="N990296" s="10"/>
    </row>
    <row r="990297" spans="14:14">
      <c r="N990297" s="10"/>
    </row>
    <row r="990298" spans="14:14">
      <c r="N990298" s="10"/>
    </row>
    <row r="990299" spans="14:14">
      <c r="N990299" s="10"/>
    </row>
    <row r="990300" spans="14:14">
      <c r="N990300" s="10"/>
    </row>
    <row r="990301" spans="14:14">
      <c r="N990301" s="10"/>
    </row>
    <row r="990302" spans="14:14">
      <c r="N990302" s="10"/>
    </row>
    <row r="990303" spans="14:14">
      <c r="N990303" s="10"/>
    </row>
    <row r="990304" spans="14:14">
      <c r="N990304" s="10"/>
    </row>
    <row r="990305" spans="14:14">
      <c r="N990305" s="10"/>
    </row>
    <row r="990306" spans="14:14">
      <c r="N990306" s="10"/>
    </row>
    <row r="990307" spans="14:14">
      <c r="N990307" s="10"/>
    </row>
    <row r="990308" spans="14:14">
      <c r="N990308" s="10"/>
    </row>
    <row r="990309" spans="14:14">
      <c r="N990309" s="10"/>
    </row>
    <row r="990310" spans="14:14">
      <c r="N990310" s="10"/>
    </row>
    <row r="990311" spans="14:14">
      <c r="N990311" s="10"/>
    </row>
    <row r="990312" spans="14:14">
      <c r="N990312" s="10"/>
    </row>
    <row r="990313" spans="14:14">
      <c r="N990313" s="10"/>
    </row>
    <row r="990314" spans="14:14">
      <c r="N990314" s="10"/>
    </row>
    <row r="990315" spans="14:14">
      <c r="N990315" s="10"/>
    </row>
    <row r="990316" spans="14:14">
      <c r="N990316" s="10"/>
    </row>
    <row r="990317" spans="14:14">
      <c r="N990317" s="10"/>
    </row>
    <row r="990318" spans="14:14">
      <c r="N990318" s="10"/>
    </row>
    <row r="990319" spans="14:14">
      <c r="N990319" s="10"/>
    </row>
    <row r="990320" spans="14:14">
      <c r="N990320" s="10"/>
    </row>
    <row r="990321" spans="14:14">
      <c r="N990321" s="10"/>
    </row>
    <row r="990322" spans="14:14">
      <c r="N990322" s="10"/>
    </row>
    <row r="990323" spans="14:14">
      <c r="N990323" s="10"/>
    </row>
    <row r="990324" spans="14:14">
      <c r="N990324" s="10"/>
    </row>
    <row r="990325" spans="14:14">
      <c r="N990325" s="10"/>
    </row>
    <row r="990326" spans="14:14">
      <c r="N990326" s="10"/>
    </row>
    <row r="990327" spans="14:14">
      <c r="N990327" s="10"/>
    </row>
    <row r="990328" spans="14:14">
      <c r="N990328" s="10"/>
    </row>
    <row r="990329" spans="14:14">
      <c r="N990329" s="10"/>
    </row>
    <row r="990330" spans="14:14">
      <c r="N990330" s="10"/>
    </row>
    <row r="990331" spans="14:14">
      <c r="N990331" s="10"/>
    </row>
    <row r="990332" spans="14:14">
      <c r="N990332" s="10"/>
    </row>
    <row r="990333" spans="14:14">
      <c r="N990333" s="10"/>
    </row>
    <row r="990334" spans="14:14">
      <c r="N990334" s="10"/>
    </row>
    <row r="990335" spans="14:14">
      <c r="N990335" s="10"/>
    </row>
    <row r="990336" spans="14:14">
      <c r="N990336" s="10"/>
    </row>
    <row r="990337" spans="14:14">
      <c r="N990337" s="10"/>
    </row>
    <row r="990338" spans="14:14">
      <c r="N990338" s="10"/>
    </row>
    <row r="990339" spans="14:14">
      <c r="N990339" s="10"/>
    </row>
    <row r="990340" spans="14:14">
      <c r="N990340" s="10"/>
    </row>
    <row r="990341" spans="14:14">
      <c r="N990341" s="10"/>
    </row>
    <row r="990342" spans="14:14">
      <c r="N990342" s="10"/>
    </row>
    <row r="990343" spans="14:14">
      <c r="N990343" s="10"/>
    </row>
    <row r="990344" spans="14:14">
      <c r="N990344" s="10"/>
    </row>
    <row r="990345" spans="14:14">
      <c r="N990345" s="10"/>
    </row>
    <row r="990346" spans="14:14">
      <c r="N990346" s="10"/>
    </row>
    <row r="990347" spans="14:14">
      <c r="N990347" s="10"/>
    </row>
    <row r="990348" spans="14:14">
      <c r="N990348" s="10"/>
    </row>
    <row r="990349" spans="14:14">
      <c r="N990349" s="10"/>
    </row>
    <row r="990350" spans="14:14">
      <c r="N990350" s="10"/>
    </row>
    <row r="990351" spans="14:14">
      <c r="N990351" s="10"/>
    </row>
    <row r="990352" spans="14:14">
      <c r="N990352" s="10"/>
    </row>
    <row r="990353" spans="14:14">
      <c r="N990353" s="10"/>
    </row>
    <row r="990354" spans="14:14">
      <c r="N990354" s="10"/>
    </row>
    <row r="990355" spans="14:14">
      <c r="N990355" s="10"/>
    </row>
    <row r="990356" spans="14:14">
      <c r="N990356" s="10"/>
    </row>
    <row r="990357" spans="14:14">
      <c r="N990357" s="10"/>
    </row>
    <row r="990358" spans="14:14">
      <c r="N990358" s="10"/>
    </row>
    <row r="990359" spans="14:14">
      <c r="N990359" s="10"/>
    </row>
    <row r="990360" spans="14:14">
      <c r="N990360" s="10"/>
    </row>
    <row r="990361" spans="14:14">
      <c r="N990361" s="10"/>
    </row>
    <row r="990362" spans="14:14">
      <c r="N990362" s="10"/>
    </row>
    <row r="990363" spans="14:14">
      <c r="N990363" s="10"/>
    </row>
    <row r="990364" spans="14:14">
      <c r="N990364" s="10"/>
    </row>
    <row r="990365" spans="14:14">
      <c r="N990365" s="10"/>
    </row>
    <row r="990366" spans="14:14">
      <c r="N990366" s="10"/>
    </row>
    <row r="990367" spans="14:14">
      <c r="N990367" s="10"/>
    </row>
    <row r="990368" spans="14:14">
      <c r="N990368" s="10"/>
    </row>
    <row r="990369" spans="14:14">
      <c r="N990369" s="10"/>
    </row>
    <row r="990370" spans="14:14">
      <c r="N990370" s="10"/>
    </row>
    <row r="990371" spans="14:14">
      <c r="N990371" s="10"/>
    </row>
    <row r="990372" spans="14:14">
      <c r="N990372" s="10"/>
    </row>
    <row r="990373" spans="14:14">
      <c r="N990373" s="10"/>
    </row>
    <row r="990374" spans="14:14">
      <c r="N990374" s="10"/>
    </row>
    <row r="990375" spans="14:14">
      <c r="N990375" s="10"/>
    </row>
    <row r="990376" spans="14:14">
      <c r="N990376" s="10"/>
    </row>
    <row r="990377" spans="14:14">
      <c r="N990377" s="10"/>
    </row>
    <row r="990378" spans="14:14">
      <c r="N990378" s="10"/>
    </row>
    <row r="990379" spans="14:14">
      <c r="N990379" s="10"/>
    </row>
    <row r="990380" spans="14:14">
      <c r="N990380" s="10"/>
    </row>
    <row r="990381" spans="14:14">
      <c r="N990381" s="10"/>
    </row>
    <row r="990382" spans="14:14">
      <c r="N990382" s="10"/>
    </row>
    <row r="990383" spans="14:14">
      <c r="N990383" s="10"/>
    </row>
    <row r="990384" spans="14:14">
      <c r="N990384" s="10"/>
    </row>
    <row r="990385" spans="14:14">
      <c r="N990385" s="10"/>
    </row>
    <row r="990386" spans="14:14">
      <c r="N990386" s="10"/>
    </row>
    <row r="990387" spans="14:14">
      <c r="N990387" s="10"/>
    </row>
    <row r="990388" spans="14:14">
      <c r="N990388" s="10"/>
    </row>
    <row r="990389" spans="14:14">
      <c r="N990389" s="10"/>
    </row>
    <row r="990390" spans="14:14">
      <c r="N990390" s="10"/>
    </row>
    <row r="990391" spans="14:14">
      <c r="N990391" s="10"/>
    </row>
    <row r="990392" spans="14:14">
      <c r="N990392" s="10"/>
    </row>
    <row r="990393" spans="14:14">
      <c r="N990393" s="10"/>
    </row>
    <row r="990394" spans="14:14">
      <c r="N990394" s="10"/>
    </row>
    <row r="990395" spans="14:14">
      <c r="N990395" s="10"/>
    </row>
    <row r="990396" spans="14:14">
      <c r="N990396" s="10"/>
    </row>
    <row r="990397" spans="14:14">
      <c r="N990397" s="10"/>
    </row>
    <row r="990398" spans="14:14">
      <c r="N990398" s="10"/>
    </row>
    <row r="990399" spans="14:14">
      <c r="N990399" s="10"/>
    </row>
    <row r="990400" spans="14:14">
      <c r="N990400" s="10"/>
    </row>
    <row r="990401" spans="14:14">
      <c r="N990401" s="10"/>
    </row>
    <row r="990402" spans="14:14">
      <c r="N990402" s="10"/>
    </row>
    <row r="990403" spans="14:14">
      <c r="N990403" s="10"/>
    </row>
    <row r="990404" spans="14:14">
      <c r="N990404" s="10"/>
    </row>
    <row r="990405" spans="14:14">
      <c r="N990405" s="10"/>
    </row>
    <row r="990406" spans="14:14">
      <c r="N990406" s="10"/>
    </row>
    <row r="990407" spans="14:14">
      <c r="N990407" s="10"/>
    </row>
    <row r="990408" spans="14:14">
      <c r="N990408" s="10"/>
    </row>
    <row r="990409" spans="14:14">
      <c r="N990409" s="10"/>
    </row>
    <row r="990410" spans="14:14">
      <c r="N990410" s="10"/>
    </row>
    <row r="990411" spans="14:14">
      <c r="N990411" s="10"/>
    </row>
    <row r="990412" spans="14:14">
      <c r="N990412" s="10"/>
    </row>
    <row r="990413" spans="14:14">
      <c r="N990413" s="10"/>
    </row>
    <row r="990414" spans="14:14">
      <c r="N990414" s="10"/>
    </row>
    <row r="990415" spans="14:14">
      <c r="N990415" s="10"/>
    </row>
    <row r="990416" spans="14:14">
      <c r="N990416" s="10"/>
    </row>
    <row r="990417" spans="14:14">
      <c r="N990417" s="10"/>
    </row>
    <row r="990418" spans="14:14">
      <c r="N990418" s="10"/>
    </row>
    <row r="990419" spans="14:14">
      <c r="N990419" s="10"/>
    </row>
    <row r="990420" spans="14:14">
      <c r="N990420" s="10"/>
    </row>
    <row r="990421" spans="14:14">
      <c r="N990421" s="10"/>
    </row>
    <row r="990422" spans="14:14">
      <c r="N990422" s="10"/>
    </row>
    <row r="990423" spans="14:14">
      <c r="N990423" s="10"/>
    </row>
    <row r="990424" spans="14:14">
      <c r="N990424" s="10"/>
    </row>
    <row r="990425" spans="14:14">
      <c r="N990425" s="10"/>
    </row>
    <row r="990426" spans="14:14">
      <c r="N990426" s="10"/>
    </row>
    <row r="990427" spans="14:14">
      <c r="N990427" s="10"/>
    </row>
    <row r="990428" spans="14:14">
      <c r="N990428" s="10"/>
    </row>
    <row r="990429" spans="14:14">
      <c r="N990429" s="10"/>
    </row>
    <row r="990430" spans="14:14">
      <c r="N990430" s="10"/>
    </row>
    <row r="990431" spans="14:14">
      <c r="N990431" s="10"/>
    </row>
    <row r="990432" spans="14:14">
      <c r="N990432" s="10"/>
    </row>
    <row r="990433" spans="14:14">
      <c r="N990433" s="10"/>
    </row>
    <row r="990434" spans="14:14">
      <c r="N990434" s="10"/>
    </row>
    <row r="990435" spans="14:14">
      <c r="N990435" s="10"/>
    </row>
    <row r="990436" spans="14:14">
      <c r="N990436" s="10"/>
    </row>
    <row r="990437" spans="14:14">
      <c r="N990437" s="10"/>
    </row>
    <row r="990438" spans="14:14">
      <c r="N990438" s="10"/>
    </row>
    <row r="990439" spans="14:14">
      <c r="N990439" s="10"/>
    </row>
    <row r="990440" spans="14:14">
      <c r="N990440" s="10"/>
    </row>
    <row r="990441" spans="14:14">
      <c r="N990441" s="10"/>
    </row>
    <row r="990442" spans="14:14">
      <c r="N990442" s="10"/>
    </row>
    <row r="990443" spans="14:14">
      <c r="N990443" s="10"/>
    </row>
    <row r="990444" spans="14:14">
      <c r="N990444" s="10"/>
    </row>
    <row r="990445" spans="14:14">
      <c r="N990445" s="10"/>
    </row>
    <row r="990446" spans="14:14">
      <c r="N990446" s="10"/>
    </row>
    <row r="990447" spans="14:14">
      <c r="N990447" s="10"/>
    </row>
    <row r="990448" spans="14:14">
      <c r="N990448" s="10"/>
    </row>
    <row r="990449" spans="14:14">
      <c r="N990449" s="10"/>
    </row>
    <row r="990450" spans="14:14">
      <c r="N990450" s="10"/>
    </row>
    <row r="990451" spans="14:14">
      <c r="N990451" s="10"/>
    </row>
    <row r="990452" spans="14:14">
      <c r="N990452" s="10"/>
    </row>
    <row r="990453" spans="14:14">
      <c r="N990453" s="10"/>
    </row>
    <row r="990454" spans="14:14">
      <c r="N990454" s="10"/>
    </row>
    <row r="990455" spans="14:14">
      <c r="N990455" s="10"/>
    </row>
    <row r="990456" spans="14:14">
      <c r="N990456" s="10"/>
    </row>
    <row r="990457" spans="14:14">
      <c r="N990457" s="10"/>
    </row>
    <row r="990458" spans="14:14">
      <c r="N990458" s="10"/>
    </row>
    <row r="990459" spans="14:14">
      <c r="N990459" s="10"/>
    </row>
    <row r="990460" spans="14:14">
      <c r="N990460" s="10"/>
    </row>
    <row r="990461" spans="14:14">
      <c r="N990461" s="10"/>
    </row>
    <row r="990462" spans="14:14">
      <c r="N990462" s="10"/>
    </row>
    <row r="990463" spans="14:14">
      <c r="N990463" s="10"/>
    </row>
    <row r="990464" spans="14:14">
      <c r="N990464" s="10"/>
    </row>
    <row r="990465" spans="14:14">
      <c r="N990465" s="10"/>
    </row>
    <row r="990466" spans="14:14">
      <c r="N990466" s="10"/>
    </row>
    <row r="990467" spans="14:14">
      <c r="N990467" s="10"/>
    </row>
    <row r="990468" spans="14:14">
      <c r="N990468" s="10"/>
    </row>
    <row r="990469" spans="14:14">
      <c r="N990469" s="10"/>
    </row>
    <row r="990470" spans="14:14">
      <c r="N990470" s="10"/>
    </row>
    <row r="990471" spans="14:14">
      <c r="N990471" s="10"/>
    </row>
    <row r="990472" spans="14:14">
      <c r="N990472" s="10"/>
    </row>
    <row r="990473" spans="14:14">
      <c r="N990473" s="10"/>
    </row>
    <row r="990474" spans="14:14">
      <c r="N990474" s="10"/>
    </row>
    <row r="990475" spans="14:14">
      <c r="N990475" s="10"/>
    </row>
    <row r="990476" spans="14:14">
      <c r="N990476" s="10"/>
    </row>
    <row r="990477" spans="14:14">
      <c r="N990477" s="10"/>
    </row>
    <row r="990478" spans="14:14">
      <c r="N990478" s="10"/>
    </row>
    <row r="990479" spans="14:14">
      <c r="N990479" s="10"/>
    </row>
    <row r="990480" spans="14:14">
      <c r="N990480" s="10"/>
    </row>
    <row r="990481" spans="14:14">
      <c r="N990481" s="10"/>
    </row>
    <row r="990482" spans="14:14">
      <c r="N990482" s="10"/>
    </row>
    <row r="990483" spans="14:14">
      <c r="N990483" s="10"/>
    </row>
    <row r="990484" spans="14:14">
      <c r="N990484" s="10"/>
    </row>
    <row r="990485" spans="14:14">
      <c r="N990485" s="10"/>
    </row>
    <row r="990486" spans="14:14">
      <c r="N990486" s="10"/>
    </row>
    <row r="990487" spans="14:14">
      <c r="N990487" s="10"/>
    </row>
    <row r="990488" spans="14:14">
      <c r="N990488" s="10"/>
    </row>
    <row r="990489" spans="14:14">
      <c r="N990489" s="10"/>
    </row>
    <row r="990490" spans="14:14">
      <c r="N990490" s="10"/>
    </row>
    <row r="990491" spans="14:14">
      <c r="N990491" s="10"/>
    </row>
    <row r="990492" spans="14:14">
      <c r="N990492" s="10"/>
    </row>
    <row r="990493" spans="14:14">
      <c r="N990493" s="10"/>
    </row>
    <row r="990494" spans="14:14">
      <c r="N990494" s="10"/>
    </row>
    <row r="990495" spans="14:14">
      <c r="N990495" s="10"/>
    </row>
    <row r="990496" spans="14:14">
      <c r="N990496" s="10"/>
    </row>
    <row r="990497" spans="14:14">
      <c r="N990497" s="10"/>
    </row>
    <row r="990498" spans="14:14">
      <c r="N990498" s="10"/>
    </row>
    <row r="990499" spans="14:14">
      <c r="N990499" s="10"/>
    </row>
    <row r="990500" spans="14:14">
      <c r="N990500" s="10"/>
    </row>
    <row r="990501" spans="14:14">
      <c r="N990501" s="10"/>
    </row>
    <row r="990502" spans="14:14">
      <c r="N990502" s="10"/>
    </row>
    <row r="990503" spans="14:14">
      <c r="N990503" s="10"/>
    </row>
    <row r="990504" spans="14:14">
      <c r="N990504" s="10"/>
    </row>
    <row r="990505" spans="14:14">
      <c r="N990505" s="10"/>
    </row>
    <row r="990506" spans="14:14">
      <c r="N990506" s="10"/>
    </row>
    <row r="990507" spans="14:14">
      <c r="N990507" s="10"/>
    </row>
    <row r="990508" spans="14:14">
      <c r="N990508" s="10"/>
    </row>
    <row r="990509" spans="14:14">
      <c r="N990509" s="10"/>
    </row>
    <row r="990510" spans="14:14">
      <c r="N990510" s="10"/>
    </row>
    <row r="990511" spans="14:14">
      <c r="N990511" s="10"/>
    </row>
    <row r="990512" spans="14:14">
      <c r="N990512" s="10"/>
    </row>
    <row r="990513" spans="14:14">
      <c r="N990513" s="10"/>
    </row>
    <row r="990514" spans="14:14">
      <c r="N990514" s="10"/>
    </row>
    <row r="990515" spans="14:14">
      <c r="N990515" s="10"/>
    </row>
    <row r="990516" spans="14:14">
      <c r="N990516" s="10"/>
    </row>
    <row r="990517" spans="14:14">
      <c r="N990517" s="10"/>
    </row>
    <row r="990518" spans="14:14">
      <c r="N990518" s="10"/>
    </row>
    <row r="990519" spans="14:14">
      <c r="N990519" s="10"/>
    </row>
    <row r="990520" spans="14:14">
      <c r="N990520" s="10"/>
    </row>
    <row r="990521" spans="14:14">
      <c r="N990521" s="10"/>
    </row>
    <row r="990522" spans="14:14">
      <c r="N990522" s="10"/>
    </row>
    <row r="990523" spans="14:14">
      <c r="N990523" s="10"/>
    </row>
    <row r="990524" spans="14:14">
      <c r="N990524" s="10"/>
    </row>
    <row r="990525" spans="14:14">
      <c r="N990525" s="10"/>
    </row>
    <row r="990526" spans="14:14">
      <c r="N990526" s="10"/>
    </row>
    <row r="990527" spans="14:14">
      <c r="N990527" s="10"/>
    </row>
    <row r="990528" spans="14:14">
      <c r="N990528" s="10"/>
    </row>
    <row r="990529" spans="14:14">
      <c r="N990529" s="10"/>
    </row>
    <row r="990530" spans="14:14">
      <c r="N990530" s="10"/>
    </row>
    <row r="990531" spans="14:14">
      <c r="N990531" s="10"/>
    </row>
    <row r="990532" spans="14:14">
      <c r="N990532" s="10"/>
    </row>
    <row r="990533" spans="14:14">
      <c r="N990533" s="10"/>
    </row>
    <row r="990534" spans="14:14">
      <c r="N990534" s="10"/>
    </row>
    <row r="990535" spans="14:14">
      <c r="N990535" s="10"/>
    </row>
    <row r="990536" spans="14:14">
      <c r="N990536" s="10"/>
    </row>
    <row r="990537" spans="14:14">
      <c r="N990537" s="10"/>
    </row>
    <row r="990538" spans="14:14">
      <c r="N990538" s="10"/>
    </row>
    <row r="990539" spans="14:14">
      <c r="N990539" s="10"/>
    </row>
    <row r="990540" spans="14:14">
      <c r="N990540" s="10"/>
    </row>
    <row r="990541" spans="14:14">
      <c r="N990541" s="10"/>
    </row>
    <row r="990542" spans="14:14">
      <c r="N990542" s="10"/>
    </row>
    <row r="990543" spans="14:14">
      <c r="N990543" s="10"/>
    </row>
    <row r="990544" spans="14:14">
      <c r="N990544" s="10"/>
    </row>
    <row r="990545" spans="14:14">
      <c r="N990545" s="10"/>
    </row>
    <row r="990546" spans="14:14">
      <c r="N990546" s="10"/>
    </row>
    <row r="990547" spans="14:14">
      <c r="N990547" s="10"/>
    </row>
    <row r="990548" spans="14:14">
      <c r="N990548" s="10"/>
    </row>
    <row r="990549" spans="14:14">
      <c r="N990549" s="10"/>
    </row>
    <row r="990550" spans="14:14">
      <c r="N990550" s="10"/>
    </row>
    <row r="990551" spans="14:14">
      <c r="N990551" s="10"/>
    </row>
    <row r="990552" spans="14:14">
      <c r="N990552" s="10"/>
    </row>
    <row r="990553" spans="14:14">
      <c r="N990553" s="10"/>
    </row>
    <row r="990554" spans="14:14">
      <c r="N990554" s="10"/>
    </row>
    <row r="990555" spans="14:14">
      <c r="N990555" s="10"/>
    </row>
    <row r="990556" spans="14:14">
      <c r="N990556" s="10"/>
    </row>
    <row r="990557" spans="14:14">
      <c r="N990557" s="10"/>
    </row>
    <row r="990558" spans="14:14">
      <c r="N990558" s="10"/>
    </row>
    <row r="990559" spans="14:14">
      <c r="N990559" s="10"/>
    </row>
    <row r="990560" spans="14:14">
      <c r="N990560" s="10"/>
    </row>
    <row r="990561" spans="14:14">
      <c r="N990561" s="10"/>
    </row>
    <row r="990562" spans="14:14">
      <c r="N990562" s="10"/>
    </row>
    <row r="990563" spans="14:14">
      <c r="N990563" s="10"/>
    </row>
    <row r="990564" spans="14:14">
      <c r="N990564" s="10"/>
    </row>
    <row r="990565" spans="14:14">
      <c r="N990565" s="10"/>
    </row>
    <row r="990566" spans="14:14">
      <c r="N990566" s="10"/>
    </row>
    <row r="990567" spans="14:14">
      <c r="N990567" s="10"/>
    </row>
    <row r="990568" spans="14:14">
      <c r="N990568" s="10"/>
    </row>
    <row r="990569" spans="14:14">
      <c r="N990569" s="10"/>
    </row>
    <row r="990570" spans="14:14">
      <c r="N990570" s="10"/>
    </row>
    <row r="990571" spans="14:14">
      <c r="N990571" s="10"/>
    </row>
    <row r="990572" spans="14:14">
      <c r="N990572" s="10"/>
    </row>
    <row r="990573" spans="14:14">
      <c r="N990573" s="10"/>
    </row>
    <row r="990574" spans="14:14">
      <c r="N990574" s="10"/>
    </row>
    <row r="990575" spans="14:14">
      <c r="N990575" s="10"/>
    </row>
    <row r="990576" spans="14:14">
      <c r="N990576" s="10"/>
    </row>
    <row r="990577" spans="14:14">
      <c r="N990577" s="10"/>
    </row>
    <row r="990578" spans="14:14">
      <c r="N990578" s="10"/>
    </row>
    <row r="990579" spans="14:14">
      <c r="N990579" s="10"/>
    </row>
    <row r="990580" spans="14:14">
      <c r="N990580" s="10"/>
    </row>
    <row r="990581" spans="14:14">
      <c r="N990581" s="10"/>
    </row>
    <row r="990582" spans="14:14">
      <c r="N990582" s="10"/>
    </row>
    <row r="990583" spans="14:14">
      <c r="N990583" s="10"/>
    </row>
    <row r="990584" spans="14:14">
      <c r="N990584" s="10"/>
    </row>
    <row r="990585" spans="14:14">
      <c r="N990585" s="10"/>
    </row>
    <row r="990586" spans="14:14">
      <c r="N990586" s="10"/>
    </row>
    <row r="990587" spans="14:14">
      <c r="N990587" s="10"/>
    </row>
    <row r="990588" spans="14:14">
      <c r="N990588" s="10"/>
    </row>
    <row r="990589" spans="14:14">
      <c r="N990589" s="10"/>
    </row>
    <row r="990590" spans="14:14">
      <c r="N990590" s="10"/>
    </row>
    <row r="990591" spans="14:14">
      <c r="N990591" s="10"/>
    </row>
    <row r="990592" spans="14:14">
      <c r="N990592" s="10"/>
    </row>
    <row r="990593" spans="14:14">
      <c r="N990593" s="10"/>
    </row>
    <row r="990594" spans="14:14">
      <c r="N990594" s="10"/>
    </row>
    <row r="990595" spans="14:14">
      <c r="N990595" s="10"/>
    </row>
    <row r="990596" spans="14:14">
      <c r="N990596" s="10"/>
    </row>
    <row r="990597" spans="14:14">
      <c r="N990597" s="10"/>
    </row>
    <row r="990598" spans="14:14">
      <c r="N990598" s="10"/>
    </row>
    <row r="990599" spans="14:14">
      <c r="N990599" s="10"/>
    </row>
    <row r="990600" spans="14:14">
      <c r="N990600" s="10"/>
    </row>
    <row r="990601" spans="14:14">
      <c r="N990601" s="10"/>
    </row>
    <row r="990602" spans="14:14">
      <c r="N990602" s="10"/>
    </row>
    <row r="990603" spans="14:14">
      <c r="N990603" s="10"/>
    </row>
    <row r="990604" spans="14:14">
      <c r="N990604" s="10"/>
    </row>
    <row r="990605" spans="14:14">
      <c r="N990605" s="10"/>
    </row>
    <row r="990606" spans="14:14">
      <c r="N990606" s="10"/>
    </row>
    <row r="990607" spans="14:14">
      <c r="N990607" s="10"/>
    </row>
    <row r="990608" spans="14:14">
      <c r="N990608" s="10"/>
    </row>
    <row r="990609" spans="14:14">
      <c r="N990609" s="10"/>
    </row>
    <row r="990610" spans="14:14">
      <c r="N990610" s="10"/>
    </row>
    <row r="990611" spans="14:14">
      <c r="N990611" s="10"/>
    </row>
    <row r="990612" spans="14:14">
      <c r="N990612" s="10"/>
    </row>
    <row r="990613" spans="14:14">
      <c r="N990613" s="10"/>
    </row>
    <row r="990614" spans="14:14">
      <c r="N990614" s="10"/>
    </row>
    <row r="990615" spans="14:14">
      <c r="N990615" s="10"/>
    </row>
    <row r="990616" spans="14:14">
      <c r="N990616" s="10"/>
    </row>
    <row r="990617" spans="14:14">
      <c r="N990617" s="10"/>
    </row>
    <row r="990618" spans="14:14">
      <c r="N990618" s="10"/>
    </row>
    <row r="990619" spans="14:14">
      <c r="N990619" s="10"/>
    </row>
    <row r="990620" spans="14:14">
      <c r="N990620" s="10"/>
    </row>
    <row r="990621" spans="14:14">
      <c r="N990621" s="10"/>
    </row>
    <row r="990622" spans="14:14">
      <c r="N990622" s="10"/>
    </row>
    <row r="990623" spans="14:14">
      <c r="N990623" s="10"/>
    </row>
    <row r="990624" spans="14:14">
      <c r="N990624" s="10"/>
    </row>
    <row r="990625" spans="14:14">
      <c r="N990625" s="10"/>
    </row>
    <row r="990626" spans="14:14">
      <c r="N990626" s="10"/>
    </row>
    <row r="990627" spans="14:14">
      <c r="N990627" s="10"/>
    </row>
    <row r="990628" spans="14:14">
      <c r="N990628" s="10"/>
    </row>
    <row r="990629" spans="14:14">
      <c r="N990629" s="10"/>
    </row>
    <row r="990630" spans="14:14">
      <c r="N990630" s="10"/>
    </row>
    <row r="990631" spans="14:14">
      <c r="N990631" s="10"/>
    </row>
    <row r="990632" spans="14:14">
      <c r="N990632" s="10"/>
    </row>
    <row r="990633" spans="14:14">
      <c r="N990633" s="10"/>
    </row>
    <row r="990634" spans="14:14">
      <c r="N990634" s="10"/>
    </row>
    <row r="990635" spans="14:14">
      <c r="N990635" s="10"/>
    </row>
    <row r="990636" spans="14:14">
      <c r="N990636" s="10"/>
    </row>
    <row r="990637" spans="14:14">
      <c r="N990637" s="10"/>
    </row>
    <row r="990638" spans="14:14">
      <c r="N990638" s="10"/>
    </row>
    <row r="990639" spans="14:14">
      <c r="N990639" s="10"/>
    </row>
    <row r="990640" spans="14:14">
      <c r="N990640" s="10"/>
    </row>
    <row r="990641" spans="14:14">
      <c r="N990641" s="10"/>
    </row>
    <row r="990642" spans="14:14">
      <c r="N990642" s="10"/>
    </row>
    <row r="990643" spans="14:14">
      <c r="N990643" s="10"/>
    </row>
    <row r="990644" spans="14:14">
      <c r="N990644" s="10"/>
    </row>
    <row r="990645" spans="14:14">
      <c r="N990645" s="10"/>
    </row>
    <row r="990646" spans="14:14">
      <c r="N990646" s="10"/>
    </row>
    <row r="990647" spans="14:14">
      <c r="N990647" s="10"/>
    </row>
    <row r="990648" spans="14:14">
      <c r="N990648" s="10"/>
    </row>
    <row r="990649" spans="14:14">
      <c r="N990649" s="10"/>
    </row>
    <row r="990650" spans="14:14">
      <c r="N990650" s="10"/>
    </row>
    <row r="990651" spans="14:14">
      <c r="N990651" s="10"/>
    </row>
    <row r="990652" spans="14:14">
      <c r="N990652" s="10"/>
    </row>
    <row r="990653" spans="14:14">
      <c r="N990653" s="10"/>
    </row>
    <row r="990654" spans="14:14">
      <c r="N990654" s="10"/>
    </row>
    <row r="990655" spans="14:14">
      <c r="N990655" s="10"/>
    </row>
    <row r="990656" spans="14:14">
      <c r="N990656" s="10"/>
    </row>
    <row r="990657" spans="14:14">
      <c r="N990657" s="10"/>
    </row>
    <row r="990658" spans="14:14">
      <c r="N990658" s="10"/>
    </row>
    <row r="990659" spans="14:14">
      <c r="N990659" s="10"/>
    </row>
    <row r="990660" spans="14:14">
      <c r="N990660" s="10"/>
    </row>
    <row r="990661" spans="14:14">
      <c r="N990661" s="10"/>
    </row>
    <row r="990662" spans="14:14">
      <c r="N990662" s="10"/>
    </row>
    <row r="990663" spans="14:14">
      <c r="N990663" s="10"/>
    </row>
    <row r="990664" spans="14:14">
      <c r="N990664" s="10"/>
    </row>
    <row r="990665" spans="14:14">
      <c r="N990665" s="10"/>
    </row>
    <row r="990666" spans="14:14">
      <c r="N990666" s="10"/>
    </row>
    <row r="990667" spans="14:14">
      <c r="N990667" s="10"/>
    </row>
    <row r="990668" spans="14:14">
      <c r="N990668" s="10"/>
    </row>
    <row r="990669" spans="14:14">
      <c r="N990669" s="10"/>
    </row>
    <row r="990670" spans="14:14">
      <c r="N990670" s="10"/>
    </row>
    <row r="990671" spans="14:14">
      <c r="N990671" s="10"/>
    </row>
    <row r="990672" spans="14:14">
      <c r="N990672" s="10"/>
    </row>
    <row r="990673" spans="14:14">
      <c r="N990673" s="10"/>
    </row>
    <row r="990674" spans="14:14">
      <c r="N990674" s="10"/>
    </row>
    <row r="990675" spans="14:14">
      <c r="N990675" s="10"/>
    </row>
    <row r="990676" spans="14:14">
      <c r="N990676" s="10"/>
    </row>
    <row r="990677" spans="14:14">
      <c r="N990677" s="10"/>
    </row>
    <row r="990678" spans="14:14">
      <c r="N990678" s="10"/>
    </row>
    <row r="990679" spans="14:14">
      <c r="N990679" s="10"/>
    </row>
    <row r="990680" spans="14:14">
      <c r="N990680" s="10"/>
    </row>
    <row r="990681" spans="14:14">
      <c r="N990681" s="10"/>
    </row>
    <row r="990682" spans="14:14">
      <c r="N990682" s="10"/>
    </row>
    <row r="990683" spans="14:14">
      <c r="N990683" s="10"/>
    </row>
    <row r="990684" spans="14:14">
      <c r="N990684" s="10"/>
    </row>
    <row r="990685" spans="14:14">
      <c r="N990685" s="10"/>
    </row>
    <row r="990686" spans="14:14">
      <c r="N990686" s="10"/>
    </row>
    <row r="990687" spans="14:14">
      <c r="N990687" s="10"/>
    </row>
    <row r="990688" spans="14:14">
      <c r="N990688" s="10"/>
    </row>
    <row r="990689" spans="14:14">
      <c r="N990689" s="10"/>
    </row>
    <row r="990690" spans="14:14">
      <c r="N990690" s="10"/>
    </row>
    <row r="990691" spans="14:14">
      <c r="N990691" s="10"/>
    </row>
    <row r="990692" spans="14:14">
      <c r="N990692" s="10"/>
    </row>
    <row r="990693" spans="14:14">
      <c r="N990693" s="10"/>
    </row>
    <row r="990694" spans="14:14">
      <c r="N990694" s="10"/>
    </row>
    <row r="990695" spans="14:14">
      <c r="N990695" s="10"/>
    </row>
    <row r="990696" spans="14:14">
      <c r="N990696" s="10"/>
    </row>
    <row r="990697" spans="14:14">
      <c r="N990697" s="10"/>
    </row>
    <row r="990698" spans="14:14">
      <c r="N990698" s="10"/>
    </row>
    <row r="990699" spans="14:14">
      <c r="N990699" s="10"/>
    </row>
    <row r="990700" spans="14:14">
      <c r="N990700" s="10"/>
    </row>
    <row r="990701" spans="14:14">
      <c r="N990701" s="10"/>
    </row>
    <row r="990702" spans="14:14">
      <c r="N990702" s="10"/>
    </row>
    <row r="990703" spans="14:14">
      <c r="N990703" s="10"/>
    </row>
    <row r="990704" spans="14:14">
      <c r="N990704" s="10"/>
    </row>
    <row r="990705" spans="14:14">
      <c r="N990705" s="10"/>
    </row>
    <row r="990706" spans="14:14">
      <c r="N990706" s="10"/>
    </row>
    <row r="990707" spans="14:14">
      <c r="N990707" s="10"/>
    </row>
    <row r="990708" spans="14:14">
      <c r="N990708" s="10"/>
    </row>
    <row r="990709" spans="14:14">
      <c r="N990709" s="10"/>
    </row>
    <row r="990710" spans="14:14">
      <c r="N990710" s="10"/>
    </row>
    <row r="990711" spans="14:14">
      <c r="N990711" s="10"/>
    </row>
    <row r="990712" spans="14:14">
      <c r="N990712" s="10"/>
    </row>
    <row r="990713" spans="14:14">
      <c r="N990713" s="10"/>
    </row>
    <row r="990714" spans="14:14">
      <c r="N990714" s="10"/>
    </row>
    <row r="990715" spans="14:14">
      <c r="N990715" s="10"/>
    </row>
    <row r="990716" spans="14:14">
      <c r="N990716" s="10"/>
    </row>
    <row r="990717" spans="14:14">
      <c r="N990717" s="10"/>
    </row>
    <row r="990718" spans="14:14">
      <c r="N990718" s="10"/>
    </row>
    <row r="990719" spans="14:14">
      <c r="N990719" s="10"/>
    </row>
    <row r="990720" spans="14:14">
      <c r="N990720" s="10"/>
    </row>
    <row r="990721" spans="14:14">
      <c r="N990721" s="10"/>
    </row>
    <row r="990722" spans="14:14">
      <c r="N990722" s="10"/>
    </row>
    <row r="990723" spans="14:14">
      <c r="N990723" s="10"/>
    </row>
    <row r="990724" spans="14:14">
      <c r="N990724" s="10"/>
    </row>
    <row r="990725" spans="14:14">
      <c r="N990725" s="10"/>
    </row>
    <row r="990726" spans="14:14">
      <c r="N990726" s="10"/>
    </row>
    <row r="990727" spans="14:14">
      <c r="N990727" s="10"/>
    </row>
    <row r="990728" spans="14:14">
      <c r="N990728" s="10"/>
    </row>
    <row r="990729" spans="14:14">
      <c r="N990729" s="10"/>
    </row>
    <row r="990730" spans="14:14">
      <c r="N990730" s="10"/>
    </row>
    <row r="990731" spans="14:14">
      <c r="N990731" s="10"/>
    </row>
    <row r="990732" spans="14:14">
      <c r="N990732" s="10"/>
    </row>
    <row r="990733" spans="14:14">
      <c r="N990733" s="10"/>
    </row>
    <row r="990734" spans="14:14">
      <c r="N990734" s="10"/>
    </row>
    <row r="990735" spans="14:14">
      <c r="N990735" s="10"/>
    </row>
    <row r="990736" spans="14:14">
      <c r="N990736" s="10"/>
    </row>
    <row r="990737" spans="14:14">
      <c r="N990737" s="10"/>
    </row>
    <row r="990738" spans="14:14">
      <c r="N990738" s="10"/>
    </row>
    <row r="990739" spans="14:14">
      <c r="N990739" s="10"/>
    </row>
    <row r="990740" spans="14:14">
      <c r="N990740" s="10"/>
    </row>
    <row r="990741" spans="14:14">
      <c r="N990741" s="10"/>
    </row>
    <row r="990742" spans="14:14">
      <c r="N990742" s="10"/>
    </row>
    <row r="990743" spans="14:14">
      <c r="N990743" s="10"/>
    </row>
    <row r="990744" spans="14:14">
      <c r="N990744" s="10"/>
    </row>
    <row r="990745" spans="14:14">
      <c r="N990745" s="10"/>
    </row>
    <row r="990746" spans="14:14">
      <c r="N990746" s="10"/>
    </row>
    <row r="990747" spans="14:14">
      <c r="N990747" s="10"/>
    </row>
    <row r="990748" spans="14:14">
      <c r="N990748" s="10"/>
    </row>
    <row r="990749" spans="14:14">
      <c r="N990749" s="10"/>
    </row>
    <row r="990750" spans="14:14">
      <c r="N990750" s="10"/>
    </row>
    <row r="990751" spans="14:14">
      <c r="N990751" s="10"/>
    </row>
    <row r="990752" spans="14:14">
      <c r="N990752" s="10"/>
    </row>
    <row r="990753" spans="14:14">
      <c r="N990753" s="10"/>
    </row>
    <row r="990754" spans="14:14">
      <c r="N990754" s="10"/>
    </row>
    <row r="990755" spans="14:14">
      <c r="N990755" s="10"/>
    </row>
    <row r="990756" spans="14:14">
      <c r="N990756" s="10"/>
    </row>
    <row r="990757" spans="14:14">
      <c r="N990757" s="10"/>
    </row>
    <row r="990758" spans="14:14">
      <c r="N990758" s="10"/>
    </row>
    <row r="990759" spans="14:14">
      <c r="N990759" s="10"/>
    </row>
    <row r="990760" spans="14:14">
      <c r="N990760" s="10"/>
    </row>
    <row r="990761" spans="14:14">
      <c r="N990761" s="10"/>
    </row>
    <row r="990762" spans="14:14">
      <c r="N990762" s="10"/>
    </row>
    <row r="990763" spans="14:14">
      <c r="N990763" s="10"/>
    </row>
    <row r="990764" spans="14:14">
      <c r="N990764" s="10"/>
    </row>
    <row r="990765" spans="14:14">
      <c r="N990765" s="10"/>
    </row>
    <row r="990766" spans="14:14">
      <c r="N990766" s="10"/>
    </row>
    <row r="990767" spans="14:14">
      <c r="N990767" s="10"/>
    </row>
    <row r="990768" spans="14:14">
      <c r="N990768" s="10"/>
    </row>
    <row r="990769" spans="14:14">
      <c r="N990769" s="10"/>
    </row>
    <row r="990770" spans="14:14">
      <c r="N990770" s="10"/>
    </row>
    <row r="990771" spans="14:14">
      <c r="N990771" s="10"/>
    </row>
    <row r="990772" spans="14:14">
      <c r="N990772" s="10"/>
    </row>
    <row r="990773" spans="14:14">
      <c r="N990773" s="10"/>
    </row>
    <row r="990774" spans="14:14">
      <c r="N990774" s="10"/>
    </row>
    <row r="990775" spans="14:14">
      <c r="N990775" s="10"/>
    </row>
    <row r="990776" spans="14:14">
      <c r="N990776" s="10"/>
    </row>
    <row r="990777" spans="14:14">
      <c r="N990777" s="10"/>
    </row>
    <row r="990778" spans="14:14">
      <c r="N990778" s="10"/>
    </row>
    <row r="990779" spans="14:14">
      <c r="N990779" s="10"/>
    </row>
    <row r="990780" spans="14:14">
      <c r="N990780" s="10"/>
    </row>
    <row r="990781" spans="14:14">
      <c r="N990781" s="10"/>
    </row>
    <row r="990782" spans="14:14">
      <c r="N990782" s="10"/>
    </row>
    <row r="990783" spans="14:14">
      <c r="N990783" s="10"/>
    </row>
    <row r="990784" spans="14:14">
      <c r="N990784" s="10"/>
    </row>
    <row r="990785" spans="14:14">
      <c r="N990785" s="10"/>
    </row>
    <row r="990786" spans="14:14">
      <c r="N990786" s="10"/>
    </row>
    <row r="990787" spans="14:14">
      <c r="N990787" s="10"/>
    </row>
    <row r="990788" spans="14:14">
      <c r="N990788" s="10"/>
    </row>
    <row r="990789" spans="14:14">
      <c r="N990789" s="10"/>
    </row>
    <row r="990790" spans="14:14">
      <c r="N990790" s="10"/>
    </row>
    <row r="990791" spans="14:14">
      <c r="N990791" s="10"/>
    </row>
    <row r="990792" spans="14:14">
      <c r="N990792" s="10"/>
    </row>
    <row r="990793" spans="14:14">
      <c r="N990793" s="10"/>
    </row>
    <row r="990794" spans="14:14">
      <c r="N990794" s="10"/>
    </row>
    <row r="990795" spans="14:14">
      <c r="N990795" s="10"/>
    </row>
    <row r="990796" spans="14:14">
      <c r="N990796" s="10"/>
    </row>
    <row r="990797" spans="14:14">
      <c r="N990797" s="10"/>
    </row>
    <row r="990798" spans="14:14">
      <c r="N990798" s="10"/>
    </row>
    <row r="990799" spans="14:14">
      <c r="N990799" s="10"/>
    </row>
    <row r="990800" spans="14:14">
      <c r="N990800" s="10"/>
    </row>
    <row r="990801" spans="14:14">
      <c r="N990801" s="10"/>
    </row>
    <row r="990802" spans="14:14">
      <c r="N990802" s="10"/>
    </row>
    <row r="990803" spans="14:14">
      <c r="N990803" s="10"/>
    </row>
    <row r="990804" spans="14:14">
      <c r="N990804" s="10"/>
    </row>
    <row r="990805" spans="14:14">
      <c r="N990805" s="10"/>
    </row>
    <row r="990806" spans="14:14">
      <c r="N990806" s="10"/>
    </row>
    <row r="990807" spans="14:14">
      <c r="N990807" s="10"/>
    </row>
    <row r="990808" spans="14:14">
      <c r="N990808" s="10"/>
    </row>
    <row r="990809" spans="14:14">
      <c r="N990809" s="10"/>
    </row>
    <row r="990810" spans="14:14">
      <c r="N990810" s="10"/>
    </row>
    <row r="990811" spans="14:14">
      <c r="N990811" s="10"/>
    </row>
    <row r="990812" spans="14:14">
      <c r="N990812" s="10"/>
    </row>
    <row r="990813" spans="14:14">
      <c r="N990813" s="10"/>
    </row>
    <row r="990814" spans="14:14">
      <c r="N990814" s="10"/>
    </row>
    <row r="990815" spans="14:14">
      <c r="N990815" s="10"/>
    </row>
    <row r="990816" spans="14:14">
      <c r="N990816" s="10"/>
    </row>
    <row r="990817" spans="14:14">
      <c r="N990817" s="10"/>
    </row>
    <row r="990818" spans="14:14">
      <c r="N990818" s="10"/>
    </row>
    <row r="990819" spans="14:14">
      <c r="N990819" s="10"/>
    </row>
    <row r="990820" spans="14:14">
      <c r="N990820" s="10"/>
    </row>
    <row r="990821" spans="14:14">
      <c r="N990821" s="10"/>
    </row>
    <row r="990822" spans="14:14">
      <c r="N990822" s="10"/>
    </row>
    <row r="990823" spans="14:14">
      <c r="N990823" s="10"/>
    </row>
    <row r="990824" spans="14:14">
      <c r="N990824" s="10"/>
    </row>
    <row r="990825" spans="14:14">
      <c r="N990825" s="10"/>
    </row>
    <row r="990826" spans="14:14">
      <c r="N990826" s="10"/>
    </row>
    <row r="990827" spans="14:14">
      <c r="N990827" s="10"/>
    </row>
    <row r="990828" spans="14:14">
      <c r="N990828" s="10"/>
    </row>
    <row r="990829" spans="14:14">
      <c r="N990829" s="10"/>
    </row>
    <row r="990830" spans="14:14">
      <c r="N990830" s="10"/>
    </row>
    <row r="990831" spans="14:14">
      <c r="N990831" s="10"/>
    </row>
    <row r="990832" spans="14:14">
      <c r="N990832" s="10"/>
    </row>
    <row r="990833" spans="14:14">
      <c r="N990833" s="10"/>
    </row>
    <row r="990834" spans="14:14">
      <c r="N990834" s="10"/>
    </row>
    <row r="990835" spans="14:14">
      <c r="N990835" s="10"/>
    </row>
    <row r="990836" spans="14:14">
      <c r="N990836" s="10"/>
    </row>
    <row r="990837" spans="14:14">
      <c r="N990837" s="10"/>
    </row>
    <row r="990838" spans="14:14">
      <c r="N990838" s="10"/>
    </row>
    <row r="990839" spans="14:14">
      <c r="N990839" s="10"/>
    </row>
    <row r="990840" spans="14:14">
      <c r="N990840" s="10"/>
    </row>
    <row r="990841" spans="14:14">
      <c r="N990841" s="10"/>
    </row>
    <row r="990842" spans="14:14">
      <c r="N990842" s="10"/>
    </row>
    <row r="990843" spans="14:14">
      <c r="N990843" s="10"/>
    </row>
    <row r="990844" spans="14:14">
      <c r="N990844" s="10"/>
    </row>
    <row r="990845" spans="14:14">
      <c r="N990845" s="10"/>
    </row>
    <row r="990846" spans="14:14">
      <c r="N990846" s="10"/>
    </row>
    <row r="990847" spans="14:14">
      <c r="N990847" s="10"/>
    </row>
    <row r="990848" spans="14:14">
      <c r="N990848" s="10"/>
    </row>
    <row r="990849" spans="14:14">
      <c r="N990849" s="10"/>
    </row>
    <row r="990850" spans="14:14">
      <c r="N990850" s="10"/>
    </row>
    <row r="990851" spans="14:14">
      <c r="N990851" s="10"/>
    </row>
    <row r="990852" spans="14:14">
      <c r="N990852" s="10"/>
    </row>
    <row r="990853" spans="14:14">
      <c r="N990853" s="10"/>
    </row>
    <row r="990854" spans="14:14">
      <c r="N990854" s="10"/>
    </row>
    <row r="990855" spans="14:14">
      <c r="N990855" s="10"/>
    </row>
    <row r="990856" spans="14:14">
      <c r="N990856" s="10"/>
    </row>
    <row r="990857" spans="14:14">
      <c r="N990857" s="10"/>
    </row>
    <row r="990858" spans="14:14">
      <c r="N990858" s="10"/>
    </row>
    <row r="990859" spans="14:14">
      <c r="N990859" s="10"/>
    </row>
    <row r="990860" spans="14:14">
      <c r="N990860" s="10"/>
    </row>
    <row r="990861" spans="14:14">
      <c r="N990861" s="10"/>
    </row>
    <row r="990862" spans="14:14">
      <c r="N990862" s="10"/>
    </row>
    <row r="990863" spans="14:14">
      <c r="N990863" s="10"/>
    </row>
    <row r="990864" spans="14:14">
      <c r="N990864" s="10"/>
    </row>
    <row r="990865" spans="14:14">
      <c r="N990865" s="10"/>
    </row>
    <row r="990866" spans="14:14">
      <c r="N990866" s="10"/>
    </row>
    <row r="990867" spans="14:14">
      <c r="N990867" s="10"/>
    </row>
    <row r="990868" spans="14:14">
      <c r="N990868" s="10"/>
    </row>
    <row r="990869" spans="14:14">
      <c r="N990869" s="10"/>
    </row>
    <row r="990870" spans="14:14">
      <c r="N990870" s="10"/>
    </row>
    <row r="990871" spans="14:14">
      <c r="N990871" s="10"/>
    </row>
    <row r="990872" spans="14:14">
      <c r="N990872" s="10"/>
    </row>
    <row r="990873" spans="14:14">
      <c r="N990873" s="10"/>
    </row>
    <row r="990874" spans="14:14">
      <c r="N990874" s="10"/>
    </row>
    <row r="990875" spans="14:14">
      <c r="N990875" s="10"/>
    </row>
    <row r="990876" spans="14:14">
      <c r="N990876" s="10"/>
    </row>
    <row r="990877" spans="14:14">
      <c r="N990877" s="10"/>
    </row>
    <row r="990878" spans="14:14">
      <c r="N990878" s="10"/>
    </row>
    <row r="990879" spans="14:14">
      <c r="N990879" s="10"/>
    </row>
    <row r="990880" spans="14:14">
      <c r="N990880" s="10"/>
    </row>
    <row r="990881" spans="14:14">
      <c r="N990881" s="10"/>
    </row>
    <row r="990882" spans="14:14">
      <c r="N990882" s="10"/>
    </row>
    <row r="990883" spans="14:14">
      <c r="N990883" s="10"/>
    </row>
    <row r="990884" spans="14:14">
      <c r="N990884" s="10"/>
    </row>
    <row r="990885" spans="14:14">
      <c r="N990885" s="10"/>
    </row>
    <row r="990886" spans="14:14">
      <c r="N990886" s="10"/>
    </row>
    <row r="990887" spans="14:14">
      <c r="N990887" s="10"/>
    </row>
    <row r="990888" spans="14:14">
      <c r="N990888" s="10"/>
    </row>
    <row r="990889" spans="14:14">
      <c r="N990889" s="10"/>
    </row>
    <row r="990890" spans="14:14">
      <c r="N990890" s="10"/>
    </row>
    <row r="990891" spans="14:14">
      <c r="N990891" s="10"/>
    </row>
    <row r="990892" spans="14:14">
      <c r="N990892" s="10"/>
    </row>
    <row r="990893" spans="14:14">
      <c r="N990893" s="10"/>
    </row>
    <row r="990894" spans="14:14">
      <c r="N990894" s="10"/>
    </row>
    <row r="990895" spans="14:14">
      <c r="N990895" s="10"/>
    </row>
    <row r="990896" spans="14:14">
      <c r="N990896" s="10"/>
    </row>
    <row r="990897" spans="14:14">
      <c r="N990897" s="10"/>
    </row>
    <row r="990898" spans="14:14">
      <c r="N990898" s="10"/>
    </row>
    <row r="990899" spans="14:14">
      <c r="N990899" s="10"/>
    </row>
    <row r="990900" spans="14:14">
      <c r="N990900" s="10"/>
    </row>
    <row r="990901" spans="14:14">
      <c r="N990901" s="10"/>
    </row>
    <row r="990902" spans="14:14">
      <c r="N990902" s="10"/>
    </row>
    <row r="990903" spans="14:14">
      <c r="N990903" s="10"/>
    </row>
    <row r="990904" spans="14:14">
      <c r="N990904" s="10"/>
    </row>
    <row r="990905" spans="14:14">
      <c r="N990905" s="10"/>
    </row>
    <row r="990906" spans="14:14">
      <c r="N990906" s="10"/>
    </row>
    <row r="990907" spans="14:14">
      <c r="N990907" s="10"/>
    </row>
    <row r="990908" spans="14:14">
      <c r="N990908" s="10"/>
    </row>
    <row r="990909" spans="14:14">
      <c r="N990909" s="10"/>
    </row>
    <row r="990910" spans="14:14">
      <c r="N990910" s="10"/>
    </row>
    <row r="990911" spans="14:14">
      <c r="N990911" s="10"/>
    </row>
    <row r="990912" spans="14:14">
      <c r="N990912" s="10"/>
    </row>
    <row r="990913" spans="14:14">
      <c r="N990913" s="10"/>
    </row>
    <row r="990914" spans="14:14">
      <c r="N990914" s="10"/>
    </row>
    <row r="990915" spans="14:14">
      <c r="N990915" s="10"/>
    </row>
    <row r="990916" spans="14:14">
      <c r="N990916" s="10"/>
    </row>
    <row r="990917" spans="14:14">
      <c r="N990917" s="10"/>
    </row>
    <row r="990918" spans="14:14">
      <c r="N990918" s="10"/>
    </row>
    <row r="990919" spans="14:14">
      <c r="N990919" s="10"/>
    </row>
    <row r="990920" spans="14:14">
      <c r="N990920" s="10"/>
    </row>
    <row r="990921" spans="14:14">
      <c r="N990921" s="10"/>
    </row>
    <row r="990922" spans="14:14">
      <c r="N990922" s="10"/>
    </row>
    <row r="990923" spans="14:14">
      <c r="N990923" s="10"/>
    </row>
    <row r="990924" spans="14:14">
      <c r="N990924" s="10"/>
    </row>
    <row r="990925" spans="14:14">
      <c r="N990925" s="10"/>
    </row>
    <row r="990926" spans="14:14">
      <c r="N990926" s="10"/>
    </row>
    <row r="990927" spans="14:14">
      <c r="N990927" s="10"/>
    </row>
    <row r="990928" spans="14:14">
      <c r="N990928" s="10"/>
    </row>
    <row r="990929" spans="14:14">
      <c r="N990929" s="10"/>
    </row>
    <row r="990930" spans="14:14">
      <c r="N990930" s="10"/>
    </row>
    <row r="990931" spans="14:14">
      <c r="N990931" s="10"/>
    </row>
    <row r="990932" spans="14:14">
      <c r="N990932" s="10"/>
    </row>
    <row r="990933" spans="14:14">
      <c r="N990933" s="10"/>
    </row>
    <row r="990934" spans="14:14">
      <c r="N990934" s="10"/>
    </row>
    <row r="990935" spans="14:14">
      <c r="N990935" s="10"/>
    </row>
    <row r="990936" spans="14:14">
      <c r="N990936" s="10"/>
    </row>
    <row r="990937" spans="14:14">
      <c r="N990937" s="10"/>
    </row>
    <row r="990938" spans="14:14">
      <c r="N990938" s="10"/>
    </row>
    <row r="990939" spans="14:14">
      <c r="N990939" s="10"/>
    </row>
    <row r="990940" spans="14:14">
      <c r="N990940" s="10"/>
    </row>
    <row r="990941" spans="14:14">
      <c r="N990941" s="10"/>
    </row>
    <row r="990942" spans="14:14">
      <c r="N990942" s="10"/>
    </row>
    <row r="990943" spans="14:14">
      <c r="N990943" s="10"/>
    </row>
    <row r="990944" spans="14:14">
      <c r="N990944" s="10"/>
    </row>
    <row r="990945" spans="14:14">
      <c r="N990945" s="10"/>
    </row>
    <row r="990946" spans="14:14">
      <c r="N990946" s="10"/>
    </row>
    <row r="990947" spans="14:14">
      <c r="N990947" s="10"/>
    </row>
    <row r="990948" spans="14:14">
      <c r="N990948" s="10"/>
    </row>
    <row r="990949" spans="14:14">
      <c r="N990949" s="10"/>
    </row>
    <row r="990950" spans="14:14">
      <c r="N990950" s="10"/>
    </row>
    <row r="990951" spans="14:14">
      <c r="N990951" s="10"/>
    </row>
    <row r="990952" spans="14:14">
      <c r="N990952" s="10"/>
    </row>
    <row r="990953" spans="14:14">
      <c r="N990953" s="10"/>
    </row>
    <row r="990954" spans="14:14">
      <c r="N990954" s="10"/>
    </row>
    <row r="990955" spans="14:14">
      <c r="N990955" s="10"/>
    </row>
    <row r="990956" spans="14:14">
      <c r="N990956" s="10"/>
    </row>
    <row r="990957" spans="14:14">
      <c r="N990957" s="10"/>
    </row>
    <row r="990958" spans="14:14">
      <c r="N990958" s="10"/>
    </row>
    <row r="990959" spans="14:14">
      <c r="N990959" s="10"/>
    </row>
    <row r="990960" spans="14:14">
      <c r="N990960" s="10"/>
    </row>
    <row r="990961" spans="14:14">
      <c r="N990961" s="10"/>
    </row>
    <row r="990962" spans="14:14">
      <c r="N990962" s="10"/>
    </row>
    <row r="990963" spans="14:14">
      <c r="N990963" s="10"/>
    </row>
    <row r="990964" spans="14:14">
      <c r="N990964" s="10"/>
    </row>
    <row r="990965" spans="14:14">
      <c r="N990965" s="10"/>
    </row>
    <row r="990966" spans="14:14">
      <c r="N990966" s="10"/>
    </row>
    <row r="990967" spans="14:14">
      <c r="N990967" s="10"/>
    </row>
    <row r="990968" spans="14:14">
      <c r="N990968" s="10"/>
    </row>
    <row r="990969" spans="14:14">
      <c r="N990969" s="10"/>
    </row>
    <row r="990970" spans="14:14">
      <c r="N990970" s="10"/>
    </row>
    <row r="990971" spans="14:14">
      <c r="N990971" s="10"/>
    </row>
    <row r="990972" spans="14:14">
      <c r="N990972" s="10"/>
    </row>
    <row r="990973" spans="14:14">
      <c r="N990973" s="10"/>
    </row>
    <row r="990974" spans="14:14">
      <c r="N990974" s="10"/>
    </row>
    <row r="990975" spans="14:14">
      <c r="N990975" s="10"/>
    </row>
    <row r="990976" spans="14:14">
      <c r="N990976" s="10"/>
    </row>
    <row r="990977" spans="14:14">
      <c r="N990977" s="10"/>
    </row>
    <row r="990978" spans="14:14">
      <c r="N990978" s="10"/>
    </row>
    <row r="990979" spans="14:14">
      <c r="N990979" s="10"/>
    </row>
    <row r="990980" spans="14:14">
      <c r="N990980" s="10"/>
    </row>
    <row r="990981" spans="14:14">
      <c r="N990981" s="10"/>
    </row>
    <row r="990982" spans="14:14">
      <c r="N990982" s="10"/>
    </row>
    <row r="990983" spans="14:14">
      <c r="N990983" s="10"/>
    </row>
    <row r="990984" spans="14:14">
      <c r="N990984" s="10"/>
    </row>
    <row r="990985" spans="14:14">
      <c r="N990985" s="10"/>
    </row>
    <row r="990986" spans="14:14">
      <c r="N990986" s="10"/>
    </row>
    <row r="990987" spans="14:14">
      <c r="N990987" s="10"/>
    </row>
    <row r="990988" spans="14:14">
      <c r="N990988" s="10"/>
    </row>
    <row r="990989" spans="14:14">
      <c r="N990989" s="10"/>
    </row>
    <row r="990990" spans="14:14">
      <c r="N990990" s="10"/>
    </row>
    <row r="990991" spans="14:14">
      <c r="N990991" s="10"/>
    </row>
    <row r="990992" spans="14:14">
      <c r="N990992" s="10"/>
    </row>
    <row r="990993" spans="14:14">
      <c r="N990993" s="10"/>
    </row>
    <row r="990994" spans="14:14">
      <c r="N990994" s="10"/>
    </row>
    <row r="990995" spans="14:14">
      <c r="N990995" s="10"/>
    </row>
    <row r="990996" spans="14:14">
      <c r="N990996" s="10"/>
    </row>
    <row r="990997" spans="14:14">
      <c r="N990997" s="10"/>
    </row>
    <row r="990998" spans="14:14">
      <c r="N990998" s="10"/>
    </row>
    <row r="990999" spans="14:14">
      <c r="N990999" s="10"/>
    </row>
    <row r="991000" spans="14:14">
      <c r="N991000" s="10"/>
    </row>
    <row r="991001" spans="14:14">
      <c r="N991001" s="10"/>
    </row>
    <row r="991002" spans="14:14">
      <c r="N991002" s="10"/>
    </row>
    <row r="991003" spans="14:14">
      <c r="N991003" s="10"/>
    </row>
    <row r="991004" spans="14:14">
      <c r="N991004" s="10"/>
    </row>
    <row r="991005" spans="14:14">
      <c r="N991005" s="10"/>
    </row>
    <row r="991006" spans="14:14">
      <c r="N991006" s="10"/>
    </row>
    <row r="991007" spans="14:14">
      <c r="N991007" s="10"/>
    </row>
    <row r="991008" spans="14:14">
      <c r="N991008" s="10"/>
    </row>
    <row r="991009" spans="14:14">
      <c r="N991009" s="10"/>
    </row>
    <row r="991010" spans="14:14">
      <c r="N991010" s="10"/>
    </row>
    <row r="991011" spans="14:14">
      <c r="N991011" s="10"/>
    </row>
    <row r="991012" spans="14:14">
      <c r="N991012" s="10"/>
    </row>
    <row r="991013" spans="14:14">
      <c r="N991013" s="10"/>
    </row>
    <row r="991014" spans="14:14">
      <c r="N991014" s="10"/>
    </row>
    <row r="991015" spans="14:14">
      <c r="N991015" s="10"/>
    </row>
    <row r="991016" spans="14:14">
      <c r="N991016" s="10"/>
    </row>
    <row r="991017" spans="14:14">
      <c r="N991017" s="10"/>
    </row>
    <row r="991018" spans="14:14">
      <c r="N991018" s="10"/>
    </row>
    <row r="991019" spans="14:14">
      <c r="N991019" s="10"/>
    </row>
    <row r="991020" spans="14:14">
      <c r="N991020" s="10"/>
    </row>
    <row r="991021" spans="14:14">
      <c r="N991021" s="10"/>
    </row>
    <row r="991022" spans="14:14">
      <c r="N991022" s="10"/>
    </row>
    <row r="991023" spans="14:14">
      <c r="N991023" s="10"/>
    </row>
    <row r="991024" spans="14:14">
      <c r="N991024" s="10"/>
    </row>
    <row r="991025" spans="14:14">
      <c r="N991025" s="10"/>
    </row>
    <row r="991026" spans="14:14">
      <c r="N991026" s="10"/>
    </row>
    <row r="991027" spans="14:14">
      <c r="N991027" s="10"/>
    </row>
    <row r="991028" spans="14:14">
      <c r="N991028" s="10"/>
    </row>
    <row r="991029" spans="14:14">
      <c r="N991029" s="10"/>
    </row>
    <row r="991030" spans="14:14">
      <c r="N991030" s="10"/>
    </row>
    <row r="991031" spans="14:14">
      <c r="N991031" s="10"/>
    </row>
    <row r="991032" spans="14:14">
      <c r="N991032" s="10"/>
    </row>
    <row r="991033" spans="14:14">
      <c r="N991033" s="10"/>
    </row>
    <row r="991034" spans="14:14">
      <c r="N991034" s="10"/>
    </row>
    <row r="991035" spans="14:14">
      <c r="N991035" s="10"/>
    </row>
    <row r="991036" spans="14:14">
      <c r="N991036" s="10"/>
    </row>
    <row r="991037" spans="14:14">
      <c r="N991037" s="10"/>
    </row>
    <row r="991038" spans="14:14">
      <c r="N991038" s="10"/>
    </row>
    <row r="991039" spans="14:14">
      <c r="N991039" s="10"/>
    </row>
    <row r="991040" spans="14:14">
      <c r="N991040" s="10"/>
    </row>
    <row r="991041" spans="14:14">
      <c r="N991041" s="10"/>
    </row>
    <row r="991042" spans="14:14">
      <c r="N991042" s="10"/>
    </row>
    <row r="991043" spans="14:14">
      <c r="N991043" s="10"/>
    </row>
    <row r="991044" spans="14:14">
      <c r="N991044" s="10"/>
    </row>
    <row r="991045" spans="14:14">
      <c r="N991045" s="10"/>
    </row>
    <row r="991046" spans="14:14">
      <c r="N991046" s="10"/>
    </row>
    <row r="991047" spans="14:14">
      <c r="N991047" s="10"/>
    </row>
    <row r="991048" spans="14:14">
      <c r="N991048" s="10"/>
    </row>
    <row r="991049" spans="14:14">
      <c r="N991049" s="10"/>
    </row>
    <row r="991050" spans="14:14">
      <c r="N991050" s="10"/>
    </row>
    <row r="991051" spans="14:14">
      <c r="N991051" s="10"/>
    </row>
    <row r="991052" spans="14:14">
      <c r="N991052" s="10"/>
    </row>
    <row r="991053" spans="14:14">
      <c r="N991053" s="10"/>
    </row>
    <row r="991054" spans="14:14">
      <c r="N991054" s="10"/>
    </row>
    <row r="991055" spans="14:14">
      <c r="N991055" s="10"/>
    </row>
    <row r="991056" spans="14:14">
      <c r="N991056" s="10"/>
    </row>
    <row r="991057" spans="14:14">
      <c r="N991057" s="10"/>
    </row>
    <row r="991058" spans="14:14">
      <c r="N991058" s="10"/>
    </row>
    <row r="991059" spans="14:14">
      <c r="N991059" s="10"/>
    </row>
    <row r="991060" spans="14:14">
      <c r="N991060" s="10"/>
    </row>
    <row r="991061" spans="14:14">
      <c r="N991061" s="10"/>
    </row>
    <row r="991062" spans="14:14">
      <c r="N991062" s="10"/>
    </row>
    <row r="991063" spans="14:14">
      <c r="N991063" s="10"/>
    </row>
    <row r="991064" spans="14:14">
      <c r="N991064" s="10"/>
    </row>
    <row r="991065" spans="14:14">
      <c r="N991065" s="10"/>
    </row>
    <row r="991066" spans="14:14">
      <c r="N991066" s="10"/>
    </row>
    <row r="991067" spans="14:14">
      <c r="N991067" s="10"/>
    </row>
    <row r="991068" spans="14:14">
      <c r="N991068" s="10"/>
    </row>
    <row r="991069" spans="14:14">
      <c r="N991069" s="10"/>
    </row>
    <row r="991070" spans="14:14">
      <c r="N991070" s="10"/>
    </row>
    <row r="991071" spans="14:14">
      <c r="N991071" s="10"/>
    </row>
    <row r="991072" spans="14:14">
      <c r="N991072" s="10"/>
    </row>
    <row r="991073" spans="14:14">
      <c r="N991073" s="10"/>
    </row>
    <row r="991074" spans="14:14">
      <c r="N991074" s="10"/>
    </row>
    <row r="991075" spans="14:14">
      <c r="N991075" s="10"/>
    </row>
    <row r="991076" spans="14:14">
      <c r="N991076" s="10"/>
    </row>
    <row r="991077" spans="14:14">
      <c r="N991077" s="10"/>
    </row>
    <row r="991078" spans="14:14">
      <c r="N991078" s="10"/>
    </row>
    <row r="991079" spans="14:14">
      <c r="N991079" s="10"/>
    </row>
    <row r="991080" spans="14:14">
      <c r="N991080" s="10"/>
    </row>
    <row r="991081" spans="14:14">
      <c r="N991081" s="10"/>
    </row>
    <row r="991082" spans="14:14">
      <c r="N991082" s="10"/>
    </row>
    <row r="991083" spans="14:14">
      <c r="N991083" s="10"/>
    </row>
    <row r="991084" spans="14:14">
      <c r="N991084" s="10"/>
    </row>
    <row r="991085" spans="14:14">
      <c r="N991085" s="10"/>
    </row>
    <row r="991086" spans="14:14">
      <c r="N991086" s="10"/>
    </row>
    <row r="991087" spans="14:14">
      <c r="N991087" s="10"/>
    </row>
    <row r="991088" spans="14:14">
      <c r="N991088" s="10"/>
    </row>
    <row r="991089" spans="14:14">
      <c r="N991089" s="10"/>
    </row>
    <row r="991090" spans="14:14">
      <c r="N991090" s="10"/>
    </row>
    <row r="991091" spans="14:14">
      <c r="N991091" s="10"/>
    </row>
    <row r="991092" spans="14:14">
      <c r="N991092" s="10"/>
    </row>
    <row r="991093" spans="14:14">
      <c r="N991093" s="10"/>
    </row>
    <row r="991094" spans="14:14">
      <c r="N991094" s="10"/>
    </row>
    <row r="991095" spans="14:14">
      <c r="N991095" s="10"/>
    </row>
    <row r="991096" spans="14:14">
      <c r="N991096" s="10"/>
    </row>
    <row r="991097" spans="14:14">
      <c r="N991097" s="10"/>
    </row>
    <row r="991098" spans="14:14">
      <c r="N991098" s="10"/>
    </row>
    <row r="991099" spans="14:14">
      <c r="N991099" s="10"/>
    </row>
    <row r="991100" spans="14:14">
      <c r="N991100" s="10"/>
    </row>
    <row r="991101" spans="14:14">
      <c r="N991101" s="10"/>
    </row>
    <row r="991102" spans="14:14">
      <c r="N991102" s="10"/>
    </row>
    <row r="991103" spans="14:14">
      <c r="N991103" s="10"/>
    </row>
    <row r="991104" spans="14:14">
      <c r="N991104" s="10"/>
    </row>
    <row r="991105" spans="14:14">
      <c r="N991105" s="10"/>
    </row>
    <row r="991106" spans="14:14">
      <c r="N991106" s="10"/>
    </row>
    <row r="991107" spans="14:14">
      <c r="N991107" s="10"/>
    </row>
    <row r="991108" spans="14:14">
      <c r="N991108" s="10"/>
    </row>
    <row r="991109" spans="14:14">
      <c r="N991109" s="10"/>
    </row>
    <row r="991110" spans="14:14">
      <c r="N991110" s="10"/>
    </row>
    <row r="991111" spans="14:14">
      <c r="N991111" s="10"/>
    </row>
    <row r="991112" spans="14:14">
      <c r="N991112" s="10"/>
    </row>
    <row r="991113" spans="14:14">
      <c r="N991113" s="10"/>
    </row>
    <row r="991114" spans="14:14">
      <c r="N991114" s="10"/>
    </row>
    <row r="991115" spans="14:14">
      <c r="N991115" s="10"/>
    </row>
    <row r="991116" spans="14:14">
      <c r="N991116" s="10"/>
    </row>
    <row r="991117" spans="14:14">
      <c r="N991117" s="10"/>
    </row>
    <row r="991118" spans="14:14">
      <c r="N991118" s="10"/>
    </row>
    <row r="991119" spans="14:14">
      <c r="N991119" s="10"/>
    </row>
    <row r="991120" spans="14:14">
      <c r="N991120" s="10"/>
    </row>
    <row r="991121" spans="14:14">
      <c r="N991121" s="10"/>
    </row>
    <row r="991122" spans="14:14">
      <c r="N991122" s="10"/>
    </row>
    <row r="991123" spans="14:14">
      <c r="N991123" s="10"/>
    </row>
    <row r="991124" spans="14:14">
      <c r="N991124" s="10"/>
    </row>
    <row r="991125" spans="14:14">
      <c r="N991125" s="10"/>
    </row>
    <row r="991126" spans="14:14">
      <c r="N991126" s="10"/>
    </row>
    <row r="991127" spans="14:14">
      <c r="N991127" s="10"/>
    </row>
    <row r="991128" spans="14:14">
      <c r="N991128" s="10"/>
    </row>
    <row r="991129" spans="14:14">
      <c r="N991129" s="10"/>
    </row>
    <row r="991130" spans="14:14">
      <c r="N991130" s="10"/>
    </row>
    <row r="991131" spans="14:14">
      <c r="N991131" s="10"/>
    </row>
    <row r="991132" spans="14:14">
      <c r="N991132" s="10"/>
    </row>
    <row r="991133" spans="14:14">
      <c r="N991133" s="10"/>
    </row>
    <row r="991134" spans="14:14">
      <c r="N991134" s="10"/>
    </row>
    <row r="991135" spans="14:14">
      <c r="N991135" s="10"/>
    </row>
    <row r="991136" spans="14:14">
      <c r="N991136" s="10"/>
    </row>
    <row r="991137" spans="14:14">
      <c r="N991137" s="10"/>
    </row>
    <row r="991138" spans="14:14">
      <c r="N991138" s="10"/>
    </row>
    <row r="991139" spans="14:14">
      <c r="N991139" s="10"/>
    </row>
    <row r="991140" spans="14:14">
      <c r="N991140" s="10"/>
    </row>
    <row r="991141" spans="14:14">
      <c r="N991141" s="10"/>
    </row>
    <row r="991142" spans="14:14">
      <c r="N991142" s="10"/>
    </row>
    <row r="991143" spans="14:14">
      <c r="N991143" s="10"/>
    </row>
    <row r="991144" spans="14:14">
      <c r="N991144" s="10"/>
    </row>
    <row r="991145" spans="14:14">
      <c r="N991145" s="10"/>
    </row>
    <row r="991146" spans="14:14">
      <c r="N991146" s="10"/>
    </row>
    <row r="991147" spans="14:14">
      <c r="N991147" s="10"/>
    </row>
    <row r="991148" spans="14:14">
      <c r="N991148" s="10"/>
    </row>
    <row r="991149" spans="14:14">
      <c r="N991149" s="10"/>
    </row>
    <row r="991150" spans="14:14">
      <c r="N991150" s="10"/>
    </row>
    <row r="991151" spans="14:14">
      <c r="N991151" s="10"/>
    </row>
    <row r="991152" spans="14:14">
      <c r="N991152" s="10"/>
    </row>
    <row r="991153" spans="14:14">
      <c r="N991153" s="10"/>
    </row>
    <row r="991154" spans="14:14">
      <c r="N991154" s="10"/>
    </row>
    <row r="991155" spans="14:14">
      <c r="N991155" s="10"/>
    </row>
    <row r="991156" spans="14:14">
      <c r="N991156" s="10"/>
    </row>
    <row r="991157" spans="14:14">
      <c r="N991157" s="10"/>
    </row>
    <row r="991158" spans="14:14">
      <c r="N991158" s="10"/>
    </row>
    <row r="991159" spans="14:14">
      <c r="N991159" s="10"/>
    </row>
    <row r="991160" spans="14:14">
      <c r="N991160" s="10"/>
    </row>
    <row r="991161" spans="14:14">
      <c r="N991161" s="10"/>
    </row>
    <row r="991162" spans="14:14">
      <c r="N991162" s="10"/>
    </row>
    <row r="991163" spans="14:14">
      <c r="N991163" s="10"/>
    </row>
    <row r="991164" spans="14:14">
      <c r="N991164" s="10"/>
    </row>
    <row r="991165" spans="14:14">
      <c r="N991165" s="10"/>
    </row>
    <row r="991166" spans="14:14">
      <c r="N991166" s="10"/>
    </row>
    <row r="991167" spans="14:14">
      <c r="N991167" s="10"/>
    </row>
    <row r="991168" spans="14:14">
      <c r="N991168" s="10"/>
    </row>
    <row r="991169" spans="14:14">
      <c r="N991169" s="10"/>
    </row>
    <row r="991170" spans="14:14">
      <c r="N991170" s="10"/>
    </row>
    <row r="991171" spans="14:14">
      <c r="N991171" s="10"/>
    </row>
    <row r="991172" spans="14:14">
      <c r="N991172" s="10"/>
    </row>
    <row r="991173" spans="14:14">
      <c r="N991173" s="10"/>
    </row>
    <row r="991174" spans="14:14">
      <c r="N991174" s="10"/>
    </row>
    <row r="991175" spans="14:14">
      <c r="N991175" s="10"/>
    </row>
    <row r="991176" spans="14:14">
      <c r="N991176" s="10"/>
    </row>
    <row r="991177" spans="14:14">
      <c r="N991177" s="10"/>
    </row>
    <row r="991178" spans="14:14">
      <c r="N991178" s="10"/>
    </row>
    <row r="991179" spans="14:14">
      <c r="N991179" s="10"/>
    </row>
    <row r="991180" spans="14:14">
      <c r="N991180" s="10"/>
    </row>
    <row r="991181" spans="14:14">
      <c r="N991181" s="10"/>
    </row>
    <row r="991182" spans="14:14">
      <c r="N991182" s="10"/>
    </row>
    <row r="991183" spans="14:14">
      <c r="N991183" s="10"/>
    </row>
    <row r="991184" spans="14:14">
      <c r="N991184" s="10"/>
    </row>
    <row r="991185" spans="14:14">
      <c r="N991185" s="10"/>
    </row>
    <row r="991186" spans="14:14">
      <c r="N991186" s="10"/>
    </row>
    <row r="991187" spans="14:14">
      <c r="N991187" s="10"/>
    </row>
    <row r="991188" spans="14:14">
      <c r="N991188" s="10"/>
    </row>
    <row r="991189" spans="14:14">
      <c r="N991189" s="10"/>
    </row>
    <row r="991190" spans="14:14">
      <c r="N991190" s="10"/>
    </row>
    <row r="991191" spans="14:14">
      <c r="N991191" s="10"/>
    </row>
    <row r="991192" spans="14:14">
      <c r="N991192" s="10"/>
    </row>
    <row r="991193" spans="14:14">
      <c r="N991193" s="10"/>
    </row>
    <row r="991194" spans="14:14">
      <c r="N991194" s="10"/>
    </row>
    <row r="991195" spans="14:14">
      <c r="N991195" s="10"/>
    </row>
    <row r="991196" spans="14:14">
      <c r="N991196" s="10"/>
    </row>
    <row r="991197" spans="14:14">
      <c r="N991197" s="10"/>
    </row>
    <row r="991198" spans="14:14">
      <c r="N991198" s="10"/>
    </row>
    <row r="991199" spans="14:14">
      <c r="N991199" s="10"/>
    </row>
    <row r="991200" spans="14:14">
      <c r="N991200" s="10"/>
    </row>
    <row r="991201" spans="14:14">
      <c r="N991201" s="10"/>
    </row>
    <row r="991202" spans="14:14">
      <c r="N991202" s="10"/>
    </row>
    <row r="991203" spans="14:14">
      <c r="N991203" s="10"/>
    </row>
    <row r="991204" spans="14:14">
      <c r="N991204" s="10"/>
    </row>
    <row r="991205" spans="14:14">
      <c r="N991205" s="10"/>
    </row>
    <row r="991206" spans="14:14">
      <c r="N991206" s="10"/>
    </row>
    <row r="991207" spans="14:14">
      <c r="N991207" s="10"/>
    </row>
    <row r="991208" spans="14:14">
      <c r="N991208" s="10"/>
    </row>
    <row r="991209" spans="14:14">
      <c r="N991209" s="10"/>
    </row>
    <row r="991210" spans="14:14">
      <c r="N991210" s="10"/>
    </row>
    <row r="991211" spans="14:14">
      <c r="N991211" s="10"/>
    </row>
    <row r="991212" spans="14:14">
      <c r="N991212" s="10"/>
    </row>
    <row r="991213" spans="14:14">
      <c r="N991213" s="10"/>
    </row>
    <row r="991214" spans="14:14">
      <c r="N991214" s="10"/>
    </row>
    <row r="991215" spans="14:14">
      <c r="N991215" s="10"/>
    </row>
    <row r="991216" spans="14:14">
      <c r="N991216" s="10"/>
    </row>
    <row r="991217" spans="14:14">
      <c r="N991217" s="10"/>
    </row>
    <row r="991218" spans="14:14">
      <c r="N991218" s="10"/>
    </row>
    <row r="991219" spans="14:14">
      <c r="N991219" s="10"/>
    </row>
    <row r="991220" spans="14:14">
      <c r="N991220" s="10"/>
    </row>
    <row r="991221" spans="14:14">
      <c r="N991221" s="10"/>
    </row>
    <row r="991222" spans="14:14">
      <c r="N991222" s="10"/>
    </row>
    <row r="991223" spans="14:14">
      <c r="N991223" s="10"/>
    </row>
    <row r="991224" spans="14:14">
      <c r="N991224" s="10"/>
    </row>
    <row r="991225" spans="14:14">
      <c r="N991225" s="10"/>
    </row>
    <row r="991226" spans="14:14">
      <c r="N991226" s="10"/>
    </row>
    <row r="991227" spans="14:14">
      <c r="N991227" s="10"/>
    </row>
    <row r="991228" spans="14:14">
      <c r="N991228" s="10"/>
    </row>
    <row r="991229" spans="14:14">
      <c r="N991229" s="10"/>
    </row>
    <row r="991230" spans="14:14">
      <c r="N991230" s="10"/>
    </row>
    <row r="991231" spans="14:14">
      <c r="N991231" s="10"/>
    </row>
    <row r="991232" spans="14:14">
      <c r="N991232" s="10"/>
    </row>
    <row r="991233" spans="14:14">
      <c r="N991233" s="10"/>
    </row>
    <row r="991234" spans="14:14">
      <c r="N991234" s="10"/>
    </row>
    <row r="991235" spans="14:14">
      <c r="N991235" s="10"/>
    </row>
    <row r="991236" spans="14:14">
      <c r="N991236" s="10"/>
    </row>
    <row r="991237" spans="14:14">
      <c r="N991237" s="10"/>
    </row>
    <row r="991238" spans="14:14">
      <c r="N991238" s="10"/>
    </row>
    <row r="991239" spans="14:14">
      <c r="N991239" s="10"/>
    </row>
    <row r="991240" spans="14:14">
      <c r="N991240" s="10"/>
    </row>
    <row r="991241" spans="14:14">
      <c r="N991241" s="10"/>
    </row>
    <row r="991242" spans="14:14">
      <c r="N991242" s="10"/>
    </row>
    <row r="991243" spans="14:14">
      <c r="N991243" s="10"/>
    </row>
    <row r="991244" spans="14:14">
      <c r="N991244" s="10"/>
    </row>
    <row r="991245" spans="14:14">
      <c r="N991245" s="10"/>
    </row>
    <row r="991246" spans="14:14">
      <c r="N991246" s="10"/>
    </row>
    <row r="991247" spans="14:14">
      <c r="N991247" s="10"/>
    </row>
    <row r="991248" spans="14:14">
      <c r="N991248" s="10"/>
    </row>
    <row r="991249" spans="14:14">
      <c r="N991249" s="10"/>
    </row>
    <row r="991250" spans="14:14">
      <c r="N991250" s="10"/>
    </row>
    <row r="991251" spans="14:14">
      <c r="N991251" s="10"/>
    </row>
    <row r="991252" spans="14:14">
      <c r="N991252" s="10"/>
    </row>
    <row r="991253" spans="14:14">
      <c r="N991253" s="10"/>
    </row>
    <row r="991254" spans="14:14">
      <c r="N991254" s="10"/>
    </row>
    <row r="991255" spans="14:14">
      <c r="N991255" s="10"/>
    </row>
    <row r="991256" spans="14:14">
      <c r="N991256" s="10"/>
    </row>
    <row r="991257" spans="14:14">
      <c r="N991257" s="10"/>
    </row>
    <row r="991258" spans="14:14">
      <c r="N991258" s="10"/>
    </row>
    <row r="991259" spans="14:14">
      <c r="N991259" s="10"/>
    </row>
    <row r="991260" spans="14:14">
      <c r="N991260" s="10"/>
    </row>
    <row r="991261" spans="14:14">
      <c r="N991261" s="10"/>
    </row>
    <row r="991262" spans="14:14">
      <c r="N991262" s="10"/>
    </row>
    <row r="991263" spans="14:14">
      <c r="N991263" s="10"/>
    </row>
    <row r="991264" spans="14:14">
      <c r="N991264" s="10"/>
    </row>
    <row r="991265" spans="14:14">
      <c r="N991265" s="10"/>
    </row>
    <row r="991266" spans="14:14">
      <c r="N991266" s="10"/>
    </row>
    <row r="991267" spans="14:14">
      <c r="N991267" s="10"/>
    </row>
    <row r="991268" spans="14:14">
      <c r="N991268" s="10"/>
    </row>
    <row r="991269" spans="14:14">
      <c r="N991269" s="10"/>
    </row>
    <row r="991270" spans="14:14">
      <c r="N991270" s="10"/>
    </row>
    <row r="991271" spans="14:14">
      <c r="N991271" s="10"/>
    </row>
    <row r="991272" spans="14:14">
      <c r="N991272" s="10"/>
    </row>
    <row r="991273" spans="14:14">
      <c r="N991273" s="10"/>
    </row>
    <row r="991274" spans="14:14">
      <c r="N991274" s="10"/>
    </row>
    <row r="991275" spans="14:14">
      <c r="N991275" s="10"/>
    </row>
    <row r="991276" spans="14:14">
      <c r="N991276" s="10"/>
    </row>
    <row r="991277" spans="14:14">
      <c r="N991277" s="10"/>
    </row>
    <row r="991278" spans="14:14">
      <c r="N991278" s="10"/>
    </row>
    <row r="991279" spans="14:14">
      <c r="N991279" s="10"/>
    </row>
    <row r="991280" spans="14:14">
      <c r="N991280" s="10"/>
    </row>
    <row r="991281" spans="14:14">
      <c r="N991281" s="10"/>
    </row>
    <row r="991282" spans="14:14">
      <c r="N991282" s="10"/>
    </row>
    <row r="991283" spans="14:14">
      <c r="N991283" s="10"/>
    </row>
    <row r="991284" spans="14:14">
      <c r="N991284" s="10"/>
    </row>
    <row r="991285" spans="14:14">
      <c r="N991285" s="10"/>
    </row>
    <row r="991286" spans="14:14">
      <c r="N991286" s="10"/>
    </row>
    <row r="991287" spans="14:14">
      <c r="N991287" s="10"/>
    </row>
    <row r="991288" spans="14:14">
      <c r="N991288" s="10"/>
    </row>
    <row r="991289" spans="14:14">
      <c r="N991289" s="10"/>
    </row>
    <row r="991290" spans="14:14">
      <c r="N991290" s="10"/>
    </row>
    <row r="991291" spans="14:14">
      <c r="N991291" s="10"/>
    </row>
    <row r="991292" spans="14:14">
      <c r="N991292" s="10"/>
    </row>
    <row r="991293" spans="14:14">
      <c r="N991293" s="10"/>
    </row>
    <row r="991294" spans="14:14">
      <c r="N991294" s="10"/>
    </row>
    <row r="991295" spans="14:14">
      <c r="N991295" s="10"/>
    </row>
    <row r="991296" spans="14:14">
      <c r="N991296" s="10"/>
    </row>
    <row r="991297" spans="14:14">
      <c r="N991297" s="10"/>
    </row>
    <row r="991298" spans="14:14">
      <c r="N991298" s="10"/>
    </row>
    <row r="991299" spans="14:14">
      <c r="N991299" s="10"/>
    </row>
    <row r="991300" spans="14:14">
      <c r="N991300" s="10"/>
    </row>
    <row r="991301" spans="14:14">
      <c r="N991301" s="10"/>
    </row>
    <row r="991302" spans="14:14">
      <c r="N991302" s="10"/>
    </row>
    <row r="991303" spans="14:14">
      <c r="N991303" s="10"/>
    </row>
    <row r="991304" spans="14:14">
      <c r="N991304" s="10"/>
    </row>
    <row r="991305" spans="14:14">
      <c r="N991305" s="10"/>
    </row>
    <row r="991306" spans="14:14">
      <c r="N991306" s="10"/>
    </row>
    <row r="991307" spans="14:14">
      <c r="N991307" s="10"/>
    </row>
    <row r="991308" spans="14:14">
      <c r="N991308" s="10"/>
    </row>
    <row r="991309" spans="14:14">
      <c r="N991309" s="10"/>
    </row>
    <row r="991310" spans="14:14">
      <c r="N991310" s="10"/>
    </row>
    <row r="991311" spans="14:14">
      <c r="N991311" s="10"/>
    </row>
    <row r="991312" spans="14:14">
      <c r="N991312" s="10"/>
    </row>
    <row r="991313" spans="14:14">
      <c r="N991313" s="10"/>
    </row>
    <row r="991314" spans="14:14">
      <c r="N991314" s="10"/>
    </row>
    <row r="991315" spans="14:14">
      <c r="N991315" s="10"/>
    </row>
    <row r="991316" spans="14:14">
      <c r="N991316" s="10"/>
    </row>
    <row r="991317" spans="14:14">
      <c r="N991317" s="10"/>
    </row>
    <row r="991318" spans="14:14">
      <c r="N991318" s="10"/>
    </row>
    <row r="991319" spans="14:14">
      <c r="N991319" s="10"/>
    </row>
    <row r="991320" spans="14:14">
      <c r="N991320" s="10"/>
    </row>
    <row r="991321" spans="14:14">
      <c r="N991321" s="10"/>
    </row>
    <row r="991322" spans="14:14">
      <c r="N991322" s="10"/>
    </row>
    <row r="991323" spans="14:14">
      <c r="N991323" s="10"/>
    </row>
    <row r="991324" spans="14:14">
      <c r="N991324" s="10"/>
    </row>
    <row r="991325" spans="14:14">
      <c r="N991325" s="10"/>
    </row>
    <row r="991326" spans="14:14">
      <c r="N991326" s="10"/>
    </row>
    <row r="991327" spans="14:14">
      <c r="N991327" s="10"/>
    </row>
    <row r="991328" spans="14:14">
      <c r="N991328" s="10"/>
    </row>
    <row r="991329" spans="14:14">
      <c r="N991329" s="10"/>
    </row>
    <row r="991330" spans="14:14">
      <c r="N991330" s="10"/>
    </row>
    <row r="991331" spans="14:14">
      <c r="N991331" s="10"/>
    </row>
    <row r="991332" spans="14:14">
      <c r="N991332" s="10"/>
    </row>
    <row r="991333" spans="14:14">
      <c r="N991333" s="10"/>
    </row>
    <row r="991334" spans="14:14">
      <c r="N991334" s="10"/>
    </row>
    <row r="991335" spans="14:14">
      <c r="N991335" s="10"/>
    </row>
    <row r="991336" spans="14:14">
      <c r="N991336" s="10"/>
    </row>
    <row r="991337" spans="14:14">
      <c r="N991337" s="10"/>
    </row>
    <row r="991338" spans="14:14">
      <c r="N991338" s="10"/>
    </row>
    <row r="991339" spans="14:14">
      <c r="N991339" s="10"/>
    </row>
    <row r="991340" spans="14:14">
      <c r="N991340" s="10"/>
    </row>
    <row r="991341" spans="14:14">
      <c r="N991341" s="10"/>
    </row>
    <row r="991342" spans="14:14">
      <c r="N991342" s="10"/>
    </row>
    <row r="991343" spans="14:14">
      <c r="N991343" s="10"/>
    </row>
    <row r="991344" spans="14:14">
      <c r="N991344" s="10"/>
    </row>
    <row r="991345" spans="14:14">
      <c r="N991345" s="10"/>
    </row>
    <row r="991346" spans="14:14">
      <c r="N991346" s="10"/>
    </row>
    <row r="991347" spans="14:14">
      <c r="N991347" s="10"/>
    </row>
    <row r="991348" spans="14:14">
      <c r="N991348" s="10"/>
    </row>
    <row r="991349" spans="14:14">
      <c r="N991349" s="10"/>
    </row>
    <row r="991350" spans="14:14">
      <c r="N991350" s="10"/>
    </row>
    <row r="991351" spans="14:14">
      <c r="N991351" s="10"/>
    </row>
    <row r="991352" spans="14:14">
      <c r="N991352" s="10"/>
    </row>
    <row r="991353" spans="14:14">
      <c r="N991353" s="10"/>
    </row>
    <row r="991354" spans="14:14">
      <c r="N991354" s="10"/>
    </row>
    <row r="991355" spans="14:14">
      <c r="N991355" s="10"/>
    </row>
    <row r="991356" spans="14:14">
      <c r="N991356" s="10"/>
    </row>
    <row r="991357" spans="14:14">
      <c r="N991357" s="10"/>
    </row>
    <row r="991358" spans="14:14">
      <c r="N991358" s="10"/>
    </row>
    <row r="991359" spans="14:14">
      <c r="N991359" s="10"/>
    </row>
    <row r="991360" spans="14:14">
      <c r="N991360" s="10"/>
    </row>
    <row r="991361" spans="14:14">
      <c r="N991361" s="10"/>
    </row>
    <row r="991362" spans="14:14">
      <c r="N991362" s="10"/>
    </row>
    <row r="991363" spans="14:14">
      <c r="N991363" s="10"/>
    </row>
    <row r="991364" spans="14:14">
      <c r="N991364" s="10"/>
    </row>
    <row r="991365" spans="14:14">
      <c r="N991365" s="10"/>
    </row>
    <row r="991366" spans="14:14">
      <c r="N991366" s="10"/>
    </row>
    <row r="991367" spans="14:14">
      <c r="N991367" s="10"/>
    </row>
    <row r="991368" spans="14:14">
      <c r="N991368" s="10"/>
    </row>
    <row r="991369" spans="14:14">
      <c r="N991369" s="10"/>
    </row>
    <row r="991370" spans="14:14">
      <c r="N991370" s="10"/>
    </row>
    <row r="991371" spans="14:14">
      <c r="N991371" s="10"/>
    </row>
    <row r="991372" spans="14:14">
      <c r="N991372" s="10"/>
    </row>
    <row r="991373" spans="14:14">
      <c r="N991373" s="10"/>
    </row>
    <row r="991374" spans="14:14">
      <c r="N991374" s="10"/>
    </row>
    <row r="991375" spans="14:14">
      <c r="N991375" s="10"/>
    </row>
    <row r="991376" spans="14:14">
      <c r="N991376" s="10"/>
    </row>
    <row r="991377" spans="14:14">
      <c r="N991377" s="10"/>
    </row>
    <row r="991378" spans="14:14">
      <c r="N991378" s="10"/>
    </row>
    <row r="991379" spans="14:14">
      <c r="N991379" s="10"/>
    </row>
    <row r="991380" spans="14:14">
      <c r="N991380" s="10"/>
    </row>
    <row r="991381" spans="14:14">
      <c r="N991381" s="10"/>
    </row>
    <row r="991382" spans="14:14">
      <c r="N991382" s="10"/>
    </row>
    <row r="991383" spans="14:14">
      <c r="N991383" s="10"/>
    </row>
    <row r="991384" spans="14:14">
      <c r="N991384" s="10"/>
    </row>
    <row r="991385" spans="14:14">
      <c r="N991385" s="10"/>
    </row>
    <row r="991386" spans="14:14">
      <c r="N991386" s="10"/>
    </row>
    <row r="991387" spans="14:14">
      <c r="N991387" s="10"/>
    </row>
    <row r="991388" spans="14:14">
      <c r="N991388" s="10"/>
    </row>
    <row r="991389" spans="14:14">
      <c r="N991389" s="10"/>
    </row>
    <row r="991390" spans="14:14">
      <c r="N991390" s="10"/>
    </row>
    <row r="991391" spans="14:14">
      <c r="N991391" s="10"/>
    </row>
    <row r="991392" spans="14:14">
      <c r="N991392" s="10"/>
    </row>
    <row r="991393" spans="14:14">
      <c r="N991393" s="10"/>
    </row>
    <row r="991394" spans="14:14">
      <c r="N991394" s="10"/>
    </row>
    <row r="991395" spans="14:14">
      <c r="N991395" s="10"/>
    </row>
    <row r="991396" spans="14:14">
      <c r="N991396" s="10"/>
    </row>
    <row r="991397" spans="14:14">
      <c r="N991397" s="10"/>
    </row>
    <row r="991398" spans="14:14">
      <c r="N991398" s="10"/>
    </row>
    <row r="991399" spans="14:14">
      <c r="N991399" s="10"/>
    </row>
    <row r="991400" spans="14:14">
      <c r="N991400" s="10"/>
    </row>
    <row r="991401" spans="14:14">
      <c r="N991401" s="10"/>
    </row>
    <row r="991402" spans="14:14">
      <c r="N991402" s="10"/>
    </row>
    <row r="991403" spans="14:14">
      <c r="N991403" s="10"/>
    </row>
    <row r="991404" spans="14:14">
      <c r="N991404" s="10"/>
    </row>
    <row r="991405" spans="14:14">
      <c r="N991405" s="10"/>
    </row>
    <row r="991406" spans="14:14">
      <c r="N991406" s="10"/>
    </row>
    <row r="991407" spans="14:14">
      <c r="N991407" s="10"/>
    </row>
    <row r="991408" spans="14:14">
      <c r="N991408" s="10"/>
    </row>
    <row r="991409" spans="14:14">
      <c r="N991409" s="10"/>
    </row>
    <row r="991410" spans="14:14">
      <c r="N991410" s="10"/>
    </row>
    <row r="991411" spans="14:14">
      <c r="N991411" s="10"/>
    </row>
    <row r="991412" spans="14:14">
      <c r="N991412" s="10"/>
    </row>
    <row r="991413" spans="14:14">
      <c r="N991413" s="10"/>
    </row>
    <row r="991414" spans="14:14">
      <c r="N991414" s="10"/>
    </row>
    <row r="991415" spans="14:14">
      <c r="N991415" s="10"/>
    </row>
    <row r="991416" spans="14:14">
      <c r="N991416" s="10"/>
    </row>
    <row r="991417" spans="14:14">
      <c r="N991417" s="10"/>
    </row>
    <row r="991418" spans="14:14">
      <c r="N991418" s="10"/>
    </row>
    <row r="991419" spans="14:14">
      <c r="N991419" s="10"/>
    </row>
    <row r="991420" spans="14:14">
      <c r="N991420" s="10"/>
    </row>
    <row r="991421" spans="14:14">
      <c r="N991421" s="10"/>
    </row>
    <row r="991422" spans="14:14">
      <c r="N991422" s="10"/>
    </row>
    <row r="991423" spans="14:14">
      <c r="N991423" s="10"/>
    </row>
    <row r="991424" spans="14:14">
      <c r="N991424" s="10"/>
    </row>
    <row r="991425" spans="14:14">
      <c r="N991425" s="10"/>
    </row>
    <row r="991426" spans="14:14">
      <c r="N991426" s="10"/>
    </row>
    <row r="991427" spans="14:14">
      <c r="N991427" s="10"/>
    </row>
    <row r="991428" spans="14:14">
      <c r="N991428" s="10"/>
    </row>
    <row r="991429" spans="14:14">
      <c r="N991429" s="10"/>
    </row>
    <row r="991430" spans="14:14">
      <c r="N991430" s="10"/>
    </row>
    <row r="991431" spans="14:14">
      <c r="N991431" s="10"/>
    </row>
    <row r="991432" spans="14:14">
      <c r="N991432" s="10"/>
    </row>
    <row r="991433" spans="14:14">
      <c r="N991433" s="10"/>
    </row>
    <row r="991434" spans="14:14">
      <c r="N991434" s="10"/>
    </row>
    <row r="991435" spans="14:14">
      <c r="N991435" s="10"/>
    </row>
    <row r="991436" spans="14:14">
      <c r="N991436" s="10"/>
    </row>
    <row r="991437" spans="14:14">
      <c r="N991437" s="10"/>
    </row>
    <row r="991438" spans="14:14">
      <c r="N991438" s="10"/>
    </row>
    <row r="991439" spans="14:14">
      <c r="N991439" s="10"/>
    </row>
    <row r="991440" spans="14:14">
      <c r="N991440" s="10"/>
    </row>
    <row r="991441" spans="14:14">
      <c r="N991441" s="10"/>
    </row>
    <row r="991442" spans="14:14">
      <c r="N991442" s="10"/>
    </row>
    <row r="991443" spans="14:14">
      <c r="N991443" s="10"/>
    </row>
    <row r="991444" spans="14:14">
      <c r="N991444" s="10"/>
    </row>
    <row r="991445" spans="14:14">
      <c r="N991445" s="10"/>
    </row>
    <row r="991446" spans="14:14">
      <c r="N991446" s="10"/>
    </row>
    <row r="991447" spans="14:14">
      <c r="N991447" s="10"/>
    </row>
    <row r="991448" spans="14:14">
      <c r="N991448" s="10"/>
    </row>
    <row r="991449" spans="14:14">
      <c r="N991449" s="10"/>
    </row>
    <row r="991450" spans="14:14">
      <c r="N991450" s="10"/>
    </row>
    <row r="991451" spans="14:14">
      <c r="N991451" s="10"/>
    </row>
    <row r="991452" spans="14:14">
      <c r="N991452" s="10"/>
    </row>
    <row r="991453" spans="14:14">
      <c r="N991453" s="10"/>
    </row>
    <row r="991454" spans="14:14">
      <c r="N991454" s="10"/>
    </row>
    <row r="991455" spans="14:14">
      <c r="N991455" s="10"/>
    </row>
    <row r="991456" spans="14:14">
      <c r="N991456" s="10"/>
    </row>
    <row r="991457" spans="14:14">
      <c r="N991457" s="10"/>
    </row>
    <row r="991458" spans="14:14">
      <c r="N991458" s="10"/>
    </row>
    <row r="991459" spans="14:14">
      <c r="N991459" s="10"/>
    </row>
    <row r="991460" spans="14:14">
      <c r="N991460" s="10"/>
    </row>
    <row r="991461" spans="14:14">
      <c r="N991461" s="10"/>
    </row>
    <row r="991462" spans="14:14">
      <c r="N991462" s="10"/>
    </row>
    <row r="991463" spans="14:14">
      <c r="N991463" s="10"/>
    </row>
    <row r="991464" spans="14:14">
      <c r="N991464" s="10"/>
    </row>
    <row r="991465" spans="14:14">
      <c r="N991465" s="10"/>
    </row>
    <row r="991466" spans="14:14">
      <c r="N991466" s="10"/>
    </row>
    <row r="991467" spans="14:14">
      <c r="N991467" s="10"/>
    </row>
    <row r="991468" spans="14:14">
      <c r="N991468" s="10"/>
    </row>
    <row r="991469" spans="14:14">
      <c r="N991469" s="10"/>
    </row>
    <row r="991470" spans="14:14">
      <c r="N991470" s="10"/>
    </row>
    <row r="991471" spans="14:14">
      <c r="N991471" s="10"/>
    </row>
    <row r="991472" spans="14:14">
      <c r="N991472" s="10"/>
    </row>
    <row r="991473" spans="14:14">
      <c r="N991473" s="10"/>
    </row>
    <row r="991474" spans="14:14">
      <c r="N991474" s="10"/>
    </row>
    <row r="991475" spans="14:14">
      <c r="N991475" s="10"/>
    </row>
    <row r="991476" spans="14:14">
      <c r="N991476" s="10"/>
    </row>
    <row r="991477" spans="14:14">
      <c r="N991477" s="10"/>
    </row>
    <row r="991478" spans="14:14">
      <c r="N991478" s="10"/>
    </row>
    <row r="991479" spans="14:14">
      <c r="N991479" s="10"/>
    </row>
    <row r="991480" spans="14:14">
      <c r="N991480" s="10"/>
    </row>
    <row r="991481" spans="14:14">
      <c r="N991481" s="10"/>
    </row>
    <row r="991482" spans="14:14">
      <c r="N991482" s="10"/>
    </row>
    <row r="991483" spans="14:14">
      <c r="N991483" s="10"/>
    </row>
    <row r="991484" spans="14:14">
      <c r="N991484" s="10"/>
    </row>
    <row r="991485" spans="14:14">
      <c r="N991485" s="10"/>
    </row>
    <row r="991486" spans="14:14">
      <c r="N991486" s="10"/>
    </row>
    <row r="991487" spans="14:14">
      <c r="N991487" s="10"/>
    </row>
    <row r="991488" spans="14:14">
      <c r="N991488" s="10"/>
    </row>
    <row r="991489" spans="14:14">
      <c r="N991489" s="10"/>
    </row>
    <row r="991490" spans="14:14">
      <c r="N991490" s="10"/>
    </row>
    <row r="991491" spans="14:14">
      <c r="N991491" s="10"/>
    </row>
    <row r="991492" spans="14:14">
      <c r="N991492" s="10"/>
    </row>
    <row r="991493" spans="14:14">
      <c r="N991493" s="10"/>
    </row>
    <row r="991494" spans="14:14">
      <c r="N991494" s="10"/>
    </row>
    <row r="991495" spans="14:14">
      <c r="N991495" s="10"/>
    </row>
    <row r="991496" spans="14:14">
      <c r="N991496" s="10"/>
    </row>
    <row r="991497" spans="14:14">
      <c r="N991497" s="10"/>
    </row>
    <row r="991498" spans="14:14">
      <c r="N991498" s="10"/>
    </row>
    <row r="991499" spans="14:14">
      <c r="N991499" s="10"/>
    </row>
    <row r="991500" spans="14:14">
      <c r="N991500" s="10"/>
    </row>
    <row r="991501" spans="14:14">
      <c r="N991501" s="10"/>
    </row>
    <row r="991502" spans="14:14">
      <c r="N991502" s="10"/>
    </row>
    <row r="991503" spans="14:14">
      <c r="N991503" s="10"/>
    </row>
    <row r="991504" spans="14:14">
      <c r="N991504" s="10"/>
    </row>
    <row r="991505" spans="14:14">
      <c r="N991505" s="10"/>
    </row>
    <row r="991506" spans="14:14">
      <c r="N991506" s="10"/>
    </row>
    <row r="991507" spans="14:14">
      <c r="N991507" s="10"/>
    </row>
    <row r="991508" spans="14:14">
      <c r="N991508" s="10"/>
    </row>
    <row r="991509" spans="14:14">
      <c r="N991509" s="10"/>
    </row>
    <row r="991510" spans="14:14">
      <c r="N991510" s="10"/>
    </row>
    <row r="991511" spans="14:14">
      <c r="N991511" s="10"/>
    </row>
    <row r="991512" spans="14:14">
      <c r="N991512" s="10"/>
    </row>
    <row r="991513" spans="14:14">
      <c r="N991513" s="10"/>
    </row>
    <row r="991514" spans="14:14">
      <c r="N991514" s="10"/>
    </row>
    <row r="991515" spans="14:14">
      <c r="N991515" s="10"/>
    </row>
    <row r="991516" spans="14:14">
      <c r="N991516" s="10"/>
    </row>
    <row r="991517" spans="14:14">
      <c r="N991517" s="10"/>
    </row>
    <row r="991518" spans="14:14">
      <c r="N991518" s="10"/>
    </row>
    <row r="991519" spans="14:14">
      <c r="N991519" s="10"/>
    </row>
    <row r="991520" spans="14:14">
      <c r="N991520" s="10"/>
    </row>
    <row r="991521" spans="14:14">
      <c r="N991521" s="10"/>
    </row>
    <row r="991522" spans="14:14">
      <c r="N991522" s="10"/>
    </row>
    <row r="991523" spans="14:14">
      <c r="N991523" s="10"/>
    </row>
    <row r="991524" spans="14:14">
      <c r="N991524" s="10"/>
    </row>
    <row r="991525" spans="14:14">
      <c r="N991525" s="10"/>
    </row>
    <row r="991526" spans="14:14">
      <c r="N991526" s="10"/>
    </row>
    <row r="991527" spans="14:14">
      <c r="N991527" s="10"/>
    </row>
    <row r="991528" spans="14:14">
      <c r="N991528" s="10"/>
    </row>
    <row r="991529" spans="14:14">
      <c r="N991529" s="10"/>
    </row>
    <row r="991530" spans="14:14">
      <c r="N991530" s="10"/>
    </row>
    <row r="991531" spans="14:14">
      <c r="N991531" s="10"/>
    </row>
    <row r="991532" spans="14:14">
      <c r="N991532" s="10"/>
    </row>
    <row r="991533" spans="14:14">
      <c r="N991533" s="10"/>
    </row>
    <row r="991534" spans="14:14">
      <c r="N991534" s="10"/>
    </row>
    <row r="991535" spans="14:14">
      <c r="N991535" s="10"/>
    </row>
    <row r="991536" spans="14:14">
      <c r="N991536" s="10"/>
    </row>
    <row r="991537" spans="14:14">
      <c r="N991537" s="10"/>
    </row>
    <row r="991538" spans="14:14">
      <c r="N991538" s="10"/>
    </row>
    <row r="991539" spans="14:14">
      <c r="N991539" s="10"/>
    </row>
    <row r="991540" spans="14:14">
      <c r="N991540" s="10"/>
    </row>
    <row r="991541" spans="14:14">
      <c r="N991541" s="10"/>
    </row>
    <row r="991542" spans="14:14">
      <c r="N991542" s="10"/>
    </row>
    <row r="991543" spans="14:14">
      <c r="N991543" s="10"/>
    </row>
    <row r="991544" spans="14:14">
      <c r="N991544" s="10"/>
    </row>
    <row r="991545" spans="14:14">
      <c r="N991545" s="10"/>
    </row>
    <row r="991546" spans="14:14">
      <c r="N991546" s="10"/>
    </row>
    <row r="991547" spans="14:14">
      <c r="N991547" s="10"/>
    </row>
    <row r="991548" spans="14:14">
      <c r="N991548" s="10"/>
    </row>
    <row r="991549" spans="14:14">
      <c r="N991549" s="10"/>
    </row>
    <row r="991550" spans="14:14">
      <c r="N991550" s="10"/>
    </row>
    <row r="991551" spans="14:14">
      <c r="N991551" s="10"/>
    </row>
    <row r="991552" spans="14:14">
      <c r="N991552" s="10"/>
    </row>
    <row r="991553" spans="14:14">
      <c r="N991553" s="10"/>
    </row>
    <row r="991554" spans="14:14">
      <c r="N991554" s="10"/>
    </row>
    <row r="991555" spans="14:14">
      <c r="N991555" s="10"/>
    </row>
    <row r="991556" spans="14:14">
      <c r="N991556" s="10"/>
    </row>
    <row r="991557" spans="14:14">
      <c r="N991557" s="10"/>
    </row>
    <row r="991558" spans="14:14">
      <c r="N991558" s="10"/>
    </row>
    <row r="991559" spans="14:14">
      <c r="N991559" s="10"/>
    </row>
    <row r="991560" spans="14:14">
      <c r="N991560" s="10"/>
    </row>
    <row r="991561" spans="14:14">
      <c r="N991561" s="10"/>
    </row>
    <row r="991562" spans="14:14">
      <c r="N991562" s="10"/>
    </row>
    <row r="991563" spans="14:14">
      <c r="N991563" s="10"/>
    </row>
    <row r="991564" spans="14:14">
      <c r="N991564" s="10"/>
    </row>
    <row r="991565" spans="14:14">
      <c r="N991565" s="10"/>
    </row>
    <row r="991566" spans="14:14">
      <c r="N991566" s="10"/>
    </row>
    <row r="991567" spans="14:14">
      <c r="N991567" s="10"/>
    </row>
    <row r="991568" spans="14:14">
      <c r="N991568" s="10"/>
    </row>
    <row r="991569" spans="14:14">
      <c r="N991569" s="10"/>
    </row>
    <row r="991570" spans="14:14">
      <c r="N991570" s="10"/>
    </row>
    <row r="991571" spans="14:14">
      <c r="N991571" s="10"/>
    </row>
    <row r="991572" spans="14:14">
      <c r="N991572" s="10"/>
    </row>
    <row r="991573" spans="14:14">
      <c r="N991573" s="10"/>
    </row>
    <row r="991574" spans="14:14">
      <c r="N991574" s="10"/>
    </row>
    <row r="991575" spans="14:14">
      <c r="N991575" s="10"/>
    </row>
    <row r="991576" spans="14:14">
      <c r="N991576" s="10"/>
    </row>
    <row r="991577" spans="14:14">
      <c r="N991577" s="10"/>
    </row>
    <row r="991578" spans="14:14">
      <c r="N991578" s="10"/>
    </row>
    <row r="991579" spans="14:14">
      <c r="N991579" s="10"/>
    </row>
    <row r="991580" spans="14:14">
      <c r="N991580" s="10"/>
    </row>
    <row r="991581" spans="14:14">
      <c r="N991581" s="10"/>
    </row>
    <row r="991582" spans="14:14">
      <c r="N991582" s="10"/>
    </row>
    <row r="991583" spans="14:14">
      <c r="N991583" s="10"/>
    </row>
    <row r="991584" spans="14:14">
      <c r="N991584" s="10"/>
    </row>
    <row r="991585" spans="14:14">
      <c r="N991585" s="10"/>
    </row>
    <row r="991586" spans="14:14">
      <c r="N991586" s="10"/>
    </row>
    <row r="991587" spans="14:14">
      <c r="N991587" s="10"/>
    </row>
    <row r="991588" spans="14:14">
      <c r="N991588" s="10"/>
    </row>
    <row r="991589" spans="14:14">
      <c r="N991589" s="10"/>
    </row>
    <row r="991590" spans="14:14">
      <c r="N991590" s="10"/>
    </row>
    <row r="991591" spans="14:14">
      <c r="N991591" s="10"/>
    </row>
    <row r="991592" spans="14:14">
      <c r="N991592" s="10"/>
    </row>
    <row r="991593" spans="14:14">
      <c r="N991593" s="10"/>
    </row>
    <row r="991594" spans="14:14">
      <c r="N991594" s="10"/>
    </row>
    <row r="991595" spans="14:14">
      <c r="N991595" s="10"/>
    </row>
    <row r="991596" spans="14:14">
      <c r="N991596" s="10"/>
    </row>
    <row r="991597" spans="14:14">
      <c r="N991597" s="10"/>
    </row>
    <row r="991598" spans="14:14">
      <c r="N991598" s="10"/>
    </row>
    <row r="991599" spans="14:14">
      <c r="N991599" s="10"/>
    </row>
    <row r="991600" spans="14:14">
      <c r="N991600" s="10"/>
    </row>
    <row r="991601" spans="14:14">
      <c r="N991601" s="10"/>
    </row>
    <row r="991602" spans="14:14">
      <c r="N991602" s="10"/>
    </row>
    <row r="991603" spans="14:14">
      <c r="N991603" s="10"/>
    </row>
    <row r="991604" spans="14:14">
      <c r="N991604" s="10"/>
    </row>
    <row r="991605" spans="14:14">
      <c r="N991605" s="10"/>
    </row>
    <row r="991606" spans="14:14">
      <c r="N991606" s="10"/>
    </row>
    <row r="991607" spans="14:14">
      <c r="N991607" s="10"/>
    </row>
    <row r="991608" spans="14:14">
      <c r="N991608" s="10"/>
    </row>
    <row r="991609" spans="14:14">
      <c r="N991609" s="10"/>
    </row>
    <row r="991610" spans="14:14">
      <c r="N991610" s="10"/>
    </row>
    <row r="991611" spans="14:14">
      <c r="N991611" s="10"/>
    </row>
    <row r="991612" spans="14:14">
      <c r="N991612" s="10"/>
    </row>
    <row r="991613" spans="14:14">
      <c r="N991613" s="10"/>
    </row>
    <row r="991614" spans="14:14">
      <c r="N991614" s="10"/>
    </row>
    <row r="991615" spans="14:14">
      <c r="N991615" s="10"/>
    </row>
    <row r="991616" spans="14:14">
      <c r="N991616" s="10"/>
    </row>
    <row r="991617" spans="14:14">
      <c r="N991617" s="10"/>
    </row>
    <row r="991618" spans="14:14">
      <c r="N991618" s="10"/>
    </row>
    <row r="991619" spans="14:14">
      <c r="N991619" s="10"/>
    </row>
    <row r="991620" spans="14:14">
      <c r="N991620" s="10"/>
    </row>
    <row r="991621" spans="14:14">
      <c r="N991621" s="10"/>
    </row>
    <row r="991622" spans="14:14">
      <c r="N991622" s="10"/>
    </row>
    <row r="991623" spans="14:14">
      <c r="N991623" s="10"/>
    </row>
    <row r="991624" spans="14:14">
      <c r="N991624" s="10"/>
    </row>
    <row r="991625" spans="14:14">
      <c r="N991625" s="10"/>
    </row>
    <row r="991626" spans="14:14">
      <c r="N991626" s="10"/>
    </row>
    <row r="991627" spans="14:14">
      <c r="N991627" s="10"/>
    </row>
    <row r="991628" spans="14:14">
      <c r="N991628" s="10"/>
    </row>
    <row r="991629" spans="14:14">
      <c r="N991629" s="10"/>
    </row>
    <row r="991630" spans="14:14">
      <c r="N991630" s="10"/>
    </row>
    <row r="991631" spans="14:14">
      <c r="N991631" s="10"/>
    </row>
    <row r="991632" spans="14:14">
      <c r="N991632" s="10"/>
    </row>
    <row r="991633" spans="14:14">
      <c r="N991633" s="10"/>
    </row>
    <row r="991634" spans="14:14">
      <c r="N991634" s="10"/>
    </row>
    <row r="991635" spans="14:14">
      <c r="N991635" s="10"/>
    </row>
    <row r="991636" spans="14:14">
      <c r="N991636" s="10"/>
    </row>
    <row r="991637" spans="14:14">
      <c r="N991637" s="10"/>
    </row>
    <row r="991638" spans="14:14">
      <c r="N991638" s="10"/>
    </row>
    <row r="991639" spans="14:14">
      <c r="N991639" s="10"/>
    </row>
    <row r="991640" spans="14:14">
      <c r="N991640" s="10"/>
    </row>
    <row r="991641" spans="14:14">
      <c r="N991641" s="10"/>
    </row>
    <row r="991642" spans="14:14">
      <c r="N991642" s="10"/>
    </row>
    <row r="991643" spans="14:14">
      <c r="N991643" s="10"/>
    </row>
    <row r="991644" spans="14:14">
      <c r="N991644" s="10"/>
    </row>
    <row r="991645" spans="14:14">
      <c r="N991645" s="10"/>
    </row>
    <row r="991646" spans="14:14">
      <c r="N991646" s="10"/>
    </row>
    <row r="991647" spans="14:14">
      <c r="N991647" s="10"/>
    </row>
    <row r="991648" spans="14:14">
      <c r="N991648" s="10"/>
    </row>
    <row r="991649" spans="14:14">
      <c r="N991649" s="10"/>
    </row>
    <row r="991650" spans="14:14">
      <c r="N991650" s="10"/>
    </row>
    <row r="991651" spans="14:14">
      <c r="N991651" s="10"/>
    </row>
    <row r="991652" spans="14:14">
      <c r="N991652" s="10"/>
    </row>
    <row r="991653" spans="14:14">
      <c r="N991653" s="10"/>
    </row>
    <row r="991654" spans="14:14">
      <c r="N991654" s="10"/>
    </row>
    <row r="991655" spans="14:14">
      <c r="N991655" s="10"/>
    </row>
    <row r="991656" spans="14:14">
      <c r="N991656" s="10"/>
    </row>
    <row r="991657" spans="14:14">
      <c r="N991657" s="10"/>
    </row>
    <row r="991658" spans="14:14">
      <c r="N991658" s="10"/>
    </row>
    <row r="991659" spans="14:14">
      <c r="N991659" s="10"/>
    </row>
    <row r="991660" spans="14:14">
      <c r="N991660" s="10"/>
    </row>
    <row r="991661" spans="14:14">
      <c r="N991661" s="10"/>
    </row>
    <row r="991662" spans="14:14">
      <c r="N991662" s="10"/>
    </row>
    <row r="991663" spans="14:14">
      <c r="N991663" s="10"/>
    </row>
    <row r="991664" spans="14:14">
      <c r="N991664" s="10"/>
    </row>
    <row r="991665" spans="14:14">
      <c r="N991665" s="10"/>
    </row>
    <row r="991666" spans="14:14">
      <c r="N991666" s="10"/>
    </row>
    <row r="991667" spans="14:14">
      <c r="N991667" s="10"/>
    </row>
    <row r="991668" spans="14:14">
      <c r="N991668" s="10"/>
    </row>
    <row r="991669" spans="14:14">
      <c r="N991669" s="10"/>
    </row>
    <row r="991670" spans="14:14">
      <c r="N991670" s="10"/>
    </row>
    <row r="991671" spans="14:14">
      <c r="N991671" s="10"/>
    </row>
    <row r="991672" spans="14:14">
      <c r="N991672" s="10"/>
    </row>
    <row r="991673" spans="14:14">
      <c r="N991673" s="10"/>
    </row>
    <row r="991674" spans="14:14">
      <c r="N991674" s="10"/>
    </row>
    <row r="991675" spans="14:14">
      <c r="N991675" s="10"/>
    </row>
    <row r="991676" spans="14:14">
      <c r="N991676" s="10"/>
    </row>
    <row r="991677" spans="14:14">
      <c r="N991677" s="10"/>
    </row>
    <row r="991678" spans="14:14">
      <c r="N991678" s="10"/>
    </row>
    <row r="991679" spans="14:14">
      <c r="N991679" s="10"/>
    </row>
    <row r="991680" spans="14:14">
      <c r="N991680" s="10"/>
    </row>
    <row r="991681" spans="14:14">
      <c r="N991681" s="10"/>
    </row>
    <row r="991682" spans="14:14">
      <c r="N991682" s="10"/>
    </row>
    <row r="991683" spans="14:14">
      <c r="N991683" s="10"/>
    </row>
    <row r="991684" spans="14:14">
      <c r="N991684" s="10"/>
    </row>
    <row r="991685" spans="14:14">
      <c r="N991685" s="10"/>
    </row>
    <row r="991686" spans="14:14">
      <c r="N991686" s="10"/>
    </row>
    <row r="991687" spans="14:14">
      <c r="N991687" s="10"/>
    </row>
    <row r="991688" spans="14:14">
      <c r="N991688" s="10"/>
    </row>
    <row r="991689" spans="14:14">
      <c r="N991689" s="10"/>
    </row>
    <row r="991690" spans="14:14">
      <c r="N991690" s="10"/>
    </row>
    <row r="991691" spans="14:14">
      <c r="N991691" s="10"/>
    </row>
    <row r="991692" spans="14:14">
      <c r="N991692" s="10"/>
    </row>
    <row r="991693" spans="14:14">
      <c r="N991693" s="10"/>
    </row>
    <row r="991694" spans="14:14">
      <c r="N991694" s="10"/>
    </row>
    <row r="991695" spans="14:14">
      <c r="N991695" s="10"/>
    </row>
    <row r="991696" spans="14:14">
      <c r="N991696" s="10"/>
    </row>
    <row r="991697" spans="14:14">
      <c r="N991697" s="10"/>
    </row>
    <row r="991698" spans="14:14">
      <c r="N991698" s="10"/>
    </row>
    <row r="991699" spans="14:14">
      <c r="N991699" s="10"/>
    </row>
    <row r="991700" spans="14:14">
      <c r="N991700" s="10"/>
    </row>
    <row r="991701" spans="14:14">
      <c r="N991701" s="10"/>
    </row>
    <row r="991702" spans="14:14">
      <c r="N991702" s="10"/>
    </row>
    <row r="991703" spans="14:14">
      <c r="N991703" s="10"/>
    </row>
    <row r="991704" spans="14:14">
      <c r="N991704" s="10"/>
    </row>
    <row r="991705" spans="14:14">
      <c r="N991705" s="10"/>
    </row>
    <row r="991706" spans="14:14">
      <c r="N991706" s="10"/>
    </row>
    <row r="991707" spans="14:14">
      <c r="N991707" s="10"/>
    </row>
    <row r="991708" spans="14:14">
      <c r="N991708" s="10"/>
    </row>
    <row r="991709" spans="14:14">
      <c r="N991709" s="10"/>
    </row>
    <row r="991710" spans="14:14">
      <c r="N991710" s="10"/>
    </row>
    <row r="991711" spans="14:14">
      <c r="N991711" s="10"/>
    </row>
    <row r="991712" spans="14:14">
      <c r="N991712" s="10"/>
    </row>
    <row r="991713" spans="14:14">
      <c r="N991713" s="10"/>
    </row>
    <row r="991714" spans="14:14">
      <c r="N991714" s="10"/>
    </row>
    <row r="991715" spans="14:14">
      <c r="N991715" s="10"/>
    </row>
    <row r="991716" spans="14:14">
      <c r="N991716" s="10"/>
    </row>
    <row r="991717" spans="14:14">
      <c r="N991717" s="10"/>
    </row>
    <row r="991718" spans="14:14">
      <c r="N991718" s="10"/>
    </row>
    <row r="991719" spans="14:14">
      <c r="N991719" s="10"/>
    </row>
    <row r="991720" spans="14:14">
      <c r="N991720" s="10"/>
    </row>
    <row r="991721" spans="14:14">
      <c r="N991721" s="10"/>
    </row>
    <row r="991722" spans="14:14">
      <c r="N991722" s="10"/>
    </row>
    <row r="991723" spans="14:14">
      <c r="N991723" s="10"/>
    </row>
    <row r="991724" spans="14:14">
      <c r="N991724" s="10"/>
    </row>
    <row r="991725" spans="14:14">
      <c r="N991725" s="10"/>
    </row>
    <row r="991726" spans="14:14">
      <c r="N991726" s="10"/>
    </row>
    <row r="991727" spans="14:14">
      <c r="N991727" s="10"/>
    </row>
    <row r="991728" spans="14:14">
      <c r="N991728" s="10"/>
    </row>
    <row r="991729" spans="14:14">
      <c r="N991729" s="10"/>
    </row>
    <row r="991730" spans="14:14">
      <c r="N991730" s="10"/>
    </row>
    <row r="991731" spans="14:14">
      <c r="N991731" s="10"/>
    </row>
    <row r="991732" spans="14:14">
      <c r="N991732" s="10"/>
    </row>
    <row r="991733" spans="14:14">
      <c r="N991733" s="10"/>
    </row>
    <row r="991734" spans="14:14">
      <c r="N991734" s="10"/>
    </row>
    <row r="991735" spans="14:14">
      <c r="N991735" s="10"/>
    </row>
    <row r="991736" spans="14:14">
      <c r="N991736" s="10"/>
    </row>
    <row r="991737" spans="14:14">
      <c r="N991737" s="10"/>
    </row>
    <row r="991738" spans="14:14">
      <c r="N991738" s="10"/>
    </row>
    <row r="991739" spans="14:14">
      <c r="N991739" s="10"/>
    </row>
    <row r="991740" spans="14:14">
      <c r="N991740" s="10"/>
    </row>
    <row r="991741" spans="14:14">
      <c r="N991741" s="10"/>
    </row>
    <row r="991742" spans="14:14">
      <c r="N991742" s="10"/>
    </row>
    <row r="991743" spans="14:14">
      <c r="N991743" s="10"/>
    </row>
    <row r="991744" spans="14:14">
      <c r="N991744" s="10"/>
    </row>
    <row r="991745" spans="14:14">
      <c r="N991745" s="10"/>
    </row>
    <row r="991746" spans="14:14">
      <c r="N991746" s="10"/>
    </row>
    <row r="991747" spans="14:14">
      <c r="N991747" s="10"/>
    </row>
    <row r="991748" spans="14:14">
      <c r="N991748" s="10"/>
    </row>
    <row r="991749" spans="14:14">
      <c r="N991749" s="10"/>
    </row>
    <row r="991750" spans="14:14">
      <c r="N991750" s="10"/>
    </row>
    <row r="991751" spans="14:14">
      <c r="N991751" s="10"/>
    </row>
    <row r="991752" spans="14:14">
      <c r="N991752" s="10"/>
    </row>
    <row r="991753" spans="14:14">
      <c r="N991753" s="10"/>
    </row>
    <row r="991754" spans="14:14">
      <c r="N991754" s="10"/>
    </row>
    <row r="991755" spans="14:14">
      <c r="N991755" s="10"/>
    </row>
    <row r="991756" spans="14:14">
      <c r="N991756" s="10"/>
    </row>
    <row r="991757" spans="14:14">
      <c r="N991757" s="10"/>
    </row>
    <row r="991758" spans="14:14">
      <c r="N991758" s="10"/>
    </row>
    <row r="991759" spans="14:14">
      <c r="N991759" s="10"/>
    </row>
    <row r="991760" spans="14:14">
      <c r="N991760" s="10"/>
    </row>
    <row r="991761" spans="14:14">
      <c r="N991761" s="10"/>
    </row>
    <row r="991762" spans="14:14">
      <c r="N991762" s="10"/>
    </row>
    <row r="991763" spans="14:14">
      <c r="N991763" s="10"/>
    </row>
    <row r="991764" spans="14:14">
      <c r="N991764" s="10"/>
    </row>
    <row r="991765" spans="14:14">
      <c r="N991765" s="10"/>
    </row>
    <row r="991766" spans="14:14">
      <c r="N991766" s="10"/>
    </row>
    <row r="991767" spans="14:14">
      <c r="N991767" s="10"/>
    </row>
    <row r="991768" spans="14:14">
      <c r="N991768" s="10"/>
    </row>
    <row r="991769" spans="14:14">
      <c r="N991769" s="10"/>
    </row>
    <row r="991770" spans="14:14">
      <c r="N991770" s="10"/>
    </row>
    <row r="991771" spans="14:14">
      <c r="N991771" s="10"/>
    </row>
    <row r="991772" spans="14:14">
      <c r="N991772" s="10"/>
    </row>
    <row r="991773" spans="14:14">
      <c r="N991773" s="10"/>
    </row>
    <row r="991774" spans="14:14">
      <c r="N991774" s="10"/>
    </row>
    <row r="991775" spans="14:14">
      <c r="N991775" s="10"/>
    </row>
    <row r="991776" spans="14:14">
      <c r="N991776" s="10"/>
    </row>
    <row r="991777" spans="14:14">
      <c r="N991777" s="10"/>
    </row>
    <row r="991778" spans="14:14">
      <c r="N991778" s="10"/>
    </row>
    <row r="991779" spans="14:14">
      <c r="N991779" s="10"/>
    </row>
    <row r="991780" spans="14:14">
      <c r="N991780" s="10"/>
    </row>
    <row r="991781" spans="14:14">
      <c r="N991781" s="10"/>
    </row>
    <row r="991782" spans="14:14">
      <c r="N991782" s="10"/>
    </row>
    <row r="991783" spans="14:14">
      <c r="N991783" s="10"/>
    </row>
    <row r="991784" spans="14:14">
      <c r="N991784" s="10"/>
    </row>
    <row r="991785" spans="14:14">
      <c r="N991785" s="10"/>
    </row>
    <row r="991786" spans="14:14">
      <c r="N991786" s="10"/>
    </row>
    <row r="991787" spans="14:14">
      <c r="N991787" s="10"/>
    </row>
    <row r="991788" spans="14:14">
      <c r="N991788" s="10"/>
    </row>
    <row r="991789" spans="14:14">
      <c r="N991789" s="10"/>
    </row>
    <row r="991790" spans="14:14">
      <c r="N991790" s="10"/>
    </row>
    <row r="991791" spans="14:14">
      <c r="N991791" s="10"/>
    </row>
    <row r="991792" spans="14:14">
      <c r="N991792" s="10"/>
    </row>
    <row r="991793" spans="14:14">
      <c r="N991793" s="10"/>
    </row>
    <row r="991794" spans="14:14">
      <c r="N991794" s="10"/>
    </row>
    <row r="991795" spans="14:14">
      <c r="N991795" s="10"/>
    </row>
    <row r="991796" spans="14:14">
      <c r="N991796" s="10"/>
    </row>
    <row r="991797" spans="14:14">
      <c r="N991797" s="10"/>
    </row>
    <row r="991798" spans="14:14">
      <c r="N991798" s="10"/>
    </row>
    <row r="991799" spans="14:14">
      <c r="N991799" s="10"/>
    </row>
    <row r="991800" spans="14:14">
      <c r="N991800" s="10"/>
    </row>
    <row r="991801" spans="14:14">
      <c r="N991801" s="10"/>
    </row>
    <row r="991802" spans="14:14">
      <c r="N991802" s="10"/>
    </row>
    <row r="991803" spans="14:14">
      <c r="N991803" s="10"/>
    </row>
    <row r="991804" spans="14:14">
      <c r="N991804" s="10"/>
    </row>
    <row r="991805" spans="14:14">
      <c r="N991805" s="10"/>
    </row>
    <row r="991806" spans="14:14">
      <c r="N991806" s="10"/>
    </row>
    <row r="991807" spans="14:14">
      <c r="N991807" s="10"/>
    </row>
    <row r="991808" spans="14:14">
      <c r="N991808" s="10"/>
    </row>
    <row r="991809" spans="14:14">
      <c r="N991809" s="10"/>
    </row>
    <row r="991810" spans="14:14">
      <c r="N991810" s="10"/>
    </row>
    <row r="991811" spans="14:14">
      <c r="N991811" s="10"/>
    </row>
    <row r="991812" spans="14:14">
      <c r="N991812" s="10"/>
    </row>
    <row r="991813" spans="14:14">
      <c r="N991813" s="10"/>
    </row>
    <row r="991814" spans="14:14">
      <c r="N991814" s="10"/>
    </row>
    <row r="991815" spans="14:14">
      <c r="N991815" s="10"/>
    </row>
    <row r="991816" spans="14:14">
      <c r="N991816" s="10"/>
    </row>
    <row r="991817" spans="14:14">
      <c r="N991817" s="10"/>
    </row>
    <row r="991818" spans="14:14">
      <c r="N991818" s="10"/>
    </row>
    <row r="991819" spans="14:14">
      <c r="N991819" s="10"/>
    </row>
    <row r="991820" spans="14:14">
      <c r="N991820" s="10"/>
    </row>
    <row r="991821" spans="14:14">
      <c r="N991821" s="10"/>
    </row>
    <row r="991822" spans="14:14">
      <c r="N991822" s="10"/>
    </row>
    <row r="991823" spans="14:14">
      <c r="N991823" s="10"/>
    </row>
    <row r="991824" spans="14:14">
      <c r="N991824" s="10"/>
    </row>
    <row r="991825" spans="14:14">
      <c r="N991825" s="10"/>
    </row>
    <row r="991826" spans="14:14">
      <c r="N991826" s="10"/>
    </row>
    <row r="991827" spans="14:14">
      <c r="N991827" s="10"/>
    </row>
    <row r="991828" spans="14:14">
      <c r="N991828" s="10"/>
    </row>
    <row r="991829" spans="14:14">
      <c r="N991829" s="10"/>
    </row>
    <row r="991830" spans="14:14">
      <c r="N991830" s="10"/>
    </row>
    <row r="991831" spans="14:14">
      <c r="N991831" s="10"/>
    </row>
    <row r="991832" spans="14:14">
      <c r="N991832" s="10"/>
    </row>
    <row r="991833" spans="14:14">
      <c r="N991833" s="10"/>
    </row>
    <row r="991834" spans="14:14">
      <c r="N991834" s="10"/>
    </row>
    <row r="991835" spans="14:14">
      <c r="N991835" s="10"/>
    </row>
    <row r="991836" spans="14:14">
      <c r="N991836" s="10"/>
    </row>
    <row r="991837" spans="14:14">
      <c r="N991837" s="10"/>
    </row>
    <row r="991838" spans="14:14">
      <c r="N991838" s="10"/>
    </row>
    <row r="991839" spans="14:14">
      <c r="N991839" s="10"/>
    </row>
    <row r="991840" spans="14:14">
      <c r="N991840" s="10"/>
    </row>
    <row r="991841" spans="14:14">
      <c r="N991841" s="10"/>
    </row>
    <row r="991842" spans="14:14">
      <c r="N991842" s="10"/>
    </row>
    <row r="991843" spans="14:14">
      <c r="N991843" s="10"/>
    </row>
    <row r="991844" spans="14:14">
      <c r="N991844" s="10"/>
    </row>
    <row r="991845" spans="14:14">
      <c r="N991845" s="10"/>
    </row>
    <row r="991846" spans="14:14">
      <c r="N991846" s="10"/>
    </row>
    <row r="991847" spans="14:14">
      <c r="N991847" s="10"/>
    </row>
    <row r="991848" spans="14:14">
      <c r="N991848" s="10"/>
    </row>
    <row r="991849" spans="14:14">
      <c r="N991849" s="10"/>
    </row>
    <row r="991850" spans="14:14">
      <c r="N991850" s="10"/>
    </row>
    <row r="991851" spans="14:14">
      <c r="N991851" s="10"/>
    </row>
    <row r="991852" spans="14:14">
      <c r="N991852" s="10"/>
    </row>
    <row r="991853" spans="14:14">
      <c r="N991853" s="10"/>
    </row>
    <row r="991854" spans="14:14">
      <c r="N991854" s="10"/>
    </row>
    <row r="991855" spans="14:14">
      <c r="N991855" s="10"/>
    </row>
    <row r="991856" spans="14:14">
      <c r="N991856" s="10"/>
    </row>
    <row r="991857" spans="14:14">
      <c r="N991857" s="10"/>
    </row>
    <row r="991858" spans="14:14">
      <c r="N991858" s="10"/>
    </row>
    <row r="991859" spans="14:14">
      <c r="N991859" s="10"/>
    </row>
    <row r="991860" spans="14:14">
      <c r="N991860" s="10"/>
    </row>
    <row r="991861" spans="14:14">
      <c r="N991861" s="10"/>
    </row>
    <row r="991862" spans="14:14">
      <c r="N991862" s="10"/>
    </row>
    <row r="991863" spans="14:14">
      <c r="N991863" s="10"/>
    </row>
    <row r="991864" spans="14:14">
      <c r="N991864" s="10"/>
    </row>
    <row r="991865" spans="14:14">
      <c r="N991865" s="10"/>
    </row>
    <row r="991866" spans="14:14">
      <c r="N991866" s="10"/>
    </row>
    <row r="991867" spans="14:14">
      <c r="N991867" s="10"/>
    </row>
    <row r="991868" spans="14:14">
      <c r="N991868" s="10"/>
    </row>
    <row r="991869" spans="14:14">
      <c r="N991869" s="10"/>
    </row>
    <row r="991870" spans="14:14">
      <c r="N991870" s="10"/>
    </row>
    <row r="991871" spans="14:14">
      <c r="N991871" s="10"/>
    </row>
    <row r="991872" spans="14:14">
      <c r="N991872" s="10"/>
    </row>
    <row r="991873" spans="14:14">
      <c r="N991873" s="10"/>
    </row>
    <row r="991874" spans="14:14">
      <c r="N991874" s="10"/>
    </row>
    <row r="991875" spans="14:14">
      <c r="N991875" s="10"/>
    </row>
    <row r="991876" spans="14:14">
      <c r="N991876" s="10"/>
    </row>
    <row r="991877" spans="14:14">
      <c r="N991877" s="10"/>
    </row>
    <row r="991878" spans="14:14">
      <c r="N991878" s="10"/>
    </row>
    <row r="991879" spans="14:14">
      <c r="N991879" s="10"/>
    </row>
    <row r="991880" spans="14:14">
      <c r="N991880" s="10"/>
    </row>
    <row r="991881" spans="14:14">
      <c r="N991881" s="10"/>
    </row>
    <row r="991882" spans="14:14">
      <c r="N991882" s="10"/>
    </row>
    <row r="991883" spans="14:14">
      <c r="N991883" s="10"/>
    </row>
    <row r="991884" spans="14:14">
      <c r="N991884" s="10"/>
    </row>
    <row r="991885" spans="14:14">
      <c r="N991885" s="10"/>
    </row>
    <row r="991886" spans="14:14">
      <c r="N991886" s="10"/>
    </row>
    <row r="991887" spans="14:14">
      <c r="N991887" s="10"/>
    </row>
    <row r="991888" spans="14:14">
      <c r="N991888" s="10"/>
    </row>
    <row r="991889" spans="14:14">
      <c r="N991889" s="10"/>
    </row>
    <row r="991890" spans="14:14">
      <c r="N991890" s="10"/>
    </row>
    <row r="991891" spans="14:14">
      <c r="N991891" s="10"/>
    </row>
    <row r="991892" spans="14:14">
      <c r="N991892" s="10"/>
    </row>
    <row r="991893" spans="14:14">
      <c r="N991893" s="10"/>
    </row>
    <row r="991894" spans="14:14">
      <c r="N991894" s="10"/>
    </row>
    <row r="991895" spans="14:14">
      <c r="N991895" s="10"/>
    </row>
    <row r="991896" spans="14:14">
      <c r="N991896" s="10"/>
    </row>
    <row r="991897" spans="14:14">
      <c r="N991897" s="10"/>
    </row>
    <row r="991898" spans="14:14">
      <c r="N991898" s="10"/>
    </row>
    <row r="991899" spans="14:14">
      <c r="N991899" s="10"/>
    </row>
    <row r="991900" spans="14:14">
      <c r="N991900" s="10"/>
    </row>
    <row r="991901" spans="14:14">
      <c r="N991901" s="10"/>
    </row>
    <row r="991902" spans="14:14">
      <c r="N991902" s="10"/>
    </row>
    <row r="991903" spans="14:14">
      <c r="N991903" s="10"/>
    </row>
    <row r="991904" spans="14:14">
      <c r="N991904" s="10"/>
    </row>
    <row r="991905" spans="14:14">
      <c r="N991905" s="10"/>
    </row>
    <row r="991906" spans="14:14">
      <c r="N991906" s="10"/>
    </row>
    <row r="991907" spans="14:14">
      <c r="N991907" s="10"/>
    </row>
    <row r="991908" spans="14:14">
      <c r="N991908" s="10"/>
    </row>
    <row r="991909" spans="14:14">
      <c r="N991909" s="10"/>
    </row>
    <row r="991910" spans="14:14">
      <c r="N991910" s="10"/>
    </row>
    <row r="991911" spans="14:14">
      <c r="N991911" s="10"/>
    </row>
    <row r="991912" spans="14:14">
      <c r="N991912" s="10"/>
    </row>
    <row r="991913" spans="14:14">
      <c r="N991913" s="10"/>
    </row>
    <row r="991914" spans="14:14">
      <c r="N991914" s="10"/>
    </row>
    <row r="991915" spans="14:14">
      <c r="N991915" s="10"/>
    </row>
    <row r="991916" spans="14:14">
      <c r="N991916" s="10"/>
    </row>
    <row r="991917" spans="14:14">
      <c r="N991917" s="10"/>
    </row>
    <row r="991918" spans="14:14">
      <c r="N991918" s="10"/>
    </row>
    <row r="991919" spans="14:14">
      <c r="N991919" s="10"/>
    </row>
    <row r="991920" spans="14:14">
      <c r="N991920" s="10"/>
    </row>
    <row r="991921" spans="14:14">
      <c r="N991921" s="10"/>
    </row>
    <row r="991922" spans="14:14">
      <c r="N991922" s="10"/>
    </row>
    <row r="991923" spans="14:14">
      <c r="N991923" s="10"/>
    </row>
    <row r="991924" spans="14:14">
      <c r="N991924" s="10"/>
    </row>
    <row r="991925" spans="14:14">
      <c r="N991925" s="10"/>
    </row>
    <row r="991926" spans="14:14">
      <c r="N991926" s="10"/>
    </row>
    <row r="991927" spans="14:14">
      <c r="N991927" s="10"/>
    </row>
    <row r="991928" spans="14:14">
      <c r="N991928" s="10"/>
    </row>
    <row r="991929" spans="14:14">
      <c r="N991929" s="10"/>
    </row>
    <row r="991930" spans="14:14">
      <c r="N991930" s="10"/>
    </row>
    <row r="991931" spans="14:14">
      <c r="N991931" s="10"/>
    </row>
    <row r="991932" spans="14:14">
      <c r="N991932" s="10"/>
    </row>
    <row r="991933" spans="14:14">
      <c r="N991933" s="10"/>
    </row>
    <row r="991934" spans="14:14">
      <c r="N991934" s="10"/>
    </row>
    <row r="991935" spans="14:14">
      <c r="N991935" s="10"/>
    </row>
    <row r="991936" spans="14:14">
      <c r="N991936" s="10"/>
    </row>
    <row r="991937" spans="14:14">
      <c r="N991937" s="10"/>
    </row>
    <row r="991938" spans="14:14">
      <c r="N991938" s="10"/>
    </row>
    <row r="991939" spans="14:14">
      <c r="N991939" s="10"/>
    </row>
    <row r="991940" spans="14:14">
      <c r="N991940" s="10"/>
    </row>
    <row r="991941" spans="14:14">
      <c r="N991941" s="10"/>
    </row>
    <row r="991942" spans="14:14">
      <c r="N991942" s="10"/>
    </row>
    <row r="991943" spans="14:14">
      <c r="N991943" s="10"/>
    </row>
    <row r="991944" spans="14:14">
      <c r="N991944" s="10"/>
    </row>
    <row r="991945" spans="14:14">
      <c r="N991945" s="10"/>
    </row>
    <row r="991946" spans="14:14">
      <c r="N991946" s="10"/>
    </row>
    <row r="991947" spans="14:14">
      <c r="N991947" s="10"/>
    </row>
    <row r="991948" spans="14:14">
      <c r="N991948" s="10"/>
    </row>
    <row r="991949" spans="14:14">
      <c r="N991949" s="10"/>
    </row>
    <row r="991950" spans="14:14">
      <c r="N991950" s="10"/>
    </row>
    <row r="991951" spans="14:14">
      <c r="N991951" s="10"/>
    </row>
    <row r="991952" spans="14:14">
      <c r="N991952" s="10"/>
    </row>
    <row r="991953" spans="14:14">
      <c r="N991953" s="10"/>
    </row>
    <row r="991954" spans="14:14">
      <c r="N991954" s="10"/>
    </row>
    <row r="991955" spans="14:14">
      <c r="N991955" s="10"/>
    </row>
    <row r="991956" spans="14:14">
      <c r="N991956" s="10"/>
    </row>
    <row r="991957" spans="14:14">
      <c r="N991957" s="10"/>
    </row>
    <row r="991958" spans="14:14">
      <c r="N991958" s="10"/>
    </row>
    <row r="991959" spans="14:14">
      <c r="N991959" s="10"/>
    </row>
    <row r="991960" spans="14:14">
      <c r="N991960" s="10"/>
    </row>
    <row r="991961" spans="14:14">
      <c r="N991961" s="10"/>
    </row>
    <row r="991962" spans="14:14">
      <c r="N991962" s="10"/>
    </row>
    <row r="991963" spans="14:14">
      <c r="N991963" s="10"/>
    </row>
    <row r="991964" spans="14:14">
      <c r="N991964" s="10"/>
    </row>
    <row r="991965" spans="14:14">
      <c r="N991965" s="10"/>
    </row>
    <row r="991966" spans="14:14">
      <c r="N991966" s="10"/>
    </row>
    <row r="991967" spans="14:14">
      <c r="N991967" s="10"/>
    </row>
    <row r="991968" spans="14:14">
      <c r="N991968" s="10"/>
    </row>
    <row r="991969" spans="14:14">
      <c r="N991969" s="10"/>
    </row>
    <row r="991970" spans="14:14">
      <c r="N991970" s="10"/>
    </row>
    <row r="991971" spans="14:14">
      <c r="N991971" s="10"/>
    </row>
    <row r="991972" spans="14:14">
      <c r="N991972" s="10"/>
    </row>
    <row r="991973" spans="14:14">
      <c r="N991973" s="10"/>
    </row>
    <row r="991974" spans="14:14">
      <c r="N991974" s="10"/>
    </row>
    <row r="991975" spans="14:14">
      <c r="N991975" s="10"/>
    </row>
    <row r="991976" spans="14:14">
      <c r="N991976" s="10"/>
    </row>
    <row r="991977" spans="14:14">
      <c r="N991977" s="10"/>
    </row>
    <row r="991978" spans="14:14">
      <c r="N991978" s="10"/>
    </row>
    <row r="991979" spans="14:14">
      <c r="N991979" s="10"/>
    </row>
    <row r="991980" spans="14:14">
      <c r="N991980" s="10"/>
    </row>
    <row r="991981" spans="14:14">
      <c r="N991981" s="10"/>
    </row>
    <row r="991982" spans="14:14">
      <c r="N991982" s="10"/>
    </row>
    <row r="991983" spans="14:14">
      <c r="N991983" s="10"/>
    </row>
    <row r="991984" spans="14:14">
      <c r="N991984" s="10"/>
    </row>
    <row r="991985" spans="14:14">
      <c r="N991985" s="10"/>
    </row>
    <row r="991986" spans="14:14">
      <c r="N991986" s="10"/>
    </row>
    <row r="991987" spans="14:14">
      <c r="N991987" s="10"/>
    </row>
    <row r="991988" spans="14:14">
      <c r="N991988" s="10"/>
    </row>
    <row r="991989" spans="14:14">
      <c r="N991989" s="10"/>
    </row>
    <row r="991990" spans="14:14">
      <c r="N991990" s="10"/>
    </row>
    <row r="991991" spans="14:14">
      <c r="N991991" s="10"/>
    </row>
    <row r="991992" spans="14:14">
      <c r="N991992" s="10"/>
    </row>
    <row r="991993" spans="14:14">
      <c r="N991993" s="10"/>
    </row>
    <row r="991994" spans="14:14">
      <c r="N991994" s="10"/>
    </row>
    <row r="991995" spans="14:14">
      <c r="N991995" s="10"/>
    </row>
    <row r="991996" spans="14:14">
      <c r="N991996" s="10"/>
    </row>
    <row r="991997" spans="14:14">
      <c r="N991997" s="10"/>
    </row>
    <row r="991998" spans="14:14">
      <c r="N991998" s="10"/>
    </row>
    <row r="991999" spans="14:14">
      <c r="N991999" s="10"/>
    </row>
    <row r="992000" spans="14:14">
      <c r="N992000" s="10"/>
    </row>
    <row r="992001" spans="14:14">
      <c r="N992001" s="10"/>
    </row>
    <row r="992002" spans="14:14">
      <c r="N992002" s="10"/>
    </row>
    <row r="992003" spans="14:14">
      <c r="N992003" s="10"/>
    </row>
    <row r="992004" spans="14:14">
      <c r="N992004" s="10"/>
    </row>
    <row r="992005" spans="14:14">
      <c r="N992005" s="10"/>
    </row>
    <row r="992006" spans="14:14">
      <c r="N992006" s="10"/>
    </row>
    <row r="992007" spans="14:14">
      <c r="N992007" s="10"/>
    </row>
    <row r="992008" spans="14:14">
      <c r="N992008" s="10"/>
    </row>
    <row r="992009" spans="14:14">
      <c r="N992009" s="10"/>
    </row>
    <row r="992010" spans="14:14">
      <c r="N992010" s="10"/>
    </row>
    <row r="992011" spans="14:14">
      <c r="N992011" s="10"/>
    </row>
    <row r="992012" spans="14:14">
      <c r="N992012" s="10"/>
    </row>
    <row r="992013" spans="14:14">
      <c r="N992013" s="10"/>
    </row>
    <row r="992014" spans="14:14">
      <c r="N992014" s="10"/>
    </row>
    <row r="992015" spans="14:14">
      <c r="N992015" s="10"/>
    </row>
    <row r="992016" spans="14:14">
      <c r="N992016" s="10"/>
    </row>
    <row r="992017" spans="14:14">
      <c r="N992017" s="10"/>
    </row>
    <row r="992018" spans="14:14">
      <c r="N992018" s="10"/>
    </row>
    <row r="992019" spans="14:14">
      <c r="N992019" s="10"/>
    </row>
    <row r="992020" spans="14:14">
      <c r="N992020" s="10"/>
    </row>
    <row r="992021" spans="14:14">
      <c r="N992021" s="10"/>
    </row>
    <row r="992022" spans="14:14">
      <c r="N992022" s="10"/>
    </row>
    <row r="992023" spans="14:14">
      <c r="N992023" s="10"/>
    </row>
    <row r="992024" spans="14:14">
      <c r="N992024" s="10"/>
    </row>
    <row r="992025" spans="14:14">
      <c r="N992025" s="10"/>
    </row>
    <row r="992026" spans="14:14">
      <c r="N992026" s="10"/>
    </row>
    <row r="992027" spans="14:14">
      <c r="N992027" s="10"/>
    </row>
    <row r="992028" spans="14:14">
      <c r="N992028" s="10"/>
    </row>
    <row r="992029" spans="14:14">
      <c r="N992029" s="10"/>
    </row>
    <row r="992030" spans="14:14">
      <c r="N992030" s="10"/>
    </row>
    <row r="992031" spans="14:14">
      <c r="N992031" s="10"/>
    </row>
    <row r="992032" spans="14:14">
      <c r="N992032" s="10"/>
    </row>
    <row r="992033" spans="14:14">
      <c r="N992033" s="10"/>
    </row>
    <row r="992034" spans="14:14">
      <c r="N992034" s="10"/>
    </row>
    <row r="992035" spans="14:14">
      <c r="N992035" s="10"/>
    </row>
    <row r="992036" spans="14:14">
      <c r="N992036" s="10"/>
    </row>
    <row r="992037" spans="14:14">
      <c r="N992037" s="10"/>
    </row>
    <row r="992038" spans="14:14">
      <c r="N992038" s="10"/>
    </row>
    <row r="992039" spans="14:14">
      <c r="N992039" s="10"/>
    </row>
    <row r="992040" spans="14:14">
      <c r="N992040" s="10"/>
    </row>
    <row r="992041" spans="14:14">
      <c r="N992041" s="10"/>
    </row>
    <row r="992042" spans="14:14">
      <c r="N992042" s="10"/>
    </row>
    <row r="992043" spans="14:14">
      <c r="N992043" s="10"/>
    </row>
    <row r="992044" spans="14:14">
      <c r="N992044" s="10"/>
    </row>
    <row r="992045" spans="14:14">
      <c r="N992045" s="10"/>
    </row>
    <row r="992046" spans="14:14">
      <c r="N992046" s="10"/>
    </row>
    <row r="992047" spans="14:14">
      <c r="N992047" s="10"/>
    </row>
    <row r="992048" spans="14:14">
      <c r="N992048" s="10"/>
    </row>
    <row r="992049" spans="14:14">
      <c r="N992049" s="10"/>
    </row>
    <row r="992050" spans="14:14">
      <c r="N992050" s="10"/>
    </row>
    <row r="992051" spans="14:14">
      <c r="N992051" s="10"/>
    </row>
    <row r="992052" spans="14:14">
      <c r="N992052" s="10"/>
    </row>
    <row r="992053" spans="14:14">
      <c r="N992053" s="10"/>
    </row>
    <row r="992054" spans="14:14">
      <c r="N992054" s="10"/>
    </row>
    <row r="992055" spans="14:14">
      <c r="N992055" s="10"/>
    </row>
    <row r="992056" spans="14:14">
      <c r="N992056" s="10"/>
    </row>
    <row r="992057" spans="14:14">
      <c r="N992057" s="10"/>
    </row>
    <row r="992058" spans="14:14">
      <c r="N992058" s="10"/>
    </row>
    <row r="992059" spans="14:14">
      <c r="N992059" s="10"/>
    </row>
    <row r="992060" spans="14:14">
      <c r="N992060" s="10"/>
    </row>
    <row r="992061" spans="14:14">
      <c r="N992061" s="10"/>
    </row>
    <row r="992062" spans="14:14">
      <c r="N992062" s="10"/>
    </row>
    <row r="992063" spans="14:14">
      <c r="N992063" s="10"/>
    </row>
    <row r="992064" spans="14:14">
      <c r="N992064" s="10"/>
    </row>
    <row r="992065" spans="14:14">
      <c r="N992065" s="10"/>
    </row>
    <row r="992066" spans="14:14">
      <c r="N992066" s="10"/>
    </row>
    <row r="992067" spans="14:14">
      <c r="N992067" s="10"/>
    </row>
    <row r="992068" spans="14:14">
      <c r="N992068" s="10"/>
    </row>
    <row r="992069" spans="14:14">
      <c r="N992069" s="10"/>
    </row>
    <row r="992070" spans="14:14">
      <c r="N992070" s="10"/>
    </row>
    <row r="992071" spans="14:14">
      <c r="N992071" s="10"/>
    </row>
    <row r="992072" spans="14:14">
      <c r="N992072" s="10"/>
    </row>
    <row r="992073" spans="14:14">
      <c r="N992073" s="10"/>
    </row>
    <row r="992074" spans="14:14">
      <c r="N992074" s="10"/>
    </row>
    <row r="992075" spans="14:14">
      <c r="N992075" s="10"/>
    </row>
    <row r="992076" spans="14:14">
      <c r="N992076" s="10"/>
    </row>
    <row r="992077" spans="14:14">
      <c r="N992077" s="10"/>
    </row>
    <row r="992078" spans="14:14">
      <c r="N992078" s="10"/>
    </row>
    <row r="992079" spans="14:14">
      <c r="N992079" s="10"/>
    </row>
    <row r="992080" spans="14:14">
      <c r="N992080" s="10"/>
    </row>
    <row r="992081" spans="14:14">
      <c r="N992081" s="10"/>
    </row>
    <row r="992082" spans="14:14">
      <c r="N992082" s="10"/>
    </row>
    <row r="992083" spans="14:14">
      <c r="N992083" s="10"/>
    </row>
    <row r="992084" spans="14:14">
      <c r="N992084" s="10"/>
    </row>
    <row r="992085" spans="14:14">
      <c r="N992085" s="10"/>
    </row>
    <row r="992086" spans="14:14">
      <c r="N992086" s="10"/>
    </row>
    <row r="992087" spans="14:14">
      <c r="N992087" s="10"/>
    </row>
    <row r="992088" spans="14:14">
      <c r="N992088" s="10"/>
    </row>
    <row r="992089" spans="14:14">
      <c r="N992089" s="10"/>
    </row>
    <row r="992090" spans="14:14">
      <c r="N992090" s="10"/>
    </row>
    <row r="992091" spans="14:14">
      <c r="N992091" s="10"/>
    </row>
    <row r="992092" spans="14:14">
      <c r="N992092" s="10"/>
    </row>
    <row r="992093" spans="14:14">
      <c r="N992093" s="10"/>
    </row>
    <row r="992094" spans="14:14">
      <c r="N992094" s="10"/>
    </row>
    <row r="992095" spans="14:14">
      <c r="N992095" s="10"/>
    </row>
    <row r="992096" spans="14:14">
      <c r="N992096" s="10"/>
    </row>
    <row r="992097" spans="14:14">
      <c r="N992097" s="10"/>
    </row>
    <row r="992098" spans="14:14">
      <c r="N992098" s="10"/>
    </row>
    <row r="992099" spans="14:14">
      <c r="N992099" s="10"/>
    </row>
    <row r="992100" spans="14:14">
      <c r="N992100" s="10"/>
    </row>
    <row r="992101" spans="14:14">
      <c r="N992101" s="10"/>
    </row>
    <row r="992102" spans="14:14">
      <c r="N992102" s="10"/>
    </row>
    <row r="992103" spans="14:14">
      <c r="N992103" s="10"/>
    </row>
    <row r="992104" spans="14:14">
      <c r="N992104" s="10"/>
    </row>
    <row r="992105" spans="14:14">
      <c r="N992105" s="10"/>
    </row>
    <row r="992106" spans="14:14">
      <c r="N992106" s="10"/>
    </row>
    <row r="992107" spans="14:14">
      <c r="N992107" s="10"/>
    </row>
    <row r="992108" spans="14:14">
      <c r="N992108" s="10"/>
    </row>
    <row r="992109" spans="14:14">
      <c r="N992109" s="10"/>
    </row>
    <row r="992110" spans="14:14">
      <c r="N992110" s="10"/>
    </row>
    <row r="992111" spans="14:14">
      <c r="N992111" s="10"/>
    </row>
    <row r="992112" spans="14:14">
      <c r="N992112" s="10"/>
    </row>
    <row r="992113" spans="14:14">
      <c r="N992113" s="10"/>
    </row>
    <row r="992114" spans="14:14">
      <c r="N992114" s="10"/>
    </row>
    <row r="992115" spans="14:14">
      <c r="N992115" s="10"/>
    </row>
    <row r="992116" spans="14:14">
      <c r="N992116" s="10"/>
    </row>
    <row r="992117" spans="14:14">
      <c r="N992117" s="10"/>
    </row>
    <row r="992118" spans="14:14">
      <c r="N992118" s="10"/>
    </row>
    <row r="992119" spans="14:14">
      <c r="N992119" s="10"/>
    </row>
    <row r="992120" spans="14:14">
      <c r="N992120" s="10"/>
    </row>
    <row r="992121" spans="14:14">
      <c r="N992121" s="10"/>
    </row>
    <row r="992122" spans="14:14">
      <c r="N992122" s="10"/>
    </row>
    <row r="992123" spans="14:14">
      <c r="N992123" s="10"/>
    </row>
    <row r="992124" spans="14:14">
      <c r="N992124" s="10"/>
    </row>
    <row r="992125" spans="14:14">
      <c r="N992125" s="10"/>
    </row>
    <row r="992126" spans="14:14">
      <c r="N992126" s="10"/>
    </row>
    <row r="992127" spans="14:14">
      <c r="N992127" s="10"/>
    </row>
    <row r="992128" spans="14:14">
      <c r="N992128" s="10"/>
    </row>
    <row r="992129" spans="14:14">
      <c r="N992129" s="10"/>
    </row>
    <row r="992130" spans="14:14">
      <c r="N992130" s="10"/>
    </row>
    <row r="992131" spans="14:14">
      <c r="N992131" s="10"/>
    </row>
    <row r="992132" spans="14:14">
      <c r="N992132" s="10"/>
    </row>
    <row r="992133" spans="14:14">
      <c r="N992133" s="10"/>
    </row>
    <row r="992134" spans="14:14">
      <c r="N992134" s="10"/>
    </row>
    <row r="992135" spans="14:14">
      <c r="N992135" s="10"/>
    </row>
    <row r="992136" spans="14:14">
      <c r="N992136" s="10"/>
    </row>
    <row r="992137" spans="14:14">
      <c r="N992137" s="10"/>
    </row>
    <row r="992138" spans="14:14">
      <c r="N992138" s="10"/>
    </row>
    <row r="992139" spans="14:14">
      <c r="N992139" s="10"/>
    </row>
    <row r="992140" spans="14:14">
      <c r="N992140" s="10"/>
    </row>
    <row r="992141" spans="14:14">
      <c r="N992141" s="10"/>
    </row>
    <row r="992142" spans="14:14">
      <c r="N992142" s="10"/>
    </row>
    <row r="992143" spans="14:14">
      <c r="N992143" s="10"/>
    </row>
    <row r="992144" spans="14:14">
      <c r="N992144" s="10"/>
    </row>
    <row r="992145" spans="14:14">
      <c r="N992145" s="10"/>
    </row>
    <row r="992146" spans="14:14">
      <c r="N992146" s="10"/>
    </row>
    <row r="992147" spans="14:14">
      <c r="N992147" s="10"/>
    </row>
    <row r="992148" spans="14:14">
      <c r="N992148" s="10"/>
    </row>
    <row r="992149" spans="14:14">
      <c r="N992149" s="10"/>
    </row>
    <row r="992150" spans="14:14">
      <c r="N992150" s="10"/>
    </row>
    <row r="992151" spans="14:14">
      <c r="N992151" s="10"/>
    </row>
    <row r="992152" spans="14:14">
      <c r="N992152" s="10"/>
    </row>
    <row r="992153" spans="14:14">
      <c r="N992153" s="10"/>
    </row>
    <row r="992154" spans="14:14">
      <c r="N992154" s="10"/>
    </row>
    <row r="992155" spans="14:14">
      <c r="N992155" s="10"/>
    </row>
    <row r="992156" spans="14:14">
      <c r="N992156" s="10"/>
    </row>
    <row r="992157" spans="14:14">
      <c r="N992157" s="10"/>
    </row>
    <row r="992158" spans="14:14">
      <c r="N992158" s="10"/>
    </row>
    <row r="992159" spans="14:14">
      <c r="N992159" s="10"/>
    </row>
    <row r="992160" spans="14:14">
      <c r="N992160" s="10"/>
    </row>
    <row r="992161" spans="14:14">
      <c r="N992161" s="10"/>
    </row>
    <row r="992162" spans="14:14">
      <c r="N992162" s="10"/>
    </row>
    <row r="992163" spans="14:14">
      <c r="N992163" s="10"/>
    </row>
    <row r="992164" spans="14:14">
      <c r="N992164" s="10"/>
    </row>
    <row r="992165" spans="14:14">
      <c r="N992165" s="10"/>
    </row>
    <row r="992166" spans="14:14">
      <c r="N992166" s="10"/>
    </row>
    <row r="992167" spans="14:14">
      <c r="N992167" s="10"/>
    </row>
    <row r="992168" spans="14:14">
      <c r="N992168" s="10"/>
    </row>
    <row r="992169" spans="14:14">
      <c r="N992169" s="10"/>
    </row>
    <row r="992170" spans="14:14">
      <c r="N992170" s="10"/>
    </row>
    <row r="992171" spans="14:14">
      <c r="N992171" s="10"/>
    </row>
    <row r="992172" spans="14:14">
      <c r="N992172" s="10"/>
    </row>
    <row r="992173" spans="14:14">
      <c r="N992173" s="10"/>
    </row>
    <row r="992174" spans="14:14">
      <c r="N992174" s="10"/>
    </row>
    <row r="992175" spans="14:14">
      <c r="N992175" s="10"/>
    </row>
    <row r="992176" spans="14:14">
      <c r="N992176" s="10"/>
    </row>
    <row r="992177" spans="14:14">
      <c r="N992177" s="10"/>
    </row>
    <row r="992178" spans="14:14">
      <c r="N992178" s="10"/>
    </row>
    <row r="992179" spans="14:14">
      <c r="N992179" s="10"/>
    </row>
    <row r="992180" spans="14:14">
      <c r="N992180" s="10"/>
    </row>
    <row r="992181" spans="14:14">
      <c r="N992181" s="10"/>
    </row>
    <row r="992182" spans="14:14">
      <c r="N992182" s="10"/>
    </row>
    <row r="992183" spans="14:14">
      <c r="N992183" s="10"/>
    </row>
    <row r="992184" spans="14:14">
      <c r="N992184" s="10"/>
    </row>
    <row r="992185" spans="14:14">
      <c r="N992185" s="10"/>
    </row>
    <row r="992186" spans="14:14">
      <c r="N992186" s="10"/>
    </row>
    <row r="992187" spans="14:14">
      <c r="N992187" s="10"/>
    </row>
    <row r="992188" spans="14:14">
      <c r="N992188" s="10"/>
    </row>
    <row r="992189" spans="14:14">
      <c r="N992189" s="10"/>
    </row>
    <row r="992190" spans="14:14">
      <c r="N992190" s="10"/>
    </row>
    <row r="992191" spans="14:14">
      <c r="N992191" s="10"/>
    </row>
    <row r="992192" spans="14:14">
      <c r="N992192" s="10"/>
    </row>
    <row r="992193" spans="14:14">
      <c r="N992193" s="10"/>
    </row>
    <row r="992194" spans="14:14">
      <c r="N992194" s="10"/>
    </row>
    <row r="992195" spans="14:14">
      <c r="N992195" s="10"/>
    </row>
    <row r="992196" spans="14:14">
      <c r="N992196" s="10"/>
    </row>
    <row r="992197" spans="14:14">
      <c r="N992197" s="10"/>
    </row>
    <row r="992198" spans="14:14">
      <c r="N992198" s="10"/>
    </row>
    <row r="992199" spans="14:14">
      <c r="N992199" s="10"/>
    </row>
    <row r="992200" spans="14:14">
      <c r="N992200" s="10"/>
    </row>
    <row r="992201" spans="14:14">
      <c r="N992201" s="10"/>
    </row>
    <row r="992202" spans="14:14">
      <c r="N992202" s="10"/>
    </row>
    <row r="992203" spans="14:14">
      <c r="N992203" s="10"/>
    </row>
    <row r="992204" spans="14:14">
      <c r="N992204" s="10"/>
    </row>
    <row r="992205" spans="14:14">
      <c r="N992205" s="10"/>
    </row>
    <row r="992206" spans="14:14">
      <c r="N992206" s="10"/>
    </row>
    <row r="992207" spans="14:14">
      <c r="N992207" s="10"/>
    </row>
    <row r="992208" spans="14:14">
      <c r="N992208" s="10"/>
    </row>
    <row r="992209" spans="14:14">
      <c r="N992209" s="10"/>
    </row>
    <row r="992210" spans="14:14">
      <c r="N992210" s="10"/>
    </row>
    <row r="992211" spans="14:14">
      <c r="N992211" s="10"/>
    </row>
    <row r="992212" spans="14:14">
      <c r="N992212" s="10"/>
    </row>
    <row r="992213" spans="14:14">
      <c r="N992213" s="10"/>
    </row>
    <row r="992214" spans="14:14">
      <c r="N992214" s="10"/>
    </row>
    <row r="992215" spans="14:14">
      <c r="N992215" s="10"/>
    </row>
    <row r="992216" spans="14:14">
      <c r="N992216" s="10"/>
    </row>
    <row r="992217" spans="14:14">
      <c r="N992217" s="10"/>
    </row>
    <row r="992218" spans="14:14">
      <c r="N992218" s="10"/>
    </row>
    <row r="992219" spans="14:14">
      <c r="N992219" s="10"/>
    </row>
    <row r="992220" spans="14:14">
      <c r="N992220" s="10"/>
    </row>
    <row r="992221" spans="14:14">
      <c r="N992221" s="10"/>
    </row>
    <row r="992222" spans="14:14">
      <c r="N992222" s="10"/>
    </row>
    <row r="992223" spans="14:14">
      <c r="N992223" s="10"/>
    </row>
    <row r="992224" spans="14:14">
      <c r="N992224" s="10"/>
    </row>
    <row r="992225" spans="14:14">
      <c r="N992225" s="10"/>
    </row>
    <row r="992226" spans="14:14">
      <c r="N992226" s="10"/>
    </row>
    <row r="992227" spans="14:14">
      <c r="N992227" s="10"/>
    </row>
    <row r="992228" spans="14:14">
      <c r="N992228" s="10"/>
    </row>
    <row r="992229" spans="14:14">
      <c r="N992229" s="10"/>
    </row>
    <row r="992230" spans="14:14">
      <c r="N992230" s="10"/>
    </row>
    <row r="992231" spans="14:14">
      <c r="N992231" s="10"/>
    </row>
    <row r="992232" spans="14:14">
      <c r="N992232" s="10"/>
    </row>
    <row r="992233" spans="14:14">
      <c r="N992233" s="10"/>
    </row>
    <row r="992234" spans="14:14">
      <c r="N992234" s="10"/>
    </row>
    <row r="992235" spans="14:14">
      <c r="N992235" s="10"/>
    </row>
    <row r="992236" spans="14:14">
      <c r="N992236" s="10"/>
    </row>
    <row r="992237" spans="14:14">
      <c r="N992237" s="10"/>
    </row>
    <row r="992238" spans="14:14">
      <c r="N992238" s="10"/>
    </row>
    <row r="992239" spans="14:14">
      <c r="N992239" s="10"/>
    </row>
    <row r="992240" spans="14:14">
      <c r="N992240" s="10"/>
    </row>
    <row r="992241" spans="14:14">
      <c r="N992241" s="10"/>
    </row>
    <row r="992242" spans="14:14">
      <c r="N992242" s="10"/>
    </row>
    <row r="992243" spans="14:14">
      <c r="N992243" s="10"/>
    </row>
    <row r="992244" spans="14:14">
      <c r="N992244" s="10"/>
    </row>
    <row r="992245" spans="14:14">
      <c r="N992245" s="10"/>
    </row>
    <row r="992246" spans="14:14">
      <c r="N992246" s="10"/>
    </row>
    <row r="992247" spans="14:14">
      <c r="N992247" s="10"/>
    </row>
    <row r="992248" spans="14:14">
      <c r="N992248" s="10"/>
    </row>
    <row r="992249" spans="14:14">
      <c r="N992249" s="10"/>
    </row>
    <row r="992250" spans="14:14">
      <c r="N992250" s="10"/>
    </row>
    <row r="992251" spans="14:14">
      <c r="N992251" s="10"/>
    </row>
    <row r="992252" spans="14:14">
      <c r="N992252" s="10"/>
    </row>
    <row r="992253" spans="14:14">
      <c r="N992253" s="10"/>
    </row>
    <row r="992254" spans="14:14">
      <c r="N992254" s="10"/>
    </row>
    <row r="992255" spans="14:14">
      <c r="N992255" s="10"/>
    </row>
    <row r="992256" spans="14:14">
      <c r="N992256" s="10"/>
    </row>
    <row r="992257" spans="14:14">
      <c r="N992257" s="10"/>
    </row>
    <row r="992258" spans="14:14">
      <c r="N992258" s="10"/>
    </row>
    <row r="992259" spans="14:14">
      <c r="N992259" s="10"/>
    </row>
    <row r="992260" spans="14:14">
      <c r="N992260" s="10"/>
    </row>
    <row r="992261" spans="14:14">
      <c r="N992261" s="10"/>
    </row>
    <row r="992262" spans="14:14">
      <c r="N992262" s="10"/>
    </row>
    <row r="992263" spans="14:14">
      <c r="N992263" s="10"/>
    </row>
    <row r="992264" spans="14:14">
      <c r="N992264" s="10"/>
    </row>
    <row r="992265" spans="14:14">
      <c r="N992265" s="10"/>
    </row>
    <row r="992266" spans="14:14">
      <c r="N992266" s="10"/>
    </row>
    <row r="992267" spans="14:14">
      <c r="N992267" s="10"/>
    </row>
    <row r="992268" spans="14:14">
      <c r="N992268" s="10"/>
    </row>
    <row r="992269" spans="14:14">
      <c r="N992269" s="10"/>
    </row>
    <row r="992270" spans="14:14">
      <c r="N992270" s="10"/>
    </row>
    <row r="992271" spans="14:14">
      <c r="N992271" s="10"/>
    </row>
    <row r="992272" spans="14:14">
      <c r="N992272" s="10"/>
    </row>
    <row r="992273" spans="14:14">
      <c r="N992273" s="10"/>
    </row>
    <row r="992274" spans="14:14">
      <c r="N992274" s="10"/>
    </row>
    <row r="992275" spans="14:14">
      <c r="N992275" s="10"/>
    </row>
    <row r="992276" spans="14:14">
      <c r="N992276" s="10"/>
    </row>
    <row r="992277" spans="14:14">
      <c r="N992277" s="10"/>
    </row>
    <row r="992278" spans="14:14">
      <c r="N992278" s="10"/>
    </row>
    <row r="992279" spans="14:14">
      <c r="N992279" s="10"/>
    </row>
    <row r="992280" spans="14:14">
      <c r="N992280" s="10"/>
    </row>
    <row r="992281" spans="14:14">
      <c r="N992281" s="10"/>
    </row>
    <row r="992282" spans="14:14">
      <c r="N992282" s="10"/>
    </row>
    <row r="992283" spans="14:14">
      <c r="N992283" s="10"/>
    </row>
    <row r="992284" spans="14:14">
      <c r="N992284" s="10"/>
    </row>
    <row r="992285" spans="14:14">
      <c r="N992285" s="10"/>
    </row>
    <row r="992286" spans="14:14">
      <c r="N992286" s="10"/>
    </row>
    <row r="992287" spans="14:14">
      <c r="N992287" s="10"/>
    </row>
    <row r="992288" spans="14:14">
      <c r="N992288" s="10"/>
    </row>
    <row r="992289" spans="14:14">
      <c r="N992289" s="10"/>
    </row>
    <row r="992290" spans="14:14">
      <c r="N992290" s="10"/>
    </row>
    <row r="992291" spans="14:14">
      <c r="N992291" s="10"/>
    </row>
    <row r="992292" spans="14:14">
      <c r="N992292" s="10"/>
    </row>
    <row r="992293" spans="14:14">
      <c r="N992293" s="10"/>
    </row>
    <row r="992294" spans="14:14">
      <c r="N992294" s="10"/>
    </row>
    <row r="992295" spans="14:14">
      <c r="N992295" s="10"/>
    </row>
    <row r="992296" spans="14:14">
      <c r="N992296" s="10"/>
    </row>
    <row r="992297" spans="14:14">
      <c r="N992297" s="10"/>
    </row>
    <row r="992298" spans="14:14">
      <c r="N992298" s="10"/>
    </row>
    <row r="992299" spans="14:14">
      <c r="N992299" s="10"/>
    </row>
    <row r="992300" spans="14:14">
      <c r="N992300" s="10"/>
    </row>
    <row r="992301" spans="14:14">
      <c r="N992301" s="10"/>
    </row>
    <row r="992302" spans="14:14">
      <c r="N992302" s="10"/>
    </row>
    <row r="992303" spans="14:14">
      <c r="N992303" s="10"/>
    </row>
    <row r="992304" spans="14:14">
      <c r="N992304" s="10"/>
    </row>
    <row r="992305" spans="14:14">
      <c r="N992305" s="10"/>
    </row>
    <row r="992306" spans="14:14">
      <c r="N992306" s="10"/>
    </row>
    <row r="992307" spans="14:14">
      <c r="N992307" s="10"/>
    </row>
    <row r="992308" spans="14:14">
      <c r="N992308" s="10"/>
    </row>
    <row r="992309" spans="14:14">
      <c r="N992309" s="10"/>
    </row>
    <row r="992310" spans="14:14">
      <c r="N992310" s="10"/>
    </row>
    <row r="992311" spans="14:14">
      <c r="N992311" s="10"/>
    </row>
    <row r="992312" spans="14:14">
      <c r="N992312" s="10"/>
    </row>
    <row r="992313" spans="14:14">
      <c r="N992313" s="10"/>
    </row>
    <row r="992314" spans="14:14">
      <c r="N992314" s="10"/>
    </row>
    <row r="992315" spans="14:14">
      <c r="N992315" s="10"/>
    </row>
    <row r="992316" spans="14:14">
      <c r="N992316" s="10"/>
    </row>
    <row r="992317" spans="14:14">
      <c r="N992317" s="10"/>
    </row>
    <row r="992318" spans="14:14">
      <c r="N992318" s="10"/>
    </row>
    <row r="992319" spans="14:14">
      <c r="N992319" s="10"/>
    </row>
    <row r="992320" spans="14:14">
      <c r="N992320" s="10"/>
    </row>
    <row r="992321" spans="14:14">
      <c r="N992321" s="10"/>
    </row>
    <row r="992322" spans="14:14">
      <c r="N992322" s="10"/>
    </row>
    <row r="992323" spans="14:14">
      <c r="N992323" s="10"/>
    </row>
    <row r="992324" spans="14:14">
      <c r="N992324" s="10"/>
    </row>
    <row r="992325" spans="14:14">
      <c r="N992325" s="10"/>
    </row>
    <row r="992326" spans="14:14">
      <c r="N992326" s="10"/>
    </row>
    <row r="992327" spans="14:14">
      <c r="N992327" s="10"/>
    </row>
    <row r="992328" spans="14:14">
      <c r="N992328" s="10"/>
    </row>
    <row r="992329" spans="14:14">
      <c r="N992329" s="10"/>
    </row>
    <row r="992330" spans="14:14">
      <c r="N992330" s="10"/>
    </row>
    <row r="992331" spans="14:14">
      <c r="N992331" s="10"/>
    </row>
    <row r="992332" spans="14:14">
      <c r="N992332" s="10"/>
    </row>
    <row r="992333" spans="14:14">
      <c r="N992333" s="10"/>
    </row>
    <row r="992334" spans="14:14">
      <c r="N992334" s="10"/>
    </row>
    <row r="992335" spans="14:14">
      <c r="N992335" s="10"/>
    </row>
    <row r="992336" spans="14:14">
      <c r="N992336" s="10"/>
    </row>
    <row r="992337" spans="14:14">
      <c r="N992337" s="10"/>
    </row>
    <row r="992338" spans="14:14">
      <c r="N992338" s="10"/>
    </row>
    <row r="992339" spans="14:14">
      <c r="N992339" s="10"/>
    </row>
    <row r="992340" spans="14:14">
      <c r="N992340" s="10"/>
    </row>
    <row r="992341" spans="14:14">
      <c r="N992341" s="10"/>
    </row>
    <row r="992342" spans="14:14">
      <c r="N992342" s="10"/>
    </row>
    <row r="992343" spans="14:14">
      <c r="N992343" s="10"/>
    </row>
    <row r="992344" spans="14:14">
      <c r="N992344" s="10"/>
    </row>
    <row r="992345" spans="14:14">
      <c r="N992345" s="10"/>
    </row>
    <row r="992346" spans="14:14">
      <c r="N992346" s="10"/>
    </row>
    <row r="992347" spans="14:14">
      <c r="N992347" s="10"/>
    </row>
    <row r="992348" spans="14:14">
      <c r="N992348" s="10"/>
    </row>
    <row r="992349" spans="14:14">
      <c r="N992349" s="10"/>
    </row>
    <row r="992350" spans="14:14">
      <c r="N992350" s="10"/>
    </row>
    <row r="992351" spans="14:14">
      <c r="N992351" s="10"/>
    </row>
    <row r="992352" spans="14:14">
      <c r="N992352" s="10"/>
    </row>
    <row r="992353" spans="14:14">
      <c r="N992353" s="10"/>
    </row>
    <row r="992354" spans="14:14">
      <c r="N992354" s="10"/>
    </row>
    <row r="992355" spans="14:14">
      <c r="N992355" s="10"/>
    </row>
    <row r="992356" spans="14:14">
      <c r="N992356" s="10"/>
    </row>
    <row r="992357" spans="14:14">
      <c r="N992357" s="10"/>
    </row>
    <row r="992358" spans="14:14">
      <c r="N992358" s="10"/>
    </row>
    <row r="992359" spans="14:14">
      <c r="N992359" s="10"/>
    </row>
    <row r="992360" spans="14:14">
      <c r="N992360" s="10"/>
    </row>
    <row r="992361" spans="14:14">
      <c r="N992361" s="10"/>
    </row>
    <row r="992362" spans="14:14">
      <c r="N992362" s="10"/>
    </row>
    <row r="992363" spans="14:14">
      <c r="N992363" s="10"/>
    </row>
    <row r="992364" spans="14:14">
      <c r="N992364" s="10"/>
    </row>
    <row r="992365" spans="14:14">
      <c r="N992365" s="10"/>
    </row>
    <row r="992366" spans="14:14">
      <c r="N992366" s="10"/>
    </row>
    <row r="992367" spans="14:14">
      <c r="N992367" s="10"/>
    </row>
    <row r="992368" spans="14:14">
      <c r="N992368" s="10"/>
    </row>
    <row r="992369" spans="14:14">
      <c r="N992369" s="10"/>
    </row>
    <row r="992370" spans="14:14">
      <c r="N992370" s="10"/>
    </row>
    <row r="992371" spans="14:14">
      <c r="N992371" s="10"/>
    </row>
    <row r="992372" spans="14:14">
      <c r="N992372" s="10"/>
    </row>
    <row r="992373" spans="14:14">
      <c r="N992373" s="10"/>
    </row>
    <row r="992374" spans="14:14">
      <c r="N992374" s="10"/>
    </row>
    <row r="992375" spans="14:14">
      <c r="N992375" s="10"/>
    </row>
    <row r="992376" spans="14:14">
      <c r="N992376" s="10"/>
    </row>
    <row r="992377" spans="14:14">
      <c r="N992377" s="10"/>
    </row>
    <row r="992378" spans="14:14">
      <c r="N992378" s="10"/>
    </row>
    <row r="992379" spans="14:14">
      <c r="N992379" s="10"/>
    </row>
    <row r="992380" spans="14:14">
      <c r="N992380" s="10"/>
    </row>
    <row r="992381" spans="14:14">
      <c r="N992381" s="10"/>
    </row>
    <row r="992382" spans="14:14">
      <c r="N992382" s="10"/>
    </row>
    <row r="992383" spans="14:14">
      <c r="N992383" s="10"/>
    </row>
    <row r="992384" spans="14:14">
      <c r="N992384" s="10"/>
    </row>
    <row r="992385" spans="14:14">
      <c r="N992385" s="10"/>
    </row>
    <row r="992386" spans="14:14">
      <c r="N992386" s="10"/>
    </row>
    <row r="992387" spans="14:14">
      <c r="N992387" s="10"/>
    </row>
    <row r="992388" spans="14:14">
      <c r="N992388" s="10"/>
    </row>
    <row r="992389" spans="14:14">
      <c r="N992389" s="10"/>
    </row>
    <row r="992390" spans="14:14">
      <c r="N992390" s="10"/>
    </row>
    <row r="992391" spans="14:14">
      <c r="N992391" s="10"/>
    </row>
    <row r="992392" spans="14:14">
      <c r="N992392" s="10"/>
    </row>
    <row r="992393" spans="14:14">
      <c r="N992393" s="10"/>
    </row>
    <row r="992394" spans="14:14">
      <c r="N992394" s="10"/>
    </row>
    <row r="992395" spans="14:14">
      <c r="N992395" s="10"/>
    </row>
    <row r="992396" spans="14:14">
      <c r="N992396" s="10"/>
    </row>
    <row r="992397" spans="14:14">
      <c r="N992397" s="10"/>
    </row>
    <row r="992398" spans="14:14">
      <c r="N992398" s="10"/>
    </row>
    <row r="992399" spans="14:14">
      <c r="N992399" s="10"/>
    </row>
    <row r="992400" spans="14:14">
      <c r="N992400" s="10"/>
    </row>
    <row r="992401" spans="14:14">
      <c r="N992401" s="10"/>
    </row>
    <row r="992402" spans="14:14">
      <c r="N992402" s="10"/>
    </row>
    <row r="992403" spans="14:14">
      <c r="N992403" s="10"/>
    </row>
    <row r="992404" spans="14:14">
      <c r="N992404" s="10"/>
    </row>
    <row r="992405" spans="14:14">
      <c r="N992405" s="10"/>
    </row>
    <row r="992406" spans="14:14">
      <c r="N992406" s="10"/>
    </row>
    <row r="992407" spans="14:14">
      <c r="N992407" s="10"/>
    </row>
    <row r="992408" spans="14:14">
      <c r="N992408" s="10"/>
    </row>
    <row r="992409" spans="14:14">
      <c r="N992409" s="10"/>
    </row>
    <row r="992410" spans="14:14">
      <c r="N992410" s="10"/>
    </row>
    <row r="992411" spans="14:14">
      <c r="N992411" s="10"/>
    </row>
    <row r="992412" spans="14:14">
      <c r="N992412" s="10"/>
    </row>
    <row r="992413" spans="14:14">
      <c r="N992413" s="10"/>
    </row>
    <row r="992414" spans="14:14">
      <c r="N992414" s="10"/>
    </row>
    <row r="992415" spans="14:14">
      <c r="N992415" s="10"/>
    </row>
    <row r="992416" spans="14:14">
      <c r="N992416" s="10"/>
    </row>
    <row r="992417" spans="14:14">
      <c r="N992417" s="10"/>
    </row>
    <row r="992418" spans="14:14">
      <c r="N992418" s="10"/>
    </row>
    <row r="992419" spans="14:14">
      <c r="N992419" s="10"/>
    </row>
    <row r="992420" spans="14:14">
      <c r="N992420" s="10"/>
    </row>
    <row r="992421" spans="14:14">
      <c r="N992421" s="10"/>
    </row>
    <row r="992422" spans="14:14">
      <c r="N992422" s="10"/>
    </row>
    <row r="992423" spans="14:14">
      <c r="N992423" s="10"/>
    </row>
    <row r="992424" spans="14:14">
      <c r="N992424" s="10"/>
    </row>
    <row r="992425" spans="14:14">
      <c r="N992425" s="10"/>
    </row>
    <row r="992426" spans="14:14">
      <c r="N992426" s="10"/>
    </row>
    <row r="992427" spans="14:14">
      <c r="N992427" s="10"/>
    </row>
    <row r="992428" spans="14:14">
      <c r="N992428" s="10"/>
    </row>
    <row r="992429" spans="14:14">
      <c r="N992429" s="10"/>
    </row>
    <row r="992430" spans="14:14">
      <c r="N992430" s="10"/>
    </row>
    <row r="992431" spans="14:14">
      <c r="N992431" s="10"/>
    </row>
    <row r="992432" spans="14:14">
      <c r="N992432" s="10"/>
    </row>
    <row r="992433" spans="14:14">
      <c r="N992433" s="10"/>
    </row>
    <row r="992434" spans="14:14">
      <c r="N992434" s="10"/>
    </row>
    <row r="992435" spans="14:14">
      <c r="N992435" s="10"/>
    </row>
    <row r="992436" spans="14:14">
      <c r="N992436" s="10"/>
    </row>
    <row r="992437" spans="14:14">
      <c r="N992437" s="10"/>
    </row>
    <row r="992438" spans="14:14">
      <c r="N992438" s="10"/>
    </row>
    <row r="992439" spans="14:14">
      <c r="N992439" s="10"/>
    </row>
    <row r="992440" spans="14:14">
      <c r="N992440" s="10"/>
    </row>
    <row r="992441" spans="14:14">
      <c r="N992441" s="10"/>
    </row>
    <row r="992442" spans="14:14">
      <c r="N992442" s="10"/>
    </row>
    <row r="992443" spans="14:14">
      <c r="N992443" s="10"/>
    </row>
    <row r="992444" spans="14:14">
      <c r="N992444" s="10"/>
    </row>
    <row r="992445" spans="14:14">
      <c r="N992445" s="10"/>
    </row>
    <row r="992446" spans="14:14">
      <c r="N992446" s="10"/>
    </row>
    <row r="992447" spans="14:14">
      <c r="N992447" s="10"/>
    </row>
    <row r="992448" spans="14:14">
      <c r="N992448" s="10"/>
    </row>
    <row r="992449" spans="14:14">
      <c r="N992449" s="10"/>
    </row>
    <row r="992450" spans="14:14">
      <c r="N992450" s="10"/>
    </row>
    <row r="992451" spans="14:14">
      <c r="N992451" s="10"/>
    </row>
    <row r="992452" spans="14:14">
      <c r="N992452" s="10"/>
    </row>
    <row r="992453" spans="14:14">
      <c r="N992453" s="10"/>
    </row>
    <row r="992454" spans="14:14">
      <c r="N992454" s="10"/>
    </row>
    <row r="992455" spans="14:14">
      <c r="N992455" s="10"/>
    </row>
    <row r="992456" spans="14:14">
      <c r="N992456" s="10"/>
    </row>
    <row r="992457" spans="14:14">
      <c r="N992457" s="10"/>
    </row>
    <row r="992458" spans="14:14">
      <c r="N992458" s="10"/>
    </row>
    <row r="992459" spans="14:14">
      <c r="N992459" s="10"/>
    </row>
    <row r="992460" spans="14:14">
      <c r="N992460" s="10"/>
    </row>
    <row r="992461" spans="14:14">
      <c r="N992461" s="10"/>
    </row>
    <row r="992462" spans="14:14">
      <c r="N992462" s="10"/>
    </row>
    <row r="992463" spans="14:14">
      <c r="N992463" s="10"/>
    </row>
    <row r="992464" spans="14:14">
      <c r="N992464" s="10"/>
    </row>
    <row r="992465" spans="14:14">
      <c r="N992465" s="10"/>
    </row>
    <row r="992466" spans="14:14">
      <c r="N992466" s="10"/>
    </row>
    <row r="992467" spans="14:14">
      <c r="N992467" s="10"/>
    </row>
    <row r="992468" spans="14:14">
      <c r="N992468" s="10"/>
    </row>
    <row r="992469" spans="14:14">
      <c r="N992469" s="10"/>
    </row>
    <row r="992470" spans="14:14">
      <c r="N992470" s="10"/>
    </row>
    <row r="992471" spans="14:14">
      <c r="N992471" s="10"/>
    </row>
    <row r="992472" spans="14:14">
      <c r="N992472" s="10"/>
    </row>
    <row r="992473" spans="14:14">
      <c r="N992473" s="10"/>
    </row>
    <row r="992474" spans="14:14">
      <c r="N992474" s="10"/>
    </row>
    <row r="992475" spans="14:14">
      <c r="N992475" s="10"/>
    </row>
    <row r="992476" spans="14:14">
      <c r="N992476" s="10"/>
    </row>
    <row r="992477" spans="14:14">
      <c r="N992477" s="10"/>
    </row>
    <row r="992478" spans="14:14">
      <c r="N992478" s="10"/>
    </row>
    <row r="992479" spans="14:14">
      <c r="N992479" s="10"/>
    </row>
    <row r="992480" spans="14:14">
      <c r="N992480" s="10"/>
    </row>
    <row r="992481" spans="14:14">
      <c r="N992481" s="10"/>
    </row>
    <row r="992482" spans="14:14">
      <c r="N992482" s="10"/>
    </row>
    <row r="992483" spans="14:14">
      <c r="N992483" s="10"/>
    </row>
    <row r="992484" spans="14:14">
      <c r="N992484" s="10"/>
    </row>
    <row r="992485" spans="14:14">
      <c r="N992485" s="10"/>
    </row>
    <row r="992486" spans="14:14">
      <c r="N992486" s="10"/>
    </row>
    <row r="992487" spans="14:14">
      <c r="N992487" s="10"/>
    </row>
    <row r="992488" spans="14:14">
      <c r="N992488" s="10"/>
    </row>
    <row r="992489" spans="14:14">
      <c r="N992489" s="10"/>
    </row>
    <row r="992490" spans="14:14">
      <c r="N992490" s="10"/>
    </row>
    <row r="992491" spans="14:14">
      <c r="N992491" s="10"/>
    </row>
    <row r="992492" spans="14:14">
      <c r="N992492" s="10"/>
    </row>
    <row r="992493" spans="14:14">
      <c r="N992493" s="10"/>
    </row>
    <row r="992494" spans="14:14">
      <c r="N992494" s="10"/>
    </row>
    <row r="992495" spans="14:14">
      <c r="N992495" s="10"/>
    </row>
    <row r="992496" spans="14:14">
      <c r="N992496" s="10"/>
    </row>
    <row r="992497" spans="14:14">
      <c r="N992497" s="10"/>
    </row>
    <row r="992498" spans="14:14">
      <c r="N992498" s="10"/>
    </row>
    <row r="992499" spans="14:14">
      <c r="N992499" s="10"/>
    </row>
    <row r="992500" spans="14:14">
      <c r="N992500" s="10"/>
    </row>
    <row r="992501" spans="14:14">
      <c r="N992501" s="10"/>
    </row>
    <row r="992502" spans="14:14">
      <c r="N992502" s="10"/>
    </row>
    <row r="992503" spans="14:14">
      <c r="N992503" s="10"/>
    </row>
    <row r="992504" spans="14:14">
      <c r="N992504" s="10"/>
    </row>
    <row r="992505" spans="14:14">
      <c r="N992505" s="10"/>
    </row>
    <row r="992506" spans="14:14">
      <c r="N992506" s="10"/>
    </row>
    <row r="992507" spans="14:14">
      <c r="N992507" s="10"/>
    </row>
    <row r="992508" spans="14:14">
      <c r="N992508" s="10"/>
    </row>
    <row r="992509" spans="14:14">
      <c r="N992509" s="10"/>
    </row>
    <row r="992510" spans="14:14">
      <c r="N992510" s="10"/>
    </row>
    <row r="992511" spans="14:14">
      <c r="N992511" s="10"/>
    </row>
    <row r="992512" spans="14:14">
      <c r="N992512" s="10"/>
    </row>
    <row r="992513" spans="14:14">
      <c r="N992513" s="10"/>
    </row>
    <row r="992514" spans="14:14">
      <c r="N992514" s="10"/>
    </row>
    <row r="992515" spans="14:14">
      <c r="N992515" s="10"/>
    </row>
    <row r="992516" spans="14:14">
      <c r="N992516" s="10"/>
    </row>
    <row r="992517" spans="14:14">
      <c r="N992517" s="10"/>
    </row>
    <row r="992518" spans="14:14">
      <c r="N992518" s="10"/>
    </row>
    <row r="992519" spans="14:14">
      <c r="N992519" s="10"/>
    </row>
    <row r="992520" spans="14:14">
      <c r="N992520" s="10"/>
    </row>
    <row r="992521" spans="14:14">
      <c r="N992521" s="10"/>
    </row>
    <row r="992522" spans="14:14">
      <c r="N992522" s="10"/>
    </row>
    <row r="992523" spans="14:14">
      <c r="N992523" s="10"/>
    </row>
    <row r="992524" spans="14:14">
      <c r="N992524" s="10"/>
    </row>
    <row r="992525" spans="14:14">
      <c r="N992525" s="10"/>
    </row>
    <row r="992526" spans="14:14">
      <c r="N992526" s="10"/>
    </row>
    <row r="992527" spans="14:14">
      <c r="N992527" s="10"/>
    </row>
    <row r="992528" spans="14:14">
      <c r="N992528" s="10"/>
    </row>
    <row r="992529" spans="14:14">
      <c r="N992529" s="10"/>
    </row>
    <row r="992530" spans="14:14">
      <c r="N992530" s="10"/>
    </row>
    <row r="992531" spans="14:14">
      <c r="N992531" s="10"/>
    </row>
    <row r="992532" spans="14:14">
      <c r="N992532" s="10"/>
    </row>
    <row r="992533" spans="14:14">
      <c r="N992533" s="10"/>
    </row>
    <row r="992534" spans="14:14">
      <c r="N992534" s="10"/>
    </row>
    <row r="992535" spans="14:14">
      <c r="N992535" s="10"/>
    </row>
    <row r="992536" spans="14:14">
      <c r="N992536" s="10"/>
    </row>
    <row r="992537" spans="14:14">
      <c r="N992537" s="10"/>
    </row>
    <row r="992538" spans="14:14">
      <c r="N992538" s="10"/>
    </row>
    <row r="992539" spans="14:14">
      <c r="N992539" s="10"/>
    </row>
    <row r="992540" spans="14:14">
      <c r="N992540" s="10"/>
    </row>
    <row r="992541" spans="14:14">
      <c r="N992541" s="10"/>
    </row>
    <row r="992542" spans="14:14">
      <c r="N992542" s="10"/>
    </row>
    <row r="992543" spans="14:14">
      <c r="N992543" s="10"/>
    </row>
    <row r="992544" spans="14:14">
      <c r="N992544" s="10"/>
    </row>
    <row r="992545" spans="14:14">
      <c r="N992545" s="10"/>
    </row>
    <row r="992546" spans="14:14">
      <c r="N992546" s="10"/>
    </row>
    <row r="992547" spans="14:14">
      <c r="N992547" s="10"/>
    </row>
    <row r="992548" spans="14:14">
      <c r="N992548" s="10"/>
    </row>
    <row r="992549" spans="14:14">
      <c r="N992549" s="10"/>
    </row>
    <row r="992550" spans="14:14">
      <c r="N992550" s="10"/>
    </row>
    <row r="992551" spans="14:14">
      <c r="N992551" s="10"/>
    </row>
    <row r="992552" spans="14:14">
      <c r="N992552" s="10"/>
    </row>
    <row r="992553" spans="14:14">
      <c r="N992553" s="10"/>
    </row>
    <row r="992554" spans="14:14">
      <c r="N992554" s="10"/>
    </row>
    <row r="992555" spans="14:14">
      <c r="N992555" s="10"/>
    </row>
    <row r="992556" spans="14:14">
      <c r="N992556" s="10"/>
    </row>
    <row r="992557" spans="14:14">
      <c r="N992557" s="10"/>
    </row>
    <row r="992558" spans="14:14">
      <c r="N992558" s="10"/>
    </row>
    <row r="992559" spans="14:14">
      <c r="N992559" s="10"/>
    </row>
    <row r="992560" spans="14:14">
      <c r="N992560" s="10"/>
    </row>
    <row r="992561" spans="14:14">
      <c r="N992561" s="10"/>
    </row>
    <row r="992562" spans="14:14">
      <c r="N992562" s="10"/>
    </row>
    <row r="992563" spans="14:14">
      <c r="N992563" s="10"/>
    </row>
    <row r="992564" spans="14:14">
      <c r="N992564" s="10"/>
    </row>
    <row r="992565" spans="14:14">
      <c r="N992565" s="10"/>
    </row>
    <row r="992566" spans="14:14">
      <c r="N992566" s="10"/>
    </row>
    <row r="992567" spans="14:14">
      <c r="N992567" s="10"/>
    </row>
    <row r="992568" spans="14:14">
      <c r="N992568" s="10"/>
    </row>
    <row r="992569" spans="14:14">
      <c r="N992569" s="10"/>
    </row>
    <row r="992570" spans="14:14">
      <c r="N992570" s="10"/>
    </row>
    <row r="992571" spans="14:14">
      <c r="N992571" s="10"/>
    </row>
    <row r="992572" spans="14:14">
      <c r="N992572" s="10"/>
    </row>
    <row r="992573" spans="14:14">
      <c r="N992573" s="10"/>
    </row>
    <row r="992574" spans="14:14">
      <c r="N992574" s="10"/>
    </row>
    <row r="992575" spans="14:14">
      <c r="N992575" s="10"/>
    </row>
    <row r="992576" spans="14:14">
      <c r="N992576" s="10"/>
    </row>
    <row r="992577" spans="14:14">
      <c r="N992577" s="10"/>
    </row>
    <row r="992578" spans="14:14">
      <c r="N992578" s="10"/>
    </row>
    <row r="992579" spans="14:14">
      <c r="N992579" s="10"/>
    </row>
    <row r="992580" spans="14:14">
      <c r="N992580" s="10"/>
    </row>
    <row r="992581" spans="14:14">
      <c r="N992581" s="10"/>
    </row>
    <row r="992582" spans="14:14">
      <c r="N992582" s="10"/>
    </row>
    <row r="992583" spans="14:14">
      <c r="N992583" s="10"/>
    </row>
    <row r="992584" spans="14:14">
      <c r="N992584" s="10"/>
    </row>
    <row r="992585" spans="14:14">
      <c r="N992585" s="10"/>
    </row>
    <row r="992586" spans="14:14">
      <c r="N992586" s="10"/>
    </row>
    <row r="992587" spans="14:14">
      <c r="N992587" s="10"/>
    </row>
    <row r="992588" spans="14:14">
      <c r="N992588" s="10"/>
    </row>
    <row r="992589" spans="14:14">
      <c r="N992589" s="10"/>
    </row>
    <row r="992590" spans="14:14">
      <c r="N992590" s="10"/>
    </row>
    <row r="992591" spans="14:14">
      <c r="N992591" s="10"/>
    </row>
    <row r="992592" spans="14:14">
      <c r="N992592" s="10"/>
    </row>
    <row r="992593" spans="14:14">
      <c r="N992593" s="10"/>
    </row>
    <row r="992594" spans="14:14">
      <c r="N992594" s="10"/>
    </row>
    <row r="992595" spans="14:14">
      <c r="N992595" s="10"/>
    </row>
    <row r="992596" spans="14:14">
      <c r="N992596" s="10"/>
    </row>
    <row r="992597" spans="14:14">
      <c r="N992597" s="10"/>
    </row>
    <row r="992598" spans="14:14">
      <c r="N992598" s="10"/>
    </row>
    <row r="992599" spans="14:14">
      <c r="N992599" s="10"/>
    </row>
    <row r="992600" spans="14:14">
      <c r="N992600" s="10"/>
    </row>
    <row r="992601" spans="14:14">
      <c r="N992601" s="10"/>
    </row>
    <row r="992602" spans="14:14">
      <c r="N992602" s="10"/>
    </row>
    <row r="992603" spans="14:14">
      <c r="N992603" s="10"/>
    </row>
    <row r="992604" spans="14:14">
      <c r="N992604" s="10"/>
    </row>
    <row r="992605" spans="14:14">
      <c r="N992605" s="10"/>
    </row>
    <row r="992606" spans="14:14">
      <c r="N992606" s="10"/>
    </row>
    <row r="992607" spans="14:14">
      <c r="N992607" s="10"/>
    </row>
    <row r="992608" spans="14:14">
      <c r="N992608" s="10"/>
    </row>
    <row r="992609" spans="14:14">
      <c r="N992609" s="10"/>
    </row>
    <row r="992610" spans="14:14">
      <c r="N992610" s="10"/>
    </row>
    <row r="992611" spans="14:14">
      <c r="N992611" s="10"/>
    </row>
    <row r="992612" spans="14:14">
      <c r="N992612" s="10"/>
    </row>
    <row r="992613" spans="14:14">
      <c r="N992613" s="10"/>
    </row>
    <row r="992614" spans="14:14">
      <c r="N992614" s="10"/>
    </row>
    <row r="992615" spans="14:14">
      <c r="N992615" s="10"/>
    </row>
    <row r="992616" spans="14:14">
      <c r="N992616" s="10"/>
    </row>
    <row r="992617" spans="14:14">
      <c r="N992617" s="10"/>
    </row>
    <row r="992618" spans="14:14">
      <c r="N992618" s="10"/>
    </row>
    <row r="992619" spans="14:14">
      <c r="N992619" s="10"/>
    </row>
    <row r="992620" spans="14:14">
      <c r="N992620" s="10"/>
    </row>
    <row r="992621" spans="14:14">
      <c r="N992621" s="10"/>
    </row>
    <row r="992622" spans="14:14">
      <c r="N992622" s="10"/>
    </row>
    <row r="992623" spans="14:14">
      <c r="N992623" s="10"/>
    </row>
    <row r="992624" spans="14:14">
      <c r="N992624" s="10"/>
    </row>
    <row r="992625" spans="14:14">
      <c r="N992625" s="10"/>
    </row>
    <row r="992626" spans="14:14">
      <c r="N992626" s="10"/>
    </row>
    <row r="992627" spans="14:14">
      <c r="N992627" s="10"/>
    </row>
    <row r="992628" spans="14:14">
      <c r="N992628" s="10"/>
    </row>
    <row r="992629" spans="14:14">
      <c r="N992629" s="10"/>
    </row>
    <row r="992630" spans="14:14">
      <c r="N992630" s="10"/>
    </row>
    <row r="992631" spans="14:14">
      <c r="N992631" s="10"/>
    </row>
    <row r="992632" spans="14:14">
      <c r="N992632" s="10"/>
    </row>
    <row r="992633" spans="14:14">
      <c r="N992633" s="10"/>
    </row>
    <row r="992634" spans="14:14">
      <c r="N992634" s="10"/>
    </row>
    <row r="992635" spans="14:14">
      <c r="N992635" s="10"/>
    </row>
    <row r="992636" spans="14:14">
      <c r="N992636" s="10"/>
    </row>
    <row r="992637" spans="14:14">
      <c r="N992637" s="10"/>
    </row>
    <row r="992638" spans="14:14">
      <c r="N992638" s="10"/>
    </row>
    <row r="992639" spans="14:14">
      <c r="N992639" s="10"/>
    </row>
    <row r="992640" spans="14:14">
      <c r="N992640" s="10"/>
    </row>
    <row r="992641" spans="14:14">
      <c r="N992641" s="10"/>
    </row>
    <row r="992642" spans="14:14">
      <c r="N992642" s="10"/>
    </row>
    <row r="992643" spans="14:14">
      <c r="N992643" s="10"/>
    </row>
    <row r="992644" spans="14:14">
      <c r="N992644" s="10"/>
    </row>
    <row r="992645" spans="14:14">
      <c r="N992645" s="10"/>
    </row>
    <row r="992646" spans="14:14">
      <c r="N992646" s="10"/>
    </row>
    <row r="992647" spans="14:14">
      <c r="N992647" s="10"/>
    </row>
    <row r="992648" spans="14:14">
      <c r="N992648" s="10"/>
    </row>
    <row r="992649" spans="14:14">
      <c r="N992649" s="10"/>
    </row>
    <row r="992650" spans="14:14">
      <c r="N992650" s="10"/>
    </row>
    <row r="992651" spans="14:14">
      <c r="N992651" s="10"/>
    </row>
    <row r="992652" spans="14:14">
      <c r="N992652" s="10"/>
    </row>
    <row r="992653" spans="14:14">
      <c r="N992653" s="10"/>
    </row>
    <row r="992654" spans="14:14">
      <c r="N992654" s="10"/>
    </row>
    <row r="992655" spans="14:14">
      <c r="N992655" s="10"/>
    </row>
    <row r="992656" spans="14:14">
      <c r="N992656" s="10"/>
    </row>
    <row r="992657" spans="14:14">
      <c r="N992657" s="10"/>
    </row>
    <row r="992658" spans="14:14">
      <c r="N992658" s="10"/>
    </row>
    <row r="992659" spans="14:14">
      <c r="N992659" s="10"/>
    </row>
    <row r="992660" spans="14:14">
      <c r="N992660" s="10"/>
    </row>
    <row r="992661" spans="14:14">
      <c r="N992661" s="10"/>
    </row>
    <row r="992662" spans="14:14">
      <c r="N992662" s="10"/>
    </row>
    <row r="992663" spans="14:14">
      <c r="N992663" s="10"/>
    </row>
    <row r="992664" spans="14:14">
      <c r="N992664" s="10"/>
    </row>
    <row r="992665" spans="14:14">
      <c r="N992665" s="10"/>
    </row>
    <row r="992666" spans="14:14">
      <c r="N992666" s="10"/>
    </row>
    <row r="992667" spans="14:14">
      <c r="N992667" s="10"/>
    </row>
    <row r="992668" spans="14:14">
      <c r="N992668" s="10"/>
    </row>
    <row r="992669" spans="14:14">
      <c r="N992669" s="10"/>
    </row>
    <row r="992670" spans="14:14">
      <c r="N992670" s="10"/>
    </row>
    <row r="992671" spans="14:14">
      <c r="N992671" s="10"/>
    </row>
    <row r="992672" spans="14:14">
      <c r="N992672" s="10"/>
    </row>
    <row r="992673" spans="14:14">
      <c r="N992673" s="10"/>
    </row>
    <row r="992674" spans="14:14">
      <c r="N992674" s="10"/>
    </row>
    <row r="992675" spans="14:14">
      <c r="N992675" s="10"/>
    </row>
    <row r="992676" spans="14:14">
      <c r="N992676" s="10"/>
    </row>
    <row r="992677" spans="14:14">
      <c r="N992677" s="10"/>
    </row>
    <row r="992678" spans="14:14">
      <c r="N992678" s="10"/>
    </row>
    <row r="992679" spans="14:14">
      <c r="N992679" s="10"/>
    </row>
    <row r="992680" spans="14:14">
      <c r="N992680" s="10"/>
    </row>
    <row r="992681" spans="14:14">
      <c r="N992681" s="10"/>
    </row>
    <row r="992682" spans="14:14">
      <c r="N992682" s="10"/>
    </row>
    <row r="992683" spans="14:14">
      <c r="N992683" s="10"/>
    </row>
    <row r="992684" spans="14:14">
      <c r="N992684" s="10"/>
    </row>
    <row r="992685" spans="14:14">
      <c r="N992685" s="10"/>
    </row>
    <row r="992686" spans="14:14">
      <c r="N992686" s="10"/>
    </row>
    <row r="992687" spans="14:14">
      <c r="N992687" s="10"/>
    </row>
    <row r="992688" spans="14:14">
      <c r="N992688" s="10"/>
    </row>
    <row r="992689" spans="14:14">
      <c r="N992689" s="10"/>
    </row>
    <row r="992690" spans="14:14">
      <c r="N992690" s="10"/>
    </row>
    <row r="992691" spans="14:14">
      <c r="N992691" s="10"/>
    </row>
    <row r="992692" spans="14:14">
      <c r="N992692" s="10"/>
    </row>
    <row r="992693" spans="14:14">
      <c r="N992693" s="10"/>
    </row>
    <row r="992694" spans="14:14">
      <c r="N992694" s="10"/>
    </row>
    <row r="992695" spans="14:14">
      <c r="N992695" s="10"/>
    </row>
    <row r="992696" spans="14:14">
      <c r="N992696" s="10"/>
    </row>
    <row r="992697" spans="14:14">
      <c r="N992697" s="10"/>
    </row>
    <row r="992698" spans="14:14">
      <c r="N992698" s="10"/>
    </row>
    <row r="992699" spans="14:14">
      <c r="N992699" s="10"/>
    </row>
    <row r="992700" spans="14:14">
      <c r="N992700" s="10"/>
    </row>
    <row r="992701" spans="14:14">
      <c r="N992701" s="10"/>
    </row>
    <row r="992702" spans="14:14">
      <c r="N992702" s="10"/>
    </row>
    <row r="992703" spans="14:14">
      <c r="N992703" s="10"/>
    </row>
    <row r="992704" spans="14:14">
      <c r="N992704" s="10"/>
    </row>
    <row r="992705" spans="14:14">
      <c r="N992705" s="10"/>
    </row>
    <row r="992706" spans="14:14">
      <c r="N992706" s="10"/>
    </row>
    <row r="992707" spans="14:14">
      <c r="N992707" s="10"/>
    </row>
    <row r="992708" spans="14:14">
      <c r="N992708" s="10"/>
    </row>
    <row r="992709" spans="14:14">
      <c r="N992709" s="10"/>
    </row>
    <row r="992710" spans="14:14">
      <c r="N992710" s="10"/>
    </row>
    <row r="992711" spans="14:14">
      <c r="N992711" s="10"/>
    </row>
    <row r="992712" spans="14:14">
      <c r="N992712" s="10"/>
    </row>
    <row r="992713" spans="14:14">
      <c r="N992713" s="10"/>
    </row>
    <row r="992714" spans="14:14">
      <c r="N992714" s="10"/>
    </row>
    <row r="992715" spans="14:14">
      <c r="N992715" s="10"/>
    </row>
    <row r="992716" spans="14:14">
      <c r="N992716" s="10"/>
    </row>
    <row r="992717" spans="14:14">
      <c r="N992717" s="10"/>
    </row>
    <row r="992718" spans="14:14">
      <c r="N992718" s="10"/>
    </row>
    <row r="992719" spans="14:14">
      <c r="N992719" s="10"/>
    </row>
    <row r="992720" spans="14:14">
      <c r="N992720" s="10"/>
    </row>
    <row r="992721" spans="14:14">
      <c r="N992721" s="10"/>
    </row>
    <row r="992722" spans="14:14">
      <c r="N992722" s="10"/>
    </row>
    <row r="992723" spans="14:14">
      <c r="N992723" s="10"/>
    </row>
    <row r="992724" spans="14:14">
      <c r="N992724" s="10"/>
    </row>
    <row r="992725" spans="14:14">
      <c r="N992725" s="10"/>
    </row>
    <row r="992726" spans="14:14">
      <c r="N992726" s="10"/>
    </row>
    <row r="992727" spans="14:14">
      <c r="N992727" s="10"/>
    </row>
    <row r="992728" spans="14:14">
      <c r="N992728" s="10"/>
    </row>
    <row r="992729" spans="14:14">
      <c r="N992729" s="10"/>
    </row>
    <row r="992730" spans="14:14">
      <c r="N992730" s="10"/>
    </row>
    <row r="992731" spans="14:14">
      <c r="N992731" s="10"/>
    </row>
    <row r="992732" spans="14:14">
      <c r="N992732" s="10"/>
    </row>
    <row r="992733" spans="14:14">
      <c r="N992733" s="10"/>
    </row>
    <row r="992734" spans="14:14">
      <c r="N992734" s="10"/>
    </row>
    <row r="992735" spans="14:14">
      <c r="N992735" s="10"/>
    </row>
    <row r="992736" spans="14:14">
      <c r="N992736" s="10"/>
    </row>
    <row r="992737" spans="14:14">
      <c r="N992737" s="10"/>
    </row>
    <row r="992738" spans="14:14">
      <c r="N992738" s="10"/>
    </row>
    <row r="992739" spans="14:14">
      <c r="N992739" s="10"/>
    </row>
    <row r="992740" spans="14:14">
      <c r="N992740" s="10"/>
    </row>
    <row r="992741" spans="14:14">
      <c r="N992741" s="10"/>
    </row>
    <row r="992742" spans="14:14">
      <c r="N992742" s="10"/>
    </row>
    <row r="992743" spans="14:14">
      <c r="N992743" s="10"/>
    </row>
    <row r="992744" spans="14:14">
      <c r="N992744" s="10"/>
    </row>
    <row r="992745" spans="14:14">
      <c r="N992745" s="10"/>
    </row>
    <row r="992746" spans="14:14">
      <c r="N992746" s="10"/>
    </row>
    <row r="992747" spans="14:14">
      <c r="N992747" s="10"/>
    </row>
    <row r="992748" spans="14:14">
      <c r="N992748" s="10"/>
    </row>
    <row r="992749" spans="14:14">
      <c r="N992749" s="10"/>
    </row>
    <row r="992750" spans="14:14">
      <c r="N992750" s="10"/>
    </row>
    <row r="992751" spans="14:14">
      <c r="N992751" s="10"/>
    </row>
    <row r="992752" spans="14:14">
      <c r="N992752" s="10"/>
    </row>
    <row r="992753" spans="14:14">
      <c r="N992753" s="10"/>
    </row>
    <row r="992754" spans="14:14">
      <c r="N992754" s="10"/>
    </row>
    <row r="992755" spans="14:14">
      <c r="N992755" s="10"/>
    </row>
    <row r="992756" spans="14:14">
      <c r="N992756" s="10"/>
    </row>
    <row r="992757" spans="14:14">
      <c r="N992757" s="10"/>
    </row>
    <row r="992758" spans="14:14">
      <c r="N992758" s="10"/>
    </row>
    <row r="992759" spans="14:14">
      <c r="N992759" s="10"/>
    </row>
    <row r="992760" spans="14:14">
      <c r="N992760" s="10"/>
    </row>
    <row r="992761" spans="14:14">
      <c r="N992761" s="10"/>
    </row>
    <row r="992762" spans="14:14">
      <c r="N992762" s="10"/>
    </row>
    <row r="992763" spans="14:14">
      <c r="N992763" s="10"/>
    </row>
    <row r="992764" spans="14:14">
      <c r="N992764" s="10"/>
    </row>
    <row r="992765" spans="14:14">
      <c r="N992765" s="10"/>
    </row>
    <row r="992766" spans="14:14">
      <c r="N992766" s="10"/>
    </row>
    <row r="992767" spans="14:14">
      <c r="N992767" s="10"/>
    </row>
    <row r="992768" spans="14:14">
      <c r="N992768" s="10"/>
    </row>
    <row r="992769" spans="14:14">
      <c r="N992769" s="10"/>
    </row>
    <row r="992770" spans="14:14">
      <c r="N992770" s="10"/>
    </row>
    <row r="992771" spans="14:14">
      <c r="N992771" s="10"/>
    </row>
    <row r="992772" spans="14:14">
      <c r="N992772" s="10"/>
    </row>
    <row r="992773" spans="14:14">
      <c r="N992773" s="10"/>
    </row>
    <row r="992774" spans="14:14">
      <c r="N992774" s="10"/>
    </row>
    <row r="992775" spans="14:14">
      <c r="N992775" s="10"/>
    </row>
    <row r="992776" spans="14:14">
      <c r="N992776" s="10"/>
    </row>
    <row r="992777" spans="14:14">
      <c r="N992777" s="10"/>
    </row>
    <row r="992778" spans="14:14">
      <c r="N992778" s="10"/>
    </row>
    <row r="992779" spans="14:14">
      <c r="N992779" s="10"/>
    </row>
    <row r="992780" spans="14:14">
      <c r="N992780" s="10"/>
    </row>
    <row r="992781" spans="14:14">
      <c r="N992781" s="10"/>
    </row>
    <row r="992782" spans="14:14">
      <c r="N992782" s="10"/>
    </row>
    <row r="992783" spans="14:14">
      <c r="N992783" s="10"/>
    </row>
    <row r="992784" spans="14:14">
      <c r="N992784" s="10"/>
    </row>
    <row r="992785" spans="14:14">
      <c r="N992785" s="10"/>
    </row>
    <row r="992786" spans="14:14">
      <c r="N992786" s="10"/>
    </row>
    <row r="992787" spans="14:14">
      <c r="N992787" s="10"/>
    </row>
    <row r="992788" spans="14:14">
      <c r="N992788" s="10"/>
    </row>
    <row r="992789" spans="14:14">
      <c r="N992789" s="10"/>
    </row>
    <row r="992790" spans="14:14">
      <c r="N992790" s="10"/>
    </row>
    <row r="992791" spans="14:14">
      <c r="N992791" s="10"/>
    </row>
    <row r="992792" spans="14:14">
      <c r="N992792" s="10"/>
    </row>
    <row r="992793" spans="14:14">
      <c r="N992793" s="10"/>
    </row>
    <row r="992794" spans="14:14">
      <c r="N992794" s="10"/>
    </row>
    <row r="992795" spans="14:14">
      <c r="N992795" s="10"/>
    </row>
    <row r="992796" spans="14:14">
      <c r="N992796" s="10"/>
    </row>
    <row r="992797" spans="14:14">
      <c r="N992797" s="10"/>
    </row>
    <row r="992798" spans="14:14">
      <c r="N992798" s="10"/>
    </row>
    <row r="992799" spans="14:14">
      <c r="N992799" s="10"/>
    </row>
    <row r="992800" spans="14:14">
      <c r="N992800" s="10"/>
    </row>
    <row r="992801" spans="14:14">
      <c r="N992801" s="10"/>
    </row>
    <row r="992802" spans="14:14">
      <c r="N992802" s="10"/>
    </row>
    <row r="992803" spans="14:14">
      <c r="N992803" s="10"/>
    </row>
    <row r="992804" spans="14:14">
      <c r="N992804" s="10"/>
    </row>
    <row r="992805" spans="14:14">
      <c r="N992805" s="10"/>
    </row>
    <row r="992806" spans="14:14">
      <c r="N992806" s="10"/>
    </row>
    <row r="992807" spans="14:14">
      <c r="N992807" s="10"/>
    </row>
    <row r="992808" spans="14:14">
      <c r="N992808" s="10"/>
    </row>
    <row r="992809" spans="14:14">
      <c r="N992809" s="10"/>
    </row>
    <row r="992810" spans="14:14">
      <c r="N992810" s="10"/>
    </row>
    <row r="992811" spans="14:14">
      <c r="N992811" s="10"/>
    </row>
    <row r="992812" spans="14:14">
      <c r="N992812" s="10"/>
    </row>
    <row r="992813" spans="14:14">
      <c r="N992813" s="10"/>
    </row>
    <row r="992814" spans="14:14">
      <c r="N992814" s="10"/>
    </row>
    <row r="992815" spans="14:14">
      <c r="N992815" s="10"/>
    </row>
    <row r="992816" spans="14:14">
      <c r="N992816" s="10"/>
    </row>
    <row r="992817" spans="14:14">
      <c r="N992817" s="10"/>
    </row>
    <row r="992818" spans="14:14">
      <c r="N992818" s="10"/>
    </row>
    <row r="992819" spans="14:14">
      <c r="N992819" s="10"/>
    </row>
    <row r="992820" spans="14:14">
      <c r="N992820" s="10"/>
    </row>
    <row r="992821" spans="14:14">
      <c r="N992821" s="10"/>
    </row>
    <row r="992822" spans="14:14">
      <c r="N992822" s="10"/>
    </row>
    <row r="992823" spans="14:14">
      <c r="N992823" s="10"/>
    </row>
    <row r="992824" spans="14:14">
      <c r="N992824" s="10"/>
    </row>
    <row r="992825" spans="14:14">
      <c r="N992825" s="10"/>
    </row>
    <row r="992826" spans="14:14">
      <c r="N992826" s="10"/>
    </row>
    <row r="992827" spans="14:14">
      <c r="N992827" s="10"/>
    </row>
    <row r="992828" spans="14:14">
      <c r="N992828" s="10"/>
    </row>
    <row r="992829" spans="14:14">
      <c r="N992829" s="10"/>
    </row>
    <row r="992830" spans="14:14">
      <c r="N992830" s="10"/>
    </row>
    <row r="992831" spans="14:14">
      <c r="N992831" s="10"/>
    </row>
    <row r="992832" spans="14:14">
      <c r="N992832" s="10"/>
    </row>
    <row r="992833" spans="14:14">
      <c r="N992833" s="10"/>
    </row>
    <row r="992834" spans="14:14">
      <c r="N992834" s="10"/>
    </row>
    <row r="992835" spans="14:14">
      <c r="N992835" s="10"/>
    </row>
    <row r="992836" spans="14:14">
      <c r="N992836" s="10"/>
    </row>
    <row r="992837" spans="14:14">
      <c r="N992837" s="10"/>
    </row>
    <row r="992838" spans="14:14">
      <c r="N992838" s="10"/>
    </row>
    <row r="992839" spans="14:14">
      <c r="N992839" s="10"/>
    </row>
    <row r="992840" spans="14:14">
      <c r="N992840" s="10"/>
    </row>
    <row r="992841" spans="14:14">
      <c r="N992841" s="10"/>
    </row>
    <row r="992842" spans="14:14">
      <c r="N992842" s="10"/>
    </row>
    <row r="992843" spans="14:14">
      <c r="N992843" s="10"/>
    </row>
    <row r="992844" spans="14:14">
      <c r="N992844" s="10"/>
    </row>
    <row r="992845" spans="14:14">
      <c r="N992845" s="10"/>
    </row>
    <row r="992846" spans="14:14">
      <c r="N992846" s="10"/>
    </row>
    <row r="992847" spans="14:14">
      <c r="N992847" s="10"/>
    </row>
    <row r="992848" spans="14:14">
      <c r="N992848" s="10"/>
    </row>
    <row r="992849" spans="14:14">
      <c r="N992849" s="10"/>
    </row>
    <row r="992850" spans="14:14">
      <c r="N992850" s="10"/>
    </row>
    <row r="992851" spans="14:14">
      <c r="N992851" s="10"/>
    </row>
    <row r="992852" spans="14:14">
      <c r="N992852" s="10"/>
    </row>
    <row r="992853" spans="14:14">
      <c r="N992853" s="10"/>
    </row>
    <row r="992854" spans="14:14">
      <c r="N992854" s="10"/>
    </row>
    <row r="992855" spans="14:14">
      <c r="N992855" s="10"/>
    </row>
    <row r="992856" spans="14:14">
      <c r="N992856" s="10"/>
    </row>
    <row r="992857" spans="14:14">
      <c r="N992857" s="10"/>
    </row>
    <row r="992858" spans="14:14">
      <c r="N992858" s="10"/>
    </row>
    <row r="992859" spans="14:14">
      <c r="N992859" s="10"/>
    </row>
    <row r="992860" spans="14:14">
      <c r="N992860" s="10"/>
    </row>
    <row r="992861" spans="14:14">
      <c r="N992861" s="10"/>
    </row>
    <row r="992862" spans="14:14">
      <c r="N992862" s="10"/>
    </row>
    <row r="992863" spans="14:14">
      <c r="N992863" s="10"/>
    </row>
    <row r="992864" spans="14:14">
      <c r="N992864" s="10"/>
    </row>
    <row r="992865" spans="14:14">
      <c r="N992865" s="10"/>
    </row>
    <row r="992866" spans="14:14">
      <c r="N992866" s="10"/>
    </row>
    <row r="992867" spans="14:14">
      <c r="N992867" s="10"/>
    </row>
    <row r="992868" spans="14:14">
      <c r="N992868" s="10"/>
    </row>
    <row r="992869" spans="14:14">
      <c r="N992869" s="10"/>
    </row>
    <row r="992870" spans="14:14">
      <c r="N992870" s="10"/>
    </row>
    <row r="992871" spans="14:14">
      <c r="N992871" s="10"/>
    </row>
    <row r="992872" spans="14:14">
      <c r="N992872" s="10"/>
    </row>
    <row r="992873" spans="14:14">
      <c r="N992873" s="10"/>
    </row>
    <row r="992874" spans="14:14">
      <c r="N992874" s="10"/>
    </row>
    <row r="992875" spans="14:14">
      <c r="N992875" s="10"/>
    </row>
    <row r="992876" spans="14:14">
      <c r="N992876" s="10"/>
    </row>
    <row r="992877" spans="14:14">
      <c r="N992877" s="10"/>
    </row>
    <row r="992878" spans="14:14">
      <c r="N992878" s="10"/>
    </row>
    <row r="992879" spans="14:14">
      <c r="N992879" s="10"/>
    </row>
    <row r="992880" spans="14:14">
      <c r="N992880" s="10"/>
    </row>
    <row r="992881" spans="14:14">
      <c r="N992881" s="10"/>
    </row>
    <row r="992882" spans="14:14">
      <c r="N992882" s="10"/>
    </row>
    <row r="992883" spans="14:14">
      <c r="N992883" s="10"/>
    </row>
    <row r="992884" spans="14:14">
      <c r="N992884" s="10"/>
    </row>
    <row r="992885" spans="14:14">
      <c r="N992885" s="10"/>
    </row>
    <row r="992886" spans="14:14">
      <c r="N992886" s="10"/>
    </row>
    <row r="992887" spans="14:14">
      <c r="N992887" s="10"/>
    </row>
    <row r="992888" spans="14:14">
      <c r="N992888" s="10"/>
    </row>
    <row r="992889" spans="14:14">
      <c r="N992889" s="10"/>
    </row>
    <row r="992890" spans="14:14">
      <c r="N992890" s="10"/>
    </row>
    <row r="992891" spans="14:14">
      <c r="N992891" s="10"/>
    </row>
    <row r="992892" spans="14:14">
      <c r="N992892" s="10"/>
    </row>
    <row r="992893" spans="14:14">
      <c r="N992893" s="10"/>
    </row>
    <row r="992894" spans="14:14">
      <c r="N992894" s="10"/>
    </row>
    <row r="992895" spans="14:14">
      <c r="N992895" s="10"/>
    </row>
    <row r="992896" spans="14:14">
      <c r="N992896" s="10"/>
    </row>
    <row r="992897" spans="14:14">
      <c r="N992897" s="10"/>
    </row>
    <row r="992898" spans="14:14">
      <c r="N992898" s="10"/>
    </row>
    <row r="992899" spans="14:14">
      <c r="N992899" s="10"/>
    </row>
    <row r="992900" spans="14:14">
      <c r="N992900" s="10"/>
    </row>
    <row r="992901" spans="14:14">
      <c r="N992901" s="10"/>
    </row>
    <row r="992902" spans="14:14">
      <c r="N992902" s="10"/>
    </row>
    <row r="992903" spans="14:14">
      <c r="N992903" s="10"/>
    </row>
    <row r="992904" spans="14:14">
      <c r="N992904" s="10"/>
    </row>
    <row r="992905" spans="14:14">
      <c r="N992905" s="10"/>
    </row>
    <row r="992906" spans="14:14">
      <c r="N992906" s="10"/>
    </row>
    <row r="992907" spans="14:14">
      <c r="N992907" s="10"/>
    </row>
    <row r="992908" spans="14:14">
      <c r="N992908" s="10"/>
    </row>
    <row r="992909" spans="14:14">
      <c r="N992909" s="10"/>
    </row>
    <row r="992910" spans="14:14">
      <c r="N992910" s="10"/>
    </row>
    <row r="992911" spans="14:14">
      <c r="N992911" s="10"/>
    </row>
    <row r="992912" spans="14:14">
      <c r="N992912" s="10"/>
    </row>
    <row r="992913" spans="14:14">
      <c r="N992913" s="10"/>
    </row>
    <row r="992914" spans="14:14">
      <c r="N992914" s="10"/>
    </row>
    <row r="992915" spans="14:14">
      <c r="N992915" s="10"/>
    </row>
    <row r="992916" spans="14:14">
      <c r="N992916" s="10"/>
    </row>
    <row r="992917" spans="14:14">
      <c r="N992917" s="10"/>
    </row>
    <row r="992918" spans="14:14">
      <c r="N992918" s="10"/>
    </row>
    <row r="992919" spans="14:14">
      <c r="N992919" s="10"/>
    </row>
    <row r="992920" spans="14:14">
      <c r="N992920" s="10"/>
    </row>
    <row r="992921" spans="14:14">
      <c r="N992921" s="10"/>
    </row>
    <row r="992922" spans="14:14">
      <c r="N992922" s="10"/>
    </row>
    <row r="992923" spans="14:14">
      <c r="N992923" s="10"/>
    </row>
    <row r="992924" spans="14:14">
      <c r="N992924" s="10"/>
    </row>
    <row r="992925" spans="14:14">
      <c r="N992925" s="10"/>
    </row>
    <row r="992926" spans="14:14">
      <c r="N992926" s="10"/>
    </row>
    <row r="992927" spans="14:14">
      <c r="N992927" s="10"/>
    </row>
    <row r="992928" spans="14:14">
      <c r="N992928" s="10"/>
    </row>
    <row r="992929" spans="14:14">
      <c r="N992929" s="10"/>
    </row>
    <row r="992930" spans="14:14">
      <c r="N992930" s="10"/>
    </row>
    <row r="992931" spans="14:14">
      <c r="N992931" s="10"/>
    </row>
    <row r="992932" spans="14:14">
      <c r="N992932" s="10"/>
    </row>
    <row r="992933" spans="14:14">
      <c r="N992933" s="10"/>
    </row>
    <row r="992934" spans="14:14">
      <c r="N992934" s="10"/>
    </row>
    <row r="992935" spans="14:14">
      <c r="N992935" s="10"/>
    </row>
    <row r="992936" spans="14:14">
      <c r="N992936" s="10"/>
    </row>
    <row r="992937" spans="14:14">
      <c r="N992937" s="10"/>
    </row>
    <row r="992938" spans="14:14">
      <c r="N992938" s="10"/>
    </row>
    <row r="992939" spans="14:14">
      <c r="N992939" s="10"/>
    </row>
    <row r="992940" spans="14:14">
      <c r="N992940" s="10"/>
    </row>
    <row r="992941" spans="14:14">
      <c r="N992941" s="10"/>
    </row>
    <row r="992942" spans="14:14">
      <c r="N992942" s="10"/>
    </row>
    <row r="992943" spans="14:14">
      <c r="N992943" s="10"/>
    </row>
    <row r="992944" spans="14:14">
      <c r="N992944" s="10"/>
    </row>
    <row r="992945" spans="14:14">
      <c r="N992945" s="10"/>
    </row>
    <row r="992946" spans="14:14">
      <c r="N992946" s="10"/>
    </row>
    <row r="992947" spans="14:14">
      <c r="N992947" s="10"/>
    </row>
    <row r="992948" spans="14:14">
      <c r="N992948" s="10"/>
    </row>
    <row r="992949" spans="14:14">
      <c r="N992949" s="10"/>
    </row>
    <row r="992950" spans="14:14">
      <c r="N992950" s="10"/>
    </row>
    <row r="992951" spans="14:14">
      <c r="N992951" s="10"/>
    </row>
    <row r="992952" spans="14:14">
      <c r="N992952" s="10"/>
    </row>
    <row r="992953" spans="14:14">
      <c r="N992953" s="10"/>
    </row>
    <row r="992954" spans="14:14">
      <c r="N992954" s="10"/>
    </row>
    <row r="992955" spans="14:14">
      <c r="N992955" s="10"/>
    </row>
    <row r="992956" spans="14:14">
      <c r="N992956" s="10"/>
    </row>
    <row r="992957" spans="14:14">
      <c r="N992957" s="10"/>
    </row>
    <row r="992958" spans="14:14">
      <c r="N992958" s="10"/>
    </row>
    <row r="992959" spans="14:14">
      <c r="N992959" s="10"/>
    </row>
    <row r="992960" spans="14:14">
      <c r="N992960" s="10"/>
    </row>
    <row r="992961" spans="14:14">
      <c r="N992961" s="10"/>
    </row>
    <row r="992962" spans="14:14">
      <c r="N992962" s="10"/>
    </row>
    <row r="992963" spans="14:14">
      <c r="N992963" s="10"/>
    </row>
    <row r="992964" spans="14:14">
      <c r="N992964" s="10"/>
    </row>
    <row r="992965" spans="14:14">
      <c r="N992965" s="10"/>
    </row>
    <row r="992966" spans="14:14">
      <c r="N992966" s="10"/>
    </row>
    <row r="992967" spans="14:14">
      <c r="N992967" s="10"/>
    </row>
    <row r="992968" spans="14:14">
      <c r="N992968" s="10"/>
    </row>
    <row r="992969" spans="14:14">
      <c r="N992969" s="10"/>
    </row>
    <row r="992970" spans="14:14">
      <c r="N992970" s="10"/>
    </row>
    <row r="992971" spans="14:14">
      <c r="N992971" s="10"/>
    </row>
    <row r="992972" spans="14:14">
      <c r="N992972" s="10"/>
    </row>
    <row r="992973" spans="14:14">
      <c r="N992973" s="10"/>
    </row>
    <row r="992974" spans="14:14">
      <c r="N992974" s="10"/>
    </row>
    <row r="992975" spans="14:14">
      <c r="N992975" s="10"/>
    </row>
    <row r="992976" spans="14:14">
      <c r="N992976" s="10"/>
    </row>
    <row r="992977" spans="14:14">
      <c r="N992977" s="10"/>
    </row>
    <row r="992978" spans="14:14">
      <c r="N992978" s="10"/>
    </row>
    <row r="992979" spans="14:14">
      <c r="N992979" s="10"/>
    </row>
    <row r="992980" spans="14:14">
      <c r="N992980" s="10"/>
    </row>
    <row r="992981" spans="14:14">
      <c r="N992981" s="10"/>
    </row>
    <row r="992982" spans="14:14">
      <c r="N992982" s="10"/>
    </row>
    <row r="992983" spans="14:14">
      <c r="N992983" s="10"/>
    </row>
    <row r="992984" spans="14:14">
      <c r="N992984" s="10"/>
    </row>
    <row r="992985" spans="14:14">
      <c r="N992985" s="10"/>
    </row>
    <row r="992986" spans="14:14">
      <c r="N992986" s="10"/>
    </row>
    <row r="992987" spans="14:14">
      <c r="N992987" s="10"/>
    </row>
    <row r="992988" spans="14:14">
      <c r="N992988" s="10"/>
    </row>
    <row r="992989" spans="14:14">
      <c r="N992989" s="10"/>
    </row>
    <row r="992990" spans="14:14">
      <c r="N992990" s="10"/>
    </row>
    <row r="992991" spans="14:14">
      <c r="N992991" s="10"/>
    </row>
    <row r="992992" spans="14:14">
      <c r="N992992" s="10"/>
    </row>
    <row r="992993" spans="14:14">
      <c r="N992993" s="10"/>
    </row>
    <row r="992994" spans="14:14">
      <c r="N992994" s="10"/>
    </row>
    <row r="992995" spans="14:14">
      <c r="N992995" s="10"/>
    </row>
    <row r="992996" spans="14:14">
      <c r="N992996" s="10"/>
    </row>
    <row r="992997" spans="14:14">
      <c r="N992997" s="10"/>
    </row>
    <row r="992998" spans="14:14">
      <c r="N992998" s="10"/>
    </row>
    <row r="992999" spans="14:14">
      <c r="N992999" s="10"/>
    </row>
    <row r="993000" spans="14:14">
      <c r="N993000" s="10"/>
    </row>
    <row r="993001" spans="14:14">
      <c r="N993001" s="10"/>
    </row>
    <row r="993002" spans="14:14">
      <c r="N993002" s="10"/>
    </row>
    <row r="993003" spans="14:14">
      <c r="N993003" s="10"/>
    </row>
    <row r="993004" spans="14:14">
      <c r="N993004" s="10"/>
    </row>
    <row r="993005" spans="14:14">
      <c r="N993005" s="10"/>
    </row>
    <row r="993006" spans="14:14">
      <c r="N993006" s="10"/>
    </row>
    <row r="993007" spans="14:14">
      <c r="N993007" s="10"/>
    </row>
    <row r="993008" spans="14:14">
      <c r="N993008" s="10"/>
    </row>
    <row r="993009" spans="14:14">
      <c r="N993009" s="10"/>
    </row>
    <row r="993010" spans="14:14">
      <c r="N993010" s="10"/>
    </row>
    <row r="993011" spans="14:14">
      <c r="N993011" s="10"/>
    </row>
    <row r="993012" spans="14:14">
      <c r="N993012" s="10"/>
    </row>
    <row r="993013" spans="14:14">
      <c r="N993013" s="10"/>
    </row>
    <row r="993014" spans="14:14">
      <c r="N993014" s="10"/>
    </row>
    <row r="993015" spans="14:14">
      <c r="N993015" s="10"/>
    </row>
    <row r="993016" spans="14:14">
      <c r="N993016" s="10"/>
    </row>
    <row r="993017" spans="14:14">
      <c r="N993017" s="10"/>
    </row>
    <row r="993018" spans="14:14">
      <c r="N993018" s="10"/>
    </row>
    <row r="993019" spans="14:14">
      <c r="N993019" s="10"/>
    </row>
    <row r="993020" spans="14:14">
      <c r="N993020" s="10"/>
    </row>
    <row r="993021" spans="14:14">
      <c r="N993021" s="10"/>
    </row>
    <row r="993022" spans="14:14">
      <c r="N993022" s="10"/>
    </row>
    <row r="993023" spans="14:14">
      <c r="N993023" s="10"/>
    </row>
    <row r="993024" spans="14:14">
      <c r="N993024" s="10"/>
    </row>
    <row r="993025" spans="14:14">
      <c r="N993025" s="10"/>
    </row>
    <row r="993026" spans="14:14">
      <c r="N993026" s="10"/>
    </row>
    <row r="993027" spans="14:14">
      <c r="N993027" s="10"/>
    </row>
    <row r="993028" spans="14:14">
      <c r="N993028" s="10"/>
    </row>
    <row r="993029" spans="14:14">
      <c r="N993029" s="10"/>
    </row>
    <row r="993030" spans="14:14">
      <c r="N993030" s="10"/>
    </row>
    <row r="993031" spans="14:14">
      <c r="N993031" s="10"/>
    </row>
    <row r="993032" spans="14:14">
      <c r="N993032" s="10"/>
    </row>
    <row r="993033" spans="14:14">
      <c r="N993033" s="10"/>
    </row>
    <row r="993034" spans="14:14">
      <c r="N993034" s="10"/>
    </row>
    <row r="993035" spans="14:14">
      <c r="N993035" s="10"/>
    </row>
    <row r="993036" spans="14:14">
      <c r="N993036" s="10"/>
    </row>
    <row r="993037" spans="14:14">
      <c r="N993037" s="10"/>
    </row>
    <row r="993038" spans="14:14">
      <c r="N993038" s="10"/>
    </row>
    <row r="993039" spans="14:14">
      <c r="N993039" s="10"/>
    </row>
    <row r="993040" spans="14:14">
      <c r="N993040" s="10"/>
    </row>
    <row r="993041" spans="14:14">
      <c r="N993041" s="10"/>
    </row>
    <row r="993042" spans="14:14">
      <c r="N993042" s="10"/>
    </row>
    <row r="993043" spans="14:14">
      <c r="N993043" s="10"/>
    </row>
    <row r="993044" spans="14:14">
      <c r="N993044" s="10"/>
    </row>
    <row r="993045" spans="14:14">
      <c r="N993045" s="10"/>
    </row>
    <row r="993046" spans="14:14">
      <c r="N993046" s="10"/>
    </row>
    <row r="993047" spans="14:14">
      <c r="N993047" s="10"/>
    </row>
    <row r="993048" spans="14:14">
      <c r="N993048" s="10"/>
    </row>
    <row r="993049" spans="14:14">
      <c r="N993049" s="10"/>
    </row>
    <row r="993050" spans="14:14">
      <c r="N993050" s="10"/>
    </row>
    <row r="993051" spans="14:14">
      <c r="N993051" s="10"/>
    </row>
    <row r="993052" spans="14:14">
      <c r="N993052" s="10"/>
    </row>
    <row r="993053" spans="14:14">
      <c r="N993053" s="10"/>
    </row>
    <row r="993054" spans="14:14">
      <c r="N993054" s="10"/>
    </row>
    <row r="993055" spans="14:14">
      <c r="N993055" s="10"/>
    </row>
    <row r="993056" spans="14:14">
      <c r="N993056" s="10"/>
    </row>
    <row r="993057" spans="14:14">
      <c r="N993057" s="10"/>
    </row>
    <row r="993058" spans="14:14">
      <c r="N993058" s="10"/>
    </row>
    <row r="993059" spans="14:14">
      <c r="N993059" s="10"/>
    </row>
    <row r="993060" spans="14:14">
      <c r="N993060" s="10"/>
    </row>
    <row r="993061" spans="14:14">
      <c r="N993061" s="10"/>
    </row>
    <row r="993062" spans="14:14">
      <c r="N993062" s="10"/>
    </row>
    <row r="993063" spans="14:14">
      <c r="N993063" s="10"/>
    </row>
    <row r="993064" spans="14:14">
      <c r="N993064" s="10"/>
    </row>
    <row r="993065" spans="14:14">
      <c r="N993065" s="10"/>
    </row>
    <row r="993066" spans="14:14">
      <c r="N993066" s="10"/>
    </row>
    <row r="993067" spans="14:14">
      <c r="N993067" s="10"/>
    </row>
    <row r="993068" spans="14:14">
      <c r="N993068" s="10"/>
    </row>
    <row r="993069" spans="14:14">
      <c r="N993069" s="10"/>
    </row>
    <row r="993070" spans="14:14">
      <c r="N993070" s="10"/>
    </row>
    <row r="993071" spans="14:14">
      <c r="N993071" s="10"/>
    </row>
    <row r="993072" spans="14:14">
      <c r="N993072" s="10"/>
    </row>
    <row r="993073" spans="14:14">
      <c r="N993073" s="10"/>
    </row>
    <row r="993074" spans="14:14">
      <c r="N993074" s="10"/>
    </row>
    <row r="993075" spans="14:14">
      <c r="N993075" s="10"/>
    </row>
    <row r="993076" spans="14:14">
      <c r="N993076" s="10"/>
    </row>
    <row r="993077" spans="14:14">
      <c r="N993077" s="10"/>
    </row>
    <row r="993078" spans="14:14">
      <c r="N993078" s="10"/>
    </row>
    <row r="993079" spans="14:14">
      <c r="N993079" s="10"/>
    </row>
    <row r="993080" spans="14:14">
      <c r="N993080" s="10"/>
    </row>
    <row r="993081" spans="14:14">
      <c r="N993081" s="10"/>
    </row>
    <row r="993082" spans="14:14">
      <c r="N993082" s="10"/>
    </row>
    <row r="993083" spans="14:14">
      <c r="N993083" s="10"/>
    </row>
    <row r="993084" spans="14:14">
      <c r="N993084" s="10"/>
    </row>
    <row r="993085" spans="14:14">
      <c r="N993085" s="10"/>
    </row>
    <row r="993086" spans="14:14">
      <c r="N993086" s="10"/>
    </row>
    <row r="993087" spans="14:14">
      <c r="N993087" s="10"/>
    </row>
    <row r="993088" spans="14:14">
      <c r="N993088" s="10"/>
    </row>
    <row r="993089" spans="14:14">
      <c r="N993089" s="10"/>
    </row>
    <row r="993090" spans="14:14">
      <c r="N993090" s="10"/>
    </row>
    <row r="993091" spans="14:14">
      <c r="N993091" s="10"/>
    </row>
    <row r="993092" spans="14:14">
      <c r="N993092" s="10"/>
    </row>
    <row r="993093" spans="14:14">
      <c r="N993093" s="10"/>
    </row>
    <row r="993094" spans="14:14">
      <c r="N993094" s="10"/>
    </row>
    <row r="993095" spans="14:14">
      <c r="N993095" s="10"/>
    </row>
    <row r="993096" spans="14:14">
      <c r="N993096" s="10"/>
    </row>
    <row r="993097" spans="14:14">
      <c r="N993097" s="10"/>
    </row>
    <row r="993098" spans="14:14">
      <c r="N993098" s="10"/>
    </row>
    <row r="993099" spans="14:14">
      <c r="N993099" s="10"/>
    </row>
    <row r="993100" spans="14:14">
      <c r="N993100" s="10"/>
    </row>
    <row r="993101" spans="14:14">
      <c r="N993101" s="10"/>
    </row>
    <row r="993102" spans="14:14">
      <c r="N993102" s="10"/>
    </row>
    <row r="993103" spans="14:14">
      <c r="N993103" s="10"/>
    </row>
    <row r="993104" spans="14:14">
      <c r="N993104" s="10"/>
    </row>
    <row r="993105" spans="14:14">
      <c r="N993105" s="10"/>
    </row>
    <row r="993106" spans="14:14">
      <c r="N993106" s="10"/>
    </row>
    <row r="993107" spans="14:14">
      <c r="N993107" s="10"/>
    </row>
    <row r="993108" spans="14:14">
      <c r="N993108" s="10"/>
    </row>
    <row r="993109" spans="14:14">
      <c r="N993109" s="10"/>
    </row>
    <row r="993110" spans="14:14">
      <c r="N993110" s="10"/>
    </row>
    <row r="993111" spans="14:14">
      <c r="N993111" s="10"/>
    </row>
    <row r="993112" spans="14:14">
      <c r="N993112" s="10"/>
    </row>
    <row r="993113" spans="14:14">
      <c r="N993113" s="10"/>
    </row>
    <row r="993114" spans="14:14">
      <c r="N993114" s="10"/>
    </row>
    <row r="993115" spans="14:14">
      <c r="N993115" s="10"/>
    </row>
    <row r="993116" spans="14:14">
      <c r="N993116" s="10"/>
    </row>
    <row r="993117" spans="14:14">
      <c r="N993117" s="10"/>
    </row>
    <row r="993118" spans="14:14">
      <c r="N993118" s="10"/>
    </row>
    <row r="993119" spans="14:14">
      <c r="N993119" s="10"/>
    </row>
    <row r="993120" spans="14:14">
      <c r="N993120" s="10"/>
    </row>
    <row r="993121" spans="14:14">
      <c r="N993121" s="10"/>
    </row>
    <row r="993122" spans="14:14">
      <c r="N993122" s="10"/>
    </row>
    <row r="993123" spans="14:14">
      <c r="N993123" s="10"/>
    </row>
    <row r="993124" spans="14:14">
      <c r="N993124" s="10"/>
    </row>
    <row r="993125" spans="14:14">
      <c r="N993125" s="10"/>
    </row>
    <row r="993126" spans="14:14">
      <c r="N993126" s="10"/>
    </row>
    <row r="993127" spans="14:14">
      <c r="N993127" s="10"/>
    </row>
    <row r="993128" spans="14:14">
      <c r="N993128" s="10"/>
    </row>
    <row r="993129" spans="14:14">
      <c r="N993129" s="10"/>
    </row>
    <row r="993130" spans="14:14">
      <c r="N993130" s="10"/>
    </row>
    <row r="993131" spans="14:14">
      <c r="N993131" s="10"/>
    </row>
    <row r="993132" spans="14:14">
      <c r="N993132" s="10"/>
    </row>
    <row r="993133" spans="14:14">
      <c r="N993133" s="10"/>
    </row>
    <row r="993134" spans="14:14">
      <c r="N993134" s="10"/>
    </row>
    <row r="993135" spans="14:14">
      <c r="N993135" s="10"/>
    </row>
    <row r="993136" spans="14:14">
      <c r="N993136" s="10"/>
    </row>
    <row r="993137" spans="14:14">
      <c r="N993137" s="10"/>
    </row>
    <row r="993138" spans="14:14">
      <c r="N993138" s="10"/>
    </row>
    <row r="993139" spans="14:14">
      <c r="N993139" s="10"/>
    </row>
    <row r="993140" spans="14:14">
      <c r="N993140" s="10"/>
    </row>
    <row r="993141" spans="14:14">
      <c r="N993141" s="10"/>
    </row>
    <row r="993142" spans="14:14">
      <c r="N993142" s="10"/>
    </row>
    <row r="993143" spans="14:14">
      <c r="N993143" s="10"/>
    </row>
    <row r="993144" spans="14:14">
      <c r="N993144" s="10"/>
    </row>
    <row r="993145" spans="14:14">
      <c r="N993145" s="10"/>
    </row>
    <row r="993146" spans="14:14">
      <c r="N993146" s="10"/>
    </row>
    <row r="993147" spans="14:14">
      <c r="N993147" s="10"/>
    </row>
    <row r="993148" spans="14:14">
      <c r="N993148" s="10"/>
    </row>
    <row r="993149" spans="14:14">
      <c r="N993149" s="10"/>
    </row>
    <row r="993150" spans="14:14">
      <c r="N993150" s="10"/>
    </row>
    <row r="993151" spans="14:14">
      <c r="N993151" s="10"/>
    </row>
    <row r="993152" spans="14:14">
      <c r="N993152" s="10"/>
    </row>
    <row r="993153" spans="14:14">
      <c r="N993153" s="10"/>
    </row>
    <row r="993154" spans="14:14">
      <c r="N993154" s="10"/>
    </row>
    <row r="993155" spans="14:14">
      <c r="N993155" s="10"/>
    </row>
    <row r="993156" spans="14:14">
      <c r="N993156" s="10"/>
    </row>
    <row r="993157" spans="14:14">
      <c r="N993157" s="10"/>
    </row>
    <row r="993158" spans="14:14">
      <c r="N993158" s="10"/>
    </row>
    <row r="993159" spans="14:14">
      <c r="N993159" s="10"/>
    </row>
    <row r="993160" spans="14:14">
      <c r="N993160" s="10"/>
    </row>
    <row r="993161" spans="14:14">
      <c r="N993161" s="10"/>
    </row>
    <row r="993162" spans="14:14">
      <c r="N993162" s="10"/>
    </row>
    <row r="993163" spans="14:14">
      <c r="N993163" s="10"/>
    </row>
    <row r="993164" spans="14:14">
      <c r="N993164" s="10"/>
    </row>
    <row r="993165" spans="14:14">
      <c r="N993165" s="10"/>
    </row>
    <row r="993166" spans="14:14">
      <c r="N993166" s="10"/>
    </row>
    <row r="993167" spans="14:14">
      <c r="N993167" s="10"/>
    </row>
    <row r="993168" spans="14:14">
      <c r="N993168" s="10"/>
    </row>
    <row r="993169" spans="14:14">
      <c r="N993169" s="10"/>
    </row>
    <row r="993170" spans="14:14">
      <c r="N993170" s="10"/>
    </row>
    <row r="993171" spans="14:14">
      <c r="N993171" s="10"/>
    </row>
    <row r="993172" spans="14:14">
      <c r="N993172" s="10"/>
    </row>
    <row r="993173" spans="14:14">
      <c r="N993173" s="10"/>
    </row>
    <row r="993174" spans="14:14">
      <c r="N993174" s="10"/>
    </row>
    <row r="993175" spans="14:14">
      <c r="N993175" s="10"/>
    </row>
    <row r="993176" spans="14:14">
      <c r="N993176" s="10"/>
    </row>
    <row r="993177" spans="14:14">
      <c r="N993177" s="10"/>
    </row>
    <row r="993178" spans="14:14">
      <c r="N993178" s="10"/>
    </row>
    <row r="993179" spans="14:14">
      <c r="N993179" s="10"/>
    </row>
    <row r="993180" spans="14:14">
      <c r="N993180" s="10"/>
    </row>
    <row r="993181" spans="14:14">
      <c r="N993181" s="10"/>
    </row>
    <row r="993182" spans="14:14">
      <c r="N993182" s="10"/>
    </row>
    <row r="993183" spans="14:14">
      <c r="N993183" s="10"/>
    </row>
    <row r="993184" spans="14:14">
      <c r="N993184" s="10"/>
    </row>
    <row r="993185" spans="14:14">
      <c r="N993185" s="10"/>
    </row>
    <row r="993186" spans="14:14">
      <c r="N993186" s="10"/>
    </row>
    <row r="993187" spans="14:14">
      <c r="N993187" s="10"/>
    </row>
    <row r="993188" spans="14:14">
      <c r="N993188" s="10"/>
    </row>
    <row r="993189" spans="14:14">
      <c r="N993189" s="10"/>
    </row>
    <row r="993190" spans="14:14">
      <c r="N993190" s="10"/>
    </row>
    <row r="993191" spans="14:14">
      <c r="N993191" s="10"/>
    </row>
    <row r="993192" spans="14:14">
      <c r="N993192" s="10"/>
    </row>
    <row r="993193" spans="14:14">
      <c r="N993193" s="10"/>
    </row>
    <row r="993194" spans="14:14">
      <c r="N993194" s="10"/>
    </row>
    <row r="993195" spans="14:14">
      <c r="N993195" s="10"/>
    </row>
    <row r="993196" spans="14:14">
      <c r="N993196" s="10"/>
    </row>
    <row r="993197" spans="14:14">
      <c r="N993197" s="10"/>
    </row>
    <row r="993198" spans="14:14">
      <c r="N993198" s="10"/>
    </row>
    <row r="993199" spans="14:14">
      <c r="N993199" s="10"/>
    </row>
    <row r="993200" spans="14:14">
      <c r="N993200" s="10"/>
    </row>
    <row r="993201" spans="14:14">
      <c r="N993201" s="10"/>
    </row>
    <row r="993202" spans="14:14">
      <c r="N993202" s="10"/>
    </row>
    <row r="993203" spans="14:14">
      <c r="N993203" s="10"/>
    </row>
    <row r="993204" spans="14:14">
      <c r="N993204" s="10"/>
    </row>
    <row r="993205" spans="14:14">
      <c r="N993205" s="10"/>
    </row>
    <row r="993206" spans="14:14">
      <c r="N993206" s="10"/>
    </row>
    <row r="993207" spans="14:14">
      <c r="N993207" s="10"/>
    </row>
    <row r="993208" spans="14:14">
      <c r="N993208" s="10"/>
    </row>
    <row r="993209" spans="14:14">
      <c r="N993209" s="10"/>
    </row>
    <row r="993210" spans="14:14">
      <c r="N993210" s="10"/>
    </row>
    <row r="993211" spans="14:14">
      <c r="N993211" s="10"/>
    </row>
    <row r="993212" spans="14:14">
      <c r="N993212" s="10"/>
    </row>
    <row r="993213" spans="14:14">
      <c r="N993213" s="10"/>
    </row>
    <row r="993214" spans="14:14">
      <c r="N993214" s="10"/>
    </row>
    <row r="993215" spans="14:14">
      <c r="N993215" s="10"/>
    </row>
    <row r="993216" spans="14:14">
      <c r="N993216" s="10"/>
    </row>
    <row r="993217" spans="14:14">
      <c r="N993217" s="10"/>
    </row>
    <row r="993218" spans="14:14">
      <c r="N993218" s="10"/>
    </row>
    <row r="993219" spans="14:14">
      <c r="N993219" s="10"/>
    </row>
    <row r="993220" spans="14:14">
      <c r="N993220" s="10"/>
    </row>
    <row r="993221" spans="14:14">
      <c r="N993221" s="10"/>
    </row>
    <row r="993222" spans="14:14">
      <c r="N993222" s="10"/>
    </row>
    <row r="993223" spans="14:14">
      <c r="N993223" s="10"/>
    </row>
    <row r="993224" spans="14:14">
      <c r="N993224" s="10"/>
    </row>
    <row r="993225" spans="14:14">
      <c r="N993225" s="10"/>
    </row>
    <row r="993226" spans="14:14">
      <c r="N993226" s="10"/>
    </row>
    <row r="993227" spans="14:14">
      <c r="N993227" s="10"/>
    </row>
    <row r="993228" spans="14:14">
      <c r="N993228" s="10"/>
    </row>
    <row r="993229" spans="14:14">
      <c r="N993229" s="10"/>
    </row>
    <row r="993230" spans="14:14">
      <c r="N993230" s="10"/>
    </row>
    <row r="993231" spans="14:14">
      <c r="N993231" s="10"/>
    </row>
    <row r="993232" spans="14:14">
      <c r="N993232" s="10"/>
    </row>
    <row r="993233" spans="14:14">
      <c r="N993233" s="10"/>
    </row>
    <row r="993234" spans="14:14">
      <c r="N993234" s="10"/>
    </row>
    <row r="993235" spans="14:14">
      <c r="N993235" s="10"/>
    </row>
    <row r="993236" spans="14:14">
      <c r="N993236" s="10"/>
    </row>
    <row r="993237" spans="14:14">
      <c r="N993237" s="10"/>
    </row>
    <row r="993238" spans="14:14">
      <c r="N993238" s="10"/>
    </row>
    <row r="993239" spans="14:14">
      <c r="N993239" s="10"/>
    </row>
    <row r="993240" spans="14:14">
      <c r="N993240" s="10"/>
    </row>
    <row r="993241" spans="14:14">
      <c r="N993241" s="10"/>
    </row>
    <row r="993242" spans="14:14">
      <c r="N993242" s="10"/>
    </row>
    <row r="993243" spans="14:14">
      <c r="N993243" s="10"/>
    </row>
    <row r="993244" spans="14:14">
      <c r="N993244" s="10"/>
    </row>
    <row r="993245" spans="14:14">
      <c r="N993245" s="10"/>
    </row>
    <row r="993246" spans="14:14">
      <c r="N993246" s="10"/>
    </row>
    <row r="993247" spans="14:14">
      <c r="N993247" s="10"/>
    </row>
    <row r="993248" spans="14:14">
      <c r="N993248" s="10"/>
    </row>
    <row r="993249" spans="14:14">
      <c r="N993249" s="10"/>
    </row>
    <row r="993250" spans="14:14">
      <c r="N993250" s="10"/>
    </row>
    <row r="993251" spans="14:14">
      <c r="N993251" s="10"/>
    </row>
    <row r="993252" spans="14:14">
      <c r="N993252" s="10"/>
    </row>
    <row r="993253" spans="14:14">
      <c r="N993253" s="10"/>
    </row>
    <row r="993254" spans="14:14">
      <c r="N993254" s="10"/>
    </row>
    <row r="993255" spans="14:14">
      <c r="N993255" s="10"/>
    </row>
    <row r="993256" spans="14:14">
      <c r="N993256" s="10"/>
    </row>
    <row r="993257" spans="14:14">
      <c r="N993257" s="10"/>
    </row>
    <row r="993258" spans="14:14">
      <c r="N993258" s="10"/>
    </row>
    <row r="993259" spans="14:14">
      <c r="N993259" s="10"/>
    </row>
    <row r="993260" spans="14:14">
      <c r="N993260" s="10"/>
    </row>
    <row r="993261" spans="14:14">
      <c r="N993261" s="10"/>
    </row>
    <row r="993262" spans="14:14">
      <c r="N993262" s="10"/>
    </row>
    <row r="993263" spans="14:14">
      <c r="N993263" s="10"/>
    </row>
    <row r="993264" spans="14:14">
      <c r="N993264" s="10"/>
    </row>
    <row r="993265" spans="14:14">
      <c r="N993265" s="10"/>
    </row>
    <row r="993266" spans="14:14">
      <c r="N993266" s="10"/>
    </row>
    <row r="993267" spans="14:14">
      <c r="N993267" s="10"/>
    </row>
    <row r="993268" spans="14:14">
      <c r="N993268" s="10"/>
    </row>
    <row r="993269" spans="14:14">
      <c r="N993269" s="10"/>
    </row>
    <row r="993270" spans="14:14">
      <c r="N993270" s="10"/>
    </row>
    <row r="993271" spans="14:14">
      <c r="N993271" s="10"/>
    </row>
    <row r="993272" spans="14:14">
      <c r="N993272" s="10"/>
    </row>
    <row r="993273" spans="14:14">
      <c r="N993273" s="10"/>
    </row>
    <row r="993274" spans="14:14">
      <c r="N993274" s="10"/>
    </row>
    <row r="993275" spans="14:14">
      <c r="N993275" s="10"/>
    </row>
    <row r="993276" spans="14:14">
      <c r="N993276" s="10"/>
    </row>
    <row r="993277" spans="14:14">
      <c r="N993277" s="10"/>
    </row>
    <row r="993278" spans="14:14">
      <c r="N993278" s="10"/>
    </row>
    <row r="993279" spans="14:14">
      <c r="N993279" s="10"/>
    </row>
    <row r="993280" spans="14:14">
      <c r="N993280" s="10"/>
    </row>
    <row r="993281" spans="14:14">
      <c r="N993281" s="10"/>
    </row>
    <row r="993282" spans="14:14">
      <c r="N993282" s="10"/>
    </row>
    <row r="993283" spans="14:14">
      <c r="N993283" s="10"/>
    </row>
    <row r="993284" spans="14:14">
      <c r="N993284" s="10"/>
    </row>
    <row r="993285" spans="14:14">
      <c r="N993285" s="10"/>
    </row>
    <row r="993286" spans="14:14">
      <c r="N993286" s="10"/>
    </row>
    <row r="993287" spans="14:14">
      <c r="N993287" s="10"/>
    </row>
    <row r="993288" spans="14:14">
      <c r="N993288" s="10"/>
    </row>
    <row r="993289" spans="14:14">
      <c r="N993289" s="10"/>
    </row>
    <row r="993290" spans="14:14">
      <c r="N993290" s="10"/>
    </row>
    <row r="993291" spans="14:14">
      <c r="N993291" s="10"/>
    </row>
    <row r="993292" spans="14:14">
      <c r="N993292" s="10"/>
    </row>
    <row r="993293" spans="14:14">
      <c r="N993293" s="10"/>
    </row>
    <row r="993294" spans="14:14">
      <c r="N993294" s="10"/>
    </row>
    <row r="993295" spans="14:14">
      <c r="N993295" s="10"/>
    </row>
    <row r="993296" spans="14:14">
      <c r="N993296" s="10"/>
    </row>
    <row r="993297" spans="14:14">
      <c r="N993297" s="10"/>
    </row>
    <row r="993298" spans="14:14">
      <c r="N993298" s="10"/>
    </row>
    <row r="993299" spans="14:14">
      <c r="N993299" s="10"/>
    </row>
    <row r="993300" spans="14:14">
      <c r="N993300" s="10"/>
    </row>
    <row r="993301" spans="14:14">
      <c r="N993301" s="10"/>
    </row>
    <row r="993302" spans="14:14">
      <c r="N993302" s="10"/>
    </row>
    <row r="993303" spans="14:14">
      <c r="N993303" s="10"/>
    </row>
    <row r="993304" spans="14:14">
      <c r="N993304" s="10"/>
    </row>
    <row r="993305" spans="14:14">
      <c r="N993305" s="10"/>
    </row>
    <row r="993306" spans="14:14">
      <c r="N993306" s="10"/>
    </row>
    <row r="993307" spans="14:14">
      <c r="N993307" s="10"/>
    </row>
    <row r="993308" spans="14:14">
      <c r="N993308" s="10"/>
    </row>
    <row r="993309" spans="14:14">
      <c r="N993309" s="10"/>
    </row>
    <row r="993310" spans="14:14">
      <c r="N993310" s="10"/>
    </row>
    <row r="993311" spans="14:14">
      <c r="N993311" s="10"/>
    </row>
    <row r="993312" spans="14:14">
      <c r="N993312" s="10"/>
    </row>
    <row r="993313" spans="14:14">
      <c r="N993313" s="10"/>
    </row>
    <row r="993314" spans="14:14">
      <c r="N993314" s="10"/>
    </row>
    <row r="993315" spans="14:14">
      <c r="N993315" s="10"/>
    </row>
    <row r="993316" spans="14:14">
      <c r="N993316" s="10"/>
    </row>
    <row r="993317" spans="14:14">
      <c r="N993317" s="10"/>
    </row>
    <row r="993318" spans="14:14">
      <c r="N993318" s="10"/>
    </row>
    <row r="993319" spans="14:14">
      <c r="N993319" s="10"/>
    </row>
    <row r="993320" spans="14:14">
      <c r="N993320" s="10"/>
    </row>
    <row r="993321" spans="14:14">
      <c r="N993321" s="10"/>
    </row>
    <row r="993322" spans="14:14">
      <c r="N993322" s="10"/>
    </row>
    <row r="993323" spans="14:14">
      <c r="N993323" s="10"/>
    </row>
    <row r="993324" spans="14:14">
      <c r="N993324" s="10"/>
    </row>
    <row r="993325" spans="14:14">
      <c r="N993325" s="10"/>
    </row>
    <row r="993326" spans="14:14">
      <c r="N993326" s="10"/>
    </row>
    <row r="993327" spans="14:14">
      <c r="N993327" s="10"/>
    </row>
    <row r="993328" spans="14:14">
      <c r="N993328" s="10"/>
    </row>
    <row r="993329" spans="14:14">
      <c r="N993329" s="10"/>
    </row>
    <row r="993330" spans="14:14">
      <c r="N993330" s="10"/>
    </row>
    <row r="993331" spans="14:14">
      <c r="N993331" s="10"/>
    </row>
    <row r="993332" spans="14:14">
      <c r="N993332" s="10"/>
    </row>
    <row r="993333" spans="14:14">
      <c r="N993333" s="10"/>
    </row>
    <row r="993334" spans="14:14">
      <c r="N993334" s="10"/>
    </row>
    <row r="993335" spans="14:14">
      <c r="N993335" s="10"/>
    </row>
    <row r="993336" spans="14:14">
      <c r="N993336" s="10"/>
    </row>
    <row r="993337" spans="14:14">
      <c r="N993337" s="10"/>
    </row>
    <row r="993338" spans="14:14">
      <c r="N993338" s="10"/>
    </row>
    <row r="993339" spans="14:14">
      <c r="N993339" s="10"/>
    </row>
    <row r="993340" spans="14:14">
      <c r="N993340" s="10"/>
    </row>
    <row r="993341" spans="14:14">
      <c r="N993341" s="10"/>
    </row>
    <row r="993342" spans="14:14">
      <c r="N993342" s="10"/>
    </row>
    <row r="993343" spans="14:14">
      <c r="N993343" s="10"/>
    </row>
    <row r="993344" spans="14:14">
      <c r="N993344" s="10"/>
    </row>
    <row r="993345" spans="14:14">
      <c r="N993345" s="10"/>
    </row>
    <row r="993346" spans="14:14">
      <c r="N993346" s="10"/>
    </row>
    <row r="993347" spans="14:14">
      <c r="N993347" s="10"/>
    </row>
    <row r="993348" spans="14:14">
      <c r="N993348" s="10"/>
    </row>
    <row r="993349" spans="14:14">
      <c r="N993349" s="10"/>
    </row>
    <row r="993350" spans="14:14">
      <c r="N993350" s="10"/>
    </row>
    <row r="993351" spans="14:14">
      <c r="N993351" s="10"/>
    </row>
    <row r="993352" spans="14:14">
      <c r="N993352" s="10"/>
    </row>
    <row r="993353" spans="14:14">
      <c r="N993353" s="10"/>
    </row>
    <row r="993354" spans="14:14">
      <c r="N993354" s="10"/>
    </row>
    <row r="993355" spans="14:14">
      <c r="N993355" s="10"/>
    </row>
    <row r="993356" spans="14:14">
      <c r="N993356" s="10"/>
    </row>
    <row r="993357" spans="14:14">
      <c r="N993357" s="10"/>
    </row>
    <row r="993358" spans="14:14">
      <c r="N993358" s="10"/>
    </row>
    <row r="993359" spans="14:14">
      <c r="N993359" s="10"/>
    </row>
    <row r="993360" spans="14:14">
      <c r="N993360" s="10"/>
    </row>
    <row r="993361" spans="14:14">
      <c r="N993361" s="10"/>
    </row>
    <row r="993362" spans="14:14">
      <c r="N993362" s="10"/>
    </row>
    <row r="993363" spans="14:14">
      <c r="N993363" s="10"/>
    </row>
    <row r="993364" spans="14:14">
      <c r="N993364" s="10"/>
    </row>
    <row r="993365" spans="14:14">
      <c r="N993365" s="10"/>
    </row>
    <row r="993366" spans="14:14">
      <c r="N993366" s="10"/>
    </row>
    <row r="993367" spans="14:14">
      <c r="N993367" s="10"/>
    </row>
    <row r="993368" spans="14:14">
      <c r="N993368" s="10"/>
    </row>
    <row r="993369" spans="14:14">
      <c r="N993369" s="10"/>
    </row>
    <row r="993370" spans="14:14">
      <c r="N993370" s="10"/>
    </row>
    <row r="993371" spans="14:14">
      <c r="N993371" s="10"/>
    </row>
    <row r="993372" spans="14:14">
      <c r="N993372" s="10"/>
    </row>
    <row r="993373" spans="14:14">
      <c r="N993373" s="10"/>
    </row>
    <row r="993374" spans="14:14">
      <c r="N993374" s="10"/>
    </row>
    <row r="993375" spans="14:14">
      <c r="N993375" s="10"/>
    </row>
    <row r="993376" spans="14:14">
      <c r="N993376" s="10"/>
    </row>
    <row r="993377" spans="14:14">
      <c r="N993377" s="10"/>
    </row>
    <row r="993378" spans="14:14">
      <c r="N993378" s="10"/>
    </row>
    <row r="993379" spans="14:14">
      <c r="N993379" s="10"/>
    </row>
    <row r="993380" spans="14:14">
      <c r="N993380" s="10"/>
    </row>
    <row r="993381" spans="14:14">
      <c r="N993381" s="10"/>
    </row>
    <row r="993382" spans="14:14">
      <c r="N993382" s="10"/>
    </row>
    <row r="993383" spans="14:14">
      <c r="N993383" s="10"/>
    </row>
    <row r="993384" spans="14:14">
      <c r="N993384" s="10"/>
    </row>
    <row r="993385" spans="14:14">
      <c r="N993385" s="10"/>
    </row>
    <row r="993386" spans="14:14">
      <c r="N993386" s="10"/>
    </row>
    <row r="993387" spans="14:14">
      <c r="N993387" s="10"/>
    </row>
    <row r="993388" spans="14:14">
      <c r="N993388" s="10"/>
    </row>
    <row r="993389" spans="14:14">
      <c r="N993389" s="10"/>
    </row>
    <row r="993390" spans="14:14">
      <c r="N993390" s="10"/>
    </row>
    <row r="993391" spans="14:14">
      <c r="N993391" s="10"/>
    </row>
    <row r="993392" spans="14:14">
      <c r="N993392" s="10"/>
    </row>
    <row r="993393" spans="14:14">
      <c r="N993393" s="10"/>
    </row>
    <row r="993394" spans="14:14">
      <c r="N993394" s="10"/>
    </row>
    <row r="993395" spans="14:14">
      <c r="N993395" s="10"/>
    </row>
    <row r="993396" spans="14:14">
      <c r="N993396" s="10"/>
    </row>
    <row r="993397" spans="14:14">
      <c r="N993397" s="10"/>
    </row>
    <row r="993398" spans="14:14">
      <c r="N993398" s="10"/>
    </row>
    <row r="993399" spans="14:14">
      <c r="N993399" s="10"/>
    </row>
    <row r="993400" spans="14:14">
      <c r="N993400" s="10"/>
    </row>
    <row r="993401" spans="14:14">
      <c r="N993401" s="10"/>
    </row>
    <row r="993402" spans="14:14">
      <c r="N993402" s="10"/>
    </row>
    <row r="993403" spans="14:14">
      <c r="N993403" s="10"/>
    </row>
    <row r="993404" spans="14:14">
      <c r="N993404" s="10"/>
    </row>
    <row r="993405" spans="14:14">
      <c r="N993405" s="10"/>
    </row>
    <row r="993406" spans="14:14">
      <c r="N993406" s="10"/>
    </row>
    <row r="993407" spans="14:14">
      <c r="N993407" s="10"/>
    </row>
    <row r="993408" spans="14:14">
      <c r="N993408" s="10"/>
    </row>
    <row r="993409" spans="14:14">
      <c r="N993409" s="10"/>
    </row>
    <row r="993410" spans="14:14">
      <c r="N993410" s="10"/>
    </row>
    <row r="993411" spans="14:14">
      <c r="N993411" s="10"/>
    </row>
    <row r="993412" spans="14:14">
      <c r="N993412" s="10"/>
    </row>
    <row r="993413" spans="14:14">
      <c r="N993413" s="10"/>
    </row>
    <row r="993414" spans="14:14">
      <c r="N993414" s="10"/>
    </row>
    <row r="993415" spans="14:14">
      <c r="N993415" s="10"/>
    </row>
    <row r="993416" spans="14:14">
      <c r="N993416" s="10"/>
    </row>
    <row r="993417" spans="14:14">
      <c r="N993417" s="10"/>
    </row>
    <row r="993418" spans="14:14">
      <c r="N993418" s="10"/>
    </row>
    <row r="993419" spans="14:14">
      <c r="N993419" s="10"/>
    </row>
    <row r="993420" spans="14:14">
      <c r="N993420" s="10"/>
    </row>
    <row r="993421" spans="14:14">
      <c r="N993421" s="10"/>
    </row>
    <row r="993422" spans="14:14">
      <c r="N993422" s="10"/>
    </row>
    <row r="993423" spans="14:14">
      <c r="N993423" s="10"/>
    </row>
    <row r="993424" spans="14:14">
      <c r="N993424" s="10"/>
    </row>
    <row r="993425" spans="14:14">
      <c r="N993425" s="10"/>
    </row>
    <row r="993426" spans="14:14">
      <c r="N993426" s="10"/>
    </row>
    <row r="993427" spans="14:14">
      <c r="N993427" s="10"/>
    </row>
    <row r="993428" spans="14:14">
      <c r="N993428" s="10"/>
    </row>
    <row r="993429" spans="14:14">
      <c r="N993429" s="10"/>
    </row>
    <row r="993430" spans="14:14">
      <c r="N993430" s="10"/>
    </row>
    <row r="993431" spans="14:14">
      <c r="N993431" s="10"/>
    </row>
    <row r="993432" spans="14:14">
      <c r="N993432" s="10"/>
    </row>
    <row r="993433" spans="14:14">
      <c r="N993433" s="10"/>
    </row>
    <row r="993434" spans="14:14">
      <c r="N993434" s="10"/>
    </row>
    <row r="993435" spans="14:14">
      <c r="N993435" s="10"/>
    </row>
    <row r="993436" spans="14:14">
      <c r="N993436" s="10"/>
    </row>
    <row r="993437" spans="14:14">
      <c r="N993437" s="10"/>
    </row>
    <row r="993438" spans="14:14">
      <c r="N993438" s="10"/>
    </row>
    <row r="993439" spans="14:14">
      <c r="N993439" s="10"/>
    </row>
    <row r="993440" spans="14:14">
      <c r="N993440" s="10"/>
    </row>
    <row r="993441" spans="14:14">
      <c r="N993441" s="10"/>
    </row>
    <row r="993442" spans="14:14">
      <c r="N993442" s="10"/>
    </row>
    <row r="993443" spans="14:14">
      <c r="N993443" s="10"/>
    </row>
    <row r="993444" spans="14:14">
      <c r="N993444" s="10"/>
    </row>
    <row r="993445" spans="14:14">
      <c r="N993445" s="10"/>
    </row>
    <row r="993446" spans="14:14">
      <c r="N993446" s="10"/>
    </row>
    <row r="993447" spans="14:14">
      <c r="N993447" s="10"/>
    </row>
    <row r="993448" spans="14:14">
      <c r="N993448" s="10"/>
    </row>
    <row r="993449" spans="14:14">
      <c r="N993449" s="10"/>
    </row>
    <row r="993450" spans="14:14">
      <c r="N993450" s="10"/>
    </row>
    <row r="993451" spans="14:14">
      <c r="N993451" s="10"/>
    </row>
    <row r="993452" spans="14:14">
      <c r="N993452" s="10"/>
    </row>
    <row r="993453" spans="14:14">
      <c r="N993453" s="10"/>
    </row>
    <row r="993454" spans="14:14">
      <c r="N993454" s="10"/>
    </row>
    <row r="993455" spans="14:14">
      <c r="N993455" s="10"/>
    </row>
    <row r="993456" spans="14:14">
      <c r="N993456" s="10"/>
    </row>
    <row r="993457" spans="14:14">
      <c r="N993457" s="10"/>
    </row>
    <row r="993458" spans="14:14">
      <c r="N993458" s="10"/>
    </row>
    <row r="993459" spans="14:14">
      <c r="N993459" s="10"/>
    </row>
    <row r="993460" spans="14:14">
      <c r="N993460" s="10"/>
    </row>
    <row r="993461" spans="14:14">
      <c r="N993461" s="10"/>
    </row>
    <row r="993462" spans="14:14">
      <c r="N993462" s="10"/>
    </row>
    <row r="993463" spans="14:14">
      <c r="N993463" s="10"/>
    </row>
    <row r="993464" spans="14:14">
      <c r="N993464" s="10"/>
    </row>
    <row r="993465" spans="14:14">
      <c r="N993465" s="10"/>
    </row>
    <row r="993466" spans="14:14">
      <c r="N993466" s="10"/>
    </row>
    <row r="993467" spans="14:14">
      <c r="N993467" s="10"/>
    </row>
    <row r="993468" spans="14:14">
      <c r="N993468" s="10"/>
    </row>
    <row r="993469" spans="14:14">
      <c r="N993469" s="10"/>
    </row>
    <row r="993470" spans="14:14">
      <c r="N993470" s="10"/>
    </row>
    <row r="993471" spans="14:14">
      <c r="N993471" s="10"/>
    </row>
    <row r="993472" spans="14:14">
      <c r="N993472" s="10"/>
    </row>
    <row r="993473" spans="14:14">
      <c r="N993473" s="10"/>
    </row>
    <row r="993474" spans="14:14">
      <c r="N993474" s="10"/>
    </row>
    <row r="993475" spans="14:14">
      <c r="N993475" s="10"/>
    </row>
    <row r="993476" spans="14:14">
      <c r="N993476" s="10"/>
    </row>
    <row r="993477" spans="14:14">
      <c r="N993477" s="10"/>
    </row>
    <row r="993478" spans="14:14">
      <c r="N993478" s="10"/>
    </row>
    <row r="993479" spans="14:14">
      <c r="N993479" s="10"/>
    </row>
    <row r="993480" spans="14:14">
      <c r="N993480" s="10"/>
    </row>
    <row r="993481" spans="14:14">
      <c r="N993481" s="10"/>
    </row>
    <row r="993482" spans="14:14">
      <c r="N993482" s="10"/>
    </row>
    <row r="993483" spans="14:14">
      <c r="N993483" s="10"/>
    </row>
    <row r="993484" spans="14:14">
      <c r="N993484" s="10"/>
    </row>
    <row r="993485" spans="14:14">
      <c r="N993485" s="10"/>
    </row>
    <row r="993486" spans="14:14">
      <c r="N993486" s="10"/>
    </row>
    <row r="993487" spans="14:14">
      <c r="N993487" s="10"/>
    </row>
    <row r="993488" spans="14:14">
      <c r="N993488" s="10"/>
    </row>
    <row r="993489" spans="14:14">
      <c r="N993489" s="10"/>
    </row>
    <row r="993490" spans="14:14">
      <c r="N993490" s="10"/>
    </row>
    <row r="993491" spans="14:14">
      <c r="N993491" s="10"/>
    </row>
    <row r="993492" spans="14:14">
      <c r="N993492" s="10"/>
    </row>
    <row r="993493" spans="14:14">
      <c r="N993493" s="10"/>
    </row>
    <row r="993494" spans="14:14">
      <c r="N993494" s="10"/>
    </row>
    <row r="993495" spans="14:14">
      <c r="N993495" s="10"/>
    </row>
    <row r="993496" spans="14:14">
      <c r="N993496" s="10"/>
    </row>
    <row r="993497" spans="14:14">
      <c r="N993497" s="10"/>
    </row>
    <row r="993498" spans="14:14">
      <c r="N993498" s="10"/>
    </row>
    <row r="993499" spans="14:14">
      <c r="N993499" s="10"/>
    </row>
    <row r="993500" spans="14:14">
      <c r="N993500" s="10"/>
    </row>
    <row r="993501" spans="14:14">
      <c r="N993501" s="10"/>
    </row>
    <row r="993502" spans="14:14">
      <c r="N993502" s="10"/>
    </row>
    <row r="993503" spans="14:14">
      <c r="N993503" s="10"/>
    </row>
    <row r="993504" spans="14:14">
      <c r="N993504" s="10"/>
    </row>
    <row r="993505" spans="14:14">
      <c r="N993505" s="10"/>
    </row>
    <row r="993506" spans="14:14">
      <c r="N993506" s="10"/>
    </row>
    <row r="993507" spans="14:14">
      <c r="N993507" s="10"/>
    </row>
    <row r="993508" spans="14:14">
      <c r="N993508" s="10"/>
    </row>
    <row r="993509" spans="14:14">
      <c r="N993509" s="10"/>
    </row>
    <row r="993510" spans="14:14">
      <c r="N993510" s="10"/>
    </row>
    <row r="993511" spans="14:14">
      <c r="N993511" s="10"/>
    </row>
    <row r="993512" spans="14:14">
      <c r="N993512" s="10"/>
    </row>
    <row r="993513" spans="14:14">
      <c r="N993513" s="10"/>
    </row>
    <row r="993514" spans="14:14">
      <c r="N993514" s="10"/>
    </row>
    <row r="993515" spans="14:14">
      <c r="N993515" s="10"/>
    </row>
    <row r="993516" spans="14:14">
      <c r="N993516" s="10"/>
    </row>
    <row r="993517" spans="14:14">
      <c r="N993517" s="10"/>
    </row>
    <row r="993518" spans="14:14">
      <c r="N993518" s="10"/>
    </row>
    <row r="993519" spans="14:14">
      <c r="N993519" s="10"/>
    </row>
    <row r="993520" spans="14:14">
      <c r="N993520" s="10"/>
    </row>
    <row r="993521" spans="14:14">
      <c r="N993521" s="10"/>
    </row>
    <row r="993522" spans="14:14">
      <c r="N993522" s="10"/>
    </row>
    <row r="993523" spans="14:14">
      <c r="N993523" s="10"/>
    </row>
    <row r="993524" spans="14:14">
      <c r="N993524" s="10"/>
    </row>
    <row r="993525" spans="14:14">
      <c r="N993525" s="10"/>
    </row>
    <row r="993526" spans="14:14">
      <c r="N993526" s="10"/>
    </row>
    <row r="993527" spans="14:14">
      <c r="N993527" s="10"/>
    </row>
    <row r="993528" spans="14:14">
      <c r="N993528" s="10"/>
    </row>
    <row r="993529" spans="14:14">
      <c r="N993529" s="10"/>
    </row>
    <row r="993530" spans="14:14">
      <c r="N993530" s="10"/>
    </row>
    <row r="993531" spans="14:14">
      <c r="N993531" s="10"/>
    </row>
    <row r="993532" spans="14:14">
      <c r="N993532" s="10"/>
    </row>
    <row r="993533" spans="14:14">
      <c r="N993533" s="10"/>
    </row>
    <row r="993534" spans="14:14">
      <c r="N993534" s="10"/>
    </row>
    <row r="993535" spans="14:14">
      <c r="N993535" s="10"/>
    </row>
    <row r="993536" spans="14:14">
      <c r="N993536" s="10"/>
    </row>
    <row r="993537" spans="14:14">
      <c r="N993537" s="10"/>
    </row>
    <row r="993538" spans="14:14">
      <c r="N993538" s="10"/>
    </row>
    <row r="993539" spans="14:14">
      <c r="N993539" s="10"/>
    </row>
    <row r="993540" spans="14:14">
      <c r="N993540" s="10"/>
    </row>
    <row r="993541" spans="14:14">
      <c r="N993541" s="10"/>
    </row>
    <row r="993542" spans="14:14">
      <c r="N993542" s="10"/>
    </row>
    <row r="993543" spans="14:14">
      <c r="N993543" s="10"/>
    </row>
    <row r="993544" spans="14:14">
      <c r="N993544" s="10"/>
    </row>
    <row r="993545" spans="14:14">
      <c r="N993545" s="10"/>
    </row>
    <row r="993546" spans="14:14">
      <c r="N993546" s="10"/>
    </row>
    <row r="993547" spans="14:14">
      <c r="N993547" s="10"/>
    </row>
    <row r="993548" spans="14:14">
      <c r="N993548" s="10"/>
    </row>
    <row r="993549" spans="14:14">
      <c r="N993549" s="10"/>
    </row>
    <row r="993550" spans="14:14">
      <c r="N993550" s="10"/>
    </row>
    <row r="993551" spans="14:14">
      <c r="N993551" s="10"/>
    </row>
    <row r="993552" spans="14:14">
      <c r="N993552" s="10"/>
    </row>
    <row r="993553" spans="14:14">
      <c r="N993553" s="10"/>
    </row>
    <row r="993554" spans="14:14">
      <c r="N993554" s="10"/>
    </row>
    <row r="993555" spans="14:14">
      <c r="N993555" s="10"/>
    </row>
    <row r="993556" spans="14:14">
      <c r="N993556" s="10"/>
    </row>
    <row r="993557" spans="14:14">
      <c r="N993557" s="10"/>
    </row>
    <row r="993558" spans="14:14">
      <c r="N993558" s="10"/>
    </row>
    <row r="993559" spans="14:14">
      <c r="N993559" s="10"/>
    </row>
    <row r="993560" spans="14:14">
      <c r="N993560" s="10"/>
    </row>
    <row r="993561" spans="14:14">
      <c r="N993561" s="10"/>
    </row>
    <row r="993562" spans="14:14">
      <c r="N993562" s="10"/>
    </row>
    <row r="993563" spans="14:14">
      <c r="N993563" s="10"/>
    </row>
    <row r="993564" spans="14:14">
      <c r="N993564" s="10"/>
    </row>
    <row r="993565" spans="14:14">
      <c r="N993565" s="10"/>
    </row>
    <row r="993566" spans="14:14">
      <c r="N993566" s="10"/>
    </row>
    <row r="993567" spans="14:14">
      <c r="N993567" s="10"/>
    </row>
    <row r="993568" spans="14:14">
      <c r="N993568" s="10"/>
    </row>
    <row r="993569" spans="14:14">
      <c r="N993569" s="10"/>
    </row>
    <row r="993570" spans="14:14">
      <c r="N993570" s="10"/>
    </row>
    <row r="993571" spans="14:14">
      <c r="N993571" s="10"/>
    </row>
    <row r="993572" spans="14:14">
      <c r="N993572" s="10"/>
    </row>
    <row r="993573" spans="14:14">
      <c r="N993573" s="10"/>
    </row>
    <row r="993574" spans="14:14">
      <c r="N993574" s="10"/>
    </row>
    <row r="993575" spans="14:14">
      <c r="N993575" s="10"/>
    </row>
    <row r="993576" spans="14:14">
      <c r="N993576" s="10"/>
    </row>
    <row r="993577" spans="14:14">
      <c r="N993577" s="10"/>
    </row>
    <row r="993578" spans="14:14">
      <c r="N993578" s="10"/>
    </row>
    <row r="993579" spans="14:14">
      <c r="N993579" s="10"/>
    </row>
    <row r="993580" spans="14:14">
      <c r="N993580" s="10"/>
    </row>
    <row r="993581" spans="14:14">
      <c r="N993581" s="10"/>
    </row>
    <row r="993582" spans="14:14">
      <c r="N993582" s="10"/>
    </row>
    <row r="993583" spans="14:14">
      <c r="N993583" s="10"/>
    </row>
    <row r="993584" spans="14:14">
      <c r="N993584" s="10"/>
    </row>
    <row r="993585" spans="14:14">
      <c r="N993585" s="10"/>
    </row>
    <row r="993586" spans="14:14">
      <c r="N993586" s="10"/>
    </row>
    <row r="993587" spans="14:14">
      <c r="N993587" s="10"/>
    </row>
    <row r="993588" spans="14:14">
      <c r="N993588" s="10"/>
    </row>
    <row r="993589" spans="14:14">
      <c r="N993589" s="10"/>
    </row>
    <row r="993590" spans="14:14">
      <c r="N993590" s="10"/>
    </row>
    <row r="993591" spans="14:14">
      <c r="N993591" s="10"/>
    </row>
    <row r="993592" spans="14:14">
      <c r="N993592" s="10"/>
    </row>
    <row r="993593" spans="14:14">
      <c r="N993593" s="10"/>
    </row>
    <row r="993594" spans="14:14">
      <c r="N993594" s="10"/>
    </row>
    <row r="993595" spans="14:14">
      <c r="N993595" s="10"/>
    </row>
    <row r="993596" spans="14:14">
      <c r="N993596" s="10"/>
    </row>
    <row r="993597" spans="14:14">
      <c r="N993597" s="10"/>
    </row>
    <row r="993598" spans="14:14">
      <c r="N993598" s="10"/>
    </row>
    <row r="993599" spans="14:14">
      <c r="N993599" s="10"/>
    </row>
    <row r="993600" spans="14:14">
      <c r="N993600" s="10"/>
    </row>
    <row r="993601" spans="14:14">
      <c r="N993601" s="10"/>
    </row>
    <row r="993602" spans="14:14">
      <c r="N993602" s="10"/>
    </row>
    <row r="993603" spans="14:14">
      <c r="N993603" s="10"/>
    </row>
    <row r="993604" spans="14:14">
      <c r="N993604" s="10"/>
    </row>
    <row r="993605" spans="14:14">
      <c r="N993605" s="10"/>
    </row>
    <row r="993606" spans="14:14">
      <c r="N993606" s="10"/>
    </row>
    <row r="993607" spans="14:14">
      <c r="N993607" s="10"/>
    </row>
    <row r="993608" spans="14:14">
      <c r="N993608" s="10"/>
    </row>
    <row r="993609" spans="14:14">
      <c r="N993609" s="10"/>
    </row>
    <row r="993610" spans="14:14">
      <c r="N993610" s="10"/>
    </row>
    <row r="993611" spans="14:14">
      <c r="N993611" s="10"/>
    </row>
    <row r="993612" spans="14:14">
      <c r="N993612" s="10"/>
    </row>
    <row r="993613" spans="14:14">
      <c r="N993613" s="10"/>
    </row>
    <row r="993614" spans="14:14">
      <c r="N993614" s="10"/>
    </row>
    <row r="993615" spans="14:14">
      <c r="N993615" s="10"/>
    </row>
    <row r="993616" spans="14:14">
      <c r="N993616" s="10"/>
    </row>
    <row r="993617" spans="14:14">
      <c r="N993617" s="10"/>
    </row>
    <row r="993618" spans="14:14">
      <c r="N993618" s="10"/>
    </row>
    <row r="993619" spans="14:14">
      <c r="N993619" s="10"/>
    </row>
    <row r="993620" spans="14:14">
      <c r="N993620" s="10"/>
    </row>
    <row r="993621" spans="14:14">
      <c r="N993621" s="10"/>
    </row>
    <row r="993622" spans="14:14">
      <c r="N993622" s="10"/>
    </row>
    <row r="993623" spans="14:14">
      <c r="N993623" s="10"/>
    </row>
    <row r="993624" spans="14:14">
      <c r="N993624" s="10"/>
    </row>
    <row r="993625" spans="14:14">
      <c r="N993625" s="10"/>
    </row>
    <row r="993626" spans="14:14">
      <c r="N993626" s="10"/>
    </row>
    <row r="993627" spans="14:14">
      <c r="N993627" s="10"/>
    </row>
    <row r="993628" spans="14:14">
      <c r="N993628" s="10"/>
    </row>
    <row r="993629" spans="14:14">
      <c r="N993629" s="10"/>
    </row>
    <row r="993630" spans="14:14">
      <c r="N993630" s="10"/>
    </row>
    <row r="993631" spans="14:14">
      <c r="N993631" s="10"/>
    </row>
    <row r="993632" spans="14:14">
      <c r="N993632" s="10"/>
    </row>
    <row r="993633" spans="14:14">
      <c r="N993633" s="10"/>
    </row>
    <row r="993634" spans="14:14">
      <c r="N993634" s="10"/>
    </row>
    <row r="993635" spans="14:14">
      <c r="N993635" s="10"/>
    </row>
    <row r="993636" spans="14:14">
      <c r="N993636" s="10"/>
    </row>
    <row r="993637" spans="14:14">
      <c r="N993637" s="10"/>
    </row>
    <row r="993638" spans="14:14">
      <c r="N993638" s="10"/>
    </row>
    <row r="993639" spans="14:14">
      <c r="N993639" s="10"/>
    </row>
    <row r="993640" spans="14:14">
      <c r="N993640" s="10"/>
    </row>
    <row r="993641" spans="14:14">
      <c r="N993641" s="10"/>
    </row>
    <row r="993642" spans="14:14">
      <c r="N993642" s="10"/>
    </row>
    <row r="993643" spans="14:14">
      <c r="N993643" s="10"/>
    </row>
    <row r="993644" spans="14:14">
      <c r="N993644" s="10"/>
    </row>
    <row r="993645" spans="14:14">
      <c r="N993645" s="10"/>
    </row>
    <row r="993646" spans="14:14">
      <c r="N993646" s="10"/>
    </row>
    <row r="993647" spans="14:14">
      <c r="N993647" s="10"/>
    </row>
    <row r="993648" spans="14:14">
      <c r="N993648" s="10"/>
    </row>
    <row r="993649" spans="14:14">
      <c r="N993649" s="10"/>
    </row>
    <row r="993650" spans="14:14">
      <c r="N993650" s="10"/>
    </row>
    <row r="993651" spans="14:14">
      <c r="N993651" s="10"/>
    </row>
    <row r="993652" spans="14:14">
      <c r="N993652" s="10"/>
    </row>
    <row r="993653" spans="14:14">
      <c r="N993653" s="10"/>
    </row>
    <row r="993654" spans="14:14">
      <c r="N993654" s="10"/>
    </row>
    <row r="993655" spans="14:14">
      <c r="N993655" s="10"/>
    </row>
    <row r="993656" spans="14:14">
      <c r="N993656" s="10"/>
    </row>
    <row r="993657" spans="14:14">
      <c r="N993657" s="10"/>
    </row>
    <row r="993658" spans="14:14">
      <c r="N993658" s="10"/>
    </row>
    <row r="993659" spans="14:14">
      <c r="N993659" s="10"/>
    </row>
    <row r="993660" spans="14:14">
      <c r="N993660" s="10"/>
    </row>
    <row r="993661" spans="14:14">
      <c r="N993661" s="10"/>
    </row>
    <row r="993662" spans="14:14">
      <c r="N993662" s="10"/>
    </row>
    <row r="993663" spans="14:14">
      <c r="N993663" s="10"/>
    </row>
    <row r="993664" spans="14:14">
      <c r="N993664" s="10"/>
    </row>
    <row r="993665" spans="14:14">
      <c r="N993665" s="10"/>
    </row>
    <row r="993666" spans="14:14">
      <c r="N993666" s="10"/>
    </row>
    <row r="993667" spans="14:14">
      <c r="N993667" s="10"/>
    </row>
    <row r="993668" spans="14:14">
      <c r="N993668" s="10"/>
    </row>
    <row r="993669" spans="14:14">
      <c r="N993669" s="10"/>
    </row>
    <row r="993670" spans="14:14">
      <c r="N993670" s="10"/>
    </row>
    <row r="993671" spans="14:14">
      <c r="N993671" s="10"/>
    </row>
    <row r="993672" spans="14:14">
      <c r="N993672" s="10"/>
    </row>
    <row r="993673" spans="14:14">
      <c r="N993673" s="10"/>
    </row>
    <row r="993674" spans="14:14">
      <c r="N993674" s="10"/>
    </row>
    <row r="993675" spans="14:14">
      <c r="N993675" s="10"/>
    </row>
    <row r="993676" spans="14:14">
      <c r="N993676" s="10"/>
    </row>
    <row r="993677" spans="14:14">
      <c r="N993677" s="10"/>
    </row>
    <row r="993678" spans="14:14">
      <c r="N993678" s="10"/>
    </row>
    <row r="993679" spans="14:14">
      <c r="N993679" s="10"/>
    </row>
    <row r="993680" spans="14:14">
      <c r="N993680" s="10"/>
    </row>
    <row r="993681" spans="14:14">
      <c r="N993681" s="10"/>
    </row>
    <row r="993682" spans="14:14">
      <c r="N993682" s="10"/>
    </row>
    <row r="993683" spans="14:14">
      <c r="N993683" s="10"/>
    </row>
    <row r="993684" spans="14:14">
      <c r="N993684" s="10"/>
    </row>
    <row r="993685" spans="14:14">
      <c r="N993685" s="10"/>
    </row>
    <row r="993686" spans="14:14">
      <c r="N993686" s="10"/>
    </row>
    <row r="993687" spans="14:14">
      <c r="N993687" s="10"/>
    </row>
    <row r="993688" spans="14:14">
      <c r="N993688" s="10"/>
    </row>
    <row r="993689" spans="14:14">
      <c r="N993689" s="10"/>
    </row>
    <row r="993690" spans="14:14">
      <c r="N993690" s="10"/>
    </row>
    <row r="993691" spans="14:14">
      <c r="N993691" s="10"/>
    </row>
    <row r="993692" spans="14:14">
      <c r="N993692" s="10"/>
    </row>
    <row r="993693" spans="14:14">
      <c r="N993693" s="10"/>
    </row>
    <row r="993694" spans="14:14">
      <c r="N993694" s="10"/>
    </row>
    <row r="993695" spans="14:14">
      <c r="N993695" s="10"/>
    </row>
    <row r="993696" spans="14:14">
      <c r="N993696" s="10"/>
    </row>
    <row r="993697" spans="14:14">
      <c r="N993697" s="10"/>
    </row>
    <row r="993698" spans="14:14">
      <c r="N993698" s="10"/>
    </row>
    <row r="993699" spans="14:14">
      <c r="N993699" s="10"/>
    </row>
    <row r="993700" spans="14:14">
      <c r="N993700" s="10"/>
    </row>
    <row r="993701" spans="14:14">
      <c r="N993701" s="10"/>
    </row>
    <row r="993702" spans="14:14">
      <c r="N993702" s="10"/>
    </row>
    <row r="993703" spans="14:14">
      <c r="N993703" s="10"/>
    </row>
    <row r="993704" spans="14:14">
      <c r="N993704" s="10"/>
    </row>
    <row r="993705" spans="14:14">
      <c r="N993705" s="10"/>
    </row>
    <row r="993706" spans="14:14">
      <c r="N993706" s="10"/>
    </row>
    <row r="993707" spans="14:14">
      <c r="N993707" s="10"/>
    </row>
    <row r="993708" spans="14:14">
      <c r="N993708" s="10"/>
    </row>
    <row r="993709" spans="14:14">
      <c r="N993709" s="10"/>
    </row>
    <row r="993710" spans="14:14">
      <c r="N993710" s="10"/>
    </row>
    <row r="993711" spans="14:14">
      <c r="N993711" s="10"/>
    </row>
    <row r="993712" spans="14:14">
      <c r="N993712" s="10"/>
    </row>
    <row r="993713" spans="14:14">
      <c r="N993713" s="10"/>
    </row>
    <row r="993714" spans="14:14">
      <c r="N993714" s="10"/>
    </row>
    <row r="993715" spans="14:14">
      <c r="N993715" s="10"/>
    </row>
    <row r="993716" spans="14:14">
      <c r="N993716" s="10"/>
    </row>
    <row r="993717" spans="14:14">
      <c r="N993717" s="10"/>
    </row>
    <row r="993718" spans="14:14">
      <c r="N993718" s="10"/>
    </row>
    <row r="993719" spans="14:14">
      <c r="N993719" s="10"/>
    </row>
    <row r="993720" spans="14:14">
      <c r="N993720" s="10"/>
    </row>
    <row r="993721" spans="14:14">
      <c r="N993721" s="10"/>
    </row>
    <row r="993722" spans="14:14">
      <c r="N993722" s="10"/>
    </row>
    <row r="993723" spans="14:14">
      <c r="N993723" s="10"/>
    </row>
    <row r="993724" spans="14:14">
      <c r="N993724" s="10"/>
    </row>
    <row r="993725" spans="14:14">
      <c r="N993725" s="10"/>
    </row>
    <row r="993726" spans="14:14">
      <c r="N993726" s="10"/>
    </row>
    <row r="993727" spans="14:14">
      <c r="N993727" s="10"/>
    </row>
    <row r="993728" spans="14:14">
      <c r="N993728" s="10"/>
    </row>
    <row r="993729" spans="14:14">
      <c r="N993729" s="10"/>
    </row>
    <row r="993730" spans="14:14">
      <c r="N993730" s="10"/>
    </row>
    <row r="993731" spans="14:14">
      <c r="N993731" s="10"/>
    </row>
    <row r="993732" spans="14:14">
      <c r="N993732" s="10"/>
    </row>
    <row r="993733" spans="14:14">
      <c r="N993733" s="10"/>
    </row>
    <row r="993734" spans="14:14">
      <c r="N993734" s="10"/>
    </row>
    <row r="993735" spans="14:14">
      <c r="N993735" s="10"/>
    </row>
    <row r="993736" spans="14:14">
      <c r="N993736" s="10"/>
    </row>
    <row r="993737" spans="14:14">
      <c r="N993737" s="10"/>
    </row>
    <row r="993738" spans="14:14">
      <c r="N993738" s="10"/>
    </row>
    <row r="993739" spans="14:14">
      <c r="N993739" s="10"/>
    </row>
    <row r="993740" spans="14:14">
      <c r="N993740" s="10"/>
    </row>
    <row r="993741" spans="14:14">
      <c r="N993741" s="10"/>
    </row>
    <row r="993742" spans="14:14">
      <c r="N993742" s="10"/>
    </row>
    <row r="993743" spans="14:14">
      <c r="N993743" s="10"/>
    </row>
    <row r="993744" spans="14:14">
      <c r="N993744" s="10"/>
    </row>
    <row r="993745" spans="14:14">
      <c r="N993745" s="10"/>
    </row>
    <row r="993746" spans="14:14">
      <c r="N993746" s="10"/>
    </row>
    <row r="993747" spans="14:14">
      <c r="N993747" s="10"/>
    </row>
    <row r="993748" spans="14:14">
      <c r="N993748" s="10"/>
    </row>
    <row r="993749" spans="14:14">
      <c r="N993749" s="10"/>
    </row>
    <row r="993750" spans="14:14">
      <c r="N993750" s="10"/>
    </row>
    <row r="993751" spans="14:14">
      <c r="N993751" s="10"/>
    </row>
    <row r="993752" spans="14:14">
      <c r="N993752" s="10"/>
    </row>
    <row r="993753" spans="14:14">
      <c r="N993753" s="10"/>
    </row>
    <row r="993754" spans="14:14">
      <c r="N993754" s="10"/>
    </row>
    <row r="993755" spans="14:14">
      <c r="N993755" s="10"/>
    </row>
    <row r="993756" spans="14:14">
      <c r="N993756" s="10"/>
    </row>
    <row r="993757" spans="14:14">
      <c r="N993757" s="10"/>
    </row>
    <row r="993758" spans="14:14">
      <c r="N993758" s="10"/>
    </row>
    <row r="993759" spans="14:14">
      <c r="N993759" s="10"/>
    </row>
    <row r="993760" spans="14:14">
      <c r="N993760" s="10"/>
    </row>
    <row r="993761" spans="14:14">
      <c r="N993761" s="10"/>
    </row>
    <row r="993762" spans="14:14">
      <c r="N993762" s="10"/>
    </row>
    <row r="993763" spans="14:14">
      <c r="N993763" s="10"/>
    </row>
    <row r="993764" spans="14:14">
      <c r="N993764" s="10"/>
    </row>
    <row r="993765" spans="14:14">
      <c r="N993765" s="10"/>
    </row>
    <row r="993766" spans="14:14">
      <c r="N993766" s="10"/>
    </row>
    <row r="993767" spans="14:14">
      <c r="N993767" s="10"/>
    </row>
    <row r="993768" spans="14:14">
      <c r="N993768" s="10"/>
    </row>
    <row r="993769" spans="14:14">
      <c r="N993769" s="10"/>
    </row>
    <row r="993770" spans="14:14">
      <c r="N993770" s="10"/>
    </row>
    <row r="993771" spans="14:14">
      <c r="N993771" s="10"/>
    </row>
    <row r="993772" spans="14:14">
      <c r="N993772" s="10"/>
    </row>
    <row r="993773" spans="14:14">
      <c r="N993773" s="10"/>
    </row>
    <row r="993774" spans="14:14">
      <c r="N993774" s="10"/>
    </row>
    <row r="993775" spans="14:14">
      <c r="N993775" s="10"/>
    </row>
    <row r="993776" spans="14:14">
      <c r="N993776" s="10"/>
    </row>
    <row r="993777" spans="14:14">
      <c r="N993777" s="10"/>
    </row>
    <row r="993778" spans="14:14">
      <c r="N993778" s="10"/>
    </row>
    <row r="993779" spans="14:14">
      <c r="N993779" s="10"/>
    </row>
    <row r="993780" spans="14:14">
      <c r="N993780" s="10"/>
    </row>
    <row r="993781" spans="14:14">
      <c r="N993781" s="10"/>
    </row>
    <row r="993782" spans="14:14">
      <c r="N993782" s="10"/>
    </row>
    <row r="993783" spans="14:14">
      <c r="N993783" s="10"/>
    </row>
    <row r="993784" spans="14:14">
      <c r="N993784" s="10"/>
    </row>
    <row r="993785" spans="14:14">
      <c r="N993785" s="10"/>
    </row>
    <row r="993786" spans="14:14">
      <c r="N993786" s="10"/>
    </row>
    <row r="993787" spans="14:14">
      <c r="N993787" s="10"/>
    </row>
    <row r="993788" spans="14:14">
      <c r="N993788" s="10"/>
    </row>
    <row r="993789" spans="14:14">
      <c r="N993789" s="10"/>
    </row>
    <row r="993790" spans="14:14">
      <c r="N993790" s="10"/>
    </row>
    <row r="993791" spans="14:14">
      <c r="N993791" s="10"/>
    </row>
    <row r="993792" spans="14:14">
      <c r="N993792" s="10"/>
    </row>
    <row r="993793" spans="14:14">
      <c r="N993793" s="10"/>
    </row>
    <row r="993794" spans="14:14">
      <c r="N993794" s="10"/>
    </row>
    <row r="993795" spans="14:14">
      <c r="N993795" s="10"/>
    </row>
    <row r="993796" spans="14:14">
      <c r="N993796" s="10"/>
    </row>
    <row r="993797" spans="14:14">
      <c r="N993797" s="10"/>
    </row>
    <row r="993798" spans="14:14">
      <c r="N993798" s="10"/>
    </row>
    <row r="993799" spans="14:14">
      <c r="N993799" s="10"/>
    </row>
    <row r="993800" spans="14:14">
      <c r="N993800" s="10"/>
    </row>
    <row r="993801" spans="14:14">
      <c r="N993801" s="10"/>
    </row>
    <row r="993802" spans="14:14">
      <c r="N993802" s="10"/>
    </row>
    <row r="993803" spans="14:14">
      <c r="N993803" s="10"/>
    </row>
    <row r="993804" spans="14:14">
      <c r="N993804" s="10"/>
    </row>
    <row r="993805" spans="14:14">
      <c r="N993805" s="10"/>
    </row>
    <row r="993806" spans="14:14">
      <c r="N993806" s="10"/>
    </row>
    <row r="993807" spans="14:14">
      <c r="N993807" s="10"/>
    </row>
    <row r="993808" spans="14:14">
      <c r="N993808" s="10"/>
    </row>
    <row r="993809" spans="14:14">
      <c r="N993809" s="10"/>
    </row>
    <row r="993810" spans="14:14">
      <c r="N993810" s="10"/>
    </row>
    <row r="993811" spans="14:14">
      <c r="N993811" s="10"/>
    </row>
    <row r="993812" spans="14:14">
      <c r="N993812" s="10"/>
    </row>
    <row r="993813" spans="14:14">
      <c r="N993813" s="10"/>
    </row>
    <row r="993814" spans="14:14">
      <c r="N993814" s="10"/>
    </row>
    <row r="993815" spans="14:14">
      <c r="N993815" s="10"/>
    </row>
    <row r="993816" spans="14:14">
      <c r="N993816" s="10"/>
    </row>
    <row r="993817" spans="14:14">
      <c r="N993817" s="10"/>
    </row>
    <row r="993818" spans="14:14">
      <c r="N993818" s="10"/>
    </row>
    <row r="993819" spans="14:14">
      <c r="N993819" s="10"/>
    </row>
    <row r="993820" spans="14:14">
      <c r="N993820" s="10"/>
    </row>
    <row r="993821" spans="14:14">
      <c r="N993821" s="10"/>
    </row>
    <row r="993822" spans="14:14">
      <c r="N993822" s="10"/>
    </row>
    <row r="993823" spans="14:14">
      <c r="N993823" s="10"/>
    </row>
    <row r="993824" spans="14:14">
      <c r="N993824" s="10"/>
    </row>
    <row r="993825" spans="14:14">
      <c r="N993825" s="10"/>
    </row>
    <row r="993826" spans="14:14">
      <c r="N993826" s="10"/>
    </row>
    <row r="993827" spans="14:14">
      <c r="N993827" s="10"/>
    </row>
    <row r="993828" spans="14:14">
      <c r="N993828" s="10"/>
    </row>
    <row r="993829" spans="14:14">
      <c r="N993829" s="10"/>
    </row>
    <row r="993830" spans="14:14">
      <c r="N993830" s="10"/>
    </row>
    <row r="993831" spans="14:14">
      <c r="N993831" s="10"/>
    </row>
    <row r="993832" spans="14:14">
      <c r="N993832" s="10"/>
    </row>
    <row r="993833" spans="14:14">
      <c r="N993833" s="10"/>
    </row>
    <row r="993834" spans="14:14">
      <c r="N993834" s="10"/>
    </row>
    <row r="993835" spans="14:14">
      <c r="N993835" s="10"/>
    </row>
    <row r="993836" spans="14:14">
      <c r="N993836" s="10"/>
    </row>
    <row r="993837" spans="14:14">
      <c r="N993837" s="10"/>
    </row>
    <row r="993838" spans="14:14">
      <c r="N993838" s="10"/>
    </row>
    <row r="993839" spans="14:14">
      <c r="N993839" s="10"/>
    </row>
    <row r="993840" spans="14:14">
      <c r="N993840" s="10"/>
    </row>
    <row r="993841" spans="14:14">
      <c r="N993841" s="10"/>
    </row>
    <row r="993842" spans="14:14">
      <c r="N993842" s="10"/>
    </row>
    <row r="993843" spans="14:14">
      <c r="N993843" s="10"/>
    </row>
    <row r="993844" spans="14:14">
      <c r="N993844" s="10"/>
    </row>
    <row r="993845" spans="14:14">
      <c r="N993845" s="10"/>
    </row>
    <row r="993846" spans="14:14">
      <c r="N993846" s="10"/>
    </row>
    <row r="993847" spans="14:14">
      <c r="N993847" s="10"/>
    </row>
    <row r="993848" spans="14:14">
      <c r="N993848" s="10"/>
    </row>
    <row r="993849" spans="14:14">
      <c r="N993849" s="10"/>
    </row>
    <row r="993850" spans="14:14">
      <c r="N993850" s="10"/>
    </row>
    <row r="993851" spans="14:14">
      <c r="N993851" s="10"/>
    </row>
    <row r="993852" spans="14:14">
      <c r="N993852" s="10"/>
    </row>
    <row r="993853" spans="14:14">
      <c r="N993853" s="10"/>
    </row>
    <row r="993854" spans="14:14">
      <c r="N993854" s="10"/>
    </row>
    <row r="993855" spans="14:14">
      <c r="N993855" s="10"/>
    </row>
    <row r="993856" spans="14:14">
      <c r="N993856" s="10"/>
    </row>
    <row r="993857" spans="14:14">
      <c r="N993857" s="10"/>
    </row>
    <row r="993858" spans="14:14">
      <c r="N993858" s="10"/>
    </row>
    <row r="993859" spans="14:14">
      <c r="N993859" s="10"/>
    </row>
    <row r="993860" spans="14:14">
      <c r="N993860" s="10"/>
    </row>
    <row r="993861" spans="14:14">
      <c r="N993861" s="10"/>
    </row>
    <row r="993862" spans="14:14">
      <c r="N993862" s="10"/>
    </row>
    <row r="993863" spans="14:14">
      <c r="N993863" s="10"/>
    </row>
    <row r="993864" spans="14:14">
      <c r="N993864" s="10"/>
    </row>
    <row r="993865" spans="14:14">
      <c r="N993865" s="10"/>
    </row>
    <row r="993866" spans="14:14">
      <c r="N993866" s="10"/>
    </row>
    <row r="993867" spans="14:14">
      <c r="N993867" s="10"/>
    </row>
    <row r="993868" spans="14:14">
      <c r="N993868" s="10"/>
    </row>
    <row r="993869" spans="14:14">
      <c r="N993869" s="10"/>
    </row>
    <row r="993870" spans="14:14">
      <c r="N993870" s="10"/>
    </row>
    <row r="993871" spans="14:14">
      <c r="N993871" s="10"/>
    </row>
    <row r="993872" spans="14:14">
      <c r="N993872" s="10"/>
    </row>
    <row r="993873" spans="14:14">
      <c r="N993873" s="10"/>
    </row>
    <row r="993874" spans="14:14">
      <c r="N993874" s="10"/>
    </row>
    <row r="993875" spans="14:14">
      <c r="N993875" s="10"/>
    </row>
    <row r="993876" spans="14:14">
      <c r="N993876" s="10"/>
    </row>
    <row r="993877" spans="14:14">
      <c r="N993877" s="10"/>
    </row>
    <row r="993878" spans="14:14">
      <c r="N993878" s="10"/>
    </row>
    <row r="993879" spans="14:14">
      <c r="N993879" s="10"/>
    </row>
    <row r="993880" spans="14:14">
      <c r="N993880" s="10"/>
    </row>
    <row r="993881" spans="14:14">
      <c r="N993881" s="10"/>
    </row>
    <row r="993882" spans="14:14">
      <c r="N993882" s="10"/>
    </row>
    <row r="993883" spans="14:14">
      <c r="N993883" s="10"/>
    </row>
    <row r="993884" spans="14:14">
      <c r="N993884" s="10"/>
    </row>
    <row r="993885" spans="14:14">
      <c r="N993885" s="10"/>
    </row>
    <row r="993886" spans="14:14">
      <c r="N993886" s="10"/>
    </row>
    <row r="993887" spans="14:14">
      <c r="N993887" s="10"/>
    </row>
    <row r="993888" spans="14:14">
      <c r="N993888" s="10"/>
    </row>
    <row r="993889" spans="14:14">
      <c r="N993889" s="10"/>
    </row>
    <row r="993890" spans="14:14">
      <c r="N993890" s="10"/>
    </row>
    <row r="993891" spans="14:14">
      <c r="N993891" s="10"/>
    </row>
    <row r="993892" spans="14:14">
      <c r="N993892" s="10"/>
    </row>
    <row r="993893" spans="14:14">
      <c r="N993893" s="10"/>
    </row>
    <row r="993894" spans="14:14">
      <c r="N993894" s="10"/>
    </row>
    <row r="993895" spans="14:14">
      <c r="N993895" s="10"/>
    </row>
    <row r="993896" spans="14:14">
      <c r="N993896" s="10"/>
    </row>
    <row r="993897" spans="14:14">
      <c r="N993897" s="10"/>
    </row>
    <row r="993898" spans="14:14">
      <c r="N993898" s="10"/>
    </row>
    <row r="993899" spans="14:14">
      <c r="N993899" s="10"/>
    </row>
    <row r="993900" spans="14:14">
      <c r="N993900" s="10"/>
    </row>
    <row r="993901" spans="14:14">
      <c r="N993901" s="10"/>
    </row>
    <row r="993902" spans="14:14">
      <c r="N993902" s="10"/>
    </row>
    <row r="993903" spans="14:14">
      <c r="N993903" s="10"/>
    </row>
    <row r="993904" spans="14:14">
      <c r="N993904" s="10"/>
    </row>
    <row r="993905" spans="14:14">
      <c r="N993905" s="10"/>
    </row>
    <row r="993906" spans="14:14">
      <c r="N993906" s="10"/>
    </row>
    <row r="993907" spans="14:14">
      <c r="N993907" s="10"/>
    </row>
    <row r="993908" spans="14:14">
      <c r="N993908" s="10"/>
    </row>
    <row r="993909" spans="14:14">
      <c r="N993909" s="10"/>
    </row>
    <row r="993910" spans="14:14">
      <c r="N993910" s="10"/>
    </row>
    <row r="993911" spans="14:14">
      <c r="N993911" s="10"/>
    </row>
    <row r="993912" spans="14:14">
      <c r="N993912" s="10"/>
    </row>
    <row r="993913" spans="14:14">
      <c r="N993913" s="10"/>
    </row>
    <row r="993914" spans="14:14">
      <c r="N993914" s="10"/>
    </row>
    <row r="993915" spans="14:14">
      <c r="N993915" s="10"/>
    </row>
    <row r="993916" spans="14:14">
      <c r="N993916" s="10"/>
    </row>
    <row r="993917" spans="14:14">
      <c r="N993917" s="10"/>
    </row>
    <row r="993918" spans="14:14">
      <c r="N993918" s="10"/>
    </row>
    <row r="993919" spans="14:14">
      <c r="N993919" s="10"/>
    </row>
    <row r="993920" spans="14:14">
      <c r="N993920" s="10"/>
    </row>
    <row r="993921" spans="14:14">
      <c r="N993921" s="10"/>
    </row>
    <row r="993922" spans="14:14">
      <c r="N993922" s="10"/>
    </row>
    <row r="993923" spans="14:14">
      <c r="N993923" s="10"/>
    </row>
    <row r="993924" spans="14:14">
      <c r="N993924" s="10"/>
    </row>
    <row r="993925" spans="14:14">
      <c r="N993925" s="10"/>
    </row>
    <row r="993926" spans="14:14">
      <c r="N993926" s="10"/>
    </row>
    <row r="993927" spans="14:14">
      <c r="N993927" s="10"/>
    </row>
    <row r="993928" spans="14:14">
      <c r="N993928" s="10"/>
    </row>
    <row r="993929" spans="14:14">
      <c r="N993929" s="10"/>
    </row>
    <row r="993930" spans="14:14">
      <c r="N993930" s="10"/>
    </row>
    <row r="993931" spans="14:14">
      <c r="N993931" s="10"/>
    </row>
    <row r="993932" spans="14:14">
      <c r="N993932" s="10"/>
    </row>
    <row r="993933" spans="14:14">
      <c r="N993933" s="10"/>
    </row>
    <row r="993934" spans="14:14">
      <c r="N993934" s="10"/>
    </row>
    <row r="993935" spans="14:14">
      <c r="N993935" s="10"/>
    </row>
    <row r="993936" spans="14:14">
      <c r="N993936" s="10"/>
    </row>
    <row r="993937" spans="14:14">
      <c r="N993937" s="10"/>
    </row>
    <row r="993938" spans="14:14">
      <c r="N993938" s="10"/>
    </row>
    <row r="993939" spans="14:14">
      <c r="N993939" s="10"/>
    </row>
    <row r="993940" spans="14:14">
      <c r="N993940" s="10"/>
    </row>
    <row r="993941" spans="14:14">
      <c r="N993941" s="10"/>
    </row>
    <row r="993942" spans="14:14">
      <c r="N993942" s="10"/>
    </row>
    <row r="993943" spans="14:14">
      <c r="N993943" s="10"/>
    </row>
    <row r="993944" spans="14:14">
      <c r="N993944" s="10"/>
    </row>
    <row r="993945" spans="14:14">
      <c r="N993945" s="10"/>
    </row>
    <row r="993946" spans="14:14">
      <c r="N993946" s="10"/>
    </row>
    <row r="993947" spans="14:14">
      <c r="N993947" s="10"/>
    </row>
    <row r="993948" spans="14:14">
      <c r="N993948" s="10"/>
    </row>
    <row r="993949" spans="14:14">
      <c r="N993949" s="10"/>
    </row>
    <row r="993950" spans="14:14">
      <c r="N993950" s="10"/>
    </row>
    <row r="993951" spans="14:14">
      <c r="N993951" s="10"/>
    </row>
    <row r="993952" spans="14:14">
      <c r="N993952" s="10"/>
    </row>
    <row r="993953" spans="14:14">
      <c r="N993953" s="10"/>
    </row>
    <row r="993954" spans="14:14">
      <c r="N993954" s="10"/>
    </row>
    <row r="993955" spans="14:14">
      <c r="N993955" s="10"/>
    </row>
    <row r="993956" spans="14:14">
      <c r="N993956" s="10"/>
    </row>
    <row r="993957" spans="14:14">
      <c r="N993957" s="10"/>
    </row>
    <row r="993958" spans="14:14">
      <c r="N993958" s="10"/>
    </row>
    <row r="993959" spans="14:14">
      <c r="N993959" s="10"/>
    </row>
    <row r="993960" spans="14:14">
      <c r="N993960" s="10"/>
    </row>
    <row r="993961" spans="14:14">
      <c r="N993961" s="10"/>
    </row>
    <row r="993962" spans="14:14">
      <c r="N993962" s="10"/>
    </row>
    <row r="993963" spans="14:14">
      <c r="N993963" s="10"/>
    </row>
    <row r="993964" spans="14:14">
      <c r="N993964" s="10"/>
    </row>
    <row r="993965" spans="14:14">
      <c r="N993965" s="10"/>
    </row>
    <row r="993966" spans="14:14">
      <c r="N993966" s="10"/>
    </row>
    <row r="993967" spans="14:14">
      <c r="N993967" s="10"/>
    </row>
    <row r="993968" spans="14:14">
      <c r="N993968" s="10"/>
    </row>
    <row r="993969" spans="14:14">
      <c r="N993969" s="10"/>
    </row>
    <row r="993970" spans="14:14">
      <c r="N993970" s="10"/>
    </row>
    <row r="993971" spans="14:14">
      <c r="N993971" s="10"/>
    </row>
    <row r="993972" spans="14:14">
      <c r="N993972" s="10"/>
    </row>
    <row r="993973" spans="14:14">
      <c r="N993973" s="10"/>
    </row>
    <row r="993974" spans="14:14">
      <c r="N993974" s="10"/>
    </row>
    <row r="993975" spans="14:14">
      <c r="N993975" s="10"/>
    </row>
    <row r="993976" spans="14:14">
      <c r="N993976" s="10"/>
    </row>
    <row r="993977" spans="14:14">
      <c r="N993977" s="10"/>
    </row>
    <row r="993978" spans="14:14">
      <c r="N993978" s="10"/>
    </row>
    <row r="993979" spans="14:14">
      <c r="N993979" s="10"/>
    </row>
    <row r="993980" spans="14:14">
      <c r="N993980" s="10"/>
    </row>
    <row r="993981" spans="14:14">
      <c r="N993981" s="10"/>
    </row>
    <row r="993982" spans="14:14">
      <c r="N993982" s="10"/>
    </row>
    <row r="993983" spans="14:14">
      <c r="N993983" s="10"/>
    </row>
    <row r="993984" spans="14:14">
      <c r="N993984" s="10"/>
    </row>
    <row r="993985" spans="14:14">
      <c r="N993985" s="10"/>
    </row>
    <row r="993986" spans="14:14">
      <c r="N993986" s="10"/>
    </row>
    <row r="993987" spans="14:14">
      <c r="N993987" s="10"/>
    </row>
    <row r="993988" spans="14:14">
      <c r="N993988" s="10"/>
    </row>
    <row r="993989" spans="14:14">
      <c r="N993989" s="10"/>
    </row>
    <row r="993990" spans="14:14">
      <c r="N993990" s="10"/>
    </row>
    <row r="993991" spans="14:14">
      <c r="N993991" s="10"/>
    </row>
    <row r="993992" spans="14:14">
      <c r="N993992" s="10"/>
    </row>
    <row r="993993" spans="14:14">
      <c r="N993993" s="10"/>
    </row>
    <row r="993994" spans="14:14">
      <c r="N993994" s="10"/>
    </row>
    <row r="993995" spans="14:14">
      <c r="N993995" s="10"/>
    </row>
    <row r="993996" spans="14:14">
      <c r="N993996" s="10"/>
    </row>
    <row r="993997" spans="14:14">
      <c r="N993997" s="10"/>
    </row>
    <row r="993998" spans="14:14">
      <c r="N993998" s="10"/>
    </row>
    <row r="993999" spans="14:14">
      <c r="N993999" s="10"/>
    </row>
    <row r="994000" spans="14:14">
      <c r="N994000" s="10"/>
    </row>
    <row r="994001" spans="14:14">
      <c r="N994001" s="10"/>
    </row>
    <row r="994002" spans="14:14">
      <c r="N994002" s="10"/>
    </row>
    <row r="994003" spans="14:14">
      <c r="N994003" s="10"/>
    </row>
    <row r="994004" spans="14:14">
      <c r="N994004" s="10"/>
    </row>
    <row r="994005" spans="14:14">
      <c r="N994005" s="10"/>
    </row>
    <row r="994006" spans="14:14">
      <c r="N994006" s="10"/>
    </row>
    <row r="994007" spans="14:14">
      <c r="N994007" s="10"/>
    </row>
    <row r="994008" spans="14:14">
      <c r="N994008" s="10"/>
    </row>
    <row r="994009" spans="14:14">
      <c r="N994009" s="10"/>
    </row>
    <row r="994010" spans="14:14">
      <c r="N994010" s="10"/>
    </row>
    <row r="994011" spans="14:14">
      <c r="N994011" s="10"/>
    </row>
    <row r="994012" spans="14:14">
      <c r="N994012" s="10"/>
    </row>
    <row r="994013" spans="14:14">
      <c r="N994013" s="10"/>
    </row>
    <row r="994014" spans="14:14">
      <c r="N994014" s="10"/>
    </row>
    <row r="994015" spans="14:14">
      <c r="N994015" s="10"/>
    </row>
    <row r="994016" spans="14:14">
      <c r="N994016" s="10"/>
    </row>
    <row r="994017" spans="14:14">
      <c r="N994017" s="10"/>
    </row>
    <row r="994018" spans="14:14">
      <c r="N994018" s="10"/>
    </row>
    <row r="994019" spans="14:14">
      <c r="N994019" s="10"/>
    </row>
    <row r="994020" spans="14:14">
      <c r="N994020" s="10"/>
    </row>
    <row r="994021" spans="14:14">
      <c r="N994021" s="10"/>
    </row>
    <row r="994022" spans="14:14">
      <c r="N994022" s="10"/>
    </row>
    <row r="994023" spans="14:14">
      <c r="N994023" s="10"/>
    </row>
    <row r="994024" spans="14:14">
      <c r="N994024" s="10"/>
    </row>
    <row r="994025" spans="14:14">
      <c r="N994025" s="10"/>
    </row>
    <row r="994026" spans="14:14">
      <c r="N994026" s="10"/>
    </row>
    <row r="994027" spans="14:14">
      <c r="N994027" s="10"/>
    </row>
    <row r="994028" spans="14:14">
      <c r="N994028" s="10"/>
    </row>
    <row r="994029" spans="14:14">
      <c r="N994029" s="10"/>
    </row>
    <row r="994030" spans="14:14">
      <c r="N994030" s="10"/>
    </row>
    <row r="994031" spans="14:14">
      <c r="N994031" s="10"/>
    </row>
    <row r="994032" spans="14:14">
      <c r="N994032" s="10"/>
    </row>
    <row r="994033" spans="14:14">
      <c r="N994033" s="10"/>
    </row>
    <row r="994034" spans="14:14">
      <c r="N994034" s="10"/>
    </row>
    <row r="994035" spans="14:14">
      <c r="N994035" s="10"/>
    </row>
    <row r="994036" spans="14:14">
      <c r="N994036" s="10"/>
    </row>
    <row r="994037" spans="14:14">
      <c r="N994037" s="10"/>
    </row>
    <row r="994038" spans="14:14">
      <c r="N994038" s="10"/>
    </row>
    <row r="994039" spans="14:14">
      <c r="N994039" s="10"/>
    </row>
    <row r="994040" spans="14:14">
      <c r="N994040" s="10"/>
    </row>
    <row r="994041" spans="14:14">
      <c r="N994041" s="10"/>
    </row>
    <row r="994042" spans="14:14">
      <c r="N994042" s="10"/>
    </row>
    <row r="994043" spans="14:14">
      <c r="N994043" s="10"/>
    </row>
    <row r="994044" spans="14:14">
      <c r="N994044" s="10"/>
    </row>
    <row r="994045" spans="14:14">
      <c r="N994045" s="10"/>
    </row>
    <row r="994046" spans="14:14">
      <c r="N994046" s="10"/>
    </row>
    <row r="994047" spans="14:14">
      <c r="N994047" s="10"/>
    </row>
    <row r="994048" spans="14:14">
      <c r="N994048" s="10"/>
    </row>
    <row r="994049" spans="14:14">
      <c r="N994049" s="10"/>
    </row>
    <row r="994050" spans="14:14">
      <c r="N994050" s="10"/>
    </row>
    <row r="994051" spans="14:14">
      <c r="N994051" s="10"/>
    </row>
    <row r="994052" spans="14:14">
      <c r="N994052" s="10"/>
    </row>
    <row r="994053" spans="14:14">
      <c r="N994053" s="10"/>
    </row>
    <row r="994054" spans="14:14">
      <c r="N994054" s="10"/>
    </row>
    <row r="994055" spans="14:14">
      <c r="N994055" s="10"/>
    </row>
    <row r="994056" spans="14:14">
      <c r="N994056" s="10"/>
    </row>
    <row r="994057" spans="14:14">
      <c r="N994057" s="10"/>
    </row>
    <row r="994058" spans="14:14">
      <c r="N994058" s="10"/>
    </row>
    <row r="994059" spans="14:14">
      <c r="N994059" s="10"/>
    </row>
    <row r="994060" spans="14:14">
      <c r="N994060" s="10"/>
    </row>
    <row r="994061" spans="14:14">
      <c r="N994061" s="10"/>
    </row>
    <row r="994062" spans="14:14">
      <c r="N994062" s="10"/>
    </row>
    <row r="994063" spans="14:14">
      <c r="N994063" s="10"/>
    </row>
    <row r="994064" spans="14:14">
      <c r="N994064" s="10"/>
    </row>
    <row r="994065" spans="14:14">
      <c r="N994065" s="10"/>
    </row>
    <row r="994066" spans="14:14">
      <c r="N994066" s="10"/>
    </row>
    <row r="994067" spans="14:14">
      <c r="N994067" s="10"/>
    </row>
    <row r="994068" spans="14:14">
      <c r="N994068" s="10"/>
    </row>
    <row r="994069" spans="14:14">
      <c r="N994069" s="10"/>
    </row>
    <row r="994070" spans="14:14">
      <c r="N994070" s="10"/>
    </row>
    <row r="994071" spans="14:14">
      <c r="N994071" s="10"/>
    </row>
    <row r="994072" spans="14:14">
      <c r="N994072" s="10"/>
    </row>
    <row r="994073" spans="14:14">
      <c r="N994073" s="10"/>
    </row>
    <row r="994074" spans="14:14">
      <c r="N994074" s="10"/>
    </row>
    <row r="994075" spans="14:14">
      <c r="N994075" s="10"/>
    </row>
    <row r="994076" spans="14:14">
      <c r="N994076" s="10"/>
    </row>
    <row r="994077" spans="14:14">
      <c r="N994077" s="10"/>
    </row>
    <row r="994078" spans="14:14">
      <c r="N994078" s="10"/>
    </row>
    <row r="994079" spans="14:14">
      <c r="N994079" s="10"/>
    </row>
    <row r="994080" spans="14:14">
      <c r="N994080" s="10"/>
    </row>
    <row r="994081" spans="14:14">
      <c r="N994081" s="10"/>
    </row>
    <row r="994082" spans="14:14">
      <c r="N994082" s="10"/>
    </row>
    <row r="994083" spans="14:14">
      <c r="N994083" s="10"/>
    </row>
    <row r="994084" spans="14:14">
      <c r="N994084" s="10"/>
    </row>
    <row r="994085" spans="14:14">
      <c r="N994085" s="10"/>
    </row>
    <row r="994086" spans="14:14">
      <c r="N994086" s="10"/>
    </row>
    <row r="994087" spans="14:14">
      <c r="N994087" s="10"/>
    </row>
    <row r="994088" spans="14:14">
      <c r="N994088" s="10"/>
    </row>
    <row r="994089" spans="14:14">
      <c r="N994089" s="10"/>
    </row>
    <row r="994090" spans="14:14">
      <c r="N994090" s="10"/>
    </row>
    <row r="994091" spans="14:14">
      <c r="N994091" s="10"/>
    </row>
    <row r="994092" spans="14:14">
      <c r="N994092" s="10"/>
    </row>
    <row r="994093" spans="14:14">
      <c r="N994093" s="10"/>
    </row>
    <row r="994094" spans="14:14">
      <c r="N994094" s="10"/>
    </row>
    <row r="994095" spans="14:14">
      <c r="N994095" s="10"/>
    </row>
    <row r="994096" spans="14:14">
      <c r="N994096" s="10"/>
    </row>
    <row r="994097" spans="14:14">
      <c r="N994097" s="10"/>
    </row>
    <row r="994098" spans="14:14">
      <c r="N994098" s="10"/>
    </row>
    <row r="994099" spans="14:14">
      <c r="N994099" s="10"/>
    </row>
    <row r="994100" spans="14:14">
      <c r="N994100" s="10"/>
    </row>
    <row r="994101" spans="14:14">
      <c r="N994101" s="10"/>
    </row>
    <row r="994102" spans="14:14">
      <c r="N994102" s="10"/>
    </row>
    <row r="994103" spans="14:14">
      <c r="N994103" s="10"/>
    </row>
    <row r="994104" spans="14:14">
      <c r="N994104" s="10"/>
    </row>
    <row r="994105" spans="14:14">
      <c r="N994105" s="10"/>
    </row>
    <row r="994106" spans="14:14">
      <c r="N994106" s="10"/>
    </row>
    <row r="994107" spans="14:14">
      <c r="N994107" s="10"/>
    </row>
    <row r="994108" spans="14:14">
      <c r="N994108" s="10"/>
    </row>
    <row r="994109" spans="14:14">
      <c r="N994109" s="10"/>
    </row>
    <row r="994110" spans="14:14">
      <c r="N994110" s="10"/>
    </row>
    <row r="994111" spans="14:14">
      <c r="N994111" s="10"/>
    </row>
    <row r="994112" spans="14:14">
      <c r="N994112" s="10"/>
    </row>
    <row r="994113" spans="14:14">
      <c r="N994113" s="10"/>
    </row>
    <row r="994114" spans="14:14">
      <c r="N994114" s="10"/>
    </row>
    <row r="994115" spans="14:14">
      <c r="N994115" s="10"/>
    </row>
    <row r="994116" spans="14:14">
      <c r="N994116" s="10"/>
    </row>
    <row r="994117" spans="14:14">
      <c r="N994117" s="10"/>
    </row>
    <row r="994118" spans="14:14">
      <c r="N994118" s="10"/>
    </row>
    <row r="994119" spans="14:14">
      <c r="N994119" s="10"/>
    </row>
    <row r="994120" spans="14:14">
      <c r="N994120" s="10"/>
    </row>
    <row r="994121" spans="14:14">
      <c r="N994121" s="10"/>
    </row>
    <row r="994122" spans="14:14">
      <c r="N994122" s="10"/>
    </row>
    <row r="994123" spans="14:14">
      <c r="N994123" s="10"/>
    </row>
    <row r="994124" spans="14:14">
      <c r="N994124" s="10"/>
    </row>
    <row r="994125" spans="14:14">
      <c r="N994125" s="10"/>
    </row>
    <row r="994126" spans="14:14">
      <c r="N994126" s="10"/>
    </row>
    <row r="994127" spans="14:14">
      <c r="N994127" s="10"/>
    </row>
    <row r="994128" spans="14:14">
      <c r="N994128" s="10"/>
    </row>
    <row r="994129" spans="14:14">
      <c r="N994129" s="10"/>
    </row>
    <row r="994130" spans="14:14">
      <c r="N994130" s="10"/>
    </row>
    <row r="994131" spans="14:14">
      <c r="N994131" s="10"/>
    </row>
    <row r="994132" spans="14:14">
      <c r="N994132" s="10"/>
    </row>
    <row r="994133" spans="14:14">
      <c r="N994133" s="10"/>
    </row>
    <row r="994134" spans="14:14">
      <c r="N994134" s="10"/>
    </row>
    <row r="994135" spans="14:14">
      <c r="N994135" s="10"/>
    </row>
    <row r="994136" spans="14:14">
      <c r="N994136" s="10"/>
    </row>
    <row r="994137" spans="14:14">
      <c r="N994137" s="10"/>
    </row>
    <row r="994138" spans="14:14">
      <c r="N994138" s="10"/>
    </row>
    <row r="994139" spans="14:14">
      <c r="N994139" s="10"/>
    </row>
    <row r="994140" spans="14:14">
      <c r="N994140" s="10"/>
    </row>
    <row r="994141" spans="14:14">
      <c r="N994141" s="10"/>
    </row>
    <row r="994142" spans="14:14">
      <c r="N994142" s="10"/>
    </row>
    <row r="994143" spans="14:14">
      <c r="N994143" s="10"/>
    </row>
    <row r="994144" spans="14:14">
      <c r="N994144" s="10"/>
    </row>
    <row r="994145" spans="14:14">
      <c r="N994145" s="10"/>
    </row>
    <row r="994146" spans="14:14">
      <c r="N994146" s="10"/>
    </row>
    <row r="994147" spans="14:14">
      <c r="N994147" s="10"/>
    </row>
    <row r="994148" spans="14:14">
      <c r="N994148" s="10"/>
    </row>
    <row r="994149" spans="14:14">
      <c r="N994149" s="10"/>
    </row>
    <row r="994150" spans="14:14">
      <c r="N994150" s="10"/>
    </row>
    <row r="994151" spans="14:14">
      <c r="N994151" s="10"/>
    </row>
    <row r="994152" spans="14:14">
      <c r="N994152" s="10"/>
    </row>
    <row r="994153" spans="14:14">
      <c r="N994153" s="10"/>
    </row>
    <row r="994154" spans="14:14">
      <c r="N994154" s="10"/>
    </row>
    <row r="994155" spans="14:14">
      <c r="N994155" s="10"/>
    </row>
    <row r="994156" spans="14:14">
      <c r="N994156" s="10"/>
    </row>
    <row r="994157" spans="14:14">
      <c r="N994157" s="10"/>
    </row>
    <row r="994158" spans="14:14">
      <c r="N994158" s="10"/>
    </row>
    <row r="994159" spans="14:14">
      <c r="N994159" s="10"/>
    </row>
    <row r="994160" spans="14:14">
      <c r="N994160" s="10"/>
    </row>
    <row r="994161" spans="14:14">
      <c r="N994161" s="10"/>
    </row>
    <row r="994162" spans="14:14">
      <c r="N994162" s="10"/>
    </row>
    <row r="994163" spans="14:14">
      <c r="N994163" s="10"/>
    </row>
    <row r="994164" spans="14:14">
      <c r="N994164" s="10"/>
    </row>
    <row r="994165" spans="14:14">
      <c r="N994165" s="10"/>
    </row>
    <row r="994166" spans="14:14">
      <c r="N994166" s="10"/>
    </row>
    <row r="994167" spans="14:14">
      <c r="N994167" s="10"/>
    </row>
    <row r="994168" spans="14:14">
      <c r="N994168" s="10"/>
    </row>
    <row r="994169" spans="14:14">
      <c r="N994169" s="10"/>
    </row>
    <row r="994170" spans="14:14">
      <c r="N994170" s="10"/>
    </row>
    <row r="994171" spans="14:14">
      <c r="N994171" s="10"/>
    </row>
    <row r="994172" spans="14:14">
      <c r="N994172" s="10"/>
    </row>
    <row r="994173" spans="14:14">
      <c r="N994173" s="10"/>
    </row>
    <row r="994174" spans="14:14">
      <c r="N994174" s="10"/>
    </row>
    <row r="994175" spans="14:14">
      <c r="N994175" s="10"/>
    </row>
    <row r="994176" spans="14:14">
      <c r="N994176" s="10"/>
    </row>
    <row r="994177" spans="14:14">
      <c r="N994177" s="10"/>
    </row>
    <row r="994178" spans="14:14">
      <c r="N994178" s="10"/>
    </row>
    <row r="994179" spans="14:14">
      <c r="N994179" s="10"/>
    </row>
    <row r="994180" spans="14:14">
      <c r="N994180" s="10"/>
    </row>
    <row r="994181" spans="14:14">
      <c r="N994181" s="10"/>
    </row>
    <row r="994182" spans="14:14">
      <c r="N994182" s="10"/>
    </row>
    <row r="994183" spans="14:14">
      <c r="N994183" s="10"/>
    </row>
    <row r="994184" spans="14:14">
      <c r="N994184" s="10"/>
    </row>
    <row r="994185" spans="14:14">
      <c r="N994185" s="10"/>
    </row>
    <row r="994186" spans="14:14">
      <c r="N994186" s="10"/>
    </row>
    <row r="994187" spans="14:14">
      <c r="N994187" s="10"/>
    </row>
    <row r="994188" spans="14:14">
      <c r="N994188" s="10"/>
    </row>
    <row r="994189" spans="14:14">
      <c r="N994189" s="10"/>
    </row>
    <row r="994190" spans="14:14">
      <c r="N994190" s="10"/>
    </row>
    <row r="994191" spans="14:14">
      <c r="N994191" s="10"/>
    </row>
    <row r="994192" spans="14:14">
      <c r="N994192" s="10"/>
    </row>
    <row r="994193" spans="14:14">
      <c r="N994193" s="10"/>
    </row>
    <row r="994194" spans="14:14">
      <c r="N994194" s="10"/>
    </row>
    <row r="994195" spans="14:14">
      <c r="N994195" s="10"/>
    </row>
    <row r="994196" spans="14:14">
      <c r="N994196" s="10"/>
    </row>
    <row r="994197" spans="14:14">
      <c r="N994197" s="10"/>
    </row>
    <row r="994198" spans="14:14">
      <c r="N994198" s="10"/>
    </row>
    <row r="994199" spans="14:14">
      <c r="N994199" s="10"/>
    </row>
    <row r="994200" spans="14:14">
      <c r="N994200" s="10"/>
    </row>
    <row r="994201" spans="14:14">
      <c r="N994201" s="10"/>
    </row>
    <row r="994202" spans="14:14">
      <c r="N994202" s="10"/>
    </row>
    <row r="994203" spans="14:14">
      <c r="N994203" s="10"/>
    </row>
    <row r="994204" spans="14:14">
      <c r="N994204" s="10"/>
    </row>
    <row r="994205" spans="14:14">
      <c r="N994205" s="10"/>
    </row>
    <row r="994206" spans="14:14">
      <c r="N994206" s="10"/>
    </row>
    <row r="994207" spans="14:14">
      <c r="N994207" s="10"/>
    </row>
    <row r="994208" spans="14:14">
      <c r="N994208" s="10"/>
    </row>
    <row r="994209" spans="14:14">
      <c r="N994209" s="10"/>
    </row>
    <row r="994210" spans="14:14">
      <c r="N994210" s="10"/>
    </row>
    <row r="994211" spans="14:14">
      <c r="N994211" s="10"/>
    </row>
    <row r="994212" spans="14:14">
      <c r="N994212" s="10"/>
    </row>
    <row r="994213" spans="14:14">
      <c r="N994213" s="10"/>
    </row>
    <row r="994214" spans="14:14">
      <c r="N994214" s="10"/>
    </row>
    <row r="994215" spans="14:14">
      <c r="N994215" s="10"/>
    </row>
    <row r="994216" spans="14:14">
      <c r="N994216" s="10"/>
    </row>
    <row r="994217" spans="14:14">
      <c r="N994217" s="10"/>
    </row>
    <row r="994218" spans="14:14">
      <c r="N994218" s="10"/>
    </row>
    <row r="994219" spans="14:14">
      <c r="N994219" s="10"/>
    </row>
    <row r="994220" spans="14:14">
      <c r="N994220" s="10"/>
    </row>
    <row r="994221" spans="14:14">
      <c r="N994221" s="10"/>
    </row>
    <row r="994222" spans="14:14">
      <c r="N994222" s="10"/>
    </row>
    <row r="994223" spans="14:14">
      <c r="N994223" s="10"/>
    </row>
    <row r="994224" spans="14:14">
      <c r="N994224" s="10"/>
    </row>
    <row r="994225" spans="14:14">
      <c r="N994225" s="10"/>
    </row>
    <row r="994226" spans="14:14">
      <c r="N994226" s="10"/>
    </row>
    <row r="994227" spans="14:14">
      <c r="N994227" s="10"/>
    </row>
    <row r="994228" spans="14:14">
      <c r="N994228" s="10"/>
    </row>
    <row r="994229" spans="14:14">
      <c r="N994229" s="10"/>
    </row>
    <row r="994230" spans="14:14">
      <c r="N994230" s="10"/>
    </row>
    <row r="994231" spans="14:14">
      <c r="N994231" s="10"/>
    </row>
    <row r="994232" spans="14:14">
      <c r="N994232" s="10"/>
    </row>
    <row r="994233" spans="14:14">
      <c r="N994233" s="10"/>
    </row>
    <row r="994234" spans="14:14">
      <c r="N994234" s="10"/>
    </row>
    <row r="994235" spans="14:14">
      <c r="N994235" s="10"/>
    </row>
    <row r="994236" spans="14:14">
      <c r="N994236" s="10"/>
    </row>
    <row r="994237" spans="14:14">
      <c r="N994237" s="10"/>
    </row>
    <row r="994238" spans="14:14">
      <c r="N994238" s="10"/>
    </row>
    <row r="994239" spans="14:14">
      <c r="N994239" s="10"/>
    </row>
    <row r="994240" spans="14:14">
      <c r="N994240" s="10"/>
    </row>
    <row r="994241" spans="14:14">
      <c r="N994241" s="10"/>
    </row>
    <row r="994242" spans="14:14">
      <c r="N994242" s="10"/>
    </row>
    <row r="994243" spans="14:14">
      <c r="N994243" s="10"/>
    </row>
    <row r="994244" spans="14:14">
      <c r="N994244" s="10"/>
    </row>
    <row r="994245" spans="14:14">
      <c r="N994245" s="10"/>
    </row>
    <row r="994246" spans="14:14">
      <c r="N994246" s="10"/>
    </row>
    <row r="994247" spans="14:14">
      <c r="N994247" s="10"/>
    </row>
    <row r="994248" spans="14:14">
      <c r="N994248" s="10"/>
    </row>
    <row r="994249" spans="14:14">
      <c r="N994249" s="10"/>
    </row>
    <row r="994250" spans="14:14">
      <c r="N994250" s="10"/>
    </row>
    <row r="994251" spans="14:14">
      <c r="N994251" s="10"/>
    </row>
    <row r="994252" spans="14:14">
      <c r="N994252" s="10"/>
    </row>
    <row r="994253" spans="14:14">
      <c r="N994253" s="10"/>
    </row>
    <row r="994254" spans="14:14">
      <c r="N994254" s="10"/>
    </row>
    <row r="994255" spans="14:14">
      <c r="N994255" s="10"/>
    </row>
    <row r="994256" spans="14:14">
      <c r="N994256" s="10"/>
    </row>
    <row r="994257" spans="14:14">
      <c r="N994257" s="10"/>
    </row>
    <row r="994258" spans="14:14">
      <c r="N994258" s="10"/>
    </row>
    <row r="994259" spans="14:14">
      <c r="N994259" s="10"/>
    </row>
    <row r="994260" spans="14:14">
      <c r="N994260" s="10"/>
    </row>
    <row r="994261" spans="14:14">
      <c r="N994261" s="10"/>
    </row>
    <row r="994262" spans="14:14">
      <c r="N994262" s="10"/>
    </row>
    <row r="994263" spans="14:14">
      <c r="N994263" s="10"/>
    </row>
    <row r="994264" spans="14:14">
      <c r="N994264" s="10"/>
    </row>
    <row r="994265" spans="14:14">
      <c r="N994265" s="10"/>
    </row>
    <row r="994266" spans="14:14">
      <c r="N994266" s="10"/>
    </row>
    <row r="994267" spans="14:14">
      <c r="N994267" s="10"/>
    </row>
    <row r="994268" spans="14:14">
      <c r="N994268" s="10"/>
    </row>
    <row r="994269" spans="14:14">
      <c r="N994269" s="10"/>
    </row>
    <row r="994270" spans="14:14">
      <c r="N994270" s="10"/>
    </row>
    <row r="994271" spans="14:14">
      <c r="N994271" s="10"/>
    </row>
    <row r="994272" spans="14:14">
      <c r="N994272" s="10"/>
    </row>
    <row r="994273" spans="14:14">
      <c r="N994273" s="10"/>
    </row>
    <row r="994274" spans="14:14">
      <c r="N994274" s="10"/>
    </row>
    <row r="994275" spans="14:14">
      <c r="N994275" s="10"/>
    </row>
    <row r="994276" spans="14:14">
      <c r="N994276" s="10"/>
    </row>
    <row r="994277" spans="14:14">
      <c r="N994277" s="10"/>
    </row>
    <row r="994278" spans="14:14">
      <c r="N994278" s="10"/>
    </row>
    <row r="994279" spans="14:14">
      <c r="N994279" s="10"/>
    </row>
    <row r="994280" spans="14:14">
      <c r="N994280" s="10"/>
    </row>
    <row r="994281" spans="14:14">
      <c r="N994281" s="10"/>
    </row>
    <row r="994282" spans="14:14">
      <c r="N994282" s="10"/>
    </row>
    <row r="994283" spans="14:14">
      <c r="N994283" s="10"/>
    </row>
    <row r="994284" spans="14:14">
      <c r="N994284" s="10"/>
    </row>
    <row r="994285" spans="14:14">
      <c r="N994285" s="10"/>
    </row>
    <row r="994286" spans="14:14">
      <c r="N994286" s="10"/>
    </row>
    <row r="994287" spans="14:14">
      <c r="N994287" s="10"/>
    </row>
    <row r="994288" spans="14:14">
      <c r="N994288" s="10"/>
    </row>
    <row r="994289" spans="14:14">
      <c r="N994289" s="10"/>
    </row>
    <row r="994290" spans="14:14">
      <c r="N994290" s="10"/>
    </row>
    <row r="994291" spans="14:14">
      <c r="N994291" s="10"/>
    </row>
    <row r="994292" spans="14:14">
      <c r="N994292" s="10"/>
    </row>
    <row r="994293" spans="14:14">
      <c r="N994293" s="10"/>
    </row>
    <row r="994294" spans="14:14">
      <c r="N994294" s="10"/>
    </row>
    <row r="994295" spans="14:14">
      <c r="N994295" s="10"/>
    </row>
    <row r="994296" spans="14:14">
      <c r="N994296" s="10"/>
    </row>
    <row r="994297" spans="14:14">
      <c r="N994297" s="10"/>
    </row>
    <row r="994298" spans="14:14">
      <c r="N994298" s="10"/>
    </row>
    <row r="994299" spans="14:14">
      <c r="N994299" s="10"/>
    </row>
    <row r="994300" spans="14:14">
      <c r="N994300" s="10"/>
    </row>
    <row r="994301" spans="14:14">
      <c r="N994301" s="10"/>
    </row>
    <row r="994302" spans="14:14">
      <c r="N994302" s="10"/>
    </row>
    <row r="994303" spans="14:14">
      <c r="N994303" s="10"/>
    </row>
    <row r="994304" spans="14:14">
      <c r="N994304" s="10"/>
    </row>
    <row r="994305" spans="14:14">
      <c r="N994305" s="10"/>
    </row>
    <row r="994306" spans="14:14">
      <c r="N994306" s="10"/>
    </row>
    <row r="994307" spans="14:14">
      <c r="N994307" s="10"/>
    </row>
    <row r="994308" spans="14:14">
      <c r="N994308" s="10"/>
    </row>
    <row r="994309" spans="14:14">
      <c r="N994309" s="10"/>
    </row>
    <row r="994310" spans="14:14">
      <c r="N994310" s="10"/>
    </row>
    <row r="994311" spans="14:14">
      <c r="N994311" s="10"/>
    </row>
    <row r="994312" spans="14:14">
      <c r="N994312" s="10"/>
    </row>
    <row r="994313" spans="14:14">
      <c r="N994313" s="10"/>
    </row>
    <row r="994314" spans="14:14">
      <c r="N994314" s="10"/>
    </row>
    <row r="994315" spans="14:14">
      <c r="N994315" s="10"/>
    </row>
    <row r="994316" spans="14:14">
      <c r="N994316" s="10"/>
    </row>
    <row r="994317" spans="14:14">
      <c r="N994317" s="10"/>
    </row>
    <row r="994318" spans="14:14">
      <c r="N994318" s="10"/>
    </row>
    <row r="994319" spans="14:14">
      <c r="N994319" s="10"/>
    </row>
    <row r="994320" spans="14:14">
      <c r="N994320" s="10"/>
    </row>
    <row r="994321" spans="14:14">
      <c r="N994321" s="10"/>
    </row>
    <row r="994322" spans="14:14">
      <c r="N994322" s="10"/>
    </row>
    <row r="994323" spans="14:14">
      <c r="N994323" s="10"/>
    </row>
    <row r="994324" spans="14:14">
      <c r="N994324" s="10"/>
    </row>
    <row r="994325" spans="14:14">
      <c r="N994325" s="10"/>
    </row>
    <row r="994326" spans="14:14">
      <c r="N994326" s="10"/>
    </row>
    <row r="994327" spans="14:14">
      <c r="N994327" s="10"/>
    </row>
    <row r="994328" spans="14:14">
      <c r="N994328" s="10"/>
    </row>
    <row r="994329" spans="14:14">
      <c r="N994329" s="10"/>
    </row>
    <row r="994330" spans="14:14">
      <c r="N994330" s="10"/>
    </row>
    <row r="994331" spans="14:14">
      <c r="N994331" s="10"/>
    </row>
    <row r="994332" spans="14:14">
      <c r="N994332" s="10"/>
    </row>
    <row r="994333" spans="14:14">
      <c r="N994333" s="10"/>
    </row>
    <row r="994334" spans="14:14">
      <c r="N994334" s="10"/>
    </row>
    <row r="994335" spans="14:14">
      <c r="N994335" s="10"/>
    </row>
    <row r="994336" spans="14:14">
      <c r="N994336" s="10"/>
    </row>
    <row r="994337" spans="14:14">
      <c r="N994337" s="10"/>
    </row>
    <row r="994338" spans="14:14">
      <c r="N994338" s="10"/>
    </row>
    <row r="994339" spans="14:14">
      <c r="N994339" s="10"/>
    </row>
    <row r="994340" spans="14:14">
      <c r="N994340" s="10"/>
    </row>
    <row r="994341" spans="14:14">
      <c r="N994341" s="10"/>
    </row>
    <row r="994342" spans="14:14">
      <c r="N994342" s="10"/>
    </row>
    <row r="994343" spans="14:14">
      <c r="N994343" s="10"/>
    </row>
    <row r="994344" spans="14:14">
      <c r="N994344" s="10"/>
    </row>
    <row r="994345" spans="14:14">
      <c r="N994345" s="10"/>
    </row>
    <row r="994346" spans="14:14">
      <c r="N994346" s="10"/>
    </row>
    <row r="994347" spans="14:14">
      <c r="N994347" s="10"/>
    </row>
    <row r="994348" spans="14:14">
      <c r="N994348" s="10"/>
    </row>
    <row r="994349" spans="14:14">
      <c r="N994349" s="10"/>
    </row>
    <row r="994350" spans="14:14">
      <c r="N994350" s="10"/>
    </row>
    <row r="994351" spans="14:14">
      <c r="N994351" s="10"/>
    </row>
    <row r="994352" spans="14:14">
      <c r="N994352" s="10"/>
    </row>
    <row r="994353" spans="14:14">
      <c r="N994353" s="10"/>
    </row>
    <row r="994354" spans="14:14">
      <c r="N994354" s="10"/>
    </row>
    <row r="994355" spans="14:14">
      <c r="N994355" s="10"/>
    </row>
    <row r="994356" spans="14:14">
      <c r="N994356" s="10"/>
    </row>
    <row r="994357" spans="14:14">
      <c r="N994357" s="10"/>
    </row>
    <row r="994358" spans="14:14">
      <c r="N994358" s="10"/>
    </row>
    <row r="994359" spans="14:14">
      <c r="N994359" s="10"/>
    </row>
    <row r="994360" spans="14:14">
      <c r="N994360" s="10"/>
    </row>
    <row r="994361" spans="14:14">
      <c r="N994361" s="10"/>
    </row>
    <row r="994362" spans="14:14">
      <c r="N994362" s="10"/>
    </row>
    <row r="994363" spans="14:14">
      <c r="N994363" s="10"/>
    </row>
    <row r="994364" spans="14:14">
      <c r="N994364" s="10"/>
    </row>
    <row r="994365" spans="14:14">
      <c r="N994365" s="10"/>
    </row>
    <row r="994366" spans="14:14">
      <c r="N994366" s="10"/>
    </row>
    <row r="994367" spans="14:14">
      <c r="N994367" s="10"/>
    </row>
    <row r="994368" spans="14:14">
      <c r="N994368" s="10"/>
    </row>
    <row r="994369" spans="14:14">
      <c r="N994369" s="10"/>
    </row>
    <row r="994370" spans="14:14">
      <c r="N994370" s="10"/>
    </row>
    <row r="994371" spans="14:14">
      <c r="N994371" s="10"/>
    </row>
    <row r="994372" spans="14:14">
      <c r="N994372" s="10"/>
    </row>
    <row r="994373" spans="14:14">
      <c r="N994373" s="10"/>
    </row>
    <row r="994374" spans="14:14">
      <c r="N994374" s="10"/>
    </row>
    <row r="994375" spans="14:14">
      <c r="N994375" s="10"/>
    </row>
    <row r="994376" spans="14:14">
      <c r="N994376" s="10"/>
    </row>
    <row r="994377" spans="14:14">
      <c r="N994377" s="10"/>
    </row>
    <row r="994378" spans="14:14">
      <c r="N994378" s="10"/>
    </row>
    <row r="994379" spans="14:14">
      <c r="N994379" s="10"/>
    </row>
    <row r="994380" spans="14:14">
      <c r="N994380" s="10"/>
    </row>
    <row r="994381" spans="14:14">
      <c r="N994381" s="10"/>
    </row>
    <row r="994382" spans="14:14">
      <c r="N994382" s="10"/>
    </row>
    <row r="994383" spans="14:14">
      <c r="N994383" s="10"/>
    </row>
    <row r="994384" spans="14:14">
      <c r="N994384" s="10"/>
    </row>
    <row r="994385" spans="14:14">
      <c r="N994385" s="10"/>
    </row>
    <row r="994386" spans="14:14">
      <c r="N994386" s="10"/>
    </row>
    <row r="994387" spans="14:14">
      <c r="N994387" s="10"/>
    </row>
    <row r="994388" spans="14:14">
      <c r="N994388" s="10"/>
    </row>
    <row r="994389" spans="14:14">
      <c r="N994389" s="10"/>
    </row>
    <row r="994390" spans="14:14">
      <c r="N994390" s="10"/>
    </row>
    <row r="994391" spans="14:14">
      <c r="N994391" s="10"/>
    </row>
    <row r="994392" spans="14:14">
      <c r="N994392" s="10"/>
    </row>
    <row r="994393" spans="14:14">
      <c r="N994393" s="10"/>
    </row>
    <row r="994394" spans="14:14">
      <c r="N994394" s="10"/>
    </row>
    <row r="994395" spans="14:14">
      <c r="N994395" s="10"/>
    </row>
    <row r="994396" spans="14:14">
      <c r="N994396" s="10"/>
    </row>
    <row r="994397" spans="14:14">
      <c r="N994397" s="10"/>
    </row>
    <row r="994398" spans="14:14">
      <c r="N994398" s="10"/>
    </row>
    <row r="994399" spans="14:14">
      <c r="N994399" s="10"/>
    </row>
    <row r="994400" spans="14:14">
      <c r="N994400" s="10"/>
    </row>
    <row r="994401" spans="14:14">
      <c r="N994401" s="10"/>
    </row>
    <row r="994402" spans="14:14">
      <c r="N994402" s="10"/>
    </row>
    <row r="994403" spans="14:14">
      <c r="N994403" s="10"/>
    </row>
    <row r="994404" spans="14:14">
      <c r="N994404" s="10"/>
    </row>
    <row r="994405" spans="14:14">
      <c r="N994405" s="10"/>
    </row>
    <row r="994406" spans="14:14">
      <c r="N994406" s="10"/>
    </row>
    <row r="994407" spans="14:14">
      <c r="N994407" s="10"/>
    </row>
    <row r="994408" spans="14:14">
      <c r="N994408" s="10"/>
    </row>
    <row r="994409" spans="14:14">
      <c r="N994409" s="10"/>
    </row>
    <row r="994410" spans="14:14">
      <c r="N994410" s="10"/>
    </row>
    <row r="994411" spans="14:14">
      <c r="N994411" s="10"/>
    </row>
    <row r="994412" spans="14:14">
      <c r="N994412" s="10"/>
    </row>
    <row r="994413" spans="14:14">
      <c r="N994413" s="10"/>
    </row>
    <row r="994414" spans="14:14">
      <c r="N994414" s="10"/>
    </row>
    <row r="994415" spans="14:14">
      <c r="N994415" s="10"/>
    </row>
    <row r="994416" spans="14:14">
      <c r="N994416" s="10"/>
    </row>
    <row r="994417" spans="14:14">
      <c r="N994417" s="10"/>
    </row>
    <row r="994418" spans="14:14">
      <c r="N994418" s="10"/>
    </row>
    <row r="994419" spans="14:14">
      <c r="N994419" s="10"/>
    </row>
    <row r="994420" spans="14:14">
      <c r="N994420" s="10"/>
    </row>
    <row r="994421" spans="14:14">
      <c r="N994421" s="10"/>
    </row>
    <row r="994422" spans="14:14">
      <c r="N994422" s="10"/>
    </row>
    <row r="994423" spans="14:14">
      <c r="N994423" s="10"/>
    </row>
    <row r="994424" spans="14:14">
      <c r="N994424" s="10"/>
    </row>
    <row r="994425" spans="14:14">
      <c r="N994425" s="10"/>
    </row>
    <row r="994426" spans="14:14">
      <c r="N994426" s="10"/>
    </row>
    <row r="994427" spans="14:14">
      <c r="N994427" s="10"/>
    </row>
    <row r="994428" spans="14:14">
      <c r="N994428" s="10"/>
    </row>
    <row r="994429" spans="14:14">
      <c r="N994429" s="10"/>
    </row>
    <row r="994430" spans="14:14">
      <c r="N994430" s="10"/>
    </row>
    <row r="994431" spans="14:14">
      <c r="N994431" s="10"/>
    </row>
    <row r="994432" spans="14:14">
      <c r="N994432" s="10"/>
    </row>
    <row r="994433" spans="14:14">
      <c r="N994433" s="10"/>
    </row>
    <row r="994434" spans="14:14">
      <c r="N994434" s="10"/>
    </row>
    <row r="994435" spans="14:14">
      <c r="N994435" s="10"/>
    </row>
    <row r="994436" spans="14:14">
      <c r="N994436" s="10"/>
    </row>
    <row r="994437" spans="14:14">
      <c r="N994437" s="10"/>
    </row>
    <row r="994438" spans="14:14">
      <c r="N994438" s="10"/>
    </row>
    <row r="994439" spans="14:14">
      <c r="N994439" s="10"/>
    </row>
    <row r="994440" spans="14:14">
      <c r="N994440" s="10"/>
    </row>
    <row r="994441" spans="14:14">
      <c r="N994441" s="10"/>
    </row>
    <row r="994442" spans="14:14">
      <c r="N994442" s="10"/>
    </row>
    <row r="994443" spans="14:14">
      <c r="N994443" s="10"/>
    </row>
    <row r="994444" spans="14:14">
      <c r="N994444" s="10"/>
    </row>
    <row r="994445" spans="14:14">
      <c r="N994445" s="10"/>
    </row>
    <row r="994446" spans="14:14">
      <c r="N994446" s="10"/>
    </row>
    <row r="994447" spans="14:14">
      <c r="N994447" s="10"/>
    </row>
    <row r="994448" spans="14:14">
      <c r="N994448" s="10"/>
    </row>
    <row r="994449" spans="14:14">
      <c r="N994449" s="10"/>
    </row>
    <row r="994450" spans="14:14">
      <c r="N994450" s="10"/>
    </row>
    <row r="994451" spans="14:14">
      <c r="N994451" s="10"/>
    </row>
    <row r="994452" spans="14:14">
      <c r="N994452" s="10"/>
    </row>
    <row r="994453" spans="14:14">
      <c r="N994453" s="10"/>
    </row>
    <row r="994454" spans="14:14">
      <c r="N994454" s="10"/>
    </row>
    <row r="994455" spans="14:14">
      <c r="N994455" s="10"/>
    </row>
    <row r="994456" spans="14:14">
      <c r="N994456" s="10"/>
    </row>
    <row r="994457" spans="14:14">
      <c r="N994457" s="10"/>
    </row>
    <row r="994458" spans="14:14">
      <c r="N994458" s="10"/>
    </row>
    <row r="994459" spans="14:14">
      <c r="N994459" s="10"/>
    </row>
    <row r="994460" spans="14:14">
      <c r="N994460" s="10"/>
    </row>
    <row r="994461" spans="14:14">
      <c r="N994461" s="10"/>
    </row>
    <row r="994462" spans="14:14">
      <c r="N994462" s="10"/>
    </row>
    <row r="994463" spans="14:14">
      <c r="N994463" s="10"/>
    </row>
    <row r="994464" spans="14:14">
      <c r="N994464" s="10"/>
    </row>
    <row r="994465" spans="14:14">
      <c r="N994465" s="10"/>
    </row>
    <row r="994466" spans="14:14">
      <c r="N994466" s="10"/>
    </row>
    <row r="994467" spans="14:14">
      <c r="N994467" s="10"/>
    </row>
    <row r="994468" spans="14:14">
      <c r="N994468" s="10"/>
    </row>
    <row r="994469" spans="14:14">
      <c r="N994469" s="10"/>
    </row>
    <row r="994470" spans="14:14">
      <c r="N994470" s="10"/>
    </row>
    <row r="994471" spans="14:14">
      <c r="N994471" s="10"/>
    </row>
    <row r="994472" spans="14:14">
      <c r="N994472" s="10"/>
    </row>
    <row r="994473" spans="14:14">
      <c r="N994473" s="10"/>
    </row>
    <row r="994474" spans="14:14">
      <c r="N994474" s="10"/>
    </row>
    <row r="994475" spans="14:14">
      <c r="N994475" s="10"/>
    </row>
    <row r="994476" spans="14:14">
      <c r="N994476" s="10"/>
    </row>
    <row r="994477" spans="14:14">
      <c r="N994477" s="10"/>
    </row>
    <row r="994478" spans="14:14">
      <c r="N994478" s="10"/>
    </row>
    <row r="994479" spans="14:14">
      <c r="N994479" s="10"/>
    </row>
    <row r="994480" spans="14:14">
      <c r="N994480" s="10"/>
    </row>
    <row r="994481" spans="14:14">
      <c r="N994481" s="10"/>
    </row>
    <row r="994482" spans="14:14">
      <c r="N994482" s="10"/>
    </row>
    <row r="994483" spans="14:14">
      <c r="N994483" s="10"/>
    </row>
    <row r="994484" spans="14:14">
      <c r="N994484" s="10"/>
    </row>
    <row r="994485" spans="14:14">
      <c r="N994485" s="10"/>
    </row>
    <row r="994486" spans="14:14">
      <c r="N994486" s="10"/>
    </row>
    <row r="994487" spans="14:14">
      <c r="N994487" s="10"/>
    </row>
    <row r="994488" spans="14:14">
      <c r="N994488" s="10"/>
    </row>
    <row r="994489" spans="14:14">
      <c r="N994489" s="10"/>
    </row>
    <row r="994490" spans="14:14">
      <c r="N994490" s="10"/>
    </row>
    <row r="994491" spans="14:14">
      <c r="N994491" s="10"/>
    </row>
    <row r="994492" spans="14:14">
      <c r="N994492" s="10"/>
    </row>
    <row r="994493" spans="14:14">
      <c r="N994493" s="10"/>
    </row>
    <row r="994494" spans="14:14">
      <c r="N994494" s="10"/>
    </row>
    <row r="994495" spans="14:14">
      <c r="N994495" s="10"/>
    </row>
    <row r="994496" spans="14:14">
      <c r="N994496" s="10"/>
    </row>
    <row r="994497" spans="14:14">
      <c r="N994497" s="10"/>
    </row>
    <row r="994498" spans="14:14">
      <c r="N994498" s="10"/>
    </row>
    <row r="994499" spans="14:14">
      <c r="N994499" s="10"/>
    </row>
    <row r="994500" spans="14:14">
      <c r="N994500" s="10"/>
    </row>
    <row r="994501" spans="14:14">
      <c r="N994501" s="10"/>
    </row>
    <row r="994502" spans="14:14">
      <c r="N994502" s="10"/>
    </row>
    <row r="994503" spans="14:14">
      <c r="N994503" s="10"/>
    </row>
    <row r="994504" spans="14:14">
      <c r="N994504" s="10"/>
    </row>
    <row r="994505" spans="14:14">
      <c r="N994505" s="10"/>
    </row>
    <row r="994506" spans="14:14">
      <c r="N994506" s="10"/>
    </row>
    <row r="994507" spans="14:14">
      <c r="N994507" s="10"/>
    </row>
    <row r="994508" spans="14:14">
      <c r="N994508" s="10"/>
    </row>
    <row r="994509" spans="14:14">
      <c r="N994509" s="10"/>
    </row>
    <row r="994510" spans="14:14">
      <c r="N994510" s="10"/>
    </row>
    <row r="994511" spans="14:14">
      <c r="N994511" s="10"/>
    </row>
    <row r="994512" spans="14:14">
      <c r="N994512" s="10"/>
    </row>
    <row r="994513" spans="14:14">
      <c r="N994513" s="10"/>
    </row>
    <row r="994514" spans="14:14">
      <c r="N994514" s="10"/>
    </row>
    <row r="994515" spans="14:14">
      <c r="N994515" s="10"/>
    </row>
    <row r="994516" spans="14:14">
      <c r="N994516" s="10"/>
    </row>
    <row r="994517" spans="14:14">
      <c r="N994517" s="10"/>
    </row>
    <row r="994518" spans="14:14">
      <c r="N994518" s="10"/>
    </row>
    <row r="994519" spans="14:14">
      <c r="N994519" s="10"/>
    </row>
    <row r="994520" spans="14:14">
      <c r="N994520" s="10"/>
    </row>
    <row r="994521" spans="14:14">
      <c r="N994521" s="10"/>
    </row>
    <row r="994522" spans="14:14">
      <c r="N994522" s="10"/>
    </row>
    <row r="994523" spans="14:14">
      <c r="N994523" s="10"/>
    </row>
    <row r="994524" spans="14:14">
      <c r="N994524" s="10"/>
    </row>
    <row r="994525" spans="14:14">
      <c r="N994525" s="10"/>
    </row>
    <row r="994526" spans="14:14">
      <c r="N994526" s="10"/>
    </row>
    <row r="994527" spans="14:14">
      <c r="N994527" s="10"/>
    </row>
    <row r="994528" spans="14:14">
      <c r="N994528" s="10"/>
    </row>
    <row r="994529" spans="14:14">
      <c r="N994529" s="10"/>
    </row>
    <row r="994530" spans="14:14">
      <c r="N994530" s="10"/>
    </row>
    <row r="994531" spans="14:14">
      <c r="N994531" s="10"/>
    </row>
    <row r="994532" spans="14:14">
      <c r="N994532" s="10"/>
    </row>
    <row r="994533" spans="14:14">
      <c r="N994533" s="10"/>
    </row>
    <row r="994534" spans="14:14">
      <c r="N994534" s="10"/>
    </row>
    <row r="994535" spans="14:14">
      <c r="N994535" s="10"/>
    </row>
    <row r="994536" spans="14:14">
      <c r="N994536" s="10"/>
    </row>
    <row r="994537" spans="14:14">
      <c r="N994537" s="10"/>
    </row>
    <row r="994538" spans="14:14">
      <c r="N994538" s="10"/>
    </row>
    <row r="994539" spans="14:14">
      <c r="N994539" s="10"/>
    </row>
    <row r="994540" spans="14:14">
      <c r="N994540" s="10"/>
    </row>
    <row r="994541" spans="14:14">
      <c r="N994541" s="10"/>
    </row>
    <row r="994542" spans="14:14">
      <c r="N994542" s="10"/>
    </row>
    <row r="994543" spans="14:14">
      <c r="N994543" s="10"/>
    </row>
    <row r="994544" spans="14:14">
      <c r="N994544" s="10"/>
    </row>
    <row r="994545" spans="14:14">
      <c r="N994545" s="10"/>
    </row>
    <row r="994546" spans="14:14">
      <c r="N994546" s="10"/>
    </row>
    <row r="994547" spans="14:14">
      <c r="N994547" s="10"/>
    </row>
    <row r="994548" spans="14:14">
      <c r="N994548" s="10"/>
    </row>
    <row r="994549" spans="14:14">
      <c r="N994549" s="10"/>
    </row>
    <row r="994550" spans="14:14">
      <c r="N994550" s="10"/>
    </row>
    <row r="994551" spans="14:14">
      <c r="N994551" s="10"/>
    </row>
    <row r="994552" spans="14:14">
      <c r="N994552" s="10"/>
    </row>
    <row r="994553" spans="14:14">
      <c r="N994553" s="10"/>
    </row>
    <row r="994554" spans="14:14">
      <c r="N994554" s="10"/>
    </row>
    <row r="994555" spans="14:14">
      <c r="N994555" s="10"/>
    </row>
    <row r="994556" spans="14:14">
      <c r="N994556" s="10"/>
    </row>
    <row r="994557" spans="14:14">
      <c r="N994557" s="10"/>
    </row>
    <row r="994558" spans="14:14">
      <c r="N994558" s="10"/>
    </row>
    <row r="994559" spans="14:14">
      <c r="N994559" s="10"/>
    </row>
    <row r="994560" spans="14:14">
      <c r="N994560" s="10"/>
    </row>
    <row r="994561" spans="14:14">
      <c r="N994561" s="10"/>
    </row>
    <row r="994562" spans="14:14">
      <c r="N994562" s="10"/>
    </row>
    <row r="994563" spans="14:14">
      <c r="N994563" s="10"/>
    </row>
    <row r="994564" spans="14:14">
      <c r="N994564" s="10"/>
    </row>
    <row r="994565" spans="14:14">
      <c r="N994565" s="10"/>
    </row>
    <row r="994566" spans="14:14">
      <c r="N994566" s="10"/>
    </row>
    <row r="994567" spans="14:14">
      <c r="N994567" s="10"/>
    </row>
    <row r="994568" spans="14:14">
      <c r="N994568" s="10"/>
    </row>
    <row r="994569" spans="14:14">
      <c r="N994569" s="10"/>
    </row>
    <row r="994570" spans="14:14">
      <c r="N994570" s="10"/>
    </row>
    <row r="994571" spans="14:14">
      <c r="N994571" s="10"/>
    </row>
    <row r="994572" spans="14:14">
      <c r="N994572" s="10"/>
    </row>
    <row r="994573" spans="14:14">
      <c r="N994573" s="10"/>
    </row>
    <row r="994574" spans="14:14">
      <c r="N994574" s="10"/>
    </row>
    <row r="994575" spans="14:14">
      <c r="N994575" s="10"/>
    </row>
    <row r="994576" spans="14:14">
      <c r="N994576" s="10"/>
    </row>
    <row r="994577" spans="14:14">
      <c r="N994577" s="10"/>
    </row>
    <row r="994578" spans="14:14">
      <c r="N994578" s="10"/>
    </row>
    <row r="994579" spans="14:14">
      <c r="N994579" s="10"/>
    </row>
    <row r="994580" spans="14:14">
      <c r="N994580" s="10"/>
    </row>
    <row r="994581" spans="14:14">
      <c r="N994581" s="10"/>
    </row>
    <row r="994582" spans="14:14">
      <c r="N994582" s="10"/>
    </row>
    <row r="994583" spans="14:14">
      <c r="N994583" s="10"/>
    </row>
    <row r="994584" spans="14:14">
      <c r="N994584" s="10"/>
    </row>
    <row r="994585" spans="14:14">
      <c r="N994585" s="10"/>
    </row>
    <row r="994586" spans="14:14">
      <c r="N994586" s="10"/>
    </row>
    <row r="994587" spans="14:14">
      <c r="N994587" s="10"/>
    </row>
    <row r="994588" spans="14:14">
      <c r="N994588" s="10"/>
    </row>
    <row r="994589" spans="14:14">
      <c r="N994589" s="10"/>
    </row>
    <row r="994590" spans="14:14">
      <c r="N994590" s="10"/>
    </row>
    <row r="994591" spans="14:14">
      <c r="N994591" s="10"/>
    </row>
    <row r="994592" spans="14:14">
      <c r="N994592" s="10"/>
    </row>
    <row r="994593" spans="14:14">
      <c r="N994593" s="10"/>
    </row>
    <row r="994594" spans="14:14">
      <c r="N994594" s="10"/>
    </row>
    <row r="994595" spans="14:14">
      <c r="N994595" s="10"/>
    </row>
    <row r="994596" spans="14:14">
      <c r="N994596" s="10"/>
    </row>
    <row r="994597" spans="14:14">
      <c r="N994597" s="10"/>
    </row>
    <row r="994598" spans="14:14">
      <c r="N994598" s="10"/>
    </row>
    <row r="994599" spans="14:14">
      <c r="N994599" s="10"/>
    </row>
    <row r="994600" spans="14:14">
      <c r="N994600" s="10"/>
    </row>
    <row r="994601" spans="14:14">
      <c r="N994601" s="10"/>
    </row>
    <row r="994602" spans="14:14">
      <c r="N994602" s="10"/>
    </row>
    <row r="994603" spans="14:14">
      <c r="N994603" s="10"/>
    </row>
    <row r="994604" spans="14:14">
      <c r="N994604" s="10"/>
    </row>
    <row r="994605" spans="14:14">
      <c r="N994605" s="10"/>
    </row>
    <row r="994606" spans="14:14">
      <c r="N994606" s="10"/>
    </row>
    <row r="994607" spans="14:14">
      <c r="N994607" s="10"/>
    </row>
    <row r="994608" spans="14:14">
      <c r="N994608" s="10"/>
    </row>
    <row r="994609" spans="14:14">
      <c r="N994609" s="10"/>
    </row>
    <row r="994610" spans="14:14">
      <c r="N994610" s="10"/>
    </row>
    <row r="994611" spans="14:14">
      <c r="N994611" s="10"/>
    </row>
    <row r="994612" spans="14:14">
      <c r="N994612" s="10"/>
    </row>
    <row r="994613" spans="14:14">
      <c r="N994613" s="10"/>
    </row>
    <row r="994614" spans="14:14">
      <c r="N994614" s="10"/>
    </row>
    <row r="994615" spans="14:14">
      <c r="N994615" s="10"/>
    </row>
    <row r="994616" spans="14:14">
      <c r="N994616" s="10"/>
    </row>
    <row r="994617" spans="14:14">
      <c r="N994617" s="10"/>
    </row>
    <row r="994618" spans="14:14">
      <c r="N994618" s="10"/>
    </row>
    <row r="994619" spans="14:14">
      <c r="N994619" s="10"/>
    </row>
    <row r="994620" spans="14:14">
      <c r="N994620" s="10"/>
    </row>
    <row r="994621" spans="14:14">
      <c r="N994621" s="10"/>
    </row>
    <row r="994622" spans="14:14">
      <c r="N994622" s="10"/>
    </row>
    <row r="994623" spans="14:14">
      <c r="N994623" s="10"/>
    </row>
    <row r="994624" spans="14:14">
      <c r="N994624" s="10"/>
    </row>
    <row r="994625" spans="14:14">
      <c r="N994625" s="10"/>
    </row>
    <row r="994626" spans="14:14">
      <c r="N994626" s="10"/>
    </row>
    <row r="994627" spans="14:14">
      <c r="N994627" s="10"/>
    </row>
    <row r="994628" spans="14:14">
      <c r="N994628" s="10"/>
    </row>
    <row r="994629" spans="14:14">
      <c r="N994629" s="10"/>
    </row>
    <row r="994630" spans="14:14">
      <c r="N994630" s="10"/>
    </row>
    <row r="994631" spans="14:14">
      <c r="N994631" s="10"/>
    </row>
    <row r="994632" spans="14:14">
      <c r="N994632" s="10"/>
    </row>
    <row r="994633" spans="14:14">
      <c r="N994633" s="10"/>
    </row>
    <row r="994634" spans="14:14">
      <c r="N994634" s="10"/>
    </row>
    <row r="994635" spans="14:14">
      <c r="N994635" s="10"/>
    </row>
    <row r="994636" spans="14:14">
      <c r="N994636" s="10"/>
    </row>
    <row r="994637" spans="14:14">
      <c r="N994637" s="10"/>
    </row>
    <row r="994638" spans="14:14">
      <c r="N994638" s="10"/>
    </row>
    <row r="994639" spans="14:14">
      <c r="N994639" s="10"/>
    </row>
    <row r="994640" spans="14:14">
      <c r="N994640" s="10"/>
    </row>
    <row r="994641" spans="14:14">
      <c r="N994641" s="10"/>
    </row>
    <row r="994642" spans="14:14">
      <c r="N994642" s="10"/>
    </row>
    <row r="994643" spans="14:14">
      <c r="N994643" s="10"/>
    </row>
    <row r="994644" spans="14:14">
      <c r="N994644" s="10"/>
    </row>
    <row r="994645" spans="14:14">
      <c r="N994645" s="10"/>
    </row>
    <row r="994646" spans="14:14">
      <c r="N994646" s="10"/>
    </row>
    <row r="994647" spans="14:14">
      <c r="N994647" s="10"/>
    </row>
    <row r="994648" spans="14:14">
      <c r="N994648" s="10"/>
    </row>
    <row r="994649" spans="14:14">
      <c r="N994649" s="10"/>
    </row>
    <row r="994650" spans="14:14">
      <c r="N994650" s="10"/>
    </row>
    <row r="994651" spans="14:14">
      <c r="N994651" s="10"/>
    </row>
    <row r="994652" spans="14:14">
      <c r="N994652" s="10"/>
    </row>
    <row r="994653" spans="14:14">
      <c r="N994653" s="10"/>
    </row>
    <row r="994654" spans="14:14">
      <c r="N994654" s="10"/>
    </row>
    <row r="994655" spans="14:14">
      <c r="N994655" s="10"/>
    </row>
    <row r="994656" spans="14:14">
      <c r="N994656" s="10"/>
    </row>
    <row r="994657" spans="14:14">
      <c r="N994657" s="10"/>
    </row>
    <row r="994658" spans="14:14">
      <c r="N994658" s="10"/>
    </row>
    <row r="994659" spans="14:14">
      <c r="N994659" s="10"/>
    </row>
    <row r="994660" spans="14:14">
      <c r="N994660" s="10"/>
    </row>
    <row r="994661" spans="14:14">
      <c r="N994661" s="10"/>
    </row>
    <row r="994662" spans="14:14">
      <c r="N994662" s="10"/>
    </row>
    <row r="994663" spans="14:14">
      <c r="N994663" s="10"/>
    </row>
    <row r="994664" spans="14:14">
      <c r="N994664" s="10"/>
    </row>
    <row r="994665" spans="14:14">
      <c r="N994665" s="10"/>
    </row>
    <row r="994666" spans="14:14">
      <c r="N994666" s="10"/>
    </row>
    <row r="994667" spans="14:14">
      <c r="N994667" s="10"/>
    </row>
    <row r="994668" spans="14:14">
      <c r="N994668" s="10"/>
    </row>
    <row r="994669" spans="14:14">
      <c r="N994669" s="10"/>
    </row>
    <row r="994670" spans="14:14">
      <c r="N994670" s="10"/>
    </row>
    <row r="994671" spans="14:14">
      <c r="N994671" s="10"/>
    </row>
    <row r="994672" spans="14:14">
      <c r="N994672" s="10"/>
    </row>
    <row r="994673" spans="14:14">
      <c r="N994673" s="10"/>
    </row>
    <row r="994674" spans="14:14">
      <c r="N994674" s="10"/>
    </row>
    <row r="994675" spans="14:14">
      <c r="N994675" s="10"/>
    </row>
    <row r="994676" spans="14:14">
      <c r="N994676" s="10"/>
    </row>
    <row r="994677" spans="14:14">
      <c r="N994677" s="10"/>
    </row>
    <row r="994678" spans="14:14">
      <c r="N994678" s="10"/>
    </row>
    <row r="994679" spans="14:14">
      <c r="N994679" s="10"/>
    </row>
    <row r="994680" spans="14:14">
      <c r="N994680" s="10"/>
    </row>
    <row r="994681" spans="14:14">
      <c r="N994681" s="10"/>
    </row>
    <row r="994682" spans="14:14">
      <c r="N994682" s="10"/>
    </row>
    <row r="994683" spans="14:14">
      <c r="N994683" s="10"/>
    </row>
    <row r="994684" spans="14:14">
      <c r="N994684" s="10"/>
    </row>
    <row r="994685" spans="14:14">
      <c r="N994685" s="10"/>
    </row>
    <row r="994686" spans="14:14">
      <c r="N994686" s="10"/>
    </row>
    <row r="994687" spans="14:14">
      <c r="N994687" s="10"/>
    </row>
    <row r="994688" spans="14:14">
      <c r="N994688" s="10"/>
    </row>
    <row r="994689" spans="14:14">
      <c r="N994689" s="10"/>
    </row>
    <row r="994690" spans="14:14">
      <c r="N994690" s="10"/>
    </row>
    <row r="994691" spans="14:14">
      <c r="N994691" s="10"/>
    </row>
    <row r="994692" spans="14:14">
      <c r="N994692" s="10"/>
    </row>
    <row r="994693" spans="14:14">
      <c r="N994693" s="10"/>
    </row>
    <row r="994694" spans="14:14">
      <c r="N994694" s="10"/>
    </row>
    <row r="994695" spans="14:14">
      <c r="N994695" s="10"/>
    </row>
    <row r="994696" spans="14:14">
      <c r="N994696" s="10"/>
    </row>
    <row r="994697" spans="14:14">
      <c r="N994697" s="10"/>
    </row>
    <row r="994698" spans="14:14">
      <c r="N994698" s="10"/>
    </row>
    <row r="994699" spans="14:14">
      <c r="N994699" s="10"/>
    </row>
    <row r="994700" spans="14:14">
      <c r="N994700" s="10"/>
    </row>
    <row r="994701" spans="14:14">
      <c r="N994701" s="10"/>
    </row>
    <row r="994702" spans="14:14">
      <c r="N994702" s="10"/>
    </row>
    <row r="994703" spans="14:14">
      <c r="N994703" s="10"/>
    </row>
    <row r="994704" spans="14:14">
      <c r="N994704" s="10"/>
    </row>
    <row r="994705" spans="14:14">
      <c r="N994705" s="10"/>
    </row>
    <row r="994706" spans="14:14">
      <c r="N994706" s="10"/>
    </row>
    <row r="994707" spans="14:14">
      <c r="N994707" s="10"/>
    </row>
    <row r="994708" spans="14:14">
      <c r="N994708" s="10"/>
    </row>
    <row r="994709" spans="14:14">
      <c r="N994709" s="10"/>
    </row>
    <row r="994710" spans="14:14">
      <c r="N994710" s="10"/>
    </row>
    <row r="994711" spans="14:14">
      <c r="N994711" s="10"/>
    </row>
    <row r="994712" spans="14:14">
      <c r="N994712" s="10"/>
    </row>
    <row r="994713" spans="14:14">
      <c r="N994713" s="10"/>
    </row>
    <row r="994714" spans="14:14">
      <c r="N994714" s="10"/>
    </row>
    <row r="994715" spans="14:14">
      <c r="N994715" s="10"/>
    </row>
    <row r="994716" spans="14:14">
      <c r="N994716" s="10"/>
    </row>
    <row r="994717" spans="14:14">
      <c r="N994717" s="10"/>
    </row>
    <row r="994718" spans="14:14">
      <c r="N994718" s="10"/>
    </row>
    <row r="994719" spans="14:14">
      <c r="N994719" s="10"/>
    </row>
    <row r="994720" spans="14:14">
      <c r="N994720" s="10"/>
    </row>
    <row r="994721" spans="14:14">
      <c r="N994721" s="10"/>
    </row>
    <row r="994722" spans="14:14">
      <c r="N994722" s="10"/>
    </row>
    <row r="994723" spans="14:14">
      <c r="N994723" s="10"/>
    </row>
    <row r="994724" spans="14:14">
      <c r="N994724" s="10"/>
    </row>
    <row r="994725" spans="14:14">
      <c r="N994725" s="10"/>
    </row>
    <row r="994726" spans="14:14">
      <c r="N994726" s="10"/>
    </row>
    <row r="994727" spans="14:14">
      <c r="N994727" s="10"/>
    </row>
    <row r="994728" spans="14:14">
      <c r="N994728" s="10"/>
    </row>
    <row r="994729" spans="14:14">
      <c r="N994729" s="10"/>
    </row>
    <row r="994730" spans="14:14">
      <c r="N994730" s="10"/>
    </row>
    <row r="994731" spans="14:14">
      <c r="N994731" s="10"/>
    </row>
    <row r="994732" spans="14:14">
      <c r="N994732" s="10"/>
    </row>
    <row r="994733" spans="14:14">
      <c r="N994733" s="10"/>
    </row>
    <row r="994734" spans="14:14">
      <c r="N994734" s="10"/>
    </row>
    <row r="994735" spans="14:14">
      <c r="N994735" s="10"/>
    </row>
    <row r="994736" spans="14:14">
      <c r="N994736" s="10"/>
    </row>
    <row r="994737" spans="14:14">
      <c r="N994737" s="10"/>
    </row>
    <row r="994738" spans="14:14">
      <c r="N994738" s="10"/>
    </row>
    <row r="994739" spans="14:14">
      <c r="N994739" s="10"/>
    </row>
    <row r="994740" spans="14:14">
      <c r="N994740" s="10"/>
    </row>
    <row r="994741" spans="14:14">
      <c r="N994741" s="10"/>
    </row>
    <row r="994742" spans="14:14">
      <c r="N994742" s="10"/>
    </row>
    <row r="994743" spans="14:14">
      <c r="N994743" s="10"/>
    </row>
    <row r="994744" spans="14:14">
      <c r="N994744" s="10"/>
    </row>
    <row r="994745" spans="14:14">
      <c r="N994745" s="10"/>
    </row>
    <row r="994746" spans="14:14">
      <c r="N994746" s="10"/>
    </row>
    <row r="994747" spans="14:14">
      <c r="N994747" s="10"/>
    </row>
    <row r="994748" spans="14:14">
      <c r="N994748" s="10"/>
    </row>
    <row r="994749" spans="14:14">
      <c r="N994749" s="10"/>
    </row>
    <row r="994750" spans="14:14">
      <c r="N994750" s="10"/>
    </row>
    <row r="994751" spans="14:14">
      <c r="N994751" s="10"/>
    </row>
    <row r="994752" spans="14:14">
      <c r="N994752" s="10"/>
    </row>
    <row r="994753" spans="14:14">
      <c r="N994753" s="10"/>
    </row>
    <row r="994754" spans="14:14">
      <c r="N994754" s="10"/>
    </row>
    <row r="994755" spans="14:14">
      <c r="N994755" s="10"/>
    </row>
    <row r="994756" spans="14:14">
      <c r="N994756" s="10"/>
    </row>
    <row r="994757" spans="14:14">
      <c r="N994757" s="10"/>
    </row>
    <row r="994758" spans="14:14">
      <c r="N994758" s="10"/>
    </row>
    <row r="994759" spans="14:14">
      <c r="N994759" s="10"/>
    </row>
    <row r="994760" spans="14:14">
      <c r="N994760" s="10"/>
    </row>
    <row r="994761" spans="14:14">
      <c r="N994761" s="10"/>
    </row>
    <row r="994762" spans="14:14">
      <c r="N994762" s="10"/>
    </row>
    <row r="994763" spans="14:14">
      <c r="N994763" s="10"/>
    </row>
    <row r="994764" spans="14:14">
      <c r="N994764" s="10"/>
    </row>
    <row r="994765" spans="14:14">
      <c r="N994765" s="10"/>
    </row>
    <row r="994766" spans="14:14">
      <c r="N994766" s="10"/>
    </row>
    <row r="994767" spans="14:14">
      <c r="N994767" s="10"/>
    </row>
    <row r="994768" spans="14:14">
      <c r="N994768" s="10"/>
    </row>
    <row r="994769" spans="14:14">
      <c r="N994769" s="10"/>
    </row>
    <row r="994770" spans="14:14">
      <c r="N994770" s="10"/>
    </row>
    <row r="994771" spans="14:14">
      <c r="N994771" s="10"/>
    </row>
    <row r="994772" spans="14:14">
      <c r="N994772" s="10"/>
    </row>
    <row r="994773" spans="14:14">
      <c r="N994773" s="10"/>
    </row>
    <row r="994774" spans="14:14">
      <c r="N994774" s="10"/>
    </row>
    <row r="994775" spans="14:14">
      <c r="N994775" s="10"/>
    </row>
    <row r="994776" spans="14:14">
      <c r="N994776" s="10"/>
    </row>
    <row r="994777" spans="14:14">
      <c r="N994777" s="10"/>
    </row>
    <row r="994778" spans="14:14">
      <c r="N994778" s="10"/>
    </row>
    <row r="994779" spans="14:14">
      <c r="N994779" s="10"/>
    </row>
    <row r="994780" spans="14:14">
      <c r="N994780" s="10"/>
    </row>
    <row r="994781" spans="14:14">
      <c r="N994781" s="10"/>
    </row>
    <row r="994782" spans="14:14">
      <c r="N994782" s="10"/>
    </row>
    <row r="994783" spans="14:14">
      <c r="N994783" s="10"/>
    </row>
    <row r="994784" spans="14:14">
      <c r="N994784" s="10"/>
    </row>
    <row r="994785" spans="14:14">
      <c r="N994785" s="10"/>
    </row>
    <row r="994786" spans="14:14">
      <c r="N994786" s="10"/>
    </row>
    <row r="994787" spans="14:14">
      <c r="N994787" s="10"/>
    </row>
    <row r="994788" spans="14:14">
      <c r="N994788" s="10"/>
    </row>
    <row r="994789" spans="14:14">
      <c r="N994789" s="10"/>
    </row>
    <row r="994790" spans="14:14">
      <c r="N994790" s="10"/>
    </row>
    <row r="994791" spans="14:14">
      <c r="N994791" s="10"/>
    </row>
    <row r="994792" spans="14:14">
      <c r="N994792" s="10"/>
    </row>
    <row r="994793" spans="14:14">
      <c r="N994793" s="10"/>
    </row>
    <row r="994794" spans="14:14">
      <c r="N994794" s="10"/>
    </row>
    <row r="994795" spans="14:14">
      <c r="N994795" s="10"/>
    </row>
    <row r="994796" spans="14:14">
      <c r="N994796" s="10"/>
    </row>
    <row r="994797" spans="14:14">
      <c r="N994797" s="10"/>
    </row>
    <row r="994798" spans="14:14">
      <c r="N994798" s="10"/>
    </row>
    <row r="994799" spans="14:14">
      <c r="N994799" s="10"/>
    </row>
    <row r="994800" spans="14:14">
      <c r="N994800" s="10"/>
    </row>
    <row r="994801" spans="14:14">
      <c r="N994801" s="10"/>
    </row>
    <row r="994802" spans="14:14">
      <c r="N994802" s="10"/>
    </row>
    <row r="994803" spans="14:14">
      <c r="N994803" s="10"/>
    </row>
    <row r="994804" spans="14:14">
      <c r="N994804" s="10"/>
    </row>
    <row r="994805" spans="14:14">
      <c r="N994805" s="10"/>
    </row>
    <row r="994806" spans="14:14">
      <c r="N994806" s="10"/>
    </row>
    <row r="994807" spans="14:14">
      <c r="N994807" s="10"/>
    </row>
    <row r="994808" spans="14:14">
      <c r="N994808" s="10"/>
    </row>
    <row r="994809" spans="14:14">
      <c r="N994809" s="10"/>
    </row>
    <row r="994810" spans="14:14">
      <c r="N994810" s="10"/>
    </row>
    <row r="994811" spans="14:14">
      <c r="N994811" s="10"/>
    </row>
    <row r="994812" spans="14:14">
      <c r="N994812" s="10"/>
    </row>
    <row r="994813" spans="14:14">
      <c r="N994813" s="10"/>
    </row>
    <row r="994814" spans="14:14">
      <c r="N994814" s="10"/>
    </row>
    <row r="994815" spans="14:14">
      <c r="N994815" s="10"/>
    </row>
    <row r="994816" spans="14:14">
      <c r="N994816" s="10"/>
    </row>
    <row r="994817" spans="14:14">
      <c r="N994817" s="10"/>
    </row>
    <row r="994818" spans="14:14">
      <c r="N994818" s="10"/>
    </row>
    <row r="994819" spans="14:14">
      <c r="N994819" s="10"/>
    </row>
    <row r="994820" spans="14:14">
      <c r="N994820" s="10"/>
    </row>
    <row r="994821" spans="14:14">
      <c r="N994821" s="10"/>
    </row>
    <row r="994822" spans="14:14">
      <c r="N994822" s="10"/>
    </row>
    <row r="994823" spans="14:14">
      <c r="N994823" s="10"/>
    </row>
    <row r="994824" spans="14:14">
      <c r="N994824" s="10"/>
    </row>
    <row r="994825" spans="14:14">
      <c r="N994825" s="10"/>
    </row>
    <row r="994826" spans="14:14">
      <c r="N994826" s="10"/>
    </row>
    <row r="994827" spans="14:14">
      <c r="N994827" s="10"/>
    </row>
    <row r="994828" spans="14:14">
      <c r="N994828" s="10"/>
    </row>
    <row r="994829" spans="14:14">
      <c r="N994829" s="10"/>
    </row>
    <row r="994830" spans="14:14">
      <c r="N994830" s="10"/>
    </row>
    <row r="994831" spans="14:14">
      <c r="N994831" s="10"/>
    </row>
    <row r="994832" spans="14:14">
      <c r="N994832" s="10"/>
    </row>
    <row r="994833" spans="14:14">
      <c r="N994833" s="10"/>
    </row>
    <row r="994834" spans="14:14">
      <c r="N994834" s="10"/>
    </row>
    <row r="994835" spans="14:14">
      <c r="N994835" s="10"/>
    </row>
    <row r="994836" spans="14:14">
      <c r="N994836" s="10"/>
    </row>
    <row r="994837" spans="14:14">
      <c r="N994837" s="10"/>
    </row>
    <row r="994838" spans="14:14">
      <c r="N994838" s="10"/>
    </row>
    <row r="994839" spans="14:14">
      <c r="N994839" s="10"/>
    </row>
    <row r="994840" spans="14:14">
      <c r="N994840" s="10"/>
    </row>
    <row r="994841" spans="14:14">
      <c r="N994841" s="10"/>
    </row>
    <row r="994842" spans="14:14">
      <c r="N994842" s="10"/>
    </row>
    <row r="994843" spans="14:14">
      <c r="N994843" s="10"/>
    </row>
    <row r="994844" spans="14:14">
      <c r="N994844" s="10"/>
    </row>
    <row r="994845" spans="14:14">
      <c r="N994845" s="10"/>
    </row>
    <row r="994846" spans="14:14">
      <c r="N994846" s="10"/>
    </row>
    <row r="994847" spans="14:14">
      <c r="N994847" s="10"/>
    </row>
    <row r="994848" spans="14:14">
      <c r="N994848" s="10"/>
    </row>
    <row r="994849" spans="14:14">
      <c r="N994849" s="10"/>
    </row>
    <row r="994850" spans="14:14">
      <c r="N994850" s="10"/>
    </row>
    <row r="994851" spans="14:14">
      <c r="N994851" s="10"/>
    </row>
    <row r="994852" spans="14:14">
      <c r="N994852" s="10"/>
    </row>
    <row r="994853" spans="14:14">
      <c r="N994853" s="10"/>
    </row>
    <row r="994854" spans="14:14">
      <c r="N994854" s="10"/>
    </row>
    <row r="994855" spans="14:14">
      <c r="N994855" s="10"/>
    </row>
    <row r="994856" spans="14:14">
      <c r="N994856" s="10"/>
    </row>
    <row r="994857" spans="14:14">
      <c r="N994857" s="10"/>
    </row>
    <row r="994858" spans="14:14">
      <c r="N994858" s="10"/>
    </row>
    <row r="994859" spans="14:14">
      <c r="N994859" s="10"/>
    </row>
    <row r="994860" spans="14:14">
      <c r="N994860" s="10"/>
    </row>
    <row r="994861" spans="14:14">
      <c r="N994861" s="10"/>
    </row>
    <row r="994862" spans="14:14">
      <c r="N994862" s="10"/>
    </row>
    <row r="994863" spans="14:14">
      <c r="N994863" s="10"/>
    </row>
    <row r="994864" spans="14:14">
      <c r="N994864" s="10"/>
    </row>
    <row r="994865" spans="14:14">
      <c r="N994865" s="10"/>
    </row>
    <row r="994866" spans="14:14">
      <c r="N994866" s="10"/>
    </row>
    <row r="994867" spans="14:14">
      <c r="N994867" s="10"/>
    </row>
    <row r="994868" spans="14:14">
      <c r="N994868" s="10"/>
    </row>
    <row r="994869" spans="14:14">
      <c r="N994869" s="10"/>
    </row>
    <row r="994870" spans="14:14">
      <c r="N994870" s="10"/>
    </row>
    <row r="994871" spans="14:14">
      <c r="N994871" s="10"/>
    </row>
    <row r="994872" spans="14:14">
      <c r="N994872" s="10"/>
    </row>
    <row r="994873" spans="14:14">
      <c r="N994873" s="10"/>
    </row>
    <row r="994874" spans="14:14">
      <c r="N994874" s="10"/>
    </row>
    <row r="994875" spans="14:14">
      <c r="N994875" s="10"/>
    </row>
    <row r="994876" spans="14:14">
      <c r="N994876" s="10"/>
    </row>
    <row r="994877" spans="14:14">
      <c r="N994877" s="10"/>
    </row>
    <row r="994878" spans="14:14">
      <c r="N994878" s="10"/>
    </row>
    <row r="994879" spans="14:14">
      <c r="N994879" s="10"/>
    </row>
    <row r="994880" spans="14:14">
      <c r="N994880" s="10"/>
    </row>
    <row r="994881" spans="14:14">
      <c r="N994881" s="10"/>
    </row>
    <row r="994882" spans="14:14">
      <c r="N994882" s="10"/>
    </row>
    <row r="994883" spans="14:14">
      <c r="N994883" s="10"/>
    </row>
    <row r="994884" spans="14:14">
      <c r="N994884" s="10"/>
    </row>
    <row r="994885" spans="14:14">
      <c r="N994885" s="10"/>
    </row>
    <row r="994886" spans="14:14">
      <c r="N994886" s="10"/>
    </row>
    <row r="994887" spans="14:14">
      <c r="N994887" s="10"/>
    </row>
    <row r="994888" spans="14:14">
      <c r="N994888" s="10"/>
    </row>
    <row r="994889" spans="14:14">
      <c r="N994889" s="10"/>
    </row>
    <row r="994890" spans="14:14">
      <c r="N994890" s="10"/>
    </row>
    <row r="994891" spans="14:14">
      <c r="N994891" s="10"/>
    </row>
    <row r="994892" spans="14:14">
      <c r="N994892" s="10"/>
    </row>
    <row r="994893" spans="14:14">
      <c r="N994893" s="10"/>
    </row>
    <row r="994894" spans="14:14">
      <c r="N994894" s="10"/>
    </row>
    <row r="994895" spans="14:14">
      <c r="N994895" s="10"/>
    </row>
    <row r="994896" spans="14:14">
      <c r="N994896" s="10"/>
    </row>
    <row r="994897" spans="14:14">
      <c r="N994897" s="10"/>
    </row>
    <row r="994898" spans="14:14">
      <c r="N994898" s="10"/>
    </row>
    <row r="994899" spans="14:14">
      <c r="N994899" s="10"/>
    </row>
    <row r="994900" spans="14:14">
      <c r="N994900" s="10"/>
    </row>
    <row r="994901" spans="14:14">
      <c r="N994901" s="10"/>
    </row>
    <row r="994902" spans="14:14">
      <c r="N994902" s="10"/>
    </row>
    <row r="994903" spans="14:14">
      <c r="N994903" s="10"/>
    </row>
    <row r="994904" spans="14:14">
      <c r="N994904" s="10"/>
    </row>
    <row r="994905" spans="14:14">
      <c r="N994905" s="10"/>
    </row>
    <row r="994906" spans="14:14">
      <c r="N994906" s="10"/>
    </row>
    <row r="994907" spans="14:14">
      <c r="N994907" s="10"/>
    </row>
    <row r="994908" spans="14:14">
      <c r="N994908" s="10"/>
    </row>
    <row r="994909" spans="14:14">
      <c r="N994909" s="10"/>
    </row>
    <row r="994910" spans="14:14">
      <c r="N994910" s="10"/>
    </row>
    <row r="994911" spans="14:14">
      <c r="N994911" s="10"/>
    </row>
    <row r="994912" spans="14:14">
      <c r="N994912" s="10"/>
    </row>
    <row r="994913" spans="14:14">
      <c r="N994913" s="10"/>
    </row>
    <row r="994914" spans="14:14">
      <c r="N994914" s="10"/>
    </row>
    <row r="994915" spans="14:14">
      <c r="N994915" s="10"/>
    </row>
    <row r="994916" spans="14:14">
      <c r="N994916" s="10"/>
    </row>
    <row r="994917" spans="14:14">
      <c r="N994917" s="10"/>
    </row>
    <row r="994918" spans="14:14">
      <c r="N994918" s="10"/>
    </row>
    <row r="994919" spans="14:14">
      <c r="N994919" s="10"/>
    </row>
    <row r="994920" spans="14:14">
      <c r="N994920" s="10"/>
    </row>
    <row r="994921" spans="14:14">
      <c r="N994921" s="10"/>
    </row>
    <row r="994922" spans="14:14">
      <c r="N994922" s="10"/>
    </row>
    <row r="994923" spans="14:14">
      <c r="N994923" s="10"/>
    </row>
    <row r="994924" spans="14:14">
      <c r="N994924" s="10"/>
    </row>
    <row r="994925" spans="14:14">
      <c r="N994925" s="10"/>
    </row>
    <row r="994926" spans="14:14">
      <c r="N994926" s="10"/>
    </row>
    <row r="994927" spans="14:14">
      <c r="N994927" s="10"/>
    </row>
    <row r="994928" spans="14:14">
      <c r="N994928" s="10"/>
    </row>
    <row r="994929" spans="14:14">
      <c r="N994929" s="10"/>
    </row>
    <row r="994930" spans="14:14">
      <c r="N994930" s="10"/>
    </row>
    <row r="994931" spans="14:14">
      <c r="N994931" s="10"/>
    </row>
    <row r="994932" spans="14:14">
      <c r="N994932" s="10"/>
    </row>
    <row r="994933" spans="14:14">
      <c r="N994933" s="10"/>
    </row>
    <row r="994934" spans="14:14">
      <c r="N994934" s="10"/>
    </row>
    <row r="994935" spans="14:14">
      <c r="N994935" s="10"/>
    </row>
    <row r="994936" spans="14:14">
      <c r="N994936" s="10"/>
    </row>
    <row r="994937" spans="14:14">
      <c r="N994937" s="10"/>
    </row>
    <row r="994938" spans="14:14">
      <c r="N994938" s="10"/>
    </row>
    <row r="994939" spans="14:14">
      <c r="N994939" s="10"/>
    </row>
    <row r="994940" spans="14:14">
      <c r="N994940" s="10"/>
    </row>
    <row r="994941" spans="14:14">
      <c r="N994941" s="10"/>
    </row>
    <row r="994942" spans="14:14">
      <c r="N994942" s="10"/>
    </row>
    <row r="994943" spans="14:14">
      <c r="N994943" s="10"/>
    </row>
    <row r="994944" spans="14:14">
      <c r="N994944" s="10"/>
    </row>
    <row r="994945" spans="14:14">
      <c r="N994945" s="10"/>
    </row>
    <row r="994946" spans="14:14">
      <c r="N994946" s="10"/>
    </row>
    <row r="994947" spans="14:14">
      <c r="N994947" s="10"/>
    </row>
    <row r="994948" spans="14:14">
      <c r="N994948" s="10"/>
    </row>
    <row r="994949" spans="14:14">
      <c r="N994949" s="10"/>
    </row>
    <row r="994950" spans="14:14">
      <c r="N994950" s="10"/>
    </row>
    <row r="994951" spans="14:14">
      <c r="N994951" s="10"/>
    </row>
    <row r="994952" spans="14:14">
      <c r="N994952" s="10"/>
    </row>
    <row r="994953" spans="14:14">
      <c r="N994953" s="10"/>
    </row>
    <row r="994954" spans="14:14">
      <c r="N994954" s="10"/>
    </row>
    <row r="994955" spans="14:14">
      <c r="N994955" s="10"/>
    </row>
    <row r="994956" spans="14:14">
      <c r="N994956" s="10"/>
    </row>
    <row r="994957" spans="14:14">
      <c r="N994957" s="10"/>
    </row>
    <row r="994958" spans="14:14">
      <c r="N994958" s="10"/>
    </row>
    <row r="994959" spans="14:14">
      <c r="N994959" s="10"/>
    </row>
    <row r="994960" spans="14:14">
      <c r="N994960" s="10"/>
    </row>
    <row r="994961" spans="14:14">
      <c r="N994961" s="10"/>
    </row>
    <row r="994962" spans="14:14">
      <c r="N994962" s="10"/>
    </row>
    <row r="994963" spans="14:14">
      <c r="N994963" s="10"/>
    </row>
    <row r="994964" spans="14:14">
      <c r="N994964" s="10"/>
    </row>
    <row r="994965" spans="14:14">
      <c r="N994965" s="10"/>
    </row>
    <row r="994966" spans="14:14">
      <c r="N994966" s="10"/>
    </row>
    <row r="994967" spans="14:14">
      <c r="N994967" s="10"/>
    </row>
    <row r="994968" spans="14:14">
      <c r="N994968" s="10"/>
    </row>
    <row r="994969" spans="14:14">
      <c r="N994969" s="10"/>
    </row>
    <row r="994970" spans="14:14">
      <c r="N994970" s="10"/>
    </row>
    <row r="994971" spans="14:14">
      <c r="N994971" s="10"/>
    </row>
    <row r="994972" spans="14:14">
      <c r="N994972" s="10"/>
    </row>
    <row r="994973" spans="14:14">
      <c r="N994973" s="10"/>
    </row>
    <row r="994974" spans="14:14">
      <c r="N994974" s="10"/>
    </row>
    <row r="994975" spans="14:14">
      <c r="N994975" s="10"/>
    </row>
    <row r="994976" spans="14:14">
      <c r="N994976" s="10"/>
    </row>
    <row r="994977" spans="14:14">
      <c r="N994977" s="10"/>
    </row>
    <row r="994978" spans="14:14">
      <c r="N994978" s="10"/>
    </row>
    <row r="994979" spans="14:14">
      <c r="N994979" s="10"/>
    </row>
    <row r="994980" spans="14:14">
      <c r="N994980" s="10"/>
    </row>
    <row r="994981" spans="14:14">
      <c r="N994981" s="10"/>
    </row>
    <row r="994982" spans="14:14">
      <c r="N994982" s="10"/>
    </row>
    <row r="994983" spans="14:14">
      <c r="N994983" s="10"/>
    </row>
    <row r="994984" spans="14:14">
      <c r="N994984" s="10"/>
    </row>
    <row r="994985" spans="14:14">
      <c r="N994985" s="10"/>
    </row>
    <row r="994986" spans="14:14">
      <c r="N994986" s="10"/>
    </row>
    <row r="994987" spans="14:14">
      <c r="N994987" s="10"/>
    </row>
    <row r="994988" spans="14:14">
      <c r="N994988" s="10"/>
    </row>
    <row r="994989" spans="14:14">
      <c r="N994989" s="10"/>
    </row>
    <row r="994990" spans="14:14">
      <c r="N994990" s="10"/>
    </row>
    <row r="994991" spans="14:14">
      <c r="N994991" s="10"/>
    </row>
    <row r="994992" spans="14:14">
      <c r="N994992" s="10"/>
    </row>
    <row r="994993" spans="14:14">
      <c r="N994993" s="10"/>
    </row>
    <row r="994994" spans="14:14">
      <c r="N994994" s="10"/>
    </row>
    <row r="994995" spans="14:14">
      <c r="N994995" s="10"/>
    </row>
    <row r="994996" spans="14:14">
      <c r="N994996" s="10"/>
    </row>
    <row r="994997" spans="14:14">
      <c r="N994997" s="10"/>
    </row>
    <row r="994998" spans="14:14">
      <c r="N994998" s="10"/>
    </row>
    <row r="994999" spans="14:14">
      <c r="N994999" s="10"/>
    </row>
    <row r="995000" spans="14:14">
      <c r="N995000" s="10"/>
    </row>
    <row r="995001" spans="14:14">
      <c r="N995001" s="10"/>
    </row>
    <row r="995002" spans="14:14">
      <c r="N995002" s="10"/>
    </row>
    <row r="995003" spans="14:14">
      <c r="N995003" s="10"/>
    </row>
    <row r="995004" spans="14:14">
      <c r="N995004" s="10"/>
    </row>
    <row r="995005" spans="14:14">
      <c r="N995005" s="10"/>
    </row>
    <row r="995006" spans="14:14">
      <c r="N995006" s="10"/>
    </row>
    <row r="995007" spans="14:14">
      <c r="N995007" s="10"/>
    </row>
    <row r="995008" spans="14:14">
      <c r="N995008" s="10"/>
    </row>
    <row r="995009" spans="14:14">
      <c r="N995009" s="10"/>
    </row>
    <row r="995010" spans="14:14">
      <c r="N995010" s="10"/>
    </row>
    <row r="995011" spans="14:14">
      <c r="N995011" s="10"/>
    </row>
    <row r="995012" spans="14:14">
      <c r="N995012" s="10"/>
    </row>
    <row r="995013" spans="14:14">
      <c r="N995013" s="10"/>
    </row>
    <row r="995014" spans="14:14">
      <c r="N995014" s="10"/>
    </row>
    <row r="995015" spans="14:14">
      <c r="N995015" s="10"/>
    </row>
    <row r="995016" spans="14:14">
      <c r="N995016" s="10"/>
    </row>
    <row r="995017" spans="14:14">
      <c r="N995017" s="10"/>
    </row>
    <row r="995018" spans="14:14">
      <c r="N995018" s="10"/>
    </row>
    <row r="995019" spans="14:14">
      <c r="N995019" s="10"/>
    </row>
    <row r="995020" spans="14:14">
      <c r="N995020" s="10"/>
    </row>
    <row r="995021" spans="14:14">
      <c r="N995021" s="10"/>
    </row>
    <row r="995022" spans="14:14">
      <c r="N995022" s="10"/>
    </row>
    <row r="995023" spans="14:14">
      <c r="N995023" s="10"/>
    </row>
    <row r="995024" spans="14:14">
      <c r="N995024" s="10"/>
    </row>
    <row r="995025" spans="14:14">
      <c r="N995025" s="10"/>
    </row>
    <row r="995026" spans="14:14">
      <c r="N995026" s="10"/>
    </row>
    <row r="995027" spans="14:14">
      <c r="N995027" s="10"/>
    </row>
    <row r="995028" spans="14:14">
      <c r="N995028" s="10"/>
    </row>
    <row r="995029" spans="14:14">
      <c r="N995029" s="10"/>
    </row>
    <row r="995030" spans="14:14">
      <c r="N995030" s="10"/>
    </row>
    <row r="995031" spans="14:14">
      <c r="N995031" s="10"/>
    </row>
    <row r="995032" spans="14:14">
      <c r="N995032" s="10"/>
    </row>
    <row r="995033" spans="14:14">
      <c r="N995033" s="10"/>
    </row>
    <row r="995034" spans="14:14">
      <c r="N995034" s="10"/>
    </row>
    <row r="995035" spans="14:14">
      <c r="N995035" s="10"/>
    </row>
    <row r="995036" spans="14:14">
      <c r="N995036" s="10"/>
    </row>
    <row r="995037" spans="14:14">
      <c r="N995037" s="10"/>
    </row>
    <row r="995038" spans="14:14">
      <c r="N995038" s="10"/>
    </row>
    <row r="995039" spans="14:14">
      <c r="N995039" s="10"/>
    </row>
    <row r="995040" spans="14:14">
      <c r="N995040" s="10"/>
    </row>
    <row r="995041" spans="14:14">
      <c r="N995041" s="10"/>
    </row>
    <row r="995042" spans="14:14">
      <c r="N995042" s="10"/>
    </row>
    <row r="995043" spans="14:14">
      <c r="N995043" s="10"/>
    </row>
    <row r="995044" spans="14:14">
      <c r="N995044" s="10"/>
    </row>
    <row r="995045" spans="14:14">
      <c r="N995045" s="10"/>
    </row>
    <row r="995046" spans="14:14">
      <c r="N995046" s="10"/>
    </row>
    <row r="995047" spans="14:14">
      <c r="N995047" s="10"/>
    </row>
    <row r="995048" spans="14:14">
      <c r="N995048" s="10"/>
    </row>
    <row r="995049" spans="14:14">
      <c r="N995049" s="10"/>
    </row>
    <row r="995050" spans="14:14">
      <c r="N995050" s="10"/>
    </row>
    <row r="995051" spans="14:14">
      <c r="N995051" s="10"/>
    </row>
    <row r="995052" spans="14:14">
      <c r="N995052" s="10"/>
    </row>
    <row r="995053" spans="14:14">
      <c r="N995053" s="10"/>
    </row>
    <row r="995054" spans="14:14">
      <c r="N995054" s="10"/>
    </row>
    <row r="995055" spans="14:14">
      <c r="N995055" s="10"/>
    </row>
    <row r="995056" spans="14:14">
      <c r="N995056" s="10"/>
    </row>
    <row r="995057" spans="14:14">
      <c r="N995057" s="10"/>
    </row>
    <row r="995058" spans="14:14">
      <c r="N995058" s="10"/>
    </row>
    <row r="995059" spans="14:14">
      <c r="N995059" s="10"/>
    </row>
    <row r="995060" spans="14:14">
      <c r="N995060" s="10"/>
    </row>
    <row r="995061" spans="14:14">
      <c r="N995061" s="10"/>
    </row>
    <row r="995062" spans="14:14">
      <c r="N995062" s="10"/>
    </row>
    <row r="995063" spans="14:14">
      <c r="N995063" s="10"/>
    </row>
    <row r="995064" spans="14:14">
      <c r="N995064" s="10"/>
    </row>
    <row r="995065" spans="14:14">
      <c r="N995065" s="10"/>
    </row>
    <row r="995066" spans="14:14">
      <c r="N995066" s="10"/>
    </row>
    <row r="995067" spans="14:14">
      <c r="N995067" s="10"/>
    </row>
    <row r="995068" spans="14:14">
      <c r="N995068" s="10"/>
    </row>
    <row r="995069" spans="14:14">
      <c r="N995069" s="10"/>
    </row>
    <row r="995070" spans="14:14">
      <c r="N995070" s="10"/>
    </row>
    <row r="995071" spans="14:14">
      <c r="N995071" s="10"/>
    </row>
    <row r="995072" spans="14:14">
      <c r="N995072" s="10"/>
    </row>
    <row r="995073" spans="14:14">
      <c r="N995073" s="10"/>
    </row>
    <row r="995074" spans="14:14">
      <c r="N995074" s="10"/>
    </row>
    <row r="995075" spans="14:14">
      <c r="N995075" s="10"/>
    </row>
    <row r="995076" spans="14:14">
      <c r="N995076" s="10"/>
    </row>
    <row r="995077" spans="14:14">
      <c r="N995077" s="10"/>
    </row>
    <row r="995078" spans="14:14">
      <c r="N995078" s="10"/>
    </row>
    <row r="995079" spans="14:14">
      <c r="N995079" s="10"/>
    </row>
    <row r="995080" spans="14:14">
      <c r="N995080" s="10"/>
    </row>
    <row r="995081" spans="14:14">
      <c r="N995081" s="10"/>
    </row>
    <row r="995082" spans="14:14">
      <c r="N995082" s="10"/>
    </row>
    <row r="995083" spans="14:14">
      <c r="N995083" s="10"/>
    </row>
    <row r="995084" spans="14:14">
      <c r="N995084" s="10"/>
    </row>
    <row r="995085" spans="14:14">
      <c r="N995085" s="10"/>
    </row>
    <row r="995086" spans="14:14">
      <c r="N995086" s="10"/>
    </row>
    <row r="995087" spans="14:14">
      <c r="N995087" s="10"/>
    </row>
    <row r="995088" spans="14:14">
      <c r="N995088" s="10"/>
    </row>
    <row r="995089" spans="14:14">
      <c r="N995089" s="10"/>
    </row>
    <row r="995090" spans="14:14">
      <c r="N995090" s="10"/>
    </row>
    <row r="995091" spans="14:14">
      <c r="N995091" s="10"/>
    </row>
    <row r="995092" spans="14:14">
      <c r="N995092" s="10"/>
    </row>
    <row r="995093" spans="14:14">
      <c r="N995093" s="10"/>
    </row>
    <row r="995094" spans="14:14">
      <c r="N995094" s="10"/>
    </row>
    <row r="995095" spans="14:14">
      <c r="N995095" s="10"/>
    </row>
    <row r="995096" spans="14:14">
      <c r="N995096" s="10"/>
    </row>
    <row r="995097" spans="14:14">
      <c r="N995097" s="10"/>
    </row>
    <row r="995098" spans="14:14">
      <c r="N995098" s="10"/>
    </row>
    <row r="995099" spans="14:14">
      <c r="N995099" s="10"/>
    </row>
    <row r="995100" spans="14:14">
      <c r="N995100" s="10"/>
    </row>
    <row r="995101" spans="14:14">
      <c r="N995101" s="10"/>
    </row>
    <row r="995102" spans="14:14">
      <c r="N995102" s="10"/>
    </row>
    <row r="995103" spans="14:14">
      <c r="N995103" s="10"/>
    </row>
    <row r="995104" spans="14:14">
      <c r="N995104" s="10"/>
    </row>
    <row r="995105" spans="14:14">
      <c r="N995105" s="10"/>
    </row>
    <row r="995106" spans="14:14">
      <c r="N995106" s="10"/>
    </row>
    <row r="995107" spans="14:14">
      <c r="N995107" s="10"/>
    </row>
    <row r="995108" spans="14:14">
      <c r="N995108" s="10"/>
    </row>
    <row r="995109" spans="14:14">
      <c r="N995109" s="10"/>
    </row>
    <row r="995110" spans="14:14">
      <c r="N995110" s="10"/>
    </row>
    <row r="995111" spans="14:14">
      <c r="N995111" s="10"/>
    </row>
    <row r="995112" spans="14:14">
      <c r="N995112" s="10"/>
    </row>
    <row r="995113" spans="14:14">
      <c r="N995113" s="10"/>
    </row>
    <row r="995114" spans="14:14">
      <c r="N995114" s="10"/>
    </row>
    <row r="995115" spans="14:14">
      <c r="N995115" s="10"/>
    </row>
    <row r="995116" spans="14:14">
      <c r="N995116" s="10"/>
    </row>
    <row r="995117" spans="14:14">
      <c r="N995117" s="10"/>
    </row>
    <row r="995118" spans="14:14">
      <c r="N995118" s="10"/>
    </row>
    <row r="995119" spans="14:14">
      <c r="N995119" s="10"/>
    </row>
    <row r="995120" spans="14:14">
      <c r="N995120" s="10"/>
    </row>
    <row r="995121" spans="14:14">
      <c r="N995121" s="10"/>
    </row>
    <row r="995122" spans="14:14">
      <c r="N995122" s="10"/>
    </row>
    <row r="995123" spans="14:14">
      <c r="N995123" s="10"/>
    </row>
    <row r="995124" spans="14:14">
      <c r="N995124" s="10"/>
    </row>
    <row r="995125" spans="14:14">
      <c r="N995125" s="10"/>
    </row>
    <row r="995126" spans="14:14">
      <c r="N995126" s="10"/>
    </row>
    <row r="995127" spans="14:14">
      <c r="N995127" s="10"/>
    </row>
    <row r="995128" spans="14:14">
      <c r="N995128" s="10"/>
    </row>
    <row r="995129" spans="14:14">
      <c r="N995129" s="10"/>
    </row>
    <row r="995130" spans="14:14">
      <c r="N995130" s="10"/>
    </row>
    <row r="995131" spans="14:14">
      <c r="N995131" s="10"/>
    </row>
    <row r="995132" spans="14:14">
      <c r="N995132" s="10"/>
    </row>
    <row r="995133" spans="14:14">
      <c r="N995133" s="10"/>
    </row>
    <row r="995134" spans="14:14">
      <c r="N995134" s="10"/>
    </row>
    <row r="995135" spans="14:14">
      <c r="N995135" s="10"/>
    </row>
    <row r="995136" spans="14:14">
      <c r="N995136" s="10"/>
    </row>
    <row r="995137" spans="14:14">
      <c r="N995137" s="10"/>
    </row>
    <row r="995138" spans="14:14">
      <c r="N995138" s="10"/>
    </row>
    <row r="995139" spans="14:14">
      <c r="N995139" s="10"/>
    </row>
    <row r="995140" spans="14:14">
      <c r="N995140" s="10"/>
    </row>
    <row r="995141" spans="14:14">
      <c r="N995141" s="10"/>
    </row>
    <row r="995142" spans="14:14">
      <c r="N995142" s="10"/>
    </row>
    <row r="995143" spans="14:14">
      <c r="N995143" s="10"/>
    </row>
    <row r="995144" spans="14:14">
      <c r="N995144" s="10"/>
    </row>
    <row r="995145" spans="14:14">
      <c r="N995145" s="10"/>
    </row>
    <row r="995146" spans="14:14">
      <c r="N995146" s="10"/>
    </row>
    <row r="995147" spans="14:14">
      <c r="N995147" s="10"/>
    </row>
    <row r="995148" spans="14:14">
      <c r="N995148" s="10"/>
    </row>
    <row r="995149" spans="14:14">
      <c r="N995149" s="10"/>
    </row>
    <row r="995150" spans="14:14">
      <c r="N995150" s="10"/>
    </row>
    <row r="995151" spans="14:14">
      <c r="N995151" s="10"/>
    </row>
    <row r="995152" spans="14:14">
      <c r="N995152" s="10"/>
    </row>
    <row r="995153" spans="14:14">
      <c r="N995153" s="10"/>
    </row>
    <row r="995154" spans="14:14">
      <c r="N995154" s="10"/>
    </row>
    <row r="995155" spans="14:14">
      <c r="N995155" s="10"/>
    </row>
    <row r="995156" spans="14:14">
      <c r="N995156" s="10"/>
    </row>
    <row r="995157" spans="14:14">
      <c r="N995157" s="10"/>
    </row>
    <row r="995158" spans="14:14">
      <c r="N995158" s="10"/>
    </row>
    <row r="995159" spans="14:14">
      <c r="N995159" s="10"/>
    </row>
    <row r="995160" spans="14:14">
      <c r="N995160" s="10"/>
    </row>
    <row r="995161" spans="14:14">
      <c r="N995161" s="10"/>
    </row>
    <row r="995162" spans="14:14">
      <c r="N995162" s="10"/>
    </row>
    <row r="995163" spans="14:14">
      <c r="N995163" s="10"/>
    </row>
    <row r="995164" spans="14:14">
      <c r="N995164" s="10"/>
    </row>
    <row r="995165" spans="14:14">
      <c r="N995165" s="10"/>
    </row>
    <row r="995166" spans="14:14">
      <c r="N995166" s="10"/>
    </row>
    <row r="995167" spans="14:14">
      <c r="N995167" s="10"/>
    </row>
    <row r="995168" spans="14:14">
      <c r="N995168" s="10"/>
    </row>
    <row r="995169" spans="14:14">
      <c r="N995169" s="10"/>
    </row>
    <row r="995170" spans="14:14">
      <c r="N995170" s="10"/>
    </row>
    <row r="995171" spans="14:14">
      <c r="N995171" s="10"/>
    </row>
    <row r="995172" spans="14:14">
      <c r="N995172" s="10"/>
    </row>
    <row r="995173" spans="14:14">
      <c r="N995173" s="10"/>
    </row>
    <row r="995174" spans="14:14">
      <c r="N995174" s="10"/>
    </row>
    <row r="995175" spans="14:14">
      <c r="N995175" s="10"/>
    </row>
    <row r="995176" spans="14:14">
      <c r="N995176" s="10"/>
    </row>
    <row r="995177" spans="14:14">
      <c r="N995177" s="10"/>
    </row>
    <row r="995178" spans="14:14">
      <c r="N995178" s="10"/>
    </row>
    <row r="995179" spans="14:14">
      <c r="N995179" s="10"/>
    </row>
    <row r="995180" spans="14:14">
      <c r="N995180" s="10"/>
    </row>
    <row r="995181" spans="14:14">
      <c r="N995181" s="10"/>
    </row>
    <row r="995182" spans="14:14">
      <c r="N995182" s="10"/>
    </row>
    <row r="995183" spans="14:14">
      <c r="N995183" s="10"/>
    </row>
    <row r="995184" spans="14:14">
      <c r="N995184" s="10"/>
    </row>
    <row r="995185" spans="14:14">
      <c r="N995185" s="10"/>
    </row>
    <row r="995186" spans="14:14">
      <c r="N995186" s="10"/>
    </row>
    <row r="995187" spans="14:14">
      <c r="N995187" s="10"/>
    </row>
    <row r="995188" spans="14:14">
      <c r="N995188" s="10"/>
    </row>
    <row r="995189" spans="14:14">
      <c r="N995189" s="10"/>
    </row>
    <row r="995190" spans="14:14">
      <c r="N995190" s="10"/>
    </row>
    <row r="995191" spans="14:14">
      <c r="N995191" s="10"/>
    </row>
    <row r="995192" spans="14:14">
      <c r="N995192" s="10"/>
    </row>
    <row r="995193" spans="14:14">
      <c r="N995193" s="10"/>
    </row>
    <row r="995194" spans="14:14">
      <c r="N995194" s="10"/>
    </row>
    <row r="995195" spans="14:14">
      <c r="N995195" s="10"/>
    </row>
    <row r="995196" spans="14:14">
      <c r="N995196" s="10"/>
    </row>
    <row r="995197" spans="14:14">
      <c r="N995197" s="10"/>
    </row>
    <row r="995198" spans="14:14">
      <c r="N995198" s="10"/>
    </row>
    <row r="995199" spans="14:14">
      <c r="N995199" s="10"/>
    </row>
    <row r="995200" spans="14:14">
      <c r="N995200" s="10"/>
    </row>
    <row r="995201" spans="14:14">
      <c r="N995201" s="10"/>
    </row>
    <row r="995202" spans="14:14">
      <c r="N995202" s="10"/>
    </row>
    <row r="995203" spans="14:14">
      <c r="N995203" s="10"/>
    </row>
    <row r="995204" spans="14:14">
      <c r="N995204" s="10"/>
    </row>
    <row r="995205" spans="14:14">
      <c r="N995205" s="10"/>
    </row>
    <row r="995206" spans="14:14">
      <c r="N995206" s="10"/>
    </row>
    <row r="995207" spans="14:14">
      <c r="N995207" s="10"/>
    </row>
    <row r="995208" spans="14:14">
      <c r="N995208" s="10"/>
    </row>
    <row r="995209" spans="14:14">
      <c r="N995209" s="10"/>
    </row>
    <row r="995210" spans="14:14">
      <c r="N995210" s="10"/>
    </row>
    <row r="995211" spans="14:14">
      <c r="N995211" s="10"/>
    </row>
    <row r="995212" spans="14:14">
      <c r="N995212" s="10"/>
    </row>
    <row r="995213" spans="14:14">
      <c r="N995213" s="10"/>
    </row>
    <row r="995214" spans="14:14">
      <c r="N995214" s="10"/>
    </row>
    <row r="995215" spans="14:14">
      <c r="N995215" s="10"/>
    </row>
    <row r="995216" spans="14:14">
      <c r="N995216" s="10"/>
    </row>
    <row r="995217" spans="14:14">
      <c r="N995217" s="10"/>
    </row>
    <row r="995218" spans="14:14">
      <c r="N995218" s="10"/>
    </row>
    <row r="995219" spans="14:14">
      <c r="N995219" s="10"/>
    </row>
    <row r="995220" spans="14:14">
      <c r="N995220" s="10"/>
    </row>
    <row r="995221" spans="14:14">
      <c r="N995221" s="10"/>
    </row>
    <row r="995222" spans="14:14">
      <c r="N995222" s="10"/>
    </row>
    <row r="995223" spans="14:14">
      <c r="N995223" s="10"/>
    </row>
    <row r="995224" spans="14:14">
      <c r="N995224" s="10"/>
    </row>
    <row r="995225" spans="14:14">
      <c r="N995225" s="10"/>
    </row>
    <row r="995226" spans="14:14">
      <c r="N995226" s="10"/>
    </row>
    <row r="995227" spans="14:14">
      <c r="N995227" s="10"/>
    </row>
    <row r="995228" spans="14:14">
      <c r="N995228" s="10"/>
    </row>
    <row r="995229" spans="14:14">
      <c r="N995229" s="10"/>
    </row>
    <row r="995230" spans="14:14">
      <c r="N995230" s="10"/>
    </row>
    <row r="995231" spans="14:14">
      <c r="N995231" s="10"/>
    </row>
    <row r="995232" spans="14:14">
      <c r="N995232" s="10"/>
    </row>
    <row r="995233" spans="14:14">
      <c r="N995233" s="10"/>
    </row>
    <row r="995234" spans="14:14">
      <c r="N995234" s="10"/>
    </row>
    <row r="995235" spans="14:14">
      <c r="N995235" s="10"/>
    </row>
    <row r="995236" spans="14:14">
      <c r="N995236" s="10"/>
    </row>
    <row r="995237" spans="14:14">
      <c r="N995237" s="10"/>
    </row>
    <row r="995238" spans="14:14">
      <c r="N995238" s="10"/>
    </row>
    <row r="995239" spans="14:14">
      <c r="N995239" s="10"/>
    </row>
    <row r="995240" spans="14:14">
      <c r="N995240" s="10"/>
    </row>
    <row r="995241" spans="14:14">
      <c r="N995241" s="10"/>
    </row>
    <row r="995242" spans="14:14">
      <c r="N995242" s="10"/>
    </row>
    <row r="995243" spans="14:14">
      <c r="N995243" s="10"/>
    </row>
    <row r="995244" spans="14:14">
      <c r="N995244" s="10"/>
    </row>
    <row r="995245" spans="14:14">
      <c r="N995245" s="10"/>
    </row>
    <row r="995246" spans="14:14">
      <c r="N995246" s="10"/>
    </row>
    <row r="995247" spans="14:14">
      <c r="N995247" s="10"/>
    </row>
    <row r="995248" spans="14:14">
      <c r="N995248" s="10"/>
    </row>
    <row r="995249" spans="14:14">
      <c r="N995249" s="10"/>
    </row>
    <row r="995250" spans="14:14">
      <c r="N995250" s="10"/>
    </row>
    <row r="995251" spans="14:14">
      <c r="N995251" s="10"/>
    </row>
    <row r="995252" spans="14:14">
      <c r="N995252" s="10"/>
    </row>
    <row r="995253" spans="14:14">
      <c r="N995253" s="10"/>
    </row>
    <row r="995254" spans="14:14">
      <c r="N995254" s="10"/>
    </row>
    <row r="995255" spans="14:14">
      <c r="N995255" s="10"/>
    </row>
    <row r="995256" spans="14:14">
      <c r="N995256" s="10"/>
    </row>
    <row r="995257" spans="14:14">
      <c r="N995257" s="10"/>
    </row>
    <row r="995258" spans="14:14">
      <c r="N995258" s="10"/>
    </row>
    <row r="995259" spans="14:14">
      <c r="N995259" s="10"/>
    </row>
    <row r="995260" spans="14:14">
      <c r="N995260" s="10"/>
    </row>
    <row r="995261" spans="14:14">
      <c r="N995261" s="10"/>
    </row>
    <row r="995262" spans="14:14">
      <c r="N995262" s="10"/>
    </row>
    <row r="995263" spans="14:14">
      <c r="N995263" s="10"/>
    </row>
    <row r="995264" spans="14:14">
      <c r="N995264" s="10"/>
    </row>
    <row r="995265" spans="14:14">
      <c r="N995265" s="10"/>
    </row>
    <row r="995266" spans="14:14">
      <c r="N995266" s="10"/>
    </row>
    <row r="995267" spans="14:14">
      <c r="N995267" s="10"/>
    </row>
    <row r="995268" spans="14:14">
      <c r="N995268" s="10"/>
    </row>
    <row r="995269" spans="14:14">
      <c r="N995269" s="10"/>
    </row>
    <row r="995270" spans="14:14">
      <c r="N995270" s="10"/>
    </row>
    <row r="995271" spans="14:14">
      <c r="N995271" s="10"/>
    </row>
    <row r="995272" spans="14:14">
      <c r="N995272" s="10"/>
    </row>
    <row r="995273" spans="14:14">
      <c r="N995273" s="10"/>
    </row>
    <row r="995274" spans="14:14">
      <c r="N995274" s="10"/>
    </row>
    <row r="995275" spans="14:14">
      <c r="N995275" s="10"/>
    </row>
    <row r="995276" spans="14:14">
      <c r="N995276" s="10"/>
    </row>
    <row r="995277" spans="14:14">
      <c r="N995277" s="10"/>
    </row>
    <row r="995278" spans="14:14">
      <c r="N995278" s="10"/>
    </row>
    <row r="995279" spans="14:14">
      <c r="N995279" s="10"/>
    </row>
    <row r="995280" spans="14:14">
      <c r="N995280" s="10"/>
    </row>
    <row r="995281" spans="14:14">
      <c r="N995281" s="10"/>
    </row>
    <row r="995282" spans="14:14">
      <c r="N995282" s="10"/>
    </row>
    <row r="995283" spans="14:14">
      <c r="N995283" s="10"/>
    </row>
    <row r="995284" spans="14:14">
      <c r="N995284" s="10"/>
    </row>
    <row r="995285" spans="14:14">
      <c r="N995285" s="10"/>
    </row>
    <row r="995286" spans="14:14">
      <c r="N995286" s="10"/>
    </row>
    <row r="995287" spans="14:14">
      <c r="N995287" s="10"/>
    </row>
    <row r="995288" spans="14:14">
      <c r="N995288" s="10"/>
    </row>
    <row r="995289" spans="14:14">
      <c r="N995289" s="10"/>
    </row>
    <row r="995290" spans="14:14">
      <c r="N995290" s="10"/>
    </row>
    <row r="995291" spans="14:14">
      <c r="N995291" s="10"/>
    </row>
    <row r="995292" spans="14:14">
      <c r="N995292" s="10"/>
    </row>
    <row r="995293" spans="14:14">
      <c r="N995293" s="10"/>
    </row>
    <row r="995294" spans="14:14">
      <c r="N995294" s="10"/>
    </row>
    <row r="995295" spans="14:14">
      <c r="N995295" s="10"/>
    </row>
    <row r="995296" spans="14:14">
      <c r="N995296" s="10"/>
    </row>
    <row r="995297" spans="14:14">
      <c r="N995297" s="10"/>
    </row>
    <row r="995298" spans="14:14">
      <c r="N995298" s="10"/>
    </row>
    <row r="995299" spans="14:14">
      <c r="N995299" s="10"/>
    </row>
    <row r="995300" spans="14:14">
      <c r="N995300" s="10"/>
    </row>
    <row r="995301" spans="14:14">
      <c r="N995301" s="10"/>
    </row>
    <row r="995302" spans="14:14">
      <c r="N995302" s="10"/>
    </row>
    <row r="995303" spans="14:14">
      <c r="N995303" s="10"/>
    </row>
    <row r="995304" spans="14:14">
      <c r="N995304" s="10"/>
    </row>
    <row r="995305" spans="14:14">
      <c r="N995305" s="10"/>
    </row>
    <row r="995306" spans="14:14">
      <c r="N995306" s="10"/>
    </row>
    <row r="995307" spans="14:14">
      <c r="N995307" s="10"/>
    </row>
    <row r="995308" spans="14:14">
      <c r="N995308" s="10"/>
    </row>
    <row r="995309" spans="14:14">
      <c r="N995309" s="10"/>
    </row>
    <row r="995310" spans="14:14">
      <c r="N995310" s="10"/>
    </row>
    <row r="995311" spans="14:14">
      <c r="N995311" s="10"/>
    </row>
    <row r="995312" spans="14:14">
      <c r="N995312" s="10"/>
    </row>
    <row r="995313" spans="14:14">
      <c r="N995313" s="10"/>
    </row>
    <row r="995314" spans="14:14">
      <c r="N995314" s="10"/>
    </row>
    <row r="995315" spans="14:14">
      <c r="N995315" s="10"/>
    </row>
    <row r="995316" spans="14:14">
      <c r="N995316" s="10"/>
    </row>
    <row r="995317" spans="14:14">
      <c r="N995317" s="10"/>
    </row>
    <row r="995318" spans="14:14">
      <c r="N995318" s="10"/>
    </row>
    <row r="995319" spans="14:14">
      <c r="N995319" s="10"/>
    </row>
    <row r="995320" spans="14:14">
      <c r="N995320" s="10"/>
    </row>
    <row r="995321" spans="14:14">
      <c r="N995321" s="10"/>
    </row>
    <row r="995322" spans="14:14">
      <c r="N995322" s="10"/>
    </row>
    <row r="995323" spans="14:14">
      <c r="N995323" s="10"/>
    </row>
    <row r="995324" spans="14:14">
      <c r="N995324" s="10"/>
    </row>
    <row r="995325" spans="14:14">
      <c r="N995325" s="10"/>
    </row>
    <row r="995326" spans="14:14">
      <c r="N995326" s="10"/>
    </row>
    <row r="995327" spans="14:14">
      <c r="N995327" s="10"/>
    </row>
    <row r="995328" spans="14:14">
      <c r="N995328" s="10"/>
    </row>
    <row r="995329" spans="14:14">
      <c r="N995329" s="10"/>
    </row>
    <row r="995330" spans="14:14">
      <c r="N995330" s="10"/>
    </row>
    <row r="995331" spans="14:14">
      <c r="N995331" s="10"/>
    </row>
    <row r="995332" spans="14:14">
      <c r="N995332" s="10"/>
    </row>
    <row r="995333" spans="14:14">
      <c r="N995333" s="10"/>
    </row>
    <row r="995334" spans="14:14">
      <c r="N995334" s="10"/>
    </row>
    <row r="995335" spans="14:14">
      <c r="N995335" s="10"/>
    </row>
    <row r="995336" spans="14:14">
      <c r="N995336" s="10"/>
    </row>
    <row r="995337" spans="14:14">
      <c r="N995337" s="10"/>
    </row>
    <row r="995338" spans="14:14">
      <c r="N995338" s="10"/>
    </row>
    <row r="995339" spans="14:14">
      <c r="N995339" s="10"/>
    </row>
    <row r="995340" spans="14:14">
      <c r="N995340" s="10"/>
    </row>
    <row r="995341" spans="14:14">
      <c r="N995341" s="10"/>
    </row>
    <row r="995342" spans="14:14">
      <c r="N995342" s="10"/>
    </row>
    <row r="995343" spans="14:14">
      <c r="N995343" s="10"/>
    </row>
    <row r="995344" spans="14:14">
      <c r="N995344" s="10"/>
    </row>
    <row r="995345" spans="14:14">
      <c r="N995345" s="10"/>
    </row>
    <row r="995346" spans="14:14">
      <c r="N995346" s="10"/>
    </row>
    <row r="995347" spans="14:14">
      <c r="N995347" s="10"/>
    </row>
    <row r="995348" spans="14:14">
      <c r="N995348" s="10"/>
    </row>
    <row r="995349" spans="14:14">
      <c r="N995349" s="10"/>
    </row>
    <row r="995350" spans="14:14">
      <c r="N995350" s="10"/>
    </row>
    <row r="995351" spans="14:14">
      <c r="N995351" s="10"/>
    </row>
    <row r="995352" spans="14:14">
      <c r="N995352" s="10"/>
    </row>
    <row r="995353" spans="14:14">
      <c r="N995353" s="10"/>
    </row>
    <row r="995354" spans="14:14">
      <c r="N995354" s="10"/>
    </row>
    <row r="995355" spans="14:14">
      <c r="N995355" s="10"/>
    </row>
    <row r="995356" spans="14:14">
      <c r="N995356" s="10"/>
    </row>
    <row r="995357" spans="14:14">
      <c r="N995357" s="10"/>
    </row>
    <row r="995358" spans="14:14">
      <c r="N995358" s="10"/>
    </row>
    <row r="995359" spans="14:14">
      <c r="N995359" s="10"/>
    </row>
    <row r="995360" spans="14:14">
      <c r="N995360" s="10"/>
    </row>
    <row r="995361" spans="14:14">
      <c r="N995361" s="10"/>
    </row>
    <row r="995362" spans="14:14">
      <c r="N995362" s="10"/>
    </row>
    <row r="995363" spans="14:14">
      <c r="N995363" s="10"/>
    </row>
    <row r="995364" spans="14:14">
      <c r="N995364" s="10"/>
    </row>
    <row r="995365" spans="14:14">
      <c r="N995365" s="10"/>
    </row>
    <row r="995366" spans="14:14">
      <c r="N995366" s="10"/>
    </row>
    <row r="995367" spans="14:14">
      <c r="N995367" s="10"/>
    </row>
    <row r="995368" spans="14:14">
      <c r="N995368" s="10"/>
    </row>
    <row r="995369" spans="14:14">
      <c r="N995369" s="10"/>
    </row>
    <row r="995370" spans="14:14">
      <c r="N995370" s="10"/>
    </row>
    <row r="995371" spans="14:14">
      <c r="N995371" s="10"/>
    </row>
    <row r="995372" spans="14:14">
      <c r="N995372" s="10"/>
    </row>
    <row r="995373" spans="14:14">
      <c r="N995373" s="10"/>
    </row>
    <row r="995374" spans="14:14">
      <c r="N995374" s="10"/>
    </row>
    <row r="995375" spans="14:14">
      <c r="N995375" s="10"/>
    </row>
    <row r="995376" spans="14:14">
      <c r="N995376" s="10"/>
    </row>
    <row r="995377" spans="14:14">
      <c r="N995377" s="10"/>
    </row>
    <row r="995378" spans="14:14">
      <c r="N995378" s="10"/>
    </row>
    <row r="995379" spans="14:14">
      <c r="N995379" s="10"/>
    </row>
    <row r="995380" spans="14:14">
      <c r="N995380" s="10"/>
    </row>
    <row r="995381" spans="14:14">
      <c r="N995381" s="10"/>
    </row>
    <row r="995382" spans="14:14">
      <c r="N995382" s="10"/>
    </row>
    <row r="995383" spans="14:14">
      <c r="N995383" s="10"/>
    </row>
    <row r="995384" spans="14:14">
      <c r="N995384" s="10"/>
    </row>
    <row r="995385" spans="14:14">
      <c r="N995385" s="10"/>
    </row>
    <row r="995386" spans="14:14">
      <c r="N995386" s="10"/>
    </row>
    <row r="995387" spans="14:14">
      <c r="N995387" s="10"/>
    </row>
    <row r="995388" spans="14:14">
      <c r="N995388" s="10"/>
    </row>
    <row r="995389" spans="14:14">
      <c r="N995389" s="10"/>
    </row>
    <row r="995390" spans="14:14">
      <c r="N995390" s="10"/>
    </row>
    <row r="995391" spans="14:14">
      <c r="N995391" s="10"/>
    </row>
    <row r="995392" spans="14:14">
      <c r="N995392" s="10"/>
    </row>
    <row r="995393" spans="14:14">
      <c r="N995393" s="10"/>
    </row>
    <row r="995394" spans="14:14">
      <c r="N995394" s="10"/>
    </row>
    <row r="995395" spans="14:14">
      <c r="N995395" s="10"/>
    </row>
    <row r="995396" spans="14:14">
      <c r="N995396" s="10"/>
    </row>
    <row r="995397" spans="14:14">
      <c r="N995397" s="10"/>
    </row>
    <row r="995398" spans="14:14">
      <c r="N995398" s="10"/>
    </row>
    <row r="995399" spans="14:14">
      <c r="N995399" s="10"/>
    </row>
    <row r="995400" spans="14:14">
      <c r="N995400" s="10"/>
    </row>
    <row r="995401" spans="14:14">
      <c r="N995401" s="10"/>
    </row>
    <row r="995402" spans="14:14">
      <c r="N995402" s="10"/>
    </row>
    <row r="995403" spans="14:14">
      <c r="N995403" s="10"/>
    </row>
    <row r="995404" spans="14:14">
      <c r="N995404" s="10"/>
    </row>
    <row r="995405" spans="14:14">
      <c r="N995405" s="10"/>
    </row>
    <row r="995406" spans="14:14">
      <c r="N995406" s="10"/>
    </row>
    <row r="995407" spans="14:14">
      <c r="N995407" s="10"/>
    </row>
    <row r="995408" spans="14:14">
      <c r="N995408" s="10"/>
    </row>
    <row r="995409" spans="14:14">
      <c r="N995409" s="10"/>
    </row>
    <row r="995410" spans="14:14">
      <c r="N995410" s="10"/>
    </row>
    <row r="995411" spans="14:14">
      <c r="N995411" s="10"/>
    </row>
    <row r="995412" spans="14:14">
      <c r="N995412" s="10"/>
    </row>
    <row r="995413" spans="14:14">
      <c r="N995413" s="10"/>
    </row>
    <row r="995414" spans="14:14">
      <c r="N995414" s="10"/>
    </row>
    <row r="995415" spans="14:14">
      <c r="N995415" s="10"/>
    </row>
    <row r="995416" spans="14:14">
      <c r="N995416" s="10"/>
    </row>
    <row r="995417" spans="14:14">
      <c r="N995417" s="10"/>
    </row>
    <row r="995418" spans="14:14">
      <c r="N995418" s="10"/>
    </row>
    <row r="995419" spans="14:14">
      <c r="N995419" s="10"/>
    </row>
    <row r="995420" spans="14:14">
      <c r="N995420" s="10"/>
    </row>
    <row r="995421" spans="14:14">
      <c r="N995421" s="10"/>
    </row>
    <row r="995422" spans="14:14">
      <c r="N995422" s="10"/>
    </row>
    <row r="995423" spans="14:14">
      <c r="N995423" s="10"/>
    </row>
    <row r="995424" spans="14:14">
      <c r="N995424" s="10"/>
    </row>
    <row r="995425" spans="14:14">
      <c r="N995425" s="10"/>
    </row>
    <row r="995426" spans="14:14">
      <c r="N995426" s="10"/>
    </row>
    <row r="995427" spans="14:14">
      <c r="N995427" s="10"/>
    </row>
    <row r="995428" spans="14:14">
      <c r="N995428" s="10"/>
    </row>
    <row r="995429" spans="14:14">
      <c r="N995429" s="10"/>
    </row>
    <row r="995430" spans="14:14">
      <c r="N995430" s="10"/>
    </row>
    <row r="995431" spans="14:14">
      <c r="N995431" s="10"/>
    </row>
    <row r="995432" spans="14:14">
      <c r="N995432" s="10"/>
    </row>
    <row r="995433" spans="14:14">
      <c r="N995433" s="10"/>
    </row>
    <row r="995434" spans="14:14">
      <c r="N995434" s="10"/>
    </row>
    <row r="995435" spans="14:14">
      <c r="N995435" s="10"/>
    </row>
    <row r="995436" spans="14:14">
      <c r="N995436" s="10"/>
    </row>
    <row r="995437" spans="14:14">
      <c r="N995437" s="10"/>
    </row>
    <row r="995438" spans="14:14">
      <c r="N995438" s="10"/>
    </row>
    <row r="995439" spans="14:14">
      <c r="N995439" s="10"/>
    </row>
    <row r="995440" spans="14:14">
      <c r="N995440" s="10"/>
    </row>
    <row r="995441" spans="14:14">
      <c r="N995441" s="10"/>
    </row>
    <row r="995442" spans="14:14">
      <c r="N995442" s="10"/>
    </row>
    <row r="995443" spans="14:14">
      <c r="N995443" s="10"/>
    </row>
    <row r="995444" spans="14:14">
      <c r="N995444" s="10"/>
    </row>
    <row r="995445" spans="14:14">
      <c r="N995445" s="10"/>
    </row>
    <row r="995446" spans="14:14">
      <c r="N995446" s="10"/>
    </row>
    <row r="995447" spans="14:14">
      <c r="N995447" s="10"/>
    </row>
    <row r="995448" spans="14:14">
      <c r="N995448" s="10"/>
    </row>
    <row r="995449" spans="14:14">
      <c r="N995449" s="10"/>
    </row>
    <row r="995450" spans="14:14">
      <c r="N995450" s="10"/>
    </row>
    <row r="995451" spans="14:14">
      <c r="N995451" s="10"/>
    </row>
    <row r="995452" spans="14:14">
      <c r="N995452" s="10"/>
    </row>
    <row r="995453" spans="14:14">
      <c r="N995453" s="10"/>
    </row>
    <row r="995454" spans="14:14">
      <c r="N995454" s="10"/>
    </row>
    <row r="995455" spans="14:14">
      <c r="N995455" s="10"/>
    </row>
    <row r="995456" spans="14:14">
      <c r="N995456" s="10"/>
    </row>
    <row r="995457" spans="14:14">
      <c r="N995457" s="10"/>
    </row>
    <row r="995458" spans="14:14">
      <c r="N995458" s="10"/>
    </row>
    <row r="995459" spans="14:14">
      <c r="N995459" s="10"/>
    </row>
    <row r="995460" spans="14:14">
      <c r="N995460" s="10"/>
    </row>
    <row r="995461" spans="14:14">
      <c r="N995461" s="10"/>
    </row>
    <row r="995462" spans="14:14">
      <c r="N995462" s="10"/>
    </row>
    <row r="995463" spans="14:14">
      <c r="N995463" s="10"/>
    </row>
    <row r="995464" spans="14:14">
      <c r="N995464" s="10"/>
    </row>
    <row r="995465" spans="14:14">
      <c r="N995465" s="10"/>
    </row>
    <row r="995466" spans="14:14">
      <c r="N995466" s="10"/>
    </row>
    <row r="995467" spans="14:14">
      <c r="N995467" s="10"/>
    </row>
    <row r="995468" spans="14:14">
      <c r="N995468" s="10"/>
    </row>
    <row r="995469" spans="14:14">
      <c r="N995469" s="10"/>
    </row>
    <row r="995470" spans="14:14">
      <c r="N995470" s="10"/>
    </row>
    <row r="995471" spans="14:14">
      <c r="N995471" s="10"/>
    </row>
    <row r="995472" spans="14:14">
      <c r="N995472" s="10"/>
    </row>
    <row r="995473" spans="14:14">
      <c r="N995473" s="10"/>
    </row>
    <row r="995474" spans="14:14">
      <c r="N995474" s="10"/>
    </row>
    <row r="995475" spans="14:14">
      <c r="N995475" s="10"/>
    </row>
    <row r="995476" spans="14:14">
      <c r="N995476" s="10"/>
    </row>
    <row r="995477" spans="14:14">
      <c r="N995477" s="10"/>
    </row>
    <row r="995478" spans="14:14">
      <c r="N995478" s="10"/>
    </row>
    <row r="995479" spans="14:14">
      <c r="N995479" s="10"/>
    </row>
    <row r="995480" spans="14:14">
      <c r="N995480" s="10"/>
    </row>
    <row r="995481" spans="14:14">
      <c r="N995481" s="10"/>
    </row>
    <row r="995482" spans="14:14">
      <c r="N995482" s="10"/>
    </row>
    <row r="995483" spans="14:14">
      <c r="N995483" s="10"/>
    </row>
    <row r="995484" spans="14:14">
      <c r="N995484" s="10"/>
    </row>
    <row r="995485" spans="14:14">
      <c r="N995485" s="10"/>
    </row>
    <row r="995486" spans="14:14">
      <c r="N995486" s="10"/>
    </row>
    <row r="995487" spans="14:14">
      <c r="N995487" s="10"/>
    </row>
    <row r="995488" spans="14:14">
      <c r="N995488" s="10"/>
    </row>
    <row r="995489" spans="14:14">
      <c r="N995489" s="10"/>
    </row>
    <row r="995490" spans="14:14">
      <c r="N995490" s="10"/>
    </row>
    <row r="995491" spans="14:14">
      <c r="N995491" s="10"/>
    </row>
    <row r="995492" spans="14:14">
      <c r="N995492" s="10"/>
    </row>
    <row r="995493" spans="14:14">
      <c r="N995493" s="10"/>
    </row>
    <row r="995494" spans="14:14">
      <c r="N995494" s="10"/>
    </row>
    <row r="995495" spans="14:14">
      <c r="N995495" s="10"/>
    </row>
    <row r="995496" spans="14:14">
      <c r="N995496" s="10"/>
    </row>
    <row r="995497" spans="14:14">
      <c r="N995497" s="10"/>
    </row>
    <row r="995498" spans="14:14">
      <c r="N995498" s="10"/>
    </row>
    <row r="995499" spans="14:14">
      <c r="N995499" s="10"/>
    </row>
    <row r="995500" spans="14:14">
      <c r="N995500" s="10"/>
    </row>
    <row r="995501" spans="14:14">
      <c r="N995501" s="10"/>
    </row>
    <row r="995502" spans="14:14">
      <c r="N995502" s="10"/>
    </row>
    <row r="995503" spans="14:14">
      <c r="N995503" s="10"/>
    </row>
    <row r="995504" spans="14:14">
      <c r="N995504" s="10"/>
    </row>
    <row r="995505" spans="14:14">
      <c r="N995505" s="10"/>
    </row>
    <row r="995506" spans="14:14">
      <c r="N995506" s="10"/>
    </row>
    <row r="995507" spans="14:14">
      <c r="N995507" s="10"/>
    </row>
    <row r="995508" spans="14:14">
      <c r="N995508" s="10"/>
    </row>
    <row r="995509" spans="14:14">
      <c r="N995509" s="10"/>
    </row>
    <row r="995510" spans="14:14">
      <c r="N995510" s="10"/>
    </row>
    <row r="995511" spans="14:14">
      <c r="N995511" s="10"/>
    </row>
    <row r="995512" spans="14:14">
      <c r="N995512" s="10"/>
    </row>
    <row r="995513" spans="14:14">
      <c r="N995513" s="10"/>
    </row>
    <row r="995514" spans="14:14">
      <c r="N995514" s="10"/>
    </row>
    <row r="995515" spans="14:14">
      <c r="N995515" s="10"/>
    </row>
    <row r="995516" spans="14:14">
      <c r="N995516" s="10"/>
    </row>
    <row r="995517" spans="14:14">
      <c r="N995517" s="10"/>
    </row>
    <row r="995518" spans="14:14">
      <c r="N995518" s="10"/>
    </row>
    <row r="995519" spans="14:14">
      <c r="N995519" s="10"/>
    </row>
    <row r="995520" spans="14:14">
      <c r="N995520" s="10"/>
    </row>
    <row r="995521" spans="14:14">
      <c r="N995521" s="10"/>
    </row>
    <row r="995522" spans="14:14">
      <c r="N995522" s="10"/>
    </row>
    <row r="995523" spans="14:14">
      <c r="N995523" s="10"/>
    </row>
    <row r="995524" spans="14:14">
      <c r="N995524" s="10"/>
    </row>
    <row r="995525" spans="14:14">
      <c r="N995525" s="10"/>
    </row>
    <row r="995526" spans="14:14">
      <c r="N995526" s="10"/>
    </row>
    <row r="995527" spans="14:14">
      <c r="N995527" s="10"/>
    </row>
    <row r="995528" spans="14:14">
      <c r="N995528" s="10"/>
    </row>
    <row r="995529" spans="14:14">
      <c r="N995529" s="10"/>
    </row>
    <row r="995530" spans="14:14">
      <c r="N995530" s="10"/>
    </row>
    <row r="995531" spans="14:14">
      <c r="N995531" s="10"/>
    </row>
    <row r="995532" spans="14:14">
      <c r="N995532" s="10"/>
    </row>
    <row r="995533" spans="14:14">
      <c r="N995533" s="10"/>
    </row>
    <row r="995534" spans="14:14">
      <c r="N995534" s="10"/>
    </row>
    <row r="995535" spans="14:14">
      <c r="N995535" s="10"/>
    </row>
    <row r="995536" spans="14:14">
      <c r="N995536" s="10"/>
    </row>
    <row r="995537" spans="14:14">
      <c r="N995537" s="10"/>
    </row>
    <row r="995538" spans="14:14">
      <c r="N995538" s="10"/>
    </row>
    <row r="995539" spans="14:14">
      <c r="N995539" s="10"/>
    </row>
    <row r="995540" spans="14:14">
      <c r="N995540" s="10"/>
    </row>
    <row r="995541" spans="14:14">
      <c r="N995541" s="10"/>
    </row>
    <row r="995542" spans="14:14">
      <c r="N995542" s="10"/>
    </row>
    <row r="995543" spans="14:14">
      <c r="N995543" s="10"/>
    </row>
    <row r="995544" spans="14:14">
      <c r="N995544" s="10"/>
    </row>
    <row r="995545" spans="14:14">
      <c r="N995545" s="10"/>
    </row>
    <row r="995546" spans="14:14">
      <c r="N995546" s="10"/>
    </row>
    <row r="995547" spans="14:14">
      <c r="N995547" s="10"/>
    </row>
    <row r="995548" spans="14:14">
      <c r="N995548" s="10"/>
    </row>
    <row r="995549" spans="14:14">
      <c r="N995549" s="10"/>
    </row>
    <row r="995550" spans="14:14">
      <c r="N995550" s="10"/>
    </row>
    <row r="995551" spans="14:14">
      <c r="N995551" s="10"/>
    </row>
    <row r="995552" spans="14:14">
      <c r="N995552" s="10"/>
    </row>
    <row r="995553" spans="14:14">
      <c r="N995553" s="10"/>
    </row>
    <row r="995554" spans="14:14">
      <c r="N995554" s="10"/>
    </row>
    <row r="995555" spans="14:14">
      <c r="N995555" s="10"/>
    </row>
    <row r="995556" spans="14:14">
      <c r="N995556" s="10"/>
    </row>
    <row r="995557" spans="14:14">
      <c r="N995557" s="10"/>
    </row>
    <row r="995558" spans="14:14">
      <c r="N995558" s="10"/>
    </row>
    <row r="995559" spans="14:14">
      <c r="N995559" s="10"/>
    </row>
    <row r="995560" spans="14:14">
      <c r="N995560" s="10"/>
    </row>
    <row r="995561" spans="14:14">
      <c r="N995561" s="10"/>
    </row>
    <row r="995562" spans="14:14">
      <c r="N995562" s="10"/>
    </row>
    <row r="995563" spans="14:14">
      <c r="N995563" s="10"/>
    </row>
    <row r="995564" spans="14:14">
      <c r="N995564" s="10"/>
    </row>
    <row r="995565" spans="14:14">
      <c r="N995565" s="10"/>
    </row>
    <row r="995566" spans="14:14">
      <c r="N995566" s="10"/>
    </row>
    <row r="995567" spans="14:14">
      <c r="N995567" s="10"/>
    </row>
    <row r="995568" spans="14:14">
      <c r="N995568" s="10"/>
    </row>
    <row r="995569" spans="14:14">
      <c r="N995569" s="10"/>
    </row>
    <row r="995570" spans="14:14">
      <c r="N995570" s="10"/>
    </row>
    <row r="995571" spans="14:14">
      <c r="N995571" s="10"/>
    </row>
    <row r="995572" spans="14:14">
      <c r="N995572" s="10"/>
    </row>
    <row r="995573" spans="14:14">
      <c r="N995573" s="10"/>
    </row>
    <row r="995574" spans="14:14">
      <c r="N995574" s="10"/>
    </row>
    <row r="995575" spans="14:14">
      <c r="N995575" s="10"/>
    </row>
    <row r="995576" spans="14:14">
      <c r="N995576" s="10"/>
    </row>
    <row r="995577" spans="14:14">
      <c r="N995577" s="10"/>
    </row>
    <row r="995578" spans="14:14">
      <c r="N995578" s="10"/>
    </row>
    <row r="995579" spans="14:14">
      <c r="N995579" s="10"/>
    </row>
    <row r="995580" spans="14:14">
      <c r="N995580" s="10"/>
    </row>
    <row r="995581" spans="14:14">
      <c r="N995581" s="10"/>
    </row>
    <row r="995582" spans="14:14">
      <c r="N995582" s="10"/>
    </row>
    <row r="995583" spans="14:14">
      <c r="N995583" s="10"/>
    </row>
    <row r="995584" spans="14:14">
      <c r="N995584" s="10"/>
    </row>
    <row r="995585" spans="14:14">
      <c r="N995585" s="10"/>
    </row>
    <row r="995586" spans="14:14">
      <c r="N995586" s="10"/>
    </row>
    <row r="995587" spans="14:14">
      <c r="N995587" s="10"/>
    </row>
    <row r="995588" spans="14:14">
      <c r="N995588" s="10"/>
    </row>
    <row r="995589" spans="14:14">
      <c r="N995589" s="10"/>
    </row>
    <row r="995590" spans="14:14">
      <c r="N995590" s="10"/>
    </row>
    <row r="995591" spans="14:14">
      <c r="N995591" s="10"/>
    </row>
    <row r="995592" spans="14:14">
      <c r="N995592" s="10"/>
    </row>
    <row r="995593" spans="14:14">
      <c r="N995593" s="10"/>
    </row>
    <row r="995594" spans="14:14">
      <c r="N995594" s="10"/>
    </row>
    <row r="995595" spans="14:14">
      <c r="N995595" s="10"/>
    </row>
    <row r="995596" spans="14:14">
      <c r="N995596" s="10"/>
    </row>
    <row r="995597" spans="14:14">
      <c r="N995597" s="10"/>
    </row>
    <row r="995598" spans="14:14">
      <c r="N995598" s="10"/>
    </row>
    <row r="995599" spans="14:14">
      <c r="N995599" s="10"/>
    </row>
    <row r="995600" spans="14:14">
      <c r="N995600" s="10"/>
    </row>
    <row r="995601" spans="14:14">
      <c r="N995601" s="10"/>
    </row>
    <row r="995602" spans="14:14">
      <c r="N995602" s="10"/>
    </row>
    <row r="995603" spans="14:14">
      <c r="N995603" s="10"/>
    </row>
    <row r="995604" spans="14:14">
      <c r="N995604" s="10"/>
    </row>
    <row r="995605" spans="14:14">
      <c r="N995605" s="10"/>
    </row>
    <row r="995606" spans="14:14">
      <c r="N995606" s="10"/>
    </row>
    <row r="995607" spans="14:14">
      <c r="N995607" s="10"/>
    </row>
    <row r="995608" spans="14:14">
      <c r="N995608" s="10"/>
    </row>
    <row r="995609" spans="14:14">
      <c r="N995609" s="10"/>
    </row>
    <row r="995610" spans="14:14">
      <c r="N995610" s="10"/>
    </row>
    <row r="995611" spans="14:14">
      <c r="N995611" s="10"/>
    </row>
    <row r="995612" spans="14:14">
      <c r="N995612" s="10"/>
    </row>
    <row r="995613" spans="14:14">
      <c r="N995613" s="10"/>
    </row>
    <row r="995614" spans="14:14">
      <c r="N995614" s="10"/>
    </row>
    <row r="995615" spans="14:14">
      <c r="N995615" s="10"/>
    </row>
    <row r="995616" spans="14:14">
      <c r="N995616" s="10"/>
    </row>
    <row r="995617" spans="14:14">
      <c r="N995617" s="10"/>
    </row>
    <row r="995618" spans="14:14">
      <c r="N995618" s="10"/>
    </row>
    <row r="995619" spans="14:14">
      <c r="N995619" s="10"/>
    </row>
    <row r="995620" spans="14:14">
      <c r="N995620" s="10"/>
    </row>
    <row r="995621" spans="14:14">
      <c r="N995621" s="10"/>
    </row>
    <row r="995622" spans="14:14">
      <c r="N995622" s="10"/>
    </row>
    <row r="995623" spans="14:14">
      <c r="N995623" s="10"/>
    </row>
    <row r="995624" spans="14:14">
      <c r="N995624" s="10"/>
    </row>
    <row r="995625" spans="14:14">
      <c r="N995625" s="10"/>
    </row>
    <row r="995626" spans="14:14">
      <c r="N995626" s="10"/>
    </row>
    <row r="995627" spans="14:14">
      <c r="N995627" s="10"/>
    </row>
    <row r="995628" spans="14:14">
      <c r="N995628" s="10"/>
    </row>
    <row r="995629" spans="14:14">
      <c r="N995629" s="10"/>
    </row>
    <row r="995630" spans="14:14">
      <c r="N995630" s="10"/>
    </row>
    <row r="995631" spans="14:14">
      <c r="N995631" s="10"/>
    </row>
    <row r="995632" spans="14:14">
      <c r="N995632" s="10"/>
    </row>
    <row r="995633" spans="14:14">
      <c r="N995633" s="10"/>
    </row>
    <row r="995634" spans="14:14">
      <c r="N995634" s="10"/>
    </row>
    <row r="995635" spans="14:14">
      <c r="N995635" s="10"/>
    </row>
    <row r="995636" spans="14:14">
      <c r="N995636" s="10"/>
    </row>
    <row r="995637" spans="14:14">
      <c r="N995637" s="10"/>
    </row>
    <row r="995638" spans="14:14">
      <c r="N995638" s="10"/>
    </row>
    <row r="995639" spans="14:14">
      <c r="N995639" s="10"/>
    </row>
    <row r="995640" spans="14:14">
      <c r="N995640" s="10"/>
    </row>
    <row r="995641" spans="14:14">
      <c r="N995641" s="10"/>
    </row>
    <row r="995642" spans="14:14">
      <c r="N995642" s="10"/>
    </row>
    <row r="995643" spans="14:14">
      <c r="N995643" s="10"/>
    </row>
    <row r="995644" spans="14:14">
      <c r="N995644" s="10"/>
    </row>
    <row r="995645" spans="14:14">
      <c r="N995645" s="10"/>
    </row>
    <row r="995646" spans="14:14">
      <c r="N995646" s="10"/>
    </row>
    <row r="995647" spans="14:14">
      <c r="N995647" s="10"/>
    </row>
    <row r="995648" spans="14:14">
      <c r="N995648" s="10"/>
    </row>
    <row r="995649" spans="14:14">
      <c r="N995649" s="10"/>
    </row>
    <row r="995650" spans="14:14">
      <c r="N995650" s="10"/>
    </row>
    <row r="995651" spans="14:14">
      <c r="N995651" s="10"/>
    </row>
    <row r="995652" spans="14:14">
      <c r="N995652" s="10"/>
    </row>
    <row r="995653" spans="14:14">
      <c r="N995653" s="10"/>
    </row>
    <row r="995654" spans="14:14">
      <c r="N995654" s="10"/>
    </row>
    <row r="995655" spans="14:14">
      <c r="N995655" s="10"/>
    </row>
    <row r="995656" spans="14:14">
      <c r="N995656" s="10"/>
    </row>
    <row r="995657" spans="14:14">
      <c r="N995657" s="10"/>
    </row>
    <row r="995658" spans="14:14">
      <c r="N995658" s="10"/>
    </row>
    <row r="995659" spans="14:14">
      <c r="N995659" s="10"/>
    </row>
    <row r="995660" spans="14:14">
      <c r="N995660" s="10"/>
    </row>
    <row r="995661" spans="14:14">
      <c r="N995661" s="10"/>
    </row>
    <row r="995662" spans="14:14">
      <c r="N995662" s="10"/>
    </row>
    <row r="995663" spans="14:14">
      <c r="N995663" s="10"/>
    </row>
    <row r="995664" spans="14:14">
      <c r="N995664" s="10"/>
    </row>
    <row r="995665" spans="14:14">
      <c r="N995665" s="10"/>
    </row>
    <row r="995666" spans="14:14">
      <c r="N995666" s="10"/>
    </row>
    <row r="995667" spans="14:14">
      <c r="N995667" s="10"/>
    </row>
    <row r="995668" spans="14:14">
      <c r="N995668" s="10"/>
    </row>
    <row r="995669" spans="14:14">
      <c r="N995669" s="10"/>
    </row>
    <row r="995670" spans="14:14">
      <c r="N995670" s="10"/>
    </row>
    <row r="995671" spans="14:14">
      <c r="N995671" s="10"/>
    </row>
    <row r="995672" spans="14:14">
      <c r="N995672" s="10"/>
    </row>
    <row r="995673" spans="14:14">
      <c r="N995673" s="10"/>
    </row>
    <row r="995674" spans="14:14">
      <c r="N995674" s="10"/>
    </row>
    <row r="995675" spans="14:14">
      <c r="N995675" s="10"/>
    </row>
    <row r="995676" spans="14:14">
      <c r="N995676" s="10"/>
    </row>
    <row r="995677" spans="14:14">
      <c r="N995677" s="10"/>
    </row>
    <row r="995678" spans="14:14">
      <c r="N995678" s="10"/>
    </row>
    <row r="995679" spans="14:14">
      <c r="N995679" s="10"/>
    </row>
    <row r="995680" spans="14:14">
      <c r="N995680" s="10"/>
    </row>
    <row r="995681" spans="14:14">
      <c r="N995681" s="10"/>
    </row>
    <row r="995682" spans="14:14">
      <c r="N995682" s="10"/>
    </row>
    <row r="995683" spans="14:14">
      <c r="N995683" s="10"/>
    </row>
    <row r="995684" spans="14:14">
      <c r="N995684" s="10"/>
    </row>
    <row r="995685" spans="14:14">
      <c r="N995685" s="10"/>
    </row>
    <row r="995686" spans="14:14">
      <c r="N995686" s="10"/>
    </row>
    <row r="995687" spans="14:14">
      <c r="N995687" s="10"/>
    </row>
    <row r="995688" spans="14:14">
      <c r="N995688" s="10"/>
    </row>
    <row r="995689" spans="14:14">
      <c r="N995689" s="10"/>
    </row>
    <row r="995690" spans="14:14">
      <c r="N995690" s="10"/>
    </row>
    <row r="995691" spans="14:14">
      <c r="N995691" s="10"/>
    </row>
    <row r="995692" spans="14:14">
      <c r="N995692" s="10"/>
    </row>
    <row r="995693" spans="14:14">
      <c r="N995693" s="10"/>
    </row>
    <row r="995694" spans="14:14">
      <c r="N995694" s="10"/>
    </row>
    <row r="995695" spans="14:14">
      <c r="N995695" s="10"/>
    </row>
    <row r="995696" spans="14:14">
      <c r="N995696" s="10"/>
    </row>
    <row r="995697" spans="14:14">
      <c r="N995697" s="10"/>
    </row>
    <row r="995698" spans="14:14">
      <c r="N995698" s="10"/>
    </row>
    <row r="995699" spans="14:14">
      <c r="N995699" s="10"/>
    </row>
    <row r="995700" spans="14:14">
      <c r="N995700" s="10"/>
    </row>
    <row r="995701" spans="14:14">
      <c r="N995701" s="10"/>
    </row>
    <row r="995702" spans="14:14">
      <c r="N995702" s="10"/>
    </row>
    <row r="995703" spans="14:14">
      <c r="N995703" s="10"/>
    </row>
    <row r="995704" spans="14:14">
      <c r="N995704" s="10"/>
    </row>
    <row r="995705" spans="14:14">
      <c r="N995705" s="10"/>
    </row>
    <row r="995706" spans="14:14">
      <c r="N995706" s="10"/>
    </row>
    <row r="995707" spans="14:14">
      <c r="N995707" s="10"/>
    </row>
    <row r="995708" spans="14:14">
      <c r="N995708" s="10"/>
    </row>
    <row r="995709" spans="14:14">
      <c r="N995709" s="10"/>
    </row>
    <row r="995710" spans="14:14">
      <c r="N995710" s="10"/>
    </row>
    <row r="995711" spans="14:14">
      <c r="N995711" s="10"/>
    </row>
    <row r="995712" spans="14:14">
      <c r="N995712" s="10"/>
    </row>
    <row r="995713" spans="14:14">
      <c r="N995713" s="10"/>
    </row>
    <row r="995714" spans="14:14">
      <c r="N995714" s="10"/>
    </row>
    <row r="995715" spans="14:14">
      <c r="N995715" s="10"/>
    </row>
    <row r="995716" spans="14:14">
      <c r="N995716" s="10"/>
    </row>
    <row r="995717" spans="14:14">
      <c r="N995717" s="10"/>
    </row>
    <row r="995718" spans="14:14">
      <c r="N995718" s="10"/>
    </row>
    <row r="995719" spans="14:14">
      <c r="N995719" s="10"/>
    </row>
    <row r="995720" spans="14:14">
      <c r="N995720" s="10"/>
    </row>
    <row r="995721" spans="14:14">
      <c r="N995721" s="10"/>
    </row>
    <row r="995722" spans="14:14">
      <c r="N995722" s="10"/>
    </row>
    <row r="995723" spans="14:14">
      <c r="N995723" s="10"/>
    </row>
    <row r="995724" spans="14:14">
      <c r="N995724" s="10"/>
    </row>
    <row r="995725" spans="14:14">
      <c r="N995725" s="10"/>
    </row>
    <row r="995726" spans="14:14">
      <c r="N995726" s="10"/>
    </row>
    <row r="995727" spans="14:14">
      <c r="N995727" s="10"/>
    </row>
    <row r="995728" spans="14:14">
      <c r="N995728" s="10"/>
    </row>
    <row r="995729" spans="14:14">
      <c r="N995729" s="10"/>
    </row>
    <row r="995730" spans="14:14">
      <c r="N995730" s="10"/>
    </row>
    <row r="995731" spans="14:14">
      <c r="N995731" s="10"/>
    </row>
    <row r="995732" spans="14:14">
      <c r="N995732" s="10"/>
    </row>
    <row r="995733" spans="14:14">
      <c r="N995733" s="10"/>
    </row>
    <row r="995734" spans="14:14">
      <c r="N995734" s="10"/>
    </row>
    <row r="995735" spans="14:14">
      <c r="N995735" s="10"/>
    </row>
    <row r="995736" spans="14:14">
      <c r="N995736" s="10"/>
    </row>
    <row r="995737" spans="14:14">
      <c r="N995737" s="10"/>
    </row>
    <row r="995738" spans="14:14">
      <c r="N995738" s="10"/>
    </row>
    <row r="995739" spans="14:14">
      <c r="N995739" s="10"/>
    </row>
    <row r="995740" spans="14:14">
      <c r="N995740" s="10"/>
    </row>
    <row r="995741" spans="14:14">
      <c r="N995741" s="10"/>
    </row>
    <row r="995742" spans="14:14">
      <c r="N995742" s="10"/>
    </row>
    <row r="995743" spans="14:14">
      <c r="N995743" s="10"/>
    </row>
    <row r="995744" spans="14:14">
      <c r="N995744" s="10"/>
    </row>
    <row r="995745" spans="14:14">
      <c r="N995745" s="10"/>
    </row>
    <row r="995746" spans="14:14">
      <c r="N995746" s="10"/>
    </row>
    <row r="995747" spans="14:14">
      <c r="N995747" s="10"/>
    </row>
    <row r="995748" spans="14:14">
      <c r="N995748" s="10"/>
    </row>
    <row r="995749" spans="14:14">
      <c r="N995749" s="10"/>
    </row>
    <row r="995750" spans="14:14">
      <c r="N995750" s="10"/>
    </row>
    <row r="995751" spans="14:14">
      <c r="N995751" s="10"/>
    </row>
    <row r="995752" spans="14:14">
      <c r="N995752" s="10"/>
    </row>
    <row r="995753" spans="14:14">
      <c r="N995753" s="10"/>
    </row>
    <row r="995754" spans="14:14">
      <c r="N995754" s="10"/>
    </row>
    <row r="995755" spans="14:14">
      <c r="N995755" s="10"/>
    </row>
    <row r="995756" spans="14:14">
      <c r="N995756" s="10"/>
    </row>
    <row r="995757" spans="14:14">
      <c r="N995757" s="10"/>
    </row>
    <row r="995758" spans="14:14">
      <c r="N995758" s="10"/>
    </row>
    <row r="995759" spans="14:14">
      <c r="N995759" s="10"/>
    </row>
    <row r="995760" spans="14:14">
      <c r="N995760" s="10"/>
    </row>
    <row r="995761" spans="14:14">
      <c r="N995761" s="10"/>
    </row>
    <row r="995762" spans="14:14">
      <c r="N995762" s="10"/>
    </row>
    <row r="995763" spans="14:14">
      <c r="N995763" s="10"/>
    </row>
    <row r="995764" spans="14:14">
      <c r="N995764" s="10"/>
    </row>
    <row r="995765" spans="14:14">
      <c r="N995765" s="10"/>
    </row>
    <row r="995766" spans="14:14">
      <c r="N995766" s="10"/>
    </row>
    <row r="995767" spans="14:14">
      <c r="N995767" s="10"/>
    </row>
    <row r="995768" spans="14:14">
      <c r="N995768" s="10"/>
    </row>
    <row r="995769" spans="14:14">
      <c r="N995769" s="10"/>
    </row>
    <row r="995770" spans="14:14">
      <c r="N995770" s="10"/>
    </row>
    <row r="995771" spans="14:14">
      <c r="N995771" s="10"/>
    </row>
    <row r="995772" spans="14:14">
      <c r="N995772" s="10"/>
    </row>
    <row r="995773" spans="14:14">
      <c r="N995773" s="10"/>
    </row>
    <row r="995774" spans="14:14">
      <c r="N995774" s="10"/>
    </row>
    <row r="995775" spans="14:14">
      <c r="N995775" s="10"/>
    </row>
    <row r="995776" spans="14:14">
      <c r="N995776" s="10"/>
    </row>
    <row r="995777" spans="14:14">
      <c r="N995777" s="10"/>
    </row>
    <row r="995778" spans="14:14">
      <c r="N995778" s="10"/>
    </row>
    <row r="995779" spans="14:14">
      <c r="N995779" s="10"/>
    </row>
    <row r="995780" spans="14:14">
      <c r="N995780" s="10"/>
    </row>
    <row r="995781" spans="14:14">
      <c r="N995781" s="10"/>
    </row>
    <row r="995782" spans="14:14">
      <c r="N995782" s="10"/>
    </row>
    <row r="995783" spans="14:14">
      <c r="N995783" s="10"/>
    </row>
    <row r="995784" spans="14:14">
      <c r="N995784" s="10"/>
    </row>
    <row r="995785" spans="14:14">
      <c r="N995785" s="10"/>
    </row>
    <row r="995786" spans="14:14">
      <c r="N995786" s="10"/>
    </row>
    <row r="995787" spans="14:14">
      <c r="N995787" s="10"/>
    </row>
    <row r="995788" spans="14:14">
      <c r="N995788" s="10"/>
    </row>
    <row r="995789" spans="14:14">
      <c r="N995789" s="10"/>
    </row>
    <row r="995790" spans="14:14">
      <c r="N995790" s="10"/>
    </row>
    <row r="995791" spans="14:14">
      <c r="N995791" s="10"/>
    </row>
    <row r="995792" spans="14:14">
      <c r="N995792" s="10"/>
    </row>
    <row r="995793" spans="14:14">
      <c r="N995793" s="10"/>
    </row>
    <row r="995794" spans="14:14">
      <c r="N995794" s="10"/>
    </row>
    <row r="995795" spans="14:14">
      <c r="N995795" s="10"/>
    </row>
    <row r="995796" spans="14:14">
      <c r="N995796" s="10"/>
    </row>
    <row r="995797" spans="14:14">
      <c r="N995797" s="10"/>
    </row>
    <row r="995798" spans="14:14">
      <c r="N995798" s="10"/>
    </row>
    <row r="995799" spans="14:14">
      <c r="N995799" s="10"/>
    </row>
    <row r="995800" spans="14:14">
      <c r="N995800" s="10"/>
    </row>
    <row r="995801" spans="14:14">
      <c r="N995801" s="10"/>
    </row>
    <row r="995802" spans="14:14">
      <c r="N995802" s="10"/>
    </row>
    <row r="995803" spans="14:14">
      <c r="N995803" s="10"/>
    </row>
    <row r="995804" spans="14:14">
      <c r="N995804" s="10"/>
    </row>
    <row r="995805" spans="14:14">
      <c r="N995805" s="10"/>
    </row>
    <row r="995806" spans="14:14">
      <c r="N995806" s="10"/>
    </row>
    <row r="995807" spans="14:14">
      <c r="N995807" s="10"/>
    </row>
    <row r="995808" spans="14:14">
      <c r="N995808" s="10"/>
    </row>
    <row r="995809" spans="14:14">
      <c r="N995809" s="10"/>
    </row>
    <row r="995810" spans="14:14">
      <c r="N995810" s="10"/>
    </row>
    <row r="995811" spans="14:14">
      <c r="N995811" s="10"/>
    </row>
    <row r="995812" spans="14:14">
      <c r="N995812" s="10"/>
    </row>
    <row r="995813" spans="14:14">
      <c r="N995813" s="10"/>
    </row>
    <row r="995814" spans="14:14">
      <c r="N995814" s="10"/>
    </row>
    <row r="995815" spans="14:14">
      <c r="N995815" s="10"/>
    </row>
    <row r="995816" spans="14:14">
      <c r="N995816" s="10"/>
    </row>
    <row r="995817" spans="14:14">
      <c r="N995817" s="10"/>
    </row>
    <row r="995818" spans="14:14">
      <c r="N995818" s="10"/>
    </row>
    <row r="995819" spans="14:14">
      <c r="N995819" s="10"/>
    </row>
    <row r="995820" spans="14:14">
      <c r="N995820" s="10"/>
    </row>
    <row r="995821" spans="14:14">
      <c r="N995821" s="10"/>
    </row>
    <row r="995822" spans="14:14">
      <c r="N995822" s="10"/>
    </row>
    <row r="995823" spans="14:14">
      <c r="N995823" s="10"/>
    </row>
    <row r="995824" spans="14:14">
      <c r="N995824" s="10"/>
    </row>
    <row r="995825" spans="14:14">
      <c r="N995825" s="10"/>
    </row>
    <row r="995826" spans="14:14">
      <c r="N995826" s="10"/>
    </row>
    <row r="995827" spans="14:14">
      <c r="N995827" s="10"/>
    </row>
    <row r="995828" spans="14:14">
      <c r="N995828" s="10"/>
    </row>
    <row r="995829" spans="14:14">
      <c r="N995829" s="10"/>
    </row>
    <row r="995830" spans="14:14">
      <c r="N995830" s="10"/>
    </row>
    <row r="995831" spans="14:14">
      <c r="N995831" s="10"/>
    </row>
    <row r="995832" spans="14:14">
      <c r="N995832" s="10"/>
    </row>
    <row r="995833" spans="14:14">
      <c r="N995833" s="10"/>
    </row>
    <row r="995834" spans="14:14">
      <c r="N995834" s="10"/>
    </row>
    <row r="995835" spans="14:14">
      <c r="N995835" s="10"/>
    </row>
    <row r="995836" spans="14:14">
      <c r="N995836" s="10"/>
    </row>
    <row r="995837" spans="14:14">
      <c r="N995837" s="10"/>
    </row>
    <row r="995838" spans="14:14">
      <c r="N995838" s="10"/>
    </row>
    <row r="995839" spans="14:14">
      <c r="N995839" s="10"/>
    </row>
    <row r="995840" spans="14:14">
      <c r="N995840" s="10"/>
    </row>
    <row r="995841" spans="14:14">
      <c r="N995841" s="10"/>
    </row>
    <row r="995842" spans="14:14">
      <c r="N995842" s="10"/>
    </row>
    <row r="995843" spans="14:14">
      <c r="N995843" s="10"/>
    </row>
    <row r="995844" spans="14:14">
      <c r="N995844" s="10"/>
    </row>
    <row r="995845" spans="14:14">
      <c r="N995845" s="10"/>
    </row>
    <row r="995846" spans="14:14">
      <c r="N995846" s="10"/>
    </row>
    <row r="995847" spans="14:14">
      <c r="N995847" s="10"/>
    </row>
    <row r="995848" spans="14:14">
      <c r="N995848" s="10"/>
    </row>
    <row r="995849" spans="14:14">
      <c r="N995849" s="10"/>
    </row>
    <row r="995850" spans="14:14">
      <c r="N995850" s="10"/>
    </row>
    <row r="995851" spans="14:14">
      <c r="N995851" s="10"/>
    </row>
    <row r="995852" spans="14:14">
      <c r="N995852" s="10"/>
    </row>
    <row r="995853" spans="14:14">
      <c r="N995853" s="10"/>
    </row>
    <row r="995854" spans="14:14">
      <c r="N995854" s="10"/>
    </row>
    <row r="995855" spans="14:14">
      <c r="N995855" s="10"/>
    </row>
    <row r="995856" spans="14:14">
      <c r="N995856" s="10"/>
    </row>
    <row r="995857" spans="14:14">
      <c r="N995857" s="10"/>
    </row>
    <row r="995858" spans="14:14">
      <c r="N995858" s="10"/>
    </row>
    <row r="995859" spans="14:14">
      <c r="N995859" s="10"/>
    </row>
    <row r="995860" spans="14:14">
      <c r="N995860" s="10"/>
    </row>
    <row r="995861" spans="14:14">
      <c r="N995861" s="10"/>
    </row>
    <row r="995862" spans="14:14">
      <c r="N995862" s="10"/>
    </row>
    <row r="995863" spans="14:14">
      <c r="N995863" s="10"/>
    </row>
    <row r="995864" spans="14:14">
      <c r="N995864" s="10"/>
    </row>
    <row r="995865" spans="14:14">
      <c r="N995865" s="10"/>
    </row>
    <row r="995866" spans="14:14">
      <c r="N995866" s="10"/>
    </row>
    <row r="995867" spans="14:14">
      <c r="N995867" s="10"/>
    </row>
    <row r="995868" spans="14:14">
      <c r="N995868" s="10"/>
    </row>
    <row r="995869" spans="14:14">
      <c r="N995869" s="10"/>
    </row>
    <row r="995870" spans="14:14">
      <c r="N995870" s="10"/>
    </row>
    <row r="995871" spans="14:14">
      <c r="N995871" s="10"/>
    </row>
    <row r="995872" spans="14:14">
      <c r="N995872" s="10"/>
    </row>
    <row r="995873" spans="14:14">
      <c r="N995873" s="10"/>
    </row>
    <row r="995874" spans="14:14">
      <c r="N995874" s="10"/>
    </row>
    <row r="995875" spans="14:14">
      <c r="N995875" s="10"/>
    </row>
    <row r="995876" spans="14:14">
      <c r="N995876" s="10"/>
    </row>
    <row r="995877" spans="14:14">
      <c r="N995877" s="10"/>
    </row>
    <row r="995878" spans="14:14">
      <c r="N995878" s="10"/>
    </row>
    <row r="995879" spans="14:14">
      <c r="N995879" s="10"/>
    </row>
    <row r="995880" spans="14:14">
      <c r="N995880" s="10"/>
    </row>
    <row r="995881" spans="14:14">
      <c r="N995881" s="10"/>
    </row>
    <row r="995882" spans="14:14">
      <c r="N995882" s="10"/>
    </row>
    <row r="995883" spans="14:14">
      <c r="N995883" s="10"/>
    </row>
    <row r="995884" spans="14:14">
      <c r="N995884" s="10"/>
    </row>
    <row r="995885" spans="14:14">
      <c r="N995885" s="10"/>
    </row>
    <row r="995886" spans="14:14">
      <c r="N995886" s="10"/>
    </row>
    <row r="995887" spans="14:14">
      <c r="N995887" s="10"/>
    </row>
    <row r="995888" spans="14:14">
      <c r="N995888" s="10"/>
    </row>
    <row r="995889" spans="14:14">
      <c r="N995889" s="10"/>
    </row>
    <row r="995890" spans="14:14">
      <c r="N995890" s="10"/>
    </row>
    <row r="995891" spans="14:14">
      <c r="N995891" s="10"/>
    </row>
    <row r="995892" spans="14:14">
      <c r="N995892" s="10"/>
    </row>
    <row r="995893" spans="14:14">
      <c r="N995893" s="10"/>
    </row>
    <row r="995894" spans="14:14">
      <c r="N995894" s="10"/>
    </row>
    <row r="995895" spans="14:14">
      <c r="N995895" s="10"/>
    </row>
    <row r="995896" spans="14:14">
      <c r="N995896" s="10"/>
    </row>
    <row r="995897" spans="14:14">
      <c r="N995897" s="10"/>
    </row>
    <row r="995898" spans="14:14">
      <c r="N995898" s="10"/>
    </row>
    <row r="995899" spans="14:14">
      <c r="N995899" s="10"/>
    </row>
    <row r="995900" spans="14:14">
      <c r="N995900" s="10"/>
    </row>
    <row r="995901" spans="14:14">
      <c r="N995901" s="10"/>
    </row>
    <row r="995902" spans="14:14">
      <c r="N995902" s="10"/>
    </row>
    <row r="995903" spans="14:14">
      <c r="N995903" s="10"/>
    </row>
    <row r="995904" spans="14:14">
      <c r="N995904" s="10"/>
    </row>
    <row r="995905" spans="14:14">
      <c r="N995905" s="10"/>
    </row>
    <row r="995906" spans="14:14">
      <c r="N995906" s="10"/>
    </row>
    <row r="995907" spans="14:14">
      <c r="N995907" s="10"/>
    </row>
    <row r="995908" spans="14:14">
      <c r="N995908" s="10"/>
    </row>
    <row r="995909" spans="14:14">
      <c r="N995909" s="10"/>
    </row>
    <row r="995910" spans="14:14">
      <c r="N995910" s="10"/>
    </row>
    <row r="995911" spans="14:14">
      <c r="N995911" s="10"/>
    </row>
    <row r="995912" spans="14:14">
      <c r="N995912" s="10"/>
    </row>
    <row r="995913" spans="14:14">
      <c r="N995913" s="10"/>
    </row>
    <row r="995914" spans="14:14">
      <c r="N995914" s="10"/>
    </row>
    <row r="995915" spans="14:14">
      <c r="N995915" s="10"/>
    </row>
    <row r="995916" spans="14:14">
      <c r="N995916" s="10"/>
    </row>
    <row r="995917" spans="14:14">
      <c r="N995917" s="10"/>
    </row>
    <row r="995918" spans="14:14">
      <c r="N995918" s="10"/>
    </row>
    <row r="995919" spans="14:14">
      <c r="N995919" s="10"/>
    </row>
    <row r="995920" spans="14:14">
      <c r="N995920" s="10"/>
    </row>
    <row r="995921" spans="14:14">
      <c r="N995921" s="10"/>
    </row>
    <row r="995922" spans="14:14">
      <c r="N995922" s="10"/>
    </row>
    <row r="995923" spans="14:14">
      <c r="N995923" s="10"/>
    </row>
    <row r="995924" spans="14:14">
      <c r="N995924" s="10"/>
    </row>
    <row r="995925" spans="14:14">
      <c r="N995925" s="10"/>
    </row>
    <row r="995926" spans="14:14">
      <c r="N995926" s="10"/>
    </row>
    <row r="995927" spans="14:14">
      <c r="N995927" s="10"/>
    </row>
    <row r="995928" spans="14:14">
      <c r="N995928" s="10"/>
    </row>
    <row r="995929" spans="14:14">
      <c r="N995929" s="10"/>
    </row>
    <row r="995930" spans="14:14">
      <c r="N995930" s="10"/>
    </row>
    <row r="995931" spans="14:14">
      <c r="N995931" s="10"/>
    </row>
    <row r="995932" spans="14:14">
      <c r="N995932" s="10"/>
    </row>
    <row r="995933" spans="14:14">
      <c r="N995933" s="10"/>
    </row>
    <row r="995934" spans="14:14">
      <c r="N995934" s="10"/>
    </row>
    <row r="995935" spans="14:14">
      <c r="N995935" s="10"/>
    </row>
    <row r="995936" spans="14:14">
      <c r="N995936" s="10"/>
    </row>
    <row r="995937" spans="14:14">
      <c r="N995937" s="10"/>
    </row>
    <row r="995938" spans="14:14">
      <c r="N995938" s="10"/>
    </row>
    <row r="995939" spans="14:14">
      <c r="N995939" s="10"/>
    </row>
    <row r="995940" spans="14:14">
      <c r="N995940" s="10"/>
    </row>
    <row r="995941" spans="14:14">
      <c r="N995941" s="10"/>
    </row>
    <row r="995942" spans="14:14">
      <c r="N995942" s="10"/>
    </row>
    <row r="995943" spans="14:14">
      <c r="N995943" s="10"/>
    </row>
    <row r="995944" spans="14:14">
      <c r="N995944" s="10"/>
    </row>
    <row r="995945" spans="14:14">
      <c r="N995945" s="10"/>
    </row>
    <row r="995946" spans="14:14">
      <c r="N995946" s="10"/>
    </row>
    <row r="995947" spans="14:14">
      <c r="N995947" s="10"/>
    </row>
    <row r="995948" spans="14:14">
      <c r="N995948" s="10"/>
    </row>
    <row r="995949" spans="14:14">
      <c r="N995949" s="10"/>
    </row>
    <row r="995950" spans="14:14">
      <c r="N995950" s="10"/>
    </row>
    <row r="995951" spans="14:14">
      <c r="N995951" s="10"/>
    </row>
    <row r="995952" spans="14:14">
      <c r="N995952" s="10"/>
    </row>
    <row r="995953" spans="14:14">
      <c r="N995953" s="10"/>
    </row>
    <row r="995954" spans="14:14">
      <c r="N995954" s="10"/>
    </row>
    <row r="995955" spans="14:14">
      <c r="N995955" s="10"/>
    </row>
    <row r="995956" spans="14:14">
      <c r="N995956" s="10"/>
    </row>
    <row r="995957" spans="14:14">
      <c r="N995957" s="10"/>
    </row>
    <row r="995958" spans="14:14">
      <c r="N995958" s="10"/>
    </row>
    <row r="995959" spans="14:14">
      <c r="N995959" s="10"/>
    </row>
    <row r="995960" spans="14:14">
      <c r="N995960" s="10"/>
    </row>
    <row r="995961" spans="14:14">
      <c r="N995961" s="10"/>
    </row>
    <row r="995962" spans="14:14">
      <c r="N995962" s="10"/>
    </row>
    <row r="995963" spans="14:14">
      <c r="N995963" s="10"/>
    </row>
    <row r="995964" spans="14:14">
      <c r="N995964" s="10"/>
    </row>
    <row r="995965" spans="14:14">
      <c r="N995965" s="10"/>
    </row>
    <row r="995966" spans="14:14">
      <c r="N995966" s="10"/>
    </row>
    <row r="995967" spans="14:14">
      <c r="N995967" s="10"/>
    </row>
    <row r="995968" spans="14:14">
      <c r="N995968" s="10"/>
    </row>
    <row r="995969" spans="14:14">
      <c r="N995969" s="10"/>
    </row>
    <row r="995970" spans="14:14">
      <c r="N995970" s="10"/>
    </row>
    <row r="995971" spans="14:14">
      <c r="N995971" s="10"/>
    </row>
    <row r="995972" spans="14:14">
      <c r="N995972" s="10"/>
    </row>
    <row r="995973" spans="14:14">
      <c r="N995973" s="10"/>
    </row>
    <row r="995974" spans="14:14">
      <c r="N995974" s="10"/>
    </row>
    <row r="995975" spans="14:14">
      <c r="N995975" s="10"/>
    </row>
    <row r="995976" spans="14:14">
      <c r="N995976" s="10"/>
    </row>
    <row r="995977" spans="14:14">
      <c r="N995977" s="10"/>
    </row>
    <row r="995978" spans="14:14">
      <c r="N995978" s="10"/>
    </row>
    <row r="995979" spans="14:14">
      <c r="N995979" s="10"/>
    </row>
    <row r="995980" spans="14:14">
      <c r="N995980" s="10"/>
    </row>
    <row r="995981" spans="14:14">
      <c r="N995981" s="10"/>
    </row>
    <row r="995982" spans="14:14">
      <c r="N995982" s="10"/>
    </row>
    <row r="995983" spans="14:14">
      <c r="N995983" s="10"/>
    </row>
    <row r="995984" spans="14:14">
      <c r="N995984" s="10"/>
    </row>
    <row r="995985" spans="14:14">
      <c r="N995985" s="10"/>
    </row>
    <row r="995986" spans="14:14">
      <c r="N995986" s="10"/>
    </row>
    <row r="995987" spans="14:14">
      <c r="N995987" s="10"/>
    </row>
    <row r="995988" spans="14:14">
      <c r="N995988" s="10"/>
    </row>
    <row r="995989" spans="14:14">
      <c r="N995989" s="10"/>
    </row>
    <row r="995990" spans="14:14">
      <c r="N995990" s="10"/>
    </row>
    <row r="995991" spans="14:14">
      <c r="N995991" s="10"/>
    </row>
    <row r="995992" spans="14:14">
      <c r="N995992" s="10"/>
    </row>
    <row r="995993" spans="14:14">
      <c r="N995993" s="10"/>
    </row>
    <row r="995994" spans="14:14">
      <c r="N995994" s="10"/>
    </row>
    <row r="995995" spans="14:14">
      <c r="N995995" s="10"/>
    </row>
    <row r="995996" spans="14:14">
      <c r="N995996" s="10"/>
    </row>
    <row r="995997" spans="14:14">
      <c r="N995997" s="10"/>
    </row>
    <row r="995998" spans="14:14">
      <c r="N995998" s="10"/>
    </row>
    <row r="995999" spans="14:14">
      <c r="N995999" s="10"/>
    </row>
    <row r="996000" spans="14:14">
      <c r="N996000" s="10"/>
    </row>
    <row r="996001" spans="14:14">
      <c r="N996001" s="10"/>
    </row>
    <row r="996002" spans="14:14">
      <c r="N996002" s="10"/>
    </row>
    <row r="996003" spans="14:14">
      <c r="N996003" s="10"/>
    </row>
    <row r="996004" spans="14:14">
      <c r="N996004" s="10"/>
    </row>
    <row r="996005" spans="14:14">
      <c r="N996005" s="10"/>
    </row>
    <row r="996006" spans="14:14">
      <c r="N996006" s="10"/>
    </row>
    <row r="996007" spans="14:14">
      <c r="N996007" s="10"/>
    </row>
    <row r="996008" spans="14:14">
      <c r="N996008" s="10"/>
    </row>
    <row r="996009" spans="14:14">
      <c r="N996009" s="10"/>
    </row>
    <row r="996010" spans="14:14">
      <c r="N996010" s="10"/>
    </row>
    <row r="996011" spans="14:14">
      <c r="N996011" s="10"/>
    </row>
    <row r="996012" spans="14:14">
      <c r="N996012" s="10"/>
    </row>
    <row r="996013" spans="14:14">
      <c r="N996013" s="10"/>
    </row>
    <row r="996014" spans="14:14">
      <c r="N996014" s="10"/>
    </row>
    <row r="996015" spans="14:14">
      <c r="N996015" s="10"/>
    </row>
    <row r="996016" spans="14:14">
      <c r="N996016" s="10"/>
    </row>
    <row r="996017" spans="14:14">
      <c r="N996017" s="10"/>
    </row>
    <row r="996018" spans="14:14">
      <c r="N996018" s="10"/>
    </row>
    <row r="996019" spans="14:14">
      <c r="N996019" s="10"/>
    </row>
    <row r="996020" spans="14:14">
      <c r="N996020" s="10"/>
    </row>
    <row r="996021" spans="14:14">
      <c r="N996021" s="10"/>
    </row>
    <row r="996022" spans="14:14">
      <c r="N996022" s="10"/>
    </row>
    <row r="996023" spans="14:14">
      <c r="N996023" s="10"/>
    </row>
    <row r="996024" spans="14:14">
      <c r="N996024" s="10"/>
    </row>
    <row r="996025" spans="14:14">
      <c r="N996025" s="10"/>
    </row>
    <row r="996026" spans="14:14">
      <c r="N996026" s="10"/>
    </row>
    <row r="996027" spans="14:14">
      <c r="N996027" s="10"/>
    </row>
    <row r="996028" spans="14:14">
      <c r="N996028" s="10"/>
    </row>
    <row r="996029" spans="14:14">
      <c r="N996029" s="10"/>
    </row>
    <row r="996030" spans="14:14">
      <c r="N996030" s="10"/>
    </row>
    <row r="996031" spans="14:14">
      <c r="N996031" s="10"/>
    </row>
    <row r="996032" spans="14:14">
      <c r="N996032" s="10"/>
    </row>
    <row r="996033" spans="14:14">
      <c r="N996033" s="10"/>
    </row>
    <row r="996034" spans="14:14">
      <c r="N996034" s="10"/>
    </row>
    <row r="996035" spans="14:14">
      <c r="N996035" s="10"/>
    </row>
    <row r="996036" spans="14:14">
      <c r="N996036" s="10"/>
    </row>
    <row r="996037" spans="14:14">
      <c r="N996037" s="10"/>
    </row>
    <row r="996038" spans="14:14">
      <c r="N996038" s="10"/>
    </row>
    <row r="996039" spans="14:14">
      <c r="N996039" s="10"/>
    </row>
    <row r="996040" spans="14:14">
      <c r="N996040" s="10"/>
    </row>
    <row r="996041" spans="14:14">
      <c r="N996041" s="10"/>
    </row>
    <row r="996042" spans="14:14">
      <c r="N996042" s="10"/>
    </row>
    <row r="996043" spans="14:14">
      <c r="N996043" s="10"/>
    </row>
    <row r="996044" spans="14:14">
      <c r="N996044" s="10"/>
    </row>
    <row r="996045" spans="14:14">
      <c r="N996045" s="10"/>
    </row>
    <row r="996046" spans="14:14">
      <c r="N996046" s="10"/>
    </row>
    <row r="996047" spans="14:14">
      <c r="N996047" s="10"/>
    </row>
    <row r="996048" spans="14:14">
      <c r="N996048" s="10"/>
    </row>
    <row r="996049" spans="14:14">
      <c r="N996049" s="10"/>
    </row>
    <row r="996050" spans="14:14">
      <c r="N996050" s="10"/>
    </row>
    <row r="996051" spans="14:14">
      <c r="N996051" s="10"/>
    </row>
    <row r="996052" spans="14:14">
      <c r="N996052" s="10"/>
    </row>
    <row r="996053" spans="14:14">
      <c r="N996053" s="10"/>
    </row>
    <row r="996054" spans="14:14">
      <c r="N996054" s="10"/>
    </row>
    <row r="996055" spans="14:14">
      <c r="N996055" s="10"/>
    </row>
    <row r="996056" spans="14:14">
      <c r="N996056" s="10"/>
    </row>
    <row r="996057" spans="14:14">
      <c r="N996057" s="10"/>
    </row>
    <row r="996058" spans="14:14">
      <c r="N996058" s="10"/>
    </row>
    <row r="996059" spans="14:14">
      <c r="N996059" s="10"/>
    </row>
    <row r="996060" spans="14:14">
      <c r="N996060" s="10"/>
    </row>
    <row r="996061" spans="14:14">
      <c r="N996061" s="10"/>
    </row>
    <row r="996062" spans="14:14">
      <c r="N996062" s="10"/>
    </row>
    <row r="996063" spans="14:14">
      <c r="N996063" s="10"/>
    </row>
    <row r="996064" spans="14:14">
      <c r="N996064" s="10"/>
    </row>
    <row r="996065" spans="14:14">
      <c r="N996065" s="10"/>
    </row>
    <row r="996066" spans="14:14">
      <c r="N996066" s="10"/>
    </row>
    <row r="996067" spans="14:14">
      <c r="N996067" s="10"/>
    </row>
    <row r="996068" spans="14:14">
      <c r="N996068" s="10"/>
    </row>
    <row r="996069" spans="14:14">
      <c r="N996069" s="10"/>
    </row>
    <row r="996070" spans="14:14">
      <c r="N996070" s="10"/>
    </row>
    <row r="996071" spans="14:14">
      <c r="N996071" s="10"/>
    </row>
    <row r="996072" spans="14:14">
      <c r="N996072" s="10"/>
    </row>
    <row r="996073" spans="14:14">
      <c r="N996073" s="10"/>
    </row>
    <row r="996074" spans="14:14">
      <c r="N996074" s="10"/>
    </row>
    <row r="996075" spans="14:14">
      <c r="N996075" s="10"/>
    </row>
    <row r="996076" spans="14:14">
      <c r="N996076" s="10"/>
    </row>
    <row r="996077" spans="14:14">
      <c r="N996077" s="10"/>
    </row>
    <row r="996078" spans="14:14">
      <c r="N996078" s="10"/>
    </row>
    <row r="996079" spans="14:14">
      <c r="N996079" s="10"/>
    </row>
    <row r="996080" spans="14:14">
      <c r="N996080" s="10"/>
    </row>
    <row r="996081" spans="14:14">
      <c r="N996081" s="10"/>
    </row>
    <row r="996082" spans="14:14">
      <c r="N996082" s="10"/>
    </row>
    <row r="996083" spans="14:14">
      <c r="N996083" s="10"/>
    </row>
    <row r="996084" spans="14:14">
      <c r="N996084" s="10"/>
    </row>
    <row r="996085" spans="14:14">
      <c r="N996085" s="10"/>
    </row>
    <row r="996086" spans="14:14">
      <c r="N996086" s="10"/>
    </row>
    <row r="996087" spans="14:14">
      <c r="N996087" s="10"/>
    </row>
    <row r="996088" spans="14:14">
      <c r="N996088" s="10"/>
    </row>
    <row r="996089" spans="14:14">
      <c r="N996089" s="10"/>
    </row>
    <row r="996090" spans="14:14">
      <c r="N996090" s="10"/>
    </row>
    <row r="996091" spans="14:14">
      <c r="N996091" s="10"/>
    </row>
    <row r="996092" spans="14:14">
      <c r="N996092" s="10"/>
    </row>
    <row r="996093" spans="14:14">
      <c r="N996093" s="10"/>
    </row>
    <row r="996094" spans="14:14">
      <c r="N996094" s="10"/>
    </row>
    <row r="996095" spans="14:14">
      <c r="N996095" s="10"/>
    </row>
    <row r="996096" spans="14:14">
      <c r="N996096" s="10"/>
    </row>
    <row r="996097" spans="14:14">
      <c r="N996097" s="10"/>
    </row>
    <row r="996098" spans="14:14">
      <c r="N996098" s="10"/>
    </row>
    <row r="996099" spans="14:14">
      <c r="N996099" s="10"/>
    </row>
    <row r="996100" spans="14:14">
      <c r="N996100" s="10"/>
    </row>
    <row r="996101" spans="14:14">
      <c r="N996101" s="10"/>
    </row>
    <row r="996102" spans="14:14">
      <c r="N996102" s="10"/>
    </row>
    <row r="996103" spans="14:14">
      <c r="N996103" s="10"/>
    </row>
    <row r="996104" spans="14:14">
      <c r="N996104" s="10"/>
    </row>
    <row r="996105" spans="14:14">
      <c r="N996105" s="10"/>
    </row>
    <row r="996106" spans="14:14">
      <c r="N996106" s="10"/>
    </row>
    <row r="996107" spans="14:14">
      <c r="N996107" s="10"/>
    </row>
    <row r="996108" spans="14:14">
      <c r="N996108" s="10"/>
    </row>
    <row r="996109" spans="14:14">
      <c r="N996109" s="10"/>
    </row>
    <row r="996110" spans="14:14">
      <c r="N996110" s="10"/>
    </row>
    <row r="996111" spans="14:14">
      <c r="N996111" s="10"/>
    </row>
    <row r="996112" spans="14:14">
      <c r="N996112" s="10"/>
    </row>
    <row r="996113" spans="14:14">
      <c r="N996113" s="10"/>
    </row>
    <row r="996114" spans="14:14">
      <c r="N996114" s="10"/>
    </row>
    <row r="996115" spans="14:14">
      <c r="N996115" s="10"/>
    </row>
    <row r="996116" spans="14:14">
      <c r="N996116" s="10"/>
    </row>
    <row r="996117" spans="14:14">
      <c r="N996117" s="10"/>
    </row>
    <row r="996118" spans="14:14">
      <c r="N996118" s="10"/>
    </row>
    <row r="996119" spans="14:14">
      <c r="N996119" s="10"/>
    </row>
    <row r="996120" spans="14:14">
      <c r="N996120" s="10"/>
    </row>
    <row r="996121" spans="14:14">
      <c r="N996121" s="10"/>
    </row>
    <row r="996122" spans="14:14">
      <c r="N996122" s="10"/>
    </row>
    <row r="996123" spans="14:14">
      <c r="N996123" s="10"/>
    </row>
    <row r="996124" spans="14:14">
      <c r="N996124" s="10"/>
    </row>
    <row r="996125" spans="14:14">
      <c r="N996125" s="10"/>
    </row>
    <row r="996126" spans="14:14">
      <c r="N996126" s="10"/>
    </row>
    <row r="996127" spans="14:14">
      <c r="N996127" s="10"/>
    </row>
    <row r="996128" spans="14:14">
      <c r="N996128" s="10"/>
    </row>
    <row r="996129" spans="14:14">
      <c r="N996129" s="10"/>
    </row>
    <row r="996130" spans="14:14">
      <c r="N996130" s="10"/>
    </row>
    <row r="996131" spans="14:14">
      <c r="N996131" s="10"/>
    </row>
    <row r="996132" spans="14:14">
      <c r="N996132" s="10"/>
    </row>
    <row r="996133" spans="14:14">
      <c r="N996133" s="10"/>
    </row>
    <row r="996134" spans="14:14">
      <c r="N996134" s="10"/>
    </row>
    <row r="996135" spans="14:14">
      <c r="N996135" s="10"/>
    </row>
    <row r="996136" spans="14:14">
      <c r="N996136" s="10"/>
    </row>
    <row r="996137" spans="14:14">
      <c r="N996137" s="10"/>
    </row>
    <row r="996138" spans="14:14">
      <c r="N996138" s="10"/>
    </row>
    <row r="996139" spans="14:14">
      <c r="N996139" s="10"/>
    </row>
    <row r="996140" spans="14:14">
      <c r="N996140" s="10"/>
    </row>
    <row r="996141" spans="14:14">
      <c r="N996141" s="10"/>
    </row>
    <row r="996142" spans="14:14">
      <c r="N996142" s="10"/>
    </row>
    <row r="996143" spans="14:14">
      <c r="N996143" s="10"/>
    </row>
    <row r="996144" spans="14:14">
      <c r="N996144" s="10"/>
    </row>
    <row r="996145" spans="14:14">
      <c r="N996145" s="10"/>
    </row>
    <row r="996146" spans="14:14">
      <c r="N996146" s="10"/>
    </row>
    <row r="996147" spans="14:14">
      <c r="N996147" s="10"/>
    </row>
    <row r="996148" spans="14:14">
      <c r="N996148" s="10"/>
    </row>
    <row r="996149" spans="14:14">
      <c r="N996149" s="10"/>
    </row>
    <row r="996150" spans="14:14">
      <c r="N996150" s="10"/>
    </row>
    <row r="996151" spans="14:14">
      <c r="N996151" s="10"/>
    </row>
    <row r="996152" spans="14:14">
      <c r="N996152" s="10"/>
    </row>
    <row r="996153" spans="14:14">
      <c r="N996153" s="10"/>
    </row>
    <row r="996154" spans="14:14">
      <c r="N996154" s="10"/>
    </row>
    <row r="996155" spans="14:14">
      <c r="N996155" s="10"/>
    </row>
    <row r="996156" spans="14:14">
      <c r="N996156" s="10"/>
    </row>
    <row r="996157" spans="14:14">
      <c r="N996157" s="10"/>
    </row>
    <row r="996158" spans="14:14">
      <c r="N996158" s="10"/>
    </row>
    <row r="996159" spans="14:14">
      <c r="N996159" s="10"/>
    </row>
    <row r="996160" spans="14:14">
      <c r="N996160" s="10"/>
    </row>
    <row r="996161" spans="14:14">
      <c r="N996161" s="10"/>
    </row>
    <row r="996162" spans="14:14">
      <c r="N996162" s="10"/>
    </row>
    <row r="996163" spans="14:14">
      <c r="N996163" s="10"/>
    </row>
    <row r="996164" spans="14:14">
      <c r="N996164" s="10"/>
    </row>
    <row r="996165" spans="14:14">
      <c r="N996165" s="10"/>
    </row>
    <row r="996166" spans="14:14">
      <c r="N996166" s="10"/>
    </row>
    <row r="996167" spans="14:14">
      <c r="N996167" s="10"/>
    </row>
    <row r="996168" spans="14:14">
      <c r="N996168" s="10"/>
    </row>
    <row r="996169" spans="14:14">
      <c r="N996169" s="10"/>
    </row>
    <row r="996170" spans="14:14">
      <c r="N996170" s="10"/>
    </row>
    <row r="996171" spans="14:14">
      <c r="N996171" s="10"/>
    </row>
    <row r="996172" spans="14:14">
      <c r="N996172" s="10"/>
    </row>
    <row r="996173" spans="14:14">
      <c r="N996173" s="10"/>
    </row>
    <row r="996174" spans="14:14">
      <c r="N996174" s="10"/>
    </row>
    <row r="996175" spans="14:14">
      <c r="N996175" s="10"/>
    </row>
    <row r="996176" spans="14:14">
      <c r="N996176" s="10"/>
    </row>
    <row r="996177" spans="14:14">
      <c r="N996177" s="10"/>
    </row>
    <row r="996178" spans="14:14">
      <c r="N996178" s="10"/>
    </row>
    <row r="996179" spans="14:14">
      <c r="N996179" s="10"/>
    </row>
    <row r="996180" spans="14:14">
      <c r="N996180" s="10"/>
    </row>
    <row r="996181" spans="14:14">
      <c r="N996181" s="10"/>
    </row>
    <row r="996182" spans="14:14">
      <c r="N996182" s="10"/>
    </row>
    <row r="996183" spans="14:14">
      <c r="N996183" s="10"/>
    </row>
    <row r="996184" spans="14:14">
      <c r="N996184" s="10"/>
    </row>
    <row r="996185" spans="14:14">
      <c r="N996185" s="10"/>
    </row>
    <row r="996186" spans="14:14">
      <c r="N996186" s="10"/>
    </row>
    <row r="996187" spans="14:14">
      <c r="N996187" s="10"/>
    </row>
    <row r="996188" spans="14:14">
      <c r="N996188" s="10"/>
    </row>
    <row r="996189" spans="14:14">
      <c r="N996189" s="10"/>
    </row>
    <row r="996190" spans="14:14">
      <c r="N996190" s="10"/>
    </row>
    <row r="996191" spans="14:14">
      <c r="N996191" s="10"/>
    </row>
    <row r="996192" spans="14:14">
      <c r="N996192" s="10"/>
    </row>
    <row r="996193" spans="14:14">
      <c r="N996193" s="10"/>
    </row>
    <row r="996194" spans="14:14">
      <c r="N996194" s="10"/>
    </row>
    <row r="996195" spans="14:14">
      <c r="N996195" s="10"/>
    </row>
    <row r="996196" spans="14:14">
      <c r="N996196" s="10"/>
    </row>
    <row r="996197" spans="14:14">
      <c r="N996197" s="10"/>
    </row>
    <row r="996198" spans="14:14">
      <c r="N996198" s="10"/>
    </row>
    <row r="996199" spans="14:14">
      <c r="N996199" s="10"/>
    </row>
    <row r="996200" spans="14:14">
      <c r="N996200" s="10"/>
    </row>
    <row r="996201" spans="14:14">
      <c r="N996201" s="10"/>
    </row>
    <row r="996202" spans="14:14">
      <c r="N996202" s="10"/>
    </row>
    <row r="996203" spans="14:14">
      <c r="N996203" s="10"/>
    </row>
    <row r="996204" spans="14:14">
      <c r="N996204" s="10"/>
    </row>
    <row r="996205" spans="14:14">
      <c r="N996205" s="10"/>
    </row>
    <row r="996206" spans="14:14">
      <c r="N996206" s="10"/>
    </row>
    <row r="996207" spans="14:14">
      <c r="N996207" s="10"/>
    </row>
    <row r="996208" spans="14:14">
      <c r="N996208" s="10"/>
    </row>
    <row r="996209" spans="14:14">
      <c r="N996209" s="10"/>
    </row>
    <row r="996210" spans="14:14">
      <c r="N996210" s="10"/>
    </row>
    <row r="996211" spans="14:14">
      <c r="N996211" s="10"/>
    </row>
    <row r="996212" spans="14:14">
      <c r="N996212" s="10"/>
    </row>
    <row r="996213" spans="14:14">
      <c r="N996213" s="10"/>
    </row>
    <row r="996214" spans="14:14">
      <c r="N996214" s="10"/>
    </row>
    <row r="996215" spans="14:14">
      <c r="N996215" s="10"/>
    </row>
    <row r="996216" spans="14:14">
      <c r="N996216" s="10"/>
    </row>
    <row r="996217" spans="14:14">
      <c r="N996217" s="10"/>
    </row>
    <row r="996218" spans="14:14">
      <c r="N996218" s="10"/>
    </row>
    <row r="996219" spans="14:14">
      <c r="N996219" s="10"/>
    </row>
    <row r="996220" spans="14:14">
      <c r="N996220" s="10"/>
    </row>
    <row r="996221" spans="14:14">
      <c r="N996221" s="10"/>
    </row>
    <row r="996222" spans="14:14">
      <c r="N996222" s="10"/>
    </row>
    <row r="996223" spans="14:14">
      <c r="N996223" s="10"/>
    </row>
    <row r="996224" spans="14:14">
      <c r="N996224" s="10"/>
    </row>
    <row r="996225" spans="14:14">
      <c r="N996225" s="10"/>
    </row>
    <row r="996226" spans="14:14">
      <c r="N996226" s="10"/>
    </row>
    <row r="996227" spans="14:14">
      <c r="N996227" s="10"/>
    </row>
    <row r="996228" spans="14:14">
      <c r="N996228" s="10"/>
    </row>
    <row r="996229" spans="14:14">
      <c r="N996229" s="10"/>
    </row>
    <row r="996230" spans="14:14">
      <c r="N996230" s="10"/>
    </row>
    <row r="996231" spans="14:14">
      <c r="N996231" s="10"/>
    </row>
    <row r="996232" spans="14:14">
      <c r="N996232" s="10"/>
    </row>
    <row r="996233" spans="14:14">
      <c r="N996233" s="10"/>
    </row>
    <row r="996234" spans="14:14">
      <c r="N996234" s="10"/>
    </row>
    <row r="996235" spans="14:14">
      <c r="N996235" s="10"/>
    </row>
    <row r="996236" spans="14:14">
      <c r="N996236" s="10"/>
    </row>
    <row r="996237" spans="14:14">
      <c r="N996237" s="10"/>
    </row>
    <row r="996238" spans="14:14">
      <c r="N996238" s="10"/>
    </row>
    <row r="996239" spans="14:14">
      <c r="N996239" s="10"/>
    </row>
    <row r="996240" spans="14:14">
      <c r="N996240" s="10"/>
    </row>
    <row r="996241" spans="14:14">
      <c r="N996241" s="10"/>
    </row>
    <row r="996242" spans="14:14">
      <c r="N996242" s="10"/>
    </row>
    <row r="996243" spans="14:14">
      <c r="N996243" s="10"/>
    </row>
    <row r="996244" spans="14:14">
      <c r="N996244" s="10"/>
    </row>
    <row r="996245" spans="14:14">
      <c r="N996245" s="10"/>
    </row>
    <row r="996246" spans="14:14">
      <c r="N996246" s="10"/>
    </row>
    <row r="996247" spans="14:14">
      <c r="N996247" s="10"/>
    </row>
    <row r="996248" spans="14:14">
      <c r="N996248" s="10"/>
    </row>
    <row r="996249" spans="14:14">
      <c r="N996249" s="10"/>
    </row>
    <row r="996250" spans="14:14">
      <c r="N996250" s="10"/>
    </row>
    <row r="996251" spans="14:14">
      <c r="N996251" s="10"/>
    </row>
    <row r="996252" spans="14:14">
      <c r="N996252" s="10"/>
    </row>
    <row r="996253" spans="14:14">
      <c r="N996253" s="10"/>
    </row>
    <row r="996254" spans="14:14">
      <c r="N996254" s="10"/>
    </row>
    <row r="996255" spans="14:14">
      <c r="N996255" s="10"/>
    </row>
    <row r="996256" spans="14:14">
      <c r="N996256" s="10"/>
    </row>
    <row r="996257" spans="14:14">
      <c r="N996257" s="10"/>
    </row>
    <row r="996258" spans="14:14">
      <c r="N996258" s="10"/>
    </row>
    <row r="996259" spans="14:14">
      <c r="N996259" s="10"/>
    </row>
    <row r="996260" spans="14:14">
      <c r="N996260" s="10"/>
    </row>
    <row r="996261" spans="14:14">
      <c r="N996261" s="10"/>
    </row>
    <row r="996262" spans="14:14">
      <c r="N996262" s="10"/>
    </row>
    <row r="996263" spans="14:14">
      <c r="N996263" s="10"/>
    </row>
    <row r="996264" spans="14:14">
      <c r="N996264" s="10"/>
    </row>
    <row r="996265" spans="14:14">
      <c r="N996265" s="10"/>
    </row>
    <row r="996266" spans="14:14">
      <c r="N996266" s="10"/>
    </row>
    <row r="996267" spans="14:14">
      <c r="N996267" s="10"/>
    </row>
    <row r="996268" spans="14:14">
      <c r="N996268" s="10"/>
    </row>
    <row r="996269" spans="14:14">
      <c r="N996269" s="10"/>
    </row>
    <row r="996270" spans="14:14">
      <c r="N996270" s="10"/>
    </row>
    <row r="996271" spans="14:14">
      <c r="N996271" s="10"/>
    </row>
    <row r="996272" spans="14:14">
      <c r="N996272" s="10"/>
    </row>
    <row r="996273" spans="14:14">
      <c r="N996273" s="10"/>
    </row>
    <row r="996274" spans="14:14">
      <c r="N996274" s="10"/>
    </row>
    <row r="996275" spans="14:14">
      <c r="N996275" s="10"/>
    </row>
    <row r="996276" spans="14:14">
      <c r="N996276" s="10"/>
    </row>
    <row r="996277" spans="14:14">
      <c r="N996277" s="10"/>
    </row>
    <row r="996278" spans="14:14">
      <c r="N996278" s="10"/>
    </row>
    <row r="996279" spans="14:14">
      <c r="N996279" s="10"/>
    </row>
    <row r="996280" spans="14:14">
      <c r="N996280" s="10"/>
    </row>
    <row r="996281" spans="14:14">
      <c r="N996281" s="10"/>
    </row>
    <row r="996282" spans="14:14">
      <c r="N996282" s="10"/>
    </row>
    <row r="996283" spans="14:14">
      <c r="N996283" s="10"/>
    </row>
    <row r="996284" spans="14:14">
      <c r="N996284" s="10"/>
    </row>
    <row r="996285" spans="14:14">
      <c r="N996285" s="10"/>
    </row>
    <row r="996286" spans="14:14">
      <c r="N996286" s="10"/>
    </row>
    <row r="996287" spans="14:14">
      <c r="N996287" s="10"/>
    </row>
    <row r="996288" spans="14:14">
      <c r="N996288" s="10"/>
    </row>
    <row r="996289" spans="14:14">
      <c r="N996289" s="10"/>
    </row>
    <row r="996290" spans="14:14">
      <c r="N996290" s="10"/>
    </row>
    <row r="996291" spans="14:14">
      <c r="N996291" s="10"/>
    </row>
    <row r="996292" spans="14:14">
      <c r="N996292" s="10"/>
    </row>
    <row r="996293" spans="14:14">
      <c r="N996293" s="10"/>
    </row>
    <row r="996294" spans="14:14">
      <c r="N996294" s="10"/>
    </row>
    <row r="996295" spans="14:14">
      <c r="N996295" s="10"/>
    </row>
    <row r="996296" spans="14:14">
      <c r="N996296" s="10"/>
    </row>
    <row r="996297" spans="14:14">
      <c r="N996297" s="10"/>
    </row>
    <row r="996298" spans="14:14">
      <c r="N996298" s="10"/>
    </row>
    <row r="996299" spans="14:14">
      <c r="N996299" s="10"/>
    </row>
    <row r="996300" spans="14:14">
      <c r="N996300" s="10"/>
    </row>
    <row r="996301" spans="14:14">
      <c r="N996301" s="10"/>
    </row>
    <row r="996302" spans="14:14">
      <c r="N996302" s="10"/>
    </row>
    <row r="996303" spans="14:14">
      <c r="N996303" s="10"/>
    </row>
    <row r="996304" spans="14:14">
      <c r="N996304" s="10"/>
    </row>
    <row r="996305" spans="14:14">
      <c r="N996305" s="10"/>
    </row>
    <row r="996306" spans="14:14">
      <c r="N996306" s="10"/>
    </row>
    <row r="996307" spans="14:14">
      <c r="N996307" s="10"/>
    </row>
    <row r="996308" spans="14:14">
      <c r="N996308" s="10"/>
    </row>
    <row r="996309" spans="14:14">
      <c r="N996309" s="10"/>
    </row>
    <row r="996310" spans="14:14">
      <c r="N996310" s="10"/>
    </row>
    <row r="996311" spans="14:14">
      <c r="N996311" s="10"/>
    </row>
    <row r="996312" spans="14:14">
      <c r="N996312" s="10"/>
    </row>
    <row r="996313" spans="14:14">
      <c r="N996313" s="10"/>
    </row>
    <row r="996314" spans="14:14">
      <c r="N996314" s="10"/>
    </row>
    <row r="996315" spans="14:14">
      <c r="N996315" s="10"/>
    </row>
    <row r="996316" spans="14:14">
      <c r="N996316" s="10"/>
    </row>
    <row r="996317" spans="14:14">
      <c r="N996317" s="10"/>
    </row>
    <row r="996318" spans="14:14">
      <c r="N996318" s="10"/>
    </row>
    <row r="996319" spans="14:14">
      <c r="N996319" s="10"/>
    </row>
    <row r="996320" spans="14:14">
      <c r="N996320" s="10"/>
    </row>
    <row r="996321" spans="14:14">
      <c r="N996321" s="10"/>
    </row>
    <row r="996322" spans="14:14">
      <c r="N996322" s="10"/>
    </row>
    <row r="996323" spans="14:14">
      <c r="N996323" s="10"/>
    </row>
    <row r="996324" spans="14:14">
      <c r="N996324" s="10"/>
    </row>
    <row r="996325" spans="14:14">
      <c r="N996325" s="10"/>
    </row>
    <row r="996326" spans="14:14">
      <c r="N996326" s="10"/>
    </row>
    <row r="996327" spans="14:14">
      <c r="N996327" s="10"/>
    </row>
    <row r="996328" spans="14:14">
      <c r="N996328" s="10"/>
    </row>
    <row r="996329" spans="14:14">
      <c r="N996329" s="10"/>
    </row>
    <row r="996330" spans="14:14">
      <c r="N996330" s="10"/>
    </row>
    <row r="996331" spans="14:14">
      <c r="N996331" s="10"/>
    </row>
    <row r="996332" spans="14:14">
      <c r="N996332" s="10"/>
    </row>
    <row r="996333" spans="14:14">
      <c r="N996333" s="10"/>
    </row>
    <row r="996334" spans="14:14">
      <c r="N996334" s="10"/>
    </row>
    <row r="996335" spans="14:14">
      <c r="N996335" s="10"/>
    </row>
    <row r="996336" spans="14:14">
      <c r="N996336" s="10"/>
    </row>
    <row r="996337" spans="14:14">
      <c r="N996337" s="10"/>
    </row>
    <row r="996338" spans="14:14">
      <c r="N996338" s="10"/>
    </row>
    <row r="996339" spans="14:14">
      <c r="N996339" s="10"/>
    </row>
    <row r="996340" spans="14:14">
      <c r="N996340" s="10"/>
    </row>
    <row r="996341" spans="14:14">
      <c r="N996341" s="10"/>
    </row>
    <row r="996342" spans="14:14">
      <c r="N996342" s="10"/>
    </row>
    <row r="996343" spans="14:14">
      <c r="N996343" s="10"/>
    </row>
    <row r="996344" spans="14:14">
      <c r="N996344" s="10"/>
    </row>
    <row r="996345" spans="14:14">
      <c r="N996345" s="10"/>
    </row>
    <row r="996346" spans="14:14">
      <c r="N996346" s="10"/>
    </row>
    <row r="996347" spans="14:14">
      <c r="N996347" s="10"/>
    </row>
    <row r="996348" spans="14:14">
      <c r="N996348" s="10"/>
    </row>
    <row r="996349" spans="14:14">
      <c r="N996349" s="10"/>
    </row>
    <row r="996350" spans="14:14">
      <c r="N996350" s="10"/>
    </row>
    <row r="996351" spans="14:14">
      <c r="N996351" s="10"/>
    </row>
    <row r="996352" spans="14:14">
      <c r="N996352" s="10"/>
    </row>
    <row r="996353" spans="14:14">
      <c r="N996353" s="10"/>
    </row>
    <row r="996354" spans="14:14">
      <c r="N996354" s="10"/>
    </row>
    <row r="996355" spans="14:14">
      <c r="N996355" s="10"/>
    </row>
    <row r="996356" spans="14:14">
      <c r="N996356" s="10"/>
    </row>
    <row r="996357" spans="14:14">
      <c r="N996357" s="10"/>
    </row>
    <row r="996358" spans="14:14">
      <c r="N996358" s="10"/>
    </row>
    <row r="996359" spans="14:14">
      <c r="N996359" s="10"/>
    </row>
    <row r="996360" spans="14:14">
      <c r="N996360" s="10"/>
    </row>
    <row r="996361" spans="14:14">
      <c r="N996361" s="10"/>
    </row>
    <row r="996362" spans="14:14">
      <c r="N996362" s="10"/>
    </row>
    <row r="996363" spans="14:14">
      <c r="N996363" s="10"/>
    </row>
    <row r="996364" spans="14:14">
      <c r="N996364" s="10"/>
    </row>
    <row r="996365" spans="14:14">
      <c r="N996365" s="10"/>
    </row>
    <row r="996366" spans="14:14">
      <c r="N996366" s="10"/>
    </row>
    <row r="996367" spans="14:14">
      <c r="N996367" s="10"/>
    </row>
    <row r="996368" spans="14:14">
      <c r="N996368" s="10"/>
    </row>
    <row r="996369" spans="14:14">
      <c r="N996369" s="10"/>
    </row>
    <row r="996370" spans="14:14">
      <c r="N996370" s="10"/>
    </row>
    <row r="996371" spans="14:14">
      <c r="N996371" s="10"/>
    </row>
    <row r="996372" spans="14:14">
      <c r="N996372" s="10"/>
    </row>
    <row r="996373" spans="14:14">
      <c r="N996373" s="10"/>
    </row>
    <row r="996374" spans="14:14">
      <c r="N996374" s="10"/>
    </row>
    <row r="996375" spans="14:14">
      <c r="N996375" s="10"/>
    </row>
    <row r="996376" spans="14:14">
      <c r="N996376" s="10"/>
    </row>
    <row r="996377" spans="14:14">
      <c r="N996377" s="10"/>
    </row>
    <row r="996378" spans="14:14">
      <c r="N996378" s="10"/>
    </row>
    <row r="996379" spans="14:14">
      <c r="N996379" s="10"/>
    </row>
    <row r="996380" spans="14:14">
      <c r="N996380" s="10"/>
    </row>
    <row r="996381" spans="14:14">
      <c r="N996381" s="10"/>
    </row>
    <row r="996382" spans="14:14">
      <c r="N996382" s="10"/>
    </row>
    <row r="996383" spans="14:14">
      <c r="N996383" s="10"/>
    </row>
    <row r="996384" spans="14:14">
      <c r="N996384" s="10"/>
    </row>
    <row r="996385" spans="14:14">
      <c r="N996385" s="10"/>
    </row>
    <row r="996386" spans="14:14">
      <c r="N996386" s="10"/>
    </row>
    <row r="996387" spans="14:14">
      <c r="N996387" s="10"/>
    </row>
    <row r="996388" spans="14:14">
      <c r="N996388" s="10"/>
    </row>
    <row r="996389" spans="14:14">
      <c r="N996389" s="10"/>
    </row>
    <row r="996390" spans="14:14">
      <c r="N996390" s="10"/>
    </row>
    <row r="996391" spans="14:14">
      <c r="N996391" s="10"/>
    </row>
    <row r="996392" spans="14:14">
      <c r="N996392" s="10"/>
    </row>
    <row r="996393" spans="14:14">
      <c r="N996393" s="10"/>
    </row>
    <row r="996394" spans="14:14">
      <c r="N996394" s="10"/>
    </row>
    <row r="996395" spans="14:14">
      <c r="N996395" s="10"/>
    </row>
    <row r="996396" spans="14:14">
      <c r="N996396" s="10"/>
    </row>
    <row r="996397" spans="14:14">
      <c r="N996397" s="10"/>
    </row>
    <row r="996398" spans="14:14">
      <c r="N996398" s="10"/>
    </row>
    <row r="996399" spans="14:14">
      <c r="N996399" s="10"/>
    </row>
    <row r="996400" spans="14:14">
      <c r="N996400" s="10"/>
    </row>
    <row r="996401" spans="14:14">
      <c r="N996401" s="10"/>
    </row>
    <row r="996402" spans="14:14">
      <c r="N996402" s="10"/>
    </row>
    <row r="996403" spans="14:14">
      <c r="N996403" s="10"/>
    </row>
    <row r="996404" spans="14:14">
      <c r="N996404" s="10"/>
    </row>
    <row r="996405" spans="14:14">
      <c r="N996405" s="10"/>
    </row>
    <row r="996406" spans="14:14">
      <c r="N996406" s="10"/>
    </row>
    <row r="996407" spans="14:14">
      <c r="N996407" s="10"/>
    </row>
    <row r="996408" spans="14:14">
      <c r="N996408" s="10"/>
    </row>
    <row r="996409" spans="14:14">
      <c r="N996409" s="10"/>
    </row>
    <row r="996410" spans="14:14">
      <c r="N996410" s="10"/>
    </row>
    <row r="996411" spans="14:14">
      <c r="N996411" s="10"/>
    </row>
    <row r="996412" spans="14:14">
      <c r="N996412" s="10"/>
    </row>
    <row r="996413" spans="14:14">
      <c r="N996413" s="10"/>
    </row>
    <row r="996414" spans="14:14">
      <c r="N996414" s="10"/>
    </row>
    <row r="996415" spans="14:14">
      <c r="N996415" s="10"/>
    </row>
    <row r="996416" spans="14:14">
      <c r="N996416" s="10"/>
    </row>
    <row r="996417" spans="14:14">
      <c r="N996417" s="10"/>
    </row>
    <row r="996418" spans="14:14">
      <c r="N996418" s="10"/>
    </row>
    <row r="996419" spans="14:14">
      <c r="N996419" s="10"/>
    </row>
    <row r="996420" spans="14:14">
      <c r="N996420" s="10"/>
    </row>
    <row r="996421" spans="14:14">
      <c r="N996421" s="10"/>
    </row>
    <row r="996422" spans="14:14">
      <c r="N996422" s="10"/>
    </row>
    <row r="996423" spans="14:14">
      <c r="N996423" s="10"/>
    </row>
    <row r="996424" spans="14:14">
      <c r="N996424" s="10"/>
    </row>
    <row r="996425" spans="14:14">
      <c r="N996425" s="10"/>
    </row>
    <row r="996426" spans="14:14">
      <c r="N996426" s="10"/>
    </row>
    <row r="996427" spans="14:14">
      <c r="N996427" s="10"/>
    </row>
    <row r="996428" spans="14:14">
      <c r="N996428" s="10"/>
    </row>
    <row r="996429" spans="14:14">
      <c r="N996429" s="10"/>
    </row>
    <row r="996430" spans="14:14">
      <c r="N996430" s="10"/>
    </row>
    <row r="996431" spans="14:14">
      <c r="N996431" s="10"/>
    </row>
    <row r="996432" spans="14:14">
      <c r="N996432" s="10"/>
    </row>
    <row r="996433" spans="14:14">
      <c r="N996433" s="10"/>
    </row>
    <row r="996434" spans="14:14">
      <c r="N996434" s="10"/>
    </row>
    <row r="996435" spans="14:14">
      <c r="N996435" s="10"/>
    </row>
    <row r="996436" spans="14:14">
      <c r="N996436" s="10"/>
    </row>
    <row r="996437" spans="14:14">
      <c r="N996437" s="10"/>
    </row>
    <row r="996438" spans="14:14">
      <c r="N996438" s="10"/>
    </row>
    <row r="996439" spans="14:14">
      <c r="N996439" s="10"/>
    </row>
    <row r="996440" spans="14:14">
      <c r="N996440" s="10"/>
    </row>
    <row r="996441" spans="14:14">
      <c r="N996441" s="10"/>
    </row>
    <row r="996442" spans="14:14">
      <c r="N996442" s="10"/>
    </row>
    <row r="996443" spans="14:14">
      <c r="N996443" s="10"/>
    </row>
    <row r="996444" spans="14:14">
      <c r="N996444" s="10"/>
    </row>
    <row r="996445" spans="14:14">
      <c r="N996445" s="10"/>
    </row>
    <row r="996446" spans="14:14">
      <c r="N996446" s="10"/>
    </row>
    <row r="996447" spans="14:14">
      <c r="N996447" s="10"/>
    </row>
    <row r="996448" spans="14:14">
      <c r="N996448" s="10"/>
    </row>
    <row r="996449" spans="14:14">
      <c r="N996449" s="10"/>
    </row>
    <row r="996450" spans="14:14">
      <c r="N996450" s="10"/>
    </row>
    <row r="996451" spans="14:14">
      <c r="N996451" s="10"/>
    </row>
    <row r="996452" spans="14:14">
      <c r="N996452" s="10"/>
    </row>
    <row r="996453" spans="14:14">
      <c r="N996453" s="10"/>
    </row>
    <row r="996454" spans="14:14">
      <c r="N996454" s="10"/>
    </row>
    <row r="996455" spans="14:14">
      <c r="N996455" s="10"/>
    </row>
    <row r="996456" spans="14:14">
      <c r="N996456" s="10"/>
    </row>
    <row r="996457" spans="14:14">
      <c r="N996457" s="10"/>
    </row>
    <row r="996458" spans="14:14">
      <c r="N996458" s="10"/>
    </row>
    <row r="996459" spans="14:14">
      <c r="N996459" s="10"/>
    </row>
    <row r="996460" spans="14:14">
      <c r="N996460" s="10"/>
    </row>
    <row r="996461" spans="14:14">
      <c r="N996461" s="10"/>
    </row>
    <row r="996462" spans="14:14">
      <c r="N996462" s="10"/>
    </row>
    <row r="996463" spans="14:14">
      <c r="N996463" s="10"/>
    </row>
    <row r="996464" spans="14:14">
      <c r="N996464" s="10"/>
    </row>
    <row r="996465" spans="14:14">
      <c r="N996465" s="10"/>
    </row>
    <row r="996466" spans="14:14">
      <c r="N996466" s="10"/>
    </row>
    <row r="996467" spans="14:14">
      <c r="N996467" s="10"/>
    </row>
    <row r="996468" spans="14:14">
      <c r="N996468" s="10"/>
    </row>
    <row r="996469" spans="14:14">
      <c r="N996469" s="10"/>
    </row>
    <row r="996470" spans="14:14">
      <c r="N996470" s="10"/>
    </row>
    <row r="996471" spans="14:14">
      <c r="N996471" s="10"/>
    </row>
    <row r="996472" spans="14:14">
      <c r="N996472" s="10"/>
    </row>
    <row r="996473" spans="14:14">
      <c r="N996473" s="10"/>
    </row>
    <row r="996474" spans="14:14">
      <c r="N996474" s="10"/>
    </row>
    <row r="996475" spans="14:14">
      <c r="N996475" s="10"/>
    </row>
    <row r="996476" spans="14:14">
      <c r="N996476" s="10"/>
    </row>
    <row r="996477" spans="14:14">
      <c r="N996477" s="10"/>
    </row>
    <row r="996478" spans="14:14">
      <c r="N996478" s="10"/>
    </row>
    <row r="996479" spans="14:14">
      <c r="N996479" s="10"/>
    </row>
    <row r="996480" spans="14:14">
      <c r="N996480" s="10"/>
    </row>
    <row r="996481" spans="14:14">
      <c r="N996481" s="10"/>
    </row>
    <row r="996482" spans="14:14">
      <c r="N996482" s="10"/>
    </row>
    <row r="996483" spans="14:14">
      <c r="N996483" s="10"/>
    </row>
    <row r="996484" spans="14:14">
      <c r="N996484" s="10"/>
    </row>
    <row r="996485" spans="14:14">
      <c r="N996485" s="10"/>
    </row>
    <row r="996486" spans="14:14">
      <c r="N996486" s="10"/>
    </row>
    <row r="996487" spans="14:14">
      <c r="N996487" s="10"/>
    </row>
    <row r="996488" spans="14:14">
      <c r="N996488" s="10"/>
    </row>
    <row r="996489" spans="14:14">
      <c r="N996489" s="10"/>
    </row>
    <row r="996490" spans="14:14">
      <c r="N996490" s="10"/>
    </row>
    <row r="996491" spans="14:14">
      <c r="N996491" s="10"/>
    </row>
    <row r="996492" spans="14:14">
      <c r="N996492" s="10"/>
    </row>
    <row r="996493" spans="14:14">
      <c r="N996493" s="10"/>
    </row>
    <row r="996494" spans="14:14">
      <c r="N996494" s="10"/>
    </row>
    <row r="996495" spans="14:14">
      <c r="N996495" s="10"/>
    </row>
    <row r="996496" spans="14:14">
      <c r="N996496" s="10"/>
    </row>
    <row r="996497" spans="14:14">
      <c r="N996497" s="10"/>
    </row>
    <row r="996498" spans="14:14">
      <c r="N996498" s="10"/>
    </row>
    <row r="996499" spans="14:14">
      <c r="N996499" s="10"/>
    </row>
    <row r="996500" spans="14:14">
      <c r="N996500" s="10"/>
    </row>
    <row r="996501" spans="14:14">
      <c r="N996501" s="10"/>
    </row>
    <row r="996502" spans="14:14">
      <c r="N996502" s="10"/>
    </row>
    <row r="996503" spans="14:14">
      <c r="N996503" s="10"/>
    </row>
    <row r="996504" spans="14:14">
      <c r="N996504" s="10"/>
    </row>
    <row r="996505" spans="14:14">
      <c r="N996505" s="10"/>
    </row>
    <row r="996506" spans="14:14">
      <c r="N996506" s="10"/>
    </row>
    <row r="996507" spans="14:14">
      <c r="N996507" s="10"/>
    </row>
    <row r="996508" spans="14:14">
      <c r="N996508" s="10"/>
    </row>
    <row r="996509" spans="14:14">
      <c r="N996509" s="10"/>
    </row>
    <row r="996510" spans="14:14">
      <c r="N996510" s="10"/>
    </row>
    <row r="996511" spans="14:14">
      <c r="N996511" s="10"/>
    </row>
    <row r="996512" spans="14:14">
      <c r="N996512" s="10"/>
    </row>
    <row r="996513" spans="14:14">
      <c r="N996513" s="10"/>
    </row>
    <row r="996514" spans="14:14">
      <c r="N996514" s="10"/>
    </row>
    <row r="996515" spans="14:14">
      <c r="N996515" s="10"/>
    </row>
    <row r="996516" spans="14:14">
      <c r="N996516" s="10"/>
    </row>
    <row r="996517" spans="14:14">
      <c r="N996517" s="10"/>
    </row>
    <row r="996518" spans="14:14">
      <c r="N996518" s="10"/>
    </row>
    <row r="996519" spans="14:14">
      <c r="N996519" s="10"/>
    </row>
    <row r="996520" spans="14:14">
      <c r="N996520" s="10"/>
    </row>
    <row r="996521" spans="14:14">
      <c r="N996521" s="10"/>
    </row>
    <row r="996522" spans="14:14">
      <c r="N996522" s="10"/>
    </row>
    <row r="996523" spans="14:14">
      <c r="N996523" s="10"/>
    </row>
    <row r="996524" spans="14:14">
      <c r="N996524" s="10"/>
    </row>
    <row r="996525" spans="14:14">
      <c r="N996525" s="10"/>
    </row>
    <row r="996526" spans="14:14">
      <c r="N996526" s="10"/>
    </row>
    <row r="996527" spans="14:14">
      <c r="N996527" s="10"/>
    </row>
    <row r="996528" spans="14:14">
      <c r="N996528" s="10"/>
    </row>
    <row r="996529" spans="14:14">
      <c r="N996529" s="10"/>
    </row>
    <row r="996530" spans="14:14">
      <c r="N996530" s="10"/>
    </row>
    <row r="996531" spans="14:14">
      <c r="N996531" s="10"/>
    </row>
    <row r="996532" spans="14:14">
      <c r="N996532" s="10"/>
    </row>
    <row r="996533" spans="14:14">
      <c r="N996533" s="10"/>
    </row>
    <row r="996534" spans="14:14">
      <c r="N996534" s="10"/>
    </row>
    <row r="996535" spans="14:14">
      <c r="N996535" s="10"/>
    </row>
    <row r="996536" spans="14:14">
      <c r="N996536" s="10"/>
    </row>
    <row r="996537" spans="14:14">
      <c r="N996537" s="10"/>
    </row>
    <row r="996538" spans="14:14">
      <c r="N996538" s="10"/>
    </row>
    <row r="996539" spans="14:14">
      <c r="N996539" s="10"/>
    </row>
    <row r="996540" spans="14:14">
      <c r="N996540" s="10"/>
    </row>
    <row r="996541" spans="14:14">
      <c r="N996541" s="10"/>
    </row>
    <row r="996542" spans="14:14">
      <c r="N996542" s="10"/>
    </row>
    <row r="996543" spans="14:14">
      <c r="N996543" s="10"/>
    </row>
    <row r="996544" spans="14:14">
      <c r="N996544" s="10"/>
    </row>
    <row r="996545" spans="14:14">
      <c r="N996545" s="10"/>
    </row>
    <row r="996546" spans="14:14">
      <c r="N996546" s="10"/>
    </row>
    <row r="996547" spans="14:14">
      <c r="N996547" s="10"/>
    </row>
    <row r="996548" spans="14:14">
      <c r="N996548" s="10"/>
    </row>
    <row r="996549" spans="14:14">
      <c r="N996549" s="10"/>
    </row>
    <row r="996550" spans="14:14">
      <c r="N996550" s="10"/>
    </row>
    <row r="996551" spans="14:14">
      <c r="N996551" s="10"/>
    </row>
    <row r="996552" spans="14:14">
      <c r="N996552" s="10"/>
    </row>
    <row r="996553" spans="14:14">
      <c r="N996553" s="10"/>
    </row>
    <row r="996554" spans="14:14">
      <c r="N996554" s="10"/>
    </row>
    <row r="996555" spans="14:14">
      <c r="N996555" s="10"/>
    </row>
    <row r="996556" spans="14:14">
      <c r="N996556" s="10"/>
    </row>
    <row r="996557" spans="14:14">
      <c r="N996557" s="10"/>
    </row>
    <row r="996558" spans="14:14">
      <c r="N996558" s="10"/>
    </row>
    <row r="996559" spans="14:14">
      <c r="N996559" s="10"/>
    </row>
    <row r="996560" spans="14:14">
      <c r="N996560" s="10"/>
    </row>
    <row r="996561" spans="14:14">
      <c r="N996561" s="10"/>
    </row>
    <row r="996562" spans="14:14">
      <c r="N996562" s="10"/>
    </row>
    <row r="996563" spans="14:14">
      <c r="N996563" s="10"/>
    </row>
    <row r="996564" spans="14:14">
      <c r="N996564" s="10"/>
    </row>
    <row r="996565" spans="14:14">
      <c r="N996565" s="10"/>
    </row>
    <row r="996566" spans="14:14">
      <c r="N996566" s="10"/>
    </row>
    <row r="996567" spans="14:14">
      <c r="N996567" s="10"/>
    </row>
    <row r="996568" spans="14:14">
      <c r="N996568" s="10"/>
    </row>
    <row r="996569" spans="14:14">
      <c r="N996569" s="10"/>
    </row>
    <row r="996570" spans="14:14">
      <c r="N996570" s="10"/>
    </row>
    <row r="996571" spans="14:14">
      <c r="N996571" s="10"/>
    </row>
    <row r="996572" spans="14:14">
      <c r="N996572" s="10"/>
    </row>
    <row r="996573" spans="14:14">
      <c r="N996573" s="10"/>
    </row>
    <row r="996574" spans="14:14">
      <c r="N996574" s="10"/>
    </row>
    <row r="996575" spans="14:14">
      <c r="N996575" s="10"/>
    </row>
    <row r="996576" spans="14:14">
      <c r="N996576" s="10"/>
    </row>
    <row r="996577" spans="14:14">
      <c r="N996577" s="10"/>
    </row>
    <row r="996578" spans="14:14">
      <c r="N996578" s="10"/>
    </row>
    <row r="996579" spans="14:14">
      <c r="N996579" s="10"/>
    </row>
    <row r="996580" spans="14:14">
      <c r="N996580" s="10"/>
    </row>
    <row r="996581" spans="14:14">
      <c r="N996581" s="10"/>
    </row>
    <row r="996582" spans="14:14">
      <c r="N996582" s="10"/>
    </row>
    <row r="996583" spans="14:14">
      <c r="N996583" s="10"/>
    </row>
    <row r="996584" spans="14:14">
      <c r="N996584" s="10"/>
    </row>
    <row r="996585" spans="14:14">
      <c r="N996585" s="10"/>
    </row>
    <row r="996586" spans="14:14">
      <c r="N996586" s="10"/>
    </row>
    <row r="996587" spans="14:14">
      <c r="N996587" s="10"/>
    </row>
    <row r="996588" spans="14:14">
      <c r="N996588" s="10"/>
    </row>
    <row r="996589" spans="14:14">
      <c r="N996589" s="10"/>
    </row>
    <row r="996590" spans="14:14">
      <c r="N996590" s="10"/>
    </row>
    <row r="996591" spans="14:14">
      <c r="N996591" s="10"/>
    </row>
    <row r="996592" spans="14:14">
      <c r="N996592" s="10"/>
    </row>
    <row r="996593" spans="14:14">
      <c r="N996593" s="10"/>
    </row>
    <row r="996594" spans="14:14">
      <c r="N996594" s="10"/>
    </row>
    <row r="996595" spans="14:14">
      <c r="N996595" s="10"/>
    </row>
    <row r="996596" spans="14:14">
      <c r="N996596" s="10"/>
    </row>
    <row r="996597" spans="14:14">
      <c r="N996597" s="10"/>
    </row>
    <row r="996598" spans="14:14">
      <c r="N996598" s="10"/>
    </row>
    <row r="996599" spans="14:14">
      <c r="N996599" s="10"/>
    </row>
    <row r="996600" spans="14:14">
      <c r="N996600" s="10"/>
    </row>
    <row r="996601" spans="14:14">
      <c r="N996601" s="10"/>
    </row>
    <row r="996602" spans="14:14">
      <c r="N996602" s="10"/>
    </row>
    <row r="996603" spans="14:14">
      <c r="N996603" s="10"/>
    </row>
    <row r="996604" spans="14:14">
      <c r="N996604" s="10"/>
    </row>
    <row r="996605" spans="14:14">
      <c r="N996605" s="10"/>
    </row>
    <row r="996606" spans="14:14">
      <c r="N996606" s="10"/>
    </row>
    <row r="996607" spans="14:14">
      <c r="N996607" s="10"/>
    </row>
    <row r="996608" spans="14:14">
      <c r="N996608" s="10"/>
    </row>
    <row r="996609" spans="14:14">
      <c r="N996609" s="10"/>
    </row>
    <row r="996610" spans="14:14">
      <c r="N996610" s="10"/>
    </row>
    <row r="996611" spans="14:14">
      <c r="N996611" s="10"/>
    </row>
    <row r="996612" spans="14:14">
      <c r="N996612" s="10"/>
    </row>
    <row r="996613" spans="14:14">
      <c r="N996613" s="10"/>
    </row>
    <row r="996614" spans="14:14">
      <c r="N996614" s="10"/>
    </row>
    <row r="996615" spans="14:14">
      <c r="N996615" s="10"/>
    </row>
    <row r="996616" spans="14:14">
      <c r="N996616" s="10"/>
    </row>
    <row r="996617" spans="14:14">
      <c r="N996617" s="10"/>
    </row>
    <row r="996618" spans="14:14">
      <c r="N996618" s="10"/>
    </row>
    <row r="996619" spans="14:14">
      <c r="N996619" s="10"/>
    </row>
    <row r="996620" spans="14:14">
      <c r="N996620" s="10"/>
    </row>
    <row r="996621" spans="14:14">
      <c r="N996621" s="10"/>
    </row>
    <row r="996622" spans="14:14">
      <c r="N996622" s="10"/>
    </row>
    <row r="996623" spans="14:14">
      <c r="N996623" s="10"/>
    </row>
    <row r="996624" spans="14:14">
      <c r="N996624" s="10"/>
    </row>
    <row r="996625" spans="14:14">
      <c r="N996625" s="10"/>
    </row>
    <row r="996626" spans="14:14">
      <c r="N996626" s="10"/>
    </row>
    <row r="996627" spans="14:14">
      <c r="N996627" s="10"/>
    </row>
    <row r="996628" spans="14:14">
      <c r="N996628" s="10"/>
    </row>
    <row r="996629" spans="14:14">
      <c r="N996629" s="10"/>
    </row>
    <row r="996630" spans="14:14">
      <c r="N996630" s="10"/>
    </row>
    <row r="996631" spans="14:14">
      <c r="N996631" s="10"/>
    </row>
    <row r="996632" spans="14:14">
      <c r="N996632" s="10"/>
    </row>
    <row r="996633" spans="14:14">
      <c r="N996633" s="10"/>
    </row>
    <row r="996634" spans="14:14">
      <c r="N996634" s="10"/>
    </row>
    <row r="996635" spans="14:14">
      <c r="N996635" s="10"/>
    </row>
    <row r="996636" spans="14:14">
      <c r="N996636" s="10"/>
    </row>
    <row r="996637" spans="14:14">
      <c r="N996637" s="10"/>
    </row>
    <row r="996638" spans="14:14">
      <c r="N996638" s="10"/>
    </row>
    <row r="996639" spans="14:14">
      <c r="N996639" s="10"/>
    </row>
    <row r="996640" spans="14:14">
      <c r="N996640" s="10"/>
    </row>
    <row r="996641" spans="14:14">
      <c r="N996641" s="10"/>
    </row>
    <row r="996642" spans="14:14">
      <c r="N996642" s="10"/>
    </row>
    <row r="996643" spans="14:14">
      <c r="N996643" s="10"/>
    </row>
    <row r="996644" spans="14:14">
      <c r="N996644" s="10"/>
    </row>
    <row r="996645" spans="14:14">
      <c r="N996645" s="10"/>
    </row>
    <row r="996646" spans="14:14">
      <c r="N996646" s="10"/>
    </row>
    <row r="996647" spans="14:14">
      <c r="N996647" s="10"/>
    </row>
    <row r="996648" spans="14:14">
      <c r="N996648" s="10"/>
    </row>
    <row r="996649" spans="14:14">
      <c r="N996649" s="10"/>
    </row>
    <row r="996650" spans="14:14">
      <c r="N996650" s="10"/>
    </row>
    <row r="996651" spans="14:14">
      <c r="N996651" s="10"/>
    </row>
    <row r="996652" spans="14:14">
      <c r="N996652" s="10"/>
    </row>
    <row r="996653" spans="14:14">
      <c r="N996653" s="10"/>
    </row>
    <row r="996654" spans="14:14">
      <c r="N996654" s="10"/>
    </row>
    <row r="996655" spans="14:14">
      <c r="N996655" s="10"/>
    </row>
    <row r="996656" spans="14:14">
      <c r="N996656" s="10"/>
    </row>
    <row r="996657" spans="14:14">
      <c r="N996657" s="10"/>
    </row>
    <row r="996658" spans="14:14">
      <c r="N996658" s="10"/>
    </row>
    <row r="996659" spans="14:14">
      <c r="N996659" s="10"/>
    </row>
    <row r="996660" spans="14:14">
      <c r="N996660" s="10"/>
    </row>
    <row r="996661" spans="14:14">
      <c r="N996661" s="10"/>
    </row>
    <row r="996662" spans="14:14">
      <c r="N996662" s="10"/>
    </row>
    <row r="996663" spans="14:14">
      <c r="N996663" s="10"/>
    </row>
    <row r="996664" spans="14:14">
      <c r="N996664" s="10"/>
    </row>
    <row r="996665" spans="14:14">
      <c r="N996665" s="10"/>
    </row>
    <row r="996666" spans="14:14">
      <c r="N996666" s="10"/>
    </row>
    <row r="996667" spans="14:14">
      <c r="N996667" s="10"/>
    </row>
    <row r="996668" spans="14:14">
      <c r="N996668" s="10"/>
    </row>
    <row r="996669" spans="14:14">
      <c r="N996669" s="10"/>
    </row>
    <row r="996670" spans="14:14">
      <c r="N996670" s="10"/>
    </row>
    <row r="996671" spans="14:14">
      <c r="N996671" s="10"/>
    </row>
    <row r="996672" spans="14:14">
      <c r="N996672" s="10"/>
    </row>
    <row r="996673" spans="14:14">
      <c r="N996673" s="10"/>
    </row>
    <row r="996674" spans="14:14">
      <c r="N996674" s="10"/>
    </row>
    <row r="996675" spans="14:14">
      <c r="N996675" s="10"/>
    </row>
    <row r="996676" spans="14:14">
      <c r="N996676" s="10"/>
    </row>
    <row r="996677" spans="14:14">
      <c r="N996677" s="10"/>
    </row>
    <row r="996678" spans="14:14">
      <c r="N996678" s="10"/>
    </row>
    <row r="996679" spans="14:14">
      <c r="N996679" s="10"/>
    </row>
    <row r="996680" spans="14:14">
      <c r="N996680" s="10"/>
    </row>
    <row r="996681" spans="14:14">
      <c r="N996681" s="10"/>
    </row>
    <row r="996682" spans="14:14">
      <c r="N996682" s="10"/>
    </row>
    <row r="996683" spans="14:14">
      <c r="N996683" s="10"/>
    </row>
    <row r="996684" spans="14:14">
      <c r="N996684" s="10"/>
    </row>
    <row r="996685" spans="14:14">
      <c r="N996685" s="10"/>
    </row>
    <row r="996686" spans="14:14">
      <c r="N996686" s="10"/>
    </row>
    <row r="996687" spans="14:14">
      <c r="N996687" s="10"/>
    </row>
    <row r="996688" spans="14:14">
      <c r="N996688" s="10"/>
    </row>
    <row r="996689" spans="14:14">
      <c r="N996689" s="10"/>
    </row>
    <row r="996690" spans="14:14">
      <c r="N996690" s="10"/>
    </row>
    <row r="996691" spans="14:14">
      <c r="N996691" s="10"/>
    </row>
    <row r="996692" spans="14:14">
      <c r="N996692" s="10"/>
    </row>
    <row r="996693" spans="14:14">
      <c r="N996693" s="10"/>
    </row>
    <row r="996694" spans="14:14">
      <c r="N996694" s="10"/>
    </row>
    <row r="996695" spans="14:14">
      <c r="N996695" s="10"/>
    </row>
    <row r="996696" spans="14:14">
      <c r="N996696" s="10"/>
    </row>
    <row r="996697" spans="14:14">
      <c r="N996697" s="10"/>
    </row>
    <row r="996698" spans="14:14">
      <c r="N996698" s="10"/>
    </row>
    <row r="996699" spans="14:14">
      <c r="N996699" s="10"/>
    </row>
    <row r="996700" spans="14:14">
      <c r="N996700" s="10"/>
    </row>
    <row r="996701" spans="14:14">
      <c r="N996701" s="10"/>
    </row>
    <row r="996702" spans="14:14">
      <c r="N996702" s="10"/>
    </row>
    <row r="996703" spans="14:14">
      <c r="N996703" s="10"/>
    </row>
    <row r="996704" spans="14:14">
      <c r="N996704" s="10"/>
    </row>
    <row r="996705" spans="14:14">
      <c r="N996705" s="10"/>
    </row>
    <row r="996706" spans="14:14">
      <c r="N996706" s="10"/>
    </row>
    <row r="996707" spans="14:14">
      <c r="N996707" s="10"/>
    </row>
    <row r="996708" spans="14:14">
      <c r="N996708" s="10"/>
    </row>
    <row r="996709" spans="14:14">
      <c r="N996709" s="10"/>
    </row>
    <row r="996710" spans="14:14">
      <c r="N996710" s="10"/>
    </row>
    <row r="996711" spans="14:14">
      <c r="N996711" s="10"/>
    </row>
    <row r="996712" spans="14:14">
      <c r="N996712" s="10"/>
    </row>
    <row r="996713" spans="14:14">
      <c r="N996713" s="10"/>
    </row>
    <row r="996714" spans="14:14">
      <c r="N996714" s="10"/>
    </row>
    <row r="996715" spans="14:14">
      <c r="N996715" s="10"/>
    </row>
    <row r="996716" spans="14:14">
      <c r="N996716" s="10"/>
    </row>
    <row r="996717" spans="14:14">
      <c r="N996717" s="10"/>
    </row>
    <row r="996718" spans="14:14">
      <c r="N996718" s="10"/>
    </row>
    <row r="996719" spans="14:14">
      <c r="N996719" s="10"/>
    </row>
    <row r="996720" spans="14:14">
      <c r="N996720" s="10"/>
    </row>
    <row r="996721" spans="14:14">
      <c r="N996721" s="10"/>
    </row>
    <row r="996722" spans="14:14">
      <c r="N996722" s="10"/>
    </row>
    <row r="996723" spans="14:14">
      <c r="N996723" s="10"/>
    </row>
    <row r="996724" spans="14:14">
      <c r="N996724" s="10"/>
    </row>
    <row r="996725" spans="14:14">
      <c r="N996725" s="10"/>
    </row>
    <row r="996726" spans="14:14">
      <c r="N996726" s="10"/>
    </row>
    <row r="996727" spans="14:14">
      <c r="N996727" s="10"/>
    </row>
    <row r="996728" spans="14:14">
      <c r="N996728" s="10"/>
    </row>
    <row r="996729" spans="14:14">
      <c r="N996729" s="10"/>
    </row>
    <row r="996730" spans="14:14">
      <c r="N996730" s="10"/>
    </row>
    <row r="996731" spans="14:14">
      <c r="N996731" s="10"/>
    </row>
    <row r="996732" spans="14:14">
      <c r="N996732" s="10"/>
    </row>
    <row r="996733" spans="14:14">
      <c r="N996733" s="10"/>
    </row>
    <row r="996734" spans="14:14">
      <c r="N996734" s="10"/>
    </row>
    <row r="996735" spans="14:14">
      <c r="N996735" s="10"/>
    </row>
    <row r="996736" spans="14:14">
      <c r="N996736" s="10"/>
    </row>
    <row r="996737" spans="14:14">
      <c r="N996737" s="10"/>
    </row>
    <row r="996738" spans="14:14">
      <c r="N996738" s="10"/>
    </row>
    <row r="996739" spans="14:14">
      <c r="N996739" s="10"/>
    </row>
    <row r="996740" spans="14:14">
      <c r="N996740" s="10"/>
    </row>
    <row r="996741" spans="14:14">
      <c r="N996741" s="10"/>
    </row>
    <row r="996742" spans="14:14">
      <c r="N996742" s="10"/>
    </row>
    <row r="996743" spans="14:14">
      <c r="N996743" s="10"/>
    </row>
    <row r="996744" spans="14:14">
      <c r="N996744" s="10"/>
    </row>
    <row r="996745" spans="14:14">
      <c r="N996745" s="10"/>
    </row>
    <row r="996746" spans="14:14">
      <c r="N996746" s="10"/>
    </row>
    <row r="996747" spans="14:14">
      <c r="N996747" s="10"/>
    </row>
    <row r="996748" spans="14:14">
      <c r="N996748" s="10"/>
    </row>
    <row r="996749" spans="14:14">
      <c r="N996749" s="10"/>
    </row>
    <row r="996750" spans="14:14">
      <c r="N996750" s="10"/>
    </row>
    <row r="996751" spans="14:14">
      <c r="N996751" s="10"/>
    </row>
    <row r="996752" spans="14:14">
      <c r="N996752" s="10"/>
    </row>
    <row r="996753" spans="14:14">
      <c r="N996753" s="10"/>
    </row>
    <row r="996754" spans="14:14">
      <c r="N996754" s="10"/>
    </row>
    <row r="996755" spans="14:14">
      <c r="N996755" s="10"/>
    </row>
    <row r="996756" spans="14:14">
      <c r="N996756" s="10"/>
    </row>
    <row r="996757" spans="14:14">
      <c r="N996757" s="10"/>
    </row>
    <row r="996758" spans="14:14">
      <c r="N996758" s="10"/>
    </row>
    <row r="996759" spans="14:14">
      <c r="N996759" s="10"/>
    </row>
    <row r="996760" spans="14:14">
      <c r="N996760" s="10"/>
    </row>
    <row r="996761" spans="14:14">
      <c r="N996761" s="10"/>
    </row>
    <row r="996762" spans="14:14">
      <c r="N996762" s="10"/>
    </row>
    <row r="996763" spans="14:14">
      <c r="N996763" s="10"/>
    </row>
    <row r="996764" spans="14:14">
      <c r="N996764" s="10"/>
    </row>
    <row r="996765" spans="14:14">
      <c r="N996765" s="10"/>
    </row>
    <row r="996766" spans="14:14">
      <c r="N996766" s="10"/>
    </row>
    <row r="996767" spans="14:14">
      <c r="N996767" s="10"/>
    </row>
    <row r="996768" spans="14:14">
      <c r="N996768" s="10"/>
    </row>
    <row r="996769" spans="14:14">
      <c r="N996769" s="10"/>
    </row>
    <row r="996770" spans="14:14">
      <c r="N996770" s="10"/>
    </row>
    <row r="996771" spans="14:14">
      <c r="N996771" s="10"/>
    </row>
    <row r="996772" spans="14:14">
      <c r="N996772" s="10"/>
    </row>
    <row r="996773" spans="14:14">
      <c r="N996773" s="10"/>
    </row>
    <row r="996774" spans="14:14">
      <c r="N996774" s="10"/>
    </row>
    <row r="996775" spans="14:14">
      <c r="N996775" s="10"/>
    </row>
    <row r="996776" spans="14:14">
      <c r="N996776" s="10"/>
    </row>
    <row r="996777" spans="14:14">
      <c r="N996777" s="10"/>
    </row>
    <row r="996778" spans="14:14">
      <c r="N996778" s="10"/>
    </row>
    <row r="996779" spans="14:14">
      <c r="N996779" s="10"/>
    </row>
    <row r="996780" spans="14:14">
      <c r="N996780" s="10"/>
    </row>
    <row r="996781" spans="14:14">
      <c r="N996781" s="10"/>
    </row>
    <row r="996782" spans="14:14">
      <c r="N996782" s="10"/>
    </row>
    <row r="996783" spans="14:14">
      <c r="N996783" s="10"/>
    </row>
    <row r="996784" spans="14:14">
      <c r="N996784" s="10"/>
    </row>
    <row r="996785" spans="14:14">
      <c r="N996785" s="10"/>
    </row>
    <row r="996786" spans="14:14">
      <c r="N996786" s="10"/>
    </row>
    <row r="996787" spans="14:14">
      <c r="N996787" s="10"/>
    </row>
    <row r="996788" spans="14:14">
      <c r="N996788" s="10"/>
    </row>
    <row r="996789" spans="14:14">
      <c r="N996789" s="10"/>
    </row>
    <row r="996790" spans="14:14">
      <c r="N996790" s="10"/>
    </row>
    <row r="996791" spans="14:14">
      <c r="N996791" s="10"/>
    </row>
    <row r="996792" spans="14:14">
      <c r="N996792" s="10"/>
    </row>
    <row r="996793" spans="14:14">
      <c r="N996793" s="10"/>
    </row>
    <row r="996794" spans="14:14">
      <c r="N996794" s="10"/>
    </row>
    <row r="996795" spans="14:14">
      <c r="N996795" s="10"/>
    </row>
    <row r="996796" spans="14:14">
      <c r="N996796" s="10"/>
    </row>
    <row r="996797" spans="14:14">
      <c r="N996797" s="10"/>
    </row>
    <row r="996798" spans="14:14">
      <c r="N996798" s="10"/>
    </row>
    <row r="996799" spans="14:14">
      <c r="N996799" s="10"/>
    </row>
    <row r="996800" spans="14:14">
      <c r="N996800" s="10"/>
    </row>
    <row r="996801" spans="14:14">
      <c r="N996801" s="10"/>
    </row>
    <row r="996802" spans="14:14">
      <c r="N996802" s="10"/>
    </row>
    <row r="996803" spans="14:14">
      <c r="N996803" s="10"/>
    </row>
    <row r="996804" spans="14:14">
      <c r="N996804" s="10"/>
    </row>
    <row r="996805" spans="14:14">
      <c r="N996805" s="10"/>
    </row>
    <row r="996806" spans="14:14">
      <c r="N996806" s="10"/>
    </row>
    <row r="996807" spans="14:14">
      <c r="N996807" s="10"/>
    </row>
    <row r="996808" spans="14:14">
      <c r="N996808" s="10"/>
    </row>
    <row r="996809" spans="14:14">
      <c r="N996809" s="10"/>
    </row>
    <row r="996810" spans="14:14">
      <c r="N996810" s="10"/>
    </row>
    <row r="996811" spans="14:14">
      <c r="N996811" s="10"/>
    </row>
    <row r="996812" spans="14:14">
      <c r="N996812" s="10"/>
    </row>
    <row r="996813" spans="14:14">
      <c r="N996813" s="10"/>
    </row>
    <row r="996814" spans="14:14">
      <c r="N996814" s="10"/>
    </row>
    <row r="996815" spans="14:14">
      <c r="N996815" s="10"/>
    </row>
    <row r="996816" spans="14:14">
      <c r="N996816" s="10"/>
    </row>
    <row r="996817" spans="14:14">
      <c r="N996817" s="10"/>
    </row>
    <row r="996818" spans="14:14">
      <c r="N996818" s="10"/>
    </row>
    <row r="996819" spans="14:14">
      <c r="N996819" s="10"/>
    </row>
    <row r="996820" spans="14:14">
      <c r="N996820" s="10"/>
    </row>
    <row r="996821" spans="14:14">
      <c r="N996821" s="10"/>
    </row>
    <row r="996822" spans="14:14">
      <c r="N996822" s="10"/>
    </row>
    <row r="996823" spans="14:14">
      <c r="N996823" s="10"/>
    </row>
    <row r="996824" spans="14:14">
      <c r="N996824" s="10"/>
    </row>
    <row r="996825" spans="14:14">
      <c r="N996825" s="10"/>
    </row>
    <row r="996826" spans="14:14">
      <c r="N996826" s="10"/>
    </row>
    <row r="996827" spans="14:14">
      <c r="N996827" s="10"/>
    </row>
    <row r="996828" spans="14:14">
      <c r="N996828" s="10"/>
    </row>
    <row r="996829" spans="14:14">
      <c r="N996829" s="10"/>
    </row>
    <row r="996830" spans="14:14">
      <c r="N996830" s="10"/>
    </row>
    <row r="996831" spans="14:14">
      <c r="N996831" s="10"/>
    </row>
    <row r="996832" spans="14:14">
      <c r="N996832" s="10"/>
    </row>
    <row r="996833" spans="14:14">
      <c r="N996833" s="10"/>
    </row>
    <row r="996834" spans="14:14">
      <c r="N996834" s="10"/>
    </row>
    <row r="996835" spans="14:14">
      <c r="N996835" s="10"/>
    </row>
    <row r="996836" spans="14:14">
      <c r="N996836" s="10"/>
    </row>
    <row r="996837" spans="14:14">
      <c r="N996837" s="10"/>
    </row>
    <row r="996838" spans="14:14">
      <c r="N996838" s="10"/>
    </row>
    <row r="996839" spans="14:14">
      <c r="N996839" s="10"/>
    </row>
    <row r="996840" spans="14:14">
      <c r="N996840" s="10"/>
    </row>
    <row r="996841" spans="14:14">
      <c r="N996841" s="10"/>
    </row>
    <row r="996842" spans="14:14">
      <c r="N996842" s="10"/>
    </row>
    <row r="996843" spans="14:14">
      <c r="N996843" s="10"/>
    </row>
    <row r="996844" spans="14:14">
      <c r="N996844" s="10"/>
    </row>
    <row r="996845" spans="14:14">
      <c r="N996845" s="10"/>
    </row>
    <row r="996846" spans="14:14">
      <c r="N996846" s="10"/>
    </row>
    <row r="996847" spans="14:14">
      <c r="N996847" s="10"/>
    </row>
    <row r="996848" spans="14:14">
      <c r="N996848" s="10"/>
    </row>
    <row r="996849" spans="14:14">
      <c r="N996849" s="10"/>
    </row>
    <row r="996850" spans="14:14">
      <c r="N996850" s="10"/>
    </row>
    <row r="996851" spans="14:14">
      <c r="N996851" s="10"/>
    </row>
    <row r="996852" spans="14:14">
      <c r="N996852" s="10"/>
    </row>
    <row r="996853" spans="14:14">
      <c r="N996853" s="10"/>
    </row>
    <row r="996854" spans="14:14">
      <c r="N996854" s="10"/>
    </row>
    <row r="996855" spans="14:14">
      <c r="N996855" s="10"/>
    </row>
    <row r="996856" spans="14:14">
      <c r="N996856" s="10"/>
    </row>
    <row r="996857" spans="14:14">
      <c r="N996857" s="10"/>
    </row>
    <row r="996858" spans="14:14">
      <c r="N996858" s="10"/>
    </row>
    <row r="996859" spans="14:14">
      <c r="N996859" s="10"/>
    </row>
    <row r="996860" spans="14:14">
      <c r="N996860" s="10"/>
    </row>
    <row r="996861" spans="14:14">
      <c r="N996861" s="10"/>
    </row>
    <row r="996862" spans="14:14">
      <c r="N996862" s="10"/>
    </row>
    <row r="996863" spans="14:14">
      <c r="N996863" s="10"/>
    </row>
    <row r="996864" spans="14:14">
      <c r="N996864" s="10"/>
    </row>
    <row r="996865" spans="14:14">
      <c r="N996865" s="10"/>
    </row>
    <row r="996866" spans="14:14">
      <c r="N996866" s="10"/>
    </row>
    <row r="996867" spans="14:14">
      <c r="N996867" s="10"/>
    </row>
    <row r="996868" spans="14:14">
      <c r="N996868" s="10"/>
    </row>
    <row r="996869" spans="14:14">
      <c r="N996869" s="10"/>
    </row>
    <row r="996870" spans="14:14">
      <c r="N996870" s="10"/>
    </row>
    <row r="996871" spans="14:14">
      <c r="N996871" s="10"/>
    </row>
    <row r="996872" spans="14:14">
      <c r="N996872" s="10"/>
    </row>
    <row r="996873" spans="14:14">
      <c r="N996873" s="10"/>
    </row>
    <row r="996874" spans="14:14">
      <c r="N996874" s="10"/>
    </row>
    <row r="996875" spans="14:14">
      <c r="N996875" s="10"/>
    </row>
    <row r="996876" spans="14:14">
      <c r="N996876" s="10"/>
    </row>
    <row r="996877" spans="14:14">
      <c r="N996877" s="10"/>
    </row>
    <row r="996878" spans="14:14">
      <c r="N996878" s="10"/>
    </row>
    <row r="996879" spans="14:14">
      <c r="N996879" s="10"/>
    </row>
    <row r="996880" spans="14:14">
      <c r="N996880" s="10"/>
    </row>
    <row r="996881" spans="14:14">
      <c r="N996881" s="10"/>
    </row>
    <row r="996882" spans="14:14">
      <c r="N996882" s="10"/>
    </row>
    <row r="996883" spans="14:14">
      <c r="N996883" s="10"/>
    </row>
    <row r="996884" spans="14:14">
      <c r="N996884" s="10"/>
    </row>
    <row r="996885" spans="14:14">
      <c r="N996885" s="10"/>
    </row>
    <row r="996886" spans="14:14">
      <c r="N996886" s="10"/>
    </row>
    <row r="996887" spans="14:14">
      <c r="N996887" s="10"/>
    </row>
    <row r="996888" spans="14:14">
      <c r="N996888" s="10"/>
    </row>
    <row r="996889" spans="14:14">
      <c r="N996889" s="10"/>
    </row>
    <row r="996890" spans="14:14">
      <c r="N996890" s="10"/>
    </row>
    <row r="996891" spans="14:14">
      <c r="N996891" s="10"/>
    </row>
    <row r="996892" spans="14:14">
      <c r="N996892" s="10"/>
    </row>
    <row r="996893" spans="14:14">
      <c r="N996893" s="10"/>
    </row>
    <row r="996894" spans="14:14">
      <c r="N996894" s="10"/>
    </row>
    <row r="996895" spans="14:14">
      <c r="N996895" s="10"/>
    </row>
    <row r="996896" spans="14:14">
      <c r="N996896" s="10"/>
    </row>
    <row r="996897" spans="14:14">
      <c r="N996897" s="10"/>
    </row>
    <row r="996898" spans="14:14">
      <c r="N996898" s="10"/>
    </row>
    <row r="996899" spans="14:14">
      <c r="N996899" s="10"/>
    </row>
    <row r="996900" spans="14:14">
      <c r="N996900" s="10"/>
    </row>
    <row r="996901" spans="14:14">
      <c r="N996901" s="10"/>
    </row>
    <row r="996902" spans="14:14">
      <c r="N996902" s="10"/>
    </row>
    <row r="996903" spans="14:14">
      <c r="N996903" s="10"/>
    </row>
    <row r="996904" spans="14:14">
      <c r="N996904" s="10"/>
    </row>
    <row r="996905" spans="14:14">
      <c r="N996905" s="10"/>
    </row>
    <row r="996906" spans="14:14">
      <c r="N996906" s="10"/>
    </row>
    <row r="996907" spans="14:14">
      <c r="N996907" s="10"/>
    </row>
    <row r="996908" spans="14:14">
      <c r="N996908" s="10"/>
    </row>
    <row r="996909" spans="14:14">
      <c r="N996909" s="10"/>
    </row>
    <row r="996910" spans="14:14">
      <c r="N996910" s="10"/>
    </row>
    <row r="996911" spans="14:14">
      <c r="N996911" s="10"/>
    </row>
    <row r="996912" spans="14:14">
      <c r="N996912" s="10"/>
    </row>
    <row r="996913" spans="14:14">
      <c r="N996913" s="10"/>
    </row>
    <row r="996914" spans="14:14">
      <c r="N996914" s="10"/>
    </row>
    <row r="996915" spans="14:14">
      <c r="N996915" s="10"/>
    </row>
    <row r="996916" spans="14:14">
      <c r="N996916" s="10"/>
    </row>
    <row r="996917" spans="14:14">
      <c r="N996917" s="10"/>
    </row>
    <row r="996918" spans="14:14">
      <c r="N996918" s="10"/>
    </row>
    <row r="996919" spans="14:14">
      <c r="N996919" s="10"/>
    </row>
    <row r="996920" spans="14:14">
      <c r="N996920" s="10"/>
    </row>
    <row r="996921" spans="14:14">
      <c r="N996921" s="10"/>
    </row>
    <row r="996922" spans="14:14">
      <c r="N996922" s="10"/>
    </row>
    <row r="996923" spans="14:14">
      <c r="N996923" s="10"/>
    </row>
    <row r="996924" spans="14:14">
      <c r="N996924" s="10"/>
    </row>
    <row r="996925" spans="14:14">
      <c r="N996925" s="10"/>
    </row>
    <row r="996926" spans="14:14">
      <c r="N996926" s="10"/>
    </row>
    <row r="996927" spans="14:14">
      <c r="N996927" s="10"/>
    </row>
    <row r="996928" spans="14:14">
      <c r="N996928" s="10"/>
    </row>
    <row r="996929" spans="14:14">
      <c r="N996929" s="10"/>
    </row>
    <row r="996930" spans="14:14">
      <c r="N996930" s="10"/>
    </row>
    <row r="996931" spans="14:14">
      <c r="N996931" s="10"/>
    </row>
    <row r="996932" spans="14:14">
      <c r="N996932" s="10"/>
    </row>
    <row r="996933" spans="14:14">
      <c r="N996933" s="10"/>
    </row>
    <row r="996934" spans="14:14">
      <c r="N996934" s="10"/>
    </row>
    <row r="996935" spans="14:14">
      <c r="N996935" s="10"/>
    </row>
    <row r="996936" spans="14:14">
      <c r="N996936" s="10"/>
    </row>
    <row r="996937" spans="14:14">
      <c r="N996937" s="10"/>
    </row>
    <row r="996938" spans="14:14">
      <c r="N996938" s="10"/>
    </row>
    <row r="996939" spans="14:14">
      <c r="N996939" s="10"/>
    </row>
    <row r="996940" spans="14:14">
      <c r="N996940" s="10"/>
    </row>
    <row r="996941" spans="14:14">
      <c r="N996941" s="10"/>
    </row>
    <row r="996942" spans="14:14">
      <c r="N996942" s="10"/>
    </row>
    <row r="996943" spans="14:14">
      <c r="N996943" s="10"/>
    </row>
    <row r="996944" spans="14:14">
      <c r="N996944" s="10"/>
    </row>
    <row r="996945" spans="14:14">
      <c r="N996945" s="10"/>
    </row>
    <row r="996946" spans="14:14">
      <c r="N996946" s="10"/>
    </row>
    <row r="996947" spans="14:14">
      <c r="N996947" s="10"/>
    </row>
    <row r="996948" spans="14:14">
      <c r="N996948" s="10"/>
    </row>
    <row r="996949" spans="14:14">
      <c r="N996949" s="10"/>
    </row>
    <row r="996950" spans="14:14">
      <c r="N996950" s="10"/>
    </row>
    <row r="996951" spans="14:14">
      <c r="N996951" s="10"/>
    </row>
    <row r="996952" spans="14:14">
      <c r="N996952" s="10"/>
    </row>
    <row r="996953" spans="14:14">
      <c r="N996953" s="10"/>
    </row>
    <row r="996954" spans="14:14">
      <c r="N996954" s="10"/>
    </row>
    <row r="996955" spans="14:14">
      <c r="N996955" s="10"/>
    </row>
    <row r="996956" spans="14:14">
      <c r="N996956" s="10"/>
    </row>
    <row r="996957" spans="14:14">
      <c r="N996957" s="10"/>
    </row>
    <row r="996958" spans="14:14">
      <c r="N996958" s="10"/>
    </row>
    <row r="996959" spans="14:14">
      <c r="N996959" s="10"/>
    </row>
    <row r="996960" spans="14:14">
      <c r="N996960" s="10"/>
    </row>
    <row r="996961" spans="14:14">
      <c r="N996961" s="10"/>
    </row>
    <row r="996962" spans="14:14">
      <c r="N996962" s="10"/>
    </row>
    <row r="996963" spans="14:14">
      <c r="N996963" s="10"/>
    </row>
    <row r="996964" spans="14:14">
      <c r="N996964" s="10"/>
    </row>
    <row r="996965" spans="14:14">
      <c r="N996965" s="10"/>
    </row>
    <row r="996966" spans="14:14">
      <c r="N996966" s="10"/>
    </row>
    <row r="996967" spans="14:14">
      <c r="N996967" s="10"/>
    </row>
    <row r="996968" spans="14:14">
      <c r="N996968" s="10"/>
    </row>
    <row r="996969" spans="14:14">
      <c r="N996969" s="10"/>
    </row>
    <row r="996970" spans="14:14">
      <c r="N996970" s="10"/>
    </row>
    <row r="996971" spans="14:14">
      <c r="N996971" s="10"/>
    </row>
    <row r="996972" spans="14:14">
      <c r="N996972" s="10"/>
    </row>
    <row r="996973" spans="14:14">
      <c r="N996973" s="10"/>
    </row>
    <row r="996974" spans="14:14">
      <c r="N996974" s="10"/>
    </row>
    <row r="996975" spans="14:14">
      <c r="N996975" s="10"/>
    </row>
    <row r="996976" spans="14:14">
      <c r="N996976" s="10"/>
    </row>
    <row r="996977" spans="14:14">
      <c r="N996977" s="10"/>
    </row>
    <row r="996978" spans="14:14">
      <c r="N996978" s="10"/>
    </row>
    <row r="996979" spans="14:14">
      <c r="N996979" s="10"/>
    </row>
    <row r="996980" spans="14:14">
      <c r="N996980" s="10"/>
    </row>
    <row r="996981" spans="14:14">
      <c r="N996981" s="10"/>
    </row>
    <row r="996982" spans="14:14">
      <c r="N996982" s="10"/>
    </row>
    <row r="996983" spans="14:14">
      <c r="N996983" s="10"/>
    </row>
    <row r="996984" spans="14:14">
      <c r="N996984" s="10"/>
    </row>
    <row r="996985" spans="14:14">
      <c r="N996985" s="10"/>
    </row>
    <row r="996986" spans="14:14">
      <c r="N996986" s="10"/>
    </row>
    <row r="996987" spans="14:14">
      <c r="N996987" s="10"/>
    </row>
    <row r="996988" spans="14:14">
      <c r="N996988" s="10"/>
    </row>
    <row r="996989" spans="14:14">
      <c r="N996989" s="10"/>
    </row>
    <row r="996990" spans="14:14">
      <c r="N996990" s="10"/>
    </row>
    <row r="996991" spans="14:14">
      <c r="N996991" s="10"/>
    </row>
    <row r="996992" spans="14:14">
      <c r="N996992" s="10"/>
    </row>
    <row r="996993" spans="14:14">
      <c r="N996993" s="10"/>
    </row>
    <row r="996994" spans="14:14">
      <c r="N996994" s="10"/>
    </row>
    <row r="996995" spans="14:14">
      <c r="N996995" s="10"/>
    </row>
    <row r="996996" spans="14:14">
      <c r="N996996" s="10"/>
    </row>
    <row r="996997" spans="14:14">
      <c r="N996997" s="10"/>
    </row>
    <row r="996998" spans="14:14">
      <c r="N996998" s="10"/>
    </row>
    <row r="996999" spans="14:14">
      <c r="N996999" s="10"/>
    </row>
    <row r="997000" spans="14:14">
      <c r="N997000" s="10"/>
    </row>
    <row r="997001" spans="14:14">
      <c r="N997001" s="10"/>
    </row>
    <row r="997002" spans="14:14">
      <c r="N997002" s="10"/>
    </row>
    <row r="997003" spans="14:14">
      <c r="N997003" s="10"/>
    </row>
    <row r="997004" spans="14:14">
      <c r="N997004" s="10"/>
    </row>
    <row r="997005" spans="14:14">
      <c r="N997005" s="10"/>
    </row>
    <row r="997006" spans="14:14">
      <c r="N997006" s="10"/>
    </row>
    <row r="997007" spans="14:14">
      <c r="N997007" s="10"/>
    </row>
    <row r="997008" spans="14:14">
      <c r="N997008" s="10"/>
    </row>
    <row r="997009" spans="14:14">
      <c r="N997009" s="10"/>
    </row>
    <row r="997010" spans="14:14">
      <c r="N997010" s="10"/>
    </row>
    <row r="997011" spans="14:14">
      <c r="N997011" s="10"/>
    </row>
    <row r="997012" spans="14:14">
      <c r="N997012" s="10"/>
    </row>
    <row r="997013" spans="14:14">
      <c r="N997013" s="10"/>
    </row>
    <row r="997014" spans="14:14">
      <c r="N997014" s="10"/>
    </row>
    <row r="997015" spans="14:14">
      <c r="N997015" s="10"/>
    </row>
    <row r="997016" spans="14:14">
      <c r="N997016" s="10"/>
    </row>
    <row r="997017" spans="14:14">
      <c r="N997017" s="10"/>
    </row>
    <row r="997018" spans="14:14">
      <c r="N997018" s="10"/>
    </row>
    <row r="997019" spans="14:14">
      <c r="N997019" s="10"/>
    </row>
    <row r="997020" spans="14:14">
      <c r="N997020" s="10"/>
    </row>
    <row r="997021" spans="14:14">
      <c r="N997021" s="10"/>
    </row>
    <row r="997022" spans="14:14">
      <c r="N997022" s="10"/>
    </row>
    <row r="997023" spans="14:14">
      <c r="N997023" s="10"/>
    </row>
    <row r="997024" spans="14:14">
      <c r="N997024" s="10"/>
    </row>
    <row r="997025" spans="14:14">
      <c r="N997025" s="10"/>
    </row>
    <row r="997026" spans="14:14">
      <c r="N997026" s="10"/>
    </row>
    <row r="997027" spans="14:14">
      <c r="N997027" s="10"/>
    </row>
    <row r="997028" spans="14:14">
      <c r="N997028" s="10"/>
    </row>
    <row r="997029" spans="14:14">
      <c r="N997029" s="10"/>
    </row>
    <row r="997030" spans="14:14">
      <c r="N997030" s="10"/>
    </row>
    <row r="997031" spans="14:14">
      <c r="N997031" s="10"/>
    </row>
    <row r="997032" spans="14:14">
      <c r="N997032" s="10"/>
    </row>
    <row r="997033" spans="14:14">
      <c r="N997033" s="10"/>
    </row>
    <row r="997034" spans="14:14">
      <c r="N997034" s="10"/>
    </row>
    <row r="997035" spans="14:14">
      <c r="N997035" s="10"/>
    </row>
    <row r="997036" spans="14:14">
      <c r="N997036" s="10"/>
    </row>
    <row r="997037" spans="14:14">
      <c r="N997037" s="10"/>
    </row>
    <row r="997038" spans="14:14">
      <c r="N997038" s="10"/>
    </row>
    <row r="997039" spans="14:14">
      <c r="N997039" s="10"/>
    </row>
    <row r="997040" spans="14:14">
      <c r="N997040" s="10"/>
    </row>
    <row r="997041" spans="14:14">
      <c r="N997041" s="10"/>
    </row>
    <row r="997042" spans="14:14">
      <c r="N997042" s="10"/>
    </row>
    <row r="997043" spans="14:14">
      <c r="N997043" s="10"/>
    </row>
    <row r="997044" spans="14:14">
      <c r="N997044" s="10"/>
    </row>
    <row r="997045" spans="14:14">
      <c r="N997045" s="10"/>
    </row>
    <row r="997046" spans="14:14">
      <c r="N997046" s="10"/>
    </row>
    <row r="997047" spans="14:14">
      <c r="N997047" s="10"/>
    </row>
    <row r="997048" spans="14:14">
      <c r="N997048" s="10"/>
    </row>
    <row r="997049" spans="14:14">
      <c r="N997049" s="10"/>
    </row>
    <row r="997050" spans="14:14">
      <c r="N997050" s="10"/>
    </row>
    <row r="997051" spans="14:14">
      <c r="N997051" s="10"/>
    </row>
    <row r="997052" spans="14:14">
      <c r="N997052" s="10"/>
    </row>
    <row r="997053" spans="14:14">
      <c r="N997053" s="10"/>
    </row>
    <row r="997054" spans="14:14">
      <c r="N997054" s="10"/>
    </row>
    <row r="997055" spans="14:14">
      <c r="N997055" s="10"/>
    </row>
    <row r="997056" spans="14:14">
      <c r="N997056" s="10"/>
    </row>
    <row r="997057" spans="14:14">
      <c r="N997057" s="10"/>
    </row>
    <row r="997058" spans="14:14">
      <c r="N997058" s="10"/>
    </row>
    <row r="997059" spans="14:14">
      <c r="N997059" s="10"/>
    </row>
    <row r="997060" spans="14:14">
      <c r="N997060" s="10"/>
    </row>
    <row r="997061" spans="14:14">
      <c r="N997061" s="10"/>
    </row>
    <row r="997062" spans="14:14">
      <c r="N997062" s="10"/>
    </row>
    <row r="997063" spans="14:14">
      <c r="N997063" s="10"/>
    </row>
    <row r="997064" spans="14:14">
      <c r="N997064" s="10"/>
    </row>
    <row r="997065" spans="14:14">
      <c r="N997065" s="10"/>
    </row>
    <row r="997066" spans="14:14">
      <c r="N997066" s="10"/>
    </row>
    <row r="997067" spans="14:14">
      <c r="N997067" s="10"/>
    </row>
    <row r="997068" spans="14:14">
      <c r="N997068" s="10"/>
    </row>
    <row r="997069" spans="14:14">
      <c r="N997069" s="10"/>
    </row>
    <row r="997070" spans="14:14">
      <c r="N997070" s="10"/>
    </row>
    <row r="997071" spans="14:14">
      <c r="N997071" s="10"/>
    </row>
    <row r="997072" spans="14:14">
      <c r="N997072" s="10"/>
    </row>
    <row r="997073" spans="14:14">
      <c r="N997073" s="10"/>
    </row>
    <row r="997074" spans="14:14">
      <c r="N997074" s="10"/>
    </row>
    <row r="997075" spans="14:14">
      <c r="N997075" s="10"/>
    </row>
    <row r="997076" spans="14:14">
      <c r="N997076" s="10"/>
    </row>
    <row r="997077" spans="14:14">
      <c r="N997077" s="10"/>
    </row>
    <row r="997078" spans="14:14">
      <c r="N997078" s="10"/>
    </row>
    <row r="997079" spans="14:14">
      <c r="N997079" s="10"/>
    </row>
    <row r="997080" spans="14:14">
      <c r="N997080" s="10"/>
    </row>
    <row r="997081" spans="14:14">
      <c r="N997081" s="10"/>
    </row>
    <row r="997082" spans="14:14">
      <c r="N997082" s="10"/>
    </row>
    <row r="997083" spans="14:14">
      <c r="N997083" s="10"/>
    </row>
    <row r="997084" spans="14:14">
      <c r="N997084" s="10"/>
    </row>
    <row r="997085" spans="14:14">
      <c r="N997085" s="10"/>
    </row>
    <row r="997086" spans="14:14">
      <c r="N997086" s="10"/>
    </row>
    <row r="997087" spans="14:14">
      <c r="N997087" s="10"/>
    </row>
    <row r="997088" spans="14:14">
      <c r="N997088" s="10"/>
    </row>
    <row r="997089" spans="14:14">
      <c r="N997089" s="10"/>
    </row>
    <row r="997090" spans="14:14">
      <c r="N997090" s="10"/>
    </row>
    <row r="997091" spans="14:14">
      <c r="N997091" s="10"/>
    </row>
    <row r="997092" spans="14:14">
      <c r="N997092" s="10"/>
    </row>
    <row r="997093" spans="14:14">
      <c r="N997093" s="10"/>
    </row>
    <row r="997094" spans="14:14">
      <c r="N997094" s="10"/>
    </row>
    <row r="997095" spans="14:14">
      <c r="N997095" s="10"/>
    </row>
    <row r="997096" spans="14:14">
      <c r="N997096" s="10"/>
    </row>
    <row r="997097" spans="14:14">
      <c r="N997097" s="10"/>
    </row>
    <row r="997098" spans="14:14">
      <c r="N997098" s="10"/>
    </row>
    <row r="997099" spans="14:14">
      <c r="N997099" s="10"/>
    </row>
    <row r="997100" spans="14:14">
      <c r="N997100" s="10"/>
    </row>
    <row r="997101" spans="14:14">
      <c r="N997101" s="10"/>
    </row>
    <row r="997102" spans="14:14">
      <c r="N997102" s="10"/>
    </row>
    <row r="997103" spans="14:14">
      <c r="N997103" s="10"/>
    </row>
    <row r="997104" spans="14:14">
      <c r="N997104" s="10"/>
    </row>
    <row r="997105" spans="14:14">
      <c r="N997105" s="10"/>
    </row>
    <row r="997106" spans="14:14">
      <c r="N997106" s="10"/>
    </row>
    <row r="997107" spans="14:14">
      <c r="N997107" s="10"/>
    </row>
    <row r="997108" spans="14:14">
      <c r="N997108" s="10"/>
    </row>
    <row r="997109" spans="14:14">
      <c r="N997109" s="10"/>
    </row>
    <row r="997110" spans="14:14">
      <c r="N997110" s="10"/>
    </row>
    <row r="997111" spans="14:14">
      <c r="N997111" s="10"/>
    </row>
    <row r="997112" spans="14:14">
      <c r="N997112" s="10"/>
    </row>
    <row r="997113" spans="14:14">
      <c r="N997113" s="10"/>
    </row>
    <row r="997114" spans="14:14">
      <c r="N997114" s="10"/>
    </row>
    <row r="997115" spans="14:14">
      <c r="N997115" s="10"/>
    </row>
    <row r="997116" spans="14:14">
      <c r="N997116" s="10"/>
    </row>
    <row r="997117" spans="14:14">
      <c r="N997117" s="10"/>
    </row>
    <row r="997118" spans="14:14">
      <c r="N997118" s="10"/>
    </row>
    <row r="997119" spans="14:14">
      <c r="N997119" s="10"/>
    </row>
    <row r="997120" spans="14:14">
      <c r="N997120" s="10"/>
    </row>
    <row r="997121" spans="14:14">
      <c r="N997121" s="10"/>
    </row>
    <row r="997122" spans="14:14">
      <c r="N997122" s="10"/>
    </row>
    <row r="997123" spans="14:14">
      <c r="N997123" s="10"/>
    </row>
    <row r="997124" spans="14:14">
      <c r="N997124" s="10"/>
    </row>
    <row r="997125" spans="14:14">
      <c r="N997125" s="10"/>
    </row>
    <row r="997126" spans="14:14">
      <c r="N997126" s="10"/>
    </row>
    <row r="997127" spans="14:14">
      <c r="N997127" s="10"/>
    </row>
    <row r="997128" spans="14:14">
      <c r="N997128" s="10"/>
    </row>
    <row r="997129" spans="14:14">
      <c r="N997129" s="10"/>
    </row>
    <row r="997130" spans="14:14">
      <c r="N997130" s="10"/>
    </row>
    <row r="997131" spans="14:14">
      <c r="N997131" s="10"/>
    </row>
    <row r="997132" spans="14:14">
      <c r="N997132" s="10"/>
    </row>
    <row r="997133" spans="14:14">
      <c r="N997133" s="10"/>
    </row>
    <row r="997134" spans="14:14">
      <c r="N997134" s="10"/>
    </row>
    <row r="997135" spans="14:14">
      <c r="N997135" s="10"/>
    </row>
    <row r="997136" spans="14:14">
      <c r="N997136" s="10"/>
    </row>
    <row r="997137" spans="14:14">
      <c r="N997137" s="10"/>
    </row>
    <row r="997138" spans="14:14">
      <c r="N997138" s="10"/>
    </row>
    <row r="997139" spans="14:14">
      <c r="N997139" s="10"/>
    </row>
    <row r="997140" spans="14:14">
      <c r="N997140" s="10"/>
    </row>
    <row r="997141" spans="14:14">
      <c r="N997141" s="10"/>
    </row>
    <row r="997142" spans="14:14">
      <c r="N997142" s="10"/>
    </row>
    <row r="997143" spans="14:14">
      <c r="N997143" s="10"/>
    </row>
    <row r="997144" spans="14:14">
      <c r="N997144" s="10"/>
    </row>
    <row r="997145" spans="14:14">
      <c r="N997145" s="10"/>
    </row>
    <row r="997146" spans="14:14">
      <c r="N997146" s="10"/>
    </row>
    <row r="997147" spans="14:14">
      <c r="N997147" s="10"/>
    </row>
    <row r="997148" spans="14:14">
      <c r="N997148" s="10"/>
    </row>
    <row r="997149" spans="14:14">
      <c r="N997149" s="10"/>
    </row>
    <row r="997150" spans="14:14">
      <c r="N997150" s="10"/>
    </row>
    <row r="997151" spans="14:14">
      <c r="N997151" s="10"/>
    </row>
    <row r="997152" spans="14:14">
      <c r="N997152" s="10"/>
    </row>
    <row r="997153" spans="14:14">
      <c r="N997153" s="10"/>
    </row>
    <row r="997154" spans="14:14">
      <c r="N997154" s="10"/>
    </row>
    <row r="997155" spans="14:14">
      <c r="N997155" s="10"/>
    </row>
    <row r="997156" spans="14:14">
      <c r="N997156" s="10"/>
    </row>
    <row r="997157" spans="14:14">
      <c r="N997157" s="10"/>
    </row>
    <row r="997158" spans="14:14">
      <c r="N997158" s="10"/>
    </row>
    <row r="997159" spans="14:14">
      <c r="N997159" s="10"/>
    </row>
    <row r="997160" spans="14:14">
      <c r="N997160" s="10"/>
    </row>
    <row r="997161" spans="14:14">
      <c r="N997161" s="10"/>
    </row>
    <row r="997162" spans="14:14">
      <c r="N997162" s="10"/>
    </row>
    <row r="997163" spans="14:14">
      <c r="N997163" s="10"/>
    </row>
    <row r="997164" spans="14:14">
      <c r="N997164" s="10"/>
    </row>
    <row r="997165" spans="14:14">
      <c r="N997165" s="10"/>
    </row>
    <row r="997166" spans="14:14">
      <c r="N997166" s="10"/>
    </row>
    <row r="997167" spans="14:14">
      <c r="N997167" s="10"/>
    </row>
    <row r="997168" spans="14:14">
      <c r="N997168" s="10"/>
    </row>
    <row r="997169" spans="14:14">
      <c r="N997169" s="10"/>
    </row>
    <row r="997170" spans="14:14">
      <c r="N997170" s="10"/>
    </row>
    <row r="997171" spans="14:14">
      <c r="N997171" s="10"/>
    </row>
    <row r="997172" spans="14:14">
      <c r="N997172" s="10"/>
    </row>
    <row r="997173" spans="14:14">
      <c r="N997173" s="10"/>
    </row>
    <row r="997174" spans="14:14">
      <c r="N997174" s="10"/>
    </row>
    <row r="997175" spans="14:14">
      <c r="N997175" s="10"/>
    </row>
    <row r="997176" spans="14:14">
      <c r="N997176" s="10"/>
    </row>
    <row r="997177" spans="14:14">
      <c r="N997177" s="10"/>
    </row>
    <row r="997178" spans="14:14">
      <c r="N997178" s="10"/>
    </row>
    <row r="997179" spans="14:14">
      <c r="N997179" s="10"/>
    </row>
    <row r="997180" spans="14:14">
      <c r="N997180" s="10"/>
    </row>
    <row r="997181" spans="14:14">
      <c r="N997181" s="10"/>
    </row>
    <row r="997182" spans="14:14">
      <c r="N997182" s="10"/>
    </row>
    <row r="997183" spans="14:14">
      <c r="N997183" s="10"/>
    </row>
    <row r="997184" spans="14:14">
      <c r="N997184" s="10"/>
    </row>
    <row r="997185" spans="14:14">
      <c r="N997185" s="10"/>
    </row>
    <row r="997186" spans="14:14">
      <c r="N997186" s="10"/>
    </row>
    <row r="997187" spans="14:14">
      <c r="N997187" s="10"/>
    </row>
    <row r="997188" spans="14:14">
      <c r="N997188" s="10"/>
    </row>
    <row r="997189" spans="14:14">
      <c r="N997189" s="10"/>
    </row>
    <row r="997190" spans="14:14">
      <c r="N997190" s="10"/>
    </row>
    <row r="997191" spans="14:14">
      <c r="N997191" s="10"/>
    </row>
    <row r="997192" spans="14:14">
      <c r="N997192" s="10"/>
    </row>
    <row r="997193" spans="14:14">
      <c r="N997193" s="10"/>
    </row>
    <row r="997194" spans="14:14">
      <c r="N997194" s="10"/>
    </row>
    <row r="997195" spans="14:14">
      <c r="N997195" s="10"/>
    </row>
    <row r="997196" spans="14:14">
      <c r="N997196" s="10"/>
    </row>
    <row r="997197" spans="14:14">
      <c r="N997197" s="10"/>
    </row>
    <row r="997198" spans="14:14">
      <c r="N997198" s="10"/>
    </row>
    <row r="997199" spans="14:14">
      <c r="N997199" s="10"/>
    </row>
    <row r="997200" spans="14:14">
      <c r="N997200" s="10"/>
    </row>
    <row r="997201" spans="14:14">
      <c r="N997201" s="10"/>
    </row>
    <row r="997202" spans="14:14">
      <c r="N997202" s="10"/>
    </row>
    <row r="997203" spans="14:14">
      <c r="N997203" s="10"/>
    </row>
    <row r="997204" spans="14:14">
      <c r="N997204" s="10"/>
    </row>
    <row r="997205" spans="14:14">
      <c r="N997205" s="10"/>
    </row>
    <row r="997206" spans="14:14">
      <c r="N997206" s="10"/>
    </row>
    <row r="997207" spans="14:14">
      <c r="N997207" s="10"/>
    </row>
    <row r="997208" spans="14:14">
      <c r="N997208" s="10"/>
    </row>
    <row r="997209" spans="14:14">
      <c r="N997209" s="10"/>
    </row>
    <row r="997210" spans="14:14">
      <c r="N997210" s="10"/>
    </row>
    <row r="997211" spans="14:14">
      <c r="N997211" s="10"/>
    </row>
    <row r="997212" spans="14:14">
      <c r="N997212" s="10"/>
    </row>
    <row r="997213" spans="14:14">
      <c r="N997213" s="10"/>
    </row>
    <row r="997214" spans="14:14">
      <c r="N997214" s="10"/>
    </row>
    <row r="997215" spans="14:14">
      <c r="N997215" s="10"/>
    </row>
    <row r="997216" spans="14:14">
      <c r="N997216" s="10"/>
    </row>
    <row r="997217" spans="14:14">
      <c r="N997217" s="10"/>
    </row>
    <row r="997218" spans="14:14">
      <c r="N997218" s="10"/>
    </row>
    <row r="997219" spans="14:14">
      <c r="N997219" s="10"/>
    </row>
    <row r="997220" spans="14:14">
      <c r="N997220" s="10"/>
    </row>
    <row r="997221" spans="14:14">
      <c r="N997221" s="10"/>
    </row>
    <row r="997222" spans="14:14">
      <c r="N997222" s="10"/>
    </row>
    <row r="997223" spans="14:14">
      <c r="N997223" s="10"/>
    </row>
    <row r="997224" spans="14:14">
      <c r="N997224" s="10"/>
    </row>
    <row r="997225" spans="14:14">
      <c r="N997225" s="10"/>
    </row>
    <row r="997226" spans="14:14">
      <c r="N997226" s="10"/>
    </row>
    <row r="997227" spans="14:14">
      <c r="N997227" s="10"/>
    </row>
    <row r="997228" spans="14:14">
      <c r="N997228" s="10"/>
    </row>
    <row r="997229" spans="14:14">
      <c r="N997229" s="10"/>
    </row>
    <row r="997230" spans="14:14">
      <c r="N997230" s="10"/>
    </row>
    <row r="997231" spans="14:14">
      <c r="N997231" s="10"/>
    </row>
    <row r="997232" spans="14:14">
      <c r="N997232" s="10"/>
    </row>
    <row r="997233" spans="14:14">
      <c r="N997233" s="10"/>
    </row>
    <row r="997234" spans="14:14">
      <c r="N997234" s="10"/>
    </row>
    <row r="997235" spans="14:14">
      <c r="N997235" s="10"/>
    </row>
    <row r="997236" spans="14:14">
      <c r="N997236" s="10"/>
    </row>
    <row r="997237" spans="14:14">
      <c r="N997237" s="10"/>
    </row>
    <row r="997238" spans="14:14">
      <c r="N997238" s="10"/>
    </row>
    <row r="997239" spans="14:14">
      <c r="N997239" s="10"/>
    </row>
    <row r="997240" spans="14:14">
      <c r="N997240" s="10"/>
    </row>
    <row r="997241" spans="14:14">
      <c r="N997241" s="10"/>
    </row>
    <row r="997242" spans="14:14">
      <c r="N997242" s="10"/>
    </row>
    <row r="997243" spans="14:14">
      <c r="N997243" s="10"/>
    </row>
    <row r="997244" spans="14:14">
      <c r="N997244" s="10"/>
    </row>
    <row r="997245" spans="14:14">
      <c r="N997245" s="10"/>
    </row>
    <row r="997246" spans="14:14">
      <c r="N997246" s="10"/>
    </row>
    <row r="997247" spans="14:14">
      <c r="N997247" s="10"/>
    </row>
    <row r="997248" spans="14:14">
      <c r="N997248" s="10"/>
    </row>
    <row r="997249" spans="14:14">
      <c r="N997249" s="10"/>
    </row>
    <row r="997250" spans="14:14">
      <c r="N997250" s="10"/>
    </row>
    <row r="997251" spans="14:14">
      <c r="N997251" s="10"/>
    </row>
    <row r="997252" spans="14:14">
      <c r="N997252" s="10"/>
    </row>
    <row r="997253" spans="14:14">
      <c r="N997253" s="10"/>
    </row>
    <row r="997254" spans="14:14">
      <c r="N997254" s="10"/>
    </row>
    <row r="997255" spans="14:14">
      <c r="N997255" s="10"/>
    </row>
    <row r="997256" spans="14:14">
      <c r="N997256" s="10"/>
    </row>
    <row r="997257" spans="14:14">
      <c r="N997257" s="10"/>
    </row>
    <row r="997258" spans="14:14">
      <c r="N997258" s="10"/>
    </row>
    <row r="997259" spans="14:14">
      <c r="N997259" s="10"/>
    </row>
    <row r="997260" spans="14:14">
      <c r="N997260" s="10"/>
    </row>
    <row r="997261" spans="14:14">
      <c r="N997261" s="10"/>
    </row>
    <row r="997262" spans="14:14">
      <c r="N997262" s="10"/>
    </row>
    <row r="997263" spans="14:14">
      <c r="N997263" s="10"/>
    </row>
    <row r="997264" spans="14:14">
      <c r="N997264" s="10"/>
    </row>
    <row r="997265" spans="14:14">
      <c r="N997265" s="10"/>
    </row>
    <row r="997266" spans="14:14">
      <c r="N997266" s="10"/>
    </row>
    <row r="997267" spans="14:14">
      <c r="N997267" s="10"/>
    </row>
    <row r="997268" spans="14:14">
      <c r="N997268" s="10"/>
    </row>
    <row r="997269" spans="14:14">
      <c r="N997269" s="10"/>
    </row>
    <row r="997270" spans="14:14">
      <c r="N997270" s="10"/>
    </row>
    <row r="997271" spans="14:14">
      <c r="N997271" s="10"/>
    </row>
    <row r="997272" spans="14:14">
      <c r="N997272" s="10"/>
    </row>
    <row r="997273" spans="14:14">
      <c r="N997273" s="10"/>
    </row>
    <row r="997274" spans="14:14">
      <c r="N997274" s="10"/>
    </row>
    <row r="997275" spans="14:14">
      <c r="N997275" s="10"/>
    </row>
    <row r="997276" spans="14:14">
      <c r="N997276" s="10"/>
    </row>
    <row r="997277" spans="14:14">
      <c r="N997277" s="10"/>
    </row>
    <row r="997278" spans="14:14">
      <c r="N997278" s="10"/>
    </row>
    <row r="997279" spans="14:14">
      <c r="N997279" s="10"/>
    </row>
    <row r="997280" spans="14:14">
      <c r="N997280" s="10"/>
    </row>
    <row r="997281" spans="14:14">
      <c r="N997281" s="10"/>
    </row>
    <row r="997282" spans="14:14">
      <c r="N997282" s="10"/>
    </row>
    <row r="997283" spans="14:14">
      <c r="N997283" s="10"/>
    </row>
    <row r="997284" spans="14:14">
      <c r="N997284" s="10"/>
    </row>
    <row r="997285" spans="14:14">
      <c r="N997285" s="10"/>
    </row>
    <row r="997286" spans="14:14">
      <c r="N997286" s="10"/>
    </row>
    <row r="997287" spans="14:14">
      <c r="N997287" s="10"/>
    </row>
    <row r="997288" spans="14:14">
      <c r="N997288" s="10"/>
    </row>
    <row r="997289" spans="14:14">
      <c r="N997289" s="10"/>
    </row>
    <row r="997290" spans="14:14">
      <c r="N997290" s="10"/>
    </row>
    <row r="997291" spans="14:14">
      <c r="N997291" s="10"/>
    </row>
    <row r="997292" spans="14:14">
      <c r="N997292" s="10"/>
    </row>
    <row r="997293" spans="14:14">
      <c r="N997293" s="10"/>
    </row>
    <row r="997294" spans="14:14">
      <c r="N997294" s="10"/>
    </row>
    <row r="997295" spans="14:14">
      <c r="N997295" s="10"/>
    </row>
    <row r="997296" spans="14:14">
      <c r="N997296" s="10"/>
    </row>
    <row r="997297" spans="14:14">
      <c r="N997297" s="10"/>
    </row>
    <row r="997298" spans="14:14">
      <c r="N997298" s="10"/>
    </row>
    <row r="997299" spans="14:14">
      <c r="N997299" s="10"/>
    </row>
    <row r="997300" spans="14:14">
      <c r="N997300" s="10"/>
    </row>
    <row r="997301" spans="14:14">
      <c r="N997301" s="10"/>
    </row>
    <row r="997302" spans="14:14">
      <c r="N997302" s="10"/>
    </row>
    <row r="997303" spans="14:14">
      <c r="N997303" s="10"/>
    </row>
    <row r="997304" spans="14:14">
      <c r="N997304" s="10"/>
    </row>
    <row r="997305" spans="14:14">
      <c r="N997305" s="10"/>
    </row>
    <row r="997306" spans="14:14">
      <c r="N997306" s="10"/>
    </row>
    <row r="997307" spans="14:14">
      <c r="N997307" s="10"/>
    </row>
    <row r="997308" spans="14:14">
      <c r="N997308" s="10"/>
    </row>
    <row r="997309" spans="14:14">
      <c r="N997309" s="10"/>
    </row>
    <row r="997310" spans="14:14">
      <c r="N997310" s="10"/>
    </row>
    <row r="997311" spans="14:14">
      <c r="N997311" s="10"/>
    </row>
    <row r="997312" spans="14:14">
      <c r="N997312" s="10"/>
    </row>
    <row r="997313" spans="14:14">
      <c r="N997313" s="10"/>
    </row>
    <row r="997314" spans="14:14">
      <c r="N997314" s="10"/>
    </row>
    <row r="997315" spans="14:14">
      <c r="N997315" s="10"/>
    </row>
    <row r="997316" spans="14:14">
      <c r="N997316" s="10"/>
    </row>
    <row r="997317" spans="14:14">
      <c r="N997317" s="10"/>
    </row>
    <row r="997318" spans="14:14">
      <c r="N997318" s="10"/>
    </row>
    <row r="997319" spans="14:14">
      <c r="N997319" s="10"/>
    </row>
    <row r="997320" spans="14:14">
      <c r="N997320" s="10"/>
    </row>
    <row r="997321" spans="14:14">
      <c r="N997321" s="10"/>
    </row>
    <row r="997322" spans="14:14">
      <c r="N997322" s="10"/>
    </row>
    <row r="997323" spans="14:14">
      <c r="N997323" s="10"/>
    </row>
    <row r="997324" spans="14:14">
      <c r="N997324" s="10"/>
    </row>
    <row r="997325" spans="14:14">
      <c r="N997325" s="10"/>
    </row>
    <row r="997326" spans="14:14">
      <c r="N997326" s="10"/>
    </row>
    <row r="997327" spans="14:14">
      <c r="N997327" s="10"/>
    </row>
    <row r="997328" spans="14:14">
      <c r="N997328" s="10"/>
    </row>
    <row r="997329" spans="14:14">
      <c r="N997329" s="10"/>
    </row>
    <row r="997330" spans="14:14">
      <c r="N997330" s="10"/>
    </row>
    <row r="997331" spans="14:14">
      <c r="N997331" s="10"/>
    </row>
    <row r="997332" spans="14:14">
      <c r="N997332" s="10"/>
    </row>
    <row r="997333" spans="14:14">
      <c r="N997333" s="10"/>
    </row>
    <row r="997334" spans="14:14">
      <c r="N997334" s="10"/>
    </row>
    <row r="997335" spans="14:14">
      <c r="N997335" s="10"/>
    </row>
    <row r="997336" spans="14:14">
      <c r="N997336" s="10"/>
    </row>
    <row r="997337" spans="14:14">
      <c r="N997337" s="10"/>
    </row>
    <row r="997338" spans="14:14">
      <c r="N997338" s="10"/>
    </row>
    <row r="997339" spans="14:14">
      <c r="N997339" s="10"/>
    </row>
    <row r="997340" spans="14:14">
      <c r="N997340" s="10"/>
    </row>
    <row r="997341" spans="14:14">
      <c r="N997341" s="10"/>
    </row>
    <row r="997342" spans="14:14">
      <c r="N997342" s="10"/>
    </row>
    <row r="997343" spans="14:14">
      <c r="N997343" s="10"/>
    </row>
    <row r="997344" spans="14:14">
      <c r="N997344" s="10"/>
    </row>
    <row r="997345" spans="14:14">
      <c r="N997345" s="10"/>
    </row>
    <row r="997346" spans="14:14">
      <c r="N997346" s="10"/>
    </row>
    <row r="997347" spans="14:14">
      <c r="N997347" s="10"/>
    </row>
    <row r="997348" spans="14:14">
      <c r="N997348" s="10"/>
    </row>
    <row r="997349" spans="14:14">
      <c r="N997349" s="10"/>
    </row>
    <row r="997350" spans="14:14">
      <c r="N997350" s="10"/>
    </row>
    <row r="997351" spans="14:14">
      <c r="N997351" s="10"/>
    </row>
    <row r="997352" spans="14:14">
      <c r="N997352" s="10"/>
    </row>
    <row r="997353" spans="14:14">
      <c r="N997353" s="10"/>
    </row>
    <row r="997354" spans="14:14">
      <c r="N997354" s="10"/>
    </row>
    <row r="997355" spans="14:14">
      <c r="N997355" s="10"/>
    </row>
    <row r="997356" spans="14:14">
      <c r="N997356" s="10"/>
    </row>
    <row r="997357" spans="14:14">
      <c r="N997357" s="10"/>
    </row>
    <row r="997358" spans="14:14">
      <c r="N997358" s="10"/>
    </row>
    <row r="997359" spans="14:14">
      <c r="N997359" s="10"/>
    </row>
    <row r="997360" spans="14:14">
      <c r="N997360" s="10"/>
    </row>
    <row r="997361" spans="14:14">
      <c r="N997361" s="10"/>
    </row>
    <row r="997362" spans="14:14">
      <c r="N997362" s="10"/>
    </row>
    <row r="997363" spans="14:14">
      <c r="N997363" s="10"/>
    </row>
    <row r="997364" spans="14:14">
      <c r="N997364" s="10"/>
    </row>
    <row r="997365" spans="14:14">
      <c r="N997365" s="10"/>
    </row>
    <row r="997366" spans="14:14">
      <c r="N997366" s="10"/>
    </row>
    <row r="997367" spans="14:14">
      <c r="N997367" s="10"/>
    </row>
    <row r="997368" spans="14:14">
      <c r="N997368" s="10"/>
    </row>
    <row r="997369" spans="14:14">
      <c r="N997369" s="10"/>
    </row>
    <row r="997370" spans="14:14">
      <c r="N997370" s="10"/>
    </row>
    <row r="997371" spans="14:14">
      <c r="N997371" s="10"/>
    </row>
    <row r="997372" spans="14:14">
      <c r="N997372" s="10"/>
    </row>
    <row r="997373" spans="14:14">
      <c r="N997373" s="10"/>
    </row>
    <row r="997374" spans="14:14">
      <c r="N997374" s="10"/>
    </row>
    <row r="997375" spans="14:14">
      <c r="N997375" s="10"/>
    </row>
    <row r="997376" spans="14:14">
      <c r="N997376" s="10"/>
    </row>
    <row r="997377" spans="14:14">
      <c r="N997377" s="10"/>
    </row>
    <row r="997378" spans="14:14">
      <c r="N997378" s="10"/>
    </row>
    <row r="997379" spans="14:14">
      <c r="N997379" s="10"/>
    </row>
    <row r="997380" spans="14:14">
      <c r="N997380" s="10"/>
    </row>
    <row r="997381" spans="14:14">
      <c r="N997381" s="10"/>
    </row>
    <row r="997382" spans="14:14">
      <c r="N997382" s="10"/>
    </row>
    <row r="997383" spans="14:14">
      <c r="N997383" s="10"/>
    </row>
    <row r="997384" spans="14:14">
      <c r="N997384" s="10"/>
    </row>
    <row r="997385" spans="14:14">
      <c r="N997385" s="10"/>
    </row>
    <row r="997386" spans="14:14">
      <c r="N997386" s="10"/>
    </row>
    <row r="997387" spans="14:14">
      <c r="N997387" s="10"/>
    </row>
    <row r="997388" spans="14:14">
      <c r="N997388" s="10"/>
    </row>
    <row r="997389" spans="14:14">
      <c r="N997389" s="10"/>
    </row>
    <row r="997390" spans="14:14">
      <c r="N997390" s="10"/>
    </row>
    <row r="997391" spans="14:14">
      <c r="N997391" s="10"/>
    </row>
    <row r="997392" spans="14:14">
      <c r="N997392" s="10"/>
    </row>
    <row r="997393" spans="14:14">
      <c r="N997393" s="10"/>
    </row>
    <row r="997394" spans="14:14">
      <c r="N997394" s="10"/>
    </row>
    <row r="997395" spans="14:14">
      <c r="N997395" s="10"/>
    </row>
    <row r="997396" spans="14:14">
      <c r="N997396" s="10"/>
    </row>
    <row r="997397" spans="14:14">
      <c r="N997397" s="10"/>
    </row>
    <row r="997398" spans="14:14">
      <c r="N997398" s="10"/>
    </row>
    <row r="997399" spans="14:14">
      <c r="N997399" s="10"/>
    </row>
    <row r="997400" spans="14:14">
      <c r="N997400" s="10"/>
    </row>
    <row r="997401" spans="14:14">
      <c r="N997401" s="10"/>
    </row>
    <row r="997402" spans="14:14">
      <c r="N997402" s="10"/>
    </row>
    <row r="997403" spans="14:14">
      <c r="N997403" s="10"/>
    </row>
    <row r="997404" spans="14:14">
      <c r="N997404" s="10"/>
    </row>
    <row r="997405" spans="14:14">
      <c r="N997405" s="10"/>
    </row>
    <row r="997406" spans="14:14">
      <c r="N997406" s="10"/>
    </row>
    <row r="997407" spans="14:14">
      <c r="N997407" s="10"/>
    </row>
    <row r="997408" spans="14:14">
      <c r="N997408" s="10"/>
    </row>
    <row r="997409" spans="14:14">
      <c r="N997409" s="10"/>
    </row>
    <row r="997410" spans="14:14">
      <c r="N997410" s="10"/>
    </row>
    <row r="997411" spans="14:14">
      <c r="N997411" s="10"/>
    </row>
    <row r="997412" spans="14:14">
      <c r="N997412" s="10"/>
    </row>
    <row r="997413" spans="14:14">
      <c r="N997413" s="10"/>
    </row>
    <row r="997414" spans="14:14">
      <c r="N997414" s="10"/>
    </row>
    <row r="997415" spans="14:14">
      <c r="N997415" s="10"/>
    </row>
    <row r="997416" spans="14:14">
      <c r="N997416" s="10"/>
    </row>
    <row r="997417" spans="14:14">
      <c r="N997417" s="10"/>
    </row>
    <row r="997418" spans="14:14">
      <c r="N997418" s="10"/>
    </row>
    <row r="997419" spans="14:14">
      <c r="N997419" s="10"/>
    </row>
    <row r="997420" spans="14:14">
      <c r="N997420" s="10"/>
    </row>
    <row r="997421" spans="14:14">
      <c r="N997421" s="10"/>
    </row>
    <row r="997422" spans="14:14">
      <c r="N997422" s="10"/>
    </row>
    <row r="997423" spans="14:14">
      <c r="N997423" s="10"/>
    </row>
    <row r="997424" spans="14:14">
      <c r="N997424" s="10"/>
    </row>
    <row r="997425" spans="14:14">
      <c r="N997425" s="10"/>
    </row>
    <row r="997426" spans="14:14">
      <c r="N997426" s="10"/>
    </row>
    <row r="997427" spans="14:14">
      <c r="N997427" s="10"/>
    </row>
    <row r="997428" spans="14:14">
      <c r="N997428" s="10"/>
    </row>
    <row r="997429" spans="14:14">
      <c r="N997429" s="10"/>
    </row>
    <row r="997430" spans="14:14">
      <c r="N997430" s="10"/>
    </row>
    <row r="997431" spans="14:14">
      <c r="N997431" s="10"/>
    </row>
    <row r="997432" spans="14:14">
      <c r="N997432" s="10"/>
    </row>
    <row r="997433" spans="14:14">
      <c r="N997433" s="10"/>
    </row>
    <row r="997434" spans="14:14">
      <c r="N997434" s="10"/>
    </row>
    <row r="997435" spans="14:14">
      <c r="N997435" s="10"/>
    </row>
    <row r="997436" spans="14:14">
      <c r="N997436" s="10"/>
    </row>
    <row r="997437" spans="14:14">
      <c r="N997437" s="10"/>
    </row>
    <row r="997438" spans="14:14">
      <c r="N997438" s="10"/>
    </row>
    <row r="997439" spans="14:14">
      <c r="N997439" s="10"/>
    </row>
    <row r="997440" spans="14:14">
      <c r="N997440" s="10"/>
    </row>
    <row r="997441" spans="14:14">
      <c r="N997441" s="10"/>
    </row>
    <row r="997442" spans="14:14">
      <c r="N997442" s="10"/>
    </row>
    <row r="997443" spans="14:14">
      <c r="N997443" s="10"/>
    </row>
    <row r="997444" spans="14:14">
      <c r="N997444" s="10"/>
    </row>
    <row r="997445" spans="14:14">
      <c r="N997445" s="10"/>
    </row>
    <row r="997446" spans="14:14">
      <c r="N997446" s="10"/>
    </row>
    <row r="997447" spans="14:14">
      <c r="N997447" s="10"/>
    </row>
    <row r="997448" spans="14:14">
      <c r="N997448" s="10"/>
    </row>
    <row r="997449" spans="14:14">
      <c r="N997449" s="10"/>
    </row>
    <row r="997450" spans="14:14">
      <c r="N997450" s="10"/>
    </row>
    <row r="997451" spans="14:14">
      <c r="N997451" s="10"/>
    </row>
    <row r="997452" spans="14:14">
      <c r="N997452" s="10"/>
    </row>
    <row r="997453" spans="14:14">
      <c r="N997453" s="10"/>
    </row>
    <row r="997454" spans="14:14">
      <c r="N997454" s="10"/>
    </row>
    <row r="997455" spans="14:14">
      <c r="N997455" s="10"/>
    </row>
    <row r="997456" spans="14:14">
      <c r="N997456" s="10"/>
    </row>
    <row r="997457" spans="14:14">
      <c r="N997457" s="10"/>
    </row>
    <row r="997458" spans="14:14">
      <c r="N997458" s="10"/>
    </row>
    <row r="997459" spans="14:14">
      <c r="N997459" s="10"/>
    </row>
    <row r="997460" spans="14:14">
      <c r="N997460" s="10"/>
    </row>
    <row r="997461" spans="14:14">
      <c r="N997461" s="10"/>
    </row>
    <row r="997462" spans="14:14">
      <c r="N997462" s="10"/>
    </row>
    <row r="997463" spans="14:14">
      <c r="N997463" s="10"/>
    </row>
    <row r="997464" spans="14:14">
      <c r="N997464" s="10"/>
    </row>
    <row r="997465" spans="14:14">
      <c r="N997465" s="10"/>
    </row>
    <row r="997466" spans="14:14">
      <c r="N997466" s="10"/>
    </row>
    <row r="997467" spans="14:14">
      <c r="N997467" s="10"/>
    </row>
    <row r="997468" spans="14:14">
      <c r="N997468" s="10"/>
    </row>
    <row r="997469" spans="14:14">
      <c r="N997469" s="10"/>
    </row>
    <row r="997470" spans="14:14">
      <c r="N997470" s="10"/>
    </row>
    <row r="997471" spans="14:14">
      <c r="N997471" s="10"/>
    </row>
    <row r="997472" spans="14:14">
      <c r="N997472" s="10"/>
    </row>
    <row r="997473" spans="14:14">
      <c r="N997473" s="10"/>
    </row>
    <row r="997474" spans="14:14">
      <c r="N997474" s="10"/>
    </row>
    <row r="997475" spans="14:14">
      <c r="N997475" s="10"/>
    </row>
    <row r="997476" spans="14:14">
      <c r="N997476" s="10"/>
    </row>
    <row r="997477" spans="14:14">
      <c r="N997477" s="10"/>
    </row>
    <row r="997478" spans="14:14">
      <c r="N997478" s="10"/>
    </row>
    <row r="997479" spans="14:14">
      <c r="N997479" s="10"/>
    </row>
    <row r="997480" spans="14:14">
      <c r="N997480" s="10"/>
    </row>
    <row r="997481" spans="14:14">
      <c r="N997481" s="10"/>
    </row>
    <row r="997482" spans="14:14">
      <c r="N997482" s="10"/>
    </row>
    <row r="997483" spans="14:14">
      <c r="N997483" s="10"/>
    </row>
    <row r="997484" spans="14:14">
      <c r="N997484" s="10"/>
    </row>
    <row r="997485" spans="14:14">
      <c r="N997485" s="10"/>
    </row>
    <row r="997486" spans="14:14">
      <c r="N997486" s="10"/>
    </row>
    <row r="997487" spans="14:14">
      <c r="N997487" s="10"/>
    </row>
    <row r="997488" spans="14:14">
      <c r="N997488" s="10"/>
    </row>
    <row r="997489" spans="14:14">
      <c r="N997489" s="10"/>
    </row>
    <row r="997490" spans="14:14">
      <c r="N997490" s="10"/>
    </row>
    <row r="997491" spans="14:14">
      <c r="N997491" s="10"/>
    </row>
    <row r="997492" spans="14:14">
      <c r="N997492" s="10"/>
    </row>
    <row r="997493" spans="14:14">
      <c r="N997493" s="10"/>
    </row>
    <row r="997494" spans="14:14">
      <c r="N997494" s="10"/>
    </row>
    <row r="997495" spans="14:14">
      <c r="N997495" s="10"/>
    </row>
    <row r="997496" spans="14:14">
      <c r="N997496" s="10"/>
    </row>
    <row r="997497" spans="14:14">
      <c r="N997497" s="10"/>
    </row>
    <row r="997498" spans="14:14">
      <c r="N997498" s="10"/>
    </row>
    <row r="997499" spans="14:14">
      <c r="N997499" s="10"/>
    </row>
    <row r="997500" spans="14:14">
      <c r="N997500" s="10"/>
    </row>
    <row r="997501" spans="14:14">
      <c r="N997501" s="10"/>
    </row>
    <row r="997502" spans="14:14">
      <c r="N997502" s="10"/>
    </row>
    <row r="997503" spans="14:14">
      <c r="N997503" s="10"/>
    </row>
    <row r="997504" spans="14:14">
      <c r="N997504" s="10"/>
    </row>
    <row r="997505" spans="14:14">
      <c r="N997505" s="10"/>
    </row>
    <row r="997506" spans="14:14">
      <c r="N997506" s="10"/>
    </row>
    <row r="997507" spans="14:14">
      <c r="N997507" s="10"/>
    </row>
    <row r="997508" spans="14:14">
      <c r="N997508" s="10"/>
    </row>
    <row r="997509" spans="14:14">
      <c r="N997509" s="10"/>
    </row>
    <row r="997510" spans="14:14">
      <c r="N997510" s="10"/>
    </row>
    <row r="997511" spans="14:14">
      <c r="N997511" s="10"/>
    </row>
    <row r="997512" spans="14:14">
      <c r="N997512" s="10"/>
    </row>
    <row r="997513" spans="14:14">
      <c r="N997513" s="10"/>
    </row>
    <row r="997514" spans="14:14">
      <c r="N997514" s="10"/>
    </row>
    <row r="997515" spans="14:14">
      <c r="N997515" s="10"/>
    </row>
    <row r="997516" spans="14:14">
      <c r="N997516" s="10"/>
    </row>
    <row r="997517" spans="14:14">
      <c r="N997517" s="10"/>
    </row>
    <row r="997518" spans="14:14">
      <c r="N997518" s="10"/>
    </row>
    <row r="997519" spans="14:14">
      <c r="N997519" s="10"/>
    </row>
    <row r="997520" spans="14:14">
      <c r="N997520" s="10"/>
    </row>
    <row r="997521" spans="14:14">
      <c r="N997521" s="10"/>
    </row>
    <row r="997522" spans="14:14">
      <c r="N997522" s="10"/>
    </row>
    <row r="997523" spans="14:14">
      <c r="N997523" s="10"/>
    </row>
    <row r="997524" spans="14:14">
      <c r="N997524" s="10"/>
    </row>
    <row r="997525" spans="14:14">
      <c r="N997525" s="10"/>
    </row>
    <row r="997526" spans="14:14">
      <c r="N997526" s="10"/>
    </row>
    <row r="997527" spans="14:14">
      <c r="N997527" s="10"/>
    </row>
    <row r="997528" spans="14:14">
      <c r="N997528" s="10"/>
    </row>
    <row r="997529" spans="14:14">
      <c r="N997529" s="10"/>
    </row>
    <row r="997530" spans="14:14">
      <c r="N997530" s="10"/>
    </row>
    <row r="997531" spans="14:14">
      <c r="N997531" s="10"/>
    </row>
    <row r="997532" spans="14:14">
      <c r="N997532" s="10"/>
    </row>
    <row r="997533" spans="14:14">
      <c r="N997533" s="10"/>
    </row>
    <row r="997534" spans="14:14">
      <c r="N997534" s="10"/>
    </row>
    <row r="997535" spans="14:14">
      <c r="N997535" s="10"/>
    </row>
    <row r="997536" spans="14:14">
      <c r="N997536" s="10"/>
    </row>
    <row r="997537" spans="14:14">
      <c r="N997537" s="10"/>
    </row>
    <row r="997538" spans="14:14">
      <c r="N997538" s="10"/>
    </row>
    <row r="997539" spans="14:14">
      <c r="N997539" s="10"/>
    </row>
    <row r="997540" spans="14:14">
      <c r="N997540" s="10"/>
    </row>
    <row r="997541" spans="14:14">
      <c r="N997541" s="10"/>
    </row>
    <row r="997542" spans="14:14">
      <c r="N997542" s="10"/>
    </row>
    <row r="997543" spans="14:14">
      <c r="N997543" s="10"/>
    </row>
    <row r="997544" spans="14:14">
      <c r="N997544" s="10"/>
    </row>
    <row r="997545" spans="14:14">
      <c r="N997545" s="10"/>
    </row>
    <row r="997546" spans="14:14">
      <c r="N997546" s="10"/>
    </row>
    <row r="997547" spans="14:14">
      <c r="N997547" s="10"/>
    </row>
    <row r="997548" spans="14:14">
      <c r="N997548" s="10"/>
    </row>
    <row r="997549" spans="14:14">
      <c r="N997549" s="10"/>
    </row>
    <row r="997550" spans="14:14">
      <c r="N997550" s="10"/>
    </row>
    <row r="997551" spans="14:14">
      <c r="N997551" s="10"/>
    </row>
    <row r="997552" spans="14:14">
      <c r="N997552" s="10"/>
    </row>
    <row r="997553" spans="14:14">
      <c r="N997553" s="10"/>
    </row>
    <row r="997554" spans="14:14">
      <c r="N997554" s="10"/>
    </row>
    <row r="997555" spans="14:14">
      <c r="N997555" s="10"/>
    </row>
    <row r="997556" spans="14:14">
      <c r="N997556" s="10"/>
    </row>
    <row r="997557" spans="14:14">
      <c r="N997557" s="10"/>
    </row>
    <row r="997558" spans="14:14">
      <c r="N997558" s="10"/>
    </row>
    <row r="997559" spans="14:14">
      <c r="N997559" s="10"/>
    </row>
    <row r="997560" spans="14:14">
      <c r="N997560" s="10"/>
    </row>
    <row r="997561" spans="14:14">
      <c r="N997561" s="10"/>
    </row>
    <row r="997562" spans="14:14">
      <c r="N997562" s="10"/>
    </row>
    <row r="997563" spans="14:14">
      <c r="N997563" s="10"/>
    </row>
    <row r="997564" spans="14:14">
      <c r="N997564" s="10"/>
    </row>
    <row r="997565" spans="14:14">
      <c r="N997565" s="10"/>
    </row>
    <row r="997566" spans="14:14">
      <c r="N997566" s="10"/>
    </row>
    <row r="997567" spans="14:14">
      <c r="N997567" s="10"/>
    </row>
    <row r="997568" spans="14:14">
      <c r="N997568" s="10"/>
    </row>
    <row r="997569" spans="14:14">
      <c r="N997569" s="10"/>
    </row>
    <row r="997570" spans="14:14">
      <c r="N997570" s="10"/>
    </row>
    <row r="997571" spans="14:14">
      <c r="N997571" s="10"/>
    </row>
    <row r="997572" spans="14:14">
      <c r="N997572" s="10"/>
    </row>
    <row r="997573" spans="14:14">
      <c r="N997573" s="10"/>
    </row>
    <row r="997574" spans="14:14">
      <c r="N997574" s="10"/>
    </row>
    <row r="997575" spans="14:14">
      <c r="N997575" s="10"/>
    </row>
    <row r="997576" spans="14:14">
      <c r="N997576" s="10"/>
    </row>
    <row r="997577" spans="14:14">
      <c r="N997577" s="10"/>
    </row>
    <row r="997578" spans="14:14">
      <c r="N997578" s="10"/>
    </row>
    <row r="997579" spans="14:14">
      <c r="N997579" s="10"/>
    </row>
    <row r="997580" spans="14:14">
      <c r="N997580" s="10"/>
    </row>
    <row r="997581" spans="14:14">
      <c r="N997581" s="10"/>
    </row>
    <row r="997582" spans="14:14">
      <c r="N997582" s="10"/>
    </row>
    <row r="997583" spans="14:14">
      <c r="N997583" s="10"/>
    </row>
    <row r="997584" spans="14:14">
      <c r="N997584" s="10"/>
    </row>
    <row r="997585" spans="14:14">
      <c r="N997585" s="10"/>
    </row>
    <row r="997586" spans="14:14">
      <c r="N997586" s="10"/>
    </row>
    <row r="997587" spans="14:14">
      <c r="N997587" s="10"/>
    </row>
    <row r="997588" spans="14:14">
      <c r="N997588" s="10"/>
    </row>
    <row r="997589" spans="14:14">
      <c r="N997589" s="10"/>
    </row>
    <row r="997590" spans="14:14">
      <c r="N997590" s="10"/>
    </row>
    <row r="997591" spans="14:14">
      <c r="N997591" s="10"/>
    </row>
    <row r="997592" spans="14:14">
      <c r="N997592" s="10"/>
    </row>
    <row r="997593" spans="14:14">
      <c r="N997593" s="10"/>
    </row>
    <row r="997594" spans="14:14">
      <c r="N997594" s="10"/>
    </row>
    <row r="997595" spans="14:14">
      <c r="N997595" s="10"/>
    </row>
    <row r="997596" spans="14:14">
      <c r="N997596" s="10"/>
    </row>
    <row r="997597" spans="14:14">
      <c r="N997597" s="10"/>
    </row>
    <row r="997598" spans="14:14">
      <c r="N997598" s="10"/>
    </row>
    <row r="997599" spans="14:14">
      <c r="N997599" s="10"/>
    </row>
    <row r="997600" spans="14:14">
      <c r="N997600" s="10"/>
    </row>
    <row r="997601" spans="14:14">
      <c r="N997601" s="10"/>
    </row>
    <row r="997602" spans="14:14">
      <c r="N997602" s="10"/>
    </row>
    <row r="997603" spans="14:14">
      <c r="N997603" s="10"/>
    </row>
    <row r="997604" spans="14:14">
      <c r="N997604" s="10"/>
    </row>
    <row r="997605" spans="14:14">
      <c r="N997605" s="10"/>
    </row>
    <row r="997606" spans="14:14">
      <c r="N997606" s="10"/>
    </row>
    <row r="997607" spans="14:14">
      <c r="N997607" s="10"/>
    </row>
    <row r="997608" spans="14:14">
      <c r="N997608" s="10"/>
    </row>
    <row r="997609" spans="14:14">
      <c r="N997609" s="10"/>
    </row>
    <row r="997610" spans="14:14">
      <c r="N997610" s="10"/>
    </row>
    <row r="997611" spans="14:14">
      <c r="N997611" s="10"/>
    </row>
    <row r="997612" spans="14:14">
      <c r="N997612" s="10"/>
    </row>
    <row r="997613" spans="14:14">
      <c r="N997613" s="10"/>
    </row>
    <row r="997614" spans="14:14">
      <c r="N997614" s="10"/>
    </row>
    <row r="997615" spans="14:14">
      <c r="N997615" s="10"/>
    </row>
    <row r="997616" spans="14:14">
      <c r="N997616" s="10"/>
    </row>
    <row r="997617" spans="14:14">
      <c r="N997617" s="10"/>
    </row>
    <row r="997618" spans="14:14">
      <c r="N997618" s="10"/>
    </row>
    <row r="997619" spans="14:14">
      <c r="N997619" s="10"/>
    </row>
    <row r="997620" spans="14:14">
      <c r="N997620" s="10"/>
    </row>
    <row r="997621" spans="14:14">
      <c r="N997621" s="10"/>
    </row>
    <row r="997622" spans="14:14">
      <c r="N997622" s="10"/>
    </row>
    <row r="997623" spans="14:14">
      <c r="N997623" s="10"/>
    </row>
    <row r="997624" spans="14:14">
      <c r="N997624" s="10"/>
    </row>
    <row r="997625" spans="14:14">
      <c r="N997625" s="10"/>
    </row>
    <row r="997626" spans="14:14">
      <c r="N997626" s="10"/>
    </row>
    <row r="997627" spans="14:14">
      <c r="N997627" s="10"/>
    </row>
    <row r="997628" spans="14:14">
      <c r="N997628" s="10"/>
    </row>
    <row r="997629" spans="14:14">
      <c r="N997629" s="10"/>
    </row>
    <row r="997630" spans="14:14">
      <c r="N997630" s="10"/>
    </row>
    <row r="997631" spans="14:14">
      <c r="N997631" s="10"/>
    </row>
    <row r="997632" spans="14:14">
      <c r="N997632" s="10"/>
    </row>
    <row r="997633" spans="14:14">
      <c r="N997633" s="10"/>
    </row>
    <row r="997634" spans="14:14">
      <c r="N997634" s="10"/>
    </row>
    <row r="997635" spans="14:14">
      <c r="N997635" s="10"/>
    </row>
    <row r="997636" spans="14:14">
      <c r="N997636" s="10"/>
    </row>
    <row r="997637" spans="14:14">
      <c r="N997637" s="10"/>
    </row>
    <row r="997638" spans="14:14">
      <c r="N997638" s="10"/>
    </row>
    <row r="997639" spans="14:14">
      <c r="N997639" s="10"/>
    </row>
    <row r="997640" spans="14:14">
      <c r="N997640" s="10"/>
    </row>
    <row r="997641" spans="14:14">
      <c r="N997641" s="10"/>
    </row>
    <row r="997642" spans="14:14">
      <c r="N997642" s="10"/>
    </row>
    <row r="997643" spans="14:14">
      <c r="N997643" s="10"/>
    </row>
    <row r="997644" spans="14:14">
      <c r="N997644" s="10"/>
    </row>
    <row r="997645" spans="14:14">
      <c r="N997645" s="10"/>
    </row>
    <row r="997646" spans="14:14">
      <c r="N997646" s="10"/>
    </row>
    <row r="997647" spans="14:14">
      <c r="N997647" s="10"/>
    </row>
    <row r="997648" spans="14:14">
      <c r="N997648" s="10"/>
    </row>
    <row r="997649" spans="14:14">
      <c r="N997649" s="10"/>
    </row>
    <row r="997650" spans="14:14">
      <c r="N997650" s="10"/>
    </row>
    <row r="997651" spans="14:14">
      <c r="N997651" s="10"/>
    </row>
    <row r="997652" spans="14:14">
      <c r="N997652" s="10"/>
    </row>
    <row r="997653" spans="14:14">
      <c r="N997653" s="10"/>
    </row>
    <row r="997654" spans="14:14">
      <c r="N997654" s="10"/>
    </row>
    <row r="997655" spans="14:14">
      <c r="N997655" s="10"/>
    </row>
    <row r="997656" spans="14:14">
      <c r="N997656" s="10"/>
    </row>
    <row r="997657" spans="14:14">
      <c r="N997657" s="10"/>
    </row>
    <row r="997658" spans="14:14">
      <c r="N997658" s="10"/>
    </row>
    <row r="997659" spans="14:14">
      <c r="N997659" s="10"/>
    </row>
    <row r="997660" spans="14:14">
      <c r="N997660" s="10"/>
    </row>
    <row r="997661" spans="14:14">
      <c r="N997661" s="10"/>
    </row>
    <row r="997662" spans="14:14">
      <c r="N997662" s="10"/>
    </row>
    <row r="997663" spans="14:14">
      <c r="N997663" s="10"/>
    </row>
    <row r="997664" spans="14:14">
      <c r="N997664" s="10"/>
    </row>
    <row r="997665" spans="14:14">
      <c r="N997665" s="10"/>
    </row>
    <row r="997666" spans="14:14">
      <c r="N997666" s="10"/>
    </row>
    <row r="997667" spans="14:14">
      <c r="N997667" s="10"/>
    </row>
    <row r="997668" spans="14:14">
      <c r="N997668" s="10"/>
    </row>
    <row r="997669" spans="14:14">
      <c r="N997669" s="10"/>
    </row>
    <row r="997670" spans="14:14">
      <c r="N997670" s="10"/>
    </row>
    <row r="997671" spans="14:14">
      <c r="N997671" s="10"/>
    </row>
    <row r="997672" spans="14:14">
      <c r="N997672" s="10"/>
    </row>
    <row r="997673" spans="14:14">
      <c r="N997673" s="10"/>
    </row>
    <row r="997674" spans="14:14">
      <c r="N997674" s="10"/>
    </row>
    <row r="997675" spans="14:14">
      <c r="N997675" s="10"/>
    </row>
    <row r="997676" spans="14:14">
      <c r="N997676" s="10"/>
    </row>
    <row r="997677" spans="14:14">
      <c r="N997677" s="10"/>
    </row>
    <row r="997678" spans="14:14">
      <c r="N997678" s="10"/>
    </row>
    <row r="997679" spans="14:14">
      <c r="N997679" s="10"/>
    </row>
    <row r="997680" spans="14:14">
      <c r="N997680" s="10"/>
    </row>
    <row r="997681" spans="14:14">
      <c r="N997681" s="10"/>
    </row>
    <row r="997682" spans="14:14">
      <c r="N997682" s="10"/>
    </row>
    <row r="997683" spans="14:14">
      <c r="N997683" s="10"/>
    </row>
    <row r="997684" spans="14:14">
      <c r="N997684" s="10"/>
    </row>
    <row r="997685" spans="14:14">
      <c r="N997685" s="10"/>
    </row>
    <row r="997686" spans="14:14">
      <c r="N997686" s="10"/>
    </row>
    <row r="997687" spans="14:14">
      <c r="N997687" s="10"/>
    </row>
    <row r="997688" spans="14:14">
      <c r="N997688" s="10"/>
    </row>
    <row r="997689" spans="14:14">
      <c r="N997689" s="10"/>
    </row>
    <row r="997690" spans="14:14">
      <c r="N997690" s="10"/>
    </row>
    <row r="997691" spans="14:14">
      <c r="N997691" s="10"/>
    </row>
    <row r="997692" spans="14:14">
      <c r="N997692" s="10"/>
    </row>
    <row r="997693" spans="14:14">
      <c r="N997693" s="10"/>
    </row>
    <row r="997694" spans="14:14">
      <c r="N997694" s="10"/>
    </row>
    <row r="997695" spans="14:14">
      <c r="N997695" s="10"/>
    </row>
    <row r="997696" spans="14:14">
      <c r="N997696" s="10"/>
    </row>
    <row r="997697" spans="14:14">
      <c r="N997697" s="10"/>
    </row>
    <row r="997698" spans="14:14">
      <c r="N997698" s="10"/>
    </row>
    <row r="997699" spans="14:14">
      <c r="N997699" s="10"/>
    </row>
    <row r="997700" spans="14:14">
      <c r="N997700" s="10"/>
    </row>
    <row r="997701" spans="14:14">
      <c r="N997701" s="10"/>
    </row>
    <row r="997702" spans="14:14">
      <c r="N997702" s="10"/>
    </row>
    <row r="997703" spans="14:14">
      <c r="N997703" s="10"/>
    </row>
    <row r="997704" spans="14:14">
      <c r="N997704" s="10"/>
    </row>
    <row r="997705" spans="14:14">
      <c r="N997705" s="10"/>
    </row>
    <row r="997706" spans="14:14">
      <c r="N997706" s="10"/>
    </row>
    <row r="997707" spans="14:14">
      <c r="N997707" s="10"/>
    </row>
    <row r="997708" spans="14:14">
      <c r="N997708" s="10"/>
    </row>
    <row r="997709" spans="14:14">
      <c r="N997709" s="10"/>
    </row>
    <row r="997710" spans="14:14">
      <c r="N997710" s="10"/>
    </row>
    <row r="997711" spans="14:14">
      <c r="N997711" s="10"/>
    </row>
    <row r="997712" spans="14:14">
      <c r="N997712" s="10"/>
    </row>
    <row r="997713" spans="14:14">
      <c r="N997713" s="10"/>
    </row>
    <row r="997714" spans="14:14">
      <c r="N997714" s="10"/>
    </row>
    <row r="997715" spans="14:14">
      <c r="N997715" s="10"/>
    </row>
    <row r="997716" spans="14:14">
      <c r="N997716" s="10"/>
    </row>
    <row r="997717" spans="14:14">
      <c r="N997717" s="10"/>
    </row>
    <row r="997718" spans="14:14">
      <c r="N997718" s="10"/>
    </row>
    <row r="997719" spans="14:14">
      <c r="N997719" s="10"/>
    </row>
    <row r="997720" spans="14:14">
      <c r="N997720" s="10"/>
    </row>
    <row r="997721" spans="14:14">
      <c r="N997721" s="10"/>
    </row>
    <row r="997722" spans="14:14">
      <c r="N997722" s="10"/>
    </row>
    <row r="997723" spans="14:14">
      <c r="N997723" s="10"/>
    </row>
    <row r="997724" spans="14:14">
      <c r="N997724" s="10"/>
    </row>
    <row r="997725" spans="14:14">
      <c r="N997725" s="10"/>
    </row>
    <row r="997726" spans="14:14">
      <c r="N997726" s="10"/>
    </row>
    <row r="997727" spans="14:14">
      <c r="N997727" s="10"/>
    </row>
    <row r="997728" spans="14:14">
      <c r="N997728" s="10"/>
    </row>
    <row r="997729" spans="14:14">
      <c r="N997729" s="10"/>
    </row>
    <row r="997730" spans="14:14">
      <c r="N997730" s="10"/>
    </row>
    <row r="997731" spans="14:14">
      <c r="N997731" s="10"/>
    </row>
    <row r="997732" spans="14:14">
      <c r="N997732" s="10"/>
    </row>
    <row r="997733" spans="14:14">
      <c r="N997733" s="10"/>
    </row>
    <row r="997734" spans="14:14">
      <c r="N997734" s="10"/>
    </row>
    <row r="997735" spans="14:14">
      <c r="N997735" s="10"/>
    </row>
    <row r="997736" spans="14:14">
      <c r="N997736" s="10"/>
    </row>
    <row r="997737" spans="14:14">
      <c r="N997737" s="10"/>
    </row>
    <row r="997738" spans="14:14">
      <c r="N997738" s="10"/>
    </row>
    <row r="997739" spans="14:14">
      <c r="N997739" s="10"/>
    </row>
    <row r="997740" spans="14:14">
      <c r="N997740" s="10"/>
    </row>
    <row r="997741" spans="14:14">
      <c r="N997741" s="10"/>
    </row>
    <row r="997742" spans="14:14">
      <c r="N997742" s="10"/>
    </row>
    <row r="997743" spans="14:14">
      <c r="N997743" s="10"/>
    </row>
    <row r="997744" spans="14:14">
      <c r="N997744" s="10"/>
    </row>
    <row r="997745" spans="14:14">
      <c r="N997745" s="10"/>
    </row>
    <row r="997746" spans="14:14">
      <c r="N997746" s="10"/>
    </row>
    <row r="997747" spans="14:14">
      <c r="N997747" s="10"/>
    </row>
    <row r="997748" spans="14:14">
      <c r="N997748" s="10"/>
    </row>
    <row r="997749" spans="14:14">
      <c r="N997749" s="10"/>
    </row>
    <row r="997750" spans="14:14">
      <c r="N997750" s="10"/>
    </row>
    <row r="997751" spans="14:14">
      <c r="N997751" s="10"/>
    </row>
    <row r="997752" spans="14:14">
      <c r="N997752" s="10"/>
    </row>
    <row r="997753" spans="14:14">
      <c r="N997753" s="10"/>
    </row>
    <row r="997754" spans="14:14">
      <c r="N997754" s="10"/>
    </row>
    <row r="997755" spans="14:14">
      <c r="N997755" s="10"/>
    </row>
    <row r="997756" spans="14:14">
      <c r="N997756" s="10"/>
    </row>
    <row r="997757" spans="14:14">
      <c r="N997757" s="10"/>
    </row>
    <row r="997758" spans="14:14">
      <c r="N997758" s="10"/>
    </row>
    <row r="997759" spans="14:14">
      <c r="N997759" s="10"/>
    </row>
    <row r="997760" spans="14:14">
      <c r="N997760" s="10"/>
    </row>
    <row r="997761" spans="14:14">
      <c r="N997761" s="10"/>
    </row>
    <row r="997762" spans="14:14">
      <c r="N997762" s="10"/>
    </row>
    <row r="997763" spans="14:14">
      <c r="N997763" s="10"/>
    </row>
    <row r="997764" spans="14:14">
      <c r="N997764" s="10"/>
    </row>
    <row r="997765" spans="14:14">
      <c r="N997765" s="10"/>
    </row>
    <row r="997766" spans="14:14">
      <c r="N997766" s="10"/>
    </row>
    <row r="997767" spans="14:14">
      <c r="N997767" s="10"/>
    </row>
    <row r="997768" spans="14:14">
      <c r="N997768" s="10"/>
    </row>
    <row r="997769" spans="14:14">
      <c r="N997769" s="10"/>
    </row>
    <row r="997770" spans="14:14">
      <c r="N997770" s="10"/>
    </row>
    <row r="997771" spans="14:14">
      <c r="N997771" s="10"/>
    </row>
    <row r="997772" spans="14:14">
      <c r="N997772" s="10"/>
    </row>
    <row r="997773" spans="14:14">
      <c r="N997773" s="10"/>
    </row>
    <row r="997774" spans="14:14">
      <c r="N997774" s="10"/>
    </row>
    <row r="997775" spans="14:14">
      <c r="N997775" s="10"/>
    </row>
    <row r="997776" spans="14:14">
      <c r="N997776" s="10"/>
    </row>
    <row r="997777" spans="14:14">
      <c r="N997777" s="10"/>
    </row>
    <row r="997778" spans="14:14">
      <c r="N997778" s="10"/>
    </row>
    <row r="997779" spans="14:14">
      <c r="N997779" s="10"/>
    </row>
    <row r="997780" spans="14:14">
      <c r="N997780" s="10"/>
    </row>
    <row r="997781" spans="14:14">
      <c r="N997781" s="10"/>
    </row>
    <row r="997782" spans="14:14">
      <c r="N997782" s="10"/>
    </row>
    <row r="997783" spans="14:14">
      <c r="N997783" s="10"/>
    </row>
    <row r="997784" spans="14:14">
      <c r="N997784" s="10"/>
    </row>
    <row r="997785" spans="14:14">
      <c r="N997785" s="10"/>
    </row>
    <row r="997786" spans="14:14">
      <c r="N997786" s="10"/>
    </row>
    <row r="997787" spans="14:14">
      <c r="N997787" s="10"/>
    </row>
    <row r="997788" spans="14:14">
      <c r="N997788" s="10"/>
    </row>
    <row r="997789" spans="14:14">
      <c r="N997789" s="10"/>
    </row>
    <row r="997790" spans="14:14">
      <c r="N997790" s="10"/>
    </row>
    <row r="997791" spans="14:14">
      <c r="N997791" s="10"/>
    </row>
    <row r="997792" spans="14:14">
      <c r="N997792" s="10"/>
    </row>
    <row r="997793" spans="14:14">
      <c r="N997793" s="10"/>
    </row>
    <row r="997794" spans="14:14">
      <c r="N997794" s="10"/>
    </row>
    <row r="997795" spans="14:14">
      <c r="N997795" s="10"/>
    </row>
    <row r="997796" spans="14:14">
      <c r="N997796" s="10"/>
    </row>
    <row r="997797" spans="14:14">
      <c r="N997797" s="10"/>
    </row>
    <row r="997798" spans="14:14">
      <c r="N997798" s="10"/>
    </row>
    <row r="997799" spans="14:14">
      <c r="N997799" s="10"/>
    </row>
    <row r="997800" spans="14:14">
      <c r="N997800" s="10"/>
    </row>
    <row r="997801" spans="14:14">
      <c r="N997801" s="10"/>
    </row>
    <row r="997802" spans="14:14">
      <c r="N997802" s="10"/>
    </row>
    <row r="997803" spans="14:14">
      <c r="N997803" s="10"/>
    </row>
    <row r="997804" spans="14:14">
      <c r="N997804" s="10"/>
    </row>
    <row r="997805" spans="14:14">
      <c r="N997805" s="10"/>
    </row>
    <row r="997806" spans="14:14">
      <c r="N997806" s="10"/>
    </row>
    <row r="997807" spans="14:14">
      <c r="N997807" s="10"/>
    </row>
    <row r="997808" spans="14:14">
      <c r="N997808" s="10"/>
    </row>
    <row r="997809" spans="14:14">
      <c r="N997809" s="10"/>
    </row>
    <row r="997810" spans="14:14">
      <c r="N997810" s="10"/>
    </row>
    <row r="997811" spans="14:14">
      <c r="N997811" s="10"/>
    </row>
    <row r="997812" spans="14:14">
      <c r="N997812" s="10"/>
    </row>
    <row r="997813" spans="14:14">
      <c r="N997813" s="10"/>
    </row>
    <row r="997814" spans="14:14">
      <c r="N997814" s="10"/>
    </row>
    <row r="997815" spans="14:14">
      <c r="N997815" s="10"/>
    </row>
    <row r="997816" spans="14:14">
      <c r="N997816" s="10"/>
    </row>
    <row r="997817" spans="14:14">
      <c r="N997817" s="10"/>
    </row>
    <row r="997818" spans="14:14">
      <c r="N997818" s="10"/>
    </row>
    <row r="997819" spans="14:14">
      <c r="N997819" s="10"/>
    </row>
    <row r="997820" spans="14:14">
      <c r="N997820" s="10"/>
    </row>
    <row r="997821" spans="14:14">
      <c r="N997821" s="10"/>
    </row>
    <row r="997822" spans="14:14">
      <c r="N997822" s="10"/>
    </row>
    <row r="997823" spans="14:14">
      <c r="N997823" s="10"/>
    </row>
    <row r="997824" spans="14:14">
      <c r="N997824" s="10"/>
    </row>
    <row r="997825" spans="14:14">
      <c r="N997825" s="10"/>
    </row>
    <row r="997826" spans="14:14">
      <c r="N997826" s="10"/>
    </row>
    <row r="997827" spans="14:14">
      <c r="N997827" s="10"/>
    </row>
    <row r="997828" spans="14:14">
      <c r="N997828" s="10"/>
    </row>
    <row r="997829" spans="14:14">
      <c r="N997829" s="10"/>
    </row>
    <row r="997830" spans="14:14">
      <c r="N997830" s="10"/>
    </row>
    <row r="997831" spans="14:14">
      <c r="N997831" s="10"/>
    </row>
    <row r="997832" spans="14:14">
      <c r="N997832" s="10"/>
    </row>
    <row r="997833" spans="14:14">
      <c r="N997833" s="10"/>
    </row>
    <row r="997834" spans="14:14">
      <c r="N997834" s="10"/>
    </row>
    <row r="997835" spans="14:14">
      <c r="N997835" s="10"/>
    </row>
    <row r="997836" spans="14:14">
      <c r="N997836" s="10"/>
    </row>
    <row r="997837" spans="14:14">
      <c r="N997837" s="10"/>
    </row>
    <row r="997838" spans="14:14">
      <c r="N997838" s="10"/>
    </row>
    <row r="997839" spans="14:14">
      <c r="N997839" s="10"/>
    </row>
    <row r="997840" spans="14:14">
      <c r="N997840" s="10"/>
    </row>
    <row r="997841" spans="14:14">
      <c r="N997841" s="10"/>
    </row>
    <row r="997842" spans="14:14">
      <c r="N997842" s="10"/>
    </row>
    <row r="997843" spans="14:14">
      <c r="N997843" s="10"/>
    </row>
    <row r="997844" spans="14:14">
      <c r="N997844" s="10"/>
    </row>
    <row r="997845" spans="14:14">
      <c r="N997845" s="10"/>
    </row>
    <row r="997846" spans="14:14">
      <c r="N997846" s="10"/>
    </row>
    <row r="997847" spans="14:14">
      <c r="N997847" s="10"/>
    </row>
    <row r="997848" spans="14:14">
      <c r="N997848" s="10"/>
    </row>
    <row r="997849" spans="14:14">
      <c r="N997849" s="10"/>
    </row>
    <row r="997850" spans="14:14">
      <c r="N997850" s="10"/>
    </row>
    <row r="997851" spans="14:14">
      <c r="N997851" s="10"/>
    </row>
    <row r="997852" spans="14:14">
      <c r="N997852" s="10"/>
    </row>
    <row r="997853" spans="14:14">
      <c r="N997853" s="10"/>
    </row>
    <row r="997854" spans="14:14">
      <c r="N997854" s="10"/>
    </row>
    <row r="997855" spans="14:14">
      <c r="N997855" s="10"/>
    </row>
    <row r="997856" spans="14:14">
      <c r="N997856" s="10"/>
    </row>
    <row r="997857" spans="14:14">
      <c r="N997857" s="10"/>
    </row>
    <row r="997858" spans="14:14">
      <c r="N997858" s="10"/>
    </row>
    <row r="997859" spans="14:14">
      <c r="N997859" s="10"/>
    </row>
    <row r="997860" spans="14:14">
      <c r="N997860" s="10"/>
    </row>
    <row r="997861" spans="14:14">
      <c r="N997861" s="10"/>
    </row>
    <row r="997862" spans="14:14">
      <c r="N997862" s="10"/>
    </row>
    <row r="997863" spans="14:14">
      <c r="N997863" s="10"/>
    </row>
    <row r="997864" spans="14:14">
      <c r="N997864" s="10"/>
    </row>
    <row r="997865" spans="14:14">
      <c r="N997865" s="10"/>
    </row>
    <row r="997866" spans="14:14">
      <c r="N997866" s="10"/>
    </row>
    <row r="997867" spans="14:14">
      <c r="N997867" s="10"/>
    </row>
    <row r="997868" spans="14:14">
      <c r="N997868" s="10"/>
    </row>
    <row r="997869" spans="14:14">
      <c r="N997869" s="10"/>
    </row>
    <row r="997870" spans="14:14">
      <c r="N997870" s="10"/>
    </row>
    <row r="997871" spans="14:14">
      <c r="N997871" s="10"/>
    </row>
    <row r="997872" spans="14:14">
      <c r="N997872" s="10"/>
    </row>
    <row r="997873" spans="14:14">
      <c r="N997873" s="10"/>
    </row>
    <row r="997874" spans="14:14">
      <c r="N997874" s="10"/>
    </row>
    <row r="997875" spans="14:14">
      <c r="N997875" s="10"/>
    </row>
    <row r="997876" spans="14:14">
      <c r="N997876" s="10"/>
    </row>
    <row r="997877" spans="14:14">
      <c r="N997877" s="10"/>
    </row>
    <row r="997878" spans="14:14">
      <c r="N997878" s="10"/>
    </row>
    <row r="997879" spans="14:14">
      <c r="N997879" s="10"/>
    </row>
    <row r="997880" spans="14:14">
      <c r="N997880" s="10"/>
    </row>
    <row r="997881" spans="14:14">
      <c r="N997881" s="10"/>
    </row>
    <row r="997882" spans="14:14">
      <c r="N997882" s="10"/>
    </row>
    <row r="997883" spans="14:14">
      <c r="N997883" s="10"/>
    </row>
    <row r="997884" spans="14:14">
      <c r="N997884" s="10"/>
    </row>
    <row r="997885" spans="14:14">
      <c r="N997885" s="10"/>
    </row>
    <row r="997886" spans="14:14">
      <c r="N997886" s="10"/>
    </row>
    <row r="997887" spans="14:14">
      <c r="N997887" s="10"/>
    </row>
    <row r="997888" spans="14:14">
      <c r="N997888" s="10"/>
    </row>
    <row r="997889" spans="14:14">
      <c r="N997889" s="10"/>
    </row>
    <row r="997890" spans="14:14">
      <c r="N997890" s="10"/>
    </row>
    <row r="997891" spans="14:14">
      <c r="N997891" s="10"/>
    </row>
    <row r="997892" spans="14:14">
      <c r="N997892" s="10"/>
    </row>
    <row r="997893" spans="14:14">
      <c r="N997893" s="10"/>
    </row>
    <row r="997894" spans="14:14">
      <c r="N997894" s="10"/>
    </row>
    <row r="997895" spans="14:14">
      <c r="N997895" s="10"/>
    </row>
    <row r="997896" spans="14:14">
      <c r="N997896" s="10"/>
    </row>
    <row r="997897" spans="14:14">
      <c r="N997897" s="10"/>
    </row>
    <row r="997898" spans="14:14">
      <c r="N997898" s="10"/>
    </row>
    <row r="997899" spans="14:14">
      <c r="N997899" s="10"/>
    </row>
    <row r="997900" spans="14:14">
      <c r="N997900" s="10"/>
    </row>
    <row r="997901" spans="14:14">
      <c r="N997901" s="10"/>
    </row>
    <row r="997902" spans="14:14">
      <c r="N997902" s="10"/>
    </row>
    <row r="997903" spans="14:14">
      <c r="N997903" s="10"/>
    </row>
    <row r="997904" spans="14:14">
      <c r="N997904" s="10"/>
    </row>
    <row r="997905" spans="14:14">
      <c r="N997905" s="10"/>
    </row>
    <row r="997906" spans="14:14">
      <c r="N997906" s="10"/>
    </row>
    <row r="997907" spans="14:14">
      <c r="N997907" s="10"/>
    </row>
    <row r="997908" spans="14:14">
      <c r="N997908" s="10"/>
    </row>
    <row r="997909" spans="14:14">
      <c r="N997909" s="10"/>
    </row>
    <row r="997910" spans="14:14">
      <c r="N997910" s="10"/>
    </row>
    <row r="997911" spans="14:14">
      <c r="N997911" s="10"/>
    </row>
    <row r="997912" spans="14:14">
      <c r="N997912" s="10"/>
    </row>
    <row r="997913" spans="14:14">
      <c r="N997913" s="10"/>
    </row>
    <row r="997914" spans="14:14">
      <c r="N997914" s="10"/>
    </row>
    <row r="997915" spans="14:14">
      <c r="N997915" s="10"/>
    </row>
    <row r="997916" spans="14:14">
      <c r="N997916" s="10"/>
    </row>
    <row r="997917" spans="14:14">
      <c r="N997917" s="10"/>
    </row>
    <row r="997918" spans="14:14">
      <c r="N997918" s="10"/>
    </row>
    <row r="997919" spans="14:14">
      <c r="N997919" s="10"/>
    </row>
    <row r="997920" spans="14:14">
      <c r="N997920" s="10"/>
    </row>
    <row r="997921" spans="14:14">
      <c r="N997921" s="10"/>
    </row>
    <row r="997922" spans="14:14">
      <c r="N997922" s="10"/>
    </row>
    <row r="997923" spans="14:14">
      <c r="N997923" s="10"/>
    </row>
    <row r="997924" spans="14:14">
      <c r="N997924" s="10"/>
    </row>
    <row r="997925" spans="14:14">
      <c r="N997925" s="10"/>
    </row>
    <row r="997926" spans="14:14">
      <c r="N997926" s="10"/>
    </row>
    <row r="997927" spans="14:14">
      <c r="N997927" s="10"/>
    </row>
    <row r="997928" spans="14:14">
      <c r="N997928" s="10"/>
    </row>
    <row r="997929" spans="14:14">
      <c r="N997929" s="10"/>
    </row>
    <row r="997930" spans="14:14">
      <c r="N997930" s="10"/>
    </row>
    <row r="997931" spans="14:14">
      <c r="N997931" s="10"/>
    </row>
    <row r="997932" spans="14:14">
      <c r="N997932" s="10"/>
    </row>
    <row r="997933" spans="14:14">
      <c r="N997933" s="10"/>
    </row>
    <row r="997934" spans="14:14">
      <c r="N997934" s="10"/>
    </row>
    <row r="997935" spans="14:14">
      <c r="N997935" s="10"/>
    </row>
    <row r="997936" spans="14:14">
      <c r="N997936" s="10"/>
    </row>
    <row r="997937" spans="14:14">
      <c r="N997937" s="10"/>
    </row>
    <row r="997938" spans="14:14">
      <c r="N997938" s="10"/>
    </row>
    <row r="997939" spans="14:14">
      <c r="N997939" s="10"/>
    </row>
    <row r="997940" spans="14:14">
      <c r="N997940" s="10"/>
    </row>
    <row r="997941" spans="14:14">
      <c r="N997941" s="10"/>
    </row>
    <row r="997942" spans="14:14">
      <c r="N997942" s="10"/>
    </row>
    <row r="997943" spans="14:14">
      <c r="N997943" s="10"/>
    </row>
    <row r="997944" spans="14:14">
      <c r="N997944" s="10"/>
    </row>
    <row r="997945" spans="14:14">
      <c r="N997945" s="10"/>
    </row>
    <row r="997946" spans="14:14">
      <c r="N997946" s="10"/>
    </row>
    <row r="997947" spans="14:14">
      <c r="N997947" s="10"/>
    </row>
    <row r="997948" spans="14:14">
      <c r="N997948" s="10"/>
    </row>
    <row r="997949" spans="14:14">
      <c r="N997949" s="10"/>
    </row>
    <row r="997950" spans="14:14">
      <c r="N997950" s="10"/>
    </row>
    <row r="997951" spans="14:14">
      <c r="N997951" s="10"/>
    </row>
    <row r="997952" spans="14:14">
      <c r="N997952" s="10"/>
    </row>
    <row r="997953" spans="14:14">
      <c r="N997953" s="10"/>
    </row>
    <row r="997954" spans="14:14">
      <c r="N997954" s="10"/>
    </row>
    <row r="997955" spans="14:14">
      <c r="N997955" s="10"/>
    </row>
    <row r="997956" spans="14:14">
      <c r="N997956" s="10"/>
    </row>
    <row r="997957" spans="14:14">
      <c r="N997957" s="10"/>
    </row>
    <row r="997958" spans="14:14">
      <c r="N997958" s="10"/>
    </row>
    <row r="997959" spans="14:14">
      <c r="N997959" s="10"/>
    </row>
    <row r="997960" spans="14:14">
      <c r="N997960" s="10"/>
    </row>
    <row r="997961" spans="14:14">
      <c r="N997961" s="10"/>
    </row>
    <row r="997962" spans="14:14">
      <c r="N997962" s="10"/>
    </row>
    <row r="997963" spans="14:14">
      <c r="N997963" s="10"/>
    </row>
    <row r="997964" spans="14:14">
      <c r="N997964" s="10"/>
    </row>
    <row r="997965" spans="14:14">
      <c r="N997965" s="10"/>
    </row>
    <row r="997966" spans="14:14">
      <c r="N997966" s="10"/>
    </row>
    <row r="997967" spans="14:14">
      <c r="N997967" s="10"/>
    </row>
    <row r="997968" spans="14:14">
      <c r="N997968" s="10"/>
    </row>
    <row r="997969" spans="14:14">
      <c r="N997969" s="10"/>
    </row>
    <row r="997970" spans="14:14">
      <c r="N997970" s="10"/>
    </row>
    <row r="997971" spans="14:14">
      <c r="N997971" s="10"/>
    </row>
    <row r="997972" spans="14:14">
      <c r="N997972" s="10"/>
    </row>
    <row r="997973" spans="14:14">
      <c r="N997973" s="10"/>
    </row>
    <row r="997974" spans="14:14">
      <c r="N997974" s="10"/>
    </row>
    <row r="997975" spans="14:14">
      <c r="N997975" s="10"/>
    </row>
    <row r="997976" spans="14:14">
      <c r="N997976" s="10"/>
    </row>
    <row r="997977" spans="14:14">
      <c r="N997977" s="10"/>
    </row>
    <row r="997978" spans="14:14">
      <c r="N997978" s="10"/>
    </row>
    <row r="997979" spans="14:14">
      <c r="N997979" s="10"/>
    </row>
    <row r="997980" spans="14:14">
      <c r="N997980" s="10"/>
    </row>
    <row r="997981" spans="14:14">
      <c r="N997981" s="10"/>
    </row>
    <row r="997982" spans="14:14">
      <c r="N997982" s="10"/>
    </row>
    <row r="997983" spans="14:14">
      <c r="N997983" s="10"/>
    </row>
    <row r="997984" spans="14:14">
      <c r="N997984" s="10"/>
    </row>
    <row r="997985" spans="14:14">
      <c r="N997985" s="10"/>
    </row>
    <row r="997986" spans="14:14">
      <c r="N997986" s="10"/>
    </row>
    <row r="997987" spans="14:14">
      <c r="N997987" s="10"/>
    </row>
    <row r="997988" spans="14:14">
      <c r="N997988" s="10"/>
    </row>
    <row r="997989" spans="14:14">
      <c r="N997989" s="10"/>
    </row>
    <row r="997990" spans="14:14">
      <c r="N997990" s="10"/>
    </row>
    <row r="997991" spans="14:14">
      <c r="N997991" s="10"/>
    </row>
    <row r="997992" spans="14:14">
      <c r="N997992" s="10"/>
    </row>
    <row r="997993" spans="14:14">
      <c r="N997993" s="10"/>
    </row>
    <row r="997994" spans="14:14">
      <c r="N997994" s="10"/>
    </row>
    <row r="997995" spans="14:14">
      <c r="N997995" s="10"/>
    </row>
    <row r="997996" spans="14:14">
      <c r="N997996" s="10"/>
    </row>
    <row r="997997" spans="14:14">
      <c r="N997997" s="10"/>
    </row>
    <row r="997998" spans="14:14">
      <c r="N997998" s="10"/>
    </row>
    <row r="997999" spans="14:14">
      <c r="N997999" s="10"/>
    </row>
    <row r="998000" spans="14:14">
      <c r="N998000" s="10"/>
    </row>
    <row r="998001" spans="14:14">
      <c r="N998001" s="10"/>
    </row>
    <row r="998002" spans="14:14">
      <c r="N998002" s="10"/>
    </row>
    <row r="998003" spans="14:14">
      <c r="N998003" s="10"/>
    </row>
    <row r="998004" spans="14:14">
      <c r="N998004" s="10"/>
    </row>
    <row r="998005" spans="14:14">
      <c r="N998005" s="10"/>
    </row>
    <row r="998006" spans="14:14">
      <c r="N998006" s="10"/>
    </row>
    <row r="998007" spans="14:14">
      <c r="N998007" s="10"/>
    </row>
    <row r="998008" spans="14:14">
      <c r="N998008" s="10"/>
    </row>
    <row r="998009" spans="14:14">
      <c r="N998009" s="10"/>
    </row>
    <row r="998010" spans="14:14">
      <c r="N998010" s="10"/>
    </row>
    <row r="998011" spans="14:14">
      <c r="N998011" s="10"/>
    </row>
    <row r="998012" spans="14:14">
      <c r="N998012" s="10"/>
    </row>
    <row r="998013" spans="14:14">
      <c r="N998013" s="10"/>
    </row>
    <row r="998014" spans="14:14">
      <c r="N998014" s="10"/>
    </row>
    <row r="998015" spans="14:14">
      <c r="N998015" s="10"/>
    </row>
    <row r="998016" spans="14:14">
      <c r="N998016" s="10"/>
    </row>
    <row r="998017" spans="14:14">
      <c r="N998017" s="10"/>
    </row>
    <row r="998018" spans="14:14">
      <c r="N998018" s="10"/>
    </row>
    <row r="998019" spans="14:14">
      <c r="N998019" s="10"/>
    </row>
    <row r="998020" spans="14:14">
      <c r="N998020" s="10"/>
    </row>
    <row r="998021" spans="14:14">
      <c r="N998021" s="10"/>
    </row>
    <row r="998022" spans="14:14">
      <c r="N998022" s="10"/>
    </row>
    <row r="998023" spans="14:14">
      <c r="N998023" s="10"/>
    </row>
    <row r="998024" spans="14:14">
      <c r="N998024" s="10"/>
    </row>
    <row r="998025" spans="14:14">
      <c r="N998025" s="10"/>
    </row>
    <row r="998026" spans="14:14">
      <c r="N998026" s="10"/>
    </row>
    <row r="998027" spans="14:14">
      <c r="N998027" s="10"/>
    </row>
    <row r="998028" spans="14:14">
      <c r="N998028" s="10"/>
    </row>
    <row r="998029" spans="14:14">
      <c r="N998029" s="10"/>
    </row>
    <row r="998030" spans="14:14">
      <c r="N998030" s="10"/>
    </row>
    <row r="998031" spans="14:14">
      <c r="N998031" s="10"/>
    </row>
    <row r="998032" spans="14:14">
      <c r="N998032" s="10"/>
    </row>
    <row r="998033" spans="14:14">
      <c r="N998033" s="10"/>
    </row>
    <row r="998034" spans="14:14">
      <c r="N998034" s="10"/>
    </row>
    <row r="998035" spans="14:14">
      <c r="N998035" s="10"/>
    </row>
    <row r="998036" spans="14:14">
      <c r="N998036" s="10"/>
    </row>
    <row r="998037" spans="14:14">
      <c r="N998037" s="10"/>
    </row>
    <row r="998038" spans="14:14">
      <c r="N998038" s="10"/>
    </row>
    <row r="998039" spans="14:14">
      <c r="N998039" s="10"/>
    </row>
    <row r="998040" spans="14:14">
      <c r="N998040" s="10"/>
    </row>
    <row r="998041" spans="14:14">
      <c r="N998041" s="10"/>
    </row>
    <row r="998042" spans="14:14">
      <c r="N998042" s="10"/>
    </row>
    <row r="998043" spans="14:14">
      <c r="N998043" s="10"/>
    </row>
    <row r="998044" spans="14:14">
      <c r="N998044" s="10"/>
    </row>
    <row r="998045" spans="14:14">
      <c r="N998045" s="10"/>
    </row>
    <row r="998046" spans="14:14">
      <c r="N998046" s="10"/>
    </row>
    <row r="998047" spans="14:14">
      <c r="N998047" s="10"/>
    </row>
    <row r="998048" spans="14:14">
      <c r="N998048" s="10"/>
    </row>
    <row r="998049" spans="14:14">
      <c r="N998049" s="10"/>
    </row>
    <row r="998050" spans="14:14">
      <c r="N998050" s="10"/>
    </row>
    <row r="998051" spans="14:14">
      <c r="N998051" s="10"/>
    </row>
    <row r="998052" spans="14:14">
      <c r="N998052" s="10"/>
    </row>
    <row r="998053" spans="14:14">
      <c r="N998053" s="10"/>
    </row>
    <row r="998054" spans="14:14">
      <c r="N998054" s="10"/>
    </row>
    <row r="998055" spans="14:14">
      <c r="N998055" s="10"/>
    </row>
    <row r="998056" spans="14:14">
      <c r="N998056" s="10"/>
    </row>
    <row r="998057" spans="14:14">
      <c r="N998057" s="10"/>
    </row>
    <row r="998058" spans="14:14">
      <c r="N998058" s="10"/>
    </row>
    <row r="998059" spans="14:14">
      <c r="N998059" s="10"/>
    </row>
    <row r="998060" spans="14:14">
      <c r="N998060" s="10"/>
    </row>
    <row r="998061" spans="14:14">
      <c r="N998061" s="10"/>
    </row>
    <row r="998062" spans="14:14">
      <c r="N998062" s="10"/>
    </row>
    <row r="998063" spans="14:14">
      <c r="N998063" s="10"/>
    </row>
    <row r="998064" spans="14:14">
      <c r="N998064" s="10"/>
    </row>
    <row r="998065" spans="14:14">
      <c r="N998065" s="10"/>
    </row>
    <row r="998066" spans="14:14">
      <c r="N998066" s="10"/>
    </row>
    <row r="998067" spans="14:14">
      <c r="N998067" s="10"/>
    </row>
    <row r="998068" spans="14:14">
      <c r="N998068" s="10"/>
    </row>
    <row r="998069" spans="14:14">
      <c r="N998069" s="10"/>
    </row>
    <row r="998070" spans="14:14">
      <c r="N998070" s="10"/>
    </row>
    <row r="998071" spans="14:14">
      <c r="N998071" s="10"/>
    </row>
    <row r="998072" spans="14:14">
      <c r="N998072" s="10"/>
    </row>
    <row r="998073" spans="14:14">
      <c r="N998073" s="10"/>
    </row>
    <row r="998074" spans="14:14">
      <c r="N998074" s="10"/>
    </row>
    <row r="998075" spans="14:14">
      <c r="N998075" s="10"/>
    </row>
    <row r="998076" spans="14:14">
      <c r="N998076" s="10"/>
    </row>
    <row r="998077" spans="14:14">
      <c r="N998077" s="10"/>
    </row>
    <row r="998078" spans="14:14">
      <c r="N998078" s="10"/>
    </row>
    <row r="998079" spans="14:14">
      <c r="N998079" s="10"/>
    </row>
    <row r="998080" spans="14:14">
      <c r="N998080" s="10"/>
    </row>
    <row r="998081" spans="14:14">
      <c r="N998081" s="10"/>
    </row>
    <row r="998082" spans="14:14">
      <c r="N998082" s="10"/>
    </row>
    <row r="998083" spans="14:14">
      <c r="N998083" s="10"/>
    </row>
    <row r="998084" spans="14:14">
      <c r="N998084" s="10"/>
    </row>
    <row r="998085" spans="14:14">
      <c r="N998085" s="10"/>
    </row>
    <row r="998086" spans="14:14">
      <c r="N998086" s="10"/>
    </row>
    <row r="998087" spans="14:14">
      <c r="N998087" s="10"/>
    </row>
    <row r="998088" spans="14:14">
      <c r="N998088" s="10"/>
    </row>
    <row r="998089" spans="14:14">
      <c r="N998089" s="10"/>
    </row>
    <row r="998090" spans="14:14">
      <c r="N998090" s="10"/>
    </row>
    <row r="998091" spans="14:14">
      <c r="N998091" s="10"/>
    </row>
    <row r="998092" spans="14:14">
      <c r="N998092" s="10"/>
    </row>
    <row r="998093" spans="14:14">
      <c r="N998093" s="10"/>
    </row>
    <row r="998094" spans="14:14">
      <c r="N998094" s="10"/>
    </row>
    <row r="998095" spans="14:14">
      <c r="N998095" s="10"/>
    </row>
    <row r="998096" spans="14:14">
      <c r="N998096" s="10"/>
    </row>
    <row r="998097" spans="14:14">
      <c r="N998097" s="10"/>
    </row>
    <row r="998098" spans="14:14">
      <c r="N998098" s="10"/>
    </row>
    <row r="998099" spans="14:14">
      <c r="N998099" s="10"/>
    </row>
    <row r="998100" spans="14:14">
      <c r="N998100" s="10"/>
    </row>
    <row r="998101" spans="14:14">
      <c r="N998101" s="10"/>
    </row>
    <row r="998102" spans="14:14">
      <c r="N998102" s="10"/>
    </row>
    <row r="998103" spans="14:14">
      <c r="N998103" s="10"/>
    </row>
    <row r="998104" spans="14:14">
      <c r="N998104" s="10"/>
    </row>
    <row r="998105" spans="14:14">
      <c r="N998105" s="10"/>
    </row>
    <row r="998106" spans="14:14">
      <c r="N998106" s="10"/>
    </row>
    <row r="998107" spans="14:14">
      <c r="N998107" s="10"/>
    </row>
    <row r="998108" spans="14:14">
      <c r="N998108" s="10"/>
    </row>
    <row r="998109" spans="14:14">
      <c r="N998109" s="10"/>
    </row>
    <row r="998110" spans="14:14">
      <c r="N998110" s="10"/>
    </row>
    <row r="998111" spans="14:14">
      <c r="N998111" s="10"/>
    </row>
    <row r="998112" spans="14:14">
      <c r="N998112" s="10"/>
    </row>
    <row r="998113" spans="14:14">
      <c r="N998113" s="10"/>
    </row>
    <row r="998114" spans="14:14">
      <c r="N998114" s="10"/>
    </row>
    <row r="998115" spans="14:14">
      <c r="N998115" s="10"/>
    </row>
    <row r="998116" spans="14:14">
      <c r="N998116" s="10"/>
    </row>
    <row r="998117" spans="14:14">
      <c r="N998117" s="10"/>
    </row>
    <row r="998118" spans="14:14">
      <c r="N998118" s="10"/>
    </row>
    <row r="998119" spans="14:14">
      <c r="N998119" s="10"/>
    </row>
    <row r="998120" spans="14:14">
      <c r="N998120" s="10"/>
    </row>
    <row r="998121" spans="14:14">
      <c r="N998121" s="10"/>
    </row>
    <row r="998122" spans="14:14">
      <c r="N998122" s="10"/>
    </row>
    <row r="998123" spans="14:14">
      <c r="N998123" s="10"/>
    </row>
    <row r="998124" spans="14:14">
      <c r="N998124" s="10"/>
    </row>
    <row r="998125" spans="14:14">
      <c r="N998125" s="10"/>
    </row>
    <row r="998126" spans="14:14">
      <c r="N998126" s="10"/>
    </row>
    <row r="998127" spans="14:14">
      <c r="N998127" s="10"/>
    </row>
    <row r="998128" spans="14:14">
      <c r="N998128" s="10"/>
    </row>
    <row r="998129" spans="14:14">
      <c r="N998129" s="10"/>
    </row>
    <row r="998130" spans="14:14">
      <c r="N998130" s="10"/>
    </row>
    <row r="998131" spans="14:14">
      <c r="N998131" s="10"/>
    </row>
    <row r="998132" spans="14:14">
      <c r="N998132" s="10"/>
    </row>
    <row r="998133" spans="14:14">
      <c r="N998133" s="10"/>
    </row>
    <row r="998134" spans="14:14">
      <c r="N998134" s="10"/>
    </row>
    <row r="998135" spans="14:14">
      <c r="N998135" s="10"/>
    </row>
    <row r="998136" spans="14:14">
      <c r="N998136" s="10"/>
    </row>
    <row r="998137" spans="14:14">
      <c r="N998137" s="10"/>
    </row>
    <row r="998138" spans="14:14">
      <c r="N998138" s="10"/>
    </row>
    <row r="998139" spans="14:14">
      <c r="N998139" s="10"/>
    </row>
    <row r="998140" spans="14:14">
      <c r="N998140" s="10"/>
    </row>
    <row r="998141" spans="14:14">
      <c r="N998141" s="10"/>
    </row>
    <row r="998142" spans="14:14">
      <c r="N998142" s="10"/>
    </row>
    <row r="998143" spans="14:14">
      <c r="N998143" s="10"/>
    </row>
    <row r="998144" spans="14:14">
      <c r="N998144" s="10"/>
    </row>
    <row r="998145" spans="14:14">
      <c r="N998145" s="10"/>
    </row>
    <row r="998146" spans="14:14">
      <c r="N998146" s="10"/>
    </row>
    <row r="998147" spans="14:14">
      <c r="N998147" s="10"/>
    </row>
    <row r="998148" spans="14:14">
      <c r="N998148" s="10"/>
    </row>
    <row r="998149" spans="14:14">
      <c r="N998149" s="10"/>
    </row>
    <row r="998150" spans="14:14">
      <c r="N998150" s="10"/>
    </row>
    <row r="998151" spans="14:14">
      <c r="N998151" s="10"/>
    </row>
    <row r="998152" spans="14:14">
      <c r="N998152" s="10"/>
    </row>
    <row r="998153" spans="14:14">
      <c r="N998153" s="10"/>
    </row>
    <row r="998154" spans="14:14">
      <c r="N998154" s="10"/>
    </row>
    <row r="998155" spans="14:14">
      <c r="N998155" s="10"/>
    </row>
    <row r="998156" spans="14:14">
      <c r="N998156" s="10"/>
    </row>
    <row r="998157" spans="14:14">
      <c r="N998157" s="10"/>
    </row>
    <row r="998158" spans="14:14">
      <c r="N998158" s="10"/>
    </row>
    <row r="998159" spans="14:14">
      <c r="N998159" s="10"/>
    </row>
    <row r="998160" spans="14:14">
      <c r="N998160" s="10"/>
    </row>
    <row r="998161" spans="14:14">
      <c r="N998161" s="10"/>
    </row>
    <row r="998162" spans="14:14">
      <c r="N998162" s="10"/>
    </row>
    <row r="998163" spans="14:14">
      <c r="N998163" s="10"/>
    </row>
    <row r="998164" spans="14:14">
      <c r="N998164" s="10"/>
    </row>
    <row r="998165" spans="14:14">
      <c r="N998165" s="10"/>
    </row>
    <row r="998166" spans="14:14">
      <c r="N998166" s="10"/>
    </row>
    <row r="998167" spans="14:14">
      <c r="N998167" s="10"/>
    </row>
    <row r="998168" spans="14:14">
      <c r="N998168" s="10"/>
    </row>
    <row r="998169" spans="14:14">
      <c r="N998169" s="10"/>
    </row>
    <row r="998170" spans="14:14">
      <c r="N998170" s="10"/>
    </row>
    <row r="998171" spans="14:14">
      <c r="N998171" s="10"/>
    </row>
    <row r="998172" spans="14:14">
      <c r="N998172" s="10"/>
    </row>
    <row r="998173" spans="14:14">
      <c r="N998173" s="10"/>
    </row>
    <row r="998174" spans="14:14">
      <c r="N998174" s="10"/>
    </row>
    <row r="998175" spans="14:14">
      <c r="N998175" s="10"/>
    </row>
    <row r="998176" spans="14:14">
      <c r="N998176" s="10"/>
    </row>
    <row r="998177" spans="14:14">
      <c r="N998177" s="10"/>
    </row>
    <row r="998178" spans="14:14">
      <c r="N998178" s="10"/>
    </row>
    <row r="998179" spans="14:14">
      <c r="N998179" s="10"/>
    </row>
    <row r="998180" spans="14:14">
      <c r="N998180" s="10"/>
    </row>
    <row r="998181" spans="14:14">
      <c r="N998181" s="10"/>
    </row>
    <row r="998182" spans="14:14">
      <c r="N998182" s="10"/>
    </row>
    <row r="998183" spans="14:14">
      <c r="N998183" s="10"/>
    </row>
    <row r="998184" spans="14:14">
      <c r="N998184" s="10"/>
    </row>
    <row r="998185" spans="14:14">
      <c r="N998185" s="10"/>
    </row>
    <row r="998186" spans="14:14">
      <c r="N998186" s="10"/>
    </row>
    <row r="998187" spans="14:14">
      <c r="N998187" s="10"/>
    </row>
    <row r="998188" spans="14:14">
      <c r="N998188" s="10"/>
    </row>
    <row r="998189" spans="14:14">
      <c r="N998189" s="10"/>
    </row>
    <row r="998190" spans="14:14">
      <c r="N998190" s="10"/>
    </row>
    <row r="998191" spans="14:14">
      <c r="N998191" s="10"/>
    </row>
    <row r="998192" spans="14:14">
      <c r="N998192" s="10"/>
    </row>
    <row r="998193" spans="14:14">
      <c r="N998193" s="10"/>
    </row>
    <row r="998194" spans="14:14">
      <c r="N998194" s="10"/>
    </row>
    <row r="998195" spans="14:14">
      <c r="N998195" s="10"/>
    </row>
    <row r="998196" spans="14:14">
      <c r="N998196" s="10"/>
    </row>
    <row r="998197" spans="14:14">
      <c r="N998197" s="10"/>
    </row>
    <row r="998198" spans="14:14">
      <c r="N998198" s="10"/>
    </row>
    <row r="998199" spans="14:14">
      <c r="N998199" s="10"/>
    </row>
    <row r="998200" spans="14:14">
      <c r="N998200" s="10"/>
    </row>
    <row r="998201" spans="14:14">
      <c r="N998201" s="10"/>
    </row>
    <row r="998202" spans="14:14">
      <c r="N998202" s="10"/>
    </row>
    <row r="998203" spans="14:14">
      <c r="N998203" s="10"/>
    </row>
    <row r="998204" spans="14:14">
      <c r="N998204" s="10"/>
    </row>
    <row r="998205" spans="14:14">
      <c r="N998205" s="10"/>
    </row>
    <row r="998206" spans="14:14">
      <c r="N998206" s="10"/>
    </row>
    <row r="998207" spans="14:14">
      <c r="N998207" s="10"/>
    </row>
    <row r="998208" spans="14:14">
      <c r="N998208" s="10"/>
    </row>
    <row r="998209" spans="14:14">
      <c r="N998209" s="10"/>
    </row>
    <row r="998210" spans="14:14">
      <c r="N998210" s="10"/>
    </row>
    <row r="998211" spans="14:14">
      <c r="N998211" s="10"/>
    </row>
    <row r="998212" spans="14:14">
      <c r="N998212" s="10"/>
    </row>
    <row r="998213" spans="14:14">
      <c r="N998213" s="10"/>
    </row>
    <row r="998214" spans="14:14">
      <c r="N998214" s="10"/>
    </row>
    <row r="998215" spans="14:14">
      <c r="N998215" s="10"/>
    </row>
    <row r="998216" spans="14:14">
      <c r="N998216" s="10"/>
    </row>
    <row r="998217" spans="14:14">
      <c r="N998217" s="10"/>
    </row>
    <row r="998218" spans="14:14">
      <c r="N998218" s="10"/>
    </row>
    <row r="998219" spans="14:14">
      <c r="N998219" s="10"/>
    </row>
    <row r="998220" spans="14:14">
      <c r="N998220" s="10"/>
    </row>
    <row r="998221" spans="14:14">
      <c r="N998221" s="10"/>
    </row>
    <row r="998222" spans="14:14">
      <c r="N998222" s="10"/>
    </row>
    <row r="998223" spans="14:14">
      <c r="N998223" s="10"/>
    </row>
    <row r="998224" spans="14:14">
      <c r="N998224" s="10"/>
    </row>
    <row r="998225" spans="14:14">
      <c r="N998225" s="10"/>
    </row>
    <row r="998226" spans="14:14">
      <c r="N998226" s="10"/>
    </row>
    <row r="998227" spans="14:14">
      <c r="N998227" s="10"/>
    </row>
    <row r="998228" spans="14:14">
      <c r="N998228" s="10"/>
    </row>
    <row r="998229" spans="14:14">
      <c r="N998229" s="10"/>
    </row>
    <row r="998230" spans="14:14">
      <c r="N998230" s="10"/>
    </row>
    <row r="998231" spans="14:14">
      <c r="N998231" s="10"/>
    </row>
    <row r="998232" spans="14:14">
      <c r="N998232" s="10"/>
    </row>
    <row r="998233" spans="14:14">
      <c r="N998233" s="10"/>
    </row>
    <row r="998234" spans="14:14">
      <c r="N998234" s="10"/>
    </row>
    <row r="998235" spans="14:14">
      <c r="N998235" s="10"/>
    </row>
    <row r="998236" spans="14:14">
      <c r="N998236" s="10"/>
    </row>
    <row r="998237" spans="14:14">
      <c r="N998237" s="10"/>
    </row>
    <row r="998238" spans="14:14">
      <c r="N998238" s="10"/>
    </row>
    <row r="998239" spans="14:14">
      <c r="N998239" s="10"/>
    </row>
    <row r="998240" spans="14:14">
      <c r="N998240" s="10"/>
    </row>
    <row r="998241" spans="14:14">
      <c r="N998241" s="10"/>
    </row>
    <row r="998242" spans="14:14">
      <c r="N998242" s="10"/>
    </row>
    <row r="998243" spans="14:14">
      <c r="N998243" s="10"/>
    </row>
    <row r="998244" spans="14:14">
      <c r="N998244" s="10"/>
    </row>
    <row r="998245" spans="14:14">
      <c r="N998245" s="10"/>
    </row>
    <row r="998246" spans="14:14">
      <c r="N998246" s="10"/>
    </row>
    <row r="998247" spans="14:14">
      <c r="N998247" s="10"/>
    </row>
    <row r="998248" spans="14:14">
      <c r="N998248" s="10"/>
    </row>
    <row r="998249" spans="14:14">
      <c r="N998249" s="10"/>
    </row>
    <row r="998250" spans="14:14">
      <c r="N998250" s="10"/>
    </row>
    <row r="998251" spans="14:14">
      <c r="N998251" s="10"/>
    </row>
    <row r="998252" spans="14:14">
      <c r="N998252" s="10"/>
    </row>
    <row r="998253" spans="14:14">
      <c r="N998253" s="10"/>
    </row>
    <row r="998254" spans="14:14">
      <c r="N998254" s="10"/>
    </row>
    <row r="998255" spans="14:14">
      <c r="N998255" s="10"/>
    </row>
    <row r="998256" spans="14:14">
      <c r="N998256" s="10"/>
    </row>
    <row r="998257" spans="14:14">
      <c r="N998257" s="10"/>
    </row>
    <row r="998258" spans="14:14">
      <c r="N998258" s="10"/>
    </row>
    <row r="998259" spans="14:14">
      <c r="N998259" s="10"/>
    </row>
    <row r="998260" spans="14:14">
      <c r="N998260" s="10"/>
    </row>
    <row r="998261" spans="14:14">
      <c r="N998261" s="10"/>
    </row>
    <row r="998262" spans="14:14">
      <c r="N998262" s="10"/>
    </row>
    <row r="998263" spans="14:14">
      <c r="N998263" s="10"/>
    </row>
    <row r="998264" spans="14:14">
      <c r="N998264" s="10"/>
    </row>
    <row r="998265" spans="14:14">
      <c r="N998265" s="10"/>
    </row>
    <row r="998266" spans="14:14">
      <c r="N998266" s="10"/>
    </row>
    <row r="998267" spans="14:14">
      <c r="N998267" s="10"/>
    </row>
    <row r="998268" spans="14:14">
      <c r="N998268" s="10"/>
    </row>
    <row r="998269" spans="14:14">
      <c r="N998269" s="10"/>
    </row>
    <row r="998270" spans="14:14">
      <c r="N998270" s="10"/>
    </row>
    <row r="998271" spans="14:14">
      <c r="N998271" s="10"/>
    </row>
    <row r="998272" spans="14:14">
      <c r="N998272" s="10"/>
    </row>
    <row r="998273" spans="14:14">
      <c r="N998273" s="10"/>
    </row>
    <row r="998274" spans="14:14">
      <c r="N998274" s="10"/>
    </row>
    <row r="998275" spans="14:14">
      <c r="N998275" s="10"/>
    </row>
    <row r="998276" spans="14:14">
      <c r="N998276" s="10"/>
    </row>
    <row r="998277" spans="14:14">
      <c r="N998277" s="10"/>
    </row>
    <row r="998278" spans="14:14">
      <c r="N998278" s="10"/>
    </row>
    <row r="998279" spans="14:14">
      <c r="N998279" s="10"/>
    </row>
    <row r="998280" spans="14:14">
      <c r="N998280" s="10"/>
    </row>
    <row r="998281" spans="14:14">
      <c r="N998281" s="10"/>
    </row>
    <row r="998282" spans="14:14">
      <c r="N998282" s="10"/>
    </row>
    <row r="998283" spans="14:14">
      <c r="N998283" s="10"/>
    </row>
    <row r="998284" spans="14:14">
      <c r="N998284" s="10"/>
    </row>
    <row r="998285" spans="14:14">
      <c r="N998285" s="10"/>
    </row>
    <row r="998286" spans="14:14">
      <c r="N998286" s="10"/>
    </row>
    <row r="998287" spans="14:14">
      <c r="N998287" s="10"/>
    </row>
    <row r="998288" spans="14:14">
      <c r="N998288" s="10"/>
    </row>
    <row r="998289" spans="14:14">
      <c r="N998289" s="10"/>
    </row>
    <row r="998290" spans="14:14">
      <c r="N998290" s="10"/>
    </row>
    <row r="998291" spans="14:14">
      <c r="N998291" s="10"/>
    </row>
    <row r="998292" spans="14:14">
      <c r="N998292" s="10"/>
    </row>
    <row r="998293" spans="14:14">
      <c r="N998293" s="10"/>
    </row>
    <row r="998294" spans="14:14">
      <c r="N998294" s="10"/>
    </row>
    <row r="998295" spans="14:14">
      <c r="N998295" s="10"/>
    </row>
    <row r="998296" spans="14:14">
      <c r="N998296" s="10"/>
    </row>
    <row r="998297" spans="14:14">
      <c r="N998297" s="10"/>
    </row>
    <row r="998298" spans="14:14">
      <c r="N998298" s="10"/>
    </row>
    <row r="998299" spans="14:14">
      <c r="N998299" s="10"/>
    </row>
    <row r="998300" spans="14:14">
      <c r="N998300" s="10"/>
    </row>
    <row r="998301" spans="14:14">
      <c r="N998301" s="10"/>
    </row>
    <row r="998302" spans="14:14">
      <c r="N998302" s="10"/>
    </row>
    <row r="998303" spans="14:14">
      <c r="N998303" s="10"/>
    </row>
    <row r="998304" spans="14:14">
      <c r="N998304" s="10"/>
    </row>
    <row r="998305" spans="14:14">
      <c r="N998305" s="10"/>
    </row>
    <row r="998306" spans="14:14">
      <c r="N998306" s="10"/>
    </row>
    <row r="998307" spans="14:14">
      <c r="N998307" s="10"/>
    </row>
    <row r="998308" spans="14:14">
      <c r="N998308" s="10"/>
    </row>
    <row r="998309" spans="14:14">
      <c r="N998309" s="10"/>
    </row>
    <row r="998310" spans="14:14">
      <c r="N998310" s="10"/>
    </row>
    <row r="998311" spans="14:14">
      <c r="N998311" s="10"/>
    </row>
    <row r="998312" spans="14:14">
      <c r="N998312" s="10"/>
    </row>
    <row r="998313" spans="14:14">
      <c r="N998313" s="10"/>
    </row>
    <row r="998314" spans="14:14">
      <c r="N998314" s="10"/>
    </row>
    <row r="998315" spans="14:14">
      <c r="N998315" s="10"/>
    </row>
    <row r="998316" spans="14:14">
      <c r="N998316" s="10"/>
    </row>
    <row r="998317" spans="14:14">
      <c r="N998317" s="10"/>
    </row>
    <row r="998318" spans="14:14">
      <c r="N998318" s="10"/>
    </row>
    <row r="998319" spans="14:14">
      <c r="N998319" s="10"/>
    </row>
    <row r="998320" spans="14:14">
      <c r="N998320" s="10"/>
    </row>
    <row r="998321" spans="14:14">
      <c r="N998321" s="10"/>
    </row>
    <row r="998322" spans="14:14">
      <c r="N998322" s="10"/>
    </row>
    <row r="998323" spans="14:14">
      <c r="N998323" s="10"/>
    </row>
    <row r="998324" spans="14:14">
      <c r="N998324" s="10"/>
    </row>
    <row r="998325" spans="14:14">
      <c r="N998325" s="10"/>
    </row>
    <row r="998326" spans="14:14">
      <c r="N998326" s="10"/>
    </row>
    <row r="998327" spans="14:14">
      <c r="N998327" s="10"/>
    </row>
    <row r="998328" spans="14:14">
      <c r="N998328" s="10"/>
    </row>
    <row r="998329" spans="14:14">
      <c r="N998329" s="10"/>
    </row>
    <row r="998330" spans="14:14">
      <c r="N998330" s="10"/>
    </row>
    <row r="998331" spans="14:14">
      <c r="N998331" s="10"/>
    </row>
    <row r="998332" spans="14:14">
      <c r="N998332" s="10"/>
    </row>
    <row r="998333" spans="14:14">
      <c r="N998333" s="10"/>
    </row>
    <row r="998334" spans="14:14">
      <c r="N998334" s="10"/>
    </row>
    <row r="998335" spans="14:14">
      <c r="N998335" s="10"/>
    </row>
    <row r="998336" spans="14:14">
      <c r="N998336" s="10"/>
    </row>
    <row r="998337" spans="14:14">
      <c r="N998337" s="10"/>
    </row>
    <row r="998338" spans="14:14">
      <c r="N998338" s="10"/>
    </row>
    <row r="998339" spans="14:14">
      <c r="N998339" s="10"/>
    </row>
    <row r="998340" spans="14:14">
      <c r="N998340" s="10"/>
    </row>
    <row r="998341" spans="14:14">
      <c r="N998341" s="10"/>
    </row>
    <row r="998342" spans="14:14">
      <c r="N998342" s="10"/>
    </row>
    <row r="998343" spans="14:14">
      <c r="N998343" s="10"/>
    </row>
    <row r="998344" spans="14:14">
      <c r="N998344" s="10"/>
    </row>
    <row r="998345" spans="14:14">
      <c r="N998345" s="10"/>
    </row>
    <row r="998346" spans="14:14">
      <c r="N998346" s="10"/>
    </row>
    <row r="998347" spans="14:14">
      <c r="N998347" s="10"/>
    </row>
    <row r="998348" spans="14:14">
      <c r="N998348" s="10"/>
    </row>
    <row r="998349" spans="14:14">
      <c r="N998349" s="10"/>
    </row>
    <row r="998350" spans="14:14">
      <c r="N998350" s="10"/>
    </row>
    <row r="998351" spans="14:14">
      <c r="N998351" s="10"/>
    </row>
    <row r="998352" spans="14:14">
      <c r="N998352" s="10"/>
    </row>
    <row r="998353" spans="14:14">
      <c r="N998353" s="10"/>
    </row>
    <row r="998354" spans="14:14">
      <c r="N998354" s="10"/>
    </row>
    <row r="998355" spans="14:14">
      <c r="N998355" s="10"/>
    </row>
    <row r="998356" spans="14:14">
      <c r="N998356" s="10"/>
    </row>
    <row r="998357" spans="14:14">
      <c r="N998357" s="10"/>
    </row>
    <row r="998358" spans="14:14">
      <c r="N998358" s="10"/>
    </row>
    <row r="998359" spans="14:14">
      <c r="N998359" s="10"/>
    </row>
    <row r="998360" spans="14:14">
      <c r="N998360" s="10"/>
    </row>
    <row r="998361" spans="14:14">
      <c r="N998361" s="10"/>
    </row>
    <row r="998362" spans="14:14">
      <c r="N998362" s="10"/>
    </row>
    <row r="998363" spans="14:14">
      <c r="N998363" s="10"/>
    </row>
    <row r="998364" spans="14:14">
      <c r="N998364" s="10"/>
    </row>
    <row r="998365" spans="14:14">
      <c r="N998365" s="10"/>
    </row>
    <row r="998366" spans="14:14">
      <c r="N998366" s="10"/>
    </row>
    <row r="998367" spans="14:14">
      <c r="N998367" s="10"/>
    </row>
    <row r="998368" spans="14:14">
      <c r="N998368" s="10"/>
    </row>
    <row r="998369" spans="14:14">
      <c r="N998369" s="10"/>
    </row>
    <row r="998370" spans="14:14">
      <c r="N998370" s="10"/>
    </row>
    <row r="998371" spans="14:14">
      <c r="N998371" s="10"/>
    </row>
    <row r="998372" spans="14:14">
      <c r="N998372" s="10"/>
    </row>
    <row r="998373" spans="14:14">
      <c r="N998373" s="10"/>
    </row>
    <row r="998374" spans="14:14">
      <c r="N998374" s="10"/>
    </row>
    <row r="998375" spans="14:14">
      <c r="N998375" s="10"/>
    </row>
    <row r="998376" spans="14:14">
      <c r="N998376" s="10"/>
    </row>
    <row r="998377" spans="14:14">
      <c r="N998377" s="10"/>
    </row>
    <row r="998378" spans="14:14">
      <c r="N998378" s="10"/>
    </row>
    <row r="998379" spans="14:14">
      <c r="N998379" s="10"/>
    </row>
    <row r="998380" spans="14:14">
      <c r="N998380" s="10"/>
    </row>
    <row r="998381" spans="14:14">
      <c r="N998381" s="10"/>
    </row>
    <row r="998382" spans="14:14">
      <c r="N998382" s="10"/>
    </row>
    <row r="998383" spans="14:14">
      <c r="N998383" s="10"/>
    </row>
    <row r="998384" spans="14:14">
      <c r="N998384" s="10"/>
    </row>
    <row r="998385" spans="14:14">
      <c r="N998385" s="10"/>
    </row>
    <row r="998386" spans="14:14">
      <c r="N998386" s="10"/>
    </row>
    <row r="998387" spans="14:14">
      <c r="N998387" s="10"/>
    </row>
    <row r="998388" spans="14:14">
      <c r="N998388" s="10"/>
    </row>
    <row r="998389" spans="14:14">
      <c r="N998389" s="10"/>
    </row>
    <row r="998390" spans="14:14">
      <c r="N998390" s="10"/>
    </row>
    <row r="998391" spans="14:14">
      <c r="N998391" s="10"/>
    </row>
    <row r="998392" spans="14:14">
      <c r="N998392" s="10"/>
    </row>
    <row r="998393" spans="14:14">
      <c r="N998393" s="10"/>
    </row>
    <row r="998394" spans="14:14">
      <c r="N998394" s="10"/>
    </row>
    <row r="998395" spans="14:14">
      <c r="N998395" s="10"/>
    </row>
    <row r="998396" spans="14:14">
      <c r="N998396" s="10"/>
    </row>
    <row r="998397" spans="14:14">
      <c r="N998397" s="10"/>
    </row>
    <row r="998398" spans="14:14">
      <c r="N998398" s="10"/>
    </row>
    <row r="998399" spans="14:14">
      <c r="N998399" s="10"/>
    </row>
    <row r="998400" spans="14:14">
      <c r="N998400" s="10"/>
    </row>
    <row r="998401" spans="14:14">
      <c r="N998401" s="10"/>
    </row>
    <row r="998402" spans="14:14">
      <c r="N998402" s="10"/>
    </row>
    <row r="998403" spans="14:14">
      <c r="N998403" s="10"/>
    </row>
    <row r="998404" spans="14:14">
      <c r="N998404" s="10"/>
    </row>
    <row r="998405" spans="14:14">
      <c r="N998405" s="10"/>
    </row>
    <row r="998406" spans="14:14">
      <c r="N998406" s="10"/>
    </row>
    <row r="998407" spans="14:14">
      <c r="N998407" s="10"/>
    </row>
    <row r="998408" spans="14:14">
      <c r="N998408" s="10"/>
    </row>
    <row r="998409" spans="14:14">
      <c r="N998409" s="10"/>
    </row>
    <row r="998410" spans="14:14">
      <c r="N998410" s="10"/>
    </row>
    <row r="998411" spans="14:14">
      <c r="N998411" s="10"/>
    </row>
    <row r="998412" spans="14:14">
      <c r="N998412" s="10"/>
    </row>
    <row r="998413" spans="14:14">
      <c r="N998413" s="10"/>
    </row>
    <row r="998414" spans="14:14">
      <c r="N998414" s="10"/>
    </row>
    <row r="998415" spans="14:14">
      <c r="N998415" s="10"/>
    </row>
    <row r="998416" spans="14:14">
      <c r="N998416" s="10"/>
    </row>
    <row r="998417" spans="14:14">
      <c r="N998417" s="10"/>
    </row>
    <row r="998418" spans="14:14">
      <c r="N998418" s="10"/>
    </row>
    <row r="998419" spans="14:14">
      <c r="N998419" s="10"/>
    </row>
    <row r="998420" spans="14:14">
      <c r="N998420" s="10"/>
    </row>
    <row r="998421" spans="14:14">
      <c r="N998421" s="10"/>
    </row>
    <row r="998422" spans="14:14">
      <c r="N998422" s="10"/>
    </row>
    <row r="998423" spans="14:14">
      <c r="N998423" s="10"/>
    </row>
    <row r="998424" spans="14:14">
      <c r="N998424" s="10"/>
    </row>
    <row r="998425" spans="14:14">
      <c r="N998425" s="10"/>
    </row>
    <row r="998426" spans="14:14">
      <c r="N998426" s="10"/>
    </row>
    <row r="998427" spans="14:14">
      <c r="N998427" s="10"/>
    </row>
    <row r="998428" spans="14:14">
      <c r="N998428" s="10"/>
    </row>
    <row r="998429" spans="14:14">
      <c r="N998429" s="10"/>
    </row>
    <row r="998430" spans="14:14">
      <c r="N998430" s="10"/>
    </row>
    <row r="998431" spans="14:14">
      <c r="N998431" s="10"/>
    </row>
    <row r="998432" spans="14:14">
      <c r="N998432" s="10"/>
    </row>
    <row r="998433" spans="14:14">
      <c r="N998433" s="10"/>
    </row>
    <row r="998434" spans="14:14">
      <c r="N998434" s="10"/>
    </row>
    <row r="998435" spans="14:14">
      <c r="N998435" s="10"/>
    </row>
    <row r="998436" spans="14:14">
      <c r="N998436" s="10"/>
    </row>
    <row r="998437" spans="14:14">
      <c r="N998437" s="10"/>
    </row>
    <row r="998438" spans="14:14">
      <c r="N998438" s="10"/>
    </row>
    <row r="998439" spans="14:14">
      <c r="N998439" s="10"/>
    </row>
    <row r="998440" spans="14:14">
      <c r="N998440" s="10"/>
    </row>
    <row r="998441" spans="14:14">
      <c r="N998441" s="10"/>
    </row>
    <row r="998442" spans="14:14">
      <c r="N998442" s="10"/>
    </row>
    <row r="998443" spans="14:14">
      <c r="N998443" s="10"/>
    </row>
    <row r="998444" spans="14:14">
      <c r="N998444" s="10"/>
    </row>
    <row r="998445" spans="14:14">
      <c r="N998445" s="10"/>
    </row>
    <row r="998446" spans="14:14">
      <c r="N998446" s="10"/>
    </row>
    <row r="998447" spans="14:14">
      <c r="N998447" s="10"/>
    </row>
    <row r="998448" spans="14:14">
      <c r="N998448" s="10"/>
    </row>
    <row r="998449" spans="14:14">
      <c r="N998449" s="10"/>
    </row>
    <row r="998450" spans="14:14">
      <c r="N998450" s="10"/>
    </row>
    <row r="998451" spans="14:14">
      <c r="N998451" s="10"/>
    </row>
    <row r="998452" spans="14:14">
      <c r="N998452" s="10"/>
    </row>
    <row r="998453" spans="14:14">
      <c r="N998453" s="10"/>
    </row>
    <row r="998454" spans="14:14">
      <c r="N998454" s="10"/>
    </row>
    <row r="998455" spans="14:14">
      <c r="N998455" s="10"/>
    </row>
    <row r="998456" spans="14:14">
      <c r="N998456" s="10"/>
    </row>
    <row r="998457" spans="14:14">
      <c r="N998457" s="10"/>
    </row>
    <row r="998458" spans="14:14">
      <c r="N998458" s="10"/>
    </row>
    <row r="998459" spans="14:14">
      <c r="N998459" s="10"/>
    </row>
    <row r="998460" spans="14:14">
      <c r="N998460" s="10"/>
    </row>
    <row r="998461" spans="14:14">
      <c r="N998461" s="10"/>
    </row>
    <row r="998462" spans="14:14">
      <c r="N998462" s="10"/>
    </row>
    <row r="998463" spans="14:14">
      <c r="N998463" s="10"/>
    </row>
    <row r="998464" spans="14:14">
      <c r="N998464" s="10"/>
    </row>
    <row r="998465" spans="14:14">
      <c r="N998465" s="10"/>
    </row>
    <row r="998466" spans="14:14">
      <c r="N998466" s="10"/>
    </row>
    <row r="998467" spans="14:14">
      <c r="N998467" s="10"/>
    </row>
    <row r="998468" spans="14:14">
      <c r="N998468" s="10"/>
    </row>
    <row r="998469" spans="14:14">
      <c r="N998469" s="10"/>
    </row>
    <row r="998470" spans="14:14">
      <c r="N998470" s="10"/>
    </row>
    <row r="998471" spans="14:14">
      <c r="N998471" s="10"/>
    </row>
    <row r="998472" spans="14:14">
      <c r="N998472" s="10"/>
    </row>
    <row r="998473" spans="14:14">
      <c r="N998473" s="10"/>
    </row>
    <row r="998474" spans="14:14">
      <c r="N998474" s="10"/>
    </row>
    <row r="998475" spans="14:14">
      <c r="N998475" s="10"/>
    </row>
    <row r="998476" spans="14:14">
      <c r="N998476" s="10"/>
    </row>
    <row r="998477" spans="14:14">
      <c r="N998477" s="10"/>
    </row>
    <row r="998478" spans="14:14">
      <c r="N998478" s="10"/>
    </row>
    <row r="998479" spans="14:14">
      <c r="N998479" s="10"/>
    </row>
    <row r="998480" spans="14:14">
      <c r="N998480" s="10"/>
    </row>
    <row r="998481" spans="14:14">
      <c r="N998481" s="10"/>
    </row>
    <row r="998482" spans="14:14">
      <c r="N998482" s="10"/>
    </row>
    <row r="998483" spans="14:14">
      <c r="N998483" s="10"/>
    </row>
    <row r="998484" spans="14:14">
      <c r="N998484" s="10"/>
    </row>
    <row r="998485" spans="14:14">
      <c r="N998485" s="10"/>
    </row>
    <row r="998486" spans="14:14">
      <c r="N998486" s="10"/>
    </row>
    <row r="998487" spans="14:14">
      <c r="N998487" s="10"/>
    </row>
    <row r="998488" spans="14:14">
      <c r="N998488" s="10"/>
    </row>
    <row r="998489" spans="14:14">
      <c r="N998489" s="10"/>
    </row>
    <row r="998490" spans="14:14">
      <c r="N998490" s="10"/>
    </row>
    <row r="998491" spans="14:14">
      <c r="N998491" s="10"/>
    </row>
    <row r="998492" spans="14:14">
      <c r="N998492" s="10"/>
    </row>
    <row r="998493" spans="14:14">
      <c r="N998493" s="10"/>
    </row>
    <row r="998494" spans="14:14">
      <c r="N998494" s="10"/>
    </row>
    <row r="998495" spans="14:14">
      <c r="N998495" s="10"/>
    </row>
    <row r="998496" spans="14:14">
      <c r="N998496" s="10"/>
    </row>
    <row r="998497" spans="14:14">
      <c r="N998497" s="10"/>
    </row>
    <row r="998498" spans="14:14">
      <c r="N998498" s="10"/>
    </row>
    <row r="998499" spans="14:14">
      <c r="N998499" s="10"/>
    </row>
    <row r="998500" spans="14:14">
      <c r="N998500" s="10"/>
    </row>
    <row r="998501" spans="14:14">
      <c r="N998501" s="10"/>
    </row>
    <row r="998502" spans="14:14">
      <c r="N998502" s="10"/>
    </row>
    <row r="998503" spans="14:14">
      <c r="N998503" s="10"/>
    </row>
    <row r="998504" spans="14:14">
      <c r="N998504" s="10"/>
    </row>
    <row r="998505" spans="14:14">
      <c r="N998505" s="10"/>
    </row>
    <row r="998506" spans="14:14">
      <c r="N998506" s="10"/>
    </row>
    <row r="998507" spans="14:14">
      <c r="N998507" s="10"/>
    </row>
    <row r="998508" spans="14:14">
      <c r="N998508" s="10"/>
    </row>
    <row r="998509" spans="14:14">
      <c r="N998509" s="10"/>
    </row>
    <row r="998510" spans="14:14">
      <c r="N998510" s="10"/>
    </row>
    <row r="998511" spans="14:14">
      <c r="N998511" s="10"/>
    </row>
    <row r="998512" spans="14:14">
      <c r="N998512" s="10"/>
    </row>
    <row r="998513" spans="14:14">
      <c r="N998513" s="10"/>
    </row>
    <row r="998514" spans="14:14">
      <c r="N998514" s="10"/>
    </row>
    <row r="998515" spans="14:14">
      <c r="N998515" s="10"/>
    </row>
    <row r="998516" spans="14:14">
      <c r="N998516" s="10"/>
    </row>
    <row r="998517" spans="14:14">
      <c r="N998517" s="10"/>
    </row>
    <row r="998518" spans="14:14">
      <c r="N998518" s="10"/>
    </row>
    <row r="998519" spans="14:14">
      <c r="N998519" s="10"/>
    </row>
    <row r="998520" spans="14:14">
      <c r="N998520" s="10"/>
    </row>
    <row r="998521" spans="14:14">
      <c r="N998521" s="10"/>
    </row>
    <row r="998522" spans="14:14">
      <c r="N998522" s="10"/>
    </row>
    <row r="998523" spans="14:14">
      <c r="N998523" s="10"/>
    </row>
    <row r="998524" spans="14:14">
      <c r="N998524" s="10"/>
    </row>
    <row r="998525" spans="14:14">
      <c r="N998525" s="10"/>
    </row>
    <row r="998526" spans="14:14">
      <c r="N998526" s="10"/>
    </row>
    <row r="998527" spans="14:14">
      <c r="N998527" s="10"/>
    </row>
    <row r="998528" spans="14:14">
      <c r="N998528" s="10"/>
    </row>
    <row r="998529" spans="14:14">
      <c r="N998529" s="10"/>
    </row>
    <row r="998530" spans="14:14">
      <c r="N998530" s="10"/>
    </row>
    <row r="998531" spans="14:14">
      <c r="N998531" s="10"/>
    </row>
    <row r="998532" spans="14:14">
      <c r="N998532" s="10"/>
    </row>
    <row r="998533" spans="14:14">
      <c r="N998533" s="10"/>
    </row>
    <row r="998534" spans="14:14">
      <c r="N998534" s="10"/>
    </row>
    <row r="998535" spans="14:14">
      <c r="N998535" s="10"/>
    </row>
    <row r="998536" spans="14:14">
      <c r="N998536" s="10"/>
    </row>
    <row r="998537" spans="14:14">
      <c r="N998537" s="10"/>
    </row>
    <row r="998538" spans="14:14">
      <c r="N998538" s="10"/>
    </row>
    <row r="998539" spans="14:14">
      <c r="N998539" s="10"/>
    </row>
    <row r="998540" spans="14:14">
      <c r="N998540" s="10"/>
    </row>
    <row r="998541" spans="14:14">
      <c r="N998541" s="10"/>
    </row>
    <row r="998542" spans="14:14">
      <c r="N998542" s="10"/>
    </row>
    <row r="998543" spans="14:14">
      <c r="N998543" s="10"/>
    </row>
    <row r="998544" spans="14:14">
      <c r="N998544" s="10"/>
    </row>
    <row r="998545" spans="14:14">
      <c r="N998545" s="10"/>
    </row>
    <row r="998546" spans="14:14">
      <c r="N998546" s="10"/>
    </row>
    <row r="998547" spans="14:14">
      <c r="N998547" s="10"/>
    </row>
    <row r="998548" spans="14:14">
      <c r="N998548" s="10"/>
    </row>
    <row r="998549" spans="14:14">
      <c r="N998549" s="10"/>
    </row>
    <row r="998550" spans="14:14">
      <c r="N998550" s="10"/>
    </row>
    <row r="998551" spans="14:14">
      <c r="N998551" s="10"/>
    </row>
    <row r="998552" spans="14:14">
      <c r="N998552" s="10"/>
    </row>
    <row r="998553" spans="14:14">
      <c r="N998553" s="10"/>
    </row>
    <row r="998554" spans="14:14">
      <c r="N998554" s="10"/>
    </row>
    <row r="998555" spans="14:14">
      <c r="N998555" s="10"/>
    </row>
    <row r="998556" spans="14:14">
      <c r="N998556" s="10"/>
    </row>
    <row r="998557" spans="14:14">
      <c r="N998557" s="10"/>
    </row>
    <row r="998558" spans="14:14">
      <c r="N998558" s="10"/>
    </row>
    <row r="998559" spans="14:14">
      <c r="N998559" s="10"/>
    </row>
    <row r="998560" spans="14:14">
      <c r="N998560" s="10"/>
    </row>
    <row r="998561" spans="14:14">
      <c r="N998561" s="10"/>
    </row>
    <row r="998562" spans="14:14">
      <c r="N998562" s="10"/>
    </row>
    <row r="998563" spans="14:14">
      <c r="N998563" s="10"/>
    </row>
    <row r="998564" spans="14:14">
      <c r="N998564" s="10"/>
    </row>
    <row r="998565" spans="14:14">
      <c r="N998565" s="10"/>
    </row>
    <row r="998566" spans="14:14">
      <c r="N998566" s="10"/>
    </row>
    <row r="998567" spans="14:14">
      <c r="N998567" s="10"/>
    </row>
    <row r="998568" spans="14:14">
      <c r="N998568" s="10"/>
    </row>
    <row r="998569" spans="14:14">
      <c r="N998569" s="10"/>
    </row>
    <row r="998570" spans="14:14">
      <c r="N998570" s="10"/>
    </row>
    <row r="998571" spans="14:14">
      <c r="N998571" s="10"/>
    </row>
    <row r="998572" spans="14:14">
      <c r="N998572" s="10"/>
    </row>
    <row r="998573" spans="14:14">
      <c r="N998573" s="10"/>
    </row>
    <row r="998574" spans="14:14">
      <c r="N998574" s="10"/>
    </row>
    <row r="998575" spans="14:14">
      <c r="N998575" s="10"/>
    </row>
    <row r="998576" spans="14:14">
      <c r="N998576" s="10"/>
    </row>
    <row r="998577" spans="14:14">
      <c r="N998577" s="10"/>
    </row>
    <row r="998578" spans="14:14">
      <c r="N998578" s="10"/>
    </row>
    <row r="998579" spans="14:14">
      <c r="N998579" s="10"/>
    </row>
    <row r="998580" spans="14:14">
      <c r="N998580" s="10"/>
    </row>
    <row r="998581" spans="14:14">
      <c r="N998581" s="10"/>
    </row>
    <row r="998582" spans="14:14">
      <c r="N998582" s="10"/>
    </row>
    <row r="998583" spans="14:14">
      <c r="N998583" s="10"/>
    </row>
    <row r="998584" spans="14:14">
      <c r="N998584" s="10"/>
    </row>
    <row r="998585" spans="14:14">
      <c r="N998585" s="10"/>
    </row>
    <row r="998586" spans="14:14">
      <c r="N998586" s="10"/>
    </row>
    <row r="998587" spans="14:14">
      <c r="N998587" s="10"/>
    </row>
    <row r="998588" spans="14:14">
      <c r="N998588" s="10"/>
    </row>
    <row r="998589" spans="14:14">
      <c r="N998589" s="10"/>
    </row>
    <row r="998590" spans="14:14">
      <c r="N998590" s="10"/>
    </row>
    <row r="998591" spans="14:14">
      <c r="N998591" s="10"/>
    </row>
    <row r="998592" spans="14:14">
      <c r="N998592" s="10"/>
    </row>
    <row r="998593" spans="14:14">
      <c r="N998593" s="10"/>
    </row>
    <row r="998594" spans="14:14">
      <c r="N998594" s="10"/>
    </row>
    <row r="998595" spans="14:14">
      <c r="N998595" s="10"/>
    </row>
    <row r="998596" spans="14:14">
      <c r="N998596" s="10"/>
    </row>
    <row r="998597" spans="14:14">
      <c r="N998597" s="10"/>
    </row>
    <row r="998598" spans="14:14">
      <c r="N998598" s="10"/>
    </row>
    <row r="998599" spans="14:14">
      <c r="N998599" s="10"/>
    </row>
    <row r="998600" spans="14:14">
      <c r="N998600" s="10"/>
    </row>
    <row r="998601" spans="14:14">
      <c r="N998601" s="10"/>
    </row>
    <row r="998602" spans="14:14">
      <c r="N998602" s="10"/>
    </row>
    <row r="998603" spans="14:14">
      <c r="N998603" s="10"/>
    </row>
    <row r="998604" spans="14:14">
      <c r="N998604" s="10"/>
    </row>
    <row r="998605" spans="14:14">
      <c r="N998605" s="10"/>
    </row>
    <row r="998606" spans="14:14">
      <c r="N998606" s="10"/>
    </row>
    <row r="998607" spans="14:14">
      <c r="N998607" s="10"/>
    </row>
    <row r="998608" spans="14:14">
      <c r="N998608" s="10"/>
    </row>
    <row r="998609" spans="14:14">
      <c r="N998609" s="10"/>
    </row>
    <row r="998610" spans="14:14">
      <c r="N998610" s="10"/>
    </row>
    <row r="998611" spans="14:14">
      <c r="N998611" s="10"/>
    </row>
    <row r="998612" spans="14:14">
      <c r="N998612" s="10"/>
    </row>
    <row r="998613" spans="14:14">
      <c r="N998613" s="10"/>
    </row>
    <row r="998614" spans="14:14">
      <c r="N998614" s="10"/>
    </row>
    <row r="998615" spans="14:14">
      <c r="N998615" s="10"/>
    </row>
    <row r="998616" spans="14:14">
      <c r="N998616" s="10"/>
    </row>
    <row r="998617" spans="14:14">
      <c r="N998617" s="10"/>
    </row>
    <row r="998618" spans="14:14">
      <c r="N998618" s="10"/>
    </row>
    <row r="998619" spans="14:14">
      <c r="N998619" s="10"/>
    </row>
    <row r="998620" spans="14:14">
      <c r="N998620" s="10"/>
    </row>
    <row r="998621" spans="14:14">
      <c r="N998621" s="10"/>
    </row>
    <row r="998622" spans="14:14">
      <c r="N998622" s="10"/>
    </row>
    <row r="998623" spans="14:14">
      <c r="N998623" s="10"/>
    </row>
    <row r="998624" spans="14:14">
      <c r="N998624" s="10"/>
    </row>
    <row r="998625" spans="14:14">
      <c r="N998625" s="10"/>
    </row>
    <row r="998626" spans="14:14">
      <c r="N998626" s="10"/>
    </row>
    <row r="998627" spans="14:14">
      <c r="N998627" s="10"/>
    </row>
    <row r="998628" spans="14:14">
      <c r="N998628" s="10"/>
    </row>
    <row r="998629" spans="14:14">
      <c r="N998629" s="10"/>
    </row>
    <row r="998630" spans="14:14">
      <c r="N998630" s="10"/>
    </row>
    <row r="998631" spans="14:14">
      <c r="N998631" s="10"/>
    </row>
    <row r="998632" spans="14:14">
      <c r="N998632" s="10"/>
    </row>
    <row r="998633" spans="14:14">
      <c r="N998633" s="10"/>
    </row>
    <row r="998634" spans="14:14">
      <c r="N998634" s="10"/>
    </row>
    <row r="998635" spans="14:14">
      <c r="N998635" s="10"/>
    </row>
    <row r="998636" spans="14:14">
      <c r="N998636" s="10"/>
    </row>
    <row r="998637" spans="14:14">
      <c r="N998637" s="10"/>
    </row>
    <row r="998638" spans="14:14">
      <c r="N998638" s="10"/>
    </row>
    <row r="998639" spans="14:14">
      <c r="N998639" s="10"/>
    </row>
    <row r="998640" spans="14:14">
      <c r="N998640" s="10"/>
    </row>
    <row r="998641" spans="14:14">
      <c r="N998641" s="10"/>
    </row>
    <row r="998642" spans="14:14">
      <c r="N998642" s="10"/>
    </row>
    <row r="998643" spans="14:14">
      <c r="N998643" s="10"/>
    </row>
    <row r="998644" spans="14:14">
      <c r="N998644" s="10"/>
    </row>
    <row r="998645" spans="14:14">
      <c r="N998645" s="10"/>
    </row>
    <row r="998646" spans="14:14">
      <c r="N998646" s="10"/>
    </row>
    <row r="998647" spans="14:14">
      <c r="N998647" s="10"/>
    </row>
    <row r="998648" spans="14:14">
      <c r="N998648" s="10"/>
    </row>
    <row r="998649" spans="14:14">
      <c r="N998649" s="10"/>
    </row>
    <row r="998650" spans="14:14">
      <c r="N998650" s="10"/>
    </row>
    <row r="998651" spans="14:14">
      <c r="N998651" s="10"/>
    </row>
    <row r="998652" spans="14:14">
      <c r="N998652" s="10"/>
    </row>
    <row r="998653" spans="14:14">
      <c r="N998653" s="10"/>
    </row>
    <row r="998654" spans="14:14">
      <c r="N998654" s="10"/>
    </row>
    <row r="998655" spans="14:14">
      <c r="N998655" s="10"/>
    </row>
    <row r="998656" spans="14:14">
      <c r="N998656" s="10"/>
    </row>
    <row r="998657" spans="14:14">
      <c r="N998657" s="10"/>
    </row>
    <row r="998658" spans="14:14">
      <c r="N998658" s="10"/>
    </row>
    <row r="998659" spans="14:14">
      <c r="N998659" s="10"/>
    </row>
    <row r="998660" spans="14:14">
      <c r="N998660" s="10"/>
    </row>
    <row r="998661" spans="14:14">
      <c r="N998661" s="10"/>
    </row>
    <row r="998662" spans="14:14">
      <c r="N998662" s="10"/>
    </row>
    <row r="998663" spans="14:14">
      <c r="N998663" s="10"/>
    </row>
    <row r="998664" spans="14:14">
      <c r="N998664" s="10"/>
    </row>
    <row r="998665" spans="14:14">
      <c r="N998665" s="10"/>
    </row>
    <row r="998666" spans="14:14">
      <c r="N998666" s="10"/>
    </row>
    <row r="998667" spans="14:14">
      <c r="N998667" s="10"/>
    </row>
    <row r="998668" spans="14:14">
      <c r="N998668" s="10"/>
    </row>
    <row r="998669" spans="14:14">
      <c r="N998669" s="10"/>
    </row>
    <row r="998670" spans="14:14">
      <c r="N998670" s="10"/>
    </row>
    <row r="998671" spans="14:14">
      <c r="N998671" s="10"/>
    </row>
    <row r="998672" spans="14:14">
      <c r="N998672" s="10"/>
    </row>
    <row r="998673" spans="14:14">
      <c r="N998673" s="10"/>
    </row>
    <row r="998674" spans="14:14">
      <c r="N998674" s="10"/>
    </row>
    <row r="998675" spans="14:14">
      <c r="N998675" s="10"/>
    </row>
    <row r="998676" spans="14:14">
      <c r="N998676" s="10"/>
    </row>
    <row r="998677" spans="14:14">
      <c r="N998677" s="10"/>
    </row>
    <row r="998678" spans="14:14">
      <c r="N998678" s="10"/>
    </row>
    <row r="998679" spans="14:14">
      <c r="N998679" s="10"/>
    </row>
    <row r="998680" spans="14:14">
      <c r="N998680" s="10"/>
    </row>
    <row r="998681" spans="14:14">
      <c r="N998681" s="10"/>
    </row>
    <row r="998682" spans="14:14">
      <c r="N998682" s="10"/>
    </row>
    <row r="998683" spans="14:14">
      <c r="N998683" s="10"/>
    </row>
    <row r="998684" spans="14:14">
      <c r="N998684" s="10"/>
    </row>
    <row r="998685" spans="14:14">
      <c r="N998685" s="10"/>
    </row>
    <row r="998686" spans="14:14">
      <c r="N998686" s="10"/>
    </row>
    <row r="998687" spans="14:14">
      <c r="N998687" s="10"/>
    </row>
    <row r="998688" spans="14:14">
      <c r="N998688" s="10"/>
    </row>
    <row r="998689" spans="14:14">
      <c r="N998689" s="10"/>
    </row>
    <row r="998690" spans="14:14">
      <c r="N998690" s="10"/>
    </row>
    <row r="998691" spans="14:14">
      <c r="N998691" s="10"/>
    </row>
    <row r="998692" spans="14:14">
      <c r="N998692" s="10"/>
    </row>
    <row r="998693" spans="14:14">
      <c r="N998693" s="10"/>
    </row>
    <row r="998694" spans="14:14">
      <c r="N998694" s="10"/>
    </row>
    <row r="998695" spans="14:14">
      <c r="N998695" s="10"/>
    </row>
    <row r="998696" spans="14:14">
      <c r="N998696" s="10"/>
    </row>
    <row r="998697" spans="14:14">
      <c r="N998697" s="10"/>
    </row>
    <row r="998698" spans="14:14">
      <c r="N998698" s="10"/>
    </row>
    <row r="998699" spans="14:14">
      <c r="N998699" s="10"/>
    </row>
    <row r="998700" spans="14:14">
      <c r="N998700" s="10"/>
    </row>
    <row r="998701" spans="14:14">
      <c r="N998701" s="10"/>
    </row>
    <row r="998702" spans="14:14">
      <c r="N998702" s="10"/>
    </row>
    <row r="998703" spans="14:14">
      <c r="N998703" s="10"/>
    </row>
    <row r="998704" spans="14:14">
      <c r="N998704" s="10"/>
    </row>
    <row r="998705" spans="14:14">
      <c r="N998705" s="10"/>
    </row>
    <row r="998706" spans="14:14">
      <c r="N998706" s="10"/>
    </row>
    <row r="998707" spans="14:14">
      <c r="N998707" s="10"/>
    </row>
    <row r="998708" spans="14:14">
      <c r="N998708" s="10"/>
    </row>
    <row r="998709" spans="14:14">
      <c r="N998709" s="10"/>
    </row>
    <row r="998710" spans="14:14">
      <c r="N998710" s="10"/>
    </row>
    <row r="998711" spans="14:14">
      <c r="N998711" s="10"/>
    </row>
    <row r="998712" spans="14:14">
      <c r="N998712" s="10"/>
    </row>
    <row r="998713" spans="14:14">
      <c r="N998713" s="10"/>
    </row>
    <row r="998714" spans="14:14">
      <c r="N998714" s="10"/>
    </row>
    <row r="998715" spans="14:14">
      <c r="N998715" s="10"/>
    </row>
    <row r="998716" spans="14:14">
      <c r="N998716" s="10"/>
    </row>
    <row r="998717" spans="14:14">
      <c r="N998717" s="10"/>
    </row>
    <row r="998718" spans="14:14">
      <c r="N998718" s="10"/>
    </row>
    <row r="998719" spans="14:14">
      <c r="N998719" s="10"/>
    </row>
    <row r="998720" spans="14:14">
      <c r="N998720" s="10"/>
    </row>
    <row r="998721" spans="14:14">
      <c r="N998721" s="10"/>
    </row>
    <row r="998722" spans="14:14">
      <c r="N998722" s="10"/>
    </row>
    <row r="998723" spans="14:14">
      <c r="N998723" s="10"/>
    </row>
    <row r="998724" spans="14:14">
      <c r="N998724" s="10"/>
    </row>
    <row r="998725" spans="14:14">
      <c r="N998725" s="10"/>
    </row>
    <row r="998726" spans="14:14">
      <c r="N998726" s="10"/>
    </row>
    <row r="998727" spans="14:14">
      <c r="N998727" s="10"/>
    </row>
    <row r="998728" spans="14:14">
      <c r="N998728" s="10"/>
    </row>
    <row r="998729" spans="14:14">
      <c r="N998729" s="10"/>
    </row>
    <row r="998730" spans="14:14">
      <c r="N998730" s="10"/>
    </row>
    <row r="998731" spans="14:14">
      <c r="N998731" s="10"/>
    </row>
    <row r="998732" spans="14:14">
      <c r="N998732" s="10"/>
    </row>
    <row r="998733" spans="14:14">
      <c r="N998733" s="10"/>
    </row>
    <row r="998734" spans="14:14">
      <c r="N998734" s="10"/>
    </row>
    <row r="998735" spans="14:14">
      <c r="N998735" s="10"/>
    </row>
    <row r="998736" spans="14:14">
      <c r="N998736" s="10"/>
    </row>
    <row r="998737" spans="14:14">
      <c r="N998737" s="10"/>
    </row>
    <row r="998738" spans="14:14">
      <c r="N998738" s="10"/>
    </row>
    <row r="998739" spans="14:14">
      <c r="N998739" s="10"/>
    </row>
    <row r="998740" spans="14:14">
      <c r="N998740" s="10"/>
    </row>
    <row r="998741" spans="14:14">
      <c r="N998741" s="10"/>
    </row>
    <row r="998742" spans="14:14">
      <c r="N998742" s="10"/>
    </row>
    <row r="998743" spans="14:14">
      <c r="N998743" s="10"/>
    </row>
    <row r="998744" spans="14:14">
      <c r="N998744" s="10"/>
    </row>
    <row r="998745" spans="14:14">
      <c r="N998745" s="10"/>
    </row>
    <row r="998746" spans="14:14">
      <c r="N998746" s="10"/>
    </row>
    <row r="998747" spans="14:14">
      <c r="N998747" s="10"/>
    </row>
    <row r="998748" spans="14:14">
      <c r="N998748" s="10"/>
    </row>
    <row r="998749" spans="14:14">
      <c r="N998749" s="10"/>
    </row>
    <row r="998750" spans="14:14">
      <c r="N998750" s="10"/>
    </row>
    <row r="998751" spans="14:14">
      <c r="N998751" s="10"/>
    </row>
    <row r="998752" spans="14:14">
      <c r="N998752" s="10"/>
    </row>
    <row r="998753" spans="14:14">
      <c r="N998753" s="10"/>
    </row>
    <row r="998754" spans="14:14">
      <c r="N998754" s="10"/>
    </row>
    <row r="998755" spans="14:14">
      <c r="N998755" s="10"/>
    </row>
    <row r="998756" spans="14:14">
      <c r="N998756" s="10"/>
    </row>
    <row r="998757" spans="14:14">
      <c r="N998757" s="10"/>
    </row>
    <row r="998758" spans="14:14">
      <c r="N998758" s="10"/>
    </row>
    <row r="998759" spans="14:14">
      <c r="N998759" s="10"/>
    </row>
    <row r="998760" spans="14:14">
      <c r="N998760" s="10"/>
    </row>
    <row r="998761" spans="14:14">
      <c r="N998761" s="10"/>
    </row>
    <row r="998762" spans="14:14">
      <c r="N998762" s="10"/>
    </row>
    <row r="998763" spans="14:14">
      <c r="N998763" s="10"/>
    </row>
    <row r="998764" spans="14:14">
      <c r="N998764" s="10"/>
    </row>
    <row r="998765" spans="14:14">
      <c r="N998765" s="10"/>
    </row>
    <row r="998766" spans="14:14">
      <c r="N998766" s="10"/>
    </row>
    <row r="998767" spans="14:14">
      <c r="N998767" s="10"/>
    </row>
    <row r="998768" spans="14:14">
      <c r="N998768" s="10"/>
    </row>
    <row r="998769" spans="14:14">
      <c r="N998769" s="10"/>
    </row>
    <row r="998770" spans="14:14">
      <c r="N998770" s="10"/>
    </row>
    <row r="998771" spans="14:14">
      <c r="N998771" s="10"/>
    </row>
    <row r="998772" spans="14:14">
      <c r="N998772" s="10"/>
    </row>
    <row r="998773" spans="14:14">
      <c r="N998773" s="10"/>
    </row>
    <row r="998774" spans="14:14">
      <c r="N998774" s="10"/>
    </row>
    <row r="998775" spans="14:14">
      <c r="N998775" s="10"/>
    </row>
    <row r="998776" spans="14:14">
      <c r="N998776" s="10"/>
    </row>
    <row r="998777" spans="14:14">
      <c r="N998777" s="10"/>
    </row>
    <row r="998778" spans="14:14">
      <c r="N998778" s="10"/>
    </row>
    <row r="998779" spans="14:14">
      <c r="N998779" s="10"/>
    </row>
    <row r="998780" spans="14:14">
      <c r="N998780" s="10"/>
    </row>
    <row r="998781" spans="14:14">
      <c r="N998781" s="10"/>
    </row>
    <row r="998782" spans="14:14">
      <c r="N998782" s="10"/>
    </row>
    <row r="998783" spans="14:14">
      <c r="N998783" s="10"/>
    </row>
    <row r="998784" spans="14:14">
      <c r="N998784" s="10"/>
    </row>
    <row r="998785" spans="14:14">
      <c r="N998785" s="10"/>
    </row>
    <row r="998786" spans="14:14">
      <c r="N998786" s="10"/>
    </row>
    <row r="998787" spans="14:14">
      <c r="N998787" s="10"/>
    </row>
    <row r="998788" spans="14:14">
      <c r="N998788" s="10"/>
    </row>
    <row r="998789" spans="14:14">
      <c r="N998789" s="10"/>
    </row>
    <row r="998790" spans="14:14">
      <c r="N998790" s="10"/>
    </row>
    <row r="998791" spans="14:14">
      <c r="N998791" s="10"/>
    </row>
    <row r="998792" spans="14:14">
      <c r="N998792" s="10"/>
    </row>
    <row r="998793" spans="14:14">
      <c r="N998793" s="10"/>
    </row>
    <row r="998794" spans="14:14">
      <c r="N998794" s="10"/>
    </row>
    <row r="998795" spans="14:14">
      <c r="N998795" s="10"/>
    </row>
    <row r="998796" spans="14:14">
      <c r="N998796" s="10"/>
    </row>
    <row r="998797" spans="14:14">
      <c r="N998797" s="10"/>
    </row>
    <row r="998798" spans="14:14">
      <c r="N998798" s="10"/>
    </row>
    <row r="998799" spans="14:14">
      <c r="N998799" s="10"/>
    </row>
    <row r="998800" spans="14:14">
      <c r="N998800" s="10"/>
    </row>
    <row r="998801" spans="14:14">
      <c r="N998801" s="10"/>
    </row>
    <row r="998802" spans="14:14">
      <c r="N998802" s="10"/>
    </row>
    <row r="998803" spans="14:14">
      <c r="N998803" s="10"/>
    </row>
    <row r="998804" spans="14:14">
      <c r="N998804" s="10"/>
    </row>
    <row r="998805" spans="14:14">
      <c r="N998805" s="10"/>
    </row>
    <row r="998806" spans="14:14">
      <c r="N998806" s="10"/>
    </row>
    <row r="998807" spans="14:14">
      <c r="N998807" s="10"/>
    </row>
    <row r="998808" spans="14:14">
      <c r="N998808" s="10"/>
    </row>
    <row r="998809" spans="14:14">
      <c r="N998809" s="10"/>
    </row>
    <row r="998810" spans="14:14">
      <c r="N998810" s="10"/>
    </row>
    <row r="998811" spans="14:14">
      <c r="N998811" s="10"/>
    </row>
    <row r="998812" spans="14:14">
      <c r="N998812" s="10"/>
    </row>
    <row r="998813" spans="14:14">
      <c r="N998813" s="10"/>
    </row>
    <row r="998814" spans="14:14">
      <c r="N998814" s="10"/>
    </row>
    <row r="998815" spans="14:14">
      <c r="N998815" s="10"/>
    </row>
    <row r="998816" spans="14:14">
      <c r="N998816" s="10"/>
    </row>
    <row r="998817" spans="14:14">
      <c r="N998817" s="10"/>
    </row>
    <row r="998818" spans="14:14">
      <c r="N998818" s="10"/>
    </row>
    <row r="998819" spans="14:14">
      <c r="N998819" s="10"/>
    </row>
    <row r="998820" spans="14:14">
      <c r="N998820" s="10"/>
    </row>
    <row r="998821" spans="14:14">
      <c r="N998821" s="10"/>
    </row>
    <row r="998822" spans="14:14">
      <c r="N998822" s="10"/>
    </row>
    <row r="998823" spans="14:14">
      <c r="N998823" s="10"/>
    </row>
    <row r="998824" spans="14:14">
      <c r="N998824" s="10"/>
    </row>
    <row r="998825" spans="14:14">
      <c r="N998825" s="10"/>
    </row>
    <row r="998826" spans="14:14">
      <c r="N998826" s="10"/>
    </row>
    <row r="998827" spans="14:14">
      <c r="N998827" s="10"/>
    </row>
    <row r="998828" spans="14:14">
      <c r="N998828" s="10"/>
    </row>
    <row r="998829" spans="14:14">
      <c r="N998829" s="10"/>
    </row>
    <row r="998830" spans="14:14">
      <c r="N998830" s="10"/>
    </row>
    <row r="998831" spans="14:14">
      <c r="N998831" s="10"/>
    </row>
    <row r="998832" spans="14:14">
      <c r="N998832" s="10"/>
    </row>
    <row r="998833" spans="14:14">
      <c r="N998833" s="10"/>
    </row>
    <row r="998834" spans="14:14">
      <c r="N998834" s="10"/>
    </row>
    <row r="998835" spans="14:14">
      <c r="N998835" s="10"/>
    </row>
    <row r="998836" spans="14:14">
      <c r="N998836" s="10"/>
    </row>
    <row r="998837" spans="14:14">
      <c r="N998837" s="10"/>
    </row>
    <row r="998838" spans="14:14">
      <c r="N998838" s="10"/>
    </row>
    <row r="998839" spans="14:14">
      <c r="N998839" s="10"/>
    </row>
    <row r="998840" spans="14:14">
      <c r="N998840" s="10"/>
    </row>
    <row r="998841" spans="14:14">
      <c r="N998841" s="10"/>
    </row>
    <row r="998842" spans="14:14">
      <c r="N998842" s="10"/>
    </row>
    <row r="998843" spans="14:14">
      <c r="N998843" s="10"/>
    </row>
    <row r="998844" spans="14:14">
      <c r="N998844" s="10"/>
    </row>
    <row r="998845" spans="14:14">
      <c r="N998845" s="10"/>
    </row>
    <row r="998846" spans="14:14">
      <c r="N998846" s="10"/>
    </row>
    <row r="998847" spans="14:14">
      <c r="N998847" s="10"/>
    </row>
    <row r="998848" spans="14:14">
      <c r="N998848" s="10"/>
    </row>
    <row r="998849" spans="14:14">
      <c r="N998849" s="10"/>
    </row>
    <row r="998850" spans="14:14">
      <c r="N998850" s="10"/>
    </row>
    <row r="998851" spans="14:14">
      <c r="N998851" s="10"/>
    </row>
    <row r="998852" spans="14:14">
      <c r="N998852" s="10"/>
    </row>
    <row r="998853" spans="14:14">
      <c r="N998853" s="10"/>
    </row>
    <row r="998854" spans="14:14">
      <c r="N998854" s="10"/>
    </row>
    <row r="998855" spans="14:14">
      <c r="N998855" s="10"/>
    </row>
    <row r="998856" spans="14:14">
      <c r="N998856" s="10"/>
    </row>
    <row r="998857" spans="14:14">
      <c r="N998857" s="10"/>
    </row>
    <row r="998858" spans="14:14">
      <c r="N998858" s="10"/>
    </row>
    <row r="998859" spans="14:14">
      <c r="N998859" s="10"/>
    </row>
    <row r="998860" spans="14:14">
      <c r="N998860" s="10"/>
    </row>
    <row r="998861" spans="14:14">
      <c r="N998861" s="10"/>
    </row>
    <row r="998862" spans="14:14">
      <c r="N998862" s="10"/>
    </row>
    <row r="998863" spans="14:14">
      <c r="N998863" s="10"/>
    </row>
    <row r="998864" spans="14:14">
      <c r="N998864" s="10"/>
    </row>
    <row r="998865" spans="14:14">
      <c r="N998865" s="10"/>
    </row>
    <row r="998866" spans="14:14">
      <c r="N998866" s="10"/>
    </row>
    <row r="998867" spans="14:14">
      <c r="N998867" s="10"/>
    </row>
    <row r="998868" spans="14:14">
      <c r="N998868" s="10"/>
    </row>
    <row r="998869" spans="14:14">
      <c r="N998869" s="10"/>
    </row>
    <row r="998870" spans="14:14">
      <c r="N998870" s="10"/>
    </row>
    <row r="998871" spans="14:14">
      <c r="N998871" s="10"/>
    </row>
    <row r="998872" spans="14:14">
      <c r="N998872" s="10"/>
    </row>
    <row r="998873" spans="14:14">
      <c r="N998873" s="10"/>
    </row>
    <row r="998874" spans="14:14">
      <c r="N998874" s="10"/>
    </row>
    <row r="998875" spans="14:14">
      <c r="N998875" s="10"/>
    </row>
    <row r="998876" spans="14:14">
      <c r="N998876" s="10"/>
    </row>
    <row r="998877" spans="14:14">
      <c r="N998877" s="10"/>
    </row>
    <row r="998878" spans="14:14">
      <c r="N998878" s="10"/>
    </row>
    <row r="998879" spans="14:14">
      <c r="N998879" s="10"/>
    </row>
    <row r="998880" spans="14:14">
      <c r="N998880" s="10"/>
    </row>
    <row r="998881" spans="14:14">
      <c r="N998881" s="10"/>
    </row>
    <row r="998882" spans="14:14">
      <c r="N998882" s="10"/>
    </row>
    <row r="998883" spans="14:14">
      <c r="N998883" s="10"/>
    </row>
    <row r="998884" spans="14:14">
      <c r="N998884" s="10"/>
    </row>
    <row r="998885" spans="14:14">
      <c r="N998885" s="10"/>
    </row>
    <row r="998886" spans="14:14">
      <c r="N998886" s="10"/>
    </row>
    <row r="998887" spans="14:14">
      <c r="N998887" s="10"/>
    </row>
    <row r="998888" spans="14:14">
      <c r="N998888" s="10"/>
    </row>
    <row r="998889" spans="14:14">
      <c r="N998889" s="10"/>
    </row>
    <row r="998890" spans="14:14">
      <c r="N998890" s="10"/>
    </row>
    <row r="998891" spans="14:14">
      <c r="N998891" s="10"/>
    </row>
    <row r="998892" spans="14:14">
      <c r="N998892" s="10"/>
    </row>
    <row r="998893" spans="14:14">
      <c r="N998893" s="10"/>
    </row>
    <row r="998894" spans="14:14">
      <c r="N998894" s="10"/>
    </row>
    <row r="998895" spans="14:14">
      <c r="N998895" s="10"/>
    </row>
    <row r="998896" spans="14:14">
      <c r="N998896" s="10"/>
    </row>
    <row r="998897" spans="14:14">
      <c r="N998897" s="10"/>
    </row>
    <row r="998898" spans="14:14">
      <c r="N998898" s="10"/>
    </row>
    <row r="998899" spans="14:14">
      <c r="N998899" s="10"/>
    </row>
    <row r="998900" spans="14:14">
      <c r="N998900" s="10"/>
    </row>
    <row r="998901" spans="14:14">
      <c r="N998901" s="10"/>
    </row>
    <row r="998902" spans="14:14">
      <c r="N998902" s="10"/>
    </row>
    <row r="998903" spans="14:14">
      <c r="N998903" s="10"/>
    </row>
    <row r="998904" spans="14:14">
      <c r="N998904" s="10"/>
    </row>
    <row r="998905" spans="14:14">
      <c r="N998905" s="10"/>
    </row>
    <row r="998906" spans="14:14">
      <c r="N998906" s="10"/>
    </row>
    <row r="998907" spans="14:14">
      <c r="N998907" s="10"/>
    </row>
    <row r="998908" spans="14:14">
      <c r="N998908" s="10"/>
    </row>
    <row r="998909" spans="14:14">
      <c r="N998909" s="10"/>
    </row>
    <row r="998910" spans="14:14">
      <c r="N998910" s="10"/>
    </row>
    <row r="998911" spans="14:14">
      <c r="N998911" s="10"/>
    </row>
    <row r="998912" spans="14:14">
      <c r="N998912" s="10"/>
    </row>
    <row r="998913" spans="14:14">
      <c r="N998913" s="10"/>
    </row>
    <row r="998914" spans="14:14">
      <c r="N998914" s="10"/>
    </row>
    <row r="998915" spans="14:14">
      <c r="N998915" s="10"/>
    </row>
    <row r="998916" spans="14:14">
      <c r="N998916" s="10"/>
    </row>
    <row r="998917" spans="14:14">
      <c r="N998917" s="10"/>
    </row>
    <row r="998918" spans="14:14">
      <c r="N998918" s="10"/>
    </row>
    <row r="998919" spans="14:14">
      <c r="N998919" s="10"/>
    </row>
    <row r="998920" spans="14:14">
      <c r="N998920" s="10"/>
    </row>
    <row r="998921" spans="14:14">
      <c r="N998921" s="10"/>
    </row>
    <row r="998922" spans="14:14">
      <c r="N998922" s="10"/>
    </row>
    <row r="998923" spans="14:14">
      <c r="N998923" s="10"/>
    </row>
    <row r="998924" spans="14:14">
      <c r="N998924" s="10"/>
    </row>
    <row r="998925" spans="14:14">
      <c r="N998925" s="10"/>
    </row>
    <row r="998926" spans="14:14">
      <c r="N998926" s="10"/>
    </row>
    <row r="998927" spans="14:14">
      <c r="N998927" s="10"/>
    </row>
    <row r="998928" spans="14:14">
      <c r="N998928" s="10"/>
    </row>
    <row r="998929" spans="14:14">
      <c r="N998929" s="10"/>
    </row>
    <row r="998930" spans="14:14">
      <c r="N998930" s="10"/>
    </row>
    <row r="998931" spans="14:14">
      <c r="N998931" s="10"/>
    </row>
    <row r="998932" spans="14:14">
      <c r="N998932" s="10"/>
    </row>
    <row r="998933" spans="14:14">
      <c r="N998933" s="10"/>
    </row>
    <row r="998934" spans="14:14">
      <c r="N998934" s="10"/>
    </row>
    <row r="998935" spans="14:14">
      <c r="N998935" s="10"/>
    </row>
    <row r="998936" spans="14:14">
      <c r="N998936" s="10"/>
    </row>
    <row r="998937" spans="14:14">
      <c r="N998937" s="10"/>
    </row>
    <row r="998938" spans="14:14">
      <c r="N998938" s="10"/>
    </row>
    <row r="998939" spans="14:14">
      <c r="N998939" s="10"/>
    </row>
    <row r="998940" spans="14:14">
      <c r="N998940" s="10"/>
    </row>
    <row r="998941" spans="14:14">
      <c r="N998941" s="10"/>
    </row>
    <row r="998942" spans="14:14">
      <c r="N998942" s="10"/>
    </row>
    <row r="998943" spans="14:14">
      <c r="N998943" s="10"/>
    </row>
    <row r="998944" spans="14:14">
      <c r="N998944" s="10"/>
    </row>
    <row r="998945" spans="14:14">
      <c r="N998945" s="10"/>
    </row>
    <row r="998946" spans="14:14">
      <c r="N998946" s="10"/>
    </row>
    <row r="998947" spans="14:14">
      <c r="N998947" s="10"/>
    </row>
    <row r="998948" spans="14:14">
      <c r="N998948" s="10"/>
    </row>
    <row r="998949" spans="14:14">
      <c r="N998949" s="10"/>
    </row>
    <row r="998950" spans="14:14">
      <c r="N998950" s="10"/>
    </row>
    <row r="998951" spans="14:14">
      <c r="N998951" s="10"/>
    </row>
    <row r="998952" spans="14:14">
      <c r="N998952" s="10"/>
    </row>
    <row r="998953" spans="14:14">
      <c r="N998953" s="10"/>
    </row>
    <row r="998954" spans="14:14">
      <c r="N998954" s="10"/>
    </row>
    <row r="998955" spans="14:14">
      <c r="N998955" s="10"/>
    </row>
    <row r="998956" spans="14:14">
      <c r="N998956" s="10"/>
    </row>
    <row r="998957" spans="14:14">
      <c r="N998957" s="10"/>
    </row>
    <row r="998958" spans="14:14">
      <c r="N998958" s="10"/>
    </row>
    <row r="998959" spans="14:14">
      <c r="N998959" s="10"/>
    </row>
    <row r="998960" spans="14:14">
      <c r="N998960" s="10"/>
    </row>
    <row r="998961" spans="14:14">
      <c r="N998961" s="10"/>
    </row>
    <row r="998962" spans="14:14">
      <c r="N998962" s="10"/>
    </row>
    <row r="998963" spans="14:14">
      <c r="N998963" s="10"/>
    </row>
    <row r="998964" spans="14:14">
      <c r="N998964" s="10"/>
    </row>
    <row r="998965" spans="14:14">
      <c r="N998965" s="10"/>
    </row>
    <row r="998966" spans="14:14">
      <c r="N998966" s="10"/>
    </row>
    <row r="998967" spans="14:14">
      <c r="N998967" s="10"/>
    </row>
    <row r="998968" spans="14:14">
      <c r="N998968" s="10"/>
    </row>
    <row r="998969" spans="14:14">
      <c r="N998969" s="10"/>
    </row>
    <row r="998970" spans="14:14">
      <c r="N998970" s="10"/>
    </row>
    <row r="998971" spans="14:14">
      <c r="N998971" s="10"/>
    </row>
    <row r="998972" spans="14:14">
      <c r="N998972" s="10"/>
    </row>
    <row r="998973" spans="14:14">
      <c r="N998973" s="10"/>
    </row>
    <row r="998974" spans="14:14">
      <c r="N998974" s="10"/>
    </row>
    <row r="998975" spans="14:14">
      <c r="N998975" s="10"/>
    </row>
    <row r="998976" spans="14:14">
      <c r="N998976" s="10"/>
    </row>
    <row r="998977" spans="14:14">
      <c r="N998977" s="10"/>
    </row>
    <row r="998978" spans="14:14">
      <c r="N998978" s="10"/>
    </row>
    <row r="998979" spans="14:14">
      <c r="N998979" s="10"/>
    </row>
    <row r="998980" spans="14:14">
      <c r="N998980" s="10"/>
    </row>
    <row r="998981" spans="14:14">
      <c r="N998981" s="10"/>
    </row>
    <row r="998982" spans="14:14">
      <c r="N998982" s="10"/>
    </row>
    <row r="998983" spans="14:14">
      <c r="N998983" s="10"/>
    </row>
    <row r="998984" spans="14:14">
      <c r="N998984" s="10"/>
    </row>
    <row r="998985" spans="14:14">
      <c r="N998985" s="10"/>
    </row>
    <row r="998986" spans="14:14">
      <c r="N998986" s="10"/>
    </row>
    <row r="998987" spans="14:14">
      <c r="N998987" s="10"/>
    </row>
    <row r="998988" spans="14:14">
      <c r="N998988" s="10"/>
    </row>
    <row r="998989" spans="14:14">
      <c r="N998989" s="10"/>
    </row>
    <row r="998990" spans="14:14">
      <c r="N998990" s="10"/>
    </row>
    <row r="998991" spans="14:14">
      <c r="N998991" s="10"/>
    </row>
    <row r="998992" spans="14:14">
      <c r="N998992" s="10"/>
    </row>
    <row r="998993" spans="14:14">
      <c r="N998993" s="10"/>
    </row>
    <row r="998994" spans="14:14">
      <c r="N998994" s="10"/>
    </row>
    <row r="998995" spans="14:14">
      <c r="N998995" s="10"/>
    </row>
    <row r="998996" spans="14:14">
      <c r="N998996" s="10"/>
    </row>
    <row r="998997" spans="14:14">
      <c r="N998997" s="10"/>
    </row>
    <row r="998998" spans="14:14">
      <c r="N998998" s="10"/>
    </row>
    <row r="998999" spans="14:14">
      <c r="N998999" s="10"/>
    </row>
    <row r="999000" spans="14:14">
      <c r="N999000" s="10"/>
    </row>
    <row r="999001" spans="14:14">
      <c r="N999001" s="10"/>
    </row>
    <row r="999002" spans="14:14">
      <c r="N999002" s="10"/>
    </row>
    <row r="999003" spans="14:14">
      <c r="N999003" s="10"/>
    </row>
    <row r="999004" spans="14:14">
      <c r="N999004" s="10"/>
    </row>
    <row r="999005" spans="14:14">
      <c r="N999005" s="10"/>
    </row>
    <row r="999006" spans="14:14">
      <c r="N999006" s="10"/>
    </row>
    <row r="999007" spans="14:14">
      <c r="N999007" s="10"/>
    </row>
    <row r="999008" spans="14:14">
      <c r="N999008" s="10"/>
    </row>
    <row r="999009" spans="14:14">
      <c r="N999009" s="10"/>
    </row>
    <row r="999010" spans="14:14">
      <c r="N999010" s="10"/>
    </row>
    <row r="999011" spans="14:14">
      <c r="N999011" s="10"/>
    </row>
    <row r="999012" spans="14:14">
      <c r="N999012" s="10"/>
    </row>
    <row r="999013" spans="14:14">
      <c r="N999013" s="10"/>
    </row>
    <row r="999014" spans="14:14">
      <c r="N999014" s="10"/>
    </row>
    <row r="999015" spans="14:14">
      <c r="N999015" s="10"/>
    </row>
    <row r="999016" spans="14:14">
      <c r="N999016" s="10"/>
    </row>
    <row r="999017" spans="14:14">
      <c r="N999017" s="10"/>
    </row>
    <row r="999018" spans="14:14">
      <c r="N999018" s="10"/>
    </row>
    <row r="999019" spans="14:14">
      <c r="N999019" s="10"/>
    </row>
    <row r="999020" spans="14:14">
      <c r="N999020" s="10"/>
    </row>
    <row r="999021" spans="14:14">
      <c r="N999021" s="10"/>
    </row>
    <row r="999022" spans="14:14">
      <c r="N999022" s="10"/>
    </row>
    <row r="999023" spans="14:14">
      <c r="N999023" s="10"/>
    </row>
    <row r="999024" spans="14:14">
      <c r="N999024" s="10"/>
    </row>
    <row r="999025" spans="14:14">
      <c r="N999025" s="10"/>
    </row>
    <row r="999026" spans="14:14">
      <c r="N999026" s="10"/>
    </row>
    <row r="999027" spans="14:14">
      <c r="N999027" s="10"/>
    </row>
    <row r="999028" spans="14:14">
      <c r="N999028" s="10"/>
    </row>
    <row r="999029" spans="14:14">
      <c r="N999029" s="10"/>
    </row>
    <row r="999030" spans="14:14">
      <c r="N999030" s="10"/>
    </row>
    <row r="999031" spans="14:14">
      <c r="N999031" s="10"/>
    </row>
    <row r="999032" spans="14:14">
      <c r="N999032" s="10"/>
    </row>
    <row r="999033" spans="14:14">
      <c r="N999033" s="10"/>
    </row>
    <row r="999034" spans="14:14">
      <c r="N999034" s="10"/>
    </row>
    <row r="999035" spans="14:14">
      <c r="N999035" s="10"/>
    </row>
    <row r="999036" spans="14:14">
      <c r="N999036" s="10"/>
    </row>
    <row r="999037" spans="14:14">
      <c r="N999037" s="10"/>
    </row>
    <row r="999038" spans="14:14">
      <c r="N999038" s="10"/>
    </row>
    <row r="999039" spans="14:14">
      <c r="N999039" s="10"/>
    </row>
    <row r="999040" spans="14:14">
      <c r="N999040" s="10"/>
    </row>
    <row r="999041" spans="14:14">
      <c r="N999041" s="10"/>
    </row>
    <row r="999042" spans="14:14">
      <c r="N999042" s="10"/>
    </row>
    <row r="999043" spans="14:14">
      <c r="N999043" s="10"/>
    </row>
    <row r="999044" spans="14:14">
      <c r="N999044" s="10"/>
    </row>
    <row r="999045" spans="14:14">
      <c r="N999045" s="10"/>
    </row>
    <row r="999046" spans="14:14">
      <c r="N999046" s="10"/>
    </row>
    <row r="999047" spans="14:14">
      <c r="N999047" s="10"/>
    </row>
    <row r="999048" spans="14:14">
      <c r="N999048" s="10"/>
    </row>
    <row r="999049" spans="14:14">
      <c r="N999049" s="10"/>
    </row>
    <row r="999050" spans="14:14">
      <c r="N999050" s="10"/>
    </row>
    <row r="999051" spans="14:14">
      <c r="N999051" s="10"/>
    </row>
    <row r="999052" spans="14:14">
      <c r="N999052" s="10"/>
    </row>
    <row r="999053" spans="14:14">
      <c r="N999053" s="10"/>
    </row>
    <row r="999054" spans="14:14">
      <c r="N999054" s="10"/>
    </row>
    <row r="999055" spans="14:14">
      <c r="N999055" s="10"/>
    </row>
    <row r="999056" spans="14:14">
      <c r="N999056" s="10"/>
    </row>
    <row r="999057" spans="14:14">
      <c r="N999057" s="10"/>
    </row>
    <row r="999058" spans="14:14">
      <c r="N999058" s="10"/>
    </row>
    <row r="999059" spans="14:14">
      <c r="N999059" s="10"/>
    </row>
    <row r="999060" spans="14:14">
      <c r="N999060" s="10"/>
    </row>
    <row r="999061" spans="14:14">
      <c r="N999061" s="10"/>
    </row>
    <row r="999062" spans="14:14">
      <c r="N999062" s="10"/>
    </row>
    <row r="999063" spans="14:14">
      <c r="N999063" s="10"/>
    </row>
    <row r="999064" spans="14:14">
      <c r="N999064" s="10"/>
    </row>
    <row r="999065" spans="14:14">
      <c r="N999065" s="10"/>
    </row>
    <row r="999066" spans="14:14">
      <c r="N999066" s="10"/>
    </row>
    <row r="999067" spans="14:14">
      <c r="N999067" s="10"/>
    </row>
    <row r="999068" spans="14:14">
      <c r="N999068" s="10"/>
    </row>
    <row r="999069" spans="14:14">
      <c r="N999069" s="10"/>
    </row>
    <row r="999070" spans="14:14">
      <c r="N999070" s="10"/>
    </row>
    <row r="999071" spans="14:14">
      <c r="N999071" s="10"/>
    </row>
    <row r="999072" spans="14:14">
      <c r="N999072" s="10"/>
    </row>
    <row r="999073" spans="14:14">
      <c r="N999073" s="10"/>
    </row>
    <row r="999074" spans="14:14">
      <c r="N999074" s="10"/>
    </row>
    <row r="999075" spans="14:14">
      <c r="N999075" s="10"/>
    </row>
    <row r="999076" spans="14:14">
      <c r="N999076" s="10"/>
    </row>
    <row r="999077" spans="14:14">
      <c r="N999077" s="10"/>
    </row>
    <row r="999078" spans="14:14">
      <c r="N999078" s="10"/>
    </row>
    <row r="999079" spans="14:14">
      <c r="N999079" s="10"/>
    </row>
    <row r="999080" spans="14:14">
      <c r="N999080" s="10"/>
    </row>
    <row r="999081" spans="14:14">
      <c r="N999081" s="10"/>
    </row>
    <row r="999082" spans="14:14">
      <c r="N999082" s="10"/>
    </row>
    <row r="999083" spans="14:14">
      <c r="N999083" s="10"/>
    </row>
    <row r="999084" spans="14:14">
      <c r="N999084" s="10"/>
    </row>
    <row r="999085" spans="14:14">
      <c r="N999085" s="10"/>
    </row>
    <row r="999086" spans="14:14">
      <c r="N999086" s="10"/>
    </row>
    <row r="999087" spans="14:14">
      <c r="N999087" s="10"/>
    </row>
    <row r="999088" spans="14:14">
      <c r="N999088" s="10"/>
    </row>
    <row r="999089" spans="14:14">
      <c r="N999089" s="10"/>
    </row>
    <row r="999090" spans="14:14">
      <c r="N999090" s="10"/>
    </row>
    <row r="999091" spans="14:14">
      <c r="N999091" s="10"/>
    </row>
    <row r="999092" spans="14:14">
      <c r="N999092" s="10"/>
    </row>
    <row r="999093" spans="14:14">
      <c r="N999093" s="10"/>
    </row>
    <row r="999094" spans="14:14">
      <c r="N999094" s="10"/>
    </row>
    <row r="999095" spans="14:14">
      <c r="N999095" s="10"/>
    </row>
    <row r="999096" spans="14:14">
      <c r="N999096" s="10"/>
    </row>
    <row r="999097" spans="14:14">
      <c r="N999097" s="10"/>
    </row>
    <row r="999098" spans="14:14">
      <c r="N999098" s="10"/>
    </row>
    <row r="999099" spans="14:14">
      <c r="N999099" s="10"/>
    </row>
    <row r="999100" spans="14:14">
      <c r="N999100" s="10"/>
    </row>
    <row r="999101" spans="14:14">
      <c r="N999101" s="10"/>
    </row>
    <row r="999102" spans="14:14">
      <c r="N999102" s="10"/>
    </row>
    <row r="999103" spans="14:14">
      <c r="N999103" s="10"/>
    </row>
    <row r="999104" spans="14:14">
      <c r="N999104" s="10"/>
    </row>
    <row r="999105" spans="14:14">
      <c r="N999105" s="10"/>
    </row>
    <row r="999106" spans="14:14">
      <c r="N999106" s="10"/>
    </row>
    <row r="999107" spans="14:14">
      <c r="N999107" s="10"/>
    </row>
    <row r="999108" spans="14:14">
      <c r="N999108" s="10"/>
    </row>
    <row r="999109" spans="14:14">
      <c r="N999109" s="10"/>
    </row>
    <row r="999110" spans="14:14">
      <c r="N999110" s="10"/>
    </row>
    <row r="999111" spans="14:14">
      <c r="N999111" s="10"/>
    </row>
    <row r="999112" spans="14:14">
      <c r="N999112" s="10"/>
    </row>
    <row r="999113" spans="14:14">
      <c r="N999113" s="10"/>
    </row>
    <row r="999114" spans="14:14">
      <c r="N999114" s="10"/>
    </row>
    <row r="999115" spans="14:14">
      <c r="N999115" s="10"/>
    </row>
    <row r="999116" spans="14:14">
      <c r="N999116" s="10"/>
    </row>
    <row r="999117" spans="14:14">
      <c r="N999117" s="10"/>
    </row>
    <row r="999118" spans="14:14">
      <c r="N999118" s="10"/>
    </row>
    <row r="999119" spans="14:14">
      <c r="N999119" s="10"/>
    </row>
    <row r="999120" spans="14:14">
      <c r="N999120" s="10"/>
    </row>
    <row r="999121" spans="14:14">
      <c r="N999121" s="10"/>
    </row>
    <row r="999122" spans="14:14">
      <c r="N999122" s="10"/>
    </row>
    <row r="999123" spans="14:14">
      <c r="N999123" s="10"/>
    </row>
    <row r="999124" spans="14:14">
      <c r="N999124" s="10"/>
    </row>
    <row r="999125" spans="14:14">
      <c r="N999125" s="10"/>
    </row>
    <row r="999126" spans="14:14">
      <c r="N999126" s="10"/>
    </row>
    <row r="999127" spans="14:14">
      <c r="N999127" s="10"/>
    </row>
    <row r="999128" spans="14:14">
      <c r="N999128" s="10"/>
    </row>
    <row r="999129" spans="14:14">
      <c r="N999129" s="10"/>
    </row>
    <row r="999130" spans="14:14">
      <c r="N999130" s="10"/>
    </row>
    <row r="999131" spans="14:14">
      <c r="N999131" s="10"/>
    </row>
    <row r="999132" spans="14:14">
      <c r="N999132" s="10"/>
    </row>
    <row r="999133" spans="14:14">
      <c r="N999133" s="10"/>
    </row>
    <row r="999134" spans="14:14">
      <c r="N999134" s="10"/>
    </row>
    <row r="999135" spans="14:14">
      <c r="N999135" s="10"/>
    </row>
    <row r="999136" spans="14:14">
      <c r="N999136" s="10"/>
    </row>
    <row r="999137" spans="14:14">
      <c r="N999137" s="10"/>
    </row>
    <row r="999138" spans="14:14">
      <c r="N999138" s="10"/>
    </row>
    <row r="999139" spans="14:14">
      <c r="N999139" s="10"/>
    </row>
    <row r="999140" spans="14:14">
      <c r="N999140" s="10"/>
    </row>
    <row r="999141" spans="14:14">
      <c r="N999141" s="10"/>
    </row>
    <row r="999142" spans="14:14">
      <c r="N999142" s="10"/>
    </row>
    <row r="999143" spans="14:14">
      <c r="N999143" s="10"/>
    </row>
    <row r="999144" spans="14:14">
      <c r="N999144" s="10"/>
    </row>
    <row r="999145" spans="14:14">
      <c r="N999145" s="10"/>
    </row>
    <row r="999146" spans="14:14">
      <c r="N999146" s="10"/>
    </row>
    <row r="999147" spans="14:14">
      <c r="N999147" s="10"/>
    </row>
    <row r="999148" spans="14:14">
      <c r="N999148" s="10"/>
    </row>
    <row r="999149" spans="14:14">
      <c r="N999149" s="10"/>
    </row>
    <row r="999150" spans="14:14">
      <c r="N999150" s="10"/>
    </row>
    <row r="999151" spans="14:14">
      <c r="N999151" s="10"/>
    </row>
    <row r="999152" spans="14:14">
      <c r="N999152" s="10"/>
    </row>
    <row r="999153" spans="14:14">
      <c r="N999153" s="10"/>
    </row>
    <row r="999154" spans="14:14">
      <c r="N999154" s="10"/>
    </row>
    <row r="999155" spans="14:14">
      <c r="N999155" s="10"/>
    </row>
    <row r="999156" spans="14:14">
      <c r="N999156" s="10"/>
    </row>
    <row r="999157" spans="14:14">
      <c r="N999157" s="10"/>
    </row>
    <row r="999158" spans="14:14">
      <c r="N999158" s="10"/>
    </row>
    <row r="999159" spans="14:14">
      <c r="N999159" s="10"/>
    </row>
    <row r="999160" spans="14:14">
      <c r="N999160" s="10"/>
    </row>
    <row r="999161" spans="14:14">
      <c r="N999161" s="10"/>
    </row>
    <row r="999162" spans="14:14">
      <c r="N999162" s="10"/>
    </row>
    <row r="999163" spans="14:14">
      <c r="N999163" s="10"/>
    </row>
    <row r="999164" spans="14:14">
      <c r="N999164" s="10"/>
    </row>
    <row r="999165" spans="14:14">
      <c r="N999165" s="10"/>
    </row>
    <row r="999166" spans="14:14">
      <c r="N999166" s="10"/>
    </row>
    <row r="999167" spans="14:14">
      <c r="N999167" s="10"/>
    </row>
    <row r="999168" spans="14:14">
      <c r="N999168" s="10"/>
    </row>
    <row r="999169" spans="14:14">
      <c r="N999169" s="10"/>
    </row>
    <row r="999170" spans="14:14">
      <c r="N999170" s="10"/>
    </row>
    <row r="999171" spans="14:14">
      <c r="N999171" s="10"/>
    </row>
    <row r="999172" spans="14:14">
      <c r="N999172" s="10"/>
    </row>
    <row r="999173" spans="14:14">
      <c r="N999173" s="10"/>
    </row>
    <row r="999174" spans="14:14">
      <c r="N999174" s="10"/>
    </row>
    <row r="999175" spans="14:14">
      <c r="N999175" s="10"/>
    </row>
    <row r="999176" spans="14:14">
      <c r="N999176" s="10"/>
    </row>
    <row r="999177" spans="14:14">
      <c r="N999177" s="10"/>
    </row>
    <row r="999178" spans="14:14">
      <c r="N999178" s="10"/>
    </row>
    <row r="999179" spans="14:14">
      <c r="N999179" s="10"/>
    </row>
    <row r="999180" spans="14:14">
      <c r="N999180" s="10"/>
    </row>
    <row r="999181" spans="14:14">
      <c r="N999181" s="10"/>
    </row>
    <row r="999182" spans="14:14">
      <c r="N999182" s="10"/>
    </row>
    <row r="999183" spans="14:14">
      <c r="N999183" s="10"/>
    </row>
    <row r="999184" spans="14:14">
      <c r="N999184" s="10"/>
    </row>
    <row r="999185" spans="14:14">
      <c r="N999185" s="10"/>
    </row>
    <row r="999186" spans="14:14">
      <c r="N999186" s="10"/>
    </row>
    <row r="999187" spans="14:14">
      <c r="N999187" s="10"/>
    </row>
    <row r="999188" spans="14:14">
      <c r="N999188" s="10"/>
    </row>
    <row r="999189" spans="14:14">
      <c r="N999189" s="10"/>
    </row>
    <row r="999190" spans="14:14">
      <c r="N999190" s="10"/>
    </row>
    <row r="999191" spans="14:14">
      <c r="N999191" s="10"/>
    </row>
    <row r="999192" spans="14:14">
      <c r="N999192" s="10"/>
    </row>
    <row r="999193" spans="14:14">
      <c r="N999193" s="10"/>
    </row>
    <row r="999194" spans="14:14">
      <c r="N999194" s="10"/>
    </row>
    <row r="999195" spans="14:14">
      <c r="N999195" s="10"/>
    </row>
    <row r="999196" spans="14:14">
      <c r="N999196" s="10"/>
    </row>
    <row r="999197" spans="14:14">
      <c r="N999197" s="10"/>
    </row>
    <row r="999198" spans="14:14">
      <c r="N999198" s="10"/>
    </row>
    <row r="999199" spans="14:14">
      <c r="N999199" s="10"/>
    </row>
    <row r="999200" spans="14:14">
      <c r="N999200" s="10"/>
    </row>
    <row r="999201" spans="14:14">
      <c r="N999201" s="10"/>
    </row>
    <row r="999202" spans="14:14">
      <c r="N999202" s="10"/>
    </row>
    <row r="999203" spans="14:14">
      <c r="N999203" s="10"/>
    </row>
    <row r="999204" spans="14:14">
      <c r="N999204" s="10"/>
    </row>
    <row r="999205" spans="14:14">
      <c r="N999205" s="10"/>
    </row>
    <row r="999206" spans="14:14">
      <c r="N999206" s="10"/>
    </row>
    <row r="999207" spans="14:14">
      <c r="N999207" s="10"/>
    </row>
    <row r="999208" spans="14:14">
      <c r="N999208" s="10"/>
    </row>
    <row r="999209" spans="14:14">
      <c r="N999209" s="10"/>
    </row>
    <row r="999210" spans="14:14">
      <c r="N999210" s="10"/>
    </row>
    <row r="999211" spans="14:14">
      <c r="N999211" s="10"/>
    </row>
    <row r="999212" spans="14:14">
      <c r="N999212" s="10"/>
    </row>
    <row r="999213" spans="14:14">
      <c r="N999213" s="10"/>
    </row>
    <row r="999214" spans="14:14">
      <c r="N999214" s="10"/>
    </row>
    <row r="999215" spans="14:14">
      <c r="N999215" s="10"/>
    </row>
    <row r="999216" spans="14:14">
      <c r="N999216" s="10"/>
    </row>
    <row r="999217" spans="14:14">
      <c r="N999217" s="10"/>
    </row>
    <row r="999218" spans="14:14">
      <c r="N999218" s="10"/>
    </row>
    <row r="999219" spans="14:14">
      <c r="N999219" s="10"/>
    </row>
    <row r="999220" spans="14:14">
      <c r="N999220" s="10"/>
    </row>
    <row r="999221" spans="14:14">
      <c r="N999221" s="10"/>
    </row>
    <row r="999222" spans="14:14">
      <c r="N999222" s="10"/>
    </row>
    <row r="999223" spans="14:14">
      <c r="N999223" s="10"/>
    </row>
    <row r="999224" spans="14:14">
      <c r="N999224" s="10"/>
    </row>
    <row r="999225" spans="14:14">
      <c r="N999225" s="10"/>
    </row>
    <row r="999226" spans="14:14">
      <c r="N999226" s="10"/>
    </row>
    <row r="999227" spans="14:14">
      <c r="N999227" s="10"/>
    </row>
    <row r="999228" spans="14:14">
      <c r="N999228" s="10"/>
    </row>
    <row r="999229" spans="14:14">
      <c r="N999229" s="10"/>
    </row>
    <row r="999230" spans="14:14">
      <c r="N999230" s="10"/>
    </row>
    <row r="999231" spans="14:14">
      <c r="N999231" s="10"/>
    </row>
    <row r="999232" spans="14:14">
      <c r="N999232" s="10"/>
    </row>
    <row r="999233" spans="14:14">
      <c r="N999233" s="10"/>
    </row>
    <row r="999234" spans="14:14">
      <c r="N999234" s="10"/>
    </row>
    <row r="999235" spans="14:14">
      <c r="N999235" s="10"/>
    </row>
    <row r="999236" spans="14:14">
      <c r="N999236" s="10"/>
    </row>
    <row r="999237" spans="14:14">
      <c r="N999237" s="10"/>
    </row>
    <row r="999238" spans="14:14">
      <c r="N999238" s="10"/>
    </row>
    <row r="999239" spans="14:14">
      <c r="N999239" s="10"/>
    </row>
    <row r="999240" spans="14:14">
      <c r="N999240" s="10"/>
    </row>
    <row r="999241" spans="14:14">
      <c r="N999241" s="10"/>
    </row>
    <row r="999242" spans="14:14">
      <c r="N999242" s="10"/>
    </row>
    <row r="999243" spans="14:14">
      <c r="N999243" s="10"/>
    </row>
    <row r="999244" spans="14:14">
      <c r="N999244" s="10"/>
    </row>
    <row r="999245" spans="14:14">
      <c r="N999245" s="10"/>
    </row>
    <row r="999246" spans="14:14">
      <c r="N999246" s="10"/>
    </row>
    <row r="999247" spans="14:14">
      <c r="N999247" s="10"/>
    </row>
    <row r="999248" spans="14:14">
      <c r="N999248" s="10"/>
    </row>
    <row r="999249" spans="14:14">
      <c r="N999249" s="10"/>
    </row>
    <row r="999250" spans="14:14">
      <c r="N999250" s="10"/>
    </row>
    <row r="999251" spans="14:14">
      <c r="N999251" s="10"/>
    </row>
    <row r="999252" spans="14:14">
      <c r="N999252" s="10"/>
    </row>
    <row r="999253" spans="14:14">
      <c r="N999253" s="10"/>
    </row>
    <row r="999254" spans="14:14">
      <c r="N999254" s="10"/>
    </row>
    <row r="999255" spans="14:14">
      <c r="N999255" s="10"/>
    </row>
    <row r="999256" spans="14:14">
      <c r="N999256" s="10"/>
    </row>
    <row r="999257" spans="14:14">
      <c r="N999257" s="10"/>
    </row>
    <row r="999258" spans="14:14">
      <c r="N999258" s="10"/>
    </row>
    <row r="999259" spans="14:14">
      <c r="N999259" s="10"/>
    </row>
    <row r="999260" spans="14:14">
      <c r="N999260" s="10"/>
    </row>
    <row r="999261" spans="14:14">
      <c r="N999261" s="10"/>
    </row>
    <row r="999262" spans="14:14">
      <c r="N999262" s="10"/>
    </row>
    <row r="999263" spans="14:14">
      <c r="N999263" s="10"/>
    </row>
    <row r="999264" spans="14:14">
      <c r="N999264" s="10"/>
    </row>
    <row r="999265" spans="14:14">
      <c r="N999265" s="10"/>
    </row>
    <row r="999266" spans="14:14">
      <c r="N999266" s="10"/>
    </row>
    <row r="999267" spans="14:14">
      <c r="N999267" s="10"/>
    </row>
    <row r="999268" spans="14:14">
      <c r="N999268" s="10"/>
    </row>
    <row r="999269" spans="14:14">
      <c r="N999269" s="10"/>
    </row>
    <row r="999270" spans="14:14">
      <c r="N999270" s="10"/>
    </row>
    <row r="999271" spans="14:14">
      <c r="N999271" s="10"/>
    </row>
    <row r="999272" spans="14:14">
      <c r="N999272" s="10"/>
    </row>
    <row r="999273" spans="14:14">
      <c r="N999273" s="10"/>
    </row>
    <row r="999274" spans="14:14">
      <c r="N999274" s="10"/>
    </row>
    <row r="999275" spans="14:14">
      <c r="N999275" s="10"/>
    </row>
    <row r="999276" spans="14:14">
      <c r="N999276" s="10"/>
    </row>
    <row r="999277" spans="14:14">
      <c r="N999277" s="10"/>
    </row>
    <row r="999278" spans="14:14">
      <c r="N999278" s="10"/>
    </row>
    <row r="999279" spans="14:14">
      <c r="N999279" s="10"/>
    </row>
    <row r="999280" spans="14:14">
      <c r="N999280" s="10"/>
    </row>
    <row r="999281" spans="14:14">
      <c r="N999281" s="10"/>
    </row>
    <row r="999282" spans="14:14">
      <c r="N999282" s="10"/>
    </row>
    <row r="999283" spans="14:14">
      <c r="N999283" s="10"/>
    </row>
    <row r="999284" spans="14:14">
      <c r="N999284" s="10"/>
    </row>
    <row r="999285" spans="14:14">
      <c r="N999285" s="10"/>
    </row>
    <row r="999286" spans="14:14">
      <c r="N999286" s="10"/>
    </row>
    <row r="999287" spans="14:14">
      <c r="N999287" s="10"/>
    </row>
    <row r="999288" spans="14:14">
      <c r="N999288" s="10"/>
    </row>
    <row r="999289" spans="14:14">
      <c r="N999289" s="10"/>
    </row>
    <row r="999290" spans="14:14">
      <c r="N999290" s="10"/>
    </row>
    <row r="999291" spans="14:14">
      <c r="N999291" s="10"/>
    </row>
    <row r="999292" spans="14:14">
      <c r="N999292" s="10"/>
    </row>
    <row r="999293" spans="14:14">
      <c r="N999293" s="10"/>
    </row>
    <row r="999294" spans="14:14">
      <c r="N999294" s="10"/>
    </row>
    <row r="999295" spans="14:14">
      <c r="N999295" s="10"/>
    </row>
    <row r="999296" spans="14:14">
      <c r="N999296" s="10"/>
    </row>
    <row r="999297" spans="14:14">
      <c r="N999297" s="10"/>
    </row>
    <row r="999298" spans="14:14">
      <c r="N999298" s="10"/>
    </row>
    <row r="999299" spans="14:14">
      <c r="N999299" s="10"/>
    </row>
    <row r="999300" spans="14:14">
      <c r="N999300" s="10"/>
    </row>
    <row r="999301" spans="14:14">
      <c r="N999301" s="10"/>
    </row>
    <row r="999302" spans="14:14">
      <c r="N999302" s="10"/>
    </row>
    <row r="999303" spans="14:14">
      <c r="N999303" s="10"/>
    </row>
    <row r="999304" spans="14:14">
      <c r="N999304" s="10"/>
    </row>
    <row r="999305" spans="14:14">
      <c r="N999305" s="10"/>
    </row>
    <row r="999306" spans="14:14">
      <c r="N999306" s="10"/>
    </row>
    <row r="999307" spans="14:14">
      <c r="N999307" s="10"/>
    </row>
    <row r="999308" spans="14:14">
      <c r="N999308" s="10"/>
    </row>
    <row r="999309" spans="14:14">
      <c r="N999309" s="10"/>
    </row>
    <row r="999310" spans="14:14">
      <c r="N999310" s="10"/>
    </row>
    <row r="999311" spans="14:14">
      <c r="N999311" s="10"/>
    </row>
    <row r="999312" spans="14:14">
      <c r="N999312" s="10"/>
    </row>
    <row r="999313" spans="14:14">
      <c r="N999313" s="10"/>
    </row>
    <row r="999314" spans="14:14">
      <c r="N999314" s="10"/>
    </row>
    <row r="999315" spans="14:14">
      <c r="N999315" s="10"/>
    </row>
    <row r="999316" spans="14:14">
      <c r="N999316" s="10"/>
    </row>
    <row r="999317" spans="14:14">
      <c r="N999317" s="10"/>
    </row>
    <row r="999318" spans="14:14">
      <c r="N999318" s="10"/>
    </row>
    <row r="999319" spans="14:14">
      <c r="N999319" s="10"/>
    </row>
    <row r="999320" spans="14:14">
      <c r="N999320" s="10"/>
    </row>
    <row r="999321" spans="14:14">
      <c r="N999321" s="10"/>
    </row>
    <row r="999322" spans="14:14">
      <c r="N999322" s="10"/>
    </row>
    <row r="999323" spans="14:14">
      <c r="N999323" s="10"/>
    </row>
    <row r="999324" spans="14:14">
      <c r="N999324" s="10"/>
    </row>
    <row r="999325" spans="14:14">
      <c r="N999325" s="10"/>
    </row>
    <row r="999326" spans="14:14">
      <c r="N999326" s="10"/>
    </row>
    <row r="999327" spans="14:14">
      <c r="N999327" s="10"/>
    </row>
    <row r="999328" spans="14:14">
      <c r="N999328" s="10"/>
    </row>
    <row r="999329" spans="14:14">
      <c r="N999329" s="10"/>
    </row>
    <row r="999330" spans="14:14">
      <c r="N999330" s="10"/>
    </row>
    <row r="999331" spans="14:14">
      <c r="N999331" s="10"/>
    </row>
    <row r="999332" spans="14:14">
      <c r="N999332" s="10"/>
    </row>
    <row r="999333" spans="14:14">
      <c r="N999333" s="10"/>
    </row>
    <row r="999334" spans="14:14">
      <c r="N999334" s="10"/>
    </row>
    <row r="999335" spans="14:14">
      <c r="N999335" s="10"/>
    </row>
    <row r="999336" spans="14:14">
      <c r="N999336" s="10"/>
    </row>
    <row r="999337" spans="14:14">
      <c r="N999337" s="10"/>
    </row>
    <row r="999338" spans="14:14">
      <c r="N999338" s="10"/>
    </row>
    <row r="999339" spans="14:14">
      <c r="N999339" s="10"/>
    </row>
    <row r="999340" spans="14:14">
      <c r="N999340" s="10"/>
    </row>
    <row r="999341" spans="14:14">
      <c r="N999341" s="10"/>
    </row>
    <row r="999342" spans="14:14">
      <c r="N999342" s="10"/>
    </row>
    <row r="999343" spans="14:14">
      <c r="N999343" s="10"/>
    </row>
    <row r="999344" spans="14:14">
      <c r="N999344" s="10"/>
    </row>
    <row r="999345" spans="14:14">
      <c r="N999345" s="10"/>
    </row>
    <row r="999346" spans="14:14">
      <c r="N999346" s="10"/>
    </row>
    <row r="999347" spans="14:14">
      <c r="N999347" s="10"/>
    </row>
    <row r="999348" spans="14:14">
      <c r="N999348" s="10"/>
    </row>
    <row r="999349" spans="14:14">
      <c r="N999349" s="10"/>
    </row>
    <row r="999350" spans="14:14">
      <c r="N999350" s="10"/>
    </row>
    <row r="999351" spans="14:14">
      <c r="N999351" s="10"/>
    </row>
    <row r="999352" spans="14:14">
      <c r="N999352" s="10"/>
    </row>
    <row r="999353" spans="14:14">
      <c r="N999353" s="10"/>
    </row>
    <row r="999354" spans="14:14">
      <c r="N999354" s="10"/>
    </row>
    <row r="999355" spans="14:14">
      <c r="N999355" s="10"/>
    </row>
    <row r="999356" spans="14:14">
      <c r="N999356" s="10"/>
    </row>
    <row r="999357" spans="14:14">
      <c r="N999357" s="10"/>
    </row>
    <row r="999358" spans="14:14">
      <c r="N999358" s="10"/>
    </row>
    <row r="999359" spans="14:14">
      <c r="N999359" s="10"/>
    </row>
    <row r="999360" spans="14:14">
      <c r="N999360" s="10"/>
    </row>
    <row r="999361" spans="14:14">
      <c r="N999361" s="10"/>
    </row>
    <row r="999362" spans="14:14">
      <c r="N999362" s="10"/>
    </row>
    <row r="999363" spans="14:14">
      <c r="N999363" s="10"/>
    </row>
    <row r="999364" spans="14:14">
      <c r="N999364" s="10"/>
    </row>
    <row r="999365" spans="14:14">
      <c r="N999365" s="10"/>
    </row>
    <row r="999366" spans="14:14">
      <c r="N999366" s="10"/>
    </row>
    <row r="999367" spans="14:14">
      <c r="N999367" s="10"/>
    </row>
    <row r="999368" spans="14:14">
      <c r="N999368" s="10"/>
    </row>
    <row r="999369" spans="14:14">
      <c r="N999369" s="10"/>
    </row>
    <row r="999370" spans="14:14">
      <c r="N999370" s="10"/>
    </row>
    <row r="999371" spans="14:14">
      <c r="N999371" s="10"/>
    </row>
    <row r="999372" spans="14:14">
      <c r="N999372" s="10"/>
    </row>
    <row r="999373" spans="14:14">
      <c r="N999373" s="10"/>
    </row>
    <row r="999374" spans="14:14">
      <c r="N999374" s="10"/>
    </row>
    <row r="999375" spans="14:14">
      <c r="N999375" s="10"/>
    </row>
    <row r="999376" spans="14:14">
      <c r="N999376" s="10"/>
    </row>
    <row r="999377" spans="14:14">
      <c r="N999377" s="10"/>
    </row>
    <row r="999378" spans="14:14">
      <c r="N999378" s="10"/>
    </row>
    <row r="999379" spans="14:14">
      <c r="N999379" s="10"/>
    </row>
    <row r="999380" spans="14:14">
      <c r="N999380" s="10"/>
    </row>
    <row r="999381" spans="14:14">
      <c r="N999381" s="10"/>
    </row>
    <row r="999382" spans="14:14">
      <c r="N999382" s="10"/>
    </row>
    <row r="999383" spans="14:14">
      <c r="N999383" s="10"/>
    </row>
    <row r="999384" spans="14:14">
      <c r="N999384" s="10"/>
    </row>
    <row r="999385" spans="14:14">
      <c r="N999385" s="10"/>
    </row>
    <row r="999386" spans="14:14">
      <c r="N999386" s="10"/>
    </row>
    <row r="999387" spans="14:14">
      <c r="N999387" s="10"/>
    </row>
    <row r="999388" spans="14:14">
      <c r="N999388" s="10"/>
    </row>
    <row r="999389" spans="14:14">
      <c r="N999389" s="10"/>
    </row>
    <row r="999390" spans="14:14">
      <c r="N999390" s="10"/>
    </row>
    <row r="999391" spans="14:14">
      <c r="N999391" s="10"/>
    </row>
    <row r="999392" spans="14:14">
      <c r="N999392" s="10"/>
    </row>
    <row r="999393" spans="14:14">
      <c r="N999393" s="10"/>
    </row>
    <row r="999394" spans="14:14">
      <c r="N999394" s="10"/>
    </row>
    <row r="999395" spans="14:14">
      <c r="N999395" s="10"/>
    </row>
    <row r="999396" spans="14:14">
      <c r="N999396" s="10"/>
    </row>
    <row r="999397" spans="14:14">
      <c r="N999397" s="10"/>
    </row>
    <row r="999398" spans="14:14">
      <c r="N999398" s="10"/>
    </row>
    <row r="999399" spans="14:14">
      <c r="N999399" s="10"/>
    </row>
    <row r="999400" spans="14:14">
      <c r="N999400" s="10"/>
    </row>
    <row r="999401" spans="14:14">
      <c r="N999401" s="10"/>
    </row>
    <row r="999402" spans="14:14">
      <c r="N999402" s="10"/>
    </row>
    <row r="999403" spans="14:14">
      <c r="N999403" s="10"/>
    </row>
    <row r="999404" spans="14:14">
      <c r="N999404" s="10"/>
    </row>
    <row r="999405" spans="14:14">
      <c r="N999405" s="10"/>
    </row>
    <row r="999406" spans="14:14">
      <c r="N999406" s="10"/>
    </row>
    <row r="999407" spans="14:14">
      <c r="N999407" s="10"/>
    </row>
    <row r="999408" spans="14:14">
      <c r="N999408" s="10"/>
    </row>
    <row r="999409" spans="14:14">
      <c r="N999409" s="10"/>
    </row>
    <row r="999410" spans="14:14">
      <c r="N999410" s="10"/>
    </row>
    <row r="999411" spans="14:14">
      <c r="N999411" s="10"/>
    </row>
    <row r="999412" spans="14:14">
      <c r="N999412" s="10"/>
    </row>
    <row r="999413" spans="14:14">
      <c r="N999413" s="10"/>
    </row>
    <row r="999414" spans="14:14">
      <c r="N999414" s="10"/>
    </row>
    <row r="999415" spans="14:14">
      <c r="N999415" s="10"/>
    </row>
    <row r="999416" spans="14:14">
      <c r="N999416" s="10"/>
    </row>
    <row r="999417" spans="14:14">
      <c r="N999417" s="10"/>
    </row>
    <row r="999418" spans="14:14">
      <c r="N999418" s="10"/>
    </row>
    <row r="999419" spans="14:14">
      <c r="N999419" s="10"/>
    </row>
    <row r="999420" spans="14:14">
      <c r="N999420" s="10"/>
    </row>
    <row r="999421" spans="14:14">
      <c r="N999421" s="10"/>
    </row>
    <row r="999422" spans="14:14">
      <c r="N999422" s="10"/>
    </row>
    <row r="999423" spans="14:14">
      <c r="N999423" s="10"/>
    </row>
    <row r="999424" spans="14:14">
      <c r="N999424" s="10"/>
    </row>
    <row r="999425" spans="14:14">
      <c r="N999425" s="10"/>
    </row>
    <row r="999426" spans="14:14">
      <c r="N999426" s="10"/>
    </row>
    <row r="999427" spans="14:14">
      <c r="N999427" s="10"/>
    </row>
    <row r="999428" spans="14:14">
      <c r="N999428" s="10"/>
    </row>
    <row r="999429" spans="14:14">
      <c r="N999429" s="10"/>
    </row>
    <row r="999430" spans="14:14">
      <c r="N999430" s="10"/>
    </row>
    <row r="999431" spans="14:14">
      <c r="N999431" s="10"/>
    </row>
    <row r="999432" spans="14:14">
      <c r="N999432" s="10"/>
    </row>
    <row r="999433" spans="14:14">
      <c r="N999433" s="10"/>
    </row>
    <row r="999434" spans="14:14">
      <c r="N999434" s="10"/>
    </row>
    <row r="999435" spans="14:14">
      <c r="N999435" s="10"/>
    </row>
    <row r="999436" spans="14:14">
      <c r="N999436" s="10"/>
    </row>
    <row r="999437" spans="14:14">
      <c r="N999437" s="10"/>
    </row>
    <row r="999438" spans="14:14">
      <c r="N999438" s="10"/>
    </row>
    <row r="999439" spans="14:14">
      <c r="N999439" s="10"/>
    </row>
    <row r="999440" spans="14:14">
      <c r="N999440" s="10"/>
    </row>
    <row r="999441" spans="14:14">
      <c r="N999441" s="10"/>
    </row>
    <row r="999442" spans="14:14">
      <c r="N999442" s="10"/>
    </row>
    <row r="999443" spans="14:14">
      <c r="N999443" s="10"/>
    </row>
    <row r="999444" spans="14:14">
      <c r="N999444" s="10"/>
    </row>
    <row r="999445" spans="14:14">
      <c r="N999445" s="10"/>
    </row>
    <row r="999446" spans="14:14">
      <c r="N999446" s="10"/>
    </row>
    <row r="999447" spans="14:14">
      <c r="N999447" s="10"/>
    </row>
    <row r="999448" spans="14:14">
      <c r="N999448" s="10"/>
    </row>
    <row r="999449" spans="14:14">
      <c r="N999449" s="10"/>
    </row>
    <row r="999450" spans="14:14">
      <c r="N999450" s="10"/>
    </row>
    <row r="999451" spans="14:14">
      <c r="N999451" s="10"/>
    </row>
    <row r="999452" spans="14:14">
      <c r="N999452" s="10"/>
    </row>
    <row r="999453" spans="14:14">
      <c r="N999453" s="10"/>
    </row>
    <row r="999454" spans="14:14">
      <c r="N999454" s="10"/>
    </row>
    <row r="999455" spans="14:14">
      <c r="N999455" s="10"/>
    </row>
    <row r="999456" spans="14:14">
      <c r="N999456" s="10"/>
    </row>
    <row r="999457" spans="14:14">
      <c r="N999457" s="10"/>
    </row>
    <row r="999458" spans="14:14">
      <c r="N999458" s="10"/>
    </row>
    <row r="999459" spans="14:14">
      <c r="N999459" s="10"/>
    </row>
    <row r="999460" spans="14:14">
      <c r="N999460" s="10"/>
    </row>
    <row r="999461" spans="14:14">
      <c r="N999461" s="10"/>
    </row>
    <row r="999462" spans="14:14">
      <c r="N999462" s="10"/>
    </row>
    <row r="999463" spans="14:14">
      <c r="N999463" s="10"/>
    </row>
    <row r="999464" spans="14:14">
      <c r="N999464" s="10"/>
    </row>
    <row r="999465" spans="14:14">
      <c r="N999465" s="10"/>
    </row>
    <row r="999466" spans="14:14">
      <c r="N999466" s="10"/>
    </row>
    <row r="999467" spans="14:14">
      <c r="N999467" s="10"/>
    </row>
    <row r="999468" spans="14:14">
      <c r="N999468" s="10"/>
    </row>
    <row r="999469" spans="14:14">
      <c r="N999469" s="10"/>
    </row>
    <row r="999470" spans="14:14">
      <c r="N999470" s="10"/>
    </row>
    <row r="999471" spans="14:14">
      <c r="N999471" s="10"/>
    </row>
    <row r="999472" spans="14:14">
      <c r="N999472" s="10"/>
    </row>
    <row r="999473" spans="14:14">
      <c r="N999473" s="10"/>
    </row>
    <row r="999474" spans="14:14">
      <c r="N999474" s="10"/>
    </row>
    <row r="999475" spans="14:14">
      <c r="N999475" s="10"/>
    </row>
    <row r="999476" spans="14:14">
      <c r="N999476" s="10"/>
    </row>
    <row r="999477" spans="14:14">
      <c r="N999477" s="10"/>
    </row>
    <row r="999478" spans="14:14">
      <c r="N999478" s="10"/>
    </row>
    <row r="999479" spans="14:14">
      <c r="N999479" s="10"/>
    </row>
    <row r="999480" spans="14:14">
      <c r="N999480" s="10"/>
    </row>
    <row r="999481" spans="14:14">
      <c r="N999481" s="10"/>
    </row>
    <row r="999482" spans="14:14">
      <c r="N999482" s="10"/>
    </row>
    <row r="999483" spans="14:14">
      <c r="N999483" s="10"/>
    </row>
    <row r="999484" spans="14:14">
      <c r="N999484" s="10"/>
    </row>
    <row r="999485" spans="14:14">
      <c r="N999485" s="10"/>
    </row>
    <row r="999486" spans="14:14">
      <c r="N999486" s="10"/>
    </row>
    <row r="999487" spans="14:14">
      <c r="N999487" s="10"/>
    </row>
    <row r="999488" spans="14:14">
      <c r="N999488" s="10"/>
    </row>
    <row r="999489" spans="14:14">
      <c r="N999489" s="10"/>
    </row>
    <row r="999490" spans="14:14">
      <c r="N999490" s="10"/>
    </row>
    <row r="999491" spans="14:14">
      <c r="N999491" s="10"/>
    </row>
    <row r="999492" spans="14:14">
      <c r="N999492" s="10"/>
    </row>
    <row r="999493" spans="14:14">
      <c r="N999493" s="10"/>
    </row>
    <row r="999494" spans="14:14">
      <c r="N999494" s="10"/>
    </row>
    <row r="999495" spans="14:14">
      <c r="N999495" s="10"/>
    </row>
    <row r="999496" spans="14:14">
      <c r="N999496" s="10"/>
    </row>
    <row r="999497" spans="14:14">
      <c r="N999497" s="10"/>
    </row>
    <row r="999498" spans="14:14">
      <c r="N999498" s="10"/>
    </row>
    <row r="999499" spans="14:14">
      <c r="N999499" s="10"/>
    </row>
    <row r="999500" spans="14:14">
      <c r="N999500" s="10"/>
    </row>
    <row r="999501" spans="14:14">
      <c r="N999501" s="10"/>
    </row>
    <row r="999502" spans="14:14">
      <c r="N999502" s="10"/>
    </row>
    <row r="999503" spans="14:14">
      <c r="N999503" s="10"/>
    </row>
    <row r="999504" spans="14:14">
      <c r="N999504" s="10"/>
    </row>
    <row r="999505" spans="14:14">
      <c r="N999505" s="10"/>
    </row>
    <row r="999506" spans="14:14">
      <c r="N999506" s="10"/>
    </row>
    <row r="999507" spans="14:14">
      <c r="N999507" s="10"/>
    </row>
    <row r="999508" spans="14:14">
      <c r="N999508" s="10"/>
    </row>
    <row r="999509" spans="14:14">
      <c r="N999509" s="10"/>
    </row>
    <row r="999510" spans="14:14">
      <c r="N999510" s="10"/>
    </row>
    <row r="999511" spans="14:14">
      <c r="N999511" s="10"/>
    </row>
    <row r="999512" spans="14:14">
      <c r="N999512" s="10"/>
    </row>
    <row r="999513" spans="14:14">
      <c r="N999513" s="10"/>
    </row>
    <row r="999514" spans="14:14">
      <c r="N999514" s="10"/>
    </row>
    <row r="999515" spans="14:14">
      <c r="N999515" s="10"/>
    </row>
    <row r="999516" spans="14:14">
      <c r="N999516" s="10"/>
    </row>
    <row r="999517" spans="14:14">
      <c r="N999517" s="10"/>
    </row>
    <row r="999518" spans="14:14">
      <c r="N999518" s="10"/>
    </row>
    <row r="999519" spans="14:14">
      <c r="N999519" s="10"/>
    </row>
    <row r="999520" spans="14:14">
      <c r="N999520" s="10"/>
    </row>
    <row r="999521" spans="14:14">
      <c r="N999521" s="10"/>
    </row>
    <row r="999522" spans="14:14">
      <c r="N999522" s="10"/>
    </row>
    <row r="999523" spans="14:14">
      <c r="N999523" s="10"/>
    </row>
    <row r="999524" spans="14:14">
      <c r="N999524" s="10"/>
    </row>
    <row r="999525" spans="14:14">
      <c r="N999525" s="10"/>
    </row>
    <row r="999526" spans="14:14">
      <c r="N999526" s="10"/>
    </row>
    <row r="999527" spans="14:14">
      <c r="N999527" s="10"/>
    </row>
    <row r="999528" spans="14:14">
      <c r="N999528" s="10"/>
    </row>
    <row r="999529" spans="14:14">
      <c r="N999529" s="10"/>
    </row>
    <row r="999530" spans="14:14">
      <c r="N999530" s="10"/>
    </row>
    <row r="999531" spans="14:14">
      <c r="N999531" s="10"/>
    </row>
    <row r="999532" spans="14:14">
      <c r="N999532" s="10"/>
    </row>
    <row r="999533" spans="14:14">
      <c r="N999533" s="10"/>
    </row>
    <row r="999534" spans="14:14">
      <c r="N999534" s="10"/>
    </row>
    <row r="999535" spans="14:14">
      <c r="N999535" s="10"/>
    </row>
    <row r="999536" spans="14:14">
      <c r="N999536" s="10"/>
    </row>
    <row r="999537" spans="14:14">
      <c r="N999537" s="10"/>
    </row>
    <row r="999538" spans="14:14">
      <c r="N999538" s="10"/>
    </row>
    <row r="999539" spans="14:14">
      <c r="N999539" s="10"/>
    </row>
    <row r="999540" spans="14:14">
      <c r="N999540" s="10"/>
    </row>
    <row r="999541" spans="14:14">
      <c r="N999541" s="10"/>
    </row>
    <row r="999542" spans="14:14">
      <c r="N999542" s="10"/>
    </row>
    <row r="999543" spans="14:14">
      <c r="N999543" s="10"/>
    </row>
    <row r="999544" spans="14:14">
      <c r="N999544" s="10"/>
    </row>
    <row r="999545" spans="14:14">
      <c r="N999545" s="10"/>
    </row>
    <row r="999546" spans="14:14">
      <c r="N999546" s="10"/>
    </row>
    <row r="999547" spans="14:14">
      <c r="N999547" s="10"/>
    </row>
    <row r="999548" spans="14:14">
      <c r="N999548" s="10"/>
    </row>
    <row r="999549" spans="14:14">
      <c r="N999549" s="10"/>
    </row>
    <row r="999550" spans="14:14">
      <c r="N999550" s="10"/>
    </row>
    <row r="999551" spans="14:14">
      <c r="N999551" s="10"/>
    </row>
    <row r="999552" spans="14:14">
      <c r="N999552" s="10"/>
    </row>
    <row r="999553" spans="14:14">
      <c r="N999553" s="10"/>
    </row>
    <row r="999554" spans="14:14">
      <c r="N999554" s="10"/>
    </row>
    <row r="999555" spans="14:14">
      <c r="N999555" s="10"/>
    </row>
    <row r="999556" spans="14:14">
      <c r="N999556" s="10"/>
    </row>
    <row r="999557" spans="14:14">
      <c r="N999557" s="10"/>
    </row>
    <row r="999558" spans="14:14">
      <c r="N999558" s="10"/>
    </row>
    <row r="999559" spans="14:14">
      <c r="N999559" s="10"/>
    </row>
    <row r="999560" spans="14:14">
      <c r="N999560" s="10"/>
    </row>
    <row r="999561" spans="14:14">
      <c r="N999561" s="10"/>
    </row>
    <row r="999562" spans="14:14">
      <c r="N999562" s="10"/>
    </row>
    <row r="999563" spans="14:14">
      <c r="N999563" s="10"/>
    </row>
    <row r="999564" spans="14:14">
      <c r="N999564" s="10"/>
    </row>
    <row r="999565" spans="14:14">
      <c r="N999565" s="10"/>
    </row>
    <row r="999566" spans="14:14">
      <c r="N999566" s="10"/>
    </row>
    <row r="999567" spans="14:14">
      <c r="N999567" s="10"/>
    </row>
    <row r="999568" spans="14:14">
      <c r="N999568" s="10"/>
    </row>
    <row r="999569" spans="14:14">
      <c r="N999569" s="10"/>
    </row>
    <row r="999570" spans="14:14">
      <c r="N999570" s="10"/>
    </row>
    <row r="999571" spans="14:14">
      <c r="N999571" s="10"/>
    </row>
    <row r="999572" spans="14:14">
      <c r="N999572" s="10"/>
    </row>
    <row r="999573" spans="14:14">
      <c r="N999573" s="10"/>
    </row>
    <row r="999574" spans="14:14">
      <c r="N999574" s="10"/>
    </row>
    <row r="999575" spans="14:14">
      <c r="N999575" s="10"/>
    </row>
    <row r="999576" spans="14:14">
      <c r="N999576" s="10"/>
    </row>
    <row r="999577" spans="14:14">
      <c r="N999577" s="10"/>
    </row>
    <row r="999578" spans="14:14">
      <c r="N999578" s="10"/>
    </row>
    <row r="999579" spans="14:14">
      <c r="N999579" s="10"/>
    </row>
    <row r="999580" spans="14:14">
      <c r="N999580" s="10"/>
    </row>
    <row r="999581" spans="14:14">
      <c r="N999581" s="10"/>
    </row>
    <row r="999582" spans="14:14">
      <c r="N999582" s="10"/>
    </row>
    <row r="999583" spans="14:14">
      <c r="N999583" s="10"/>
    </row>
    <row r="999584" spans="14:14">
      <c r="N999584" s="10"/>
    </row>
    <row r="999585" spans="14:14">
      <c r="N999585" s="10"/>
    </row>
    <row r="999586" spans="14:14">
      <c r="N999586" s="10"/>
    </row>
    <row r="999587" spans="14:14">
      <c r="N999587" s="10"/>
    </row>
    <row r="999588" spans="14:14">
      <c r="N999588" s="10"/>
    </row>
    <row r="999589" spans="14:14">
      <c r="N999589" s="10"/>
    </row>
    <row r="999590" spans="14:14">
      <c r="N999590" s="10"/>
    </row>
    <row r="999591" spans="14:14">
      <c r="N999591" s="10"/>
    </row>
    <row r="999592" spans="14:14">
      <c r="N999592" s="10"/>
    </row>
    <row r="999593" spans="14:14">
      <c r="N999593" s="10"/>
    </row>
    <row r="999594" spans="14:14">
      <c r="N999594" s="10"/>
    </row>
    <row r="999595" spans="14:14">
      <c r="N999595" s="10"/>
    </row>
    <row r="999596" spans="14:14">
      <c r="N999596" s="10"/>
    </row>
    <row r="999597" spans="14:14">
      <c r="N999597" s="10"/>
    </row>
    <row r="999598" spans="14:14">
      <c r="N999598" s="10"/>
    </row>
    <row r="999599" spans="14:14">
      <c r="N999599" s="10"/>
    </row>
    <row r="999600" spans="14:14">
      <c r="N999600" s="10"/>
    </row>
    <row r="999601" spans="14:14">
      <c r="N999601" s="10"/>
    </row>
    <row r="999602" spans="14:14">
      <c r="N999602" s="10"/>
    </row>
    <row r="999603" spans="14:14">
      <c r="N999603" s="10"/>
    </row>
    <row r="999604" spans="14:14">
      <c r="N999604" s="10"/>
    </row>
    <row r="999605" spans="14:14">
      <c r="N999605" s="10"/>
    </row>
    <row r="999606" spans="14:14">
      <c r="N999606" s="10"/>
    </row>
    <row r="999607" spans="14:14">
      <c r="N999607" s="10"/>
    </row>
    <row r="999608" spans="14:14">
      <c r="N999608" s="10"/>
    </row>
    <row r="999609" spans="14:14">
      <c r="N999609" s="10"/>
    </row>
    <row r="999610" spans="14:14">
      <c r="N999610" s="10"/>
    </row>
    <row r="999611" spans="14:14">
      <c r="N999611" s="10"/>
    </row>
    <row r="999612" spans="14:14">
      <c r="N999612" s="10"/>
    </row>
    <row r="999613" spans="14:14">
      <c r="N999613" s="10"/>
    </row>
    <row r="999614" spans="14:14">
      <c r="N999614" s="10"/>
    </row>
    <row r="999615" spans="14:14">
      <c r="N999615" s="10"/>
    </row>
    <row r="999616" spans="14:14">
      <c r="N999616" s="10"/>
    </row>
    <row r="999617" spans="14:14">
      <c r="N999617" s="10"/>
    </row>
    <row r="999618" spans="14:14">
      <c r="N999618" s="10"/>
    </row>
    <row r="999619" spans="14:14">
      <c r="N999619" s="10"/>
    </row>
    <row r="999620" spans="14:14">
      <c r="N999620" s="10"/>
    </row>
    <row r="999621" spans="14:14">
      <c r="N999621" s="10"/>
    </row>
    <row r="999622" spans="14:14">
      <c r="N999622" s="10"/>
    </row>
    <row r="999623" spans="14:14">
      <c r="N999623" s="10"/>
    </row>
    <row r="999624" spans="14:14">
      <c r="N999624" s="10"/>
    </row>
    <row r="999625" spans="14:14">
      <c r="N999625" s="10"/>
    </row>
    <row r="999626" spans="14:14">
      <c r="N999626" s="10"/>
    </row>
    <row r="999627" spans="14:14">
      <c r="N999627" s="10"/>
    </row>
    <row r="999628" spans="14:14">
      <c r="N999628" s="10"/>
    </row>
    <row r="999629" spans="14:14">
      <c r="N999629" s="10"/>
    </row>
    <row r="999630" spans="14:14">
      <c r="N999630" s="10"/>
    </row>
    <row r="999631" spans="14:14">
      <c r="N999631" s="10"/>
    </row>
    <row r="999632" spans="14:14">
      <c r="N999632" s="10"/>
    </row>
    <row r="999633" spans="14:14">
      <c r="N999633" s="10"/>
    </row>
    <row r="999634" spans="14:14">
      <c r="N999634" s="10"/>
    </row>
    <row r="999635" spans="14:14">
      <c r="N999635" s="10"/>
    </row>
    <row r="999636" spans="14:14">
      <c r="N999636" s="10"/>
    </row>
    <row r="999637" spans="14:14">
      <c r="N999637" s="10"/>
    </row>
    <row r="999638" spans="14:14">
      <c r="N999638" s="10"/>
    </row>
    <row r="999639" spans="14:14">
      <c r="N999639" s="10"/>
    </row>
    <row r="999640" spans="14:14">
      <c r="N999640" s="10"/>
    </row>
    <row r="999641" spans="14:14">
      <c r="N999641" s="10"/>
    </row>
    <row r="999642" spans="14:14">
      <c r="N999642" s="10"/>
    </row>
    <row r="999643" spans="14:14">
      <c r="N999643" s="10"/>
    </row>
    <row r="999644" spans="14:14">
      <c r="N999644" s="10"/>
    </row>
    <row r="999645" spans="14:14">
      <c r="N999645" s="10"/>
    </row>
    <row r="999646" spans="14:14">
      <c r="N999646" s="10"/>
    </row>
    <row r="999647" spans="14:14">
      <c r="N999647" s="10"/>
    </row>
    <row r="999648" spans="14:14">
      <c r="N999648" s="10"/>
    </row>
    <row r="999649" spans="14:14">
      <c r="N999649" s="10"/>
    </row>
    <row r="999650" spans="14:14">
      <c r="N999650" s="10"/>
    </row>
    <row r="999651" spans="14:14">
      <c r="N999651" s="10"/>
    </row>
    <row r="999652" spans="14:14">
      <c r="N999652" s="10"/>
    </row>
    <row r="999653" spans="14:14">
      <c r="N999653" s="10"/>
    </row>
    <row r="999654" spans="14:14">
      <c r="N999654" s="10"/>
    </row>
    <row r="999655" spans="14:14">
      <c r="N999655" s="10"/>
    </row>
    <row r="999656" spans="14:14">
      <c r="N999656" s="10"/>
    </row>
    <row r="999657" spans="14:14">
      <c r="N999657" s="10"/>
    </row>
    <row r="999658" spans="14:14">
      <c r="N999658" s="10"/>
    </row>
    <row r="999659" spans="14:14">
      <c r="N999659" s="10"/>
    </row>
    <row r="999660" spans="14:14">
      <c r="N999660" s="10"/>
    </row>
    <row r="999661" spans="14:14">
      <c r="N999661" s="10"/>
    </row>
    <row r="999662" spans="14:14">
      <c r="N999662" s="10"/>
    </row>
    <row r="999663" spans="14:14">
      <c r="N999663" s="10"/>
    </row>
    <row r="999664" spans="14:14">
      <c r="N999664" s="10"/>
    </row>
    <row r="999665" spans="14:14">
      <c r="N999665" s="10"/>
    </row>
    <row r="999666" spans="14:14">
      <c r="N999666" s="10"/>
    </row>
    <row r="999667" spans="14:14">
      <c r="N999667" s="10"/>
    </row>
    <row r="999668" spans="14:14">
      <c r="N999668" s="10"/>
    </row>
    <row r="999669" spans="14:14">
      <c r="N999669" s="10"/>
    </row>
    <row r="999670" spans="14:14">
      <c r="N999670" s="10"/>
    </row>
    <row r="999671" spans="14:14">
      <c r="N999671" s="10"/>
    </row>
    <row r="999672" spans="14:14">
      <c r="N999672" s="10"/>
    </row>
    <row r="999673" spans="14:14">
      <c r="N999673" s="10"/>
    </row>
    <row r="999674" spans="14:14">
      <c r="N999674" s="10"/>
    </row>
    <row r="999675" spans="14:14">
      <c r="N999675" s="10"/>
    </row>
    <row r="999676" spans="14:14">
      <c r="N999676" s="10"/>
    </row>
    <row r="999677" spans="14:14">
      <c r="N999677" s="10"/>
    </row>
    <row r="999678" spans="14:14">
      <c r="N999678" s="10"/>
    </row>
    <row r="999679" spans="14:14">
      <c r="N999679" s="10"/>
    </row>
    <row r="999680" spans="14:14">
      <c r="N999680" s="10"/>
    </row>
    <row r="999681" spans="14:14">
      <c r="N999681" s="10"/>
    </row>
    <row r="999682" spans="14:14">
      <c r="N999682" s="10"/>
    </row>
    <row r="999683" spans="14:14">
      <c r="N999683" s="10"/>
    </row>
    <row r="999684" spans="14:14">
      <c r="N999684" s="10"/>
    </row>
    <row r="999685" spans="14:14">
      <c r="N999685" s="10"/>
    </row>
    <row r="999686" spans="14:14">
      <c r="N999686" s="10"/>
    </row>
    <row r="999687" spans="14:14">
      <c r="N999687" s="10"/>
    </row>
    <row r="999688" spans="14:14">
      <c r="N999688" s="10"/>
    </row>
    <row r="999689" spans="14:14">
      <c r="N999689" s="10"/>
    </row>
    <row r="999690" spans="14:14">
      <c r="N999690" s="10"/>
    </row>
    <row r="999691" spans="14:14">
      <c r="N999691" s="10"/>
    </row>
    <row r="999692" spans="14:14">
      <c r="N999692" s="10"/>
    </row>
    <row r="999693" spans="14:14">
      <c r="N999693" s="10"/>
    </row>
    <row r="999694" spans="14:14">
      <c r="N999694" s="10"/>
    </row>
    <row r="999695" spans="14:14">
      <c r="N999695" s="10"/>
    </row>
    <row r="999696" spans="14:14">
      <c r="N999696" s="10"/>
    </row>
    <row r="999697" spans="14:14">
      <c r="N999697" s="10"/>
    </row>
    <row r="999698" spans="14:14">
      <c r="N999698" s="10"/>
    </row>
    <row r="999699" spans="14:14">
      <c r="N999699" s="10"/>
    </row>
    <row r="999700" spans="14:14">
      <c r="N999700" s="10"/>
    </row>
    <row r="999701" spans="14:14">
      <c r="N999701" s="10"/>
    </row>
    <row r="999702" spans="14:14">
      <c r="N999702" s="10"/>
    </row>
    <row r="999703" spans="14:14">
      <c r="N999703" s="10"/>
    </row>
    <row r="999704" spans="14:14">
      <c r="N999704" s="10"/>
    </row>
    <row r="999705" spans="14:14">
      <c r="N999705" s="10"/>
    </row>
    <row r="999706" spans="14:14">
      <c r="N999706" s="10"/>
    </row>
    <row r="999707" spans="14:14">
      <c r="N999707" s="10"/>
    </row>
    <row r="999708" spans="14:14">
      <c r="N999708" s="10"/>
    </row>
    <row r="999709" spans="14:14">
      <c r="N999709" s="10"/>
    </row>
    <row r="999710" spans="14:14">
      <c r="N999710" s="10"/>
    </row>
    <row r="999711" spans="14:14">
      <c r="N999711" s="10"/>
    </row>
    <row r="999712" spans="14:14">
      <c r="N999712" s="10"/>
    </row>
    <row r="999713" spans="14:14">
      <c r="N999713" s="10"/>
    </row>
    <row r="999714" spans="14:14">
      <c r="N999714" s="10"/>
    </row>
    <row r="999715" spans="14:14">
      <c r="N999715" s="10"/>
    </row>
    <row r="999716" spans="14:14">
      <c r="N999716" s="10"/>
    </row>
    <row r="999717" spans="14:14">
      <c r="N999717" s="10"/>
    </row>
    <row r="999718" spans="14:14">
      <c r="N999718" s="10"/>
    </row>
    <row r="999719" spans="14:14">
      <c r="N999719" s="10"/>
    </row>
    <row r="999720" spans="14:14">
      <c r="N999720" s="10"/>
    </row>
    <row r="999721" spans="14:14">
      <c r="N999721" s="10"/>
    </row>
    <row r="999722" spans="14:14">
      <c r="N999722" s="10"/>
    </row>
    <row r="999723" spans="14:14">
      <c r="N999723" s="10"/>
    </row>
    <row r="999724" spans="14:14">
      <c r="N999724" s="10"/>
    </row>
    <row r="999725" spans="14:14">
      <c r="N999725" s="10"/>
    </row>
    <row r="999726" spans="14:14">
      <c r="N999726" s="10"/>
    </row>
    <row r="999727" spans="14:14">
      <c r="N999727" s="10"/>
    </row>
    <row r="999728" spans="14:14">
      <c r="N999728" s="10"/>
    </row>
    <row r="999729" spans="14:14">
      <c r="N999729" s="10"/>
    </row>
    <row r="999730" spans="14:14">
      <c r="N999730" s="10"/>
    </row>
    <row r="999731" spans="14:14">
      <c r="N999731" s="10"/>
    </row>
    <row r="999732" spans="14:14">
      <c r="N999732" s="10"/>
    </row>
    <row r="999733" spans="14:14">
      <c r="N999733" s="10"/>
    </row>
    <row r="999734" spans="14:14">
      <c r="N999734" s="10"/>
    </row>
    <row r="999735" spans="14:14">
      <c r="N999735" s="10"/>
    </row>
    <row r="999736" spans="14:14">
      <c r="N999736" s="10"/>
    </row>
    <row r="999737" spans="14:14">
      <c r="N999737" s="10"/>
    </row>
    <row r="999738" spans="14:14">
      <c r="N999738" s="10"/>
    </row>
    <row r="999739" spans="14:14">
      <c r="N999739" s="10"/>
    </row>
    <row r="999740" spans="14:14">
      <c r="N999740" s="10"/>
    </row>
    <row r="999741" spans="14:14">
      <c r="N999741" s="10"/>
    </row>
    <row r="999742" spans="14:14">
      <c r="N999742" s="10"/>
    </row>
    <row r="999743" spans="14:14">
      <c r="N999743" s="10"/>
    </row>
    <row r="999744" spans="14:14">
      <c r="N999744" s="10"/>
    </row>
    <row r="999745" spans="14:14">
      <c r="N999745" s="10"/>
    </row>
    <row r="999746" spans="14:14">
      <c r="N999746" s="10"/>
    </row>
    <row r="999747" spans="14:14">
      <c r="N999747" s="10"/>
    </row>
    <row r="999748" spans="14:14">
      <c r="N999748" s="10"/>
    </row>
    <row r="999749" spans="14:14">
      <c r="N999749" s="10"/>
    </row>
    <row r="999750" spans="14:14">
      <c r="N999750" s="10"/>
    </row>
    <row r="999751" spans="14:14">
      <c r="N999751" s="10"/>
    </row>
    <row r="999752" spans="14:14">
      <c r="N999752" s="10"/>
    </row>
    <row r="999753" spans="14:14">
      <c r="N999753" s="10"/>
    </row>
    <row r="999754" spans="14:14">
      <c r="N999754" s="10"/>
    </row>
    <row r="999755" spans="14:14">
      <c r="N999755" s="10"/>
    </row>
    <row r="999756" spans="14:14">
      <c r="N999756" s="10"/>
    </row>
    <row r="999757" spans="14:14">
      <c r="N999757" s="10"/>
    </row>
    <row r="999758" spans="14:14">
      <c r="N999758" s="10"/>
    </row>
    <row r="999759" spans="14:14">
      <c r="N999759" s="10"/>
    </row>
    <row r="999760" spans="14:14">
      <c r="N999760" s="10"/>
    </row>
    <row r="999761" spans="14:14">
      <c r="N999761" s="10"/>
    </row>
    <row r="999762" spans="14:14">
      <c r="N999762" s="10"/>
    </row>
    <row r="999763" spans="14:14">
      <c r="N999763" s="10"/>
    </row>
    <row r="999764" spans="14:14">
      <c r="N999764" s="10"/>
    </row>
    <row r="999765" spans="14:14">
      <c r="N999765" s="10"/>
    </row>
    <row r="999766" spans="14:14">
      <c r="N999766" s="10"/>
    </row>
    <row r="999767" spans="14:14">
      <c r="N999767" s="10"/>
    </row>
    <row r="999768" spans="14:14">
      <c r="N999768" s="10"/>
    </row>
    <row r="999769" spans="14:14">
      <c r="N999769" s="10"/>
    </row>
    <row r="999770" spans="14:14">
      <c r="N999770" s="10"/>
    </row>
    <row r="999771" spans="14:14">
      <c r="N999771" s="10"/>
    </row>
    <row r="999772" spans="14:14">
      <c r="N999772" s="10"/>
    </row>
    <row r="999773" spans="14:14">
      <c r="N999773" s="10"/>
    </row>
    <row r="999774" spans="14:14">
      <c r="N999774" s="10"/>
    </row>
    <row r="999775" spans="14:14">
      <c r="N999775" s="10"/>
    </row>
    <row r="999776" spans="14:14">
      <c r="N999776" s="10"/>
    </row>
    <row r="999777" spans="14:14">
      <c r="N999777" s="10"/>
    </row>
    <row r="999778" spans="14:14">
      <c r="N999778" s="10"/>
    </row>
    <row r="999779" spans="14:14">
      <c r="N999779" s="10"/>
    </row>
    <row r="999780" spans="14:14">
      <c r="N999780" s="10"/>
    </row>
    <row r="999781" spans="14:14">
      <c r="N999781" s="10"/>
    </row>
    <row r="999782" spans="14:14">
      <c r="N999782" s="10"/>
    </row>
    <row r="999783" spans="14:14">
      <c r="N999783" s="10"/>
    </row>
    <row r="999784" spans="14:14">
      <c r="N999784" s="10"/>
    </row>
    <row r="999785" spans="14:14">
      <c r="N999785" s="10"/>
    </row>
    <row r="999786" spans="14:14">
      <c r="N999786" s="10"/>
    </row>
    <row r="999787" spans="14:14">
      <c r="N999787" s="10"/>
    </row>
    <row r="999788" spans="14:14">
      <c r="N999788" s="10"/>
    </row>
    <row r="999789" spans="14:14">
      <c r="N999789" s="10"/>
    </row>
    <row r="999790" spans="14:14">
      <c r="N999790" s="10"/>
    </row>
    <row r="999791" spans="14:14">
      <c r="N999791" s="10"/>
    </row>
    <row r="999792" spans="14:14">
      <c r="N999792" s="10"/>
    </row>
    <row r="999793" spans="14:14">
      <c r="N999793" s="10"/>
    </row>
    <row r="999794" spans="14:14">
      <c r="N999794" s="10"/>
    </row>
    <row r="999795" spans="14:14">
      <c r="N999795" s="10"/>
    </row>
    <row r="999796" spans="14:14">
      <c r="N999796" s="10"/>
    </row>
    <row r="999797" spans="14:14">
      <c r="N999797" s="10"/>
    </row>
    <row r="999798" spans="14:14">
      <c r="N999798" s="10"/>
    </row>
    <row r="999799" spans="14:14">
      <c r="N999799" s="10"/>
    </row>
    <row r="999800" spans="14:14">
      <c r="N999800" s="10"/>
    </row>
    <row r="999801" spans="14:14">
      <c r="N999801" s="10"/>
    </row>
    <row r="999802" spans="14:14">
      <c r="N999802" s="10"/>
    </row>
    <row r="999803" spans="14:14">
      <c r="N999803" s="10"/>
    </row>
    <row r="999804" spans="14:14">
      <c r="N999804" s="10"/>
    </row>
    <row r="999805" spans="14:14">
      <c r="N999805" s="10"/>
    </row>
    <row r="999806" spans="14:14">
      <c r="N999806" s="10"/>
    </row>
    <row r="999807" spans="14:14">
      <c r="N999807" s="10"/>
    </row>
    <row r="999808" spans="14:14">
      <c r="N999808" s="10"/>
    </row>
    <row r="999809" spans="14:14">
      <c r="N999809" s="10"/>
    </row>
    <row r="999810" spans="14:14">
      <c r="N999810" s="10"/>
    </row>
    <row r="999811" spans="14:14">
      <c r="N999811" s="10"/>
    </row>
    <row r="999812" spans="14:14">
      <c r="N999812" s="10"/>
    </row>
    <row r="999813" spans="14:14">
      <c r="N999813" s="10"/>
    </row>
    <row r="999814" spans="14:14">
      <c r="N999814" s="10"/>
    </row>
    <row r="999815" spans="14:14">
      <c r="N999815" s="10"/>
    </row>
    <row r="999816" spans="14:14">
      <c r="N999816" s="10"/>
    </row>
    <row r="999817" spans="14:14">
      <c r="N999817" s="10"/>
    </row>
    <row r="999818" spans="14:14">
      <c r="N999818" s="10"/>
    </row>
    <row r="999819" spans="14:14">
      <c r="N999819" s="10"/>
    </row>
    <row r="999820" spans="14:14">
      <c r="N999820" s="10"/>
    </row>
    <row r="999821" spans="14:14">
      <c r="N999821" s="10"/>
    </row>
    <row r="999822" spans="14:14">
      <c r="N999822" s="10"/>
    </row>
    <row r="999823" spans="14:14">
      <c r="N999823" s="10"/>
    </row>
    <row r="999824" spans="14:14">
      <c r="N999824" s="10"/>
    </row>
    <row r="999825" spans="14:14">
      <c r="N999825" s="10"/>
    </row>
    <row r="999826" spans="14:14">
      <c r="N999826" s="10"/>
    </row>
    <row r="999827" spans="14:14">
      <c r="N999827" s="10"/>
    </row>
    <row r="999828" spans="14:14">
      <c r="N999828" s="10"/>
    </row>
    <row r="999829" spans="14:14">
      <c r="N999829" s="10"/>
    </row>
    <row r="999830" spans="14:14">
      <c r="N999830" s="10"/>
    </row>
    <row r="999831" spans="14:14">
      <c r="N999831" s="10"/>
    </row>
    <row r="999832" spans="14:14">
      <c r="N999832" s="10"/>
    </row>
    <row r="999833" spans="14:14">
      <c r="N999833" s="10"/>
    </row>
    <row r="999834" spans="14:14">
      <c r="N999834" s="10"/>
    </row>
    <row r="999835" spans="14:14">
      <c r="N999835" s="10"/>
    </row>
    <row r="999836" spans="14:14">
      <c r="N999836" s="10"/>
    </row>
    <row r="999837" spans="14:14">
      <c r="N999837" s="10"/>
    </row>
    <row r="999838" spans="14:14">
      <c r="N999838" s="10"/>
    </row>
    <row r="999839" spans="14:14">
      <c r="N999839" s="10"/>
    </row>
    <row r="999840" spans="14:14">
      <c r="N999840" s="10"/>
    </row>
    <row r="999841" spans="14:14">
      <c r="N999841" s="10"/>
    </row>
    <row r="999842" spans="14:14">
      <c r="N999842" s="10"/>
    </row>
    <row r="999843" spans="14:14">
      <c r="N999843" s="10"/>
    </row>
    <row r="999844" spans="14:14">
      <c r="N999844" s="10"/>
    </row>
    <row r="999845" spans="14:14">
      <c r="N999845" s="10"/>
    </row>
    <row r="999846" spans="14:14">
      <c r="N999846" s="10"/>
    </row>
    <row r="999847" spans="14:14">
      <c r="N999847" s="10"/>
    </row>
    <row r="999848" spans="14:14">
      <c r="N999848" s="10"/>
    </row>
    <row r="999849" spans="14:14">
      <c r="N999849" s="10"/>
    </row>
    <row r="999850" spans="14:14">
      <c r="N999850" s="10"/>
    </row>
    <row r="999851" spans="14:14">
      <c r="N999851" s="10"/>
    </row>
    <row r="999852" spans="14:14">
      <c r="N999852" s="10"/>
    </row>
    <row r="999853" spans="14:14">
      <c r="N999853" s="10"/>
    </row>
    <row r="999854" spans="14:14">
      <c r="N999854" s="10"/>
    </row>
    <row r="999855" spans="14:14">
      <c r="N999855" s="10"/>
    </row>
    <row r="999856" spans="14:14">
      <c r="N999856" s="10"/>
    </row>
    <row r="999857" spans="14:14">
      <c r="N999857" s="10"/>
    </row>
    <row r="999858" spans="14:14">
      <c r="N999858" s="10"/>
    </row>
    <row r="999859" spans="14:14">
      <c r="N999859" s="10"/>
    </row>
    <row r="999860" spans="14:14">
      <c r="N999860" s="10"/>
    </row>
    <row r="999861" spans="14:14">
      <c r="N999861" s="10"/>
    </row>
    <row r="999862" spans="14:14">
      <c r="N999862" s="10"/>
    </row>
    <row r="999863" spans="14:14">
      <c r="N999863" s="10"/>
    </row>
    <row r="999864" spans="14:14">
      <c r="N999864" s="10"/>
    </row>
    <row r="999865" spans="14:14">
      <c r="N999865" s="10"/>
    </row>
    <row r="999866" spans="14:14">
      <c r="N999866" s="10"/>
    </row>
    <row r="999867" spans="14:14">
      <c r="N999867" s="10"/>
    </row>
    <row r="999868" spans="14:14">
      <c r="N999868" s="10"/>
    </row>
    <row r="999869" spans="14:14">
      <c r="N999869" s="10"/>
    </row>
    <row r="999870" spans="14:14">
      <c r="N999870" s="10"/>
    </row>
    <row r="999871" spans="14:14">
      <c r="N999871" s="10"/>
    </row>
    <row r="999872" spans="14:14">
      <c r="N999872" s="10"/>
    </row>
    <row r="999873" spans="14:14">
      <c r="N999873" s="10"/>
    </row>
    <row r="999874" spans="14:14">
      <c r="N999874" s="10"/>
    </row>
    <row r="999875" spans="14:14">
      <c r="N999875" s="10"/>
    </row>
    <row r="999876" spans="14:14">
      <c r="N999876" s="10"/>
    </row>
    <row r="999877" spans="14:14">
      <c r="N999877" s="10"/>
    </row>
    <row r="999878" spans="14:14">
      <c r="N999878" s="10"/>
    </row>
    <row r="999879" spans="14:14">
      <c r="N999879" s="10"/>
    </row>
    <row r="999880" spans="14:14">
      <c r="N999880" s="10"/>
    </row>
    <row r="999881" spans="14:14">
      <c r="N999881" s="10"/>
    </row>
    <row r="999882" spans="14:14">
      <c r="N999882" s="10"/>
    </row>
    <row r="999883" spans="14:14">
      <c r="N999883" s="10"/>
    </row>
    <row r="999884" spans="14:14">
      <c r="N999884" s="10"/>
    </row>
    <row r="999885" spans="14:14">
      <c r="N999885" s="10"/>
    </row>
    <row r="999886" spans="14:14">
      <c r="N999886" s="10"/>
    </row>
    <row r="999887" spans="14:14">
      <c r="N999887" s="10"/>
    </row>
    <row r="999888" spans="14:14">
      <c r="N999888" s="10"/>
    </row>
    <row r="999889" spans="14:14">
      <c r="N999889" s="10"/>
    </row>
    <row r="999890" spans="14:14">
      <c r="N999890" s="10"/>
    </row>
    <row r="999891" spans="14:14">
      <c r="N999891" s="10"/>
    </row>
    <row r="999892" spans="14:14">
      <c r="N999892" s="10"/>
    </row>
    <row r="999893" spans="14:14">
      <c r="N999893" s="10"/>
    </row>
    <row r="999894" spans="14:14">
      <c r="N999894" s="10"/>
    </row>
    <row r="999895" spans="14:14">
      <c r="N999895" s="10"/>
    </row>
    <row r="999896" spans="14:14">
      <c r="N999896" s="10"/>
    </row>
    <row r="999897" spans="14:14">
      <c r="N999897" s="10"/>
    </row>
    <row r="999898" spans="14:14">
      <c r="N999898" s="10"/>
    </row>
    <row r="999899" spans="14:14">
      <c r="N999899" s="10"/>
    </row>
    <row r="999900" spans="14:14">
      <c r="N999900" s="10"/>
    </row>
    <row r="999901" spans="14:14">
      <c r="N999901" s="10"/>
    </row>
    <row r="999902" spans="14:14">
      <c r="N999902" s="10"/>
    </row>
    <row r="999903" spans="14:14">
      <c r="N999903" s="10"/>
    </row>
    <row r="999904" spans="14:14">
      <c r="N999904" s="10"/>
    </row>
    <row r="999905" spans="14:14">
      <c r="N999905" s="10"/>
    </row>
    <row r="999906" spans="14:14">
      <c r="N999906" s="10"/>
    </row>
    <row r="999907" spans="14:14">
      <c r="N999907" s="10"/>
    </row>
    <row r="999908" spans="14:14">
      <c r="N999908" s="10"/>
    </row>
    <row r="999909" spans="14:14">
      <c r="N999909" s="10"/>
    </row>
    <row r="999910" spans="14:14">
      <c r="N999910" s="10"/>
    </row>
    <row r="999911" spans="14:14">
      <c r="N999911" s="10"/>
    </row>
    <row r="999912" spans="14:14">
      <c r="N999912" s="10"/>
    </row>
    <row r="999913" spans="14:14">
      <c r="N999913" s="10"/>
    </row>
    <row r="999914" spans="14:14">
      <c r="N999914" s="10"/>
    </row>
    <row r="999915" spans="14:14">
      <c r="N999915" s="10"/>
    </row>
    <row r="999916" spans="14:14">
      <c r="N999916" s="10"/>
    </row>
    <row r="999917" spans="14:14">
      <c r="N999917" s="10"/>
    </row>
    <row r="999918" spans="14:14">
      <c r="N999918" s="10"/>
    </row>
    <row r="999919" spans="14:14">
      <c r="N999919" s="10"/>
    </row>
    <row r="999920" spans="14:14">
      <c r="N999920" s="10"/>
    </row>
    <row r="999921" spans="14:14">
      <c r="N999921" s="10"/>
    </row>
    <row r="999922" spans="14:14">
      <c r="N999922" s="10"/>
    </row>
    <row r="999923" spans="14:14">
      <c r="N999923" s="10"/>
    </row>
    <row r="999924" spans="14:14">
      <c r="N999924" s="10"/>
    </row>
    <row r="999925" spans="14:14">
      <c r="N999925" s="10"/>
    </row>
    <row r="999926" spans="14:14">
      <c r="N999926" s="10"/>
    </row>
    <row r="999927" spans="14:14">
      <c r="N999927" s="10"/>
    </row>
    <row r="999928" spans="14:14">
      <c r="N999928" s="10"/>
    </row>
    <row r="999929" spans="14:14">
      <c r="N999929" s="10"/>
    </row>
    <row r="999930" spans="14:14">
      <c r="N999930" s="10"/>
    </row>
    <row r="999931" spans="14:14">
      <c r="N999931" s="10"/>
    </row>
    <row r="999932" spans="14:14">
      <c r="N999932" s="10"/>
    </row>
    <row r="999933" spans="14:14">
      <c r="N999933" s="10"/>
    </row>
    <row r="999934" spans="14:14">
      <c r="N999934" s="10"/>
    </row>
    <row r="999935" spans="14:14">
      <c r="N999935" s="10"/>
    </row>
    <row r="999936" spans="14:14">
      <c r="N999936" s="10"/>
    </row>
    <row r="999937" spans="14:14">
      <c r="N999937" s="10"/>
    </row>
    <row r="999938" spans="14:14">
      <c r="N999938" s="10"/>
    </row>
    <row r="999939" spans="14:14">
      <c r="N999939" s="10"/>
    </row>
    <row r="999940" spans="14:14">
      <c r="N999940" s="10"/>
    </row>
    <row r="999941" spans="14:14">
      <c r="N999941" s="10"/>
    </row>
    <row r="999942" spans="14:14">
      <c r="N999942" s="10"/>
    </row>
    <row r="999943" spans="14:14">
      <c r="N999943" s="10"/>
    </row>
    <row r="999944" spans="14:14">
      <c r="N999944" s="10"/>
    </row>
    <row r="999945" spans="14:14">
      <c r="N999945" s="10"/>
    </row>
    <row r="999946" spans="14:14">
      <c r="N999946" s="10"/>
    </row>
    <row r="999947" spans="14:14">
      <c r="N999947" s="10"/>
    </row>
    <row r="999948" spans="14:14">
      <c r="N999948" s="10"/>
    </row>
    <row r="999949" spans="14:14">
      <c r="N999949" s="10"/>
    </row>
    <row r="999950" spans="14:14">
      <c r="N999950" s="10"/>
    </row>
    <row r="999951" spans="14:14">
      <c r="N999951" s="10"/>
    </row>
    <row r="999952" spans="14:14">
      <c r="N999952" s="10"/>
    </row>
    <row r="999953" spans="14:14">
      <c r="N999953" s="10"/>
    </row>
    <row r="999954" spans="14:14">
      <c r="N999954" s="10"/>
    </row>
    <row r="999955" spans="14:14">
      <c r="N999955" s="10"/>
    </row>
    <row r="999956" spans="14:14">
      <c r="N999956" s="10"/>
    </row>
    <row r="999957" spans="14:14">
      <c r="N999957" s="10"/>
    </row>
    <row r="999958" spans="14:14">
      <c r="N999958" s="10"/>
    </row>
    <row r="999959" spans="14:14">
      <c r="N999959" s="10"/>
    </row>
    <row r="999960" spans="14:14">
      <c r="N999960" s="10"/>
    </row>
    <row r="999961" spans="14:14">
      <c r="N999961" s="10"/>
    </row>
    <row r="999962" spans="14:14">
      <c r="N999962" s="10"/>
    </row>
    <row r="999963" spans="14:14">
      <c r="N999963" s="10"/>
    </row>
    <row r="999964" spans="14:14">
      <c r="N999964" s="10"/>
    </row>
    <row r="999965" spans="14:14">
      <c r="N999965" s="10"/>
    </row>
    <row r="999966" spans="14:14">
      <c r="N999966" s="10"/>
    </row>
    <row r="999967" spans="14:14">
      <c r="N999967" s="10"/>
    </row>
    <row r="999968" spans="14:14">
      <c r="N999968" s="10"/>
    </row>
    <row r="999969" spans="14:14">
      <c r="N999969" s="10"/>
    </row>
    <row r="999970" spans="14:14">
      <c r="N999970" s="10"/>
    </row>
    <row r="999971" spans="14:14">
      <c r="N999971" s="10"/>
    </row>
    <row r="999972" spans="14:14">
      <c r="N999972" s="10"/>
    </row>
    <row r="999973" spans="14:14">
      <c r="N999973" s="10"/>
    </row>
    <row r="999974" spans="14:14">
      <c r="N999974" s="10"/>
    </row>
    <row r="999975" spans="14:14">
      <c r="N999975" s="10"/>
    </row>
    <row r="999976" spans="14:14">
      <c r="N999976" s="10"/>
    </row>
    <row r="999977" spans="14:14">
      <c r="N999977" s="10"/>
    </row>
    <row r="999978" spans="14:14">
      <c r="N999978" s="10"/>
    </row>
    <row r="999979" spans="14:14">
      <c r="N999979" s="10"/>
    </row>
    <row r="999980" spans="14:14">
      <c r="N999980" s="10"/>
    </row>
    <row r="999981" spans="14:14">
      <c r="N999981" s="10"/>
    </row>
    <row r="999982" spans="14:14">
      <c r="N999982" s="10"/>
    </row>
    <row r="999983" spans="14:14">
      <c r="N999983" s="10"/>
    </row>
    <row r="999984" spans="14:14">
      <c r="N999984" s="10"/>
    </row>
    <row r="999985" spans="14:14">
      <c r="N999985" s="10"/>
    </row>
    <row r="999986" spans="14:14">
      <c r="N999986" s="10"/>
    </row>
    <row r="999987" spans="14:14">
      <c r="N999987" s="10"/>
    </row>
    <row r="999988" spans="14:14">
      <c r="N999988" s="10"/>
    </row>
    <row r="999989" spans="14:14">
      <c r="N999989" s="10"/>
    </row>
    <row r="999990" spans="14:14">
      <c r="N999990" s="10"/>
    </row>
    <row r="999991" spans="14:14">
      <c r="N999991" s="10"/>
    </row>
    <row r="999992" spans="14:14">
      <c r="N999992" s="10"/>
    </row>
    <row r="999993" spans="14:14">
      <c r="N999993" s="10"/>
    </row>
    <row r="999994" spans="14:14">
      <c r="N999994" s="10"/>
    </row>
    <row r="999995" spans="14:14">
      <c r="N999995" s="10"/>
    </row>
    <row r="999996" spans="14:14">
      <c r="N999996" s="10"/>
    </row>
    <row r="999997" spans="14:14">
      <c r="N999997" s="10"/>
    </row>
    <row r="999998" spans="14:14">
      <c r="N999998" s="10"/>
    </row>
    <row r="999999" spans="14:14">
      <c r="N999999" s="10"/>
    </row>
    <row r="1000000" spans="14:14">
      <c r="N1000000" s="10"/>
    </row>
    <row r="1000001" spans="14:14">
      <c r="N1000001" s="10"/>
    </row>
    <row r="1000002" spans="14:14">
      <c r="N1000002" s="10"/>
    </row>
    <row r="1000003" spans="14:14">
      <c r="N1000003" s="10"/>
    </row>
    <row r="1000004" spans="14:14">
      <c r="N1000004" s="10"/>
    </row>
    <row r="1000005" spans="14:14">
      <c r="N1000005" s="10"/>
    </row>
    <row r="1000006" spans="14:14">
      <c r="N1000006" s="10"/>
    </row>
    <row r="1000007" spans="14:14">
      <c r="N1000007" s="10"/>
    </row>
    <row r="1000008" spans="14:14">
      <c r="N1000008" s="10"/>
    </row>
    <row r="1000009" spans="14:14">
      <c r="N1000009" s="10"/>
    </row>
    <row r="1000010" spans="14:14">
      <c r="N1000010" s="10"/>
    </row>
    <row r="1000011" spans="14:14">
      <c r="N1000011" s="10"/>
    </row>
    <row r="1000012" spans="14:14">
      <c r="N1000012" s="10"/>
    </row>
    <row r="1000013" spans="14:14">
      <c r="N1000013" s="10"/>
    </row>
    <row r="1000014" spans="14:14">
      <c r="N1000014" s="10"/>
    </row>
    <row r="1000015" spans="14:14">
      <c r="N1000015" s="10"/>
    </row>
    <row r="1000016" spans="14:14">
      <c r="N1000016" s="10"/>
    </row>
    <row r="1000017" spans="14:14">
      <c r="N1000017" s="10"/>
    </row>
    <row r="1000018" spans="14:14">
      <c r="N1000018" s="10"/>
    </row>
    <row r="1000019" spans="14:14">
      <c r="N1000019" s="10"/>
    </row>
    <row r="1000020" spans="14:14">
      <c r="N1000020" s="10"/>
    </row>
    <row r="1000021" spans="14:14">
      <c r="N1000021" s="10"/>
    </row>
    <row r="1000022" spans="14:14">
      <c r="N1000022" s="10"/>
    </row>
    <row r="1000023" spans="14:14">
      <c r="N1000023" s="10"/>
    </row>
    <row r="1000024" spans="14:14">
      <c r="N1000024" s="10"/>
    </row>
    <row r="1000025" spans="14:14">
      <c r="N1000025" s="10"/>
    </row>
    <row r="1000026" spans="14:14">
      <c r="N1000026" s="10"/>
    </row>
    <row r="1000027" spans="14:14">
      <c r="N1000027" s="10"/>
    </row>
    <row r="1000028" spans="14:14">
      <c r="N1000028" s="10"/>
    </row>
    <row r="1000029" spans="14:14">
      <c r="N1000029" s="10"/>
    </row>
    <row r="1000030" spans="14:14">
      <c r="N1000030" s="10"/>
    </row>
    <row r="1000031" spans="14:14">
      <c r="N1000031" s="10"/>
    </row>
    <row r="1000032" spans="14:14">
      <c r="N1000032" s="10"/>
    </row>
    <row r="1000033" spans="14:14">
      <c r="N1000033" s="10"/>
    </row>
    <row r="1000034" spans="14:14">
      <c r="N1000034" s="10"/>
    </row>
    <row r="1000035" spans="14:14">
      <c r="N1000035" s="10"/>
    </row>
    <row r="1000036" spans="14:14">
      <c r="N1000036" s="10"/>
    </row>
    <row r="1000037" spans="14:14">
      <c r="N1000037" s="10"/>
    </row>
    <row r="1000038" spans="14:14">
      <c r="N1000038" s="10"/>
    </row>
    <row r="1000039" spans="14:14">
      <c r="N1000039" s="10"/>
    </row>
    <row r="1000040" spans="14:14">
      <c r="N1000040" s="10"/>
    </row>
    <row r="1000041" spans="14:14">
      <c r="N1000041" s="10"/>
    </row>
    <row r="1000042" spans="14:14">
      <c r="N1000042" s="10"/>
    </row>
    <row r="1000043" spans="14:14">
      <c r="N1000043" s="10"/>
    </row>
    <row r="1000044" spans="14:14">
      <c r="N1000044" s="10"/>
    </row>
    <row r="1000045" spans="14:14">
      <c r="N1000045" s="10"/>
    </row>
    <row r="1000046" spans="14:14">
      <c r="N1000046" s="10"/>
    </row>
    <row r="1000047" spans="14:14">
      <c r="N1000047" s="10"/>
    </row>
    <row r="1000048" spans="14:14">
      <c r="N1000048" s="10"/>
    </row>
    <row r="1000049" spans="14:14">
      <c r="N1000049" s="10"/>
    </row>
    <row r="1000050" spans="14:14">
      <c r="N1000050" s="10"/>
    </row>
    <row r="1000051" spans="14:14">
      <c r="N1000051" s="10"/>
    </row>
    <row r="1000052" spans="14:14">
      <c r="N1000052" s="10"/>
    </row>
    <row r="1000053" spans="14:14">
      <c r="N1000053" s="10"/>
    </row>
    <row r="1000054" spans="14:14">
      <c r="N1000054" s="10"/>
    </row>
    <row r="1000055" spans="14:14">
      <c r="N1000055" s="10"/>
    </row>
    <row r="1000056" spans="14:14">
      <c r="N1000056" s="10"/>
    </row>
    <row r="1000057" spans="14:14">
      <c r="N1000057" s="10"/>
    </row>
    <row r="1000058" spans="14:14">
      <c r="N1000058" s="10"/>
    </row>
    <row r="1000059" spans="14:14">
      <c r="N1000059" s="10"/>
    </row>
    <row r="1000060" spans="14:14">
      <c r="N1000060" s="10"/>
    </row>
    <row r="1000061" spans="14:14">
      <c r="N1000061" s="10"/>
    </row>
    <row r="1000062" spans="14:14">
      <c r="N1000062" s="10"/>
    </row>
    <row r="1000063" spans="14:14">
      <c r="N1000063" s="10"/>
    </row>
    <row r="1000064" spans="14:14">
      <c r="N1000064" s="10"/>
    </row>
    <row r="1000065" spans="14:14">
      <c r="N1000065" s="10"/>
    </row>
    <row r="1000066" spans="14:14">
      <c r="N1000066" s="10"/>
    </row>
    <row r="1000067" spans="14:14">
      <c r="N1000067" s="10"/>
    </row>
    <row r="1000068" spans="14:14">
      <c r="N1000068" s="10"/>
    </row>
    <row r="1000069" spans="14:14">
      <c r="N1000069" s="10"/>
    </row>
    <row r="1000070" spans="14:14">
      <c r="N1000070" s="10"/>
    </row>
    <row r="1000071" spans="14:14">
      <c r="N1000071" s="10"/>
    </row>
    <row r="1000072" spans="14:14">
      <c r="N1000072" s="10"/>
    </row>
    <row r="1000073" spans="14:14">
      <c r="N1000073" s="10"/>
    </row>
    <row r="1000074" spans="14:14">
      <c r="N1000074" s="10"/>
    </row>
    <row r="1000075" spans="14:14">
      <c r="N1000075" s="10"/>
    </row>
    <row r="1000076" spans="14:14">
      <c r="N1000076" s="10"/>
    </row>
    <row r="1000077" spans="14:14">
      <c r="N1000077" s="10"/>
    </row>
    <row r="1000078" spans="14:14">
      <c r="N1000078" s="10"/>
    </row>
    <row r="1000079" spans="14:14">
      <c r="N1000079" s="10"/>
    </row>
    <row r="1000080" spans="14:14">
      <c r="N1000080" s="10"/>
    </row>
    <row r="1000081" spans="14:14">
      <c r="N1000081" s="10"/>
    </row>
    <row r="1000082" spans="14:14">
      <c r="N1000082" s="10"/>
    </row>
    <row r="1000083" spans="14:14">
      <c r="N1000083" s="10"/>
    </row>
    <row r="1000084" spans="14:14">
      <c r="N1000084" s="10"/>
    </row>
    <row r="1000085" spans="14:14">
      <c r="N1000085" s="10"/>
    </row>
    <row r="1000086" spans="14:14">
      <c r="N1000086" s="10"/>
    </row>
    <row r="1000087" spans="14:14">
      <c r="N1000087" s="10"/>
    </row>
    <row r="1000088" spans="14:14">
      <c r="N1000088" s="10"/>
    </row>
    <row r="1000089" spans="14:14">
      <c r="N1000089" s="10"/>
    </row>
    <row r="1000090" spans="14:14">
      <c r="N1000090" s="10"/>
    </row>
    <row r="1000091" spans="14:14">
      <c r="N1000091" s="10"/>
    </row>
    <row r="1000092" spans="14:14">
      <c r="N1000092" s="10"/>
    </row>
    <row r="1000093" spans="14:14">
      <c r="N1000093" s="10"/>
    </row>
    <row r="1000094" spans="14:14">
      <c r="N1000094" s="10"/>
    </row>
    <row r="1000095" spans="14:14">
      <c r="N1000095" s="10"/>
    </row>
    <row r="1000096" spans="14:14">
      <c r="N1000096" s="10"/>
    </row>
    <row r="1000097" spans="14:14">
      <c r="N1000097" s="10"/>
    </row>
    <row r="1000098" spans="14:14">
      <c r="N1000098" s="10"/>
    </row>
    <row r="1000099" spans="14:14">
      <c r="N1000099" s="10"/>
    </row>
    <row r="1000100" spans="14:14">
      <c r="N1000100" s="10"/>
    </row>
    <row r="1000101" spans="14:14">
      <c r="N1000101" s="10"/>
    </row>
    <row r="1000102" spans="14:14">
      <c r="N1000102" s="10"/>
    </row>
    <row r="1000103" spans="14:14">
      <c r="N1000103" s="10"/>
    </row>
    <row r="1000104" spans="14:14">
      <c r="N1000104" s="10"/>
    </row>
    <row r="1000105" spans="14:14">
      <c r="N1000105" s="10"/>
    </row>
    <row r="1000106" spans="14:14">
      <c r="N1000106" s="10"/>
    </row>
    <row r="1000107" spans="14:14">
      <c r="N1000107" s="10"/>
    </row>
    <row r="1000108" spans="14:14">
      <c r="N1000108" s="10"/>
    </row>
    <row r="1000109" spans="14:14">
      <c r="N1000109" s="10"/>
    </row>
    <row r="1000110" spans="14:14">
      <c r="N1000110" s="10"/>
    </row>
    <row r="1000111" spans="14:14">
      <c r="N1000111" s="10"/>
    </row>
    <row r="1000112" spans="14:14">
      <c r="N1000112" s="10"/>
    </row>
    <row r="1000113" spans="14:14">
      <c r="N1000113" s="10"/>
    </row>
    <row r="1000114" spans="14:14">
      <c r="N1000114" s="10"/>
    </row>
    <row r="1000115" spans="14:14">
      <c r="N1000115" s="10"/>
    </row>
    <row r="1000116" spans="14:14">
      <c r="N1000116" s="10"/>
    </row>
    <row r="1000117" spans="14:14">
      <c r="N1000117" s="10"/>
    </row>
    <row r="1000118" spans="14:14">
      <c r="N1000118" s="10"/>
    </row>
    <row r="1000119" spans="14:14">
      <c r="N1000119" s="10"/>
    </row>
    <row r="1000120" spans="14:14">
      <c r="N1000120" s="10"/>
    </row>
    <row r="1000121" spans="14:14">
      <c r="N1000121" s="10"/>
    </row>
    <row r="1000122" spans="14:14">
      <c r="N1000122" s="10"/>
    </row>
    <row r="1000123" spans="14:14">
      <c r="N1000123" s="10"/>
    </row>
    <row r="1000124" spans="14:14">
      <c r="N1000124" s="10"/>
    </row>
    <row r="1000125" spans="14:14">
      <c r="N1000125" s="10"/>
    </row>
    <row r="1000126" spans="14:14">
      <c r="N1000126" s="10"/>
    </row>
    <row r="1000127" spans="14:14">
      <c r="N1000127" s="10"/>
    </row>
    <row r="1000128" spans="14:14">
      <c r="N1000128" s="10"/>
    </row>
    <row r="1000129" spans="14:14">
      <c r="N1000129" s="10"/>
    </row>
    <row r="1000130" spans="14:14">
      <c r="N1000130" s="10"/>
    </row>
    <row r="1000131" spans="14:14">
      <c r="N1000131" s="10"/>
    </row>
    <row r="1000132" spans="14:14">
      <c r="N1000132" s="10"/>
    </row>
    <row r="1000133" spans="14:14">
      <c r="N1000133" s="10"/>
    </row>
    <row r="1000134" spans="14:14">
      <c r="N1000134" s="10"/>
    </row>
    <row r="1000135" spans="14:14">
      <c r="N1000135" s="10"/>
    </row>
    <row r="1000136" spans="14:14">
      <c r="N1000136" s="10"/>
    </row>
    <row r="1000137" spans="14:14">
      <c r="N1000137" s="10"/>
    </row>
    <row r="1000138" spans="14:14">
      <c r="N1000138" s="10"/>
    </row>
    <row r="1000139" spans="14:14">
      <c r="N1000139" s="10"/>
    </row>
    <row r="1000140" spans="14:14">
      <c r="N1000140" s="10"/>
    </row>
    <row r="1000141" spans="14:14">
      <c r="N1000141" s="10"/>
    </row>
    <row r="1000142" spans="14:14">
      <c r="N1000142" s="10"/>
    </row>
    <row r="1000143" spans="14:14">
      <c r="N1000143" s="10"/>
    </row>
    <row r="1000144" spans="14:14">
      <c r="N1000144" s="10"/>
    </row>
    <row r="1000145" spans="14:14">
      <c r="N1000145" s="10"/>
    </row>
    <row r="1000146" spans="14:14">
      <c r="N1000146" s="10"/>
    </row>
    <row r="1000147" spans="14:14">
      <c r="N1000147" s="10"/>
    </row>
    <row r="1000148" spans="14:14">
      <c r="N1000148" s="10"/>
    </row>
    <row r="1000149" spans="14:14">
      <c r="N1000149" s="10"/>
    </row>
    <row r="1000150" spans="14:14">
      <c r="N1000150" s="10"/>
    </row>
    <row r="1000151" spans="14:14">
      <c r="N1000151" s="10"/>
    </row>
    <row r="1000152" spans="14:14">
      <c r="N1000152" s="10"/>
    </row>
    <row r="1000153" spans="14:14">
      <c r="N1000153" s="10"/>
    </row>
    <row r="1000154" spans="14:14">
      <c r="N1000154" s="10"/>
    </row>
    <row r="1000155" spans="14:14">
      <c r="N1000155" s="10"/>
    </row>
    <row r="1000156" spans="14:14">
      <c r="N1000156" s="10"/>
    </row>
    <row r="1000157" spans="14:14">
      <c r="N1000157" s="10"/>
    </row>
    <row r="1000158" spans="14:14">
      <c r="N1000158" s="10"/>
    </row>
    <row r="1000159" spans="14:14">
      <c r="N1000159" s="10"/>
    </row>
    <row r="1000160" spans="14:14">
      <c r="N1000160" s="10"/>
    </row>
    <row r="1000161" spans="14:14">
      <c r="N1000161" s="10"/>
    </row>
    <row r="1000162" spans="14:14">
      <c r="N1000162" s="10"/>
    </row>
    <row r="1000163" spans="14:14">
      <c r="N1000163" s="10"/>
    </row>
    <row r="1000164" spans="14:14">
      <c r="N1000164" s="10"/>
    </row>
    <row r="1000165" spans="14:14">
      <c r="N1000165" s="10"/>
    </row>
    <row r="1000166" spans="14:14">
      <c r="N1000166" s="10"/>
    </row>
    <row r="1000167" spans="14:14">
      <c r="N1000167" s="10"/>
    </row>
    <row r="1000168" spans="14:14">
      <c r="N1000168" s="10"/>
    </row>
    <row r="1000169" spans="14:14">
      <c r="N1000169" s="10"/>
    </row>
    <row r="1000170" spans="14:14">
      <c r="N1000170" s="10"/>
    </row>
    <row r="1000171" spans="14:14">
      <c r="N1000171" s="10"/>
    </row>
    <row r="1000172" spans="14:14">
      <c r="N1000172" s="10"/>
    </row>
    <row r="1000173" spans="14:14">
      <c r="N1000173" s="10"/>
    </row>
    <row r="1000174" spans="14:14">
      <c r="N1000174" s="10"/>
    </row>
    <row r="1000175" spans="14:14">
      <c r="N1000175" s="10"/>
    </row>
    <row r="1000176" spans="14:14">
      <c r="N1000176" s="10"/>
    </row>
    <row r="1000177" spans="14:14">
      <c r="N1000177" s="10"/>
    </row>
    <row r="1000178" spans="14:14">
      <c r="N1000178" s="10"/>
    </row>
    <row r="1000179" spans="14:14">
      <c r="N1000179" s="10"/>
    </row>
    <row r="1000180" spans="14:14">
      <c r="N1000180" s="10"/>
    </row>
    <row r="1000181" spans="14:14">
      <c r="N1000181" s="10"/>
    </row>
    <row r="1000182" spans="14:14">
      <c r="N1000182" s="10"/>
    </row>
    <row r="1000183" spans="14:14">
      <c r="N1000183" s="10"/>
    </row>
    <row r="1000184" spans="14:14">
      <c r="N1000184" s="10"/>
    </row>
    <row r="1000185" spans="14:14">
      <c r="N1000185" s="10"/>
    </row>
    <row r="1000186" spans="14:14">
      <c r="N1000186" s="10"/>
    </row>
    <row r="1000187" spans="14:14">
      <c r="N1000187" s="10"/>
    </row>
    <row r="1000188" spans="14:14">
      <c r="N1000188" s="10"/>
    </row>
    <row r="1000189" spans="14:14">
      <c r="N1000189" s="10"/>
    </row>
    <row r="1000190" spans="14:14">
      <c r="N1000190" s="10"/>
    </row>
    <row r="1000191" spans="14:14">
      <c r="N1000191" s="10"/>
    </row>
    <row r="1000192" spans="14:14">
      <c r="N1000192" s="10"/>
    </row>
    <row r="1000193" spans="14:14">
      <c r="N1000193" s="10"/>
    </row>
    <row r="1000194" spans="14:14">
      <c r="N1000194" s="10"/>
    </row>
    <row r="1000195" spans="14:14">
      <c r="N1000195" s="10"/>
    </row>
    <row r="1000196" spans="14:14">
      <c r="N1000196" s="10"/>
    </row>
    <row r="1000197" spans="14:14">
      <c r="N1000197" s="10"/>
    </row>
    <row r="1000198" spans="14:14">
      <c r="N1000198" s="10"/>
    </row>
    <row r="1000199" spans="14:14">
      <c r="N1000199" s="10"/>
    </row>
    <row r="1000200" spans="14:14">
      <c r="N1000200" s="10"/>
    </row>
    <row r="1000201" spans="14:14">
      <c r="N1000201" s="10"/>
    </row>
    <row r="1000202" spans="14:14">
      <c r="N1000202" s="10"/>
    </row>
    <row r="1000203" spans="14:14">
      <c r="N1000203" s="10"/>
    </row>
    <row r="1000204" spans="14:14">
      <c r="N1000204" s="10"/>
    </row>
    <row r="1000205" spans="14:14">
      <c r="N1000205" s="10"/>
    </row>
    <row r="1000206" spans="14:14">
      <c r="N1000206" s="10"/>
    </row>
    <row r="1000207" spans="14:14">
      <c r="N1000207" s="10"/>
    </row>
    <row r="1000208" spans="14:14">
      <c r="N1000208" s="10"/>
    </row>
    <row r="1000209" spans="14:14">
      <c r="N1000209" s="10"/>
    </row>
    <row r="1000210" spans="14:14">
      <c r="N1000210" s="10"/>
    </row>
    <row r="1000211" spans="14:14">
      <c r="N1000211" s="10"/>
    </row>
    <row r="1000212" spans="14:14">
      <c r="N1000212" s="10"/>
    </row>
    <row r="1000213" spans="14:14">
      <c r="N1000213" s="10"/>
    </row>
    <row r="1000214" spans="14:14">
      <c r="N1000214" s="10"/>
    </row>
    <row r="1000215" spans="14:14">
      <c r="N1000215" s="10"/>
    </row>
    <row r="1000216" spans="14:14">
      <c r="N1000216" s="10"/>
    </row>
    <row r="1000217" spans="14:14">
      <c r="N1000217" s="10"/>
    </row>
    <row r="1000218" spans="14:14">
      <c r="N1000218" s="10"/>
    </row>
    <row r="1000219" spans="14:14">
      <c r="N1000219" s="10"/>
    </row>
    <row r="1000220" spans="14:14">
      <c r="N1000220" s="10"/>
    </row>
    <row r="1000221" spans="14:14">
      <c r="N1000221" s="10"/>
    </row>
    <row r="1000222" spans="14:14">
      <c r="N1000222" s="10"/>
    </row>
    <row r="1000223" spans="14:14">
      <c r="N1000223" s="10"/>
    </row>
    <row r="1000224" spans="14:14">
      <c r="N1000224" s="10"/>
    </row>
    <row r="1000225" spans="14:14">
      <c r="N1000225" s="10"/>
    </row>
    <row r="1000226" spans="14:14">
      <c r="N1000226" s="10"/>
    </row>
    <row r="1000227" spans="14:14">
      <c r="N1000227" s="10"/>
    </row>
    <row r="1000228" spans="14:14">
      <c r="N1000228" s="10"/>
    </row>
    <row r="1000229" spans="14:14">
      <c r="N1000229" s="10"/>
    </row>
    <row r="1000230" spans="14:14">
      <c r="N1000230" s="10"/>
    </row>
    <row r="1000231" spans="14:14">
      <c r="N1000231" s="10"/>
    </row>
    <row r="1000232" spans="14:14">
      <c r="N1000232" s="10"/>
    </row>
    <row r="1000233" spans="14:14">
      <c r="N1000233" s="10"/>
    </row>
    <row r="1000234" spans="14:14">
      <c r="N1000234" s="10"/>
    </row>
    <row r="1000235" spans="14:14">
      <c r="N1000235" s="10"/>
    </row>
    <row r="1000236" spans="14:14">
      <c r="N1000236" s="10"/>
    </row>
    <row r="1000237" spans="14:14">
      <c r="N1000237" s="10"/>
    </row>
    <row r="1000238" spans="14:14">
      <c r="N1000238" s="10"/>
    </row>
    <row r="1000239" spans="14:14">
      <c r="N1000239" s="10"/>
    </row>
    <row r="1000240" spans="14:14">
      <c r="N1000240" s="10"/>
    </row>
    <row r="1000241" spans="14:14">
      <c r="N1000241" s="10"/>
    </row>
    <row r="1000242" spans="14:14">
      <c r="N1000242" s="10"/>
    </row>
    <row r="1000243" spans="14:14">
      <c r="N1000243" s="10"/>
    </row>
    <row r="1000244" spans="14:14">
      <c r="N1000244" s="10"/>
    </row>
    <row r="1000245" spans="14:14">
      <c r="N1000245" s="10"/>
    </row>
    <row r="1000246" spans="14:14">
      <c r="N1000246" s="10"/>
    </row>
    <row r="1000247" spans="14:14">
      <c r="N1000247" s="10"/>
    </row>
    <row r="1000248" spans="14:14">
      <c r="N1000248" s="10"/>
    </row>
    <row r="1000249" spans="14:14">
      <c r="N1000249" s="10"/>
    </row>
    <row r="1000250" spans="14:14">
      <c r="N1000250" s="10"/>
    </row>
    <row r="1000251" spans="14:14">
      <c r="N1000251" s="10"/>
    </row>
    <row r="1000252" spans="14:14">
      <c r="N1000252" s="10"/>
    </row>
    <row r="1000253" spans="14:14">
      <c r="N1000253" s="10"/>
    </row>
    <row r="1000254" spans="14:14">
      <c r="N1000254" s="10"/>
    </row>
    <row r="1000255" spans="14:14">
      <c r="N1000255" s="10"/>
    </row>
    <row r="1000256" spans="14:14">
      <c r="N1000256" s="10"/>
    </row>
    <row r="1000257" spans="14:14">
      <c r="N1000257" s="10"/>
    </row>
    <row r="1000258" spans="14:14">
      <c r="N1000258" s="10"/>
    </row>
    <row r="1000259" spans="14:14">
      <c r="N1000259" s="10"/>
    </row>
    <row r="1000260" spans="14:14">
      <c r="N1000260" s="10"/>
    </row>
    <row r="1000261" spans="14:14">
      <c r="N1000261" s="10"/>
    </row>
    <row r="1000262" spans="14:14">
      <c r="N1000262" s="10"/>
    </row>
    <row r="1000263" spans="14:14">
      <c r="N1000263" s="10"/>
    </row>
    <row r="1000264" spans="14:14">
      <c r="N1000264" s="10"/>
    </row>
    <row r="1000265" spans="14:14">
      <c r="N1000265" s="10"/>
    </row>
    <row r="1000266" spans="14:14">
      <c r="N1000266" s="10"/>
    </row>
    <row r="1000267" spans="14:14">
      <c r="N1000267" s="10"/>
    </row>
    <row r="1000268" spans="14:14">
      <c r="N1000268" s="10"/>
    </row>
    <row r="1000269" spans="14:14">
      <c r="N1000269" s="10"/>
    </row>
    <row r="1000270" spans="14:14">
      <c r="N1000270" s="10"/>
    </row>
    <row r="1000271" spans="14:14">
      <c r="N1000271" s="10"/>
    </row>
    <row r="1000272" spans="14:14">
      <c r="N1000272" s="10"/>
    </row>
    <row r="1000273" spans="14:14">
      <c r="N1000273" s="10"/>
    </row>
    <row r="1000274" spans="14:14">
      <c r="N1000274" s="10"/>
    </row>
    <row r="1000275" spans="14:14">
      <c r="N1000275" s="10"/>
    </row>
    <row r="1000276" spans="14:14">
      <c r="N1000276" s="10"/>
    </row>
    <row r="1000277" spans="14:14">
      <c r="N1000277" s="10"/>
    </row>
    <row r="1000278" spans="14:14">
      <c r="N1000278" s="10"/>
    </row>
    <row r="1000279" spans="14:14">
      <c r="N1000279" s="10"/>
    </row>
    <row r="1000280" spans="14:14">
      <c r="N1000280" s="10"/>
    </row>
    <row r="1000281" spans="14:14">
      <c r="N1000281" s="10"/>
    </row>
    <row r="1000282" spans="14:14">
      <c r="N1000282" s="10"/>
    </row>
    <row r="1000283" spans="14:14">
      <c r="N1000283" s="10"/>
    </row>
    <row r="1000284" spans="14:14">
      <c r="N1000284" s="10"/>
    </row>
    <row r="1000285" spans="14:14">
      <c r="N1000285" s="10"/>
    </row>
    <row r="1000286" spans="14:14">
      <c r="N1000286" s="10"/>
    </row>
    <row r="1000287" spans="14:14">
      <c r="N1000287" s="10"/>
    </row>
    <row r="1000288" spans="14:14">
      <c r="N1000288" s="10"/>
    </row>
    <row r="1000289" spans="14:14">
      <c r="N1000289" s="10"/>
    </row>
    <row r="1000290" spans="14:14">
      <c r="N1000290" s="10"/>
    </row>
    <row r="1000291" spans="14:14">
      <c r="N1000291" s="10"/>
    </row>
    <row r="1000292" spans="14:14">
      <c r="N1000292" s="10"/>
    </row>
    <row r="1000293" spans="14:14">
      <c r="N1000293" s="10"/>
    </row>
    <row r="1000294" spans="14:14">
      <c r="N1000294" s="10"/>
    </row>
    <row r="1000295" spans="14:14">
      <c r="N1000295" s="10"/>
    </row>
    <row r="1000296" spans="14:14">
      <c r="N1000296" s="10"/>
    </row>
    <row r="1000297" spans="14:14">
      <c r="N1000297" s="10"/>
    </row>
    <row r="1000298" spans="14:14">
      <c r="N1000298" s="10"/>
    </row>
    <row r="1000299" spans="14:14">
      <c r="N1000299" s="10"/>
    </row>
    <row r="1000300" spans="14:14">
      <c r="N1000300" s="10"/>
    </row>
    <row r="1000301" spans="14:14">
      <c r="N1000301" s="10"/>
    </row>
    <row r="1000302" spans="14:14">
      <c r="N1000302" s="10"/>
    </row>
    <row r="1000303" spans="14:14">
      <c r="N1000303" s="10"/>
    </row>
    <row r="1000304" spans="14:14">
      <c r="N1000304" s="10"/>
    </row>
    <row r="1000305" spans="14:14">
      <c r="N1000305" s="10"/>
    </row>
    <row r="1000306" spans="14:14">
      <c r="N1000306" s="10"/>
    </row>
    <row r="1000307" spans="14:14">
      <c r="N1000307" s="10"/>
    </row>
    <row r="1000308" spans="14:14">
      <c r="N1000308" s="10"/>
    </row>
    <row r="1000309" spans="14:14">
      <c r="N1000309" s="10"/>
    </row>
    <row r="1000310" spans="14:14">
      <c r="N1000310" s="10"/>
    </row>
    <row r="1000311" spans="14:14">
      <c r="N1000311" s="10"/>
    </row>
    <row r="1000312" spans="14:14">
      <c r="N1000312" s="10"/>
    </row>
    <row r="1000313" spans="14:14">
      <c r="N1000313" s="10"/>
    </row>
    <row r="1000314" spans="14:14">
      <c r="N1000314" s="10"/>
    </row>
    <row r="1000315" spans="14:14">
      <c r="N1000315" s="10"/>
    </row>
    <row r="1000316" spans="14:14">
      <c r="N1000316" s="10"/>
    </row>
    <row r="1000317" spans="14:14">
      <c r="N1000317" s="10"/>
    </row>
    <row r="1000318" spans="14:14">
      <c r="N1000318" s="10"/>
    </row>
    <row r="1000319" spans="14:14">
      <c r="N1000319" s="10"/>
    </row>
    <row r="1000320" spans="14:14">
      <c r="N1000320" s="10"/>
    </row>
    <row r="1000321" spans="14:14">
      <c r="N1000321" s="10"/>
    </row>
    <row r="1000322" spans="14:14">
      <c r="N1000322" s="10"/>
    </row>
    <row r="1000323" spans="14:14">
      <c r="N1000323" s="10"/>
    </row>
    <row r="1000324" spans="14:14">
      <c r="N1000324" s="10"/>
    </row>
    <row r="1000325" spans="14:14">
      <c r="N1000325" s="10"/>
    </row>
    <row r="1000326" spans="14:14">
      <c r="N1000326" s="10"/>
    </row>
    <row r="1000327" spans="14:14">
      <c r="N1000327" s="10"/>
    </row>
    <row r="1000328" spans="14:14">
      <c r="N1000328" s="10"/>
    </row>
    <row r="1000329" spans="14:14">
      <c r="N1000329" s="10"/>
    </row>
    <row r="1000330" spans="14:14">
      <c r="N1000330" s="10"/>
    </row>
    <row r="1000331" spans="14:14">
      <c r="N1000331" s="10"/>
    </row>
    <row r="1000332" spans="14:14">
      <c r="N1000332" s="10"/>
    </row>
    <row r="1000333" spans="14:14">
      <c r="N1000333" s="10"/>
    </row>
    <row r="1000334" spans="14:14">
      <c r="N1000334" s="10"/>
    </row>
    <row r="1000335" spans="14:14">
      <c r="N1000335" s="10"/>
    </row>
    <row r="1000336" spans="14:14">
      <c r="N1000336" s="10"/>
    </row>
    <row r="1000337" spans="14:14">
      <c r="N1000337" s="10"/>
    </row>
    <row r="1000338" spans="14:14">
      <c r="N1000338" s="10"/>
    </row>
    <row r="1000339" spans="14:14">
      <c r="N1000339" s="10"/>
    </row>
    <row r="1000340" spans="14:14">
      <c r="N1000340" s="10"/>
    </row>
    <row r="1000341" spans="14:14">
      <c r="N1000341" s="10"/>
    </row>
    <row r="1000342" spans="14:14">
      <c r="N1000342" s="10"/>
    </row>
    <row r="1000343" spans="14:14">
      <c r="N1000343" s="10"/>
    </row>
    <row r="1000344" spans="14:14">
      <c r="N1000344" s="10"/>
    </row>
    <row r="1000345" spans="14:14">
      <c r="N1000345" s="10"/>
    </row>
    <row r="1000346" spans="14:14">
      <c r="N1000346" s="10"/>
    </row>
    <row r="1000347" spans="14:14">
      <c r="N1000347" s="10"/>
    </row>
    <row r="1000348" spans="14:14">
      <c r="N1000348" s="10"/>
    </row>
    <row r="1000349" spans="14:14">
      <c r="N1000349" s="10"/>
    </row>
    <row r="1000350" spans="14:14">
      <c r="N1000350" s="10"/>
    </row>
    <row r="1000351" spans="14:14">
      <c r="N1000351" s="10"/>
    </row>
    <row r="1000352" spans="14:14">
      <c r="N1000352" s="10"/>
    </row>
    <row r="1000353" spans="14:14">
      <c r="N1000353" s="10"/>
    </row>
    <row r="1000354" spans="14:14">
      <c r="N1000354" s="10"/>
    </row>
    <row r="1000355" spans="14:14">
      <c r="N1000355" s="10"/>
    </row>
    <row r="1000356" spans="14:14">
      <c r="N1000356" s="10"/>
    </row>
    <row r="1000357" spans="14:14">
      <c r="N1000357" s="10"/>
    </row>
    <row r="1000358" spans="14:14">
      <c r="N1000358" s="10"/>
    </row>
    <row r="1000359" spans="14:14">
      <c r="N1000359" s="10"/>
    </row>
    <row r="1000360" spans="14:14">
      <c r="N1000360" s="10"/>
    </row>
    <row r="1000361" spans="14:14">
      <c r="N1000361" s="10"/>
    </row>
    <row r="1000362" spans="14:14">
      <c r="N1000362" s="10"/>
    </row>
    <row r="1000363" spans="14:14">
      <c r="N1000363" s="10"/>
    </row>
    <row r="1000364" spans="14:14">
      <c r="N1000364" s="10"/>
    </row>
    <row r="1000365" spans="14:14">
      <c r="N1000365" s="10"/>
    </row>
    <row r="1000366" spans="14:14">
      <c r="N1000366" s="10"/>
    </row>
    <row r="1000367" spans="14:14">
      <c r="N1000367" s="10"/>
    </row>
    <row r="1000368" spans="14:14">
      <c r="N1000368" s="10"/>
    </row>
    <row r="1000369" spans="14:14">
      <c r="N1000369" s="10"/>
    </row>
    <row r="1000370" spans="14:14">
      <c r="N1000370" s="10"/>
    </row>
    <row r="1000371" spans="14:14">
      <c r="N1000371" s="10"/>
    </row>
    <row r="1000372" spans="14:14">
      <c r="N1000372" s="10"/>
    </row>
    <row r="1000373" spans="14:14">
      <c r="N1000373" s="10"/>
    </row>
    <row r="1000374" spans="14:14">
      <c r="N1000374" s="10"/>
    </row>
    <row r="1000375" spans="14:14">
      <c r="N1000375" s="10"/>
    </row>
    <row r="1000376" spans="14:14">
      <c r="N1000376" s="10"/>
    </row>
    <row r="1000377" spans="14:14">
      <c r="N1000377" s="10"/>
    </row>
    <row r="1000378" spans="14:14">
      <c r="N1000378" s="10"/>
    </row>
    <row r="1000379" spans="14:14">
      <c r="N1000379" s="10"/>
    </row>
    <row r="1000380" spans="14:14">
      <c r="N1000380" s="10"/>
    </row>
    <row r="1000381" spans="14:14">
      <c r="N1000381" s="10"/>
    </row>
    <row r="1000382" spans="14:14">
      <c r="N1000382" s="10"/>
    </row>
    <row r="1000383" spans="14:14">
      <c r="N1000383" s="10"/>
    </row>
    <row r="1000384" spans="14:14">
      <c r="N1000384" s="10"/>
    </row>
    <row r="1000385" spans="14:14">
      <c r="N1000385" s="10"/>
    </row>
    <row r="1000386" spans="14:14">
      <c r="N1000386" s="10"/>
    </row>
    <row r="1000387" spans="14:14">
      <c r="N1000387" s="10"/>
    </row>
    <row r="1000388" spans="14:14">
      <c r="N1000388" s="10"/>
    </row>
    <row r="1000389" spans="14:14">
      <c r="N1000389" s="10"/>
    </row>
    <row r="1000390" spans="14:14">
      <c r="N1000390" s="10"/>
    </row>
    <row r="1000391" spans="14:14">
      <c r="N1000391" s="10"/>
    </row>
    <row r="1000392" spans="14:14">
      <c r="N1000392" s="10"/>
    </row>
    <row r="1000393" spans="14:14">
      <c r="N1000393" s="10"/>
    </row>
    <row r="1000394" spans="14:14">
      <c r="N1000394" s="10"/>
    </row>
    <row r="1000395" spans="14:14">
      <c r="N1000395" s="10"/>
    </row>
    <row r="1000396" spans="14:14">
      <c r="N1000396" s="10"/>
    </row>
    <row r="1000397" spans="14:14">
      <c r="N1000397" s="10"/>
    </row>
    <row r="1000398" spans="14:14">
      <c r="N1000398" s="10"/>
    </row>
    <row r="1000399" spans="14:14">
      <c r="N1000399" s="10"/>
    </row>
    <row r="1000400" spans="14:14">
      <c r="N1000400" s="10"/>
    </row>
    <row r="1000401" spans="14:14">
      <c r="N1000401" s="10"/>
    </row>
    <row r="1000402" spans="14:14">
      <c r="N1000402" s="10"/>
    </row>
    <row r="1000403" spans="14:14">
      <c r="N1000403" s="10"/>
    </row>
    <row r="1000404" spans="14:14">
      <c r="N1000404" s="10"/>
    </row>
    <row r="1000405" spans="14:14">
      <c r="N1000405" s="10"/>
    </row>
    <row r="1000406" spans="14:14">
      <c r="N1000406" s="10"/>
    </row>
    <row r="1000407" spans="14:14">
      <c r="N1000407" s="10"/>
    </row>
    <row r="1000408" spans="14:14">
      <c r="N1000408" s="10"/>
    </row>
    <row r="1000409" spans="14:14">
      <c r="N1000409" s="10"/>
    </row>
    <row r="1000410" spans="14:14">
      <c r="N1000410" s="10"/>
    </row>
    <row r="1000411" spans="14:14">
      <c r="N1000411" s="10"/>
    </row>
    <row r="1000412" spans="14:14">
      <c r="N1000412" s="10"/>
    </row>
    <row r="1000413" spans="14:14">
      <c r="N1000413" s="10"/>
    </row>
    <row r="1000414" spans="14:14">
      <c r="N1000414" s="10"/>
    </row>
    <row r="1000415" spans="14:14">
      <c r="N1000415" s="10"/>
    </row>
    <row r="1000416" spans="14:14">
      <c r="N1000416" s="10"/>
    </row>
    <row r="1000417" spans="14:14">
      <c r="N1000417" s="10"/>
    </row>
    <row r="1000418" spans="14:14">
      <c r="N1000418" s="10"/>
    </row>
    <row r="1000419" spans="14:14">
      <c r="N1000419" s="10"/>
    </row>
    <row r="1000420" spans="14:14">
      <c r="N1000420" s="10"/>
    </row>
    <row r="1000421" spans="14:14">
      <c r="N1000421" s="10"/>
    </row>
    <row r="1000422" spans="14:14">
      <c r="N1000422" s="10"/>
    </row>
    <row r="1000423" spans="14:14">
      <c r="N1000423" s="10"/>
    </row>
    <row r="1000424" spans="14:14">
      <c r="N1000424" s="10"/>
    </row>
    <row r="1000425" spans="14:14">
      <c r="N1000425" s="10"/>
    </row>
    <row r="1000426" spans="14:14">
      <c r="N1000426" s="10"/>
    </row>
    <row r="1000427" spans="14:14">
      <c r="N1000427" s="10"/>
    </row>
    <row r="1000428" spans="14:14">
      <c r="N1000428" s="10"/>
    </row>
    <row r="1000429" spans="14:14">
      <c r="N1000429" s="10"/>
    </row>
    <row r="1000430" spans="14:14">
      <c r="N1000430" s="10"/>
    </row>
    <row r="1000431" spans="14:14">
      <c r="N1000431" s="10"/>
    </row>
    <row r="1000432" spans="14:14">
      <c r="N1000432" s="10"/>
    </row>
    <row r="1000433" spans="14:14">
      <c r="N1000433" s="10"/>
    </row>
    <row r="1000434" spans="14:14">
      <c r="N1000434" s="10"/>
    </row>
    <row r="1000435" spans="14:14">
      <c r="N1000435" s="10"/>
    </row>
    <row r="1000436" spans="14:14">
      <c r="N1000436" s="10"/>
    </row>
    <row r="1000437" spans="14:14">
      <c r="N1000437" s="10"/>
    </row>
    <row r="1000438" spans="14:14">
      <c r="N1000438" s="10"/>
    </row>
    <row r="1000439" spans="14:14">
      <c r="N1000439" s="10"/>
    </row>
    <row r="1000440" spans="14:14">
      <c r="N1000440" s="10"/>
    </row>
    <row r="1000441" spans="14:14">
      <c r="N1000441" s="10"/>
    </row>
    <row r="1000442" spans="14:14">
      <c r="N1000442" s="10"/>
    </row>
    <row r="1000443" spans="14:14">
      <c r="N1000443" s="10"/>
    </row>
    <row r="1000444" spans="14:14">
      <c r="N1000444" s="10"/>
    </row>
    <row r="1000445" spans="14:14">
      <c r="N1000445" s="10"/>
    </row>
    <row r="1000446" spans="14:14">
      <c r="N1000446" s="10"/>
    </row>
    <row r="1000447" spans="14:14">
      <c r="N1000447" s="10"/>
    </row>
    <row r="1000448" spans="14:14">
      <c r="N1000448" s="10"/>
    </row>
    <row r="1000449" spans="14:14">
      <c r="N1000449" s="10"/>
    </row>
    <row r="1000450" spans="14:14">
      <c r="N1000450" s="10"/>
    </row>
    <row r="1000451" spans="14:14">
      <c r="N1000451" s="10"/>
    </row>
    <row r="1000452" spans="14:14">
      <c r="N1000452" s="10"/>
    </row>
    <row r="1000453" spans="14:14">
      <c r="N1000453" s="10"/>
    </row>
    <row r="1000454" spans="14:14">
      <c r="N1000454" s="10"/>
    </row>
    <row r="1000455" spans="14:14">
      <c r="N1000455" s="10"/>
    </row>
    <row r="1000456" spans="14:14">
      <c r="N1000456" s="10"/>
    </row>
    <row r="1000457" spans="14:14">
      <c r="N1000457" s="10"/>
    </row>
    <row r="1000458" spans="14:14">
      <c r="N1000458" s="10"/>
    </row>
    <row r="1000459" spans="14:14">
      <c r="N1000459" s="10"/>
    </row>
    <row r="1000460" spans="14:14">
      <c r="N1000460" s="10"/>
    </row>
    <row r="1000461" spans="14:14">
      <c r="N1000461" s="10"/>
    </row>
    <row r="1000462" spans="14:14">
      <c r="N1000462" s="10"/>
    </row>
    <row r="1000463" spans="14:14">
      <c r="N1000463" s="10"/>
    </row>
    <row r="1000464" spans="14:14">
      <c r="N1000464" s="10"/>
    </row>
    <row r="1000465" spans="14:14">
      <c r="N1000465" s="10"/>
    </row>
    <row r="1000466" spans="14:14">
      <c r="N1000466" s="10"/>
    </row>
    <row r="1000467" spans="14:14">
      <c r="N1000467" s="10"/>
    </row>
    <row r="1000468" spans="14:14">
      <c r="N1000468" s="10"/>
    </row>
    <row r="1000469" spans="14:14">
      <c r="N1000469" s="10"/>
    </row>
    <row r="1000470" spans="14:14">
      <c r="N1000470" s="10"/>
    </row>
    <row r="1000471" spans="14:14">
      <c r="N1000471" s="10"/>
    </row>
    <row r="1000472" spans="14:14">
      <c r="N1000472" s="10"/>
    </row>
    <row r="1000473" spans="14:14">
      <c r="N1000473" s="10"/>
    </row>
    <row r="1000474" spans="14:14">
      <c r="N1000474" s="10"/>
    </row>
    <row r="1000475" spans="14:14">
      <c r="N1000475" s="10"/>
    </row>
    <row r="1000476" spans="14:14">
      <c r="N1000476" s="10"/>
    </row>
    <row r="1000477" spans="14:14">
      <c r="N1000477" s="10"/>
    </row>
    <row r="1000478" spans="14:14">
      <c r="N1000478" s="10"/>
    </row>
    <row r="1000479" spans="14:14">
      <c r="N1000479" s="10"/>
    </row>
    <row r="1000480" spans="14:14">
      <c r="N1000480" s="10"/>
    </row>
    <row r="1000481" spans="14:14">
      <c r="N1000481" s="10"/>
    </row>
    <row r="1000482" spans="14:14">
      <c r="N1000482" s="10"/>
    </row>
    <row r="1000483" spans="14:14">
      <c r="N1000483" s="10"/>
    </row>
    <row r="1000484" spans="14:14">
      <c r="N1000484" s="10"/>
    </row>
    <row r="1000485" spans="14:14">
      <c r="N1000485" s="10"/>
    </row>
    <row r="1000486" spans="14:14">
      <c r="N1000486" s="10"/>
    </row>
    <row r="1000487" spans="14:14">
      <c r="N1000487" s="10"/>
    </row>
    <row r="1000488" spans="14:14">
      <c r="N1000488" s="10"/>
    </row>
    <row r="1000489" spans="14:14">
      <c r="N1000489" s="10"/>
    </row>
    <row r="1000490" spans="14:14">
      <c r="N1000490" s="10"/>
    </row>
    <row r="1000491" spans="14:14">
      <c r="N1000491" s="10"/>
    </row>
    <row r="1000492" spans="14:14">
      <c r="N1000492" s="10"/>
    </row>
    <row r="1000493" spans="14:14">
      <c r="N1000493" s="10"/>
    </row>
    <row r="1000494" spans="14:14">
      <c r="N1000494" s="10"/>
    </row>
    <row r="1000495" spans="14:14">
      <c r="N1000495" s="10"/>
    </row>
    <row r="1000496" spans="14:14">
      <c r="N1000496" s="10"/>
    </row>
    <row r="1000497" spans="14:14">
      <c r="N1000497" s="10"/>
    </row>
    <row r="1000498" spans="14:14">
      <c r="N1000498" s="10"/>
    </row>
    <row r="1000499" spans="14:14">
      <c r="N1000499" s="10"/>
    </row>
    <row r="1000500" spans="14:14">
      <c r="N1000500" s="10"/>
    </row>
    <row r="1000501" spans="14:14">
      <c r="N1000501" s="10"/>
    </row>
    <row r="1000502" spans="14:14">
      <c r="N1000502" s="10"/>
    </row>
    <row r="1000503" spans="14:14">
      <c r="N1000503" s="10"/>
    </row>
    <row r="1000504" spans="14:14">
      <c r="N1000504" s="10"/>
    </row>
    <row r="1000505" spans="14:14">
      <c r="N1000505" s="10"/>
    </row>
    <row r="1000506" spans="14:14">
      <c r="N1000506" s="10"/>
    </row>
    <row r="1000507" spans="14:14">
      <c r="N1000507" s="10"/>
    </row>
    <row r="1000508" spans="14:14">
      <c r="N1000508" s="10"/>
    </row>
    <row r="1000509" spans="14:14">
      <c r="N1000509" s="10"/>
    </row>
    <row r="1000510" spans="14:14">
      <c r="N1000510" s="10"/>
    </row>
    <row r="1000511" spans="14:14">
      <c r="N1000511" s="10"/>
    </row>
    <row r="1000512" spans="14:14">
      <c r="N1000512" s="10"/>
    </row>
    <row r="1000513" spans="14:14">
      <c r="N1000513" s="10"/>
    </row>
    <row r="1000514" spans="14:14">
      <c r="N1000514" s="10"/>
    </row>
    <row r="1000515" spans="14:14">
      <c r="N1000515" s="10"/>
    </row>
    <row r="1000516" spans="14:14">
      <c r="N1000516" s="10"/>
    </row>
    <row r="1000517" spans="14:14">
      <c r="N1000517" s="10"/>
    </row>
    <row r="1000518" spans="14:14">
      <c r="N1000518" s="10"/>
    </row>
    <row r="1000519" spans="14:14">
      <c r="N1000519" s="10"/>
    </row>
    <row r="1000520" spans="14:14">
      <c r="N1000520" s="10"/>
    </row>
    <row r="1000521" spans="14:14">
      <c r="N1000521" s="10"/>
    </row>
    <row r="1000522" spans="14:14">
      <c r="N1000522" s="10"/>
    </row>
    <row r="1000523" spans="14:14">
      <c r="N1000523" s="10"/>
    </row>
    <row r="1000524" spans="14:14">
      <c r="N1000524" s="10"/>
    </row>
    <row r="1000525" spans="14:14">
      <c r="N1000525" s="10"/>
    </row>
    <row r="1000526" spans="14:14">
      <c r="N1000526" s="10"/>
    </row>
    <row r="1000527" spans="14:14">
      <c r="N1000527" s="10"/>
    </row>
    <row r="1000528" spans="14:14">
      <c r="N1000528" s="10"/>
    </row>
    <row r="1000529" spans="14:14">
      <c r="N1000529" s="10"/>
    </row>
    <row r="1000530" spans="14:14">
      <c r="N1000530" s="10"/>
    </row>
    <row r="1000531" spans="14:14">
      <c r="N1000531" s="10"/>
    </row>
    <row r="1000532" spans="14:14">
      <c r="N1000532" s="10"/>
    </row>
    <row r="1000533" spans="14:14">
      <c r="N1000533" s="10"/>
    </row>
    <row r="1000534" spans="14:14">
      <c r="N1000534" s="10"/>
    </row>
    <row r="1000535" spans="14:14">
      <c r="N1000535" s="10"/>
    </row>
    <row r="1000536" spans="14:14">
      <c r="N1000536" s="10"/>
    </row>
    <row r="1000537" spans="14:14">
      <c r="N1000537" s="10"/>
    </row>
    <row r="1000538" spans="14:14">
      <c r="N1000538" s="10"/>
    </row>
    <row r="1000539" spans="14:14">
      <c r="N1000539" s="10"/>
    </row>
    <row r="1000540" spans="14:14">
      <c r="N1000540" s="10"/>
    </row>
    <row r="1000541" spans="14:14">
      <c r="N1000541" s="10"/>
    </row>
    <row r="1000542" spans="14:14">
      <c r="N1000542" s="10"/>
    </row>
    <row r="1000543" spans="14:14">
      <c r="N1000543" s="10"/>
    </row>
    <row r="1000544" spans="14:14">
      <c r="N1000544" s="10"/>
    </row>
    <row r="1000545" spans="14:14">
      <c r="N1000545" s="10"/>
    </row>
    <row r="1000546" spans="14:14">
      <c r="N1000546" s="10"/>
    </row>
    <row r="1000547" spans="14:14">
      <c r="N1000547" s="10"/>
    </row>
    <row r="1000548" spans="14:14">
      <c r="N1000548" s="10"/>
    </row>
    <row r="1000549" spans="14:14">
      <c r="N1000549" s="10"/>
    </row>
    <row r="1000550" spans="14:14">
      <c r="N1000550" s="10"/>
    </row>
    <row r="1000551" spans="14:14">
      <c r="N1000551" s="10"/>
    </row>
    <row r="1000552" spans="14:14">
      <c r="N1000552" s="10"/>
    </row>
    <row r="1000553" spans="14:14">
      <c r="N1000553" s="10"/>
    </row>
    <row r="1000554" spans="14:14">
      <c r="N1000554" s="10"/>
    </row>
    <row r="1000555" spans="14:14">
      <c r="N1000555" s="10"/>
    </row>
    <row r="1000556" spans="14:14">
      <c r="N1000556" s="10"/>
    </row>
    <row r="1000557" spans="14:14">
      <c r="N1000557" s="10"/>
    </row>
    <row r="1000558" spans="14:14">
      <c r="N1000558" s="10"/>
    </row>
    <row r="1000559" spans="14:14">
      <c r="N1000559" s="10"/>
    </row>
    <row r="1000560" spans="14:14">
      <c r="N1000560" s="10"/>
    </row>
    <row r="1000561" spans="14:14">
      <c r="N1000561" s="10"/>
    </row>
    <row r="1000562" spans="14:14">
      <c r="N1000562" s="10"/>
    </row>
    <row r="1000563" spans="14:14">
      <c r="N1000563" s="10"/>
    </row>
    <row r="1000564" spans="14:14">
      <c r="N1000564" s="10"/>
    </row>
    <row r="1000565" spans="14:14">
      <c r="N1000565" s="10"/>
    </row>
    <row r="1000566" spans="14:14">
      <c r="N1000566" s="10"/>
    </row>
    <row r="1000567" spans="14:14">
      <c r="N1000567" s="10"/>
    </row>
    <row r="1000568" spans="14:14">
      <c r="N1000568" s="10"/>
    </row>
    <row r="1000569" spans="14:14">
      <c r="N1000569" s="10"/>
    </row>
    <row r="1000570" spans="14:14">
      <c r="N1000570" s="10"/>
    </row>
    <row r="1000571" spans="14:14">
      <c r="N1000571" s="10"/>
    </row>
    <row r="1000572" spans="14:14">
      <c r="N1000572" s="10"/>
    </row>
    <row r="1000573" spans="14:14">
      <c r="N1000573" s="10"/>
    </row>
    <row r="1000574" spans="14:14">
      <c r="N1000574" s="10"/>
    </row>
    <row r="1000575" spans="14:14">
      <c r="N1000575" s="10"/>
    </row>
    <row r="1000576" spans="14:14">
      <c r="N1000576" s="10"/>
    </row>
    <row r="1000577" spans="14:14">
      <c r="N1000577" s="10"/>
    </row>
    <row r="1000578" spans="14:14">
      <c r="N1000578" s="10"/>
    </row>
    <row r="1000579" spans="14:14">
      <c r="N1000579" s="10"/>
    </row>
    <row r="1000580" spans="14:14">
      <c r="N1000580" s="10"/>
    </row>
    <row r="1000581" spans="14:14">
      <c r="N1000581" s="10"/>
    </row>
    <row r="1000582" spans="14:14">
      <c r="N1000582" s="10"/>
    </row>
    <row r="1000583" spans="14:14">
      <c r="N1000583" s="10"/>
    </row>
    <row r="1000584" spans="14:14">
      <c r="N1000584" s="10"/>
    </row>
    <row r="1000585" spans="14:14">
      <c r="N1000585" s="10"/>
    </row>
    <row r="1000586" spans="14:14">
      <c r="N1000586" s="10"/>
    </row>
    <row r="1000587" spans="14:14">
      <c r="N1000587" s="10"/>
    </row>
    <row r="1000588" spans="14:14">
      <c r="N1000588" s="10"/>
    </row>
    <row r="1000589" spans="14:14">
      <c r="N1000589" s="10"/>
    </row>
    <row r="1000590" spans="14:14">
      <c r="N1000590" s="10"/>
    </row>
    <row r="1000591" spans="14:14">
      <c r="N1000591" s="10"/>
    </row>
    <row r="1000592" spans="14:14">
      <c r="N1000592" s="10"/>
    </row>
    <row r="1000593" spans="14:14">
      <c r="N1000593" s="10"/>
    </row>
    <row r="1000594" spans="14:14">
      <c r="N1000594" s="10"/>
    </row>
    <row r="1000595" spans="14:14">
      <c r="N1000595" s="10"/>
    </row>
    <row r="1000596" spans="14:14">
      <c r="N1000596" s="10"/>
    </row>
    <row r="1000597" spans="14:14">
      <c r="N1000597" s="10"/>
    </row>
    <row r="1000598" spans="14:14">
      <c r="N1000598" s="10"/>
    </row>
    <row r="1000599" spans="14:14">
      <c r="N1000599" s="10"/>
    </row>
    <row r="1000600" spans="14:14">
      <c r="N1000600" s="10"/>
    </row>
    <row r="1000601" spans="14:14">
      <c r="N1000601" s="10"/>
    </row>
    <row r="1000602" spans="14:14">
      <c r="N1000602" s="10"/>
    </row>
    <row r="1000603" spans="14:14">
      <c r="N1000603" s="10"/>
    </row>
    <row r="1000604" spans="14:14">
      <c r="N1000604" s="10"/>
    </row>
    <row r="1000605" spans="14:14">
      <c r="N1000605" s="10"/>
    </row>
    <row r="1000606" spans="14:14">
      <c r="N1000606" s="10"/>
    </row>
    <row r="1000607" spans="14:14">
      <c r="N1000607" s="10"/>
    </row>
    <row r="1000608" spans="14:14">
      <c r="N1000608" s="10"/>
    </row>
    <row r="1000609" spans="14:14">
      <c r="N1000609" s="10"/>
    </row>
    <row r="1000610" spans="14:14">
      <c r="N1000610" s="10"/>
    </row>
    <row r="1000611" spans="14:14">
      <c r="N1000611" s="10"/>
    </row>
    <row r="1000612" spans="14:14">
      <c r="N1000612" s="10"/>
    </row>
    <row r="1000613" spans="14:14">
      <c r="N1000613" s="10"/>
    </row>
    <row r="1000614" spans="14:14">
      <c r="N1000614" s="10"/>
    </row>
    <row r="1000615" spans="14:14">
      <c r="N1000615" s="10"/>
    </row>
    <row r="1000616" spans="14:14">
      <c r="N1000616" s="10"/>
    </row>
    <row r="1000617" spans="14:14">
      <c r="N1000617" s="10"/>
    </row>
    <row r="1000618" spans="14:14">
      <c r="N1000618" s="10"/>
    </row>
    <row r="1000619" spans="14:14">
      <c r="N1000619" s="10"/>
    </row>
    <row r="1000620" spans="14:14">
      <c r="N1000620" s="10"/>
    </row>
    <row r="1000621" spans="14:14">
      <c r="N1000621" s="10"/>
    </row>
    <row r="1000622" spans="14:14">
      <c r="N1000622" s="10"/>
    </row>
    <row r="1000623" spans="14:14">
      <c r="N1000623" s="10"/>
    </row>
    <row r="1000624" spans="14:14">
      <c r="N1000624" s="10"/>
    </row>
    <row r="1000625" spans="14:14">
      <c r="N1000625" s="10"/>
    </row>
    <row r="1000626" spans="14:14">
      <c r="N1000626" s="10"/>
    </row>
    <row r="1000627" spans="14:14">
      <c r="N1000627" s="10"/>
    </row>
    <row r="1000628" spans="14:14">
      <c r="N1000628" s="10"/>
    </row>
    <row r="1000629" spans="14:14">
      <c r="N1000629" s="10"/>
    </row>
    <row r="1000630" spans="14:14">
      <c r="N1000630" s="10"/>
    </row>
    <row r="1000631" spans="14:14">
      <c r="N1000631" s="10"/>
    </row>
    <row r="1000632" spans="14:14">
      <c r="N1000632" s="10"/>
    </row>
    <row r="1000633" spans="14:14">
      <c r="N1000633" s="10"/>
    </row>
    <row r="1000634" spans="14:14">
      <c r="N1000634" s="10"/>
    </row>
    <row r="1000635" spans="14:14">
      <c r="N1000635" s="10"/>
    </row>
    <row r="1000636" spans="14:14">
      <c r="N1000636" s="10"/>
    </row>
    <row r="1000637" spans="14:14">
      <c r="N1000637" s="10"/>
    </row>
    <row r="1000638" spans="14:14">
      <c r="N1000638" s="10"/>
    </row>
    <row r="1000639" spans="14:14">
      <c r="N1000639" s="10"/>
    </row>
    <row r="1000640" spans="14:14">
      <c r="N1000640" s="10"/>
    </row>
    <row r="1000641" spans="14:14">
      <c r="N1000641" s="10"/>
    </row>
    <row r="1000642" spans="14:14">
      <c r="N1000642" s="10"/>
    </row>
    <row r="1000643" spans="14:14">
      <c r="N1000643" s="10"/>
    </row>
    <row r="1000644" spans="14:14">
      <c r="N1000644" s="10"/>
    </row>
    <row r="1000645" spans="14:14">
      <c r="N1000645" s="10"/>
    </row>
    <row r="1000646" spans="14:14">
      <c r="N1000646" s="10"/>
    </row>
    <row r="1000647" spans="14:14">
      <c r="N1000647" s="10"/>
    </row>
    <row r="1000648" spans="14:14">
      <c r="N1000648" s="10"/>
    </row>
    <row r="1000649" spans="14:14">
      <c r="N1000649" s="10"/>
    </row>
    <row r="1000650" spans="14:14">
      <c r="N1000650" s="10"/>
    </row>
    <row r="1000651" spans="14:14">
      <c r="N1000651" s="10"/>
    </row>
    <row r="1000652" spans="14:14">
      <c r="N1000652" s="10"/>
    </row>
    <row r="1000653" spans="14:14">
      <c r="N1000653" s="10"/>
    </row>
    <row r="1000654" spans="14:14">
      <c r="N1000654" s="10"/>
    </row>
    <row r="1000655" spans="14:14">
      <c r="N1000655" s="10"/>
    </row>
    <row r="1000656" spans="14:14">
      <c r="N1000656" s="10"/>
    </row>
    <row r="1000657" spans="14:14">
      <c r="N1000657" s="10"/>
    </row>
    <row r="1000658" spans="14:14">
      <c r="N1000658" s="10"/>
    </row>
    <row r="1000659" spans="14:14">
      <c r="N1000659" s="10"/>
    </row>
    <row r="1000660" spans="14:14">
      <c r="N1000660" s="10"/>
    </row>
    <row r="1000661" spans="14:14">
      <c r="N1000661" s="10"/>
    </row>
    <row r="1000662" spans="14:14">
      <c r="N1000662" s="10"/>
    </row>
    <row r="1000663" spans="14:14">
      <c r="N1000663" s="10"/>
    </row>
    <row r="1000664" spans="14:14">
      <c r="N1000664" s="10"/>
    </row>
    <row r="1000665" spans="14:14">
      <c r="N1000665" s="10"/>
    </row>
    <row r="1000666" spans="14:14">
      <c r="N1000666" s="10"/>
    </row>
    <row r="1000667" spans="14:14">
      <c r="N1000667" s="10"/>
    </row>
    <row r="1000668" spans="14:14">
      <c r="N1000668" s="10"/>
    </row>
    <row r="1000669" spans="14:14">
      <c r="N1000669" s="10"/>
    </row>
    <row r="1000670" spans="14:14">
      <c r="N1000670" s="10"/>
    </row>
    <row r="1000671" spans="14:14">
      <c r="N1000671" s="10"/>
    </row>
    <row r="1000672" spans="14:14">
      <c r="N1000672" s="10"/>
    </row>
    <row r="1000673" spans="14:14">
      <c r="N1000673" s="10"/>
    </row>
    <row r="1000674" spans="14:14">
      <c r="N1000674" s="10"/>
    </row>
    <row r="1000675" spans="14:14">
      <c r="N1000675" s="10"/>
    </row>
    <row r="1000676" spans="14:14">
      <c r="N1000676" s="10"/>
    </row>
    <row r="1000677" spans="14:14">
      <c r="N1000677" s="10"/>
    </row>
    <row r="1000678" spans="14:14">
      <c r="N1000678" s="10"/>
    </row>
    <row r="1000679" spans="14:14">
      <c r="N1000679" s="10"/>
    </row>
    <row r="1000680" spans="14:14">
      <c r="N1000680" s="10"/>
    </row>
    <row r="1000681" spans="14:14">
      <c r="N1000681" s="10"/>
    </row>
    <row r="1000682" spans="14:14">
      <c r="N1000682" s="10"/>
    </row>
    <row r="1000683" spans="14:14">
      <c r="N1000683" s="10"/>
    </row>
    <row r="1000684" spans="14:14">
      <c r="N1000684" s="10"/>
    </row>
    <row r="1000685" spans="14:14">
      <c r="N1000685" s="10"/>
    </row>
    <row r="1000686" spans="14:14">
      <c r="N1000686" s="10"/>
    </row>
    <row r="1000687" spans="14:14">
      <c r="N1000687" s="10"/>
    </row>
    <row r="1000688" spans="14:14">
      <c r="N1000688" s="10"/>
    </row>
    <row r="1000689" spans="14:14">
      <c r="N1000689" s="10"/>
    </row>
    <row r="1000690" spans="14:14">
      <c r="N1000690" s="10"/>
    </row>
    <row r="1000691" spans="14:14">
      <c r="N1000691" s="10"/>
    </row>
    <row r="1000692" spans="14:14">
      <c r="N1000692" s="10"/>
    </row>
    <row r="1000693" spans="14:14">
      <c r="N1000693" s="10"/>
    </row>
    <row r="1000694" spans="14:14">
      <c r="N1000694" s="10"/>
    </row>
    <row r="1000695" spans="14:14">
      <c r="N1000695" s="10"/>
    </row>
    <row r="1000696" spans="14:14">
      <c r="N1000696" s="10"/>
    </row>
    <row r="1000697" spans="14:14">
      <c r="N1000697" s="10"/>
    </row>
    <row r="1000698" spans="14:14">
      <c r="N1000698" s="10"/>
    </row>
    <row r="1000699" spans="14:14">
      <c r="N1000699" s="10"/>
    </row>
    <row r="1000700" spans="14:14">
      <c r="N1000700" s="10"/>
    </row>
    <row r="1000701" spans="14:14">
      <c r="N1000701" s="10"/>
    </row>
    <row r="1000702" spans="14:14">
      <c r="N1000702" s="10"/>
    </row>
    <row r="1000703" spans="14:14">
      <c r="N1000703" s="10"/>
    </row>
    <row r="1000704" spans="14:14">
      <c r="N1000704" s="10"/>
    </row>
    <row r="1000705" spans="14:14">
      <c r="N1000705" s="10"/>
    </row>
    <row r="1000706" spans="14:14">
      <c r="N1000706" s="10"/>
    </row>
    <row r="1000707" spans="14:14">
      <c r="N1000707" s="10"/>
    </row>
    <row r="1000708" spans="14:14">
      <c r="N1000708" s="10"/>
    </row>
    <row r="1000709" spans="14:14">
      <c r="N1000709" s="10"/>
    </row>
    <row r="1000710" spans="14:14">
      <c r="N1000710" s="10"/>
    </row>
    <row r="1000711" spans="14:14">
      <c r="N1000711" s="10"/>
    </row>
    <row r="1000712" spans="14:14">
      <c r="N1000712" s="10"/>
    </row>
    <row r="1000713" spans="14:14">
      <c r="N1000713" s="10"/>
    </row>
    <row r="1000714" spans="14:14">
      <c r="N1000714" s="10"/>
    </row>
    <row r="1000715" spans="14:14">
      <c r="N1000715" s="10"/>
    </row>
    <row r="1000716" spans="14:14">
      <c r="N1000716" s="10"/>
    </row>
    <row r="1000717" spans="14:14">
      <c r="N1000717" s="10"/>
    </row>
    <row r="1000718" spans="14:14">
      <c r="N1000718" s="10"/>
    </row>
    <row r="1000719" spans="14:14">
      <c r="N1000719" s="10"/>
    </row>
    <row r="1000720" spans="14:14">
      <c r="N1000720" s="10"/>
    </row>
    <row r="1000721" spans="14:14">
      <c r="N1000721" s="10"/>
    </row>
    <row r="1000722" spans="14:14">
      <c r="N1000722" s="10"/>
    </row>
    <row r="1000723" spans="14:14">
      <c r="N1000723" s="10"/>
    </row>
    <row r="1000724" spans="14:14">
      <c r="N1000724" s="10"/>
    </row>
    <row r="1000725" spans="14:14">
      <c r="N1000725" s="10"/>
    </row>
    <row r="1000726" spans="14:14">
      <c r="N1000726" s="10"/>
    </row>
    <row r="1000727" spans="14:14">
      <c r="N1000727" s="10"/>
    </row>
    <row r="1000728" spans="14:14">
      <c r="N1000728" s="10"/>
    </row>
    <row r="1000729" spans="14:14">
      <c r="N1000729" s="10"/>
    </row>
    <row r="1000730" spans="14:14">
      <c r="N1000730" s="10"/>
    </row>
    <row r="1000731" spans="14:14">
      <c r="N1000731" s="10"/>
    </row>
    <row r="1000732" spans="14:14">
      <c r="N1000732" s="10"/>
    </row>
    <row r="1000733" spans="14:14">
      <c r="N1000733" s="10"/>
    </row>
    <row r="1000734" spans="14:14">
      <c r="N1000734" s="10"/>
    </row>
    <row r="1000735" spans="14:14">
      <c r="N1000735" s="10"/>
    </row>
    <row r="1000736" spans="14:14">
      <c r="N1000736" s="10"/>
    </row>
    <row r="1000737" spans="14:14">
      <c r="N1000737" s="10"/>
    </row>
    <row r="1000738" spans="14:14">
      <c r="N1000738" s="10"/>
    </row>
    <row r="1000739" spans="14:14">
      <c r="N1000739" s="10"/>
    </row>
    <row r="1000740" spans="14:14">
      <c r="N1000740" s="10"/>
    </row>
    <row r="1000741" spans="14:14">
      <c r="N1000741" s="10"/>
    </row>
    <row r="1000742" spans="14:14">
      <c r="N1000742" s="10"/>
    </row>
    <row r="1000743" spans="14:14">
      <c r="N1000743" s="10"/>
    </row>
    <row r="1000744" spans="14:14">
      <c r="N1000744" s="10"/>
    </row>
    <row r="1000745" spans="14:14">
      <c r="N1000745" s="10"/>
    </row>
    <row r="1000746" spans="14:14">
      <c r="N1000746" s="10"/>
    </row>
    <row r="1000747" spans="14:14">
      <c r="N1000747" s="10"/>
    </row>
    <row r="1000748" spans="14:14">
      <c r="N1000748" s="10"/>
    </row>
    <row r="1000749" spans="14:14">
      <c r="N1000749" s="10"/>
    </row>
    <row r="1000750" spans="14:14">
      <c r="N1000750" s="10"/>
    </row>
    <row r="1000751" spans="14:14">
      <c r="N1000751" s="10"/>
    </row>
    <row r="1000752" spans="14:14">
      <c r="N1000752" s="10"/>
    </row>
    <row r="1000753" spans="14:14">
      <c r="N1000753" s="10"/>
    </row>
    <row r="1000754" spans="14:14">
      <c r="N1000754" s="10"/>
    </row>
    <row r="1000755" spans="14:14">
      <c r="N1000755" s="10"/>
    </row>
    <row r="1000756" spans="14:14">
      <c r="N1000756" s="10"/>
    </row>
    <row r="1000757" spans="14:14">
      <c r="N1000757" s="10"/>
    </row>
    <row r="1000758" spans="14:14">
      <c r="N1000758" s="10"/>
    </row>
    <row r="1000759" spans="14:14">
      <c r="N1000759" s="10"/>
    </row>
    <row r="1000760" spans="14:14">
      <c r="N1000760" s="10"/>
    </row>
    <row r="1000761" spans="14:14">
      <c r="N1000761" s="10"/>
    </row>
    <row r="1000762" spans="14:14">
      <c r="N1000762" s="10"/>
    </row>
    <row r="1000763" spans="14:14">
      <c r="N1000763" s="10"/>
    </row>
    <row r="1000764" spans="14:14">
      <c r="N1000764" s="10"/>
    </row>
    <row r="1000765" spans="14:14">
      <c r="N1000765" s="10"/>
    </row>
    <row r="1000766" spans="14:14">
      <c r="N1000766" s="10"/>
    </row>
    <row r="1000767" spans="14:14">
      <c r="N1000767" s="10"/>
    </row>
    <row r="1000768" spans="14:14">
      <c r="N1000768" s="10"/>
    </row>
    <row r="1000769" spans="14:14">
      <c r="N1000769" s="10"/>
    </row>
    <row r="1000770" spans="14:14">
      <c r="N1000770" s="10"/>
    </row>
    <row r="1000771" spans="14:14">
      <c r="N1000771" s="10"/>
    </row>
    <row r="1000772" spans="14:14">
      <c r="N1000772" s="10"/>
    </row>
    <row r="1000773" spans="14:14">
      <c r="N1000773" s="10"/>
    </row>
    <row r="1000774" spans="14:14">
      <c r="N1000774" s="10"/>
    </row>
    <row r="1000775" spans="14:14">
      <c r="N1000775" s="10"/>
    </row>
    <row r="1000776" spans="14:14">
      <c r="N1000776" s="10"/>
    </row>
    <row r="1000777" spans="14:14">
      <c r="N1000777" s="10"/>
    </row>
    <row r="1000778" spans="14:14">
      <c r="N1000778" s="10"/>
    </row>
    <row r="1000779" spans="14:14">
      <c r="N1000779" s="10"/>
    </row>
    <row r="1000780" spans="14:14">
      <c r="N1000780" s="10"/>
    </row>
    <row r="1000781" spans="14:14">
      <c r="N1000781" s="10"/>
    </row>
    <row r="1000782" spans="14:14">
      <c r="N1000782" s="10"/>
    </row>
    <row r="1000783" spans="14:14">
      <c r="N1000783" s="10"/>
    </row>
    <row r="1000784" spans="14:14">
      <c r="N1000784" s="10"/>
    </row>
    <row r="1000785" spans="14:14">
      <c r="N1000785" s="10"/>
    </row>
    <row r="1000786" spans="14:14">
      <c r="N1000786" s="10"/>
    </row>
    <row r="1000787" spans="14:14">
      <c r="N1000787" s="10"/>
    </row>
    <row r="1000788" spans="14:14">
      <c r="N1000788" s="10"/>
    </row>
    <row r="1000789" spans="14:14">
      <c r="N1000789" s="10"/>
    </row>
    <row r="1000790" spans="14:14">
      <c r="N1000790" s="10"/>
    </row>
    <row r="1000791" spans="14:14">
      <c r="N1000791" s="10"/>
    </row>
    <row r="1000792" spans="14:14">
      <c r="N1000792" s="10"/>
    </row>
    <row r="1000793" spans="14:14">
      <c r="N1000793" s="10"/>
    </row>
    <row r="1000794" spans="14:14">
      <c r="N1000794" s="10"/>
    </row>
    <row r="1000795" spans="14:14">
      <c r="N1000795" s="10"/>
    </row>
    <row r="1000796" spans="14:14">
      <c r="N1000796" s="10"/>
    </row>
    <row r="1000797" spans="14:14">
      <c r="N1000797" s="10"/>
    </row>
    <row r="1000798" spans="14:14">
      <c r="N1000798" s="10"/>
    </row>
    <row r="1000799" spans="14:14">
      <c r="N1000799" s="10"/>
    </row>
    <row r="1000800" spans="14:14">
      <c r="N1000800" s="10"/>
    </row>
    <row r="1000801" spans="14:14">
      <c r="N1000801" s="10"/>
    </row>
    <row r="1000802" spans="14:14">
      <c r="N1000802" s="10"/>
    </row>
    <row r="1000803" spans="14:14">
      <c r="N1000803" s="10"/>
    </row>
    <row r="1000804" spans="14:14">
      <c r="N1000804" s="10"/>
    </row>
    <row r="1000805" spans="14:14">
      <c r="N1000805" s="10"/>
    </row>
    <row r="1000806" spans="14:14">
      <c r="N1000806" s="10"/>
    </row>
    <row r="1000807" spans="14:14">
      <c r="N1000807" s="10"/>
    </row>
    <row r="1000808" spans="14:14">
      <c r="N1000808" s="10"/>
    </row>
    <row r="1000809" spans="14:14">
      <c r="N1000809" s="10"/>
    </row>
    <row r="1000810" spans="14:14">
      <c r="N1000810" s="10"/>
    </row>
    <row r="1000811" spans="14:14">
      <c r="N1000811" s="10"/>
    </row>
    <row r="1000812" spans="14:14">
      <c r="N1000812" s="10"/>
    </row>
    <row r="1000813" spans="14:14">
      <c r="N1000813" s="10"/>
    </row>
    <row r="1000814" spans="14:14">
      <c r="N1000814" s="10"/>
    </row>
    <row r="1000815" spans="14:14">
      <c r="N1000815" s="10"/>
    </row>
    <row r="1000816" spans="14:14">
      <c r="N1000816" s="10"/>
    </row>
    <row r="1000817" spans="14:14">
      <c r="N1000817" s="10"/>
    </row>
    <row r="1000818" spans="14:14">
      <c r="N1000818" s="10"/>
    </row>
    <row r="1000819" spans="14:14">
      <c r="N1000819" s="10"/>
    </row>
    <row r="1000820" spans="14:14">
      <c r="N1000820" s="10"/>
    </row>
    <row r="1000821" spans="14:14">
      <c r="N1000821" s="10"/>
    </row>
    <row r="1000822" spans="14:14">
      <c r="N1000822" s="10"/>
    </row>
    <row r="1000823" spans="14:14">
      <c r="N1000823" s="10"/>
    </row>
    <row r="1000824" spans="14:14">
      <c r="N1000824" s="10"/>
    </row>
    <row r="1000825" spans="14:14">
      <c r="N1000825" s="10"/>
    </row>
    <row r="1000826" spans="14:14">
      <c r="N1000826" s="10"/>
    </row>
    <row r="1000827" spans="14:14">
      <c r="N1000827" s="10"/>
    </row>
    <row r="1000828" spans="14:14">
      <c r="N1000828" s="10"/>
    </row>
    <row r="1000829" spans="14:14">
      <c r="N1000829" s="10"/>
    </row>
    <row r="1000830" spans="14:14">
      <c r="N1000830" s="10"/>
    </row>
    <row r="1000831" spans="14:14">
      <c r="N1000831" s="10"/>
    </row>
    <row r="1000832" spans="14:14">
      <c r="N1000832" s="10"/>
    </row>
    <row r="1000833" spans="14:14">
      <c r="N1000833" s="10"/>
    </row>
    <row r="1000834" spans="14:14">
      <c r="N1000834" s="10"/>
    </row>
    <row r="1000835" spans="14:14">
      <c r="N1000835" s="10"/>
    </row>
    <row r="1000836" spans="14:14">
      <c r="N1000836" s="10"/>
    </row>
    <row r="1000837" spans="14:14">
      <c r="N1000837" s="10"/>
    </row>
    <row r="1000838" spans="14:14">
      <c r="N1000838" s="10"/>
    </row>
    <row r="1000839" spans="14:14">
      <c r="N1000839" s="10"/>
    </row>
    <row r="1000840" spans="14:14">
      <c r="N1000840" s="10"/>
    </row>
    <row r="1000841" spans="14:14">
      <c r="N1000841" s="10"/>
    </row>
    <row r="1000842" spans="14:14">
      <c r="N1000842" s="10"/>
    </row>
    <row r="1000843" spans="14:14">
      <c r="N1000843" s="10"/>
    </row>
    <row r="1000844" spans="14:14">
      <c r="N1000844" s="10"/>
    </row>
    <row r="1000845" spans="14:14">
      <c r="N1000845" s="10"/>
    </row>
    <row r="1000846" spans="14:14">
      <c r="N1000846" s="10"/>
    </row>
    <row r="1000847" spans="14:14">
      <c r="N1000847" s="10"/>
    </row>
    <row r="1000848" spans="14:14">
      <c r="N1000848" s="10"/>
    </row>
    <row r="1000849" spans="14:14">
      <c r="N1000849" s="10"/>
    </row>
    <row r="1000850" spans="14:14">
      <c r="N1000850" s="10"/>
    </row>
    <row r="1000851" spans="14:14">
      <c r="N1000851" s="10"/>
    </row>
    <row r="1000852" spans="14:14">
      <c r="N1000852" s="10"/>
    </row>
    <row r="1000853" spans="14:14">
      <c r="N1000853" s="10"/>
    </row>
    <row r="1000854" spans="14:14">
      <c r="N1000854" s="10"/>
    </row>
    <row r="1000855" spans="14:14">
      <c r="N1000855" s="10"/>
    </row>
    <row r="1000856" spans="14:14">
      <c r="N1000856" s="10"/>
    </row>
    <row r="1000857" spans="14:14">
      <c r="N1000857" s="10"/>
    </row>
    <row r="1000858" spans="14:14">
      <c r="N1000858" s="10"/>
    </row>
    <row r="1000859" spans="14:14">
      <c r="N1000859" s="10"/>
    </row>
    <row r="1000860" spans="14:14">
      <c r="N1000860" s="10"/>
    </row>
    <row r="1000861" spans="14:14">
      <c r="N1000861" s="10"/>
    </row>
    <row r="1000862" spans="14:14">
      <c r="N1000862" s="10"/>
    </row>
    <row r="1000863" spans="14:14">
      <c r="N1000863" s="10"/>
    </row>
    <row r="1000864" spans="14:14">
      <c r="N1000864" s="10"/>
    </row>
    <row r="1000865" spans="14:14">
      <c r="N1000865" s="10"/>
    </row>
    <row r="1000866" spans="14:14">
      <c r="N1000866" s="10"/>
    </row>
    <row r="1000867" spans="14:14">
      <c r="N1000867" s="10"/>
    </row>
    <row r="1000868" spans="14:14">
      <c r="N1000868" s="10"/>
    </row>
    <row r="1000869" spans="14:14">
      <c r="N1000869" s="10"/>
    </row>
    <row r="1000870" spans="14:14">
      <c r="N1000870" s="10"/>
    </row>
    <row r="1000871" spans="14:14">
      <c r="N1000871" s="10"/>
    </row>
    <row r="1000872" spans="14:14">
      <c r="N1000872" s="10"/>
    </row>
    <row r="1000873" spans="14:14">
      <c r="N1000873" s="10"/>
    </row>
    <row r="1000874" spans="14:14">
      <c r="N1000874" s="10"/>
    </row>
    <row r="1000875" spans="14:14">
      <c r="N1000875" s="10"/>
    </row>
    <row r="1000876" spans="14:14">
      <c r="N1000876" s="10"/>
    </row>
    <row r="1000877" spans="14:14">
      <c r="N1000877" s="10"/>
    </row>
    <row r="1000878" spans="14:14">
      <c r="N1000878" s="10"/>
    </row>
    <row r="1000879" spans="14:14">
      <c r="N1000879" s="10"/>
    </row>
    <row r="1000880" spans="14:14">
      <c r="N1000880" s="10"/>
    </row>
    <row r="1000881" spans="14:14">
      <c r="N1000881" s="10"/>
    </row>
    <row r="1000882" spans="14:14">
      <c r="N1000882" s="10"/>
    </row>
    <row r="1000883" spans="14:14">
      <c r="N1000883" s="10"/>
    </row>
    <row r="1000884" spans="14:14">
      <c r="N1000884" s="10"/>
    </row>
    <row r="1000885" spans="14:14">
      <c r="N1000885" s="10"/>
    </row>
    <row r="1000886" spans="14:14">
      <c r="N1000886" s="10"/>
    </row>
    <row r="1000887" spans="14:14">
      <c r="N1000887" s="10"/>
    </row>
    <row r="1000888" spans="14:14">
      <c r="N1000888" s="10"/>
    </row>
    <row r="1000889" spans="14:14">
      <c r="N1000889" s="10"/>
    </row>
    <row r="1000890" spans="14:14">
      <c r="N1000890" s="10"/>
    </row>
    <row r="1000891" spans="14:14">
      <c r="N1000891" s="10"/>
    </row>
    <row r="1000892" spans="14:14">
      <c r="N1000892" s="10"/>
    </row>
    <row r="1000893" spans="14:14">
      <c r="N1000893" s="10"/>
    </row>
    <row r="1000894" spans="14:14">
      <c r="N1000894" s="10"/>
    </row>
    <row r="1000895" spans="14:14">
      <c r="N1000895" s="10"/>
    </row>
    <row r="1000896" spans="14:14">
      <c r="N1000896" s="10"/>
    </row>
    <row r="1000897" spans="14:14">
      <c r="N1000897" s="10"/>
    </row>
    <row r="1000898" spans="14:14">
      <c r="N1000898" s="10"/>
    </row>
    <row r="1000899" spans="14:14">
      <c r="N1000899" s="10"/>
    </row>
    <row r="1000900" spans="14:14">
      <c r="N1000900" s="10"/>
    </row>
    <row r="1000901" spans="14:14">
      <c r="N1000901" s="10"/>
    </row>
    <row r="1000902" spans="14:14">
      <c r="N1000902" s="10"/>
    </row>
    <row r="1000903" spans="14:14">
      <c r="N1000903" s="10"/>
    </row>
    <row r="1000904" spans="14:14">
      <c r="N1000904" s="10"/>
    </row>
    <row r="1000905" spans="14:14">
      <c r="N1000905" s="10"/>
    </row>
    <row r="1000906" spans="14:14">
      <c r="N1000906" s="10"/>
    </row>
    <row r="1000907" spans="14:14">
      <c r="N1000907" s="10"/>
    </row>
    <row r="1000908" spans="14:14">
      <c r="N1000908" s="10"/>
    </row>
    <row r="1000909" spans="14:14">
      <c r="N1000909" s="10"/>
    </row>
    <row r="1000910" spans="14:14">
      <c r="N1000910" s="10"/>
    </row>
    <row r="1000911" spans="14:14">
      <c r="N1000911" s="10"/>
    </row>
    <row r="1000912" spans="14:14">
      <c r="N1000912" s="10"/>
    </row>
    <row r="1000913" spans="14:14">
      <c r="N1000913" s="10"/>
    </row>
    <row r="1000914" spans="14:14">
      <c r="N1000914" s="10"/>
    </row>
    <row r="1000915" spans="14:14">
      <c r="N1000915" s="10"/>
    </row>
    <row r="1000916" spans="14:14">
      <c r="N1000916" s="10"/>
    </row>
    <row r="1000917" spans="14:14">
      <c r="N1000917" s="10"/>
    </row>
    <row r="1000918" spans="14:14">
      <c r="N1000918" s="10"/>
    </row>
    <row r="1000919" spans="14:14">
      <c r="N1000919" s="10"/>
    </row>
    <row r="1000920" spans="14:14">
      <c r="N1000920" s="10"/>
    </row>
    <row r="1000921" spans="14:14">
      <c r="N1000921" s="10"/>
    </row>
    <row r="1000922" spans="14:14">
      <c r="N1000922" s="10"/>
    </row>
    <row r="1000923" spans="14:14">
      <c r="N1000923" s="10"/>
    </row>
    <row r="1000924" spans="14:14">
      <c r="N1000924" s="10"/>
    </row>
    <row r="1000925" spans="14:14">
      <c r="N1000925" s="10"/>
    </row>
    <row r="1000926" spans="14:14">
      <c r="N1000926" s="10"/>
    </row>
    <row r="1000927" spans="14:14">
      <c r="N1000927" s="10"/>
    </row>
    <row r="1000928" spans="14:14">
      <c r="N1000928" s="10"/>
    </row>
    <row r="1000929" spans="14:14">
      <c r="N1000929" s="10"/>
    </row>
    <row r="1000930" spans="14:14">
      <c r="N1000930" s="10"/>
    </row>
    <row r="1000931" spans="14:14">
      <c r="N1000931" s="10"/>
    </row>
    <row r="1000932" spans="14:14">
      <c r="N1000932" s="10"/>
    </row>
    <row r="1000933" spans="14:14">
      <c r="N1000933" s="10"/>
    </row>
    <row r="1000934" spans="14:14">
      <c r="N1000934" s="10"/>
    </row>
    <row r="1000935" spans="14:14">
      <c r="N1000935" s="10"/>
    </row>
    <row r="1000936" spans="14:14">
      <c r="N1000936" s="10"/>
    </row>
    <row r="1000937" spans="14:14">
      <c r="N1000937" s="10"/>
    </row>
    <row r="1000938" spans="14:14">
      <c r="N1000938" s="10"/>
    </row>
    <row r="1000939" spans="14:14">
      <c r="N1000939" s="10"/>
    </row>
    <row r="1000940" spans="14:14">
      <c r="N1000940" s="10"/>
    </row>
    <row r="1000941" spans="14:14">
      <c r="N1000941" s="10"/>
    </row>
    <row r="1000942" spans="14:14">
      <c r="N1000942" s="10"/>
    </row>
    <row r="1000943" spans="14:14">
      <c r="N1000943" s="10"/>
    </row>
    <row r="1000944" spans="14:14">
      <c r="N1000944" s="10"/>
    </row>
    <row r="1000945" spans="14:14">
      <c r="N1000945" s="10"/>
    </row>
    <row r="1000946" spans="14:14">
      <c r="N1000946" s="10"/>
    </row>
    <row r="1000947" spans="14:14">
      <c r="N1000947" s="10"/>
    </row>
    <row r="1000948" spans="14:14">
      <c r="N1000948" s="10"/>
    </row>
    <row r="1000949" spans="14:14">
      <c r="N1000949" s="10"/>
    </row>
    <row r="1000950" spans="14:14">
      <c r="N1000950" s="10"/>
    </row>
    <row r="1000951" spans="14:14">
      <c r="N1000951" s="10"/>
    </row>
    <row r="1000952" spans="14:14">
      <c r="N1000952" s="10"/>
    </row>
    <row r="1000953" spans="14:14">
      <c r="N1000953" s="10"/>
    </row>
    <row r="1000954" spans="14:14">
      <c r="N1000954" s="10"/>
    </row>
    <row r="1000955" spans="14:14">
      <c r="N1000955" s="10"/>
    </row>
    <row r="1000956" spans="14:14">
      <c r="N1000956" s="10"/>
    </row>
    <row r="1000957" spans="14:14">
      <c r="N1000957" s="10"/>
    </row>
    <row r="1000958" spans="14:14">
      <c r="N1000958" s="10"/>
    </row>
    <row r="1000959" spans="14:14">
      <c r="N1000959" s="10"/>
    </row>
    <row r="1000960" spans="14:14">
      <c r="N1000960" s="10"/>
    </row>
    <row r="1000961" spans="14:14">
      <c r="N1000961" s="10"/>
    </row>
    <row r="1000962" spans="14:14">
      <c r="N1000962" s="10"/>
    </row>
    <row r="1000963" spans="14:14">
      <c r="N1000963" s="10"/>
    </row>
    <row r="1000964" spans="14:14">
      <c r="N1000964" s="10"/>
    </row>
    <row r="1000965" spans="14:14">
      <c r="N1000965" s="10"/>
    </row>
    <row r="1000966" spans="14:14">
      <c r="N1000966" s="10"/>
    </row>
    <row r="1000967" spans="14:14">
      <c r="N1000967" s="10"/>
    </row>
    <row r="1000968" spans="14:14">
      <c r="N1000968" s="10"/>
    </row>
    <row r="1000969" spans="14:14">
      <c r="N1000969" s="10"/>
    </row>
    <row r="1000970" spans="14:14">
      <c r="N1000970" s="10"/>
    </row>
    <row r="1000971" spans="14:14">
      <c r="N1000971" s="10"/>
    </row>
    <row r="1000972" spans="14:14">
      <c r="N1000972" s="10"/>
    </row>
    <row r="1000973" spans="14:14">
      <c r="N1000973" s="10"/>
    </row>
    <row r="1000974" spans="14:14">
      <c r="N1000974" s="10"/>
    </row>
    <row r="1000975" spans="14:14">
      <c r="N1000975" s="10"/>
    </row>
    <row r="1000976" spans="14:14">
      <c r="N1000976" s="10"/>
    </row>
    <row r="1000977" spans="14:14">
      <c r="N1000977" s="10"/>
    </row>
    <row r="1000978" spans="14:14">
      <c r="N1000978" s="10"/>
    </row>
    <row r="1000979" spans="14:14">
      <c r="N1000979" s="10"/>
    </row>
    <row r="1000980" spans="14:14">
      <c r="N1000980" s="10"/>
    </row>
    <row r="1000981" spans="14:14">
      <c r="N1000981" s="10"/>
    </row>
    <row r="1000982" spans="14:14">
      <c r="N1000982" s="10"/>
    </row>
    <row r="1000983" spans="14:14">
      <c r="N1000983" s="10"/>
    </row>
    <row r="1000984" spans="14:14">
      <c r="N1000984" s="10"/>
    </row>
    <row r="1000985" spans="14:14">
      <c r="N1000985" s="10"/>
    </row>
    <row r="1000986" spans="14:14">
      <c r="N1000986" s="10"/>
    </row>
    <row r="1000987" spans="14:14">
      <c r="N1000987" s="10"/>
    </row>
    <row r="1000988" spans="14:14">
      <c r="N1000988" s="10"/>
    </row>
    <row r="1000989" spans="14:14">
      <c r="N1000989" s="10"/>
    </row>
    <row r="1000990" spans="14:14">
      <c r="N1000990" s="10"/>
    </row>
    <row r="1000991" spans="14:14">
      <c r="N1000991" s="10"/>
    </row>
    <row r="1000992" spans="14:14">
      <c r="N1000992" s="10"/>
    </row>
    <row r="1000993" spans="14:14">
      <c r="N1000993" s="10"/>
    </row>
    <row r="1000994" spans="14:14">
      <c r="N1000994" s="10"/>
    </row>
    <row r="1000995" spans="14:14">
      <c r="N1000995" s="10"/>
    </row>
    <row r="1000996" spans="14:14">
      <c r="N1000996" s="10"/>
    </row>
    <row r="1000997" spans="14:14">
      <c r="N1000997" s="10"/>
    </row>
    <row r="1000998" spans="14:14">
      <c r="N1000998" s="10"/>
    </row>
    <row r="1000999" spans="14:14">
      <c r="N1000999" s="10"/>
    </row>
    <row r="1001000" spans="14:14">
      <c r="N1001000" s="10"/>
    </row>
    <row r="1001001" spans="14:14">
      <c r="N1001001" s="10"/>
    </row>
    <row r="1001002" spans="14:14">
      <c r="N1001002" s="10"/>
    </row>
    <row r="1001003" spans="14:14">
      <c r="N1001003" s="10"/>
    </row>
    <row r="1001004" spans="14:14">
      <c r="N1001004" s="10"/>
    </row>
    <row r="1001005" spans="14:14">
      <c r="N1001005" s="10"/>
    </row>
    <row r="1001006" spans="14:14">
      <c r="N1001006" s="10"/>
    </row>
    <row r="1001007" spans="14:14">
      <c r="N1001007" s="10"/>
    </row>
    <row r="1001008" spans="14:14">
      <c r="N1001008" s="10"/>
    </row>
    <row r="1001009" spans="14:14">
      <c r="N1001009" s="10"/>
    </row>
    <row r="1001010" spans="14:14">
      <c r="N1001010" s="10"/>
    </row>
    <row r="1001011" spans="14:14">
      <c r="N1001011" s="10"/>
    </row>
    <row r="1001012" spans="14:14">
      <c r="N1001012" s="10"/>
    </row>
    <row r="1001013" spans="14:14">
      <c r="N1001013" s="10"/>
    </row>
    <row r="1001014" spans="14:14">
      <c r="N1001014" s="10"/>
    </row>
    <row r="1001015" spans="14:14">
      <c r="N1001015" s="10"/>
    </row>
    <row r="1001016" spans="14:14">
      <c r="N1001016" s="10"/>
    </row>
    <row r="1001017" spans="14:14">
      <c r="N1001017" s="10"/>
    </row>
    <row r="1001018" spans="14:14">
      <c r="N1001018" s="10"/>
    </row>
    <row r="1001019" spans="14:14">
      <c r="N1001019" s="10"/>
    </row>
    <row r="1001020" spans="14:14">
      <c r="N1001020" s="10"/>
    </row>
    <row r="1001021" spans="14:14">
      <c r="N1001021" s="10"/>
    </row>
    <row r="1001022" spans="14:14">
      <c r="N1001022" s="10"/>
    </row>
    <row r="1001023" spans="14:14">
      <c r="N1001023" s="10"/>
    </row>
    <row r="1001024" spans="14:14">
      <c r="N1001024" s="10"/>
    </row>
    <row r="1001025" spans="14:14">
      <c r="N1001025" s="10"/>
    </row>
    <row r="1001026" spans="14:14">
      <c r="N1001026" s="10"/>
    </row>
    <row r="1001027" spans="14:14">
      <c r="N1001027" s="10"/>
    </row>
    <row r="1001028" spans="14:14">
      <c r="N1001028" s="10"/>
    </row>
    <row r="1001029" spans="14:14">
      <c r="N1001029" s="10"/>
    </row>
    <row r="1001030" spans="14:14">
      <c r="N1001030" s="10"/>
    </row>
    <row r="1001031" spans="14:14">
      <c r="N1001031" s="10"/>
    </row>
    <row r="1001032" spans="14:14">
      <c r="N1001032" s="10"/>
    </row>
    <row r="1001033" spans="14:14">
      <c r="N1001033" s="10"/>
    </row>
    <row r="1001034" spans="14:14">
      <c r="N1001034" s="10"/>
    </row>
    <row r="1001035" spans="14:14">
      <c r="N1001035" s="10"/>
    </row>
    <row r="1001036" spans="14:14">
      <c r="N1001036" s="10"/>
    </row>
    <row r="1001037" spans="14:14">
      <c r="N1001037" s="10"/>
    </row>
    <row r="1001038" spans="14:14">
      <c r="N1001038" s="10"/>
    </row>
    <row r="1001039" spans="14:14">
      <c r="N1001039" s="10"/>
    </row>
    <row r="1001040" spans="14:14">
      <c r="N1001040" s="10"/>
    </row>
    <row r="1001041" spans="14:14">
      <c r="N1001041" s="10"/>
    </row>
    <row r="1001042" spans="14:14">
      <c r="N1001042" s="10"/>
    </row>
    <row r="1001043" spans="14:14">
      <c r="N1001043" s="10"/>
    </row>
    <row r="1001044" spans="14:14">
      <c r="N1001044" s="10"/>
    </row>
    <row r="1001045" spans="14:14">
      <c r="N1001045" s="10"/>
    </row>
    <row r="1001046" spans="14:14">
      <c r="N1001046" s="10"/>
    </row>
    <row r="1001047" spans="14:14">
      <c r="N1001047" s="10"/>
    </row>
    <row r="1001048" spans="14:14">
      <c r="N1001048" s="10"/>
    </row>
    <row r="1001049" spans="14:14">
      <c r="N1001049" s="10"/>
    </row>
    <row r="1001050" spans="14:14">
      <c r="N1001050" s="10"/>
    </row>
    <row r="1001051" spans="14:14">
      <c r="N1001051" s="10"/>
    </row>
    <row r="1001052" spans="14:14">
      <c r="N1001052" s="10"/>
    </row>
    <row r="1001053" spans="14:14">
      <c r="N1001053" s="10"/>
    </row>
    <row r="1001054" spans="14:14">
      <c r="N1001054" s="10"/>
    </row>
    <row r="1001055" spans="14:14">
      <c r="N1001055" s="10"/>
    </row>
    <row r="1001056" spans="14:14">
      <c r="N1001056" s="10"/>
    </row>
    <row r="1001057" spans="14:14">
      <c r="N1001057" s="10"/>
    </row>
    <row r="1001058" spans="14:14">
      <c r="N1001058" s="10"/>
    </row>
    <row r="1001059" spans="14:14">
      <c r="N1001059" s="10"/>
    </row>
    <row r="1001060" spans="14:14">
      <c r="N1001060" s="10"/>
    </row>
    <row r="1001061" spans="14:14">
      <c r="N1001061" s="10"/>
    </row>
    <row r="1001062" spans="14:14">
      <c r="N1001062" s="10"/>
    </row>
    <row r="1001063" spans="14:14">
      <c r="N1001063" s="10"/>
    </row>
    <row r="1001064" spans="14:14">
      <c r="N1001064" s="10"/>
    </row>
    <row r="1001065" spans="14:14">
      <c r="N1001065" s="10"/>
    </row>
    <row r="1001066" spans="14:14">
      <c r="N1001066" s="10"/>
    </row>
    <row r="1001067" spans="14:14">
      <c r="N1001067" s="10"/>
    </row>
    <row r="1001068" spans="14:14">
      <c r="N1001068" s="10"/>
    </row>
    <row r="1001069" spans="14:14">
      <c r="N1001069" s="10"/>
    </row>
    <row r="1001070" spans="14:14">
      <c r="N1001070" s="10"/>
    </row>
    <row r="1001071" spans="14:14">
      <c r="N1001071" s="10"/>
    </row>
    <row r="1001072" spans="14:14">
      <c r="N1001072" s="10"/>
    </row>
    <row r="1001073" spans="14:14">
      <c r="N1001073" s="10"/>
    </row>
    <row r="1001074" spans="14:14">
      <c r="N1001074" s="10"/>
    </row>
    <row r="1001075" spans="14:14">
      <c r="N1001075" s="10"/>
    </row>
    <row r="1001076" spans="14:14">
      <c r="N1001076" s="10"/>
    </row>
    <row r="1001077" spans="14:14">
      <c r="N1001077" s="10"/>
    </row>
    <row r="1001078" spans="14:14">
      <c r="N1001078" s="10"/>
    </row>
    <row r="1001079" spans="14:14">
      <c r="N1001079" s="10"/>
    </row>
    <row r="1001080" spans="14:14">
      <c r="N1001080" s="10"/>
    </row>
    <row r="1001081" spans="14:14">
      <c r="N1001081" s="10"/>
    </row>
    <row r="1001082" spans="14:14">
      <c r="N1001082" s="10"/>
    </row>
    <row r="1001083" spans="14:14">
      <c r="N1001083" s="10"/>
    </row>
    <row r="1001084" spans="14:14">
      <c r="N1001084" s="10"/>
    </row>
    <row r="1001085" spans="14:14">
      <c r="N1001085" s="10"/>
    </row>
    <row r="1001086" spans="14:14">
      <c r="N1001086" s="10"/>
    </row>
    <row r="1001087" spans="14:14">
      <c r="N1001087" s="10"/>
    </row>
    <row r="1001088" spans="14:14">
      <c r="N1001088" s="10"/>
    </row>
    <row r="1001089" spans="14:14">
      <c r="N1001089" s="10"/>
    </row>
    <row r="1001090" spans="14:14">
      <c r="N1001090" s="10"/>
    </row>
    <row r="1001091" spans="14:14">
      <c r="N1001091" s="10"/>
    </row>
    <row r="1001092" spans="14:14">
      <c r="N1001092" s="10"/>
    </row>
    <row r="1001093" spans="14:14">
      <c r="N1001093" s="10"/>
    </row>
    <row r="1001094" spans="14:14">
      <c r="N1001094" s="10"/>
    </row>
    <row r="1001095" spans="14:14">
      <c r="N1001095" s="10"/>
    </row>
    <row r="1001096" spans="14:14">
      <c r="N1001096" s="10"/>
    </row>
    <row r="1001097" spans="14:14">
      <c r="N1001097" s="10"/>
    </row>
    <row r="1001098" spans="14:14">
      <c r="N1001098" s="10"/>
    </row>
    <row r="1001099" spans="14:14">
      <c r="N1001099" s="10"/>
    </row>
    <row r="1001100" spans="14:14">
      <c r="N1001100" s="10"/>
    </row>
    <row r="1001101" spans="14:14">
      <c r="N1001101" s="10"/>
    </row>
    <row r="1001102" spans="14:14">
      <c r="N1001102" s="10"/>
    </row>
    <row r="1001103" spans="14:14">
      <c r="N1001103" s="10"/>
    </row>
    <row r="1001104" spans="14:14">
      <c r="N1001104" s="10"/>
    </row>
    <row r="1001105" spans="14:14">
      <c r="N1001105" s="10"/>
    </row>
    <row r="1001106" spans="14:14">
      <c r="N1001106" s="10"/>
    </row>
    <row r="1001107" spans="14:14">
      <c r="N1001107" s="10"/>
    </row>
    <row r="1001108" spans="14:14">
      <c r="N1001108" s="10"/>
    </row>
    <row r="1001109" spans="14:14">
      <c r="N1001109" s="10"/>
    </row>
    <row r="1001110" spans="14:14">
      <c r="N1001110" s="10"/>
    </row>
    <row r="1001111" spans="14:14">
      <c r="N1001111" s="10"/>
    </row>
    <row r="1001112" spans="14:14">
      <c r="N1001112" s="10"/>
    </row>
    <row r="1001113" spans="14:14">
      <c r="N1001113" s="10"/>
    </row>
    <row r="1001114" spans="14:14">
      <c r="N1001114" s="10"/>
    </row>
    <row r="1001115" spans="14:14">
      <c r="N1001115" s="10"/>
    </row>
    <row r="1001116" spans="14:14">
      <c r="N1001116" s="10"/>
    </row>
    <row r="1001117" spans="14:14">
      <c r="N1001117" s="10"/>
    </row>
    <row r="1001118" spans="14:14">
      <c r="N1001118" s="10"/>
    </row>
    <row r="1001119" spans="14:14">
      <c r="N1001119" s="10"/>
    </row>
    <row r="1001120" spans="14:14">
      <c r="N1001120" s="10"/>
    </row>
    <row r="1001121" spans="14:14">
      <c r="N1001121" s="10"/>
    </row>
    <row r="1001122" spans="14:14">
      <c r="N1001122" s="10"/>
    </row>
    <row r="1001123" spans="14:14">
      <c r="N1001123" s="10"/>
    </row>
    <row r="1001124" spans="14:14">
      <c r="N1001124" s="10"/>
    </row>
    <row r="1001125" spans="14:14">
      <c r="N1001125" s="10"/>
    </row>
    <row r="1001126" spans="14:14">
      <c r="N1001126" s="10"/>
    </row>
    <row r="1001127" spans="14:14">
      <c r="N1001127" s="10"/>
    </row>
    <row r="1001128" spans="14:14">
      <c r="N1001128" s="10"/>
    </row>
    <row r="1001129" spans="14:14">
      <c r="N1001129" s="10"/>
    </row>
    <row r="1001130" spans="14:14">
      <c r="N1001130" s="10"/>
    </row>
    <row r="1001131" spans="14:14">
      <c r="N1001131" s="10"/>
    </row>
    <row r="1001132" spans="14:14">
      <c r="N1001132" s="10"/>
    </row>
    <row r="1001133" spans="14:14">
      <c r="N1001133" s="10"/>
    </row>
    <row r="1001134" spans="14:14">
      <c r="N1001134" s="10"/>
    </row>
    <row r="1001135" spans="14:14">
      <c r="N1001135" s="10"/>
    </row>
    <row r="1001136" spans="14:14">
      <c r="N1001136" s="10"/>
    </row>
    <row r="1001137" spans="14:14">
      <c r="N1001137" s="10"/>
    </row>
    <row r="1001138" spans="14:14">
      <c r="N1001138" s="10"/>
    </row>
    <row r="1001139" spans="14:14">
      <c r="N1001139" s="10"/>
    </row>
    <row r="1001140" spans="14:14">
      <c r="N1001140" s="10"/>
    </row>
    <row r="1001141" spans="14:14">
      <c r="N1001141" s="10"/>
    </row>
    <row r="1001142" spans="14:14">
      <c r="N1001142" s="10"/>
    </row>
    <row r="1001143" spans="14:14">
      <c r="N1001143" s="10"/>
    </row>
    <row r="1001144" spans="14:14">
      <c r="N1001144" s="10"/>
    </row>
    <row r="1001145" spans="14:14">
      <c r="N1001145" s="10"/>
    </row>
    <row r="1001146" spans="14:14">
      <c r="N1001146" s="10"/>
    </row>
    <row r="1001147" spans="14:14">
      <c r="N1001147" s="10"/>
    </row>
    <row r="1001148" spans="14:14">
      <c r="N1001148" s="10"/>
    </row>
    <row r="1001149" spans="14:14">
      <c r="N1001149" s="10"/>
    </row>
    <row r="1001150" spans="14:14">
      <c r="N1001150" s="10"/>
    </row>
    <row r="1001151" spans="14:14">
      <c r="N1001151" s="10"/>
    </row>
    <row r="1001152" spans="14:14">
      <c r="N1001152" s="10"/>
    </row>
    <row r="1001153" spans="14:14">
      <c r="N1001153" s="10"/>
    </row>
    <row r="1001154" spans="14:14">
      <c r="N1001154" s="10"/>
    </row>
    <row r="1001155" spans="14:14">
      <c r="N1001155" s="10"/>
    </row>
    <row r="1001156" spans="14:14">
      <c r="N1001156" s="10"/>
    </row>
    <row r="1001157" spans="14:14">
      <c r="N1001157" s="10"/>
    </row>
    <row r="1001158" spans="14:14">
      <c r="N1001158" s="10"/>
    </row>
    <row r="1001159" spans="14:14">
      <c r="N1001159" s="10"/>
    </row>
    <row r="1001160" spans="14:14">
      <c r="N1001160" s="10"/>
    </row>
    <row r="1001161" spans="14:14">
      <c r="N1001161" s="10"/>
    </row>
    <row r="1001162" spans="14:14">
      <c r="N1001162" s="10"/>
    </row>
    <row r="1001163" spans="14:14">
      <c r="N1001163" s="10"/>
    </row>
    <row r="1001164" spans="14:14">
      <c r="N1001164" s="10"/>
    </row>
    <row r="1001165" spans="14:14">
      <c r="N1001165" s="10"/>
    </row>
    <row r="1001166" spans="14:14">
      <c r="N1001166" s="10"/>
    </row>
    <row r="1001167" spans="14:14">
      <c r="N1001167" s="10"/>
    </row>
    <row r="1001168" spans="14:14">
      <c r="N1001168" s="10"/>
    </row>
    <row r="1001169" spans="14:14">
      <c r="N1001169" s="10"/>
    </row>
    <row r="1001170" spans="14:14">
      <c r="N1001170" s="10"/>
    </row>
    <row r="1001171" spans="14:14">
      <c r="N1001171" s="10"/>
    </row>
    <row r="1001172" spans="14:14">
      <c r="N1001172" s="10"/>
    </row>
    <row r="1001173" spans="14:14">
      <c r="N1001173" s="10"/>
    </row>
    <row r="1001174" spans="14:14">
      <c r="N1001174" s="10"/>
    </row>
    <row r="1001175" spans="14:14">
      <c r="N1001175" s="10"/>
    </row>
    <row r="1001176" spans="14:14">
      <c r="N1001176" s="10"/>
    </row>
    <row r="1001177" spans="14:14">
      <c r="N1001177" s="10"/>
    </row>
    <row r="1001178" spans="14:14">
      <c r="N1001178" s="10"/>
    </row>
    <row r="1001179" spans="14:14">
      <c r="N1001179" s="10"/>
    </row>
    <row r="1001180" spans="14:14">
      <c r="N1001180" s="10"/>
    </row>
    <row r="1001181" spans="14:14">
      <c r="N1001181" s="10"/>
    </row>
    <row r="1001182" spans="14:14">
      <c r="N1001182" s="10"/>
    </row>
    <row r="1001183" spans="14:14">
      <c r="N1001183" s="10"/>
    </row>
    <row r="1001184" spans="14:14">
      <c r="N1001184" s="10"/>
    </row>
    <row r="1001185" spans="14:14">
      <c r="N1001185" s="10"/>
    </row>
    <row r="1001186" spans="14:14">
      <c r="N1001186" s="10"/>
    </row>
    <row r="1001187" spans="14:14">
      <c r="N1001187" s="10"/>
    </row>
    <row r="1001188" spans="14:14">
      <c r="N1001188" s="10"/>
    </row>
    <row r="1001189" spans="14:14">
      <c r="N1001189" s="10"/>
    </row>
    <row r="1001190" spans="14:14">
      <c r="N1001190" s="10"/>
    </row>
    <row r="1001191" spans="14:14">
      <c r="N1001191" s="10"/>
    </row>
    <row r="1001192" spans="14:14">
      <c r="N1001192" s="10"/>
    </row>
    <row r="1001193" spans="14:14">
      <c r="N1001193" s="10"/>
    </row>
    <row r="1001194" spans="14:14">
      <c r="N1001194" s="10"/>
    </row>
    <row r="1001195" spans="14:14">
      <c r="N1001195" s="10"/>
    </row>
    <row r="1001196" spans="14:14">
      <c r="N1001196" s="10"/>
    </row>
    <row r="1001197" spans="14:14">
      <c r="N1001197" s="10"/>
    </row>
    <row r="1001198" spans="14:14">
      <c r="N1001198" s="10"/>
    </row>
    <row r="1001199" spans="14:14">
      <c r="N1001199" s="10"/>
    </row>
    <row r="1001200" spans="14:14">
      <c r="N1001200" s="10"/>
    </row>
    <row r="1001201" spans="14:14">
      <c r="N1001201" s="10"/>
    </row>
    <row r="1001202" spans="14:14">
      <c r="N1001202" s="10"/>
    </row>
    <row r="1001203" spans="14:14">
      <c r="N1001203" s="10"/>
    </row>
    <row r="1001204" spans="14:14">
      <c r="N1001204" s="10"/>
    </row>
    <row r="1001205" spans="14:14">
      <c r="N1001205" s="10"/>
    </row>
    <row r="1001206" spans="14:14">
      <c r="N1001206" s="10"/>
    </row>
    <row r="1001207" spans="14:14">
      <c r="N1001207" s="10"/>
    </row>
    <row r="1001208" spans="14:14">
      <c r="N1001208" s="10"/>
    </row>
    <row r="1001209" spans="14:14">
      <c r="N1001209" s="10"/>
    </row>
    <row r="1001210" spans="14:14">
      <c r="N1001210" s="10"/>
    </row>
    <row r="1001211" spans="14:14">
      <c r="N1001211" s="10"/>
    </row>
    <row r="1001212" spans="14:14">
      <c r="N1001212" s="10"/>
    </row>
    <row r="1001213" spans="14:14">
      <c r="N1001213" s="10"/>
    </row>
    <row r="1001214" spans="14:14">
      <c r="N1001214" s="10"/>
    </row>
    <row r="1001215" spans="14:14">
      <c r="N1001215" s="10"/>
    </row>
    <row r="1001216" spans="14:14">
      <c r="N1001216" s="10"/>
    </row>
    <row r="1001217" spans="14:14">
      <c r="N1001217" s="10"/>
    </row>
    <row r="1001218" spans="14:14">
      <c r="N1001218" s="10"/>
    </row>
    <row r="1001219" spans="14:14">
      <c r="N1001219" s="10"/>
    </row>
    <row r="1001220" spans="14:14">
      <c r="N1001220" s="10"/>
    </row>
    <row r="1001221" spans="14:14">
      <c r="N1001221" s="10"/>
    </row>
    <row r="1001222" spans="14:14">
      <c r="N1001222" s="10"/>
    </row>
    <row r="1001223" spans="14:14">
      <c r="N1001223" s="10"/>
    </row>
    <row r="1001224" spans="14:14">
      <c r="N1001224" s="10"/>
    </row>
    <row r="1001225" spans="14:14">
      <c r="N1001225" s="10"/>
    </row>
    <row r="1001226" spans="14:14">
      <c r="N1001226" s="10"/>
    </row>
    <row r="1001227" spans="14:14">
      <c r="N1001227" s="10"/>
    </row>
    <row r="1001228" spans="14:14">
      <c r="N1001228" s="10"/>
    </row>
    <row r="1001229" spans="14:14">
      <c r="N1001229" s="10"/>
    </row>
    <row r="1001230" spans="14:14">
      <c r="N1001230" s="10"/>
    </row>
    <row r="1001231" spans="14:14">
      <c r="N1001231" s="10"/>
    </row>
    <row r="1001232" spans="14:14">
      <c r="N1001232" s="10"/>
    </row>
    <row r="1001233" spans="14:14">
      <c r="N1001233" s="10"/>
    </row>
    <row r="1001234" spans="14:14">
      <c r="N1001234" s="10"/>
    </row>
    <row r="1001235" spans="14:14">
      <c r="N1001235" s="10"/>
    </row>
    <row r="1001236" spans="14:14">
      <c r="N1001236" s="10"/>
    </row>
    <row r="1001237" spans="14:14">
      <c r="N1001237" s="10"/>
    </row>
    <row r="1001238" spans="14:14">
      <c r="N1001238" s="10"/>
    </row>
    <row r="1001239" spans="14:14">
      <c r="N1001239" s="10"/>
    </row>
    <row r="1001240" spans="14:14">
      <c r="N1001240" s="10"/>
    </row>
    <row r="1001241" spans="14:14">
      <c r="N1001241" s="10"/>
    </row>
    <row r="1001242" spans="14:14">
      <c r="N1001242" s="10"/>
    </row>
    <row r="1001243" spans="14:14">
      <c r="N1001243" s="10"/>
    </row>
    <row r="1001244" spans="14:14">
      <c r="N1001244" s="10"/>
    </row>
    <row r="1001245" spans="14:14">
      <c r="N1001245" s="10"/>
    </row>
    <row r="1001246" spans="14:14">
      <c r="N1001246" s="10"/>
    </row>
    <row r="1001247" spans="14:14">
      <c r="N1001247" s="10"/>
    </row>
    <row r="1001248" spans="14:14">
      <c r="N1001248" s="10"/>
    </row>
    <row r="1001249" spans="14:14">
      <c r="N1001249" s="10"/>
    </row>
    <row r="1001250" spans="14:14">
      <c r="N1001250" s="10"/>
    </row>
    <row r="1001251" spans="14:14">
      <c r="N1001251" s="10"/>
    </row>
    <row r="1001252" spans="14:14">
      <c r="N1001252" s="10"/>
    </row>
    <row r="1001253" spans="14:14">
      <c r="N1001253" s="10"/>
    </row>
    <row r="1001254" spans="14:14">
      <c r="N1001254" s="10"/>
    </row>
    <row r="1001255" spans="14:14">
      <c r="N1001255" s="10"/>
    </row>
    <row r="1001256" spans="14:14">
      <c r="N1001256" s="10"/>
    </row>
    <row r="1001257" spans="14:14">
      <c r="N1001257" s="10"/>
    </row>
    <row r="1001258" spans="14:14">
      <c r="N1001258" s="10"/>
    </row>
    <row r="1001259" spans="14:14">
      <c r="N1001259" s="10"/>
    </row>
    <row r="1001260" spans="14:14">
      <c r="N1001260" s="10"/>
    </row>
    <row r="1001261" spans="14:14">
      <c r="N1001261" s="10"/>
    </row>
    <row r="1001262" spans="14:14">
      <c r="N1001262" s="10"/>
    </row>
    <row r="1001263" spans="14:14">
      <c r="N1001263" s="10"/>
    </row>
    <row r="1001264" spans="14:14">
      <c r="N1001264" s="10"/>
    </row>
    <row r="1001265" spans="14:14">
      <c r="N1001265" s="10"/>
    </row>
    <row r="1001266" spans="14:14">
      <c r="N1001266" s="10"/>
    </row>
    <row r="1001267" spans="14:14">
      <c r="N1001267" s="10"/>
    </row>
    <row r="1001268" spans="14:14">
      <c r="N1001268" s="10"/>
    </row>
    <row r="1001269" spans="14:14">
      <c r="N1001269" s="10"/>
    </row>
    <row r="1001270" spans="14:14">
      <c r="N1001270" s="10"/>
    </row>
    <row r="1001271" spans="14:14">
      <c r="N1001271" s="10"/>
    </row>
    <row r="1001272" spans="14:14">
      <c r="N1001272" s="10"/>
    </row>
    <row r="1001273" spans="14:14">
      <c r="N1001273" s="10"/>
    </row>
    <row r="1001274" spans="14:14">
      <c r="N1001274" s="10"/>
    </row>
    <row r="1001275" spans="14:14">
      <c r="N1001275" s="10"/>
    </row>
    <row r="1001276" spans="14:14">
      <c r="N1001276" s="10"/>
    </row>
    <row r="1001277" spans="14:14">
      <c r="N1001277" s="10"/>
    </row>
    <row r="1001278" spans="14:14">
      <c r="N1001278" s="10"/>
    </row>
    <row r="1001279" spans="14:14">
      <c r="N1001279" s="10"/>
    </row>
    <row r="1001280" spans="14:14">
      <c r="N1001280" s="10"/>
    </row>
    <row r="1001281" spans="14:14">
      <c r="N1001281" s="10"/>
    </row>
    <row r="1001282" spans="14:14">
      <c r="N1001282" s="10"/>
    </row>
    <row r="1001283" spans="14:14">
      <c r="N1001283" s="10"/>
    </row>
    <row r="1001284" spans="14:14">
      <c r="N1001284" s="10"/>
    </row>
    <row r="1001285" spans="14:14">
      <c r="N1001285" s="10"/>
    </row>
    <row r="1001286" spans="14:14">
      <c r="N1001286" s="10"/>
    </row>
    <row r="1001287" spans="14:14">
      <c r="N1001287" s="10"/>
    </row>
    <row r="1001288" spans="14:14">
      <c r="N1001288" s="10"/>
    </row>
    <row r="1001289" spans="14:14">
      <c r="N1001289" s="10"/>
    </row>
    <row r="1001290" spans="14:14">
      <c r="N1001290" s="10"/>
    </row>
    <row r="1001291" spans="14:14">
      <c r="N1001291" s="10"/>
    </row>
    <row r="1001292" spans="14:14">
      <c r="N1001292" s="10"/>
    </row>
    <row r="1001293" spans="14:14">
      <c r="N1001293" s="10"/>
    </row>
    <row r="1001294" spans="14:14">
      <c r="N1001294" s="10"/>
    </row>
    <row r="1001295" spans="14:14">
      <c r="N1001295" s="10"/>
    </row>
    <row r="1001296" spans="14:14">
      <c r="N1001296" s="10"/>
    </row>
    <row r="1001297" spans="14:14">
      <c r="N1001297" s="10"/>
    </row>
    <row r="1001298" spans="14:14">
      <c r="N1001298" s="10"/>
    </row>
    <row r="1001299" spans="14:14">
      <c r="N1001299" s="10"/>
    </row>
    <row r="1001300" spans="14:14">
      <c r="N1001300" s="10"/>
    </row>
    <row r="1001301" spans="14:14">
      <c r="N1001301" s="10"/>
    </row>
    <row r="1001302" spans="14:14">
      <c r="N1001302" s="10"/>
    </row>
    <row r="1001303" spans="14:14">
      <c r="N1001303" s="10"/>
    </row>
    <row r="1001304" spans="14:14">
      <c r="N1001304" s="10"/>
    </row>
    <row r="1001305" spans="14:14">
      <c r="N1001305" s="10"/>
    </row>
    <row r="1001306" spans="14:14">
      <c r="N1001306" s="10"/>
    </row>
    <row r="1001307" spans="14:14">
      <c r="N1001307" s="10"/>
    </row>
    <row r="1001308" spans="14:14">
      <c r="N1001308" s="10"/>
    </row>
    <row r="1001309" spans="14:14">
      <c r="N1001309" s="10"/>
    </row>
    <row r="1001310" spans="14:14">
      <c r="N1001310" s="10"/>
    </row>
    <row r="1001311" spans="14:14">
      <c r="N1001311" s="10"/>
    </row>
    <row r="1001312" spans="14:14">
      <c r="N1001312" s="10"/>
    </row>
    <row r="1001313" spans="14:14">
      <c r="N1001313" s="10"/>
    </row>
    <row r="1001314" spans="14:14">
      <c r="N1001314" s="10"/>
    </row>
    <row r="1001315" spans="14:14">
      <c r="N1001315" s="10"/>
    </row>
    <row r="1001316" spans="14:14">
      <c r="N1001316" s="10"/>
    </row>
    <row r="1001317" spans="14:14">
      <c r="N1001317" s="10"/>
    </row>
    <row r="1001318" spans="14:14">
      <c r="N1001318" s="10"/>
    </row>
    <row r="1001319" spans="14:14">
      <c r="N1001319" s="10"/>
    </row>
    <row r="1001320" spans="14:14">
      <c r="N1001320" s="10"/>
    </row>
    <row r="1001321" spans="14:14">
      <c r="N1001321" s="10"/>
    </row>
    <row r="1001322" spans="14:14">
      <c r="N1001322" s="10"/>
    </row>
    <row r="1001323" spans="14:14">
      <c r="N1001323" s="10"/>
    </row>
    <row r="1001324" spans="14:14">
      <c r="N1001324" s="10"/>
    </row>
    <row r="1001325" spans="14:14">
      <c r="N1001325" s="10"/>
    </row>
    <row r="1001326" spans="14:14">
      <c r="N1001326" s="10"/>
    </row>
    <row r="1001327" spans="14:14">
      <c r="N1001327" s="10"/>
    </row>
    <row r="1001328" spans="14:14">
      <c r="N1001328" s="10"/>
    </row>
    <row r="1001329" spans="14:14">
      <c r="N1001329" s="10"/>
    </row>
    <row r="1001330" spans="14:14">
      <c r="N1001330" s="10"/>
    </row>
    <row r="1001331" spans="14:14">
      <c r="N1001331" s="10"/>
    </row>
    <row r="1001332" spans="14:14">
      <c r="N1001332" s="10"/>
    </row>
    <row r="1001333" spans="14:14">
      <c r="N1001333" s="10"/>
    </row>
    <row r="1001334" spans="14:14">
      <c r="N1001334" s="10"/>
    </row>
    <row r="1001335" spans="14:14">
      <c r="N1001335" s="10"/>
    </row>
    <row r="1001336" spans="14:14">
      <c r="N1001336" s="10"/>
    </row>
    <row r="1001337" spans="14:14">
      <c r="N1001337" s="10"/>
    </row>
    <row r="1001338" spans="14:14">
      <c r="N1001338" s="10"/>
    </row>
    <row r="1001339" spans="14:14">
      <c r="N1001339" s="10"/>
    </row>
    <row r="1001340" spans="14:14">
      <c r="N1001340" s="10"/>
    </row>
    <row r="1001341" spans="14:14">
      <c r="N1001341" s="10"/>
    </row>
    <row r="1001342" spans="14:14">
      <c r="N1001342" s="10"/>
    </row>
    <row r="1001343" spans="14:14">
      <c r="N1001343" s="10"/>
    </row>
    <row r="1001344" spans="14:14">
      <c r="N1001344" s="10"/>
    </row>
    <row r="1001345" spans="14:14">
      <c r="N1001345" s="10"/>
    </row>
    <row r="1001346" spans="14:14">
      <c r="N1001346" s="10"/>
    </row>
    <row r="1001347" spans="14:14">
      <c r="N1001347" s="10"/>
    </row>
    <row r="1001348" spans="14:14">
      <c r="N1001348" s="10"/>
    </row>
    <row r="1001349" spans="14:14">
      <c r="N1001349" s="10"/>
    </row>
    <row r="1001350" spans="14:14">
      <c r="N1001350" s="10"/>
    </row>
    <row r="1001351" spans="14:14">
      <c r="N1001351" s="10"/>
    </row>
    <row r="1001352" spans="14:14">
      <c r="N1001352" s="10"/>
    </row>
    <row r="1001353" spans="14:14">
      <c r="N1001353" s="10"/>
    </row>
    <row r="1001354" spans="14:14">
      <c r="N1001354" s="10"/>
    </row>
    <row r="1001355" spans="14:14">
      <c r="N1001355" s="10"/>
    </row>
    <row r="1001356" spans="14:14">
      <c r="N1001356" s="10"/>
    </row>
    <row r="1001357" spans="14:14">
      <c r="N1001357" s="10"/>
    </row>
    <row r="1001358" spans="14:14">
      <c r="N1001358" s="10"/>
    </row>
    <row r="1001359" spans="14:14">
      <c r="N1001359" s="10"/>
    </row>
    <row r="1001360" spans="14:14">
      <c r="N1001360" s="10"/>
    </row>
    <row r="1001361" spans="14:14">
      <c r="N1001361" s="10"/>
    </row>
    <row r="1001362" spans="14:14">
      <c r="N1001362" s="10"/>
    </row>
    <row r="1001363" spans="14:14">
      <c r="N1001363" s="10"/>
    </row>
    <row r="1001364" spans="14:14">
      <c r="N1001364" s="10"/>
    </row>
    <row r="1001365" spans="14:14">
      <c r="N1001365" s="10"/>
    </row>
    <row r="1001366" spans="14:14">
      <c r="N1001366" s="10"/>
    </row>
    <row r="1001367" spans="14:14">
      <c r="N1001367" s="10"/>
    </row>
    <row r="1001368" spans="14:14">
      <c r="N1001368" s="10"/>
    </row>
    <row r="1001369" spans="14:14">
      <c r="N1001369" s="10"/>
    </row>
    <row r="1001370" spans="14:14">
      <c r="N1001370" s="10"/>
    </row>
    <row r="1001371" spans="14:14">
      <c r="N1001371" s="10"/>
    </row>
    <row r="1001372" spans="14:14">
      <c r="N1001372" s="10"/>
    </row>
    <row r="1001373" spans="14:14">
      <c r="N1001373" s="10"/>
    </row>
    <row r="1001374" spans="14:14">
      <c r="N1001374" s="10"/>
    </row>
    <row r="1001375" spans="14:14">
      <c r="N1001375" s="10"/>
    </row>
    <row r="1001376" spans="14:14">
      <c r="N1001376" s="10"/>
    </row>
    <row r="1001377" spans="14:14">
      <c r="N1001377" s="10"/>
    </row>
    <row r="1001378" spans="14:14">
      <c r="N1001378" s="10"/>
    </row>
    <row r="1001379" spans="14:14">
      <c r="N1001379" s="10"/>
    </row>
    <row r="1001380" spans="14:14">
      <c r="N1001380" s="10"/>
    </row>
    <row r="1001381" spans="14:14">
      <c r="N1001381" s="10"/>
    </row>
    <row r="1001382" spans="14:14">
      <c r="N1001382" s="10"/>
    </row>
    <row r="1001383" spans="14:14">
      <c r="N1001383" s="10"/>
    </row>
    <row r="1001384" spans="14:14">
      <c r="N1001384" s="10"/>
    </row>
    <row r="1001385" spans="14:14">
      <c r="N1001385" s="10"/>
    </row>
    <row r="1001386" spans="14:14">
      <c r="N1001386" s="10"/>
    </row>
    <row r="1001387" spans="14:14">
      <c r="N1001387" s="10"/>
    </row>
    <row r="1001388" spans="14:14">
      <c r="N1001388" s="10"/>
    </row>
    <row r="1001389" spans="14:14">
      <c r="N1001389" s="10"/>
    </row>
    <row r="1001390" spans="14:14">
      <c r="N1001390" s="10"/>
    </row>
    <row r="1001391" spans="14:14">
      <c r="N1001391" s="10"/>
    </row>
    <row r="1001392" spans="14:14">
      <c r="N1001392" s="10"/>
    </row>
    <row r="1001393" spans="14:14">
      <c r="N1001393" s="10"/>
    </row>
    <row r="1001394" spans="14:14">
      <c r="N1001394" s="10"/>
    </row>
    <row r="1001395" spans="14:14">
      <c r="N1001395" s="10"/>
    </row>
    <row r="1001396" spans="14:14">
      <c r="N1001396" s="10"/>
    </row>
    <row r="1001397" spans="14:14">
      <c r="N1001397" s="10"/>
    </row>
    <row r="1001398" spans="14:14">
      <c r="N1001398" s="10"/>
    </row>
    <row r="1001399" spans="14:14">
      <c r="N1001399" s="10"/>
    </row>
    <row r="1001400" spans="14:14">
      <c r="N1001400" s="10"/>
    </row>
    <row r="1001401" spans="14:14">
      <c r="N1001401" s="10"/>
    </row>
    <row r="1001402" spans="14:14">
      <c r="N1001402" s="10"/>
    </row>
    <row r="1001403" spans="14:14">
      <c r="N1001403" s="10"/>
    </row>
    <row r="1001404" spans="14:14">
      <c r="N1001404" s="10"/>
    </row>
    <row r="1001405" spans="14:14">
      <c r="N1001405" s="10"/>
    </row>
    <row r="1001406" spans="14:14">
      <c r="N1001406" s="10"/>
    </row>
    <row r="1001407" spans="14:14">
      <c r="N1001407" s="10"/>
    </row>
    <row r="1001408" spans="14:14">
      <c r="N1001408" s="10"/>
    </row>
    <row r="1001409" spans="14:14">
      <c r="N1001409" s="10"/>
    </row>
    <row r="1001410" spans="14:14">
      <c r="N1001410" s="10"/>
    </row>
    <row r="1001411" spans="14:14">
      <c r="N1001411" s="10"/>
    </row>
    <row r="1001412" spans="14:14">
      <c r="N1001412" s="10"/>
    </row>
    <row r="1001413" spans="14:14">
      <c r="N1001413" s="10"/>
    </row>
    <row r="1001414" spans="14:14">
      <c r="N1001414" s="10"/>
    </row>
    <row r="1001415" spans="14:14">
      <c r="N1001415" s="10"/>
    </row>
    <row r="1001416" spans="14:14">
      <c r="N1001416" s="10"/>
    </row>
    <row r="1001417" spans="14:14">
      <c r="N1001417" s="10"/>
    </row>
    <row r="1001418" spans="14:14">
      <c r="N1001418" s="10"/>
    </row>
    <row r="1001419" spans="14:14">
      <c r="N1001419" s="10"/>
    </row>
    <row r="1001420" spans="14:14">
      <c r="N1001420" s="10"/>
    </row>
    <row r="1001421" spans="14:14">
      <c r="N1001421" s="10"/>
    </row>
    <row r="1001422" spans="14:14">
      <c r="N1001422" s="10"/>
    </row>
    <row r="1001423" spans="14:14">
      <c r="N1001423" s="10"/>
    </row>
    <row r="1001424" spans="14:14">
      <c r="N1001424" s="10"/>
    </row>
    <row r="1001425" spans="14:14">
      <c r="N1001425" s="10"/>
    </row>
    <row r="1001426" spans="14:14">
      <c r="N1001426" s="10"/>
    </row>
    <row r="1001427" spans="14:14">
      <c r="N1001427" s="10"/>
    </row>
    <row r="1001428" spans="14:14">
      <c r="N1001428" s="10"/>
    </row>
    <row r="1001429" spans="14:14">
      <c r="N1001429" s="10"/>
    </row>
    <row r="1001430" spans="14:14">
      <c r="N1001430" s="10"/>
    </row>
    <row r="1001431" spans="14:14">
      <c r="N1001431" s="10"/>
    </row>
    <row r="1001432" spans="14:14">
      <c r="N1001432" s="10"/>
    </row>
    <row r="1001433" spans="14:14">
      <c r="N1001433" s="10"/>
    </row>
    <row r="1001434" spans="14:14">
      <c r="N1001434" s="10"/>
    </row>
    <row r="1001435" spans="14:14">
      <c r="N1001435" s="10"/>
    </row>
    <row r="1001436" spans="14:14">
      <c r="N1001436" s="10"/>
    </row>
    <row r="1001437" spans="14:14">
      <c r="N1001437" s="10"/>
    </row>
    <row r="1001438" spans="14:14">
      <c r="N1001438" s="10"/>
    </row>
    <row r="1001439" spans="14:14">
      <c r="N1001439" s="10"/>
    </row>
    <row r="1001440" spans="14:14">
      <c r="N1001440" s="10"/>
    </row>
    <row r="1001441" spans="14:14">
      <c r="N1001441" s="10"/>
    </row>
    <row r="1001442" spans="14:14">
      <c r="N1001442" s="10"/>
    </row>
    <row r="1001443" spans="14:14">
      <c r="N1001443" s="10"/>
    </row>
    <row r="1001444" spans="14:14">
      <c r="N1001444" s="10"/>
    </row>
    <row r="1001445" spans="14:14">
      <c r="N1001445" s="10"/>
    </row>
    <row r="1001446" spans="14:14">
      <c r="N1001446" s="10"/>
    </row>
    <row r="1001447" spans="14:14">
      <c r="N1001447" s="10"/>
    </row>
    <row r="1001448" spans="14:14">
      <c r="N1001448" s="10"/>
    </row>
    <row r="1001449" spans="14:14">
      <c r="N1001449" s="10"/>
    </row>
    <row r="1001450" spans="14:14">
      <c r="N1001450" s="10"/>
    </row>
    <row r="1001451" spans="14:14">
      <c r="N1001451" s="10"/>
    </row>
    <row r="1001452" spans="14:14">
      <c r="N1001452" s="10"/>
    </row>
    <row r="1001453" spans="14:14">
      <c r="N1001453" s="10"/>
    </row>
    <row r="1001454" spans="14:14">
      <c r="N1001454" s="10"/>
    </row>
    <row r="1001455" spans="14:14">
      <c r="N1001455" s="10"/>
    </row>
    <row r="1001456" spans="14:14">
      <c r="N1001456" s="10"/>
    </row>
    <row r="1001457" spans="14:14">
      <c r="N1001457" s="10"/>
    </row>
    <row r="1001458" spans="14:14">
      <c r="N1001458" s="10"/>
    </row>
    <row r="1001459" spans="14:14">
      <c r="N1001459" s="10"/>
    </row>
    <row r="1001460" spans="14:14">
      <c r="N1001460" s="10"/>
    </row>
    <row r="1001461" spans="14:14">
      <c r="N1001461" s="10"/>
    </row>
    <row r="1001462" spans="14:14">
      <c r="N1001462" s="10"/>
    </row>
    <row r="1001463" spans="14:14">
      <c r="N1001463" s="10"/>
    </row>
    <row r="1001464" spans="14:14">
      <c r="N1001464" s="10"/>
    </row>
    <row r="1001465" spans="14:14">
      <c r="N1001465" s="10"/>
    </row>
    <row r="1001466" spans="14:14">
      <c r="N1001466" s="10"/>
    </row>
    <row r="1001467" spans="14:14">
      <c r="N1001467" s="10"/>
    </row>
    <row r="1001468" spans="14:14">
      <c r="N1001468" s="10"/>
    </row>
    <row r="1001469" spans="14:14">
      <c r="N1001469" s="10"/>
    </row>
    <row r="1001470" spans="14:14">
      <c r="N1001470" s="10"/>
    </row>
    <row r="1001471" spans="14:14">
      <c r="N1001471" s="10"/>
    </row>
    <row r="1001472" spans="14:14">
      <c r="N1001472" s="10"/>
    </row>
    <row r="1001473" spans="14:14">
      <c r="N1001473" s="10"/>
    </row>
    <row r="1001474" spans="14:14">
      <c r="N1001474" s="10"/>
    </row>
    <row r="1001475" spans="14:14">
      <c r="N1001475" s="10"/>
    </row>
    <row r="1001476" spans="14:14">
      <c r="N1001476" s="10"/>
    </row>
    <row r="1001477" spans="14:14">
      <c r="N1001477" s="10"/>
    </row>
    <row r="1001478" spans="14:14">
      <c r="N1001478" s="10"/>
    </row>
    <row r="1001479" spans="14:14">
      <c r="N1001479" s="10"/>
    </row>
    <row r="1001480" spans="14:14">
      <c r="N1001480" s="10"/>
    </row>
    <row r="1001481" spans="14:14">
      <c r="N1001481" s="10"/>
    </row>
    <row r="1001482" spans="14:14">
      <c r="N1001482" s="10"/>
    </row>
    <row r="1001483" spans="14:14">
      <c r="N1001483" s="10"/>
    </row>
    <row r="1001484" spans="14:14">
      <c r="N1001484" s="10"/>
    </row>
    <row r="1001485" spans="14:14">
      <c r="N1001485" s="10"/>
    </row>
    <row r="1001486" spans="14:14">
      <c r="N1001486" s="10"/>
    </row>
    <row r="1001487" spans="14:14">
      <c r="N1001487" s="10"/>
    </row>
    <row r="1001488" spans="14:14">
      <c r="N1001488" s="10"/>
    </row>
    <row r="1001489" spans="14:14">
      <c r="N1001489" s="10"/>
    </row>
    <row r="1001490" spans="14:14">
      <c r="N1001490" s="10"/>
    </row>
    <row r="1001491" spans="14:14">
      <c r="N1001491" s="10"/>
    </row>
    <row r="1001492" spans="14:14">
      <c r="N1001492" s="10"/>
    </row>
    <row r="1001493" spans="14:14">
      <c r="N1001493" s="10"/>
    </row>
    <row r="1001494" spans="14:14">
      <c r="N1001494" s="10"/>
    </row>
    <row r="1001495" spans="14:14">
      <c r="N1001495" s="10"/>
    </row>
    <row r="1001496" spans="14:14">
      <c r="N1001496" s="10"/>
    </row>
    <row r="1001497" spans="14:14">
      <c r="N1001497" s="10"/>
    </row>
    <row r="1001498" spans="14:14">
      <c r="N1001498" s="10"/>
    </row>
    <row r="1001499" spans="14:14">
      <c r="N1001499" s="10"/>
    </row>
    <row r="1001500" spans="14:14">
      <c r="N1001500" s="10"/>
    </row>
    <row r="1001501" spans="14:14">
      <c r="N1001501" s="10"/>
    </row>
    <row r="1001502" spans="14:14">
      <c r="N1001502" s="10"/>
    </row>
    <row r="1001503" spans="14:14">
      <c r="N1001503" s="10"/>
    </row>
    <row r="1001504" spans="14:14">
      <c r="N1001504" s="10"/>
    </row>
    <row r="1001505" spans="14:14">
      <c r="N1001505" s="10"/>
    </row>
    <row r="1001506" spans="14:14">
      <c r="N1001506" s="10"/>
    </row>
    <row r="1001507" spans="14:14">
      <c r="N1001507" s="10"/>
    </row>
    <row r="1001508" spans="14:14">
      <c r="N1001508" s="10"/>
    </row>
    <row r="1001509" spans="14:14">
      <c r="N1001509" s="10"/>
    </row>
    <row r="1001510" spans="14:14">
      <c r="N1001510" s="10"/>
    </row>
    <row r="1001511" spans="14:14">
      <c r="N1001511" s="10"/>
    </row>
    <row r="1001512" spans="14:14">
      <c r="N1001512" s="10"/>
    </row>
    <row r="1001513" spans="14:14">
      <c r="N1001513" s="10"/>
    </row>
    <row r="1001514" spans="14:14">
      <c r="N1001514" s="10"/>
    </row>
    <row r="1001515" spans="14:14">
      <c r="N1001515" s="10"/>
    </row>
    <row r="1001516" spans="14:14">
      <c r="N1001516" s="10"/>
    </row>
    <row r="1001517" spans="14:14">
      <c r="N1001517" s="10"/>
    </row>
    <row r="1001518" spans="14:14">
      <c r="N1001518" s="10"/>
    </row>
    <row r="1001519" spans="14:14">
      <c r="N1001519" s="10"/>
    </row>
    <row r="1001520" spans="14:14">
      <c r="N1001520" s="10"/>
    </row>
    <row r="1001521" spans="14:14">
      <c r="N1001521" s="10"/>
    </row>
    <row r="1001522" spans="14:14">
      <c r="N1001522" s="10"/>
    </row>
    <row r="1001523" spans="14:14">
      <c r="N1001523" s="10"/>
    </row>
    <row r="1001524" spans="14:14">
      <c r="N1001524" s="10"/>
    </row>
    <row r="1001525" spans="14:14">
      <c r="N1001525" s="10"/>
    </row>
    <row r="1001526" spans="14:14">
      <c r="N1001526" s="10"/>
    </row>
    <row r="1001527" spans="14:14">
      <c r="N1001527" s="10"/>
    </row>
    <row r="1001528" spans="14:14">
      <c r="N1001528" s="10"/>
    </row>
    <row r="1001529" spans="14:14">
      <c r="N1001529" s="10"/>
    </row>
    <row r="1001530" spans="14:14">
      <c r="N1001530" s="10"/>
    </row>
    <row r="1001531" spans="14:14">
      <c r="N1001531" s="10"/>
    </row>
    <row r="1001532" spans="14:14">
      <c r="N1001532" s="10"/>
    </row>
    <row r="1001533" spans="14:14">
      <c r="N1001533" s="10"/>
    </row>
    <row r="1001534" spans="14:14">
      <c r="N1001534" s="10"/>
    </row>
    <row r="1001535" spans="14:14">
      <c r="N1001535" s="10"/>
    </row>
    <row r="1001536" spans="14:14">
      <c r="N1001536" s="10"/>
    </row>
    <row r="1001537" spans="14:14">
      <c r="N1001537" s="10"/>
    </row>
    <row r="1001538" spans="14:14">
      <c r="N1001538" s="10"/>
    </row>
    <row r="1001539" spans="14:14">
      <c r="N1001539" s="10"/>
    </row>
    <row r="1001540" spans="14:14">
      <c r="N1001540" s="10"/>
    </row>
    <row r="1001541" spans="14:14">
      <c r="N1001541" s="10"/>
    </row>
    <row r="1001542" spans="14:14">
      <c r="N1001542" s="10"/>
    </row>
    <row r="1001543" spans="14:14">
      <c r="N1001543" s="10"/>
    </row>
    <row r="1001544" spans="14:14">
      <c r="N1001544" s="10"/>
    </row>
    <row r="1001545" spans="14:14">
      <c r="N1001545" s="10"/>
    </row>
    <row r="1001546" spans="14:14">
      <c r="N1001546" s="10"/>
    </row>
    <row r="1001547" spans="14:14">
      <c r="N1001547" s="10"/>
    </row>
    <row r="1001548" spans="14:14">
      <c r="N1001548" s="10"/>
    </row>
    <row r="1001549" spans="14:14">
      <c r="N1001549" s="10"/>
    </row>
    <row r="1001550" spans="14:14">
      <c r="N1001550" s="10"/>
    </row>
    <row r="1001551" spans="14:14">
      <c r="N1001551" s="10"/>
    </row>
    <row r="1001552" spans="14:14">
      <c r="N1001552" s="10"/>
    </row>
    <row r="1001553" spans="14:14">
      <c r="N1001553" s="10"/>
    </row>
    <row r="1001554" spans="14:14">
      <c r="N1001554" s="10"/>
    </row>
    <row r="1001555" spans="14:14">
      <c r="N1001555" s="10"/>
    </row>
    <row r="1001556" spans="14:14">
      <c r="N1001556" s="10"/>
    </row>
    <row r="1001557" spans="14:14">
      <c r="N1001557" s="10"/>
    </row>
    <row r="1001558" spans="14:14">
      <c r="N1001558" s="10"/>
    </row>
    <row r="1001559" spans="14:14">
      <c r="N1001559" s="10"/>
    </row>
    <row r="1001560" spans="14:14">
      <c r="N1001560" s="10"/>
    </row>
    <row r="1001561" spans="14:14">
      <c r="N1001561" s="10"/>
    </row>
    <row r="1001562" spans="14:14">
      <c r="N1001562" s="10"/>
    </row>
    <row r="1001563" spans="14:14">
      <c r="N1001563" s="10"/>
    </row>
    <row r="1001564" spans="14:14">
      <c r="N1001564" s="10"/>
    </row>
    <row r="1001565" spans="14:14">
      <c r="N1001565" s="10"/>
    </row>
    <row r="1001566" spans="14:14">
      <c r="N1001566" s="10"/>
    </row>
    <row r="1001567" spans="14:14">
      <c r="N1001567" s="10"/>
    </row>
    <row r="1001568" spans="14:14">
      <c r="N1001568" s="10"/>
    </row>
    <row r="1001569" spans="14:14">
      <c r="N1001569" s="10"/>
    </row>
    <row r="1001570" spans="14:14">
      <c r="N1001570" s="10"/>
    </row>
    <row r="1001571" spans="14:14">
      <c r="N1001571" s="10"/>
    </row>
    <row r="1001572" spans="14:14">
      <c r="N1001572" s="10"/>
    </row>
    <row r="1001573" spans="14:14">
      <c r="N1001573" s="10"/>
    </row>
    <row r="1001574" spans="14:14">
      <c r="N1001574" s="10"/>
    </row>
    <row r="1001575" spans="14:14">
      <c r="N1001575" s="10"/>
    </row>
    <row r="1001576" spans="14:14">
      <c r="N1001576" s="10"/>
    </row>
    <row r="1001577" spans="14:14">
      <c r="N1001577" s="10"/>
    </row>
    <row r="1001578" spans="14:14">
      <c r="N1001578" s="10"/>
    </row>
    <row r="1001579" spans="14:14">
      <c r="N1001579" s="10"/>
    </row>
    <row r="1001580" spans="14:14">
      <c r="N1001580" s="10"/>
    </row>
    <row r="1001581" spans="14:14">
      <c r="N1001581" s="10"/>
    </row>
    <row r="1001582" spans="14:14">
      <c r="N1001582" s="10"/>
    </row>
    <row r="1001583" spans="14:14">
      <c r="N1001583" s="10"/>
    </row>
    <row r="1001584" spans="14:14">
      <c r="N1001584" s="10"/>
    </row>
    <row r="1001585" spans="14:14">
      <c r="N1001585" s="10"/>
    </row>
    <row r="1001586" spans="14:14">
      <c r="N1001586" s="10"/>
    </row>
    <row r="1001587" spans="14:14">
      <c r="N1001587" s="10"/>
    </row>
    <row r="1001588" spans="14:14">
      <c r="N1001588" s="10"/>
    </row>
    <row r="1001589" spans="14:14">
      <c r="N1001589" s="10"/>
    </row>
    <row r="1001590" spans="14:14">
      <c r="N1001590" s="10"/>
    </row>
    <row r="1001591" spans="14:14">
      <c r="N1001591" s="10"/>
    </row>
    <row r="1001592" spans="14:14">
      <c r="N1001592" s="10"/>
    </row>
    <row r="1001593" spans="14:14">
      <c r="N1001593" s="10"/>
    </row>
    <row r="1001594" spans="14:14">
      <c r="N1001594" s="10"/>
    </row>
    <row r="1001595" spans="14:14">
      <c r="N1001595" s="10"/>
    </row>
    <row r="1001596" spans="14:14">
      <c r="N1001596" s="10"/>
    </row>
    <row r="1001597" spans="14:14">
      <c r="N1001597" s="10"/>
    </row>
    <row r="1001598" spans="14:14">
      <c r="N1001598" s="10"/>
    </row>
    <row r="1001599" spans="14:14">
      <c r="N1001599" s="10"/>
    </row>
    <row r="1001600" spans="14:14">
      <c r="N1001600" s="10"/>
    </row>
    <row r="1001601" spans="14:14">
      <c r="N1001601" s="10"/>
    </row>
    <row r="1001602" spans="14:14">
      <c r="N1001602" s="10"/>
    </row>
    <row r="1001603" spans="14:14">
      <c r="N1001603" s="10"/>
    </row>
    <row r="1001604" spans="14:14">
      <c r="N1001604" s="10"/>
    </row>
    <row r="1001605" spans="14:14">
      <c r="N1001605" s="10"/>
    </row>
    <row r="1001606" spans="14:14">
      <c r="N1001606" s="10"/>
    </row>
    <row r="1001607" spans="14:14">
      <c r="N1001607" s="10"/>
    </row>
    <row r="1001608" spans="14:14">
      <c r="N1001608" s="10"/>
    </row>
    <row r="1001609" spans="14:14">
      <c r="N1001609" s="10"/>
    </row>
    <row r="1001610" spans="14:14">
      <c r="N1001610" s="10"/>
    </row>
    <row r="1001611" spans="14:14">
      <c r="N1001611" s="10"/>
    </row>
    <row r="1001612" spans="14:14">
      <c r="N1001612" s="10"/>
    </row>
    <row r="1001613" spans="14:14">
      <c r="N1001613" s="10"/>
    </row>
    <row r="1001614" spans="14:14">
      <c r="N1001614" s="10"/>
    </row>
    <row r="1001615" spans="14:14">
      <c r="N1001615" s="10"/>
    </row>
    <row r="1001616" spans="14:14">
      <c r="N1001616" s="10"/>
    </row>
    <row r="1001617" spans="14:14">
      <c r="N1001617" s="10"/>
    </row>
    <row r="1001618" spans="14:14">
      <c r="N1001618" s="10"/>
    </row>
    <row r="1001619" spans="14:14">
      <c r="N1001619" s="10"/>
    </row>
    <row r="1001620" spans="14:14">
      <c r="N1001620" s="10"/>
    </row>
    <row r="1001621" spans="14:14">
      <c r="N1001621" s="10"/>
    </row>
    <row r="1001622" spans="14:14">
      <c r="N1001622" s="10"/>
    </row>
    <row r="1001623" spans="14:14">
      <c r="N1001623" s="10"/>
    </row>
    <row r="1001624" spans="14:14">
      <c r="N1001624" s="10"/>
    </row>
    <row r="1001625" spans="14:14">
      <c r="N1001625" s="10"/>
    </row>
    <row r="1001626" spans="14:14">
      <c r="N1001626" s="10"/>
    </row>
    <row r="1001627" spans="14:14">
      <c r="N1001627" s="10"/>
    </row>
    <row r="1001628" spans="14:14">
      <c r="N1001628" s="10"/>
    </row>
    <row r="1001629" spans="14:14">
      <c r="N1001629" s="10"/>
    </row>
    <row r="1001630" spans="14:14">
      <c r="N1001630" s="10"/>
    </row>
    <row r="1001631" spans="14:14">
      <c r="N1001631" s="10"/>
    </row>
    <row r="1001632" spans="14:14">
      <c r="N1001632" s="10"/>
    </row>
    <row r="1001633" spans="14:14">
      <c r="N1001633" s="10"/>
    </row>
    <row r="1001634" spans="14:14">
      <c r="N1001634" s="10"/>
    </row>
    <row r="1001635" spans="14:14">
      <c r="N1001635" s="10"/>
    </row>
    <row r="1001636" spans="14:14">
      <c r="N1001636" s="10"/>
    </row>
    <row r="1001637" spans="14:14">
      <c r="N1001637" s="10"/>
    </row>
    <row r="1001638" spans="14:14">
      <c r="N1001638" s="10"/>
    </row>
    <row r="1001639" spans="14:14">
      <c r="N1001639" s="10"/>
    </row>
    <row r="1001640" spans="14:14">
      <c r="N1001640" s="10"/>
    </row>
    <row r="1001641" spans="14:14">
      <c r="N1001641" s="10"/>
    </row>
    <row r="1001642" spans="14:14">
      <c r="N1001642" s="10"/>
    </row>
    <row r="1001643" spans="14:14">
      <c r="N1001643" s="10"/>
    </row>
    <row r="1001644" spans="14:14">
      <c r="N1001644" s="10"/>
    </row>
    <row r="1001645" spans="14:14">
      <c r="N1001645" s="10"/>
    </row>
    <row r="1001646" spans="14:14">
      <c r="N1001646" s="10"/>
    </row>
    <row r="1001647" spans="14:14">
      <c r="N1001647" s="10"/>
    </row>
    <row r="1001648" spans="14:14">
      <c r="N1001648" s="10"/>
    </row>
    <row r="1001649" spans="14:14">
      <c r="N1001649" s="10"/>
    </row>
    <row r="1001650" spans="14:14">
      <c r="N1001650" s="10"/>
    </row>
    <row r="1001651" spans="14:14">
      <c r="N1001651" s="10"/>
    </row>
    <row r="1001652" spans="14:14">
      <c r="N1001652" s="10"/>
    </row>
    <row r="1001653" spans="14:14">
      <c r="N1001653" s="10"/>
    </row>
    <row r="1001654" spans="14:14">
      <c r="N1001654" s="10"/>
    </row>
    <row r="1001655" spans="14:14">
      <c r="N1001655" s="10"/>
    </row>
    <row r="1001656" spans="14:14">
      <c r="N1001656" s="10"/>
    </row>
    <row r="1001657" spans="14:14">
      <c r="N1001657" s="10"/>
    </row>
    <row r="1001658" spans="14:14">
      <c r="N1001658" s="10"/>
    </row>
    <row r="1001659" spans="14:14">
      <c r="N1001659" s="10"/>
    </row>
    <row r="1001660" spans="14:14">
      <c r="N1001660" s="10"/>
    </row>
    <row r="1001661" spans="14:14">
      <c r="N1001661" s="10"/>
    </row>
    <row r="1001662" spans="14:14">
      <c r="N1001662" s="10"/>
    </row>
    <row r="1001663" spans="14:14">
      <c r="N1001663" s="10"/>
    </row>
    <row r="1001664" spans="14:14">
      <c r="N1001664" s="10"/>
    </row>
    <row r="1001665" spans="14:14">
      <c r="N1001665" s="10"/>
    </row>
    <row r="1001666" spans="14:14">
      <c r="N1001666" s="10"/>
    </row>
    <row r="1001667" spans="14:14">
      <c r="N1001667" s="10"/>
    </row>
    <row r="1001668" spans="14:14">
      <c r="N1001668" s="10"/>
    </row>
    <row r="1001669" spans="14:14">
      <c r="N1001669" s="10"/>
    </row>
    <row r="1001670" spans="14:14">
      <c r="N1001670" s="10"/>
    </row>
    <row r="1001671" spans="14:14">
      <c r="N1001671" s="10"/>
    </row>
    <row r="1001672" spans="14:14">
      <c r="N1001672" s="10"/>
    </row>
    <row r="1001673" spans="14:14">
      <c r="N1001673" s="10"/>
    </row>
    <row r="1001674" spans="14:14">
      <c r="N1001674" s="10"/>
    </row>
    <row r="1001675" spans="14:14">
      <c r="N1001675" s="10"/>
    </row>
    <row r="1001676" spans="14:14">
      <c r="N1001676" s="10"/>
    </row>
    <row r="1001677" spans="14:14">
      <c r="N1001677" s="10"/>
    </row>
    <row r="1001678" spans="14:14">
      <c r="N1001678" s="10"/>
    </row>
    <row r="1001679" spans="14:14">
      <c r="N1001679" s="10"/>
    </row>
    <row r="1001680" spans="14:14">
      <c r="N1001680" s="10"/>
    </row>
    <row r="1001681" spans="14:14">
      <c r="N1001681" s="10"/>
    </row>
    <row r="1001682" spans="14:14">
      <c r="N1001682" s="10"/>
    </row>
    <row r="1001683" spans="14:14">
      <c r="N1001683" s="10"/>
    </row>
    <row r="1001684" spans="14:14">
      <c r="N1001684" s="10"/>
    </row>
    <row r="1001685" spans="14:14">
      <c r="N1001685" s="10"/>
    </row>
    <row r="1001686" spans="14:14">
      <c r="N1001686" s="10"/>
    </row>
    <row r="1001687" spans="14:14">
      <c r="N1001687" s="10"/>
    </row>
    <row r="1001688" spans="14:14">
      <c r="N1001688" s="10"/>
    </row>
    <row r="1001689" spans="14:14">
      <c r="N1001689" s="10"/>
    </row>
    <row r="1001690" spans="14:14">
      <c r="N1001690" s="10"/>
    </row>
    <row r="1001691" spans="14:14">
      <c r="N1001691" s="10"/>
    </row>
    <row r="1001692" spans="14:14">
      <c r="N1001692" s="10"/>
    </row>
    <row r="1001693" spans="14:14">
      <c r="N1001693" s="10"/>
    </row>
    <row r="1001694" spans="14:14">
      <c r="N1001694" s="10"/>
    </row>
    <row r="1001695" spans="14:14">
      <c r="N1001695" s="10"/>
    </row>
    <row r="1001696" spans="14:14">
      <c r="N1001696" s="10"/>
    </row>
    <row r="1001697" spans="14:14">
      <c r="N1001697" s="10"/>
    </row>
    <row r="1001698" spans="14:14">
      <c r="N1001698" s="10"/>
    </row>
    <row r="1001699" spans="14:14">
      <c r="N1001699" s="10"/>
    </row>
    <row r="1001700" spans="14:14">
      <c r="N1001700" s="10"/>
    </row>
    <row r="1001701" spans="14:14">
      <c r="N1001701" s="10"/>
    </row>
    <row r="1001702" spans="14:14">
      <c r="N1001702" s="10"/>
    </row>
    <row r="1001703" spans="14:14">
      <c r="N1001703" s="10"/>
    </row>
    <row r="1001704" spans="14:14">
      <c r="N1001704" s="10"/>
    </row>
    <row r="1001705" spans="14:14">
      <c r="N1001705" s="10"/>
    </row>
    <row r="1001706" spans="14:14">
      <c r="N1001706" s="10"/>
    </row>
    <row r="1001707" spans="14:14">
      <c r="N1001707" s="10"/>
    </row>
    <row r="1001708" spans="14:14">
      <c r="N1001708" s="10"/>
    </row>
    <row r="1001709" spans="14:14">
      <c r="N1001709" s="10"/>
    </row>
    <row r="1001710" spans="14:14">
      <c r="N1001710" s="10"/>
    </row>
    <row r="1001711" spans="14:14">
      <c r="N1001711" s="10"/>
    </row>
    <row r="1001712" spans="14:14">
      <c r="N1001712" s="10"/>
    </row>
    <row r="1001713" spans="14:14">
      <c r="N1001713" s="10"/>
    </row>
    <row r="1001714" spans="14:14">
      <c r="N1001714" s="10"/>
    </row>
    <row r="1001715" spans="14:14">
      <c r="N1001715" s="10"/>
    </row>
    <row r="1001716" spans="14:14">
      <c r="N1001716" s="10"/>
    </row>
    <row r="1001717" spans="14:14">
      <c r="N1001717" s="10"/>
    </row>
    <row r="1001718" spans="14:14">
      <c r="N1001718" s="10"/>
    </row>
    <row r="1001719" spans="14:14">
      <c r="N1001719" s="10"/>
    </row>
    <row r="1001720" spans="14:14">
      <c r="N1001720" s="10"/>
    </row>
    <row r="1001721" spans="14:14">
      <c r="N1001721" s="10"/>
    </row>
    <row r="1001722" spans="14:14">
      <c r="N1001722" s="10"/>
    </row>
    <row r="1001723" spans="14:14">
      <c r="N1001723" s="10"/>
    </row>
    <row r="1001724" spans="14:14">
      <c r="N1001724" s="10"/>
    </row>
    <row r="1001725" spans="14:14">
      <c r="N1001725" s="10"/>
    </row>
    <row r="1001726" spans="14:14">
      <c r="N1001726" s="10"/>
    </row>
    <row r="1001727" spans="14:14">
      <c r="N1001727" s="10"/>
    </row>
    <row r="1001728" spans="14:14">
      <c r="N1001728" s="10"/>
    </row>
    <row r="1001729" spans="14:14">
      <c r="N1001729" s="10"/>
    </row>
    <row r="1001730" spans="14:14">
      <c r="N1001730" s="10"/>
    </row>
    <row r="1001731" spans="14:14">
      <c r="N1001731" s="10"/>
    </row>
    <row r="1001732" spans="14:14">
      <c r="N1001732" s="10"/>
    </row>
    <row r="1001733" spans="14:14">
      <c r="N1001733" s="10"/>
    </row>
    <row r="1001734" spans="14:14">
      <c r="N1001734" s="10"/>
    </row>
    <row r="1001735" spans="14:14">
      <c r="N1001735" s="10"/>
    </row>
    <row r="1001736" spans="14:14">
      <c r="N1001736" s="10"/>
    </row>
    <row r="1001737" spans="14:14">
      <c r="N1001737" s="10"/>
    </row>
    <row r="1001738" spans="14:14">
      <c r="N1001738" s="10"/>
    </row>
    <row r="1001739" spans="14:14">
      <c r="N1001739" s="10"/>
    </row>
    <row r="1001740" spans="14:14">
      <c r="N1001740" s="10"/>
    </row>
    <row r="1001741" spans="14:14">
      <c r="N1001741" s="10"/>
    </row>
    <row r="1001742" spans="14:14">
      <c r="N1001742" s="10"/>
    </row>
    <row r="1001743" spans="14:14">
      <c r="N1001743" s="10"/>
    </row>
    <row r="1001744" spans="14:14">
      <c r="N1001744" s="10"/>
    </row>
    <row r="1001745" spans="14:14">
      <c r="N1001745" s="10"/>
    </row>
    <row r="1001746" spans="14:14">
      <c r="N1001746" s="10"/>
    </row>
    <row r="1001747" spans="14:14">
      <c r="N1001747" s="10"/>
    </row>
    <row r="1001748" spans="14:14">
      <c r="N1001748" s="10"/>
    </row>
    <row r="1001749" spans="14:14">
      <c r="N1001749" s="10"/>
    </row>
    <row r="1001750" spans="14:14">
      <c r="N1001750" s="10"/>
    </row>
    <row r="1001751" spans="14:14">
      <c r="N1001751" s="10"/>
    </row>
    <row r="1001752" spans="14:14">
      <c r="N1001752" s="10"/>
    </row>
    <row r="1001753" spans="14:14">
      <c r="N1001753" s="10"/>
    </row>
    <row r="1001754" spans="14:14">
      <c r="N1001754" s="10"/>
    </row>
    <row r="1001755" spans="14:14">
      <c r="N1001755" s="10"/>
    </row>
    <row r="1001756" spans="14:14">
      <c r="N1001756" s="10"/>
    </row>
    <row r="1001757" spans="14:14">
      <c r="N1001757" s="10"/>
    </row>
    <row r="1001758" spans="14:14">
      <c r="N1001758" s="10"/>
    </row>
    <row r="1001759" spans="14:14">
      <c r="N1001759" s="10"/>
    </row>
    <row r="1001760" spans="14:14">
      <c r="N1001760" s="10"/>
    </row>
    <row r="1001761" spans="14:14">
      <c r="N1001761" s="10"/>
    </row>
    <row r="1001762" spans="14:14">
      <c r="N1001762" s="10"/>
    </row>
    <row r="1001763" spans="14:14">
      <c r="N1001763" s="10"/>
    </row>
    <row r="1001764" spans="14:14">
      <c r="N1001764" s="10"/>
    </row>
    <row r="1001765" spans="14:14">
      <c r="N1001765" s="10"/>
    </row>
    <row r="1001766" spans="14:14">
      <c r="N1001766" s="10"/>
    </row>
    <row r="1001767" spans="14:14">
      <c r="N1001767" s="10"/>
    </row>
    <row r="1001768" spans="14:14">
      <c r="N1001768" s="10"/>
    </row>
    <row r="1001769" spans="14:14">
      <c r="N1001769" s="10"/>
    </row>
    <row r="1001770" spans="14:14">
      <c r="N1001770" s="10"/>
    </row>
    <row r="1001771" spans="14:14">
      <c r="N1001771" s="10"/>
    </row>
    <row r="1001772" spans="14:14">
      <c r="N1001772" s="10"/>
    </row>
    <row r="1001773" spans="14:14">
      <c r="N1001773" s="10"/>
    </row>
    <row r="1001774" spans="14:14">
      <c r="N1001774" s="10"/>
    </row>
    <row r="1001775" spans="14:14">
      <c r="N1001775" s="10"/>
    </row>
    <row r="1001776" spans="14:14">
      <c r="N1001776" s="10"/>
    </row>
    <row r="1001777" spans="14:14">
      <c r="N1001777" s="10"/>
    </row>
    <row r="1001778" spans="14:14">
      <c r="N1001778" s="10"/>
    </row>
    <row r="1001779" spans="14:14">
      <c r="N1001779" s="10"/>
    </row>
    <row r="1001780" spans="14:14">
      <c r="N1001780" s="10"/>
    </row>
    <row r="1001781" spans="14:14">
      <c r="N1001781" s="10"/>
    </row>
    <row r="1001782" spans="14:14">
      <c r="N1001782" s="10"/>
    </row>
    <row r="1001783" spans="14:14">
      <c r="N1001783" s="10"/>
    </row>
    <row r="1001784" spans="14:14">
      <c r="N1001784" s="10"/>
    </row>
    <row r="1001785" spans="14:14">
      <c r="N1001785" s="10"/>
    </row>
    <row r="1001786" spans="14:14">
      <c r="N1001786" s="10"/>
    </row>
    <row r="1001787" spans="14:14">
      <c r="N1001787" s="10"/>
    </row>
    <row r="1001788" spans="14:14">
      <c r="N1001788" s="10"/>
    </row>
    <row r="1001789" spans="14:14">
      <c r="N1001789" s="10"/>
    </row>
    <row r="1001790" spans="14:14">
      <c r="N1001790" s="10"/>
    </row>
    <row r="1001791" spans="14:14">
      <c r="N1001791" s="10"/>
    </row>
    <row r="1001792" spans="14:14">
      <c r="N1001792" s="10"/>
    </row>
    <row r="1001793" spans="14:14">
      <c r="N1001793" s="10"/>
    </row>
    <row r="1001794" spans="14:14">
      <c r="N1001794" s="10"/>
    </row>
    <row r="1001795" spans="14:14">
      <c r="N1001795" s="10"/>
    </row>
    <row r="1001796" spans="14:14">
      <c r="N1001796" s="10"/>
    </row>
    <row r="1001797" spans="14:14">
      <c r="N1001797" s="10"/>
    </row>
    <row r="1001798" spans="14:14">
      <c r="N1001798" s="10"/>
    </row>
    <row r="1001799" spans="14:14">
      <c r="N1001799" s="10"/>
    </row>
    <row r="1001800" spans="14:14">
      <c r="N1001800" s="10"/>
    </row>
    <row r="1001801" spans="14:14">
      <c r="N1001801" s="10"/>
    </row>
    <row r="1001802" spans="14:14">
      <c r="N1001802" s="10"/>
    </row>
    <row r="1001803" spans="14:14">
      <c r="N1001803" s="10"/>
    </row>
    <row r="1001804" spans="14:14">
      <c r="N1001804" s="10"/>
    </row>
    <row r="1001805" spans="14:14">
      <c r="N1001805" s="10"/>
    </row>
    <row r="1001806" spans="14:14">
      <c r="N1001806" s="10"/>
    </row>
    <row r="1001807" spans="14:14">
      <c r="N1001807" s="10"/>
    </row>
    <row r="1001808" spans="14:14">
      <c r="N1001808" s="10"/>
    </row>
    <row r="1001809" spans="14:14">
      <c r="N1001809" s="10"/>
    </row>
    <row r="1001810" spans="14:14">
      <c r="N1001810" s="10"/>
    </row>
    <row r="1001811" spans="14:14">
      <c r="N1001811" s="10"/>
    </row>
    <row r="1001812" spans="14:14">
      <c r="N1001812" s="10"/>
    </row>
    <row r="1001813" spans="14:14">
      <c r="N1001813" s="10"/>
    </row>
    <row r="1001814" spans="14:14">
      <c r="N1001814" s="10"/>
    </row>
    <row r="1001815" spans="14:14">
      <c r="N1001815" s="10"/>
    </row>
    <row r="1001816" spans="14:14">
      <c r="N1001816" s="10"/>
    </row>
    <row r="1001817" spans="14:14">
      <c r="N1001817" s="10"/>
    </row>
    <row r="1001818" spans="14:14">
      <c r="N1001818" s="10"/>
    </row>
    <row r="1001819" spans="14:14">
      <c r="N1001819" s="10"/>
    </row>
    <row r="1001820" spans="14:14">
      <c r="N1001820" s="10"/>
    </row>
    <row r="1001821" spans="14:14">
      <c r="N1001821" s="10"/>
    </row>
    <row r="1001822" spans="14:14">
      <c r="N1001822" s="10"/>
    </row>
    <row r="1001823" spans="14:14">
      <c r="N1001823" s="10"/>
    </row>
    <row r="1001824" spans="14:14">
      <c r="N1001824" s="10"/>
    </row>
    <row r="1001825" spans="14:14">
      <c r="N1001825" s="10"/>
    </row>
    <row r="1001826" spans="14:14">
      <c r="N1001826" s="10"/>
    </row>
    <row r="1001827" spans="14:14">
      <c r="N1001827" s="10"/>
    </row>
    <row r="1001828" spans="14:14">
      <c r="N1001828" s="10"/>
    </row>
    <row r="1001829" spans="14:14">
      <c r="N1001829" s="10"/>
    </row>
    <row r="1001830" spans="14:14">
      <c r="N1001830" s="10"/>
    </row>
    <row r="1001831" spans="14:14">
      <c r="N1001831" s="10"/>
    </row>
    <row r="1001832" spans="14:14">
      <c r="N1001832" s="10"/>
    </row>
    <row r="1001833" spans="14:14">
      <c r="N1001833" s="10"/>
    </row>
    <row r="1001834" spans="14:14">
      <c r="N1001834" s="10"/>
    </row>
    <row r="1001835" spans="14:14">
      <c r="N1001835" s="10"/>
    </row>
    <row r="1001836" spans="14:14">
      <c r="N1001836" s="10"/>
    </row>
    <row r="1001837" spans="14:14">
      <c r="N1001837" s="10"/>
    </row>
    <row r="1001838" spans="14:14">
      <c r="N1001838" s="10"/>
    </row>
    <row r="1001839" spans="14:14">
      <c r="N1001839" s="10"/>
    </row>
    <row r="1001840" spans="14:14">
      <c r="N1001840" s="10"/>
    </row>
    <row r="1001841" spans="14:14">
      <c r="N1001841" s="10"/>
    </row>
    <row r="1001842" spans="14:14">
      <c r="N1001842" s="10"/>
    </row>
    <row r="1001843" spans="14:14">
      <c r="N1001843" s="10"/>
    </row>
    <row r="1001844" spans="14:14">
      <c r="N1001844" s="10"/>
    </row>
    <row r="1001845" spans="14:14">
      <c r="N1001845" s="10"/>
    </row>
    <row r="1001846" spans="14:14">
      <c r="N1001846" s="10"/>
    </row>
    <row r="1001847" spans="14:14">
      <c r="N1001847" s="10"/>
    </row>
    <row r="1001848" spans="14:14">
      <c r="N1001848" s="10"/>
    </row>
    <row r="1001849" spans="14:14">
      <c r="N1001849" s="10"/>
    </row>
    <row r="1001850" spans="14:14">
      <c r="N1001850" s="10"/>
    </row>
    <row r="1001851" spans="14:14">
      <c r="N1001851" s="10"/>
    </row>
    <row r="1001852" spans="14:14">
      <c r="N1001852" s="10"/>
    </row>
    <row r="1001853" spans="14:14">
      <c r="N1001853" s="10"/>
    </row>
    <row r="1001854" spans="14:14">
      <c r="N1001854" s="10"/>
    </row>
    <row r="1001855" spans="14:14">
      <c r="N1001855" s="10"/>
    </row>
    <row r="1001856" spans="14:14">
      <c r="N1001856" s="10"/>
    </row>
    <row r="1001857" spans="14:14">
      <c r="N1001857" s="10"/>
    </row>
    <row r="1001858" spans="14:14">
      <c r="N1001858" s="10"/>
    </row>
    <row r="1001859" spans="14:14">
      <c r="N1001859" s="10"/>
    </row>
    <row r="1001860" spans="14:14">
      <c r="N1001860" s="10"/>
    </row>
    <row r="1001861" spans="14:14">
      <c r="N1001861" s="10"/>
    </row>
    <row r="1001862" spans="14:14">
      <c r="N1001862" s="10"/>
    </row>
    <row r="1001863" spans="14:14">
      <c r="N1001863" s="10"/>
    </row>
    <row r="1001864" spans="14:14">
      <c r="N1001864" s="10"/>
    </row>
    <row r="1001865" spans="14:14">
      <c r="N1001865" s="10"/>
    </row>
    <row r="1001866" spans="14:14">
      <c r="N1001866" s="10"/>
    </row>
    <row r="1001867" spans="14:14">
      <c r="N1001867" s="10"/>
    </row>
    <row r="1001868" spans="14:14">
      <c r="N1001868" s="10"/>
    </row>
    <row r="1001869" spans="14:14">
      <c r="N1001869" s="10"/>
    </row>
    <row r="1001870" spans="14:14">
      <c r="N1001870" s="10"/>
    </row>
    <row r="1001871" spans="14:14">
      <c r="N1001871" s="10"/>
    </row>
    <row r="1001872" spans="14:14">
      <c r="N1001872" s="10"/>
    </row>
    <row r="1001873" spans="14:14">
      <c r="N1001873" s="10"/>
    </row>
    <row r="1001874" spans="14:14">
      <c r="N1001874" s="10"/>
    </row>
    <row r="1001875" spans="14:14">
      <c r="N1001875" s="10"/>
    </row>
    <row r="1001876" spans="14:14">
      <c r="N1001876" s="10"/>
    </row>
    <row r="1001877" spans="14:14">
      <c r="N1001877" s="10"/>
    </row>
    <row r="1001878" spans="14:14">
      <c r="N1001878" s="10"/>
    </row>
    <row r="1001879" spans="14:14">
      <c r="N1001879" s="10"/>
    </row>
    <row r="1001880" spans="14:14">
      <c r="N1001880" s="10"/>
    </row>
    <row r="1001881" spans="14:14">
      <c r="N1001881" s="10"/>
    </row>
    <row r="1001882" spans="14:14">
      <c r="N1001882" s="10"/>
    </row>
    <row r="1001883" spans="14:14">
      <c r="N1001883" s="10"/>
    </row>
    <row r="1001884" spans="14:14">
      <c r="N1001884" s="10"/>
    </row>
    <row r="1001885" spans="14:14">
      <c r="N1001885" s="10"/>
    </row>
    <row r="1001886" spans="14:14">
      <c r="N1001886" s="10"/>
    </row>
    <row r="1001887" spans="14:14">
      <c r="N1001887" s="10"/>
    </row>
    <row r="1001888" spans="14:14">
      <c r="N1001888" s="10"/>
    </row>
    <row r="1001889" spans="14:14">
      <c r="N1001889" s="10"/>
    </row>
    <row r="1001890" spans="14:14">
      <c r="N1001890" s="10"/>
    </row>
    <row r="1001891" spans="14:14">
      <c r="N1001891" s="10"/>
    </row>
    <row r="1001892" spans="14:14">
      <c r="N1001892" s="10"/>
    </row>
    <row r="1001893" spans="14:14">
      <c r="N1001893" s="10"/>
    </row>
    <row r="1001894" spans="14:14">
      <c r="N1001894" s="10"/>
    </row>
    <row r="1001895" spans="14:14">
      <c r="N1001895" s="10"/>
    </row>
    <row r="1001896" spans="14:14">
      <c r="N1001896" s="10"/>
    </row>
    <row r="1001897" spans="14:14">
      <c r="N1001897" s="10"/>
    </row>
    <row r="1001898" spans="14:14">
      <c r="N1001898" s="10"/>
    </row>
    <row r="1001899" spans="14:14">
      <c r="N1001899" s="10"/>
    </row>
    <row r="1001900" spans="14:14">
      <c r="N1001900" s="10"/>
    </row>
    <row r="1001901" spans="14:14">
      <c r="N1001901" s="10"/>
    </row>
    <row r="1001902" spans="14:14">
      <c r="N1001902" s="10"/>
    </row>
    <row r="1001903" spans="14:14">
      <c r="N1001903" s="10"/>
    </row>
    <row r="1001904" spans="14:14">
      <c r="N1001904" s="10"/>
    </row>
    <row r="1001905" spans="14:14">
      <c r="N1001905" s="10"/>
    </row>
    <row r="1001906" spans="14:14">
      <c r="N1001906" s="10"/>
    </row>
    <row r="1001907" spans="14:14">
      <c r="N1001907" s="10"/>
    </row>
    <row r="1001908" spans="14:14">
      <c r="N1001908" s="10"/>
    </row>
    <row r="1001909" spans="14:14">
      <c r="N1001909" s="10"/>
    </row>
    <row r="1001910" spans="14:14">
      <c r="N1001910" s="10"/>
    </row>
    <row r="1001911" spans="14:14">
      <c r="N1001911" s="10"/>
    </row>
    <row r="1001912" spans="14:14">
      <c r="N1001912" s="10"/>
    </row>
    <row r="1001913" spans="14:14">
      <c r="N1001913" s="10"/>
    </row>
    <row r="1001914" spans="14:14">
      <c r="N1001914" s="10"/>
    </row>
    <row r="1001915" spans="14:14">
      <c r="N1001915" s="10"/>
    </row>
    <row r="1001916" spans="14:14">
      <c r="N1001916" s="10"/>
    </row>
    <row r="1001917" spans="14:14">
      <c r="N1001917" s="10"/>
    </row>
    <row r="1001918" spans="14:14">
      <c r="N1001918" s="10"/>
    </row>
    <row r="1001919" spans="14:14">
      <c r="N1001919" s="10"/>
    </row>
    <row r="1001920" spans="14:14">
      <c r="N1001920" s="10"/>
    </row>
    <row r="1001921" spans="14:14">
      <c r="N1001921" s="10"/>
    </row>
    <row r="1001922" spans="14:14">
      <c r="N1001922" s="10"/>
    </row>
    <row r="1001923" spans="14:14">
      <c r="N1001923" s="10"/>
    </row>
    <row r="1001924" spans="14:14">
      <c r="N1001924" s="10"/>
    </row>
    <row r="1001925" spans="14:14">
      <c r="N1001925" s="10"/>
    </row>
    <row r="1001926" spans="14:14">
      <c r="N1001926" s="10"/>
    </row>
    <row r="1001927" spans="14:14">
      <c r="N1001927" s="10"/>
    </row>
    <row r="1001928" spans="14:14">
      <c r="N1001928" s="10"/>
    </row>
    <row r="1001929" spans="14:14">
      <c r="N1001929" s="10"/>
    </row>
    <row r="1001930" spans="14:14">
      <c r="N1001930" s="10"/>
    </row>
    <row r="1001931" spans="14:14">
      <c r="N1001931" s="10"/>
    </row>
    <row r="1001932" spans="14:14">
      <c r="N1001932" s="10"/>
    </row>
    <row r="1001933" spans="14:14">
      <c r="N1001933" s="10"/>
    </row>
    <row r="1001934" spans="14:14">
      <c r="N1001934" s="10"/>
    </row>
    <row r="1001935" spans="14:14">
      <c r="N1001935" s="10"/>
    </row>
    <row r="1001936" spans="14:14">
      <c r="N1001936" s="10"/>
    </row>
    <row r="1001937" spans="14:14">
      <c r="N1001937" s="10"/>
    </row>
    <row r="1001938" spans="14:14">
      <c r="N1001938" s="10"/>
    </row>
    <row r="1001939" spans="14:14">
      <c r="N1001939" s="10"/>
    </row>
    <row r="1001940" spans="14:14">
      <c r="N1001940" s="10"/>
    </row>
    <row r="1001941" spans="14:14">
      <c r="N1001941" s="10"/>
    </row>
    <row r="1001942" spans="14:14">
      <c r="N1001942" s="10"/>
    </row>
    <row r="1001943" spans="14:14">
      <c r="N1001943" s="10"/>
    </row>
    <row r="1001944" spans="14:14">
      <c r="N1001944" s="10"/>
    </row>
    <row r="1001945" spans="14:14">
      <c r="N1001945" s="10"/>
    </row>
    <row r="1001946" spans="14:14">
      <c r="N1001946" s="10"/>
    </row>
    <row r="1001947" spans="14:14">
      <c r="N1001947" s="10"/>
    </row>
    <row r="1001948" spans="14:14">
      <c r="N1001948" s="10"/>
    </row>
    <row r="1001949" spans="14:14">
      <c r="N1001949" s="10"/>
    </row>
    <row r="1001950" spans="14:14">
      <c r="N1001950" s="10"/>
    </row>
    <row r="1001951" spans="14:14">
      <c r="N1001951" s="10"/>
    </row>
    <row r="1001952" spans="14:14">
      <c r="N1001952" s="10"/>
    </row>
    <row r="1001953" spans="14:14">
      <c r="N1001953" s="10"/>
    </row>
    <row r="1001954" spans="14:14">
      <c r="N1001954" s="10"/>
    </row>
    <row r="1001955" spans="14:14">
      <c r="N1001955" s="10"/>
    </row>
    <row r="1001956" spans="14:14">
      <c r="N1001956" s="10"/>
    </row>
    <row r="1001957" spans="14:14">
      <c r="N1001957" s="10"/>
    </row>
    <row r="1001958" spans="14:14">
      <c r="N1001958" s="10"/>
    </row>
    <row r="1001959" spans="14:14">
      <c r="N1001959" s="10"/>
    </row>
    <row r="1001960" spans="14:14">
      <c r="N1001960" s="10"/>
    </row>
    <row r="1001961" spans="14:14">
      <c r="N1001961" s="10"/>
    </row>
    <row r="1001962" spans="14:14">
      <c r="N1001962" s="10"/>
    </row>
    <row r="1001963" spans="14:14">
      <c r="N1001963" s="10"/>
    </row>
    <row r="1001964" spans="14:14">
      <c r="N1001964" s="10"/>
    </row>
    <row r="1001965" spans="14:14">
      <c r="N1001965" s="10"/>
    </row>
    <row r="1001966" spans="14:14">
      <c r="N1001966" s="10"/>
    </row>
    <row r="1001967" spans="14:14">
      <c r="N1001967" s="10"/>
    </row>
    <row r="1001968" spans="14:14">
      <c r="N1001968" s="10"/>
    </row>
    <row r="1001969" spans="14:14">
      <c r="N1001969" s="10"/>
    </row>
    <row r="1001970" spans="14:14">
      <c r="N1001970" s="10"/>
    </row>
    <row r="1001971" spans="14:14">
      <c r="N1001971" s="10"/>
    </row>
    <row r="1001972" spans="14:14">
      <c r="N1001972" s="10"/>
    </row>
    <row r="1001973" spans="14:14">
      <c r="N1001973" s="10"/>
    </row>
    <row r="1001974" spans="14:14">
      <c r="N1001974" s="10"/>
    </row>
    <row r="1001975" spans="14:14">
      <c r="N1001975" s="10"/>
    </row>
    <row r="1001976" spans="14:14">
      <c r="N1001976" s="10"/>
    </row>
    <row r="1001977" spans="14:14">
      <c r="N1001977" s="10"/>
    </row>
    <row r="1001978" spans="14:14">
      <c r="N1001978" s="10"/>
    </row>
    <row r="1001979" spans="14:14">
      <c r="N1001979" s="10"/>
    </row>
    <row r="1001980" spans="14:14">
      <c r="N1001980" s="10"/>
    </row>
    <row r="1001981" spans="14:14">
      <c r="N1001981" s="10"/>
    </row>
    <row r="1001982" spans="14:14">
      <c r="N1001982" s="10"/>
    </row>
    <row r="1001983" spans="14:14">
      <c r="N1001983" s="10"/>
    </row>
    <row r="1001984" spans="14:14">
      <c r="N1001984" s="10"/>
    </row>
    <row r="1001985" spans="14:14">
      <c r="N1001985" s="10"/>
    </row>
    <row r="1001986" spans="14:14">
      <c r="N1001986" s="10"/>
    </row>
    <row r="1001987" spans="14:14">
      <c r="N1001987" s="10"/>
    </row>
    <row r="1001988" spans="14:14">
      <c r="N1001988" s="10"/>
    </row>
    <row r="1001989" spans="14:14">
      <c r="N1001989" s="10"/>
    </row>
    <row r="1001990" spans="14:14">
      <c r="N1001990" s="10"/>
    </row>
    <row r="1001991" spans="14:14">
      <c r="N1001991" s="10"/>
    </row>
    <row r="1001992" spans="14:14">
      <c r="N1001992" s="10"/>
    </row>
    <row r="1001993" spans="14:14">
      <c r="N1001993" s="10"/>
    </row>
    <row r="1001994" spans="14:14">
      <c r="N1001994" s="10"/>
    </row>
    <row r="1001995" spans="14:14">
      <c r="N1001995" s="10"/>
    </row>
    <row r="1001996" spans="14:14">
      <c r="N1001996" s="10"/>
    </row>
    <row r="1001997" spans="14:14">
      <c r="N1001997" s="10"/>
    </row>
    <row r="1001998" spans="14:14">
      <c r="N1001998" s="10"/>
    </row>
    <row r="1001999" spans="14:14">
      <c r="N1001999" s="10"/>
    </row>
    <row r="1002000" spans="14:14">
      <c r="N1002000" s="10"/>
    </row>
    <row r="1002001" spans="14:14">
      <c r="N1002001" s="10"/>
    </row>
    <row r="1002002" spans="14:14">
      <c r="N1002002" s="10"/>
    </row>
    <row r="1002003" spans="14:14">
      <c r="N1002003" s="10"/>
    </row>
    <row r="1002004" spans="14:14">
      <c r="N1002004" s="10"/>
    </row>
    <row r="1002005" spans="14:14">
      <c r="N1002005" s="10"/>
    </row>
    <row r="1002006" spans="14:14">
      <c r="N1002006" s="10"/>
    </row>
    <row r="1002007" spans="14:14">
      <c r="N1002007" s="10"/>
    </row>
    <row r="1002008" spans="14:14">
      <c r="N1002008" s="10"/>
    </row>
    <row r="1002009" spans="14:14">
      <c r="N1002009" s="10"/>
    </row>
    <row r="1002010" spans="14:14">
      <c r="N1002010" s="10"/>
    </row>
    <row r="1002011" spans="14:14">
      <c r="N1002011" s="10"/>
    </row>
    <row r="1002012" spans="14:14">
      <c r="N1002012" s="10"/>
    </row>
    <row r="1002013" spans="14:14">
      <c r="N1002013" s="10"/>
    </row>
    <row r="1002014" spans="14:14">
      <c r="N1002014" s="10"/>
    </row>
    <row r="1002015" spans="14:14">
      <c r="N1002015" s="10"/>
    </row>
    <row r="1002016" spans="14:14">
      <c r="N1002016" s="10"/>
    </row>
    <row r="1002017" spans="14:14">
      <c r="N1002017" s="10"/>
    </row>
    <row r="1002018" spans="14:14">
      <c r="N1002018" s="10"/>
    </row>
    <row r="1002019" spans="14:14">
      <c r="N1002019" s="10"/>
    </row>
    <row r="1002020" spans="14:14">
      <c r="N1002020" s="10"/>
    </row>
    <row r="1002021" spans="14:14">
      <c r="N1002021" s="10"/>
    </row>
    <row r="1002022" spans="14:14">
      <c r="N1002022" s="10"/>
    </row>
    <row r="1002023" spans="14:14">
      <c r="N1002023" s="10"/>
    </row>
    <row r="1002024" spans="14:14">
      <c r="N1002024" s="10"/>
    </row>
    <row r="1002025" spans="14:14">
      <c r="N1002025" s="10"/>
    </row>
    <row r="1002026" spans="14:14">
      <c r="N1002026" s="10"/>
    </row>
    <row r="1002027" spans="14:14">
      <c r="N1002027" s="10"/>
    </row>
    <row r="1002028" spans="14:14">
      <c r="N1002028" s="10"/>
    </row>
    <row r="1002029" spans="14:14">
      <c r="N1002029" s="10"/>
    </row>
    <row r="1002030" spans="14:14">
      <c r="N1002030" s="10"/>
    </row>
    <row r="1002031" spans="14:14">
      <c r="N1002031" s="10"/>
    </row>
    <row r="1002032" spans="14:14">
      <c r="N1002032" s="10"/>
    </row>
    <row r="1002033" spans="14:14">
      <c r="N1002033" s="10"/>
    </row>
    <row r="1002034" spans="14:14">
      <c r="N1002034" s="10"/>
    </row>
    <row r="1002035" spans="14:14">
      <c r="N1002035" s="10"/>
    </row>
    <row r="1002036" spans="14:14">
      <c r="N1002036" s="10"/>
    </row>
    <row r="1002037" spans="14:14">
      <c r="N1002037" s="10"/>
    </row>
    <row r="1002038" spans="14:14">
      <c r="N1002038" s="10"/>
    </row>
    <row r="1002039" spans="14:14">
      <c r="N1002039" s="10"/>
    </row>
    <row r="1002040" spans="14:14">
      <c r="N1002040" s="10"/>
    </row>
    <row r="1002041" spans="14:14">
      <c r="N1002041" s="10"/>
    </row>
    <row r="1002042" spans="14:14">
      <c r="N1002042" s="10"/>
    </row>
    <row r="1002043" spans="14:14">
      <c r="N1002043" s="10"/>
    </row>
    <row r="1002044" spans="14:14">
      <c r="N1002044" s="10"/>
    </row>
    <row r="1002045" spans="14:14">
      <c r="N1002045" s="10"/>
    </row>
    <row r="1002046" spans="14:14">
      <c r="N1002046" s="10"/>
    </row>
    <row r="1002047" spans="14:14">
      <c r="N1002047" s="10"/>
    </row>
    <row r="1002048" spans="14:14">
      <c r="N1002048" s="10"/>
    </row>
    <row r="1002049" spans="14:14">
      <c r="N1002049" s="10"/>
    </row>
    <row r="1002050" spans="14:14">
      <c r="N1002050" s="10"/>
    </row>
    <row r="1002051" spans="14:14">
      <c r="N1002051" s="10"/>
    </row>
    <row r="1002052" spans="14:14">
      <c r="N1002052" s="10"/>
    </row>
    <row r="1002053" spans="14:14">
      <c r="N1002053" s="10"/>
    </row>
    <row r="1002054" spans="14:14">
      <c r="N1002054" s="10"/>
    </row>
    <row r="1002055" spans="14:14">
      <c r="N1002055" s="10"/>
    </row>
    <row r="1002056" spans="14:14">
      <c r="N1002056" s="10"/>
    </row>
    <row r="1002057" spans="14:14">
      <c r="N1002057" s="10"/>
    </row>
    <row r="1002058" spans="14:14">
      <c r="N1002058" s="10"/>
    </row>
    <row r="1002059" spans="14:14">
      <c r="N1002059" s="10"/>
    </row>
    <row r="1002060" spans="14:14">
      <c r="N1002060" s="10"/>
    </row>
    <row r="1002061" spans="14:14">
      <c r="N1002061" s="10"/>
    </row>
    <row r="1002062" spans="14:14">
      <c r="N1002062" s="10"/>
    </row>
    <row r="1002063" spans="14:14">
      <c r="N1002063" s="10"/>
    </row>
    <row r="1002064" spans="14:14">
      <c r="N1002064" s="10"/>
    </row>
    <row r="1002065" spans="14:14">
      <c r="N1002065" s="10"/>
    </row>
    <row r="1002066" spans="14:14">
      <c r="N1002066" s="10"/>
    </row>
    <row r="1002067" spans="14:14">
      <c r="N1002067" s="10"/>
    </row>
    <row r="1002068" spans="14:14">
      <c r="N1002068" s="10"/>
    </row>
    <row r="1002069" spans="14:14">
      <c r="N1002069" s="10"/>
    </row>
    <row r="1002070" spans="14:14">
      <c r="N1002070" s="10"/>
    </row>
    <row r="1002071" spans="14:14">
      <c r="N1002071" s="10"/>
    </row>
    <row r="1002072" spans="14:14">
      <c r="N1002072" s="10"/>
    </row>
    <row r="1002073" spans="14:14">
      <c r="N1002073" s="10"/>
    </row>
    <row r="1002074" spans="14:14">
      <c r="N1002074" s="10"/>
    </row>
    <row r="1002075" spans="14:14">
      <c r="N1002075" s="10"/>
    </row>
    <row r="1002076" spans="14:14">
      <c r="N1002076" s="10"/>
    </row>
    <row r="1002077" spans="14:14">
      <c r="N1002077" s="10"/>
    </row>
    <row r="1002078" spans="14:14">
      <c r="N1002078" s="10"/>
    </row>
    <row r="1002079" spans="14:14">
      <c r="N1002079" s="10"/>
    </row>
    <row r="1002080" spans="14:14">
      <c r="N1002080" s="10"/>
    </row>
    <row r="1002081" spans="14:14">
      <c r="N1002081" s="10"/>
    </row>
    <row r="1002082" spans="14:14">
      <c r="N1002082" s="10"/>
    </row>
    <row r="1002083" spans="14:14">
      <c r="N1002083" s="10"/>
    </row>
    <row r="1002084" spans="14:14">
      <c r="N1002084" s="10"/>
    </row>
    <row r="1002085" spans="14:14">
      <c r="N1002085" s="10"/>
    </row>
    <row r="1002086" spans="14:14">
      <c r="N1002086" s="10"/>
    </row>
    <row r="1002087" spans="14:14">
      <c r="N1002087" s="10"/>
    </row>
    <row r="1002088" spans="14:14">
      <c r="N1002088" s="10"/>
    </row>
    <row r="1002089" spans="14:14">
      <c r="N1002089" s="10"/>
    </row>
    <row r="1002090" spans="14:14">
      <c r="N1002090" s="10"/>
    </row>
    <row r="1002091" spans="14:14">
      <c r="N1002091" s="10"/>
    </row>
    <row r="1002092" spans="14:14">
      <c r="N1002092" s="10"/>
    </row>
    <row r="1002093" spans="14:14">
      <c r="N1002093" s="10"/>
    </row>
    <row r="1002094" spans="14:14">
      <c r="N1002094" s="10"/>
    </row>
    <row r="1002095" spans="14:14">
      <c r="N1002095" s="10"/>
    </row>
    <row r="1002096" spans="14:14">
      <c r="N1002096" s="10"/>
    </row>
    <row r="1002097" spans="14:14">
      <c r="N1002097" s="10"/>
    </row>
    <row r="1002098" spans="14:14">
      <c r="N1002098" s="10"/>
    </row>
    <row r="1002099" spans="14:14">
      <c r="N1002099" s="10"/>
    </row>
    <row r="1002100" spans="14:14">
      <c r="N1002100" s="10"/>
    </row>
    <row r="1002101" spans="14:14">
      <c r="N1002101" s="10"/>
    </row>
    <row r="1002102" spans="14:14">
      <c r="N1002102" s="10"/>
    </row>
    <row r="1002103" spans="14:14">
      <c r="N1002103" s="10"/>
    </row>
    <row r="1002104" spans="14:14">
      <c r="N1002104" s="10"/>
    </row>
    <row r="1002105" spans="14:14">
      <c r="N1002105" s="10"/>
    </row>
    <row r="1002106" spans="14:14">
      <c r="N1002106" s="10"/>
    </row>
    <row r="1002107" spans="14:14">
      <c r="N1002107" s="10"/>
    </row>
    <row r="1002108" spans="14:14">
      <c r="N1002108" s="10"/>
    </row>
    <row r="1002109" spans="14:14">
      <c r="N1002109" s="10"/>
    </row>
    <row r="1002110" spans="14:14">
      <c r="N1002110" s="10"/>
    </row>
    <row r="1002111" spans="14:14">
      <c r="N1002111" s="10"/>
    </row>
    <row r="1002112" spans="14:14">
      <c r="N1002112" s="10"/>
    </row>
    <row r="1002113" spans="14:14">
      <c r="N1002113" s="10"/>
    </row>
    <row r="1002114" spans="14:14">
      <c r="N1002114" s="10"/>
    </row>
    <row r="1002115" spans="14:14">
      <c r="N1002115" s="10"/>
    </row>
    <row r="1002116" spans="14:14">
      <c r="N1002116" s="10"/>
    </row>
    <row r="1002117" spans="14:14">
      <c r="N1002117" s="10"/>
    </row>
    <row r="1002118" spans="14:14">
      <c r="N1002118" s="10"/>
    </row>
    <row r="1002119" spans="14:14">
      <c r="N1002119" s="10"/>
    </row>
    <row r="1002120" spans="14:14">
      <c r="N1002120" s="10"/>
    </row>
    <row r="1002121" spans="14:14">
      <c r="N1002121" s="10"/>
    </row>
    <row r="1002122" spans="14:14">
      <c r="N1002122" s="10"/>
    </row>
    <row r="1002123" spans="14:14">
      <c r="N1002123" s="10"/>
    </row>
    <row r="1002124" spans="14:14">
      <c r="N1002124" s="10"/>
    </row>
    <row r="1002125" spans="14:14">
      <c r="N1002125" s="10"/>
    </row>
    <row r="1002126" spans="14:14">
      <c r="N1002126" s="10"/>
    </row>
    <row r="1002127" spans="14:14">
      <c r="N1002127" s="10"/>
    </row>
    <row r="1002128" spans="14:14">
      <c r="N1002128" s="10"/>
    </row>
    <row r="1002129" spans="14:14">
      <c r="N1002129" s="10"/>
    </row>
    <row r="1002130" spans="14:14">
      <c r="N1002130" s="10"/>
    </row>
    <row r="1002131" spans="14:14">
      <c r="N1002131" s="10"/>
    </row>
    <row r="1002132" spans="14:14">
      <c r="N1002132" s="10"/>
    </row>
    <row r="1002133" spans="14:14">
      <c r="N1002133" s="10"/>
    </row>
    <row r="1002134" spans="14:14">
      <c r="N1002134" s="10"/>
    </row>
    <row r="1002135" spans="14:14">
      <c r="N1002135" s="10"/>
    </row>
    <row r="1002136" spans="14:14">
      <c r="N1002136" s="10"/>
    </row>
    <row r="1002137" spans="14:14">
      <c r="N1002137" s="10"/>
    </row>
    <row r="1002138" spans="14:14">
      <c r="N1002138" s="10"/>
    </row>
    <row r="1002139" spans="14:14">
      <c r="N1002139" s="10"/>
    </row>
    <row r="1002140" spans="14:14">
      <c r="N1002140" s="10"/>
    </row>
    <row r="1002141" spans="14:14">
      <c r="N1002141" s="10"/>
    </row>
    <row r="1002142" spans="14:14">
      <c r="N1002142" s="10"/>
    </row>
    <row r="1002143" spans="14:14">
      <c r="N1002143" s="10"/>
    </row>
    <row r="1002144" spans="14:14">
      <c r="N1002144" s="10"/>
    </row>
    <row r="1002145" spans="14:14">
      <c r="N1002145" s="10"/>
    </row>
    <row r="1002146" spans="14:14">
      <c r="N1002146" s="10"/>
    </row>
    <row r="1002147" spans="14:14">
      <c r="N1002147" s="10"/>
    </row>
    <row r="1002148" spans="14:14">
      <c r="N1002148" s="10"/>
    </row>
    <row r="1002149" spans="14:14">
      <c r="N1002149" s="10"/>
    </row>
    <row r="1002150" spans="14:14">
      <c r="N1002150" s="10"/>
    </row>
    <row r="1002151" spans="14:14">
      <c r="N1002151" s="10"/>
    </row>
    <row r="1002152" spans="14:14">
      <c r="N1002152" s="10"/>
    </row>
    <row r="1002153" spans="14:14">
      <c r="N1002153" s="10"/>
    </row>
    <row r="1002154" spans="14:14">
      <c r="N1002154" s="10"/>
    </row>
    <row r="1002155" spans="14:14">
      <c r="N1002155" s="10"/>
    </row>
    <row r="1002156" spans="14:14">
      <c r="N1002156" s="10"/>
    </row>
    <row r="1002157" spans="14:14">
      <c r="N1002157" s="10"/>
    </row>
    <row r="1002158" spans="14:14">
      <c r="N1002158" s="10"/>
    </row>
    <row r="1002159" spans="14:14">
      <c r="N1002159" s="10"/>
    </row>
    <row r="1002160" spans="14:14">
      <c r="N1002160" s="10"/>
    </row>
    <row r="1002161" spans="14:14">
      <c r="N1002161" s="10"/>
    </row>
    <row r="1002162" spans="14:14">
      <c r="N1002162" s="10"/>
    </row>
    <row r="1002163" spans="14:14">
      <c r="N1002163" s="10"/>
    </row>
    <row r="1002164" spans="14:14">
      <c r="N1002164" s="10"/>
    </row>
    <row r="1002165" spans="14:14">
      <c r="N1002165" s="10"/>
    </row>
    <row r="1002166" spans="14:14">
      <c r="N1002166" s="10"/>
    </row>
    <row r="1002167" spans="14:14">
      <c r="N1002167" s="10"/>
    </row>
    <row r="1002168" spans="14:14">
      <c r="N1002168" s="10"/>
    </row>
    <row r="1002169" spans="14:14">
      <c r="N1002169" s="10"/>
    </row>
    <row r="1002170" spans="14:14">
      <c r="N1002170" s="10"/>
    </row>
    <row r="1002171" spans="14:14">
      <c r="N1002171" s="10"/>
    </row>
    <row r="1002172" spans="14:14">
      <c r="N1002172" s="10"/>
    </row>
    <row r="1002173" spans="14:14">
      <c r="N1002173" s="10"/>
    </row>
    <row r="1002174" spans="14:14">
      <c r="N1002174" s="10"/>
    </row>
    <row r="1002175" spans="14:14">
      <c r="N1002175" s="10"/>
    </row>
    <row r="1002176" spans="14:14">
      <c r="N1002176" s="10"/>
    </row>
    <row r="1002177" spans="14:14">
      <c r="N1002177" s="10"/>
    </row>
    <row r="1002178" spans="14:14">
      <c r="N1002178" s="10"/>
    </row>
    <row r="1002179" spans="14:14">
      <c r="N1002179" s="10"/>
    </row>
    <row r="1002180" spans="14:14">
      <c r="N1002180" s="10"/>
    </row>
    <row r="1002181" spans="14:14">
      <c r="N1002181" s="10"/>
    </row>
    <row r="1002182" spans="14:14">
      <c r="N1002182" s="10"/>
    </row>
    <row r="1002183" spans="14:14">
      <c r="N1002183" s="10"/>
    </row>
    <row r="1002184" spans="14:14">
      <c r="N1002184" s="10"/>
    </row>
    <row r="1002185" spans="14:14">
      <c r="N1002185" s="10"/>
    </row>
    <row r="1002186" spans="14:14">
      <c r="N1002186" s="10"/>
    </row>
    <row r="1002187" spans="14:14">
      <c r="N1002187" s="10"/>
    </row>
    <row r="1002188" spans="14:14">
      <c r="N1002188" s="10"/>
    </row>
    <row r="1002189" spans="14:14">
      <c r="N1002189" s="10"/>
    </row>
    <row r="1002190" spans="14:14">
      <c r="N1002190" s="10"/>
    </row>
    <row r="1002191" spans="14:14">
      <c r="N1002191" s="10"/>
    </row>
    <row r="1002192" spans="14:14">
      <c r="N1002192" s="10"/>
    </row>
    <row r="1002193" spans="14:14">
      <c r="N1002193" s="10"/>
    </row>
    <row r="1002194" spans="14:14">
      <c r="N1002194" s="10"/>
    </row>
    <row r="1002195" spans="14:14">
      <c r="N1002195" s="10"/>
    </row>
    <row r="1002196" spans="14:14">
      <c r="N1002196" s="10"/>
    </row>
    <row r="1002197" spans="14:14">
      <c r="N1002197" s="10"/>
    </row>
    <row r="1002198" spans="14:14">
      <c r="N1002198" s="10"/>
    </row>
    <row r="1002199" spans="14:14">
      <c r="N1002199" s="10"/>
    </row>
    <row r="1002200" spans="14:14">
      <c r="N1002200" s="10"/>
    </row>
    <row r="1002201" spans="14:14">
      <c r="N1002201" s="10"/>
    </row>
    <row r="1002202" spans="14:14">
      <c r="N1002202" s="10"/>
    </row>
    <row r="1002203" spans="14:14">
      <c r="N1002203" s="10"/>
    </row>
    <row r="1002204" spans="14:14">
      <c r="N1002204" s="10"/>
    </row>
    <row r="1002205" spans="14:14">
      <c r="N1002205" s="10"/>
    </row>
    <row r="1002206" spans="14:14">
      <c r="N1002206" s="10"/>
    </row>
    <row r="1002207" spans="14:14">
      <c r="N1002207" s="10"/>
    </row>
    <row r="1002208" spans="14:14">
      <c r="N1002208" s="10"/>
    </row>
    <row r="1002209" spans="14:14">
      <c r="N1002209" s="10"/>
    </row>
    <row r="1002210" spans="14:14">
      <c r="N1002210" s="10"/>
    </row>
    <row r="1002211" spans="14:14">
      <c r="N1002211" s="10"/>
    </row>
    <row r="1002212" spans="14:14">
      <c r="N1002212" s="10"/>
    </row>
    <row r="1002213" spans="14:14">
      <c r="N1002213" s="10"/>
    </row>
    <row r="1002214" spans="14:14">
      <c r="N1002214" s="10"/>
    </row>
    <row r="1002215" spans="14:14">
      <c r="N1002215" s="10"/>
    </row>
    <row r="1002216" spans="14:14">
      <c r="N1002216" s="10"/>
    </row>
    <row r="1002217" spans="14:14">
      <c r="N1002217" s="10"/>
    </row>
    <row r="1002218" spans="14:14">
      <c r="N1002218" s="10"/>
    </row>
    <row r="1002219" spans="14:14">
      <c r="N1002219" s="10"/>
    </row>
    <row r="1002220" spans="14:14">
      <c r="N1002220" s="10"/>
    </row>
    <row r="1002221" spans="14:14">
      <c r="N1002221" s="10"/>
    </row>
    <row r="1002222" spans="14:14">
      <c r="N1002222" s="10"/>
    </row>
    <row r="1002223" spans="14:14">
      <c r="N1002223" s="10"/>
    </row>
    <row r="1002224" spans="14:14">
      <c r="N1002224" s="10"/>
    </row>
    <row r="1002225" spans="14:14">
      <c r="N1002225" s="10"/>
    </row>
    <row r="1002226" spans="14:14">
      <c r="N1002226" s="10"/>
    </row>
    <row r="1002227" spans="14:14">
      <c r="N1002227" s="10"/>
    </row>
    <row r="1002228" spans="14:14">
      <c r="N1002228" s="10"/>
    </row>
    <row r="1002229" spans="14:14">
      <c r="N1002229" s="10"/>
    </row>
    <row r="1002230" spans="14:14">
      <c r="N1002230" s="10"/>
    </row>
    <row r="1002231" spans="14:14">
      <c r="N1002231" s="10"/>
    </row>
    <row r="1002232" spans="14:14">
      <c r="N1002232" s="10"/>
    </row>
    <row r="1002233" spans="14:14">
      <c r="N1002233" s="10"/>
    </row>
    <row r="1002234" spans="14:14">
      <c r="N1002234" s="10"/>
    </row>
    <row r="1002235" spans="14:14">
      <c r="N1002235" s="10"/>
    </row>
    <row r="1002236" spans="14:14">
      <c r="N1002236" s="10"/>
    </row>
    <row r="1002237" spans="14:14">
      <c r="N1002237" s="10"/>
    </row>
    <row r="1002238" spans="14:14">
      <c r="N1002238" s="10"/>
    </row>
    <row r="1002239" spans="14:14">
      <c r="N1002239" s="10"/>
    </row>
    <row r="1002240" spans="14:14">
      <c r="N1002240" s="10"/>
    </row>
    <row r="1002241" spans="14:14">
      <c r="N1002241" s="10"/>
    </row>
    <row r="1002242" spans="14:14">
      <c r="N1002242" s="10"/>
    </row>
    <row r="1002243" spans="14:14">
      <c r="N1002243" s="10"/>
    </row>
    <row r="1002244" spans="14:14">
      <c r="N1002244" s="10"/>
    </row>
    <row r="1002245" spans="14:14">
      <c r="N1002245" s="10"/>
    </row>
    <row r="1002246" spans="14:14">
      <c r="N1002246" s="10"/>
    </row>
    <row r="1002247" spans="14:14">
      <c r="N1002247" s="10"/>
    </row>
    <row r="1002248" spans="14:14">
      <c r="N1002248" s="10"/>
    </row>
    <row r="1002249" spans="14:14">
      <c r="N1002249" s="10"/>
    </row>
    <row r="1002250" spans="14:14">
      <c r="N1002250" s="10"/>
    </row>
    <row r="1002251" spans="14:14">
      <c r="N1002251" s="10"/>
    </row>
    <row r="1002252" spans="14:14">
      <c r="N1002252" s="10"/>
    </row>
    <row r="1002253" spans="14:14">
      <c r="N1002253" s="10"/>
    </row>
    <row r="1002254" spans="14:14">
      <c r="N1002254" s="10"/>
    </row>
    <row r="1002255" spans="14:14">
      <c r="N1002255" s="10"/>
    </row>
    <row r="1002256" spans="14:14">
      <c r="N1002256" s="10"/>
    </row>
    <row r="1002257" spans="14:14">
      <c r="N1002257" s="10"/>
    </row>
    <row r="1002258" spans="14:14">
      <c r="N1002258" s="10"/>
    </row>
    <row r="1002259" spans="14:14">
      <c r="N1002259" s="10"/>
    </row>
    <row r="1002260" spans="14:14">
      <c r="N1002260" s="10"/>
    </row>
    <row r="1002261" spans="14:14">
      <c r="N1002261" s="10"/>
    </row>
    <row r="1002262" spans="14:14">
      <c r="N1002262" s="10"/>
    </row>
    <row r="1002263" spans="14:14">
      <c r="N1002263" s="10"/>
    </row>
    <row r="1002264" spans="14:14">
      <c r="N1002264" s="10"/>
    </row>
    <row r="1002265" spans="14:14">
      <c r="N1002265" s="10"/>
    </row>
    <row r="1002266" spans="14:14">
      <c r="N1002266" s="10"/>
    </row>
    <row r="1002267" spans="14:14">
      <c r="N1002267" s="10"/>
    </row>
    <row r="1002268" spans="14:14">
      <c r="N1002268" s="10"/>
    </row>
    <row r="1002269" spans="14:14">
      <c r="N1002269" s="10"/>
    </row>
    <row r="1002270" spans="14:14">
      <c r="N1002270" s="10"/>
    </row>
    <row r="1002271" spans="14:14">
      <c r="N1002271" s="10"/>
    </row>
    <row r="1002272" spans="14:14">
      <c r="N1002272" s="10"/>
    </row>
    <row r="1002273" spans="14:14">
      <c r="N1002273" s="10"/>
    </row>
    <row r="1002274" spans="14:14">
      <c r="N1002274" s="10"/>
    </row>
    <row r="1002275" spans="14:14">
      <c r="N1002275" s="10"/>
    </row>
    <row r="1002276" spans="14:14">
      <c r="N1002276" s="10"/>
    </row>
    <row r="1002277" spans="14:14">
      <c r="N1002277" s="10"/>
    </row>
    <row r="1002278" spans="14:14">
      <c r="N1002278" s="10"/>
    </row>
    <row r="1002279" spans="14:14">
      <c r="N1002279" s="10"/>
    </row>
    <row r="1002280" spans="14:14">
      <c r="N1002280" s="10"/>
    </row>
    <row r="1002281" spans="14:14">
      <c r="N1002281" s="10"/>
    </row>
    <row r="1002282" spans="14:14">
      <c r="N1002282" s="10"/>
    </row>
    <row r="1002283" spans="14:14">
      <c r="N1002283" s="10"/>
    </row>
    <row r="1002284" spans="14:14">
      <c r="N1002284" s="10"/>
    </row>
    <row r="1002285" spans="14:14">
      <c r="N1002285" s="10"/>
    </row>
    <row r="1002286" spans="14:14">
      <c r="N1002286" s="10"/>
    </row>
    <row r="1002287" spans="14:14">
      <c r="N1002287" s="10"/>
    </row>
    <row r="1002288" spans="14:14">
      <c r="N1002288" s="10"/>
    </row>
    <row r="1002289" spans="14:14">
      <c r="N1002289" s="10"/>
    </row>
    <row r="1002290" spans="14:14">
      <c r="N1002290" s="10"/>
    </row>
    <row r="1002291" spans="14:14">
      <c r="N1002291" s="10"/>
    </row>
    <row r="1002292" spans="14:14">
      <c r="N1002292" s="10"/>
    </row>
    <row r="1002293" spans="14:14">
      <c r="N1002293" s="10"/>
    </row>
    <row r="1002294" spans="14:14">
      <c r="N1002294" s="10"/>
    </row>
    <row r="1002295" spans="14:14">
      <c r="N1002295" s="10"/>
    </row>
    <row r="1002296" spans="14:14">
      <c r="N1002296" s="10"/>
    </row>
    <row r="1002297" spans="14:14">
      <c r="N1002297" s="10"/>
    </row>
    <row r="1002298" spans="14:14">
      <c r="N1002298" s="10"/>
    </row>
    <row r="1002299" spans="14:14">
      <c r="N1002299" s="10"/>
    </row>
    <row r="1002300" spans="14:14">
      <c r="N1002300" s="10"/>
    </row>
    <row r="1002301" spans="14:14">
      <c r="N1002301" s="10"/>
    </row>
    <row r="1002302" spans="14:14">
      <c r="N1002302" s="10"/>
    </row>
    <row r="1002303" spans="14:14">
      <c r="N1002303" s="10"/>
    </row>
    <row r="1002304" spans="14:14">
      <c r="N1002304" s="10"/>
    </row>
    <row r="1002305" spans="14:14">
      <c r="N1002305" s="10"/>
    </row>
    <row r="1002306" spans="14:14">
      <c r="N1002306" s="10"/>
    </row>
    <row r="1002307" spans="14:14">
      <c r="N1002307" s="10"/>
    </row>
    <row r="1002308" spans="14:14">
      <c r="N1002308" s="10"/>
    </row>
    <row r="1002309" spans="14:14">
      <c r="N1002309" s="10"/>
    </row>
    <row r="1002310" spans="14:14">
      <c r="N1002310" s="10"/>
    </row>
    <row r="1002311" spans="14:14">
      <c r="N1002311" s="10"/>
    </row>
    <row r="1002312" spans="14:14">
      <c r="N1002312" s="10"/>
    </row>
    <row r="1002313" spans="14:14">
      <c r="N1002313" s="10"/>
    </row>
    <row r="1002314" spans="14:14">
      <c r="N1002314" s="10"/>
    </row>
    <row r="1002315" spans="14:14">
      <c r="N1002315" s="10"/>
    </row>
    <row r="1002316" spans="14:14">
      <c r="N1002316" s="10"/>
    </row>
    <row r="1002317" spans="14:14">
      <c r="N1002317" s="10"/>
    </row>
    <row r="1002318" spans="14:14">
      <c r="N1002318" s="10"/>
    </row>
    <row r="1002319" spans="14:14">
      <c r="N1002319" s="10"/>
    </row>
    <row r="1002320" spans="14:14">
      <c r="N1002320" s="10"/>
    </row>
    <row r="1002321" spans="14:14">
      <c r="N1002321" s="10"/>
    </row>
    <row r="1002322" spans="14:14">
      <c r="N1002322" s="10"/>
    </row>
    <row r="1002323" spans="14:14">
      <c r="N1002323" s="10"/>
    </row>
    <row r="1002324" spans="14:14">
      <c r="N1002324" s="10"/>
    </row>
    <row r="1002325" spans="14:14">
      <c r="N1002325" s="10"/>
    </row>
    <row r="1002326" spans="14:14">
      <c r="N1002326" s="10"/>
    </row>
    <row r="1002327" spans="14:14">
      <c r="N1002327" s="10"/>
    </row>
    <row r="1002328" spans="14:14">
      <c r="N1002328" s="10"/>
    </row>
    <row r="1002329" spans="14:14">
      <c r="N1002329" s="10"/>
    </row>
    <row r="1002330" spans="14:14">
      <c r="N1002330" s="10"/>
    </row>
    <row r="1002331" spans="14:14">
      <c r="N1002331" s="10"/>
    </row>
    <row r="1002332" spans="14:14">
      <c r="N1002332" s="10"/>
    </row>
    <row r="1002333" spans="14:14">
      <c r="N1002333" s="10"/>
    </row>
    <row r="1002334" spans="14:14">
      <c r="N1002334" s="10"/>
    </row>
    <row r="1002335" spans="14:14">
      <c r="N1002335" s="10"/>
    </row>
    <row r="1002336" spans="14:14">
      <c r="N1002336" s="10"/>
    </row>
    <row r="1002337" spans="14:14">
      <c r="N1002337" s="10"/>
    </row>
    <row r="1002338" spans="14:14">
      <c r="N1002338" s="10"/>
    </row>
    <row r="1002339" spans="14:14">
      <c r="N1002339" s="10"/>
    </row>
    <row r="1002340" spans="14:14">
      <c r="N1002340" s="10"/>
    </row>
    <row r="1002341" spans="14:14">
      <c r="N1002341" s="10"/>
    </row>
    <row r="1002342" spans="14:14">
      <c r="N1002342" s="10"/>
    </row>
    <row r="1002343" spans="14:14">
      <c r="N1002343" s="10"/>
    </row>
    <row r="1002344" spans="14:14">
      <c r="N1002344" s="10"/>
    </row>
    <row r="1002345" spans="14:14">
      <c r="N1002345" s="10"/>
    </row>
    <row r="1002346" spans="14:14">
      <c r="N1002346" s="10"/>
    </row>
    <row r="1002347" spans="14:14">
      <c r="N1002347" s="10"/>
    </row>
    <row r="1002348" spans="14:14">
      <c r="N1002348" s="10"/>
    </row>
    <row r="1002349" spans="14:14">
      <c r="N1002349" s="10"/>
    </row>
    <row r="1002350" spans="14:14">
      <c r="N1002350" s="10"/>
    </row>
    <row r="1002351" spans="14:14">
      <c r="N1002351" s="10"/>
    </row>
    <row r="1002352" spans="14:14">
      <c r="N1002352" s="10"/>
    </row>
    <row r="1002353" spans="14:14">
      <c r="N1002353" s="10"/>
    </row>
    <row r="1002354" spans="14:14">
      <c r="N1002354" s="10"/>
    </row>
    <row r="1002355" spans="14:14">
      <c r="N1002355" s="10"/>
    </row>
    <row r="1002356" spans="14:14">
      <c r="N1002356" s="10"/>
    </row>
    <row r="1002357" spans="14:14">
      <c r="N1002357" s="10"/>
    </row>
    <row r="1002358" spans="14:14">
      <c r="N1002358" s="10"/>
    </row>
    <row r="1002359" spans="14:14">
      <c r="N1002359" s="10"/>
    </row>
    <row r="1002360" spans="14:14">
      <c r="N1002360" s="10"/>
    </row>
    <row r="1002361" spans="14:14">
      <c r="N1002361" s="10"/>
    </row>
    <row r="1002362" spans="14:14">
      <c r="N1002362" s="10"/>
    </row>
    <row r="1002363" spans="14:14">
      <c r="N1002363" s="10"/>
    </row>
    <row r="1002364" spans="14:14">
      <c r="N1002364" s="10"/>
    </row>
    <row r="1002365" spans="14:14">
      <c r="N1002365" s="10"/>
    </row>
    <row r="1002366" spans="14:14">
      <c r="N1002366" s="10"/>
    </row>
    <row r="1002367" spans="14:14">
      <c r="N1002367" s="10"/>
    </row>
    <row r="1002368" spans="14:14">
      <c r="N1002368" s="10"/>
    </row>
    <row r="1002369" spans="14:14">
      <c r="N1002369" s="10"/>
    </row>
    <row r="1002370" spans="14:14">
      <c r="N1002370" s="10"/>
    </row>
    <row r="1002371" spans="14:14">
      <c r="N1002371" s="10"/>
    </row>
    <row r="1002372" spans="14:14">
      <c r="N1002372" s="10"/>
    </row>
    <row r="1002373" spans="14:14">
      <c r="N1002373" s="10"/>
    </row>
    <row r="1002374" spans="14:14">
      <c r="N1002374" s="10"/>
    </row>
    <row r="1002375" spans="14:14">
      <c r="N1002375" s="10"/>
    </row>
    <row r="1002376" spans="14:14">
      <c r="N1002376" s="10"/>
    </row>
    <row r="1002377" spans="14:14">
      <c r="N1002377" s="10"/>
    </row>
    <row r="1002378" spans="14:14">
      <c r="N1002378" s="10"/>
    </row>
    <row r="1002379" spans="14:14">
      <c r="N1002379" s="10"/>
    </row>
    <row r="1002380" spans="14:14">
      <c r="N1002380" s="10"/>
    </row>
    <row r="1002381" spans="14:14">
      <c r="N1002381" s="10"/>
    </row>
    <row r="1002382" spans="14:14">
      <c r="N1002382" s="10"/>
    </row>
    <row r="1002383" spans="14:14">
      <c r="N1002383" s="10"/>
    </row>
    <row r="1002384" spans="14:14">
      <c r="N1002384" s="10"/>
    </row>
    <row r="1002385" spans="14:14">
      <c r="N1002385" s="10"/>
    </row>
    <row r="1002386" spans="14:14">
      <c r="N1002386" s="10"/>
    </row>
    <row r="1002387" spans="14:14">
      <c r="N1002387" s="10"/>
    </row>
    <row r="1002388" spans="14:14">
      <c r="N1002388" s="10"/>
    </row>
    <row r="1002389" spans="14:14">
      <c r="N1002389" s="10"/>
    </row>
    <row r="1002390" spans="14:14">
      <c r="N1002390" s="10"/>
    </row>
    <row r="1002391" spans="14:14">
      <c r="N1002391" s="10"/>
    </row>
    <row r="1002392" spans="14:14">
      <c r="N1002392" s="10"/>
    </row>
    <row r="1002393" spans="14:14">
      <c r="N1002393" s="10"/>
    </row>
    <row r="1002394" spans="14:14">
      <c r="N1002394" s="10"/>
    </row>
    <row r="1002395" spans="14:14">
      <c r="N1002395" s="10"/>
    </row>
    <row r="1002396" spans="14:14">
      <c r="N1002396" s="10"/>
    </row>
    <row r="1002397" spans="14:14">
      <c r="N1002397" s="10"/>
    </row>
    <row r="1002398" spans="14:14">
      <c r="N1002398" s="10"/>
    </row>
    <row r="1002399" spans="14:14">
      <c r="N1002399" s="10"/>
    </row>
    <row r="1002400" spans="14:14">
      <c r="N1002400" s="10"/>
    </row>
    <row r="1002401" spans="14:14">
      <c r="N1002401" s="10"/>
    </row>
    <row r="1002402" spans="14:14">
      <c r="N1002402" s="10"/>
    </row>
    <row r="1002403" spans="14:14">
      <c r="N1002403" s="10"/>
    </row>
    <row r="1002404" spans="14:14">
      <c r="N1002404" s="10"/>
    </row>
    <row r="1002405" spans="14:14">
      <c r="N1002405" s="10"/>
    </row>
    <row r="1002406" spans="14:14">
      <c r="N1002406" s="10"/>
    </row>
    <row r="1002407" spans="14:14">
      <c r="N1002407" s="10"/>
    </row>
    <row r="1002408" spans="14:14">
      <c r="N1002408" s="10"/>
    </row>
    <row r="1002409" spans="14:14">
      <c r="N1002409" s="10"/>
    </row>
    <row r="1002410" spans="14:14">
      <c r="N1002410" s="10"/>
    </row>
    <row r="1002411" spans="14:14">
      <c r="N1002411" s="10"/>
    </row>
    <row r="1002412" spans="14:14">
      <c r="N1002412" s="10"/>
    </row>
    <row r="1002413" spans="14:14">
      <c r="N1002413" s="10"/>
    </row>
    <row r="1002414" spans="14:14">
      <c r="N1002414" s="10"/>
    </row>
    <row r="1002415" spans="14:14">
      <c r="N1002415" s="10"/>
    </row>
    <row r="1002416" spans="14:14">
      <c r="N1002416" s="10"/>
    </row>
    <row r="1002417" spans="14:14">
      <c r="N1002417" s="10"/>
    </row>
    <row r="1002418" spans="14:14">
      <c r="N1002418" s="10"/>
    </row>
    <row r="1002419" spans="14:14">
      <c r="N1002419" s="10"/>
    </row>
    <row r="1002420" spans="14:14">
      <c r="N1002420" s="10"/>
    </row>
    <row r="1002421" spans="14:14">
      <c r="N1002421" s="10"/>
    </row>
    <row r="1002422" spans="14:14">
      <c r="N1002422" s="10"/>
    </row>
    <row r="1002423" spans="14:14">
      <c r="N1002423" s="10"/>
    </row>
    <row r="1002424" spans="14:14">
      <c r="N1002424" s="10"/>
    </row>
    <row r="1002425" spans="14:14">
      <c r="N1002425" s="10"/>
    </row>
    <row r="1002426" spans="14:14">
      <c r="N1002426" s="10"/>
    </row>
    <row r="1002427" spans="14:14">
      <c r="N1002427" s="10"/>
    </row>
    <row r="1002428" spans="14:14">
      <c r="N1002428" s="10"/>
    </row>
    <row r="1002429" spans="14:14">
      <c r="N1002429" s="10"/>
    </row>
    <row r="1002430" spans="14:14">
      <c r="N1002430" s="10"/>
    </row>
    <row r="1002431" spans="14:14">
      <c r="N1002431" s="10"/>
    </row>
    <row r="1002432" spans="14:14">
      <c r="N1002432" s="10"/>
    </row>
    <row r="1002433" spans="14:14">
      <c r="N1002433" s="10"/>
    </row>
    <row r="1002434" spans="14:14">
      <c r="N1002434" s="10"/>
    </row>
    <row r="1002435" spans="14:14">
      <c r="N1002435" s="10"/>
    </row>
    <row r="1002436" spans="14:14">
      <c r="N1002436" s="10"/>
    </row>
    <row r="1002437" spans="14:14">
      <c r="N1002437" s="10"/>
    </row>
    <row r="1002438" spans="14:14">
      <c r="N1002438" s="10"/>
    </row>
    <row r="1002439" spans="14:14">
      <c r="N1002439" s="10"/>
    </row>
    <row r="1002440" spans="14:14">
      <c r="N1002440" s="10"/>
    </row>
    <row r="1002441" spans="14:14">
      <c r="N1002441" s="10"/>
    </row>
    <row r="1002442" spans="14:14">
      <c r="N1002442" s="10"/>
    </row>
    <row r="1002443" spans="14:14">
      <c r="N1002443" s="10"/>
    </row>
    <row r="1002444" spans="14:14">
      <c r="N1002444" s="10"/>
    </row>
    <row r="1002445" spans="14:14">
      <c r="N1002445" s="10"/>
    </row>
    <row r="1002446" spans="14:14">
      <c r="N1002446" s="10"/>
    </row>
    <row r="1002447" spans="14:14">
      <c r="N1002447" s="10"/>
    </row>
    <row r="1002448" spans="14:14">
      <c r="N1002448" s="10"/>
    </row>
    <row r="1002449" spans="14:14">
      <c r="N1002449" s="10"/>
    </row>
    <row r="1002450" spans="14:14">
      <c r="N1002450" s="10"/>
    </row>
    <row r="1002451" spans="14:14">
      <c r="N1002451" s="10"/>
    </row>
    <row r="1002452" spans="14:14">
      <c r="N1002452" s="10"/>
    </row>
    <row r="1002453" spans="14:14">
      <c r="N1002453" s="10"/>
    </row>
    <row r="1002454" spans="14:14">
      <c r="N1002454" s="10"/>
    </row>
    <row r="1002455" spans="14:14">
      <c r="N1002455" s="10"/>
    </row>
    <row r="1002456" spans="14:14">
      <c r="N1002456" s="10"/>
    </row>
    <row r="1002457" spans="14:14">
      <c r="N1002457" s="10"/>
    </row>
    <row r="1002458" spans="14:14">
      <c r="N1002458" s="10"/>
    </row>
    <row r="1002459" spans="14:14">
      <c r="N1002459" s="10"/>
    </row>
    <row r="1002460" spans="14:14">
      <c r="N1002460" s="10"/>
    </row>
    <row r="1002461" spans="14:14">
      <c r="N1002461" s="10"/>
    </row>
    <row r="1002462" spans="14:14">
      <c r="N1002462" s="10"/>
    </row>
    <row r="1002463" spans="14:14">
      <c r="N1002463" s="10"/>
    </row>
    <row r="1002464" spans="14:14">
      <c r="N1002464" s="10"/>
    </row>
    <row r="1002465" spans="14:14">
      <c r="N1002465" s="10"/>
    </row>
    <row r="1002466" spans="14:14">
      <c r="N1002466" s="10"/>
    </row>
    <row r="1002467" spans="14:14">
      <c r="N1002467" s="10"/>
    </row>
    <row r="1002468" spans="14:14">
      <c r="N1002468" s="10"/>
    </row>
    <row r="1002469" spans="14:14">
      <c r="N1002469" s="10"/>
    </row>
    <row r="1002470" spans="14:14">
      <c r="N1002470" s="10"/>
    </row>
    <row r="1002471" spans="14:14">
      <c r="N1002471" s="10"/>
    </row>
    <row r="1002472" spans="14:14">
      <c r="N1002472" s="10"/>
    </row>
    <row r="1002473" spans="14:14">
      <c r="N1002473" s="10"/>
    </row>
    <row r="1002474" spans="14:14">
      <c r="N1002474" s="10"/>
    </row>
    <row r="1002475" spans="14:14">
      <c r="N1002475" s="10"/>
    </row>
    <row r="1002476" spans="14:14">
      <c r="N1002476" s="10"/>
    </row>
    <row r="1002477" spans="14:14">
      <c r="N1002477" s="10"/>
    </row>
    <row r="1002478" spans="14:14">
      <c r="N1002478" s="10"/>
    </row>
    <row r="1002479" spans="14:14">
      <c r="N1002479" s="10"/>
    </row>
    <row r="1002480" spans="14:14">
      <c r="N1002480" s="10"/>
    </row>
    <row r="1002481" spans="14:14">
      <c r="N1002481" s="10"/>
    </row>
    <row r="1002482" spans="14:14">
      <c r="N1002482" s="10"/>
    </row>
    <row r="1002483" spans="14:14">
      <c r="N1002483" s="10"/>
    </row>
    <row r="1002484" spans="14:14">
      <c r="N1002484" s="10"/>
    </row>
    <row r="1002485" spans="14:14">
      <c r="N1002485" s="10"/>
    </row>
    <row r="1002486" spans="14:14">
      <c r="N1002486" s="10"/>
    </row>
    <row r="1002487" spans="14:14">
      <c r="N1002487" s="10"/>
    </row>
    <row r="1002488" spans="14:14">
      <c r="N1002488" s="10"/>
    </row>
    <row r="1002489" spans="14:14">
      <c r="N1002489" s="10"/>
    </row>
    <row r="1002490" spans="14:14">
      <c r="N1002490" s="10"/>
    </row>
    <row r="1002491" spans="14:14">
      <c r="N1002491" s="10"/>
    </row>
    <row r="1002492" spans="14:14">
      <c r="N1002492" s="10"/>
    </row>
    <row r="1002493" spans="14:14">
      <c r="N1002493" s="10"/>
    </row>
    <row r="1002494" spans="14:14">
      <c r="N1002494" s="10"/>
    </row>
    <row r="1002495" spans="14:14">
      <c r="N1002495" s="10"/>
    </row>
    <row r="1002496" spans="14:14">
      <c r="N1002496" s="10"/>
    </row>
    <row r="1002497" spans="14:14">
      <c r="N1002497" s="10"/>
    </row>
    <row r="1002498" spans="14:14">
      <c r="N1002498" s="10"/>
    </row>
    <row r="1002499" spans="14:14">
      <c r="N1002499" s="10"/>
    </row>
    <row r="1002500" spans="14:14">
      <c r="N1002500" s="10"/>
    </row>
    <row r="1002501" spans="14:14">
      <c r="N1002501" s="10"/>
    </row>
    <row r="1002502" spans="14:14">
      <c r="N1002502" s="10"/>
    </row>
    <row r="1002503" spans="14:14">
      <c r="N1002503" s="10"/>
    </row>
    <row r="1002504" spans="14:14">
      <c r="N1002504" s="10"/>
    </row>
    <row r="1002505" spans="14:14">
      <c r="N1002505" s="10"/>
    </row>
    <row r="1002506" spans="14:14">
      <c r="N1002506" s="10"/>
    </row>
    <row r="1002507" spans="14:14">
      <c r="N1002507" s="10"/>
    </row>
    <row r="1002508" spans="14:14">
      <c r="N1002508" s="10"/>
    </row>
    <row r="1002509" spans="14:14">
      <c r="N1002509" s="10"/>
    </row>
    <row r="1002510" spans="14:14">
      <c r="N1002510" s="10"/>
    </row>
    <row r="1002511" spans="14:14">
      <c r="N1002511" s="10"/>
    </row>
    <row r="1002512" spans="14:14">
      <c r="N1002512" s="10"/>
    </row>
    <row r="1002513" spans="14:14">
      <c r="N1002513" s="10"/>
    </row>
    <row r="1002514" spans="14:14">
      <c r="N1002514" s="10"/>
    </row>
    <row r="1002515" spans="14:14">
      <c r="N1002515" s="10"/>
    </row>
    <row r="1002516" spans="14:14">
      <c r="N1002516" s="10"/>
    </row>
    <row r="1002517" spans="14:14">
      <c r="N1002517" s="10"/>
    </row>
    <row r="1002518" spans="14:14">
      <c r="N1002518" s="10"/>
    </row>
    <row r="1002519" spans="14:14">
      <c r="N1002519" s="10"/>
    </row>
    <row r="1002520" spans="14:14">
      <c r="N1002520" s="10"/>
    </row>
    <row r="1002521" spans="14:14">
      <c r="N1002521" s="10"/>
    </row>
    <row r="1002522" spans="14:14">
      <c r="N1002522" s="10"/>
    </row>
    <row r="1002523" spans="14:14">
      <c r="N1002523" s="10"/>
    </row>
    <row r="1002524" spans="14:14">
      <c r="N1002524" s="10"/>
    </row>
    <row r="1002525" spans="14:14">
      <c r="N1002525" s="10"/>
    </row>
    <row r="1002526" spans="14:14">
      <c r="N1002526" s="10"/>
    </row>
    <row r="1002527" spans="14:14">
      <c r="N1002527" s="10"/>
    </row>
    <row r="1002528" spans="14:14">
      <c r="N1002528" s="10"/>
    </row>
    <row r="1002529" spans="14:14">
      <c r="N1002529" s="10"/>
    </row>
    <row r="1002530" spans="14:14">
      <c r="N1002530" s="10"/>
    </row>
    <row r="1002531" spans="14:14">
      <c r="N1002531" s="10"/>
    </row>
    <row r="1002532" spans="14:14">
      <c r="N1002532" s="10"/>
    </row>
    <row r="1002533" spans="14:14">
      <c r="N1002533" s="10"/>
    </row>
    <row r="1002534" spans="14:14">
      <c r="N1002534" s="10"/>
    </row>
    <row r="1002535" spans="14:14">
      <c r="N1002535" s="10"/>
    </row>
    <row r="1002536" spans="14:14">
      <c r="N1002536" s="10"/>
    </row>
    <row r="1002537" spans="14:14">
      <c r="N1002537" s="10"/>
    </row>
    <row r="1002538" spans="14:14">
      <c r="N1002538" s="10"/>
    </row>
    <row r="1002539" spans="14:14">
      <c r="N1002539" s="10"/>
    </row>
    <row r="1002540" spans="14:14">
      <c r="N1002540" s="10"/>
    </row>
    <row r="1002541" spans="14:14">
      <c r="N1002541" s="10"/>
    </row>
    <row r="1002542" spans="14:14">
      <c r="N1002542" s="10"/>
    </row>
    <row r="1002543" spans="14:14">
      <c r="N1002543" s="10"/>
    </row>
    <row r="1002544" spans="14:14">
      <c r="N1002544" s="10"/>
    </row>
    <row r="1002545" spans="14:14">
      <c r="N1002545" s="10"/>
    </row>
    <row r="1002546" spans="14:14">
      <c r="N1002546" s="10"/>
    </row>
    <row r="1002547" spans="14:14">
      <c r="N1002547" s="10"/>
    </row>
    <row r="1002548" spans="14:14">
      <c r="N1002548" s="10"/>
    </row>
    <row r="1002549" spans="14:14">
      <c r="N1002549" s="10"/>
    </row>
    <row r="1002550" spans="14:14">
      <c r="N1002550" s="10"/>
    </row>
    <row r="1002551" spans="14:14">
      <c r="N1002551" s="10"/>
    </row>
    <row r="1002552" spans="14:14">
      <c r="N1002552" s="10"/>
    </row>
    <row r="1002553" spans="14:14">
      <c r="N1002553" s="10"/>
    </row>
    <row r="1002554" spans="14:14">
      <c r="N1002554" s="10"/>
    </row>
    <row r="1002555" spans="14:14">
      <c r="N1002555" s="10"/>
    </row>
    <row r="1002556" spans="14:14">
      <c r="N1002556" s="10"/>
    </row>
    <row r="1002557" spans="14:14">
      <c r="N1002557" s="10"/>
    </row>
    <row r="1002558" spans="14:14">
      <c r="N1002558" s="10"/>
    </row>
    <row r="1002559" spans="14:14">
      <c r="N1002559" s="10"/>
    </row>
    <row r="1002560" spans="14:14">
      <c r="N1002560" s="10"/>
    </row>
    <row r="1002561" spans="14:14">
      <c r="N1002561" s="10"/>
    </row>
    <row r="1002562" spans="14:14">
      <c r="N1002562" s="10"/>
    </row>
    <row r="1002563" spans="14:14">
      <c r="N1002563" s="10"/>
    </row>
    <row r="1002564" spans="14:14">
      <c r="N1002564" s="10"/>
    </row>
    <row r="1002565" spans="14:14">
      <c r="N1002565" s="10"/>
    </row>
    <row r="1002566" spans="14:14">
      <c r="N1002566" s="10"/>
    </row>
    <row r="1002567" spans="14:14">
      <c r="N1002567" s="10"/>
    </row>
    <row r="1002568" spans="14:14">
      <c r="N1002568" s="10"/>
    </row>
    <row r="1002569" spans="14:14">
      <c r="N1002569" s="10"/>
    </row>
    <row r="1002570" spans="14:14">
      <c r="N1002570" s="10"/>
    </row>
    <row r="1002571" spans="14:14">
      <c r="N1002571" s="10"/>
    </row>
    <row r="1002572" spans="14:14">
      <c r="N1002572" s="10"/>
    </row>
    <row r="1002573" spans="14:14">
      <c r="N1002573" s="10"/>
    </row>
    <row r="1002574" spans="14:14">
      <c r="N1002574" s="10"/>
    </row>
    <row r="1002575" spans="14:14">
      <c r="N1002575" s="10"/>
    </row>
    <row r="1002576" spans="14:14">
      <c r="N1002576" s="10"/>
    </row>
    <row r="1002577" spans="14:14">
      <c r="N1002577" s="10"/>
    </row>
    <row r="1002578" spans="14:14">
      <c r="N1002578" s="10"/>
    </row>
    <row r="1002579" spans="14:14">
      <c r="N1002579" s="10"/>
    </row>
    <row r="1002580" spans="14:14">
      <c r="N1002580" s="10"/>
    </row>
    <row r="1002581" spans="14:14">
      <c r="N1002581" s="10"/>
    </row>
    <row r="1002582" spans="14:14">
      <c r="N1002582" s="10"/>
    </row>
    <row r="1002583" spans="14:14">
      <c r="N1002583" s="10"/>
    </row>
    <row r="1002584" spans="14:14">
      <c r="N1002584" s="10"/>
    </row>
    <row r="1002585" spans="14:14">
      <c r="N1002585" s="10"/>
    </row>
    <row r="1002586" spans="14:14">
      <c r="N1002586" s="10"/>
    </row>
    <row r="1002587" spans="14:14">
      <c r="N1002587" s="10"/>
    </row>
    <row r="1002588" spans="14:14">
      <c r="N1002588" s="10"/>
    </row>
    <row r="1002589" spans="14:14">
      <c r="N1002589" s="10"/>
    </row>
    <row r="1002590" spans="14:14">
      <c r="N1002590" s="10"/>
    </row>
    <row r="1002591" spans="14:14">
      <c r="N1002591" s="10"/>
    </row>
    <row r="1002592" spans="14:14">
      <c r="N1002592" s="10"/>
    </row>
    <row r="1002593" spans="14:14">
      <c r="N1002593" s="10"/>
    </row>
    <row r="1002594" spans="14:14">
      <c r="N1002594" s="10"/>
    </row>
    <row r="1002595" spans="14:14">
      <c r="N1002595" s="10"/>
    </row>
    <row r="1002596" spans="14:14">
      <c r="N1002596" s="10"/>
    </row>
    <row r="1002597" spans="14:14">
      <c r="N1002597" s="10"/>
    </row>
    <row r="1002598" spans="14:14">
      <c r="N1002598" s="10"/>
    </row>
    <row r="1002599" spans="14:14">
      <c r="N1002599" s="10"/>
    </row>
    <row r="1002600" spans="14:14">
      <c r="N1002600" s="10"/>
    </row>
    <row r="1002601" spans="14:14">
      <c r="N1002601" s="10"/>
    </row>
    <row r="1002602" spans="14:14">
      <c r="N1002602" s="10"/>
    </row>
    <row r="1002603" spans="14:14">
      <c r="N1002603" s="10"/>
    </row>
    <row r="1002604" spans="14:14">
      <c r="N1002604" s="10"/>
    </row>
    <row r="1002605" spans="14:14">
      <c r="N1002605" s="10"/>
    </row>
    <row r="1002606" spans="14:14">
      <c r="N1002606" s="10"/>
    </row>
    <row r="1002607" spans="14:14">
      <c r="N1002607" s="10"/>
    </row>
    <row r="1002608" spans="14:14">
      <c r="N1002608" s="10"/>
    </row>
    <row r="1002609" spans="14:14">
      <c r="N1002609" s="10"/>
    </row>
    <row r="1002610" spans="14:14">
      <c r="N1002610" s="10"/>
    </row>
    <row r="1002611" spans="14:14">
      <c r="N1002611" s="10"/>
    </row>
    <row r="1002612" spans="14:14">
      <c r="N1002612" s="10"/>
    </row>
    <row r="1002613" spans="14:14">
      <c r="N1002613" s="10"/>
    </row>
    <row r="1002614" spans="14:14">
      <c r="N1002614" s="10"/>
    </row>
    <row r="1002615" spans="14:14">
      <c r="N1002615" s="10"/>
    </row>
    <row r="1002616" spans="14:14">
      <c r="N1002616" s="10"/>
    </row>
    <row r="1002617" spans="14:14">
      <c r="N1002617" s="10"/>
    </row>
    <row r="1002618" spans="14:14">
      <c r="N1002618" s="10"/>
    </row>
    <row r="1002619" spans="14:14">
      <c r="N1002619" s="10"/>
    </row>
    <row r="1002620" spans="14:14">
      <c r="N1002620" s="10"/>
    </row>
    <row r="1002621" spans="14:14">
      <c r="N1002621" s="10"/>
    </row>
    <row r="1002622" spans="14:14">
      <c r="N1002622" s="10"/>
    </row>
    <row r="1002623" spans="14:14">
      <c r="N1002623" s="10"/>
    </row>
    <row r="1002624" spans="14:14">
      <c r="N1002624" s="10"/>
    </row>
    <row r="1002625" spans="14:14">
      <c r="N1002625" s="10"/>
    </row>
    <row r="1002626" spans="14:14">
      <c r="N1002626" s="10"/>
    </row>
    <row r="1002627" spans="14:14">
      <c r="N1002627" s="10"/>
    </row>
    <row r="1002628" spans="14:14">
      <c r="N1002628" s="10"/>
    </row>
    <row r="1002629" spans="14:14">
      <c r="N1002629" s="10"/>
    </row>
    <row r="1002630" spans="14:14">
      <c r="N1002630" s="10"/>
    </row>
    <row r="1002631" spans="14:14">
      <c r="N1002631" s="10"/>
    </row>
    <row r="1002632" spans="14:14">
      <c r="N1002632" s="10"/>
    </row>
    <row r="1002633" spans="14:14">
      <c r="N1002633" s="10"/>
    </row>
    <row r="1002634" spans="14:14">
      <c r="N1002634" s="10"/>
    </row>
    <row r="1002635" spans="14:14">
      <c r="N1002635" s="10"/>
    </row>
    <row r="1002636" spans="14:14">
      <c r="N1002636" s="10"/>
    </row>
    <row r="1002637" spans="14:14">
      <c r="N1002637" s="10"/>
    </row>
    <row r="1002638" spans="14:14">
      <c r="N1002638" s="10"/>
    </row>
    <row r="1002639" spans="14:14">
      <c r="N1002639" s="10"/>
    </row>
    <row r="1002640" spans="14:14">
      <c r="N1002640" s="10"/>
    </row>
    <row r="1002641" spans="14:14">
      <c r="N1002641" s="10"/>
    </row>
    <row r="1002642" spans="14:14">
      <c r="N1002642" s="10"/>
    </row>
    <row r="1002643" spans="14:14">
      <c r="N1002643" s="10"/>
    </row>
    <row r="1002644" spans="14:14">
      <c r="N1002644" s="10"/>
    </row>
    <row r="1002645" spans="14:14">
      <c r="N1002645" s="10"/>
    </row>
    <row r="1002646" spans="14:14">
      <c r="N1002646" s="10"/>
    </row>
    <row r="1002647" spans="14:14">
      <c r="N1002647" s="10"/>
    </row>
    <row r="1002648" spans="14:14">
      <c r="N1002648" s="10"/>
    </row>
    <row r="1002649" spans="14:14">
      <c r="N1002649" s="10"/>
    </row>
    <row r="1002650" spans="14:14">
      <c r="N1002650" s="10"/>
    </row>
    <row r="1002651" spans="14:14">
      <c r="N1002651" s="10"/>
    </row>
    <row r="1002652" spans="14:14">
      <c r="N1002652" s="10"/>
    </row>
    <row r="1002653" spans="14:14">
      <c r="N1002653" s="10"/>
    </row>
    <row r="1002654" spans="14:14">
      <c r="N1002654" s="10"/>
    </row>
    <row r="1002655" spans="14:14">
      <c r="N1002655" s="10"/>
    </row>
    <row r="1002656" spans="14:14">
      <c r="N1002656" s="10"/>
    </row>
    <row r="1002657" spans="14:14">
      <c r="N1002657" s="10"/>
    </row>
    <row r="1002658" spans="14:14">
      <c r="N1002658" s="10"/>
    </row>
    <row r="1002659" spans="14:14">
      <c r="N1002659" s="10"/>
    </row>
    <row r="1002660" spans="14:14">
      <c r="N1002660" s="10"/>
    </row>
    <row r="1002661" spans="14:14">
      <c r="N1002661" s="10"/>
    </row>
    <row r="1002662" spans="14:14">
      <c r="N1002662" s="10"/>
    </row>
    <row r="1002663" spans="14:14">
      <c r="N1002663" s="10"/>
    </row>
    <row r="1002664" spans="14:14">
      <c r="N1002664" s="10"/>
    </row>
    <row r="1002665" spans="14:14">
      <c r="N1002665" s="10"/>
    </row>
    <row r="1002666" spans="14:14">
      <c r="N1002666" s="10"/>
    </row>
    <row r="1002667" spans="14:14">
      <c r="N1002667" s="10"/>
    </row>
    <row r="1002668" spans="14:14">
      <c r="N1002668" s="10"/>
    </row>
    <row r="1002669" spans="14:14">
      <c r="N1002669" s="10"/>
    </row>
    <row r="1002670" spans="14:14">
      <c r="N1002670" s="10"/>
    </row>
    <row r="1002671" spans="14:14">
      <c r="N1002671" s="10"/>
    </row>
    <row r="1002672" spans="14:14">
      <c r="N1002672" s="10"/>
    </row>
    <row r="1002673" spans="14:14">
      <c r="N1002673" s="10"/>
    </row>
    <row r="1002674" spans="14:14">
      <c r="N1002674" s="10"/>
    </row>
    <row r="1002675" spans="14:14">
      <c r="N1002675" s="10"/>
    </row>
    <row r="1002676" spans="14:14">
      <c r="N1002676" s="10"/>
    </row>
    <row r="1002677" spans="14:14">
      <c r="N1002677" s="10"/>
    </row>
    <row r="1002678" spans="14:14">
      <c r="N1002678" s="10"/>
    </row>
    <row r="1002679" spans="14:14">
      <c r="N1002679" s="10"/>
    </row>
    <row r="1002680" spans="14:14">
      <c r="N1002680" s="10"/>
    </row>
    <row r="1002681" spans="14:14">
      <c r="N1002681" s="10"/>
    </row>
    <row r="1002682" spans="14:14">
      <c r="N1002682" s="10"/>
    </row>
    <row r="1002683" spans="14:14">
      <c r="N1002683" s="10"/>
    </row>
    <row r="1002684" spans="14:14">
      <c r="N1002684" s="10"/>
    </row>
    <row r="1002685" spans="14:14">
      <c r="N1002685" s="10"/>
    </row>
    <row r="1002686" spans="14:14">
      <c r="N1002686" s="10"/>
    </row>
    <row r="1002687" spans="14:14">
      <c r="N1002687" s="10"/>
    </row>
    <row r="1002688" spans="14:14">
      <c r="N1002688" s="10"/>
    </row>
    <row r="1002689" spans="14:14">
      <c r="N1002689" s="10"/>
    </row>
    <row r="1002690" spans="14:14">
      <c r="N1002690" s="10"/>
    </row>
    <row r="1002691" spans="14:14">
      <c r="N1002691" s="10"/>
    </row>
    <row r="1002692" spans="14:14">
      <c r="N1002692" s="10"/>
    </row>
    <row r="1002693" spans="14:14">
      <c r="N1002693" s="10"/>
    </row>
    <row r="1002694" spans="14:14">
      <c r="N1002694" s="10"/>
    </row>
    <row r="1002695" spans="14:14">
      <c r="N1002695" s="10"/>
    </row>
    <row r="1002696" spans="14:14">
      <c r="N1002696" s="10"/>
    </row>
    <row r="1002697" spans="14:14">
      <c r="N1002697" s="10"/>
    </row>
    <row r="1002698" spans="14:14">
      <c r="N1002698" s="10"/>
    </row>
    <row r="1002699" spans="14:14">
      <c r="N1002699" s="10"/>
    </row>
    <row r="1002700" spans="14:14">
      <c r="N1002700" s="10"/>
    </row>
    <row r="1002701" spans="14:14">
      <c r="N1002701" s="10"/>
    </row>
    <row r="1002702" spans="14:14">
      <c r="N1002702" s="10"/>
    </row>
    <row r="1002703" spans="14:14">
      <c r="N1002703" s="10"/>
    </row>
    <row r="1002704" spans="14:14">
      <c r="N1002704" s="10"/>
    </row>
    <row r="1002705" spans="14:14">
      <c r="N1002705" s="10"/>
    </row>
    <row r="1002706" spans="14:14">
      <c r="N1002706" s="10"/>
    </row>
    <row r="1002707" spans="14:14">
      <c r="N1002707" s="10"/>
    </row>
    <row r="1002708" spans="14:14">
      <c r="N1002708" s="10"/>
    </row>
    <row r="1002709" spans="14:14">
      <c r="N1002709" s="10"/>
    </row>
    <row r="1002710" spans="14:14">
      <c r="N1002710" s="10"/>
    </row>
    <row r="1002711" spans="14:14">
      <c r="N1002711" s="10"/>
    </row>
    <row r="1002712" spans="14:14">
      <c r="N1002712" s="10"/>
    </row>
    <row r="1002713" spans="14:14">
      <c r="N1002713" s="10"/>
    </row>
    <row r="1002714" spans="14:14">
      <c r="N1002714" s="10"/>
    </row>
    <row r="1002715" spans="14:14">
      <c r="N1002715" s="10"/>
    </row>
    <row r="1002716" spans="14:14">
      <c r="N1002716" s="10"/>
    </row>
    <row r="1002717" spans="14:14">
      <c r="N1002717" s="10"/>
    </row>
    <row r="1002718" spans="14:14">
      <c r="N1002718" s="10"/>
    </row>
    <row r="1002719" spans="14:14">
      <c r="N1002719" s="10"/>
    </row>
    <row r="1002720" spans="14:14">
      <c r="N1002720" s="10"/>
    </row>
    <row r="1002721" spans="14:14">
      <c r="N1002721" s="10"/>
    </row>
    <row r="1002722" spans="14:14">
      <c r="N1002722" s="10"/>
    </row>
    <row r="1002723" spans="14:14">
      <c r="N1002723" s="10"/>
    </row>
    <row r="1002724" spans="14:14">
      <c r="N1002724" s="10"/>
    </row>
    <row r="1002725" spans="14:14">
      <c r="N1002725" s="10"/>
    </row>
    <row r="1002726" spans="14:14">
      <c r="N1002726" s="10"/>
    </row>
    <row r="1002727" spans="14:14">
      <c r="N1002727" s="10"/>
    </row>
    <row r="1002728" spans="14:14">
      <c r="N1002728" s="10"/>
    </row>
    <row r="1002729" spans="14:14">
      <c r="N1002729" s="10"/>
    </row>
    <row r="1002730" spans="14:14">
      <c r="N1002730" s="10"/>
    </row>
    <row r="1002731" spans="14:14">
      <c r="N1002731" s="10"/>
    </row>
    <row r="1002732" spans="14:14">
      <c r="N1002732" s="10"/>
    </row>
    <row r="1002733" spans="14:14">
      <c r="N1002733" s="10"/>
    </row>
    <row r="1002734" spans="14:14">
      <c r="N1002734" s="10"/>
    </row>
    <row r="1002735" spans="14:14">
      <c r="N1002735" s="10"/>
    </row>
    <row r="1002736" spans="14:14">
      <c r="N1002736" s="10"/>
    </row>
    <row r="1002737" spans="14:14">
      <c r="N1002737" s="10"/>
    </row>
    <row r="1002738" spans="14:14">
      <c r="N1002738" s="10"/>
    </row>
    <row r="1002739" spans="14:14">
      <c r="N1002739" s="10"/>
    </row>
    <row r="1002740" spans="14:14">
      <c r="N1002740" s="10"/>
    </row>
    <row r="1002741" spans="14:14">
      <c r="N1002741" s="10"/>
    </row>
    <row r="1002742" spans="14:14">
      <c r="N1002742" s="10"/>
    </row>
    <row r="1002743" spans="14:14">
      <c r="N1002743" s="10"/>
    </row>
    <row r="1002744" spans="14:14">
      <c r="N1002744" s="10"/>
    </row>
    <row r="1002745" spans="14:14">
      <c r="N1002745" s="10"/>
    </row>
    <row r="1002746" spans="14:14">
      <c r="N1002746" s="10"/>
    </row>
    <row r="1002747" spans="14:14">
      <c r="N1002747" s="10"/>
    </row>
    <row r="1002748" spans="14:14">
      <c r="N1002748" s="10"/>
    </row>
    <row r="1002749" spans="14:14">
      <c r="N1002749" s="10"/>
    </row>
    <row r="1002750" spans="14:14">
      <c r="N1002750" s="10"/>
    </row>
    <row r="1002751" spans="14:14">
      <c r="N1002751" s="10"/>
    </row>
    <row r="1002752" spans="14:14">
      <c r="N1002752" s="10"/>
    </row>
    <row r="1002753" spans="14:14">
      <c r="N1002753" s="10"/>
    </row>
    <row r="1002754" spans="14:14">
      <c r="N1002754" s="10"/>
    </row>
    <row r="1002755" spans="14:14">
      <c r="N1002755" s="10"/>
    </row>
    <row r="1002756" spans="14:14">
      <c r="N1002756" s="10"/>
    </row>
    <row r="1002757" spans="14:14">
      <c r="N1002757" s="10"/>
    </row>
    <row r="1002758" spans="14:14">
      <c r="N1002758" s="10"/>
    </row>
    <row r="1002759" spans="14:14">
      <c r="N1002759" s="10"/>
    </row>
    <row r="1002760" spans="14:14">
      <c r="N1002760" s="10"/>
    </row>
    <row r="1002761" spans="14:14">
      <c r="N1002761" s="10"/>
    </row>
    <row r="1002762" spans="14:14">
      <c r="N1002762" s="10"/>
    </row>
    <row r="1002763" spans="14:14">
      <c r="N1002763" s="10"/>
    </row>
    <row r="1002764" spans="14:14">
      <c r="N1002764" s="10"/>
    </row>
    <row r="1002765" spans="14:14">
      <c r="N1002765" s="10"/>
    </row>
    <row r="1002766" spans="14:14">
      <c r="N1002766" s="10"/>
    </row>
    <row r="1002767" spans="14:14">
      <c r="N1002767" s="10"/>
    </row>
    <row r="1002768" spans="14:14">
      <c r="N1002768" s="10"/>
    </row>
    <row r="1002769" spans="14:14">
      <c r="N1002769" s="10"/>
    </row>
    <row r="1002770" spans="14:14">
      <c r="N1002770" s="10"/>
    </row>
    <row r="1002771" spans="14:14">
      <c r="N1002771" s="10"/>
    </row>
    <row r="1002772" spans="14:14">
      <c r="N1002772" s="10"/>
    </row>
    <row r="1002773" spans="14:14">
      <c r="N1002773" s="10"/>
    </row>
    <row r="1002774" spans="14:14">
      <c r="N1002774" s="10"/>
    </row>
    <row r="1002775" spans="14:14">
      <c r="N1002775" s="10"/>
    </row>
    <row r="1002776" spans="14:14">
      <c r="N1002776" s="10"/>
    </row>
    <row r="1002777" spans="14:14">
      <c r="N1002777" s="10"/>
    </row>
    <row r="1002778" spans="14:14">
      <c r="N1002778" s="10"/>
    </row>
    <row r="1002779" spans="14:14">
      <c r="N1002779" s="10"/>
    </row>
    <row r="1002780" spans="14:14">
      <c r="N1002780" s="10"/>
    </row>
    <row r="1002781" spans="14:14">
      <c r="N1002781" s="10"/>
    </row>
    <row r="1002782" spans="14:14">
      <c r="N1002782" s="10"/>
    </row>
    <row r="1002783" spans="14:14">
      <c r="N1002783" s="10"/>
    </row>
    <row r="1002784" spans="14:14">
      <c r="N1002784" s="10"/>
    </row>
    <row r="1002785" spans="14:14">
      <c r="N1002785" s="10"/>
    </row>
    <row r="1002786" spans="14:14">
      <c r="N1002786" s="10"/>
    </row>
    <row r="1002787" spans="14:14">
      <c r="N1002787" s="10"/>
    </row>
    <row r="1002788" spans="14:14">
      <c r="N1002788" s="10"/>
    </row>
    <row r="1002789" spans="14:14">
      <c r="N1002789" s="10"/>
    </row>
    <row r="1002790" spans="14:14">
      <c r="N1002790" s="10"/>
    </row>
    <row r="1002791" spans="14:14">
      <c r="N1002791" s="10"/>
    </row>
    <row r="1002792" spans="14:14">
      <c r="N1002792" s="10"/>
    </row>
    <row r="1002793" spans="14:14">
      <c r="N1002793" s="10"/>
    </row>
    <row r="1002794" spans="14:14">
      <c r="N1002794" s="10"/>
    </row>
    <row r="1002795" spans="14:14">
      <c r="N1002795" s="10"/>
    </row>
    <row r="1002796" spans="14:14">
      <c r="N1002796" s="10"/>
    </row>
    <row r="1002797" spans="14:14">
      <c r="N1002797" s="10"/>
    </row>
    <row r="1002798" spans="14:14">
      <c r="N1002798" s="10"/>
    </row>
    <row r="1002799" spans="14:14">
      <c r="N1002799" s="10"/>
    </row>
    <row r="1002800" spans="14:14">
      <c r="N1002800" s="10"/>
    </row>
    <row r="1002801" spans="14:14">
      <c r="N1002801" s="10"/>
    </row>
    <row r="1002802" spans="14:14">
      <c r="N1002802" s="10"/>
    </row>
    <row r="1002803" spans="14:14">
      <c r="N1002803" s="10"/>
    </row>
    <row r="1002804" spans="14:14">
      <c r="N1002804" s="10"/>
    </row>
    <row r="1002805" spans="14:14">
      <c r="N1002805" s="10"/>
    </row>
    <row r="1002806" spans="14:14">
      <c r="N1002806" s="10"/>
    </row>
    <row r="1002807" spans="14:14">
      <c r="N1002807" s="10"/>
    </row>
    <row r="1002808" spans="14:14">
      <c r="N1002808" s="10"/>
    </row>
    <row r="1002809" spans="14:14">
      <c r="N1002809" s="10"/>
    </row>
    <row r="1002810" spans="14:14">
      <c r="N1002810" s="10"/>
    </row>
    <row r="1002811" spans="14:14">
      <c r="N1002811" s="10"/>
    </row>
    <row r="1002812" spans="14:14">
      <c r="N1002812" s="10"/>
    </row>
    <row r="1002813" spans="14:14">
      <c r="N1002813" s="10"/>
    </row>
    <row r="1002814" spans="14:14">
      <c r="N1002814" s="10"/>
    </row>
    <row r="1002815" spans="14:14">
      <c r="N1002815" s="10"/>
    </row>
    <row r="1002816" spans="14:14">
      <c r="N1002816" s="10"/>
    </row>
    <row r="1002817" spans="14:14">
      <c r="N1002817" s="10"/>
    </row>
    <row r="1002818" spans="14:14">
      <c r="N1002818" s="10"/>
    </row>
    <row r="1002819" spans="14:14">
      <c r="N1002819" s="10"/>
    </row>
    <row r="1002820" spans="14:14">
      <c r="N1002820" s="10"/>
    </row>
    <row r="1002821" spans="14:14">
      <c r="N1002821" s="10"/>
    </row>
    <row r="1002822" spans="14:14">
      <c r="N1002822" s="10"/>
    </row>
    <row r="1002823" spans="14:14">
      <c r="N1002823" s="10"/>
    </row>
    <row r="1002824" spans="14:14">
      <c r="N1002824" s="10"/>
    </row>
    <row r="1002825" spans="14:14">
      <c r="N1002825" s="10"/>
    </row>
    <row r="1002826" spans="14:14">
      <c r="N1002826" s="10"/>
    </row>
    <row r="1002827" spans="14:14">
      <c r="N1002827" s="10"/>
    </row>
    <row r="1002828" spans="14:14">
      <c r="N1002828" s="10"/>
    </row>
    <row r="1002829" spans="14:14">
      <c r="N1002829" s="10"/>
    </row>
    <row r="1002830" spans="14:14">
      <c r="N1002830" s="10"/>
    </row>
    <row r="1002831" spans="14:14">
      <c r="N1002831" s="10"/>
    </row>
    <row r="1002832" spans="14:14">
      <c r="N1002832" s="10"/>
    </row>
    <row r="1002833" spans="14:14">
      <c r="N1002833" s="10"/>
    </row>
    <row r="1002834" spans="14:14">
      <c r="N1002834" s="10"/>
    </row>
    <row r="1002835" spans="14:14">
      <c r="N1002835" s="10"/>
    </row>
    <row r="1002836" spans="14:14">
      <c r="N1002836" s="10"/>
    </row>
    <row r="1002837" spans="14:14">
      <c r="N1002837" s="10"/>
    </row>
    <row r="1002838" spans="14:14">
      <c r="N1002838" s="10"/>
    </row>
    <row r="1002839" spans="14:14">
      <c r="N1002839" s="10"/>
    </row>
    <row r="1002840" spans="14:14">
      <c r="N1002840" s="10"/>
    </row>
    <row r="1002841" spans="14:14">
      <c r="N1002841" s="10"/>
    </row>
    <row r="1002842" spans="14:14">
      <c r="N1002842" s="10"/>
    </row>
    <row r="1002843" spans="14:14">
      <c r="N1002843" s="10"/>
    </row>
    <row r="1002844" spans="14:14">
      <c r="N1002844" s="10"/>
    </row>
    <row r="1002845" spans="14:14">
      <c r="N1002845" s="10"/>
    </row>
    <row r="1002846" spans="14:14">
      <c r="N1002846" s="10"/>
    </row>
    <row r="1002847" spans="14:14">
      <c r="N1002847" s="10"/>
    </row>
    <row r="1002848" spans="14:14">
      <c r="N1002848" s="10"/>
    </row>
    <row r="1002849" spans="14:14">
      <c r="N1002849" s="10"/>
    </row>
    <row r="1002850" spans="14:14">
      <c r="N1002850" s="10"/>
    </row>
    <row r="1002851" spans="14:14">
      <c r="N1002851" s="10"/>
    </row>
    <row r="1002852" spans="14:14">
      <c r="N1002852" s="10"/>
    </row>
    <row r="1002853" spans="14:14">
      <c r="N1002853" s="10"/>
    </row>
    <row r="1002854" spans="14:14">
      <c r="N1002854" s="10"/>
    </row>
    <row r="1002855" spans="14:14">
      <c r="N1002855" s="10"/>
    </row>
    <row r="1002856" spans="14:14">
      <c r="N1002856" s="10"/>
    </row>
    <row r="1002857" spans="14:14">
      <c r="N1002857" s="10"/>
    </row>
    <row r="1002858" spans="14:14">
      <c r="N1002858" s="10"/>
    </row>
    <row r="1002859" spans="14:14">
      <c r="N1002859" s="10"/>
    </row>
    <row r="1002860" spans="14:14">
      <c r="N1002860" s="10"/>
    </row>
    <row r="1002861" spans="14:14">
      <c r="N1002861" s="10"/>
    </row>
    <row r="1002862" spans="14:14">
      <c r="N1002862" s="10"/>
    </row>
    <row r="1002863" spans="14:14">
      <c r="N1002863" s="10"/>
    </row>
    <row r="1002864" spans="14:14">
      <c r="N1002864" s="10"/>
    </row>
    <row r="1002865" spans="14:14">
      <c r="N1002865" s="10"/>
    </row>
    <row r="1002866" spans="14:14">
      <c r="N1002866" s="10"/>
    </row>
    <row r="1002867" spans="14:14">
      <c r="N1002867" s="10"/>
    </row>
    <row r="1002868" spans="14:14">
      <c r="N1002868" s="10"/>
    </row>
    <row r="1002869" spans="14:14">
      <c r="N1002869" s="10"/>
    </row>
    <row r="1002870" spans="14:14">
      <c r="N1002870" s="10"/>
    </row>
    <row r="1002871" spans="14:14">
      <c r="N1002871" s="10"/>
    </row>
    <row r="1002872" spans="14:14">
      <c r="N1002872" s="10"/>
    </row>
    <row r="1002873" spans="14:14">
      <c r="N1002873" s="10"/>
    </row>
    <row r="1002874" spans="14:14">
      <c r="N1002874" s="10"/>
    </row>
    <row r="1002875" spans="14:14">
      <c r="N1002875" s="10"/>
    </row>
    <row r="1002876" spans="14:14">
      <c r="N1002876" s="10"/>
    </row>
    <row r="1002877" spans="14:14">
      <c r="N1002877" s="10"/>
    </row>
    <row r="1002878" spans="14:14">
      <c r="N1002878" s="10"/>
    </row>
    <row r="1002879" spans="14:14">
      <c r="N1002879" s="10"/>
    </row>
    <row r="1002880" spans="14:14">
      <c r="N1002880" s="10"/>
    </row>
    <row r="1002881" spans="14:14">
      <c r="N1002881" s="10"/>
    </row>
    <row r="1002882" spans="14:14">
      <c r="N1002882" s="10"/>
    </row>
    <row r="1002883" spans="14:14">
      <c r="N1002883" s="10"/>
    </row>
    <row r="1002884" spans="14:14">
      <c r="N1002884" s="10"/>
    </row>
    <row r="1002885" spans="14:14">
      <c r="N1002885" s="10"/>
    </row>
    <row r="1002886" spans="14:14">
      <c r="N1002886" s="10"/>
    </row>
    <row r="1002887" spans="14:14">
      <c r="N1002887" s="10"/>
    </row>
    <row r="1002888" spans="14:14">
      <c r="N1002888" s="10"/>
    </row>
    <row r="1002889" spans="14:14">
      <c r="N1002889" s="10"/>
    </row>
    <row r="1002890" spans="14:14">
      <c r="N1002890" s="10"/>
    </row>
    <row r="1002891" spans="14:14">
      <c r="N1002891" s="10"/>
    </row>
    <row r="1002892" spans="14:14">
      <c r="N1002892" s="10"/>
    </row>
    <row r="1002893" spans="14:14">
      <c r="N1002893" s="10"/>
    </row>
    <row r="1002894" spans="14:14">
      <c r="N1002894" s="10"/>
    </row>
    <row r="1002895" spans="14:14">
      <c r="N1002895" s="10"/>
    </row>
    <row r="1002896" spans="14:14">
      <c r="N1002896" s="10"/>
    </row>
    <row r="1002897" spans="14:14">
      <c r="N1002897" s="10"/>
    </row>
    <row r="1002898" spans="14:14">
      <c r="N1002898" s="10"/>
    </row>
    <row r="1002899" spans="14:14">
      <c r="N1002899" s="10"/>
    </row>
    <row r="1002900" spans="14:14">
      <c r="N1002900" s="10"/>
    </row>
    <row r="1002901" spans="14:14">
      <c r="N1002901" s="10"/>
    </row>
    <row r="1002902" spans="14:14">
      <c r="N1002902" s="10"/>
    </row>
    <row r="1002903" spans="14:14">
      <c r="N1002903" s="10"/>
    </row>
    <row r="1002904" spans="14:14">
      <c r="N1002904" s="10"/>
    </row>
    <row r="1002905" spans="14:14">
      <c r="N1002905" s="10"/>
    </row>
    <row r="1002906" spans="14:14">
      <c r="N1002906" s="10"/>
    </row>
    <row r="1002907" spans="14:14">
      <c r="N1002907" s="10"/>
    </row>
    <row r="1002908" spans="14:14">
      <c r="N1002908" s="10"/>
    </row>
    <row r="1002909" spans="14:14">
      <c r="N1002909" s="10"/>
    </row>
    <row r="1002910" spans="14:14">
      <c r="N1002910" s="10"/>
    </row>
    <row r="1002911" spans="14:14">
      <c r="N1002911" s="10"/>
    </row>
    <row r="1002912" spans="14:14">
      <c r="N1002912" s="10"/>
    </row>
    <row r="1002913" spans="14:14">
      <c r="N1002913" s="10"/>
    </row>
    <row r="1002914" spans="14:14">
      <c r="N1002914" s="10"/>
    </row>
    <row r="1002915" spans="14:14">
      <c r="N1002915" s="10"/>
    </row>
    <row r="1002916" spans="14:14">
      <c r="N1002916" s="10"/>
    </row>
    <row r="1002917" spans="14:14">
      <c r="N1002917" s="10"/>
    </row>
    <row r="1002918" spans="14:14">
      <c r="N1002918" s="10"/>
    </row>
    <row r="1002919" spans="14:14">
      <c r="N1002919" s="10"/>
    </row>
    <row r="1002920" spans="14:14">
      <c r="N1002920" s="10"/>
    </row>
    <row r="1002921" spans="14:14">
      <c r="N1002921" s="10"/>
    </row>
    <row r="1002922" spans="14:14">
      <c r="N1002922" s="10"/>
    </row>
    <row r="1002923" spans="14:14">
      <c r="N1002923" s="10"/>
    </row>
    <row r="1002924" spans="14:14">
      <c r="N1002924" s="10"/>
    </row>
    <row r="1002925" spans="14:14">
      <c r="N1002925" s="10"/>
    </row>
    <row r="1002926" spans="14:14">
      <c r="N1002926" s="10"/>
    </row>
    <row r="1002927" spans="14:14">
      <c r="N1002927" s="10"/>
    </row>
    <row r="1002928" spans="14:14">
      <c r="N1002928" s="10"/>
    </row>
    <row r="1002929" spans="14:14">
      <c r="N1002929" s="10"/>
    </row>
    <row r="1002930" spans="14:14">
      <c r="N1002930" s="10"/>
    </row>
    <row r="1002931" spans="14:14">
      <c r="N1002931" s="10"/>
    </row>
    <row r="1002932" spans="14:14">
      <c r="N1002932" s="10"/>
    </row>
    <row r="1002933" spans="14:14">
      <c r="N1002933" s="10"/>
    </row>
    <row r="1002934" spans="14:14">
      <c r="N1002934" s="10"/>
    </row>
    <row r="1002935" spans="14:14">
      <c r="N1002935" s="10"/>
    </row>
    <row r="1002936" spans="14:14">
      <c r="N1002936" s="10"/>
    </row>
    <row r="1002937" spans="14:14">
      <c r="N1002937" s="10"/>
    </row>
    <row r="1002938" spans="14:14">
      <c r="N1002938" s="10"/>
    </row>
    <row r="1002939" spans="14:14">
      <c r="N1002939" s="10"/>
    </row>
    <row r="1002940" spans="14:14">
      <c r="N1002940" s="10"/>
    </row>
    <row r="1002941" spans="14:14">
      <c r="N1002941" s="10"/>
    </row>
    <row r="1002942" spans="14:14">
      <c r="N1002942" s="10"/>
    </row>
    <row r="1002943" spans="14:14">
      <c r="N1002943" s="10"/>
    </row>
    <row r="1002944" spans="14:14">
      <c r="N1002944" s="10"/>
    </row>
    <row r="1002945" spans="14:14">
      <c r="N1002945" s="10"/>
    </row>
    <row r="1002946" spans="14:14">
      <c r="N1002946" s="10"/>
    </row>
    <row r="1002947" spans="14:14">
      <c r="N1002947" s="10"/>
    </row>
    <row r="1002948" spans="14:14">
      <c r="N1002948" s="10"/>
    </row>
    <row r="1002949" spans="14:14">
      <c r="N1002949" s="10"/>
    </row>
    <row r="1002950" spans="14:14">
      <c r="N1002950" s="10"/>
    </row>
    <row r="1002951" spans="14:14">
      <c r="N1002951" s="10"/>
    </row>
    <row r="1002952" spans="14:14">
      <c r="N1002952" s="10"/>
    </row>
    <row r="1002953" spans="14:14">
      <c r="N1002953" s="10"/>
    </row>
    <row r="1002954" spans="14:14">
      <c r="N1002954" s="10"/>
    </row>
    <row r="1002955" spans="14:14">
      <c r="N1002955" s="10"/>
    </row>
    <row r="1002956" spans="14:14">
      <c r="N1002956" s="10"/>
    </row>
    <row r="1002957" spans="14:14">
      <c r="N1002957" s="10"/>
    </row>
    <row r="1002958" spans="14:14">
      <c r="N1002958" s="10"/>
    </row>
    <row r="1002959" spans="14:14">
      <c r="N1002959" s="10"/>
    </row>
    <row r="1002960" spans="14:14">
      <c r="N1002960" s="10"/>
    </row>
    <row r="1002961" spans="14:14">
      <c r="N1002961" s="10"/>
    </row>
    <row r="1002962" spans="14:14">
      <c r="N1002962" s="10"/>
    </row>
    <row r="1002963" spans="14:14">
      <c r="N1002963" s="10"/>
    </row>
    <row r="1002964" spans="14:14">
      <c r="N1002964" s="10"/>
    </row>
    <row r="1002965" spans="14:14">
      <c r="N1002965" s="10"/>
    </row>
    <row r="1002966" spans="14:14">
      <c r="N1002966" s="10"/>
    </row>
    <row r="1002967" spans="14:14">
      <c r="N1002967" s="10"/>
    </row>
    <row r="1002968" spans="14:14">
      <c r="N1002968" s="10"/>
    </row>
    <row r="1002969" spans="14:14">
      <c r="N1002969" s="10"/>
    </row>
    <row r="1002970" spans="14:14">
      <c r="N1002970" s="10"/>
    </row>
    <row r="1002971" spans="14:14">
      <c r="N1002971" s="10"/>
    </row>
    <row r="1002972" spans="14:14">
      <c r="N1002972" s="10"/>
    </row>
    <row r="1002973" spans="14:14">
      <c r="N1002973" s="10"/>
    </row>
    <row r="1002974" spans="14:14">
      <c r="N1002974" s="10"/>
    </row>
    <row r="1002975" spans="14:14">
      <c r="N1002975" s="10"/>
    </row>
    <row r="1002976" spans="14:14">
      <c r="N1002976" s="10"/>
    </row>
    <row r="1002977" spans="14:14">
      <c r="N1002977" s="10"/>
    </row>
    <row r="1002978" spans="14:14">
      <c r="N1002978" s="10"/>
    </row>
    <row r="1002979" spans="14:14">
      <c r="N1002979" s="10"/>
    </row>
    <row r="1002980" spans="14:14">
      <c r="N1002980" s="10"/>
    </row>
    <row r="1002981" spans="14:14">
      <c r="N1002981" s="10"/>
    </row>
    <row r="1002982" spans="14:14">
      <c r="N1002982" s="10"/>
    </row>
    <row r="1002983" spans="14:14">
      <c r="N1002983" s="10"/>
    </row>
    <row r="1002984" spans="14:14">
      <c r="N1002984" s="10"/>
    </row>
    <row r="1002985" spans="14:14">
      <c r="N1002985" s="10"/>
    </row>
    <row r="1002986" spans="14:14">
      <c r="N1002986" s="10"/>
    </row>
    <row r="1002987" spans="14:14">
      <c r="N1002987" s="10"/>
    </row>
    <row r="1002988" spans="14:14">
      <c r="N1002988" s="10"/>
    </row>
    <row r="1002989" spans="14:14">
      <c r="N1002989" s="10"/>
    </row>
    <row r="1002990" spans="14:14">
      <c r="N1002990" s="10"/>
    </row>
    <row r="1002991" spans="14:14">
      <c r="N1002991" s="10"/>
    </row>
    <row r="1002992" spans="14:14">
      <c r="N1002992" s="10"/>
    </row>
    <row r="1002993" spans="14:14">
      <c r="N1002993" s="10"/>
    </row>
    <row r="1002994" spans="14:14">
      <c r="N1002994" s="10"/>
    </row>
    <row r="1002995" spans="14:14">
      <c r="N1002995" s="10"/>
    </row>
    <row r="1002996" spans="14:14">
      <c r="N1002996" s="10"/>
    </row>
    <row r="1002997" spans="14:14">
      <c r="N1002997" s="10"/>
    </row>
    <row r="1002998" spans="14:14">
      <c r="N1002998" s="10"/>
    </row>
    <row r="1002999" spans="14:14">
      <c r="N1002999" s="10"/>
    </row>
    <row r="1003000" spans="14:14">
      <c r="N1003000" s="10"/>
    </row>
    <row r="1003001" spans="14:14">
      <c r="N1003001" s="10"/>
    </row>
    <row r="1003002" spans="14:14">
      <c r="N1003002" s="10"/>
    </row>
    <row r="1003003" spans="14:14">
      <c r="N1003003" s="10"/>
    </row>
    <row r="1003004" spans="14:14">
      <c r="N1003004" s="10"/>
    </row>
    <row r="1003005" spans="14:14">
      <c r="N1003005" s="10"/>
    </row>
    <row r="1003006" spans="14:14">
      <c r="N1003006" s="10"/>
    </row>
    <row r="1003007" spans="14:14">
      <c r="N1003007" s="10"/>
    </row>
    <row r="1003008" spans="14:14">
      <c r="N1003008" s="10"/>
    </row>
    <row r="1003009" spans="14:14">
      <c r="N1003009" s="10"/>
    </row>
    <row r="1003010" spans="14:14">
      <c r="N1003010" s="10"/>
    </row>
    <row r="1003011" spans="14:14">
      <c r="N1003011" s="10"/>
    </row>
    <row r="1003012" spans="14:14">
      <c r="N1003012" s="10"/>
    </row>
    <row r="1003013" spans="14:14">
      <c r="N1003013" s="10"/>
    </row>
    <row r="1003014" spans="14:14">
      <c r="N1003014" s="10"/>
    </row>
    <row r="1003015" spans="14:14">
      <c r="N1003015" s="10"/>
    </row>
    <row r="1003016" spans="14:14">
      <c r="N1003016" s="10"/>
    </row>
    <row r="1003017" spans="14:14">
      <c r="N1003017" s="10"/>
    </row>
    <row r="1003018" spans="14:14">
      <c r="N1003018" s="10"/>
    </row>
    <row r="1003019" spans="14:14">
      <c r="N1003019" s="10"/>
    </row>
    <row r="1003020" spans="14:14">
      <c r="N1003020" s="10"/>
    </row>
    <row r="1003021" spans="14:14">
      <c r="N1003021" s="10"/>
    </row>
    <row r="1003022" spans="14:14">
      <c r="N1003022" s="10"/>
    </row>
    <row r="1003023" spans="14:14">
      <c r="N1003023" s="10"/>
    </row>
    <row r="1003024" spans="14:14">
      <c r="N1003024" s="10"/>
    </row>
    <row r="1003025" spans="14:14">
      <c r="N1003025" s="10"/>
    </row>
    <row r="1003026" spans="14:14">
      <c r="N1003026" s="10"/>
    </row>
    <row r="1003027" spans="14:14">
      <c r="N1003027" s="10"/>
    </row>
    <row r="1003028" spans="14:14">
      <c r="N1003028" s="10"/>
    </row>
    <row r="1003029" spans="14:14">
      <c r="N1003029" s="10"/>
    </row>
    <row r="1003030" spans="14:14">
      <c r="N1003030" s="10"/>
    </row>
    <row r="1003031" spans="14:14">
      <c r="N1003031" s="10"/>
    </row>
    <row r="1003032" spans="14:14">
      <c r="N1003032" s="10"/>
    </row>
    <row r="1003033" spans="14:14">
      <c r="N1003033" s="10"/>
    </row>
    <row r="1003034" spans="14:14">
      <c r="N1003034" s="10"/>
    </row>
    <row r="1003035" spans="14:14">
      <c r="N1003035" s="10"/>
    </row>
    <row r="1003036" spans="14:14">
      <c r="N1003036" s="10"/>
    </row>
    <row r="1003037" spans="14:14">
      <c r="N1003037" s="10"/>
    </row>
    <row r="1003038" spans="14:14">
      <c r="N1003038" s="10"/>
    </row>
    <row r="1003039" spans="14:14">
      <c r="N1003039" s="10"/>
    </row>
    <row r="1003040" spans="14:14">
      <c r="N1003040" s="10"/>
    </row>
    <row r="1003041" spans="14:14">
      <c r="N1003041" s="10"/>
    </row>
    <row r="1003042" spans="14:14">
      <c r="N1003042" s="10"/>
    </row>
    <row r="1003043" spans="14:14">
      <c r="N1003043" s="10"/>
    </row>
    <row r="1003044" spans="14:14">
      <c r="N1003044" s="10"/>
    </row>
    <row r="1003045" spans="14:14">
      <c r="N1003045" s="10"/>
    </row>
    <row r="1003046" spans="14:14">
      <c r="N1003046" s="10"/>
    </row>
    <row r="1003047" spans="14:14">
      <c r="N1003047" s="10"/>
    </row>
    <row r="1003048" spans="14:14">
      <c r="N1003048" s="10"/>
    </row>
    <row r="1003049" spans="14:14">
      <c r="N1003049" s="10"/>
    </row>
    <row r="1003050" spans="14:14">
      <c r="N1003050" s="10"/>
    </row>
    <row r="1003051" spans="14:14">
      <c r="N1003051" s="10"/>
    </row>
    <row r="1003052" spans="14:14">
      <c r="N1003052" s="10"/>
    </row>
    <row r="1003053" spans="14:14">
      <c r="N1003053" s="10"/>
    </row>
    <row r="1003054" spans="14:14">
      <c r="N1003054" s="10"/>
    </row>
    <row r="1003055" spans="14:14">
      <c r="N1003055" s="10"/>
    </row>
    <row r="1003056" spans="14:14">
      <c r="N1003056" s="10"/>
    </row>
    <row r="1003057" spans="14:14">
      <c r="N1003057" s="10"/>
    </row>
    <row r="1003058" spans="14:14">
      <c r="N1003058" s="10"/>
    </row>
    <row r="1003059" spans="14:14">
      <c r="N1003059" s="10"/>
    </row>
    <row r="1003060" spans="14:14">
      <c r="N1003060" s="10"/>
    </row>
    <row r="1003061" spans="14:14">
      <c r="N1003061" s="10"/>
    </row>
    <row r="1003062" spans="14:14">
      <c r="N1003062" s="10"/>
    </row>
    <row r="1003063" spans="14:14">
      <c r="N1003063" s="10"/>
    </row>
    <row r="1003064" spans="14:14">
      <c r="N1003064" s="10"/>
    </row>
    <row r="1003065" spans="14:14">
      <c r="N1003065" s="10"/>
    </row>
    <row r="1003066" spans="14:14">
      <c r="N1003066" s="10"/>
    </row>
    <row r="1003067" spans="14:14">
      <c r="N1003067" s="10"/>
    </row>
    <row r="1003068" spans="14:14">
      <c r="N1003068" s="10"/>
    </row>
    <row r="1003069" spans="14:14">
      <c r="N1003069" s="10"/>
    </row>
    <row r="1003070" spans="14:14">
      <c r="N1003070" s="10"/>
    </row>
    <row r="1003071" spans="14:14">
      <c r="N1003071" s="10"/>
    </row>
    <row r="1003072" spans="14:14">
      <c r="N1003072" s="10"/>
    </row>
    <row r="1003073" spans="14:14">
      <c r="N1003073" s="10"/>
    </row>
    <row r="1003074" spans="14:14">
      <c r="N1003074" s="10"/>
    </row>
    <row r="1003075" spans="14:14">
      <c r="N1003075" s="10"/>
    </row>
    <row r="1003076" spans="14:14">
      <c r="N1003076" s="10"/>
    </row>
    <row r="1003077" spans="14:14">
      <c r="N1003077" s="10"/>
    </row>
    <row r="1003078" spans="14:14">
      <c r="N1003078" s="10"/>
    </row>
    <row r="1003079" spans="14:14">
      <c r="N1003079" s="10"/>
    </row>
    <row r="1003080" spans="14:14">
      <c r="N1003080" s="10"/>
    </row>
    <row r="1003081" spans="14:14">
      <c r="N1003081" s="10"/>
    </row>
    <row r="1003082" spans="14:14">
      <c r="N1003082" s="10"/>
    </row>
    <row r="1003083" spans="14:14">
      <c r="N1003083" s="10"/>
    </row>
    <row r="1003084" spans="14:14">
      <c r="N1003084" s="10"/>
    </row>
    <row r="1003085" spans="14:14">
      <c r="N1003085" s="10"/>
    </row>
    <row r="1003086" spans="14:14">
      <c r="N1003086" s="10"/>
    </row>
    <row r="1003087" spans="14:14">
      <c r="N1003087" s="10"/>
    </row>
    <row r="1003088" spans="14:14">
      <c r="N1003088" s="10"/>
    </row>
    <row r="1003089" spans="14:14">
      <c r="N1003089" s="10"/>
    </row>
    <row r="1003090" spans="14:14">
      <c r="N1003090" s="10"/>
    </row>
    <row r="1003091" spans="14:14">
      <c r="N1003091" s="10"/>
    </row>
    <row r="1003092" spans="14:14">
      <c r="N1003092" s="10"/>
    </row>
    <row r="1003093" spans="14:14">
      <c r="N1003093" s="10"/>
    </row>
    <row r="1003094" spans="14:14">
      <c r="N1003094" s="10"/>
    </row>
    <row r="1003095" spans="14:14">
      <c r="N1003095" s="10"/>
    </row>
    <row r="1003096" spans="14:14">
      <c r="N1003096" s="10"/>
    </row>
    <row r="1003097" spans="14:14">
      <c r="N1003097" s="10"/>
    </row>
    <row r="1003098" spans="14:14">
      <c r="N1003098" s="10"/>
    </row>
    <row r="1003099" spans="14:14">
      <c r="N1003099" s="10"/>
    </row>
    <row r="1003100" spans="14:14">
      <c r="N1003100" s="10"/>
    </row>
    <row r="1003101" spans="14:14">
      <c r="N1003101" s="10"/>
    </row>
    <row r="1003102" spans="14:14">
      <c r="N1003102" s="10"/>
    </row>
    <row r="1003103" spans="14:14">
      <c r="N1003103" s="10"/>
    </row>
    <row r="1003104" spans="14:14">
      <c r="N1003104" s="10"/>
    </row>
    <row r="1003105" spans="14:14">
      <c r="N1003105" s="10"/>
    </row>
    <row r="1003106" spans="14:14">
      <c r="N1003106" s="10"/>
    </row>
    <row r="1003107" spans="14:14">
      <c r="N1003107" s="10"/>
    </row>
    <row r="1003108" spans="14:14">
      <c r="N1003108" s="10"/>
    </row>
    <row r="1003109" spans="14:14">
      <c r="N1003109" s="10"/>
    </row>
    <row r="1003110" spans="14:14">
      <c r="N1003110" s="10"/>
    </row>
    <row r="1003111" spans="14:14">
      <c r="N1003111" s="10"/>
    </row>
    <row r="1003112" spans="14:14">
      <c r="N1003112" s="10"/>
    </row>
    <row r="1003113" spans="14:14">
      <c r="N1003113" s="10"/>
    </row>
    <row r="1003114" spans="14:14">
      <c r="N1003114" s="10"/>
    </row>
    <row r="1003115" spans="14:14">
      <c r="N1003115" s="10"/>
    </row>
    <row r="1003116" spans="14:14">
      <c r="N1003116" s="10"/>
    </row>
    <row r="1003117" spans="14:14">
      <c r="N1003117" s="10"/>
    </row>
    <row r="1003118" spans="14:14">
      <c r="N1003118" s="10"/>
    </row>
    <row r="1003119" spans="14:14">
      <c r="N1003119" s="10"/>
    </row>
    <row r="1003120" spans="14:14">
      <c r="N1003120" s="10"/>
    </row>
    <row r="1003121" spans="14:14">
      <c r="N1003121" s="10"/>
    </row>
    <row r="1003122" spans="14:14">
      <c r="N1003122" s="10"/>
    </row>
    <row r="1003123" spans="14:14">
      <c r="N1003123" s="10"/>
    </row>
    <row r="1003124" spans="14:14">
      <c r="N1003124" s="10"/>
    </row>
    <row r="1003125" spans="14:14">
      <c r="N1003125" s="10"/>
    </row>
    <row r="1003126" spans="14:14">
      <c r="N1003126" s="10"/>
    </row>
    <row r="1003127" spans="14:14">
      <c r="N1003127" s="10"/>
    </row>
    <row r="1003128" spans="14:14">
      <c r="N1003128" s="10"/>
    </row>
    <row r="1003129" spans="14:14">
      <c r="N1003129" s="10"/>
    </row>
    <row r="1003130" spans="14:14">
      <c r="N1003130" s="10"/>
    </row>
    <row r="1003131" spans="14:14">
      <c r="N1003131" s="10"/>
    </row>
    <row r="1003132" spans="14:14">
      <c r="N1003132" s="10"/>
    </row>
    <row r="1003133" spans="14:14">
      <c r="N1003133" s="10"/>
    </row>
    <row r="1003134" spans="14:14">
      <c r="N1003134" s="10"/>
    </row>
    <row r="1003135" spans="14:14">
      <c r="N1003135" s="10"/>
    </row>
    <row r="1003136" spans="14:14">
      <c r="N1003136" s="10"/>
    </row>
    <row r="1003137" spans="14:14">
      <c r="N1003137" s="10"/>
    </row>
    <row r="1003138" spans="14:14">
      <c r="N1003138" s="10"/>
    </row>
    <row r="1003139" spans="14:14">
      <c r="N1003139" s="10"/>
    </row>
    <row r="1003140" spans="14:14">
      <c r="N1003140" s="10"/>
    </row>
    <row r="1003141" spans="14:14">
      <c r="N1003141" s="10"/>
    </row>
    <row r="1003142" spans="14:14">
      <c r="N1003142" s="10"/>
    </row>
    <row r="1003143" spans="14:14">
      <c r="N1003143" s="10"/>
    </row>
    <row r="1003144" spans="14:14">
      <c r="N1003144" s="10"/>
    </row>
    <row r="1003145" spans="14:14">
      <c r="N1003145" s="10"/>
    </row>
    <row r="1003146" spans="14:14">
      <c r="N1003146" s="10"/>
    </row>
    <row r="1003147" spans="14:14">
      <c r="N1003147" s="10"/>
    </row>
    <row r="1003148" spans="14:14">
      <c r="N1003148" s="10"/>
    </row>
    <row r="1003149" spans="14:14">
      <c r="N1003149" s="10"/>
    </row>
    <row r="1003150" spans="14:14">
      <c r="N1003150" s="10"/>
    </row>
    <row r="1003151" spans="14:14">
      <c r="N1003151" s="10"/>
    </row>
    <row r="1003152" spans="14:14">
      <c r="N1003152" s="10"/>
    </row>
    <row r="1003153" spans="14:14">
      <c r="N1003153" s="10"/>
    </row>
    <row r="1003154" spans="14:14">
      <c r="N1003154" s="10"/>
    </row>
    <row r="1003155" spans="14:14">
      <c r="N1003155" s="10"/>
    </row>
    <row r="1003156" spans="14:14">
      <c r="N1003156" s="10"/>
    </row>
    <row r="1003157" spans="14:14">
      <c r="N1003157" s="10"/>
    </row>
    <row r="1003158" spans="14:14">
      <c r="N1003158" s="10"/>
    </row>
    <row r="1003159" spans="14:14">
      <c r="N1003159" s="10"/>
    </row>
    <row r="1003160" spans="14:14">
      <c r="N1003160" s="10"/>
    </row>
    <row r="1003161" spans="14:14">
      <c r="N1003161" s="10"/>
    </row>
    <row r="1003162" spans="14:14">
      <c r="N1003162" s="10"/>
    </row>
    <row r="1003163" spans="14:14">
      <c r="N1003163" s="10"/>
    </row>
    <row r="1003164" spans="14:14">
      <c r="N1003164" s="10"/>
    </row>
    <row r="1003165" spans="14:14">
      <c r="N1003165" s="10"/>
    </row>
    <row r="1003166" spans="14:14">
      <c r="N1003166" s="10"/>
    </row>
    <row r="1003167" spans="14:14">
      <c r="N1003167" s="10"/>
    </row>
    <row r="1003168" spans="14:14">
      <c r="N1003168" s="10"/>
    </row>
    <row r="1003169" spans="14:14">
      <c r="N1003169" s="10"/>
    </row>
    <row r="1003170" spans="14:14">
      <c r="N1003170" s="10"/>
    </row>
    <row r="1003171" spans="14:14">
      <c r="N1003171" s="10"/>
    </row>
    <row r="1003172" spans="14:14">
      <c r="N1003172" s="10"/>
    </row>
    <row r="1003173" spans="14:14">
      <c r="N1003173" s="10"/>
    </row>
    <row r="1003174" spans="14:14">
      <c r="N1003174" s="10"/>
    </row>
    <row r="1003175" spans="14:14">
      <c r="N1003175" s="10"/>
    </row>
    <row r="1003176" spans="14:14">
      <c r="N1003176" s="10"/>
    </row>
    <row r="1003177" spans="14:14">
      <c r="N1003177" s="10"/>
    </row>
    <row r="1003178" spans="14:14">
      <c r="N1003178" s="10"/>
    </row>
    <row r="1003179" spans="14:14">
      <c r="N1003179" s="10"/>
    </row>
    <row r="1003180" spans="14:14">
      <c r="N1003180" s="10"/>
    </row>
    <row r="1003181" spans="14:14">
      <c r="N1003181" s="10"/>
    </row>
    <row r="1003182" spans="14:14">
      <c r="N1003182" s="10"/>
    </row>
    <row r="1003183" spans="14:14">
      <c r="N1003183" s="10"/>
    </row>
    <row r="1003184" spans="14:14">
      <c r="N1003184" s="10"/>
    </row>
    <row r="1003185" spans="14:14">
      <c r="N1003185" s="10"/>
    </row>
    <row r="1003186" spans="14:14">
      <c r="N1003186" s="10"/>
    </row>
    <row r="1003187" spans="14:14">
      <c r="N1003187" s="10"/>
    </row>
    <row r="1003188" spans="14:14">
      <c r="N1003188" s="10"/>
    </row>
    <row r="1003189" spans="14:14">
      <c r="N1003189" s="10"/>
    </row>
    <row r="1003190" spans="14:14">
      <c r="N1003190" s="10"/>
    </row>
    <row r="1003191" spans="14:14">
      <c r="N1003191" s="10"/>
    </row>
    <row r="1003192" spans="14:14">
      <c r="N1003192" s="10"/>
    </row>
    <row r="1003193" spans="14:14">
      <c r="N1003193" s="10"/>
    </row>
    <row r="1003194" spans="14:14">
      <c r="N1003194" s="10"/>
    </row>
    <row r="1003195" spans="14:14">
      <c r="N1003195" s="10"/>
    </row>
    <row r="1003196" spans="14:14">
      <c r="N1003196" s="10"/>
    </row>
    <row r="1003197" spans="14:14">
      <c r="N1003197" s="10"/>
    </row>
    <row r="1003198" spans="14:14">
      <c r="N1003198" s="10"/>
    </row>
    <row r="1003199" spans="14:14">
      <c r="N1003199" s="10"/>
    </row>
    <row r="1003200" spans="14:14">
      <c r="N1003200" s="10"/>
    </row>
    <row r="1003201" spans="14:14">
      <c r="N1003201" s="10"/>
    </row>
    <row r="1003202" spans="14:14">
      <c r="N1003202" s="10"/>
    </row>
    <row r="1003203" spans="14:14">
      <c r="N1003203" s="10"/>
    </row>
    <row r="1003204" spans="14:14">
      <c r="N1003204" s="10"/>
    </row>
    <row r="1003205" spans="14:14">
      <c r="N1003205" s="10"/>
    </row>
    <row r="1003206" spans="14:14">
      <c r="N1003206" s="10"/>
    </row>
    <row r="1003207" spans="14:14">
      <c r="N1003207" s="10"/>
    </row>
    <row r="1003208" spans="14:14">
      <c r="N1003208" s="10"/>
    </row>
    <row r="1003209" spans="14:14">
      <c r="N1003209" s="10"/>
    </row>
    <row r="1003210" spans="14:14">
      <c r="N1003210" s="10"/>
    </row>
    <row r="1003211" spans="14:14">
      <c r="N1003211" s="10"/>
    </row>
    <row r="1003212" spans="14:14">
      <c r="N1003212" s="10"/>
    </row>
    <row r="1003213" spans="14:14">
      <c r="N1003213" s="10"/>
    </row>
    <row r="1003214" spans="14:14">
      <c r="N1003214" s="10"/>
    </row>
    <row r="1003215" spans="14:14">
      <c r="N1003215" s="10"/>
    </row>
    <row r="1003216" spans="14:14">
      <c r="N1003216" s="10"/>
    </row>
    <row r="1003217" spans="14:14">
      <c r="N1003217" s="10"/>
    </row>
    <row r="1003218" spans="14:14">
      <c r="N1003218" s="10"/>
    </row>
    <row r="1003219" spans="14:14">
      <c r="N1003219" s="10"/>
    </row>
    <row r="1003220" spans="14:14">
      <c r="N1003220" s="10"/>
    </row>
    <row r="1003221" spans="14:14">
      <c r="N1003221" s="10"/>
    </row>
    <row r="1003222" spans="14:14">
      <c r="N1003222" s="10"/>
    </row>
    <row r="1003223" spans="14:14">
      <c r="N1003223" s="10"/>
    </row>
    <row r="1003224" spans="14:14">
      <c r="N1003224" s="10"/>
    </row>
    <row r="1003225" spans="14:14">
      <c r="N1003225" s="10"/>
    </row>
    <row r="1003226" spans="14:14">
      <c r="N1003226" s="10"/>
    </row>
    <row r="1003227" spans="14:14">
      <c r="N1003227" s="10"/>
    </row>
    <row r="1003228" spans="14:14">
      <c r="N1003228" s="10"/>
    </row>
    <row r="1003229" spans="14:14">
      <c r="N1003229" s="10"/>
    </row>
    <row r="1003230" spans="14:14">
      <c r="N1003230" s="10"/>
    </row>
    <row r="1003231" spans="14:14">
      <c r="N1003231" s="10"/>
    </row>
    <row r="1003232" spans="14:14">
      <c r="N1003232" s="10"/>
    </row>
    <row r="1003233" spans="14:14">
      <c r="N1003233" s="10"/>
    </row>
    <row r="1003234" spans="14:14">
      <c r="N1003234" s="10"/>
    </row>
    <row r="1003235" spans="14:14">
      <c r="N1003235" s="10"/>
    </row>
    <row r="1003236" spans="14:14">
      <c r="N1003236" s="10"/>
    </row>
    <row r="1003237" spans="14:14">
      <c r="N1003237" s="10"/>
    </row>
    <row r="1003238" spans="14:14">
      <c r="N1003238" s="10"/>
    </row>
    <row r="1003239" spans="14:14">
      <c r="N1003239" s="10"/>
    </row>
    <row r="1003240" spans="14:14">
      <c r="N1003240" s="10"/>
    </row>
    <row r="1003241" spans="14:14">
      <c r="N1003241" s="10"/>
    </row>
    <row r="1003242" spans="14:14">
      <c r="N1003242" s="10"/>
    </row>
    <row r="1003243" spans="14:14">
      <c r="N1003243" s="10"/>
    </row>
    <row r="1003244" spans="14:14">
      <c r="N1003244" s="10"/>
    </row>
    <row r="1003245" spans="14:14">
      <c r="N1003245" s="10"/>
    </row>
    <row r="1003246" spans="14:14">
      <c r="N1003246" s="10"/>
    </row>
    <row r="1003247" spans="14:14">
      <c r="N1003247" s="10"/>
    </row>
    <row r="1003248" spans="14:14">
      <c r="N1003248" s="10"/>
    </row>
    <row r="1003249" spans="14:14">
      <c r="N1003249" s="10"/>
    </row>
    <row r="1003250" spans="14:14">
      <c r="N1003250" s="10"/>
    </row>
    <row r="1003251" spans="14:14">
      <c r="N1003251" s="10"/>
    </row>
    <row r="1003252" spans="14:14">
      <c r="N1003252" s="10"/>
    </row>
    <row r="1003253" spans="14:14">
      <c r="N1003253" s="10"/>
    </row>
    <row r="1003254" spans="14:14">
      <c r="N1003254" s="10"/>
    </row>
    <row r="1003255" spans="14:14">
      <c r="N1003255" s="10"/>
    </row>
    <row r="1003256" spans="14:14">
      <c r="N1003256" s="10"/>
    </row>
    <row r="1003257" spans="14:14">
      <c r="N1003257" s="10"/>
    </row>
    <row r="1003258" spans="14:14">
      <c r="N1003258" s="10"/>
    </row>
    <row r="1003259" spans="14:14">
      <c r="N1003259" s="10"/>
    </row>
    <row r="1003260" spans="14:14">
      <c r="N1003260" s="10"/>
    </row>
    <row r="1003261" spans="14:14">
      <c r="N1003261" s="10"/>
    </row>
    <row r="1003262" spans="14:14">
      <c r="N1003262" s="10"/>
    </row>
    <row r="1003263" spans="14:14">
      <c r="N1003263" s="10"/>
    </row>
    <row r="1003264" spans="14:14">
      <c r="N1003264" s="10"/>
    </row>
    <row r="1003265" spans="14:14">
      <c r="N1003265" s="10"/>
    </row>
    <row r="1003266" spans="14:14">
      <c r="N1003266" s="10"/>
    </row>
    <row r="1003267" spans="14:14">
      <c r="N1003267" s="10"/>
    </row>
    <row r="1003268" spans="14:14">
      <c r="N1003268" s="10"/>
    </row>
    <row r="1003269" spans="14:14">
      <c r="N1003269" s="10"/>
    </row>
    <row r="1003270" spans="14:14">
      <c r="N1003270" s="10"/>
    </row>
    <row r="1003271" spans="14:14">
      <c r="N1003271" s="10"/>
    </row>
    <row r="1003272" spans="14:14">
      <c r="N1003272" s="10"/>
    </row>
    <row r="1003273" spans="14:14">
      <c r="N1003273" s="10"/>
    </row>
    <row r="1003274" spans="14:14">
      <c r="N1003274" s="10"/>
    </row>
    <row r="1003275" spans="14:14">
      <c r="N1003275" s="10"/>
    </row>
    <row r="1003276" spans="14:14">
      <c r="N1003276" s="10"/>
    </row>
    <row r="1003277" spans="14:14">
      <c r="N1003277" s="10"/>
    </row>
    <row r="1003278" spans="14:14">
      <c r="N1003278" s="10"/>
    </row>
    <row r="1003279" spans="14:14">
      <c r="N1003279" s="10"/>
    </row>
    <row r="1003280" spans="14:14">
      <c r="N1003280" s="10"/>
    </row>
    <row r="1003281" spans="14:14">
      <c r="N1003281" s="10"/>
    </row>
    <row r="1003282" spans="14:14">
      <c r="N1003282" s="10"/>
    </row>
    <row r="1003283" spans="14:14">
      <c r="N1003283" s="10"/>
    </row>
    <row r="1003284" spans="14:14">
      <c r="N1003284" s="10"/>
    </row>
    <row r="1003285" spans="14:14">
      <c r="N1003285" s="10"/>
    </row>
    <row r="1003286" spans="14:14">
      <c r="N1003286" s="10"/>
    </row>
    <row r="1003287" spans="14:14">
      <c r="N1003287" s="10"/>
    </row>
    <row r="1003288" spans="14:14">
      <c r="N1003288" s="10"/>
    </row>
    <row r="1003289" spans="14:14">
      <c r="N1003289" s="10"/>
    </row>
    <row r="1003290" spans="14:14">
      <c r="N1003290" s="10"/>
    </row>
    <row r="1003291" spans="14:14">
      <c r="N1003291" s="10"/>
    </row>
    <row r="1003292" spans="14:14">
      <c r="N1003292" s="10"/>
    </row>
    <row r="1003293" spans="14:14">
      <c r="N1003293" s="10"/>
    </row>
    <row r="1003294" spans="14:14">
      <c r="N1003294" s="10"/>
    </row>
    <row r="1003295" spans="14:14">
      <c r="N1003295" s="10"/>
    </row>
    <row r="1003296" spans="14:14">
      <c r="N1003296" s="10"/>
    </row>
    <row r="1003297" spans="14:14">
      <c r="N1003297" s="10"/>
    </row>
    <row r="1003298" spans="14:14">
      <c r="N1003298" s="10"/>
    </row>
    <row r="1003299" spans="14:14">
      <c r="N1003299" s="10"/>
    </row>
    <row r="1003300" spans="14:14">
      <c r="N1003300" s="10"/>
    </row>
    <row r="1003301" spans="14:14">
      <c r="N1003301" s="10"/>
    </row>
    <row r="1003302" spans="14:14">
      <c r="N1003302" s="10"/>
    </row>
    <row r="1003303" spans="14:14">
      <c r="N1003303" s="10"/>
    </row>
    <row r="1003304" spans="14:14">
      <c r="N1003304" s="10"/>
    </row>
    <row r="1003305" spans="14:14">
      <c r="N1003305" s="10"/>
    </row>
    <row r="1003306" spans="14:14">
      <c r="N1003306" s="10"/>
    </row>
    <row r="1003307" spans="14:14">
      <c r="N1003307" s="10"/>
    </row>
    <row r="1003308" spans="14:14">
      <c r="N1003308" s="10"/>
    </row>
    <row r="1003309" spans="14:14">
      <c r="N1003309" s="10"/>
    </row>
    <row r="1003310" spans="14:14">
      <c r="N1003310" s="10"/>
    </row>
    <row r="1003311" spans="14:14">
      <c r="N1003311" s="10"/>
    </row>
    <row r="1003312" spans="14:14">
      <c r="N1003312" s="10"/>
    </row>
    <row r="1003313" spans="14:14">
      <c r="N1003313" s="10"/>
    </row>
    <row r="1003314" spans="14:14">
      <c r="N1003314" s="10"/>
    </row>
    <row r="1003315" spans="14:14">
      <c r="N1003315" s="10"/>
    </row>
    <row r="1003316" spans="14:14">
      <c r="N1003316" s="10"/>
    </row>
    <row r="1003317" spans="14:14">
      <c r="N1003317" s="10"/>
    </row>
    <row r="1003318" spans="14:14">
      <c r="N1003318" s="10"/>
    </row>
    <row r="1003319" spans="14:14">
      <c r="N1003319" s="10"/>
    </row>
    <row r="1003320" spans="14:14">
      <c r="N1003320" s="10"/>
    </row>
    <row r="1003321" spans="14:14">
      <c r="N1003321" s="10"/>
    </row>
    <row r="1003322" spans="14:14">
      <c r="N1003322" s="10"/>
    </row>
    <row r="1003323" spans="14:14">
      <c r="N1003323" s="10"/>
    </row>
    <row r="1003324" spans="14:14">
      <c r="N1003324" s="10"/>
    </row>
    <row r="1003325" spans="14:14">
      <c r="N1003325" s="10"/>
    </row>
    <row r="1003326" spans="14:14">
      <c r="N1003326" s="10"/>
    </row>
    <row r="1003327" spans="14:14">
      <c r="N1003327" s="10"/>
    </row>
    <row r="1003328" spans="14:14">
      <c r="N1003328" s="10"/>
    </row>
    <row r="1003329" spans="14:14">
      <c r="N1003329" s="10"/>
    </row>
    <row r="1003330" spans="14:14">
      <c r="N1003330" s="10"/>
    </row>
    <row r="1003331" spans="14:14">
      <c r="N1003331" s="10"/>
    </row>
    <row r="1003332" spans="14:14">
      <c r="N1003332" s="10"/>
    </row>
    <row r="1003333" spans="14:14">
      <c r="N1003333" s="10"/>
    </row>
    <row r="1003334" spans="14:14">
      <c r="N1003334" s="10"/>
    </row>
    <row r="1003335" spans="14:14">
      <c r="N1003335" s="10"/>
    </row>
    <row r="1003336" spans="14:14">
      <c r="N1003336" s="10"/>
    </row>
    <row r="1003337" spans="14:14">
      <c r="N1003337" s="10"/>
    </row>
    <row r="1003338" spans="14:14">
      <c r="N1003338" s="10"/>
    </row>
    <row r="1003339" spans="14:14">
      <c r="N1003339" s="10"/>
    </row>
    <row r="1003340" spans="14:14">
      <c r="N1003340" s="10"/>
    </row>
    <row r="1003341" spans="14:14">
      <c r="N1003341" s="10"/>
    </row>
    <row r="1003342" spans="14:14">
      <c r="N1003342" s="10"/>
    </row>
    <row r="1003343" spans="14:14">
      <c r="N1003343" s="10"/>
    </row>
    <row r="1003344" spans="14:14">
      <c r="N1003344" s="10"/>
    </row>
    <row r="1003345" spans="14:14">
      <c r="N1003345" s="10"/>
    </row>
    <row r="1003346" spans="14:14">
      <c r="N1003346" s="10"/>
    </row>
    <row r="1003347" spans="14:14">
      <c r="N1003347" s="10"/>
    </row>
    <row r="1003348" spans="14:14">
      <c r="N1003348" s="10"/>
    </row>
    <row r="1003349" spans="14:14">
      <c r="N1003349" s="10"/>
    </row>
    <row r="1003350" spans="14:14">
      <c r="N1003350" s="10"/>
    </row>
    <row r="1003351" spans="14:14">
      <c r="N1003351" s="10"/>
    </row>
    <row r="1003352" spans="14:14">
      <c r="N1003352" s="10"/>
    </row>
    <row r="1003353" spans="14:14">
      <c r="N1003353" s="10"/>
    </row>
    <row r="1003354" spans="14:14">
      <c r="N1003354" s="10"/>
    </row>
    <row r="1003355" spans="14:14">
      <c r="N1003355" s="10"/>
    </row>
    <row r="1003356" spans="14:14">
      <c r="N1003356" s="10"/>
    </row>
    <row r="1003357" spans="14:14">
      <c r="N1003357" s="10"/>
    </row>
    <row r="1003358" spans="14:14">
      <c r="N1003358" s="10"/>
    </row>
    <row r="1003359" spans="14:14">
      <c r="N1003359" s="10"/>
    </row>
    <row r="1003360" spans="14:14">
      <c r="N1003360" s="10"/>
    </row>
    <row r="1003361" spans="14:14">
      <c r="N1003361" s="10"/>
    </row>
    <row r="1003362" spans="14:14">
      <c r="N1003362" s="10"/>
    </row>
    <row r="1003363" spans="14:14">
      <c r="N1003363" s="10"/>
    </row>
    <row r="1003364" spans="14:14">
      <c r="N1003364" s="10"/>
    </row>
    <row r="1003365" spans="14:14">
      <c r="N1003365" s="10"/>
    </row>
    <row r="1003366" spans="14:14">
      <c r="N1003366" s="10"/>
    </row>
    <row r="1003367" spans="14:14">
      <c r="N1003367" s="10"/>
    </row>
    <row r="1003368" spans="14:14">
      <c r="N1003368" s="10"/>
    </row>
    <row r="1003369" spans="14:14">
      <c r="N1003369" s="10"/>
    </row>
    <row r="1003370" spans="14:14">
      <c r="N1003370" s="10"/>
    </row>
    <row r="1003371" spans="14:14">
      <c r="N1003371" s="10"/>
    </row>
    <row r="1003372" spans="14:14">
      <c r="N1003372" s="10"/>
    </row>
    <row r="1003373" spans="14:14">
      <c r="N1003373" s="10"/>
    </row>
    <row r="1003374" spans="14:14">
      <c r="N1003374" s="10"/>
    </row>
    <row r="1003375" spans="14:14">
      <c r="N1003375" s="10"/>
    </row>
    <row r="1003376" spans="14:14">
      <c r="N1003376" s="10"/>
    </row>
    <row r="1003377" spans="14:14">
      <c r="N1003377" s="10"/>
    </row>
    <row r="1003378" spans="14:14">
      <c r="N1003378" s="10"/>
    </row>
    <row r="1003379" spans="14:14">
      <c r="N1003379" s="10"/>
    </row>
    <row r="1003380" spans="14:14">
      <c r="N1003380" s="10"/>
    </row>
    <row r="1003381" spans="14:14">
      <c r="N1003381" s="10"/>
    </row>
    <row r="1003382" spans="14:14">
      <c r="N1003382" s="10"/>
    </row>
    <row r="1003383" spans="14:14">
      <c r="N1003383" s="10"/>
    </row>
    <row r="1003384" spans="14:14">
      <c r="N1003384" s="10"/>
    </row>
    <row r="1003385" spans="14:14">
      <c r="N1003385" s="10"/>
    </row>
    <row r="1003386" spans="14:14">
      <c r="N1003386" s="10"/>
    </row>
    <row r="1003387" spans="14:14">
      <c r="N1003387" s="10"/>
    </row>
    <row r="1003388" spans="14:14">
      <c r="N1003388" s="10"/>
    </row>
    <row r="1003389" spans="14:14">
      <c r="N1003389" s="10"/>
    </row>
    <row r="1003390" spans="14:14">
      <c r="N1003390" s="10"/>
    </row>
    <row r="1003391" spans="14:14">
      <c r="N1003391" s="10"/>
    </row>
    <row r="1003392" spans="14:14">
      <c r="N1003392" s="10"/>
    </row>
    <row r="1003393" spans="14:14">
      <c r="N1003393" s="10"/>
    </row>
    <row r="1003394" spans="14:14">
      <c r="N1003394" s="10"/>
    </row>
    <row r="1003395" spans="14:14">
      <c r="N1003395" s="10"/>
    </row>
    <row r="1003396" spans="14:14">
      <c r="N1003396" s="10"/>
    </row>
    <row r="1003397" spans="14:14">
      <c r="N1003397" s="10"/>
    </row>
    <row r="1003398" spans="14:14">
      <c r="N1003398" s="10"/>
    </row>
    <row r="1003399" spans="14:14">
      <c r="N1003399" s="10"/>
    </row>
    <row r="1003400" spans="14:14">
      <c r="N1003400" s="10"/>
    </row>
    <row r="1003401" spans="14:14">
      <c r="N1003401" s="10"/>
    </row>
    <row r="1003402" spans="14:14">
      <c r="N1003402" s="10"/>
    </row>
    <row r="1003403" spans="14:14">
      <c r="N1003403" s="10"/>
    </row>
    <row r="1003404" spans="14:14">
      <c r="N1003404" s="10"/>
    </row>
    <row r="1003405" spans="14:14">
      <c r="N1003405" s="10"/>
    </row>
    <row r="1003406" spans="14:14">
      <c r="N1003406" s="10"/>
    </row>
    <row r="1003407" spans="14:14">
      <c r="N1003407" s="10"/>
    </row>
    <row r="1003408" spans="14:14">
      <c r="N1003408" s="10"/>
    </row>
    <row r="1003409" spans="14:14">
      <c r="N1003409" s="10"/>
    </row>
    <row r="1003410" spans="14:14">
      <c r="N1003410" s="10"/>
    </row>
    <row r="1003411" spans="14:14">
      <c r="N1003411" s="10"/>
    </row>
    <row r="1003412" spans="14:14">
      <c r="N1003412" s="10"/>
    </row>
    <row r="1003413" spans="14:14">
      <c r="N1003413" s="10"/>
    </row>
    <row r="1003414" spans="14:14">
      <c r="N1003414" s="10"/>
    </row>
    <row r="1003415" spans="14:14">
      <c r="N1003415" s="10"/>
    </row>
    <row r="1003416" spans="14:14">
      <c r="N1003416" s="10"/>
    </row>
    <row r="1003417" spans="14:14">
      <c r="N1003417" s="10"/>
    </row>
    <row r="1003418" spans="14:14">
      <c r="N1003418" s="10"/>
    </row>
    <row r="1003419" spans="14:14">
      <c r="N1003419" s="10"/>
    </row>
    <row r="1003420" spans="14:14">
      <c r="N1003420" s="10"/>
    </row>
    <row r="1003421" spans="14:14">
      <c r="N1003421" s="10"/>
    </row>
    <row r="1003422" spans="14:14">
      <c r="N1003422" s="10"/>
    </row>
    <row r="1003423" spans="14:14">
      <c r="N1003423" s="10"/>
    </row>
    <row r="1003424" spans="14:14">
      <c r="N1003424" s="10"/>
    </row>
    <row r="1003425" spans="14:14">
      <c r="N1003425" s="10"/>
    </row>
    <row r="1003426" spans="14:14">
      <c r="N1003426" s="10"/>
    </row>
    <row r="1003427" spans="14:14">
      <c r="N1003427" s="10"/>
    </row>
    <row r="1003428" spans="14:14">
      <c r="N1003428" s="10"/>
    </row>
    <row r="1003429" spans="14:14">
      <c r="N1003429" s="10"/>
    </row>
    <row r="1003430" spans="14:14">
      <c r="N1003430" s="10"/>
    </row>
    <row r="1003431" spans="14:14">
      <c r="N1003431" s="10"/>
    </row>
    <row r="1003432" spans="14:14">
      <c r="N1003432" s="10"/>
    </row>
    <row r="1003433" spans="14:14">
      <c r="N1003433" s="10"/>
    </row>
    <row r="1003434" spans="14:14">
      <c r="N1003434" s="10"/>
    </row>
    <row r="1003435" spans="14:14">
      <c r="N1003435" s="10"/>
    </row>
    <row r="1003436" spans="14:14">
      <c r="N1003436" s="10"/>
    </row>
    <row r="1003437" spans="14:14">
      <c r="N1003437" s="10"/>
    </row>
    <row r="1003438" spans="14:14">
      <c r="N1003438" s="10"/>
    </row>
    <row r="1003439" spans="14:14">
      <c r="N1003439" s="10"/>
    </row>
    <row r="1003440" spans="14:14">
      <c r="N1003440" s="10"/>
    </row>
    <row r="1003441" spans="14:14">
      <c r="N1003441" s="10"/>
    </row>
    <row r="1003442" spans="14:14">
      <c r="N1003442" s="10"/>
    </row>
    <row r="1003443" spans="14:14">
      <c r="N1003443" s="10"/>
    </row>
    <row r="1003444" spans="14:14">
      <c r="N1003444" s="10"/>
    </row>
    <row r="1003445" spans="14:14">
      <c r="N1003445" s="10"/>
    </row>
    <row r="1003446" spans="14:14">
      <c r="N1003446" s="10"/>
    </row>
    <row r="1003447" spans="14:14">
      <c r="N1003447" s="10"/>
    </row>
    <row r="1003448" spans="14:14">
      <c r="N1003448" s="10"/>
    </row>
    <row r="1003449" spans="14:14">
      <c r="N1003449" s="10"/>
    </row>
    <row r="1003450" spans="14:14">
      <c r="N1003450" s="10"/>
    </row>
    <row r="1003451" spans="14:14">
      <c r="N1003451" s="10"/>
    </row>
    <row r="1003452" spans="14:14">
      <c r="N1003452" s="10"/>
    </row>
    <row r="1003453" spans="14:14">
      <c r="N1003453" s="10"/>
    </row>
    <row r="1003454" spans="14:14">
      <c r="N1003454" s="10"/>
    </row>
    <row r="1003455" spans="14:14">
      <c r="N1003455" s="10"/>
    </row>
    <row r="1003456" spans="14:14">
      <c r="N1003456" s="10"/>
    </row>
    <row r="1003457" spans="14:14">
      <c r="N1003457" s="10"/>
    </row>
    <row r="1003458" spans="14:14">
      <c r="N1003458" s="10"/>
    </row>
    <row r="1003459" spans="14:14">
      <c r="N1003459" s="10"/>
    </row>
    <row r="1003460" spans="14:14">
      <c r="N1003460" s="10"/>
    </row>
    <row r="1003461" spans="14:14">
      <c r="N1003461" s="10"/>
    </row>
    <row r="1003462" spans="14:14">
      <c r="N1003462" s="10"/>
    </row>
    <row r="1003463" spans="14:14">
      <c r="N1003463" s="10"/>
    </row>
    <row r="1003464" spans="14:14">
      <c r="N1003464" s="10"/>
    </row>
    <row r="1003465" spans="14:14">
      <c r="N1003465" s="10"/>
    </row>
    <row r="1003466" spans="14:14">
      <c r="N1003466" s="10"/>
    </row>
    <row r="1003467" spans="14:14">
      <c r="N1003467" s="10"/>
    </row>
    <row r="1003468" spans="14:14">
      <c r="N1003468" s="10"/>
    </row>
    <row r="1003469" spans="14:14">
      <c r="N1003469" s="10"/>
    </row>
    <row r="1003470" spans="14:14">
      <c r="N1003470" s="10"/>
    </row>
    <row r="1003471" spans="14:14">
      <c r="N1003471" s="10"/>
    </row>
    <row r="1003472" spans="14:14">
      <c r="N1003472" s="10"/>
    </row>
    <row r="1003473" spans="14:14">
      <c r="N1003473" s="10"/>
    </row>
    <row r="1003474" spans="14:14">
      <c r="N1003474" s="10"/>
    </row>
    <row r="1003475" spans="14:14">
      <c r="N1003475" s="10"/>
    </row>
    <row r="1003476" spans="14:14">
      <c r="N1003476" s="10"/>
    </row>
    <row r="1003477" spans="14:14">
      <c r="N1003477" s="10"/>
    </row>
    <row r="1003478" spans="14:14">
      <c r="N1003478" s="10"/>
    </row>
    <row r="1003479" spans="14:14">
      <c r="N1003479" s="10"/>
    </row>
    <row r="1003480" spans="14:14">
      <c r="N1003480" s="10"/>
    </row>
    <row r="1003481" spans="14:14">
      <c r="N1003481" s="10"/>
    </row>
    <row r="1003482" spans="14:14">
      <c r="N1003482" s="10"/>
    </row>
    <row r="1003483" spans="14:14">
      <c r="N1003483" s="10"/>
    </row>
    <row r="1003484" spans="14:14">
      <c r="N1003484" s="10"/>
    </row>
    <row r="1003485" spans="14:14">
      <c r="N1003485" s="10"/>
    </row>
    <row r="1003486" spans="14:14">
      <c r="N1003486" s="10"/>
    </row>
    <row r="1003487" spans="14:14">
      <c r="N1003487" s="10"/>
    </row>
    <row r="1003488" spans="14:14">
      <c r="N1003488" s="10"/>
    </row>
    <row r="1003489" spans="14:14">
      <c r="N1003489" s="10"/>
    </row>
    <row r="1003490" spans="14:14">
      <c r="N1003490" s="10"/>
    </row>
    <row r="1003491" spans="14:14">
      <c r="N1003491" s="10"/>
    </row>
    <row r="1003492" spans="14:14">
      <c r="N1003492" s="10"/>
    </row>
    <row r="1003493" spans="14:14">
      <c r="N1003493" s="10"/>
    </row>
    <row r="1003494" spans="14:14">
      <c r="N1003494" s="10"/>
    </row>
    <row r="1003495" spans="14:14">
      <c r="N1003495" s="10"/>
    </row>
    <row r="1003496" spans="14:14">
      <c r="N1003496" s="10"/>
    </row>
    <row r="1003497" spans="14:14">
      <c r="N1003497" s="10"/>
    </row>
    <row r="1003498" spans="14:14">
      <c r="N1003498" s="10"/>
    </row>
    <row r="1003499" spans="14:14">
      <c r="N1003499" s="10"/>
    </row>
    <row r="1003500" spans="14:14">
      <c r="N1003500" s="10"/>
    </row>
    <row r="1003501" spans="14:14">
      <c r="N1003501" s="10"/>
    </row>
    <row r="1003502" spans="14:14">
      <c r="N1003502" s="10"/>
    </row>
    <row r="1003503" spans="14:14">
      <c r="N1003503" s="10"/>
    </row>
    <row r="1003504" spans="14:14">
      <c r="N1003504" s="10"/>
    </row>
    <row r="1003505" spans="14:14">
      <c r="N1003505" s="10"/>
    </row>
    <row r="1003506" spans="14:14">
      <c r="N1003506" s="10"/>
    </row>
    <row r="1003507" spans="14:14">
      <c r="N1003507" s="10"/>
    </row>
    <row r="1003508" spans="14:14">
      <c r="N1003508" s="10"/>
    </row>
    <row r="1003509" spans="14:14">
      <c r="N1003509" s="10"/>
    </row>
    <row r="1003510" spans="14:14">
      <c r="N1003510" s="10"/>
    </row>
    <row r="1003511" spans="14:14">
      <c r="N1003511" s="10"/>
    </row>
    <row r="1003512" spans="14:14">
      <c r="N1003512" s="10"/>
    </row>
    <row r="1003513" spans="14:14">
      <c r="N1003513" s="10"/>
    </row>
    <row r="1003514" spans="14:14">
      <c r="N1003514" s="10"/>
    </row>
    <row r="1003515" spans="14:14">
      <c r="N1003515" s="10"/>
    </row>
    <row r="1003516" spans="14:14">
      <c r="N1003516" s="10"/>
    </row>
    <row r="1003517" spans="14:14">
      <c r="N1003517" s="10"/>
    </row>
    <row r="1003518" spans="14:14">
      <c r="N1003518" s="10"/>
    </row>
    <row r="1003519" spans="14:14">
      <c r="N1003519" s="10"/>
    </row>
    <row r="1003520" spans="14:14">
      <c r="N1003520" s="10"/>
    </row>
    <row r="1003521" spans="14:14">
      <c r="N1003521" s="10"/>
    </row>
    <row r="1003522" spans="14:14">
      <c r="N1003522" s="10"/>
    </row>
    <row r="1003523" spans="14:14">
      <c r="N1003523" s="10"/>
    </row>
    <row r="1003524" spans="14:14">
      <c r="N1003524" s="10"/>
    </row>
    <row r="1003525" spans="14:14">
      <c r="N1003525" s="10"/>
    </row>
    <row r="1003526" spans="14:14">
      <c r="N1003526" s="10"/>
    </row>
    <row r="1003527" spans="14:14">
      <c r="N1003527" s="10"/>
    </row>
    <row r="1003528" spans="14:14">
      <c r="N1003528" s="10"/>
    </row>
    <row r="1003529" spans="14:14">
      <c r="N1003529" s="10"/>
    </row>
    <row r="1003530" spans="14:14">
      <c r="N1003530" s="10"/>
    </row>
    <row r="1003531" spans="14:14">
      <c r="N1003531" s="10"/>
    </row>
    <row r="1003532" spans="14:14">
      <c r="N1003532" s="10"/>
    </row>
    <row r="1003533" spans="14:14">
      <c r="N1003533" s="10"/>
    </row>
    <row r="1003534" spans="14:14">
      <c r="N1003534" s="10"/>
    </row>
    <row r="1003535" spans="14:14">
      <c r="N1003535" s="10"/>
    </row>
    <row r="1003536" spans="14:14">
      <c r="N1003536" s="10"/>
    </row>
    <row r="1003537" spans="14:14">
      <c r="N1003537" s="10"/>
    </row>
    <row r="1003538" spans="14:14">
      <c r="N1003538" s="10"/>
    </row>
    <row r="1003539" spans="14:14">
      <c r="N1003539" s="10"/>
    </row>
    <row r="1003540" spans="14:14">
      <c r="N1003540" s="10"/>
    </row>
    <row r="1003541" spans="14:14">
      <c r="N1003541" s="10"/>
    </row>
    <row r="1003542" spans="14:14">
      <c r="N1003542" s="10"/>
    </row>
    <row r="1003543" spans="14:14">
      <c r="N1003543" s="10"/>
    </row>
    <row r="1003544" spans="14:14">
      <c r="N1003544" s="10"/>
    </row>
    <row r="1003545" spans="14:14">
      <c r="N1003545" s="10"/>
    </row>
    <row r="1003546" spans="14:14">
      <c r="N1003546" s="10"/>
    </row>
    <row r="1003547" spans="14:14">
      <c r="N1003547" s="10"/>
    </row>
    <row r="1003548" spans="14:14">
      <c r="N1003548" s="10"/>
    </row>
    <row r="1003549" spans="14:14">
      <c r="N1003549" s="10"/>
    </row>
    <row r="1003550" spans="14:14">
      <c r="N1003550" s="10"/>
    </row>
    <row r="1003551" spans="14:14">
      <c r="N1003551" s="10"/>
    </row>
    <row r="1003552" spans="14:14">
      <c r="N1003552" s="10"/>
    </row>
    <row r="1003553" spans="14:14">
      <c r="N1003553" s="10"/>
    </row>
    <row r="1003554" spans="14:14">
      <c r="N1003554" s="10"/>
    </row>
    <row r="1003555" spans="14:14">
      <c r="N1003555" s="10"/>
    </row>
    <row r="1003556" spans="14:14">
      <c r="N1003556" s="10"/>
    </row>
    <row r="1003557" spans="14:14">
      <c r="N1003557" s="10"/>
    </row>
    <row r="1003558" spans="14:14">
      <c r="N1003558" s="10"/>
    </row>
    <row r="1003559" spans="14:14">
      <c r="N1003559" s="10"/>
    </row>
    <row r="1003560" spans="14:14">
      <c r="N1003560" s="10"/>
    </row>
    <row r="1003561" spans="14:14">
      <c r="N1003561" s="10"/>
    </row>
    <row r="1003562" spans="14:14">
      <c r="N1003562" s="10"/>
    </row>
    <row r="1003563" spans="14:14">
      <c r="N1003563" s="10"/>
    </row>
    <row r="1003564" spans="14:14">
      <c r="N1003564" s="10"/>
    </row>
    <row r="1003565" spans="14:14">
      <c r="N1003565" s="10"/>
    </row>
    <row r="1003566" spans="14:14">
      <c r="N1003566" s="10"/>
    </row>
    <row r="1003567" spans="14:14">
      <c r="N1003567" s="10"/>
    </row>
    <row r="1003568" spans="14:14">
      <c r="N1003568" s="10"/>
    </row>
    <row r="1003569" spans="14:14">
      <c r="N1003569" s="10"/>
    </row>
    <row r="1003570" spans="14:14">
      <c r="N1003570" s="10"/>
    </row>
    <row r="1003571" spans="14:14">
      <c r="N1003571" s="10"/>
    </row>
    <row r="1003572" spans="14:14">
      <c r="N1003572" s="10"/>
    </row>
    <row r="1003573" spans="14:14">
      <c r="N1003573" s="10"/>
    </row>
    <row r="1003574" spans="14:14">
      <c r="N1003574" s="10"/>
    </row>
    <row r="1003575" spans="14:14">
      <c r="N1003575" s="10"/>
    </row>
    <row r="1003576" spans="14:14">
      <c r="N1003576" s="10"/>
    </row>
    <row r="1003577" spans="14:14">
      <c r="N1003577" s="10"/>
    </row>
    <row r="1003578" spans="14:14">
      <c r="N1003578" s="10"/>
    </row>
    <row r="1003579" spans="14:14">
      <c r="N1003579" s="10"/>
    </row>
    <row r="1003580" spans="14:14">
      <c r="N1003580" s="10"/>
    </row>
    <row r="1003581" spans="14:14">
      <c r="N1003581" s="10"/>
    </row>
    <row r="1003582" spans="14:14">
      <c r="N1003582" s="10"/>
    </row>
    <row r="1003583" spans="14:14">
      <c r="N1003583" s="10"/>
    </row>
    <row r="1003584" spans="14:14">
      <c r="N1003584" s="10"/>
    </row>
    <row r="1003585" spans="14:14">
      <c r="N1003585" s="10"/>
    </row>
    <row r="1003586" spans="14:14">
      <c r="N1003586" s="10"/>
    </row>
    <row r="1003587" spans="14:14">
      <c r="N1003587" s="10"/>
    </row>
    <row r="1003588" spans="14:14">
      <c r="N1003588" s="10"/>
    </row>
    <row r="1003589" spans="14:14">
      <c r="N1003589" s="10"/>
    </row>
    <row r="1003590" spans="14:14">
      <c r="N1003590" s="10"/>
    </row>
    <row r="1003591" spans="14:14">
      <c r="N1003591" s="10"/>
    </row>
    <row r="1003592" spans="14:14">
      <c r="N1003592" s="10"/>
    </row>
    <row r="1003593" spans="14:14">
      <c r="N1003593" s="10"/>
    </row>
    <row r="1003594" spans="14:14">
      <c r="N1003594" s="10"/>
    </row>
    <row r="1003595" spans="14:14">
      <c r="N1003595" s="10"/>
    </row>
    <row r="1003596" spans="14:14">
      <c r="N1003596" s="10"/>
    </row>
    <row r="1003597" spans="14:14">
      <c r="N1003597" s="10"/>
    </row>
    <row r="1003598" spans="14:14">
      <c r="N1003598" s="10"/>
    </row>
    <row r="1003599" spans="14:14">
      <c r="N1003599" s="10"/>
    </row>
    <row r="1003600" spans="14:14">
      <c r="N1003600" s="10"/>
    </row>
    <row r="1003601" spans="14:14">
      <c r="N1003601" s="10"/>
    </row>
    <row r="1003602" spans="14:14">
      <c r="N1003602" s="10"/>
    </row>
    <row r="1003603" spans="14:14">
      <c r="N1003603" s="10"/>
    </row>
    <row r="1003604" spans="14:14">
      <c r="N1003604" s="10"/>
    </row>
    <row r="1003605" spans="14:14">
      <c r="N1003605" s="10"/>
    </row>
    <row r="1003606" spans="14:14">
      <c r="N1003606" s="10"/>
    </row>
    <row r="1003607" spans="14:14">
      <c r="N1003607" s="10"/>
    </row>
    <row r="1003608" spans="14:14">
      <c r="N1003608" s="10"/>
    </row>
    <row r="1003609" spans="14:14">
      <c r="N1003609" s="10"/>
    </row>
    <row r="1003610" spans="14:14">
      <c r="N1003610" s="10"/>
    </row>
    <row r="1003611" spans="14:14">
      <c r="N1003611" s="10"/>
    </row>
    <row r="1003612" spans="14:14">
      <c r="N1003612" s="10"/>
    </row>
    <row r="1003613" spans="14:14">
      <c r="N1003613" s="10"/>
    </row>
    <row r="1003614" spans="14:14">
      <c r="N1003614" s="10"/>
    </row>
    <row r="1003615" spans="14:14">
      <c r="N1003615" s="10"/>
    </row>
    <row r="1003616" spans="14:14">
      <c r="N1003616" s="10"/>
    </row>
    <row r="1003617" spans="14:14">
      <c r="N1003617" s="10"/>
    </row>
    <row r="1003618" spans="14:14">
      <c r="N1003618" s="10"/>
    </row>
    <row r="1003619" spans="14:14">
      <c r="N1003619" s="10"/>
    </row>
    <row r="1003620" spans="14:14">
      <c r="N1003620" s="10"/>
    </row>
    <row r="1003621" spans="14:14">
      <c r="N1003621" s="10"/>
    </row>
    <row r="1003622" spans="14:14">
      <c r="N1003622" s="10"/>
    </row>
    <row r="1003623" spans="14:14">
      <c r="N1003623" s="10"/>
    </row>
    <row r="1003624" spans="14:14">
      <c r="N1003624" s="10"/>
    </row>
    <row r="1003625" spans="14:14">
      <c r="N1003625" s="10"/>
    </row>
    <row r="1003626" spans="14:14">
      <c r="N1003626" s="10"/>
    </row>
    <row r="1003627" spans="14:14">
      <c r="N1003627" s="10"/>
    </row>
    <row r="1003628" spans="14:14">
      <c r="N1003628" s="10"/>
    </row>
    <row r="1003629" spans="14:14">
      <c r="N1003629" s="10"/>
    </row>
    <row r="1003630" spans="14:14">
      <c r="N1003630" s="10"/>
    </row>
    <row r="1003631" spans="14:14">
      <c r="N1003631" s="10"/>
    </row>
    <row r="1003632" spans="14:14">
      <c r="N1003632" s="10"/>
    </row>
    <row r="1003633" spans="14:14">
      <c r="N1003633" s="10"/>
    </row>
    <row r="1003634" spans="14:14">
      <c r="N1003634" s="10"/>
    </row>
    <row r="1003635" spans="14:14">
      <c r="N1003635" s="10"/>
    </row>
    <row r="1003636" spans="14:14">
      <c r="N1003636" s="10"/>
    </row>
    <row r="1003637" spans="14:14">
      <c r="N1003637" s="10"/>
    </row>
    <row r="1003638" spans="14:14">
      <c r="N1003638" s="10"/>
    </row>
    <row r="1003639" spans="14:14">
      <c r="N1003639" s="10"/>
    </row>
    <row r="1003640" spans="14:14">
      <c r="N1003640" s="10"/>
    </row>
    <row r="1003641" spans="14:14">
      <c r="N1003641" s="10"/>
    </row>
    <row r="1003642" spans="14:14">
      <c r="N1003642" s="10"/>
    </row>
    <row r="1003643" spans="14:14">
      <c r="N1003643" s="10"/>
    </row>
    <row r="1003644" spans="14:14">
      <c r="N1003644" s="10"/>
    </row>
    <row r="1003645" spans="14:14">
      <c r="N1003645" s="10"/>
    </row>
    <row r="1003646" spans="14:14">
      <c r="N1003646" s="10"/>
    </row>
    <row r="1003647" spans="14:14">
      <c r="N1003647" s="10"/>
    </row>
    <row r="1003648" spans="14:14">
      <c r="N1003648" s="10"/>
    </row>
    <row r="1003649" spans="14:14">
      <c r="N1003649" s="10"/>
    </row>
    <row r="1003650" spans="14:14">
      <c r="N1003650" s="10"/>
    </row>
    <row r="1003651" spans="14:14">
      <c r="N1003651" s="10"/>
    </row>
    <row r="1003652" spans="14:14">
      <c r="N1003652" s="10"/>
    </row>
    <row r="1003653" spans="14:14">
      <c r="N1003653" s="10"/>
    </row>
    <row r="1003654" spans="14:14">
      <c r="N1003654" s="10"/>
    </row>
    <row r="1003655" spans="14:14">
      <c r="N1003655" s="10"/>
    </row>
    <row r="1003656" spans="14:14">
      <c r="N1003656" s="10"/>
    </row>
    <row r="1003657" spans="14:14">
      <c r="N1003657" s="10"/>
    </row>
    <row r="1003658" spans="14:14">
      <c r="N1003658" s="10"/>
    </row>
    <row r="1003659" spans="14:14">
      <c r="N1003659" s="10"/>
    </row>
    <row r="1003660" spans="14:14">
      <c r="N1003660" s="10"/>
    </row>
    <row r="1003661" spans="14:14">
      <c r="N1003661" s="10"/>
    </row>
    <row r="1003662" spans="14:14">
      <c r="N1003662" s="10"/>
    </row>
    <row r="1003663" spans="14:14">
      <c r="N1003663" s="10"/>
    </row>
    <row r="1003664" spans="14:14">
      <c r="N1003664" s="10"/>
    </row>
    <row r="1003665" spans="14:14">
      <c r="N1003665" s="10"/>
    </row>
    <row r="1003666" spans="14:14">
      <c r="N1003666" s="10"/>
    </row>
    <row r="1003667" spans="14:14">
      <c r="N1003667" s="10"/>
    </row>
    <row r="1003668" spans="14:14">
      <c r="N1003668" s="10"/>
    </row>
    <row r="1003669" spans="14:14">
      <c r="N1003669" s="10"/>
    </row>
    <row r="1003670" spans="14:14">
      <c r="N1003670" s="10"/>
    </row>
    <row r="1003671" spans="14:14">
      <c r="N1003671" s="10"/>
    </row>
    <row r="1003672" spans="14:14">
      <c r="N1003672" s="10"/>
    </row>
    <row r="1003673" spans="14:14">
      <c r="N1003673" s="10"/>
    </row>
    <row r="1003674" spans="14:14">
      <c r="N1003674" s="10"/>
    </row>
    <row r="1003675" spans="14:14">
      <c r="N1003675" s="10"/>
    </row>
    <row r="1003676" spans="14:14">
      <c r="N1003676" s="10"/>
    </row>
    <row r="1003677" spans="14:14">
      <c r="N1003677" s="10"/>
    </row>
    <row r="1003678" spans="14:14">
      <c r="N1003678" s="10"/>
    </row>
    <row r="1003679" spans="14:14">
      <c r="N1003679" s="10"/>
    </row>
    <row r="1003680" spans="14:14">
      <c r="N1003680" s="10"/>
    </row>
    <row r="1003681" spans="14:14">
      <c r="N1003681" s="10"/>
    </row>
    <row r="1003682" spans="14:14">
      <c r="N1003682" s="10"/>
    </row>
    <row r="1003683" spans="14:14">
      <c r="N1003683" s="10"/>
    </row>
    <row r="1003684" spans="14:14">
      <c r="N1003684" s="10"/>
    </row>
    <row r="1003685" spans="14:14">
      <c r="N1003685" s="10"/>
    </row>
    <row r="1003686" spans="14:14">
      <c r="N1003686" s="10"/>
    </row>
    <row r="1003687" spans="14:14">
      <c r="N1003687" s="10"/>
    </row>
    <row r="1003688" spans="14:14">
      <c r="N1003688" s="10"/>
    </row>
    <row r="1003689" spans="14:14">
      <c r="N1003689" s="10"/>
    </row>
    <row r="1003690" spans="14:14">
      <c r="N1003690" s="10"/>
    </row>
    <row r="1003691" spans="14:14">
      <c r="N1003691" s="10"/>
    </row>
    <row r="1003692" spans="14:14">
      <c r="N1003692" s="10"/>
    </row>
    <row r="1003693" spans="14:14">
      <c r="N1003693" s="10"/>
    </row>
    <row r="1003694" spans="14:14">
      <c r="N1003694" s="10"/>
    </row>
    <row r="1003695" spans="14:14">
      <c r="N1003695" s="10"/>
    </row>
    <row r="1003696" spans="14:14">
      <c r="N1003696" s="10"/>
    </row>
    <row r="1003697" spans="14:14">
      <c r="N1003697" s="10"/>
    </row>
    <row r="1003698" spans="14:14">
      <c r="N1003698" s="10"/>
    </row>
    <row r="1003699" spans="14:14">
      <c r="N1003699" s="10"/>
    </row>
    <row r="1003700" spans="14:14">
      <c r="N1003700" s="10"/>
    </row>
    <row r="1003701" spans="14:14">
      <c r="N1003701" s="10"/>
    </row>
    <row r="1003702" spans="14:14">
      <c r="N1003702" s="10"/>
    </row>
    <row r="1003703" spans="14:14">
      <c r="N1003703" s="10"/>
    </row>
    <row r="1003704" spans="14:14">
      <c r="N1003704" s="10"/>
    </row>
    <row r="1003705" spans="14:14">
      <c r="N1003705" s="10"/>
    </row>
    <row r="1003706" spans="14:14">
      <c r="N1003706" s="10"/>
    </row>
    <row r="1003707" spans="14:14">
      <c r="N1003707" s="10"/>
    </row>
    <row r="1003708" spans="14:14">
      <c r="N1003708" s="10"/>
    </row>
    <row r="1003709" spans="14:14">
      <c r="N1003709" s="10"/>
    </row>
    <row r="1003710" spans="14:14">
      <c r="N1003710" s="10"/>
    </row>
    <row r="1003711" spans="14:14">
      <c r="N1003711" s="10"/>
    </row>
    <row r="1003712" spans="14:14">
      <c r="N1003712" s="10"/>
    </row>
    <row r="1003713" spans="14:14">
      <c r="N1003713" s="10"/>
    </row>
    <row r="1003714" spans="14:14">
      <c r="N1003714" s="10"/>
    </row>
    <row r="1003715" spans="14:14">
      <c r="N1003715" s="10"/>
    </row>
    <row r="1003716" spans="14:14">
      <c r="N1003716" s="10"/>
    </row>
    <row r="1003717" spans="14:14">
      <c r="N1003717" s="10"/>
    </row>
    <row r="1003718" spans="14:14">
      <c r="N1003718" s="10"/>
    </row>
    <row r="1003719" spans="14:14">
      <c r="N1003719" s="10"/>
    </row>
    <row r="1003720" spans="14:14">
      <c r="N1003720" s="10"/>
    </row>
    <row r="1003721" spans="14:14">
      <c r="N1003721" s="10"/>
    </row>
    <row r="1003722" spans="14:14">
      <c r="N1003722" s="10"/>
    </row>
    <row r="1003723" spans="14:14">
      <c r="N1003723" s="10"/>
    </row>
    <row r="1003724" spans="14:14">
      <c r="N1003724" s="10"/>
    </row>
    <row r="1003725" spans="14:14">
      <c r="N1003725" s="10"/>
    </row>
    <row r="1003726" spans="14:14">
      <c r="N1003726" s="10"/>
    </row>
    <row r="1003727" spans="14:14">
      <c r="N1003727" s="10"/>
    </row>
    <row r="1003728" spans="14:14">
      <c r="N1003728" s="10"/>
    </row>
    <row r="1003729" spans="14:14">
      <c r="N1003729" s="10"/>
    </row>
    <row r="1003730" spans="14:14">
      <c r="N1003730" s="10"/>
    </row>
    <row r="1003731" spans="14:14">
      <c r="N1003731" s="10"/>
    </row>
    <row r="1003732" spans="14:14">
      <c r="N1003732" s="10"/>
    </row>
    <row r="1003733" spans="14:14">
      <c r="N1003733" s="10"/>
    </row>
    <row r="1003734" spans="14:14">
      <c r="N1003734" s="10"/>
    </row>
    <row r="1003735" spans="14:14">
      <c r="N1003735" s="10"/>
    </row>
    <row r="1003736" spans="14:14">
      <c r="N1003736" s="10"/>
    </row>
    <row r="1003737" spans="14:14">
      <c r="N1003737" s="10"/>
    </row>
    <row r="1003738" spans="14:14">
      <c r="N1003738" s="10"/>
    </row>
    <row r="1003739" spans="14:14">
      <c r="N1003739" s="10"/>
    </row>
    <row r="1003740" spans="14:14">
      <c r="N1003740" s="10"/>
    </row>
    <row r="1003741" spans="14:14">
      <c r="N1003741" s="10"/>
    </row>
    <row r="1003742" spans="14:14">
      <c r="N1003742" s="10"/>
    </row>
    <row r="1003743" spans="14:14">
      <c r="N1003743" s="10"/>
    </row>
    <row r="1003744" spans="14:14">
      <c r="N1003744" s="10"/>
    </row>
    <row r="1003745" spans="14:14">
      <c r="N1003745" s="10"/>
    </row>
    <row r="1003746" spans="14:14">
      <c r="N1003746" s="10"/>
    </row>
    <row r="1003747" spans="14:14">
      <c r="N1003747" s="10"/>
    </row>
    <row r="1003748" spans="14:14">
      <c r="N1003748" s="10"/>
    </row>
    <row r="1003749" spans="14:14">
      <c r="N1003749" s="10"/>
    </row>
    <row r="1003750" spans="14:14">
      <c r="N1003750" s="10"/>
    </row>
    <row r="1003751" spans="14:14">
      <c r="N1003751" s="10"/>
    </row>
    <row r="1003752" spans="14:14">
      <c r="N1003752" s="10"/>
    </row>
    <row r="1003753" spans="14:14">
      <c r="N1003753" s="10"/>
    </row>
    <row r="1003754" spans="14:14">
      <c r="N1003754" s="10"/>
    </row>
    <row r="1003755" spans="14:14">
      <c r="N1003755" s="10"/>
    </row>
    <row r="1003756" spans="14:14">
      <c r="N1003756" s="10"/>
    </row>
    <row r="1003757" spans="14:14">
      <c r="N1003757" s="10"/>
    </row>
    <row r="1003758" spans="14:14">
      <c r="N1003758" s="10"/>
    </row>
    <row r="1003759" spans="14:14">
      <c r="N1003759" s="10"/>
    </row>
    <row r="1003760" spans="14:14">
      <c r="N1003760" s="10"/>
    </row>
    <row r="1003761" spans="14:14">
      <c r="N1003761" s="10"/>
    </row>
    <row r="1003762" spans="14:14">
      <c r="N1003762" s="10"/>
    </row>
    <row r="1003763" spans="14:14">
      <c r="N1003763" s="10"/>
    </row>
    <row r="1003764" spans="14:14">
      <c r="N1003764" s="10"/>
    </row>
    <row r="1003765" spans="14:14">
      <c r="N1003765" s="10"/>
    </row>
    <row r="1003766" spans="14:14">
      <c r="N1003766" s="10"/>
    </row>
    <row r="1003767" spans="14:14">
      <c r="N1003767" s="10"/>
    </row>
    <row r="1003768" spans="14:14">
      <c r="N1003768" s="10"/>
    </row>
    <row r="1003769" spans="14:14">
      <c r="N1003769" s="10"/>
    </row>
    <row r="1003770" spans="14:14">
      <c r="N1003770" s="10"/>
    </row>
    <row r="1003771" spans="14:14">
      <c r="N1003771" s="10"/>
    </row>
    <row r="1003772" spans="14:14">
      <c r="N1003772" s="10"/>
    </row>
    <row r="1003773" spans="14:14">
      <c r="N1003773" s="10"/>
    </row>
    <row r="1003774" spans="14:14">
      <c r="N1003774" s="10"/>
    </row>
    <row r="1003775" spans="14:14">
      <c r="N1003775" s="10"/>
    </row>
    <row r="1003776" spans="14:14">
      <c r="N1003776" s="10"/>
    </row>
    <row r="1003777" spans="14:14">
      <c r="N1003777" s="10"/>
    </row>
    <row r="1003778" spans="14:14">
      <c r="N1003778" s="10"/>
    </row>
    <row r="1003779" spans="14:14">
      <c r="N1003779" s="10"/>
    </row>
    <row r="1003780" spans="14:14">
      <c r="N1003780" s="10"/>
    </row>
    <row r="1003781" spans="14:14">
      <c r="N1003781" s="10"/>
    </row>
    <row r="1003782" spans="14:14">
      <c r="N1003782" s="10"/>
    </row>
    <row r="1003783" spans="14:14">
      <c r="N1003783" s="10"/>
    </row>
    <row r="1003784" spans="14:14">
      <c r="N1003784" s="10"/>
    </row>
    <row r="1003785" spans="14:14">
      <c r="N1003785" s="10"/>
    </row>
    <row r="1003786" spans="14:14">
      <c r="N1003786" s="10"/>
    </row>
    <row r="1003787" spans="14:14">
      <c r="N1003787" s="10"/>
    </row>
    <row r="1003788" spans="14:14">
      <c r="N1003788" s="10"/>
    </row>
    <row r="1003789" spans="14:14">
      <c r="N1003789" s="10"/>
    </row>
    <row r="1003790" spans="14:14">
      <c r="N1003790" s="10"/>
    </row>
    <row r="1003791" spans="14:14">
      <c r="N1003791" s="10"/>
    </row>
    <row r="1003792" spans="14:14">
      <c r="N1003792" s="10"/>
    </row>
    <row r="1003793" spans="14:14">
      <c r="N1003793" s="10"/>
    </row>
    <row r="1003794" spans="14:14">
      <c r="N1003794" s="10"/>
    </row>
    <row r="1003795" spans="14:14">
      <c r="N1003795" s="10"/>
    </row>
    <row r="1003796" spans="14:14">
      <c r="N1003796" s="10"/>
    </row>
    <row r="1003797" spans="14:14">
      <c r="N1003797" s="10"/>
    </row>
    <row r="1003798" spans="14:14">
      <c r="N1003798" s="10"/>
    </row>
    <row r="1003799" spans="14:14">
      <c r="N1003799" s="10"/>
    </row>
    <row r="1003800" spans="14:14">
      <c r="N1003800" s="10"/>
    </row>
    <row r="1003801" spans="14:14">
      <c r="N1003801" s="10"/>
    </row>
    <row r="1003802" spans="14:14">
      <c r="N1003802" s="10"/>
    </row>
    <row r="1003803" spans="14:14">
      <c r="N1003803" s="10"/>
    </row>
    <row r="1003804" spans="14:14">
      <c r="N1003804" s="10"/>
    </row>
    <row r="1003805" spans="14:14">
      <c r="N1003805" s="10"/>
    </row>
    <row r="1003806" spans="14:14">
      <c r="N1003806" s="10"/>
    </row>
    <row r="1003807" spans="14:14">
      <c r="N1003807" s="10"/>
    </row>
    <row r="1003808" spans="14:14">
      <c r="N1003808" s="10"/>
    </row>
    <row r="1003809" spans="14:14">
      <c r="N1003809" s="10"/>
    </row>
    <row r="1003810" spans="14:14">
      <c r="N1003810" s="10"/>
    </row>
    <row r="1003811" spans="14:14">
      <c r="N1003811" s="10"/>
    </row>
    <row r="1003812" spans="14:14">
      <c r="N1003812" s="10"/>
    </row>
    <row r="1003813" spans="14:14">
      <c r="N1003813" s="10"/>
    </row>
    <row r="1003814" spans="14:14">
      <c r="N1003814" s="10"/>
    </row>
    <row r="1003815" spans="14:14">
      <c r="N1003815" s="10"/>
    </row>
    <row r="1003816" spans="14:14">
      <c r="N1003816" s="10"/>
    </row>
    <row r="1003817" spans="14:14">
      <c r="N1003817" s="10"/>
    </row>
    <row r="1003818" spans="14:14">
      <c r="N1003818" s="10"/>
    </row>
    <row r="1003819" spans="14:14">
      <c r="N1003819" s="10"/>
    </row>
    <row r="1003820" spans="14:14">
      <c r="N1003820" s="10"/>
    </row>
    <row r="1003821" spans="14:14">
      <c r="N1003821" s="10"/>
    </row>
    <row r="1003822" spans="14:14">
      <c r="N1003822" s="10"/>
    </row>
    <row r="1003823" spans="14:14">
      <c r="N1003823" s="10"/>
    </row>
    <row r="1003824" spans="14:14">
      <c r="N1003824" s="10"/>
    </row>
    <row r="1003825" spans="14:14">
      <c r="N1003825" s="10"/>
    </row>
    <row r="1003826" spans="14:14">
      <c r="N1003826" s="10"/>
    </row>
    <row r="1003827" spans="14:14">
      <c r="N1003827" s="10"/>
    </row>
    <row r="1003828" spans="14:14">
      <c r="N1003828" s="10"/>
    </row>
    <row r="1003829" spans="14:14">
      <c r="N1003829" s="10"/>
    </row>
    <row r="1003830" spans="14:14">
      <c r="N1003830" s="10"/>
    </row>
    <row r="1003831" spans="14:14">
      <c r="N1003831" s="10"/>
    </row>
    <row r="1003832" spans="14:14">
      <c r="N1003832" s="10"/>
    </row>
    <row r="1003833" spans="14:14">
      <c r="N1003833" s="10"/>
    </row>
    <row r="1003834" spans="14:14">
      <c r="N1003834" s="10"/>
    </row>
    <row r="1003835" spans="14:14">
      <c r="N1003835" s="10"/>
    </row>
    <row r="1003836" spans="14:14">
      <c r="N1003836" s="10"/>
    </row>
    <row r="1003837" spans="14:14">
      <c r="N1003837" s="10"/>
    </row>
    <row r="1003838" spans="14:14">
      <c r="N1003838" s="10"/>
    </row>
    <row r="1003839" spans="14:14">
      <c r="N1003839" s="10"/>
    </row>
    <row r="1003840" spans="14:14">
      <c r="N1003840" s="10"/>
    </row>
    <row r="1003841" spans="14:14">
      <c r="N1003841" s="10"/>
    </row>
    <row r="1003842" spans="14:14">
      <c r="N1003842" s="10"/>
    </row>
    <row r="1003843" spans="14:14">
      <c r="N1003843" s="10"/>
    </row>
    <row r="1003844" spans="14:14">
      <c r="N1003844" s="10"/>
    </row>
    <row r="1003845" spans="14:14">
      <c r="N1003845" s="10"/>
    </row>
    <row r="1003846" spans="14:14">
      <c r="N1003846" s="10"/>
    </row>
    <row r="1003847" spans="14:14">
      <c r="N1003847" s="10"/>
    </row>
    <row r="1003848" spans="14:14">
      <c r="N1003848" s="10"/>
    </row>
    <row r="1003849" spans="14:14">
      <c r="N1003849" s="10"/>
    </row>
    <row r="1003850" spans="14:14">
      <c r="N1003850" s="10"/>
    </row>
    <row r="1003851" spans="14:14">
      <c r="N1003851" s="10"/>
    </row>
    <row r="1003852" spans="14:14">
      <c r="N1003852" s="10"/>
    </row>
    <row r="1003853" spans="14:14">
      <c r="N1003853" s="10"/>
    </row>
    <row r="1003854" spans="14:14">
      <c r="N1003854" s="10"/>
    </row>
    <row r="1003855" spans="14:14">
      <c r="N1003855" s="10"/>
    </row>
    <row r="1003856" spans="14:14">
      <c r="N1003856" s="10"/>
    </row>
    <row r="1003857" spans="14:14">
      <c r="N1003857" s="10"/>
    </row>
    <row r="1003858" spans="14:14">
      <c r="N1003858" s="10"/>
    </row>
    <row r="1003859" spans="14:14">
      <c r="N1003859" s="10"/>
    </row>
    <row r="1003860" spans="14:14">
      <c r="N1003860" s="10"/>
    </row>
    <row r="1003861" spans="14:14">
      <c r="N1003861" s="10"/>
    </row>
    <row r="1003862" spans="14:14">
      <c r="N1003862" s="10"/>
    </row>
    <row r="1003863" spans="14:14">
      <c r="N1003863" s="10"/>
    </row>
    <row r="1003864" spans="14:14">
      <c r="N1003864" s="10"/>
    </row>
    <row r="1003865" spans="14:14">
      <c r="N1003865" s="10"/>
    </row>
    <row r="1003866" spans="14:14">
      <c r="N1003866" s="10"/>
    </row>
    <row r="1003867" spans="14:14">
      <c r="N1003867" s="10"/>
    </row>
    <row r="1003868" spans="14:14">
      <c r="N1003868" s="10"/>
    </row>
    <row r="1003869" spans="14:14">
      <c r="N1003869" s="10"/>
    </row>
    <row r="1003870" spans="14:14">
      <c r="N1003870" s="10"/>
    </row>
    <row r="1003871" spans="14:14">
      <c r="N1003871" s="10"/>
    </row>
    <row r="1003872" spans="14:14">
      <c r="N1003872" s="10"/>
    </row>
    <row r="1003873" spans="14:14">
      <c r="N1003873" s="10"/>
    </row>
    <row r="1003874" spans="14:14">
      <c r="N1003874" s="10"/>
    </row>
    <row r="1003875" spans="14:14">
      <c r="N1003875" s="10"/>
    </row>
    <row r="1003876" spans="14:14">
      <c r="N1003876" s="10"/>
    </row>
    <row r="1003877" spans="14:14">
      <c r="N1003877" s="10"/>
    </row>
    <row r="1003878" spans="14:14">
      <c r="N1003878" s="10"/>
    </row>
    <row r="1003879" spans="14:14">
      <c r="N1003879" s="10"/>
    </row>
    <row r="1003880" spans="14:14">
      <c r="N1003880" s="10"/>
    </row>
    <row r="1003881" spans="14:14">
      <c r="N1003881" s="10"/>
    </row>
    <row r="1003882" spans="14:14">
      <c r="N1003882" s="10"/>
    </row>
    <row r="1003883" spans="14:14">
      <c r="N1003883" s="10"/>
    </row>
    <row r="1003884" spans="14:14">
      <c r="N1003884" s="10"/>
    </row>
    <row r="1003885" spans="14:14">
      <c r="N1003885" s="10"/>
    </row>
    <row r="1003886" spans="14:14">
      <c r="N1003886" s="10"/>
    </row>
    <row r="1003887" spans="14:14">
      <c r="N1003887" s="10"/>
    </row>
    <row r="1003888" spans="14:14">
      <c r="N1003888" s="10"/>
    </row>
    <row r="1003889" spans="14:14">
      <c r="N1003889" s="10"/>
    </row>
    <row r="1003890" spans="14:14">
      <c r="N1003890" s="10"/>
    </row>
    <row r="1003891" spans="14:14">
      <c r="N1003891" s="10"/>
    </row>
    <row r="1003892" spans="14:14">
      <c r="N1003892" s="10"/>
    </row>
    <row r="1003893" spans="14:14">
      <c r="N1003893" s="10"/>
    </row>
    <row r="1003894" spans="14:14">
      <c r="N1003894" s="10"/>
    </row>
    <row r="1003895" spans="14:14">
      <c r="N1003895" s="10"/>
    </row>
    <row r="1003896" spans="14:14">
      <c r="N1003896" s="10"/>
    </row>
    <row r="1003897" spans="14:14">
      <c r="N1003897" s="10"/>
    </row>
    <row r="1003898" spans="14:14">
      <c r="N1003898" s="10"/>
    </row>
    <row r="1003899" spans="14:14">
      <c r="N1003899" s="10"/>
    </row>
    <row r="1003900" spans="14:14">
      <c r="N1003900" s="10"/>
    </row>
    <row r="1003901" spans="14:14">
      <c r="N1003901" s="10"/>
    </row>
    <row r="1003902" spans="14:14">
      <c r="N1003902" s="10"/>
    </row>
    <row r="1003903" spans="14:14">
      <c r="N1003903" s="10"/>
    </row>
    <row r="1003904" spans="14:14">
      <c r="N1003904" s="10"/>
    </row>
    <row r="1003905" spans="14:14">
      <c r="N1003905" s="10"/>
    </row>
    <row r="1003906" spans="14:14">
      <c r="N1003906" s="10"/>
    </row>
    <row r="1003907" spans="14:14">
      <c r="N1003907" s="10"/>
    </row>
    <row r="1003908" spans="14:14">
      <c r="N1003908" s="10"/>
    </row>
    <row r="1003909" spans="14:14">
      <c r="N1003909" s="10"/>
    </row>
    <row r="1003910" spans="14:14">
      <c r="N1003910" s="10"/>
    </row>
    <row r="1003911" spans="14:14">
      <c r="N1003911" s="10"/>
    </row>
    <row r="1003912" spans="14:14">
      <c r="N1003912" s="10"/>
    </row>
    <row r="1003913" spans="14:14">
      <c r="N1003913" s="10"/>
    </row>
    <row r="1003914" spans="14:14">
      <c r="N1003914" s="10"/>
    </row>
    <row r="1003915" spans="14:14">
      <c r="N1003915" s="10"/>
    </row>
    <row r="1003916" spans="14:14">
      <c r="N1003916" s="10"/>
    </row>
    <row r="1003917" spans="14:14">
      <c r="N1003917" s="10"/>
    </row>
    <row r="1003918" spans="14:14">
      <c r="N1003918" s="10"/>
    </row>
    <row r="1003919" spans="14:14">
      <c r="N1003919" s="10"/>
    </row>
    <row r="1003920" spans="14:14">
      <c r="N1003920" s="10"/>
    </row>
    <row r="1003921" spans="14:14">
      <c r="N1003921" s="10"/>
    </row>
    <row r="1003922" spans="14:14">
      <c r="N1003922" s="10"/>
    </row>
    <row r="1003923" spans="14:14">
      <c r="N1003923" s="10"/>
    </row>
    <row r="1003924" spans="14:14">
      <c r="N1003924" s="10"/>
    </row>
    <row r="1003925" spans="14:14">
      <c r="N1003925" s="10"/>
    </row>
    <row r="1003926" spans="14:14">
      <c r="N1003926" s="10"/>
    </row>
    <row r="1003927" spans="14:14">
      <c r="N1003927" s="10"/>
    </row>
    <row r="1003928" spans="14:14">
      <c r="N1003928" s="10"/>
    </row>
    <row r="1003929" spans="14:14">
      <c r="N1003929" s="10"/>
    </row>
    <row r="1003930" spans="14:14">
      <c r="N1003930" s="10"/>
    </row>
    <row r="1003931" spans="14:14">
      <c r="N1003931" s="10"/>
    </row>
    <row r="1003932" spans="14:14">
      <c r="N1003932" s="10"/>
    </row>
    <row r="1003933" spans="14:14">
      <c r="N1003933" s="10"/>
    </row>
    <row r="1003934" spans="14:14">
      <c r="N1003934" s="10"/>
    </row>
    <row r="1003935" spans="14:14">
      <c r="N1003935" s="10"/>
    </row>
    <row r="1003936" spans="14:14">
      <c r="N1003936" s="10"/>
    </row>
    <row r="1003937" spans="14:14">
      <c r="N1003937" s="10"/>
    </row>
    <row r="1003938" spans="14:14">
      <c r="N1003938" s="10"/>
    </row>
    <row r="1003939" spans="14:14">
      <c r="N1003939" s="10"/>
    </row>
    <row r="1003940" spans="14:14">
      <c r="N1003940" s="10"/>
    </row>
    <row r="1003941" spans="14:14">
      <c r="N1003941" s="10"/>
    </row>
    <row r="1003942" spans="14:14">
      <c r="N1003942" s="10"/>
    </row>
    <row r="1003943" spans="14:14">
      <c r="N1003943" s="10"/>
    </row>
    <row r="1003944" spans="14:14">
      <c r="N1003944" s="10"/>
    </row>
    <row r="1003945" spans="14:14">
      <c r="N1003945" s="10"/>
    </row>
    <row r="1003946" spans="14:14">
      <c r="N1003946" s="10"/>
    </row>
    <row r="1003947" spans="14:14">
      <c r="N1003947" s="10"/>
    </row>
    <row r="1003948" spans="14:14">
      <c r="N1003948" s="10"/>
    </row>
    <row r="1003949" spans="14:14">
      <c r="N1003949" s="10"/>
    </row>
    <row r="1003950" spans="14:14">
      <c r="N1003950" s="10"/>
    </row>
    <row r="1003951" spans="14:14">
      <c r="N1003951" s="10"/>
    </row>
    <row r="1003952" spans="14:14">
      <c r="N1003952" s="10"/>
    </row>
    <row r="1003953" spans="14:14">
      <c r="N1003953" s="10"/>
    </row>
    <row r="1003954" spans="14:14">
      <c r="N1003954" s="10"/>
    </row>
    <row r="1003955" spans="14:14">
      <c r="N1003955" s="10"/>
    </row>
    <row r="1003956" spans="14:14">
      <c r="N1003956" s="10"/>
    </row>
    <row r="1003957" spans="14:14">
      <c r="N1003957" s="10"/>
    </row>
    <row r="1003958" spans="14:14">
      <c r="N1003958" s="10"/>
    </row>
    <row r="1003959" spans="14:14">
      <c r="N1003959" s="10"/>
    </row>
    <row r="1003960" spans="14:14">
      <c r="N1003960" s="10"/>
    </row>
    <row r="1003961" spans="14:14">
      <c r="N1003961" s="10"/>
    </row>
    <row r="1003962" spans="14:14">
      <c r="N1003962" s="10"/>
    </row>
    <row r="1003963" spans="14:14">
      <c r="N1003963" s="10"/>
    </row>
    <row r="1003964" spans="14:14">
      <c r="N1003964" s="10"/>
    </row>
    <row r="1003965" spans="14:14">
      <c r="N1003965" s="10"/>
    </row>
    <row r="1003966" spans="14:14">
      <c r="N1003966" s="10"/>
    </row>
    <row r="1003967" spans="14:14">
      <c r="N1003967" s="10"/>
    </row>
    <row r="1003968" spans="14:14">
      <c r="N1003968" s="10"/>
    </row>
    <row r="1003969" spans="14:14">
      <c r="N1003969" s="10"/>
    </row>
    <row r="1003970" spans="14:14">
      <c r="N1003970" s="10"/>
    </row>
    <row r="1003971" spans="14:14">
      <c r="N1003971" s="10"/>
    </row>
    <row r="1003972" spans="14:14">
      <c r="N1003972" s="10"/>
    </row>
    <row r="1003973" spans="14:14">
      <c r="N1003973" s="10"/>
    </row>
    <row r="1003974" spans="14:14">
      <c r="N1003974" s="10"/>
    </row>
    <row r="1003975" spans="14:14">
      <c r="N1003975" s="10"/>
    </row>
    <row r="1003976" spans="14:14">
      <c r="N1003976" s="10"/>
    </row>
    <row r="1003977" spans="14:14">
      <c r="N1003977" s="10"/>
    </row>
    <row r="1003978" spans="14:14">
      <c r="N1003978" s="10"/>
    </row>
    <row r="1003979" spans="14:14">
      <c r="N1003979" s="10"/>
    </row>
    <row r="1003980" spans="14:14">
      <c r="N1003980" s="10"/>
    </row>
    <row r="1003981" spans="14:14">
      <c r="N1003981" s="10"/>
    </row>
    <row r="1003982" spans="14:14">
      <c r="N1003982" s="10"/>
    </row>
    <row r="1003983" spans="14:14">
      <c r="N1003983" s="10"/>
    </row>
    <row r="1003984" spans="14:14">
      <c r="N1003984" s="10"/>
    </row>
    <row r="1003985" spans="14:14">
      <c r="N1003985" s="10"/>
    </row>
    <row r="1003986" spans="14:14">
      <c r="N1003986" s="10"/>
    </row>
    <row r="1003987" spans="14:14">
      <c r="N1003987" s="10"/>
    </row>
    <row r="1003988" spans="14:14">
      <c r="N1003988" s="10"/>
    </row>
    <row r="1003989" spans="14:14">
      <c r="N1003989" s="10"/>
    </row>
    <row r="1003990" spans="14:14">
      <c r="N1003990" s="10"/>
    </row>
    <row r="1003991" spans="14:14">
      <c r="N1003991" s="10"/>
    </row>
    <row r="1003992" spans="14:14">
      <c r="N1003992" s="10"/>
    </row>
    <row r="1003993" spans="14:14">
      <c r="N1003993" s="10"/>
    </row>
    <row r="1003994" spans="14:14">
      <c r="N1003994" s="10"/>
    </row>
    <row r="1003995" spans="14:14">
      <c r="N1003995" s="10"/>
    </row>
    <row r="1003996" spans="14:14">
      <c r="N1003996" s="10"/>
    </row>
    <row r="1003997" spans="14:14">
      <c r="N1003997" s="10"/>
    </row>
    <row r="1003998" spans="14:14">
      <c r="N1003998" s="10"/>
    </row>
    <row r="1003999" spans="14:14">
      <c r="N1003999" s="10"/>
    </row>
    <row r="1004000" spans="14:14">
      <c r="N1004000" s="10"/>
    </row>
    <row r="1004001" spans="14:14">
      <c r="N1004001" s="10"/>
    </row>
    <row r="1004002" spans="14:14">
      <c r="N1004002" s="10"/>
    </row>
    <row r="1004003" spans="14:14">
      <c r="N1004003" s="10"/>
    </row>
    <row r="1004004" spans="14:14">
      <c r="N1004004" s="10"/>
    </row>
    <row r="1004005" spans="14:14">
      <c r="N1004005" s="10"/>
    </row>
    <row r="1004006" spans="14:14">
      <c r="N1004006" s="10"/>
    </row>
    <row r="1004007" spans="14:14">
      <c r="N1004007" s="10"/>
    </row>
    <row r="1004008" spans="14:14">
      <c r="N1004008" s="10"/>
    </row>
    <row r="1004009" spans="14:14">
      <c r="N1004009" s="10"/>
    </row>
    <row r="1004010" spans="14:14">
      <c r="N1004010" s="10"/>
    </row>
    <row r="1004011" spans="14:14">
      <c r="N1004011" s="10"/>
    </row>
    <row r="1004012" spans="14:14">
      <c r="N1004012" s="10"/>
    </row>
    <row r="1004013" spans="14:14">
      <c r="N1004013" s="10"/>
    </row>
    <row r="1004014" spans="14:14">
      <c r="N1004014" s="10"/>
    </row>
    <row r="1004015" spans="14:14">
      <c r="N1004015" s="10"/>
    </row>
    <row r="1004016" spans="14:14">
      <c r="N1004016" s="10"/>
    </row>
    <row r="1004017" spans="14:14">
      <c r="N1004017" s="10"/>
    </row>
    <row r="1004018" spans="14:14">
      <c r="N1004018" s="10"/>
    </row>
    <row r="1004019" spans="14:14">
      <c r="N1004019" s="10"/>
    </row>
    <row r="1004020" spans="14:14">
      <c r="N1004020" s="10"/>
    </row>
    <row r="1004021" spans="14:14">
      <c r="N1004021" s="10"/>
    </row>
    <row r="1004022" spans="14:14">
      <c r="N1004022" s="10"/>
    </row>
    <row r="1004023" spans="14:14">
      <c r="N1004023" s="10"/>
    </row>
    <row r="1004024" spans="14:14">
      <c r="N1004024" s="10"/>
    </row>
    <row r="1004025" spans="14:14">
      <c r="N1004025" s="10"/>
    </row>
    <row r="1004026" spans="14:14">
      <c r="N1004026" s="10"/>
    </row>
    <row r="1004027" spans="14:14">
      <c r="N1004027" s="10"/>
    </row>
    <row r="1004028" spans="14:14">
      <c r="N1004028" s="10"/>
    </row>
    <row r="1004029" spans="14:14">
      <c r="N1004029" s="10"/>
    </row>
    <row r="1004030" spans="14:14">
      <c r="N1004030" s="10"/>
    </row>
    <row r="1004031" spans="14:14">
      <c r="N1004031" s="10"/>
    </row>
    <row r="1004032" spans="14:14">
      <c r="N1004032" s="10"/>
    </row>
    <row r="1004033" spans="14:14">
      <c r="N1004033" s="10"/>
    </row>
    <row r="1004034" spans="14:14">
      <c r="N1004034" s="10"/>
    </row>
    <row r="1004035" spans="14:14">
      <c r="N1004035" s="10"/>
    </row>
    <row r="1004036" spans="14:14">
      <c r="N1004036" s="10"/>
    </row>
    <row r="1004037" spans="14:14">
      <c r="N1004037" s="10"/>
    </row>
    <row r="1004038" spans="14:14">
      <c r="N1004038" s="10"/>
    </row>
    <row r="1004039" spans="14:14">
      <c r="N1004039" s="10"/>
    </row>
    <row r="1004040" spans="14:14">
      <c r="N1004040" s="10"/>
    </row>
    <row r="1004041" spans="14:14">
      <c r="N1004041" s="10"/>
    </row>
    <row r="1004042" spans="14:14">
      <c r="N1004042" s="10"/>
    </row>
    <row r="1004043" spans="14:14">
      <c r="N1004043" s="10"/>
    </row>
    <row r="1004044" spans="14:14">
      <c r="N1004044" s="10"/>
    </row>
    <row r="1004045" spans="14:14">
      <c r="N1004045" s="10"/>
    </row>
    <row r="1004046" spans="14:14">
      <c r="N1004046" s="10"/>
    </row>
    <row r="1004047" spans="14:14">
      <c r="N1004047" s="10"/>
    </row>
    <row r="1004048" spans="14:14">
      <c r="N1004048" s="10"/>
    </row>
    <row r="1004049" spans="14:14">
      <c r="N1004049" s="10"/>
    </row>
    <row r="1004050" spans="14:14">
      <c r="N1004050" s="10"/>
    </row>
    <row r="1004051" spans="14:14">
      <c r="N1004051" s="10"/>
    </row>
    <row r="1004052" spans="14:14">
      <c r="N1004052" s="10"/>
    </row>
    <row r="1004053" spans="14:14">
      <c r="N1004053" s="10"/>
    </row>
    <row r="1004054" spans="14:14">
      <c r="N1004054" s="10"/>
    </row>
    <row r="1004055" spans="14:14">
      <c r="N1004055" s="10"/>
    </row>
    <row r="1004056" spans="14:14">
      <c r="N1004056" s="10"/>
    </row>
    <row r="1004057" spans="14:14">
      <c r="N1004057" s="10"/>
    </row>
    <row r="1004058" spans="14:14">
      <c r="N1004058" s="10"/>
    </row>
    <row r="1004059" spans="14:14">
      <c r="N1004059" s="10"/>
    </row>
    <row r="1004060" spans="14:14">
      <c r="N1004060" s="10"/>
    </row>
    <row r="1004061" spans="14:14">
      <c r="N1004061" s="10"/>
    </row>
    <row r="1004062" spans="14:14">
      <c r="N1004062" s="10"/>
    </row>
    <row r="1004063" spans="14:14">
      <c r="N1004063" s="10"/>
    </row>
    <row r="1004064" spans="14:14">
      <c r="N1004064" s="10"/>
    </row>
    <row r="1004065" spans="14:14">
      <c r="N1004065" s="10"/>
    </row>
    <row r="1004066" spans="14:14">
      <c r="N1004066" s="10"/>
    </row>
    <row r="1004067" spans="14:14">
      <c r="N1004067" s="10"/>
    </row>
    <row r="1004068" spans="14:14">
      <c r="N1004068" s="10"/>
    </row>
    <row r="1004069" spans="14:14">
      <c r="N1004069" s="10"/>
    </row>
    <row r="1004070" spans="14:14">
      <c r="N1004070" s="10"/>
    </row>
    <row r="1004071" spans="14:14">
      <c r="N1004071" s="10"/>
    </row>
    <row r="1004072" spans="14:14">
      <c r="N1004072" s="10"/>
    </row>
    <row r="1004073" spans="14:14">
      <c r="N1004073" s="10"/>
    </row>
    <row r="1004074" spans="14:14">
      <c r="N1004074" s="10"/>
    </row>
    <row r="1004075" spans="14:14">
      <c r="N1004075" s="10"/>
    </row>
    <row r="1004076" spans="14:14">
      <c r="N1004076" s="10"/>
    </row>
    <row r="1004077" spans="14:14">
      <c r="N1004077" s="10"/>
    </row>
    <row r="1004078" spans="14:14">
      <c r="N1004078" s="10"/>
    </row>
    <row r="1004079" spans="14:14">
      <c r="N1004079" s="10"/>
    </row>
    <row r="1004080" spans="14:14">
      <c r="N1004080" s="10"/>
    </row>
    <row r="1004081" spans="14:14">
      <c r="N1004081" s="10"/>
    </row>
    <row r="1004082" spans="14:14">
      <c r="N1004082" s="10"/>
    </row>
    <row r="1004083" spans="14:14">
      <c r="N1004083" s="10"/>
    </row>
    <row r="1004084" spans="14:14">
      <c r="N1004084" s="10"/>
    </row>
    <row r="1004085" spans="14:14">
      <c r="N1004085" s="10"/>
    </row>
    <row r="1004086" spans="14:14">
      <c r="N1004086" s="10"/>
    </row>
    <row r="1004087" spans="14:14">
      <c r="N1004087" s="10"/>
    </row>
    <row r="1004088" spans="14:14">
      <c r="N1004088" s="10"/>
    </row>
    <row r="1004089" spans="14:14">
      <c r="N1004089" s="10"/>
    </row>
    <row r="1004090" spans="14:14">
      <c r="N1004090" s="10"/>
    </row>
    <row r="1004091" spans="14:14">
      <c r="N1004091" s="10"/>
    </row>
    <row r="1004092" spans="14:14">
      <c r="N1004092" s="10"/>
    </row>
    <row r="1004093" spans="14:14">
      <c r="N1004093" s="10"/>
    </row>
    <row r="1004094" spans="14:14">
      <c r="N1004094" s="10"/>
    </row>
    <row r="1004095" spans="14:14">
      <c r="N1004095" s="10"/>
    </row>
    <row r="1004096" spans="14:14">
      <c r="N1004096" s="10"/>
    </row>
    <row r="1004097" spans="14:14">
      <c r="N1004097" s="10"/>
    </row>
    <row r="1004098" spans="14:14">
      <c r="N1004098" s="10"/>
    </row>
    <row r="1004099" spans="14:14">
      <c r="N1004099" s="10"/>
    </row>
    <row r="1004100" spans="14:14">
      <c r="N1004100" s="10"/>
    </row>
    <row r="1004101" spans="14:14">
      <c r="N1004101" s="10"/>
    </row>
    <row r="1004102" spans="14:14">
      <c r="N1004102" s="10"/>
    </row>
    <row r="1004103" spans="14:14">
      <c r="N1004103" s="10"/>
    </row>
    <row r="1004104" spans="14:14">
      <c r="N1004104" s="10"/>
    </row>
    <row r="1004105" spans="14:14">
      <c r="N1004105" s="10"/>
    </row>
    <row r="1004106" spans="14:14">
      <c r="N1004106" s="10"/>
    </row>
    <row r="1004107" spans="14:14">
      <c r="N1004107" s="10"/>
    </row>
    <row r="1004108" spans="14:14">
      <c r="N1004108" s="10"/>
    </row>
    <row r="1004109" spans="14:14">
      <c r="N1004109" s="10"/>
    </row>
    <row r="1004110" spans="14:14">
      <c r="N1004110" s="10"/>
    </row>
    <row r="1004111" spans="14:14">
      <c r="N1004111" s="10"/>
    </row>
    <row r="1004112" spans="14:14">
      <c r="N1004112" s="10"/>
    </row>
    <row r="1004113" spans="14:14">
      <c r="N1004113" s="10"/>
    </row>
    <row r="1004114" spans="14:14">
      <c r="N1004114" s="10"/>
    </row>
    <row r="1004115" spans="14:14">
      <c r="N1004115" s="10"/>
    </row>
    <row r="1004116" spans="14:14">
      <c r="N1004116" s="10"/>
    </row>
    <row r="1004117" spans="14:14">
      <c r="N1004117" s="10"/>
    </row>
    <row r="1004118" spans="14:14">
      <c r="N1004118" s="10"/>
    </row>
    <row r="1004119" spans="14:14">
      <c r="N1004119" s="10"/>
    </row>
    <row r="1004120" spans="14:14">
      <c r="N1004120" s="10"/>
    </row>
    <row r="1004121" spans="14:14">
      <c r="N1004121" s="10"/>
    </row>
    <row r="1004122" spans="14:14">
      <c r="N1004122" s="10"/>
    </row>
    <row r="1004123" spans="14:14">
      <c r="N1004123" s="10"/>
    </row>
    <row r="1004124" spans="14:14">
      <c r="N1004124" s="10"/>
    </row>
    <row r="1004125" spans="14:14">
      <c r="N1004125" s="10"/>
    </row>
    <row r="1004126" spans="14:14">
      <c r="N1004126" s="10"/>
    </row>
    <row r="1004127" spans="14:14">
      <c r="N1004127" s="10"/>
    </row>
    <row r="1004128" spans="14:14">
      <c r="N1004128" s="10"/>
    </row>
    <row r="1004129" spans="14:14">
      <c r="N1004129" s="10"/>
    </row>
    <row r="1004130" spans="14:14">
      <c r="N1004130" s="10"/>
    </row>
    <row r="1004131" spans="14:14">
      <c r="N1004131" s="10"/>
    </row>
    <row r="1004132" spans="14:14">
      <c r="N1004132" s="10"/>
    </row>
    <row r="1004133" spans="14:14">
      <c r="N1004133" s="10"/>
    </row>
    <row r="1004134" spans="14:14">
      <c r="N1004134" s="10"/>
    </row>
    <row r="1004135" spans="14:14">
      <c r="N1004135" s="10"/>
    </row>
    <row r="1004136" spans="14:14">
      <c r="N1004136" s="10"/>
    </row>
    <row r="1004137" spans="14:14">
      <c r="N1004137" s="10"/>
    </row>
    <row r="1004138" spans="14:14">
      <c r="N1004138" s="10"/>
    </row>
    <row r="1004139" spans="14:14">
      <c r="N1004139" s="10"/>
    </row>
    <row r="1004140" spans="14:14">
      <c r="N1004140" s="10"/>
    </row>
    <row r="1004141" spans="14:14">
      <c r="N1004141" s="10"/>
    </row>
    <row r="1004142" spans="14:14">
      <c r="N1004142" s="10"/>
    </row>
    <row r="1004143" spans="14:14">
      <c r="N1004143" s="10"/>
    </row>
    <row r="1004144" spans="14:14">
      <c r="N1004144" s="10"/>
    </row>
    <row r="1004145" spans="14:14">
      <c r="N1004145" s="10"/>
    </row>
    <row r="1004146" spans="14:14">
      <c r="N1004146" s="10"/>
    </row>
    <row r="1004147" spans="14:14">
      <c r="N1004147" s="10"/>
    </row>
    <row r="1004148" spans="14:14">
      <c r="N1004148" s="10"/>
    </row>
    <row r="1004149" spans="14:14">
      <c r="N1004149" s="10"/>
    </row>
    <row r="1004150" spans="14:14">
      <c r="N1004150" s="10"/>
    </row>
    <row r="1004151" spans="14:14">
      <c r="N1004151" s="10"/>
    </row>
    <row r="1004152" spans="14:14">
      <c r="N1004152" s="10"/>
    </row>
    <row r="1004153" spans="14:14">
      <c r="N1004153" s="10"/>
    </row>
    <row r="1004154" spans="14:14">
      <c r="N1004154" s="10"/>
    </row>
    <row r="1004155" spans="14:14">
      <c r="N1004155" s="10"/>
    </row>
    <row r="1004156" spans="14:14">
      <c r="N1004156" s="10"/>
    </row>
    <row r="1004157" spans="14:14">
      <c r="N1004157" s="10"/>
    </row>
    <row r="1004158" spans="14:14">
      <c r="N1004158" s="10"/>
    </row>
    <row r="1004159" spans="14:14">
      <c r="N1004159" s="10"/>
    </row>
    <row r="1004160" spans="14:14">
      <c r="N1004160" s="10"/>
    </row>
    <row r="1004161" spans="14:14">
      <c r="N1004161" s="10"/>
    </row>
    <row r="1004162" spans="14:14">
      <c r="N1004162" s="10"/>
    </row>
    <row r="1004163" spans="14:14">
      <c r="N1004163" s="10"/>
    </row>
    <row r="1004164" spans="14:14">
      <c r="N1004164" s="10"/>
    </row>
    <row r="1004165" spans="14:14">
      <c r="N1004165" s="10"/>
    </row>
    <row r="1004166" spans="14:14">
      <c r="N1004166" s="10"/>
    </row>
    <row r="1004167" spans="14:14">
      <c r="N1004167" s="10"/>
    </row>
    <row r="1004168" spans="14:14">
      <c r="N1004168" s="10"/>
    </row>
    <row r="1004169" spans="14:14">
      <c r="N1004169" s="10"/>
    </row>
    <row r="1004170" spans="14:14">
      <c r="N1004170" s="10"/>
    </row>
    <row r="1004171" spans="14:14">
      <c r="N1004171" s="10"/>
    </row>
    <row r="1004172" spans="14:14">
      <c r="N1004172" s="10"/>
    </row>
    <row r="1004173" spans="14:14">
      <c r="N1004173" s="10"/>
    </row>
    <row r="1004174" spans="14:14">
      <c r="N1004174" s="10"/>
    </row>
    <row r="1004175" spans="14:14">
      <c r="N1004175" s="10"/>
    </row>
    <row r="1004176" spans="14:14">
      <c r="N1004176" s="10"/>
    </row>
    <row r="1004177" spans="14:14">
      <c r="N1004177" s="10"/>
    </row>
    <row r="1004178" spans="14:14">
      <c r="N1004178" s="10"/>
    </row>
    <row r="1004179" spans="14:14">
      <c r="N1004179" s="10"/>
    </row>
    <row r="1004180" spans="14:14">
      <c r="N1004180" s="10"/>
    </row>
    <row r="1004181" spans="14:14">
      <c r="N1004181" s="10"/>
    </row>
    <row r="1004182" spans="14:14">
      <c r="N1004182" s="10"/>
    </row>
    <row r="1004183" spans="14:14">
      <c r="N1004183" s="10"/>
    </row>
    <row r="1004184" spans="14:14">
      <c r="N1004184" s="10"/>
    </row>
    <row r="1004185" spans="14:14">
      <c r="N1004185" s="10"/>
    </row>
    <row r="1004186" spans="14:14">
      <c r="N1004186" s="10"/>
    </row>
    <row r="1004187" spans="14:14">
      <c r="N1004187" s="10"/>
    </row>
    <row r="1004188" spans="14:14">
      <c r="N1004188" s="10"/>
    </row>
    <row r="1004189" spans="14:14">
      <c r="N1004189" s="10"/>
    </row>
    <row r="1004190" spans="14:14">
      <c r="N1004190" s="10"/>
    </row>
    <row r="1004191" spans="14:14">
      <c r="N1004191" s="10"/>
    </row>
    <row r="1004192" spans="14:14">
      <c r="N1004192" s="10"/>
    </row>
    <row r="1004193" spans="14:14">
      <c r="N1004193" s="10"/>
    </row>
    <row r="1004194" spans="14:14">
      <c r="N1004194" s="10"/>
    </row>
    <row r="1004195" spans="14:14">
      <c r="N1004195" s="10"/>
    </row>
    <row r="1004196" spans="14:14">
      <c r="N1004196" s="10"/>
    </row>
    <row r="1004197" spans="14:14">
      <c r="N1004197" s="10"/>
    </row>
    <row r="1004198" spans="14:14">
      <c r="N1004198" s="10"/>
    </row>
    <row r="1004199" spans="14:14">
      <c r="N1004199" s="10"/>
    </row>
    <row r="1004200" spans="14:14">
      <c r="N1004200" s="10"/>
    </row>
    <row r="1004201" spans="14:14">
      <c r="N1004201" s="10"/>
    </row>
    <row r="1004202" spans="14:14">
      <c r="N1004202" s="10"/>
    </row>
    <row r="1004203" spans="14:14">
      <c r="N1004203" s="10"/>
    </row>
    <row r="1004204" spans="14:14">
      <c r="N1004204" s="10"/>
    </row>
    <row r="1004205" spans="14:14">
      <c r="N1004205" s="10"/>
    </row>
    <row r="1004206" spans="14:14">
      <c r="N1004206" s="10"/>
    </row>
    <row r="1004207" spans="14:14">
      <c r="N1004207" s="10"/>
    </row>
    <row r="1004208" spans="14:14">
      <c r="N1004208" s="10"/>
    </row>
    <row r="1004209" spans="14:14">
      <c r="N1004209" s="10"/>
    </row>
    <row r="1004210" spans="14:14">
      <c r="N1004210" s="10"/>
    </row>
    <row r="1004211" spans="14:14">
      <c r="N1004211" s="10"/>
    </row>
    <row r="1004212" spans="14:14">
      <c r="N1004212" s="10"/>
    </row>
    <row r="1004213" spans="14:14">
      <c r="N1004213" s="10"/>
    </row>
    <row r="1004214" spans="14:14">
      <c r="N1004214" s="10"/>
    </row>
    <row r="1004215" spans="14:14">
      <c r="N1004215" s="10"/>
    </row>
    <row r="1004216" spans="14:14">
      <c r="N1004216" s="10"/>
    </row>
    <row r="1004217" spans="14:14">
      <c r="N1004217" s="10"/>
    </row>
    <row r="1004218" spans="14:14">
      <c r="N1004218" s="10"/>
    </row>
    <row r="1004219" spans="14:14">
      <c r="N1004219" s="10"/>
    </row>
    <row r="1004220" spans="14:14">
      <c r="N1004220" s="10"/>
    </row>
    <row r="1004221" spans="14:14">
      <c r="N1004221" s="10"/>
    </row>
    <row r="1004222" spans="14:14">
      <c r="N1004222" s="10"/>
    </row>
    <row r="1004223" spans="14:14">
      <c r="N1004223" s="10"/>
    </row>
    <row r="1004224" spans="14:14">
      <c r="N1004224" s="10"/>
    </row>
    <row r="1004225" spans="14:14">
      <c r="N1004225" s="10"/>
    </row>
    <row r="1004226" spans="14:14">
      <c r="N1004226" s="10"/>
    </row>
    <row r="1004227" spans="14:14">
      <c r="N1004227" s="10"/>
    </row>
    <row r="1004228" spans="14:14">
      <c r="N1004228" s="10"/>
    </row>
    <row r="1004229" spans="14:14">
      <c r="N1004229" s="10"/>
    </row>
    <row r="1004230" spans="14:14">
      <c r="N1004230" s="10"/>
    </row>
    <row r="1004231" spans="14:14">
      <c r="N1004231" s="10"/>
    </row>
    <row r="1004232" spans="14:14">
      <c r="N1004232" s="10"/>
    </row>
    <row r="1004233" spans="14:14">
      <c r="N1004233" s="10"/>
    </row>
    <row r="1004234" spans="14:14">
      <c r="N1004234" s="10"/>
    </row>
    <row r="1004235" spans="14:14">
      <c r="N1004235" s="10"/>
    </row>
    <row r="1004236" spans="14:14">
      <c r="N1004236" s="10"/>
    </row>
    <row r="1004237" spans="14:14">
      <c r="N1004237" s="10"/>
    </row>
    <row r="1004238" spans="14:14">
      <c r="N1004238" s="10"/>
    </row>
    <row r="1004239" spans="14:14">
      <c r="N1004239" s="10"/>
    </row>
    <row r="1004240" spans="14:14">
      <c r="N1004240" s="10"/>
    </row>
    <row r="1004241" spans="14:14">
      <c r="N1004241" s="10"/>
    </row>
    <row r="1004242" spans="14:14">
      <c r="N1004242" s="10"/>
    </row>
    <row r="1004243" spans="14:14">
      <c r="N1004243" s="10"/>
    </row>
    <row r="1004244" spans="14:14">
      <c r="N1004244" s="10"/>
    </row>
    <row r="1004245" spans="14:14">
      <c r="N1004245" s="10"/>
    </row>
    <row r="1004246" spans="14:14">
      <c r="N1004246" s="10"/>
    </row>
    <row r="1004247" spans="14:14">
      <c r="N1004247" s="10"/>
    </row>
    <row r="1004248" spans="14:14">
      <c r="N1004248" s="10"/>
    </row>
    <row r="1004249" spans="14:14">
      <c r="N1004249" s="10"/>
    </row>
    <row r="1004250" spans="14:14">
      <c r="N1004250" s="10"/>
    </row>
    <row r="1004251" spans="14:14">
      <c r="N1004251" s="10"/>
    </row>
    <row r="1004252" spans="14:14">
      <c r="N1004252" s="10"/>
    </row>
    <row r="1004253" spans="14:14">
      <c r="N1004253" s="10"/>
    </row>
    <row r="1004254" spans="14:14">
      <c r="N1004254" s="10"/>
    </row>
    <row r="1004255" spans="14:14">
      <c r="N1004255" s="10"/>
    </row>
    <row r="1004256" spans="14:14">
      <c r="N1004256" s="10"/>
    </row>
    <row r="1004257" spans="14:14">
      <c r="N1004257" s="10"/>
    </row>
    <row r="1004258" spans="14:14">
      <c r="N1004258" s="10"/>
    </row>
    <row r="1004259" spans="14:14">
      <c r="N1004259" s="10"/>
    </row>
    <row r="1004260" spans="14:14">
      <c r="N1004260" s="10"/>
    </row>
    <row r="1004261" spans="14:14">
      <c r="N1004261" s="10"/>
    </row>
    <row r="1004262" spans="14:14">
      <c r="N1004262" s="10"/>
    </row>
    <row r="1004263" spans="14:14">
      <c r="N1004263" s="10"/>
    </row>
    <row r="1004264" spans="14:14">
      <c r="N1004264" s="10"/>
    </row>
    <row r="1004265" spans="14:14">
      <c r="N1004265" s="10"/>
    </row>
    <row r="1004266" spans="14:14">
      <c r="N1004266" s="10"/>
    </row>
    <row r="1004267" spans="14:14">
      <c r="N1004267" s="10"/>
    </row>
    <row r="1004268" spans="14:14">
      <c r="N1004268" s="10"/>
    </row>
    <row r="1004269" spans="14:14">
      <c r="N1004269" s="10"/>
    </row>
    <row r="1004270" spans="14:14">
      <c r="N1004270" s="10"/>
    </row>
    <row r="1004271" spans="14:14">
      <c r="N1004271" s="10"/>
    </row>
    <row r="1004272" spans="14:14">
      <c r="N1004272" s="10"/>
    </row>
    <row r="1004273" spans="14:14">
      <c r="N1004273" s="10"/>
    </row>
    <row r="1004274" spans="14:14">
      <c r="N1004274" s="10"/>
    </row>
    <row r="1004275" spans="14:14">
      <c r="N1004275" s="10"/>
    </row>
    <row r="1004276" spans="14:14">
      <c r="N1004276" s="10"/>
    </row>
    <row r="1004277" spans="14:14">
      <c r="N1004277" s="10"/>
    </row>
    <row r="1004278" spans="14:14">
      <c r="N1004278" s="10"/>
    </row>
    <row r="1004279" spans="14:14">
      <c r="N1004279" s="10"/>
    </row>
    <row r="1004280" spans="14:14">
      <c r="N1004280" s="10"/>
    </row>
    <row r="1004281" spans="14:14">
      <c r="N1004281" s="10"/>
    </row>
    <row r="1004282" spans="14:14">
      <c r="N1004282" s="10"/>
    </row>
    <row r="1004283" spans="14:14">
      <c r="N1004283" s="10"/>
    </row>
    <row r="1004284" spans="14:14">
      <c r="N1004284" s="10"/>
    </row>
    <row r="1004285" spans="14:14">
      <c r="N1004285" s="10"/>
    </row>
    <row r="1004286" spans="14:14">
      <c r="N1004286" s="10"/>
    </row>
    <row r="1004287" spans="14:14">
      <c r="N1004287" s="10"/>
    </row>
    <row r="1004288" spans="14:14">
      <c r="N1004288" s="10"/>
    </row>
    <row r="1004289" spans="14:14">
      <c r="N1004289" s="10"/>
    </row>
    <row r="1004290" spans="14:14">
      <c r="N1004290" s="10"/>
    </row>
    <row r="1004291" spans="14:14">
      <c r="N1004291" s="10"/>
    </row>
    <row r="1004292" spans="14:14">
      <c r="N1004292" s="10"/>
    </row>
    <row r="1004293" spans="14:14">
      <c r="N1004293" s="10"/>
    </row>
    <row r="1004294" spans="14:14">
      <c r="N1004294" s="10"/>
    </row>
    <row r="1004295" spans="14:14">
      <c r="N1004295" s="10"/>
    </row>
    <row r="1004296" spans="14:14">
      <c r="N1004296" s="10"/>
    </row>
    <row r="1004297" spans="14:14">
      <c r="N1004297" s="10"/>
    </row>
    <row r="1004298" spans="14:14">
      <c r="N1004298" s="10"/>
    </row>
    <row r="1004299" spans="14:14">
      <c r="N1004299" s="10"/>
    </row>
    <row r="1004300" spans="14:14">
      <c r="N1004300" s="10"/>
    </row>
    <row r="1004301" spans="14:14">
      <c r="N1004301" s="10"/>
    </row>
    <row r="1004302" spans="14:14">
      <c r="N1004302" s="10"/>
    </row>
    <row r="1004303" spans="14:14">
      <c r="N1004303" s="10"/>
    </row>
    <row r="1004304" spans="14:14">
      <c r="N1004304" s="10"/>
    </row>
    <row r="1004305" spans="14:14">
      <c r="N1004305" s="10"/>
    </row>
    <row r="1004306" spans="14:14">
      <c r="N1004306" s="10"/>
    </row>
    <row r="1004307" spans="14:14">
      <c r="N1004307" s="10"/>
    </row>
    <row r="1004308" spans="14:14">
      <c r="N1004308" s="10"/>
    </row>
    <row r="1004309" spans="14:14">
      <c r="N1004309" s="10"/>
    </row>
    <row r="1004310" spans="14:14">
      <c r="N1004310" s="10"/>
    </row>
    <row r="1004311" spans="14:14">
      <c r="N1004311" s="10"/>
    </row>
    <row r="1004312" spans="14:14">
      <c r="N1004312" s="10"/>
    </row>
    <row r="1004313" spans="14:14">
      <c r="N1004313" s="10"/>
    </row>
    <row r="1004314" spans="14:14">
      <c r="N1004314" s="10"/>
    </row>
    <row r="1004315" spans="14:14">
      <c r="N1004315" s="10"/>
    </row>
    <row r="1004316" spans="14:14">
      <c r="N1004316" s="10"/>
    </row>
    <row r="1004317" spans="14:14">
      <c r="N1004317" s="10"/>
    </row>
    <row r="1004318" spans="14:14">
      <c r="N1004318" s="10"/>
    </row>
    <row r="1004319" spans="14:14">
      <c r="N1004319" s="10"/>
    </row>
    <row r="1004320" spans="14:14">
      <c r="N1004320" s="10"/>
    </row>
    <row r="1004321" spans="14:14">
      <c r="N1004321" s="10"/>
    </row>
    <row r="1004322" spans="14:14">
      <c r="N1004322" s="10"/>
    </row>
    <row r="1004323" spans="14:14">
      <c r="N1004323" s="10"/>
    </row>
    <row r="1004324" spans="14:14">
      <c r="N1004324" s="10"/>
    </row>
    <row r="1004325" spans="14:14">
      <c r="N1004325" s="10"/>
    </row>
    <row r="1004326" spans="14:14">
      <c r="N1004326" s="10"/>
    </row>
    <row r="1004327" spans="14:14">
      <c r="N1004327" s="10"/>
    </row>
    <row r="1004328" spans="14:14">
      <c r="N1004328" s="10"/>
    </row>
    <row r="1004329" spans="14:14">
      <c r="N1004329" s="10"/>
    </row>
    <row r="1004330" spans="14:14">
      <c r="N1004330" s="10"/>
    </row>
    <row r="1004331" spans="14:14">
      <c r="N1004331" s="10"/>
    </row>
    <row r="1004332" spans="14:14">
      <c r="N1004332" s="10"/>
    </row>
    <row r="1004333" spans="14:14">
      <c r="N1004333" s="10"/>
    </row>
    <row r="1004334" spans="14:14">
      <c r="N1004334" s="10"/>
    </row>
    <row r="1004335" spans="14:14">
      <c r="N1004335" s="10"/>
    </row>
    <row r="1004336" spans="14:14">
      <c r="N1004336" s="10"/>
    </row>
    <row r="1004337" spans="14:14">
      <c r="N1004337" s="10"/>
    </row>
    <row r="1004338" spans="14:14">
      <c r="N1004338" s="10"/>
    </row>
    <row r="1004339" spans="14:14">
      <c r="N1004339" s="10"/>
    </row>
    <row r="1004340" spans="14:14">
      <c r="N1004340" s="10"/>
    </row>
    <row r="1004341" spans="14:14">
      <c r="N1004341" s="10"/>
    </row>
    <row r="1004342" spans="14:14">
      <c r="N1004342" s="10"/>
    </row>
    <row r="1004343" spans="14:14">
      <c r="N1004343" s="10"/>
    </row>
    <row r="1004344" spans="14:14">
      <c r="N1004344" s="10"/>
    </row>
    <row r="1004345" spans="14:14">
      <c r="N1004345" s="10"/>
    </row>
    <row r="1004346" spans="14:14">
      <c r="N1004346" s="10"/>
    </row>
    <row r="1004347" spans="14:14">
      <c r="N1004347" s="10"/>
    </row>
    <row r="1004348" spans="14:14">
      <c r="N1004348" s="10"/>
    </row>
    <row r="1004349" spans="14:14">
      <c r="N1004349" s="10"/>
    </row>
    <row r="1004350" spans="14:14">
      <c r="N1004350" s="10"/>
    </row>
    <row r="1004351" spans="14:14">
      <c r="N1004351" s="10"/>
    </row>
    <row r="1004352" spans="14:14">
      <c r="N1004352" s="10"/>
    </row>
    <row r="1004353" spans="14:14">
      <c r="N1004353" s="10"/>
    </row>
    <row r="1004354" spans="14:14">
      <c r="N1004354" s="10"/>
    </row>
    <row r="1004355" spans="14:14">
      <c r="N1004355" s="10"/>
    </row>
    <row r="1004356" spans="14:14">
      <c r="N1004356" s="10"/>
    </row>
    <row r="1004357" spans="14:14">
      <c r="N1004357" s="10"/>
    </row>
    <row r="1004358" spans="14:14">
      <c r="N1004358" s="10"/>
    </row>
    <row r="1004359" spans="14:14">
      <c r="N1004359" s="10"/>
    </row>
    <row r="1004360" spans="14:14">
      <c r="N1004360" s="10"/>
    </row>
    <row r="1004361" spans="14:14">
      <c r="N1004361" s="10"/>
    </row>
    <row r="1004362" spans="14:14">
      <c r="N1004362" s="10"/>
    </row>
    <row r="1004363" spans="14:14">
      <c r="N1004363" s="10"/>
    </row>
    <row r="1004364" spans="14:14">
      <c r="N1004364" s="10"/>
    </row>
    <row r="1004365" spans="14:14">
      <c r="N1004365" s="10"/>
    </row>
    <row r="1004366" spans="14:14">
      <c r="N1004366" s="10"/>
    </row>
    <row r="1004367" spans="14:14">
      <c r="N1004367" s="10"/>
    </row>
    <row r="1004368" spans="14:14">
      <c r="N1004368" s="10"/>
    </row>
    <row r="1004369" spans="14:14">
      <c r="N1004369" s="10"/>
    </row>
    <row r="1004370" spans="14:14">
      <c r="N1004370" s="10"/>
    </row>
    <row r="1004371" spans="14:14">
      <c r="N1004371" s="10"/>
    </row>
    <row r="1004372" spans="14:14">
      <c r="N1004372" s="10"/>
    </row>
    <row r="1004373" spans="14:14">
      <c r="N1004373" s="10"/>
    </row>
    <row r="1004374" spans="14:14">
      <c r="N1004374" s="10"/>
    </row>
    <row r="1004375" spans="14:14">
      <c r="N1004375" s="10"/>
    </row>
    <row r="1004376" spans="14:14">
      <c r="N1004376" s="10"/>
    </row>
    <row r="1004377" spans="14:14">
      <c r="N1004377" s="10"/>
    </row>
    <row r="1004378" spans="14:14">
      <c r="N1004378" s="10"/>
    </row>
    <row r="1004379" spans="14:14">
      <c r="N1004379" s="10"/>
    </row>
    <row r="1004380" spans="14:14">
      <c r="N1004380" s="10"/>
    </row>
    <row r="1004381" spans="14:14">
      <c r="N1004381" s="10"/>
    </row>
    <row r="1004382" spans="14:14">
      <c r="N1004382" s="10"/>
    </row>
    <row r="1004383" spans="14:14">
      <c r="N1004383" s="10"/>
    </row>
    <row r="1004384" spans="14:14">
      <c r="N1004384" s="10"/>
    </row>
    <row r="1004385" spans="14:14">
      <c r="N1004385" s="10"/>
    </row>
    <row r="1004386" spans="14:14">
      <c r="N1004386" s="10"/>
    </row>
    <row r="1004387" spans="14:14">
      <c r="N1004387" s="10"/>
    </row>
    <row r="1004388" spans="14:14">
      <c r="N1004388" s="10"/>
    </row>
    <row r="1004389" spans="14:14">
      <c r="N1004389" s="10"/>
    </row>
    <row r="1004390" spans="14:14">
      <c r="N1004390" s="10"/>
    </row>
    <row r="1004391" spans="14:14">
      <c r="N1004391" s="10"/>
    </row>
    <row r="1004392" spans="14:14">
      <c r="N1004392" s="10"/>
    </row>
    <row r="1004393" spans="14:14">
      <c r="N1004393" s="10"/>
    </row>
    <row r="1004394" spans="14:14">
      <c r="N1004394" s="10"/>
    </row>
    <row r="1004395" spans="14:14">
      <c r="N1004395" s="10"/>
    </row>
    <row r="1004396" spans="14:14">
      <c r="N1004396" s="10"/>
    </row>
    <row r="1004397" spans="14:14">
      <c r="N1004397" s="10"/>
    </row>
    <row r="1004398" spans="14:14">
      <c r="N1004398" s="10"/>
    </row>
    <row r="1004399" spans="14:14">
      <c r="N1004399" s="10"/>
    </row>
    <row r="1004400" spans="14:14">
      <c r="N1004400" s="10"/>
    </row>
    <row r="1004401" spans="14:14">
      <c r="N1004401" s="10"/>
    </row>
    <row r="1004402" spans="14:14">
      <c r="N1004402" s="10"/>
    </row>
    <row r="1004403" spans="14:14">
      <c r="N1004403" s="10"/>
    </row>
    <row r="1004404" spans="14:14">
      <c r="N1004404" s="10"/>
    </row>
    <row r="1004405" spans="14:14">
      <c r="N1004405" s="10"/>
    </row>
    <row r="1004406" spans="14:14">
      <c r="N1004406" s="10"/>
    </row>
    <row r="1004407" spans="14:14">
      <c r="N1004407" s="10"/>
    </row>
    <row r="1004408" spans="14:14">
      <c r="N1004408" s="10"/>
    </row>
    <row r="1004409" spans="14:14">
      <c r="N1004409" s="10"/>
    </row>
    <row r="1004410" spans="14:14">
      <c r="N1004410" s="10"/>
    </row>
    <row r="1004411" spans="14:14">
      <c r="N1004411" s="10"/>
    </row>
    <row r="1004412" spans="14:14">
      <c r="N1004412" s="10"/>
    </row>
    <row r="1004413" spans="14:14">
      <c r="N1004413" s="10"/>
    </row>
    <row r="1004414" spans="14:14">
      <c r="N1004414" s="10"/>
    </row>
    <row r="1004415" spans="14:14">
      <c r="N1004415" s="10"/>
    </row>
    <row r="1004416" spans="14:14">
      <c r="N1004416" s="10"/>
    </row>
    <row r="1004417" spans="14:14">
      <c r="N1004417" s="10"/>
    </row>
    <row r="1004418" spans="14:14">
      <c r="N1004418" s="10"/>
    </row>
    <row r="1004419" spans="14:14">
      <c r="N1004419" s="10"/>
    </row>
    <row r="1004420" spans="14:14">
      <c r="N1004420" s="10"/>
    </row>
    <row r="1004421" spans="14:14">
      <c r="N1004421" s="10"/>
    </row>
    <row r="1004422" spans="14:14">
      <c r="N1004422" s="10"/>
    </row>
    <row r="1004423" spans="14:14">
      <c r="N1004423" s="10"/>
    </row>
    <row r="1004424" spans="14:14">
      <c r="N1004424" s="10"/>
    </row>
    <row r="1004425" spans="14:14">
      <c r="N1004425" s="10"/>
    </row>
    <row r="1004426" spans="14:14">
      <c r="N1004426" s="10"/>
    </row>
    <row r="1004427" spans="14:14">
      <c r="N1004427" s="10"/>
    </row>
    <row r="1004428" spans="14:14">
      <c r="N1004428" s="10"/>
    </row>
    <row r="1004429" spans="14:14">
      <c r="N1004429" s="10"/>
    </row>
    <row r="1004430" spans="14:14">
      <c r="N1004430" s="10"/>
    </row>
    <row r="1004431" spans="14:14">
      <c r="N1004431" s="10"/>
    </row>
    <row r="1004432" spans="14:14">
      <c r="N1004432" s="10"/>
    </row>
    <row r="1004433" spans="14:14">
      <c r="N1004433" s="10"/>
    </row>
    <row r="1004434" spans="14:14">
      <c r="N1004434" s="10"/>
    </row>
    <row r="1004435" spans="14:14">
      <c r="N1004435" s="10"/>
    </row>
    <row r="1004436" spans="14:14">
      <c r="N1004436" s="10"/>
    </row>
    <row r="1004437" spans="14:14">
      <c r="N1004437" s="10"/>
    </row>
    <row r="1004438" spans="14:14">
      <c r="N1004438" s="10"/>
    </row>
    <row r="1004439" spans="14:14">
      <c r="N1004439" s="10"/>
    </row>
    <row r="1004440" spans="14:14">
      <c r="N1004440" s="10"/>
    </row>
    <row r="1004441" spans="14:14">
      <c r="N1004441" s="10"/>
    </row>
    <row r="1004442" spans="14:14">
      <c r="N1004442" s="10"/>
    </row>
    <row r="1004443" spans="14:14">
      <c r="N1004443" s="10"/>
    </row>
    <row r="1004444" spans="14:14">
      <c r="N1004444" s="10"/>
    </row>
    <row r="1004445" spans="14:14">
      <c r="N1004445" s="10"/>
    </row>
    <row r="1004446" spans="14:14">
      <c r="N1004446" s="10"/>
    </row>
    <row r="1004447" spans="14:14">
      <c r="N1004447" s="10"/>
    </row>
    <row r="1004448" spans="14:14">
      <c r="N1004448" s="10"/>
    </row>
    <row r="1004449" spans="14:14">
      <c r="N1004449" s="10"/>
    </row>
    <row r="1004450" spans="14:14">
      <c r="N1004450" s="10"/>
    </row>
    <row r="1004451" spans="14:14">
      <c r="N1004451" s="10"/>
    </row>
    <row r="1004452" spans="14:14">
      <c r="N1004452" s="10"/>
    </row>
    <row r="1004453" spans="14:14">
      <c r="N1004453" s="10"/>
    </row>
    <row r="1004454" spans="14:14">
      <c r="N1004454" s="10"/>
    </row>
    <row r="1004455" spans="14:14">
      <c r="N1004455" s="10"/>
    </row>
    <row r="1004456" spans="14:14">
      <c r="N1004456" s="10"/>
    </row>
    <row r="1004457" spans="14:14">
      <c r="N1004457" s="10"/>
    </row>
    <row r="1004458" spans="14:14">
      <c r="N1004458" s="10"/>
    </row>
    <row r="1004459" spans="14:14">
      <c r="N1004459" s="10"/>
    </row>
    <row r="1004460" spans="14:14">
      <c r="N1004460" s="10"/>
    </row>
    <row r="1004461" spans="14:14">
      <c r="N1004461" s="10"/>
    </row>
    <row r="1004462" spans="14:14">
      <c r="N1004462" s="10"/>
    </row>
    <row r="1004463" spans="14:14">
      <c r="N1004463" s="10"/>
    </row>
    <row r="1004464" spans="14:14">
      <c r="N1004464" s="10"/>
    </row>
    <row r="1004465" spans="14:14">
      <c r="N1004465" s="10"/>
    </row>
    <row r="1004466" spans="14:14">
      <c r="N1004466" s="10"/>
    </row>
    <row r="1004467" spans="14:14">
      <c r="N1004467" s="10"/>
    </row>
    <row r="1004468" spans="14:14">
      <c r="N1004468" s="10"/>
    </row>
    <row r="1004469" spans="14:14">
      <c r="N1004469" s="10"/>
    </row>
    <row r="1004470" spans="14:14">
      <c r="N1004470" s="10"/>
    </row>
    <row r="1004471" spans="14:14">
      <c r="N1004471" s="10"/>
    </row>
    <row r="1004472" spans="14:14">
      <c r="N1004472" s="10"/>
    </row>
    <row r="1004473" spans="14:14">
      <c r="N1004473" s="10"/>
    </row>
    <row r="1004474" spans="14:14">
      <c r="N1004474" s="10"/>
    </row>
    <row r="1004475" spans="14:14">
      <c r="N1004475" s="10"/>
    </row>
    <row r="1004476" spans="14:14">
      <c r="N1004476" s="10"/>
    </row>
    <row r="1004477" spans="14:14">
      <c r="N1004477" s="10"/>
    </row>
    <row r="1004478" spans="14:14">
      <c r="N1004478" s="10"/>
    </row>
    <row r="1004479" spans="14:14">
      <c r="N1004479" s="10"/>
    </row>
    <row r="1004480" spans="14:14">
      <c r="N1004480" s="10"/>
    </row>
    <row r="1004481" spans="14:14">
      <c r="N1004481" s="10"/>
    </row>
    <row r="1004482" spans="14:14">
      <c r="N1004482" s="10"/>
    </row>
    <row r="1004483" spans="14:14">
      <c r="N1004483" s="10"/>
    </row>
    <row r="1004484" spans="14:14">
      <c r="N1004484" s="10"/>
    </row>
    <row r="1004485" spans="14:14">
      <c r="N1004485" s="10"/>
    </row>
    <row r="1004486" spans="14:14">
      <c r="N1004486" s="10"/>
    </row>
    <row r="1004487" spans="14:14">
      <c r="N1004487" s="10"/>
    </row>
    <row r="1004488" spans="14:14">
      <c r="N1004488" s="10"/>
    </row>
    <row r="1004489" spans="14:14">
      <c r="N1004489" s="10"/>
    </row>
    <row r="1004490" spans="14:14">
      <c r="N1004490" s="10"/>
    </row>
    <row r="1004491" spans="14:14">
      <c r="N1004491" s="10"/>
    </row>
    <row r="1004492" spans="14:14">
      <c r="N1004492" s="10"/>
    </row>
    <row r="1004493" spans="14:14">
      <c r="N1004493" s="10"/>
    </row>
    <row r="1004494" spans="14:14">
      <c r="N1004494" s="10"/>
    </row>
    <row r="1004495" spans="14:14">
      <c r="N1004495" s="10"/>
    </row>
    <row r="1004496" spans="14:14">
      <c r="N1004496" s="10"/>
    </row>
    <row r="1004497" spans="14:14">
      <c r="N1004497" s="10"/>
    </row>
    <row r="1004498" spans="14:14">
      <c r="N1004498" s="10"/>
    </row>
    <row r="1004499" spans="14:14">
      <c r="N1004499" s="10"/>
    </row>
    <row r="1004500" spans="14:14">
      <c r="N1004500" s="10"/>
    </row>
    <row r="1004501" spans="14:14">
      <c r="N1004501" s="10"/>
    </row>
    <row r="1004502" spans="14:14">
      <c r="N1004502" s="10"/>
    </row>
    <row r="1004503" spans="14:14">
      <c r="N1004503" s="10"/>
    </row>
    <row r="1004504" spans="14:14">
      <c r="N1004504" s="10"/>
    </row>
    <row r="1004505" spans="14:14">
      <c r="N1004505" s="10"/>
    </row>
    <row r="1004506" spans="14:14">
      <c r="N1004506" s="10"/>
    </row>
    <row r="1004507" spans="14:14">
      <c r="N1004507" s="10"/>
    </row>
    <row r="1004508" spans="14:14">
      <c r="N1004508" s="10"/>
    </row>
    <row r="1004509" spans="14:14">
      <c r="N1004509" s="10"/>
    </row>
    <row r="1004510" spans="14:14">
      <c r="N1004510" s="10"/>
    </row>
    <row r="1004511" spans="14:14">
      <c r="N1004511" s="10"/>
    </row>
    <row r="1004512" spans="14:14">
      <c r="N1004512" s="10"/>
    </row>
    <row r="1004513" spans="14:14">
      <c r="N1004513" s="10"/>
    </row>
    <row r="1004514" spans="14:14">
      <c r="N1004514" s="10"/>
    </row>
    <row r="1004515" spans="14:14">
      <c r="N1004515" s="10"/>
    </row>
    <row r="1004516" spans="14:14">
      <c r="N1004516" s="10"/>
    </row>
    <row r="1004517" spans="14:14">
      <c r="N1004517" s="10"/>
    </row>
    <row r="1004518" spans="14:14">
      <c r="N1004518" s="10"/>
    </row>
    <row r="1004519" spans="14:14">
      <c r="N1004519" s="10"/>
    </row>
    <row r="1004520" spans="14:14">
      <c r="N1004520" s="10"/>
    </row>
    <row r="1004521" spans="14:14">
      <c r="N1004521" s="10"/>
    </row>
    <row r="1004522" spans="14:14">
      <c r="N1004522" s="10"/>
    </row>
    <row r="1004523" spans="14:14">
      <c r="N1004523" s="10"/>
    </row>
    <row r="1004524" spans="14:14">
      <c r="N1004524" s="10"/>
    </row>
    <row r="1004525" spans="14:14">
      <c r="N1004525" s="10"/>
    </row>
    <row r="1004526" spans="14:14">
      <c r="N1004526" s="10"/>
    </row>
    <row r="1004527" spans="14:14">
      <c r="N1004527" s="10"/>
    </row>
    <row r="1004528" spans="14:14">
      <c r="N1004528" s="10"/>
    </row>
    <row r="1004529" spans="14:14">
      <c r="N1004529" s="10"/>
    </row>
    <row r="1004530" spans="14:14">
      <c r="N1004530" s="10"/>
    </row>
    <row r="1004531" spans="14:14">
      <c r="N1004531" s="10"/>
    </row>
    <row r="1004532" spans="14:14">
      <c r="N1004532" s="10"/>
    </row>
    <row r="1004533" spans="14:14">
      <c r="N1004533" s="10"/>
    </row>
    <row r="1004534" spans="14:14">
      <c r="N1004534" s="10"/>
    </row>
    <row r="1004535" spans="14:14">
      <c r="N1004535" s="10"/>
    </row>
    <row r="1004536" spans="14:14">
      <c r="N1004536" s="10"/>
    </row>
    <row r="1004537" spans="14:14">
      <c r="N1004537" s="10"/>
    </row>
    <row r="1004538" spans="14:14">
      <c r="N1004538" s="10"/>
    </row>
    <row r="1004539" spans="14:14">
      <c r="N1004539" s="10"/>
    </row>
    <row r="1004540" spans="14:14">
      <c r="N1004540" s="10"/>
    </row>
    <row r="1004541" spans="14:14">
      <c r="N1004541" s="10"/>
    </row>
    <row r="1004542" spans="14:14">
      <c r="N1004542" s="10"/>
    </row>
    <row r="1004543" spans="14:14">
      <c r="N1004543" s="10"/>
    </row>
    <row r="1004544" spans="14:14">
      <c r="N1004544" s="10"/>
    </row>
    <row r="1004545" spans="14:14">
      <c r="N1004545" s="10"/>
    </row>
    <row r="1004546" spans="14:14">
      <c r="N1004546" s="10"/>
    </row>
    <row r="1004547" spans="14:14">
      <c r="N1004547" s="10"/>
    </row>
    <row r="1004548" spans="14:14">
      <c r="N1004548" s="10"/>
    </row>
    <row r="1004549" spans="14:14">
      <c r="N1004549" s="10"/>
    </row>
    <row r="1004550" spans="14:14">
      <c r="N1004550" s="10"/>
    </row>
    <row r="1004551" spans="14:14">
      <c r="N1004551" s="10"/>
    </row>
    <row r="1004552" spans="14:14">
      <c r="N1004552" s="10"/>
    </row>
    <row r="1004553" spans="14:14">
      <c r="N1004553" s="10"/>
    </row>
    <row r="1004554" spans="14:14">
      <c r="N1004554" s="10"/>
    </row>
    <row r="1004555" spans="14:14">
      <c r="N1004555" s="10"/>
    </row>
    <row r="1004556" spans="14:14">
      <c r="N1004556" s="10"/>
    </row>
    <row r="1004557" spans="14:14">
      <c r="N1004557" s="10"/>
    </row>
    <row r="1004558" spans="14:14">
      <c r="N1004558" s="10"/>
    </row>
    <row r="1004559" spans="14:14">
      <c r="N1004559" s="10"/>
    </row>
    <row r="1004560" spans="14:14">
      <c r="N1004560" s="10"/>
    </row>
    <row r="1004561" spans="14:14">
      <c r="N1004561" s="10"/>
    </row>
    <row r="1004562" spans="14:14">
      <c r="N1004562" s="10"/>
    </row>
    <row r="1004563" spans="14:14">
      <c r="N1004563" s="10"/>
    </row>
    <row r="1004564" spans="14:14">
      <c r="N1004564" s="10"/>
    </row>
    <row r="1004565" spans="14:14">
      <c r="N1004565" s="10"/>
    </row>
    <row r="1004566" spans="14:14">
      <c r="N1004566" s="10"/>
    </row>
    <row r="1004567" spans="14:14">
      <c r="N1004567" s="10"/>
    </row>
    <row r="1004568" spans="14:14">
      <c r="N1004568" s="10"/>
    </row>
    <row r="1004569" spans="14:14">
      <c r="N1004569" s="10"/>
    </row>
    <row r="1004570" spans="14:14">
      <c r="N1004570" s="10"/>
    </row>
    <row r="1004571" spans="14:14">
      <c r="N1004571" s="10"/>
    </row>
    <row r="1004572" spans="14:14">
      <c r="N1004572" s="10"/>
    </row>
    <row r="1004573" spans="14:14">
      <c r="N1004573" s="10"/>
    </row>
    <row r="1004574" spans="14:14">
      <c r="N1004574" s="10"/>
    </row>
    <row r="1004575" spans="14:14">
      <c r="N1004575" s="10"/>
    </row>
    <row r="1004576" spans="14:14">
      <c r="N1004576" s="10"/>
    </row>
    <row r="1004577" spans="14:14">
      <c r="N1004577" s="10"/>
    </row>
    <row r="1004578" spans="14:14">
      <c r="N1004578" s="10"/>
    </row>
    <row r="1004579" spans="14:14">
      <c r="N1004579" s="10"/>
    </row>
    <row r="1004580" spans="14:14">
      <c r="N1004580" s="10"/>
    </row>
    <row r="1004581" spans="14:14">
      <c r="N1004581" s="10"/>
    </row>
    <row r="1004582" spans="14:14">
      <c r="N1004582" s="10"/>
    </row>
    <row r="1004583" spans="14:14">
      <c r="N1004583" s="10"/>
    </row>
    <row r="1004584" spans="14:14">
      <c r="N1004584" s="10"/>
    </row>
    <row r="1004585" spans="14:14">
      <c r="N1004585" s="10"/>
    </row>
    <row r="1004586" spans="14:14">
      <c r="N1004586" s="10"/>
    </row>
    <row r="1004587" spans="14:14">
      <c r="N1004587" s="10"/>
    </row>
    <row r="1004588" spans="14:14">
      <c r="N1004588" s="10"/>
    </row>
    <row r="1004589" spans="14:14">
      <c r="N1004589" s="10"/>
    </row>
    <row r="1004590" spans="14:14">
      <c r="N1004590" s="10"/>
    </row>
    <row r="1004591" spans="14:14">
      <c r="N1004591" s="10"/>
    </row>
    <row r="1004592" spans="14:14">
      <c r="N1004592" s="10"/>
    </row>
    <row r="1004593" spans="14:14">
      <c r="N1004593" s="10"/>
    </row>
    <row r="1004594" spans="14:14">
      <c r="N1004594" s="10"/>
    </row>
    <row r="1004595" spans="14:14">
      <c r="N1004595" s="10"/>
    </row>
    <row r="1004596" spans="14:14">
      <c r="N1004596" s="10"/>
    </row>
    <row r="1004597" spans="14:14">
      <c r="N1004597" s="10"/>
    </row>
    <row r="1004598" spans="14:14">
      <c r="N1004598" s="10"/>
    </row>
    <row r="1004599" spans="14:14">
      <c r="N1004599" s="10"/>
    </row>
    <row r="1004600" spans="14:14">
      <c r="N1004600" s="10"/>
    </row>
    <row r="1004601" spans="14:14">
      <c r="N1004601" s="10"/>
    </row>
    <row r="1004602" spans="14:14">
      <c r="N1004602" s="10"/>
    </row>
    <row r="1004603" spans="14:14">
      <c r="N1004603" s="10"/>
    </row>
    <row r="1004604" spans="14:14">
      <c r="N1004604" s="10"/>
    </row>
    <row r="1004605" spans="14:14">
      <c r="N1004605" s="10"/>
    </row>
    <row r="1004606" spans="14:14">
      <c r="N1004606" s="10"/>
    </row>
    <row r="1004607" spans="14:14">
      <c r="N1004607" s="10"/>
    </row>
    <row r="1004608" spans="14:14">
      <c r="N1004608" s="10"/>
    </row>
    <row r="1004609" spans="14:14">
      <c r="N1004609" s="10"/>
    </row>
    <row r="1004610" spans="14:14">
      <c r="N1004610" s="10"/>
    </row>
    <row r="1004611" spans="14:14">
      <c r="N1004611" s="10"/>
    </row>
    <row r="1004612" spans="14:14">
      <c r="N1004612" s="10"/>
    </row>
    <row r="1004613" spans="14:14">
      <c r="N1004613" s="10"/>
    </row>
    <row r="1004614" spans="14:14">
      <c r="N1004614" s="10"/>
    </row>
    <row r="1004615" spans="14:14">
      <c r="N1004615" s="10"/>
    </row>
    <row r="1004616" spans="14:14">
      <c r="N1004616" s="10"/>
    </row>
    <row r="1004617" spans="14:14">
      <c r="N1004617" s="10"/>
    </row>
    <row r="1004618" spans="14:14">
      <c r="N1004618" s="10"/>
    </row>
    <row r="1004619" spans="14:14">
      <c r="N1004619" s="10"/>
    </row>
    <row r="1004620" spans="14:14">
      <c r="N1004620" s="10"/>
    </row>
    <row r="1004621" spans="14:14">
      <c r="N1004621" s="10"/>
    </row>
    <row r="1004622" spans="14:14">
      <c r="N1004622" s="10"/>
    </row>
    <row r="1004623" spans="14:14">
      <c r="N1004623" s="10"/>
    </row>
    <row r="1004624" spans="14:14">
      <c r="N1004624" s="10"/>
    </row>
    <row r="1004625" spans="14:14">
      <c r="N1004625" s="10"/>
    </row>
    <row r="1004626" spans="14:14">
      <c r="N1004626" s="10"/>
    </row>
    <row r="1004627" spans="14:14">
      <c r="N1004627" s="10"/>
    </row>
    <row r="1004628" spans="14:14">
      <c r="N1004628" s="10"/>
    </row>
    <row r="1004629" spans="14:14">
      <c r="N1004629" s="10"/>
    </row>
    <row r="1004630" spans="14:14">
      <c r="N1004630" s="10"/>
    </row>
    <row r="1004631" spans="14:14">
      <c r="N1004631" s="10"/>
    </row>
    <row r="1004632" spans="14:14">
      <c r="N1004632" s="10"/>
    </row>
    <row r="1004633" spans="14:14">
      <c r="N1004633" s="10"/>
    </row>
    <row r="1004634" spans="14:14">
      <c r="N1004634" s="10"/>
    </row>
    <row r="1004635" spans="14:14">
      <c r="N1004635" s="10"/>
    </row>
    <row r="1004636" spans="14:14">
      <c r="N1004636" s="10"/>
    </row>
    <row r="1004637" spans="14:14">
      <c r="N1004637" s="10"/>
    </row>
    <row r="1004638" spans="14:14">
      <c r="N1004638" s="10"/>
    </row>
    <row r="1004639" spans="14:14">
      <c r="N1004639" s="10"/>
    </row>
    <row r="1004640" spans="14:14">
      <c r="N1004640" s="10"/>
    </row>
    <row r="1004641" spans="14:14">
      <c r="N1004641" s="10"/>
    </row>
    <row r="1004642" spans="14:14">
      <c r="N1004642" s="10"/>
    </row>
    <row r="1004643" spans="14:14">
      <c r="N1004643" s="10"/>
    </row>
    <row r="1004644" spans="14:14">
      <c r="N1004644" s="10"/>
    </row>
    <row r="1004645" spans="14:14">
      <c r="N1004645" s="10"/>
    </row>
    <row r="1004646" spans="14:14">
      <c r="N1004646" s="10"/>
    </row>
    <row r="1004647" spans="14:14">
      <c r="N1004647" s="10"/>
    </row>
    <row r="1004648" spans="14:14">
      <c r="N1004648" s="10"/>
    </row>
    <row r="1004649" spans="14:14">
      <c r="N1004649" s="10"/>
    </row>
    <row r="1004650" spans="14:14">
      <c r="N1004650" s="10"/>
    </row>
    <row r="1004651" spans="14:14">
      <c r="N1004651" s="10"/>
    </row>
    <row r="1004652" spans="14:14">
      <c r="N1004652" s="10"/>
    </row>
    <row r="1004653" spans="14:14">
      <c r="N1004653" s="10"/>
    </row>
    <row r="1004654" spans="14:14">
      <c r="N1004654" s="10"/>
    </row>
    <row r="1004655" spans="14:14">
      <c r="N1004655" s="10"/>
    </row>
    <row r="1004656" spans="14:14">
      <c r="N1004656" s="10"/>
    </row>
    <row r="1004657" spans="14:14">
      <c r="N1004657" s="10"/>
    </row>
    <row r="1004658" spans="14:14">
      <c r="N1004658" s="10"/>
    </row>
    <row r="1004659" spans="14:14">
      <c r="N1004659" s="10"/>
    </row>
    <row r="1004660" spans="14:14">
      <c r="N1004660" s="10"/>
    </row>
    <row r="1004661" spans="14:14">
      <c r="N1004661" s="10"/>
    </row>
    <row r="1004662" spans="14:14">
      <c r="N1004662" s="10"/>
    </row>
    <row r="1004663" spans="14:14">
      <c r="N1004663" s="10"/>
    </row>
    <row r="1004664" spans="14:14">
      <c r="N1004664" s="10"/>
    </row>
    <row r="1004665" spans="14:14">
      <c r="N1004665" s="10"/>
    </row>
    <row r="1004666" spans="14:14">
      <c r="N1004666" s="10"/>
    </row>
    <row r="1004667" spans="14:14">
      <c r="N1004667" s="10"/>
    </row>
    <row r="1004668" spans="14:14">
      <c r="N1004668" s="10"/>
    </row>
    <row r="1004669" spans="14:14">
      <c r="N1004669" s="10"/>
    </row>
    <row r="1004670" spans="14:14">
      <c r="N1004670" s="10"/>
    </row>
    <row r="1004671" spans="14:14">
      <c r="N1004671" s="10"/>
    </row>
    <row r="1004672" spans="14:14">
      <c r="N1004672" s="10"/>
    </row>
    <row r="1004673" spans="14:14">
      <c r="N1004673" s="10"/>
    </row>
    <row r="1004674" spans="14:14">
      <c r="N1004674" s="10"/>
    </row>
    <row r="1004675" spans="14:14">
      <c r="N1004675" s="10"/>
    </row>
    <row r="1004676" spans="14:14">
      <c r="N1004676" s="10"/>
    </row>
    <row r="1004677" spans="14:14">
      <c r="N1004677" s="10"/>
    </row>
    <row r="1004678" spans="14:14">
      <c r="N1004678" s="10"/>
    </row>
    <row r="1004679" spans="14:14">
      <c r="N1004679" s="10"/>
    </row>
    <row r="1004680" spans="14:14">
      <c r="N1004680" s="10"/>
    </row>
    <row r="1004681" spans="14:14">
      <c r="N1004681" s="10"/>
    </row>
    <row r="1004682" spans="14:14">
      <c r="N1004682" s="10"/>
    </row>
    <row r="1004683" spans="14:14">
      <c r="N1004683" s="10"/>
    </row>
    <row r="1004684" spans="14:14">
      <c r="N1004684" s="10"/>
    </row>
    <row r="1004685" spans="14:14">
      <c r="N1004685" s="10"/>
    </row>
    <row r="1004686" spans="14:14">
      <c r="N1004686" s="10"/>
    </row>
    <row r="1004687" spans="14:14">
      <c r="N1004687" s="10"/>
    </row>
    <row r="1004688" spans="14:14">
      <c r="N1004688" s="10"/>
    </row>
    <row r="1004689" spans="14:14">
      <c r="N1004689" s="10"/>
    </row>
    <row r="1004690" spans="14:14">
      <c r="N1004690" s="10"/>
    </row>
    <row r="1004691" spans="14:14">
      <c r="N1004691" s="10"/>
    </row>
    <row r="1004692" spans="14:14">
      <c r="N1004692" s="10"/>
    </row>
    <row r="1004693" spans="14:14">
      <c r="N1004693" s="10"/>
    </row>
    <row r="1004694" spans="14:14">
      <c r="N1004694" s="10"/>
    </row>
    <row r="1004695" spans="14:14">
      <c r="N1004695" s="10"/>
    </row>
    <row r="1004696" spans="14:14">
      <c r="N1004696" s="10"/>
    </row>
    <row r="1004697" spans="14:14">
      <c r="N1004697" s="10"/>
    </row>
    <row r="1004698" spans="14:14">
      <c r="N1004698" s="10"/>
    </row>
    <row r="1004699" spans="14:14">
      <c r="N1004699" s="10"/>
    </row>
    <row r="1004700" spans="14:14">
      <c r="N1004700" s="10"/>
    </row>
    <row r="1004701" spans="14:14">
      <c r="N1004701" s="10"/>
    </row>
    <row r="1004702" spans="14:14">
      <c r="N1004702" s="10"/>
    </row>
    <row r="1004703" spans="14:14">
      <c r="N1004703" s="10"/>
    </row>
    <row r="1004704" spans="14:14">
      <c r="N1004704" s="10"/>
    </row>
    <row r="1004705" spans="14:14">
      <c r="N1004705" s="10"/>
    </row>
    <row r="1004706" spans="14:14">
      <c r="N1004706" s="10"/>
    </row>
    <row r="1004707" spans="14:14">
      <c r="N1004707" s="10"/>
    </row>
    <row r="1004708" spans="14:14">
      <c r="N1004708" s="10"/>
    </row>
    <row r="1004709" spans="14:14">
      <c r="N1004709" s="10"/>
    </row>
    <row r="1004710" spans="14:14">
      <c r="N1004710" s="10"/>
    </row>
    <row r="1004711" spans="14:14">
      <c r="N1004711" s="10"/>
    </row>
    <row r="1004712" spans="14:14">
      <c r="N1004712" s="10"/>
    </row>
    <row r="1004713" spans="14:14">
      <c r="N1004713" s="10"/>
    </row>
    <row r="1004714" spans="14:14">
      <c r="N1004714" s="10"/>
    </row>
    <row r="1004715" spans="14:14">
      <c r="N1004715" s="10"/>
    </row>
    <row r="1004716" spans="14:14">
      <c r="N1004716" s="10"/>
    </row>
    <row r="1004717" spans="14:14">
      <c r="N1004717" s="10"/>
    </row>
    <row r="1004718" spans="14:14">
      <c r="N1004718" s="10"/>
    </row>
    <row r="1004719" spans="14:14">
      <c r="N1004719" s="10"/>
    </row>
    <row r="1004720" spans="14:14">
      <c r="N1004720" s="10"/>
    </row>
    <row r="1004721" spans="14:14">
      <c r="N1004721" s="10"/>
    </row>
    <row r="1004722" spans="14:14">
      <c r="N1004722" s="10"/>
    </row>
    <row r="1004723" spans="14:14">
      <c r="N1004723" s="10"/>
    </row>
    <row r="1004724" spans="14:14">
      <c r="N1004724" s="10"/>
    </row>
    <row r="1004725" spans="14:14">
      <c r="N1004725" s="10"/>
    </row>
    <row r="1004726" spans="14:14">
      <c r="N1004726" s="10"/>
    </row>
    <row r="1004727" spans="14:14">
      <c r="N1004727" s="10"/>
    </row>
    <row r="1004728" spans="14:14">
      <c r="N1004728" s="10"/>
    </row>
    <row r="1004729" spans="14:14">
      <c r="N1004729" s="10"/>
    </row>
    <row r="1004730" spans="14:14">
      <c r="N1004730" s="10"/>
    </row>
    <row r="1004731" spans="14:14">
      <c r="N1004731" s="10"/>
    </row>
    <row r="1004732" spans="14:14">
      <c r="N1004732" s="10"/>
    </row>
    <row r="1004733" spans="14:14">
      <c r="N1004733" s="10"/>
    </row>
    <row r="1004734" spans="14:14">
      <c r="N1004734" s="10"/>
    </row>
    <row r="1004735" spans="14:14">
      <c r="N1004735" s="10"/>
    </row>
    <row r="1004736" spans="14:14">
      <c r="N1004736" s="10"/>
    </row>
    <row r="1004737" spans="14:14">
      <c r="N1004737" s="10"/>
    </row>
    <row r="1004738" spans="14:14">
      <c r="N1004738" s="10"/>
    </row>
    <row r="1004739" spans="14:14">
      <c r="N1004739" s="10"/>
    </row>
    <row r="1004740" spans="14:14">
      <c r="N1004740" s="10"/>
    </row>
    <row r="1004741" spans="14:14">
      <c r="N1004741" s="10"/>
    </row>
    <row r="1004742" spans="14:14">
      <c r="N1004742" s="10"/>
    </row>
    <row r="1004743" spans="14:14">
      <c r="N1004743" s="10"/>
    </row>
    <row r="1004744" spans="14:14">
      <c r="N1004744" s="10"/>
    </row>
    <row r="1004745" spans="14:14">
      <c r="N1004745" s="10"/>
    </row>
    <row r="1004746" spans="14:14">
      <c r="N1004746" s="10"/>
    </row>
    <row r="1004747" spans="14:14">
      <c r="N1004747" s="10"/>
    </row>
    <row r="1004748" spans="14:14">
      <c r="N1004748" s="10"/>
    </row>
    <row r="1004749" spans="14:14">
      <c r="N1004749" s="10"/>
    </row>
    <row r="1004750" spans="14:14">
      <c r="N1004750" s="10"/>
    </row>
    <row r="1004751" spans="14:14">
      <c r="N1004751" s="10"/>
    </row>
    <row r="1004752" spans="14:14">
      <c r="N1004752" s="10"/>
    </row>
    <row r="1004753" spans="14:14">
      <c r="N1004753" s="10"/>
    </row>
    <row r="1004754" spans="14:14">
      <c r="N1004754" s="10"/>
    </row>
    <row r="1004755" spans="14:14">
      <c r="N1004755" s="10"/>
    </row>
    <row r="1004756" spans="14:14">
      <c r="N1004756" s="10"/>
    </row>
    <row r="1004757" spans="14:14">
      <c r="N1004757" s="10"/>
    </row>
    <row r="1004758" spans="14:14">
      <c r="N1004758" s="10"/>
    </row>
    <row r="1004759" spans="14:14">
      <c r="N1004759" s="10"/>
    </row>
    <row r="1004760" spans="14:14">
      <c r="N1004760" s="10"/>
    </row>
    <row r="1004761" spans="14:14">
      <c r="N1004761" s="10"/>
    </row>
    <row r="1004762" spans="14:14">
      <c r="N1004762" s="10"/>
    </row>
    <row r="1004763" spans="14:14">
      <c r="N1004763" s="10"/>
    </row>
    <row r="1004764" spans="14:14">
      <c r="N1004764" s="10"/>
    </row>
    <row r="1004765" spans="14:14">
      <c r="N1004765" s="10"/>
    </row>
    <row r="1004766" spans="14:14">
      <c r="N1004766" s="10"/>
    </row>
    <row r="1004767" spans="14:14">
      <c r="N1004767" s="10"/>
    </row>
    <row r="1004768" spans="14:14">
      <c r="N1004768" s="10"/>
    </row>
    <row r="1004769" spans="14:14">
      <c r="N1004769" s="10"/>
    </row>
    <row r="1004770" spans="14:14">
      <c r="N1004770" s="10"/>
    </row>
    <row r="1004771" spans="14:14">
      <c r="N1004771" s="10"/>
    </row>
    <row r="1004772" spans="14:14">
      <c r="N1004772" s="10"/>
    </row>
    <row r="1004773" spans="14:14">
      <c r="N1004773" s="10"/>
    </row>
    <row r="1004774" spans="14:14">
      <c r="N1004774" s="10"/>
    </row>
    <row r="1004775" spans="14:14">
      <c r="N1004775" s="10"/>
    </row>
    <row r="1004776" spans="14:14">
      <c r="N1004776" s="10"/>
    </row>
    <row r="1004777" spans="14:14">
      <c r="N1004777" s="10"/>
    </row>
    <row r="1004778" spans="14:14">
      <c r="N1004778" s="10"/>
    </row>
    <row r="1004779" spans="14:14">
      <c r="N1004779" s="10"/>
    </row>
    <row r="1004780" spans="14:14">
      <c r="N1004780" s="10"/>
    </row>
    <row r="1004781" spans="14:14">
      <c r="N1004781" s="10"/>
    </row>
    <row r="1004782" spans="14:14">
      <c r="N1004782" s="10"/>
    </row>
    <row r="1004783" spans="14:14">
      <c r="N1004783" s="10"/>
    </row>
    <row r="1004784" spans="14:14">
      <c r="N1004784" s="10"/>
    </row>
    <row r="1004785" spans="14:14">
      <c r="N1004785" s="10"/>
    </row>
    <row r="1004786" spans="14:14">
      <c r="N1004786" s="10"/>
    </row>
    <row r="1004787" spans="14:14">
      <c r="N1004787" s="10"/>
    </row>
    <row r="1004788" spans="14:14">
      <c r="N1004788" s="10"/>
    </row>
    <row r="1004789" spans="14:14">
      <c r="N1004789" s="10"/>
    </row>
    <row r="1004790" spans="14:14">
      <c r="N1004790" s="10"/>
    </row>
    <row r="1004791" spans="14:14">
      <c r="N1004791" s="10"/>
    </row>
    <row r="1004792" spans="14:14">
      <c r="N1004792" s="10"/>
    </row>
    <row r="1004793" spans="14:14">
      <c r="N1004793" s="10"/>
    </row>
    <row r="1004794" spans="14:14">
      <c r="N1004794" s="10"/>
    </row>
    <row r="1004795" spans="14:14">
      <c r="N1004795" s="10"/>
    </row>
    <row r="1004796" spans="14:14">
      <c r="N1004796" s="10"/>
    </row>
    <row r="1004797" spans="14:14">
      <c r="N1004797" s="10"/>
    </row>
    <row r="1004798" spans="14:14">
      <c r="N1004798" s="10"/>
    </row>
    <row r="1004799" spans="14:14">
      <c r="N1004799" s="10"/>
    </row>
    <row r="1004800" spans="14:14">
      <c r="N1004800" s="10"/>
    </row>
    <row r="1004801" spans="14:14">
      <c r="N1004801" s="10"/>
    </row>
    <row r="1004802" spans="14:14">
      <c r="N1004802" s="10"/>
    </row>
    <row r="1004803" spans="14:14">
      <c r="N1004803" s="10"/>
    </row>
    <row r="1004804" spans="14:14">
      <c r="N1004804" s="10"/>
    </row>
    <row r="1004805" spans="14:14">
      <c r="N1004805" s="10"/>
    </row>
    <row r="1004806" spans="14:14">
      <c r="N1004806" s="10"/>
    </row>
    <row r="1004807" spans="14:14">
      <c r="N1004807" s="10"/>
    </row>
    <row r="1004808" spans="14:14">
      <c r="N1004808" s="10"/>
    </row>
    <row r="1004809" spans="14:14">
      <c r="N1004809" s="10"/>
    </row>
    <row r="1004810" spans="14:14">
      <c r="N1004810" s="10"/>
    </row>
    <row r="1004811" spans="14:14">
      <c r="N1004811" s="10"/>
    </row>
    <row r="1004812" spans="14:14">
      <c r="N1004812" s="10"/>
    </row>
    <row r="1004813" spans="14:14">
      <c r="N1004813" s="10"/>
    </row>
    <row r="1004814" spans="14:14">
      <c r="N1004814" s="10"/>
    </row>
    <row r="1004815" spans="14:14">
      <c r="N1004815" s="10"/>
    </row>
    <row r="1004816" spans="14:14">
      <c r="N1004816" s="10"/>
    </row>
    <row r="1004817" spans="14:14">
      <c r="N1004817" s="10"/>
    </row>
    <row r="1004818" spans="14:14">
      <c r="N1004818" s="10"/>
    </row>
    <row r="1004819" spans="14:14">
      <c r="N1004819" s="10"/>
    </row>
    <row r="1004820" spans="14:14">
      <c r="N1004820" s="10"/>
    </row>
    <row r="1004821" spans="14:14">
      <c r="N1004821" s="10"/>
    </row>
    <row r="1004822" spans="14:14">
      <c r="N1004822" s="10"/>
    </row>
    <row r="1004823" spans="14:14">
      <c r="N1004823" s="10"/>
    </row>
    <row r="1004824" spans="14:14">
      <c r="N1004824" s="10"/>
    </row>
    <row r="1004825" spans="14:14">
      <c r="N1004825" s="10"/>
    </row>
    <row r="1004826" spans="14:14">
      <c r="N1004826" s="10"/>
    </row>
    <row r="1004827" spans="14:14">
      <c r="N1004827" s="10"/>
    </row>
    <row r="1004828" spans="14:14">
      <c r="N1004828" s="10"/>
    </row>
    <row r="1004829" spans="14:14">
      <c r="N1004829" s="10"/>
    </row>
    <row r="1004830" spans="14:14">
      <c r="N1004830" s="10"/>
    </row>
    <row r="1004831" spans="14:14">
      <c r="N1004831" s="10"/>
    </row>
    <row r="1004832" spans="14:14">
      <c r="N1004832" s="10"/>
    </row>
    <row r="1004833" spans="14:14">
      <c r="N1004833" s="10"/>
    </row>
    <row r="1004834" spans="14:14">
      <c r="N1004834" s="10"/>
    </row>
    <row r="1004835" spans="14:14">
      <c r="N1004835" s="10"/>
    </row>
    <row r="1004836" spans="14:14">
      <c r="N1004836" s="10"/>
    </row>
    <row r="1004837" spans="14:14">
      <c r="N1004837" s="10"/>
    </row>
    <row r="1004838" spans="14:14">
      <c r="N1004838" s="10"/>
    </row>
    <row r="1004839" spans="14:14">
      <c r="N1004839" s="10"/>
    </row>
    <row r="1004840" spans="14:14">
      <c r="N1004840" s="10"/>
    </row>
    <row r="1004841" spans="14:14">
      <c r="N1004841" s="10"/>
    </row>
    <row r="1004842" spans="14:14">
      <c r="N1004842" s="10"/>
    </row>
    <row r="1004843" spans="14:14">
      <c r="N1004843" s="10"/>
    </row>
    <row r="1004844" spans="14:14">
      <c r="N1004844" s="10"/>
    </row>
    <row r="1004845" spans="14:14">
      <c r="N1004845" s="10"/>
    </row>
    <row r="1004846" spans="14:14">
      <c r="N1004846" s="10"/>
    </row>
    <row r="1004847" spans="14:14">
      <c r="N1004847" s="10"/>
    </row>
    <row r="1004848" spans="14:14">
      <c r="N1004848" s="10"/>
    </row>
    <row r="1004849" spans="14:14">
      <c r="N1004849" s="10"/>
    </row>
    <row r="1004850" spans="14:14">
      <c r="N1004850" s="10"/>
    </row>
    <row r="1004851" spans="14:14">
      <c r="N1004851" s="10"/>
    </row>
    <row r="1004852" spans="14:14">
      <c r="N1004852" s="10"/>
    </row>
    <row r="1004853" spans="14:14">
      <c r="N1004853" s="10"/>
    </row>
    <row r="1004854" spans="14:14">
      <c r="N1004854" s="10"/>
    </row>
    <row r="1004855" spans="14:14">
      <c r="N1004855" s="10"/>
    </row>
    <row r="1004856" spans="14:14">
      <c r="N1004856" s="10"/>
    </row>
    <row r="1004857" spans="14:14">
      <c r="N1004857" s="10"/>
    </row>
    <row r="1004858" spans="14:14">
      <c r="N1004858" s="10"/>
    </row>
    <row r="1004859" spans="14:14">
      <c r="N1004859" s="10"/>
    </row>
    <row r="1004860" spans="14:14">
      <c r="N1004860" s="10"/>
    </row>
    <row r="1004861" spans="14:14">
      <c r="N1004861" s="10"/>
    </row>
    <row r="1004862" spans="14:14">
      <c r="N1004862" s="10"/>
    </row>
    <row r="1004863" spans="14:14">
      <c r="N1004863" s="10"/>
    </row>
    <row r="1004864" spans="14:14">
      <c r="N1004864" s="10"/>
    </row>
    <row r="1004865" spans="14:14">
      <c r="N1004865" s="10"/>
    </row>
    <row r="1004866" spans="14:14">
      <c r="N1004866" s="10"/>
    </row>
    <row r="1004867" spans="14:14">
      <c r="N1004867" s="10"/>
    </row>
    <row r="1004868" spans="14:14">
      <c r="N1004868" s="10"/>
    </row>
    <row r="1004869" spans="14:14">
      <c r="N1004869" s="10"/>
    </row>
    <row r="1004870" spans="14:14">
      <c r="N1004870" s="10"/>
    </row>
    <row r="1004871" spans="14:14">
      <c r="N1004871" s="10"/>
    </row>
    <row r="1004872" spans="14:14">
      <c r="N1004872" s="10"/>
    </row>
    <row r="1004873" spans="14:14">
      <c r="N1004873" s="10"/>
    </row>
    <row r="1004874" spans="14:14">
      <c r="N1004874" s="10"/>
    </row>
    <row r="1004875" spans="14:14">
      <c r="N1004875" s="10"/>
    </row>
    <row r="1004876" spans="14:14">
      <c r="N1004876" s="10"/>
    </row>
    <row r="1004877" spans="14:14">
      <c r="N1004877" s="10"/>
    </row>
    <row r="1004878" spans="14:14">
      <c r="N1004878" s="10"/>
    </row>
    <row r="1004879" spans="14:14">
      <c r="N1004879" s="10"/>
    </row>
    <row r="1004880" spans="14:14">
      <c r="N1004880" s="10"/>
    </row>
    <row r="1004881" spans="14:14">
      <c r="N1004881" s="10"/>
    </row>
    <row r="1004882" spans="14:14">
      <c r="N1004882" s="10"/>
    </row>
    <row r="1004883" spans="14:14">
      <c r="N1004883" s="10"/>
    </row>
    <row r="1004884" spans="14:14">
      <c r="N1004884" s="10"/>
    </row>
    <row r="1004885" spans="14:14">
      <c r="N1004885" s="10"/>
    </row>
    <row r="1004886" spans="14:14">
      <c r="N1004886" s="10"/>
    </row>
    <row r="1004887" spans="14:14">
      <c r="N1004887" s="10"/>
    </row>
    <row r="1004888" spans="14:14">
      <c r="N1004888" s="10"/>
    </row>
    <row r="1004889" spans="14:14">
      <c r="N1004889" s="10"/>
    </row>
    <row r="1004890" spans="14:14">
      <c r="N1004890" s="10"/>
    </row>
    <row r="1004891" spans="14:14">
      <c r="N1004891" s="10"/>
    </row>
    <row r="1004892" spans="14:14">
      <c r="N1004892" s="10"/>
    </row>
    <row r="1004893" spans="14:14">
      <c r="N1004893" s="10"/>
    </row>
    <row r="1004894" spans="14:14">
      <c r="N1004894" s="10"/>
    </row>
    <row r="1004895" spans="14:14">
      <c r="N1004895" s="10"/>
    </row>
    <row r="1004896" spans="14:14">
      <c r="N1004896" s="10"/>
    </row>
    <row r="1004897" spans="14:14">
      <c r="N1004897" s="10"/>
    </row>
    <row r="1004898" spans="14:14">
      <c r="N1004898" s="10"/>
    </row>
    <row r="1004899" spans="14:14">
      <c r="N1004899" s="10"/>
    </row>
    <row r="1004900" spans="14:14">
      <c r="N1004900" s="10"/>
    </row>
    <row r="1004901" spans="14:14">
      <c r="N1004901" s="10"/>
    </row>
    <row r="1004902" spans="14:14">
      <c r="N1004902" s="10"/>
    </row>
    <row r="1004903" spans="14:14">
      <c r="N1004903" s="10"/>
    </row>
    <row r="1004904" spans="14:14">
      <c r="N1004904" s="10"/>
    </row>
    <row r="1004905" spans="14:14">
      <c r="N1004905" s="10"/>
    </row>
    <row r="1004906" spans="14:14">
      <c r="N1004906" s="10"/>
    </row>
    <row r="1004907" spans="14:14">
      <c r="N1004907" s="10"/>
    </row>
    <row r="1004908" spans="14:14">
      <c r="N1004908" s="10"/>
    </row>
    <row r="1004909" spans="14:14">
      <c r="N1004909" s="10"/>
    </row>
    <row r="1004910" spans="14:14">
      <c r="N1004910" s="10"/>
    </row>
    <row r="1004911" spans="14:14">
      <c r="N1004911" s="10"/>
    </row>
    <row r="1004912" spans="14:14">
      <c r="N1004912" s="10"/>
    </row>
    <row r="1004913" spans="14:14">
      <c r="N1004913" s="10"/>
    </row>
    <row r="1004914" spans="14:14">
      <c r="N1004914" s="10"/>
    </row>
    <row r="1004915" spans="14:14">
      <c r="N1004915" s="10"/>
    </row>
    <row r="1004916" spans="14:14">
      <c r="N1004916" s="10"/>
    </row>
    <row r="1004917" spans="14:14">
      <c r="N1004917" s="10"/>
    </row>
    <row r="1004918" spans="14:14">
      <c r="N1004918" s="10"/>
    </row>
    <row r="1004919" spans="14:14">
      <c r="N1004919" s="10"/>
    </row>
    <row r="1004920" spans="14:14">
      <c r="N1004920" s="10"/>
    </row>
    <row r="1004921" spans="14:14">
      <c r="N1004921" s="10"/>
    </row>
    <row r="1004922" spans="14:14">
      <c r="N1004922" s="10"/>
    </row>
    <row r="1004923" spans="14:14">
      <c r="N1004923" s="10"/>
    </row>
    <row r="1004924" spans="14:14">
      <c r="N1004924" s="10"/>
    </row>
    <row r="1004925" spans="14:14">
      <c r="N1004925" s="10"/>
    </row>
    <row r="1004926" spans="14:14">
      <c r="N1004926" s="10"/>
    </row>
    <row r="1004927" spans="14:14">
      <c r="N1004927" s="10"/>
    </row>
    <row r="1004928" spans="14:14">
      <c r="N1004928" s="10"/>
    </row>
    <row r="1004929" spans="14:14">
      <c r="N1004929" s="10"/>
    </row>
    <row r="1004930" spans="14:14">
      <c r="N1004930" s="10"/>
    </row>
    <row r="1004931" spans="14:14">
      <c r="N1004931" s="10"/>
    </row>
    <row r="1004932" spans="14:14">
      <c r="N1004932" s="10"/>
    </row>
    <row r="1004933" spans="14:14">
      <c r="N1004933" s="10"/>
    </row>
    <row r="1004934" spans="14:14">
      <c r="N1004934" s="10"/>
    </row>
    <row r="1004935" spans="14:14">
      <c r="N1004935" s="10"/>
    </row>
    <row r="1004936" spans="14:14">
      <c r="N1004936" s="10"/>
    </row>
    <row r="1004937" spans="14:14">
      <c r="N1004937" s="10"/>
    </row>
    <row r="1004938" spans="14:14">
      <c r="N1004938" s="10"/>
    </row>
    <row r="1004939" spans="14:14">
      <c r="N1004939" s="10"/>
    </row>
    <row r="1004940" spans="14:14">
      <c r="N1004940" s="10"/>
    </row>
    <row r="1004941" spans="14:14">
      <c r="N1004941" s="10"/>
    </row>
    <row r="1004942" spans="14:14">
      <c r="N1004942" s="10"/>
    </row>
    <row r="1004943" spans="14:14">
      <c r="N1004943" s="10"/>
    </row>
    <row r="1004944" spans="14:14">
      <c r="N1004944" s="10"/>
    </row>
    <row r="1004945" spans="14:14">
      <c r="N1004945" s="10"/>
    </row>
    <row r="1004946" spans="14:14">
      <c r="N1004946" s="10"/>
    </row>
    <row r="1004947" spans="14:14">
      <c r="N1004947" s="10"/>
    </row>
    <row r="1004948" spans="14:14">
      <c r="N1004948" s="10"/>
    </row>
    <row r="1004949" spans="14:14">
      <c r="N1004949" s="10"/>
    </row>
    <row r="1004950" spans="14:14">
      <c r="N1004950" s="10"/>
    </row>
    <row r="1004951" spans="14:14">
      <c r="N1004951" s="10"/>
    </row>
    <row r="1004952" spans="14:14">
      <c r="N1004952" s="10"/>
    </row>
    <row r="1004953" spans="14:14">
      <c r="N1004953" s="10"/>
    </row>
    <row r="1004954" spans="14:14">
      <c r="N1004954" s="10"/>
    </row>
    <row r="1004955" spans="14:14">
      <c r="N1004955" s="10"/>
    </row>
    <row r="1004956" spans="14:14">
      <c r="N1004956" s="10"/>
    </row>
    <row r="1004957" spans="14:14">
      <c r="N1004957" s="10"/>
    </row>
    <row r="1004958" spans="14:14">
      <c r="N1004958" s="10"/>
    </row>
    <row r="1004959" spans="14:14">
      <c r="N1004959" s="10"/>
    </row>
    <row r="1004960" spans="14:14">
      <c r="N1004960" s="10"/>
    </row>
    <row r="1004961" spans="14:14">
      <c r="N1004961" s="10"/>
    </row>
    <row r="1004962" spans="14:14">
      <c r="N1004962" s="10"/>
    </row>
    <row r="1004963" spans="14:14">
      <c r="N1004963" s="10"/>
    </row>
    <row r="1004964" spans="14:14">
      <c r="N1004964" s="10"/>
    </row>
    <row r="1004965" spans="14:14">
      <c r="N1004965" s="10"/>
    </row>
    <row r="1004966" spans="14:14">
      <c r="N1004966" s="10"/>
    </row>
    <row r="1004967" spans="14:14">
      <c r="N1004967" s="10"/>
    </row>
    <row r="1004968" spans="14:14">
      <c r="N1004968" s="10"/>
    </row>
    <row r="1004969" spans="14:14">
      <c r="N1004969" s="10"/>
    </row>
    <row r="1004970" spans="14:14">
      <c r="N1004970" s="10"/>
    </row>
    <row r="1004971" spans="14:14">
      <c r="N1004971" s="10"/>
    </row>
    <row r="1004972" spans="14:14">
      <c r="N1004972" s="10"/>
    </row>
    <row r="1004973" spans="14:14">
      <c r="N1004973" s="10"/>
    </row>
    <row r="1004974" spans="14:14">
      <c r="N1004974" s="10"/>
    </row>
    <row r="1004975" spans="14:14">
      <c r="N1004975" s="10"/>
    </row>
    <row r="1004976" spans="14:14">
      <c r="N1004976" s="10"/>
    </row>
    <row r="1004977" spans="14:14">
      <c r="N1004977" s="10"/>
    </row>
    <row r="1004978" spans="14:14">
      <c r="N1004978" s="10"/>
    </row>
    <row r="1004979" spans="14:14">
      <c r="N1004979" s="10"/>
    </row>
    <row r="1004980" spans="14:14">
      <c r="N1004980" s="10"/>
    </row>
    <row r="1004981" spans="14:14">
      <c r="N1004981" s="10"/>
    </row>
    <row r="1004982" spans="14:14">
      <c r="N1004982" s="10"/>
    </row>
    <row r="1004983" spans="14:14">
      <c r="N1004983" s="10"/>
    </row>
    <row r="1004984" spans="14:14">
      <c r="N1004984" s="10"/>
    </row>
    <row r="1004985" spans="14:14">
      <c r="N1004985" s="10"/>
    </row>
    <row r="1004986" spans="14:14">
      <c r="N1004986" s="10"/>
    </row>
    <row r="1004987" spans="14:14">
      <c r="N1004987" s="10"/>
    </row>
    <row r="1004988" spans="14:14">
      <c r="N1004988" s="10"/>
    </row>
    <row r="1004989" spans="14:14">
      <c r="N1004989" s="10"/>
    </row>
    <row r="1004990" spans="14:14">
      <c r="N1004990" s="10"/>
    </row>
    <row r="1004991" spans="14:14">
      <c r="N1004991" s="10"/>
    </row>
    <row r="1004992" spans="14:14">
      <c r="N1004992" s="10"/>
    </row>
    <row r="1004993" spans="14:14">
      <c r="N1004993" s="10"/>
    </row>
    <row r="1004994" spans="14:14">
      <c r="N1004994" s="10"/>
    </row>
    <row r="1004995" spans="14:14">
      <c r="N1004995" s="10"/>
    </row>
    <row r="1004996" spans="14:14">
      <c r="N1004996" s="10"/>
    </row>
    <row r="1004997" spans="14:14">
      <c r="N1004997" s="10"/>
    </row>
    <row r="1004998" spans="14:14">
      <c r="N1004998" s="10"/>
    </row>
    <row r="1004999" spans="14:14">
      <c r="N1004999" s="10"/>
    </row>
    <row r="1005000" spans="14:14">
      <c r="N1005000" s="10"/>
    </row>
    <row r="1005001" spans="14:14">
      <c r="N1005001" s="10"/>
    </row>
    <row r="1005002" spans="14:14">
      <c r="N1005002" s="10"/>
    </row>
    <row r="1005003" spans="14:14">
      <c r="N1005003" s="10"/>
    </row>
    <row r="1005004" spans="14:14">
      <c r="N1005004" s="10"/>
    </row>
    <row r="1005005" spans="14:14">
      <c r="N1005005" s="10"/>
    </row>
    <row r="1005006" spans="14:14">
      <c r="N1005006" s="10"/>
    </row>
    <row r="1005007" spans="14:14">
      <c r="N1005007" s="10"/>
    </row>
    <row r="1005008" spans="14:14">
      <c r="N1005008" s="10"/>
    </row>
    <row r="1005009" spans="14:14">
      <c r="N1005009" s="10"/>
    </row>
    <row r="1005010" spans="14:14">
      <c r="N1005010" s="10"/>
    </row>
    <row r="1005011" spans="14:14">
      <c r="N1005011" s="10"/>
    </row>
    <row r="1005012" spans="14:14">
      <c r="N1005012" s="10"/>
    </row>
    <row r="1005013" spans="14:14">
      <c r="N1005013" s="10"/>
    </row>
    <row r="1005014" spans="14:14">
      <c r="N1005014" s="10"/>
    </row>
    <row r="1005015" spans="14:14">
      <c r="N1005015" s="10"/>
    </row>
    <row r="1005016" spans="14:14">
      <c r="N1005016" s="10"/>
    </row>
    <row r="1005017" spans="14:14">
      <c r="N1005017" s="10"/>
    </row>
    <row r="1005018" spans="14:14">
      <c r="N1005018" s="10"/>
    </row>
    <row r="1005019" spans="14:14">
      <c r="N1005019" s="10"/>
    </row>
    <row r="1005020" spans="14:14">
      <c r="N1005020" s="10"/>
    </row>
    <row r="1005021" spans="14:14">
      <c r="N1005021" s="10"/>
    </row>
    <row r="1005022" spans="14:14">
      <c r="N1005022" s="10"/>
    </row>
    <row r="1005023" spans="14:14">
      <c r="N1005023" s="10"/>
    </row>
    <row r="1005024" spans="14:14">
      <c r="N1005024" s="10"/>
    </row>
    <row r="1005025" spans="14:14">
      <c r="N1005025" s="10"/>
    </row>
    <row r="1005026" spans="14:14">
      <c r="N1005026" s="10"/>
    </row>
    <row r="1005027" spans="14:14">
      <c r="N1005027" s="10"/>
    </row>
    <row r="1005028" spans="14:14">
      <c r="N1005028" s="10"/>
    </row>
    <row r="1005029" spans="14:14">
      <c r="N1005029" s="10"/>
    </row>
    <row r="1005030" spans="14:14">
      <c r="N1005030" s="10"/>
    </row>
    <row r="1005031" spans="14:14">
      <c r="N1005031" s="10"/>
    </row>
    <row r="1005032" spans="14:14">
      <c r="N1005032" s="10"/>
    </row>
    <row r="1005033" spans="14:14">
      <c r="N1005033" s="10"/>
    </row>
    <row r="1005034" spans="14:14">
      <c r="N1005034" s="10"/>
    </row>
    <row r="1005035" spans="14:14">
      <c r="N1005035" s="10"/>
    </row>
    <row r="1005036" spans="14:14">
      <c r="N1005036" s="10"/>
    </row>
    <row r="1005037" spans="14:14">
      <c r="N1005037" s="10"/>
    </row>
    <row r="1005038" spans="14:14">
      <c r="N1005038" s="10"/>
    </row>
    <row r="1005039" spans="14:14">
      <c r="N1005039" s="10"/>
    </row>
    <row r="1005040" spans="14:14">
      <c r="N1005040" s="10"/>
    </row>
    <row r="1005041" spans="14:14">
      <c r="N1005041" s="10"/>
    </row>
    <row r="1005042" spans="14:14">
      <c r="N1005042" s="10"/>
    </row>
    <row r="1005043" spans="14:14">
      <c r="N1005043" s="10"/>
    </row>
    <row r="1005044" spans="14:14">
      <c r="N1005044" s="10"/>
    </row>
    <row r="1005045" spans="14:14">
      <c r="N1005045" s="10"/>
    </row>
    <row r="1005046" spans="14:14">
      <c r="N1005046" s="10"/>
    </row>
    <row r="1005047" spans="14:14">
      <c r="N1005047" s="10"/>
    </row>
    <row r="1005048" spans="14:14">
      <c r="N1005048" s="10"/>
    </row>
    <row r="1005049" spans="14:14">
      <c r="N1005049" s="10"/>
    </row>
    <row r="1005050" spans="14:14">
      <c r="N1005050" s="10"/>
    </row>
    <row r="1005051" spans="14:14">
      <c r="N1005051" s="10"/>
    </row>
    <row r="1005052" spans="14:14">
      <c r="N1005052" s="10"/>
    </row>
    <row r="1005053" spans="14:14">
      <c r="N1005053" s="10"/>
    </row>
    <row r="1005054" spans="14:14">
      <c r="N1005054" s="10"/>
    </row>
    <row r="1005055" spans="14:14">
      <c r="N1005055" s="10"/>
    </row>
    <row r="1005056" spans="14:14">
      <c r="N1005056" s="10"/>
    </row>
    <row r="1005057" spans="14:14">
      <c r="N1005057" s="10"/>
    </row>
    <row r="1005058" spans="14:14">
      <c r="N1005058" s="10"/>
    </row>
    <row r="1005059" spans="14:14">
      <c r="N1005059" s="10"/>
    </row>
    <row r="1005060" spans="14:14">
      <c r="N1005060" s="10"/>
    </row>
    <row r="1005061" spans="14:14">
      <c r="N1005061" s="10"/>
    </row>
    <row r="1005062" spans="14:14">
      <c r="N1005062" s="10"/>
    </row>
    <row r="1005063" spans="14:14">
      <c r="N1005063" s="10"/>
    </row>
    <row r="1005064" spans="14:14">
      <c r="N1005064" s="10"/>
    </row>
    <row r="1005065" spans="14:14">
      <c r="N1005065" s="10"/>
    </row>
    <row r="1005066" spans="14:14">
      <c r="N1005066" s="10"/>
    </row>
    <row r="1005067" spans="14:14">
      <c r="N1005067" s="10"/>
    </row>
    <row r="1005068" spans="14:14">
      <c r="N1005068" s="10"/>
    </row>
    <row r="1005069" spans="14:14">
      <c r="N1005069" s="10"/>
    </row>
    <row r="1005070" spans="14:14">
      <c r="N1005070" s="10"/>
    </row>
    <row r="1005071" spans="14:14">
      <c r="N1005071" s="10"/>
    </row>
    <row r="1005072" spans="14:14">
      <c r="N1005072" s="10"/>
    </row>
    <row r="1005073" spans="14:14">
      <c r="N1005073" s="10"/>
    </row>
    <row r="1005074" spans="14:14">
      <c r="N1005074" s="10"/>
    </row>
    <row r="1005075" spans="14:14">
      <c r="N1005075" s="10"/>
    </row>
    <row r="1005076" spans="14:14">
      <c r="N1005076" s="10"/>
    </row>
    <row r="1005077" spans="14:14">
      <c r="N1005077" s="10"/>
    </row>
    <row r="1005078" spans="14:14">
      <c r="N1005078" s="10"/>
    </row>
    <row r="1005079" spans="14:14">
      <c r="N1005079" s="10"/>
    </row>
    <row r="1005080" spans="14:14">
      <c r="N1005080" s="10"/>
    </row>
    <row r="1005081" spans="14:14">
      <c r="N1005081" s="10"/>
    </row>
    <row r="1005082" spans="14:14">
      <c r="N1005082" s="10"/>
    </row>
    <row r="1005083" spans="14:14">
      <c r="N1005083" s="10"/>
    </row>
    <row r="1005084" spans="14:14">
      <c r="N1005084" s="10"/>
    </row>
    <row r="1005085" spans="14:14">
      <c r="N1005085" s="10"/>
    </row>
    <row r="1005086" spans="14:14">
      <c r="N1005086" s="10"/>
    </row>
    <row r="1005087" spans="14:14">
      <c r="N1005087" s="10"/>
    </row>
    <row r="1005088" spans="14:14">
      <c r="N1005088" s="10"/>
    </row>
    <row r="1005089" spans="14:14">
      <c r="N1005089" s="10"/>
    </row>
    <row r="1005090" spans="14:14">
      <c r="N1005090" s="10"/>
    </row>
    <row r="1005091" spans="14:14">
      <c r="N1005091" s="10"/>
    </row>
    <row r="1005092" spans="14:14">
      <c r="N1005092" s="10"/>
    </row>
    <row r="1005093" spans="14:14">
      <c r="N1005093" s="10"/>
    </row>
    <row r="1005094" spans="14:14">
      <c r="N1005094" s="10"/>
    </row>
    <row r="1005095" spans="14:14">
      <c r="N1005095" s="10"/>
    </row>
    <row r="1005096" spans="14:14">
      <c r="N1005096" s="10"/>
    </row>
    <row r="1005097" spans="14:14">
      <c r="N1005097" s="10"/>
    </row>
    <row r="1005098" spans="14:14">
      <c r="N1005098" s="10"/>
    </row>
    <row r="1005099" spans="14:14">
      <c r="N1005099" s="10"/>
    </row>
    <row r="1005100" spans="14:14">
      <c r="N1005100" s="10"/>
    </row>
    <row r="1005101" spans="14:14">
      <c r="N1005101" s="10"/>
    </row>
    <row r="1005102" spans="14:14">
      <c r="N1005102" s="10"/>
    </row>
    <row r="1005103" spans="14:14">
      <c r="N1005103" s="10"/>
    </row>
    <row r="1005104" spans="14:14">
      <c r="N1005104" s="10"/>
    </row>
    <row r="1005105" spans="14:14">
      <c r="N1005105" s="10"/>
    </row>
    <row r="1005106" spans="14:14">
      <c r="N1005106" s="10"/>
    </row>
    <row r="1005107" spans="14:14">
      <c r="N1005107" s="10"/>
    </row>
    <row r="1005108" spans="14:14">
      <c r="N1005108" s="10"/>
    </row>
    <row r="1005109" spans="14:14">
      <c r="N1005109" s="10"/>
    </row>
    <row r="1005110" spans="14:14">
      <c r="N1005110" s="10"/>
    </row>
    <row r="1005111" spans="14:14">
      <c r="N1005111" s="10"/>
    </row>
    <row r="1005112" spans="14:14">
      <c r="N1005112" s="10"/>
    </row>
    <row r="1005113" spans="14:14">
      <c r="N1005113" s="10"/>
    </row>
    <row r="1005114" spans="14:14">
      <c r="N1005114" s="10"/>
    </row>
    <row r="1005115" spans="14:14">
      <c r="N1005115" s="10"/>
    </row>
    <row r="1005116" spans="14:14">
      <c r="N1005116" s="10"/>
    </row>
    <row r="1005117" spans="14:14">
      <c r="N1005117" s="10"/>
    </row>
    <row r="1005118" spans="14:14">
      <c r="N1005118" s="10"/>
    </row>
    <row r="1005119" spans="14:14">
      <c r="N1005119" s="10"/>
    </row>
    <row r="1005120" spans="14:14">
      <c r="N1005120" s="10"/>
    </row>
    <row r="1005121" spans="14:14">
      <c r="N1005121" s="10"/>
    </row>
    <row r="1005122" spans="14:14">
      <c r="N1005122" s="10"/>
    </row>
    <row r="1005123" spans="14:14">
      <c r="N1005123" s="10"/>
    </row>
    <row r="1005124" spans="14:14">
      <c r="N1005124" s="10"/>
    </row>
    <row r="1005125" spans="14:14">
      <c r="N1005125" s="10"/>
    </row>
    <row r="1005126" spans="14:14">
      <c r="N1005126" s="10"/>
    </row>
    <row r="1005127" spans="14:14">
      <c r="N1005127" s="10"/>
    </row>
    <row r="1005128" spans="14:14">
      <c r="N1005128" s="10"/>
    </row>
    <row r="1005129" spans="14:14">
      <c r="N1005129" s="10"/>
    </row>
    <row r="1005130" spans="14:14">
      <c r="N1005130" s="10"/>
    </row>
    <row r="1005131" spans="14:14">
      <c r="N1005131" s="10"/>
    </row>
    <row r="1005132" spans="14:14">
      <c r="N1005132" s="10"/>
    </row>
    <row r="1005133" spans="14:14">
      <c r="N1005133" s="10"/>
    </row>
    <row r="1005134" spans="14:14">
      <c r="N1005134" s="10"/>
    </row>
    <row r="1005135" spans="14:14">
      <c r="N1005135" s="10"/>
    </row>
    <row r="1005136" spans="14:14">
      <c r="N1005136" s="10"/>
    </row>
    <row r="1005137" spans="14:14">
      <c r="N1005137" s="10"/>
    </row>
    <row r="1005138" spans="14:14">
      <c r="N1005138" s="10"/>
    </row>
    <row r="1005139" spans="14:14">
      <c r="N1005139" s="10"/>
    </row>
    <row r="1005140" spans="14:14">
      <c r="N1005140" s="10"/>
    </row>
    <row r="1005141" spans="14:14">
      <c r="N1005141" s="10"/>
    </row>
    <row r="1005142" spans="14:14">
      <c r="N1005142" s="10"/>
    </row>
    <row r="1005143" spans="14:14">
      <c r="N1005143" s="10"/>
    </row>
    <row r="1005144" spans="14:14">
      <c r="N1005144" s="10"/>
    </row>
    <row r="1005145" spans="14:14">
      <c r="N1005145" s="10"/>
    </row>
    <row r="1005146" spans="14:14">
      <c r="N1005146" s="10"/>
    </row>
    <row r="1005147" spans="14:14">
      <c r="N1005147" s="10"/>
    </row>
    <row r="1005148" spans="14:14">
      <c r="N1005148" s="10"/>
    </row>
    <row r="1005149" spans="14:14">
      <c r="N1005149" s="10"/>
    </row>
    <row r="1005150" spans="14:14">
      <c r="N1005150" s="10"/>
    </row>
    <row r="1005151" spans="14:14">
      <c r="N1005151" s="10"/>
    </row>
    <row r="1005152" spans="14:14">
      <c r="N1005152" s="10"/>
    </row>
    <row r="1005153" spans="14:14">
      <c r="N1005153" s="10"/>
    </row>
    <row r="1005154" spans="14:14">
      <c r="N1005154" s="10"/>
    </row>
    <row r="1005155" spans="14:14">
      <c r="N1005155" s="10"/>
    </row>
    <row r="1005156" spans="14:14">
      <c r="N1005156" s="10"/>
    </row>
    <row r="1005157" spans="14:14">
      <c r="N1005157" s="10"/>
    </row>
    <row r="1005158" spans="14:14">
      <c r="N1005158" s="10"/>
    </row>
    <row r="1005159" spans="14:14">
      <c r="N1005159" s="10"/>
    </row>
    <row r="1005160" spans="14:14">
      <c r="N1005160" s="10"/>
    </row>
    <row r="1005161" spans="14:14">
      <c r="N1005161" s="10"/>
    </row>
    <row r="1005162" spans="14:14">
      <c r="N1005162" s="10"/>
    </row>
    <row r="1005163" spans="14:14">
      <c r="N1005163" s="10"/>
    </row>
    <row r="1005164" spans="14:14">
      <c r="N1005164" s="10"/>
    </row>
    <row r="1005165" spans="14:14">
      <c r="N1005165" s="10"/>
    </row>
    <row r="1005166" spans="14:14">
      <c r="N1005166" s="10"/>
    </row>
    <row r="1005167" spans="14:14">
      <c r="N1005167" s="10"/>
    </row>
    <row r="1005168" spans="14:14">
      <c r="N1005168" s="10"/>
    </row>
    <row r="1005169" spans="14:14">
      <c r="N1005169" s="10"/>
    </row>
    <row r="1005170" spans="14:14">
      <c r="N1005170" s="10"/>
    </row>
    <row r="1005171" spans="14:14">
      <c r="N1005171" s="10"/>
    </row>
    <row r="1005172" spans="14:14">
      <c r="N1005172" s="10"/>
    </row>
    <row r="1005173" spans="14:14">
      <c r="N1005173" s="10"/>
    </row>
    <row r="1005174" spans="14:14">
      <c r="N1005174" s="10"/>
    </row>
    <row r="1005175" spans="14:14">
      <c r="N1005175" s="10"/>
    </row>
    <row r="1005176" spans="14:14">
      <c r="N1005176" s="10"/>
    </row>
    <row r="1005177" spans="14:14">
      <c r="N1005177" s="10"/>
    </row>
    <row r="1005178" spans="14:14">
      <c r="N1005178" s="10"/>
    </row>
    <row r="1005179" spans="14:14">
      <c r="N1005179" s="10"/>
    </row>
    <row r="1005180" spans="14:14">
      <c r="N1005180" s="10"/>
    </row>
    <row r="1005181" spans="14:14">
      <c r="N1005181" s="10"/>
    </row>
    <row r="1005182" spans="14:14">
      <c r="N1005182" s="10"/>
    </row>
    <row r="1005183" spans="14:14">
      <c r="N1005183" s="10"/>
    </row>
    <row r="1005184" spans="14:14">
      <c r="N1005184" s="10"/>
    </row>
    <row r="1005185" spans="14:14">
      <c r="N1005185" s="10"/>
    </row>
    <row r="1005186" spans="14:14">
      <c r="N1005186" s="10"/>
    </row>
    <row r="1005187" spans="14:14">
      <c r="N1005187" s="10"/>
    </row>
    <row r="1005188" spans="14:14">
      <c r="N1005188" s="10"/>
    </row>
    <row r="1005189" spans="14:14">
      <c r="N1005189" s="10"/>
    </row>
    <row r="1005190" spans="14:14">
      <c r="N1005190" s="10"/>
    </row>
    <row r="1005191" spans="14:14">
      <c r="N1005191" s="10"/>
    </row>
    <row r="1005192" spans="14:14">
      <c r="N1005192" s="10"/>
    </row>
    <row r="1005193" spans="14:14">
      <c r="N1005193" s="10"/>
    </row>
    <row r="1005194" spans="14:14">
      <c r="N1005194" s="10"/>
    </row>
    <row r="1005195" spans="14:14">
      <c r="N1005195" s="10"/>
    </row>
    <row r="1005196" spans="14:14">
      <c r="N1005196" s="10"/>
    </row>
    <row r="1005197" spans="14:14">
      <c r="N1005197" s="10"/>
    </row>
    <row r="1005198" spans="14:14">
      <c r="N1005198" s="10"/>
    </row>
    <row r="1005199" spans="14:14">
      <c r="N1005199" s="10"/>
    </row>
    <row r="1005200" spans="14:14">
      <c r="N1005200" s="10"/>
    </row>
    <row r="1005201" spans="14:14">
      <c r="N1005201" s="10"/>
    </row>
    <row r="1005202" spans="14:14">
      <c r="N1005202" s="10"/>
    </row>
    <row r="1005203" spans="14:14">
      <c r="N1005203" s="10"/>
    </row>
    <row r="1005204" spans="14:14">
      <c r="N1005204" s="10"/>
    </row>
    <row r="1005205" spans="14:14">
      <c r="N1005205" s="10"/>
    </row>
    <row r="1005206" spans="14:14">
      <c r="N1005206" s="10"/>
    </row>
    <row r="1005207" spans="14:14">
      <c r="N1005207" s="10"/>
    </row>
    <row r="1005208" spans="14:14">
      <c r="N1005208" s="10"/>
    </row>
    <row r="1005209" spans="14:14">
      <c r="N1005209" s="10"/>
    </row>
    <row r="1005210" spans="14:14">
      <c r="N1005210" s="10"/>
    </row>
    <row r="1005211" spans="14:14">
      <c r="N1005211" s="10"/>
    </row>
    <row r="1005212" spans="14:14">
      <c r="N1005212" s="10"/>
    </row>
    <row r="1005213" spans="14:14">
      <c r="N1005213" s="10"/>
    </row>
    <row r="1005214" spans="14:14">
      <c r="N1005214" s="10"/>
    </row>
    <row r="1005215" spans="14:14">
      <c r="N1005215" s="10"/>
    </row>
    <row r="1005216" spans="14:14">
      <c r="N1005216" s="10"/>
    </row>
    <row r="1005217" spans="14:14">
      <c r="N1005217" s="10"/>
    </row>
    <row r="1005218" spans="14:14">
      <c r="N1005218" s="10"/>
    </row>
    <row r="1005219" spans="14:14">
      <c r="N1005219" s="10"/>
    </row>
    <row r="1005220" spans="14:14">
      <c r="N1005220" s="10"/>
    </row>
    <row r="1005221" spans="14:14">
      <c r="N1005221" s="10"/>
    </row>
    <row r="1005222" spans="14:14">
      <c r="N1005222" s="10"/>
    </row>
    <row r="1005223" spans="14:14">
      <c r="N1005223" s="10"/>
    </row>
    <row r="1005224" spans="14:14">
      <c r="N1005224" s="10"/>
    </row>
    <row r="1005225" spans="14:14">
      <c r="N1005225" s="10"/>
    </row>
    <row r="1005226" spans="14:14">
      <c r="N1005226" s="10"/>
    </row>
    <row r="1005227" spans="14:14">
      <c r="N1005227" s="10"/>
    </row>
    <row r="1005228" spans="14:14">
      <c r="N1005228" s="10"/>
    </row>
    <row r="1005229" spans="14:14">
      <c r="N1005229" s="10"/>
    </row>
    <row r="1005230" spans="14:14">
      <c r="N1005230" s="10"/>
    </row>
    <row r="1005231" spans="14:14">
      <c r="N1005231" s="10"/>
    </row>
    <row r="1005232" spans="14:14">
      <c r="N1005232" s="10"/>
    </row>
    <row r="1005233" spans="14:14">
      <c r="N1005233" s="10"/>
    </row>
    <row r="1005234" spans="14:14">
      <c r="N1005234" s="10"/>
    </row>
    <row r="1005235" spans="14:14">
      <c r="N1005235" s="10"/>
    </row>
    <row r="1005236" spans="14:14">
      <c r="N1005236" s="10"/>
    </row>
    <row r="1005237" spans="14:14">
      <c r="N1005237" s="10"/>
    </row>
    <row r="1005238" spans="14:14">
      <c r="N1005238" s="10"/>
    </row>
    <row r="1005239" spans="14:14">
      <c r="N1005239" s="10"/>
    </row>
    <row r="1005240" spans="14:14">
      <c r="N1005240" s="10"/>
    </row>
    <row r="1005241" spans="14:14">
      <c r="N1005241" s="10"/>
    </row>
    <row r="1005242" spans="14:14">
      <c r="N1005242" s="10"/>
    </row>
    <row r="1005243" spans="14:14">
      <c r="N1005243" s="10"/>
    </row>
    <row r="1005244" spans="14:14">
      <c r="N1005244" s="10"/>
    </row>
    <row r="1005245" spans="14:14">
      <c r="N1005245" s="10"/>
    </row>
    <row r="1005246" spans="14:14">
      <c r="N1005246" s="10"/>
    </row>
    <row r="1005247" spans="14:14">
      <c r="N1005247" s="10"/>
    </row>
    <row r="1005248" spans="14:14">
      <c r="N1005248" s="10"/>
    </row>
    <row r="1005249" spans="14:14">
      <c r="N1005249" s="10"/>
    </row>
    <row r="1005250" spans="14:14">
      <c r="N1005250" s="10"/>
    </row>
    <row r="1005251" spans="14:14">
      <c r="N1005251" s="10"/>
    </row>
    <row r="1005252" spans="14:14">
      <c r="N1005252" s="10"/>
    </row>
    <row r="1005253" spans="14:14">
      <c r="N1005253" s="10"/>
    </row>
    <row r="1005254" spans="14:14">
      <c r="N1005254" s="10"/>
    </row>
    <row r="1005255" spans="14:14">
      <c r="N1005255" s="10"/>
    </row>
    <row r="1005256" spans="14:14">
      <c r="N1005256" s="10"/>
    </row>
    <row r="1005257" spans="14:14">
      <c r="N1005257" s="10"/>
    </row>
    <row r="1005258" spans="14:14">
      <c r="N1005258" s="10"/>
    </row>
    <row r="1005259" spans="14:14">
      <c r="N1005259" s="10"/>
    </row>
    <row r="1005260" spans="14:14">
      <c r="N1005260" s="10"/>
    </row>
    <row r="1005261" spans="14:14">
      <c r="N1005261" s="10"/>
    </row>
    <row r="1005262" spans="14:14">
      <c r="N1005262" s="10"/>
    </row>
    <row r="1005263" spans="14:14">
      <c r="N1005263" s="10"/>
    </row>
    <row r="1005264" spans="14:14">
      <c r="N1005264" s="10"/>
    </row>
    <row r="1005265" spans="14:14">
      <c r="N1005265" s="10"/>
    </row>
    <row r="1005266" spans="14:14">
      <c r="N1005266" s="10"/>
    </row>
    <row r="1005267" spans="14:14">
      <c r="N1005267" s="10"/>
    </row>
    <row r="1005268" spans="14:14">
      <c r="N1005268" s="10"/>
    </row>
    <row r="1005269" spans="14:14">
      <c r="N1005269" s="10"/>
    </row>
    <row r="1005270" spans="14:14">
      <c r="N1005270" s="10"/>
    </row>
    <row r="1005271" spans="14:14">
      <c r="N1005271" s="10"/>
    </row>
    <row r="1005272" spans="14:14">
      <c r="N1005272" s="10"/>
    </row>
    <row r="1005273" spans="14:14">
      <c r="N1005273" s="10"/>
    </row>
    <row r="1005274" spans="14:14">
      <c r="N1005274" s="10"/>
    </row>
    <row r="1005275" spans="14:14">
      <c r="N1005275" s="10"/>
    </row>
    <row r="1005276" spans="14:14">
      <c r="N1005276" s="10"/>
    </row>
    <row r="1005277" spans="14:14">
      <c r="N1005277" s="10"/>
    </row>
    <row r="1005278" spans="14:14">
      <c r="N1005278" s="10"/>
    </row>
    <row r="1005279" spans="14:14">
      <c r="N1005279" s="10"/>
    </row>
    <row r="1005280" spans="14:14">
      <c r="N1005280" s="10"/>
    </row>
    <row r="1005281" spans="14:14">
      <c r="N1005281" s="10"/>
    </row>
    <row r="1005282" spans="14:14">
      <c r="N1005282" s="10"/>
    </row>
    <row r="1005283" spans="14:14">
      <c r="N1005283" s="10"/>
    </row>
    <row r="1005284" spans="14:14">
      <c r="N1005284" s="10"/>
    </row>
    <row r="1005285" spans="14:14">
      <c r="N1005285" s="10"/>
    </row>
    <row r="1005286" spans="14:14">
      <c r="N1005286" s="10"/>
    </row>
    <row r="1005287" spans="14:14">
      <c r="N1005287" s="10"/>
    </row>
    <row r="1005288" spans="14:14">
      <c r="N1005288" s="10"/>
    </row>
    <row r="1005289" spans="14:14">
      <c r="N1005289" s="10"/>
    </row>
    <row r="1005290" spans="14:14">
      <c r="N1005290" s="10"/>
    </row>
    <row r="1005291" spans="14:14">
      <c r="N1005291" s="10"/>
    </row>
    <row r="1005292" spans="14:14">
      <c r="N1005292" s="10"/>
    </row>
    <row r="1005293" spans="14:14">
      <c r="N1005293" s="10"/>
    </row>
    <row r="1005294" spans="14:14">
      <c r="N1005294" s="10"/>
    </row>
    <row r="1005295" spans="14:14">
      <c r="N1005295" s="10"/>
    </row>
    <row r="1005296" spans="14:14">
      <c r="N1005296" s="10"/>
    </row>
    <row r="1005297" spans="14:14">
      <c r="N1005297" s="10"/>
    </row>
    <row r="1005298" spans="14:14">
      <c r="N1005298" s="10"/>
    </row>
    <row r="1005299" spans="14:14">
      <c r="N1005299" s="10"/>
    </row>
    <row r="1005300" spans="14:14">
      <c r="N1005300" s="10"/>
    </row>
    <row r="1005301" spans="14:14">
      <c r="N1005301" s="10"/>
    </row>
    <row r="1005302" spans="14:14">
      <c r="N1005302" s="10"/>
    </row>
    <row r="1005303" spans="14:14">
      <c r="N1005303" s="10"/>
    </row>
    <row r="1005304" spans="14:14">
      <c r="N1005304" s="10"/>
    </row>
    <row r="1005305" spans="14:14">
      <c r="N1005305" s="10"/>
    </row>
    <row r="1005306" spans="14:14">
      <c r="N1005306" s="10"/>
    </row>
    <row r="1005307" spans="14:14">
      <c r="N1005307" s="10"/>
    </row>
    <row r="1005308" spans="14:14">
      <c r="N1005308" s="10"/>
    </row>
    <row r="1005309" spans="14:14">
      <c r="N1005309" s="10"/>
    </row>
    <row r="1005310" spans="14:14">
      <c r="N1005310" s="10"/>
    </row>
    <row r="1005311" spans="14:14">
      <c r="N1005311" s="10"/>
    </row>
    <row r="1005312" spans="14:14">
      <c r="N1005312" s="10"/>
    </row>
    <row r="1005313" spans="14:14">
      <c r="N1005313" s="10"/>
    </row>
    <row r="1005314" spans="14:14">
      <c r="N1005314" s="10"/>
    </row>
    <row r="1005315" spans="14:14">
      <c r="N1005315" s="10"/>
    </row>
    <row r="1005316" spans="14:14">
      <c r="N1005316" s="10"/>
    </row>
    <row r="1005317" spans="14:14">
      <c r="N1005317" s="10"/>
    </row>
    <row r="1005318" spans="14:14">
      <c r="N1005318" s="10"/>
    </row>
    <row r="1005319" spans="14:14">
      <c r="N1005319" s="10"/>
    </row>
    <row r="1005320" spans="14:14">
      <c r="N1005320" s="10"/>
    </row>
    <row r="1005321" spans="14:14">
      <c r="N1005321" s="10"/>
    </row>
    <row r="1005322" spans="14:14">
      <c r="N1005322" s="10"/>
    </row>
    <row r="1005323" spans="14:14">
      <c r="N1005323" s="10"/>
    </row>
    <row r="1005324" spans="14:14">
      <c r="N1005324" s="10"/>
    </row>
    <row r="1005325" spans="14:14">
      <c r="N1005325" s="10"/>
    </row>
    <row r="1005326" spans="14:14">
      <c r="N1005326" s="10"/>
    </row>
    <row r="1005327" spans="14:14">
      <c r="N1005327" s="10"/>
    </row>
    <row r="1005328" spans="14:14">
      <c r="N1005328" s="10"/>
    </row>
    <row r="1005329" spans="14:14">
      <c r="N1005329" s="10"/>
    </row>
    <row r="1005330" spans="14:14">
      <c r="N1005330" s="10"/>
    </row>
    <row r="1005331" spans="14:14">
      <c r="N1005331" s="10"/>
    </row>
    <row r="1005332" spans="14:14">
      <c r="N1005332" s="10"/>
    </row>
    <row r="1005333" spans="14:14">
      <c r="N1005333" s="10"/>
    </row>
    <row r="1005334" spans="14:14">
      <c r="N1005334" s="10"/>
    </row>
    <row r="1005335" spans="14:14">
      <c r="N1005335" s="10"/>
    </row>
    <row r="1005336" spans="14:14">
      <c r="N1005336" s="10"/>
    </row>
    <row r="1005337" spans="14:14">
      <c r="N1005337" s="10"/>
    </row>
    <row r="1005338" spans="14:14">
      <c r="N1005338" s="10"/>
    </row>
    <row r="1005339" spans="14:14">
      <c r="N1005339" s="10"/>
    </row>
    <row r="1005340" spans="14:14">
      <c r="N1005340" s="10"/>
    </row>
    <row r="1005341" spans="14:14">
      <c r="N1005341" s="10"/>
    </row>
    <row r="1005342" spans="14:14">
      <c r="N1005342" s="10"/>
    </row>
    <row r="1005343" spans="14:14">
      <c r="N1005343" s="10"/>
    </row>
    <row r="1005344" spans="14:14">
      <c r="N1005344" s="10"/>
    </row>
    <row r="1005345" spans="14:14">
      <c r="N1005345" s="10"/>
    </row>
    <row r="1005346" spans="14:14">
      <c r="N1005346" s="10"/>
    </row>
    <row r="1005347" spans="14:14">
      <c r="N1005347" s="10"/>
    </row>
    <row r="1005348" spans="14:14">
      <c r="N1005348" s="10"/>
    </row>
    <row r="1005349" spans="14:14">
      <c r="N1005349" s="10"/>
    </row>
    <row r="1005350" spans="14:14">
      <c r="N1005350" s="10"/>
    </row>
    <row r="1005351" spans="14:14">
      <c r="N1005351" s="10"/>
    </row>
    <row r="1005352" spans="14:14">
      <c r="N1005352" s="10"/>
    </row>
    <row r="1005353" spans="14:14">
      <c r="N1005353" s="10"/>
    </row>
    <row r="1005354" spans="14:14">
      <c r="N1005354" s="10"/>
    </row>
    <row r="1005355" spans="14:14">
      <c r="N1005355" s="10"/>
    </row>
    <row r="1005356" spans="14:14">
      <c r="N1005356" s="10"/>
    </row>
    <row r="1005357" spans="14:14">
      <c r="N1005357" s="10"/>
    </row>
    <row r="1005358" spans="14:14">
      <c r="N1005358" s="10"/>
    </row>
    <row r="1005359" spans="14:14">
      <c r="N1005359" s="10"/>
    </row>
    <row r="1005360" spans="14:14">
      <c r="N1005360" s="10"/>
    </row>
    <row r="1005361" spans="14:14">
      <c r="N1005361" s="10"/>
    </row>
    <row r="1005362" spans="14:14">
      <c r="N1005362" s="10"/>
    </row>
    <row r="1005363" spans="14:14">
      <c r="N1005363" s="10"/>
    </row>
    <row r="1005364" spans="14:14">
      <c r="N1005364" s="10"/>
    </row>
    <row r="1005365" spans="14:14">
      <c r="N1005365" s="10"/>
    </row>
    <row r="1005366" spans="14:14">
      <c r="N1005366" s="10"/>
    </row>
    <row r="1005367" spans="14:14">
      <c r="N1005367" s="10"/>
    </row>
    <row r="1005368" spans="14:14">
      <c r="N1005368" s="10"/>
    </row>
    <row r="1005369" spans="14:14">
      <c r="N1005369" s="10"/>
    </row>
    <row r="1005370" spans="14:14">
      <c r="N1005370" s="10"/>
    </row>
    <row r="1005371" spans="14:14">
      <c r="N1005371" s="10"/>
    </row>
    <row r="1005372" spans="14:14">
      <c r="N1005372" s="10"/>
    </row>
    <row r="1005373" spans="14:14">
      <c r="N1005373" s="10"/>
    </row>
    <row r="1005374" spans="14:14">
      <c r="N1005374" s="10"/>
    </row>
    <row r="1005375" spans="14:14">
      <c r="N1005375" s="10"/>
    </row>
    <row r="1005376" spans="14:14">
      <c r="N1005376" s="10"/>
    </row>
    <row r="1005377" spans="14:14">
      <c r="N1005377" s="10"/>
    </row>
    <row r="1005378" spans="14:14">
      <c r="N1005378" s="10"/>
    </row>
    <row r="1005379" spans="14:14">
      <c r="N1005379" s="10"/>
    </row>
    <row r="1005380" spans="14:14">
      <c r="N1005380" s="10"/>
    </row>
    <row r="1005381" spans="14:14">
      <c r="N1005381" s="10"/>
    </row>
    <row r="1005382" spans="14:14">
      <c r="N1005382" s="10"/>
    </row>
    <row r="1005383" spans="14:14">
      <c r="N1005383" s="10"/>
    </row>
    <row r="1005384" spans="14:14">
      <c r="N1005384" s="10"/>
    </row>
    <row r="1005385" spans="14:14">
      <c r="N1005385" s="10"/>
    </row>
    <row r="1005386" spans="14:14">
      <c r="N1005386" s="10"/>
    </row>
    <row r="1005387" spans="14:14">
      <c r="N1005387" s="10"/>
    </row>
    <row r="1005388" spans="14:14">
      <c r="N1005388" s="10"/>
    </row>
    <row r="1005389" spans="14:14">
      <c r="N1005389" s="10"/>
    </row>
    <row r="1005390" spans="14:14">
      <c r="N1005390" s="10"/>
    </row>
    <row r="1005391" spans="14:14">
      <c r="N1005391" s="10"/>
    </row>
    <row r="1005392" spans="14:14">
      <c r="N1005392" s="10"/>
    </row>
    <row r="1005393" spans="14:14">
      <c r="N1005393" s="10"/>
    </row>
    <row r="1005394" spans="14:14">
      <c r="N1005394" s="10"/>
    </row>
    <row r="1005395" spans="14:14">
      <c r="N1005395" s="10"/>
    </row>
    <row r="1005396" spans="14:14">
      <c r="N1005396" s="10"/>
    </row>
    <row r="1005397" spans="14:14">
      <c r="N1005397" s="10"/>
    </row>
    <row r="1005398" spans="14:14">
      <c r="N1005398" s="10"/>
    </row>
    <row r="1005399" spans="14:14">
      <c r="N1005399" s="10"/>
    </row>
    <row r="1005400" spans="14:14">
      <c r="N1005400" s="10"/>
    </row>
    <row r="1005401" spans="14:14">
      <c r="N1005401" s="10"/>
    </row>
    <row r="1005402" spans="14:14">
      <c r="N1005402" s="10"/>
    </row>
    <row r="1005403" spans="14:14">
      <c r="N1005403" s="10"/>
    </row>
    <row r="1005404" spans="14:14">
      <c r="N1005404" s="10"/>
    </row>
    <row r="1005405" spans="14:14">
      <c r="N1005405" s="10"/>
    </row>
    <row r="1005406" spans="14:14">
      <c r="N1005406" s="10"/>
    </row>
    <row r="1005407" spans="14:14">
      <c r="N1005407" s="10"/>
    </row>
    <row r="1005408" spans="14:14">
      <c r="N1005408" s="10"/>
    </row>
    <row r="1005409" spans="14:14">
      <c r="N1005409" s="10"/>
    </row>
    <row r="1005410" spans="14:14">
      <c r="N1005410" s="10"/>
    </row>
    <row r="1005411" spans="14:14">
      <c r="N1005411" s="10"/>
    </row>
    <row r="1005412" spans="14:14">
      <c r="N1005412" s="10"/>
    </row>
    <row r="1005413" spans="14:14">
      <c r="N1005413" s="10"/>
    </row>
    <row r="1005414" spans="14:14">
      <c r="N1005414" s="10"/>
    </row>
    <row r="1005415" spans="14:14">
      <c r="N1005415" s="10"/>
    </row>
    <row r="1005416" spans="14:14">
      <c r="N1005416" s="10"/>
    </row>
    <row r="1005417" spans="14:14">
      <c r="N1005417" s="10"/>
    </row>
    <row r="1005418" spans="14:14">
      <c r="N1005418" s="10"/>
    </row>
    <row r="1005419" spans="14:14">
      <c r="N1005419" s="10"/>
    </row>
    <row r="1005420" spans="14:14">
      <c r="N1005420" s="10"/>
    </row>
    <row r="1005421" spans="14:14">
      <c r="N1005421" s="10"/>
    </row>
    <row r="1005422" spans="14:14">
      <c r="N1005422" s="10"/>
    </row>
    <row r="1005423" spans="14:14">
      <c r="N1005423" s="10"/>
    </row>
    <row r="1005424" spans="14:14">
      <c r="N1005424" s="10"/>
    </row>
    <row r="1005425" spans="14:14">
      <c r="N1005425" s="10"/>
    </row>
    <row r="1005426" spans="14:14">
      <c r="N1005426" s="10"/>
    </row>
    <row r="1005427" spans="14:14">
      <c r="N1005427" s="10"/>
    </row>
    <row r="1005428" spans="14:14">
      <c r="N1005428" s="10"/>
    </row>
    <row r="1005429" spans="14:14">
      <c r="N1005429" s="10"/>
    </row>
    <row r="1005430" spans="14:14">
      <c r="N1005430" s="10"/>
    </row>
    <row r="1005431" spans="14:14">
      <c r="N1005431" s="10"/>
    </row>
    <row r="1005432" spans="14:14">
      <c r="N1005432" s="10"/>
    </row>
    <row r="1005433" spans="14:14">
      <c r="N1005433" s="10"/>
    </row>
    <row r="1005434" spans="14:14">
      <c r="N1005434" s="10"/>
    </row>
    <row r="1005435" spans="14:14">
      <c r="N1005435" s="10"/>
    </row>
    <row r="1005436" spans="14:14">
      <c r="N1005436" s="10"/>
    </row>
    <row r="1005437" spans="14:14">
      <c r="N1005437" s="10"/>
    </row>
    <row r="1005438" spans="14:14">
      <c r="N1005438" s="10"/>
    </row>
    <row r="1005439" spans="14:14">
      <c r="N1005439" s="10"/>
    </row>
    <row r="1005440" spans="14:14">
      <c r="N1005440" s="10"/>
    </row>
    <row r="1005441" spans="14:14">
      <c r="N1005441" s="10"/>
    </row>
    <row r="1005442" spans="14:14">
      <c r="N1005442" s="10"/>
    </row>
    <row r="1005443" spans="14:14">
      <c r="N1005443" s="10"/>
    </row>
    <row r="1005444" spans="14:14">
      <c r="N1005444" s="10"/>
    </row>
    <row r="1005445" spans="14:14">
      <c r="N1005445" s="10"/>
    </row>
    <row r="1005446" spans="14:14">
      <c r="N1005446" s="10"/>
    </row>
    <row r="1005447" spans="14:14">
      <c r="N1005447" s="10"/>
    </row>
    <row r="1005448" spans="14:14">
      <c r="N1005448" s="10"/>
    </row>
    <row r="1005449" spans="14:14">
      <c r="N1005449" s="10"/>
    </row>
    <row r="1005450" spans="14:14">
      <c r="N1005450" s="10"/>
    </row>
    <row r="1005451" spans="14:14">
      <c r="N1005451" s="10"/>
    </row>
    <row r="1005452" spans="14:14">
      <c r="N1005452" s="10"/>
    </row>
    <row r="1005453" spans="14:14">
      <c r="N1005453" s="10"/>
    </row>
    <row r="1005454" spans="14:14">
      <c r="N1005454" s="10"/>
    </row>
    <row r="1005455" spans="14:14">
      <c r="N1005455" s="10"/>
    </row>
    <row r="1005456" spans="14:14">
      <c r="N1005456" s="10"/>
    </row>
    <row r="1005457" spans="14:14">
      <c r="N1005457" s="10"/>
    </row>
    <row r="1005458" spans="14:14">
      <c r="N1005458" s="10"/>
    </row>
    <row r="1005459" spans="14:14">
      <c r="N1005459" s="10"/>
    </row>
    <row r="1005460" spans="14:14">
      <c r="N1005460" s="10"/>
    </row>
    <row r="1005461" spans="14:14">
      <c r="N1005461" s="10"/>
    </row>
    <row r="1005462" spans="14:14">
      <c r="N1005462" s="10"/>
    </row>
    <row r="1005463" spans="14:14">
      <c r="N1005463" s="10"/>
    </row>
    <row r="1005464" spans="14:14">
      <c r="N1005464" s="10"/>
    </row>
    <row r="1005465" spans="14:14">
      <c r="N1005465" s="10"/>
    </row>
    <row r="1005466" spans="14:14">
      <c r="N1005466" s="10"/>
    </row>
    <row r="1005467" spans="14:14">
      <c r="N1005467" s="10"/>
    </row>
    <row r="1005468" spans="14:14">
      <c r="N1005468" s="10"/>
    </row>
    <row r="1005469" spans="14:14">
      <c r="N1005469" s="10"/>
    </row>
    <row r="1005470" spans="14:14">
      <c r="N1005470" s="10"/>
    </row>
    <row r="1005471" spans="14:14">
      <c r="N1005471" s="10"/>
    </row>
    <row r="1005472" spans="14:14">
      <c r="N1005472" s="10"/>
    </row>
    <row r="1005473" spans="14:14">
      <c r="N1005473" s="10"/>
    </row>
    <row r="1005474" spans="14:14">
      <c r="N1005474" s="10"/>
    </row>
    <row r="1005475" spans="14:14">
      <c r="N1005475" s="10"/>
    </row>
    <row r="1005476" spans="14:14">
      <c r="N1005476" s="10"/>
    </row>
    <row r="1005477" spans="14:14">
      <c r="N1005477" s="10"/>
    </row>
    <row r="1005478" spans="14:14">
      <c r="N1005478" s="10"/>
    </row>
    <row r="1005479" spans="14:14">
      <c r="N1005479" s="10"/>
    </row>
    <row r="1005480" spans="14:14">
      <c r="N1005480" s="10"/>
    </row>
    <row r="1005481" spans="14:14">
      <c r="N1005481" s="10"/>
    </row>
    <row r="1005482" spans="14:14">
      <c r="N1005482" s="10"/>
    </row>
    <row r="1005483" spans="14:14">
      <c r="N1005483" s="10"/>
    </row>
    <row r="1005484" spans="14:14">
      <c r="N1005484" s="10"/>
    </row>
    <row r="1005485" spans="14:14">
      <c r="N1005485" s="10"/>
    </row>
    <row r="1005486" spans="14:14">
      <c r="N1005486" s="10"/>
    </row>
    <row r="1005487" spans="14:14">
      <c r="N1005487" s="10"/>
    </row>
    <row r="1005488" spans="14:14">
      <c r="N1005488" s="10"/>
    </row>
    <row r="1005489" spans="14:14">
      <c r="N1005489" s="10"/>
    </row>
    <row r="1005490" spans="14:14">
      <c r="N1005490" s="10"/>
    </row>
    <row r="1005491" spans="14:14">
      <c r="N1005491" s="10"/>
    </row>
    <row r="1005492" spans="14:14">
      <c r="N1005492" s="10"/>
    </row>
    <row r="1005493" spans="14:14">
      <c r="N1005493" s="10"/>
    </row>
    <row r="1005494" spans="14:14">
      <c r="N1005494" s="10"/>
    </row>
    <row r="1005495" spans="14:14">
      <c r="N1005495" s="10"/>
    </row>
    <row r="1005496" spans="14:14">
      <c r="N1005496" s="10"/>
    </row>
    <row r="1005497" spans="14:14">
      <c r="N1005497" s="10"/>
    </row>
    <row r="1005498" spans="14:14">
      <c r="N1005498" s="10"/>
    </row>
    <row r="1005499" spans="14:14">
      <c r="N1005499" s="10"/>
    </row>
    <row r="1005500" spans="14:14">
      <c r="N1005500" s="10"/>
    </row>
    <row r="1005501" spans="14:14">
      <c r="N1005501" s="10"/>
    </row>
    <row r="1005502" spans="14:14">
      <c r="N1005502" s="10"/>
    </row>
    <row r="1005503" spans="14:14">
      <c r="N1005503" s="10"/>
    </row>
    <row r="1005504" spans="14:14">
      <c r="N1005504" s="10"/>
    </row>
    <row r="1005505" spans="14:14">
      <c r="N1005505" s="10"/>
    </row>
    <row r="1005506" spans="14:14">
      <c r="N1005506" s="10"/>
    </row>
    <row r="1005507" spans="14:14">
      <c r="N1005507" s="10"/>
    </row>
    <row r="1005508" spans="14:14">
      <c r="N1005508" s="10"/>
    </row>
    <row r="1005509" spans="14:14">
      <c r="N1005509" s="10"/>
    </row>
    <row r="1005510" spans="14:14">
      <c r="N1005510" s="10"/>
    </row>
    <row r="1005511" spans="14:14">
      <c r="N1005511" s="10"/>
    </row>
    <row r="1005512" spans="14:14">
      <c r="N1005512" s="10"/>
    </row>
    <row r="1005513" spans="14:14">
      <c r="N1005513" s="10"/>
    </row>
    <row r="1005514" spans="14:14">
      <c r="N1005514" s="10"/>
    </row>
    <row r="1005515" spans="14:14">
      <c r="N1005515" s="10"/>
    </row>
    <row r="1005516" spans="14:14">
      <c r="N1005516" s="10"/>
    </row>
    <row r="1005517" spans="14:14">
      <c r="N1005517" s="10"/>
    </row>
    <row r="1005518" spans="14:14">
      <c r="N1005518" s="10"/>
    </row>
    <row r="1005519" spans="14:14">
      <c r="N1005519" s="10"/>
    </row>
    <row r="1005520" spans="14:14">
      <c r="N1005520" s="10"/>
    </row>
    <row r="1005521" spans="14:14">
      <c r="N1005521" s="10"/>
    </row>
    <row r="1005522" spans="14:14">
      <c r="N1005522" s="10"/>
    </row>
    <row r="1005523" spans="14:14">
      <c r="N1005523" s="10"/>
    </row>
    <row r="1005524" spans="14:14">
      <c r="N1005524" s="10"/>
    </row>
    <row r="1005525" spans="14:14">
      <c r="N1005525" s="10"/>
    </row>
    <row r="1005526" spans="14:14">
      <c r="N1005526" s="10"/>
    </row>
    <row r="1005527" spans="14:14">
      <c r="N1005527" s="10"/>
    </row>
    <row r="1005528" spans="14:14">
      <c r="N1005528" s="10"/>
    </row>
    <row r="1005529" spans="14:14">
      <c r="N1005529" s="10"/>
    </row>
    <row r="1005530" spans="14:14">
      <c r="N1005530" s="10"/>
    </row>
    <row r="1005531" spans="14:14">
      <c r="N1005531" s="10"/>
    </row>
    <row r="1005532" spans="14:14">
      <c r="N1005532" s="10"/>
    </row>
    <row r="1005533" spans="14:14">
      <c r="N1005533" s="10"/>
    </row>
    <row r="1005534" spans="14:14">
      <c r="N1005534" s="10"/>
    </row>
    <row r="1005535" spans="14:14">
      <c r="N1005535" s="10"/>
    </row>
    <row r="1005536" spans="14:14">
      <c r="N1005536" s="10"/>
    </row>
    <row r="1005537" spans="14:14">
      <c r="N1005537" s="10"/>
    </row>
    <row r="1005538" spans="14:14">
      <c r="N1005538" s="10"/>
    </row>
    <row r="1005539" spans="14:14">
      <c r="N1005539" s="10"/>
    </row>
    <row r="1005540" spans="14:14">
      <c r="N1005540" s="10"/>
    </row>
    <row r="1005541" spans="14:14">
      <c r="N1005541" s="10"/>
    </row>
    <row r="1005542" spans="14:14">
      <c r="N1005542" s="10"/>
    </row>
    <row r="1005543" spans="14:14">
      <c r="N1005543" s="10"/>
    </row>
    <row r="1005544" spans="14:14">
      <c r="N1005544" s="10"/>
    </row>
    <row r="1005545" spans="14:14">
      <c r="N1005545" s="10"/>
    </row>
    <row r="1005546" spans="14:14">
      <c r="N1005546" s="10"/>
    </row>
    <row r="1005547" spans="14:14">
      <c r="N1005547" s="10"/>
    </row>
    <row r="1005548" spans="14:14">
      <c r="N1005548" s="10"/>
    </row>
    <row r="1005549" spans="14:14">
      <c r="N1005549" s="10"/>
    </row>
    <row r="1005550" spans="14:14">
      <c r="N1005550" s="10"/>
    </row>
    <row r="1005551" spans="14:14">
      <c r="N1005551" s="10"/>
    </row>
    <row r="1005552" spans="14:14">
      <c r="N1005552" s="10"/>
    </row>
    <row r="1005553" spans="14:14">
      <c r="N1005553" s="10"/>
    </row>
    <row r="1005554" spans="14:14">
      <c r="N1005554" s="10"/>
    </row>
    <row r="1005555" spans="14:14">
      <c r="N1005555" s="10"/>
    </row>
    <row r="1005556" spans="14:14">
      <c r="N1005556" s="10"/>
    </row>
    <row r="1005557" spans="14:14">
      <c r="N1005557" s="10"/>
    </row>
    <row r="1005558" spans="14:14">
      <c r="N1005558" s="10"/>
    </row>
    <row r="1005559" spans="14:14">
      <c r="N1005559" s="10"/>
    </row>
    <row r="1005560" spans="14:14">
      <c r="N1005560" s="10"/>
    </row>
    <row r="1005561" spans="14:14">
      <c r="N1005561" s="10"/>
    </row>
    <row r="1005562" spans="14:14">
      <c r="N1005562" s="10"/>
    </row>
    <row r="1005563" spans="14:14">
      <c r="N1005563" s="10"/>
    </row>
    <row r="1005564" spans="14:14">
      <c r="N1005564" s="10"/>
    </row>
    <row r="1005565" spans="14:14">
      <c r="N1005565" s="10"/>
    </row>
    <row r="1005566" spans="14:14">
      <c r="N1005566" s="10"/>
    </row>
    <row r="1005567" spans="14:14">
      <c r="N1005567" s="10"/>
    </row>
    <row r="1005568" spans="14:14">
      <c r="N1005568" s="10"/>
    </row>
    <row r="1005569" spans="14:14">
      <c r="N1005569" s="10"/>
    </row>
    <row r="1005570" spans="14:14">
      <c r="N1005570" s="10"/>
    </row>
    <row r="1005571" spans="14:14">
      <c r="N1005571" s="10"/>
    </row>
    <row r="1005572" spans="14:14">
      <c r="N1005572" s="10"/>
    </row>
    <row r="1005573" spans="14:14">
      <c r="N1005573" s="10"/>
    </row>
    <row r="1005574" spans="14:14">
      <c r="N1005574" s="10"/>
    </row>
    <row r="1005575" spans="14:14">
      <c r="N1005575" s="10"/>
    </row>
    <row r="1005576" spans="14:14">
      <c r="N1005576" s="10"/>
    </row>
    <row r="1005577" spans="14:14">
      <c r="N1005577" s="10"/>
    </row>
    <row r="1005578" spans="14:14">
      <c r="N1005578" s="10"/>
    </row>
    <row r="1005579" spans="14:14">
      <c r="N1005579" s="10"/>
    </row>
    <row r="1005580" spans="14:14">
      <c r="N1005580" s="10"/>
    </row>
    <row r="1005581" spans="14:14">
      <c r="N1005581" s="10"/>
    </row>
    <row r="1005582" spans="14:14">
      <c r="N1005582" s="10"/>
    </row>
    <row r="1005583" spans="14:14">
      <c r="N1005583" s="10"/>
    </row>
    <row r="1005584" spans="14:14">
      <c r="N1005584" s="10"/>
    </row>
    <row r="1005585" spans="14:14">
      <c r="N1005585" s="10"/>
    </row>
    <row r="1005586" spans="14:14">
      <c r="N1005586" s="10"/>
    </row>
    <row r="1005587" spans="14:14">
      <c r="N1005587" s="10"/>
    </row>
    <row r="1005588" spans="14:14">
      <c r="N1005588" s="10"/>
    </row>
    <row r="1005589" spans="14:14">
      <c r="N1005589" s="10"/>
    </row>
    <row r="1005590" spans="14:14">
      <c r="N1005590" s="10"/>
    </row>
    <row r="1005591" spans="14:14">
      <c r="N1005591" s="10"/>
    </row>
    <row r="1005592" spans="14:14">
      <c r="N1005592" s="10"/>
    </row>
    <row r="1005593" spans="14:14">
      <c r="N1005593" s="10"/>
    </row>
    <row r="1005594" spans="14:14">
      <c r="N1005594" s="10"/>
    </row>
    <row r="1005595" spans="14:14">
      <c r="N1005595" s="10"/>
    </row>
    <row r="1005596" spans="14:14">
      <c r="N1005596" s="10"/>
    </row>
    <row r="1005597" spans="14:14">
      <c r="N1005597" s="10"/>
    </row>
    <row r="1005598" spans="14:14">
      <c r="N1005598" s="10"/>
    </row>
    <row r="1005599" spans="14:14">
      <c r="N1005599" s="10"/>
    </row>
    <row r="1005600" spans="14:14">
      <c r="N1005600" s="10"/>
    </row>
    <row r="1005601" spans="14:14">
      <c r="N1005601" s="10"/>
    </row>
    <row r="1005602" spans="14:14">
      <c r="N1005602" s="10"/>
    </row>
    <row r="1005603" spans="14:14">
      <c r="N1005603" s="10"/>
    </row>
    <row r="1005604" spans="14:14">
      <c r="N1005604" s="10"/>
    </row>
    <row r="1005605" spans="14:14">
      <c r="N1005605" s="10"/>
    </row>
    <row r="1005606" spans="14:14">
      <c r="N1005606" s="10"/>
    </row>
    <row r="1005607" spans="14:14">
      <c r="N1005607" s="10"/>
    </row>
    <row r="1005608" spans="14:14">
      <c r="N1005608" s="10"/>
    </row>
    <row r="1005609" spans="14:14">
      <c r="N1005609" s="10"/>
    </row>
    <row r="1005610" spans="14:14">
      <c r="N1005610" s="10"/>
    </row>
    <row r="1005611" spans="14:14">
      <c r="N1005611" s="10"/>
    </row>
    <row r="1005612" spans="14:14">
      <c r="N1005612" s="10"/>
    </row>
    <row r="1005613" spans="14:14">
      <c r="N1005613" s="10"/>
    </row>
    <row r="1005614" spans="14:14">
      <c r="N1005614" s="10"/>
    </row>
    <row r="1005615" spans="14:14">
      <c r="N1005615" s="10"/>
    </row>
    <row r="1005616" spans="14:14">
      <c r="N1005616" s="10"/>
    </row>
    <row r="1005617" spans="14:14">
      <c r="N1005617" s="10"/>
    </row>
    <row r="1005618" spans="14:14">
      <c r="N1005618" s="10"/>
    </row>
    <row r="1005619" spans="14:14">
      <c r="N1005619" s="10"/>
    </row>
    <row r="1005620" spans="14:14">
      <c r="N1005620" s="10"/>
    </row>
    <row r="1005621" spans="14:14">
      <c r="N1005621" s="10"/>
    </row>
    <row r="1005622" spans="14:14">
      <c r="N1005622" s="10"/>
    </row>
    <row r="1005623" spans="14:14">
      <c r="N1005623" s="10"/>
    </row>
    <row r="1005624" spans="14:14">
      <c r="N1005624" s="10"/>
    </row>
    <row r="1005625" spans="14:14">
      <c r="N1005625" s="10"/>
    </row>
    <row r="1005626" spans="14:14">
      <c r="N1005626" s="10"/>
    </row>
    <row r="1005627" spans="14:14">
      <c r="N1005627" s="10"/>
    </row>
    <row r="1005628" spans="14:14">
      <c r="N1005628" s="10"/>
    </row>
    <row r="1005629" spans="14:14">
      <c r="N1005629" s="10"/>
    </row>
    <row r="1005630" spans="14:14">
      <c r="N1005630" s="10"/>
    </row>
    <row r="1005631" spans="14:14">
      <c r="N1005631" s="10"/>
    </row>
    <row r="1005632" spans="14:14">
      <c r="N1005632" s="10"/>
    </row>
    <row r="1005633" spans="14:14">
      <c r="N1005633" s="10"/>
    </row>
    <row r="1005634" spans="14:14">
      <c r="N1005634" s="10"/>
    </row>
    <row r="1005635" spans="14:14">
      <c r="N1005635" s="10"/>
    </row>
    <row r="1005636" spans="14:14">
      <c r="N1005636" s="10"/>
    </row>
    <row r="1005637" spans="14:14">
      <c r="N1005637" s="10"/>
    </row>
    <row r="1005638" spans="14:14">
      <c r="N1005638" s="10"/>
    </row>
    <row r="1005639" spans="14:14">
      <c r="N1005639" s="10"/>
    </row>
    <row r="1005640" spans="14:14">
      <c r="N1005640" s="10"/>
    </row>
    <row r="1005641" spans="14:14">
      <c r="N1005641" s="10"/>
    </row>
    <row r="1005642" spans="14:14">
      <c r="N1005642" s="10"/>
    </row>
    <row r="1005643" spans="14:14">
      <c r="N1005643" s="10"/>
    </row>
    <row r="1005644" spans="14:14">
      <c r="N1005644" s="10"/>
    </row>
    <row r="1005645" spans="14:14">
      <c r="N1005645" s="10"/>
    </row>
    <row r="1005646" spans="14:14">
      <c r="N1005646" s="10"/>
    </row>
    <row r="1005647" spans="14:14">
      <c r="N1005647" s="10"/>
    </row>
    <row r="1005648" spans="14:14">
      <c r="N1005648" s="10"/>
    </row>
    <row r="1005649" spans="14:14">
      <c r="N1005649" s="10"/>
    </row>
    <row r="1005650" spans="14:14">
      <c r="N1005650" s="10"/>
    </row>
    <row r="1005651" spans="14:14">
      <c r="N1005651" s="10"/>
    </row>
    <row r="1005652" spans="14:14">
      <c r="N1005652" s="10"/>
    </row>
    <row r="1005653" spans="14:14">
      <c r="N1005653" s="10"/>
    </row>
    <row r="1005654" spans="14:14">
      <c r="N1005654" s="10"/>
    </row>
    <row r="1005655" spans="14:14">
      <c r="N1005655" s="10"/>
    </row>
    <row r="1005656" spans="14:14">
      <c r="N1005656" s="10"/>
    </row>
    <row r="1005657" spans="14:14">
      <c r="N1005657" s="10"/>
    </row>
    <row r="1005658" spans="14:14">
      <c r="N1005658" s="10"/>
    </row>
    <row r="1005659" spans="14:14">
      <c r="N1005659" s="10"/>
    </row>
    <row r="1005660" spans="14:14">
      <c r="N1005660" s="10"/>
    </row>
    <row r="1005661" spans="14:14">
      <c r="N1005661" s="10"/>
    </row>
    <row r="1005662" spans="14:14">
      <c r="N1005662" s="10"/>
    </row>
    <row r="1005663" spans="14:14">
      <c r="N1005663" s="10"/>
    </row>
    <row r="1005664" spans="14:14">
      <c r="N1005664" s="10"/>
    </row>
    <row r="1005665" spans="14:14">
      <c r="N1005665" s="10"/>
    </row>
    <row r="1005666" spans="14:14">
      <c r="N1005666" s="10"/>
    </row>
    <row r="1005667" spans="14:14">
      <c r="N1005667" s="10"/>
    </row>
    <row r="1005668" spans="14:14">
      <c r="N1005668" s="10"/>
    </row>
    <row r="1005669" spans="14:14">
      <c r="N1005669" s="10"/>
    </row>
    <row r="1005670" spans="14:14">
      <c r="N1005670" s="10"/>
    </row>
    <row r="1005671" spans="14:14">
      <c r="N1005671" s="10"/>
    </row>
    <row r="1005672" spans="14:14">
      <c r="N1005672" s="10"/>
    </row>
    <row r="1005673" spans="14:14">
      <c r="N1005673" s="10"/>
    </row>
    <row r="1005674" spans="14:14">
      <c r="N1005674" s="10"/>
    </row>
    <row r="1005675" spans="14:14">
      <c r="N1005675" s="10"/>
    </row>
    <row r="1005676" spans="14:14">
      <c r="N1005676" s="10"/>
    </row>
    <row r="1005677" spans="14:14">
      <c r="N1005677" s="10"/>
    </row>
    <row r="1005678" spans="14:14">
      <c r="N1005678" s="10"/>
    </row>
    <row r="1005679" spans="14:14">
      <c r="N1005679" s="10"/>
    </row>
    <row r="1005680" spans="14:14">
      <c r="N1005680" s="10"/>
    </row>
    <row r="1005681" spans="14:14">
      <c r="N1005681" s="10"/>
    </row>
    <row r="1005682" spans="14:14">
      <c r="N1005682" s="10"/>
    </row>
    <row r="1005683" spans="14:14">
      <c r="N1005683" s="10"/>
    </row>
    <row r="1005684" spans="14:14">
      <c r="N1005684" s="10"/>
    </row>
    <row r="1005685" spans="14:14">
      <c r="N1005685" s="10"/>
    </row>
    <row r="1005686" spans="14:14">
      <c r="N1005686" s="10"/>
    </row>
    <row r="1005687" spans="14:14">
      <c r="N1005687" s="10"/>
    </row>
    <row r="1005688" spans="14:14">
      <c r="N1005688" s="10"/>
    </row>
    <row r="1005689" spans="14:14">
      <c r="N1005689" s="10"/>
    </row>
    <row r="1005690" spans="14:14">
      <c r="N1005690" s="10"/>
    </row>
    <row r="1005691" spans="14:14">
      <c r="N1005691" s="10"/>
    </row>
    <row r="1005692" spans="14:14">
      <c r="N1005692" s="10"/>
    </row>
    <row r="1005693" spans="14:14">
      <c r="N1005693" s="10"/>
    </row>
    <row r="1005694" spans="14:14">
      <c r="N1005694" s="10"/>
    </row>
    <row r="1005695" spans="14:14">
      <c r="N1005695" s="10"/>
    </row>
    <row r="1005696" spans="14:14">
      <c r="N1005696" s="10"/>
    </row>
    <row r="1005697" spans="14:14">
      <c r="N1005697" s="10"/>
    </row>
    <row r="1005698" spans="14:14">
      <c r="N1005698" s="10"/>
    </row>
    <row r="1005699" spans="14:14">
      <c r="N1005699" s="10"/>
    </row>
    <row r="1005700" spans="14:14">
      <c r="N1005700" s="10"/>
    </row>
    <row r="1005701" spans="14:14">
      <c r="N1005701" s="10"/>
    </row>
    <row r="1005702" spans="14:14">
      <c r="N1005702" s="10"/>
    </row>
    <row r="1005703" spans="14:14">
      <c r="N1005703" s="10"/>
    </row>
    <row r="1005704" spans="14:14">
      <c r="N1005704" s="10"/>
    </row>
    <row r="1005705" spans="14:14">
      <c r="N1005705" s="10"/>
    </row>
    <row r="1005706" spans="14:14">
      <c r="N1005706" s="10"/>
    </row>
    <row r="1005707" spans="14:14">
      <c r="N1005707" s="10"/>
    </row>
    <row r="1005708" spans="14:14">
      <c r="N1005708" s="10"/>
    </row>
    <row r="1005709" spans="14:14">
      <c r="N1005709" s="10"/>
    </row>
    <row r="1005710" spans="14:14">
      <c r="N1005710" s="10"/>
    </row>
    <row r="1005711" spans="14:14">
      <c r="N1005711" s="10"/>
    </row>
    <row r="1005712" spans="14:14">
      <c r="N1005712" s="10"/>
    </row>
    <row r="1005713" spans="14:14">
      <c r="N1005713" s="10"/>
    </row>
    <row r="1005714" spans="14:14">
      <c r="N1005714" s="10"/>
    </row>
    <row r="1005715" spans="14:14">
      <c r="N1005715" s="10"/>
    </row>
    <row r="1005716" spans="14:14">
      <c r="N1005716" s="10"/>
    </row>
    <row r="1005717" spans="14:14">
      <c r="N1005717" s="10"/>
    </row>
    <row r="1005718" spans="14:14">
      <c r="N1005718" s="10"/>
    </row>
    <row r="1005719" spans="14:14">
      <c r="N1005719" s="10"/>
    </row>
    <row r="1005720" spans="14:14">
      <c r="N1005720" s="10"/>
    </row>
    <row r="1005721" spans="14:14">
      <c r="N1005721" s="10"/>
    </row>
    <row r="1005722" spans="14:14">
      <c r="N1005722" s="10"/>
    </row>
    <row r="1005723" spans="14:14">
      <c r="N1005723" s="10"/>
    </row>
    <row r="1005724" spans="14:14">
      <c r="N1005724" s="10"/>
    </row>
    <row r="1005725" spans="14:14">
      <c r="N1005725" s="10"/>
    </row>
    <row r="1005726" spans="14:14">
      <c r="N1005726" s="10"/>
    </row>
    <row r="1005727" spans="14:14">
      <c r="N1005727" s="10"/>
    </row>
    <row r="1005728" spans="14:14">
      <c r="N1005728" s="10"/>
    </row>
    <row r="1005729" spans="14:14">
      <c r="N1005729" s="10"/>
    </row>
    <row r="1005730" spans="14:14">
      <c r="N1005730" s="10"/>
    </row>
    <row r="1005731" spans="14:14">
      <c r="N1005731" s="10"/>
    </row>
    <row r="1005732" spans="14:14">
      <c r="N1005732" s="10"/>
    </row>
    <row r="1005733" spans="14:14">
      <c r="N1005733" s="10"/>
    </row>
    <row r="1005734" spans="14:14">
      <c r="N1005734" s="10"/>
    </row>
    <row r="1005735" spans="14:14">
      <c r="N1005735" s="10"/>
    </row>
    <row r="1005736" spans="14:14">
      <c r="N1005736" s="10"/>
    </row>
    <row r="1005737" spans="14:14">
      <c r="N1005737" s="10"/>
    </row>
    <row r="1005738" spans="14:14">
      <c r="N1005738" s="10"/>
    </row>
    <row r="1005739" spans="14:14">
      <c r="N1005739" s="10"/>
    </row>
    <row r="1005740" spans="14:14">
      <c r="N1005740" s="10"/>
    </row>
    <row r="1005741" spans="14:14">
      <c r="N1005741" s="10"/>
    </row>
    <row r="1005742" spans="14:14">
      <c r="N1005742" s="10"/>
    </row>
    <row r="1005743" spans="14:14">
      <c r="N1005743" s="10"/>
    </row>
    <row r="1005744" spans="14:14">
      <c r="N1005744" s="10"/>
    </row>
    <row r="1005745" spans="14:14">
      <c r="N1005745" s="10"/>
    </row>
    <row r="1005746" spans="14:14">
      <c r="N1005746" s="10"/>
    </row>
    <row r="1005747" spans="14:14">
      <c r="N1005747" s="10"/>
    </row>
    <row r="1005748" spans="14:14">
      <c r="N1005748" s="10"/>
    </row>
    <row r="1005749" spans="14:14">
      <c r="N1005749" s="10"/>
    </row>
    <row r="1005750" spans="14:14">
      <c r="N1005750" s="10"/>
    </row>
    <row r="1005751" spans="14:14">
      <c r="N1005751" s="10"/>
    </row>
    <row r="1005752" spans="14:14">
      <c r="N1005752" s="10"/>
    </row>
    <row r="1005753" spans="14:14">
      <c r="N1005753" s="10"/>
    </row>
    <row r="1005754" spans="14:14">
      <c r="N1005754" s="10"/>
    </row>
    <row r="1005755" spans="14:14">
      <c r="N1005755" s="10"/>
    </row>
    <row r="1005756" spans="14:14">
      <c r="N1005756" s="10"/>
    </row>
    <row r="1005757" spans="14:14">
      <c r="N1005757" s="10"/>
    </row>
    <row r="1005758" spans="14:14">
      <c r="N1005758" s="10"/>
    </row>
    <row r="1005759" spans="14:14">
      <c r="N1005759" s="10"/>
    </row>
    <row r="1005760" spans="14:14">
      <c r="N1005760" s="10"/>
    </row>
    <row r="1005761" spans="14:14">
      <c r="N1005761" s="10"/>
    </row>
    <row r="1005762" spans="14:14">
      <c r="N1005762" s="10"/>
    </row>
    <row r="1005763" spans="14:14">
      <c r="N1005763" s="10"/>
    </row>
    <row r="1005764" spans="14:14">
      <c r="N1005764" s="10"/>
    </row>
    <row r="1005765" spans="14:14">
      <c r="N1005765" s="10"/>
    </row>
    <row r="1005766" spans="14:14">
      <c r="N1005766" s="10"/>
    </row>
    <row r="1005767" spans="14:14">
      <c r="N1005767" s="10"/>
    </row>
    <row r="1005768" spans="14:14">
      <c r="N1005768" s="10"/>
    </row>
    <row r="1005769" spans="14:14">
      <c r="N1005769" s="10"/>
    </row>
    <row r="1005770" spans="14:14">
      <c r="N1005770" s="10"/>
    </row>
    <row r="1005771" spans="14:14">
      <c r="N1005771" s="10"/>
    </row>
    <row r="1005772" spans="14:14">
      <c r="N1005772" s="10"/>
    </row>
    <row r="1005773" spans="14:14">
      <c r="N1005773" s="10"/>
    </row>
    <row r="1005774" spans="14:14">
      <c r="N1005774" s="10"/>
    </row>
    <row r="1005775" spans="14:14">
      <c r="N1005775" s="10"/>
    </row>
    <row r="1005776" spans="14:14">
      <c r="N1005776" s="10"/>
    </row>
    <row r="1005777" spans="14:14">
      <c r="N1005777" s="10"/>
    </row>
    <row r="1005778" spans="14:14">
      <c r="N1005778" s="10"/>
    </row>
    <row r="1005779" spans="14:14">
      <c r="N1005779" s="10"/>
    </row>
    <row r="1005780" spans="14:14">
      <c r="N1005780" s="10"/>
    </row>
    <row r="1005781" spans="14:14">
      <c r="N1005781" s="10"/>
    </row>
    <row r="1005782" spans="14:14">
      <c r="N1005782" s="10"/>
    </row>
    <row r="1005783" spans="14:14">
      <c r="N1005783" s="10"/>
    </row>
    <row r="1005784" spans="14:14">
      <c r="N1005784" s="10"/>
    </row>
    <row r="1005785" spans="14:14">
      <c r="N1005785" s="10"/>
    </row>
    <row r="1005786" spans="14:14">
      <c r="N1005786" s="10"/>
    </row>
    <row r="1005787" spans="14:14">
      <c r="N1005787" s="10"/>
    </row>
    <row r="1005788" spans="14:14">
      <c r="N1005788" s="10"/>
    </row>
    <row r="1005789" spans="14:14">
      <c r="N1005789" s="10"/>
    </row>
    <row r="1005790" spans="14:14">
      <c r="N1005790" s="10"/>
    </row>
    <row r="1005791" spans="14:14">
      <c r="N1005791" s="10"/>
    </row>
    <row r="1005792" spans="14:14">
      <c r="N1005792" s="10"/>
    </row>
    <row r="1005793" spans="14:14">
      <c r="N1005793" s="10"/>
    </row>
    <row r="1005794" spans="14:14">
      <c r="N1005794" s="10"/>
    </row>
    <row r="1005795" spans="14:14">
      <c r="N1005795" s="10"/>
    </row>
    <row r="1005796" spans="14:14">
      <c r="N1005796" s="10"/>
    </row>
    <row r="1005797" spans="14:14">
      <c r="N1005797" s="10"/>
    </row>
    <row r="1005798" spans="14:14">
      <c r="N1005798" s="10"/>
    </row>
    <row r="1005799" spans="14:14">
      <c r="N1005799" s="10"/>
    </row>
    <row r="1005800" spans="14:14">
      <c r="N1005800" s="10"/>
    </row>
    <row r="1005801" spans="14:14">
      <c r="N1005801" s="10"/>
    </row>
    <row r="1005802" spans="14:14">
      <c r="N1005802" s="10"/>
    </row>
    <row r="1005803" spans="14:14">
      <c r="N1005803" s="10"/>
    </row>
    <row r="1005804" spans="14:14">
      <c r="N1005804" s="10"/>
    </row>
    <row r="1005805" spans="14:14">
      <c r="N1005805" s="10"/>
    </row>
    <row r="1005806" spans="14:14">
      <c r="N1005806" s="10"/>
    </row>
    <row r="1005807" spans="14:14">
      <c r="N1005807" s="10"/>
    </row>
    <row r="1005808" spans="14:14">
      <c r="N1005808" s="10"/>
    </row>
    <row r="1005809" spans="14:14">
      <c r="N1005809" s="10"/>
    </row>
    <row r="1005810" spans="14:14">
      <c r="N1005810" s="10"/>
    </row>
    <row r="1005811" spans="14:14">
      <c r="N1005811" s="10"/>
    </row>
    <row r="1005812" spans="14:14">
      <c r="N1005812" s="10"/>
    </row>
    <row r="1005813" spans="14:14">
      <c r="N1005813" s="10"/>
    </row>
    <row r="1005814" spans="14:14">
      <c r="N1005814" s="10"/>
    </row>
    <row r="1005815" spans="14:14">
      <c r="N1005815" s="10"/>
    </row>
    <row r="1005816" spans="14:14">
      <c r="N1005816" s="10"/>
    </row>
    <row r="1005817" spans="14:14">
      <c r="N1005817" s="10"/>
    </row>
    <row r="1005818" spans="14:14">
      <c r="N1005818" s="10"/>
    </row>
    <row r="1005819" spans="14:14">
      <c r="N1005819" s="10"/>
    </row>
    <row r="1005820" spans="14:14">
      <c r="N1005820" s="10"/>
    </row>
    <row r="1005821" spans="14:14">
      <c r="N1005821" s="10"/>
    </row>
    <row r="1005822" spans="14:14">
      <c r="N1005822" s="10"/>
    </row>
    <row r="1005823" spans="14:14">
      <c r="N1005823" s="10"/>
    </row>
    <row r="1005824" spans="14:14">
      <c r="N1005824" s="10"/>
    </row>
    <row r="1005825" spans="14:14">
      <c r="N1005825" s="10"/>
    </row>
    <row r="1005826" spans="14:14">
      <c r="N1005826" s="10"/>
    </row>
    <row r="1005827" spans="14:14">
      <c r="N1005827" s="10"/>
    </row>
    <row r="1005828" spans="14:14">
      <c r="N1005828" s="10"/>
    </row>
    <row r="1005829" spans="14:14">
      <c r="N1005829" s="10"/>
    </row>
    <row r="1005830" spans="14:14">
      <c r="N1005830" s="10"/>
    </row>
    <row r="1005831" spans="14:14">
      <c r="N1005831" s="10"/>
    </row>
    <row r="1005832" spans="14:14">
      <c r="N1005832" s="10"/>
    </row>
    <row r="1005833" spans="14:14">
      <c r="N1005833" s="10"/>
    </row>
    <row r="1005834" spans="14:14">
      <c r="N1005834" s="10"/>
    </row>
    <row r="1005835" spans="14:14">
      <c r="N1005835" s="10"/>
    </row>
    <row r="1005836" spans="14:14">
      <c r="N1005836" s="10"/>
    </row>
    <row r="1005837" spans="14:14">
      <c r="N1005837" s="10"/>
    </row>
    <row r="1005838" spans="14:14">
      <c r="N1005838" s="10"/>
    </row>
    <row r="1005839" spans="14:14">
      <c r="N1005839" s="10"/>
    </row>
    <row r="1005840" spans="14:14">
      <c r="N1005840" s="10"/>
    </row>
    <row r="1005841" spans="14:14">
      <c r="N1005841" s="10"/>
    </row>
    <row r="1005842" spans="14:14">
      <c r="N1005842" s="10"/>
    </row>
    <row r="1005843" spans="14:14">
      <c r="N1005843" s="10"/>
    </row>
    <row r="1005844" spans="14:14">
      <c r="N1005844" s="10"/>
    </row>
    <row r="1005845" spans="14:14">
      <c r="N1005845" s="10"/>
    </row>
    <row r="1005846" spans="14:14">
      <c r="N1005846" s="10"/>
    </row>
    <row r="1005847" spans="14:14">
      <c r="N1005847" s="10"/>
    </row>
    <row r="1005848" spans="14:14">
      <c r="N1005848" s="10"/>
    </row>
    <row r="1005849" spans="14:14">
      <c r="N1005849" s="10"/>
    </row>
    <row r="1005850" spans="14:14">
      <c r="N1005850" s="10"/>
    </row>
    <row r="1005851" spans="14:14">
      <c r="N1005851" s="10"/>
    </row>
    <row r="1005852" spans="14:14">
      <c r="N1005852" s="10"/>
    </row>
    <row r="1005853" spans="14:14">
      <c r="N1005853" s="10"/>
    </row>
    <row r="1005854" spans="14:14">
      <c r="N1005854" s="10"/>
    </row>
    <row r="1005855" spans="14:14">
      <c r="N1005855" s="10"/>
    </row>
    <row r="1005856" spans="14:14">
      <c r="N1005856" s="10"/>
    </row>
    <row r="1005857" spans="14:14">
      <c r="N1005857" s="10"/>
    </row>
    <row r="1005858" spans="14:14">
      <c r="N1005858" s="10"/>
    </row>
    <row r="1005859" spans="14:14">
      <c r="N1005859" s="10"/>
    </row>
    <row r="1005860" spans="14:14">
      <c r="N1005860" s="10"/>
    </row>
    <row r="1005861" spans="14:14">
      <c r="N1005861" s="10"/>
    </row>
    <row r="1005862" spans="14:14">
      <c r="N1005862" s="10"/>
    </row>
    <row r="1005863" spans="14:14">
      <c r="N1005863" s="10"/>
    </row>
    <row r="1005864" spans="14:14">
      <c r="N1005864" s="10"/>
    </row>
    <row r="1005865" spans="14:14">
      <c r="N1005865" s="10"/>
    </row>
    <row r="1005866" spans="14:14">
      <c r="N1005866" s="10"/>
    </row>
    <row r="1005867" spans="14:14">
      <c r="N1005867" s="10"/>
    </row>
    <row r="1005868" spans="14:14">
      <c r="N1005868" s="10"/>
    </row>
    <row r="1005869" spans="14:14">
      <c r="N1005869" s="10"/>
    </row>
    <row r="1005870" spans="14:14">
      <c r="N1005870" s="10"/>
    </row>
    <row r="1005871" spans="14:14">
      <c r="N1005871" s="10"/>
    </row>
    <row r="1005872" spans="14:14">
      <c r="N1005872" s="10"/>
    </row>
    <row r="1005873" spans="14:14">
      <c r="N1005873" s="10"/>
    </row>
    <row r="1005874" spans="14:14">
      <c r="N1005874" s="10"/>
    </row>
    <row r="1005875" spans="14:14">
      <c r="N1005875" s="10"/>
    </row>
    <row r="1005876" spans="14:14">
      <c r="N1005876" s="10"/>
    </row>
    <row r="1005877" spans="14:14">
      <c r="N1005877" s="10"/>
    </row>
    <row r="1005878" spans="14:14">
      <c r="N1005878" s="10"/>
    </row>
    <row r="1005879" spans="14:14">
      <c r="N1005879" s="10"/>
    </row>
    <row r="1005880" spans="14:14">
      <c r="N1005880" s="10"/>
    </row>
    <row r="1005881" spans="14:14">
      <c r="N1005881" s="10"/>
    </row>
    <row r="1005882" spans="14:14">
      <c r="N1005882" s="10"/>
    </row>
    <row r="1005883" spans="14:14">
      <c r="N1005883" s="10"/>
    </row>
    <row r="1005884" spans="14:14">
      <c r="N1005884" s="10"/>
    </row>
    <row r="1005885" spans="14:14">
      <c r="N1005885" s="10"/>
    </row>
    <row r="1005886" spans="14:14">
      <c r="N1005886" s="10"/>
    </row>
    <row r="1005887" spans="14:14">
      <c r="N1005887" s="10"/>
    </row>
    <row r="1005888" spans="14:14">
      <c r="N1005888" s="10"/>
    </row>
    <row r="1005889" spans="14:14">
      <c r="N1005889" s="10"/>
    </row>
    <row r="1005890" spans="14:14">
      <c r="N1005890" s="10"/>
    </row>
    <row r="1005891" spans="14:14">
      <c r="N1005891" s="10"/>
    </row>
    <row r="1005892" spans="14:14">
      <c r="N1005892" s="10"/>
    </row>
    <row r="1005893" spans="14:14">
      <c r="N1005893" s="10"/>
    </row>
    <row r="1005894" spans="14:14">
      <c r="N1005894" s="10"/>
    </row>
    <row r="1005895" spans="14:14">
      <c r="N1005895" s="10"/>
    </row>
    <row r="1005896" spans="14:14">
      <c r="N1005896" s="10"/>
    </row>
    <row r="1005897" spans="14:14">
      <c r="N1005897" s="10"/>
    </row>
    <row r="1005898" spans="14:14">
      <c r="N1005898" s="10"/>
    </row>
    <row r="1005899" spans="14:14">
      <c r="N1005899" s="10"/>
    </row>
    <row r="1005900" spans="14:14">
      <c r="N1005900" s="10"/>
    </row>
    <row r="1005901" spans="14:14">
      <c r="N1005901" s="10"/>
    </row>
    <row r="1005902" spans="14:14">
      <c r="N1005902" s="10"/>
    </row>
    <row r="1005903" spans="14:14">
      <c r="N1005903" s="10"/>
    </row>
    <row r="1005904" spans="14:14">
      <c r="N1005904" s="10"/>
    </row>
    <row r="1005905" spans="14:14">
      <c r="N1005905" s="10"/>
    </row>
    <row r="1005906" spans="14:14">
      <c r="N1005906" s="10"/>
    </row>
    <row r="1005907" spans="14:14">
      <c r="N1005907" s="10"/>
    </row>
    <row r="1005908" spans="14:14">
      <c r="N1005908" s="10"/>
    </row>
    <row r="1005909" spans="14:14">
      <c r="N1005909" s="10"/>
    </row>
    <row r="1005910" spans="14:14">
      <c r="N1005910" s="10"/>
    </row>
    <row r="1005911" spans="14:14">
      <c r="N1005911" s="10"/>
    </row>
    <row r="1005912" spans="14:14">
      <c r="N1005912" s="10"/>
    </row>
    <row r="1005913" spans="14:14">
      <c r="N1005913" s="10"/>
    </row>
    <row r="1005914" spans="14:14">
      <c r="N1005914" s="10"/>
    </row>
    <row r="1005915" spans="14:14">
      <c r="N1005915" s="10"/>
    </row>
    <row r="1005916" spans="14:14">
      <c r="N1005916" s="10"/>
    </row>
    <row r="1005917" spans="14:14">
      <c r="N1005917" s="10"/>
    </row>
    <row r="1005918" spans="14:14">
      <c r="N1005918" s="10"/>
    </row>
    <row r="1005919" spans="14:14">
      <c r="N1005919" s="10"/>
    </row>
    <row r="1005920" spans="14:14">
      <c r="N1005920" s="10"/>
    </row>
    <row r="1005921" spans="14:14">
      <c r="N1005921" s="10"/>
    </row>
    <row r="1005922" spans="14:14">
      <c r="N1005922" s="10"/>
    </row>
    <row r="1005923" spans="14:14">
      <c r="N1005923" s="10"/>
    </row>
    <row r="1005924" spans="14:14">
      <c r="N1005924" s="10"/>
    </row>
    <row r="1005925" spans="14:14">
      <c r="N1005925" s="10"/>
    </row>
    <row r="1005926" spans="14:14">
      <c r="N1005926" s="10"/>
    </row>
    <row r="1005927" spans="14:14">
      <c r="N1005927" s="10"/>
    </row>
    <row r="1005928" spans="14:14">
      <c r="N1005928" s="10"/>
    </row>
    <row r="1005929" spans="14:14">
      <c r="N1005929" s="10"/>
    </row>
    <row r="1005930" spans="14:14">
      <c r="N1005930" s="10"/>
    </row>
    <row r="1005931" spans="14:14">
      <c r="N1005931" s="10"/>
    </row>
    <row r="1005932" spans="14:14">
      <c r="N1005932" s="10"/>
    </row>
    <row r="1005933" spans="14:14">
      <c r="N1005933" s="10"/>
    </row>
    <row r="1005934" spans="14:14">
      <c r="N1005934" s="10"/>
    </row>
    <row r="1005935" spans="14:14">
      <c r="N1005935" s="10"/>
    </row>
    <row r="1005936" spans="14:14">
      <c r="N1005936" s="10"/>
    </row>
    <row r="1005937" spans="14:14">
      <c r="N1005937" s="10"/>
    </row>
    <row r="1005938" spans="14:14">
      <c r="N1005938" s="10"/>
    </row>
    <row r="1005939" spans="14:14">
      <c r="N1005939" s="10"/>
    </row>
    <row r="1005940" spans="14:14">
      <c r="N1005940" s="10"/>
    </row>
    <row r="1005941" spans="14:14">
      <c r="N1005941" s="10"/>
    </row>
    <row r="1005942" spans="14:14">
      <c r="N1005942" s="10"/>
    </row>
    <row r="1005943" spans="14:14">
      <c r="N1005943" s="10"/>
    </row>
    <row r="1005944" spans="14:14">
      <c r="N1005944" s="10"/>
    </row>
    <row r="1005945" spans="14:14">
      <c r="N1005945" s="10"/>
    </row>
    <row r="1005946" spans="14:14">
      <c r="N1005946" s="10"/>
    </row>
    <row r="1005947" spans="14:14">
      <c r="N1005947" s="10"/>
    </row>
    <row r="1005948" spans="14:14">
      <c r="N1005948" s="10"/>
    </row>
    <row r="1005949" spans="14:14">
      <c r="N1005949" s="10"/>
    </row>
    <row r="1005950" spans="14:14">
      <c r="N1005950" s="10"/>
    </row>
    <row r="1005951" spans="14:14">
      <c r="N1005951" s="10"/>
    </row>
    <row r="1005952" spans="14:14">
      <c r="N1005952" s="10"/>
    </row>
    <row r="1005953" spans="14:14">
      <c r="N1005953" s="10"/>
    </row>
    <row r="1005954" spans="14:14">
      <c r="N1005954" s="10"/>
    </row>
    <row r="1005955" spans="14:14">
      <c r="N1005955" s="10"/>
    </row>
    <row r="1005956" spans="14:14">
      <c r="N1005956" s="10"/>
    </row>
    <row r="1005957" spans="14:14">
      <c r="N1005957" s="10"/>
    </row>
    <row r="1005958" spans="14:14">
      <c r="N1005958" s="10"/>
    </row>
    <row r="1005959" spans="14:14">
      <c r="N1005959" s="10"/>
    </row>
    <row r="1005960" spans="14:14">
      <c r="N1005960" s="10"/>
    </row>
    <row r="1005961" spans="14:14">
      <c r="N1005961" s="10"/>
    </row>
    <row r="1005962" spans="14:14">
      <c r="N1005962" s="10"/>
    </row>
    <row r="1005963" spans="14:14">
      <c r="N1005963" s="10"/>
    </row>
    <row r="1005964" spans="14:14">
      <c r="N1005964" s="10"/>
    </row>
    <row r="1005965" spans="14:14">
      <c r="N1005965" s="10"/>
    </row>
    <row r="1005966" spans="14:14">
      <c r="N1005966" s="10"/>
    </row>
    <row r="1005967" spans="14:14">
      <c r="N1005967" s="10"/>
    </row>
    <row r="1005968" spans="14:14">
      <c r="N1005968" s="10"/>
    </row>
    <row r="1005969" spans="14:14">
      <c r="N1005969" s="10"/>
    </row>
    <row r="1005970" spans="14:14">
      <c r="N1005970" s="10"/>
    </row>
    <row r="1005971" spans="14:14">
      <c r="N1005971" s="10"/>
    </row>
    <row r="1005972" spans="14:14">
      <c r="N1005972" s="10"/>
    </row>
    <row r="1005973" spans="14:14">
      <c r="N1005973" s="10"/>
    </row>
    <row r="1005974" spans="14:14">
      <c r="N1005974" s="10"/>
    </row>
    <row r="1005975" spans="14:14">
      <c r="N1005975" s="10"/>
    </row>
    <row r="1005976" spans="14:14">
      <c r="N1005976" s="10"/>
    </row>
    <row r="1005977" spans="14:14">
      <c r="N1005977" s="10"/>
    </row>
    <row r="1005978" spans="14:14">
      <c r="N1005978" s="10"/>
    </row>
    <row r="1005979" spans="14:14">
      <c r="N1005979" s="10"/>
    </row>
    <row r="1005980" spans="14:14">
      <c r="N1005980" s="10"/>
    </row>
    <row r="1005981" spans="14:14">
      <c r="N1005981" s="10"/>
    </row>
    <row r="1005982" spans="14:14">
      <c r="N1005982" s="10"/>
    </row>
    <row r="1005983" spans="14:14">
      <c r="N1005983" s="10"/>
    </row>
    <row r="1005984" spans="14:14">
      <c r="N1005984" s="10"/>
    </row>
    <row r="1005985" spans="14:14">
      <c r="N1005985" s="10"/>
    </row>
    <row r="1005986" spans="14:14">
      <c r="N1005986" s="10"/>
    </row>
    <row r="1005987" spans="14:14">
      <c r="N1005987" s="10"/>
    </row>
    <row r="1005988" spans="14:14">
      <c r="N1005988" s="10"/>
    </row>
    <row r="1005989" spans="14:14">
      <c r="N1005989" s="10"/>
    </row>
    <row r="1005990" spans="14:14">
      <c r="N1005990" s="10"/>
    </row>
    <row r="1005991" spans="14:14">
      <c r="N1005991" s="10"/>
    </row>
    <row r="1005992" spans="14:14">
      <c r="N1005992" s="10"/>
    </row>
    <row r="1005993" spans="14:14">
      <c r="N1005993" s="10"/>
    </row>
    <row r="1005994" spans="14:14">
      <c r="N1005994" s="10"/>
    </row>
    <row r="1005995" spans="14:14">
      <c r="N1005995" s="10"/>
    </row>
    <row r="1005996" spans="14:14">
      <c r="N1005996" s="10"/>
    </row>
    <row r="1005997" spans="14:14">
      <c r="N1005997" s="10"/>
    </row>
    <row r="1005998" spans="14:14">
      <c r="N1005998" s="10"/>
    </row>
    <row r="1005999" spans="14:14">
      <c r="N1005999" s="10"/>
    </row>
    <row r="1006000" spans="14:14">
      <c r="N1006000" s="10"/>
    </row>
    <row r="1006001" spans="14:14">
      <c r="N1006001" s="10"/>
    </row>
    <row r="1006002" spans="14:14">
      <c r="N1006002" s="10"/>
    </row>
    <row r="1006003" spans="14:14">
      <c r="N1006003" s="10"/>
    </row>
    <row r="1006004" spans="14:14">
      <c r="N1006004" s="10"/>
    </row>
    <row r="1006005" spans="14:14">
      <c r="N1006005" s="10"/>
    </row>
    <row r="1006006" spans="14:14">
      <c r="N1006006" s="10"/>
    </row>
    <row r="1006007" spans="14:14">
      <c r="N1006007" s="10"/>
    </row>
    <row r="1006008" spans="14:14">
      <c r="N1006008" s="10"/>
    </row>
    <row r="1006009" spans="14:14">
      <c r="N1006009" s="10"/>
    </row>
    <row r="1006010" spans="14:14">
      <c r="N1006010" s="10"/>
    </row>
    <row r="1006011" spans="14:14">
      <c r="N1006011" s="10"/>
    </row>
    <row r="1006012" spans="14:14">
      <c r="N1006012" s="10"/>
    </row>
    <row r="1006013" spans="14:14">
      <c r="N1006013" s="10"/>
    </row>
    <row r="1006014" spans="14:14">
      <c r="N1006014" s="10"/>
    </row>
    <row r="1006015" spans="14:14">
      <c r="N1006015" s="10"/>
    </row>
    <row r="1006016" spans="14:14">
      <c r="N1006016" s="10"/>
    </row>
    <row r="1006017" spans="14:14">
      <c r="N1006017" s="10"/>
    </row>
    <row r="1006018" spans="14:14">
      <c r="N1006018" s="10"/>
    </row>
    <row r="1006019" spans="14:14">
      <c r="N1006019" s="10"/>
    </row>
    <row r="1006020" spans="14:14">
      <c r="N1006020" s="10"/>
    </row>
    <row r="1006021" spans="14:14">
      <c r="N1006021" s="10"/>
    </row>
    <row r="1006022" spans="14:14">
      <c r="N1006022" s="10"/>
    </row>
    <row r="1006023" spans="14:14">
      <c r="N1006023" s="10"/>
    </row>
    <row r="1006024" spans="14:14">
      <c r="N1006024" s="10"/>
    </row>
    <row r="1006025" spans="14:14">
      <c r="N1006025" s="10"/>
    </row>
    <row r="1006026" spans="14:14">
      <c r="N1006026" s="10"/>
    </row>
    <row r="1006027" spans="14:14">
      <c r="N1006027" s="10"/>
    </row>
    <row r="1006028" spans="14:14">
      <c r="N1006028" s="10"/>
    </row>
    <row r="1006029" spans="14:14">
      <c r="N1006029" s="10"/>
    </row>
    <row r="1006030" spans="14:14">
      <c r="N1006030" s="10"/>
    </row>
    <row r="1006031" spans="14:14">
      <c r="N1006031" s="10"/>
    </row>
    <row r="1006032" spans="14:14">
      <c r="N1006032" s="10"/>
    </row>
    <row r="1006033" spans="14:14">
      <c r="N1006033" s="10"/>
    </row>
    <row r="1006034" spans="14:14">
      <c r="N1006034" s="10"/>
    </row>
    <row r="1006035" spans="14:14">
      <c r="N1006035" s="10"/>
    </row>
    <row r="1006036" spans="14:14">
      <c r="N1006036" s="10"/>
    </row>
    <row r="1006037" spans="14:14">
      <c r="N1006037" s="10"/>
    </row>
    <row r="1006038" spans="14:14">
      <c r="N1006038" s="10"/>
    </row>
    <row r="1006039" spans="14:14">
      <c r="N1006039" s="10"/>
    </row>
    <row r="1006040" spans="14:14">
      <c r="N1006040" s="10"/>
    </row>
    <row r="1006041" spans="14:14">
      <c r="N1006041" s="10"/>
    </row>
    <row r="1006042" spans="14:14">
      <c r="N1006042" s="10"/>
    </row>
    <row r="1006043" spans="14:14">
      <c r="N1006043" s="10"/>
    </row>
    <row r="1006044" spans="14:14">
      <c r="N1006044" s="10"/>
    </row>
    <row r="1006045" spans="14:14">
      <c r="N1006045" s="10"/>
    </row>
    <row r="1006046" spans="14:14">
      <c r="N1006046" s="10"/>
    </row>
    <row r="1006047" spans="14:14">
      <c r="N1006047" s="10"/>
    </row>
    <row r="1006048" spans="14:14">
      <c r="N1006048" s="10"/>
    </row>
    <row r="1006049" spans="14:14">
      <c r="N1006049" s="10"/>
    </row>
    <row r="1006050" spans="14:14">
      <c r="N1006050" s="10"/>
    </row>
    <row r="1006051" spans="14:14">
      <c r="N1006051" s="10"/>
    </row>
    <row r="1006052" spans="14:14">
      <c r="N1006052" s="10"/>
    </row>
    <row r="1006053" spans="14:14">
      <c r="N1006053" s="10"/>
    </row>
    <row r="1006054" spans="14:14">
      <c r="N1006054" s="10"/>
    </row>
    <row r="1006055" spans="14:14">
      <c r="N1006055" s="10"/>
    </row>
    <row r="1006056" spans="14:14">
      <c r="N1006056" s="10"/>
    </row>
    <row r="1006057" spans="14:14">
      <c r="N1006057" s="10"/>
    </row>
    <row r="1006058" spans="14:14">
      <c r="N1006058" s="10"/>
    </row>
    <row r="1006059" spans="14:14">
      <c r="N1006059" s="10"/>
    </row>
    <row r="1006060" spans="14:14">
      <c r="N1006060" s="10"/>
    </row>
    <row r="1006061" spans="14:14">
      <c r="N1006061" s="10"/>
    </row>
    <row r="1006062" spans="14:14">
      <c r="N1006062" s="10"/>
    </row>
    <row r="1006063" spans="14:14">
      <c r="N1006063" s="10"/>
    </row>
    <row r="1006064" spans="14:14">
      <c r="N1006064" s="10"/>
    </row>
    <row r="1006065" spans="14:14">
      <c r="N1006065" s="10"/>
    </row>
    <row r="1006066" spans="14:14">
      <c r="N1006066" s="10"/>
    </row>
    <row r="1006067" spans="14:14">
      <c r="N1006067" s="10"/>
    </row>
    <row r="1006068" spans="14:14">
      <c r="N1006068" s="10"/>
    </row>
    <row r="1006069" spans="14:14">
      <c r="N1006069" s="10"/>
    </row>
    <row r="1006070" spans="14:14">
      <c r="N1006070" s="10"/>
    </row>
    <row r="1006071" spans="14:14">
      <c r="N1006071" s="10"/>
    </row>
    <row r="1006072" spans="14:14">
      <c r="N1006072" s="10"/>
    </row>
    <row r="1006073" spans="14:14">
      <c r="N1006073" s="10"/>
    </row>
    <row r="1006074" spans="14:14">
      <c r="N1006074" s="10"/>
    </row>
    <row r="1006075" spans="14:14">
      <c r="N1006075" s="10"/>
    </row>
    <row r="1006076" spans="14:14">
      <c r="N1006076" s="10"/>
    </row>
    <row r="1006077" spans="14:14">
      <c r="N1006077" s="10"/>
    </row>
    <row r="1006078" spans="14:14">
      <c r="N1006078" s="10"/>
    </row>
    <row r="1006079" spans="14:14">
      <c r="N1006079" s="10"/>
    </row>
    <row r="1006080" spans="14:14">
      <c r="N1006080" s="10"/>
    </row>
    <row r="1006081" spans="14:14">
      <c r="N1006081" s="10"/>
    </row>
    <row r="1006082" spans="14:14">
      <c r="N1006082" s="10"/>
    </row>
    <row r="1006083" spans="14:14">
      <c r="N1006083" s="10"/>
    </row>
    <row r="1006084" spans="14:14">
      <c r="N1006084" s="10"/>
    </row>
    <row r="1006085" spans="14:14">
      <c r="N1006085" s="10"/>
    </row>
    <row r="1006086" spans="14:14">
      <c r="N1006086" s="10"/>
    </row>
    <row r="1006087" spans="14:14">
      <c r="N1006087" s="10"/>
    </row>
    <row r="1006088" spans="14:14">
      <c r="N1006088" s="10"/>
    </row>
    <row r="1006089" spans="14:14">
      <c r="N1006089" s="10"/>
    </row>
    <row r="1006090" spans="14:14">
      <c r="N1006090" s="10"/>
    </row>
    <row r="1006091" spans="14:14">
      <c r="N1006091" s="10"/>
    </row>
    <row r="1006092" spans="14:14">
      <c r="N1006092" s="10"/>
    </row>
    <row r="1006093" spans="14:14">
      <c r="N1006093" s="10"/>
    </row>
    <row r="1006094" spans="14:14">
      <c r="N1006094" s="10"/>
    </row>
    <row r="1006095" spans="14:14">
      <c r="N1006095" s="10"/>
    </row>
    <row r="1006096" spans="14:14">
      <c r="N1006096" s="10"/>
    </row>
    <row r="1006097" spans="14:14">
      <c r="N1006097" s="10"/>
    </row>
    <row r="1006098" spans="14:14">
      <c r="N1006098" s="10"/>
    </row>
    <row r="1006099" spans="14:14">
      <c r="N1006099" s="10"/>
    </row>
    <row r="1006100" spans="14:14">
      <c r="N1006100" s="10"/>
    </row>
    <row r="1006101" spans="14:14">
      <c r="N1006101" s="10"/>
    </row>
    <row r="1006102" spans="14:14">
      <c r="N1006102" s="10"/>
    </row>
    <row r="1006103" spans="14:14">
      <c r="N1006103" s="10"/>
    </row>
    <row r="1006104" spans="14:14">
      <c r="N1006104" s="10"/>
    </row>
    <row r="1006105" spans="14:14">
      <c r="N1006105" s="10"/>
    </row>
    <row r="1006106" spans="14:14">
      <c r="N1006106" s="10"/>
    </row>
    <row r="1006107" spans="14:14">
      <c r="N1006107" s="10"/>
    </row>
    <row r="1006108" spans="14:14">
      <c r="N1006108" s="10"/>
    </row>
    <row r="1006109" spans="14:14">
      <c r="N1006109" s="10"/>
    </row>
    <row r="1006110" spans="14:14">
      <c r="N1006110" s="10"/>
    </row>
    <row r="1006111" spans="14:14">
      <c r="N1006111" s="10"/>
    </row>
    <row r="1006112" spans="14:14">
      <c r="N1006112" s="10"/>
    </row>
    <row r="1006113" spans="14:14">
      <c r="N1006113" s="10"/>
    </row>
    <row r="1006114" spans="14:14">
      <c r="N1006114" s="10"/>
    </row>
    <row r="1006115" spans="14:14">
      <c r="N1006115" s="10"/>
    </row>
    <row r="1006116" spans="14:14">
      <c r="N1006116" s="10"/>
    </row>
    <row r="1006117" spans="14:14">
      <c r="N1006117" s="10"/>
    </row>
    <row r="1006118" spans="14:14">
      <c r="N1006118" s="10"/>
    </row>
    <row r="1006119" spans="14:14">
      <c r="N1006119" s="10"/>
    </row>
    <row r="1006120" spans="14:14">
      <c r="N1006120" s="10"/>
    </row>
    <row r="1006121" spans="14:14">
      <c r="N1006121" s="10"/>
    </row>
    <row r="1006122" spans="14:14">
      <c r="N1006122" s="10"/>
    </row>
    <row r="1006123" spans="14:14">
      <c r="N1006123" s="10"/>
    </row>
    <row r="1006124" spans="14:14">
      <c r="N1006124" s="10"/>
    </row>
    <row r="1006125" spans="14:14">
      <c r="N1006125" s="10"/>
    </row>
    <row r="1006126" spans="14:14">
      <c r="N1006126" s="10"/>
    </row>
    <row r="1006127" spans="14:14">
      <c r="N1006127" s="10"/>
    </row>
    <row r="1006128" spans="14:14">
      <c r="N1006128" s="10"/>
    </row>
    <row r="1006129" spans="14:14">
      <c r="N1006129" s="10"/>
    </row>
    <row r="1006130" spans="14:14">
      <c r="N1006130" s="10"/>
    </row>
    <row r="1006131" spans="14:14">
      <c r="N1006131" s="10"/>
    </row>
    <row r="1006132" spans="14:14">
      <c r="N1006132" s="10"/>
    </row>
    <row r="1006133" spans="14:14">
      <c r="N1006133" s="10"/>
    </row>
    <row r="1006134" spans="14:14">
      <c r="N1006134" s="10"/>
    </row>
    <row r="1006135" spans="14:14">
      <c r="N1006135" s="10"/>
    </row>
    <row r="1006136" spans="14:14">
      <c r="N1006136" s="10"/>
    </row>
    <row r="1006137" spans="14:14">
      <c r="N1006137" s="10"/>
    </row>
    <row r="1006138" spans="14:14">
      <c r="N1006138" s="10"/>
    </row>
    <row r="1006139" spans="14:14">
      <c r="N1006139" s="10"/>
    </row>
    <row r="1006140" spans="14:14">
      <c r="N1006140" s="10"/>
    </row>
    <row r="1006141" spans="14:14">
      <c r="N1006141" s="10"/>
    </row>
    <row r="1006142" spans="14:14">
      <c r="N1006142" s="10"/>
    </row>
    <row r="1006143" spans="14:14">
      <c r="N1006143" s="10"/>
    </row>
    <row r="1006144" spans="14:14">
      <c r="N1006144" s="10"/>
    </row>
    <row r="1006145" spans="14:14">
      <c r="N1006145" s="10"/>
    </row>
    <row r="1006146" spans="14:14">
      <c r="N1006146" s="10"/>
    </row>
    <row r="1006147" spans="14:14">
      <c r="N1006147" s="10"/>
    </row>
    <row r="1006148" spans="14:14">
      <c r="N1006148" s="10"/>
    </row>
    <row r="1006149" spans="14:14">
      <c r="N1006149" s="10"/>
    </row>
    <row r="1006150" spans="14:14">
      <c r="N1006150" s="10"/>
    </row>
    <row r="1006151" spans="14:14">
      <c r="N1006151" s="10"/>
    </row>
    <row r="1006152" spans="14:14">
      <c r="N1006152" s="10"/>
    </row>
    <row r="1006153" spans="14:14">
      <c r="N1006153" s="10"/>
    </row>
    <row r="1006154" spans="14:14">
      <c r="N1006154" s="10"/>
    </row>
    <row r="1006155" spans="14:14">
      <c r="N1006155" s="10"/>
    </row>
    <row r="1006156" spans="14:14">
      <c r="N1006156" s="10"/>
    </row>
    <row r="1006157" spans="14:14">
      <c r="N1006157" s="10"/>
    </row>
    <row r="1006158" spans="14:14">
      <c r="N1006158" s="10"/>
    </row>
    <row r="1006159" spans="14:14">
      <c r="N1006159" s="10"/>
    </row>
    <row r="1006160" spans="14:14">
      <c r="N1006160" s="10"/>
    </row>
    <row r="1006161" spans="14:14">
      <c r="N1006161" s="10"/>
    </row>
    <row r="1006162" spans="14:14">
      <c r="N1006162" s="10"/>
    </row>
    <row r="1006163" spans="14:14">
      <c r="N1006163" s="10"/>
    </row>
    <row r="1006164" spans="14:14">
      <c r="N1006164" s="10"/>
    </row>
    <row r="1006165" spans="14:14">
      <c r="N1006165" s="10"/>
    </row>
    <row r="1006166" spans="14:14">
      <c r="N1006166" s="10"/>
    </row>
    <row r="1006167" spans="14:14">
      <c r="N1006167" s="10"/>
    </row>
    <row r="1006168" spans="14:14">
      <c r="N1006168" s="10"/>
    </row>
    <row r="1006169" spans="14:14">
      <c r="N1006169" s="10"/>
    </row>
    <row r="1006170" spans="14:14">
      <c r="N1006170" s="10"/>
    </row>
    <row r="1006171" spans="14:14">
      <c r="N1006171" s="10"/>
    </row>
    <row r="1006172" spans="14:14">
      <c r="N1006172" s="10"/>
    </row>
    <row r="1006173" spans="14:14">
      <c r="N1006173" s="10"/>
    </row>
    <row r="1006174" spans="14:14">
      <c r="N1006174" s="10"/>
    </row>
    <row r="1006175" spans="14:14">
      <c r="N1006175" s="10"/>
    </row>
    <row r="1006176" spans="14:14">
      <c r="N1006176" s="10"/>
    </row>
    <row r="1006177" spans="14:14">
      <c r="N1006177" s="10"/>
    </row>
    <row r="1006178" spans="14:14">
      <c r="N1006178" s="10"/>
    </row>
    <row r="1006179" spans="14:14">
      <c r="N1006179" s="10"/>
    </row>
    <row r="1006180" spans="14:14">
      <c r="N1006180" s="10"/>
    </row>
    <row r="1006181" spans="14:14">
      <c r="N1006181" s="10"/>
    </row>
    <row r="1006182" spans="14:14">
      <c r="N1006182" s="10"/>
    </row>
    <row r="1006183" spans="14:14">
      <c r="N1006183" s="10"/>
    </row>
    <row r="1006184" spans="14:14">
      <c r="N1006184" s="10"/>
    </row>
    <row r="1006185" spans="14:14">
      <c r="N1006185" s="10"/>
    </row>
    <row r="1006186" spans="14:14">
      <c r="N1006186" s="10"/>
    </row>
    <row r="1006187" spans="14:14">
      <c r="N1006187" s="10"/>
    </row>
    <row r="1006188" spans="14:14">
      <c r="N1006188" s="10"/>
    </row>
    <row r="1006189" spans="14:14">
      <c r="N1006189" s="10"/>
    </row>
    <row r="1006190" spans="14:14">
      <c r="N1006190" s="10"/>
    </row>
    <row r="1006191" spans="14:14">
      <c r="N1006191" s="10"/>
    </row>
    <row r="1006192" spans="14:14">
      <c r="N1006192" s="10"/>
    </row>
    <row r="1006193" spans="14:14">
      <c r="N1006193" s="10"/>
    </row>
    <row r="1006194" spans="14:14">
      <c r="N1006194" s="10"/>
    </row>
    <row r="1006195" spans="14:14">
      <c r="N1006195" s="10"/>
    </row>
    <row r="1006196" spans="14:14">
      <c r="N1006196" s="10"/>
    </row>
    <row r="1006197" spans="14:14">
      <c r="N1006197" s="10"/>
    </row>
    <row r="1006198" spans="14:14">
      <c r="N1006198" s="10"/>
    </row>
    <row r="1006199" spans="14:14">
      <c r="N1006199" s="10"/>
    </row>
    <row r="1006200" spans="14:14">
      <c r="N1006200" s="10"/>
    </row>
    <row r="1006201" spans="14:14">
      <c r="N1006201" s="10"/>
    </row>
    <row r="1006202" spans="14:14">
      <c r="N1006202" s="10"/>
    </row>
    <row r="1006203" spans="14:14">
      <c r="N1006203" s="10"/>
    </row>
    <row r="1006204" spans="14:14">
      <c r="N1006204" s="10"/>
    </row>
    <row r="1006205" spans="14:14">
      <c r="N1006205" s="10"/>
    </row>
    <row r="1006206" spans="14:14">
      <c r="N1006206" s="10"/>
    </row>
    <row r="1006207" spans="14:14">
      <c r="N1006207" s="10"/>
    </row>
    <row r="1006208" spans="14:14">
      <c r="N1006208" s="10"/>
    </row>
    <row r="1006209" spans="14:14">
      <c r="N1006209" s="10"/>
    </row>
    <row r="1006210" spans="14:14">
      <c r="N1006210" s="10"/>
    </row>
    <row r="1006211" spans="14:14">
      <c r="N1006211" s="10"/>
    </row>
    <row r="1006212" spans="14:14">
      <c r="N1006212" s="10"/>
    </row>
    <row r="1006213" spans="14:14">
      <c r="N1006213" s="10"/>
    </row>
    <row r="1006214" spans="14:14">
      <c r="N1006214" s="10"/>
    </row>
    <row r="1006215" spans="14:14">
      <c r="N1006215" s="10"/>
    </row>
    <row r="1006216" spans="14:14">
      <c r="N1006216" s="10"/>
    </row>
    <row r="1006217" spans="14:14">
      <c r="N1006217" s="10"/>
    </row>
    <row r="1006218" spans="14:14">
      <c r="N1006218" s="10"/>
    </row>
    <row r="1006219" spans="14:14">
      <c r="N1006219" s="10"/>
    </row>
    <row r="1006220" spans="14:14">
      <c r="N1006220" s="10"/>
    </row>
    <row r="1006221" spans="14:14">
      <c r="N1006221" s="10"/>
    </row>
    <row r="1006222" spans="14:14">
      <c r="N1006222" s="10"/>
    </row>
    <row r="1006223" spans="14:14">
      <c r="N1006223" s="10"/>
    </row>
    <row r="1006224" spans="14:14">
      <c r="N1006224" s="10"/>
    </row>
    <row r="1006225" spans="14:14">
      <c r="N1006225" s="10"/>
    </row>
    <row r="1006226" spans="14:14">
      <c r="N1006226" s="10"/>
    </row>
    <row r="1006227" spans="14:14">
      <c r="N1006227" s="10"/>
    </row>
    <row r="1006228" spans="14:14">
      <c r="N1006228" s="10"/>
    </row>
    <row r="1006229" spans="14:14">
      <c r="N1006229" s="10"/>
    </row>
    <row r="1006230" spans="14:14">
      <c r="N1006230" s="10"/>
    </row>
    <row r="1006231" spans="14:14">
      <c r="N1006231" s="10"/>
    </row>
    <row r="1006232" spans="14:14">
      <c r="N1006232" s="10"/>
    </row>
    <row r="1006233" spans="14:14">
      <c r="N1006233" s="10"/>
    </row>
    <row r="1006234" spans="14:14">
      <c r="N1006234" s="10"/>
    </row>
    <row r="1006235" spans="14:14">
      <c r="N1006235" s="10"/>
    </row>
    <row r="1006236" spans="14:14">
      <c r="N1006236" s="10"/>
    </row>
    <row r="1006237" spans="14:14">
      <c r="N1006237" s="10"/>
    </row>
    <row r="1006238" spans="14:14">
      <c r="N1006238" s="10"/>
    </row>
    <row r="1006239" spans="14:14">
      <c r="N1006239" s="10"/>
    </row>
    <row r="1006240" spans="14:14">
      <c r="N1006240" s="10"/>
    </row>
    <row r="1006241" spans="14:14">
      <c r="N1006241" s="10"/>
    </row>
    <row r="1006242" spans="14:14">
      <c r="N1006242" s="10"/>
    </row>
    <row r="1006243" spans="14:14">
      <c r="N1006243" s="10"/>
    </row>
    <row r="1006244" spans="14:14">
      <c r="N1006244" s="10"/>
    </row>
    <row r="1006245" spans="14:14">
      <c r="N1006245" s="10"/>
    </row>
    <row r="1006246" spans="14:14">
      <c r="N1006246" s="10"/>
    </row>
    <row r="1006247" spans="14:14">
      <c r="N1006247" s="10"/>
    </row>
    <row r="1006248" spans="14:14">
      <c r="N1006248" s="10"/>
    </row>
    <row r="1006249" spans="14:14">
      <c r="N1006249" s="10"/>
    </row>
    <row r="1006250" spans="14:14">
      <c r="N1006250" s="10"/>
    </row>
    <row r="1006251" spans="14:14">
      <c r="N1006251" s="10"/>
    </row>
    <row r="1006252" spans="14:14">
      <c r="N1006252" s="10"/>
    </row>
    <row r="1006253" spans="14:14">
      <c r="N1006253" s="10"/>
    </row>
    <row r="1006254" spans="14:14">
      <c r="N1006254" s="10"/>
    </row>
    <row r="1006255" spans="14:14">
      <c r="N1006255" s="10"/>
    </row>
    <row r="1006256" spans="14:14">
      <c r="N1006256" s="10"/>
    </row>
    <row r="1006257" spans="14:14">
      <c r="N1006257" s="10"/>
    </row>
    <row r="1006258" spans="14:14">
      <c r="N1006258" s="10"/>
    </row>
    <row r="1006259" spans="14:14">
      <c r="N1006259" s="10"/>
    </row>
    <row r="1006260" spans="14:14">
      <c r="N1006260" s="10"/>
    </row>
    <row r="1006261" spans="14:14">
      <c r="N1006261" s="10"/>
    </row>
    <row r="1006262" spans="14:14">
      <c r="N1006262" s="10"/>
    </row>
    <row r="1006263" spans="14:14">
      <c r="N1006263" s="10"/>
    </row>
    <row r="1006264" spans="14:14">
      <c r="N1006264" s="10"/>
    </row>
    <row r="1006265" spans="14:14">
      <c r="N1006265" s="10"/>
    </row>
    <row r="1006266" spans="14:14">
      <c r="N1006266" s="10"/>
    </row>
    <row r="1006267" spans="14:14">
      <c r="N1006267" s="10"/>
    </row>
    <row r="1006268" spans="14:14">
      <c r="N1006268" s="10"/>
    </row>
    <row r="1006269" spans="14:14">
      <c r="N1006269" s="10"/>
    </row>
    <row r="1006270" spans="14:14">
      <c r="N1006270" s="10"/>
    </row>
    <row r="1006271" spans="14:14">
      <c r="N1006271" s="10"/>
    </row>
    <row r="1006272" spans="14:14">
      <c r="N1006272" s="10"/>
    </row>
    <row r="1006273" spans="14:14">
      <c r="N1006273" s="10"/>
    </row>
    <row r="1006274" spans="14:14">
      <c r="N1006274" s="10"/>
    </row>
    <row r="1006275" spans="14:14">
      <c r="N1006275" s="10"/>
    </row>
    <row r="1006276" spans="14:14">
      <c r="N1006276" s="10"/>
    </row>
    <row r="1006277" spans="14:14">
      <c r="N1006277" s="10"/>
    </row>
    <row r="1006278" spans="14:14">
      <c r="N1006278" s="10"/>
    </row>
    <row r="1006279" spans="14:14">
      <c r="N1006279" s="10"/>
    </row>
    <row r="1006280" spans="14:14">
      <c r="N1006280" s="10"/>
    </row>
    <row r="1006281" spans="14:14">
      <c r="N1006281" s="10"/>
    </row>
    <row r="1006282" spans="14:14">
      <c r="N1006282" s="10"/>
    </row>
    <row r="1006283" spans="14:14">
      <c r="N1006283" s="10"/>
    </row>
    <row r="1006284" spans="14:14">
      <c r="N1006284" s="10"/>
    </row>
    <row r="1006285" spans="14:14">
      <c r="N1006285" s="10"/>
    </row>
    <row r="1006286" spans="14:14">
      <c r="N1006286" s="10"/>
    </row>
    <row r="1006287" spans="14:14">
      <c r="N1006287" s="10"/>
    </row>
    <row r="1006288" spans="14:14">
      <c r="N1006288" s="10"/>
    </row>
    <row r="1006289" spans="14:14">
      <c r="N1006289" s="10"/>
    </row>
    <row r="1006290" spans="14:14">
      <c r="N1006290" s="10"/>
    </row>
    <row r="1006291" spans="14:14">
      <c r="N1006291" s="10"/>
    </row>
    <row r="1006292" spans="14:14">
      <c r="N1006292" s="10"/>
    </row>
    <row r="1006293" spans="14:14">
      <c r="N1006293" s="10"/>
    </row>
    <row r="1006294" spans="14:14">
      <c r="N1006294" s="10"/>
    </row>
    <row r="1006295" spans="14:14">
      <c r="N1006295" s="10"/>
    </row>
    <row r="1006296" spans="14:14">
      <c r="N1006296" s="10"/>
    </row>
    <row r="1006297" spans="14:14">
      <c r="N1006297" s="10"/>
    </row>
    <row r="1006298" spans="14:14">
      <c r="N1006298" s="10"/>
    </row>
    <row r="1006299" spans="14:14">
      <c r="N1006299" s="10"/>
    </row>
    <row r="1006300" spans="14:14">
      <c r="N1006300" s="10"/>
    </row>
    <row r="1006301" spans="14:14">
      <c r="N1006301" s="10"/>
    </row>
    <row r="1006302" spans="14:14">
      <c r="N1006302" s="10"/>
    </row>
    <row r="1006303" spans="14:14">
      <c r="N1006303" s="10"/>
    </row>
    <row r="1006304" spans="14:14">
      <c r="N1006304" s="10"/>
    </row>
    <row r="1006305" spans="14:14">
      <c r="N1006305" s="10"/>
    </row>
    <row r="1006306" spans="14:14">
      <c r="N1006306" s="10"/>
    </row>
    <row r="1006307" spans="14:14">
      <c r="N1006307" s="10"/>
    </row>
    <row r="1006308" spans="14:14">
      <c r="N1006308" s="10"/>
    </row>
    <row r="1006309" spans="14:14">
      <c r="N1006309" s="10"/>
    </row>
    <row r="1006310" spans="14:14">
      <c r="N1006310" s="10"/>
    </row>
    <row r="1006311" spans="14:14">
      <c r="N1006311" s="10"/>
    </row>
    <row r="1006312" spans="14:14">
      <c r="N1006312" s="10"/>
    </row>
    <row r="1006313" spans="14:14">
      <c r="N1006313" s="10"/>
    </row>
    <row r="1006314" spans="14:14">
      <c r="N1006314" s="10"/>
    </row>
    <row r="1006315" spans="14:14">
      <c r="N1006315" s="10"/>
    </row>
    <row r="1006316" spans="14:14">
      <c r="N1006316" s="10"/>
    </row>
    <row r="1006317" spans="14:14">
      <c r="N1006317" s="10"/>
    </row>
    <row r="1006318" spans="14:14">
      <c r="N1006318" s="10"/>
    </row>
    <row r="1006319" spans="14:14">
      <c r="N1006319" s="10"/>
    </row>
    <row r="1006320" spans="14:14">
      <c r="N1006320" s="10"/>
    </row>
    <row r="1006321" spans="14:14">
      <c r="N1006321" s="10"/>
    </row>
    <row r="1006322" spans="14:14">
      <c r="N1006322" s="10"/>
    </row>
    <row r="1006323" spans="14:14">
      <c r="N1006323" s="10"/>
    </row>
    <row r="1006324" spans="14:14">
      <c r="N1006324" s="10"/>
    </row>
    <row r="1006325" spans="14:14">
      <c r="N1006325" s="10"/>
    </row>
    <row r="1006326" spans="14:14">
      <c r="N1006326" s="10"/>
    </row>
    <row r="1006327" spans="14:14">
      <c r="N1006327" s="10"/>
    </row>
    <row r="1006328" spans="14:14">
      <c r="N1006328" s="10"/>
    </row>
    <row r="1006329" spans="14:14">
      <c r="N1006329" s="10"/>
    </row>
    <row r="1006330" spans="14:14">
      <c r="N1006330" s="10"/>
    </row>
    <row r="1006331" spans="14:14">
      <c r="N1006331" s="10"/>
    </row>
    <row r="1006332" spans="14:14">
      <c r="N1006332" s="10"/>
    </row>
    <row r="1006333" spans="14:14">
      <c r="N1006333" s="10"/>
    </row>
    <row r="1006334" spans="14:14">
      <c r="N1006334" s="10"/>
    </row>
    <row r="1006335" spans="14:14">
      <c r="N1006335" s="10"/>
    </row>
    <row r="1006336" spans="14:14">
      <c r="N1006336" s="10"/>
    </row>
    <row r="1006337" spans="14:14">
      <c r="N1006337" s="10"/>
    </row>
    <row r="1006338" spans="14:14">
      <c r="N1006338" s="10"/>
    </row>
    <row r="1006339" spans="14:14">
      <c r="N1006339" s="10"/>
    </row>
    <row r="1006340" spans="14:14">
      <c r="N1006340" s="10"/>
    </row>
    <row r="1006341" spans="14:14">
      <c r="N1006341" s="10"/>
    </row>
    <row r="1006342" spans="14:14">
      <c r="N1006342" s="10"/>
    </row>
    <row r="1006343" spans="14:14">
      <c r="N1006343" s="10"/>
    </row>
    <row r="1006344" spans="14:14">
      <c r="N1006344" s="10"/>
    </row>
    <row r="1006345" spans="14:14">
      <c r="N1006345" s="10"/>
    </row>
    <row r="1006346" spans="14:14">
      <c r="N1006346" s="10"/>
    </row>
    <row r="1006347" spans="14:14">
      <c r="N1006347" s="10"/>
    </row>
    <row r="1006348" spans="14:14">
      <c r="N1006348" s="10"/>
    </row>
    <row r="1006349" spans="14:14">
      <c r="N1006349" s="10"/>
    </row>
    <row r="1006350" spans="14:14">
      <c r="N1006350" s="10"/>
    </row>
    <row r="1006351" spans="14:14">
      <c r="N1006351" s="10"/>
    </row>
    <row r="1006352" spans="14:14">
      <c r="N1006352" s="10"/>
    </row>
    <row r="1006353" spans="14:14">
      <c r="N1006353" s="10"/>
    </row>
    <row r="1006354" spans="14:14">
      <c r="N1006354" s="10"/>
    </row>
    <row r="1006355" spans="14:14">
      <c r="N1006355" s="10"/>
    </row>
    <row r="1006356" spans="14:14">
      <c r="N1006356" s="10"/>
    </row>
    <row r="1006357" spans="14:14">
      <c r="N1006357" s="10"/>
    </row>
    <row r="1006358" spans="14:14">
      <c r="N1006358" s="10"/>
    </row>
    <row r="1006359" spans="14:14">
      <c r="N1006359" s="10"/>
    </row>
    <row r="1006360" spans="14:14">
      <c r="N1006360" s="10"/>
    </row>
    <row r="1006361" spans="14:14">
      <c r="N1006361" s="10"/>
    </row>
    <row r="1006362" spans="14:14">
      <c r="N1006362" s="10"/>
    </row>
    <row r="1006363" spans="14:14">
      <c r="N1006363" s="10"/>
    </row>
    <row r="1006364" spans="14:14">
      <c r="N1006364" s="10"/>
    </row>
    <row r="1006365" spans="14:14">
      <c r="N1006365" s="10"/>
    </row>
    <row r="1006366" spans="14:14">
      <c r="N1006366" s="10"/>
    </row>
    <row r="1006367" spans="14:14">
      <c r="N1006367" s="10"/>
    </row>
    <row r="1006368" spans="14:14">
      <c r="N1006368" s="10"/>
    </row>
    <row r="1006369" spans="14:14">
      <c r="N1006369" s="10"/>
    </row>
    <row r="1006370" spans="14:14">
      <c r="N1006370" s="10"/>
    </row>
    <row r="1006371" spans="14:14">
      <c r="N1006371" s="10"/>
    </row>
    <row r="1006372" spans="14:14">
      <c r="N1006372" s="10"/>
    </row>
    <row r="1006373" spans="14:14">
      <c r="N1006373" s="10"/>
    </row>
    <row r="1006374" spans="14:14">
      <c r="N1006374" s="10"/>
    </row>
    <row r="1006375" spans="14:14">
      <c r="N1006375" s="10"/>
    </row>
    <row r="1006376" spans="14:14">
      <c r="N1006376" s="10"/>
    </row>
    <row r="1006377" spans="14:14">
      <c r="N1006377" s="10"/>
    </row>
    <row r="1006378" spans="14:14">
      <c r="N1006378" s="10"/>
    </row>
    <row r="1006379" spans="14:14">
      <c r="N1006379" s="10"/>
    </row>
    <row r="1006380" spans="14:14">
      <c r="N1006380" s="10"/>
    </row>
    <row r="1006381" spans="14:14">
      <c r="N1006381" s="10"/>
    </row>
    <row r="1006382" spans="14:14">
      <c r="N1006382" s="10"/>
    </row>
    <row r="1006383" spans="14:14">
      <c r="N1006383" s="10"/>
    </row>
    <row r="1006384" spans="14:14">
      <c r="N1006384" s="10"/>
    </row>
    <row r="1006385" spans="14:14">
      <c r="N1006385" s="10"/>
    </row>
    <row r="1006386" spans="14:14">
      <c r="N1006386" s="10"/>
    </row>
    <row r="1006387" spans="14:14">
      <c r="N1006387" s="10"/>
    </row>
    <row r="1006388" spans="14:14">
      <c r="N1006388" s="10"/>
    </row>
    <row r="1006389" spans="14:14">
      <c r="N1006389" s="10"/>
    </row>
    <row r="1006390" spans="14:14">
      <c r="N1006390" s="10"/>
    </row>
    <row r="1006391" spans="14:14">
      <c r="N1006391" s="10"/>
    </row>
    <row r="1006392" spans="14:14">
      <c r="N1006392" s="10"/>
    </row>
    <row r="1006393" spans="14:14">
      <c r="N1006393" s="10"/>
    </row>
    <row r="1006394" spans="14:14">
      <c r="N1006394" s="10"/>
    </row>
    <row r="1006395" spans="14:14">
      <c r="N1006395" s="10"/>
    </row>
    <row r="1006396" spans="14:14">
      <c r="N1006396" s="10"/>
    </row>
    <row r="1006397" spans="14:14">
      <c r="N1006397" s="10"/>
    </row>
    <row r="1006398" spans="14:14">
      <c r="N1006398" s="10"/>
    </row>
    <row r="1006399" spans="14:14">
      <c r="N1006399" s="10"/>
    </row>
    <row r="1006400" spans="14:14">
      <c r="N1006400" s="10"/>
    </row>
    <row r="1006401" spans="14:14">
      <c r="N1006401" s="10"/>
    </row>
    <row r="1006402" spans="14:14">
      <c r="N1006402" s="10"/>
    </row>
    <row r="1006403" spans="14:14">
      <c r="N1006403" s="10"/>
    </row>
    <row r="1006404" spans="14:14">
      <c r="N1006404" s="10"/>
    </row>
    <row r="1006405" spans="14:14">
      <c r="N1006405" s="10"/>
    </row>
    <row r="1006406" spans="14:14">
      <c r="N1006406" s="10"/>
    </row>
    <row r="1006407" spans="14:14">
      <c r="N1006407" s="10"/>
    </row>
    <row r="1006408" spans="14:14">
      <c r="N1006408" s="10"/>
    </row>
    <row r="1006409" spans="14:14">
      <c r="N1006409" s="10"/>
    </row>
    <row r="1006410" spans="14:14">
      <c r="N1006410" s="10"/>
    </row>
    <row r="1006411" spans="14:14">
      <c r="N1006411" s="10"/>
    </row>
    <row r="1006412" spans="14:14">
      <c r="N1006412" s="10"/>
    </row>
    <row r="1006413" spans="14:14">
      <c r="N1006413" s="10"/>
    </row>
    <row r="1006414" spans="14:14">
      <c r="N1006414" s="10"/>
    </row>
    <row r="1006415" spans="14:14">
      <c r="N1006415" s="10"/>
    </row>
    <row r="1006416" spans="14:14">
      <c r="N1006416" s="10"/>
    </row>
    <row r="1006417" spans="14:14">
      <c r="N1006417" s="10"/>
    </row>
    <row r="1006418" spans="14:14">
      <c r="N1006418" s="10"/>
    </row>
    <row r="1006419" spans="14:14">
      <c r="N1006419" s="10"/>
    </row>
    <row r="1006420" spans="14:14">
      <c r="N1006420" s="10"/>
    </row>
    <row r="1006421" spans="14:14">
      <c r="N1006421" s="10"/>
    </row>
    <row r="1006422" spans="14:14">
      <c r="N1006422" s="10"/>
    </row>
    <row r="1006423" spans="14:14">
      <c r="N1006423" s="10"/>
    </row>
    <row r="1006424" spans="14:14">
      <c r="N1006424" s="10"/>
    </row>
    <row r="1006425" spans="14:14">
      <c r="N1006425" s="10"/>
    </row>
    <row r="1006426" spans="14:14">
      <c r="N1006426" s="10"/>
    </row>
    <row r="1006427" spans="14:14">
      <c r="N1006427" s="10"/>
    </row>
    <row r="1006428" spans="14:14">
      <c r="N1006428" s="10"/>
    </row>
    <row r="1006429" spans="14:14">
      <c r="N1006429" s="10"/>
    </row>
    <row r="1006430" spans="14:14">
      <c r="N1006430" s="10"/>
    </row>
    <row r="1006431" spans="14:14">
      <c r="N1006431" s="10"/>
    </row>
    <row r="1006432" spans="14:14">
      <c r="N1006432" s="10"/>
    </row>
    <row r="1006433" spans="14:14">
      <c r="N1006433" s="10"/>
    </row>
    <row r="1006434" spans="14:14">
      <c r="N1006434" s="10"/>
    </row>
    <row r="1006435" spans="14:14">
      <c r="N1006435" s="10"/>
    </row>
    <row r="1006436" spans="14:14">
      <c r="N1006436" s="10"/>
    </row>
    <row r="1006437" spans="14:14">
      <c r="N1006437" s="10"/>
    </row>
    <row r="1006438" spans="14:14">
      <c r="N1006438" s="10"/>
    </row>
    <row r="1006439" spans="14:14">
      <c r="N1006439" s="10"/>
    </row>
    <row r="1006440" spans="14:14">
      <c r="N1006440" s="10"/>
    </row>
    <row r="1006441" spans="14:14">
      <c r="N1006441" s="10"/>
    </row>
    <row r="1006442" spans="14:14">
      <c r="N1006442" s="10"/>
    </row>
    <row r="1006443" spans="14:14">
      <c r="N1006443" s="10"/>
    </row>
    <row r="1006444" spans="14:14">
      <c r="N1006444" s="10"/>
    </row>
    <row r="1006445" spans="14:14">
      <c r="N1006445" s="10"/>
    </row>
    <row r="1006446" spans="14:14">
      <c r="N1006446" s="10"/>
    </row>
    <row r="1006447" spans="14:14">
      <c r="N1006447" s="10"/>
    </row>
    <row r="1006448" spans="14:14">
      <c r="N1006448" s="10"/>
    </row>
    <row r="1006449" spans="14:14">
      <c r="N1006449" s="10"/>
    </row>
    <row r="1006450" spans="14:14">
      <c r="N1006450" s="10"/>
    </row>
    <row r="1006451" spans="14:14">
      <c r="N1006451" s="10"/>
    </row>
    <row r="1006452" spans="14:14">
      <c r="N1006452" s="10"/>
    </row>
    <row r="1006453" spans="14:14">
      <c r="N1006453" s="10"/>
    </row>
    <row r="1006454" spans="14:14">
      <c r="N1006454" s="10"/>
    </row>
    <row r="1006455" spans="14:14">
      <c r="N1006455" s="10"/>
    </row>
    <row r="1006456" spans="14:14">
      <c r="N1006456" s="10"/>
    </row>
    <row r="1006457" spans="14:14">
      <c r="N1006457" s="10"/>
    </row>
    <row r="1006458" spans="14:14">
      <c r="N1006458" s="10"/>
    </row>
    <row r="1006459" spans="14:14">
      <c r="N1006459" s="10"/>
    </row>
    <row r="1006460" spans="14:14">
      <c r="N1006460" s="10"/>
    </row>
    <row r="1006461" spans="14:14">
      <c r="N1006461" s="10"/>
    </row>
    <row r="1006462" spans="14:14">
      <c r="N1006462" s="10"/>
    </row>
    <row r="1006463" spans="14:14">
      <c r="N1006463" s="10"/>
    </row>
    <row r="1006464" spans="14:14">
      <c r="N1006464" s="10"/>
    </row>
    <row r="1006465" spans="14:14">
      <c r="N1006465" s="10"/>
    </row>
    <row r="1006466" spans="14:14">
      <c r="N1006466" s="10"/>
    </row>
    <row r="1006467" spans="14:14">
      <c r="N1006467" s="10"/>
    </row>
    <row r="1006468" spans="14:14">
      <c r="N1006468" s="10"/>
    </row>
    <row r="1006469" spans="14:14">
      <c r="N1006469" s="10"/>
    </row>
    <row r="1006470" spans="14:14">
      <c r="N1006470" s="10"/>
    </row>
    <row r="1006471" spans="14:14">
      <c r="N1006471" s="10"/>
    </row>
    <row r="1006472" spans="14:14">
      <c r="N1006472" s="10"/>
    </row>
    <row r="1006473" spans="14:14">
      <c r="N1006473" s="10"/>
    </row>
    <row r="1006474" spans="14:14">
      <c r="N1006474" s="10"/>
    </row>
    <row r="1006475" spans="14:14">
      <c r="N1006475" s="10"/>
    </row>
    <row r="1006476" spans="14:14">
      <c r="N1006476" s="10"/>
    </row>
    <row r="1006477" spans="14:14">
      <c r="N1006477" s="10"/>
    </row>
    <row r="1006478" spans="14:14">
      <c r="N1006478" s="10"/>
    </row>
    <row r="1006479" spans="14:14">
      <c r="N1006479" s="10"/>
    </row>
    <row r="1006480" spans="14:14">
      <c r="N1006480" s="10"/>
    </row>
    <row r="1006481" spans="14:14">
      <c r="N1006481" s="10"/>
    </row>
    <row r="1006482" spans="14:14">
      <c r="N1006482" s="10"/>
    </row>
    <row r="1006483" spans="14:14">
      <c r="N1006483" s="10"/>
    </row>
    <row r="1006484" spans="14:14">
      <c r="N1006484" s="10"/>
    </row>
    <row r="1006485" spans="14:14">
      <c r="N1006485" s="10"/>
    </row>
    <row r="1006486" spans="14:14">
      <c r="N1006486" s="10"/>
    </row>
    <row r="1006487" spans="14:14">
      <c r="N1006487" s="10"/>
    </row>
    <row r="1006488" spans="14:14">
      <c r="N1006488" s="10"/>
    </row>
    <row r="1006489" spans="14:14">
      <c r="N1006489" s="10"/>
    </row>
    <row r="1006490" spans="14:14">
      <c r="N1006490" s="10"/>
    </row>
    <row r="1006491" spans="14:14">
      <c r="N1006491" s="10"/>
    </row>
    <row r="1006492" spans="14:14">
      <c r="N1006492" s="10"/>
    </row>
    <row r="1006493" spans="14:14">
      <c r="N1006493" s="10"/>
    </row>
    <row r="1006494" spans="14:14">
      <c r="N1006494" s="10"/>
    </row>
    <row r="1006495" spans="14:14">
      <c r="N1006495" s="10"/>
    </row>
    <row r="1006496" spans="14:14">
      <c r="N1006496" s="10"/>
    </row>
    <row r="1006497" spans="14:14">
      <c r="N1006497" s="10"/>
    </row>
    <row r="1006498" spans="14:14">
      <c r="N1006498" s="10"/>
    </row>
    <row r="1006499" spans="14:14">
      <c r="N1006499" s="10"/>
    </row>
    <row r="1006500" spans="14:14">
      <c r="N1006500" s="10"/>
    </row>
    <row r="1006501" spans="14:14">
      <c r="N1006501" s="10"/>
    </row>
    <row r="1006502" spans="14:14">
      <c r="N1006502" s="10"/>
    </row>
    <row r="1006503" spans="14:14">
      <c r="N1006503" s="10"/>
    </row>
    <row r="1006504" spans="14:14">
      <c r="N1006504" s="10"/>
    </row>
    <row r="1006505" spans="14:14">
      <c r="N1006505" s="10"/>
    </row>
    <row r="1006506" spans="14:14">
      <c r="N1006506" s="10"/>
    </row>
    <row r="1006507" spans="14:14">
      <c r="N1006507" s="10"/>
    </row>
    <row r="1006508" spans="14:14">
      <c r="N1006508" s="10"/>
    </row>
    <row r="1006509" spans="14:14">
      <c r="N1006509" s="10"/>
    </row>
    <row r="1006510" spans="14:14">
      <c r="N1006510" s="10"/>
    </row>
    <row r="1006511" spans="14:14">
      <c r="N1006511" s="10"/>
    </row>
    <row r="1006512" spans="14:14">
      <c r="N1006512" s="10"/>
    </row>
    <row r="1006513" spans="14:14">
      <c r="N1006513" s="10"/>
    </row>
    <row r="1006514" spans="14:14">
      <c r="N1006514" s="10"/>
    </row>
    <row r="1006515" spans="14:14">
      <c r="N1006515" s="10"/>
    </row>
    <row r="1006516" spans="14:14">
      <c r="N1006516" s="10"/>
    </row>
    <row r="1006517" spans="14:14">
      <c r="N1006517" s="10"/>
    </row>
    <row r="1006518" spans="14:14">
      <c r="N1006518" s="10"/>
    </row>
    <row r="1006519" spans="14:14">
      <c r="N1006519" s="10"/>
    </row>
    <row r="1006520" spans="14:14">
      <c r="N1006520" s="10"/>
    </row>
    <row r="1006521" spans="14:14">
      <c r="N1006521" s="10"/>
    </row>
    <row r="1006522" spans="14:14">
      <c r="N1006522" s="10"/>
    </row>
    <row r="1006523" spans="14:14">
      <c r="N1006523" s="10"/>
    </row>
    <row r="1006524" spans="14:14">
      <c r="N1006524" s="10"/>
    </row>
    <row r="1006525" spans="14:14">
      <c r="N1006525" s="10"/>
    </row>
    <row r="1006526" spans="14:14">
      <c r="N1006526" s="10"/>
    </row>
    <row r="1006527" spans="14:14">
      <c r="N1006527" s="10"/>
    </row>
    <row r="1006528" spans="14:14">
      <c r="N1006528" s="10"/>
    </row>
    <row r="1006529" spans="14:14">
      <c r="N1006529" s="10"/>
    </row>
    <row r="1006530" spans="14:14">
      <c r="N1006530" s="10"/>
    </row>
    <row r="1006531" spans="14:14">
      <c r="N1006531" s="10"/>
    </row>
    <row r="1006532" spans="14:14">
      <c r="N1006532" s="10"/>
    </row>
    <row r="1006533" spans="14:14">
      <c r="N1006533" s="10"/>
    </row>
    <row r="1006534" spans="14:14">
      <c r="N1006534" s="10"/>
    </row>
    <row r="1006535" spans="14:14">
      <c r="N1006535" s="10"/>
    </row>
    <row r="1006536" spans="14:14">
      <c r="N1006536" s="10"/>
    </row>
    <row r="1006537" spans="14:14">
      <c r="N1006537" s="10"/>
    </row>
    <row r="1006538" spans="14:14">
      <c r="N1006538" s="10"/>
    </row>
    <row r="1006539" spans="14:14">
      <c r="N1006539" s="10"/>
    </row>
    <row r="1006540" spans="14:14">
      <c r="N1006540" s="10"/>
    </row>
    <row r="1006541" spans="14:14">
      <c r="N1006541" s="10"/>
    </row>
    <row r="1006542" spans="14:14">
      <c r="N1006542" s="10"/>
    </row>
    <row r="1006543" spans="14:14">
      <c r="N1006543" s="10"/>
    </row>
    <row r="1006544" spans="14:14">
      <c r="N1006544" s="10"/>
    </row>
    <row r="1006545" spans="14:14">
      <c r="N1006545" s="10"/>
    </row>
    <row r="1006546" spans="14:14">
      <c r="N1006546" s="10"/>
    </row>
    <row r="1006547" spans="14:14">
      <c r="N1006547" s="10"/>
    </row>
    <row r="1006548" spans="14:14">
      <c r="N1006548" s="10"/>
    </row>
    <row r="1006549" spans="14:14">
      <c r="N1006549" s="10"/>
    </row>
    <row r="1006550" spans="14:14">
      <c r="N1006550" s="10"/>
    </row>
    <row r="1006551" spans="14:14">
      <c r="N1006551" s="10"/>
    </row>
    <row r="1006552" spans="14:14">
      <c r="N1006552" s="10"/>
    </row>
    <row r="1006553" spans="14:14">
      <c r="N1006553" s="10"/>
    </row>
    <row r="1006554" spans="14:14">
      <c r="N1006554" s="10"/>
    </row>
    <row r="1006555" spans="14:14">
      <c r="N1006555" s="10"/>
    </row>
    <row r="1006556" spans="14:14">
      <c r="N1006556" s="10"/>
    </row>
    <row r="1006557" spans="14:14">
      <c r="N1006557" s="10"/>
    </row>
    <row r="1006558" spans="14:14">
      <c r="N1006558" s="10"/>
    </row>
    <row r="1006559" spans="14:14">
      <c r="N1006559" s="10"/>
    </row>
    <row r="1006560" spans="14:14">
      <c r="N1006560" s="10"/>
    </row>
    <row r="1006561" spans="14:14">
      <c r="N1006561" s="10"/>
    </row>
    <row r="1006562" spans="14:14">
      <c r="N1006562" s="10"/>
    </row>
    <row r="1006563" spans="14:14">
      <c r="N1006563" s="10"/>
    </row>
    <row r="1006564" spans="14:14">
      <c r="N1006564" s="10"/>
    </row>
    <row r="1006565" spans="14:14">
      <c r="N1006565" s="10"/>
    </row>
    <row r="1006566" spans="14:14">
      <c r="N1006566" s="10"/>
    </row>
    <row r="1006567" spans="14:14">
      <c r="N1006567" s="10"/>
    </row>
    <row r="1006568" spans="14:14">
      <c r="N1006568" s="10"/>
    </row>
    <row r="1006569" spans="14:14">
      <c r="N1006569" s="10"/>
    </row>
    <row r="1006570" spans="14:14">
      <c r="N1006570" s="10"/>
    </row>
    <row r="1006571" spans="14:14">
      <c r="N1006571" s="10"/>
    </row>
    <row r="1006572" spans="14:14">
      <c r="N1006572" s="10"/>
    </row>
    <row r="1006573" spans="14:14">
      <c r="N1006573" s="10"/>
    </row>
    <row r="1006574" spans="14:14">
      <c r="N1006574" s="10"/>
    </row>
    <row r="1006575" spans="14:14">
      <c r="N1006575" s="10"/>
    </row>
    <row r="1006576" spans="14:14">
      <c r="N1006576" s="10"/>
    </row>
    <row r="1006577" spans="14:14">
      <c r="N1006577" s="10"/>
    </row>
    <row r="1006578" spans="14:14">
      <c r="N1006578" s="10"/>
    </row>
    <row r="1006579" spans="14:14">
      <c r="N1006579" s="10"/>
    </row>
    <row r="1006580" spans="14:14">
      <c r="N1006580" s="10"/>
    </row>
    <row r="1006581" spans="14:14">
      <c r="N1006581" s="10"/>
    </row>
    <row r="1006582" spans="14:14">
      <c r="N1006582" s="10"/>
    </row>
    <row r="1006583" spans="14:14">
      <c r="N1006583" s="10"/>
    </row>
    <row r="1006584" spans="14:14">
      <c r="N1006584" s="10"/>
    </row>
    <row r="1006585" spans="14:14">
      <c r="N1006585" s="10"/>
    </row>
    <row r="1006586" spans="14:14">
      <c r="N1006586" s="10"/>
    </row>
    <row r="1006587" spans="14:14">
      <c r="N1006587" s="10"/>
    </row>
    <row r="1006588" spans="14:14">
      <c r="N1006588" s="10"/>
    </row>
    <row r="1006589" spans="14:14">
      <c r="N1006589" s="10"/>
    </row>
    <row r="1006590" spans="14:14">
      <c r="N1006590" s="10"/>
    </row>
    <row r="1006591" spans="14:14">
      <c r="N1006591" s="10"/>
    </row>
    <row r="1006592" spans="14:14">
      <c r="N1006592" s="10"/>
    </row>
    <row r="1006593" spans="14:14">
      <c r="N1006593" s="10"/>
    </row>
    <row r="1006594" spans="14:14">
      <c r="N1006594" s="10"/>
    </row>
    <row r="1006595" spans="14:14">
      <c r="N1006595" s="10"/>
    </row>
    <row r="1006596" spans="14:14">
      <c r="N1006596" s="10"/>
    </row>
    <row r="1006597" spans="14:14">
      <c r="N1006597" s="10"/>
    </row>
    <row r="1006598" spans="14:14">
      <c r="N1006598" s="10"/>
    </row>
    <row r="1006599" spans="14:14">
      <c r="N1006599" s="10"/>
    </row>
    <row r="1006600" spans="14:14">
      <c r="N1006600" s="10"/>
    </row>
    <row r="1006601" spans="14:14">
      <c r="N1006601" s="10"/>
    </row>
    <row r="1006602" spans="14:14">
      <c r="N1006602" s="10"/>
    </row>
    <row r="1006603" spans="14:14">
      <c r="N1006603" s="10"/>
    </row>
    <row r="1006604" spans="14:14">
      <c r="N1006604" s="10"/>
    </row>
    <row r="1006605" spans="14:14">
      <c r="N1006605" s="10"/>
    </row>
    <row r="1006606" spans="14:14">
      <c r="N1006606" s="10"/>
    </row>
    <row r="1006607" spans="14:14">
      <c r="N1006607" s="10"/>
    </row>
    <row r="1006608" spans="14:14">
      <c r="N1006608" s="10"/>
    </row>
    <row r="1006609" spans="14:14">
      <c r="N1006609" s="10"/>
    </row>
    <row r="1006610" spans="14:14">
      <c r="N1006610" s="10"/>
    </row>
    <row r="1006611" spans="14:14">
      <c r="N1006611" s="10"/>
    </row>
    <row r="1006612" spans="14:14">
      <c r="N1006612" s="10"/>
    </row>
    <row r="1006613" spans="14:14">
      <c r="N1006613" s="10"/>
    </row>
    <row r="1006614" spans="14:14">
      <c r="N1006614" s="10"/>
    </row>
    <row r="1006615" spans="14:14">
      <c r="N1006615" s="10"/>
    </row>
    <row r="1006616" spans="14:14">
      <c r="N1006616" s="10"/>
    </row>
    <row r="1006617" spans="14:14">
      <c r="N1006617" s="10"/>
    </row>
    <row r="1006618" spans="14:14">
      <c r="N1006618" s="10"/>
    </row>
    <row r="1006619" spans="14:14">
      <c r="N1006619" s="10"/>
    </row>
    <row r="1006620" spans="14:14">
      <c r="N1006620" s="10"/>
    </row>
    <row r="1006621" spans="14:14">
      <c r="N1006621" s="10"/>
    </row>
    <row r="1006622" spans="14:14">
      <c r="N1006622" s="10"/>
    </row>
    <row r="1006623" spans="14:14">
      <c r="N1006623" s="10"/>
    </row>
    <row r="1006624" spans="14:14">
      <c r="N1006624" s="10"/>
    </row>
    <row r="1006625" spans="14:14">
      <c r="N1006625" s="10"/>
    </row>
    <row r="1006626" spans="14:14">
      <c r="N1006626" s="10"/>
    </row>
    <row r="1006627" spans="14:14">
      <c r="N1006627" s="10"/>
    </row>
    <row r="1006628" spans="14:14">
      <c r="N1006628" s="10"/>
    </row>
    <row r="1006629" spans="14:14">
      <c r="N1006629" s="10"/>
    </row>
    <row r="1006630" spans="14:14">
      <c r="N1006630" s="10"/>
    </row>
    <row r="1006631" spans="14:14">
      <c r="N1006631" s="10"/>
    </row>
    <row r="1006632" spans="14:14">
      <c r="N1006632" s="10"/>
    </row>
    <row r="1006633" spans="14:14">
      <c r="N1006633" s="10"/>
    </row>
    <row r="1006634" spans="14:14">
      <c r="N1006634" s="10"/>
    </row>
    <row r="1006635" spans="14:14">
      <c r="N1006635" s="10"/>
    </row>
    <row r="1006636" spans="14:14">
      <c r="N1006636" s="10"/>
    </row>
    <row r="1006637" spans="14:14">
      <c r="N1006637" s="10"/>
    </row>
    <row r="1006638" spans="14:14">
      <c r="N1006638" s="10"/>
    </row>
    <row r="1006639" spans="14:14">
      <c r="N1006639" s="10"/>
    </row>
    <row r="1006640" spans="14:14">
      <c r="N1006640" s="10"/>
    </row>
    <row r="1006641" spans="14:14">
      <c r="N1006641" s="10"/>
    </row>
    <row r="1006642" spans="14:14">
      <c r="N1006642" s="10"/>
    </row>
    <row r="1006643" spans="14:14">
      <c r="N1006643" s="10"/>
    </row>
    <row r="1006644" spans="14:14">
      <c r="N1006644" s="10"/>
    </row>
    <row r="1006645" spans="14:14">
      <c r="N1006645" s="10"/>
    </row>
    <row r="1006646" spans="14:14">
      <c r="N1006646" s="10"/>
    </row>
    <row r="1006647" spans="14:14">
      <c r="N1006647" s="10"/>
    </row>
    <row r="1006648" spans="14:14">
      <c r="N1006648" s="10"/>
    </row>
    <row r="1006649" spans="14:14">
      <c r="N1006649" s="10"/>
    </row>
    <row r="1006650" spans="14:14">
      <c r="N1006650" s="10"/>
    </row>
    <row r="1006651" spans="14:14">
      <c r="N1006651" s="10"/>
    </row>
    <row r="1006652" spans="14:14">
      <c r="N1006652" s="10"/>
    </row>
    <row r="1006653" spans="14:14">
      <c r="N1006653" s="10"/>
    </row>
    <row r="1006654" spans="14:14">
      <c r="N1006654" s="10"/>
    </row>
    <row r="1006655" spans="14:14">
      <c r="N1006655" s="10"/>
    </row>
    <row r="1006656" spans="14:14">
      <c r="N1006656" s="10"/>
    </row>
    <row r="1006657" spans="14:14">
      <c r="N1006657" s="10"/>
    </row>
    <row r="1006658" spans="14:14">
      <c r="N1006658" s="10"/>
    </row>
    <row r="1006659" spans="14:14">
      <c r="N1006659" s="10"/>
    </row>
    <row r="1006660" spans="14:14">
      <c r="N1006660" s="10"/>
    </row>
    <row r="1006661" spans="14:14">
      <c r="N1006661" s="10"/>
    </row>
    <row r="1006662" spans="14:14">
      <c r="N1006662" s="10"/>
    </row>
    <row r="1006663" spans="14:14">
      <c r="N1006663" s="10"/>
    </row>
    <row r="1006664" spans="14:14">
      <c r="N1006664" s="10"/>
    </row>
    <row r="1006665" spans="14:14">
      <c r="N1006665" s="10"/>
    </row>
    <row r="1006666" spans="14:14">
      <c r="N1006666" s="10"/>
    </row>
    <row r="1006667" spans="14:14">
      <c r="N1006667" s="10"/>
    </row>
    <row r="1006668" spans="14:14">
      <c r="N1006668" s="10"/>
    </row>
    <row r="1006669" spans="14:14">
      <c r="N1006669" s="10"/>
    </row>
    <row r="1006670" spans="14:14">
      <c r="N1006670" s="10"/>
    </row>
    <row r="1006671" spans="14:14">
      <c r="N1006671" s="10"/>
    </row>
    <row r="1006672" spans="14:14">
      <c r="N1006672" s="10"/>
    </row>
    <row r="1006673" spans="14:14">
      <c r="N1006673" s="10"/>
    </row>
    <row r="1006674" spans="14:14">
      <c r="N1006674" s="10"/>
    </row>
    <row r="1006675" spans="14:14">
      <c r="N1006675" s="10"/>
    </row>
    <row r="1006676" spans="14:14">
      <c r="N1006676" s="10"/>
    </row>
    <row r="1006677" spans="14:14">
      <c r="N1006677" s="10"/>
    </row>
    <row r="1006678" spans="14:14">
      <c r="N1006678" s="10"/>
    </row>
    <row r="1006679" spans="14:14">
      <c r="N1006679" s="10"/>
    </row>
    <row r="1006680" spans="14:14">
      <c r="N1006680" s="10"/>
    </row>
    <row r="1006681" spans="14:14">
      <c r="N1006681" s="10"/>
    </row>
    <row r="1006682" spans="14:14">
      <c r="N1006682" s="10"/>
    </row>
    <row r="1006683" spans="14:14">
      <c r="N1006683" s="10"/>
    </row>
    <row r="1006684" spans="14:14">
      <c r="N1006684" s="10"/>
    </row>
    <row r="1006685" spans="14:14">
      <c r="N1006685" s="10"/>
    </row>
    <row r="1006686" spans="14:14">
      <c r="N1006686" s="10"/>
    </row>
    <row r="1006687" spans="14:14">
      <c r="N1006687" s="10"/>
    </row>
    <row r="1006688" spans="14:14">
      <c r="N1006688" s="10"/>
    </row>
    <row r="1006689" spans="14:14">
      <c r="N1006689" s="10"/>
    </row>
    <row r="1006690" spans="14:14">
      <c r="N1006690" s="10"/>
    </row>
    <row r="1006691" spans="14:14">
      <c r="N1006691" s="10"/>
    </row>
    <row r="1006692" spans="14:14">
      <c r="N1006692" s="10"/>
    </row>
    <row r="1006693" spans="14:14">
      <c r="N1006693" s="10"/>
    </row>
    <row r="1006694" spans="14:14">
      <c r="N1006694" s="10"/>
    </row>
    <row r="1006695" spans="14:14">
      <c r="N1006695" s="10"/>
    </row>
    <row r="1006696" spans="14:14">
      <c r="N1006696" s="10"/>
    </row>
    <row r="1006697" spans="14:14">
      <c r="N1006697" s="10"/>
    </row>
    <row r="1006698" spans="14:14">
      <c r="N1006698" s="10"/>
    </row>
    <row r="1006699" spans="14:14">
      <c r="N1006699" s="10"/>
    </row>
    <row r="1006700" spans="14:14">
      <c r="N1006700" s="10"/>
    </row>
    <row r="1006701" spans="14:14">
      <c r="N1006701" s="10"/>
    </row>
    <row r="1006702" spans="14:14">
      <c r="N1006702" s="10"/>
    </row>
    <row r="1006703" spans="14:14">
      <c r="N1006703" s="10"/>
    </row>
    <row r="1006704" spans="14:14">
      <c r="N1006704" s="10"/>
    </row>
    <row r="1006705" spans="14:14">
      <c r="N1006705" s="10"/>
    </row>
    <row r="1006706" spans="14:14">
      <c r="N1006706" s="10"/>
    </row>
    <row r="1006707" spans="14:14">
      <c r="N1006707" s="10"/>
    </row>
    <row r="1006708" spans="14:14">
      <c r="N1006708" s="10"/>
    </row>
    <row r="1006709" spans="14:14">
      <c r="N1006709" s="10"/>
    </row>
    <row r="1006710" spans="14:14">
      <c r="N1006710" s="10"/>
    </row>
    <row r="1006711" spans="14:14">
      <c r="N1006711" s="10"/>
    </row>
    <row r="1006712" spans="14:14">
      <c r="N1006712" s="10"/>
    </row>
    <row r="1006713" spans="14:14">
      <c r="N1006713" s="10"/>
    </row>
    <row r="1006714" spans="14:14">
      <c r="N1006714" s="10"/>
    </row>
    <row r="1006715" spans="14:14">
      <c r="N1006715" s="10"/>
    </row>
    <row r="1006716" spans="14:14">
      <c r="N1006716" s="10"/>
    </row>
    <row r="1006717" spans="14:14">
      <c r="N1006717" s="10"/>
    </row>
    <row r="1006718" spans="14:14">
      <c r="N1006718" s="10"/>
    </row>
    <row r="1006719" spans="14:14">
      <c r="N1006719" s="10"/>
    </row>
    <row r="1006720" spans="14:14">
      <c r="N1006720" s="10"/>
    </row>
    <row r="1006721" spans="14:14">
      <c r="N1006721" s="10"/>
    </row>
    <row r="1006722" spans="14:14">
      <c r="N1006722" s="10"/>
    </row>
    <row r="1006723" spans="14:14">
      <c r="N1006723" s="10"/>
    </row>
    <row r="1006724" spans="14:14">
      <c r="N1006724" s="10"/>
    </row>
    <row r="1006725" spans="14:14">
      <c r="N1006725" s="10"/>
    </row>
    <row r="1006726" spans="14:14">
      <c r="N1006726" s="10"/>
    </row>
    <row r="1006727" spans="14:14">
      <c r="N1006727" s="10"/>
    </row>
    <row r="1006728" spans="14:14">
      <c r="N1006728" s="10"/>
    </row>
    <row r="1006729" spans="14:14">
      <c r="N1006729" s="10"/>
    </row>
    <row r="1006730" spans="14:14">
      <c r="N1006730" s="10"/>
    </row>
    <row r="1006731" spans="14:14">
      <c r="N1006731" s="10"/>
    </row>
    <row r="1006732" spans="14:14">
      <c r="N1006732" s="10"/>
    </row>
    <row r="1006733" spans="14:14">
      <c r="N1006733" s="10"/>
    </row>
    <row r="1006734" spans="14:14">
      <c r="N1006734" s="10"/>
    </row>
    <row r="1006735" spans="14:14">
      <c r="N1006735" s="10"/>
    </row>
    <row r="1006736" spans="14:14">
      <c r="N1006736" s="10"/>
    </row>
    <row r="1006737" spans="14:14">
      <c r="N1006737" s="10"/>
    </row>
    <row r="1006738" spans="14:14">
      <c r="N1006738" s="10"/>
    </row>
    <row r="1006739" spans="14:14">
      <c r="N1006739" s="10"/>
    </row>
    <row r="1006740" spans="14:14">
      <c r="N1006740" s="10"/>
    </row>
    <row r="1006741" spans="14:14">
      <c r="N1006741" s="10"/>
    </row>
    <row r="1006742" spans="14:14">
      <c r="N1006742" s="10"/>
    </row>
    <row r="1006743" spans="14:14">
      <c r="N1006743" s="10"/>
    </row>
    <row r="1006744" spans="14:14">
      <c r="N1006744" s="10"/>
    </row>
    <row r="1006745" spans="14:14">
      <c r="N1006745" s="10"/>
    </row>
    <row r="1006746" spans="14:14">
      <c r="N1006746" s="10"/>
    </row>
    <row r="1006747" spans="14:14">
      <c r="N1006747" s="10"/>
    </row>
    <row r="1006748" spans="14:14">
      <c r="N1006748" s="10"/>
    </row>
    <row r="1006749" spans="14:14">
      <c r="N1006749" s="10"/>
    </row>
    <row r="1006750" spans="14:14">
      <c r="N1006750" s="10"/>
    </row>
    <row r="1006751" spans="14:14">
      <c r="N1006751" s="10"/>
    </row>
    <row r="1006752" spans="14:14">
      <c r="N1006752" s="10"/>
    </row>
    <row r="1006753" spans="14:14">
      <c r="N1006753" s="10"/>
    </row>
    <row r="1006754" spans="14:14">
      <c r="N1006754" s="10"/>
    </row>
    <row r="1006755" spans="14:14">
      <c r="N1006755" s="10"/>
    </row>
    <row r="1006756" spans="14:14">
      <c r="N1006756" s="10"/>
    </row>
    <row r="1006757" spans="14:14">
      <c r="N1006757" s="10"/>
    </row>
    <row r="1006758" spans="14:14">
      <c r="N1006758" s="10"/>
    </row>
    <row r="1006759" spans="14:14">
      <c r="N1006759" s="10"/>
    </row>
    <row r="1006760" spans="14:14">
      <c r="N1006760" s="10"/>
    </row>
    <row r="1006761" spans="14:14">
      <c r="N1006761" s="10"/>
    </row>
    <row r="1006762" spans="14:14">
      <c r="N1006762" s="10"/>
    </row>
    <row r="1006763" spans="14:14">
      <c r="N1006763" s="10"/>
    </row>
    <row r="1006764" spans="14:14">
      <c r="N1006764" s="10"/>
    </row>
    <row r="1006765" spans="14:14">
      <c r="N1006765" s="10"/>
    </row>
    <row r="1006766" spans="14:14">
      <c r="N1006766" s="10"/>
    </row>
    <row r="1006767" spans="14:14">
      <c r="N1006767" s="10"/>
    </row>
    <row r="1006768" spans="14:14">
      <c r="N1006768" s="10"/>
    </row>
    <row r="1006769" spans="14:14">
      <c r="N1006769" s="10"/>
    </row>
    <row r="1006770" spans="14:14">
      <c r="N1006770" s="10"/>
    </row>
    <row r="1006771" spans="14:14">
      <c r="N1006771" s="10"/>
    </row>
    <row r="1006772" spans="14:14">
      <c r="N1006772" s="10"/>
    </row>
    <row r="1006773" spans="14:14">
      <c r="N1006773" s="10"/>
    </row>
    <row r="1006774" spans="14:14">
      <c r="N1006774" s="10"/>
    </row>
    <row r="1006775" spans="14:14">
      <c r="N1006775" s="10"/>
    </row>
    <row r="1006776" spans="14:14">
      <c r="N1006776" s="10"/>
    </row>
    <row r="1006777" spans="14:14">
      <c r="N1006777" s="10"/>
    </row>
    <row r="1006778" spans="14:14">
      <c r="N1006778" s="10"/>
    </row>
    <row r="1006779" spans="14:14">
      <c r="N1006779" s="10"/>
    </row>
    <row r="1006780" spans="14:14">
      <c r="N1006780" s="10"/>
    </row>
    <row r="1006781" spans="14:14">
      <c r="N1006781" s="10"/>
    </row>
    <row r="1006782" spans="14:14">
      <c r="N1006782" s="10"/>
    </row>
    <row r="1006783" spans="14:14">
      <c r="N1006783" s="10"/>
    </row>
    <row r="1006784" spans="14:14">
      <c r="N1006784" s="10"/>
    </row>
    <row r="1006785" spans="14:14">
      <c r="N1006785" s="10"/>
    </row>
    <row r="1006786" spans="14:14">
      <c r="N1006786" s="10"/>
    </row>
    <row r="1006787" spans="14:14">
      <c r="N1006787" s="10"/>
    </row>
    <row r="1006788" spans="14:14">
      <c r="N1006788" s="10"/>
    </row>
    <row r="1006789" spans="14:14">
      <c r="N1006789" s="10"/>
    </row>
    <row r="1006790" spans="14:14">
      <c r="N1006790" s="10"/>
    </row>
    <row r="1006791" spans="14:14">
      <c r="N1006791" s="10"/>
    </row>
    <row r="1006792" spans="14:14">
      <c r="N1006792" s="10"/>
    </row>
    <row r="1006793" spans="14:14">
      <c r="N1006793" s="10"/>
    </row>
    <row r="1006794" spans="14:14">
      <c r="N1006794" s="10"/>
    </row>
    <row r="1006795" spans="14:14">
      <c r="N1006795" s="10"/>
    </row>
    <row r="1006796" spans="14:14">
      <c r="N1006796" s="10"/>
    </row>
    <row r="1006797" spans="14:14">
      <c r="N1006797" s="10"/>
    </row>
    <row r="1006798" spans="14:14">
      <c r="N1006798" s="10"/>
    </row>
    <row r="1006799" spans="14:14">
      <c r="N1006799" s="10"/>
    </row>
    <row r="1006800" spans="14:14">
      <c r="N1006800" s="10"/>
    </row>
    <row r="1006801" spans="14:14">
      <c r="N1006801" s="10"/>
    </row>
    <row r="1006802" spans="14:14">
      <c r="N1006802" s="10"/>
    </row>
    <row r="1006803" spans="14:14">
      <c r="N1006803" s="10"/>
    </row>
    <row r="1006804" spans="14:14">
      <c r="N1006804" s="10"/>
    </row>
    <row r="1006805" spans="14:14">
      <c r="N1006805" s="10"/>
    </row>
    <row r="1006806" spans="14:14">
      <c r="N1006806" s="10"/>
    </row>
    <row r="1006807" spans="14:14">
      <c r="N1006807" s="10"/>
    </row>
    <row r="1006808" spans="14:14">
      <c r="N1006808" s="10"/>
    </row>
    <row r="1006809" spans="14:14">
      <c r="N1006809" s="10"/>
    </row>
    <row r="1006810" spans="14:14">
      <c r="N1006810" s="10"/>
    </row>
    <row r="1006811" spans="14:14">
      <c r="N1006811" s="10"/>
    </row>
    <row r="1006812" spans="14:14">
      <c r="N1006812" s="10"/>
    </row>
    <row r="1006813" spans="14:14">
      <c r="N1006813" s="10"/>
    </row>
    <row r="1006814" spans="14:14">
      <c r="N1006814" s="10"/>
    </row>
    <row r="1006815" spans="14:14">
      <c r="N1006815" s="10"/>
    </row>
    <row r="1006816" spans="14:14">
      <c r="N1006816" s="10"/>
    </row>
    <row r="1006817" spans="14:14">
      <c r="N1006817" s="10"/>
    </row>
    <row r="1006818" spans="14:14">
      <c r="N1006818" s="10"/>
    </row>
    <row r="1006819" spans="14:14">
      <c r="N1006819" s="10"/>
    </row>
    <row r="1006820" spans="14:14">
      <c r="N1006820" s="10"/>
    </row>
    <row r="1006821" spans="14:14">
      <c r="N1006821" s="10"/>
    </row>
    <row r="1006822" spans="14:14">
      <c r="N1006822" s="10"/>
    </row>
    <row r="1006823" spans="14:14">
      <c r="N1006823" s="10"/>
    </row>
    <row r="1006824" spans="14:14">
      <c r="N1006824" s="10"/>
    </row>
    <row r="1006825" spans="14:14">
      <c r="N1006825" s="10"/>
    </row>
    <row r="1006826" spans="14:14">
      <c r="N1006826" s="10"/>
    </row>
    <row r="1006827" spans="14:14">
      <c r="N1006827" s="10"/>
    </row>
    <row r="1006828" spans="14:14">
      <c r="N1006828" s="10"/>
    </row>
    <row r="1006829" spans="14:14">
      <c r="N1006829" s="10"/>
    </row>
    <row r="1006830" spans="14:14">
      <c r="N1006830" s="10"/>
    </row>
    <row r="1006831" spans="14:14">
      <c r="N1006831" s="10"/>
    </row>
    <row r="1006832" spans="14:14">
      <c r="N1006832" s="10"/>
    </row>
    <row r="1006833" spans="14:14">
      <c r="N1006833" s="10"/>
    </row>
    <row r="1006834" spans="14:14">
      <c r="N1006834" s="10"/>
    </row>
    <row r="1006835" spans="14:14">
      <c r="N1006835" s="10"/>
    </row>
    <row r="1006836" spans="14:14">
      <c r="N1006836" s="10"/>
    </row>
    <row r="1006837" spans="14:14">
      <c r="N1006837" s="10"/>
    </row>
    <row r="1006838" spans="14:14">
      <c r="N1006838" s="10"/>
    </row>
    <row r="1006839" spans="14:14">
      <c r="N1006839" s="10"/>
    </row>
    <row r="1006840" spans="14:14">
      <c r="N1006840" s="10"/>
    </row>
    <row r="1006841" spans="14:14">
      <c r="N1006841" s="10"/>
    </row>
    <row r="1006842" spans="14:14">
      <c r="N1006842" s="10"/>
    </row>
    <row r="1006843" spans="14:14">
      <c r="N1006843" s="10"/>
    </row>
    <row r="1006844" spans="14:14">
      <c r="N1006844" s="10"/>
    </row>
    <row r="1006845" spans="14:14">
      <c r="N1006845" s="10"/>
    </row>
    <row r="1006846" spans="14:14">
      <c r="N1006846" s="10"/>
    </row>
    <row r="1006847" spans="14:14">
      <c r="N1006847" s="10"/>
    </row>
    <row r="1006848" spans="14:14">
      <c r="N1006848" s="10"/>
    </row>
    <row r="1006849" spans="14:14">
      <c r="N1006849" s="10"/>
    </row>
    <row r="1006850" spans="14:14">
      <c r="N1006850" s="10"/>
    </row>
    <row r="1006851" spans="14:14">
      <c r="N1006851" s="10"/>
    </row>
    <row r="1006852" spans="14:14">
      <c r="N1006852" s="10"/>
    </row>
    <row r="1006853" spans="14:14">
      <c r="N1006853" s="10"/>
    </row>
    <row r="1006854" spans="14:14">
      <c r="N1006854" s="10"/>
    </row>
    <row r="1006855" spans="14:14">
      <c r="N1006855" s="10"/>
    </row>
    <row r="1006856" spans="14:14">
      <c r="N1006856" s="10"/>
    </row>
    <row r="1006857" spans="14:14">
      <c r="N1006857" s="10"/>
    </row>
    <row r="1006858" spans="14:14">
      <c r="N1006858" s="10"/>
    </row>
    <row r="1006859" spans="14:14">
      <c r="N1006859" s="10"/>
    </row>
    <row r="1006860" spans="14:14">
      <c r="N1006860" s="10"/>
    </row>
    <row r="1006861" spans="14:14">
      <c r="N1006861" s="10"/>
    </row>
    <row r="1006862" spans="14:14">
      <c r="N1006862" s="10"/>
    </row>
    <row r="1006863" spans="14:14">
      <c r="N1006863" s="10"/>
    </row>
    <row r="1006864" spans="14:14">
      <c r="N1006864" s="10"/>
    </row>
    <row r="1006865" spans="14:14">
      <c r="N1006865" s="10"/>
    </row>
    <row r="1006866" spans="14:14">
      <c r="N1006866" s="10"/>
    </row>
    <row r="1006867" spans="14:14">
      <c r="N1006867" s="10"/>
    </row>
    <row r="1006868" spans="14:14">
      <c r="N1006868" s="10"/>
    </row>
    <row r="1006869" spans="14:14">
      <c r="N1006869" s="10"/>
    </row>
    <row r="1006870" spans="14:14">
      <c r="N1006870" s="10"/>
    </row>
    <row r="1006871" spans="14:14">
      <c r="N1006871" s="10"/>
    </row>
    <row r="1006872" spans="14:14">
      <c r="N1006872" s="10"/>
    </row>
    <row r="1006873" spans="14:14">
      <c r="N1006873" s="10"/>
    </row>
    <row r="1006874" spans="14:14">
      <c r="N1006874" s="10"/>
    </row>
    <row r="1006875" spans="14:14">
      <c r="N1006875" s="10"/>
    </row>
    <row r="1006876" spans="14:14">
      <c r="N1006876" s="10"/>
    </row>
    <row r="1006877" spans="14:14">
      <c r="N1006877" s="10"/>
    </row>
    <row r="1006878" spans="14:14">
      <c r="N1006878" s="10"/>
    </row>
    <row r="1006879" spans="14:14">
      <c r="N1006879" s="10"/>
    </row>
    <row r="1006880" spans="14:14">
      <c r="N1006880" s="10"/>
    </row>
    <row r="1006881" spans="14:14">
      <c r="N1006881" s="10"/>
    </row>
    <row r="1006882" spans="14:14">
      <c r="N1006882" s="10"/>
    </row>
    <row r="1006883" spans="14:14">
      <c r="N1006883" s="10"/>
    </row>
    <row r="1006884" spans="14:14">
      <c r="N1006884" s="10"/>
    </row>
    <row r="1006885" spans="14:14">
      <c r="N1006885" s="10"/>
    </row>
    <row r="1006886" spans="14:14">
      <c r="N1006886" s="10"/>
    </row>
    <row r="1006887" spans="14:14">
      <c r="N1006887" s="10"/>
    </row>
    <row r="1006888" spans="14:14">
      <c r="N1006888" s="10"/>
    </row>
    <row r="1006889" spans="14:14">
      <c r="N1006889" s="10"/>
    </row>
    <row r="1006890" spans="14:14">
      <c r="N1006890" s="10"/>
    </row>
    <row r="1006891" spans="14:14">
      <c r="N1006891" s="10"/>
    </row>
    <row r="1006892" spans="14:14">
      <c r="N1006892" s="10"/>
    </row>
    <row r="1006893" spans="14:14">
      <c r="N1006893" s="10"/>
    </row>
    <row r="1006894" spans="14:14">
      <c r="N1006894" s="10"/>
    </row>
    <row r="1006895" spans="14:14">
      <c r="N1006895" s="10"/>
    </row>
    <row r="1006896" spans="14:14">
      <c r="N1006896" s="10"/>
    </row>
    <row r="1006897" spans="14:14">
      <c r="N1006897" s="10"/>
    </row>
    <row r="1006898" spans="14:14">
      <c r="N1006898" s="10"/>
    </row>
    <row r="1006899" spans="14:14">
      <c r="N1006899" s="10"/>
    </row>
    <row r="1006900" spans="14:14">
      <c r="N1006900" s="10"/>
    </row>
    <row r="1006901" spans="14:14">
      <c r="N1006901" s="10"/>
    </row>
    <row r="1006902" spans="14:14">
      <c r="N1006902" s="10"/>
    </row>
    <row r="1006903" spans="14:14">
      <c r="N1006903" s="10"/>
    </row>
    <row r="1006904" spans="14:14">
      <c r="N1006904" s="10"/>
    </row>
    <row r="1006905" spans="14:14">
      <c r="N1006905" s="10"/>
    </row>
    <row r="1006906" spans="14:14">
      <c r="N1006906" s="10"/>
    </row>
    <row r="1006907" spans="14:14">
      <c r="N1006907" s="10"/>
    </row>
    <row r="1006908" spans="14:14">
      <c r="N1006908" s="10"/>
    </row>
    <row r="1006909" spans="14:14">
      <c r="N1006909" s="10"/>
    </row>
    <row r="1006910" spans="14:14">
      <c r="N1006910" s="10"/>
    </row>
    <row r="1006911" spans="14:14">
      <c r="N1006911" s="10"/>
    </row>
    <row r="1006912" spans="14:14">
      <c r="N1006912" s="10"/>
    </row>
    <row r="1006913" spans="14:14">
      <c r="N1006913" s="10"/>
    </row>
    <row r="1006914" spans="14:14">
      <c r="N1006914" s="10"/>
    </row>
    <row r="1006915" spans="14:14">
      <c r="N1006915" s="10"/>
    </row>
    <row r="1006916" spans="14:14">
      <c r="N1006916" s="10"/>
    </row>
    <row r="1006917" spans="14:14">
      <c r="N1006917" s="10"/>
    </row>
    <row r="1006918" spans="14:14">
      <c r="N1006918" s="10"/>
    </row>
    <row r="1006919" spans="14:14">
      <c r="N1006919" s="10"/>
    </row>
    <row r="1006920" spans="14:14">
      <c r="N1006920" s="10"/>
    </row>
    <row r="1006921" spans="14:14">
      <c r="N1006921" s="10"/>
    </row>
    <row r="1006922" spans="14:14">
      <c r="N1006922" s="10"/>
    </row>
    <row r="1006923" spans="14:14">
      <c r="N1006923" s="10"/>
    </row>
    <row r="1006924" spans="14:14">
      <c r="N1006924" s="10"/>
    </row>
    <row r="1006925" spans="14:14">
      <c r="N1006925" s="10"/>
    </row>
    <row r="1006926" spans="14:14">
      <c r="N1006926" s="10"/>
    </row>
    <row r="1006927" spans="14:14">
      <c r="N1006927" s="10"/>
    </row>
    <row r="1006928" spans="14:14">
      <c r="N1006928" s="10"/>
    </row>
    <row r="1006929" spans="14:14">
      <c r="N1006929" s="10"/>
    </row>
    <row r="1006930" spans="14:14">
      <c r="N1006930" s="10"/>
    </row>
    <row r="1006931" spans="14:14">
      <c r="N1006931" s="10"/>
    </row>
    <row r="1006932" spans="14:14">
      <c r="N1006932" s="10"/>
    </row>
    <row r="1006933" spans="14:14">
      <c r="N1006933" s="10"/>
    </row>
    <row r="1006934" spans="14:14">
      <c r="N1006934" s="10"/>
    </row>
    <row r="1006935" spans="14:14">
      <c r="N1006935" s="10"/>
    </row>
    <row r="1006936" spans="14:14">
      <c r="N1006936" s="10"/>
    </row>
    <row r="1006937" spans="14:14">
      <c r="N1006937" s="10"/>
    </row>
    <row r="1006938" spans="14:14">
      <c r="N1006938" s="10"/>
    </row>
    <row r="1006939" spans="14:14">
      <c r="N1006939" s="10"/>
    </row>
    <row r="1006940" spans="14:14">
      <c r="N1006940" s="10"/>
    </row>
    <row r="1006941" spans="14:14">
      <c r="N1006941" s="10"/>
    </row>
    <row r="1006942" spans="14:14">
      <c r="N1006942" s="10"/>
    </row>
    <row r="1006943" spans="14:14">
      <c r="N1006943" s="10"/>
    </row>
    <row r="1006944" spans="14:14">
      <c r="N1006944" s="10"/>
    </row>
    <row r="1006945" spans="14:14">
      <c r="N1006945" s="10"/>
    </row>
    <row r="1006946" spans="14:14">
      <c r="N1006946" s="10"/>
    </row>
    <row r="1006947" spans="14:14">
      <c r="N1006947" s="10"/>
    </row>
    <row r="1006948" spans="14:14">
      <c r="N1006948" s="10"/>
    </row>
    <row r="1006949" spans="14:14">
      <c r="N1006949" s="10"/>
    </row>
    <row r="1006950" spans="14:14">
      <c r="N1006950" s="10"/>
    </row>
    <row r="1006951" spans="14:14">
      <c r="N1006951" s="10"/>
    </row>
    <row r="1006952" spans="14:14">
      <c r="N1006952" s="10"/>
    </row>
    <row r="1006953" spans="14:14">
      <c r="N1006953" s="10"/>
    </row>
    <row r="1006954" spans="14:14">
      <c r="N1006954" s="10"/>
    </row>
    <row r="1006955" spans="14:14">
      <c r="N1006955" s="10"/>
    </row>
    <row r="1006956" spans="14:14">
      <c r="N1006956" s="10"/>
    </row>
    <row r="1006957" spans="14:14">
      <c r="N1006957" s="10"/>
    </row>
    <row r="1006958" spans="14:14">
      <c r="N1006958" s="10"/>
    </row>
    <row r="1006959" spans="14:14">
      <c r="N1006959" s="10"/>
    </row>
    <row r="1006960" spans="14:14">
      <c r="N1006960" s="10"/>
    </row>
    <row r="1006961" spans="14:14">
      <c r="N1006961" s="10"/>
    </row>
    <row r="1006962" spans="14:14">
      <c r="N1006962" s="10"/>
    </row>
    <row r="1006963" spans="14:14">
      <c r="N1006963" s="10"/>
    </row>
    <row r="1006964" spans="14:14">
      <c r="N1006964" s="10"/>
    </row>
    <row r="1006965" spans="14:14">
      <c r="N1006965" s="10"/>
    </row>
    <row r="1006966" spans="14:14">
      <c r="N1006966" s="10"/>
    </row>
    <row r="1006967" spans="14:14">
      <c r="N1006967" s="10"/>
    </row>
    <row r="1006968" spans="14:14">
      <c r="N1006968" s="10"/>
    </row>
    <row r="1006969" spans="14:14">
      <c r="N1006969" s="10"/>
    </row>
    <row r="1006970" spans="14:14">
      <c r="N1006970" s="10"/>
    </row>
    <row r="1006971" spans="14:14">
      <c r="N1006971" s="10"/>
    </row>
    <row r="1006972" spans="14:14">
      <c r="N1006972" s="10"/>
    </row>
    <row r="1006973" spans="14:14">
      <c r="N1006973" s="10"/>
    </row>
    <row r="1006974" spans="14:14">
      <c r="N1006974" s="10"/>
    </row>
    <row r="1006975" spans="14:14">
      <c r="N1006975" s="10"/>
    </row>
    <row r="1006976" spans="14:14">
      <c r="N1006976" s="10"/>
    </row>
    <row r="1006977" spans="14:14">
      <c r="N1006977" s="10"/>
    </row>
    <row r="1006978" spans="14:14">
      <c r="N1006978" s="10"/>
    </row>
    <row r="1006979" spans="14:14">
      <c r="N1006979" s="10"/>
    </row>
    <row r="1006980" spans="14:14">
      <c r="N1006980" s="10"/>
    </row>
    <row r="1006981" spans="14:14">
      <c r="N1006981" s="10"/>
    </row>
    <row r="1006982" spans="14:14">
      <c r="N1006982" s="10"/>
    </row>
    <row r="1006983" spans="14:14">
      <c r="N1006983" s="10"/>
    </row>
    <row r="1006984" spans="14:14">
      <c r="N1006984" s="10"/>
    </row>
    <row r="1006985" spans="14:14">
      <c r="N1006985" s="10"/>
    </row>
    <row r="1006986" spans="14:14">
      <c r="N1006986" s="10"/>
    </row>
    <row r="1006987" spans="14:14">
      <c r="N1006987" s="10"/>
    </row>
    <row r="1006988" spans="14:14">
      <c r="N1006988" s="10"/>
    </row>
    <row r="1006989" spans="14:14">
      <c r="N1006989" s="10"/>
    </row>
    <row r="1006990" spans="14:14">
      <c r="N1006990" s="10"/>
    </row>
    <row r="1006991" spans="14:14">
      <c r="N1006991" s="10"/>
    </row>
    <row r="1006992" spans="14:14">
      <c r="N1006992" s="10"/>
    </row>
    <row r="1006993" spans="14:14">
      <c r="N1006993" s="10"/>
    </row>
    <row r="1006994" spans="14:14">
      <c r="N1006994" s="10"/>
    </row>
    <row r="1006995" spans="14:14">
      <c r="N1006995" s="10"/>
    </row>
    <row r="1006996" spans="14:14">
      <c r="N1006996" s="10"/>
    </row>
    <row r="1006997" spans="14:14">
      <c r="N1006997" s="10"/>
    </row>
    <row r="1006998" spans="14:14">
      <c r="N1006998" s="10"/>
    </row>
    <row r="1006999" spans="14:14">
      <c r="N1006999" s="10"/>
    </row>
    <row r="1007000" spans="14:14">
      <c r="N1007000" s="10"/>
    </row>
    <row r="1007001" spans="14:14">
      <c r="N1007001" s="10"/>
    </row>
    <row r="1007002" spans="14:14">
      <c r="N1007002" s="10"/>
    </row>
    <row r="1007003" spans="14:14">
      <c r="N1007003" s="10"/>
    </row>
    <row r="1007004" spans="14:14">
      <c r="N1007004" s="10"/>
    </row>
    <row r="1007005" spans="14:14">
      <c r="N1007005" s="10"/>
    </row>
    <row r="1007006" spans="14:14">
      <c r="N1007006" s="10"/>
    </row>
    <row r="1007007" spans="14:14">
      <c r="N1007007" s="10"/>
    </row>
    <row r="1007008" spans="14:14">
      <c r="N1007008" s="10"/>
    </row>
    <row r="1007009" spans="14:14">
      <c r="N1007009" s="10"/>
    </row>
    <row r="1007010" spans="14:14">
      <c r="N1007010" s="10"/>
    </row>
    <row r="1007011" spans="14:14">
      <c r="N1007011" s="10"/>
    </row>
    <row r="1007012" spans="14:14">
      <c r="N1007012" s="10"/>
    </row>
    <row r="1007013" spans="14:14">
      <c r="N1007013" s="10"/>
    </row>
    <row r="1007014" spans="14:14">
      <c r="N1007014" s="10"/>
    </row>
    <row r="1007015" spans="14:14">
      <c r="N1007015" s="10"/>
    </row>
    <row r="1007016" spans="14:14">
      <c r="N1007016" s="10"/>
    </row>
    <row r="1007017" spans="14:14">
      <c r="N1007017" s="10"/>
    </row>
    <row r="1007018" spans="14:14">
      <c r="N1007018" s="10"/>
    </row>
    <row r="1007019" spans="14:14">
      <c r="N1007019" s="10"/>
    </row>
    <row r="1007020" spans="14:14">
      <c r="N1007020" s="10"/>
    </row>
    <row r="1007021" spans="14:14">
      <c r="N1007021" s="10"/>
    </row>
    <row r="1007022" spans="14:14">
      <c r="N1007022" s="10"/>
    </row>
    <row r="1007023" spans="14:14">
      <c r="N1007023" s="10"/>
    </row>
    <row r="1007024" spans="14:14">
      <c r="N1007024" s="10"/>
    </row>
    <row r="1007025" spans="14:14">
      <c r="N1007025" s="10"/>
    </row>
    <row r="1007026" spans="14:14">
      <c r="N1007026" s="10"/>
    </row>
    <row r="1007027" spans="14:14">
      <c r="N1007027" s="10"/>
    </row>
    <row r="1007028" spans="14:14">
      <c r="N1007028" s="10"/>
    </row>
    <row r="1007029" spans="14:14">
      <c r="N1007029" s="10"/>
    </row>
    <row r="1007030" spans="14:14">
      <c r="N1007030" s="10"/>
    </row>
    <row r="1007031" spans="14:14">
      <c r="N1007031" s="10"/>
    </row>
    <row r="1007032" spans="14:14">
      <c r="N1007032" s="10"/>
    </row>
    <row r="1007033" spans="14:14">
      <c r="N1007033" s="10"/>
    </row>
    <row r="1007034" spans="14:14">
      <c r="N1007034" s="10"/>
    </row>
    <row r="1007035" spans="14:14">
      <c r="N1007035" s="10"/>
    </row>
    <row r="1007036" spans="14:14">
      <c r="N1007036" s="10"/>
    </row>
    <row r="1007037" spans="14:14">
      <c r="N1007037" s="10"/>
    </row>
    <row r="1007038" spans="14:14">
      <c r="N1007038" s="10"/>
    </row>
    <row r="1007039" spans="14:14">
      <c r="N1007039" s="10"/>
    </row>
    <row r="1007040" spans="14:14">
      <c r="N1007040" s="10"/>
    </row>
    <row r="1007041" spans="14:14">
      <c r="N1007041" s="10"/>
    </row>
    <row r="1007042" spans="14:14">
      <c r="N1007042" s="10"/>
    </row>
    <row r="1007043" spans="14:14">
      <c r="N1007043" s="10"/>
    </row>
    <row r="1007044" spans="14:14">
      <c r="N1007044" s="10"/>
    </row>
    <row r="1007045" spans="14:14">
      <c r="N1007045" s="10"/>
    </row>
    <row r="1007046" spans="14:14">
      <c r="N1007046" s="10"/>
    </row>
    <row r="1007047" spans="14:14">
      <c r="N1007047" s="10"/>
    </row>
    <row r="1007048" spans="14:14">
      <c r="N1007048" s="10"/>
    </row>
    <row r="1007049" spans="14:14">
      <c r="N1007049" s="10"/>
    </row>
    <row r="1007050" spans="14:14">
      <c r="N1007050" s="10"/>
    </row>
    <row r="1007051" spans="14:14">
      <c r="N1007051" s="10"/>
    </row>
    <row r="1007052" spans="14:14">
      <c r="N1007052" s="10"/>
    </row>
    <row r="1007053" spans="14:14">
      <c r="N1007053" s="10"/>
    </row>
    <row r="1007054" spans="14:14">
      <c r="N1007054" s="10"/>
    </row>
    <row r="1007055" spans="14:14">
      <c r="N1007055" s="10"/>
    </row>
    <row r="1007056" spans="14:14">
      <c r="N1007056" s="10"/>
    </row>
    <row r="1007057" spans="14:14">
      <c r="N1007057" s="10"/>
    </row>
    <row r="1007058" spans="14:14">
      <c r="N1007058" s="10"/>
    </row>
    <row r="1007059" spans="14:14">
      <c r="N1007059" s="10"/>
    </row>
    <row r="1007060" spans="14:14">
      <c r="N1007060" s="10"/>
    </row>
    <row r="1007061" spans="14:14">
      <c r="N1007061" s="10"/>
    </row>
    <row r="1007062" spans="14:14">
      <c r="N1007062" s="10"/>
    </row>
    <row r="1007063" spans="14:14">
      <c r="N1007063" s="10"/>
    </row>
    <row r="1007064" spans="14:14">
      <c r="N1007064" s="10"/>
    </row>
    <row r="1007065" spans="14:14">
      <c r="N1007065" s="10"/>
    </row>
    <row r="1007066" spans="14:14">
      <c r="N1007066" s="10"/>
    </row>
    <row r="1007067" spans="14:14">
      <c r="N1007067" s="10"/>
    </row>
    <row r="1007068" spans="14:14">
      <c r="N1007068" s="10"/>
    </row>
    <row r="1007069" spans="14:14">
      <c r="N1007069" s="10"/>
    </row>
    <row r="1007070" spans="14:14">
      <c r="N1007070" s="10"/>
    </row>
    <row r="1007071" spans="14:14">
      <c r="N1007071" s="10"/>
    </row>
    <row r="1007072" spans="14:14">
      <c r="N1007072" s="10"/>
    </row>
    <row r="1007073" spans="14:14">
      <c r="N1007073" s="10"/>
    </row>
    <row r="1007074" spans="14:14">
      <c r="N1007074" s="10"/>
    </row>
    <row r="1007075" spans="14:14">
      <c r="N1007075" s="10"/>
    </row>
    <row r="1007076" spans="14:14">
      <c r="N1007076" s="10"/>
    </row>
    <row r="1007077" spans="14:14">
      <c r="N1007077" s="10"/>
    </row>
    <row r="1007078" spans="14:14">
      <c r="N1007078" s="10"/>
    </row>
    <row r="1007079" spans="14:14">
      <c r="N1007079" s="10"/>
    </row>
    <row r="1007080" spans="14:14">
      <c r="N1007080" s="10"/>
    </row>
    <row r="1007081" spans="14:14">
      <c r="N1007081" s="10"/>
    </row>
    <row r="1007082" spans="14:14">
      <c r="N1007082" s="10"/>
    </row>
    <row r="1007083" spans="14:14">
      <c r="N1007083" s="10"/>
    </row>
    <row r="1007084" spans="14:14">
      <c r="N1007084" s="10"/>
    </row>
    <row r="1007085" spans="14:14">
      <c r="N1007085" s="10"/>
    </row>
    <row r="1007086" spans="14:14">
      <c r="N1007086" s="10"/>
    </row>
    <row r="1007087" spans="14:14">
      <c r="N1007087" s="10"/>
    </row>
    <row r="1007088" spans="14:14">
      <c r="N1007088" s="10"/>
    </row>
    <row r="1007089" spans="14:14">
      <c r="N1007089" s="10"/>
    </row>
    <row r="1007090" spans="14:14">
      <c r="N1007090" s="10"/>
    </row>
    <row r="1007091" spans="14:14">
      <c r="N1007091" s="10"/>
    </row>
    <row r="1007092" spans="14:14">
      <c r="N1007092" s="10"/>
    </row>
    <row r="1007093" spans="14:14">
      <c r="N1007093" s="10"/>
    </row>
    <row r="1007094" spans="14:14">
      <c r="N1007094" s="10"/>
    </row>
    <row r="1007095" spans="14:14">
      <c r="N1007095" s="10"/>
    </row>
    <row r="1007096" spans="14:14">
      <c r="N1007096" s="10"/>
    </row>
    <row r="1007097" spans="14:14">
      <c r="N1007097" s="10"/>
    </row>
    <row r="1007098" spans="14:14">
      <c r="N1007098" s="10"/>
    </row>
    <row r="1007099" spans="14:14">
      <c r="N1007099" s="10"/>
    </row>
    <row r="1007100" spans="14:14">
      <c r="N1007100" s="10"/>
    </row>
    <row r="1007101" spans="14:14">
      <c r="N1007101" s="10"/>
    </row>
    <row r="1007102" spans="14:14">
      <c r="N1007102" s="10"/>
    </row>
    <row r="1007103" spans="14:14">
      <c r="N1007103" s="10"/>
    </row>
    <row r="1007104" spans="14:14">
      <c r="N1007104" s="10"/>
    </row>
    <row r="1007105" spans="14:14">
      <c r="N1007105" s="10"/>
    </row>
    <row r="1007106" spans="14:14">
      <c r="N1007106" s="10"/>
    </row>
    <row r="1007107" spans="14:14">
      <c r="N1007107" s="10"/>
    </row>
    <row r="1007108" spans="14:14">
      <c r="N1007108" s="10"/>
    </row>
    <row r="1007109" spans="14:14">
      <c r="N1007109" s="10"/>
    </row>
    <row r="1007110" spans="14:14">
      <c r="N1007110" s="10"/>
    </row>
    <row r="1007111" spans="14:14">
      <c r="N1007111" s="10"/>
    </row>
    <row r="1007112" spans="14:14">
      <c r="N1007112" s="10"/>
    </row>
    <row r="1007113" spans="14:14">
      <c r="N1007113" s="10"/>
    </row>
    <row r="1007114" spans="14:14">
      <c r="N1007114" s="10"/>
    </row>
    <row r="1007115" spans="14:14">
      <c r="N1007115" s="10"/>
    </row>
    <row r="1007116" spans="14:14">
      <c r="N1007116" s="10"/>
    </row>
    <row r="1007117" spans="14:14">
      <c r="N1007117" s="10"/>
    </row>
    <row r="1007118" spans="14:14">
      <c r="N1007118" s="10"/>
    </row>
    <row r="1007119" spans="14:14">
      <c r="N1007119" s="10"/>
    </row>
    <row r="1007120" spans="14:14">
      <c r="N1007120" s="10"/>
    </row>
    <row r="1007121" spans="14:14">
      <c r="N1007121" s="10"/>
    </row>
    <row r="1007122" spans="14:14">
      <c r="N1007122" s="10"/>
    </row>
    <row r="1007123" spans="14:14">
      <c r="N1007123" s="10"/>
    </row>
    <row r="1007124" spans="14:14">
      <c r="N1007124" s="10"/>
    </row>
    <row r="1007125" spans="14:14">
      <c r="N1007125" s="10"/>
    </row>
    <row r="1007126" spans="14:14">
      <c r="N1007126" s="10"/>
    </row>
    <row r="1007127" spans="14:14">
      <c r="N1007127" s="10"/>
    </row>
    <row r="1007128" spans="14:14">
      <c r="N1007128" s="10"/>
    </row>
    <row r="1007129" spans="14:14">
      <c r="N1007129" s="10"/>
    </row>
    <row r="1007130" spans="14:14">
      <c r="N1007130" s="10"/>
    </row>
    <row r="1007131" spans="14:14">
      <c r="N1007131" s="10"/>
    </row>
    <row r="1007132" spans="14:14">
      <c r="N1007132" s="10"/>
    </row>
    <row r="1007133" spans="14:14">
      <c r="N1007133" s="10"/>
    </row>
    <row r="1007134" spans="14:14">
      <c r="N1007134" s="10"/>
    </row>
    <row r="1007135" spans="14:14">
      <c r="N1007135" s="10"/>
    </row>
    <row r="1007136" spans="14:14">
      <c r="N1007136" s="10"/>
    </row>
    <row r="1007137" spans="14:14">
      <c r="N1007137" s="10"/>
    </row>
    <row r="1007138" spans="14:14">
      <c r="N1007138" s="10"/>
    </row>
    <row r="1007139" spans="14:14">
      <c r="N1007139" s="10"/>
    </row>
    <row r="1007140" spans="14:14">
      <c r="N1007140" s="10"/>
    </row>
    <row r="1007141" spans="14:14">
      <c r="N1007141" s="10"/>
    </row>
    <row r="1007142" spans="14:14">
      <c r="N1007142" s="10"/>
    </row>
    <row r="1007143" spans="14:14">
      <c r="N1007143" s="10"/>
    </row>
    <row r="1007144" spans="14:14">
      <c r="N1007144" s="10"/>
    </row>
    <row r="1007145" spans="14:14">
      <c r="N1007145" s="10"/>
    </row>
    <row r="1007146" spans="14:14">
      <c r="N1007146" s="10"/>
    </row>
    <row r="1007147" spans="14:14">
      <c r="N1007147" s="10"/>
    </row>
    <row r="1007148" spans="14:14">
      <c r="N1007148" s="10"/>
    </row>
    <row r="1007149" spans="14:14">
      <c r="N1007149" s="10"/>
    </row>
    <row r="1007150" spans="14:14">
      <c r="N1007150" s="10"/>
    </row>
    <row r="1007151" spans="14:14">
      <c r="N1007151" s="10"/>
    </row>
    <row r="1007152" spans="14:14">
      <c r="N1007152" s="10"/>
    </row>
    <row r="1007153" spans="14:14">
      <c r="N1007153" s="10"/>
    </row>
    <row r="1007154" spans="14:14">
      <c r="N1007154" s="10"/>
    </row>
    <row r="1007155" spans="14:14">
      <c r="N1007155" s="10"/>
    </row>
    <row r="1007156" spans="14:14">
      <c r="N1007156" s="10"/>
    </row>
    <row r="1007157" spans="14:14">
      <c r="N1007157" s="10"/>
    </row>
    <row r="1007158" spans="14:14">
      <c r="N1007158" s="10"/>
    </row>
    <row r="1007159" spans="14:14">
      <c r="N1007159" s="10"/>
    </row>
    <row r="1007160" spans="14:14">
      <c r="N1007160" s="10"/>
    </row>
    <row r="1007161" spans="14:14">
      <c r="N1007161" s="10"/>
    </row>
    <row r="1007162" spans="14:14">
      <c r="N1007162" s="10"/>
    </row>
    <row r="1007163" spans="14:14">
      <c r="N1007163" s="10"/>
    </row>
    <row r="1007164" spans="14:14">
      <c r="N1007164" s="10"/>
    </row>
    <row r="1007165" spans="14:14">
      <c r="N1007165" s="10"/>
    </row>
    <row r="1007166" spans="14:14">
      <c r="N1007166" s="10"/>
    </row>
    <row r="1007167" spans="14:14">
      <c r="N1007167" s="10"/>
    </row>
    <row r="1007168" spans="14:14">
      <c r="N1007168" s="10"/>
    </row>
    <row r="1007169" spans="14:14">
      <c r="N1007169" s="10"/>
    </row>
    <row r="1007170" spans="14:14">
      <c r="N1007170" s="10"/>
    </row>
    <row r="1007171" spans="14:14">
      <c r="N1007171" s="10"/>
    </row>
    <row r="1007172" spans="14:14">
      <c r="N1007172" s="10"/>
    </row>
    <row r="1007173" spans="14:14">
      <c r="N1007173" s="10"/>
    </row>
    <row r="1007174" spans="14:14">
      <c r="N1007174" s="10"/>
    </row>
    <row r="1007175" spans="14:14">
      <c r="N1007175" s="10"/>
    </row>
    <row r="1007176" spans="14:14">
      <c r="N1007176" s="10"/>
    </row>
    <row r="1007177" spans="14:14">
      <c r="N1007177" s="10"/>
    </row>
    <row r="1007178" spans="14:14">
      <c r="N1007178" s="10"/>
    </row>
    <row r="1007179" spans="14:14">
      <c r="N1007179" s="10"/>
    </row>
    <row r="1007180" spans="14:14">
      <c r="N1007180" s="10"/>
    </row>
    <row r="1007181" spans="14:14">
      <c r="N1007181" s="10"/>
    </row>
    <row r="1007182" spans="14:14">
      <c r="N1007182" s="10"/>
    </row>
    <row r="1007183" spans="14:14">
      <c r="N1007183" s="10"/>
    </row>
    <row r="1007184" spans="14:14">
      <c r="N1007184" s="10"/>
    </row>
    <row r="1007185" spans="14:14">
      <c r="N1007185" s="10"/>
    </row>
    <row r="1007186" spans="14:14">
      <c r="N1007186" s="10"/>
    </row>
    <row r="1007187" spans="14:14">
      <c r="N1007187" s="10"/>
    </row>
    <row r="1007188" spans="14:14">
      <c r="N1007188" s="10"/>
    </row>
    <row r="1007189" spans="14:14">
      <c r="N1007189" s="10"/>
    </row>
    <row r="1007190" spans="14:14">
      <c r="N1007190" s="10"/>
    </row>
    <row r="1007191" spans="14:14">
      <c r="N1007191" s="10"/>
    </row>
    <row r="1007192" spans="14:14">
      <c r="N1007192" s="10"/>
    </row>
    <row r="1007193" spans="14:14">
      <c r="N1007193" s="10"/>
    </row>
    <row r="1007194" spans="14:14">
      <c r="N1007194" s="10"/>
    </row>
    <row r="1007195" spans="14:14">
      <c r="N1007195" s="10"/>
    </row>
    <row r="1007196" spans="14:14">
      <c r="N1007196" s="10"/>
    </row>
    <row r="1007197" spans="14:14">
      <c r="N1007197" s="10"/>
    </row>
    <row r="1007198" spans="14:14">
      <c r="N1007198" s="10"/>
    </row>
    <row r="1007199" spans="14:14">
      <c r="N1007199" s="10"/>
    </row>
    <row r="1007200" spans="14:14">
      <c r="N1007200" s="10"/>
    </row>
    <row r="1007201" spans="14:14">
      <c r="N1007201" s="10"/>
    </row>
    <row r="1007202" spans="14:14">
      <c r="N1007202" s="10"/>
    </row>
    <row r="1007203" spans="14:14">
      <c r="N1007203" s="10"/>
    </row>
    <row r="1007204" spans="14:14">
      <c r="N1007204" s="10"/>
    </row>
    <row r="1007205" spans="14:14">
      <c r="N1007205" s="10"/>
    </row>
    <row r="1007206" spans="14:14">
      <c r="N1007206" s="10"/>
    </row>
    <row r="1007207" spans="14:14">
      <c r="N1007207" s="10"/>
    </row>
    <row r="1007208" spans="14:14">
      <c r="N1007208" s="10"/>
    </row>
    <row r="1007209" spans="14:14">
      <c r="N1007209" s="10"/>
    </row>
    <row r="1007210" spans="14:14">
      <c r="N1007210" s="10"/>
    </row>
    <row r="1007211" spans="14:14">
      <c r="N1007211" s="10"/>
    </row>
    <row r="1007212" spans="14:14">
      <c r="N1007212" s="10"/>
    </row>
    <row r="1007213" spans="14:14">
      <c r="N1007213" s="10"/>
    </row>
    <row r="1007214" spans="14:14">
      <c r="N1007214" s="10"/>
    </row>
    <row r="1007215" spans="14:14">
      <c r="N1007215" s="10"/>
    </row>
    <row r="1007216" spans="14:14">
      <c r="N1007216" s="10"/>
    </row>
    <row r="1007217" spans="14:14">
      <c r="N1007217" s="10"/>
    </row>
    <row r="1007218" spans="14:14">
      <c r="N1007218" s="10"/>
    </row>
    <row r="1007219" spans="14:14">
      <c r="N1007219" s="10"/>
    </row>
    <row r="1007220" spans="14:14">
      <c r="N1007220" s="10"/>
    </row>
    <row r="1007221" spans="14:14">
      <c r="N1007221" s="10"/>
    </row>
    <row r="1007222" spans="14:14">
      <c r="N1007222" s="10"/>
    </row>
    <row r="1007223" spans="14:14">
      <c r="N1007223" s="10"/>
    </row>
    <row r="1007224" spans="14:14">
      <c r="N1007224" s="10"/>
    </row>
    <row r="1007225" spans="14:14">
      <c r="N1007225" s="10"/>
    </row>
    <row r="1007226" spans="14:14">
      <c r="N1007226" s="10"/>
    </row>
    <row r="1007227" spans="14:14">
      <c r="N1007227" s="10"/>
    </row>
    <row r="1007228" spans="14:14">
      <c r="N1007228" s="10"/>
    </row>
    <row r="1007229" spans="14:14">
      <c r="N1007229" s="10"/>
    </row>
    <row r="1007230" spans="14:14">
      <c r="N1007230" s="10"/>
    </row>
    <row r="1007231" spans="14:14">
      <c r="N1007231" s="10"/>
    </row>
    <row r="1007232" spans="14:14">
      <c r="N1007232" s="10"/>
    </row>
    <row r="1007233" spans="14:14">
      <c r="N1007233" s="10"/>
    </row>
    <row r="1007234" spans="14:14">
      <c r="N1007234" s="10"/>
    </row>
    <row r="1007235" spans="14:14">
      <c r="N1007235" s="10"/>
    </row>
    <row r="1007236" spans="14:14">
      <c r="N1007236" s="10"/>
    </row>
    <row r="1007237" spans="14:14">
      <c r="N1007237" s="10"/>
    </row>
    <row r="1007238" spans="14:14">
      <c r="N1007238" s="10"/>
    </row>
    <row r="1007239" spans="14:14">
      <c r="N1007239" s="10"/>
    </row>
    <row r="1007240" spans="14:14">
      <c r="N1007240" s="10"/>
    </row>
    <row r="1007241" spans="14:14">
      <c r="N1007241" s="10"/>
    </row>
    <row r="1007242" spans="14:14">
      <c r="N1007242" s="10"/>
    </row>
    <row r="1007243" spans="14:14">
      <c r="N1007243" s="10"/>
    </row>
    <row r="1007244" spans="14:14">
      <c r="N1007244" s="10"/>
    </row>
    <row r="1007245" spans="14:14">
      <c r="N1007245" s="10"/>
    </row>
    <row r="1007246" spans="14:14">
      <c r="N1007246" s="10"/>
    </row>
    <row r="1007247" spans="14:14">
      <c r="N1007247" s="10"/>
    </row>
    <row r="1007248" spans="14:14">
      <c r="N1007248" s="10"/>
    </row>
    <row r="1007249" spans="14:14">
      <c r="N1007249" s="10"/>
    </row>
    <row r="1007250" spans="14:14">
      <c r="N1007250" s="10"/>
    </row>
    <row r="1007251" spans="14:14">
      <c r="N1007251" s="10"/>
    </row>
    <row r="1007252" spans="14:14">
      <c r="N1007252" s="10"/>
    </row>
    <row r="1007253" spans="14:14">
      <c r="N1007253" s="10"/>
    </row>
    <row r="1007254" spans="14:14">
      <c r="N1007254" s="10"/>
    </row>
    <row r="1007255" spans="14:14">
      <c r="N1007255" s="10"/>
    </row>
    <row r="1007256" spans="14:14">
      <c r="N1007256" s="10"/>
    </row>
    <row r="1007257" spans="14:14">
      <c r="N1007257" s="10"/>
    </row>
    <row r="1007258" spans="14:14">
      <c r="N1007258" s="10"/>
    </row>
    <row r="1007259" spans="14:14">
      <c r="N1007259" s="10"/>
    </row>
    <row r="1007260" spans="14:14">
      <c r="N1007260" s="10"/>
    </row>
    <row r="1007261" spans="14:14">
      <c r="N1007261" s="10"/>
    </row>
    <row r="1007262" spans="14:14">
      <c r="N1007262" s="10"/>
    </row>
    <row r="1007263" spans="14:14">
      <c r="N1007263" s="10"/>
    </row>
    <row r="1007264" spans="14:14">
      <c r="N1007264" s="10"/>
    </row>
    <row r="1007265" spans="14:14">
      <c r="N1007265" s="10"/>
    </row>
    <row r="1007266" spans="14:14">
      <c r="N1007266" s="10"/>
    </row>
    <row r="1007267" spans="14:14">
      <c r="N1007267" s="10"/>
    </row>
    <row r="1007268" spans="14:14">
      <c r="N1007268" s="10"/>
    </row>
    <row r="1007269" spans="14:14">
      <c r="N1007269" s="10"/>
    </row>
    <row r="1007270" spans="14:14">
      <c r="N1007270" s="10"/>
    </row>
    <row r="1007271" spans="14:14">
      <c r="N1007271" s="10"/>
    </row>
    <row r="1007272" spans="14:14">
      <c r="N1007272" s="10"/>
    </row>
    <row r="1007273" spans="14:14">
      <c r="N1007273" s="10"/>
    </row>
    <row r="1007274" spans="14:14">
      <c r="N1007274" s="10"/>
    </row>
    <row r="1007275" spans="14:14">
      <c r="N1007275" s="10"/>
    </row>
    <row r="1007276" spans="14:14">
      <c r="N1007276" s="10"/>
    </row>
    <row r="1007277" spans="14:14">
      <c r="N1007277" s="10"/>
    </row>
    <row r="1007278" spans="14:14">
      <c r="N1007278" s="10"/>
    </row>
    <row r="1007279" spans="14:14">
      <c r="N1007279" s="10"/>
    </row>
    <row r="1007280" spans="14:14">
      <c r="N1007280" s="10"/>
    </row>
    <row r="1007281" spans="14:14">
      <c r="N1007281" s="10"/>
    </row>
    <row r="1007282" spans="14:14">
      <c r="N1007282" s="10"/>
    </row>
    <row r="1007283" spans="14:14">
      <c r="N1007283" s="10"/>
    </row>
    <row r="1007284" spans="14:14">
      <c r="N1007284" s="10"/>
    </row>
    <row r="1007285" spans="14:14">
      <c r="N1007285" s="10"/>
    </row>
    <row r="1007286" spans="14:14">
      <c r="N1007286" s="10"/>
    </row>
    <row r="1007287" spans="14:14">
      <c r="N1007287" s="10"/>
    </row>
    <row r="1007288" spans="14:14">
      <c r="N1007288" s="10"/>
    </row>
    <row r="1007289" spans="14:14">
      <c r="N1007289" s="10"/>
    </row>
    <row r="1007290" spans="14:14">
      <c r="N1007290" s="10"/>
    </row>
    <row r="1007291" spans="14:14">
      <c r="N1007291" s="10"/>
    </row>
    <row r="1007292" spans="14:14">
      <c r="N1007292" s="10"/>
    </row>
    <row r="1007293" spans="14:14">
      <c r="N1007293" s="10"/>
    </row>
    <row r="1007294" spans="14:14">
      <c r="N1007294" s="10"/>
    </row>
    <row r="1007295" spans="14:14">
      <c r="N1007295" s="10"/>
    </row>
    <row r="1007296" spans="14:14">
      <c r="N1007296" s="10"/>
    </row>
    <row r="1007297" spans="14:14">
      <c r="N1007297" s="10"/>
    </row>
    <row r="1007298" spans="14:14">
      <c r="N1007298" s="10"/>
    </row>
    <row r="1007299" spans="14:14">
      <c r="N1007299" s="10"/>
    </row>
    <row r="1007300" spans="14:14">
      <c r="N1007300" s="10"/>
    </row>
    <row r="1007301" spans="14:14">
      <c r="N1007301" s="10"/>
    </row>
    <row r="1007302" spans="14:14">
      <c r="N1007302" s="10"/>
    </row>
    <row r="1007303" spans="14:14">
      <c r="N1007303" s="10"/>
    </row>
    <row r="1007304" spans="14:14">
      <c r="N1007304" s="10"/>
    </row>
    <row r="1007305" spans="14:14">
      <c r="N1007305" s="10"/>
    </row>
    <row r="1007306" spans="14:14">
      <c r="N1007306" s="10"/>
    </row>
    <row r="1007307" spans="14:14">
      <c r="N1007307" s="10"/>
    </row>
    <row r="1007308" spans="14:14">
      <c r="N1007308" s="10"/>
    </row>
    <row r="1007309" spans="14:14">
      <c r="N1007309" s="10"/>
    </row>
    <row r="1007310" spans="14:14">
      <c r="N1007310" s="10"/>
    </row>
    <row r="1007311" spans="14:14">
      <c r="N1007311" s="10"/>
    </row>
    <row r="1007312" spans="14:14">
      <c r="N1007312" s="10"/>
    </row>
    <row r="1007313" spans="14:14">
      <c r="N1007313" s="10"/>
    </row>
    <row r="1007314" spans="14:14">
      <c r="N1007314" s="10"/>
    </row>
    <row r="1007315" spans="14:14">
      <c r="N1007315" s="10"/>
    </row>
    <row r="1007316" spans="14:14">
      <c r="N1007316" s="10"/>
    </row>
    <row r="1007317" spans="14:14">
      <c r="N1007317" s="10"/>
    </row>
    <row r="1007318" spans="14:14">
      <c r="N1007318" s="10"/>
    </row>
    <row r="1007319" spans="14:14">
      <c r="N1007319" s="10"/>
    </row>
    <row r="1007320" spans="14:14">
      <c r="N1007320" s="10"/>
    </row>
    <row r="1007321" spans="14:14">
      <c r="N1007321" s="10"/>
    </row>
    <row r="1007322" spans="14:14">
      <c r="N1007322" s="10"/>
    </row>
    <row r="1007323" spans="14:14">
      <c r="N1007323" s="10"/>
    </row>
    <row r="1007324" spans="14:14">
      <c r="N1007324" s="10"/>
    </row>
    <row r="1007325" spans="14:14">
      <c r="N1007325" s="10"/>
    </row>
    <row r="1007326" spans="14:14">
      <c r="N1007326" s="10"/>
    </row>
    <row r="1007327" spans="14:14">
      <c r="N1007327" s="10"/>
    </row>
    <row r="1007328" spans="14:14">
      <c r="N1007328" s="10"/>
    </row>
    <row r="1007329" spans="14:14">
      <c r="N1007329" s="10"/>
    </row>
    <row r="1007330" spans="14:14">
      <c r="N1007330" s="10"/>
    </row>
    <row r="1007331" spans="14:14">
      <c r="N1007331" s="10"/>
    </row>
    <row r="1007332" spans="14:14">
      <c r="N1007332" s="10"/>
    </row>
    <row r="1007333" spans="14:14">
      <c r="N1007333" s="10"/>
    </row>
    <row r="1007334" spans="14:14">
      <c r="N1007334" s="10"/>
    </row>
    <row r="1007335" spans="14:14">
      <c r="N1007335" s="10"/>
    </row>
    <row r="1007336" spans="14:14">
      <c r="N1007336" s="10"/>
    </row>
    <row r="1007337" spans="14:14">
      <c r="N1007337" s="10"/>
    </row>
    <row r="1007338" spans="14:14">
      <c r="N1007338" s="10"/>
    </row>
    <row r="1007339" spans="14:14">
      <c r="N1007339" s="10"/>
    </row>
    <row r="1007340" spans="14:14">
      <c r="N1007340" s="10"/>
    </row>
    <row r="1007341" spans="14:14">
      <c r="N1007341" s="10"/>
    </row>
    <row r="1007342" spans="14:14">
      <c r="N1007342" s="10"/>
    </row>
    <row r="1007343" spans="14:14">
      <c r="N1007343" s="10"/>
    </row>
    <row r="1007344" spans="14:14">
      <c r="N1007344" s="10"/>
    </row>
    <row r="1007345" spans="14:14">
      <c r="N1007345" s="10"/>
    </row>
    <row r="1007346" spans="14:14">
      <c r="N1007346" s="10"/>
    </row>
    <row r="1007347" spans="14:14">
      <c r="N1007347" s="10"/>
    </row>
    <row r="1007348" spans="14:14">
      <c r="N1007348" s="10"/>
    </row>
    <row r="1007349" spans="14:14">
      <c r="N1007349" s="10"/>
    </row>
    <row r="1007350" spans="14:14">
      <c r="N1007350" s="10"/>
    </row>
    <row r="1007351" spans="14:14">
      <c r="N1007351" s="10"/>
    </row>
    <row r="1007352" spans="14:14">
      <c r="N1007352" s="10"/>
    </row>
    <row r="1007353" spans="14:14">
      <c r="N1007353" s="10"/>
    </row>
    <row r="1007354" spans="14:14">
      <c r="N1007354" s="10"/>
    </row>
    <row r="1007355" spans="14:14">
      <c r="N1007355" s="10"/>
    </row>
    <row r="1007356" spans="14:14">
      <c r="N1007356" s="10"/>
    </row>
    <row r="1007357" spans="14:14">
      <c r="N1007357" s="10"/>
    </row>
    <row r="1007358" spans="14:14">
      <c r="N1007358" s="10"/>
    </row>
    <row r="1007359" spans="14:14">
      <c r="N1007359" s="10"/>
    </row>
    <row r="1007360" spans="14:14">
      <c r="N1007360" s="10"/>
    </row>
    <row r="1007361" spans="14:14">
      <c r="N1007361" s="10"/>
    </row>
    <row r="1007362" spans="14:14">
      <c r="N1007362" s="10"/>
    </row>
    <row r="1007363" spans="14:14">
      <c r="N1007363" s="10"/>
    </row>
    <row r="1007364" spans="14:14">
      <c r="N1007364" s="10"/>
    </row>
    <row r="1007365" spans="14:14">
      <c r="N1007365" s="10"/>
    </row>
    <row r="1007366" spans="14:14">
      <c r="N1007366" s="10"/>
    </row>
    <row r="1007367" spans="14:14">
      <c r="N1007367" s="10"/>
    </row>
    <row r="1007368" spans="14:14">
      <c r="N1007368" s="10"/>
    </row>
    <row r="1007369" spans="14:14">
      <c r="N1007369" s="10"/>
    </row>
    <row r="1007370" spans="14:14">
      <c r="N1007370" s="10"/>
    </row>
    <row r="1007371" spans="14:14">
      <c r="N1007371" s="10"/>
    </row>
    <row r="1007372" spans="14:14">
      <c r="N1007372" s="10"/>
    </row>
    <row r="1007373" spans="14:14">
      <c r="N1007373" s="10"/>
    </row>
    <row r="1007374" spans="14:14">
      <c r="N1007374" s="10"/>
    </row>
    <row r="1007375" spans="14:14">
      <c r="N1007375" s="10"/>
    </row>
    <row r="1007376" spans="14:14">
      <c r="N1007376" s="10"/>
    </row>
    <row r="1007377" spans="14:14">
      <c r="N1007377" s="10"/>
    </row>
    <row r="1007378" spans="14:14">
      <c r="N1007378" s="10"/>
    </row>
    <row r="1007379" spans="14:14">
      <c r="N1007379" s="10"/>
    </row>
    <row r="1007380" spans="14:14">
      <c r="N1007380" s="10"/>
    </row>
    <row r="1007381" spans="14:14">
      <c r="N1007381" s="10"/>
    </row>
    <row r="1007382" spans="14:14">
      <c r="N1007382" s="10"/>
    </row>
    <row r="1007383" spans="14:14">
      <c r="N1007383" s="10"/>
    </row>
    <row r="1007384" spans="14:14">
      <c r="N1007384" s="10"/>
    </row>
    <row r="1007385" spans="14:14">
      <c r="N1007385" s="10"/>
    </row>
    <row r="1007386" spans="14:14">
      <c r="N1007386" s="10"/>
    </row>
    <row r="1007387" spans="14:14">
      <c r="N1007387" s="10"/>
    </row>
    <row r="1007388" spans="14:14">
      <c r="N1007388" s="10"/>
    </row>
    <row r="1007389" spans="14:14">
      <c r="N1007389" s="10"/>
    </row>
    <row r="1007390" spans="14:14">
      <c r="N1007390" s="10"/>
    </row>
    <row r="1007391" spans="14:14">
      <c r="N1007391" s="10"/>
    </row>
    <row r="1007392" spans="14:14">
      <c r="N1007392" s="10"/>
    </row>
    <row r="1007393" spans="14:14">
      <c r="N1007393" s="10"/>
    </row>
    <row r="1007394" spans="14:14">
      <c r="N1007394" s="10"/>
    </row>
    <row r="1007395" spans="14:14">
      <c r="N1007395" s="10"/>
    </row>
    <row r="1007396" spans="14:14">
      <c r="N1007396" s="10"/>
    </row>
    <row r="1007397" spans="14:14">
      <c r="N1007397" s="10"/>
    </row>
    <row r="1007398" spans="14:14">
      <c r="N1007398" s="10"/>
    </row>
    <row r="1007399" spans="14:14">
      <c r="N1007399" s="10"/>
    </row>
    <row r="1007400" spans="14:14">
      <c r="N1007400" s="10"/>
    </row>
    <row r="1007401" spans="14:14">
      <c r="N1007401" s="10"/>
    </row>
    <row r="1007402" spans="14:14">
      <c r="N1007402" s="10"/>
    </row>
    <row r="1007403" spans="14:14">
      <c r="N1007403" s="10"/>
    </row>
    <row r="1007404" spans="14:14">
      <c r="N1007404" s="10"/>
    </row>
    <row r="1007405" spans="14:14">
      <c r="N1007405" s="10"/>
    </row>
    <row r="1007406" spans="14:14">
      <c r="N1007406" s="10"/>
    </row>
    <row r="1007407" spans="14:14">
      <c r="N1007407" s="10"/>
    </row>
    <row r="1007408" spans="14:14">
      <c r="N1007408" s="10"/>
    </row>
    <row r="1007409" spans="14:14">
      <c r="N1007409" s="10"/>
    </row>
    <row r="1007410" spans="14:14">
      <c r="N1007410" s="10"/>
    </row>
    <row r="1007411" spans="14:14">
      <c r="N1007411" s="10"/>
    </row>
    <row r="1007412" spans="14:14">
      <c r="N1007412" s="10"/>
    </row>
    <row r="1007413" spans="14:14">
      <c r="N1007413" s="10"/>
    </row>
    <row r="1007414" spans="14:14">
      <c r="N1007414" s="10"/>
    </row>
    <row r="1007415" spans="14:14">
      <c r="N1007415" s="10"/>
    </row>
    <row r="1007416" spans="14:14">
      <c r="N1007416" s="10"/>
    </row>
    <row r="1007417" spans="14:14">
      <c r="N1007417" s="10"/>
    </row>
    <row r="1007418" spans="14:14">
      <c r="N1007418" s="10"/>
    </row>
    <row r="1007419" spans="14:14">
      <c r="N1007419" s="10"/>
    </row>
    <row r="1007420" spans="14:14">
      <c r="N1007420" s="10"/>
    </row>
    <row r="1007421" spans="14:14">
      <c r="N1007421" s="10"/>
    </row>
    <row r="1007422" spans="14:14">
      <c r="N1007422" s="10"/>
    </row>
    <row r="1007423" spans="14:14">
      <c r="N1007423" s="10"/>
    </row>
    <row r="1007424" spans="14:14">
      <c r="N1007424" s="10"/>
    </row>
    <row r="1007425" spans="14:14">
      <c r="N1007425" s="10"/>
    </row>
    <row r="1007426" spans="14:14">
      <c r="N1007426" s="10"/>
    </row>
    <row r="1007427" spans="14:14">
      <c r="N1007427" s="10"/>
    </row>
    <row r="1007428" spans="14:14">
      <c r="N1007428" s="10"/>
    </row>
    <row r="1007429" spans="14:14">
      <c r="N1007429" s="10"/>
    </row>
    <row r="1007430" spans="14:14">
      <c r="N1007430" s="10"/>
    </row>
    <row r="1007431" spans="14:14">
      <c r="N1007431" s="10"/>
    </row>
    <row r="1007432" spans="14:14">
      <c r="N1007432" s="10"/>
    </row>
    <row r="1007433" spans="14:14">
      <c r="N1007433" s="10"/>
    </row>
    <row r="1007434" spans="14:14">
      <c r="N1007434" s="10"/>
    </row>
    <row r="1007435" spans="14:14">
      <c r="N1007435" s="10"/>
    </row>
    <row r="1007436" spans="14:14">
      <c r="N1007436" s="10"/>
    </row>
    <row r="1007437" spans="14:14">
      <c r="N1007437" s="10"/>
    </row>
    <row r="1007438" spans="14:14">
      <c r="N1007438" s="10"/>
    </row>
    <row r="1007439" spans="14:14">
      <c r="N1007439" s="10"/>
    </row>
    <row r="1007440" spans="14:14">
      <c r="N1007440" s="10"/>
    </row>
    <row r="1007441" spans="14:14">
      <c r="N1007441" s="10"/>
    </row>
    <row r="1007442" spans="14:14">
      <c r="N1007442" s="10"/>
    </row>
    <row r="1007443" spans="14:14">
      <c r="N1007443" s="10"/>
    </row>
    <row r="1007444" spans="14:14">
      <c r="N1007444" s="10"/>
    </row>
    <row r="1007445" spans="14:14">
      <c r="N1007445" s="10"/>
    </row>
    <row r="1007446" spans="14:14">
      <c r="N1007446" s="10"/>
    </row>
    <row r="1007447" spans="14:14">
      <c r="N1007447" s="10"/>
    </row>
    <row r="1007448" spans="14:14">
      <c r="N1007448" s="10"/>
    </row>
    <row r="1007449" spans="14:14">
      <c r="N1007449" s="10"/>
    </row>
    <row r="1007450" spans="14:14">
      <c r="N1007450" s="10"/>
    </row>
    <row r="1007451" spans="14:14">
      <c r="N1007451" s="10"/>
    </row>
    <row r="1007452" spans="14:14">
      <c r="N1007452" s="10"/>
    </row>
    <row r="1007453" spans="14:14">
      <c r="N1007453" s="10"/>
    </row>
    <row r="1007454" spans="14:14">
      <c r="N1007454" s="10"/>
    </row>
    <row r="1007455" spans="14:14">
      <c r="N1007455" s="10"/>
    </row>
    <row r="1007456" spans="14:14">
      <c r="N1007456" s="10"/>
    </row>
    <row r="1007457" spans="14:14">
      <c r="N1007457" s="10"/>
    </row>
    <row r="1007458" spans="14:14">
      <c r="N1007458" s="10"/>
    </row>
    <row r="1007459" spans="14:14">
      <c r="N1007459" s="10"/>
    </row>
    <row r="1007460" spans="14:14">
      <c r="N1007460" s="10"/>
    </row>
    <row r="1007461" spans="14:14">
      <c r="N1007461" s="10"/>
    </row>
    <row r="1007462" spans="14:14">
      <c r="N1007462" s="10"/>
    </row>
    <row r="1007463" spans="14:14">
      <c r="N1007463" s="10"/>
    </row>
    <row r="1007464" spans="14:14">
      <c r="N1007464" s="10"/>
    </row>
    <row r="1007465" spans="14:14">
      <c r="N1007465" s="10"/>
    </row>
    <row r="1007466" spans="14:14">
      <c r="N1007466" s="10"/>
    </row>
    <row r="1007467" spans="14:14">
      <c r="N1007467" s="10"/>
    </row>
    <row r="1007468" spans="14:14">
      <c r="N1007468" s="10"/>
    </row>
    <row r="1007469" spans="14:14">
      <c r="N1007469" s="10"/>
    </row>
    <row r="1007470" spans="14:14">
      <c r="N1007470" s="10"/>
    </row>
    <row r="1007471" spans="14:14">
      <c r="N1007471" s="10"/>
    </row>
    <row r="1007472" spans="14:14">
      <c r="N1007472" s="10"/>
    </row>
    <row r="1007473" spans="14:14">
      <c r="N1007473" s="10"/>
    </row>
    <row r="1007474" spans="14:14">
      <c r="N1007474" s="10"/>
    </row>
    <row r="1007475" spans="14:14">
      <c r="N1007475" s="10"/>
    </row>
    <row r="1007476" spans="14:14">
      <c r="N1007476" s="10"/>
    </row>
    <row r="1007477" spans="14:14">
      <c r="N1007477" s="10"/>
    </row>
    <row r="1007478" spans="14:14">
      <c r="N1007478" s="10"/>
    </row>
    <row r="1007479" spans="14:14">
      <c r="N1007479" s="10"/>
    </row>
    <row r="1007480" spans="14:14">
      <c r="N1007480" s="10"/>
    </row>
    <row r="1007481" spans="14:14">
      <c r="N1007481" s="10"/>
    </row>
    <row r="1007482" spans="14:14">
      <c r="N1007482" s="10"/>
    </row>
    <row r="1007483" spans="14:14">
      <c r="N1007483" s="10"/>
    </row>
    <row r="1007484" spans="14:14">
      <c r="N1007484" s="10"/>
    </row>
    <row r="1007485" spans="14:14">
      <c r="N1007485" s="10"/>
    </row>
    <row r="1007486" spans="14:14">
      <c r="N1007486" s="10"/>
    </row>
    <row r="1007487" spans="14:14">
      <c r="N1007487" s="10"/>
    </row>
    <row r="1007488" spans="14:14">
      <c r="N1007488" s="10"/>
    </row>
    <row r="1007489" spans="14:14">
      <c r="N1007489" s="10"/>
    </row>
    <row r="1007490" spans="14:14">
      <c r="N1007490" s="10"/>
    </row>
    <row r="1007491" spans="14:14">
      <c r="N1007491" s="10"/>
    </row>
    <row r="1007492" spans="14:14">
      <c r="N1007492" s="10"/>
    </row>
    <row r="1007493" spans="14:14">
      <c r="N1007493" s="10"/>
    </row>
    <row r="1007494" spans="14:14">
      <c r="N1007494" s="10"/>
    </row>
    <row r="1007495" spans="14:14">
      <c r="N1007495" s="10"/>
    </row>
    <row r="1007496" spans="14:14">
      <c r="N1007496" s="10"/>
    </row>
    <row r="1007497" spans="14:14">
      <c r="N1007497" s="10"/>
    </row>
    <row r="1007498" spans="14:14">
      <c r="N1007498" s="10"/>
    </row>
    <row r="1007499" spans="14:14">
      <c r="N1007499" s="10"/>
    </row>
    <row r="1007500" spans="14:14">
      <c r="N1007500" s="10"/>
    </row>
    <row r="1007501" spans="14:14">
      <c r="N1007501" s="10"/>
    </row>
    <row r="1007502" spans="14:14">
      <c r="N1007502" s="10"/>
    </row>
    <row r="1007503" spans="14:14">
      <c r="N1007503" s="10"/>
    </row>
    <row r="1007504" spans="14:14">
      <c r="N1007504" s="10"/>
    </row>
    <row r="1007505" spans="14:14">
      <c r="N1007505" s="10"/>
    </row>
    <row r="1007506" spans="14:14">
      <c r="N1007506" s="10"/>
    </row>
    <row r="1007507" spans="14:14">
      <c r="N1007507" s="10"/>
    </row>
    <row r="1007508" spans="14:14">
      <c r="N1007508" s="10"/>
    </row>
    <row r="1007509" spans="14:14">
      <c r="N1007509" s="10"/>
    </row>
    <row r="1007510" spans="14:14">
      <c r="N1007510" s="10"/>
    </row>
    <row r="1007511" spans="14:14">
      <c r="N1007511" s="10"/>
    </row>
    <row r="1007512" spans="14:14">
      <c r="N1007512" s="10"/>
    </row>
    <row r="1007513" spans="14:14">
      <c r="N1007513" s="10"/>
    </row>
    <row r="1007514" spans="14:14">
      <c r="N1007514" s="10"/>
    </row>
    <row r="1007515" spans="14:14">
      <c r="N1007515" s="10"/>
    </row>
    <row r="1007516" spans="14:14">
      <c r="N1007516" s="10"/>
    </row>
    <row r="1007517" spans="14:14">
      <c r="N1007517" s="10"/>
    </row>
    <row r="1007518" spans="14:14">
      <c r="N1007518" s="10"/>
    </row>
    <row r="1007519" spans="14:14">
      <c r="N1007519" s="10"/>
    </row>
    <row r="1007520" spans="14:14">
      <c r="N1007520" s="10"/>
    </row>
    <row r="1007521" spans="14:14">
      <c r="N1007521" s="10"/>
    </row>
    <row r="1007522" spans="14:14">
      <c r="N1007522" s="10"/>
    </row>
    <row r="1007523" spans="14:14">
      <c r="N1007523" s="10"/>
    </row>
    <row r="1007524" spans="14:14">
      <c r="N1007524" s="10"/>
    </row>
    <row r="1007525" spans="14:14">
      <c r="N1007525" s="10"/>
    </row>
    <row r="1007526" spans="14:14">
      <c r="N1007526" s="10"/>
    </row>
    <row r="1007527" spans="14:14">
      <c r="N1007527" s="10"/>
    </row>
    <row r="1007528" spans="14:14">
      <c r="N1007528" s="10"/>
    </row>
    <row r="1007529" spans="14:14">
      <c r="N1007529" s="10"/>
    </row>
    <row r="1007530" spans="14:14">
      <c r="N1007530" s="10"/>
    </row>
    <row r="1007531" spans="14:14">
      <c r="N1007531" s="10"/>
    </row>
    <row r="1007532" spans="14:14">
      <c r="N1007532" s="10"/>
    </row>
    <row r="1007533" spans="14:14">
      <c r="N1007533" s="10"/>
    </row>
    <row r="1007534" spans="14:14">
      <c r="N1007534" s="10"/>
    </row>
    <row r="1007535" spans="14:14">
      <c r="N1007535" s="10"/>
    </row>
    <row r="1007536" spans="14:14">
      <c r="N1007536" s="10"/>
    </row>
    <row r="1007537" spans="14:14">
      <c r="N1007537" s="10"/>
    </row>
    <row r="1007538" spans="14:14">
      <c r="N1007538" s="10"/>
    </row>
    <row r="1007539" spans="14:14">
      <c r="N1007539" s="10"/>
    </row>
    <row r="1007540" spans="14:14">
      <c r="N1007540" s="10"/>
    </row>
    <row r="1007541" spans="14:14">
      <c r="N1007541" s="10"/>
    </row>
    <row r="1007542" spans="14:14">
      <c r="N1007542" s="10"/>
    </row>
    <row r="1007543" spans="14:14">
      <c r="N1007543" s="10"/>
    </row>
    <row r="1007544" spans="14:14">
      <c r="N1007544" s="10"/>
    </row>
    <row r="1007545" spans="14:14">
      <c r="N1007545" s="10"/>
    </row>
    <row r="1007546" spans="14:14">
      <c r="N1007546" s="10"/>
    </row>
    <row r="1007547" spans="14:14">
      <c r="N1007547" s="10"/>
    </row>
    <row r="1007548" spans="14:14">
      <c r="N1007548" s="10"/>
    </row>
    <row r="1007549" spans="14:14">
      <c r="N1007549" s="10"/>
    </row>
    <row r="1007550" spans="14:14">
      <c r="N1007550" s="10"/>
    </row>
    <row r="1007551" spans="14:14">
      <c r="N1007551" s="10"/>
    </row>
    <row r="1007552" spans="14:14">
      <c r="N1007552" s="10"/>
    </row>
    <row r="1007553" spans="14:14">
      <c r="N1007553" s="10"/>
    </row>
    <row r="1007554" spans="14:14">
      <c r="N1007554" s="10"/>
    </row>
    <row r="1007555" spans="14:14">
      <c r="N1007555" s="10"/>
    </row>
    <row r="1007556" spans="14:14">
      <c r="N1007556" s="10"/>
    </row>
    <row r="1007557" spans="14:14">
      <c r="N1007557" s="10"/>
    </row>
    <row r="1007558" spans="14:14">
      <c r="N1007558" s="10"/>
    </row>
    <row r="1007559" spans="14:14">
      <c r="N1007559" s="10"/>
    </row>
    <row r="1007560" spans="14:14">
      <c r="N1007560" s="10"/>
    </row>
    <row r="1007561" spans="14:14">
      <c r="N1007561" s="10"/>
    </row>
    <row r="1007562" spans="14:14">
      <c r="N1007562" s="10"/>
    </row>
    <row r="1007563" spans="14:14">
      <c r="N1007563" s="10"/>
    </row>
    <row r="1007564" spans="14:14">
      <c r="N1007564" s="10"/>
    </row>
    <row r="1007565" spans="14:14">
      <c r="N1007565" s="10"/>
    </row>
    <row r="1007566" spans="14:14">
      <c r="N1007566" s="10"/>
    </row>
    <row r="1007567" spans="14:14">
      <c r="N1007567" s="10"/>
    </row>
    <row r="1007568" spans="14:14">
      <c r="N1007568" s="10"/>
    </row>
    <row r="1007569" spans="14:14">
      <c r="N1007569" s="10"/>
    </row>
    <row r="1007570" spans="14:14">
      <c r="N1007570" s="10"/>
    </row>
    <row r="1007571" spans="14:14">
      <c r="N1007571" s="10"/>
    </row>
    <row r="1007572" spans="14:14">
      <c r="N1007572" s="10"/>
    </row>
    <row r="1007573" spans="14:14">
      <c r="N1007573" s="10"/>
    </row>
    <row r="1007574" spans="14:14">
      <c r="N1007574" s="10"/>
    </row>
    <row r="1007575" spans="14:14">
      <c r="N1007575" s="10"/>
    </row>
    <row r="1007576" spans="14:14">
      <c r="N1007576" s="10"/>
    </row>
    <row r="1007577" spans="14:14">
      <c r="N1007577" s="10"/>
    </row>
    <row r="1007578" spans="14:14">
      <c r="N1007578" s="10"/>
    </row>
    <row r="1007579" spans="14:14">
      <c r="N1007579" s="10"/>
    </row>
    <row r="1007580" spans="14:14">
      <c r="N1007580" s="10"/>
    </row>
    <row r="1007581" spans="14:14">
      <c r="N1007581" s="10"/>
    </row>
    <row r="1007582" spans="14:14">
      <c r="N1007582" s="10"/>
    </row>
    <row r="1007583" spans="14:14">
      <c r="N1007583" s="10"/>
    </row>
    <row r="1007584" spans="14:14">
      <c r="N1007584" s="10"/>
    </row>
    <row r="1007585" spans="14:14">
      <c r="N1007585" s="10"/>
    </row>
    <row r="1007586" spans="14:14">
      <c r="N1007586" s="10"/>
    </row>
    <row r="1007587" spans="14:14">
      <c r="N1007587" s="10"/>
    </row>
    <row r="1007588" spans="14:14">
      <c r="N1007588" s="10"/>
    </row>
    <row r="1007589" spans="14:14">
      <c r="N1007589" s="10"/>
    </row>
    <row r="1007590" spans="14:14">
      <c r="N1007590" s="10"/>
    </row>
    <row r="1007591" spans="14:14">
      <c r="N1007591" s="10"/>
    </row>
    <row r="1007592" spans="14:14">
      <c r="N1007592" s="10"/>
    </row>
    <row r="1007593" spans="14:14">
      <c r="N1007593" s="10"/>
    </row>
    <row r="1007594" spans="14:14">
      <c r="N1007594" s="10"/>
    </row>
    <row r="1007595" spans="14:14">
      <c r="N1007595" s="10"/>
    </row>
    <row r="1007596" spans="14:14">
      <c r="N1007596" s="10"/>
    </row>
    <row r="1007597" spans="14:14">
      <c r="N1007597" s="10"/>
    </row>
    <row r="1007598" spans="14:14">
      <c r="N1007598" s="10"/>
    </row>
    <row r="1007599" spans="14:14">
      <c r="N1007599" s="10"/>
    </row>
    <row r="1007600" spans="14:14">
      <c r="N1007600" s="10"/>
    </row>
    <row r="1007601" spans="14:14">
      <c r="N1007601" s="10"/>
    </row>
    <row r="1007602" spans="14:14">
      <c r="N1007602" s="10"/>
    </row>
    <row r="1007603" spans="14:14">
      <c r="N1007603" s="10"/>
    </row>
    <row r="1007604" spans="14:14">
      <c r="N1007604" s="10"/>
    </row>
    <row r="1007605" spans="14:14">
      <c r="N1007605" s="10"/>
    </row>
    <row r="1007606" spans="14:14">
      <c r="N1007606" s="10"/>
    </row>
    <row r="1007607" spans="14:14">
      <c r="N1007607" s="10"/>
    </row>
    <row r="1007608" spans="14:14">
      <c r="N1007608" s="10"/>
    </row>
    <row r="1007609" spans="14:14">
      <c r="N1007609" s="10"/>
    </row>
    <row r="1007610" spans="14:14">
      <c r="N1007610" s="10"/>
    </row>
    <row r="1007611" spans="14:14">
      <c r="N1007611" s="10"/>
    </row>
    <row r="1007612" spans="14:14">
      <c r="N1007612" s="10"/>
    </row>
    <row r="1007613" spans="14:14">
      <c r="N1007613" s="10"/>
    </row>
    <row r="1007614" spans="14:14">
      <c r="N1007614" s="10"/>
    </row>
    <row r="1007615" spans="14:14">
      <c r="N1007615" s="10"/>
    </row>
    <row r="1007616" spans="14:14">
      <c r="N1007616" s="10"/>
    </row>
    <row r="1007617" spans="14:14">
      <c r="N1007617" s="10"/>
    </row>
    <row r="1007618" spans="14:14">
      <c r="N1007618" s="10"/>
    </row>
    <row r="1007619" spans="14:14">
      <c r="N1007619" s="10"/>
    </row>
    <row r="1007620" spans="14:14">
      <c r="N1007620" s="10"/>
    </row>
    <row r="1007621" spans="14:14">
      <c r="N1007621" s="10"/>
    </row>
    <row r="1007622" spans="14:14">
      <c r="N1007622" s="10"/>
    </row>
    <row r="1007623" spans="14:14">
      <c r="N1007623" s="10"/>
    </row>
    <row r="1007624" spans="14:14">
      <c r="N1007624" s="10"/>
    </row>
    <row r="1007625" spans="14:14">
      <c r="N1007625" s="10"/>
    </row>
    <row r="1007626" spans="14:14">
      <c r="N1007626" s="10"/>
    </row>
    <row r="1007627" spans="14:14">
      <c r="N1007627" s="10"/>
    </row>
    <row r="1007628" spans="14:14">
      <c r="N1007628" s="10"/>
    </row>
    <row r="1007629" spans="14:14">
      <c r="N1007629" s="10"/>
    </row>
    <row r="1007630" spans="14:14">
      <c r="N1007630" s="10"/>
    </row>
    <row r="1007631" spans="14:14">
      <c r="N1007631" s="10"/>
    </row>
    <row r="1007632" spans="14:14">
      <c r="N1007632" s="10"/>
    </row>
    <row r="1007633" spans="14:14">
      <c r="N1007633" s="10"/>
    </row>
    <row r="1007634" spans="14:14">
      <c r="N1007634" s="10"/>
    </row>
    <row r="1007635" spans="14:14">
      <c r="N1007635" s="10"/>
    </row>
    <row r="1007636" spans="14:14">
      <c r="N1007636" s="10"/>
    </row>
    <row r="1007637" spans="14:14">
      <c r="N1007637" s="10"/>
    </row>
    <row r="1007638" spans="14:14">
      <c r="N1007638" s="10"/>
    </row>
    <row r="1007639" spans="14:14">
      <c r="N1007639" s="10"/>
    </row>
    <row r="1007640" spans="14:14">
      <c r="N1007640" s="10"/>
    </row>
    <row r="1007641" spans="14:14">
      <c r="N1007641" s="10"/>
    </row>
    <row r="1007642" spans="14:14">
      <c r="N1007642" s="10"/>
    </row>
    <row r="1007643" spans="14:14">
      <c r="N1007643" s="10"/>
    </row>
    <row r="1007644" spans="14:14">
      <c r="N1007644" s="10"/>
    </row>
    <row r="1007645" spans="14:14">
      <c r="N1007645" s="10"/>
    </row>
    <row r="1007646" spans="14:14">
      <c r="N1007646" s="10"/>
    </row>
    <row r="1007647" spans="14:14">
      <c r="N1007647" s="10"/>
    </row>
    <row r="1007648" spans="14:14">
      <c r="N1007648" s="10"/>
    </row>
    <row r="1007649" spans="14:14">
      <c r="N1007649" s="10"/>
    </row>
    <row r="1007650" spans="14:14">
      <c r="N1007650" s="10"/>
    </row>
    <row r="1007651" spans="14:14">
      <c r="N1007651" s="10"/>
    </row>
    <row r="1007652" spans="14:14">
      <c r="N1007652" s="10"/>
    </row>
    <row r="1007653" spans="14:14">
      <c r="N1007653" s="10"/>
    </row>
    <row r="1007654" spans="14:14">
      <c r="N1007654" s="10"/>
    </row>
    <row r="1007655" spans="14:14">
      <c r="N1007655" s="10"/>
    </row>
    <row r="1007656" spans="14:14">
      <c r="N1007656" s="10"/>
    </row>
    <row r="1007657" spans="14:14">
      <c r="N1007657" s="10"/>
    </row>
    <row r="1007658" spans="14:14">
      <c r="N1007658" s="10"/>
    </row>
    <row r="1007659" spans="14:14">
      <c r="N1007659" s="10"/>
    </row>
    <row r="1007660" spans="14:14">
      <c r="N1007660" s="10"/>
    </row>
    <row r="1007661" spans="14:14">
      <c r="N1007661" s="10"/>
    </row>
    <row r="1007662" spans="14:14">
      <c r="N1007662" s="10"/>
    </row>
    <row r="1007663" spans="14:14">
      <c r="N1007663" s="10"/>
    </row>
    <row r="1007664" spans="14:14">
      <c r="N1007664" s="10"/>
    </row>
    <row r="1007665" spans="14:14">
      <c r="N1007665" s="10"/>
    </row>
    <row r="1007666" spans="14:14">
      <c r="N1007666" s="10"/>
    </row>
    <row r="1007667" spans="14:14">
      <c r="N1007667" s="10"/>
    </row>
    <row r="1007668" spans="14:14">
      <c r="N1007668" s="10"/>
    </row>
    <row r="1007669" spans="14:14">
      <c r="N1007669" s="10"/>
    </row>
    <row r="1007670" spans="14:14">
      <c r="N1007670" s="10"/>
    </row>
    <row r="1007671" spans="14:14">
      <c r="N1007671" s="10"/>
    </row>
    <row r="1007672" spans="14:14">
      <c r="N1007672" s="10"/>
    </row>
    <row r="1007673" spans="14:14">
      <c r="N1007673" s="10"/>
    </row>
    <row r="1007674" spans="14:14">
      <c r="N1007674" s="10"/>
    </row>
    <row r="1007675" spans="14:14">
      <c r="N1007675" s="10"/>
    </row>
    <row r="1007676" spans="14:14">
      <c r="N1007676" s="10"/>
    </row>
    <row r="1007677" spans="14:14">
      <c r="N1007677" s="10"/>
    </row>
    <row r="1007678" spans="14:14">
      <c r="N1007678" s="10"/>
    </row>
    <row r="1007679" spans="14:14">
      <c r="N1007679" s="10"/>
    </row>
    <row r="1007680" spans="14:14">
      <c r="N1007680" s="10"/>
    </row>
    <row r="1007681" spans="14:14">
      <c r="N1007681" s="10"/>
    </row>
    <row r="1007682" spans="14:14">
      <c r="N1007682" s="10"/>
    </row>
    <row r="1007683" spans="14:14">
      <c r="N1007683" s="10"/>
    </row>
    <row r="1007684" spans="14:14">
      <c r="N1007684" s="10"/>
    </row>
    <row r="1007685" spans="14:14">
      <c r="N1007685" s="10"/>
    </row>
    <row r="1007686" spans="14:14">
      <c r="N1007686" s="10"/>
    </row>
    <row r="1007687" spans="14:14">
      <c r="N1007687" s="10"/>
    </row>
    <row r="1007688" spans="14:14">
      <c r="N1007688" s="10"/>
    </row>
    <row r="1007689" spans="14:14">
      <c r="N1007689" s="10"/>
    </row>
    <row r="1007690" spans="14:14">
      <c r="N1007690" s="10"/>
    </row>
    <row r="1007691" spans="14:14">
      <c r="N1007691" s="10"/>
    </row>
    <row r="1007692" spans="14:14">
      <c r="N1007692" s="10"/>
    </row>
    <row r="1007693" spans="14:14">
      <c r="N1007693" s="10"/>
    </row>
    <row r="1007694" spans="14:14">
      <c r="N1007694" s="10"/>
    </row>
    <row r="1007695" spans="14:14">
      <c r="N1007695" s="10"/>
    </row>
    <row r="1007696" spans="14:14">
      <c r="N1007696" s="10"/>
    </row>
    <row r="1007697" spans="14:14">
      <c r="N1007697" s="10"/>
    </row>
    <row r="1007698" spans="14:14">
      <c r="N1007698" s="10"/>
    </row>
    <row r="1007699" spans="14:14">
      <c r="N1007699" s="10"/>
    </row>
    <row r="1007700" spans="14:14">
      <c r="N1007700" s="10"/>
    </row>
    <row r="1007701" spans="14:14">
      <c r="N1007701" s="10"/>
    </row>
    <row r="1007702" spans="14:14">
      <c r="N1007702" s="10"/>
    </row>
    <row r="1007703" spans="14:14">
      <c r="N1007703" s="10"/>
    </row>
    <row r="1007704" spans="14:14">
      <c r="N1007704" s="10"/>
    </row>
    <row r="1007705" spans="14:14">
      <c r="N1007705" s="10"/>
    </row>
    <row r="1007706" spans="14:14">
      <c r="N1007706" s="10"/>
    </row>
    <row r="1007707" spans="14:14">
      <c r="N1007707" s="10"/>
    </row>
    <row r="1007708" spans="14:14">
      <c r="N1007708" s="10"/>
    </row>
    <row r="1007709" spans="14:14">
      <c r="N1007709" s="10"/>
    </row>
    <row r="1007710" spans="14:14">
      <c r="N1007710" s="10"/>
    </row>
    <row r="1007711" spans="14:14">
      <c r="N1007711" s="10"/>
    </row>
    <row r="1007712" spans="14:14">
      <c r="N1007712" s="10"/>
    </row>
    <row r="1007713" spans="14:14">
      <c r="N1007713" s="10"/>
    </row>
    <row r="1007714" spans="14:14">
      <c r="N1007714" s="10"/>
    </row>
    <row r="1007715" spans="14:14">
      <c r="N1007715" s="10"/>
    </row>
    <row r="1007716" spans="14:14">
      <c r="N1007716" s="10"/>
    </row>
    <row r="1007717" spans="14:14">
      <c r="N1007717" s="10"/>
    </row>
    <row r="1007718" spans="14:14">
      <c r="N1007718" s="10"/>
    </row>
    <row r="1007719" spans="14:14">
      <c r="N1007719" s="10"/>
    </row>
    <row r="1007720" spans="14:14">
      <c r="N1007720" s="10"/>
    </row>
    <row r="1007721" spans="14:14">
      <c r="N1007721" s="10"/>
    </row>
    <row r="1007722" spans="14:14">
      <c r="N1007722" s="10"/>
    </row>
    <row r="1007723" spans="14:14">
      <c r="N1007723" s="10"/>
    </row>
    <row r="1007724" spans="14:14">
      <c r="N1007724" s="10"/>
    </row>
    <row r="1007725" spans="14:14">
      <c r="N1007725" s="10"/>
    </row>
    <row r="1007726" spans="14:14">
      <c r="N1007726" s="10"/>
    </row>
    <row r="1007727" spans="14:14">
      <c r="N1007727" s="10"/>
    </row>
    <row r="1007728" spans="14:14">
      <c r="N1007728" s="10"/>
    </row>
    <row r="1007729" spans="14:14">
      <c r="N1007729" s="10"/>
    </row>
    <row r="1007730" spans="14:14">
      <c r="N1007730" s="10"/>
    </row>
    <row r="1007731" spans="14:14">
      <c r="N1007731" s="10"/>
    </row>
    <row r="1007732" spans="14:14">
      <c r="N1007732" s="10"/>
    </row>
    <row r="1007733" spans="14:14">
      <c r="N1007733" s="10"/>
    </row>
    <row r="1007734" spans="14:14">
      <c r="N1007734" s="10"/>
    </row>
    <row r="1007735" spans="14:14">
      <c r="N1007735" s="10"/>
    </row>
    <row r="1007736" spans="14:14">
      <c r="N1007736" s="10"/>
    </row>
    <row r="1007737" spans="14:14">
      <c r="N1007737" s="10"/>
    </row>
    <row r="1007738" spans="14:14">
      <c r="N1007738" s="10"/>
    </row>
    <row r="1007739" spans="14:14">
      <c r="N1007739" s="10"/>
    </row>
    <row r="1007740" spans="14:14">
      <c r="N1007740" s="10"/>
    </row>
    <row r="1007741" spans="14:14">
      <c r="N1007741" s="10"/>
    </row>
    <row r="1007742" spans="14:14">
      <c r="N1007742" s="10"/>
    </row>
    <row r="1007743" spans="14:14">
      <c r="N1007743" s="10"/>
    </row>
    <row r="1007744" spans="14:14">
      <c r="N1007744" s="10"/>
    </row>
    <row r="1007745" spans="14:14">
      <c r="N1007745" s="10"/>
    </row>
    <row r="1007746" spans="14:14">
      <c r="N1007746" s="10"/>
    </row>
    <row r="1007747" spans="14:14">
      <c r="N1007747" s="10"/>
    </row>
    <row r="1007748" spans="14:14">
      <c r="N1007748" s="10"/>
    </row>
    <row r="1007749" spans="14:14">
      <c r="N1007749" s="10"/>
    </row>
    <row r="1007750" spans="14:14">
      <c r="N1007750" s="10"/>
    </row>
    <row r="1007751" spans="14:14">
      <c r="N1007751" s="10"/>
    </row>
    <row r="1007752" spans="14:14">
      <c r="N1007752" s="10"/>
    </row>
    <row r="1007753" spans="14:14">
      <c r="N1007753" s="10"/>
    </row>
    <row r="1007754" spans="14:14">
      <c r="N1007754" s="10"/>
    </row>
    <row r="1007755" spans="14:14">
      <c r="N1007755" s="10"/>
    </row>
    <row r="1007756" spans="14:14">
      <c r="N1007756" s="10"/>
    </row>
    <row r="1007757" spans="14:14">
      <c r="N1007757" s="10"/>
    </row>
    <row r="1007758" spans="14:14">
      <c r="N1007758" s="10"/>
    </row>
    <row r="1007759" spans="14:14">
      <c r="N1007759" s="10"/>
    </row>
    <row r="1007760" spans="14:14">
      <c r="N1007760" s="10"/>
    </row>
    <row r="1007761" spans="14:14">
      <c r="N1007761" s="10"/>
    </row>
    <row r="1007762" spans="14:14">
      <c r="N1007762" s="10"/>
    </row>
    <row r="1007763" spans="14:14">
      <c r="N1007763" s="10"/>
    </row>
    <row r="1007764" spans="14:14">
      <c r="N1007764" s="10"/>
    </row>
    <row r="1007765" spans="14:14">
      <c r="N1007765" s="10"/>
    </row>
    <row r="1007766" spans="14:14">
      <c r="N1007766" s="10"/>
    </row>
    <row r="1007767" spans="14:14">
      <c r="N1007767" s="10"/>
    </row>
    <row r="1007768" spans="14:14">
      <c r="N1007768" s="10"/>
    </row>
    <row r="1007769" spans="14:14">
      <c r="N1007769" s="10"/>
    </row>
    <row r="1007770" spans="14:14">
      <c r="N1007770" s="10"/>
    </row>
    <row r="1007771" spans="14:14">
      <c r="N1007771" s="10"/>
    </row>
    <row r="1007772" spans="14:14">
      <c r="N1007772" s="10"/>
    </row>
    <row r="1007773" spans="14:14">
      <c r="N1007773" s="10"/>
    </row>
    <row r="1007774" spans="14:14">
      <c r="N1007774" s="10"/>
    </row>
    <row r="1007775" spans="14:14">
      <c r="N1007775" s="10"/>
    </row>
    <row r="1007776" spans="14:14">
      <c r="N1007776" s="10"/>
    </row>
    <row r="1007777" spans="14:14">
      <c r="N1007777" s="10"/>
    </row>
    <row r="1007778" spans="14:14">
      <c r="N1007778" s="10"/>
    </row>
    <row r="1007779" spans="14:14">
      <c r="N1007779" s="10"/>
    </row>
    <row r="1007780" spans="14:14">
      <c r="N1007780" s="10"/>
    </row>
    <row r="1007781" spans="14:14">
      <c r="N1007781" s="10"/>
    </row>
    <row r="1007782" spans="14:14">
      <c r="N1007782" s="10"/>
    </row>
    <row r="1007783" spans="14:14">
      <c r="N1007783" s="10"/>
    </row>
    <row r="1007784" spans="14:14">
      <c r="N1007784" s="10"/>
    </row>
    <row r="1007785" spans="14:14">
      <c r="N1007785" s="10"/>
    </row>
    <row r="1007786" spans="14:14">
      <c r="N1007786" s="10"/>
    </row>
    <row r="1007787" spans="14:14">
      <c r="N1007787" s="10"/>
    </row>
    <row r="1007788" spans="14:14">
      <c r="N1007788" s="10"/>
    </row>
    <row r="1007789" spans="14:14">
      <c r="N1007789" s="10"/>
    </row>
    <row r="1007790" spans="14:14">
      <c r="N1007790" s="10"/>
    </row>
    <row r="1007791" spans="14:14">
      <c r="N1007791" s="10"/>
    </row>
    <row r="1007792" spans="14:14">
      <c r="N1007792" s="10"/>
    </row>
    <row r="1007793" spans="14:14">
      <c r="N1007793" s="10"/>
    </row>
    <row r="1007794" spans="14:14">
      <c r="N1007794" s="10"/>
    </row>
    <row r="1007795" spans="14:14">
      <c r="N1007795" s="10"/>
    </row>
    <row r="1007796" spans="14:14">
      <c r="N1007796" s="10"/>
    </row>
    <row r="1007797" spans="14:14">
      <c r="N1007797" s="10"/>
    </row>
    <row r="1007798" spans="14:14">
      <c r="N1007798" s="10"/>
    </row>
    <row r="1007799" spans="14:14">
      <c r="N1007799" s="10"/>
    </row>
    <row r="1007800" spans="14:14">
      <c r="N1007800" s="10"/>
    </row>
    <row r="1007801" spans="14:14">
      <c r="N1007801" s="10"/>
    </row>
    <row r="1007802" spans="14:14">
      <c r="N1007802" s="10"/>
    </row>
    <row r="1007803" spans="14:14">
      <c r="N1007803" s="10"/>
    </row>
    <row r="1007804" spans="14:14">
      <c r="N1007804" s="10"/>
    </row>
    <row r="1007805" spans="14:14">
      <c r="N1007805" s="10"/>
    </row>
    <row r="1007806" spans="14:14">
      <c r="N1007806" s="10"/>
    </row>
    <row r="1007807" spans="14:14">
      <c r="N1007807" s="10"/>
    </row>
    <row r="1007808" spans="14:14">
      <c r="N1007808" s="10"/>
    </row>
    <row r="1007809" spans="14:14">
      <c r="N1007809" s="10"/>
    </row>
    <row r="1007810" spans="14:14">
      <c r="N1007810" s="10"/>
    </row>
    <row r="1007811" spans="14:14">
      <c r="N1007811" s="10"/>
    </row>
    <row r="1007812" spans="14:14">
      <c r="N1007812" s="10"/>
    </row>
    <row r="1007813" spans="14:14">
      <c r="N1007813" s="10"/>
    </row>
    <row r="1007814" spans="14:14">
      <c r="N1007814" s="10"/>
    </row>
    <row r="1007815" spans="14:14">
      <c r="N1007815" s="10"/>
    </row>
    <row r="1007816" spans="14:14">
      <c r="N1007816" s="10"/>
    </row>
    <row r="1007817" spans="14:14">
      <c r="N1007817" s="10"/>
    </row>
    <row r="1007818" spans="14:14">
      <c r="N1007818" s="10"/>
    </row>
    <row r="1007819" spans="14:14">
      <c r="N1007819" s="10"/>
    </row>
    <row r="1007820" spans="14:14">
      <c r="N1007820" s="10"/>
    </row>
    <row r="1007821" spans="14:14">
      <c r="N1007821" s="10"/>
    </row>
    <row r="1007822" spans="14:14">
      <c r="N1007822" s="10"/>
    </row>
    <row r="1007823" spans="14:14">
      <c r="N1007823" s="10"/>
    </row>
    <row r="1007824" spans="14:14">
      <c r="N1007824" s="10"/>
    </row>
    <row r="1007825" spans="14:14">
      <c r="N1007825" s="10"/>
    </row>
    <row r="1007826" spans="14:14">
      <c r="N1007826" s="10"/>
    </row>
    <row r="1007827" spans="14:14">
      <c r="N1007827" s="10"/>
    </row>
    <row r="1007828" spans="14:14">
      <c r="N1007828" s="10"/>
    </row>
    <row r="1007829" spans="14:14">
      <c r="N1007829" s="10"/>
    </row>
    <row r="1007830" spans="14:14">
      <c r="N1007830" s="10"/>
    </row>
    <row r="1007831" spans="14:14">
      <c r="N1007831" s="10"/>
    </row>
    <row r="1007832" spans="14:14">
      <c r="N1007832" s="10"/>
    </row>
    <row r="1007833" spans="14:14">
      <c r="N1007833" s="10"/>
    </row>
    <row r="1007834" spans="14:14">
      <c r="N1007834" s="10"/>
    </row>
    <row r="1007835" spans="14:14">
      <c r="N1007835" s="10"/>
    </row>
    <row r="1007836" spans="14:14">
      <c r="N1007836" s="10"/>
    </row>
    <row r="1007837" spans="14:14">
      <c r="N1007837" s="10"/>
    </row>
    <row r="1007838" spans="14:14">
      <c r="N1007838" s="10"/>
    </row>
    <row r="1007839" spans="14:14">
      <c r="N1007839" s="10"/>
    </row>
    <row r="1007840" spans="14:14">
      <c r="N1007840" s="10"/>
    </row>
    <row r="1007841" spans="14:14">
      <c r="N1007841" s="10"/>
    </row>
    <row r="1007842" spans="14:14">
      <c r="N1007842" s="10"/>
    </row>
    <row r="1007843" spans="14:14">
      <c r="N1007843" s="10"/>
    </row>
    <row r="1007844" spans="14:14">
      <c r="N1007844" s="10"/>
    </row>
    <row r="1007845" spans="14:14">
      <c r="N1007845" s="10"/>
    </row>
    <row r="1007846" spans="14:14">
      <c r="N1007846" s="10"/>
    </row>
    <row r="1007847" spans="14:14">
      <c r="N1007847" s="10"/>
    </row>
    <row r="1007848" spans="14:14">
      <c r="N1007848" s="10"/>
    </row>
    <row r="1007849" spans="14:14">
      <c r="N1007849" s="10"/>
    </row>
    <row r="1007850" spans="14:14">
      <c r="N1007850" s="10"/>
    </row>
    <row r="1007851" spans="14:14">
      <c r="N1007851" s="10"/>
    </row>
    <row r="1007852" spans="14:14">
      <c r="N1007852" s="10"/>
    </row>
    <row r="1007853" spans="14:14">
      <c r="N1007853" s="10"/>
    </row>
    <row r="1007854" spans="14:14">
      <c r="N1007854" s="10"/>
    </row>
    <row r="1007855" spans="14:14">
      <c r="N1007855" s="10"/>
    </row>
    <row r="1007856" spans="14:14">
      <c r="N1007856" s="10"/>
    </row>
    <row r="1007857" spans="14:14">
      <c r="N1007857" s="10"/>
    </row>
    <row r="1007858" spans="14:14">
      <c r="N1007858" s="10"/>
    </row>
    <row r="1007859" spans="14:14">
      <c r="N1007859" s="10"/>
    </row>
    <row r="1007860" spans="14:14">
      <c r="N1007860" s="10"/>
    </row>
    <row r="1007861" spans="14:14">
      <c r="N1007861" s="10"/>
    </row>
    <row r="1007862" spans="14:14">
      <c r="N1007862" s="10"/>
    </row>
    <row r="1007863" spans="14:14">
      <c r="N1007863" s="10"/>
    </row>
    <row r="1007864" spans="14:14">
      <c r="N1007864" s="10"/>
    </row>
    <row r="1007865" spans="14:14">
      <c r="N1007865" s="10"/>
    </row>
    <row r="1007866" spans="14:14">
      <c r="N1007866" s="10"/>
    </row>
    <row r="1007867" spans="14:14">
      <c r="N1007867" s="10"/>
    </row>
    <row r="1007868" spans="14:14">
      <c r="N1007868" s="10"/>
    </row>
    <row r="1007869" spans="14:14">
      <c r="N1007869" s="10"/>
    </row>
    <row r="1007870" spans="14:14">
      <c r="N1007870" s="10"/>
    </row>
    <row r="1007871" spans="14:14">
      <c r="N1007871" s="10"/>
    </row>
    <row r="1007872" spans="14:14">
      <c r="N1007872" s="10"/>
    </row>
    <row r="1007873" spans="14:14">
      <c r="N1007873" s="10"/>
    </row>
    <row r="1007874" spans="14:14">
      <c r="N1007874" s="10"/>
    </row>
    <row r="1007875" spans="14:14">
      <c r="N1007875" s="10"/>
    </row>
    <row r="1007876" spans="14:14">
      <c r="N1007876" s="10"/>
    </row>
    <row r="1007877" spans="14:14">
      <c r="N1007877" s="10"/>
    </row>
    <row r="1007878" spans="14:14">
      <c r="N1007878" s="10"/>
    </row>
    <row r="1007879" spans="14:14">
      <c r="N1007879" s="10"/>
    </row>
    <row r="1007880" spans="14:14">
      <c r="N1007880" s="10"/>
    </row>
    <row r="1007881" spans="14:14">
      <c r="N1007881" s="10"/>
    </row>
    <row r="1007882" spans="14:14">
      <c r="N1007882" s="10"/>
    </row>
    <row r="1007883" spans="14:14">
      <c r="N1007883" s="10"/>
    </row>
    <row r="1007884" spans="14:14">
      <c r="N1007884" s="10"/>
    </row>
    <row r="1007885" spans="14:14">
      <c r="N1007885" s="10"/>
    </row>
    <row r="1007886" spans="14:14">
      <c r="N1007886" s="10"/>
    </row>
    <row r="1007887" spans="14:14">
      <c r="N1007887" s="10"/>
    </row>
    <row r="1007888" spans="14:14">
      <c r="N1007888" s="10"/>
    </row>
    <row r="1007889" spans="14:14">
      <c r="N1007889" s="10"/>
    </row>
    <row r="1007890" spans="14:14">
      <c r="N1007890" s="10"/>
    </row>
    <row r="1007891" spans="14:14">
      <c r="N1007891" s="10"/>
    </row>
    <row r="1007892" spans="14:14">
      <c r="N1007892" s="10"/>
    </row>
    <row r="1007893" spans="14:14">
      <c r="N1007893" s="10"/>
    </row>
    <row r="1007894" spans="14:14">
      <c r="N1007894" s="10"/>
    </row>
    <row r="1007895" spans="14:14">
      <c r="N1007895" s="10"/>
    </row>
    <row r="1007896" spans="14:14">
      <c r="N1007896" s="10"/>
    </row>
    <row r="1007897" spans="14:14">
      <c r="N1007897" s="10"/>
    </row>
    <row r="1007898" spans="14:14">
      <c r="N1007898" s="10"/>
    </row>
    <row r="1007899" spans="14:14">
      <c r="N1007899" s="10"/>
    </row>
    <row r="1007900" spans="14:14">
      <c r="N1007900" s="10"/>
    </row>
    <row r="1007901" spans="14:14">
      <c r="N1007901" s="10"/>
    </row>
    <row r="1007902" spans="14:14">
      <c r="N1007902" s="10"/>
    </row>
    <row r="1007903" spans="14:14">
      <c r="N1007903" s="10"/>
    </row>
    <row r="1007904" spans="14:14">
      <c r="N1007904" s="10"/>
    </row>
    <row r="1007905" spans="14:14">
      <c r="N1007905" s="10"/>
    </row>
    <row r="1007906" spans="14:14">
      <c r="N1007906" s="10"/>
    </row>
    <row r="1007907" spans="14:14">
      <c r="N1007907" s="10"/>
    </row>
    <row r="1007908" spans="14:14">
      <c r="N1007908" s="10"/>
    </row>
    <row r="1007909" spans="14:14">
      <c r="N1007909" s="10"/>
    </row>
    <row r="1007910" spans="14:14">
      <c r="N1007910" s="10"/>
    </row>
    <row r="1007911" spans="14:14">
      <c r="N1007911" s="10"/>
    </row>
    <row r="1007912" spans="14:14">
      <c r="N1007912" s="10"/>
    </row>
    <row r="1007913" spans="14:14">
      <c r="N1007913" s="10"/>
    </row>
    <row r="1007914" spans="14:14">
      <c r="N1007914" s="10"/>
    </row>
    <row r="1007915" spans="14:14">
      <c r="N1007915" s="10"/>
    </row>
    <row r="1007916" spans="14:14">
      <c r="N1007916" s="10"/>
    </row>
    <row r="1007917" spans="14:14">
      <c r="N1007917" s="10"/>
    </row>
    <row r="1007918" spans="14:14">
      <c r="N1007918" s="10"/>
    </row>
    <row r="1007919" spans="14:14">
      <c r="N1007919" s="10"/>
    </row>
    <row r="1007920" spans="14:14">
      <c r="N1007920" s="10"/>
    </row>
    <row r="1007921" spans="14:14">
      <c r="N1007921" s="10"/>
    </row>
    <row r="1007922" spans="14:14">
      <c r="N1007922" s="10"/>
    </row>
    <row r="1007923" spans="14:14">
      <c r="N1007923" s="10"/>
    </row>
    <row r="1007924" spans="14:14">
      <c r="N1007924" s="10"/>
    </row>
    <row r="1007925" spans="14:14">
      <c r="N1007925" s="10"/>
    </row>
    <row r="1007926" spans="14:14">
      <c r="N1007926" s="10"/>
    </row>
    <row r="1007927" spans="14:14">
      <c r="N1007927" s="10"/>
    </row>
    <row r="1007928" spans="14:14">
      <c r="N1007928" s="10"/>
    </row>
    <row r="1007929" spans="14:14">
      <c r="N1007929" s="10"/>
    </row>
    <row r="1007930" spans="14:14">
      <c r="N1007930" s="10"/>
    </row>
    <row r="1007931" spans="14:14">
      <c r="N1007931" s="10"/>
    </row>
    <row r="1007932" spans="14:14">
      <c r="N1007932" s="10"/>
    </row>
    <row r="1007933" spans="14:14">
      <c r="N1007933" s="10"/>
    </row>
    <row r="1007934" spans="14:14">
      <c r="N1007934" s="10"/>
    </row>
    <row r="1007935" spans="14:14">
      <c r="N1007935" s="10"/>
    </row>
    <row r="1007936" spans="14:14">
      <c r="N1007936" s="10"/>
    </row>
    <row r="1007937" spans="14:14">
      <c r="N1007937" s="10"/>
    </row>
    <row r="1007938" spans="14:14">
      <c r="N1007938" s="10"/>
    </row>
    <row r="1007939" spans="14:14">
      <c r="N1007939" s="10"/>
    </row>
    <row r="1007940" spans="14:14">
      <c r="N1007940" s="10"/>
    </row>
    <row r="1007941" spans="14:14">
      <c r="N1007941" s="10"/>
    </row>
    <row r="1007942" spans="14:14">
      <c r="N1007942" s="10"/>
    </row>
    <row r="1007943" spans="14:14">
      <c r="N1007943" s="10"/>
    </row>
    <row r="1007944" spans="14:14">
      <c r="N1007944" s="10"/>
    </row>
    <row r="1007945" spans="14:14">
      <c r="N1007945" s="10"/>
    </row>
    <row r="1007946" spans="14:14">
      <c r="N1007946" s="10"/>
    </row>
    <row r="1007947" spans="14:14">
      <c r="N1007947" s="10"/>
    </row>
    <row r="1007948" spans="14:14">
      <c r="N1007948" s="10"/>
    </row>
    <row r="1007949" spans="14:14">
      <c r="N1007949" s="10"/>
    </row>
    <row r="1007950" spans="14:14">
      <c r="N1007950" s="10"/>
    </row>
    <row r="1007951" spans="14:14">
      <c r="N1007951" s="10"/>
    </row>
    <row r="1007952" spans="14:14">
      <c r="N1007952" s="10"/>
    </row>
    <row r="1007953" spans="14:14">
      <c r="N1007953" s="10"/>
    </row>
    <row r="1007954" spans="14:14">
      <c r="N1007954" s="10"/>
    </row>
    <row r="1007955" spans="14:14">
      <c r="N1007955" s="10"/>
    </row>
    <row r="1007956" spans="14:14">
      <c r="N1007956" s="10"/>
    </row>
    <row r="1007957" spans="14:14">
      <c r="N1007957" s="10"/>
    </row>
    <row r="1007958" spans="14:14">
      <c r="N1007958" s="10"/>
    </row>
    <row r="1007959" spans="14:14">
      <c r="N1007959" s="10"/>
    </row>
    <row r="1007960" spans="14:14">
      <c r="N1007960" s="10"/>
    </row>
    <row r="1007961" spans="14:14">
      <c r="N1007961" s="10"/>
    </row>
    <row r="1007962" spans="14:14">
      <c r="N1007962" s="10"/>
    </row>
    <row r="1007963" spans="14:14">
      <c r="N1007963" s="10"/>
    </row>
    <row r="1007964" spans="14:14">
      <c r="N1007964" s="10"/>
    </row>
    <row r="1007965" spans="14:14">
      <c r="N1007965" s="10"/>
    </row>
    <row r="1007966" spans="14:14">
      <c r="N1007966" s="10"/>
    </row>
    <row r="1007967" spans="14:14">
      <c r="N1007967" s="10"/>
    </row>
    <row r="1007968" spans="14:14">
      <c r="N1007968" s="10"/>
    </row>
    <row r="1007969" spans="14:14">
      <c r="N1007969" s="10"/>
    </row>
    <row r="1007970" spans="14:14">
      <c r="N1007970" s="10"/>
    </row>
    <row r="1007971" spans="14:14">
      <c r="N1007971" s="10"/>
    </row>
    <row r="1007972" spans="14:14">
      <c r="N1007972" s="10"/>
    </row>
    <row r="1007973" spans="14:14">
      <c r="N1007973" s="10"/>
    </row>
    <row r="1007974" spans="14:14">
      <c r="N1007974" s="10"/>
    </row>
    <row r="1007975" spans="14:14">
      <c r="N1007975" s="10"/>
    </row>
    <row r="1007976" spans="14:14">
      <c r="N1007976" s="10"/>
    </row>
    <row r="1007977" spans="14:14">
      <c r="N1007977" s="10"/>
    </row>
    <row r="1007978" spans="14:14">
      <c r="N1007978" s="10"/>
    </row>
    <row r="1007979" spans="14:14">
      <c r="N1007979" s="10"/>
    </row>
    <row r="1007980" spans="14:14">
      <c r="N1007980" s="10"/>
    </row>
    <row r="1007981" spans="14:14">
      <c r="N1007981" s="10"/>
    </row>
    <row r="1007982" spans="14:14">
      <c r="N1007982" s="10"/>
    </row>
    <row r="1007983" spans="14:14">
      <c r="N1007983" s="10"/>
    </row>
    <row r="1007984" spans="14:14">
      <c r="N1007984" s="10"/>
    </row>
    <row r="1007985" spans="14:14">
      <c r="N1007985" s="10"/>
    </row>
    <row r="1007986" spans="14:14">
      <c r="N1007986" s="10"/>
    </row>
    <row r="1007987" spans="14:14">
      <c r="N1007987" s="10"/>
    </row>
    <row r="1007988" spans="14:14">
      <c r="N1007988" s="10"/>
    </row>
    <row r="1007989" spans="14:14">
      <c r="N1007989" s="10"/>
    </row>
    <row r="1007990" spans="14:14">
      <c r="N1007990" s="10"/>
    </row>
    <row r="1007991" spans="14:14">
      <c r="N1007991" s="10"/>
    </row>
    <row r="1007992" spans="14:14">
      <c r="N1007992" s="10"/>
    </row>
    <row r="1007993" spans="14:14">
      <c r="N1007993" s="10"/>
    </row>
    <row r="1007994" spans="14:14">
      <c r="N1007994" s="10"/>
    </row>
    <row r="1007995" spans="14:14">
      <c r="N1007995" s="10"/>
    </row>
    <row r="1007996" spans="14:14">
      <c r="N1007996" s="10"/>
    </row>
    <row r="1007997" spans="14:14">
      <c r="N1007997" s="10"/>
    </row>
    <row r="1007998" spans="14:14">
      <c r="N1007998" s="10"/>
    </row>
    <row r="1007999" spans="14:14">
      <c r="N1007999" s="10"/>
    </row>
    <row r="1008000" spans="14:14">
      <c r="N1008000" s="10"/>
    </row>
    <row r="1008001" spans="14:14">
      <c r="N1008001" s="10"/>
    </row>
    <row r="1008002" spans="14:14">
      <c r="N1008002" s="10"/>
    </row>
    <row r="1008003" spans="14:14">
      <c r="N1008003" s="10"/>
    </row>
    <row r="1008004" spans="14:14">
      <c r="N1008004" s="10"/>
    </row>
    <row r="1008005" spans="14:14">
      <c r="N1008005" s="10"/>
    </row>
    <row r="1008006" spans="14:14">
      <c r="N1008006" s="10"/>
    </row>
    <row r="1008007" spans="14:14">
      <c r="N1008007" s="10"/>
    </row>
    <row r="1008008" spans="14:14">
      <c r="N1008008" s="10"/>
    </row>
    <row r="1008009" spans="14:14">
      <c r="N1008009" s="10"/>
    </row>
    <row r="1008010" spans="14:14">
      <c r="N1008010" s="10"/>
    </row>
    <row r="1008011" spans="14:14">
      <c r="N1008011" s="10"/>
    </row>
    <row r="1008012" spans="14:14">
      <c r="N1008012" s="10"/>
    </row>
    <row r="1008013" spans="14:14">
      <c r="N1008013" s="10"/>
    </row>
    <row r="1008014" spans="14:14">
      <c r="N1008014" s="10"/>
    </row>
    <row r="1008015" spans="14:14">
      <c r="N1008015" s="10"/>
    </row>
    <row r="1008016" spans="14:14">
      <c r="N1008016" s="10"/>
    </row>
    <row r="1008017" spans="14:14">
      <c r="N1008017" s="10"/>
    </row>
    <row r="1008018" spans="14:14">
      <c r="N1008018" s="10"/>
    </row>
    <row r="1008019" spans="14:14">
      <c r="N1008019" s="10"/>
    </row>
    <row r="1008020" spans="14:14">
      <c r="N1008020" s="10"/>
    </row>
    <row r="1008021" spans="14:14">
      <c r="N1008021" s="10"/>
    </row>
    <row r="1008022" spans="14:14">
      <c r="N1008022" s="10"/>
    </row>
    <row r="1008023" spans="14:14">
      <c r="N1008023" s="10"/>
    </row>
    <row r="1008024" spans="14:14">
      <c r="N1008024" s="10"/>
    </row>
    <row r="1008025" spans="14:14">
      <c r="N1008025" s="10"/>
    </row>
    <row r="1008026" spans="14:14">
      <c r="N1008026" s="10"/>
    </row>
    <row r="1008027" spans="14:14">
      <c r="N1008027" s="10"/>
    </row>
    <row r="1008028" spans="14:14">
      <c r="N1008028" s="10"/>
    </row>
    <row r="1008029" spans="14:14">
      <c r="N1008029" s="10"/>
    </row>
    <row r="1008030" spans="14:14">
      <c r="N1008030" s="10"/>
    </row>
    <row r="1008031" spans="14:14">
      <c r="N1008031" s="10"/>
    </row>
    <row r="1008032" spans="14:14">
      <c r="N1008032" s="10"/>
    </row>
    <row r="1008033" spans="14:14">
      <c r="N1008033" s="10"/>
    </row>
    <row r="1008034" spans="14:14">
      <c r="N1008034" s="10"/>
    </row>
    <row r="1008035" spans="14:14">
      <c r="N1008035" s="10"/>
    </row>
    <row r="1008036" spans="14:14">
      <c r="N1008036" s="10"/>
    </row>
    <row r="1008037" spans="14:14">
      <c r="N1008037" s="10"/>
    </row>
    <row r="1008038" spans="14:14">
      <c r="N1008038" s="10"/>
    </row>
    <row r="1008039" spans="14:14">
      <c r="N1008039" s="10"/>
    </row>
    <row r="1008040" spans="14:14">
      <c r="N1008040" s="10"/>
    </row>
    <row r="1008041" spans="14:14">
      <c r="N1008041" s="10"/>
    </row>
    <row r="1008042" spans="14:14">
      <c r="N1008042" s="10"/>
    </row>
    <row r="1008043" spans="14:14">
      <c r="N1008043" s="10"/>
    </row>
    <row r="1008044" spans="14:14">
      <c r="N1008044" s="10"/>
    </row>
    <row r="1008045" spans="14:14">
      <c r="N1008045" s="10"/>
    </row>
    <row r="1008046" spans="14:14">
      <c r="N1008046" s="10"/>
    </row>
    <row r="1008047" spans="14:14">
      <c r="N1008047" s="10"/>
    </row>
    <row r="1008048" spans="14:14">
      <c r="N1008048" s="10"/>
    </row>
    <row r="1008049" spans="14:14">
      <c r="N1008049" s="10"/>
    </row>
    <row r="1008050" spans="14:14">
      <c r="N1008050" s="10"/>
    </row>
    <row r="1008051" spans="14:14">
      <c r="N1008051" s="10"/>
    </row>
    <row r="1008052" spans="14:14">
      <c r="N1008052" s="10"/>
    </row>
    <row r="1008053" spans="14:14">
      <c r="N1008053" s="10"/>
    </row>
    <row r="1008054" spans="14:14">
      <c r="N1008054" s="10"/>
    </row>
    <row r="1008055" spans="14:14">
      <c r="N1008055" s="10"/>
    </row>
    <row r="1008056" spans="14:14">
      <c r="N1008056" s="10"/>
    </row>
    <row r="1008057" spans="14:14">
      <c r="N1008057" s="10"/>
    </row>
    <row r="1008058" spans="14:14">
      <c r="N1008058" s="10"/>
    </row>
    <row r="1008059" spans="14:14">
      <c r="N1008059" s="10"/>
    </row>
    <row r="1008060" spans="14:14">
      <c r="N1008060" s="10"/>
    </row>
    <row r="1008061" spans="14:14">
      <c r="N1008061" s="10"/>
    </row>
    <row r="1008062" spans="14:14">
      <c r="N1008062" s="10"/>
    </row>
    <row r="1008063" spans="14:14">
      <c r="N1008063" s="10"/>
    </row>
    <row r="1008064" spans="14:14">
      <c r="N1008064" s="10"/>
    </row>
    <row r="1008065" spans="14:14">
      <c r="N1008065" s="10"/>
    </row>
    <row r="1008066" spans="14:14">
      <c r="N1008066" s="10"/>
    </row>
    <row r="1008067" spans="14:14">
      <c r="N1008067" s="10"/>
    </row>
    <row r="1008068" spans="14:14">
      <c r="N1008068" s="10"/>
    </row>
    <row r="1008069" spans="14:14">
      <c r="N1008069" s="10"/>
    </row>
    <row r="1008070" spans="14:14">
      <c r="N1008070" s="10"/>
    </row>
    <row r="1008071" spans="14:14">
      <c r="N1008071" s="10"/>
    </row>
    <row r="1008072" spans="14:14">
      <c r="N1008072" s="10"/>
    </row>
    <row r="1008073" spans="14:14">
      <c r="N1008073" s="10"/>
    </row>
    <row r="1008074" spans="14:14">
      <c r="N1008074" s="10"/>
    </row>
    <row r="1008075" spans="14:14">
      <c r="N1008075" s="10"/>
    </row>
    <row r="1008076" spans="14:14">
      <c r="N1008076" s="10"/>
    </row>
    <row r="1008077" spans="14:14">
      <c r="N1008077" s="10"/>
    </row>
    <row r="1008078" spans="14:14">
      <c r="N1008078" s="10"/>
    </row>
    <row r="1008079" spans="14:14">
      <c r="N1008079" s="10"/>
    </row>
    <row r="1008080" spans="14:14">
      <c r="N1008080" s="10"/>
    </row>
    <row r="1008081" spans="14:14">
      <c r="N1008081" s="10"/>
    </row>
    <row r="1008082" spans="14:14">
      <c r="N1008082" s="10"/>
    </row>
    <row r="1008083" spans="14:14">
      <c r="N1008083" s="10"/>
    </row>
    <row r="1008084" spans="14:14">
      <c r="N1008084" s="10"/>
    </row>
    <row r="1008085" spans="14:14">
      <c r="N1008085" s="10"/>
    </row>
    <row r="1008086" spans="14:14">
      <c r="N1008086" s="10"/>
    </row>
    <row r="1008087" spans="14:14">
      <c r="N1008087" s="10"/>
    </row>
    <row r="1008088" spans="14:14">
      <c r="N1008088" s="10"/>
    </row>
    <row r="1008089" spans="14:14">
      <c r="N1008089" s="10"/>
    </row>
    <row r="1008090" spans="14:14">
      <c r="N1008090" s="10"/>
    </row>
    <row r="1008091" spans="14:14">
      <c r="N1008091" s="10"/>
    </row>
    <row r="1008092" spans="14:14">
      <c r="N1008092" s="10"/>
    </row>
    <row r="1008093" spans="14:14">
      <c r="N1008093" s="10"/>
    </row>
    <row r="1008094" spans="14:14">
      <c r="N1008094" s="10"/>
    </row>
    <row r="1008095" spans="14:14">
      <c r="N1008095" s="10"/>
    </row>
    <row r="1008096" spans="14:14">
      <c r="N1008096" s="10"/>
    </row>
    <row r="1008097" spans="14:14">
      <c r="N1008097" s="10"/>
    </row>
    <row r="1008098" spans="14:14">
      <c r="N1008098" s="10"/>
    </row>
    <row r="1008099" spans="14:14">
      <c r="N1008099" s="10"/>
    </row>
    <row r="1008100" spans="14:14">
      <c r="N1008100" s="10"/>
    </row>
    <row r="1008101" spans="14:14">
      <c r="N1008101" s="10"/>
    </row>
    <row r="1008102" spans="14:14">
      <c r="N1008102" s="10"/>
    </row>
    <row r="1008103" spans="14:14">
      <c r="N1008103" s="10"/>
    </row>
    <row r="1008104" spans="14:14">
      <c r="N1008104" s="10"/>
    </row>
    <row r="1008105" spans="14:14">
      <c r="N1008105" s="10"/>
    </row>
    <row r="1008106" spans="14:14">
      <c r="N1008106" s="10"/>
    </row>
    <row r="1008107" spans="14:14">
      <c r="N1008107" s="10"/>
    </row>
    <row r="1008108" spans="14:14">
      <c r="N1008108" s="10"/>
    </row>
    <row r="1008109" spans="14:14">
      <c r="N1008109" s="10"/>
    </row>
    <row r="1008110" spans="14:14">
      <c r="N1008110" s="10"/>
    </row>
    <row r="1008111" spans="14:14">
      <c r="N1008111" s="10"/>
    </row>
    <row r="1008112" spans="14:14">
      <c r="N1008112" s="10"/>
    </row>
    <row r="1008113" spans="14:14">
      <c r="N1008113" s="10"/>
    </row>
    <row r="1008114" spans="14:14">
      <c r="N1008114" s="10"/>
    </row>
    <row r="1008115" spans="14:14">
      <c r="N1008115" s="10"/>
    </row>
    <row r="1008116" spans="14:14">
      <c r="N1008116" s="10"/>
    </row>
    <row r="1008117" spans="14:14">
      <c r="N1008117" s="10"/>
    </row>
    <row r="1008118" spans="14:14">
      <c r="N1008118" s="10"/>
    </row>
    <row r="1008119" spans="14:14">
      <c r="N1008119" s="10"/>
    </row>
    <row r="1008120" spans="14:14">
      <c r="N1008120" s="10"/>
    </row>
    <row r="1008121" spans="14:14">
      <c r="N1008121" s="10"/>
    </row>
    <row r="1008122" spans="14:14">
      <c r="N1008122" s="10"/>
    </row>
    <row r="1008123" spans="14:14">
      <c r="N1008123" s="10"/>
    </row>
    <row r="1008124" spans="14:14">
      <c r="N1008124" s="10"/>
    </row>
    <row r="1008125" spans="14:14">
      <c r="N1008125" s="10"/>
    </row>
    <row r="1008126" spans="14:14">
      <c r="N1008126" s="10"/>
    </row>
    <row r="1008127" spans="14:14">
      <c r="N1008127" s="10"/>
    </row>
    <row r="1008128" spans="14:14">
      <c r="N1008128" s="10"/>
    </row>
    <row r="1008129" spans="14:14">
      <c r="N1008129" s="10"/>
    </row>
    <row r="1008130" spans="14:14">
      <c r="N1008130" s="10"/>
    </row>
    <row r="1008131" spans="14:14">
      <c r="N1008131" s="10"/>
    </row>
    <row r="1008132" spans="14:14">
      <c r="N1008132" s="10"/>
    </row>
    <row r="1008133" spans="14:14">
      <c r="N1008133" s="10"/>
    </row>
    <row r="1008134" spans="14:14">
      <c r="N1008134" s="10"/>
    </row>
    <row r="1008135" spans="14:14">
      <c r="N1008135" s="10"/>
    </row>
    <row r="1008136" spans="14:14">
      <c r="N1008136" s="10"/>
    </row>
    <row r="1008137" spans="14:14">
      <c r="N1008137" s="10"/>
    </row>
    <row r="1008138" spans="14:14">
      <c r="N1008138" s="10"/>
    </row>
    <row r="1008139" spans="14:14">
      <c r="N1008139" s="10"/>
    </row>
    <row r="1008140" spans="14:14">
      <c r="N1008140" s="10"/>
    </row>
    <row r="1008141" spans="14:14">
      <c r="N1008141" s="10"/>
    </row>
    <row r="1008142" spans="14:14">
      <c r="N1008142" s="10"/>
    </row>
    <row r="1008143" spans="14:14">
      <c r="N1008143" s="10"/>
    </row>
    <row r="1008144" spans="14:14">
      <c r="N1008144" s="10"/>
    </row>
    <row r="1008145" spans="14:14">
      <c r="N1008145" s="10"/>
    </row>
    <row r="1008146" spans="14:14">
      <c r="N1008146" s="10"/>
    </row>
    <row r="1008147" spans="14:14">
      <c r="N1008147" s="10"/>
    </row>
    <row r="1008148" spans="14:14">
      <c r="N1008148" s="10"/>
    </row>
    <row r="1008149" spans="14:14">
      <c r="N1008149" s="10"/>
    </row>
    <row r="1008150" spans="14:14">
      <c r="N1008150" s="10"/>
    </row>
    <row r="1008151" spans="14:14">
      <c r="N1008151" s="10"/>
    </row>
    <row r="1008152" spans="14:14">
      <c r="N1008152" s="10"/>
    </row>
    <row r="1008153" spans="14:14">
      <c r="N1008153" s="10"/>
    </row>
    <row r="1008154" spans="14:14">
      <c r="N1008154" s="10"/>
    </row>
    <row r="1008155" spans="14:14">
      <c r="N1008155" s="10"/>
    </row>
    <row r="1008156" spans="14:14">
      <c r="N1008156" s="10"/>
    </row>
    <row r="1008157" spans="14:14">
      <c r="N1008157" s="10"/>
    </row>
    <row r="1008158" spans="14:14">
      <c r="N1008158" s="10"/>
    </row>
    <row r="1008159" spans="14:14">
      <c r="N1008159" s="10"/>
    </row>
    <row r="1008160" spans="14:14">
      <c r="N1008160" s="10"/>
    </row>
    <row r="1008161" spans="14:14">
      <c r="N1008161" s="10"/>
    </row>
    <row r="1008162" spans="14:14">
      <c r="N1008162" s="10"/>
    </row>
    <row r="1008163" spans="14:14">
      <c r="N1008163" s="10"/>
    </row>
    <row r="1008164" spans="14:14">
      <c r="N1008164" s="10"/>
    </row>
    <row r="1008165" spans="14:14">
      <c r="N1008165" s="10"/>
    </row>
    <row r="1008166" spans="14:14">
      <c r="N1008166" s="10"/>
    </row>
    <row r="1008167" spans="14:14">
      <c r="N1008167" s="10"/>
    </row>
    <row r="1008168" spans="14:14">
      <c r="N1008168" s="10"/>
    </row>
    <row r="1008169" spans="14:14">
      <c r="N1008169" s="10"/>
    </row>
    <row r="1008170" spans="14:14">
      <c r="N1008170" s="10"/>
    </row>
    <row r="1008171" spans="14:14">
      <c r="N1008171" s="10"/>
    </row>
    <row r="1008172" spans="14:14">
      <c r="N1008172" s="10"/>
    </row>
    <row r="1008173" spans="14:14">
      <c r="N1008173" s="10"/>
    </row>
    <row r="1008174" spans="14:14">
      <c r="N1008174" s="10"/>
    </row>
    <row r="1008175" spans="14:14">
      <c r="N1008175" s="10"/>
    </row>
    <row r="1008176" spans="14:14">
      <c r="N1008176" s="10"/>
    </row>
    <row r="1008177" spans="14:14">
      <c r="N1008177" s="10"/>
    </row>
    <row r="1008178" spans="14:14">
      <c r="N1008178" s="10"/>
    </row>
    <row r="1008179" spans="14:14">
      <c r="N1008179" s="10"/>
    </row>
    <row r="1008180" spans="14:14">
      <c r="N1008180" s="10"/>
    </row>
    <row r="1008181" spans="14:14">
      <c r="N1008181" s="10"/>
    </row>
    <row r="1008182" spans="14:14">
      <c r="N1008182" s="10"/>
    </row>
    <row r="1008183" spans="14:14">
      <c r="N1008183" s="10"/>
    </row>
    <row r="1008184" spans="14:14">
      <c r="N1008184" s="10"/>
    </row>
    <row r="1008185" spans="14:14">
      <c r="N1008185" s="10"/>
    </row>
    <row r="1008186" spans="14:14">
      <c r="N1008186" s="10"/>
    </row>
    <row r="1008187" spans="14:14">
      <c r="N1008187" s="10"/>
    </row>
    <row r="1008188" spans="14:14">
      <c r="N1008188" s="10"/>
    </row>
    <row r="1008189" spans="14:14">
      <c r="N1008189" s="10"/>
    </row>
    <row r="1008190" spans="14:14">
      <c r="N1008190" s="10"/>
    </row>
    <row r="1008191" spans="14:14">
      <c r="N1008191" s="10"/>
    </row>
    <row r="1008192" spans="14:14">
      <c r="N1008192" s="10"/>
    </row>
    <row r="1008193" spans="14:14">
      <c r="N1008193" s="10"/>
    </row>
    <row r="1008194" spans="14:14">
      <c r="N1008194" s="10"/>
    </row>
    <row r="1008195" spans="14:14">
      <c r="N1008195" s="10"/>
    </row>
    <row r="1008196" spans="14:14">
      <c r="N1008196" s="10"/>
    </row>
    <row r="1008197" spans="14:14">
      <c r="N1008197" s="10"/>
    </row>
    <row r="1008198" spans="14:14">
      <c r="N1008198" s="10"/>
    </row>
    <row r="1008199" spans="14:14">
      <c r="N1008199" s="10"/>
    </row>
    <row r="1008200" spans="14:14">
      <c r="N1008200" s="10"/>
    </row>
    <row r="1008201" spans="14:14">
      <c r="N1008201" s="10"/>
    </row>
    <row r="1008202" spans="14:14">
      <c r="N1008202" s="10"/>
    </row>
    <row r="1008203" spans="14:14">
      <c r="N1008203" s="10"/>
    </row>
    <row r="1008204" spans="14:14">
      <c r="N1008204" s="10"/>
    </row>
    <row r="1008205" spans="14:14">
      <c r="N1008205" s="10"/>
    </row>
    <row r="1008206" spans="14:14">
      <c r="N1008206" s="10"/>
    </row>
    <row r="1008207" spans="14:14">
      <c r="N1008207" s="10"/>
    </row>
    <row r="1008208" spans="14:14">
      <c r="N1008208" s="10"/>
    </row>
    <row r="1008209" spans="14:14">
      <c r="N1008209" s="10"/>
    </row>
    <row r="1008210" spans="14:14">
      <c r="N1008210" s="10"/>
    </row>
    <row r="1008211" spans="14:14">
      <c r="N1008211" s="10"/>
    </row>
    <row r="1008212" spans="14:14">
      <c r="N1008212" s="10"/>
    </row>
    <row r="1008213" spans="14:14">
      <c r="N1008213" s="10"/>
    </row>
    <row r="1008214" spans="14:14">
      <c r="N1008214" s="10"/>
    </row>
    <row r="1008215" spans="14:14">
      <c r="N1008215" s="10"/>
    </row>
    <row r="1008216" spans="14:14">
      <c r="N1008216" s="10"/>
    </row>
    <row r="1008217" spans="14:14">
      <c r="N1008217" s="10"/>
    </row>
    <row r="1008218" spans="14:14">
      <c r="N1008218" s="10"/>
    </row>
    <row r="1008219" spans="14:14">
      <c r="N1008219" s="10"/>
    </row>
    <row r="1008220" spans="14:14">
      <c r="N1008220" s="10"/>
    </row>
    <row r="1008221" spans="14:14">
      <c r="N1008221" s="10"/>
    </row>
    <row r="1008222" spans="14:14">
      <c r="N1008222" s="10"/>
    </row>
    <row r="1008223" spans="14:14">
      <c r="N1008223" s="10"/>
    </row>
    <row r="1008224" spans="14:14">
      <c r="N1008224" s="10"/>
    </row>
    <row r="1008225" spans="14:14">
      <c r="N1008225" s="10"/>
    </row>
    <row r="1008226" spans="14:14">
      <c r="N1008226" s="10"/>
    </row>
    <row r="1008227" spans="14:14">
      <c r="N1008227" s="10"/>
    </row>
    <row r="1008228" spans="14:14">
      <c r="N1008228" s="10"/>
    </row>
    <row r="1008229" spans="14:14">
      <c r="N1008229" s="10"/>
    </row>
    <row r="1008230" spans="14:14">
      <c r="N1008230" s="10"/>
    </row>
    <row r="1008231" spans="14:14">
      <c r="N1008231" s="10"/>
    </row>
    <row r="1008232" spans="14:14">
      <c r="N1008232" s="10"/>
    </row>
    <row r="1008233" spans="14:14">
      <c r="N1008233" s="10"/>
    </row>
    <row r="1008234" spans="14:14">
      <c r="N1008234" s="10"/>
    </row>
    <row r="1008235" spans="14:14">
      <c r="N1008235" s="10"/>
    </row>
    <row r="1008236" spans="14:14">
      <c r="N1008236" s="10"/>
    </row>
    <row r="1008237" spans="14:14">
      <c r="N1008237" s="10"/>
    </row>
    <row r="1008238" spans="14:14">
      <c r="N1008238" s="10"/>
    </row>
    <row r="1008239" spans="14:14">
      <c r="N1008239" s="10"/>
    </row>
    <row r="1008240" spans="14:14">
      <c r="N1008240" s="10"/>
    </row>
    <row r="1008241" spans="14:14">
      <c r="N1008241" s="10"/>
    </row>
    <row r="1008242" spans="14:14">
      <c r="N1008242" s="10"/>
    </row>
    <row r="1008243" spans="14:14">
      <c r="N1008243" s="10"/>
    </row>
    <row r="1008244" spans="14:14">
      <c r="N1008244" s="10"/>
    </row>
    <row r="1008245" spans="14:14">
      <c r="N1008245" s="10"/>
    </row>
    <row r="1008246" spans="14:14">
      <c r="N1008246" s="10"/>
    </row>
    <row r="1008247" spans="14:14">
      <c r="N1008247" s="10"/>
    </row>
    <row r="1008248" spans="14:14">
      <c r="N1008248" s="10"/>
    </row>
    <row r="1008249" spans="14:14">
      <c r="N1008249" s="10"/>
    </row>
    <row r="1008250" spans="14:14">
      <c r="N1008250" s="10"/>
    </row>
    <row r="1008251" spans="14:14">
      <c r="N1008251" s="10"/>
    </row>
    <row r="1008252" spans="14:14">
      <c r="N1008252" s="10"/>
    </row>
    <row r="1008253" spans="14:14">
      <c r="N1008253" s="10"/>
    </row>
    <row r="1008254" spans="14:14">
      <c r="N1008254" s="10"/>
    </row>
    <row r="1008255" spans="14:14">
      <c r="N1008255" s="10"/>
    </row>
    <row r="1008256" spans="14:14">
      <c r="N1008256" s="10"/>
    </row>
    <row r="1008257" spans="14:14">
      <c r="N1008257" s="10"/>
    </row>
    <row r="1008258" spans="14:14">
      <c r="N1008258" s="10"/>
    </row>
    <row r="1008259" spans="14:14">
      <c r="N1008259" s="10"/>
    </row>
    <row r="1008260" spans="14:14">
      <c r="N1008260" s="10"/>
    </row>
    <row r="1008261" spans="14:14">
      <c r="N1008261" s="10"/>
    </row>
    <row r="1008262" spans="14:14">
      <c r="N1008262" s="10"/>
    </row>
    <row r="1008263" spans="14:14">
      <c r="N1008263" s="10"/>
    </row>
    <row r="1008264" spans="14:14">
      <c r="N1008264" s="10"/>
    </row>
    <row r="1008265" spans="14:14">
      <c r="N1008265" s="10"/>
    </row>
    <row r="1008266" spans="14:14">
      <c r="N1008266" s="10"/>
    </row>
    <row r="1008267" spans="14:14">
      <c r="N1008267" s="10"/>
    </row>
    <row r="1008268" spans="14:14">
      <c r="N1008268" s="10"/>
    </row>
    <row r="1008269" spans="14:14">
      <c r="N1008269" s="10"/>
    </row>
    <row r="1008270" spans="14:14">
      <c r="N1008270" s="10"/>
    </row>
    <row r="1008271" spans="14:14">
      <c r="N1008271" s="10"/>
    </row>
    <row r="1008272" spans="14:14">
      <c r="N1008272" s="10"/>
    </row>
    <row r="1008273" spans="14:14">
      <c r="N1008273" s="10"/>
    </row>
    <row r="1008274" spans="14:14">
      <c r="N1008274" s="10"/>
    </row>
    <row r="1008275" spans="14:14">
      <c r="N1008275" s="10"/>
    </row>
    <row r="1008276" spans="14:14">
      <c r="N1008276" s="10"/>
    </row>
    <row r="1008277" spans="14:14">
      <c r="N1008277" s="10"/>
    </row>
    <row r="1008278" spans="14:14">
      <c r="N1008278" s="10"/>
    </row>
    <row r="1008279" spans="14:14">
      <c r="N1008279" s="10"/>
    </row>
    <row r="1008280" spans="14:14">
      <c r="N1008280" s="10"/>
    </row>
    <row r="1008281" spans="14:14">
      <c r="N1008281" s="10"/>
    </row>
    <row r="1008282" spans="14:14">
      <c r="N1008282" s="10"/>
    </row>
    <row r="1008283" spans="14:14">
      <c r="N1008283" s="10"/>
    </row>
    <row r="1008284" spans="14:14">
      <c r="N1008284" s="10"/>
    </row>
    <row r="1008285" spans="14:14">
      <c r="N1008285" s="10"/>
    </row>
    <row r="1008286" spans="14:14">
      <c r="N1008286" s="10"/>
    </row>
    <row r="1008287" spans="14:14">
      <c r="N1008287" s="10"/>
    </row>
    <row r="1008288" spans="14:14">
      <c r="N1008288" s="10"/>
    </row>
    <row r="1008289" spans="14:14">
      <c r="N1008289" s="10"/>
    </row>
    <row r="1008290" spans="14:14">
      <c r="N1008290" s="10"/>
    </row>
    <row r="1008291" spans="14:14">
      <c r="N1008291" s="10"/>
    </row>
    <row r="1008292" spans="14:14">
      <c r="N1008292" s="10"/>
    </row>
    <row r="1008293" spans="14:14">
      <c r="N1008293" s="10"/>
    </row>
    <row r="1008294" spans="14:14">
      <c r="N1008294" s="10"/>
    </row>
    <row r="1008295" spans="14:14">
      <c r="N1008295" s="10"/>
    </row>
    <row r="1008296" spans="14:14">
      <c r="N1008296" s="10"/>
    </row>
    <row r="1008297" spans="14:14">
      <c r="N1008297" s="10"/>
    </row>
    <row r="1008298" spans="14:14">
      <c r="N1008298" s="10"/>
    </row>
    <row r="1008299" spans="14:14">
      <c r="N1008299" s="10"/>
    </row>
    <row r="1008300" spans="14:14">
      <c r="N1008300" s="10"/>
    </row>
    <row r="1008301" spans="14:14">
      <c r="N1008301" s="10"/>
    </row>
    <row r="1008302" spans="14:14">
      <c r="N1008302" s="10"/>
    </row>
    <row r="1008303" spans="14:14">
      <c r="N1008303" s="10"/>
    </row>
    <row r="1008304" spans="14:14">
      <c r="N1008304" s="10"/>
    </row>
    <row r="1008305" spans="14:14">
      <c r="N1008305" s="10"/>
    </row>
    <row r="1008306" spans="14:14">
      <c r="N1008306" s="10"/>
    </row>
    <row r="1008307" spans="14:14">
      <c r="N1008307" s="10"/>
    </row>
    <row r="1008308" spans="14:14">
      <c r="N1008308" s="10"/>
    </row>
    <row r="1008309" spans="14:14">
      <c r="N1008309" s="10"/>
    </row>
    <row r="1008310" spans="14:14">
      <c r="N1008310" s="10"/>
    </row>
    <row r="1008311" spans="14:14">
      <c r="N1008311" s="10"/>
    </row>
    <row r="1008312" spans="14:14">
      <c r="N1008312" s="10"/>
    </row>
    <row r="1008313" spans="14:14">
      <c r="N1008313" s="10"/>
    </row>
    <row r="1008314" spans="14:14">
      <c r="N1008314" s="10"/>
    </row>
    <row r="1008315" spans="14:14">
      <c r="N1008315" s="10"/>
    </row>
    <row r="1008316" spans="14:14">
      <c r="N1008316" s="10"/>
    </row>
    <row r="1008317" spans="14:14">
      <c r="N1008317" s="10"/>
    </row>
    <row r="1008318" spans="14:14">
      <c r="N1008318" s="10"/>
    </row>
    <row r="1008319" spans="14:14">
      <c r="N1008319" s="10"/>
    </row>
    <row r="1008320" spans="14:14">
      <c r="N1008320" s="10"/>
    </row>
    <row r="1008321" spans="14:14">
      <c r="N1008321" s="10"/>
    </row>
    <row r="1008322" spans="14:14">
      <c r="N1008322" s="10"/>
    </row>
    <row r="1008323" spans="14:14">
      <c r="N1008323" s="10"/>
    </row>
    <row r="1008324" spans="14:14">
      <c r="N1008324" s="10"/>
    </row>
    <row r="1008325" spans="14:14">
      <c r="N1008325" s="10"/>
    </row>
    <row r="1008326" spans="14:14">
      <c r="N1008326" s="10"/>
    </row>
    <row r="1008327" spans="14:14">
      <c r="N1008327" s="10"/>
    </row>
    <row r="1008328" spans="14:14">
      <c r="N1008328" s="10"/>
    </row>
    <row r="1008329" spans="14:14">
      <c r="N1008329" s="10"/>
    </row>
    <row r="1008330" spans="14:14">
      <c r="N1008330" s="10"/>
    </row>
    <row r="1008331" spans="14:14">
      <c r="N1008331" s="10"/>
    </row>
    <row r="1008332" spans="14:14">
      <c r="N1008332" s="10"/>
    </row>
    <row r="1008333" spans="14:14">
      <c r="N1008333" s="10"/>
    </row>
    <row r="1008334" spans="14:14">
      <c r="N1008334" s="10"/>
    </row>
    <row r="1008335" spans="14:14">
      <c r="N1008335" s="10"/>
    </row>
    <row r="1008336" spans="14:14">
      <c r="N1008336" s="10"/>
    </row>
    <row r="1008337" spans="14:14">
      <c r="N1008337" s="10"/>
    </row>
    <row r="1008338" spans="14:14">
      <c r="N1008338" s="10"/>
    </row>
    <row r="1008339" spans="14:14">
      <c r="N1008339" s="10"/>
    </row>
    <row r="1008340" spans="14:14">
      <c r="N1008340" s="10"/>
    </row>
    <row r="1008341" spans="14:14">
      <c r="N1008341" s="10"/>
    </row>
    <row r="1008342" spans="14:14">
      <c r="N1008342" s="10"/>
    </row>
    <row r="1008343" spans="14:14">
      <c r="N1008343" s="10"/>
    </row>
    <row r="1008344" spans="14:14">
      <c r="N1008344" s="10"/>
    </row>
    <row r="1008345" spans="14:14">
      <c r="N1008345" s="10"/>
    </row>
    <row r="1008346" spans="14:14">
      <c r="N1008346" s="10"/>
    </row>
    <row r="1008347" spans="14:14">
      <c r="N1008347" s="10"/>
    </row>
    <row r="1008348" spans="14:14">
      <c r="N1008348" s="10"/>
    </row>
    <row r="1008349" spans="14:14">
      <c r="N1008349" s="10"/>
    </row>
    <row r="1008350" spans="14:14">
      <c r="N1008350" s="10"/>
    </row>
    <row r="1008351" spans="14:14">
      <c r="N1008351" s="10"/>
    </row>
    <row r="1008352" spans="14:14">
      <c r="N1008352" s="10"/>
    </row>
    <row r="1008353" spans="14:14">
      <c r="N1008353" s="10"/>
    </row>
    <row r="1008354" spans="14:14">
      <c r="N1008354" s="10"/>
    </row>
    <row r="1008355" spans="14:14">
      <c r="N1008355" s="10"/>
    </row>
    <row r="1008356" spans="14:14">
      <c r="N1008356" s="10"/>
    </row>
    <row r="1008357" spans="14:14">
      <c r="N1008357" s="10"/>
    </row>
    <row r="1008358" spans="14:14">
      <c r="N1008358" s="10"/>
    </row>
    <row r="1008359" spans="14:14">
      <c r="N1008359" s="10"/>
    </row>
    <row r="1008360" spans="14:14">
      <c r="N1008360" s="10"/>
    </row>
    <row r="1008361" spans="14:14">
      <c r="N1008361" s="10"/>
    </row>
    <row r="1008362" spans="14:14">
      <c r="N1008362" s="10"/>
    </row>
    <row r="1008363" spans="14:14">
      <c r="N1008363" s="10"/>
    </row>
    <row r="1008364" spans="14:14">
      <c r="N1008364" s="10"/>
    </row>
    <row r="1008365" spans="14:14">
      <c r="N1008365" s="10"/>
    </row>
    <row r="1008366" spans="14:14">
      <c r="N1008366" s="10"/>
    </row>
    <row r="1008367" spans="14:14">
      <c r="N1008367" s="10"/>
    </row>
    <row r="1008368" spans="14:14">
      <c r="N1008368" s="10"/>
    </row>
    <row r="1008369" spans="14:14">
      <c r="N1008369" s="10"/>
    </row>
    <row r="1008370" spans="14:14">
      <c r="N1008370" s="10"/>
    </row>
    <row r="1008371" spans="14:14">
      <c r="N1008371" s="10"/>
    </row>
    <row r="1008372" spans="14:14">
      <c r="N1008372" s="10"/>
    </row>
    <row r="1008373" spans="14:14">
      <c r="N1008373" s="10"/>
    </row>
    <row r="1008374" spans="14:14">
      <c r="N1008374" s="10"/>
    </row>
    <row r="1008375" spans="14:14">
      <c r="N1008375" s="10"/>
    </row>
    <row r="1008376" spans="14:14">
      <c r="N1008376" s="10"/>
    </row>
    <row r="1008377" spans="14:14">
      <c r="N1008377" s="10"/>
    </row>
    <row r="1008378" spans="14:14">
      <c r="N1008378" s="10"/>
    </row>
    <row r="1008379" spans="14:14">
      <c r="N1008379" s="10"/>
    </row>
    <row r="1008380" spans="14:14">
      <c r="N1008380" s="10"/>
    </row>
    <row r="1008381" spans="14:14">
      <c r="N1008381" s="10"/>
    </row>
    <row r="1008382" spans="14:14">
      <c r="N1008382" s="10"/>
    </row>
    <row r="1008383" spans="14:14">
      <c r="N1008383" s="10"/>
    </row>
    <row r="1008384" spans="14:14">
      <c r="N1008384" s="10"/>
    </row>
    <row r="1008385" spans="14:14">
      <c r="N1008385" s="10"/>
    </row>
    <row r="1008386" spans="14:14">
      <c r="N1008386" s="10"/>
    </row>
    <row r="1008387" spans="14:14">
      <c r="N1008387" s="10"/>
    </row>
    <row r="1008388" spans="14:14">
      <c r="N1008388" s="10"/>
    </row>
    <row r="1008389" spans="14:14">
      <c r="N1008389" s="10"/>
    </row>
    <row r="1008390" spans="14:14">
      <c r="N1008390" s="10"/>
    </row>
    <row r="1008391" spans="14:14">
      <c r="N1008391" s="10"/>
    </row>
    <row r="1008392" spans="14:14">
      <c r="N1008392" s="10"/>
    </row>
    <row r="1008393" spans="14:14">
      <c r="N1008393" s="10"/>
    </row>
    <row r="1008394" spans="14:14">
      <c r="N1008394" s="10"/>
    </row>
    <row r="1008395" spans="14:14">
      <c r="N1008395" s="10"/>
    </row>
    <row r="1008396" spans="14:14">
      <c r="N1008396" s="10"/>
    </row>
    <row r="1008397" spans="14:14">
      <c r="N1008397" s="10"/>
    </row>
    <row r="1008398" spans="14:14">
      <c r="N1008398" s="10"/>
    </row>
    <row r="1008399" spans="14:14">
      <c r="N1008399" s="10"/>
    </row>
    <row r="1008400" spans="14:14">
      <c r="N1008400" s="10"/>
    </row>
    <row r="1008401" spans="14:14">
      <c r="N1008401" s="10"/>
    </row>
    <row r="1008402" spans="14:14">
      <c r="N1008402" s="10"/>
    </row>
    <row r="1008403" spans="14:14">
      <c r="N1008403" s="10"/>
    </row>
    <row r="1008404" spans="14:14">
      <c r="N1008404" s="10"/>
    </row>
    <row r="1008405" spans="14:14">
      <c r="N1008405" s="10"/>
    </row>
    <row r="1008406" spans="14:14">
      <c r="N1008406" s="10"/>
    </row>
    <row r="1008407" spans="14:14">
      <c r="N1008407" s="10"/>
    </row>
    <row r="1008408" spans="14:14">
      <c r="N1008408" s="10"/>
    </row>
    <row r="1008409" spans="14:14">
      <c r="N1008409" s="10"/>
    </row>
    <row r="1008410" spans="14:14">
      <c r="N1008410" s="10"/>
    </row>
    <row r="1008411" spans="14:14">
      <c r="N1008411" s="10"/>
    </row>
    <row r="1008412" spans="14:14">
      <c r="N1008412" s="10"/>
    </row>
    <row r="1008413" spans="14:14">
      <c r="N1008413" s="10"/>
    </row>
    <row r="1008414" spans="14:14">
      <c r="N1008414" s="10"/>
    </row>
    <row r="1008415" spans="14:14">
      <c r="N1008415" s="10"/>
    </row>
    <row r="1008416" spans="14:14">
      <c r="N1008416" s="10"/>
    </row>
    <row r="1008417" spans="14:14">
      <c r="N1008417" s="10"/>
    </row>
    <row r="1008418" spans="14:14">
      <c r="N1008418" s="10"/>
    </row>
    <row r="1008419" spans="14:14">
      <c r="N1008419" s="10"/>
    </row>
    <row r="1008420" spans="14:14">
      <c r="N1008420" s="10"/>
    </row>
    <row r="1008421" spans="14:14">
      <c r="N1008421" s="10"/>
    </row>
    <row r="1008422" spans="14:14">
      <c r="N1008422" s="10"/>
    </row>
    <row r="1008423" spans="14:14">
      <c r="N1008423" s="10"/>
    </row>
    <row r="1008424" spans="14:14">
      <c r="N1008424" s="10"/>
    </row>
    <row r="1008425" spans="14:14">
      <c r="N1008425" s="10"/>
    </row>
    <row r="1008426" spans="14:14">
      <c r="N1008426" s="10"/>
    </row>
    <row r="1008427" spans="14:14">
      <c r="N1008427" s="10"/>
    </row>
    <row r="1008428" spans="14:14">
      <c r="N1008428" s="10"/>
    </row>
    <row r="1008429" spans="14:14">
      <c r="N1008429" s="10"/>
    </row>
    <row r="1008430" spans="14:14">
      <c r="N1008430" s="10"/>
    </row>
    <row r="1008431" spans="14:14">
      <c r="N1008431" s="10"/>
    </row>
    <row r="1008432" spans="14:14">
      <c r="N1008432" s="10"/>
    </row>
    <row r="1008433" spans="14:14">
      <c r="N1008433" s="10"/>
    </row>
    <row r="1008434" spans="14:14">
      <c r="N1008434" s="10"/>
    </row>
    <row r="1008435" spans="14:14">
      <c r="N1008435" s="10"/>
    </row>
    <row r="1008436" spans="14:14">
      <c r="N1008436" s="10"/>
    </row>
    <row r="1008437" spans="14:14">
      <c r="N1008437" s="10"/>
    </row>
    <row r="1008438" spans="14:14">
      <c r="N1008438" s="10"/>
    </row>
    <row r="1008439" spans="14:14">
      <c r="N1008439" s="10"/>
    </row>
    <row r="1008440" spans="14:14">
      <c r="N1008440" s="10"/>
    </row>
    <row r="1008441" spans="14:14">
      <c r="N1008441" s="10"/>
    </row>
    <row r="1008442" spans="14:14">
      <c r="N1008442" s="10"/>
    </row>
    <row r="1008443" spans="14:14">
      <c r="N1008443" s="10"/>
    </row>
    <row r="1008444" spans="14:14">
      <c r="N1008444" s="10"/>
    </row>
    <row r="1008445" spans="14:14">
      <c r="N1008445" s="10"/>
    </row>
    <row r="1008446" spans="14:14">
      <c r="N1008446" s="10"/>
    </row>
    <row r="1008447" spans="14:14">
      <c r="N1008447" s="10"/>
    </row>
    <row r="1008448" spans="14:14">
      <c r="N1008448" s="10"/>
    </row>
    <row r="1008449" spans="14:14">
      <c r="N1008449" s="10"/>
    </row>
    <row r="1008450" spans="14:14">
      <c r="N1008450" s="10"/>
    </row>
    <row r="1008451" spans="14:14">
      <c r="N1008451" s="10"/>
    </row>
    <row r="1008452" spans="14:14">
      <c r="N1008452" s="10"/>
    </row>
    <row r="1008453" spans="14:14">
      <c r="N1008453" s="10"/>
    </row>
    <row r="1008454" spans="14:14">
      <c r="N1008454" s="10"/>
    </row>
    <row r="1008455" spans="14:14">
      <c r="N1008455" s="10"/>
    </row>
    <row r="1008456" spans="14:14">
      <c r="N1008456" s="10"/>
    </row>
    <row r="1008457" spans="14:14">
      <c r="N1008457" s="10"/>
    </row>
    <row r="1008458" spans="14:14">
      <c r="N1008458" s="10"/>
    </row>
    <row r="1008459" spans="14:14">
      <c r="N1008459" s="10"/>
    </row>
    <row r="1008460" spans="14:14">
      <c r="N1008460" s="10"/>
    </row>
    <row r="1008461" spans="14:14">
      <c r="N1008461" s="10"/>
    </row>
    <row r="1008462" spans="14:14">
      <c r="N1008462" s="10"/>
    </row>
    <row r="1008463" spans="14:14">
      <c r="N1008463" s="10"/>
    </row>
    <row r="1008464" spans="14:14">
      <c r="N1008464" s="10"/>
    </row>
    <row r="1008465" spans="14:14">
      <c r="N1008465" s="10"/>
    </row>
    <row r="1008466" spans="14:14">
      <c r="N1008466" s="10"/>
    </row>
    <row r="1008467" spans="14:14">
      <c r="N1008467" s="10"/>
    </row>
    <row r="1008468" spans="14:14">
      <c r="N1008468" s="10"/>
    </row>
    <row r="1008469" spans="14:14">
      <c r="N1008469" s="10"/>
    </row>
    <row r="1008470" spans="14:14">
      <c r="N1008470" s="10"/>
    </row>
    <row r="1008471" spans="14:14">
      <c r="N1008471" s="10"/>
    </row>
    <row r="1008472" spans="14:14">
      <c r="N1008472" s="10"/>
    </row>
    <row r="1008473" spans="14:14">
      <c r="N1008473" s="10"/>
    </row>
    <row r="1008474" spans="14:14">
      <c r="N1008474" s="10"/>
    </row>
    <row r="1008475" spans="14:14">
      <c r="N1008475" s="10"/>
    </row>
    <row r="1008476" spans="14:14">
      <c r="N1008476" s="10"/>
    </row>
    <row r="1008477" spans="14:14">
      <c r="N1008477" s="10"/>
    </row>
    <row r="1008478" spans="14:14">
      <c r="N1008478" s="10"/>
    </row>
    <row r="1008479" spans="14:14">
      <c r="N1008479" s="10"/>
    </row>
    <row r="1008480" spans="14:14">
      <c r="N1008480" s="10"/>
    </row>
    <row r="1008481" spans="14:14">
      <c r="N1008481" s="10"/>
    </row>
    <row r="1008482" spans="14:14">
      <c r="N1008482" s="10"/>
    </row>
    <row r="1008483" spans="14:14">
      <c r="N1008483" s="10"/>
    </row>
    <row r="1008484" spans="14:14">
      <c r="N1008484" s="10"/>
    </row>
    <row r="1008485" spans="14:14">
      <c r="N1008485" s="10"/>
    </row>
    <row r="1008486" spans="14:14">
      <c r="N1008486" s="10"/>
    </row>
    <row r="1008487" spans="14:14">
      <c r="N1008487" s="10"/>
    </row>
    <row r="1008488" spans="14:14">
      <c r="N1008488" s="10"/>
    </row>
    <row r="1008489" spans="14:14">
      <c r="N1008489" s="10"/>
    </row>
    <row r="1008490" spans="14:14">
      <c r="N1008490" s="10"/>
    </row>
    <row r="1008491" spans="14:14">
      <c r="N1008491" s="10"/>
    </row>
    <row r="1008492" spans="14:14">
      <c r="N1008492" s="10"/>
    </row>
    <row r="1008493" spans="14:14">
      <c r="N1008493" s="10"/>
    </row>
    <row r="1008494" spans="14:14">
      <c r="N1008494" s="10"/>
    </row>
    <row r="1008495" spans="14:14">
      <c r="N1008495" s="10"/>
    </row>
    <row r="1008496" spans="14:14">
      <c r="N1008496" s="10"/>
    </row>
    <row r="1008497" spans="14:14">
      <c r="N1008497" s="10"/>
    </row>
    <row r="1008498" spans="14:14">
      <c r="N1008498" s="10"/>
    </row>
    <row r="1008499" spans="14:14">
      <c r="N1008499" s="10"/>
    </row>
    <row r="1008500" spans="14:14">
      <c r="N1008500" s="10"/>
    </row>
    <row r="1008501" spans="14:14">
      <c r="N1008501" s="10"/>
    </row>
    <row r="1008502" spans="14:14">
      <c r="N1008502" s="10"/>
    </row>
    <row r="1008503" spans="14:14">
      <c r="N1008503" s="10"/>
    </row>
    <row r="1008504" spans="14:14">
      <c r="N1008504" s="10"/>
    </row>
    <row r="1008505" spans="14:14">
      <c r="N1008505" s="10"/>
    </row>
    <row r="1008506" spans="14:14">
      <c r="N1008506" s="10"/>
    </row>
    <row r="1008507" spans="14:14">
      <c r="N1008507" s="10"/>
    </row>
    <row r="1008508" spans="14:14">
      <c r="N1008508" s="10"/>
    </row>
    <row r="1008509" spans="14:14">
      <c r="N1008509" s="10"/>
    </row>
    <row r="1008510" spans="14:14">
      <c r="N1008510" s="10"/>
    </row>
    <row r="1008511" spans="14:14">
      <c r="N1008511" s="10"/>
    </row>
    <row r="1008512" spans="14:14">
      <c r="N1008512" s="10"/>
    </row>
    <row r="1008513" spans="14:14">
      <c r="N1008513" s="10"/>
    </row>
    <row r="1008514" spans="14:14">
      <c r="N1008514" s="10"/>
    </row>
    <row r="1008515" spans="14:14">
      <c r="N1008515" s="10"/>
    </row>
    <row r="1008516" spans="14:14">
      <c r="N1008516" s="10"/>
    </row>
    <row r="1008517" spans="14:14">
      <c r="N1008517" s="10"/>
    </row>
    <row r="1008518" spans="14:14">
      <c r="N1008518" s="10"/>
    </row>
    <row r="1008519" spans="14:14">
      <c r="N1008519" s="10"/>
    </row>
    <row r="1008520" spans="14:14">
      <c r="N1008520" s="10"/>
    </row>
    <row r="1008521" spans="14:14">
      <c r="N1008521" s="10"/>
    </row>
    <row r="1008522" spans="14:14">
      <c r="N1008522" s="10"/>
    </row>
    <row r="1008523" spans="14:14">
      <c r="N1008523" s="10"/>
    </row>
    <row r="1008524" spans="14:14">
      <c r="N1008524" s="10"/>
    </row>
    <row r="1008525" spans="14:14">
      <c r="N1008525" s="10"/>
    </row>
    <row r="1008526" spans="14:14">
      <c r="N1008526" s="10"/>
    </row>
    <row r="1008527" spans="14:14">
      <c r="N1008527" s="10"/>
    </row>
    <row r="1008528" spans="14:14">
      <c r="N1008528" s="10"/>
    </row>
    <row r="1008529" spans="14:14">
      <c r="N1008529" s="10"/>
    </row>
    <row r="1008530" spans="14:14">
      <c r="N1008530" s="10"/>
    </row>
    <row r="1008531" spans="14:14">
      <c r="N1008531" s="10"/>
    </row>
    <row r="1008532" spans="14:14">
      <c r="N1008532" s="10"/>
    </row>
    <row r="1008533" spans="14:14">
      <c r="N1008533" s="10"/>
    </row>
    <row r="1008534" spans="14:14">
      <c r="N1008534" s="10"/>
    </row>
    <row r="1008535" spans="14:14">
      <c r="N1008535" s="10"/>
    </row>
    <row r="1008536" spans="14:14">
      <c r="N1008536" s="10"/>
    </row>
    <row r="1008537" spans="14:14">
      <c r="N1008537" s="10"/>
    </row>
    <row r="1008538" spans="14:14">
      <c r="N1008538" s="10"/>
    </row>
    <row r="1008539" spans="14:14">
      <c r="N1008539" s="10"/>
    </row>
    <row r="1008540" spans="14:14">
      <c r="N1008540" s="10"/>
    </row>
    <row r="1008541" spans="14:14">
      <c r="N1008541" s="10"/>
    </row>
    <row r="1008542" spans="14:14">
      <c r="N1008542" s="10"/>
    </row>
    <row r="1008543" spans="14:14">
      <c r="N1008543" s="10"/>
    </row>
    <row r="1008544" spans="14:14">
      <c r="N1008544" s="10"/>
    </row>
    <row r="1008545" spans="14:14">
      <c r="N1008545" s="10"/>
    </row>
    <row r="1008546" spans="14:14">
      <c r="N1008546" s="10"/>
    </row>
    <row r="1008547" spans="14:14">
      <c r="N1008547" s="10"/>
    </row>
    <row r="1008548" spans="14:14">
      <c r="N1008548" s="10"/>
    </row>
    <row r="1008549" spans="14:14">
      <c r="N1008549" s="10"/>
    </row>
    <row r="1008550" spans="14:14">
      <c r="N1008550" s="10"/>
    </row>
    <row r="1008551" spans="14:14">
      <c r="N1008551" s="10"/>
    </row>
    <row r="1008552" spans="14:14">
      <c r="N1008552" s="10"/>
    </row>
    <row r="1008553" spans="14:14">
      <c r="N1008553" s="10"/>
    </row>
    <row r="1008554" spans="14:14">
      <c r="N1008554" s="10"/>
    </row>
    <row r="1008555" spans="14:14">
      <c r="N1008555" s="10"/>
    </row>
    <row r="1008556" spans="14:14">
      <c r="N1008556" s="10"/>
    </row>
    <row r="1008557" spans="14:14">
      <c r="N1008557" s="10"/>
    </row>
    <row r="1008558" spans="14:14">
      <c r="N1008558" s="10"/>
    </row>
    <row r="1008559" spans="14:14">
      <c r="N1008559" s="10"/>
    </row>
    <row r="1008560" spans="14:14">
      <c r="N1008560" s="10"/>
    </row>
    <row r="1008561" spans="14:14">
      <c r="N1008561" s="10"/>
    </row>
    <row r="1008562" spans="14:14">
      <c r="N1008562" s="10"/>
    </row>
    <row r="1008563" spans="14:14">
      <c r="N1008563" s="10"/>
    </row>
    <row r="1008564" spans="14:14">
      <c r="N1008564" s="10"/>
    </row>
    <row r="1008565" spans="14:14">
      <c r="N1008565" s="10"/>
    </row>
    <row r="1008566" spans="14:14">
      <c r="N1008566" s="10"/>
    </row>
    <row r="1008567" spans="14:14">
      <c r="N1008567" s="10"/>
    </row>
    <row r="1008568" spans="14:14">
      <c r="N1008568" s="10"/>
    </row>
    <row r="1008569" spans="14:14">
      <c r="N1008569" s="10"/>
    </row>
    <row r="1008570" spans="14:14">
      <c r="N1008570" s="10"/>
    </row>
    <row r="1008571" spans="14:14">
      <c r="N1008571" s="10"/>
    </row>
    <row r="1008572" spans="14:14">
      <c r="N1008572" s="10"/>
    </row>
    <row r="1008573" spans="14:14">
      <c r="N1008573" s="10"/>
    </row>
    <row r="1008574" spans="14:14">
      <c r="N1008574" s="10"/>
    </row>
    <row r="1008575" spans="14:14">
      <c r="N1008575" s="10"/>
    </row>
    <row r="1008576" spans="14:14">
      <c r="N1008576" s="10"/>
    </row>
    <row r="1008577" spans="14:14">
      <c r="N1008577" s="10"/>
    </row>
    <row r="1008578" spans="14:14">
      <c r="N1008578" s="10"/>
    </row>
    <row r="1008579" spans="14:14">
      <c r="N1008579" s="10"/>
    </row>
    <row r="1008580" spans="14:14">
      <c r="N1008580" s="10"/>
    </row>
    <row r="1008581" spans="14:14">
      <c r="N1008581" s="10"/>
    </row>
    <row r="1008582" spans="14:14">
      <c r="N1008582" s="10"/>
    </row>
    <row r="1008583" spans="14:14">
      <c r="N1008583" s="10"/>
    </row>
    <row r="1008584" spans="14:14">
      <c r="N1008584" s="10"/>
    </row>
    <row r="1008585" spans="14:14">
      <c r="N1008585" s="10"/>
    </row>
    <row r="1008586" spans="14:14">
      <c r="N1008586" s="10"/>
    </row>
    <row r="1008587" spans="14:14">
      <c r="N1008587" s="10"/>
    </row>
    <row r="1008588" spans="14:14">
      <c r="N1008588" s="10"/>
    </row>
    <row r="1008589" spans="14:14">
      <c r="N1008589" s="10"/>
    </row>
    <row r="1008590" spans="14:14">
      <c r="N1008590" s="10"/>
    </row>
    <row r="1008591" spans="14:14">
      <c r="N1008591" s="10"/>
    </row>
    <row r="1008592" spans="14:14">
      <c r="N1008592" s="10"/>
    </row>
    <row r="1008593" spans="14:14">
      <c r="N1008593" s="10"/>
    </row>
    <row r="1008594" spans="14:14">
      <c r="N1008594" s="10"/>
    </row>
    <row r="1008595" spans="14:14">
      <c r="N1008595" s="10"/>
    </row>
    <row r="1008596" spans="14:14">
      <c r="N1008596" s="10"/>
    </row>
    <row r="1008597" spans="14:14">
      <c r="N1008597" s="10"/>
    </row>
    <row r="1008598" spans="14:14">
      <c r="N1008598" s="10"/>
    </row>
    <row r="1008599" spans="14:14">
      <c r="N1008599" s="10"/>
    </row>
    <row r="1008600" spans="14:14">
      <c r="N1008600" s="10"/>
    </row>
    <row r="1008601" spans="14:14">
      <c r="N1008601" s="10"/>
    </row>
    <row r="1008602" spans="14:14">
      <c r="N1008602" s="10"/>
    </row>
    <row r="1008603" spans="14:14">
      <c r="N1008603" s="10"/>
    </row>
    <row r="1008604" spans="14:14">
      <c r="N1008604" s="10"/>
    </row>
    <row r="1008605" spans="14:14">
      <c r="N1008605" s="10"/>
    </row>
    <row r="1008606" spans="14:14">
      <c r="N1008606" s="10"/>
    </row>
    <row r="1008607" spans="14:14">
      <c r="N1008607" s="10"/>
    </row>
    <row r="1008608" spans="14:14">
      <c r="N1008608" s="10"/>
    </row>
    <row r="1008609" spans="14:14">
      <c r="N1008609" s="10"/>
    </row>
    <row r="1008610" spans="14:14">
      <c r="N1008610" s="10"/>
    </row>
    <row r="1008611" spans="14:14">
      <c r="N1008611" s="10"/>
    </row>
    <row r="1008612" spans="14:14">
      <c r="N1008612" s="10"/>
    </row>
    <row r="1008613" spans="14:14">
      <c r="N1008613" s="10"/>
    </row>
    <row r="1008614" spans="14:14">
      <c r="N1008614" s="10"/>
    </row>
    <row r="1008615" spans="14:14">
      <c r="N1008615" s="10"/>
    </row>
    <row r="1008616" spans="14:14">
      <c r="N1008616" s="10"/>
    </row>
    <row r="1008617" spans="14:14">
      <c r="N1008617" s="10"/>
    </row>
    <row r="1008618" spans="14:14">
      <c r="N1008618" s="10"/>
    </row>
    <row r="1008619" spans="14:14">
      <c r="N1008619" s="10"/>
    </row>
    <row r="1008620" spans="14:14">
      <c r="N1008620" s="10"/>
    </row>
    <row r="1008621" spans="14:14">
      <c r="N1008621" s="10"/>
    </row>
    <row r="1008622" spans="14:14">
      <c r="N1008622" s="10"/>
    </row>
    <row r="1008623" spans="14:14">
      <c r="N1008623" s="10"/>
    </row>
    <row r="1008624" spans="14:14">
      <c r="N1008624" s="10"/>
    </row>
    <row r="1008625" spans="14:14">
      <c r="N1008625" s="10"/>
    </row>
    <row r="1008626" spans="14:14">
      <c r="N1008626" s="10"/>
    </row>
    <row r="1008627" spans="14:14">
      <c r="N1008627" s="10"/>
    </row>
    <row r="1008628" spans="14:14">
      <c r="N1008628" s="10"/>
    </row>
    <row r="1008629" spans="14:14">
      <c r="N1008629" s="10"/>
    </row>
    <row r="1008630" spans="14:14">
      <c r="N1008630" s="10"/>
    </row>
    <row r="1008631" spans="14:14">
      <c r="N1008631" s="10"/>
    </row>
    <row r="1008632" spans="14:14">
      <c r="N1008632" s="10"/>
    </row>
    <row r="1008633" spans="14:14">
      <c r="N1008633" s="10"/>
    </row>
    <row r="1008634" spans="14:14">
      <c r="N1008634" s="10"/>
    </row>
    <row r="1008635" spans="14:14">
      <c r="N1008635" s="10"/>
    </row>
    <row r="1008636" spans="14:14">
      <c r="N1008636" s="10"/>
    </row>
    <row r="1008637" spans="14:14">
      <c r="N1008637" s="10"/>
    </row>
    <row r="1008638" spans="14:14">
      <c r="N1008638" s="10"/>
    </row>
    <row r="1008639" spans="14:14">
      <c r="N1008639" s="10"/>
    </row>
    <row r="1008640" spans="14:14">
      <c r="N1008640" s="10"/>
    </row>
    <row r="1008641" spans="14:14">
      <c r="N1008641" s="10"/>
    </row>
    <row r="1008642" spans="14:14">
      <c r="N1008642" s="10"/>
    </row>
    <row r="1008643" spans="14:14">
      <c r="N1008643" s="10"/>
    </row>
    <row r="1008644" spans="14:14">
      <c r="N1008644" s="10"/>
    </row>
    <row r="1008645" spans="14:14">
      <c r="N1008645" s="10"/>
    </row>
    <row r="1008646" spans="14:14">
      <c r="N1008646" s="10"/>
    </row>
    <row r="1008647" spans="14:14">
      <c r="N1008647" s="10"/>
    </row>
    <row r="1008648" spans="14:14">
      <c r="N1008648" s="10"/>
    </row>
    <row r="1008649" spans="14:14">
      <c r="N1008649" s="10"/>
    </row>
    <row r="1008650" spans="14:14">
      <c r="N1008650" s="10"/>
    </row>
    <row r="1008651" spans="14:14">
      <c r="N1008651" s="10"/>
    </row>
    <row r="1008652" spans="14:14">
      <c r="N1008652" s="10"/>
    </row>
    <row r="1008653" spans="14:14">
      <c r="N1008653" s="10"/>
    </row>
    <row r="1008654" spans="14:14">
      <c r="N1008654" s="10"/>
    </row>
    <row r="1008655" spans="14:14">
      <c r="N1008655" s="10"/>
    </row>
    <row r="1008656" spans="14:14">
      <c r="N1008656" s="10"/>
    </row>
    <row r="1008657" spans="14:14">
      <c r="N1008657" s="10"/>
    </row>
    <row r="1008658" spans="14:14">
      <c r="N1008658" s="10"/>
    </row>
    <row r="1008659" spans="14:14">
      <c r="N1008659" s="10"/>
    </row>
    <row r="1008660" spans="14:14">
      <c r="N1008660" s="10"/>
    </row>
    <row r="1008661" spans="14:14">
      <c r="N1008661" s="10"/>
    </row>
    <row r="1008662" spans="14:14">
      <c r="N1008662" s="10"/>
    </row>
    <row r="1008663" spans="14:14">
      <c r="N1008663" s="10"/>
    </row>
    <row r="1008664" spans="14:14">
      <c r="N1008664" s="10"/>
    </row>
    <row r="1008665" spans="14:14">
      <c r="N1008665" s="10"/>
    </row>
    <row r="1008666" spans="14:14">
      <c r="N1008666" s="10"/>
    </row>
    <row r="1008667" spans="14:14">
      <c r="N1008667" s="10"/>
    </row>
    <row r="1008668" spans="14:14">
      <c r="N1008668" s="10"/>
    </row>
    <row r="1008669" spans="14:14">
      <c r="N1008669" s="10"/>
    </row>
    <row r="1008670" spans="14:14">
      <c r="N1008670" s="10"/>
    </row>
    <row r="1008671" spans="14:14">
      <c r="N1008671" s="10"/>
    </row>
    <row r="1008672" spans="14:14">
      <c r="N1008672" s="10"/>
    </row>
    <row r="1008673" spans="14:14">
      <c r="N1008673" s="10"/>
    </row>
    <row r="1008674" spans="14:14">
      <c r="N1008674" s="10"/>
    </row>
    <row r="1008675" spans="14:14">
      <c r="N1008675" s="10"/>
    </row>
    <row r="1008676" spans="14:14">
      <c r="N1008676" s="10"/>
    </row>
    <row r="1008677" spans="14:14">
      <c r="N1008677" s="10"/>
    </row>
    <row r="1008678" spans="14:14">
      <c r="N1008678" s="10"/>
    </row>
    <row r="1008679" spans="14:14">
      <c r="N1008679" s="10"/>
    </row>
    <row r="1008680" spans="14:14">
      <c r="N1008680" s="10"/>
    </row>
    <row r="1008681" spans="14:14">
      <c r="N1008681" s="10"/>
    </row>
    <row r="1008682" spans="14:14">
      <c r="N1008682" s="10"/>
    </row>
    <row r="1008683" spans="14:14">
      <c r="N1008683" s="10"/>
    </row>
    <row r="1008684" spans="14:14">
      <c r="N1008684" s="10"/>
    </row>
    <row r="1008685" spans="14:14">
      <c r="N1008685" s="10"/>
    </row>
    <row r="1008686" spans="14:14">
      <c r="N1008686" s="10"/>
    </row>
    <row r="1008687" spans="14:14">
      <c r="N1008687" s="10"/>
    </row>
    <row r="1008688" spans="14:14">
      <c r="N1008688" s="10"/>
    </row>
    <row r="1008689" spans="14:14">
      <c r="N1008689" s="10"/>
    </row>
    <row r="1008690" spans="14:14">
      <c r="N1008690" s="10"/>
    </row>
    <row r="1008691" spans="14:14">
      <c r="N1008691" s="10"/>
    </row>
    <row r="1008692" spans="14:14">
      <c r="N1008692" s="10"/>
    </row>
    <row r="1008693" spans="14:14">
      <c r="N1008693" s="10"/>
    </row>
    <row r="1008694" spans="14:14">
      <c r="N1008694" s="10"/>
    </row>
    <row r="1008695" spans="14:14">
      <c r="N1008695" s="10"/>
    </row>
    <row r="1008696" spans="14:14">
      <c r="N1008696" s="10"/>
    </row>
    <row r="1008697" spans="14:14">
      <c r="N1008697" s="10"/>
    </row>
    <row r="1008698" spans="14:14">
      <c r="N1008698" s="10"/>
    </row>
    <row r="1008699" spans="14:14">
      <c r="N1008699" s="10"/>
    </row>
    <row r="1008700" spans="14:14">
      <c r="N1008700" s="10"/>
    </row>
    <row r="1008701" spans="14:14">
      <c r="N1008701" s="10"/>
    </row>
    <row r="1008702" spans="14:14">
      <c r="N1008702" s="10"/>
    </row>
    <row r="1008703" spans="14:14">
      <c r="N1008703" s="10"/>
    </row>
    <row r="1008704" spans="14:14">
      <c r="N1008704" s="10"/>
    </row>
    <row r="1008705" spans="14:14">
      <c r="N1008705" s="10"/>
    </row>
    <row r="1008706" spans="14:14">
      <c r="N1008706" s="10"/>
    </row>
    <row r="1008707" spans="14:14">
      <c r="N1008707" s="10"/>
    </row>
    <row r="1008708" spans="14:14">
      <c r="N1008708" s="10"/>
    </row>
    <row r="1008709" spans="14:14">
      <c r="N1008709" s="10"/>
    </row>
    <row r="1008710" spans="14:14">
      <c r="N1008710" s="10"/>
    </row>
    <row r="1008711" spans="14:14">
      <c r="N1008711" s="10"/>
    </row>
    <row r="1008712" spans="14:14">
      <c r="N1008712" s="10"/>
    </row>
    <row r="1008713" spans="14:14">
      <c r="N1008713" s="10"/>
    </row>
    <row r="1008714" spans="14:14">
      <c r="N1008714" s="10"/>
    </row>
    <row r="1008715" spans="14:14">
      <c r="N1008715" s="10"/>
    </row>
    <row r="1008716" spans="14:14">
      <c r="N1008716" s="10"/>
    </row>
    <row r="1008717" spans="14:14">
      <c r="N1008717" s="10"/>
    </row>
    <row r="1008718" spans="14:14">
      <c r="N1008718" s="10"/>
    </row>
    <row r="1008719" spans="14:14">
      <c r="N1008719" s="10"/>
    </row>
    <row r="1008720" spans="14:14">
      <c r="N1008720" s="10"/>
    </row>
    <row r="1008721" spans="14:14">
      <c r="N1008721" s="10"/>
    </row>
    <row r="1008722" spans="14:14">
      <c r="N1008722" s="10"/>
    </row>
    <row r="1008723" spans="14:14">
      <c r="N1008723" s="10"/>
    </row>
    <row r="1008724" spans="14:14">
      <c r="N1008724" s="10"/>
    </row>
    <row r="1008725" spans="14:14">
      <c r="N1008725" s="10"/>
    </row>
    <row r="1008726" spans="14:14">
      <c r="N1008726" s="10"/>
    </row>
    <row r="1008727" spans="14:14">
      <c r="N1008727" s="10"/>
    </row>
    <row r="1008728" spans="14:14">
      <c r="N1008728" s="10"/>
    </row>
    <row r="1008729" spans="14:14">
      <c r="N1008729" s="10"/>
    </row>
    <row r="1008730" spans="14:14">
      <c r="N1008730" s="10"/>
    </row>
    <row r="1008731" spans="14:14">
      <c r="N1008731" s="10"/>
    </row>
    <row r="1008732" spans="14:14">
      <c r="N1008732" s="10"/>
    </row>
    <row r="1008733" spans="14:14">
      <c r="N1008733" s="10"/>
    </row>
    <row r="1008734" spans="14:14">
      <c r="N1008734" s="10"/>
    </row>
    <row r="1008735" spans="14:14">
      <c r="N1008735" s="10"/>
    </row>
    <row r="1008736" spans="14:14">
      <c r="N1008736" s="10"/>
    </row>
    <row r="1008737" spans="14:14">
      <c r="N1008737" s="10"/>
    </row>
    <row r="1008738" spans="14:14">
      <c r="N1008738" s="10"/>
    </row>
    <row r="1008739" spans="14:14">
      <c r="N1008739" s="10"/>
    </row>
    <row r="1008740" spans="14:14">
      <c r="N1008740" s="10"/>
    </row>
    <row r="1008741" spans="14:14">
      <c r="N1008741" s="10"/>
    </row>
    <row r="1008742" spans="14:14">
      <c r="N1008742" s="10"/>
    </row>
    <row r="1008743" spans="14:14">
      <c r="N1008743" s="10"/>
    </row>
    <row r="1008744" spans="14:14">
      <c r="N1008744" s="10"/>
    </row>
    <row r="1008745" spans="14:14">
      <c r="N1008745" s="10"/>
    </row>
    <row r="1008746" spans="14:14">
      <c r="N1008746" s="10"/>
    </row>
    <row r="1008747" spans="14:14">
      <c r="N1008747" s="10"/>
    </row>
    <row r="1008748" spans="14:14">
      <c r="N1008748" s="10"/>
    </row>
    <row r="1008749" spans="14:14">
      <c r="N1008749" s="10"/>
    </row>
    <row r="1008750" spans="14:14">
      <c r="N1008750" s="10"/>
    </row>
    <row r="1008751" spans="14:14">
      <c r="N1008751" s="10"/>
    </row>
    <row r="1008752" spans="14:14">
      <c r="N1008752" s="10"/>
    </row>
    <row r="1008753" spans="14:14">
      <c r="N1008753" s="10"/>
    </row>
    <row r="1008754" spans="14:14">
      <c r="N1008754" s="10"/>
    </row>
    <row r="1008755" spans="14:14">
      <c r="N1008755" s="10"/>
    </row>
    <row r="1008756" spans="14:14">
      <c r="N1008756" s="10"/>
    </row>
    <row r="1008757" spans="14:14">
      <c r="N1008757" s="10"/>
    </row>
    <row r="1008758" spans="14:14">
      <c r="N1008758" s="10"/>
    </row>
    <row r="1008759" spans="14:14">
      <c r="N1008759" s="10"/>
    </row>
    <row r="1008760" spans="14:14">
      <c r="N1008760" s="10"/>
    </row>
    <row r="1008761" spans="14:14">
      <c r="N1008761" s="10"/>
    </row>
    <row r="1008762" spans="14:14">
      <c r="N1008762" s="10"/>
    </row>
    <row r="1008763" spans="14:14">
      <c r="N1008763" s="10"/>
    </row>
    <row r="1008764" spans="14:14">
      <c r="N1008764" s="10"/>
    </row>
    <row r="1008765" spans="14:14">
      <c r="N1008765" s="10"/>
    </row>
    <row r="1008766" spans="14:14">
      <c r="N1008766" s="10"/>
    </row>
    <row r="1008767" spans="14:14">
      <c r="N1008767" s="10"/>
    </row>
    <row r="1008768" spans="14:14">
      <c r="N1008768" s="10"/>
    </row>
    <row r="1008769" spans="14:14">
      <c r="N1008769" s="10"/>
    </row>
    <row r="1008770" spans="14:14">
      <c r="N1008770" s="10"/>
    </row>
    <row r="1008771" spans="14:14">
      <c r="N1008771" s="10"/>
    </row>
    <row r="1008772" spans="14:14">
      <c r="N1008772" s="10"/>
    </row>
    <row r="1008773" spans="14:14">
      <c r="N1008773" s="10"/>
    </row>
    <row r="1008774" spans="14:14">
      <c r="N1008774" s="10"/>
    </row>
    <row r="1008775" spans="14:14">
      <c r="N1008775" s="10"/>
    </row>
    <row r="1008776" spans="14:14">
      <c r="N1008776" s="10"/>
    </row>
    <row r="1008777" spans="14:14">
      <c r="N1008777" s="10"/>
    </row>
    <row r="1008778" spans="14:14">
      <c r="N1008778" s="10"/>
    </row>
    <row r="1008779" spans="14:14">
      <c r="N1008779" s="10"/>
    </row>
    <row r="1008780" spans="14:14">
      <c r="N1008780" s="10"/>
    </row>
    <row r="1008781" spans="14:14">
      <c r="N1008781" s="10"/>
    </row>
    <row r="1008782" spans="14:14">
      <c r="N1008782" s="10"/>
    </row>
    <row r="1008783" spans="14:14">
      <c r="N1008783" s="10"/>
    </row>
    <row r="1008784" spans="14:14">
      <c r="N1008784" s="10"/>
    </row>
    <row r="1008785" spans="14:14">
      <c r="N1008785" s="10"/>
    </row>
    <row r="1008786" spans="14:14">
      <c r="N1008786" s="10"/>
    </row>
    <row r="1008787" spans="14:14">
      <c r="N1008787" s="10"/>
    </row>
    <row r="1008788" spans="14:14">
      <c r="N1008788" s="10"/>
    </row>
    <row r="1008789" spans="14:14">
      <c r="N1008789" s="10"/>
    </row>
    <row r="1008790" spans="14:14">
      <c r="N1008790" s="10"/>
    </row>
    <row r="1008791" spans="14:14">
      <c r="N1008791" s="10"/>
    </row>
    <row r="1008792" spans="14:14">
      <c r="N1008792" s="10"/>
    </row>
    <row r="1008793" spans="14:14">
      <c r="N1008793" s="10"/>
    </row>
    <row r="1008794" spans="14:14">
      <c r="N1008794" s="10"/>
    </row>
    <row r="1008795" spans="14:14">
      <c r="N1008795" s="10"/>
    </row>
    <row r="1008796" spans="14:14">
      <c r="N1008796" s="10"/>
    </row>
    <row r="1008797" spans="14:14">
      <c r="N1008797" s="10"/>
    </row>
    <row r="1008798" spans="14:14">
      <c r="N1008798" s="10"/>
    </row>
    <row r="1008799" spans="14:14">
      <c r="N1008799" s="10"/>
    </row>
    <row r="1008800" spans="14:14">
      <c r="N1008800" s="10"/>
    </row>
    <row r="1008801" spans="14:14">
      <c r="N1008801" s="10"/>
    </row>
    <row r="1008802" spans="14:14">
      <c r="N1008802" s="10"/>
    </row>
    <row r="1008803" spans="14:14">
      <c r="N1008803" s="10"/>
    </row>
    <row r="1008804" spans="14:14">
      <c r="N1008804" s="10"/>
    </row>
    <row r="1008805" spans="14:14">
      <c r="N1008805" s="10"/>
    </row>
    <row r="1008806" spans="14:14">
      <c r="N1008806" s="10"/>
    </row>
    <row r="1008807" spans="14:14">
      <c r="N1008807" s="10"/>
    </row>
    <row r="1008808" spans="14:14">
      <c r="N1008808" s="10"/>
    </row>
    <row r="1008809" spans="14:14">
      <c r="N1008809" s="10"/>
    </row>
    <row r="1008810" spans="14:14">
      <c r="N1008810" s="10"/>
    </row>
    <row r="1008811" spans="14:14">
      <c r="N1008811" s="10"/>
    </row>
    <row r="1008812" spans="14:14">
      <c r="N1008812" s="10"/>
    </row>
    <row r="1008813" spans="14:14">
      <c r="N1008813" s="10"/>
    </row>
    <row r="1008814" spans="14:14">
      <c r="N1008814" s="10"/>
    </row>
    <row r="1008815" spans="14:14">
      <c r="N1008815" s="10"/>
    </row>
    <row r="1008816" spans="14:14">
      <c r="N1008816" s="10"/>
    </row>
    <row r="1008817" spans="14:14">
      <c r="N1008817" s="10"/>
    </row>
    <row r="1008818" spans="14:14">
      <c r="N1008818" s="10"/>
    </row>
    <row r="1008819" spans="14:14">
      <c r="N1008819" s="10"/>
    </row>
    <row r="1008820" spans="14:14">
      <c r="N1008820" s="10"/>
    </row>
    <row r="1008821" spans="14:14">
      <c r="N1008821" s="10"/>
    </row>
    <row r="1008822" spans="14:14">
      <c r="N1008822" s="10"/>
    </row>
    <row r="1008823" spans="14:14">
      <c r="N1008823" s="10"/>
    </row>
    <row r="1008824" spans="14:14">
      <c r="N1008824" s="10"/>
    </row>
    <row r="1008825" spans="14:14">
      <c r="N1008825" s="10"/>
    </row>
    <row r="1008826" spans="14:14">
      <c r="N1008826" s="10"/>
    </row>
    <row r="1008827" spans="14:14">
      <c r="N1008827" s="10"/>
    </row>
    <row r="1008828" spans="14:14">
      <c r="N1008828" s="10"/>
    </row>
    <row r="1008829" spans="14:14">
      <c r="N1008829" s="10"/>
    </row>
    <row r="1008830" spans="14:14">
      <c r="N1008830" s="10"/>
    </row>
    <row r="1008831" spans="14:14">
      <c r="N1008831" s="10"/>
    </row>
    <row r="1008832" spans="14:14">
      <c r="N1008832" s="10"/>
    </row>
    <row r="1008833" spans="14:14">
      <c r="N1008833" s="10"/>
    </row>
    <row r="1008834" spans="14:14">
      <c r="N1008834" s="10"/>
    </row>
    <row r="1008835" spans="14:14">
      <c r="N1008835" s="10"/>
    </row>
    <row r="1008836" spans="14:14">
      <c r="N1008836" s="10"/>
    </row>
    <row r="1008837" spans="14:14">
      <c r="N1008837" s="10"/>
    </row>
    <row r="1008838" spans="14:14">
      <c r="N1008838" s="10"/>
    </row>
    <row r="1008839" spans="14:14">
      <c r="N1008839" s="10"/>
    </row>
    <row r="1008840" spans="14:14">
      <c r="N1008840" s="10"/>
    </row>
    <row r="1008841" spans="14:14">
      <c r="N1008841" s="10"/>
    </row>
    <row r="1008842" spans="14:14">
      <c r="N1008842" s="10"/>
    </row>
    <row r="1008843" spans="14:14">
      <c r="N1008843" s="10"/>
    </row>
    <row r="1008844" spans="14:14">
      <c r="N1008844" s="10"/>
    </row>
    <row r="1008845" spans="14:14">
      <c r="N1008845" s="10"/>
    </row>
    <row r="1008846" spans="14:14">
      <c r="N1008846" s="10"/>
    </row>
    <row r="1008847" spans="14:14">
      <c r="N1008847" s="10"/>
    </row>
    <row r="1008848" spans="14:14">
      <c r="N1008848" s="10"/>
    </row>
    <row r="1008849" spans="14:14">
      <c r="N1008849" s="10"/>
    </row>
    <row r="1008850" spans="14:14">
      <c r="N1008850" s="10"/>
    </row>
    <row r="1008851" spans="14:14">
      <c r="N1008851" s="10"/>
    </row>
    <row r="1008852" spans="14:14">
      <c r="N1008852" s="10"/>
    </row>
    <row r="1008853" spans="14:14">
      <c r="N1008853" s="10"/>
    </row>
    <row r="1008854" spans="14:14">
      <c r="N1008854" s="10"/>
    </row>
    <row r="1008855" spans="14:14">
      <c r="N1008855" s="10"/>
    </row>
    <row r="1008856" spans="14:14">
      <c r="N1008856" s="10"/>
    </row>
    <row r="1008857" spans="14:14">
      <c r="N1008857" s="10"/>
    </row>
    <row r="1008858" spans="14:14">
      <c r="N1008858" s="10"/>
    </row>
    <row r="1008859" spans="14:14">
      <c r="N1008859" s="10"/>
    </row>
    <row r="1008860" spans="14:14">
      <c r="N1008860" s="10"/>
    </row>
    <row r="1008861" spans="14:14">
      <c r="N1008861" s="10"/>
    </row>
    <row r="1008862" spans="14:14">
      <c r="N1008862" s="10"/>
    </row>
    <row r="1008863" spans="14:14">
      <c r="N1008863" s="10"/>
    </row>
    <row r="1008864" spans="14:14">
      <c r="N1008864" s="10"/>
    </row>
    <row r="1008865" spans="14:14">
      <c r="N1008865" s="10"/>
    </row>
    <row r="1008866" spans="14:14">
      <c r="N1008866" s="10"/>
    </row>
    <row r="1008867" spans="14:14">
      <c r="N1008867" s="10"/>
    </row>
    <row r="1008868" spans="14:14">
      <c r="N1008868" s="10"/>
    </row>
    <row r="1008869" spans="14:14">
      <c r="N1008869" s="10"/>
    </row>
    <row r="1008870" spans="14:14">
      <c r="N1008870" s="10"/>
    </row>
    <row r="1008871" spans="14:14">
      <c r="N1008871" s="10"/>
    </row>
    <row r="1008872" spans="14:14">
      <c r="N1008872" s="10"/>
    </row>
    <row r="1008873" spans="14:14">
      <c r="N1008873" s="10"/>
    </row>
    <row r="1008874" spans="14:14">
      <c r="N1008874" s="10"/>
    </row>
    <row r="1008875" spans="14:14">
      <c r="N1008875" s="10"/>
    </row>
    <row r="1008876" spans="14:14">
      <c r="N1008876" s="10"/>
    </row>
    <row r="1008877" spans="14:14">
      <c r="N1008877" s="10"/>
    </row>
    <row r="1008878" spans="14:14">
      <c r="N1008878" s="10"/>
    </row>
    <row r="1008879" spans="14:14">
      <c r="N1008879" s="10"/>
    </row>
    <row r="1008880" spans="14:14">
      <c r="N1008880" s="10"/>
    </row>
    <row r="1008881" spans="14:14">
      <c r="N1008881" s="10"/>
    </row>
    <row r="1008882" spans="14:14">
      <c r="N1008882" s="10"/>
    </row>
    <row r="1008883" spans="14:14">
      <c r="N1008883" s="10"/>
    </row>
    <row r="1008884" spans="14:14">
      <c r="N1008884" s="10"/>
    </row>
    <row r="1008885" spans="14:14">
      <c r="N1008885" s="10"/>
    </row>
    <row r="1008886" spans="14:14">
      <c r="N1008886" s="10"/>
    </row>
    <row r="1008887" spans="14:14">
      <c r="N1008887" s="10"/>
    </row>
    <row r="1008888" spans="14:14">
      <c r="N1008888" s="10"/>
    </row>
    <row r="1008889" spans="14:14">
      <c r="N1008889" s="10"/>
    </row>
    <row r="1008890" spans="14:14">
      <c r="N1008890" s="10"/>
    </row>
    <row r="1008891" spans="14:14">
      <c r="N1008891" s="10"/>
    </row>
    <row r="1008892" spans="14:14">
      <c r="N1008892" s="10"/>
    </row>
    <row r="1008893" spans="14:14">
      <c r="N1008893" s="10"/>
    </row>
    <row r="1008894" spans="14:14">
      <c r="N1008894" s="10"/>
    </row>
    <row r="1008895" spans="14:14">
      <c r="N1008895" s="10"/>
    </row>
    <row r="1008896" spans="14:14">
      <c r="N1008896" s="10"/>
    </row>
    <row r="1008897" spans="14:14">
      <c r="N1008897" s="10"/>
    </row>
    <row r="1008898" spans="14:14">
      <c r="N1008898" s="10"/>
    </row>
    <row r="1008899" spans="14:14">
      <c r="N1008899" s="10"/>
    </row>
    <row r="1008900" spans="14:14">
      <c r="N1008900" s="10"/>
    </row>
    <row r="1008901" spans="14:14">
      <c r="N1008901" s="10"/>
    </row>
    <row r="1008902" spans="14:14">
      <c r="N1008902" s="10"/>
    </row>
    <row r="1008903" spans="14:14">
      <c r="N1008903" s="10"/>
    </row>
    <row r="1008904" spans="14:14">
      <c r="N1008904" s="10"/>
    </row>
    <row r="1008905" spans="14:14">
      <c r="N1008905" s="10"/>
    </row>
    <row r="1008906" spans="14:14">
      <c r="N1008906" s="10"/>
    </row>
    <row r="1008907" spans="14:14">
      <c r="N1008907" s="10"/>
    </row>
    <row r="1008908" spans="14:14">
      <c r="N1008908" s="10"/>
    </row>
    <row r="1008909" spans="14:14">
      <c r="N1008909" s="10"/>
    </row>
    <row r="1008910" spans="14:14">
      <c r="N1008910" s="10"/>
    </row>
    <row r="1008911" spans="14:14">
      <c r="N1008911" s="10"/>
    </row>
    <row r="1008912" spans="14:14">
      <c r="N1008912" s="10"/>
    </row>
    <row r="1008913" spans="14:14">
      <c r="N1008913" s="10"/>
    </row>
    <row r="1008914" spans="14:14">
      <c r="N1008914" s="10"/>
    </row>
    <row r="1008915" spans="14:14">
      <c r="N1008915" s="10"/>
    </row>
    <row r="1008916" spans="14:14">
      <c r="N1008916" s="10"/>
    </row>
    <row r="1008917" spans="14:14">
      <c r="N1008917" s="10"/>
    </row>
    <row r="1008918" spans="14:14">
      <c r="N1008918" s="10"/>
    </row>
    <row r="1008919" spans="14:14">
      <c r="N1008919" s="10"/>
    </row>
    <row r="1008920" spans="14:14">
      <c r="N1008920" s="10"/>
    </row>
    <row r="1008921" spans="14:14">
      <c r="N1008921" s="10"/>
    </row>
    <row r="1008922" spans="14:14">
      <c r="N1008922" s="10"/>
    </row>
    <row r="1008923" spans="14:14">
      <c r="N1008923" s="10"/>
    </row>
    <row r="1008924" spans="14:14">
      <c r="N1008924" s="10"/>
    </row>
    <row r="1008925" spans="14:14">
      <c r="N1008925" s="10"/>
    </row>
    <row r="1008926" spans="14:14">
      <c r="N1008926" s="10"/>
    </row>
    <row r="1008927" spans="14:14">
      <c r="N1008927" s="10"/>
    </row>
    <row r="1008928" spans="14:14">
      <c r="N1008928" s="10"/>
    </row>
    <row r="1008929" spans="14:14">
      <c r="N1008929" s="10"/>
    </row>
    <row r="1008930" spans="14:14">
      <c r="N1008930" s="10"/>
    </row>
    <row r="1008931" spans="14:14">
      <c r="N1008931" s="10"/>
    </row>
    <row r="1008932" spans="14:14">
      <c r="N1008932" s="10"/>
    </row>
    <row r="1008933" spans="14:14">
      <c r="N1008933" s="10"/>
    </row>
    <row r="1008934" spans="14:14">
      <c r="N1008934" s="10"/>
    </row>
    <row r="1008935" spans="14:14">
      <c r="N1008935" s="10"/>
    </row>
    <row r="1008936" spans="14:14">
      <c r="N1008936" s="10"/>
    </row>
    <row r="1008937" spans="14:14">
      <c r="N1008937" s="10"/>
    </row>
    <row r="1008938" spans="14:14">
      <c r="N1008938" s="10"/>
    </row>
    <row r="1008939" spans="14:14">
      <c r="N1008939" s="10"/>
    </row>
    <row r="1008940" spans="14:14">
      <c r="N1008940" s="10"/>
    </row>
    <row r="1008941" spans="14:14">
      <c r="N1008941" s="10"/>
    </row>
    <row r="1008942" spans="14:14">
      <c r="N1008942" s="10"/>
    </row>
    <row r="1008943" spans="14:14">
      <c r="N1008943" s="10"/>
    </row>
    <row r="1008944" spans="14:14">
      <c r="N1008944" s="10"/>
    </row>
    <row r="1008945" spans="14:14">
      <c r="N1008945" s="10"/>
    </row>
    <row r="1008946" spans="14:14">
      <c r="N1008946" s="10"/>
    </row>
    <row r="1008947" spans="14:14">
      <c r="N1008947" s="10"/>
    </row>
    <row r="1008948" spans="14:14">
      <c r="N1008948" s="10"/>
    </row>
    <row r="1008949" spans="14:14">
      <c r="N1008949" s="10"/>
    </row>
    <row r="1008950" spans="14:14">
      <c r="N1008950" s="10"/>
    </row>
    <row r="1008951" spans="14:14">
      <c r="N1008951" s="10"/>
    </row>
    <row r="1008952" spans="14:14">
      <c r="N1008952" s="10"/>
    </row>
    <row r="1008953" spans="14:14">
      <c r="N1008953" s="10"/>
    </row>
    <row r="1008954" spans="14:14">
      <c r="N1008954" s="10"/>
    </row>
    <row r="1008955" spans="14:14">
      <c r="N1008955" s="10"/>
    </row>
    <row r="1008956" spans="14:14">
      <c r="N1008956" s="10"/>
    </row>
    <row r="1008957" spans="14:14">
      <c r="N1008957" s="10"/>
    </row>
    <row r="1008958" spans="14:14">
      <c r="N1008958" s="10"/>
    </row>
    <row r="1008959" spans="14:14">
      <c r="N1008959" s="10"/>
    </row>
    <row r="1008960" spans="14:14">
      <c r="N1008960" s="10"/>
    </row>
    <row r="1008961" spans="14:14">
      <c r="N1008961" s="10"/>
    </row>
    <row r="1008962" spans="14:14">
      <c r="N1008962" s="10"/>
    </row>
    <row r="1008963" spans="14:14">
      <c r="N1008963" s="10"/>
    </row>
    <row r="1008964" spans="14:14">
      <c r="N1008964" s="10"/>
    </row>
    <row r="1008965" spans="14:14">
      <c r="N1008965" s="10"/>
    </row>
    <row r="1008966" spans="14:14">
      <c r="N1008966" s="10"/>
    </row>
    <row r="1008967" spans="14:14">
      <c r="N1008967" s="10"/>
    </row>
    <row r="1008968" spans="14:14">
      <c r="N1008968" s="10"/>
    </row>
    <row r="1008969" spans="14:14">
      <c r="N1008969" s="10"/>
    </row>
    <row r="1008970" spans="14:14">
      <c r="N1008970" s="10"/>
    </row>
    <row r="1008971" spans="14:14">
      <c r="N1008971" s="10"/>
    </row>
    <row r="1008972" spans="14:14">
      <c r="N1008972" s="10"/>
    </row>
    <row r="1008973" spans="14:14">
      <c r="N1008973" s="10"/>
    </row>
    <row r="1008974" spans="14:14">
      <c r="N1008974" s="10"/>
    </row>
    <row r="1008975" spans="14:14">
      <c r="N1008975" s="10"/>
    </row>
    <row r="1008976" spans="14:14">
      <c r="N1008976" s="10"/>
    </row>
    <row r="1008977" spans="14:14">
      <c r="N1008977" s="10"/>
    </row>
    <row r="1008978" spans="14:14">
      <c r="N1008978" s="10"/>
    </row>
    <row r="1008979" spans="14:14">
      <c r="N1008979" s="10"/>
    </row>
    <row r="1008980" spans="14:14">
      <c r="N1008980" s="10"/>
    </row>
    <row r="1008981" spans="14:14">
      <c r="N1008981" s="10"/>
    </row>
    <row r="1008982" spans="14:14">
      <c r="N1008982" s="10"/>
    </row>
    <row r="1008983" spans="14:14">
      <c r="N1008983" s="10"/>
    </row>
    <row r="1008984" spans="14:14">
      <c r="N1008984" s="10"/>
    </row>
    <row r="1008985" spans="14:14">
      <c r="N1008985" s="10"/>
    </row>
    <row r="1008986" spans="14:14">
      <c r="N1008986" s="10"/>
    </row>
    <row r="1008987" spans="14:14">
      <c r="N1008987" s="10"/>
    </row>
    <row r="1008988" spans="14:14">
      <c r="N1008988" s="10"/>
    </row>
    <row r="1008989" spans="14:14">
      <c r="N1008989" s="10"/>
    </row>
    <row r="1008990" spans="14:14">
      <c r="N1008990" s="10"/>
    </row>
    <row r="1008991" spans="14:14">
      <c r="N1008991" s="10"/>
    </row>
    <row r="1008992" spans="14:14">
      <c r="N1008992" s="10"/>
    </row>
    <row r="1008993" spans="14:14">
      <c r="N1008993" s="10"/>
    </row>
    <row r="1008994" spans="14:14">
      <c r="N1008994" s="10"/>
    </row>
    <row r="1008995" spans="14:14">
      <c r="N1008995" s="10"/>
    </row>
    <row r="1008996" spans="14:14">
      <c r="N1008996" s="10"/>
    </row>
    <row r="1008997" spans="14:14">
      <c r="N1008997" s="10"/>
    </row>
    <row r="1008998" spans="14:14">
      <c r="N1008998" s="10"/>
    </row>
    <row r="1008999" spans="14:14">
      <c r="N1008999" s="10"/>
    </row>
    <row r="1009000" spans="14:14">
      <c r="N1009000" s="10"/>
    </row>
    <row r="1009001" spans="14:14">
      <c r="N1009001" s="10"/>
    </row>
    <row r="1009002" spans="14:14">
      <c r="N1009002" s="10"/>
    </row>
    <row r="1009003" spans="14:14">
      <c r="N1009003" s="10"/>
    </row>
    <row r="1009004" spans="14:14">
      <c r="N1009004" s="10"/>
    </row>
    <row r="1009005" spans="14:14">
      <c r="N1009005" s="10"/>
    </row>
    <row r="1009006" spans="14:14">
      <c r="N1009006" s="10"/>
    </row>
    <row r="1009007" spans="14:14">
      <c r="N1009007" s="10"/>
    </row>
    <row r="1009008" spans="14:14">
      <c r="N1009008" s="10"/>
    </row>
    <row r="1009009" spans="14:14">
      <c r="N1009009" s="10"/>
    </row>
    <row r="1009010" spans="14:14">
      <c r="N1009010" s="10"/>
    </row>
    <row r="1009011" spans="14:14">
      <c r="N1009011" s="10"/>
    </row>
    <row r="1009012" spans="14:14">
      <c r="N1009012" s="10"/>
    </row>
    <row r="1009013" spans="14:14">
      <c r="N1009013" s="10"/>
    </row>
    <row r="1009014" spans="14:14">
      <c r="N1009014" s="10"/>
    </row>
    <row r="1009015" spans="14:14">
      <c r="N1009015" s="10"/>
    </row>
    <row r="1009016" spans="14:14">
      <c r="N1009016" s="10"/>
    </row>
    <row r="1009017" spans="14:14">
      <c r="N1009017" s="10"/>
    </row>
    <row r="1009018" spans="14:14">
      <c r="N1009018" s="10"/>
    </row>
    <row r="1009019" spans="14:14">
      <c r="N1009019" s="10"/>
    </row>
    <row r="1009020" spans="14:14">
      <c r="N1009020" s="10"/>
    </row>
    <row r="1009021" spans="14:14">
      <c r="N1009021" s="10"/>
    </row>
    <row r="1009022" spans="14:14">
      <c r="N1009022" s="10"/>
    </row>
    <row r="1009023" spans="14:14">
      <c r="N1009023" s="10"/>
    </row>
    <row r="1009024" spans="14:14">
      <c r="N1009024" s="10"/>
    </row>
    <row r="1009025" spans="14:14">
      <c r="N1009025" s="10"/>
    </row>
    <row r="1009026" spans="14:14">
      <c r="N1009026" s="10"/>
    </row>
    <row r="1009027" spans="14:14">
      <c r="N1009027" s="10"/>
    </row>
    <row r="1009028" spans="14:14">
      <c r="N1009028" s="10"/>
    </row>
    <row r="1009029" spans="14:14">
      <c r="N1009029" s="10"/>
    </row>
    <row r="1009030" spans="14:14">
      <c r="N1009030" s="10"/>
    </row>
    <row r="1009031" spans="14:14">
      <c r="N1009031" s="10"/>
    </row>
    <row r="1009032" spans="14:14">
      <c r="N1009032" s="10"/>
    </row>
    <row r="1009033" spans="14:14">
      <c r="N1009033" s="10"/>
    </row>
    <row r="1009034" spans="14:14">
      <c r="N1009034" s="10"/>
    </row>
    <row r="1009035" spans="14:14">
      <c r="N1009035" s="10"/>
    </row>
    <row r="1009036" spans="14:14">
      <c r="N1009036" s="10"/>
    </row>
    <row r="1009037" spans="14:14">
      <c r="N1009037" s="10"/>
    </row>
    <row r="1009038" spans="14:14">
      <c r="N1009038" s="10"/>
    </row>
    <row r="1009039" spans="14:14">
      <c r="N1009039" s="10"/>
    </row>
    <row r="1009040" spans="14:14">
      <c r="N1009040" s="10"/>
    </row>
    <row r="1009041" spans="14:14">
      <c r="N1009041" s="10"/>
    </row>
    <row r="1009042" spans="14:14">
      <c r="N1009042" s="10"/>
    </row>
    <row r="1009043" spans="14:14">
      <c r="N1009043" s="10"/>
    </row>
    <row r="1009044" spans="14:14">
      <c r="N1009044" s="10"/>
    </row>
    <row r="1009045" spans="14:14">
      <c r="N1009045" s="10"/>
    </row>
    <row r="1009046" spans="14:14">
      <c r="N1009046" s="10"/>
    </row>
    <row r="1009047" spans="14:14">
      <c r="N1009047" s="10"/>
    </row>
    <row r="1009048" spans="14:14">
      <c r="N1009048" s="10"/>
    </row>
    <row r="1009049" spans="14:14">
      <c r="N1009049" s="10"/>
    </row>
    <row r="1009050" spans="14:14">
      <c r="N1009050" s="10"/>
    </row>
    <row r="1009051" spans="14:14">
      <c r="N1009051" s="10"/>
    </row>
    <row r="1009052" spans="14:14">
      <c r="N1009052" s="10"/>
    </row>
    <row r="1009053" spans="14:14">
      <c r="N1009053" s="10"/>
    </row>
    <row r="1009054" spans="14:14">
      <c r="N1009054" s="10"/>
    </row>
    <row r="1009055" spans="14:14">
      <c r="N1009055" s="10"/>
    </row>
    <row r="1009056" spans="14:14">
      <c r="N1009056" s="10"/>
    </row>
    <row r="1009057" spans="14:14">
      <c r="N1009057" s="10"/>
    </row>
    <row r="1009058" spans="14:14">
      <c r="N1009058" s="10"/>
    </row>
    <row r="1009059" spans="14:14">
      <c r="N1009059" s="10"/>
    </row>
    <row r="1009060" spans="14:14">
      <c r="N1009060" s="10"/>
    </row>
    <row r="1009061" spans="14:14">
      <c r="N1009061" s="10"/>
    </row>
    <row r="1009062" spans="14:14">
      <c r="N1009062" s="10"/>
    </row>
    <row r="1009063" spans="14:14">
      <c r="N1009063" s="10"/>
    </row>
    <row r="1009064" spans="14:14">
      <c r="N1009064" s="10"/>
    </row>
    <row r="1009065" spans="14:14">
      <c r="N1009065" s="10"/>
    </row>
    <row r="1009066" spans="14:14">
      <c r="N1009066" s="10"/>
    </row>
    <row r="1009067" spans="14:14">
      <c r="N1009067" s="10"/>
    </row>
    <row r="1009068" spans="14:14">
      <c r="N1009068" s="10"/>
    </row>
    <row r="1009069" spans="14:14">
      <c r="N1009069" s="10"/>
    </row>
    <row r="1009070" spans="14:14">
      <c r="N1009070" s="10"/>
    </row>
    <row r="1009071" spans="14:14">
      <c r="N1009071" s="10"/>
    </row>
    <row r="1009072" spans="14:14">
      <c r="N1009072" s="10"/>
    </row>
    <row r="1009073" spans="14:14">
      <c r="N1009073" s="10"/>
    </row>
    <row r="1009074" spans="14:14">
      <c r="N1009074" s="10"/>
    </row>
    <row r="1009075" spans="14:14">
      <c r="N1009075" s="10"/>
    </row>
    <row r="1009076" spans="14:14">
      <c r="N1009076" s="10"/>
    </row>
    <row r="1009077" spans="14:14">
      <c r="N1009077" s="10"/>
    </row>
    <row r="1009078" spans="14:14">
      <c r="N1009078" s="10"/>
    </row>
    <row r="1009079" spans="14:14">
      <c r="N1009079" s="10"/>
    </row>
    <row r="1009080" spans="14:14">
      <c r="N1009080" s="10"/>
    </row>
    <row r="1009081" spans="14:14">
      <c r="N1009081" s="10"/>
    </row>
    <row r="1009082" spans="14:14">
      <c r="N1009082" s="10"/>
    </row>
    <row r="1009083" spans="14:14">
      <c r="N1009083" s="10"/>
    </row>
    <row r="1009084" spans="14:14">
      <c r="N1009084" s="10"/>
    </row>
    <row r="1009085" spans="14:14">
      <c r="N1009085" s="10"/>
    </row>
    <row r="1009086" spans="14:14">
      <c r="N1009086" s="10"/>
    </row>
    <row r="1009087" spans="14:14">
      <c r="N1009087" s="10"/>
    </row>
    <row r="1009088" spans="14:14">
      <c r="N1009088" s="10"/>
    </row>
    <row r="1009089" spans="14:14">
      <c r="N1009089" s="10"/>
    </row>
    <row r="1009090" spans="14:14">
      <c r="N1009090" s="10"/>
    </row>
    <row r="1009091" spans="14:14">
      <c r="N1009091" s="10"/>
    </row>
    <row r="1009092" spans="14:14">
      <c r="N1009092" s="10"/>
    </row>
    <row r="1009093" spans="14:14">
      <c r="N1009093" s="10"/>
    </row>
    <row r="1009094" spans="14:14">
      <c r="N1009094" s="10"/>
    </row>
    <row r="1009095" spans="14:14">
      <c r="N1009095" s="10"/>
    </row>
    <row r="1009096" spans="14:14">
      <c r="N1009096" s="10"/>
    </row>
    <row r="1009097" spans="14:14">
      <c r="N1009097" s="10"/>
    </row>
    <row r="1009098" spans="14:14">
      <c r="N1009098" s="10"/>
    </row>
    <row r="1009099" spans="14:14">
      <c r="N1009099" s="10"/>
    </row>
    <row r="1009100" spans="14:14">
      <c r="N1009100" s="10"/>
    </row>
    <row r="1009101" spans="14:14">
      <c r="N1009101" s="10"/>
    </row>
    <row r="1009102" spans="14:14">
      <c r="N1009102" s="10"/>
    </row>
    <row r="1009103" spans="14:14">
      <c r="N1009103" s="10"/>
    </row>
    <row r="1009104" spans="14:14">
      <c r="N1009104" s="10"/>
    </row>
    <row r="1009105" spans="14:14">
      <c r="N1009105" s="10"/>
    </row>
    <row r="1009106" spans="14:14">
      <c r="N1009106" s="10"/>
    </row>
    <row r="1009107" spans="14:14">
      <c r="N1009107" s="10"/>
    </row>
    <row r="1009108" spans="14:14">
      <c r="N1009108" s="10"/>
    </row>
    <row r="1009109" spans="14:14">
      <c r="N1009109" s="10"/>
    </row>
    <row r="1009110" spans="14:14">
      <c r="N1009110" s="10"/>
    </row>
    <row r="1009111" spans="14:14">
      <c r="N1009111" s="10"/>
    </row>
    <row r="1009112" spans="14:14">
      <c r="N1009112" s="10"/>
    </row>
    <row r="1009113" spans="14:14">
      <c r="N1009113" s="10"/>
    </row>
    <row r="1009114" spans="14:14">
      <c r="N1009114" s="10"/>
    </row>
    <row r="1009115" spans="14:14">
      <c r="N1009115" s="10"/>
    </row>
    <row r="1009116" spans="14:14">
      <c r="N1009116" s="10"/>
    </row>
    <row r="1009117" spans="14:14">
      <c r="N1009117" s="10"/>
    </row>
    <row r="1009118" spans="14:14">
      <c r="N1009118" s="10"/>
    </row>
    <row r="1009119" spans="14:14">
      <c r="N1009119" s="10"/>
    </row>
    <row r="1009120" spans="14:14">
      <c r="N1009120" s="10"/>
    </row>
    <row r="1009121" spans="14:14">
      <c r="N1009121" s="10"/>
    </row>
    <row r="1009122" spans="14:14">
      <c r="N1009122" s="10"/>
    </row>
    <row r="1009123" spans="14:14">
      <c r="N1009123" s="10"/>
    </row>
    <row r="1009124" spans="14:14">
      <c r="N1009124" s="10"/>
    </row>
    <row r="1009125" spans="14:14">
      <c r="N1009125" s="10"/>
    </row>
    <row r="1009126" spans="14:14">
      <c r="N1009126" s="10"/>
    </row>
    <row r="1009127" spans="14:14">
      <c r="N1009127" s="10"/>
    </row>
    <row r="1009128" spans="14:14">
      <c r="N1009128" s="10"/>
    </row>
    <row r="1009129" spans="14:14">
      <c r="N1009129" s="10"/>
    </row>
    <row r="1009130" spans="14:14">
      <c r="N1009130" s="10"/>
    </row>
    <row r="1009131" spans="14:14">
      <c r="N1009131" s="10"/>
    </row>
    <row r="1009132" spans="14:14">
      <c r="N1009132" s="10"/>
    </row>
    <row r="1009133" spans="14:14">
      <c r="N1009133" s="10"/>
    </row>
    <row r="1009134" spans="14:14">
      <c r="N1009134" s="10"/>
    </row>
    <row r="1009135" spans="14:14">
      <c r="N1009135" s="10"/>
    </row>
    <row r="1009136" spans="14:14">
      <c r="N1009136" s="10"/>
    </row>
    <row r="1009137" spans="14:14">
      <c r="N1009137" s="10"/>
    </row>
    <row r="1009138" spans="14:14">
      <c r="N1009138" s="10"/>
    </row>
    <row r="1009139" spans="14:14">
      <c r="N1009139" s="10"/>
    </row>
    <row r="1009140" spans="14:14">
      <c r="N1009140" s="10"/>
    </row>
    <row r="1009141" spans="14:14">
      <c r="N1009141" s="10"/>
    </row>
    <row r="1009142" spans="14:14">
      <c r="N1009142" s="10"/>
    </row>
    <row r="1009143" spans="14:14">
      <c r="N1009143" s="10"/>
    </row>
    <row r="1009144" spans="14:14">
      <c r="N1009144" s="10"/>
    </row>
    <row r="1009145" spans="14:14">
      <c r="N1009145" s="10"/>
    </row>
    <row r="1009146" spans="14:14">
      <c r="N1009146" s="10"/>
    </row>
    <row r="1009147" spans="14:14">
      <c r="N1009147" s="10"/>
    </row>
    <row r="1009148" spans="14:14">
      <c r="N1009148" s="10"/>
    </row>
    <row r="1009149" spans="14:14">
      <c r="N1009149" s="10"/>
    </row>
    <row r="1009150" spans="14:14">
      <c r="N1009150" s="10"/>
    </row>
    <row r="1009151" spans="14:14">
      <c r="N1009151" s="10"/>
    </row>
    <row r="1009152" spans="14:14">
      <c r="N1009152" s="10"/>
    </row>
    <row r="1009153" spans="14:14">
      <c r="N1009153" s="10"/>
    </row>
    <row r="1009154" spans="14:14">
      <c r="N1009154" s="10"/>
    </row>
    <row r="1009155" spans="14:14">
      <c r="N1009155" s="10"/>
    </row>
    <row r="1009156" spans="14:14">
      <c r="N1009156" s="10"/>
    </row>
    <row r="1009157" spans="14:14">
      <c r="N1009157" s="10"/>
    </row>
    <row r="1009158" spans="14:14">
      <c r="N1009158" s="10"/>
    </row>
    <row r="1009159" spans="14:14">
      <c r="N1009159" s="10"/>
    </row>
    <row r="1009160" spans="14:14">
      <c r="N1009160" s="10"/>
    </row>
    <row r="1009161" spans="14:14">
      <c r="N1009161" s="10"/>
    </row>
    <row r="1009162" spans="14:14">
      <c r="N1009162" s="10"/>
    </row>
    <row r="1009163" spans="14:14">
      <c r="N1009163" s="10"/>
    </row>
    <row r="1009164" spans="14:14">
      <c r="N1009164" s="10"/>
    </row>
    <row r="1009165" spans="14:14">
      <c r="N1009165" s="10"/>
    </row>
    <row r="1009166" spans="14:14">
      <c r="N1009166" s="10"/>
    </row>
    <row r="1009167" spans="14:14">
      <c r="N1009167" s="10"/>
    </row>
    <row r="1009168" spans="14:14">
      <c r="N1009168" s="10"/>
    </row>
    <row r="1009169" spans="14:14">
      <c r="N1009169" s="10"/>
    </row>
    <row r="1009170" spans="14:14">
      <c r="N1009170" s="10"/>
    </row>
    <row r="1009171" spans="14:14">
      <c r="N1009171" s="10"/>
    </row>
    <row r="1009172" spans="14:14">
      <c r="N1009172" s="10"/>
    </row>
    <row r="1009173" spans="14:14">
      <c r="N1009173" s="10"/>
    </row>
    <row r="1009174" spans="14:14">
      <c r="N1009174" s="10"/>
    </row>
    <row r="1009175" spans="14:14">
      <c r="N1009175" s="10"/>
    </row>
    <row r="1009176" spans="14:14">
      <c r="N1009176" s="10"/>
    </row>
    <row r="1009177" spans="14:14">
      <c r="N1009177" s="10"/>
    </row>
    <row r="1009178" spans="14:14">
      <c r="N1009178" s="10"/>
    </row>
    <row r="1009179" spans="14:14">
      <c r="N1009179" s="10"/>
    </row>
    <row r="1009180" spans="14:14">
      <c r="N1009180" s="10"/>
    </row>
    <row r="1009181" spans="14:14">
      <c r="N1009181" s="10"/>
    </row>
    <row r="1009182" spans="14:14">
      <c r="N1009182" s="10"/>
    </row>
    <row r="1009183" spans="14:14">
      <c r="N1009183" s="10"/>
    </row>
    <row r="1009184" spans="14:14">
      <c r="N1009184" s="10"/>
    </row>
    <row r="1009185" spans="14:14">
      <c r="N1009185" s="10"/>
    </row>
    <row r="1009186" spans="14:14">
      <c r="N1009186" s="10"/>
    </row>
    <row r="1009187" spans="14:14">
      <c r="N1009187" s="10"/>
    </row>
    <row r="1009188" spans="14:14">
      <c r="N1009188" s="10"/>
    </row>
    <row r="1009189" spans="14:14">
      <c r="N1009189" s="10"/>
    </row>
    <row r="1009190" spans="14:14">
      <c r="N1009190" s="10"/>
    </row>
    <row r="1009191" spans="14:14">
      <c r="N1009191" s="10"/>
    </row>
    <row r="1009192" spans="14:14">
      <c r="N1009192" s="10"/>
    </row>
    <row r="1009193" spans="14:14">
      <c r="N1009193" s="10"/>
    </row>
    <row r="1009194" spans="14:14">
      <c r="N1009194" s="10"/>
    </row>
    <row r="1009195" spans="14:14">
      <c r="N1009195" s="10"/>
    </row>
    <row r="1009196" spans="14:14">
      <c r="N1009196" s="10"/>
    </row>
    <row r="1009197" spans="14:14">
      <c r="N1009197" s="10"/>
    </row>
    <row r="1009198" spans="14:14">
      <c r="N1009198" s="10"/>
    </row>
    <row r="1009199" spans="14:14">
      <c r="N1009199" s="10"/>
    </row>
    <row r="1009200" spans="14:14">
      <c r="N1009200" s="10"/>
    </row>
    <row r="1009201" spans="14:14">
      <c r="N1009201" s="10"/>
    </row>
    <row r="1009202" spans="14:14">
      <c r="N1009202" s="10"/>
    </row>
    <row r="1009203" spans="14:14">
      <c r="N1009203" s="10"/>
    </row>
    <row r="1009204" spans="14:14">
      <c r="N1009204" s="10"/>
    </row>
    <row r="1009205" spans="14:14">
      <c r="N1009205" s="10"/>
    </row>
    <row r="1009206" spans="14:14">
      <c r="N1009206" s="10"/>
    </row>
    <row r="1009207" spans="14:14">
      <c r="N1009207" s="10"/>
    </row>
    <row r="1009208" spans="14:14">
      <c r="N1009208" s="10"/>
    </row>
    <row r="1009209" spans="14:14">
      <c r="N1009209" s="10"/>
    </row>
    <row r="1009210" spans="14:14">
      <c r="N1009210" s="10"/>
    </row>
    <row r="1009211" spans="14:14">
      <c r="N1009211" s="10"/>
    </row>
    <row r="1009212" spans="14:14">
      <c r="N1009212" s="10"/>
    </row>
    <row r="1009213" spans="14:14">
      <c r="N1009213" s="10"/>
    </row>
    <row r="1009214" spans="14:14">
      <c r="N1009214" s="10"/>
    </row>
    <row r="1009215" spans="14:14">
      <c r="N1009215" s="10"/>
    </row>
    <row r="1009216" spans="14:14">
      <c r="N1009216" s="10"/>
    </row>
    <row r="1009217" spans="14:14">
      <c r="N1009217" s="10"/>
    </row>
    <row r="1009218" spans="14:14">
      <c r="N1009218" s="10"/>
    </row>
    <row r="1009219" spans="14:14">
      <c r="N1009219" s="10"/>
    </row>
    <row r="1009220" spans="14:14">
      <c r="N1009220" s="10"/>
    </row>
    <row r="1009221" spans="14:14">
      <c r="N1009221" s="10"/>
    </row>
    <row r="1009222" spans="14:14">
      <c r="N1009222" s="10"/>
    </row>
    <row r="1009223" spans="14:14">
      <c r="N1009223" s="10"/>
    </row>
    <row r="1009224" spans="14:14">
      <c r="N1009224" s="10"/>
    </row>
    <row r="1009225" spans="14:14">
      <c r="N1009225" s="10"/>
    </row>
    <row r="1009226" spans="14:14">
      <c r="N1009226" s="10"/>
    </row>
    <row r="1009227" spans="14:14">
      <c r="N1009227" s="10"/>
    </row>
    <row r="1009228" spans="14:14">
      <c r="N1009228" s="10"/>
    </row>
    <row r="1009229" spans="14:14">
      <c r="N1009229" s="10"/>
    </row>
    <row r="1009230" spans="14:14">
      <c r="N1009230" s="10"/>
    </row>
    <row r="1009231" spans="14:14">
      <c r="N1009231" s="10"/>
    </row>
    <row r="1009232" spans="14:14">
      <c r="N1009232" s="10"/>
    </row>
    <row r="1009233" spans="14:14">
      <c r="N1009233" s="10"/>
    </row>
    <row r="1009234" spans="14:14">
      <c r="N1009234" s="10"/>
    </row>
    <row r="1009235" spans="14:14">
      <c r="N1009235" s="10"/>
    </row>
    <row r="1009236" spans="14:14">
      <c r="N1009236" s="10"/>
    </row>
    <row r="1009237" spans="14:14">
      <c r="N1009237" s="10"/>
    </row>
    <row r="1009238" spans="14:14">
      <c r="N1009238" s="10"/>
    </row>
    <row r="1009239" spans="14:14">
      <c r="N1009239" s="10"/>
    </row>
    <row r="1009240" spans="14:14">
      <c r="N1009240" s="10"/>
    </row>
    <row r="1009241" spans="14:14">
      <c r="N1009241" s="10"/>
    </row>
    <row r="1009242" spans="14:14">
      <c r="N1009242" s="10"/>
    </row>
    <row r="1009243" spans="14:14">
      <c r="N1009243" s="10"/>
    </row>
    <row r="1009244" spans="14:14">
      <c r="N1009244" s="10"/>
    </row>
    <row r="1009245" spans="14:14">
      <c r="N1009245" s="10"/>
    </row>
    <row r="1009246" spans="14:14">
      <c r="N1009246" s="10"/>
    </row>
    <row r="1009247" spans="14:14">
      <c r="N1009247" s="10"/>
    </row>
    <row r="1009248" spans="14:14">
      <c r="N1009248" s="10"/>
    </row>
    <row r="1009249" spans="14:14">
      <c r="N1009249" s="10"/>
    </row>
    <row r="1009250" spans="14:14">
      <c r="N1009250" s="10"/>
    </row>
    <row r="1009251" spans="14:14">
      <c r="N1009251" s="10"/>
    </row>
    <row r="1009252" spans="14:14">
      <c r="N1009252" s="10"/>
    </row>
    <row r="1009253" spans="14:14">
      <c r="N1009253" s="10"/>
    </row>
    <row r="1009254" spans="14:14">
      <c r="N1009254" s="10"/>
    </row>
    <row r="1009255" spans="14:14">
      <c r="N1009255" s="10"/>
    </row>
    <row r="1009256" spans="14:14">
      <c r="N1009256" s="10"/>
    </row>
    <row r="1009257" spans="14:14">
      <c r="N1009257" s="10"/>
    </row>
    <row r="1009258" spans="14:14">
      <c r="N1009258" s="10"/>
    </row>
    <row r="1009259" spans="14:14">
      <c r="N1009259" s="10"/>
    </row>
    <row r="1009260" spans="14:14">
      <c r="N1009260" s="10"/>
    </row>
    <row r="1009261" spans="14:14">
      <c r="N1009261" s="10"/>
    </row>
    <row r="1009262" spans="14:14">
      <c r="N1009262" s="10"/>
    </row>
    <row r="1009263" spans="14:14">
      <c r="N1009263" s="10"/>
    </row>
    <row r="1009264" spans="14:14">
      <c r="N1009264" s="10"/>
    </row>
    <row r="1009265" spans="14:14">
      <c r="N1009265" s="10"/>
    </row>
    <row r="1009266" spans="14:14">
      <c r="N1009266" s="10"/>
    </row>
    <row r="1009267" spans="14:14">
      <c r="N1009267" s="10"/>
    </row>
    <row r="1009268" spans="14:14">
      <c r="N1009268" s="10"/>
    </row>
    <row r="1009269" spans="14:14">
      <c r="N1009269" s="10"/>
    </row>
    <row r="1009270" spans="14:14">
      <c r="N1009270" s="10"/>
    </row>
    <row r="1009271" spans="14:14">
      <c r="N1009271" s="10"/>
    </row>
    <row r="1009272" spans="14:14">
      <c r="N1009272" s="10"/>
    </row>
    <row r="1009273" spans="14:14">
      <c r="N1009273" s="10"/>
    </row>
    <row r="1009274" spans="14:14">
      <c r="N1009274" s="10"/>
    </row>
    <row r="1009275" spans="14:14">
      <c r="N1009275" s="10"/>
    </row>
    <row r="1009276" spans="14:14">
      <c r="N1009276" s="10"/>
    </row>
    <row r="1009277" spans="14:14">
      <c r="N1009277" s="10"/>
    </row>
    <row r="1009278" spans="14:14">
      <c r="N1009278" s="10"/>
    </row>
    <row r="1009279" spans="14:14">
      <c r="N1009279" s="10"/>
    </row>
    <row r="1009280" spans="14:14">
      <c r="N1009280" s="10"/>
    </row>
    <row r="1009281" spans="14:14">
      <c r="N1009281" s="10"/>
    </row>
    <row r="1009282" spans="14:14">
      <c r="N1009282" s="10"/>
    </row>
    <row r="1009283" spans="14:14">
      <c r="N1009283" s="10"/>
    </row>
    <row r="1009284" spans="14:14">
      <c r="N1009284" s="10"/>
    </row>
    <row r="1009285" spans="14:14">
      <c r="N1009285" s="10"/>
    </row>
    <row r="1009286" spans="14:14">
      <c r="N1009286" s="10"/>
    </row>
    <row r="1009287" spans="14:14">
      <c r="N1009287" s="10"/>
    </row>
    <row r="1009288" spans="14:14">
      <c r="N1009288" s="10"/>
    </row>
    <row r="1009289" spans="14:14">
      <c r="N1009289" s="10"/>
    </row>
    <row r="1009290" spans="14:14">
      <c r="N1009290" s="10"/>
    </row>
    <row r="1009291" spans="14:14">
      <c r="N1009291" s="10"/>
    </row>
    <row r="1009292" spans="14:14">
      <c r="N1009292" s="10"/>
    </row>
    <row r="1009293" spans="14:14">
      <c r="N1009293" s="10"/>
    </row>
    <row r="1009294" spans="14:14">
      <c r="N1009294" s="10"/>
    </row>
    <row r="1009295" spans="14:14">
      <c r="N1009295" s="10"/>
    </row>
    <row r="1009296" spans="14:14">
      <c r="N1009296" s="10"/>
    </row>
    <row r="1009297" spans="14:14">
      <c r="N1009297" s="10"/>
    </row>
    <row r="1009298" spans="14:14">
      <c r="N1009298" s="10"/>
    </row>
    <row r="1009299" spans="14:14">
      <c r="N1009299" s="10"/>
    </row>
    <row r="1009300" spans="14:14">
      <c r="N1009300" s="10"/>
    </row>
    <row r="1009301" spans="14:14">
      <c r="N1009301" s="10"/>
    </row>
    <row r="1009302" spans="14:14">
      <c r="N1009302" s="10"/>
    </row>
    <row r="1009303" spans="14:14">
      <c r="N1009303" s="10"/>
    </row>
    <row r="1009304" spans="14:14">
      <c r="N1009304" s="10"/>
    </row>
    <row r="1009305" spans="14:14">
      <c r="N1009305" s="10"/>
    </row>
    <row r="1009306" spans="14:14">
      <c r="N1009306" s="10"/>
    </row>
    <row r="1009307" spans="14:14">
      <c r="N1009307" s="10"/>
    </row>
    <row r="1009308" spans="14:14">
      <c r="N1009308" s="10"/>
    </row>
    <row r="1009309" spans="14:14">
      <c r="N1009309" s="10"/>
    </row>
    <row r="1009310" spans="14:14">
      <c r="N1009310" s="10"/>
    </row>
    <row r="1009311" spans="14:14">
      <c r="N1009311" s="10"/>
    </row>
    <row r="1009312" spans="14:14">
      <c r="N1009312" s="10"/>
    </row>
    <row r="1009313" spans="14:14">
      <c r="N1009313" s="10"/>
    </row>
    <row r="1009314" spans="14:14">
      <c r="N1009314" s="10"/>
    </row>
    <row r="1009315" spans="14:14">
      <c r="N1009315" s="10"/>
    </row>
    <row r="1009316" spans="14:14">
      <c r="N1009316" s="10"/>
    </row>
    <row r="1009317" spans="14:14">
      <c r="N1009317" s="10"/>
    </row>
    <row r="1009318" spans="14:14">
      <c r="N1009318" s="10"/>
    </row>
    <row r="1009319" spans="14:14">
      <c r="N1009319" s="10"/>
    </row>
    <row r="1009320" spans="14:14">
      <c r="N1009320" s="10"/>
    </row>
    <row r="1009321" spans="14:14">
      <c r="N1009321" s="10"/>
    </row>
    <row r="1009322" spans="14:14">
      <c r="N1009322" s="10"/>
    </row>
    <row r="1009323" spans="14:14">
      <c r="N1009323" s="10"/>
    </row>
    <row r="1009324" spans="14:14">
      <c r="N1009324" s="10"/>
    </row>
    <row r="1009325" spans="14:14">
      <c r="N1009325" s="10"/>
    </row>
    <row r="1009326" spans="14:14">
      <c r="N1009326" s="10"/>
    </row>
    <row r="1009327" spans="14:14">
      <c r="N1009327" s="10"/>
    </row>
    <row r="1009328" spans="14:14">
      <c r="N1009328" s="10"/>
    </row>
    <row r="1009329" spans="14:14">
      <c r="N1009329" s="10"/>
    </row>
    <row r="1009330" spans="14:14">
      <c r="N1009330" s="10"/>
    </row>
    <row r="1009331" spans="14:14">
      <c r="N1009331" s="10"/>
    </row>
    <row r="1009332" spans="14:14">
      <c r="N1009332" s="10"/>
    </row>
    <row r="1009333" spans="14:14">
      <c r="N1009333" s="10"/>
    </row>
    <row r="1009334" spans="14:14">
      <c r="N1009334" s="10"/>
    </row>
    <row r="1009335" spans="14:14">
      <c r="N1009335" s="10"/>
    </row>
    <row r="1009336" spans="14:14">
      <c r="N1009336" s="10"/>
    </row>
    <row r="1009337" spans="14:14">
      <c r="N1009337" s="10"/>
    </row>
    <row r="1009338" spans="14:14">
      <c r="N1009338" s="10"/>
    </row>
    <row r="1009339" spans="14:14">
      <c r="N1009339" s="10"/>
    </row>
    <row r="1009340" spans="14:14">
      <c r="N1009340" s="10"/>
    </row>
    <row r="1009341" spans="14:14">
      <c r="N1009341" s="10"/>
    </row>
    <row r="1009342" spans="14:14">
      <c r="N1009342" s="10"/>
    </row>
    <row r="1009343" spans="14:14">
      <c r="N1009343" s="10"/>
    </row>
    <row r="1009344" spans="14:14">
      <c r="N1009344" s="10"/>
    </row>
    <row r="1009345" spans="14:14">
      <c r="N1009345" s="10"/>
    </row>
    <row r="1009346" spans="14:14">
      <c r="N1009346" s="10"/>
    </row>
    <row r="1009347" spans="14:14">
      <c r="N1009347" s="10"/>
    </row>
    <row r="1009348" spans="14:14">
      <c r="N1009348" s="10"/>
    </row>
    <row r="1009349" spans="14:14">
      <c r="N1009349" s="10"/>
    </row>
    <row r="1009350" spans="14:14">
      <c r="N1009350" s="10"/>
    </row>
    <row r="1009351" spans="14:14">
      <c r="N1009351" s="10"/>
    </row>
    <row r="1009352" spans="14:14">
      <c r="N1009352" s="10"/>
    </row>
    <row r="1009353" spans="14:14">
      <c r="N1009353" s="10"/>
    </row>
    <row r="1009354" spans="14:14">
      <c r="N1009354" s="10"/>
    </row>
    <row r="1009355" spans="14:14">
      <c r="N1009355" s="10"/>
    </row>
    <row r="1009356" spans="14:14">
      <c r="N1009356" s="10"/>
    </row>
    <row r="1009357" spans="14:14">
      <c r="N1009357" s="10"/>
    </row>
    <row r="1009358" spans="14:14">
      <c r="N1009358" s="10"/>
    </row>
    <row r="1009359" spans="14:14">
      <c r="N1009359" s="10"/>
    </row>
    <row r="1009360" spans="14:14">
      <c r="N1009360" s="10"/>
    </row>
    <row r="1009361" spans="14:14">
      <c r="N1009361" s="10"/>
    </row>
    <row r="1009362" spans="14:14">
      <c r="N1009362" s="10"/>
    </row>
    <row r="1009363" spans="14:14">
      <c r="N1009363" s="10"/>
    </row>
    <row r="1009364" spans="14:14">
      <c r="N1009364" s="10"/>
    </row>
    <row r="1009365" spans="14:14">
      <c r="N1009365" s="10"/>
    </row>
    <row r="1009366" spans="14:14">
      <c r="N1009366" s="10"/>
    </row>
    <row r="1009367" spans="14:14">
      <c r="N1009367" s="10"/>
    </row>
    <row r="1009368" spans="14:14">
      <c r="N1009368" s="10"/>
    </row>
    <row r="1009369" spans="14:14">
      <c r="N1009369" s="10"/>
    </row>
    <row r="1009370" spans="14:14">
      <c r="N1009370" s="10"/>
    </row>
    <row r="1009371" spans="14:14">
      <c r="N1009371" s="10"/>
    </row>
    <row r="1009372" spans="14:14">
      <c r="N1009372" s="10"/>
    </row>
    <row r="1009373" spans="14:14">
      <c r="N1009373" s="10"/>
    </row>
    <row r="1009374" spans="14:14">
      <c r="N1009374" s="10"/>
    </row>
    <row r="1009375" spans="14:14">
      <c r="N1009375" s="10"/>
    </row>
    <row r="1009376" spans="14:14">
      <c r="N1009376" s="10"/>
    </row>
    <row r="1009377" spans="14:14">
      <c r="N1009377" s="10"/>
    </row>
    <row r="1009378" spans="14:14">
      <c r="N1009378" s="10"/>
    </row>
    <row r="1009379" spans="14:14">
      <c r="N1009379" s="10"/>
    </row>
    <row r="1009380" spans="14:14">
      <c r="N1009380" s="10"/>
    </row>
    <row r="1009381" spans="14:14">
      <c r="N1009381" s="10"/>
    </row>
    <row r="1009382" spans="14:14">
      <c r="N1009382" s="10"/>
    </row>
    <row r="1009383" spans="14:14">
      <c r="N1009383" s="10"/>
    </row>
    <row r="1009384" spans="14:14">
      <c r="N1009384" s="10"/>
    </row>
    <row r="1009385" spans="14:14">
      <c r="N1009385" s="10"/>
    </row>
    <row r="1009386" spans="14:14">
      <c r="N1009386" s="10"/>
    </row>
    <row r="1009387" spans="14:14">
      <c r="N1009387" s="10"/>
    </row>
    <row r="1009388" spans="14:14">
      <c r="N1009388" s="10"/>
    </row>
    <row r="1009389" spans="14:14">
      <c r="N1009389" s="10"/>
    </row>
    <row r="1009390" spans="14:14">
      <c r="N1009390" s="10"/>
    </row>
    <row r="1009391" spans="14:14">
      <c r="N1009391" s="10"/>
    </row>
    <row r="1009392" spans="14:14">
      <c r="N1009392" s="10"/>
    </row>
    <row r="1009393" spans="14:14">
      <c r="N1009393" s="10"/>
    </row>
    <row r="1009394" spans="14:14">
      <c r="N1009394" s="10"/>
    </row>
    <row r="1009395" spans="14:14">
      <c r="N1009395" s="10"/>
    </row>
    <row r="1009396" spans="14:14">
      <c r="N1009396" s="10"/>
    </row>
    <row r="1009397" spans="14:14">
      <c r="N1009397" s="10"/>
    </row>
    <row r="1009398" spans="14:14">
      <c r="N1009398" s="10"/>
    </row>
    <row r="1009399" spans="14:14">
      <c r="N1009399" s="10"/>
    </row>
    <row r="1009400" spans="14:14">
      <c r="N1009400" s="10"/>
    </row>
    <row r="1009401" spans="14:14">
      <c r="N1009401" s="10"/>
    </row>
    <row r="1009402" spans="14:14">
      <c r="N1009402" s="10"/>
    </row>
    <row r="1009403" spans="14:14">
      <c r="N1009403" s="10"/>
    </row>
    <row r="1009404" spans="14:14">
      <c r="N1009404" s="10"/>
    </row>
    <row r="1009405" spans="14:14">
      <c r="N1009405" s="10"/>
    </row>
    <row r="1009406" spans="14:14">
      <c r="N1009406" s="10"/>
    </row>
    <row r="1009407" spans="14:14">
      <c r="N1009407" s="10"/>
    </row>
    <row r="1009408" spans="14:14">
      <c r="N1009408" s="10"/>
    </row>
    <row r="1009409" spans="14:14">
      <c r="N1009409" s="10"/>
    </row>
    <row r="1009410" spans="14:14">
      <c r="N1009410" s="10"/>
    </row>
    <row r="1009411" spans="14:14">
      <c r="N1009411" s="10"/>
    </row>
    <row r="1009412" spans="14:14">
      <c r="N1009412" s="10"/>
    </row>
    <row r="1009413" spans="14:14">
      <c r="N1009413" s="10"/>
    </row>
    <row r="1009414" spans="14:14">
      <c r="N1009414" s="10"/>
    </row>
    <row r="1009415" spans="14:14">
      <c r="N1009415" s="10"/>
    </row>
    <row r="1009416" spans="14:14">
      <c r="N1009416" s="10"/>
    </row>
    <row r="1009417" spans="14:14">
      <c r="N1009417" s="10"/>
    </row>
    <row r="1009418" spans="14:14">
      <c r="N1009418" s="10"/>
    </row>
    <row r="1009419" spans="14:14">
      <c r="N1009419" s="10"/>
    </row>
    <row r="1009420" spans="14:14">
      <c r="N1009420" s="10"/>
    </row>
    <row r="1009421" spans="14:14">
      <c r="N1009421" s="10"/>
    </row>
    <row r="1009422" spans="14:14">
      <c r="N1009422" s="10"/>
    </row>
    <row r="1009423" spans="14:14">
      <c r="N1009423" s="10"/>
    </row>
    <row r="1009424" spans="14:14">
      <c r="N1009424" s="10"/>
    </row>
    <row r="1009425" spans="14:14">
      <c r="N1009425" s="10"/>
    </row>
    <row r="1009426" spans="14:14">
      <c r="N1009426" s="10"/>
    </row>
    <row r="1009427" spans="14:14">
      <c r="N1009427" s="10"/>
    </row>
    <row r="1009428" spans="14:14">
      <c r="N1009428" s="10"/>
    </row>
    <row r="1009429" spans="14:14">
      <c r="N1009429" s="10"/>
    </row>
    <row r="1009430" spans="14:14">
      <c r="N1009430" s="10"/>
    </row>
    <row r="1009431" spans="14:14">
      <c r="N1009431" s="10"/>
    </row>
    <row r="1009432" spans="14:14">
      <c r="N1009432" s="10"/>
    </row>
    <row r="1009433" spans="14:14">
      <c r="N1009433" s="10"/>
    </row>
    <row r="1009434" spans="14:14">
      <c r="N1009434" s="10"/>
    </row>
    <row r="1009435" spans="14:14">
      <c r="N1009435" s="10"/>
    </row>
    <row r="1009436" spans="14:14">
      <c r="N1009436" s="10"/>
    </row>
    <row r="1009437" spans="14:14">
      <c r="N1009437" s="10"/>
    </row>
    <row r="1009438" spans="14:14">
      <c r="N1009438" s="10"/>
    </row>
    <row r="1009439" spans="14:14">
      <c r="N1009439" s="10"/>
    </row>
    <row r="1009440" spans="14:14">
      <c r="N1009440" s="10"/>
    </row>
    <row r="1009441" spans="14:14">
      <c r="N1009441" s="10"/>
    </row>
    <row r="1009442" spans="14:14">
      <c r="N1009442" s="10"/>
    </row>
    <row r="1009443" spans="14:14">
      <c r="N1009443" s="10"/>
    </row>
    <row r="1009444" spans="14:14">
      <c r="N1009444" s="10"/>
    </row>
    <row r="1009445" spans="14:14">
      <c r="N1009445" s="10"/>
    </row>
    <row r="1009446" spans="14:14">
      <c r="N1009446" s="10"/>
    </row>
    <row r="1009447" spans="14:14">
      <c r="N1009447" s="10"/>
    </row>
    <row r="1009448" spans="14:14">
      <c r="N1009448" s="10"/>
    </row>
    <row r="1009449" spans="14:14">
      <c r="N1009449" s="10"/>
    </row>
    <row r="1009450" spans="14:14">
      <c r="N1009450" s="10"/>
    </row>
    <row r="1009451" spans="14:14">
      <c r="N1009451" s="10"/>
    </row>
    <row r="1009452" spans="14:14">
      <c r="N1009452" s="10"/>
    </row>
    <row r="1009453" spans="14:14">
      <c r="N1009453" s="10"/>
    </row>
    <row r="1009454" spans="14:14">
      <c r="N1009454" s="10"/>
    </row>
    <row r="1009455" spans="14:14">
      <c r="N1009455" s="10"/>
    </row>
    <row r="1009456" spans="14:14">
      <c r="N1009456" s="10"/>
    </row>
    <row r="1009457" spans="14:14">
      <c r="N1009457" s="10"/>
    </row>
    <row r="1009458" spans="14:14">
      <c r="N1009458" s="10"/>
    </row>
    <row r="1009459" spans="14:14">
      <c r="N1009459" s="10"/>
    </row>
    <row r="1009460" spans="14:14">
      <c r="N1009460" s="10"/>
    </row>
    <row r="1009461" spans="14:14">
      <c r="N1009461" s="10"/>
    </row>
    <row r="1009462" spans="14:14">
      <c r="N1009462" s="10"/>
    </row>
    <row r="1009463" spans="14:14">
      <c r="N1009463" s="10"/>
    </row>
    <row r="1009464" spans="14:14">
      <c r="N1009464" s="10"/>
    </row>
    <row r="1009465" spans="14:14">
      <c r="N1009465" s="10"/>
    </row>
    <row r="1009466" spans="14:14">
      <c r="N1009466" s="10"/>
    </row>
    <row r="1009467" spans="14:14">
      <c r="N1009467" s="10"/>
    </row>
    <row r="1009468" spans="14:14">
      <c r="N1009468" s="10"/>
    </row>
    <row r="1009469" spans="14:14">
      <c r="N1009469" s="10"/>
    </row>
    <row r="1009470" spans="14:14">
      <c r="N1009470" s="10"/>
    </row>
    <row r="1009471" spans="14:14">
      <c r="N1009471" s="10"/>
    </row>
    <row r="1009472" spans="14:14">
      <c r="N1009472" s="10"/>
    </row>
    <row r="1009473" spans="14:14">
      <c r="N1009473" s="10"/>
    </row>
    <row r="1009474" spans="14:14">
      <c r="N1009474" s="10"/>
    </row>
    <row r="1009475" spans="14:14">
      <c r="N1009475" s="10"/>
    </row>
    <row r="1009476" spans="14:14">
      <c r="N1009476" s="10"/>
    </row>
    <row r="1009477" spans="14:14">
      <c r="N1009477" s="10"/>
    </row>
    <row r="1009478" spans="14:14">
      <c r="N1009478" s="10"/>
    </row>
    <row r="1009479" spans="14:14">
      <c r="N1009479" s="10"/>
    </row>
    <row r="1009480" spans="14:14">
      <c r="N1009480" s="10"/>
    </row>
    <row r="1009481" spans="14:14">
      <c r="N1009481" s="10"/>
    </row>
    <row r="1009482" spans="14:14">
      <c r="N1009482" s="10"/>
    </row>
    <row r="1009483" spans="14:14">
      <c r="N1009483" s="10"/>
    </row>
    <row r="1009484" spans="14:14">
      <c r="N1009484" s="10"/>
    </row>
    <row r="1009485" spans="14:14">
      <c r="N1009485" s="10"/>
    </row>
    <row r="1009486" spans="14:14">
      <c r="N1009486" s="10"/>
    </row>
    <row r="1009487" spans="14:14">
      <c r="N1009487" s="10"/>
    </row>
    <row r="1009488" spans="14:14">
      <c r="N1009488" s="10"/>
    </row>
    <row r="1009489" spans="14:14">
      <c r="N1009489" s="10"/>
    </row>
    <row r="1009490" spans="14:14">
      <c r="N1009490" s="10"/>
    </row>
    <row r="1009491" spans="14:14">
      <c r="N1009491" s="10"/>
    </row>
    <row r="1009492" spans="14:14">
      <c r="N1009492" s="10"/>
    </row>
    <row r="1009493" spans="14:14">
      <c r="N1009493" s="10"/>
    </row>
    <row r="1009494" spans="14:14">
      <c r="N1009494" s="10"/>
    </row>
    <row r="1009495" spans="14:14">
      <c r="N1009495" s="10"/>
    </row>
    <row r="1009496" spans="14:14">
      <c r="N1009496" s="10"/>
    </row>
    <row r="1009497" spans="14:14">
      <c r="N1009497" s="10"/>
    </row>
    <row r="1009498" spans="14:14">
      <c r="N1009498" s="10"/>
    </row>
    <row r="1009499" spans="14:14">
      <c r="N1009499" s="10"/>
    </row>
    <row r="1009500" spans="14:14">
      <c r="N1009500" s="10"/>
    </row>
    <row r="1009501" spans="14:14">
      <c r="N1009501" s="10"/>
    </row>
    <row r="1009502" spans="14:14">
      <c r="N1009502" s="10"/>
    </row>
    <row r="1009503" spans="14:14">
      <c r="N1009503" s="10"/>
    </row>
    <row r="1009504" spans="14:14">
      <c r="N1009504" s="10"/>
    </row>
    <row r="1009505" spans="14:14">
      <c r="N1009505" s="10"/>
    </row>
    <row r="1009506" spans="14:14">
      <c r="N1009506" s="10"/>
    </row>
    <row r="1009507" spans="14:14">
      <c r="N1009507" s="10"/>
    </row>
    <row r="1009508" spans="14:14">
      <c r="N1009508" s="10"/>
    </row>
    <row r="1009509" spans="14:14">
      <c r="N1009509" s="10"/>
    </row>
    <row r="1009510" spans="14:14">
      <c r="N1009510" s="10"/>
    </row>
    <row r="1009511" spans="14:14">
      <c r="N1009511" s="10"/>
    </row>
    <row r="1009512" spans="14:14">
      <c r="N1009512" s="10"/>
    </row>
    <row r="1009513" spans="14:14">
      <c r="N1009513" s="10"/>
    </row>
    <row r="1009514" spans="14:14">
      <c r="N1009514" s="10"/>
    </row>
    <row r="1009515" spans="14:14">
      <c r="N1009515" s="10"/>
    </row>
    <row r="1009516" spans="14:14">
      <c r="N1009516" s="10"/>
    </row>
    <row r="1009517" spans="14:14">
      <c r="N1009517" s="10"/>
    </row>
    <row r="1009518" spans="14:14">
      <c r="N1009518" s="10"/>
    </row>
    <row r="1009519" spans="14:14">
      <c r="N1009519" s="10"/>
    </row>
    <row r="1009520" spans="14:14">
      <c r="N1009520" s="10"/>
    </row>
    <row r="1009521" spans="14:14">
      <c r="N1009521" s="10"/>
    </row>
    <row r="1009522" spans="14:14">
      <c r="N1009522" s="10"/>
    </row>
    <row r="1009523" spans="14:14">
      <c r="N1009523" s="10"/>
    </row>
    <row r="1009524" spans="14:14">
      <c r="N1009524" s="10"/>
    </row>
    <row r="1009525" spans="14:14">
      <c r="N1009525" s="10"/>
    </row>
    <row r="1009526" spans="14:14">
      <c r="N1009526" s="10"/>
    </row>
    <row r="1009527" spans="14:14">
      <c r="N1009527" s="10"/>
    </row>
    <row r="1009528" spans="14:14">
      <c r="N1009528" s="10"/>
    </row>
    <row r="1009529" spans="14:14">
      <c r="N1009529" s="10"/>
    </row>
    <row r="1009530" spans="14:14">
      <c r="N1009530" s="10"/>
    </row>
    <row r="1009531" spans="14:14">
      <c r="N1009531" s="10"/>
    </row>
    <row r="1009532" spans="14:14">
      <c r="N1009532" s="10"/>
    </row>
    <row r="1009533" spans="14:14">
      <c r="N1009533" s="10"/>
    </row>
    <row r="1009534" spans="14:14">
      <c r="N1009534" s="10"/>
    </row>
    <row r="1009535" spans="14:14">
      <c r="N1009535" s="10"/>
    </row>
    <row r="1009536" spans="14:14">
      <c r="N1009536" s="10"/>
    </row>
    <row r="1009537" spans="14:14">
      <c r="N1009537" s="10"/>
    </row>
    <row r="1009538" spans="14:14">
      <c r="N1009538" s="10"/>
    </row>
    <row r="1009539" spans="14:14">
      <c r="N1009539" s="10"/>
    </row>
    <row r="1009540" spans="14:14">
      <c r="N1009540" s="10"/>
    </row>
    <row r="1009541" spans="14:14">
      <c r="N1009541" s="10"/>
    </row>
    <row r="1009542" spans="14:14">
      <c r="N1009542" s="10"/>
    </row>
    <row r="1009543" spans="14:14">
      <c r="N1009543" s="10"/>
    </row>
    <row r="1009544" spans="14:14">
      <c r="N1009544" s="10"/>
    </row>
    <row r="1009545" spans="14:14">
      <c r="N1009545" s="10"/>
    </row>
    <row r="1009546" spans="14:14">
      <c r="N1009546" s="10"/>
    </row>
    <row r="1009547" spans="14:14">
      <c r="N1009547" s="10"/>
    </row>
    <row r="1009548" spans="14:14">
      <c r="N1009548" s="10"/>
    </row>
    <row r="1009549" spans="14:14">
      <c r="N1009549" s="10"/>
    </row>
    <row r="1009550" spans="14:14">
      <c r="N1009550" s="10"/>
    </row>
    <row r="1009551" spans="14:14">
      <c r="N1009551" s="10"/>
    </row>
    <row r="1009552" spans="14:14">
      <c r="N1009552" s="10"/>
    </row>
    <row r="1009553" spans="14:14">
      <c r="N1009553" s="10"/>
    </row>
    <row r="1009554" spans="14:14">
      <c r="N1009554" s="10"/>
    </row>
    <row r="1009555" spans="14:14">
      <c r="N1009555" s="10"/>
    </row>
    <row r="1009556" spans="14:14">
      <c r="N1009556" s="10"/>
    </row>
    <row r="1009557" spans="14:14">
      <c r="N1009557" s="10"/>
    </row>
    <row r="1009558" spans="14:14">
      <c r="N1009558" s="10"/>
    </row>
    <row r="1009559" spans="14:14">
      <c r="N1009559" s="10"/>
    </row>
    <row r="1009560" spans="14:14">
      <c r="N1009560" s="10"/>
    </row>
    <row r="1009561" spans="14:14">
      <c r="N1009561" s="10"/>
    </row>
    <row r="1009562" spans="14:14">
      <c r="N1009562" s="10"/>
    </row>
    <row r="1009563" spans="14:14">
      <c r="N1009563" s="10"/>
    </row>
    <row r="1009564" spans="14:14">
      <c r="N1009564" s="10"/>
    </row>
    <row r="1009565" spans="14:14">
      <c r="N1009565" s="10"/>
    </row>
    <row r="1009566" spans="14:14">
      <c r="N1009566" s="10"/>
    </row>
    <row r="1009567" spans="14:14">
      <c r="N1009567" s="10"/>
    </row>
    <row r="1009568" spans="14:14">
      <c r="N1009568" s="10"/>
    </row>
    <row r="1009569" spans="14:14">
      <c r="N1009569" s="10"/>
    </row>
    <row r="1009570" spans="14:14">
      <c r="N1009570" s="10"/>
    </row>
    <row r="1009571" spans="14:14">
      <c r="N1009571" s="10"/>
    </row>
    <row r="1009572" spans="14:14">
      <c r="N1009572" s="10"/>
    </row>
    <row r="1009573" spans="14:14">
      <c r="N1009573" s="10"/>
    </row>
    <row r="1009574" spans="14:14">
      <c r="N1009574" s="10"/>
    </row>
    <row r="1009575" spans="14:14">
      <c r="N1009575" s="10"/>
    </row>
    <row r="1009576" spans="14:14">
      <c r="N1009576" s="10"/>
    </row>
    <row r="1009577" spans="14:14">
      <c r="N1009577" s="10"/>
    </row>
    <row r="1009578" spans="14:14">
      <c r="N1009578" s="10"/>
    </row>
    <row r="1009579" spans="14:14">
      <c r="N1009579" s="10"/>
    </row>
    <row r="1009580" spans="14:14">
      <c r="N1009580" s="10"/>
    </row>
    <row r="1009581" spans="14:14">
      <c r="N1009581" s="10"/>
    </row>
    <row r="1009582" spans="14:14">
      <c r="N1009582" s="10"/>
    </row>
    <row r="1009583" spans="14:14">
      <c r="N1009583" s="10"/>
    </row>
    <row r="1009584" spans="14:14">
      <c r="N1009584" s="10"/>
    </row>
    <row r="1009585" spans="14:14">
      <c r="N1009585" s="10"/>
    </row>
    <row r="1009586" spans="14:14">
      <c r="N1009586" s="10"/>
    </row>
    <row r="1009587" spans="14:14">
      <c r="N1009587" s="10"/>
    </row>
    <row r="1009588" spans="14:14">
      <c r="N1009588" s="10"/>
    </row>
    <row r="1009589" spans="14:14">
      <c r="N1009589" s="10"/>
    </row>
    <row r="1009590" spans="14:14">
      <c r="N1009590" s="10"/>
    </row>
    <row r="1009591" spans="14:14">
      <c r="N1009591" s="10"/>
    </row>
    <row r="1009592" spans="14:14">
      <c r="N1009592" s="10"/>
    </row>
    <row r="1009593" spans="14:14">
      <c r="N1009593" s="10"/>
    </row>
    <row r="1009594" spans="14:14">
      <c r="N1009594" s="10"/>
    </row>
    <row r="1009595" spans="14:14">
      <c r="N1009595" s="10"/>
    </row>
    <row r="1009596" spans="14:14">
      <c r="N1009596" s="10"/>
    </row>
    <row r="1009597" spans="14:14">
      <c r="N1009597" s="10"/>
    </row>
    <row r="1009598" spans="14:14">
      <c r="N1009598" s="10"/>
    </row>
    <row r="1009599" spans="14:14">
      <c r="N1009599" s="10"/>
    </row>
    <row r="1009600" spans="14:14">
      <c r="N1009600" s="10"/>
    </row>
    <row r="1009601" spans="14:14">
      <c r="N1009601" s="10"/>
    </row>
    <row r="1009602" spans="14:14">
      <c r="N1009602" s="10"/>
    </row>
    <row r="1009603" spans="14:14">
      <c r="N1009603" s="10"/>
    </row>
    <row r="1009604" spans="14:14">
      <c r="N1009604" s="10"/>
    </row>
    <row r="1009605" spans="14:14">
      <c r="N1009605" s="10"/>
    </row>
    <row r="1009606" spans="14:14">
      <c r="N1009606" s="10"/>
    </row>
    <row r="1009607" spans="14:14">
      <c r="N1009607" s="10"/>
    </row>
    <row r="1009608" spans="14:14">
      <c r="N1009608" s="10"/>
    </row>
    <row r="1009609" spans="14:14">
      <c r="N1009609" s="10"/>
    </row>
    <row r="1009610" spans="14:14">
      <c r="N1009610" s="10"/>
    </row>
    <row r="1009611" spans="14:14">
      <c r="N1009611" s="10"/>
    </row>
    <row r="1009612" spans="14:14">
      <c r="N1009612" s="10"/>
    </row>
    <row r="1009613" spans="14:14">
      <c r="N1009613" s="10"/>
    </row>
    <row r="1009614" spans="14:14">
      <c r="N1009614" s="10"/>
    </row>
    <row r="1009615" spans="14:14">
      <c r="N1009615" s="10"/>
    </row>
    <row r="1009616" spans="14:14">
      <c r="N1009616" s="10"/>
    </row>
    <row r="1009617" spans="14:14">
      <c r="N1009617" s="10"/>
    </row>
    <row r="1009618" spans="14:14">
      <c r="N1009618" s="10"/>
    </row>
    <row r="1009619" spans="14:14">
      <c r="N1009619" s="10"/>
    </row>
    <row r="1009620" spans="14:14">
      <c r="N1009620" s="10"/>
    </row>
    <row r="1009621" spans="14:14">
      <c r="N1009621" s="10"/>
    </row>
    <row r="1009622" spans="14:14">
      <c r="N1009622" s="10"/>
    </row>
    <row r="1009623" spans="14:14">
      <c r="N1009623" s="10"/>
    </row>
    <row r="1009624" spans="14:14">
      <c r="N1009624" s="10"/>
    </row>
    <row r="1009625" spans="14:14">
      <c r="N1009625" s="10"/>
    </row>
    <row r="1009626" spans="14:14">
      <c r="N1009626" s="10"/>
    </row>
    <row r="1009627" spans="14:14">
      <c r="N1009627" s="10"/>
    </row>
    <row r="1009628" spans="14:14">
      <c r="N1009628" s="10"/>
    </row>
    <row r="1009629" spans="14:14">
      <c r="N1009629" s="10"/>
    </row>
    <row r="1009630" spans="14:14">
      <c r="N1009630" s="10"/>
    </row>
    <row r="1009631" spans="14:14">
      <c r="N1009631" s="10"/>
    </row>
    <row r="1009632" spans="14:14">
      <c r="N1009632" s="10"/>
    </row>
    <row r="1009633" spans="14:14">
      <c r="N1009633" s="10"/>
    </row>
    <row r="1009634" spans="14:14">
      <c r="N1009634" s="10"/>
    </row>
    <row r="1009635" spans="14:14">
      <c r="N1009635" s="10"/>
    </row>
    <row r="1009636" spans="14:14">
      <c r="N1009636" s="10"/>
    </row>
    <row r="1009637" spans="14:14">
      <c r="N1009637" s="10"/>
    </row>
    <row r="1009638" spans="14:14">
      <c r="N1009638" s="10"/>
    </row>
    <row r="1009639" spans="14:14">
      <c r="N1009639" s="10"/>
    </row>
    <row r="1009640" spans="14:14">
      <c r="N1009640" s="10"/>
    </row>
    <row r="1009641" spans="14:14">
      <c r="N1009641" s="10"/>
    </row>
    <row r="1009642" spans="14:14">
      <c r="N1009642" s="10"/>
    </row>
    <row r="1009643" spans="14:14">
      <c r="N1009643" s="10"/>
    </row>
    <row r="1009644" spans="14:14">
      <c r="N1009644" s="10"/>
    </row>
    <row r="1009645" spans="14:14">
      <c r="N1009645" s="10"/>
    </row>
    <row r="1009646" spans="14:14">
      <c r="N1009646" s="10"/>
    </row>
    <row r="1009647" spans="14:14">
      <c r="N1009647" s="10"/>
    </row>
    <row r="1009648" spans="14:14">
      <c r="N1009648" s="10"/>
    </row>
    <row r="1009649" spans="14:14">
      <c r="N1009649" s="10"/>
    </row>
    <row r="1009650" spans="14:14">
      <c r="N1009650" s="10"/>
    </row>
    <row r="1009651" spans="14:14">
      <c r="N1009651" s="10"/>
    </row>
    <row r="1009652" spans="14:14">
      <c r="N1009652" s="10"/>
    </row>
    <row r="1009653" spans="14:14">
      <c r="N1009653" s="10"/>
    </row>
    <row r="1009654" spans="14:14">
      <c r="N1009654" s="10"/>
    </row>
    <row r="1009655" spans="14:14">
      <c r="N1009655" s="10"/>
    </row>
    <row r="1009656" spans="14:14">
      <c r="N1009656" s="10"/>
    </row>
    <row r="1009657" spans="14:14">
      <c r="N1009657" s="10"/>
    </row>
    <row r="1009658" spans="14:14">
      <c r="N1009658" s="10"/>
    </row>
    <row r="1009659" spans="14:14">
      <c r="N1009659" s="10"/>
    </row>
    <row r="1009660" spans="14:14">
      <c r="N1009660" s="10"/>
    </row>
    <row r="1009661" spans="14:14">
      <c r="N1009661" s="10"/>
    </row>
    <row r="1009662" spans="14:14">
      <c r="N1009662" s="10"/>
    </row>
    <row r="1009663" spans="14:14">
      <c r="N1009663" s="10"/>
    </row>
    <row r="1009664" spans="14:14">
      <c r="N1009664" s="10"/>
    </row>
    <row r="1009665" spans="14:14">
      <c r="N1009665" s="10"/>
    </row>
    <row r="1009666" spans="14:14">
      <c r="N1009666" s="10"/>
    </row>
    <row r="1009667" spans="14:14">
      <c r="N1009667" s="10"/>
    </row>
    <row r="1009668" spans="14:14">
      <c r="N1009668" s="10"/>
    </row>
    <row r="1009669" spans="14:14">
      <c r="N1009669" s="10"/>
    </row>
    <row r="1009670" spans="14:14">
      <c r="N1009670" s="10"/>
    </row>
    <row r="1009671" spans="14:14">
      <c r="N1009671" s="10"/>
    </row>
    <row r="1009672" spans="14:14">
      <c r="N1009672" s="10"/>
    </row>
    <row r="1009673" spans="14:14">
      <c r="N1009673" s="10"/>
    </row>
    <row r="1009674" spans="14:14">
      <c r="N1009674" s="10"/>
    </row>
    <row r="1009675" spans="14:14">
      <c r="N1009675" s="10"/>
    </row>
    <row r="1009676" spans="14:14">
      <c r="N1009676" s="10"/>
    </row>
    <row r="1009677" spans="14:14">
      <c r="N1009677" s="10"/>
    </row>
    <row r="1009678" spans="14:14">
      <c r="N1009678" s="10"/>
    </row>
    <row r="1009679" spans="14:14">
      <c r="N1009679" s="10"/>
    </row>
    <row r="1009680" spans="14:14">
      <c r="N1009680" s="10"/>
    </row>
    <row r="1009681" spans="14:14">
      <c r="N1009681" s="10"/>
    </row>
    <row r="1009682" spans="14:14">
      <c r="N1009682" s="10"/>
    </row>
    <row r="1009683" spans="14:14">
      <c r="N1009683" s="10"/>
    </row>
    <row r="1009684" spans="14:14">
      <c r="N1009684" s="10"/>
    </row>
    <row r="1009685" spans="14:14">
      <c r="N1009685" s="10"/>
    </row>
    <row r="1009686" spans="14:14">
      <c r="N1009686" s="10"/>
    </row>
    <row r="1009687" spans="14:14">
      <c r="N1009687" s="10"/>
    </row>
    <row r="1009688" spans="14:14">
      <c r="N1009688" s="10"/>
    </row>
    <row r="1009689" spans="14:14">
      <c r="N1009689" s="10"/>
    </row>
    <row r="1009690" spans="14:14">
      <c r="N1009690" s="10"/>
    </row>
    <row r="1009691" spans="14:14">
      <c r="N1009691" s="10"/>
    </row>
    <row r="1009692" spans="14:14">
      <c r="N1009692" s="10"/>
    </row>
    <row r="1009693" spans="14:14">
      <c r="N1009693" s="10"/>
    </row>
    <row r="1009694" spans="14:14">
      <c r="N1009694" s="10"/>
    </row>
    <row r="1009695" spans="14:14">
      <c r="N1009695" s="10"/>
    </row>
    <row r="1009696" spans="14:14">
      <c r="N1009696" s="10"/>
    </row>
    <row r="1009697" spans="14:14">
      <c r="N1009697" s="10"/>
    </row>
    <row r="1009698" spans="14:14">
      <c r="N1009698" s="10"/>
    </row>
    <row r="1009699" spans="14:14">
      <c r="N1009699" s="10"/>
    </row>
    <row r="1009700" spans="14:14">
      <c r="N1009700" s="10"/>
    </row>
    <row r="1009701" spans="14:14">
      <c r="N1009701" s="10"/>
    </row>
    <row r="1009702" spans="14:14">
      <c r="N1009702" s="10"/>
    </row>
    <row r="1009703" spans="14:14">
      <c r="N1009703" s="10"/>
    </row>
    <row r="1009704" spans="14:14">
      <c r="N1009704" s="10"/>
    </row>
    <row r="1009705" spans="14:14">
      <c r="N1009705" s="10"/>
    </row>
    <row r="1009706" spans="14:14">
      <c r="N1009706" s="10"/>
    </row>
    <row r="1009707" spans="14:14">
      <c r="N1009707" s="10"/>
    </row>
    <row r="1009708" spans="14:14">
      <c r="N1009708" s="10"/>
    </row>
    <row r="1009709" spans="14:14">
      <c r="N1009709" s="10"/>
    </row>
    <row r="1009710" spans="14:14">
      <c r="N1009710" s="10"/>
    </row>
    <row r="1009711" spans="14:14">
      <c r="N1009711" s="10"/>
    </row>
    <row r="1009712" spans="14:14">
      <c r="N1009712" s="10"/>
    </row>
    <row r="1009713" spans="14:14">
      <c r="N1009713" s="10"/>
    </row>
    <row r="1009714" spans="14:14">
      <c r="N1009714" s="10"/>
    </row>
    <row r="1009715" spans="14:14">
      <c r="N1009715" s="10"/>
    </row>
    <row r="1009716" spans="14:14">
      <c r="N1009716" s="10"/>
    </row>
    <row r="1009717" spans="14:14">
      <c r="N1009717" s="10"/>
    </row>
    <row r="1009718" spans="14:14">
      <c r="N1009718" s="10"/>
    </row>
    <row r="1009719" spans="14:14">
      <c r="N1009719" s="10"/>
    </row>
    <row r="1009720" spans="14:14">
      <c r="N1009720" s="10"/>
    </row>
    <row r="1009721" spans="14:14">
      <c r="N1009721" s="10"/>
    </row>
    <row r="1009722" spans="14:14">
      <c r="N1009722" s="10"/>
    </row>
    <row r="1009723" spans="14:14">
      <c r="N1009723" s="10"/>
    </row>
    <row r="1009724" spans="14:14">
      <c r="N1009724" s="10"/>
    </row>
    <row r="1009725" spans="14:14">
      <c r="N1009725" s="10"/>
    </row>
    <row r="1009726" spans="14:14">
      <c r="N1009726" s="10"/>
    </row>
    <row r="1009727" spans="14:14">
      <c r="N1009727" s="10"/>
    </row>
    <row r="1009728" spans="14:14">
      <c r="N1009728" s="10"/>
    </row>
    <row r="1009729" spans="14:14">
      <c r="N1009729" s="10"/>
    </row>
    <row r="1009730" spans="14:14">
      <c r="N1009730" s="10"/>
    </row>
    <row r="1009731" spans="14:14">
      <c r="N1009731" s="10"/>
    </row>
    <row r="1009732" spans="14:14">
      <c r="N1009732" s="10"/>
    </row>
    <row r="1009733" spans="14:14">
      <c r="N1009733" s="10"/>
    </row>
    <row r="1009734" spans="14:14">
      <c r="N1009734" s="10"/>
    </row>
    <row r="1009735" spans="14:14">
      <c r="N1009735" s="10"/>
    </row>
    <row r="1009736" spans="14:14">
      <c r="N1009736" s="10"/>
    </row>
    <row r="1009737" spans="14:14">
      <c r="N1009737" s="10"/>
    </row>
    <row r="1009738" spans="14:14">
      <c r="N1009738" s="10"/>
    </row>
    <row r="1009739" spans="14:14">
      <c r="N1009739" s="10"/>
    </row>
    <row r="1009740" spans="14:14">
      <c r="N1009740" s="10"/>
    </row>
    <row r="1009741" spans="14:14">
      <c r="N1009741" s="10"/>
    </row>
    <row r="1009742" spans="14:14">
      <c r="N1009742" s="10"/>
    </row>
    <row r="1009743" spans="14:14">
      <c r="N1009743" s="10"/>
    </row>
    <row r="1009744" spans="14:14">
      <c r="N1009744" s="10"/>
    </row>
    <row r="1009745" spans="14:14">
      <c r="N1009745" s="10"/>
    </row>
    <row r="1009746" spans="14:14">
      <c r="N1009746" s="10"/>
    </row>
    <row r="1009747" spans="14:14">
      <c r="N1009747" s="10"/>
    </row>
    <row r="1009748" spans="14:14">
      <c r="N1009748" s="10"/>
    </row>
    <row r="1009749" spans="14:14">
      <c r="N1009749" s="10"/>
    </row>
    <row r="1009750" spans="14:14">
      <c r="N1009750" s="10"/>
    </row>
    <row r="1009751" spans="14:14">
      <c r="N1009751" s="10"/>
    </row>
    <row r="1009752" spans="14:14">
      <c r="N1009752" s="10"/>
    </row>
    <row r="1009753" spans="14:14">
      <c r="N1009753" s="10"/>
    </row>
    <row r="1009754" spans="14:14">
      <c r="N1009754" s="10"/>
    </row>
    <row r="1009755" spans="14:14">
      <c r="N1009755" s="10"/>
    </row>
    <row r="1009756" spans="14:14">
      <c r="N1009756" s="10"/>
    </row>
    <row r="1009757" spans="14:14">
      <c r="N1009757" s="10"/>
    </row>
    <row r="1009758" spans="14:14">
      <c r="N1009758" s="10"/>
    </row>
    <row r="1009759" spans="14:14">
      <c r="N1009759" s="10"/>
    </row>
    <row r="1009760" spans="14:14">
      <c r="N1009760" s="10"/>
    </row>
    <row r="1009761" spans="14:14">
      <c r="N1009761" s="10"/>
    </row>
    <row r="1009762" spans="14:14">
      <c r="N1009762" s="10"/>
    </row>
    <row r="1009763" spans="14:14">
      <c r="N1009763" s="10"/>
    </row>
    <row r="1009764" spans="14:14">
      <c r="N1009764" s="10"/>
    </row>
    <row r="1009765" spans="14:14">
      <c r="N1009765" s="10"/>
    </row>
    <row r="1009766" spans="14:14">
      <c r="N1009766" s="10"/>
    </row>
    <row r="1009767" spans="14:14">
      <c r="N1009767" s="10"/>
    </row>
    <row r="1009768" spans="14:14">
      <c r="N1009768" s="10"/>
    </row>
    <row r="1009769" spans="14:14">
      <c r="N1009769" s="10"/>
    </row>
    <row r="1009770" spans="14:14">
      <c r="N1009770" s="10"/>
    </row>
    <row r="1009771" spans="14:14">
      <c r="N1009771" s="10"/>
    </row>
    <row r="1009772" spans="14:14">
      <c r="N1009772" s="10"/>
    </row>
    <row r="1009773" spans="14:14">
      <c r="N1009773" s="10"/>
    </row>
    <row r="1009774" spans="14:14">
      <c r="N1009774" s="10"/>
    </row>
    <row r="1009775" spans="14:14">
      <c r="N1009775" s="10"/>
    </row>
    <row r="1009776" spans="14:14">
      <c r="N1009776" s="10"/>
    </row>
    <row r="1009777" spans="14:14">
      <c r="N1009777" s="10"/>
    </row>
    <row r="1009778" spans="14:14">
      <c r="N1009778" s="10"/>
    </row>
    <row r="1009779" spans="14:14">
      <c r="N1009779" s="10"/>
    </row>
    <row r="1009780" spans="14:14">
      <c r="N1009780" s="10"/>
    </row>
    <row r="1009781" spans="14:14">
      <c r="N1009781" s="10"/>
    </row>
    <row r="1009782" spans="14:14">
      <c r="N1009782" s="10"/>
    </row>
    <row r="1009783" spans="14:14">
      <c r="N1009783" s="10"/>
    </row>
    <row r="1009784" spans="14:14">
      <c r="N1009784" s="10"/>
    </row>
    <row r="1009785" spans="14:14">
      <c r="N1009785" s="10"/>
    </row>
    <row r="1009786" spans="14:14">
      <c r="N1009786" s="10"/>
    </row>
    <row r="1009787" spans="14:14">
      <c r="N1009787" s="10"/>
    </row>
    <row r="1009788" spans="14:14">
      <c r="N1009788" s="10"/>
    </row>
    <row r="1009789" spans="14:14">
      <c r="N1009789" s="10"/>
    </row>
    <row r="1009790" spans="14:14">
      <c r="N1009790" s="10"/>
    </row>
    <row r="1009791" spans="14:14">
      <c r="N1009791" s="10"/>
    </row>
    <row r="1009792" spans="14:14">
      <c r="N1009792" s="10"/>
    </row>
    <row r="1009793" spans="14:14">
      <c r="N1009793" s="10"/>
    </row>
    <row r="1009794" spans="14:14">
      <c r="N1009794" s="10"/>
    </row>
    <row r="1009795" spans="14:14">
      <c r="N1009795" s="10"/>
    </row>
    <row r="1009796" spans="14:14">
      <c r="N1009796" s="10"/>
    </row>
    <row r="1009797" spans="14:14">
      <c r="N1009797" s="10"/>
    </row>
    <row r="1009798" spans="14:14">
      <c r="N1009798" s="10"/>
    </row>
    <row r="1009799" spans="14:14">
      <c r="N1009799" s="10"/>
    </row>
    <row r="1009800" spans="14:14">
      <c r="N1009800" s="10"/>
    </row>
    <row r="1009801" spans="14:14">
      <c r="N1009801" s="10"/>
    </row>
    <row r="1009802" spans="14:14">
      <c r="N1009802" s="10"/>
    </row>
    <row r="1009803" spans="14:14">
      <c r="N1009803" s="10"/>
    </row>
    <row r="1009804" spans="14:14">
      <c r="N1009804" s="10"/>
    </row>
    <row r="1009805" spans="14:14">
      <c r="N1009805" s="10"/>
    </row>
    <row r="1009806" spans="14:14">
      <c r="N1009806" s="10"/>
    </row>
    <row r="1009807" spans="14:14">
      <c r="N1009807" s="10"/>
    </row>
    <row r="1009808" spans="14:14">
      <c r="N1009808" s="10"/>
    </row>
    <row r="1009809" spans="14:14">
      <c r="N1009809" s="10"/>
    </row>
    <row r="1009810" spans="14:14">
      <c r="N1009810" s="10"/>
    </row>
    <row r="1009811" spans="14:14">
      <c r="N1009811" s="10"/>
    </row>
    <row r="1009812" spans="14:14">
      <c r="N1009812" s="10"/>
    </row>
    <row r="1009813" spans="14:14">
      <c r="N1009813" s="10"/>
    </row>
    <row r="1009814" spans="14:14">
      <c r="N1009814" s="10"/>
    </row>
    <row r="1009815" spans="14:14">
      <c r="N1009815" s="10"/>
    </row>
    <row r="1009816" spans="14:14">
      <c r="N1009816" s="10"/>
    </row>
    <row r="1009817" spans="14:14">
      <c r="N1009817" s="10"/>
    </row>
    <row r="1009818" spans="14:14">
      <c r="N1009818" s="10"/>
    </row>
    <row r="1009819" spans="14:14">
      <c r="N1009819" s="10"/>
    </row>
    <row r="1009820" spans="14:14">
      <c r="N1009820" s="10"/>
    </row>
    <row r="1009821" spans="14:14">
      <c r="N1009821" s="10"/>
    </row>
    <row r="1009822" spans="14:14">
      <c r="N1009822" s="10"/>
    </row>
    <row r="1009823" spans="14:14">
      <c r="N1009823" s="10"/>
    </row>
    <row r="1009824" spans="14:14">
      <c r="N1009824" s="10"/>
    </row>
    <row r="1009825" spans="14:14">
      <c r="N1009825" s="10"/>
    </row>
    <row r="1009826" spans="14:14">
      <c r="N1009826" s="10"/>
    </row>
    <row r="1009827" spans="14:14">
      <c r="N1009827" s="10"/>
    </row>
    <row r="1009828" spans="14:14">
      <c r="N1009828" s="10"/>
    </row>
    <row r="1009829" spans="14:14">
      <c r="N1009829" s="10"/>
    </row>
    <row r="1009830" spans="14:14">
      <c r="N1009830" s="10"/>
    </row>
    <row r="1009831" spans="14:14">
      <c r="N1009831" s="10"/>
    </row>
    <row r="1009832" spans="14:14">
      <c r="N1009832" s="10"/>
    </row>
    <row r="1009833" spans="14:14">
      <c r="N1009833" s="10"/>
    </row>
    <row r="1009834" spans="14:14">
      <c r="N1009834" s="10"/>
    </row>
    <row r="1009835" spans="14:14">
      <c r="N1009835" s="10"/>
    </row>
    <row r="1009836" spans="14:14">
      <c r="N1009836" s="10"/>
    </row>
    <row r="1009837" spans="14:14">
      <c r="N1009837" s="10"/>
    </row>
    <row r="1009838" spans="14:14">
      <c r="N1009838" s="10"/>
    </row>
    <row r="1009839" spans="14:14">
      <c r="N1009839" s="10"/>
    </row>
    <row r="1009840" spans="14:14">
      <c r="N1009840" s="10"/>
    </row>
    <row r="1009841" spans="14:14">
      <c r="N1009841" s="10"/>
    </row>
    <row r="1009842" spans="14:14">
      <c r="N1009842" s="10"/>
    </row>
    <row r="1009843" spans="14:14">
      <c r="N1009843" s="10"/>
    </row>
    <row r="1009844" spans="14:14">
      <c r="N1009844" s="10"/>
    </row>
    <row r="1009845" spans="14:14">
      <c r="N1009845" s="10"/>
    </row>
    <row r="1009846" spans="14:14">
      <c r="N1009846" s="10"/>
    </row>
    <row r="1009847" spans="14:14">
      <c r="N1009847" s="10"/>
    </row>
    <row r="1009848" spans="14:14">
      <c r="N1009848" s="10"/>
    </row>
    <row r="1009849" spans="14:14">
      <c r="N1009849" s="10"/>
    </row>
    <row r="1009850" spans="14:14">
      <c r="N1009850" s="10"/>
    </row>
    <row r="1009851" spans="14:14">
      <c r="N1009851" s="10"/>
    </row>
    <row r="1009852" spans="14:14">
      <c r="N1009852" s="10"/>
    </row>
    <row r="1009853" spans="14:14">
      <c r="N1009853" s="10"/>
    </row>
    <row r="1009854" spans="14:14">
      <c r="N1009854" s="10"/>
    </row>
    <row r="1009855" spans="14:14">
      <c r="N1009855" s="10"/>
    </row>
    <row r="1009856" spans="14:14">
      <c r="N1009856" s="10"/>
    </row>
    <row r="1009857" spans="14:14">
      <c r="N1009857" s="10"/>
    </row>
    <row r="1009858" spans="14:14">
      <c r="N1009858" s="10"/>
    </row>
    <row r="1009859" spans="14:14">
      <c r="N1009859" s="10"/>
    </row>
    <row r="1009860" spans="14:14">
      <c r="N1009860" s="10"/>
    </row>
    <row r="1009861" spans="14:14">
      <c r="N1009861" s="10"/>
    </row>
    <row r="1009862" spans="14:14">
      <c r="N1009862" s="10"/>
    </row>
    <row r="1009863" spans="14:14">
      <c r="N1009863" s="10"/>
    </row>
    <row r="1009864" spans="14:14">
      <c r="N1009864" s="10"/>
    </row>
    <row r="1009865" spans="14:14">
      <c r="N1009865" s="10"/>
    </row>
    <row r="1009866" spans="14:14">
      <c r="N1009866" s="10"/>
    </row>
    <row r="1009867" spans="14:14">
      <c r="N1009867" s="10"/>
    </row>
    <row r="1009868" spans="14:14">
      <c r="N1009868" s="10"/>
    </row>
    <row r="1009869" spans="14:14">
      <c r="N1009869" s="10"/>
    </row>
    <row r="1009870" spans="14:14">
      <c r="N1009870" s="10"/>
    </row>
    <row r="1009871" spans="14:14">
      <c r="N1009871" s="10"/>
    </row>
    <row r="1009872" spans="14:14">
      <c r="N1009872" s="10"/>
    </row>
    <row r="1009873" spans="14:14">
      <c r="N1009873" s="10"/>
    </row>
    <row r="1009874" spans="14:14">
      <c r="N1009874" s="10"/>
    </row>
    <row r="1009875" spans="14:14">
      <c r="N1009875" s="10"/>
    </row>
    <row r="1009876" spans="14:14">
      <c r="N1009876" s="10"/>
    </row>
    <row r="1009877" spans="14:14">
      <c r="N1009877" s="10"/>
    </row>
    <row r="1009878" spans="14:14">
      <c r="N1009878" s="10"/>
    </row>
    <row r="1009879" spans="14:14">
      <c r="N1009879" s="10"/>
    </row>
    <row r="1009880" spans="14:14">
      <c r="N1009880" s="10"/>
    </row>
    <row r="1009881" spans="14:14">
      <c r="N1009881" s="10"/>
    </row>
    <row r="1009882" spans="14:14">
      <c r="N1009882" s="10"/>
    </row>
    <row r="1009883" spans="14:14">
      <c r="N1009883" s="10"/>
    </row>
    <row r="1009884" spans="14:14">
      <c r="N1009884" s="10"/>
    </row>
    <row r="1009885" spans="14:14">
      <c r="N1009885" s="10"/>
    </row>
    <row r="1009886" spans="14:14">
      <c r="N1009886" s="10"/>
    </row>
    <row r="1009887" spans="14:14">
      <c r="N1009887" s="10"/>
    </row>
    <row r="1009888" spans="14:14">
      <c r="N1009888" s="10"/>
    </row>
    <row r="1009889" spans="14:14">
      <c r="N1009889" s="10"/>
    </row>
    <row r="1009890" spans="14:14">
      <c r="N1009890" s="10"/>
    </row>
    <row r="1009891" spans="14:14">
      <c r="N1009891" s="10"/>
    </row>
    <row r="1009892" spans="14:14">
      <c r="N1009892" s="10"/>
    </row>
    <row r="1009893" spans="14:14">
      <c r="N1009893" s="10"/>
    </row>
    <row r="1009894" spans="14:14">
      <c r="N1009894" s="10"/>
    </row>
    <row r="1009895" spans="14:14">
      <c r="N1009895" s="10"/>
    </row>
    <row r="1009896" spans="14:14">
      <c r="N1009896" s="10"/>
    </row>
    <row r="1009897" spans="14:14">
      <c r="N1009897" s="10"/>
    </row>
    <row r="1009898" spans="14:14">
      <c r="N1009898" s="10"/>
    </row>
    <row r="1009899" spans="14:14">
      <c r="N1009899" s="10"/>
    </row>
    <row r="1009900" spans="14:14">
      <c r="N1009900" s="10"/>
    </row>
    <row r="1009901" spans="14:14">
      <c r="N1009901" s="10"/>
    </row>
    <row r="1009902" spans="14:14">
      <c r="N1009902" s="10"/>
    </row>
    <row r="1009903" spans="14:14">
      <c r="N1009903" s="10"/>
    </row>
    <row r="1009904" spans="14:14">
      <c r="N1009904" s="10"/>
    </row>
    <row r="1009905" spans="14:14">
      <c r="N1009905" s="10"/>
    </row>
    <row r="1009906" spans="14:14">
      <c r="N1009906" s="10"/>
    </row>
    <row r="1009907" spans="14:14">
      <c r="N1009907" s="10"/>
    </row>
    <row r="1009908" spans="14:14">
      <c r="N1009908" s="10"/>
    </row>
    <row r="1009909" spans="14:14">
      <c r="N1009909" s="10"/>
    </row>
    <row r="1009910" spans="14:14">
      <c r="N1009910" s="10"/>
    </row>
    <row r="1009911" spans="14:14">
      <c r="N1009911" s="10"/>
    </row>
    <row r="1009912" spans="14:14">
      <c r="N1009912" s="10"/>
    </row>
    <row r="1009913" spans="14:14">
      <c r="N1009913" s="10"/>
    </row>
    <row r="1009914" spans="14:14">
      <c r="N1009914" s="10"/>
    </row>
    <row r="1009915" spans="14:14">
      <c r="N1009915" s="10"/>
    </row>
    <row r="1009916" spans="14:14">
      <c r="N1009916" s="10"/>
    </row>
    <row r="1009917" spans="14:14">
      <c r="N1009917" s="10"/>
    </row>
    <row r="1009918" spans="14:14">
      <c r="N1009918" s="10"/>
    </row>
    <row r="1009919" spans="14:14">
      <c r="N1009919" s="10"/>
    </row>
    <row r="1009920" spans="14:14">
      <c r="N1009920" s="10"/>
    </row>
    <row r="1009921" spans="14:14">
      <c r="N1009921" s="10"/>
    </row>
    <row r="1009922" spans="14:14">
      <c r="N1009922" s="10"/>
    </row>
    <row r="1009923" spans="14:14">
      <c r="N1009923" s="10"/>
    </row>
    <row r="1009924" spans="14:14">
      <c r="N1009924" s="10"/>
    </row>
    <row r="1009925" spans="14:14">
      <c r="N1009925" s="10"/>
    </row>
    <row r="1009926" spans="14:14">
      <c r="N1009926" s="10"/>
    </row>
    <row r="1009927" spans="14:14">
      <c r="N1009927" s="10"/>
    </row>
    <row r="1009928" spans="14:14">
      <c r="N1009928" s="10"/>
    </row>
    <row r="1009929" spans="14:14">
      <c r="N1009929" s="10"/>
    </row>
    <row r="1009930" spans="14:14">
      <c r="N1009930" s="10"/>
    </row>
    <row r="1009931" spans="14:14">
      <c r="N1009931" s="10"/>
    </row>
    <row r="1009932" spans="14:14">
      <c r="N1009932" s="10"/>
    </row>
    <row r="1009933" spans="14:14">
      <c r="N1009933" s="10"/>
    </row>
    <row r="1009934" spans="14:14">
      <c r="N1009934" s="10"/>
    </row>
    <row r="1009935" spans="14:14">
      <c r="N1009935" s="10"/>
    </row>
    <row r="1009936" spans="14:14">
      <c r="N1009936" s="10"/>
    </row>
    <row r="1009937" spans="14:14">
      <c r="N1009937" s="10"/>
    </row>
    <row r="1009938" spans="14:14">
      <c r="N1009938" s="10"/>
    </row>
    <row r="1009939" spans="14:14">
      <c r="N1009939" s="10"/>
    </row>
    <row r="1009940" spans="14:14">
      <c r="N1009940" s="10"/>
    </row>
    <row r="1009941" spans="14:14">
      <c r="N1009941" s="10"/>
    </row>
    <row r="1009942" spans="14:14">
      <c r="N1009942" s="10"/>
    </row>
    <row r="1009943" spans="14:14">
      <c r="N1009943" s="10"/>
    </row>
    <row r="1009944" spans="14:14">
      <c r="N1009944" s="10"/>
    </row>
    <row r="1009945" spans="14:14">
      <c r="N1009945" s="10"/>
    </row>
    <row r="1009946" spans="14:14">
      <c r="N1009946" s="10"/>
    </row>
    <row r="1009947" spans="14:14">
      <c r="N1009947" s="10"/>
    </row>
    <row r="1009948" spans="14:14">
      <c r="N1009948" s="10"/>
    </row>
    <row r="1009949" spans="14:14">
      <c r="N1009949" s="10"/>
    </row>
    <row r="1009950" spans="14:14">
      <c r="N1009950" s="10"/>
    </row>
    <row r="1009951" spans="14:14">
      <c r="N1009951" s="10"/>
    </row>
    <row r="1009952" spans="14:14">
      <c r="N1009952" s="10"/>
    </row>
    <row r="1009953" spans="14:14">
      <c r="N1009953" s="10"/>
    </row>
    <row r="1009954" spans="14:14">
      <c r="N1009954" s="10"/>
    </row>
    <row r="1009955" spans="14:14">
      <c r="N1009955" s="10"/>
    </row>
    <row r="1009956" spans="14:14">
      <c r="N1009956" s="10"/>
    </row>
    <row r="1009957" spans="14:14">
      <c r="N1009957" s="10"/>
    </row>
    <row r="1009958" spans="14:14">
      <c r="N1009958" s="10"/>
    </row>
    <row r="1009959" spans="14:14">
      <c r="N1009959" s="10"/>
    </row>
    <row r="1009960" spans="14:14">
      <c r="N1009960" s="10"/>
    </row>
    <row r="1009961" spans="14:14">
      <c r="N1009961" s="10"/>
    </row>
    <row r="1009962" spans="14:14">
      <c r="N1009962" s="10"/>
    </row>
    <row r="1009963" spans="14:14">
      <c r="N1009963" s="10"/>
    </row>
    <row r="1009964" spans="14:14">
      <c r="N1009964" s="10"/>
    </row>
    <row r="1009965" spans="14:14">
      <c r="N1009965" s="10"/>
    </row>
    <row r="1009966" spans="14:14">
      <c r="N1009966" s="10"/>
    </row>
    <row r="1009967" spans="14:14">
      <c r="N1009967" s="10"/>
    </row>
    <row r="1009968" spans="14:14">
      <c r="N1009968" s="10"/>
    </row>
    <row r="1009969" spans="14:14">
      <c r="N1009969" s="10"/>
    </row>
    <row r="1009970" spans="14:14">
      <c r="N1009970" s="10"/>
    </row>
    <row r="1009971" spans="14:14">
      <c r="N1009971" s="10"/>
    </row>
    <row r="1009972" spans="14:14">
      <c r="N1009972" s="10"/>
    </row>
    <row r="1009973" spans="14:14">
      <c r="N1009973" s="10"/>
    </row>
    <row r="1009974" spans="14:14">
      <c r="N1009974" s="10"/>
    </row>
    <row r="1009975" spans="14:14">
      <c r="N1009975" s="10"/>
    </row>
    <row r="1009976" spans="14:14">
      <c r="N1009976" s="10"/>
    </row>
    <row r="1009977" spans="14:14">
      <c r="N1009977" s="10"/>
    </row>
    <row r="1009978" spans="14:14">
      <c r="N1009978" s="10"/>
    </row>
    <row r="1009979" spans="14:14">
      <c r="N1009979" s="10"/>
    </row>
    <row r="1009980" spans="14:14">
      <c r="N1009980" s="10"/>
    </row>
    <row r="1009981" spans="14:14">
      <c r="N1009981" s="10"/>
    </row>
    <row r="1009982" spans="14:14">
      <c r="N1009982" s="10"/>
    </row>
    <row r="1009983" spans="14:14">
      <c r="N1009983" s="10"/>
    </row>
    <row r="1009984" spans="14:14">
      <c r="N1009984" s="10"/>
    </row>
    <row r="1009985" spans="14:14">
      <c r="N1009985" s="10"/>
    </row>
    <row r="1009986" spans="14:14">
      <c r="N1009986" s="10"/>
    </row>
    <row r="1009987" spans="14:14">
      <c r="N1009987" s="10"/>
    </row>
    <row r="1009988" spans="14:14">
      <c r="N1009988" s="10"/>
    </row>
    <row r="1009989" spans="14:14">
      <c r="N1009989" s="10"/>
    </row>
    <row r="1009990" spans="14:14">
      <c r="N1009990" s="10"/>
    </row>
    <row r="1009991" spans="14:14">
      <c r="N1009991" s="10"/>
    </row>
    <row r="1009992" spans="14:14">
      <c r="N1009992" s="10"/>
    </row>
    <row r="1009993" spans="14:14">
      <c r="N1009993" s="10"/>
    </row>
    <row r="1009994" spans="14:14">
      <c r="N1009994" s="10"/>
    </row>
    <row r="1009995" spans="14:14">
      <c r="N1009995" s="10"/>
    </row>
    <row r="1009996" spans="14:14">
      <c r="N1009996" s="10"/>
    </row>
    <row r="1009997" spans="14:14">
      <c r="N1009997" s="10"/>
    </row>
    <row r="1009998" spans="14:14">
      <c r="N1009998" s="10"/>
    </row>
    <row r="1009999" spans="14:14">
      <c r="N1009999" s="10"/>
    </row>
    <row r="1010000" spans="14:14">
      <c r="N1010000" s="10"/>
    </row>
    <row r="1010001" spans="14:14">
      <c r="N1010001" s="10"/>
    </row>
    <row r="1010002" spans="14:14">
      <c r="N1010002" s="10"/>
    </row>
    <row r="1010003" spans="14:14">
      <c r="N1010003" s="10"/>
    </row>
    <row r="1010004" spans="14:14">
      <c r="N1010004" s="10"/>
    </row>
    <row r="1010005" spans="14:14">
      <c r="N1010005" s="10"/>
    </row>
    <row r="1010006" spans="14:14">
      <c r="N1010006" s="10"/>
    </row>
    <row r="1010007" spans="14:14">
      <c r="N1010007" s="10"/>
    </row>
    <row r="1010008" spans="14:14">
      <c r="N1010008" s="10"/>
    </row>
    <row r="1010009" spans="14:14">
      <c r="N1010009" s="10"/>
    </row>
    <row r="1010010" spans="14:14">
      <c r="N1010010" s="10"/>
    </row>
    <row r="1010011" spans="14:14">
      <c r="N1010011" s="10"/>
    </row>
    <row r="1010012" spans="14:14">
      <c r="N1010012" s="10"/>
    </row>
    <row r="1010013" spans="14:14">
      <c r="N1010013" s="10"/>
    </row>
    <row r="1010014" spans="14:14">
      <c r="N1010014" s="10"/>
    </row>
    <row r="1010015" spans="14:14">
      <c r="N1010015" s="10"/>
    </row>
    <row r="1010016" spans="14:14">
      <c r="N1010016" s="10"/>
    </row>
    <row r="1010017" spans="14:14">
      <c r="N1010017" s="10"/>
    </row>
    <row r="1010018" spans="14:14">
      <c r="N1010018" s="10"/>
    </row>
    <row r="1010019" spans="14:14">
      <c r="N1010019" s="10"/>
    </row>
    <row r="1010020" spans="14:14">
      <c r="N1010020" s="10"/>
    </row>
    <row r="1010021" spans="14:14">
      <c r="N1010021" s="10"/>
    </row>
    <row r="1010022" spans="14:14">
      <c r="N1010022" s="10"/>
    </row>
    <row r="1010023" spans="14:14">
      <c r="N1010023" s="10"/>
    </row>
    <row r="1010024" spans="14:14">
      <c r="N1010024" s="10"/>
    </row>
    <row r="1010025" spans="14:14">
      <c r="N1010025" s="10"/>
    </row>
    <row r="1010026" spans="14:14">
      <c r="N1010026" s="10"/>
    </row>
    <row r="1010027" spans="14:14">
      <c r="N1010027" s="10"/>
    </row>
    <row r="1010028" spans="14:14">
      <c r="N1010028" s="10"/>
    </row>
    <row r="1010029" spans="14:14">
      <c r="N1010029" s="10"/>
    </row>
    <row r="1010030" spans="14:14">
      <c r="N1010030" s="10"/>
    </row>
    <row r="1010031" spans="14:14">
      <c r="N1010031" s="10"/>
    </row>
    <row r="1010032" spans="14:14">
      <c r="N1010032" s="10"/>
    </row>
    <row r="1010033" spans="14:14">
      <c r="N1010033" s="10"/>
    </row>
    <row r="1010034" spans="14:14">
      <c r="N1010034" s="10"/>
    </row>
    <row r="1010035" spans="14:14">
      <c r="N1010035" s="10"/>
    </row>
    <row r="1010036" spans="14:14">
      <c r="N1010036" s="10"/>
    </row>
    <row r="1010037" spans="14:14">
      <c r="N1010037" s="10"/>
    </row>
    <row r="1010038" spans="14:14">
      <c r="N1010038" s="10"/>
    </row>
    <row r="1010039" spans="14:14">
      <c r="N1010039" s="10"/>
    </row>
    <row r="1010040" spans="14:14">
      <c r="N1010040" s="10"/>
    </row>
    <row r="1010041" spans="14:14">
      <c r="N1010041" s="10"/>
    </row>
    <row r="1010042" spans="14:14">
      <c r="N1010042" s="10"/>
    </row>
    <row r="1010043" spans="14:14">
      <c r="N1010043" s="10"/>
    </row>
    <row r="1010044" spans="14:14">
      <c r="N1010044" s="10"/>
    </row>
    <row r="1010045" spans="14:14">
      <c r="N1010045" s="10"/>
    </row>
    <row r="1010046" spans="14:14">
      <c r="N1010046" s="10"/>
    </row>
    <row r="1010047" spans="14:14">
      <c r="N1010047" s="10"/>
    </row>
    <row r="1010048" spans="14:14">
      <c r="N1010048" s="10"/>
    </row>
    <row r="1010049" spans="14:14">
      <c r="N1010049" s="10"/>
    </row>
    <row r="1010050" spans="14:14">
      <c r="N1010050" s="10"/>
    </row>
    <row r="1010051" spans="14:14">
      <c r="N1010051" s="10"/>
    </row>
    <row r="1010052" spans="14:14">
      <c r="N1010052" s="10"/>
    </row>
    <row r="1010053" spans="14:14">
      <c r="N1010053" s="10"/>
    </row>
    <row r="1010054" spans="14:14">
      <c r="N1010054" s="10"/>
    </row>
    <row r="1010055" spans="14:14">
      <c r="N1010055" s="10"/>
    </row>
    <row r="1010056" spans="14:14">
      <c r="N1010056" s="10"/>
    </row>
    <row r="1010057" spans="14:14">
      <c r="N1010057" s="10"/>
    </row>
    <row r="1010058" spans="14:14">
      <c r="N1010058" s="10"/>
    </row>
    <row r="1010059" spans="14:14">
      <c r="N1010059" s="10"/>
    </row>
    <row r="1010060" spans="14:14">
      <c r="N1010060" s="10"/>
    </row>
    <row r="1010061" spans="14:14">
      <c r="N1010061" s="10"/>
    </row>
    <row r="1010062" spans="14:14">
      <c r="N1010062" s="10"/>
    </row>
    <row r="1010063" spans="14:14">
      <c r="N1010063" s="10"/>
    </row>
    <row r="1010064" spans="14:14">
      <c r="N1010064" s="10"/>
    </row>
    <row r="1010065" spans="14:14">
      <c r="N1010065" s="10"/>
    </row>
    <row r="1010066" spans="14:14">
      <c r="N1010066" s="10"/>
    </row>
    <row r="1010067" spans="14:14">
      <c r="N1010067" s="10"/>
    </row>
    <row r="1010068" spans="14:14">
      <c r="N1010068" s="10"/>
    </row>
    <row r="1010069" spans="14:14">
      <c r="N1010069" s="10"/>
    </row>
    <row r="1010070" spans="14:14">
      <c r="N1010070" s="10"/>
    </row>
    <row r="1010071" spans="14:14">
      <c r="N1010071" s="10"/>
    </row>
    <row r="1010072" spans="14:14">
      <c r="N1010072" s="10"/>
    </row>
    <row r="1010073" spans="14:14">
      <c r="N1010073" s="10"/>
    </row>
    <row r="1010074" spans="14:14">
      <c r="N1010074" s="10"/>
    </row>
    <row r="1010075" spans="14:14">
      <c r="N1010075" s="10"/>
    </row>
    <row r="1010076" spans="14:14">
      <c r="N1010076" s="10"/>
    </row>
    <row r="1010077" spans="14:14">
      <c r="N1010077" s="10"/>
    </row>
    <row r="1010078" spans="14:14">
      <c r="N1010078" s="10"/>
    </row>
    <row r="1010079" spans="14:14">
      <c r="N1010079" s="10"/>
    </row>
    <row r="1010080" spans="14:14">
      <c r="N1010080" s="10"/>
    </row>
    <row r="1010081" spans="14:14">
      <c r="N1010081" s="10"/>
    </row>
    <row r="1010082" spans="14:14">
      <c r="N1010082" s="10"/>
    </row>
    <row r="1010083" spans="14:14">
      <c r="N1010083" s="10"/>
    </row>
    <row r="1010084" spans="14:14">
      <c r="N1010084" s="10"/>
    </row>
    <row r="1010085" spans="14:14">
      <c r="N1010085" s="10"/>
    </row>
    <row r="1010086" spans="14:14">
      <c r="N1010086" s="10"/>
    </row>
    <row r="1010087" spans="14:14">
      <c r="N1010087" s="10"/>
    </row>
    <row r="1010088" spans="14:14">
      <c r="N1010088" s="10"/>
    </row>
    <row r="1010089" spans="14:14">
      <c r="N1010089" s="10"/>
    </row>
    <row r="1010090" spans="14:14">
      <c r="N1010090" s="10"/>
    </row>
    <row r="1010091" spans="14:14">
      <c r="N1010091" s="10"/>
    </row>
    <row r="1010092" spans="14:14">
      <c r="N1010092" s="10"/>
    </row>
    <row r="1010093" spans="14:14">
      <c r="N1010093" s="10"/>
    </row>
    <row r="1010094" spans="14:14">
      <c r="N1010094" s="10"/>
    </row>
    <row r="1010095" spans="14:14">
      <c r="N1010095" s="10"/>
    </row>
    <row r="1010096" spans="14:14">
      <c r="N1010096" s="10"/>
    </row>
    <row r="1010097" spans="14:14">
      <c r="N1010097" s="10"/>
    </row>
    <row r="1010098" spans="14:14">
      <c r="N1010098" s="10"/>
    </row>
    <row r="1010099" spans="14:14">
      <c r="N1010099" s="10"/>
    </row>
    <row r="1010100" spans="14:14">
      <c r="N1010100" s="10"/>
    </row>
    <row r="1010101" spans="14:14">
      <c r="N1010101" s="10"/>
    </row>
    <row r="1010102" spans="14:14">
      <c r="N1010102" s="10"/>
    </row>
    <row r="1010103" spans="14:14">
      <c r="N1010103" s="10"/>
    </row>
    <row r="1010104" spans="14:14">
      <c r="N1010104" s="10"/>
    </row>
    <row r="1010105" spans="14:14">
      <c r="N1010105" s="10"/>
    </row>
    <row r="1010106" spans="14:14">
      <c r="N1010106" s="10"/>
    </row>
    <row r="1010107" spans="14:14">
      <c r="N1010107" s="10"/>
    </row>
    <row r="1010108" spans="14:14">
      <c r="N1010108" s="10"/>
    </row>
    <row r="1010109" spans="14:14">
      <c r="N1010109" s="10"/>
    </row>
    <row r="1010110" spans="14:14">
      <c r="N1010110" s="10"/>
    </row>
    <row r="1010111" spans="14:14">
      <c r="N1010111" s="10"/>
    </row>
    <row r="1010112" spans="14:14">
      <c r="N1010112" s="10"/>
    </row>
    <row r="1010113" spans="14:14">
      <c r="N1010113" s="10"/>
    </row>
    <row r="1010114" spans="14:14">
      <c r="N1010114" s="10"/>
    </row>
    <row r="1010115" spans="14:14">
      <c r="N1010115" s="10"/>
    </row>
    <row r="1010116" spans="14:14">
      <c r="N1010116" s="10"/>
    </row>
    <row r="1010117" spans="14:14">
      <c r="N1010117" s="10"/>
    </row>
    <row r="1010118" spans="14:14">
      <c r="N1010118" s="10"/>
    </row>
    <row r="1010119" spans="14:14">
      <c r="N1010119" s="10"/>
    </row>
    <row r="1010120" spans="14:14">
      <c r="N1010120" s="10"/>
    </row>
    <row r="1010121" spans="14:14">
      <c r="N1010121" s="10"/>
    </row>
    <row r="1010122" spans="14:14">
      <c r="N1010122" s="10"/>
    </row>
    <row r="1010123" spans="14:14">
      <c r="N1010123" s="10"/>
    </row>
    <row r="1010124" spans="14:14">
      <c r="N1010124" s="10"/>
    </row>
    <row r="1010125" spans="14:14">
      <c r="N1010125" s="10"/>
    </row>
    <row r="1010126" spans="14:14">
      <c r="N1010126" s="10"/>
    </row>
    <row r="1010127" spans="14:14">
      <c r="N1010127" s="10"/>
    </row>
    <row r="1010128" spans="14:14">
      <c r="N1010128" s="10"/>
    </row>
    <row r="1010129" spans="14:14">
      <c r="N1010129" s="10"/>
    </row>
    <row r="1010130" spans="14:14">
      <c r="N1010130" s="10"/>
    </row>
    <row r="1010131" spans="14:14">
      <c r="N1010131" s="10"/>
    </row>
    <row r="1010132" spans="14:14">
      <c r="N1010132" s="10"/>
    </row>
    <row r="1010133" spans="14:14">
      <c r="N1010133" s="10"/>
    </row>
    <row r="1010134" spans="14:14">
      <c r="N1010134" s="10"/>
    </row>
    <row r="1010135" spans="14:14">
      <c r="N1010135" s="10"/>
    </row>
    <row r="1010136" spans="14:14">
      <c r="N1010136" s="10"/>
    </row>
    <row r="1010137" spans="14:14">
      <c r="N1010137" s="10"/>
    </row>
    <row r="1010138" spans="14:14">
      <c r="N1010138" s="10"/>
    </row>
    <row r="1010139" spans="14:14">
      <c r="N1010139" s="10"/>
    </row>
    <row r="1010140" spans="14:14">
      <c r="N1010140" s="10"/>
    </row>
    <row r="1010141" spans="14:14">
      <c r="N1010141" s="10"/>
    </row>
    <row r="1010142" spans="14:14">
      <c r="N1010142" s="10"/>
    </row>
    <row r="1010143" spans="14:14">
      <c r="N1010143" s="10"/>
    </row>
    <row r="1010144" spans="14:14">
      <c r="N1010144" s="10"/>
    </row>
    <row r="1010145" spans="14:14">
      <c r="N1010145" s="10"/>
    </row>
    <row r="1010146" spans="14:14">
      <c r="N1010146" s="10"/>
    </row>
    <row r="1010147" spans="14:14">
      <c r="N1010147" s="10"/>
    </row>
    <row r="1010148" spans="14:14">
      <c r="N1010148" s="10"/>
    </row>
    <row r="1010149" spans="14:14">
      <c r="N1010149" s="10"/>
    </row>
    <row r="1010150" spans="14:14">
      <c r="N1010150" s="10"/>
    </row>
    <row r="1010151" spans="14:14">
      <c r="N1010151" s="10"/>
    </row>
    <row r="1010152" spans="14:14">
      <c r="N1010152" s="10"/>
    </row>
    <row r="1010153" spans="14:14">
      <c r="N1010153" s="10"/>
    </row>
    <row r="1010154" spans="14:14">
      <c r="N1010154" s="10"/>
    </row>
    <row r="1010155" spans="14:14">
      <c r="N1010155" s="10"/>
    </row>
    <row r="1010156" spans="14:14">
      <c r="N1010156" s="10"/>
    </row>
    <row r="1010157" spans="14:14">
      <c r="N1010157" s="10"/>
    </row>
    <row r="1010158" spans="14:14">
      <c r="N1010158" s="10"/>
    </row>
    <row r="1010159" spans="14:14">
      <c r="N1010159" s="10"/>
    </row>
    <row r="1010160" spans="14:14">
      <c r="N1010160" s="10"/>
    </row>
    <row r="1010161" spans="14:14">
      <c r="N1010161" s="10"/>
    </row>
    <row r="1010162" spans="14:14">
      <c r="N1010162" s="10"/>
    </row>
    <row r="1010163" spans="14:14">
      <c r="N1010163" s="10"/>
    </row>
    <row r="1010164" spans="14:14">
      <c r="N1010164" s="10"/>
    </row>
    <row r="1010165" spans="14:14">
      <c r="N1010165" s="10"/>
    </row>
    <row r="1010166" spans="14:14">
      <c r="N1010166" s="10"/>
    </row>
    <row r="1010167" spans="14:14">
      <c r="N1010167" s="10"/>
    </row>
    <row r="1010168" spans="14:14">
      <c r="N1010168" s="10"/>
    </row>
    <row r="1010169" spans="14:14">
      <c r="N1010169" s="10"/>
    </row>
    <row r="1010170" spans="14:14">
      <c r="N1010170" s="10"/>
    </row>
    <row r="1010171" spans="14:14">
      <c r="N1010171" s="10"/>
    </row>
    <row r="1010172" spans="14:14">
      <c r="N1010172" s="10"/>
    </row>
    <row r="1010173" spans="14:14">
      <c r="N1010173" s="10"/>
    </row>
    <row r="1010174" spans="14:14">
      <c r="N1010174" s="10"/>
    </row>
    <row r="1010175" spans="14:14">
      <c r="N1010175" s="10"/>
    </row>
    <row r="1010176" spans="14:14">
      <c r="N1010176" s="10"/>
    </row>
    <row r="1010177" spans="14:14">
      <c r="N1010177" s="10"/>
    </row>
    <row r="1010178" spans="14:14">
      <c r="N1010178" s="10"/>
    </row>
    <row r="1010179" spans="14:14">
      <c r="N1010179" s="10"/>
    </row>
    <row r="1010180" spans="14:14">
      <c r="N1010180" s="10"/>
    </row>
    <row r="1010181" spans="14:14">
      <c r="N1010181" s="10"/>
    </row>
    <row r="1010182" spans="14:14">
      <c r="N1010182" s="10"/>
    </row>
    <row r="1010183" spans="14:14">
      <c r="N1010183" s="10"/>
    </row>
    <row r="1010184" spans="14:14">
      <c r="N1010184" s="10"/>
    </row>
    <row r="1010185" spans="14:14">
      <c r="N1010185" s="10"/>
    </row>
    <row r="1010186" spans="14:14">
      <c r="N1010186" s="10"/>
    </row>
    <row r="1010187" spans="14:14">
      <c r="N1010187" s="10"/>
    </row>
    <row r="1010188" spans="14:14">
      <c r="N1010188" s="10"/>
    </row>
    <row r="1010189" spans="14:14">
      <c r="N1010189" s="10"/>
    </row>
    <row r="1010190" spans="14:14">
      <c r="N1010190" s="10"/>
    </row>
    <row r="1010191" spans="14:14">
      <c r="N1010191" s="10"/>
    </row>
    <row r="1010192" spans="14:14">
      <c r="N1010192" s="10"/>
    </row>
    <row r="1010193" spans="14:14">
      <c r="N1010193" s="10"/>
    </row>
    <row r="1010194" spans="14:14">
      <c r="N1010194" s="10"/>
    </row>
    <row r="1010195" spans="14:14">
      <c r="N1010195" s="10"/>
    </row>
    <row r="1010196" spans="14:14">
      <c r="N1010196" s="10"/>
    </row>
    <row r="1010197" spans="14:14">
      <c r="N1010197" s="10"/>
    </row>
    <row r="1010198" spans="14:14">
      <c r="N1010198" s="10"/>
    </row>
    <row r="1010199" spans="14:14">
      <c r="N1010199" s="10"/>
    </row>
    <row r="1010200" spans="14:14">
      <c r="N1010200" s="10"/>
    </row>
    <row r="1010201" spans="14:14">
      <c r="N1010201" s="10"/>
    </row>
    <row r="1010202" spans="14:14">
      <c r="N1010202" s="10"/>
    </row>
    <row r="1010203" spans="14:14">
      <c r="N1010203" s="10"/>
    </row>
    <row r="1010204" spans="14:14">
      <c r="N1010204" s="10"/>
    </row>
    <row r="1010205" spans="14:14">
      <c r="N1010205" s="10"/>
    </row>
    <row r="1010206" spans="14:14">
      <c r="N1010206" s="10"/>
    </row>
    <row r="1010207" spans="14:14">
      <c r="N1010207" s="10"/>
    </row>
    <row r="1010208" spans="14:14">
      <c r="N1010208" s="10"/>
    </row>
    <row r="1010209" spans="14:14">
      <c r="N1010209" s="10"/>
    </row>
    <row r="1010210" spans="14:14">
      <c r="N1010210" s="10"/>
    </row>
    <row r="1010211" spans="14:14">
      <c r="N1010211" s="10"/>
    </row>
    <row r="1010212" spans="14:14">
      <c r="N1010212" s="10"/>
    </row>
    <row r="1010213" spans="14:14">
      <c r="N1010213" s="10"/>
    </row>
    <row r="1010214" spans="14:14">
      <c r="N1010214" s="10"/>
    </row>
    <row r="1010215" spans="14:14">
      <c r="N1010215" s="10"/>
    </row>
    <row r="1010216" spans="14:14">
      <c r="N1010216" s="10"/>
    </row>
    <row r="1010217" spans="14:14">
      <c r="N1010217" s="10"/>
    </row>
    <row r="1010218" spans="14:14">
      <c r="N1010218" s="10"/>
    </row>
    <row r="1010219" spans="14:14">
      <c r="N1010219" s="10"/>
    </row>
    <row r="1010220" spans="14:14">
      <c r="N1010220" s="10"/>
    </row>
    <row r="1010221" spans="14:14">
      <c r="N1010221" s="10"/>
    </row>
    <row r="1010222" spans="14:14">
      <c r="N1010222" s="10"/>
    </row>
    <row r="1010223" spans="14:14">
      <c r="N1010223" s="10"/>
    </row>
    <row r="1010224" spans="14:14">
      <c r="N1010224" s="10"/>
    </row>
    <row r="1010225" spans="14:14">
      <c r="N1010225" s="10"/>
    </row>
    <row r="1010226" spans="14:14">
      <c r="N1010226" s="10"/>
    </row>
    <row r="1010227" spans="14:14">
      <c r="N1010227" s="10"/>
    </row>
    <row r="1010228" spans="14:14">
      <c r="N1010228" s="10"/>
    </row>
    <row r="1010229" spans="14:14">
      <c r="N1010229" s="10"/>
    </row>
    <row r="1010230" spans="14:14">
      <c r="N1010230" s="10"/>
    </row>
    <row r="1010231" spans="14:14">
      <c r="N1010231" s="10"/>
    </row>
    <row r="1010232" spans="14:14">
      <c r="N1010232" s="10"/>
    </row>
    <row r="1010233" spans="14:14">
      <c r="N1010233" s="10"/>
    </row>
    <row r="1010234" spans="14:14">
      <c r="N1010234" s="10"/>
    </row>
    <row r="1010235" spans="14:14">
      <c r="N1010235" s="10"/>
    </row>
    <row r="1010236" spans="14:14">
      <c r="N1010236" s="10"/>
    </row>
    <row r="1010237" spans="14:14">
      <c r="N1010237" s="10"/>
    </row>
    <row r="1010238" spans="14:14">
      <c r="N1010238" s="10"/>
    </row>
    <row r="1010239" spans="14:14">
      <c r="N1010239" s="10"/>
    </row>
    <row r="1010240" spans="14:14">
      <c r="N1010240" s="10"/>
    </row>
    <row r="1010241" spans="14:14">
      <c r="N1010241" s="10"/>
    </row>
    <row r="1010242" spans="14:14">
      <c r="N1010242" s="10"/>
    </row>
    <row r="1010243" spans="14:14">
      <c r="N1010243" s="10"/>
    </row>
    <row r="1010244" spans="14:14">
      <c r="N1010244" s="10"/>
    </row>
    <row r="1010245" spans="14:14">
      <c r="N1010245" s="10"/>
    </row>
    <row r="1010246" spans="14:14">
      <c r="N1010246" s="10"/>
    </row>
    <row r="1010247" spans="14:14">
      <c r="N1010247" s="10"/>
    </row>
    <row r="1010248" spans="14:14">
      <c r="N1010248" s="10"/>
    </row>
    <row r="1010249" spans="14:14">
      <c r="N1010249" s="10"/>
    </row>
    <row r="1010250" spans="14:14">
      <c r="N1010250" s="10"/>
    </row>
    <row r="1010251" spans="14:14">
      <c r="N1010251" s="10"/>
    </row>
    <row r="1010252" spans="14:14">
      <c r="N1010252" s="10"/>
    </row>
    <row r="1010253" spans="14:14">
      <c r="N1010253" s="10"/>
    </row>
    <row r="1010254" spans="14:14">
      <c r="N1010254" s="10"/>
    </row>
    <row r="1010255" spans="14:14">
      <c r="N1010255" s="10"/>
    </row>
    <row r="1010256" spans="14:14">
      <c r="N1010256" s="10"/>
    </row>
    <row r="1010257" spans="14:14">
      <c r="N1010257" s="10"/>
    </row>
    <row r="1010258" spans="14:14">
      <c r="N1010258" s="10"/>
    </row>
    <row r="1010259" spans="14:14">
      <c r="N1010259" s="10"/>
    </row>
    <row r="1010260" spans="14:14">
      <c r="N1010260" s="10"/>
    </row>
    <row r="1010261" spans="14:14">
      <c r="N1010261" s="10"/>
    </row>
    <row r="1010262" spans="14:14">
      <c r="N1010262" s="10"/>
    </row>
    <row r="1010263" spans="14:14">
      <c r="N1010263" s="10"/>
    </row>
    <row r="1010264" spans="14:14">
      <c r="N1010264" s="10"/>
    </row>
    <row r="1010265" spans="14:14">
      <c r="N1010265" s="10"/>
    </row>
    <row r="1010266" spans="14:14">
      <c r="N1010266" s="10"/>
    </row>
    <row r="1010267" spans="14:14">
      <c r="N1010267" s="10"/>
    </row>
    <row r="1010268" spans="14:14">
      <c r="N1010268" s="10"/>
    </row>
    <row r="1010269" spans="14:14">
      <c r="N1010269" s="10"/>
    </row>
    <row r="1010270" spans="14:14">
      <c r="N1010270" s="10"/>
    </row>
    <row r="1010271" spans="14:14">
      <c r="N1010271" s="10"/>
    </row>
    <row r="1010272" spans="14:14">
      <c r="N1010272" s="10"/>
    </row>
    <row r="1010273" spans="14:14">
      <c r="N1010273" s="10"/>
    </row>
    <row r="1010274" spans="14:14">
      <c r="N1010274" s="10"/>
    </row>
    <row r="1010275" spans="14:14">
      <c r="N1010275" s="10"/>
    </row>
    <row r="1010276" spans="14:14">
      <c r="N1010276" s="10"/>
    </row>
    <row r="1010277" spans="14:14">
      <c r="N1010277" s="10"/>
    </row>
    <row r="1010278" spans="14:14">
      <c r="N1010278" s="10"/>
    </row>
    <row r="1010279" spans="14:14">
      <c r="N1010279" s="10"/>
    </row>
    <row r="1010280" spans="14:14">
      <c r="N1010280" s="10"/>
    </row>
    <row r="1010281" spans="14:14">
      <c r="N1010281" s="10"/>
    </row>
    <row r="1010282" spans="14:14">
      <c r="N1010282" s="10"/>
    </row>
    <row r="1010283" spans="14:14">
      <c r="N1010283" s="10"/>
    </row>
    <row r="1010284" spans="14:14">
      <c r="N1010284" s="10"/>
    </row>
    <row r="1010285" spans="14:14">
      <c r="N1010285" s="10"/>
    </row>
    <row r="1010286" spans="14:14">
      <c r="N1010286" s="10"/>
    </row>
    <row r="1010287" spans="14:14">
      <c r="N1010287" s="10"/>
    </row>
    <row r="1010288" spans="14:14">
      <c r="N1010288" s="10"/>
    </row>
    <row r="1010289" spans="14:14">
      <c r="N1010289" s="10"/>
    </row>
    <row r="1010290" spans="14:14">
      <c r="N1010290" s="10"/>
    </row>
    <row r="1010291" spans="14:14">
      <c r="N1010291" s="10"/>
    </row>
    <row r="1010292" spans="14:14">
      <c r="N1010292" s="10"/>
    </row>
    <row r="1010293" spans="14:14">
      <c r="N1010293" s="10"/>
    </row>
    <row r="1010294" spans="14:14">
      <c r="N1010294" s="10"/>
    </row>
    <row r="1010295" spans="14:14">
      <c r="N1010295" s="10"/>
    </row>
    <row r="1010296" spans="14:14">
      <c r="N1010296" s="10"/>
    </row>
    <row r="1010297" spans="14:14">
      <c r="N1010297" s="10"/>
    </row>
    <row r="1010298" spans="14:14">
      <c r="N1010298" s="10"/>
    </row>
    <row r="1010299" spans="14:14">
      <c r="N1010299" s="10"/>
    </row>
    <row r="1010300" spans="14:14">
      <c r="N1010300" s="10"/>
    </row>
    <row r="1010301" spans="14:14">
      <c r="N1010301" s="10"/>
    </row>
    <row r="1010302" spans="14:14">
      <c r="N1010302" s="10"/>
    </row>
    <row r="1010303" spans="14:14">
      <c r="N1010303" s="10"/>
    </row>
    <row r="1010304" spans="14:14">
      <c r="N1010304" s="10"/>
    </row>
    <row r="1010305" spans="14:14">
      <c r="N1010305" s="10"/>
    </row>
    <row r="1010306" spans="14:14">
      <c r="N1010306" s="10"/>
    </row>
    <row r="1010307" spans="14:14">
      <c r="N1010307" s="10"/>
    </row>
    <row r="1010308" spans="14:14">
      <c r="N1010308" s="10"/>
    </row>
    <row r="1010309" spans="14:14">
      <c r="N1010309" s="10"/>
    </row>
    <row r="1010310" spans="14:14">
      <c r="N1010310" s="10"/>
    </row>
    <row r="1010311" spans="14:14">
      <c r="N1010311" s="10"/>
    </row>
    <row r="1010312" spans="14:14">
      <c r="N1010312" s="10"/>
    </row>
    <row r="1010313" spans="14:14">
      <c r="N1010313" s="10"/>
    </row>
    <row r="1010314" spans="14:14">
      <c r="N1010314" s="10"/>
    </row>
    <row r="1010315" spans="14:14">
      <c r="N1010315" s="10"/>
    </row>
    <row r="1010316" spans="14:14">
      <c r="N1010316" s="10"/>
    </row>
    <row r="1010317" spans="14:14">
      <c r="N1010317" s="10"/>
    </row>
    <row r="1010318" spans="14:14">
      <c r="N1010318" s="10"/>
    </row>
    <row r="1010319" spans="14:14">
      <c r="N1010319" s="10"/>
    </row>
    <row r="1010320" spans="14:14">
      <c r="N1010320" s="10"/>
    </row>
    <row r="1010321" spans="14:14">
      <c r="N1010321" s="10"/>
    </row>
    <row r="1010322" spans="14:14">
      <c r="N1010322" s="10"/>
    </row>
    <row r="1010323" spans="14:14">
      <c r="N1010323" s="10"/>
    </row>
    <row r="1010324" spans="14:14">
      <c r="N1010324" s="10"/>
    </row>
    <row r="1010325" spans="14:14">
      <c r="N1010325" s="10"/>
    </row>
    <row r="1010326" spans="14:14">
      <c r="N1010326" s="10"/>
    </row>
    <row r="1010327" spans="14:14">
      <c r="N1010327" s="10"/>
    </row>
    <row r="1010328" spans="14:14">
      <c r="N1010328" s="10"/>
    </row>
    <row r="1010329" spans="14:14">
      <c r="N1010329" s="10"/>
    </row>
    <row r="1010330" spans="14:14">
      <c r="N1010330" s="10"/>
    </row>
    <row r="1010331" spans="14:14">
      <c r="N1010331" s="10"/>
    </row>
    <row r="1010332" spans="14:14">
      <c r="N1010332" s="10"/>
    </row>
    <row r="1010333" spans="14:14">
      <c r="N1010333" s="10"/>
    </row>
    <row r="1010334" spans="14:14">
      <c r="N1010334" s="10"/>
    </row>
    <row r="1010335" spans="14:14">
      <c r="N1010335" s="10"/>
    </row>
    <row r="1010336" spans="14:14">
      <c r="N1010336" s="10"/>
    </row>
    <row r="1010337" spans="14:14">
      <c r="N1010337" s="10"/>
    </row>
    <row r="1010338" spans="14:14">
      <c r="N1010338" s="10"/>
    </row>
    <row r="1010339" spans="14:14">
      <c r="N1010339" s="10"/>
    </row>
    <row r="1010340" spans="14:14">
      <c r="N1010340" s="10"/>
    </row>
    <row r="1010341" spans="14:14">
      <c r="N1010341" s="10"/>
    </row>
    <row r="1010342" spans="14:14">
      <c r="N1010342" s="10"/>
    </row>
    <row r="1010343" spans="14:14">
      <c r="N1010343" s="10"/>
    </row>
    <row r="1010344" spans="14:14">
      <c r="N1010344" s="10"/>
    </row>
    <row r="1010345" spans="14:14">
      <c r="N1010345" s="10"/>
    </row>
    <row r="1010346" spans="14:14">
      <c r="N1010346" s="10"/>
    </row>
    <row r="1010347" spans="14:14">
      <c r="N1010347" s="10"/>
    </row>
    <row r="1010348" spans="14:14">
      <c r="N1010348" s="10"/>
    </row>
    <row r="1010349" spans="14:14">
      <c r="N1010349" s="10"/>
    </row>
    <row r="1010350" spans="14:14">
      <c r="N1010350" s="10"/>
    </row>
    <row r="1010351" spans="14:14">
      <c r="N1010351" s="10"/>
    </row>
    <row r="1010352" spans="14:14">
      <c r="N1010352" s="10"/>
    </row>
    <row r="1010353" spans="14:14">
      <c r="N1010353" s="10"/>
    </row>
    <row r="1010354" spans="14:14">
      <c r="N1010354" s="10"/>
    </row>
    <row r="1010355" spans="14:14">
      <c r="N1010355" s="10"/>
    </row>
    <row r="1010356" spans="14:14">
      <c r="N1010356" s="10"/>
    </row>
    <row r="1010357" spans="14:14">
      <c r="N1010357" s="10"/>
    </row>
    <row r="1010358" spans="14:14">
      <c r="N1010358" s="10"/>
    </row>
    <row r="1010359" spans="14:14">
      <c r="N1010359" s="10"/>
    </row>
    <row r="1010360" spans="14:14">
      <c r="N1010360" s="10"/>
    </row>
    <row r="1010361" spans="14:14">
      <c r="N1010361" s="10"/>
    </row>
    <row r="1010362" spans="14:14">
      <c r="N1010362" s="10"/>
    </row>
    <row r="1010363" spans="14:14">
      <c r="N1010363" s="10"/>
    </row>
    <row r="1010364" spans="14:14">
      <c r="N1010364" s="10"/>
    </row>
    <row r="1010365" spans="14:14">
      <c r="N1010365" s="10"/>
    </row>
    <row r="1010366" spans="14:14">
      <c r="N1010366" s="10"/>
    </row>
    <row r="1010367" spans="14:14">
      <c r="N1010367" s="10"/>
    </row>
    <row r="1010368" spans="14:14">
      <c r="N1010368" s="10"/>
    </row>
    <row r="1010369" spans="14:14">
      <c r="N1010369" s="10"/>
    </row>
    <row r="1010370" spans="14:14">
      <c r="N1010370" s="10"/>
    </row>
    <row r="1010371" spans="14:14">
      <c r="N1010371" s="10"/>
    </row>
    <row r="1010372" spans="14:14">
      <c r="N1010372" s="10"/>
    </row>
    <row r="1010373" spans="14:14">
      <c r="N1010373" s="10"/>
    </row>
    <row r="1010374" spans="14:14">
      <c r="N1010374" s="10"/>
    </row>
    <row r="1010375" spans="14:14">
      <c r="N1010375" s="10"/>
    </row>
    <row r="1010376" spans="14:14">
      <c r="N1010376" s="10"/>
    </row>
    <row r="1010377" spans="14:14">
      <c r="N1010377" s="10"/>
    </row>
    <row r="1010378" spans="14:14">
      <c r="N1010378" s="10"/>
    </row>
    <row r="1010379" spans="14:14">
      <c r="N1010379" s="10"/>
    </row>
    <row r="1010380" spans="14:14">
      <c r="N1010380" s="10"/>
    </row>
    <row r="1010381" spans="14:14">
      <c r="N1010381" s="10"/>
    </row>
    <row r="1010382" spans="14:14">
      <c r="N1010382" s="10"/>
    </row>
    <row r="1010383" spans="14:14">
      <c r="N1010383" s="10"/>
    </row>
    <row r="1010384" spans="14:14">
      <c r="N1010384" s="10"/>
    </row>
    <row r="1010385" spans="14:14">
      <c r="N1010385" s="10"/>
    </row>
    <row r="1010386" spans="14:14">
      <c r="N1010386" s="10"/>
    </row>
    <row r="1010387" spans="14:14">
      <c r="N1010387" s="10"/>
    </row>
    <row r="1010388" spans="14:14">
      <c r="N1010388" s="10"/>
    </row>
    <row r="1010389" spans="14:14">
      <c r="N1010389" s="10"/>
    </row>
    <row r="1010390" spans="14:14">
      <c r="N1010390" s="10"/>
    </row>
    <row r="1010391" spans="14:14">
      <c r="N1010391" s="10"/>
    </row>
    <row r="1010392" spans="14:14">
      <c r="N1010392" s="10"/>
    </row>
    <row r="1010393" spans="14:14">
      <c r="N1010393" s="10"/>
    </row>
    <row r="1010394" spans="14:14">
      <c r="N1010394" s="10"/>
    </row>
    <row r="1010395" spans="14:14">
      <c r="N1010395" s="10"/>
    </row>
    <row r="1010396" spans="14:14">
      <c r="N1010396" s="10"/>
    </row>
    <row r="1010397" spans="14:14">
      <c r="N1010397" s="10"/>
    </row>
    <row r="1010398" spans="14:14">
      <c r="N1010398" s="10"/>
    </row>
    <row r="1010399" spans="14:14">
      <c r="N1010399" s="10"/>
    </row>
    <row r="1010400" spans="14:14">
      <c r="N1010400" s="10"/>
    </row>
    <row r="1010401" spans="14:14">
      <c r="N1010401" s="10"/>
    </row>
    <row r="1010402" spans="14:14">
      <c r="N1010402" s="10"/>
    </row>
    <row r="1010403" spans="14:14">
      <c r="N1010403" s="10"/>
    </row>
    <row r="1010404" spans="14:14">
      <c r="N1010404" s="10"/>
    </row>
    <row r="1010405" spans="14:14">
      <c r="N1010405" s="10"/>
    </row>
    <row r="1010406" spans="14:14">
      <c r="N1010406" s="10"/>
    </row>
    <row r="1010407" spans="14:14">
      <c r="N1010407" s="10"/>
    </row>
    <row r="1010408" spans="14:14">
      <c r="N1010408" s="10"/>
    </row>
    <row r="1010409" spans="14:14">
      <c r="N1010409" s="10"/>
    </row>
    <row r="1010410" spans="14:14">
      <c r="N1010410" s="10"/>
    </row>
    <row r="1010411" spans="14:14">
      <c r="N1010411" s="10"/>
    </row>
    <row r="1010412" spans="14:14">
      <c r="N1010412" s="10"/>
    </row>
    <row r="1010413" spans="14:14">
      <c r="N1010413" s="10"/>
    </row>
    <row r="1010414" spans="14:14">
      <c r="N1010414" s="10"/>
    </row>
    <row r="1010415" spans="14:14">
      <c r="N1010415" s="10"/>
    </row>
    <row r="1010416" spans="14:14">
      <c r="N1010416" s="10"/>
    </row>
    <row r="1010417" spans="14:14">
      <c r="N1010417" s="10"/>
    </row>
    <row r="1010418" spans="14:14">
      <c r="N1010418" s="10"/>
    </row>
    <row r="1010419" spans="14:14">
      <c r="N1010419" s="10"/>
    </row>
    <row r="1010420" spans="14:14">
      <c r="N1010420" s="10"/>
    </row>
    <row r="1010421" spans="14:14">
      <c r="N1010421" s="10"/>
    </row>
    <row r="1010422" spans="14:14">
      <c r="N1010422" s="10"/>
    </row>
    <row r="1010423" spans="14:14">
      <c r="N1010423" s="10"/>
    </row>
    <row r="1010424" spans="14:14">
      <c r="N1010424" s="10"/>
    </row>
    <row r="1010425" spans="14:14">
      <c r="N1010425" s="10"/>
    </row>
    <row r="1010426" spans="14:14">
      <c r="N1010426" s="10"/>
    </row>
    <row r="1010427" spans="14:14">
      <c r="N1010427" s="10"/>
    </row>
    <row r="1010428" spans="14:14">
      <c r="N1010428" s="10"/>
    </row>
    <row r="1010429" spans="14:14">
      <c r="N1010429" s="10"/>
    </row>
    <row r="1010430" spans="14:14">
      <c r="N1010430" s="10"/>
    </row>
    <row r="1010431" spans="14:14">
      <c r="N1010431" s="10"/>
    </row>
    <row r="1010432" spans="14:14">
      <c r="N1010432" s="10"/>
    </row>
    <row r="1010433" spans="14:14">
      <c r="N1010433" s="10"/>
    </row>
    <row r="1010434" spans="14:14">
      <c r="N1010434" s="10"/>
    </row>
    <row r="1010435" spans="14:14">
      <c r="N1010435" s="10"/>
    </row>
    <row r="1010436" spans="14:14">
      <c r="N1010436" s="10"/>
    </row>
    <row r="1010437" spans="14:14">
      <c r="N1010437" s="10"/>
    </row>
    <row r="1010438" spans="14:14">
      <c r="N1010438" s="10"/>
    </row>
    <row r="1010439" spans="14:14">
      <c r="N1010439" s="10"/>
    </row>
    <row r="1010440" spans="14:14">
      <c r="N1010440" s="10"/>
    </row>
    <row r="1010441" spans="14:14">
      <c r="N1010441" s="10"/>
    </row>
    <row r="1010442" spans="14:14">
      <c r="N1010442" s="10"/>
    </row>
    <row r="1010443" spans="14:14">
      <c r="N1010443" s="10"/>
    </row>
    <row r="1010444" spans="14:14">
      <c r="N1010444" s="10"/>
    </row>
    <row r="1010445" spans="14:14">
      <c r="N1010445" s="10"/>
    </row>
    <row r="1010446" spans="14:14">
      <c r="N1010446" s="10"/>
    </row>
    <row r="1010447" spans="14:14">
      <c r="N1010447" s="10"/>
    </row>
    <row r="1010448" spans="14:14">
      <c r="N1010448" s="10"/>
    </row>
    <row r="1010449" spans="14:14">
      <c r="N1010449" s="10"/>
    </row>
    <row r="1010450" spans="14:14">
      <c r="N1010450" s="10"/>
    </row>
    <row r="1010451" spans="14:14">
      <c r="N1010451" s="10"/>
    </row>
    <row r="1010452" spans="14:14">
      <c r="N1010452" s="10"/>
    </row>
    <row r="1010453" spans="14:14">
      <c r="N1010453" s="10"/>
    </row>
    <row r="1010454" spans="14:14">
      <c r="N1010454" s="10"/>
    </row>
    <row r="1010455" spans="14:14">
      <c r="N1010455" s="10"/>
    </row>
    <row r="1010456" spans="14:14">
      <c r="N1010456" s="10"/>
    </row>
    <row r="1010457" spans="14:14">
      <c r="N1010457" s="10"/>
    </row>
    <row r="1010458" spans="14:14">
      <c r="N1010458" s="10"/>
    </row>
    <row r="1010459" spans="14:14">
      <c r="N1010459" s="10"/>
    </row>
    <row r="1010460" spans="14:14">
      <c r="N1010460" s="10"/>
    </row>
    <row r="1010461" spans="14:14">
      <c r="N1010461" s="10"/>
    </row>
    <row r="1010462" spans="14:14">
      <c r="N1010462" s="10"/>
    </row>
    <row r="1010463" spans="14:14">
      <c r="N1010463" s="10"/>
    </row>
    <row r="1010464" spans="14:14">
      <c r="N1010464" s="10"/>
    </row>
    <row r="1010465" spans="14:14">
      <c r="N1010465" s="10"/>
    </row>
    <row r="1010466" spans="14:14">
      <c r="N1010466" s="10"/>
    </row>
    <row r="1010467" spans="14:14">
      <c r="N1010467" s="10"/>
    </row>
    <row r="1010468" spans="14:14">
      <c r="N1010468" s="10"/>
    </row>
    <row r="1010469" spans="14:14">
      <c r="N1010469" s="10"/>
    </row>
    <row r="1010470" spans="14:14">
      <c r="N1010470" s="10"/>
    </row>
    <row r="1010471" spans="14:14">
      <c r="N1010471" s="10"/>
    </row>
    <row r="1010472" spans="14:14">
      <c r="N1010472" s="10"/>
    </row>
    <row r="1010473" spans="14:14">
      <c r="N1010473" s="10"/>
    </row>
    <row r="1010474" spans="14:14">
      <c r="N1010474" s="10"/>
    </row>
    <row r="1010475" spans="14:14">
      <c r="N1010475" s="10"/>
    </row>
    <row r="1010476" spans="14:14">
      <c r="N1010476" s="10"/>
    </row>
    <row r="1010477" spans="14:14">
      <c r="N1010477" s="10"/>
    </row>
    <row r="1010478" spans="14:14">
      <c r="N1010478" s="10"/>
    </row>
    <row r="1010479" spans="14:14">
      <c r="N1010479" s="10"/>
    </row>
    <row r="1010480" spans="14:14">
      <c r="N1010480" s="10"/>
    </row>
    <row r="1010481" spans="14:14">
      <c r="N1010481" s="10"/>
    </row>
    <row r="1010482" spans="14:14">
      <c r="N1010482" s="10"/>
    </row>
    <row r="1010483" spans="14:14">
      <c r="N1010483" s="10"/>
    </row>
    <row r="1010484" spans="14:14">
      <c r="N1010484" s="10"/>
    </row>
    <row r="1010485" spans="14:14">
      <c r="N1010485" s="10"/>
    </row>
    <row r="1010486" spans="14:14">
      <c r="N1010486" s="10"/>
    </row>
    <row r="1010487" spans="14:14">
      <c r="N1010487" s="10"/>
    </row>
    <row r="1010488" spans="14:14">
      <c r="N1010488" s="10"/>
    </row>
    <row r="1010489" spans="14:14">
      <c r="N1010489" s="10"/>
    </row>
    <row r="1010490" spans="14:14">
      <c r="N1010490" s="10"/>
    </row>
    <row r="1010491" spans="14:14">
      <c r="N1010491" s="10"/>
    </row>
    <row r="1010492" spans="14:14">
      <c r="N1010492" s="10"/>
    </row>
    <row r="1010493" spans="14:14">
      <c r="N1010493" s="10"/>
    </row>
    <row r="1010494" spans="14:14">
      <c r="N1010494" s="10"/>
    </row>
    <row r="1010495" spans="14:14">
      <c r="N1010495" s="10"/>
    </row>
    <row r="1010496" spans="14:14">
      <c r="N1010496" s="10"/>
    </row>
    <row r="1010497" spans="14:14">
      <c r="N1010497" s="10"/>
    </row>
    <row r="1010498" spans="14:14">
      <c r="N1010498" s="10"/>
    </row>
    <row r="1010499" spans="14:14">
      <c r="N1010499" s="10"/>
    </row>
    <row r="1010500" spans="14:14">
      <c r="N1010500" s="10"/>
    </row>
    <row r="1010501" spans="14:14">
      <c r="N1010501" s="10"/>
    </row>
    <row r="1010502" spans="14:14">
      <c r="N1010502" s="10"/>
    </row>
    <row r="1010503" spans="14:14">
      <c r="N1010503" s="10"/>
    </row>
    <row r="1010504" spans="14:14">
      <c r="N1010504" s="10"/>
    </row>
    <row r="1010505" spans="14:14">
      <c r="N1010505" s="10"/>
    </row>
    <row r="1010506" spans="14:14">
      <c r="N1010506" s="10"/>
    </row>
    <row r="1010507" spans="14:14">
      <c r="N1010507" s="10"/>
    </row>
    <row r="1010508" spans="14:14">
      <c r="N1010508" s="10"/>
    </row>
    <row r="1010509" spans="14:14">
      <c r="N1010509" s="10"/>
    </row>
    <row r="1010510" spans="14:14">
      <c r="N1010510" s="10"/>
    </row>
    <row r="1010511" spans="14:14">
      <c r="N1010511" s="10"/>
    </row>
    <row r="1010512" spans="14:14">
      <c r="N1010512" s="10"/>
    </row>
    <row r="1010513" spans="14:14">
      <c r="N1010513" s="10"/>
    </row>
    <row r="1010514" spans="14:14">
      <c r="N1010514" s="10"/>
    </row>
    <row r="1010515" spans="14:14">
      <c r="N1010515" s="10"/>
    </row>
    <row r="1010516" spans="14:14">
      <c r="N1010516" s="10"/>
    </row>
    <row r="1010517" spans="14:14">
      <c r="N1010517" s="10"/>
    </row>
    <row r="1010518" spans="14:14">
      <c r="N1010518" s="10"/>
    </row>
    <row r="1010519" spans="14:14">
      <c r="N1010519" s="10"/>
    </row>
    <row r="1010520" spans="14:14">
      <c r="N1010520" s="10"/>
    </row>
    <row r="1010521" spans="14:14">
      <c r="N1010521" s="10"/>
    </row>
    <row r="1010522" spans="14:14">
      <c r="N1010522" s="10"/>
    </row>
    <row r="1010523" spans="14:14">
      <c r="N1010523" s="10"/>
    </row>
    <row r="1010524" spans="14:14">
      <c r="N1010524" s="10"/>
    </row>
    <row r="1010525" spans="14:14">
      <c r="N1010525" s="10"/>
    </row>
    <row r="1010526" spans="14:14">
      <c r="N1010526" s="10"/>
    </row>
    <row r="1010527" spans="14:14">
      <c r="N1010527" s="10"/>
    </row>
    <row r="1010528" spans="14:14">
      <c r="N1010528" s="10"/>
    </row>
    <row r="1010529" spans="14:14">
      <c r="N1010529" s="10"/>
    </row>
    <row r="1010530" spans="14:14">
      <c r="N1010530" s="10"/>
    </row>
    <row r="1010531" spans="14:14">
      <c r="N1010531" s="10"/>
    </row>
    <row r="1010532" spans="14:14">
      <c r="N1010532" s="10"/>
    </row>
    <row r="1010533" spans="14:14">
      <c r="N1010533" s="10"/>
    </row>
    <row r="1010534" spans="14:14">
      <c r="N1010534" s="10"/>
    </row>
    <row r="1010535" spans="14:14">
      <c r="N1010535" s="10"/>
    </row>
    <row r="1010536" spans="14:14">
      <c r="N1010536" s="10"/>
    </row>
    <row r="1010537" spans="14:14">
      <c r="N1010537" s="10"/>
    </row>
    <row r="1010538" spans="14:14">
      <c r="N1010538" s="10"/>
    </row>
    <row r="1010539" spans="14:14">
      <c r="N1010539" s="10"/>
    </row>
    <row r="1010540" spans="14:14">
      <c r="N1010540" s="10"/>
    </row>
    <row r="1010541" spans="14:14">
      <c r="N1010541" s="10"/>
    </row>
    <row r="1010542" spans="14:14">
      <c r="N1010542" s="10"/>
    </row>
    <row r="1010543" spans="14:14">
      <c r="N1010543" s="10"/>
    </row>
    <row r="1010544" spans="14:14">
      <c r="N1010544" s="10"/>
    </row>
    <row r="1010545" spans="14:14">
      <c r="N1010545" s="10"/>
    </row>
    <row r="1010546" spans="14:14">
      <c r="N1010546" s="10"/>
    </row>
    <row r="1010547" spans="14:14">
      <c r="N1010547" s="10"/>
    </row>
    <row r="1010548" spans="14:14">
      <c r="N1010548" s="10"/>
    </row>
    <row r="1010549" spans="14:14">
      <c r="N1010549" s="10"/>
    </row>
    <row r="1010550" spans="14:14">
      <c r="N1010550" s="10"/>
    </row>
    <row r="1010551" spans="14:14">
      <c r="N1010551" s="10"/>
    </row>
    <row r="1010552" spans="14:14">
      <c r="N1010552" s="10"/>
    </row>
    <row r="1010553" spans="14:14">
      <c r="N1010553" s="10"/>
    </row>
    <row r="1010554" spans="14:14">
      <c r="N1010554" s="10"/>
    </row>
    <row r="1010555" spans="14:14">
      <c r="N1010555" s="10"/>
    </row>
    <row r="1010556" spans="14:14">
      <c r="N1010556" s="10"/>
    </row>
    <row r="1010557" spans="14:14">
      <c r="N1010557" s="10"/>
    </row>
    <row r="1010558" spans="14:14">
      <c r="N1010558" s="10"/>
    </row>
    <row r="1010559" spans="14:14">
      <c r="N1010559" s="10"/>
    </row>
    <row r="1010560" spans="14:14">
      <c r="N1010560" s="10"/>
    </row>
    <row r="1010561" spans="14:14">
      <c r="N1010561" s="10"/>
    </row>
    <row r="1010562" spans="14:14">
      <c r="N1010562" s="10"/>
    </row>
    <row r="1010563" spans="14:14">
      <c r="N1010563" s="10"/>
    </row>
    <row r="1010564" spans="14:14">
      <c r="N1010564" s="10"/>
    </row>
    <row r="1010565" spans="14:14">
      <c r="N1010565" s="10"/>
    </row>
    <row r="1010566" spans="14:14">
      <c r="N1010566" s="10"/>
    </row>
    <row r="1010567" spans="14:14">
      <c r="N1010567" s="10"/>
    </row>
    <row r="1010568" spans="14:14">
      <c r="N1010568" s="10"/>
    </row>
    <row r="1010569" spans="14:14">
      <c r="N1010569" s="10"/>
    </row>
    <row r="1010570" spans="14:14">
      <c r="N1010570" s="10"/>
    </row>
    <row r="1010571" spans="14:14">
      <c r="N1010571" s="10"/>
    </row>
    <row r="1010572" spans="14:14">
      <c r="N1010572" s="10"/>
    </row>
    <row r="1010573" spans="14:14">
      <c r="N1010573" s="10"/>
    </row>
    <row r="1010574" spans="14:14">
      <c r="N1010574" s="10"/>
    </row>
    <row r="1010575" spans="14:14">
      <c r="N1010575" s="10"/>
    </row>
    <row r="1010576" spans="14:14">
      <c r="N1010576" s="10"/>
    </row>
    <row r="1010577" spans="14:14">
      <c r="N1010577" s="10"/>
    </row>
    <row r="1010578" spans="14:14">
      <c r="N1010578" s="10"/>
    </row>
    <row r="1010579" spans="14:14">
      <c r="N1010579" s="10"/>
    </row>
    <row r="1010580" spans="14:14">
      <c r="N1010580" s="10"/>
    </row>
    <row r="1010581" spans="14:14">
      <c r="N1010581" s="10"/>
    </row>
    <row r="1010582" spans="14:14">
      <c r="N1010582" s="10"/>
    </row>
    <row r="1010583" spans="14:14">
      <c r="N1010583" s="10"/>
    </row>
    <row r="1010584" spans="14:14">
      <c r="N1010584" s="10"/>
    </row>
    <row r="1010585" spans="14:14">
      <c r="N1010585" s="10"/>
    </row>
    <row r="1010586" spans="14:14">
      <c r="N1010586" s="10"/>
    </row>
    <row r="1010587" spans="14:14">
      <c r="N1010587" s="10"/>
    </row>
    <row r="1010588" spans="14:14">
      <c r="N1010588" s="10"/>
    </row>
    <row r="1010589" spans="14:14">
      <c r="N1010589" s="10"/>
    </row>
    <row r="1010590" spans="14:14">
      <c r="N1010590" s="10"/>
    </row>
    <row r="1010591" spans="14:14">
      <c r="N1010591" s="10"/>
    </row>
    <row r="1010592" spans="14:14">
      <c r="N1010592" s="10"/>
    </row>
    <row r="1010593" spans="14:14">
      <c r="N1010593" s="10"/>
    </row>
    <row r="1010594" spans="14:14">
      <c r="N1010594" s="10"/>
    </row>
    <row r="1010595" spans="14:14">
      <c r="N1010595" s="10"/>
    </row>
    <row r="1010596" spans="14:14">
      <c r="N1010596" s="10"/>
    </row>
    <row r="1010597" spans="14:14">
      <c r="N1010597" s="10"/>
    </row>
    <row r="1010598" spans="14:14">
      <c r="N1010598" s="10"/>
    </row>
    <row r="1010599" spans="14:14">
      <c r="N1010599" s="10"/>
    </row>
    <row r="1010600" spans="14:14">
      <c r="N1010600" s="10"/>
    </row>
    <row r="1010601" spans="14:14">
      <c r="N1010601" s="10"/>
    </row>
    <row r="1010602" spans="14:14">
      <c r="N1010602" s="10"/>
    </row>
    <row r="1010603" spans="14:14">
      <c r="N1010603" s="10"/>
    </row>
    <row r="1010604" spans="14:14">
      <c r="N1010604" s="10"/>
    </row>
    <row r="1010605" spans="14:14">
      <c r="N1010605" s="10"/>
    </row>
    <row r="1010606" spans="14:14">
      <c r="N1010606" s="10"/>
    </row>
    <row r="1010607" spans="14:14">
      <c r="N1010607" s="10"/>
    </row>
    <row r="1010608" spans="14:14">
      <c r="N1010608" s="10"/>
    </row>
    <row r="1010609" spans="14:14">
      <c r="N1010609" s="10"/>
    </row>
    <row r="1010610" spans="14:14">
      <c r="N1010610" s="10"/>
    </row>
    <row r="1010611" spans="14:14">
      <c r="N1010611" s="10"/>
    </row>
    <row r="1010612" spans="14:14">
      <c r="N1010612" s="10"/>
    </row>
    <row r="1010613" spans="14:14">
      <c r="N1010613" s="10"/>
    </row>
    <row r="1010614" spans="14:14">
      <c r="N1010614" s="10"/>
    </row>
    <row r="1010615" spans="14:14">
      <c r="N1010615" s="10"/>
    </row>
    <row r="1010616" spans="14:14">
      <c r="N1010616" s="10"/>
    </row>
    <row r="1010617" spans="14:14">
      <c r="N1010617" s="10"/>
    </row>
    <row r="1010618" spans="14:14">
      <c r="N1010618" s="10"/>
    </row>
    <row r="1010619" spans="14:14">
      <c r="N1010619" s="10"/>
    </row>
    <row r="1010620" spans="14:14">
      <c r="N1010620" s="10"/>
    </row>
    <row r="1010621" spans="14:14">
      <c r="N1010621" s="10"/>
    </row>
    <row r="1010622" spans="14:14">
      <c r="N1010622" s="10"/>
    </row>
    <row r="1010623" spans="14:14">
      <c r="N1010623" s="10"/>
    </row>
    <row r="1010624" spans="14:14">
      <c r="N1010624" s="10"/>
    </row>
    <row r="1010625" spans="14:14">
      <c r="N1010625" s="10"/>
    </row>
    <row r="1010626" spans="14:14">
      <c r="N1010626" s="10"/>
    </row>
    <row r="1010627" spans="14:14">
      <c r="N1010627" s="10"/>
    </row>
    <row r="1010628" spans="14:14">
      <c r="N1010628" s="10"/>
    </row>
    <row r="1010629" spans="14:14">
      <c r="N1010629" s="10"/>
    </row>
    <row r="1010630" spans="14:14">
      <c r="N1010630" s="10"/>
    </row>
    <row r="1010631" spans="14:14">
      <c r="N1010631" s="10"/>
    </row>
    <row r="1010632" spans="14:14">
      <c r="N1010632" s="10"/>
    </row>
    <row r="1010633" spans="14:14">
      <c r="N1010633" s="10"/>
    </row>
    <row r="1010634" spans="14:14">
      <c r="N1010634" s="10"/>
    </row>
    <row r="1010635" spans="14:14">
      <c r="N1010635" s="10"/>
    </row>
    <row r="1010636" spans="14:14">
      <c r="N1010636" s="10"/>
    </row>
    <row r="1010637" spans="14:14">
      <c r="N1010637" s="10"/>
    </row>
    <row r="1010638" spans="14:14">
      <c r="N1010638" s="10"/>
    </row>
    <row r="1010639" spans="14:14">
      <c r="N1010639" s="10"/>
    </row>
    <row r="1010640" spans="14:14">
      <c r="N1010640" s="10"/>
    </row>
    <row r="1010641" spans="14:14">
      <c r="N1010641" s="10"/>
    </row>
    <row r="1010642" spans="14:14">
      <c r="N1010642" s="10"/>
    </row>
    <row r="1010643" spans="14:14">
      <c r="N1010643" s="10"/>
    </row>
    <row r="1010644" spans="14:14">
      <c r="N1010644" s="10"/>
    </row>
    <row r="1010645" spans="14:14">
      <c r="N1010645" s="10"/>
    </row>
    <row r="1010646" spans="14:14">
      <c r="N1010646" s="10"/>
    </row>
    <row r="1010647" spans="14:14">
      <c r="N1010647" s="10"/>
    </row>
    <row r="1010648" spans="14:14">
      <c r="N1010648" s="10"/>
    </row>
    <row r="1010649" spans="14:14">
      <c r="N1010649" s="10"/>
    </row>
    <row r="1010650" spans="14:14">
      <c r="N1010650" s="10"/>
    </row>
    <row r="1010651" spans="14:14">
      <c r="N1010651" s="10"/>
    </row>
    <row r="1010652" spans="14:14">
      <c r="N1010652" s="10"/>
    </row>
    <row r="1010653" spans="14:14">
      <c r="N1010653" s="10"/>
    </row>
    <row r="1010654" spans="14:14">
      <c r="N1010654" s="10"/>
    </row>
    <row r="1010655" spans="14:14">
      <c r="N1010655" s="10"/>
    </row>
    <row r="1010656" spans="14:14">
      <c r="N1010656" s="10"/>
    </row>
    <row r="1010657" spans="14:14">
      <c r="N1010657" s="10"/>
    </row>
    <row r="1010658" spans="14:14">
      <c r="N1010658" s="10"/>
    </row>
    <row r="1010659" spans="14:14">
      <c r="N1010659" s="10"/>
    </row>
    <row r="1010660" spans="14:14">
      <c r="N1010660" s="10"/>
    </row>
    <row r="1010661" spans="14:14">
      <c r="N1010661" s="10"/>
    </row>
    <row r="1010662" spans="14:14">
      <c r="N1010662" s="10"/>
    </row>
    <row r="1010663" spans="14:14">
      <c r="N1010663" s="10"/>
    </row>
    <row r="1010664" spans="14:14">
      <c r="N1010664" s="10"/>
    </row>
    <row r="1010665" spans="14:14">
      <c r="N1010665" s="10"/>
    </row>
    <row r="1010666" spans="14:14">
      <c r="N1010666" s="10"/>
    </row>
    <row r="1010667" spans="14:14">
      <c r="N1010667" s="10"/>
    </row>
    <row r="1010668" spans="14:14">
      <c r="N1010668" s="10"/>
    </row>
    <row r="1010669" spans="14:14">
      <c r="N1010669" s="10"/>
    </row>
    <row r="1010670" spans="14:14">
      <c r="N1010670" s="10"/>
    </row>
    <row r="1010671" spans="14:14">
      <c r="N1010671" s="10"/>
    </row>
    <row r="1010672" spans="14:14">
      <c r="N1010672" s="10"/>
    </row>
    <row r="1010673" spans="14:14">
      <c r="N1010673" s="10"/>
    </row>
    <row r="1010674" spans="14:14">
      <c r="N1010674" s="10"/>
    </row>
    <row r="1010675" spans="14:14">
      <c r="N1010675" s="10"/>
    </row>
    <row r="1010676" spans="14:14">
      <c r="N1010676" s="10"/>
    </row>
    <row r="1010677" spans="14:14">
      <c r="N1010677" s="10"/>
    </row>
    <row r="1010678" spans="14:14">
      <c r="N1010678" s="10"/>
    </row>
    <row r="1010679" spans="14:14">
      <c r="N1010679" s="10"/>
    </row>
    <row r="1010680" spans="14:14">
      <c r="N1010680" s="10"/>
    </row>
    <row r="1010681" spans="14:14">
      <c r="N1010681" s="10"/>
    </row>
    <row r="1010682" spans="14:14">
      <c r="N1010682" s="10"/>
    </row>
    <row r="1010683" spans="14:14">
      <c r="N1010683" s="10"/>
    </row>
    <row r="1010684" spans="14:14">
      <c r="N1010684" s="10"/>
    </row>
    <row r="1010685" spans="14:14">
      <c r="N1010685" s="10"/>
    </row>
    <row r="1010686" spans="14:14">
      <c r="N1010686" s="10"/>
    </row>
    <row r="1010687" spans="14:14">
      <c r="N1010687" s="10"/>
    </row>
    <row r="1010688" spans="14:14">
      <c r="N1010688" s="10"/>
    </row>
    <row r="1010689" spans="14:14">
      <c r="N1010689" s="10"/>
    </row>
    <row r="1010690" spans="14:14">
      <c r="N1010690" s="10"/>
    </row>
    <row r="1010691" spans="14:14">
      <c r="N1010691" s="10"/>
    </row>
    <row r="1010692" spans="14:14">
      <c r="N1010692" s="10"/>
    </row>
    <row r="1010693" spans="14:14">
      <c r="N1010693" s="10"/>
    </row>
    <row r="1010694" spans="14:14">
      <c r="N1010694" s="10"/>
    </row>
    <row r="1010695" spans="14:14">
      <c r="N1010695" s="10"/>
    </row>
    <row r="1010696" spans="14:14">
      <c r="N1010696" s="10"/>
    </row>
    <row r="1010697" spans="14:14">
      <c r="N1010697" s="10"/>
    </row>
    <row r="1010698" spans="14:14">
      <c r="N1010698" s="10"/>
    </row>
    <row r="1010699" spans="14:14">
      <c r="N1010699" s="10"/>
    </row>
    <row r="1010700" spans="14:14">
      <c r="N1010700" s="10"/>
    </row>
    <row r="1010701" spans="14:14">
      <c r="N1010701" s="10"/>
    </row>
    <row r="1010702" spans="14:14">
      <c r="N1010702" s="10"/>
    </row>
    <row r="1010703" spans="14:14">
      <c r="N1010703" s="10"/>
    </row>
    <row r="1010704" spans="14:14">
      <c r="N1010704" s="10"/>
    </row>
    <row r="1010705" spans="14:14">
      <c r="N1010705" s="10"/>
    </row>
    <row r="1010706" spans="14:14">
      <c r="N1010706" s="10"/>
    </row>
    <row r="1010707" spans="14:14">
      <c r="N1010707" s="10"/>
    </row>
    <row r="1010708" spans="14:14">
      <c r="N1010708" s="10"/>
    </row>
    <row r="1010709" spans="14:14">
      <c r="N1010709" s="10"/>
    </row>
    <row r="1010710" spans="14:14">
      <c r="N1010710" s="10"/>
    </row>
    <row r="1010711" spans="14:14">
      <c r="N1010711" s="10"/>
    </row>
    <row r="1010712" spans="14:14">
      <c r="N1010712" s="10"/>
    </row>
    <row r="1010713" spans="14:14">
      <c r="N1010713" s="10"/>
    </row>
    <row r="1010714" spans="14:14">
      <c r="N1010714" s="10"/>
    </row>
    <row r="1010715" spans="14:14">
      <c r="N1010715" s="10"/>
    </row>
    <row r="1010716" spans="14:14">
      <c r="N1010716" s="10"/>
    </row>
    <row r="1010717" spans="14:14">
      <c r="N1010717" s="10"/>
    </row>
    <row r="1010718" spans="14:14">
      <c r="N1010718" s="10"/>
    </row>
    <row r="1010719" spans="14:14">
      <c r="N1010719" s="10"/>
    </row>
    <row r="1010720" spans="14:14">
      <c r="N1010720" s="10"/>
    </row>
    <row r="1010721" spans="14:14">
      <c r="N1010721" s="10"/>
    </row>
    <row r="1010722" spans="14:14">
      <c r="N1010722" s="10"/>
    </row>
    <row r="1010723" spans="14:14">
      <c r="N1010723" s="10"/>
    </row>
    <row r="1010724" spans="14:14">
      <c r="N1010724" s="10"/>
    </row>
    <row r="1010725" spans="14:14">
      <c r="N1010725" s="10"/>
    </row>
    <row r="1010726" spans="14:14">
      <c r="N1010726" s="10"/>
    </row>
    <row r="1010727" spans="14:14">
      <c r="N1010727" s="10"/>
    </row>
    <row r="1010728" spans="14:14">
      <c r="N1010728" s="10"/>
    </row>
    <row r="1010729" spans="14:14">
      <c r="N1010729" s="10"/>
    </row>
    <row r="1010730" spans="14:14">
      <c r="N1010730" s="10"/>
    </row>
    <row r="1010731" spans="14:14">
      <c r="N1010731" s="10"/>
    </row>
    <row r="1010732" spans="14:14">
      <c r="N1010732" s="10"/>
    </row>
    <row r="1010733" spans="14:14">
      <c r="N1010733" s="10"/>
    </row>
    <row r="1010734" spans="14:14">
      <c r="N1010734" s="10"/>
    </row>
    <row r="1010735" spans="14:14">
      <c r="N1010735" s="10"/>
    </row>
    <row r="1010736" spans="14:14">
      <c r="N1010736" s="10"/>
    </row>
    <row r="1010737" spans="14:14">
      <c r="N1010737" s="10"/>
    </row>
    <row r="1010738" spans="14:14">
      <c r="N1010738" s="10"/>
    </row>
    <row r="1010739" spans="14:14">
      <c r="N1010739" s="10"/>
    </row>
    <row r="1010740" spans="14:14">
      <c r="N1010740" s="10"/>
    </row>
    <row r="1010741" spans="14:14">
      <c r="N1010741" s="10"/>
    </row>
    <row r="1010742" spans="14:14">
      <c r="N1010742" s="10"/>
    </row>
    <row r="1010743" spans="14:14">
      <c r="N1010743" s="10"/>
    </row>
    <row r="1010744" spans="14:14">
      <c r="N1010744" s="10"/>
    </row>
    <row r="1010745" spans="14:14">
      <c r="N1010745" s="10"/>
    </row>
    <row r="1010746" spans="14:14">
      <c r="N1010746" s="10"/>
    </row>
    <row r="1010747" spans="14:14">
      <c r="N1010747" s="10"/>
    </row>
    <row r="1010748" spans="14:14">
      <c r="N1010748" s="10"/>
    </row>
    <row r="1010749" spans="14:14">
      <c r="N1010749" s="10"/>
    </row>
    <row r="1010750" spans="14:14">
      <c r="N1010750" s="10"/>
    </row>
    <row r="1010751" spans="14:14">
      <c r="N1010751" s="10"/>
    </row>
    <row r="1010752" spans="14:14">
      <c r="N1010752" s="10"/>
    </row>
    <row r="1010753" spans="14:14">
      <c r="N1010753" s="10"/>
    </row>
    <row r="1010754" spans="14:14">
      <c r="N1010754" s="10"/>
    </row>
    <row r="1010755" spans="14:14">
      <c r="N1010755" s="10"/>
    </row>
    <row r="1010756" spans="14:14">
      <c r="N1010756" s="10"/>
    </row>
    <row r="1010757" spans="14:14">
      <c r="N1010757" s="10"/>
    </row>
    <row r="1010758" spans="14:14">
      <c r="N1010758" s="10"/>
    </row>
    <row r="1010759" spans="14:14">
      <c r="N1010759" s="10"/>
    </row>
    <row r="1010760" spans="14:14">
      <c r="N1010760" s="10"/>
    </row>
    <row r="1010761" spans="14:14">
      <c r="N1010761" s="10"/>
    </row>
    <row r="1010762" spans="14:14">
      <c r="N1010762" s="10"/>
    </row>
    <row r="1010763" spans="14:14">
      <c r="N1010763" s="10"/>
    </row>
    <row r="1010764" spans="14:14">
      <c r="N1010764" s="10"/>
    </row>
    <row r="1010765" spans="14:14">
      <c r="N1010765" s="10"/>
    </row>
    <row r="1010766" spans="14:14">
      <c r="N1010766" s="10"/>
    </row>
    <row r="1010767" spans="14:14">
      <c r="N1010767" s="10"/>
    </row>
    <row r="1010768" spans="14:14">
      <c r="N1010768" s="10"/>
    </row>
    <row r="1010769" spans="14:14">
      <c r="N1010769" s="10"/>
    </row>
    <row r="1010770" spans="14:14">
      <c r="N1010770" s="10"/>
    </row>
    <row r="1010771" spans="14:14">
      <c r="N1010771" s="10"/>
    </row>
    <row r="1010772" spans="14:14">
      <c r="N1010772" s="10"/>
    </row>
    <row r="1010773" spans="14:14">
      <c r="N1010773" s="10"/>
    </row>
    <row r="1010774" spans="14:14">
      <c r="N1010774" s="10"/>
    </row>
    <row r="1010775" spans="14:14">
      <c r="N1010775" s="10"/>
    </row>
    <row r="1010776" spans="14:14">
      <c r="N1010776" s="10"/>
    </row>
    <row r="1010777" spans="14:14">
      <c r="N1010777" s="10"/>
    </row>
    <row r="1010778" spans="14:14">
      <c r="N1010778" s="10"/>
    </row>
    <row r="1010779" spans="14:14">
      <c r="N1010779" s="10"/>
    </row>
    <row r="1010780" spans="14:14">
      <c r="N1010780" s="10"/>
    </row>
    <row r="1010781" spans="14:14">
      <c r="N1010781" s="10"/>
    </row>
    <row r="1010782" spans="14:14">
      <c r="N1010782" s="10"/>
    </row>
    <row r="1010783" spans="14:14">
      <c r="N1010783" s="10"/>
    </row>
    <row r="1010784" spans="14:14">
      <c r="N1010784" s="10"/>
    </row>
    <row r="1010785" spans="14:14">
      <c r="N1010785" s="10"/>
    </row>
    <row r="1010786" spans="14:14">
      <c r="N1010786" s="10"/>
    </row>
    <row r="1010787" spans="14:14">
      <c r="N1010787" s="10"/>
    </row>
    <row r="1010788" spans="14:14">
      <c r="N1010788" s="10"/>
    </row>
    <row r="1010789" spans="14:14">
      <c r="N1010789" s="10"/>
    </row>
    <row r="1010790" spans="14:14">
      <c r="N1010790" s="10"/>
    </row>
    <row r="1010791" spans="14:14">
      <c r="N1010791" s="10"/>
    </row>
    <row r="1010792" spans="14:14">
      <c r="N1010792" s="10"/>
    </row>
    <row r="1010793" spans="14:14">
      <c r="N1010793" s="10"/>
    </row>
    <row r="1010794" spans="14:14">
      <c r="N1010794" s="10"/>
    </row>
    <row r="1010795" spans="14:14">
      <c r="N1010795" s="10"/>
    </row>
    <row r="1010796" spans="14:14">
      <c r="N1010796" s="10"/>
    </row>
    <row r="1010797" spans="14:14">
      <c r="N1010797" s="10"/>
    </row>
    <row r="1010798" spans="14:14">
      <c r="N1010798" s="10"/>
    </row>
    <row r="1010799" spans="14:14">
      <c r="N1010799" s="10"/>
    </row>
    <row r="1010800" spans="14:14">
      <c r="N1010800" s="10"/>
    </row>
    <row r="1010801" spans="14:14">
      <c r="N1010801" s="10"/>
    </row>
    <row r="1010802" spans="14:14">
      <c r="N1010802" s="10"/>
    </row>
    <row r="1010803" spans="14:14">
      <c r="N1010803" s="10"/>
    </row>
    <row r="1010804" spans="14:14">
      <c r="N1010804" s="10"/>
    </row>
    <row r="1010805" spans="14:14">
      <c r="N1010805" s="10"/>
    </row>
    <row r="1010806" spans="14:14">
      <c r="N1010806" s="10"/>
    </row>
    <row r="1010807" spans="14:14">
      <c r="N1010807" s="10"/>
    </row>
    <row r="1010808" spans="14:14">
      <c r="N1010808" s="10"/>
    </row>
    <row r="1010809" spans="14:14">
      <c r="N1010809" s="10"/>
    </row>
    <row r="1010810" spans="14:14">
      <c r="N1010810" s="10"/>
    </row>
    <row r="1010811" spans="14:14">
      <c r="N1010811" s="10"/>
    </row>
    <row r="1010812" spans="14:14">
      <c r="N1010812" s="10"/>
    </row>
    <row r="1010813" spans="14:14">
      <c r="N1010813" s="10"/>
    </row>
    <row r="1010814" spans="14:14">
      <c r="N1010814" s="10"/>
    </row>
    <row r="1010815" spans="14:14">
      <c r="N1010815" s="10"/>
    </row>
    <row r="1010816" spans="14:14">
      <c r="N1010816" s="10"/>
    </row>
    <row r="1010817" spans="14:14">
      <c r="N1010817" s="10"/>
    </row>
    <row r="1010818" spans="14:14">
      <c r="N1010818" s="10"/>
    </row>
    <row r="1010819" spans="14:14">
      <c r="N1010819" s="10"/>
    </row>
    <row r="1010820" spans="14:14">
      <c r="N1010820" s="10"/>
    </row>
    <row r="1010821" spans="14:14">
      <c r="N1010821" s="10"/>
    </row>
    <row r="1010822" spans="14:14">
      <c r="N1010822" s="10"/>
    </row>
    <row r="1010823" spans="14:14">
      <c r="N1010823" s="10"/>
    </row>
    <row r="1010824" spans="14:14">
      <c r="N1010824" s="10"/>
    </row>
    <row r="1010825" spans="14:14">
      <c r="N1010825" s="10"/>
    </row>
    <row r="1010826" spans="14:14">
      <c r="N1010826" s="10"/>
    </row>
    <row r="1010827" spans="14:14">
      <c r="N1010827" s="10"/>
    </row>
    <row r="1010828" spans="14:14">
      <c r="N1010828" s="10"/>
    </row>
    <row r="1010829" spans="14:14">
      <c r="N1010829" s="10"/>
    </row>
    <row r="1010830" spans="14:14">
      <c r="N1010830" s="10"/>
    </row>
    <row r="1010831" spans="14:14">
      <c r="N1010831" s="10"/>
    </row>
    <row r="1010832" spans="14:14">
      <c r="N1010832" s="10"/>
    </row>
    <row r="1010833" spans="14:14">
      <c r="N1010833" s="10"/>
    </row>
    <row r="1010834" spans="14:14">
      <c r="N1010834" s="10"/>
    </row>
    <row r="1010835" spans="14:14">
      <c r="N1010835" s="10"/>
    </row>
    <row r="1010836" spans="14:14">
      <c r="N1010836" s="10"/>
    </row>
    <row r="1010837" spans="14:14">
      <c r="N1010837" s="10"/>
    </row>
    <row r="1010838" spans="14:14">
      <c r="N1010838" s="10"/>
    </row>
    <row r="1010839" spans="14:14">
      <c r="N1010839" s="10"/>
    </row>
    <row r="1010840" spans="14:14">
      <c r="N1010840" s="10"/>
    </row>
    <row r="1010841" spans="14:14">
      <c r="N1010841" s="10"/>
    </row>
    <row r="1010842" spans="14:14">
      <c r="N1010842" s="10"/>
    </row>
    <row r="1010843" spans="14:14">
      <c r="N1010843" s="10"/>
    </row>
    <row r="1010844" spans="14:14">
      <c r="N1010844" s="10"/>
    </row>
    <row r="1010845" spans="14:14">
      <c r="N1010845" s="10"/>
    </row>
    <row r="1010846" spans="14:14">
      <c r="N1010846" s="10"/>
    </row>
    <row r="1010847" spans="14:14">
      <c r="N1010847" s="10"/>
    </row>
    <row r="1010848" spans="14:14">
      <c r="N1010848" s="10"/>
    </row>
    <row r="1010849" spans="14:14">
      <c r="N1010849" s="10"/>
    </row>
    <row r="1010850" spans="14:14">
      <c r="N1010850" s="10"/>
    </row>
    <row r="1010851" spans="14:14">
      <c r="N1010851" s="10"/>
    </row>
    <row r="1010852" spans="14:14">
      <c r="N1010852" s="10"/>
    </row>
    <row r="1010853" spans="14:14">
      <c r="N1010853" s="10"/>
    </row>
    <row r="1010854" spans="14:14">
      <c r="N1010854" s="10"/>
    </row>
    <row r="1010855" spans="14:14">
      <c r="N1010855" s="10"/>
    </row>
    <row r="1010856" spans="14:14">
      <c r="N1010856" s="10"/>
    </row>
    <row r="1010857" spans="14:14">
      <c r="N1010857" s="10"/>
    </row>
    <row r="1010858" spans="14:14">
      <c r="N1010858" s="10"/>
    </row>
    <row r="1010859" spans="14:14">
      <c r="N1010859" s="10"/>
    </row>
    <row r="1010860" spans="14:14">
      <c r="N1010860" s="10"/>
    </row>
    <row r="1010861" spans="14:14">
      <c r="N1010861" s="10"/>
    </row>
    <row r="1010862" spans="14:14">
      <c r="N1010862" s="10"/>
    </row>
    <row r="1010863" spans="14:14">
      <c r="N1010863" s="10"/>
    </row>
    <row r="1010864" spans="14:14">
      <c r="N1010864" s="10"/>
    </row>
    <row r="1010865" spans="14:14">
      <c r="N1010865" s="10"/>
    </row>
    <row r="1010866" spans="14:14">
      <c r="N1010866" s="10"/>
    </row>
    <row r="1010867" spans="14:14">
      <c r="N1010867" s="10"/>
    </row>
    <row r="1010868" spans="14:14">
      <c r="N1010868" s="10"/>
    </row>
    <row r="1010869" spans="14:14">
      <c r="N1010869" s="10"/>
    </row>
    <row r="1010870" spans="14:14">
      <c r="N1010870" s="10"/>
    </row>
    <row r="1010871" spans="14:14">
      <c r="N1010871" s="10"/>
    </row>
    <row r="1010872" spans="14:14">
      <c r="N1010872" s="10"/>
    </row>
    <row r="1010873" spans="14:14">
      <c r="N1010873" s="10"/>
    </row>
    <row r="1010874" spans="14:14">
      <c r="N1010874" s="10"/>
    </row>
    <row r="1010875" spans="14:14">
      <c r="N1010875" s="10"/>
    </row>
    <row r="1010876" spans="14:14">
      <c r="N1010876" s="10"/>
    </row>
    <row r="1010877" spans="14:14">
      <c r="N1010877" s="10"/>
    </row>
    <row r="1010878" spans="14:14">
      <c r="N1010878" s="10"/>
    </row>
    <row r="1010879" spans="14:14">
      <c r="N1010879" s="10"/>
    </row>
    <row r="1010880" spans="14:14">
      <c r="N1010880" s="10"/>
    </row>
    <row r="1010881" spans="14:14">
      <c r="N1010881" s="10"/>
    </row>
    <row r="1010882" spans="14:14">
      <c r="N1010882" s="10"/>
    </row>
    <row r="1010883" spans="14:14">
      <c r="N1010883" s="10"/>
    </row>
    <row r="1010884" spans="14:14">
      <c r="N1010884" s="10"/>
    </row>
    <row r="1010885" spans="14:14">
      <c r="N1010885" s="10"/>
    </row>
    <row r="1010886" spans="14:14">
      <c r="N1010886" s="10"/>
    </row>
    <row r="1010887" spans="14:14">
      <c r="N1010887" s="10"/>
    </row>
    <row r="1010888" spans="14:14">
      <c r="N1010888" s="10"/>
    </row>
    <row r="1010889" spans="14:14">
      <c r="N1010889" s="10"/>
    </row>
    <row r="1010890" spans="14:14">
      <c r="N1010890" s="10"/>
    </row>
    <row r="1010891" spans="14:14">
      <c r="N1010891" s="10"/>
    </row>
    <row r="1010892" spans="14:14">
      <c r="N1010892" s="10"/>
    </row>
    <row r="1010893" spans="14:14">
      <c r="N1010893" s="10"/>
    </row>
    <row r="1010894" spans="14:14">
      <c r="N1010894" s="10"/>
    </row>
    <row r="1010895" spans="14:14">
      <c r="N1010895" s="10"/>
    </row>
    <row r="1010896" spans="14:14">
      <c r="N1010896" s="10"/>
    </row>
    <row r="1010897" spans="14:14">
      <c r="N1010897" s="10"/>
    </row>
    <row r="1010898" spans="14:14">
      <c r="N1010898" s="10"/>
    </row>
    <row r="1010899" spans="14:14">
      <c r="N1010899" s="10"/>
    </row>
    <row r="1010900" spans="14:14">
      <c r="N1010900" s="10"/>
    </row>
    <row r="1010901" spans="14:14">
      <c r="N1010901" s="10"/>
    </row>
    <row r="1010902" spans="14:14">
      <c r="N1010902" s="10"/>
    </row>
    <row r="1010903" spans="14:14">
      <c r="N1010903" s="10"/>
    </row>
    <row r="1010904" spans="14:14">
      <c r="N1010904" s="10"/>
    </row>
    <row r="1010905" spans="14:14">
      <c r="N1010905" s="10"/>
    </row>
    <row r="1010906" spans="14:14">
      <c r="N1010906" s="10"/>
    </row>
    <row r="1010907" spans="14:14">
      <c r="N1010907" s="10"/>
    </row>
    <row r="1010908" spans="14:14">
      <c r="N1010908" s="10"/>
    </row>
    <row r="1010909" spans="14:14">
      <c r="N1010909" s="10"/>
    </row>
    <row r="1010910" spans="14:14">
      <c r="N1010910" s="10"/>
    </row>
    <row r="1010911" spans="14:14">
      <c r="N1010911" s="10"/>
    </row>
    <row r="1010912" spans="14:14">
      <c r="N1010912" s="10"/>
    </row>
    <row r="1010913" spans="14:14">
      <c r="N1010913" s="10"/>
    </row>
    <row r="1010914" spans="14:14">
      <c r="N1010914" s="10"/>
    </row>
    <row r="1010915" spans="14:14">
      <c r="N1010915" s="10"/>
    </row>
    <row r="1010916" spans="14:14">
      <c r="N1010916" s="10"/>
    </row>
    <row r="1010917" spans="14:14">
      <c r="N1010917" s="10"/>
    </row>
    <row r="1010918" spans="14:14">
      <c r="N1010918" s="10"/>
    </row>
    <row r="1010919" spans="14:14">
      <c r="N1010919" s="10"/>
    </row>
    <row r="1010920" spans="14:14">
      <c r="N1010920" s="10"/>
    </row>
    <row r="1010921" spans="14:14">
      <c r="N1010921" s="10"/>
    </row>
    <row r="1010922" spans="14:14">
      <c r="N1010922" s="10"/>
    </row>
    <row r="1010923" spans="14:14">
      <c r="N1010923" s="10"/>
    </row>
    <row r="1010924" spans="14:14">
      <c r="N1010924" s="10"/>
    </row>
    <row r="1010925" spans="14:14">
      <c r="N1010925" s="10"/>
    </row>
    <row r="1010926" spans="14:14">
      <c r="N1010926" s="10"/>
    </row>
    <row r="1010927" spans="14:14">
      <c r="N1010927" s="10"/>
    </row>
    <row r="1010928" spans="14:14">
      <c r="N1010928" s="10"/>
    </row>
    <row r="1010929" spans="14:14">
      <c r="N1010929" s="10"/>
    </row>
    <row r="1010930" spans="14:14">
      <c r="N1010930" s="10"/>
    </row>
    <row r="1010931" spans="14:14">
      <c r="N1010931" s="10"/>
    </row>
    <row r="1010932" spans="14:14">
      <c r="N1010932" s="10"/>
    </row>
    <row r="1010933" spans="14:14">
      <c r="N1010933" s="10"/>
    </row>
    <row r="1010934" spans="14:14">
      <c r="N1010934" s="10"/>
    </row>
    <row r="1010935" spans="14:14">
      <c r="N1010935" s="10"/>
    </row>
    <row r="1010936" spans="14:14">
      <c r="N1010936" s="10"/>
    </row>
    <row r="1010937" spans="14:14">
      <c r="N1010937" s="10"/>
    </row>
    <row r="1010938" spans="14:14">
      <c r="N1010938" s="10"/>
    </row>
    <row r="1010939" spans="14:14">
      <c r="N1010939" s="10"/>
    </row>
    <row r="1010940" spans="14:14">
      <c r="N1010940" s="10"/>
    </row>
    <row r="1010941" spans="14:14">
      <c r="N1010941" s="10"/>
    </row>
    <row r="1010942" spans="14:14">
      <c r="N1010942" s="10"/>
    </row>
    <row r="1010943" spans="14:14">
      <c r="N1010943" s="10"/>
    </row>
    <row r="1010944" spans="14:14">
      <c r="N1010944" s="10"/>
    </row>
    <row r="1010945" spans="14:14">
      <c r="N1010945" s="10"/>
    </row>
    <row r="1010946" spans="14:14">
      <c r="N1010946" s="10"/>
    </row>
    <row r="1010947" spans="14:14">
      <c r="N1010947" s="10"/>
    </row>
    <row r="1010948" spans="14:14">
      <c r="N1010948" s="10"/>
    </row>
    <row r="1010949" spans="14:14">
      <c r="N1010949" s="10"/>
    </row>
    <row r="1010950" spans="14:14">
      <c r="N1010950" s="10"/>
    </row>
    <row r="1010951" spans="14:14">
      <c r="N1010951" s="10"/>
    </row>
    <row r="1010952" spans="14:14">
      <c r="N1010952" s="10"/>
    </row>
    <row r="1010953" spans="14:14">
      <c r="N1010953" s="10"/>
    </row>
    <row r="1010954" spans="14:14">
      <c r="N1010954" s="10"/>
    </row>
    <row r="1010955" spans="14:14">
      <c r="N1010955" s="10"/>
    </row>
    <row r="1010956" spans="14:14">
      <c r="N1010956" s="10"/>
    </row>
    <row r="1010957" spans="14:14">
      <c r="N1010957" s="10"/>
    </row>
    <row r="1010958" spans="14:14">
      <c r="N1010958" s="10"/>
    </row>
    <row r="1010959" spans="14:14">
      <c r="N1010959" s="10"/>
    </row>
    <row r="1010960" spans="14:14">
      <c r="N1010960" s="10"/>
    </row>
    <row r="1010961" spans="14:14">
      <c r="N1010961" s="10"/>
    </row>
    <row r="1010962" spans="14:14">
      <c r="N1010962" s="10"/>
    </row>
    <row r="1010963" spans="14:14">
      <c r="N1010963" s="10"/>
    </row>
    <row r="1010964" spans="14:14">
      <c r="N1010964" s="10"/>
    </row>
    <row r="1010965" spans="14:14">
      <c r="N1010965" s="10"/>
    </row>
    <row r="1010966" spans="14:14">
      <c r="N1010966" s="10"/>
    </row>
    <row r="1010967" spans="14:14">
      <c r="N1010967" s="10"/>
    </row>
    <row r="1010968" spans="14:14">
      <c r="N1010968" s="10"/>
    </row>
    <row r="1010969" spans="14:14">
      <c r="N1010969" s="10"/>
    </row>
    <row r="1010970" spans="14:14">
      <c r="N1010970" s="10"/>
    </row>
    <row r="1010971" spans="14:14">
      <c r="N1010971" s="10"/>
    </row>
    <row r="1010972" spans="14:14">
      <c r="N1010972" s="10"/>
    </row>
    <row r="1010973" spans="14:14">
      <c r="N1010973" s="10"/>
    </row>
    <row r="1010974" spans="14:14">
      <c r="N1010974" s="10"/>
    </row>
    <row r="1010975" spans="14:14">
      <c r="N1010975" s="10"/>
    </row>
    <row r="1010976" spans="14:14">
      <c r="N1010976" s="10"/>
    </row>
    <row r="1010977" spans="14:14">
      <c r="N1010977" s="10"/>
    </row>
    <row r="1010978" spans="14:14">
      <c r="N1010978" s="10"/>
    </row>
    <row r="1010979" spans="14:14">
      <c r="N1010979" s="10"/>
    </row>
    <row r="1010980" spans="14:14">
      <c r="N1010980" s="10"/>
    </row>
    <row r="1010981" spans="14:14">
      <c r="N1010981" s="10"/>
    </row>
    <row r="1010982" spans="14:14">
      <c r="N1010982" s="10"/>
    </row>
    <row r="1010983" spans="14:14">
      <c r="N1010983" s="10"/>
    </row>
    <row r="1010984" spans="14:14">
      <c r="N1010984" s="10"/>
    </row>
    <row r="1010985" spans="14:14">
      <c r="N1010985" s="10"/>
    </row>
    <row r="1010986" spans="14:14">
      <c r="N1010986" s="10"/>
    </row>
    <row r="1010987" spans="14:14">
      <c r="N1010987" s="10"/>
    </row>
    <row r="1010988" spans="14:14">
      <c r="N1010988" s="10"/>
    </row>
    <row r="1010989" spans="14:14">
      <c r="N1010989" s="10"/>
    </row>
    <row r="1010990" spans="14:14">
      <c r="N1010990" s="10"/>
    </row>
    <row r="1010991" spans="14:14">
      <c r="N1010991" s="10"/>
    </row>
    <row r="1010992" spans="14:14">
      <c r="N1010992" s="10"/>
    </row>
    <row r="1010993" spans="14:14">
      <c r="N1010993" s="10"/>
    </row>
    <row r="1010994" spans="14:14">
      <c r="N1010994" s="10"/>
    </row>
    <row r="1010995" spans="14:14">
      <c r="N1010995" s="10"/>
    </row>
    <row r="1010996" spans="14:14">
      <c r="N1010996" s="10"/>
    </row>
    <row r="1010997" spans="14:14">
      <c r="N1010997" s="10"/>
    </row>
    <row r="1010998" spans="14:14">
      <c r="N1010998" s="10"/>
    </row>
    <row r="1010999" spans="14:14">
      <c r="N1010999" s="10"/>
    </row>
    <row r="1011000" spans="14:14">
      <c r="N1011000" s="10"/>
    </row>
    <row r="1011001" spans="14:14">
      <c r="N1011001" s="10"/>
    </row>
    <row r="1011002" spans="14:14">
      <c r="N1011002" s="10"/>
    </row>
    <row r="1011003" spans="14:14">
      <c r="N1011003" s="10"/>
    </row>
    <row r="1011004" spans="14:14">
      <c r="N1011004" s="10"/>
    </row>
    <row r="1011005" spans="14:14">
      <c r="N1011005" s="10"/>
    </row>
    <row r="1011006" spans="14:14">
      <c r="N1011006" s="10"/>
    </row>
    <row r="1011007" spans="14:14">
      <c r="N1011007" s="10"/>
    </row>
    <row r="1011008" spans="14:14">
      <c r="N1011008" s="10"/>
    </row>
    <row r="1011009" spans="14:14">
      <c r="N1011009" s="10"/>
    </row>
    <row r="1011010" spans="14:14">
      <c r="N1011010" s="10"/>
    </row>
    <row r="1011011" spans="14:14">
      <c r="N1011011" s="10"/>
    </row>
    <row r="1011012" spans="14:14">
      <c r="N1011012" s="10"/>
    </row>
    <row r="1011013" spans="14:14">
      <c r="N1011013" s="10"/>
    </row>
    <row r="1011014" spans="14:14">
      <c r="N1011014" s="10"/>
    </row>
    <row r="1011015" spans="14:14">
      <c r="N1011015" s="10"/>
    </row>
    <row r="1011016" spans="14:14">
      <c r="N1011016" s="10"/>
    </row>
    <row r="1011017" spans="14:14">
      <c r="N1011017" s="10"/>
    </row>
    <row r="1011018" spans="14:14">
      <c r="N1011018" s="10"/>
    </row>
    <row r="1011019" spans="14:14">
      <c r="N1011019" s="10"/>
    </row>
    <row r="1011020" spans="14:14">
      <c r="N1011020" s="10"/>
    </row>
    <row r="1011021" spans="14:14">
      <c r="N1011021" s="10"/>
    </row>
    <row r="1011022" spans="14:14">
      <c r="N1011022" s="10"/>
    </row>
    <row r="1011023" spans="14:14">
      <c r="N1011023" s="10"/>
    </row>
    <row r="1011024" spans="14:14">
      <c r="N1011024" s="10"/>
    </row>
    <row r="1011025" spans="14:14">
      <c r="N1011025" s="10"/>
    </row>
    <row r="1011026" spans="14:14">
      <c r="N1011026" s="10"/>
    </row>
    <row r="1011027" spans="14:14">
      <c r="N1011027" s="10"/>
    </row>
    <row r="1011028" spans="14:14">
      <c r="N1011028" s="10"/>
    </row>
    <row r="1011029" spans="14:14">
      <c r="N1011029" s="10"/>
    </row>
    <row r="1011030" spans="14:14">
      <c r="N1011030" s="10"/>
    </row>
    <row r="1011031" spans="14:14">
      <c r="N1011031" s="10"/>
    </row>
    <row r="1011032" spans="14:14">
      <c r="N1011032" s="10"/>
    </row>
    <row r="1011033" spans="14:14">
      <c r="N1011033" s="10"/>
    </row>
    <row r="1011034" spans="14:14">
      <c r="N1011034" s="10"/>
    </row>
    <row r="1011035" spans="14:14">
      <c r="N1011035" s="10"/>
    </row>
    <row r="1011036" spans="14:14">
      <c r="N1011036" s="10"/>
    </row>
    <row r="1011037" spans="14:14">
      <c r="N1011037" s="10"/>
    </row>
    <row r="1011038" spans="14:14">
      <c r="N1011038" s="10"/>
    </row>
    <row r="1011039" spans="14:14">
      <c r="N1011039" s="10"/>
    </row>
    <row r="1011040" spans="14:14">
      <c r="N1011040" s="10"/>
    </row>
    <row r="1011041" spans="14:14">
      <c r="N1011041" s="10"/>
    </row>
    <row r="1011042" spans="14:14">
      <c r="N1011042" s="10"/>
    </row>
    <row r="1011043" spans="14:14">
      <c r="N1011043" s="10"/>
    </row>
    <row r="1011044" spans="14:14">
      <c r="N1011044" s="10"/>
    </row>
    <row r="1011045" spans="14:14">
      <c r="N1011045" s="10"/>
    </row>
    <row r="1011046" spans="14:14">
      <c r="N1011046" s="10"/>
    </row>
    <row r="1011047" spans="14:14">
      <c r="N1011047" s="10"/>
    </row>
    <row r="1011048" spans="14:14">
      <c r="N1011048" s="10"/>
    </row>
    <row r="1011049" spans="14:14">
      <c r="N1011049" s="10"/>
    </row>
    <row r="1011050" spans="14:14">
      <c r="N1011050" s="10"/>
    </row>
    <row r="1011051" spans="14:14">
      <c r="N1011051" s="10"/>
    </row>
    <row r="1011052" spans="14:14">
      <c r="N1011052" s="10"/>
    </row>
    <row r="1011053" spans="14:14">
      <c r="N1011053" s="10"/>
    </row>
    <row r="1011054" spans="14:14">
      <c r="N1011054" s="10"/>
    </row>
    <row r="1011055" spans="14:14">
      <c r="N1011055" s="10"/>
    </row>
    <row r="1011056" spans="14:14">
      <c r="N1011056" s="10"/>
    </row>
    <row r="1011057" spans="14:14">
      <c r="N1011057" s="10"/>
    </row>
    <row r="1011058" spans="14:14">
      <c r="N1011058" s="10"/>
    </row>
    <row r="1011059" spans="14:14">
      <c r="N1011059" s="10"/>
    </row>
    <row r="1011060" spans="14:14">
      <c r="N1011060" s="10"/>
    </row>
    <row r="1011061" spans="14:14">
      <c r="N1011061" s="10"/>
    </row>
    <row r="1011062" spans="14:14">
      <c r="N1011062" s="10"/>
    </row>
    <row r="1011063" spans="14:14">
      <c r="N1011063" s="10"/>
    </row>
    <row r="1011064" spans="14:14">
      <c r="N1011064" s="10"/>
    </row>
    <row r="1011065" spans="14:14">
      <c r="N1011065" s="10"/>
    </row>
    <row r="1011066" spans="14:14">
      <c r="N1011066" s="10"/>
    </row>
    <row r="1011067" spans="14:14">
      <c r="N1011067" s="10"/>
    </row>
    <row r="1011068" spans="14:14">
      <c r="N1011068" s="10"/>
    </row>
    <row r="1011069" spans="14:14">
      <c r="N1011069" s="10"/>
    </row>
    <row r="1011070" spans="14:14">
      <c r="N1011070" s="10"/>
    </row>
    <row r="1011071" spans="14:14">
      <c r="N1011071" s="10"/>
    </row>
    <row r="1011072" spans="14:14">
      <c r="N1011072" s="10"/>
    </row>
    <row r="1011073" spans="14:14">
      <c r="N1011073" s="10"/>
    </row>
    <row r="1011074" spans="14:14">
      <c r="N1011074" s="10"/>
    </row>
    <row r="1011075" spans="14:14">
      <c r="N1011075" s="10"/>
    </row>
    <row r="1011076" spans="14:14">
      <c r="N1011076" s="10"/>
    </row>
    <row r="1011077" spans="14:14">
      <c r="N1011077" s="10"/>
    </row>
    <row r="1011078" spans="14:14">
      <c r="N1011078" s="10"/>
    </row>
    <row r="1011079" spans="14:14">
      <c r="N1011079" s="10"/>
    </row>
    <row r="1011080" spans="14:14">
      <c r="N1011080" s="10"/>
    </row>
    <row r="1011081" spans="14:14">
      <c r="N1011081" s="10"/>
    </row>
    <row r="1011082" spans="14:14">
      <c r="N1011082" s="10"/>
    </row>
    <row r="1011083" spans="14:14">
      <c r="N1011083" s="10"/>
    </row>
    <row r="1011084" spans="14:14">
      <c r="N1011084" s="10"/>
    </row>
    <row r="1011085" spans="14:14">
      <c r="N1011085" s="10"/>
    </row>
    <row r="1011086" spans="14:14">
      <c r="N1011086" s="10"/>
    </row>
    <row r="1011087" spans="14:14">
      <c r="N1011087" s="10"/>
    </row>
    <row r="1011088" spans="14:14">
      <c r="N1011088" s="10"/>
    </row>
    <row r="1011089" spans="14:14">
      <c r="N1011089" s="10"/>
    </row>
    <row r="1011090" spans="14:14">
      <c r="N1011090" s="10"/>
    </row>
    <row r="1011091" spans="14:14">
      <c r="N1011091" s="10"/>
    </row>
    <row r="1011092" spans="14:14">
      <c r="N1011092" s="10"/>
    </row>
    <row r="1011093" spans="14:14">
      <c r="N1011093" s="10"/>
    </row>
    <row r="1011094" spans="14:14">
      <c r="N1011094" s="10"/>
    </row>
    <row r="1011095" spans="14:14">
      <c r="N1011095" s="10"/>
    </row>
    <row r="1011096" spans="14:14">
      <c r="N1011096" s="10"/>
    </row>
    <row r="1011097" spans="14:14">
      <c r="N1011097" s="10"/>
    </row>
    <row r="1011098" spans="14:14">
      <c r="N1011098" s="10"/>
    </row>
    <row r="1011099" spans="14:14">
      <c r="N1011099" s="10"/>
    </row>
    <row r="1011100" spans="14:14">
      <c r="N1011100" s="10"/>
    </row>
    <row r="1011101" spans="14:14">
      <c r="N1011101" s="10"/>
    </row>
    <row r="1011102" spans="14:14">
      <c r="N1011102" s="10"/>
    </row>
    <row r="1011103" spans="14:14">
      <c r="N1011103" s="10"/>
    </row>
    <row r="1011104" spans="14:14">
      <c r="N1011104" s="10"/>
    </row>
    <row r="1011105" spans="14:14">
      <c r="N1011105" s="10"/>
    </row>
    <row r="1011106" spans="14:14">
      <c r="N1011106" s="10"/>
    </row>
    <row r="1011107" spans="14:14">
      <c r="N1011107" s="10"/>
    </row>
    <row r="1011108" spans="14:14">
      <c r="N1011108" s="10"/>
    </row>
    <row r="1011109" spans="14:14">
      <c r="N1011109" s="10"/>
    </row>
    <row r="1011110" spans="14:14">
      <c r="N1011110" s="10"/>
    </row>
    <row r="1011111" spans="14:14">
      <c r="N1011111" s="10"/>
    </row>
    <row r="1011112" spans="14:14">
      <c r="N1011112" s="10"/>
    </row>
    <row r="1011113" spans="14:14">
      <c r="N1011113" s="10"/>
    </row>
    <row r="1011114" spans="14:14">
      <c r="N1011114" s="10"/>
    </row>
    <row r="1011115" spans="14:14">
      <c r="N1011115" s="10"/>
    </row>
    <row r="1011116" spans="14:14">
      <c r="N1011116" s="10"/>
    </row>
    <row r="1011117" spans="14:14">
      <c r="N1011117" s="10"/>
    </row>
    <row r="1011118" spans="14:14">
      <c r="N1011118" s="10"/>
    </row>
    <row r="1011119" spans="14:14">
      <c r="N1011119" s="10"/>
    </row>
    <row r="1011120" spans="14:14">
      <c r="N1011120" s="10"/>
    </row>
    <row r="1011121" spans="14:14">
      <c r="N1011121" s="10"/>
    </row>
    <row r="1011122" spans="14:14">
      <c r="N1011122" s="10"/>
    </row>
    <row r="1011123" spans="14:14">
      <c r="N1011123" s="10"/>
    </row>
    <row r="1011124" spans="14:14">
      <c r="N1011124" s="10"/>
    </row>
    <row r="1011125" spans="14:14">
      <c r="N1011125" s="10"/>
    </row>
    <row r="1011126" spans="14:14">
      <c r="N1011126" s="10"/>
    </row>
    <row r="1011127" spans="14:14">
      <c r="N1011127" s="10"/>
    </row>
    <row r="1011128" spans="14:14">
      <c r="N1011128" s="10"/>
    </row>
    <row r="1011129" spans="14:14">
      <c r="N1011129" s="10"/>
    </row>
    <row r="1011130" spans="14:14">
      <c r="N1011130" s="10"/>
    </row>
    <row r="1011131" spans="14:14">
      <c r="N1011131" s="10"/>
    </row>
    <row r="1011132" spans="14:14">
      <c r="N1011132" s="10"/>
    </row>
    <row r="1011133" spans="14:14">
      <c r="N1011133" s="10"/>
    </row>
    <row r="1011134" spans="14:14">
      <c r="N1011134" s="10"/>
    </row>
    <row r="1011135" spans="14:14">
      <c r="N1011135" s="10"/>
    </row>
    <row r="1011136" spans="14:14">
      <c r="N1011136" s="10"/>
    </row>
    <row r="1011137" spans="14:14">
      <c r="N1011137" s="10"/>
    </row>
    <row r="1011138" spans="14:14">
      <c r="N1011138" s="10"/>
    </row>
    <row r="1011139" spans="14:14">
      <c r="N1011139" s="10"/>
    </row>
    <row r="1011140" spans="14:14">
      <c r="N1011140" s="10"/>
    </row>
    <row r="1011141" spans="14:14">
      <c r="N1011141" s="10"/>
    </row>
    <row r="1011142" spans="14:14">
      <c r="N1011142" s="10"/>
    </row>
    <row r="1011143" spans="14:14">
      <c r="N1011143" s="10"/>
    </row>
    <row r="1011144" spans="14:14">
      <c r="N1011144" s="10"/>
    </row>
    <row r="1011145" spans="14:14">
      <c r="N1011145" s="10"/>
    </row>
    <row r="1011146" spans="14:14">
      <c r="N1011146" s="10"/>
    </row>
    <row r="1011147" spans="14:14">
      <c r="N1011147" s="10"/>
    </row>
    <row r="1011148" spans="14:14">
      <c r="N1011148" s="10"/>
    </row>
    <row r="1011149" spans="14:14">
      <c r="N1011149" s="10"/>
    </row>
    <row r="1011150" spans="14:14">
      <c r="N1011150" s="10"/>
    </row>
    <row r="1011151" spans="14:14">
      <c r="N1011151" s="10"/>
    </row>
    <row r="1011152" spans="14:14">
      <c r="N1011152" s="10"/>
    </row>
    <row r="1011153" spans="14:14">
      <c r="N1011153" s="10"/>
    </row>
    <row r="1011154" spans="14:14">
      <c r="N1011154" s="10"/>
    </row>
    <row r="1011155" spans="14:14">
      <c r="N1011155" s="10"/>
    </row>
    <row r="1011156" spans="14:14">
      <c r="N1011156" s="10"/>
    </row>
    <row r="1011157" spans="14:14">
      <c r="N1011157" s="10"/>
    </row>
    <row r="1011158" spans="14:14">
      <c r="N1011158" s="10"/>
    </row>
    <row r="1011159" spans="14:14">
      <c r="N1011159" s="10"/>
    </row>
    <row r="1011160" spans="14:14">
      <c r="N1011160" s="10"/>
    </row>
    <row r="1011161" spans="14:14">
      <c r="N1011161" s="10"/>
    </row>
    <row r="1011162" spans="14:14">
      <c r="N1011162" s="10"/>
    </row>
    <row r="1011163" spans="14:14">
      <c r="N1011163" s="10"/>
    </row>
    <row r="1011164" spans="14:14">
      <c r="N1011164" s="10"/>
    </row>
    <row r="1011165" spans="14:14">
      <c r="N1011165" s="10"/>
    </row>
    <row r="1011166" spans="14:14">
      <c r="N1011166" s="10"/>
    </row>
    <row r="1011167" spans="14:14">
      <c r="N1011167" s="10"/>
    </row>
    <row r="1011168" spans="14:14">
      <c r="N1011168" s="10"/>
    </row>
    <row r="1011169" spans="14:14">
      <c r="N1011169" s="10"/>
    </row>
    <row r="1011170" spans="14:14">
      <c r="N1011170" s="10"/>
    </row>
    <row r="1011171" spans="14:14">
      <c r="N1011171" s="10"/>
    </row>
    <row r="1011172" spans="14:14">
      <c r="N1011172" s="10"/>
    </row>
    <row r="1011173" spans="14:14">
      <c r="N1011173" s="10"/>
    </row>
    <row r="1011174" spans="14:14">
      <c r="N1011174" s="10"/>
    </row>
    <row r="1011175" spans="14:14">
      <c r="N1011175" s="10"/>
    </row>
    <row r="1011176" spans="14:14">
      <c r="N1011176" s="10"/>
    </row>
    <row r="1011177" spans="14:14">
      <c r="N1011177" s="10"/>
    </row>
    <row r="1011178" spans="14:14">
      <c r="N1011178" s="10"/>
    </row>
    <row r="1011179" spans="14:14">
      <c r="N1011179" s="10"/>
    </row>
    <row r="1011180" spans="14:14">
      <c r="N1011180" s="10"/>
    </row>
    <row r="1011181" spans="14:14">
      <c r="N1011181" s="10"/>
    </row>
    <row r="1011182" spans="14:14">
      <c r="N1011182" s="10"/>
    </row>
    <row r="1011183" spans="14:14">
      <c r="N1011183" s="10"/>
    </row>
    <row r="1011184" spans="14:14">
      <c r="N1011184" s="10"/>
    </row>
    <row r="1011185" spans="14:14">
      <c r="N1011185" s="10"/>
    </row>
    <row r="1011186" spans="14:14">
      <c r="N1011186" s="10"/>
    </row>
    <row r="1011187" spans="14:14">
      <c r="N1011187" s="10"/>
    </row>
    <row r="1011188" spans="14:14">
      <c r="N1011188" s="10"/>
    </row>
    <row r="1011189" spans="14:14">
      <c r="N1011189" s="10"/>
    </row>
    <row r="1011190" spans="14:14">
      <c r="N1011190" s="10"/>
    </row>
    <row r="1011191" spans="14:14">
      <c r="N1011191" s="10"/>
    </row>
    <row r="1011192" spans="14:14">
      <c r="N1011192" s="10"/>
    </row>
    <row r="1011193" spans="14:14">
      <c r="N1011193" s="10"/>
    </row>
    <row r="1011194" spans="14:14">
      <c r="N1011194" s="10"/>
    </row>
    <row r="1011195" spans="14:14">
      <c r="N1011195" s="10"/>
    </row>
    <row r="1011196" spans="14:14">
      <c r="N1011196" s="10"/>
    </row>
    <row r="1011197" spans="14:14">
      <c r="N1011197" s="10"/>
    </row>
    <row r="1011198" spans="14:14">
      <c r="N1011198" s="10"/>
    </row>
    <row r="1011199" spans="14:14">
      <c r="N1011199" s="10"/>
    </row>
    <row r="1011200" spans="14:14">
      <c r="N1011200" s="10"/>
    </row>
    <row r="1011201" spans="14:14">
      <c r="N1011201" s="10"/>
    </row>
    <row r="1011202" spans="14:14">
      <c r="N1011202" s="10"/>
    </row>
    <row r="1011203" spans="14:14">
      <c r="N1011203" s="10"/>
    </row>
    <row r="1011204" spans="14:14">
      <c r="N1011204" s="10"/>
    </row>
    <row r="1011205" spans="14:14">
      <c r="N1011205" s="10"/>
    </row>
    <row r="1011206" spans="14:14">
      <c r="N1011206" s="10"/>
    </row>
    <row r="1011207" spans="14:14">
      <c r="N1011207" s="10"/>
    </row>
    <row r="1011208" spans="14:14">
      <c r="N1011208" s="10"/>
    </row>
    <row r="1011209" spans="14:14">
      <c r="N1011209" s="10"/>
    </row>
    <row r="1011210" spans="14:14">
      <c r="N1011210" s="10"/>
    </row>
    <row r="1011211" spans="14:14">
      <c r="N1011211" s="10"/>
    </row>
    <row r="1011212" spans="14:14">
      <c r="N1011212" s="10"/>
    </row>
    <row r="1011213" spans="14:14">
      <c r="N1011213" s="10"/>
    </row>
    <row r="1011214" spans="14:14">
      <c r="N1011214" s="10"/>
    </row>
    <row r="1011215" spans="14:14">
      <c r="N1011215" s="10"/>
    </row>
    <row r="1011216" spans="14:14">
      <c r="N1011216" s="10"/>
    </row>
    <row r="1011217" spans="14:14">
      <c r="N1011217" s="10"/>
    </row>
    <row r="1011218" spans="14:14">
      <c r="N1011218" s="10"/>
    </row>
    <row r="1011219" spans="14:14">
      <c r="N1011219" s="10"/>
    </row>
    <row r="1011220" spans="14:14">
      <c r="N1011220" s="10"/>
    </row>
    <row r="1011221" spans="14:14">
      <c r="N1011221" s="10"/>
    </row>
    <row r="1011222" spans="14:14">
      <c r="N1011222" s="10"/>
    </row>
    <row r="1011223" spans="14:14">
      <c r="N1011223" s="10"/>
    </row>
    <row r="1011224" spans="14:14">
      <c r="N1011224" s="10"/>
    </row>
    <row r="1011225" spans="14:14">
      <c r="N1011225" s="10"/>
    </row>
    <row r="1011226" spans="14:14">
      <c r="N1011226" s="10"/>
    </row>
    <row r="1011227" spans="14:14">
      <c r="N1011227" s="10"/>
    </row>
    <row r="1011228" spans="14:14">
      <c r="N1011228" s="10"/>
    </row>
    <row r="1011229" spans="14:14">
      <c r="N1011229" s="10"/>
    </row>
    <row r="1011230" spans="14:14">
      <c r="N1011230" s="10"/>
    </row>
    <row r="1011231" spans="14:14">
      <c r="N1011231" s="10"/>
    </row>
    <row r="1011232" spans="14:14">
      <c r="N1011232" s="10"/>
    </row>
    <row r="1011233" spans="14:14">
      <c r="N1011233" s="10"/>
    </row>
    <row r="1011234" spans="14:14">
      <c r="N1011234" s="10"/>
    </row>
    <row r="1011235" spans="14:14">
      <c r="N1011235" s="10"/>
    </row>
    <row r="1011236" spans="14:14">
      <c r="N1011236" s="10"/>
    </row>
    <row r="1011237" spans="14:14">
      <c r="N1011237" s="10"/>
    </row>
    <row r="1011238" spans="14:14">
      <c r="N1011238" s="10"/>
    </row>
    <row r="1011239" spans="14:14">
      <c r="N1011239" s="10"/>
    </row>
    <row r="1011240" spans="14:14">
      <c r="N1011240" s="10"/>
    </row>
    <row r="1011241" spans="14:14">
      <c r="N1011241" s="10"/>
    </row>
    <row r="1011242" spans="14:14">
      <c r="N1011242" s="10"/>
    </row>
    <row r="1011243" spans="14:14">
      <c r="N1011243" s="10"/>
    </row>
    <row r="1011244" spans="14:14">
      <c r="N1011244" s="10"/>
    </row>
    <row r="1011245" spans="14:14">
      <c r="N1011245" s="10"/>
    </row>
    <row r="1011246" spans="14:14">
      <c r="N1011246" s="10"/>
    </row>
    <row r="1011247" spans="14:14">
      <c r="N1011247" s="10"/>
    </row>
    <row r="1011248" spans="14:14">
      <c r="N1011248" s="10"/>
    </row>
    <row r="1011249" spans="14:14">
      <c r="N1011249" s="10"/>
    </row>
    <row r="1011250" spans="14:14">
      <c r="N1011250" s="10"/>
    </row>
    <row r="1011251" spans="14:14">
      <c r="N1011251" s="10"/>
    </row>
    <row r="1011252" spans="14:14">
      <c r="N1011252" s="10"/>
    </row>
    <row r="1011253" spans="14:14">
      <c r="N1011253" s="10"/>
    </row>
    <row r="1011254" spans="14:14">
      <c r="N1011254" s="10"/>
    </row>
    <row r="1011255" spans="14:14">
      <c r="N1011255" s="10"/>
    </row>
    <row r="1011256" spans="14:14">
      <c r="N1011256" s="10"/>
    </row>
    <row r="1011257" spans="14:14">
      <c r="N1011257" s="10"/>
    </row>
    <row r="1011258" spans="14:14">
      <c r="N1011258" s="10"/>
    </row>
    <row r="1011259" spans="14:14">
      <c r="N1011259" s="10"/>
    </row>
    <row r="1011260" spans="14:14">
      <c r="N1011260" s="10"/>
    </row>
    <row r="1011261" spans="14:14">
      <c r="N1011261" s="10"/>
    </row>
    <row r="1011262" spans="14:14">
      <c r="N1011262" s="10"/>
    </row>
    <row r="1011263" spans="14:14">
      <c r="N1011263" s="10"/>
    </row>
    <row r="1011264" spans="14:14">
      <c r="N1011264" s="10"/>
    </row>
    <row r="1011265" spans="14:14">
      <c r="N1011265" s="10"/>
    </row>
    <row r="1011266" spans="14:14">
      <c r="N1011266" s="10"/>
    </row>
    <row r="1011267" spans="14:14">
      <c r="N1011267" s="10"/>
    </row>
    <row r="1011268" spans="14:14">
      <c r="N1011268" s="10"/>
    </row>
    <row r="1011269" spans="14:14">
      <c r="N1011269" s="10"/>
    </row>
    <row r="1011270" spans="14:14">
      <c r="N1011270" s="10"/>
    </row>
    <row r="1011271" spans="14:14">
      <c r="N1011271" s="10"/>
    </row>
    <row r="1011272" spans="14:14">
      <c r="N1011272" s="10"/>
    </row>
    <row r="1011273" spans="14:14">
      <c r="N1011273" s="10"/>
    </row>
    <row r="1011274" spans="14:14">
      <c r="N1011274" s="10"/>
    </row>
    <row r="1011275" spans="14:14">
      <c r="N1011275" s="10"/>
    </row>
    <row r="1011276" spans="14:14">
      <c r="N1011276" s="10"/>
    </row>
    <row r="1011277" spans="14:14">
      <c r="N1011277" s="10"/>
    </row>
    <row r="1011278" spans="14:14">
      <c r="N1011278" s="10"/>
    </row>
    <row r="1011279" spans="14:14">
      <c r="N1011279" s="10"/>
    </row>
    <row r="1011280" spans="14:14">
      <c r="N1011280" s="10"/>
    </row>
    <row r="1011281" spans="14:14">
      <c r="N1011281" s="10"/>
    </row>
    <row r="1011282" spans="14:14">
      <c r="N1011282" s="10"/>
    </row>
    <row r="1011283" spans="14:14">
      <c r="N1011283" s="10"/>
    </row>
    <row r="1011284" spans="14:14">
      <c r="N1011284" s="10"/>
    </row>
    <row r="1011285" spans="14:14">
      <c r="N1011285" s="10"/>
    </row>
    <row r="1011286" spans="14:14">
      <c r="N1011286" s="10"/>
    </row>
    <row r="1011287" spans="14:14">
      <c r="N1011287" s="10"/>
    </row>
    <row r="1011288" spans="14:14">
      <c r="N1011288" s="10"/>
    </row>
    <row r="1011289" spans="14:14">
      <c r="N1011289" s="10"/>
    </row>
    <row r="1011290" spans="14:14">
      <c r="N1011290" s="10"/>
    </row>
    <row r="1011291" spans="14:14">
      <c r="N1011291" s="10"/>
    </row>
    <row r="1011292" spans="14:14">
      <c r="N1011292" s="10"/>
    </row>
    <row r="1011293" spans="14:14">
      <c r="N1011293" s="10"/>
    </row>
    <row r="1011294" spans="14:14">
      <c r="N1011294" s="10"/>
    </row>
    <row r="1011295" spans="14:14">
      <c r="N1011295" s="10"/>
    </row>
    <row r="1011296" spans="14:14">
      <c r="N1011296" s="10"/>
    </row>
    <row r="1011297" spans="14:14">
      <c r="N1011297" s="10"/>
    </row>
    <row r="1011298" spans="14:14">
      <c r="N1011298" s="10"/>
    </row>
    <row r="1011299" spans="14:14">
      <c r="N1011299" s="10"/>
    </row>
    <row r="1011300" spans="14:14">
      <c r="N1011300" s="10"/>
    </row>
    <row r="1011301" spans="14:14">
      <c r="N1011301" s="10"/>
    </row>
    <row r="1011302" spans="14:14">
      <c r="N1011302" s="10"/>
    </row>
    <row r="1011303" spans="14:14">
      <c r="N1011303" s="10"/>
    </row>
    <row r="1011304" spans="14:14">
      <c r="N1011304" s="10"/>
    </row>
    <row r="1011305" spans="14:14">
      <c r="N1011305" s="10"/>
    </row>
    <row r="1011306" spans="14:14">
      <c r="N1011306" s="10"/>
    </row>
    <row r="1011307" spans="14:14">
      <c r="N1011307" s="10"/>
    </row>
    <row r="1011308" spans="14:14">
      <c r="N1011308" s="10"/>
    </row>
    <row r="1011309" spans="14:14">
      <c r="N1011309" s="10"/>
    </row>
    <row r="1011310" spans="14:14">
      <c r="N1011310" s="10"/>
    </row>
    <row r="1011311" spans="14:14">
      <c r="N1011311" s="10"/>
    </row>
    <row r="1011312" spans="14:14">
      <c r="N1011312" s="10"/>
    </row>
    <row r="1011313" spans="14:14">
      <c r="N1011313" s="10"/>
    </row>
    <row r="1011314" spans="14:14">
      <c r="N1011314" s="10"/>
    </row>
    <row r="1011315" spans="14:14">
      <c r="N1011315" s="10"/>
    </row>
    <row r="1011316" spans="14:14">
      <c r="N1011316" s="10"/>
    </row>
    <row r="1011317" spans="14:14">
      <c r="N1011317" s="10"/>
    </row>
    <row r="1011318" spans="14:14">
      <c r="N1011318" s="10"/>
    </row>
    <row r="1011319" spans="14:14">
      <c r="N1011319" s="10"/>
    </row>
    <row r="1011320" spans="14:14">
      <c r="N1011320" s="10"/>
    </row>
    <row r="1011321" spans="14:14">
      <c r="N1011321" s="10"/>
    </row>
    <row r="1011322" spans="14:14">
      <c r="N1011322" s="10"/>
    </row>
    <row r="1011323" spans="14:14">
      <c r="N1011323" s="10"/>
    </row>
    <row r="1011324" spans="14:14">
      <c r="N1011324" s="10"/>
    </row>
    <row r="1011325" spans="14:14">
      <c r="N1011325" s="10"/>
    </row>
    <row r="1011326" spans="14:14">
      <c r="N1011326" s="10"/>
    </row>
    <row r="1011327" spans="14:14">
      <c r="N1011327" s="10"/>
    </row>
    <row r="1011328" spans="14:14">
      <c r="N1011328" s="10"/>
    </row>
    <row r="1011329" spans="14:14">
      <c r="N1011329" s="10"/>
    </row>
    <row r="1011330" spans="14:14">
      <c r="N1011330" s="10"/>
    </row>
    <row r="1011331" spans="14:14">
      <c r="N1011331" s="10"/>
    </row>
    <row r="1011332" spans="14:14">
      <c r="N1011332" s="10"/>
    </row>
    <row r="1011333" spans="14:14">
      <c r="N1011333" s="10"/>
    </row>
    <row r="1011334" spans="14:14">
      <c r="N1011334" s="10"/>
    </row>
    <row r="1011335" spans="14:14">
      <c r="N1011335" s="10"/>
    </row>
    <row r="1011336" spans="14:14">
      <c r="N1011336" s="10"/>
    </row>
    <row r="1011337" spans="14:14">
      <c r="N1011337" s="10"/>
    </row>
    <row r="1011338" spans="14:14">
      <c r="N1011338" s="10"/>
    </row>
    <row r="1011339" spans="14:14">
      <c r="N1011339" s="10"/>
    </row>
    <row r="1011340" spans="14:14">
      <c r="N1011340" s="10"/>
    </row>
    <row r="1011341" spans="14:14">
      <c r="N1011341" s="10"/>
    </row>
    <row r="1011342" spans="14:14">
      <c r="N1011342" s="10"/>
    </row>
    <row r="1011343" spans="14:14">
      <c r="N1011343" s="10"/>
    </row>
    <row r="1011344" spans="14:14">
      <c r="N1011344" s="10"/>
    </row>
    <row r="1011345" spans="14:14">
      <c r="N1011345" s="10"/>
    </row>
    <row r="1011346" spans="14:14">
      <c r="N1011346" s="10"/>
    </row>
    <row r="1011347" spans="14:14">
      <c r="N1011347" s="10"/>
    </row>
    <row r="1011348" spans="14:14">
      <c r="N1011348" s="10"/>
    </row>
    <row r="1011349" spans="14:14">
      <c r="N1011349" s="10"/>
    </row>
    <row r="1011350" spans="14:14">
      <c r="N1011350" s="10"/>
    </row>
    <row r="1011351" spans="14:14">
      <c r="N1011351" s="10"/>
    </row>
    <row r="1011352" spans="14:14">
      <c r="N1011352" s="10"/>
    </row>
    <row r="1011353" spans="14:14">
      <c r="N1011353" s="10"/>
    </row>
    <row r="1011354" spans="14:14">
      <c r="N1011354" s="10"/>
    </row>
    <row r="1011355" spans="14:14">
      <c r="N1011355" s="10"/>
    </row>
    <row r="1011356" spans="14:14">
      <c r="N1011356" s="10"/>
    </row>
    <row r="1011357" spans="14:14">
      <c r="N1011357" s="10"/>
    </row>
    <row r="1011358" spans="14:14">
      <c r="N1011358" s="10"/>
    </row>
    <row r="1011359" spans="14:14">
      <c r="N1011359" s="10"/>
    </row>
    <row r="1011360" spans="14:14">
      <c r="N1011360" s="10"/>
    </row>
    <row r="1011361" spans="14:14">
      <c r="N1011361" s="10"/>
    </row>
    <row r="1011362" spans="14:14">
      <c r="N1011362" s="10"/>
    </row>
    <row r="1011363" spans="14:14">
      <c r="N1011363" s="10"/>
    </row>
    <row r="1011364" spans="14:14">
      <c r="N1011364" s="10"/>
    </row>
    <row r="1011365" spans="14:14">
      <c r="N1011365" s="10"/>
    </row>
    <row r="1011366" spans="14:14">
      <c r="N1011366" s="10"/>
    </row>
    <row r="1011367" spans="14:14">
      <c r="N1011367" s="10"/>
    </row>
    <row r="1011368" spans="14:14">
      <c r="N1011368" s="10"/>
    </row>
    <row r="1011369" spans="14:14">
      <c r="N1011369" s="10"/>
    </row>
    <row r="1011370" spans="14:14">
      <c r="N1011370" s="10"/>
    </row>
    <row r="1011371" spans="14:14">
      <c r="N1011371" s="10"/>
    </row>
    <row r="1011372" spans="14:14">
      <c r="N1011372" s="10"/>
    </row>
    <row r="1011373" spans="14:14">
      <c r="N1011373" s="10"/>
    </row>
    <row r="1011374" spans="14:14">
      <c r="N1011374" s="10"/>
    </row>
    <row r="1011375" spans="14:14">
      <c r="N1011375" s="10"/>
    </row>
    <row r="1011376" spans="14:14">
      <c r="N1011376" s="10"/>
    </row>
    <row r="1011377" spans="14:14">
      <c r="N1011377" s="10"/>
    </row>
    <row r="1011378" spans="14:14">
      <c r="N1011378" s="10"/>
    </row>
    <row r="1011379" spans="14:14">
      <c r="N1011379" s="10"/>
    </row>
    <row r="1011380" spans="14:14">
      <c r="N1011380" s="10"/>
    </row>
    <row r="1011381" spans="14:14">
      <c r="N1011381" s="10"/>
    </row>
    <row r="1011382" spans="14:14">
      <c r="N1011382" s="10"/>
    </row>
    <row r="1011383" spans="14:14">
      <c r="N1011383" s="10"/>
    </row>
    <row r="1011384" spans="14:14">
      <c r="N1011384" s="10"/>
    </row>
    <row r="1011385" spans="14:14">
      <c r="N1011385" s="10"/>
    </row>
    <row r="1011386" spans="14:14">
      <c r="N1011386" s="10"/>
    </row>
    <row r="1011387" spans="14:14">
      <c r="N1011387" s="10"/>
    </row>
    <row r="1011388" spans="14:14">
      <c r="N1011388" s="10"/>
    </row>
    <row r="1011389" spans="14:14">
      <c r="N1011389" s="10"/>
    </row>
    <row r="1011390" spans="14:14">
      <c r="N1011390" s="10"/>
    </row>
    <row r="1011391" spans="14:14">
      <c r="N1011391" s="10"/>
    </row>
    <row r="1011392" spans="14:14">
      <c r="N1011392" s="10"/>
    </row>
    <row r="1011393" spans="14:14">
      <c r="N1011393" s="10"/>
    </row>
    <row r="1011394" spans="14:14">
      <c r="N1011394" s="10"/>
    </row>
    <row r="1011395" spans="14:14">
      <c r="N1011395" s="10"/>
    </row>
    <row r="1011396" spans="14:14">
      <c r="N1011396" s="10"/>
    </row>
    <row r="1011397" spans="14:14">
      <c r="N1011397" s="10"/>
    </row>
    <row r="1011398" spans="14:14">
      <c r="N1011398" s="10"/>
    </row>
    <row r="1011399" spans="14:14">
      <c r="N1011399" s="10"/>
    </row>
    <row r="1011400" spans="14:14">
      <c r="N1011400" s="10"/>
    </row>
    <row r="1011401" spans="14:14">
      <c r="N1011401" s="10"/>
    </row>
    <row r="1011402" spans="14:14">
      <c r="N1011402" s="10"/>
    </row>
    <row r="1011403" spans="14:14">
      <c r="N1011403" s="10"/>
    </row>
    <row r="1011404" spans="14:14">
      <c r="N1011404" s="10"/>
    </row>
    <row r="1011405" spans="14:14">
      <c r="N1011405" s="10"/>
    </row>
    <row r="1011406" spans="14:14">
      <c r="N1011406" s="10"/>
    </row>
    <row r="1011407" spans="14:14">
      <c r="N1011407" s="10"/>
    </row>
    <row r="1011408" spans="14:14">
      <c r="N1011408" s="10"/>
    </row>
    <row r="1011409" spans="14:14">
      <c r="N1011409" s="10"/>
    </row>
    <row r="1011410" spans="14:14">
      <c r="N1011410" s="10"/>
    </row>
    <row r="1011411" spans="14:14">
      <c r="N1011411" s="10"/>
    </row>
    <row r="1011412" spans="14:14">
      <c r="N1011412" s="10"/>
    </row>
    <row r="1011413" spans="14:14">
      <c r="N1011413" s="10"/>
    </row>
    <row r="1011414" spans="14:14">
      <c r="N1011414" s="10"/>
    </row>
    <row r="1011415" spans="14:14">
      <c r="N1011415" s="10"/>
    </row>
    <row r="1011416" spans="14:14">
      <c r="N1011416" s="10"/>
    </row>
    <row r="1011417" spans="14:14">
      <c r="N1011417" s="10"/>
    </row>
    <row r="1011418" spans="14:14">
      <c r="N1011418" s="10"/>
    </row>
    <row r="1011419" spans="14:14">
      <c r="N1011419" s="10"/>
    </row>
    <row r="1011420" spans="14:14">
      <c r="N1011420" s="10"/>
    </row>
    <row r="1011421" spans="14:14">
      <c r="N1011421" s="10"/>
    </row>
    <row r="1011422" spans="14:14">
      <c r="N1011422" s="10"/>
    </row>
    <row r="1011423" spans="14:14">
      <c r="N1011423" s="10"/>
    </row>
    <row r="1011424" spans="14:14">
      <c r="N1011424" s="10"/>
    </row>
    <row r="1011425" spans="14:14">
      <c r="N1011425" s="10"/>
    </row>
    <row r="1011426" spans="14:14">
      <c r="N1011426" s="10"/>
    </row>
    <row r="1011427" spans="14:14">
      <c r="N1011427" s="10"/>
    </row>
    <row r="1011428" spans="14:14">
      <c r="N1011428" s="10"/>
    </row>
    <row r="1011429" spans="14:14">
      <c r="N1011429" s="10"/>
    </row>
    <row r="1011430" spans="14:14">
      <c r="N1011430" s="10"/>
    </row>
    <row r="1011431" spans="14:14">
      <c r="N1011431" s="10"/>
    </row>
    <row r="1011432" spans="14:14">
      <c r="N1011432" s="10"/>
    </row>
    <row r="1011433" spans="14:14">
      <c r="N1011433" s="10"/>
    </row>
    <row r="1011434" spans="14:14">
      <c r="N1011434" s="10"/>
    </row>
    <row r="1011435" spans="14:14">
      <c r="N1011435" s="10"/>
    </row>
    <row r="1011436" spans="14:14">
      <c r="N1011436" s="10"/>
    </row>
    <row r="1011437" spans="14:14">
      <c r="N1011437" s="10"/>
    </row>
    <row r="1011438" spans="14:14">
      <c r="N1011438" s="10"/>
    </row>
    <row r="1011439" spans="14:14">
      <c r="N1011439" s="10"/>
    </row>
    <row r="1011440" spans="14:14">
      <c r="N1011440" s="10"/>
    </row>
    <row r="1011441" spans="14:14">
      <c r="N1011441" s="10"/>
    </row>
    <row r="1011442" spans="14:14">
      <c r="N1011442" s="10"/>
    </row>
    <row r="1011443" spans="14:14">
      <c r="N1011443" s="10"/>
    </row>
    <row r="1011444" spans="14:14">
      <c r="N1011444" s="10"/>
    </row>
    <row r="1011445" spans="14:14">
      <c r="N1011445" s="10"/>
    </row>
    <row r="1011446" spans="14:14">
      <c r="N1011446" s="10"/>
    </row>
    <row r="1011447" spans="14:14">
      <c r="N1011447" s="10"/>
    </row>
    <row r="1011448" spans="14:14">
      <c r="N1011448" s="10"/>
    </row>
    <row r="1011449" spans="14:14">
      <c r="N1011449" s="10"/>
    </row>
    <row r="1011450" spans="14:14">
      <c r="N1011450" s="10"/>
    </row>
    <row r="1011451" spans="14:14">
      <c r="N1011451" s="10"/>
    </row>
    <row r="1011452" spans="14:14">
      <c r="N1011452" s="10"/>
    </row>
    <row r="1011453" spans="14:14">
      <c r="N1011453" s="10"/>
    </row>
    <row r="1011454" spans="14:14">
      <c r="N1011454" s="10"/>
    </row>
    <row r="1011455" spans="14:14">
      <c r="N1011455" s="10"/>
    </row>
    <row r="1011456" spans="14:14">
      <c r="N1011456" s="10"/>
    </row>
    <row r="1011457" spans="14:14">
      <c r="N1011457" s="10"/>
    </row>
    <row r="1011458" spans="14:14">
      <c r="N1011458" s="10"/>
    </row>
    <row r="1011459" spans="14:14">
      <c r="N1011459" s="10"/>
    </row>
    <row r="1011460" spans="14:14">
      <c r="N1011460" s="10"/>
    </row>
    <row r="1011461" spans="14:14">
      <c r="N1011461" s="10"/>
    </row>
    <row r="1011462" spans="14:14">
      <c r="N1011462" s="10"/>
    </row>
    <row r="1011463" spans="14:14">
      <c r="N1011463" s="10"/>
    </row>
    <row r="1011464" spans="14:14">
      <c r="N1011464" s="10"/>
    </row>
    <row r="1011465" spans="14:14">
      <c r="N1011465" s="10"/>
    </row>
    <row r="1011466" spans="14:14">
      <c r="N1011466" s="10"/>
    </row>
    <row r="1011467" spans="14:14">
      <c r="N1011467" s="10"/>
    </row>
    <row r="1011468" spans="14:14">
      <c r="N1011468" s="10"/>
    </row>
    <row r="1011469" spans="14:14">
      <c r="N1011469" s="10"/>
    </row>
    <row r="1011470" spans="14:14">
      <c r="N1011470" s="10"/>
    </row>
    <row r="1011471" spans="14:14">
      <c r="N1011471" s="10"/>
    </row>
    <row r="1011472" spans="14:14">
      <c r="N1011472" s="10"/>
    </row>
    <row r="1011473" spans="14:14">
      <c r="N1011473" s="10"/>
    </row>
    <row r="1011474" spans="14:14">
      <c r="N1011474" s="10"/>
    </row>
    <row r="1011475" spans="14:14">
      <c r="N1011475" s="10"/>
    </row>
    <row r="1011476" spans="14:14">
      <c r="N1011476" s="10"/>
    </row>
    <row r="1011477" spans="14:14">
      <c r="N1011477" s="10"/>
    </row>
    <row r="1011478" spans="14:14">
      <c r="N1011478" s="10"/>
    </row>
    <row r="1011479" spans="14:14">
      <c r="N1011479" s="10"/>
    </row>
    <row r="1011480" spans="14:14">
      <c r="N1011480" s="10"/>
    </row>
    <row r="1011481" spans="14:14">
      <c r="N1011481" s="10"/>
    </row>
    <row r="1011482" spans="14:14">
      <c r="N1011482" s="10"/>
    </row>
    <row r="1011483" spans="14:14">
      <c r="N1011483" s="10"/>
    </row>
    <row r="1011484" spans="14:14">
      <c r="N1011484" s="10"/>
    </row>
    <row r="1011485" spans="14:14">
      <c r="N1011485" s="10"/>
    </row>
    <row r="1011486" spans="14:14">
      <c r="N1011486" s="10"/>
    </row>
    <row r="1011487" spans="14:14">
      <c r="N1011487" s="10"/>
    </row>
    <row r="1011488" spans="14:14">
      <c r="N1011488" s="10"/>
    </row>
    <row r="1011489" spans="14:14">
      <c r="N1011489" s="10"/>
    </row>
    <row r="1011490" spans="14:14">
      <c r="N1011490" s="10"/>
    </row>
    <row r="1011491" spans="14:14">
      <c r="N1011491" s="10"/>
    </row>
    <row r="1011492" spans="14:14">
      <c r="N1011492" s="10"/>
    </row>
    <row r="1011493" spans="14:14">
      <c r="N1011493" s="10"/>
    </row>
    <row r="1011494" spans="14:14">
      <c r="N1011494" s="10"/>
    </row>
    <row r="1011495" spans="14:14">
      <c r="N1011495" s="10"/>
    </row>
    <row r="1011496" spans="14:14">
      <c r="N1011496" s="10"/>
    </row>
    <row r="1011497" spans="14:14">
      <c r="N1011497" s="10"/>
    </row>
    <row r="1011498" spans="14:14">
      <c r="N1011498" s="10"/>
    </row>
    <row r="1011499" spans="14:14">
      <c r="N1011499" s="10"/>
    </row>
    <row r="1011500" spans="14:14">
      <c r="N1011500" s="10"/>
    </row>
    <row r="1011501" spans="14:14">
      <c r="N1011501" s="10"/>
    </row>
    <row r="1011502" spans="14:14">
      <c r="N1011502" s="10"/>
    </row>
    <row r="1011503" spans="14:14">
      <c r="N1011503" s="10"/>
    </row>
    <row r="1011504" spans="14:14">
      <c r="N1011504" s="10"/>
    </row>
    <row r="1011505" spans="14:14">
      <c r="N1011505" s="10"/>
    </row>
    <row r="1011506" spans="14:14">
      <c r="N1011506" s="10"/>
    </row>
    <row r="1011507" spans="14:14">
      <c r="N1011507" s="10"/>
    </row>
    <row r="1011508" spans="14:14">
      <c r="N1011508" s="10"/>
    </row>
    <row r="1011509" spans="14:14">
      <c r="N1011509" s="10"/>
    </row>
    <row r="1011510" spans="14:14">
      <c r="N1011510" s="10"/>
    </row>
    <row r="1011511" spans="14:14">
      <c r="N1011511" s="10"/>
    </row>
    <row r="1011512" spans="14:14">
      <c r="N1011512" s="10"/>
    </row>
    <row r="1011513" spans="14:14">
      <c r="N1011513" s="10"/>
    </row>
    <row r="1011514" spans="14:14">
      <c r="N1011514" s="10"/>
    </row>
    <row r="1011515" spans="14:14">
      <c r="N1011515" s="10"/>
    </row>
    <row r="1011516" spans="14:14">
      <c r="N1011516" s="10"/>
    </row>
    <row r="1011517" spans="14:14">
      <c r="N1011517" s="10"/>
    </row>
    <row r="1011518" spans="14:14">
      <c r="N1011518" s="10"/>
    </row>
    <row r="1011519" spans="14:14">
      <c r="N1011519" s="10"/>
    </row>
    <row r="1011520" spans="14:14">
      <c r="N1011520" s="10"/>
    </row>
    <row r="1011521" spans="14:14">
      <c r="N1011521" s="10"/>
    </row>
    <row r="1011522" spans="14:14">
      <c r="N1011522" s="10"/>
    </row>
    <row r="1011523" spans="14:14">
      <c r="N1011523" s="10"/>
    </row>
    <row r="1011524" spans="14:14">
      <c r="N1011524" s="10"/>
    </row>
    <row r="1011525" spans="14:14">
      <c r="N1011525" s="10"/>
    </row>
    <row r="1011526" spans="14:14">
      <c r="N1011526" s="10"/>
    </row>
    <row r="1011527" spans="14:14">
      <c r="N1011527" s="10"/>
    </row>
    <row r="1011528" spans="14:14">
      <c r="N1011528" s="10"/>
    </row>
    <row r="1011529" spans="14:14">
      <c r="N1011529" s="10"/>
    </row>
    <row r="1011530" spans="14:14">
      <c r="N1011530" s="10"/>
    </row>
    <row r="1011531" spans="14:14">
      <c r="N1011531" s="10"/>
    </row>
    <row r="1011532" spans="14:14">
      <c r="N1011532" s="10"/>
    </row>
    <row r="1011533" spans="14:14">
      <c r="N1011533" s="10"/>
    </row>
    <row r="1011534" spans="14:14">
      <c r="N1011534" s="10"/>
    </row>
    <row r="1011535" spans="14:14">
      <c r="N1011535" s="10"/>
    </row>
    <row r="1011536" spans="14:14">
      <c r="N1011536" s="10"/>
    </row>
    <row r="1011537" spans="14:14">
      <c r="N1011537" s="10"/>
    </row>
    <row r="1011538" spans="14:14">
      <c r="N1011538" s="10"/>
    </row>
    <row r="1011539" spans="14:14">
      <c r="N1011539" s="10"/>
    </row>
    <row r="1011540" spans="14:14">
      <c r="N1011540" s="10"/>
    </row>
    <row r="1011541" spans="14:14">
      <c r="N1011541" s="10"/>
    </row>
    <row r="1011542" spans="14:14">
      <c r="N1011542" s="10"/>
    </row>
    <row r="1011543" spans="14:14">
      <c r="N1011543" s="10"/>
    </row>
    <row r="1011544" spans="14:14">
      <c r="N1011544" s="10"/>
    </row>
    <row r="1011545" spans="14:14">
      <c r="N1011545" s="10"/>
    </row>
    <row r="1011546" spans="14:14">
      <c r="N1011546" s="10"/>
    </row>
    <row r="1011547" spans="14:14">
      <c r="N1011547" s="10"/>
    </row>
    <row r="1011548" spans="14:14">
      <c r="N1011548" s="10"/>
    </row>
    <row r="1011549" spans="14:14">
      <c r="N1011549" s="10"/>
    </row>
    <row r="1011550" spans="14:14">
      <c r="N1011550" s="10"/>
    </row>
    <row r="1011551" spans="14:14">
      <c r="N1011551" s="10"/>
    </row>
    <row r="1011552" spans="14:14">
      <c r="N1011552" s="10"/>
    </row>
    <row r="1011553" spans="14:14">
      <c r="N1011553" s="10"/>
    </row>
    <row r="1011554" spans="14:14">
      <c r="N1011554" s="10"/>
    </row>
    <row r="1011555" spans="14:14">
      <c r="N1011555" s="10"/>
    </row>
    <row r="1011556" spans="14:14">
      <c r="N1011556" s="10"/>
    </row>
    <row r="1011557" spans="14:14">
      <c r="N1011557" s="10"/>
    </row>
    <row r="1011558" spans="14:14">
      <c r="N1011558" s="10"/>
    </row>
    <row r="1011559" spans="14:14">
      <c r="N1011559" s="10"/>
    </row>
    <row r="1011560" spans="14:14">
      <c r="N1011560" s="10"/>
    </row>
    <row r="1011561" spans="14:14">
      <c r="N1011561" s="10"/>
    </row>
    <row r="1011562" spans="14:14">
      <c r="N1011562" s="10"/>
    </row>
    <row r="1011563" spans="14:14">
      <c r="N1011563" s="10"/>
    </row>
    <row r="1011564" spans="14:14">
      <c r="N1011564" s="10"/>
    </row>
    <row r="1011565" spans="14:14">
      <c r="N1011565" s="10"/>
    </row>
    <row r="1011566" spans="14:14">
      <c r="N1011566" s="10"/>
    </row>
    <row r="1011567" spans="14:14">
      <c r="N1011567" s="10"/>
    </row>
    <row r="1011568" spans="14:14">
      <c r="N1011568" s="10"/>
    </row>
    <row r="1011569" spans="14:14">
      <c r="N1011569" s="10"/>
    </row>
    <row r="1011570" spans="14:14">
      <c r="N1011570" s="10"/>
    </row>
    <row r="1011571" spans="14:14">
      <c r="N1011571" s="10"/>
    </row>
    <row r="1011572" spans="14:14">
      <c r="N1011572" s="10"/>
    </row>
    <row r="1011573" spans="14:14">
      <c r="N1011573" s="10"/>
    </row>
    <row r="1011574" spans="14:14">
      <c r="N1011574" s="10"/>
    </row>
    <row r="1011575" spans="14:14">
      <c r="N1011575" s="10"/>
    </row>
    <row r="1011576" spans="14:14">
      <c r="N1011576" s="10"/>
    </row>
    <row r="1011577" spans="14:14">
      <c r="N1011577" s="10"/>
    </row>
    <row r="1011578" spans="14:14">
      <c r="N1011578" s="10"/>
    </row>
    <row r="1011579" spans="14:14">
      <c r="N1011579" s="10"/>
    </row>
    <row r="1011580" spans="14:14">
      <c r="N1011580" s="10"/>
    </row>
    <row r="1011581" spans="14:14">
      <c r="N1011581" s="10"/>
    </row>
    <row r="1011582" spans="14:14">
      <c r="N1011582" s="10"/>
    </row>
    <row r="1011583" spans="14:14">
      <c r="N1011583" s="10"/>
    </row>
    <row r="1011584" spans="14:14">
      <c r="N1011584" s="10"/>
    </row>
    <row r="1011585" spans="14:14">
      <c r="N1011585" s="10"/>
    </row>
    <row r="1011586" spans="14:14">
      <c r="N1011586" s="10"/>
    </row>
    <row r="1011587" spans="14:14">
      <c r="N1011587" s="10"/>
    </row>
    <row r="1011588" spans="14:14">
      <c r="N1011588" s="10"/>
    </row>
    <row r="1011589" spans="14:14">
      <c r="N1011589" s="10"/>
    </row>
    <row r="1011590" spans="14:14">
      <c r="N1011590" s="10"/>
    </row>
    <row r="1011591" spans="14:14">
      <c r="N1011591" s="10"/>
    </row>
    <row r="1011592" spans="14:14">
      <c r="N1011592" s="10"/>
    </row>
    <row r="1011593" spans="14:14">
      <c r="N1011593" s="10"/>
    </row>
    <row r="1011594" spans="14:14">
      <c r="N1011594" s="10"/>
    </row>
    <row r="1011595" spans="14:14">
      <c r="N1011595" s="10"/>
    </row>
    <row r="1011596" spans="14:14">
      <c r="N1011596" s="10"/>
    </row>
    <row r="1011597" spans="14:14">
      <c r="N1011597" s="10"/>
    </row>
    <row r="1011598" spans="14:14">
      <c r="N1011598" s="10"/>
    </row>
    <row r="1011599" spans="14:14">
      <c r="N1011599" s="10"/>
    </row>
    <row r="1011600" spans="14:14">
      <c r="N1011600" s="10"/>
    </row>
    <row r="1011601" spans="14:14">
      <c r="N1011601" s="10"/>
    </row>
    <row r="1011602" spans="14:14">
      <c r="N1011602" s="10"/>
    </row>
    <row r="1011603" spans="14:14">
      <c r="N1011603" s="10"/>
    </row>
    <row r="1011604" spans="14:14">
      <c r="N1011604" s="10"/>
    </row>
    <row r="1011605" spans="14:14">
      <c r="N1011605" s="10"/>
    </row>
    <row r="1011606" spans="14:14">
      <c r="N1011606" s="10"/>
    </row>
    <row r="1011607" spans="14:14">
      <c r="N1011607" s="10"/>
    </row>
    <row r="1011608" spans="14:14">
      <c r="N1011608" s="10"/>
    </row>
    <row r="1011609" spans="14:14">
      <c r="N1011609" s="10"/>
    </row>
    <row r="1011610" spans="14:14">
      <c r="N1011610" s="10"/>
    </row>
    <row r="1011611" spans="14:14">
      <c r="N1011611" s="10"/>
    </row>
    <row r="1011612" spans="14:14">
      <c r="N1011612" s="10"/>
    </row>
    <row r="1011613" spans="14:14">
      <c r="N1011613" s="10"/>
    </row>
    <row r="1011614" spans="14:14">
      <c r="N1011614" s="10"/>
    </row>
    <row r="1011615" spans="14:14">
      <c r="N1011615" s="10"/>
    </row>
    <row r="1011616" spans="14:14">
      <c r="N1011616" s="10"/>
    </row>
    <row r="1011617" spans="14:14">
      <c r="N1011617" s="10"/>
    </row>
    <row r="1011618" spans="14:14">
      <c r="N1011618" s="10"/>
    </row>
    <row r="1011619" spans="14:14">
      <c r="N1011619" s="10"/>
    </row>
    <row r="1011620" spans="14:14">
      <c r="N1011620" s="10"/>
    </row>
    <row r="1011621" spans="14:14">
      <c r="N1011621" s="10"/>
    </row>
    <row r="1011622" spans="14:14">
      <c r="N1011622" s="10"/>
    </row>
    <row r="1011623" spans="14:14">
      <c r="N1011623" s="10"/>
    </row>
    <row r="1011624" spans="14:14">
      <c r="N1011624" s="10"/>
    </row>
    <row r="1011625" spans="14:14">
      <c r="N1011625" s="10"/>
    </row>
    <row r="1011626" spans="14:14">
      <c r="N1011626" s="10"/>
    </row>
    <row r="1011627" spans="14:14">
      <c r="N1011627" s="10"/>
    </row>
    <row r="1011628" spans="14:14">
      <c r="N1011628" s="10"/>
    </row>
    <row r="1011629" spans="14:14">
      <c r="N1011629" s="10"/>
    </row>
    <row r="1011630" spans="14:14">
      <c r="N1011630" s="10"/>
    </row>
    <row r="1011631" spans="14:14">
      <c r="N1011631" s="10"/>
    </row>
    <row r="1011632" spans="14:14">
      <c r="N1011632" s="10"/>
    </row>
    <row r="1011633" spans="14:14">
      <c r="N1011633" s="10"/>
    </row>
    <row r="1011634" spans="14:14">
      <c r="N1011634" s="10"/>
    </row>
    <row r="1011635" spans="14:14">
      <c r="N1011635" s="10"/>
    </row>
    <row r="1011636" spans="14:14">
      <c r="N1011636" s="10"/>
    </row>
    <row r="1011637" spans="14:14">
      <c r="N1011637" s="10"/>
    </row>
    <row r="1011638" spans="14:14">
      <c r="N1011638" s="10"/>
    </row>
    <row r="1011639" spans="14:14">
      <c r="N1011639" s="10"/>
    </row>
    <row r="1011640" spans="14:14">
      <c r="N1011640" s="10"/>
    </row>
    <row r="1011641" spans="14:14">
      <c r="N1011641" s="10"/>
    </row>
    <row r="1011642" spans="14:14">
      <c r="N1011642" s="10"/>
    </row>
    <row r="1011643" spans="14:14">
      <c r="N1011643" s="10"/>
    </row>
    <row r="1011644" spans="14:14">
      <c r="N1011644" s="10"/>
    </row>
    <row r="1011645" spans="14:14">
      <c r="N1011645" s="10"/>
    </row>
    <row r="1011646" spans="14:14">
      <c r="N1011646" s="10"/>
    </row>
    <row r="1011647" spans="14:14">
      <c r="N1011647" s="10"/>
    </row>
    <row r="1011648" spans="14:14">
      <c r="N1011648" s="10"/>
    </row>
    <row r="1011649" spans="14:14">
      <c r="N1011649" s="10"/>
    </row>
    <row r="1011650" spans="14:14">
      <c r="N1011650" s="10"/>
    </row>
    <row r="1011651" spans="14:14">
      <c r="N1011651" s="10"/>
    </row>
    <row r="1011652" spans="14:14">
      <c r="N1011652" s="10"/>
    </row>
    <row r="1011653" spans="14:14">
      <c r="N1011653" s="10"/>
    </row>
    <row r="1011654" spans="14:14">
      <c r="N1011654" s="10"/>
    </row>
    <row r="1011655" spans="14:14">
      <c r="N1011655" s="10"/>
    </row>
    <row r="1011656" spans="14:14">
      <c r="N1011656" s="10"/>
    </row>
    <row r="1011657" spans="14:14">
      <c r="N1011657" s="10"/>
    </row>
    <row r="1011658" spans="14:14">
      <c r="N1011658" s="10"/>
    </row>
    <row r="1011659" spans="14:14">
      <c r="N1011659" s="10"/>
    </row>
    <row r="1011660" spans="14:14">
      <c r="N1011660" s="10"/>
    </row>
    <row r="1011661" spans="14:14">
      <c r="N1011661" s="10"/>
    </row>
    <row r="1011662" spans="14:14">
      <c r="N1011662" s="10"/>
    </row>
    <row r="1011663" spans="14:14">
      <c r="N1011663" s="10"/>
    </row>
    <row r="1011664" spans="14:14">
      <c r="N1011664" s="10"/>
    </row>
    <row r="1011665" spans="14:14">
      <c r="N1011665" s="10"/>
    </row>
    <row r="1011666" spans="14:14">
      <c r="N1011666" s="10"/>
    </row>
    <row r="1011667" spans="14:14">
      <c r="N1011667" s="10"/>
    </row>
    <row r="1011668" spans="14:14">
      <c r="N1011668" s="10"/>
    </row>
    <row r="1011669" spans="14:14">
      <c r="N1011669" s="10"/>
    </row>
    <row r="1011670" spans="14:14">
      <c r="N1011670" s="10"/>
    </row>
    <row r="1011671" spans="14:14">
      <c r="N1011671" s="10"/>
    </row>
    <row r="1011672" spans="14:14">
      <c r="N1011672" s="10"/>
    </row>
    <row r="1011673" spans="14:14">
      <c r="N1011673" s="10"/>
    </row>
    <row r="1011674" spans="14:14">
      <c r="N1011674" s="10"/>
    </row>
    <row r="1011675" spans="14:14">
      <c r="N1011675" s="10"/>
    </row>
    <row r="1011676" spans="14:14">
      <c r="N1011676" s="10"/>
    </row>
    <row r="1011677" spans="14:14">
      <c r="N1011677" s="10"/>
    </row>
    <row r="1011678" spans="14:14">
      <c r="N1011678" s="10"/>
    </row>
    <row r="1011679" spans="14:14">
      <c r="N1011679" s="10"/>
    </row>
    <row r="1011680" spans="14:14">
      <c r="N1011680" s="10"/>
    </row>
    <row r="1011681" spans="14:14">
      <c r="N1011681" s="10"/>
    </row>
    <row r="1011682" spans="14:14">
      <c r="N1011682" s="10"/>
    </row>
    <row r="1011683" spans="14:14">
      <c r="N1011683" s="10"/>
    </row>
    <row r="1011684" spans="14:14">
      <c r="N1011684" s="10"/>
    </row>
    <row r="1011685" spans="14:14">
      <c r="N1011685" s="10"/>
    </row>
    <row r="1011686" spans="14:14">
      <c r="N1011686" s="10"/>
    </row>
    <row r="1011687" spans="14:14">
      <c r="N1011687" s="10"/>
    </row>
    <row r="1011688" spans="14:14">
      <c r="N1011688" s="10"/>
    </row>
    <row r="1011689" spans="14:14">
      <c r="N1011689" s="10"/>
    </row>
    <row r="1011690" spans="14:14">
      <c r="N1011690" s="10"/>
    </row>
    <row r="1011691" spans="14:14">
      <c r="N1011691" s="10"/>
    </row>
    <row r="1011692" spans="14:14">
      <c r="N1011692" s="10"/>
    </row>
    <row r="1011693" spans="14:14">
      <c r="N1011693" s="10"/>
    </row>
    <row r="1011694" spans="14:14">
      <c r="N1011694" s="10"/>
    </row>
    <row r="1011695" spans="14:14">
      <c r="N1011695" s="10"/>
    </row>
    <row r="1011696" spans="14:14">
      <c r="N1011696" s="10"/>
    </row>
    <row r="1011697" spans="14:14">
      <c r="N1011697" s="10"/>
    </row>
    <row r="1011698" spans="14:14">
      <c r="N1011698" s="10"/>
    </row>
    <row r="1011699" spans="14:14">
      <c r="N1011699" s="10"/>
    </row>
    <row r="1011700" spans="14:14">
      <c r="N1011700" s="10"/>
    </row>
    <row r="1011701" spans="14:14">
      <c r="N1011701" s="10"/>
    </row>
    <row r="1011702" spans="14:14">
      <c r="N1011702" s="10"/>
    </row>
    <row r="1011703" spans="14:14">
      <c r="N1011703" s="10"/>
    </row>
    <row r="1011704" spans="14:14">
      <c r="N1011704" s="10"/>
    </row>
    <row r="1011705" spans="14:14">
      <c r="N1011705" s="10"/>
    </row>
    <row r="1011706" spans="14:14">
      <c r="N1011706" s="10"/>
    </row>
    <row r="1011707" spans="14:14">
      <c r="N1011707" s="10"/>
    </row>
    <row r="1011708" spans="14:14">
      <c r="N1011708" s="10"/>
    </row>
    <row r="1011709" spans="14:14">
      <c r="N1011709" s="10"/>
    </row>
    <row r="1011710" spans="14:14">
      <c r="N1011710" s="10"/>
    </row>
    <row r="1011711" spans="14:14">
      <c r="N1011711" s="10"/>
    </row>
    <row r="1011712" spans="14:14">
      <c r="N1011712" s="10"/>
    </row>
    <row r="1011713" spans="14:14">
      <c r="N1011713" s="10"/>
    </row>
    <row r="1011714" spans="14:14">
      <c r="N1011714" s="10"/>
    </row>
    <row r="1011715" spans="14:14">
      <c r="N1011715" s="10"/>
    </row>
    <row r="1011716" spans="14:14">
      <c r="N1011716" s="10"/>
    </row>
    <row r="1011717" spans="14:14">
      <c r="N1011717" s="10"/>
    </row>
    <row r="1011718" spans="14:14">
      <c r="N1011718" s="10"/>
    </row>
    <row r="1011719" spans="14:14">
      <c r="N1011719" s="10"/>
    </row>
    <row r="1011720" spans="14:14">
      <c r="N1011720" s="10"/>
    </row>
    <row r="1011721" spans="14:14">
      <c r="N1011721" s="10"/>
    </row>
    <row r="1011722" spans="14:14">
      <c r="N1011722" s="10"/>
    </row>
    <row r="1011723" spans="14:14">
      <c r="N1011723" s="10"/>
    </row>
    <row r="1011724" spans="14:14">
      <c r="N1011724" s="10"/>
    </row>
    <row r="1011725" spans="14:14">
      <c r="N1011725" s="10"/>
    </row>
    <row r="1011726" spans="14:14">
      <c r="N1011726" s="10"/>
    </row>
    <row r="1011727" spans="14:14">
      <c r="N1011727" s="10"/>
    </row>
    <row r="1011728" spans="14:14">
      <c r="N1011728" s="10"/>
    </row>
    <row r="1011729" spans="14:14">
      <c r="N1011729" s="10"/>
    </row>
    <row r="1011730" spans="14:14">
      <c r="N1011730" s="10"/>
    </row>
    <row r="1011731" spans="14:14">
      <c r="N1011731" s="10"/>
    </row>
    <row r="1011732" spans="14:14">
      <c r="N1011732" s="10"/>
    </row>
    <row r="1011733" spans="14:14">
      <c r="N1011733" s="10"/>
    </row>
    <row r="1011734" spans="14:14">
      <c r="N1011734" s="10"/>
    </row>
    <row r="1011735" spans="14:14">
      <c r="N1011735" s="10"/>
    </row>
    <row r="1011736" spans="14:14">
      <c r="N1011736" s="10"/>
    </row>
    <row r="1011737" spans="14:14">
      <c r="N1011737" s="10"/>
    </row>
    <row r="1011738" spans="14:14">
      <c r="N1011738" s="10"/>
    </row>
    <row r="1011739" spans="14:14">
      <c r="N1011739" s="10"/>
    </row>
    <row r="1011740" spans="14:14">
      <c r="N1011740" s="10"/>
    </row>
    <row r="1011741" spans="14:14">
      <c r="N1011741" s="10"/>
    </row>
    <row r="1011742" spans="14:14">
      <c r="N1011742" s="10"/>
    </row>
    <row r="1011743" spans="14:14">
      <c r="N1011743" s="10"/>
    </row>
    <row r="1011744" spans="14:14">
      <c r="N1011744" s="10"/>
    </row>
    <row r="1011745" spans="14:14">
      <c r="N1011745" s="10"/>
    </row>
    <row r="1011746" spans="14:14">
      <c r="N1011746" s="10"/>
    </row>
    <row r="1011747" spans="14:14">
      <c r="N1011747" s="10"/>
    </row>
    <row r="1011748" spans="14:14">
      <c r="N1011748" s="10"/>
    </row>
    <row r="1011749" spans="14:14">
      <c r="N1011749" s="10"/>
    </row>
    <row r="1011750" spans="14:14">
      <c r="N1011750" s="10"/>
    </row>
    <row r="1011751" spans="14:14">
      <c r="N1011751" s="10"/>
    </row>
    <row r="1011752" spans="14:14">
      <c r="N1011752" s="10"/>
    </row>
    <row r="1011753" spans="14:14">
      <c r="N1011753" s="10"/>
    </row>
    <row r="1011754" spans="14:14">
      <c r="N1011754" s="10"/>
    </row>
    <row r="1011755" spans="14:14">
      <c r="N1011755" s="10"/>
    </row>
    <row r="1011756" spans="14:14">
      <c r="N1011756" s="10"/>
    </row>
    <row r="1011757" spans="14:14">
      <c r="N1011757" s="10"/>
    </row>
    <row r="1011758" spans="14:14">
      <c r="N1011758" s="10"/>
    </row>
    <row r="1011759" spans="14:14">
      <c r="N1011759" s="10"/>
    </row>
    <row r="1011760" spans="14:14">
      <c r="N1011760" s="10"/>
    </row>
    <row r="1011761" spans="14:14">
      <c r="N1011761" s="10"/>
    </row>
    <row r="1011762" spans="14:14">
      <c r="N1011762" s="10"/>
    </row>
    <row r="1011763" spans="14:14">
      <c r="N1011763" s="10"/>
    </row>
    <row r="1011764" spans="14:14">
      <c r="N1011764" s="10"/>
    </row>
    <row r="1011765" spans="14:14">
      <c r="N1011765" s="10"/>
    </row>
    <row r="1011766" spans="14:14">
      <c r="N1011766" s="10"/>
    </row>
    <row r="1011767" spans="14:14">
      <c r="N1011767" s="10"/>
    </row>
    <row r="1011768" spans="14:14">
      <c r="N1011768" s="10"/>
    </row>
    <row r="1011769" spans="14:14">
      <c r="N1011769" s="10"/>
    </row>
    <row r="1011770" spans="14:14">
      <c r="N1011770" s="10"/>
    </row>
    <row r="1011771" spans="14:14">
      <c r="N1011771" s="10"/>
    </row>
    <row r="1011772" spans="14:14">
      <c r="N1011772" s="10"/>
    </row>
    <row r="1011773" spans="14:14">
      <c r="N1011773" s="10"/>
    </row>
    <row r="1011774" spans="14:14">
      <c r="N1011774" s="10"/>
    </row>
    <row r="1011775" spans="14:14">
      <c r="N1011775" s="10"/>
    </row>
    <row r="1011776" spans="14:14">
      <c r="N1011776" s="10"/>
    </row>
    <row r="1011777" spans="14:14">
      <c r="N1011777" s="10"/>
    </row>
    <row r="1011778" spans="14:14">
      <c r="N1011778" s="10"/>
    </row>
    <row r="1011779" spans="14:14">
      <c r="N1011779" s="10"/>
    </row>
    <row r="1011780" spans="14:14">
      <c r="N1011780" s="10"/>
    </row>
    <row r="1011781" spans="14:14">
      <c r="N1011781" s="10"/>
    </row>
    <row r="1011782" spans="14:14">
      <c r="N1011782" s="10"/>
    </row>
    <row r="1011783" spans="14:14">
      <c r="N1011783" s="10"/>
    </row>
    <row r="1011784" spans="14:14">
      <c r="N1011784" s="10"/>
    </row>
    <row r="1011785" spans="14:14">
      <c r="N1011785" s="10"/>
    </row>
    <row r="1011786" spans="14:14">
      <c r="N1011786" s="10"/>
    </row>
    <row r="1011787" spans="14:14">
      <c r="N1011787" s="10"/>
    </row>
    <row r="1011788" spans="14:14">
      <c r="N1011788" s="10"/>
    </row>
    <row r="1011789" spans="14:14">
      <c r="N1011789" s="10"/>
    </row>
    <row r="1011790" spans="14:14">
      <c r="N1011790" s="10"/>
    </row>
    <row r="1011791" spans="14:14">
      <c r="N1011791" s="10"/>
    </row>
    <row r="1011792" spans="14:14">
      <c r="N1011792" s="10"/>
    </row>
    <row r="1011793" spans="14:14">
      <c r="N1011793" s="10"/>
    </row>
    <row r="1011794" spans="14:14">
      <c r="N1011794" s="10"/>
    </row>
    <row r="1011795" spans="14:14">
      <c r="N1011795" s="10"/>
    </row>
    <row r="1011796" spans="14:14">
      <c r="N1011796" s="10"/>
    </row>
    <row r="1011797" spans="14:14">
      <c r="N1011797" s="10"/>
    </row>
    <row r="1011798" spans="14:14">
      <c r="N1011798" s="10"/>
    </row>
    <row r="1011799" spans="14:14">
      <c r="N1011799" s="10"/>
    </row>
    <row r="1011800" spans="14:14">
      <c r="N1011800" s="10"/>
    </row>
    <row r="1011801" spans="14:14">
      <c r="N1011801" s="10"/>
    </row>
    <row r="1011802" spans="14:14">
      <c r="N1011802" s="10"/>
    </row>
    <row r="1011803" spans="14:14">
      <c r="N1011803" s="10"/>
    </row>
    <row r="1011804" spans="14:14">
      <c r="N1011804" s="10"/>
    </row>
    <row r="1011805" spans="14:14">
      <c r="N1011805" s="10"/>
    </row>
    <row r="1011806" spans="14:14">
      <c r="N1011806" s="10"/>
    </row>
    <row r="1011807" spans="14:14">
      <c r="N1011807" s="10"/>
    </row>
    <row r="1011808" spans="14:14">
      <c r="N1011808" s="10"/>
    </row>
    <row r="1011809" spans="14:14">
      <c r="N1011809" s="10"/>
    </row>
    <row r="1011810" spans="14:14">
      <c r="N1011810" s="10"/>
    </row>
    <row r="1011811" spans="14:14">
      <c r="N1011811" s="10"/>
    </row>
    <row r="1011812" spans="14:14">
      <c r="N1011812" s="10"/>
    </row>
    <row r="1011813" spans="14:14">
      <c r="N1011813" s="10"/>
    </row>
    <row r="1011814" spans="14:14">
      <c r="N1011814" s="10"/>
    </row>
    <row r="1011815" spans="14:14">
      <c r="N1011815" s="10"/>
    </row>
    <row r="1011816" spans="14:14">
      <c r="N1011816" s="10"/>
    </row>
    <row r="1011817" spans="14:14">
      <c r="N1011817" s="10"/>
    </row>
    <row r="1011818" spans="14:14">
      <c r="N1011818" s="10"/>
    </row>
    <row r="1011819" spans="14:14">
      <c r="N1011819" s="10"/>
    </row>
    <row r="1011820" spans="14:14">
      <c r="N1011820" s="10"/>
    </row>
    <row r="1011821" spans="14:14">
      <c r="N1011821" s="10"/>
    </row>
    <row r="1011822" spans="14:14">
      <c r="N1011822" s="10"/>
    </row>
    <row r="1011823" spans="14:14">
      <c r="N1011823" s="10"/>
    </row>
    <row r="1011824" spans="14:14">
      <c r="N1011824" s="10"/>
    </row>
    <row r="1011825" spans="14:14">
      <c r="N1011825" s="10"/>
    </row>
    <row r="1011826" spans="14:14">
      <c r="N1011826" s="10"/>
    </row>
    <row r="1011827" spans="14:14">
      <c r="N1011827" s="10"/>
    </row>
    <row r="1011828" spans="14:14">
      <c r="N1011828" s="10"/>
    </row>
    <row r="1011829" spans="14:14">
      <c r="N1011829" s="10"/>
    </row>
    <row r="1011830" spans="14:14">
      <c r="N1011830" s="10"/>
    </row>
    <row r="1011831" spans="14:14">
      <c r="N1011831" s="10"/>
    </row>
    <row r="1011832" spans="14:14">
      <c r="N1011832" s="10"/>
    </row>
    <row r="1011833" spans="14:14">
      <c r="N1011833" s="10"/>
    </row>
    <row r="1011834" spans="14:14">
      <c r="N1011834" s="10"/>
    </row>
    <row r="1011835" spans="14:14">
      <c r="N1011835" s="10"/>
    </row>
    <row r="1011836" spans="14:14">
      <c r="N1011836" s="10"/>
    </row>
    <row r="1011837" spans="14:14">
      <c r="N1011837" s="10"/>
    </row>
    <row r="1011838" spans="14:14">
      <c r="N1011838" s="10"/>
    </row>
    <row r="1011839" spans="14:14">
      <c r="N1011839" s="10"/>
    </row>
    <row r="1011840" spans="14:14">
      <c r="N1011840" s="10"/>
    </row>
    <row r="1011841" spans="14:14">
      <c r="N1011841" s="10"/>
    </row>
    <row r="1011842" spans="14:14">
      <c r="N1011842" s="10"/>
    </row>
    <row r="1011843" spans="14:14">
      <c r="N1011843" s="10"/>
    </row>
    <row r="1011844" spans="14:14">
      <c r="N1011844" s="10"/>
    </row>
    <row r="1011845" spans="14:14">
      <c r="N1011845" s="10"/>
    </row>
    <row r="1011846" spans="14:14">
      <c r="N1011846" s="10"/>
    </row>
    <row r="1011847" spans="14:14">
      <c r="N1011847" s="10"/>
    </row>
    <row r="1011848" spans="14:14">
      <c r="N1011848" s="10"/>
    </row>
    <row r="1011849" spans="14:14">
      <c r="N1011849" s="10"/>
    </row>
    <row r="1011850" spans="14:14">
      <c r="N1011850" s="10"/>
    </row>
    <row r="1011851" spans="14:14">
      <c r="N1011851" s="10"/>
    </row>
    <row r="1011852" spans="14:14">
      <c r="N1011852" s="10"/>
    </row>
    <row r="1011853" spans="14:14">
      <c r="N1011853" s="10"/>
    </row>
    <row r="1011854" spans="14:14">
      <c r="N1011854" s="10"/>
    </row>
    <row r="1011855" spans="14:14">
      <c r="N1011855" s="10"/>
    </row>
    <row r="1011856" spans="14:14">
      <c r="N1011856" s="10"/>
    </row>
    <row r="1011857" spans="14:14">
      <c r="N1011857" s="10"/>
    </row>
    <row r="1011858" spans="14:14">
      <c r="N1011858" s="10"/>
    </row>
    <row r="1011859" spans="14:14">
      <c r="N1011859" s="10"/>
    </row>
    <row r="1011860" spans="14:14">
      <c r="N1011860" s="10"/>
    </row>
    <row r="1011861" spans="14:14">
      <c r="N1011861" s="10"/>
    </row>
    <row r="1011862" spans="14:14">
      <c r="N1011862" s="10"/>
    </row>
    <row r="1011863" spans="14:14">
      <c r="N1011863" s="10"/>
    </row>
    <row r="1011864" spans="14:14">
      <c r="N1011864" s="10"/>
    </row>
    <row r="1011865" spans="14:14">
      <c r="N1011865" s="10"/>
    </row>
    <row r="1011866" spans="14:14">
      <c r="N1011866" s="10"/>
    </row>
    <row r="1011867" spans="14:14">
      <c r="N1011867" s="10"/>
    </row>
    <row r="1011868" spans="14:14">
      <c r="N1011868" s="10"/>
    </row>
    <row r="1011869" spans="14:14">
      <c r="N1011869" s="10"/>
    </row>
    <row r="1011870" spans="14:14">
      <c r="N1011870" s="10"/>
    </row>
    <row r="1011871" spans="14:14">
      <c r="N1011871" s="10"/>
    </row>
    <row r="1011872" spans="14:14">
      <c r="N1011872" s="10"/>
    </row>
    <row r="1011873" spans="14:14">
      <c r="N1011873" s="10"/>
    </row>
    <row r="1011874" spans="14:14">
      <c r="N1011874" s="10"/>
    </row>
    <row r="1011875" spans="14:14">
      <c r="N1011875" s="10"/>
    </row>
    <row r="1011876" spans="14:14">
      <c r="N1011876" s="10"/>
    </row>
    <row r="1011877" spans="14:14">
      <c r="N1011877" s="10"/>
    </row>
    <row r="1011878" spans="14:14">
      <c r="N1011878" s="10"/>
    </row>
    <row r="1011879" spans="14:14">
      <c r="N1011879" s="10"/>
    </row>
    <row r="1011880" spans="14:14">
      <c r="N1011880" s="10"/>
    </row>
    <row r="1011881" spans="14:14">
      <c r="N1011881" s="10"/>
    </row>
    <row r="1011882" spans="14:14">
      <c r="N1011882" s="10"/>
    </row>
    <row r="1011883" spans="14:14">
      <c r="N1011883" s="10"/>
    </row>
    <row r="1011884" spans="14:14">
      <c r="N1011884" s="10"/>
    </row>
    <row r="1011885" spans="14:14">
      <c r="N1011885" s="10"/>
    </row>
    <row r="1011886" spans="14:14">
      <c r="N1011886" s="10"/>
    </row>
    <row r="1011887" spans="14:14">
      <c r="N1011887" s="10"/>
    </row>
    <row r="1011888" spans="14:14">
      <c r="N1011888" s="10"/>
    </row>
    <row r="1011889" spans="14:14">
      <c r="N1011889" s="10"/>
    </row>
    <row r="1011890" spans="14:14">
      <c r="N1011890" s="10"/>
    </row>
    <row r="1011891" spans="14:14">
      <c r="N1011891" s="10"/>
    </row>
    <row r="1011892" spans="14:14">
      <c r="N1011892" s="10"/>
    </row>
    <row r="1011893" spans="14:14">
      <c r="N1011893" s="10"/>
    </row>
    <row r="1011894" spans="14:14">
      <c r="N1011894" s="10"/>
    </row>
    <row r="1011895" spans="14:14">
      <c r="N1011895" s="10"/>
    </row>
    <row r="1011896" spans="14:14">
      <c r="N1011896" s="10"/>
    </row>
    <row r="1011897" spans="14:14">
      <c r="N1011897" s="10"/>
    </row>
    <row r="1011898" spans="14:14">
      <c r="N1011898" s="10"/>
    </row>
    <row r="1011899" spans="14:14">
      <c r="N1011899" s="10"/>
    </row>
    <row r="1011900" spans="14:14">
      <c r="N1011900" s="10"/>
    </row>
    <row r="1011901" spans="14:14">
      <c r="N1011901" s="10"/>
    </row>
    <row r="1011902" spans="14:14">
      <c r="N1011902" s="10"/>
    </row>
    <row r="1011903" spans="14:14">
      <c r="N1011903" s="10"/>
    </row>
    <row r="1011904" spans="14:14">
      <c r="N1011904" s="10"/>
    </row>
    <row r="1011905" spans="14:14">
      <c r="N1011905" s="10"/>
    </row>
    <row r="1011906" spans="14:14">
      <c r="N1011906" s="10"/>
    </row>
    <row r="1011907" spans="14:14">
      <c r="N1011907" s="10"/>
    </row>
    <row r="1011908" spans="14:14">
      <c r="N1011908" s="10"/>
    </row>
    <row r="1011909" spans="14:14">
      <c r="N1011909" s="10"/>
    </row>
    <row r="1011910" spans="14:14">
      <c r="N1011910" s="10"/>
    </row>
    <row r="1011911" spans="14:14">
      <c r="N1011911" s="10"/>
    </row>
    <row r="1011912" spans="14:14">
      <c r="N1011912" s="10"/>
    </row>
    <row r="1011913" spans="14:14">
      <c r="N1011913" s="10"/>
    </row>
    <row r="1011914" spans="14:14">
      <c r="N1011914" s="10"/>
    </row>
    <row r="1011915" spans="14:14">
      <c r="N1011915" s="10"/>
    </row>
    <row r="1011916" spans="14:14">
      <c r="N1011916" s="10"/>
    </row>
    <row r="1011917" spans="14:14">
      <c r="N1011917" s="10"/>
    </row>
    <row r="1011918" spans="14:14">
      <c r="N1011918" s="10"/>
    </row>
    <row r="1011919" spans="14:14">
      <c r="N1011919" s="10"/>
    </row>
    <row r="1011920" spans="14:14">
      <c r="N1011920" s="10"/>
    </row>
    <row r="1011921" spans="14:14">
      <c r="N1011921" s="10"/>
    </row>
    <row r="1011922" spans="14:14">
      <c r="N1011922" s="10"/>
    </row>
    <row r="1011923" spans="14:14">
      <c r="N1011923" s="10"/>
    </row>
    <row r="1011924" spans="14:14">
      <c r="N1011924" s="10"/>
    </row>
    <row r="1011925" spans="14:14">
      <c r="N1011925" s="10"/>
    </row>
    <row r="1011926" spans="14:14">
      <c r="N1011926" s="10"/>
    </row>
    <row r="1011927" spans="14:14">
      <c r="N1011927" s="10"/>
    </row>
    <row r="1011928" spans="14:14">
      <c r="N1011928" s="10"/>
    </row>
    <row r="1011929" spans="14:14">
      <c r="N1011929" s="10"/>
    </row>
    <row r="1011930" spans="14:14">
      <c r="N1011930" s="10"/>
    </row>
    <row r="1011931" spans="14:14">
      <c r="N1011931" s="10"/>
    </row>
    <row r="1011932" spans="14:14">
      <c r="N1011932" s="10"/>
    </row>
    <row r="1011933" spans="14:14">
      <c r="N1011933" s="10"/>
    </row>
    <row r="1011934" spans="14:14">
      <c r="N1011934" s="10"/>
    </row>
    <row r="1011935" spans="14:14">
      <c r="N1011935" s="10"/>
    </row>
    <row r="1011936" spans="14:14">
      <c r="N1011936" s="10"/>
    </row>
    <row r="1011937" spans="14:14">
      <c r="N1011937" s="10"/>
    </row>
    <row r="1011938" spans="14:14">
      <c r="N1011938" s="10"/>
    </row>
    <row r="1011939" spans="14:14">
      <c r="N1011939" s="10"/>
    </row>
    <row r="1011940" spans="14:14">
      <c r="N1011940" s="10"/>
    </row>
    <row r="1011941" spans="14:14">
      <c r="N1011941" s="10"/>
    </row>
    <row r="1011942" spans="14:14">
      <c r="N1011942" s="10"/>
    </row>
    <row r="1011943" spans="14:14">
      <c r="N1011943" s="10"/>
    </row>
    <row r="1011944" spans="14:14">
      <c r="N1011944" s="10"/>
    </row>
    <row r="1011945" spans="14:14">
      <c r="N1011945" s="10"/>
    </row>
    <row r="1011946" spans="14:14">
      <c r="N1011946" s="10"/>
    </row>
    <row r="1011947" spans="14:14">
      <c r="N1011947" s="10"/>
    </row>
    <row r="1011948" spans="14:14">
      <c r="N1011948" s="10"/>
    </row>
    <row r="1011949" spans="14:14">
      <c r="N1011949" s="10"/>
    </row>
    <row r="1011950" spans="14:14">
      <c r="N1011950" s="10"/>
    </row>
    <row r="1011951" spans="14:14">
      <c r="N1011951" s="10"/>
    </row>
    <row r="1011952" spans="14:14">
      <c r="N1011952" s="10"/>
    </row>
    <row r="1011953" spans="14:14">
      <c r="N1011953" s="10"/>
    </row>
    <row r="1011954" spans="14:14">
      <c r="N1011954" s="10"/>
    </row>
    <row r="1011955" spans="14:14">
      <c r="N1011955" s="10"/>
    </row>
    <row r="1011956" spans="14:14">
      <c r="N1011956" s="10"/>
    </row>
    <row r="1011957" spans="14:14">
      <c r="N1011957" s="10"/>
    </row>
    <row r="1011958" spans="14:14">
      <c r="N1011958" s="10"/>
    </row>
    <row r="1011959" spans="14:14">
      <c r="N1011959" s="10"/>
    </row>
    <row r="1011960" spans="14:14">
      <c r="N1011960" s="10"/>
    </row>
    <row r="1011961" spans="14:14">
      <c r="N1011961" s="10"/>
    </row>
    <row r="1011962" spans="14:14">
      <c r="N1011962" s="10"/>
    </row>
    <row r="1011963" spans="14:14">
      <c r="N1011963" s="10"/>
    </row>
    <row r="1011964" spans="14:14">
      <c r="N1011964" s="10"/>
    </row>
    <row r="1011965" spans="14:14">
      <c r="N1011965" s="10"/>
    </row>
    <row r="1011966" spans="14:14">
      <c r="N1011966" s="10"/>
    </row>
    <row r="1011967" spans="14:14">
      <c r="N1011967" s="10"/>
    </row>
    <row r="1011968" spans="14:14">
      <c r="N1011968" s="10"/>
    </row>
    <row r="1011969" spans="14:14">
      <c r="N1011969" s="10"/>
    </row>
    <row r="1011970" spans="14:14">
      <c r="N1011970" s="10"/>
    </row>
    <row r="1011971" spans="14:14">
      <c r="N1011971" s="10"/>
    </row>
    <row r="1011972" spans="14:14">
      <c r="N1011972" s="10"/>
    </row>
    <row r="1011973" spans="14:14">
      <c r="N1011973" s="10"/>
    </row>
    <row r="1011974" spans="14:14">
      <c r="N1011974" s="10"/>
    </row>
    <row r="1011975" spans="14:14">
      <c r="N1011975" s="10"/>
    </row>
    <row r="1011976" spans="14:14">
      <c r="N1011976" s="10"/>
    </row>
    <row r="1011977" spans="14:14">
      <c r="N1011977" s="10"/>
    </row>
    <row r="1011978" spans="14:14">
      <c r="N1011978" s="10"/>
    </row>
    <row r="1011979" spans="14:14">
      <c r="N1011979" s="10"/>
    </row>
    <row r="1011980" spans="14:14">
      <c r="N1011980" s="10"/>
    </row>
    <row r="1011981" spans="14:14">
      <c r="N1011981" s="10"/>
    </row>
    <row r="1011982" spans="14:14">
      <c r="N1011982" s="10"/>
    </row>
    <row r="1011983" spans="14:14">
      <c r="N1011983" s="10"/>
    </row>
    <row r="1011984" spans="14:14">
      <c r="N1011984" s="10"/>
    </row>
    <row r="1011985" spans="14:14">
      <c r="N1011985" s="10"/>
    </row>
    <row r="1011986" spans="14:14">
      <c r="N1011986" s="10"/>
    </row>
    <row r="1011987" spans="14:14">
      <c r="N1011987" s="10"/>
    </row>
    <row r="1011988" spans="14:14">
      <c r="N1011988" s="10"/>
    </row>
    <row r="1011989" spans="14:14">
      <c r="N1011989" s="10"/>
    </row>
    <row r="1011990" spans="14:14">
      <c r="N1011990" s="10"/>
    </row>
    <row r="1011991" spans="14:14">
      <c r="N1011991" s="10"/>
    </row>
    <row r="1011992" spans="14:14">
      <c r="N1011992" s="10"/>
    </row>
    <row r="1011993" spans="14:14">
      <c r="N1011993" s="10"/>
    </row>
    <row r="1011994" spans="14:14">
      <c r="N1011994" s="10"/>
    </row>
    <row r="1011995" spans="14:14">
      <c r="N1011995" s="10"/>
    </row>
    <row r="1011996" spans="14:14">
      <c r="N1011996" s="10"/>
    </row>
    <row r="1011997" spans="14:14">
      <c r="N1011997" s="10"/>
    </row>
    <row r="1011998" spans="14:14">
      <c r="N1011998" s="10"/>
    </row>
    <row r="1011999" spans="14:14">
      <c r="N1011999" s="10"/>
    </row>
    <row r="1012000" spans="14:14">
      <c r="N1012000" s="10"/>
    </row>
    <row r="1012001" spans="14:14">
      <c r="N1012001" s="10"/>
    </row>
    <row r="1012002" spans="14:14">
      <c r="N1012002" s="10"/>
    </row>
    <row r="1012003" spans="14:14">
      <c r="N1012003" s="10"/>
    </row>
    <row r="1012004" spans="14:14">
      <c r="N1012004" s="10"/>
    </row>
    <row r="1012005" spans="14:14">
      <c r="N1012005" s="10"/>
    </row>
    <row r="1012006" spans="14:14">
      <c r="N1012006" s="10"/>
    </row>
    <row r="1012007" spans="14:14">
      <c r="N1012007" s="10"/>
    </row>
    <row r="1012008" spans="14:14">
      <c r="N1012008" s="10"/>
    </row>
    <row r="1012009" spans="14:14">
      <c r="N1012009" s="10"/>
    </row>
    <row r="1012010" spans="14:14">
      <c r="N1012010" s="10"/>
    </row>
    <row r="1012011" spans="14:14">
      <c r="N1012011" s="10"/>
    </row>
    <row r="1012012" spans="14:14">
      <c r="N1012012" s="10"/>
    </row>
    <row r="1012013" spans="14:14">
      <c r="N1012013" s="10"/>
    </row>
    <row r="1012014" spans="14:14">
      <c r="N1012014" s="10"/>
    </row>
    <row r="1012015" spans="14:14">
      <c r="N1012015" s="10"/>
    </row>
    <row r="1012016" spans="14:14">
      <c r="N1012016" s="10"/>
    </row>
    <row r="1012017" spans="14:14">
      <c r="N1012017" s="10"/>
    </row>
    <row r="1012018" spans="14:14">
      <c r="N1012018" s="10"/>
    </row>
    <row r="1012019" spans="14:14">
      <c r="N1012019" s="10"/>
    </row>
    <row r="1012020" spans="14:14">
      <c r="N1012020" s="10"/>
    </row>
    <row r="1012021" spans="14:14">
      <c r="N1012021" s="10"/>
    </row>
    <row r="1012022" spans="14:14">
      <c r="N1012022" s="10"/>
    </row>
    <row r="1012023" spans="14:14">
      <c r="N1012023" s="10"/>
    </row>
    <row r="1012024" spans="14:14">
      <c r="N1012024" s="10"/>
    </row>
    <row r="1012025" spans="14:14">
      <c r="N1012025" s="10"/>
    </row>
    <row r="1012026" spans="14:14">
      <c r="N1012026" s="10"/>
    </row>
    <row r="1012027" spans="14:14">
      <c r="N1012027" s="10"/>
    </row>
    <row r="1012028" spans="14:14">
      <c r="N1012028" s="10"/>
    </row>
    <row r="1012029" spans="14:14">
      <c r="N1012029" s="10"/>
    </row>
    <row r="1012030" spans="14:14">
      <c r="N1012030" s="10"/>
    </row>
    <row r="1012031" spans="14:14">
      <c r="N1012031" s="10"/>
    </row>
    <row r="1012032" spans="14:14">
      <c r="N1012032" s="10"/>
    </row>
    <row r="1012033" spans="14:14">
      <c r="N1012033" s="10"/>
    </row>
    <row r="1012034" spans="14:14">
      <c r="N1012034" s="10"/>
    </row>
    <row r="1012035" spans="14:14">
      <c r="N1012035" s="10"/>
    </row>
    <row r="1012036" spans="14:14">
      <c r="N1012036" s="10"/>
    </row>
    <row r="1012037" spans="14:14">
      <c r="N1012037" s="10"/>
    </row>
    <row r="1012038" spans="14:14">
      <c r="N1012038" s="10"/>
    </row>
    <row r="1012039" spans="14:14">
      <c r="N1012039" s="10"/>
    </row>
    <row r="1012040" spans="14:14">
      <c r="N1012040" s="10"/>
    </row>
    <row r="1012041" spans="14:14">
      <c r="N1012041" s="10"/>
    </row>
    <row r="1012042" spans="14:14">
      <c r="N1012042" s="10"/>
    </row>
    <row r="1012043" spans="14:14">
      <c r="N1012043" s="10"/>
    </row>
    <row r="1012044" spans="14:14">
      <c r="N1012044" s="10"/>
    </row>
    <row r="1012045" spans="14:14">
      <c r="N1012045" s="10"/>
    </row>
    <row r="1012046" spans="14:14">
      <c r="N1012046" s="10"/>
    </row>
    <row r="1012047" spans="14:14">
      <c r="N1012047" s="10"/>
    </row>
    <row r="1012048" spans="14:14">
      <c r="N1012048" s="10"/>
    </row>
    <row r="1012049" spans="14:14">
      <c r="N1012049" s="10"/>
    </row>
    <row r="1012050" spans="14:14">
      <c r="N1012050" s="10"/>
    </row>
    <row r="1012051" spans="14:14">
      <c r="N1012051" s="10"/>
    </row>
    <row r="1012052" spans="14:14">
      <c r="N1012052" s="10"/>
    </row>
    <row r="1012053" spans="14:14">
      <c r="N1012053" s="10"/>
    </row>
    <row r="1012054" spans="14:14">
      <c r="N1012054" s="10"/>
    </row>
    <row r="1012055" spans="14:14">
      <c r="N1012055" s="10"/>
    </row>
    <row r="1012056" spans="14:14">
      <c r="N1012056" s="10"/>
    </row>
    <row r="1012057" spans="14:14">
      <c r="N1012057" s="10"/>
    </row>
    <row r="1012058" spans="14:14">
      <c r="N1012058" s="10"/>
    </row>
    <row r="1012059" spans="14:14">
      <c r="N1012059" s="10"/>
    </row>
    <row r="1012060" spans="14:14">
      <c r="N1012060" s="10"/>
    </row>
    <row r="1012061" spans="14:14">
      <c r="N1012061" s="10"/>
    </row>
    <row r="1012062" spans="14:14">
      <c r="N1012062" s="10"/>
    </row>
    <row r="1012063" spans="14:14">
      <c r="N1012063" s="10"/>
    </row>
    <row r="1012064" spans="14:14">
      <c r="N1012064" s="10"/>
    </row>
    <row r="1012065" spans="14:14">
      <c r="N1012065" s="10"/>
    </row>
    <row r="1012066" spans="14:14">
      <c r="N1012066" s="10"/>
    </row>
    <row r="1012067" spans="14:14">
      <c r="N1012067" s="10"/>
    </row>
    <row r="1012068" spans="14:14">
      <c r="N1012068" s="10"/>
    </row>
    <row r="1012069" spans="14:14">
      <c r="N1012069" s="10"/>
    </row>
    <row r="1012070" spans="14:14">
      <c r="N1012070" s="10"/>
    </row>
    <row r="1012071" spans="14:14">
      <c r="N1012071" s="10"/>
    </row>
    <row r="1012072" spans="14:14">
      <c r="N1012072" s="10"/>
    </row>
    <row r="1012073" spans="14:14">
      <c r="N1012073" s="10"/>
    </row>
    <row r="1012074" spans="14:14">
      <c r="N1012074" s="10"/>
    </row>
    <row r="1012075" spans="14:14">
      <c r="N1012075" s="10"/>
    </row>
    <row r="1012076" spans="14:14">
      <c r="N1012076" s="10"/>
    </row>
    <row r="1012077" spans="14:14">
      <c r="N1012077" s="10"/>
    </row>
    <row r="1012078" spans="14:14">
      <c r="N1012078" s="10"/>
    </row>
    <row r="1012079" spans="14:14">
      <c r="N1012079" s="10"/>
    </row>
    <row r="1012080" spans="14:14">
      <c r="N1012080" s="10"/>
    </row>
    <row r="1012081" spans="14:14">
      <c r="N1012081" s="10"/>
    </row>
    <row r="1012082" spans="14:14">
      <c r="N1012082" s="10"/>
    </row>
    <row r="1012083" spans="14:14">
      <c r="N1012083" s="10"/>
    </row>
    <row r="1012084" spans="14:14">
      <c r="N1012084" s="10"/>
    </row>
    <row r="1012085" spans="14:14">
      <c r="N1012085" s="10"/>
    </row>
    <row r="1012086" spans="14:14">
      <c r="N1012086" s="10"/>
    </row>
    <row r="1012087" spans="14:14">
      <c r="N1012087" s="10"/>
    </row>
    <row r="1012088" spans="14:14">
      <c r="N1012088" s="10"/>
    </row>
    <row r="1012089" spans="14:14">
      <c r="N1012089" s="10"/>
    </row>
    <row r="1012090" spans="14:14">
      <c r="N1012090" s="10"/>
    </row>
    <row r="1012091" spans="14:14">
      <c r="N1012091" s="10"/>
    </row>
    <row r="1012092" spans="14:14">
      <c r="N1012092" s="10"/>
    </row>
    <row r="1012093" spans="14:14">
      <c r="N1012093" s="10"/>
    </row>
    <row r="1012094" spans="14:14">
      <c r="N1012094" s="10"/>
    </row>
    <row r="1012095" spans="14:14">
      <c r="N1012095" s="10"/>
    </row>
    <row r="1012096" spans="14:14">
      <c r="N1012096" s="10"/>
    </row>
    <row r="1012097" spans="14:14">
      <c r="N1012097" s="10"/>
    </row>
    <row r="1012098" spans="14:14">
      <c r="N1012098" s="10"/>
    </row>
    <row r="1012099" spans="14:14">
      <c r="N1012099" s="10"/>
    </row>
    <row r="1012100" spans="14:14">
      <c r="N1012100" s="10"/>
    </row>
    <row r="1012101" spans="14:14">
      <c r="N1012101" s="10"/>
    </row>
    <row r="1012102" spans="14:14">
      <c r="N1012102" s="10"/>
    </row>
    <row r="1012103" spans="14:14">
      <c r="N1012103" s="10"/>
    </row>
    <row r="1012104" spans="14:14">
      <c r="N1012104" s="10"/>
    </row>
    <row r="1012105" spans="14:14">
      <c r="N1012105" s="10"/>
    </row>
    <row r="1012106" spans="14:14">
      <c r="N1012106" s="10"/>
    </row>
    <row r="1012107" spans="14:14">
      <c r="N1012107" s="10"/>
    </row>
    <row r="1012108" spans="14:14">
      <c r="N1012108" s="10"/>
    </row>
    <row r="1012109" spans="14:14">
      <c r="N1012109" s="10"/>
    </row>
    <row r="1012110" spans="14:14">
      <c r="N1012110" s="10"/>
    </row>
    <row r="1012111" spans="14:14">
      <c r="N1012111" s="10"/>
    </row>
    <row r="1012112" spans="14:14">
      <c r="N1012112" s="10"/>
    </row>
    <row r="1012113" spans="14:14">
      <c r="N1012113" s="10"/>
    </row>
    <row r="1012114" spans="14:14">
      <c r="N1012114" s="10"/>
    </row>
    <row r="1012115" spans="14:14">
      <c r="N1012115" s="10"/>
    </row>
    <row r="1012116" spans="14:14">
      <c r="N1012116" s="10"/>
    </row>
    <row r="1012117" spans="14:14">
      <c r="N1012117" s="10"/>
    </row>
    <row r="1012118" spans="14:14">
      <c r="N1012118" s="10"/>
    </row>
    <row r="1012119" spans="14:14">
      <c r="N1012119" s="10"/>
    </row>
    <row r="1012120" spans="14:14">
      <c r="N1012120" s="10"/>
    </row>
    <row r="1012121" spans="14:14">
      <c r="N1012121" s="10"/>
    </row>
    <row r="1012122" spans="14:14">
      <c r="N1012122" s="10"/>
    </row>
    <row r="1012123" spans="14:14">
      <c r="N1012123" s="10"/>
    </row>
    <row r="1012124" spans="14:14">
      <c r="N1012124" s="10"/>
    </row>
    <row r="1012125" spans="14:14">
      <c r="N1012125" s="10"/>
    </row>
    <row r="1012126" spans="14:14">
      <c r="N1012126" s="10"/>
    </row>
    <row r="1012127" spans="14:14">
      <c r="N1012127" s="10"/>
    </row>
    <row r="1012128" spans="14:14">
      <c r="N1012128" s="10"/>
    </row>
    <row r="1012129" spans="14:14">
      <c r="N1012129" s="10"/>
    </row>
    <row r="1012130" spans="14:14">
      <c r="N1012130" s="10"/>
    </row>
    <row r="1012131" spans="14:14">
      <c r="N1012131" s="10"/>
    </row>
    <row r="1012132" spans="14:14">
      <c r="N1012132" s="10"/>
    </row>
    <row r="1012133" spans="14:14">
      <c r="N1012133" s="10"/>
    </row>
    <row r="1012134" spans="14:14">
      <c r="N1012134" s="10"/>
    </row>
    <row r="1012135" spans="14:14">
      <c r="N1012135" s="10"/>
    </row>
    <row r="1012136" spans="14:14">
      <c r="N1012136" s="10"/>
    </row>
    <row r="1012137" spans="14:14">
      <c r="N1012137" s="10"/>
    </row>
    <row r="1012138" spans="14:14">
      <c r="N1012138" s="10"/>
    </row>
    <row r="1012139" spans="14:14">
      <c r="N1012139" s="10"/>
    </row>
    <row r="1012140" spans="14:14">
      <c r="N1012140" s="10"/>
    </row>
    <row r="1012141" spans="14:14">
      <c r="N1012141" s="10"/>
    </row>
    <row r="1012142" spans="14:14">
      <c r="N1012142" s="10"/>
    </row>
    <row r="1012143" spans="14:14">
      <c r="N1012143" s="10"/>
    </row>
    <row r="1012144" spans="14:14">
      <c r="N1012144" s="10"/>
    </row>
    <row r="1012145" spans="14:14">
      <c r="N1012145" s="10"/>
    </row>
    <row r="1012146" spans="14:14">
      <c r="N1012146" s="10"/>
    </row>
    <row r="1012147" spans="14:14">
      <c r="N1012147" s="10"/>
    </row>
    <row r="1012148" spans="14:14">
      <c r="N1012148" s="10"/>
    </row>
    <row r="1012149" spans="14:14">
      <c r="N1012149" s="10"/>
    </row>
    <row r="1012150" spans="14:14">
      <c r="N1012150" s="10"/>
    </row>
    <row r="1012151" spans="14:14">
      <c r="N1012151" s="10"/>
    </row>
    <row r="1012152" spans="14:14">
      <c r="N1012152" s="10"/>
    </row>
    <row r="1012153" spans="14:14">
      <c r="N1012153" s="10"/>
    </row>
    <row r="1012154" spans="14:14">
      <c r="N1012154" s="10"/>
    </row>
    <row r="1012155" spans="14:14">
      <c r="N1012155" s="10"/>
    </row>
    <row r="1012156" spans="14:14">
      <c r="N1012156" s="10"/>
    </row>
    <row r="1012157" spans="14:14">
      <c r="N1012157" s="10"/>
    </row>
    <row r="1012158" spans="14:14">
      <c r="N1012158" s="10"/>
    </row>
    <row r="1012159" spans="14:14">
      <c r="N1012159" s="10"/>
    </row>
    <row r="1012160" spans="14:14">
      <c r="N1012160" s="10"/>
    </row>
    <row r="1012161" spans="14:14">
      <c r="N1012161" s="10"/>
    </row>
    <row r="1012162" spans="14:14">
      <c r="N1012162" s="10"/>
    </row>
    <row r="1012163" spans="14:14">
      <c r="N1012163" s="10"/>
    </row>
    <row r="1012164" spans="14:14">
      <c r="N1012164" s="10"/>
    </row>
    <row r="1012165" spans="14:14">
      <c r="N1012165" s="10"/>
    </row>
    <row r="1012166" spans="14:14">
      <c r="N1012166" s="10"/>
    </row>
    <row r="1012167" spans="14:14">
      <c r="N1012167" s="10"/>
    </row>
    <row r="1012168" spans="14:14">
      <c r="N1012168" s="10"/>
    </row>
    <row r="1012169" spans="14:14">
      <c r="N1012169" s="10"/>
    </row>
    <row r="1012170" spans="14:14">
      <c r="N1012170" s="10"/>
    </row>
    <row r="1012171" spans="14:14">
      <c r="N1012171" s="10"/>
    </row>
    <row r="1012172" spans="14:14">
      <c r="N1012172" s="10"/>
    </row>
    <row r="1012173" spans="14:14">
      <c r="N1012173" s="10"/>
    </row>
    <row r="1012174" spans="14:14">
      <c r="N1012174" s="10"/>
    </row>
    <row r="1012175" spans="14:14">
      <c r="N1012175" s="10"/>
    </row>
    <row r="1012176" spans="14:14">
      <c r="N1012176" s="10"/>
    </row>
    <row r="1012177" spans="14:14">
      <c r="N1012177" s="10"/>
    </row>
    <row r="1012178" spans="14:14">
      <c r="N1012178" s="10"/>
    </row>
    <row r="1012179" spans="14:14">
      <c r="N1012179" s="10"/>
    </row>
    <row r="1012180" spans="14:14">
      <c r="N1012180" s="10"/>
    </row>
    <row r="1012181" spans="14:14">
      <c r="N1012181" s="10"/>
    </row>
    <row r="1012182" spans="14:14">
      <c r="N1012182" s="10"/>
    </row>
    <row r="1012183" spans="14:14">
      <c r="N1012183" s="10"/>
    </row>
    <row r="1012184" spans="14:14">
      <c r="N1012184" s="10"/>
    </row>
    <row r="1012185" spans="14:14">
      <c r="N1012185" s="10"/>
    </row>
    <row r="1012186" spans="14:14">
      <c r="N1012186" s="10"/>
    </row>
    <row r="1012187" spans="14:14">
      <c r="N1012187" s="10"/>
    </row>
    <row r="1012188" spans="14:14">
      <c r="N1012188" s="10"/>
    </row>
    <row r="1012189" spans="14:14">
      <c r="N1012189" s="10"/>
    </row>
    <row r="1012190" spans="14:14">
      <c r="N1012190" s="10"/>
    </row>
    <row r="1012191" spans="14:14">
      <c r="N1012191" s="10"/>
    </row>
    <row r="1012192" spans="14:14">
      <c r="N1012192" s="10"/>
    </row>
    <row r="1012193" spans="14:14">
      <c r="N1012193" s="10"/>
    </row>
    <row r="1012194" spans="14:14">
      <c r="N1012194" s="10"/>
    </row>
    <row r="1012195" spans="14:14">
      <c r="N1012195" s="10"/>
    </row>
    <row r="1012196" spans="14:14">
      <c r="N1012196" s="10"/>
    </row>
    <row r="1012197" spans="14:14">
      <c r="N1012197" s="10"/>
    </row>
    <row r="1012198" spans="14:14">
      <c r="N1012198" s="10"/>
    </row>
    <row r="1012199" spans="14:14">
      <c r="N1012199" s="10"/>
    </row>
    <row r="1012200" spans="14:14">
      <c r="N1012200" s="10"/>
    </row>
    <row r="1012201" spans="14:14">
      <c r="N1012201" s="10"/>
    </row>
    <row r="1012202" spans="14:14">
      <c r="N1012202" s="10"/>
    </row>
    <row r="1012203" spans="14:14">
      <c r="N1012203" s="10"/>
    </row>
    <row r="1012204" spans="14:14">
      <c r="N1012204" s="10"/>
    </row>
    <row r="1012205" spans="14:14">
      <c r="N1012205" s="10"/>
    </row>
    <row r="1012206" spans="14:14">
      <c r="N1012206" s="10"/>
    </row>
    <row r="1012207" spans="14:14">
      <c r="N1012207" s="10"/>
    </row>
    <row r="1012208" spans="14:14">
      <c r="N1012208" s="10"/>
    </row>
    <row r="1012209" spans="14:14">
      <c r="N1012209" s="10"/>
    </row>
    <row r="1012210" spans="14:14">
      <c r="N1012210" s="10"/>
    </row>
    <row r="1012211" spans="14:14">
      <c r="N1012211" s="10"/>
    </row>
    <row r="1012212" spans="14:14">
      <c r="N1012212" s="10"/>
    </row>
    <row r="1012213" spans="14:14">
      <c r="N1012213" s="10"/>
    </row>
    <row r="1012214" spans="14:14">
      <c r="N1012214" s="10"/>
    </row>
    <row r="1012215" spans="14:14">
      <c r="N1012215" s="10"/>
    </row>
    <row r="1012216" spans="14:14">
      <c r="N1012216" s="10"/>
    </row>
    <row r="1012217" spans="14:14">
      <c r="N1012217" s="10"/>
    </row>
    <row r="1012218" spans="14:14">
      <c r="N1012218" s="10"/>
    </row>
    <row r="1012219" spans="14:14">
      <c r="N1012219" s="10"/>
    </row>
    <row r="1012220" spans="14:14">
      <c r="N1012220" s="10"/>
    </row>
    <row r="1012221" spans="14:14">
      <c r="N1012221" s="10"/>
    </row>
    <row r="1012222" spans="14:14">
      <c r="N1012222" s="10"/>
    </row>
    <row r="1012223" spans="14:14">
      <c r="N1012223" s="10"/>
    </row>
    <row r="1012224" spans="14:14">
      <c r="N1012224" s="10"/>
    </row>
    <row r="1012225" spans="14:14">
      <c r="N1012225" s="10"/>
    </row>
    <row r="1012226" spans="14:14">
      <c r="N1012226" s="10"/>
    </row>
    <row r="1012227" spans="14:14">
      <c r="N1012227" s="10"/>
    </row>
    <row r="1012228" spans="14:14">
      <c r="N1012228" s="10"/>
    </row>
    <row r="1012229" spans="14:14">
      <c r="N1012229" s="10"/>
    </row>
    <row r="1012230" spans="14:14">
      <c r="N1012230" s="10"/>
    </row>
    <row r="1012231" spans="14:14">
      <c r="N1012231" s="10"/>
    </row>
    <row r="1012232" spans="14:14">
      <c r="N1012232" s="10"/>
    </row>
    <row r="1012233" spans="14:14">
      <c r="N1012233" s="10"/>
    </row>
    <row r="1012234" spans="14:14">
      <c r="N1012234" s="10"/>
    </row>
    <row r="1012235" spans="14:14">
      <c r="N1012235" s="10"/>
    </row>
    <row r="1012236" spans="14:14">
      <c r="N1012236" s="10"/>
    </row>
    <row r="1012237" spans="14:14">
      <c r="N1012237" s="10"/>
    </row>
    <row r="1012238" spans="14:14">
      <c r="N1012238" s="10"/>
    </row>
    <row r="1012239" spans="14:14">
      <c r="N1012239" s="10"/>
    </row>
    <row r="1012240" spans="14:14">
      <c r="N1012240" s="10"/>
    </row>
    <row r="1012241" spans="14:14">
      <c r="N1012241" s="10"/>
    </row>
    <row r="1012242" spans="14:14">
      <c r="N1012242" s="10"/>
    </row>
    <row r="1012243" spans="14:14">
      <c r="N1012243" s="10"/>
    </row>
    <row r="1012244" spans="14:14">
      <c r="N1012244" s="10"/>
    </row>
    <row r="1012245" spans="14:14">
      <c r="N1012245" s="10"/>
    </row>
    <row r="1012246" spans="14:14">
      <c r="N1012246" s="10"/>
    </row>
    <row r="1012247" spans="14:14">
      <c r="N1012247" s="10"/>
    </row>
    <row r="1012248" spans="14:14">
      <c r="N1012248" s="10"/>
    </row>
    <row r="1012249" spans="14:14">
      <c r="N1012249" s="10"/>
    </row>
    <row r="1012250" spans="14:14">
      <c r="N1012250" s="10"/>
    </row>
    <row r="1012251" spans="14:14">
      <c r="N1012251" s="10"/>
    </row>
    <row r="1012252" spans="14:14">
      <c r="N1012252" s="10"/>
    </row>
    <row r="1012253" spans="14:14">
      <c r="N1012253" s="10"/>
    </row>
    <row r="1012254" spans="14:14">
      <c r="N1012254" s="10"/>
    </row>
    <row r="1012255" spans="14:14">
      <c r="N1012255" s="10"/>
    </row>
    <row r="1012256" spans="14:14">
      <c r="N1012256" s="10"/>
    </row>
    <row r="1012257" spans="14:14">
      <c r="N1012257" s="10"/>
    </row>
    <row r="1012258" spans="14:14">
      <c r="N1012258" s="10"/>
    </row>
    <row r="1012259" spans="14:14">
      <c r="N1012259" s="10"/>
    </row>
    <row r="1012260" spans="14:14">
      <c r="N1012260" s="10"/>
    </row>
    <row r="1012261" spans="14:14">
      <c r="N1012261" s="10"/>
    </row>
    <row r="1012262" spans="14:14">
      <c r="N1012262" s="10"/>
    </row>
    <row r="1012263" spans="14:14">
      <c r="N1012263" s="10"/>
    </row>
    <row r="1012264" spans="14:14">
      <c r="N1012264" s="10"/>
    </row>
    <row r="1012265" spans="14:14">
      <c r="N1012265" s="10"/>
    </row>
    <row r="1012266" spans="14:14">
      <c r="N1012266" s="10"/>
    </row>
    <row r="1012267" spans="14:14">
      <c r="N1012267" s="10"/>
    </row>
    <row r="1012268" spans="14:14">
      <c r="N1012268" s="10"/>
    </row>
    <row r="1012269" spans="14:14">
      <c r="N1012269" s="10"/>
    </row>
    <row r="1012270" spans="14:14">
      <c r="N1012270" s="10"/>
    </row>
    <row r="1012271" spans="14:14">
      <c r="N1012271" s="10"/>
    </row>
    <row r="1012272" spans="14:14">
      <c r="N1012272" s="10"/>
    </row>
    <row r="1012273" spans="14:14">
      <c r="N1012273" s="10"/>
    </row>
    <row r="1012274" spans="14:14">
      <c r="N1012274" s="10"/>
    </row>
    <row r="1012275" spans="14:14">
      <c r="N1012275" s="10"/>
    </row>
    <row r="1012276" spans="14:14">
      <c r="N1012276" s="10"/>
    </row>
    <row r="1012277" spans="14:14">
      <c r="N1012277" s="10"/>
    </row>
    <row r="1012278" spans="14:14">
      <c r="N1012278" s="10"/>
    </row>
    <row r="1012279" spans="14:14">
      <c r="N1012279" s="10"/>
    </row>
    <row r="1012280" spans="14:14">
      <c r="N1012280" s="10"/>
    </row>
    <row r="1012281" spans="14:14">
      <c r="N1012281" s="10"/>
    </row>
    <row r="1012282" spans="14:14">
      <c r="N1012282" s="10"/>
    </row>
    <row r="1012283" spans="14:14">
      <c r="N1012283" s="10"/>
    </row>
    <row r="1012284" spans="14:14">
      <c r="N1012284" s="10"/>
    </row>
    <row r="1012285" spans="14:14">
      <c r="N1012285" s="10"/>
    </row>
    <row r="1012286" spans="14:14">
      <c r="N1012286" s="10"/>
    </row>
    <row r="1012287" spans="14:14">
      <c r="N1012287" s="10"/>
    </row>
    <row r="1012288" spans="14:14">
      <c r="N1012288" s="10"/>
    </row>
    <row r="1012289" spans="14:14">
      <c r="N1012289" s="10"/>
    </row>
    <row r="1012290" spans="14:14">
      <c r="N1012290" s="10"/>
    </row>
    <row r="1012291" spans="14:14">
      <c r="N1012291" s="10"/>
    </row>
    <row r="1012292" spans="14:14">
      <c r="N1012292" s="10"/>
    </row>
    <row r="1012293" spans="14:14">
      <c r="N1012293" s="10"/>
    </row>
    <row r="1012294" spans="14:14">
      <c r="N1012294" s="10"/>
    </row>
    <row r="1012295" spans="14:14">
      <c r="N1012295" s="10"/>
    </row>
    <row r="1012296" spans="14:14">
      <c r="N1012296" s="10"/>
    </row>
    <row r="1012297" spans="14:14">
      <c r="N1012297" s="10"/>
    </row>
    <row r="1012298" spans="14:14">
      <c r="N1012298" s="10"/>
    </row>
    <row r="1012299" spans="14:14">
      <c r="N1012299" s="10"/>
    </row>
    <row r="1012300" spans="14:14">
      <c r="N1012300" s="10"/>
    </row>
    <row r="1012301" spans="14:14">
      <c r="N1012301" s="10"/>
    </row>
    <row r="1012302" spans="14:14">
      <c r="N1012302" s="10"/>
    </row>
    <row r="1012303" spans="14:14">
      <c r="N1012303" s="10"/>
    </row>
    <row r="1012304" spans="14:14">
      <c r="N1012304" s="10"/>
    </row>
    <row r="1012305" spans="14:14">
      <c r="N1012305" s="10"/>
    </row>
    <row r="1012306" spans="14:14">
      <c r="N1012306" s="10"/>
    </row>
    <row r="1012307" spans="14:14">
      <c r="N1012307" s="10"/>
    </row>
    <row r="1012308" spans="14:14">
      <c r="N1012308" s="10"/>
    </row>
    <row r="1012309" spans="14:14">
      <c r="N1012309" s="10"/>
    </row>
    <row r="1012310" spans="14:14">
      <c r="N1012310" s="10"/>
    </row>
    <row r="1012311" spans="14:14">
      <c r="N1012311" s="10"/>
    </row>
    <row r="1012312" spans="14:14">
      <c r="N1012312" s="10"/>
    </row>
    <row r="1012313" spans="14:14">
      <c r="N1012313" s="10"/>
    </row>
    <row r="1012314" spans="14:14">
      <c r="N1012314" s="10"/>
    </row>
    <row r="1012315" spans="14:14">
      <c r="N1012315" s="10"/>
    </row>
    <row r="1012316" spans="14:14">
      <c r="N1012316" s="10"/>
    </row>
    <row r="1012317" spans="14:14">
      <c r="N1012317" s="10"/>
    </row>
    <row r="1012318" spans="14:14">
      <c r="N1012318" s="10"/>
    </row>
    <row r="1012319" spans="14:14">
      <c r="N1012319" s="10"/>
    </row>
    <row r="1012320" spans="14:14">
      <c r="N1012320" s="10"/>
    </row>
    <row r="1012321" spans="14:14">
      <c r="N1012321" s="10"/>
    </row>
    <row r="1012322" spans="14:14">
      <c r="N1012322" s="10"/>
    </row>
    <row r="1012323" spans="14:14">
      <c r="N1012323" s="10"/>
    </row>
    <row r="1012324" spans="14:14">
      <c r="N1012324" s="10"/>
    </row>
    <row r="1012325" spans="14:14">
      <c r="N1012325" s="10"/>
    </row>
    <row r="1012326" spans="14:14">
      <c r="N1012326" s="10"/>
    </row>
    <row r="1012327" spans="14:14">
      <c r="N1012327" s="10"/>
    </row>
    <row r="1012328" spans="14:14">
      <c r="N1012328" s="10"/>
    </row>
    <row r="1012329" spans="14:14">
      <c r="N1012329" s="10"/>
    </row>
    <row r="1012330" spans="14:14">
      <c r="N1012330" s="10"/>
    </row>
    <row r="1012331" spans="14:14">
      <c r="N1012331" s="10"/>
    </row>
    <row r="1012332" spans="14:14">
      <c r="N1012332" s="10"/>
    </row>
    <row r="1012333" spans="14:14">
      <c r="N1012333" s="10"/>
    </row>
    <row r="1012334" spans="14:14">
      <c r="N1012334" s="10"/>
    </row>
    <row r="1012335" spans="14:14">
      <c r="N1012335" s="10"/>
    </row>
    <row r="1012336" spans="14:14">
      <c r="N1012336" s="10"/>
    </row>
    <row r="1012337" spans="14:14">
      <c r="N1012337" s="10"/>
    </row>
    <row r="1012338" spans="14:14">
      <c r="N1012338" s="10"/>
    </row>
    <row r="1012339" spans="14:14">
      <c r="N1012339" s="10"/>
    </row>
    <row r="1012340" spans="14:14">
      <c r="N1012340" s="10"/>
    </row>
    <row r="1012341" spans="14:14">
      <c r="N1012341" s="10"/>
    </row>
    <row r="1012342" spans="14:14">
      <c r="N1012342" s="10"/>
    </row>
    <row r="1012343" spans="14:14">
      <c r="N1012343" s="10"/>
    </row>
    <row r="1012344" spans="14:14">
      <c r="N1012344" s="10"/>
    </row>
    <row r="1012345" spans="14:14">
      <c r="N1012345" s="10"/>
    </row>
    <row r="1012346" spans="14:14">
      <c r="N1012346" s="10"/>
    </row>
    <row r="1012347" spans="14:14">
      <c r="N1012347" s="10"/>
    </row>
    <row r="1012348" spans="14:14">
      <c r="N1012348" s="10"/>
    </row>
    <row r="1012349" spans="14:14">
      <c r="N1012349" s="10"/>
    </row>
    <row r="1012350" spans="14:14">
      <c r="N1012350" s="10"/>
    </row>
    <row r="1012351" spans="14:14">
      <c r="N1012351" s="10"/>
    </row>
    <row r="1012352" spans="14:14">
      <c r="N1012352" s="10"/>
    </row>
    <row r="1012353" spans="14:14">
      <c r="N1012353" s="10"/>
    </row>
    <row r="1012354" spans="14:14">
      <c r="N1012354" s="10"/>
    </row>
    <row r="1012355" spans="14:14">
      <c r="N1012355" s="10"/>
    </row>
    <row r="1012356" spans="14:14">
      <c r="N1012356" s="10"/>
    </row>
    <row r="1012357" spans="14:14">
      <c r="N1012357" s="10"/>
    </row>
    <row r="1012358" spans="14:14">
      <c r="N1012358" s="10"/>
    </row>
    <row r="1012359" spans="14:14">
      <c r="N1012359" s="10"/>
    </row>
    <row r="1012360" spans="14:14">
      <c r="N1012360" s="10"/>
    </row>
    <row r="1012361" spans="14:14">
      <c r="N1012361" s="10"/>
    </row>
    <row r="1012362" spans="14:14">
      <c r="N1012362" s="10"/>
    </row>
    <row r="1012363" spans="14:14">
      <c r="N1012363" s="10"/>
    </row>
    <row r="1012364" spans="14:14">
      <c r="N1012364" s="10"/>
    </row>
    <row r="1012365" spans="14:14">
      <c r="N1012365" s="10"/>
    </row>
    <row r="1012366" spans="14:14">
      <c r="N1012366" s="10"/>
    </row>
    <row r="1012367" spans="14:14">
      <c r="N1012367" s="10"/>
    </row>
    <row r="1012368" spans="14:14">
      <c r="N1012368" s="10"/>
    </row>
    <row r="1012369" spans="14:14">
      <c r="N1012369" s="10"/>
    </row>
    <row r="1012370" spans="14:14">
      <c r="N1012370" s="10"/>
    </row>
    <row r="1012371" spans="14:14">
      <c r="N1012371" s="10"/>
    </row>
    <row r="1012372" spans="14:14">
      <c r="N1012372" s="10"/>
    </row>
    <row r="1012373" spans="14:14">
      <c r="N1012373" s="10"/>
    </row>
    <row r="1012374" spans="14:14">
      <c r="N1012374" s="10"/>
    </row>
    <row r="1012375" spans="14:14">
      <c r="N1012375" s="10"/>
    </row>
    <row r="1012376" spans="14:14">
      <c r="N1012376" s="10"/>
    </row>
    <row r="1012377" spans="14:14">
      <c r="N1012377" s="10"/>
    </row>
    <row r="1012378" spans="14:14">
      <c r="N1012378" s="10"/>
    </row>
    <row r="1012379" spans="14:14">
      <c r="N1012379" s="10"/>
    </row>
    <row r="1012380" spans="14:14">
      <c r="N1012380" s="10"/>
    </row>
    <row r="1012381" spans="14:14">
      <c r="N1012381" s="10"/>
    </row>
    <row r="1012382" spans="14:14">
      <c r="N1012382" s="10"/>
    </row>
    <row r="1012383" spans="14:14">
      <c r="N1012383" s="10"/>
    </row>
    <row r="1012384" spans="14:14">
      <c r="N1012384" s="10"/>
    </row>
    <row r="1012385" spans="14:14">
      <c r="N1012385" s="10"/>
    </row>
    <row r="1012386" spans="14:14">
      <c r="N1012386" s="10"/>
    </row>
    <row r="1012387" spans="14:14">
      <c r="N1012387" s="10"/>
    </row>
    <row r="1012388" spans="14:14">
      <c r="N1012388" s="10"/>
    </row>
    <row r="1012389" spans="14:14">
      <c r="N1012389" s="10"/>
    </row>
    <row r="1012390" spans="14:14">
      <c r="N1012390" s="10"/>
    </row>
    <row r="1012391" spans="14:14">
      <c r="N1012391" s="10"/>
    </row>
    <row r="1012392" spans="14:14">
      <c r="N1012392" s="10"/>
    </row>
    <row r="1012393" spans="14:14">
      <c r="N1012393" s="10"/>
    </row>
    <row r="1012394" spans="14:14">
      <c r="N1012394" s="10"/>
    </row>
    <row r="1012395" spans="14:14">
      <c r="N1012395" s="10"/>
    </row>
    <row r="1012396" spans="14:14">
      <c r="N1012396" s="10"/>
    </row>
    <row r="1012397" spans="14:14">
      <c r="N1012397" s="10"/>
    </row>
    <row r="1012398" spans="14:14">
      <c r="N1012398" s="10"/>
    </row>
    <row r="1012399" spans="14:14">
      <c r="N1012399" s="10"/>
    </row>
    <row r="1012400" spans="14:14">
      <c r="N1012400" s="10"/>
    </row>
    <row r="1012401" spans="14:14">
      <c r="N1012401" s="10"/>
    </row>
    <row r="1012402" spans="14:14">
      <c r="N1012402" s="10"/>
    </row>
    <row r="1012403" spans="14:14">
      <c r="N1012403" s="10"/>
    </row>
    <row r="1012404" spans="14:14">
      <c r="N1012404" s="10"/>
    </row>
    <row r="1012405" spans="14:14">
      <c r="N1012405" s="10"/>
    </row>
    <row r="1012406" spans="14:14">
      <c r="N1012406" s="10"/>
    </row>
    <row r="1012407" spans="14:14">
      <c r="N1012407" s="10"/>
    </row>
    <row r="1012408" spans="14:14">
      <c r="N1012408" s="10"/>
    </row>
    <row r="1012409" spans="14:14">
      <c r="N1012409" s="10"/>
    </row>
    <row r="1012410" spans="14:14">
      <c r="N1012410" s="10"/>
    </row>
    <row r="1012411" spans="14:14">
      <c r="N1012411" s="10"/>
    </row>
    <row r="1012412" spans="14:14">
      <c r="N1012412" s="10"/>
    </row>
    <row r="1012413" spans="14:14">
      <c r="N1012413" s="10"/>
    </row>
    <row r="1012414" spans="14:14">
      <c r="N1012414" s="10"/>
    </row>
    <row r="1012415" spans="14:14">
      <c r="N1012415" s="10"/>
    </row>
    <row r="1012416" spans="14:14">
      <c r="N1012416" s="10"/>
    </row>
    <row r="1012417" spans="14:14">
      <c r="N1012417" s="10"/>
    </row>
    <row r="1012418" spans="14:14">
      <c r="N1012418" s="10"/>
    </row>
    <row r="1012419" spans="14:14">
      <c r="N1012419" s="10"/>
    </row>
    <row r="1012420" spans="14:14">
      <c r="N1012420" s="10"/>
    </row>
    <row r="1012421" spans="14:14">
      <c r="N1012421" s="10"/>
    </row>
    <row r="1012422" spans="14:14">
      <c r="N1012422" s="10"/>
    </row>
    <row r="1012423" spans="14:14">
      <c r="N1012423" s="10"/>
    </row>
    <row r="1012424" spans="14:14">
      <c r="N1012424" s="10"/>
    </row>
    <row r="1012425" spans="14:14">
      <c r="N1012425" s="10"/>
    </row>
    <row r="1012426" spans="14:14">
      <c r="N1012426" s="10"/>
    </row>
    <row r="1012427" spans="14:14">
      <c r="N1012427" s="10"/>
    </row>
    <row r="1012428" spans="14:14">
      <c r="N1012428" s="10"/>
    </row>
    <row r="1012429" spans="14:14">
      <c r="N1012429" s="10"/>
    </row>
    <row r="1012430" spans="14:14">
      <c r="N1012430" s="10"/>
    </row>
    <row r="1012431" spans="14:14">
      <c r="N1012431" s="10"/>
    </row>
    <row r="1012432" spans="14:14">
      <c r="N1012432" s="10"/>
    </row>
    <row r="1012433" spans="14:14">
      <c r="N1012433" s="10"/>
    </row>
    <row r="1012434" spans="14:14">
      <c r="N1012434" s="10"/>
    </row>
    <row r="1012435" spans="14:14">
      <c r="N1012435" s="10"/>
    </row>
    <row r="1012436" spans="14:14">
      <c r="N1012436" s="10"/>
    </row>
    <row r="1012437" spans="14:14">
      <c r="N1012437" s="10"/>
    </row>
    <row r="1012438" spans="14:14">
      <c r="N1012438" s="10"/>
    </row>
    <row r="1012439" spans="14:14">
      <c r="N1012439" s="10"/>
    </row>
    <row r="1012440" spans="14:14">
      <c r="N1012440" s="10"/>
    </row>
    <row r="1012441" spans="14:14">
      <c r="N1012441" s="10"/>
    </row>
    <row r="1012442" spans="14:14">
      <c r="N1012442" s="10"/>
    </row>
    <row r="1012443" spans="14:14">
      <c r="N1012443" s="10"/>
    </row>
    <row r="1012444" spans="14:14">
      <c r="N1012444" s="10"/>
    </row>
    <row r="1012445" spans="14:14">
      <c r="N1012445" s="10"/>
    </row>
    <row r="1012446" spans="14:14">
      <c r="N1012446" s="10"/>
    </row>
    <row r="1012447" spans="14:14">
      <c r="N1012447" s="10"/>
    </row>
    <row r="1012448" spans="14:14">
      <c r="N1012448" s="10"/>
    </row>
    <row r="1012449" spans="14:14">
      <c r="N1012449" s="10"/>
    </row>
    <row r="1012450" spans="14:14">
      <c r="N1012450" s="10"/>
    </row>
    <row r="1012451" spans="14:14">
      <c r="N1012451" s="10"/>
    </row>
    <row r="1012452" spans="14:14">
      <c r="N1012452" s="10"/>
    </row>
    <row r="1012453" spans="14:14">
      <c r="N1012453" s="10"/>
    </row>
    <row r="1012454" spans="14:14">
      <c r="N1012454" s="10"/>
    </row>
    <row r="1012455" spans="14:14">
      <c r="N1012455" s="10"/>
    </row>
    <row r="1012456" spans="14:14">
      <c r="N1012456" s="10"/>
    </row>
    <row r="1012457" spans="14:14">
      <c r="N1012457" s="10"/>
    </row>
    <row r="1012458" spans="14:14">
      <c r="N1012458" s="10"/>
    </row>
    <row r="1012459" spans="14:14">
      <c r="N1012459" s="10"/>
    </row>
    <row r="1012460" spans="14:14">
      <c r="N1012460" s="10"/>
    </row>
    <row r="1012461" spans="14:14">
      <c r="N1012461" s="10"/>
    </row>
    <row r="1012462" spans="14:14">
      <c r="N1012462" s="10"/>
    </row>
    <row r="1012463" spans="14:14">
      <c r="N1012463" s="10"/>
    </row>
    <row r="1012464" spans="14:14">
      <c r="N1012464" s="10"/>
    </row>
    <row r="1012465" spans="14:14">
      <c r="N1012465" s="10"/>
    </row>
    <row r="1012466" spans="14:14">
      <c r="N1012466" s="10"/>
    </row>
    <row r="1012467" spans="14:14">
      <c r="N1012467" s="10"/>
    </row>
    <row r="1012468" spans="14:14">
      <c r="N1012468" s="10"/>
    </row>
    <row r="1012469" spans="14:14">
      <c r="N1012469" s="10"/>
    </row>
    <row r="1012470" spans="14:14">
      <c r="N1012470" s="10"/>
    </row>
    <row r="1012471" spans="14:14">
      <c r="N1012471" s="10"/>
    </row>
    <row r="1012472" spans="14:14">
      <c r="N1012472" s="10"/>
    </row>
    <row r="1012473" spans="14:14">
      <c r="N1012473" s="10"/>
    </row>
    <row r="1012474" spans="14:14">
      <c r="N1012474" s="10"/>
    </row>
    <row r="1012475" spans="14:14">
      <c r="N1012475" s="10"/>
    </row>
    <row r="1012476" spans="14:14">
      <c r="N1012476" s="10"/>
    </row>
    <row r="1012477" spans="14:14">
      <c r="N1012477" s="10"/>
    </row>
    <row r="1012478" spans="14:14">
      <c r="N1012478" s="10"/>
    </row>
    <row r="1012479" spans="14:14">
      <c r="N1012479" s="10"/>
    </row>
    <row r="1012480" spans="14:14">
      <c r="N1012480" s="10"/>
    </row>
    <row r="1012481" spans="14:14">
      <c r="N1012481" s="10"/>
    </row>
    <row r="1012482" spans="14:14">
      <c r="N1012482" s="10"/>
    </row>
    <row r="1012483" spans="14:14">
      <c r="N1012483" s="10"/>
    </row>
    <row r="1012484" spans="14:14">
      <c r="N1012484" s="10"/>
    </row>
    <row r="1012485" spans="14:14">
      <c r="N1012485" s="10"/>
    </row>
    <row r="1012486" spans="14:14">
      <c r="N1012486" s="10"/>
    </row>
    <row r="1012487" spans="14:14">
      <c r="N1012487" s="10"/>
    </row>
    <row r="1012488" spans="14:14">
      <c r="N1012488" s="10"/>
    </row>
    <row r="1012489" spans="14:14">
      <c r="N1012489" s="10"/>
    </row>
    <row r="1012490" spans="14:14">
      <c r="N1012490" s="10"/>
    </row>
    <row r="1012491" spans="14:14">
      <c r="N1012491" s="10"/>
    </row>
    <row r="1012492" spans="14:14">
      <c r="N1012492" s="10"/>
    </row>
    <row r="1012493" spans="14:14">
      <c r="N1012493" s="10"/>
    </row>
    <row r="1012494" spans="14:14">
      <c r="N1012494" s="10"/>
    </row>
    <row r="1012495" spans="14:14">
      <c r="N1012495" s="10"/>
    </row>
    <row r="1012496" spans="14:14">
      <c r="N1012496" s="10"/>
    </row>
    <row r="1012497" spans="14:14">
      <c r="N1012497" s="10"/>
    </row>
    <row r="1012498" spans="14:14">
      <c r="N1012498" s="10"/>
    </row>
    <row r="1012499" spans="14:14">
      <c r="N1012499" s="10"/>
    </row>
    <row r="1012500" spans="14:14">
      <c r="N1012500" s="10"/>
    </row>
    <row r="1012501" spans="14:14">
      <c r="N1012501" s="10"/>
    </row>
    <row r="1012502" spans="14:14">
      <c r="N1012502" s="10"/>
    </row>
    <row r="1012503" spans="14:14">
      <c r="N1012503" s="10"/>
    </row>
    <row r="1012504" spans="14:14">
      <c r="N1012504" s="10"/>
    </row>
    <row r="1012505" spans="14:14">
      <c r="N1012505" s="10"/>
    </row>
    <row r="1012506" spans="14:14">
      <c r="N1012506" s="10"/>
    </row>
    <row r="1012507" spans="14:14">
      <c r="N1012507" s="10"/>
    </row>
    <row r="1012508" spans="14:14">
      <c r="N1012508" s="10"/>
    </row>
    <row r="1012509" spans="14:14">
      <c r="N1012509" s="10"/>
    </row>
    <row r="1012510" spans="14:14">
      <c r="N1012510" s="10"/>
    </row>
    <row r="1012511" spans="14:14">
      <c r="N1012511" s="10"/>
    </row>
    <row r="1012512" spans="14:14">
      <c r="N1012512" s="10"/>
    </row>
    <row r="1012513" spans="14:14">
      <c r="N1012513" s="10"/>
    </row>
    <row r="1012514" spans="14:14">
      <c r="N1012514" s="10"/>
    </row>
    <row r="1012515" spans="14:14">
      <c r="N1012515" s="10"/>
    </row>
    <row r="1012516" spans="14:14">
      <c r="N1012516" s="10"/>
    </row>
    <row r="1012517" spans="14:14">
      <c r="N1012517" s="10"/>
    </row>
    <row r="1012518" spans="14:14">
      <c r="N1012518" s="10"/>
    </row>
    <row r="1012519" spans="14:14">
      <c r="N1012519" s="10"/>
    </row>
    <row r="1012520" spans="14:14">
      <c r="N1012520" s="10"/>
    </row>
    <row r="1012521" spans="14:14">
      <c r="N1012521" s="10"/>
    </row>
    <row r="1012522" spans="14:14">
      <c r="N1012522" s="10"/>
    </row>
    <row r="1012523" spans="14:14">
      <c r="N1012523" s="10"/>
    </row>
    <row r="1012524" spans="14:14">
      <c r="N1012524" s="10"/>
    </row>
    <row r="1012525" spans="14:14">
      <c r="N1012525" s="10"/>
    </row>
    <row r="1012526" spans="14:14">
      <c r="N1012526" s="10"/>
    </row>
    <row r="1012527" spans="14:14">
      <c r="N1012527" s="10"/>
    </row>
    <row r="1012528" spans="14:14">
      <c r="N1012528" s="10"/>
    </row>
    <row r="1012529" spans="14:14">
      <c r="N1012529" s="10"/>
    </row>
    <row r="1012530" spans="14:14">
      <c r="N1012530" s="10"/>
    </row>
    <row r="1012531" spans="14:14">
      <c r="N1012531" s="10"/>
    </row>
    <row r="1012532" spans="14:14">
      <c r="N1012532" s="10"/>
    </row>
    <row r="1012533" spans="14:14">
      <c r="N1012533" s="10"/>
    </row>
    <row r="1012534" spans="14:14">
      <c r="N1012534" s="10"/>
    </row>
    <row r="1012535" spans="14:14">
      <c r="N1012535" s="10"/>
    </row>
    <row r="1012536" spans="14:14">
      <c r="N1012536" s="10"/>
    </row>
    <row r="1012537" spans="14:14">
      <c r="N1012537" s="10"/>
    </row>
    <row r="1012538" spans="14:14">
      <c r="N1012538" s="10"/>
    </row>
    <row r="1012539" spans="14:14">
      <c r="N1012539" s="10"/>
    </row>
    <row r="1012540" spans="14:14">
      <c r="N1012540" s="10"/>
    </row>
    <row r="1012541" spans="14:14">
      <c r="N1012541" s="10"/>
    </row>
    <row r="1012542" spans="14:14">
      <c r="N1012542" s="10"/>
    </row>
    <row r="1012543" spans="14:14">
      <c r="N1012543" s="10"/>
    </row>
    <row r="1012544" spans="14:14">
      <c r="N1012544" s="10"/>
    </row>
    <row r="1012545" spans="14:14">
      <c r="N1012545" s="10"/>
    </row>
    <row r="1012546" spans="14:14">
      <c r="N1012546" s="10"/>
    </row>
    <row r="1012547" spans="14:14">
      <c r="N1012547" s="10"/>
    </row>
    <row r="1012548" spans="14:14">
      <c r="N1012548" s="10"/>
    </row>
    <row r="1012549" spans="14:14">
      <c r="N1012549" s="10"/>
    </row>
    <row r="1012550" spans="14:14">
      <c r="N1012550" s="10"/>
    </row>
    <row r="1012551" spans="14:14">
      <c r="N1012551" s="10"/>
    </row>
    <row r="1012552" spans="14:14">
      <c r="N1012552" s="10"/>
    </row>
    <row r="1012553" spans="14:14">
      <c r="N1012553" s="10"/>
    </row>
    <row r="1012554" spans="14:14">
      <c r="N1012554" s="10"/>
    </row>
    <row r="1012555" spans="14:14">
      <c r="N1012555" s="10"/>
    </row>
    <row r="1012556" spans="14:14">
      <c r="N1012556" s="10"/>
    </row>
    <row r="1012557" spans="14:14">
      <c r="N1012557" s="10"/>
    </row>
    <row r="1012558" spans="14:14">
      <c r="N1012558" s="10"/>
    </row>
    <row r="1012559" spans="14:14">
      <c r="N1012559" s="10"/>
    </row>
    <row r="1012560" spans="14:14">
      <c r="N1012560" s="10"/>
    </row>
    <row r="1012561" spans="14:14">
      <c r="N1012561" s="10"/>
    </row>
    <row r="1012562" spans="14:14">
      <c r="N1012562" s="10"/>
    </row>
    <row r="1012563" spans="14:14">
      <c r="N1012563" s="10"/>
    </row>
    <row r="1012564" spans="14:14">
      <c r="N1012564" s="10"/>
    </row>
    <row r="1012565" spans="14:14">
      <c r="N1012565" s="10"/>
    </row>
    <row r="1012566" spans="14:14">
      <c r="N1012566" s="10"/>
    </row>
    <row r="1012567" spans="14:14">
      <c r="N1012567" s="10"/>
    </row>
    <row r="1012568" spans="14:14">
      <c r="N1012568" s="10"/>
    </row>
    <row r="1012569" spans="14:14">
      <c r="N1012569" s="10"/>
    </row>
    <row r="1012570" spans="14:14">
      <c r="N1012570" s="10"/>
    </row>
    <row r="1012571" spans="14:14">
      <c r="N1012571" s="10"/>
    </row>
    <row r="1012572" spans="14:14">
      <c r="N1012572" s="10"/>
    </row>
    <row r="1012573" spans="14:14">
      <c r="N1012573" s="10"/>
    </row>
    <row r="1012574" spans="14:14">
      <c r="N1012574" s="10"/>
    </row>
    <row r="1012575" spans="14:14">
      <c r="N1012575" s="10"/>
    </row>
    <row r="1012576" spans="14:14">
      <c r="N1012576" s="10"/>
    </row>
    <row r="1012577" spans="14:14">
      <c r="N1012577" s="10"/>
    </row>
    <row r="1012578" spans="14:14">
      <c r="N1012578" s="10"/>
    </row>
    <row r="1012579" spans="14:14">
      <c r="N1012579" s="10"/>
    </row>
    <row r="1012580" spans="14:14">
      <c r="N1012580" s="10"/>
    </row>
    <row r="1012581" spans="14:14">
      <c r="N1012581" s="10"/>
    </row>
    <row r="1012582" spans="14:14">
      <c r="N1012582" s="10"/>
    </row>
    <row r="1012583" spans="14:14">
      <c r="N1012583" s="10"/>
    </row>
    <row r="1012584" spans="14:14">
      <c r="N1012584" s="10"/>
    </row>
    <row r="1012585" spans="14:14">
      <c r="N1012585" s="10"/>
    </row>
    <row r="1012586" spans="14:14">
      <c r="N1012586" s="10"/>
    </row>
    <row r="1012587" spans="14:14">
      <c r="N1012587" s="10"/>
    </row>
    <row r="1012588" spans="14:14">
      <c r="N1012588" s="10"/>
    </row>
    <row r="1012589" spans="14:14">
      <c r="N1012589" s="10"/>
    </row>
    <row r="1012590" spans="14:14">
      <c r="N1012590" s="10"/>
    </row>
    <row r="1012591" spans="14:14">
      <c r="N1012591" s="10"/>
    </row>
    <row r="1012592" spans="14:14">
      <c r="N1012592" s="10"/>
    </row>
    <row r="1012593" spans="14:14">
      <c r="N1012593" s="10"/>
    </row>
    <row r="1012594" spans="14:14">
      <c r="N1012594" s="10"/>
    </row>
    <row r="1012595" spans="14:14">
      <c r="N1012595" s="10"/>
    </row>
    <row r="1012596" spans="14:14">
      <c r="N1012596" s="10"/>
    </row>
    <row r="1012597" spans="14:14">
      <c r="N1012597" s="10"/>
    </row>
    <row r="1012598" spans="14:14">
      <c r="N1012598" s="10"/>
    </row>
    <row r="1012599" spans="14:14">
      <c r="N1012599" s="10"/>
    </row>
    <row r="1012600" spans="14:14">
      <c r="N1012600" s="10"/>
    </row>
    <row r="1012601" spans="14:14">
      <c r="N1012601" s="10"/>
    </row>
    <row r="1012602" spans="14:14">
      <c r="N1012602" s="10"/>
    </row>
    <row r="1012603" spans="14:14">
      <c r="N1012603" s="10"/>
    </row>
    <row r="1012604" spans="14:14">
      <c r="N1012604" s="10"/>
    </row>
    <row r="1012605" spans="14:14">
      <c r="N1012605" s="10"/>
    </row>
    <row r="1012606" spans="14:14">
      <c r="N1012606" s="10"/>
    </row>
    <row r="1012607" spans="14:14">
      <c r="N1012607" s="10"/>
    </row>
    <row r="1012608" spans="14:14">
      <c r="N1012608" s="10"/>
    </row>
    <row r="1012609" spans="14:14">
      <c r="N1012609" s="10"/>
    </row>
    <row r="1012610" spans="14:14">
      <c r="N1012610" s="10"/>
    </row>
    <row r="1012611" spans="14:14">
      <c r="N1012611" s="10"/>
    </row>
    <row r="1012612" spans="14:14">
      <c r="N1012612" s="10"/>
    </row>
    <row r="1012613" spans="14:14">
      <c r="N1012613" s="10"/>
    </row>
    <row r="1012614" spans="14:14">
      <c r="N1012614" s="10"/>
    </row>
    <row r="1012615" spans="14:14">
      <c r="N1012615" s="10"/>
    </row>
    <row r="1012616" spans="14:14">
      <c r="N1012616" s="10"/>
    </row>
    <row r="1012617" spans="14:14">
      <c r="N1012617" s="10"/>
    </row>
    <row r="1012618" spans="14:14">
      <c r="N1012618" s="10"/>
    </row>
    <row r="1012619" spans="14:14">
      <c r="N1012619" s="10"/>
    </row>
    <row r="1012620" spans="14:14">
      <c r="N1012620" s="10"/>
    </row>
    <row r="1012621" spans="14:14">
      <c r="N1012621" s="10"/>
    </row>
    <row r="1012622" spans="14:14">
      <c r="N1012622" s="10"/>
    </row>
    <row r="1012623" spans="14:14">
      <c r="N1012623" s="10"/>
    </row>
    <row r="1012624" spans="14:14">
      <c r="N1012624" s="10"/>
    </row>
    <row r="1012625" spans="14:14">
      <c r="N1012625" s="10"/>
    </row>
    <row r="1012626" spans="14:14">
      <c r="N1012626" s="10"/>
    </row>
    <row r="1012627" spans="14:14">
      <c r="N1012627" s="10"/>
    </row>
    <row r="1012628" spans="14:14">
      <c r="N1012628" s="10"/>
    </row>
    <row r="1012629" spans="14:14">
      <c r="N1012629" s="10"/>
    </row>
    <row r="1012630" spans="14:14">
      <c r="N1012630" s="10"/>
    </row>
    <row r="1012631" spans="14:14">
      <c r="N1012631" s="10"/>
    </row>
    <row r="1012632" spans="14:14">
      <c r="N1012632" s="10"/>
    </row>
    <row r="1012633" spans="14:14">
      <c r="N1012633" s="10"/>
    </row>
    <row r="1012634" spans="14:14">
      <c r="N1012634" s="10"/>
    </row>
    <row r="1012635" spans="14:14">
      <c r="N1012635" s="10"/>
    </row>
    <row r="1012636" spans="14:14">
      <c r="N1012636" s="10"/>
    </row>
    <row r="1012637" spans="14:14">
      <c r="N1012637" s="10"/>
    </row>
    <row r="1012638" spans="14:14">
      <c r="N1012638" s="10"/>
    </row>
    <row r="1012639" spans="14:14">
      <c r="N1012639" s="10"/>
    </row>
    <row r="1012640" spans="14:14">
      <c r="N1012640" s="10"/>
    </row>
    <row r="1012641" spans="14:14">
      <c r="N1012641" s="10"/>
    </row>
    <row r="1012642" spans="14:14">
      <c r="N1012642" s="10"/>
    </row>
    <row r="1012643" spans="14:14">
      <c r="N1012643" s="10"/>
    </row>
    <row r="1012644" spans="14:14">
      <c r="N1012644" s="10"/>
    </row>
    <row r="1012645" spans="14:14">
      <c r="N1012645" s="10"/>
    </row>
    <row r="1012646" spans="14:14">
      <c r="N1012646" s="10"/>
    </row>
    <row r="1012647" spans="14:14">
      <c r="N1012647" s="10"/>
    </row>
    <row r="1012648" spans="14:14">
      <c r="N1012648" s="10"/>
    </row>
    <row r="1012649" spans="14:14">
      <c r="N1012649" s="10"/>
    </row>
    <row r="1012650" spans="14:14">
      <c r="N1012650" s="10"/>
    </row>
    <row r="1012651" spans="14:14">
      <c r="N1012651" s="10"/>
    </row>
    <row r="1012652" spans="14:14">
      <c r="N1012652" s="10"/>
    </row>
    <row r="1012653" spans="14:14">
      <c r="N1012653" s="10"/>
    </row>
    <row r="1012654" spans="14:14">
      <c r="N1012654" s="10"/>
    </row>
    <row r="1012655" spans="14:14">
      <c r="N1012655" s="10"/>
    </row>
    <row r="1012656" spans="14:14">
      <c r="N1012656" s="10"/>
    </row>
    <row r="1012657" spans="14:14">
      <c r="N1012657" s="10"/>
    </row>
    <row r="1012658" spans="14:14">
      <c r="N1012658" s="10"/>
    </row>
    <row r="1012659" spans="14:14">
      <c r="N1012659" s="10"/>
    </row>
    <row r="1012660" spans="14:14">
      <c r="N1012660" s="10"/>
    </row>
    <row r="1012661" spans="14:14">
      <c r="N1012661" s="10"/>
    </row>
    <row r="1012662" spans="14:14">
      <c r="N1012662" s="10"/>
    </row>
    <row r="1012663" spans="14:14">
      <c r="N1012663" s="10"/>
    </row>
    <row r="1012664" spans="14:14">
      <c r="N1012664" s="10"/>
    </row>
    <row r="1012665" spans="14:14">
      <c r="N1012665" s="10"/>
    </row>
    <row r="1012666" spans="14:14">
      <c r="N1012666" s="10"/>
    </row>
    <row r="1012667" spans="14:14">
      <c r="N1012667" s="10"/>
    </row>
    <row r="1012668" spans="14:14">
      <c r="N1012668" s="10"/>
    </row>
    <row r="1012669" spans="14:14">
      <c r="N1012669" s="10"/>
    </row>
    <row r="1012670" spans="14:14">
      <c r="N1012670" s="10"/>
    </row>
    <row r="1012671" spans="14:14">
      <c r="N1012671" s="10"/>
    </row>
    <row r="1012672" spans="14:14">
      <c r="N1012672" s="10"/>
    </row>
    <row r="1012673" spans="14:14">
      <c r="N1012673" s="10"/>
    </row>
    <row r="1012674" spans="14:14">
      <c r="N1012674" s="10"/>
    </row>
    <row r="1012675" spans="14:14">
      <c r="N1012675" s="10"/>
    </row>
    <row r="1012676" spans="14:14">
      <c r="N1012676" s="10"/>
    </row>
    <row r="1012677" spans="14:14">
      <c r="N1012677" s="10"/>
    </row>
    <row r="1012678" spans="14:14">
      <c r="N1012678" s="10"/>
    </row>
    <row r="1012679" spans="14:14">
      <c r="N1012679" s="10"/>
    </row>
    <row r="1012680" spans="14:14">
      <c r="N1012680" s="10"/>
    </row>
    <row r="1012681" spans="14:14">
      <c r="N1012681" s="10"/>
    </row>
    <row r="1012682" spans="14:14">
      <c r="N1012682" s="10"/>
    </row>
    <row r="1012683" spans="14:14">
      <c r="N1012683" s="10"/>
    </row>
    <row r="1012684" spans="14:14">
      <c r="N1012684" s="10"/>
    </row>
    <row r="1012685" spans="14:14">
      <c r="N1012685" s="10"/>
    </row>
    <row r="1012686" spans="14:14">
      <c r="N1012686" s="10"/>
    </row>
    <row r="1012687" spans="14:14">
      <c r="N1012687" s="10"/>
    </row>
    <row r="1012688" spans="14:14">
      <c r="N1012688" s="10"/>
    </row>
    <row r="1012689" spans="14:14">
      <c r="N1012689" s="10"/>
    </row>
    <row r="1012690" spans="14:14">
      <c r="N1012690" s="10"/>
    </row>
    <row r="1012691" spans="14:14">
      <c r="N1012691" s="10"/>
    </row>
    <row r="1012692" spans="14:14">
      <c r="N1012692" s="10"/>
    </row>
    <row r="1012693" spans="14:14">
      <c r="N1012693" s="10"/>
    </row>
    <row r="1012694" spans="14:14">
      <c r="N1012694" s="10"/>
    </row>
    <row r="1012695" spans="14:14">
      <c r="N1012695" s="10"/>
    </row>
    <row r="1012696" spans="14:14">
      <c r="N1012696" s="10"/>
    </row>
    <row r="1012697" spans="14:14">
      <c r="N1012697" s="10"/>
    </row>
    <row r="1012698" spans="14:14">
      <c r="N1012698" s="10"/>
    </row>
    <row r="1012699" spans="14:14">
      <c r="N1012699" s="10"/>
    </row>
    <row r="1012700" spans="14:14">
      <c r="N1012700" s="10"/>
    </row>
    <row r="1012701" spans="14:14">
      <c r="N1012701" s="10"/>
    </row>
    <row r="1012702" spans="14:14">
      <c r="N1012702" s="10"/>
    </row>
    <row r="1012703" spans="14:14">
      <c r="N1012703" s="10"/>
    </row>
    <row r="1012704" spans="14:14">
      <c r="N1012704" s="10"/>
    </row>
    <row r="1012705" spans="14:14">
      <c r="N1012705" s="10"/>
    </row>
    <row r="1012706" spans="14:14">
      <c r="N1012706" s="10"/>
    </row>
    <row r="1012707" spans="14:14">
      <c r="N1012707" s="10"/>
    </row>
    <row r="1012708" spans="14:14">
      <c r="N1012708" s="10"/>
    </row>
    <row r="1012709" spans="14:14">
      <c r="N1012709" s="10"/>
    </row>
    <row r="1012710" spans="14:14">
      <c r="N1012710" s="10"/>
    </row>
    <row r="1012711" spans="14:14">
      <c r="N1012711" s="10"/>
    </row>
    <row r="1012712" spans="14:14">
      <c r="N1012712" s="10"/>
    </row>
    <row r="1012713" spans="14:14">
      <c r="N1012713" s="10"/>
    </row>
    <row r="1012714" spans="14:14">
      <c r="N1012714" s="10"/>
    </row>
    <row r="1012715" spans="14:14">
      <c r="N1012715" s="10"/>
    </row>
    <row r="1012716" spans="14:14">
      <c r="N1012716" s="10"/>
    </row>
    <row r="1012717" spans="14:14">
      <c r="N1012717" s="10"/>
    </row>
    <row r="1012718" spans="14:14">
      <c r="N1012718" s="10"/>
    </row>
    <row r="1012719" spans="14:14">
      <c r="N1012719" s="10"/>
    </row>
    <row r="1012720" spans="14:14">
      <c r="N1012720" s="10"/>
    </row>
    <row r="1012721" spans="14:14">
      <c r="N1012721" s="10"/>
    </row>
    <row r="1012722" spans="14:14">
      <c r="N1012722" s="10"/>
    </row>
    <row r="1012723" spans="14:14">
      <c r="N1012723" s="10"/>
    </row>
    <row r="1012724" spans="14:14">
      <c r="N1012724" s="10"/>
    </row>
    <row r="1012725" spans="14:14">
      <c r="N1012725" s="10"/>
    </row>
    <row r="1012726" spans="14:14">
      <c r="N1012726" s="10"/>
    </row>
    <row r="1012727" spans="14:14">
      <c r="N1012727" s="10"/>
    </row>
    <row r="1012728" spans="14:14">
      <c r="N1012728" s="10"/>
    </row>
    <row r="1012729" spans="14:14">
      <c r="N1012729" s="10"/>
    </row>
    <row r="1012730" spans="14:14">
      <c r="N1012730" s="10"/>
    </row>
    <row r="1012731" spans="14:14">
      <c r="N1012731" s="10"/>
    </row>
    <row r="1012732" spans="14:14">
      <c r="N1012732" s="10"/>
    </row>
    <row r="1012733" spans="14:14">
      <c r="N1012733" s="10"/>
    </row>
    <row r="1012734" spans="14:14">
      <c r="N1012734" s="10"/>
    </row>
    <row r="1012735" spans="14:14">
      <c r="N1012735" s="10"/>
    </row>
    <row r="1012736" spans="14:14">
      <c r="N1012736" s="10"/>
    </row>
    <row r="1012737" spans="14:14">
      <c r="N1012737" s="10"/>
    </row>
    <row r="1012738" spans="14:14">
      <c r="N1012738" s="10"/>
    </row>
    <row r="1012739" spans="14:14">
      <c r="N1012739" s="10"/>
    </row>
    <row r="1012740" spans="14:14">
      <c r="N1012740" s="10"/>
    </row>
    <row r="1012741" spans="14:14">
      <c r="N1012741" s="10"/>
    </row>
    <row r="1012742" spans="14:14">
      <c r="N1012742" s="10"/>
    </row>
    <row r="1012743" spans="14:14">
      <c r="N1012743" s="10"/>
    </row>
    <row r="1012744" spans="14:14">
      <c r="N1012744" s="10"/>
    </row>
    <row r="1012745" spans="14:14">
      <c r="N1012745" s="10"/>
    </row>
    <row r="1012746" spans="14:14">
      <c r="N1012746" s="10"/>
    </row>
    <row r="1012747" spans="14:14">
      <c r="N1012747" s="10"/>
    </row>
    <row r="1012748" spans="14:14">
      <c r="N1012748" s="10"/>
    </row>
    <row r="1012749" spans="14:14">
      <c r="N1012749" s="10"/>
    </row>
    <row r="1012750" spans="14:14">
      <c r="N1012750" s="10"/>
    </row>
    <row r="1012751" spans="14:14">
      <c r="N1012751" s="10"/>
    </row>
    <row r="1012752" spans="14:14">
      <c r="N1012752" s="10"/>
    </row>
    <row r="1012753" spans="14:14">
      <c r="N1012753" s="10"/>
    </row>
    <row r="1012754" spans="14:14">
      <c r="N1012754" s="10"/>
    </row>
    <row r="1012755" spans="14:14">
      <c r="N1012755" s="10"/>
    </row>
    <row r="1012756" spans="14:14">
      <c r="N1012756" s="10"/>
    </row>
    <row r="1012757" spans="14:14">
      <c r="N1012757" s="10"/>
    </row>
    <row r="1012758" spans="14:14">
      <c r="N1012758" s="10"/>
    </row>
    <row r="1012759" spans="14:14">
      <c r="N1012759" s="10"/>
    </row>
    <row r="1012760" spans="14:14">
      <c r="N1012760" s="10"/>
    </row>
    <row r="1012761" spans="14:14">
      <c r="N1012761" s="10"/>
    </row>
    <row r="1012762" spans="14:14">
      <c r="N1012762" s="10"/>
    </row>
    <row r="1012763" spans="14:14">
      <c r="N1012763" s="10"/>
    </row>
    <row r="1012764" spans="14:14">
      <c r="N1012764" s="10"/>
    </row>
    <row r="1012765" spans="14:14">
      <c r="N1012765" s="10"/>
    </row>
    <row r="1012766" spans="14:14">
      <c r="N1012766" s="10"/>
    </row>
    <row r="1012767" spans="14:14">
      <c r="N1012767" s="10"/>
    </row>
    <row r="1012768" spans="14:14">
      <c r="N1012768" s="10"/>
    </row>
    <row r="1012769" spans="14:14">
      <c r="N1012769" s="10"/>
    </row>
    <row r="1012770" spans="14:14">
      <c r="N1012770" s="10"/>
    </row>
    <row r="1012771" spans="14:14">
      <c r="N1012771" s="10"/>
    </row>
    <row r="1012772" spans="14:14">
      <c r="N1012772" s="10"/>
    </row>
    <row r="1012773" spans="14:14">
      <c r="N1012773" s="10"/>
    </row>
    <row r="1012774" spans="14:14">
      <c r="N1012774" s="10"/>
    </row>
    <row r="1012775" spans="14:14">
      <c r="N1012775" s="10"/>
    </row>
    <row r="1012776" spans="14:14">
      <c r="N1012776" s="10"/>
    </row>
    <row r="1012777" spans="14:14">
      <c r="N1012777" s="10"/>
    </row>
    <row r="1012778" spans="14:14">
      <c r="N1012778" s="10"/>
    </row>
    <row r="1012779" spans="14:14">
      <c r="N1012779" s="10"/>
    </row>
    <row r="1012780" spans="14:14">
      <c r="N1012780" s="10"/>
    </row>
    <row r="1012781" spans="14:14">
      <c r="N1012781" s="10"/>
    </row>
    <row r="1012782" spans="14:14">
      <c r="N1012782" s="10"/>
    </row>
    <row r="1012783" spans="14:14">
      <c r="N1012783" s="10"/>
    </row>
    <row r="1012784" spans="14:14">
      <c r="N1012784" s="10"/>
    </row>
    <row r="1012785" spans="14:14">
      <c r="N1012785" s="10"/>
    </row>
    <row r="1012786" spans="14:14">
      <c r="N1012786" s="10"/>
    </row>
    <row r="1012787" spans="14:14">
      <c r="N1012787" s="10"/>
    </row>
    <row r="1012788" spans="14:14">
      <c r="N1012788" s="10"/>
    </row>
    <row r="1012789" spans="14:14">
      <c r="N1012789" s="10"/>
    </row>
    <row r="1012790" spans="14:14">
      <c r="N1012790" s="10"/>
    </row>
    <row r="1012791" spans="14:14">
      <c r="N1012791" s="10"/>
    </row>
    <row r="1012792" spans="14:14">
      <c r="N1012792" s="10"/>
    </row>
    <row r="1012793" spans="14:14">
      <c r="N1012793" s="10"/>
    </row>
    <row r="1012794" spans="14:14">
      <c r="N1012794" s="10"/>
    </row>
    <row r="1012795" spans="14:14">
      <c r="N1012795" s="10"/>
    </row>
    <row r="1012796" spans="14:14">
      <c r="N1012796" s="10"/>
    </row>
    <row r="1012797" spans="14:14">
      <c r="N1012797" s="10"/>
    </row>
    <row r="1012798" spans="14:14">
      <c r="N1012798" s="10"/>
    </row>
    <row r="1012799" spans="14:14">
      <c r="N1012799" s="10"/>
    </row>
    <row r="1012800" spans="14:14">
      <c r="N1012800" s="10"/>
    </row>
    <row r="1012801" spans="14:14">
      <c r="N1012801" s="10"/>
    </row>
    <row r="1012802" spans="14:14">
      <c r="N1012802" s="10"/>
    </row>
    <row r="1012803" spans="14:14">
      <c r="N1012803" s="10"/>
    </row>
    <row r="1012804" spans="14:14">
      <c r="N1012804" s="10"/>
    </row>
    <row r="1012805" spans="14:14">
      <c r="N1012805" s="10"/>
    </row>
    <row r="1012806" spans="14:14">
      <c r="N1012806" s="10"/>
    </row>
    <row r="1012807" spans="14:14">
      <c r="N1012807" s="10"/>
    </row>
    <row r="1012808" spans="14:14">
      <c r="N1012808" s="10"/>
    </row>
    <row r="1012809" spans="14:14">
      <c r="N1012809" s="10"/>
    </row>
    <row r="1012810" spans="14:14">
      <c r="N1012810" s="10"/>
    </row>
    <row r="1012811" spans="14:14">
      <c r="N1012811" s="10"/>
    </row>
    <row r="1012812" spans="14:14">
      <c r="N1012812" s="10"/>
    </row>
    <row r="1012813" spans="14:14">
      <c r="N1012813" s="10"/>
    </row>
    <row r="1012814" spans="14:14">
      <c r="N1012814" s="10"/>
    </row>
    <row r="1012815" spans="14:14">
      <c r="N1012815" s="10"/>
    </row>
    <row r="1012816" spans="14:14">
      <c r="N1012816" s="10"/>
    </row>
    <row r="1012817" spans="14:14">
      <c r="N1012817" s="10"/>
    </row>
    <row r="1012818" spans="14:14">
      <c r="N1012818" s="10"/>
    </row>
    <row r="1012819" spans="14:14">
      <c r="N1012819" s="10"/>
    </row>
    <row r="1012820" spans="14:14">
      <c r="N1012820" s="10"/>
    </row>
    <row r="1012821" spans="14:14">
      <c r="N1012821" s="10"/>
    </row>
    <row r="1012822" spans="14:14">
      <c r="N1012822" s="10"/>
    </row>
    <row r="1012823" spans="14:14">
      <c r="N1012823" s="10"/>
    </row>
    <row r="1012824" spans="14:14">
      <c r="N1012824" s="10"/>
    </row>
    <row r="1012825" spans="14:14">
      <c r="N1012825" s="10"/>
    </row>
    <row r="1012826" spans="14:14">
      <c r="N1012826" s="10"/>
    </row>
    <row r="1012827" spans="14:14">
      <c r="N1012827" s="10"/>
    </row>
    <row r="1012828" spans="14:14">
      <c r="N1012828" s="10"/>
    </row>
    <row r="1012829" spans="14:14">
      <c r="N1012829" s="10"/>
    </row>
    <row r="1012830" spans="14:14">
      <c r="N1012830" s="10"/>
    </row>
    <row r="1012831" spans="14:14">
      <c r="N1012831" s="10"/>
    </row>
    <row r="1012832" spans="14:14">
      <c r="N1012832" s="10"/>
    </row>
    <row r="1012833" spans="14:14">
      <c r="N1012833" s="10"/>
    </row>
    <row r="1012834" spans="14:14">
      <c r="N1012834" s="10"/>
    </row>
    <row r="1012835" spans="14:14">
      <c r="N1012835" s="10"/>
    </row>
    <row r="1012836" spans="14:14">
      <c r="N1012836" s="10"/>
    </row>
    <row r="1012837" spans="14:14">
      <c r="N1012837" s="10"/>
    </row>
    <row r="1012838" spans="14:14">
      <c r="N1012838" s="10"/>
    </row>
    <row r="1012839" spans="14:14">
      <c r="N1012839" s="10"/>
    </row>
    <row r="1012840" spans="14:14">
      <c r="N1012840" s="10"/>
    </row>
    <row r="1012841" spans="14:14">
      <c r="N1012841" s="10"/>
    </row>
    <row r="1012842" spans="14:14">
      <c r="N1012842" s="10"/>
    </row>
    <row r="1012843" spans="14:14">
      <c r="N1012843" s="10"/>
    </row>
    <row r="1012844" spans="14:14">
      <c r="N1012844" s="10"/>
    </row>
    <row r="1012845" spans="14:14">
      <c r="N1012845" s="10"/>
    </row>
    <row r="1012846" spans="14:14">
      <c r="N1012846" s="10"/>
    </row>
    <row r="1012847" spans="14:14">
      <c r="N1012847" s="10"/>
    </row>
    <row r="1012848" spans="14:14">
      <c r="N1012848" s="10"/>
    </row>
    <row r="1012849" spans="14:14">
      <c r="N1012849" s="10"/>
    </row>
    <row r="1012850" spans="14:14">
      <c r="N1012850" s="10"/>
    </row>
    <row r="1012851" spans="14:14">
      <c r="N1012851" s="10"/>
    </row>
    <row r="1012852" spans="14:14">
      <c r="N1012852" s="10"/>
    </row>
    <row r="1012853" spans="14:14">
      <c r="N1012853" s="10"/>
    </row>
    <row r="1012854" spans="14:14">
      <c r="N1012854" s="10"/>
    </row>
    <row r="1012855" spans="14:14">
      <c r="N1012855" s="10"/>
    </row>
    <row r="1012856" spans="14:14">
      <c r="N1012856" s="10"/>
    </row>
    <row r="1012857" spans="14:14">
      <c r="N1012857" s="10"/>
    </row>
    <row r="1012858" spans="14:14">
      <c r="N1012858" s="10"/>
    </row>
    <row r="1012859" spans="14:14">
      <c r="N1012859" s="10"/>
    </row>
    <row r="1012860" spans="14:14">
      <c r="N1012860" s="10"/>
    </row>
    <row r="1012861" spans="14:14">
      <c r="N1012861" s="10"/>
    </row>
    <row r="1012862" spans="14:14">
      <c r="N1012862" s="10"/>
    </row>
    <row r="1012863" spans="14:14">
      <c r="N1012863" s="10"/>
    </row>
    <row r="1012864" spans="14:14">
      <c r="N1012864" s="10"/>
    </row>
    <row r="1012865" spans="14:14">
      <c r="N1012865" s="10"/>
    </row>
    <row r="1012866" spans="14:14">
      <c r="N1012866" s="10"/>
    </row>
    <row r="1012867" spans="14:14">
      <c r="N1012867" s="10"/>
    </row>
    <row r="1012868" spans="14:14">
      <c r="N1012868" s="10"/>
    </row>
    <row r="1012869" spans="14:14">
      <c r="N1012869" s="10"/>
    </row>
    <row r="1012870" spans="14:14">
      <c r="N1012870" s="10"/>
    </row>
    <row r="1012871" spans="14:14">
      <c r="N1012871" s="10"/>
    </row>
    <row r="1012872" spans="14:14">
      <c r="N1012872" s="10"/>
    </row>
    <row r="1012873" spans="14:14">
      <c r="N1012873" s="10"/>
    </row>
    <row r="1012874" spans="14:14">
      <c r="N1012874" s="10"/>
    </row>
    <row r="1012875" spans="14:14">
      <c r="N1012875" s="10"/>
    </row>
    <row r="1012876" spans="14:14">
      <c r="N1012876" s="10"/>
    </row>
    <row r="1012877" spans="14:14">
      <c r="N1012877" s="10"/>
    </row>
    <row r="1012878" spans="14:14">
      <c r="N1012878" s="10"/>
    </row>
    <row r="1012879" spans="14:14">
      <c r="N1012879" s="10"/>
    </row>
    <row r="1012880" spans="14:14">
      <c r="N1012880" s="10"/>
    </row>
    <row r="1012881" spans="14:14">
      <c r="N1012881" s="10"/>
    </row>
    <row r="1012882" spans="14:14">
      <c r="N1012882" s="10"/>
    </row>
    <row r="1012883" spans="14:14">
      <c r="N1012883" s="10"/>
    </row>
    <row r="1012884" spans="14:14">
      <c r="N1012884" s="10"/>
    </row>
    <row r="1012885" spans="14:14">
      <c r="N1012885" s="10"/>
    </row>
    <row r="1012886" spans="14:14">
      <c r="N1012886" s="10"/>
    </row>
    <row r="1012887" spans="14:14">
      <c r="N1012887" s="10"/>
    </row>
    <row r="1012888" spans="14:14">
      <c r="N1012888" s="10"/>
    </row>
    <row r="1012889" spans="14:14">
      <c r="N1012889" s="10"/>
    </row>
    <row r="1012890" spans="14:14">
      <c r="N1012890" s="10"/>
    </row>
    <row r="1012891" spans="14:14">
      <c r="N1012891" s="10"/>
    </row>
    <row r="1012892" spans="14:14">
      <c r="N1012892" s="10"/>
    </row>
    <row r="1012893" spans="14:14">
      <c r="N1012893" s="10"/>
    </row>
    <row r="1012894" spans="14:14">
      <c r="N1012894" s="10"/>
    </row>
    <row r="1012895" spans="14:14">
      <c r="N1012895" s="10"/>
    </row>
    <row r="1012896" spans="14:14">
      <c r="N1012896" s="10"/>
    </row>
    <row r="1012897" spans="14:14">
      <c r="N1012897" s="10"/>
    </row>
    <row r="1012898" spans="14:14">
      <c r="N1012898" s="10"/>
    </row>
    <row r="1012899" spans="14:14">
      <c r="N1012899" s="10"/>
    </row>
    <row r="1012900" spans="14:14">
      <c r="N1012900" s="10"/>
    </row>
    <row r="1012901" spans="14:14">
      <c r="N1012901" s="10"/>
    </row>
    <row r="1012902" spans="14:14">
      <c r="N1012902" s="10"/>
    </row>
    <row r="1012903" spans="14:14">
      <c r="N1012903" s="10"/>
    </row>
    <row r="1012904" spans="14:14">
      <c r="N1012904" s="10"/>
    </row>
    <row r="1012905" spans="14:14">
      <c r="N1012905" s="10"/>
    </row>
    <row r="1012906" spans="14:14">
      <c r="N1012906" s="10"/>
    </row>
    <row r="1012907" spans="14:14">
      <c r="N1012907" s="10"/>
    </row>
    <row r="1012908" spans="14:14">
      <c r="N1012908" s="10"/>
    </row>
    <row r="1012909" spans="14:14">
      <c r="N1012909" s="10"/>
    </row>
    <row r="1012910" spans="14:14">
      <c r="N1012910" s="10"/>
    </row>
    <row r="1012911" spans="14:14">
      <c r="N1012911" s="10"/>
    </row>
    <row r="1012912" spans="14:14">
      <c r="N1012912" s="10"/>
    </row>
    <row r="1012913" spans="14:14">
      <c r="N1012913" s="10"/>
    </row>
    <row r="1012914" spans="14:14">
      <c r="N1012914" s="10"/>
    </row>
    <row r="1012915" spans="14:14">
      <c r="N1012915" s="10"/>
    </row>
    <row r="1012916" spans="14:14">
      <c r="N1012916" s="10"/>
    </row>
    <row r="1012917" spans="14:14">
      <c r="N1012917" s="10"/>
    </row>
    <row r="1012918" spans="14:14">
      <c r="N1012918" s="10"/>
    </row>
    <row r="1012919" spans="14:14">
      <c r="N1012919" s="10"/>
    </row>
    <row r="1012920" spans="14:14">
      <c r="N1012920" s="10"/>
    </row>
    <row r="1012921" spans="14:14">
      <c r="N1012921" s="10"/>
    </row>
    <row r="1012922" spans="14:14">
      <c r="N1012922" s="10"/>
    </row>
    <row r="1012923" spans="14:14">
      <c r="N1012923" s="10"/>
    </row>
    <row r="1012924" spans="14:14">
      <c r="N1012924" s="10"/>
    </row>
    <row r="1012925" spans="14:14">
      <c r="N1012925" s="10"/>
    </row>
    <row r="1012926" spans="14:14">
      <c r="N1012926" s="10"/>
    </row>
    <row r="1012927" spans="14:14">
      <c r="N1012927" s="10"/>
    </row>
    <row r="1012928" spans="14:14">
      <c r="N1012928" s="10"/>
    </row>
    <row r="1012929" spans="14:14">
      <c r="N1012929" s="10"/>
    </row>
    <row r="1012930" spans="14:14">
      <c r="N1012930" s="10"/>
    </row>
    <row r="1012931" spans="14:14">
      <c r="N1012931" s="10"/>
    </row>
    <row r="1012932" spans="14:14">
      <c r="N1012932" s="10"/>
    </row>
    <row r="1012933" spans="14:14">
      <c r="N1012933" s="10"/>
    </row>
    <row r="1012934" spans="14:14">
      <c r="N1012934" s="10"/>
    </row>
    <row r="1012935" spans="14:14">
      <c r="N1012935" s="10"/>
    </row>
    <row r="1012936" spans="14:14">
      <c r="N1012936" s="10"/>
    </row>
    <row r="1012937" spans="14:14">
      <c r="N1012937" s="10"/>
    </row>
    <row r="1012938" spans="14:14">
      <c r="N1012938" s="10"/>
    </row>
    <row r="1012939" spans="14:14">
      <c r="N1012939" s="10"/>
    </row>
    <row r="1012940" spans="14:14">
      <c r="N1012940" s="10"/>
    </row>
    <row r="1012941" spans="14:14">
      <c r="N1012941" s="10"/>
    </row>
    <row r="1012942" spans="14:14">
      <c r="N1012942" s="10"/>
    </row>
    <row r="1012943" spans="14:14">
      <c r="N1012943" s="10"/>
    </row>
    <row r="1012944" spans="14:14">
      <c r="N1012944" s="10"/>
    </row>
    <row r="1012945" spans="14:14">
      <c r="N1012945" s="10"/>
    </row>
    <row r="1012946" spans="14:14">
      <c r="N1012946" s="10"/>
    </row>
    <row r="1012947" spans="14:14">
      <c r="N1012947" s="10"/>
    </row>
    <row r="1012948" spans="14:14">
      <c r="N1012948" s="10"/>
    </row>
    <row r="1012949" spans="14:14">
      <c r="N1012949" s="10"/>
    </row>
    <row r="1012950" spans="14:14">
      <c r="N1012950" s="10"/>
    </row>
    <row r="1012951" spans="14:14">
      <c r="N1012951" s="10"/>
    </row>
    <row r="1012952" spans="14:14">
      <c r="N1012952" s="10"/>
    </row>
    <row r="1012953" spans="14:14">
      <c r="N1012953" s="10"/>
    </row>
    <row r="1012954" spans="14:14">
      <c r="N1012954" s="10"/>
    </row>
    <row r="1012955" spans="14:14">
      <c r="N1012955" s="10"/>
    </row>
    <row r="1012956" spans="14:14">
      <c r="N1012956" s="10"/>
    </row>
    <row r="1012957" spans="14:14">
      <c r="N1012957" s="10"/>
    </row>
    <row r="1012958" spans="14:14">
      <c r="N1012958" s="10"/>
    </row>
    <row r="1012959" spans="14:14">
      <c r="N1012959" s="10"/>
    </row>
    <row r="1012960" spans="14:14">
      <c r="N1012960" s="10"/>
    </row>
    <row r="1012961" spans="14:14">
      <c r="N1012961" s="10"/>
    </row>
    <row r="1012962" spans="14:14">
      <c r="N1012962" s="10"/>
    </row>
    <row r="1012963" spans="14:14">
      <c r="N1012963" s="10"/>
    </row>
    <row r="1012964" spans="14:14">
      <c r="N1012964" s="10"/>
    </row>
    <row r="1012965" spans="14:14">
      <c r="N1012965" s="10"/>
    </row>
    <row r="1012966" spans="14:14">
      <c r="N1012966" s="10"/>
    </row>
    <row r="1012967" spans="14:14">
      <c r="N1012967" s="10"/>
    </row>
    <row r="1012968" spans="14:14">
      <c r="N1012968" s="10"/>
    </row>
    <row r="1012969" spans="14:14">
      <c r="N1012969" s="10"/>
    </row>
    <row r="1012970" spans="14:14">
      <c r="N1012970" s="10"/>
    </row>
    <row r="1012971" spans="14:14">
      <c r="N1012971" s="10"/>
    </row>
    <row r="1012972" spans="14:14">
      <c r="N1012972" s="10"/>
    </row>
    <row r="1012973" spans="14:14">
      <c r="N1012973" s="10"/>
    </row>
    <row r="1012974" spans="14:14">
      <c r="N1012974" s="10"/>
    </row>
    <row r="1012975" spans="14:14">
      <c r="N1012975" s="10"/>
    </row>
    <row r="1012976" spans="14:14">
      <c r="N1012976" s="10"/>
    </row>
    <row r="1012977" spans="14:14">
      <c r="N1012977" s="10"/>
    </row>
    <row r="1012978" spans="14:14">
      <c r="N1012978" s="10"/>
    </row>
    <row r="1012979" spans="14:14">
      <c r="N1012979" s="10"/>
    </row>
    <row r="1012980" spans="14:14">
      <c r="N1012980" s="10"/>
    </row>
    <row r="1012981" spans="14:14">
      <c r="N1012981" s="10"/>
    </row>
    <row r="1012982" spans="14:14">
      <c r="N1012982" s="10"/>
    </row>
    <row r="1012983" spans="14:14">
      <c r="N1012983" s="10"/>
    </row>
    <row r="1012984" spans="14:14">
      <c r="N1012984" s="10"/>
    </row>
    <row r="1012985" spans="14:14">
      <c r="N1012985" s="10"/>
    </row>
    <row r="1012986" spans="14:14">
      <c r="N1012986" s="10"/>
    </row>
    <row r="1012987" spans="14:14">
      <c r="N1012987" s="10"/>
    </row>
    <row r="1012988" spans="14:14">
      <c r="N1012988" s="10"/>
    </row>
    <row r="1012989" spans="14:14">
      <c r="N1012989" s="10"/>
    </row>
    <row r="1012990" spans="14:14">
      <c r="N1012990" s="10"/>
    </row>
    <row r="1012991" spans="14:14">
      <c r="N1012991" s="10"/>
    </row>
    <row r="1012992" spans="14:14">
      <c r="N1012992" s="10"/>
    </row>
    <row r="1012993" spans="14:14">
      <c r="N1012993" s="10"/>
    </row>
    <row r="1012994" spans="14:14">
      <c r="N1012994" s="10"/>
    </row>
    <row r="1012995" spans="14:14">
      <c r="N1012995" s="10"/>
    </row>
    <row r="1012996" spans="14:14">
      <c r="N1012996" s="10"/>
    </row>
    <row r="1012997" spans="14:14">
      <c r="N1012997" s="10"/>
    </row>
    <row r="1012998" spans="14:14">
      <c r="N1012998" s="10"/>
    </row>
    <row r="1012999" spans="14:14">
      <c r="N1012999" s="10"/>
    </row>
    <row r="1013000" spans="14:14">
      <c r="N1013000" s="10"/>
    </row>
    <row r="1013001" spans="14:14">
      <c r="N1013001" s="10"/>
    </row>
    <row r="1013002" spans="14:14">
      <c r="N1013002" s="10"/>
    </row>
    <row r="1013003" spans="14:14">
      <c r="N1013003" s="10"/>
    </row>
    <row r="1013004" spans="14:14">
      <c r="N1013004" s="10"/>
    </row>
    <row r="1013005" spans="14:14">
      <c r="N1013005" s="10"/>
    </row>
    <row r="1013006" spans="14:14">
      <c r="N1013006" s="10"/>
    </row>
    <row r="1013007" spans="14:14">
      <c r="N1013007" s="10"/>
    </row>
    <row r="1013008" spans="14:14">
      <c r="N1013008" s="10"/>
    </row>
    <row r="1013009" spans="14:14">
      <c r="N1013009" s="10"/>
    </row>
    <row r="1013010" spans="14:14">
      <c r="N1013010" s="10"/>
    </row>
    <row r="1013011" spans="14:14">
      <c r="N1013011" s="10"/>
    </row>
    <row r="1013012" spans="14:14">
      <c r="N1013012" s="10"/>
    </row>
    <row r="1013013" spans="14:14">
      <c r="N1013013" s="10"/>
    </row>
    <row r="1013014" spans="14:14">
      <c r="N1013014" s="10"/>
    </row>
    <row r="1013015" spans="14:14">
      <c r="N1013015" s="10"/>
    </row>
    <row r="1013016" spans="14:14">
      <c r="N1013016" s="10"/>
    </row>
    <row r="1013017" spans="14:14">
      <c r="N1013017" s="10"/>
    </row>
    <row r="1013018" spans="14:14">
      <c r="N1013018" s="10"/>
    </row>
    <row r="1013019" spans="14:14">
      <c r="N1013019" s="10"/>
    </row>
    <row r="1013020" spans="14:14">
      <c r="N1013020" s="10"/>
    </row>
    <row r="1013021" spans="14:14">
      <c r="N1013021" s="10"/>
    </row>
    <row r="1013022" spans="14:14">
      <c r="N1013022" s="10"/>
    </row>
    <row r="1013023" spans="14:14">
      <c r="N1013023" s="10"/>
    </row>
    <row r="1013024" spans="14:14">
      <c r="N1013024" s="10"/>
    </row>
    <row r="1013025" spans="14:14">
      <c r="N1013025" s="10"/>
    </row>
    <row r="1013026" spans="14:14">
      <c r="N1013026" s="10"/>
    </row>
    <row r="1013027" spans="14:14">
      <c r="N1013027" s="10"/>
    </row>
    <row r="1013028" spans="14:14">
      <c r="N1013028" s="10"/>
    </row>
    <row r="1013029" spans="14:14">
      <c r="N1013029" s="10"/>
    </row>
    <row r="1013030" spans="14:14">
      <c r="N1013030" s="10"/>
    </row>
    <row r="1013031" spans="14:14">
      <c r="N1013031" s="10"/>
    </row>
    <row r="1013032" spans="14:14">
      <c r="N1013032" s="10"/>
    </row>
    <row r="1013033" spans="14:14">
      <c r="N1013033" s="10"/>
    </row>
    <row r="1013034" spans="14:14">
      <c r="N1013034" s="10"/>
    </row>
    <row r="1013035" spans="14:14">
      <c r="N1013035" s="10"/>
    </row>
    <row r="1013036" spans="14:14">
      <c r="N1013036" s="10"/>
    </row>
    <row r="1013037" spans="14:14">
      <c r="N1013037" s="10"/>
    </row>
    <row r="1013038" spans="14:14">
      <c r="N1013038" s="10"/>
    </row>
    <row r="1013039" spans="14:14">
      <c r="N1013039" s="10"/>
    </row>
    <row r="1013040" spans="14:14">
      <c r="N1013040" s="10"/>
    </row>
    <row r="1013041" spans="14:14">
      <c r="N1013041" s="10"/>
    </row>
    <row r="1013042" spans="14:14">
      <c r="N1013042" s="10"/>
    </row>
    <row r="1013043" spans="14:14">
      <c r="N1013043" s="10"/>
    </row>
    <row r="1013044" spans="14:14">
      <c r="N1013044" s="10"/>
    </row>
    <row r="1013045" spans="14:14">
      <c r="N1013045" s="10"/>
    </row>
    <row r="1013046" spans="14:14">
      <c r="N1013046" s="10"/>
    </row>
    <row r="1013047" spans="14:14">
      <c r="N1013047" s="10"/>
    </row>
    <row r="1013048" spans="14:14">
      <c r="N1013048" s="10"/>
    </row>
    <row r="1013049" spans="14:14">
      <c r="N1013049" s="10"/>
    </row>
    <row r="1013050" spans="14:14">
      <c r="N1013050" s="10"/>
    </row>
    <row r="1013051" spans="14:14">
      <c r="N1013051" s="10"/>
    </row>
    <row r="1013052" spans="14:14">
      <c r="N1013052" s="10"/>
    </row>
    <row r="1013053" spans="14:14">
      <c r="N1013053" s="10"/>
    </row>
    <row r="1013054" spans="14:14">
      <c r="N1013054" s="10"/>
    </row>
    <row r="1013055" spans="14:14">
      <c r="N1013055" s="10"/>
    </row>
    <row r="1013056" spans="14:14">
      <c r="N1013056" s="10"/>
    </row>
    <row r="1013057" spans="14:14">
      <c r="N1013057" s="10"/>
    </row>
    <row r="1013058" spans="14:14">
      <c r="N1013058" s="10"/>
    </row>
    <row r="1013059" spans="14:14">
      <c r="N1013059" s="10"/>
    </row>
    <row r="1013060" spans="14:14">
      <c r="N1013060" s="10"/>
    </row>
    <row r="1013061" spans="14:14">
      <c r="N1013061" s="10"/>
    </row>
    <row r="1013062" spans="14:14">
      <c r="N1013062" s="10"/>
    </row>
    <row r="1013063" spans="14:14">
      <c r="N1013063" s="10"/>
    </row>
    <row r="1013064" spans="14:14">
      <c r="N1013064" s="10"/>
    </row>
    <row r="1013065" spans="14:14">
      <c r="N1013065" s="10"/>
    </row>
    <row r="1013066" spans="14:14">
      <c r="N1013066" s="10"/>
    </row>
    <row r="1013067" spans="14:14">
      <c r="N1013067" s="10"/>
    </row>
    <row r="1013068" spans="14:14">
      <c r="N1013068" s="10"/>
    </row>
    <row r="1013069" spans="14:14">
      <c r="N1013069" s="10"/>
    </row>
    <row r="1013070" spans="14:14">
      <c r="N1013070" s="10"/>
    </row>
    <row r="1013071" spans="14:14">
      <c r="N1013071" s="10"/>
    </row>
    <row r="1013072" spans="14:14">
      <c r="N1013072" s="10"/>
    </row>
    <row r="1013073" spans="14:14">
      <c r="N1013073" s="10"/>
    </row>
    <row r="1013074" spans="14:14">
      <c r="N1013074" s="10"/>
    </row>
    <row r="1013075" spans="14:14">
      <c r="N1013075" s="10"/>
    </row>
    <row r="1013076" spans="14:14">
      <c r="N1013076" s="10"/>
    </row>
    <row r="1013077" spans="14:14">
      <c r="N1013077" s="10"/>
    </row>
    <row r="1013078" spans="14:14">
      <c r="N1013078" s="10"/>
    </row>
    <row r="1013079" spans="14:14">
      <c r="N1013079" s="10"/>
    </row>
    <row r="1013080" spans="14:14">
      <c r="N1013080" s="10"/>
    </row>
    <row r="1013081" spans="14:14">
      <c r="N1013081" s="10"/>
    </row>
    <row r="1013082" spans="14:14">
      <c r="N1013082" s="10"/>
    </row>
    <row r="1013083" spans="14:14">
      <c r="N1013083" s="10"/>
    </row>
    <row r="1013084" spans="14:14">
      <c r="N1013084" s="10"/>
    </row>
    <row r="1013085" spans="14:14">
      <c r="N1013085" s="10"/>
    </row>
    <row r="1013086" spans="14:14">
      <c r="N1013086" s="10"/>
    </row>
    <row r="1013087" spans="14:14">
      <c r="N1013087" s="10"/>
    </row>
    <row r="1013088" spans="14:14">
      <c r="N1013088" s="10"/>
    </row>
    <row r="1013089" spans="14:14">
      <c r="N1013089" s="10"/>
    </row>
    <row r="1013090" spans="14:14">
      <c r="N1013090" s="10"/>
    </row>
    <row r="1013091" spans="14:14">
      <c r="N1013091" s="10"/>
    </row>
    <row r="1013092" spans="14:14">
      <c r="N1013092" s="10"/>
    </row>
    <row r="1013093" spans="14:14">
      <c r="N1013093" s="10"/>
    </row>
    <row r="1013094" spans="14:14">
      <c r="N1013094" s="10"/>
    </row>
    <row r="1013095" spans="14:14">
      <c r="N1013095" s="10"/>
    </row>
    <row r="1013096" spans="14:14">
      <c r="N1013096" s="10"/>
    </row>
    <row r="1013097" spans="14:14">
      <c r="N1013097" s="10"/>
    </row>
    <row r="1013098" spans="14:14">
      <c r="N1013098" s="10"/>
    </row>
    <row r="1013099" spans="14:14">
      <c r="N1013099" s="10"/>
    </row>
    <row r="1013100" spans="14:14">
      <c r="N1013100" s="10"/>
    </row>
    <row r="1013101" spans="14:14">
      <c r="N1013101" s="10"/>
    </row>
    <row r="1013102" spans="14:14">
      <c r="N1013102" s="10"/>
    </row>
    <row r="1013103" spans="14:14">
      <c r="N1013103" s="10"/>
    </row>
    <row r="1013104" spans="14:14">
      <c r="N1013104" s="10"/>
    </row>
    <row r="1013105" spans="14:14">
      <c r="N1013105" s="10"/>
    </row>
    <row r="1013106" spans="14:14">
      <c r="N1013106" s="10"/>
    </row>
    <row r="1013107" spans="14:14">
      <c r="N1013107" s="10"/>
    </row>
    <row r="1013108" spans="14:14">
      <c r="N1013108" s="10"/>
    </row>
    <row r="1013109" spans="14:14">
      <c r="N1013109" s="10"/>
    </row>
    <row r="1013110" spans="14:14">
      <c r="N1013110" s="10"/>
    </row>
    <row r="1013111" spans="14:14">
      <c r="N1013111" s="10"/>
    </row>
    <row r="1013112" spans="14:14">
      <c r="N1013112" s="10"/>
    </row>
    <row r="1013113" spans="14:14">
      <c r="N1013113" s="10"/>
    </row>
    <row r="1013114" spans="14:14">
      <c r="N1013114" s="10"/>
    </row>
    <row r="1013115" spans="14:14">
      <c r="N1013115" s="10"/>
    </row>
    <row r="1013116" spans="14:14">
      <c r="N1013116" s="10"/>
    </row>
    <row r="1013117" spans="14:14">
      <c r="N1013117" s="10"/>
    </row>
    <row r="1013118" spans="14:14">
      <c r="N1013118" s="10"/>
    </row>
    <row r="1013119" spans="14:14">
      <c r="N1013119" s="10"/>
    </row>
    <row r="1013120" spans="14:14">
      <c r="N1013120" s="10"/>
    </row>
    <row r="1013121" spans="14:14">
      <c r="N1013121" s="10"/>
    </row>
    <row r="1013122" spans="14:14">
      <c r="N1013122" s="10"/>
    </row>
    <row r="1013123" spans="14:14">
      <c r="N1013123" s="10"/>
    </row>
    <row r="1013124" spans="14:14">
      <c r="N1013124" s="10"/>
    </row>
    <row r="1013125" spans="14:14">
      <c r="N1013125" s="10"/>
    </row>
    <row r="1013126" spans="14:14">
      <c r="N1013126" s="10"/>
    </row>
    <row r="1013127" spans="14:14">
      <c r="N1013127" s="10"/>
    </row>
    <row r="1013128" spans="14:14">
      <c r="N1013128" s="10"/>
    </row>
    <row r="1013129" spans="14:14">
      <c r="N1013129" s="10"/>
    </row>
    <row r="1013130" spans="14:14">
      <c r="N1013130" s="10"/>
    </row>
    <row r="1013131" spans="14:14">
      <c r="N1013131" s="10"/>
    </row>
    <row r="1013132" spans="14:14">
      <c r="N1013132" s="10"/>
    </row>
    <row r="1013133" spans="14:14">
      <c r="N1013133" s="10"/>
    </row>
    <row r="1013134" spans="14:14">
      <c r="N1013134" s="10"/>
    </row>
    <row r="1013135" spans="14:14">
      <c r="N1013135" s="10"/>
    </row>
    <row r="1013136" spans="14:14">
      <c r="N1013136" s="10"/>
    </row>
    <row r="1013137" spans="14:14">
      <c r="N1013137" s="10"/>
    </row>
    <row r="1013138" spans="14:14">
      <c r="N1013138" s="10"/>
    </row>
    <row r="1013139" spans="14:14">
      <c r="N1013139" s="10"/>
    </row>
    <row r="1013140" spans="14:14">
      <c r="N1013140" s="10"/>
    </row>
    <row r="1013141" spans="14:14">
      <c r="N1013141" s="10"/>
    </row>
    <row r="1013142" spans="14:14">
      <c r="N1013142" s="10"/>
    </row>
    <row r="1013143" spans="14:14">
      <c r="N1013143" s="10"/>
    </row>
    <row r="1013144" spans="14:14">
      <c r="N1013144" s="10"/>
    </row>
    <row r="1013145" spans="14:14">
      <c r="N1013145" s="10"/>
    </row>
    <row r="1013146" spans="14:14">
      <c r="N1013146" s="10"/>
    </row>
    <row r="1013147" spans="14:14">
      <c r="N1013147" s="10"/>
    </row>
    <row r="1013148" spans="14:14">
      <c r="N1013148" s="10"/>
    </row>
    <row r="1013149" spans="14:14">
      <c r="N1013149" s="10"/>
    </row>
    <row r="1013150" spans="14:14">
      <c r="N1013150" s="10"/>
    </row>
    <row r="1013151" spans="14:14">
      <c r="N1013151" s="10"/>
    </row>
    <row r="1013152" spans="14:14">
      <c r="N1013152" s="10"/>
    </row>
    <row r="1013153" spans="14:14">
      <c r="N1013153" s="10"/>
    </row>
    <row r="1013154" spans="14:14">
      <c r="N1013154" s="10"/>
    </row>
    <row r="1013155" spans="14:14">
      <c r="N1013155" s="10"/>
    </row>
    <row r="1013156" spans="14:14">
      <c r="N1013156" s="10"/>
    </row>
    <row r="1013157" spans="14:14">
      <c r="N1013157" s="10"/>
    </row>
    <row r="1013158" spans="14:14">
      <c r="N1013158" s="10"/>
    </row>
    <row r="1013159" spans="14:14">
      <c r="N1013159" s="10"/>
    </row>
    <row r="1013160" spans="14:14">
      <c r="N1013160" s="10"/>
    </row>
    <row r="1013161" spans="14:14">
      <c r="N1013161" s="10"/>
    </row>
    <row r="1013162" spans="14:14">
      <c r="N1013162" s="10"/>
    </row>
    <row r="1013163" spans="14:14">
      <c r="N1013163" s="10"/>
    </row>
    <row r="1013164" spans="14:14">
      <c r="N1013164" s="10"/>
    </row>
    <row r="1013165" spans="14:14">
      <c r="N1013165" s="10"/>
    </row>
    <row r="1013166" spans="14:14">
      <c r="N1013166" s="10"/>
    </row>
    <row r="1013167" spans="14:14">
      <c r="N1013167" s="10"/>
    </row>
    <row r="1013168" spans="14:14">
      <c r="N1013168" s="10"/>
    </row>
    <row r="1013169" spans="14:14">
      <c r="N1013169" s="10"/>
    </row>
    <row r="1013170" spans="14:14">
      <c r="N1013170" s="10"/>
    </row>
    <row r="1013171" spans="14:14">
      <c r="N1013171" s="10"/>
    </row>
    <row r="1013172" spans="14:14">
      <c r="N1013172" s="10"/>
    </row>
    <row r="1013173" spans="14:14">
      <c r="N1013173" s="10"/>
    </row>
    <row r="1013174" spans="14:14">
      <c r="N1013174" s="10"/>
    </row>
    <row r="1013175" spans="14:14">
      <c r="N1013175" s="10"/>
    </row>
    <row r="1013176" spans="14:14">
      <c r="N1013176" s="10"/>
    </row>
    <row r="1013177" spans="14:14">
      <c r="N1013177" s="10"/>
    </row>
    <row r="1013178" spans="14:14">
      <c r="N1013178" s="10"/>
    </row>
    <row r="1013179" spans="14:14">
      <c r="N1013179" s="10"/>
    </row>
    <row r="1013180" spans="14:14">
      <c r="N1013180" s="10"/>
    </row>
    <row r="1013181" spans="14:14">
      <c r="N1013181" s="10"/>
    </row>
    <row r="1013182" spans="14:14">
      <c r="N1013182" s="10"/>
    </row>
    <row r="1013183" spans="14:14">
      <c r="N1013183" s="10"/>
    </row>
    <row r="1013184" spans="14:14">
      <c r="N1013184" s="10"/>
    </row>
    <row r="1013185" spans="14:14">
      <c r="N1013185" s="10"/>
    </row>
    <row r="1013186" spans="14:14">
      <c r="N1013186" s="10"/>
    </row>
    <row r="1013187" spans="14:14">
      <c r="N1013187" s="10"/>
    </row>
    <row r="1013188" spans="14:14">
      <c r="N1013188" s="10"/>
    </row>
    <row r="1013189" spans="14:14">
      <c r="N1013189" s="10"/>
    </row>
    <row r="1013190" spans="14:14">
      <c r="N1013190" s="10"/>
    </row>
    <row r="1013191" spans="14:14">
      <c r="N1013191" s="10"/>
    </row>
    <row r="1013192" spans="14:14">
      <c r="N1013192" s="10"/>
    </row>
    <row r="1013193" spans="14:14">
      <c r="N1013193" s="10"/>
    </row>
    <row r="1013194" spans="14:14">
      <c r="N1013194" s="10"/>
    </row>
    <row r="1013195" spans="14:14">
      <c r="N1013195" s="10"/>
    </row>
    <row r="1013196" spans="14:14">
      <c r="N1013196" s="10"/>
    </row>
    <row r="1013197" spans="14:14">
      <c r="N1013197" s="10"/>
    </row>
    <row r="1013198" spans="14:14">
      <c r="N1013198" s="10"/>
    </row>
    <row r="1013199" spans="14:14">
      <c r="N1013199" s="10"/>
    </row>
    <row r="1013200" spans="14:14">
      <c r="N1013200" s="10"/>
    </row>
    <row r="1013201" spans="14:14">
      <c r="N1013201" s="10"/>
    </row>
    <row r="1013202" spans="14:14">
      <c r="N1013202" s="10"/>
    </row>
    <row r="1013203" spans="14:14">
      <c r="N1013203" s="10"/>
    </row>
    <row r="1013204" spans="14:14">
      <c r="N1013204" s="10"/>
    </row>
    <row r="1013205" spans="14:14">
      <c r="N1013205" s="10"/>
    </row>
    <row r="1013206" spans="14:14">
      <c r="N1013206" s="10"/>
    </row>
    <row r="1013207" spans="14:14">
      <c r="N1013207" s="10"/>
    </row>
    <row r="1013208" spans="14:14">
      <c r="N1013208" s="10"/>
    </row>
    <row r="1013209" spans="14:14">
      <c r="N1013209" s="10"/>
    </row>
    <row r="1013210" spans="14:14">
      <c r="N1013210" s="10"/>
    </row>
    <row r="1013211" spans="14:14">
      <c r="N1013211" s="10"/>
    </row>
    <row r="1013212" spans="14:14">
      <c r="N1013212" s="10"/>
    </row>
    <row r="1013213" spans="14:14">
      <c r="N1013213" s="10"/>
    </row>
    <row r="1013214" spans="14:14">
      <c r="N1013214" s="10"/>
    </row>
    <row r="1013215" spans="14:14">
      <c r="N1013215" s="10"/>
    </row>
    <row r="1013216" spans="14:14">
      <c r="N1013216" s="10"/>
    </row>
    <row r="1013217" spans="14:14">
      <c r="N1013217" s="10"/>
    </row>
    <row r="1013218" spans="14:14">
      <c r="N1013218" s="10"/>
    </row>
    <row r="1013219" spans="14:14">
      <c r="N1013219" s="10"/>
    </row>
    <row r="1013220" spans="14:14">
      <c r="N1013220" s="10"/>
    </row>
    <row r="1013221" spans="14:14">
      <c r="N1013221" s="10"/>
    </row>
    <row r="1013222" spans="14:14">
      <c r="N1013222" s="10"/>
    </row>
    <row r="1013223" spans="14:14">
      <c r="N1013223" s="10"/>
    </row>
    <row r="1013224" spans="14:14">
      <c r="N1013224" s="10"/>
    </row>
    <row r="1013225" spans="14:14">
      <c r="N1013225" s="10"/>
    </row>
    <row r="1013226" spans="14:14">
      <c r="N1013226" s="10"/>
    </row>
    <row r="1013227" spans="14:14">
      <c r="N1013227" s="10"/>
    </row>
    <row r="1013228" spans="14:14">
      <c r="N1013228" s="10"/>
    </row>
    <row r="1013229" spans="14:14">
      <c r="N1013229" s="10"/>
    </row>
    <row r="1013230" spans="14:14">
      <c r="N1013230" s="10"/>
    </row>
    <row r="1013231" spans="14:14">
      <c r="N1013231" s="10"/>
    </row>
    <row r="1013232" spans="14:14">
      <c r="N1013232" s="10"/>
    </row>
    <row r="1013233" spans="14:14">
      <c r="N1013233" s="10"/>
    </row>
    <row r="1013234" spans="14:14">
      <c r="N1013234" s="10"/>
    </row>
    <row r="1013235" spans="14:14">
      <c r="N1013235" s="10"/>
    </row>
    <row r="1013236" spans="14:14">
      <c r="N1013236" s="10"/>
    </row>
    <row r="1013237" spans="14:14">
      <c r="N1013237" s="10"/>
    </row>
    <row r="1013238" spans="14:14">
      <c r="N1013238" s="10"/>
    </row>
    <row r="1013239" spans="14:14">
      <c r="N1013239" s="10"/>
    </row>
    <row r="1013240" spans="14:14">
      <c r="N1013240" s="10"/>
    </row>
    <row r="1013241" spans="14:14">
      <c r="N1013241" s="10"/>
    </row>
    <row r="1013242" spans="14:14">
      <c r="N1013242" s="10"/>
    </row>
    <row r="1013243" spans="14:14">
      <c r="N1013243" s="10"/>
    </row>
    <row r="1013244" spans="14:14">
      <c r="N1013244" s="10"/>
    </row>
    <row r="1013245" spans="14:14">
      <c r="N1013245" s="10"/>
    </row>
    <row r="1013246" spans="14:14">
      <c r="N1013246" s="10"/>
    </row>
    <row r="1013247" spans="14:14">
      <c r="N1013247" s="10"/>
    </row>
    <row r="1013248" spans="14:14">
      <c r="N1013248" s="10"/>
    </row>
    <row r="1013249" spans="14:14">
      <c r="N1013249" s="10"/>
    </row>
    <row r="1013250" spans="14:14">
      <c r="N1013250" s="10"/>
    </row>
    <row r="1013251" spans="14:14">
      <c r="N1013251" s="10"/>
    </row>
    <row r="1013252" spans="14:14">
      <c r="N1013252" s="10"/>
    </row>
    <row r="1013253" spans="14:14">
      <c r="N1013253" s="10"/>
    </row>
    <row r="1013254" spans="14:14">
      <c r="N1013254" s="10"/>
    </row>
    <row r="1013255" spans="14:14">
      <c r="N1013255" s="10"/>
    </row>
    <row r="1013256" spans="14:14">
      <c r="N1013256" s="10"/>
    </row>
    <row r="1013257" spans="14:14">
      <c r="N1013257" s="10"/>
    </row>
    <row r="1013258" spans="14:14">
      <c r="N1013258" s="10"/>
    </row>
    <row r="1013259" spans="14:14">
      <c r="N1013259" s="10"/>
    </row>
    <row r="1013260" spans="14:14">
      <c r="N1013260" s="10"/>
    </row>
    <row r="1013261" spans="14:14">
      <c r="N1013261" s="10"/>
    </row>
    <row r="1013262" spans="14:14">
      <c r="N1013262" s="10"/>
    </row>
    <row r="1013263" spans="14:14">
      <c r="N1013263" s="10"/>
    </row>
    <row r="1013264" spans="14:14">
      <c r="N1013264" s="10"/>
    </row>
    <row r="1013265" spans="14:14">
      <c r="N1013265" s="10"/>
    </row>
    <row r="1013266" spans="14:14">
      <c r="N1013266" s="10"/>
    </row>
    <row r="1013267" spans="14:14">
      <c r="N1013267" s="10"/>
    </row>
    <row r="1013268" spans="14:14">
      <c r="N1013268" s="10"/>
    </row>
    <row r="1013269" spans="14:14">
      <c r="N1013269" s="10"/>
    </row>
    <row r="1013270" spans="14:14">
      <c r="N1013270" s="10"/>
    </row>
    <row r="1013271" spans="14:14">
      <c r="N1013271" s="10"/>
    </row>
    <row r="1013272" spans="14:14">
      <c r="N1013272" s="10"/>
    </row>
    <row r="1013273" spans="14:14">
      <c r="N1013273" s="10"/>
    </row>
    <row r="1013274" spans="14:14">
      <c r="N1013274" s="10"/>
    </row>
    <row r="1013275" spans="14:14">
      <c r="N1013275" s="10"/>
    </row>
    <row r="1013276" spans="14:14">
      <c r="N1013276" s="10"/>
    </row>
    <row r="1013277" spans="14:14">
      <c r="N1013277" s="10"/>
    </row>
    <row r="1013278" spans="14:14">
      <c r="N1013278" s="10"/>
    </row>
    <row r="1013279" spans="14:14">
      <c r="N1013279" s="10"/>
    </row>
    <row r="1013280" spans="14:14">
      <c r="N1013280" s="10"/>
    </row>
    <row r="1013281" spans="14:14">
      <c r="N1013281" s="10"/>
    </row>
    <row r="1013282" spans="14:14">
      <c r="N1013282" s="10"/>
    </row>
    <row r="1013283" spans="14:14">
      <c r="N1013283" s="10"/>
    </row>
    <row r="1013284" spans="14:14">
      <c r="N1013284" s="10"/>
    </row>
    <row r="1013285" spans="14:14">
      <c r="N1013285" s="10"/>
    </row>
    <row r="1013286" spans="14:14">
      <c r="N1013286" s="10"/>
    </row>
    <row r="1013287" spans="14:14">
      <c r="N1013287" s="10"/>
    </row>
    <row r="1013288" spans="14:14">
      <c r="N1013288" s="10"/>
    </row>
    <row r="1013289" spans="14:14">
      <c r="N1013289" s="10"/>
    </row>
    <row r="1013290" spans="14:14">
      <c r="N1013290" s="10"/>
    </row>
    <row r="1013291" spans="14:14">
      <c r="N1013291" s="10"/>
    </row>
    <row r="1013292" spans="14:14">
      <c r="N1013292" s="10"/>
    </row>
    <row r="1013293" spans="14:14">
      <c r="N1013293" s="10"/>
    </row>
    <row r="1013294" spans="14:14">
      <c r="N1013294" s="10"/>
    </row>
    <row r="1013295" spans="14:14">
      <c r="N1013295" s="10"/>
    </row>
    <row r="1013296" spans="14:14">
      <c r="N1013296" s="10"/>
    </row>
    <row r="1013297" spans="14:14">
      <c r="N1013297" s="10"/>
    </row>
    <row r="1013298" spans="14:14">
      <c r="N1013298" s="10"/>
    </row>
    <row r="1013299" spans="14:14">
      <c r="N1013299" s="10"/>
    </row>
    <row r="1013300" spans="14:14">
      <c r="N1013300" s="10"/>
    </row>
    <row r="1013301" spans="14:14">
      <c r="N1013301" s="10"/>
    </row>
    <row r="1013302" spans="14:14">
      <c r="N1013302" s="10"/>
    </row>
    <row r="1013303" spans="14:14">
      <c r="N1013303" s="10"/>
    </row>
    <row r="1013304" spans="14:14">
      <c r="N1013304" s="10"/>
    </row>
    <row r="1013305" spans="14:14">
      <c r="N1013305" s="10"/>
    </row>
    <row r="1013306" spans="14:14">
      <c r="N1013306" s="10"/>
    </row>
    <row r="1013307" spans="14:14">
      <c r="N1013307" s="10"/>
    </row>
    <row r="1013308" spans="14:14">
      <c r="N1013308" s="10"/>
    </row>
    <row r="1013309" spans="14:14">
      <c r="N1013309" s="10"/>
    </row>
    <row r="1013310" spans="14:14">
      <c r="N1013310" s="10"/>
    </row>
    <row r="1013311" spans="14:14">
      <c r="N1013311" s="10"/>
    </row>
    <row r="1013312" spans="14:14">
      <c r="N1013312" s="10"/>
    </row>
    <row r="1013313" spans="14:14">
      <c r="N1013313" s="10"/>
    </row>
    <row r="1013314" spans="14:14">
      <c r="N1013314" s="10"/>
    </row>
    <row r="1013315" spans="14:14">
      <c r="N1013315" s="10"/>
    </row>
    <row r="1013316" spans="14:14">
      <c r="N1013316" s="10"/>
    </row>
    <row r="1013317" spans="14:14">
      <c r="N1013317" s="10"/>
    </row>
    <row r="1013318" spans="14:14">
      <c r="N1013318" s="10"/>
    </row>
    <row r="1013319" spans="14:14">
      <c r="N1013319" s="10"/>
    </row>
    <row r="1013320" spans="14:14">
      <c r="N1013320" s="10"/>
    </row>
    <row r="1013321" spans="14:14">
      <c r="N1013321" s="10"/>
    </row>
    <row r="1013322" spans="14:14">
      <c r="N1013322" s="10"/>
    </row>
    <row r="1013323" spans="14:14">
      <c r="N1013323" s="10"/>
    </row>
    <row r="1013324" spans="14:14">
      <c r="N1013324" s="10"/>
    </row>
    <row r="1013325" spans="14:14">
      <c r="N1013325" s="10"/>
    </row>
    <row r="1013326" spans="14:14">
      <c r="N1013326" s="10"/>
    </row>
    <row r="1013327" spans="14:14">
      <c r="N1013327" s="10"/>
    </row>
    <row r="1013328" spans="14:14">
      <c r="N1013328" s="10"/>
    </row>
    <row r="1013329" spans="14:14">
      <c r="N1013329" s="10"/>
    </row>
    <row r="1013330" spans="14:14">
      <c r="N1013330" s="10"/>
    </row>
    <row r="1013331" spans="14:14">
      <c r="N1013331" s="10"/>
    </row>
    <row r="1013332" spans="14:14">
      <c r="N1013332" s="10"/>
    </row>
    <row r="1013333" spans="14:14">
      <c r="N1013333" s="10"/>
    </row>
    <row r="1013334" spans="14:14">
      <c r="N1013334" s="10"/>
    </row>
    <row r="1013335" spans="14:14">
      <c r="N1013335" s="10"/>
    </row>
    <row r="1013336" spans="14:14">
      <c r="N1013336" s="10"/>
    </row>
    <row r="1013337" spans="14:14">
      <c r="N1013337" s="10"/>
    </row>
    <row r="1013338" spans="14:14">
      <c r="N1013338" s="10"/>
    </row>
    <row r="1013339" spans="14:14">
      <c r="N1013339" s="10"/>
    </row>
    <row r="1013340" spans="14:14">
      <c r="N1013340" s="10"/>
    </row>
    <row r="1013341" spans="14:14">
      <c r="N1013341" s="10"/>
    </row>
    <row r="1013342" spans="14:14">
      <c r="N1013342" s="10"/>
    </row>
    <row r="1013343" spans="14:14">
      <c r="N1013343" s="10"/>
    </row>
    <row r="1013344" spans="14:14">
      <c r="N1013344" s="10"/>
    </row>
    <row r="1013345" spans="14:14">
      <c r="N1013345" s="10"/>
    </row>
    <row r="1013346" spans="14:14">
      <c r="N1013346" s="10"/>
    </row>
    <row r="1013347" spans="14:14">
      <c r="N1013347" s="10"/>
    </row>
    <row r="1013348" spans="14:14">
      <c r="N1013348" s="10"/>
    </row>
    <row r="1013349" spans="14:14">
      <c r="N1013349" s="10"/>
    </row>
    <row r="1013350" spans="14:14">
      <c r="N1013350" s="10"/>
    </row>
    <row r="1013351" spans="14:14">
      <c r="N1013351" s="10"/>
    </row>
    <row r="1013352" spans="14:14">
      <c r="N1013352" s="10"/>
    </row>
    <row r="1013353" spans="14:14">
      <c r="N1013353" s="10"/>
    </row>
    <row r="1013354" spans="14:14">
      <c r="N1013354" s="10"/>
    </row>
    <row r="1013355" spans="14:14">
      <c r="N1013355" s="10"/>
    </row>
    <row r="1013356" spans="14:14">
      <c r="N1013356" s="10"/>
    </row>
    <row r="1013357" spans="14:14">
      <c r="N1013357" s="10"/>
    </row>
    <row r="1013358" spans="14:14">
      <c r="N1013358" s="10"/>
    </row>
    <row r="1013359" spans="14:14">
      <c r="N1013359" s="10"/>
    </row>
    <row r="1013360" spans="14:14">
      <c r="N1013360" s="10"/>
    </row>
    <row r="1013361" spans="14:14">
      <c r="N1013361" s="10"/>
    </row>
    <row r="1013362" spans="14:14">
      <c r="N1013362" s="10"/>
    </row>
    <row r="1013363" spans="14:14">
      <c r="N1013363" s="10"/>
    </row>
    <row r="1013364" spans="14:14">
      <c r="N1013364" s="10"/>
    </row>
    <row r="1013365" spans="14:14">
      <c r="N1013365" s="10"/>
    </row>
    <row r="1013366" spans="14:14">
      <c r="N1013366" s="10"/>
    </row>
    <row r="1013367" spans="14:14">
      <c r="N1013367" s="10"/>
    </row>
    <row r="1013368" spans="14:14">
      <c r="N1013368" s="10"/>
    </row>
    <row r="1013369" spans="14:14">
      <c r="N1013369" s="10"/>
    </row>
    <row r="1013370" spans="14:14">
      <c r="N1013370" s="10"/>
    </row>
    <row r="1013371" spans="14:14">
      <c r="N1013371" s="10"/>
    </row>
    <row r="1013372" spans="14:14">
      <c r="N1013372" s="10"/>
    </row>
    <row r="1013373" spans="14:14">
      <c r="N1013373" s="10"/>
    </row>
    <row r="1013374" spans="14:14">
      <c r="N1013374" s="10"/>
    </row>
    <row r="1013375" spans="14:14">
      <c r="N1013375" s="10"/>
    </row>
    <row r="1013376" spans="14:14">
      <c r="N1013376" s="10"/>
    </row>
    <row r="1013377" spans="14:14">
      <c r="N1013377" s="10"/>
    </row>
    <row r="1013378" spans="14:14">
      <c r="N1013378" s="10"/>
    </row>
    <row r="1013379" spans="14:14">
      <c r="N1013379" s="10"/>
    </row>
    <row r="1013380" spans="14:14">
      <c r="N1013380" s="10"/>
    </row>
    <row r="1013381" spans="14:14">
      <c r="N1013381" s="10"/>
    </row>
    <row r="1013382" spans="14:14">
      <c r="N1013382" s="10"/>
    </row>
    <row r="1013383" spans="14:14">
      <c r="N1013383" s="10"/>
    </row>
    <row r="1013384" spans="14:14">
      <c r="N1013384" s="10"/>
    </row>
    <row r="1013385" spans="14:14">
      <c r="N1013385" s="10"/>
    </row>
    <row r="1013386" spans="14:14">
      <c r="N1013386" s="10"/>
    </row>
    <row r="1013387" spans="14:14">
      <c r="N1013387" s="10"/>
    </row>
    <row r="1013388" spans="14:14">
      <c r="N1013388" s="10"/>
    </row>
    <row r="1013389" spans="14:14">
      <c r="N1013389" s="10"/>
    </row>
    <row r="1013390" spans="14:14">
      <c r="N1013390" s="10"/>
    </row>
    <row r="1013391" spans="14:14">
      <c r="N1013391" s="10"/>
    </row>
    <row r="1013392" spans="14:14">
      <c r="N1013392" s="10"/>
    </row>
    <row r="1013393" spans="14:14">
      <c r="N1013393" s="10"/>
    </row>
    <row r="1013394" spans="14:14">
      <c r="N1013394" s="10"/>
    </row>
    <row r="1013395" spans="14:14">
      <c r="N1013395" s="10"/>
    </row>
    <row r="1013396" spans="14:14">
      <c r="N1013396" s="10"/>
    </row>
    <row r="1013397" spans="14:14">
      <c r="N1013397" s="10"/>
    </row>
    <row r="1013398" spans="14:14">
      <c r="N1013398" s="10"/>
    </row>
    <row r="1013399" spans="14:14">
      <c r="N1013399" s="10"/>
    </row>
    <row r="1013400" spans="14:14">
      <c r="N1013400" s="10"/>
    </row>
    <row r="1013401" spans="14:14">
      <c r="N1013401" s="10"/>
    </row>
    <row r="1013402" spans="14:14">
      <c r="N1013402" s="10"/>
    </row>
    <row r="1013403" spans="14:14">
      <c r="N1013403" s="10"/>
    </row>
    <row r="1013404" spans="14:14">
      <c r="N1013404" s="10"/>
    </row>
    <row r="1013405" spans="14:14">
      <c r="N1013405" s="10"/>
    </row>
    <row r="1013406" spans="14:14">
      <c r="N1013406" s="10"/>
    </row>
    <row r="1013407" spans="14:14">
      <c r="N1013407" s="10"/>
    </row>
    <row r="1013408" spans="14:14">
      <c r="N1013408" s="10"/>
    </row>
    <row r="1013409" spans="14:14">
      <c r="N1013409" s="10"/>
    </row>
    <row r="1013410" spans="14:14">
      <c r="N1013410" s="10"/>
    </row>
    <row r="1013411" spans="14:14">
      <c r="N1013411" s="10"/>
    </row>
    <row r="1013412" spans="14:14">
      <c r="N1013412" s="10"/>
    </row>
    <row r="1013413" spans="14:14">
      <c r="N1013413" s="10"/>
    </row>
    <row r="1013414" spans="14:14">
      <c r="N1013414" s="10"/>
    </row>
    <row r="1013415" spans="14:14">
      <c r="N1013415" s="10"/>
    </row>
    <row r="1013416" spans="14:14">
      <c r="N1013416" s="10"/>
    </row>
    <row r="1013417" spans="14:14">
      <c r="N1013417" s="10"/>
    </row>
    <row r="1013418" spans="14:14">
      <c r="N1013418" s="10"/>
    </row>
    <row r="1013419" spans="14:14">
      <c r="N1013419" s="10"/>
    </row>
    <row r="1013420" spans="14:14">
      <c r="N1013420" s="10"/>
    </row>
    <row r="1013421" spans="14:14">
      <c r="N1013421" s="10"/>
    </row>
    <row r="1013422" spans="14:14">
      <c r="N1013422" s="10"/>
    </row>
    <row r="1013423" spans="14:14">
      <c r="N1013423" s="10"/>
    </row>
    <row r="1013424" spans="14:14">
      <c r="N1013424" s="10"/>
    </row>
    <row r="1013425" spans="14:14">
      <c r="N1013425" s="10"/>
    </row>
    <row r="1013426" spans="14:14">
      <c r="N1013426" s="10"/>
    </row>
    <row r="1013427" spans="14:14">
      <c r="N1013427" s="10"/>
    </row>
    <row r="1013428" spans="14:14">
      <c r="N1013428" s="10"/>
    </row>
    <row r="1013429" spans="14:14">
      <c r="N1013429" s="10"/>
    </row>
    <row r="1013430" spans="14:14">
      <c r="N1013430" s="10"/>
    </row>
    <row r="1013431" spans="14:14">
      <c r="N1013431" s="10"/>
    </row>
    <row r="1013432" spans="14:14">
      <c r="N1013432" s="10"/>
    </row>
    <row r="1013433" spans="14:14">
      <c r="N1013433" s="10"/>
    </row>
    <row r="1013434" spans="14:14">
      <c r="N1013434" s="10"/>
    </row>
    <row r="1013435" spans="14:14">
      <c r="N1013435" s="10"/>
    </row>
    <row r="1013436" spans="14:14">
      <c r="N1013436" s="10"/>
    </row>
    <row r="1013437" spans="14:14">
      <c r="N1013437" s="10"/>
    </row>
    <row r="1013438" spans="14:14">
      <c r="N1013438" s="10"/>
    </row>
    <row r="1013439" spans="14:14">
      <c r="N1013439" s="10"/>
    </row>
    <row r="1013440" spans="14:14">
      <c r="N1013440" s="10"/>
    </row>
    <row r="1013441" spans="14:14">
      <c r="N1013441" s="10"/>
    </row>
    <row r="1013442" spans="14:14">
      <c r="N1013442" s="10"/>
    </row>
    <row r="1013443" spans="14:14">
      <c r="N1013443" s="10"/>
    </row>
    <row r="1013444" spans="14:14">
      <c r="N1013444" s="10"/>
    </row>
    <row r="1013445" spans="14:14">
      <c r="N1013445" s="10"/>
    </row>
    <row r="1013446" spans="14:14">
      <c r="N1013446" s="10"/>
    </row>
    <row r="1013447" spans="14:14">
      <c r="N1013447" s="10"/>
    </row>
    <row r="1013448" spans="14:14">
      <c r="N1013448" s="10"/>
    </row>
    <row r="1013449" spans="14:14">
      <c r="N1013449" s="10"/>
    </row>
    <row r="1013450" spans="14:14">
      <c r="N1013450" s="10"/>
    </row>
    <row r="1013451" spans="14:14">
      <c r="N1013451" s="10"/>
    </row>
    <row r="1013452" spans="14:14">
      <c r="N1013452" s="10"/>
    </row>
    <row r="1013453" spans="14:14">
      <c r="N1013453" s="10"/>
    </row>
    <row r="1013454" spans="14:14">
      <c r="N1013454" s="10"/>
    </row>
    <row r="1013455" spans="14:14">
      <c r="N1013455" s="10"/>
    </row>
    <row r="1013456" spans="14:14">
      <c r="N1013456" s="10"/>
    </row>
    <row r="1013457" spans="14:14">
      <c r="N1013457" s="10"/>
    </row>
    <row r="1013458" spans="14:14">
      <c r="N1013458" s="10"/>
    </row>
    <row r="1013459" spans="14:14">
      <c r="N1013459" s="10"/>
    </row>
    <row r="1013460" spans="14:14">
      <c r="N1013460" s="10"/>
    </row>
    <row r="1013461" spans="14:14">
      <c r="N1013461" s="10"/>
    </row>
    <row r="1013462" spans="14:14">
      <c r="N1013462" s="10"/>
    </row>
    <row r="1013463" spans="14:14">
      <c r="N1013463" s="10"/>
    </row>
    <row r="1013464" spans="14:14">
      <c r="N1013464" s="10"/>
    </row>
    <row r="1013465" spans="14:14">
      <c r="N1013465" s="10"/>
    </row>
    <row r="1013466" spans="14:14">
      <c r="N1013466" s="10"/>
    </row>
    <row r="1013467" spans="14:14">
      <c r="N1013467" s="10"/>
    </row>
    <row r="1013468" spans="14:14">
      <c r="N1013468" s="10"/>
    </row>
    <row r="1013469" spans="14:14">
      <c r="N1013469" s="10"/>
    </row>
    <row r="1013470" spans="14:14">
      <c r="N1013470" s="10"/>
    </row>
    <row r="1013471" spans="14:14">
      <c r="N1013471" s="10"/>
    </row>
    <row r="1013472" spans="14:14">
      <c r="N1013472" s="10"/>
    </row>
    <row r="1013473" spans="14:14">
      <c r="N1013473" s="10"/>
    </row>
    <row r="1013474" spans="14:14">
      <c r="N1013474" s="10"/>
    </row>
    <row r="1013475" spans="14:14">
      <c r="N1013475" s="10"/>
    </row>
    <row r="1013476" spans="14:14">
      <c r="N1013476" s="10"/>
    </row>
    <row r="1013477" spans="14:14">
      <c r="N1013477" s="10"/>
    </row>
    <row r="1013478" spans="14:14">
      <c r="N1013478" s="10"/>
    </row>
    <row r="1013479" spans="14:14">
      <c r="N1013479" s="10"/>
    </row>
    <row r="1013480" spans="14:14">
      <c r="N1013480" s="10"/>
    </row>
    <row r="1013481" spans="14:14">
      <c r="N1013481" s="10"/>
    </row>
    <row r="1013482" spans="14:14">
      <c r="N1013482" s="10"/>
    </row>
    <row r="1013483" spans="14:14">
      <c r="N1013483" s="10"/>
    </row>
    <row r="1013484" spans="14:14">
      <c r="N1013484" s="10"/>
    </row>
    <row r="1013485" spans="14:14">
      <c r="N1013485" s="10"/>
    </row>
    <row r="1013486" spans="14:14">
      <c r="N1013486" s="10"/>
    </row>
    <row r="1013487" spans="14:14">
      <c r="N1013487" s="10"/>
    </row>
    <row r="1013488" spans="14:14">
      <c r="N1013488" s="10"/>
    </row>
    <row r="1013489" spans="14:14">
      <c r="N1013489" s="10"/>
    </row>
    <row r="1013490" spans="14:14">
      <c r="N1013490" s="10"/>
    </row>
    <row r="1013491" spans="14:14">
      <c r="N1013491" s="10"/>
    </row>
    <row r="1013492" spans="14:14">
      <c r="N1013492" s="10"/>
    </row>
    <row r="1013493" spans="14:14">
      <c r="N1013493" s="10"/>
    </row>
    <row r="1013494" spans="14:14">
      <c r="N1013494" s="10"/>
    </row>
    <row r="1013495" spans="14:14">
      <c r="N1013495" s="10"/>
    </row>
    <row r="1013496" spans="14:14">
      <c r="N1013496" s="10"/>
    </row>
    <row r="1013497" spans="14:14">
      <c r="N1013497" s="10"/>
    </row>
    <row r="1013498" spans="14:14">
      <c r="N1013498" s="10"/>
    </row>
    <row r="1013499" spans="14:14">
      <c r="N1013499" s="10"/>
    </row>
    <row r="1013500" spans="14:14">
      <c r="N1013500" s="10"/>
    </row>
    <row r="1013501" spans="14:14">
      <c r="N1013501" s="10"/>
    </row>
    <row r="1013502" spans="14:14">
      <c r="N1013502" s="10"/>
    </row>
    <row r="1013503" spans="14:14">
      <c r="N1013503" s="10"/>
    </row>
    <row r="1013504" spans="14:14">
      <c r="N1013504" s="10"/>
    </row>
    <row r="1013505" spans="14:14">
      <c r="N1013505" s="10"/>
    </row>
    <row r="1013506" spans="14:14">
      <c r="N1013506" s="10"/>
    </row>
    <row r="1013507" spans="14:14">
      <c r="N1013507" s="10"/>
    </row>
    <row r="1013508" spans="14:14">
      <c r="N1013508" s="10"/>
    </row>
    <row r="1013509" spans="14:14">
      <c r="N1013509" s="10"/>
    </row>
    <row r="1013510" spans="14:14">
      <c r="N1013510" s="10"/>
    </row>
    <row r="1013511" spans="14:14">
      <c r="N1013511" s="10"/>
    </row>
    <row r="1013512" spans="14:14">
      <c r="N1013512" s="10"/>
    </row>
    <row r="1013513" spans="14:14">
      <c r="N1013513" s="10"/>
    </row>
    <row r="1013514" spans="14:14">
      <c r="N1013514" s="10"/>
    </row>
    <row r="1013515" spans="14:14">
      <c r="N1013515" s="10"/>
    </row>
    <row r="1013516" spans="14:14">
      <c r="N1013516" s="10"/>
    </row>
    <row r="1013517" spans="14:14">
      <c r="N1013517" s="10"/>
    </row>
    <row r="1013518" spans="14:14">
      <c r="N1013518" s="10"/>
    </row>
    <row r="1013519" spans="14:14">
      <c r="N1013519" s="10"/>
    </row>
    <row r="1013520" spans="14:14">
      <c r="N1013520" s="10"/>
    </row>
    <row r="1013521" spans="14:14">
      <c r="N1013521" s="10"/>
    </row>
    <row r="1013522" spans="14:14">
      <c r="N1013522" s="10"/>
    </row>
    <row r="1013523" spans="14:14">
      <c r="N1013523" s="10"/>
    </row>
    <row r="1013524" spans="14:14">
      <c r="N1013524" s="10"/>
    </row>
    <row r="1013525" spans="14:14">
      <c r="N1013525" s="10"/>
    </row>
    <row r="1013526" spans="14:14">
      <c r="N1013526" s="10"/>
    </row>
    <row r="1013527" spans="14:14">
      <c r="N1013527" s="10"/>
    </row>
    <row r="1013528" spans="14:14">
      <c r="N1013528" s="10"/>
    </row>
    <row r="1013529" spans="14:14">
      <c r="N1013529" s="10"/>
    </row>
    <row r="1013530" spans="14:14">
      <c r="N1013530" s="10"/>
    </row>
    <row r="1013531" spans="14:14">
      <c r="N1013531" s="10"/>
    </row>
    <row r="1013532" spans="14:14">
      <c r="N1013532" s="10"/>
    </row>
    <row r="1013533" spans="14:14">
      <c r="N1013533" s="10"/>
    </row>
    <row r="1013534" spans="14:14">
      <c r="N1013534" s="10"/>
    </row>
    <row r="1013535" spans="14:14">
      <c r="N1013535" s="10"/>
    </row>
    <row r="1013536" spans="14:14">
      <c r="N1013536" s="10"/>
    </row>
    <row r="1013537" spans="14:14">
      <c r="N1013537" s="10"/>
    </row>
    <row r="1013538" spans="14:14">
      <c r="N1013538" s="10"/>
    </row>
    <row r="1013539" spans="14:14">
      <c r="N1013539" s="10"/>
    </row>
    <row r="1013540" spans="14:14">
      <c r="N1013540" s="10"/>
    </row>
    <row r="1013541" spans="14:14">
      <c r="N1013541" s="10"/>
    </row>
    <row r="1013542" spans="14:14">
      <c r="N1013542" s="10"/>
    </row>
    <row r="1013543" spans="14:14">
      <c r="N1013543" s="10"/>
    </row>
    <row r="1013544" spans="14:14">
      <c r="N1013544" s="10"/>
    </row>
    <row r="1013545" spans="14:14">
      <c r="N1013545" s="10"/>
    </row>
    <row r="1013546" spans="14:14">
      <c r="N1013546" s="10"/>
    </row>
    <row r="1013547" spans="14:14">
      <c r="N1013547" s="10"/>
    </row>
    <row r="1013548" spans="14:14">
      <c r="N1013548" s="10"/>
    </row>
    <row r="1013549" spans="14:14">
      <c r="N1013549" s="10"/>
    </row>
    <row r="1013550" spans="14:14">
      <c r="N1013550" s="10"/>
    </row>
    <row r="1013551" spans="14:14">
      <c r="N1013551" s="10"/>
    </row>
    <row r="1013552" spans="14:14">
      <c r="N1013552" s="10"/>
    </row>
    <row r="1013553" spans="14:14">
      <c r="N1013553" s="10"/>
    </row>
    <row r="1013554" spans="14:14">
      <c r="N1013554" s="10"/>
    </row>
    <row r="1013555" spans="14:14">
      <c r="N1013555" s="10"/>
    </row>
    <row r="1013556" spans="14:14">
      <c r="N1013556" s="10"/>
    </row>
    <row r="1013557" spans="14:14">
      <c r="N1013557" s="10"/>
    </row>
    <row r="1013558" spans="14:14">
      <c r="N1013558" s="10"/>
    </row>
    <row r="1013559" spans="14:14">
      <c r="N1013559" s="10"/>
    </row>
    <row r="1013560" spans="14:14">
      <c r="N1013560" s="10"/>
    </row>
    <row r="1013561" spans="14:14">
      <c r="N1013561" s="10"/>
    </row>
    <row r="1013562" spans="14:14">
      <c r="N1013562" s="10"/>
    </row>
    <row r="1013563" spans="14:14">
      <c r="N1013563" s="10"/>
    </row>
    <row r="1013564" spans="14:14">
      <c r="N1013564" s="10"/>
    </row>
    <row r="1013565" spans="14:14">
      <c r="N1013565" s="10"/>
    </row>
    <row r="1013566" spans="14:14">
      <c r="N1013566" s="10"/>
    </row>
    <row r="1013567" spans="14:14">
      <c r="N1013567" s="10"/>
    </row>
    <row r="1013568" spans="14:14">
      <c r="N1013568" s="10"/>
    </row>
    <row r="1013569" spans="14:14">
      <c r="N1013569" s="10"/>
    </row>
    <row r="1013570" spans="14:14">
      <c r="N1013570" s="10"/>
    </row>
    <row r="1013571" spans="14:14">
      <c r="N1013571" s="10"/>
    </row>
    <row r="1013572" spans="14:14">
      <c r="N1013572" s="10"/>
    </row>
    <row r="1013573" spans="14:14">
      <c r="N1013573" s="10"/>
    </row>
    <row r="1013574" spans="14:14">
      <c r="N1013574" s="10"/>
    </row>
    <row r="1013575" spans="14:14">
      <c r="N1013575" s="10"/>
    </row>
    <row r="1013576" spans="14:14">
      <c r="N1013576" s="10"/>
    </row>
    <row r="1013577" spans="14:14">
      <c r="N1013577" s="10"/>
    </row>
    <row r="1013578" spans="14:14">
      <c r="N1013578" s="10"/>
    </row>
    <row r="1013579" spans="14:14">
      <c r="N1013579" s="10"/>
    </row>
    <row r="1013580" spans="14:14">
      <c r="N1013580" s="10"/>
    </row>
    <row r="1013581" spans="14:14">
      <c r="N1013581" s="10"/>
    </row>
    <row r="1013582" spans="14:14">
      <c r="N1013582" s="10"/>
    </row>
    <row r="1013583" spans="14:14">
      <c r="N1013583" s="10"/>
    </row>
    <row r="1013584" spans="14:14">
      <c r="N1013584" s="10"/>
    </row>
    <row r="1013585" spans="14:14">
      <c r="N1013585" s="10"/>
    </row>
    <row r="1013586" spans="14:14">
      <c r="N1013586" s="10"/>
    </row>
    <row r="1013587" spans="14:14">
      <c r="N1013587" s="10"/>
    </row>
    <row r="1013588" spans="14:14">
      <c r="N1013588" s="10"/>
    </row>
    <row r="1013589" spans="14:14">
      <c r="N1013589" s="10"/>
    </row>
    <row r="1013590" spans="14:14">
      <c r="N1013590" s="10"/>
    </row>
    <row r="1013591" spans="14:14">
      <c r="N1013591" s="10"/>
    </row>
    <row r="1013592" spans="14:14">
      <c r="N1013592" s="10"/>
    </row>
    <row r="1013593" spans="14:14">
      <c r="N1013593" s="10"/>
    </row>
    <row r="1013594" spans="14:14">
      <c r="N1013594" s="10"/>
    </row>
    <row r="1013595" spans="14:14">
      <c r="N1013595" s="10"/>
    </row>
    <row r="1013596" spans="14:14">
      <c r="N1013596" s="10"/>
    </row>
    <row r="1013597" spans="14:14">
      <c r="N1013597" s="10"/>
    </row>
    <row r="1013598" spans="14:14">
      <c r="N1013598" s="10"/>
    </row>
    <row r="1013599" spans="14:14">
      <c r="N1013599" s="10"/>
    </row>
    <row r="1013600" spans="14:14">
      <c r="N1013600" s="10"/>
    </row>
    <row r="1013601" spans="14:14">
      <c r="N1013601" s="10"/>
    </row>
    <row r="1013602" spans="14:14">
      <c r="N1013602" s="10"/>
    </row>
    <row r="1013603" spans="14:14">
      <c r="N1013603" s="10"/>
    </row>
    <row r="1013604" spans="14:14">
      <c r="N1013604" s="10"/>
    </row>
    <row r="1013605" spans="14:14">
      <c r="N1013605" s="10"/>
    </row>
    <row r="1013606" spans="14:14">
      <c r="N1013606" s="10"/>
    </row>
    <row r="1013607" spans="14:14">
      <c r="N1013607" s="10"/>
    </row>
    <row r="1013608" spans="14:14">
      <c r="N1013608" s="10"/>
    </row>
    <row r="1013609" spans="14:14">
      <c r="N1013609" s="10"/>
    </row>
    <row r="1013610" spans="14:14">
      <c r="N1013610" s="10"/>
    </row>
    <row r="1013611" spans="14:14">
      <c r="N1013611" s="10"/>
    </row>
    <row r="1013612" spans="14:14">
      <c r="N1013612" s="10"/>
    </row>
    <row r="1013613" spans="14:14">
      <c r="N1013613" s="10"/>
    </row>
    <row r="1013614" spans="14:14">
      <c r="N1013614" s="10"/>
    </row>
    <row r="1013615" spans="14:14">
      <c r="N1013615" s="10"/>
    </row>
    <row r="1013616" spans="14:14">
      <c r="N1013616" s="10"/>
    </row>
    <row r="1013617" spans="14:14">
      <c r="N1013617" s="10"/>
    </row>
    <row r="1013618" spans="14:14">
      <c r="N1013618" s="10"/>
    </row>
    <row r="1013619" spans="14:14">
      <c r="N1013619" s="10"/>
    </row>
    <row r="1013620" spans="14:14">
      <c r="N1013620" s="10"/>
    </row>
    <row r="1013621" spans="14:14">
      <c r="N1013621" s="10"/>
    </row>
    <row r="1013622" spans="14:14">
      <c r="N1013622" s="10"/>
    </row>
    <row r="1013623" spans="14:14">
      <c r="N1013623" s="10"/>
    </row>
    <row r="1013624" spans="14:14">
      <c r="N1013624" s="10"/>
    </row>
    <row r="1013625" spans="14:14">
      <c r="N1013625" s="10"/>
    </row>
    <row r="1013626" spans="14:14">
      <c r="N1013626" s="10"/>
    </row>
    <row r="1013627" spans="14:14">
      <c r="N1013627" s="10"/>
    </row>
    <row r="1013628" spans="14:14">
      <c r="N1013628" s="10"/>
    </row>
    <row r="1013629" spans="14:14">
      <c r="N1013629" s="10"/>
    </row>
    <row r="1013630" spans="14:14">
      <c r="N1013630" s="10"/>
    </row>
    <row r="1013631" spans="14:14">
      <c r="N1013631" s="10"/>
    </row>
    <row r="1013632" spans="14:14">
      <c r="N1013632" s="10"/>
    </row>
    <row r="1013633" spans="14:14">
      <c r="N1013633" s="10"/>
    </row>
    <row r="1013634" spans="14:14">
      <c r="N1013634" s="10"/>
    </row>
    <row r="1013635" spans="14:14">
      <c r="N1013635" s="10"/>
    </row>
    <row r="1013636" spans="14:14">
      <c r="N1013636" s="10"/>
    </row>
    <row r="1013637" spans="14:14">
      <c r="N1013637" s="10"/>
    </row>
    <row r="1013638" spans="14:14">
      <c r="N1013638" s="10"/>
    </row>
    <row r="1013639" spans="14:14">
      <c r="N1013639" s="10"/>
    </row>
    <row r="1013640" spans="14:14">
      <c r="N1013640" s="10"/>
    </row>
    <row r="1013641" spans="14:14">
      <c r="N1013641" s="10"/>
    </row>
    <row r="1013642" spans="14:14">
      <c r="N1013642" s="10"/>
    </row>
    <row r="1013643" spans="14:14">
      <c r="N1013643" s="10"/>
    </row>
    <row r="1013644" spans="14:14">
      <c r="N1013644" s="10"/>
    </row>
    <row r="1013645" spans="14:14">
      <c r="N1013645" s="10"/>
    </row>
    <row r="1013646" spans="14:14">
      <c r="N1013646" s="10"/>
    </row>
    <row r="1013647" spans="14:14">
      <c r="N1013647" s="10"/>
    </row>
    <row r="1013648" spans="14:14">
      <c r="N1013648" s="10"/>
    </row>
    <row r="1013649" spans="14:14">
      <c r="N1013649" s="10"/>
    </row>
    <row r="1013650" spans="14:14">
      <c r="N1013650" s="10"/>
    </row>
    <row r="1013651" spans="14:14">
      <c r="N1013651" s="10"/>
    </row>
    <row r="1013652" spans="14:14">
      <c r="N1013652" s="10"/>
    </row>
    <row r="1013653" spans="14:14">
      <c r="N1013653" s="10"/>
    </row>
    <row r="1013654" spans="14:14">
      <c r="N1013654" s="10"/>
    </row>
    <row r="1013655" spans="14:14">
      <c r="N1013655" s="10"/>
    </row>
    <row r="1013656" spans="14:14">
      <c r="N1013656" s="10"/>
    </row>
    <row r="1013657" spans="14:14">
      <c r="N1013657" s="10"/>
    </row>
    <row r="1013658" spans="14:14">
      <c r="N1013658" s="10"/>
    </row>
    <row r="1013659" spans="14:14">
      <c r="N1013659" s="10"/>
    </row>
    <row r="1013660" spans="14:14">
      <c r="N1013660" s="10"/>
    </row>
    <row r="1013661" spans="14:14">
      <c r="N1013661" s="10"/>
    </row>
    <row r="1013662" spans="14:14">
      <c r="N1013662" s="10"/>
    </row>
    <row r="1013663" spans="14:14">
      <c r="N1013663" s="10"/>
    </row>
    <row r="1013664" spans="14:14">
      <c r="N1013664" s="10"/>
    </row>
    <row r="1013665" spans="14:14">
      <c r="N1013665" s="10"/>
    </row>
    <row r="1013666" spans="14:14">
      <c r="N1013666" s="10"/>
    </row>
    <row r="1013667" spans="14:14">
      <c r="N1013667" s="10"/>
    </row>
    <row r="1013668" spans="14:14">
      <c r="N1013668" s="10"/>
    </row>
    <row r="1013669" spans="14:14">
      <c r="N1013669" s="10"/>
    </row>
    <row r="1013670" spans="14:14">
      <c r="N1013670" s="10"/>
    </row>
    <row r="1013671" spans="14:14">
      <c r="N1013671" s="10"/>
    </row>
    <row r="1013672" spans="14:14">
      <c r="N1013672" s="10"/>
    </row>
    <row r="1013673" spans="14:14">
      <c r="N1013673" s="10"/>
    </row>
    <row r="1013674" spans="14:14">
      <c r="N1013674" s="10"/>
    </row>
    <row r="1013675" spans="14:14">
      <c r="N1013675" s="10"/>
    </row>
    <row r="1013676" spans="14:14">
      <c r="N1013676" s="10"/>
    </row>
    <row r="1013677" spans="14:14">
      <c r="N1013677" s="10"/>
    </row>
    <row r="1013678" spans="14:14">
      <c r="N1013678" s="10"/>
    </row>
    <row r="1013679" spans="14:14">
      <c r="N1013679" s="10"/>
    </row>
    <row r="1013680" spans="14:14">
      <c r="N1013680" s="10"/>
    </row>
    <row r="1013681" spans="14:14">
      <c r="N1013681" s="10"/>
    </row>
    <row r="1013682" spans="14:14">
      <c r="N1013682" s="10"/>
    </row>
    <row r="1013683" spans="14:14">
      <c r="N1013683" s="10"/>
    </row>
    <row r="1013684" spans="14:14">
      <c r="N1013684" s="10"/>
    </row>
    <row r="1013685" spans="14:14">
      <c r="N1013685" s="10"/>
    </row>
    <row r="1013686" spans="14:14">
      <c r="N1013686" s="10"/>
    </row>
    <row r="1013687" spans="14:14">
      <c r="N1013687" s="10"/>
    </row>
    <row r="1013688" spans="14:14">
      <c r="N1013688" s="10"/>
    </row>
    <row r="1013689" spans="14:14">
      <c r="N1013689" s="10"/>
    </row>
    <row r="1013690" spans="14:14">
      <c r="N1013690" s="10"/>
    </row>
    <row r="1013691" spans="14:14">
      <c r="N1013691" s="10"/>
    </row>
    <row r="1013692" spans="14:14">
      <c r="N1013692" s="10"/>
    </row>
    <row r="1013693" spans="14:14">
      <c r="N1013693" s="10"/>
    </row>
    <row r="1013694" spans="14:14">
      <c r="N1013694" s="10"/>
    </row>
    <row r="1013695" spans="14:14">
      <c r="N1013695" s="10"/>
    </row>
    <row r="1013696" spans="14:14">
      <c r="N1013696" s="10"/>
    </row>
    <row r="1013697" spans="14:14">
      <c r="N1013697" s="10"/>
    </row>
    <row r="1013698" spans="14:14">
      <c r="N1013698" s="10"/>
    </row>
    <row r="1013699" spans="14:14">
      <c r="N1013699" s="10"/>
    </row>
    <row r="1013700" spans="14:14">
      <c r="N1013700" s="10"/>
    </row>
    <row r="1013701" spans="14:14">
      <c r="N1013701" s="10"/>
    </row>
    <row r="1013702" spans="14:14">
      <c r="N1013702" s="10"/>
    </row>
    <row r="1013703" spans="14:14">
      <c r="N1013703" s="10"/>
    </row>
    <row r="1013704" spans="14:14">
      <c r="N1013704" s="10"/>
    </row>
    <row r="1013705" spans="14:14">
      <c r="N1013705" s="10"/>
    </row>
    <row r="1013706" spans="14:14">
      <c r="N1013706" s="10"/>
    </row>
    <row r="1013707" spans="14:14">
      <c r="N1013707" s="10"/>
    </row>
    <row r="1013708" spans="14:14">
      <c r="N1013708" s="10"/>
    </row>
    <row r="1013709" spans="14:14">
      <c r="N1013709" s="10"/>
    </row>
    <row r="1013710" spans="14:14">
      <c r="N1013710" s="10"/>
    </row>
    <row r="1013711" spans="14:14">
      <c r="N1013711" s="10"/>
    </row>
    <row r="1013712" spans="14:14">
      <c r="N1013712" s="10"/>
    </row>
    <row r="1013713" spans="14:14">
      <c r="N1013713" s="10"/>
    </row>
    <row r="1013714" spans="14:14">
      <c r="N1013714" s="10"/>
    </row>
    <row r="1013715" spans="14:14">
      <c r="N1013715" s="10"/>
    </row>
    <row r="1013716" spans="14:14">
      <c r="N1013716" s="10"/>
    </row>
    <row r="1013717" spans="14:14">
      <c r="N1013717" s="10"/>
    </row>
    <row r="1013718" spans="14:14">
      <c r="N1013718" s="10"/>
    </row>
    <row r="1013719" spans="14:14">
      <c r="N1013719" s="10"/>
    </row>
    <row r="1013720" spans="14:14">
      <c r="N1013720" s="10"/>
    </row>
    <row r="1013721" spans="14:14">
      <c r="N1013721" s="10"/>
    </row>
    <row r="1013722" spans="14:14">
      <c r="N1013722" s="10"/>
    </row>
    <row r="1013723" spans="14:14">
      <c r="N1013723" s="10"/>
    </row>
    <row r="1013724" spans="14:14">
      <c r="N1013724" s="10"/>
    </row>
    <row r="1013725" spans="14:14">
      <c r="N1013725" s="10"/>
    </row>
    <row r="1013726" spans="14:14">
      <c r="N1013726" s="10"/>
    </row>
    <row r="1013727" spans="14:14">
      <c r="N1013727" s="10"/>
    </row>
    <row r="1013728" spans="14:14">
      <c r="N1013728" s="10"/>
    </row>
    <row r="1013729" spans="14:14">
      <c r="N1013729" s="10"/>
    </row>
    <row r="1013730" spans="14:14">
      <c r="N1013730" s="10"/>
    </row>
    <row r="1013731" spans="14:14">
      <c r="N1013731" s="10"/>
    </row>
    <row r="1013732" spans="14:14">
      <c r="N1013732" s="10"/>
    </row>
    <row r="1013733" spans="14:14">
      <c r="N1013733" s="10"/>
    </row>
    <row r="1013734" spans="14:14">
      <c r="N1013734" s="10"/>
    </row>
    <row r="1013735" spans="14:14">
      <c r="N1013735" s="10"/>
    </row>
    <row r="1013736" spans="14:14">
      <c r="N1013736" s="10"/>
    </row>
    <row r="1013737" spans="14:14">
      <c r="N1013737" s="10"/>
    </row>
    <row r="1013738" spans="14:14">
      <c r="N1013738" s="10"/>
    </row>
    <row r="1013739" spans="14:14">
      <c r="N1013739" s="10"/>
    </row>
    <row r="1013740" spans="14:14">
      <c r="N1013740" s="10"/>
    </row>
    <row r="1013741" spans="14:14">
      <c r="N1013741" s="10"/>
    </row>
    <row r="1013742" spans="14:14">
      <c r="N1013742" s="10"/>
    </row>
    <row r="1013743" spans="14:14">
      <c r="N1013743" s="10"/>
    </row>
    <row r="1013744" spans="14:14">
      <c r="N1013744" s="10"/>
    </row>
    <row r="1013745" spans="14:14">
      <c r="N1013745" s="10"/>
    </row>
    <row r="1013746" spans="14:14">
      <c r="N1013746" s="10"/>
    </row>
    <row r="1013747" spans="14:14">
      <c r="N1013747" s="10"/>
    </row>
    <row r="1013748" spans="14:14">
      <c r="N1013748" s="10"/>
    </row>
    <row r="1013749" spans="14:14">
      <c r="N1013749" s="10"/>
    </row>
    <row r="1013750" spans="14:14">
      <c r="N1013750" s="10"/>
    </row>
    <row r="1013751" spans="14:14">
      <c r="N1013751" s="10"/>
    </row>
    <row r="1013752" spans="14:14">
      <c r="N1013752" s="10"/>
    </row>
    <row r="1013753" spans="14:14">
      <c r="N1013753" s="10"/>
    </row>
    <row r="1013754" spans="14:14">
      <c r="N1013754" s="10"/>
    </row>
    <row r="1013755" spans="14:14">
      <c r="N1013755" s="10"/>
    </row>
    <row r="1013756" spans="14:14">
      <c r="N1013756" s="10"/>
    </row>
    <row r="1013757" spans="14:14">
      <c r="N1013757" s="10"/>
    </row>
    <row r="1013758" spans="14:14">
      <c r="N1013758" s="10"/>
    </row>
    <row r="1013759" spans="14:14">
      <c r="N1013759" s="10"/>
    </row>
    <row r="1013760" spans="14:14">
      <c r="N1013760" s="10"/>
    </row>
    <row r="1013761" spans="14:14">
      <c r="N1013761" s="10"/>
    </row>
    <row r="1013762" spans="14:14">
      <c r="N1013762" s="10"/>
    </row>
    <row r="1013763" spans="14:14">
      <c r="N1013763" s="10"/>
    </row>
    <row r="1013764" spans="14:14">
      <c r="N1013764" s="10"/>
    </row>
    <row r="1013765" spans="14:14">
      <c r="N1013765" s="10"/>
    </row>
    <row r="1013766" spans="14:14">
      <c r="N1013766" s="10"/>
    </row>
    <row r="1013767" spans="14:14">
      <c r="N1013767" s="10"/>
    </row>
    <row r="1013768" spans="14:14">
      <c r="N1013768" s="10"/>
    </row>
    <row r="1013769" spans="14:14">
      <c r="N1013769" s="10"/>
    </row>
    <row r="1013770" spans="14:14">
      <c r="N1013770" s="10"/>
    </row>
    <row r="1013771" spans="14:14">
      <c r="N1013771" s="10"/>
    </row>
    <row r="1013772" spans="14:14">
      <c r="N1013772" s="10"/>
    </row>
    <row r="1013773" spans="14:14">
      <c r="N1013773" s="10"/>
    </row>
    <row r="1013774" spans="14:14">
      <c r="N1013774" s="10"/>
    </row>
    <row r="1013775" spans="14:14">
      <c r="N1013775" s="10"/>
    </row>
    <row r="1013776" spans="14:14">
      <c r="N1013776" s="10"/>
    </row>
    <row r="1013777" spans="14:14">
      <c r="N1013777" s="10"/>
    </row>
    <row r="1013778" spans="14:14">
      <c r="N1013778" s="10"/>
    </row>
    <row r="1013779" spans="14:14">
      <c r="N1013779" s="10"/>
    </row>
    <row r="1013780" spans="14:14">
      <c r="N1013780" s="10"/>
    </row>
    <row r="1013781" spans="14:14">
      <c r="N1013781" s="10"/>
    </row>
    <row r="1013782" spans="14:14">
      <c r="N1013782" s="10"/>
    </row>
    <row r="1013783" spans="14:14">
      <c r="N1013783" s="10"/>
    </row>
    <row r="1013784" spans="14:14">
      <c r="N1013784" s="10"/>
    </row>
    <row r="1013785" spans="14:14">
      <c r="N1013785" s="10"/>
    </row>
    <row r="1013786" spans="14:14">
      <c r="N1013786" s="10"/>
    </row>
    <row r="1013787" spans="14:14">
      <c r="N1013787" s="10"/>
    </row>
    <row r="1013788" spans="14:14">
      <c r="N1013788" s="10"/>
    </row>
    <row r="1013789" spans="14:14">
      <c r="N1013789" s="10"/>
    </row>
    <row r="1013790" spans="14:14">
      <c r="N1013790" s="10"/>
    </row>
    <row r="1013791" spans="14:14">
      <c r="N1013791" s="10"/>
    </row>
    <row r="1013792" spans="14:14">
      <c r="N1013792" s="10"/>
    </row>
    <row r="1013793" spans="14:14">
      <c r="N1013793" s="10"/>
    </row>
    <row r="1013794" spans="14:14">
      <c r="N1013794" s="10"/>
    </row>
    <row r="1013795" spans="14:14">
      <c r="N1013795" s="10"/>
    </row>
    <row r="1013796" spans="14:14">
      <c r="N1013796" s="10"/>
    </row>
    <row r="1013797" spans="14:14">
      <c r="N1013797" s="10"/>
    </row>
    <row r="1013798" spans="14:14">
      <c r="N1013798" s="10"/>
    </row>
    <row r="1013799" spans="14:14">
      <c r="N1013799" s="10"/>
    </row>
    <row r="1013800" spans="14:14">
      <c r="N1013800" s="10"/>
    </row>
    <row r="1013801" spans="14:14">
      <c r="N1013801" s="10"/>
    </row>
    <row r="1013802" spans="14:14">
      <c r="N1013802" s="10"/>
    </row>
    <row r="1013803" spans="14:14">
      <c r="N1013803" s="10"/>
    </row>
    <row r="1013804" spans="14:14">
      <c r="N1013804" s="10"/>
    </row>
    <row r="1013805" spans="14:14">
      <c r="N1013805" s="10"/>
    </row>
    <row r="1013806" spans="14:14">
      <c r="N1013806" s="10"/>
    </row>
    <row r="1013807" spans="14:14">
      <c r="N1013807" s="10"/>
    </row>
    <row r="1013808" spans="14:14">
      <c r="N1013808" s="10"/>
    </row>
    <row r="1013809" spans="14:14">
      <c r="N1013809" s="10"/>
    </row>
    <row r="1013810" spans="14:14">
      <c r="N1013810" s="10"/>
    </row>
    <row r="1013811" spans="14:14">
      <c r="N1013811" s="10"/>
    </row>
    <row r="1013812" spans="14:14">
      <c r="N1013812" s="10"/>
    </row>
    <row r="1013813" spans="14:14">
      <c r="N1013813" s="10"/>
    </row>
    <row r="1013814" spans="14:14">
      <c r="N1013814" s="10"/>
    </row>
    <row r="1013815" spans="14:14">
      <c r="N1013815" s="10"/>
    </row>
    <row r="1013816" spans="14:14">
      <c r="N1013816" s="10"/>
    </row>
    <row r="1013817" spans="14:14">
      <c r="N1013817" s="10"/>
    </row>
    <row r="1013818" spans="14:14">
      <c r="N1013818" s="10"/>
    </row>
    <row r="1013819" spans="14:14">
      <c r="N1013819" s="10"/>
    </row>
    <row r="1013820" spans="14:14">
      <c r="N1013820" s="10"/>
    </row>
    <row r="1013821" spans="14:14">
      <c r="N1013821" s="10"/>
    </row>
    <row r="1013822" spans="14:14">
      <c r="N1013822" s="10"/>
    </row>
    <row r="1013823" spans="14:14">
      <c r="N1013823" s="10"/>
    </row>
    <row r="1013824" spans="14:14">
      <c r="N1013824" s="10"/>
    </row>
    <row r="1013825" spans="14:14">
      <c r="N1013825" s="10"/>
    </row>
    <row r="1013826" spans="14:14">
      <c r="N1013826" s="10"/>
    </row>
    <row r="1013827" spans="14:14">
      <c r="N1013827" s="10"/>
    </row>
    <row r="1013828" spans="14:14">
      <c r="N1013828" s="10"/>
    </row>
    <row r="1013829" spans="14:14">
      <c r="N1013829" s="10"/>
    </row>
    <row r="1013830" spans="14:14">
      <c r="N1013830" s="10"/>
    </row>
    <row r="1013831" spans="14:14">
      <c r="N1013831" s="10"/>
    </row>
    <row r="1013832" spans="14:14">
      <c r="N1013832" s="10"/>
    </row>
    <row r="1013833" spans="14:14">
      <c r="N1013833" s="10"/>
    </row>
    <row r="1013834" spans="14:14">
      <c r="N1013834" s="10"/>
    </row>
    <row r="1013835" spans="14:14">
      <c r="N1013835" s="10"/>
    </row>
    <row r="1013836" spans="14:14">
      <c r="N1013836" s="10"/>
    </row>
    <row r="1013837" spans="14:14">
      <c r="N1013837" s="10"/>
    </row>
    <row r="1013838" spans="14:14">
      <c r="N1013838" s="10"/>
    </row>
    <row r="1013839" spans="14:14">
      <c r="N1013839" s="10"/>
    </row>
    <row r="1013840" spans="14:14">
      <c r="N1013840" s="10"/>
    </row>
    <row r="1013841" spans="14:14">
      <c r="N1013841" s="10"/>
    </row>
    <row r="1013842" spans="14:14">
      <c r="N1013842" s="10"/>
    </row>
    <row r="1013843" spans="14:14">
      <c r="N1013843" s="10"/>
    </row>
    <row r="1013844" spans="14:14">
      <c r="N1013844" s="10"/>
    </row>
    <row r="1013845" spans="14:14">
      <c r="N1013845" s="10"/>
    </row>
    <row r="1013846" spans="14:14">
      <c r="N1013846" s="10"/>
    </row>
    <row r="1013847" spans="14:14">
      <c r="N1013847" s="10"/>
    </row>
    <row r="1013848" spans="14:14">
      <c r="N1013848" s="10"/>
    </row>
    <row r="1013849" spans="14:14">
      <c r="N1013849" s="10"/>
    </row>
    <row r="1013850" spans="14:14">
      <c r="N1013850" s="10"/>
    </row>
    <row r="1013851" spans="14:14">
      <c r="N1013851" s="10"/>
    </row>
    <row r="1013852" spans="14:14">
      <c r="N1013852" s="10"/>
    </row>
    <row r="1013853" spans="14:14">
      <c r="N1013853" s="10"/>
    </row>
    <row r="1013854" spans="14:14">
      <c r="N1013854" s="10"/>
    </row>
    <row r="1013855" spans="14:14">
      <c r="N1013855" s="10"/>
    </row>
    <row r="1013856" spans="14:14">
      <c r="N1013856" s="10"/>
    </row>
    <row r="1013857" spans="14:14">
      <c r="N1013857" s="10"/>
    </row>
    <row r="1013858" spans="14:14">
      <c r="N1013858" s="10"/>
    </row>
    <row r="1013859" spans="14:14">
      <c r="N1013859" s="10"/>
    </row>
    <row r="1013860" spans="14:14">
      <c r="N1013860" s="10"/>
    </row>
    <row r="1013861" spans="14:14">
      <c r="N1013861" s="10"/>
    </row>
    <row r="1013862" spans="14:14">
      <c r="N1013862" s="10"/>
    </row>
    <row r="1013863" spans="14:14">
      <c r="N1013863" s="10"/>
    </row>
    <row r="1013864" spans="14:14">
      <c r="N1013864" s="10"/>
    </row>
    <row r="1013865" spans="14:14">
      <c r="N1013865" s="10"/>
    </row>
    <row r="1013866" spans="14:14">
      <c r="N1013866" s="10"/>
    </row>
    <row r="1013867" spans="14:14">
      <c r="N1013867" s="10"/>
    </row>
    <row r="1013868" spans="14:14">
      <c r="N1013868" s="10"/>
    </row>
    <row r="1013869" spans="14:14">
      <c r="N1013869" s="10"/>
    </row>
    <row r="1013870" spans="14:14">
      <c r="N1013870" s="10"/>
    </row>
    <row r="1013871" spans="14:14">
      <c r="N1013871" s="10"/>
    </row>
    <row r="1013872" spans="14:14">
      <c r="N1013872" s="10"/>
    </row>
    <row r="1013873" spans="14:14">
      <c r="N1013873" s="10"/>
    </row>
    <row r="1013874" spans="14:14">
      <c r="N1013874" s="10"/>
    </row>
    <row r="1013875" spans="14:14">
      <c r="N1013875" s="10"/>
    </row>
    <row r="1013876" spans="14:14">
      <c r="N1013876" s="10"/>
    </row>
    <row r="1013877" spans="14:14">
      <c r="N1013877" s="10"/>
    </row>
    <row r="1013878" spans="14:14">
      <c r="N1013878" s="10"/>
    </row>
    <row r="1013879" spans="14:14">
      <c r="N1013879" s="10"/>
    </row>
    <row r="1013880" spans="14:14">
      <c r="N1013880" s="10"/>
    </row>
    <row r="1013881" spans="14:14">
      <c r="N1013881" s="10"/>
    </row>
    <row r="1013882" spans="14:14">
      <c r="N1013882" s="10"/>
    </row>
    <row r="1013883" spans="14:14">
      <c r="N1013883" s="10"/>
    </row>
    <row r="1013884" spans="14:14">
      <c r="N1013884" s="10"/>
    </row>
    <row r="1013885" spans="14:14">
      <c r="N1013885" s="10"/>
    </row>
    <row r="1013886" spans="14:14">
      <c r="N1013886" s="10"/>
    </row>
    <row r="1013887" spans="14:14">
      <c r="N1013887" s="10"/>
    </row>
    <row r="1013888" spans="14:14">
      <c r="N1013888" s="10"/>
    </row>
    <row r="1013889" spans="14:14">
      <c r="N1013889" s="10"/>
    </row>
    <row r="1013890" spans="14:14">
      <c r="N1013890" s="10"/>
    </row>
    <row r="1013891" spans="14:14">
      <c r="N1013891" s="10"/>
    </row>
    <row r="1013892" spans="14:14">
      <c r="N1013892" s="10"/>
    </row>
    <row r="1013893" spans="14:14">
      <c r="N1013893" s="10"/>
    </row>
    <row r="1013894" spans="14:14">
      <c r="N1013894" s="10"/>
    </row>
    <row r="1013895" spans="14:14">
      <c r="N1013895" s="10"/>
    </row>
    <row r="1013896" spans="14:14">
      <c r="N1013896" s="10"/>
    </row>
    <row r="1013897" spans="14:14">
      <c r="N1013897" s="10"/>
    </row>
    <row r="1013898" spans="14:14">
      <c r="N1013898" s="10"/>
    </row>
    <row r="1013899" spans="14:14">
      <c r="N1013899" s="10"/>
    </row>
    <row r="1013900" spans="14:14">
      <c r="N1013900" s="10"/>
    </row>
    <row r="1013901" spans="14:14">
      <c r="N1013901" s="10"/>
    </row>
    <row r="1013902" spans="14:14">
      <c r="N1013902" s="10"/>
    </row>
    <row r="1013903" spans="14:14">
      <c r="N1013903" s="10"/>
    </row>
    <row r="1013904" spans="14:14">
      <c r="N1013904" s="10"/>
    </row>
    <row r="1013905" spans="14:14">
      <c r="N1013905" s="10"/>
    </row>
    <row r="1013906" spans="14:14">
      <c r="N1013906" s="10"/>
    </row>
    <row r="1013907" spans="14:14">
      <c r="N1013907" s="10"/>
    </row>
    <row r="1013908" spans="14:14">
      <c r="N1013908" s="10"/>
    </row>
    <row r="1013909" spans="14:14">
      <c r="N1013909" s="10"/>
    </row>
    <row r="1013910" spans="14:14">
      <c r="N1013910" s="10"/>
    </row>
    <row r="1013911" spans="14:14">
      <c r="N1013911" s="10"/>
    </row>
    <row r="1013912" spans="14:14">
      <c r="N1013912" s="10"/>
    </row>
    <row r="1013913" spans="14:14">
      <c r="N1013913" s="10"/>
    </row>
    <row r="1013914" spans="14:14">
      <c r="N1013914" s="10"/>
    </row>
    <row r="1013915" spans="14:14">
      <c r="N1013915" s="10"/>
    </row>
    <row r="1013916" spans="14:14">
      <c r="N1013916" s="10"/>
    </row>
    <row r="1013917" spans="14:14">
      <c r="N1013917" s="10"/>
    </row>
    <row r="1013918" spans="14:14">
      <c r="N1013918" s="10"/>
    </row>
    <row r="1013919" spans="14:14">
      <c r="N1013919" s="10"/>
    </row>
    <row r="1013920" spans="14:14">
      <c r="N1013920" s="10"/>
    </row>
    <row r="1013921" spans="14:14">
      <c r="N1013921" s="10"/>
    </row>
    <row r="1013922" spans="14:14">
      <c r="N1013922" s="10"/>
    </row>
    <row r="1013923" spans="14:14">
      <c r="N1013923" s="10"/>
    </row>
    <row r="1013924" spans="14:14">
      <c r="N1013924" s="10"/>
    </row>
    <row r="1013925" spans="14:14">
      <c r="N1013925" s="10"/>
    </row>
    <row r="1013926" spans="14:14">
      <c r="N1013926" s="10"/>
    </row>
    <row r="1013927" spans="14:14">
      <c r="N1013927" s="10"/>
    </row>
    <row r="1013928" spans="14:14">
      <c r="N1013928" s="10"/>
    </row>
    <row r="1013929" spans="14:14">
      <c r="N1013929" s="10"/>
    </row>
    <row r="1013930" spans="14:14">
      <c r="N1013930" s="10"/>
    </row>
    <row r="1013931" spans="14:14">
      <c r="N1013931" s="10"/>
    </row>
    <row r="1013932" spans="14:14">
      <c r="N1013932" s="10"/>
    </row>
    <row r="1013933" spans="14:14">
      <c r="N1013933" s="10"/>
    </row>
    <row r="1013934" spans="14:14">
      <c r="N1013934" s="10"/>
    </row>
    <row r="1013935" spans="14:14">
      <c r="N1013935" s="10"/>
    </row>
    <row r="1013936" spans="14:14">
      <c r="N1013936" s="10"/>
    </row>
    <row r="1013937" spans="14:14">
      <c r="N1013937" s="10"/>
    </row>
    <row r="1013938" spans="14:14">
      <c r="N1013938" s="10"/>
    </row>
    <row r="1013939" spans="14:14">
      <c r="N1013939" s="10"/>
    </row>
    <row r="1013940" spans="14:14">
      <c r="N1013940" s="10"/>
    </row>
    <row r="1013941" spans="14:14">
      <c r="N1013941" s="10"/>
    </row>
    <row r="1013942" spans="14:14">
      <c r="N1013942" s="10"/>
    </row>
    <row r="1013943" spans="14:14">
      <c r="N1013943" s="10"/>
    </row>
    <row r="1013944" spans="14:14">
      <c r="N1013944" s="10"/>
    </row>
    <row r="1013945" spans="14:14">
      <c r="N1013945" s="10"/>
    </row>
    <row r="1013946" spans="14:14">
      <c r="N1013946" s="10"/>
    </row>
    <row r="1013947" spans="14:14">
      <c r="N1013947" s="10"/>
    </row>
    <row r="1013948" spans="14:14">
      <c r="N1013948" s="10"/>
    </row>
    <row r="1013949" spans="14:14">
      <c r="N1013949" s="10"/>
    </row>
    <row r="1013950" spans="14:14">
      <c r="N1013950" s="10"/>
    </row>
    <row r="1013951" spans="14:14">
      <c r="N1013951" s="10"/>
    </row>
    <row r="1013952" spans="14:14">
      <c r="N1013952" s="10"/>
    </row>
    <row r="1013953" spans="14:14">
      <c r="N1013953" s="10"/>
    </row>
    <row r="1013954" spans="14:14">
      <c r="N1013954" s="10"/>
    </row>
    <row r="1013955" spans="14:14">
      <c r="N1013955" s="10"/>
    </row>
    <row r="1013956" spans="14:14">
      <c r="N1013956" s="10"/>
    </row>
    <row r="1013957" spans="14:14">
      <c r="N1013957" s="10"/>
    </row>
    <row r="1013958" spans="14:14">
      <c r="N1013958" s="10"/>
    </row>
    <row r="1013959" spans="14:14">
      <c r="N1013959" s="10"/>
    </row>
    <row r="1013960" spans="14:14">
      <c r="N1013960" s="10"/>
    </row>
    <row r="1013961" spans="14:14">
      <c r="N1013961" s="10"/>
    </row>
    <row r="1013962" spans="14:14">
      <c r="N1013962" s="10"/>
    </row>
    <row r="1013963" spans="14:14">
      <c r="N1013963" s="10"/>
    </row>
    <row r="1013964" spans="14:14">
      <c r="N1013964" s="10"/>
    </row>
    <row r="1013965" spans="14:14">
      <c r="N1013965" s="10"/>
    </row>
    <row r="1013966" spans="14:14">
      <c r="N1013966" s="10"/>
    </row>
    <row r="1013967" spans="14:14">
      <c r="N1013967" s="10"/>
    </row>
    <row r="1013968" spans="14:14">
      <c r="N1013968" s="10"/>
    </row>
    <row r="1013969" spans="14:14">
      <c r="N1013969" s="10"/>
    </row>
    <row r="1013970" spans="14:14">
      <c r="N1013970" s="10"/>
    </row>
    <row r="1013971" spans="14:14">
      <c r="N1013971" s="10"/>
    </row>
    <row r="1013972" spans="14:14">
      <c r="N1013972" s="10"/>
    </row>
    <row r="1013973" spans="14:14">
      <c r="N1013973" s="10"/>
    </row>
    <row r="1013974" spans="14:14">
      <c r="N1013974" s="10"/>
    </row>
    <row r="1013975" spans="14:14">
      <c r="N1013975" s="10"/>
    </row>
    <row r="1013976" spans="14:14">
      <c r="N1013976" s="10"/>
    </row>
    <row r="1013977" spans="14:14">
      <c r="N1013977" s="10"/>
    </row>
    <row r="1013978" spans="14:14">
      <c r="N1013978" s="10"/>
    </row>
    <row r="1013979" spans="14:14">
      <c r="N1013979" s="10"/>
    </row>
    <row r="1013980" spans="14:14">
      <c r="N1013980" s="10"/>
    </row>
    <row r="1013981" spans="14:14">
      <c r="N1013981" s="10"/>
    </row>
    <row r="1013982" spans="14:14">
      <c r="N1013982" s="10"/>
    </row>
    <row r="1013983" spans="14:14">
      <c r="N1013983" s="10"/>
    </row>
    <row r="1013984" spans="14:14">
      <c r="N1013984" s="10"/>
    </row>
    <row r="1013985" spans="14:14">
      <c r="N1013985" s="10"/>
    </row>
    <row r="1013986" spans="14:14">
      <c r="N1013986" s="10"/>
    </row>
    <row r="1013987" spans="14:14">
      <c r="N1013987" s="10"/>
    </row>
    <row r="1013988" spans="14:14">
      <c r="N1013988" s="10"/>
    </row>
    <row r="1013989" spans="14:14">
      <c r="N1013989" s="10"/>
    </row>
    <row r="1013990" spans="14:14">
      <c r="N1013990" s="10"/>
    </row>
    <row r="1013991" spans="14:14">
      <c r="N1013991" s="10"/>
    </row>
    <row r="1013992" spans="14:14">
      <c r="N1013992" s="10"/>
    </row>
    <row r="1013993" spans="14:14">
      <c r="N1013993" s="10"/>
    </row>
    <row r="1013994" spans="14:14">
      <c r="N1013994" s="10"/>
    </row>
    <row r="1013995" spans="14:14">
      <c r="N1013995" s="10"/>
    </row>
    <row r="1013996" spans="14:14">
      <c r="N1013996" s="10"/>
    </row>
    <row r="1013997" spans="14:14">
      <c r="N1013997" s="10"/>
    </row>
    <row r="1013998" spans="14:14">
      <c r="N1013998" s="10"/>
    </row>
    <row r="1013999" spans="14:14">
      <c r="N1013999" s="10"/>
    </row>
    <row r="1014000" spans="14:14">
      <c r="N1014000" s="10"/>
    </row>
    <row r="1014001" spans="14:14">
      <c r="N1014001" s="10"/>
    </row>
    <row r="1014002" spans="14:14">
      <c r="N1014002" s="10"/>
    </row>
    <row r="1014003" spans="14:14">
      <c r="N1014003" s="10"/>
    </row>
    <row r="1014004" spans="14:14">
      <c r="N1014004" s="10"/>
    </row>
    <row r="1014005" spans="14:14">
      <c r="N1014005" s="10"/>
    </row>
    <row r="1014006" spans="14:14">
      <c r="N1014006" s="10"/>
    </row>
    <row r="1014007" spans="14:14">
      <c r="N1014007" s="10"/>
    </row>
    <row r="1014008" spans="14:14">
      <c r="N1014008" s="10"/>
    </row>
    <row r="1014009" spans="14:14">
      <c r="N1014009" s="10"/>
    </row>
    <row r="1014010" spans="14:14">
      <c r="N1014010" s="10"/>
    </row>
    <row r="1014011" spans="14:14">
      <c r="N1014011" s="10"/>
    </row>
    <row r="1014012" spans="14:14">
      <c r="N1014012" s="10"/>
    </row>
    <row r="1014013" spans="14:14">
      <c r="N1014013" s="10"/>
    </row>
    <row r="1014014" spans="14:14">
      <c r="N1014014" s="10"/>
    </row>
    <row r="1014015" spans="14:14">
      <c r="N1014015" s="10"/>
    </row>
    <row r="1014016" spans="14:14">
      <c r="N1014016" s="10"/>
    </row>
    <row r="1014017" spans="14:14">
      <c r="N1014017" s="10"/>
    </row>
    <row r="1014018" spans="14:14">
      <c r="N1014018" s="10"/>
    </row>
    <row r="1014019" spans="14:14">
      <c r="N1014019" s="10"/>
    </row>
    <row r="1014020" spans="14:14">
      <c r="N1014020" s="10"/>
    </row>
    <row r="1014021" spans="14:14">
      <c r="N1014021" s="10"/>
    </row>
    <row r="1014022" spans="14:14">
      <c r="N1014022" s="10"/>
    </row>
    <row r="1014023" spans="14:14">
      <c r="N1014023" s="10"/>
    </row>
    <row r="1014024" spans="14:14">
      <c r="N1014024" s="10"/>
    </row>
    <row r="1014025" spans="14:14">
      <c r="N1014025" s="10"/>
    </row>
    <row r="1014026" spans="14:14">
      <c r="N1014026" s="10"/>
    </row>
    <row r="1014027" spans="14:14">
      <c r="N1014027" s="10"/>
    </row>
    <row r="1014028" spans="14:14">
      <c r="N1014028" s="10"/>
    </row>
    <row r="1014029" spans="14:14">
      <c r="N1014029" s="10"/>
    </row>
    <row r="1014030" spans="14:14">
      <c r="N1014030" s="10"/>
    </row>
    <row r="1014031" spans="14:14">
      <c r="N1014031" s="10"/>
    </row>
    <row r="1014032" spans="14:14">
      <c r="N1014032" s="10"/>
    </row>
    <row r="1014033" spans="14:14">
      <c r="N1014033" s="10"/>
    </row>
    <row r="1014034" spans="14:14">
      <c r="N1014034" s="10"/>
    </row>
    <row r="1014035" spans="14:14">
      <c r="N1014035" s="10"/>
    </row>
    <row r="1014036" spans="14:14">
      <c r="N1014036" s="10"/>
    </row>
    <row r="1014037" spans="14:14">
      <c r="N1014037" s="10"/>
    </row>
    <row r="1014038" spans="14:14">
      <c r="N1014038" s="10"/>
    </row>
    <row r="1014039" spans="14:14">
      <c r="N1014039" s="10"/>
    </row>
    <row r="1014040" spans="14:14">
      <c r="N1014040" s="10"/>
    </row>
    <row r="1014041" spans="14:14">
      <c r="N1014041" s="10"/>
    </row>
    <row r="1014042" spans="14:14">
      <c r="N1014042" s="10"/>
    </row>
    <row r="1014043" spans="14:14">
      <c r="N1014043" s="10"/>
    </row>
    <row r="1014044" spans="14:14">
      <c r="N1014044" s="10"/>
    </row>
    <row r="1014045" spans="14:14">
      <c r="N1014045" s="10"/>
    </row>
    <row r="1014046" spans="14:14">
      <c r="N1014046" s="10"/>
    </row>
    <row r="1014047" spans="14:14">
      <c r="N1014047" s="10"/>
    </row>
    <row r="1014048" spans="14:14">
      <c r="N1014048" s="10"/>
    </row>
    <row r="1014049" spans="14:14">
      <c r="N1014049" s="10"/>
    </row>
    <row r="1014050" spans="14:14">
      <c r="N1014050" s="10"/>
    </row>
    <row r="1014051" spans="14:14">
      <c r="N1014051" s="10"/>
    </row>
    <row r="1014052" spans="14:14">
      <c r="N1014052" s="10"/>
    </row>
    <row r="1014053" spans="14:14">
      <c r="N1014053" s="10"/>
    </row>
    <row r="1014054" spans="14:14">
      <c r="N1014054" s="10"/>
    </row>
    <row r="1014055" spans="14:14">
      <c r="N1014055" s="10"/>
    </row>
    <row r="1014056" spans="14:14">
      <c r="N1014056" s="10"/>
    </row>
    <row r="1014057" spans="14:14">
      <c r="N1014057" s="10"/>
    </row>
    <row r="1014058" spans="14:14">
      <c r="N1014058" s="10"/>
    </row>
    <row r="1014059" spans="14:14">
      <c r="N1014059" s="10"/>
    </row>
    <row r="1014060" spans="14:14">
      <c r="N1014060" s="10"/>
    </row>
    <row r="1014061" spans="14:14">
      <c r="N1014061" s="10"/>
    </row>
    <row r="1014062" spans="14:14">
      <c r="N1014062" s="10"/>
    </row>
    <row r="1014063" spans="14:14">
      <c r="N1014063" s="10"/>
    </row>
    <row r="1014064" spans="14:14">
      <c r="N1014064" s="10"/>
    </row>
    <row r="1014065" spans="14:14">
      <c r="N1014065" s="10"/>
    </row>
    <row r="1014066" spans="14:14">
      <c r="N1014066" s="10"/>
    </row>
    <row r="1014067" spans="14:14">
      <c r="N1014067" s="10"/>
    </row>
    <row r="1014068" spans="14:14">
      <c r="N1014068" s="10"/>
    </row>
    <row r="1014069" spans="14:14">
      <c r="N1014069" s="10"/>
    </row>
    <row r="1014070" spans="14:14">
      <c r="N1014070" s="10"/>
    </row>
    <row r="1014071" spans="14:14">
      <c r="N1014071" s="10"/>
    </row>
    <row r="1014072" spans="14:14">
      <c r="N1014072" s="10"/>
    </row>
    <row r="1014073" spans="14:14">
      <c r="N1014073" s="10"/>
    </row>
    <row r="1014074" spans="14:14">
      <c r="N1014074" s="10"/>
    </row>
    <row r="1014075" spans="14:14">
      <c r="N1014075" s="10"/>
    </row>
    <row r="1014076" spans="14:14">
      <c r="N1014076" s="10"/>
    </row>
    <row r="1014077" spans="14:14">
      <c r="N1014077" s="10"/>
    </row>
    <row r="1014078" spans="14:14">
      <c r="N1014078" s="10"/>
    </row>
    <row r="1014079" spans="14:14">
      <c r="N1014079" s="10"/>
    </row>
    <row r="1014080" spans="14:14">
      <c r="N1014080" s="10"/>
    </row>
    <row r="1014081" spans="14:14">
      <c r="N1014081" s="10"/>
    </row>
    <row r="1014082" spans="14:14">
      <c r="N1014082" s="10"/>
    </row>
    <row r="1014083" spans="14:14">
      <c r="N1014083" s="10"/>
    </row>
    <row r="1014084" spans="14:14">
      <c r="N1014084" s="10"/>
    </row>
    <row r="1014085" spans="14:14">
      <c r="N1014085" s="10"/>
    </row>
    <row r="1014086" spans="14:14">
      <c r="N1014086" s="10"/>
    </row>
    <row r="1014087" spans="14:14">
      <c r="N1014087" s="10"/>
    </row>
    <row r="1014088" spans="14:14">
      <c r="N1014088" s="10"/>
    </row>
    <row r="1014089" spans="14:14">
      <c r="N1014089" s="10"/>
    </row>
    <row r="1014090" spans="14:14">
      <c r="N1014090" s="10"/>
    </row>
    <row r="1014091" spans="14:14">
      <c r="N1014091" s="10"/>
    </row>
    <row r="1014092" spans="14:14">
      <c r="N1014092" s="10"/>
    </row>
    <row r="1014093" spans="14:14">
      <c r="N1014093" s="10"/>
    </row>
    <row r="1014094" spans="14:14">
      <c r="N1014094" s="10"/>
    </row>
    <row r="1014095" spans="14:14">
      <c r="N1014095" s="10"/>
    </row>
    <row r="1014096" spans="14:14">
      <c r="N1014096" s="10"/>
    </row>
    <row r="1014097" spans="14:14">
      <c r="N1014097" s="10"/>
    </row>
    <row r="1014098" spans="14:14">
      <c r="N1014098" s="10"/>
    </row>
    <row r="1014099" spans="14:14">
      <c r="N1014099" s="10"/>
    </row>
    <row r="1014100" spans="14:14">
      <c r="N1014100" s="10"/>
    </row>
    <row r="1014101" spans="14:14">
      <c r="N1014101" s="10"/>
    </row>
    <row r="1014102" spans="14:14">
      <c r="N1014102" s="10"/>
    </row>
    <row r="1014103" spans="14:14">
      <c r="N1014103" s="10"/>
    </row>
    <row r="1014104" spans="14:14">
      <c r="N1014104" s="10"/>
    </row>
    <row r="1014105" spans="14:14">
      <c r="N1014105" s="10"/>
    </row>
    <row r="1014106" spans="14:14">
      <c r="N1014106" s="10"/>
    </row>
    <row r="1014107" spans="14:14">
      <c r="N1014107" s="10"/>
    </row>
    <row r="1014108" spans="14:14">
      <c r="N1014108" s="10"/>
    </row>
    <row r="1014109" spans="14:14">
      <c r="N1014109" s="10"/>
    </row>
    <row r="1014110" spans="14:14">
      <c r="N1014110" s="10"/>
    </row>
    <row r="1014111" spans="14:14">
      <c r="N1014111" s="10"/>
    </row>
    <row r="1014112" spans="14:14">
      <c r="N1014112" s="10"/>
    </row>
    <row r="1014113" spans="14:14">
      <c r="N1014113" s="10"/>
    </row>
    <row r="1014114" spans="14:14">
      <c r="N1014114" s="10"/>
    </row>
    <row r="1014115" spans="14:14">
      <c r="N1014115" s="10"/>
    </row>
    <row r="1014116" spans="14:14">
      <c r="N1014116" s="10"/>
    </row>
    <row r="1014117" spans="14:14">
      <c r="N1014117" s="10"/>
    </row>
    <row r="1014118" spans="14:14">
      <c r="N1014118" s="10"/>
    </row>
    <row r="1014119" spans="14:14">
      <c r="N1014119" s="10"/>
    </row>
    <row r="1014120" spans="14:14">
      <c r="N1014120" s="10"/>
    </row>
    <row r="1014121" spans="14:14">
      <c r="N1014121" s="10"/>
    </row>
    <row r="1014122" spans="14:14">
      <c r="N1014122" s="10"/>
    </row>
    <row r="1014123" spans="14:14">
      <c r="N1014123" s="10"/>
    </row>
    <row r="1014124" spans="14:14">
      <c r="N1014124" s="10"/>
    </row>
    <row r="1014125" spans="14:14">
      <c r="N1014125" s="10"/>
    </row>
    <row r="1014126" spans="14:14">
      <c r="N1014126" s="10"/>
    </row>
    <row r="1014127" spans="14:14">
      <c r="N1014127" s="10"/>
    </row>
    <row r="1014128" spans="14:14">
      <c r="N1014128" s="10"/>
    </row>
    <row r="1014129" spans="14:14">
      <c r="N1014129" s="10"/>
    </row>
    <row r="1014130" spans="14:14">
      <c r="N1014130" s="10"/>
    </row>
    <row r="1014131" spans="14:14">
      <c r="N1014131" s="10"/>
    </row>
    <row r="1014132" spans="14:14">
      <c r="N1014132" s="10"/>
    </row>
    <row r="1014133" spans="14:14">
      <c r="N1014133" s="10"/>
    </row>
    <row r="1014134" spans="14:14">
      <c r="N1014134" s="10"/>
    </row>
    <row r="1014135" spans="14:14">
      <c r="N1014135" s="10"/>
    </row>
    <row r="1014136" spans="14:14">
      <c r="N1014136" s="10"/>
    </row>
    <row r="1014137" spans="14:14">
      <c r="N1014137" s="10"/>
    </row>
    <row r="1014138" spans="14:14">
      <c r="N1014138" s="10"/>
    </row>
    <row r="1014139" spans="14:14">
      <c r="N1014139" s="10"/>
    </row>
    <row r="1014140" spans="14:14">
      <c r="N1014140" s="10"/>
    </row>
    <row r="1014141" spans="14:14">
      <c r="N1014141" s="10"/>
    </row>
    <row r="1014142" spans="14:14">
      <c r="N1014142" s="10"/>
    </row>
    <row r="1014143" spans="14:14">
      <c r="N1014143" s="10"/>
    </row>
    <row r="1014144" spans="14:14">
      <c r="N1014144" s="10"/>
    </row>
    <row r="1014145" spans="14:14">
      <c r="N1014145" s="10"/>
    </row>
    <row r="1014146" spans="14:14">
      <c r="N1014146" s="10"/>
    </row>
    <row r="1014147" spans="14:14">
      <c r="N1014147" s="10"/>
    </row>
    <row r="1014148" spans="14:14">
      <c r="N1014148" s="10"/>
    </row>
    <row r="1014149" spans="14:14">
      <c r="N1014149" s="10"/>
    </row>
    <row r="1014150" spans="14:14">
      <c r="N1014150" s="10"/>
    </row>
    <row r="1014151" spans="14:14">
      <c r="N1014151" s="10"/>
    </row>
    <row r="1014152" spans="14:14">
      <c r="N1014152" s="10"/>
    </row>
    <row r="1014153" spans="14:14">
      <c r="N1014153" s="10"/>
    </row>
    <row r="1014154" spans="14:14">
      <c r="N1014154" s="10"/>
    </row>
    <row r="1014155" spans="14:14">
      <c r="N1014155" s="10"/>
    </row>
    <row r="1014156" spans="14:14">
      <c r="N1014156" s="10"/>
    </row>
    <row r="1014157" spans="14:14">
      <c r="N1014157" s="10"/>
    </row>
    <row r="1014158" spans="14:14">
      <c r="N1014158" s="10"/>
    </row>
    <row r="1014159" spans="14:14">
      <c r="N1014159" s="10"/>
    </row>
    <row r="1014160" spans="14:14">
      <c r="N1014160" s="10"/>
    </row>
    <row r="1014161" spans="14:14">
      <c r="N1014161" s="10"/>
    </row>
    <row r="1014162" spans="14:14">
      <c r="N1014162" s="10"/>
    </row>
    <row r="1014163" spans="14:14">
      <c r="N1014163" s="10"/>
    </row>
    <row r="1014164" spans="14:14">
      <c r="N1014164" s="10"/>
    </row>
    <row r="1014165" spans="14:14">
      <c r="N1014165" s="10"/>
    </row>
    <row r="1014166" spans="14:14">
      <c r="N1014166" s="10"/>
    </row>
    <row r="1014167" spans="14:14">
      <c r="N1014167" s="10"/>
    </row>
    <row r="1014168" spans="14:14">
      <c r="N1014168" s="10"/>
    </row>
    <row r="1014169" spans="14:14">
      <c r="N1014169" s="10"/>
    </row>
    <row r="1014170" spans="14:14">
      <c r="N1014170" s="10"/>
    </row>
    <row r="1014171" spans="14:14">
      <c r="N1014171" s="10"/>
    </row>
    <row r="1014172" spans="14:14">
      <c r="N1014172" s="10"/>
    </row>
    <row r="1014173" spans="14:14">
      <c r="N1014173" s="10"/>
    </row>
    <row r="1014174" spans="14:14">
      <c r="N1014174" s="10"/>
    </row>
    <row r="1014175" spans="14:14">
      <c r="N1014175" s="10"/>
    </row>
    <row r="1014176" spans="14:14">
      <c r="N1014176" s="10"/>
    </row>
    <row r="1014177" spans="14:14">
      <c r="N1014177" s="10"/>
    </row>
    <row r="1014178" spans="14:14">
      <c r="N1014178" s="10"/>
    </row>
    <row r="1014179" spans="14:14">
      <c r="N1014179" s="10"/>
    </row>
    <row r="1014180" spans="14:14">
      <c r="N1014180" s="10"/>
    </row>
    <row r="1014181" spans="14:14">
      <c r="N1014181" s="10"/>
    </row>
    <row r="1014182" spans="14:14">
      <c r="N1014182" s="10"/>
    </row>
    <row r="1014183" spans="14:14">
      <c r="N1014183" s="10"/>
    </row>
    <row r="1014184" spans="14:14">
      <c r="N1014184" s="10"/>
    </row>
    <row r="1014185" spans="14:14">
      <c r="N1014185" s="10"/>
    </row>
    <row r="1014186" spans="14:14">
      <c r="N1014186" s="10"/>
    </row>
    <row r="1014187" spans="14:14">
      <c r="N1014187" s="10"/>
    </row>
    <row r="1014188" spans="14:14">
      <c r="N1014188" s="10"/>
    </row>
    <row r="1014189" spans="14:14">
      <c r="N1014189" s="10"/>
    </row>
    <row r="1014190" spans="14:14">
      <c r="N1014190" s="10"/>
    </row>
    <row r="1014191" spans="14:14">
      <c r="N1014191" s="10"/>
    </row>
    <row r="1014192" spans="14:14">
      <c r="N1014192" s="10"/>
    </row>
    <row r="1014193" spans="14:14">
      <c r="N1014193" s="10"/>
    </row>
    <row r="1014194" spans="14:14">
      <c r="N1014194" s="10"/>
    </row>
    <row r="1014195" spans="14:14">
      <c r="N1014195" s="10"/>
    </row>
    <row r="1014196" spans="14:14">
      <c r="N1014196" s="10"/>
    </row>
    <row r="1014197" spans="14:14">
      <c r="N1014197" s="10"/>
    </row>
    <row r="1014198" spans="14:14">
      <c r="N1014198" s="10"/>
    </row>
    <row r="1014199" spans="14:14">
      <c r="N1014199" s="10"/>
    </row>
    <row r="1014200" spans="14:14">
      <c r="N1014200" s="10"/>
    </row>
    <row r="1014201" spans="14:14">
      <c r="N1014201" s="10"/>
    </row>
    <row r="1014202" spans="14:14">
      <c r="N1014202" s="10"/>
    </row>
    <row r="1014203" spans="14:14">
      <c r="N1014203" s="10"/>
    </row>
    <row r="1014204" spans="14:14">
      <c r="N1014204" s="10"/>
    </row>
    <row r="1014205" spans="14:14">
      <c r="N1014205" s="10"/>
    </row>
    <row r="1014206" spans="14:14">
      <c r="N1014206" s="10"/>
    </row>
    <row r="1014207" spans="14:14">
      <c r="N1014207" s="10"/>
    </row>
    <row r="1014208" spans="14:14">
      <c r="N1014208" s="10"/>
    </row>
    <row r="1014209" spans="14:14">
      <c r="N1014209" s="10"/>
    </row>
    <row r="1014210" spans="14:14">
      <c r="N1014210" s="10"/>
    </row>
    <row r="1014211" spans="14:14">
      <c r="N1014211" s="10"/>
    </row>
    <row r="1014212" spans="14:14">
      <c r="N1014212" s="10"/>
    </row>
    <row r="1014213" spans="14:14">
      <c r="N1014213" s="10"/>
    </row>
    <row r="1014214" spans="14:14">
      <c r="N1014214" s="10"/>
    </row>
    <row r="1014215" spans="14:14">
      <c r="N1014215" s="10"/>
    </row>
    <row r="1014216" spans="14:14">
      <c r="N1014216" s="10"/>
    </row>
    <row r="1014217" spans="14:14">
      <c r="N1014217" s="10"/>
    </row>
    <row r="1014218" spans="14:14">
      <c r="N1014218" s="10"/>
    </row>
    <row r="1014219" spans="14:14">
      <c r="N1014219" s="10"/>
    </row>
    <row r="1014220" spans="14:14">
      <c r="N1014220" s="10"/>
    </row>
    <row r="1014221" spans="14:14">
      <c r="N1014221" s="10"/>
    </row>
    <row r="1014222" spans="14:14">
      <c r="N1014222" s="10"/>
    </row>
    <row r="1014223" spans="14:14">
      <c r="N1014223" s="10"/>
    </row>
    <row r="1014224" spans="14:14">
      <c r="N1014224" s="10"/>
    </row>
    <row r="1014225" spans="14:14">
      <c r="N1014225" s="10"/>
    </row>
    <row r="1014226" spans="14:14">
      <c r="N1014226" s="10"/>
    </row>
    <row r="1014227" spans="14:14">
      <c r="N1014227" s="10"/>
    </row>
    <row r="1014228" spans="14:14">
      <c r="N1014228" s="10"/>
    </row>
    <row r="1014229" spans="14:14">
      <c r="N1014229" s="10"/>
    </row>
    <row r="1014230" spans="14:14">
      <c r="N1014230" s="10"/>
    </row>
    <row r="1014231" spans="14:14">
      <c r="N1014231" s="10"/>
    </row>
    <row r="1014232" spans="14:14">
      <c r="N1014232" s="10"/>
    </row>
    <row r="1014233" spans="14:14">
      <c r="N1014233" s="10"/>
    </row>
    <row r="1014234" spans="14:14">
      <c r="N1014234" s="10"/>
    </row>
    <row r="1014235" spans="14:14">
      <c r="N1014235" s="10"/>
    </row>
    <row r="1014236" spans="14:14">
      <c r="N1014236" s="10"/>
    </row>
    <row r="1014237" spans="14:14">
      <c r="N1014237" s="10"/>
    </row>
    <row r="1014238" spans="14:14">
      <c r="N1014238" s="10"/>
    </row>
    <row r="1014239" spans="14:14">
      <c r="N1014239" s="10"/>
    </row>
    <row r="1014240" spans="14:14">
      <c r="N1014240" s="10"/>
    </row>
    <row r="1014241" spans="14:14">
      <c r="N1014241" s="10"/>
    </row>
    <row r="1014242" spans="14:14">
      <c r="N1014242" s="10"/>
    </row>
    <row r="1014243" spans="14:14">
      <c r="N1014243" s="10"/>
    </row>
    <row r="1014244" spans="14:14">
      <c r="N1014244" s="10"/>
    </row>
    <row r="1014245" spans="14:14">
      <c r="N1014245" s="10"/>
    </row>
    <row r="1014246" spans="14:14">
      <c r="N1014246" s="10"/>
    </row>
    <row r="1014247" spans="14:14">
      <c r="N1014247" s="10"/>
    </row>
    <row r="1014248" spans="14:14">
      <c r="N1014248" s="10"/>
    </row>
    <row r="1014249" spans="14:14">
      <c r="N1014249" s="10"/>
    </row>
    <row r="1014250" spans="14:14">
      <c r="N1014250" s="10"/>
    </row>
    <row r="1014251" spans="14:14">
      <c r="N1014251" s="10"/>
    </row>
    <row r="1014252" spans="14:14">
      <c r="N1014252" s="10"/>
    </row>
    <row r="1014253" spans="14:14">
      <c r="N1014253" s="10"/>
    </row>
    <row r="1014254" spans="14:14">
      <c r="N1014254" s="10"/>
    </row>
    <row r="1014255" spans="14:14">
      <c r="N1014255" s="10"/>
    </row>
    <row r="1014256" spans="14:14">
      <c r="N1014256" s="10"/>
    </row>
    <row r="1014257" spans="14:14">
      <c r="N1014257" s="10"/>
    </row>
    <row r="1014258" spans="14:14">
      <c r="N1014258" s="10"/>
    </row>
    <row r="1014259" spans="14:14">
      <c r="N1014259" s="10"/>
    </row>
    <row r="1014260" spans="14:14">
      <c r="N1014260" s="10"/>
    </row>
    <row r="1014261" spans="14:14">
      <c r="N1014261" s="10"/>
    </row>
    <row r="1014262" spans="14:14">
      <c r="N1014262" s="10"/>
    </row>
    <row r="1014263" spans="14:14">
      <c r="N1014263" s="10"/>
    </row>
    <row r="1014264" spans="14:14">
      <c r="N1014264" s="10"/>
    </row>
    <row r="1014265" spans="14:14">
      <c r="N1014265" s="10"/>
    </row>
    <row r="1014266" spans="14:14">
      <c r="N1014266" s="10"/>
    </row>
    <row r="1014267" spans="14:14">
      <c r="N1014267" s="10"/>
    </row>
    <row r="1014268" spans="14:14">
      <c r="N1014268" s="10"/>
    </row>
    <row r="1014269" spans="14:14">
      <c r="N1014269" s="10"/>
    </row>
    <row r="1014270" spans="14:14">
      <c r="N1014270" s="10"/>
    </row>
    <row r="1014271" spans="14:14">
      <c r="N1014271" s="10"/>
    </row>
    <row r="1014272" spans="14:14">
      <c r="N1014272" s="10"/>
    </row>
    <row r="1014273" spans="14:14">
      <c r="N1014273" s="10"/>
    </row>
    <row r="1014274" spans="14:14">
      <c r="N1014274" s="10"/>
    </row>
    <row r="1014275" spans="14:14">
      <c r="N1014275" s="10"/>
    </row>
    <row r="1014276" spans="14:14">
      <c r="N1014276" s="10"/>
    </row>
    <row r="1014277" spans="14:14">
      <c r="N1014277" s="10"/>
    </row>
    <row r="1014278" spans="14:14">
      <c r="N1014278" s="10"/>
    </row>
    <row r="1014279" spans="14:14">
      <c r="N1014279" s="10"/>
    </row>
    <row r="1014280" spans="14:14">
      <c r="N1014280" s="10"/>
    </row>
    <row r="1014281" spans="14:14">
      <c r="N1014281" s="10"/>
    </row>
    <row r="1014282" spans="14:14">
      <c r="N1014282" s="10"/>
    </row>
    <row r="1014283" spans="14:14">
      <c r="N1014283" s="10"/>
    </row>
    <row r="1014284" spans="14:14">
      <c r="N1014284" s="10"/>
    </row>
    <row r="1014285" spans="14:14">
      <c r="N1014285" s="10"/>
    </row>
    <row r="1014286" spans="14:14">
      <c r="N1014286" s="10"/>
    </row>
    <row r="1014287" spans="14:14">
      <c r="N1014287" s="10"/>
    </row>
    <row r="1014288" spans="14:14">
      <c r="N1014288" s="10"/>
    </row>
    <row r="1014289" spans="14:14">
      <c r="N1014289" s="10"/>
    </row>
    <row r="1014290" spans="14:14">
      <c r="N1014290" s="10"/>
    </row>
    <row r="1014291" spans="14:14">
      <c r="N1014291" s="10"/>
    </row>
    <row r="1014292" spans="14:14">
      <c r="N1014292" s="10"/>
    </row>
    <row r="1014293" spans="14:14">
      <c r="N1014293" s="10"/>
    </row>
    <row r="1014294" spans="14:14">
      <c r="N1014294" s="10"/>
    </row>
    <row r="1014295" spans="14:14">
      <c r="N1014295" s="10"/>
    </row>
    <row r="1014296" spans="14:14">
      <c r="N1014296" s="10"/>
    </row>
    <row r="1014297" spans="14:14">
      <c r="N1014297" s="10"/>
    </row>
    <row r="1014298" spans="14:14">
      <c r="N1014298" s="10"/>
    </row>
    <row r="1014299" spans="14:14">
      <c r="N1014299" s="10"/>
    </row>
    <row r="1014300" spans="14:14">
      <c r="N1014300" s="10"/>
    </row>
    <row r="1014301" spans="14:14">
      <c r="N1014301" s="10"/>
    </row>
    <row r="1014302" spans="14:14">
      <c r="N1014302" s="10"/>
    </row>
    <row r="1014303" spans="14:14">
      <c r="N1014303" s="10"/>
    </row>
    <row r="1014304" spans="14:14">
      <c r="N1014304" s="10"/>
    </row>
    <row r="1014305" spans="14:14">
      <c r="N1014305" s="10"/>
    </row>
    <row r="1014306" spans="14:14">
      <c r="N1014306" s="10"/>
    </row>
    <row r="1014307" spans="14:14">
      <c r="N1014307" s="10"/>
    </row>
    <row r="1014308" spans="14:14">
      <c r="N1014308" s="10"/>
    </row>
    <row r="1014309" spans="14:14">
      <c r="N1014309" s="10"/>
    </row>
    <row r="1014310" spans="14:14">
      <c r="N1014310" s="10"/>
    </row>
    <row r="1014311" spans="14:14">
      <c r="N1014311" s="10"/>
    </row>
    <row r="1014312" spans="14:14">
      <c r="N1014312" s="10"/>
    </row>
    <row r="1014313" spans="14:14">
      <c r="N1014313" s="10"/>
    </row>
    <row r="1014314" spans="14:14">
      <c r="N1014314" s="10"/>
    </row>
    <row r="1014315" spans="14:14">
      <c r="N1014315" s="10"/>
    </row>
    <row r="1014316" spans="14:14">
      <c r="N1014316" s="10"/>
    </row>
    <row r="1014317" spans="14:14">
      <c r="N1014317" s="10"/>
    </row>
    <row r="1014318" spans="14:14">
      <c r="N1014318" s="10"/>
    </row>
    <row r="1014319" spans="14:14">
      <c r="N1014319" s="10"/>
    </row>
    <row r="1014320" spans="14:14">
      <c r="N1014320" s="10"/>
    </row>
    <row r="1014321" spans="14:14">
      <c r="N1014321" s="10"/>
    </row>
    <row r="1014322" spans="14:14">
      <c r="N1014322" s="10"/>
    </row>
    <row r="1014323" spans="14:14">
      <c r="N1014323" s="10"/>
    </row>
    <row r="1014324" spans="14:14">
      <c r="N1014324" s="10"/>
    </row>
    <row r="1014325" spans="14:14">
      <c r="N1014325" s="10"/>
    </row>
    <row r="1014326" spans="14:14">
      <c r="N1014326" s="10"/>
    </row>
    <row r="1014327" spans="14:14">
      <c r="N1014327" s="10"/>
    </row>
    <row r="1014328" spans="14:14">
      <c r="N1014328" s="10"/>
    </row>
    <row r="1014329" spans="14:14">
      <c r="N1014329" s="10"/>
    </row>
    <row r="1014330" spans="14:14">
      <c r="N1014330" s="10"/>
    </row>
    <row r="1014331" spans="14:14">
      <c r="N1014331" s="10"/>
    </row>
    <row r="1014332" spans="14:14">
      <c r="N1014332" s="10"/>
    </row>
    <row r="1014333" spans="14:14">
      <c r="N1014333" s="10"/>
    </row>
    <row r="1014334" spans="14:14">
      <c r="N1014334" s="10"/>
    </row>
    <row r="1014335" spans="14:14">
      <c r="N1014335" s="10"/>
    </row>
    <row r="1014336" spans="14:14">
      <c r="N1014336" s="10"/>
    </row>
    <row r="1014337" spans="14:14">
      <c r="N1014337" s="10"/>
    </row>
    <row r="1014338" spans="14:14">
      <c r="N1014338" s="10"/>
    </row>
    <row r="1014339" spans="14:14">
      <c r="N1014339" s="10"/>
    </row>
    <row r="1014340" spans="14:14">
      <c r="N1014340" s="10"/>
    </row>
    <row r="1014341" spans="14:14">
      <c r="N1014341" s="10"/>
    </row>
    <row r="1014342" spans="14:14">
      <c r="N1014342" s="10"/>
    </row>
    <row r="1014343" spans="14:14">
      <c r="N1014343" s="10"/>
    </row>
    <row r="1014344" spans="14:14">
      <c r="N1014344" s="10"/>
    </row>
    <row r="1014345" spans="14:14">
      <c r="N1014345" s="10"/>
    </row>
    <row r="1014346" spans="14:14">
      <c r="N1014346" s="10"/>
    </row>
    <row r="1014347" spans="14:14">
      <c r="N1014347" s="10"/>
    </row>
    <row r="1014348" spans="14:14">
      <c r="N1014348" s="10"/>
    </row>
    <row r="1014349" spans="14:14">
      <c r="N1014349" s="10"/>
    </row>
    <row r="1014350" spans="14:14">
      <c r="N1014350" s="10"/>
    </row>
    <row r="1014351" spans="14:14">
      <c r="N1014351" s="10"/>
    </row>
    <row r="1014352" spans="14:14">
      <c r="N1014352" s="10"/>
    </row>
    <row r="1014353" spans="14:14">
      <c r="N1014353" s="10"/>
    </row>
    <row r="1014354" spans="14:14">
      <c r="N1014354" s="10"/>
    </row>
    <row r="1014355" spans="14:14">
      <c r="N1014355" s="10"/>
    </row>
    <row r="1014356" spans="14:14">
      <c r="N1014356" s="10"/>
    </row>
    <row r="1014357" spans="14:14">
      <c r="N1014357" s="10"/>
    </row>
    <row r="1014358" spans="14:14">
      <c r="N1014358" s="10"/>
    </row>
    <row r="1014359" spans="14:14">
      <c r="N1014359" s="10"/>
    </row>
    <row r="1014360" spans="14:14">
      <c r="N1014360" s="10"/>
    </row>
    <row r="1014361" spans="14:14">
      <c r="N1014361" s="10"/>
    </row>
    <row r="1014362" spans="14:14">
      <c r="N1014362" s="10"/>
    </row>
    <row r="1014363" spans="14:14">
      <c r="N1014363" s="10"/>
    </row>
    <row r="1014364" spans="14:14">
      <c r="N1014364" s="10"/>
    </row>
    <row r="1014365" spans="14:14">
      <c r="N1014365" s="10"/>
    </row>
    <row r="1014366" spans="14:14">
      <c r="N1014366" s="10"/>
    </row>
    <row r="1014367" spans="14:14">
      <c r="N1014367" s="10"/>
    </row>
    <row r="1014368" spans="14:14">
      <c r="N1014368" s="10"/>
    </row>
    <row r="1014369" spans="14:14">
      <c r="N1014369" s="10"/>
    </row>
    <row r="1014370" spans="14:14">
      <c r="N1014370" s="10"/>
    </row>
    <row r="1014371" spans="14:14">
      <c r="N1014371" s="10"/>
    </row>
    <row r="1014372" spans="14:14">
      <c r="N1014372" s="10"/>
    </row>
    <row r="1014373" spans="14:14">
      <c r="N1014373" s="10"/>
    </row>
    <row r="1014374" spans="14:14">
      <c r="N1014374" s="10"/>
    </row>
    <row r="1014375" spans="14:14">
      <c r="N1014375" s="10"/>
    </row>
    <row r="1014376" spans="14:14">
      <c r="N1014376" s="10"/>
    </row>
    <row r="1014377" spans="14:14">
      <c r="N1014377" s="10"/>
    </row>
    <row r="1014378" spans="14:14">
      <c r="N1014378" s="10"/>
    </row>
    <row r="1014379" spans="14:14">
      <c r="N1014379" s="10"/>
    </row>
    <row r="1014380" spans="14:14">
      <c r="N1014380" s="10"/>
    </row>
    <row r="1014381" spans="14:14">
      <c r="N1014381" s="10"/>
    </row>
    <row r="1014382" spans="14:14">
      <c r="N1014382" s="10"/>
    </row>
    <row r="1014383" spans="14:14">
      <c r="N1014383" s="10"/>
    </row>
    <row r="1014384" spans="14:14">
      <c r="N1014384" s="10"/>
    </row>
    <row r="1014385" spans="14:14">
      <c r="N1014385" s="10"/>
    </row>
    <row r="1014386" spans="14:14">
      <c r="N1014386" s="10"/>
    </row>
    <row r="1014387" spans="14:14">
      <c r="N1014387" s="10"/>
    </row>
    <row r="1014388" spans="14:14">
      <c r="N1014388" s="10"/>
    </row>
    <row r="1014389" spans="14:14">
      <c r="N1014389" s="10"/>
    </row>
    <row r="1014390" spans="14:14">
      <c r="N1014390" s="10"/>
    </row>
    <row r="1014391" spans="14:14">
      <c r="N1014391" s="10"/>
    </row>
    <row r="1014392" spans="14:14">
      <c r="N1014392" s="10"/>
    </row>
    <row r="1014393" spans="14:14">
      <c r="N1014393" s="10"/>
    </row>
    <row r="1014394" spans="14:14">
      <c r="N1014394" s="10"/>
    </row>
    <row r="1014395" spans="14:14">
      <c r="N1014395" s="10"/>
    </row>
    <row r="1014396" spans="14:14">
      <c r="N1014396" s="10"/>
    </row>
    <row r="1014397" spans="14:14">
      <c r="N1014397" s="10"/>
    </row>
    <row r="1014398" spans="14:14">
      <c r="N1014398" s="10"/>
    </row>
    <row r="1014399" spans="14:14">
      <c r="N1014399" s="10"/>
    </row>
    <row r="1014400" spans="14:14">
      <c r="N1014400" s="10"/>
    </row>
    <row r="1014401" spans="14:14">
      <c r="N1014401" s="10"/>
    </row>
    <row r="1014402" spans="14:14">
      <c r="N1014402" s="10"/>
    </row>
    <row r="1014403" spans="14:14">
      <c r="N1014403" s="10"/>
    </row>
    <row r="1014404" spans="14:14">
      <c r="N1014404" s="10"/>
    </row>
    <row r="1014405" spans="14:14">
      <c r="N1014405" s="10"/>
    </row>
    <row r="1014406" spans="14:14">
      <c r="N1014406" s="10"/>
    </row>
    <row r="1014407" spans="14:14">
      <c r="N1014407" s="10"/>
    </row>
    <row r="1014408" spans="14:14">
      <c r="N1014408" s="10"/>
    </row>
    <row r="1014409" spans="14:14">
      <c r="N1014409" s="10"/>
    </row>
    <row r="1014410" spans="14:14">
      <c r="N1014410" s="10"/>
    </row>
    <row r="1014411" spans="14:14">
      <c r="N1014411" s="10"/>
    </row>
    <row r="1014412" spans="14:14">
      <c r="N1014412" s="10"/>
    </row>
    <row r="1014413" spans="14:14">
      <c r="N1014413" s="10"/>
    </row>
    <row r="1014414" spans="14:14">
      <c r="N1014414" s="10"/>
    </row>
    <row r="1014415" spans="14:14">
      <c r="N1014415" s="10"/>
    </row>
    <row r="1014416" spans="14:14">
      <c r="N1014416" s="10"/>
    </row>
    <row r="1014417" spans="14:14">
      <c r="N1014417" s="10"/>
    </row>
    <row r="1014418" spans="14:14">
      <c r="N1014418" s="10"/>
    </row>
    <row r="1014419" spans="14:14">
      <c r="N1014419" s="10"/>
    </row>
    <row r="1014420" spans="14:14">
      <c r="N1014420" s="10"/>
    </row>
    <row r="1014421" spans="14:14">
      <c r="N1014421" s="10"/>
    </row>
    <row r="1014422" spans="14:14">
      <c r="N1014422" s="10"/>
    </row>
    <row r="1014423" spans="14:14">
      <c r="N1014423" s="10"/>
    </row>
    <row r="1014424" spans="14:14">
      <c r="N1014424" s="10"/>
    </row>
    <row r="1014425" spans="14:14">
      <c r="N1014425" s="10"/>
    </row>
    <row r="1014426" spans="14:14">
      <c r="N1014426" s="10"/>
    </row>
    <row r="1014427" spans="14:14">
      <c r="N1014427" s="10"/>
    </row>
    <row r="1014428" spans="14:14">
      <c r="N1014428" s="10"/>
    </row>
    <row r="1014429" spans="14:14">
      <c r="N1014429" s="10"/>
    </row>
    <row r="1014430" spans="14:14">
      <c r="N1014430" s="10"/>
    </row>
    <row r="1014431" spans="14:14">
      <c r="N1014431" s="10"/>
    </row>
    <row r="1014432" spans="14:14">
      <c r="N1014432" s="10"/>
    </row>
    <row r="1014433" spans="14:14">
      <c r="N1014433" s="10"/>
    </row>
    <row r="1014434" spans="14:14">
      <c r="N1014434" s="10"/>
    </row>
    <row r="1014435" spans="14:14">
      <c r="N1014435" s="10"/>
    </row>
    <row r="1014436" spans="14:14">
      <c r="N1014436" s="10"/>
    </row>
    <row r="1014437" spans="14:14">
      <c r="N1014437" s="10"/>
    </row>
    <row r="1014438" spans="14:14">
      <c r="N1014438" s="10"/>
    </row>
    <row r="1014439" spans="14:14">
      <c r="N1014439" s="10"/>
    </row>
    <row r="1014440" spans="14:14">
      <c r="N1014440" s="10"/>
    </row>
    <row r="1014441" spans="14:14">
      <c r="N1014441" s="10"/>
    </row>
    <row r="1014442" spans="14:14">
      <c r="N1014442" s="10"/>
    </row>
    <row r="1014443" spans="14:14">
      <c r="N1014443" s="10"/>
    </row>
    <row r="1014444" spans="14:14">
      <c r="N1014444" s="10"/>
    </row>
    <row r="1014445" spans="14:14">
      <c r="N1014445" s="10"/>
    </row>
    <row r="1014446" spans="14:14">
      <c r="N1014446" s="10"/>
    </row>
    <row r="1014447" spans="14:14">
      <c r="N1014447" s="10"/>
    </row>
    <row r="1014448" spans="14:14">
      <c r="N1014448" s="10"/>
    </row>
    <row r="1014449" spans="14:14">
      <c r="N1014449" s="10"/>
    </row>
    <row r="1014450" spans="14:14">
      <c r="N1014450" s="10"/>
    </row>
    <row r="1014451" spans="14:14">
      <c r="N1014451" s="10"/>
    </row>
    <row r="1014452" spans="14:14">
      <c r="N1014452" s="10"/>
    </row>
    <row r="1014453" spans="14:14">
      <c r="N1014453" s="10"/>
    </row>
    <row r="1014454" spans="14:14">
      <c r="N1014454" s="10"/>
    </row>
    <row r="1014455" spans="14:14">
      <c r="N1014455" s="10"/>
    </row>
    <row r="1014456" spans="14:14">
      <c r="N1014456" s="10"/>
    </row>
    <row r="1014457" spans="14:14">
      <c r="N1014457" s="10"/>
    </row>
    <row r="1014458" spans="14:14">
      <c r="N1014458" s="10"/>
    </row>
    <row r="1014459" spans="14:14">
      <c r="N1014459" s="10"/>
    </row>
    <row r="1014460" spans="14:14">
      <c r="N1014460" s="10"/>
    </row>
    <row r="1014461" spans="14:14">
      <c r="N1014461" s="10"/>
    </row>
    <row r="1014462" spans="14:14">
      <c r="N1014462" s="10"/>
    </row>
    <row r="1014463" spans="14:14">
      <c r="N1014463" s="10"/>
    </row>
    <row r="1014464" spans="14:14">
      <c r="N1014464" s="10"/>
    </row>
    <row r="1014465" spans="14:14">
      <c r="N1014465" s="10"/>
    </row>
    <row r="1014466" spans="14:14">
      <c r="N1014466" s="10"/>
    </row>
    <row r="1014467" spans="14:14">
      <c r="N1014467" s="10"/>
    </row>
    <row r="1014468" spans="14:14">
      <c r="N1014468" s="10"/>
    </row>
    <row r="1014469" spans="14:14">
      <c r="N1014469" s="10"/>
    </row>
    <row r="1014470" spans="14:14">
      <c r="N1014470" s="10"/>
    </row>
    <row r="1014471" spans="14:14">
      <c r="N1014471" s="10"/>
    </row>
    <row r="1014472" spans="14:14">
      <c r="N1014472" s="10"/>
    </row>
    <row r="1014473" spans="14:14">
      <c r="N1014473" s="10"/>
    </row>
    <row r="1014474" spans="14:14">
      <c r="N1014474" s="10"/>
    </row>
    <row r="1014475" spans="14:14">
      <c r="N1014475" s="10"/>
    </row>
    <row r="1014476" spans="14:14">
      <c r="N1014476" s="10"/>
    </row>
    <row r="1014477" spans="14:14">
      <c r="N1014477" s="10"/>
    </row>
    <row r="1014478" spans="14:14">
      <c r="N1014478" s="10"/>
    </row>
    <row r="1014479" spans="14:14">
      <c r="N1014479" s="10"/>
    </row>
    <row r="1014480" spans="14:14">
      <c r="N1014480" s="10"/>
    </row>
    <row r="1014481" spans="14:14">
      <c r="N1014481" s="10"/>
    </row>
    <row r="1014482" spans="14:14">
      <c r="N1014482" s="10"/>
    </row>
    <row r="1014483" spans="14:14">
      <c r="N1014483" s="10"/>
    </row>
    <row r="1014484" spans="14:14">
      <c r="N1014484" s="10"/>
    </row>
    <row r="1014485" spans="14:14">
      <c r="N1014485" s="10"/>
    </row>
    <row r="1014486" spans="14:14">
      <c r="N1014486" s="10"/>
    </row>
    <row r="1014487" spans="14:14">
      <c r="N1014487" s="10"/>
    </row>
    <row r="1014488" spans="14:14">
      <c r="N1014488" s="10"/>
    </row>
    <row r="1014489" spans="14:14">
      <c r="N1014489" s="10"/>
    </row>
    <row r="1014490" spans="14:14">
      <c r="N1014490" s="10"/>
    </row>
    <row r="1014491" spans="14:14">
      <c r="N1014491" s="10"/>
    </row>
    <row r="1014492" spans="14:14">
      <c r="N1014492" s="10"/>
    </row>
    <row r="1014493" spans="14:14">
      <c r="N1014493" s="10"/>
    </row>
    <row r="1014494" spans="14:14">
      <c r="N1014494" s="10"/>
    </row>
    <row r="1014495" spans="14:14">
      <c r="N1014495" s="10"/>
    </row>
    <row r="1014496" spans="14:14">
      <c r="N1014496" s="10"/>
    </row>
    <row r="1014497" spans="14:14">
      <c r="N1014497" s="10"/>
    </row>
    <row r="1014498" spans="14:14">
      <c r="N1014498" s="10"/>
    </row>
    <row r="1014499" spans="14:14">
      <c r="N1014499" s="10"/>
    </row>
    <row r="1014500" spans="14:14">
      <c r="N1014500" s="10"/>
    </row>
    <row r="1014501" spans="14:14">
      <c r="N1014501" s="10"/>
    </row>
    <row r="1014502" spans="14:14">
      <c r="N1014502" s="10"/>
    </row>
    <row r="1014503" spans="14:14">
      <c r="N1014503" s="10"/>
    </row>
    <row r="1014504" spans="14:14">
      <c r="N1014504" s="10"/>
    </row>
    <row r="1014505" spans="14:14">
      <c r="N1014505" s="10"/>
    </row>
    <row r="1014506" spans="14:14">
      <c r="N1014506" s="10"/>
    </row>
    <row r="1014507" spans="14:14">
      <c r="N1014507" s="10"/>
    </row>
    <row r="1014508" spans="14:14">
      <c r="N1014508" s="10"/>
    </row>
    <row r="1014509" spans="14:14">
      <c r="N1014509" s="10"/>
    </row>
    <row r="1014510" spans="14:14">
      <c r="N1014510" s="10"/>
    </row>
    <row r="1014511" spans="14:14">
      <c r="N1014511" s="10"/>
    </row>
    <row r="1014512" spans="14:14">
      <c r="N1014512" s="10"/>
    </row>
    <row r="1014513" spans="14:14">
      <c r="N1014513" s="10"/>
    </row>
    <row r="1014514" spans="14:14">
      <c r="N1014514" s="10"/>
    </row>
    <row r="1014515" spans="14:14">
      <c r="N1014515" s="10"/>
    </row>
    <row r="1014516" spans="14:14">
      <c r="N1014516" s="10"/>
    </row>
    <row r="1014517" spans="14:14">
      <c r="N1014517" s="10"/>
    </row>
    <row r="1014518" spans="14:14">
      <c r="N1014518" s="10"/>
    </row>
    <row r="1014519" spans="14:14">
      <c r="N1014519" s="10"/>
    </row>
    <row r="1014520" spans="14:14">
      <c r="N1014520" s="10"/>
    </row>
    <row r="1014521" spans="14:14">
      <c r="N1014521" s="10"/>
    </row>
    <row r="1014522" spans="14:14">
      <c r="N1014522" s="10"/>
    </row>
    <row r="1014523" spans="14:14">
      <c r="N1014523" s="10"/>
    </row>
    <row r="1014524" spans="14:14">
      <c r="N1014524" s="10"/>
    </row>
    <row r="1014525" spans="14:14">
      <c r="N1014525" s="10"/>
    </row>
    <row r="1014526" spans="14:14">
      <c r="N1014526" s="10"/>
    </row>
    <row r="1014527" spans="14:14">
      <c r="N1014527" s="10"/>
    </row>
    <row r="1014528" spans="14:14">
      <c r="N1014528" s="10"/>
    </row>
    <row r="1014529" spans="14:14">
      <c r="N1014529" s="10"/>
    </row>
    <row r="1014530" spans="14:14">
      <c r="N1014530" s="10"/>
    </row>
    <row r="1014531" spans="14:14">
      <c r="N1014531" s="10"/>
    </row>
    <row r="1014532" spans="14:14">
      <c r="N1014532" s="10"/>
    </row>
    <row r="1014533" spans="14:14">
      <c r="N1014533" s="10"/>
    </row>
    <row r="1014534" spans="14:14">
      <c r="N1014534" s="10"/>
    </row>
    <row r="1014535" spans="14:14">
      <c r="N1014535" s="10"/>
    </row>
    <row r="1014536" spans="14:14">
      <c r="N1014536" s="10"/>
    </row>
    <row r="1014537" spans="14:14">
      <c r="N1014537" s="10"/>
    </row>
    <row r="1014538" spans="14:14">
      <c r="N1014538" s="10"/>
    </row>
    <row r="1014539" spans="14:14">
      <c r="N1014539" s="10"/>
    </row>
    <row r="1014540" spans="14:14">
      <c r="N1014540" s="10"/>
    </row>
    <row r="1014541" spans="14:14">
      <c r="N1014541" s="10"/>
    </row>
    <row r="1014542" spans="14:14">
      <c r="N1014542" s="10"/>
    </row>
    <row r="1014543" spans="14:14">
      <c r="N1014543" s="10"/>
    </row>
    <row r="1014544" spans="14:14">
      <c r="N1014544" s="10"/>
    </row>
    <row r="1014545" spans="14:14">
      <c r="N1014545" s="10"/>
    </row>
    <row r="1014546" spans="14:14">
      <c r="N1014546" s="10"/>
    </row>
    <row r="1014547" spans="14:14">
      <c r="N1014547" s="10"/>
    </row>
    <row r="1014548" spans="14:14">
      <c r="N1014548" s="10"/>
    </row>
    <row r="1014549" spans="14:14">
      <c r="N1014549" s="10"/>
    </row>
    <row r="1014550" spans="14:14">
      <c r="N1014550" s="10"/>
    </row>
    <row r="1014551" spans="14:14">
      <c r="N1014551" s="10"/>
    </row>
    <row r="1014552" spans="14:14">
      <c r="N1014552" s="10"/>
    </row>
    <row r="1014553" spans="14:14">
      <c r="N1014553" s="10"/>
    </row>
    <row r="1014554" spans="14:14">
      <c r="N1014554" s="10"/>
    </row>
    <row r="1014555" spans="14:14">
      <c r="N1014555" s="10"/>
    </row>
    <row r="1014556" spans="14:14">
      <c r="N1014556" s="10"/>
    </row>
    <row r="1014557" spans="14:14">
      <c r="N1014557" s="10"/>
    </row>
    <row r="1014558" spans="14:14">
      <c r="N1014558" s="10"/>
    </row>
    <row r="1014559" spans="14:14">
      <c r="N1014559" s="10"/>
    </row>
    <row r="1014560" spans="14:14">
      <c r="N1014560" s="10"/>
    </row>
    <row r="1014561" spans="14:14">
      <c r="N1014561" s="10"/>
    </row>
    <row r="1014562" spans="14:14">
      <c r="N1014562" s="10"/>
    </row>
    <row r="1014563" spans="14:14">
      <c r="N1014563" s="10"/>
    </row>
    <row r="1014564" spans="14:14">
      <c r="N1014564" s="10"/>
    </row>
    <row r="1014565" spans="14:14">
      <c r="N1014565" s="10"/>
    </row>
    <row r="1014566" spans="14:14">
      <c r="N1014566" s="10"/>
    </row>
    <row r="1014567" spans="14:14">
      <c r="N1014567" s="10"/>
    </row>
    <row r="1014568" spans="14:14">
      <c r="N1014568" s="10"/>
    </row>
    <row r="1014569" spans="14:14">
      <c r="N1014569" s="10"/>
    </row>
    <row r="1014570" spans="14:14">
      <c r="N1014570" s="10"/>
    </row>
    <row r="1014571" spans="14:14">
      <c r="N1014571" s="10"/>
    </row>
    <row r="1014572" spans="14:14">
      <c r="N1014572" s="10"/>
    </row>
    <row r="1014573" spans="14:14">
      <c r="N1014573" s="10"/>
    </row>
    <row r="1014574" spans="14:14">
      <c r="N1014574" s="10"/>
    </row>
    <row r="1014575" spans="14:14">
      <c r="N1014575" s="10"/>
    </row>
    <row r="1014576" spans="14:14">
      <c r="N1014576" s="10"/>
    </row>
    <row r="1014577" spans="14:14">
      <c r="N1014577" s="10"/>
    </row>
    <row r="1014578" spans="14:14">
      <c r="N1014578" s="10"/>
    </row>
    <row r="1014579" spans="14:14">
      <c r="N1014579" s="10"/>
    </row>
    <row r="1014580" spans="14:14">
      <c r="N1014580" s="10"/>
    </row>
    <row r="1014581" spans="14:14">
      <c r="N1014581" s="10"/>
    </row>
    <row r="1014582" spans="14:14">
      <c r="N1014582" s="10"/>
    </row>
    <row r="1014583" spans="14:14">
      <c r="N1014583" s="10"/>
    </row>
    <row r="1014584" spans="14:14">
      <c r="N1014584" s="10"/>
    </row>
    <row r="1014585" spans="14:14">
      <c r="N1014585" s="10"/>
    </row>
    <row r="1014586" spans="14:14">
      <c r="N1014586" s="10"/>
    </row>
    <row r="1014587" spans="14:14">
      <c r="N1014587" s="10"/>
    </row>
    <row r="1014588" spans="14:14">
      <c r="N1014588" s="10"/>
    </row>
    <row r="1014589" spans="14:14">
      <c r="N1014589" s="10"/>
    </row>
    <row r="1014590" spans="14:14">
      <c r="N1014590" s="10"/>
    </row>
    <row r="1014591" spans="14:14">
      <c r="N1014591" s="10"/>
    </row>
    <row r="1014592" spans="14:14">
      <c r="N1014592" s="10"/>
    </row>
    <row r="1014593" spans="14:14">
      <c r="N1014593" s="10"/>
    </row>
    <row r="1014594" spans="14:14">
      <c r="N1014594" s="10"/>
    </row>
    <row r="1014595" spans="14:14">
      <c r="N1014595" s="10"/>
    </row>
    <row r="1014596" spans="14:14">
      <c r="N1014596" s="10"/>
    </row>
    <row r="1014597" spans="14:14">
      <c r="N1014597" s="10"/>
    </row>
    <row r="1014598" spans="14:14">
      <c r="N1014598" s="10"/>
    </row>
    <row r="1014599" spans="14:14">
      <c r="N1014599" s="10"/>
    </row>
    <row r="1014600" spans="14:14">
      <c r="N1014600" s="10"/>
    </row>
    <row r="1014601" spans="14:14">
      <c r="N1014601" s="10"/>
    </row>
    <row r="1014602" spans="14:14">
      <c r="N1014602" s="10"/>
    </row>
    <row r="1014603" spans="14:14">
      <c r="N1014603" s="10"/>
    </row>
    <row r="1014604" spans="14:14">
      <c r="N1014604" s="10"/>
    </row>
    <row r="1014605" spans="14:14">
      <c r="N1014605" s="10"/>
    </row>
    <row r="1014606" spans="14:14">
      <c r="N1014606" s="10"/>
    </row>
    <row r="1014607" spans="14:14">
      <c r="N1014607" s="10"/>
    </row>
    <row r="1014608" spans="14:14">
      <c r="N1014608" s="10"/>
    </row>
    <row r="1014609" spans="14:14">
      <c r="N1014609" s="10"/>
    </row>
    <row r="1014610" spans="14:14">
      <c r="N1014610" s="10"/>
    </row>
    <row r="1014611" spans="14:14">
      <c r="N1014611" s="10"/>
    </row>
    <row r="1014612" spans="14:14">
      <c r="N1014612" s="10"/>
    </row>
    <row r="1014613" spans="14:14">
      <c r="N1014613" s="10"/>
    </row>
    <row r="1014614" spans="14:14">
      <c r="N1014614" s="10"/>
    </row>
    <row r="1014615" spans="14:14">
      <c r="N1014615" s="10"/>
    </row>
    <row r="1014616" spans="14:14">
      <c r="N1014616" s="10"/>
    </row>
    <row r="1014617" spans="14:14">
      <c r="N1014617" s="10"/>
    </row>
    <row r="1014618" spans="14:14">
      <c r="N1014618" s="10"/>
    </row>
    <row r="1014619" spans="14:14">
      <c r="N1014619" s="10"/>
    </row>
    <row r="1014620" spans="14:14">
      <c r="N1014620" s="10"/>
    </row>
    <row r="1014621" spans="14:14">
      <c r="N1014621" s="10"/>
    </row>
    <row r="1014622" spans="14:14">
      <c r="N1014622" s="10"/>
    </row>
    <row r="1014623" spans="14:14">
      <c r="N1014623" s="10"/>
    </row>
    <row r="1014624" spans="14:14">
      <c r="N1014624" s="10"/>
    </row>
    <row r="1014625" spans="14:14">
      <c r="N1014625" s="10"/>
    </row>
    <row r="1014626" spans="14:14">
      <c r="N1014626" s="10"/>
    </row>
    <row r="1014627" spans="14:14">
      <c r="N1014627" s="10"/>
    </row>
    <row r="1014628" spans="14:14">
      <c r="N1014628" s="10"/>
    </row>
    <row r="1014629" spans="14:14">
      <c r="N1014629" s="10"/>
    </row>
    <row r="1014630" spans="14:14">
      <c r="N1014630" s="10"/>
    </row>
    <row r="1014631" spans="14:14">
      <c r="N1014631" s="10"/>
    </row>
    <row r="1014632" spans="14:14">
      <c r="N1014632" s="10"/>
    </row>
    <row r="1014633" spans="14:14">
      <c r="N1014633" s="10"/>
    </row>
    <row r="1014634" spans="14:14">
      <c r="N1014634" s="10"/>
    </row>
    <row r="1014635" spans="14:14">
      <c r="N1014635" s="10"/>
    </row>
    <row r="1014636" spans="14:14">
      <c r="N1014636" s="10"/>
    </row>
    <row r="1014637" spans="14:14">
      <c r="N1014637" s="10"/>
    </row>
    <row r="1014638" spans="14:14">
      <c r="N1014638" s="10"/>
    </row>
    <row r="1014639" spans="14:14">
      <c r="N1014639" s="10"/>
    </row>
    <row r="1014640" spans="14:14">
      <c r="N1014640" s="10"/>
    </row>
    <row r="1014641" spans="14:14">
      <c r="N1014641" s="10"/>
    </row>
    <row r="1014642" spans="14:14">
      <c r="N1014642" s="10"/>
    </row>
    <row r="1014643" spans="14:14">
      <c r="N1014643" s="10"/>
    </row>
    <row r="1014644" spans="14:14">
      <c r="N1014644" s="10"/>
    </row>
    <row r="1014645" spans="14:14">
      <c r="N1014645" s="10"/>
    </row>
    <row r="1014646" spans="14:14">
      <c r="N1014646" s="10"/>
    </row>
    <row r="1014647" spans="14:14">
      <c r="N1014647" s="10"/>
    </row>
    <row r="1014648" spans="14:14">
      <c r="N1014648" s="10"/>
    </row>
    <row r="1014649" spans="14:14">
      <c r="N1014649" s="10"/>
    </row>
    <row r="1014650" spans="14:14">
      <c r="N1014650" s="10"/>
    </row>
    <row r="1014651" spans="14:14">
      <c r="N1014651" s="10"/>
    </row>
    <row r="1014652" spans="14:14">
      <c r="N1014652" s="10"/>
    </row>
    <row r="1014653" spans="14:14">
      <c r="N1014653" s="10"/>
    </row>
    <row r="1014654" spans="14:14">
      <c r="N1014654" s="10"/>
    </row>
    <row r="1014655" spans="14:14">
      <c r="N1014655" s="10"/>
    </row>
    <row r="1014656" spans="14:14">
      <c r="N1014656" s="10"/>
    </row>
    <row r="1014657" spans="14:14">
      <c r="N1014657" s="10"/>
    </row>
    <row r="1014658" spans="14:14">
      <c r="N1014658" s="10"/>
    </row>
    <row r="1014659" spans="14:14">
      <c r="N1014659" s="10"/>
    </row>
    <row r="1014660" spans="14:14">
      <c r="N1014660" s="10"/>
    </row>
    <row r="1014661" spans="14:14">
      <c r="N1014661" s="10"/>
    </row>
    <row r="1014662" spans="14:14">
      <c r="N1014662" s="10"/>
    </row>
    <row r="1014663" spans="14:14">
      <c r="N1014663" s="10"/>
    </row>
    <row r="1014664" spans="14:14">
      <c r="N1014664" s="10"/>
    </row>
    <row r="1014665" spans="14:14">
      <c r="N1014665" s="10"/>
    </row>
    <row r="1014666" spans="14:14">
      <c r="N1014666" s="10"/>
    </row>
    <row r="1014667" spans="14:14">
      <c r="N1014667" s="10"/>
    </row>
    <row r="1014668" spans="14:14">
      <c r="N1014668" s="10"/>
    </row>
    <row r="1014669" spans="14:14">
      <c r="N1014669" s="10"/>
    </row>
    <row r="1014670" spans="14:14">
      <c r="N1014670" s="10"/>
    </row>
    <row r="1014671" spans="14:14">
      <c r="N1014671" s="10"/>
    </row>
    <row r="1014672" spans="14:14">
      <c r="N1014672" s="10"/>
    </row>
    <row r="1014673" spans="14:14">
      <c r="N1014673" s="10"/>
    </row>
    <row r="1014674" spans="14:14">
      <c r="N1014674" s="10"/>
    </row>
    <row r="1014675" spans="14:14">
      <c r="N1014675" s="10"/>
    </row>
    <row r="1014676" spans="14:14">
      <c r="N1014676" s="10"/>
    </row>
    <row r="1014677" spans="14:14">
      <c r="N1014677" s="10"/>
    </row>
    <row r="1014678" spans="14:14">
      <c r="N1014678" s="10"/>
    </row>
    <row r="1014679" spans="14:14">
      <c r="N1014679" s="10"/>
    </row>
    <row r="1014680" spans="14:14">
      <c r="N1014680" s="10"/>
    </row>
    <row r="1014681" spans="14:14">
      <c r="N1014681" s="10"/>
    </row>
    <row r="1014682" spans="14:14">
      <c r="N1014682" s="10"/>
    </row>
    <row r="1014683" spans="14:14">
      <c r="N1014683" s="10"/>
    </row>
    <row r="1014684" spans="14:14">
      <c r="N1014684" s="10"/>
    </row>
    <row r="1014685" spans="14:14">
      <c r="N1014685" s="10"/>
    </row>
    <row r="1014686" spans="14:14">
      <c r="N1014686" s="10"/>
    </row>
    <row r="1014687" spans="14:14">
      <c r="N1014687" s="10"/>
    </row>
    <row r="1014688" spans="14:14">
      <c r="N1014688" s="10"/>
    </row>
    <row r="1014689" spans="14:14">
      <c r="N1014689" s="10"/>
    </row>
    <row r="1014690" spans="14:14">
      <c r="N1014690" s="10"/>
    </row>
    <row r="1014691" spans="14:14">
      <c r="N1014691" s="10"/>
    </row>
    <row r="1014692" spans="14:14">
      <c r="N1014692" s="10"/>
    </row>
    <row r="1014693" spans="14:14">
      <c r="N1014693" s="10"/>
    </row>
    <row r="1014694" spans="14:14">
      <c r="N1014694" s="10"/>
    </row>
    <row r="1014695" spans="14:14">
      <c r="N1014695" s="10"/>
    </row>
    <row r="1014696" spans="14:14">
      <c r="N1014696" s="10"/>
    </row>
    <row r="1014697" spans="14:14">
      <c r="N1014697" s="10"/>
    </row>
    <row r="1014698" spans="14:14">
      <c r="N1014698" s="10"/>
    </row>
    <row r="1014699" spans="14:14">
      <c r="N1014699" s="10"/>
    </row>
    <row r="1014700" spans="14:14">
      <c r="N1014700" s="10"/>
    </row>
    <row r="1014701" spans="14:14">
      <c r="N1014701" s="10"/>
    </row>
    <row r="1014702" spans="14:14">
      <c r="N1014702" s="10"/>
    </row>
    <row r="1014703" spans="14:14">
      <c r="N1014703" s="10"/>
    </row>
    <row r="1014704" spans="14:14">
      <c r="N1014704" s="10"/>
    </row>
    <row r="1014705" spans="14:14">
      <c r="N1014705" s="10"/>
    </row>
    <row r="1014706" spans="14:14">
      <c r="N1014706" s="10"/>
    </row>
    <row r="1014707" spans="14:14">
      <c r="N1014707" s="10"/>
    </row>
    <row r="1014708" spans="14:14">
      <c r="N1014708" s="10"/>
    </row>
    <row r="1014709" spans="14:14">
      <c r="N1014709" s="10"/>
    </row>
    <row r="1014710" spans="14:14">
      <c r="N1014710" s="10"/>
    </row>
    <row r="1014711" spans="14:14">
      <c r="N1014711" s="10"/>
    </row>
    <row r="1014712" spans="14:14">
      <c r="N1014712" s="10"/>
    </row>
    <row r="1014713" spans="14:14">
      <c r="N1014713" s="10"/>
    </row>
    <row r="1014714" spans="14:14">
      <c r="N1014714" s="10"/>
    </row>
    <row r="1014715" spans="14:14">
      <c r="N1014715" s="10"/>
    </row>
    <row r="1014716" spans="14:14">
      <c r="N1014716" s="10"/>
    </row>
    <row r="1014717" spans="14:14">
      <c r="N1014717" s="10"/>
    </row>
    <row r="1014718" spans="14:14">
      <c r="N1014718" s="10"/>
    </row>
    <row r="1014719" spans="14:14">
      <c r="N1014719" s="10"/>
    </row>
    <row r="1014720" spans="14:14">
      <c r="N1014720" s="10"/>
    </row>
    <row r="1014721" spans="14:14">
      <c r="N1014721" s="10"/>
    </row>
    <row r="1014722" spans="14:14">
      <c r="N1014722" s="10"/>
    </row>
    <row r="1014723" spans="14:14">
      <c r="N1014723" s="10"/>
    </row>
    <row r="1014724" spans="14:14">
      <c r="N1014724" s="10"/>
    </row>
    <row r="1014725" spans="14:14">
      <c r="N1014725" s="10"/>
    </row>
    <row r="1014726" spans="14:14">
      <c r="N1014726" s="10"/>
    </row>
    <row r="1014727" spans="14:14">
      <c r="N1014727" s="10"/>
    </row>
    <row r="1014728" spans="14:14">
      <c r="N1014728" s="10"/>
    </row>
    <row r="1014729" spans="14:14">
      <c r="N1014729" s="10"/>
    </row>
    <row r="1014730" spans="14:14">
      <c r="N1014730" s="10"/>
    </row>
    <row r="1014731" spans="14:14">
      <c r="N1014731" s="10"/>
    </row>
    <row r="1014732" spans="14:14">
      <c r="N1014732" s="10"/>
    </row>
    <row r="1014733" spans="14:14">
      <c r="N1014733" s="10"/>
    </row>
    <row r="1014734" spans="14:14">
      <c r="N1014734" s="10"/>
    </row>
    <row r="1014735" spans="14:14">
      <c r="N1014735" s="10"/>
    </row>
    <row r="1014736" spans="14:14">
      <c r="N1014736" s="10"/>
    </row>
    <row r="1014737" spans="14:14">
      <c r="N1014737" s="10"/>
    </row>
    <row r="1014738" spans="14:14">
      <c r="N1014738" s="10"/>
    </row>
    <row r="1014739" spans="14:14">
      <c r="N1014739" s="10"/>
    </row>
    <row r="1014740" spans="14:14">
      <c r="N1014740" s="10"/>
    </row>
    <row r="1014741" spans="14:14">
      <c r="N1014741" s="10"/>
    </row>
    <row r="1014742" spans="14:14">
      <c r="N1014742" s="10"/>
    </row>
    <row r="1014743" spans="14:14">
      <c r="N1014743" s="10"/>
    </row>
    <row r="1014744" spans="14:14">
      <c r="N1014744" s="10"/>
    </row>
    <row r="1014745" spans="14:14">
      <c r="N1014745" s="10"/>
    </row>
    <row r="1014746" spans="14:14">
      <c r="N1014746" s="10"/>
    </row>
    <row r="1014747" spans="14:14">
      <c r="N1014747" s="10"/>
    </row>
    <row r="1014748" spans="14:14">
      <c r="N1014748" s="10"/>
    </row>
    <row r="1014749" spans="14:14">
      <c r="N1014749" s="10"/>
    </row>
    <row r="1014750" spans="14:14">
      <c r="N1014750" s="10"/>
    </row>
    <row r="1014751" spans="14:14">
      <c r="N1014751" s="10"/>
    </row>
    <row r="1014752" spans="14:14">
      <c r="N1014752" s="10"/>
    </row>
    <row r="1014753" spans="14:14">
      <c r="N1014753" s="10"/>
    </row>
    <row r="1014754" spans="14:14">
      <c r="N1014754" s="10"/>
    </row>
    <row r="1014755" spans="14:14">
      <c r="N1014755" s="10"/>
    </row>
    <row r="1014756" spans="14:14">
      <c r="N1014756" s="10"/>
    </row>
    <row r="1014757" spans="14:14">
      <c r="N1014757" s="10"/>
    </row>
    <row r="1014758" spans="14:14">
      <c r="N1014758" s="10"/>
    </row>
    <row r="1014759" spans="14:14">
      <c r="N1014759" s="10"/>
    </row>
    <row r="1014760" spans="14:14">
      <c r="N1014760" s="10"/>
    </row>
    <row r="1014761" spans="14:14">
      <c r="N1014761" s="10"/>
    </row>
    <row r="1014762" spans="14:14">
      <c r="N1014762" s="10"/>
    </row>
    <row r="1014763" spans="14:14">
      <c r="N1014763" s="10"/>
    </row>
    <row r="1014764" spans="14:14">
      <c r="N1014764" s="10"/>
    </row>
    <row r="1014765" spans="14:14">
      <c r="N1014765" s="10"/>
    </row>
    <row r="1014766" spans="14:14">
      <c r="N1014766" s="10"/>
    </row>
    <row r="1014767" spans="14:14">
      <c r="N1014767" s="10"/>
    </row>
    <row r="1014768" spans="14:14">
      <c r="N1014768" s="10"/>
    </row>
    <row r="1014769" spans="14:14">
      <c r="N1014769" s="10"/>
    </row>
    <row r="1014770" spans="14:14">
      <c r="N1014770" s="10"/>
    </row>
    <row r="1014771" spans="14:14">
      <c r="N1014771" s="10"/>
    </row>
    <row r="1014772" spans="14:14">
      <c r="N1014772" s="10"/>
    </row>
    <row r="1014773" spans="14:14">
      <c r="N1014773" s="10"/>
    </row>
    <row r="1014774" spans="14:14">
      <c r="N1014774" s="10"/>
    </row>
    <row r="1014775" spans="14:14">
      <c r="N1014775" s="10"/>
    </row>
    <row r="1014776" spans="14:14">
      <c r="N1014776" s="10"/>
    </row>
    <row r="1014777" spans="14:14">
      <c r="N1014777" s="10"/>
    </row>
    <row r="1014778" spans="14:14">
      <c r="N1014778" s="10"/>
    </row>
    <row r="1014779" spans="14:14">
      <c r="N1014779" s="10"/>
    </row>
    <row r="1014780" spans="14:14">
      <c r="N1014780" s="10"/>
    </row>
    <row r="1014781" spans="14:14">
      <c r="N1014781" s="10"/>
    </row>
    <row r="1014782" spans="14:14">
      <c r="N1014782" s="10"/>
    </row>
    <row r="1014783" spans="14:14">
      <c r="N1014783" s="10"/>
    </row>
    <row r="1014784" spans="14:14">
      <c r="N1014784" s="10"/>
    </row>
    <row r="1014785" spans="14:14">
      <c r="N1014785" s="10"/>
    </row>
    <row r="1014786" spans="14:14">
      <c r="N1014786" s="10"/>
    </row>
    <row r="1014787" spans="14:14">
      <c r="N1014787" s="10"/>
    </row>
    <row r="1014788" spans="14:14">
      <c r="N1014788" s="10"/>
    </row>
    <row r="1014789" spans="14:14">
      <c r="N1014789" s="10"/>
    </row>
    <row r="1014790" spans="14:14">
      <c r="N1014790" s="10"/>
    </row>
    <row r="1014791" spans="14:14">
      <c r="N1014791" s="10"/>
    </row>
    <row r="1014792" spans="14:14">
      <c r="N1014792" s="10"/>
    </row>
    <row r="1014793" spans="14:14">
      <c r="N1014793" s="10"/>
    </row>
    <row r="1014794" spans="14:14">
      <c r="N1014794" s="10"/>
    </row>
    <row r="1014795" spans="14:14">
      <c r="N1014795" s="10"/>
    </row>
    <row r="1014796" spans="14:14">
      <c r="N1014796" s="10"/>
    </row>
    <row r="1014797" spans="14:14">
      <c r="N1014797" s="10"/>
    </row>
    <row r="1014798" spans="14:14">
      <c r="N1014798" s="10"/>
    </row>
    <row r="1014799" spans="14:14">
      <c r="N1014799" s="10"/>
    </row>
    <row r="1014800" spans="14:14">
      <c r="N1014800" s="10"/>
    </row>
    <row r="1014801" spans="14:14">
      <c r="N1014801" s="10"/>
    </row>
    <row r="1014802" spans="14:14">
      <c r="N1014802" s="10"/>
    </row>
    <row r="1014803" spans="14:14">
      <c r="N1014803" s="10"/>
    </row>
    <row r="1014804" spans="14:14">
      <c r="N1014804" s="10"/>
    </row>
    <row r="1014805" spans="14:14">
      <c r="N1014805" s="10"/>
    </row>
    <row r="1014806" spans="14:14">
      <c r="N1014806" s="10"/>
    </row>
    <row r="1014807" spans="14:14">
      <c r="N1014807" s="10"/>
    </row>
    <row r="1014808" spans="14:14">
      <c r="N1014808" s="10"/>
    </row>
    <row r="1014809" spans="14:14">
      <c r="N1014809" s="10"/>
    </row>
    <row r="1014810" spans="14:14">
      <c r="N1014810" s="10"/>
    </row>
    <row r="1014811" spans="14:14">
      <c r="N1014811" s="10"/>
    </row>
    <row r="1014812" spans="14:14">
      <c r="N1014812" s="10"/>
    </row>
    <row r="1014813" spans="14:14">
      <c r="N1014813" s="10"/>
    </row>
    <row r="1014814" spans="14:14">
      <c r="N1014814" s="10"/>
    </row>
    <row r="1014815" spans="14:14">
      <c r="N1014815" s="10"/>
    </row>
    <row r="1014816" spans="14:14">
      <c r="N1014816" s="10"/>
    </row>
    <row r="1014817" spans="14:14">
      <c r="N1014817" s="10"/>
    </row>
    <row r="1014818" spans="14:14">
      <c r="N1014818" s="10"/>
    </row>
    <row r="1014819" spans="14:14">
      <c r="N1014819" s="10"/>
    </row>
    <row r="1014820" spans="14:14">
      <c r="N1014820" s="10"/>
    </row>
    <row r="1014821" spans="14:14">
      <c r="N1014821" s="10"/>
    </row>
    <row r="1014822" spans="14:14">
      <c r="N1014822" s="10"/>
    </row>
    <row r="1014823" spans="14:14">
      <c r="N1014823" s="10"/>
    </row>
    <row r="1014824" spans="14:14">
      <c r="N1014824" s="10"/>
    </row>
    <row r="1014825" spans="14:14">
      <c r="N1014825" s="10"/>
    </row>
    <row r="1014826" spans="14:14">
      <c r="N1014826" s="10"/>
    </row>
    <row r="1014827" spans="14:14">
      <c r="N1014827" s="10"/>
    </row>
    <row r="1014828" spans="14:14">
      <c r="N1014828" s="10"/>
    </row>
    <row r="1014829" spans="14:14">
      <c r="N1014829" s="10"/>
    </row>
    <row r="1014830" spans="14:14">
      <c r="N1014830" s="10"/>
    </row>
    <row r="1014831" spans="14:14">
      <c r="N1014831" s="10"/>
    </row>
    <row r="1014832" spans="14:14">
      <c r="N1014832" s="10"/>
    </row>
    <row r="1014833" spans="14:14">
      <c r="N1014833" s="10"/>
    </row>
    <row r="1014834" spans="14:14">
      <c r="N1014834" s="10"/>
    </row>
    <row r="1014835" spans="14:14">
      <c r="N1014835" s="10"/>
    </row>
    <row r="1014836" spans="14:14">
      <c r="N1014836" s="10"/>
    </row>
    <row r="1014837" spans="14:14">
      <c r="N1014837" s="10"/>
    </row>
    <row r="1014838" spans="14:14">
      <c r="N1014838" s="10"/>
    </row>
    <row r="1014839" spans="14:14">
      <c r="N1014839" s="10"/>
    </row>
    <row r="1014840" spans="14:14">
      <c r="N1014840" s="10"/>
    </row>
    <row r="1014841" spans="14:14">
      <c r="N1014841" s="10"/>
    </row>
    <row r="1014842" spans="14:14">
      <c r="N1014842" s="10"/>
    </row>
    <row r="1014843" spans="14:14">
      <c r="N1014843" s="10"/>
    </row>
    <row r="1014844" spans="14:14">
      <c r="N1014844" s="10"/>
    </row>
    <row r="1014845" spans="14:14">
      <c r="N1014845" s="10"/>
    </row>
    <row r="1014846" spans="14:14">
      <c r="N1014846" s="10"/>
    </row>
    <row r="1014847" spans="14:14">
      <c r="N1014847" s="10"/>
    </row>
    <row r="1014848" spans="14:14">
      <c r="N1014848" s="10"/>
    </row>
    <row r="1014849" spans="14:14">
      <c r="N1014849" s="10"/>
    </row>
    <row r="1014850" spans="14:14">
      <c r="N1014850" s="10"/>
    </row>
    <row r="1014851" spans="14:14">
      <c r="N1014851" s="10"/>
    </row>
    <row r="1014852" spans="14:14">
      <c r="N1014852" s="10"/>
    </row>
    <row r="1014853" spans="14:14">
      <c r="N1014853" s="10"/>
    </row>
    <row r="1014854" spans="14:14">
      <c r="N1014854" s="10"/>
    </row>
    <row r="1014855" spans="14:14">
      <c r="N1014855" s="10"/>
    </row>
    <row r="1014856" spans="14:14">
      <c r="N1014856" s="10"/>
    </row>
    <row r="1014857" spans="14:14">
      <c r="N1014857" s="10"/>
    </row>
    <row r="1014858" spans="14:14">
      <c r="N1014858" s="10"/>
    </row>
    <row r="1014859" spans="14:14">
      <c r="N1014859" s="10"/>
    </row>
    <row r="1014860" spans="14:14">
      <c r="N1014860" s="10"/>
    </row>
    <row r="1014861" spans="14:14">
      <c r="N1014861" s="10"/>
    </row>
    <row r="1014862" spans="14:14">
      <c r="N1014862" s="10"/>
    </row>
    <row r="1014863" spans="14:14">
      <c r="N1014863" s="10"/>
    </row>
    <row r="1014864" spans="14:14">
      <c r="N1014864" s="10"/>
    </row>
    <row r="1014865" spans="14:14">
      <c r="N1014865" s="10"/>
    </row>
    <row r="1014866" spans="14:14">
      <c r="N1014866" s="10"/>
    </row>
    <row r="1014867" spans="14:14">
      <c r="N1014867" s="10"/>
    </row>
    <row r="1014868" spans="14:14">
      <c r="N1014868" s="10"/>
    </row>
    <row r="1014869" spans="14:14">
      <c r="N1014869" s="10"/>
    </row>
    <row r="1014870" spans="14:14">
      <c r="N1014870" s="10"/>
    </row>
    <row r="1014871" spans="14:14">
      <c r="N1014871" s="10"/>
    </row>
    <row r="1014872" spans="14:14">
      <c r="N1014872" s="10"/>
    </row>
    <row r="1014873" spans="14:14">
      <c r="N1014873" s="10"/>
    </row>
    <row r="1014874" spans="14:14">
      <c r="N1014874" s="10"/>
    </row>
    <row r="1014875" spans="14:14">
      <c r="N1014875" s="10"/>
    </row>
    <row r="1014876" spans="14:14">
      <c r="N1014876" s="10"/>
    </row>
    <row r="1014877" spans="14:14">
      <c r="N1014877" s="10"/>
    </row>
    <row r="1014878" spans="14:14">
      <c r="N1014878" s="10"/>
    </row>
    <row r="1014879" spans="14:14">
      <c r="N1014879" s="10"/>
    </row>
    <row r="1014880" spans="14:14">
      <c r="N1014880" s="10"/>
    </row>
    <row r="1014881" spans="14:14">
      <c r="N1014881" s="10"/>
    </row>
    <row r="1014882" spans="14:14">
      <c r="N1014882" s="10"/>
    </row>
    <row r="1014883" spans="14:14">
      <c r="N1014883" s="10"/>
    </row>
    <row r="1014884" spans="14:14">
      <c r="N1014884" s="10"/>
    </row>
    <row r="1014885" spans="14:14">
      <c r="N1014885" s="10"/>
    </row>
    <row r="1014886" spans="14:14">
      <c r="N1014886" s="10"/>
    </row>
    <row r="1014887" spans="14:14">
      <c r="N1014887" s="10"/>
    </row>
    <row r="1014888" spans="14:14">
      <c r="N1014888" s="10"/>
    </row>
    <row r="1014889" spans="14:14">
      <c r="N1014889" s="10"/>
    </row>
    <row r="1014890" spans="14:14">
      <c r="N1014890" s="10"/>
    </row>
    <row r="1014891" spans="14:14">
      <c r="N1014891" s="10"/>
    </row>
    <row r="1014892" spans="14:14">
      <c r="N1014892" s="10"/>
    </row>
    <row r="1014893" spans="14:14">
      <c r="N1014893" s="10"/>
    </row>
    <row r="1014894" spans="14:14">
      <c r="N1014894" s="10"/>
    </row>
    <row r="1014895" spans="14:14">
      <c r="N1014895" s="10"/>
    </row>
    <row r="1014896" spans="14:14">
      <c r="N1014896" s="10"/>
    </row>
    <row r="1014897" spans="14:14">
      <c r="N1014897" s="10"/>
    </row>
    <row r="1014898" spans="14:14">
      <c r="N1014898" s="10"/>
    </row>
    <row r="1014899" spans="14:14">
      <c r="N1014899" s="10"/>
    </row>
    <row r="1014900" spans="14:14">
      <c r="N1014900" s="10"/>
    </row>
    <row r="1014901" spans="14:14">
      <c r="N1014901" s="10"/>
    </row>
    <row r="1014902" spans="14:14">
      <c r="N1014902" s="10"/>
    </row>
    <row r="1014903" spans="14:14">
      <c r="N1014903" s="10"/>
    </row>
    <row r="1014904" spans="14:14">
      <c r="N1014904" s="10"/>
    </row>
    <row r="1014905" spans="14:14">
      <c r="N1014905" s="10"/>
    </row>
    <row r="1014906" spans="14:14">
      <c r="N1014906" s="10"/>
    </row>
    <row r="1014907" spans="14:14">
      <c r="N1014907" s="10"/>
    </row>
    <row r="1014908" spans="14:14">
      <c r="N1014908" s="10"/>
    </row>
    <row r="1014909" spans="14:14">
      <c r="N1014909" s="10"/>
    </row>
    <row r="1014910" spans="14:14">
      <c r="N1014910" s="10"/>
    </row>
    <row r="1014911" spans="14:14">
      <c r="N1014911" s="10"/>
    </row>
    <row r="1014912" spans="14:14">
      <c r="N1014912" s="10"/>
    </row>
    <row r="1014913" spans="14:14">
      <c r="N1014913" s="10"/>
    </row>
    <row r="1014914" spans="14:14">
      <c r="N1014914" s="10"/>
    </row>
    <row r="1014915" spans="14:14">
      <c r="N1014915" s="10"/>
    </row>
    <row r="1014916" spans="14:14">
      <c r="N1014916" s="10"/>
    </row>
    <row r="1014917" spans="14:14">
      <c r="N1014917" s="10"/>
    </row>
    <row r="1014918" spans="14:14">
      <c r="N1014918" s="10"/>
    </row>
    <row r="1014919" spans="14:14">
      <c r="N1014919" s="10"/>
    </row>
    <row r="1014920" spans="14:14">
      <c r="N1014920" s="10"/>
    </row>
    <row r="1014921" spans="14:14">
      <c r="N1014921" s="10"/>
    </row>
    <row r="1014922" spans="14:14">
      <c r="N1014922" s="10"/>
    </row>
    <row r="1014923" spans="14:14">
      <c r="N1014923" s="10"/>
    </row>
    <row r="1014924" spans="14:14">
      <c r="N1014924" s="10"/>
    </row>
    <row r="1014925" spans="14:14">
      <c r="N1014925" s="10"/>
    </row>
    <row r="1014926" spans="14:14">
      <c r="N1014926" s="10"/>
    </row>
    <row r="1014927" spans="14:14">
      <c r="N1014927" s="10"/>
    </row>
    <row r="1014928" spans="14:14">
      <c r="N1014928" s="10"/>
    </row>
    <row r="1014929" spans="14:14">
      <c r="N1014929" s="10"/>
    </row>
    <row r="1014930" spans="14:14">
      <c r="N1014930" s="10"/>
    </row>
    <row r="1014931" spans="14:14">
      <c r="N1014931" s="10"/>
    </row>
    <row r="1014932" spans="14:14">
      <c r="N1014932" s="10"/>
    </row>
    <row r="1014933" spans="14:14">
      <c r="N1014933" s="10"/>
    </row>
    <row r="1014934" spans="14:14">
      <c r="N1014934" s="10"/>
    </row>
    <row r="1014935" spans="14:14">
      <c r="N1014935" s="10"/>
    </row>
    <row r="1014936" spans="14:14">
      <c r="N1014936" s="10"/>
    </row>
    <row r="1014937" spans="14:14">
      <c r="N1014937" s="10"/>
    </row>
    <row r="1014938" spans="14:14">
      <c r="N1014938" s="10"/>
    </row>
    <row r="1014939" spans="14:14">
      <c r="N1014939" s="10"/>
    </row>
    <row r="1014940" spans="14:14">
      <c r="N1014940" s="10"/>
    </row>
    <row r="1014941" spans="14:14">
      <c r="N1014941" s="10"/>
    </row>
    <row r="1014942" spans="14:14">
      <c r="N1014942" s="10"/>
    </row>
    <row r="1014943" spans="14:14">
      <c r="N1014943" s="10"/>
    </row>
    <row r="1014944" spans="14:14">
      <c r="N1014944" s="10"/>
    </row>
    <row r="1014945" spans="14:14">
      <c r="N1014945" s="10"/>
    </row>
    <row r="1014946" spans="14:14">
      <c r="N1014946" s="10"/>
    </row>
    <row r="1014947" spans="14:14">
      <c r="N1014947" s="10"/>
    </row>
    <row r="1014948" spans="14:14">
      <c r="N1014948" s="10"/>
    </row>
    <row r="1014949" spans="14:14">
      <c r="N1014949" s="10"/>
    </row>
    <row r="1014950" spans="14:14">
      <c r="N1014950" s="10"/>
    </row>
    <row r="1014951" spans="14:14">
      <c r="N1014951" s="10"/>
    </row>
    <row r="1014952" spans="14:14">
      <c r="N1014952" s="10"/>
    </row>
    <row r="1014953" spans="14:14">
      <c r="N1014953" s="10"/>
    </row>
    <row r="1014954" spans="14:14">
      <c r="N1014954" s="10"/>
    </row>
    <row r="1014955" spans="14:14">
      <c r="N1014955" s="10"/>
    </row>
    <row r="1014956" spans="14:14">
      <c r="N1014956" s="10"/>
    </row>
    <row r="1014957" spans="14:14">
      <c r="N1014957" s="10"/>
    </row>
    <row r="1014958" spans="14:14">
      <c r="N1014958" s="10"/>
    </row>
    <row r="1014959" spans="14:14">
      <c r="N1014959" s="10"/>
    </row>
    <row r="1014960" spans="14:14">
      <c r="N1014960" s="10"/>
    </row>
    <row r="1014961" spans="14:14">
      <c r="N1014961" s="10"/>
    </row>
    <row r="1014962" spans="14:14">
      <c r="N1014962" s="10"/>
    </row>
    <row r="1014963" spans="14:14">
      <c r="N1014963" s="10"/>
    </row>
    <row r="1014964" spans="14:14">
      <c r="N1014964" s="10"/>
    </row>
    <row r="1014965" spans="14:14">
      <c r="N1014965" s="10"/>
    </row>
    <row r="1014966" spans="14:14">
      <c r="N1014966" s="10"/>
    </row>
    <row r="1014967" spans="14:14">
      <c r="N1014967" s="10"/>
    </row>
    <row r="1014968" spans="14:14">
      <c r="N1014968" s="10"/>
    </row>
    <row r="1014969" spans="14:14">
      <c r="N1014969" s="10"/>
    </row>
    <row r="1014970" spans="14:14">
      <c r="N1014970" s="10"/>
    </row>
    <row r="1014971" spans="14:14">
      <c r="N1014971" s="10"/>
    </row>
    <row r="1014972" spans="14:14">
      <c r="N1014972" s="10"/>
    </row>
    <row r="1014973" spans="14:14">
      <c r="N1014973" s="10"/>
    </row>
    <row r="1014974" spans="14:14">
      <c r="N1014974" s="10"/>
    </row>
    <row r="1014975" spans="14:14">
      <c r="N1014975" s="10"/>
    </row>
    <row r="1014976" spans="14:14">
      <c r="N1014976" s="10"/>
    </row>
    <row r="1014977" spans="14:14">
      <c r="N1014977" s="10"/>
    </row>
    <row r="1014978" spans="14:14">
      <c r="N1014978" s="10"/>
    </row>
    <row r="1014979" spans="14:14">
      <c r="N1014979" s="10"/>
    </row>
    <row r="1014980" spans="14:14">
      <c r="N1014980" s="10"/>
    </row>
    <row r="1014981" spans="14:14">
      <c r="N1014981" s="10"/>
    </row>
    <row r="1014982" spans="14:14">
      <c r="N1014982" s="10"/>
    </row>
    <row r="1014983" spans="14:14">
      <c r="N1014983" s="10"/>
    </row>
    <row r="1014984" spans="14:14">
      <c r="N1014984" s="10"/>
    </row>
    <row r="1014985" spans="14:14">
      <c r="N1014985" s="10"/>
    </row>
    <row r="1014986" spans="14:14">
      <c r="N1014986" s="10"/>
    </row>
    <row r="1014987" spans="14:14">
      <c r="N1014987" s="10"/>
    </row>
    <row r="1014988" spans="14:14">
      <c r="N1014988" s="10"/>
    </row>
    <row r="1014989" spans="14:14">
      <c r="N1014989" s="10"/>
    </row>
    <row r="1014990" spans="14:14">
      <c r="N1014990" s="10"/>
    </row>
    <row r="1014991" spans="14:14">
      <c r="N1014991" s="10"/>
    </row>
    <row r="1014992" spans="14:14">
      <c r="N1014992" s="10"/>
    </row>
    <row r="1014993" spans="14:14">
      <c r="N1014993" s="10"/>
    </row>
    <row r="1014994" spans="14:14">
      <c r="N1014994" s="10"/>
    </row>
    <row r="1014995" spans="14:14">
      <c r="N1014995" s="10"/>
    </row>
    <row r="1014996" spans="14:14">
      <c r="N1014996" s="10"/>
    </row>
    <row r="1014997" spans="14:14">
      <c r="N1014997" s="10"/>
    </row>
    <row r="1014998" spans="14:14">
      <c r="N1014998" s="10"/>
    </row>
    <row r="1014999" spans="14:14">
      <c r="N1014999" s="10"/>
    </row>
    <row r="1015000" spans="14:14">
      <c r="N1015000" s="10"/>
    </row>
    <row r="1015001" spans="14:14">
      <c r="N1015001" s="10"/>
    </row>
    <row r="1015002" spans="14:14">
      <c r="N1015002" s="10"/>
    </row>
    <row r="1015003" spans="14:14">
      <c r="N1015003" s="10"/>
    </row>
    <row r="1015004" spans="14:14">
      <c r="N1015004" s="10"/>
    </row>
    <row r="1015005" spans="14:14">
      <c r="N1015005" s="10"/>
    </row>
    <row r="1015006" spans="14:14">
      <c r="N1015006" s="10"/>
    </row>
    <row r="1015007" spans="14:14">
      <c r="N1015007" s="10"/>
    </row>
    <row r="1015008" spans="14:14">
      <c r="N1015008" s="10"/>
    </row>
    <row r="1015009" spans="14:14">
      <c r="N1015009" s="10"/>
    </row>
    <row r="1015010" spans="14:14">
      <c r="N1015010" s="10"/>
    </row>
    <row r="1015011" spans="14:14">
      <c r="N1015011" s="10"/>
    </row>
    <row r="1015012" spans="14:14">
      <c r="N1015012" s="10"/>
    </row>
    <row r="1015013" spans="14:14">
      <c r="N1015013" s="10"/>
    </row>
    <row r="1015014" spans="14:14">
      <c r="N1015014" s="10"/>
    </row>
    <row r="1015015" spans="14:14">
      <c r="N1015015" s="10"/>
    </row>
    <row r="1015016" spans="14:14">
      <c r="N1015016" s="10"/>
    </row>
    <row r="1015017" spans="14:14">
      <c r="N1015017" s="10"/>
    </row>
    <row r="1015018" spans="14:14">
      <c r="N1015018" s="10"/>
    </row>
    <row r="1015019" spans="14:14">
      <c r="N1015019" s="10"/>
    </row>
    <row r="1015020" spans="14:14">
      <c r="N1015020" s="10"/>
    </row>
    <row r="1015021" spans="14:14">
      <c r="N1015021" s="10"/>
    </row>
    <row r="1015022" spans="14:14">
      <c r="N1015022" s="10"/>
    </row>
    <row r="1015023" spans="14:14">
      <c r="N1015023" s="10"/>
    </row>
    <row r="1015024" spans="14:14">
      <c r="N1015024" s="10"/>
    </row>
    <row r="1015025" spans="14:14">
      <c r="N1015025" s="10"/>
    </row>
    <row r="1015026" spans="14:14">
      <c r="N1015026" s="10"/>
    </row>
    <row r="1015027" spans="14:14">
      <c r="N1015027" s="10"/>
    </row>
    <row r="1015028" spans="14:14">
      <c r="N1015028" s="10"/>
    </row>
    <row r="1015029" spans="14:14">
      <c r="N1015029" s="10"/>
    </row>
    <row r="1015030" spans="14:14">
      <c r="N1015030" s="10"/>
    </row>
    <row r="1015031" spans="14:14">
      <c r="N1015031" s="10"/>
    </row>
    <row r="1015032" spans="14:14">
      <c r="N1015032" s="10"/>
    </row>
    <row r="1015033" spans="14:14">
      <c r="N1015033" s="10"/>
    </row>
    <row r="1015034" spans="14:14">
      <c r="N1015034" s="10"/>
    </row>
    <row r="1015035" spans="14:14">
      <c r="N1015035" s="10"/>
    </row>
    <row r="1015036" spans="14:14">
      <c r="N1015036" s="10"/>
    </row>
    <row r="1015037" spans="14:14">
      <c r="N1015037" s="10"/>
    </row>
    <row r="1015038" spans="14:14">
      <c r="N1015038" s="10"/>
    </row>
    <row r="1015039" spans="14:14">
      <c r="N1015039" s="10"/>
    </row>
    <row r="1015040" spans="14:14">
      <c r="N1015040" s="10"/>
    </row>
    <row r="1015041" spans="14:14">
      <c r="N1015041" s="10"/>
    </row>
    <row r="1015042" spans="14:14">
      <c r="N1015042" s="10"/>
    </row>
    <row r="1015043" spans="14:14">
      <c r="N1015043" s="10"/>
    </row>
    <row r="1015044" spans="14:14">
      <c r="N1015044" s="10"/>
    </row>
    <row r="1015045" spans="14:14">
      <c r="N1015045" s="10"/>
    </row>
    <row r="1015046" spans="14:14">
      <c r="N1015046" s="10"/>
    </row>
    <row r="1015047" spans="14:14">
      <c r="N1015047" s="10"/>
    </row>
    <row r="1015048" spans="14:14">
      <c r="N1015048" s="10"/>
    </row>
    <row r="1015049" spans="14:14">
      <c r="N1015049" s="10"/>
    </row>
    <row r="1015050" spans="14:14">
      <c r="N1015050" s="10"/>
    </row>
    <row r="1015051" spans="14:14">
      <c r="N1015051" s="10"/>
    </row>
    <row r="1015052" spans="14:14">
      <c r="N1015052" s="10"/>
    </row>
    <row r="1015053" spans="14:14">
      <c r="N1015053" s="10"/>
    </row>
    <row r="1015054" spans="14:14">
      <c r="N1015054" s="10"/>
    </row>
    <row r="1015055" spans="14:14">
      <c r="N1015055" s="10"/>
    </row>
    <row r="1015056" spans="14:14">
      <c r="N1015056" s="10"/>
    </row>
    <row r="1015057" spans="14:14">
      <c r="N1015057" s="10"/>
    </row>
    <row r="1015058" spans="14:14">
      <c r="N1015058" s="10"/>
    </row>
    <row r="1015059" spans="14:14">
      <c r="N1015059" s="10"/>
    </row>
    <row r="1015060" spans="14:14">
      <c r="N1015060" s="10"/>
    </row>
    <row r="1015061" spans="14:14">
      <c r="N1015061" s="10"/>
    </row>
    <row r="1015062" spans="14:14">
      <c r="N1015062" s="10"/>
    </row>
    <row r="1015063" spans="14:14">
      <c r="N1015063" s="10"/>
    </row>
    <row r="1015064" spans="14:14">
      <c r="N1015064" s="10"/>
    </row>
    <row r="1015065" spans="14:14">
      <c r="N1015065" s="10"/>
    </row>
    <row r="1015066" spans="14:14">
      <c r="N1015066" s="10"/>
    </row>
    <row r="1015067" spans="14:14">
      <c r="N1015067" s="10"/>
    </row>
    <row r="1015068" spans="14:14">
      <c r="N1015068" s="10"/>
    </row>
    <row r="1015069" spans="14:14">
      <c r="N1015069" s="10"/>
    </row>
    <row r="1015070" spans="14:14">
      <c r="N1015070" s="10"/>
    </row>
    <row r="1015071" spans="14:14">
      <c r="N1015071" s="10"/>
    </row>
    <row r="1015072" spans="14:14">
      <c r="N1015072" s="10"/>
    </row>
    <row r="1015073" spans="14:14">
      <c r="N1015073" s="10"/>
    </row>
    <row r="1015074" spans="14:14">
      <c r="N1015074" s="10"/>
    </row>
    <row r="1015075" spans="14:14">
      <c r="N1015075" s="10"/>
    </row>
    <row r="1015076" spans="14:14">
      <c r="N1015076" s="10"/>
    </row>
    <row r="1015077" spans="14:14">
      <c r="N1015077" s="10"/>
    </row>
    <row r="1015078" spans="14:14">
      <c r="N1015078" s="10"/>
    </row>
    <row r="1015079" spans="14:14">
      <c r="N1015079" s="10"/>
    </row>
    <row r="1015080" spans="14:14">
      <c r="N1015080" s="10"/>
    </row>
    <row r="1015081" spans="14:14">
      <c r="N1015081" s="10"/>
    </row>
    <row r="1015082" spans="14:14">
      <c r="N1015082" s="10"/>
    </row>
    <row r="1015083" spans="14:14">
      <c r="N1015083" s="10"/>
    </row>
    <row r="1015084" spans="14:14">
      <c r="N1015084" s="10"/>
    </row>
    <row r="1015085" spans="14:14">
      <c r="N1015085" s="10"/>
    </row>
    <row r="1015086" spans="14:14">
      <c r="N1015086" s="10"/>
    </row>
    <row r="1015087" spans="14:14">
      <c r="N1015087" s="10"/>
    </row>
    <row r="1015088" spans="14:14">
      <c r="N1015088" s="10"/>
    </row>
    <row r="1015089" spans="14:14">
      <c r="N1015089" s="10"/>
    </row>
    <row r="1015090" spans="14:14">
      <c r="N1015090" s="10"/>
    </row>
    <row r="1015091" spans="14:14">
      <c r="N1015091" s="10"/>
    </row>
    <row r="1015092" spans="14:14">
      <c r="N1015092" s="10"/>
    </row>
    <row r="1015093" spans="14:14">
      <c r="N1015093" s="10"/>
    </row>
    <row r="1015094" spans="14:14">
      <c r="N1015094" s="10"/>
    </row>
    <row r="1015095" spans="14:14">
      <c r="N1015095" s="10"/>
    </row>
    <row r="1015096" spans="14:14">
      <c r="N1015096" s="10"/>
    </row>
    <row r="1015097" spans="14:14">
      <c r="N1015097" s="10"/>
    </row>
    <row r="1015098" spans="14:14">
      <c r="N1015098" s="10"/>
    </row>
    <row r="1015099" spans="14:14">
      <c r="N1015099" s="10"/>
    </row>
    <row r="1015100" spans="14:14">
      <c r="N1015100" s="10"/>
    </row>
    <row r="1015101" spans="14:14">
      <c r="N1015101" s="10"/>
    </row>
    <row r="1015102" spans="14:14">
      <c r="N1015102" s="10"/>
    </row>
    <row r="1015103" spans="14:14">
      <c r="N1015103" s="10"/>
    </row>
    <row r="1015104" spans="14:14">
      <c r="N1015104" s="10"/>
    </row>
    <row r="1015105" spans="14:14">
      <c r="N1015105" s="10"/>
    </row>
    <row r="1015106" spans="14:14">
      <c r="N1015106" s="10"/>
    </row>
    <row r="1015107" spans="14:14">
      <c r="N1015107" s="10"/>
    </row>
    <row r="1015108" spans="14:14">
      <c r="N1015108" s="10"/>
    </row>
    <row r="1015109" spans="14:14">
      <c r="N1015109" s="10"/>
    </row>
    <row r="1015110" spans="14:14">
      <c r="N1015110" s="10"/>
    </row>
    <row r="1015111" spans="14:14">
      <c r="N1015111" s="10"/>
    </row>
    <row r="1015112" spans="14:14">
      <c r="N1015112" s="10"/>
    </row>
    <row r="1015113" spans="14:14">
      <c r="N1015113" s="10"/>
    </row>
    <row r="1015114" spans="14:14">
      <c r="N1015114" s="10"/>
    </row>
    <row r="1015115" spans="14:14">
      <c r="N1015115" s="10"/>
    </row>
    <row r="1015116" spans="14:14">
      <c r="N1015116" s="10"/>
    </row>
    <row r="1015117" spans="14:14">
      <c r="N1015117" s="10"/>
    </row>
    <row r="1015118" spans="14:14">
      <c r="N1015118" s="10"/>
    </row>
    <row r="1015119" spans="14:14">
      <c r="N1015119" s="10"/>
    </row>
    <row r="1015120" spans="14:14">
      <c r="N1015120" s="10"/>
    </row>
    <row r="1015121" spans="14:14">
      <c r="N1015121" s="10"/>
    </row>
    <row r="1015122" spans="14:14">
      <c r="N1015122" s="10"/>
    </row>
    <row r="1015123" spans="14:14">
      <c r="N1015123" s="10"/>
    </row>
    <row r="1015124" spans="14:14">
      <c r="N1015124" s="10"/>
    </row>
    <row r="1015125" spans="14:14">
      <c r="N1015125" s="10"/>
    </row>
    <row r="1015126" spans="14:14">
      <c r="N1015126" s="10"/>
    </row>
    <row r="1015127" spans="14:14">
      <c r="N1015127" s="10"/>
    </row>
    <row r="1015128" spans="14:14">
      <c r="N1015128" s="10"/>
    </row>
    <row r="1015129" spans="14:14">
      <c r="N1015129" s="10"/>
    </row>
    <row r="1015130" spans="14:14">
      <c r="N1015130" s="10"/>
    </row>
    <row r="1015131" spans="14:14">
      <c r="N1015131" s="10"/>
    </row>
    <row r="1015132" spans="14:14">
      <c r="N1015132" s="10"/>
    </row>
    <row r="1015133" spans="14:14">
      <c r="N1015133" s="10"/>
    </row>
    <row r="1015134" spans="14:14">
      <c r="N1015134" s="10"/>
    </row>
    <row r="1015135" spans="14:14">
      <c r="N1015135" s="10"/>
    </row>
    <row r="1015136" spans="14:14">
      <c r="N1015136" s="10"/>
    </row>
    <row r="1015137" spans="14:14">
      <c r="N1015137" s="10"/>
    </row>
    <row r="1015138" spans="14:14">
      <c r="N1015138" s="10"/>
    </row>
    <row r="1015139" spans="14:14">
      <c r="N1015139" s="10"/>
    </row>
    <row r="1015140" spans="14:14">
      <c r="N1015140" s="10"/>
    </row>
    <row r="1015141" spans="14:14">
      <c r="N1015141" s="10"/>
    </row>
    <row r="1015142" spans="14:14">
      <c r="N1015142" s="10"/>
    </row>
    <row r="1015143" spans="14:14">
      <c r="N1015143" s="10"/>
    </row>
    <row r="1015144" spans="14:14">
      <c r="N1015144" s="10"/>
    </row>
    <row r="1015145" spans="14:14">
      <c r="N1015145" s="10"/>
    </row>
    <row r="1015146" spans="14:14">
      <c r="N1015146" s="10"/>
    </row>
    <row r="1015147" spans="14:14">
      <c r="N1015147" s="10"/>
    </row>
    <row r="1015148" spans="14:14">
      <c r="N1015148" s="10"/>
    </row>
    <row r="1015149" spans="14:14">
      <c r="N1015149" s="10"/>
    </row>
    <row r="1015150" spans="14:14">
      <c r="N1015150" s="10"/>
    </row>
    <row r="1015151" spans="14:14">
      <c r="N1015151" s="10"/>
    </row>
    <row r="1015152" spans="14:14">
      <c r="N1015152" s="10"/>
    </row>
    <row r="1015153" spans="14:14">
      <c r="N1015153" s="10"/>
    </row>
    <row r="1015154" spans="14:14">
      <c r="N1015154" s="10"/>
    </row>
    <row r="1015155" spans="14:14">
      <c r="N1015155" s="10"/>
    </row>
    <row r="1015156" spans="14:14">
      <c r="N1015156" s="10"/>
    </row>
    <row r="1015157" spans="14:14">
      <c r="N1015157" s="10"/>
    </row>
    <row r="1015158" spans="14:14">
      <c r="N1015158" s="10"/>
    </row>
    <row r="1015159" spans="14:14">
      <c r="N1015159" s="10"/>
    </row>
    <row r="1015160" spans="14:14">
      <c r="N1015160" s="10"/>
    </row>
    <row r="1015161" spans="14:14">
      <c r="N1015161" s="10"/>
    </row>
    <row r="1015162" spans="14:14">
      <c r="N1015162" s="10"/>
    </row>
    <row r="1015163" spans="14:14">
      <c r="N1015163" s="10"/>
    </row>
    <row r="1015164" spans="14:14">
      <c r="N1015164" s="10"/>
    </row>
    <row r="1015165" spans="14:14">
      <c r="N1015165" s="10"/>
    </row>
    <row r="1015166" spans="14:14">
      <c r="N1015166" s="10"/>
    </row>
    <row r="1015167" spans="14:14">
      <c r="N1015167" s="10"/>
    </row>
    <row r="1015168" spans="14:14">
      <c r="N1015168" s="10"/>
    </row>
    <row r="1015169" spans="14:14">
      <c r="N1015169" s="10"/>
    </row>
    <row r="1015170" spans="14:14">
      <c r="N1015170" s="10"/>
    </row>
    <row r="1015171" spans="14:14">
      <c r="N1015171" s="10"/>
    </row>
    <row r="1015172" spans="14:14">
      <c r="N1015172" s="10"/>
    </row>
    <row r="1015173" spans="14:14">
      <c r="N1015173" s="10"/>
    </row>
    <row r="1015174" spans="14:14">
      <c r="N1015174" s="10"/>
    </row>
    <row r="1015175" spans="14:14">
      <c r="N1015175" s="10"/>
    </row>
    <row r="1015176" spans="14:14">
      <c r="N1015176" s="10"/>
    </row>
    <row r="1015177" spans="14:14">
      <c r="N1015177" s="10"/>
    </row>
    <row r="1015178" spans="14:14">
      <c r="N1015178" s="10"/>
    </row>
    <row r="1015179" spans="14:14">
      <c r="N1015179" s="10"/>
    </row>
    <row r="1015180" spans="14:14">
      <c r="N1015180" s="10"/>
    </row>
    <row r="1015181" spans="14:14">
      <c r="N1015181" s="10"/>
    </row>
    <row r="1015182" spans="14:14">
      <c r="N1015182" s="10"/>
    </row>
    <row r="1015183" spans="14:14">
      <c r="N1015183" s="10"/>
    </row>
    <row r="1015184" spans="14:14">
      <c r="N1015184" s="10"/>
    </row>
    <row r="1015185" spans="14:14">
      <c r="N1015185" s="10"/>
    </row>
    <row r="1015186" spans="14:14">
      <c r="N1015186" s="10"/>
    </row>
    <row r="1015187" spans="14:14">
      <c r="N1015187" s="10"/>
    </row>
    <row r="1015188" spans="14:14">
      <c r="N1015188" s="10"/>
    </row>
    <row r="1015189" spans="14:14">
      <c r="N1015189" s="10"/>
    </row>
    <row r="1015190" spans="14:14">
      <c r="N1015190" s="10"/>
    </row>
    <row r="1015191" spans="14:14">
      <c r="N1015191" s="10"/>
    </row>
    <row r="1015192" spans="14:14">
      <c r="N1015192" s="10"/>
    </row>
    <row r="1015193" spans="14:14">
      <c r="N1015193" s="10"/>
    </row>
    <row r="1015194" spans="14:14">
      <c r="N1015194" s="10"/>
    </row>
    <row r="1015195" spans="14:14">
      <c r="N1015195" s="10"/>
    </row>
    <row r="1015196" spans="14:14">
      <c r="N1015196" s="10"/>
    </row>
    <row r="1015197" spans="14:14">
      <c r="N1015197" s="10"/>
    </row>
    <row r="1015198" spans="14:14">
      <c r="N1015198" s="10"/>
    </row>
    <row r="1015199" spans="14:14">
      <c r="N1015199" s="10"/>
    </row>
    <row r="1015200" spans="14:14">
      <c r="N1015200" s="10"/>
    </row>
    <row r="1015201" spans="14:14">
      <c r="N1015201" s="10"/>
    </row>
    <row r="1015202" spans="14:14">
      <c r="N1015202" s="10"/>
    </row>
    <row r="1015203" spans="14:14">
      <c r="N1015203" s="10"/>
    </row>
    <row r="1015204" spans="14:14">
      <c r="N1015204" s="10"/>
    </row>
    <row r="1015205" spans="14:14">
      <c r="N1015205" s="10"/>
    </row>
    <row r="1015206" spans="14:14">
      <c r="N1015206" s="10"/>
    </row>
    <row r="1015207" spans="14:14">
      <c r="N1015207" s="10"/>
    </row>
    <row r="1015208" spans="14:14">
      <c r="N1015208" s="10"/>
    </row>
    <row r="1015209" spans="14:14">
      <c r="N1015209" s="10"/>
    </row>
    <row r="1015210" spans="14:14">
      <c r="N1015210" s="10"/>
    </row>
    <row r="1015211" spans="14:14">
      <c r="N1015211" s="10"/>
    </row>
    <row r="1015212" spans="14:14">
      <c r="N1015212" s="10"/>
    </row>
    <row r="1015213" spans="14:14">
      <c r="N1015213" s="10"/>
    </row>
    <row r="1015214" spans="14:14">
      <c r="N1015214" s="10"/>
    </row>
    <row r="1015215" spans="14:14">
      <c r="N1015215" s="10"/>
    </row>
    <row r="1015216" spans="14:14">
      <c r="N1015216" s="10"/>
    </row>
    <row r="1015217" spans="14:14">
      <c r="N1015217" s="10"/>
    </row>
    <row r="1015218" spans="14:14">
      <c r="N1015218" s="10"/>
    </row>
    <row r="1015219" spans="14:14">
      <c r="N1015219" s="10"/>
    </row>
    <row r="1015220" spans="14:14">
      <c r="N1015220" s="10"/>
    </row>
    <row r="1015221" spans="14:14">
      <c r="N1015221" s="10"/>
    </row>
    <row r="1015222" spans="14:14">
      <c r="N1015222" s="10"/>
    </row>
    <row r="1015223" spans="14:14">
      <c r="N1015223" s="10"/>
    </row>
    <row r="1015224" spans="14:14">
      <c r="N1015224" s="10"/>
    </row>
    <row r="1015225" spans="14:14">
      <c r="N1015225" s="10"/>
    </row>
    <row r="1015226" spans="14:14">
      <c r="N1015226" s="10"/>
    </row>
    <row r="1015227" spans="14:14">
      <c r="N1015227" s="10"/>
    </row>
    <row r="1015228" spans="14:14">
      <c r="N1015228" s="10"/>
    </row>
    <row r="1015229" spans="14:14">
      <c r="N1015229" s="10"/>
    </row>
    <row r="1015230" spans="14:14">
      <c r="N1015230" s="10"/>
    </row>
    <row r="1015231" spans="14:14">
      <c r="N1015231" s="10"/>
    </row>
    <row r="1015232" spans="14:14">
      <c r="N1015232" s="10"/>
    </row>
    <row r="1015233" spans="14:14">
      <c r="N1015233" s="10"/>
    </row>
    <row r="1015234" spans="14:14">
      <c r="N1015234" s="10"/>
    </row>
    <row r="1015235" spans="14:14">
      <c r="N1015235" s="10"/>
    </row>
    <row r="1015236" spans="14:14">
      <c r="N1015236" s="10"/>
    </row>
    <row r="1015237" spans="14:14">
      <c r="N1015237" s="10"/>
    </row>
    <row r="1015238" spans="14:14">
      <c r="N1015238" s="10"/>
    </row>
    <row r="1015239" spans="14:14">
      <c r="N1015239" s="10"/>
    </row>
    <row r="1015240" spans="14:14">
      <c r="N1015240" s="10"/>
    </row>
    <row r="1015241" spans="14:14">
      <c r="N1015241" s="10"/>
    </row>
    <row r="1015242" spans="14:14">
      <c r="N1015242" s="10"/>
    </row>
    <row r="1015243" spans="14:14">
      <c r="N1015243" s="10"/>
    </row>
    <row r="1015244" spans="14:14">
      <c r="N1015244" s="10"/>
    </row>
    <row r="1015245" spans="14:14">
      <c r="N1015245" s="10"/>
    </row>
    <row r="1015246" spans="14:14">
      <c r="N1015246" s="10"/>
    </row>
    <row r="1015247" spans="14:14">
      <c r="N1015247" s="10"/>
    </row>
    <row r="1015248" spans="14:14">
      <c r="N1015248" s="10"/>
    </row>
    <row r="1015249" spans="14:14">
      <c r="N1015249" s="10"/>
    </row>
    <row r="1015250" spans="14:14">
      <c r="N1015250" s="10"/>
    </row>
    <row r="1015251" spans="14:14">
      <c r="N1015251" s="10"/>
    </row>
    <row r="1015252" spans="14:14">
      <c r="N1015252" s="10"/>
    </row>
    <row r="1015253" spans="14:14">
      <c r="N1015253" s="10"/>
    </row>
    <row r="1015254" spans="14:14">
      <c r="N1015254" s="10"/>
    </row>
    <row r="1015255" spans="14:14">
      <c r="N1015255" s="10"/>
    </row>
    <row r="1015256" spans="14:14">
      <c r="N1015256" s="10"/>
    </row>
    <row r="1015257" spans="14:14">
      <c r="N1015257" s="10"/>
    </row>
    <row r="1015258" spans="14:14">
      <c r="N1015258" s="10"/>
    </row>
    <row r="1015259" spans="14:14">
      <c r="N1015259" s="10"/>
    </row>
    <row r="1015260" spans="14:14">
      <c r="N1015260" s="10"/>
    </row>
    <row r="1015261" spans="14:14">
      <c r="N1015261" s="10"/>
    </row>
    <row r="1015262" spans="14:14">
      <c r="N1015262" s="10"/>
    </row>
    <row r="1015263" spans="14:14">
      <c r="N1015263" s="10"/>
    </row>
    <row r="1015264" spans="14:14">
      <c r="N1015264" s="10"/>
    </row>
    <row r="1015265" spans="14:14">
      <c r="N1015265" s="10"/>
    </row>
    <row r="1015266" spans="14:14">
      <c r="N1015266" s="10"/>
    </row>
    <row r="1015267" spans="14:14">
      <c r="N1015267" s="10"/>
    </row>
    <row r="1015268" spans="14:14">
      <c r="N1015268" s="10"/>
    </row>
    <row r="1015269" spans="14:14">
      <c r="N1015269" s="10"/>
    </row>
    <row r="1015270" spans="14:14">
      <c r="N1015270" s="10"/>
    </row>
    <row r="1015271" spans="14:14">
      <c r="N1015271" s="10"/>
    </row>
    <row r="1015272" spans="14:14">
      <c r="N1015272" s="10"/>
    </row>
    <row r="1015273" spans="14:14">
      <c r="N1015273" s="10"/>
    </row>
    <row r="1015274" spans="14:14">
      <c r="N1015274" s="10"/>
    </row>
    <row r="1015275" spans="14:14">
      <c r="N1015275" s="10"/>
    </row>
    <row r="1015276" spans="14:14">
      <c r="N1015276" s="10"/>
    </row>
    <row r="1015277" spans="14:14">
      <c r="N1015277" s="10"/>
    </row>
    <row r="1015278" spans="14:14">
      <c r="N1015278" s="10"/>
    </row>
    <row r="1015279" spans="14:14">
      <c r="N1015279" s="10"/>
    </row>
    <row r="1015280" spans="14:14">
      <c r="N1015280" s="10"/>
    </row>
    <row r="1015281" spans="14:14">
      <c r="N1015281" s="10"/>
    </row>
    <row r="1015282" spans="14:14">
      <c r="N1015282" s="10"/>
    </row>
    <row r="1015283" spans="14:14">
      <c r="N1015283" s="10"/>
    </row>
    <row r="1015284" spans="14:14">
      <c r="N1015284" s="10"/>
    </row>
    <row r="1015285" spans="14:14">
      <c r="N1015285" s="10"/>
    </row>
    <row r="1015286" spans="14:14">
      <c r="N1015286" s="10"/>
    </row>
    <row r="1015287" spans="14:14">
      <c r="N1015287" s="10"/>
    </row>
    <row r="1015288" spans="14:14">
      <c r="N1015288" s="10"/>
    </row>
    <row r="1015289" spans="14:14">
      <c r="N1015289" s="10"/>
    </row>
    <row r="1015290" spans="14:14">
      <c r="N1015290" s="10"/>
    </row>
    <row r="1015291" spans="14:14">
      <c r="N1015291" s="10"/>
    </row>
    <row r="1015292" spans="14:14">
      <c r="N1015292" s="10"/>
    </row>
    <row r="1015293" spans="14:14">
      <c r="N1015293" s="10"/>
    </row>
    <row r="1015294" spans="14:14">
      <c r="N1015294" s="10"/>
    </row>
    <row r="1015295" spans="14:14">
      <c r="N1015295" s="10"/>
    </row>
    <row r="1015296" spans="14:14">
      <c r="N1015296" s="10"/>
    </row>
    <row r="1015297" spans="14:14">
      <c r="N1015297" s="10"/>
    </row>
    <row r="1015298" spans="14:14">
      <c r="N1015298" s="10"/>
    </row>
    <row r="1015299" spans="14:14">
      <c r="N1015299" s="10"/>
    </row>
    <row r="1015300" spans="14:14">
      <c r="N1015300" s="10"/>
    </row>
    <row r="1015301" spans="14:14">
      <c r="N1015301" s="10"/>
    </row>
    <row r="1015302" spans="14:14">
      <c r="N1015302" s="10"/>
    </row>
    <row r="1015303" spans="14:14">
      <c r="N1015303" s="10"/>
    </row>
    <row r="1015304" spans="14:14">
      <c r="N1015304" s="10"/>
    </row>
    <row r="1015305" spans="14:14">
      <c r="N1015305" s="10"/>
    </row>
    <row r="1015306" spans="14:14">
      <c r="N1015306" s="10"/>
    </row>
    <row r="1015307" spans="14:14">
      <c r="N1015307" s="10"/>
    </row>
    <row r="1015308" spans="14:14">
      <c r="N1015308" s="10"/>
    </row>
    <row r="1015309" spans="14:14">
      <c r="N1015309" s="10"/>
    </row>
    <row r="1015310" spans="14:14">
      <c r="N1015310" s="10"/>
    </row>
    <row r="1015311" spans="14:14">
      <c r="N1015311" s="10"/>
    </row>
    <row r="1015312" spans="14:14">
      <c r="N1015312" s="10"/>
    </row>
    <row r="1015313" spans="14:14">
      <c r="N1015313" s="10"/>
    </row>
    <row r="1015314" spans="14:14">
      <c r="N1015314" s="10"/>
    </row>
    <row r="1015315" spans="14:14">
      <c r="N1015315" s="10"/>
    </row>
    <row r="1015316" spans="14:14">
      <c r="N1015316" s="10"/>
    </row>
    <row r="1015317" spans="14:14">
      <c r="N1015317" s="10"/>
    </row>
    <row r="1015318" spans="14:14">
      <c r="N1015318" s="10"/>
    </row>
    <row r="1015319" spans="14:14">
      <c r="N1015319" s="10"/>
    </row>
    <row r="1015320" spans="14:14">
      <c r="N1015320" s="10"/>
    </row>
    <row r="1015321" spans="14:14">
      <c r="N1015321" s="10"/>
    </row>
    <row r="1015322" spans="14:14">
      <c r="N1015322" s="10"/>
    </row>
    <row r="1015323" spans="14:14">
      <c r="N1015323" s="10"/>
    </row>
    <row r="1015324" spans="14:14">
      <c r="N1015324" s="10"/>
    </row>
    <row r="1015325" spans="14:14">
      <c r="N1015325" s="10"/>
    </row>
    <row r="1015326" spans="14:14">
      <c r="N1015326" s="10"/>
    </row>
    <row r="1015327" spans="14:14">
      <c r="N1015327" s="10"/>
    </row>
    <row r="1015328" spans="14:14">
      <c r="N1015328" s="10"/>
    </row>
    <row r="1015329" spans="14:14">
      <c r="N1015329" s="10"/>
    </row>
    <row r="1015330" spans="14:14">
      <c r="N1015330" s="10"/>
    </row>
    <row r="1015331" spans="14:14">
      <c r="N1015331" s="10"/>
    </row>
    <row r="1015332" spans="14:14">
      <c r="N1015332" s="10"/>
    </row>
    <row r="1015333" spans="14:14">
      <c r="N1015333" s="10"/>
    </row>
    <row r="1015334" spans="14:14">
      <c r="N1015334" s="10"/>
    </row>
    <row r="1015335" spans="14:14">
      <c r="N1015335" s="10"/>
    </row>
    <row r="1015336" spans="14:14">
      <c r="N1015336" s="10"/>
    </row>
    <row r="1015337" spans="14:14">
      <c r="N1015337" s="10"/>
    </row>
    <row r="1015338" spans="14:14">
      <c r="N1015338" s="10"/>
    </row>
    <row r="1015339" spans="14:14">
      <c r="N1015339" s="10"/>
    </row>
    <row r="1015340" spans="14:14">
      <c r="N1015340" s="10"/>
    </row>
    <row r="1015341" spans="14:14">
      <c r="N1015341" s="10"/>
    </row>
    <row r="1015342" spans="14:14">
      <c r="N1015342" s="10"/>
    </row>
    <row r="1015343" spans="14:14">
      <c r="N1015343" s="10"/>
    </row>
    <row r="1015344" spans="14:14">
      <c r="N1015344" s="10"/>
    </row>
    <row r="1015345" spans="14:14">
      <c r="N1015345" s="10"/>
    </row>
    <row r="1015346" spans="14:14">
      <c r="N1015346" s="10"/>
    </row>
    <row r="1015347" spans="14:14">
      <c r="N1015347" s="10"/>
    </row>
    <row r="1015348" spans="14:14">
      <c r="N1015348" s="10"/>
    </row>
    <row r="1015349" spans="14:14">
      <c r="N1015349" s="10"/>
    </row>
    <row r="1015350" spans="14:14">
      <c r="N1015350" s="10"/>
    </row>
    <row r="1015351" spans="14:14">
      <c r="N1015351" s="10"/>
    </row>
    <row r="1015352" spans="14:14">
      <c r="N1015352" s="10"/>
    </row>
    <row r="1015353" spans="14:14">
      <c r="N1015353" s="10"/>
    </row>
    <row r="1015354" spans="14:14">
      <c r="N1015354" s="10"/>
    </row>
    <row r="1015355" spans="14:14">
      <c r="N1015355" s="10"/>
    </row>
    <row r="1015356" spans="14:14">
      <c r="N1015356" s="10"/>
    </row>
    <row r="1015357" spans="14:14">
      <c r="N1015357" s="10"/>
    </row>
    <row r="1015358" spans="14:14">
      <c r="N1015358" s="10"/>
    </row>
    <row r="1015359" spans="14:14">
      <c r="N1015359" s="10"/>
    </row>
    <row r="1015360" spans="14:14">
      <c r="N1015360" s="10"/>
    </row>
    <row r="1015361" spans="14:14">
      <c r="N1015361" s="10"/>
    </row>
    <row r="1015362" spans="14:14">
      <c r="N1015362" s="10"/>
    </row>
    <row r="1015363" spans="14:14">
      <c r="N1015363" s="10"/>
    </row>
    <row r="1015364" spans="14:14">
      <c r="N1015364" s="10"/>
    </row>
    <row r="1015365" spans="14:14">
      <c r="N1015365" s="10"/>
    </row>
    <row r="1015366" spans="14:14">
      <c r="N1015366" s="10"/>
    </row>
    <row r="1015367" spans="14:14">
      <c r="N1015367" s="10"/>
    </row>
    <row r="1015368" spans="14:14">
      <c r="N1015368" s="10"/>
    </row>
    <row r="1015369" spans="14:14">
      <c r="N1015369" s="10"/>
    </row>
    <row r="1015370" spans="14:14">
      <c r="N1015370" s="10"/>
    </row>
    <row r="1015371" spans="14:14">
      <c r="N1015371" s="10"/>
    </row>
    <row r="1015372" spans="14:14">
      <c r="N1015372" s="10"/>
    </row>
    <row r="1015373" spans="14:14">
      <c r="N1015373" s="10"/>
    </row>
    <row r="1015374" spans="14:14">
      <c r="N1015374" s="10"/>
    </row>
    <row r="1015375" spans="14:14">
      <c r="N1015375" s="10"/>
    </row>
    <row r="1015376" spans="14:14">
      <c r="N1015376" s="10"/>
    </row>
    <row r="1015377" spans="14:14">
      <c r="N1015377" s="10"/>
    </row>
    <row r="1015378" spans="14:14">
      <c r="N1015378" s="10"/>
    </row>
    <row r="1015379" spans="14:14">
      <c r="N1015379" s="10"/>
    </row>
    <row r="1015380" spans="14:14">
      <c r="N1015380" s="10"/>
    </row>
    <row r="1015381" spans="14:14">
      <c r="N1015381" s="10"/>
    </row>
    <row r="1015382" spans="14:14">
      <c r="N1015382" s="10"/>
    </row>
    <row r="1015383" spans="14:14">
      <c r="N1015383" s="10"/>
    </row>
    <row r="1015384" spans="14:14">
      <c r="N1015384" s="10"/>
    </row>
    <row r="1015385" spans="14:14">
      <c r="N1015385" s="10"/>
    </row>
    <row r="1015386" spans="14:14">
      <c r="N1015386" s="10"/>
    </row>
    <row r="1015387" spans="14:14">
      <c r="N1015387" s="10"/>
    </row>
    <row r="1015388" spans="14:14">
      <c r="N1015388" s="10"/>
    </row>
    <row r="1015389" spans="14:14">
      <c r="N1015389" s="10"/>
    </row>
    <row r="1015390" spans="14:14">
      <c r="N1015390" s="10"/>
    </row>
    <row r="1015391" spans="14:14">
      <c r="N1015391" s="10"/>
    </row>
    <row r="1015392" spans="14:14">
      <c r="N1015392" s="10"/>
    </row>
    <row r="1015393" spans="14:14">
      <c r="N1015393" s="10"/>
    </row>
    <row r="1015394" spans="14:14">
      <c r="N1015394" s="10"/>
    </row>
    <row r="1015395" spans="14:14">
      <c r="N1015395" s="10"/>
    </row>
    <row r="1015396" spans="14:14">
      <c r="N1015396" s="10"/>
    </row>
    <row r="1015397" spans="14:14">
      <c r="N1015397" s="10"/>
    </row>
    <row r="1015398" spans="14:14">
      <c r="N1015398" s="10"/>
    </row>
    <row r="1015399" spans="14:14">
      <c r="N1015399" s="10"/>
    </row>
    <row r="1015400" spans="14:14">
      <c r="N1015400" s="10"/>
    </row>
    <row r="1015401" spans="14:14">
      <c r="N1015401" s="10"/>
    </row>
    <row r="1015402" spans="14:14">
      <c r="N1015402" s="10"/>
    </row>
    <row r="1015403" spans="14:14">
      <c r="N1015403" s="10"/>
    </row>
    <row r="1015404" spans="14:14">
      <c r="N1015404" s="10"/>
    </row>
    <row r="1015405" spans="14:14">
      <c r="N1015405" s="10"/>
    </row>
    <row r="1015406" spans="14:14">
      <c r="N1015406" s="10"/>
    </row>
    <row r="1015407" spans="14:14">
      <c r="N1015407" s="10"/>
    </row>
    <row r="1015408" spans="14:14">
      <c r="N1015408" s="10"/>
    </row>
    <row r="1015409" spans="14:14">
      <c r="N1015409" s="10"/>
    </row>
    <row r="1015410" spans="14:14">
      <c r="N1015410" s="10"/>
    </row>
    <row r="1015411" spans="14:14">
      <c r="N1015411" s="10"/>
    </row>
    <row r="1015412" spans="14:14">
      <c r="N1015412" s="10"/>
    </row>
    <row r="1015413" spans="14:14">
      <c r="N1015413" s="10"/>
    </row>
    <row r="1015414" spans="14:14">
      <c r="N1015414" s="10"/>
    </row>
    <row r="1015415" spans="14:14">
      <c r="N1015415" s="10"/>
    </row>
    <row r="1015416" spans="14:14">
      <c r="N1015416" s="10"/>
    </row>
    <row r="1015417" spans="14:14">
      <c r="N1015417" s="10"/>
    </row>
    <row r="1015418" spans="14:14">
      <c r="N1015418" s="10"/>
    </row>
    <row r="1015419" spans="14:14">
      <c r="N1015419" s="10"/>
    </row>
    <row r="1015420" spans="14:14">
      <c r="N1015420" s="10"/>
    </row>
    <row r="1015421" spans="14:14">
      <c r="N1015421" s="10"/>
    </row>
    <row r="1015422" spans="14:14">
      <c r="N1015422" s="10"/>
    </row>
    <row r="1015423" spans="14:14">
      <c r="N1015423" s="10"/>
    </row>
    <row r="1015424" spans="14:14">
      <c r="N1015424" s="10"/>
    </row>
    <row r="1015425" spans="14:14">
      <c r="N1015425" s="10"/>
    </row>
    <row r="1015426" spans="14:14">
      <c r="N1015426" s="10"/>
    </row>
    <row r="1015427" spans="14:14">
      <c r="N1015427" s="10"/>
    </row>
    <row r="1015428" spans="14:14">
      <c r="N1015428" s="10"/>
    </row>
    <row r="1015429" spans="14:14">
      <c r="N1015429" s="10"/>
    </row>
    <row r="1015430" spans="14:14">
      <c r="N1015430" s="10"/>
    </row>
    <row r="1015431" spans="14:14">
      <c r="N1015431" s="10"/>
    </row>
    <row r="1015432" spans="14:14">
      <c r="N1015432" s="10"/>
    </row>
    <row r="1015433" spans="14:14">
      <c r="N1015433" s="10"/>
    </row>
    <row r="1015434" spans="14:14">
      <c r="N1015434" s="10"/>
    </row>
    <row r="1015435" spans="14:14">
      <c r="N1015435" s="10"/>
    </row>
    <row r="1015436" spans="14:14">
      <c r="N1015436" s="10"/>
    </row>
    <row r="1015437" spans="14:14">
      <c r="N1015437" s="10"/>
    </row>
    <row r="1015438" spans="14:14">
      <c r="N1015438" s="10"/>
    </row>
    <row r="1015439" spans="14:14">
      <c r="N1015439" s="10"/>
    </row>
    <row r="1015440" spans="14:14">
      <c r="N1015440" s="10"/>
    </row>
    <row r="1015441" spans="14:14">
      <c r="N1015441" s="10"/>
    </row>
    <row r="1015442" spans="14:14">
      <c r="N1015442" s="10"/>
    </row>
    <row r="1015443" spans="14:14">
      <c r="N1015443" s="10"/>
    </row>
    <row r="1015444" spans="14:14">
      <c r="N1015444" s="10"/>
    </row>
    <row r="1015445" spans="14:14">
      <c r="N1015445" s="10"/>
    </row>
    <row r="1015446" spans="14:14">
      <c r="N1015446" s="10"/>
    </row>
    <row r="1015447" spans="14:14">
      <c r="N1015447" s="10"/>
    </row>
    <row r="1015448" spans="14:14">
      <c r="N1015448" s="10"/>
    </row>
    <row r="1015449" spans="14:14">
      <c r="N1015449" s="10"/>
    </row>
    <row r="1015450" spans="14:14">
      <c r="N1015450" s="10"/>
    </row>
    <row r="1015451" spans="14:14">
      <c r="N1015451" s="10"/>
    </row>
    <row r="1015452" spans="14:14">
      <c r="N1015452" s="10"/>
    </row>
    <row r="1015453" spans="14:14">
      <c r="N1015453" s="10"/>
    </row>
    <row r="1015454" spans="14:14">
      <c r="N1015454" s="10"/>
    </row>
    <row r="1015455" spans="14:14">
      <c r="N1015455" s="10"/>
    </row>
    <row r="1015456" spans="14:14">
      <c r="N1015456" s="10"/>
    </row>
    <row r="1015457" spans="14:14">
      <c r="N1015457" s="10"/>
    </row>
    <row r="1015458" spans="14:14">
      <c r="N1015458" s="10"/>
    </row>
    <row r="1015459" spans="14:14">
      <c r="N1015459" s="10"/>
    </row>
    <row r="1015460" spans="14:14">
      <c r="N1015460" s="10"/>
    </row>
    <row r="1015461" spans="14:14">
      <c r="N1015461" s="10"/>
    </row>
    <row r="1015462" spans="14:14">
      <c r="N1015462" s="10"/>
    </row>
    <row r="1015463" spans="14:14">
      <c r="N1015463" s="10"/>
    </row>
    <row r="1015464" spans="14:14">
      <c r="N1015464" s="10"/>
    </row>
    <row r="1015465" spans="14:14">
      <c r="N1015465" s="10"/>
    </row>
    <row r="1015466" spans="14:14">
      <c r="N1015466" s="10"/>
    </row>
    <row r="1015467" spans="14:14">
      <c r="N1015467" s="10"/>
    </row>
    <row r="1015468" spans="14:14">
      <c r="N1015468" s="10"/>
    </row>
    <row r="1015469" spans="14:14">
      <c r="N1015469" s="10"/>
    </row>
    <row r="1015470" spans="14:14">
      <c r="N1015470" s="10"/>
    </row>
    <row r="1015471" spans="14:14">
      <c r="N1015471" s="10"/>
    </row>
    <row r="1015472" spans="14:14">
      <c r="N1015472" s="10"/>
    </row>
    <row r="1015473" spans="14:14">
      <c r="N1015473" s="10"/>
    </row>
    <row r="1015474" spans="14:14">
      <c r="N1015474" s="10"/>
    </row>
    <row r="1015475" spans="14:14">
      <c r="N1015475" s="10"/>
    </row>
    <row r="1015476" spans="14:14">
      <c r="N1015476" s="10"/>
    </row>
    <row r="1015477" spans="14:14">
      <c r="N1015477" s="10"/>
    </row>
    <row r="1015478" spans="14:14">
      <c r="N1015478" s="10"/>
    </row>
    <row r="1015479" spans="14:14">
      <c r="N1015479" s="10"/>
    </row>
    <row r="1015480" spans="14:14">
      <c r="N1015480" s="10"/>
    </row>
    <row r="1015481" spans="14:14">
      <c r="N1015481" s="10"/>
    </row>
    <row r="1015482" spans="14:14">
      <c r="N1015482" s="10"/>
    </row>
    <row r="1015483" spans="14:14">
      <c r="N1015483" s="10"/>
    </row>
    <row r="1015484" spans="14:14">
      <c r="N1015484" s="10"/>
    </row>
    <row r="1015485" spans="14:14">
      <c r="N1015485" s="10"/>
    </row>
    <row r="1015486" spans="14:14">
      <c r="N1015486" s="10"/>
    </row>
    <row r="1015487" spans="14:14">
      <c r="N1015487" s="10"/>
    </row>
    <row r="1015488" spans="14:14">
      <c r="N1015488" s="10"/>
    </row>
    <row r="1015489" spans="14:14">
      <c r="N1015489" s="10"/>
    </row>
    <row r="1015490" spans="14:14">
      <c r="N1015490" s="10"/>
    </row>
    <row r="1015491" spans="14:14">
      <c r="N1015491" s="10"/>
    </row>
    <row r="1015492" spans="14:14">
      <c r="N1015492" s="10"/>
    </row>
    <row r="1015493" spans="14:14">
      <c r="N1015493" s="10"/>
    </row>
    <row r="1015494" spans="14:14">
      <c r="N1015494" s="10"/>
    </row>
    <row r="1015495" spans="14:14">
      <c r="N1015495" s="10"/>
    </row>
    <row r="1015496" spans="14:14">
      <c r="N1015496" s="10"/>
    </row>
    <row r="1015497" spans="14:14">
      <c r="N1015497" s="10"/>
    </row>
    <row r="1015498" spans="14:14">
      <c r="N1015498" s="10"/>
    </row>
    <row r="1015499" spans="14:14">
      <c r="N1015499" s="10"/>
    </row>
    <row r="1015500" spans="14:14">
      <c r="N1015500" s="10"/>
    </row>
    <row r="1015501" spans="14:14">
      <c r="N1015501" s="10"/>
    </row>
    <row r="1015502" spans="14:14">
      <c r="N1015502" s="10"/>
    </row>
    <row r="1015503" spans="14:14">
      <c r="N1015503" s="10"/>
    </row>
    <row r="1015504" spans="14:14">
      <c r="N1015504" s="10"/>
    </row>
    <row r="1015505" spans="14:14">
      <c r="N1015505" s="10"/>
    </row>
    <row r="1015506" spans="14:14">
      <c r="N1015506" s="10"/>
    </row>
    <row r="1015507" spans="14:14">
      <c r="N1015507" s="10"/>
    </row>
    <row r="1015508" spans="14:14">
      <c r="N1015508" s="10"/>
    </row>
    <row r="1015509" spans="14:14">
      <c r="N1015509" s="10"/>
    </row>
    <row r="1015510" spans="14:14">
      <c r="N1015510" s="10"/>
    </row>
    <row r="1015511" spans="14:14">
      <c r="N1015511" s="10"/>
    </row>
    <row r="1015512" spans="14:14">
      <c r="N1015512" s="10"/>
    </row>
    <row r="1015513" spans="14:14">
      <c r="N1015513" s="10"/>
    </row>
    <row r="1015514" spans="14:14">
      <c r="N1015514" s="10"/>
    </row>
    <row r="1015515" spans="14:14">
      <c r="N1015515" s="10"/>
    </row>
    <row r="1015516" spans="14:14">
      <c r="N1015516" s="10"/>
    </row>
    <row r="1015517" spans="14:14">
      <c r="N1015517" s="10"/>
    </row>
    <row r="1015518" spans="14:14">
      <c r="N1015518" s="10"/>
    </row>
    <row r="1015519" spans="14:14">
      <c r="N1015519" s="10"/>
    </row>
    <row r="1015520" spans="14:14">
      <c r="N1015520" s="10"/>
    </row>
    <row r="1015521" spans="14:14">
      <c r="N1015521" s="10"/>
    </row>
    <row r="1015522" spans="14:14">
      <c r="N1015522" s="10"/>
    </row>
    <row r="1015523" spans="14:14">
      <c r="N1015523" s="10"/>
    </row>
    <row r="1015524" spans="14:14">
      <c r="N1015524" s="10"/>
    </row>
    <row r="1015525" spans="14:14">
      <c r="N1015525" s="10"/>
    </row>
    <row r="1015526" spans="14:14">
      <c r="N1015526" s="10"/>
    </row>
    <row r="1015527" spans="14:14">
      <c r="N1015527" s="10"/>
    </row>
    <row r="1015528" spans="14:14">
      <c r="N1015528" s="10"/>
    </row>
    <row r="1015529" spans="14:14">
      <c r="N1015529" s="10"/>
    </row>
    <row r="1015530" spans="14:14">
      <c r="N1015530" s="10"/>
    </row>
    <row r="1015531" spans="14:14">
      <c r="N1015531" s="10"/>
    </row>
    <row r="1015532" spans="14:14">
      <c r="N1015532" s="10"/>
    </row>
    <row r="1015533" spans="14:14">
      <c r="N1015533" s="10"/>
    </row>
    <row r="1015534" spans="14:14">
      <c r="N1015534" s="10"/>
    </row>
    <row r="1015535" spans="14:14">
      <c r="N1015535" s="10"/>
    </row>
    <row r="1015536" spans="14:14">
      <c r="N1015536" s="10"/>
    </row>
    <row r="1015537" spans="14:14">
      <c r="N1015537" s="10"/>
    </row>
    <row r="1015538" spans="14:14">
      <c r="N1015538" s="10"/>
    </row>
    <row r="1015539" spans="14:14">
      <c r="N1015539" s="10"/>
    </row>
    <row r="1015540" spans="14:14">
      <c r="N1015540" s="10"/>
    </row>
    <row r="1015541" spans="14:14">
      <c r="N1015541" s="10"/>
    </row>
    <row r="1015542" spans="14:14">
      <c r="N1015542" s="10"/>
    </row>
    <row r="1015543" spans="14:14">
      <c r="N1015543" s="10"/>
    </row>
    <row r="1015544" spans="14:14">
      <c r="N1015544" s="10"/>
    </row>
    <row r="1015545" spans="14:14">
      <c r="N1015545" s="10"/>
    </row>
    <row r="1015546" spans="14:14">
      <c r="N1015546" s="10"/>
    </row>
    <row r="1015547" spans="14:14">
      <c r="N1015547" s="10"/>
    </row>
    <row r="1015548" spans="14:14">
      <c r="N1015548" s="10"/>
    </row>
    <row r="1015549" spans="14:14">
      <c r="N1015549" s="10"/>
    </row>
    <row r="1015550" spans="14:14">
      <c r="N1015550" s="10"/>
    </row>
    <row r="1015551" spans="14:14">
      <c r="N1015551" s="10"/>
    </row>
    <row r="1015552" spans="14:14">
      <c r="N1015552" s="10"/>
    </row>
    <row r="1015553" spans="14:14">
      <c r="N1015553" s="10"/>
    </row>
    <row r="1015554" spans="14:14">
      <c r="N1015554" s="10"/>
    </row>
    <row r="1015555" spans="14:14">
      <c r="N1015555" s="10"/>
    </row>
    <row r="1015556" spans="14:14">
      <c r="N1015556" s="10"/>
    </row>
    <row r="1015557" spans="14:14">
      <c r="N1015557" s="10"/>
    </row>
    <row r="1015558" spans="14:14">
      <c r="N1015558" s="10"/>
    </row>
    <row r="1015559" spans="14:14">
      <c r="N1015559" s="10"/>
    </row>
    <row r="1015560" spans="14:14">
      <c r="N1015560" s="10"/>
    </row>
    <row r="1015561" spans="14:14">
      <c r="N1015561" s="10"/>
    </row>
    <row r="1015562" spans="14:14">
      <c r="N1015562" s="10"/>
    </row>
    <row r="1015563" spans="14:14">
      <c r="N1015563" s="10"/>
    </row>
    <row r="1015564" spans="14:14">
      <c r="N1015564" s="10"/>
    </row>
    <row r="1015565" spans="14:14">
      <c r="N1015565" s="10"/>
    </row>
    <row r="1015566" spans="14:14">
      <c r="N1015566" s="10"/>
    </row>
    <row r="1015567" spans="14:14">
      <c r="N1015567" s="10"/>
    </row>
    <row r="1015568" spans="14:14">
      <c r="N1015568" s="10"/>
    </row>
    <row r="1015569" spans="14:14">
      <c r="N1015569" s="10"/>
    </row>
    <row r="1015570" spans="14:14">
      <c r="N1015570" s="10"/>
    </row>
    <row r="1015571" spans="14:14">
      <c r="N1015571" s="10"/>
    </row>
    <row r="1015572" spans="14:14">
      <c r="N1015572" s="10"/>
    </row>
    <row r="1015573" spans="14:14">
      <c r="N1015573" s="10"/>
    </row>
    <row r="1015574" spans="14:14">
      <c r="N1015574" s="10"/>
    </row>
    <row r="1015575" spans="14:14">
      <c r="N1015575" s="10"/>
    </row>
    <row r="1015576" spans="14:14">
      <c r="N1015576" s="10"/>
    </row>
    <row r="1015577" spans="14:14">
      <c r="N1015577" s="10"/>
    </row>
    <row r="1015578" spans="14:14">
      <c r="N1015578" s="10"/>
    </row>
    <row r="1015579" spans="14:14">
      <c r="N1015579" s="10"/>
    </row>
    <row r="1015580" spans="14:14">
      <c r="N1015580" s="10"/>
    </row>
    <row r="1015581" spans="14:14">
      <c r="N1015581" s="10"/>
    </row>
    <row r="1015582" spans="14:14">
      <c r="N1015582" s="10"/>
    </row>
    <row r="1015583" spans="14:14">
      <c r="N1015583" s="10"/>
    </row>
    <row r="1015584" spans="14:14">
      <c r="N1015584" s="10"/>
    </row>
    <row r="1015585" spans="14:14">
      <c r="N1015585" s="10"/>
    </row>
    <row r="1015586" spans="14:14">
      <c r="N1015586" s="10"/>
    </row>
    <row r="1015587" spans="14:14">
      <c r="N1015587" s="10"/>
    </row>
    <row r="1015588" spans="14:14">
      <c r="N1015588" s="10"/>
    </row>
    <row r="1015589" spans="14:14">
      <c r="N1015589" s="10"/>
    </row>
    <row r="1015590" spans="14:14">
      <c r="N1015590" s="10"/>
    </row>
    <row r="1015591" spans="14:14">
      <c r="N1015591" s="10"/>
    </row>
    <row r="1015592" spans="14:14">
      <c r="N1015592" s="10"/>
    </row>
    <row r="1015593" spans="14:14">
      <c r="N1015593" s="10"/>
    </row>
    <row r="1015594" spans="14:14">
      <c r="N1015594" s="10"/>
    </row>
    <row r="1015595" spans="14:14">
      <c r="N1015595" s="10"/>
    </row>
    <row r="1015596" spans="14:14">
      <c r="N1015596" s="10"/>
    </row>
    <row r="1015597" spans="14:14">
      <c r="N1015597" s="10"/>
    </row>
    <row r="1015598" spans="14:14">
      <c r="N1015598" s="10"/>
    </row>
    <row r="1015599" spans="14:14">
      <c r="N1015599" s="10"/>
    </row>
    <row r="1015600" spans="14:14">
      <c r="N1015600" s="10"/>
    </row>
    <row r="1015601" spans="14:14">
      <c r="N1015601" s="10"/>
    </row>
    <row r="1015602" spans="14:14">
      <c r="N1015602" s="10"/>
    </row>
    <row r="1015603" spans="14:14">
      <c r="N1015603" s="10"/>
    </row>
    <row r="1015604" spans="14:14">
      <c r="N1015604" s="10"/>
    </row>
    <row r="1015605" spans="14:14">
      <c r="N1015605" s="10"/>
    </row>
    <row r="1015606" spans="14:14">
      <c r="N1015606" s="10"/>
    </row>
    <row r="1015607" spans="14:14">
      <c r="N1015607" s="10"/>
    </row>
    <row r="1015608" spans="14:14">
      <c r="N1015608" s="10"/>
    </row>
    <row r="1015609" spans="14:14">
      <c r="N1015609" s="10"/>
    </row>
    <row r="1015610" spans="14:14">
      <c r="N1015610" s="10"/>
    </row>
    <row r="1015611" spans="14:14">
      <c r="N1015611" s="10"/>
    </row>
    <row r="1015612" spans="14:14">
      <c r="N1015612" s="10"/>
    </row>
    <row r="1015613" spans="14:14">
      <c r="N1015613" s="10"/>
    </row>
    <row r="1015614" spans="14:14">
      <c r="N1015614" s="10"/>
    </row>
    <row r="1015615" spans="14:14">
      <c r="N1015615" s="10"/>
    </row>
    <row r="1015616" spans="14:14">
      <c r="N1015616" s="10"/>
    </row>
    <row r="1015617" spans="14:14">
      <c r="N1015617" s="10"/>
    </row>
    <row r="1015618" spans="14:14">
      <c r="N1015618" s="10"/>
    </row>
    <row r="1015619" spans="14:14">
      <c r="N1015619" s="10"/>
    </row>
    <row r="1015620" spans="14:14">
      <c r="N1015620" s="10"/>
    </row>
    <row r="1015621" spans="14:14">
      <c r="N1015621" s="10"/>
    </row>
    <row r="1015622" spans="14:14">
      <c r="N1015622" s="10"/>
    </row>
    <row r="1015623" spans="14:14">
      <c r="N1015623" s="10"/>
    </row>
    <row r="1015624" spans="14:14">
      <c r="N1015624" s="10"/>
    </row>
    <row r="1015625" spans="14:14">
      <c r="N1015625" s="10"/>
    </row>
    <row r="1015626" spans="14:14">
      <c r="N1015626" s="10"/>
    </row>
    <row r="1015627" spans="14:14">
      <c r="N1015627" s="10"/>
    </row>
    <row r="1015628" spans="14:14">
      <c r="N1015628" s="10"/>
    </row>
    <row r="1015629" spans="14:14">
      <c r="N1015629" s="10"/>
    </row>
    <row r="1015630" spans="14:14">
      <c r="N1015630" s="10"/>
    </row>
    <row r="1015631" spans="14:14">
      <c r="N1015631" s="10"/>
    </row>
    <row r="1015632" spans="14:14">
      <c r="N1015632" s="10"/>
    </row>
    <row r="1015633" spans="14:14">
      <c r="N1015633" s="10"/>
    </row>
    <row r="1015634" spans="14:14">
      <c r="N1015634" s="10"/>
    </row>
    <row r="1015635" spans="14:14">
      <c r="N1015635" s="10"/>
    </row>
    <row r="1015636" spans="14:14">
      <c r="N1015636" s="10"/>
    </row>
    <row r="1015637" spans="14:14">
      <c r="N1015637" s="10"/>
    </row>
    <row r="1015638" spans="14:14">
      <c r="N1015638" s="10"/>
    </row>
    <row r="1015639" spans="14:14">
      <c r="N1015639" s="10"/>
    </row>
    <row r="1015640" spans="14:14">
      <c r="N1015640" s="10"/>
    </row>
    <row r="1015641" spans="14:14">
      <c r="N1015641" s="10"/>
    </row>
    <row r="1015642" spans="14:14">
      <c r="N1015642" s="10"/>
    </row>
    <row r="1015643" spans="14:14">
      <c r="N1015643" s="10"/>
    </row>
    <row r="1015644" spans="14:14">
      <c r="N1015644" s="10"/>
    </row>
    <row r="1015645" spans="14:14">
      <c r="N1015645" s="10"/>
    </row>
    <row r="1015646" spans="14:14">
      <c r="N1015646" s="10"/>
    </row>
    <row r="1015647" spans="14:14">
      <c r="N1015647" s="10"/>
    </row>
    <row r="1015648" spans="14:14">
      <c r="N1015648" s="10"/>
    </row>
    <row r="1015649" spans="14:14">
      <c r="N1015649" s="10"/>
    </row>
    <row r="1015650" spans="14:14">
      <c r="N1015650" s="10"/>
    </row>
    <row r="1015651" spans="14:14">
      <c r="N1015651" s="10"/>
    </row>
    <row r="1015652" spans="14:14">
      <c r="N1015652" s="10"/>
    </row>
    <row r="1015653" spans="14:14">
      <c r="N1015653" s="10"/>
    </row>
    <row r="1015654" spans="14:14">
      <c r="N1015654" s="10"/>
    </row>
    <row r="1015655" spans="14:14">
      <c r="N1015655" s="10"/>
    </row>
    <row r="1015656" spans="14:14">
      <c r="N1015656" s="10"/>
    </row>
    <row r="1015657" spans="14:14">
      <c r="N1015657" s="10"/>
    </row>
    <row r="1015658" spans="14:14">
      <c r="N1015658" s="10"/>
    </row>
    <row r="1015659" spans="14:14">
      <c r="N1015659" s="10"/>
    </row>
    <row r="1015660" spans="14:14">
      <c r="N1015660" s="10"/>
    </row>
    <row r="1015661" spans="14:14">
      <c r="N1015661" s="10"/>
    </row>
    <row r="1015662" spans="14:14">
      <c r="N1015662" s="10"/>
    </row>
    <row r="1015663" spans="14:14">
      <c r="N1015663" s="10"/>
    </row>
    <row r="1015664" spans="14:14">
      <c r="N1015664" s="10"/>
    </row>
    <row r="1015665" spans="14:14">
      <c r="N1015665" s="10"/>
    </row>
    <row r="1015666" spans="14:14">
      <c r="N1015666" s="10"/>
    </row>
    <row r="1015667" spans="14:14">
      <c r="N1015667" s="10"/>
    </row>
    <row r="1015668" spans="14:14">
      <c r="N1015668" s="10"/>
    </row>
    <row r="1015669" spans="14:14">
      <c r="N1015669" s="10"/>
    </row>
    <row r="1015670" spans="14:14">
      <c r="N1015670" s="10"/>
    </row>
    <row r="1015671" spans="14:14">
      <c r="N1015671" s="10"/>
    </row>
    <row r="1015672" spans="14:14">
      <c r="N1015672" s="10"/>
    </row>
    <row r="1015673" spans="14:14">
      <c r="N1015673" s="10"/>
    </row>
    <row r="1015674" spans="14:14">
      <c r="N1015674" s="10"/>
    </row>
    <row r="1015675" spans="14:14">
      <c r="N1015675" s="10"/>
    </row>
    <row r="1015676" spans="14:14">
      <c r="N1015676" s="10"/>
    </row>
    <row r="1015677" spans="14:14">
      <c r="N1015677" s="10"/>
    </row>
    <row r="1015678" spans="14:14">
      <c r="N1015678" s="10"/>
    </row>
    <row r="1015679" spans="14:14">
      <c r="N1015679" s="10"/>
    </row>
    <row r="1015680" spans="14:14">
      <c r="N1015680" s="10"/>
    </row>
    <row r="1015681" spans="14:14">
      <c r="N1015681" s="10"/>
    </row>
    <row r="1015682" spans="14:14">
      <c r="N1015682" s="10"/>
    </row>
    <row r="1015683" spans="14:14">
      <c r="N1015683" s="10"/>
    </row>
    <row r="1015684" spans="14:14">
      <c r="N1015684" s="10"/>
    </row>
    <row r="1015685" spans="14:14">
      <c r="N1015685" s="10"/>
    </row>
    <row r="1015686" spans="14:14">
      <c r="N1015686" s="10"/>
    </row>
    <row r="1015687" spans="14:14">
      <c r="N1015687" s="10"/>
    </row>
    <row r="1015688" spans="14:14">
      <c r="N1015688" s="10"/>
    </row>
    <row r="1015689" spans="14:14">
      <c r="N1015689" s="10"/>
    </row>
    <row r="1015690" spans="14:14">
      <c r="N1015690" s="10"/>
    </row>
    <row r="1015691" spans="14:14">
      <c r="N1015691" s="10"/>
    </row>
    <row r="1015692" spans="14:14">
      <c r="N1015692" s="10"/>
    </row>
    <row r="1015693" spans="14:14">
      <c r="N1015693" s="10"/>
    </row>
    <row r="1015694" spans="14:14">
      <c r="N1015694" s="10"/>
    </row>
    <row r="1015695" spans="14:14">
      <c r="N1015695" s="10"/>
    </row>
    <row r="1015696" spans="14:14">
      <c r="N1015696" s="10"/>
    </row>
    <row r="1015697" spans="14:14">
      <c r="N1015697" s="10"/>
    </row>
    <row r="1015698" spans="14:14">
      <c r="N1015698" s="10"/>
    </row>
    <row r="1015699" spans="14:14">
      <c r="N1015699" s="10"/>
    </row>
    <row r="1015700" spans="14:14">
      <c r="N1015700" s="10"/>
    </row>
    <row r="1015701" spans="14:14">
      <c r="N1015701" s="10"/>
    </row>
    <row r="1015702" spans="14:14">
      <c r="N1015702" s="10"/>
    </row>
    <row r="1015703" spans="14:14">
      <c r="N1015703" s="10"/>
    </row>
    <row r="1015704" spans="14:14">
      <c r="N1015704" s="10"/>
    </row>
    <row r="1015705" spans="14:14">
      <c r="N1015705" s="10"/>
    </row>
    <row r="1015706" spans="14:14">
      <c r="N1015706" s="10"/>
    </row>
    <row r="1015707" spans="14:14">
      <c r="N1015707" s="10"/>
    </row>
    <row r="1015708" spans="14:14">
      <c r="N1015708" s="10"/>
    </row>
    <row r="1015709" spans="14:14">
      <c r="N1015709" s="10"/>
    </row>
    <row r="1015710" spans="14:14">
      <c r="N1015710" s="10"/>
    </row>
    <row r="1015711" spans="14:14">
      <c r="N1015711" s="10"/>
    </row>
    <row r="1015712" spans="14:14">
      <c r="N1015712" s="10"/>
    </row>
    <row r="1015713" spans="14:14">
      <c r="N1015713" s="10"/>
    </row>
    <row r="1015714" spans="14:14">
      <c r="N1015714" s="10"/>
    </row>
    <row r="1015715" spans="14:14">
      <c r="N1015715" s="10"/>
    </row>
    <row r="1015716" spans="14:14">
      <c r="N1015716" s="10"/>
    </row>
    <row r="1015717" spans="14:14">
      <c r="N1015717" s="10"/>
    </row>
    <row r="1015718" spans="14:14">
      <c r="N1015718" s="10"/>
    </row>
    <row r="1015719" spans="14:14">
      <c r="N1015719" s="10"/>
    </row>
    <row r="1015720" spans="14:14">
      <c r="N1015720" s="10"/>
    </row>
    <row r="1015721" spans="14:14">
      <c r="N1015721" s="10"/>
    </row>
    <row r="1015722" spans="14:14">
      <c r="N1015722" s="10"/>
    </row>
    <row r="1015723" spans="14:14">
      <c r="N1015723" s="10"/>
    </row>
    <row r="1015724" spans="14:14">
      <c r="N1015724" s="10"/>
    </row>
    <row r="1015725" spans="14:14">
      <c r="N1015725" s="10"/>
    </row>
    <row r="1015726" spans="14:14">
      <c r="N1015726" s="10"/>
    </row>
    <row r="1015727" spans="14:14">
      <c r="N1015727" s="10"/>
    </row>
    <row r="1015728" spans="14:14">
      <c r="N1015728" s="10"/>
    </row>
    <row r="1015729" spans="14:14">
      <c r="N1015729" s="10"/>
    </row>
    <row r="1015730" spans="14:14">
      <c r="N1015730" s="10"/>
    </row>
    <row r="1015731" spans="14:14">
      <c r="N1015731" s="10"/>
    </row>
    <row r="1015732" spans="14:14">
      <c r="N1015732" s="10"/>
    </row>
    <row r="1015733" spans="14:14">
      <c r="N1015733" s="10"/>
    </row>
    <row r="1015734" spans="14:14">
      <c r="N1015734" s="10"/>
    </row>
    <row r="1015735" spans="14:14">
      <c r="N1015735" s="10"/>
    </row>
    <row r="1015736" spans="14:14">
      <c r="N1015736" s="10"/>
    </row>
    <row r="1015737" spans="14:14">
      <c r="N1015737" s="10"/>
    </row>
    <row r="1015738" spans="14:14">
      <c r="N1015738" s="10"/>
    </row>
    <row r="1015739" spans="14:14">
      <c r="N1015739" s="10"/>
    </row>
    <row r="1015740" spans="14:14">
      <c r="N1015740" s="10"/>
    </row>
    <row r="1015741" spans="14:14">
      <c r="N1015741" s="10"/>
    </row>
    <row r="1015742" spans="14:14">
      <c r="N1015742" s="10"/>
    </row>
    <row r="1015743" spans="14:14">
      <c r="N1015743" s="10"/>
    </row>
    <row r="1015744" spans="14:14">
      <c r="N1015744" s="10"/>
    </row>
    <row r="1015745" spans="14:14">
      <c r="N1015745" s="10"/>
    </row>
    <row r="1015746" spans="14:14">
      <c r="N1015746" s="10"/>
    </row>
    <row r="1015747" spans="14:14">
      <c r="N1015747" s="10"/>
    </row>
    <row r="1015748" spans="14:14">
      <c r="N1015748" s="10"/>
    </row>
    <row r="1015749" spans="14:14">
      <c r="N1015749" s="10"/>
    </row>
    <row r="1015750" spans="14:14">
      <c r="N1015750" s="10"/>
    </row>
    <row r="1015751" spans="14:14">
      <c r="N1015751" s="10"/>
    </row>
    <row r="1015752" spans="14:14">
      <c r="N1015752" s="10"/>
    </row>
    <row r="1015753" spans="14:14">
      <c r="N1015753" s="10"/>
    </row>
    <row r="1015754" spans="14:14">
      <c r="N1015754" s="10"/>
    </row>
    <row r="1015755" spans="14:14">
      <c r="N1015755" s="10"/>
    </row>
    <row r="1015756" spans="14:14">
      <c r="N1015756" s="10"/>
    </row>
    <row r="1015757" spans="14:14">
      <c r="N1015757" s="10"/>
    </row>
    <row r="1015758" spans="14:14">
      <c r="N1015758" s="10"/>
    </row>
    <row r="1015759" spans="14:14">
      <c r="N1015759" s="10"/>
    </row>
    <row r="1015760" spans="14:14">
      <c r="N1015760" s="10"/>
    </row>
    <row r="1015761" spans="14:14">
      <c r="N1015761" s="10"/>
    </row>
    <row r="1015762" spans="14:14">
      <c r="N1015762" s="10"/>
    </row>
    <row r="1015763" spans="14:14">
      <c r="N1015763" s="10"/>
    </row>
    <row r="1015764" spans="14:14">
      <c r="N1015764" s="10"/>
    </row>
    <row r="1015765" spans="14:14">
      <c r="N1015765" s="10"/>
    </row>
    <row r="1015766" spans="14:14">
      <c r="N1015766" s="10"/>
    </row>
    <row r="1015767" spans="14:14">
      <c r="N1015767" s="10"/>
    </row>
    <row r="1015768" spans="14:14">
      <c r="N1015768" s="10"/>
    </row>
    <row r="1015769" spans="14:14">
      <c r="N1015769" s="10"/>
    </row>
    <row r="1015770" spans="14:14">
      <c r="N1015770" s="10"/>
    </row>
    <row r="1015771" spans="14:14">
      <c r="N1015771" s="10"/>
    </row>
    <row r="1015772" spans="14:14">
      <c r="N1015772" s="10"/>
    </row>
    <row r="1015773" spans="14:14">
      <c r="N1015773" s="10"/>
    </row>
    <row r="1015774" spans="14:14">
      <c r="N1015774" s="10"/>
    </row>
    <row r="1015775" spans="14:14">
      <c r="N1015775" s="10"/>
    </row>
    <row r="1015776" spans="14:14">
      <c r="N1015776" s="10"/>
    </row>
    <row r="1015777" spans="14:14">
      <c r="N1015777" s="10"/>
    </row>
    <row r="1015778" spans="14:14">
      <c r="N1015778" s="10"/>
    </row>
    <row r="1015779" spans="14:14">
      <c r="N1015779" s="10"/>
    </row>
    <row r="1015780" spans="14:14">
      <c r="N1015780" s="10"/>
    </row>
    <row r="1015781" spans="14:14">
      <c r="N1015781" s="10"/>
    </row>
    <row r="1015782" spans="14:14">
      <c r="N1015782" s="10"/>
    </row>
    <row r="1015783" spans="14:14">
      <c r="N1015783" s="10"/>
    </row>
    <row r="1015784" spans="14:14">
      <c r="N1015784" s="10"/>
    </row>
    <row r="1015785" spans="14:14">
      <c r="N1015785" s="10"/>
    </row>
    <row r="1015786" spans="14:14">
      <c r="N1015786" s="10"/>
    </row>
    <row r="1015787" spans="14:14">
      <c r="N1015787" s="10"/>
    </row>
    <row r="1015788" spans="14:14">
      <c r="N1015788" s="10"/>
    </row>
    <row r="1015789" spans="14:14">
      <c r="N1015789" s="10"/>
    </row>
    <row r="1015790" spans="14:14">
      <c r="N1015790" s="10"/>
    </row>
    <row r="1015791" spans="14:14">
      <c r="N1015791" s="10"/>
    </row>
    <row r="1015792" spans="14:14">
      <c r="N1015792" s="10"/>
    </row>
    <row r="1015793" spans="14:14">
      <c r="N1015793" s="10"/>
    </row>
    <row r="1015794" spans="14:14">
      <c r="N1015794" s="10"/>
    </row>
    <row r="1015795" spans="14:14">
      <c r="N1015795" s="10"/>
    </row>
    <row r="1015796" spans="14:14">
      <c r="N1015796" s="10"/>
    </row>
    <row r="1015797" spans="14:14">
      <c r="N1015797" s="10"/>
    </row>
    <row r="1015798" spans="14:14">
      <c r="N1015798" s="10"/>
    </row>
    <row r="1015799" spans="14:14">
      <c r="N1015799" s="10"/>
    </row>
    <row r="1015800" spans="14:14">
      <c r="N1015800" s="10"/>
    </row>
    <row r="1015801" spans="14:14">
      <c r="N1015801" s="10"/>
    </row>
    <row r="1015802" spans="14:14">
      <c r="N1015802" s="10"/>
    </row>
    <row r="1015803" spans="14:14">
      <c r="N1015803" s="10"/>
    </row>
    <row r="1015804" spans="14:14">
      <c r="N1015804" s="10"/>
    </row>
    <row r="1015805" spans="14:14">
      <c r="N1015805" s="10"/>
    </row>
    <row r="1015806" spans="14:14">
      <c r="N1015806" s="10"/>
    </row>
    <row r="1015807" spans="14:14">
      <c r="N1015807" s="10"/>
    </row>
    <row r="1015808" spans="14:14">
      <c r="N1015808" s="10"/>
    </row>
    <row r="1015809" spans="14:14">
      <c r="N1015809" s="10"/>
    </row>
    <row r="1015810" spans="14:14">
      <c r="N1015810" s="10"/>
    </row>
    <row r="1015811" spans="14:14">
      <c r="N1015811" s="10"/>
    </row>
    <row r="1015812" spans="14:14">
      <c r="N1015812" s="10"/>
    </row>
    <row r="1015813" spans="14:14">
      <c r="N1015813" s="10"/>
    </row>
    <row r="1015814" spans="14:14">
      <c r="N1015814" s="10"/>
    </row>
    <row r="1015815" spans="14:14">
      <c r="N1015815" s="10"/>
    </row>
    <row r="1015816" spans="14:14">
      <c r="N1015816" s="10"/>
    </row>
    <row r="1015817" spans="14:14">
      <c r="N1015817" s="10"/>
    </row>
    <row r="1015818" spans="14:14">
      <c r="N1015818" s="10"/>
    </row>
    <row r="1015819" spans="14:14">
      <c r="N1015819" s="10"/>
    </row>
    <row r="1015820" spans="14:14">
      <c r="N1015820" s="10"/>
    </row>
    <row r="1015821" spans="14:14">
      <c r="N1015821" s="10"/>
    </row>
    <row r="1015822" spans="14:14">
      <c r="N1015822" s="10"/>
    </row>
    <row r="1015823" spans="14:14">
      <c r="N1015823" s="10"/>
    </row>
    <row r="1015824" spans="14:14">
      <c r="N1015824" s="10"/>
    </row>
    <row r="1015825" spans="14:14">
      <c r="N1015825" s="10"/>
    </row>
    <row r="1015826" spans="14:14">
      <c r="N1015826" s="10"/>
    </row>
    <row r="1015827" spans="14:14">
      <c r="N1015827" s="10"/>
    </row>
    <row r="1015828" spans="14:14">
      <c r="N1015828" s="10"/>
    </row>
    <row r="1015829" spans="14:14">
      <c r="N1015829" s="10"/>
    </row>
    <row r="1015830" spans="14:14">
      <c r="N1015830" s="10"/>
    </row>
    <row r="1015831" spans="14:14">
      <c r="N1015831" s="10"/>
    </row>
    <row r="1015832" spans="14:14">
      <c r="N1015832" s="10"/>
    </row>
    <row r="1015833" spans="14:14">
      <c r="N1015833" s="10"/>
    </row>
    <row r="1015834" spans="14:14">
      <c r="N1015834" s="10"/>
    </row>
    <row r="1015835" spans="14:14">
      <c r="N1015835" s="10"/>
    </row>
    <row r="1015836" spans="14:14">
      <c r="N1015836" s="10"/>
    </row>
    <row r="1015837" spans="14:14">
      <c r="N1015837" s="10"/>
    </row>
    <row r="1015838" spans="14:14">
      <c r="N1015838" s="10"/>
    </row>
    <row r="1015839" spans="14:14">
      <c r="N1015839" s="10"/>
    </row>
    <row r="1015840" spans="14:14">
      <c r="N1015840" s="10"/>
    </row>
    <row r="1015841" spans="14:14">
      <c r="N1015841" s="10"/>
    </row>
    <row r="1015842" spans="14:14">
      <c r="N1015842" s="10"/>
    </row>
    <row r="1015843" spans="14:14">
      <c r="N1015843" s="10"/>
    </row>
    <row r="1015844" spans="14:14">
      <c r="N1015844" s="10"/>
    </row>
    <row r="1015845" spans="14:14">
      <c r="N1015845" s="10"/>
    </row>
    <row r="1015846" spans="14:14">
      <c r="N1015846" s="10"/>
    </row>
    <row r="1015847" spans="14:14">
      <c r="N1015847" s="10"/>
    </row>
    <row r="1015848" spans="14:14">
      <c r="N1015848" s="10"/>
    </row>
    <row r="1015849" spans="14:14">
      <c r="N1015849" s="10"/>
    </row>
    <row r="1015850" spans="14:14">
      <c r="N1015850" s="10"/>
    </row>
    <row r="1015851" spans="14:14">
      <c r="N1015851" s="10"/>
    </row>
    <row r="1015852" spans="14:14">
      <c r="N1015852" s="10"/>
    </row>
    <row r="1015853" spans="14:14">
      <c r="N1015853" s="10"/>
    </row>
    <row r="1015854" spans="14:14">
      <c r="N1015854" s="10"/>
    </row>
    <row r="1015855" spans="14:14">
      <c r="N1015855" s="10"/>
    </row>
    <row r="1015856" spans="14:14">
      <c r="N1015856" s="10"/>
    </row>
    <row r="1015857" spans="14:14">
      <c r="N1015857" s="10"/>
    </row>
    <row r="1015858" spans="14:14">
      <c r="N1015858" s="10"/>
    </row>
    <row r="1015859" spans="14:14">
      <c r="N1015859" s="10"/>
    </row>
    <row r="1015860" spans="14:14">
      <c r="N1015860" s="10"/>
    </row>
    <row r="1015861" spans="14:14">
      <c r="N1015861" s="10"/>
    </row>
    <row r="1015862" spans="14:14">
      <c r="N1015862" s="10"/>
    </row>
    <row r="1015863" spans="14:14">
      <c r="N1015863" s="10"/>
    </row>
    <row r="1015864" spans="14:14">
      <c r="N1015864" s="10"/>
    </row>
    <row r="1015865" spans="14:14">
      <c r="N1015865" s="10"/>
    </row>
    <row r="1015866" spans="14:14">
      <c r="N1015866" s="10"/>
    </row>
    <row r="1015867" spans="14:14">
      <c r="N1015867" s="10"/>
    </row>
    <row r="1015868" spans="14:14">
      <c r="N1015868" s="10"/>
    </row>
    <row r="1015869" spans="14:14">
      <c r="N1015869" s="10"/>
    </row>
    <row r="1015870" spans="14:14">
      <c r="N1015870" s="10"/>
    </row>
    <row r="1015871" spans="14:14">
      <c r="N1015871" s="10"/>
    </row>
    <row r="1015872" spans="14:14">
      <c r="N1015872" s="10"/>
    </row>
    <row r="1015873" spans="14:14">
      <c r="N1015873" s="10"/>
    </row>
    <row r="1015874" spans="14:14">
      <c r="N1015874" s="10"/>
    </row>
    <row r="1015875" spans="14:14">
      <c r="N1015875" s="10"/>
    </row>
    <row r="1015876" spans="14:14">
      <c r="N1015876" s="10"/>
    </row>
    <row r="1015877" spans="14:14">
      <c r="N1015877" s="10"/>
    </row>
    <row r="1015878" spans="14:14">
      <c r="N1015878" s="10"/>
    </row>
    <row r="1015879" spans="14:14">
      <c r="N1015879" s="10"/>
    </row>
    <row r="1015880" spans="14:14">
      <c r="N1015880" s="10"/>
    </row>
    <row r="1015881" spans="14:14">
      <c r="N1015881" s="10"/>
    </row>
    <row r="1015882" spans="14:14">
      <c r="N1015882" s="10"/>
    </row>
    <row r="1015883" spans="14:14">
      <c r="N1015883" s="10"/>
    </row>
    <row r="1015884" spans="14:14">
      <c r="N1015884" s="10"/>
    </row>
    <row r="1015885" spans="14:14">
      <c r="N1015885" s="10"/>
    </row>
    <row r="1015886" spans="14:14">
      <c r="N1015886" s="10"/>
    </row>
    <row r="1015887" spans="14:14">
      <c r="N1015887" s="10"/>
    </row>
    <row r="1015888" spans="14:14">
      <c r="N1015888" s="10"/>
    </row>
    <row r="1015889" spans="14:14">
      <c r="N1015889" s="10"/>
    </row>
    <row r="1015890" spans="14:14">
      <c r="N1015890" s="10"/>
    </row>
    <row r="1015891" spans="14:14">
      <c r="N1015891" s="10"/>
    </row>
    <row r="1015892" spans="14:14">
      <c r="N1015892" s="10"/>
    </row>
    <row r="1015893" spans="14:14">
      <c r="N1015893" s="10"/>
    </row>
    <row r="1015894" spans="14:14">
      <c r="N1015894" s="10"/>
    </row>
    <row r="1015895" spans="14:14">
      <c r="N1015895" s="10"/>
    </row>
    <row r="1015896" spans="14:14">
      <c r="N1015896" s="10"/>
    </row>
    <row r="1015897" spans="14:14">
      <c r="N1015897" s="10"/>
    </row>
    <row r="1015898" spans="14:14">
      <c r="N1015898" s="10"/>
    </row>
    <row r="1015899" spans="14:14">
      <c r="N1015899" s="10"/>
    </row>
    <row r="1015900" spans="14:14">
      <c r="N1015900" s="10"/>
    </row>
    <row r="1015901" spans="14:14">
      <c r="N1015901" s="10"/>
    </row>
    <row r="1015902" spans="14:14">
      <c r="N1015902" s="10"/>
    </row>
    <row r="1015903" spans="14:14">
      <c r="N1015903" s="10"/>
    </row>
    <row r="1015904" spans="14:14">
      <c r="N1015904" s="10"/>
    </row>
    <row r="1015905" spans="14:14">
      <c r="N1015905" s="10"/>
    </row>
    <row r="1015906" spans="14:14">
      <c r="N1015906" s="10"/>
    </row>
    <row r="1015907" spans="14:14">
      <c r="N1015907" s="10"/>
    </row>
    <row r="1015908" spans="14:14">
      <c r="N1015908" s="10"/>
    </row>
    <row r="1015909" spans="14:14">
      <c r="N1015909" s="10"/>
    </row>
    <row r="1015910" spans="14:14">
      <c r="N1015910" s="10"/>
    </row>
    <row r="1015911" spans="14:14">
      <c r="N1015911" s="10"/>
    </row>
    <row r="1015912" spans="14:14">
      <c r="N1015912" s="10"/>
    </row>
    <row r="1015913" spans="14:14">
      <c r="N1015913" s="10"/>
    </row>
    <row r="1015914" spans="14:14">
      <c r="N1015914" s="10"/>
    </row>
    <row r="1015915" spans="14:14">
      <c r="N1015915" s="10"/>
    </row>
    <row r="1015916" spans="14:14">
      <c r="N1015916" s="10"/>
    </row>
    <row r="1015917" spans="14:14">
      <c r="N1015917" s="10"/>
    </row>
    <row r="1015918" spans="14:14">
      <c r="N1015918" s="10"/>
    </row>
    <row r="1015919" spans="14:14">
      <c r="N1015919" s="10"/>
    </row>
    <row r="1015920" spans="14:14">
      <c r="N1015920" s="10"/>
    </row>
    <row r="1015921" spans="14:14">
      <c r="N1015921" s="10"/>
    </row>
    <row r="1015922" spans="14:14">
      <c r="N1015922" s="10"/>
    </row>
    <row r="1015923" spans="14:14">
      <c r="N1015923" s="10"/>
    </row>
    <row r="1015924" spans="14:14">
      <c r="N1015924" s="10"/>
    </row>
    <row r="1015925" spans="14:14">
      <c r="N1015925" s="10"/>
    </row>
    <row r="1015926" spans="14:14">
      <c r="N1015926" s="10"/>
    </row>
    <row r="1015927" spans="14:14">
      <c r="N1015927" s="10"/>
    </row>
    <row r="1015928" spans="14:14">
      <c r="N1015928" s="10"/>
    </row>
    <row r="1015929" spans="14:14">
      <c r="N1015929" s="10"/>
    </row>
    <row r="1015930" spans="14:14">
      <c r="N1015930" s="10"/>
    </row>
    <row r="1015931" spans="14:14">
      <c r="N1015931" s="10"/>
    </row>
    <row r="1015932" spans="14:14">
      <c r="N1015932" s="10"/>
    </row>
    <row r="1015933" spans="14:14">
      <c r="N1015933" s="10"/>
    </row>
    <row r="1015934" spans="14:14">
      <c r="N1015934" s="10"/>
    </row>
    <row r="1015935" spans="14:14">
      <c r="N1015935" s="10"/>
    </row>
    <row r="1015936" spans="14:14">
      <c r="N1015936" s="10"/>
    </row>
    <row r="1015937" spans="14:14">
      <c r="N1015937" s="10"/>
    </row>
    <row r="1015938" spans="14:14">
      <c r="N1015938" s="10"/>
    </row>
    <row r="1015939" spans="14:14">
      <c r="N1015939" s="10"/>
    </row>
    <row r="1015940" spans="14:14">
      <c r="N1015940" s="10"/>
    </row>
    <row r="1015941" spans="14:14">
      <c r="N1015941" s="10"/>
    </row>
    <row r="1015942" spans="14:14">
      <c r="N1015942" s="10"/>
    </row>
    <row r="1015943" spans="14:14">
      <c r="N1015943" s="10"/>
    </row>
    <row r="1015944" spans="14:14">
      <c r="N1015944" s="10"/>
    </row>
    <row r="1015945" spans="14:14">
      <c r="N1015945" s="10"/>
    </row>
    <row r="1015946" spans="14:14">
      <c r="N1015946" s="10"/>
    </row>
    <row r="1015947" spans="14:14">
      <c r="N1015947" s="10"/>
    </row>
    <row r="1015948" spans="14:14">
      <c r="N1015948" s="10"/>
    </row>
    <row r="1015949" spans="14:14">
      <c r="N1015949" s="10"/>
    </row>
    <row r="1015950" spans="14:14">
      <c r="N1015950" s="10"/>
    </row>
    <row r="1015951" spans="14:14">
      <c r="N1015951" s="10"/>
    </row>
    <row r="1015952" spans="14:14">
      <c r="N1015952" s="10"/>
    </row>
    <row r="1015953" spans="14:14">
      <c r="N1015953" s="10"/>
    </row>
    <row r="1015954" spans="14:14">
      <c r="N1015954" s="10"/>
    </row>
    <row r="1015955" spans="14:14">
      <c r="N1015955" s="10"/>
    </row>
    <row r="1015956" spans="14:14">
      <c r="N1015956" s="10"/>
    </row>
    <row r="1015957" spans="14:14">
      <c r="N1015957" s="10"/>
    </row>
    <row r="1015958" spans="14:14">
      <c r="N1015958" s="10"/>
    </row>
    <row r="1015959" spans="14:14">
      <c r="N1015959" s="10"/>
    </row>
    <row r="1015960" spans="14:14">
      <c r="N1015960" s="10"/>
    </row>
    <row r="1015961" spans="14:14">
      <c r="N1015961" s="10"/>
    </row>
    <row r="1015962" spans="14:14">
      <c r="N1015962" s="10"/>
    </row>
    <row r="1015963" spans="14:14">
      <c r="N1015963" s="10"/>
    </row>
    <row r="1015964" spans="14:14">
      <c r="N1015964" s="10"/>
    </row>
    <row r="1015965" spans="14:14">
      <c r="N1015965" s="10"/>
    </row>
    <row r="1015966" spans="14:14">
      <c r="N1015966" s="10"/>
    </row>
    <row r="1015967" spans="14:14">
      <c r="N1015967" s="10"/>
    </row>
    <row r="1015968" spans="14:14">
      <c r="N1015968" s="10"/>
    </row>
    <row r="1015969" spans="14:14">
      <c r="N1015969" s="10"/>
    </row>
    <row r="1015970" spans="14:14">
      <c r="N1015970" s="10"/>
    </row>
    <row r="1015971" spans="14:14">
      <c r="N1015971" s="10"/>
    </row>
    <row r="1015972" spans="14:14">
      <c r="N1015972" s="10"/>
    </row>
    <row r="1015973" spans="14:14">
      <c r="N1015973" s="10"/>
    </row>
    <row r="1015974" spans="14:14">
      <c r="N1015974" s="10"/>
    </row>
    <row r="1015975" spans="14:14">
      <c r="N1015975" s="10"/>
    </row>
    <row r="1015976" spans="14:14">
      <c r="N1015976" s="10"/>
    </row>
    <row r="1015977" spans="14:14">
      <c r="N1015977" s="10"/>
    </row>
    <row r="1015978" spans="14:14">
      <c r="N1015978" s="10"/>
    </row>
    <row r="1015979" spans="14:14">
      <c r="N1015979" s="10"/>
    </row>
    <row r="1015980" spans="14:14">
      <c r="N1015980" s="10"/>
    </row>
    <row r="1015981" spans="14:14">
      <c r="N1015981" s="10"/>
    </row>
    <row r="1015982" spans="14:14">
      <c r="N1015982" s="10"/>
    </row>
    <row r="1015983" spans="14:14">
      <c r="N1015983" s="10"/>
    </row>
    <row r="1015984" spans="14:14">
      <c r="N1015984" s="10"/>
    </row>
    <row r="1015985" spans="14:14">
      <c r="N1015985" s="10"/>
    </row>
    <row r="1015986" spans="14:14">
      <c r="N1015986" s="10"/>
    </row>
    <row r="1015987" spans="14:14">
      <c r="N1015987" s="10"/>
    </row>
    <row r="1015988" spans="14:14">
      <c r="N1015988" s="10"/>
    </row>
    <row r="1015989" spans="14:14">
      <c r="N1015989" s="10"/>
    </row>
    <row r="1015990" spans="14:14">
      <c r="N1015990" s="10"/>
    </row>
    <row r="1015991" spans="14:14">
      <c r="N1015991" s="10"/>
    </row>
    <row r="1015992" spans="14:14">
      <c r="N1015992" s="10"/>
    </row>
    <row r="1015993" spans="14:14">
      <c r="N1015993" s="10"/>
    </row>
    <row r="1015994" spans="14:14">
      <c r="N1015994" s="10"/>
    </row>
    <row r="1015995" spans="14:14">
      <c r="N1015995" s="10"/>
    </row>
    <row r="1015996" spans="14:14">
      <c r="N1015996" s="10"/>
    </row>
    <row r="1015997" spans="14:14">
      <c r="N1015997" s="10"/>
    </row>
    <row r="1015998" spans="14:14">
      <c r="N1015998" s="10"/>
    </row>
    <row r="1015999" spans="14:14">
      <c r="N1015999" s="10"/>
    </row>
    <row r="1016000" spans="14:14">
      <c r="N1016000" s="10"/>
    </row>
    <row r="1016001" spans="14:14">
      <c r="N1016001" s="10"/>
    </row>
    <row r="1016002" spans="14:14">
      <c r="N1016002" s="10"/>
    </row>
    <row r="1016003" spans="14:14">
      <c r="N1016003" s="10"/>
    </row>
    <row r="1016004" spans="14:14">
      <c r="N1016004" s="10"/>
    </row>
    <row r="1016005" spans="14:14">
      <c r="N1016005" s="10"/>
    </row>
    <row r="1016006" spans="14:14">
      <c r="N1016006" s="10"/>
    </row>
    <row r="1016007" spans="14:14">
      <c r="N1016007" s="10"/>
    </row>
    <row r="1016008" spans="14:14">
      <c r="N1016008" s="10"/>
    </row>
    <row r="1016009" spans="14:14">
      <c r="N1016009" s="10"/>
    </row>
    <row r="1016010" spans="14:14">
      <c r="N1016010" s="10"/>
    </row>
    <row r="1016011" spans="14:14">
      <c r="N1016011" s="10"/>
    </row>
    <row r="1016012" spans="14:14">
      <c r="N1016012" s="10"/>
    </row>
    <row r="1016013" spans="14:14">
      <c r="N1016013" s="10"/>
    </row>
    <row r="1016014" spans="14:14">
      <c r="N1016014" s="10"/>
    </row>
    <row r="1016015" spans="14:14">
      <c r="N1016015" s="10"/>
    </row>
    <row r="1016016" spans="14:14">
      <c r="N1016016" s="10"/>
    </row>
    <row r="1016017" spans="14:14">
      <c r="N1016017" s="10"/>
    </row>
    <row r="1016018" spans="14:14">
      <c r="N1016018" s="10"/>
    </row>
    <row r="1016019" spans="14:14">
      <c r="N1016019" s="10"/>
    </row>
    <row r="1016020" spans="14:14">
      <c r="N1016020" s="10"/>
    </row>
    <row r="1016021" spans="14:14">
      <c r="N1016021" s="10"/>
    </row>
    <row r="1016022" spans="14:14">
      <c r="N1016022" s="10"/>
    </row>
    <row r="1016023" spans="14:14">
      <c r="N1016023" s="10"/>
    </row>
    <row r="1016024" spans="14:14">
      <c r="N1016024" s="10"/>
    </row>
    <row r="1016025" spans="14:14">
      <c r="N1016025" s="10"/>
    </row>
    <row r="1016026" spans="14:14">
      <c r="N1016026" s="10"/>
    </row>
    <row r="1016027" spans="14:14">
      <c r="N1016027" s="10"/>
    </row>
    <row r="1016028" spans="14:14">
      <c r="N1016028" s="10"/>
    </row>
    <row r="1016029" spans="14:14">
      <c r="N1016029" s="10"/>
    </row>
    <row r="1016030" spans="14:14">
      <c r="N1016030" s="10"/>
    </row>
    <row r="1016031" spans="14:14">
      <c r="N1016031" s="10"/>
    </row>
    <row r="1016032" spans="14:14">
      <c r="N1016032" s="10"/>
    </row>
    <row r="1016033" spans="14:14">
      <c r="N1016033" s="10"/>
    </row>
    <row r="1016034" spans="14:14">
      <c r="N1016034" s="10"/>
    </row>
    <row r="1016035" spans="14:14">
      <c r="N1016035" s="10"/>
    </row>
    <row r="1016036" spans="14:14">
      <c r="N1016036" s="10"/>
    </row>
    <row r="1016037" spans="14:14">
      <c r="N1016037" s="10"/>
    </row>
    <row r="1016038" spans="14:14">
      <c r="N1016038" s="10"/>
    </row>
    <row r="1016039" spans="14:14">
      <c r="N1016039" s="10"/>
    </row>
    <row r="1016040" spans="14:14">
      <c r="N1016040" s="10"/>
    </row>
    <row r="1016041" spans="14:14">
      <c r="N1016041" s="10"/>
    </row>
    <row r="1016042" spans="14:14">
      <c r="N1016042" s="10"/>
    </row>
    <row r="1016043" spans="14:14">
      <c r="N1016043" s="10"/>
    </row>
    <row r="1016044" spans="14:14">
      <c r="N1016044" s="10"/>
    </row>
    <row r="1016045" spans="14:14">
      <c r="N1016045" s="10"/>
    </row>
    <row r="1016046" spans="14:14">
      <c r="N1016046" s="10"/>
    </row>
    <row r="1016047" spans="14:14">
      <c r="N1016047" s="10"/>
    </row>
    <row r="1016048" spans="14:14">
      <c r="N1016048" s="10"/>
    </row>
    <row r="1016049" spans="14:14">
      <c r="N1016049" s="10"/>
    </row>
    <row r="1016050" spans="14:14">
      <c r="N1016050" s="10"/>
    </row>
    <row r="1016051" spans="14:14">
      <c r="N1016051" s="10"/>
    </row>
    <row r="1016052" spans="14:14">
      <c r="N1016052" s="10"/>
    </row>
    <row r="1016053" spans="14:14">
      <c r="N1016053" s="10"/>
    </row>
    <row r="1016054" spans="14:14">
      <c r="N1016054" s="10"/>
    </row>
    <row r="1016055" spans="14:14">
      <c r="N1016055" s="10"/>
    </row>
    <row r="1016056" spans="14:14">
      <c r="N1016056" s="10"/>
    </row>
    <row r="1016057" spans="14:14">
      <c r="N1016057" s="10"/>
    </row>
    <row r="1016058" spans="14:14">
      <c r="N1016058" s="10"/>
    </row>
    <row r="1016059" spans="14:14">
      <c r="N1016059" s="10"/>
    </row>
    <row r="1016060" spans="14:14">
      <c r="N1016060" s="10"/>
    </row>
    <row r="1016061" spans="14:14">
      <c r="N1016061" s="10"/>
    </row>
    <row r="1016062" spans="14:14">
      <c r="N1016062" s="10"/>
    </row>
    <row r="1016063" spans="14:14">
      <c r="N1016063" s="10"/>
    </row>
    <row r="1016064" spans="14:14">
      <c r="N1016064" s="10"/>
    </row>
    <row r="1016065" spans="14:14">
      <c r="N1016065" s="10"/>
    </row>
    <row r="1016066" spans="14:14">
      <c r="N1016066" s="10"/>
    </row>
    <row r="1016067" spans="14:14">
      <c r="N1016067" s="10"/>
    </row>
    <row r="1016068" spans="14:14">
      <c r="N1016068" s="10"/>
    </row>
    <row r="1016069" spans="14:14">
      <c r="N1016069" s="10"/>
    </row>
    <row r="1016070" spans="14:14">
      <c r="N1016070" s="10"/>
    </row>
    <row r="1016071" spans="14:14">
      <c r="N1016071" s="10"/>
    </row>
    <row r="1016072" spans="14:14">
      <c r="N1016072" s="10"/>
    </row>
    <row r="1016073" spans="14:14">
      <c r="N1016073" s="10"/>
    </row>
    <row r="1016074" spans="14:14">
      <c r="N1016074" s="10"/>
    </row>
    <row r="1016075" spans="14:14">
      <c r="N1016075" s="10"/>
    </row>
    <row r="1016076" spans="14:14">
      <c r="N1016076" s="10"/>
    </row>
    <row r="1016077" spans="14:14">
      <c r="N1016077" s="10"/>
    </row>
    <row r="1016078" spans="14:14">
      <c r="N1016078" s="10"/>
    </row>
    <row r="1016079" spans="14:14">
      <c r="N1016079" s="10"/>
    </row>
    <row r="1016080" spans="14:14">
      <c r="N1016080" s="10"/>
    </row>
    <row r="1016081" spans="14:14">
      <c r="N1016081" s="10"/>
    </row>
    <row r="1016082" spans="14:14">
      <c r="N1016082" s="10"/>
    </row>
    <row r="1016083" spans="14:14">
      <c r="N1016083" s="10"/>
    </row>
    <row r="1016084" spans="14:14">
      <c r="N1016084" s="10"/>
    </row>
    <row r="1016085" spans="14:14">
      <c r="N1016085" s="10"/>
    </row>
    <row r="1016086" spans="14:14">
      <c r="N1016086" s="10"/>
    </row>
    <row r="1016087" spans="14:14">
      <c r="N1016087" s="10"/>
    </row>
    <row r="1016088" spans="14:14">
      <c r="N1016088" s="10"/>
    </row>
    <row r="1016089" spans="14:14">
      <c r="N1016089" s="10"/>
    </row>
    <row r="1016090" spans="14:14">
      <c r="N1016090" s="10"/>
    </row>
    <row r="1016091" spans="14:14">
      <c r="N1016091" s="10"/>
    </row>
    <row r="1016092" spans="14:14">
      <c r="N1016092" s="10"/>
    </row>
    <row r="1016093" spans="14:14">
      <c r="N1016093" s="10"/>
    </row>
    <row r="1016094" spans="14:14">
      <c r="N1016094" s="10"/>
    </row>
    <row r="1016095" spans="14:14">
      <c r="N1016095" s="10"/>
    </row>
    <row r="1016096" spans="14:14">
      <c r="N1016096" s="10"/>
    </row>
    <row r="1016097" spans="14:14">
      <c r="N1016097" s="10"/>
    </row>
    <row r="1016098" spans="14:14">
      <c r="N1016098" s="10"/>
    </row>
    <row r="1016099" spans="14:14">
      <c r="N1016099" s="10"/>
    </row>
    <row r="1016100" spans="14:14">
      <c r="N1016100" s="10"/>
    </row>
    <row r="1016101" spans="14:14">
      <c r="N1016101" s="10"/>
    </row>
    <row r="1016102" spans="14:14">
      <c r="N1016102" s="10"/>
    </row>
    <row r="1016103" spans="14:14">
      <c r="N1016103" s="10"/>
    </row>
    <row r="1016104" spans="14:14">
      <c r="N1016104" s="10"/>
    </row>
    <row r="1016105" spans="14:14">
      <c r="N1016105" s="10"/>
    </row>
    <row r="1016106" spans="14:14">
      <c r="N1016106" s="10"/>
    </row>
    <row r="1016107" spans="14:14">
      <c r="N1016107" s="10"/>
    </row>
    <row r="1016108" spans="14:14">
      <c r="N1016108" s="10"/>
    </row>
    <row r="1016109" spans="14:14">
      <c r="N1016109" s="10"/>
    </row>
    <row r="1016110" spans="14:14">
      <c r="N1016110" s="10"/>
    </row>
    <row r="1016111" spans="14:14">
      <c r="N1016111" s="10"/>
    </row>
    <row r="1016112" spans="14:14">
      <c r="N1016112" s="10"/>
    </row>
    <row r="1016113" spans="14:14">
      <c r="N1016113" s="10"/>
    </row>
    <row r="1016114" spans="14:14">
      <c r="N1016114" s="10"/>
    </row>
    <row r="1016115" spans="14:14">
      <c r="N1016115" s="10"/>
    </row>
    <row r="1016116" spans="14:14">
      <c r="N1016116" s="10"/>
    </row>
    <row r="1016117" spans="14:14">
      <c r="N1016117" s="10"/>
    </row>
    <row r="1016118" spans="14:14">
      <c r="N1016118" s="10"/>
    </row>
    <row r="1016119" spans="14:14">
      <c r="N1016119" s="10"/>
    </row>
    <row r="1016120" spans="14:14">
      <c r="N1016120" s="10"/>
    </row>
    <row r="1016121" spans="14:14">
      <c r="N1016121" s="10"/>
    </row>
    <row r="1016122" spans="14:14">
      <c r="N1016122" s="10"/>
    </row>
    <row r="1016123" spans="14:14">
      <c r="N1016123" s="10"/>
    </row>
    <row r="1016124" spans="14:14">
      <c r="N1016124" s="10"/>
    </row>
    <row r="1016125" spans="14:14">
      <c r="N1016125" s="10"/>
    </row>
    <row r="1016126" spans="14:14">
      <c r="N1016126" s="10"/>
    </row>
    <row r="1016127" spans="14:14">
      <c r="N1016127" s="10"/>
    </row>
    <row r="1016128" spans="14:14">
      <c r="N1016128" s="10"/>
    </row>
    <row r="1016129" spans="14:14">
      <c r="N1016129" s="10"/>
    </row>
    <row r="1016130" spans="14:14">
      <c r="N1016130" s="10"/>
    </row>
    <row r="1016131" spans="14:14">
      <c r="N1016131" s="10"/>
    </row>
    <row r="1016132" spans="14:14">
      <c r="N1016132" s="10"/>
    </row>
    <row r="1016133" spans="14:14">
      <c r="N1016133" s="10"/>
    </row>
    <row r="1016134" spans="14:14">
      <c r="N1016134" s="10"/>
    </row>
    <row r="1016135" spans="14:14">
      <c r="N1016135" s="10"/>
    </row>
    <row r="1016136" spans="14:14">
      <c r="N1016136" s="10"/>
    </row>
    <row r="1016137" spans="14:14">
      <c r="N1016137" s="10"/>
    </row>
    <row r="1016138" spans="14:14">
      <c r="N1016138" s="10"/>
    </row>
    <row r="1016139" spans="14:14">
      <c r="N1016139" s="10"/>
    </row>
    <row r="1016140" spans="14:14">
      <c r="N1016140" s="10"/>
    </row>
    <row r="1016141" spans="14:14">
      <c r="N1016141" s="10"/>
    </row>
    <row r="1016142" spans="14:14">
      <c r="N1016142" s="10"/>
    </row>
    <row r="1016143" spans="14:14">
      <c r="N1016143" s="10"/>
    </row>
    <row r="1016144" spans="14:14">
      <c r="N1016144" s="10"/>
    </row>
    <row r="1016145" spans="14:14">
      <c r="N1016145" s="10"/>
    </row>
    <row r="1016146" spans="14:14">
      <c r="N1016146" s="10"/>
    </row>
    <row r="1016147" spans="14:14">
      <c r="N1016147" s="10"/>
    </row>
    <row r="1016148" spans="14:14">
      <c r="N1016148" s="10"/>
    </row>
    <row r="1016149" spans="14:14">
      <c r="N1016149" s="10"/>
    </row>
    <row r="1016150" spans="14:14">
      <c r="N1016150" s="10"/>
    </row>
    <row r="1016151" spans="14:14">
      <c r="N1016151" s="10"/>
    </row>
    <row r="1016152" spans="14:14">
      <c r="N1016152" s="10"/>
    </row>
    <row r="1016153" spans="14:14">
      <c r="N1016153" s="10"/>
    </row>
    <row r="1016154" spans="14:14">
      <c r="N1016154" s="10"/>
    </row>
    <row r="1016155" spans="14:14">
      <c r="N1016155" s="10"/>
    </row>
    <row r="1016156" spans="14:14">
      <c r="N1016156" s="10"/>
    </row>
    <row r="1016157" spans="14:14">
      <c r="N1016157" s="10"/>
    </row>
    <row r="1016158" spans="14:14">
      <c r="N1016158" s="10"/>
    </row>
    <row r="1016159" spans="14:14">
      <c r="N1016159" s="10"/>
    </row>
    <row r="1016160" spans="14:14">
      <c r="N1016160" s="10"/>
    </row>
    <row r="1016161" spans="14:14">
      <c r="N1016161" s="10"/>
    </row>
    <row r="1016162" spans="14:14">
      <c r="N1016162" s="10"/>
    </row>
    <row r="1016163" spans="14:14">
      <c r="N1016163" s="10"/>
    </row>
    <row r="1016164" spans="14:14">
      <c r="N1016164" s="10"/>
    </row>
    <row r="1016165" spans="14:14">
      <c r="N1016165" s="10"/>
    </row>
    <row r="1016166" spans="14:14">
      <c r="N1016166" s="10"/>
    </row>
    <row r="1016167" spans="14:14">
      <c r="N1016167" s="10"/>
    </row>
    <row r="1016168" spans="14:14">
      <c r="N1016168" s="10"/>
    </row>
    <row r="1016169" spans="14:14">
      <c r="N1016169" s="10"/>
    </row>
    <row r="1016170" spans="14:14">
      <c r="N1016170" s="10"/>
    </row>
    <row r="1016171" spans="14:14">
      <c r="N1016171" s="10"/>
    </row>
    <row r="1016172" spans="14:14">
      <c r="N1016172" s="10"/>
    </row>
    <row r="1016173" spans="14:14">
      <c r="N1016173" s="10"/>
    </row>
    <row r="1016174" spans="14:14">
      <c r="N1016174" s="10"/>
    </row>
    <row r="1016175" spans="14:14">
      <c r="N1016175" s="10"/>
    </row>
    <row r="1016176" spans="14:14">
      <c r="N1016176" s="10"/>
    </row>
    <row r="1016177" spans="14:14">
      <c r="N1016177" s="10"/>
    </row>
    <row r="1016178" spans="14:14">
      <c r="N1016178" s="10"/>
    </row>
    <row r="1016179" spans="14:14">
      <c r="N1016179" s="10"/>
    </row>
    <row r="1016180" spans="14:14">
      <c r="N1016180" s="10"/>
    </row>
    <row r="1016181" spans="14:14">
      <c r="N1016181" s="10"/>
    </row>
    <row r="1016182" spans="14:14">
      <c r="N1016182" s="10"/>
    </row>
    <row r="1016183" spans="14:14">
      <c r="N1016183" s="10"/>
    </row>
    <row r="1016184" spans="14:14">
      <c r="N1016184" s="10"/>
    </row>
    <row r="1016185" spans="14:14">
      <c r="N1016185" s="10"/>
    </row>
    <row r="1016186" spans="14:14">
      <c r="N1016186" s="10"/>
    </row>
    <row r="1016187" spans="14:14">
      <c r="N1016187" s="10"/>
    </row>
    <row r="1016188" spans="14:14">
      <c r="N1016188" s="10"/>
    </row>
    <row r="1016189" spans="14:14">
      <c r="N1016189" s="10"/>
    </row>
    <row r="1016190" spans="14:14">
      <c r="N1016190" s="10"/>
    </row>
    <row r="1016191" spans="14:14">
      <c r="N1016191" s="10"/>
    </row>
    <row r="1016192" spans="14:14">
      <c r="N1016192" s="10"/>
    </row>
    <row r="1016193" spans="14:14">
      <c r="N1016193" s="10"/>
    </row>
    <row r="1016194" spans="14:14">
      <c r="N1016194" s="10"/>
    </row>
    <row r="1016195" spans="14:14">
      <c r="N1016195" s="10"/>
    </row>
    <row r="1016196" spans="14:14">
      <c r="N1016196" s="10"/>
    </row>
    <row r="1016197" spans="14:14">
      <c r="N1016197" s="10"/>
    </row>
    <row r="1016198" spans="14:14">
      <c r="N1016198" s="10"/>
    </row>
    <row r="1016199" spans="14:14">
      <c r="N1016199" s="10"/>
    </row>
    <row r="1016200" spans="14:14">
      <c r="N1016200" s="10"/>
    </row>
    <row r="1016201" spans="14:14">
      <c r="N1016201" s="10"/>
    </row>
    <row r="1016202" spans="14:14">
      <c r="N1016202" s="10"/>
    </row>
    <row r="1016203" spans="14:14">
      <c r="N1016203" s="10"/>
    </row>
    <row r="1016204" spans="14:14">
      <c r="N1016204" s="10"/>
    </row>
    <row r="1016205" spans="14:14">
      <c r="N1016205" s="10"/>
    </row>
    <row r="1016206" spans="14:14">
      <c r="N1016206" s="10"/>
    </row>
    <row r="1016207" spans="14:14">
      <c r="N1016207" s="10"/>
    </row>
    <row r="1016208" spans="14:14">
      <c r="N1016208" s="10"/>
    </row>
    <row r="1016209" spans="14:14">
      <c r="N1016209" s="10"/>
    </row>
    <row r="1016210" spans="14:14">
      <c r="N1016210" s="10"/>
    </row>
    <row r="1016211" spans="14:14">
      <c r="N1016211" s="10"/>
    </row>
    <row r="1016212" spans="14:14">
      <c r="N1016212" s="10"/>
    </row>
    <row r="1016213" spans="14:14">
      <c r="N1016213" s="10"/>
    </row>
    <row r="1016214" spans="14:14">
      <c r="N1016214" s="10"/>
    </row>
    <row r="1016215" spans="14:14">
      <c r="N1016215" s="10"/>
    </row>
    <row r="1016216" spans="14:14">
      <c r="N1016216" s="10"/>
    </row>
    <row r="1016217" spans="14:14">
      <c r="N1016217" s="10"/>
    </row>
    <row r="1016218" spans="14:14">
      <c r="N1016218" s="10"/>
    </row>
    <row r="1016219" spans="14:14">
      <c r="N1016219" s="10"/>
    </row>
    <row r="1016220" spans="14:14">
      <c r="N1016220" s="10"/>
    </row>
    <row r="1016221" spans="14:14">
      <c r="N1016221" s="10"/>
    </row>
    <row r="1016222" spans="14:14">
      <c r="N1016222" s="10"/>
    </row>
    <row r="1016223" spans="14:14">
      <c r="N1016223" s="10"/>
    </row>
    <row r="1016224" spans="14:14">
      <c r="N1016224" s="10"/>
    </row>
    <row r="1016225" spans="14:14">
      <c r="N1016225" s="10"/>
    </row>
    <row r="1016226" spans="14:14">
      <c r="N1016226" s="10"/>
    </row>
    <row r="1016227" spans="14:14">
      <c r="N1016227" s="10"/>
    </row>
    <row r="1016228" spans="14:14">
      <c r="N1016228" s="10"/>
    </row>
    <row r="1016229" spans="14:14">
      <c r="N1016229" s="10"/>
    </row>
    <row r="1016230" spans="14:14">
      <c r="N1016230" s="10"/>
    </row>
    <row r="1016231" spans="14:14">
      <c r="N1016231" s="10"/>
    </row>
    <row r="1016232" spans="14:14">
      <c r="N1016232" s="10"/>
    </row>
    <row r="1016233" spans="14:14">
      <c r="N1016233" s="10"/>
    </row>
    <row r="1016234" spans="14:14">
      <c r="N1016234" s="10"/>
    </row>
    <row r="1016235" spans="14:14">
      <c r="N1016235" s="10"/>
    </row>
    <row r="1016236" spans="14:14">
      <c r="N1016236" s="10"/>
    </row>
    <row r="1016237" spans="14:14">
      <c r="N1016237" s="10"/>
    </row>
    <row r="1016238" spans="14:14">
      <c r="N1016238" s="10"/>
    </row>
    <row r="1016239" spans="14:14">
      <c r="N1016239" s="10"/>
    </row>
    <row r="1016240" spans="14:14">
      <c r="N1016240" s="10"/>
    </row>
    <row r="1016241" spans="14:14">
      <c r="N1016241" s="10"/>
    </row>
    <row r="1016242" spans="14:14">
      <c r="N1016242" s="10"/>
    </row>
    <row r="1016243" spans="14:14">
      <c r="N1016243" s="10"/>
    </row>
    <row r="1016244" spans="14:14">
      <c r="N1016244" s="10"/>
    </row>
    <row r="1016245" spans="14:14">
      <c r="N1016245" s="10"/>
    </row>
    <row r="1016246" spans="14:14">
      <c r="N1016246" s="10"/>
    </row>
    <row r="1016247" spans="14:14">
      <c r="N1016247" s="10"/>
    </row>
    <row r="1016248" spans="14:14">
      <c r="N1016248" s="10"/>
    </row>
    <row r="1016249" spans="14:14">
      <c r="N1016249" s="10"/>
    </row>
    <row r="1016250" spans="14:14">
      <c r="N1016250" s="10"/>
    </row>
    <row r="1016251" spans="14:14">
      <c r="N1016251" s="10"/>
    </row>
    <row r="1016252" spans="14:14">
      <c r="N1016252" s="10"/>
    </row>
    <row r="1016253" spans="14:14">
      <c r="N1016253" s="10"/>
    </row>
    <row r="1016254" spans="14:14">
      <c r="N1016254" s="10"/>
    </row>
    <row r="1016255" spans="14:14">
      <c r="N1016255" s="10"/>
    </row>
    <row r="1016256" spans="14:14">
      <c r="N1016256" s="10"/>
    </row>
    <row r="1016257" spans="14:14">
      <c r="N1016257" s="10"/>
    </row>
    <row r="1016258" spans="14:14">
      <c r="N1016258" s="10"/>
    </row>
    <row r="1016259" spans="14:14">
      <c r="N1016259" s="10"/>
    </row>
    <row r="1016260" spans="14:14">
      <c r="N1016260" s="10"/>
    </row>
    <row r="1016261" spans="14:14">
      <c r="N1016261" s="10"/>
    </row>
    <row r="1016262" spans="14:14">
      <c r="N1016262" s="10"/>
    </row>
    <row r="1016263" spans="14:14">
      <c r="N1016263" s="10"/>
    </row>
    <row r="1016264" spans="14:14">
      <c r="N1016264" s="10"/>
    </row>
    <row r="1016265" spans="14:14">
      <c r="N1016265" s="10"/>
    </row>
    <row r="1016266" spans="14:14">
      <c r="N1016266" s="10"/>
    </row>
    <row r="1016267" spans="14:14">
      <c r="N1016267" s="10"/>
    </row>
    <row r="1016268" spans="14:14">
      <c r="N1016268" s="10"/>
    </row>
    <row r="1016269" spans="14:14">
      <c r="N1016269" s="10"/>
    </row>
    <row r="1016270" spans="14:14">
      <c r="N1016270" s="10"/>
    </row>
    <row r="1016271" spans="14:14">
      <c r="N1016271" s="10"/>
    </row>
    <row r="1016272" spans="14:14">
      <c r="N1016272" s="10"/>
    </row>
    <row r="1016273" spans="14:14">
      <c r="N1016273" s="10"/>
    </row>
    <row r="1016274" spans="14:14">
      <c r="N1016274" s="10"/>
    </row>
    <row r="1016275" spans="14:14">
      <c r="N1016275" s="10"/>
    </row>
    <row r="1016276" spans="14:14">
      <c r="N1016276" s="10"/>
    </row>
    <row r="1016277" spans="14:14">
      <c r="N1016277" s="10"/>
    </row>
    <row r="1016278" spans="14:14">
      <c r="N1016278" s="10"/>
    </row>
    <row r="1016279" spans="14:14">
      <c r="N1016279" s="10"/>
    </row>
    <row r="1016280" spans="14:14">
      <c r="N1016280" s="10"/>
    </row>
    <row r="1016281" spans="14:14">
      <c r="N1016281" s="10"/>
    </row>
    <row r="1016282" spans="14:14">
      <c r="N1016282" s="10"/>
    </row>
    <row r="1016283" spans="14:14">
      <c r="N1016283" s="10"/>
    </row>
    <row r="1016284" spans="14:14">
      <c r="N1016284" s="10"/>
    </row>
    <row r="1016285" spans="14:14">
      <c r="N1016285" s="10"/>
    </row>
    <row r="1016286" spans="14:14">
      <c r="N1016286" s="10"/>
    </row>
    <row r="1016287" spans="14:14">
      <c r="N1016287" s="10"/>
    </row>
    <row r="1016288" spans="14:14">
      <c r="N1016288" s="10"/>
    </row>
    <row r="1016289" spans="14:14">
      <c r="N1016289" s="10"/>
    </row>
    <row r="1016290" spans="14:14">
      <c r="N1016290" s="10"/>
    </row>
    <row r="1016291" spans="14:14">
      <c r="N1016291" s="10"/>
    </row>
    <row r="1016292" spans="14:14">
      <c r="N1016292" s="10"/>
    </row>
    <row r="1016293" spans="14:14">
      <c r="N1016293" s="10"/>
    </row>
    <row r="1016294" spans="14:14">
      <c r="N1016294" s="10"/>
    </row>
    <row r="1016295" spans="14:14">
      <c r="N1016295" s="10"/>
    </row>
    <row r="1016296" spans="14:14">
      <c r="N1016296" s="10"/>
    </row>
    <row r="1016297" spans="14:14">
      <c r="N1016297" s="10"/>
    </row>
    <row r="1016298" spans="14:14">
      <c r="N1016298" s="10"/>
    </row>
    <row r="1016299" spans="14:14">
      <c r="N1016299" s="10"/>
    </row>
    <row r="1016300" spans="14:14">
      <c r="N1016300" s="10"/>
    </row>
    <row r="1016301" spans="14:14">
      <c r="N1016301" s="10"/>
    </row>
    <row r="1016302" spans="14:14">
      <c r="N1016302" s="10"/>
    </row>
    <row r="1016303" spans="14:14">
      <c r="N1016303" s="10"/>
    </row>
    <row r="1016304" spans="14:14">
      <c r="N1016304" s="10"/>
    </row>
    <row r="1016305" spans="14:14">
      <c r="N1016305" s="10"/>
    </row>
    <row r="1016306" spans="14:14">
      <c r="N1016306" s="10"/>
    </row>
    <row r="1016307" spans="14:14">
      <c r="N1016307" s="10"/>
    </row>
    <row r="1016308" spans="14:14">
      <c r="N1016308" s="10"/>
    </row>
    <row r="1016309" spans="14:14">
      <c r="N1016309" s="10"/>
    </row>
    <row r="1016310" spans="14:14">
      <c r="N1016310" s="10"/>
    </row>
    <row r="1016311" spans="14:14">
      <c r="N1016311" s="10"/>
    </row>
    <row r="1016312" spans="14:14">
      <c r="N1016312" s="10"/>
    </row>
    <row r="1016313" spans="14:14">
      <c r="N1016313" s="10"/>
    </row>
    <row r="1016314" spans="14:14">
      <c r="N1016314" s="10"/>
    </row>
    <row r="1016315" spans="14:14">
      <c r="N1016315" s="10"/>
    </row>
    <row r="1016316" spans="14:14">
      <c r="N1016316" s="10"/>
    </row>
    <row r="1016317" spans="14:14">
      <c r="N1016317" s="10"/>
    </row>
    <row r="1016318" spans="14:14">
      <c r="N1016318" s="10"/>
    </row>
    <row r="1016319" spans="14:14">
      <c r="N1016319" s="10"/>
    </row>
    <row r="1016320" spans="14:14">
      <c r="N1016320" s="10"/>
    </row>
    <row r="1016321" spans="14:14">
      <c r="N1016321" s="10"/>
    </row>
    <row r="1016322" spans="14:14">
      <c r="N1016322" s="10"/>
    </row>
    <row r="1016323" spans="14:14">
      <c r="N1016323" s="10"/>
    </row>
    <row r="1016324" spans="14:14">
      <c r="N1016324" s="10"/>
    </row>
    <row r="1016325" spans="14:14">
      <c r="N1016325" s="10"/>
    </row>
    <row r="1016326" spans="14:14">
      <c r="N1016326" s="10"/>
    </row>
    <row r="1016327" spans="14:14">
      <c r="N1016327" s="10"/>
    </row>
    <row r="1016328" spans="14:14">
      <c r="N1016328" s="10"/>
    </row>
    <row r="1016329" spans="14:14">
      <c r="N1016329" s="10"/>
    </row>
    <row r="1016330" spans="14:14">
      <c r="N1016330" s="10"/>
    </row>
    <row r="1016331" spans="14:14">
      <c r="N1016331" s="10"/>
    </row>
    <row r="1016332" spans="14:14">
      <c r="N1016332" s="10"/>
    </row>
    <row r="1016333" spans="14:14">
      <c r="N1016333" s="10"/>
    </row>
    <row r="1016334" spans="14:14">
      <c r="N1016334" s="10"/>
    </row>
    <row r="1016335" spans="14:14">
      <c r="N1016335" s="10"/>
    </row>
    <row r="1016336" spans="14:14">
      <c r="N1016336" s="10"/>
    </row>
    <row r="1016337" spans="14:14">
      <c r="N1016337" s="10"/>
    </row>
    <row r="1016338" spans="14:14">
      <c r="N1016338" s="10"/>
    </row>
    <row r="1016339" spans="14:14">
      <c r="N1016339" s="10"/>
    </row>
    <row r="1016340" spans="14:14">
      <c r="N1016340" s="10"/>
    </row>
    <row r="1016341" spans="14:14">
      <c r="N1016341" s="10"/>
    </row>
    <row r="1016342" spans="14:14">
      <c r="N1016342" s="10"/>
    </row>
    <row r="1016343" spans="14:14">
      <c r="N1016343" s="10"/>
    </row>
    <row r="1016344" spans="14:14">
      <c r="N1016344" s="10"/>
    </row>
    <row r="1016345" spans="14:14">
      <c r="N1016345" s="10"/>
    </row>
    <row r="1016346" spans="14:14">
      <c r="N1016346" s="10"/>
    </row>
    <row r="1016347" spans="14:14">
      <c r="N1016347" s="10"/>
    </row>
    <row r="1016348" spans="14:14">
      <c r="N1016348" s="10"/>
    </row>
    <row r="1016349" spans="14:14">
      <c r="N1016349" s="10"/>
    </row>
    <row r="1016350" spans="14:14">
      <c r="N1016350" s="10"/>
    </row>
    <row r="1016351" spans="14:14">
      <c r="N1016351" s="10"/>
    </row>
    <row r="1016352" spans="14:14">
      <c r="N1016352" s="10"/>
    </row>
    <row r="1016353" spans="14:14">
      <c r="N1016353" s="10"/>
    </row>
    <row r="1016354" spans="14:14">
      <c r="N1016354" s="10"/>
    </row>
    <row r="1016355" spans="14:14">
      <c r="N1016355" s="10"/>
    </row>
    <row r="1016356" spans="14:14">
      <c r="N1016356" s="10"/>
    </row>
    <row r="1016357" spans="14:14">
      <c r="N1016357" s="10"/>
    </row>
    <row r="1016358" spans="14:14">
      <c r="N1016358" s="10"/>
    </row>
    <row r="1016359" spans="14:14">
      <c r="N1016359" s="10"/>
    </row>
    <row r="1016360" spans="14:14">
      <c r="N1016360" s="10"/>
    </row>
    <row r="1016361" spans="14:14">
      <c r="N1016361" s="10"/>
    </row>
    <row r="1016362" spans="14:14">
      <c r="N1016362" s="10"/>
    </row>
    <row r="1016363" spans="14:14">
      <c r="N1016363" s="10"/>
    </row>
    <row r="1016364" spans="14:14">
      <c r="N1016364" s="10"/>
    </row>
    <row r="1016365" spans="14:14">
      <c r="N1016365" s="10"/>
    </row>
    <row r="1016366" spans="14:14">
      <c r="N1016366" s="10"/>
    </row>
    <row r="1016367" spans="14:14">
      <c r="N1016367" s="10"/>
    </row>
    <row r="1016368" spans="14:14">
      <c r="N1016368" s="10"/>
    </row>
    <row r="1016369" spans="14:14">
      <c r="N1016369" s="10"/>
    </row>
    <row r="1016370" spans="14:14">
      <c r="N1016370" s="10"/>
    </row>
    <row r="1016371" spans="14:14">
      <c r="N1016371" s="10"/>
    </row>
    <row r="1016372" spans="14:14">
      <c r="N1016372" s="10"/>
    </row>
    <row r="1016373" spans="14:14">
      <c r="N1016373" s="10"/>
    </row>
    <row r="1016374" spans="14:14">
      <c r="N1016374" s="10"/>
    </row>
    <row r="1016375" spans="14:14">
      <c r="N1016375" s="10"/>
    </row>
    <row r="1016376" spans="14:14">
      <c r="N1016376" s="10"/>
    </row>
    <row r="1016377" spans="14:14">
      <c r="N1016377" s="10"/>
    </row>
    <row r="1016378" spans="14:14">
      <c r="N1016378" s="10"/>
    </row>
    <row r="1016379" spans="14:14">
      <c r="N1016379" s="10"/>
    </row>
    <row r="1016380" spans="14:14">
      <c r="N1016380" s="10"/>
    </row>
    <row r="1016381" spans="14:14">
      <c r="N1016381" s="10"/>
    </row>
    <row r="1016382" spans="14:14">
      <c r="N1016382" s="10"/>
    </row>
    <row r="1016383" spans="14:14">
      <c r="N1016383" s="10"/>
    </row>
    <row r="1016384" spans="14:14">
      <c r="N1016384" s="10"/>
    </row>
    <row r="1016385" spans="14:14">
      <c r="N1016385" s="10"/>
    </row>
    <row r="1016386" spans="14:14">
      <c r="N1016386" s="10"/>
    </row>
    <row r="1016387" spans="14:14">
      <c r="N1016387" s="10"/>
    </row>
    <row r="1016388" spans="14:14">
      <c r="N1016388" s="10"/>
    </row>
    <row r="1016389" spans="14:14">
      <c r="N1016389" s="10"/>
    </row>
    <row r="1016390" spans="14:14">
      <c r="N1016390" s="10"/>
    </row>
    <row r="1016391" spans="14:14">
      <c r="N1016391" s="10"/>
    </row>
    <row r="1016392" spans="14:14">
      <c r="N1016392" s="10"/>
    </row>
    <row r="1016393" spans="14:14">
      <c r="N1016393" s="10"/>
    </row>
    <row r="1016394" spans="14:14">
      <c r="N1016394" s="10"/>
    </row>
    <row r="1016395" spans="14:14">
      <c r="N1016395" s="10"/>
    </row>
    <row r="1016396" spans="14:14">
      <c r="N1016396" s="10"/>
    </row>
    <row r="1016397" spans="14:14">
      <c r="N1016397" s="10"/>
    </row>
    <row r="1016398" spans="14:14">
      <c r="N1016398" s="10"/>
    </row>
    <row r="1016399" spans="14:14">
      <c r="N1016399" s="10"/>
    </row>
    <row r="1016400" spans="14:14">
      <c r="N1016400" s="10"/>
    </row>
    <row r="1016401" spans="14:14">
      <c r="N1016401" s="10"/>
    </row>
    <row r="1016402" spans="14:14">
      <c r="N1016402" s="10"/>
    </row>
    <row r="1016403" spans="14:14">
      <c r="N1016403" s="10"/>
    </row>
    <row r="1016404" spans="14:14">
      <c r="N1016404" s="10"/>
    </row>
    <row r="1016405" spans="14:14">
      <c r="N1016405" s="10"/>
    </row>
    <row r="1016406" spans="14:14">
      <c r="N1016406" s="10"/>
    </row>
    <row r="1016407" spans="14:14">
      <c r="N1016407" s="10"/>
    </row>
    <row r="1016408" spans="14:14">
      <c r="N1016408" s="10"/>
    </row>
    <row r="1016409" spans="14:14">
      <c r="N1016409" s="10"/>
    </row>
    <row r="1016410" spans="14:14">
      <c r="N1016410" s="10"/>
    </row>
    <row r="1016411" spans="14:14">
      <c r="N1016411" s="10"/>
    </row>
    <row r="1016412" spans="14:14">
      <c r="N1016412" s="10"/>
    </row>
    <row r="1016413" spans="14:14">
      <c r="N1016413" s="10"/>
    </row>
    <row r="1016414" spans="14:14">
      <c r="N1016414" s="10"/>
    </row>
    <row r="1016415" spans="14:14">
      <c r="N1016415" s="10"/>
    </row>
    <row r="1016416" spans="14:14">
      <c r="N1016416" s="10"/>
    </row>
    <row r="1016417" spans="14:14">
      <c r="N1016417" s="10"/>
    </row>
    <row r="1016418" spans="14:14">
      <c r="N1016418" s="10"/>
    </row>
    <row r="1016419" spans="14:14">
      <c r="N1016419" s="10"/>
    </row>
    <row r="1016420" spans="14:14">
      <c r="N1016420" s="10"/>
    </row>
    <row r="1016421" spans="14:14">
      <c r="N1016421" s="10"/>
    </row>
    <row r="1016422" spans="14:14">
      <c r="N1016422" s="10"/>
    </row>
    <row r="1016423" spans="14:14">
      <c r="N1016423" s="10"/>
    </row>
    <row r="1016424" spans="14:14">
      <c r="N1016424" s="10"/>
    </row>
    <row r="1016425" spans="14:14">
      <c r="N1016425" s="10"/>
    </row>
    <row r="1016426" spans="14:14">
      <c r="N1016426" s="10"/>
    </row>
    <row r="1016427" spans="14:14">
      <c r="N1016427" s="10"/>
    </row>
    <row r="1016428" spans="14:14">
      <c r="N1016428" s="10"/>
    </row>
    <row r="1016429" spans="14:14">
      <c r="N1016429" s="10"/>
    </row>
    <row r="1016430" spans="14:14">
      <c r="N1016430" s="10"/>
    </row>
    <row r="1016431" spans="14:14">
      <c r="N1016431" s="10"/>
    </row>
    <row r="1016432" spans="14:14">
      <c r="N1016432" s="10"/>
    </row>
    <row r="1016433" spans="14:14">
      <c r="N1016433" s="10"/>
    </row>
    <row r="1016434" spans="14:14">
      <c r="N1016434" s="10"/>
    </row>
    <row r="1016435" spans="14:14">
      <c r="N1016435" s="10"/>
    </row>
    <row r="1016436" spans="14:14">
      <c r="N1016436" s="10"/>
    </row>
    <row r="1016437" spans="14:14">
      <c r="N1016437" s="10"/>
    </row>
    <row r="1016438" spans="14:14">
      <c r="N1016438" s="10"/>
    </row>
    <row r="1016439" spans="14:14">
      <c r="N1016439" s="10"/>
    </row>
    <row r="1016440" spans="14:14">
      <c r="N1016440" s="10"/>
    </row>
    <row r="1016441" spans="14:14">
      <c r="N1016441" s="10"/>
    </row>
    <row r="1016442" spans="14:14">
      <c r="N1016442" s="10"/>
    </row>
    <row r="1016443" spans="14:14">
      <c r="N1016443" s="10"/>
    </row>
    <row r="1016444" spans="14:14">
      <c r="N1016444" s="10"/>
    </row>
    <row r="1016445" spans="14:14">
      <c r="N1016445" s="10"/>
    </row>
    <row r="1016446" spans="14:14">
      <c r="N1016446" s="10"/>
    </row>
    <row r="1016447" spans="14:14">
      <c r="N1016447" s="10"/>
    </row>
    <row r="1016448" spans="14:14">
      <c r="N1016448" s="10"/>
    </row>
    <row r="1016449" spans="14:14">
      <c r="N1016449" s="10"/>
    </row>
    <row r="1016450" spans="14:14">
      <c r="N1016450" s="10"/>
    </row>
    <row r="1016451" spans="14:14">
      <c r="N1016451" s="10"/>
    </row>
    <row r="1016452" spans="14:14">
      <c r="N1016452" s="10"/>
    </row>
    <row r="1016453" spans="14:14">
      <c r="N1016453" s="10"/>
    </row>
    <row r="1016454" spans="14:14">
      <c r="N1016454" s="10"/>
    </row>
    <row r="1016455" spans="14:14">
      <c r="N1016455" s="10"/>
    </row>
    <row r="1016456" spans="14:14">
      <c r="N1016456" s="10"/>
    </row>
    <row r="1016457" spans="14:14">
      <c r="N1016457" s="10"/>
    </row>
    <row r="1016458" spans="14:14">
      <c r="N1016458" s="10"/>
    </row>
    <row r="1016459" spans="14:14">
      <c r="N1016459" s="10"/>
    </row>
    <row r="1016460" spans="14:14">
      <c r="N1016460" s="10"/>
    </row>
    <row r="1016461" spans="14:14">
      <c r="N1016461" s="10"/>
    </row>
    <row r="1016462" spans="14:14">
      <c r="N1016462" s="10"/>
    </row>
    <row r="1016463" spans="14:14">
      <c r="N1016463" s="10"/>
    </row>
    <row r="1016464" spans="14:14">
      <c r="N1016464" s="10"/>
    </row>
    <row r="1016465" spans="14:14">
      <c r="N1016465" s="10"/>
    </row>
    <row r="1016466" spans="14:14">
      <c r="N1016466" s="10"/>
    </row>
    <row r="1016467" spans="14:14">
      <c r="N1016467" s="10"/>
    </row>
    <row r="1016468" spans="14:14">
      <c r="N1016468" s="10"/>
    </row>
    <row r="1016469" spans="14:14">
      <c r="N1016469" s="10"/>
    </row>
    <row r="1016470" spans="14:14">
      <c r="N1016470" s="10"/>
    </row>
    <row r="1016471" spans="14:14">
      <c r="N1016471" s="10"/>
    </row>
    <row r="1016472" spans="14:14">
      <c r="N1016472" s="10"/>
    </row>
    <row r="1016473" spans="14:14">
      <c r="N1016473" s="10"/>
    </row>
    <row r="1016474" spans="14:14">
      <c r="N1016474" s="10"/>
    </row>
    <row r="1016475" spans="14:14">
      <c r="N1016475" s="10"/>
    </row>
    <row r="1016476" spans="14:14">
      <c r="N1016476" s="10"/>
    </row>
    <row r="1016477" spans="14:14">
      <c r="N1016477" s="10"/>
    </row>
    <row r="1016478" spans="14:14">
      <c r="N1016478" s="10"/>
    </row>
    <row r="1016479" spans="14:14">
      <c r="N1016479" s="10"/>
    </row>
    <row r="1016480" spans="14:14">
      <c r="N1016480" s="10"/>
    </row>
    <row r="1016481" spans="14:14">
      <c r="N1016481" s="10"/>
    </row>
    <row r="1016482" spans="14:14">
      <c r="N1016482" s="10"/>
    </row>
    <row r="1016483" spans="14:14">
      <c r="N1016483" s="10"/>
    </row>
    <row r="1016484" spans="14:14">
      <c r="N1016484" s="10"/>
    </row>
    <row r="1016485" spans="14:14">
      <c r="N1016485" s="10"/>
    </row>
    <row r="1016486" spans="14:14">
      <c r="N1016486" s="10"/>
    </row>
    <row r="1016487" spans="14:14">
      <c r="N1016487" s="10"/>
    </row>
    <row r="1016488" spans="14:14">
      <c r="N1016488" s="10"/>
    </row>
    <row r="1016489" spans="14:14">
      <c r="N1016489" s="10"/>
    </row>
    <row r="1016490" spans="14:14">
      <c r="N1016490" s="10"/>
    </row>
    <row r="1016491" spans="14:14">
      <c r="N1016491" s="10"/>
    </row>
    <row r="1016492" spans="14:14">
      <c r="N1016492" s="10"/>
    </row>
    <row r="1016493" spans="14:14">
      <c r="N1016493" s="10"/>
    </row>
    <row r="1016494" spans="14:14">
      <c r="N1016494" s="10"/>
    </row>
    <row r="1016495" spans="14:14">
      <c r="N1016495" s="10"/>
    </row>
    <row r="1016496" spans="14:14">
      <c r="N1016496" s="10"/>
    </row>
    <row r="1016497" spans="14:14">
      <c r="N1016497" s="10"/>
    </row>
    <row r="1016498" spans="14:14">
      <c r="N1016498" s="10"/>
    </row>
    <row r="1016499" spans="14:14">
      <c r="N1016499" s="10"/>
    </row>
    <row r="1016500" spans="14:14">
      <c r="N1016500" s="10"/>
    </row>
    <row r="1016501" spans="14:14">
      <c r="N1016501" s="10"/>
    </row>
    <row r="1016502" spans="14:14">
      <c r="N1016502" s="10"/>
    </row>
    <row r="1016503" spans="14:14">
      <c r="N1016503" s="10"/>
    </row>
    <row r="1016504" spans="14:14">
      <c r="N1016504" s="10"/>
    </row>
    <row r="1016505" spans="14:14">
      <c r="N1016505" s="10"/>
    </row>
    <row r="1016506" spans="14:14">
      <c r="N1016506" s="10"/>
    </row>
    <row r="1016507" spans="14:14">
      <c r="N1016507" s="10"/>
    </row>
    <row r="1016508" spans="14:14">
      <c r="N1016508" s="10"/>
    </row>
    <row r="1016509" spans="14:14">
      <c r="N1016509" s="10"/>
    </row>
    <row r="1016510" spans="14:14">
      <c r="N1016510" s="10"/>
    </row>
    <row r="1016511" spans="14:14">
      <c r="N1016511" s="10"/>
    </row>
    <row r="1016512" spans="14:14">
      <c r="N1016512" s="10"/>
    </row>
    <row r="1016513" spans="14:14">
      <c r="N1016513" s="10"/>
    </row>
    <row r="1016514" spans="14:14">
      <c r="N1016514" s="10"/>
    </row>
    <row r="1016515" spans="14:14">
      <c r="N1016515" s="10"/>
    </row>
    <row r="1016516" spans="14:14">
      <c r="N1016516" s="10"/>
    </row>
    <row r="1016517" spans="14:14">
      <c r="N1016517" s="10"/>
    </row>
    <row r="1016518" spans="14:14">
      <c r="N1016518" s="10"/>
    </row>
    <row r="1016519" spans="14:14">
      <c r="N1016519" s="10"/>
    </row>
    <row r="1016520" spans="14:14">
      <c r="N1016520" s="10"/>
    </row>
    <row r="1016521" spans="14:14">
      <c r="N1016521" s="10"/>
    </row>
    <row r="1016522" spans="14:14">
      <c r="N1016522" s="10"/>
    </row>
    <row r="1016523" spans="14:14">
      <c r="N1016523" s="10"/>
    </row>
    <row r="1016524" spans="14:14">
      <c r="N1016524" s="10"/>
    </row>
    <row r="1016525" spans="14:14">
      <c r="N1016525" s="10"/>
    </row>
    <row r="1016526" spans="14:14">
      <c r="N1016526" s="10"/>
    </row>
    <row r="1016527" spans="14:14">
      <c r="N1016527" s="10"/>
    </row>
    <row r="1016528" spans="14:14">
      <c r="N1016528" s="10"/>
    </row>
    <row r="1016529" spans="14:14">
      <c r="N1016529" s="10"/>
    </row>
    <row r="1016530" spans="14:14">
      <c r="N1016530" s="10"/>
    </row>
    <row r="1016531" spans="14:14">
      <c r="N1016531" s="10"/>
    </row>
    <row r="1016532" spans="14:14">
      <c r="N1016532" s="10"/>
    </row>
    <row r="1016533" spans="14:14">
      <c r="N1016533" s="10"/>
    </row>
    <row r="1016534" spans="14:14">
      <c r="N1016534" s="10"/>
    </row>
    <row r="1016535" spans="14:14">
      <c r="N1016535" s="10"/>
    </row>
    <row r="1016536" spans="14:14">
      <c r="N1016536" s="10"/>
    </row>
    <row r="1016537" spans="14:14">
      <c r="N1016537" s="10"/>
    </row>
    <row r="1016538" spans="14:14">
      <c r="N1016538" s="10"/>
    </row>
    <row r="1016539" spans="14:14">
      <c r="N1016539" s="10"/>
    </row>
    <row r="1016540" spans="14:14">
      <c r="N1016540" s="10"/>
    </row>
    <row r="1016541" spans="14:14">
      <c r="N1016541" s="10"/>
    </row>
    <row r="1016542" spans="14:14">
      <c r="N1016542" s="10"/>
    </row>
    <row r="1016543" spans="14:14">
      <c r="N1016543" s="10"/>
    </row>
    <row r="1016544" spans="14:14">
      <c r="N1016544" s="10"/>
    </row>
    <row r="1016545" spans="14:14">
      <c r="N1016545" s="10"/>
    </row>
    <row r="1016546" spans="14:14">
      <c r="N1016546" s="10"/>
    </row>
    <row r="1016547" spans="14:14">
      <c r="N1016547" s="10"/>
    </row>
    <row r="1016548" spans="14:14">
      <c r="N1016548" s="10"/>
    </row>
    <row r="1016549" spans="14:14">
      <c r="N1016549" s="10"/>
    </row>
    <row r="1016550" spans="14:14">
      <c r="N1016550" s="10"/>
    </row>
    <row r="1016551" spans="14:14">
      <c r="N1016551" s="10"/>
    </row>
    <row r="1016552" spans="14:14">
      <c r="N1016552" s="10"/>
    </row>
    <row r="1016553" spans="14:14">
      <c r="N1016553" s="10"/>
    </row>
    <row r="1016554" spans="14:14">
      <c r="N1016554" s="10"/>
    </row>
    <row r="1016555" spans="14:14">
      <c r="N1016555" s="10"/>
    </row>
    <row r="1016556" spans="14:14">
      <c r="N1016556" s="10"/>
    </row>
    <row r="1016557" spans="14:14">
      <c r="N1016557" s="10"/>
    </row>
    <row r="1016558" spans="14:14">
      <c r="N1016558" s="10"/>
    </row>
    <row r="1016559" spans="14:14">
      <c r="N1016559" s="10"/>
    </row>
    <row r="1016560" spans="14:14">
      <c r="N1016560" s="10"/>
    </row>
    <row r="1016561" spans="14:14">
      <c r="N1016561" s="10"/>
    </row>
    <row r="1016562" spans="14:14">
      <c r="N1016562" s="10"/>
    </row>
    <row r="1016563" spans="14:14">
      <c r="N1016563" s="10"/>
    </row>
    <row r="1016564" spans="14:14">
      <c r="N1016564" s="10"/>
    </row>
    <row r="1016565" spans="14:14">
      <c r="N1016565" s="10"/>
    </row>
    <row r="1016566" spans="14:14">
      <c r="N1016566" s="10"/>
    </row>
    <row r="1016567" spans="14:14">
      <c r="N1016567" s="10"/>
    </row>
    <row r="1016568" spans="14:14">
      <c r="N1016568" s="10"/>
    </row>
    <row r="1016569" spans="14:14">
      <c r="N1016569" s="10"/>
    </row>
    <row r="1016570" spans="14:14">
      <c r="N1016570" s="10"/>
    </row>
    <row r="1016571" spans="14:14">
      <c r="N1016571" s="10"/>
    </row>
    <row r="1016572" spans="14:14">
      <c r="N1016572" s="10"/>
    </row>
    <row r="1016573" spans="14:14">
      <c r="N1016573" s="10"/>
    </row>
    <row r="1016574" spans="14:14">
      <c r="N1016574" s="10"/>
    </row>
    <row r="1016575" spans="14:14">
      <c r="N1016575" s="10"/>
    </row>
    <row r="1016576" spans="14:14">
      <c r="N1016576" s="10"/>
    </row>
    <row r="1016577" spans="14:14">
      <c r="N1016577" s="10"/>
    </row>
    <row r="1016578" spans="14:14">
      <c r="N1016578" s="10"/>
    </row>
    <row r="1016579" spans="14:14">
      <c r="N1016579" s="10"/>
    </row>
    <row r="1016580" spans="14:14">
      <c r="N1016580" s="10"/>
    </row>
    <row r="1016581" spans="14:14">
      <c r="N1016581" s="10"/>
    </row>
    <row r="1016582" spans="14:14">
      <c r="N1016582" s="10"/>
    </row>
    <row r="1016583" spans="14:14">
      <c r="N1016583" s="10"/>
    </row>
    <row r="1016584" spans="14:14">
      <c r="N1016584" s="10"/>
    </row>
    <row r="1016585" spans="14:14">
      <c r="N1016585" s="10"/>
    </row>
    <row r="1016586" spans="14:14">
      <c r="N1016586" s="10"/>
    </row>
    <row r="1016587" spans="14:14">
      <c r="N1016587" s="10"/>
    </row>
    <row r="1016588" spans="14:14">
      <c r="N1016588" s="10"/>
    </row>
    <row r="1016589" spans="14:14">
      <c r="N1016589" s="10"/>
    </row>
    <row r="1016590" spans="14:14">
      <c r="N1016590" s="10"/>
    </row>
    <row r="1016591" spans="14:14">
      <c r="N1016591" s="10"/>
    </row>
    <row r="1016592" spans="14:14">
      <c r="N1016592" s="10"/>
    </row>
    <row r="1016593" spans="14:14">
      <c r="N1016593" s="10"/>
    </row>
    <row r="1016594" spans="14:14">
      <c r="N1016594" s="10"/>
    </row>
    <row r="1016595" spans="14:14">
      <c r="N1016595" s="10"/>
    </row>
    <row r="1016596" spans="14:14">
      <c r="N1016596" s="10"/>
    </row>
    <row r="1016597" spans="14:14">
      <c r="N1016597" s="10"/>
    </row>
    <row r="1016598" spans="14:14">
      <c r="N1016598" s="10"/>
    </row>
    <row r="1016599" spans="14:14">
      <c r="N1016599" s="10"/>
    </row>
    <row r="1016600" spans="14:14">
      <c r="N1016600" s="10"/>
    </row>
    <row r="1016601" spans="14:14">
      <c r="N1016601" s="10"/>
    </row>
    <row r="1016602" spans="14:14">
      <c r="N1016602" s="10"/>
    </row>
    <row r="1016603" spans="14:14">
      <c r="N1016603" s="10"/>
    </row>
    <row r="1016604" spans="14:14">
      <c r="N1016604" s="10"/>
    </row>
    <row r="1016605" spans="14:14">
      <c r="N1016605" s="10"/>
    </row>
    <row r="1016606" spans="14:14">
      <c r="N1016606" s="10"/>
    </row>
    <row r="1016607" spans="14:14">
      <c r="N1016607" s="10"/>
    </row>
    <row r="1016608" spans="14:14">
      <c r="N1016608" s="10"/>
    </row>
    <row r="1016609" spans="14:14">
      <c r="N1016609" s="10"/>
    </row>
    <row r="1016610" spans="14:14">
      <c r="N1016610" s="10"/>
    </row>
    <row r="1016611" spans="14:14">
      <c r="N1016611" s="10"/>
    </row>
    <row r="1016612" spans="14:14">
      <c r="N1016612" s="10"/>
    </row>
    <row r="1016613" spans="14:14">
      <c r="N1016613" s="10"/>
    </row>
    <row r="1016614" spans="14:14">
      <c r="N1016614" s="10"/>
    </row>
    <row r="1016615" spans="14:14">
      <c r="N1016615" s="10"/>
    </row>
    <row r="1016616" spans="14:14">
      <c r="N1016616" s="10"/>
    </row>
    <row r="1016617" spans="14:14">
      <c r="N1016617" s="10"/>
    </row>
    <row r="1016618" spans="14:14">
      <c r="N1016618" s="10"/>
    </row>
    <row r="1016619" spans="14:14">
      <c r="N1016619" s="10"/>
    </row>
    <row r="1016620" spans="14:14">
      <c r="N1016620" s="10"/>
    </row>
    <row r="1016621" spans="14:14">
      <c r="N1016621" s="10"/>
    </row>
    <row r="1016622" spans="14:14">
      <c r="N1016622" s="10"/>
    </row>
    <row r="1016623" spans="14:14">
      <c r="N1016623" s="10"/>
    </row>
    <row r="1016624" spans="14:14">
      <c r="N1016624" s="10"/>
    </row>
    <row r="1016625" spans="14:14">
      <c r="N1016625" s="10"/>
    </row>
    <row r="1016626" spans="14:14">
      <c r="N1016626" s="10"/>
    </row>
    <row r="1016627" spans="14:14">
      <c r="N1016627" s="10"/>
    </row>
    <row r="1016628" spans="14:14">
      <c r="N1016628" s="10"/>
    </row>
    <row r="1016629" spans="14:14">
      <c r="N1016629" s="10"/>
    </row>
    <row r="1016630" spans="14:14">
      <c r="N1016630" s="10"/>
    </row>
    <row r="1016631" spans="14:14">
      <c r="N1016631" s="10"/>
    </row>
    <row r="1016632" spans="14:14">
      <c r="N1016632" s="10"/>
    </row>
    <row r="1016633" spans="14:14">
      <c r="N1016633" s="10"/>
    </row>
    <row r="1016634" spans="14:14">
      <c r="N1016634" s="10"/>
    </row>
    <row r="1016635" spans="14:14">
      <c r="N1016635" s="10"/>
    </row>
    <row r="1016636" spans="14:14">
      <c r="N1016636" s="10"/>
    </row>
    <row r="1016637" spans="14:14">
      <c r="N1016637" s="10"/>
    </row>
    <row r="1016638" spans="14:14">
      <c r="N1016638" s="10"/>
    </row>
    <row r="1016639" spans="14:14">
      <c r="N1016639" s="10"/>
    </row>
    <row r="1016640" spans="14:14">
      <c r="N1016640" s="10"/>
    </row>
    <row r="1016641" spans="14:14">
      <c r="N1016641" s="10"/>
    </row>
    <row r="1016642" spans="14:14">
      <c r="N1016642" s="10"/>
    </row>
    <row r="1016643" spans="14:14">
      <c r="N1016643" s="10"/>
    </row>
    <row r="1016644" spans="14:14">
      <c r="N1016644" s="10"/>
    </row>
    <row r="1016645" spans="14:14">
      <c r="N1016645" s="10"/>
    </row>
    <row r="1016646" spans="14:14">
      <c r="N1016646" s="10"/>
    </row>
    <row r="1016647" spans="14:14">
      <c r="N1016647" s="10"/>
    </row>
    <row r="1016648" spans="14:14">
      <c r="N1016648" s="10"/>
    </row>
    <row r="1016649" spans="14:14">
      <c r="N1016649" s="10"/>
    </row>
    <row r="1016650" spans="14:14">
      <c r="N1016650" s="10"/>
    </row>
    <row r="1016651" spans="14:14">
      <c r="N1016651" s="10"/>
    </row>
    <row r="1016652" spans="14:14">
      <c r="N1016652" s="10"/>
    </row>
    <row r="1016653" spans="14:14">
      <c r="N1016653" s="10"/>
    </row>
    <row r="1016654" spans="14:14">
      <c r="N1016654" s="10"/>
    </row>
    <row r="1016655" spans="14:14">
      <c r="N1016655" s="10"/>
    </row>
    <row r="1016656" spans="14:14">
      <c r="N1016656" s="10"/>
    </row>
    <row r="1016657" spans="14:14">
      <c r="N1016657" s="10"/>
    </row>
    <row r="1016658" spans="14:14">
      <c r="N1016658" s="10"/>
    </row>
    <row r="1016659" spans="14:14">
      <c r="N1016659" s="10"/>
    </row>
    <row r="1016660" spans="14:14">
      <c r="N1016660" s="10"/>
    </row>
    <row r="1016661" spans="14:14">
      <c r="N1016661" s="10"/>
    </row>
    <row r="1016662" spans="14:14">
      <c r="N1016662" s="10"/>
    </row>
    <row r="1016663" spans="14:14">
      <c r="N1016663" s="10"/>
    </row>
    <row r="1016664" spans="14:14">
      <c r="N1016664" s="10"/>
    </row>
    <row r="1016665" spans="14:14">
      <c r="N1016665" s="10"/>
    </row>
    <row r="1016666" spans="14:14">
      <c r="N1016666" s="10"/>
    </row>
    <row r="1016667" spans="14:14">
      <c r="N1016667" s="10"/>
    </row>
    <row r="1016668" spans="14:14">
      <c r="N1016668" s="10"/>
    </row>
    <row r="1016669" spans="14:14">
      <c r="N1016669" s="10"/>
    </row>
    <row r="1016670" spans="14:14">
      <c r="N1016670" s="10"/>
    </row>
    <row r="1016671" spans="14:14">
      <c r="N1016671" s="10"/>
    </row>
    <row r="1016672" spans="14:14">
      <c r="N1016672" s="10"/>
    </row>
    <row r="1016673" spans="14:14">
      <c r="N1016673" s="10"/>
    </row>
    <row r="1016674" spans="14:14">
      <c r="N1016674" s="10"/>
    </row>
    <row r="1016675" spans="14:14">
      <c r="N1016675" s="10"/>
    </row>
    <row r="1016676" spans="14:14">
      <c r="N1016676" s="10"/>
    </row>
    <row r="1016677" spans="14:14">
      <c r="N1016677" s="10"/>
    </row>
    <row r="1016678" spans="14:14">
      <c r="N1016678" s="10"/>
    </row>
    <row r="1016679" spans="14:14">
      <c r="N1016679" s="10"/>
    </row>
    <row r="1016680" spans="14:14">
      <c r="N1016680" s="10"/>
    </row>
    <row r="1016681" spans="14:14">
      <c r="N1016681" s="10"/>
    </row>
    <row r="1016682" spans="14:14">
      <c r="N1016682" s="10"/>
    </row>
    <row r="1016683" spans="14:14">
      <c r="N1016683" s="10"/>
    </row>
    <row r="1016684" spans="14:14">
      <c r="N1016684" s="10"/>
    </row>
    <row r="1016685" spans="14:14">
      <c r="N1016685" s="10"/>
    </row>
    <row r="1016686" spans="14:14">
      <c r="N1016686" s="10"/>
    </row>
    <row r="1016687" spans="14:14">
      <c r="N1016687" s="10"/>
    </row>
    <row r="1016688" spans="14:14">
      <c r="N1016688" s="10"/>
    </row>
    <row r="1016689" spans="14:14">
      <c r="N1016689" s="10"/>
    </row>
    <row r="1016690" spans="14:14">
      <c r="N1016690" s="10"/>
    </row>
    <row r="1016691" spans="14:14">
      <c r="N1016691" s="10"/>
    </row>
    <row r="1016692" spans="14:14">
      <c r="N1016692" s="10"/>
    </row>
    <row r="1016693" spans="14:14">
      <c r="N1016693" s="10"/>
    </row>
    <row r="1016694" spans="14:14">
      <c r="N1016694" s="10"/>
    </row>
    <row r="1016695" spans="14:14">
      <c r="N1016695" s="10"/>
    </row>
    <row r="1016696" spans="14:14">
      <c r="N1016696" s="10"/>
    </row>
    <row r="1016697" spans="14:14">
      <c r="N1016697" s="10"/>
    </row>
    <row r="1016698" spans="14:14">
      <c r="N1016698" s="10"/>
    </row>
    <row r="1016699" spans="14:14">
      <c r="N1016699" s="10"/>
    </row>
    <row r="1016700" spans="14:14">
      <c r="N1016700" s="10"/>
    </row>
    <row r="1016701" spans="14:14">
      <c r="N1016701" s="10"/>
    </row>
    <row r="1016702" spans="14:14">
      <c r="N1016702" s="10"/>
    </row>
    <row r="1016703" spans="14:14">
      <c r="N1016703" s="10"/>
    </row>
    <row r="1016704" spans="14:14">
      <c r="N1016704" s="10"/>
    </row>
    <row r="1016705" spans="14:14">
      <c r="N1016705" s="10"/>
    </row>
    <row r="1016706" spans="14:14">
      <c r="N1016706" s="10"/>
    </row>
    <row r="1016707" spans="14:14">
      <c r="N1016707" s="10"/>
    </row>
    <row r="1016708" spans="14:14">
      <c r="N1016708" s="10"/>
    </row>
    <row r="1016709" spans="14:14">
      <c r="N1016709" s="10"/>
    </row>
    <row r="1016710" spans="14:14">
      <c r="N1016710" s="10"/>
    </row>
    <row r="1016711" spans="14:14">
      <c r="N1016711" s="10"/>
    </row>
    <row r="1016712" spans="14:14">
      <c r="N1016712" s="10"/>
    </row>
    <row r="1016713" spans="14:14">
      <c r="N1016713" s="10"/>
    </row>
    <row r="1016714" spans="14:14">
      <c r="N1016714" s="10"/>
    </row>
    <row r="1016715" spans="14:14">
      <c r="N1016715" s="10"/>
    </row>
    <row r="1016716" spans="14:14">
      <c r="N1016716" s="10"/>
    </row>
    <row r="1016717" spans="14:14">
      <c r="N1016717" s="10"/>
    </row>
    <row r="1016718" spans="14:14">
      <c r="N1016718" s="10"/>
    </row>
    <row r="1016719" spans="14:14">
      <c r="N1016719" s="10"/>
    </row>
    <row r="1016720" spans="14:14">
      <c r="N1016720" s="10"/>
    </row>
    <row r="1016721" spans="14:14">
      <c r="N1016721" s="10"/>
    </row>
    <row r="1016722" spans="14:14">
      <c r="N1016722" s="10"/>
    </row>
    <row r="1016723" spans="14:14">
      <c r="N1016723" s="10"/>
    </row>
    <row r="1016724" spans="14:14">
      <c r="N1016724" s="10"/>
    </row>
    <row r="1016725" spans="14:14">
      <c r="N1016725" s="10"/>
    </row>
    <row r="1016726" spans="14:14">
      <c r="N1016726" s="10"/>
    </row>
    <row r="1016727" spans="14:14">
      <c r="N1016727" s="10"/>
    </row>
    <row r="1016728" spans="14:14">
      <c r="N1016728" s="10"/>
    </row>
    <row r="1016729" spans="14:14">
      <c r="N1016729" s="10"/>
    </row>
    <row r="1016730" spans="14:14">
      <c r="N1016730" s="10"/>
    </row>
    <row r="1016731" spans="14:14">
      <c r="N1016731" s="10"/>
    </row>
    <row r="1016732" spans="14:14">
      <c r="N1016732" s="10"/>
    </row>
    <row r="1016733" spans="14:14">
      <c r="N1016733" s="10"/>
    </row>
    <row r="1016734" spans="14:14">
      <c r="N1016734" s="10"/>
    </row>
    <row r="1016735" spans="14:14">
      <c r="N1016735" s="10"/>
    </row>
    <row r="1016736" spans="14:14">
      <c r="N1016736" s="10"/>
    </row>
    <row r="1016737" spans="14:14">
      <c r="N1016737" s="10"/>
    </row>
    <row r="1016738" spans="14:14">
      <c r="N1016738" s="10"/>
    </row>
    <row r="1016739" spans="14:14">
      <c r="N1016739" s="10"/>
    </row>
    <row r="1016740" spans="14:14">
      <c r="N1016740" s="10"/>
    </row>
    <row r="1016741" spans="14:14">
      <c r="N1016741" s="10"/>
    </row>
    <row r="1016742" spans="14:14">
      <c r="N1016742" s="10"/>
    </row>
    <row r="1016743" spans="14:14">
      <c r="N1016743" s="10"/>
    </row>
    <row r="1016744" spans="14:14">
      <c r="N1016744" s="10"/>
    </row>
    <row r="1016745" spans="14:14">
      <c r="N1016745" s="10"/>
    </row>
    <row r="1016746" spans="14:14">
      <c r="N1016746" s="10"/>
    </row>
    <row r="1016747" spans="14:14">
      <c r="N1016747" s="10"/>
    </row>
    <row r="1016748" spans="14:14">
      <c r="N1016748" s="10"/>
    </row>
    <row r="1016749" spans="14:14">
      <c r="N1016749" s="10"/>
    </row>
    <row r="1016750" spans="14:14">
      <c r="N1016750" s="10"/>
    </row>
    <row r="1016751" spans="14:14">
      <c r="N1016751" s="10"/>
    </row>
    <row r="1016752" spans="14:14">
      <c r="N1016752" s="10"/>
    </row>
    <row r="1016753" spans="14:14">
      <c r="N1016753" s="10"/>
    </row>
    <row r="1016754" spans="14:14">
      <c r="N1016754" s="10"/>
    </row>
    <row r="1016755" spans="14:14">
      <c r="N1016755" s="10"/>
    </row>
    <row r="1016756" spans="14:14">
      <c r="N1016756" s="10"/>
    </row>
    <row r="1016757" spans="14:14">
      <c r="N1016757" s="10"/>
    </row>
    <row r="1016758" spans="14:14">
      <c r="N1016758" s="10"/>
    </row>
    <row r="1016759" spans="14:14">
      <c r="N1016759" s="10"/>
    </row>
    <row r="1016760" spans="14:14">
      <c r="N1016760" s="10"/>
    </row>
    <row r="1016761" spans="14:14">
      <c r="N1016761" s="10"/>
    </row>
    <row r="1016762" spans="14:14">
      <c r="N1016762" s="10"/>
    </row>
    <row r="1016763" spans="14:14">
      <c r="N1016763" s="10"/>
    </row>
    <row r="1016764" spans="14:14">
      <c r="N1016764" s="10"/>
    </row>
    <row r="1016765" spans="14:14">
      <c r="N1016765" s="10"/>
    </row>
    <row r="1016766" spans="14:14">
      <c r="N1016766" s="10"/>
    </row>
    <row r="1016767" spans="14:14">
      <c r="N1016767" s="10"/>
    </row>
    <row r="1016768" spans="14:14">
      <c r="N1016768" s="10"/>
    </row>
    <row r="1016769" spans="14:14">
      <c r="N1016769" s="10"/>
    </row>
    <row r="1016770" spans="14:14">
      <c r="N1016770" s="10"/>
    </row>
    <row r="1016771" spans="14:14">
      <c r="N1016771" s="10"/>
    </row>
    <row r="1016772" spans="14:14">
      <c r="N1016772" s="10"/>
    </row>
    <row r="1016773" spans="14:14">
      <c r="N1016773" s="10"/>
    </row>
    <row r="1016774" spans="14:14">
      <c r="N1016774" s="10"/>
    </row>
    <row r="1016775" spans="14:14">
      <c r="N1016775" s="10"/>
    </row>
    <row r="1016776" spans="14:14">
      <c r="N1016776" s="10"/>
    </row>
    <row r="1016777" spans="14:14">
      <c r="N1016777" s="10"/>
    </row>
    <row r="1016778" spans="14:14">
      <c r="N1016778" s="10"/>
    </row>
    <row r="1016779" spans="14:14">
      <c r="N1016779" s="10"/>
    </row>
    <row r="1016780" spans="14:14">
      <c r="N1016780" s="10"/>
    </row>
    <row r="1016781" spans="14:14">
      <c r="N1016781" s="10"/>
    </row>
    <row r="1016782" spans="14:14">
      <c r="N1016782" s="10"/>
    </row>
    <row r="1016783" spans="14:14">
      <c r="N1016783" s="10"/>
    </row>
    <row r="1016784" spans="14:14">
      <c r="N1016784" s="10"/>
    </row>
    <row r="1016785" spans="14:14">
      <c r="N1016785" s="10"/>
    </row>
    <row r="1016786" spans="14:14">
      <c r="N1016786" s="10"/>
    </row>
    <row r="1016787" spans="14:14">
      <c r="N1016787" s="10"/>
    </row>
    <row r="1016788" spans="14:14">
      <c r="N1016788" s="10"/>
    </row>
    <row r="1016789" spans="14:14">
      <c r="N1016789" s="10"/>
    </row>
    <row r="1016790" spans="14:14">
      <c r="N1016790" s="10"/>
    </row>
    <row r="1016791" spans="14:14">
      <c r="N1016791" s="10"/>
    </row>
    <row r="1016792" spans="14:14">
      <c r="N1016792" s="10"/>
    </row>
    <row r="1016793" spans="14:14">
      <c r="N1016793" s="10"/>
    </row>
    <row r="1016794" spans="14:14">
      <c r="N1016794" s="10"/>
    </row>
    <row r="1016795" spans="14:14">
      <c r="N1016795" s="10"/>
    </row>
    <row r="1016796" spans="14:14">
      <c r="N1016796" s="10"/>
    </row>
    <row r="1016797" spans="14:14">
      <c r="N1016797" s="10"/>
    </row>
    <row r="1016798" spans="14:14">
      <c r="N1016798" s="10"/>
    </row>
    <row r="1016799" spans="14:14">
      <c r="N1016799" s="10"/>
    </row>
    <row r="1016800" spans="14:14">
      <c r="N1016800" s="10"/>
    </row>
    <row r="1016801" spans="14:14">
      <c r="N1016801" s="10"/>
    </row>
    <row r="1016802" spans="14:14">
      <c r="N1016802" s="10"/>
    </row>
    <row r="1016803" spans="14:14">
      <c r="N1016803" s="10"/>
    </row>
    <row r="1016804" spans="14:14">
      <c r="N1016804" s="10"/>
    </row>
    <row r="1016805" spans="14:14">
      <c r="N1016805" s="10"/>
    </row>
    <row r="1016806" spans="14:14">
      <c r="N1016806" s="10"/>
    </row>
    <row r="1016807" spans="14:14">
      <c r="N1016807" s="10"/>
    </row>
    <row r="1016808" spans="14:14">
      <c r="N1016808" s="10"/>
    </row>
    <row r="1016809" spans="14:14">
      <c r="N1016809" s="10"/>
    </row>
    <row r="1016810" spans="14:14">
      <c r="N1016810" s="10"/>
    </row>
    <row r="1016811" spans="14:14">
      <c r="N1016811" s="10"/>
    </row>
    <row r="1016812" spans="14:14">
      <c r="N1016812" s="10"/>
    </row>
    <row r="1016813" spans="14:14">
      <c r="N1016813" s="10"/>
    </row>
    <row r="1016814" spans="14:14">
      <c r="N1016814" s="10"/>
    </row>
    <row r="1016815" spans="14:14">
      <c r="N1016815" s="10"/>
    </row>
    <row r="1016816" spans="14:14">
      <c r="N1016816" s="10"/>
    </row>
    <row r="1016817" spans="14:14">
      <c r="N1016817" s="10"/>
    </row>
    <row r="1016818" spans="14:14">
      <c r="N1016818" s="10"/>
    </row>
    <row r="1016819" spans="14:14">
      <c r="N1016819" s="10"/>
    </row>
    <row r="1016820" spans="14:14">
      <c r="N1016820" s="10"/>
    </row>
    <row r="1016821" spans="14:14">
      <c r="N1016821" s="10"/>
    </row>
    <row r="1016822" spans="14:14">
      <c r="N1016822" s="10"/>
    </row>
    <row r="1016823" spans="14:14">
      <c r="N1016823" s="10"/>
    </row>
    <row r="1016824" spans="14:14">
      <c r="N1016824" s="10"/>
    </row>
    <row r="1016825" spans="14:14">
      <c r="N1016825" s="10"/>
    </row>
    <row r="1016826" spans="14:14">
      <c r="N1016826" s="10"/>
    </row>
    <row r="1016827" spans="14:14">
      <c r="N1016827" s="10"/>
    </row>
    <row r="1016828" spans="14:14">
      <c r="N1016828" s="10"/>
    </row>
    <row r="1016829" spans="14:14">
      <c r="N1016829" s="10"/>
    </row>
    <row r="1016830" spans="14:14">
      <c r="N1016830" s="10"/>
    </row>
    <row r="1016831" spans="14:14">
      <c r="N1016831" s="10"/>
    </row>
    <row r="1016832" spans="14:14">
      <c r="N1016832" s="10"/>
    </row>
    <row r="1016833" spans="14:14">
      <c r="N1016833" s="10"/>
    </row>
    <row r="1016834" spans="14:14">
      <c r="N1016834" s="10"/>
    </row>
    <row r="1016835" spans="14:14">
      <c r="N1016835" s="10"/>
    </row>
    <row r="1016836" spans="14:14">
      <c r="N1016836" s="10"/>
    </row>
    <row r="1016837" spans="14:14">
      <c r="N1016837" s="10"/>
    </row>
    <row r="1016838" spans="14:14">
      <c r="N1016838" s="10"/>
    </row>
    <row r="1016839" spans="14:14">
      <c r="N1016839" s="10"/>
    </row>
    <row r="1016840" spans="14:14">
      <c r="N1016840" s="10"/>
    </row>
    <row r="1016841" spans="14:14">
      <c r="N1016841" s="10"/>
    </row>
    <row r="1016842" spans="14:14">
      <c r="N1016842" s="10"/>
    </row>
    <row r="1016843" spans="14:14">
      <c r="N1016843" s="10"/>
    </row>
    <row r="1016844" spans="14:14">
      <c r="N1016844" s="10"/>
    </row>
    <row r="1016845" spans="14:14">
      <c r="N1016845" s="10"/>
    </row>
    <row r="1016846" spans="14:14">
      <c r="N1016846" s="10"/>
    </row>
    <row r="1016847" spans="14:14">
      <c r="N1016847" s="10"/>
    </row>
    <row r="1016848" spans="14:14">
      <c r="N1016848" s="10"/>
    </row>
    <row r="1016849" spans="14:14">
      <c r="N1016849" s="10"/>
    </row>
    <row r="1016850" spans="14:14">
      <c r="N1016850" s="10"/>
    </row>
    <row r="1016851" spans="14:14">
      <c r="N1016851" s="10"/>
    </row>
    <row r="1016852" spans="14:14">
      <c r="N1016852" s="10"/>
    </row>
    <row r="1016853" spans="14:14">
      <c r="N1016853" s="10"/>
    </row>
    <row r="1016854" spans="14:14">
      <c r="N1016854" s="10"/>
    </row>
    <row r="1016855" spans="14:14">
      <c r="N1016855" s="10"/>
    </row>
    <row r="1016856" spans="14:14">
      <c r="N1016856" s="10"/>
    </row>
    <row r="1016857" spans="14:14">
      <c r="N1016857" s="10"/>
    </row>
    <row r="1016858" spans="14:14">
      <c r="N1016858" s="10"/>
    </row>
    <row r="1016859" spans="14:14">
      <c r="N1016859" s="10"/>
    </row>
    <row r="1016860" spans="14:14">
      <c r="N1016860" s="10"/>
    </row>
    <row r="1016861" spans="14:14">
      <c r="N1016861" s="10"/>
    </row>
    <row r="1016862" spans="14:14">
      <c r="N1016862" s="10"/>
    </row>
    <row r="1016863" spans="14:14">
      <c r="N1016863" s="10"/>
    </row>
    <row r="1016864" spans="14:14">
      <c r="N1016864" s="10"/>
    </row>
    <row r="1016865" spans="14:14">
      <c r="N1016865" s="10"/>
    </row>
    <row r="1016866" spans="14:14">
      <c r="N1016866" s="10"/>
    </row>
    <row r="1016867" spans="14:14">
      <c r="N1016867" s="10"/>
    </row>
    <row r="1016868" spans="14:14">
      <c r="N1016868" s="10"/>
    </row>
    <row r="1016869" spans="14:14">
      <c r="N1016869" s="10"/>
    </row>
    <row r="1016870" spans="14:14">
      <c r="N1016870" s="10"/>
    </row>
    <row r="1016871" spans="14:14">
      <c r="N1016871" s="10"/>
    </row>
    <row r="1016872" spans="14:14">
      <c r="N1016872" s="10"/>
    </row>
    <row r="1016873" spans="14:14">
      <c r="N1016873" s="10"/>
    </row>
    <row r="1016874" spans="14:14">
      <c r="N1016874" s="10"/>
    </row>
    <row r="1016875" spans="14:14">
      <c r="N1016875" s="10"/>
    </row>
    <row r="1016876" spans="14:14">
      <c r="N1016876" s="10"/>
    </row>
    <row r="1016877" spans="14:14">
      <c r="N1016877" s="10"/>
    </row>
    <row r="1016878" spans="14:14">
      <c r="N1016878" s="10"/>
    </row>
    <row r="1016879" spans="14:14">
      <c r="N1016879" s="10"/>
    </row>
    <row r="1016880" spans="14:14">
      <c r="N1016880" s="10"/>
    </row>
    <row r="1016881" spans="14:14">
      <c r="N1016881" s="10"/>
    </row>
    <row r="1016882" spans="14:14">
      <c r="N1016882" s="10"/>
    </row>
    <row r="1016883" spans="14:14">
      <c r="N1016883" s="10"/>
    </row>
    <row r="1016884" spans="14:14">
      <c r="N1016884" s="10"/>
    </row>
    <row r="1016885" spans="14:14">
      <c r="N1016885" s="10"/>
    </row>
    <row r="1016886" spans="14:14">
      <c r="N1016886" s="10"/>
    </row>
    <row r="1016887" spans="14:14">
      <c r="N1016887" s="10"/>
    </row>
    <row r="1016888" spans="14:14">
      <c r="N1016888" s="10"/>
    </row>
    <row r="1016889" spans="14:14">
      <c r="N1016889" s="10"/>
    </row>
    <row r="1016890" spans="14:14">
      <c r="N1016890" s="10"/>
    </row>
    <row r="1016891" spans="14:14">
      <c r="N1016891" s="10"/>
    </row>
    <row r="1016892" spans="14:14">
      <c r="N1016892" s="10"/>
    </row>
    <row r="1016893" spans="14:14">
      <c r="N1016893" s="10"/>
    </row>
    <row r="1016894" spans="14:14">
      <c r="N1016894" s="10"/>
    </row>
    <row r="1016895" spans="14:14">
      <c r="N1016895" s="10"/>
    </row>
    <row r="1016896" spans="14:14">
      <c r="N1016896" s="10"/>
    </row>
    <row r="1016897" spans="14:14">
      <c r="N1016897" s="10"/>
    </row>
    <row r="1016898" spans="14:14">
      <c r="N1016898" s="10"/>
    </row>
    <row r="1016899" spans="14:14">
      <c r="N1016899" s="10"/>
    </row>
    <row r="1016900" spans="14:14">
      <c r="N1016900" s="10"/>
    </row>
    <row r="1016901" spans="14:14">
      <c r="N1016901" s="10"/>
    </row>
    <row r="1016902" spans="14:14">
      <c r="N1016902" s="10"/>
    </row>
    <row r="1016903" spans="14:14">
      <c r="N1016903" s="10"/>
    </row>
    <row r="1016904" spans="14:14">
      <c r="N1016904" s="10"/>
    </row>
    <row r="1016905" spans="14:14">
      <c r="N1016905" s="10"/>
    </row>
    <row r="1016906" spans="14:14">
      <c r="N1016906" s="10"/>
    </row>
    <row r="1016907" spans="14:14">
      <c r="N1016907" s="10"/>
    </row>
    <row r="1016908" spans="14:14">
      <c r="N1016908" s="10"/>
    </row>
    <row r="1016909" spans="14:14">
      <c r="N1016909" s="10"/>
    </row>
    <row r="1016910" spans="14:14">
      <c r="N1016910" s="10"/>
    </row>
    <row r="1016911" spans="14:14">
      <c r="N1016911" s="10"/>
    </row>
    <row r="1016912" spans="14:14">
      <c r="N1016912" s="10"/>
    </row>
    <row r="1016913" spans="14:14">
      <c r="N1016913" s="10"/>
    </row>
    <row r="1016914" spans="14:14">
      <c r="N1016914" s="10"/>
    </row>
    <row r="1016915" spans="14:14">
      <c r="N1016915" s="10"/>
    </row>
    <row r="1016916" spans="14:14">
      <c r="N1016916" s="10"/>
    </row>
    <row r="1016917" spans="14:14">
      <c r="N1016917" s="10"/>
    </row>
    <row r="1016918" spans="14:14">
      <c r="N1016918" s="10"/>
    </row>
    <row r="1016919" spans="14:14">
      <c r="N1016919" s="10"/>
    </row>
    <row r="1016920" spans="14:14">
      <c r="N1016920" s="10"/>
    </row>
    <row r="1016921" spans="14:14">
      <c r="N1016921" s="10"/>
    </row>
    <row r="1016922" spans="14:14">
      <c r="N1016922" s="10"/>
    </row>
    <row r="1016923" spans="14:14">
      <c r="N1016923" s="10"/>
    </row>
    <row r="1016924" spans="14:14">
      <c r="N1016924" s="10"/>
    </row>
    <row r="1016925" spans="14:14">
      <c r="N1016925" s="10"/>
    </row>
    <row r="1016926" spans="14:14">
      <c r="N1016926" s="10"/>
    </row>
    <row r="1016927" spans="14:14">
      <c r="N1016927" s="10"/>
    </row>
    <row r="1016928" spans="14:14">
      <c r="N1016928" s="10"/>
    </row>
    <row r="1016929" spans="14:14">
      <c r="N1016929" s="10"/>
    </row>
    <row r="1016930" spans="14:14">
      <c r="N1016930" s="10"/>
    </row>
    <row r="1016931" spans="14:14">
      <c r="N1016931" s="10"/>
    </row>
    <row r="1016932" spans="14:14">
      <c r="N1016932" s="10"/>
    </row>
    <row r="1016933" spans="14:14">
      <c r="N1016933" s="10"/>
    </row>
    <row r="1016934" spans="14:14">
      <c r="N1016934" s="10"/>
    </row>
    <row r="1016935" spans="14:14">
      <c r="N1016935" s="10"/>
    </row>
    <row r="1016936" spans="14:14">
      <c r="N1016936" s="10"/>
    </row>
    <row r="1016937" spans="14:14">
      <c r="N1016937" s="10"/>
    </row>
    <row r="1016938" spans="14:14">
      <c r="N1016938" s="10"/>
    </row>
    <row r="1016939" spans="14:14">
      <c r="N1016939" s="10"/>
    </row>
    <row r="1016940" spans="14:14">
      <c r="N1016940" s="10"/>
    </row>
    <row r="1016941" spans="14:14">
      <c r="N1016941" s="10"/>
    </row>
    <row r="1016942" spans="14:14">
      <c r="N1016942" s="10"/>
    </row>
    <row r="1016943" spans="14:14">
      <c r="N1016943" s="10"/>
    </row>
    <row r="1016944" spans="14:14">
      <c r="N1016944" s="10"/>
    </row>
    <row r="1016945" spans="14:14">
      <c r="N1016945" s="10"/>
    </row>
    <row r="1016946" spans="14:14">
      <c r="N1016946" s="10"/>
    </row>
    <row r="1016947" spans="14:14">
      <c r="N1016947" s="10"/>
    </row>
    <row r="1016948" spans="14:14">
      <c r="N1016948" s="10"/>
    </row>
    <row r="1016949" spans="14:14">
      <c r="N1016949" s="10"/>
    </row>
    <row r="1016950" spans="14:14">
      <c r="N1016950" s="10"/>
    </row>
    <row r="1016951" spans="14:14">
      <c r="N1016951" s="10"/>
    </row>
    <row r="1016952" spans="14:14">
      <c r="N1016952" s="10"/>
    </row>
    <row r="1016953" spans="14:14">
      <c r="N1016953" s="10"/>
    </row>
    <row r="1016954" spans="14:14">
      <c r="N1016954" s="10"/>
    </row>
    <row r="1016955" spans="14:14">
      <c r="N1016955" s="10"/>
    </row>
    <row r="1016956" spans="14:14">
      <c r="N1016956" s="10"/>
    </row>
    <row r="1016957" spans="14:14">
      <c r="N1016957" s="10"/>
    </row>
    <row r="1016958" spans="14:14">
      <c r="N1016958" s="10"/>
    </row>
    <row r="1016959" spans="14:14">
      <c r="N1016959" s="10"/>
    </row>
    <row r="1016960" spans="14:14">
      <c r="N1016960" s="10"/>
    </row>
    <row r="1016961" spans="14:14">
      <c r="N1016961" s="10"/>
    </row>
    <row r="1016962" spans="14:14">
      <c r="N1016962" s="10"/>
    </row>
    <row r="1016963" spans="14:14">
      <c r="N1016963" s="10"/>
    </row>
    <row r="1016964" spans="14:14">
      <c r="N1016964" s="10"/>
    </row>
    <row r="1016965" spans="14:14">
      <c r="N1016965" s="10"/>
    </row>
    <row r="1016966" spans="14:14">
      <c r="N1016966" s="10"/>
    </row>
    <row r="1016967" spans="14:14">
      <c r="N1016967" s="10"/>
    </row>
    <row r="1016968" spans="14:14">
      <c r="N1016968" s="10"/>
    </row>
    <row r="1016969" spans="14:14">
      <c r="N1016969" s="10"/>
    </row>
    <row r="1016970" spans="14:14">
      <c r="N1016970" s="10"/>
    </row>
    <row r="1016971" spans="14:14">
      <c r="N1016971" s="10"/>
    </row>
    <row r="1016972" spans="14:14">
      <c r="N1016972" s="10"/>
    </row>
    <row r="1016973" spans="14:14">
      <c r="N1016973" s="10"/>
    </row>
    <row r="1016974" spans="14:14">
      <c r="N1016974" s="10"/>
    </row>
    <row r="1016975" spans="14:14">
      <c r="N1016975" s="10"/>
    </row>
    <row r="1016976" spans="14:14">
      <c r="N1016976" s="10"/>
    </row>
    <row r="1016977" spans="14:14">
      <c r="N1016977" s="10"/>
    </row>
    <row r="1016978" spans="14:14">
      <c r="N1016978" s="10"/>
    </row>
    <row r="1016979" spans="14:14">
      <c r="N1016979" s="10"/>
    </row>
    <row r="1016980" spans="14:14">
      <c r="N1016980" s="10"/>
    </row>
    <row r="1016981" spans="14:14">
      <c r="N1016981" s="10"/>
    </row>
    <row r="1016982" spans="14:14">
      <c r="N1016982" s="10"/>
    </row>
    <row r="1016983" spans="14:14">
      <c r="N1016983" s="10"/>
    </row>
    <row r="1016984" spans="14:14">
      <c r="N1016984" s="10"/>
    </row>
    <row r="1016985" spans="14:14">
      <c r="N1016985" s="10"/>
    </row>
    <row r="1016986" spans="14:14">
      <c r="N1016986" s="10"/>
    </row>
    <row r="1016987" spans="14:14">
      <c r="N1016987" s="10"/>
    </row>
    <row r="1016988" spans="14:14">
      <c r="N1016988" s="10"/>
    </row>
    <row r="1016989" spans="14:14">
      <c r="N1016989" s="10"/>
    </row>
    <row r="1016990" spans="14:14">
      <c r="N1016990" s="10"/>
    </row>
    <row r="1016991" spans="14:14">
      <c r="N1016991" s="10"/>
    </row>
    <row r="1016992" spans="14:14">
      <c r="N1016992" s="10"/>
    </row>
    <row r="1016993" spans="14:14">
      <c r="N1016993" s="10"/>
    </row>
    <row r="1016994" spans="14:14">
      <c r="N1016994" s="10"/>
    </row>
    <row r="1016995" spans="14:14">
      <c r="N1016995" s="10"/>
    </row>
    <row r="1016996" spans="14:14">
      <c r="N1016996" s="10"/>
    </row>
    <row r="1016997" spans="14:14">
      <c r="N1016997" s="10"/>
    </row>
    <row r="1016998" spans="14:14">
      <c r="N1016998" s="10"/>
    </row>
    <row r="1016999" spans="14:14">
      <c r="N1016999" s="10"/>
    </row>
    <row r="1017000" spans="14:14">
      <c r="N1017000" s="10"/>
    </row>
    <row r="1017001" spans="14:14">
      <c r="N1017001" s="10"/>
    </row>
    <row r="1017002" spans="14:14">
      <c r="N1017002" s="10"/>
    </row>
    <row r="1017003" spans="14:14">
      <c r="N1017003" s="10"/>
    </row>
    <row r="1017004" spans="14:14">
      <c r="N1017004" s="10"/>
    </row>
    <row r="1017005" spans="14:14">
      <c r="N1017005" s="10"/>
    </row>
    <row r="1017006" spans="14:14">
      <c r="N1017006" s="10"/>
    </row>
    <row r="1017007" spans="14:14">
      <c r="N1017007" s="10"/>
    </row>
    <row r="1017008" spans="14:14">
      <c r="N1017008" s="10"/>
    </row>
    <row r="1017009" spans="14:14">
      <c r="N1017009" s="10"/>
    </row>
    <row r="1017010" spans="14:14">
      <c r="N1017010" s="10"/>
    </row>
    <row r="1017011" spans="14:14">
      <c r="N1017011" s="10"/>
    </row>
    <row r="1017012" spans="14:14">
      <c r="N1017012" s="10"/>
    </row>
    <row r="1017013" spans="14:14">
      <c r="N1017013" s="10"/>
    </row>
    <row r="1017014" spans="14:14">
      <c r="N1017014" s="10"/>
    </row>
    <row r="1017015" spans="14:14">
      <c r="N1017015" s="10"/>
    </row>
    <row r="1017016" spans="14:14">
      <c r="N1017016" s="10"/>
    </row>
    <row r="1017017" spans="14:14">
      <c r="N1017017" s="10"/>
    </row>
    <row r="1017018" spans="14:14">
      <c r="N1017018" s="10"/>
    </row>
    <row r="1017019" spans="14:14">
      <c r="N1017019" s="10"/>
    </row>
    <row r="1017020" spans="14:14">
      <c r="N1017020" s="10"/>
    </row>
    <row r="1017021" spans="14:14">
      <c r="N1017021" s="10"/>
    </row>
    <row r="1017022" spans="14:14">
      <c r="N1017022" s="10"/>
    </row>
    <row r="1017023" spans="14:14">
      <c r="N1017023" s="10"/>
    </row>
    <row r="1017024" spans="14:14">
      <c r="N1017024" s="10"/>
    </row>
    <row r="1017025" spans="14:14">
      <c r="N1017025" s="10"/>
    </row>
    <row r="1017026" spans="14:14">
      <c r="N1017026" s="10"/>
    </row>
    <row r="1017027" spans="14:14">
      <c r="N1017027" s="10"/>
    </row>
    <row r="1017028" spans="14:14">
      <c r="N1017028" s="10"/>
    </row>
    <row r="1017029" spans="14:14">
      <c r="N1017029" s="10"/>
    </row>
    <row r="1017030" spans="14:14">
      <c r="N1017030" s="10"/>
    </row>
    <row r="1017031" spans="14:14">
      <c r="N1017031" s="10"/>
    </row>
    <row r="1017032" spans="14:14">
      <c r="N1017032" s="10"/>
    </row>
    <row r="1017033" spans="14:14">
      <c r="N1017033" s="10"/>
    </row>
    <row r="1017034" spans="14:14">
      <c r="N1017034" s="10"/>
    </row>
    <row r="1017035" spans="14:14">
      <c r="N1017035" s="10"/>
    </row>
    <row r="1017036" spans="14:14">
      <c r="N1017036" s="10"/>
    </row>
    <row r="1017037" spans="14:14">
      <c r="N1017037" s="10"/>
    </row>
    <row r="1017038" spans="14:14">
      <c r="N1017038" s="10"/>
    </row>
    <row r="1017039" spans="14:14">
      <c r="N1017039" s="10"/>
    </row>
    <row r="1017040" spans="14:14">
      <c r="N1017040" s="10"/>
    </row>
    <row r="1017041" spans="14:14">
      <c r="N1017041" s="10"/>
    </row>
    <row r="1017042" spans="14:14">
      <c r="N1017042" s="10"/>
    </row>
    <row r="1017043" spans="14:14">
      <c r="N1017043" s="10"/>
    </row>
    <row r="1017044" spans="14:14">
      <c r="N1017044" s="10"/>
    </row>
    <row r="1017045" spans="14:14">
      <c r="N1017045" s="10"/>
    </row>
    <row r="1017046" spans="14:14">
      <c r="N1017046" s="10"/>
    </row>
    <row r="1017047" spans="14:14">
      <c r="N1017047" s="10"/>
    </row>
    <row r="1017048" spans="14:14">
      <c r="N1017048" s="10"/>
    </row>
    <row r="1017049" spans="14:14">
      <c r="N1017049" s="10"/>
    </row>
    <row r="1017050" spans="14:14">
      <c r="N1017050" s="10"/>
    </row>
    <row r="1017051" spans="14:14">
      <c r="N1017051" s="10"/>
    </row>
    <row r="1017052" spans="14:14">
      <c r="N1017052" s="10"/>
    </row>
    <row r="1017053" spans="14:14">
      <c r="N1017053" s="10"/>
    </row>
    <row r="1017054" spans="14:14">
      <c r="N1017054" s="10"/>
    </row>
    <row r="1017055" spans="14:14">
      <c r="N1017055" s="10"/>
    </row>
    <row r="1017056" spans="14:14">
      <c r="N1017056" s="10"/>
    </row>
    <row r="1017057" spans="14:14">
      <c r="N1017057" s="10"/>
    </row>
    <row r="1017058" spans="14:14">
      <c r="N1017058" s="10"/>
    </row>
    <row r="1017059" spans="14:14">
      <c r="N1017059" s="10"/>
    </row>
    <row r="1017060" spans="14:14">
      <c r="N1017060" s="10"/>
    </row>
    <row r="1017061" spans="14:14">
      <c r="N1017061" s="10"/>
    </row>
    <row r="1017062" spans="14:14">
      <c r="N1017062" s="10"/>
    </row>
    <row r="1017063" spans="14:14">
      <c r="N1017063" s="10"/>
    </row>
    <row r="1017064" spans="14:14">
      <c r="N1017064" s="10"/>
    </row>
    <row r="1017065" spans="14:14">
      <c r="N1017065" s="10"/>
    </row>
    <row r="1017066" spans="14:14">
      <c r="N1017066" s="10"/>
    </row>
    <row r="1017067" spans="14:14">
      <c r="N1017067" s="10"/>
    </row>
    <row r="1017068" spans="14:14">
      <c r="N1017068" s="10"/>
    </row>
    <row r="1017069" spans="14:14">
      <c r="N1017069" s="10"/>
    </row>
    <row r="1017070" spans="14:14">
      <c r="N1017070" s="10"/>
    </row>
    <row r="1017071" spans="14:14">
      <c r="N1017071" s="10"/>
    </row>
    <row r="1017072" spans="14:14">
      <c r="N1017072" s="10"/>
    </row>
    <row r="1017073" spans="14:14">
      <c r="N1017073" s="10"/>
    </row>
    <row r="1017074" spans="14:14">
      <c r="N1017074" s="10"/>
    </row>
    <row r="1017075" spans="14:14">
      <c r="N1017075" s="10"/>
    </row>
    <row r="1017076" spans="14:14">
      <c r="N1017076" s="10"/>
    </row>
    <row r="1017077" spans="14:14">
      <c r="N1017077" s="10"/>
    </row>
    <row r="1017078" spans="14:14">
      <c r="N1017078" s="10"/>
    </row>
    <row r="1017079" spans="14:14">
      <c r="N1017079" s="10"/>
    </row>
    <row r="1017080" spans="14:14">
      <c r="N1017080" s="10"/>
    </row>
    <row r="1017081" spans="14:14">
      <c r="N1017081" s="10"/>
    </row>
    <row r="1017082" spans="14:14">
      <c r="N1017082" s="10"/>
    </row>
    <row r="1017083" spans="14:14">
      <c r="N1017083" s="10"/>
    </row>
    <row r="1017084" spans="14:14">
      <c r="N1017084" s="10"/>
    </row>
    <row r="1017085" spans="14:14">
      <c r="N1017085" s="10"/>
    </row>
    <row r="1017086" spans="14:14">
      <c r="N1017086" s="10"/>
    </row>
    <row r="1017087" spans="14:14">
      <c r="N1017087" s="10"/>
    </row>
    <row r="1017088" spans="14:14">
      <c r="N1017088" s="10"/>
    </row>
    <row r="1017089" spans="14:14">
      <c r="N1017089" s="10"/>
    </row>
    <row r="1017090" spans="14:14">
      <c r="N1017090" s="10"/>
    </row>
    <row r="1017091" spans="14:14">
      <c r="N1017091" s="10"/>
    </row>
    <row r="1017092" spans="14:14">
      <c r="N1017092" s="10"/>
    </row>
    <row r="1017093" spans="14:14">
      <c r="N1017093" s="10"/>
    </row>
    <row r="1017094" spans="14:14">
      <c r="N1017094" s="10"/>
    </row>
    <row r="1017095" spans="14:14">
      <c r="N1017095" s="10"/>
    </row>
    <row r="1017096" spans="14:14">
      <c r="N1017096" s="10"/>
    </row>
    <row r="1017097" spans="14:14">
      <c r="N1017097" s="10"/>
    </row>
    <row r="1017098" spans="14:14">
      <c r="N1017098" s="10"/>
    </row>
    <row r="1017099" spans="14:14">
      <c r="N1017099" s="10"/>
    </row>
    <row r="1017100" spans="14:14">
      <c r="N1017100" s="10"/>
    </row>
    <row r="1017101" spans="14:14">
      <c r="N1017101" s="10"/>
    </row>
    <row r="1017102" spans="14:14">
      <c r="N1017102" s="10"/>
    </row>
    <row r="1017103" spans="14:14">
      <c r="N1017103" s="10"/>
    </row>
    <row r="1017104" spans="14:14">
      <c r="N1017104" s="10"/>
    </row>
    <row r="1017105" spans="14:14">
      <c r="N1017105" s="10"/>
    </row>
    <row r="1017106" spans="14:14">
      <c r="N1017106" s="10"/>
    </row>
    <row r="1017107" spans="14:14">
      <c r="N1017107" s="10"/>
    </row>
    <row r="1017108" spans="14:14">
      <c r="N1017108" s="10"/>
    </row>
    <row r="1017109" spans="14:14">
      <c r="N1017109" s="10"/>
    </row>
    <row r="1017110" spans="14:14">
      <c r="N1017110" s="10"/>
    </row>
    <row r="1017111" spans="14:14">
      <c r="N1017111" s="10"/>
    </row>
    <row r="1017112" spans="14:14">
      <c r="N1017112" s="10"/>
    </row>
    <row r="1017113" spans="14:14">
      <c r="N1017113" s="10"/>
    </row>
    <row r="1017114" spans="14:14">
      <c r="N1017114" s="10"/>
    </row>
    <row r="1017115" spans="14:14">
      <c r="N1017115" s="10"/>
    </row>
    <row r="1017116" spans="14:14">
      <c r="N1017116" s="10"/>
    </row>
    <row r="1017117" spans="14:14">
      <c r="N1017117" s="10"/>
    </row>
    <row r="1017118" spans="14:14">
      <c r="N1017118" s="10"/>
    </row>
    <row r="1017119" spans="14:14">
      <c r="N1017119" s="10"/>
    </row>
    <row r="1017120" spans="14:14">
      <c r="N1017120" s="10"/>
    </row>
    <row r="1017121" spans="14:14">
      <c r="N1017121" s="10"/>
    </row>
    <row r="1017122" spans="14:14">
      <c r="N1017122" s="10"/>
    </row>
    <row r="1017123" spans="14:14">
      <c r="N1017123" s="10"/>
    </row>
    <row r="1017124" spans="14:14">
      <c r="N1017124" s="10"/>
    </row>
    <row r="1017125" spans="14:14">
      <c r="N1017125" s="10"/>
    </row>
    <row r="1017126" spans="14:14">
      <c r="N1017126" s="10"/>
    </row>
    <row r="1017127" spans="14:14">
      <c r="N1017127" s="10"/>
    </row>
    <row r="1017128" spans="14:14">
      <c r="N1017128" s="10"/>
    </row>
    <row r="1017129" spans="14:14">
      <c r="N1017129" s="10"/>
    </row>
    <row r="1017130" spans="14:14">
      <c r="N1017130" s="10"/>
    </row>
    <row r="1017131" spans="14:14">
      <c r="N1017131" s="10"/>
    </row>
    <row r="1017132" spans="14:14">
      <c r="N1017132" s="10"/>
    </row>
    <row r="1017133" spans="14:14">
      <c r="N1017133" s="10"/>
    </row>
    <row r="1017134" spans="14:14">
      <c r="N1017134" s="10"/>
    </row>
    <row r="1017135" spans="14:14">
      <c r="N1017135" s="10"/>
    </row>
    <row r="1017136" spans="14:14">
      <c r="N1017136" s="10"/>
    </row>
    <row r="1017137" spans="14:14">
      <c r="N1017137" s="10"/>
    </row>
    <row r="1017138" spans="14:14">
      <c r="N1017138" s="10"/>
    </row>
    <row r="1017139" spans="14:14">
      <c r="N1017139" s="10"/>
    </row>
    <row r="1017140" spans="14:14">
      <c r="N1017140" s="10"/>
    </row>
    <row r="1017141" spans="14:14">
      <c r="N1017141" s="10"/>
    </row>
    <row r="1017142" spans="14:14">
      <c r="N1017142" s="10"/>
    </row>
    <row r="1017143" spans="14:14">
      <c r="N1017143" s="10"/>
    </row>
    <row r="1017144" spans="14:14">
      <c r="N1017144" s="10"/>
    </row>
    <row r="1017145" spans="14:14">
      <c r="N1017145" s="10"/>
    </row>
    <row r="1017146" spans="14:14">
      <c r="N1017146" s="10"/>
    </row>
    <row r="1017147" spans="14:14">
      <c r="N1017147" s="10"/>
    </row>
    <row r="1017148" spans="14:14">
      <c r="N1017148" s="10"/>
    </row>
    <row r="1017149" spans="14:14">
      <c r="N1017149" s="10"/>
    </row>
    <row r="1017150" spans="14:14">
      <c r="N1017150" s="10"/>
    </row>
    <row r="1017151" spans="14:14">
      <c r="N1017151" s="10"/>
    </row>
    <row r="1017152" spans="14:14">
      <c r="N1017152" s="10"/>
    </row>
    <row r="1017153" spans="14:14">
      <c r="N1017153" s="10"/>
    </row>
    <row r="1017154" spans="14:14">
      <c r="N1017154" s="10"/>
    </row>
    <row r="1017155" spans="14:14">
      <c r="N1017155" s="10"/>
    </row>
    <row r="1017156" spans="14:14">
      <c r="N1017156" s="10"/>
    </row>
    <row r="1017157" spans="14:14">
      <c r="N1017157" s="10"/>
    </row>
    <row r="1017158" spans="14:14">
      <c r="N1017158" s="10"/>
    </row>
    <row r="1017159" spans="14:14">
      <c r="N1017159" s="10"/>
    </row>
    <row r="1017160" spans="14:14">
      <c r="N1017160" s="10"/>
    </row>
    <row r="1017161" spans="14:14">
      <c r="N1017161" s="10"/>
    </row>
    <row r="1017162" spans="14:14">
      <c r="N1017162" s="10"/>
    </row>
    <row r="1017163" spans="14:14">
      <c r="N1017163" s="10"/>
    </row>
    <row r="1017164" spans="14:14">
      <c r="N1017164" s="10"/>
    </row>
    <row r="1017165" spans="14:14">
      <c r="N1017165" s="10"/>
    </row>
    <row r="1017166" spans="14:14">
      <c r="N1017166" s="10"/>
    </row>
    <row r="1017167" spans="14:14">
      <c r="N1017167" s="10"/>
    </row>
    <row r="1017168" spans="14:14">
      <c r="N1017168" s="10"/>
    </row>
    <row r="1017169" spans="14:14">
      <c r="N1017169" s="10"/>
    </row>
    <row r="1017170" spans="14:14">
      <c r="N1017170" s="10"/>
    </row>
    <row r="1017171" spans="14:14">
      <c r="N1017171" s="10"/>
    </row>
    <row r="1017172" spans="14:14">
      <c r="N1017172" s="10"/>
    </row>
    <row r="1017173" spans="14:14">
      <c r="N1017173" s="10"/>
    </row>
    <row r="1017174" spans="14:14">
      <c r="N1017174" s="10"/>
    </row>
    <row r="1017175" spans="14:14">
      <c r="N1017175" s="10"/>
    </row>
    <row r="1017176" spans="14:14">
      <c r="N1017176" s="10"/>
    </row>
    <row r="1017177" spans="14:14">
      <c r="N1017177" s="10"/>
    </row>
    <row r="1017178" spans="14:14">
      <c r="N1017178" s="10"/>
    </row>
    <row r="1017179" spans="14:14">
      <c r="N1017179" s="10"/>
    </row>
    <row r="1017180" spans="14:14">
      <c r="N1017180" s="10"/>
    </row>
    <row r="1017181" spans="14:14">
      <c r="N1017181" s="10"/>
    </row>
    <row r="1017182" spans="14:14">
      <c r="N1017182" s="10"/>
    </row>
    <row r="1017183" spans="14:14">
      <c r="N1017183" s="10"/>
    </row>
    <row r="1017184" spans="14:14">
      <c r="N1017184" s="10"/>
    </row>
    <row r="1017185" spans="14:14">
      <c r="N1017185" s="10"/>
    </row>
    <row r="1017186" spans="14:14">
      <c r="N1017186" s="10"/>
    </row>
    <row r="1017187" spans="14:14">
      <c r="N1017187" s="10"/>
    </row>
    <row r="1017188" spans="14:14">
      <c r="N1017188" s="10"/>
    </row>
    <row r="1017189" spans="14:14">
      <c r="N1017189" s="10"/>
    </row>
    <row r="1017190" spans="14:14">
      <c r="N1017190" s="10"/>
    </row>
    <row r="1017191" spans="14:14">
      <c r="N1017191" s="10"/>
    </row>
    <row r="1017192" spans="14:14">
      <c r="N1017192" s="10"/>
    </row>
    <row r="1017193" spans="14:14">
      <c r="N1017193" s="10"/>
    </row>
    <row r="1017194" spans="14:14">
      <c r="N1017194" s="10"/>
    </row>
    <row r="1017195" spans="14:14">
      <c r="N1017195" s="10"/>
    </row>
    <row r="1017196" spans="14:14">
      <c r="N1017196" s="10"/>
    </row>
    <row r="1017197" spans="14:14">
      <c r="N1017197" s="10"/>
    </row>
    <row r="1017198" spans="14:14">
      <c r="N1017198" s="10"/>
    </row>
    <row r="1017199" spans="14:14">
      <c r="N1017199" s="10"/>
    </row>
    <row r="1017200" spans="14:14">
      <c r="N1017200" s="10"/>
    </row>
    <row r="1017201" spans="14:14">
      <c r="N1017201" s="10"/>
    </row>
    <row r="1017202" spans="14:14">
      <c r="N1017202" s="10"/>
    </row>
    <row r="1017203" spans="14:14">
      <c r="N1017203" s="10"/>
    </row>
    <row r="1017204" spans="14:14">
      <c r="N1017204" s="10"/>
    </row>
    <row r="1017205" spans="14:14">
      <c r="N1017205" s="10"/>
    </row>
    <row r="1017206" spans="14:14">
      <c r="N1017206" s="10"/>
    </row>
    <row r="1017207" spans="14:14">
      <c r="N1017207" s="10"/>
    </row>
    <row r="1017208" spans="14:14">
      <c r="N1017208" s="10"/>
    </row>
    <row r="1017209" spans="14:14">
      <c r="N1017209" s="10"/>
    </row>
    <row r="1017210" spans="14:14">
      <c r="N1017210" s="10"/>
    </row>
    <row r="1017211" spans="14:14">
      <c r="N1017211" s="10"/>
    </row>
    <row r="1017212" spans="14:14">
      <c r="N1017212" s="10"/>
    </row>
    <row r="1017213" spans="14:14">
      <c r="N1017213" s="10"/>
    </row>
    <row r="1017214" spans="14:14">
      <c r="N1017214" s="10"/>
    </row>
    <row r="1017215" spans="14:14">
      <c r="N1017215" s="10"/>
    </row>
    <row r="1017216" spans="14:14">
      <c r="N1017216" s="10"/>
    </row>
    <row r="1017217" spans="14:14">
      <c r="N1017217" s="10"/>
    </row>
    <row r="1017218" spans="14:14">
      <c r="N1017218" s="10"/>
    </row>
    <row r="1017219" spans="14:14">
      <c r="N1017219" s="10"/>
    </row>
    <row r="1017220" spans="14:14">
      <c r="N1017220" s="10"/>
    </row>
    <row r="1017221" spans="14:14">
      <c r="N1017221" s="10"/>
    </row>
    <row r="1017222" spans="14:14">
      <c r="N1017222" s="10"/>
    </row>
    <row r="1017223" spans="14:14">
      <c r="N1017223" s="10"/>
    </row>
    <row r="1017224" spans="14:14">
      <c r="N1017224" s="10"/>
    </row>
    <row r="1017225" spans="14:14">
      <c r="N1017225" s="10"/>
    </row>
    <row r="1017226" spans="14:14">
      <c r="N1017226" s="10"/>
    </row>
    <row r="1017227" spans="14:14">
      <c r="N1017227" s="10"/>
    </row>
    <row r="1017228" spans="14:14">
      <c r="N1017228" s="10"/>
    </row>
    <row r="1017229" spans="14:14">
      <c r="N1017229" s="10"/>
    </row>
    <row r="1017230" spans="14:14">
      <c r="N1017230" s="10"/>
    </row>
    <row r="1017231" spans="14:14">
      <c r="N1017231" s="10"/>
    </row>
    <row r="1017232" spans="14:14">
      <c r="N1017232" s="10"/>
    </row>
    <row r="1017233" spans="14:14">
      <c r="N1017233" s="10"/>
    </row>
    <row r="1017234" spans="14:14">
      <c r="N1017234" s="10"/>
    </row>
    <row r="1017235" spans="14:14">
      <c r="N1017235" s="10"/>
    </row>
    <row r="1017236" spans="14:14">
      <c r="N1017236" s="10"/>
    </row>
    <row r="1017237" spans="14:14">
      <c r="N1017237" s="10"/>
    </row>
    <row r="1017238" spans="14:14">
      <c r="N1017238" s="10"/>
    </row>
    <row r="1017239" spans="14:14">
      <c r="N1017239" s="10"/>
    </row>
    <row r="1017240" spans="14:14">
      <c r="N1017240" s="10"/>
    </row>
    <row r="1017241" spans="14:14">
      <c r="N1017241" s="10"/>
    </row>
    <row r="1017242" spans="14:14">
      <c r="N1017242" s="10"/>
    </row>
    <row r="1017243" spans="14:14">
      <c r="N1017243" s="10"/>
    </row>
    <row r="1017244" spans="14:14">
      <c r="N1017244" s="10"/>
    </row>
    <row r="1017245" spans="14:14">
      <c r="N1017245" s="10"/>
    </row>
    <row r="1017246" spans="14:14">
      <c r="N1017246" s="10"/>
    </row>
    <row r="1017247" spans="14:14">
      <c r="N1017247" s="10"/>
    </row>
    <row r="1017248" spans="14:14">
      <c r="N1017248" s="10"/>
    </row>
    <row r="1017249" spans="14:14">
      <c r="N1017249" s="10"/>
    </row>
    <row r="1017250" spans="14:14">
      <c r="N1017250" s="10"/>
    </row>
    <row r="1017251" spans="14:14">
      <c r="N1017251" s="10"/>
    </row>
    <row r="1017252" spans="14:14">
      <c r="N1017252" s="10"/>
    </row>
    <row r="1017253" spans="14:14">
      <c r="N1017253" s="10"/>
    </row>
    <row r="1017254" spans="14:14">
      <c r="N1017254" s="10"/>
    </row>
    <row r="1017255" spans="14:14">
      <c r="N1017255" s="10"/>
    </row>
    <row r="1017256" spans="14:14">
      <c r="N1017256" s="10"/>
    </row>
    <row r="1017257" spans="14:14">
      <c r="N1017257" s="10"/>
    </row>
    <row r="1017258" spans="14:14">
      <c r="N1017258" s="10"/>
    </row>
    <row r="1017259" spans="14:14">
      <c r="N1017259" s="10"/>
    </row>
    <row r="1017260" spans="14:14">
      <c r="N1017260" s="10"/>
    </row>
    <row r="1017261" spans="14:14">
      <c r="N1017261" s="10"/>
    </row>
    <row r="1017262" spans="14:14">
      <c r="N1017262" s="10"/>
    </row>
    <row r="1017263" spans="14:14">
      <c r="N1017263" s="10"/>
    </row>
    <row r="1017264" spans="14:14">
      <c r="N1017264" s="10"/>
    </row>
    <row r="1017265" spans="14:14">
      <c r="N1017265" s="10"/>
    </row>
    <row r="1017266" spans="14:14">
      <c r="N1017266" s="10"/>
    </row>
    <row r="1017267" spans="14:14">
      <c r="N1017267" s="10"/>
    </row>
    <row r="1017268" spans="14:14">
      <c r="N1017268" s="10"/>
    </row>
    <row r="1017269" spans="14:14">
      <c r="N1017269" s="10"/>
    </row>
    <row r="1017270" spans="14:14">
      <c r="N1017270" s="10"/>
    </row>
    <row r="1017271" spans="14:14">
      <c r="N1017271" s="10"/>
    </row>
    <row r="1017272" spans="14:14">
      <c r="N1017272" s="10"/>
    </row>
    <row r="1017273" spans="14:14">
      <c r="N1017273" s="10"/>
    </row>
    <row r="1017274" spans="14:14">
      <c r="N1017274" s="10"/>
    </row>
    <row r="1017275" spans="14:14">
      <c r="N1017275" s="10"/>
    </row>
    <row r="1017276" spans="14:14">
      <c r="N1017276" s="10"/>
    </row>
    <row r="1017277" spans="14:14">
      <c r="N1017277" s="10"/>
    </row>
    <row r="1017278" spans="14:14">
      <c r="N1017278" s="10"/>
    </row>
    <row r="1017279" spans="14:14">
      <c r="N1017279" s="10"/>
    </row>
    <row r="1017280" spans="14:14">
      <c r="N1017280" s="10"/>
    </row>
    <row r="1017281" spans="14:14">
      <c r="N1017281" s="10"/>
    </row>
    <row r="1017282" spans="14:14">
      <c r="N1017282" s="10"/>
    </row>
    <row r="1017283" spans="14:14">
      <c r="N1017283" s="10"/>
    </row>
    <row r="1017284" spans="14:14">
      <c r="N1017284" s="10"/>
    </row>
    <row r="1017285" spans="14:14">
      <c r="N1017285" s="10"/>
    </row>
    <row r="1017286" spans="14:14">
      <c r="N1017286" s="10"/>
    </row>
    <row r="1017287" spans="14:14">
      <c r="N1017287" s="10"/>
    </row>
    <row r="1017288" spans="14:14">
      <c r="N1017288" s="10"/>
    </row>
    <row r="1017289" spans="14:14">
      <c r="N1017289" s="10"/>
    </row>
    <row r="1017290" spans="14:14">
      <c r="N1017290" s="10"/>
    </row>
    <row r="1017291" spans="14:14">
      <c r="N1017291" s="10"/>
    </row>
    <row r="1017292" spans="14:14">
      <c r="N1017292" s="10"/>
    </row>
    <row r="1017293" spans="14:14">
      <c r="N1017293" s="10"/>
    </row>
    <row r="1017294" spans="14:14">
      <c r="N1017294" s="10"/>
    </row>
    <row r="1017295" spans="14:14">
      <c r="N1017295" s="10"/>
    </row>
    <row r="1017296" spans="14:14">
      <c r="N1017296" s="10"/>
    </row>
    <row r="1017297" spans="14:14">
      <c r="N1017297" s="10"/>
    </row>
    <row r="1017298" spans="14:14">
      <c r="N1017298" s="10"/>
    </row>
    <row r="1017299" spans="14:14">
      <c r="N1017299" s="10"/>
    </row>
    <row r="1017300" spans="14:14">
      <c r="N1017300" s="10"/>
    </row>
    <row r="1017301" spans="14:14">
      <c r="N1017301" s="10"/>
    </row>
    <row r="1017302" spans="14:14">
      <c r="N1017302" s="10"/>
    </row>
    <row r="1017303" spans="14:14">
      <c r="N1017303" s="10"/>
    </row>
    <row r="1017304" spans="14:14">
      <c r="N1017304" s="10"/>
    </row>
    <row r="1017305" spans="14:14">
      <c r="N1017305" s="10"/>
    </row>
    <row r="1017306" spans="14:14">
      <c r="N1017306" s="10"/>
    </row>
    <row r="1017307" spans="14:14">
      <c r="N1017307" s="10"/>
    </row>
    <row r="1017308" spans="14:14">
      <c r="N1017308" s="10"/>
    </row>
    <row r="1017309" spans="14:14">
      <c r="N1017309" s="10"/>
    </row>
    <row r="1017310" spans="14:14">
      <c r="N1017310" s="10"/>
    </row>
    <row r="1017311" spans="14:14">
      <c r="N1017311" s="10"/>
    </row>
    <row r="1017312" spans="14:14">
      <c r="N1017312" s="10"/>
    </row>
    <row r="1017313" spans="14:14">
      <c r="N1017313" s="10"/>
    </row>
    <row r="1017314" spans="14:14">
      <c r="N1017314" s="10"/>
    </row>
    <row r="1017315" spans="14:14">
      <c r="N1017315" s="10"/>
    </row>
    <row r="1017316" spans="14:14">
      <c r="N1017316" s="10"/>
    </row>
    <row r="1017317" spans="14:14">
      <c r="N1017317" s="10"/>
    </row>
    <row r="1017318" spans="14:14">
      <c r="N1017318" s="10"/>
    </row>
    <row r="1017319" spans="14:14">
      <c r="N1017319" s="10"/>
    </row>
    <row r="1017320" spans="14:14">
      <c r="N1017320" s="10"/>
    </row>
    <row r="1017321" spans="14:14">
      <c r="N1017321" s="10"/>
    </row>
    <row r="1017322" spans="14:14">
      <c r="N1017322" s="10"/>
    </row>
    <row r="1017323" spans="14:14">
      <c r="N1017323" s="10"/>
    </row>
    <row r="1017324" spans="14:14">
      <c r="N1017324" s="10"/>
    </row>
    <row r="1017325" spans="14:14">
      <c r="N1017325" s="10"/>
    </row>
    <row r="1017326" spans="14:14">
      <c r="N1017326" s="10"/>
    </row>
    <row r="1017327" spans="14:14">
      <c r="N1017327" s="10"/>
    </row>
    <row r="1017328" spans="14:14">
      <c r="N1017328" s="10"/>
    </row>
    <row r="1017329" spans="14:14">
      <c r="N1017329" s="10"/>
    </row>
    <row r="1017330" spans="14:14">
      <c r="N1017330" s="10"/>
    </row>
    <row r="1017331" spans="14:14">
      <c r="N1017331" s="10"/>
    </row>
    <row r="1017332" spans="14:14">
      <c r="N1017332" s="10"/>
    </row>
    <row r="1017333" spans="14:14">
      <c r="N1017333" s="10"/>
    </row>
    <row r="1017334" spans="14:14">
      <c r="N1017334" s="10"/>
    </row>
    <row r="1017335" spans="14:14">
      <c r="N1017335" s="10"/>
    </row>
    <row r="1017336" spans="14:14">
      <c r="N1017336" s="10"/>
    </row>
    <row r="1017337" spans="14:14">
      <c r="N1017337" s="10"/>
    </row>
    <row r="1017338" spans="14:14">
      <c r="N1017338" s="10"/>
    </row>
    <row r="1017339" spans="14:14">
      <c r="N1017339" s="10"/>
    </row>
    <row r="1017340" spans="14:14">
      <c r="N1017340" s="10"/>
    </row>
    <row r="1017341" spans="14:14">
      <c r="N1017341" s="10"/>
    </row>
    <row r="1017342" spans="14:14">
      <c r="N1017342" s="10"/>
    </row>
    <row r="1017343" spans="14:14">
      <c r="N1017343" s="10"/>
    </row>
    <row r="1017344" spans="14:14">
      <c r="N1017344" s="10"/>
    </row>
    <row r="1017345" spans="14:14">
      <c r="N1017345" s="10"/>
    </row>
    <row r="1017346" spans="14:14">
      <c r="N1017346" s="10"/>
    </row>
    <row r="1017347" spans="14:14">
      <c r="N1017347" s="10"/>
    </row>
    <row r="1017348" spans="14:14">
      <c r="N1017348" s="10"/>
    </row>
    <row r="1017349" spans="14:14">
      <c r="N1017349" s="10"/>
    </row>
    <row r="1017350" spans="14:14">
      <c r="N1017350" s="10"/>
    </row>
    <row r="1017351" spans="14:14">
      <c r="N1017351" s="10"/>
    </row>
    <row r="1017352" spans="14:14">
      <c r="N1017352" s="10"/>
    </row>
    <row r="1017353" spans="14:14">
      <c r="N1017353" s="10"/>
    </row>
    <row r="1017354" spans="14:14">
      <c r="N1017354" s="10"/>
    </row>
    <row r="1017355" spans="14:14">
      <c r="N1017355" s="10"/>
    </row>
    <row r="1017356" spans="14:14">
      <c r="N1017356" s="10"/>
    </row>
    <row r="1017357" spans="14:14">
      <c r="N1017357" s="10"/>
    </row>
    <row r="1017358" spans="14:14">
      <c r="N1017358" s="10"/>
    </row>
    <row r="1017359" spans="14:14">
      <c r="N1017359" s="10"/>
    </row>
    <row r="1017360" spans="14:14">
      <c r="N1017360" s="10"/>
    </row>
    <row r="1017361" spans="14:14">
      <c r="N1017361" s="10"/>
    </row>
    <row r="1017362" spans="14:14">
      <c r="N1017362" s="10"/>
    </row>
    <row r="1017363" spans="14:14">
      <c r="N1017363" s="10"/>
    </row>
    <row r="1017364" spans="14:14">
      <c r="N1017364" s="10"/>
    </row>
    <row r="1017365" spans="14:14">
      <c r="N1017365" s="10"/>
    </row>
    <row r="1017366" spans="14:14">
      <c r="N1017366" s="10"/>
    </row>
    <row r="1017367" spans="14:14">
      <c r="N1017367" s="10"/>
    </row>
    <row r="1017368" spans="14:14">
      <c r="N1017368" s="10"/>
    </row>
    <row r="1017369" spans="14:14">
      <c r="N1017369" s="10"/>
    </row>
    <row r="1017370" spans="14:14">
      <c r="N1017370" s="10"/>
    </row>
    <row r="1017371" spans="14:14">
      <c r="N1017371" s="10"/>
    </row>
    <row r="1017372" spans="14:14">
      <c r="N1017372" s="10"/>
    </row>
    <row r="1017373" spans="14:14">
      <c r="N1017373" s="10"/>
    </row>
    <row r="1017374" spans="14:14">
      <c r="N1017374" s="10"/>
    </row>
    <row r="1017375" spans="14:14">
      <c r="N1017375" s="10"/>
    </row>
    <row r="1017376" spans="14:14">
      <c r="N1017376" s="10"/>
    </row>
    <row r="1017377" spans="14:14">
      <c r="N1017377" s="10"/>
    </row>
    <row r="1017378" spans="14:14">
      <c r="N1017378" s="10"/>
    </row>
    <row r="1017379" spans="14:14">
      <c r="N1017379" s="10"/>
    </row>
    <row r="1017380" spans="14:14">
      <c r="N1017380" s="10"/>
    </row>
    <row r="1017381" spans="14:14">
      <c r="N1017381" s="10"/>
    </row>
    <row r="1017382" spans="14:14">
      <c r="N1017382" s="10"/>
    </row>
    <row r="1017383" spans="14:14">
      <c r="N1017383" s="10"/>
    </row>
    <row r="1017384" spans="14:14">
      <c r="N1017384" s="10"/>
    </row>
    <row r="1017385" spans="14:14">
      <c r="N1017385" s="10"/>
    </row>
    <row r="1017386" spans="14:14">
      <c r="N1017386" s="10"/>
    </row>
    <row r="1017387" spans="14:14">
      <c r="N1017387" s="10"/>
    </row>
    <row r="1017388" spans="14:14">
      <c r="N1017388" s="10"/>
    </row>
    <row r="1017389" spans="14:14">
      <c r="N1017389" s="10"/>
    </row>
    <row r="1017390" spans="14:14">
      <c r="N1017390" s="10"/>
    </row>
    <row r="1017391" spans="14:14">
      <c r="N1017391" s="10"/>
    </row>
    <row r="1017392" spans="14:14">
      <c r="N1017392" s="10"/>
    </row>
    <row r="1017393" spans="14:14">
      <c r="N1017393" s="10"/>
    </row>
    <row r="1017394" spans="14:14">
      <c r="N1017394" s="10"/>
    </row>
    <row r="1017395" spans="14:14">
      <c r="N1017395" s="10"/>
    </row>
    <row r="1017396" spans="14:14">
      <c r="N1017396" s="10"/>
    </row>
    <row r="1017397" spans="14:14">
      <c r="N1017397" s="10"/>
    </row>
    <row r="1017398" spans="14:14">
      <c r="N1017398" s="10"/>
    </row>
    <row r="1017399" spans="14:14">
      <c r="N1017399" s="10"/>
    </row>
    <row r="1017400" spans="14:14">
      <c r="N1017400" s="10"/>
    </row>
    <row r="1017401" spans="14:14">
      <c r="N1017401" s="10"/>
    </row>
    <row r="1017402" spans="14:14">
      <c r="N1017402" s="10"/>
    </row>
    <row r="1017403" spans="14:14">
      <c r="N1017403" s="10"/>
    </row>
    <row r="1017404" spans="14:14">
      <c r="N1017404" s="10"/>
    </row>
    <row r="1017405" spans="14:14">
      <c r="N1017405" s="10"/>
    </row>
    <row r="1017406" spans="14:14">
      <c r="N1017406" s="10"/>
    </row>
    <row r="1017407" spans="14:14">
      <c r="N1017407" s="10"/>
    </row>
    <row r="1017408" spans="14:14">
      <c r="N1017408" s="10"/>
    </row>
    <row r="1017409" spans="14:14">
      <c r="N1017409" s="10"/>
    </row>
    <row r="1017410" spans="14:14">
      <c r="N1017410" s="10"/>
    </row>
    <row r="1017411" spans="14:14">
      <c r="N1017411" s="10"/>
    </row>
    <row r="1017412" spans="14:14">
      <c r="N1017412" s="10"/>
    </row>
    <row r="1017413" spans="14:14">
      <c r="N1017413" s="10"/>
    </row>
    <row r="1017414" spans="14:14">
      <c r="N1017414" s="10"/>
    </row>
    <row r="1017415" spans="14:14">
      <c r="N1017415" s="10"/>
    </row>
    <row r="1017416" spans="14:14">
      <c r="N1017416" s="10"/>
    </row>
    <row r="1017417" spans="14:14">
      <c r="N1017417" s="10"/>
    </row>
    <row r="1017418" spans="14:14">
      <c r="N1017418" s="10"/>
    </row>
    <row r="1017419" spans="14:14">
      <c r="N1017419" s="10"/>
    </row>
    <row r="1017420" spans="14:14">
      <c r="N1017420" s="10"/>
    </row>
    <row r="1017421" spans="14:14">
      <c r="N1017421" s="10"/>
    </row>
    <row r="1017422" spans="14:14">
      <c r="N1017422" s="10"/>
    </row>
    <row r="1017423" spans="14:14">
      <c r="N1017423" s="10"/>
    </row>
    <row r="1017424" spans="14:14">
      <c r="N1017424" s="10"/>
    </row>
    <row r="1017425" spans="14:14">
      <c r="N1017425" s="10"/>
    </row>
    <row r="1017426" spans="14:14">
      <c r="N1017426" s="10"/>
    </row>
    <row r="1017427" spans="14:14">
      <c r="N1017427" s="10"/>
    </row>
    <row r="1017428" spans="14:14">
      <c r="N1017428" s="10"/>
    </row>
    <row r="1017429" spans="14:14">
      <c r="N1017429" s="10"/>
    </row>
    <row r="1017430" spans="14:14">
      <c r="N1017430" s="10"/>
    </row>
    <row r="1017431" spans="14:14">
      <c r="N1017431" s="10"/>
    </row>
    <row r="1017432" spans="14:14">
      <c r="N1017432" s="10"/>
    </row>
    <row r="1017433" spans="14:14">
      <c r="N1017433" s="10"/>
    </row>
    <row r="1017434" spans="14:14">
      <c r="N1017434" s="10"/>
    </row>
    <row r="1017435" spans="14:14">
      <c r="N1017435" s="10"/>
    </row>
    <row r="1017436" spans="14:14">
      <c r="N1017436" s="10"/>
    </row>
    <row r="1017437" spans="14:14">
      <c r="N1017437" s="10"/>
    </row>
    <row r="1017438" spans="14:14">
      <c r="N1017438" s="10"/>
    </row>
    <row r="1017439" spans="14:14">
      <c r="N1017439" s="10"/>
    </row>
    <row r="1017440" spans="14:14">
      <c r="N1017440" s="10"/>
    </row>
    <row r="1017441" spans="14:14">
      <c r="N1017441" s="10"/>
    </row>
    <row r="1017442" spans="14:14">
      <c r="N1017442" s="10"/>
    </row>
    <row r="1017443" spans="14:14">
      <c r="N1017443" s="10"/>
    </row>
    <row r="1017444" spans="14:14">
      <c r="N1017444" s="10"/>
    </row>
    <row r="1017445" spans="14:14">
      <c r="N1017445" s="10"/>
    </row>
    <row r="1017446" spans="14:14">
      <c r="N1017446" s="10"/>
    </row>
    <row r="1017447" spans="14:14">
      <c r="N1017447" s="10"/>
    </row>
    <row r="1017448" spans="14:14">
      <c r="N1017448" s="10"/>
    </row>
    <row r="1017449" spans="14:14">
      <c r="N1017449" s="10"/>
    </row>
    <row r="1017450" spans="14:14">
      <c r="N1017450" s="10"/>
    </row>
    <row r="1017451" spans="14:14">
      <c r="N1017451" s="10"/>
    </row>
    <row r="1017452" spans="14:14">
      <c r="N1017452" s="10"/>
    </row>
    <row r="1017453" spans="14:14">
      <c r="N1017453" s="10"/>
    </row>
    <row r="1017454" spans="14:14">
      <c r="N1017454" s="10"/>
    </row>
    <row r="1017455" spans="14:14">
      <c r="N1017455" s="10"/>
    </row>
    <row r="1017456" spans="14:14">
      <c r="N1017456" s="10"/>
    </row>
    <row r="1017457" spans="14:14">
      <c r="N1017457" s="10"/>
    </row>
    <row r="1017458" spans="14:14">
      <c r="N1017458" s="10"/>
    </row>
    <row r="1017459" spans="14:14">
      <c r="N1017459" s="10"/>
    </row>
    <row r="1017460" spans="14:14">
      <c r="N1017460" s="10"/>
    </row>
    <row r="1017461" spans="14:14">
      <c r="N1017461" s="10"/>
    </row>
    <row r="1017462" spans="14:14">
      <c r="N1017462" s="10"/>
    </row>
    <row r="1017463" spans="14:14">
      <c r="N1017463" s="10"/>
    </row>
    <row r="1017464" spans="14:14">
      <c r="N1017464" s="10"/>
    </row>
    <row r="1017465" spans="14:14">
      <c r="N1017465" s="10"/>
    </row>
    <row r="1017466" spans="14:14">
      <c r="N1017466" s="10"/>
    </row>
    <row r="1017467" spans="14:14">
      <c r="N1017467" s="10"/>
    </row>
    <row r="1017468" spans="14:14">
      <c r="N1017468" s="10"/>
    </row>
    <row r="1017469" spans="14:14">
      <c r="N1017469" s="10"/>
    </row>
    <row r="1017470" spans="14:14">
      <c r="N1017470" s="10"/>
    </row>
    <row r="1017471" spans="14:14">
      <c r="N1017471" s="10"/>
    </row>
    <row r="1017472" spans="14:14">
      <c r="N1017472" s="10"/>
    </row>
    <row r="1017473" spans="14:14">
      <c r="N1017473" s="10"/>
    </row>
    <row r="1017474" spans="14:14">
      <c r="N1017474" s="10"/>
    </row>
    <row r="1017475" spans="14:14">
      <c r="N1017475" s="10"/>
    </row>
    <row r="1017476" spans="14:14">
      <c r="N1017476" s="10"/>
    </row>
    <row r="1017477" spans="14:14">
      <c r="N1017477" s="10"/>
    </row>
    <row r="1017478" spans="14:14">
      <c r="N1017478" s="10"/>
    </row>
    <row r="1017479" spans="14:14">
      <c r="N1017479" s="10"/>
    </row>
    <row r="1017480" spans="14:14">
      <c r="N1017480" s="10"/>
    </row>
    <row r="1017481" spans="14:14">
      <c r="N1017481" s="10"/>
    </row>
    <row r="1017482" spans="14:14">
      <c r="N1017482" s="10"/>
    </row>
    <row r="1017483" spans="14:14">
      <c r="N1017483" s="10"/>
    </row>
    <row r="1017484" spans="14:14">
      <c r="N1017484" s="10"/>
    </row>
    <row r="1017485" spans="14:14">
      <c r="N1017485" s="10"/>
    </row>
    <row r="1017486" spans="14:14">
      <c r="N1017486" s="10"/>
    </row>
    <row r="1017487" spans="14:14">
      <c r="N1017487" s="10"/>
    </row>
    <row r="1017488" spans="14:14">
      <c r="N1017488" s="10"/>
    </row>
    <row r="1017489" spans="14:14">
      <c r="N1017489" s="10"/>
    </row>
    <row r="1017490" spans="14:14">
      <c r="N1017490" s="10"/>
    </row>
    <row r="1017491" spans="14:14">
      <c r="N1017491" s="10"/>
    </row>
    <row r="1017492" spans="14:14">
      <c r="N1017492" s="10"/>
    </row>
    <row r="1017493" spans="14:14">
      <c r="N1017493" s="10"/>
    </row>
    <row r="1017494" spans="14:14">
      <c r="N1017494" s="10"/>
    </row>
    <row r="1017495" spans="14:14">
      <c r="N1017495" s="10"/>
    </row>
    <row r="1017496" spans="14:14">
      <c r="N1017496" s="10"/>
    </row>
    <row r="1017497" spans="14:14">
      <c r="N1017497" s="10"/>
    </row>
    <row r="1017498" spans="14:14">
      <c r="N1017498" s="10"/>
    </row>
    <row r="1017499" spans="14:14">
      <c r="N1017499" s="10"/>
    </row>
    <row r="1017500" spans="14:14">
      <c r="N1017500" s="10"/>
    </row>
    <row r="1017501" spans="14:14">
      <c r="N1017501" s="10"/>
    </row>
    <row r="1017502" spans="14:14">
      <c r="N1017502" s="10"/>
    </row>
    <row r="1017503" spans="14:14">
      <c r="N1017503" s="10"/>
    </row>
    <row r="1017504" spans="14:14">
      <c r="N1017504" s="10"/>
    </row>
    <row r="1017505" spans="14:14">
      <c r="N1017505" s="10"/>
    </row>
    <row r="1017506" spans="14:14">
      <c r="N1017506" s="10"/>
    </row>
    <row r="1017507" spans="14:14">
      <c r="N1017507" s="10"/>
    </row>
    <row r="1017508" spans="14:14">
      <c r="N1017508" s="10"/>
    </row>
    <row r="1017509" spans="14:14">
      <c r="N1017509" s="10"/>
    </row>
    <row r="1017510" spans="14:14">
      <c r="N1017510" s="10"/>
    </row>
    <row r="1017511" spans="14:14">
      <c r="N1017511" s="10"/>
    </row>
    <row r="1017512" spans="14:14">
      <c r="N1017512" s="10"/>
    </row>
    <row r="1017513" spans="14:14">
      <c r="N1017513" s="10"/>
    </row>
    <row r="1017514" spans="14:14">
      <c r="N1017514" s="10"/>
    </row>
    <row r="1017515" spans="14:14">
      <c r="N1017515" s="10"/>
    </row>
    <row r="1017516" spans="14:14">
      <c r="N1017516" s="10"/>
    </row>
    <row r="1017517" spans="14:14">
      <c r="N1017517" s="10"/>
    </row>
    <row r="1017518" spans="14:14">
      <c r="N1017518" s="10"/>
    </row>
    <row r="1017519" spans="14:14">
      <c r="N1017519" s="10"/>
    </row>
    <row r="1017520" spans="14:14">
      <c r="N1017520" s="10"/>
    </row>
    <row r="1017521" spans="14:14">
      <c r="N1017521" s="10"/>
    </row>
    <row r="1017522" spans="14:14">
      <c r="N1017522" s="10"/>
    </row>
    <row r="1017523" spans="14:14">
      <c r="N1017523" s="10"/>
    </row>
    <row r="1017524" spans="14:14">
      <c r="N1017524" s="10"/>
    </row>
    <row r="1017525" spans="14:14">
      <c r="N1017525" s="10"/>
    </row>
    <row r="1017526" spans="14:14">
      <c r="N1017526" s="10"/>
    </row>
    <row r="1017527" spans="14:14">
      <c r="N1017527" s="10"/>
    </row>
    <row r="1017528" spans="14:14">
      <c r="N1017528" s="10"/>
    </row>
    <row r="1017529" spans="14:14">
      <c r="N1017529" s="10"/>
    </row>
    <row r="1017530" spans="14:14">
      <c r="N1017530" s="10"/>
    </row>
    <row r="1017531" spans="14:14">
      <c r="N1017531" s="10"/>
    </row>
    <row r="1017532" spans="14:14">
      <c r="N1017532" s="10"/>
    </row>
    <row r="1017533" spans="14:14">
      <c r="N1017533" s="10"/>
    </row>
    <row r="1017534" spans="14:14">
      <c r="N1017534" s="10"/>
    </row>
    <row r="1017535" spans="14:14">
      <c r="N1017535" s="10"/>
    </row>
    <row r="1017536" spans="14:14">
      <c r="N1017536" s="10"/>
    </row>
    <row r="1017537" spans="14:14">
      <c r="N1017537" s="10"/>
    </row>
    <row r="1017538" spans="14:14">
      <c r="N1017538" s="10"/>
    </row>
    <row r="1017539" spans="14:14">
      <c r="N1017539" s="10"/>
    </row>
    <row r="1017540" spans="14:14">
      <c r="N1017540" s="10"/>
    </row>
    <row r="1017541" spans="14:14">
      <c r="N1017541" s="10"/>
    </row>
    <row r="1017542" spans="14:14">
      <c r="N1017542" s="10"/>
    </row>
    <row r="1017543" spans="14:14">
      <c r="N1017543" s="10"/>
    </row>
    <row r="1017544" spans="14:14">
      <c r="N1017544" s="10"/>
    </row>
    <row r="1017545" spans="14:14">
      <c r="N1017545" s="10"/>
    </row>
    <row r="1017546" spans="14:14">
      <c r="N1017546" s="10"/>
    </row>
    <row r="1017547" spans="14:14">
      <c r="N1017547" s="10"/>
    </row>
    <row r="1017548" spans="14:14">
      <c r="N1017548" s="10"/>
    </row>
    <row r="1017549" spans="14:14">
      <c r="N1017549" s="10"/>
    </row>
    <row r="1017550" spans="14:14">
      <c r="N1017550" s="10"/>
    </row>
    <row r="1017551" spans="14:14">
      <c r="N1017551" s="10"/>
    </row>
    <row r="1017552" spans="14:14">
      <c r="N1017552" s="10"/>
    </row>
    <row r="1017553" spans="14:14">
      <c r="N1017553" s="10"/>
    </row>
    <row r="1017554" spans="14:14">
      <c r="N1017554" s="10"/>
    </row>
    <row r="1017555" spans="14:14">
      <c r="N1017555" s="10"/>
    </row>
    <row r="1017556" spans="14:14">
      <c r="N1017556" s="10"/>
    </row>
    <row r="1017557" spans="14:14">
      <c r="N1017557" s="10"/>
    </row>
    <row r="1017558" spans="14:14">
      <c r="N1017558" s="10"/>
    </row>
    <row r="1017559" spans="14:14">
      <c r="N1017559" s="10"/>
    </row>
    <row r="1017560" spans="14:14">
      <c r="N1017560" s="10"/>
    </row>
    <row r="1017561" spans="14:14">
      <c r="N1017561" s="10"/>
    </row>
    <row r="1017562" spans="14:14">
      <c r="N1017562" s="10"/>
    </row>
    <row r="1017563" spans="14:14">
      <c r="N1017563" s="10"/>
    </row>
    <row r="1017564" spans="14:14">
      <c r="N1017564" s="10"/>
    </row>
    <row r="1017565" spans="14:14">
      <c r="N1017565" s="10"/>
    </row>
    <row r="1017566" spans="14:14">
      <c r="N1017566" s="10"/>
    </row>
    <row r="1017567" spans="14:14">
      <c r="N1017567" s="10"/>
    </row>
    <row r="1017568" spans="14:14">
      <c r="N1017568" s="10"/>
    </row>
    <row r="1017569" spans="14:14">
      <c r="N1017569" s="10"/>
    </row>
    <row r="1017570" spans="14:14">
      <c r="N1017570" s="10"/>
    </row>
    <row r="1017571" spans="14:14">
      <c r="N1017571" s="10"/>
    </row>
    <row r="1017572" spans="14:14">
      <c r="N1017572" s="10"/>
    </row>
    <row r="1017573" spans="14:14">
      <c r="N1017573" s="10"/>
    </row>
    <row r="1017574" spans="14:14">
      <c r="N1017574" s="10"/>
    </row>
    <row r="1017575" spans="14:14">
      <c r="N1017575" s="10"/>
    </row>
    <row r="1017576" spans="14:14">
      <c r="N1017576" s="10"/>
    </row>
    <row r="1017577" spans="14:14">
      <c r="N1017577" s="10"/>
    </row>
    <row r="1017578" spans="14:14">
      <c r="N1017578" s="10"/>
    </row>
    <row r="1017579" spans="14:14">
      <c r="N1017579" s="10"/>
    </row>
    <row r="1017580" spans="14:14">
      <c r="N1017580" s="10"/>
    </row>
    <row r="1017581" spans="14:14">
      <c r="N1017581" s="10"/>
    </row>
    <row r="1017582" spans="14:14">
      <c r="N1017582" s="10"/>
    </row>
    <row r="1017583" spans="14:14">
      <c r="N1017583" s="10"/>
    </row>
    <row r="1017584" spans="14:14">
      <c r="N1017584" s="10"/>
    </row>
    <row r="1017585" spans="14:14">
      <c r="N1017585" s="10"/>
    </row>
    <row r="1017586" spans="14:14">
      <c r="N1017586" s="10"/>
    </row>
    <row r="1017587" spans="14:14">
      <c r="N1017587" s="10"/>
    </row>
    <row r="1017588" spans="14:14">
      <c r="N1017588" s="10"/>
    </row>
    <row r="1017589" spans="14:14">
      <c r="N1017589" s="10"/>
    </row>
    <row r="1017590" spans="14:14">
      <c r="N1017590" s="10"/>
    </row>
    <row r="1017591" spans="14:14">
      <c r="N1017591" s="10"/>
    </row>
    <row r="1017592" spans="14:14">
      <c r="N1017592" s="10"/>
    </row>
    <row r="1017593" spans="14:14">
      <c r="N1017593" s="10"/>
    </row>
    <row r="1017594" spans="14:14">
      <c r="N1017594" s="10"/>
    </row>
    <row r="1017595" spans="14:14">
      <c r="N1017595" s="10"/>
    </row>
    <row r="1017596" spans="14:14">
      <c r="N1017596" s="10"/>
    </row>
    <row r="1017597" spans="14:14">
      <c r="N1017597" s="10"/>
    </row>
    <row r="1017598" spans="14:14">
      <c r="N1017598" s="10"/>
    </row>
    <row r="1017599" spans="14:14">
      <c r="N1017599" s="10"/>
    </row>
    <row r="1017600" spans="14:14">
      <c r="N1017600" s="10"/>
    </row>
    <row r="1017601" spans="14:14">
      <c r="N1017601" s="10"/>
    </row>
    <row r="1017602" spans="14:14">
      <c r="N1017602" s="10"/>
    </row>
    <row r="1017603" spans="14:14">
      <c r="N1017603" s="10"/>
    </row>
    <row r="1017604" spans="14:14">
      <c r="N1017604" s="10"/>
    </row>
    <row r="1017605" spans="14:14">
      <c r="N1017605" s="10"/>
    </row>
    <row r="1017606" spans="14:14">
      <c r="N1017606" s="10"/>
    </row>
    <row r="1017607" spans="14:14">
      <c r="N1017607" s="10"/>
    </row>
    <row r="1017608" spans="14:14">
      <c r="N1017608" s="10"/>
    </row>
    <row r="1017609" spans="14:14">
      <c r="N1017609" s="10"/>
    </row>
    <row r="1017610" spans="14:14">
      <c r="N1017610" s="10"/>
    </row>
    <row r="1017611" spans="14:14">
      <c r="N1017611" s="10"/>
    </row>
    <row r="1017612" spans="14:14">
      <c r="N1017612" s="10"/>
    </row>
    <row r="1017613" spans="14:14">
      <c r="N1017613" s="10"/>
    </row>
    <row r="1017614" spans="14:14">
      <c r="N1017614" s="10"/>
    </row>
    <row r="1017615" spans="14:14">
      <c r="N1017615" s="10"/>
    </row>
    <row r="1017616" spans="14:14">
      <c r="N1017616" s="10"/>
    </row>
    <row r="1017617" spans="14:14">
      <c r="N1017617" s="10"/>
    </row>
    <row r="1017618" spans="14:14">
      <c r="N1017618" s="10"/>
    </row>
    <row r="1017619" spans="14:14">
      <c r="N1017619" s="10"/>
    </row>
    <row r="1017620" spans="14:14">
      <c r="N1017620" s="10"/>
    </row>
    <row r="1017621" spans="14:14">
      <c r="N1017621" s="10"/>
    </row>
    <row r="1017622" spans="14:14">
      <c r="N1017622" s="10"/>
    </row>
    <row r="1017623" spans="14:14">
      <c r="N1017623" s="10"/>
    </row>
    <row r="1017624" spans="14:14">
      <c r="N1017624" s="10"/>
    </row>
    <row r="1017625" spans="14:14">
      <c r="N1017625" s="10"/>
    </row>
    <row r="1017626" spans="14:14">
      <c r="N1017626" s="10"/>
    </row>
    <row r="1017627" spans="14:14">
      <c r="N1017627" s="10"/>
    </row>
    <row r="1017628" spans="14:14">
      <c r="N1017628" s="10"/>
    </row>
    <row r="1017629" spans="14:14">
      <c r="N1017629" s="10"/>
    </row>
    <row r="1017630" spans="14:14">
      <c r="N1017630" s="10"/>
    </row>
    <row r="1017631" spans="14:14">
      <c r="N1017631" s="10"/>
    </row>
    <row r="1017632" spans="14:14">
      <c r="N1017632" s="10"/>
    </row>
    <row r="1017633" spans="14:14">
      <c r="N1017633" s="10"/>
    </row>
    <row r="1017634" spans="14:14">
      <c r="N1017634" s="10"/>
    </row>
    <row r="1017635" spans="14:14">
      <c r="N1017635" s="10"/>
    </row>
    <row r="1017636" spans="14:14">
      <c r="N1017636" s="10"/>
    </row>
    <row r="1017637" spans="14:14">
      <c r="N1017637" s="10"/>
    </row>
    <row r="1017638" spans="14:14">
      <c r="N1017638" s="10"/>
    </row>
    <row r="1017639" spans="14:14">
      <c r="N1017639" s="10"/>
    </row>
    <row r="1017640" spans="14:14">
      <c r="N1017640" s="10"/>
    </row>
    <row r="1017641" spans="14:14">
      <c r="N1017641" s="10"/>
    </row>
    <row r="1017642" spans="14:14">
      <c r="N1017642" s="10"/>
    </row>
    <row r="1017643" spans="14:14">
      <c r="N1017643" s="10"/>
    </row>
    <row r="1017644" spans="14:14">
      <c r="N1017644" s="10"/>
    </row>
    <row r="1017645" spans="14:14">
      <c r="N1017645" s="10"/>
    </row>
    <row r="1017646" spans="14:14">
      <c r="N1017646" s="10"/>
    </row>
    <row r="1017647" spans="14:14">
      <c r="N1017647" s="10"/>
    </row>
    <row r="1017648" spans="14:14">
      <c r="N1017648" s="10"/>
    </row>
    <row r="1017649" spans="14:14">
      <c r="N1017649" s="10"/>
    </row>
    <row r="1017650" spans="14:14">
      <c r="N1017650" s="10"/>
    </row>
    <row r="1017651" spans="14:14">
      <c r="N1017651" s="10"/>
    </row>
    <row r="1017652" spans="14:14">
      <c r="N1017652" s="10"/>
    </row>
    <row r="1017653" spans="14:14">
      <c r="N1017653" s="10"/>
    </row>
    <row r="1017654" spans="14:14">
      <c r="N1017654" s="10"/>
    </row>
    <row r="1017655" spans="14:14">
      <c r="N1017655" s="10"/>
    </row>
    <row r="1017656" spans="14:14">
      <c r="N1017656" s="10"/>
    </row>
    <row r="1017657" spans="14:14">
      <c r="N1017657" s="10"/>
    </row>
    <row r="1017658" spans="14:14">
      <c r="N1017658" s="10"/>
    </row>
    <row r="1017659" spans="14:14">
      <c r="N1017659" s="10"/>
    </row>
    <row r="1017660" spans="14:14">
      <c r="N1017660" s="10"/>
    </row>
    <row r="1017661" spans="14:14">
      <c r="N1017661" s="10"/>
    </row>
    <row r="1017662" spans="14:14">
      <c r="N1017662" s="10"/>
    </row>
    <row r="1017663" spans="14:14">
      <c r="N1017663" s="10"/>
    </row>
    <row r="1017664" spans="14:14">
      <c r="N1017664" s="10"/>
    </row>
    <row r="1017665" spans="14:14">
      <c r="N1017665" s="10"/>
    </row>
    <row r="1017666" spans="14:14">
      <c r="N1017666" s="10"/>
    </row>
    <row r="1017667" spans="14:14">
      <c r="N1017667" s="10"/>
    </row>
    <row r="1017668" spans="14:14">
      <c r="N1017668" s="10"/>
    </row>
    <row r="1017669" spans="14:14">
      <c r="N1017669" s="10"/>
    </row>
    <row r="1017670" spans="14:14">
      <c r="N1017670" s="10"/>
    </row>
    <row r="1017671" spans="14:14">
      <c r="N1017671" s="10"/>
    </row>
    <row r="1017672" spans="14:14">
      <c r="N1017672" s="10"/>
    </row>
    <row r="1017673" spans="14:14">
      <c r="N1017673" s="10"/>
    </row>
    <row r="1017674" spans="14:14">
      <c r="N1017674" s="10"/>
    </row>
    <row r="1017675" spans="14:14">
      <c r="N1017675" s="10"/>
    </row>
    <row r="1017676" spans="14:14">
      <c r="N1017676" s="10"/>
    </row>
    <row r="1017677" spans="14:14">
      <c r="N1017677" s="10"/>
    </row>
    <row r="1017678" spans="14:14">
      <c r="N1017678" s="10"/>
    </row>
    <row r="1017679" spans="14:14">
      <c r="N1017679" s="10"/>
    </row>
    <row r="1017680" spans="14:14">
      <c r="N1017680" s="10"/>
    </row>
    <row r="1017681" spans="14:14">
      <c r="N1017681" s="10"/>
    </row>
    <row r="1017682" spans="14:14">
      <c r="N1017682" s="10"/>
    </row>
    <row r="1017683" spans="14:14">
      <c r="N1017683" s="10"/>
    </row>
    <row r="1017684" spans="14:14">
      <c r="N1017684" s="10"/>
    </row>
    <row r="1017685" spans="14:14">
      <c r="N1017685" s="10"/>
    </row>
    <row r="1017686" spans="14:14">
      <c r="N1017686" s="10"/>
    </row>
    <row r="1017687" spans="14:14">
      <c r="N1017687" s="10"/>
    </row>
    <row r="1017688" spans="14:14">
      <c r="N1017688" s="10"/>
    </row>
    <row r="1017689" spans="14:14">
      <c r="N1017689" s="10"/>
    </row>
    <row r="1017690" spans="14:14">
      <c r="N1017690" s="10"/>
    </row>
    <row r="1017691" spans="14:14">
      <c r="N1017691" s="10"/>
    </row>
    <row r="1017692" spans="14:14">
      <c r="N1017692" s="10"/>
    </row>
    <row r="1017693" spans="14:14">
      <c r="N1017693" s="10"/>
    </row>
    <row r="1017694" spans="14:14">
      <c r="N1017694" s="10"/>
    </row>
    <row r="1017695" spans="14:14">
      <c r="N1017695" s="10"/>
    </row>
    <row r="1017696" spans="14:14">
      <c r="N1017696" s="10"/>
    </row>
    <row r="1017697" spans="14:14">
      <c r="N1017697" s="10"/>
    </row>
    <row r="1017698" spans="14:14">
      <c r="N1017698" s="10"/>
    </row>
    <row r="1017699" spans="14:14">
      <c r="N1017699" s="10"/>
    </row>
    <row r="1017700" spans="14:14">
      <c r="N1017700" s="10"/>
    </row>
    <row r="1017701" spans="14:14">
      <c r="N1017701" s="10"/>
    </row>
    <row r="1017702" spans="14:14">
      <c r="N1017702" s="10"/>
    </row>
    <row r="1017703" spans="14:14">
      <c r="N1017703" s="10"/>
    </row>
    <row r="1017704" spans="14:14">
      <c r="N1017704" s="10"/>
    </row>
    <row r="1017705" spans="14:14">
      <c r="N1017705" s="10"/>
    </row>
    <row r="1017706" spans="14:14">
      <c r="N1017706" s="10"/>
    </row>
    <row r="1017707" spans="14:14">
      <c r="N1017707" s="10"/>
    </row>
    <row r="1017708" spans="14:14">
      <c r="N1017708" s="10"/>
    </row>
    <row r="1017709" spans="14:14">
      <c r="N1017709" s="10"/>
    </row>
    <row r="1017710" spans="14:14">
      <c r="N1017710" s="10"/>
    </row>
    <row r="1017711" spans="14:14">
      <c r="N1017711" s="10"/>
    </row>
    <row r="1017712" spans="14:14">
      <c r="N1017712" s="10"/>
    </row>
    <row r="1017713" spans="14:14">
      <c r="N1017713" s="10"/>
    </row>
    <row r="1017714" spans="14:14">
      <c r="N1017714" s="10"/>
    </row>
    <row r="1017715" spans="14:14">
      <c r="N1017715" s="10"/>
    </row>
    <row r="1017716" spans="14:14">
      <c r="N1017716" s="10"/>
    </row>
    <row r="1017717" spans="14:14">
      <c r="N1017717" s="10"/>
    </row>
    <row r="1017718" spans="14:14">
      <c r="N1017718" s="10"/>
    </row>
    <row r="1017719" spans="14:14">
      <c r="N1017719" s="10"/>
    </row>
    <row r="1017720" spans="14:14">
      <c r="N1017720" s="10"/>
    </row>
    <row r="1017721" spans="14:14">
      <c r="N1017721" s="10"/>
    </row>
    <row r="1017722" spans="14:14">
      <c r="N1017722" s="10"/>
    </row>
    <row r="1017723" spans="14:14">
      <c r="N1017723" s="10"/>
    </row>
    <row r="1017724" spans="14:14">
      <c r="N1017724" s="10"/>
    </row>
    <row r="1017725" spans="14:14">
      <c r="N1017725" s="10"/>
    </row>
    <row r="1017726" spans="14:14">
      <c r="N1017726" s="10"/>
    </row>
    <row r="1017727" spans="14:14">
      <c r="N1017727" s="10"/>
    </row>
    <row r="1017728" spans="14:14">
      <c r="N1017728" s="10"/>
    </row>
    <row r="1017729" spans="14:14">
      <c r="N1017729" s="10"/>
    </row>
    <row r="1017730" spans="14:14">
      <c r="N1017730" s="10"/>
    </row>
    <row r="1017731" spans="14:14">
      <c r="N1017731" s="10"/>
    </row>
    <row r="1017732" spans="14:14">
      <c r="N1017732" s="10"/>
    </row>
    <row r="1017733" spans="14:14">
      <c r="N1017733" s="10"/>
    </row>
    <row r="1017734" spans="14:14">
      <c r="N1017734" s="10"/>
    </row>
    <row r="1017735" spans="14:14">
      <c r="N1017735" s="10"/>
    </row>
    <row r="1017736" spans="14:14">
      <c r="N1017736" s="10"/>
    </row>
    <row r="1017737" spans="14:14">
      <c r="N1017737" s="10"/>
    </row>
    <row r="1017738" spans="14:14">
      <c r="N1017738" s="10"/>
    </row>
    <row r="1017739" spans="14:14">
      <c r="N1017739" s="10"/>
    </row>
    <row r="1017740" spans="14:14">
      <c r="N1017740" s="10"/>
    </row>
    <row r="1017741" spans="14:14">
      <c r="N1017741" s="10"/>
    </row>
    <row r="1017742" spans="14:14">
      <c r="N1017742" s="10"/>
    </row>
    <row r="1017743" spans="14:14">
      <c r="N1017743" s="10"/>
    </row>
    <row r="1017744" spans="14:14">
      <c r="N1017744" s="10"/>
    </row>
    <row r="1017745" spans="14:14">
      <c r="N1017745" s="10"/>
    </row>
    <row r="1017746" spans="14:14">
      <c r="N1017746" s="10"/>
    </row>
    <row r="1017747" spans="14:14">
      <c r="N1017747" s="10"/>
    </row>
    <row r="1017748" spans="14:14">
      <c r="N1017748" s="10"/>
    </row>
    <row r="1017749" spans="14:14">
      <c r="N1017749" s="10"/>
    </row>
    <row r="1017750" spans="14:14">
      <c r="N1017750" s="10"/>
    </row>
    <row r="1017751" spans="14:14">
      <c r="N1017751" s="10"/>
    </row>
    <row r="1017752" spans="14:14">
      <c r="N1017752" s="10"/>
    </row>
    <row r="1017753" spans="14:14">
      <c r="N1017753" s="10"/>
    </row>
    <row r="1017754" spans="14:14">
      <c r="N1017754" s="10"/>
    </row>
    <row r="1017755" spans="14:14">
      <c r="N1017755" s="10"/>
    </row>
    <row r="1017756" spans="14:14">
      <c r="N1017756" s="10"/>
    </row>
    <row r="1017757" spans="14:14">
      <c r="N1017757" s="10"/>
    </row>
    <row r="1017758" spans="14:14">
      <c r="N1017758" s="10"/>
    </row>
    <row r="1017759" spans="14:14">
      <c r="N1017759" s="10"/>
    </row>
    <row r="1017760" spans="14:14">
      <c r="N1017760" s="10"/>
    </row>
    <row r="1017761" spans="14:14">
      <c r="N1017761" s="10"/>
    </row>
    <row r="1017762" spans="14:14">
      <c r="N1017762" s="10"/>
    </row>
    <row r="1017763" spans="14:14">
      <c r="N1017763" s="10"/>
    </row>
    <row r="1017764" spans="14:14">
      <c r="N1017764" s="10"/>
    </row>
    <row r="1017765" spans="14:14">
      <c r="N1017765" s="10"/>
    </row>
    <row r="1017766" spans="14:14">
      <c r="N1017766" s="10"/>
    </row>
    <row r="1017767" spans="14:14">
      <c r="N1017767" s="10"/>
    </row>
    <row r="1017768" spans="14:14">
      <c r="N1017768" s="10"/>
    </row>
    <row r="1017769" spans="14:14">
      <c r="N1017769" s="10"/>
    </row>
    <row r="1017770" spans="14:14">
      <c r="N1017770" s="10"/>
    </row>
    <row r="1017771" spans="14:14">
      <c r="N1017771" s="10"/>
    </row>
    <row r="1017772" spans="14:14">
      <c r="N1017772" s="10"/>
    </row>
    <row r="1017773" spans="14:14">
      <c r="N1017773" s="10"/>
    </row>
    <row r="1017774" spans="14:14">
      <c r="N1017774" s="10"/>
    </row>
    <row r="1017775" spans="14:14">
      <c r="N1017775" s="10"/>
    </row>
    <row r="1017776" spans="14:14">
      <c r="N1017776" s="10"/>
    </row>
    <row r="1017777" spans="14:14">
      <c r="N1017777" s="10"/>
    </row>
    <row r="1017778" spans="14:14">
      <c r="N1017778" s="10"/>
    </row>
    <row r="1017779" spans="14:14">
      <c r="N1017779" s="10"/>
    </row>
    <row r="1017780" spans="14:14">
      <c r="N1017780" s="10"/>
    </row>
    <row r="1017781" spans="14:14">
      <c r="N1017781" s="10"/>
    </row>
    <row r="1017782" spans="14:14">
      <c r="N1017782" s="10"/>
    </row>
    <row r="1017783" spans="14:14">
      <c r="N1017783" s="10"/>
    </row>
    <row r="1017784" spans="14:14">
      <c r="N1017784" s="10"/>
    </row>
    <row r="1017785" spans="14:14">
      <c r="N1017785" s="10"/>
    </row>
    <row r="1017786" spans="14:14">
      <c r="N1017786" s="10"/>
    </row>
    <row r="1017787" spans="14:14">
      <c r="N1017787" s="10"/>
    </row>
    <row r="1017788" spans="14:14">
      <c r="N1017788" s="10"/>
    </row>
    <row r="1017789" spans="14:14">
      <c r="N1017789" s="10"/>
    </row>
    <row r="1017790" spans="14:14">
      <c r="N1017790" s="10"/>
    </row>
    <row r="1017791" spans="14:14">
      <c r="N1017791" s="10"/>
    </row>
    <row r="1017792" spans="14:14">
      <c r="N1017792" s="10"/>
    </row>
    <row r="1017793" spans="14:14">
      <c r="N1017793" s="10"/>
    </row>
    <row r="1017794" spans="14:14">
      <c r="N1017794" s="10"/>
    </row>
    <row r="1017795" spans="14:14">
      <c r="N1017795" s="10"/>
    </row>
    <row r="1017796" spans="14:14">
      <c r="N1017796" s="10"/>
    </row>
    <row r="1017797" spans="14:14">
      <c r="N1017797" s="10"/>
    </row>
    <row r="1017798" spans="14:14">
      <c r="N1017798" s="10"/>
    </row>
    <row r="1017799" spans="14:14">
      <c r="N1017799" s="10"/>
    </row>
    <row r="1017800" spans="14:14">
      <c r="N1017800" s="10"/>
    </row>
    <row r="1017801" spans="14:14">
      <c r="N1017801" s="10"/>
    </row>
    <row r="1017802" spans="14:14">
      <c r="N1017802" s="10"/>
    </row>
    <row r="1017803" spans="14:14">
      <c r="N1017803" s="10"/>
    </row>
    <row r="1017804" spans="14:14">
      <c r="N1017804" s="10"/>
    </row>
    <row r="1017805" spans="14:14">
      <c r="N1017805" s="10"/>
    </row>
    <row r="1017806" spans="14:14">
      <c r="N1017806" s="10"/>
    </row>
    <row r="1017807" spans="14:14">
      <c r="N1017807" s="10"/>
    </row>
    <row r="1017808" spans="14:14">
      <c r="N1017808" s="10"/>
    </row>
    <row r="1017809" spans="14:14">
      <c r="N1017809" s="10"/>
    </row>
    <row r="1017810" spans="14:14">
      <c r="N1017810" s="10"/>
    </row>
    <row r="1017811" spans="14:14">
      <c r="N1017811" s="10"/>
    </row>
    <row r="1017812" spans="14:14">
      <c r="N1017812" s="10"/>
    </row>
    <row r="1017813" spans="14:14">
      <c r="N1017813" s="10"/>
    </row>
    <row r="1017814" spans="14:14">
      <c r="N1017814" s="10"/>
    </row>
    <row r="1017815" spans="14:14">
      <c r="N1017815" s="10"/>
    </row>
    <row r="1017816" spans="14:14">
      <c r="N1017816" s="10"/>
    </row>
    <row r="1017817" spans="14:14">
      <c r="N1017817" s="10"/>
    </row>
    <row r="1017818" spans="14:14">
      <c r="N1017818" s="10"/>
    </row>
    <row r="1017819" spans="14:14">
      <c r="N1017819" s="10"/>
    </row>
    <row r="1017820" spans="14:14">
      <c r="N1017820" s="10"/>
    </row>
    <row r="1017821" spans="14:14">
      <c r="N1017821" s="10"/>
    </row>
    <row r="1017822" spans="14:14">
      <c r="N1017822" s="10"/>
    </row>
    <row r="1017823" spans="14:14">
      <c r="N1017823" s="10"/>
    </row>
    <row r="1017824" spans="14:14">
      <c r="N1017824" s="10"/>
    </row>
    <row r="1017825" spans="14:14">
      <c r="N1017825" s="10"/>
    </row>
    <row r="1017826" spans="14:14">
      <c r="N1017826" s="10"/>
    </row>
    <row r="1017827" spans="14:14">
      <c r="N1017827" s="10"/>
    </row>
    <row r="1017828" spans="14:14">
      <c r="N1017828" s="10"/>
    </row>
    <row r="1017829" spans="14:14">
      <c r="N1017829" s="10"/>
    </row>
    <row r="1017830" spans="14:14">
      <c r="N1017830" s="10"/>
    </row>
    <row r="1017831" spans="14:14">
      <c r="N1017831" s="10"/>
    </row>
    <row r="1017832" spans="14:14">
      <c r="N1017832" s="10"/>
    </row>
    <row r="1017833" spans="14:14">
      <c r="N1017833" s="10"/>
    </row>
    <row r="1017834" spans="14:14">
      <c r="N1017834" s="10"/>
    </row>
    <row r="1017835" spans="14:14">
      <c r="N1017835" s="10"/>
    </row>
    <row r="1017836" spans="14:14">
      <c r="N1017836" s="10"/>
    </row>
    <row r="1017837" spans="14:14">
      <c r="N1017837" s="10"/>
    </row>
    <row r="1017838" spans="14:14">
      <c r="N1017838" s="10"/>
    </row>
    <row r="1017839" spans="14:14">
      <c r="N1017839" s="10"/>
    </row>
    <row r="1017840" spans="14:14">
      <c r="N1017840" s="10"/>
    </row>
    <row r="1017841" spans="14:14">
      <c r="N1017841" s="10"/>
    </row>
    <row r="1017842" spans="14:14">
      <c r="N1017842" s="10"/>
    </row>
    <row r="1017843" spans="14:14">
      <c r="N1017843" s="10"/>
    </row>
    <row r="1017844" spans="14:14">
      <c r="N1017844" s="10"/>
    </row>
    <row r="1017845" spans="14:14">
      <c r="N1017845" s="10"/>
    </row>
    <row r="1017846" spans="14:14">
      <c r="N1017846" s="10"/>
    </row>
    <row r="1017847" spans="14:14">
      <c r="N1017847" s="10"/>
    </row>
    <row r="1017848" spans="14:14">
      <c r="N1017848" s="10"/>
    </row>
    <row r="1017849" spans="14:14">
      <c r="N1017849" s="10"/>
    </row>
    <row r="1017850" spans="14:14">
      <c r="N1017850" s="10"/>
    </row>
    <row r="1017851" spans="14:14">
      <c r="N1017851" s="10"/>
    </row>
    <row r="1017852" spans="14:14">
      <c r="N1017852" s="10"/>
    </row>
    <row r="1017853" spans="14:14">
      <c r="N1017853" s="10"/>
    </row>
    <row r="1017854" spans="14:14">
      <c r="N1017854" s="10"/>
    </row>
    <row r="1017855" spans="14:14">
      <c r="N1017855" s="10"/>
    </row>
    <row r="1017856" spans="14:14">
      <c r="N1017856" s="10"/>
    </row>
    <row r="1017857" spans="14:14">
      <c r="N1017857" s="10"/>
    </row>
    <row r="1017858" spans="14:14">
      <c r="N1017858" s="10"/>
    </row>
    <row r="1017859" spans="14:14">
      <c r="N1017859" s="10"/>
    </row>
    <row r="1017860" spans="14:14">
      <c r="N1017860" s="10"/>
    </row>
    <row r="1017861" spans="14:14">
      <c r="N1017861" s="10"/>
    </row>
    <row r="1017862" spans="14:14">
      <c r="N1017862" s="10"/>
    </row>
    <row r="1017863" spans="14:14">
      <c r="N1017863" s="10"/>
    </row>
    <row r="1017864" spans="14:14">
      <c r="N1017864" s="10"/>
    </row>
    <row r="1017865" spans="14:14">
      <c r="N1017865" s="10"/>
    </row>
    <row r="1017866" spans="14:14">
      <c r="N1017866" s="10"/>
    </row>
    <row r="1017867" spans="14:14">
      <c r="N1017867" s="10"/>
    </row>
    <row r="1017868" spans="14:14">
      <c r="N1017868" s="10"/>
    </row>
    <row r="1017869" spans="14:14">
      <c r="N1017869" s="10"/>
    </row>
    <row r="1017870" spans="14:14">
      <c r="N1017870" s="10"/>
    </row>
    <row r="1017871" spans="14:14">
      <c r="N1017871" s="10"/>
    </row>
    <row r="1017872" spans="14:14">
      <c r="N1017872" s="10"/>
    </row>
    <row r="1017873" spans="14:14">
      <c r="N1017873" s="10"/>
    </row>
    <row r="1017874" spans="14:14">
      <c r="N1017874" s="10"/>
    </row>
    <row r="1017875" spans="14:14">
      <c r="N1017875" s="10"/>
    </row>
    <row r="1017876" spans="14:14">
      <c r="N1017876" s="10"/>
    </row>
    <row r="1017877" spans="14:14">
      <c r="N1017877" s="10"/>
    </row>
    <row r="1017878" spans="14:14">
      <c r="N1017878" s="10"/>
    </row>
    <row r="1017879" spans="14:14">
      <c r="N1017879" s="10"/>
    </row>
    <row r="1017880" spans="14:14">
      <c r="N1017880" s="10"/>
    </row>
    <row r="1017881" spans="14:14">
      <c r="N1017881" s="10"/>
    </row>
    <row r="1017882" spans="14:14">
      <c r="N1017882" s="10"/>
    </row>
    <row r="1017883" spans="14:14">
      <c r="N1017883" s="10"/>
    </row>
    <row r="1017884" spans="14:14">
      <c r="N1017884" s="10"/>
    </row>
    <row r="1017885" spans="14:14">
      <c r="N1017885" s="10"/>
    </row>
    <row r="1017886" spans="14:14">
      <c r="N1017886" s="10"/>
    </row>
    <row r="1017887" spans="14:14">
      <c r="N1017887" s="10"/>
    </row>
    <row r="1017888" spans="14:14">
      <c r="N1017888" s="10"/>
    </row>
    <row r="1017889" spans="14:14">
      <c r="N1017889" s="10"/>
    </row>
    <row r="1017890" spans="14:14">
      <c r="N1017890" s="10"/>
    </row>
    <row r="1017891" spans="14:14">
      <c r="N1017891" s="10"/>
    </row>
    <row r="1017892" spans="14:14">
      <c r="N1017892" s="10"/>
    </row>
    <row r="1017893" spans="14:14">
      <c r="N1017893" s="10"/>
    </row>
    <row r="1017894" spans="14:14">
      <c r="N1017894" s="10"/>
    </row>
    <row r="1017895" spans="14:14">
      <c r="N1017895" s="10"/>
    </row>
    <row r="1017896" spans="14:14">
      <c r="N1017896" s="10"/>
    </row>
    <row r="1017897" spans="14:14">
      <c r="N1017897" s="10"/>
    </row>
    <row r="1017898" spans="14:14">
      <c r="N1017898" s="10"/>
    </row>
    <row r="1017899" spans="14:14">
      <c r="N1017899" s="10"/>
    </row>
    <row r="1017900" spans="14:14">
      <c r="N1017900" s="10"/>
    </row>
    <row r="1017901" spans="14:14">
      <c r="N1017901" s="10"/>
    </row>
    <row r="1017902" spans="14:14">
      <c r="N1017902" s="10"/>
    </row>
    <row r="1017903" spans="14:14">
      <c r="N1017903" s="10"/>
    </row>
    <row r="1017904" spans="14:14">
      <c r="N1017904" s="10"/>
    </row>
    <row r="1017905" spans="14:14">
      <c r="N1017905" s="10"/>
    </row>
    <row r="1017906" spans="14:14">
      <c r="N1017906" s="10"/>
    </row>
    <row r="1017907" spans="14:14">
      <c r="N1017907" s="10"/>
    </row>
    <row r="1017908" spans="14:14">
      <c r="N1017908" s="10"/>
    </row>
    <row r="1017909" spans="14:14">
      <c r="N1017909" s="10"/>
    </row>
    <row r="1017910" spans="14:14">
      <c r="N1017910" s="10"/>
    </row>
    <row r="1017911" spans="14:14">
      <c r="N1017911" s="10"/>
    </row>
    <row r="1017912" spans="14:14">
      <c r="N1017912" s="10"/>
    </row>
    <row r="1017913" spans="14:14">
      <c r="N1017913" s="10"/>
    </row>
    <row r="1017914" spans="14:14">
      <c r="N1017914" s="10"/>
    </row>
    <row r="1017915" spans="14:14">
      <c r="N1017915" s="10"/>
    </row>
    <row r="1017916" spans="14:14">
      <c r="N1017916" s="10"/>
    </row>
    <row r="1017917" spans="14:14">
      <c r="N1017917" s="10"/>
    </row>
    <row r="1017918" spans="14:14">
      <c r="N1017918" s="10"/>
    </row>
    <row r="1017919" spans="14:14">
      <c r="N1017919" s="10"/>
    </row>
    <row r="1017920" spans="14:14">
      <c r="N1017920" s="10"/>
    </row>
    <row r="1017921" spans="14:14">
      <c r="N1017921" s="10"/>
    </row>
    <row r="1017922" spans="14:14">
      <c r="N1017922" s="10"/>
    </row>
    <row r="1017923" spans="14:14">
      <c r="N1017923" s="10"/>
    </row>
    <row r="1017924" spans="14:14">
      <c r="N1017924" s="10"/>
    </row>
    <row r="1017925" spans="14:14">
      <c r="N1017925" s="10"/>
    </row>
    <row r="1017926" spans="14:14">
      <c r="N1017926" s="10"/>
    </row>
    <row r="1017927" spans="14:14">
      <c r="N1017927" s="10"/>
    </row>
    <row r="1017928" spans="14:14">
      <c r="N1017928" s="10"/>
    </row>
    <row r="1017929" spans="14:14">
      <c r="N1017929" s="10"/>
    </row>
    <row r="1017930" spans="14:14">
      <c r="N1017930" s="10"/>
    </row>
    <row r="1017931" spans="14:14">
      <c r="N1017931" s="10"/>
    </row>
    <row r="1017932" spans="14:14">
      <c r="N1017932" s="10"/>
    </row>
    <row r="1017933" spans="14:14">
      <c r="N1017933" s="10"/>
    </row>
    <row r="1017934" spans="14:14">
      <c r="N1017934" s="10"/>
    </row>
    <row r="1017935" spans="14:14">
      <c r="N1017935" s="10"/>
    </row>
    <row r="1017936" spans="14:14">
      <c r="N1017936" s="10"/>
    </row>
    <row r="1017937" spans="14:14">
      <c r="N1017937" s="10"/>
    </row>
    <row r="1017938" spans="14:14">
      <c r="N1017938" s="10"/>
    </row>
    <row r="1017939" spans="14:14">
      <c r="N1017939" s="10"/>
    </row>
    <row r="1017940" spans="14:14">
      <c r="N1017940" s="10"/>
    </row>
    <row r="1017941" spans="14:14">
      <c r="N1017941" s="10"/>
    </row>
    <row r="1017942" spans="14:14">
      <c r="N1017942" s="10"/>
    </row>
    <row r="1017943" spans="14:14">
      <c r="N1017943" s="10"/>
    </row>
    <row r="1017944" spans="14:14">
      <c r="N1017944" s="10"/>
    </row>
    <row r="1017945" spans="14:14">
      <c r="N1017945" s="10"/>
    </row>
    <row r="1017946" spans="14:14">
      <c r="N1017946" s="10"/>
    </row>
    <row r="1017947" spans="14:14">
      <c r="N1017947" s="10"/>
    </row>
    <row r="1017948" spans="14:14">
      <c r="N1017948" s="10"/>
    </row>
    <row r="1017949" spans="14:14">
      <c r="N1017949" s="10"/>
    </row>
    <row r="1017950" spans="14:14">
      <c r="N1017950" s="10"/>
    </row>
    <row r="1017951" spans="14:14">
      <c r="N1017951" s="10"/>
    </row>
    <row r="1017952" spans="14:14">
      <c r="N1017952" s="10"/>
    </row>
    <row r="1017953" spans="14:14">
      <c r="N1017953" s="10"/>
    </row>
    <row r="1017954" spans="14:14">
      <c r="N1017954" s="10"/>
    </row>
    <row r="1017955" spans="14:14">
      <c r="N1017955" s="10"/>
    </row>
    <row r="1017956" spans="14:14">
      <c r="N1017956" s="10"/>
    </row>
    <row r="1017957" spans="14:14">
      <c r="N1017957" s="10"/>
    </row>
    <row r="1017958" spans="14:14">
      <c r="N1017958" s="10"/>
    </row>
    <row r="1017959" spans="14:14">
      <c r="N1017959" s="10"/>
    </row>
    <row r="1017960" spans="14:14">
      <c r="N1017960" s="10"/>
    </row>
    <row r="1017961" spans="14:14">
      <c r="N1017961" s="10"/>
    </row>
    <row r="1017962" spans="14:14">
      <c r="N1017962" s="10"/>
    </row>
    <row r="1017963" spans="14:14">
      <c r="N1017963" s="10"/>
    </row>
    <row r="1017964" spans="14:14">
      <c r="N1017964" s="10"/>
    </row>
    <row r="1017965" spans="14:14">
      <c r="N1017965" s="10"/>
    </row>
    <row r="1017966" spans="14:14">
      <c r="N1017966" s="10"/>
    </row>
    <row r="1017967" spans="14:14">
      <c r="N1017967" s="10"/>
    </row>
    <row r="1017968" spans="14:14">
      <c r="N1017968" s="10"/>
    </row>
    <row r="1017969" spans="14:14">
      <c r="N1017969" s="10"/>
    </row>
    <row r="1017970" spans="14:14">
      <c r="N1017970" s="10"/>
    </row>
    <row r="1017971" spans="14:14">
      <c r="N1017971" s="10"/>
    </row>
    <row r="1017972" spans="14:14">
      <c r="N1017972" s="10"/>
    </row>
    <row r="1017973" spans="14:14">
      <c r="N1017973" s="10"/>
    </row>
    <row r="1017974" spans="14:14">
      <c r="N1017974" s="10"/>
    </row>
    <row r="1017975" spans="14:14">
      <c r="N1017975" s="10"/>
    </row>
    <row r="1017976" spans="14:14">
      <c r="N1017976" s="10"/>
    </row>
    <row r="1017977" spans="14:14">
      <c r="N1017977" s="10"/>
    </row>
    <row r="1017978" spans="14:14">
      <c r="N1017978" s="10"/>
    </row>
    <row r="1017979" spans="14:14">
      <c r="N1017979" s="10"/>
    </row>
    <row r="1017980" spans="14:14">
      <c r="N1017980" s="10"/>
    </row>
    <row r="1017981" spans="14:14">
      <c r="N1017981" s="10"/>
    </row>
    <row r="1017982" spans="14:14">
      <c r="N1017982" s="10"/>
    </row>
    <row r="1017983" spans="14:14">
      <c r="N1017983" s="10"/>
    </row>
    <row r="1017984" spans="14:14">
      <c r="N1017984" s="10"/>
    </row>
    <row r="1017985" spans="14:14">
      <c r="N1017985" s="10"/>
    </row>
    <row r="1017986" spans="14:14">
      <c r="N1017986" s="10"/>
    </row>
    <row r="1017987" spans="14:14">
      <c r="N1017987" s="10"/>
    </row>
    <row r="1017988" spans="14:14">
      <c r="N1017988" s="10"/>
    </row>
    <row r="1017989" spans="14:14">
      <c r="N1017989" s="10"/>
    </row>
    <row r="1017990" spans="14:14">
      <c r="N1017990" s="10"/>
    </row>
    <row r="1017991" spans="14:14">
      <c r="N1017991" s="10"/>
    </row>
    <row r="1017992" spans="14:14">
      <c r="N1017992" s="10"/>
    </row>
    <row r="1017993" spans="14:14">
      <c r="N1017993" s="10"/>
    </row>
    <row r="1017994" spans="14:14">
      <c r="N1017994" s="10"/>
    </row>
    <row r="1017995" spans="14:14">
      <c r="N1017995" s="10"/>
    </row>
    <row r="1017996" spans="14:14">
      <c r="N1017996" s="10"/>
    </row>
    <row r="1017997" spans="14:14">
      <c r="N1017997" s="10"/>
    </row>
    <row r="1017998" spans="14:14">
      <c r="N1017998" s="10"/>
    </row>
    <row r="1017999" spans="14:14">
      <c r="N1017999" s="10"/>
    </row>
    <row r="1018000" spans="14:14">
      <c r="N1018000" s="10"/>
    </row>
    <row r="1018001" spans="14:14">
      <c r="N1018001" s="10"/>
    </row>
    <row r="1018002" spans="14:14">
      <c r="N1018002" s="10"/>
    </row>
    <row r="1018003" spans="14:14">
      <c r="N1018003" s="10"/>
    </row>
    <row r="1018004" spans="14:14">
      <c r="N1018004" s="10"/>
    </row>
    <row r="1018005" spans="14:14">
      <c r="N1018005" s="10"/>
    </row>
    <row r="1018006" spans="14:14">
      <c r="N1018006" s="10"/>
    </row>
    <row r="1018007" spans="14:14">
      <c r="N1018007" s="10"/>
    </row>
    <row r="1018008" spans="14:14">
      <c r="N1018008" s="10"/>
    </row>
    <row r="1018009" spans="14:14">
      <c r="N1018009" s="10"/>
    </row>
    <row r="1018010" spans="14:14">
      <c r="N1018010" s="10"/>
    </row>
    <row r="1018011" spans="14:14">
      <c r="N1018011" s="10"/>
    </row>
    <row r="1018012" spans="14:14">
      <c r="N1018012" s="10"/>
    </row>
    <row r="1018013" spans="14:14">
      <c r="N1018013" s="10"/>
    </row>
    <row r="1018014" spans="14:14">
      <c r="N1018014" s="10"/>
    </row>
    <row r="1018015" spans="14:14">
      <c r="N1018015" s="10"/>
    </row>
    <row r="1018016" spans="14:14">
      <c r="N1018016" s="10"/>
    </row>
    <row r="1018017" spans="14:14">
      <c r="N1018017" s="10"/>
    </row>
    <row r="1018018" spans="14:14">
      <c r="N1018018" s="10"/>
    </row>
    <row r="1018019" spans="14:14">
      <c r="N1018019" s="10"/>
    </row>
    <row r="1018020" spans="14:14">
      <c r="N1018020" s="10"/>
    </row>
    <row r="1018021" spans="14:14">
      <c r="N1018021" s="10"/>
    </row>
    <row r="1018022" spans="14:14">
      <c r="N1018022" s="10"/>
    </row>
    <row r="1018023" spans="14:14">
      <c r="N1018023" s="10"/>
    </row>
    <row r="1018024" spans="14:14">
      <c r="N1018024" s="10"/>
    </row>
    <row r="1018025" spans="14:14">
      <c r="N1018025" s="10"/>
    </row>
    <row r="1018026" spans="14:14">
      <c r="N1018026" s="10"/>
    </row>
    <row r="1018027" spans="14:14">
      <c r="N1018027" s="10"/>
    </row>
    <row r="1018028" spans="14:14">
      <c r="N1018028" s="10"/>
    </row>
    <row r="1018029" spans="14:14">
      <c r="N1018029" s="10"/>
    </row>
    <row r="1018030" spans="14:14">
      <c r="N1018030" s="10"/>
    </row>
    <row r="1018031" spans="14:14">
      <c r="N1018031" s="10"/>
    </row>
    <row r="1018032" spans="14:14">
      <c r="N1018032" s="10"/>
    </row>
    <row r="1018033" spans="14:14">
      <c r="N1018033" s="10"/>
    </row>
    <row r="1018034" spans="14:14">
      <c r="N1018034" s="10"/>
    </row>
    <row r="1018035" spans="14:14">
      <c r="N1018035" s="10"/>
    </row>
    <row r="1018036" spans="14:14">
      <c r="N1018036" s="10"/>
    </row>
    <row r="1018037" spans="14:14">
      <c r="N1018037" s="10"/>
    </row>
    <row r="1018038" spans="14:14">
      <c r="N1018038" s="10"/>
    </row>
    <row r="1018039" spans="14:14">
      <c r="N1018039" s="10"/>
    </row>
    <row r="1018040" spans="14:14">
      <c r="N1018040" s="10"/>
    </row>
    <row r="1018041" spans="14:14">
      <c r="N1018041" s="10"/>
    </row>
    <row r="1018042" spans="14:14">
      <c r="N1018042" s="10"/>
    </row>
    <row r="1018043" spans="14:14">
      <c r="N1018043" s="10"/>
    </row>
    <row r="1018044" spans="14:14">
      <c r="N1018044" s="10"/>
    </row>
    <row r="1018045" spans="14:14">
      <c r="N1018045" s="10"/>
    </row>
    <row r="1018046" spans="14:14">
      <c r="N1018046" s="10"/>
    </row>
    <row r="1018047" spans="14:14">
      <c r="N1018047" s="10"/>
    </row>
    <row r="1018048" spans="14:14">
      <c r="N1018048" s="10"/>
    </row>
    <row r="1018049" spans="14:14">
      <c r="N1018049" s="10"/>
    </row>
    <row r="1018050" spans="14:14">
      <c r="N1018050" s="10"/>
    </row>
    <row r="1018051" spans="14:14">
      <c r="N1018051" s="10"/>
    </row>
    <row r="1018052" spans="14:14">
      <c r="N1018052" s="10"/>
    </row>
    <row r="1018053" spans="14:14">
      <c r="N1018053" s="10"/>
    </row>
    <row r="1018054" spans="14:14">
      <c r="N1018054" s="10"/>
    </row>
    <row r="1018055" spans="14:14">
      <c r="N1018055" s="10"/>
    </row>
    <row r="1018056" spans="14:14">
      <c r="N1018056" s="10"/>
    </row>
    <row r="1018057" spans="14:14">
      <c r="N1018057" s="10"/>
    </row>
    <row r="1018058" spans="14:14">
      <c r="N1018058" s="10"/>
    </row>
    <row r="1018059" spans="14:14">
      <c r="N1018059" s="10"/>
    </row>
    <row r="1018060" spans="14:14">
      <c r="N1018060" s="10"/>
    </row>
    <row r="1018061" spans="14:14">
      <c r="N1018061" s="10"/>
    </row>
    <row r="1018062" spans="14:14">
      <c r="N1018062" s="10"/>
    </row>
    <row r="1018063" spans="14:14">
      <c r="N1018063" s="10"/>
    </row>
    <row r="1018064" spans="14:14">
      <c r="N1018064" s="10"/>
    </row>
    <row r="1018065" spans="14:14">
      <c r="N1018065" s="10"/>
    </row>
    <row r="1018066" spans="14:14">
      <c r="N1018066" s="10"/>
    </row>
    <row r="1018067" spans="14:14">
      <c r="N1018067" s="10"/>
    </row>
    <row r="1018068" spans="14:14">
      <c r="N1018068" s="10"/>
    </row>
    <row r="1018069" spans="14:14">
      <c r="N1018069" s="10"/>
    </row>
    <row r="1018070" spans="14:14">
      <c r="N1018070" s="10"/>
    </row>
    <row r="1018071" spans="14:14">
      <c r="N1018071" s="10"/>
    </row>
    <row r="1018072" spans="14:14">
      <c r="N1018072" s="10"/>
    </row>
    <row r="1018073" spans="14:14">
      <c r="N1018073" s="10"/>
    </row>
    <row r="1018074" spans="14:14">
      <c r="N1018074" s="10"/>
    </row>
    <row r="1018075" spans="14:14">
      <c r="N1018075" s="10"/>
    </row>
    <row r="1018076" spans="14:14">
      <c r="N1018076" s="10"/>
    </row>
    <row r="1018077" spans="14:14">
      <c r="N1018077" s="10"/>
    </row>
    <row r="1018078" spans="14:14">
      <c r="N1018078" s="10"/>
    </row>
    <row r="1018079" spans="14:14">
      <c r="N1018079" s="10"/>
    </row>
    <row r="1018080" spans="14:14">
      <c r="N1018080" s="10"/>
    </row>
    <row r="1018081" spans="14:14">
      <c r="N1018081" s="10"/>
    </row>
    <row r="1018082" spans="14:14">
      <c r="N1018082" s="10"/>
    </row>
    <row r="1018083" spans="14:14">
      <c r="N1018083" s="10"/>
    </row>
    <row r="1018084" spans="14:14">
      <c r="N1018084" s="10"/>
    </row>
    <row r="1018085" spans="14:14">
      <c r="N1018085" s="10"/>
    </row>
    <row r="1018086" spans="14:14">
      <c r="N1018086" s="10"/>
    </row>
    <row r="1018087" spans="14:14">
      <c r="N1018087" s="10"/>
    </row>
    <row r="1018088" spans="14:14">
      <c r="N1018088" s="10"/>
    </row>
    <row r="1018089" spans="14:14">
      <c r="N1018089" s="10"/>
    </row>
    <row r="1018090" spans="14:14">
      <c r="N1018090" s="10"/>
    </row>
    <row r="1018091" spans="14:14">
      <c r="N1018091" s="10"/>
    </row>
    <row r="1018092" spans="14:14">
      <c r="N1018092" s="10"/>
    </row>
    <row r="1018093" spans="14:14">
      <c r="N1018093" s="10"/>
    </row>
    <row r="1018094" spans="14:14">
      <c r="N1018094" s="10"/>
    </row>
    <row r="1018095" spans="14:14">
      <c r="N1018095" s="10"/>
    </row>
    <row r="1018096" spans="14:14">
      <c r="N1018096" s="10"/>
    </row>
    <row r="1018097" spans="14:14">
      <c r="N1018097" s="10"/>
    </row>
    <row r="1018098" spans="14:14">
      <c r="N1018098" s="10"/>
    </row>
    <row r="1018099" spans="14:14">
      <c r="N1018099" s="10"/>
    </row>
    <row r="1018100" spans="14:14">
      <c r="N1018100" s="10"/>
    </row>
    <row r="1018101" spans="14:14">
      <c r="N1018101" s="10"/>
    </row>
    <row r="1018102" spans="14:14">
      <c r="N1018102" s="10"/>
    </row>
    <row r="1018103" spans="14:14">
      <c r="N1018103" s="10"/>
    </row>
    <row r="1018104" spans="14:14">
      <c r="N1018104" s="10"/>
    </row>
    <row r="1018105" spans="14:14">
      <c r="N1018105" s="10"/>
    </row>
    <row r="1018106" spans="14:14">
      <c r="N1018106" s="10"/>
    </row>
    <row r="1018107" spans="14:14">
      <c r="N1018107" s="10"/>
    </row>
    <row r="1018108" spans="14:14">
      <c r="N1018108" s="10"/>
    </row>
    <row r="1018109" spans="14:14">
      <c r="N1018109" s="10"/>
    </row>
    <row r="1018110" spans="14:14">
      <c r="N1018110" s="10"/>
    </row>
    <row r="1018111" spans="14:14">
      <c r="N1018111" s="10"/>
    </row>
    <row r="1018112" spans="14:14">
      <c r="N1018112" s="10"/>
    </row>
    <row r="1018113" spans="14:14">
      <c r="N1018113" s="10"/>
    </row>
    <row r="1018114" spans="14:14">
      <c r="N1018114" s="10"/>
    </row>
    <row r="1018115" spans="14:14">
      <c r="N1018115" s="10"/>
    </row>
    <row r="1018116" spans="14:14">
      <c r="N1018116" s="10"/>
    </row>
    <row r="1018117" spans="14:14">
      <c r="N1018117" s="10"/>
    </row>
    <row r="1018118" spans="14:14">
      <c r="N1018118" s="10"/>
    </row>
    <row r="1018119" spans="14:14">
      <c r="N1018119" s="10"/>
    </row>
    <row r="1018120" spans="14:14">
      <c r="N1018120" s="10"/>
    </row>
    <row r="1018121" spans="14:14">
      <c r="N1018121" s="10"/>
    </row>
    <row r="1018122" spans="14:14">
      <c r="N1018122" s="10"/>
    </row>
    <row r="1018123" spans="14:14">
      <c r="N1018123" s="10"/>
    </row>
    <row r="1018124" spans="14:14">
      <c r="N1018124" s="10"/>
    </row>
    <row r="1018125" spans="14:14">
      <c r="N1018125" s="10"/>
    </row>
    <row r="1018126" spans="14:14">
      <c r="N1018126" s="10"/>
    </row>
    <row r="1018127" spans="14:14">
      <c r="N1018127" s="10"/>
    </row>
    <row r="1018128" spans="14:14">
      <c r="N1018128" s="10"/>
    </row>
    <row r="1018129" spans="14:14">
      <c r="N1018129" s="10"/>
    </row>
    <row r="1018130" spans="14:14">
      <c r="N1018130" s="10"/>
    </row>
    <row r="1018131" spans="14:14">
      <c r="N1018131" s="10"/>
    </row>
    <row r="1018132" spans="14:14">
      <c r="N1018132" s="10"/>
    </row>
    <row r="1018133" spans="14:14">
      <c r="N1018133" s="10"/>
    </row>
    <row r="1018134" spans="14:14">
      <c r="N1018134" s="10"/>
    </row>
    <row r="1018135" spans="14:14">
      <c r="N1018135" s="10"/>
    </row>
    <row r="1018136" spans="14:14">
      <c r="N1018136" s="10"/>
    </row>
    <row r="1018137" spans="14:14">
      <c r="N1018137" s="10"/>
    </row>
    <row r="1018138" spans="14:14">
      <c r="N1018138" s="10"/>
    </row>
    <row r="1018139" spans="14:14">
      <c r="N1018139" s="10"/>
    </row>
    <row r="1018140" spans="14:14">
      <c r="N1018140" s="10"/>
    </row>
    <row r="1018141" spans="14:14">
      <c r="N1018141" s="10"/>
    </row>
    <row r="1018142" spans="14:14">
      <c r="N1018142" s="10"/>
    </row>
    <row r="1018143" spans="14:14">
      <c r="N1018143" s="10"/>
    </row>
    <row r="1018144" spans="14:14">
      <c r="N1018144" s="10"/>
    </row>
    <row r="1018145" spans="14:14">
      <c r="N1018145" s="10"/>
    </row>
    <row r="1018146" spans="14:14">
      <c r="N1018146" s="10"/>
    </row>
    <row r="1018147" spans="14:14">
      <c r="N1018147" s="10"/>
    </row>
    <row r="1018148" spans="14:14">
      <c r="N1018148" s="10"/>
    </row>
    <row r="1018149" spans="14:14">
      <c r="N1018149" s="10"/>
    </row>
    <row r="1018150" spans="14:14">
      <c r="N1018150" s="10"/>
    </row>
    <row r="1018151" spans="14:14">
      <c r="N1018151" s="10"/>
    </row>
    <row r="1018152" spans="14:14">
      <c r="N1018152" s="10"/>
    </row>
    <row r="1018153" spans="14:14">
      <c r="N1018153" s="10"/>
    </row>
    <row r="1018154" spans="14:14">
      <c r="N1018154" s="10"/>
    </row>
    <row r="1018155" spans="14:14">
      <c r="N1018155" s="10"/>
    </row>
    <row r="1018156" spans="14:14">
      <c r="N1018156" s="10"/>
    </row>
    <row r="1018157" spans="14:14">
      <c r="N1018157" s="10"/>
    </row>
    <row r="1018158" spans="14:14">
      <c r="N1018158" s="10"/>
    </row>
    <row r="1018159" spans="14:14">
      <c r="N1018159" s="10"/>
    </row>
    <row r="1018160" spans="14:14">
      <c r="N1018160" s="10"/>
    </row>
    <row r="1018161" spans="14:14">
      <c r="N1018161" s="10"/>
    </row>
    <row r="1018162" spans="14:14">
      <c r="N1018162" s="10"/>
    </row>
    <row r="1018163" spans="14:14">
      <c r="N1018163" s="10"/>
    </row>
    <row r="1018164" spans="14:14">
      <c r="N1018164" s="10"/>
    </row>
    <row r="1018165" spans="14:14">
      <c r="N1018165" s="10"/>
    </row>
    <row r="1018166" spans="14:14">
      <c r="N1018166" s="10"/>
    </row>
    <row r="1018167" spans="14:14">
      <c r="N1018167" s="10"/>
    </row>
    <row r="1018168" spans="14:14">
      <c r="N1018168" s="10"/>
    </row>
    <row r="1018169" spans="14:14">
      <c r="N1018169" s="10"/>
    </row>
    <row r="1018170" spans="14:14">
      <c r="N1018170" s="10"/>
    </row>
    <row r="1018171" spans="14:14">
      <c r="N1018171" s="10"/>
    </row>
    <row r="1018172" spans="14:14">
      <c r="N1018172" s="10"/>
    </row>
    <row r="1018173" spans="14:14">
      <c r="N1018173" s="10"/>
    </row>
    <row r="1018174" spans="14:14">
      <c r="N1018174" s="10"/>
    </row>
    <row r="1018175" spans="14:14">
      <c r="N1018175" s="10"/>
    </row>
    <row r="1018176" spans="14:14">
      <c r="N1018176" s="10"/>
    </row>
    <row r="1018177" spans="14:14">
      <c r="N1018177" s="10"/>
    </row>
    <row r="1018178" spans="14:14">
      <c r="N1018178" s="10"/>
    </row>
    <row r="1018179" spans="14:14">
      <c r="N1018179" s="10"/>
    </row>
    <row r="1018180" spans="14:14">
      <c r="N1018180" s="10"/>
    </row>
    <row r="1018181" spans="14:14">
      <c r="N1018181" s="10"/>
    </row>
    <row r="1018182" spans="14:14">
      <c r="N1018182" s="10"/>
    </row>
    <row r="1018183" spans="14:14">
      <c r="N1018183" s="10"/>
    </row>
    <row r="1018184" spans="14:14">
      <c r="N1018184" s="10"/>
    </row>
    <row r="1018185" spans="14:14">
      <c r="N1018185" s="10"/>
    </row>
    <row r="1018186" spans="14:14">
      <c r="N1018186" s="10"/>
    </row>
    <row r="1018187" spans="14:14">
      <c r="N1018187" s="10"/>
    </row>
    <row r="1018188" spans="14:14">
      <c r="N1018188" s="10"/>
    </row>
    <row r="1018189" spans="14:14">
      <c r="N1018189" s="10"/>
    </row>
    <row r="1018190" spans="14:14">
      <c r="N1018190" s="10"/>
    </row>
    <row r="1018191" spans="14:14">
      <c r="N1018191" s="10"/>
    </row>
    <row r="1018192" spans="14:14">
      <c r="N1018192" s="10"/>
    </row>
    <row r="1018193" spans="14:14">
      <c r="N1018193" s="10"/>
    </row>
    <row r="1018194" spans="14:14">
      <c r="N1018194" s="10"/>
    </row>
    <row r="1018195" spans="14:14">
      <c r="N1018195" s="10"/>
    </row>
    <row r="1018196" spans="14:14">
      <c r="N1018196" s="10"/>
    </row>
    <row r="1018197" spans="14:14">
      <c r="N1018197" s="10"/>
    </row>
    <row r="1018198" spans="14:14">
      <c r="N1018198" s="10"/>
    </row>
    <row r="1018199" spans="14:14">
      <c r="N1018199" s="10"/>
    </row>
    <row r="1018200" spans="14:14">
      <c r="N1018200" s="10"/>
    </row>
    <row r="1018201" spans="14:14">
      <c r="N1018201" s="10"/>
    </row>
    <row r="1018202" spans="14:14">
      <c r="N1018202" s="10"/>
    </row>
    <row r="1018203" spans="14:14">
      <c r="N1018203" s="10"/>
    </row>
    <row r="1018204" spans="14:14">
      <c r="N1018204" s="10"/>
    </row>
    <row r="1018205" spans="14:14">
      <c r="N1018205" s="10"/>
    </row>
    <row r="1018206" spans="14:14">
      <c r="N1018206" s="10"/>
    </row>
    <row r="1018207" spans="14:14">
      <c r="N1018207" s="10"/>
    </row>
    <row r="1018208" spans="14:14">
      <c r="N1018208" s="10"/>
    </row>
    <row r="1018209" spans="14:14">
      <c r="N1018209" s="10"/>
    </row>
    <row r="1018210" spans="14:14">
      <c r="N1018210" s="10"/>
    </row>
    <row r="1018211" spans="14:14">
      <c r="N1018211" s="10"/>
    </row>
    <row r="1018212" spans="14:14">
      <c r="N1018212" s="10"/>
    </row>
    <row r="1018213" spans="14:14">
      <c r="N1018213" s="10"/>
    </row>
    <row r="1018214" spans="14:14">
      <c r="N1018214" s="10"/>
    </row>
    <row r="1018215" spans="14:14">
      <c r="N1018215" s="10"/>
    </row>
    <row r="1018216" spans="14:14">
      <c r="N1018216" s="10"/>
    </row>
    <row r="1018217" spans="14:14">
      <c r="N1018217" s="10"/>
    </row>
    <row r="1018218" spans="14:14">
      <c r="N1018218" s="10"/>
    </row>
    <row r="1018219" spans="14:14">
      <c r="N1018219" s="10"/>
    </row>
    <row r="1018220" spans="14:14">
      <c r="N1018220" s="10"/>
    </row>
    <row r="1018221" spans="14:14">
      <c r="N1018221" s="10"/>
    </row>
    <row r="1018222" spans="14:14">
      <c r="N1018222" s="10"/>
    </row>
    <row r="1018223" spans="14:14">
      <c r="N1018223" s="10"/>
    </row>
    <row r="1018224" spans="14:14">
      <c r="N1018224" s="10"/>
    </row>
    <row r="1018225" spans="14:14">
      <c r="N1018225" s="10"/>
    </row>
    <row r="1018226" spans="14:14">
      <c r="N1018226" s="10"/>
    </row>
    <row r="1018227" spans="14:14">
      <c r="N1018227" s="10"/>
    </row>
    <row r="1018228" spans="14:14">
      <c r="N1018228" s="10"/>
    </row>
    <row r="1018229" spans="14:14">
      <c r="N1018229" s="10"/>
    </row>
    <row r="1018230" spans="14:14">
      <c r="N1018230" s="10"/>
    </row>
    <row r="1018231" spans="14:14">
      <c r="N1018231" s="10"/>
    </row>
    <row r="1018232" spans="14:14">
      <c r="N1018232" s="10"/>
    </row>
    <row r="1018233" spans="14:14">
      <c r="N1018233" s="10"/>
    </row>
    <row r="1018234" spans="14:14">
      <c r="N1018234" s="10"/>
    </row>
    <row r="1018235" spans="14:14">
      <c r="N1018235" s="10"/>
    </row>
    <row r="1018236" spans="14:14">
      <c r="N1018236" s="10"/>
    </row>
    <row r="1018237" spans="14:14">
      <c r="N1018237" s="10"/>
    </row>
    <row r="1018238" spans="14:14">
      <c r="N1018238" s="10"/>
    </row>
    <row r="1018239" spans="14:14">
      <c r="N1018239" s="10"/>
    </row>
    <row r="1018240" spans="14:14">
      <c r="N1018240" s="10"/>
    </row>
    <row r="1018241" spans="14:14">
      <c r="N1018241" s="10"/>
    </row>
    <row r="1018242" spans="14:14">
      <c r="N1018242" s="10"/>
    </row>
    <row r="1018243" spans="14:14">
      <c r="N1018243" s="10"/>
    </row>
    <row r="1018244" spans="14:14">
      <c r="N1018244" s="10"/>
    </row>
    <row r="1018245" spans="14:14">
      <c r="N1018245" s="10"/>
    </row>
    <row r="1018246" spans="14:14">
      <c r="N1018246" s="10"/>
    </row>
    <row r="1018247" spans="14:14">
      <c r="N1018247" s="10"/>
    </row>
    <row r="1018248" spans="14:14">
      <c r="N1018248" s="10"/>
    </row>
    <row r="1018249" spans="14:14">
      <c r="N1018249" s="10"/>
    </row>
    <row r="1018250" spans="14:14">
      <c r="N1018250" s="10"/>
    </row>
    <row r="1018251" spans="14:14">
      <c r="N1018251" s="10"/>
    </row>
    <row r="1018252" spans="14:14">
      <c r="N1018252" s="10"/>
    </row>
    <row r="1018253" spans="14:14">
      <c r="N1018253" s="10"/>
    </row>
    <row r="1018254" spans="14:14">
      <c r="N1018254" s="10"/>
    </row>
    <row r="1018255" spans="14:14">
      <c r="N1018255" s="10"/>
    </row>
    <row r="1018256" spans="14:14">
      <c r="N1018256" s="10"/>
    </row>
    <row r="1018257" spans="14:14">
      <c r="N1018257" s="10"/>
    </row>
    <row r="1018258" spans="14:14">
      <c r="N1018258" s="10"/>
    </row>
    <row r="1018259" spans="14:14">
      <c r="N1018259" s="10"/>
    </row>
    <row r="1018260" spans="14:14">
      <c r="N1018260" s="10"/>
    </row>
    <row r="1018261" spans="14:14">
      <c r="N1018261" s="10"/>
    </row>
    <row r="1018262" spans="14:14">
      <c r="N1018262" s="10"/>
    </row>
    <row r="1018263" spans="14:14">
      <c r="N1018263" s="10"/>
    </row>
    <row r="1018264" spans="14:14">
      <c r="N1018264" s="10"/>
    </row>
    <row r="1018265" spans="14:14">
      <c r="N1018265" s="10"/>
    </row>
    <row r="1018266" spans="14:14">
      <c r="N1018266" s="10"/>
    </row>
    <row r="1018267" spans="14:14">
      <c r="N1018267" s="10"/>
    </row>
    <row r="1018268" spans="14:14">
      <c r="N1018268" s="10"/>
    </row>
    <row r="1018269" spans="14:14">
      <c r="N1018269" s="10"/>
    </row>
    <row r="1018270" spans="14:14">
      <c r="N1018270" s="10"/>
    </row>
    <row r="1018271" spans="14:14">
      <c r="N1018271" s="10"/>
    </row>
    <row r="1018272" spans="14:14">
      <c r="N1018272" s="10"/>
    </row>
    <row r="1018273" spans="14:14">
      <c r="N1018273" s="10"/>
    </row>
    <row r="1018274" spans="14:14">
      <c r="N1018274" s="10"/>
    </row>
    <row r="1018275" spans="14:14">
      <c r="N1018275" s="10"/>
    </row>
    <row r="1018276" spans="14:14">
      <c r="N1018276" s="10"/>
    </row>
    <row r="1018277" spans="14:14">
      <c r="N1018277" s="10"/>
    </row>
    <row r="1018278" spans="14:14">
      <c r="N1018278" s="10"/>
    </row>
    <row r="1018279" spans="14:14">
      <c r="N1018279" s="10"/>
    </row>
    <row r="1018280" spans="14:14">
      <c r="N1018280" s="10"/>
    </row>
    <row r="1018281" spans="14:14">
      <c r="N1018281" s="10"/>
    </row>
    <row r="1018282" spans="14:14">
      <c r="N1018282" s="10"/>
    </row>
    <row r="1018283" spans="14:14">
      <c r="N1018283" s="10"/>
    </row>
    <row r="1018284" spans="14:14">
      <c r="N1018284" s="10"/>
    </row>
    <row r="1018285" spans="14:14">
      <c r="N1018285" s="10"/>
    </row>
    <row r="1018286" spans="14:14">
      <c r="N1018286" s="10"/>
    </row>
    <row r="1018287" spans="14:14">
      <c r="N1018287" s="10"/>
    </row>
    <row r="1018288" spans="14:14">
      <c r="N1018288" s="10"/>
    </row>
    <row r="1018289" spans="14:14">
      <c r="N1018289" s="10"/>
    </row>
    <row r="1018290" spans="14:14">
      <c r="N1018290" s="10"/>
    </row>
    <row r="1018291" spans="14:14">
      <c r="N1018291" s="10"/>
    </row>
    <row r="1018292" spans="14:14">
      <c r="N1018292" s="10"/>
    </row>
    <row r="1018293" spans="14:14">
      <c r="N1018293" s="10"/>
    </row>
    <row r="1018294" spans="14:14">
      <c r="N1018294" s="10"/>
    </row>
    <row r="1018295" spans="14:14">
      <c r="N1018295" s="10"/>
    </row>
    <row r="1018296" spans="14:14">
      <c r="N1018296" s="10"/>
    </row>
    <row r="1018297" spans="14:14">
      <c r="N1018297" s="10"/>
    </row>
    <row r="1018298" spans="14:14">
      <c r="N1018298" s="10"/>
    </row>
    <row r="1018299" spans="14:14">
      <c r="N1018299" s="10"/>
    </row>
    <row r="1018300" spans="14:14">
      <c r="N1018300" s="10"/>
    </row>
    <row r="1018301" spans="14:14">
      <c r="N1018301" s="10"/>
    </row>
    <row r="1018302" spans="14:14">
      <c r="N1018302" s="10"/>
    </row>
    <row r="1018303" spans="14:14">
      <c r="N1018303" s="10"/>
    </row>
    <row r="1018304" spans="14:14">
      <c r="N1018304" s="10"/>
    </row>
    <row r="1018305" spans="14:14">
      <c r="N1018305" s="10"/>
    </row>
    <row r="1018306" spans="14:14">
      <c r="N1018306" s="10"/>
    </row>
    <row r="1018307" spans="14:14">
      <c r="N1018307" s="10"/>
    </row>
    <row r="1018308" spans="14:14">
      <c r="N1018308" s="10"/>
    </row>
    <row r="1018309" spans="14:14">
      <c r="N1018309" s="10"/>
    </row>
    <row r="1018310" spans="14:14">
      <c r="N1018310" s="10"/>
    </row>
    <row r="1018311" spans="14:14">
      <c r="N1018311" s="10"/>
    </row>
    <row r="1018312" spans="14:14">
      <c r="N1018312" s="10"/>
    </row>
    <row r="1018313" spans="14:14">
      <c r="N1018313" s="10"/>
    </row>
    <row r="1018314" spans="14:14">
      <c r="N1018314" s="10"/>
    </row>
    <row r="1018315" spans="14:14">
      <c r="N1018315" s="10"/>
    </row>
    <row r="1018316" spans="14:14">
      <c r="N1018316" s="10"/>
    </row>
    <row r="1018317" spans="14:14">
      <c r="N1018317" s="10"/>
    </row>
    <row r="1018318" spans="14:14">
      <c r="N1018318" s="10"/>
    </row>
    <row r="1018319" spans="14:14">
      <c r="N1018319" s="10"/>
    </row>
    <row r="1018320" spans="14:14">
      <c r="N1018320" s="10"/>
    </row>
    <row r="1018321" spans="14:14">
      <c r="N1018321" s="10"/>
    </row>
    <row r="1018322" spans="14:14">
      <c r="N1018322" s="10"/>
    </row>
    <row r="1018323" spans="14:14">
      <c r="N1018323" s="10"/>
    </row>
    <row r="1018324" spans="14:14">
      <c r="N1018324" s="10"/>
    </row>
    <row r="1018325" spans="14:14">
      <c r="N1018325" s="10"/>
    </row>
    <row r="1018326" spans="14:14">
      <c r="N1018326" s="10"/>
    </row>
    <row r="1018327" spans="14:14">
      <c r="N1018327" s="10"/>
    </row>
    <row r="1018328" spans="14:14">
      <c r="N1018328" s="10"/>
    </row>
    <row r="1018329" spans="14:14">
      <c r="N1018329" s="10"/>
    </row>
    <row r="1018330" spans="14:14">
      <c r="N1018330" s="10"/>
    </row>
    <row r="1018331" spans="14:14">
      <c r="N1018331" s="10"/>
    </row>
    <row r="1018332" spans="14:14">
      <c r="N1018332" s="10"/>
    </row>
    <row r="1018333" spans="14:14">
      <c r="N1018333" s="10"/>
    </row>
    <row r="1018334" spans="14:14">
      <c r="N1018334" s="10"/>
    </row>
    <row r="1018335" spans="14:14">
      <c r="N1018335" s="10"/>
    </row>
    <row r="1018336" spans="14:14">
      <c r="N1018336" s="10"/>
    </row>
    <row r="1018337" spans="14:14">
      <c r="N1018337" s="10"/>
    </row>
    <row r="1018338" spans="14:14">
      <c r="N1018338" s="10"/>
    </row>
    <row r="1018339" spans="14:14">
      <c r="N1018339" s="10"/>
    </row>
    <row r="1018340" spans="14:14">
      <c r="N1018340" s="10"/>
    </row>
    <row r="1018341" spans="14:14">
      <c r="N1018341" s="10"/>
    </row>
    <row r="1018342" spans="14:14">
      <c r="N1018342" s="10"/>
    </row>
    <row r="1018343" spans="14:14">
      <c r="N1018343" s="10"/>
    </row>
    <row r="1018344" spans="14:14">
      <c r="N1018344" s="10"/>
    </row>
    <row r="1018345" spans="14:14">
      <c r="N1018345" s="10"/>
    </row>
    <row r="1018346" spans="14:14">
      <c r="N1018346" s="10"/>
    </row>
    <row r="1018347" spans="14:14">
      <c r="N1018347" s="10"/>
    </row>
    <row r="1018348" spans="14:14">
      <c r="N1018348" s="10"/>
    </row>
    <row r="1018349" spans="14:14">
      <c r="N1018349" s="10"/>
    </row>
    <row r="1018350" spans="14:14">
      <c r="N1018350" s="10"/>
    </row>
    <row r="1018351" spans="14:14">
      <c r="N1018351" s="10"/>
    </row>
    <row r="1018352" spans="14:14">
      <c r="N1018352" s="10"/>
    </row>
    <row r="1018353" spans="14:14">
      <c r="N1018353" s="10"/>
    </row>
    <row r="1018354" spans="14:14">
      <c r="N1018354" s="10"/>
    </row>
    <row r="1018355" spans="14:14">
      <c r="N1018355" s="10"/>
    </row>
    <row r="1018356" spans="14:14">
      <c r="N1018356" s="10"/>
    </row>
    <row r="1018357" spans="14:14">
      <c r="N1018357" s="10"/>
    </row>
    <row r="1018358" spans="14:14">
      <c r="N1018358" s="10"/>
    </row>
    <row r="1018359" spans="14:14">
      <c r="N1018359" s="10"/>
    </row>
    <row r="1018360" spans="14:14">
      <c r="N1018360" s="10"/>
    </row>
    <row r="1018361" spans="14:14">
      <c r="N1018361" s="10"/>
    </row>
    <row r="1018362" spans="14:14">
      <c r="N1018362" s="10"/>
    </row>
    <row r="1018363" spans="14:14">
      <c r="N1018363" s="10"/>
    </row>
    <row r="1018364" spans="14:14">
      <c r="N1018364" s="10"/>
    </row>
    <row r="1018365" spans="14:14">
      <c r="N1018365" s="10"/>
    </row>
    <row r="1018366" spans="14:14">
      <c r="N1018366" s="10"/>
    </row>
    <row r="1018367" spans="14:14">
      <c r="N1018367" s="10"/>
    </row>
    <row r="1018368" spans="14:14">
      <c r="N1018368" s="10"/>
    </row>
    <row r="1018369" spans="14:14">
      <c r="N1018369" s="10"/>
    </row>
    <row r="1018370" spans="14:14">
      <c r="N1018370" s="10"/>
    </row>
    <row r="1018371" spans="14:14">
      <c r="N1018371" s="10"/>
    </row>
    <row r="1018372" spans="14:14">
      <c r="N1018372" s="10"/>
    </row>
    <row r="1018373" spans="14:14">
      <c r="N1018373" s="10"/>
    </row>
    <row r="1018374" spans="14:14">
      <c r="N1018374" s="10"/>
    </row>
    <row r="1018375" spans="14:14">
      <c r="N1018375" s="10"/>
    </row>
    <row r="1018376" spans="14:14">
      <c r="N1018376" s="10"/>
    </row>
    <row r="1018377" spans="14:14">
      <c r="N1018377" s="10"/>
    </row>
    <row r="1018378" spans="14:14">
      <c r="N1018378" s="10"/>
    </row>
    <row r="1018379" spans="14:14">
      <c r="N1018379" s="10"/>
    </row>
    <row r="1018380" spans="14:14">
      <c r="N1018380" s="10"/>
    </row>
    <row r="1018381" spans="14:14">
      <c r="N1018381" s="10"/>
    </row>
    <row r="1018382" spans="14:14">
      <c r="N1018382" s="10"/>
    </row>
    <row r="1018383" spans="14:14">
      <c r="N1018383" s="10"/>
    </row>
    <row r="1018384" spans="14:14">
      <c r="N1018384" s="10"/>
    </row>
    <row r="1018385" spans="14:14">
      <c r="N1018385" s="10"/>
    </row>
    <row r="1018386" spans="14:14">
      <c r="N1018386" s="10"/>
    </row>
    <row r="1018387" spans="14:14">
      <c r="N1018387" s="10"/>
    </row>
    <row r="1018388" spans="14:14">
      <c r="N1018388" s="10"/>
    </row>
    <row r="1018389" spans="14:14">
      <c r="N1018389" s="10"/>
    </row>
    <row r="1018390" spans="14:14">
      <c r="N1018390" s="10"/>
    </row>
    <row r="1018391" spans="14:14">
      <c r="N1018391" s="10"/>
    </row>
    <row r="1018392" spans="14:14">
      <c r="N1018392" s="10"/>
    </row>
    <row r="1018393" spans="14:14">
      <c r="N1018393" s="10"/>
    </row>
    <row r="1018394" spans="14:14">
      <c r="N1018394" s="10"/>
    </row>
    <row r="1018395" spans="14:14">
      <c r="N1018395" s="10"/>
    </row>
    <row r="1018396" spans="14:14">
      <c r="N1018396" s="10"/>
    </row>
    <row r="1018397" spans="14:14">
      <c r="N1018397" s="10"/>
    </row>
    <row r="1018398" spans="14:14">
      <c r="N1018398" s="10"/>
    </row>
    <row r="1018399" spans="14:14">
      <c r="N1018399" s="10"/>
    </row>
    <row r="1018400" spans="14:14">
      <c r="N1018400" s="10"/>
    </row>
    <row r="1018401" spans="14:14">
      <c r="N1018401" s="10"/>
    </row>
    <row r="1018402" spans="14:14">
      <c r="N1018402" s="10"/>
    </row>
    <row r="1018403" spans="14:14">
      <c r="N1018403" s="10"/>
    </row>
    <row r="1018404" spans="14:14">
      <c r="N1018404" s="10"/>
    </row>
    <row r="1018405" spans="14:14">
      <c r="N1018405" s="10"/>
    </row>
    <row r="1018406" spans="14:14">
      <c r="N1018406" s="10"/>
    </row>
    <row r="1018407" spans="14:14">
      <c r="N1018407" s="10"/>
    </row>
    <row r="1018408" spans="14:14">
      <c r="N1018408" s="10"/>
    </row>
    <row r="1018409" spans="14:14">
      <c r="N1018409" s="10"/>
    </row>
    <row r="1018410" spans="14:14">
      <c r="N1018410" s="10"/>
    </row>
    <row r="1018411" spans="14:14">
      <c r="N1018411" s="10"/>
    </row>
    <row r="1018412" spans="14:14">
      <c r="N1018412" s="10"/>
    </row>
    <row r="1018413" spans="14:14">
      <c r="N1018413" s="10"/>
    </row>
    <row r="1018414" spans="14:14">
      <c r="N1018414" s="10"/>
    </row>
    <row r="1018415" spans="14:14">
      <c r="N1018415" s="10"/>
    </row>
    <row r="1018416" spans="14:14">
      <c r="N1018416" s="10"/>
    </row>
    <row r="1018417" spans="14:14">
      <c r="N1018417" s="10"/>
    </row>
    <row r="1018418" spans="14:14">
      <c r="N1018418" s="10"/>
    </row>
    <row r="1018419" spans="14:14">
      <c r="N1018419" s="10"/>
    </row>
    <row r="1018420" spans="14:14">
      <c r="N1018420" s="10"/>
    </row>
    <row r="1018421" spans="14:14">
      <c r="N1018421" s="10"/>
    </row>
    <row r="1018422" spans="14:14">
      <c r="N1018422" s="10"/>
    </row>
    <row r="1018423" spans="14:14">
      <c r="N1018423" s="10"/>
    </row>
    <row r="1018424" spans="14:14">
      <c r="N1018424" s="10"/>
    </row>
    <row r="1018425" spans="14:14">
      <c r="N1018425" s="10"/>
    </row>
    <row r="1018426" spans="14:14">
      <c r="N1018426" s="10"/>
    </row>
    <row r="1018427" spans="14:14">
      <c r="N1018427" s="10"/>
    </row>
    <row r="1018428" spans="14:14">
      <c r="N1018428" s="10"/>
    </row>
    <row r="1018429" spans="14:14">
      <c r="N1018429" s="10"/>
    </row>
    <row r="1018430" spans="14:14">
      <c r="N1018430" s="10"/>
    </row>
    <row r="1018431" spans="14:14">
      <c r="N1018431" s="10"/>
    </row>
    <row r="1018432" spans="14:14">
      <c r="N1018432" s="10"/>
    </row>
    <row r="1018433" spans="14:14">
      <c r="N1018433" s="10"/>
    </row>
    <row r="1018434" spans="14:14">
      <c r="N1018434" s="10"/>
    </row>
    <row r="1018435" spans="14:14">
      <c r="N1018435" s="10"/>
    </row>
    <row r="1018436" spans="14:14">
      <c r="N1018436" s="10"/>
    </row>
    <row r="1018437" spans="14:14">
      <c r="N1018437" s="10"/>
    </row>
    <row r="1018438" spans="14:14">
      <c r="N1018438" s="10"/>
    </row>
    <row r="1018439" spans="14:14">
      <c r="N1018439" s="10"/>
    </row>
    <row r="1018440" spans="14:14">
      <c r="N1018440" s="10"/>
    </row>
    <row r="1018441" spans="14:14">
      <c r="N1018441" s="10"/>
    </row>
    <row r="1018442" spans="14:14">
      <c r="N1018442" s="10"/>
    </row>
    <row r="1018443" spans="14:14">
      <c r="N1018443" s="10"/>
    </row>
    <row r="1018444" spans="14:14">
      <c r="N1018444" s="10"/>
    </row>
    <row r="1018445" spans="14:14">
      <c r="N1018445" s="10"/>
    </row>
    <row r="1018446" spans="14:14">
      <c r="N1018446" s="10"/>
    </row>
    <row r="1018447" spans="14:14">
      <c r="N1018447" s="10"/>
    </row>
    <row r="1018448" spans="14:14">
      <c r="N1018448" s="10"/>
    </row>
    <row r="1018449" spans="14:14">
      <c r="N1018449" s="10"/>
    </row>
    <row r="1018450" spans="14:14">
      <c r="N1018450" s="10"/>
    </row>
    <row r="1018451" spans="14:14">
      <c r="N1018451" s="10"/>
    </row>
    <row r="1018452" spans="14:14">
      <c r="N1018452" s="10"/>
    </row>
    <row r="1018453" spans="14:14">
      <c r="N1018453" s="10"/>
    </row>
    <row r="1018454" spans="14:14">
      <c r="N1018454" s="10"/>
    </row>
    <row r="1018455" spans="14:14">
      <c r="N1018455" s="10"/>
    </row>
    <row r="1018456" spans="14:14">
      <c r="N1018456" s="10"/>
    </row>
    <row r="1018457" spans="14:14">
      <c r="N1018457" s="10"/>
    </row>
    <row r="1018458" spans="14:14">
      <c r="N1018458" s="10"/>
    </row>
    <row r="1018459" spans="14:14">
      <c r="N1018459" s="10"/>
    </row>
    <row r="1018460" spans="14:14">
      <c r="N1018460" s="10"/>
    </row>
    <row r="1018461" spans="14:14">
      <c r="N1018461" s="10"/>
    </row>
    <row r="1018462" spans="14:14">
      <c r="N1018462" s="10"/>
    </row>
    <row r="1018463" spans="14:14">
      <c r="N1018463" s="10"/>
    </row>
    <row r="1018464" spans="14:14">
      <c r="N1018464" s="10"/>
    </row>
    <row r="1018465" spans="14:14">
      <c r="N1018465" s="10"/>
    </row>
    <row r="1018466" spans="14:14">
      <c r="N1018466" s="10"/>
    </row>
    <row r="1018467" spans="14:14">
      <c r="N1018467" s="10"/>
    </row>
    <row r="1018468" spans="14:14">
      <c r="N1018468" s="10"/>
    </row>
    <row r="1018469" spans="14:14">
      <c r="N1018469" s="10"/>
    </row>
    <row r="1018470" spans="14:14">
      <c r="N1018470" s="10"/>
    </row>
    <row r="1018471" spans="14:14">
      <c r="N1018471" s="10"/>
    </row>
    <row r="1018472" spans="14:14">
      <c r="N1018472" s="10"/>
    </row>
    <row r="1018473" spans="14:14">
      <c r="N1018473" s="10"/>
    </row>
    <row r="1018474" spans="14:14">
      <c r="N1018474" s="10"/>
    </row>
    <row r="1018475" spans="14:14">
      <c r="N1018475" s="10"/>
    </row>
    <row r="1018476" spans="14:14">
      <c r="N1018476" s="10"/>
    </row>
    <row r="1018477" spans="14:14">
      <c r="N1018477" s="10"/>
    </row>
    <row r="1018478" spans="14:14">
      <c r="N1018478" s="10"/>
    </row>
    <row r="1018479" spans="14:14">
      <c r="N1018479" s="10"/>
    </row>
    <row r="1018480" spans="14:14">
      <c r="N1018480" s="10"/>
    </row>
    <row r="1018481" spans="14:14">
      <c r="N1018481" s="10"/>
    </row>
    <row r="1018482" spans="14:14">
      <c r="N1018482" s="10"/>
    </row>
    <row r="1018483" spans="14:14">
      <c r="N1018483" s="10"/>
    </row>
    <row r="1018484" spans="14:14">
      <c r="N1018484" s="10"/>
    </row>
    <row r="1018485" spans="14:14">
      <c r="N1018485" s="10"/>
    </row>
    <row r="1018486" spans="14:14">
      <c r="N1018486" s="10"/>
    </row>
    <row r="1018487" spans="14:14">
      <c r="N1018487" s="10"/>
    </row>
    <row r="1018488" spans="14:14">
      <c r="N1018488" s="10"/>
    </row>
    <row r="1018489" spans="14:14">
      <c r="N1018489" s="10"/>
    </row>
    <row r="1018490" spans="14:14">
      <c r="N1018490" s="10"/>
    </row>
    <row r="1018491" spans="14:14">
      <c r="N1018491" s="10"/>
    </row>
    <row r="1018492" spans="14:14">
      <c r="N1018492" s="10"/>
    </row>
    <row r="1018493" spans="14:14">
      <c r="N1018493" s="10"/>
    </row>
    <row r="1018494" spans="14:14">
      <c r="N1018494" s="10"/>
    </row>
    <row r="1018495" spans="14:14">
      <c r="N1018495" s="10"/>
    </row>
    <row r="1018496" spans="14:14">
      <c r="N1018496" s="10"/>
    </row>
    <row r="1018497" spans="14:14">
      <c r="N1018497" s="10"/>
    </row>
    <row r="1018498" spans="14:14">
      <c r="N1018498" s="10"/>
    </row>
    <row r="1018499" spans="14:14">
      <c r="N1018499" s="10"/>
    </row>
    <row r="1018500" spans="14:14">
      <c r="N1018500" s="10"/>
    </row>
    <row r="1018501" spans="14:14">
      <c r="N1018501" s="10"/>
    </row>
    <row r="1018502" spans="14:14">
      <c r="N1018502" s="10"/>
    </row>
    <row r="1018503" spans="14:14">
      <c r="N1018503" s="10"/>
    </row>
    <row r="1018504" spans="14:14">
      <c r="N1018504" s="10"/>
    </row>
    <row r="1018505" spans="14:14">
      <c r="N1018505" s="10"/>
    </row>
    <row r="1018506" spans="14:14">
      <c r="N1018506" s="10"/>
    </row>
    <row r="1018507" spans="14:14">
      <c r="N1018507" s="10"/>
    </row>
    <row r="1018508" spans="14:14">
      <c r="N1018508" s="10"/>
    </row>
    <row r="1018509" spans="14:14">
      <c r="N1018509" s="10"/>
    </row>
    <row r="1018510" spans="14:14">
      <c r="N1018510" s="10"/>
    </row>
    <row r="1018511" spans="14:14">
      <c r="N1018511" s="10"/>
    </row>
    <row r="1018512" spans="14:14">
      <c r="N1018512" s="10"/>
    </row>
    <row r="1018513" spans="14:14">
      <c r="N1018513" s="10"/>
    </row>
    <row r="1018514" spans="14:14">
      <c r="N1018514" s="10"/>
    </row>
    <row r="1018515" spans="14:14">
      <c r="N1018515" s="10"/>
    </row>
    <row r="1018516" spans="14:14">
      <c r="N1018516" s="10"/>
    </row>
    <row r="1018517" spans="14:14">
      <c r="N1018517" s="10"/>
    </row>
    <row r="1018518" spans="14:14">
      <c r="N1018518" s="10"/>
    </row>
    <row r="1018519" spans="14:14">
      <c r="N1018519" s="10"/>
    </row>
    <row r="1018520" spans="14:14">
      <c r="N1018520" s="10"/>
    </row>
    <row r="1018521" spans="14:14">
      <c r="N1018521" s="10"/>
    </row>
    <row r="1018522" spans="14:14">
      <c r="N1018522" s="10"/>
    </row>
    <row r="1018523" spans="14:14">
      <c r="N1018523" s="10"/>
    </row>
    <row r="1018524" spans="14:14">
      <c r="N1018524" s="10"/>
    </row>
    <row r="1018525" spans="14:14">
      <c r="N1018525" s="10"/>
    </row>
    <row r="1018526" spans="14:14">
      <c r="N1018526" s="10"/>
    </row>
    <row r="1018527" spans="14:14">
      <c r="N1018527" s="10"/>
    </row>
    <row r="1018528" spans="14:14">
      <c r="N1018528" s="10"/>
    </row>
    <row r="1018529" spans="14:14">
      <c r="N1018529" s="10"/>
    </row>
    <row r="1018530" spans="14:14">
      <c r="N1018530" s="10"/>
    </row>
    <row r="1018531" spans="14:14">
      <c r="N1018531" s="10"/>
    </row>
    <row r="1018532" spans="14:14">
      <c r="N1018532" s="10"/>
    </row>
    <row r="1018533" spans="14:14">
      <c r="N1018533" s="10"/>
    </row>
    <row r="1018534" spans="14:14">
      <c r="N1018534" s="10"/>
    </row>
    <row r="1018535" spans="14:14">
      <c r="N1018535" s="10"/>
    </row>
    <row r="1018536" spans="14:14">
      <c r="N1018536" s="10"/>
    </row>
    <row r="1018537" spans="14:14">
      <c r="N1018537" s="10"/>
    </row>
    <row r="1018538" spans="14:14">
      <c r="N1018538" s="10"/>
    </row>
    <row r="1018539" spans="14:14">
      <c r="N1018539" s="10"/>
    </row>
    <row r="1018540" spans="14:14">
      <c r="N1018540" s="10"/>
    </row>
    <row r="1018541" spans="14:14">
      <c r="N1018541" s="10"/>
    </row>
    <row r="1018542" spans="14:14">
      <c r="N1018542" s="10"/>
    </row>
    <row r="1018543" spans="14:14">
      <c r="N1018543" s="10"/>
    </row>
    <row r="1018544" spans="14:14">
      <c r="N1018544" s="10"/>
    </row>
    <row r="1018545" spans="14:14">
      <c r="N1018545" s="10"/>
    </row>
    <row r="1018546" spans="14:14">
      <c r="N1018546" s="10"/>
    </row>
    <row r="1018547" spans="14:14">
      <c r="N1018547" s="10"/>
    </row>
    <row r="1018548" spans="14:14">
      <c r="N1018548" s="10"/>
    </row>
    <row r="1018549" spans="14:14">
      <c r="N1018549" s="10"/>
    </row>
    <row r="1018550" spans="14:14">
      <c r="N1018550" s="10"/>
    </row>
    <row r="1018551" spans="14:14">
      <c r="N1018551" s="10"/>
    </row>
    <row r="1018552" spans="14:14">
      <c r="N1018552" s="10"/>
    </row>
    <row r="1018553" spans="14:14">
      <c r="N1018553" s="10"/>
    </row>
    <row r="1018554" spans="14:14">
      <c r="N1018554" s="10"/>
    </row>
    <row r="1018555" spans="14:14">
      <c r="N1018555" s="10"/>
    </row>
    <row r="1018556" spans="14:14">
      <c r="N1018556" s="10"/>
    </row>
    <row r="1018557" spans="14:14">
      <c r="N1018557" s="10"/>
    </row>
    <row r="1018558" spans="14:14">
      <c r="N1018558" s="10"/>
    </row>
    <row r="1018559" spans="14:14">
      <c r="N1018559" s="10"/>
    </row>
    <row r="1018560" spans="14:14">
      <c r="N1018560" s="10"/>
    </row>
    <row r="1018561" spans="14:14">
      <c r="N1018561" s="10"/>
    </row>
    <row r="1018562" spans="14:14">
      <c r="N1018562" s="10"/>
    </row>
    <row r="1018563" spans="14:14">
      <c r="N1018563" s="10"/>
    </row>
    <row r="1018564" spans="14:14">
      <c r="N1018564" s="10"/>
    </row>
    <row r="1018565" spans="14:14">
      <c r="N1018565" s="10"/>
    </row>
    <row r="1018566" spans="14:14">
      <c r="N1018566" s="10"/>
    </row>
    <row r="1018567" spans="14:14">
      <c r="N1018567" s="10"/>
    </row>
    <row r="1018568" spans="14:14">
      <c r="N1018568" s="10"/>
    </row>
    <row r="1018569" spans="14:14">
      <c r="N1018569" s="10"/>
    </row>
    <row r="1018570" spans="14:14">
      <c r="N1018570" s="10"/>
    </row>
    <row r="1018571" spans="14:14">
      <c r="N1018571" s="10"/>
    </row>
    <row r="1018572" spans="14:14">
      <c r="N1018572" s="10"/>
    </row>
    <row r="1018573" spans="14:14">
      <c r="N1018573" s="10"/>
    </row>
    <row r="1018574" spans="14:14">
      <c r="N1018574" s="10"/>
    </row>
    <row r="1018575" spans="14:14">
      <c r="N1018575" s="10"/>
    </row>
    <row r="1018576" spans="14:14">
      <c r="N1018576" s="10"/>
    </row>
    <row r="1018577" spans="14:14">
      <c r="N1018577" s="10"/>
    </row>
    <row r="1018578" spans="14:14">
      <c r="N1018578" s="10"/>
    </row>
    <row r="1018579" spans="14:14">
      <c r="N1018579" s="10"/>
    </row>
    <row r="1018580" spans="14:14">
      <c r="N1018580" s="10"/>
    </row>
    <row r="1018581" spans="14:14">
      <c r="N1018581" s="10"/>
    </row>
    <row r="1018582" spans="14:14">
      <c r="N1018582" s="10"/>
    </row>
    <row r="1018583" spans="14:14">
      <c r="N1018583" s="10"/>
    </row>
    <row r="1018584" spans="14:14">
      <c r="N1018584" s="10"/>
    </row>
    <row r="1018585" spans="14:14">
      <c r="N1018585" s="10"/>
    </row>
    <row r="1018586" spans="14:14">
      <c r="N1018586" s="10"/>
    </row>
    <row r="1018587" spans="14:14">
      <c r="N1018587" s="10"/>
    </row>
    <row r="1018588" spans="14:14">
      <c r="N1018588" s="10"/>
    </row>
    <row r="1018589" spans="14:14">
      <c r="N1018589" s="10"/>
    </row>
    <row r="1018590" spans="14:14">
      <c r="N1018590" s="10"/>
    </row>
    <row r="1018591" spans="14:14">
      <c r="N1018591" s="10"/>
    </row>
    <row r="1018592" spans="14:14">
      <c r="N1018592" s="10"/>
    </row>
    <row r="1018593" spans="14:14">
      <c r="N1018593" s="10"/>
    </row>
    <row r="1018594" spans="14:14">
      <c r="N1018594" s="10"/>
    </row>
    <row r="1018595" spans="14:14">
      <c r="N1018595" s="10"/>
    </row>
    <row r="1018596" spans="14:14">
      <c r="N1018596" s="10"/>
    </row>
    <row r="1018597" spans="14:14">
      <c r="N1018597" s="10"/>
    </row>
    <row r="1018598" spans="14:14">
      <c r="N1018598" s="10"/>
    </row>
    <row r="1018599" spans="14:14">
      <c r="N1018599" s="10"/>
    </row>
    <row r="1018600" spans="14:14">
      <c r="N1018600" s="10"/>
    </row>
    <row r="1018601" spans="14:14">
      <c r="N1018601" s="10"/>
    </row>
    <row r="1018602" spans="14:14">
      <c r="N1018602" s="10"/>
    </row>
    <row r="1018603" spans="14:14">
      <c r="N1018603" s="10"/>
    </row>
    <row r="1018604" spans="14:14">
      <c r="N1018604" s="10"/>
    </row>
    <row r="1018605" spans="14:14">
      <c r="N1018605" s="10"/>
    </row>
    <row r="1018606" spans="14:14">
      <c r="N1018606" s="10"/>
    </row>
    <row r="1018607" spans="14:14">
      <c r="N1018607" s="10"/>
    </row>
    <row r="1018608" spans="14:14">
      <c r="N1018608" s="10"/>
    </row>
    <row r="1018609" spans="14:14">
      <c r="N1018609" s="10"/>
    </row>
    <row r="1018610" spans="14:14">
      <c r="N1018610" s="10"/>
    </row>
    <row r="1018611" spans="14:14">
      <c r="N1018611" s="10"/>
    </row>
    <row r="1018612" spans="14:14">
      <c r="N1018612" s="10"/>
    </row>
    <row r="1018613" spans="14:14">
      <c r="N1018613" s="10"/>
    </row>
    <row r="1018614" spans="14:14">
      <c r="N1018614" s="10"/>
    </row>
    <row r="1018615" spans="14:14">
      <c r="N1018615" s="10"/>
    </row>
    <row r="1018616" spans="14:14">
      <c r="N1018616" s="10"/>
    </row>
    <row r="1018617" spans="14:14">
      <c r="N1018617" s="10"/>
    </row>
    <row r="1018618" spans="14:14">
      <c r="N1018618" s="10"/>
    </row>
    <row r="1018619" spans="14:14">
      <c r="N1018619" s="10"/>
    </row>
    <row r="1018620" spans="14:14">
      <c r="N1018620" s="10"/>
    </row>
    <row r="1018621" spans="14:14">
      <c r="N1018621" s="10"/>
    </row>
    <row r="1018622" spans="14:14">
      <c r="N1018622" s="10"/>
    </row>
    <row r="1018623" spans="14:14">
      <c r="N1018623" s="10"/>
    </row>
    <row r="1018624" spans="14:14">
      <c r="N1018624" s="10"/>
    </row>
    <row r="1018625" spans="14:14">
      <c r="N1018625" s="10"/>
    </row>
    <row r="1018626" spans="14:14">
      <c r="N1018626" s="10"/>
    </row>
    <row r="1018627" spans="14:14">
      <c r="N1018627" s="10"/>
    </row>
    <row r="1018628" spans="14:14">
      <c r="N1018628" s="10"/>
    </row>
    <row r="1018629" spans="14:14">
      <c r="N1018629" s="10"/>
    </row>
    <row r="1018630" spans="14:14">
      <c r="N1018630" s="10"/>
    </row>
    <row r="1018631" spans="14:14">
      <c r="N1018631" s="10"/>
    </row>
    <row r="1018632" spans="14:14">
      <c r="N1018632" s="10"/>
    </row>
    <row r="1018633" spans="14:14">
      <c r="N1018633" s="10"/>
    </row>
    <row r="1018634" spans="14:14">
      <c r="N1018634" s="10"/>
    </row>
    <row r="1018635" spans="14:14">
      <c r="N1018635" s="10"/>
    </row>
    <row r="1018636" spans="14:14">
      <c r="N1018636" s="10"/>
    </row>
    <row r="1018637" spans="14:14">
      <c r="N1018637" s="10"/>
    </row>
    <row r="1018638" spans="14:14">
      <c r="N1018638" s="10"/>
    </row>
    <row r="1018639" spans="14:14">
      <c r="N1018639" s="10"/>
    </row>
    <row r="1018640" spans="14:14">
      <c r="N1018640" s="10"/>
    </row>
    <row r="1018641" spans="14:14">
      <c r="N1018641" s="10"/>
    </row>
    <row r="1018642" spans="14:14">
      <c r="N1018642" s="10"/>
    </row>
    <row r="1018643" spans="14:14">
      <c r="N1018643" s="10"/>
    </row>
    <row r="1018644" spans="14:14">
      <c r="N1018644" s="10"/>
    </row>
    <row r="1018645" spans="14:14">
      <c r="N1018645" s="10"/>
    </row>
    <row r="1018646" spans="14:14">
      <c r="N1018646" s="10"/>
    </row>
    <row r="1018647" spans="14:14">
      <c r="N1018647" s="10"/>
    </row>
    <row r="1018648" spans="14:14">
      <c r="N1018648" s="10"/>
    </row>
    <row r="1018649" spans="14:14">
      <c r="N1018649" s="10"/>
    </row>
    <row r="1018650" spans="14:14">
      <c r="N1018650" s="10"/>
    </row>
    <row r="1018651" spans="14:14">
      <c r="N1018651" s="10"/>
    </row>
    <row r="1018652" spans="14:14">
      <c r="N1018652" s="10"/>
    </row>
    <row r="1018653" spans="14:14">
      <c r="N1018653" s="10"/>
    </row>
    <row r="1018654" spans="14:14">
      <c r="N1018654" s="10"/>
    </row>
    <row r="1018655" spans="14:14">
      <c r="N1018655" s="10"/>
    </row>
    <row r="1018656" spans="14:14">
      <c r="N1018656" s="10"/>
    </row>
    <row r="1018657" spans="14:14">
      <c r="N1018657" s="10"/>
    </row>
    <row r="1018658" spans="14:14">
      <c r="N1018658" s="10"/>
    </row>
    <row r="1018659" spans="14:14">
      <c r="N1018659" s="10"/>
    </row>
    <row r="1018660" spans="14:14">
      <c r="N1018660" s="10"/>
    </row>
    <row r="1018661" spans="14:14">
      <c r="N1018661" s="10"/>
    </row>
    <row r="1018662" spans="14:14">
      <c r="N1018662" s="10"/>
    </row>
    <row r="1018663" spans="14:14">
      <c r="N1018663" s="10"/>
    </row>
    <row r="1018664" spans="14:14">
      <c r="N1018664" s="10"/>
    </row>
    <row r="1018665" spans="14:14">
      <c r="N1018665" s="10"/>
    </row>
    <row r="1018666" spans="14:14">
      <c r="N1018666" s="10"/>
    </row>
    <row r="1018667" spans="14:14">
      <c r="N1018667" s="10"/>
    </row>
    <row r="1018668" spans="14:14">
      <c r="N1018668" s="10"/>
    </row>
    <row r="1018669" spans="14:14">
      <c r="N1018669" s="10"/>
    </row>
    <row r="1018670" spans="14:14">
      <c r="N1018670" s="10"/>
    </row>
    <row r="1018671" spans="14:14">
      <c r="N1018671" s="10"/>
    </row>
    <row r="1018672" spans="14:14">
      <c r="N1018672" s="10"/>
    </row>
    <row r="1018673" spans="14:14">
      <c r="N1018673" s="10"/>
    </row>
    <row r="1018674" spans="14:14">
      <c r="N1018674" s="10"/>
    </row>
    <row r="1018675" spans="14:14">
      <c r="N1018675" s="10"/>
    </row>
    <row r="1018676" spans="14:14">
      <c r="N1018676" s="10"/>
    </row>
    <row r="1018677" spans="14:14">
      <c r="N1018677" s="10"/>
    </row>
    <row r="1018678" spans="14:14">
      <c r="N1018678" s="10"/>
    </row>
    <row r="1018679" spans="14:14">
      <c r="N1018679" s="10"/>
    </row>
    <row r="1018680" spans="14:14">
      <c r="N1018680" s="10"/>
    </row>
    <row r="1018681" spans="14:14">
      <c r="N1018681" s="10"/>
    </row>
    <row r="1018682" spans="14:14">
      <c r="N1018682" s="10"/>
    </row>
    <row r="1018683" spans="14:14">
      <c r="N1018683" s="10"/>
    </row>
    <row r="1018684" spans="14:14">
      <c r="N1018684" s="10"/>
    </row>
    <row r="1018685" spans="14:14">
      <c r="N1018685" s="10"/>
    </row>
    <row r="1018686" spans="14:14">
      <c r="N1018686" s="10"/>
    </row>
    <row r="1018687" spans="14:14">
      <c r="N1018687" s="10"/>
    </row>
    <row r="1018688" spans="14:14">
      <c r="N1018688" s="10"/>
    </row>
    <row r="1018689" spans="14:14">
      <c r="N1018689" s="10"/>
    </row>
    <row r="1018690" spans="14:14">
      <c r="N1018690" s="10"/>
    </row>
    <row r="1018691" spans="14:14">
      <c r="N1018691" s="10"/>
    </row>
    <row r="1018692" spans="14:14">
      <c r="N1018692" s="10"/>
    </row>
    <row r="1018693" spans="14:14">
      <c r="N1018693" s="10"/>
    </row>
    <row r="1018694" spans="14:14">
      <c r="N1018694" s="10"/>
    </row>
    <row r="1018695" spans="14:14">
      <c r="N1018695" s="10"/>
    </row>
    <row r="1018696" spans="14:14">
      <c r="N1018696" s="10"/>
    </row>
    <row r="1018697" spans="14:14">
      <c r="N1018697" s="10"/>
    </row>
    <row r="1018698" spans="14:14">
      <c r="N1018698" s="10"/>
    </row>
    <row r="1018699" spans="14:14">
      <c r="N1018699" s="10"/>
    </row>
    <row r="1018700" spans="14:14">
      <c r="N1018700" s="10"/>
    </row>
    <row r="1018701" spans="14:14">
      <c r="N1018701" s="10"/>
    </row>
    <row r="1018702" spans="14:14">
      <c r="N1018702" s="10"/>
    </row>
    <row r="1018703" spans="14:14">
      <c r="N1018703" s="10"/>
    </row>
    <row r="1018704" spans="14:14">
      <c r="N1018704" s="10"/>
    </row>
    <row r="1018705" spans="14:14">
      <c r="N1018705" s="10"/>
    </row>
    <row r="1018706" spans="14:14">
      <c r="N1018706" s="10"/>
    </row>
    <row r="1018707" spans="14:14">
      <c r="N1018707" s="10"/>
    </row>
    <row r="1018708" spans="14:14">
      <c r="N1018708" s="10"/>
    </row>
    <row r="1018709" spans="14:14">
      <c r="N1018709" s="10"/>
    </row>
    <row r="1018710" spans="14:14">
      <c r="N1018710" s="10"/>
    </row>
    <row r="1018711" spans="14:14">
      <c r="N1018711" s="10"/>
    </row>
    <row r="1018712" spans="14:14">
      <c r="N1018712" s="10"/>
    </row>
    <row r="1018713" spans="14:14">
      <c r="N1018713" s="10"/>
    </row>
    <row r="1018714" spans="14:14">
      <c r="N1018714" s="10"/>
    </row>
    <row r="1018715" spans="14:14">
      <c r="N1018715" s="10"/>
    </row>
    <row r="1018716" spans="14:14">
      <c r="N1018716" s="10"/>
    </row>
    <row r="1018717" spans="14:14">
      <c r="N1018717" s="10"/>
    </row>
    <row r="1018718" spans="14:14">
      <c r="N1018718" s="10"/>
    </row>
    <row r="1018719" spans="14:14">
      <c r="N1018719" s="10"/>
    </row>
    <row r="1018720" spans="14:14">
      <c r="N1018720" s="10"/>
    </row>
    <row r="1018721" spans="14:14">
      <c r="N1018721" s="10"/>
    </row>
    <row r="1018722" spans="14:14">
      <c r="N1018722" s="10"/>
    </row>
    <row r="1018723" spans="14:14">
      <c r="N1018723" s="10"/>
    </row>
    <row r="1018724" spans="14:14">
      <c r="N1018724" s="10"/>
    </row>
    <row r="1018725" spans="14:14">
      <c r="N1018725" s="10"/>
    </row>
    <row r="1018726" spans="14:14">
      <c r="N1018726" s="10"/>
    </row>
    <row r="1018727" spans="14:14">
      <c r="N1018727" s="10"/>
    </row>
    <row r="1018728" spans="14:14">
      <c r="N1018728" s="10"/>
    </row>
    <row r="1018729" spans="14:14">
      <c r="N1018729" s="10"/>
    </row>
    <row r="1018730" spans="14:14">
      <c r="N1018730" s="10"/>
    </row>
    <row r="1018731" spans="14:14">
      <c r="N1018731" s="10"/>
    </row>
    <row r="1018732" spans="14:14">
      <c r="N1018732" s="10"/>
    </row>
    <row r="1018733" spans="14:14">
      <c r="N1018733" s="10"/>
    </row>
    <row r="1018734" spans="14:14">
      <c r="N1018734" s="10"/>
    </row>
    <row r="1018735" spans="14:14">
      <c r="N1018735" s="10"/>
    </row>
    <row r="1018736" spans="14:14">
      <c r="N1018736" s="10"/>
    </row>
    <row r="1018737" spans="14:14">
      <c r="N1018737" s="10"/>
    </row>
    <row r="1018738" spans="14:14">
      <c r="N1018738" s="10"/>
    </row>
    <row r="1018739" spans="14:14">
      <c r="N1018739" s="10"/>
    </row>
    <row r="1018740" spans="14:14">
      <c r="N1018740" s="10"/>
    </row>
    <row r="1018741" spans="14:14">
      <c r="N1018741" s="10"/>
    </row>
    <row r="1018742" spans="14:14">
      <c r="N1018742" s="10"/>
    </row>
    <row r="1018743" spans="14:14">
      <c r="N1018743" s="10"/>
    </row>
    <row r="1018744" spans="14:14">
      <c r="N1018744" s="10"/>
    </row>
    <row r="1018745" spans="14:14">
      <c r="N1018745" s="10"/>
    </row>
    <row r="1018746" spans="14:14">
      <c r="N1018746" s="10"/>
    </row>
    <row r="1018747" spans="14:14">
      <c r="N1018747" s="10"/>
    </row>
    <row r="1018748" spans="14:14">
      <c r="N1018748" s="10"/>
    </row>
    <row r="1018749" spans="14:14">
      <c r="N1018749" s="10"/>
    </row>
    <row r="1018750" spans="14:14">
      <c r="N1018750" s="10"/>
    </row>
    <row r="1018751" spans="14:14">
      <c r="N1018751" s="10"/>
    </row>
    <row r="1018752" spans="14:14">
      <c r="N1018752" s="10"/>
    </row>
    <row r="1018753" spans="14:14">
      <c r="N1018753" s="10"/>
    </row>
    <row r="1018754" spans="14:14">
      <c r="N1018754" s="10"/>
    </row>
    <row r="1018755" spans="14:14">
      <c r="N1018755" s="10"/>
    </row>
    <row r="1018756" spans="14:14">
      <c r="N1018756" s="10"/>
    </row>
    <row r="1018757" spans="14:14">
      <c r="N1018757" s="10"/>
    </row>
    <row r="1018758" spans="14:14">
      <c r="N1018758" s="10"/>
    </row>
    <row r="1018759" spans="14:14">
      <c r="N1018759" s="10"/>
    </row>
    <row r="1018760" spans="14:14">
      <c r="N1018760" s="10"/>
    </row>
    <row r="1018761" spans="14:14">
      <c r="N1018761" s="10"/>
    </row>
    <row r="1018762" spans="14:14">
      <c r="N1018762" s="10"/>
    </row>
    <row r="1018763" spans="14:14">
      <c r="N1018763" s="10"/>
    </row>
    <row r="1018764" spans="14:14">
      <c r="N1018764" s="10"/>
    </row>
    <row r="1018765" spans="14:14">
      <c r="N1018765" s="10"/>
    </row>
    <row r="1018766" spans="14:14">
      <c r="N1018766" s="10"/>
    </row>
    <row r="1018767" spans="14:14">
      <c r="N1018767" s="10"/>
    </row>
    <row r="1018768" spans="14:14">
      <c r="N1018768" s="10"/>
    </row>
    <row r="1018769" spans="14:14">
      <c r="N1018769" s="10"/>
    </row>
    <row r="1018770" spans="14:14">
      <c r="N1018770" s="10"/>
    </row>
    <row r="1018771" spans="14:14">
      <c r="N1018771" s="10"/>
    </row>
    <row r="1018772" spans="14:14">
      <c r="N1018772" s="10"/>
    </row>
    <row r="1018773" spans="14:14">
      <c r="N1018773" s="10"/>
    </row>
    <row r="1018774" spans="14:14">
      <c r="N1018774" s="10"/>
    </row>
    <row r="1018775" spans="14:14">
      <c r="N1018775" s="10"/>
    </row>
    <row r="1018776" spans="14:14">
      <c r="N1018776" s="10"/>
    </row>
    <row r="1018777" spans="14:14">
      <c r="N1018777" s="10"/>
    </row>
    <row r="1018778" spans="14:14">
      <c r="N1018778" s="10"/>
    </row>
    <row r="1018779" spans="14:14">
      <c r="N1018779" s="10"/>
    </row>
    <row r="1018780" spans="14:14">
      <c r="N1018780" s="10"/>
    </row>
    <row r="1018781" spans="14:14">
      <c r="N1018781" s="10"/>
    </row>
    <row r="1018782" spans="14:14">
      <c r="N1018782" s="10"/>
    </row>
    <row r="1018783" spans="14:14">
      <c r="N1018783" s="10"/>
    </row>
    <row r="1018784" spans="14:14">
      <c r="N1018784" s="10"/>
    </row>
    <row r="1018785" spans="14:14">
      <c r="N1018785" s="10"/>
    </row>
    <row r="1018786" spans="14:14">
      <c r="N1018786" s="10"/>
    </row>
    <row r="1018787" spans="14:14">
      <c r="N1018787" s="10"/>
    </row>
    <row r="1018788" spans="14:14">
      <c r="N1018788" s="10"/>
    </row>
    <row r="1018789" spans="14:14">
      <c r="N1018789" s="10"/>
    </row>
    <row r="1018790" spans="14:14">
      <c r="N1018790" s="10"/>
    </row>
    <row r="1018791" spans="14:14">
      <c r="N1018791" s="10"/>
    </row>
    <row r="1018792" spans="14:14">
      <c r="N1018792" s="10"/>
    </row>
    <row r="1018793" spans="14:14">
      <c r="N1018793" s="10"/>
    </row>
    <row r="1018794" spans="14:14">
      <c r="N1018794" s="10"/>
    </row>
    <row r="1018795" spans="14:14">
      <c r="N1018795" s="10"/>
    </row>
    <row r="1018796" spans="14:14">
      <c r="N1018796" s="10"/>
    </row>
    <row r="1018797" spans="14:14">
      <c r="N1018797" s="10"/>
    </row>
    <row r="1018798" spans="14:14">
      <c r="N1018798" s="10"/>
    </row>
    <row r="1018799" spans="14:14">
      <c r="N1018799" s="10"/>
    </row>
    <row r="1018800" spans="14:14">
      <c r="N1018800" s="10"/>
    </row>
    <row r="1018801" spans="14:14">
      <c r="N1018801" s="10"/>
    </row>
    <row r="1018802" spans="14:14">
      <c r="N1018802" s="10"/>
    </row>
    <row r="1018803" spans="14:14">
      <c r="N1018803" s="10"/>
    </row>
    <row r="1018804" spans="14:14">
      <c r="N1018804" s="10"/>
    </row>
    <row r="1018805" spans="14:14">
      <c r="N1018805" s="10"/>
    </row>
    <row r="1018806" spans="14:14">
      <c r="N1018806" s="10"/>
    </row>
    <row r="1018807" spans="14:14">
      <c r="N1018807" s="10"/>
    </row>
    <row r="1018808" spans="14:14">
      <c r="N1018808" s="10"/>
    </row>
    <row r="1018809" spans="14:14">
      <c r="N1018809" s="10"/>
    </row>
    <row r="1018810" spans="14:14">
      <c r="N1018810" s="10"/>
    </row>
    <row r="1018811" spans="14:14">
      <c r="N1018811" s="10"/>
    </row>
    <row r="1018812" spans="14:14">
      <c r="N1018812" s="10"/>
    </row>
    <row r="1018813" spans="14:14">
      <c r="N1018813" s="10"/>
    </row>
    <row r="1018814" spans="14:14">
      <c r="N1018814" s="10"/>
    </row>
    <row r="1018815" spans="14:14">
      <c r="N1018815" s="10"/>
    </row>
    <row r="1018816" spans="14:14">
      <c r="N1018816" s="10"/>
    </row>
    <row r="1018817" spans="14:14">
      <c r="N1018817" s="10"/>
    </row>
    <row r="1018818" spans="14:14">
      <c r="N1018818" s="10"/>
    </row>
    <row r="1018819" spans="14:14">
      <c r="N1018819" s="10"/>
    </row>
    <row r="1018820" spans="14:14">
      <c r="N1018820" s="10"/>
    </row>
    <row r="1018821" spans="14:14">
      <c r="N1018821" s="10"/>
    </row>
    <row r="1018822" spans="14:14">
      <c r="N1018822" s="10"/>
    </row>
    <row r="1018823" spans="14:14">
      <c r="N1018823" s="10"/>
    </row>
    <row r="1018824" spans="14:14">
      <c r="N1018824" s="10"/>
    </row>
    <row r="1018825" spans="14:14">
      <c r="N1018825" s="10"/>
    </row>
    <row r="1018826" spans="14:14">
      <c r="N1018826" s="10"/>
    </row>
    <row r="1018827" spans="14:14">
      <c r="N1018827" s="10"/>
    </row>
    <row r="1018828" spans="14:14">
      <c r="N1018828" s="10"/>
    </row>
    <row r="1018829" spans="14:14">
      <c r="N1018829" s="10"/>
    </row>
    <row r="1018830" spans="14:14">
      <c r="N1018830" s="10"/>
    </row>
    <row r="1018831" spans="14:14">
      <c r="N1018831" s="10"/>
    </row>
    <row r="1018832" spans="14:14">
      <c r="N1018832" s="10"/>
    </row>
    <row r="1018833" spans="14:14">
      <c r="N1018833" s="10"/>
    </row>
    <row r="1018834" spans="14:14">
      <c r="N1018834" s="10"/>
    </row>
    <row r="1018835" spans="14:14">
      <c r="N1018835" s="10"/>
    </row>
    <row r="1018836" spans="14:14">
      <c r="N1018836" s="10"/>
    </row>
    <row r="1018837" spans="14:14">
      <c r="N1018837" s="10"/>
    </row>
    <row r="1018838" spans="14:14">
      <c r="N1018838" s="10"/>
    </row>
    <row r="1018839" spans="14:14">
      <c r="N1018839" s="10"/>
    </row>
    <row r="1018840" spans="14:14">
      <c r="N1018840" s="10"/>
    </row>
    <row r="1018841" spans="14:14">
      <c r="N1018841" s="10"/>
    </row>
    <row r="1018842" spans="14:14">
      <c r="N1018842" s="10"/>
    </row>
    <row r="1018843" spans="14:14">
      <c r="N1018843" s="10"/>
    </row>
    <row r="1018844" spans="14:14">
      <c r="N1018844" s="10"/>
    </row>
    <row r="1018845" spans="14:14">
      <c r="N1018845" s="10"/>
    </row>
    <row r="1018846" spans="14:14">
      <c r="N1018846" s="10"/>
    </row>
    <row r="1018847" spans="14:14">
      <c r="N1018847" s="10"/>
    </row>
    <row r="1018848" spans="14:14">
      <c r="N1018848" s="10"/>
    </row>
    <row r="1018849" spans="14:14">
      <c r="N1018849" s="10"/>
    </row>
    <row r="1018850" spans="14:14">
      <c r="N1018850" s="10"/>
    </row>
    <row r="1018851" spans="14:14">
      <c r="N1018851" s="10"/>
    </row>
    <row r="1018852" spans="14:14">
      <c r="N1018852" s="10"/>
    </row>
    <row r="1018853" spans="14:14">
      <c r="N1018853" s="10"/>
    </row>
    <row r="1018854" spans="14:14">
      <c r="N1018854" s="10"/>
    </row>
    <row r="1018855" spans="14:14">
      <c r="N1018855" s="10"/>
    </row>
    <row r="1018856" spans="14:14">
      <c r="N1018856" s="10"/>
    </row>
    <row r="1018857" spans="14:14">
      <c r="N1018857" s="10"/>
    </row>
    <row r="1018858" spans="14:14">
      <c r="N1018858" s="10"/>
    </row>
    <row r="1018859" spans="14:14">
      <c r="N1018859" s="10"/>
    </row>
    <row r="1018860" spans="14:14">
      <c r="N1018860" s="10"/>
    </row>
    <row r="1018861" spans="14:14">
      <c r="N1018861" s="10"/>
    </row>
    <row r="1018862" spans="14:14">
      <c r="N1018862" s="10"/>
    </row>
    <row r="1018863" spans="14:14">
      <c r="N1018863" s="10"/>
    </row>
    <row r="1018864" spans="14:14">
      <c r="N1018864" s="10"/>
    </row>
    <row r="1018865" spans="14:14">
      <c r="N1018865" s="10"/>
    </row>
    <row r="1018866" spans="14:14">
      <c r="N1018866" s="10"/>
    </row>
    <row r="1018867" spans="14:14">
      <c r="N1018867" s="10"/>
    </row>
    <row r="1018868" spans="14:14">
      <c r="N1018868" s="10"/>
    </row>
    <row r="1018869" spans="14:14">
      <c r="N1018869" s="10"/>
    </row>
    <row r="1018870" spans="14:14">
      <c r="N1018870" s="10"/>
    </row>
    <row r="1018871" spans="14:14">
      <c r="N1018871" s="10"/>
    </row>
    <row r="1018872" spans="14:14">
      <c r="N1018872" s="10"/>
    </row>
    <row r="1018873" spans="14:14">
      <c r="N1018873" s="10"/>
    </row>
    <row r="1018874" spans="14:14">
      <c r="N1018874" s="10"/>
    </row>
    <row r="1018875" spans="14:14">
      <c r="N1018875" s="10"/>
    </row>
    <row r="1018876" spans="14:14">
      <c r="N1018876" s="10"/>
    </row>
    <row r="1018877" spans="14:14">
      <c r="N1018877" s="10"/>
    </row>
    <row r="1018878" spans="14:14">
      <c r="N1018878" s="10"/>
    </row>
    <row r="1018879" spans="14:14">
      <c r="N1018879" s="10"/>
    </row>
    <row r="1018880" spans="14:14">
      <c r="N1018880" s="10"/>
    </row>
    <row r="1018881" spans="14:14">
      <c r="N1018881" s="10"/>
    </row>
    <row r="1018882" spans="14:14">
      <c r="N1018882" s="10"/>
    </row>
    <row r="1018883" spans="14:14">
      <c r="N1018883" s="10"/>
    </row>
    <row r="1018884" spans="14:14">
      <c r="N1018884" s="10"/>
    </row>
    <row r="1018885" spans="14:14">
      <c r="N1018885" s="10"/>
    </row>
    <row r="1018886" spans="14:14">
      <c r="N1018886" s="10"/>
    </row>
    <row r="1018887" spans="14:14">
      <c r="N1018887" s="10"/>
    </row>
    <row r="1018888" spans="14:14">
      <c r="N1018888" s="10"/>
    </row>
    <row r="1018889" spans="14:14">
      <c r="N1018889" s="10"/>
    </row>
    <row r="1018890" spans="14:14">
      <c r="N1018890" s="10"/>
    </row>
    <row r="1018891" spans="14:14">
      <c r="N1018891" s="10"/>
    </row>
    <row r="1018892" spans="14:14">
      <c r="N1018892" s="10"/>
    </row>
    <row r="1018893" spans="14:14">
      <c r="N1018893" s="10"/>
    </row>
    <row r="1018894" spans="14:14">
      <c r="N1018894" s="10"/>
    </row>
    <row r="1018895" spans="14:14">
      <c r="N1018895" s="10"/>
    </row>
    <row r="1018896" spans="14:14">
      <c r="N1018896" s="10"/>
    </row>
    <row r="1018897" spans="14:14">
      <c r="N1018897" s="10"/>
    </row>
    <row r="1018898" spans="14:14">
      <c r="N1018898" s="10"/>
    </row>
    <row r="1018899" spans="14:14">
      <c r="N1018899" s="10"/>
    </row>
    <row r="1018900" spans="14:14">
      <c r="N1018900" s="10"/>
    </row>
    <row r="1018901" spans="14:14">
      <c r="N1018901" s="10"/>
    </row>
    <row r="1018902" spans="14:14">
      <c r="N1018902" s="10"/>
    </row>
    <row r="1018903" spans="14:14">
      <c r="N1018903" s="10"/>
    </row>
    <row r="1018904" spans="14:14">
      <c r="N1018904" s="10"/>
    </row>
    <row r="1018905" spans="14:14">
      <c r="N1018905" s="10"/>
    </row>
    <row r="1018906" spans="14:14">
      <c r="N1018906" s="10"/>
    </row>
    <row r="1018907" spans="14:14">
      <c r="N1018907" s="10"/>
    </row>
    <row r="1018908" spans="14:14">
      <c r="N1018908" s="10"/>
    </row>
    <row r="1018909" spans="14:14">
      <c r="N1018909" s="10"/>
    </row>
    <row r="1018910" spans="14:14">
      <c r="N1018910" s="10"/>
    </row>
    <row r="1018911" spans="14:14">
      <c r="N1018911" s="10"/>
    </row>
    <row r="1018912" spans="14:14">
      <c r="N1018912" s="10"/>
    </row>
    <row r="1018913" spans="14:14">
      <c r="N1018913" s="10"/>
    </row>
    <row r="1018914" spans="14:14">
      <c r="N1018914" s="10"/>
    </row>
    <row r="1018915" spans="14:14">
      <c r="N1018915" s="10"/>
    </row>
    <row r="1018916" spans="14:14">
      <c r="N1018916" s="10"/>
    </row>
    <row r="1018917" spans="14:14">
      <c r="N1018917" s="10"/>
    </row>
    <row r="1018918" spans="14:14">
      <c r="N1018918" s="10"/>
    </row>
    <row r="1018919" spans="14:14">
      <c r="N1018919" s="10"/>
    </row>
    <row r="1018920" spans="14:14">
      <c r="N1018920" s="10"/>
    </row>
    <row r="1018921" spans="14:14">
      <c r="N1018921" s="10"/>
    </row>
    <row r="1018922" spans="14:14">
      <c r="N1018922" s="10"/>
    </row>
    <row r="1018923" spans="14:14">
      <c r="N1018923" s="10"/>
    </row>
    <row r="1018924" spans="14:14">
      <c r="N1018924" s="10"/>
    </row>
    <row r="1018925" spans="14:14">
      <c r="N1018925" s="10"/>
    </row>
    <row r="1018926" spans="14:14">
      <c r="N1018926" s="10"/>
    </row>
    <row r="1018927" spans="14:14">
      <c r="N1018927" s="10"/>
    </row>
    <row r="1018928" spans="14:14">
      <c r="N1018928" s="10"/>
    </row>
    <row r="1018929" spans="14:14">
      <c r="N1018929" s="10"/>
    </row>
    <row r="1018930" spans="14:14">
      <c r="N1018930" s="10"/>
    </row>
    <row r="1018931" spans="14:14">
      <c r="N1018931" s="10"/>
    </row>
    <row r="1018932" spans="14:14">
      <c r="N1018932" s="10"/>
    </row>
    <row r="1018933" spans="14:14">
      <c r="N1018933" s="10"/>
    </row>
    <row r="1018934" spans="14:14">
      <c r="N1018934" s="10"/>
    </row>
    <row r="1018935" spans="14:14">
      <c r="N1018935" s="10"/>
    </row>
    <row r="1018936" spans="14:14">
      <c r="N1018936" s="10"/>
    </row>
    <row r="1018937" spans="14:14">
      <c r="N1018937" s="10"/>
    </row>
    <row r="1018938" spans="14:14">
      <c r="N1018938" s="10"/>
    </row>
    <row r="1018939" spans="14:14">
      <c r="N1018939" s="10"/>
    </row>
    <row r="1018940" spans="14:14">
      <c r="N1018940" s="10"/>
    </row>
    <row r="1018941" spans="14:14">
      <c r="N1018941" s="10"/>
    </row>
    <row r="1018942" spans="14:14">
      <c r="N1018942" s="10"/>
    </row>
    <row r="1018943" spans="14:14">
      <c r="N1018943" s="10"/>
    </row>
    <row r="1018944" spans="14:14">
      <c r="N1018944" s="10"/>
    </row>
    <row r="1018945" spans="14:14">
      <c r="N1018945" s="10"/>
    </row>
    <row r="1018946" spans="14:14">
      <c r="N1018946" s="10"/>
    </row>
    <row r="1018947" spans="14:14">
      <c r="N1018947" s="10"/>
    </row>
    <row r="1018948" spans="14:14">
      <c r="N1018948" s="10"/>
    </row>
    <row r="1018949" spans="14:14">
      <c r="N1018949" s="10"/>
    </row>
    <row r="1018950" spans="14:14">
      <c r="N1018950" s="10"/>
    </row>
    <row r="1018951" spans="14:14">
      <c r="N1018951" s="10"/>
    </row>
    <row r="1018952" spans="14:14">
      <c r="N1018952" s="10"/>
    </row>
    <row r="1018953" spans="14:14">
      <c r="N1018953" s="10"/>
    </row>
    <row r="1018954" spans="14:14">
      <c r="N1018954" s="10"/>
    </row>
    <row r="1018955" spans="14:14">
      <c r="N1018955" s="10"/>
    </row>
    <row r="1018956" spans="14:14">
      <c r="N1018956" s="10"/>
    </row>
    <row r="1018957" spans="14:14">
      <c r="N1018957" s="10"/>
    </row>
    <row r="1018958" spans="14:14">
      <c r="N1018958" s="10"/>
    </row>
    <row r="1018959" spans="14:14">
      <c r="N1018959" s="10"/>
    </row>
    <row r="1018960" spans="14:14">
      <c r="N1018960" s="10"/>
    </row>
    <row r="1018961" spans="14:14">
      <c r="N1018961" s="10"/>
    </row>
    <row r="1018962" spans="14:14">
      <c r="N1018962" s="10"/>
    </row>
    <row r="1018963" spans="14:14">
      <c r="N1018963" s="10"/>
    </row>
    <row r="1018964" spans="14:14">
      <c r="N1018964" s="10"/>
    </row>
    <row r="1018965" spans="14:14">
      <c r="N1018965" s="10"/>
    </row>
    <row r="1018966" spans="14:14">
      <c r="N1018966" s="10"/>
    </row>
    <row r="1018967" spans="14:14">
      <c r="N1018967" s="10"/>
    </row>
    <row r="1018968" spans="14:14">
      <c r="N1018968" s="10"/>
    </row>
    <row r="1018969" spans="14:14">
      <c r="N1018969" s="10"/>
    </row>
    <row r="1018970" spans="14:14">
      <c r="N1018970" s="10"/>
    </row>
    <row r="1018971" spans="14:14">
      <c r="N1018971" s="10"/>
    </row>
    <row r="1018972" spans="14:14">
      <c r="N1018972" s="10"/>
    </row>
    <row r="1018973" spans="14:14">
      <c r="N1018973" s="10"/>
    </row>
    <row r="1018974" spans="14:14">
      <c r="N1018974" s="10"/>
    </row>
    <row r="1018975" spans="14:14">
      <c r="N1018975" s="10"/>
    </row>
    <row r="1018976" spans="14:14">
      <c r="N1018976" s="10"/>
    </row>
    <row r="1018977" spans="14:14">
      <c r="N1018977" s="10"/>
    </row>
    <row r="1018978" spans="14:14">
      <c r="N1018978" s="10"/>
    </row>
    <row r="1018979" spans="14:14">
      <c r="N1018979" s="10"/>
    </row>
    <row r="1018980" spans="14:14">
      <c r="N1018980" s="10"/>
    </row>
    <row r="1018981" spans="14:14">
      <c r="N1018981" s="10"/>
    </row>
    <row r="1018982" spans="14:14">
      <c r="N1018982" s="10"/>
    </row>
    <row r="1018983" spans="14:14">
      <c r="N1018983" s="10"/>
    </row>
    <row r="1018984" spans="14:14">
      <c r="N1018984" s="10"/>
    </row>
    <row r="1018985" spans="14:14">
      <c r="N1018985" s="10"/>
    </row>
    <row r="1018986" spans="14:14">
      <c r="N1018986" s="10"/>
    </row>
    <row r="1018987" spans="14:14">
      <c r="N1018987" s="10"/>
    </row>
    <row r="1018988" spans="14:14">
      <c r="N1018988" s="10"/>
    </row>
    <row r="1018989" spans="14:14">
      <c r="N1018989" s="10"/>
    </row>
    <row r="1018990" spans="14:14">
      <c r="N1018990" s="10"/>
    </row>
    <row r="1018991" spans="14:14">
      <c r="N1018991" s="10"/>
    </row>
    <row r="1018992" spans="14:14">
      <c r="N1018992" s="10"/>
    </row>
    <row r="1018993" spans="14:14">
      <c r="N1018993" s="10"/>
    </row>
    <row r="1018994" spans="14:14">
      <c r="N1018994" s="10"/>
    </row>
    <row r="1018995" spans="14:14">
      <c r="N1018995" s="10"/>
    </row>
    <row r="1018996" spans="14:14">
      <c r="N1018996" s="10"/>
    </row>
    <row r="1018997" spans="14:14">
      <c r="N1018997" s="10"/>
    </row>
    <row r="1018998" spans="14:14">
      <c r="N1018998" s="10"/>
    </row>
    <row r="1018999" spans="14:14">
      <c r="N1018999" s="10"/>
    </row>
    <row r="1019000" spans="14:14">
      <c r="N1019000" s="10"/>
    </row>
    <row r="1019001" spans="14:14">
      <c r="N1019001" s="10"/>
    </row>
    <row r="1019002" spans="14:14">
      <c r="N1019002" s="10"/>
    </row>
    <row r="1019003" spans="14:14">
      <c r="N1019003" s="10"/>
    </row>
    <row r="1019004" spans="14:14">
      <c r="N1019004" s="10"/>
    </row>
    <row r="1019005" spans="14:14">
      <c r="N1019005" s="10"/>
    </row>
    <row r="1019006" spans="14:14">
      <c r="N1019006" s="10"/>
    </row>
    <row r="1019007" spans="14:14">
      <c r="N1019007" s="10"/>
    </row>
    <row r="1019008" spans="14:14">
      <c r="N1019008" s="10"/>
    </row>
    <row r="1019009" spans="14:14">
      <c r="N1019009" s="10"/>
    </row>
    <row r="1019010" spans="14:14">
      <c r="N1019010" s="10"/>
    </row>
    <row r="1019011" spans="14:14">
      <c r="N1019011" s="10"/>
    </row>
    <row r="1019012" spans="14:14">
      <c r="N1019012" s="10"/>
    </row>
    <row r="1019013" spans="14:14">
      <c r="N1019013" s="10"/>
    </row>
    <row r="1019014" spans="14:14">
      <c r="N1019014" s="10"/>
    </row>
    <row r="1019015" spans="14:14">
      <c r="N1019015" s="10"/>
    </row>
    <row r="1019016" spans="14:14">
      <c r="N1019016" s="10"/>
    </row>
    <row r="1019017" spans="14:14">
      <c r="N1019017" s="10"/>
    </row>
    <row r="1019018" spans="14:14">
      <c r="N1019018" s="10"/>
    </row>
    <row r="1019019" spans="14:14">
      <c r="N1019019" s="10"/>
    </row>
    <row r="1019020" spans="14:14">
      <c r="N1019020" s="10"/>
    </row>
    <row r="1019021" spans="14:14">
      <c r="N1019021" s="10"/>
    </row>
    <row r="1019022" spans="14:14">
      <c r="N1019022" s="10"/>
    </row>
    <row r="1019023" spans="14:14">
      <c r="N1019023" s="10"/>
    </row>
    <row r="1019024" spans="14:14">
      <c r="N1019024" s="10"/>
    </row>
    <row r="1019025" spans="14:14">
      <c r="N1019025" s="10"/>
    </row>
    <row r="1019026" spans="14:14">
      <c r="N1019026" s="10"/>
    </row>
    <row r="1019027" spans="14:14">
      <c r="N1019027" s="10"/>
    </row>
    <row r="1019028" spans="14:14">
      <c r="N1019028" s="10"/>
    </row>
    <row r="1019029" spans="14:14">
      <c r="N1019029" s="10"/>
    </row>
    <row r="1019030" spans="14:14">
      <c r="N1019030" s="10"/>
    </row>
    <row r="1019031" spans="14:14">
      <c r="N1019031" s="10"/>
    </row>
    <row r="1019032" spans="14:14">
      <c r="N1019032" s="10"/>
    </row>
    <row r="1019033" spans="14:14">
      <c r="N1019033" s="10"/>
    </row>
    <row r="1019034" spans="14:14">
      <c r="N1019034" s="10"/>
    </row>
    <row r="1019035" spans="14:14">
      <c r="N1019035" s="10"/>
    </row>
    <row r="1019036" spans="14:14">
      <c r="N1019036" s="10"/>
    </row>
    <row r="1019037" spans="14:14">
      <c r="N1019037" s="10"/>
    </row>
    <row r="1019038" spans="14:14">
      <c r="N1019038" s="10"/>
    </row>
    <row r="1019039" spans="14:14">
      <c r="N1019039" s="10"/>
    </row>
    <row r="1019040" spans="14:14">
      <c r="N1019040" s="10"/>
    </row>
    <row r="1019041" spans="14:14">
      <c r="N1019041" s="10"/>
    </row>
    <row r="1019042" spans="14:14">
      <c r="N1019042" s="10"/>
    </row>
    <row r="1019043" spans="14:14">
      <c r="N1019043" s="10"/>
    </row>
    <row r="1019044" spans="14:14">
      <c r="N1019044" s="10"/>
    </row>
    <row r="1019045" spans="14:14">
      <c r="N1019045" s="10"/>
    </row>
    <row r="1019046" spans="14:14">
      <c r="N1019046" s="10"/>
    </row>
    <row r="1019047" spans="14:14">
      <c r="N1019047" s="10"/>
    </row>
    <row r="1019048" spans="14:14">
      <c r="N1019048" s="10"/>
    </row>
    <row r="1019049" spans="14:14">
      <c r="N1019049" s="10"/>
    </row>
    <row r="1019050" spans="14:14">
      <c r="N1019050" s="10"/>
    </row>
    <row r="1019051" spans="14:14">
      <c r="N1019051" s="10"/>
    </row>
    <row r="1019052" spans="14:14">
      <c r="N1019052" s="10"/>
    </row>
    <row r="1019053" spans="14:14">
      <c r="N1019053" s="10"/>
    </row>
    <row r="1019054" spans="14:14">
      <c r="N1019054" s="10"/>
    </row>
    <row r="1019055" spans="14:14">
      <c r="N1019055" s="10"/>
    </row>
    <row r="1019056" spans="14:14">
      <c r="N1019056" s="10"/>
    </row>
    <row r="1019057" spans="14:14">
      <c r="N1019057" s="10"/>
    </row>
    <row r="1019058" spans="14:14">
      <c r="N1019058" s="10"/>
    </row>
    <row r="1019059" spans="14:14">
      <c r="N1019059" s="10"/>
    </row>
    <row r="1019060" spans="14:14">
      <c r="N1019060" s="10"/>
    </row>
    <row r="1019061" spans="14:14">
      <c r="N1019061" s="10"/>
    </row>
    <row r="1019062" spans="14:14">
      <c r="N1019062" s="10"/>
    </row>
    <row r="1019063" spans="14:14">
      <c r="N1019063" s="10"/>
    </row>
    <row r="1019064" spans="14:14">
      <c r="N1019064" s="10"/>
    </row>
    <row r="1019065" spans="14:14">
      <c r="N1019065" s="10"/>
    </row>
    <row r="1019066" spans="14:14">
      <c r="N1019066" s="10"/>
    </row>
    <row r="1019067" spans="14:14">
      <c r="N1019067" s="10"/>
    </row>
    <row r="1019068" spans="14:14">
      <c r="N1019068" s="10"/>
    </row>
    <row r="1019069" spans="14:14">
      <c r="N1019069" s="10"/>
    </row>
    <row r="1019070" spans="14:14">
      <c r="N1019070" s="10"/>
    </row>
    <row r="1019071" spans="14:14">
      <c r="N1019071" s="10"/>
    </row>
    <row r="1019072" spans="14:14">
      <c r="N1019072" s="10"/>
    </row>
    <row r="1019073" spans="14:14">
      <c r="N1019073" s="10"/>
    </row>
    <row r="1019074" spans="14:14">
      <c r="N1019074" s="10"/>
    </row>
    <row r="1019075" spans="14:14">
      <c r="N1019075" s="10"/>
    </row>
    <row r="1019076" spans="14:14">
      <c r="N1019076" s="10"/>
    </row>
    <row r="1019077" spans="14:14">
      <c r="N1019077" s="10"/>
    </row>
    <row r="1019078" spans="14:14">
      <c r="N1019078" s="10"/>
    </row>
    <row r="1019079" spans="14:14">
      <c r="N1019079" s="10"/>
    </row>
    <row r="1019080" spans="14:14">
      <c r="N1019080" s="10"/>
    </row>
    <row r="1019081" spans="14:14">
      <c r="N1019081" s="10"/>
    </row>
    <row r="1019082" spans="14:14">
      <c r="N1019082" s="10"/>
    </row>
    <row r="1019083" spans="14:14">
      <c r="N1019083" s="10"/>
    </row>
    <row r="1019084" spans="14:14">
      <c r="N1019084" s="10"/>
    </row>
    <row r="1019085" spans="14:14">
      <c r="N1019085" s="10"/>
    </row>
    <row r="1019086" spans="14:14">
      <c r="N1019086" s="10"/>
    </row>
    <row r="1019087" spans="14:14">
      <c r="N1019087" s="10"/>
    </row>
    <row r="1019088" spans="14:14">
      <c r="N1019088" s="10"/>
    </row>
    <row r="1019089" spans="14:14">
      <c r="N1019089" s="10"/>
    </row>
    <row r="1019090" spans="14:14">
      <c r="N1019090" s="10"/>
    </row>
    <row r="1019091" spans="14:14">
      <c r="N1019091" s="10"/>
    </row>
    <row r="1019092" spans="14:14">
      <c r="N1019092" s="10"/>
    </row>
    <row r="1019093" spans="14:14">
      <c r="N1019093" s="10"/>
    </row>
    <row r="1019094" spans="14:14">
      <c r="N1019094" s="10"/>
    </row>
    <row r="1019095" spans="14:14">
      <c r="N1019095" s="10"/>
    </row>
    <row r="1019096" spans="14:14">
      <c r="N1019096" s="10"/>
    </row>
    <row r="1019097" spans="14:14">
      <c r="N1019097" s="10"/>
    </row>
    <row r="1019098" spans="14:14">
      <c r="N1019098" s="10"/>
    </row>
    <row r="1019099" spans="14:14">
      <c r="N1019099" s="10"/>
    </row>
    <row r="1019100" spans="14:14">
      <c r="N1019100" s="10"/>
    </row>
    <row r="1019101" spans="14:14">
      <c r="N1019101" s="10"/>
    </row>
    <row r="1019102" spans="14:14">
      <c r="N1019102" s="10"/>
    </row>
    <row r="1019103" spans="14:14">
      <c r="N1019103" s="10"/>
    </row>
    <row r="1019104" spans="14:14">
      <c r="N1019104" s="10"/>
    </row>
    <row r="1019105" spans="14:14">
      <c r="N1019105" s="10"/>
    </row>
    <row r="1019106" spans="14:14">
      <c r="N1019106" s="10"/>
    </row>
    <row r="1019107" spans="14:14">
      <c r="N1019107" s="10"/>
    </row>
    <row r="1019108" spans="14:14">
      <c r="N1019108" s="10"/>
    </row>
    <row r="1019109" spans="14:14">
      <c r="N1019109" s="10"/>
    </row>
    <row r="1019110" spans="14:14">
      <c r="N1019110" s="10"/>
    </row>
    <row r="1019111" spans="14:14">
      <c r="N1019111" s="10"/>
    </row>
    <row r="1019112" spans="14:14">
      <c r="N1019112" s="10"/>
    </row>
    <row r="1019113" spans="14:14">
      <c r="N1019113" s="10"/>
    </row>
    <row r="1019114" spans="14:14">
      <c r="N1019114" s="10"/>
    </row>
    <row r="1019115" spans="14:14">
      <c r="N1019115" s="10"/>
    </row>
    <row r="1019116" spans="14:14">
      <c r="N1019116" s="10"/>
    </row>
    <row r="1019117" spans="14:14">
      <c r="N1019117" s="10"/>
    </row>
    <row r="1019118" spans="14:14">
      <c r="N1019118" s="10"/>
    </row>
    <row r="1019119" spans="14:14">
      <c r="N1019119" s="10"/>
    </row>
    <row r="1019120" spans="14:14">
      <c r="N1019120" s="10"/>
    </row>
    <row r="1019121" spans="14:14">
      <c r="N1019121" s="10"/>
    </row>
    <row r="1019122" spans="14:14">
      <c r="N1019122" s="10"/>
    </row>
    <row r="1019123" spans="14:14">
      <c r="N1019123" s="10"/>
    </row>
    <row r="1019124" spans="14:14">
      <c r="N1019124" s="10"/>
    </row>
    <row r="1019125" spans="14:14">
      <c r="N1019125" s="10"/>
    </row>
    <row r="1019126" spans="14:14">
      <c r="N1019126" s="10"/>
    </row>
    <row r="1019127" spans="14:14">
      <c r="N1019127" s="10"/>
    </row>
    <row r="1019128" spans="14:14">
      <c r="N1019128" s="10"/>
    </row>
    <row r="1019129" spans="14:14">
      <c r="N1019129" s="10"/>
    </row>
    <row r="1019130" spans="14:14">
      <c r="N1019130" s="10"/>
    </row>
    <row r="1019131" spans="14:14">
      <c r="N1019131" s="10"/>
    </row>
    <row r="1019132" spans="14:14">
      <c r="N1019132" s="10"/>
    </row>
    <row r="1019133" spans="14:14">
      <c r="N1019133" s="10"/>
    </row>
    <row r="1019134" spans="14:14">
      <c r="N1019134" s="10"/>
    </row>
    <row r="1019135" spans="14:14">
      <c r="N1019135" s="10"/>
    </row>
    <row r="1019136" spans="14:14">
      <c r="N1019136" s="10"/>
    </row>
    <row r="1019137" spans="14:14">
      <c r="N1019137" s="10"/>
    </row>
    <row r="1019138" spans="14:14">
      <c r="N1019138" s="10"/>
    </row>
    <row r="1019139" spans="14:14">
      <c r="N1019139" s="10"/>
    </row>
    <row r="1019140" spans="14:14">
      <c r="N1019140" s="10"/>
    </row>
    <row r="1019141" spans="14:14">
      <c r="N1019141" s="10"/>
    </row>
    <row r="1019142" spans="14:14">
      <c r="N1019142" s="10"/>
    </row>
    <row r="1019143" spans="14:14">
      <c r="N1019143" s="10"/>
    </row>
    <row r="1019144" spans="14:14">
      <c r="N1019144" s="10"/>
    </row>
    <row r="1019145" spans="14:14">
      <c r="N1019145" s="10"/>
    </row>
    <row r="1019146" spans="14:14">
      <c r="N1019146" s="10"/>
    </row>
    <row r="1019147" spans="14:14">
      <c r="N1019147" s="10"/>
    </row>
    <row r="1019148" spans="14:14">
      <c r="N1019148" s="10"/>
    </row>
    <row r="1019149" spans="14:14">
      <c r="N1019149" s="10"/>
    </row>
    <row r="1019150" spans="14:14">
      <c r="N1019150" s="10"/>
    </row>
    <row r="1019151" spans="14:14">
      <c r="N1019151" s="10"/>
    </row>
    <row r="1019152" spans="14:14">
      <c r="N1019152" s="10"/>
    </row>
    <row r="1019153" spans="14:14">
      <c r="N1019153" s="10"/>
    </row>
    <row r="1019154" spans="14:14">
      <c r="N1019154" s="10"/>
    </row>
    <row r="1019155" spans="14:14">
      <c r="N1019155" s="10"/>
    </row>
    <row r="1019156" spans="14:14">
      <c r="N1019156" s="10"/>
    </row>
    <row r="1019157" spans="14:14">
      <c r="N1019157" s="10"/>
    </row>
    <row r="1019158" spans="14:14">
      <c r="N1019158" s="10"/>
    </row>
    <row r="1019159" spans="14:14">
      <c r="N1019159" s="10"/>
    </row>
    <row r="1019160" spans="14:14">
      <c r="N1019160" s="10"/>
    </row>
    <row r="1019161" spans="14:14">
      <c r="N1019161" s="10"/>
    </row>
    <row r="1019162" spans="14:14">
      <c r="N1019162" s="10"/>
    </row>
    <row r="1019163" spans="14:14">
      <c r="N1019163" s="10"/>
    </row>
    <row r="1019164" spans="14:14">
      <c r="N1019164" s="10"/>
    </row>
    <row r="1019165" spans="14:14">
      <c r="N1019165" s="10"/>
    </row>
    <row r="1019166" spans="14:14">
      <c r="N1019166" s="10"/>
    </row>
    <row r="1019167" spans="14:14">
      <c r="N1019167" s="10"/>
    </row>
    <row r="1019168" spans="14:14">
      <c r="N1019168" s="10"/>
    </row>
    <row r="1019169" spans="14:14">
      <c r="N1019169" s="10"/>
    </row>
    <row r="1019170" spans="14:14">
      <c r="N1019170" s="10"/>
    </row>
    <row r="1019171" spans="14:14">
      <c r="N1019171" s="10"/>
    </row>
    <row r="1019172" spans="14:14">
      <c r="N1019172" s="10"/>
    </row>
    <row r="1019173" spans="14:14">
      <c r="N1019173" s="10"/>
    </row>
    <row r="1019174" spans="14:14">
      <c r="N1019174" s="10"/>
    </row>
    <row r="1019175" spans="14:14">
      <c r="N1019175" s="10"/>
    </row>
    <row r="1019176" spans="14:14">
      <c r="N1019176" s="10"/>
    </row>
    <row r="1019177" spans="14:14">
      <c r="N1019177" s="10"/>
    </row>
    <row r="1019178" spans="14:14">
      <c r="N1019178" s="10"/>
    </row>
    <row r="1019179" spans="14:14">
      <c r="N1019179" s="10"/>
    </row>
    <row r="1019180" spans="14:14">
      <c r="N1019180" s="10"/>
    </row>
    <row r="1019181" spans="14:14">
      <c r="N1019181" s="10"/>
    </row>
    <row r="1019182" spans="14:14">
      <c r="N1019182" s="10"/>
    </row>
    <row r="1019183" spans="14:14">
      <c r="N1019183" s="10"/>
    </row>
    <row r="1019184" spans="14:14">
      <c r="N1019184" s="10"/>
    </row>
    <row r="1019185" spans="14:14">
      <c r="N1019185" s="10"/>
    </row>
    <row r="1019186" spans="14:14">
      <c r="N1019186" s="10"/>
    </row>
    <row r="1019187" spans="14:14">
      <c r="N1019187" s="10"/>
    </row>
    <row r="1019188" spans="14:14">
      <c r="N1019188" s="10"/>
    </row>
    <row r="1019189" spans="14:14">
      <c r="N1019189" s="10"/>
    </row>
    <row r="1019190" spans="14:14">
      <c r="N1019190" s="10"/>
    </row>
    <row r="1019191" spans="14:14">
      <c r="N1019191" s="10"/>
    </row>
    <row r="1019192" spans="14:14">
      <c r="N1019192" s="10"/>
    </row>
    <row r="1019193" spans="14:14">
      <c r="N1019193" s="10"/>
    </row>
    <row r="1019194" spans="14:14">
      <c r="N1019194" s="10"/>
    </row>
    <row r="1019195" spans="14:14">
      <c r="N1019195" s="10"/>
    </row>
    <row r="1019196" spans="14:14">
      <c r="N1019196" s="10"/>
    </row>
    <row r="1019197" spans="14:14">
      <c r="N1019197" s="10"/>
    </row>
    <row r="1019198" spans="14:14">
      <c r="N1019198" s="10"/>
    </row>
    <row r="1019199" spans="14:14">
      <c r="N1019199" s="10"/>
    </row>
    <row r="1019200" spans="14:14">
      <c r="N1019200" s="10"/>
    </row>
    <row r="1019201" spans="14:14">
      <c r="N1019201" s="10"/>
    </row>
    <row r="1019202" spans="14:14">
      <c r="N1019202" s="10"/>
    </row>
    <row r="1019203" spans="14:14">
      <c r="N1019203" s="10"/>
    </row>
    <row r="1019204" spans="14:14">
      <c r="N1019204" s="10"/>
    </row>
    <row r="1019205" spans="14:14">
      <c r="N1019205" s="10"/>
    </row>
    <row r="1019206" spans="14:14">
      <c r="N1019206" s="10"/>
    </row>
    <row r="1019207" spans="14:14">
      <c r="N1019207" s="10"/>
    </row>
    <row r="1019208" spans="14:14">
      <c r="N1019208" s="10"/>
    </row>
    <row r="1019209" spans="14:14">
      <c r="N1019209" s="10"/>
    </row>
    <row r="1019210" spans="14:14">
      <c r="N1019210" s="10"/>
    </row>
    <row r="1019211" spans="14:14">
      <c r="N1019211" s="10"/>
    </row>
    <row r="1019212" spans="14:14">
      <c r="N1019212" s="10"/>
    </row>
    <row r="1019213" spans="14:14">
      <c r="N1019213" s="10"/>
    </row>
    <row r="1019214" spans="14:14">
      <c r="N1019214" s="10"/>
    </row>
    <row r="1019215" spans="14:14">
      <c r="N1019215" s="10"/>
    </row>
    <row r="1019216" spans="14:14">
      <c r="N1019216" s="10"/>
    </row>
    <row r="1019217" spans="14:14">
      <c r="N1019217" s="10"/>
    </row>
    <row r="1019218" spans="14:14">
      <c r="N1019218" s="10"/>
    </row>
    <row r="1019219" spans="14:14">
      <c r="N1019219" s="10"/>
    </row>
    <row r="1019220" spans="14:14">
      <c r="N1019220" s="10"/>
    </row>
    <row r="1019221" spans="14:14">
      <c r="N1019221" s="10"/>
    </row>
    <row r="1019222" spans="14:14">
      <c r="N1019222" s="10"/>
    </row>
    <row r="1019223" spans="14:14">
      <c r="N1019223" s="10"/>
    </row>
    <row r="1019224" spans="14:14">
      <c r="N1019224" s="10"/>
    </row>
    <row r="1019225" spans="14:14">
      <c r="N1019225" s="10"/>
    </row>
    <row r="1019226" spans="14:14">
      <c r="N1019226" s="10"/>
    </row>
    <row r="1019227" spans="14:14">
      <c r="N1019227" s="10"/>
    </row>
    <row r="1019228" spans="14:14">
      <c r="N1019228" s="10"/>
    </row>
    <row r="1019229" spans="14:14">
      <c r="N1019229" s="10"/>
    </row>
    <row r="1019230" spans="14:14">
      <c r="N1019230" s="10"/>
    </row>
    <row r="1019231" spans="14:14">
      <c r="N1019231" s="10"/>
    </row>
    <row r="1019232" spans="14:14">
      <c r="N1019232" s="10"/>
    </row>
    <row r="1019233" spans="14:14">
      <c r="N1019233" s="10"/>
    </row>
    <row r="1019234" spans="14:14">
      <c r="N1019234" s="10"/>
    </row>
    <row r="1019235" spans="14:14">
      <c r="N1019235" s="10"/>
    </row>
    <row r="1019236" spans="14:14">
      <c r="N1019236" s="10"/>
    </row>
    <row r="1019237" spans="14:14">
      <c r="N1019237" s="10"/>
    </row>
    <row r="1019238" spans="14:14">
      <c r="N1019238" s="10"/>
    </row>
    <row r="1019239" spans="14:14">
      <c r="N1019239" s="10"/>
    </row>
    <row r="1019240" spans="14:14">
      <c r="N1019240" s="10"/>
    </row>
    <row r="1019241" spans="14:14">
      <c r="N1019241" s="10"/>
    </row>
    <row r="1019242" spans="14:14">
      <c r="N1019242" s="10"/>
    </row>
    <row r="1019243" spans="14:14">
      <c r="N1019243" s="10"/>
    </row>
    <row r="1019244" spans="14:14">
      <c r="N1019244" s="10"/>
    </row>
    <row r="1019245" spans="14:14">
      <c r="N1019245" s="10"/>
    </row>
    <row r="1019246" spans="14:14">
      <c r="N1019246" s="10"/>
    </row>
    <row r="1019247" spans="14:14">
      <c r="N1019247" s="10"/>
    </row>
    <row r="1019248" spans="14:14">
      <c r="N1019248" s="10"/>
    </row>
    <row r="1019249" spans="14:14">
      <c r="N1019249" s="10"/>
    </row>
    <row r="1019250" spans="14:14">
      <c r="N1019250" s="10"/>
    </row>
    <row r="1019251" spans="14:14">
      <c r="N1019251" s="10"/>
    </row>
    <row r="1019252" spans="14:14">
      <c r="N1019252" s="10"/>
    </row>
    <row r="1019253" spans="14:14">
      <c r="N1019253" s="10"/>
    </row>
    <row r="1019254" spans="14:14">
      <c r="N1019254" s="10"/>
    </row>
    <row r="1019255" spans="14:14">
      <c r="N1019255" s="10"/>
    </row>
    <row r="1019256" spans="14:14">
      <c r="N1019256" s="10"/>
    </row>
    <row r="1019257" spans="14:14">
      <c r="N1019257" s="10"/>
    </row>
    <row r="1019258" spans="14:14">
      <c r="N1019258" s="10"/>
    </row>
    <row r="1019259" spans="14:14">
      <c r="N1019259" s="10"/>
    </row>
    <row r="1019260" spans="14:14">
      <c r="N1019260" s="10"/>
    </row>
    <row r="1019261" spans="14:14">
      <c r="N1019261" s="10"/>
    </row>
    <row r="1019262" spans="14:14">
      <c r="N1019262" s="10"/>
    </row>
    <row r="1019263" spans="14:14">
      <c r="N1019263" s="10"/>
    </row>
    <row r="1019264" spans="14:14">
      <c r="N1019264" s="10"/>
    </row>
    <row r="1019265" spans="14:14">
      <c r="N1019265" s="10"/>
    </row>
    <row r="1019266" spans="14:14">
      <c r="N1019266" s="10"/>
    </row>
    <row r="1019267" spans="14:14">
      <c r="N1019267" s="10"/>
    </row>
    <row r="1019268" spans="14:14">
      <c r="N1019268" s="10"/>
    </row>
    <row r="1019269" spans="14:14">
      <c r="N1019269" s="10"/>
    </row>
    <row r="1019270" spans="14:14">
      <c r="N1019270" s="10"/>
    </row>
    <row r="1019271" spans="14:14">
      <c r="N1019271" s="10"/>
    </row>
    <row r="1019272" spans="14:14">
      <c r="N1019272" s="10"/>
    </row>
    <row r="1019273" spans="14:14">
      <c r="N1019273" s="10"/>
    </row>
    <row r="1019274" spans="14:14">
      <c r="N1019274" s="10"/>
    </row>
    <row r="1019275" spans="14:14">
      <c r="N1019275" s="10"/>
    </row>
    <row r="1019276" spans="14:14">
      <c r="N1019276" s="10"/>
    </row>
    <row r="1019277" spans="14:14">
      <c r="N1019277" s="10"/>
    </row>
    <row r="1019278" spans="14:14">
      <c r="N1019278" s="10"/>
    </row>
    <row r="1019279" spans="14:14">
      <c r="N1019279" s="10"/>
    </row>
    <row r="1019280" spans="14:14">
      <c r="N1019280" s="10"/>
    </row>
    <row r="1019281" spans="14:14">
      <c r="N1019281" s="10"/>
    </row>
    <row r="1019282" spans="14:14">
      <c r="N1019282" s="10"/>
    </row>
    <row r="1019283" spans="14:14">
      <c r="N1019283" s="10"/>
    </row>
    <row r="1019284" spans="14:14">
      <c r="N1019284" s="10"/>
    </row>
    <row r="1019285" spans="14:14">
      <c r="N1019285" s="10"/>
    </row>
    <row r="1019286" spans="14:14">
      <c r="N1019286" s="10"/>
    </row>
    <row r="1019287" spans="14:14">
      <c r="N1019287" s="10"/>
    </row>
    <row r="1019288" spans="14:14">
      <c r="N1019288" s="10"/>
    </row>
    <row r="1019289" spans="14:14">
      <c r="N1019289" s="10"/>
    </row>
    <row r="1019290" spans="14:14">
      <c r="N1019290" s="10"/>
    </row>
    <row r="1019291" spans="14:14">
      <c r="N1019291" s="10"/>
    </row>
    <row r="1019292" spans="14:14">
      <c r="N1019292" s="10"/>
    </row>
    <row r="1019293" spans="14:14">
      <c r="N1019293" s="10"/>
    </row>
    <row r="1019294" spans="14:14">
      <c r="N1019294" s="10"/>
    </row>
    <row r="1019295" spans="14:14">
      <c r="N1019295" s="10"/>
    </row>
    <row r="1019296" spans="14:14">
      <c r="N1019296" s="10"/>
    </row>
    <row r="1019297" spans="14:14">
      <c r="N1019297" s="10"/>
    </row>
    <row r="1019298" spans="14:14">
      <c r="N1019298" s="10"/>
    </row>
    <row r="1019299" spans="14:14">
      <c r="N1019299" s="10"/>
    </row>
    <row r="1019300" spans="14:14">
      <c r="N1019300" s="10"/>
    </row>
    <row r="1019301" spans="14:14">
      <c r="N1019301" s="10"/>
    </row>
    <row r="1019302" spans="14:14">
      <c r="N1019302" s="10"/>
    </row>
    <row r="1019303" spans="14:14">
      <c r="N1019303" s="10"/>
    </row>
    <row r="1019304" spans="14:14">
      <c r="N1019304" s="10"/>
    </row>
    <row r="1019305" spans="14:14">
      <c r="N1019305" s="10"/>
    </row>
    <row r="1019306" spans="14:14">
      <c r="N1019306" s="10"/>
    </row>
    <row r="1019307" spans="14:14">
      <c r="N1019307" s="10"/>
    </row>
    <row r="1019308" spans="14:14">
      <c r="N1019308" s="10"/>
    </row>
    <row r="1019309" spans="14:14">
      <c r="N1019309" s="10"/>
    </row>
    <row r="1019310" spans="14:14">
      <c r="N1019310" s="10"/>
    </row>
    <row r="1019311" spans="14:14">
      <c r="N1019311" s="10"/>
    </row>
    <row r="1019312" spans="14:14">
      <c r="N1019312" s="10"/>
    </row>
    <row r="1019313" spans="14:14">
      <c r="N1019313" s="10"/>
    </row>
    <row r="1019314" spans="14:14">
      <c r="N1019314" s="10"/>
    </row>
    <row r="1019315" spans="14:14">
      <c r="N1019315" s="10"/>
    </row>
    <row r="1019316" spans="14:14">
      <c r="N1019316" s="10"/>
    </row>
    <row r="1019317" spans="14:14">
      <c r="N1019317" s="10"/>
    </row>
    <row r="1019318" spans="14:14">
      <c r="N1019318" s="10"/>
    </row>
    <row r="1019319" spans="14:14">
      <c r="N1019319" s="10"/>
    </row>
    <row r="1019320" spans="14:14">
      <c r="N1019320" s="10"/>
    </row>
    <row r="1019321" spans="14:14">
      <c r="N1019321" s="10"/>
    </row>
    <row r="1019322" spans="14:14">
      <c r="N1019322" s="10"/>
    </row>
    <row r="1019323" spans="14:14">
      <c r="N1019323" s="10"/>
    </row>
    <row r="1019324" spans="14:14">
      <c r="N1019324" s="10"/>
    </row>
    <row r="1019325" spans="14:14">
      <c r="N1019325" s="10"/>
    </row>
    <row r="1019326" spans="14:14">
      <c r="N1019326" s="10"/>
    </row>
    <row r="1019327" spans="14:14">
      <c r="N1019327" s="10"/>
    </row>
    <row r="1019328" spans="14:14">
      <c r="N1019328" s="10"/>
    </row>
    <row r="1019329" spans="14:14">
      <c r="N1019329" s="10"/>
    </row>
    <row r="1019330" spans="14:14">
      <c r="N1019330" s="10"/>
    </row>
    <row r="1019331" spans="14:14">
      <c r="N1019331" s="10"/>
    </row>
    <row r="1019332" spans="14:14">
      <c r="N1019332" s="10"/>
    </row>
    <row r="1019333" spans="14:14">
      <c r="N1019333" s="10"/>
    </row>
    <row r="1019334" spans="14:14">
      <c r="N1019334" s="10"/>
    </row>
    <row r="1019335" spans="14:14">
      <c r="N1019335" s="10"/>
    </row>
    <row r="1019336" spans="14:14">
      <c r="N1019336" s="10"/>
    </row>
    <row r="1019337" spans="14:14">
      <c r="N1019337" s="10"/>
    </row>
    <row r="1019338" spans="14:14">
      <c r="N1019338" s="10"/>
    </row>
    <row r="1019339" spans="14:14">
      <c r="N1019339" s="10"/>
    </row>
    <row r="1019340" spans="14:14">
      <c r="N1019340" s="10"/>
    </row>
    <row r="1019341" spans="14:14">
      <c r="N1019341" s="10"/>
    </row>
    <row r="1019342" spans="14:14">
      <c r="N1019342" s="10"/>
    </row>
    <row r="1019343" spans="14:14">
      <c r="N1019343" s="10"/>
    </row>
    <row r="1019344" spans="14:14">
      <c r="N1019344" s="10"/>
    </row>
    <row r="1019345" spans="14:14">
      <c r="N1019345" s="10"/>
    </row>
    <row r="1019346" spans="14:14">
      <c r="N1019346" s="10"/>
    </row>
    <row r="1019347" spans="14:14">
      <c r="N1019347" s="10"/>
    </row>
    <row r="1019348" spans="14:14">
      <c r="N1019348" s="10"/>
    </row>
    <row r="1019349" spans="14:14">
      <c r="N1019349" s="10"/>
    </row>
    <row r="1019350" spans="14:14">
      <c r="N1019350" s="10"/>
    </row>
    <row r="1019351" spans="14:14">
      <c r="N1019351" s="10"/>
    </row>
    <row r="1019352" spans="14:14">
      <c r="N1019352" s="10"/>
    </row>
    <row r="1019353" spans="14:14">
      <c r="N1019353" s="10"/>
    </row>
    <row r="1019354" spans="14:14">
      <c r="N1019354" s="10"/>
    </row>
    <row r="1019355" spans="14:14">
      <c r="N1019355" s="10"/>
    </row>
    <row r="1019356" spans="14:14">
      <c r="N1019356" s="10"/>
    </row>
    <row r="1019357" spans="14:14">
      <c r="N1019357" s="10"/>
    </row>
    <row r="1019358" spans="14:14">
      <c r="N1019358" s="10"/>
    </row>
    <row r="1019359" spans="14:14">
      <c r="N1019359" s="10"/>
    </row>
    <row r="1019360" spans="14:14">
      <c r="N1019360" s="10"/>
    </row>
    <row r="1019361" spans="14:14">
      <c r="N1019361" s="10"/>
    </row>
    <row r="1019362" spans="14:14">
      <c r="N1019362" s="10"/>
    </row>
    <row r="1019363" spans="14:14">
      <c r="N1019363" s="10"/>
    </row>
    <row r="1019364" spans="14:14">
      <c r="N1019364" s="10"/>
    </row>
    <row r="1019365" spans="14:14">
      <c r="N1019365" s="10"/>
    </row>
    <row r="1019366" spans="14:14">
      <c r="N1019366" s="10"/>
    </row>
    <row r="1019367" spans="14:14">
      <c r="N1019367" s="10"/>
    </row>
    <row r="1019368" spans="14:14">
      <c r="N1019368" s="10"/>
    </row>
    <row r="1019369" spans="14:14">
      <c r="N1019369" s="10"/>
    </row>
    <row r="1019370" spans="14:14">
      <c r="N1019370" s="10"/>
    </row>
    <row r="1019371" spans="14:14">
      <c r="N1019371" s="10"/>
    </row>
    <row r="1019372" spans="14:14">
      <c r="N1019372" s="10"/>
    </row>
    <row r="1019373" spans="14:14">
      <c r="N1019373" s="10"/>
    </row>
    <row r="1019374" spans="14:14">
      <c r="N1019374" s="10"/>
    </row>
    <row r="1019375" spans="14:14">
      <c r="N1019375" s="10"/>
    </row>
    <row r="1019376" spans="14:14">
      <c r="N1019376" s="10"/>
    </row>
    <row r="1019377" spans="14:14">
      <c r="N1019377" s="10"/>
    </row>
    <row r="1019378" spans="14:14">
      <c r="N1019378" s="10"/>
    </row>
    <row r="1019379" spans="14:14">
      <c r="N1019379" s="10"/>
    </row>
    <row r="1019380" spans="14:14">
      <c r="N1019380" s="10"/>
    </row>
    <row r="1019381" spans="14:14">
      <c r="N1019381" s="10"/>
    </row>
    <row r="1019382" spans="14:14">
      <c r="N1019382" s="10"/>
    </row>
    <row r="1019383" spans="14:14">
      <c r="N1019383" s="10"/>
    </row>
    <row r="1019384" spans="14:14">
      <c r="N1019384" s="10"/>
    </row>
    <row r="1019385" spans="14:14">
      <c r="N1019385" s="10"/>
    </row>
    <row r="1019386" spans="14:14">
      <c r="N1019386" s="10"/>
    </row>
    <row r="1019387" spans="14:14">
      <c r="N1019387" s="10"/>
    </row>
    <row r="1019388" spans="14:14">
      <c r="N1019388" s="10"/>
    </row>
    <row r="1019389" spans="14:14">
      <c r="N1019389" s="10"/>
    </row>
    <row r="1019390" spans="14:14">
      <c r="N1019390" s="10"/>
    </row>
    <row r="1019391" spans="14:14">
      <c r="N1019391" s="10"/>
    </row>
    <row r="1019392" spans="14:14">
      <c r="N1019392" s="10"/>
    </row>
    <row r="1019393" spans="14:14">
      <c r="N1019393" s="10"/>
    </row>
    <row r="1019394" spans="14:14">
      <c r="N1019394" s="10"/>
    </row>
    <row r="1019395" spans="14:14">
      <c r="N1019395" s="10"/>
    </row>
    <row r="1019396" spans="14:14">
      <c r="N1019396" s="10"/>
    </row>
    <row r="1019397" spans="14:14">
      <c r="N1019397" s="10"/>
    </row>
    <row r="1019398" spans="14:14">
      <c r="N1019398" s="10"/>
    </row>
    <row r="1019399" spans="14:14">
      <c r="N1019399" s="10"/>
    </row>
    <row r="1019400" spans="14:14">
      <c r="N1019400" s="10"/>
    </row>
    <row r="1019401" spans="14:14">
      <c r="N1019401" s="10"/>
    </row>
    <row r="1019402" spans="14:14">
      <c r="N1019402" s="10"/>
    </row>
    <row r="1019403" spans="14:14">
      <c r="N1019403" s="10"/>
    </row>
    <row r="1019404" spans="14:14">
      <c r="N1019404" s="10"/>
    </row>
    <row r="1019405" spans="14:14">
      <c r="N1019405" s="10"/>
    </row>
    <row r="1019406" spans="14:14">
      <c r="N1019406" s="10"/>
    </row>
    <row r="1019407" spans="14:14">
      <c r="N1019407" s="10"/>
    </row>
    <row r="1019408" spans="14:14">
      <c r="N1019408" s="10"/>
    </row>
    <row r="1019409" spans="14:14">
      <c r="N1019409" s="10"/>
    </row>
    <row r="1019410" spans="14:14">
      <c r="N1019410" s="10"/>
    </row>
    <row r="1019411" spans="14:14">
      <c r="N1019411" s="10"/>
    </row>
    <row r="1019412" spans="14:14">
      <c r="N1019412" s="10"/>
    </row>
    <row r="1019413" spans="14:14">
      <c r="N1019413" s="10"/>
    </row>
    <row r="1019414" spans="14:14">
      <c r="N1019414" s="10"/>
    </row>
    <row r="1019415" spans="14:14">
      <c r="N1019415" s="10"/>
    </row>
    <row r="1019416" spans="14:14">
      <c r="N1019416" s="10"/>
    </row>
    <row r="1019417" spans="14:14">
      <c r="N1019417" s="10"/>
    </row>
    <row r="1019418" spans="14:14">
      <c r="N1019418" s="10"/>
    </row>
    <row r="1019419" spans="14:14">
      <c r="N1019419" s="10"/>
    </row>
    <row r="1019420" spans="14:14">
      <c r="N1019420" s="10"/>
    </row>
    <row r="1019421" spans="14:14">
      <c r="N1019421" s="10"/>
    </row>
    <row r="1019422" spans="14:14">
      <c r="N1019422" s="10"/>
    </row>
    <row r="1019423" spans="14:14">
      <c r="N1019423" s="10"/>
    </row>
    <row r="1019424" spans="14:14">
      <c r="N1019424" s="10"/>
    </row>
    <row r="1019425" spans="14:14">
      <c r="N1019425" s="10"/>
    </row>
    <row r="1019426" spans="14:14">
      <c r="N1019426" s="10"/>
    </row>
    <row r="1019427" spans="14:14">
      <c r="N1019427" s="10"/>
    </row>
    <row r="1019428" spans="14:14">
      <c r="N1019428" s="10"/>
    </row>
    <row r="1019429" spans="14:14">
      <c r="N1019429" s="10"/>
    </row>
    <row r="1019430" spans="14:14">
      <c r="N1019430" s="10"/>
    </row>
    <row r="1019431" spans="14:14">
      <c r="N1019431" s="10"/>
    </row>
    <row r="1019432" spans="14:14">
      <c r="N1019432" s="10"/>
    </row>
    <row r="1019433" spans="14:14">
      <c r="N1019433" s="10"/>
    </row>
    <row r="1019434" spans="14:14">
      <c r="N1019434" s="10"/>
    </row>
    <row r="1019435" spans="14:14">
      <c r="N1019435" s="10"/>
    </row>
    <row r="1019436" spans="14:14">
      <c r="N1019436" s="10"/>
    </row>
    <row r="1019437" spans="14:14">
      <c r="N1019437" s="10"/>
    </row>
    <row r="1019438" spans="14:14">
      <c r="N1019438" s="10"/>
    </row>
    <row r="1019439" spans="14:14">
      <c r="N1019439" s="10"/>
    </row>
    <row r="1019440" spans="14:14">
      <c r="N1019440" s="10"/>
    </row>
    <row r="1019441" spans="14:14">
      <c r="N1019441" s="10"/>
    </row>
    <row r="1019442" spans="14:14">
      <c r="N1019442" s="10"/>
    </row>
    <row r="1019443" spans="14:14">
      <c r="N1019443" s="10"/>
    </row>
    <row r="1019444" spans="14:14">
      <c r="N1019444" s="10"/>
    </row>
    <row r="1019445" spans="14:14">
      <c r="N1019445" s="10"/>
    </row>
    <row r="1019446" spans="14:14">
      <c r="N1019446" s="10"/>
    </row>
    <row r="1019447" spans="14:14">
      <c r="N1019447" s="10"/>
    </row>
    <row r="1019448" spans="14:14">
      <c r="N1019448" s="10"/>
    </row>
    <row r="1019449" spans="14:14">
      <c r="N1019449" s="10"/>
    </row>
    <row r="1019450" spans="14:14">
      <c r="N1019450" s="10"/>
    </row>
    <row r="1019451" spans="14:14">
      <c r="N1019451" s="10"/>
    </row>
    <row r="1019452" spans="14:14">
      <c r="N1019452" s="10"/>
    </row>
    <row r="1019453" spans="14:14">
      <c r="N1019453" s="10"/>
    </row>
    <row r="1019454" spans="14:14">
      <c r="N1019454" s="10"/>
    </row>
    <row r="1019455" spans="14:14">
      <c r="N1019455" s="10"/>
    </row>
    <row r="1019456" spans="14:14">
      <c r="N1019456" s="10"/>
    </row>
    <row r="1019457" spans="14:14">
      <c r="N1019457" s="10"/>
    </row>
    <row r="1019458" spans="14:14">
      <c r="N1019458" s="10"/>
    </row>
    <row r="1019459" spans="14:14">
      <c r="N1019459" s="10"/>
    </row>
    <row r="1019460" spans="14:14">
      <c r="N1019460" s="10"/>
    </row>
    <row r="1019461" spans="14:14">
      <c r="N1019461" s="10"/>
    </row>
    <row r="1019462" spans="14:14">
      <c r="N1019462" s="10"/>
    </row>
    <row r="1019463" spans="14:14">
      <c r="N1019463" s="10"/>
    </row>
    <row r="1019464" spans="14:14">
      <c r="N1019464" s="10"/>
    </row>
    <row r="1019465" spans="14:14">
      <c r="N1019465" s="10"/>
    </row>
    <row r="1019466" spans="14:14">
      <c r="N1019466" s="10"/>
    </row>
    <row r="1019467" spans="14:14">
      <c r="N1019467" s="10"/>
    </row>
    <row r="1019468" spans="14:14">
      <c r="N1019468" s="10"/>
    </row>
    <row r="1019469" spans="14:14">
      <c r="N1019469" s="10"/>
    </row>
    <row r="1019470" spans="14:14">
      <c r="N1019470" s="10"/>
    </row>
    <row r="1019471" spans="14:14">
      <c r="N1019471" s="10"/>
    </row>
    <row r="1019472" spans="14:14">
      <c r="N1019472" s="10"/>
    </row>
    <row r="1019473" spans="14:14">
      <c r="N1019473" s="10"/>
    </row>
    <row r="1019474" spans="14:14">
      <c r="N1019474" s="10"/>
    </row>
    <row r="1019475" spans="14:14">
      <c r="N1019475" s="10"/>
    </row>
    <row r="1019476" spans="14:14">
      <c r="N1019476" s="10"/>
    </row>
    <row r="1019477" spans="14:14">
      <c r="N1019477" s="10"/>
    </row>
    <row r="1019478" spans="14:14">
      <c r="N1019478" s="10"/>
    </row>
    <row r="1019479" spans="14:14">
      <c r="N1019479" s="10"/>
    </row>
    <row r="1019480" spans="14:14">
      <c r="N1019480" s="10"/>
    </row>
    <row r="1019481" spans="14:14">
      <c r="N1019481" s="10"/>
    </row>
    <row r="1019482" spans="14:14">
      <c r="N1019482" s="10"/>
    </row>
    <row r="1019483" spans="14:14">
      <c r="N1019483" s="10"/>
    </row>
    <row r="1019484" spans="14:14">
      <c r="N1019484" s="10"/>
    </row>
    <row r="1019485" spans="14:14">
      <c r="N1019485" s="10"/>
    </row>
    <row r="1019486" spans="14:14">
      <c r="N1019486" s="10"/>
    </row>
    <row r="1019487" spans="14:14">
      <c r="N1019487" s="10"/>
    </row>
    <row r="1019488" spans="14:14">
      <c r="N1019488" s="10"/>
    </row>
    <row r="1019489" spans="14:14">
      <c r="N1019489" s="10"/>
    </row>
    <row r="1019490" spans="14:14">
      <c r="N1019490" s="10"/>
    </row>
    <row r="1019491" spans="14:14">
      <c r="N1019491" s="10"/>
    </row>
    <row r="1019492" spans="14:14">
      <c r="N1019492" s="10"/>
    </row>
    <row r="1019493" spans="14:14">
      <c r="N1019493" s="10"/>
    </row>
    <row r="1019494" spans="14:14">
      <c r="N1019494" s="10"/>
    </row>
    <row r="1019495" spans="14:14">
      <c r="N1019495" s="10"/>
    </row>
    <row r="1019496" spans="14:14">
      <c r="N1019496" s="10"/>
    </row>
    <row r="1019497" spans="14:14">
      <c r="N1019497" s="10"/>
    </row>
    <row r="1019498" spans="14:14">
      <c r="N1019498" s="10"/>
    </row>
    <row r="1019499" spans="14:14">
      <c r="N1019499" s="10"/>
    </row>
    <row r="1019500" spans="14:14">
      <c r="N1019500" s="10"/>
    </row>
    <row r="1019501" spans="14:14">
      <c r="N1019501" s="10"/>
    </row>
    <row r="1019502" spans="14:14">
      <c r="N1019502" s="10"/>
    </row>
    <row r="1019503" spans="14:14">
      <c r="N1019503" s="10"/>
    </row>
    <row r="1019504" spans="14:14">
      <c r="N1019504" s="10"/>
    </row>
    <row r="1019505" spans="14:14">
      <c r="N1019505" s="10"/>
    </row>
    <row r="1019506" spans="14:14">
      <c r="N1019506" s="10"/>
    </row>
    <row r="1019507" spans="14:14">
      <c r="N1019507" s="10"/>
    </row>
    <row r="1019508" spans="14:14">
      <c r="N1019508" s="10"/>
    </row>
    <row r="1019509" spans="14:14">
      <c r="N1019509" s="10"/>
    </row>
    <row r="1019510" spans="14:14">
      <c r="N1019510" s="10"/>
    </row>
    <row r="1019511" spans="14:14">
      <c r="N1019511" s="10"/>
    </row>
    <row r="1019512" spans="14:14">
      <c r="N1019512" s="10"/>
    </row>
    <row r="1019513" spans="14:14">
      <c r="N1019513" s="10"/>
    </row>
    <row r="1019514" spans="14:14">
      <c r="N1019514" s="10"/>
    </row>
    <row r="1019515" spans="14:14">
      <c r="N1019515" s="10"/>
    </row>
    <row r="1019516" spans="14:14">
      <c r="N1019516" s="10"/>
    </row>
    <row r="1019517" spans="14:14">
      <c r="N1019517" s="10"/>
    </row>
    <row r="1019518" spans="14:14">
      <c r="N1019518" s="10"/>
    </row>
    <row r="1019519" spans="14:14">
      <c r="N1019519" s="10"/>
    </row>
    <row r="1019520" spans="14:14">
      <c r="N1019520" s="10"/>
    </row>
    <row r="1019521" spans="14:14">
      <c r="N1019521" s="10"/>
    </row>
    <row r="1019522" spans="14:14">
      <c r="N1019522" s="10"/>
    </row>
    <row r="1019523" spans="14:14">
      <c r="N1019523" s="10"/>
    </row>
    <row r="1019524" spans="14:14">
      <c r="N1019524" s="10"/>
    </row>
    <row r="1019525" spans="14:14">
      <c r="N1019525" s="10"/>
    </row>
    <row r="1019526" spans="14:14">
      <c r="N1019526" s="10"/>
    </row>
    <row r="1019527" spans="14:14">
      <c r="N1019527" s="10"/>
    </row>
    <row r="1019528" spans="14:14">
      <c r="N1019528" s="10"/>
    </row>
    <row r="1019529" spans="14:14">
      <c r="N1019529" s="10"/>
    </row>
    <row r="1019530" spans="14:14">
      <c r="N1019530" s="10"/>
    </row>
    <row r="1019531" spans="14:14">
      <c r="N1019531" s="10"/>
    </row>
    <row r="1019532" spans="14:14">
      <c r="N1019532" s="10"/>
    </row>
    <row r="1019533" spans="14:14">
      <c r="N1019533" s="10"/>
    </row>
    <row r="1019534" spans="14:14">
      <c r="N1019534" s="10"/>
    </row>
    <row r="1019535" spans="14:14">
      <c r="N1019535" s="10"/>
    </row>
    <row r="1019536" spans="14:14">
      <c r="N1019536" s="10"/>
    </row>
    <row r="1019537" spans="14:14">
      <c r="N1019537" s="10"/>
    </row>
    <row r="1019538" spans="14:14">
      <c r="N1019538" s="10"/>
    </row>
    <row r="1019539" spans="14:14">
      <c r="N1019539" s="10"/>
    </row>
    <row r="1019540" spans="14:14">
      <c r="N1019540" s="10"/>
    </row>
    <row r="1019541" spans="14:14">
      <c r="N1019541" s="10"/>
    </row>
    <row r="1019542" spans="14:14">
      <c r="N1019542" s="10"/>
    </row>
    <row r="1019543" spans="14:14">
      <c r="N1019543" s="10"/>
    </row>
    <row r="1019544" spans="14:14">
      <c r="N1019544" s="10"/>
    </row>
    <row r="1019545" spans="14:14">
      <c r="N1019545" s="10"/>
    </row>
    <row r="1019546" spans="14:14">
      <c r="N1019546" s="10"/>
    </row>
    <row r="1019547" spans="14:14">
      <c r="N1019547" s="10"/>
    </row>
    <row r="1019548" spans="14:14">
      <c r="N1019548" s="10"/>
    </row>
    <row r="1019549" spans="14:14">
      <c r="N1019549" s="10"/>
    </row>
    <row r="1019550" spans="14:14">
      <c r="N1019550" s="10"/>
    </row>
    <row r="1019551" spans="14:14">
      <c r="N1019551" s="10"/>
    </row>
    <row r="1019552" spans="14:14">
      <c r="N1019552" s="10"/>
    </row>
    <row r="1019553" spans="14:14">
      <c r="N1019553" s="10"/>
    </row>
    <row r="1019554" spans="14:14">
      <c r="N1019554" s="10"/>
    </row>
    <row r="1019555" spans="14:14">
      <c r="N1019555" s="10"/>
    </row>
    <row r="1019556" spans="14:14">
      <c r="N1019556" s="10"/>
    </row>
    <row r="1019557" spans="14:14">
      <c r="N1019557" s="10"/>
    </row>
    <row r="1019558" spans="14:14">
      <c r="N1019558" s="10"/>
    </row>
    <row r="1019559" spans="14:14">
      <c r="N1019559" s="10"/>
    </row>
    <row r="1019560" spans="14:14">
      <c r="N1019560" s="10"/>
    </row>
    <row r="1019561" spans="14:14">
      <c r="N1019561" s="10"/>
    </row>
    <row r="1019562" spans="14:14">
      <c r="N1019562" s="10"/>
    </row>
    <row r="1019563" spans="14:14">
      <c r="N1019563" s="10"/>
    </row>
    <row r="1019564" spans="14:14">
      <c r="N1019564" s="10"/>
    </row>
    <row r="1019565" spans="14:14">
      <c r="N1019565" s="10"/>
    </row>
    <row r="1019566" spans="14:14">
      <c r="N1019566" s="10"/>
    </row>
    <row r="1019567" spans="14:14">
      <c r="N1019567" s="10"/>
    </row>
    <row r="1019568" spans="14:14">
      <c r="N1019568" s="10"/>
    </row>
    <row r="1019569" spans="14:14">
      <c r="N1019569" s="10"/>
    </row>
    <row r="1019570" spans="14:14">
      <c r="N1019570" s="10"/>
    </row>
    <row r="1019571" spans="14:14">
      <c r="N1019571" s="10"/>
    </row>
    <row r="1019572" spans="14:14">
      <c r="N1019572" s="10"/>
    </row>
    <row r="1019573" spans="14:14">
      <c r="N1019573" s="10"/>
    </row>
    <row r="1019574" spans="14:14">
      <c r="N1019574" s="10"/>
    </row>
    <row r="1019575" spans="14:14">
      <c r="N1019575" s="10"/>
    </row>
    <row r="1019576" spans="14:14">
      <c r="N1019576" s="10"/>
    </row>
    <row r="1019577" spans="14:14">
      <c r="N1019577" s="10"/>
    </row>
    <row r="1019578" spans="14:14">
      <c r="N1019578" s="10"/>
    </row>
    <row r="1019579" spans="14:14">
      <c r="N1019579" s="10"/>
    </row>
    <row r="1019580" spans="14:14">
      <c r="N1019580" s="10"/>
    </row>
    <row r="1019581" spans="14:14">
      <c r="N1019581" s="10"/>
    </row>
    <row r="1019582" spans="14:14">
      <c r="N1019582" s="10"/>
    </row>
    <row r="1019583" spans="14:14">
      <c r="N1019583" s="10"/>
    </row>
    <row r="1019584" spans="14:14">
      <c r="N1019584" s="10"/>
    </row>
    <row r="1019585" spans="14:14">
      <c r="N1019585" s="10"/>
    </row>
    <row r="1019586" spans="14:14">
      <c r="N1019586" s="10"/>
    </row>
    <row r="1019587" spans="14:14">
      <c r="N1019587" s="10"/>
    </row>
    <row r="1019588" spans="14:14">
      <c r="N1019588" s="10"/>
    </row>
    <row r="1019589" spans="14:14">
      <c r="N1019589" s="10"/>
    </row>
    <row r="1019590" spans="14:14">
      <c r="N1019590" s="10"/>
    </row>
    <row r="1019591" spans="14:14">
      <c r="N1019591" s="10"/>
    </row>
    <row r="1019592" spans="14:14">
      <c r="N1019592" s="10"/>
    </row>
    <row r="1019593" spans="14:14">
      <c r="N1019593" s="10"/>
    </row>
    <row r="1019594" spans="14:14">
      <c r="N1019594" s="10"/>
    </row>
    <row r="1019595" spans="14:14">
      <c r="N1019595" s="10"/>
    </row>
    <row r="1019596" spans="14:14">
      <c r="N1019596" s="10"/>
    </row>
    <row r="1019597" spans="14:14">
      <c r="N1019597" s="10"/>
    </row>
    <row r="1019598" spans="14:14">
      <c r="N1019598" s="10"/>
    </row>
    <row r="1019599" spans="14:14">
      <c r="N1019599" s="10"/>
    </row>
    <row r="1019600" spans="14:14">
      <c r="N1019600" s="10"/>
    </row>
    <row r="1019601" spans="14:14">
      <c r="N1019601" s="10"/>
    </row>
    <row r="1019602" spans="14:14">
      <c r="N1019602" s="10"/>
    </row>
    <row r="1019603" spans="14:14">
      <c r="N1019603" s="10"/>
    </row>
    <row r="1019604" spans="14:14">
      <c r="N1019604" s="10"/>
    </row>
    <row r="1019605" spans="14:14">
      <c r="N1019605" s="10"/>
    </row>
    <row r="1019606" spans="14:14">
      <c r="N1019606" s="10"/>
    </row>
    <row r="1019607" spans="14:14">
      <c r="N1019607" s="10"/>
    </row>
    <row r="1019608" spans="14:14">
      <c r="N1019608" s="10"/>
    </row>
    <row r="1019609" spans="14:14">
      <c r="N1019609" s="10"/>
    </row>
    <row r="1019610" spans="14:14">
      <c r="N1019610" s="10"/>
    </row>
    <row r="1019611" spans="14:14">
      <c r="N1019611" s="10"/>
    </row>
    <row r="1019612" spans="14:14">
      <c r="N1019612" s="10"/>
    </row>
    <row r="1019613" spans="14:14">
      <c r="N1019613" s="10"/>
    </row>
    <row r="1019614" spans="14:14">
      <c r="N1019614" s="10"/>
    </row>
    <row r="1019615" spans="14:14">
      <c r="N1019615" s="10"/>
    </row>
    <row r="1019616" spans="14:14">
      <c r="N1019616" s="10"/>
    </row>
    <row r="1019617" spans="14:14">
      <c r="N1019617" s="10"/>
    </row>
    <row r="1019618" spans="14:14">
      <c r="N1019618" s="10"/>
    </row>
    <row r="1019619" spans="14:14">
      <c r="N1019619" s="10"/>
    </row>
    <row r="1019620" spans="14:14">
      <c r="N1019620" s="10"/>
    </row>
    <row r="1019621" spans="14:14">
      <c r="N1019621" s="10"/>
    </row>
    <row r="1019622" spans="14:14">
      <c r="N1019622" s="10"/>
    </row>
    <row r="1019623" spans="14:14">
      <c r="N1019623" s="10"/>
    </row>
    <row r="1019624" spans="14:14">
      <c r="N1019624" s="10"/>
    </row>
    <row r="1019625" spans="14:14">
      <c r="N1019625" s="10"/>
    </row>
    <row r="1019626" spans="14:14">
      <c r="N1019626" s="10"/>
    </row>
    <row r="1019627" spans="14:14">
      <c r="N1019627" s="10"/>
    </row>
    <row r="1019628" spans="14:14">
      <c r="N1019628" s="10"/>
    </row>
    <row r="1019629" spans="14:14">
      <c r="N1019629" s="10"/>
    </row>
    <row r="1019630" spans="14:14">
      <c r="N1019630" s="10"/>
    </row>
    <row r="1019631" spans="14:14">
      <c r="N1019631" s="10"/>
    </row>
    <row r="1019632" spans="14:14">
      <c r="N1019632" s="10"/>
    </row>
    <row r="1019633" spans="14:14">
      <c r="N1019633" s="10"/>
    </row>
    <row r="1019634" spans="14:14">
      <c r="N1019634" s="10"/>
    </row>
    <row r="1019635" spans="14:14">
      <c r="N1019635" s="10"/>
    </row>
    <row r="1019636" spans="14:14">
      <c r="N1019636" s="10"/>
    </row>
    <row r="1019637" spans="14:14">
      <c r="N1019637" s="10"/>
    </row>
    <row r="1019638" spans="14:14">
      <c r="N1019638" s="10"/>
    </row>
    <row r="1019639" spans="14:14">
      <c r="N1019639" s="10"/>
    </row>
    <row r="1019640" spans="14:14">
      <c r="N1019640" s="10"/>
    </row>
    <row r="1019641" spans="14:14">
      <c r="N1019641" s="10"/>
    </row>
    <row r="1019642" spans="14:14">
      <c r="N1019642" s="10"/>
    </row>
    <row r="1019643" spans="14:14">
      <c r="N1019643" s="10"/>
    </row>
    <row r="1019644" spans="14:14">
      <c r="N1019644" s="10"/>
    </row>
    <row r="1019645" spans="14:14">
      <c r="N1019645" s="10"/>
    </row>
    <row r="1019646" spans="14:14">
      <c r="N1019646" s="10"/>
    </row>
    <row r="1019647" spans="14:14">
      <c r="N1019647" s="10"/>
    </row>
    <row r="1019648" spans="14:14">
      <c r="N1019648" s="10"/>
    </row>
    <row r="1019649" spans="14:14">
      <c r="N1019649" s="10"/>
    </row>
    <row r="1019650" spans="14:14">
      <c r="N1019650" s="10"/>
    </row>
    <row r="1019651" spans="14:14">
      <c r="N1019651" s="10"/>
    </row>
    <row r="1019652" spans="14:14">
      <c r="N1019652" s="10"/>
    </row>
    <row r="1019653" spans="14:14">
      <c r="N1019653" s="10"/>
    </row>
    <row r="1019654" spans="14:14">
      <c r="N1019654" s="10"/>
    </row>
    <row r="1019655" spans="14:14">
      <c r="N1019655" s="10"/>
    </row>
    <row r="1019656" spans="14:14">
      <c r="N1019656" s="10"/>
    </row>
    <row r="1019657" spans="14:14">
      <c r="N1019657" s="10"/>
    </row>
    <row r="1019658" spans="14:14">
      <c r="N1019658" s="10"/>
    </row>
    <row r="1019659" spans="14:14">
      <c r="N1019659" s="10"/>
    </row>
    <row r="1019660" spans="14:14">
      <c r="N1019660" s="10"/>
    </row>
    <row r="1019661" spans="14:14">
      <c r="N1019661" s="10"/>
    </row>
    <row r="1019662" spans="14:14">
      <c r="N1019662" s="10"/>
    </row>
    <row r="1019663" spans="14:14">
      <c r="N1019663" s="10"/>
    </row>
    <row r="1019664" spans="14:14">
      <c r="N1019664" s="10"/>
    </row>
    <row r="1019665" spans="14:14">
      <c r="N1019665" s="10"/>
    </row>
    <row r="1019666" spans="14:14">
      <c r="N1019666" s="10"/>
    </row>
    <row r="1019667" spans="14:14">
      <c r="N1019667" s="10"/>
    </row>
    <row r="1019668" spans="14:14">
      <c r="N1019668" s="10"/>
    </row>
    <row r="1019669" spans="14:14">
      <c r="N1019669" s="10"/>
    </row>
    <row r="1019670" spans="14:14">
      <c r="N1019670" s="10"/>
    </row>
    <row r="1019671" spans="14:14">
      <c r="N1019671" s="10"/>
    </row>
    <row r="1019672" spans="14:14">
      <c r="N1019672" s="10"/>
    </row>
    <row r="1019673" spans="14:14">
      <c r="N1019673" s="10"/>
    </row>
    <row r="1019674" spans="14:14">
      <c r="N1019674" s="10"/>
    </row>
    <row r="1019675" spans="14:14">
      <c r="N1019675" s="10"/>
    </row>
    <row r="1019676" spans="14:14">
      <c r="N1019676" s="10"/>
    </row>
    <row r="1019677" spans="14:14">
      <c r="N1019677" s="10"/>
    </row>
    <row r="1019678" spans="14:14">
      <c r="N1019678" s="10"/>
    </row>
    <row r="1019679" spans="14:14">
      <c r="N1019679" s="10"/>
    </row>
    <row r="1019680" spans="14:14">
      <c r="N1019680" s="10"/>
    </row>
    <row r="1019681" spans="14:14">
      <c r="N1019681" s="10"/>
    </row>
    <row r="1019682" spans="14:14">
      <c r="N1019682" s="10"/>
    </row>
    <row r="1019683" spans="14:14">
      <c r="N1019683" s="10"/>
    </row>
    <row r="1019684" spans="14:14">
      <c r="N1019684" s="10"/>
    </row>
    <row r="1019685" spans="14:14">
      <c r="N1019685" s="10"/>
    </row>
    <row r="1019686" spans="14:14">
      <c r="N1019686" s="10"/>
    </row>
    <row r="1019687" spans="14:14">
      <c r="N1019687" s="10"/>
    </row>
    <row r="1019688" spans="14:14">
      <c r="N1019688" s="10"/>
    </row>
    <row r="1019689" spans="14:14">
      <c r="N1019689" s="10"/>
    </row>
    <row r="1019690" spans="14:14">
      <c r="N1019690" s="10"/>
    </row>
    <row r="1019691" spans="14:14">
      <c r="N1019691" s="10"/>
    </row>
    <row r="1019692" spans="14:14">
      <c r="N1019692" s="10"/>
    </row>
    <row r="1019693" spans="14:14">
      <c r="N1019693" s="10"/>
    </row>
    <row r="1019694" spans="14:14">
      <c r="N1019694" s="10"/>
    </row>
    <row r="1019695" spans="14:14">
      <c r="N1019695" s="10"/>
    </row>
    <row r="1019696" spans="14:14">
      <c r="N1019696" s="10"/>
    </row>
    <row r="1019697" spans="14:14">
      <c r="N1019697" s="10"/>
    </row>
    <row r="1019698" spans="14:14">
      <c r="N1019698" s="10"/>
    </row>
    <row r="1019699" spans="14:14">
      <c r="N1019699" s="10"/>
    </row>
    <row r="1019700" spans="14:14">
      <c r="N1019700" s="10"/>
    </row>
    <row r="1019701" spans="14:14">
      <c r="N1019701" s="10"/>
    </row>
    <row r="1019702" spans="14:14">
      <c r="N1019702" s="10"/>
    </row>
    <row r="1019703" spans="14:14">
      <c r="N1019703" s="10"/>
    </row>
    <row r="1019704" spans="14:14">
      <c r="N1019704" s="10"/>
    </row>
    <row r="1019705" spans="14:14">
      <c r="N1019705" s="10"/>
    </row>
    <row r="1019706" spans="14:14">
      <c r="N1019706" s="10"/>
    </row>
    <row r="1019707" spans="14:14">
      <c r="N1019707" s="10"/>
    </row>
    <row r="1019708" spans="14:14">
      <c r="N1019708" s="10"/>
    </row>
    <row r="1019709" spans="14:14">
      <c r="N1019709" s="10"/>
    </row>
    <row r="1019710" spans="14:14">
      <c r="N1019710" s="10"/>
    </row>
    <row r="1019711" spans="14:14">
      <c r="N1019711" s="10"/>
    </row>
    <row r="1019712" spans="14:14">
      <c r="N1019712" s="10"/>
    </row>
    <row r="1019713" spans="14:14">
      <c r="N1019713" s="10"/>
    </row>
    <row r="1019714" spans="14:14">
      <c r="N1019714" s="10"/>
    </row>
    <row r="1019715" spans="14:14">
      <c r="N1019715" s="10"/>
    </row>
    <row r="1019716" spans="14:14">
      <c r="N1019716" s="10"/>
    </row>
    <row r="1019717" spans="14:14">
      <c r="N1019717" s="10"/>
    </row>
    <row r="1019718" spans="14:14">
      <c r="N1019718" s="10"/>
    </row>
    <row r="1019719" spans="14:14">
      <c r="N1019719" s="10"/>
    </row>
    <row r="1019720" spans="14:14">
      <c r="N1019720" s="10"/>
    </row>
    <row r="1019721" spans="14:14">
      <c r="N1019721" s="10"/>
    </row>
    <row r="1019722" spans="14:14">
      <c r="N1019722" s="10"/>
    </row>
    <row r="1019723" spans="14:14">
      <c r="N1019723" s="10"/>
    </row>
    <row r="1019724" spans="14:14">
      <c r="N1019724" s="10"/>
    </row>
    <row r="1019725" spans="14:14">
      <c r="N1019725" s="10"/>
    </row>
    <row r="1019726" spans="14:14">
      <c r="N1019726" s="10"/>
    </row>
    <row r="1019727" spans="14:14">
      <c r="N1019727" s="10"/>
    </row>
    <row r="1019728" spans="14:14">
      <c r="N1019728" s="10"/>
    </row>
    <row r="1019729" spans="14:14">
      <c r="N1019729" s="10"/>
    </row>
    <row r="1019730" spans="14:14">
      <c r="N1019730" s="10"/>
    </row>
    <row r="1019731" spans="14:14">
      <c r="N1019731" s="10"/>
    </row>
    <row r="1019732" spans="14:14">
      <c r="N1019732" s="10"/>
    </row>
    <row r="1019733" spans="14:14">
      <c r="N1019733" s="10"/>
    </row>
    <row r="1019734" spans="14:14">
      <c r="N1019734" s="10"/>
    </row>
    <row r="1019735" spans="14:14">
      <c r="N1019735" s="10"/>
    </row>
    <row r="1019736" spans="14:14">
      <c r="N1019736" s="10"/>
    </row>
    <row r="1019737" spans="14:14">
      <c r="N1019737" s="10"/>
    </row>
    <row r="1019738" spans="14:14">
      <c r="N1019738" s="10"/>
    </row>
    <row r="1019739" spans="14:14">
      <c r="N1019739" s="10"/>
    </row>
    <row r="1019740" spans="14:14">
      <c r="N1019740" s="10"/>
    </row>
    <row r="1019741" spans="14:14">
      <c r="N1019741" s="10"/>
    </row>
    <row r="1019742" spans="14:14">
      <c r="N1019742" s="10"/>
    </row>
    <row r="1019743" spans="14:14">
      <c r="N1019743" s="10"/>
    </row>
    <row r="1019744" spans="14:14">
      <c r="N1019744" s="10"/>
    </row>
    <row r="1019745" spans="14:14">
      <c r="N1019745" s="10"/>
    </row>
    <row r="1019746" spans="14:14">
      <c r="N1019746" s="10"/>
    </row>
    <row r="1019747" spans="14:14">
      <c r="N1019747" s="10"/>
    </row>
    <row r="1019748" spans="14:14">
      <c r="N1019748" s="10"/>
    </row>
    <row r="1019749" spans="14:14">
      <c r="N1019749" s="10"/>
    </row>
    <row r="1019750" spans="14:14">
      <c r="N1019750" s="10"/>
    </row>
    <row r="1019751" spans="14:14">
      <c r="N1019751" s="10"/>
    </row>
    <row r="1019752" spans="14:14">
      <c r="N1019752" s="10"/>
    </row>
    <row r="1019753" spans="14:14">
      <c r="N1019753" s="10"/>
    </row>
    <row r="1019754" spans="14:14">
      <c r="N1019754" s="10"/>
    </row>
    <row r="1019755" spans="14:14">
      <c r="N1019755" s="10"/>
    </row>
    <row r="1019756" spans="14:14">
      <c r="N1019756" s="10"/>
    </row>
    <row r="1019757" spans="14:14">
      <c r="N1019757" s="10"/>
    </row>
    <row r="1019758" spans="14:14">
      <c r="N1019758" s="10"/>
    </row>
    <row r="1019759" spans="14:14">
      <c r="N1019759" s="10"/>
    </row>
    <row r="1019760" spans="14:14">
      <c r="N1019760" s="10"/>
    </row>
    <row r="1019761" spans="14:14">
      <c r="N1019761" s="10"/>
    </row>
    <row r="1019762" spans="14:14">
      <c r="N1019762" s="10"/>
    </row>
    <row r="1019763" spans="14:14">
      <c r="N1019763" s="10"/>
    </row>
    <row r="1019764" spans="14:14">
      <c r="N1019764" s="10"/>
    </row>
    <row r="1019765" spans="14:14">
      <c r="N1019765" s="10"/>
    </row>
    <row r="1019766" spans="14:14">
      <c r="N1019766" s="10"/>
    </row>
    <row r="1019767" spans="14:14">
      <c r="N1019767" s="10"/>
    </row>
    <row r="1019768" spans="14:14">
      <c r="N1019768" s="10"/>
    </row>
    <row r="1019769" spans="14:14">
      <c r="N1019769" s="10"/>
    </row>
    <row r="1019770" spans="14:14">
      <c r="N1019770" s="10"/>
    </row>
    <row r="1019771" spans="14:14">
      <c r="N1019771" s="10"/>
    </row>
    <row r="1019772" spans="14:14">
      <c r="N1019772" s="10"/>
    </row>
    <row r="1019773" spans="14:14">
      <c r="N1019773" s="10"/>
    </row>
    <row r="1019774" spans="14:14">
      <c r="N1019774" s="10"/>
    </row>
    <row r="1019775" spans="14:14">
      <c r="N1019775" s="10"/>
    </row>
    <row r="1019776" spans="14:14">
      <c r="N1019776" s="10"/>
    </row>
    <row r="1019777" spans="14:14">
      <c r="N1019777" s="10"/>
    </row>
    <row r="1019778" spans="14:14">
      <c r="N1019778" s="10"/>
    </row>
    <row r="1019779" spans="14:14">
      <c r="N1019779" s="10"/>
    </row>
    <row r="1019780" spans="14:14">
      <c r="N1019780" s="10"/>
    </row>
    <row r="1019781" spans="14:14">
      <c r="N1019781" s="10"/>
    </row>
    <row r="1019782" spans="14:14">
      <c r="N1019782" s="10"/>
    </row>
    <row r="1019783" spans="14:14">
      <c r="N1019783" s="10"/>
    </row>
    <row r="1019784" spans="14:14">
      <c r="N1019784" s="10"/>
    </row>
    <row r="1019785" spans="14:14">
      <c r="N1019785" s="10"/>
    </row>
    <row r="1019786" spans="14:14">
      <c r="N1019786" s="10"/>
    </row>
    <row r="1019787" spans="14:14">
      <c r="N1019787" s="10"/>
    </row>
    <row r="1019788" spans="14:14">
      <c r="N1019788" s="10"/>
    </row>
    <row r="1019789" spans="14:14">
      <c r="N1019789" s="10"/>
    </row>
    <row r="1019790" spans="14:14">
      <c r="N1019790" s="10"/>
    </row>
    <row r="1019791" spans="14:14">
      <c r="N1019791" s="10"/>
    </row>
    <row r="1019792" spans="14:14">
      <c r="N1019792" s="10"/>
    </row>
    <row r="1019793" spans="14:14">
      <c r="N1019793" s="10"/>
    </row>
    <row r="1019794" spans="14:14">
      <c r="N1019794" s="10"/>
    </row>
    <row r="1019795" spans="14:14">
      <c r="N1019795" s="10"/>
    </row>
    <row r="1019796" spans="14:14">
      <c r="N1019796" s="10"/>
    </row>
    <row r="1019797" spans="14:14">
      <c r="N1019797" s="10"/>
    </row>
    <row r="1019798" spans="14:14">
      <c r="N1019798" s="10"/>
    </row>
    <row r="1019799" spans="14:14">
      <c r="N1019799" s="10"/>
    </row>
    <row r="1019800" spans="14:14">
      <c r="N1019800" s="10"/>
    </row>
    <row r="1019801" spans="14:14">
      <c r="N1019801" s="10"/>
    </row>
    <row r="1019802" spans="14:14">
      <c r="N1019802" s="10"/>
    </row>
    <row r="1019803" spans="14:14">
      <c r="N1019803" s="10"/>
    </row>
    <row r="1019804" spans="14:14">
      <c r="N1019804" s="10"/>
    </row>
    <row r="1019805" spans="14:14">
      <c r="N1019805" s="10"/>
    </row>
    <row r="1019806" spans="14:14">
      <c r="N1019806" s="10"/>
    </row>
    <row r="1019807" spans="14:14">
      <c r="N1019807" s="10"/>
    </row>
    <row r="1019808" spans="14:14">
      <c r="N1019808" s="10"/>
    </row>
    <row r="1019809" spans="14:14">
      <c r="N1019809" s="10"/>
    </row>
    <row r="1019810" spans="14:14">
      <c r="N1019810" s="10"/>
    </row>
    <row r="1019811" spans="14:14">
      <c r="N1019811" s="10"/>
    </row>
    <row r="1019812" spans="14:14">
      <c r="N1019812" s="10"/>
    </row>
    <row r="1019813" spans="14:14">
      <c r="N1019813" s="10"/>
    </row>
    <row r="1019814" spans="14:14">
      <c r="N1019814" s="10"/>
    </row>
    <row r="1019815" spans="14:14">
      <c r="N1019815" s="10"/>
    </row>
    <row r="1019816" spans="14:14">
      <c r="N1019816" s="10"/>
    </row>
    <row r="1019817" spans="14:14">
      <c r="N1019817" s="10"/>
    </row>
    <row r="1019818" spans="14:14">
      <c r="N1019818" s="10"/>
    </row>
    <row r="1019819" spans="14:14">
      <c r="N1019819" s="10"/>
    </row>
    <row r="1019820" spans="14:14">
      <c r="N1019820" s="10"/>
    </row>
    <row r="1019821" spans="14:14">
      <c r="N1019821" s="10"/>
    </row>
    <row r="1019822" spans="14:14">
      <c r="N1019822" s="10"/>
    </row>
    <row r="1019823" spans="14:14">
      <c r="N1019823" s="10"/>
    </row>
    <row r="1019824" spans="14:14">
      <c r="N1019824" s="10"/>
    </row>
    <row r="1019825" spans="14:14">
      <c r="N1019825" s="10"/>
    </row>
    <row r="1019826" spans="14:14">
      <c r="N1019826" s="10"/>
    </row>
    <row r="1019827" spans="14:14">
      <c r="N1019827" s="10"/>
    </row>
    <row r="1019828" spans="14:14">
      <c r="N1019828" s="10"/>
    </row>
    <row r="1019829" spans="14:14">
      <c r="N1019829" s="10"/>
    </row>
    <row r="1019830" spans="14:14">
      <c r="N1019830" s="10"/>
    </row>
    <row r="1019831" spans="14:14">
      <c r="N1019831" s="10"/>
    </row>
    <row r="1019832" spans="14:14">
      <c r="N1019832" s="10"/>
    </row>
    <row r="1019833" spans="14:14">
      <c r="N1019833" s="10"/>
    </row>
    <row r="1019834" spans="14:14">
      <c r="N1019834" s="10"/>
    </row>
    <row r="1019835" spans="14:14">
      <c r="N1019835" s="10"/>
    </row>
    <row r="1019836" spans="14:14">
      <c r="N1019836" s="10"/>
    </row>
    <row r="1019837" spans="14:14">
      <c r="N1019837" s="10"/>
    </row>
    <row r="1019838" spans="14:14">
      <c r="N1019838" s="10"/>
    </row>
    <row r="1019839" spans="14:14">
      <c r="N1019839" s="10"/>
    </row>
    <row r="1019840" spans="14:14">
      <c r="N1019840" s="10"/>
    </row>
    <row r="1019841" spans="14:14">
      <c r="N1019841" s="10"/>
    </row>
    <row r="1019842" spans="14:14">
      <c r="N1019842" s="10"/>
    </row>
    <row r="1019843" spans="14:14">
      <c r="N1019843" s="10"/>
    </row>
    <row r="1019844" spans="14:14">
      <c r="N1019844" s="10"/>
    </row>
    <row r="1019845" spans="14:14">
      <c r="N1019845" s="10"/>
    </row>
    <row r="1019846" spans="14:14">
      <c r="N1019846" s="10"/>
    </row>
    <row r="1019847" spans="14:14">
      <c r="N1019847" s="10"/>
    </row>
    <row r="1019848" spans="14:14">
      <c r="N1019848" s="10"/>
    </row>
    <row r="1019849" spans="14:14">
      <c r="N1019849" s="10"/>
    </row>
    <row r="1019850" spans="14:14">
      <c r="N1019850" s="10"/>
    </row>
    <row r="1019851" spans="14:14">
      <c r="N1019851" s="10"/>
    </row>
    <row r="1019852" spans="14:14">
      <c r="N1019852" s="10"/>
    </row>
    <row r="1019853" spans="14:14">
      <c r="N1019853" s="10"/>
    </row>
    <row r="1019854" spans="14:14">
      <c r="N1019854" s="10"/>
    </row>
    <row r="1019855" spans="14:14">
      <c r="N1019855" s="10"/>
    </row>
    <row r="1019856" spans="14:14">
      <c r="N1019856" s="10"/>
    </row>
    <row r="1019857" spans="14:14">
      <c r="N1019857" s="10"/>
    </row>
    <row r="1019858" spans="14:14">
      <c r="N1019858" s="10"/>
    </row>
    <row r="1019859" spans="14:14">
      <c r="N1019859" s="10"/>
    </row>
    <row r="1019860" spans="14:14">
      <c r="N1019860" s="10"/>
    </row>
    <row r="1019861" spans="14:14">
      <c r="N1019861" s="10"/>
    </row>
    <row r="1019862" spans="14:14">
      <c r="N1019862" s="10"/>
    </row>
    <row r="1019863" spans="14:14">
      <c r="N1019863" s="10"/>
    </row>
    <row r="1019864" spans="14:14">
      <c r="N1019864" s="10"/>
    </row>
    <row r="1019865" spans="14:14">
      <c r="N1019865" s="10"/>
    </row>
    <row r="1019866" spans="14:14">
      <c r="N1019866" s="10"/>
    </row>
    <row r="1019867" spans="14:14">
      <c r="N1019867" s="10"/>
    </row>
    <row r="1019868" spans="14:14">
      <c r="N1019868" s="10"/>
    </row>
    <row r="1019869" spans="14:14">
      <c r="N1019869" s="10"/>
    </row>
    <row r="1019870" spans="14:14">
      <c r="N1019870" s="10"/>
    </row>
    <row r="1019871" spans="14:14">
      <c r="N1019871" s="10"/>
    </row>
    <row r="1019872" spans="14:14">
      <c r="N1019872" s="10"/>
    </row>
    <row r="1019873" spans="14:14">
      <c r="N1019873" s="10"/>
    </row>
    <row r="1019874" spans="14:14">
      <c r="N1019874" s="10"/>
    </row>
    <row r="1019875" spans="14:14">
      <c r="N1019875" s="10"/>
    </row>
    <row r="1019876" spans="14:14">
      <c r="N1019876" s="10"/>
    </row>
    <row r="1019877" spans="14:14">
      <c r="N1019877" s="10"/>
    </row>
    <row r="1019878" spans="14:14">
      <c r="N1019878" s="10"/>
    </row>
    <row r="1019879" spans="14:14">
      <c r="N1019879" s="10"/>
    </row>
    <row r="1019880" spans="14:14">
      <c r="N1019880" s="10"/>
    </row>
    <row r="1019881" spans="14:14">
      <c r="N1019881" s="10"/>
    </row>
    <row r="1019882" spans="14:14">
      <c r="N1019882" s="10"/>
    </row>
    <row r="1019883" spans="14:14">
      <c r="N1019883" s="10"/>
    </row>
    <row r="1019884" spans="14:14">
      <c r="N1019884" s="10"/>
    </row>
    <row r="1019885" spans="14:14">
      <c r="N1019885" s="10"/>
    </row>
    <row r="1019886" spans="14:14">
      <c r="N1019886" s="10"/>
    </row>
    <row r="1019887" spans="14:14">
      <c r="N1019887" s="10"/>
    </row>
    <row r="1019888" spans="14:14">
      <c r="N1019888" s="10"/>
    </row>
    <row r="1019889" spans="14:14">
      <c r="N1019889" s="10"/>
    </row>
    <row r="1019890" spans="14:14">
      <c r="N1019890" s="10"/>
    </row>
    <row r="1019891" spans="14:14">
      <c r="N1019891" s="10"/>
    </row>
    <row r="1019892" spans="14:14">
      <c r="N1019892" s="10"/>
    </row>
    <row r="1019893" spans="14:14">
      <c r="N1019893" s="10"/>
    </row>
    <row r="1019894" spans="14:14">
      <c r="N1019894" s="10"/>
    </row>
    <row r="1019895" spans="14:14">
      <c r="N1019895" s="10"/>
    </row>
    <row r="1019896" spans="14:14">
      <c r="N1019896" s="10"/>
    </row>
    <row r="1019897" spans="14:14">
      <c r="N1019897" s="10"/>
    </row>
    <row r="1019898" spans="14:14">
      <c r="N1019898" s="10"/>
    </row>
    <row r="1019899" spans="14:14">
      <c r="N1019899" s="10"/>
    </row>
    <row r="1019900" spans="14:14">
      <c r="N1019900" s="10"/>
    </row>
    <row r="1019901" spans="14:14">
      <c r="N1019901" s="10"/>
    </row>
    <row r="1019902" spans="14:14">
      <c r="N1019902" s="10"/>
    </row>
    <row r="1019903" spans="14:14">
      <c r="N1019903" s="10"/>
    </row>
    <row r="1019904" spans="14:14">
      <c r="N1019904" s="10"/>
    </row>
    <row r="1019905" spans="14:14">
      <c r="N1019905" s="10"/>
    </row>
    <row r="1019906" spans="14:14">
      <c r="N1019906" s="10"/>
    </row>
    <row r="1019907" spans="14:14">
      <c r="N1019907" s="10"/>
    </row>
    <row r="1019908" spans="14:14">
      <c r="N1019908" s="10"/>
    </row>
    <row r="1019909" spans="14:14">
      <c r="N1019909" s="10"/>
    </row>
    <row r="1019910" spans="14:14">
      <c r="N1019910" s="10"/>
    </row>
    <row r="1019911" spans="14:14">
      <c r="N1019911" s="10"/>
    </row>
    <row r="1019912" spans="14:14">
      <c r="N1019912" s="10"/>
    </row>
    <row r="1019913" spans="14:14">
      <c r="N1019913" s="10"/>
    </row>
    <row r="1019914" spans="14:14">
      <c r="N1019914" s="10"/>
    </row>
    <row r="1019915" spans="14:14">
      <c r="N1019915" s="10"/>
    </row>
    <row r="1019916" spans="14:14">
      <c r="N1019916" s="10"/>
    </row>
    <row r="1019917" spans="14:14">
      <c r="N1019917" s="10"/>
    </row>
    <row r="1019918" spans="14:14">
      <c r="N1019918" s="10"/>
    </row>
    <row r="1019919" spans="14:14">
      <c r="N1019919" s="10"/>
    </row>
    <row r="1019920" spans="14:14">
      <c r="N1019920" s="10"/>
    </row>
    <row r="1019921" spans="14:14">
      <c r="N1019921" s="10"/>
    </row>
    <row r="1019922" spans="14:14">
      <c r="N1019922" s="10"/>
    </row>
    <row r="1019923" spans="14:14">
      <c r="N1019923" s="10"/>
    </row>
    <row r="1019924" spans="14:14">
      <c r="N1019924" s="10"/>
    </row>
    <row r="1019925" spans="14:14">
      <c r="N1019925" s="10"/>
    </row>
    <row r="1019926" spans="14:14">
      <c r="N1019926" s="10"/>
    </row>
    <row r="1019927" spans="14:14">
      <c r="N1019927" s="10"/>
    </row>
    <row r="1019928" spans="14:14">
      <c r="N1019928" s="10"/>
    </row>
    <row r="1019929" spans="14:14">
      <c r="N1019929" s="10"/>
    </row>
    <row r="1019930" spans="14:14">
      <c r="N1019930" s="10"/>
    </row>
    <row r="1019931" spans="14:14">
      <c r="N1019931" s="10"/>
    </row>
    <row r="1019932" spans="14:14">
      <c r="N1019932" s="10"/>
    </row>
    <row r="1019933" spans="14:14">
      <c r="N1019933" s="10"/>
    </row>
    <row r="1019934" spans="14:14">
      <c r="N1019934" s="10"/>
    </row>
    <row r="1019935" spans="14:14">
      <c r="N1019935" s="10"/>
    </row>
    <row r="1019936" spans="14:14">
      <c r="N1019936" s="10"/>
    </row>
    <row r="1019937" spans="14:14">
      <c r="N1019937" s="10"/>
    </row>
    <row r="1019938" spans="14:14">
      <c r="N1019938" s="10"/>
    </row>
    <row r="1019939" spans="14:14">
      <c r="N1019939" s="10"/>
    </row>
    <row r="1019940" spans="14:14">
      <c r="N1019940" s="10"/>
    </row>
    <row r="1019941" spans="14:14">
      <c r="N1019941" s="10"/>
    </row>
    <row r="1019942" spans="14:14">
      <c r="N1019942" s="10"/>
    </row>
    <row r="1019943" spans="14:14">
      <c r="N1019943" s="10"/>
    </row>
    <row r="1019944" spans="14:14">
      <c r="N1019944" s="10"/>
    </row>
    <row r="1019945" spans="14:14">
      <c r="N1019945" s="10"/>
    </row>
    <row r="1019946" spans="14:14">
      <c r="N1019946" s="10"/>
    </row>
    <row r="1019947" spans="14:14">
      <c r="N1019947" s="10"/>
    </row>
    <row r="1019948" spans="14:14">
      <c r="N1019948" s="10"/>
    </row>
    <row r="1019949" spans="14:14">
      <c r="N1019949" s="10"/>
    </row>
    <row r="1019950" spans="14:14">
      <c r="N1019950" s="10"/>
    </row>
    <row r="1019951" spans="14:14">
      <c r="N1019951" s="10"/>
    </row>
    <row r="1019952" spans="14:14">
      <c r="N1019952" s="10"/>
    </row>
    <row r="1019953" spans="14:14">
      <c r="N1019953" s="10"/>
    </row>
    <row r="1019954" spans="14:14">
      <c r="N1019954" s="10"/>
    </row>
    <row r="1019955" spans="14:14">
      <c r="N1019955" s="10"/>
    </row>
    <row r="1019956" spans="14:14">
      <c r="N1019956" s="10"/>
    </row>
    <row r="1019957" spans="14:14">
      <c r="N1019957" s="10"/>
    </row>
    <row r="1019958" spans="14:14">
      <c r="N1019958" s="10"/>
    </row>
    <row r="1019959" spans="14:14">
      <c r="N1019959" s="10"/>
    </row>
    <row r="1019960" spans="14:14">
      <c r="N1019960" s="10"/>
    </row>
    <row r="1019961" spans="14:14">
      <c r="N1019961" s="10"/>
    </row>
    <row r="1019962" spans="14:14">
      <c r="N1019962" s="10"/>
    </row>
    <row r="1019963" spans="14:14">
      <c r="N1019963" s="10"/>
    </row>
    <row r="1019964" spans="14:14">
      <c r="N1019964" s="10"/>
    </row>
    <row r="1019965" spans="14:14">
      <c r="N1019965" s="10"/>
    </row>
    <row r="1019966" spans="14:14">
      <c r="N1019966" s="10"/>
    </row>
    <row r="1019967" spans="14:14">
      <c r="N1019967" s="10"/>
    </row>
    <row r="1019968" spans="14:14">
      <c r="N1019968" s="10"/>
    </row>
    <row r="1019969" spans="14:14">
      <c r="N1019969" s="10"/>
    </row>
    <row r="1019970" spans="14:14">
      <c r="N1019970" s="10"/>
    </row>
    <row r="1019971" spans="14:14">
      <c r="N1019971" s="10"/>
    </row>
    <row r="1019972" spans="14:14">
      <c r="N1019972" s="10"/>
    </row>
    <row r="1019973" spans="14:14">
      <c r="N1019973" s="10"/>
    </row>
    <row r="1019974" spans="14:14">
      <c r="N1019974" s="10"/>
    </row>
    <row r="1019975" spans="14:14">
      <c r="N1019975" s="10"/>
    </row>
    <row r="1019976" spans="14:14">
      <c r="N1019976" s="10"/>
    </row>
    <row r="1019977" spans="14:14">
      <c r="N1019977" s="10"/>
    </row>
    <row r="1019978" spans="14:14">
      <c r="N1019978" s="10"/>
    </row>
    <row r="1019979" spans="14:14">
      <c r="N1019979" s="10"/>
    </row>
    <row r="1019980" spans="14:14">
      <c r="N1019980" s="10"/>
    </row>
    <row r="1019981" spans="14:14">
      <c r="N1019981" s="10"/>
    </row>
    <row r="1019982" spans="14:14">
      <c r="N1019982" s="10"/>
    </row>
    <row r="1019983" spans="14:14">
      <c r="N1019983" s="10"/>
    </row>
    <row r="1019984" spans="14:14">
      <c r="N1019984" s="10"/>
    </row>
    <row r="1019985" spans="14:14">
      <c r="N1019985" s="10"/>
    </row>
    <row r="1019986" spans="14:14">
      <c r="N1019986" s="10"/>
    </row>
    <row r="1019987" spans="14:14">
      <c r="N1019987" s="10"/>
    </row>
    <row r="1019988" spans="14:14">
      <c r="N1019988" s="10"/>
    </row>
    <row r="1019989" spans="14:14">
      <c r="N1019989" s="10"/>
    </row>
    <row r="1019990" spans="14:14">
      <c r="N1019990" s="10"/>
    </row>
    <row r="1019991" spans="14:14">
      <c r="N1019991" s="10"/>
    </row>
    <row r="1019992" spans="14:14">
      <c r="N1019992" s="10"/>
    </row>
    <row r="1019993" spans="14:14">
      <c r="N1019993" s="10"/>
    </row>
    <row r="1019994" spans="14:14">
      <c r="N1019994" s="10"/>
    </row>
    <row r="1019995" spans="14:14">
      <c r="N1019995" s="10"/>
    </row>
    <row r="1019996" spans="14:14">
      <c r="N1019996" s="10"/>
    </row>
    <row r="1019997" spans="14:14">
      <c r="N1019997" s="10"/>
    </row>
    <row r="1019998" spans="14:14">
      <c r="N1019998" s="10"/>
    </row>
    <row r="1019999" spans="14:14">
      <c r="N1019999" s="10"/>
    </row>
    <row r="1020000" spans="14:14">
      <c r="N1020000" s="10"/>
    </row>
    <row r="1020001" spans="14:14">
      <c r="N1020001" s="10"/>
    </row>
    <row r="1020002" spans="14:14">
      <c r="N1020002" s="10"/>
    </row>
    <row r="1020003" spans="14:14">
      <c r="N1020003" s="10"/>
    </row>
    <row r="1020004" spans="14:14">
      <c r="N1020004" s="10"/>
    </row>
    <row r="1020005" spans="14:14">
      <c r="N1020005" s="10"/>
    </row>
    <row r="1020006" spans="14:14">
      <c r="N1020006" s="10"/>
    </row>
    <row r="1020007" spans="14:14">
      <c r="N1020007" s="10"/>
    </row>
    <row r="1020008" spans="14:14">
      <c r="N1020008" s="10"/>
    </row>
    <row r="1020009" spans="14:14">
      <c r="N1020009" s="10"/>
    </row>
    <row r="1020010" spans="14:14">
      <c r="N1020010" s="10"/>
    </row>
    <row r="1020011" spans="14:14">
      <c r="N1020011" s="10"/>
    </row>
    <row r="1020012" spans="14:14">
      <c r="N1020012" s="10"/>
    </row>
    <row r="1020013" spans="14:14">
      <c r="N1020013" s="10"/>
    </row>
    <row r="1020014" spans="14:14">
      <c r="N1020014" s="10"/>
    </row>
    <row r="1020015" spans="14:14">
      <c r="N1020015" s="10"/>
    </row>
    <row r="1020016" spans="14:14">
      <c r="N1020016" s="10"/>
    </row>
    <row r="1020017" spans="14:14">
      <c r="N1020017" s="10"/>
    </row>
    <row r="1020018" spans="14:14">
      <c r="N1020018" s="10"/>
    </row>
    <row r="1020019" spans="14:14">
      <c r="N1020019" s="10"/>
    </row>
    <row r="1020020" spans="14:14">
      <c r="N1020020" s="10"/>
    </row>
    <row r="1020021" spans="14:14">
      <c r="N1020021" s="10"/>
    </row>
    <row r="1020022" spans="14:14">
      <c r="N1020022" s="10"/>
    </row>
    <row r="1020023" spans="14:14">
      <c r="N1020023" s="10"/>
    </row>
    <row r="1020024" spans="14:14">
      <c r="N1020024" s="10"/>
    </row>
    <row r="1020025" spans="14:14">
      <c r="N1020025" s="10"/>
    </row>
    <row r="1020026" spans="14:14">
      <c r="N1020026" s="10"/>
    </row>
    <row r="1020027" spans="14:14">
      <c r="N1020027" s="10"/>
    </row>
    <row r="1020028" spans="14:14">
      <c r="N1020028" s="10"/>
    </row>
    <row r="1020029" spans="14:14">
      <c r="N1020029" s="10"/>
    </row>
    <row r="1020030" spans="14:14">
      <c r="N1020030" s="10"/>
    </row>
    <row r="1020031" spans="14:14">
      <c r="N1020031" s="10"/>
    </row>
    <row r="1020032" spans="14:14">
      <c r="N1020032" s="10"/>
    </row>
    <row r="1020033" spans="14:14">
      <c r="N1020033" s="10"/>
    </row>
    <row r="1020034" spans="14:14">
      <c r="N1020034" s="10"/>
    </row>
    <row r="1020035" spans="14:14">
      <c r="N1020035" s="10"/>
    </row>
    <row r="1020036" spans="14:14">
      <c r="N1020036" s="10"/>
    </row>
    <row r="1020037" spans="14:14">
      <c r="N1020037" s="10"/>
    </row>
    <row r="1020038" spans="14:14">
      <c r="N1020038" s="10"/>
    </row>
    <row r="1020039" spans="14:14">
      <c r="N1020039" s="10"/>
    </row>
    <row r="1020040" spans="14:14">
      <c r="N1020040" s="10"/>
    </row>
    <row r="1020041" spans="14:14">
      <c r="N1020041" s="10"/>
    </row>
    <row r="1020042" spans="14:14">
      <c r="N1020042" s="10"/>
    </row>
    <row r="1020043" spans="14:14">
      <c r="N1020043" s="10"/>
    </row>
    <row r="1020044" spans="14:14">
      <c r="N1020044" s="10"/>
    </row>
    <row r="1020045" spans="14:14">
      <c r="N1020045" s="10"/>
    </row>
    <row r="1020046" spans="14:14">
      <c r="N1020046" s="10"/>
    </row>
    <row r="1020047" spans="14:14">
      <c r="N1020047" s="10"/>
    </row>
    <row r="1020048" spans="14:14">
      <c r="N1020048" s="10"/>
    </row>
    <row r="1020049" spans="14:14">
      <c r="N1020049" s="10"/>
    </row>
    <row r="1020050" spans="14:14">
      <c r="N1020050" s="10"/>
    </row>
    <row r="1020051" spans="14:14">
      <c r="N1020051" s="10"/>
    </row>
    <row r="1020052" spans="14:14">
      <c r="N1020052" s="10"/>
    </row>
    <row r="1020053" spans="14:14">
      <c r="N1020053" s="10"/>
    </row>
    <row r="1020054" spans="14:14">
      <c r="N1020054" s="10"/>
    </row>
    <row r="1020055" spans="14:14">
      <c r="N1020055" s="10"/>
    </row>
    <row r="1020056" spans="14:14">
      <c r="N1020056" s="10"/>
    </row>
    <row r="1020057" spans="14:14">
      <c r="N1020057" s="10"/>
    </row>
    <row r="1020058" spans="14:14">
      <c r="N1020058" s="10"/>
    </row>
    <row r="1020059" spans="14:14">
      <c r="N1020059" s="10"/>
    </row>
    <row r="1020060" spans="14:14">
      <c r="N1020060" s="10"/>
    </row>
    <row r="1020061" spans="14:14">
      <c r="N1020061" s="10"/>
    </row>
    <row r="1020062" spans="14:14">
      <c r="N1020062" s="10"/>
    </row>
    <row r="1020063" spans="14:14">
      <c r="N1020063" s="10"/>
    </row>
    <row r="1020064" spans="14:14">
      <c r="N1020064" s="10"/>
    </row>
    <row r="1020065" spans="14:14">
      <c r="N1020065" s="10"/>
    </row>
    <row r="1020066" spans="14:14">
      <c r="N1020066" s="10"/>
    </row>
    <row r="1020067" spans="14:14">
      <c r="N1020067" s="10"/>
    </row>
    <row r="1020068" spans="14:14">
      <c r="N1020068" s="10"/>
    </row>
    <row r="1020069" spans="14:14">
      <c r="N1020069" s="10"/>
    </row>
    <row r="1020070" spans="14:14">
      <c r="N1020070" s="10"/>
    </row>
    <row r="1020071" spans="14:14">
      <c r="N1020071" s="10"/>
    </row>
    <row r="1020072" spans="14:14">
      <c r="N1020072" s="10"/>
    </row>
    <row r="1020073" spans="14:14">
      <c r="N1020073" s="10"/>
    </row>
    <row r="1020074" spans="14:14">
      <c r="N1020074" s="10"/>
    </row>
    <row r="1020075" spans="14:14">
      <c r="N1020075" s="10"/>
    </row>
    <row r="1020076" spans="14:14">
      <c r="N1020076" s="10"/>
    </row>
    <row r="1020077" spans="14:14">
      <c r="N1020077" s="10"/>
    </row>
    <row r="1020078" spans="14:14">
      <c r="N1020078" s="10"/>
    </row>
    <row r="1020079" spans="14:14">
      <c r="N1020079" s="10"/>
    </row>
    <row r="1020080" spans="14:14">
      <c r="N1020080" s="10"/>
    </row>
    <row r="1020081" spans="14:14">
      <c r="N1020081" s="10"/>
    </row>
    <row r="1020082" spans="14:14">
      <c r="N1020082" s="10"/>
    </row>
    <row r="1020083" spans="14:14">
      <c r="N1020083" s="10"/>
    </row>
    <row r="1020084" spans="14:14">
      <c r="N1020084" s="10"/>
    </row>
    <row r="1020085" spans="14:14">
      <c r="N1020085" s="10"/>
    </row>
    <row r="1020086" spans="14:14">
      <c r="N1020086" s="10"/>
    </row>
    <row r="1020087" spans="14:14">
      <c r="N1020087" s="10"/>
    </row>
    <row r="1020088" spans="14:14">
      <c r="N1020088" s="10"/>
    </row>
    <row r="1020089" spans="14:14">
      <c r="N1020089" s="10"/>
    </row>
    <row r="1020090" spans="14:14">
      <c r="N1020090" s="10"/>
    </row>
    <row r="1020091" spans="14:14">
      <c r="N1020091" s="10"/>
    </row>
    <row r="1020092" spans="14:14">
      <c r="N1020092" s="10"/>
    </row>
    <row r="1020093" spans="14:14">
      <c r="N1020093" s="10"/>
    </row>
    <row r="1020094" spans="14:14">
      <c r="N1020094" s="10"/>
    </row>
    <row r="1020095" spans="14:14">
      <c r="N1020095" s="10"/>
    </row>
    <row r="1020096" spans="14:14">
      <c r="N1020096" s="10"/>
    </row>
    <row r="1020097" spans="14:14">
      <c r="N1020097" s="10"/>
    </row>
    <row r="1020098" spans="14:14">
      <c r="N1020098" s="10"/>
    </row>
    <row r="1020099" spans="14:14">
      <c r="N1020099" s="10"/>
    </row>
    <row r="1020100" spans="14:14">
      <c r="N1020100" s="10"/>
    </row>
    <row r="1020101" spans="14:14">
      <c r="N1020101" s="10"/>
    </row>
    <row r="1020102" spans="14:14">
      <c r="N1020102" s="10"/>
    </row>
    <row r="1020103" spans="14:14">
      <c r="N1020103" s="10"/>
    </row>
    <row r="1020104" spans="14:14">
      <c r="N1020104" s="10"/>
    </row>
    <row r="1020105" spans="14:14">
      <c r="N1020105" s="10"/>
    </row>
    <row r="1020106" spans="14:14">
      <c r="N1020106" s="10"/>
    </row>
    <row r="1020107" spans="14:14">
      <c r="N1020107" s="10"/>
    </row>
    <row r="1020108" spans="14:14">
      <c r="N1020108" s="10"/>
    </row>
    <row r="1020109" spans="14:14">
      <c r="N1020109" s="10"/>
    </row>
    <row r="1020110" spans="14:14">
      <c r="N1020110" s="10"/>
    </row>
    <row r="1020111" spans="14:14">
      <c r="N1020111" s="10"/>
    </row>
    <row r="1020112" spans="14:14">
      <c r="N1020112" s="10"/>
    </row>
    <row r="1020113" spans="14:14">
      <c r="N1020113" s="10"/>
    </row>
    <row r="1020114" spans="14:14">
      <c r="N1020114" s="10"/>
    </row>
    <row r="1020115" spans="14:14">
      <c r="N1020115" s="10"/>
    </row>
    <row r="1020116" spans="14:14">
      <c r="N1020116" s="10"/>
    </row>
    <row r="1020117" spans="14:14">
      <c r="N1020117" s="10"/>
    </row>
    <row r="1020118" spans="14:14">
      <c r="N1020118" s="10"/>
    </row>
    <row r="1020119" spans="14:14">
      <c r="N1020119" s="10"/>
    </row>
    <row r="1020120" spans="14:14">
      <c r="N1020120" s="10"/>
    </row>
    <row r="1020121" spans="14:14">
      <c r="N1020121" s="10"/>
    </row>
    <row r="1020122" spans="14:14">
      <c r="N1020122" s="10"/>
    </row>
    <row r="1020123" spans="14:14">
      <c r="N1020123" s="10"/>
    </row>
    <row r="1020124" spans="14:14">
      <c r="N1020124" s="10"/>
    </row>
    <row r="1020125" spans="14:14">
      <c r="N1020125" s="10"/>
    </row>
    <row r="1020126" spans="14:14">
      <c r="N1020126" s="10"/>
    </row>
    <row r="1020127" spans="14:14">
      <c r="N1020127" s="10"/>
    </row>
    <row r="1020128" spans="14:14">
      <c r="N1020128" s="10"/>
    </row>
    <row r="1020129" spans="14:14">
      <c r="N1020129" s="10"/>
    </row>
    <row r="1020130" spans="14:14">
      <c r="N1020130" s="10"/>
    </row>
    <row r="1020131" spans="14:14">
      <c r="N1020131" s="10"/>
    </row>
    <row r="1020132" spans="14:14">
      <c r="N1020132" s="10"/>
    </row>
    <row r="1020133" spans="14:14">
      <c r="N1020133" s="10"/>
    </row>
    <row r="1020134" spans="14:14">
      <c r="N1020134" s="10"/>
    </row>
    <row r="1020135" spans="14:14">
      <c r="N1020135" s="10"/>
    </row>
    <row r="1020136" spans="14:14">
      <c r="N1020136" s="10"/>
    </row>
    <row r="1020137" spans="14:14">
      <c r="N1020137" s="10"/>
    </row>
    <row r="1020138" spans="14:14">
      <c r="N1020138" s="10"/>
    </row>
    <row r="1020139" spans="14:14">
      <c r="N1020139" s="10"/>
    </row>
    <row r="1020140" spans="14:14">
      <c r="N1020140" s="10"/>
    </row>
    <row r="1020141" spans="14:14">
      <c r="N1020141" s="10"/>
    </row>
    <row r="1020142" spans="14:14">
      <c r="N1020142" s="10"/>
    </row>
    <row r="1020143" spans="14:14">
      <c r="N1020143" s="10"/>
    </row>
    <row r="1020144" spans="14:14">
      <c r="N1020144" s="10"/>
    </row>
    <row r="1020145" spans="14:14">
      <c r="N1020145" s="10"/>
    </row>
    <row r="1020146" spans="14:14">
      <c r="N1020146" s="10"/>
    </row>
    <row r="1020147" spans="14:14">
      <c r="N1020147" s="10"/>
    </row>
    <row r="1020148" spans="14:14">
      <c r="N1020148" s="10"/>
    </row>
    <row r="1020149" spans="14:14">
      <c r="N1020149" s="10"/>
    </row>
    <row r="1020150" spans="14:14">
      <c r="N1020150" s="10"/>
    </row>
    <row r="1020151" spans="14:14">
      <c r="N1020151" s="10"/>
    </row>
    <row r="1020152" spans="14:14">
      <c r="N1020152" s="10"/>
    </row>
    <row r="1020153" spans="14:14">
      <c r="N1020153" s="10"/>
    </row>
    <row r="1020154" spans="14:14">
      <c r="N1020154" s="10"/>
    </row>
    <row r="1020155" spans="14:14">
      <c r="N1020155" s="10"/>
    </row>
    <row r="1020156" spans="14:14">
      <c r="N1020156" s="10"/>
    </row>
    <row r="1020157" spans="14:14">
      <c r="N1020157" s="10"/>
    </row>
    <row r="1020158" spans="14:14">
      <c r="N1020158" s="10"/>
    </row>
    <row r="1020159" spans="14:14">
      <c r="N1020159" s="10"/>
    </row>
    <row r="1020160" spans="14:14">
      <c r="N1020160" s="10"/>
    </row>
    <row r="1020161" spans="14:14">
      <c r="N1020161" s="10"/>
    </row>
    <row r="1020162" spans="14:14">
      <c r="N1020162" s="10"/>
    </row>
    <row r="1020163" spans="14:14">
      <c r="N1020163" s="10"/>
    </row>
    <row r="1020164" spans="14:14">
      <c r="N1020164" s="10"/>
    </row>
    <row r="1020165" spans="14:14">
      <c r="N1020165" s="10"/>
    </row>
    <row r="1020166" spans="14:14">
      <c r="N1020166" s="10"/>
    </row>
    <row r="1020167" spans="14:14">
      <c r="N1020167" s="10"/>
    </row>
    <row r="1020168" spans="14:14">
      <c r="N1020168" s="10"/>
    </row>
    <row r="1020169" spans="14:14">
      <c r="N1020169" s="10"/>
    </row>
    <row r="1020170" spans="14:14">
      <c r="N1020170" s="10"/>
    </row>
    <row r="1020171" spans="14:14">
      <c r="N1020171" s="10"/>
    </row>
    <row r="1020172" spans="14:14">
      <c r="N1020172" s="10"/>
    </row>
    <row r="1020173" spans="14:14">
      <c r="N1020173" s="10"/>
    </row>
    <row r="1020174" spans="14:14">
      <c r="N1020174" s="10"/>
    </row>
    <row r="1020175" spans="14:14">
      <c r="N1020175" s="10"/>
    </row>
    <row r="1020176" spans="14:14">
      <c r="N1020176" s="10"/>
    </row>
    <row r="1020177" spans="14:14">
      <c r="N1020177" s="10"/>
    </row>
    <row r="1020178" spans="14:14">
      <c r="N1020178" s="10"/>
    </row>
    <row r="1020179" spans="14:14">
      <c r="N1020179" s="10"/>
    </row>
    <row r="1020180" spans="14:14">
      <c r="N1020180" s="10"/>
    </row>
    <row r="1020181" spans="14:14">
      <c r="N1020181" s="10"/>
    </row>
    <row r="1020182" spans="14:14">
      <c r="N1020182" s="10"/>
    </row>
    <row r="1020183" spans="14:14">
      <c r="N1020183" s="10"/>
    </row>
    <row r="1020184" spans="14:14">
      <c r="N1020184" s="10"/>
    </row>
    <row r="1020185" spans="14:14">
      <c r="N1020185" s="10"/>
    </row>
    <row r="1020186" spans="14:14">
      <c r="N1020186" s="10"/>
    </row>
    <row r="1020187" spans="14:14">
      <c r="N1020187" s="10"/>
    </row>
    <row r="1020188" spans="14:14">
      <c r="N1020188" s="10"/>
    </row>
    <row r="1020189" spans="14:14">
      <c r="N1020189" s="10"/>
    </row>
    <row r="1020190" spans="14:14">
      <c r="N1020190" s="10"/>
    </row>
    <row r="1020191" spans="14:14">
      <c r="N1020191" s="10"/>
    </row>
    <row r="1020192" spans="14:14">
      <c r="N1020192" s="10"/>
    </row>
    <row r="1020193" spans="14:14">
      <c r="N1020193" s="10"/>
    </row>
    <row r="1020194" spans="14:14">
      <c r="N1020194" s="10"/>
    </row>
    <row r="1020195" spans="14:14">
      <c r="N1020195" s="10"/>
    </row>
    <row r="1020196" spans="14:14">
      <c r="N1020196" s="10"/>
    </row>
    <row r="1020197" spans="14:14">
      <c r="N1020197" s="10"/>
    </row>
    <row r="1020198" spans="14:14">
      <c r="N1020198" s="10"/>
    </row>
    <row r="1020199" spans="14:14">
      <c r="N1020199" s="10"/>
    </row>
    <row r="1020200" spans="14:14">
      <c r="N1020200" s="10"/>
    </row>
    <row r="1020201" spans="14:14">
      <c r="N1020201" s="10"/>
    </row>
    <row r="1020202" spans="14:14">
      <c r="N1020202" s="10"/>
    </row>
    <row r="1020203" spans="14:14">
      <c r="N1020203" s="10"/>
    </row>
    <row r="1020204" spans="14:14">
      <c r="N1020204" s="10"/>
    </row>
    <row r="1020205" spans="14:14">
      <c r="N1020205" s="10"/>
    </row>
    <row r="1020206" spans="14:14">
      <c r="N1020206" s="10"/>
    </row>
    <row r="1020207" spans="14:14">
      <c r="N1020207" s="10"/>
    </row>
    <row r="1020208" spans="14:14">
      <c r="N1020208" s="10"/>
    </row>
    <row r="1020209" spans="14:14">
      <c r="N1020209" s="10"/>
    </row>
    <row r="1020210" spans="14:14">
      <c r="N1020210" s="10"/>
    </row>
    <row r="1020211" spans="14:14">
      <c r="N1020211" s="10"/>
    </row>
    <row r="1020212" spans="14:14">
      <c r="N1020212" s="10"/>
    </row>
    <row r="1020213" spans="14:14">
      <c r="N1020213" s="10"/>
    </row>
    <row r="1020214" spans="14:14">
      <c r="N1020214" s="10"/>
    </row>
    <row r="1020215" spans="14:14">
      <c r="N1020215" s="10"/>
    </row>
    <row r="1020216" spans="14:14">
      <c r="N1020216" s="10"/>
    </row>
    <row r="1020217" spans="14:14">
      <c r="N1020217" s="10"/>
    </row>
    <row r="1020218" spans="14:14">
      <c r="N1020218" s="10"/>
    </row>
    <row r="1020219" spans="14:14">
      <c r="N1020219" s="10"/>
    </row>
    <row r="1020220" spans="14:14">
      <c r="N1020220" s="10"/>
    </row>
    <row r="1020221" spans="14:14">
      <c r="N1020221" s="10"/>
    </row>
    <row r="1020222" spans="14:14">
      <c r="N1020222" s="10"/>
    </row>
    <row r="1020223" spans="14:14">
      <c r="N1020223" s="10"/>
    </row>
    <row r="1020224" spans="14:14">
      <c r="N1020224" s="10"/>
    </row>
    <row r="1020225" spans="14:14">
      <c r="N1020225" s="10"/>
    </row>
    <row r="1020226" spans="14:14">
      <c r="N1020226" s="10"/>
    </row>
    <row r="1020227" spans="14:14">
      <c r="N1020227" s="10"/>
    </row>
    <row r="1020228" spans="14:14">
      <c r="N1020228" s="10"/>
    </row>
    <row r="1020229" spans="14:14">
      <c r="N1020229" s="10"/>
    </row>
    <row r="1020230" spans="14:14">
      <c r="N1020230" s="10"/>
    </row>
    <row r="1020231" spans="14:14">
      <c r="N1020231" s="10"/>
    </row>
    <row r="1020232" spans="14:14">
      <c r="N1020232" s="10"/>
    </row>
    <row r="1020233" spans="14:14">
      <c r="N1020233" s="10"/>
    </row>
    <row r="1020234" spans="14:14">
      <c r="N1020234" s="10"/>
    </row>
    <row r="1020235" spans="14:14">
      <c r="N1020235" s="10"/>
    </row>
    <row r="1020236" spans="14:14">
      <c r="N1020236" s="10"/>
    </row>
    <row r="1020237" spans="14:14">
      <c r="N1020237" s="10"/>
    </row>
    <row r="1020238" spans="14:14">
      <c r="N1020238" s="10"/>
    </row>
    <row r="1020239" spans="14:14">
      <c r="N1020239" s="10"/>
    </row>
    <row r="1020240" spans="14:14">
      <c r="N1020240" s="10"/>
    </row>
    <row r="1020241" spans="14:14">
      <c r="N1020241" s="10"/>
    </row>
    <row r="1020242" spans="14:14">
      <c r="N1020242" s="10"/>
    </row>
    <row r="1020243" spans="14:14">
      <c r="N1020243" s="10"/>
    </row>
    <row r="1020244" spans="14:14">
      <c r="N1020244" s="10"/>
    </row>
    <row r="1020245" spans="14:14">
      <c r="N1020245" s="10"/>
    </row>
    <row r="1020246" spans="14:14">
      <c r="N1020246" s="10"/>
    </row>
    <row r="1020247" spans="14:14">
      <c r="N1020247" s="10"/>
    </row>
    <row r="1020248" spans="14:14">
      <c r="N1020248" s="10"/>
    </row>
    <row r="1020249" spans="14:14">
      <c r="N1020249" s="10"/>
    </row>
    <row r="1020250" spans="14:14">
      <c r="N1020250" s="10"/>
    </row>
    <row r="1020251" spans="14:14">
      <c r="N1020251" s="10"/>
    </row>
    <row r="1020252" spans="14:14">
      <c r="N1020252" s="10"/>
    </row>
    <row r="1020253" spans="14:14">
      <c r="N1020253" s="10"/>
    </row>
    <row r="1020254" spans="14:14">
      <c r="N1020254" s="10"/>
    </row>
    <row r="1020255" spans="14:14">
      <c r="N1020255" s="10"/>
    </row>
    <row r="1020256" spans="14:14">
      <c r="N1020256" s="10"/>
    </row>
    <row r="1020257" spans="14:14">
      <c r="N1020257" s="10"/>
    </row>
    <row r="1020258" spans="14:14">
      <c r="N1020258" s="10"/>
    </row>
    <row r="1020259" spans="14:14">
      <c r="N1020259" s="10"/>
    </row>
    <row r="1020260" spans="14:14">
      <c r="N1020260" s="10"/>
    </row>
    <row r="1020261" spans="14:14">
      <c r="N1020261" s="10"/>
    </row>
    <row r="1020262" spans="14:14">
      <c r="N1020262" s="10"/>
    </row>
    <row r="1020263" spans="14:14">
      <c r="N1020263" s="10"/>
    </row>
    <row r="1020264" spans="14:14">
      <c r="N1020264" s="10"/>
    </row>
    <row r="1020265" spans="14:14">
      <c r="N1020265" s="10"/>
    </row>
    <row r="1020266" spans="14:14">
      <c r="N1020266" s="10"/>
    </row>
    <row r="1020267" spans="14:14">
      <c r="N1020267" s="10"/>
    </row>
    <row r="1020268" spans="14:14">
      <c r="N1020268" s="10"/>
    </row>
    <row r="1020269" spans="14:14">
      <c r="N1020269" s="10"/>
    </row>
    <row r="1020270" spans="14:14">
      <c r="N1020270" s="10"/>
    </row>
    <row r="1020271" spans="14:14">
      <c r="N1020271" s="10"/>
    </row>
    <row r="1020272" spans="14:14">
      <c r="N1020272" s="10"/>
    </row>
    <row r="1020273" spans="14:14">
      <c r="N1020273" s="10"/>
    </row>
    <row r="1020274" spans="14:14">
      <c r="N1020274" s="10"/>
    </row>
    <row r="1020275" spans="14:14">
      <c r="N1020275" s="10"/>
    </row>
    <row r="1020276" spans="14:14">
      <c r="N1020276" s="10"/>
    </row>
    <row r="1020277" spans="14:14">
      <c r="N1020277" s="10"/>
    </row>
    <row r="1020278" spans="14:14">
      <c r="N1020278" s="10"/>
    </row>
    <row r="1020279" spans="14:14">
      <c r="N1020279" s="10"/>
    </row>
    <row r="1020280" spans="14:14">
      <c r="N1020280" s="10"/>
    </row>
    <row r="1020281" spans="14:14">
      <c r="N1020281" s="10"/>
    </row>
    <row r="1020282" spans="14:14">
      <c r="N1020282" s="10"/>
    </row>
    <row r="1020283" spans="14:14">
      <c r="N1020283" s="10"/>
    </row>
    <row r="1020284" spans="14:14">
      <c r="N1020284" s="10"/>
    </row>
    <row r="1020285" spans="14:14">
      <c r="N1020285" s="10"/>
    </row>
    <row r="1020286" spans="14:14">
      <c r="N1020286" s="10"/>
    </row>
    <row r="1020287" spans="14:14">
      <c r="N1020287" s="10"/>
    </row>
    <row r="1020288" spans="14:14">
      <c r="N1020288" s="10"/>
    </row>
    <row r="1020289" spans="14:14">
      <c r="N1020289" s="10"/>
    </row>
    <row r="1020290" spans="14:14">
      <c r="N1020290" s="10"/>
    </row>
    <row r="1020291" spans="14:14">
      <c r="N1020291" s="10"/>
    </row>
    <row r="1020292" spans="14:14">
      <c r="N1020292" s="10"/>
    </row>
    <row r="1020293" spans="14:14">
      <c r="N1020293" s="10"/>
    </row>
    <row r="1020294" spans="14:14">
      <c r="N1020294" s="10"/>
    </row>
    <row r="1020295" spans="14:14">
      <c r="N1020295" s="10"/>
    </row>
    <row r="1020296" spans="14:14">
      <c r="N1020296" s="10"/>
    </row>
    <row r="1020297" spans="14:14">
      <c r="N1020297" s="10"/>
    </row>
    <row r="1020298" spans="14:14">
      <c r="N1020298" s="10"/>
    </row>
    <row r="1020299" spans="14:14">
      <c r="N1020299" s="10"/>
    </row>
    <row r="1020300" spans="14:14">
      <c r="N1020300" s="10"/>
    </row>
    <row r="1020301" spans="14:14">
      <c r="N1020301" s="10"/>
    </row>
    <row r="1020302" spans="14:14">
      <c r="N1020302" s="10"/>
    </row>
    <row r="1020303" spans="14:14">
      <c r="N1020303" s="10"/>
    </row>
    <row r="1020304" spans="14:14">
      <c r="N1020304" s="10"/>
    </row>
    <row r="1020305" spans="14:14">
      <c r="N1020305" s="10"/>
    </row>
    <row r="1020306" spans="14:14">
      <c r="N1020306" s="10"/>
    </row>
    <row r="1020307" spans="14:14">
      <c r="N1020307" s="10"/>
    </row>
    <row r="1020308" spans="14:14">
      <c r="N1020308" s="10"/>
    </row>
    <row r="1020309" spans="14:14">
      <c r="N1020309" s="10"/>
    </row>
    <row r="1020310" spans="14:14">
      <c r="N1020310" s="10"/>
    </row>
    <row r="1020311" spans="14:14">
      <c r="N1020311" s="10"/>
    </row>
    <row r="1020312" spans="14:14">
      <c r="N1020312" s="10"/>
    </row>
    <row r="1020313" spans="14:14">
      <c r="N1020313" s="10"/>
    </row>
    <row r="1020314" spans="14:14">
      <c r="N1020314" s="10"/>
    </row>
    <row r="1020315" spans="14:14">
      <c r="N1020315" s="10"/>
    </row>
    <row r="1020316" spans="14:14">
      <c r="N1020316" s="10"/>
    </row>
    <row r="1020317" spans="14:14">
      <c r="N1020317" s="10"/>
    </row>
    <row r="1020318" spans="14:14">
      <c r="N1020318" s="10"/>
    </row>
    <row r="1020319" spans="14:14">
      <c r="N1020319" s="10"/>
    </row>
    <row r="1020320" spans="14:14">
      <c r="N1020320" s="10"/>
    </row>
    <row r="1020321" spans="14:14">
      <c r="N1020321" s="10"/>
    </row>
    <row r="1020322" spans="14:14">
      <c r="N1020322" s="10"/>
    </row>
    <row r="1020323" spans="14:14">
      <c r="N1020323" s="10"/>
    </row>
    <row r="1020324" spans="14:14">
      <c r="N1020324" s="10"/>
    </row>
    <row r="1020325" spans="14:14">
      <c r="N1020325" s="10"/>
    </row>
    <row r="1020326" spans="14:14">
      <c r="N1020326" s="10"/>
    </row>
    <row r="1020327" spans="14:14">
      <c r="N1020327" s="10"/>
    </row>
    <row r="1020328" spans="14:14">
      <c r="N1020328" s="10"/>
    </row>
    <row r="1020329" spans="14:14">
      <c r="N1020329" s="10"/>
    </row>
    <row r="1020330" spans="14:14">
      <c r="N1020330" s="10"/>
    </row>
    <row r="1020331" spans="14:14">
      <c r="N1020331" s="10"/>
    </row>
    <row r="1020332" spans="14:14">
      <c r="N1020332" s="10"/>
    </row>
    <row r="1020333" spans="14:14">
      <c r="N1020333" s="10"/>
    </row>
    <row r="1020334" spans="14:14">
      <c r="N1020334" s="10"/>
    </row>
    <row r="1020335" spans="14:14">
      <c r="N1020335" s="10"/>
    </row>
    <row r="1020336" spans="14:14">
      <c r="N1020336" s="10"/>
    </row>
    <row r="1020337" spans="14:14">
      <c r="N1020337" s="10"/>
    </row>
    <row r="1020338" spans="14:14">
      <c r="N1020338" s="10"/>
    </row>
    <row r="1020339" spans="14:14">
      <c r="N1020339" s="10"/>
    </row>
    <row r="1020340" spans="14:14">
      <c r="N1020340" s="10"/>
    </row>
    <row r="1020341" spans="14:14">
      <c r="N1020341" s="10"/>
    </row>
    <row r="1020342" spans="14:14">
      <c r="N1020342" s="10"/>
    </row>
    <row r="1020343" spans="14:14">
      <c r="N1020343" s="10"/>
    </row>
    <row r="1020344" spans="14:14">
      <c r="N1020344" s="10"/>
    </row>
    <row r="1020345" spans="14:14">
      <c r="N1020345" s="10"/>
    </row>
    <row r="1020346" spans="14:14">
      <c r="N1020346" s="10"/>
    </row>
    <row r="1020347" spans="14:14">
      <c r="N1020347" s="10"/>
    </row>
    <row r="1020348" spans="14:14">
      <c r="N1020348" s="10"/>
    </row>
    <row r="1020349" spans="14:14">
      <c r="N1020349" s="10"/>
    </row>
    <row r="1020350" spans="14:14">
      <c r="N1020350" s="10"/>
    </row>
    <row r="1020351" spans="14:14">
      <c r="N1020351" s="10"/>
    </row>
    <row r="1020352" spans="14:14">
      <c r="N1020352" s="10"/>
    </row>
    <row r="1020353" spans="14:14">
      <c r="N1020353" s="10"/>
    </row>
    <row r="1020354" spans="14:14">
      <c r="N1020354" s="10"/>
    </row>
    <row r="1020355" spans="14:14">
      <c r="N1020355" s="10"/>
    </row>
    <row r="1020356" spans="14:14">
      <c r="N1020356" s="10"/>
    </row>
    <row r="1020357" spans="14:14">
      <c r="N1020357" s="10"/>
    </row>
    <row r="1020358" spans="14:14">
      <c r="N1020358" s="10"/>
    </row>
    <row r="1020359" spans="14:14">
      <c r="N1020359" s="10"/>
    </row>
    <row r="1020360" spans="14:14">
      <c r="N1020360" s="10"/>
    </row>
    <row r="1020361" spans="14:14">
      <c r="N1020361" s="10"/>
    </row>
    <row r="1020362" spans="14:14">
      <c r="N1020362" s="10"/>
    </row>
    <row r="1020363" spans="14:14">
      <c r="N1020363" s="10"/>
    </row>
    <row r="1020364" spans="14:14">
      <c r="N1020364" s="10"/>
    </row>
    <row r="1020365" spans="14:14">
      <c r="N1020365" s="10"/>
    </row>
    <row r="1020366" spans="14:14">
      <c r="N1020366" s="10"/>
    </row>
    <row r="1020367" spans="14:14">
      <c r="N1020367" s="10"/>
    </row>
    <row r="1020368" spans="14:14">
      <c r="N1020368" s="10"/>
    </row>
    <row r="1020369" spans="14:14">
      <c r="N1020369" s="10"/>
    </row>
    <row r="1020370" spans="14:14">
      <c r="N1020370" s="10"/>
    </row>
    <row r="1020371" spans="14:14">
      <c r="N1020371" s="10"/>
    </row>
    <row r="1020372" spans="14:14">
      <c r="N1020372" s="10"/>
    </row>
    <row r="1020373" spans="14:14">
      <c r="N1020373" s="10"/>
    </row>
    <row r="1020374" spans="14:14">
      <c r="N1020374" s="10"/>
    </row>
    <row r="1020375" spans="14:14">
      <c r="N1020375" s="10"/>
    </row>
    <row r="1020376" spans="14:14">
      <c r="N1020376" s="10"/>
    </row>
    <row r="1020377" spans="14:14">
      <c r="N1020377" s="10"/>
    </row>
    <row r="1020378" spans="14:14">
      <c r="N1020378" s="10"/>
    </row>
    <row r="1020379" spans="14:14">
      <c r="N1020379" s="10"/>
    </row>
    <row r="1020380" spans="14:14">
      <c r="N1020380" s="10"/>
    </row>
    <row r="1020381" spans="14:14">
      <c r="N1020381" s="10"/>
    </row>
    <row r="1020382" spans="14:14">
      <c r="N1020382" s="10"/>
    </row>
    <row r="1020383" spans="14:14">
      <c r="N1020383" s="10"/>
    </row>
    <row r="1020384" spans="14:14">
      <c r="N1020384" s="10"/>
    </row>
    <row r="1020385" spans="14:14">
      <c r="N1020385" s="10"/>
    </row>
    <row r="1020386" spans="14:14">
      <c r="N1020386" s="10"/>
    </row>
    <row r="1020387" spans="14:14">
      <c r="N1020387" s="10"/>
    </row>
    <row r="1020388" spans="14:14">
      <c r="N1020388" s="10"/>
    </row>
    <row r="1020389" spans="14:14">
      <c r="N1020389" s="10"/>
    </row>
    <row r="1020390" spans="14:14">
      <c r="N1020390" s="10"/>
    </row>
    <row r="1020391" spans="14:14">
      <c r="N1020391" s="10"/>
    </row>
    <row r="1020392" spans="14:14">
      <c r="N1020392" s="10"/>
    </row>
    <row r="1020393" spans="14:14">
      <c r="N1020393" s="10"/>
    </row>
    <row r="1020394" spans="14:14">
      <c r="N1020394" s="10"/>
    </row>
    <row r="1020395" spans="14:14">
      <c r="N1020395" s="10"/>
    </row>
    <row r="1020396" spans="14:14">
      <c r="N1020396" s="10"/>
    </row>
    <row r="1020397" spans="14:14">
      <c r="N1020397" s="10"/>
    </row>
    <row r="1020398" spans="14:14">
      <c r="N1020398" s="10"/>
    </row>
    <row r="1020399" spans="14:14">
      <c r="N1020399" s="10"/>
    </row>
    <row r="1020400" spans="14:14">
      <c r="N1020400" s="10"/>
    </row>
    <row r="1020401" spans="14:14">
      <c r="N1020401" s="10"/>
    </row>
    <row r="1020402" spans="14:14">
      <c r="N1020402" s="10"/>
    </row>
    <row r="1020403" spans="14:14">
      <c r="N1020403" s="10"/>
    </row>
    <row r="1020404" spans="14:14">
      <c r="N1020404" s="10"/>
    </row>
    <row r="1020405" spans="14:14">
      <c r="N1020405" s="10"/>
    </row>
    <row r="1020406" spans="14:14">
      <c r="N1020406" s="10"/>
    </row>
    <row r="1020407" spans="14:14">
      <c r="N1020407" s="10"/>
    </row>
    <row r="1020408" spans="14:14">
      <c r="N1020408" s="10"/>
    </row>
    <row r="1020409" spans="14:14">
      <c r="N1020409" s="10"/>
    </row>
    <row r="1020410" spans="14:14">
      <c r="N1020410" s="10"/>
    </row>
    <row r="1020411" spans="14:14">
      <c r="N1020411" s="10"/>
    </row>
    <row r="1020412" spans="14:14">
      <c r="N1020412" s="10"/>
    </row>
    <row r="1020413" spans="14:14">
      <c r="N1020413" s="10"/>
    </row>
    <row r="1020414" spans="14:14">
      <c r="N1020414" s="10"/>
    </row>
    <row r="1020415" spans="14:14">
      <c r="N1020415" s="10"/>
    </row>
    <row r="1020416" spans="14:14">
      <c r="N1020416" s="10"/>
    </row>
    <row r="1020417" spans="14:14">
      <c r="N1020417" s="10"/>
    </row>
    <row r="1020418" spans="14:14">
      <c r="N1020418" s="10"/>
    </row>
    <row r="1020419" spans="14:14">
      <c r="N1020419" s="10"/>
    </row>
    <row r="1020420" spans="14:14">
      <c r="N1020420" s="10"/>
    </row>
    <row r="1020421" spans="14:14">
      <c r="N1020421" s="10"/>
    </row>
    <row r="1020422" spans="14:14">
      <c r="N1020422" s="10"/>
    </row>
    <row r="1020423" spans="14:14">
      <c r="N1020423" s="10"/>
    </row>
    <row r="1020424" spans="14:14">
      <c r="N1020424" s="10"/>
    </row>
    <row r="1020425" spans="14:14">
      <c r="N1020425" s="10"/>
    </row>
    <row r="1020426" spans="14:14">
      <c r="N1020426" s="10"/>
    </row>
    <row r="1020427" spans="14:14">
      <c r="N1020427" s="10"/>
    </row>
    <row r="1020428" spans="14:14">
      <c r="N1020428" s="10"/>
    </row>
    <row r="1020429" spans="14:14">
      <c r="N1020429" s="10"/>
    </row>
    <row r="1020430" spans="14:14">
      <c r="N1020430" s="10"/>
    </row>
    <row r="1020431" spans="14:14">
      <c r="N1020431" s="10"/>
    </row>
    <row r="1020432" spans="14:14">
      <c r="N1020432" s="10"/>
    </row>
    <row r="1020433" spans="14:14">
      <c r="N1020433" s="10"/>
    </row>
    <row r="1020434" spans="14:14">
      <c r="N1020434" s="10"/>
    </row>
    <row r="1020435" spans="14:14">
      <c r="N1020435" s="10"/>
    </row>
    <row r="1020436" spans="14:14">
      <c r="N1020436" s="10"/>
    </row>
    <row r="1020437" spans="14:14">
      <c r="N1020437" s="10"/>
    </row>
    <row r="1020438" spans="14:14">
      <c r="N1020438" s="10"/>
    </row>
    <row r="1020439" spans="14:14">
      <c r="N1020439" s="10"/>
    </row>
    <row r="1020440" spans="14:14">
      <c r="N1020440" s="10"/>
    </row>
    <row r="1020441" spans="14:14">
      <c r="N1020441" s="10"/>
    </row>
    <row r="1020442" spans="14:14">
      <c r="N1020442" s="10"/>
    </row>
    <row r="1020443" spans="14:14">
      <c r="N1020443" s="10"/>
    </row>
    <row r="1020444" spans="14:14">
      <c r="N1020444" s="10"/>
    </row>
    <row r="1020445" spans="14:14">
      <c r="N1020445" s="10"/>
    </row>
    <row r="1020446" spans="14:14">
      <c r="N1020446" s="10"/>
    </row>
    <row r="1020447" spans="14:14">
      <c r="N1020447" s="10"/>
    </row>
    <row r="1020448" spans="14:14">
      <c r="N1020448" s="10"/>
    </row>
    <row r="1020449" spans="14:14">
      <c r="N1020449" s="10"/>
    </row>
    <row r="1020450" spans="14:14">
      <c r="N1020450" s="10"/>
    </row>
    <row r="1020451" spans="14:14">
      <c r="N1020451" s="10"/>
    </row>
    <row r="1020452" spans="14:14">
      <c r="N1020452" s="10"/>
    </row>
    <row r="1020453" spans="14:14">
      <c r="N1020453" s="10"/>
    </row>
    <row r="1020454" spans="14:14">
      <c r="N1020454" s="10"/>
    </row>
    <row r="1020455" spans="14:14">
      <c r="N1020455" s="10"/>
    </row>
    <row r="1020456" spans="14:14">
      <c r="N1020456" s="10"/>
    </row>
    <row r="1020457" spans="14:14">
      <c r="N1020457" s="10"/>
    </row>
    <row r="1020458" spans="14:14">
      <c r="N1020458" s="10"/>
    </row>
    <row r="1020459" spans="14:14">
      <c r="N1020459" s="10"/>
    </row>
    <row r="1020460" spans="14:14">
      <c r="N1020460" s="10"/>
    </row>
    <row r="1020461" spans="14:14">
      <c r="N1020461" s="10"/>
    </row>
    <row r="1020462" spans="14:14">
      <c r="N1020462" s="10"/>
    </row>
    <row r="1020463" spans="14:14">
      <c r="N1020463" s="10"/>
    </row>
    <row r="1020464" spans="14:14">
      <c r="N1020464" s="10"/>
    </row>
    <row r="1020465" spans="14:14">
      <c r="N1020465" s="10"/>
    </row>
    <row r="1020466" spans="14:14">
      <c r="N1020466" s="10"/>
    </row>
    <row r="1020467" spans="14:14">
      <c r="N1020467" s="10"/>
    </row>
    <row r="1020468" spans="14:14">
      <c r="N1020468" s="10"/>
    </row>
    <row r="1020469" spans="14:14">
      <c r="N1020469" s="10"/>
    </row>
    <row r="1020470" spans="14:14">
      <c r="N1020470" s="10"/>
    </row>
    <row r="1020471" spans="14:14">
      <c r="N1020471" s="10"/>
    </row>
    <row r="1020472" spans="14:14">
      <c r="N1020472" s="10"/>
    </row>
    <row r="1020473" spans="14:14">
      <c r="N1020473" s="10"/>
    </row>
    <row r="1020474" spans="14:14">
      <c r="N1020474" s="10"/>
    </row>
    <row r="1020475" spans="14:14">
      <c r="N1020475" s="10"/>
    </row>
    <row r="1020476" spans="14:14">
      <c r="N1020476" s="10"/>
    </row>
    <row r="1020477" spans="14:14">
      <c r="N1020477" s="10"/>
    </row>
    <row r="1020478" spans="14:14">
      <c r="N1020478" s="10"/>
    </row>
    <row r="1020479" spans="14:14">
      <c r="N1020479" s="10"/>
    </row>
    <row r="1020480" spans="14:14">
      <c r="N1020480" s="10"/>
    </row>
    <row r="1020481" spans="14:14">
      <c r="N1020481" s="10"/>
    </row>
    <row r="1020482" spans="14:14">
      <c r="N1020482" s="10"/>
    </row>
    <row r="1020483" spans="14:14">
      <c r="N1020483" s="10"/>
    </row>
    <row r="1020484" spans="14:14">
      <c r="N1020484" s="10"/>
    </row>
    <row r="1020485" spans="14:14">
      <c r="N1020485" s="10"/>
    </row>
    <row r="1020486" spans="14:14">
      <c r="N1020486" s="10"/>
    </row>
    <row r="1020487" spans="14:14">
      <c r="N1020487" s="10"/>
    </row>
    <row r="1020488" spans="14:14">
      <c r="N1020488" s="10"/>
    </row>
    <row r="1020489" spans="14:14">
      <c r="N1020489" s="10"/>
    </row>
    <row r="1020490" spans="14:14">
      <c r="N1020490" s="10"/>
    </row>
    <row r="1020491" spans="14:14">
      <c r="N1020491" s="10"/>
    </row>
    <row r="1020492" spans="14:14">
      <c r="N1020492" s="10"/>
    </row>
    <row r="1020493" spans="14:14">
      <c r="N1020493" s="10"/>
    </row>
    <row r="1020494" spans="14:14">
      <c r="N1020494" s="10"/>
    </row>
    <row r="1020495" spans="14:14">
      <c r="N1020495" s="10"/>
    </row>
    <row r="1020496" spans="14:14">
      <c r="N1020496" s="10"/>
    </row>
    <row r="1020497" spans="14:14">
      <c r="N1020497" s="10"/>
    </row>
    <row r="1020498" spans="14:14">
      <c r="N1020498" s="10"/>
    </row>
    <row r="1020499" spans="14:14">
      <c r="N1020499" s="10"/>
    </row>
    <row r="1020500" spans="14:14">
      <c r="N1020500" s="10"/>
    </row>
    <row r="1020501" spans="14:14">
      <c r="N1020501" s="10"/>
    </row>
    <row r="1020502" spans="14:14">
      <c r="N1020502" s="10"/>
    </row>
    <row r="1020503" spans="14:14">
      <c r="N1020503" s="10"/>
    </row>
    <row r="1020504" spans="14:14">
      <c r="N1020504" s="10"/>
    </row>
    <row r="1020505" spans="14:14">
      <c r="N1020505" s="10"/>
    </row>
    <row r="1020506" spans="14:14">
      <c r="N1020506" s="10"/>
    </row>
    <row r="1020507" spans="14:14">
      <c r="N1020507" s="10"/>
    </row>
    <row r="1020508" spans="14:14">
      <c r="N1020508" s="10"/>
    </row>
    <row r="1020509" spans="14:14">
      <c r="N1020509" s="10"/>
    </row>
    <row r="1020510" spans="14:14">
      <c r="N1020510" s="10"/>
    </row>
    <row r="1020511" spans="14:14">
      <c r="N1020511" s="10"/>
    </row>
    <row r="1020512" spans="14:14">
      <c r="N1020512" s="10"/>
    </row>
    <row r="1020513" spans="14:14">
      <c r="N1020513" s="10"/>
    </row>
    <row r="1020514" spans="14:14">
      <c r="N1020514" s="10"/>
    </row>
    <row r="1020515" spans="14:14">
      <c r="N1020515" s="10"/>
    </row>
    <row r="1020516" spans="14:14">
      <c r="N1020516" s="10"/>
    </row>
    <row r="1020517" spans="14:14">
      <c r="N1020517" s="10"/>
    </row>
    <row r="1020518" spans="14:14">
      <c r="N1020518" s="10"/>
    </row>
    <row r="1020519" spans="14:14">
      <c r="N1020519" s="10"/>
    </row>
    <row r="1020520" spans="14:14">
      <c r="N1020520" s="10"/>
    </row>
    <row r="1020521" spans="14:14">
      <c r="N1020521" s="10"/>
    </row>
    <row r="1020522" spans="14:14">
      <c r="N1020522" s="10"/>
    </row>
    <row r="1020523" spans="14:14">
      <c r="N1020523" s="10"/>
    </row>
    <row r="1020524" spans="14:14">
      <c r="N1020524" s="10"/>
    </row>
    <row r="1020525" spans="14:14">
      <c r="N1020525" s="10"/>
    </row>
    <row r="1020526" spans="14:14">
      <c r="N1020526" s="10"/>
    </row>
    <row r="1020527" spans="14:14">
      <c r="N1020527" s="10"/>
    </row>
    <row r="1020528" spans="14:14">
      <c r="N1020528" s="10"/>
    </row>
    <row r="1020529" spans="14:14">
      <c r="N1020529" s="10"/>
    </row>
    <row r="1020530" spans="14:14">
      <c r="N1020530" s="10"/>
    </row>
    <row r="1020531" spans="14:14">
      <c r="N1020531" s="10"/>
    </row>
    <row r="1020532" spans="14:14">
      <c r="N1020532" s="10"/>
    </row>
    <row r="1020533" spans="14:14">
      <c r="N1020533" s="10"/>
    </row>
    <row r="1020534" spans="14:14">
      <c r="N1020534" s="10"/>
    </row>
    <row r="1020535" spans="14:14">
      <c r="N1020535" s="10"/>
    </row>
    <row r="1020536" spans="14:14">
      <c r="N1020536" s="10"/>
    </row>
    <row r="1020537" spans="14:14">
      <c r="N1020537" s="10"/>
    </row>
    <row r="1020538" spans="14:14">
      <c r="N1020538" s="10"/>
    </row>
    <row r="1020539" spans="14:14">
      <c r="N1020539" s="10"/>
    </row>
    <row r="1020540" spans="14:14">
      <c r="N1020540" s="10"/>
    </row>
    <row r="1020541" spans="14:14">
      <c r="N1020541" s="10"/>
    </row>
    <row r="1020542" spans="14:14">
      <c r="N1020542" s="10"/>
    </row>
    <row r="1020543" spans="14:14">
      <c r="N1020543" s="10"/>
    </row>
    <row r="1020544" spans="14:14">
      <c r="N1020544" s="10"/>
    </row>
    <row r="1020545" spans="14:14">
      <c r="N1020545" s="10"/>
    </row>
    <row r="1020546" spans="14:14">
      <c r="N1020546" s="10"/>
    </row>
    <row r="1020547" spans="14:14">
      <c r="N1020547" s="10"/>
    </row>
    <row r="1020548" spans="14:14">
      <c r="N1020548" s="10"/>
    </row>
    <row r="1020549" spans="14:14">
      <c r="N1020549" s="10"/>
    </row>
    <row r="1020550" spans="14:14">
      <c r="N1020550" s="10"/>
    </row>
    <row r="1020551" spans="14:14">
      <c r="N1020551" s="10"/>
    </row>
    <row r="1020552" spans="14:14">
      <c r="N1020552" s="10"/>
    </row>
    <row r="1020553" spans="14:14">
      <c r="N1020553" s="10"/>
    </row>
    <row r="1020554" spans="14:14">
      <c r="N1020554" s="10"/>
    </row>
    <row r="1020555" spans="14:14">
      <c r="N1020555" s="10"/>
    </row>
    <row r="1020556" spans="14:14">
      <c r="N1020556" s="10"/>
    </row>
    <row r="1020557" spans="14:14">
      <c r="N1020557" s="10"/>
    </row>
    <row r="1020558" spans="14:14">
      <c r="N1020558" s="10"/>
    </row>
    <row r="1020559" spans="14:14">
      <c r="N1020559" s="10"/>
    </row>
    <row r="1020560" spans="14:14">
      <c r="N1020560" s="10"/>
    </row>
    <row r="1020561" spans="14:14">
      <c r="N1020561" s="10"/>
    </row>
    <row r="1020562" spans="14:14">
      <c r="N1020562" s="10"/>
    </row>
    <row r="1020563" spans="14:14">
      <c r="N1020563" s="10"/>
    </row>
    <row r="1020564" spans="14:14">
      <c r="N1020564" s="10"/>
    </row>
    <row r="1020565" spans="14:14">
      <c r="N1020565" s="10"/>
    </row>
    <row r="1020566" spans="14:14">
      <c r="N1020566" s="10"/>
    </row>
    <row r="1020567" spans="14:14">
      <c r="N1020567" s="10"/>
    </row>
    <row r="1020568" spans="14:14">
      <c r="N1020568" s="10"/>
    </row>
    <row r="1020569" spans="14:14">
      <c r="N1020569" s="10"/>
    </row>
    <row r="1020570" spans="14:14">
      <c r="N1020570" s="10"/>
    </row>
    <row r="1020571" spans="14:14">
      <c r="N1020571" s="10"/>
    </row>
    <row r="1020572" spans="14:14">
      <c r="N1020572" s="10"/>
    </row>
    <row r="1020573" spans="14:14">
      <c r="N1020573" s="10"/>
    </row>
    <row r="1020574" spans="14:14">
      <c r="N1020574" s="10"/>
    </row>
    <row r="1020575" spans="14:14">
      <c r="N1020575" s="10"/>
    </row>
    <row r="1020576" spans="14:14">
      <c r="N1020576" s="10"/>
    </row>
    <row r="1020577" spans="14:14">
      <c r="N1020577" s="10"/>
    </row>
    <row r="1020578" spans="14:14">
      <c r="N1020578" s="10"/>
    </row>
    <row r="1020579" spans="14:14">
      <c r="N1020579" s="10"/>
    </row>
    <row r="1020580" spans="14:14">
      <c r="N1020580" s="10"/>
    </row>
    <row r="1020581" spans="14:14">
      <c r="N1020581" s="10"/>
    </row>
    <row r="1020582" spans="14:14">
      <c r="N1020582" s="10"/>
    </row>
    <row r="1020583" spans="14:14">
      <c r="N1020583" s="10"/>
    </row>
    <row r="1020584" spans="14:14">
      <c r="N1020584" s="10"/>
    </row>
    <row r="1020585" spans="14:14">
      <c r="N1020585" s="10"/>
    </row>
    <row r="1020586" spans="14:14">
      <c r="N1020586" s="10"/>
    </row>
    <row r="1020587" spans="14:14">
      <c r="N1020587" s="10"/>
    </row>
    <row r="1020588" spans="14:14">
      <c r="N1020588" s="10"/>
    </row>
    <row r="1020589" spans="14:14">
      <c r="N1020589" s="10"/>
    </row>
    <row r="1020590" spans="14:14">
      <c r="N1020590" s="10"/>
    </row>
    <row r="1020591" spans="14:14">
      <c r="N1020591" s="10"/>
    </row>
    <row r="1020592" spans="14:14">
      <c r="N1020592" s="10"/>
    </row>
    <row r="1020593" spans="14:14">
      <c r="N1020593" s="10"/>
    </row>
    <row r="1020594" spans="14:14">
      <c r="N1020594" s="10"/>
    </row>
    <row r="1020595" spans="14:14">
      <c r="N1020595" s="10"/>
    </row>
    <row r="1020596" spans="14:14">
      <c r="N1020596" s="10"/>
    </row>
    <row r="1020597" spans="14:14">
      <c r="N1020597" s="10"/>
    </row>
    <row r="1020598" spans="14:14">
      <c r="N1020598" s="10"/>
    </row>
    <row r="1020599" spans="14:14">
      <c r="N1020599" s="10"/>
    </row>
    <row r="1020600" spans="14:14">
      <c r="N1020600" s="10"/>
    </row>
    <row r="1020601" spans="14:14">
      <c r="N1020601" s="10"/>
    </row>
    <row r="1020602" spans="14:14">
      <c r="N1020602" s="10"/>
    </row>
    <row r="1020603" spans="14:14">
      <c r="N1020603" s="10"/>
    </row>
    <row r="1020604" spans="14:14">
      <c r="N1020604" s="10"/>
    </row>
    <row r="1020605" spans="14:14">
      <c r="N1020605" s="10"/>
    </row>
    <row r="1020606" spans="14:14">
      <c r="N1020606" s="10"/>
    </row>
    <row r="1020607" spans="14:14">
      <c r="N1020607" s="10"/>
    </row>
    <row r="1020608" spans="14:14">
      <c r="N1020608" s="10"/>
    </row>
    <row r="1020609" spans="14:14">
      <c r="N1020609" s="10"/>
    </row>
    <row r="1020610" spans="14:14">
      <c r="N1020610" s="10"/>
    </row>
    <row r="1020611" spans="14:14">
      <c r="N1020611" s="10"/>
    </row>
    <row r="1020612" spans="14:14">
      <c r="N1020612" s="10"/>
    </row>
    <row r="1020613" spans="14:14">
      <c r="N1020613" s="10"/>
    </row>
    <row r="1020614" spans="14:14">
      <c r="N1020614" s="10"/>
    </row>
    <row r="1020615" spans="14:14">
      <c r="N1020615" s="10"/>
    </row>
    <row r="1020616" spans="14:14">
      <c r="N1020616" s="10"/>
    </row>
    <row r="1020617" spans="14:14">
      <c r="N1020617" s="10"/>
    </row>
    <row r="1020618" spans="14:14">
      <c r="N1020618" s="10"/>
    </row>
    <row r="1020619" spans="14:14">
      <c r="N1020619" s="10"/>
    </row>
    <row r="1020620" spans="14:14">
      <c r="N1020620" s="10"/>
    </row>
    <row r="1020621" spans="14:14">
      <c r="N1020621" s="10"/>
    </row>
    <row r="1020622" spans="14:14">
      <c r="N1020622" s="10"/>
    </row>
    <row r="1020623" spans="14:14">
      <c r="N1020623" s="10"/>
    </row>
    <row r="1020624" spans="14:14">
      <c r="N1020624" s="10"/>
    </row>
    <row r="1020625" spans="14:14">
      <c r="N1020625" s="10"/>
    </row>
    <row r="1020626" spans="14:14">
      <c r="N1020626" s="10"/>
    </row>
    <row r="1020627" spans="14:14">
      <c r="N1020627" s="10"/>
    </row>
    <row r="1020628" spans="14:14">
      <c r="N1020628" s="10"/>
    </row>
    <row r="1020629" spans="14:14">
      <c r="N1020629" s="10"/>
    </row>
    <row r="1020630" spans="14:14">
      <c r="N1020630" s="10"/>
    </row>
    <row r="1020631" spans="14:14">
      <c r="N1020631" s="10"/>
    </row>
    <row r="1020632" spans="14:14">
      <c r="N1020632" s="10"/>
    </row>
    <row r="1020633" spans="14:14">
      <c r="N1020633" s="10"/>
    </row>
    <row r="1020634" spans="14:14">
      <c r="N1020634" s="10"/>
    </row>
    <row r="1020635" spans="14:14">
      <c r="N1020635" s="10"/>
    </row>
    <row r="1020636" spans="14:14">
      <c r="N1020636" s="10"/>
    </row>
    <row r="1020637" spans="14:14">
      <c r="N1020637" s="10"/>
    </row>
    <row r="1020638" spans="14:14">
      <c r="N1020638" s="10"/>
    </row>
    <row r="1020639" spans="14:14">
      <c r="N1020639" s="10"/>
    </row>
    <row r="1020640" spans="14:14">
      <c r="N1020640" s="10"/>
    </row>
    <row r="1020641" spans="14:14">
      <c r="N1020641" s="10"/>
    </row>
    <row r="1020642" spans="14:14">
      <c r="N1020642" s="10"/>
    </row>
    <row r="1020643" spans="14:14">
      <c r="N1020643" s="10"/>
    </row>
    <row r="1020644" spans="14:14">
      <c r="N1020644" s="10"/>
    </row>
    <row r="1020645" spans="14:14">
      <c r="N1020645" s="10"/>
    </row>
    <row r="1020646" spans="14:14">
      <c r="N1020646" s="10"/>
    </row>
    <row r="1020647" spans="14:14">
      <c r="N1020647" s="10"/>
    </row>
    <row r="1020648" spans="14:14">
      <c r="N1020648" s="10"/>
    </row>
    <row r="1020649" spans="14:14">
      <c r="N1020649" s="10"/>
    </row>
    <row r="1020650" spans="14:14">
      <c r="N1020650" s="10"/>
    </row>
    <row r="1020651" spans="14:14">
      <c r="N1020651" s="10"/>
    </row>
    <row r="1020652" spans="14:14">
      <c r="N1020652" s="10"/>
    </row>
    <row r="1020653" spans="14:14">
      <c r="N1020653" s="10"/>
    </row>
    <row r="1020654" spans="14:14">
      <c r="N1020654" s="10"/>
    </row>
    <row r="1020655" spans="14:14">
      <c r="N1020655" s="10"/>
    </row>
    <row r="1020656" spans="14:14">
      <c r="N1020656" s="10"/>
    </row>
    <row r="1020657" spans="14:14">
      <c r="N1020657" s="10"/>
    </row>
    <row r="1020658" spans="14:14">
      <c r="N1020658" s="10"/>
    </row>
    <row r="1020659" spans="14:14">
      <c r="N1020659" s="10"/>
    </row>
    <row r="1020660" spans="14:14">
      <c r="N1020660" s="10"/>
    </row>
    <row r="1020661" spans="14:14">
      <c r="N1020661" s="10"/>
    </row>
    <row r="1020662" spans="14:14">
      <c r="N1020662" s="10"/>
    </row>
    <row r="1020663" spans="14:14">
      <c r="N1020663" s="10"/>
    </row>
    <row r="1020664" spans="14:14">
      <c r="N1020664" s="10"/>
    </row>
    <row r="1020665" spans="14:14">
      <c r="N1020665" s="10"/>
    </row>
    <row r="1020666" spans="14:14">
      <c r="N1020666" s="10"/>
    </row>
    <row r="1020667" spans="14:14">
      <c r="N1020667" s="10"/>
    </row>
    <row r="1020668" spans="14:14">
      <c r="N1020668" s="10"/>
    </row>
    <row r="1020669" spans="14:14">
      <c r="N1020669" s="10"/>
    </row>
    <row r="1020670" spans="14:14">
      <c r="N1020670" s="10"/>
    </row>
    <row r="1020671" spans="14:14">
      <c r="N1020671" s="10"/>
    </row>
    <row r="1020672" spans="14:14">
      <c r="N1020672" s="10"/>
    </row>
    <row r="1020673" spans="14:14">
      <c r="N1020673" s="10"/>
    </row>
    <row r="1020674" spans="14:14">
      <c r="N1020674" s="10"/>
    </row>
    <row r="1020675" spans="14:14">
      <c r="N1020675" s="10"/>
    </row>
    <row r="1020676" spans="14:14">
      <c r="N1020676" s="10"/>
    </row>
    <row r="1020677" spans="14:14">
      <c r="N1020677" s="10"/>
    </row>
    <row r="1020678" spans="14:14">
      <c r="N1020678" s="10"/>
    </row>
    <row r="1020679" spans="14:14">
      <c r="N1020679" s="10"/>
    </row>
    <row r="1020680" spans="14:14">
      <c r="N1020680" s="10"/>
    </row>
    <row r="1020681" spans="14:14">
      <c r="N1020681" s="10"/>
    </row>
    <row r="1020682" spans="14:14">
      <c r="N1020682" s="10"/>
    </row>
    <row r="1020683" spans="14:14">
      <c r="N1020683" s="10"/>
    </row>
    <row r="1020684" spans="14:14">
      <c r="N1020684" s="10"/>
    </row>
    <row r="1020685" spans="14:14">
      <c r="N1020685" s="10"/>
    </row>
    <row r="1020686" spans="14:14">
      <c r="N1020686" s="10"/>
    </row>
    <row r="1020687" spans="14:14">
      <c r="N1020687" s="10"/>
    </row>
    <row r="1020688" spans="14:14">
      <c r="N1020688" s="10"/>
    </row>
    <row r="1020689" spans="14:14">
      <c r="N1020689" s="10"/>
    </row>
    <row r="1020690" spans="14:14">
      <c r="N1020690" s="10"/>
    </row>
    <row r="1020691" spans="14:14">
      <c r="N1020691" s="10"/>
    </row>
    <row r="1020692" spans="14:14">
      <c r="N1020692" s="10"/>
    </row>
    <row r="1020693" spans="14:14">
      <c r="N1020693" s="10"/>
    </row>
    <row r="1020694" spans="14:14">
      <c r="N1020694" s="10"/>
    </row>
    <row r="1020695" spans="14:14">
      <c r="N1020695" s="10"/>
    </row>
    <row r="1020696" spans="14:14">
      <c r="N1020696" s="10"/>
    </row>
    <row r="1020697" spans="14:14">
      <c r="N1020697" s="10"/>
    </row>
    <row r="1020698" spans="14:14">
      <c r="N1020698" s="10"/>
    </row>
    <row r="1020699" spans="14:14">
      <c r="N1020699" s="10"/>
    </row>
    <row r="1020700" spans="14:14">
      <c r="N1020700" s="10"/>
    </row>
    <row r="1020701" spans="14:14">
      <c r="N1020701" s="10"/>
    </row>
    <row r="1020702" spans="14:14">
      <c r="N1020702" s="10"/>
    </row>
    <row r="1020703" spans="14:14">
      <c r="N1020703" s="10"/>
    </row>
    <row r="1020704" spans="14:14">
      <c r="N1020704" s="10"/>
    </row>
    <row r="1020705" spans="14:14">
      <c r="N1020705" s="10"/>
    </row>
    <row r="1020706" spans="14:14">
      <c r="N1020706" s="10"/>
    </row>
    <row r="1020707" spans="14:14">
      <c r="N1020707" s="10"/>
    </row>
    <row r="1020708" spans="14:14">
      <c r="N1020708" s="10"/>
    </row>
    <row r="1020709" spans="14:14">
      <c r="N1020709" s="10"/>
    </row>
    <row r="1020710" spans="14:14">
      <c r="N1020710" s="10"/>
    </row>
    <row r="1020711" spans="14:14">
      <c r="N1020711" s="10"/>
    </row>
    <row r="1020712" spans="14:14">
      <c r="N1020712" s="10"/>
    </row>
    <row r="1020713" spans="14:14">
      <c r="N1020713" s="10"/>
    </row>
    <row r="1020714" spans="14:14">
      <c r="N1020714" s="10"/>
    </row>
    <row r="1020715" spans="14:14">
      <c r="N1020715" s="10"/>
    </row>
    <row r="1020716" spans="14:14">
      <c r="N1020716" s="10"/>
    </row>
    <row r="1020717" spans="14:14">
      <c r="N1020717" s="10"/>
    </row>
    <row r="1020718" spans="14:14">
      <c r="N1020718" s="10"/>
    </row>
    <row r="1020719" spans="14:14">
      <c r="N1020719" s="10"/>
    </row>
    <row r="1020720" spans="14:14">
      <c r="N1020720" s="10"/>
    </row>
    <row r="1020721" spans="14:14">
      <c r="N1020721" s="10"/>
    </row>
    <row r="1020722" spans="14:14">
      <c r="N1020722" s="10"/>
    </row>
    <row r="1020723" spans="14:14">
      <c r="N1020723" s="10"/>
    </row>
    <row r="1020724" spans="14:14">
      <c r="N1020724" s="10"/>
    </row>
    <row r="1020725" spans="14:14">
      <c r="N1020725" s="10"/>
    </row>
    <row r="1020726" spans="14:14">
      <c r="N1020726" s="10"/>
    </row>
    <row r="1020727" spans="14:14">
      <c r="N1020727" s="10"/>
    </row>
    <row r="1020728" spans="14:14">
      <c r="N1020728" s="10"/>
    </row>
    <row r="1020729" spans="14:14">
      <c r="N1020729" s="10"/>
    </row>
    <row r="1020730" spans="14:14">
      <c r="N1020730" s="10"/>
    </row>
    <row r="1020731" spans="14:14">
      <c r="N1020731" s="10"/>
    </row>
    <row r="1020732" spans="14:14">
      <c r="N1020732" s="10"/>
    </row>
    <row r="1020733" spans="14:14">
      <c r="N1020733" s="10"/>
    </row>
    <row r="1020734" spans="14:14">
      <c r="N1020734" s="10"/>
    </row>
    <row r="1020735" spans="14:14">
      <c r="N1020735" s="10"/>
    </row>
    <row r="1020736" spans="14:14">
      <c r="N1020736" s="10"/>
    </row>
    <row r="1020737" spans="14:14">
      <c r="N1020737" s="10"/>
    </row>
    <row r="1020738" spans="14:14">
      <c r="N1020738" s="10"/>
    </row>
    <row r="1020739" spans="14:14">
      <c r="N1020739" s="10"/>
    </row>
    <row r="1020740" spans="14:14">
      <c r="N1020740" s="10"/>
    </row>
    <row r="1020741" spans="14:14">
      <c r="N1020741" s="10"/>
    </row>
    <row r="1020742" spans="14:14">
      <c r="N1020742" s="10"/>
    </row>
    <row r="1020743" spans="14:14">
      <c r="N1020743" s="10"/>
    </row>
    <row r="1020744" spans="14:14">
      <c r="N1020744" s="10"/>
    </row>
    <row r="1020745" spans="14:14">
      <c r="N1020745" s="10"/>
    </row>
    <row r="1020746" spans="14:14">
      <c r="N1020746" s="10"/>
    </row>
    <row r="1020747" spans="14:14">
      <c r="N1020747" s="10"/>
    </row>
    <row r="1020748" spans="14:14">
      <c r="N1020748" s="10"/>
    </row>
    <row r="1020749" spans="14:14">
      <c r="N1020749" s="10"/>
    </row>
    <row r="1020750" spans="14:14">
      <c r="N1020750" s="10"/>
    </row>
    <row r="1020751" spans="14:14">
      <c r="N1020751" s="10"/>
    </row>
    <row r="1020752" spans="14:14">
      <c r="N1020752" s="10"/>
    </row>
    <row r="1020753" spans="14:14">
      <c r="N1020753" s="10"/>
    </row>
    <row r="1020754" spans="14:14">
      <c r="N1020754" s="10"/>
    </row>
    <row r="1020755" spans="14:14">
      <c r="N1020755" s="10"/>
    </row>
    <row r="1020756" spans="14:14">
      <c r="N1020756" s="10"/>
    </row>
    <row r="1020757" spans="14:14">
      <c r="N1020757" s="10"/>
    </row>
    <row r="1020758" spans="14:14">
      <c r="N1020758" s="10"/>
    </row>
    <row r="1020759" spans="14:14">
      <c r="N1020759" s="10"/>
    </row>
    <row r="1020760" spans="14:14">
      <c r="N1020760" s="10"/>
    </row>
    <row r="1020761" spans="14:14">
      <c r="N1020761" s="10"/>
    </row>
    <row r="1020762" spans="14:14">
      <c r="N1020762" s="10"/>
    </row>
    <row r="1020763" spans="14:14">
      <c r="N1020763" s="10"/>
    </row>
    <row r="1020764" spans="14:14">
      <c r="N1020764" s="10"/>
    </row>
    <row r="1020765" spans="14:14">
      <c r="N1020765" s="10"/>
    </row>
    <row r="1020766" spans="14:14">
      <c r="N1020766" s="10"/>
    </row>
    <row r="1020767" spans="14:14">
      <c r="N1020767" s="10"/>
    </row>
    <row r="1020768" spans="14:14">
      <c r="N1020768" s="10"/>
    </row>
    <row r="1020769" spans="14:14">
      <c r="N1020769" s="10"/>
    </row>
    <row r="1020770" spans="14:14">
      <c r="N1020770" s="10"/>
    </row>
    <row r="1020771" spans="14:14">
      <c r="N1020771" s="10"/>
    </row>
    <row r="1020772" spans="14:14">
      <c r="N1020772" s="10"/>
    </row>
    <row r="1020773" spans="14:14">
      <c r="N1020773" s="10"/>
    </row>
    <row r="1020774" spans="14:14">
      <c r="N1020774" s="10"/>
    </row>
    <row r="1020775" spans="14:14">
      <c r="N1020775" s="10"/>
    </row>
    <row r="1020776" spans="14:14">
      <c r="N1020776" s="10"/>
    </row>
    <row r="1020777" spans="14:14">
      <c r="N1020777" s="10"/>
    </row>
    <row r="1020778" spans="14:14">
      <c r="N1020778" s="10"/>
    </row>
    <row r="1020779" spans="14:14">
      <c r="N1020779" s="10"/>
    </row>
    <row r="1020780" spans="14:14">
      <c r="N1020780" s="10"/>
    </row>
    <row r="1020781" spans="14:14">
      <c r="N1020781" s="10"/>
    </row>
    <row r="1020782" spans="14:14">
      <c r="N1020782" s="10"/>
    </row>
    <row r="1020783" spans="14:14">
      <c r="N1020783" s="10"/>
    </row>
    <row r="1020784" spans="14:14">
      <c r="N1020784" s="10"/>
    </row>
    <row r="1020785" spans="14:14">
      <c r="N1020785" s="10"/>
    </row>
    <row r="1020786" spans="14:14">
      <c r="N1020786" s="10"/>
    </row>
    <row r="1020787" spans="14:14">
      <c r="N1020787" s="10"/>
    </row>
    <row r="1020788" spans="14:14">
      <c r="N1020788" s="10"/>
    </row>
    <row r="1020789" spans="14:14">
      <c r="N1020789" s="10"/>
    </row>
    <row r="1020790" spans="14:14">
      <c r="N1020790" s="10"/>
    </row>
    <row r="1020791" spans="14:14">
      <c r="N1020791" s="10"/>
    </row>
    <row r="1020792" spans="14:14">
      <c r="N1020792" s="10"/>
    </row>
    <row r="1020793" spans="14:14">
      <c r="N1020793" s="10"/>
    </row>
    <row r="1020794" spans="14:14">
      <c r="N1020794" s="10"/>
    </row>
    <row r="1020795" spans="14:14">
      <c r="N1020795" s="10"/>
    </row>
    <row r="1020796" spans="14:14">
      <c r="N1020796" s="10"/>
    </row>
    <row r="1020797" spans="14:14">
      <c r="N1020797" s="10"/>
    </row>
    <row r="1020798" spans="14:14">
      <c r="N1020798" s="10"/>
    </row>
    <row r="1020799" spans="14:14">
      <c r="N1020799" s="10"/>
    </row>
    <row r="1020800" spans="14:14">
      <c r="N1020800" s="10"/>
    </row>
    <row r="1020801" spans="14:14">
      <c r="N1020801" s="10"/>
    </row>
    <row r="1020802" spans="14:14">
      <c r="N1020802" s="10"/>
    </row>
    <row r="1020803" spans="14:14">
      <c r="N1020803" s="10"/>
    </row>
    <row r="1020804" spans="14:14">
      <c r="N1020804" s="10"/>
    </row>
    <row r="1020805" spans="14:14">
      <c r="N1020805" s="10"/>
    </row>
    <row r="1020806" spans="14:14">
      <c r="N1020806" s="10"/>
    </row>
    <row r="1020807" spans="14:14">
      <c r="N1020807" s="10"/>
    </row>
    <row r="1020808" spans="14:14">
      <c r="N1020808" s="10"/>
    </row>
    <row r="1020809" spans="14:14">
      <c r="N1020809" s="10"/>
    </row>
    <row r="1020810" spans="14:14">
      <c r="N1020810" s="10"/>
    </row>
    <row r="1020811" spans="14:14">
      <c r="N1020811" s="10"/>
    </row>
    <row r="1020812" spans="14:14">
      <c r="N1020812" s="10"/>
    </row>
    <row r="1020813" spans="14:14">
      <c r="N1020813" s="10"/>
    </row>
    <row r="1020814" spans="14:14">
      <c r="N1020814" s="10"/>
    </row>
    <row r="1020815" spans="14:14">
      <c r="N1020815" s="10"/>
    </row>
    <row r="1020816" spans="14:14">
      <c r="N1020816" s="10"/>
    </row>
    <row r="1020817" spans="14:14">
      <c r="N1020817" s="10"/>
    </row>
    <row r="1020818" spans="14:14">
      <c r="N1020818" s="10"/>
    </row>
    <row r="1020819" spans="14:14">
      <c r="N1020819" s="10"/>
    </row>
    <row r="1020820" spans="14:14">
      <c r="N1020820" s="10"/>
    </row>
    <row r="1020821" spans="14:14">
      <c r="N1020821" s="10"/>
    </row>
    <row r="1020822" spans="14:14">
      <c r="N1020822" s="10"/>
    </row>
    <row r="1020823" spans="14:14">
      <c r="N1020823" s="10"/>
    </row>
    <row r="1020824" spans="14:14">
      <c r="N1020824" s="10"/>
    </row>
    <row r="1020825" spans="14:14">
      <c r="N1020825" s="10"/>
    </row>
    <row r="1020826" spans="14:14">
      <c r="N1020826" s="10"/>
    </row>
    <row r="1020827" spans="14:14">
      <c r="N1020827" s="10"/>
    </row>
    <row r="1020828" spans="14:14">
      <c r="N1020828" s="10"/>
    </row>
    <row r="1020829" spans="14:14">
      <c r="N1020829" s="10"/>
    </row>
    <row r="1020830" spans="14:14">
      <c r="N1020830" s="10"/>
    </row>
    <row r="1020831" spans="14:14">
      <c r="N1020831" s="10"/>
    </row>
    <row r="1020832" spans="14:14">
      <c r="N1020832" s="10"/>
    </row>
    <row r="1020833" spans="14:14">
      <c r="N1020833" s="10"/>
    </row>
    <row r="1020834" spans="14:14">
      <c r="N1020834" s="10"/>
    </row>
    <row r="1020835" spans="14:14">
      <c r="N1020835" s="10"/>
    </row>
    <row r="1020836" spans="14:14">
      <c r="N1020836" s="10"/>
    </row>
    <row r="1020837" spans="14:14">
      <c r="N1020837" s="10"/>
    </row>
    <row r="1020838" spans="14:14">
      <c r="N1020838" s="10"/>
    </row>
    <row r="1020839" spans="14:14">
      <c r="N1020839" s="10"/>
    </row>
    <row r="1020840" spans="14:14">
      <c r="N1020840" s="10"/>
    </row>
    <row r="1020841" spans="14:14">
      <c r="N1020841" s="10"/>
    </row>
    <row r="1020842" spans="14:14">
      <c r="N1020842" s="10"/>
    </row>
    <row r="1020843" spans="14:14">
      <c r="N1020843" s="10"/>
    </row>
    <row r="1020844" spans="14:14">
      <c r="N1020844" s="10"/>
    </row>
    <row r="1020845" spans="14:14">
      <c r="N1020845" s="10"/>
    </row>
    <row r="1020846" spans="14:14">
      <c r="N1020846" s="10"/>
    </row>
    <row r="1020847" spans="14:14">
      <c r="N1020847" s="10"/>
    </row>
    <row r="1020848" spans="14:14">
      <c r="N1020848" s="10"/>
    </row>
    <row r="1020849" spans="14:14">
      <c r="N1020849" s="10"/>
    </row>
    <row r="1020850" spans="14:14">
      <c r="N1020850" s="10"/>
    </row>
    <row r="1020851" spans="14:14">
      <c r="N1020851" s="10"/>
    </row>
    <row r="1020852" spans="14:14">
      <c r="N1020852" s="10"/>
    </row>
    <row r="1020853" spans="14:14">
      <c r="N1020853" s="10"/>
    </row>
    <row r="1020854" spans="14:14">
      <c r="N1020854" s="10"/>
    </row>
    <row r="1020855" spans="14:14">
      <c r="N1020855" s="10"/>
    </row>
    <row r="1020856" spans="14:14">
      <c r="N1020856" s="10"/>
    </row>
    <row r="1020857" spans="14:14">
      <c r="N1020857" s="10"/>
    </row>
    <row r="1020858" spans="14:14">
      <c r="N1020858" s="10"/>
    </row>
    <row r="1020859" spans="14:14">
      <c r="N1020859" s="10"/>
    </row>
    <row r="1020860" spans="14:14">
      <c r="N1020860" s="10"/>
    </row>
    <row r="1020861" spans="14:14">
      <c r="N1020861" s="10"/>
    </row>
    <row r="1020862" spans="14:14">
      <c r="N1020862" s="10"/>
    </row>
    <row r="1020863" spans="14:14">
      <c r="N1020863" s="10"/>
    </row>
    <row r="1020864" spans="14:14">
      <c r="N1020864" s="10"/>
    </row>
    <row r="1020865" spans="14:14">
      <c r="N1020865" s="10"/>
    </row>
    <row r="1020866" spans="14:14">
      <c r="N1020866" s="10"/>
    </row>
    <row r="1020867" spans="14:14">
      <c r="N1020867" s="10"/>
    </row>
    <row r="1020868" spans="14:14">
      <c r="N1020868" s="10"/>
    </row>
    <row r="1020869" spans="14:14">
      <c r="N1020869" s="10"/>
    </row>
    <row r="1020870" spans="14:14">
      <c r="N1020870" s="10"/>
    </row>
    <row r="1020871" spans="14:14">
      <c r="N1020871" s="10"/>
    </row>
    <row r="1020872" spans="14:14">
      <c r="N1020872" s="10"/>
    </row>
    <row r="1020873" spans="14:14">
      <c r="N1020873" s="10"/>
    </row>
    <row r="1020874" spans="14:14">
      <c r="N1020874" s="10"/>
    </row>
    <row r="1020875" spans="14:14">
      <c r="N1020875" s="10"/>
    </row>
    <row r="1020876" spans="14:14">
      <c r="N1020876" s="10"/>
    </row>
    <row r="1020877" spans="14:14">
      <c r="N1020877" s="10"/>
    </row>
    <row r="1020878" spans="14:14">
      <c r="N1020878" s="10"/>
    </row>
    <row r="1020879" spans="14:14">
      <c r="N1020879" s="10"/>
    </row>
    <row r="1020880" spans="14:14">
      <c r="N1020880" s="10"/>
    </row>
    <row r="1020881" spans="14:14">
      <c r="N1020881" s="10"/>
    </row>
    <row r="1020882" spans="14:14">
      <c r="N1020882" s="10"/>
    </row>
    <row r="1020883" spans="14:14">
      <c r="N1020883" s="10"/>
    </row>
    <row r="1020884" spans="14:14">
      <c r="N1020884" s="10"/>
    </row>
    <row r="1020885" spans="14:14">
      <c r="N1020885" s="10"/>
    </row>
    <row r="1020886" spans="14:14">
      <c r="N1020886" s="10"/>
    </row>
    <row r="1020887" spans="14:14">
      <c r="N1020887" s="10"/>
    </row>
    <row r="1020888" spans="14:14">
      <c r="N1020888" s="10"/>
    </row>
    <row r="1020889" spans="14:14">
      <c r="N1020889" s="10"/>
    </row>
    <row r="1020890" spans="14:14">
      <c r="N1020890" s="10"/>
    </row>
    <row r="1020891" spans="14:14">
      <c r="N1020891" s="10"/>
    </row>
    <row r="1020892" spans="14:14">
      <c r="N1020892" s="10"/>
    </row>
    <row r="1020893" spans="14:14">
      <c r="N1020893" s="10"/>
    </row>
    <row r="1020894" spans="14:14">
      <c r="N1020894" s="10"/>
    </row>
    <row r="1020895" spans="14:14">
      <c r="N1020895" s="10"/>
    </row>
    <row r="1020896" spans="14:14">
      <c r="N1020896" s="10"/>
    </row>
    <row r="1020897" spans="14:14">
      <c r="N1020897" s="10"/>
    </row>
    <row r="1020898" spans="14:14">
      <c r="N1020898" s="10"/>
    </row>
    <row r="1020899" spans="14:14">
      <c r="N1020899" s="10"/>
    </row>
    <row r="1020900" spans="14:14">
      <c r="N1020900" s="10"/>
    </row>
    <row r="1020901" spans="14:14">
      <c r="N1020901" s="10"/>
    </row>
    <row r="1020902" spans="14:14">
      <c r="N1020902" s="10"/>
    </row>
    <row r="1020903" spans="14:14">
      <c r="N1020903" s="10"/>
    </row>
    <row r="1020904" spans="14:14">
      <c r="N1020904" s="10"/>
    </row>
    <row r="1020905" spans="14:14">
      <c r="N1020905" s="10"/>
    </row>
    <row r="1020906" spans="14:14">
      <c r="N1020906" s="10"/>
    </row>
    <row r="1020907" spans="14:14">
      <c r="N1020907" s="10"/>
    </row>
    <row r="1020908" spans="14:14">
      <c r="N1020908" s="10"/>
    </row>
    <row r="1020909" spans="14:14">
      <c r="N1020909" s="10"/>
    </row>
    <row r="1020910" spans="14:14">
      <c r="N1020910" s="10"/>
    </row>
    <row r="1020911" spans="14:14">
      <c r="N1020911" s="10"/>
    </row>
    <row r="1020912" spans="14:14">
      <c r="N1020912" s="10"/>
    </row>
    <row r="1020913" spans="14:14">
      <c r="N1020913" s="10"/>
    </row>
    <row r="1020914" spans="14:14">
      <c r="N1020914" s="10"/>
    </row>
    <row r="1020915" spans="14:14">
      <c r="N1020915" s="10"/>
    </row>
    <row r="1020916" spans="14:14">
      <c r="N1020916" s="10"/>
    </row>
    <row r="1020917" spans="14:14">
      <c r="N1020917" s="10"/>
    </row>
    <row r="1020918" spans="14:14">
      <c r="N1020918" s="10"/>
    </row>
    <row r="1020919" spans="14:14">
      <c r="N1020919" s="10"/>
    </row>
    <row r="1020920" spans="14:14">
      <c r="N1020920" s="10"/>
    </row>
    <row r="1020921" spans="14:14">
      <c r="N1020921" s="10"/>
    </row>
    <row r="1020922" spans="14:14">
      <c r="N1020922" s="10"/>
    </row>
    <row r="1020923" spans="14:14">
      <c r="N1020923" s="10"/>
    </row>
    <row r="1020924" spans="14:14">
      <c r="N1020924" s="10"/>
    </row>
    <row r="1020925" spans="14:14">
      <c r="N1020925" s="10"/>
    </row>
    <row r="1020926" spans="14:14">
      <c r="N1020926" s="10"/>
    </row>
    <row r="1020927" spans="14:14">
      <c r="N1020927" s="10"/>
    </row>
    <row r="1020928" spans="14:14">
      <c r="N1020928" s="10"/>
    </row>
    <row r="1020929" spans="14:14">
      <c r="N1020929" s="10"/>
    </row>
    <row r="1020930" spans="14:14">
      <c r="N1020930" s="10"/>
    </row>
    <row r="1020931" spans="14:14">
      <c r="N1020931" s="10"/>
    </row>
    <row r="1020932" spans="14:14">
      <c r="N1020932" s="10"/>
    </row>
    <row r="1020933" spans="14:14">
      <c r="N1020933" s="10"/>
    </row>
    <row r="1020934" spans="14:14">
      <c r="N1020934" s="10"/>
    </row>
    <row r="1020935" spans="14:14">
      <c r="N1020935" s="10"/>
    </row>
    <row r="1020936" spans="14:14">
      <c r="N1020936" s="10"/>
    </row>
    <row r="1020937" spans="14:14">
      <c r="N1020937" s="10"/>
    </row>
    <row r="1020938" spans="14:14">
      <c r="N1020938" s="10"/>
    </row>
    <row r="1020939" spans="14:14">
      <c r="N1020939" s="10"/>
    </row>
    <row r="1020940" spans="14:14">
      <c r="N1020940" s="10"/>
    </row>
    <row r="1020941" spans="14:14">
      <c r="N1020941" s="10"/>
    </row>
    <row r="1020942" spans="14:14">
      <c r="N1020942" s="10"/>
    </row>
    <row r="1020943" spans="14:14">
      <c r="N1020943" s="10"/>
    </row>
    <row r="1020944" spans="14:14">
      <c r="N1020944" s="10"/>
    </row>
    <row r="1020945" spans="14:14">
      <c r="N1020945" s="10"/>
    </row>
    <row r="1020946" spans="14:14">
      <c r="N1020946" s="10"/>
    </row>
    <row r="1020947" spans="14:14">
      <c r="N1020947" s="10"/>
    </row>
    <row r="1020948" spans="14:14">
      <c r="N1020948" s="10"/>
    </row>
    <row r="1020949" spans="14:14">
      <c r="N1020949" s="10"/>
    </row>
    <row r="1020950" spans="14:14">
      <c r="N1020950" s="10"/>
    </row>
    <row r="1020951" spans="14:14">
      <c r="N1020951" s="10"/>
    </row>
    <row r="1020952" spans="14:14">
      <c r="N1020952" s="10"/>
    </row>
    <row r="1020953" spans="14:14">
      <c r="N1020953" s="10"/>
    </row>
    <row r="1020954" spans="14:14">
      <c r="N1020954" s="10"/>
    </row>
    <row r="1020955" spans="14:14">
      <c r="N1020955" s="10"/>
    </row>
    <row r="1020956" spans="14:14">
      <c r="N1020956" s="10"/>
    </row>
    <row r="1020957" spans="14:14">
      <c r="N1020957" s="10"/>
    </row>
    <row r="1020958" spans="14:14">
      <c r="N1020958" s="10"/>
    </row>
    <row r="1020959" spans="14:14">
      <c r="N1020959" s="10"/>
    </row>
    <row r="1020960" spans="14:14">
      <c r="N1020960" s="10"/>
    </row>
    <row r="1020961" spans="14:14">
      <c r="N1020961" s="10"/>
    </row>
    <row r="1020962" spans="14:14">
      <c r="N1020962" s="10"/>
    </row>
    <row r="1020963" spans="14:14">
      <c r="N1020963" s="10"/>
    </row>
    <row r="1020964" spans="14:14">
      <c r="N1020964" s="10"/>
    </row>
    <row r="1020965" spans="14:14">
      <c r="N1020965" s="10"/>
    </row>
    <row r="1020966" spans="14:14">
      <c r="N1020966" s="10"/>
    </row>
    <row r="1020967" spans="14:14">
      <c r="N1020967" s="10"/>
    </row>
    <row r="1020968" spans="14:14">
      <c r="N1020968" s="10"/>
    </row>
    <row r="1020969" spans="14:14">
      <c r="N1020969" s="10"/>
    </row>
    <row r="1020970" spans="14:14">
      <c r="N1020970" s="10"/>
    </row>
    <row r="1020971" spans="14:14">
      <c r="N1020971" s="10"/>
    </row>
    <row r="1020972" spans="14:14">
      <c r="N1020972" s="10"/>
    </row>
    <row r="1020973" spans="14:14">
      <c r="N1020973" s="10"/>
    </row>
    <row r="1020974" spans="14:14">
      <c r="N1020974" s="10"/>
    </row>
    <row r="1020975" spans="14:14">
      <c r="N1020975" s="10"/>
    </row>
    <row r="1020976" spans="14:14">
      <c r="N1020976" s="10"/>
    </row>
    <row r="1020977" spans="14:14">
      <c r="N1020977" s="10"/>
    </row>
    <row r="1020978" spans="14:14">
      <c r="N1020978" s="10"/>
    </row>
    <row r="1020979" spans="14:14">
      <c r="N1020979" s="10"/>
    </row>
    <row r="1020980" spans="14:14">
      <c r="N1020980" s="10"/>
    </row>
    <row r="1020981" spans="14:14">
      <c r="N1020981" s="10"/>
    </row>
    <row r="1020982" spans="14:14">
      <c r="N1020982" s="10"/>
    </row>
    <row r="1020983" spans="14:14">
      <c r="N1020983" s="10"/>
    </row>
    <row r="1020984" spans="14:14">
      <c r="N1020984" s="10"/>
    </row>
    <row r="1020985" spans="14:14">
      <c r="N1020985" s="10"/>
    </row>
    <row r="1020986" spans="14:14">
      <c r="N1020986" s="10"/>
    </row>
    <row r="1020987" spans="14:14">
      <c r="N1020987" s="10"/>
    </row>
    <row r="1020988" spans="14:14">
      <c r="N1020988" s="10"/>
    </row>
    <row r="1020989" spans="14:14">
      <c r="N1020989" s="10"/>
    </row>
    <row r="1020990" spans="14:14">
      <c r="N1020990" s="10"/>
    </row>
    <row r="1020991" spans="14:14">
      <c r="N1020991" s="10"/>
    </row>
    <row r="1020992" spans="14:14">
      <c r="N1020992" s="10"/>
    </row>
    <row r="1020993" spans="14:14">
      <c r="N1020993" s="10"/>
    </row>
    <row r="1020994" spans="14:14">
      <c r="N1020994" s="10"/>
    </row>
    <row r="1020995" spans="14:14">
      <c r="N1020995" s="10"/>
    </row>
    <row r="1020996" spans="14:14">
      <c r="N1020996" s="10"/>
    </row>
    <row r="1020997" spans="14:14">
      <c r="N1020997" s="10"/>
    </row>
    <row r="1020998" spans="14:14">
      <c r="N1020998" s="10"/>
    </row>
    <row r="1020999" spans="14:14">
      <c r="N1020999" s="10"/>
    </row>
    <row r="1021000" spans="14:14">
      <c r="N1021000" s="10"/>
    </row>
    <row r="1021001" spans="14:14">
      <c r="N1021001" s="10"/>
    </row>
    <row r="1021002" spans="14:14">
      <c r="N1021002" s="10"/>
    </row>
    <row r="1021003" spans="14:14">
      <c r="N1021003" s="10"/>
    </row>
    <row r="1021004" spans="14:14">
      <c r="N1021004" s="10"/>
    </row>
    <row r="1021005" spans="14:14">
      <c r="N1021005" s="10"/>
    </row>
    <row r="1021006" spans="14:14">
      <c r="N1021006" s="10"/>
    </row>
    <row r="1021007" spans="14:14">
      <c r="N1021007" s="10"/>
    </row>
    <row r="1021008" spans="14:14">
      <c r="N1021008" s="10"/>
    </row>
    <row r="1021009" spans="14:14">
      <c r="N1021009" s="10"/>
    </row>
    <row r="1021010" spans="14:14">
      <c r="N1021010" s="10"/>
    </row>
    <row r="1021011" spans="14:14">
      <c r="N1021011" s="10"/>
    </row>
    <row r="1021012" spans="14:14">
      <c r="N1021012" s="10"/>
    </row>
    <row r="1021013" spans="14:14">
      <c r="N1021013" s="10"/>
    </row>
    <row r="1021014" spans="14:14">
      <c r="N1021014" s="10"/>
    </row>
    <row r="1021015" spans="14:14">
      <c r="N1021015" s="10"/>
    </row>
    <row r="1021016" spans="14:14">
      <c r="N1021016" s="10"/>
    </row>
    <row r="1021017" spans="14:14">
      <c r="N1021017" s="10"/>
    </row>
    <row r="1021018" spans="14:14">
      <c r="N1021018" s="10"/>
    </row>
    <row r="1021019" spans="14:14">
      <c r="N1021019" s="10"/>
    </row>
    <row r="1021020" spans="14:14">
      <c r="N1021020" s="10"/>
    </row>
    <row r="1021021" spans="14:14">
      <c r="N1021021" s="10"/>
    </row>
    <row r="1021022" spans="14:14">
      <c r="N1021022" s="10"/>
    </row>
    <row r="1021023" spans="14:14">
      <c r="N1021023" s="10"/>
    </row>
    <row r="1021024" spans="14:14">
      <c r="N1021024" s="10"/>
    </row>
    <row r="1021025" spans="14:14">
      <c r="N1021025" s="10"/>
    </row>
    <row r="1021026" spans="14:14">
      <c r="N1021026" s="10"/>
    </row>
    <row r="1021027" spans="14:14">
      <c r="N1021027" s="10"/>
    </row>
    <row r="1021028" spans="14:14">
      <c r="N1021028" s="10"/>
    </row>
    <row r="1021029" spans="14:14">
      <c r="N1021029" s="10"/>
    </row>
    <row r="1021030" spans="14:14">
      <c r="N1021030" s="10"/>
    </row>
    <row r="1021031" spans="14:14">
      <c r="N1021031" s="10"/>
    </row>
    <row r="1021032" spans="14:14">
      <c r="N1021032" s="10"/>
    </row>
    <row r="1021033" spans="14:14">
      <c r="N1021033" s="10"/>
    </row>
    <row r="1021034" spans="14:14">
      <c r="N1021034" s="10"/>
    </row>
    <row r="1021035" spans="14:14">
      <c r="N1021035" s="10"/>
    </row>
    <row r="1021036" spans="14:14">
      <c r="N1021036" s="10"/>
    </row>
    <row r="1021037" spans="14:14">
      <c r="N1021037" s="10"/>
    </row>
    <row r="1021038" spans="14:14">
      <c r="N1021038" s="10"/>
    </row>
    <row r="1021039" spans="14:14">
      <c r="N1021039" s="10"/>
    </row>
    <row r="1021040" spans="14:14">
      <c r="N1021040" s="10"/>
    </row>
    <row r="1021041" spans="14:14">
      <c r="N1021041" s="10"/>
    </row>
    <row r="1021042" spans="14:14">
      <c r="N1021042" s="10"/>
    </row>
    <row r="1021043" spans="14:14">
      <c r="N1021043" s="10"/>
    </row>
    <row r="1021044" spans="14:14">
      <c r="N1021044" s="10"/>
    </row>
    <row r="1021045" spans="14:14">
      <c r="N1021045" s="10"/>
    </row>
    <row r="1021046" spans="14:14">
      <c r="N1021046" s="10"/>
    </row>
    <row r="1021047" spans="14:14">
      <c r="N1021047" s="10"/>
    </row>
    <row r="1021048" spans="14:14">
      <c r="N1021048" s="10"/>
    </row>
    <row r="1021049" spans="14:14">
      <c r="N1021049" s="10"/>
    </row>
    <row r="1021050" spans="14:14">
      <c r="N1021050" s="10"/>
    </row>
    <row r="1021051" spans="14:14">
      <c r="N1021051" s="10"/>
    </row>
    <row r="1021052" spans="14:14">
      <c r="N1021052" s="10"/>
    </row>
    <row r="1021053" spans="14:14">
      <c r="N1021053" s="10"/>
    </row>
    <row r="1021054" spans="14:14">
      <c r="N1021054" s="10"/>
    </row>
    <row r="1021055" spans="14:14">
      <c r="N1021055" s="10"/>
    </row>
    <row r="1021056" spans="14:14">
      <c r="N1021056" s="10"/>
    </row>
    <row r="1021057" spans="14:14">
      <c r="N1021057" s="10"/>
    </row>
    <row r="1021058" spans="14:14">
      <c r="N1021058" s="10"/>
    </row>
    <row r="1021059" spans="14:14">
      <c r="N1021059" s="10"/>
    </row>
    <row r="1021060" spans="14:14">
      <c r="N1021060" s="10"/>
    </row>
    <row r="1021061" spans="14:14">
      <c r="N1021061" s="10"/>
    </row>
    <row r="1021062" spans="14:14">
      <c r="N1021062" s="10"/>
    </row>
    <row r="1021063" spans="14:14">
      <c r="N1021063" s="10"/>
    </row>
    <row r="1021064" spans="14:14">
      <c r="N1021064" s="10"/>
    </row>
    <row r="1021065" spans="14:14">
      <c r="N1021065" s="10"/>
    </row>
    <row r="1021066" spans="14:14">
      <c r="N1021066" s="10"/>
    </row>
    <row r="1021067" spans="14:14">
      <c r="N1021067" s="10"/>
    </row>
    <row r="1021068" spans="14:14">
      <c r="N1021068" s="10"/>
    </row>
    <row r="1021069" spans="14:14">
      <c r="N1021069" s="10"/>
    </row>
    <row r="1021070" spans="14:14">
      <c r="N1021070" s="10"/>
    </row>
    <row r="1021071" spans="14:14">
      <c r="N1021071" s="10"/>
    </row>
    <row r="1021072" spans="14:14">
      <c r="N1021072" s="10"/>
    </row>
    <row r="1021073" spans="14:14">
      <c r="N1021073" s="10"/>
    </row>
    <row r="1021074" spans="14:14">
      <c r="N1021074" s="10"/>
    </row>
    <row r="1021075" spans="14:14">
      <c r="N1021075" s="10"/>
    </row>
    <row r="1021076" spans="14:14">
      <c r="N1021076" s="10"/>
    </row>
    <row r="1021077" spans="14:14">
      <c r="N1021077" s="10"/>
    </row>
    <row r="1021078" spans="14:14">
      <c r="N1021078" s="10"/>
    </row>
    <row r="1021079" spans="14:14">
      <c r="N1021079" s="10"/>
    </row>
    <row r="1021080" spans="14:14">
      <c r="N1021080" s="10"/>
    </row>
    <row r="1021081" spans="14:14">
      <c r="N1021081" s="10"/>
    </row>
    <row r="1021082" spans="14:14">
      <c r="N1021082" s="10"/>
    </row>
    <row r="1021083" spans="14:14">
      <c r="N1021083" s="10"/>
    </row>
    <row r="1021084" spans="14:14">
      <c r="N1021084" s="10"/>
    </row>
    <row r="1021085" spans="14:14">
      <c r="N1021085" s="10"/>
    </row>
    <row r="1021086" spans="14:14">
      <c r="N1021086" s="10"/>
    </row>
    <row r="1021087" spans="14:14">
      <c r="N1021087" s="10"/>
    </row>
    <row r="1021088" spans="14:14">
      <c r="N1021088" s="10"/>
    </row>
    <row r="1021089" spans="14:14">
      <c r="N1021089" s="10"/>
    </row>
    <row r="1021090" spans="14:14">
      <c r="N1021090" s="10"/>
    </row>
    <row r="1021091" spans="14:14">
      <c r="N1021091" s="10"/>
    </row>
    <row r="1021092" spans="14:14">
      <c r="N1021092" s="10"/>
    </row>
    <row r="1021093" spans="14:14">
      <c r="N1021093" s="10"/>
    </row>
    <row r="1021094" spans="14:14">
      <c r="N1021094" s="10"/>
    </row>
    <row r="1021095" spans="14:14">
      <c r="N1021095" s="10"/>
    </row>
    <row r="1021096" spans="14:14">
      <c r="N1021096" s="10"/>
    </row>
    <row r="1021097" spans="14:14">
      <c r="N1021097" s="10"/>
    </row>
    <row r="1021098" spans="14:14">
      <c r="N1021098" s="10"/>
    </row>
    <row r="1021099" spans="14:14">
      <c r="N1021099" s="10"/>
    </row>
    <row r="1021100" spans="14:14">
      <c r="N1021100" s="10"/>
    </row>
    <row r="1021101" spans="14:14">
      <c r="N1021101" s="10"/>
    </row>
    <row r="1021102" spans="14:14">
      <c r="N1021102" s="10"/>
    </row>
    <row r="1021103" spans="14:14">
      <c r="N1021103" s="10"/>
    </row>
    <row r="1021104" spans="14:14">
      <c r="N1021104" s="10"/>
    </row>
    <row r="1021105" spans="14:14">
      <c r="N1021105" s="10"/>
    </row>
    <row r="1021106" spans="14:14">
      <c r="N1021106" s="10"/>
    </row>
    <row r="1021107" spans="14:14">
      <c r="N1021107" s="10"/>
    </row>
    <row r="1021108" spans="14:14">
      <c r="N1021108" s="10"/>
    </row>
    <row r="1021109" spans="14:14">
      <c r="N1021109" s="10"/>
    </row>
    <row r="1021110" spans="14:14">
      <c r="N1021110" s="10"/>
    </row>
    <row r="1021111" spans="14:14">
      <c r="N1021111" s="10"/>
    </row>
    <row r="1021112" spans="14:14">
      <c r="N1021112" s="10"/>
    </row>
    <row r="1021113" spans="14:14">
      <c r="N1021113" s="10"/>
    </row>
    <row r="1021114" spans="14:14">
      <c r="N1021114" s="10"/>
    </row>
    <row r="1021115" spans="14:14">
      <c r="N1021115" s="10"/>
    </row>
    <row r="1021116" spans="14:14">
      <c r="N1021116" s="10"/>
    </row>
    <row r="1021117" spans="14:14">
      <c r="N1021117" s="10"/>
    </row>
    <row r="1021118" spans="14:14">
      <c r="N1021118" s="10"/>
    </row>
    <row r="1021119" spans="14:14">
      <c r="N1021119" s="10"/>
    </row>
    <row r="1021120" spans="14:14">
      <c r="N1021120" s="10"/>
    </row>
    <row r="1021121" spans="14:14">
      <c r="N1021121" s="10"/>
    </row>
    <row r="1021122" spans="14:14">
      <c r="N1021122" s="10"/>
    </row>
    <row r="1021123" spans="14:14">
      <c r="N1021123" s="10"/>
    </row>
    <row r="1021124" spans="14:14">
      <c r="N1021124" s="10"/>
    </row>
    <row r="1021125" spans="14:14">
      <c r="N1021125" s="10"/>
    </row>
    <row r="1021126" spans="14:14">
      <c r="N1021126" s="10"/>
    </row>
    <row r="1021127" spans="14:14">
      <c r="N1021127" s="10"/>
    </row>
    <row r="1021128" spans="14:14">
      <c r="N1021128" s="10"/>
    </row>
    <row r="1021129" spans="14:14">
      <c r="N1021129" s="10"/>
    </row>
    <row r="1021130" spans="14:14">
      <c r="N1021130" s="10"/>
    </row>
    <row r="1021131" spans="14:14">
      <c r="N1021131" s="10"/>
    </row>
    <row r="1021132" spans="14:14">
      <c r="N1021132" s="10"/>
    </row>
    <row r="1021133" spans="14:14">
      <c r="N1021133" s="10"/>
    </row>
    <row r="1021134" spans="14:14">
      <c r="N1021134" s="10"/>
    </row>
    <row r="1021135" spans="14:14">
      <c r="N1021135" s="10"/>
    </row>
    <row r="1021136" spans="14:14">
      <c r="N1021136" s="10"/>
    </row>
    <row r="1021137" spans="14:14">
      <c r="N1021137" s="10"/>
    </row>
    <row r="1021138" spans="14:14">
      <c r="N1021138" s="10"/>
    </row>
    <row r="1021139" spans="14:14">
      <c r="N1021139" s="10"/>
    </row>
    <row r="1021140" spans="14:14">
      <c r="N1021140" s="10"/>
    </row>
    <row r="1021141" spans="14:14">
      <c r="N1021141" s="10"/>
    </row>
    <row r="1021142" spans="14:14">
      <c r="N1021142" s="10"/>
    </row>
    <row r="1021143" spans="14:14">
      <c r="N1021143" s="10"/>
    </row>
    <row r="1021144" spans="14:14">
      <c r="N1021144" s="10"/>
    </row>
    <row r="1021145" spans="14:14">
      <c r="N1021145" s="10"/>
    </row>
    <row r="1021146" spans="14:14">
      <c r="N1021146" s="10"/>
    </row>
    <row r="1021147" spans="14:14">
      <c r="N1021147" s="10"/>
    </row>
    <row r="1021148" spans="14:14">
      <c r="N1021148" s="10"/>
    </row>
    <row r="1021149" spans="14:14">
      <c r="N1021149" s="10"/>
    </row>
    <row r="1021150" spans="14:14">
      <c r="N1021150" s="10"/>
    </row>
    <row r="1021151" spans="14:14">
      <c r="N1021151" s="10"/>
    </row>
    <row r="1021152" spans="14:14">
      <c r="N1021152" s="10"/>
    </row>
    <row r="1021153" spans="14:14">
      <c r="N1021153" s="10"/>
    </row>
    <row r="1021154" spans="14:14">
      <c r="N1021154" s="10"/>
    </row>
    <row r="1021155" spans="14:14">
      <c r="N1021155" s="10"/>
    </row>
    <row r="1021156" spans="14:14">
      <c r="N1021156" s="10"/>
    </row>
    <row r="1021157" spans="14:14">
      <c r="N1021157" s="10"/>
    </row>
    <row r="1021158" spans="14:14">
      <c r="N1021158" s="10"/>
    </row>
    <row r="1021159" spans="14:14">
      <c r="N1021159" s="10"/>
    </row>
    <row r="1021160" spans="14:14">
      <c r="N1021160" s="10"/>
    </row>
    <row r="1021161" spans="14:14">
      <c r="N1021161" s="10"/>
    </row>
    <row r="1021162" spans="14:14">
      <c r="N1021162" s="10"/>
    </row>
    <row r="1021163" spans="14:14">
      <c r="N1021163" s="10"/>
    </row>
    <row r="1021164" spans="14:14">
      <c r="N1021164" s="10"/>
    </row>
    <row r="1021165" spans="14:14">
      <c r="N1021165" s="10"/>
    </row>
    <row r="1021166" spans="14:14">
      <c r="N1021166" s="10"/>
    </row>
    <row r="1021167" spans="14:14">
      <c r="N1021167" s="10"/>
    </row>
    <row r="1021168" spans="14:14">
      <c r="N1021168" s="10"/>
    </row>
    <row r="1021169" spans="14:14">
      <c r="N1021169" s="10"/>
    </row>
    <row r="1021170" spans="14:14">
      <c r="N1021170" s="10"/>
    </row>
    <row r="1021171" spans="14:14">
      <c r="N1021171" s="10"/>
    </row>
    <row r="1021172" spans="14:14">
      <c r="N1021172" s="10"/>
    </row>
    <row r="1021173" spans="14:14">
      <c r="N1021173" s="10"/>
    </row>
    <row r="1021174" spans="14:14">
      <c r="N1021174" s="10"/>
    </row>
    <row r="1021175" spans="14:14">
      <c r="N1021175" s="10"/>
    </row>
    <row r="1021176" spans="14:14">
      <c r="N1021176" s="10"/>
    </row>
    <row r="1021177" spans="14:14">
      <c r="N1021177" s="10"/>
    </row>
    <row r="1021178" spans="14:14">
      <c r="N1021178" s="10"/>
    </row>
    <row r="1021179" spans="14:14">
      <c r="N1021179" s="10"/>
    </row>
    <row r="1021180" spans="14:14">
      <c r="N1021180" s="10"/>
    </row>
    <row r="1021181" spans="14:14">
      <c r="N1021181" s="10"/>
    </row>
    <row r="1021182" spans="14:14">
      <c r="N1021182" s="10"/>
    </row>
    <row r="1021183" spans="14:14">
      <c r="N1021183" s="10"/>
    </row>
    <row r="1021184" spans="14:14">
      <c r="N1021184" s="10"/>
    </row>
    <row r="1021185" spans="14:14">
      <c r="N1021185" s="10"/>
    </row>
    <row r="1021186" spans="14:14">
      <c r="N1021186" s="10"/>
    </row>
    <row r="1021187" spans="14:14">
      <c r="N1021187" s="10"/>
    </row>
    <row r="1021188" spans="14:14">
      <c r="N1021188" s="10"/>
    </row>
    <row r="1021189" spans="14:14">
      <c r="N1021189" s="10"/>
    </row>
    <row r="1021190" spans="14:14">
      <c r="N1021190" s="10"/>
    </row>
    <row r="1021191" spans="14:14">
      <c r="N1021191" s="10"/>
    </row>
    <row r="1021192" spans="14:14">
      <c r="N1021192" s="10"/>
    </row>
    <row r="1021193" spans="14:14">
      <c r="N1021193" s="10"/>
    </row>
    <row r="1021194" spans="14:14">
      <c r="N1021194" s="10"/>
    </row>
    <row r="1021195" spans="14:14">
      <c r="N1021195" s="10"/>
    </row>
    <row r="1021196" spans="14:14">
      <c r="N1021196" s="10"/>
    </row>
    <row r="1021197" spans="14:14">
      <c r="N1021197" s="10"/>
    </row>
    <row r="1021198" spans="14:14">
      <c r="N1021198" s="10"/>
    </row>
    <row r="1021199" spans="14:14">
      <c r="N1021199" s="10"/>
    </row>
    <row r="1021200" spans="14:14">
      <c r="N1021200" s="10"/>
    </row>
    <row r="1021201" spans="14:14">
      <c r="N1021201" s="10"/>
    </row>
    <row r="1021202" spans="14:14">
      <c r="N1021202" s="10"/>
    </row>
    <row r="1021203" spans="14:14">
      <c r="N1021203" s="10"/>
    </row>
    <row r="1021204" spans="14:14">
      <c r="N1021204" s="10"/>
    </row>
    <row r="1021205" spans="14:14">
      <c r="N1021205" s="10"/>
    </row>
    <row r="1021206" spans="14:14">
      <c r="N1021206" s="10"/>
    </row>
    <row r="1021207" spans="14:14">
      <c r="N1021207" s="10"/>
    </row>
    <row r="1021208" spans="14:14">
      <c r="N1021208" s="10"/>
    </row>
    <row r="1021209" spans="14:14">
      <c r="N1021209" s="10"/>
    </row>
    <row r="1021210" spans="14:14">
      <c r="N1021210" s="10"/>
    </row>
    <row r="1021211" spans="14:14">
      <c r="N1021211" s="10"/>
    </row>
    <row r="1021212" spans="14:14">
      <c r="N1021212" s="10"/>
    </row>
    <row r="1021213" spans="14:14">
      <c r="N1021213" s="10"/>
    </row>
    <row r="1021214" spans="14:14">
      <c r="N1021214" s="10"/>
    </row>
    <row r="1021215" spans="14:14">
      <c r="N1021215" s="10"/>
    </row>
    <row r="1021216" spans="14:14">
      <c r="N1021216" s="10"/>
    </row>
    <row r="1021217" spans="14:14">
      <c r="N1021217" s="10"/>
    </row>
    <row r="1021218" spans="14:14">
      <c r="N1021218" s="10"/>
    </row>
    <row r="1021219" spans="14:14">
      <c r="N1021219" s="10"/>
    </row>
    <row r="1021220" spans="14:14">
      <c r="N1021220" s="10"/>
    </row>
    <row r="1021221" spans="14:14">
      <c r="N1021221" s="10"/>
    </row>
    <row r="1021222" spans="14:14">
      <c r="N1021222" s="10"/>
    </row>
    <row r="1021223" spans="14:14">
      <c r="N1021223" s="10"/>
    </row>
    <row r="1021224" spans="14:14">
      <c r="N1021224" s="10"/>
    </row>
    <row r="1021225" spans="14:14">
      <c r="N1021225" s="10"/>
    </row>
    <row r="1021226" spans="14:14">
      <c r="N1021226" s="10"/>
    </row>
    <row r="1021227" spans="14:14">
      <c r="N1021227" s="10"/>
    </row>
    <row r="1021228" spans="14:14">
      <c r="N1021228" s="10"/>
    </row>
    <row r="1021229" spans="14:14">
      <c r="N1021229" s="10"/>
    </row>
    <row r="1021230" spans="14:14">
      <c r="N1021230" s="10"/>
    </row>
    <row r="1021231" spans="14:14">
      <c r="N1021231" s="10"/>
    </row>
    <row r="1021232" spans="14:14">
      <c r="N1021232" s="10"/>
    </row>
    <row r="1021233" spans="14:14">
      <c r="N1021233" s="10"/>
    </row>
    <row r="1021234" spans="14:14">
      <c r="N1021234" s="10"/>
    </row>
    <row r="1021235" spans="14:14">
      <c r="N1021235" s="10"/>
    </row>
    <row r="1021236" spans="14:14">
      <c r="N1021236" s="10"/>
    </row>
    <row r="1021237" spans="14:14">
      <c r="N1021237" s="10"/>
    </row>
    <row r="1021238" spans="14:14">
      <c r="N1021238" s="10"/>
    </row>
    <row r="1021239" spans="14:14">
      <c r="N1021239" s="10"/>
    </row>
    <row r="1021240" spans="14:14">
      <c r="N1021240" s="10"/>
    </row>
    <row r="1021241" spans="14:14">
      <c r="N1021241" s="10"/>
    </row>
    <row r="1021242" spans="14:14">
      <c r="N1021242" s="10"/>
    </row>
    <row r="1021243" spans="14:14">
      <c r="N1021243" s="10"/>
    </row>
    <row r="1021244" spans="14:14">
      <c r="N1021244" s="10"/>
    </row>
    <row r="1021245" spans="14:14">
      <c r="N1021245" s="10"/>
    </row>
    <row r="1021246" spans="14:14">
      <c r="N1021246" s="10"/>
    </row>
    <row r="1021247" spans="14:14">
      <c r="N1021247" s="10"/>
    </row>
    <row r="1021248" spans="14:14">
      <c r="N1021248" s="10"/>
    </row>
    <row r="1021249" spans="14:14">
      <c r="N1021249" s="10"/>
    </row>
    <row r="1021250" spans="14:14">
      <c r="N1021250" s="10"/>
    </row>
    <row r="1021251" spans="14:14">
      <c r="N1021251" s="10"/>
    </row>
    <row r="1021252" spans="14:14">
      <c r="N1021252" s="10"/>
    </row>
    <row r="1021253" spans="14:14">
      <c r="N1021253" s="10"/>
    </row>
    <row r="1021254" spans="14:14">
      <c r="N1021254" s="10"/>
    </row>
    <row r="1021255" spans="14:14">
      <c r="N1021255" s="10"/>
    </row>
    <row r="1021256" spans="14:14">
      <c r="N1021256" s="10"/>
    </row>
    <row r="1021257" spans="14:14">
      <c r="N1021257" s="10"/>
    </row>
    <row r="1021258" spans="14:14">
      <c r="N1021258" s="10"/>
    </row>
    <row r="1021259" spans="14:14">
      <c r="N1021259" s="10"/>
    </row>
    <row r="1021260" spans="14:14">
      <c r="N1021260" s="10"/>
    </row>
    <row r="1021261" spans="14:14">
      <c r="N1021261" s="10"/>
    </row>
    <row r="1021262" spans="14:14">
      <c r="N1021262" s="10"/>
    </row>
    <row r="1021263" spans="14:14">
      <c r="N1021263" s="10"/>
    </row>
    <row r="1021264" spans="14:14">
      <c r="N1021264" s="10"/>
    </row>
    <row r="1021265" spans="14:14">
      <c r="N1021265" s="10"/>
    </row>
    <row r="1021266" spans="14:14">
      <c r="N1021266" s="10"/>
    </row>
    <row r="1021267" spans="14:14">
      <c r="N1021267" s="10"/>
    </row>
    <row r="1021268" spans="14:14">
      <c r="N1021268" s="10"/>
    </row>
    <row r="1021269" spans="14:14">
      <c r="N1021269" s="10"/>
    </row>
    <row r="1021270" spans="14:14">
      <c r="N1021270" s="10"/>
    </row>
    <row r="1021271" spans="14:14">
      <c r="N1021271" s="10"/>
    </row>
    <row r="1021272" spans="14:14">
      <c r="N1021272" s="10"/>
    </row>
    <row r="1021273" spans="14:14">
      <c r="N1021273" s="10"/>
    </row>
    <row r="1021274" spans="14:14">
      <c r="N1021274" s="10"/>
    </row>
    <row r="1021275" spans="14:14">
      <c r="N1021275" s="10"/>
    </row>
    <row r="1021276" spans="14:14">
      <c r="N1021276" s="10"/>
    </row>
    <row r="1021277" spans="14:14">
      <c r="N1021277" s="10"/>
    </row>
    <row r="1021278" spans="14:14">
      <c r="N1021278" s="10"/>
    </row>
    <row r="1021279" spans="14:14">
      <c r="N1021279" s="10"/>
    </row>
    <row r="1021280" spans="14:14">
      <c r="N1021280" s="10"/>
    </row>
    <row r="1021281" spans="14:14">
      <c r="N1021281" s="10"/>
    </row>
    <row r="1021282" spans="14:14">
      <c r="N1021282" s="10"/>
    </row>
    <row r="1021283" spans="14:14">
      <c r="N1021283" s="10"/>
    </row>
    <row r="1021284" spans="14:14">
      <c r="N1021284" s="10"/>
    </row>
    <row r="1021285" spans="14:14">
      <c r="N1021285" s="10"/>
    </row>
    <row r="1021286" spans="14:14">
      <c r="N1021286" s="10"/>
    </row>
    <row r="1021287" spans="14:14">
      <c r="N1021287" s="10"/>
    </row>
    <row r="1021288" spans="14:14">
      <c r="N1021288" s="10"/>
    </row>
    <row r="1021289" spans="14:14">
      <c r="N1021289" s="10"/>
    </row>
    <row r="1021290" spans="14:14">
      <c r="N1021290" s="10"/>
    </row>
    <row r="1021291" spans="14:14">
      <c r="N1021291" s="10"/>
    </row>
    <row r="1021292" spans="14:14">
      <c r="N1021292" s="10"/>
    </row>
    <row r="1021293" spans="14:14">
      <c r="N1021293" s="10"/>
    </row>
    <row r="1021294" spans="14:14">
      <c r="N1021294" s="10"/>
    </row>
    <row r="1021295" spans="14:14">
      <c r="N1021295" s="10"/>
    </row>
    <row r="1021296" spans="14:14">
      <c r="N1021296" s="10"/>
    </row>
    <row r="1021297" spans="14:14">
      <c r="N1021297" s="10"/>
    </row>
    <row r="1021298" spans="14:14">
      <c r="N1021298" s="10"/>
    </row>
    <row r="1021299" spans="14:14">
      <c r="N1021299" s="10"/>
    </row>
    <row r="1021300" spans="14:14">
      <c r="N1021300" s="10"/>
    </row>
    <row r="1021301" spans="14:14">
      <c r="N1021301" s="10"/>
    </row>
    <row r="1021302" spans="14:14">
      <c r="N1021302" s="10"/>
    </row>
    <row r="1021303" spans="14:14">
      <c r="N1021303" s="10"/>
    </row>
    <row r="1021304" spans="14:14">
      <c r="N1021304" s="10"/>
    </row>
    <row r="1021305" spans="14:14">
      <c r="N1021305" s="10"/>
    </row>
    <row r="1021306" spans="14:14">
      <c r="N1021306" s="10"/>
    </row>
    <row r="1021307" spans="14:14">
      <c r="N1021307" s="10"/>
    </row>
    <row r="1021308" spans="14:14">
      <c r="N1021308" s="10"/>
    </row>
    <row r="1021309" spans="14:14">
      <c r="N1021309" s="10"/>
    </row>
    <row r="1021310" spans="14:14">
      <c r="N1021310" s="10"/>
    </row>
    <row r="1021311" spans="14:14">
      <c r="N1021311" s="10"/>
    </row>
    <row r="1021312" spans="14:14">
      <c r="N1021312" s="10"/>
    </row>
    <row r="1021313" spans="14:14">
      <c r="N1021313" s="10"/>
    </row>
    <row r="1021314" spans="14:14">
      <c r="N1021314" s="10"/>
    </row>
    <row r="1021315" spans="14:14">
      <c r="N1021315" s="10"/>
    </row>
    <row r="1021316" spans="14:14">
      <c r="N1021316" s="10"/>
    </row>
    <row r="1021317" spans="14:14">
      <c r="N1021317" s="10"/>
    </row>
    <row r="1021318" spans="14:14">
      <c r="N1021318" s="10"/>
    </row>
    <row r="1021319" spans="14:14">
      <c r="N1021319" s="10"/>
    </row>
    <row r="1021320" spans="14:14">
      <c r="N1021320" s="10"/>
    </row>
    <row r="1021321" spans="14:14">
      <c r="N1021321" s="10"/>
    </row>
    <row r="1021322" spans="14:14">
      <c r="N1021322" s="10"/>
    </row>
    <row r="1021323" spans="14:14">
      <c r="N1021323" s="10"/>
    </row>
    <row r="1021324" spans="14:14">
      <c r="N1021324" s="10"/>
    </row>
    <row r="1021325" spans="14:14">
      <c r="N1021325" s="10"/>
    </row>
    <row r="1021326" spans="14:14">
      <c r="N1021326" s="10"/>
    </row>
    <row r="1021327" spans="14:14">
      <c r="N1021327" s="10"/>
    </row>
    <row r="1021328" spans="14:14">
      <c r="N1021328" s="10"/>
    </row>
    <row r="1021329" spans="14:14">
      <c r="N1021329" s="10"/>
    </row>
    <row r="1021330" spans="14:14">
      <c r="N1021330" s="10"/>
    </row>
    <row r="1021331" spans="14:14">
      <c r="N1021331" s="10"/>
    </row>
    <row r="1021332" spans="14:14">
      <c r="N1021332" s="10"/>
    </row>
    <row r="1021333" spans="14:14">
      <c r="N1021333" s="10"/>
    </row>
    <row r="1021334" spans="14:14">
      <c r="N1021334" s="10"/>
    </row>
    <row r="1021335" spans="14:14">
      <c r="N1021335" s="10"/>
    </row>
    <row r="1021336" spans="14:14">
      <c r="N1021336" s="10"/>
    </row>
    <row r="1021337" spans="14:14">
      <c r="N1021337" s="10"/>
    </row>
    <row r="1021338" spans="14:14">
      <c r="N1021338" s="10"/>
    </row>
    <row r="1021339" spans="14:14">
      <c r="N1021339" s="10"/>
    </row>
    <row r="1021340" spans="14:14">
      <c r="N1021340" s="10"/>
    </row>
    <row r="1021341" spans="14:14">
      <c r="N1021341" s="10"/>
    </row>
    <row r="1021342" spans="14:14">
      <c r="N1021342" s="10"/>
    </row>
    <row r="1021343" spans="14:14">
      <c r="N1021343" s="10"/>
    </row>
    <row r="1021344" spans="14:14">
      <c r="N1021344" s="10"/>
    </row>
    <row r="1021345" spans="14:14">
      <c r="N1021345" s="10"/>
    </row>
    <row r="1021346" spans="14:14">
      <c r="N1021346" s="10"/>
    </row>
    <row r="1021347" spans="14:14">
      <c r="N1021347" s="10"/>
    </row>
    <row r="1021348" spans="14:14">
      <c r="N1021348" s="10"/>
    </row>
    <row r="1021349" spans="14:14">
      <c r="N1021349" s="10"/>
    </row>
    <row r="1021350" spans="14:14">
      <c r="N1021350" s="10"/>
    </row>
    <row r="1021351" spans="14:14">
      <c r="N1021351" s="10"/>
    </row>
    <row r="1021352" spans="14:14">
      <c r="N1021352" s="10"/>
    </row>
    <row r="1021353" spans="14:14">
      <c r="N1021353" s="10"/>
    </row>
    <row r="1021354" spans="14:14">
      <c r="N1021354" s="10"/>
    </row>
    <row r="1021355" spans="14:14">
      <c r="N1021355" s="10"/>
    </row>
    <row r="1021356" spans="14:14">
      <c r="N1021356" s="10"/>
    </row>
    <row r="1021357" spans="14:14">
      <c r="N1021357" s="10"/>
    </row>
    <row r="1021358" spans="14:14">
      <c r="N1021358" s="10"/>
    </row>
    <row r="1021359" spans="14:14">
      <c r="N1021359" s="10"/>
    </row>
    <row r="1021360" spans="14:14">
      <c r="N1021360" s="10"/>
    </row>
    <row r="1021361" spans="14:14">
      <c r="N1021361" s="10"/>
    </row>
    <row r="1021362" spans="14:14">
      <c r="N1021362" s="10"/>
    </row>
    <row r="1021363" spans="14:14">
      <c r="N1021363" s="10"/>
    </row>
    <row r="1021364" spans="14:14">
      <c r="N1021364" s="10"/>
    </row>
    <row r="1021365" spans="14:14">
      <c r="N1021365" s="10"/>
    </row>
    <row r="1021366" spans="14:14">
      <c r="N1021366" s="10"/>
    </row>
    <row r="1021367" spans="14:14">
      <c r="N1021367" s="10"/>
    </row>
    <row r="1021368" spans="14:14">
      <c r="N1021368" s="10"/>
    </row>
    <row r="1021369" spans="14:14">
      <c r="N1021369" s="10"/>
    </row>
    <row r="1021370" spans="14:14">
      <c r="N1021370" s="10"/>
    </row>
    <row r="1021371" spans="14:14">
      <c r="N1021371" s="10"/>
    </row>
    <row r="1021372" spans="14:14">
      <c r="N1021372" s="10"/>
    </row>
    <row r="1021373" spans="14:14">
      <c r="N1021373" s="10"/>
    </row>
    <row r="1021374" spans="14:14">
      <c r="N1021374" s="10"/>
    </row>
    <row r="1021375" spans="14:14">
      <c r="N1021375" s="10"/>
    </row>
    <row r="1021376" spans="14:14">
      <c r="N1021376" s="10"/>
    </row>
    <row r="1021377" spans="14:14">
      <c r="N1021377" s="10"/>
    </row>
    <row r="1021378" spans="14:14">
      <c r="N1021378" s="10"/>
    </row>
    <row r="1021379" spans="14:14">
      <c r="N1021379" s="10"/>
    </row>
    <row r="1021380" spans="14:14">
      <c r="N1021380" s="10"/>
    </row>
    <row r="1021381" spans="14:14">
      <c r="N1021381" s="10"/>
    </row>
    <row r="1021382" spans="14:14">
      <c r="N1021382" s="10"/>
    </row>
    <row r="1021383" spans="14:14">
      <c r="N1021383" s="10"/>
    </row>
    <row r="1021384" spans="14:14">
      <c r="N1021384" s="10"/>
    </row>
    <row r="1021385" spans="14:14">
      <c r="N1021385" s="10"/>
    </row>
    <row r="1021386" spans="14:14">
      <c r="N1021386" s="10"/>
    </row>
    <row r="1021387" spans="14:14">
      <c r="N1021387" s="10"/>
    </row>
    <row r="1021388" spans="14:14">
      <c r="N1021388" s="10"/>
    </row>
    <row r="1021389" spans="14:14">
      <c r="N1021389" s="10"/>
    </row>
    <row r="1021390" spans="14:14">
      <c r="N1021390" s="10"/>
    </row>
    <row r="1021391" spans="14:14">
      <c r="N1021391" s="10"/>
    </row>
    <row r="1021392" spans="14:14">
      <c r="N1021392" s="10"/>
    </row>
    <row r="1021393" spans="14:14">
      <c r="N1021393" s="10"/>
    </row>
    <row r="1021394" spans="14:14">
      <c r="N1021394" s="10"/>
    </row>
    <row r="1021395" spans="14:14">
      <c r="N1021395" s="10"/>
    </row>
    <row r="1021396" spans="14:14">
      <c r="N1021396" s="10"/>
    </row>
    <row r="1021397" spans="14:14">
      <c r="N1021397" s="10"/>
    </row>
    <row r="1021398" spans="14:14">
      <c r="N1021398" s="10"/>
    </row>
    <row r="1021399" spans="14:14">
      <c r="N1021399" s="10"/>
    </row>
    <row r="1021400" spans="14:14">
      <c r="N1021400" s="10"/>
    </row>
    <row r="1021401" spans="14:14">
      <c r="N1021401" s="10"/>
    </row>
    <row r="1021402" spans="14:14">
      <c r="N1021402" s="10"/>
    </row>
    <row r="1021403" spans="14:14">
      <c r="N1021403" s="10"/>
    </row>
    <row r="1021404" spans="14:14">
      <c r="N1021404" s="10"/>
    </row>
    <row r="1021405" spans="14:14">
      <c r="N1021405" s="10"/>
    </row>
    <row r="1021406" spans="14:14">
      <c r="N1021406" s="10"/>
    </row>
    <row r="1021407" spans="14:14">
      <c r="N1021407" s="10"/>
    </row>
    <row r="1021408" spans="14:14">
      <c r="N1021408" s="10"/>
    </row>
    <row r="1021409" spans="14:14">
      <c r="N1021409" s="10"/>
    </row>
    <row r="1021410" spans="14:14">
      <c r="N1021410" s="10"/>
    </row>
    <row r="1021411" spans="14:14">
      <c r="N1021411" s="10"/>
    </row>
    <row r="1021412" spans="14:14">
      <c r="N1021412" s="10"/>
    </row>
    <row r="1021413" spans="14:14">
      <c r="N1021413" s="10"/>
    </row>
    <row r="1021414" spans="14:14">
      <c r="N1021414" s="10"/>
    </row>
    <row r="1021415" spans="14:14">
      <c r="N1021415" s="10"/>
    </row>
    <row r="1021416" spans="14:14">
      <c r="N1021416" s="10"/>
    </row>
    <row r="1021417" spans="14:14">
      <c r="N1021417" s="10"/>
    </row>
    <row r="1021418" spans="14:14">
      <c r="N1021418" s="10"/>
    </row>
    <row r="1021419" spans="14:14">
      <c r="N1021419" s="10"/>
    </row>
    <row r="1021420" spans="14:14">
      <c r="N1021420" s="10"/>
    </row>
    <row r="1021421" spans="14:14">
      <c r="N1021421" s="10"/>
    </row>
    <row r="1021422" spans="14:14">
      <c r="N1021422" s="10"/>
    </row>
    <row r="1021423" spans="14:14">
      <c r="N1021423" s="10"/>
    </row>
    <row r="1021424" spans="14:14">
      <c r="N1021424" s="10"/>
    </row>
    <row r="1021425" spans="14:14">
      <c r="N1021425" s="10"/>
    </row>
    <row r="1021426" spans="14:14">
      <c r="N1021426" s="10"/>
    </row>
    <row r="1021427" spans="14:14">
      <c r="N1021427" s="10"/>
    </row>
    <row r="1021428" spans="14:14">
      <c r="N1021428" s="10"/>
    </row>
    <row r="1021429" spans="14:14">
      <c r="N1021429" s="10"/>
    </row>
    <row r="1021430" spans="14:14">
      <c r="N1021430" s="10"/>
    </row>
    <row r="1021431" spans="14:14">
      <c r="N1021431" s="10"/>
    </row>
    <row r="1021432" spans="14:14">
      <c r="N1021432" s="10"/>
    </row>
    <row r="1021433" spans="14:14">
      <c r="N1021433" s="10"/>
    </row>
    <row r="1021434" spans="14:14">
      <c r="N1021434" s="10"/>
    </row>
    <row r="1021435" spans="14:14">
      <c r="N1021435" s="10"/>
    </row>
    <row r="1021436" spans="14:14">
      <c r="N1021436" s="10"/>
    </row>
    <row r="1021437" spans="14:14">
      <c r="N1021437" s="10"/>
    </row>
    <row r="1021438" spans="14:14">
      <c r="N1021438" s="10"/>
    </row>
    <row r="1021439" spans="14:14">
      <c r="N1021439" s="10"/>
    </row>
    <row r="1021440" spans="14:14">
      <c r="N1021440" s="10"/>
    </row>
    <row r="1021441" spans="14:14">
      <c r="N1021441" s="10"/>
    </row>
    <row r="1021442" spans="14:14">
      <c r="N1021442" s="10"/>
    </row>
    <row r="1021443" spans="14:14">
      <c r="N1021443" s="10"/>
    </row>
    <row r="1021444" spans="14:14">
      <c r="N1021444" s="10"/>
    </row>
    <row r="1021445" spans="14:14">
      <c r="N1021445" s="10"/>
    </row>
    <row r="1021446" spans="14:14">
      <c r="N1021446" s="10"/>
    </row>
    <row r="1021447" spans="14:14">
      <c r="N1021447" s="10"/>
    </row>
    <row r="1021448" spans="14:14">
      <c r="N1021448" s="10"/>
    </row>
    <row r="1021449" spans="14:14">
      <c r="N1021449" s="10"/>
    </row>
    <row r="1021450" spans="14:14">
      <c r="N1021450" s="10"/>
    </row>
    <row r="1021451" spans="14:14">
      <c r="N1021451" s="10"/>
    </row>
    <row r="1021452" spans="14:14">
      <c r="N1021452" s="10"/>
    </row>
    <row r="1021453" spans="14:14">
      <c r="N1021453" s="10"/>
    </row>
    <row r="1021454" spans="14:14">
      <c r="N1021454" s="10"/>
    </row>
    <row r="1021455" spans="14:14">
      <c r="N1021455" s="10"/>
    </row>
    <row r="1021456" spans="14:14">
      <c r="N1021456" s="10"/>
    </row>
    <row r="1021457" spans="14:14">
      <c r="N1021457" s="10"/>
    </row>
    <row r="1021458" spans="14:14">
      <c r="N1021458" s="10"/>
    </row>
    <row r="1021459" spans="14:14">
      <c r="N1021459" s="10"/>
    </row>
    <row r="1021460" spans="14:14">
      <c r="N1021460" s="10"/>
    </row>
    <row r="1021461" spans="14:14">
      <c r="N1021461" s="10"/>
    </row>
    <row r="1021462" spans="14:14">
      <c r="N1021462" s="10"/>
    </row>
    <row r="1021463" spans="14:14">
      <c r="N1021463" s="10"/>
    </row>
    <row r="1021464" spans="14:14">
      <c r="N1021464" s="10"/>
    </row>
    <row r="1021465" spans="14:14">
      <c r="N1021465" s="10"/>
    </row>
    <row r="1021466" spans="14:14">
      <c r="N1021466" s="10"/>
    </row>
    <row r="1021467" spans="14:14">
      <c r="N1021467" s="10"/>
    </row>
    <row r="1021468" spans="14:14">
      <c r="N1021468" s="10"/>
    </row>
    <row r="1021469" spans="14:14">
      <c r="N1021469" s="10"/>
    </row>
    <row r="1021470" spans="14:14">
      <c r="N1021470" s="10"/>
    </row>
    <row r="1021471" spans="14:14">
      <c r="N1021471" s="10"/>
    </row>
    <row r="1021472" spans="14:14">
      <c r="N1021472" s="10"/>
    </row>
    <row r="1021473" spans="14:14">
      <c r="N1021473" s="10"/>
    </row>
    <row r="1021474" spans="14:14">
      <c r="N1021474" s="10"/>
    </row>
    <row r="1021475" spans="14:14">
      <c r="N1021475" s="10"/>
    </row>
    <row r="1021476" spans="14:14">
      <c r="N1021476" s="10"/>
    </row>
    <row r="1021477" spans="14:14">
      <c r="N1021477" s="10"/>
    </row>
    <row r="1021478" spans="14:14">
      <c r="N1021478" s="10"/>
    </row>
    <row r="1021479" spans="14:14">
      <c r="N1021479" s="10"/>
    </row>
    <row r="1021480" spans="14:14">
      <c r="N1021480" s="10"/>
    </row>
    <row r="1021481" spans="14:14">
      <c r="N1021481" s="10"/>
    </row>
    <row r="1021482" spans="14:14">
      <c r="N1021482" s="10"/>
    </row>
    <row r="1021483" spans="14:14">
      <c r="N1021483" s="10"/>
    </row>
    <row r="1021484" spans="14:14">
      <c r="N1021484" s="10"/>
    </row>
    <row r="1021485" spans="14:14">
      <c r="N1021485" s="10"/>
    </row>
    <row r="1021486" spans="14:14">
      <c r="N1021486" s="10"/>
    </row>
    <row r="1021487" spans="14:14">
      <c r="N1021487" s="10"/>
    </row>
    <row r="1021488" spans="14:14">
      <c r="N1021488" s="10"/>
    </row>
    <row r="1021489" spans="14:14">
      <c r="N1021489" s="10"/>
    </row>
    <row r="1021490" spans="14:14">
      <c r="N1021490" s="10"/>
    </row>
    <row r="1021491" spans="14:14">
      <c r="N1021491" s="10"/>
    </row>
    <row r="1021492" spans="14:14">
      <c r="N1021492" s="10"/>
    </row>
    <row r="1021493" spans="14:14">
      <c r="N1021493" s="10"/>
    </row>
    <row r="1021494" spans="14:14">
      <c r="N1021494" s="10"/>
    </row>
    <row r="1021495" spans="14:14">
      <c r="N1021495" s="10"/>
    </row>
    <row r="1021496" spans="14:14">
      <c r="N1021496" s="10"/>
    </row>
    <row r="1021497" spans="14:14">
      <c r="N1021497" s="10"/>
    </row>
    <row r="1021498" spans="14:14">
      <c r="N1021498" s="10"/>
    </row>
    <row r="1021499" spans="14:14">
      <c r="N1021499" s="10"/>
    </row>
    <row r="1021500" spans="14:14">
      <c r="N1021500" s="10"/>
    </row>
    <row r="1021501" spans="14:14">
      <c r="N1021501" s="10"/>
    </row>
    <row r="1021502" spans="14:14">
      <c r="N1021502" s="10"/>
    </row>
    <row r="1021503" spans="14:14">
      <c r="N1021503" s="10"/>
    </row>
    <row r="1021504" spans="14:14">
      <c r="N1021504" s="10"/>
    </row>
    <row r="1021505" spans="14:14">
      <c r="N1021505" s="10"/>
    </row>
    <row r="1021506" spans="14:14">
      <c r="N1021506" s="10"/>
    </row>
    <row r="1021507" spans="14:14">
      <c r="N1021507" s="10"/>
    </row>
    <row r="1021508" spans="14:14">
      <c r="N1021508" s="10"/>
    </row>
    <row r="1021509" spans="14:14">
      <c r="N1021509" s="10"/>
    </row>
    <row r="1021510" spans="14:14">
      <c r="N1021510" s="10"/>
    </row>
    <row r="1021511" spans="14:14">
      <c r="N1021511" s="10"/>
    </row>
    <row r="1021512" spans="14:14">
      <c r="N1021512" s="10"/>
    </row>
    <row r="1021513" spans="14:14">
      <c r="N1021513" s="10"/>
    </row>
    <row r="1021514" spans="14:14">
      <c r="N1021514" s="10"/>
    </row>
    <row r="1021515" spans="14:14">
      <c r="N1021515" s="10"/>
    </row>
    <row r="1021516" spans="14:14">
      <c r="N1021516" s="10"/>
    </row>
    <row r="1021517" spans="14:14">
      <c r="N1021517" s="10"/>
    </row>
    <row r="1021518" spans="14:14">
      <c r="N1021518" s="10"/>
    </row>
    <row r="1021519" spans="14:14">
      <c r="N1021519" s="10"/>
    </row>
    <row r="1021520" spans="14:14">
      <c r="N1021520" s="10"/>
    </row>
    <row r="1021521" spans="14:14">
      <c r="N1021521" s="10"/>
    </row>
    <row r="1021522" spans="14:14">
      <c r="N1021522" s="10"/>
    </row>
    <row r="1021523" spans="14:14">
      <c r="N1021523" s="10"/>
    </row>
    <row r="1021524" spans="14:14">
      <c r="N1021524" s="10"/>
    </row>
    <row r="1021525" spans="14:14">
      <c r="N1021525" s="10"/>
    </row>
    <row r="1021526" spans="14:14">
      <c r="N1021526" s="10"/>
    </row>
    <row r="1021527" spans="14:14">
      <c r="N1021527" s="10"/>
    </row>
    <row r="1021528" spans="14:14">
      <c r="N1021528" s="10"/>
    </row>
    <row r="1021529" spans="14:14">
      <c r="N1021529" s="10"/>
    </row>
    <row r="1021530" spans="14:14">
      <c r="N1021530" s="10"/>
    </row>
    <row r="1021531" spans="14:14">
      <c r="N1021531" s="10"/>
    </row>
    <row r="1021532" spans="14:14">
      <c r="N1021532" s="10"/>
    </row>
    <row r="1021533" spans="14:14">
      <c r="N1021533" s="10"/>
    </row>
    <row r="1021534" spans="14:14">
      <c r="N1021534" s="10"/>
    </row>
    <row r="1021535" spans="14:14">
      <c r="N1021535" s="10"/>
    </row>
    <row r="1021536" spans="14:14">
      <c r="N1021536" s="10"/>
    </row>
    <row r="1021537" spans="14:14">
      <c r="N1021537" s="10"/>
    </row>
    <row r="1021538" spans="14:14">
      <c r="N1021538" s="10"/>
    </row>
    <row r="1021539" spans="14:14">
      <c r="N1021539" s="10"/>
    </row>
    <row r="1021540" spans="14:14">
      <c r="N1021540" s="10"/>
    </row>
    <row r="1021541" spans="14:14">
      <c r="N1021541" s="10"/>
    </row>
    <row r="1021542" spans="14:14">
      <c r="N1021542" s="10"/>
    </row>
    <row r="1021543" spans="14:14">
      <c r="N1021543" s="10"/>
    </row>
    <row r="1021544" spans="14:14">
      <c r="N1021544" s="10"/>
    </row>
    <row r="1021545" spans="14:14">
      <c r="N1021545" s="10"/>
    </row>
    <row r="1021546" spans="14:14">
      <c r="N1021546" s="10"/>
    </row>
    <row r="1021547" spans="14:14">
      <c r="N1021547" s="10"/>
    </row>
    <row r="1021548" spans="14:14">
      <c r="N1021548" s="10"/>
    </row>
    <row r="1021549" spans="14:14">
      <c r="N1021549" s="10"/>
    </row>
    <row r="1021550" spans="14:14">
      <c r="N1021550" s="10"/>
    </row>
    <row r="1021551" spans="14:14">
      <c r="N1021551" s="10"/>
    </row>
    <row r="1021552" spans="14:14">
      <c r="N1021552" s="10"/>
    </row>
    <row r="1021553" spans="14:14">
      <c r="N1021553" s="10"/>
    </row>
    <row r="1021554" spans="14:14">
      <c r="N1021554" s="10"/>
    </row>
    <row r="1021555" spans="14:14">
      <c r="N1021555" s="10"/>
    </row>
    <row r="1021556" spans="14:14">
      <c r="N1021556" s="10"/>
    </row>
    <row r="1021557" spans="14:14">
      <c r="N1021557" s="10"/>
    </row>
    <row r="1021558" spans="14:14">
      <c r="N1021558" s="10"/>
    </row>
    <row r="1021559" spans="14:14">
      <c r="N1021559" s="10"/>
    </row>
    <row r="1021560" spans="14:14">
      <c r="N1021560" s="10"/>
    </row>
    <row r="1021561" spans="14:14">
      <c r="N1021561" s="10"/>
    </row>
    <row r="1021562" spans="14:14">
      <c r="N1021562" s="10"/>
    </row>
    <row r="1021563" spans="14:14">
      <c r="N1021563" s="10"/>
    </row>
    <row r="1021564" spans="14:14">
      <c r="N1021564" s="10"/>
    </row>
    <row r="1021565" spans="14:14">
      <c r="N1021565" s="10"/>
    </row>
    <row r="1021566" spans="14:14">
      <c r="N1021566" s="10"/>
    </row>
    <row r="1021567" spans="14:14">
      <c r="N1021567" s="10"/>
    </row>
    <row r="1021568" spans="14:14">
      <c r="N1021568" s="10"/>
    </row>
    <row r="1021569" spans="14:14">
      <c r="N1021569" s="10"/>
    </row>
    <row r="1021570" spans="14:14">
      <c r="N1021570" s="10"/>
    </row>
    <row r="1021571" spans="14:14">
      <c r="N1021571" s="10"/>
    </row>
    <row r="1021572" spans="14:14">
      <c r="N1021572" s="10"/>
    </row>
    <row r="1021573" spans="14:14">
      <c r="N1021573" s="10"/>
    </row>
    <row r="1021574" spans="14:14">
      <c r="N1021574" s="10"/>
    </row>
    <row r="1021575" spans="14:14">
      <c r="N1021575" s="10"/>
    </row>
    <row r="1021576" spans="14:14">
      <c r="N1021576" s="10"/>
    </row>
    <row r="1021577" spans="14:14">
      <c r="N1021577" s="10"/>
    </row>
    <row r="1021578" spans="14:14">
      <c r="N1021578" s="10"/>
    </row>
    <row r="1021579" spans="14:14">
      <c r="N1021579" s="10"/>
    </row>
    <row r="1021580" spans="14:14">
      <c r="N1021580" s="10"/>
    </row>
    <row r="1021581" spans="14:14">
      <c r="N1021581" s="10"/>
    </row>
    <row r="1021582" spans="14:14">
      <c r="N1021582" s="10"/>
    </row>
    <row r="1021583" spans="14:14">
      <c r="N1021583" s="10"/>
    </row>
    <row r="1021584" spans="14:14">
      <c r="N1021584" s="10"/>
    </row>
    <row r="1021585" spans="14:14">
      <c r="N1021585" s="10"/>
    </row>
    <row r="1021586" spans="14:14">
      <c r="N1021586" s="10"/>
    </row>
    <row r="1021587" spans="14:14">
      <c r="N1021587" s="10"/>
    </row>
    <row r="1021588" spans="14:14">
      <c r="N1021588" s="10"/>
    </row>
    <row r="1021589" spans="14:14">
      <c r="N1021589" s="10"/>
    </row>
    <row r="1021590" spans="14:14">
      <c r="N1021590" s="10"/>
    </row>
    <row r="1021591" spans="14:14">
      <c r="N1021591" s="10"/>
    </row>
    <row r="1021592" spans="14:14">
      <c r="N1021592" s="10"/>
    </row>
    <row r="1021593" spans="14:14">
      <c r="N1021593" s="10"/>
    </row>
    <row r="1021594" spans="14:14">
      <c r="N1021594" s="10"/>
    </row>
    <row r="1021595" spans="14:14">
      <c r="N1021595" s="10"/>
    </row>
    <row r="1021596" spans="14:14">
      <c r="N1021596" s="10"/>
    </row>
    <row r="1021597" spans="14:14">
      <c r="N1021597" s="10"/>
    </row>
    <row r="1021598" spans="14:14">
      <c r="N1021598" s="10"/>
    </row>
    <row r="1021599" spans="14:14">
      <c r="N1021599" s="10"/>
    </row>
    <row r="1021600" spans="14:14">
      <c r="N1021600" s="10"/>
    </row>
    <row r="1021601" spans="14:14">
      <c r="N1021601" s="10"/>
    </row>
    <row r="1021602" spans="14:14">
      <c r="N1021602" s="10"/>
    </row>
    <row r="1021603" spans="14:14">
      <c r="N1021603" s="10"/>
    </row>
    <row r="1021604" spans="14:14">
      <c r="N1021604" s="10"/>
    </row>
    <row r="1021605" spans="14:14">
      <c r="N1021605" s="10"/>
    </row>
    <row r="1021606" spans="14:14">
      <c r="N1021606" s="10"/>
    </row>
    <row r="1021607" spans="14:14">
      <c r="N1021607" s="10"/>
    </row>
    <row r="1021608" spans="14:14">
      <c r="N1021608" s="10"/>
    </row>
    <row r="1021609" spans="14:14">
      <c r="N1021609" s="10"/>
    </row>
    <row r="1021610" spans="14:14">
      <c r="N1021610" s="10"/>
    </row>
    <row r="1021611" spans="14:14">
      <c r="N1021611" s="10"/>
    </row>
    <row r="1021612" spans="14:14">
      <c r="N1021612" s="10"/>
    </row>
    <row r="1021613" spans="14:14">
      <c r="N1021613" s="10"/>
    </row>
    <row r="1021614" spans="14:14">
      <c r="N1021614" s="10"/>
    </row>
    <row r="1021615" spans="14:14">
      <c r="N1021615" s="10"/>
    </row>
    <row r="1021616" spans="14:14">
      <c r="N1021616" s="10"/>
    </row>
    <row r="1021617" spans="14:14">
      <c r="N1021617" s="10"/>
    </row>
    <row r="1021618" spans="14:14">
      <c r="N1021618" s="10"/>
    </row>
    <row r="1021619" spans="14:14">
      <c r="N1021619" s="10"/>
    </row>
    <row r="1021620" spans="14:14">
      <c r="N1021620" s="10"/>
    </row>
    <row r="1021621" spans="14:14">
      <c r="N1021621" s="10"/>
    </row>
    <row r="1021622" spans="14:14">
      <c r="N1021622" s="10"/>
    </row>
    <row r="1021623" spans="14:14">
      <c r="N1021623" s="10"/>
    </row>
    <row r="1021624" spans="14:14">
      <c r="N1021624" s="10"/>
    </row>
    <row r="1021625" spans="14:14">
      <c r="N1021625" s="10"/>
    </row>
    <row r="1021626" spans="14:14">
      <c r="N1021626" s="10"/>
    </row>
    <row r="1021627" spans="14:14">
      <c r="N1021627" s="10"/>
    </row>
    <row r="1021628" spans="14:14">
      <c r="N1021628" s="10"/>
    </row>
    <row r="1021629" spans="14:14">
      <c r="N1021629" s="10"/>
    </row>
    <row r="1021630" spans="14:14">
      <c r="N1021630" s="10"/>
    </row>
    <row r="1021631" spans="14:14">
      <c r="N1021631" s="10"/>
    </row>
    <row r="1021632" spans="14:14">
      <c r="N1021632" s="10"/>
    </row>
    <row r="1021633" spans="14:14">
      <c r="N1021633" s="10"/>
    </row>
    <row r="1021634" spans="14:14">
      <c r="N1021634" s="10"/>
    </row>
    <row r="1021635" spans="14:14">
      <c r="N1021635" s="10"/>
    </row>
    <row r="1021636" spans="14:14">
      <c r="N1021636" s="10"/>
    </row>
    <row r="1021637" spans="14:14">
      <c r="N1021637" s="10"/>
    </row>
    <row r="1021638" spans="14:14">
      <c r="N1021638" s="10"/>
    </row>
    <row r="1021639" spans="14:14">
      <c r="N1021639" s="10"/>
    </row>
    <row r="1021640" spans="14:14">
      <c r="N1021640" s="10"/>
    </row>
    <row r="1021641" spans="14:14">
      <c r="N1021641" s="10"/>
    </row>
    <row r="1021642" spans="14:14">
      <c r="N1021642" s="10"/>
    </row>
    <row r="1021643" spans="14:14">
      <c r="N1021643" s="10"/>
    </row>
    <row r="1021644" spans="14:14">
      <c r="N1021644" s="10"/>
    </row>
    <row r="1021645" spans="14:14">
      <c r="N1021645" s="10"/>
    </row>
    <row r="1021646" spans="14:14">
      <c r="N1021646" s="10"/>
    </row>
    <row r="1021647" spans="14:14">
      <c r="N1021647" s="10"/>
    </row>
    <row r="1021648" spans="14:14">
      <c r="N1021648" s="10"/>
    </row>
    <row r="1021649" spans="14:14">
      <c r="N1021649" s="10"/>
    </row>
    <row r="1021650" spans="14:14">
      <c r="N1021650" s="10"/>
    </row>
    <row r="1021651" spans="14:14">
      <c r="N1021651" s="10"/>
    </row>
    <row r="1021652" spans="14:14">
      <c r="N1021652" s="10"/>
    </row>
    <row r="1021653" spans="14:14">
      <c r="N1021653" s="10"/>
    </row>
    <row r="1021654" spans="14:14">
      <c r="N1021654" s="10"/>
    </row>
    <row r="1021655" spans="14:14">
      <c r="N1021655" s="10"/>
    </row>
    <row r="1021656" spans="14:14">
      <c r="N1021656" s="10"/>
    </row>
    <row r="1021657" spans="14:14">
      <c r="N1021657" s="10"/>
    </row>
    <row r="1021658" spans="14:14">
      <c r="N1021658" s="10"/>
    </row>
    <row r="1021659" spans="14:14">
      <c r="N1021659" s="10"/>
    </row>
    <row r="1021660" spans="14:14">
      <c r="N1021660" s="10"/>
    </row>
    <row r="1021661" spans="14:14">
      <c r="N1021661" s="10"/>
    </row>
    <row r="1021662" spans="14:14">
      <c r="N1021662" s="10"/>
    </row>
    <row r="1021663" spans="14:14">
      <c r="N1021663" s="10"/>
    </row>
    <row r="1021664" spans="14:14">
      <c r="N1021664" s="10"/>
    </row>
    <row r="1021665" spans="14:14">
      <c r="N1021665" s="10"/>
    </row>
    <row r="1021666" spans="14:14">
      <c r="N1021666" s="10"/>
    </row>
    <row r="1021667" spans="14:14">
      <c r="N1021667" s="10"/>
    </row>
    <row r="1021668" spans="14:14">
      <c r="N1021668" s="10"/>
    </row>
    <row r="1021669" spans="14:14">
      <c r="N1021669" s="10"/>
    </row>
    <row r="1021670" spans="14:14">
      <c r="N1021670" s="10"/>
    </row>
    <row r="1021671" spans="14:14">
      <c r="N1021671" s="10"/>
    </row>
    <row r="1021672" spans="14:14">
      <c r="N1021672" s="10"/>
    </row>
    <row r="1021673" spans="14:14">
      <c r="N1021673" s="10"/>
    </row>
    <row r="1021674" spans="14:14">
      <c r="N1021674" s="10"/>
    </row>
    <row r="1021675" spans="14:14">
      <c r="N1021675" s="10"/>
    </row>
    <row r="1021676" spans="14:14">
      <c r="N1021676" s="10"/>
    </row>
    <row r="1021677" spans="14:14">
      <c r="N1021677" s="10"/>
    </row>
    <row r="1021678" spans="14:14">
      <c r="N1021678" s="10"/>
    </row>
    <row r="1021679" spans="14:14">
      <c r="N1021679" s="10"/>
    </row>
    <row r="1021680" spans="14:14">
      <c r="N1021680" s="10"/>
    </row>
    <row r="1021681" spans="14:14">
      <c r="N1021681" s="10"/>
    </row>
    <row r="1021682" spans="14:14">
      <c r="N1021682" s="10"/>
    </row>
    <row r="1021683" spans="14:14">
      <c r="N1021683" s="10"/>
    </row>
    <row r="1021684" spans="14:14">
      <c r="N1021684" s="10"/>
    </row>
    <row r="1021685" spans="14:14">
      <c r="N1021685" s="10"/>
    </row>
    <row r="1021686" spans="14:14">
      <c r="N1021686" s="10"/>
    </row>
    <row r="1021687" spans="14:14">
      <c r="N1021687" s="10"/>
    </row>
    <row r="1021688" spans="14:14">
      <c r="N1021688" s="10"/>
    </row>
    <row r="1021689" spans="14:14">
      <c r="N1021689" s="10"/>
    </row>
    <row r="1021690" spans="14:14">
      <c r="N1021690" s="10"/>
    </row>
    <row r="1021691" spans="14:14">
      <c r="N1021691" s="10"/>
    </row>
    <row r="1021692" spans="14:14">
      <c r="N1021692" s="10"/>
    </row>
    <row r="1021693" spans="14:14">
      <c r="N1021693" s="10"/>
    </row>
    <row r="1021694" spans="14:14">
      <c r="N1021694" s="10"/>
    </row>
    <row r="1021695" spans="14:14">
      <c r="N1021695" s="10"/>
    </row>
    <row r="1021696" spans="14:14">
      <c r="N1021696" s="10"/>
    </row>
    <row r="1021697" spans="14:14">
      <c r="N1021697" s="10"/>
    </row>
    <row r="1021698" spans="14:14">
      <c r="N1021698" s="10"/>
    </row>
    <row r="1021699" spans="14:14">
      <c r="N1021699" s="10"/>
    </row>
    <row r="1021700" spans="14:14">
      <c r="N1021700" s="10"/>
    </row>
    <row r="1021701" spans="14:14">
      <c r="N1021701" s="10"/>
    </row>
    <row r="1021702" spans="14:14">
      <c r="N1021702" s="10"/>
    </row>
    <row r="1021703" spans="14:14">
      <c r="N1021703" s="10"/>
    </row>
    <row r="1021704" spans="14:14">
      <c r="N1021704" s="10"/>
    </row>
    <row r="1021705" spans="14:14">
      <c r="N1021705" s="10"/>
    </row>
    <row r="1021706" spans="14:14">
      <c r="N1021706" s="10"/>
    </row>
    <row r="1021707" spans="14:14">
      <c r="N1021707" s="10"/>
    </row>
    <row r="1021708" spans="14:14">
      <c r="N1021708" s="10"/>
    </row>
    <row r="1021709" spans="14:14">
      <c r="N1021709" s="10"/>
    </row>
    <row r="1021710" spans="14:14">
      <c r="N1021710" s="10"/>
    </row>
    <row r="1021711" spans="14:14">
      <c r="N1021711" s="10"/>
    </row>
    <row r="1021712" spans="14:14">
      <c r="N1021712" s="10"/>
    </row>
    <row r="1021713" spans="14:14">
      <c r="N1021713" s="10"/>
    </row>
    <row r="1021714" spans="14:14">
      <c r="N1021714" s="10"/>
    </row>
    <row r="1021715" spans="14:14">
      <c r="N1021715" s="10"/>
    </row>
    <row r="1021716" spans="14:14">
      <c r="N1021716" s="10"/>
    </row>
    <row r="1021717" spans="14:14">
      <c r="N1021717" s="10"/>
    </row>
    <row r="1021718" spans="14:14">
      <c r="N1021718" s="10"/>
    </row>
    <row r="1021719" spans="14:14">
      <c r="N1021719" s="10"/>
    </row>
    <row r="1021720" spans="14:14">
      <c r="N1021720" s="10"/>
    </row>
    <row r="1021721" spans="14:14">
      <c r="N1021721" s="10"/>
    </row>
    <row r="1021722" spans="14:14">
      <c r="N1021722" s="10"/>
    </row>
    <row r="1021723" spans="14:14">
      <c r="N1021723" s="10"/>
    </row>
    <row r="1021724" spans="14:14">
      <c r="N1021724" s="10"/>
    </row>
    <row r="1021725" spans="14:14">
      <c r="N1021725" s="10"/>
    </row>
    <row r="1021726" spans="14:14">
      <c r="N1021726" s="10"/>
    </row>
    <row r="1021727" spans="14:14">
      <c r="N1021727" s="10"/>
    </row>
    <row r="1021728" spans="14:14">
      <c r="N1021728" s="10"/>
    </row>
    <row r="1021729" spans="14:14">
      <c r="N1021729" s="10"/>
    </row>
    <row r="1021730" spans="14:14">
      <c r="N1021730" s="10"/>
    </row>
    <row r="1021731" spans="14:14">
      <c r="N1021731" s="10"/>
    </row>
    <row r="1021732" spans="14:14">
      <c r="N1021732" s="10"/>
    </row>
    <row r="1021733" spans="14:14">
      <c r="N1021733" s="10"/>
    </row>
    <row r="1021734" spans="14:14">
      <c r="N1021734" s="10"/>
    </row>
    <row r="1021735" spans="14:14">
      <c r="N1021735" s="10"/>
    </row>
    <row r="1021736" spans="14:14">
      <c r="N1021736" s="10"/>
    </row>
    <row r="1021737" spans="14:14">
      <c r="N1021737" s="10"/>
    </row>
    <row r="1021738" spans="14:14">
      <c r="N1021738" s="10"/>
    </row>
    <row r="1021739" spans="14:14">
      <c r="N1021739" s="10"/>
    </row>
    <row r="1021740" spans="14:14">
      <c r="N1021740" s="10"/>
    </row>
    <row r="1021741" spans="14:14">
      <c r="N1021741" s="10"/>
    </row>
    <row r="1021742" spans="14:14">
      <c r="N1021742" s="10"/>
    </row>
    <row r="1021743" spans="14:14">
      <c r="N1021743" s="10"/>
    </row>
    <row r="1021744" spans="14:14">
      <c r="N1021744" s="10"/>
    </row>
    <row r="1021745" spans="14:14">
      <c r="N1021745" s="10"/>
    </row>
    <row r="1021746" spans="14:14">
      <c r="N1021746" s="10"/>
    </row>
    <row r="1021747" spans="14:14">
      <c r="N1021747" s="10"/>
    </row>
    <row r="1021748" spans="14:14">
      <c r="N1021748" s="10"/>
    </row>
    <row r="1021749" spans="14:14">
      <c r="N1021749" s="10"/>
    </row>
    <row r="1021750" spans="14:14">
      <c r="N1021750" s="10"/>
    </row>
    <row r="1021751" spans="14:14">
      <c r="N1021751" s="10"/>
    </row>
    <row r="1021752" spans="14:14">
      <c r="N1021752" s="10"/>
    </row>
    <row r="1021753" spans="14:14">
      <c r="N1021753" s="10"/>
    </row>
    <row r="1021754" spans="14:14">
      <c r="N1021754" s="10"/>
    </row>
    <row r="1021755" spans="14:14">
      <c r="N1021755" s="10"/>
    </row>
    <row r="1021756" spans="14:14">
      <c r="N1021756" s="10"/>
    </row>
    <row r="1021757" spans="14:14">
      <c r="N1021757" s="10"/>
    </row>
    <row r="1021758" spans="14:14">
      <c r="N1021758" s="10"/>
    </row>
    <row r="1021759" spans="14:14">
      <c r="N1021759" s="10"/>
    </row>
    <row r="1021760" spans="14:14">
      <c r="N1021760" s="10"/>
    </row>
    <row r="1021761" spans="14:14">
      <c r="N1021761" s="10"/>
    </row>
    <row r="1021762" spans="14:14">
      <c r="N1021762" s="10"/>
    </row>
    <row r="1021763" spans="14:14">
      <c r="N1021763" s="10"/>
    </row>
    <row r="1021764" spans="14:14">
      <c r="N1021764" s="10"/>
    </row>
    <row r="1021765" spans="14:14">
      <c r="N1021765" s="10"/>
    </row>
    <row r="1021766" spans="14:14">
      <c r="N1021766" s="10"/>
    </row>
    <row r="1021767" spans="14:14">
      <c r="N1021767" s="10"/>
    </row>
    <row r="1021768" spans="14:14">
      <c r="N1021768" s="10"/>
    </row>
    <row r="1021769" spans="14:14">
      <c r="N1021769" s="10"/>
    </row>
    <row r="1021770" spans="14:14">
      <c r="N1021770" s="10"/>
    </row>
    <row r="1021771" spans="14:14">
      <c r="N1021771" s="10"/>
    </row>
    <row r="1021772" spans="14:14">
      <c r="N1021772" s="10"/>
    </row>
    <row r="1021773" spans="14:14">
      <c r="N1021773" s="10"/>
    </row>
    <row r="1021774" spans="14:14">
      <c r="N1021774" s="10"/>
    </row>
    <row r="1021775" spans="14:14">
      <c r="N1021775" s="10"/>
    </row>
    <row r="1021776" spans="14:14">
      <c r="N1021776" s="10"/>
    </row>
    <row r="1021777" spans="14:14">
      <c r="N1021777" s="10"/>
    </row>
    <row r="1021778" spans="14:14">
      <c r="N1021778" s="10"/>
    </row>
    <row r="1021779" spans="14:14">
      <c r="N1021779" s="10"/>
    </row>
    <row r="1021780" spans="14:14">
      <c r="N1021780" s="10"/>
    </row>
    <row r="1021781" spans="14:14">
      <c r="N1021781" s="10"/>
    </row>
    <row r="1021782" spans="14:14">
      <c r="N1021782" s="10"/>
    </row>
    <row r="1021783" spans="14:14">
      <c r="N1021783" s="10"/>
    </row>
    <row r="1021784" spans="14:14">
      <c r="N1021784" s="10"/>
    </row>
    <row r="1021785" spans="14:14">
      <c r="N1021785" s="10"/>
    </row>
    <row r="1021786" spans="14:14">
      <c r="N1021786" s="10"/>
    </row>
    <row r="1021787" spans="14:14">
      <c r="N1021787" s="10"/>
    </row>
    <row r="1021788" spans="14:14">
      <c r="N1021788" s="10"/>
    </row>
    <row r="1021789" spans="14:14">
      <c r="N1021789" s="10"/>
    </row>
    <row r="1021790" spans="14:14">
      <c r="N1021790" s="10"/>
    </row>
    <row r="1021791" spans="14:14">
      <c r="N1021791" s="10"/>
    </row>
    <row r="1021792" spans="14:14">
      <c r="N1021792" s="10"/>
    </row>
    <row r="1021793" spans="14:14">
      <c r="N1021793" s="10"/>
    </row>
    <row r="1021794" spans="14:14">
      <c r="N1021794" s="10"/>
    </row>
    <row r="1021795" spans="14:14">
      <c r="N1021795" s="10"/>
    </row>
    <row r="1021796" spans="14:14">
      <c r="N1021796" s="10"/>
    </row>
    <row r="1021797" spans="14:14">
      <c r="N1021797" s="10"/>
    </row>
    <row r="1021798" spans="14:14">
      <c r="N1021798" s="10"/>
    </row>
    <row r="1021799" spans="14:14">
      <c r="N1021799" s="10"/>
    </row>
    <row r="1021800" spans="14:14">
      <c r="N1021800" s="10"/>
    </row>
    <row r="1021801" spans="14:14">
      <c r="N1021801" s="10"/>
    </row>
    <row r="1021802" spans="14:14">
      <c r="N1021802" s="10"/>
    </row>
    <row r="1021803" spans="14:14">
      <c r="N1021803" s="10"/>
    </row>
    <row r="1021804" spans="14:14">
      <c r="N1021804" s="10"/>
    </row>
    <row r="1021805" spans="14:14">
      <c r="N1021805" s="10"/>
    </row>
    <row r="1021806" spans="14:14">
      <c r="N1021806" s="10"/>
    </row>
    <row r="1021807" spans="14:14">
      <c r="N1021807" s="10"/>
    </row>
    <row r="1021808" spans="14:14">
      <c r="N1021808" s="10"/>
    </row>
    <row r="1021809" spans="14:14">
      <c r="N1021809" s="10"/>
    </row>
    <row r="1021810" spans="14:14">
      <c r="N1021810" s="10"/>
    </row>
    <row r="1021811" spans="14:14">
      <c r="N1021811" s="10"/>
    </row>
    <row r="1021812" spans="14:14">
      <c r="N1021812" s="10"/>
    </row>
    <row r="1021813" spans="14:14">
      <c r="N1021813" s="10"/>
    </row>
    <row r="1021814" spans="14:14">
      <c r="N1021814" s="10"/>
    </row>
    <row r="1021815" spans="14:14">
      <c r="N1021815" s="10"/>
    </row>
    <row r="1021816" spans="14:14">
      <c r="N1021816" s="10"/>
    </row>
    <row r="1021817" spans="14:14">
      <c r="N1021817" s="10"/>
    </row>
    <row r="1021818" spans="14:14">
      <c r="N1021818" s="10"/>
    </row>
    <row r="1021819" spans="14:14">
      <c r="N1021819" s="10"/>
    </row>
    <row r="1021820" spans="14:14">
      <c r="N1021820" s="10"/>
    </row>
    <row r="1021821" spans="14:14">
      <c r="N1021821" s="10"/>
    </row>
    <row r="1021822" spans="14:14">
      <c r="N1021822" s="10"/>
    </row>
    <row r="1021823" spans="14:14">
      <c r="N1021823" s="10"/>
    </row>
    <row r="1021824" spans="14:14">
      <c r="N1021824" s="10"/>
    </row>
    <row r="1021825" spans="14:14">
      <c r="N1021825" s="10"/>
    </row>
    <row r="1021826" spans="14:14">
      <c r="N1021826" s="10"/>
    </row>
    <row r="1021827" spans="14:14">
      <c r="N1021827" s="10"/>
    </row>
    <row r="1021828" spans="14:14">
      <c r="N1021828" s="10"/>
    </row>
    <row r="1021829" spans="14:14">
      <c r="N1021829" s="10"/>
    </row>
    <row r="1021830" spans="14:14">
      <c r="N1021830" s="10"/>
    </row>
    <row r="1021831" spans="14:14">
      <c r="N1021831" s="10"/>
    </row>
    <row r="1021832" spans="14:14">
      <c r="N1021832" s="10"/>
    </row>
    <row r="1021833" spans="14:14">
      <c r="N1021833" s="10"/>
    </row>
    <row r="1021834" spans="14:14">
      <c r="N1021834" s="10"/>
    </row>
    <row r="1021835" spans="14:14">
      <c r="N1021835" s="10"/>
    </row>
    <row r="1021836" spans="14:14">
      <c r="N1021836" s="10"/>
    </row>
    <row r="1021837" spans="14:14">
      <c r="N1021837" s="10"/>
    </row>
    <row r="1021838" spans="14:14">
      <c r="N1021838" s="10"/>
    </row>
    <row r="1021839" spans="14:14">
      <c r="N1021839" s="10"/>
    </row>
    <row r="1021840" spans="14:14">
      <c r="N1021840" s="10"/>
    </row>
    <row r="1021841" spans="14:14">
      <c r="N1021841" s="10"/>
    </row>
    <row r="1021842" spans="14:14">
      <c r="N1021842" s="10"/>
    </row>
    <row r="1021843" spans="14:14">
      <c r="N1021843" s="10"/>
    </row>
    <row r="1021844" spans="14:14">
      <c r="N1021844" s="10"/>
    </row>
    <row r="1021845" spans="14:14">
      <c r="N1021845" s="10"/>
    </row>
    <row r="1021846" spans="14:14">
      <c r="N1021846" s="10"/>
    </row>
    <row r="1021847" spans="14:14">
      <c r="N1021847" s="10"/>
    </row>
    <row r="1021848" spans="14:14">
      <c r="N1021848" s="10"/>
    </row>
    <row r="1021849" spans="14:14">
      <c r="N1021849" s="10"/>
    </row>
    <row r="1021850" spans="14:14">
      <c r="N1021850" s="10"/>
    </row>
    <row r="1021851" spans="14:14">
      <c r="N1021851" s="10"/>
    </row>
    <row r="1021852" spans="14:14">
      <c r="N1021852" s="10"/>
    </row>
    <row r="1021853" spans="14:14">
      <c r="N1021853" s="10"/>
    </row>
    <row r="1021854" spans="14:14">
      <c r="N1021854" s="10"/>
    </row>
    <row r="1021855" spans="14:14">
      <c r="N1021855" s="10"/>
    </row>
    <row r="1021856" spans="14:14">
      <c r="N1021856" s="10"/>
    </row>
    <row r="1021857" spans="14:14">
      <c r="N1021857" s="10"/>
    </row>
    <row r="1021858" spans="14:14">
      <c r="N1021858" s="10"/>
    </row>
    <row r="1021859" spans="14:14">
      <c r="N1021859" s="10"/>
    </row>
    <row r="1021860" spans="14:14">
      <c r="N1021860" s="10"/>
    </row>
    <row r="1021861" spans="14:14">
      <c r="N1021861" s="10"/>
    </row>
    <row r="1021862" spans="14:14">
      <c r="N1021862" s="10"/>
    </row>
    <row r="1021863" spans="14:14">
      <c r="N1021863" s="10"/>
    </row>
    <row r="1021864" spans="14:14">
      <c r="N1021864" s="10"/>
    </row>
    <row r="1021865" spans="14:14">
      <c r="N1021865" s="10"/>
    </row>
    <row r="1021866" spans="14:14">
      <c r="N1021866" s="10"/>
    </row>
    <row r="1021867" spans="14:14">
      <c r="N1021867" s="10"/>
    </row>
    <row r="1021868" spans="14:14">
      <c r="N1021868" s="10"/>
    </row>
    <row r="1021869" spans="14:14">
      <c r="N1021869" s="10"/>
    </row>
    <row r="1021870" spans="14:14">
      <c r="N1021870" s="10"/>
    </row>
    <row r="1021871" spans="14:14">
      <c r="N1021871" s="10"/>
    </row>
    <row r="1021872" spans="14:14">
      <c r="N1021872" s="10"/>
    </row>
    <row r="1021873" spans="14:14">
      <c r="N1021873" s="10"/>
    </row>
    <row r="1021874" spans="14:14">
      <c r="N1021874" s="10"/>
    </row>
    <row r="1021875" spans="14:14">
      <c r="N1021875" s="10"/>
    </row>
    <row r="1021876" spans="14:14">
      <c r="N1021876" s="10"/>
    </row>
    <row r="1021877" spans="14:14">
      <c r="N1021877" s="10"/>
    </row>
    <row r="1021878" spans="14:14">
      <c r="N1021878" s="10"/>
    </row>
    <row r="1021879" spans="14:14">
      <c r="N1021879" s="10"/>
    </row>
    <row r="1021880" spans="14:14">
      <c r="N1021880" s="10"/>
    </row>
    <row r="1021881" spans="14:14">
      <c r="N1021881" s="10"/>
    </row>
    <row r="1021882" spans="14:14">
      <c r="N1021882" s="10"/>
    </row>
    <row r="1021883" spans="14:14">
      <c r="N1021883" s="10"/>
    </row>
    <row r="1021884" spans="14:14">
      <c r="N1021884" s="10"/>
    </row>
    <row r="1021885" spans="14:14">
      <c r="N1021885" s="10"/>
    </row>
    <row r="1021886" spans="14:14">
      <c r="N1021886" s="10"/>
    </row>
    <row r="1021887" spans="14:14">
      <c r="N1021887" s="10"/>
    </row>
    <row r="1021888" spans="14:14">
      <c r="N1021888" s="10"/>
    </row>
    <row r="1021889" spans="14:14">
      <c r="N1021889" s="10"/>
    </row>
    <row r="1021890" spans="14:14">
      <c r="N1021890" s="10"/>
    </row>
    <row r="1021891" spans="14:14">
      <c r="N1021891" s="10"/>
    </row>
    <row r="1021892" spans="14:14">
      <c r="N1021892" s="10"/>
    </row>
    <row r="1021893" spans="14:14">
      <c r="N1021893" s="10"/>
    </row>
    <row r="1021894" spans="14:14">
      <c r="N1021894" s="10"/>
    </row>
    <row r="1021895" spans="14:14">
      <c r="N1021895" s="10"/>
    </row>
    <row r="1021896" spans="14:14">
      <c r="N1021896" s="10"/>
    </row>
    <row r="1021897" spans="14:14">
      <c r="N1021897" s="10"/>
    </row>
    <row r="1021898" spans="14:14">
      <c r="N1021898" s="10"/>
    </row>
    <row r="1021899" spans="14:14">
      <c r="N1021899" s="10"/>
    </row>
    <row r="1021900" spans="14:14">
      <c r="N1021900" s="10"/>
    </row>
    <row r="1021901" spans="14:14">
      <c r="N1021901" s="10"/>
    </row>
    <row r="1021902" spans="14:14">
      <c r="N1021902" s="10"/>
    </row>
    <row r="1021903" spans="14:14">
      <c r="N1021903" s="10"/>
    </row>
    <row r="1021904" spans="14:14">
      <c r="N1021904" s="10"/>
    </row>
    <row r="1021905" spans="14:14">
      <c r="N1021905" s="10"/>
    </row>
    <row r="1021906" spans="14:14">
      <c r="N1021906" s="10"/>
    </row>
    <row r="1021907" spans="14:14">
      <c r="N1021907" s="10"/>
    </row>
    <row r="1021908" spans="14:14">
      <c r="N1021908" s="10"/>
    </row>
    <row r="1021909" spans="14:14">
      <c r="N1021909" s="10"/>
    </row>
    <row r="1021910" spans="14:14">
      <c r="N1021910" s="10"/>
    </row>
    <row r="1021911" spans="14:14">
      <c r="N1021911" s="10"/>
    </row>
    <row r="1021912" spans="14:14">
      <c r="N1021912" s="10"/>
    </row>
    <row r="1021913" spans="14:14">
      <c r="N1021913" s="10"/>
    </row>
    <row r="1021914" spans="14:14">
      <c r="N1021914" s="10"/>
    </row>
    <row r="1021915" spans="14:14">
      <c r="N1021915" s="10"/>
    </row>
    <row r="1021916" spans="14:14">
      <c r="N1021916" s="10"/>
    </row>
    <row r="1021917" spans="14:14">
      <c r="N1021917" s="10"/>
    </row>
    <row r="1021918" spans="14:14">
      <c r="N1021918" s="10"/>
    </row>
    <row r="1021919" spans="14:14">
      <c r="N1021919" s="10"/>
    </row>
    <row r="1021920" spans="14:14">
      <c r="N1021920" s="10"/>
    </row>
    <row r="1021921" spans="14:14">
      <c r="N1021921" s="10"/>
    </row>
    <row r="1021922" spans="14:14">
      <c r="N1021922" s="10"/>
    </row>
    <row r="1021923" spans="14:14">
      <c r="N1021923" s="10"/>
    </row>
    <row r="1021924" spans="14:14">
      <c r="N1021924" s="10"/>
    </row>
    <row r="1021925" spans="14:14">
      <c r="N1021925" s="10"/>
    </row>
    <row r="1021926" spans="14:14">
      <c r="N1021926" s="10"/>
    </row>
    <row r="1021927" spans="14:14">
      <c r="N1021927" s="10"/>
    </row>
    <row r="1021928" spans="14:14">
      <c r="N1021928" s="10"/>
    </row>
    <row r="1021929" spans="14:14">
      <c r="N1021929" s="10"/>
    </row>
    <row r="1021930" spans="14:14">
      <c r="N1021930" s="10"/>
    </row>
    <row r="1021931" spans="14:14">
      <c r="N1021931" s="10"/>
    </row>
    <row r="1021932" spans="14:14">
      <c r="N1021932" s="10"/>
    </row>
    <row r="1021933" spans="14:14">
      <c r="N1021933" s="10"/>
    </row>
    <row r="1021934" spans="14:14">
      <c r="N1021934" s="10"/>
    </row>
    <row r="1021935" spans="14:14">
      <c r="N1021935" s="10"/>
    </row>
    <row r="1021936" spans="14:14">
      <c r="N1021936" s="10"/>
    </row>
    <row r="1021937" spans="14:14">
      <c r="N1021937" s="10"/>
    </row>
    <row r="1021938" spans="14:14">
      <c r="N1021938" s="10"/>
    </row>
    <row r="1021939" spans="14:14">
      <c r="N1021939" s="10"/>
    </row>
    <row r="1021940" spans="14:14">
      <c r="N1021940" s="10"/>
    </row>
    <row r="1021941" spans="14:14">
      <c r="N1021941" s="10"/>
    </row>
    <row r="1021942" spans="14:14">
      <c r="N1021942" s="10"/>
    </row>
    <row r="1021943" spans="14:14">
      <c r="N1021943" s="10"/>
    </row>
    <row r="1021944" spans="14:14">
      <c r="N1021944" s="10"/>
    </row>
    <row r="1021945" spans="14:14">
      <c r="N1021945" s="10"/>
    </row>
    <row r="1021946" spans="14:14">
      <c r="N1021946" s="10"/>
    </row>
    <row r="1021947" spans="14:14">
      <c r="N1021947" s="10"/>
    </row>
    <row r="1021948" spans="14:14">
      <c r="N1021948" s="10"/>
    </row>
    <row r="1021949" spans="14:14">
      <c r="N1021949" s="10"/>
    </row>
    <row r="1021950" spans="14:14">
      <c r="N1021950" s="10"/>
    </row>
    <row r="1021951" spans="14:14">
      <c r="N1021951" s="10"/>
    </row>
    <row r="1021952" spans="14:14">
      <c r="N1021952" s="10"/>
    </row>
    <row r="1021953" spans="14:14">
      <c r="N1021953" s="10"/>
    </row>
    <row r="1021954" spans="14:14">
      <c r="N1021954" s="10"/>
    </row>
    <row r="1021955" spans="14:14">
      <c r="N1021955" s="10"/>
    </row>
    <row r="1021956" spans="14:14">
      <c r="N1021956" s="10"/>
    </row>
    <row r="1021957" spans="14:14">
      <c r="N1021957" s="10"/>
    </row>
    <row r="1021958" spans="14:14">
      <c r="N1021958" s="10"/>
    </row>
    <row r="1021959" spans="14:14">
      <c r="N1021959" s="10"/>
    </row>
    <row r="1021960" spans="14:14">
      <c r="N1021960" s="10"/>
    </row>
    <row r="1021961" spans="14:14">
      <c r="N1021961" s="10"/>
    </row>
    <row r="1021962" spans="14:14">
      <c r="N1021962" s="10"/>
    </row>
    <row r="1021963" spans="14:14">
      <c r="N1021963" s="10"/>
    </row>
    <row r="1021964" spans="14:14">
      <c r="N1021964" s="10"/>
    </row>
    <row r="1021965" spans="14:14">
      <c r="N1021965" s="10"/>
    </row>
    <row r="1021966" spans="14:14">
      <c r="N1021966" s="10"/>
    </row>
    <row r="1021967" spans="14:14">
      <c r="N1021967" s="10"/>
    </row>
    <row r="1021968" spans="14:14">
      <c r="N1021968" s="10"/>
    </row>
    <row r="1021969" spans="14:14">
      <c r="N1021969" s="10"/>
    </row>
    <row r="1021970" spans="14:14">
      <c r="N1021970" s="10"/>
    </row>
    <row r="1021971" spans="14:14">
      <c r="N1021971" s="10"/>
    </row>
    <row r="1021972" spans="14:14">
      <c r="N1021972" s="10"/>
    </row>
    <row r="1021973" spans="14:14">
      <c r="N1021973" s="10"/>
    </row>
    <row r="1021974" spans="14:14">
      <c r="N1021974" s="10"/>
    </row>
    <row r="1021975" spans="14:14">
      <c r="N1021975" s="10"/>
    </row>
    <row r="1021976" spans="14:14">
      <c r="N1021976" s="10"/>
    </row>
    <row r="1021977" spans="14:14">
      <c r="N1021977" s="10"/>
    </row>
    <row r="1021978" spans="14:14">
      <c r="N1021978" s="10"/>
    </row>
    <row r="1021979" spans="14:14">
      <c r="N1021979" s="10"/>
    </row>
    <row r="1021980" spans="14:14">
      <c r="N1021980" s="10"/>
    </row>
    <row r="1021981" spans="14:14">
      <c r="N1021981" s="10"/>
    </row>
    <row r="1021982" spans="14:14">
      <c r="N1021982" s="10"/>
    </row>
    <row r="1021983" spans="14:14">
      <c r="N1021983" s="10"/>
    </row>
    <row r="1021984" spans="14:14">
      <c r="N1021984" s="10"/>
    </row>
    <row r="1021985" spans="14:14">
      <c r="N1021985" s="10"/>
    </row>
    <row r="1021986" spans="14:14">
      <c r="N1021986" s="10"/>
    </row>
    <row r="1021987" spans="14:14">
      <c r="N1021987" s="10"/>
    </row>
    <row r="1021988" spans="14:14">
      <c r="N1021988" s="10"/>
    </row>
    <row r="1021989" spans="14:14">
      <c r="N1021989" s="10"/>
    </row>
    <row r="1021990" spans="14:14">
      <c r="N1021990" s="10"/>
    </row>
    <row r="1021991" spans="14:14">
      <c r="N1021991" s="10"/>
    </row>
    <row r="1021992" spans="14:14">
      <c r="N1021992" s="10"/>
    </row>
    <row r="1021993" spans="14:14">
      <c r="N1021993" s="10"/>
    </row>
    <row r="1021994" spans="14:14">
      <c r="N1021994" s="10"/>
    </row>
    <row r="1021995" spans="14:14">
      <c r="N1021995" s="10"/>
    </row>
    <row r="1021996" spans="14:14">
      <c r="N1021996" s="10"/>
    </row>
    <row r="1021997" spans="14:14">
      <c r="N1021997" s="10"/>
    </row>
    <row r="1021998" spans="14:14">
      <c r="N1021998" s="10"/>
    </row>
    <row r="1021999" spans="14:14">
      <c r="N1021999" s="10"/>
    </row>
    <row r="1022000" spans="14:14">
      <c r="N1022000" s="10"/>
    </row>
    <row r="1022001" spans="14:14">
      <c r="N1022001" s="10"/>
    </row>
    <row r="1022002" spans="14:14">
      <c r="N1022002" s="10"/>
    </row>
    <row r="1022003" spans="14:14">
      <c r="N1022003" s="10"/>
    </row>
    <row r="1022004" spans="14:14">
      <c r="N1022004" s="10"/>
    </row>
    <row r="1022005" spans="14:14">
      <c r="N1022005" s="10"/>
    </row>
    <row r="1022006" spans="14:14">
      <c r="N1022006" s="10"/>
    </row>
    <row r="1022007" spans="14:14">
      <c r="N1022007" s="10"/>
    </row>
    <row r="1022008" spans="14:14">
      <c r="N1022008" s="10"/>
    </row>
    <row r="1022009" spans="14:14">
      <c r="N1022009" s="10"/>
    </row>
    <row r="1022010" spans="14:14">
      <c r="N1022010" s="10"/>
    </row>
    <row r="1022011" spans="14:14">
      <c r="N1022011" s="10"/>
    </row>
    <row r="1022012" spans="14:14">
      <c r="N1022012" s="10"/>
    </row>
    <row r="1022013" spans="14:14">
      <c r="N1022013" s="10"/>
    </row>
    <row r="1022014" spans="14:14">
      <c r="N1022014" s="10"/>
    </row>
    <row r="1022015" spans="14:14">
      <c r="N1022015" s="10"/>
    </row>
    <row r="1022016" spans="14:14">
      <c r="N1022016" s="10"/>
    </row>
    <row r="1022017" spans="14:14">
      <c r="N1022017" s="10"/>
    </row>
    <row r="1022018" spans="14:14">
      <c r="N1022018" s="10"/>
    </row>
    <row r="1022019" spans="14:14">
      <c r="N1022019" s="10"/>
    </row>
    <row r="1022020" spans="14:14">
      <c r="N1022020" s="10"/>
    </row>
    <row r="1022021" spans="14:14">
      <c r="N1022021" s="10"/>
    </row>
    <row r="1022022" spans="14:14">
      <c r="N1022022" s="10"/>
    </row>
    <row r="1022023" spans="14:14">
      <c r="N1022023" s="10"/>
    </row>
    <row r="1022024" spans="14:14">
      <c r="N1022024" s="10"/>
    </row>
    <row r="1022025" spans="14:14">
      <c r="N1022025" s="10"/>
    </row>
    <row r="1022026" spans="14:14">
      <c r="N1022026" s="10"/>
    </row>
    <row r="1022027" spans="14:14">
      <c r="N1022027" s="10"/>
    </row>
    <row r="1022028" spans="14:14">
      <c r="N1022028" s="10"/>
    </row>
    <row r="1022029" spans="14:14">
      <c r="N1022029" s="10"/>
    </row>
    <row r="1022030" spans="14:14">
      <c r="N1022030" s="10"/>
    </row>
    <row r="1022031" spans="14:14">
      <c r="N1022031" s="10"/>
    </row>
    <row r="1022032" spans="14:14">
      <c r="N1022032" s="10"/>
    </row>
    <row r="1022033" spans="14:14">
      <c r="N1022033" s="10"/>
    </row>
    <row r="1022034" spans="14:14">
      <c r="N1022034" s="10"/>
    </row>
    <row r="1022035" spans="14:14">
      <c r="N1022035" s="10"/>
    </row>
    <row r="1022036" spans="14:14">
      <c r="N1022036" s="10"/>
    </row>
    <row r="1022037" spans="14:14">
      <c r="N1022037" s="10"/>
    </row>
    <row r="1022038" spans="14:14">
      <c r="N1022038" s="10"/>
    </row>
    <row r="1022039" spans="14:14">
      <c r="N1022039" s="10"/>
    </row>
    <row r="1022040" spans="14:14">
      <c r="N1022040" s="10"/>
    </row>
    <row r="1022041" spans="14:14">
      <c r="N1022041" s="10"/>
    </row>
    <row r="1022042" spans="14:14">
      <c r="N1022042" s="10"/>
    </row>
    <row r="1022043" spans="14:14">
      <c r="N1022043" s="10"/>
    </row>
    <row r="1022044" spans="14:14">
      <c r="N1022044" s="10"/>
    </row>
    <row r="1022045" spans="14:14">
      <c r="N1022045" s="10"/>
    </row>
    <row r="1022046" spans="14:14">
      <c r="N1022046" s="10"/>
    </row>
    <row r="1022047" spans="14:14">
      <c r="N1022047" s="10"/>
    </row>
    <row r="1022048" spans="14:14">
      <c r="N1022048" s="10"/>
    </row>
    <row r="1022049" spans="14:14">
      <c r="N1022049" s="10"/>
    </row>
    <row r="1022050" spans="14:14">
      <c r="N1022050" s="10"/>
    </row>
    <row r="1022051" spans="14:14">
      <c r="N1022051" s="10"/>
    </row>
    <row r="1022052" spans="14:14">
      <c r="N1022052" s="10"/>
    </row>
    <row r="1022053" spans="14:14">
      <c r="N1022053" s="10"/>
    </row>
    <row r="1022054" spans="14:14">
      <c r="N1022054" s="10"/>
    </row>
    <row r="1022055" spans="14:14">
      <c r="N1022055" s="10"/>
    </row>
    <row r="1022056" spans="14:14">
      <c r="N1022056" s="10"/>
    </row>
    <row r="1022057" spans="14:14">
      <c r="N1022057" s="10"/>
    </row>
    <row r="1022058" spans="14:14">
      <c r="N1022058" s="10"/>
    </row>
    <row r="1022059" spans="14:14">
      <c r="N1022059" s="10"/>
    </row>
    <row r="1022060" spans="14:14">
      <c r="N1022060" s="10"/>
    </row>
    <row r="1022061" spans="14:14">
      <c r="N1022061" s="10"/>
    </row>
    <row r="1022062" spans="14:14">
      <c r="N1022062" s="10"/>
    </row>
    <row r="1022063" spans="14:14">
      <c r="N1022063" s="10"/>
    </row>
    <row r="1022064" spans="14:14">
      <c r="N1022064" s="10"/>
    </row>
    <row r="1022065" spans="14:14">
      <c r="N1022065" s="10"/>
    </row>
    <row r="1022066" spans="14:14">
      <c r="N1022066" s="10"/>
    </row>
    <row r="1022067" spans="14:14">
      <c r="N1022067" s="10"/>
    </row>
    <row r="1022068" spans="14:14">
      <c r="N1022068" s="10"/>
    </row>
    <row r="1022069" spans="14:14">
      <c r="N1022069" s="10"/>
    </row>
    <row r="1022070" spans="14:14">
      <c r="N1022070" s="10"/>
    </row>
    <row r="1022071" spans="14:14">
      <c r="N1022071" s="10"/>
    </row>
    <row r="1022072" spans="14:14">
      <c r="N1022072" s="10"/>
    </row>
    <row r="1022073" spans="14:14">
      <c r="N1022073" s="10"/>
    </row>
    <row r="1022074" spans="14:14">
      <c r="N1022074" s="10"/>
    </row>
    <row r="1022075" spans="14:14">
      <c r="N1022075" s="10"/>
    </row>
    <row r="1022076" spans="14:14">
      <c r="N1022076" s="10"/>
    </row>
    <row r="1022077" spans="14:14">
      <c r="N1022077" s="10"/>
    </row>
    <row r="1022078" spans="14:14">
      <c r="N1022078" s="10"/>
    </row>
    <row r="1022079" spans="14:14">
      <c r="N1022079" s="10"/>
    </row>
    <row r="1022080" spans="14:14">
      <c r="N1022080" s="10"/>
    </row>
    <row r="1022081" spans="14:14">
      <c r="N1022081" s="10"/>
    </row>
    <row r="1022082" spans="14:14">
      <c r="N1022082" s="10"/>
    </row>
    <row r="1022083" spans="14:14">
      <c r="N1022083" s="10"/>
    </row>
    <row r="1022084" spans="14:14">
      <c r="N1022084" s="10"/>
    </row>
    <row r="1022085" spans="14:14">
      <c r="N1022085" s="10"/>
    </row>
    <row r="1022086" spans="14:14">
      <c r="N1022086" s="10"/>
    </row>
    <row r="1022087" spans="14:14">
      <c r="N1022087" s="10"/>
    </row>
    <row r="1022088" spans="14:14">
      <c r="N1022088" s="10"/>
    </row>
    <row r="1022089" spans="14:14">
      <c r="N1022089" s="10"/>
    </row>
    <row r="1022090" spans="14:14">
      <c r="N1022090" s="10"/>
    </row>
    <row r="1022091" spans="14:14">
      <c r="N1022091" s="10"/>
    </row>
    <row r="1022092" spans="14:14">
      <c r="N1022092" s="10"/>
    </row>
    <row r="1022093" spans="14:14">
      <c r="N1022093" s="10"/>
    </row>
    <row r="1022094" spans="14:14">
      <c r="N1022094" s="10"/>
    </row>
    <row r="1022095" spans="14:14">
      <c r="N1022095" s="10"/>
    </row>
    <row r="1022096" spans="14:14">
      <c r="N1022096" s="10"/>
    </row>
    <row r="1022097" spans="14:14">
      <c r="N1022097" s="10"/>
    </row>
    <row r="1022098" spans="14:14">
      <c r="N1022098" s="10"/>
    </row>
    <row r="1022099" spans="14:14">
      <c r="N1022099" s="10"/>
    </row>
    <row r="1022100" spans="14:14">
      <c r="N1022100" s="10"/>
    </row>
    <row r="1022101" spans="14:14">
      <c r="N1022101" s="10"/>
    </row>
    <row r="1022102" spans="14:14">
      <c r="N1022102" s="10"/>
    </row>
    <row r="1022103" spans="14:14">
      <c r="N1022103" s="10"/>
    </row>
    <row r="1022104" spans="14:14">
      <c r="N1022104" s="10"/>
    </row>
    <row r="1022105" spans="14:14">
      <c r="N1022105" s="10"/>
    </row>
    <row r="1022106" spans="14:14">
      <c r="N1022106" s="10"/>
    </row>
    <row r="1022107" spans="14:14">
      <c r="N1022107" s="10"/>
    </row>
    <row r="1022108" spans="14:14">
      <c r="N1022108" s="10"/>
    </row>
    <row r="1022109" spans="14:14">
      <c r="N1022109" s="10"/>
    </row>
    <row r="1022110" spans="14:14">
      <c r="N1022110" s="10"/>
    </row>
    <row r="1022111" spans="14:14">
      <c r="N1022111" s="10"/>
    </row>
    <row r="1022112" spans="14:14">
      <c r="N1022112" s="10"/>
    </row>
    <row r="1022113" spans="14:14">
      <c r="N1022113" s="10"/>
    </row>
    <row r="1022114" spans="14:14">
      <c r="N1022114" s="10"/>
    </row>
    <row r="1022115" spans="14:14">
      <c r="N1022115" s="10"/>
    </row>
    <row r="1022116" spans="14:14">
      <c r="N1022116" s="10"/>
    </row>
    <row r="1022117" spans="14:14">
      <c r="N1022117" s="10"/>
    </row>
    <row r="1022118" spans="14:14">
      <c r="N1022118" s="10"/>
    </row>
    <row r="1022119" spans="14:14">
      <c r="N1022119" s="10"/>
    </row>
    <row r="1022120" spans="14:14">
      <c r="N1022120" s="10"/>
    </row>
    <row r="1022121" spans="14:14">
      <c r="N1022121" s="10"/>
    </row>
    <row r="1022122" spans="14:14">
      <c r="N1022122" s="10"/>
    </row>
    <row r="1022123" spans="14:14">
      <c r="N1022123" s="10"/>
    </row>
    <row r="1022124" spans="14:14">
      <c r="N1022124" s="10"/>
    </row>
    <row r="1022125" spans="14:14">
      <c r="N1022125" s="10"/>
    </row>
    <row r="1022126" spans="14:14">
      <c r="N1022126" s="10"/>
    </row>
    <row r="1022127" spans="14:14">
      <c r="N1022127" s="10"/>
    </row>
    <row r="1022128" spans="14:14">
      <c r="N1022128" s="10"/>
    </row>
    <row r="1022129" spans="14:14">
      <c r="N1022129" s="10"/>
    </row>
    <row r="1022130" spans="14:14">
      <c r="N1022130" s="10"/>
    </row>
    <row r="1022131" spans="14:14">
      <c r="N1022131" s="10"/>
    </row>
    <row r="1022132" spans="14:14">
      <c r="N1022132" s="10"/>
    </row>
    <row r="1022133" spans="14:14">
      <c r="N1022133" s="10"/>
    </row>
    <row r="1022134" spans="14:14">
      <c r="N1022134" s="10"/>
    </row>
    <row r="1022135" spans="14:14">
      <c r="N1022135" s="10"/>
    </row>
    <row r="1022136" spans="14:14">
      <c r="N1022136" s="10"/>
    </row>
    <row r="1022137" spans="14:14">
      <c r="N1022137" s="10"/>
    </row>
    <row r="1022138" spans="14:14">
      <c r="N1022138" s="10"/>
    </row>
    <row r="1022139" spans="14:14">
      <c r="N1022139" s="10"/>
    </row>
    <row r="1022140" spans="14:14">
      <c r="N1022140" s="10"/>
    </row>
    <row r="1022141" spans="14:14">
      <c r="N1022141" s="10"/>
    </row>
    <row r="1022142" spans="14:14">
      <c r="N1022142" s="10"/>
    </row>
    <row r="1022143" spans="14:14">
      <c r="N1022143" s="10"/>
    </row>
    <row r="1022144" spans="14:14">
      <c r="N1022144" s="10"/>
    </row>
    <row r="1022145" spans="14:14">
      <c r="N1022145" s="10"/>
    </row>
    <row r="1022146" spans="14:14">
      <c r="N1022146" s="10"/>
    </row>
    <row r="1022147" spans="14:14">
      <c r="N1022147" s="10"/>
    </row>
    <row r="1022148" spans="14:14">
      <c r="N1022148" s="10"/>
    </row>
    <row r="1022149" spans="14:14">
      <c r="N1022149" s="10"/>
    </row>
    <row r="1022150" spans="14:14">
      <c r="N1022150" s="10"/>
    </row>
    <row r="1022151" spans="14:14">
      <c r="N1022151" s="10"/>
    </row>
    <row r="1022152" spans="14:14">
      <c r="N1022152" s="10"/>
    </row>
    <row r="1022153" spans="14:14">
      <c r="N1022153" s="10"/>
    </row>
    <row r="1022154" spans="14:14">
      <c r="N1022154" s="10"/>
    </row>
    <row r="1022155" spans="14:14">
      <c r="N1022155" s="10"/>
    </row>
    <row r="1022156" spans="14:14">
      <c r="N1022156" s="10"/>
    </row>
    <row r="1022157" spans="14:14">
      <c r="N1022157" s="10"/>
    </row>
    <row r="1022158" spans="14:14">
      <c r="N1022158" s="10"/>
    </row>
    <row r="1022159" spans="14:14">
      <c r="N1022159" s="10"/>
    </row>
    <row r="1022160" spans="14:14">
      <c r="N1022160" s="10"/>
    </row>
    <row r="1022161" spans="14:14">
      <c r="N1022161" s="10"/>
    </row>
    <row r="1022162" spans="14:14">
      <c r="N1022162" s="10"/>
    </row>
    <row r="1022163" spans="14:14">
      <c r="N1022163" s="10"/>
    </row>
    <row r="1022164" spans="14:14">
      <c r="N1022164" s="10"/>
    </row>
    <row r="1022165" spans="14:14">
      <c r="N1022165" s="10"/>
    </row>
    <row r="1022166" spans="14:14">
      <c r="N1022166" s="10"/>
    </row>
    <row r="1022167" spans="14:14">
      <c r="N1022167" s="10"/>
    </row>
    <row r="1022168" spans="14:14">
      <c r="N1022168" s="10"/>
    </row>
    <row r="1022169" spans="14:14">
      <c r="N1022169" s="10"/>
    </row>
    <row r="1022170" spans="14:14">
      <c r="N1022170" s="10"/>
    </row>
    <row r="1022171" spans="14:14">
      <c r="N1022171" s="10"/>
    </row>
    <row r="1022172" spans="14:14">
      <c r="N1022172" s="10"/>
    </row>
    <row r="1022173" spans="14:14">
      <c r="N1022173" s="10"/>
    </row>
    <row r="1022174" spans="14:14">
      <c r="N1022174" s="10"/>
    </row>
    <row r="1022175" spans="14:14">
      <c r="N1022175" s="10"/>
    </row>
    <row r="1022176" spans="14:14">
      <c r="N1022176" s="10"/>
    </row>
    <row r="1022177" spans="14:14">
      <c r="N1022177" s="10"/>
    </row>
    <row r="1022178" spans="14:14">
      <c r="N1022178" s="10"/>
    </row>
    <row r="1022179" spans="14:14">
      <c r="N1022179" s="10"/>
    </row>
    <row r="1022180" spans="14:14">
      <c r="N1022180" s="10"/>
    </row>
    <row r="1022181" spans="14:14">
      <c r="N1022181" s="10"/>
    </row>
    <row r="1022182" spans="14:14">
      <c r="N1022182" s="10"/>
    </row>
    <row r="1022183" spans="14:14">
      <c r="N1022183" s="10"/>
    </row>
    <row r="1022184" spans="14:14">
      <c r="N1022184" s="10"/>
    </row>
    <row r="1022185" spans="14:14">
      <c r="N1022185" s="10"/>
    </row>
    <row r="1022186" spans="14:14">
      <c r="N1022186" s="10"/>
    </row>
    <row r="1022187" spans="14:14">
      <c r="N1022187" s="10"/>
    </row>
    <row r="1022188" spans="14:14">
      <c r="N1022188" s="10"/>
    </row>
    <row r="1022189" spans="14:14">
      <c r="N1022189" s="10"/>
    </row>
    <row r="1022190" spans="14:14">
      <c r="N1022190" s="10"/>
    </row>
    <row r="1022191" spans="14:14">
      <c r="N1022191" s="10"/>
    </row>
    <row r="1022192" spans="14:14">
      <c r="N1022192" s="10"/>
    </row>
    <row r="1022193" spans="14:14">
      <c r="N1022193" s="10"/>
    </row>
    <row r="1022194" spans="14:14">
      <c r="N1022194" s="10"/>
    </row>
    <row r="1022195" spans="14:14">
      <c r="N1022195" s="10"/>
    </row>
    <row r="1022196" spans="14:14">
      <c r="N1022196" s="10"/>
    </row>
    <row r="1022197" spans="14:14">
      <c r="N1022197" s="10"/>
    </row>
    <row r="1022198" spans="14:14">
      <c r="N1022198" s="10"/>
    </row>
    <row r="1022199" spans="14:14">
      <c r="N1022199" s="10"/>
    </row>
    <row r="1022200" spans="14:14">
      <c r="N1022200" s="10"/>
    </row>
    <row r="1022201" spans="14:14">
      <c r="N1022201" s="10"/>
    </row>
    <row r="1022202" spans="14:14">
      <c r="N1022202" s="10"/>
    </row>
    <row r="1022203" spans="14:14">
      <c r="N1022203" s="10"/>
    </row>
    <row r="1022204" spans="14:14">
      <c r="N1022204" s="10"/>
    </row>
    <row r="1022205" spans="14:14">
      <c r="N1022205" s="10"/>
    </row>
    <row r="1022206" spans="14:14">
      <c r="N1022206" s="10"/>
    </row>
    <row r="1022207" spans="14:14">
      <c r="N1022207" s="10"/>
    </row>
    <row r="1022208" spans="14:14">
      <c r="N1022208" s="10"/>
    </row>
    <row r="1022209" spans="14:14">
      <c r="N1022209" s="10"/>
    </row>
    <row r="1022210" spans="14:14">
      <c r="N1022210" s="10"/>
    </row>
    <row r="1022211" spans="14:14">
      <c r="N1022211" s="10"/>
    </row>
    <row r="1022212" spans="14:14">
      <c r="N1022212" s="10"/>
    </row>
    <row r="1022213" spans="14:14">
      <c r="N1022213" s="10"/>
    </row>
    <row r="1022214" spans="14:14">
      <c r="N1022214" s="10"/>
    </row>
    <row r="1022215" spans="14:14">
      <c r="N1022215" s="10"/>
    </row>
    <row r="1022216" spans="14:14">
      <c r="N1022216" s="10"/>
    </row>
    <row r="1022217" spans="14:14">
      <c r="N1022217" s="10"/>
    </row>
    <row r="1022218" spans="14:14">
      <c r="N1022218" s="10"/>
    </row>
    <row r="1022219" spans="14:14">
      <c r="N1022219" s="10"/>
    </row>
    <row r="1022220" spans="14:14">
      <c r="N1022220" s="10"/>
    </row>
    <row r="1022221" spans="14:14">
      <c r="N1022221" s="10"/>
    </row>
    <row r="1022222" spans="14:14">
      <c r="N1022222" s="10"/>
    </row>
    <row r="1022223" spans="14:14">
      <c r="N1022223" s="10"/>
    </row>
    <row r="1022224" spans="14:14">
      <c r="N1022224" s="10"/>
    </row>
    <row r="1022225" spans="14:14">
      <c r="N1022225" s="10"/>
    </row>
    <row r="1022226" spans="14:14">
      <c r="N1022226" s="10"/>
    </row>
    <row r="1022227" spans="14:14">
      <c r="N1022227" s="10"/>
    </row>
    <row r="1022228" spans="14:14">
      <c r="N1022228" s="10"/>
    </row>
    <row r="1022229" spans="14:14">
      <c r="N1022229" s="10"/>
    </row>
    <row r="1022230" spans="14:14">
      <c r="N1022230" s="10"/>
    </row>
    <row r="1022231" spans="14:14">
      <c r="N1022231" s="10"/>
    </row>
    <row r="1022232" spans="14:14">
      <c r="N1022232" s="10"/>
    </row>
    <row r="1022233" spans="14:14">
      <c r="N1022233" s="10"/>
    </row>
    <row r="1022234" spans="14:14">
      <c r="N1022234" s="10"/>
    </row>
    <row r="1022235" spans="14:14">
      <c r="N1022235" s="10"/>
    </row>
    <row r="1022236" spans="14:14">
      <c r="N1022236" s="10"/>
    </row>
    <row r="1022237" spans="14:14">
      <c r="N1022237" s="10"/>
    </row>
    <row r="1022238" spans="14:14">
      <c r="N1022238" s="10"/>
    </row>
    <row r="1022239" spans="14:14">
      <c r="N1022239" s="10"/>
    </row>
    <row r="1022240" spans="14:14">
      <c r="N1022240" s="10"/>
    </row>
    <row r="1022241" spans="14:14">
      <c r="N1022241" s="10"/>
    </row>
    <row r="1022242" spans="14:14">
      <c r="N1022242" s="10"/>
    </row>
    <row r="1022243" spans="14:14">
      <c r="N1022243" s="10"/>
    </row>
    <row r="1022244" spans="14:14">
      <c r="N1022244" s="10"/>
    </row>
    <row r="1022245" spans="14:14">
      <c r="N1022245" s="10"/>
    </row>
    <row r="1022246" spans="14:14">
      <c r="N1022246" s="10"/>
    </row>
    <row r="1022247" spans="14:14">
      <c r="N1022247" s="10"/>
    </row>
    <row r="1022248" spans="14:14">
      <c r="N1022248" s="10"/>
    </row>
    <row r="1022249" spans="14:14">
      <c r="N1022249" s="10"/>
    </row>
    <row r="1022250" spans="14:14">
      <c r="N1022250" s="10"/>
    </row>
    <row r="1022251" spans="14:14">
      <c r="N1022251" s="10"/>
    </row>
    <row r="1022252" spans="14:14">
      <c r="N1022252" s="10"/>
    </row>
    <row r="1022253" spans="14:14">
      <c r="N1022253" s="10"/>
    </row>
    <row r="1022254" spans="14:14">
      <c r="N1022254" s="10"/>
    </row>
    <row r="1022255" spans="14:14">
      <c r="N1022255" s="10"/>
    </row>
    <row r="1022256" spans="14:14">
      <c r="N1022256" s="10"/>
    </row>
    <row r="1022257" spans="14:14">
      <c r="N1022257" s="10"/>
    </row>
    <row r="1022258" spans="14:14">
      <c r="N1022258" s="10"/>
    </row>
    <row r="1022259" spans="14:14">
      <c r="N1022259" s="10"/>
    </row>
    <row r="1022260" spans="14:14">
      <c r="N1022260" s="10"/>
    </row>
    <row r="1022261" spans="14:14">
      <c r="N1022261" s="10"/>
    </row>
    <row r="1022262" spans="14:14">
      <c r="N1022262" s="10"/>
    </row>
    <row r="1022263" spans="14:14">
      <c r="N1022263" s="10"/>
    </row>
    <row r="1022264" spans="14:14">
      <c r="N1022264" s="10"/>
    </row>
    <row r="1022265" spans="14:14">
      <c r="N1022265" s="10"/>
    </row>
    <row r="1022266" spans="14:14">
      <c r="N1022266" s="10"/>
    </row>
    <row r="1022267" spans="14:14">
      <c r="N1022267" s="10"/>
    </row>
    <row r="1022268" spans="14:14">
      <c r="N1022268" s="10"/>
    </row>
    <row r="1022269" spans="14:14">
      <c r="N1022269" s="10"/>
    </row>
    <row r="1022270" spans="14:14">
      <c r="N1022270" s="10"/>
    </row>
    <row r="1022271" spans="14:14">
      <c r="N1022271" s="10"/>
    </row>
    <row r="1022272" spans="14:14">
      <c r="N1022272" s="10"/>
    </row>
    <row r="1022273" spans="14:14">
      <c r="N1022273" s="10"/>
    </row>
    <row r="1022274" spans="14:14">
      <c r="N1022274" s="10"/>
    </row>
    <row r="1022275" spans="14:14">
      <c r="N1022275" s="10"/>
    </row>
    <row r="1022276" spans="14:14">
      <c r="N1022276" s="10"/>
    </row>
    <row r="1022277" spans="14:14">
      <c r="N1022277" s="10"/>
    </row>
    <row r="1022278" spans="14:14">
      <c r="N1022278" s="10"/>
    </row>
    <row r="1022279" spans="14:14">
      <c r="N1022279" s="10"/>
    </row>
    <row r="1022280" spans="14:14">
      <c r="N1022280" s="10"/>
    </row>
    <row r="1022281" spans="14:14">
      <c r="N1022281" s="10"/>
    </row>
    <row r="1022282" spans="14:14">
      <c r="N1022282" s="10"/>
    </row>
    <row r="1022283" spans="14:14">
      <c r="N1022283" s="10"/>
    </row>
    <row r="1022284" spans="14:14">
      <c r="N1022284" s="10"/>
    </row>
    <row r="1022285" spans="14:14">
      <c r="N1022285" s="10"/>
    </row>
    <row r="1022286" spans="14:14">
      <c r="N1022286" s="10"/>
    </row>
    <row r="1022287" spans="14:14">
      <c r="N1022287" s="10"/>
    </row>
    <row r="1022288" spans="14:14">
      <c r="N1022288" s="10"/>
    </row>
    <row r="1022289" spans="14:14">
      <c r="N1022289" s="10"/>
    </row>
    <row r="1022290" spans="14:14">
      <c r="N1022290" s="10"/>
    </row>
    <row r="1022291" spans="14:14">
      <c r="N1022291" s="10"/>
    </row>
    <row r="1022292" spans="14:14">
      <c r="N1022292" s="10"/>
    </row>
    <row r="1022293" spans="14:14">
      <c r="N1022293" s="10"/>
    </row>
    <row r="1022294" spans="14:14">
      <c r="N1022294" s="10"/>
    </row>
    <row r="1022295" spans="14:14">
      <c r="N1022295" s="10"/>
    </row>
    <row r="1022296" spans="14:14">
      <c r="N1022296" s="10"/>
    </row>
    <row r="1022297" spans="14:14">
      <c r="N1022297" s="10"/>
    </row>
    <row r="1022298" spans="14:14">
      <c r="N1022298" s="10"/>
    </row>
    <row r="1022299" spans="14:14">
      <c r="N1022299" s="10"/>
    </row>
    <row r="1022300" spans="14:14">
      <c r="N1022300" s="10"/>
    </row>
    <row r="1022301" spans="14:14">
      <c r="N1022301" s="10"/>
    </row>
    <row r="1022302" spans="14:14">
      <c r="N1022302" s="10"/>
    </row>
    <row r="1022303" spans="14:14">
      <c r="N1022303" s="10"/>
    </row>
    <row r="1022304" spans="14:14">
      <c r="N1022304" s="10"/>
    </row>
    <row r="1022305" spans="14:14">
      <c r="N1022305" s="10"/>
    </row>
    <row r="1022306" spans="14:14">
      <c r="N1022306" s="10"/>
    </row>
    <row r="1022307" spans="14:14">
      <c r="N1022307" s="10"/>
    </row>
    <row r="1022308" spans="14:14">
      <c r="N1022308" s="10"/>
    </row>
    <row r="1022309" spans="14:14">
      <c r="N1022309" s="10"/>
    </row>
    <row r="1022310" spans="14:14">
      <c r="N1022310" s="10"/>
    </row>
    <row r="1022311" spans="14:14">
      <c r="N1022311" s="10"/>
    </row>
    <row r="1022312" spans="14:14">
      <c r="N1022312" s="10"/>
    </row>
    <row r="1022313" spans="14:14">
      <c r="N1022313" s="10"/>
    </row>
    <row r="1022314" spans="14:14">
      <c r="N1022314" s="10"/>
    </row>
    <row r="1022315" spans="14:14">
      <c r="N1022315" s="10"/>
    </row>
    <row r="1022316" spans="14:14">
      <c r="N1022316" s="10"/>
    </row>
    <row r="1022317" spans="14:14">
      <c r="N1022317" s="10"/>
    </row>
    <row r="1022318" spans="14:14">
      <c r="N1022318" s="10"/>
    </row>
    <row r="1022319" spans="14:14">
      <c r="N1022319" s="10"/>
    </row>
    <row r="1022320" spans="14:14">
      <c r="N1022320" s="10"/>
    </row>
    <row r="1022321" spans="14:14">
      <c r="N1022321" s="10"/>
    </row>
    <row r="1022322" spans="14:14">
      <c r="N1022322" s="10"/>
    </row>
    <row r="1022323" spans="14:14">
      <c r="N1022323" s="10"/>
    </row>
    <row r="1022324" spans="14:14">
      <c r="N1022324" s="10"/>
    </row>
    <row r="1022325" spans="14:14">
      <c r="N1022325" s="10"/>
    </row>
    <row r="1022326" spans="14:14">
      <c r="N1022326" s="10"/>
    </row>
    <row r="1022327" spans="14:14">
      <c r="N1022327" s="10"/>
    </row>
    <row r="1022328" spans="14:14">
      <c r="N1022328" s="10"/>
    </row>
    <row r="1022329" spans="14:14">
      <c r="N1022329" s="10"/>
    </row>
    <row r="1022330" spans="14:14">
      <c r="N1022330" s="10"/>
    </row>
    <row r="1022331" spans="14:14">
      <c r="N1022331" s="10"/>
    </row>
    <row r="1022332" spans="14:14">
      <c r="N1022332" s="10"/>
    </row>
    <row r="1022333" spans="14:14">
      <c r="N1022333" s="10"/>
    </row>
    <row r="1022334" spans="14:14">
      <c r="N1022334" s="10"/>
    </row>
    <row r="1022335" spans="14:14">
      <c r="N1022335" s="10"/>
    </row>
    <row r="1022336" spans="14:14">
      <c r="N1022336" s="10"/>
    </row>
    <row r="1022337" spans="14:14">
      <c r="N1022337" s="10"/>
    </row>
    <row r="1022338" spans="14:14">
      <c r="N1022338" s="10"/>
    </row>
    <row r="1022339" spans="14:14">
      <c r="N1022339" s="10"/>
    </row>
    <row r="1022340" spans="14:14">
      <c r="N1022340" s="10"/>
    </row>
    <row r="1022341" spans="14:14">
      <c r="N1022341" s="10"/>
    </row>
    <row r="1022342" spans="14:14">
      <c r="N1022342" s="10"/>
    </row>
    <row r="1022343" spans="14:14">
      <c r="N1022343" s="10"/>
    </row>
    <row r="1022344" spans="14:14">
      <c r="N1022344" s="10"/>
    </row>
    <row r="1022345" spans="14:14">
      <c r="N1022345" s="10"/>
    </row>
    <row r="1022346" spans="14:14">
      <c r="N1022346" s="10"/>
    </row>
    <row r="1022347" spans="14:14">
      <c r="N1022347" s="10"/>
    </row>
    <row r="1022348" spans="14:14">
      <c r="N1022348" s="10"/>
    </row>
    <row r="1022349" spans="14:14">
      <c r="N1022349" s="10"/>
    </row>
    <row r="1022350" spans="14:14">
      <c r="N1022350" s="10"/>
    </row>
    <row r="1022351" spans="14:14">
      <c r="N1022351" s="10"/>
    </row>
    <row r="1022352" spans="14:14">
      <c r="N1022352" s="10"/>
    </row>
    <row r="1022353" spans="14:14">
      <c r="N1022353" s="10"/>
    </row>
    <row r="1022354" spans="14:14">
      <c r="N1022354" s="10"/>
    </row>
    <row r="1022355" spans="14:14">
      <c r="N1022355" s="10"/>
    </row>
    <row r="1022356" spans="14:14">
      <c r="N1022356" s="10"/>
    </row>
    <row r="1022357" spans="14:14">
      <c r="N1022357" s="10"/>
    </row>
    <row r="1022358" spans="14:14">
      <c r="N1022358" s="10"/>
    </row>
    <row r="1022359" spans="14:14">
      <c r="N1022359" s="10"/>
    </row>
    <row r="1022360" spans="14:14">
      <c r="N1022360" s="10"/>
    </row>
    <row r="1022361" spans="14:14">
      <c r="N1022361" s="10"/>
    </row>
    <row r="1022362" spans="14:14">
      <c r="N1022362" s="10"/>
    </row>
    <row r="1022363" spans="14:14">
      <c r="N1022363" s="10"/>
    </row>
    <row r="1022364" spans="14:14">
      <c r="N1022364" s="10"/>
    </row>
    <row r="1022365" spans="14:14">
      <c r="N1022365" s="10"/>
    </row>
    <row r="1022366" spans="14:14">
      <c r="N1022366" s="10"/>
    </row>
    <row r="1022367" spans="14:14">
      <c r="N1022367" s="10"/>
    </row>
    <row r="1022368" spans="14:14">
      <c r="N1022368" s="10"/>
    </row>
    <row r="1022369" spans="14:14">
      <c r="N1022369" s="10"/>
    </row>
    <row r="1022370" spans="14:14">
      <c r="N1022370" s="10"/>
    </row>
    <row r="1022371" spans="14:14">
      <c r="N1022371" s="10"/>
    </row>
    <row r="1022372" spans="14:14">
      <c r="N1022372" s="10"/>
    </row>
    <row r="1022373" spans="14:14">
      <c r="N1022373" s="10"/>
    </row>
    <row r="1022374" spans="14:14">
      <c r="N1022374" s="10"/>
    </row>
    <row r="1022375" spans="14:14">
      <c r="N1022375" s="10"/>
    </row>
    <row r="1022376" spans="14:14">
      <c r="N1022376" s="10"/>
    </row>
    <row r="1022377" spans="14:14">
      <c r="N1022377" s="10"/>
    </row>
    <row r="1022378" spans="14:14">
      <c r="N1022378" s="10"/>
    </row>
    <row r="1022379" spans="14:14">
      <c r="N1022379" s="10"/>
    </row>
    <row r="1022380" spans="14:14">
      <c r="N1022380" s="10"/>
    </row>
    <row r="1022381" spans="14:14">
      <c r="N1022381" s="10"/>
    </row>
    <row r="1022382" spans="14:14">
      <c r="N1022382" s="10"/>
    </row>
    <row r="1022383" spans="14:14">
      <c r="N1022383" s="10"/>
    </row>
    <row r="1022384" spans="14:14">
      <c r="N1022384" s="10"/>
    </row>
    <row r="1022385" spans="14:14">
      <c r="N1022385" s="10"/>
    </row>
    <row r="1022386" spans="14:14">
      <c r="N1022386" s="10"/>
    </row>
    <row r="1022387" spans="14:14">
      <c r="N1022387" s="10"/>
    </row>
    <row r="1022388" spans="14:14">
      <c r="N1022388" s="10"/>
    </row>
    <row r="1022389" spans="14:14">
      <c r="N1022389" s="10"/>
    </row>
    <row r="1022390" spans="14:14">
      <c r="N1022390" s="10"/>
    </row>
    <row r="1022391" spans="14:14">
      <c r="N1022391" s="10"/>
    </row>
    <row r="1022392" spans="14:14">
      <c r="N1022392" s="10"/>
    </row>
    <row r="1022393" spans="14:14">
      <c r="N1022393" s="10"/>
    </row>
    <row r="1022394" spans="14:14">
      <c r="N1022394" s="10"/>
    </row>
    <row r="1022395" spans="14:14">
      <c r="N1022395" s="10"/>
    </row>
    <row r="1022396" spans="14:14">
      <c r="N1022396" s="10"/>
    </row>
    <row r="1022397" spans="14:14">
      <c r="N1022397" s="10"/>
    </row>
    <row r="1022398" spans="14:14">
      <c r="N1022398" s="10"/>
    </row>
    <row r="1022399" spans="14:14">
      <c r="N1022399" s="10"/>
    </row>
    <row r="1022400" spans="14:14">
      <c r="N1022400" s="10"/>
    </row>
    <row r="1022401" spans="14:14">
      <c r="N1022401" s="10"/>
    </row>
    <row r="1022402" spans="14:14">
      <c r="N1022402" s="10"/>
    </row>
    <row r="1022403" spans="14:14">
      <c r="N1022403" s="10"/>
    </row>
    <row r="1022404" spans="14:14">
      <c r="N1022404" s="10"/>
    </row>
    <row r="1022405" spans="14:14">
      <c r="N1022405" s="10"/>
    </row>
    <row r="1022406" spans="14:14">
      <c r="N1022406" s="10"/>
    </row>
    <row r="1022407" spans="14:14">
      <c r="N1022407" s="10"/>
    </row>
    <row r="1022408" spans="14:14">
      <c r="N1022408" s="10"/>
    </row>
    <row r="1022409" spans="14:14">
      <c r="N1022409" s="10"/>
    </row>
    <row r="1022410" spans="14:14">
      <c r="N1022410" s="10"/>
    </row>
    <row r="1022411" spans="14:14">
      <c r="N1022411" s="10"/>
    </row>
    <row r="1022412" spans="14:14">
      <c r="N1022412" s="10"/>
    </row>
    <row r="1022413" spans="14:14">
      <c r="N1022413" s="10"/>
    </row>
    <row r="1022414" spans="14:14">
      <c r="N1022414" s="10"/>
    </row>
    <row r="1022415" spans="14:14">
      <c r="N1022415" s="10"/>
    </row>
    <row r="1022416" spans="14:14">
      <c r="N1022416" s="10"/>
    </row>
    <row r="1022417" spans="14:14">
      <c r="N1022417" s="10"/>
    </row>
    <row r="1022418" spans="14:14">
      <c r="N1022418" s="10"/>
    </row>
    <row r="1022419" spans="14:14">
      <c r="N1022419" s="10"/>
    </row>
    <row r="1022420" spans="14:14">
      <c r="N1022420" s="10"/>
    </row>
    <row r="1022421" spans="14:14">
      <c r="N1022421" s="10"/>
    </row>
    <row r="1022422" spans="14:14">
      <c r="N1022422" s="10"/>
    </row>
    <row r="1022423" spans="14:14">
      <c r="N1022423" s="10"/>
    </row>
    <row r="1022424" spans="14:14">
      <c r="N1022424" s="10"/>
    </row>
    <row r="1022425" spans="14:14">
      <c r="N1022425" s="10"/>
    </row>
    <row r="1022426" spans="14:14">
      <c r="N1022426" s="10"/>
    </row>
    <row r="1022427" spans="14:14">
      <c r="N1022427" s="10"/>
    </row>
    <row r="1022428" spans="14:14">
      <c r="N1022428" s="10"/>
    </row>
    <row r="1022429" spans="14:14">
      <c r="N1022429" s="10"/>
    </row>
    <row r="1022430" spans="14:14">
      <c r="N1022430" s="10"/>
    </row>
    <row r="1022431" spans="14:14">
      <c r="N1022431" s="10"/>
    </row>
    <row r="1022432" spans="14:14">
      <c r="N1022432" s="10"/>
    </row>
    <row r="1022433" spans="14:14">
      <c r="N1022433" s="10"/>
    </row>
    <row r="1022434" spans="14:14">
      <c r="N1022434" s="10"/>
    </row>
    <row r="1022435" spans="14:14">
      <c r="N1022435" s="10"/>
    </row>
    <row r="1022436" spans="14:14">
      <c r="N1022436" s="10"/>
    </row>
    <row r="1022437" spans="14:14">
      <c r="N1022437" s="10"/>
    </row>
    <row r="1022438" spans="14:14">
      <c r="N1022438" s="10"/>
    </row>
    <row r="1022439" spans="14:14">
      <c r="N1022439" s="10"/>
    </row>
    <row r="1022440" spans="14:14">
      <c r="N1022440" s="10"/>
    </row>
    <row r="1022441" spans="14:14">
      <c r="N1022441" s="10"/>
    </row>
    <row r="1022442" spans="14:14">
      <c r="N1022442" s="10"/>
    </row>
    <row r="1022443" spans="14:14">
      <c r="N1022443" s="10"/>
    </row>
    <row r="1022444" spans="14:14">
      <c r="N1022444" s="10"/>
    </row>
    <row r="1022445" spans="14:14">
      <c r="N1022445" s="10"/>
    </row>
    <row r="1022446" spans="14:14">
      <c r="N1022446" s="10"/>
    </row>
    <row r="1022447" spans="14:14">
      <c r="N1022447" s="10"/>
    </row>
    <row r="1022448" spans="14:14">
      <c r="N1022448" s="10"/>
    </row>
    <row r="1022449" spans="14:14">
      <c r="N1022449" s="10"/>
    </row>
    <row r="1022450" spans="14:14">
      <c r="N1022450" s="10"/>
    </row>
    <row r="1022451" spans="14:14">
      <c r="N1022451" s="10"/>
    </row>
    <row r="1022452" spans="14:14">
      <c r="N1022452" s="10"/>
    </row>
    <row r="1022453" spans="14:14">
      <c r="N1022453" s="10"/>
    </row>
    <row r="1022454" spans="14:14">
      <c r="N1022454" s="10"/>
    </row>
    <row r="1022455" spans="14:14">
      <c r="N1022455" s="10"/>
    </row>
    <row r="1022456" spans="14:14">
      <c r="N1022456" s="10"/>
    </row>
    <row r="1022457" spans="14:14">
      <c r="N1022457" s="10"/>
    </row>
    <row r="1022458" spans="14:14">
      <c r="N1022458" s="10"/>
    </row>
    <row r="1022459" spans="14:14">
      <c r="N1022459" s="10"/>
    </row>
    <row r="1022460" spans="14:14">
      <c r="N1022460" s="10"/>
    </row>
    <row r="1022461" spans="14:14">
      <c r="N1022461" s="10"/>
    </row>
    <row r="1022462" spans="14:14">
      <c r="N1022462" s="10"/>
    </row>
    <row r="1022463" spans="14:14">
      <c r="N1022463" s="10"/>
    </row>
    <row r="1022464" spans="14:14">
      <c r="N1022464" s="10"/>
    </row>
    <row r="1022465" spans="14:14">
      <c r="N1022465" s="10"/>
    </row>
    <row r="1022466" spans="14:14">
      <c r="N1022466" s="10"/>
    </row>
    <row r="1022467" spans="14:14">
      <c r="N1022467" s="10"/>
    </row>
    <row r="1022468" spans="14:14">
      <c r="N1022468" s="10"/>
    </row>
    <row r="1022469" spans="14:14">
      <c r="N1022469" s="10"/>
    </row>
    <row r="1022470" spans="14:14">
      <c r="N1022470" s="10"/>
    </row>
    <row r="1022471" spans="14:14">
      <c r="N1022471" s="10"/>
    </row>
    <row r="1022472" spans="14:14">
      <c r="N1022472" s="10"/>
    </row>
    <row r="1022473" spans="14:14">
      <c r="N1022473" s="10"/>
    </row>
    <row r="1022474" spans="14:14">
      <c r="N1022474" s="10"/>
    </row>
    <row r="1022475" spans="14:14">
      <c r="N1022475" s="10"/>
    </row>
    <row r="1022476" spans="14:14">
      <c r="N1022476" s="10"/>
    </row>
    <row r="1022477" spans="14:14">
      <c r="N1022477" s="10"/>
    </row>
    <row r="1022478" spans="14:14">
      <c r="N1022478" s="10"/>
    </row>
    <row r="1022479" spans="14:14">
      <c r="N1022479" s="10"/>
    </row>
    <row r="1022480" spans="14:14">
      <c r="N1022480" s="10"/>
    </row>
    <row r="1022481" spans="14:14">
      <c r="N1022481" s="10"/>
    </row>
    <row r="1022482" spans="14:14">
      <c r="N1022482" s="10"/>
    </row>
    <row r="1022483" spans="14:14">
      <c r="N1022483" s="10"/>
    </row>
    <row r="1022484" spans="14:14">
      <c r="N1022484" s="10"/>
    </row>
    <row r="1022485" spans="14:14">
      <c r="N1022485" s="10"/>
    </row>
    <row r="1022486" spans="14:14">
      <c r="N1022486" s="10"/>
    </row>
    <row r="1022487" spans="14:14">
      <c r="N1022487" s="10"/>
    </row>
    <row r="1022488" spans="14:14">
      <c r="N1022488" s="10"/>
    </row>
    <row r="1022489" spans="14:14">
      <c r="N1022489" s="10"/>
    </row>
    <row r="1022490" spans="14:14">
      <c r="N1022490" s="10"/>
    </row>
    <row r="1022491" spans="14:14">
      <c r="N1022491" s="10"/>
    </row>
    <row r="1022492" spans="14:14">
      <c r="N1022492" s="10"/>
    </row>
    <row r="1022493" spans="14:14">
      <c r="N1022493" s="10"/>
    </row>
    <row r="1022494" spans="14:14">
      <c r="N1022494" s="10"/>
    </row>
    <row r="1022495" spans="14:14">
      <c r="N1022495" s="10"/>
    </row>
    <row r="1022496" spans="14:14">
      <c r="N1022496" s="10"/>
    </row>
    <row r="1022497" spans="14:14">
      <c r="N1022497" s="10"/>
    </row>
    <row r="1022498" spans="14:14">
      <c r="N1022498" s="10"/>
    </row>
    <row r="1022499" spans="14:14">
      <c r="N1022499" s="10"/>
    </row>
    <row r="1022500" spans="14:14">
      <c r="N1022500" s="10"/>
    </row>
    <row r="1022501" spans="14:14">
      <c r="N1022501" s="10"/>
    </row>
    <row r="1022502" spans="14:14">
      <c r="N1022502" s="10"/>
    </row>
    <row r="1022503" spans="14:14">
      <c r="N1022503" s="10"/>
    </row>
    <row r="1022504" spans="14:14">
      <c r="N1022504" s="10"/>
    </row>
    <row r="1022505" spans="14:14">
      <c r="N1022505" s="10"/>
    </row>
    <row r="1022506" spans="14:14">
      <c r="N1022506" s="10"/>
    </row>
    <row r="1022507" spans="14:14">
      <c r="N1022507" s="10"/>
    </row>
    <row r="1022508" spans="14:14">
      <c r="N1022508" s="10"/>
    </row>
    <row r="1022509" spans="14:14">
      <c r="N1022509" s="10"/>
    </row>
    <row r="1022510" spans="14:14">
      <c r="N1022510" s="10"/>
    </row>
    <row r="1022511" spans="14:14">
      <c r="N1022511" s="10"/>
    </row>
    <row r="1022512" spans="14:14">
      <c r="N1022512" s="10"/>
    </row>
    <row r="1022513" spans="14:14">
      <c r="N1022513" s="10"/>
    </row>
    <row r="1022514" spans="14:14">
      <c r="N1022514" s="10"/>
    </row>
    <row r="1022515" spans="14:14">
      <c r="N1022515" s="10"/>
    </row>
    <row r="1022516" spans="14:14">
      <c r="N1022516" s="10"/>
    </row>
    <row r="1022517" spans="14:14">
      <c r="N1022517" s="10"/>
    </row>
    <row r="1022518" spans="14:14">
      <c r="N1022518" s="10"/>
    </row>
    <row r="1022519" spans="14:14">
      <c r="N1022519" s="10"/>
    </row>
    <row r="1022520" spans="14:14">
      <c r="N1022520" s="10"/>
    </row>
    <row r="1022521" spans="14:14">
      <c r="N1022521" s="10"/>
    </row>
    <row r="1022522" spans="14:14">
      <c r="N1022522" s="10"/>
    </row>
    <row r="1022523" spans="14:14">
      <c r="N1022523" s="10"/>
    </row>
    <row r="1022524" spans="14:14">
      <c r="N1022524" s="10"/>
    </row>
    <row r="1022525" spans="14:14">
      <c r="N1022525" s="10"/>
    </row>
    <row r="1022526" spans="14:14">
      <c r="N1022526" s="10"/>
    </row>
    <row r="1022527" spans="14:14">
      <c r="N1022527" s="10"/>
    </row>
    <row r="1022528" spans="14:14">
      <c r="N1022528" s="10"/>
    </row>
    <row r="1022529" spans="14:14">
      <c r="N1022529" s="10"/>
    </row>
    <row r="1022530" spans="14:14">
      <c r="N1022530" s="10"/>
    </row>
    <row r="1022531" spans="14:14">
      <c r="N1022531" s="10"/>
    </row>
    <row r="1022532" spans="14:14">
      <c r="N1022532" s="10"/>
    </row>
    <row r="1022533" spans="14:14">
      <c r="N1022533" s="10"/>
    </row>
    <row r="1022534" spans="14:14">
      <c r="N1022534" s="10"/>
    </row>
    <row r="1022535" spans="14:14">
      <c r="N1022535" s="10"/>
    </row>
    <row r="1022536" spans="14:14">
      <c r="N1022536" s="10"/>
    </row>
    <row r="1022537" spans="14:14">
      <c r="N1022537" s="10"/>
    </row>
    <row r="1022538" spans="14:14">
      <c r="N1022538" s="10"/>
    </row>
    <row r="1022539" spans="14:14">
      <c r="N1022539" s="10"/>
    </row>
    <row r="1022540" spans="14:14">
      <c r="N1022540" s="10"/>
    </row>
    <row r="1022541" spans="14:14">
      <c r="N1022541" s="10"/>
    </row>
    <row r="1022542" spans="14:14">
      <c r="N1022542" s="10"/>
    </row>
    <row r="1022543" spans="14:14">
      <c r="N1022543" s="10"/>
    </row>
    <row r="1022544" spans="14:14">
      <c r="N1022544" s="10"/>
    </row>
    <row r="1022545" spans="14:14">
      <c r="N1022545" s="10"/>
    </row>
    <row r="1022546" spans="14:14">
      <c r="N1022546" s="10"/>
    </row>
    <row r="1022547" spans="14:14">
      <c r="N1022547" s="10"/>
    </row>
    <row r="1022548" spans="14:14">
      <c r="N1022548" s="10"/>
    </row>
    <row r="1022549" spans="14:14">
      <c r="N1022549" s="10"/>
    </row>
    <row r="1022550" spans="14:14">
      <c r="N1022550" s="10"/>
    </row>
    <row r="1022551" spans="14:14">
      <c r="N1022551" s="10"/>
    </row>
    <row r="1022552" spans="14:14">
      <c r="N1022552" s="10"/>
    </row>
    <row r="1022553" spans="14:14">
      <c r="N1022553" s="10"/>
    </row>
    <row r="1022554" spans="14:14">
      <c r="N1022554" s="10"/>
    </row>
    <row r="1022555" spans="14:14">
      <c r="N1022555" s="10"/>
    </row>
    <row r="1022556" spans="14:14">
      <c r="N1022556" s="10"/>
    </row>
    <row r="1022557" spans="14:14">
      <c r="N1022557" s="10"/>
    </row>
    <row r="1022558" spans="14:14">
      <c r="N1022558" s="10"/>
    </row>
    <row r="1022559" spans="14:14">
      <c r="N1022559" s="10"/>
    </row>
    <row r="1022560" spans="14:14">
      <c r="N1022560" s="10"/>
    </row>
    <row r="1022561" spans="14:14">
      <c r="N1022561" s="10"/>
    </row>
    <row r="1022562" spans="14:14">
      <c r="N1022562" s="10"/>
    </row>
    <row r="1022563" spans="14:14">
      <c r="N1022563" s="10"/>
    </row>
    <row r="1022564" spans="14:14">
      <c r="N1022564" s="10"/>
    </row>
    <row r="1022565" spans="14:14">
      <c r="N1022565" s="10"/>
    </row>
    <row r="1022566" spans="14:14">
      <c r="N1022566" s="10"/>
    </row>
    <row r="1022567" spans="14:14">
      <c r="N1022567" s="10"/>
    </row>
    <row r="1022568" spans="14:14">
      <c r="N1022568" s="10"/>
    </row>
    <row r="1022569" spans="14:14">
      <c r="N1022569" s="10"/>
    </row>
    <row r="1022570" spans="14:14">
      <c r="N1022570" s="10"/>
    </row>
    <row r="1022571" spans="14:14">
      <c r="N1022571" s="10"/>
    </row>
    <row r="1022572" spans="14:14">
      <c r="N1022572" s="10"/>
    </row>
    <row r="1022573" spans="14:14">
      <c r="N1022573" s="10"/>
    </row>
    <row r="1022574" spans="14:14">
      <c r="N1022574" s="10"/>
    </row>
    <row r="1022575" spans="14:14">
      <c r="N1022575" s="10"/>
    </row>
    <row r="1022576" spans="14:14">
      <c r="N1022576" s="10"/>
    </row>
    <row r="1022577" spans="14:14">
      <c r="N1022577" s="10"/>
    </row>
    <row r="1022578" spans="14:14">
      <c r="N1022578" s="10"/>
    </row>
    <row r="1022579" spans="14:14">
      <c r="N1022579" s="10"/>
    </row>
    <row r="1022580" spans="14:14">
      <c r="N1022580" s="10"/>
    </row>
    <row r="1022581" spans="14:14">
      <c r="N1022581" s="10"/>
    </row>
    <row r="1022582" spans="14:14">
      <c r="N1022582" s="10"/>
    </row>
    <row r="1022583" spans="14:14">
      <c r="N1022583" s="10"/>
    </row>
    <row r="1022584" spans="14:14">
      <c r="N1022584" s="10"/>
    </row>
    <row r="1022585" spans="14:14">
      <c r="N1022585" s="10"/>
    </row>
    <row r="1022586" spans="14:14">
      <c r="N1022586" s="10"/>
    </row>
    <row r="1022587" spans="14:14">
      <c r="N1022587" s="10"/>
    </row>
    <row r="1022588" spans="14:14">
      <c r="N1022588" s="10"/>
    </row>
    <row r="1022589" spans="14:14">
      <c r="N1022589" s="10"/>
    </row>
    <row r="1022590" spans="14:14">
      <c r="N1022590" s="10"/>
    </row>
    <row r="1022591" spans="14:14">
      <c r="N1022591" s="10"/>
    </row>
    <row r="1022592" spans="14:14">
      <c r="N1022592" s="10"/>
    </row>
    <row r="1022593" spans="14:14">
      <c r="N1022593" s="10"/>
    </row>
    <row r="1022594" spans="14:14">
      <c r="N1022594" s="10"/>
    </row>
    <row r="1022595" spans="14:14">
      <c r="N1022595" s="10"/>
    </row>
    <row r="1022596" spans="14:14">
      <c r="N1022596" s="10"/>
    </row>
    <row r="1022597" spans="14:14">
      <c r="N1022597" s="10"/>
    </row>
    <row r="1022598" spans="14:14">
      <c r="N1022598" s="10"/>
    </row>
    <row r="1022599" spans="14:14">
      <c r="N1022599" s="10"/>
    </row>
    <row r="1022600" spans="14:14">
      <c r="N1022600" s="10"/>
    </row>
    <row r="1022601" spans="14:14">
      <c r="N1022601" s="10"/>
    </row>
    <row r="1022602" spans="14:14">
      <c r="N1022602" s="10"/>
    </row>
    <row r="1022603" spans="14:14">
      <c r="N1022603" s="10"/>
    </row>
    <row r="1022604" spans="14:14">
      <c r="N1022604" s="10"/>
    </row>
    <row r="1022605" spans="14:14">
      <c r="N1022605" s="10"/>
    </row>
    <row r="1022606" spans="14:14">
      <c r="N1022606" s="10"/>
    </row>
    <row r="1022607" spans="14:14">
      <c r="N1022607" s="10"/>
    </row>
    <row r="1022608" spans="14:14">
      <c r="N1022608" s="10"/>
    </row>
    <row r="1022609" spans="14:14">
      <c r="N1022609" s="10"/>
    </row>
    <row r="1022610" spans="14:14">
      <c r="N1022610" s="10"/>
    </row>
    <row r="1022611" spans="14:14">
      <c r="N1022611" s="10"/>
    </row>
    <row r="1022612" spans="14:14">
      <c r="N1022612" s="10"/>
    </row>
    <row r="1022613" spans="14:14">
      <c r="N1022613" s="10"/>
    </row>
    <row r="1022614" spans="14:14">
      <c r="N1022614" s="10"/>
    </row>
    <row r="1022615" spans="14:14">
      <c r="N1022615" s="10"/>
    </row>
    <row r="1022616" spans="14:14">
      <c r="N1022616" s="10"/>
    </row>
    <row r="1022617" spans="14:14">
      <c r="N1022617" s="10"/>
    </row>
    <row r="1022618" spans="14:14">
      <c r="N1022618" s="10"/>
    </row>
    <row r="1022619" spans="14:14">
      <c r="N1022619" s="10"/>
    </row>
    <row r="1022620" spans="14:14">
      <c r="N1022620" s="10"/>
    </row>
    <row r="1022621" spans="14:14">
      <c r="N1022621" s="10"/>
    </row>
    <row r="1022622" spans="14:14">
      <c r="N1022622" s="10"/>
    </row>
    <row r="1022623" spans="14:14">
      <c r="N1022623" s="10"/>
    </row>
    <row r="1022624" spans="14:14">
      <c r="N1022624" s="10"/>
    </row>
    <row r="1022625" spans="14:14">
      <c r="N1022625" s="10"/>
    </row>
    <row r="1022626" spans="14:14">
      <c r="N1022626" s="10"/>
    </row>
    <row r="1022627" spans="14:14">
      <c r="N1022627" s="10"/>
    </row>
    <row r="1022628" spans="14:14">
      <c r="N1022628" s="10"/>
    </row>
    <row r="1022629" spans="14:14">
      <c r="N1022629" s="10"/>
    </row>
    <row r="1022630" spans="14:14">
      <c r="N1022630" s="10"/>
    </row>
    <row r="1022631" spans="14:14">
      <c r="N1022631" s="10"/>
    </row>
    <row r="1022632" spans="14:14">
      <c r="N1022632" s="10"/>
    </row>
    <row r="1022633" spans="14:14">
      <c r="N1022633" s="10"/>
    </row>
    <row r="1022634" spans="14:14">
      <c r="N1022634" s="10"/>
    </row>
    <row r="1022635" spans="14:14">
      <c r="N1022635" s="10"/>
    </row>
    <row r="1022636" spans="14:14">
      <c r="N1022636" s="10"/>
    </row>
    <row r="1022637" spans="14:14">
      <c r="N1022637" s="10"/>
    </row>
    <row r="1022638" spans="14:14">
      <c r="N1022638" s="10"/>
    </row>
    <row r="1022639" spans="14:14">
      <c r="N1022639" s="10"/>
    </row>
    <row r="1022640" spans="14:14">
      <c r="N1022640" s="10"/>
    </row>
    <row r="1022641" spans="14:14">
      <c r="N1022641" s="10"/>
    </row>
    <row r="1022642" spans="14:14">
      <c r="N1022642" s="10"/>
    </row>
    <row r="1022643" spans="14:14">
      <c r="N1022643" s="10"/>
    </row>
    <row r="1022644" spans="14:14">
      <c r="N1022644" s="10"/>
    </row>
    <row r="1022645" spans="14:14">
      <c r="N1022645" s="10"/>
    </row>
    <row r="1022646" spans="14:14">
      <c r="N1022646" s="10"/>
    </row>
    <row r="1022647" spans="14:14">
      <c r="N1022647" s="10"/>
    </row>
    <row r="1022648" spans="14:14">
      <c r="N1022648" s="10"/>
    </row>
    <row r="1022649" spans="14:14">
      <c r="N1022649" s="10"/>
    </row>
    <row r="1022650" spans="14:14">
      <c r="N1022650" s="10"/>
    </row>
    <row r="1022651" spans="14:14">
      <c r="N1022651" s="10"/>
    </row>
    <row r="1022652" spans="14:14">
      <c r="N1022652" s="10"/>
    </row>
    <row r="1022653" spans="14:14">
      <c r="N1022653" s="10"/>
    </row>
    <row r="1022654" spans="14:14">
      <c r="N1022654" s="10"/>
    </row>
    <row r="1022655" spans="14:14">
      <c r="N1022655" s="10"/>
    </row>
    <row r="1022656" spans="14:14">
      <c r="N1022656" s="10"/>
    </row>
    <row r="1022657" spans="14:14">
      <c r="N1022657" s="10"/>
    </row>
    <row r="1022658" spans="14:14">
      <c r="N1022658" s="10"/>
    </row>
    <row r="1022659" spans="14:14">
      <c r="N1022659" s="10"/>
    </row>
    <row r="1022660" spans="14:14">
      <c r="N1022660" s="10"/>
    </row>
    <row r="1022661" spans="14:14">
      <c r="N1022661" s="10"/>
    </row>
    <row r="1022662" spans="14:14">
      <c r="N1022662" s="10"/>
    </row>
    <row r="1022663" spans="14:14">
      <c r="N1022663" s="10"/>
    </row>
    <row r="1022664" spans="14:14">
      <c r="N1022664" s="10"/>
    </row>
    <row r="1022665" spans="14:14">
      <c r="N1022665" s="10"/>
    </row>
    <row r="1022666" spans="14:14">
      <c r="N1022666" s="10"/>
    </row>
    <row r="1022667" spans="14:14">
      <c r="N1022667" s="10"/>
    </row>
    <row r="1022668" spans="14:14">
      <c r="N1022668" s="10"/>
    </row>
    <row r="1022669" spans="14:14">
      <c r="N1022669" s="10"/>
    </row>
    <row r="1022670" spans="14:14">
      <c r="N1022670" s="10"/>
    </row>
    <row r="1022671" spans="14:14">
      <c r="N1022671" s="10"/>
    </row>
    <row r="1022672" spans="14:14">
      <c r="N1022672" s="10"/>
    </row>
    <row r="1022673" spans="14:14">
      <c r="N1022673" s="10"/>
    </row>
    <row r="1022674" spans="14:14">
      <c r="N1022674" s="10"/>
    </row>
    <row r="1022675" spans="14:14">
      <c r="N1022675" s="10"/>
    </row>
    <row r="1022676" spans="14:14">
      <c r="N1022676" s="10"/>
    </row>
    <row r="1022677" spans="14:14">
      <c r="N1022677" s="10"/>
    </row>
    <row r="1022678" spans="14:14">
      <c r="N1022678" s="10"/>
    </row>
    <row r="1022679" spans="14:14">
      <c r="N1022679" s="10"/>
    </row>
    <row r="1022680" spans="14:14">
      <c r="N1022680" s="10"/>
    </row>
    <row r="1022681" spans="14:14">
      <c r="N1022681" s="10"/>
    </row>
    <row r="1022682" spans="14:14">
      <c r="N1022682" s="10"/>
    </row>
    <row r="1022683" spans="14:14">
      <c r="N1022683" s="10"/>
    </row>
    <row r="1022684" spans="14:14">
      <c r="N1022684" s="10"/>
    </row>
    <row r="1022685" spans="14:14">
      <c r="N1022685" s="10"/>
    </row>
    <row r="1022686" spans="14:14">
      <c r="N1022686" s="10"/>
    </row>
    <row r="1022687" spans="14:14">
      <c r="N1022687" s="10"/>
    </row>
    <row r="1022688" spans="14:14">
      <c r="N1022688" s="10"/>
    </row>
    <row r="1022689" spans="14:14">
      <c r="N1022689" s="10"/>
    </row>
    <row r="1022690" spans="14:14">
      <c r="N1022690" s="10"/>
    </row>
    <row r="1022691" spans="14:14">
      <c r="N1022691" s="10"/>
    </row>
    <row r="1022692" spans="14:14">
      <c r="N1022692" s="10"/>
    </row>
    <row r="1022693" spans="14:14">
      <c r="N1022693" s="10"/>
    </row>
    <row r="1022694" spans="14:14">
      <c r="N1022694" s="10"/>
    </row>
    <row r="1022695" spans="14:14">
      <c r="N1022695" s="10"/>
    </row>
    <row r="1022696" spans="14:14">
      <c r="N1022696" s="10"/>
    </row>
    <row r="1022697" spans="14:14">
      <c r="N1022697" s="10"/>
    </row>
    <row r="1022698" spans="14:14">
      <c r="N1022698" s="10"/>
    </row>
    <row r="1022699" spans="14:14">
      <c r="N1022699" s="10"/>
    </row>
    <row r="1022700" spans="14:14">
      <c r="N1022700" s="10"/>
    </row>
    <row r="1022701" spans="14:14">
      <c r="N1022701" s="10"/>
    </row>
    <row r="1022702" spans="14:14">
      <c r="N1022702" s="10"/>
    </row>
    <row r="1022703" spans="14:14">
      <c r="N1022703" s="10"/>
    </row>
    <row r="1022704" spans="14:14">
      <c r="N1022704" s="10"/>
    </row>
    <row r="1022705" spans="14:14">
      <c r="N1022705" s="10"/>
    </row>
    <row r="1022706" spans="14:14">
      <c r="N1022706" s="10"/>
    </row>
    <row r="1022707" spans="14:14">
      <c r="N1022707" s="10"/>
    </row>
    <row r="1022708" spans="14:14">
      <c r="N1022708" s="10"/>
    </row>
    <row r="1022709" spans="14:14">
      <c r="N1022709" s="10"/>
    </row>
    <row r="1022710" spans="14:14">
      <c r="N1022710" s="10"/>
    </row>
    <row r="1022711" spans="14:14">
      <c r="N1022711" s="10"/>
    </row>
    <row r="1022712" spans="14:14">
      <c r="N1022712" s="10"/>
    </row>
    <row r="1022713" spans="14:14">
      <c r="N1022713" s="10"/>
    </row>
    <row r="1022714" spans="14:14">
      <c r="N1022714" s="10"/>
    </row>
    <row r="1022715" spans="14:14">
      <c r="N1022715" s="10"/>
    </row>
    <row r="1022716" spans="14:14">
      <c r="N1022716" s="10"/>
    </row>
    <row r="1022717" spans="14:14">
      <c r="N1022717" s="10"/>
    </row>
    <row r="1022718" spans="14:14">
      <c r="N1022718" s="10"/>
    </row>
    <row r="1022719" spans="14:14">
      <c r="N1022719" s="10"/>
    </row>
    <row r="1022720" spans="14:14">
      <c r="N1022720" s="10"/>
    </row>
    <row r="1022721" spans="14:14">
      <c r="N1022721" s="10"/>
    </row>
    <row r="1022722" spans="14:14">
      <c r="N1022722" s="10"/>
    </row>
    <row r="1022723" spans="14:14">
      <c r="N1022723" s="10"/>
    </row>
    <row r="1022724" spans="14:14">
      <c r="N1022724" s="10"/>
    </row>
    <row r="1022725" spans="14:14">
      <c r="N1022725" s="10"/>
    </row>
    <row r="1022726" spans="14:14">
      <c r="N1022726" s="10"/>
    </row>
    <row r="1022727" spans="14:14">
      <c r="N1022727" s="10"/>
    </row>
    <row r="1022728" spans="14:14">
      <c r="N1022728" s="10"/>
    </row>
    <row r="1022729" spans="14:14">
      <c r="N1022729" s="10"/>
    </row>
    <row r="1022730" spans="14:14">
      <c r="N1022730" s="10"/>
    </row>
    <row r="1022731" spans="14:14">
      <c r="N1022731" s="10"/>
    </row>
    <row r="1022732" spans="14:14">
      <c r="N1022732" s="10"/>
    </row>
    <row r="1022733" spans="14:14">
      <c r="N1022733" s="10"/>
    </row>
    <row r="1022734" spans="14:14">
      <c r="N1022734" s="10"/>
    </row>
    <row r="1022735" spans="14:14">
      <c r="N1022735" s="10"/>
    </row>
    <row r="1022736" spans="14:14">
      <c r="N1022736" s="10"/>
    </row>
    <row r="1022737" spans="14:14">
      <c r="N1022737" s="10"/>
    </row>
    <row r="1022738" spans="14:14">
      <c r="N1022738" s="10"/>
    </row>
    <row r="1022739" spans="14:14">
      <c r="N1022739" s="10"/>
    </row>
    <row r="1022740" spans="14:14">
      <c r="N1022740" s="10"/>
    </row>
    <row r="1022741" spans="14:14">
      <c r="N1022741" s="10"/>
    </row>
    <row r="1022742" spans="14:14">
      <c r="N1022742" s="10"/>
    </row>
    <row r="1022743" spans="14:14">
      <c r="N1022743" s="10"/>
    </row>
    <row r="1022744" spans="14:14">
      <c r="N1022744" s="10"/>
    </row>
    <row r="1022745" spans="14:14">
      <c r="N1022745" s="10"/>
    </row>
    <row r="1022746" spans="14:14">
      <c r="N1022746" s="10"/>
    </row>
    <row r="1022747" spans="14:14">
      <c r="N1022747" s="10"/>
    </row>
    <row r="1022748" spans="14:14">
      <c r="N1022748" s="10"/>
    </row>
    <row r="1022749" spans="14:14">
      <c r="N1022749" s="10"/>
    </row>
    <row r="1022750" spans="14:14">
      <c r="N1022750" s="10"/>
    </row>
    <row r="1022751" spans="14:14">
      <c r="N1022751" s="10"/>
    </row>
    <row r="1022752" spans="14:14">
      <c r="N1022752" s="10"/>
    </row>
    <row r="1022753" spans="14:14">
      <c r="N1022753" s="10"/>
    </row>
    <row r="1022754" spans="14:14">
      <c r="N1022754" s="10"/>
    </row>
    <row r="1022755" spans="14:14">
      <c r="N1022755" s="10"/>
    </row>
    <row r="1022756" spans="14:14">
      <c r="N1022756" s="10"/>
    </row>
    <row r="1022757" spans="14:14">
      <c r="N1022757" s="10"/>
    </row>
    <row r="1022758" spans="14:14">
      <c r="N1022758" s="10"/>
    </row>
    <row r="1022759" spans="14:14">
      <c r="N1022759" s="10"/>
    </row>
    <row r="1022760" spans="14:14">
      <c r="N1022760" s="10"/>
    </row>
    <row r="1022761" spans="14:14">
      <c r="N1022761" s="10"/>
    </row>
    <row r="1022762" spans="14:14">
      <c r="N1022762" s="10"/>
    </row>
    <row r="1022763" spans="14:14">
      <c r="N1022763" s="10"/>
    </row>
    <row r="1022764" spans="14:14">
      <c r="N1022764" s="10"/>
    </row>
    <row r="1022765" spans="14:14">
      <c r="N1022765" s="10"/>
    </row>
    <row r="1022766" spans="14:14">
      <c r="N1022766" s="10"/>
    </row>
    <row r="1022767" spans="14:14">
      <c r="N1022767" s="10"/>
    </row>
    <row r="1022768" spans="14:14">
      <c r="N1022768" s="10"/>
    </row>
    <row r="1022769" spans="14:14">
      <c r="N1022769" s="10"/>
    </row>
    <row r="1022770" spans="14:14">
      <c r="N1022770" s="10"/>
    </row>
    <row r="1022771" spans="14:14">
      <c r="N1022771" s="10"/>
    </row>
    <row r="1022772" spans="14:14">
      <c r="N1022772" s="10"/>
    </row>
    <row r="1022773" spans="14:14">
      <c r="N1022773" s="10"/>
    </row>
    <row r="1022774" spans="14:14">
      <c r="N1022774" s="10"/>
    </row>
    <row r="1022775" spans="14:14">
      <c r="N1022775" s="10"/>
    </row>
    <row r="1022776" spans="14:14">
      <c r="N1022776" s="10"/>
    </row>
    <row r="1022777" spans="14:14">
      <c r="N1022777" s="10"/>
    </row>
    <row r="1022778" spans="14:14">
      <c r="N1022778" s="10"/>
    </row>
    <row r="1022779" spans="14:14">
      <c r="N1022779" s="10"/>
    </row>
    <row r="1022780" spans="14:14">
      <c r="N1022780" s="10"/>
    </row>
    <row r="1022781" spans="14:14">
      <c r="N1022781" s="10"/>
    </row>
    <row r="1022782" spans="14:14">
      <c r="N1022782" s="10"/>
    </row>
    <row r="1022783" spans="14:14">
      <c r="N1022783" s="10"/>
    </row>
    <row r="1022784" spans="14:14">
      <c r="N1022784" s="10"/>
    </row>
    <row r="1022785" spans="14:14">
      <c r="N1022785" s="10"/>
    </row>
    <row r="1022786" spans="14:14">
      <c r="N1022786" s="10"/>
    </row>
    <row r="1022787" spans="14:14">
      <c r="N1022787" s="10"/>
    </row>
    <row r="1022788" spans="14:14">
      <c r="N1022788" s="10"/>
    </row>
    <row r="1022789" spans="14:14">
      <c r="N1022789" s="10"/>
    </row>
    <row r="1022790" spans="14:14">
      <c r="N1022790" s="10"/>
    </row>
    <row r="1022791" spans="14:14">
      <c r="N1022791" s="10"/>
    </row>
    <row r="1022792" spans="14:14">
      <c r="N1022792" s="10"/>
    </row>
    <row r="1022793" spans="14:14">
      <c r="N1022793" s="10"/>
    </row>
    <row r="1022794" spans="14:14">
      <c r="N1022794" s="10"/>
    </row>
    <row r="1022795" spans="14:14">
      <c r="N1022795" s="10"/>
    </row>
    <row r="1022796" spans="14:14">
      <c r="N1022796" s="10"/>
    </row>
    <row r="1022797" spans="14:14">
      <c r="N1022797" s="10"/>
    </row>
    <row r="1022798" spans="14:14">
      <c r="N1022798" s="10"/>
    </row>
    <row r="1022799" spans="14:14">
      <c r="N1022799" s="10"/>
    </row>
    <row r="1022800" spans="14:14">
      <c r="N1022800" s="10"/>
    </row>
    <row r="1022801" spans="14:14">
      <c r="N1022801" s="10"/>
    </row>
    <row r="1022802" spans="14:14">
      <c r="N1022802" s="10"/>
    </row>
    <row r="1022803" spans="14:14">
      <c r="N1022803" s="10"/>
    </row>
    <row r="1022804" spans="14:14">
      <c r="N1022804" s="10"/>
    </row>
    <row r="1022805" spans="14:14">
      <c r="N1022805" s="10"/>
    </row>
    <row r="1022806" spans="14:14">
      <c r="N1022806" s="10"/>
    </row>
    <row r="1022807" spans="14:14">
      <c r="N1022807" s="10"/>
    </row>
    <row r="1022808" spans="14:14">
      <c r="N1022808" s="10"/>
    </row>
    <row r="1022809" spans="14:14">
      <c r="N1022809" s="10"/>
    </row>
    <row r="1022810" spans="14:14">
      <c r="N1022810" s="10"/>
    </row>
    <row r="1022811" spans="14:14">
      <c r="N1022811" s="10"/>
    </row>
    <row r="1022812" spans="14:14">
      <c r="N1022812" s="10"/>
    </row>
    <row r="1022813" spans="14:14">
      <c r="N1022813" s="10"/>
    </row>
    <row r="1022814" spans="14:14">
      <c r="N1022814" s="10"/>
    </row>
    <row r="1022815" spans="14:14">
      <c r="N1022815" s="10"/>
    </row>
    <row r="1022816" spans="14:14">
      <c r="N1022816" s="10"/>
    </row>
    <row r="1022817" spans="14:14">
      <c r="N1022817" s="10"/>
    </row>
    <row r="1022818" spans="14:14">
      <c r="N1022818" s="10"/>
    </row>
    <row r="1022819" spans="14:14">
      <c r="N1022819" s="10"/>
    </row>
    <row r="1022820" spans="14:14">
      <c r="N1022820" s="10"/>
    </row>
    <row r="1022821" spans="14:14">
      <c r="N1022821" s="10"/>
    </row>
    <row r="1022822" spans="14:14">
      <c r="N1022822" s="10"/>
    </row>
    <row r="1022823" spans="14:14">
      <c r="N1022823" s="10"/>
    </row>
    <row r="1022824" spans="14:14">
      <c r="N1022824" s="10"/>
    </row>
    <row r="1022825" spans="14:14">
      <c r="N1022825" s="10"/>
    </row>
    <row r="1022826" spans="14:14">
      <c r="N1022826" s="10"/>
    </row>
    <row r="1022827" spans="14:14">
      <c r="N1022827" s="10"/>
    </row>
    <row r="1022828" spans="14:14">
      <c r="N1022828" s="10"/>
    </row>
    <row r="1022829" spans="14:14">
      <c r="N1022829" s="10"/>
    </row>
    <row r="1022830" spans="14:14">
      <c r="N1022830" s="10"/>
    </row>
    <row r="1022831" spans="14:14">
      <c r="N1022831" s="10"/>
    </row>
    <row r="1022832" spans="14:14">
      <c r="N1022832" s="10"/>
    </row>
    <row r="1022833" spans="14:14">
      <c r="N1022833" s="10"/>
    </row>
    <row r="1022834" spans="14:14">
      <c r="N1022834" s="10"/>
    </row>
    <row r="1022835" spans="14:14">
      <c r="N1022835" s="10"/>
    </row>
    <row r="1022836" spans="14:14">
      <c r="N1022836" s="10"/>
    </row>
    <row r="1022837" spans="14:14">
      <c r="N1022837" s="10"/>
    </row>
    <row r="1022838" spans="14:14">
      <c r="N1022838" s="10"/>
    </row>
    <row r="1022839" spans="14:14">
      <c r="N1022839" s="10"/>
    </row>
    <row r="1022840" spans="14:14">
      <c r="N1022840" s="10"/>
    </row>
    <row r="1022841" spans="14:14">
      <c r="N1022841" s="10"/>
    </row>
    <row r="1022842" spans="14:14">
      <c r="N1022842" s="10"/>
    </row>
    <row r="1022843" spans="14:14">
      <c r="N1022843" s="10"/>
    </row>
    <row r="1022844" spans="14:14">
      <c r="N1022844" s="10"/>
    </row>
    <row r="1022845" spans="14:14">
      <c r="N1022845" s="10"/>
    </row>
    <row r="1022846" spans="14:14">
      <c r="N1022846" s="10"/>
    </row>
    <row r="1022847" spans="14:14">
      <c r="N1022847" s="10"/>
    </row>
    <row r="1022848" spans="14:14">
      <c r="N1022848" s="10"/>
    </row>
    <row r="1022849" spans="14:14">
      <c r="N1022849" s="10"/>
    </row>
    <row r="1022850" spans="14:14">
      <c r="N1022850" s="10"/>
    </row>
    <row r="1022851" spans="14:14">
      <c r="N1022851" s="10"/>
    </row>
    <row r="1022852" spans="14:14">
      <c r="N1022852" s="10"/>
    </row>
    <row r="1022853" spans="14:14">
      <c r="N1022853" s="10"/>
    </row>
    <row r="1022854" spans="14:14">
      <c r="N1022854" s="10"/>
    </row>
    <row r="1022855" spans="14:14">
      <c r="N1022855" s="10"/>
    </row>
    <row r="1022856" spans="14:14">
      <c r="N1022856" s="10"/>
    </row>
    <row r="1022857" spans="14:14">
      <c r="N1022857" s="10"/>
    </row>
    <row r="1022858" spans="14:14">
      <c r="N1022858" s="10"/>
    </row>
    <row r="1022859" spans="14:14">
      <c r="N1022859" s="10"/>
    </row>
    <row r="1022860" spans="14:14">
      <c r="N1022860" s="10"/>
    </row>
    <row r="1022861" spans="14:14">
      <c r="N1022861" s="10"/>
    </row>
    <row r="1022862" spans="14:14">
      <c r="N1022862" s="10"/>
    </row>
    <row r="1022863" spans="14:14">
      <c r="N1022863" s="10"/>
    </row>
    <row r="1022864" spans="14:14">
      <c r="N1022864" s="10"/>
    </row>
    <row r="1022865" spans="14:14">
      <c r="N1022865" s="10"/>
    </row>
    <row r="1022866" spans="14:14">
      <c r="N1022866" s="10"/>
    </row>
    <row r="1022867" spans="14:14">
      <c r="N1022867" s="10"/>
    </row>
    <row r="1022868" spans="14:14">
      <c r="N1022868" s="10"/>
    </row>
    <row r="1022869" spans="14:14">
      <c r="N1022869" s="10"/>
    </row>
    <row r="1022870" spans="14:14">
      <c r="N1022870" s="10"/>
    </row>
    <row r="1022871" spans="14:14">
      <c r="N1022871" s="10"/>
    </row>
    <row r="1022872" spans="14:14">
      <c r="N1022872" s="10"/>
    </row>
    <row r="1022873" spans="14:14">
      <c r="N1022873" s="10"/>
    </row>
    <row r="1022874" spans="14:14">
      <c r="N1022874" s="10"/>
    </row>
    <row r="1022875" spans="14:14">
      <c r="N1022875" s="10"/>
    </row>
    <row r="1022876" spans="14:14">
      <c r="N1022876" s="10"/>
    </row>
    <row r="1022877" spans="14:14">
      <c r="N1022877" s="10"/>
    </row>
    <row r="1022878" spans="14:14">
      <c r="N1022878" s="10"/>
    </row>
    <row r="1022879" spans="14:14">
      <c r="N1022879" s="10"/>
    </row>
    <row r="1022880" spans="14:14">
      <c r="N1022880" s="10"/>
    </row>
    <row r="1022881" spans="14:14">
      <c r="N1022881" s="10"/>
    </row>
    <row r="1022882" spans="14:14">
      <c r="N1022882" s="10"/>
    </row>
    <row r="1022883" spans="14:14">
      <c r="N1022883" s="10"/>
    </row>
    <row r="1022884" spans="14:14">
      <c r="N1022884" s="10"/>
    </row>
    <row r="1022885" spans="14:14">
      <c r="N1022885" s="10"/>
    </row>
    <row r="1022886" spans="14:14">
      <c r="N1022886" s="10"/>
    </row>
    <row r="1022887" spans="14:14">
      <c r="N1022887" s="10"/>
    </row>
    <row r="1022888" spans="14:14">
      <c r="N1022888" s="10"/>
    </row>
    <row r="1022889" spans="14:14">
      <c r="N1022889" s="10"/>
    </row>
    <row r="1022890" spans="14:14">
      <c r="N1022890" s="10"/>
    </row>
    <row r="1022891" spans="14:14">
      <c r="N1022891" s="10"/>
    </row>
    <row r="1022892" spans="14:14">
      <c r="N1022892" s="10"/>
    </row>
    <row r="1022893" spans="14:14">
      <c r="N1022893" s="10"/>
    </row>
    <row r="1022894" spans="14:14">
      <c r="N1022894" s="10"/>
    </row>
    <row r="1022895" spans="14:14">
      <c r="N1022895" s="10"/>
    </row>
    <row r="1022896" spans="14:14">
      <c r="N1022896" s="10"/>
    </row>
    <row r="1022897" spans="14:14">
      <c r="N1022897" s="10"/>
    </row>
    <row r="1022898" spans="14:14">
      <c r="N1022898" s="10"/>
    </row>
    <row r="1022899" spans="14:14">
      <c r="N1022899" s="10"/>
    </row>
    <row r="1022900" spans="14:14">
      <c r="N1022900" s="10"/>
    </row>
    <row r="1022901" spans="14:14">
      <c r="N1022901" s="10"/>
    </row>
    <row r="1022902" spans="14:14">
      <c r="N1022902" s="10"/>
    </row>
    <row r="1022903" spans="14:14">
      <c r="N1022903" s="10"/>
    </row>
    <row r="1022904" spans="14:14">
      <c r="N1022904" s="10"/>
    </row>
    <row r="1022905" spans="14:14">
      <c r="N1022905" s="10"/>
    </row>
    <row r="1022906" spans="14:14">
      <c r="N1022906" s="10"/>
    </row>
    <row r="1022907" spans="14:14">
      <c r="N1022907" s="10"/>
    </row>
    <row r="1022908" spans="14:14">
      <c r="N1022908" s="10"/>
    </row>
    <row r="1022909" spans="14:14">
      <c r="N1022909" s="10"/>
    </row>
    <row r="1022910" spans="14:14">
      <c r="N1022910" s="10"/>
    </row>
    <row r="1022911" spans="14:14">
      <c r="N1022911" s="10"/>
    </row>
    <row r="1022912" spans="14:14">
      <c r="N1022912" s="10"/>
    </row>
    <row r="1022913" spans="14:14">
      <c r="N1022913" s="10"/>
    </row>
    <row r="1022914" spans="14:14">
      <c r="N1022914" s="10"/>
    </row>
    <row r="1022915" spans="14:14">
      <c r="N1022915" s="10"/>
    </row>
    <row r="1022916" spans="14:14">
      <c r="N1022916" s="10"/>
    </row>
    <row r="1022917" spans="14:14">
      <c r="N1022917" s="10"/>
    </row>
    <row r="1022918" spans="14:14">
      <c r="N1022918" s="10"/>
    </row>
    <row r="1022919" spans="14:14">
      <c r="N1022919" s="10"/>
    </row>
    <row r="1022920" spans="14:14">
      <c r="N1022920" s="10"/>
    </row>
    <row r="1022921" spans="14:14">
      <c r="N1022921" s="10"/>
    </row>
    <row r="1022922" spans="14:14">
      <c r="N1022922" s="10"/>
    </row>
    <row r="1022923" spans="14:14">
      <c r="N1022923" s="10"/>
    </row>
    <row r="1022924" spans="14:14">
      <c r="N1022924" s="10"/>
    </row>
    <row r="1022925" spans="14:14">
      <c r="N1022925" s="10"/>
    </row>
    <row r="1022926" spans="14:14">
      <c r="N1022926" s="10"/>
    </row>
    <row r="1022927" spans="14:14">
      <c r="N1022927" s="10"/>
    </row>
    <row r="1022928" spans="14:14">
      <c r="N1022928" s="10"/>
    </row>
    <row r="1022929" spans="14:14">
      <c r="N1022929" s="10"/>
    </row>
    <row r="1022930" spans="14:14">
      <c r="N1022930" s="10"/>
    </row>
    <row r="1022931" spans="14:14">
      <c r="N1022931" s="10"/>
    </row>
    <row r="1022932" spans="14:14">
      <c r="N1022932" s="10"/>
    </row>
    <row r="1022933" spans="14:14">
      <c r="N1022933" s="10"/>
    </row>
    <row r="1022934" spans="14:14">
      <c r="N1022934" s="10"/>
    </row>
    <row r="1022935" spans="14:14">
      <c r="N1022935" s="10"/>
    </row>
    <row r="1022936" spans="14:14">
      <c r="N1022936" s="10"/>
    </row>
    <row r="1022937" spans="14:14">
      <c r="N1022937" s="10"/>
    </row>
    <row r="1022938" spans="14:14">
      <c r="N1022938" s="10"/>
    </row>
    <row r="1022939" spans="14:14">
      <c r="N1022939" s="10"/>
    </row>
    <row r="1022940" spans="14:14">
      <c r="N1022940" s="10"/>
    </row>
    <row r="1022941" spans="14:14">
      <c r="N1022941" s="10"/>
    </row>
    <row r="1022942" spans="14:14">
      <c r="N1022942" s="10"/>
    </row>
    <row r="1022943" spans="14:14">
      <c r="N1022943" s="10"/>
    </row>
    <row r="1022944" spans="14:14">
      <c r="N1022944" s="10"/>
    </row>
    <row r="1022945" spans="14:14">
      <c r="N1022945" s="10"/>
    </row>
    <row r="1022946" spans="14:14">
      <c r="N1022946" s="10"/>
    </row>
    <row r="1022947" spans="14:14">
      <c r="N1022947" s="10"/>
    </row>
    <row r="1022948" spans="14:14">
      <c r="N1022948" s="10"/>
    </row>
    <row r="1022949" spans="14:14">
      <c r="N1022949" s="10"/>
    </row>
    <row r="1022950" spans="14:14">
      <c r="N1022950" s="10"/>
    </row>
    <row r="1022951" spans="14:14">
      <c r="N1022951" s="10"/>
    </row>
    <row r="1022952" spans="14:14">
      <c r="N1022952" s="10"/>
    </row>
    <row r="1022953" spans="14:14">
      <c r="N1022953" s="10"/>
    </row>
    <row r="1022954" spans="14:14">
      <c r="N1022954" s="10"/>
    </row>
    <row r="1022955" spans="14:14">
      <c r="N1022955" s="10"/>
    </row>
    <row r="1022956" spans="14:14">
      <c r="N1022956" s="10"/>
    </row>
    <row r="1022957" spans="14:14">
      <c r="N1022957" s="10"/>
    </row>
    <row r="1022958" spans="14:14">
      <c r="N1022958" s="10"/>
    </row>
    <row r="1022959" spans="14:14">
      <c r="N1022959" s="10"/>
    </row>
    <row r="1022960" spans="14:14">
      <c r="N1022960" s="10"/>
    </row>
    <row r="1022961" spans="14:14">
      <c r="N1022961" s="10"/>
    </row>
    <row r="1022962" spans="14:14">
      <c r="N1022962" s="10"/>
    </row>
    <row r="1022963" spans="14:14">
      <c r="N1022963" s="10"/>
    </row>
    <row r="1022964" spans="14:14">
      <c r="N1022964" s="10"/>
    </row>
    <row r="1022965" spans="14:14">
      <c r="N1022965" s="10"/>
    </row>
    <row r="1022966" spans="14:14">
      <c r="N1022966" s="10"/>
    </row>
    <row r="1022967" spans="14:14">
      <c r="N1022967" s="10"/>
    </row>
    <row r="1022968" spans="14:14">
      <c r="N1022968" s="10"/>
    </row>
    <row r="1022969" spans="14:14">
      <c r="N1022969" s="10"/>
    </row>
    <row r="1022970" spans="14:14">
      <c r="N1022970" s="10"/>
    </row>
    <row r="1022971" spans="14:14">
      <c r="N1022971" s="10"/>
    </row>
    <row r="1022972" spans="14:14">
      <c r="N1022972" s="10"/>
    </row>
    <row r="1022973" spans="14:14">
      <c r="N1022973" s="10"/>
    </row>
    <row r="1022974" spans="14:14">
      <c r="N1022974" s="10"/>
    </row>
    <row r="1022975" spans="14:14">
      <c r="N1022975" s="10"/>
    </row>
    <row r="1022976" spans="14:14">
      <c r="N1022976" s="10"/>
    </row>
    <row r="1022977" spans="14:14">
      <c r="N1022977" s="10"/>
    </row>
    <row r="1022978" spans="14:14">
      <c r="N1022978" s="10"/>
    </row>
    <row r="1022979" spans="14:14">
      <c r="N1022979" s="10"/>
    </row>
    <row r="1022980" spans="14:14">
      <c r="N1022980" s="10"/>
    </row>
    <row r="1022981" spans="14:14">
      <c r="N1022981" s="10"/>
    </row>
    <row r="1022982" spans="14:14">
      <c r="N1022982" s="10"/>
    </row>
    <row r="1022983" spans="14:14">
      <c r="N1022983" s="10"/>
    </row>
    <row r="1022984" spans="14:14">
      <c r="N1022984" s="10"/>
    </row>
    <row r="1022985" spans="14:14">
      <c r="N1022985" s="10"/>
    </row>
    <row r="1022986" spans="14:14">
      <c r="N1022986" s="10"/>
    </row>
    <row r="1022987" spans="14:14">
      <c r="N1022987" s="10"/>
    </row>
    <row r="1022988" spans="14:14">
      <c r="N1022988" s="10"/>
    </row>
    <row r="1022989" spans="14:14">
      <c r="N1022989" s="10"/>
    </row>
    <row r="1022990" spans="14:14">
      <c r="N1022990" s="10"/>
    </row>
    <row r="1022991" spans="14:14">
      <c r="N1022991" s="10"/>
    </row>
    <row r="1022992" spans="14:14">
      <c r="N1022992" s="10"/>
    </row>
    <row r="1022993" spans="14:14">
      <c r="N1022993" s="10"/>
    </row>
    <row r="1022994" spans="14:14">
      <c r="N1022994" s="10"/>
    </row>
    <row r="1022995" spans="14:14">
      <c r="N1022995" s="10"/>
    </row>
    <row r="1022996" spans="14:14">
      <c r="N1022996" s="10"/>
    </row>
    <row r="1022997" spans="14:14">
      <c r="N1022997" s="10"/>
    </row>
    <row r="1022998" spans="14:14">
      <c r="N1022998" s="10"/>
    </row>
    <row r="1022999" spans="14:14">
      <c r="N1022999" s="10"/>
    </row>
    <row r="1023000" spans="14:14">
      <c r="N1023000" s="10"/>
    </row>
    <row r="1023001" spans="14:14">
      <c r="N1023001" s="10"/>
    </row>
    <row r="1023002" spans="14:14">
      <c r="N1023002" s="10"/>
    </row>
    <row r="1023003" spans="14:14">
      <c r="N1023003" s="10"/>
    </row>
    <row r="1023004" spans="14:14">
      <c r="N1023004" s="10"/>
    </row>
    <row r="1023005" spans="14:14">
      <c r="N1023005" s="10"/>
    </row>
    <row r="1023006" spans="14:14">
      <c r="N1023006" s="10"/>
    </row>
    <row r="1023007" spans="14:14">
      <c r="N1023007" s="10"/>
    </row>
    <row r="1023008" spans="14:14">
      <c r="N1023008" s="10"/>
    </row>
    <row r="1023009" spans="14:14">
      <c r="N1023009" s="10"/>
    </row>
    <row r="1023010" spans="14:14">
      <c r="N1023010" s="10"/>
    </row>
    <row r="1023011" spans="14:14">
      <c r="N1023011" s="10"/>
    </row>
    <row r="1023012" spans="14:14">
      <c r="N1023012" s="10"/>
    </row>
    <row r="1023013" spans="14:14">
      <c r="N1023013" s="10"/>
    </row>
    <row r="1023014" spans="14:14">
      <c r="N1023014" s="10"/>
    </row>
    <row r="1023015" spans="14:14">
      <c r="N1023015" s="10"/>
    </row>
    <row r="1023016" spans="14:14">
      <c r="N1023016" s="10"/>
    </row>
    <row r="1023017" spans="14:14">
      <c r="N1023017" s="10"/>
    </row>
    <row r="1023018" spans="14:14">
      <c r="N1023018" s="10"/>
    </row>
    <row r="1023019" spans="14:14">
      <c r="N1023019" s="10"/>
    </row>
    <row r="1023020" spans="14:14">
      <c r="N1023020" s="10"/>
    </row>
    <row r="1023021" spans="14:14">
      <c r="N1023021" s="10"/>
    </row>
    <row r="1023022" spans="14:14">
      <c r="N1023022" s="10"/>
    </row>
    <row r="1023023" spans="14:14">
      <c r="N1023023" s="10"/>
    </row>
    <row r="1023024" spans="14:14">
      <c r="N1023024" s="10"/>
    </row>
    <row r="1023025" spans="14:14">
      <c r="N1023025" s="10"/>
    </row>
    <row r="1023026" spans="14:14">
      <c r="N1023026" s="10"/>
    </row>
    <row r="1023027" spans="14:14">
      <c r="N1023027" s="10"/>
    </row>
    <row r="1023028" spans="14:14">
      <c r="N1023028" s="10"/>
    </row>
    <row r="1023029" spans="14:14">
      <c r="N1023029" s="10"/>
    </row>
    <row r="1023030" spans="14:14">
      <c r="N1023030" s="10"/>
    </row>
    <row r="1023031" spans="14:14">
      <c r="N1023031" s="10"/>
    </row>
    <row r="1023032" spans="14:14">
      <c r="N1023032" s="10"/>
    </row>
    <row r="1023033" spans="14:14">
      <c r="N1023033" s="10"/>
    </row>
    <row r="1023034" spans="14:14">
      <c r="N1023034" s="10"/>
    </row>
    <row r="1023035" spans="14:14">
      <c r="N1023035" s="10"/>
    </row>
    <row r="1023036" spans="14:14">
      <c r="N1023036" s="10"/>
    </row>
    <row r="1023037" spans="14:14">
      <c r="N1023037" s="10"/>
    </row>
    <row r="1023038" spans="14:14">
      <c r="N1023038" s="10"/>
    </row>
    <row r="1023039" spans="14:14">
      <c r="N1023039" s="10"/>
    </row>
    <row r="1023040" spans="14:14">
      <c r="N1023040" s="10"/>
    </row>
    <row r="1023041" spans="14:14">
      <c r="N1023041" s="10"/>
    </row>
    <row r="1023042" spans="14:14">
      <c r="N1023042" s="10"/>
    </row>
    <row r="1023043" spans="14:14">
      <c r="N1023043" s="10"/>
    </row>
    <row r="1023044" spans="14:14">
      <c r="N1023044" s="10"/>
    </row>
    <row r="1023045" spans="14:14">
      <c r="N1023045" s="10"/>
    </row>
    <row r="1023046" spans="14:14">
      <c r="N1023046" s="10"/>
    </row>
    <row r="1023047" spans="14:14">
      <c r="N1023047" s="10"/>
    </row>
    <row r="1023048" spans="14:14">
      <c r="N1023048" s="10"/>
    </row>
    <row r="1023049" spans="14:14">
      <c r="N1023049" s="10"/>
    </row>
    <row r="1023050" spans="14:14">
      <c r="N1023050" s="10"/>
    </row>
    <row r="1023051" spans="14:14">
      <c r="N1023051" s="10"/>
    </row>
    <row r="1023052" spans="14:14">
      <c r="N1023052" s="10"/>
    </row>
    <row r="1023053" spans="14:14">
      <c r="N1023053" s="10"/>
    </row>
    <row r="1023054" spans="14:14">
      <c r="N1023054" s="10"/>
    </row>
    <row r="1023055" spans="14:14">
      <c r="N1023055" s="10"/>
    </row>
    <row r="1023056" spans="14:14">
      <c r="N1023056" s="10"/>
    </row>
    <row r="1023057" spans="14:14">
      <c r="N1023057" s="10"/>
    </row>
    <row r="1023058" spans="14:14">
      <c r="N1023058" s="10"/>
    </row>
    <row r="1023059" spans="14:14">
      <c r="N1023059" s="10"/>
    </row>
    <row r="1023060" spans="14:14">
      <c r="N1023060" s="10"/>
    </row>
    <row r="1023061" spans="14:14">
      <c r="N1023061" s="10"/>
    </row>
    <row r="1023062" spans="14:14">
      <c r="N1023062" s="10"/>
    </row>
    <row r="1023063" spans="14:14">
      <c r="N1023063" s="10"/>
    </row>
    <row r="1023064" spans="14:14">
      <c r="N1023064" s="10"/>
    </row>
    <row r="1023065" spans="14:14">
      <c r="N1023065" s="10"/>
    </row>
    <row r="1023066" spans="14:14">
      <c r="N1023066" s="10"/>
    </row>
    <row r="1023067" spans="14:14">
      <c r="N1023067" s="10"/>
    </row>
    <row r="1023068" spans="14:14">
      <c r="N1023068" s="10"/>
    </row>
    <row r="1023069" spans="14:14">
      <c r="N1023069" s="10"/>
    </row>
    <row r="1023070" spans="14:14">
      <c r="N1023070" s="10"/>
    </row>
    <row r="1023071" spans="14:14">
      <c r="N1023071" s="10"/>
    </row>
    <row r="1023072" spans="14:14">
      <c r="N1023072" s="10"/>
    </row>
    <row r="1023073" spans="14:14">
      <c r="N1023073" s="10"/>
    </row>
    <row r="1023074" spans="14:14">
      <c r="N1023074" s="10"/>
    </row>
    <row r="1023075" spans="14:14">
      <c r="N1023075" s="10"/>
    </row>
    <row r="1023076" spans="14:14">
      <c r="N1023076" s="10"/>
    </row>
    <row r="1023077" spans="14:14">
      <c r="N1023077" s="10"/>
    </row>
    <row r="1023078" spans="14:14">
      <c r="N1023078" s="10"/>
    </row>
    <row r="1023079" spans="14:14">
      <c r="N1023079" s="10"/>
    </row>
    <row r="1023080" spans="14:14">
      <c r="N1023080" s="10"/>
    </row>
    <row r="1023081" spans="14:14">
      <c r="N1023081" s="10"/>
    </row>
    <row r="1023082" spans="14:14">
      <c r="N1023082" s="10"/>
    </row>
    <row r="1023083" spans="14:14">
      <c r="N1023083" s="10"/>
    </row>
    <row r="1023084" spans="14:14">
      <c r="N1023084" s="10"/>
    </row>
    <row r="1023085" spans="14:14">
      <c r="N1023085" s="10"/>
    </row>
    <row r="1023086" spans="14:14">
      <c r="N1023086" s="10"/>
    </row>
    <row r="1023087" spans="14:14">
      <c r="N1023087" s="10"/>
    </row>
    <row r="1023088" spans="14:14">
      <c r="N1023088" s="10"/>
    </row>
    <row r="1023089" spans="14:14">
      <c r="N1023089" s="10"/>
    </row>
    <row r="1023090" spans="14:14">
      <c r="N1023090" s="10"/>
    </row>
    <row r="1023091" spans="14:14">
      <c r="N1023091" s="10"/>
    </row>
    <row r="1023092" spans="14:14">
      <c r="N1023092" s="10"/>
    </row>
    <row r="1023093" spans="14:14">
      <c r="N1023093" s="10"/>
    </row>
    <row r="1023094" spans="14:14">
      <c r="N1023094" s="10"/>
    </row>
    <row r="1023095" spans="14:14">
      <c r="N1023095" s="10"/>
    </row>
    <row r="1023096" spans="14:14">
      <c r="N1023096" s="10"/>
    </row>
    <row r="1023097" spans="14:14">
      <c r="N1023097" s="10"/>
    </row>
    <row r="1023098" spans="14:14">
      <c r="N1023098" s="10"/>
    </row>
    <row r="1023099" spans="14:14">
      <c r="N1023099" s="10"/>
    </row>
    <row r="1023100" spans="14:14">
      <c r="N1023100" s="10"/>
    </row>
    <row r="1023101" spans="14:14">
      <c r="N1023101" s="10"/>
    </row>
    <row r="1023102" spans="14:14">
      <c r="N1023102" s="10"/>
    </row>
    <row r="1023103" spans="14:14">
      <c r="N1023103" s="10"/>
    </row>
    <row r="1023104" spans="14:14">
      <c r="N1023104" s="10"/>
    </row>
    <row r="1023105" spans="14:14">
      <c r="N1023105" s="10"/>
    </row>
    <row r="1023106" spans="14:14">
      <c r="N1023106" s="10"/>
    </row>
    <row r="1023107" spans="14:14">
      <c r="N1023107" s="10"/>
    </row>
    <row r="1023108" spans="14:14">
      <c r="N1023108" s="10"/>
    </row>
    <row r="1023109" spans="14:14">
      <c r="N1023109" s="10"/>
    </row>
    <row r="1023110" spans="14:14">
      <c r="N1023110" s="10"/>
    </row>
    <row r="1023111" spans="14:14">
      <c r="N1023111" s="10"/>
    </row>
    <row r="1023112" spans="14:14">
      <c r="N1023112" s="10"/>
    </row>
    <row r="1023113" spans="14:14">
      <c r="N1023113" s="10"/>
    </row>
    <row r="1023114" spans="14:14">
      <c r="N1023114" s="10"/>
    </row>
    <row r="1023115" spans="14:14">
      <c r="N1023115" s="10"/>
    </row>
    <row r="1023116" spans="14:14">
      <c r="N1023116" s="10"/>
    </row>
    <row r="1023117" spans="14:14">
      <c r="N1023117" s="10"/>
    </row>
    <row r="1023118" spans="14:14">
      <c r="N1023118" s="10"/>
    </row>
    <row r="1023119" spans="14:14">
      <c r="N1023119" s="10"/>
    </row>
    <row r="1023120" spans="14:14">
      <c r="N1023120" s="10"/>
    </row>
    <row r="1023121" spans="14:14">
      <c r="N1023121" s="10"/>
    </row>
    <row r="1023122" spans="14:14">
      <c r="N1023122" s="10"/>
    </row>
    <row r="1023123" spans="14:14">
      <c r="N1023123" s="10"/>
    </row>
    <row r="1023124" spans="14:14">
      <c r="N1023124" s="10"/>
    </row>
    <row r="1023125" spans="14:14">
      <c r="N1023125" s="10"/>
    </row>
    <row r="1023126" spans="14:14">
      <c r="N1023126" s="10"/>
    </row>
    <row r="1023127" spans="14:14">
      <c r="N1023127" s="10"/>
    </row>
    <row r="1023128" spans="14:14">
      <c r="N1023128" s="10"/>
    </row>
    <row r="1023129" spans="14:14">
      <c r="N1023129" s="10"/>
    </row>
    <row r="1023130" spans="14:14">
      <c r="N1023130" s="10"/>
    </row>
    <row r="1023131" spans="14:14">
      <c r="N1023131" s="10"/>
    </row>
    <row r="1023132" spans="14:14">
      <c r="N1023132" s="10"/>
    </row>
    <row r="1023133" spans="14:14">
      <c r="N1023133" s="10"/>
    </row>
    <row r="1023134" spans="14:14">
      <c r="N1023134" s="10"/>
    </row>
    <row r="1023135" spans="14:14">
      <c r="N1023135" s="10"/>
    </row>
    <row r="1023136" spans="14:14">
      <c r="N1023136" s="10"/>
    </row>
    <row r="1023137" spans="14:14">
      <c r="N1023137" s="10"/>
    </row>
    <row r="1023138" spans="14:14">
      <c r="N1023138" s="10"/>
    </row>
    <row r="1023139" spans="14:14">
      <c r="N1023139" s="10"/>
    </row>
    <row r="1023140" spans="14:14">
      <c r="N1023140" s="10"/>
    </row>
    <row r="1023141" spans="14:14">
      <c r="N1023141" s="10"/>
    </row>
    <row r="1023142" spans="14:14">
      <c r="N1023142" s="10"/>
    </row>
    <row r="1023143" spans="14:14">
      <c r="N1023143" s="10"/>
    </row>
    <row r="1023144" spans="14:14">
      <c r="N1023144" s="10"/>
    </row>
    <row r="1023145" spans="14:14">
      <c r="N1023145" s="10"/>
    </row>
    <row r="1023146" spans="14:14">
      <c r="N1023146" s="10"/>
    </row>
    <row r="1023147" spans="14:14">
      <c r="N1023147" s="10"/>
    </row>
    <row r="1023148" spans="14:14">
      <c r="N1023148" s="10"/>
    </row>
    <row r="1023149" spans="14:14">
      <c r="N1023149" s="10"/>
    </row>
    <row r="1023150" spans="14:14">
      <c r="N1023150" s="10"/>
    </row>
    <row r="1023151" spans="14:14">
      <c r="N1023151" s="10"/>
    </row>
    <row r="1023152" spans="14:14">
      <c r="N1023152" s="10"/>
    </row>
    <row r="1023153" spans="14:14">
      <c r="N1023153" s="10"/>
    </row>
    <row r="1023154" spans="14:14">
      <c r="N1023154" s="10"/>
    </row>
    <row r="1023155" spans="14:14">
      <c r="N1023155" s="10"/>
    </row>
    <row r="1023156" spans="14:14">
      <c r="N1023156" s="10"/>
    </row>
    <row r="1023157" spans="14:14">
      <c r="N1023157" s="10"/>
    </row>
    <row r="1023158" spans="14:14">
      <c r="N1023158" s="10"/>
    </row>
    <row r="1023159" spans="14:14">
      <c r="N1023159" s="10"/>
    </row>
    <row r="1023160" spans="14:14">
      <c r="N1023160" s="10"/>
    </row>
    <row r="1023161" spans="14:14">
      <c r="N1023161" s="10"/>
    </row>
    <row r="1023162" spans="14:14">
      <c r="N1023162" s="10"/>
    </row>
    <row r="1023163" spans="14:14">
      <c r="N1023163" s="10"/>
    </row>
    <row r="1023164" spans="14:14">
      <c r="N1023164" s="10"/>
    </row>
    <row r="1023165" spans="14:14">
      <c r="N1023165" s="10"/>
    </row>
    <row r="1023166" spans="14:14">
      <c r="N1023166" s="10"/>
    </row>
    <row r="1023167" spans="14:14">
      <c r="N1023167" s="10"/>
    </row>
    <row r="1023168" spans="14:14">
      <c r="N1023168" s="10"/>
    </row>
    <row r="1023169" spans="14:14">
      <c r="N1023169" s="10"/>
    </row>
    <row r="1023170" spans="14:14">
      <c r="N1023170" s="10"/>
    </row>
    <row r="1023171" spans="14:14">
      <c r="N1023171" s="10"/>
    </row>
    <row r="1023172" spans="14:14">
      <c r="N1023172" s="10"/>
    </row>
    <row r="1023173" spans="14:14">
      <c r="N1023173" s="10"/>
    </row>
    <row r="1023174" spans="14:14">
      <c r="N1023174" s="10"/>
    </row>
    <row r="1023175" spans="14:14">
      <c r="N1023175" s="10"/>
    </row>
    <row r="1023176" spans="14:14">
      <c r="N1023176" s="10"/>
    </row>
    <row r="1023177" spans="14:14">
      <c r="N1023177" s="10"/>
    </row>
    <row r="1023178" spans="14:14">
      <c r="N1023178" s="10"/>
    </row>
    <row r="1023179" spans="14:14">
      <c r="N1023179" s="10"/>
    </row>
    <row r="1023180" spans="14:14">
      <c r="N1023180" s="10"/>
    </row>
    <row r="1023181" spans="14:14">
      <c r="N1023181" s="10"/>
    </row>
    <row r="1023182" spans="14:14">
      <c r="N1023182" s="10"/>
    </row>
    <row r="1023183" spans="14:14">
      <c r="N1023183" s="10"/>
    </row>
    <row r="1023184" spans="14:14">
      <c r="N1023184" s="10"/>
    </row>
    <row r="1023185" spans="14:14">
      <c r="N1023185" s="10"/>
    </row>
    <row r="1023186" spans="14:14">
      <c r="N1023186" s="10"/>
    </row>
    <row r="1023187" spans="14:14">
      <c r="N1023187" s="10"/>
    </row>
    <row r="1023188" spans="14:14">
      <c r="N1023188" s="10"/>
    </row>
    <row r="1023189" spans="14:14">
      <c r="N1023189" s="10"/>
    </row>
    <row r="1023190" spans="14:14">
      <c r="N1023190" s="10"/>
    </row>
    <row r="1023191" spans="14:14">
      <c r="N1023191" s="10"/>
    </row>
    <row r="1023192" spans="14:14">
      <c r="N1023192" s="10"/>
    </row>
    <row r="1023193" spans="14:14">
      <c r="N1023193" s="10"/>
    </row>
    <row r="1023194" spans="14:14">
      <c r="N1023194" s="10"/>
    </row>
    <row r="1023195" spans="14:14">
      <c r="N1023195" s="10"/>
    </row>
    <row r="1023196" spans="14:14">
      <c r="N1023196" s="10"/>
    </row>
    <row r="1023197" spans="14:14">
      <c r="N1023197" s="10"/>
    </row>
    <row r="1023198" spans="14:14">
      <c r="N1023198" s="10"/>
    </row>
    <row r="1023199" spans="14:14">
      <c r="N1023199" s="10"/>
    </row>
    <row r="1023200" spans="14:14">
      <c r="N1023200" s="10"/>
    </row>
    <row r="1023201" spans="14:14">
      <c r="N1023201" s="10"/>
    </row>
    <row r="1023202" spans="14:14">
      <c r="N1023202" s="10"/>
    </row>
    <row r="1023203" spans="14:14">
      <c r="N1023203" s="10"/>
    </row>
    <row r="1023204" spans="14:14">
      <c r="N1023204" s="10"/>
    </row>
    <row r="1023205" spans="14:14">
      <c r="N1023205" s="10"/>
    </row>
    <row r="1023206" spans="14:14">
      <c r="N1023206" s="10"/>
    </row>
    <row r="1023207" spans="14:14">
      <c r="N1023207" s="10"/>
    </row>
    <row r="1023208" spans="14:14">
      <c r="N1023208" s="10"/>
    </row>
    <row r="1023209" spans="14:14">
      <c r="N1023209" s="10"/>
    </row>
    <row r="1023210" spans="14:14">
      <c r="N1023210" s="10"/>
    </row>
    <row r="1023211" spans="14:14">
      <c r="N1023211" s="10"/>
    </row>
    <row r="1023212" spans="14:14">
      <c r="N1023212" s="10"/>
    </row>
    <row r="1023213" spans="14:14">
      <c r="N1023213" s="10"/>
    </row>
    <row r="1023214" spans="14:14">
      <c r="N1023214" s="10"/>
    </row>
    <row r="1023215" spans="14:14">
      <c r="N1023215" s="10"/>
    </row>
    <row r="1023216" spans="14:14">
      <c r="N1023216" s="10"/>
    </row>
    <row r="1023217" spans="14:14">
      <c r="N1023217" s="10"/>
    </row>
    <row r="1023218" spans="14:14">
      <c r="N1023218" s="10"/>
    </row>
    <row r="1023219" spans="14:14">
      <c r="N1023219" s="10"/>
    </row>
    <row r="1023220" spans="14:14">
      <c r="N1023220" s="10"/>
    </row>
    <row r="1023221" spans="14:14">
      <c r="N1023221" s="10"/>
    </row>
    <row r="1023222" spans="14:14">
      <c r="N1023222" s="10"/>
    </row>
    <row r="1023223" spans="14:14">
      <c r="N1023223" s="10"/>
    </row>
    <row r="1023224" spans="14:14">
      <c r="N1023224" s="10"/>
    </row>
    <row r="1023225" spans="14:14">
      <c r="N1023225" s="10"/>
    </row>
    <row r="1023226" spans="14:14">
      <c r="N1023226" s="10"/>
    </row>
    <row r="1023227" spans="14:14">
      <c r="N1023227" s="10"/>
    </row>
    <row r="1023228" spans="14:14">
      <c r="N1023228" s="10"/>
    </row>
    <row r="1023229" spans="14:14">
      <c r="N1023229" s="10"/>
    </row>
    <row r="1023230" spans="14:14">
      <c r="N1023230" s="10"/>
    </row>
    <row r="1023231" spans="14:14">
      <c r="N1023231" s="10"/>
    </row>
    <row r="1023232" spans="14:14">
      <c r="N1023232" s="10"/>
    </row>
    <row r="1023233" spans="14:14">
      <c r="N1023233" s="10"/>
    </row>
    <row r="1023234" spans="14:14">
      <c r="N1023234" s="10"/>
    </row>
    <row r="1023235" spans="14:14">
      <c r="N1023235" s="10"/>
    </row>
    <row r="1023236" spans="14:14">
      <c r="N1023236" s="10"/>
    </row>
    <row r="1023237" spans="14:14">
      <c r="N1023237" s="10"/>
    </row>
    <row r="1023238" spans="14:14">
      <c r="N1023238" s="10"/>
    </row>
    <row r="1023239" spans="14:14">
      <c r="N1023239" s="10"/>
    </row>
    <row r="1023240" spans="14:14">
      <c r="N1023240" s="10"/>
    </row>
    <row r="1023241" spans="14:14">
      <c r="N1023241" s="10"/>
    </row>
    <row r="1023242" spans="14:14">
      <c r="N1023242" s="10"/>
    </row>
    <row r="1023243" spans="14:14">
      <c r="N1023243" s="10"/>
    </row>
    <row r="1023244" spans="14:14">
      <c r="N1023244" s="10"/>
    </row>
    <row r="1023245" spans="14:14">
      <c r="N1023245" s="10"/>
    </row>
    <row r="1023246" spans="14:14">
      <c r="N1023246" s="10"/>
    </row>
    <row r="1023247" spans="14:14">
      <c r="N1023247" s="10"/>
    </row>
    <row r="1023248" spans="14:14">
      <c r="N1023248" s="10"/>
    </row>
    <row r="1023249" spans="14:14">
      <c r="N1023249" s="10"/>
    </row>
    <row r="1023250" spans="14:14">
      <c r="N1023250" s="10"/>
    </row>
    <row r="1023251" spans="14:14">
      <c r="N1023251" s="10"/>
    </row>
    <row r="1023252" spans="14:14">
      <c r="N1023252" s="10"/>
    </row>
    <row r="1023253" spans="14:14">
      <c r="N1023253" s="10"/>
    </row>
    <row r="1023254" spans="14:14">
      <c r="N1023254" s="10"/>
    </row>
    <row r="1023255" spans="14:14">
      <c r="N1023255" s="10"/>
    </row>
    <row r="1023256" spans="14:14">
      <c r="N1023256" s="10"/>
    </row>
    <row r="1023257" spans="14:14">
      <c r="N1023257" s="10"/>
    </row>
    <row r="1023258" spans="14:14">
      <c r="N1023258" s="10"/>
    </row>
    <row r="1023259" spans="14:14">
      <c r="N1023259" s="10"/>
    </row>
    <row r="1023260" spans="14:14">
      <c r="N1023260" s="10"/>
    </row>
    <row r="1023261" spans="14:14">
      <c r="N1023261" s="10"/>
    </row>
    <row r="1023262" spans="14:14">
      <c r="N1023262" s="10"/>
    </row>
    <row r="1023263" spans="14:14">
      <c r="N1023263" s="10"/>
    </row>
    <row r="1023264" spans="14:14">
      <c r="N1023264" s="10"/>
    </row>
    <row r="1023265" spans="14:14">
      <c r="N1023265" s="10"/>
    </row>
    <row r="1023266" spans="14:14">
      <c r="N1023266" s="10"/>
    </row>
    <row r="1023267" spans="14:14">
      <c r="N1023267" s="10"/>
    </row>
    <row r="1023268" spans="14:14">
      <c r="N1023268" s="10"/>
    </row>
    <row r="1023269" spans="14:14">
      <c r="N1023269" s="10"/>
    </row>
    <row r="1023270" spans="14:14">
      <c r="N1023270" s="10"/>
    </row>
    <row r="1023271" spans="14:14">
      <c r="N1023271" s="10"/>
    </row>
    <row r="1023272" spans="14:14">
      <c r="N1023272" s="10"/>
    </row>
    <row r="1023273" spans="14:14">
      <c r="N1023273" s="10"/>
    </row>
    <row r="1023274" spans="14:14">
      <c r="N1023274" s="10"/>
    </row>
    <row r="1023275" spans="14:14">
      <c r="N1023275" s="10"/>
    </row>
    <row r="1023276" spans="14:14">
      <c r="N1023276" s="10"/>
    </row>
    <row r="1023277" spans="14:14">
      <c r="N1023277" s="10"/>
    </row>
    <row r="1023278" spans="14:14">
      <c r="N1023278" s="10"/>
    </row>
    <row r="1023279" spans="14:14">
      <c r="N1023279" s="10"/>
    </row>
    <row r="1023280" spans="14:14">
      <c r="N1023280" s="10"/>
    </row>
    <row r="1023281" spans="14:14">
      <c r="N1023281" s="10"/>
    </row>
    <row r="1023282" spans="14:14">
      <c r="N1023282" s="10"/>
    </row>
    <row r="1023283" spans="14:14">
      <c r="N1023283" s="10"/>
    </row>
    <row r="1023284" spans="14:14">
      <c r="N1023284" s="10"/>
    </row>
    <row r="1023285" spans="14:14">
      <c r="N1023285" s="10"/>
    </row>
    <row r="1023286" spans="14:14">
      <c r="N1023286" s="10"/>
    </row>
    <row r="1023287" spans="14:14">
      <c r="N1023287" s="10"/>
    </row>
    <row r="1023288" spans="14:14">
      <c r="N1023288" s="10"/>
    </row>
    <row r="1023289" spans="14:14">
      <c r="N1023289" s="10"/>
    </row>
    <row r="1023290" spans="14:14">
      <c r="N1023290" s="10"/>
    </row>
    <row r="1023291" spans="14:14">
      <c r="N1023291" s="10"/>
    </row>
    <row r="1023292" spans="14:14">
      <c r="N1023292" s="10"/>
    </row>
    <row r="1023293" spans="14:14">
      <c r="N1023293" s="10"/>
    </row>
    <row r="1023294" spans="14:14">
      <c r="N1023294" s="10"/>
    </row>
    <row r="1023295" spans="14:14">
      <c r="N1023295" s="10"/>
    </row>
    <row r="1023296" spans="14:14">
      <c r="N1023296" s="10"/>
    </row>
    <row r="1023297" spans="14:14">
      <c r="N1023297" s="10"/>
    </row>
    <row r="1023298" spans="14:14">
      <c r="N1023298" s="10"/>
    </row>
    <row r="1023299" spans="14:14">
      <c r="N1023299" s="10"/>
    </row>
    <row r="1023300" spans="14:14">
      <c r="N1023300" s="10"/>
    </row>
    <row r="1023301" spans="14:14">
      <c r="N1023301" s="10"/>
    </row>
    <row r="1023302" spans="14:14">
      <c r="N1023302" s="10"/>
    </row>
    <row r="1023303" spans="14:14">
      <c r="N1023303" s="10"/>
    </row>
    <row r="1023304" spans="14:14">
      <c r="N1023304" s="10"/>
    </row>
    <row r="1023305" spans="14:14">
      <c r="N1023305" s="10"/>
    </row>
    <row r="1023306" spans="14:14">
      <c r="N1023306" s="10"/>
    </row>
    <row r="1023307" spans="14:14">
      <c r="N1023307" s="10"/>
    </row>
    <row r="1023308" spans="14:14">
      <c r="N1023308" s="10"/>
    </row>
    <row r="1023309" spans="14:14">
      <c r="N1023309" s="10"/>
    </row>
    <row r="1023310" spans="14:14">
      <c r="N1023310" s="10"/>
    </row>
    <row r="1023311" spans="14:14">
      <c r="N1023311" s="10"/>
    </row>
    <row r="1023312" spans="14:14">
      <c r="N1023312" s="10"/>
    </row>
    <row r="1023313" spans="14:14">
      <c r="N1023313" s="10"/>
    </row>
    <row r="1023314" spans="14:14">
      <c r="N1023314" s="10"/>
    </row>
    <row r="1023315" spans="14:14">
      <c r="N1023315" s="10"/>
    </row>
    <row r="1023316" spans="14:14">
      <c r="N1023316" s="10"/>
    </row>
    <row r="1023317" spans="14:14">
      <c r="N1023317" s="10"/>
    </row>
    <row r="1023318" spans="14:14">
      <c r="N1023318" s="10"/>
    </row>
    <row r="1023319" spans="14:14">
      <c r="N1023319" s="10"/>
    </row>
    <row r="1023320" spans="14:14">
      <c r="N1023320" s="10"/>
    </row>
    <row r="1023321" spans="14:14">
      <c r="N1023321" s="10"/>
    </row>
    <row r="1023322" spans="14:14">
      <c r="N1023322" s="10"/>
    </row>
    <row r="1023323" spans="14:14">
      <c r="N1023323" s="10"/>
    </row>
    <row r="1023324" spans="14:14">
      <c r="N1023324" s="10"/>
    </row>
    <row r="1023325" spans="14:14">
      <c r="N1023325" s="10"/>
    </row>
    <row r="1023326" spans="14:14">
      <c r="N1023326" s="10"/>
    </row>
    <row r="1023327" spans="14:14">
      <c r="N1023327" s="10"/>
    </row>
    <row r="1023328" spans="14:14">
      <c r="N1023328" s="10"/>
    </row>
    <row r="1023329" spans="14:14">
      <c r="N1023329" s="10"/>
    </row>
    <row r="1023330" spans="14:14">
      <c r="N1023330" s="10"/>
    </row>
    <row r="1023331" spans="14:14">
      <c r="N1023331" s="10"/>
    </row>
    <row r="1023332" spans="14:14">
      <c r="N1023332" s="10"/>
    </row>
    <row r="1023333" spans="14:14">
      <c r="N1023333" s="10"/>
    </row>
    <row r="1023334" spans="14:14">
      <c r="N1023334" s="10"/>
    </row>
    <row r="1023335" spans="14:14">
      <c r="N1023335" s="10"/>
    </row>
    <row r="1023336" spans="14:14">
      <c r="N1023336" s="10"/>
    </row>
    <row r="1023337" spans="14:14">
      <c r="N1023337" s="10"/>
    </row>
    <row r="1023338" spans="14:14">
      <c r="N1023338" s="10"/>
    </row>
    <row r="1023339" spans="14:14">
      <c r="N1023339" s="10"/>
    </row>
    <row r="1023340" spans="14:14">
      <c r="N1023340" s="10"/>
    </row>
    <row r="1023341" spans="14:14">
      <c r="N1023341" s="10"/>
    </row>
    <row r="1023342" spans="14:14">
      <c r="N1023342" s="10"/>
    </row>
    <row r="1023343" spans="14:14">
      <c r="N1023343" s="10"/>
    </row>
    <row r="1023344" spans="14:14">
      <c r="N1023344" s="10"/>
    </row>
    <row r="1023345" spans="14:14">
      <c r="N1023345" s="10"/>
    </row>
    <row r="1023346" spans="14:14">
      <c r="N1023346" s="10"/>
    </row>
    <row r="1023347" spans="14:14">
      <c r="N1023347" s="10"/>
    </row>
    <row r="1023348" spans="14:14">
      <c r="N1023348" s="10"/>
    </row>
    <row r="1023349" spans="14:14">
      <c r="N1023349" s="10"/>
    </row>
    <row r="1023350" spans="14:14">
      <c r="N1023350" s="10"/>
    </row>
    <row r="1023351" spans="14:14">
      <c r="N1023351" s="10"/>
    </row>
    <row r="1023352" spans="14:14">
      <c r="N1023352" s="10"/>
    </row>
    <row r="1023353" spans="14:14">
      <c r="N1023353" s="10"/>
    </row>
    <row r="1023354" spans="14:14">
      <c r="N1023354" s="10"/>
    </row>
    <row r="1023355" spans="14:14">
      <c r="N1023355" s="10"/>
    </row>
    <row r="1023356" spans="14:14">
      <c r="N1023356" s="10"/>
    </row>
    <row r="1023357" spans="14:14">
      <c r="N1023357" s="10"/>
    </row>
    <row r="1023358" spans="14:14">
      <c r="N1023358" s="10"/>
    </row>
    <row r="1023359" spans="14:14">
      <c r="N1023359" s="10"/>
    </row>
    <row r="1023360" spans="14:14">
      <c r="N1023360" s="10"/>
    </row>
    <row r="1023361" spans="14:14">
      <c r="N1023361" s="10"/>
    </row>
    <row r="1023362" spans="14:14">
      <c r="N1023362" s="10"/>
    </row>
    <row r="1023363" spans="14:14">
      <c r="N1023363" s="10"/>
    </row>
    <row r="1023364" spans="14:14">
      <c r="N1023364" s="10"/>
    </row>
    <row r="1023365" spans="14:14">
      <c r="N1023365" s="10"/>
    </row>
    <row r="1023366" spans="14:14">
      <c r="N1023366" s="10"/>
    </row>
    <row r="1023367" spans="14:14">
      <c r="N1023367" s="10"/>
    </row>
    <row r="1023368" spans="14:14">
      <c r="N1023368" s="10"/>
    </row>
    <row r="1023369" spans="14:14">
      <c r="N1023369" s="10"/>
    </row>
    <row r="1023370" spans="14:14">
      <c r="N1023370" s="10"/>
    </row>
    <row r="1023371" spans="14:14">
      <c r="N1023371" s="10"/>
    </row>
    <row r="1023372" spans="14:14">
      <c r="N1023372" s="10"/>
    </row>
    <row r="1023373" spans="14:14">
      <c r="N1023373" s="10"/>
    </row>
    <row r="1023374" spans="14:14">
      <c r="N1023374" s="10"/>
    </row>
    <row r="1023375" spans="14:14">
      <c r="N1023375" s="10"/>
    </row>
    <row r="1023376" spans="14:14">
      <c r="N1023376" s="10"/>
    </row>
    <row r="1023377" spans="14:14">
      <c r="N1023377" s="10"/>
    </row>
    <row r="1023378" spans="14:14">
      <c r="N1023378" s="10"/>
    </row>
    <row r="1023379" spans="14:14">
      <c r="N1023379" s="10"/>
    </row>
    <row r="1023380" spans="14:14">
      <c r="N1023380" s="10"/>
    </row>
    <row r="1023381" spans="14:14">
      <c r="N1023381" s="10"/>
    </row>
    <row r="1023382" spans="14:14">
      <c r="N1023382" s="10"/>
    </row>
    <row r="1023383" spans="14:14">
      <c r="N1023383" s="10"/>
    </row>
    <row r="1023384" spans="14:14">
      <c r="N1023384" s="10"/>
    </row>
    <row r="1023385" spans="14:14">
      <c r="N1023385" s="10"/>
    </row>
    <row r="1023386" spans="14:14">
      <c r="N1023386" s="10"/>
    </row>
    <row r="1023387" spans="14:14">
      <c r="N1023387" s="10"/>
    </row>
    <row r="1023388" spans="14:14">
      <c r="N1023388" s="10"/>
    </row>
    <row r="1023389" spans="14:14">
      <c r="N1023389" s="10"/>
    </row>
    <row r="1023390" spans="14:14">
      <c r="N1023390" s="10"/>
    </row>
    <row r="1023391" spans="14:14">
      <c r="N1023391" s="10"/>
    </row>
    <row r="1023392" spans="14:14">
      <c r="N1023392" s="10"/>
    </row>
    <row r="1023393" spans="14:14">
      <c r="N1023393" s="10"/>
    </row>
    <row r="1023394" spans="14:14">
      <c r="N1023394" s="10"/>
    </row>
    <row r="1023395" spans="14:14">
      <c r="N1023395" s="10"/>
    </row>
    <row r="1023396" spans="14:14">
      <c r="N1023396" s="10"/>
    </row>
    <row r="1023397" spans="14:14">
      <c r="N1023397" s="10"/>
    </row>
    <row r="1023398" spans="14:14">
      <c r="N1023398" s="10"/>
    </row>
    <row r="1023399" spans="14:14">
      <c r="N1023399" s="10"/>
    </row>
    <row r="1023400" spans="14:14">
      <c r="N1023400" s="10"/>
    </row>
    <row r="1023401" spans="14:14">
      <c r="N1023401" s="10"/>
    </row>
    <row r="1023402" spans="14:14">
      <c r="N1023402" s="10"/>
    </row>
    <row r="1023403" spans="14:14">
      <c r="N1023403" s="10"/>
    </row>
    <row r="1023404" spans="14:14">
      <c r="N1023404" s="10"/>
    </row>
    <row r="1023405" spans="14:14">
      <c r="N1023405" s="10"/>
    </row>
    <row r="1023406" spans="14:14">
      <c r="N1023406" s="10"/>
    </row>
    <row r="1023407" spans="14:14">
      <c r="N1023407" s="10"/>
    </row>
    <row r="1023408" spans="14:14">
      <c r="N1023408" s="10"/>
    </row>
    <row r="1023409" spans="14:14">
      <c r="N1023409" s="10"/>
    </row>
    <row r="1023410" spans="14:14">
      <c r="N1023410" s="10"/>
    </row>
    <row r="1023411" spans="14:14">
      <c r="N1023411" s="10"/>
    </row>
    <row r="1023412" spans="14:14">
      <c r="N1023412" s="10"/>
    </row>
    <row r="1023413" spans="14:14">
      <c r="N1023413" s="10"/>
    </row>
    <row r="1023414" spans="14:14">
      <c r="N1023414" s="10"/>
    </row>
    <row r="1023415" spans="14:14">
      <c r="N1023415" s="10"/>
    </row>
    <row r="1023416" spans="14:14">
      <c r="N1023416" s="10"/>
    </row>
    <row r="1023417" spans="14:14">
      <c r="N1023417" s="10"/>
    </row>
    <row r="1023418" spans="14:14">
      <c r="N1023418" s="10"/>
    </row>
    <row r="1023419" spans="14:14">
      <c r="N1023419" s="10"/>
    </row>
    <row r="1023420" spans="14:14">
      <c r="N1023420" s="10"/>
    </row>
    <row r="1023421" spans="14:14">
      <c r="N1023421" s="10"/>
    </row>
    <row r="1023422" spans="14:14">
      <c r="N1023422" s="10"/>
    </row>
    <row r="1023423" spans="14:14">
      <c r="N1023423" s="10"/>
    </row>
    <row r="1023424" spans="14:14">
      <c r="N1023424" s="10"/>
    </row>
    <row r="1023425" spans="14:14">
      <c r="N1023425" s="10"/>
    </row>
    <row r="1023426" spans="14:14">
      <c r="N1023426" s="10"/>
    </row>
    <row r="1023427" spans="14:14">
      <c r="N1023427" s="10"/>
    </row>
    <row r="1023428" spans="14:14">
      <c r="N1023428" s="10"/>
    </row>
    <row r="1023429" spans="14:14">
      <c r="N1023429" s="10"/>
    </row>
    <row r="1023430" spans="14:14">
      <c r="N1023430" s="10"/>
    </row>
    <row r="1023431" spans="14:14">
      <c r="N1023431" s="10"/>
    </row>
    <row r="1023432" spans="14:14">
      <c r="N1023432" s="10"/>
    </row>
    <row r="1023433" spans="14:14">
      <c r="N1023433" s="10"/>
    </row>
    <row r="1023434" spans="14:14">
      <c r="N1023434" s="10"/>
    </row>
    <row r="1023435" spans="14:14">
      <c r="N1023435" s="10"/>
    </row>
    <row r="1023436" spans="14:14">
      <c r="N1023436" s="10"/>
    </row>
    <row r="1023437" spans="14:14">
      <c r="N1023437" s="10"/>
    </row>
    <row r="1023438" spans="14:14">
      <c r="N1023438" s="10"/>
    </row>
    <row r="1023439" spans="14:14">
      <c r="N1023439" s="10"/>
    </row>
    <row r="1023440" spans="14:14">
      <c r="N1023440" s="10"/>
    </row>
    <row r="1023441" spans="14:14">
      <c r="N1023441" s="10"/>
    </row>
    <row r="1023442" spans="14:14">
      <c r="N1023442" s="10"/>
    </row>
    <row r="1023443" spans="14:14">
      <c r="N1023443" s="10"/>
    </row>
    <row r="1023444" spans="14:14">
      <c r="N1023444" s="10"/>
    </row>
    <row r="1023445" spans="14:14">
      <c r="N1023445" s="10"/>
    </row>
    <row r="1023446" spans="14:14">
      <c r="N1023446" s="10"/>
    </row>
    <row r="1023447" spans="14:14">
      <c r="N1023447" s="10"/>
    </row>
    <row r="1023448" spans="14:14">
      <c r="N1023448" s="10"/>
    </row>
    <row r="1023449" spans="14:14">
      <c r="N1023449" s="10"/>
    </row>
    <row r="1023450" spans="14:14">
      <c r="N1023450" s="10"/>
    </row>
    <row r="1023451" spans="14:14">
      <c r="N1023451" s="10"/>
    </row>
    <row r="1023452" spans="14:14">
      <c r="N1023452" s="10"/>
    </row>
    <row r="1023453" spans="14:14">
      <c r="N1023453" s="10"/>
    </row>
    <row r="1023454" spans="14:14">
      <c r="N1023454" s="10"/>
    </row>
    <row r="1023455" spans="14:14">
      <c r="N1023455" s="10"/>
    </row>
    <row r="1023456" spans="14:14">
      <c r="N1023456" s="10"/>
    </row>
    <row r="1023457" spans="14:14">
      <c r="N1023457" s="10"/>
    </row>
    <row r="1023458" spans="14:14">
      <c r="N1023458" s="10"/>
    </row>
    <row r="1023459" spans="14:14">
      <c r="N1023459" s="10"/>
    </row>
    <row r="1023460" spans="14:14">
      <c r="N1023460" s="10"/>
    </row>
    <row r="1023461" spans="14:14">
      <c r="N1023461" s="10"/>
    </row>
    <row r="1023462" spans="14:14">
      <c r="N1023462" s="10"/>
    </row>
    <row r="1023463" spans="14:14">
      <c r="N1023463" s="10"/>
    </row>
    <row r="1023464" spans="14:14">
      <c r="N1023464" s="10"/>
    </row>
    <row r="1023465" spans="14:14">
      <c r="N1023465" s="10"/>
    </row>
    <row r="1023466" spans="14:14">
      <c r="N1023466" s="10"/>
    </row>
    <row r="1023467" spans="14:14">
      <c r="N1023467" s="10"/>
    </row>
    <row r="1023468" spans="14:14">
      <c r="N1023468" s="10"/>
    </row>
    <row r="1023469" spans="14:14">
      <c r="N1023469" s="10"/>
    </row>
    <row r="1023470" spans="14:14">
      <c r="N1023470" s="10"/>
    </row>
    <row r="1023471" spans="14:14">
      <c r="N1023471" s="10"/>
    </row>
    <row r="1023472" spans="14:14">
      <c r="N1023472" s="10"/>
    </row>
    <row r="1023473" spans="14:14">
      <c r="N1023473" s="10"/>
    </row>
    <row r="1023474" spans="14:14">
      <c r="N1023474" s="10"/>
    </row>
    <row r="1023475" spans="14:14">
      <c r="N1023475" s="10"/>
    </row>
    <row r="1023476" spans="14:14">
      <c r="N1023476" s="10"/>
    </row>
    <row r="1023477" spans="14:14">
      <c r="N1023477" s="10"/>
    </row>
    <row r="1023478" spans="14:14">
      <c r="N1023478" s="10"/>
    </row>
    <row r="1023479" spans="14:14">
      <c r="N1023479" s="10"/>
    </row>
    <row r="1023480" spans="14:14">
      <c r="N1023480" s="10"/>
    </row>
    <row r="1023481" spans="14:14">
      <c r="N1023481" s="10"/>
    </row>
    <row r="1023482" spans="14:14">
      <c r="N1023482" s="10"/>
    </row>
    <row r="1023483" spans="14:14">
      <c r="N1023483" s="10"/>
    </row>
    <row r="1023484" spans="14:14">
      <c r="N1023484" s="10"/>
    </row>
    <row r="1023485" spans="14:14">
      <c r="N1023485" s="10"/>
    </row>
    <row r="1023486" spans="14:14">
      <c r="N1023486" s="10"/>
    </row>
    <row r="1023487" spans="14:14">
      <c r="N1023487" s="10"/>
    </row>
    <row r="1023488" spans="14:14">
      <c r="N1023488" s="10"/>
    </row>
    <row r="1023489" spans="14:14">
      <c r="N1023489" s="10"/>
    </row>
    <row r="1023490" spans="14:14">
      <c r="N1023490" s="10"/>
    </row>
    <row r="1023491" spans="14:14">
      <c r="N1023491" s="10"/>
    </row>
    <row r="1023492" spans="14:14">
      <c r="N1023492" s="10"/>
    </row>
    <row r="1023493" spans="14:14">
      <c r="N1023493" s="10"/>
    </row>
    <row r="1023494" spans="14:14">
      <c r="N1023494" s="10"/>
    </row>
    <row r="1023495" spans="14:14">
      <c r="N1023495" s="10"/>
    </row>
    <row r="1023496" spans="14:14">
      <c r="N1023496" s="10"/>
    </row>
    <row r="1023497" spans="14:14">
      <c r="N1023497" s="10"/>
    </row>
    <row r="1023498" spans="14:14">
      <c r="N1023498" s="10"/>
    </row>
    <row r="1023499" spans="14:14">
      <c r="N1023499" s="10"/>
    </row>
    <row r="1023500" spans="14:14">
      <c r="N1023500" s="10"/>
    </row>
    <row r="1023501" spans="14:14">
      <c r="N1023501" s="10"/>
    </row>
    <row r="1023502" spans="14:14">
      <c r="N1023502" s="10"/>
    </row>
    <row r="1023503" spans="14:14">
      <c r="N1023503" s="10"/>
    </row>
    <row r="1023504" spans="14:14">
      <c r="N1023504" s="10"/>
    </row>
    <row r="1023505" spans="14:14">
      <c r="N1023505" s="10"/>
    </row>
    <row r="1023506" spans="14:14">
      <c r="N1023506" s="10"/>
    </row>
    <row r="1023507" spans="14:14">
      <c r="N1023507" s="10"/>
    </row>
    <row r="1023508" spans="14:14">
      <c r="N1023508" s="10"/>
    </row>
    <row r="1023509" spans="14:14">
      <c r="N1023509" s="10"/>
    </row>
    <row r="1023510" spans="14:14">
      <c r="N1023510" s="10"/>
    </row>
    <row r="1023511" spans="14:14">
      <c r="N1023511" s="10"/>
    </row>
    <row r="1023512" spans="14:14">
      <c r="N1023512" s="10"/>
    </row>
    <row r="1023513" spans="14:14">
      <c r="N1023513" s="10"/>
    </row>
    <row r="1023514" spans="14:14">
      <c r="N1023514" s="10"/>
    </row>
    <row r="1023515" spans="14:14">
      <c r="N1023515" s="10"/>
    </row>
    <row r="1023516" spans="14:14">
      <c r="N1023516" s="10"/>
    </row>
    <row r="1023517" spans="14:14">
      <c r="N1023517" s="10"/>
    </row>
    <row r="1023518" spans="14:14">
      <c r="N1023518" s="10"/>
    </row>
    <row r="1023519" spans="14:14">
      <c r="N1023519" s="10"/>
    </row>
    <row r="1023520" spans="14:14">
      <c r="N1023520" s="10"/>
    </row>
    <row r="1023521" spans="14:14">
      <c r="N1023521" s="10"/>
    </row>
    <row r="1023522" spans="14:14">
      <c r="N1023522" s="10"/>
    </row>
    <row r="1023523" spans="14:14">
      <c r="N1023523" s="10"/>
    </row>
    <row r="1023524" spans="14:14">
      <c r="N1023524" s="10"/>
    </row>
    <row r="1023525" spans="14:14">
      <c r="N1023525" s="10"/>
    </row>
    <row r="1023526" spans="14:14">
      <c r="N1023526" s="10"/>
    </row>
    <row r="1023527" spans="14:14">
      <c r="N1023527" s="10"/>
    </row>
    <row r="1023528" spans="14:14">
      <c r="N1023528" s="10"/>
    </row>
    <row r="1023529" spans="14:14">
      <c r="N1023529" s="10"/>
    </row>
    <row r="1023530" spans="14:14">
      <c r="N1023530" s="10"/>
    </row>
    <row r="1023531" spans="14:14">
      <c r="N1023531" s="10"/>
    </row>
    <row r="1023532" spans="14:14">
      <c r="N1023532" s="10"/>
    </row>
    <row r="1023533" spans="14:14">
      <c r="N1023533" s="10"/>
    </row>
    <row r="1023534" spans="14:14">
      <c r="N1023534" s="10"/>
    </row>
    <row r="1023535" spans="14:14">
      <c r="N1023535" s="10"/>
    </row>
    <row r="1023536" spans="14:14">
      <c r="N1023536" s="10"/>
    </row>
    <row r="1023537" spans="14:14">
      <c r="N1023537" s="10"/>
    </row>
    <row r="1023538" spans="14:14">
      <c r="N1023538" s="10"/>
    </row>
    <row r="1023539" spans="14:14">
      <c r="N1023539" s="10"/>
    </row>
    <row r="1023540" spans="14:14">
      <c r="N1023540" s="10"/>
    </row>
    <row r="1023541" spans="14:14">
      <c r="N1023541" s="10"/>
    </row>
    <row r="1023542" spans="14:14">
      <c r="N1023542" s="10"/>
    </row>
    <row r="1023543" spans="14:14">
      <c r="N1023543" s="10"/>
    </row>
    <row r="1023544" spans="14:14">
      <c r="N1023544" s="10"/>
    </row>
    <row r="1023545" spans="14:14">
      <c r="N1023545" s="10"/>
    </row>
    <row r="1023546" spans="14:14">
      <c r="N1023546" s="10"/>
    </row>
    <row r="1023547" spans="14:14">
      <c r="N1023547" s="10"/>
    </row>
    <row r="1023548" spans="14:14">
      <c r="N1023548" s="10"/>
    </row>
    <row r="1023549" spans="14:14">
      <c r="N1023549" s="10"/>
    </row>
    <row r="1023550" spans="14:14">
      <c r="N1023550" s="10"/>
    </row>
    <row r="1023551" spans="14:14">
      <c r="N1023551" s="10"/>
    </row>
    <row r="1023552" spans="14:14">
      <c r="N1023552" s="10"/>
    </row>
    <row r="1023553" spans="14:14">
      <c r="N1023553" s="10"/>
    </row>
    <row r="1023554" spans="14:14">
      <c r="N1023554" s="10"/>
    </row>
    <row r="1023555" spans="14:14">
      <c r="N1023555" s="10"/>
    </row>
    <row r="1023556" spans="14:14">
      <c r="N1023556" s="10"/>
    </row>
    <row r="1023557" spans="14:14">
      <c r="N1023557" s="10"/>
    </row>
    <row r="1023558" spans="14:14">
      <c r="N1023558" s="10"/>
    </row>
    <row r="1023559" spans="14:14">
      <c r="N1023559" s="10"/>
    </row>
    <row r="1023560" spans="14:14">
      <c r="N1023560" s="10"/>
    </row>
    <row r="1023561" spans="14:14">
      <c r="N1023561" s="10"/>
    </row>
    <row r="1023562" spans="14:14">
      <c r="N1023562" s="10"/>
    </row>
    <row r="1023563" spans="14:14">
      <c r="N1023563" s="10"/>
    </row>
    <row r="1023564" spans="14:14">
      <c r="N1023564" s="10"/>
    </row>
    <row r="1023565" spans="14:14">
      <c r="N1023565" s="10"/>
    </row>
    <row r="1023566" spans="14:14">
      <c r="N1023566" s="10"/>
    </row>
    <row r="1023567" spans="14:14">
      <c r="N1023567" s="10"/>
    </row>
    <row r="1023568" spans="14:14">
      <c r="N1023568" s="10"/>
    </row>
    <row r="1023569" spans="14:14">
      <c r="N1023569" s="10"/>
    </row>
    <row r="1023570" spans="14:14">
      <c r="N1023570" s="10"/>
    </row>
    <row r="1023571" spans="14:14">
      <c r="N1023571" s="10"/>
    </row>
    <row r="1023572" spans="14:14">
      <c r="N1023572" s="10"/>
    </row>
    <row r="1023573" spans="14:14">
      <c r="N1023573" s="10"/>
    </row>
    <row r="1023574" spans="14:14">
      <c r="N1023574" s="10"/>
    </row>
    <row r="1023575" spans="14:14">
      <c r="N1023575" s="10"/>
    </row>
    <row r="1023576" spans="14:14">
      <c r="N1023576" s="10"/>
    </row>
    <row r="1023577" spans="14:14">
      <c r="N1023577" s="10"/>
    </row>
    <row r="1023578" spans="14:14">
      <c r="N1023578" s="10"/>
    </row>
    <row r="1023579" spans="14:14">
      <c r="N1023579" s="10"/>
    </row>
    <row r="1023580" spans="14:14">
      <c r="N1023580" s="10"/>
    </row>
    <row r="1023581" spans="14:14">
      <c r="N1023581" s="10"/>
    </row>
    <row r="1023582" spans="14:14">
      <c r="N1023582" s="10"/>
    </row>
    <row r="1023583" spans="14:14">
      <c r="N1023583" s="10"/>
    </row>
    <row r="1023584" spans="14:14">
      <c r="N1023584" s="10"/>
    </row>
    <row r="1023585" spans="14:14">
      <c r="N1023585" s="10"/>
    </row>
    <row r="1023586" spans="14:14">
      <c r="N1023586" s="10"/>
    </row>
    <row r="1023587" spans="14:14">
      <c r="N1023587" s="10"/>
    </row>
    <row r="1023588" spans="14:14">
      <c r="N1023588" s="10"/>
    </row>
    <row r="1023589" spans="14:14">
      <c r="N1023589" s="10"/>
    </row>
    <row r="1023590" spans="14:14">
      <c r="N1023590" s="10"/>
    </row>
    <row r="1023591" spans="14:14">
      <c r="N1023591" s="10"/>
    </row>
    <row r="1023592" spans="14:14">
      <c r="N1023592" s="10"/>
    </row>
    <row r="1023593" spans="14:14">
      <c r="N1023593" s="10"/>
    </row>
    <row r="1023594" spans="14:14">
      <c r="N1023594" s="10"/>
    </row>
    <row r="1023595" spans="14:14">
      <c r="N1023595" s="10"/>
    </row>
    <row r="1023596" spans="14:14">
      <c r="N1023596" s="10"/>
    </row>
    <row r="1023597" spans="14:14">
      <c r="N1023597" s="10"/>
    </row>
    <row r="1023598" spans="14:14">
      <c r="N1023598" s="10"/>
    </row>
    <row r="1023599" spans="14:14">
      <c r="N1023599" s="10"/>
    </row>
    <row r="1023600" spans="14:14">
      <c r="N1023600" s="10"/>
    </row>
    <row r="1023601" spans="14:14">
      <c r="N1023601" s="10"/>
    </row>
    <row r="1023602" spans="14:14">
      <c r="N1023602" s="10"/>
    </row>
    <row r="1023603" spans="14:14">
      <c r="N1023603" s="10"/>
    </row>
    <row r="1023604" spans="14:14">
      <c r="N1023604" s="10"/>
    </row>
    <row r="1023605" spans="14:14">
      <c r="N1023605" s="10"/>
    </row>
    <row r="1023606" spans="14:14">
      <c r="N1023606" s="10"/>
    </row>
    <row r="1023607" spans="14:14">
      <c r="N1023607" s="10"/>
    </row>
    <row r="1023608" spans="14:14">
      <c r="N1023608" s="10"/>
    </row>
    <row r="1023609" spans="14:14">
      <c r="N1023609" s="10"/>
    </row>
    <row r="1023610" spans="14:14">
      <c r="N1023610" s="10"/>
    </row>
    <row r="1023611" spans="14:14">
      <c r="N1023611" s="10"/>
    </row>
    <row r="1023612" spans="14:14">
      <c r="N1023612" s="10"/>
    </row>
    <row r="1023613" spans="14:14">
      <c r="N1023613" s="10"/>
    </row>
    <row r="1023614" spans="14:14">
      <c r="N1023614" s="10"/>
    </row>
    <row r="1023615" spans="14:14">
      <c r="N1023615" s="10"/>
    </row>
    <row r="1023616" spans="14:14">
      <c r="N1023616" s="10"/>
    </row>
    <row r="1023617" spans="14:14">
      <c r="N1023617" s="10"/>
    </row>
    <row r="1023618" spans="14:14">
      <c r="N1023618" s="10"/>
    </row>
    <row r="1023619" spans="14:14">
      <c r="N1023619" s="10"/>
    </row>
    <row r="1023620" spans="14:14">
      <c r="N1023620" s="10"/>
    </row>
    <row r="1023621" spans="14:14">
      <c r="N1023621" s="10"/>
    </row>
    <row r="1023622" spans="14:14">
      <c r="N1023622" s="10"/>
    </row>
    <row r="1023623" spans="14:14">
      <c r="N1023623" s="10"/>
    </row>
    <row r="1023624" spans="14:14">
      <c r="N1023624" s="10"/>
    </row>
    <row r="1023625" spans="14:14">
      <c r="N1023625" s="10"/>
    </row>
    <row r="1023626" spans="14:14">
      <c r="N1023626" s="10"/>
    </row>
    <row r="1023627" spans="14:14">
      <c r="N1023627" s="10"/>
    </row>
    <row r="1023628" spans="14:14">
      <c r="N1023628" s="10"/>
    </row>
    <row r="1023629" spans="14:14">
      <c r="N1023629" s="10"/>
    </row>
    <row r="1023630" spans="14:14">
      <c r="N1023630" s="10"/>
    </row>
    <row r="1023631" spans="14:14">
      <c r="N1023631" s="10"/>
    </row>
    <row r="1023632" spans="14:14">
      <c r="N1023632" s="10"/>
    </row>
    <row r="1023633" spans="14:14">
      <c r="N1023633" s="10"/>
    </row>
    <row r="1023634" spans="14:14">
      <c r="N1023634" s="10"/>
    </row>
    <row r="1023635" spans="14:14">
      <c r="N1023635" s="10"/>
    </row>
    <row r="1023636" spans="14:14">
      <c r="N1023636" s="10"/>
    </row>
    <row r="1023637" spans="14:14">
      <c r="N1023637" s="10"/>
    </row>
    <row r="1023638" spans="14:14">
      <c r="N1023638" s="10"/>
    </row>
    <row r="1023639" spans="14:14">
      <c r="N1023639" s="10"/>
    </row>
    <row r="1023640" spans="14:14">
      <c r="N1023640" s="10"/>
    </row>
    <row r="1023641" spans="14:14">
      <c r="N1023641" s="10"/>
    </row>
    <row r="1023642" spans="14:14">
      <c r="N1023642" s="10"/>
    </row>
    <row r="1023643" spans="14:14">
      <c r="N1023643" s="10"/>
    </row>
    <row r="1023644" spans="14:14">
      <c r="N1023644" s="10"/>
    </row>
    <row r="1023645" spans="14:14">
      <c r="N1023645" s="10"/>
    </row>
    <row r="1023646" spans="14:14">
      <c r="N1023646" s="10"/>
    </row>
    <row r="1023647" spans="14:14">
      <c r="N1023647" s="10"/>
    </row>
    <row r="1023648" spans="14:14">
      <c r="N1023648" s="10"/>
    </row>
    <row r="1023649" spans="14:14">
      <c r="N1023649" s="10"/>
    </row>
    <row r="1023650" spans="14:14">
      <c r="N1023650" s="10"/>
    </row>
    <row r="1023651" spans="14:14">
      <c r="N1023651" s="10"/>
    </row>
    <row r="1023652" spans="14:14">
      <c r="N1023652" s="10"/>
    </row>
    <row r="1023653" spans="14:14">
      <c r="N1023653" s="10"/>
    </row>
    <row r="1023654" spans="14:14">
      <c r="N1023654" s="10"/>
    </row>
    <row r="1023655" spans="14:14">
      <c r="N1023655" s="10"/>
    </row>
    <row r="1023656" spans="14:14">
      <c r="N1023656" s="10"/>
    </row>
    <row r="1023657" spans="14:14">
      <c r="N1023657" s="10"/>
    </row>
    <row r="1023658" spans="14:14">
      <c r="N1023658" s="10"/>
    </row>
    <row r="1023659" spans="14:14">
      <c r="N1023659" s="10"/>
    </row>
    <row r="1023660" spans="14:14">
      <c r="N1023660" s="10"/>
    </row>
    <row r="1023661" spans="14:14">
      <c r="N1023661" s="10"/>
    </row>
    <row r="1023662" spans="14:14">
      <c r="N1023662" s="10"/>
    </row>
    <row r="1023663" spans="14:14">
      <c r="N1023663" s="10"/>
    </row>
    <row r="1023664" spans="14:14">
      <c r="N1023664" s="10"/>
    </row>
    <row r="1023665" spans="14:14">
      <c r="N1023665" s="10"/>
    </row>
    <row r="1023666" spans="14:14">
      <c r="N1023666" s="10"/>
    </row>
    <row r="1023667" spans="14:14">
      <c r="N1023667" s="10"/>
    </row>
    <row r="1023668" spans="14:14">
      <c r="N1023668" s="10"/>
    </row>
    <row r="1023669" spans="14:14">
      <c r="N1023669" s="10"/>
    </row>
    <row r="1023670" spans="14:14">
      <c r="N1023670" s="10"/>
    </row>
    <row r="1023671" spans="14:14">
      <c r="N1023671" s="10"/>
    </row>
    <row r="1023672" spans="14:14">
      <c r="N1023672" s="10"/>
    </row>
    <row r="1023673" spans="14:14">
      <c r="N1023673" s="10"/>
    </row>
    <row r="1023674" spans="14:14">
      <c r="N1023674" s="10"/>
    </row>
    <row r="1023675" spans="14:14">
      <c r="N1023675" s="10"/>
    </row>
    <row r="1023676" spans="14:14">
      <c r="N1023676" s="10"/>
    </row>
    <row r="1023677" spans="14:14">
      <c r="N1023677" s="10"/>
    </row>
    <row r="1023678" spans="14:14">
      <c r="N1023678" s="10"/>
    </row>
    <row r="1023679" spans="14:14">
      <c r="N1023679" s="10"/>
    </row>
    <row r="1023680" spans="14:14">
      <c r="N1023680" s="10"/>
    </row>
    <row r="1023681" spans="14:14">
      <c r="N1023681" s="10"/>
    </row>
    <row r="1023682" spans="14:14">
      <c r="N1023682" s="10"/>
    </row>
    <row r="1023683" spans="14:14">
      <c r="N1023683" s="10"/>
    </row>
    <row r="1023684" spans="14:14">
      <c r="N1023684" s="10"/>
    </row>
    <row r="1023685" spans="14:14">
      <c r="N1023685" s="10"/>
    </row>
    <row r="1023686" spans="14:14">
      <c r="N1023686" s="10"/>
    </row>
    <row r="1023687" spans="14:14">
      <c r="N1023687" s="10"/>
    </row>
    <row r="1023688" spans="14:14">
      <c r="N1023688" s="10"/>
    </row>
    <row r="1023689" spans="14:14">
      <c r="N1023689" s="10"/>
    </row>
    <row r="1023690" spans="14:14">
      <c r="N1023690" s="10"/>
    </row>
    <row r="1023691" spans="14:14">
      <c r="N1023691" s="10"/>
    </row>
    <row r="1023692" spans="14:14">
      <c r="N1023692" s="10"/>
    </row>
    <row r="1023693" spans="14:14">
      <c r="N1023693" s="10"/>
    </row>
    <row r="1023694" spans="14:14">
      <c r="N1023694" s="10"/>
    </row>
    <row r="1023695" spans="14:14">
      <c r="N1023695" s="10"/>
    </row>
    <row r="1023696" spans="14:14">
      <c r="N1023696" s="10"/>
    </row>
    <row r="1023697" spans="14:14">
      <c r="N1023697" s="10"/>
    </row>
    <row r="1023698" spans="14:14">
      <c r="N1023698" s="10"/>
    </row>
    <row r="1023699" spans="14:14">
      <c r="N1023699" s="10"/>
    </row>
    <row r="1023700" spans="14:14">
      <c r="N1023700" s="10"/>
    </row>
    <row r="1023701" spans="14:14">
      <c r="N1023701" s="10"/>
    </row>
    <row r="1023702" spans="14:14">
      <c r="N1023702" s="10"/>
    </row>
    <row r="1023703" spans="14:14">
      <c r="N1023703" s="10"/>
    </row>
    <row r="1023704" spans="14:14">
      <c r="N1023704" s="10"/>
    </row>
    <row r="1023705" spans="14:14">
      <c r="N1023705" s="10"/>
    </row>
    <row r="1023706" spans="14:14">
      <c r="N1023706" s="10"/>
    </row>
    <row r="1023707" spans="14:14">
      <c r="N1023707" s="10"/>
    </row>
    <row r="1023708" spans="14:14">
      <c r="N1023708" s="10"/>
    </row>
    <row r="1023709" spans="14:14">
      <c r="N1023709" s="10"/>
    </row>
    <row r="1023710" spans="14:14">
      <c r="N1023710" s="10"/>
    </row>
    <row r="1023711" spans="14:14">
      <c r="N1023711" s="10"/>
    </row>
    <row r="1023712" spans="14:14">
      <c r="N1023712" s="10"/>
    </row>
    <row r="1023713" spans="14:14">
      <c r="N1023713" s="10"/>
    </row>
    <row r="1023714" spans="14:14">
      <c r="N1023714" s="10"/>
    </row>
    <row r="1023715" spans="14:14">
      <c r="N1023715" s="10"/>
    </row>
    <row r="1023716" spans="14:14">
      <c r="N1023716" s="10"/>
    </row>
    <row r="1023717" spans="14:14">
      <c r="N1023717" s="10"/>
    </row>
    <row r="1023718" spans="14:14">
      <c r="N1023718" s="10"/>
    </row>
    <row r="1023719" spans="14:14">
      <c r="N1023719" s="10"/>
    </row>
    <row r="1023720" spans="14:14">
      <c r="N1023720" s="10"/>
    </row>
    <row r="1023721" spans="14:14">
      <c r="N1023721" s="10"/>
    </row>
    <row r="1023722" spans="14:14">
      <c r="N1023722" s="10"/>
    </row>
    <row r="1023723" spans="14:14">
      <c r="N1023723" s="10"/>
    </row>
    <row r="1023724" spans="14:14">
      <c r="N1023724" s="10"/>
    </row>
    <row r="1023725" spans="14:14">
      <c r="N1023725" s="10"/>
    </row>
    <row r="1023726" spans="14:14">
      <c r="N1023726" s="10"/>
    </row>
    <row r="1023727" spans="14:14">
      <c r="N1023727" s="10"/>
    </row>
    <row r="1023728" spans="14:14">
      <c r="N1023728" s="10"/>
    </row>
    <row r="1023729" spans="14:14">
      <c r="N1023729" s="10"/>
    </row>
    <row r="1023730" spans="14:14">
      <c r="N1023730" s="10"/>
    </row>
    <row r="1023731" spans="14:14">
      <c r="N1023731" s="10"/>
    </row>
    <row r="1023732" spans="14:14">
      <c r="N1023732" s="10"/>
    </row>
    <row r="1023733" spans="14:14">
      <c r="N1023733" s="10"/>
    </row>
    <row r="1023734" spans="14:14">
      <c r="N1023734" s="10"/>
    </row>
    <row r="1023735" spans="14:14">
      <c r="N1023735" s="10"/>
    </row>
    <row r="1023736" spans="14:14">
      <c r="N1023736" s="10"/>
    </row>
    <row r="1023737" spans="14:14">
      <c r="N1023737" s="10"/>
    </row>
    <row r="1023738" spans="14:14">
      <c r="N1023738" s="10"/>
    </row>
    <row r="1023739" spans="14:14">
      <c r="N1023739" s="10"/>
    </row>
    <row r="1023740" spans="14:14">
      <c r="N1023740" s="10"/>
    </row>
    <row r="1023741" spans="14:14">
      <c r="N1023741" s="10"/>
    </row>
    <row r="1023742" spans="14:14">
      <c r="N1023742" s="10"/>
    </row>
    <row r="1023743" spans="14:14">
      <c r="N1023743" s="10"/>
    </row>
    <row r="1023744" spans="14:14">
      <c r="N1023744" s="10"/>
    </row>
    <row r="1023745" spans="14:14">
      <c r="N1023745" s="10"/>
    </row>
    <row r="1023746" spans="14:14">
      <c r="N1023746" s="10"/>
    </row>
    <row r="1023747" spans="14:14">
      <c r="N1023747" s="10"/>
    </row>
    <row r="1023748" spans="14:14">
      <c r="N1023748" s="10"/>
    </row>
    <row r="1023749" spans="14:14">
      <c r="N1023749" s="10"/>
    </row>
    <row r="1023750" spans="14:14">
      <c r="N1023750" s="10"/>
    </row>
    <row r="1023751" spans="14:14">
      <c r="N1023751" s="10"/>
    </row>
    <row r="1023752" spans="14:14">
      <c r="N1023752" s="10"/>
    </row>
    <row r="1023753" spans="14:14">
      <c r="N1023753" s="10"/>
    </row>
    <row r="1023754" spans="14:14">
      <c r="N1023754" s="10"/>
    </row>
    <row r="1023755" spans="14:14">
      <c r="N1023755" s="10"/>
    </row>
    <row r="1023756" spans="14:14">
      <c r="N1023756" s="10"/>
    </row>
    <row r="1023757" spans="14:14">
      <c r="N1023757" s="10"/>
    </row>
    <row r="1023758" spans="14:14">
      <c r="N1023758" s="10"/>
    </row>
    <row r="1023759" spans="14:14">
      <c r="N1023759" s="10"/>
    </row>
    <row r="1023760" spans="14:14">
      <c r="N1023760" s="10"/>
    </row>
    <row r="1023761" spans="14:14">
      <c r="N1023761" s="10"/>
    </row>
    <row r="1023762" spans="14:14">
      <c r="N1023762" s="10"/>
    </row>
    <row r="1023763" spans="14:14">
      <c r="N1023763" s="10"/>
    </row>
    <row r="1023764" spans="14:14">
      <c r="N1023764" s="10"/>
    </row>
    <row r="1023765" spans="14:14">
      <c r="N1023765" s="10"/>
    </row>
    <row r="1023766" spans="14:14">
      <c r="N1023766" s="10"/>
    </row>
    <row r="1023767" spans="14:14">
      <c r="N1023767" s="10"/>
    </row>
    <row r="1023768" spans="14:14">
      <c r="N1023768" s="10"/>
    </row>
    <row r="1023769" spans="14:14">
      <c r="N1023769" s="10"/>
    </row>
    <row r="1023770" spans="14:14">
      <c r="N1023770" s="10"/>
    </row>
    <row r="1023771" spans="14:14">
      <c r="N1023771" s="10"/>
    </row>
    <row r="1023772" spans="14:14">
      <c r="N1023772" s="10"/>
    </row>
    <row r="1023773" spans="14:14">
      <c r="N1023773" s="10"/>
    </row>
    <row r="1023774" spans="14:14">
      <c r="N1023774" s="10"/>
    </row>
    <row r="1023775" spans="14:14">
      <c r="N1023775" s="10"/>
    </row>
    <row r="1023776" spans="14:14">
      <c r="N1023776" s="10"/>
    </row>
    <row r="1023777" spans="14:14">
      <c r="N1023777" s="10"/>
    </row>
    <row r="1023778" spans="14:14">
      <c r="N1023778" s="10"/>
    </row>
    <row r="1023779" spans="14:14">
      <c r="N1023779" s="10"/>
    </row>
    <row r="1023780" spans="14:14">
      <c r="N1023780" s="10"/>
    </row>
    <row r="1023781" spans="14:14">
      <c r="N1023781" s="10"/>
    </row>
    <row r="1023782" spans="14:14">
      <c r="N1023782" s="10"/>
    </row>
    <row r="1023783" spans="14:14">
      <c r="N1023783" s="10"/>
    </row>
    <row r="1023784" spans="14:14">
      <c r="N1023784" s="10"/>
    </row>
    <row r="1023785" spans="14:14">
      <c r="N1023785" s="10"/>
    </row>
    <row r="1023786" spans="14:14">
      <c r="N1023786" s="10"/>
    </row>
    <row r="1023787" spans="14:14">
      <c r="N1023787" s="10"/>
    </row>
    <row r="1023788" spans="14:14">
      <c r="N1023788" s="10"/>
    </row>
    <row r="1023789" spans="14:14">
      <c r="N1023789" s="10"/>
    </row>
    <row r="1023790" spans="14:14">
      <c r="N1023790" s="10"/>
    </row>
    <row r="1023791" spans="14:14">
      <c r="N1023791" s="10"/>
    </row>
    <row r="1023792" spans="14:14">
      <c r="N1023792" s="10"/>
    </row>
    <row r="1023793" spans="14:14">
      <c r="N1023793" s="10"/>
    </row>
    <row r="1023794" spans="14:14">
      <c r="N1023794" s="10"/>
    </row>
    <row r="1023795" spans="14:14">
      <c r="N1023795" s="10"/>
    </row>
    <row r="1023796" spans="14:14">
      <c r="N1023796" s="10"/>
    </row>
    <row r="1023797" spans="14:14">
      <c r="N1023797" s="10"/>
    </row>
    <row r="1023798" spans="14:14">
      <c r="N1023798" s="10"/>
    </row>
    <row r="1023799" spans="14:14">
      <c r="N1023799" s="10"/>
    </row>
    <row r="1023800" spans="14:14">
      <c r="N1023800" s="10"/>
    </row>
    <row r="1023801" spans="14:14">
      <c r="N1023801" s="10"/>
    </row>
    <row r="1023802" spans="14:14">
      <c r="N1023802" s="10"/>
    </row>
    <row r="1023803" spans="14:14">
      <c r="N1023803" s="10"/>
    </row>
    <row r="1023804" spans="14:14">
      <c r="N1023804" s="10"/>
    </row>
    <row r="1023805" spans="14:14">
      <c r="N1023805" s="10"/>
    </row>
    <row r="1023806" spans="14:14">
      <c r="N1023806" s="10"/>
    </row>
    <row r="1023807" spans="14:14">
      <c r="N1023807" s="10"/>
    </row>
    <row r="1023808" spans="14:14">
      <c r="N1023808" s="10"/>
    </row>
    <row r="1023809" spans="14:14">
      <c r="N1023809" s="10"/>
    </row>
    <row r="1023810" spans="14:14">
      <c r="N1023810" s="10"/>
    </row>
    <row r="1023811" spans="14:14">
      <c r="N1023811" s="10"/>
    </row>
    <row r="1023812" spans="14:14">
      <c r="N1023812" s="10"/>
    </row>
    <row r="1023813" spans="14:14">
      <c r="N1023813" s="10"/>
    </row>
    <row r="1023814" spans="14:14">
      <c r="N1023814" s="10"/>
    </row>
    <row r="1023815" spans="14:14">
      <c r="N1023815" s="10"/>
    </row>
    <row r="1023816" spans="14:14">
      <c r="N1023816" s="10"/>
    </row>
    <row r="1023817" spans="14:14">
      <c r="N1023817" s="10"/>
    </row>
    <row r="1023818" spans="14:14">
      <c r="N1023818" s="10"/>
    </row>
    <row r="1023819" spans="14:14">
      <c r="N1023819" s="10"/>
    </row>
    <row r="1023820" spans="14:14">
      <c r="N1023820" s="10"/>
    </row>
    <row r="1023821" spans="14:14">
      <c r="N1023821" s="10"/>
    </row>
    <row r="1023822" spans="14:14">
      <c r="N1023822" s="10"/>
    </row>
    <row r="1023823" spans="14:14">
      <c r="N1023823" s="10"/>
    </row>
    <row r="1023824" spans="14:14">
      <c r="N1023824" s="10"/>
    </row>
    <row r="1023825" spans="14:14">
      <c r="N1023825" s="10"/>
    </row>
    <row r="1023826" spans="14:14">
      <c r="N1023826" s="10"/>
    </row>
    <row r="1023827" spans="14:14">
      <c r="N1023827" s="10"/>
    </row>
    <row r="1023828" spans="14:14">
      <c r="N1023828" s="10"/>
    </row>
    <row r="1023829" spans="14:14">
      <c r="N1023829" s="10"/>
    </row>
    <row r="1023830" spans="14:14">
      <c r="N1023830" s="10"/>
    </row>
    <row r="1023831" spans="14:14">
      <c r="N1023831" s="10"/>
    </row>
    <row r="1023832" spans="14:14">
      <c r="N1023832" s="10"/>
    </row>
    <row r="1023833" spans="14:14">
      <c r="N1023833" s="10"/>
    </row>
    <row r="1023834" spans="14:14">
      <c r="N1023834" s="10"/>
    </row>
    <row r="1023835" spans="14:14">
      <c r="N1023835" s="10"/>
    </row>
    <row r="1023836" spans="14:14">
      <c r="N1023836" s="10"/>
    </row>
    <row r="1023837" spans="14:14">
      <c r="N1023837" s="10"/>
    </row>
    <row r="1023838" spans="14:14">
      <c r="N1023838" s="10"/>
    </row>
    <row r="1023839" spans="14:14">
      <c r="N1023839" s="10"/>
    </row>
    <row r="1023840" spans="14:14">
      <c r="N1023840" s="10"/>
    </row>
    <row r="1023841" spans="14:14">
      <c r="N1023841" s="10"/>
    </row>
    <row r="1023842" spans="14:14">
      <c r="N1023842" s="10"/>
    </row>
    <row r="1023843" spans="14:14">
      <c r="N1023843" s="10"/>
    </row>
    <row r="1023844" spans="14:14">
      <c r="N1023844" s="10"/>
    </row>
    <row r="1023845" spans="14:14">
      <c r="N1023845" s="10"/>
    </row>
    <row r="1023846" spans="14:14">
      <c r="N1023846" s="10"/>
    </row>
    <row r="1023847" spans="14:14">
      <c r="N1023847" s="10"/>
    </row>
    <row r="1023848" spans="14:14">
      <c r="N1023848" s="10"/>
    </row>
    <row r="1023849" spans="14:14">
      <c r="N1023849" s="10"/>
    </row>
    <row r="1023850" spans="14:14">
      <c r="N1023850" s="10"/>
    </row>
    <row r="1023851" spans="14:14">
      <c r="N1023851" s="10"/>
    </row>
    <row r="1023852" spans="14:14">
      <c r="N1023852" s="10"/>
    </row>
    <row r="1023853" spans="14:14">
      <c r="N1023853" s="10"/>
    </row>
    <row r="1023854" spans="14:14">
      <c r="N1023854" s="10"/>
    </row>
    <row r="1023855" spans="14:14">
      <c r="N1023855" s="10"/>
    </row>
    <row r="1023856" spans="14:14">
      <c r="N1023856" s="10"/>
    </row>
    <row r="1023857" spans="14:14">
      <c r="N1023857" s="10"/>
    </row>
    <row r="1023858" spans="14:14">
      <c r="N1023858" s="10"/>
    </row>
    <row r="1023859" spans="14:14">
      <c r="N1023859" s="10"/>
    </row>
    <row r="1023860" spans="14:14">
      <c r="N1023860" s="10"/>
    </row>
    <row r="1023861" spans="14:14">
      <c r="N1023861" s="10"/>
    </row>
    <row r="1023862" spans="14:14">
      <c r="N1023862" s="10"/>
    </row>
    <row r="1023863" spans="14:14">
      <c r="N1023863" s="10"/>
    </row>
    <row r="1023864" spans="14:14">
      <c r="N1023864" s="10"/>
    </row>
    <row r="1023865" spans="14:14">
      <c r="N1023865" s="10"/>
    </row>
    <row r="1023866" spans="14:14">
      <c r="N1023866" s="10"/>
    </row>
    <row r="1023867" spans="14:14">
      <c r="N1023867" s="10"/>
    </row>
    <row r="1023868" spans="14:14">
      <c r="N1023868" s="10"/>
    </row>
    <row r="1023869" spans="14:14">
      <c r="N1023869" s="10"/>
    </row>
    <row r="1023870" spans="14:14">
      <c r="N1023870" s="10"/>
    </row>
    <row r="1023871" spans="14:14">
      <c r="N1023871" s="10"/>
    </row>
    <row r="1023872" spans="14:14">
      <c r="N1023872" s="10"/>
    </row>
    <row r="1023873" spans="14:14">
      <c r="N1023873" s="10"/>
    </row>
    <row r="1023874" spans="14:14">
      <c r="N1023874" s="10"/>
    </row>
    <row r="1023875" spans="14:14">
      <c r="N1023875" s="10"/>
    </row>
    <row r="1023876" spans="14:14">
      <c r="N1023876" s="10"/>
    </row>
    <row r="1023877" spans="14:14">
      <c r="N1023877" s="10"/>
    </row>
    <row r="1023878" spans="14:14">
      <c r="N1023878" s="10"/>
    </row>
    <row r="1023879" spans="14:14">
      <c r="N1023879" s="10"/>
    </row>
    <row r="1023880" spans="14:14">
      <c r="N1023880" s="10"/>
    </row>
    <row r="1023881" spans="14:14">
      <c r="N1023881" s="10"/>
    </row>
    <row r="1023882" spans="14:14">
      <c r="N1023882" s="10"/>
    </row>
    <row r="1023883" spans="14:14">
      <c r="N1023883" s="10"/>
    </row>
    <row r="1023884" spans="14:14">
      <c r="N1023884" s="10"/>
    </row>
    <row r="1023885" spans="14:14">
      <c r="N1023885" s="10"/>
    </row>
    <row r="1023886" spans="14:14">
      <c r="N1023886" s="10"/>
    </row>
    <row r="1023887" spans="14:14">
      <c r="N1023887" s="10"/>
    </row>
    <row r="1023888" spans="14:14">
      <c r="N1023888" s="10"/>
    </row>
    <row r="1023889" spans="14:14">
      <c r="N1023889" s="10"/>
    </row>
    <row r="1023890" spans="14:14">
      <c r="N1023890" s="10"/>
    </row>
    <row r="1023891" spans="14:14">
      <c r="N1023891" s="10"/>
    </row>
    <row r="1023892" spans="14:14">
      <c r="N1023892" s="10"/>
    </row>
    <row r="1023893" spans="14:14">
      <c r="N1023893" s="10"/>
    </row>
    <row r="1023894" spans="14:14">
      <c r="N1023894" s="10"/>
    </row>
    <row r="1023895" spans="14:14">
      <c r="N1023895" s="10"/>
    </row>
    <row r="1023896" spans="14:14">
      <c r="N1023896" s="10"/>
    </row>
    <row r="1023897" spans="14:14">
      <c r="N1023897" s="10"/>
    </row>
    <row r="1023898" spans="14:14">
      <c r="N1023898" s="10"/>
    </row>
    <row r="1023899" spans="14:14">
      <c r="N1023899" s="10"/>
    </row>
    <row r="1023900" spans="14:14">
      <c r="N1023900" s="10"/>
    </row>
    <row r="1023901" spans="14:14">
      <c r="N1023901" s="10"/>
    </row>
    <row r="1023902" spans="14:14">
      <c r="N1023902" s="10"/>
    </row>
    <row r="1023903" spans="14:14">
      <c r="N1023903" s="10"/>
    </row>
    <row r="1023904" spans="14:14">
      <c r="N1023904" s="10"/>
    </row>
    <row r="1023905" spans="14:14">
      <c r="N1023905" s="10"/>
    </row>
    <row r="1023906" spans="14:14">
      <c r="N1023906" s="10"/>
    </row>
    <row r="1023907" spans="14:14">
      <c r="N1023907" s="10"/>
    </row>
    <row r="1023908" spans="14:14">
      <c r="N1023908" s="10"/>
    </row>
    <row r="1023909" spans="14:14">
      <c r="N1023909" s="10"/>
    </row>
    <row r="1023910" spans="14:14">
      <c r="N1023910" s="10"/>
    </row>
    <row r="1023911" spans="14:14">
      <c r="N1023911" s="10"/>
    </row>
    <row r="1023912" spans="14:14">
      <c r="N1023912" s="10"/>
    </row>
    <row r="1023913" spans="14:14">
      <c r="N1023913" s="10"/>
    </row>
    <row r="1023914" spans="14:14">
      <c r="N1023914" s="10"/>
    </row>
    <row r="1023915" spans="14:14">
      <c r="N1023915" s="10"/>
    </row>
    <row r="1023916" spans="14:14">
      <c r="N1023916" s="10"/>
    </row>
    <row r="1023917" spans="14:14">
      <c r="N1023917" s="10"/>
    </row>
    <row r="1023918" spans="14:14">
      <c r="N1023918" s="10"/>
    </row>
    <row r="1023919" spans="14:14">
      <c r="N1023919" s="10"/>
    </row>
    <row r="1023920" spans="14:14">
      <c r="N1023920" s="10"/>
    </row>
    <row r="1023921" spans="14:14">
      <c r="N1023921" s="10"/>
    </row>
    <row r="1023922" spans="14:14">
      <c r="N1023922" s="10"/>
    </row>
    <row r="1023923" spans="14:14">
      <c r="N1023923" s="10"/>
    </row>
    <row r="1023924" spans="14:14">
      <c r="N1023924" s="10"/>
    </row>
    <row r="1023925" spans="14:14">
      <c r="N1023925" s="10"/>
    </row>
    <row r="1023926" spans="14:14">
      <c r="N1023926" s="10"/>
    </row>
    <row r="1023927" spans="14:14">
      <c r="N1023927" s="10"/>
    </row>
    <row r="1023928" spans="14:14">
      <c r="N1023928" s="10"/>
    </row>
    <row r="1023929" spans="14:14">
      <c r="N1023929" s="10"/>
    </row>
    <row r="1023930" spans="14:14">
      <c r="N1023930" s="10"/>
    </row>
    <row r="1023931" spans="14:14">
      <c r="N1023931" s="10"/>
    </row>
    <row r="1023932" spans="14:14">
      <c r="N1023932" s="10"/>
    </row>
    <row r="1023933" spans="14:14">
      <c r="N1023933" s="10"/>
    </row>
    <row r="1023934" spans="14:14">
      <c r="N1023934" s="10"/>
    </row>
    <row r="1023935" spans="14:14">
      <c r="N1023935" s="10"/>
    </row>
    <row r="1023936" spans="14:14">
      <c r="N1023936" s="10"/>
    </row>
    <row r="1023937" spans="14:14">
      <c r="N1023937" s="10"/>
    </row>
    <row r="1023938" spans="14:14">
      <c r="N1023938" s="10"/>
    </row>
    <row r="1023939" spans="14:14">
      <c r="N1023939" s="10"/>
    </row>
    <row r="1023940" spans="14:14">
      <c r="N1023940" s="10"/>
    </row>
    <row r="1023941" spans="14:14">
      <c r="N1023941" s="10"/>
    </row>
    <row r="1023942" spans="14:14">
      <c r="N1023942" s="10"/>
    </row>
    <row r="1023943" spans="14:14">
      <c r="N1023943" s="10"/>
    </row>
    <row r="1023944" spans="14:14">
      <c r="N1023944" s="10"/>
    </row>
    <row r="1023945" spans="14:14">
      <c r="N1023945" s="10"/>
    </row>
    <row r="1023946" spans="14:14">
      <c r="N1023946" s="10"/>
    </row>
    <row r="1023947" spans="14:14">
      <c r="N1023947" s="10"/>
    </row>
    <row r="1023948" spans="14:14">
      <c r="N1023948" s="10"/>
    </row>
    <row r="1023949" spans="14:14">
      <c r="N1023949" s="10"/>
    </row>
    <row r="1023950" spans="14:14">
      <c r="N1023950" s="10"/>
    </row>
    <row r="1023951" spans="14:14">
      <c r="N1023951" s="10"/>
    </row>
    <row r="1023952" spans="14:14">
      <c r="N1023952" s="10"/>
    </row>
    <row r="1023953" spans="14:14">
      <c r="N1023953" s="10"/>
    </row>
    <row r="1023954" spans="14:14">
      <c r="N1023954" s="10"/>
    </row>
    <row r="1023955" spans="14:14">
      <c r="N1023955" s="10"/>
    </row>
    <row r="1023956" spans="14:14">
      <c r="N1023956" s="10"/>
    </row>
    <row r="1023957" spans="14:14">
      <c r="N1023957" s="10"/>
    </row>
    <row r="1023958" spans="14:14">
      <c r="N1023958" s="10"/>
    </row>
    <row r="1023959" spans="14:14">
      <c r="N1023959" s="10"/>
    </row>
    <row r="1023960" spans="14:14">
      <c r="N1023960" s="10"/>
    </row>
    <row r="1023961" spans="14:14">
      <c r="N1023961" s="10"/>
    </row>
    <row r="1023962" spans="14:14">
      <c r="N1023962" s="10"/>
    </row>
    <row r="1023963" spans="14:14">
      <c r="N1023963" s="10"/>
    </row>
    <row r="1023964" spans="14:14">
      <c r="N1023964" s="10"/>
    </row>
    <row r="1023965" spans="14:14">
      <c r="N1023965" s="10"/>
    </row>
    <row r="1023966" spans="14:14">
      <c r="N1023966" s="10"/>
    </row>
    <row r="1023967" spans="14:14">
      <c r="N1023967" s="10"/>
    </row>
    <row r="1023968" spans="14:14">
      <c r="N1023968" s="10"/>
    </row>
    <row r="1023969" spans="14:14">
      <c r="N1023969" s="10"/>
    </row>
    <row r="1023970" spans="14:14">
      <c r="N1023970" s="10"/>
    </row>
    <row r="1023971" spans="14:14">
      <c r="N1023971" s="10"/>
    </row>
    <row r="1023972" spans="14:14">
      <c r="N1023972" s="10"/>
    </row>
    <row r="1023973" spans="14:14">
      <c r="N1023973" s="10"/>
    </row>
    <row r="1023974" spans="14:14">
      <c r="N1023974" s="10"/>
    </row>
    <row r="1023975" spans="14:14">
      <c r="N1023975" s="10"/>
    </row>
    <row r="1023976" spans="14:14">
      <c r="N1023976" s="10"/>
    </row>
    <row r="1023977" spans="14:14">
      <c r="N1023977" s="10"/>
    </row>
    <row r="1023978" spans="14:14">
      <c r="N1023978" s="10"/>
    </row>
    <row r="1023979" spans="14:14">
      <c r="N1023979" s="10"/>
    </row>
    <row r="1023980" spans="14:14">
      <c r="N1023980" s="10"/>
    </row>
    <row r="1023981" spans="14:14">
      <c r="N1023981" s="10"/>
    </row>
    <row r="1023982" spans="14:14">
      <c r="N1023982" s="10"/>
    </row>
    <row r="1023983" spans="14:14">
      <c r="N1023983" s="10"/>
    </row>
    <row r="1023984" spans="14:14">
      <c r="N1023984" s="10"/>
    </row>
    <row r="1023985" spans="14:14">
      <c r="N1023985" s="10"/>
    </row>
    <row r="1023986" spans="14:14">
      <c r="N1023986" s="10"/>
    </row>
    <row r="1023987" spans="14:14">
      <c r="N1023987" s="10"/>
    </row>
    <row r="1023988" spans="14:14">
      <c r="N1023988" s="10"/>
    </row>
    <row r="1023989" spans="14:14">
      <c r="N1023989" s="10"/>
    </row>
    <row r="1023990" spans="14:14">
      <c r="N1023990" s="10"/>
    </row>
    <row r="1023991" spans="14:14">
      <c r="N1023991" s="10"/>
    </row>
    <row r="1023992" spans="14:14">
      <c r="N1023992" s="10"/>
    </row>
    <row r="1023993" spans="14:14">
      <c r="N1023993" s="10"/>
    </row>
    <row r="1023994" spans="14:14">
      <c r="N1023994" s="10"/>
    </row>
    <row r="1023995" spans="14:14">
      <c r="N1023995" s="10"/>
    </row>
    <row r="1023996" spans="14:14">
      <c r="N1023996" s="10"/>
    </row>
    <row r="1023997" spans="14:14">
      <c r="N1023997" s="10"/>
    </row>
    <row r="1023998" spans="14:14">
      <c r="N1023998" s="10"/>
    </row>
    <row r="1023999" spans="14:14">
      <c r="N1023999" s="10"/>
    </row>
    <row r="1024000" spans="14:14">
      <c r="N1024000" s="10"/>
    </row>
    <row r="1024001" spans="14:14">
      <c r="N1024001" s="10"/>
    </row>
    <row r="1024002" spans="14:14">
      <c r="N1024002" s="10"/>
    </row>
    <row r="1024003" spans="14:14">
      <c r="N1024003" s="10"/>
    </row>
    <row r="1024004" spans="14:14">
      <c r="N1024004" s="10"/>
    </row>
    <row r="1024005" spans="14:14">
      <c r="N1024005" s="10"/>
    </row>
    <row r="1024006" spans="14:14">
      <c r="N1024006" s="10"/>
    </row>
    <row r="1024007" spans="14:14">
      <c r="N1024007" s="10"/>
    </row>
    <row r="1024008" spans="14:14">
      <c r="N1024008" s="10"/>
    </row>
    <row r="1024009" spans="14:14">
      <c r="N1024009" s="10"/>
    </row>
    <row r="1024010" spans="14:14">
      <c r="N1024010" s="10"/>
    </row>
    <row r="1024011" spans="14:14">
      <c r="N1024011" s="10"/>
    </row>
    <row r="1024012" spans="14:14">
      <c r="N1024012" s="10"/>
    </row>
    <row r="1024013" spans="14:14">
      <c r="N1024013" s="10"/>
    </row>
    <row r="1024014" spans="14:14">
      <c r="N1024014" s="10"/>
    </row>
    <row r="1024015" spans="14:14">
      <c r="N1024015" s="10"/>
    </row>
    <row r="1024016" spans="14:14">
      <c r="N1024016" s="10"/>
    </row>
    <row r="1024017" spans="14:14">
      <c r="N1024017" s="10"/>
    </row>
    <row r="1024018" spans="14:14">
      <c r="N1024018" s="10"/>
    </row>
    <row r="1024019" spans="14:14">
      <c r="N1024019" s="10"/>
    </row>
    <row r="1024020" spans="14:14">
      <c r="N1024020" s="10"/>
    </row>
    <row r="1024021" spans="14:14">
      <c r="N1024021" s="10"/>
    </row>
    <row r="1024022" spans="14:14">
      <c r="N1024022" s="10"/>
    </row>
    <row r="1024023" spans="14:14">
      <c r="N1024023" s="10"/>
    </row>
    <row r="1024024" spans="14:14">
      <c r="N1024024" s="10"/>
    </row>
    <row r="1024025" spans="14:14">
      <c r="N1024025" s="10"/>
    </row>
    <row r="1024026" spans="14:14">
      <c r="N1024026" s="10"/>
    </row>
    <row r="1024027" spans="14:14">
      <c r="N1024027" s="10"/>
    </row>
    <row r="1024028" spans="14:14">
      <c r="N1024028" s="10"/>
    </row>
    <row r="1024029" spans="14:14">
      <c r="N1024029" s="10"/>
    </row>
    <row r="1024030" spans="14:14">
      <c r="N1024030" s="10"/>
    </row>
    <row r="1024031" spans="14:14">
      <c r="N1024031" s="10"/>
    </row>
    <row r="1024032" spans="14:14">
      <c r="N1024032" s="10"/>
    </row>
    <row r="1024033" spans="14:14">
      <c r="N1024033" s="10"/>
    </row>
    <row r="1024034" spans="14:14">
      <c r="N1024034" s="10"/>
    </row>
    <row r="1024035" spans="14:14">
      <c r="N1024035" s="10"/>
    </row>
    <row r="1024036" spans="14:14">
      <c r="N1024036" s="10"/>
    </row>
    <row r="1024037" spans="14:14">
      <c r="N1024037" s="10"/>
    </row>
    <row r="1024038" spans="14:14">
      <c r="N1024038" s="10"/>
    </row>
    <row r="1024039" spans="14:14">
      <c r="N1024039" s="10"/>
    </row>
    <row r="1024040" spans="14:14">
      <c r="N1024040" s="10"/>
    </row>
    <row r="1024041" spans="14:14">
      <c r="N1024041" s="10"/>
    </row>
    <row r="1024042" spans="14:14">
      <c r="N1024042" s="10"/>
    </row>
    <row r="1024043" spans="14:14">
      <c r="N1024043" s="10"/>
    </row>
    <row r="1024044" spans="14:14">
      <c r="N1024044" s="10"/>
    </row>
    <row r="1024045" spans="14:14">
      <c r="N1024045" s="10"/>
    </row>
    <row r="1024046" spans="14:14">
      <c r="N1024046" s="10"/>
    </row>
    <row r="1024047" spans="14:14">
      <c r="N1024047" s="10"/>
    </row>
    <row r="1024048" spans="14:14">
      <c r="N1024048" s="10"/>
    </row>
    <row r="1024049" spans="14:14">
      <c r="N1024049" s="10"/>
    </row>
    <row r="1024050" spans="14:14">
      <c r="N1024050" s="10"/>
    </row>
    <row r="1024051" spans="14:14">
      <c r="N1024051" s="10"/>
    </row>
    <row r="1024052" spans="14:14">
      <c r="N1024052" s="10"/>
    </row>
    <row r="1024053" spans="14:14">
      <c r="N1024053" s="10"/>
    </row>
    <row r="1024054" spans="14:14">
      <c r="N1024054" s="10"/>
    </row>
    <row r="1024055" spans="14:14">
      <c r="N1024055" s="10"/>
    </row>
    <row r="1024056" spans="14:14">
      <c r="N1024056" s="10"/>
    </row>
    <row r="1024057" spans="14:14">
      <c r="N1024057" s="10"/>
    </row>
    <row r="1024058" spans="14:14">
      <c r="N1024058" s="10"/>
    </row>
    <row r="1024059" spans="14:14">
      <c r="N1024059" s="10"/>
    </row>
    <row r="1024060" spans="14:14">
      <c r="N1024060" s="10"/>
    </row>
    <row r="1024061" spans="14:14">
      <c r="N1024061" s="10"/>
    </row>
    <row r="1024062" spans="14:14">
      <c r="N1024062" s="10"/>
    </row>
    <row r="1024063" spans="14:14">
      <c r="N1024063" s="10"/>
    </row>
    <row r="1024064" spans="14:14">
      <c r="N1024064" s="10"/>
    </row>
    <row r="1024065" spans="14:14">
      <c r="N1024065" s="10"/>
    </row>
    <row r="1024066" spans="14:14">
      <c r="N1024066" s="10"/>
    </row>
    <row r="1024067" spans="14:14">
      <c r="N1024067" s="10"/>
    </row>
    <row r="1024068" spans="14:14">
      <c r="N1024068" s="10"/>
    </row>
    <row r="1024069" spans="14:14">
      <c r="N1024069" s="10"/>
    </row>
    <row r="1024070" spans="14:14">
      <c r="N1024070" s="10"/>
    </row>
    <row r="1024071" spans="14:14">
      <c r="N1024071" s="10"/>
    </row>
    <row r="1024072" spans="14:14">
      <c r="N1024072" s="10"/>
    </row>
    <row r="1024073" spans="14:14">
      <c r="N1024073" s="10"/>
    </row>
    <row r="1024074" spans="14:14">
      <c r="N1024074" s="10"/>
    </row>
    <row r="1024075" spans="14:14">
      <c r="N1024075" s="10"/>
    </row>
    <row r="1024076" spans="14:14">
      <c r="N1024076" s="10"/>
    </row>
    <row r="1024077" spans="14:14">
      <c r="N1024077" s="10"/>
    </row>
    <row r="1024078" spans="14:14">
      <c r="N1024078" s="10"/>
    </row>
    <row r="1024079" spans="14:14">
      <c r="N1024079" s="10"/>
    </row>
    <row r="1024080" spans="14:14">
      <c r="N1024080" s="10"/>
    </row>
    <row r="1024081" spans="14:14">
      <c r="N1024081" s="10"/>
    </row>
    <row r="1024082" spans="14:14">
      <c r="N1024082" s="10"/>
    </row>
    <row r="1024083" spans="14:14">
      <c r="N1024083" s="10"/>
    </row>
    <row r="1024084" spans="14:14">
      <c r="N1024084" s="10"/>
    </row>
    <row r="1024085" spans="14:14">
      <c r="N1024085" s="10"/>
    </row>
    <row r="1024086" spans="14:14">
      <c r="N1024086" s="10"/>
    </row>
    <row r="1024087" spans="14:14">
      <c r="N1024087" s="10"/>
    </row>
    <row r="1024088" spans="14:14">
      <c r="N1024088" s="10"/>
    </row>
    <row r="1024089" spans="14:14">
      <c r="N1024089" s="10"/>
    </row>
    <row r="1024090" spans="14:14">
      <c r="N1024090" s="10"/>
    </row>
    <row r="1024091" spans="14:14">
      <c r="N1024091" s="10"/>
    </row>
    <row r="1024092" spans="14:14">
      <c r="N1024092" s="10"/>
    </row>
    <row r="1024093" spans="14:14">
      <c r="N1024093" s="10"/>
    </row>
    <row r="1024094" spans="14:14">
      <c r="N1024094" s="10"/>
    </row>
    <row r="1024095" spans="14:14">
      <c r="N1024095" s="10"/>
    </row>
    <row r="1024096" spans="14:14">
      <c r="N1024096" s="10"/>
    </row>
    <row r="1024097" spans="14:14">
      <c r="N1024097" s="10"/>
    </row>
    <row r="1024098" spans="14:14">
      <c r="N1024098" s="10"/>
    </row>
    <row r="1024099" spans="14:14">
      <c r="N1024099" s="10"/>
    </row>
    <row r="1024100" spans="14:14">
      <c r="N1024100" s="10"/>
    </row>
    <row r="1024101" spans="14:14">
      <c r="N1024101" s="10"/>
    </row>
    <row r="1024102" spans="14:14">
      <c r="N1024102" s="10"/>
    </row>
    <row r="1024103" spans="14:14">
      <c r="N1024103" s="10"/>
    </row>
    <row r="1024104" spans="14:14">
      <c r="N1024104" s="10"/>
    </row>
    <row r="1024105" spans="14:14">
      <c r="N1024105" s="10"/>
    </row>
    <row r="1024106" spans="14:14">
      <c r="N1024106" s="10"/>
    </row>
    <row r="1024107" spans="14:14">
      <c r="N1024107" s="10"/>
    </row>
    <row r="1024108" spans="14:14">
      <c r="N1024108" s="10"/>
    </row>
    <row r="1024109" spans="14:14">
      <c r="N1024109" s="10"/>
    </row>
    <row r="1024110" spans="14:14">
      <c r="N1024110" s="10"/>
    </row>
    <row r="1024111" spans="14:14">
      <c r="N1024111" s="10"/>
    </row>
    <row r="1024112" spans="14:14">
      <c r="N1024112" s="10"/>
    </row>
    <row r="1024113" spans="14:14">
      <c r="N1024113" s="10"/>
    </row>
    <row r="1024114" spans="14:14">
      <c r="N1024114" s="10"/>
    </row>
    <row r="1024115" spans="14:14">
      <c r="N1024115" s="10"/>
    </row>
    <row r="1024116" spans="14:14">
      <c r="N1024116" s="10"/>
    </row>
    <row r="1024117" spans="14:14">
      <c r="N1024117" s="10"/>
    </row>
    <row r="1024118" spans="14:14">
      <c r="N1024118" s="10"/>
    </row>
    <row r="1024119" spans="14:14">
      <c r="N1024119" s="10"/>
    </row>
    <row r="1024120" spans="14:14">
      <c r="N1024120" s="10"/>
    </row>
    <row r="1024121" spans="14:14">
      <c r="N1024121" s="10"/>
    </row>
    <row r="1024122" spans="14:14">
      <c r="N1024122" s="10"/>
    </row>
    <row r="1024123" spans="14:14">
      <c r="N1024123" s="10"/>
    </row>
    <row r="1024124" spans="14:14">
      <c r="N1024124" s="10"/>
    </row>
    <row r="1024125" spans="14:14">
      <c r="N1024125" s="10"/>
    </row>
    <row r="1024126" spans="14:14">
      <c r="N1024126" s="10"/>
    </row>
    <row r="1024127" spans="14:14">
      <c r="N1024127" s="10"/>
    </row>
    <row r="1024128" spans="14:14">
      <c r="N1024128" s="10"/>
    </row>
    <row r="1024129" spans="14:14">
      <c r="N1024129" s="10"/>
    </row>
    <row r="1024130" spans="14:14">
      <c r="N1024130" s="10"/>
    </row>
    <row r="1024131" spans="14:14">
      <c r="N1024131" s="10"/>
    </row>
    <row r="1024132" spans="14:14">
      <c r="N1024132" s="10"/>
    </row>
    <row r="1024133" spans="14:14">
      <c r="N1024133" s="10"/>
    </row>
    <row r="1024134" spans="14:14">
      <c r="N1024134" s="10"/>
    </row>
    <row r="1024135" spans="14:14">
      <c r="N1024135" s="10"/>
    </row>
    <row r="1024136" spans="14:14">
      <c r="N1024136" s="10"/>
    </row>
    <row r="1024137" spans="14:14">
      <c r="N1024137" s="10"/>
    </row>
    <row r="1024138" spans="14:14">
      <c r="N1024138" s="10"/>
    </row>
    <row r="1024139" spans="14:14">
      <c r="N1024139" s="10"/>
    </row>
    <row r="1024140" spans="14:14">
      <c r="N1024140" s="10"/>
    </row>
    <row r="1024141" spans="14:14">
      <c r="N1024141" s="10"/>
    </row>
    <row r="1024142" spans="14:14">
      <c r="N1024142" s="10"/>
    </row>
    <row r="1024143" spans="14:14">
      <c r="N1024143" s="10"/>
    </row>
    <row r="1024144" spans="14:14">
      <c r="N1024144" s="10"/>
    </row>
    <row r="1024145" spans="14:14">
      <c r="N1024145" s="10"/>
    </row>
    <row r="1024146" spans="14:14">
      <c r="N1024146" s="10"/>
    </row>
    <row r="1024147" spans="14:14">
      <c r="N1024147" s="10"/>
    </row>
    <row r="1024148" spans="14:14">
      <c r="N1024148" s="10"/>
    </row>
    <row r="1024149" spans="14:14">
      <c r="N1024149" s="10"/>
    </row>
    <row r="1024150" spans="14:14">
      <c r="N1024150" s="10"/>
    </row>
    <row r="1024151" spans="14:14">
      <c r="N1024151" s="10"/>
    </row>
    <row r="1024152" spans="14:14">
      <c r="N1024152" s="10"/>
    </row>
    <row r="1024153" spans="14:14">
      <c r="N1024153" s="10"/>
    </row>
    <row r="1024154" spans="14:14">
      <c r="N1024154" s="10"/>
    </row>
    <row r="1024155" spans="14:14">
      <c r="N1024155" s="10"/>
    </row>
    <row r="1024156" spans="14:14">
      <c r="N1024156" s="10"/>
    </row>
    <row r="1024157" spans="14:14">
      <c r="N1024157" s="10"/>
    </row>
    <row r="1024158" spans="14:14">
      <c r="N1024158" s="10"/>
    </row>
    <row r="1024159" spans="14:14">
      <c r="N1024159" s="10"/>
    </row>
    <row r="1024160" spans="14:14">
      <c r="N1024160" s="10"/>
    </row>
    <row r="1024161" spans="14:14">
      <c r="N1024161" s="10"/>
    </row>
    <row r="1024162" spans="14:14">
      <c r="N1024162" s="10"/>
    </row>
    <row r="1024163" spans="14:14">
      <c r="N1024163" s="10"/>
    </row>
    <row r="1024164" spans="14:14">
      <c r="N1024164" s="10"/>
    </row>
    <row r="1024165" spans="14:14">
      <c r="N1024165" s="10"/>
    </row>
    <row r="1024166" spans="14:14">
      <c r="N1024166" s="10"/>
    </row>
    <row r="1024167" spans="14:14">
      <c r="N1024167" s="10"/>
    </row>
    <row r="1024168" spans="14:14">
      <c r="N1024168" s="10"/>
    </row>
    <row r="1024169" spans="14:14">
      <c r="N1024169" s="10"/>
    </row>
    <row r="1024170" spans="14:14">
      <c r="N1024170" s="10"/>
    </row>
    <row r="1024171" spans="14:14">
      <c r="N1024171" s="10"/>
    </row>
    <row r="1024172" spans="14:14">
      <c r="N1024172" s="10"/>
    </row>
    <row r="1024173" spans="14:14">
      <c r="N1024173" s="10"/>
    </row>
    <row r="1024174" spans="14:14">
      <c r="N1024174" s="10"/>
    </row>
    <row r="1024175" spans="14:14">
      <c r="N1024175" s="10"/>
    </row>
    <row r="1024176" spans="14:14">
      <c r="N1024176" s="10"/>
    </row>
    <row r="1024177" spans="14:14">
      <c r="N1024177" s="10"/>
    </row>
    <row r="1024178" spans="14:14">
      <c r="N1024178" s="10"/>
    </row>
    <row r="1024179" spans="14:14">
      <c r="N1024179" s="10"/>
    </row>
    <row r="1024180" spans="14:14">
      <c r="N1024180" s="10"/>
    </row>
    <row r="1024181" spans="14:14">
      <c r="N1024181" s="10"/>
    </row>
    <row r="1024182" spans="14:14">
      <c r="N1024182" s="10"/>
    </row>
    <row r="1024183" spans="14:14">
      <c r="N1024183" s="10"/>
    </row>
    <row r="1024184" spans="14:14">
      <c r="N1024184" s="10"/>
    </row>
    <row r="1024185" spans="14:14">
      <c r="N1024185" s="10"/>
    </row>
    <row r="1024186" spans="14:14">
      <c r="N1024186" s="10"/>
    </row>
    <row r="1024187" spans="14:14">
      <c r="N1024187" s="10"/>
    </row>
    <row r="1024188" spans="14:14">
      <c r="N1024188" s="10"/>
    </row>
    <row r="1024189" spans="14:14">
      <c r="N1024189" s="10"/>
    </row>
    <row r="1024190" spans="14:14">
      <c r="N1024190" s="10"/>
    </row>
    <row r="1024191" spans="14:14">
      <c r="N1024191" s="10"/>
    </row>
    <row r="1024192" spans="14:14">
      <c r="N1024192" s="10"/>
    </row>
    <row r="1024193" spans="14:14">
      <c r="N1024193" s="10"/>
    </row>
    <row r="1024194" spans="14:14">
      <c r="N1024194" s="10"/>
    </row>
    <row r="1024195" spans="14:14">
      <c r="N1024195" s="10"/>
    </row>
    <row r="1024196" spans="14:14">
      <c r="N1024196" s="10"/>
    </row>
    <row r="1024197" spans="14:14">
      <c r="N1024197" s="10"/>
    </row>
    <row r="1024198" spans="14:14">
      <c r="N1024198" s="10"/>
    </row>
    <row r="1024199" spans="14:14">
      <c r="N1024199" s="10"/>
    </row>
    <row r="1024200" spans="14:14">
      <c r="N1024200" s="10"/>
    </row>
    <row r="1024201" spans="14:14">
      <c r="N1024201" s="10"/>
    </row>
    <row r="1024202" spans="14:14">
      <c r="N1024202" s="10"/>
    </row>
    <row r="1024203" spans="14:14">
      <c r="N1024203" s="10"/>
    </row>
    <row r="1024204" spans="14:14">
      <c r="N1024204" s="10"/>
    </row>
    <row r="1024205" spans="14:14">
      <c r="N1024205" s="10"/>
    </row>
    <row r="1024206" spans="14:14">
      <c r="N1024206" s="10"/>
    </row>
    <row r="1024207" spans="14:14">
      <c r="N1024207" s="10"/>
    </row>
    <row r="1024208" spans="14:14">
      <c r="N1024208" s="10"/>
    </row>
    <row r="1024209" spans="14:14">
      <c r="N1024209" s="10"/>
    </row>
    <row r="1024210" spans="14:14">
      <c r="N1024210" s="10"/>
    </row>
    <row r="1024211" spans="14:14">
      <c r="N1024211" s="10"/>
    </row>
    <row r="1024212" spans="14:14">
      <c r="N1024212" s="10"/>
    </row>
    <row r="1024213" spans="14:14">
      <c r="N1024213" s="10"/>
    </row>
    <row r="1024214" spans="14:14">
      <c r="N1024214" s="10"/>
    </row>
    <row r="1024215" spans="14:14">
      <c r="N1024215" s="10"/>
    </row>
    <row r="1024216" spans="14:14">
      <c r="N1024216" s="10"/>
    </row>
    <row r="1024217" spans="14:14">
      <c r="N1024217" s="10"/>
    </row>
    <row r="1024218" spans="14:14">
      <c r="N1024218" s="10"/>
    </row>
    <row r="1024219" spans="14:14">
      <c r="N1024219" s="10"/>
    </row>
    <row r="1024220" spans="14:14">
      <c r="N1024220" s="10"/>
    </row>
    <row r="1024221" spans="14:14">
      <c r="N1024221" s="10"/>
    </row>
    <row r="1024222" spans="14:14">
      <c r="N1024222" s="10"/>
    </row>
    <row r="1024223" spans="14:14">
      <c r="N1024223" s="10"/>
    </row>
    <row r="1024224" spans="14:14">
      <c r="N1024224" s="10"/>
    </row>
    <row r="1024225" spans="14:14">
      <c r="N1024225" s="10"/>
    </row>
    <row r="1024226" spans="14:14">
      <c r="N1024226" s="10"/>
    </row>
    <row r="1024227" spans="14:14">
      <c r="N1024227" s="10"/>
    </row>
    <row r="1024228" spans="14:14">
      <c r="N1024228" s="10"/>
    </row>
    <row r="1024229" spans="14:14">
      <c r="N1024229" s="10"/>
    </row>
    <row r="1024230" spans="14:14">
      <c r="N1024230" s="10"/>
    </row>
    <row r="1024231" spans="14:14">
      <c r="N1024231" s="10"/>
    </row>
    <row r="1024232" spans="14:14">
      <c r="N1024232" s="10"/>
    </row>
    <row r="1024233" spans="14:14">
      <c r="N1024233" s="10"/>
    </row>
    <row r="1024234" spans="14:14">
      <c r="N1024234" s="10"/>
    </row>
    <row r="1024235" spans="14:14">
      <c r="N1024235" s="10"/>
    </row>
    <row r="1024236" spans="14:14">
      <c r="N1024236" s="10"/>
    </row>
    <row r="1024237" spans="14:14">
      <c r="N1024237" s="10"/>
    </row>
    <row r="1024238" spans="14:14">
      <c r="N1024238" s="10"/>
    </row>
    <row r="1024239" spans="14:14">
      <c r="N1024239" s="10"/>
    </row>
    <row r="1024240" spans="14:14">
      <c r="N1024240" s="10"/>
    </row>
    <row r="1024241" spans="14:14">
      <c r="N1024241" s="10"/>
    </row>
    <row r="1024242" spans="14:14">
      <c r="N1024242" s="10"/>
    </row>
    <row r="1024243" spans="14:14">
      <c r="N1024243" s="10"/>
    </row>
    <row r="1024244" spans="14:14">
      <c r="N1024244" s="10"/>
    </row>
    <row r="1024245" spans="14:14">
      <c r="N1024245" s="10"/>
    </row>
    <row r="1024246" spans="14:14">
      <c r="N1024246" s="10"/>
    </row>
    <row r="1024247" spans="14:14">
      <c r="N1024247" s="10"/>
    </row>
    <row r="1024248" spans="14:14">
      <c r="N1024248" s="10"/>
    </row>
    <row r="1024249" spans="14:14">
      <c r="N1024249" s="10"/>
    </row>
    <row r="1024250" spans="14:14">
      <c r="N1024250" s="10"/>
    </row>
    <row r="1024251" spans="14:14">
      <c r="N1024251" s="10"/>
    </row>
    <row r="1024252" spans="14:14">
      <c r="N1024252" s="10"/>
    </row>
    <row r="1024253" spans="14:14">
      <c r="N1024253" s="10"/>
    </row>
    <row r="1024254" spans="14:14">
      <c r="N1024254" s="10"/>
    </row>
    <row r="1024255" spans="14:14">
      <c r="N1024255" s="10"/>
    </row>
    <row r="1024256" spans="14:14">
      <c r="N1024256" s="10"/>
    </row>
    <row r="1024257" spans="14:14">
      <c r="N1024257" s="10"/>
    </row>
    <row r="1024258" spans="14:14">
      <c r="N1024258" s="10"/>
    </row>
    <row r="1024259" spans="14:14">
      <c r="N1024259" s="10"/>
    </row>
    <row r="1024260" spans="14:14">
      <c r="N1024260" s="10"/>
    </row>
    <row r="1024261" spans="14:14">
      <c r="N1024261" s="10"/>
    </row>
    <row r="1024262" spans="14:14">
      <c r="N1024262" s="10"/>
    </row>
    <row r="1024263" spans="14:14">
      <c r="N1024263" s="10"/>
    </row>
    <row r="1024264" spans="14:14">
      <c r="N1024264" s="10"/>
    </row>
    <row r="1024265" spans="14:14">
      <c r="N1024265" s="10"/>
    </row>
    <row r="1024266" spans="14:14">
      <c r="N1024266" s="10"/>
    </row>
    <row r="1024267" spans="14:14">
      <c r="N1024267" s="10"/>
    </row>
    <row r="1024268" spans="14:14">
      <c r="N1024268" s="10"/>
    </row>
    <row r="1024269" spans="14:14">
      <c r="N1024269" s="10"/>
    </row>
    <row r="1024270" spans="14:14">
      <c r="N1024270" s="10"/>
    </row>
    <row r="1024271" spans="14:14">
      <c r="N1024271" s="10"/>
    </row>
    <row r="1024272" spans="14:14">
      <c r="N1024272" s="10"/>
    </row>
    <row r="1024273" spans="14:14">
      <c r="N1024273" s="10"/>
    </row>
    <row r="1024274" spans="14:14">
      <c r="N1024274" s="10"/>
    </row>
    <row r="1024275" spans="14:14">
      <c r="N1024275" s="10"/>
    </row>
    <row r="1024276" spans="14:14">
      <c r="N1024276" s="10"/>
    </row>
    <row r="1024277" spans="14:14">
      <c r="N1024277" s="10"/>
    </row>
    <row r="1024278" spans="14:14">
      <c r="N1024278" s="10"/>
    </row>
    <row r="1024279" spans="14:14">
      <c r="N1024279" s="10"/>
    </row>
    <row r="1024280" spans="14:14">
      <c r="N1024280" s="10"/>
    </row>
    <row r="1024281" spans="14:14">
      <c r="N1024281" s="10"/>
    </row>
    <row r="1024282" spans="14:14">
      <c r="N1024282" s="10"/>
    </row>
    <row r="1024283" spans="14:14">
      <c r="N1024283" s="10"/>
    </row>
    <row r="1024284" spans="14:14">
      <c r="N1024284" s="10"/>
    </row>
    <row r="1024285" spans="14:14">
      <c r="N1024285" s="10"/>
    </row>
    <row r="1024286" spans="14:14">
      <c r="N1024286" s="10"/>
    </row>
    <row r="1024287" spans="14:14">
      <c r="N1024287" s="10"/>
    </row>
    <row r="1024288" spans="14:14">
      <c r="N1024288" s="10"/>
    </row>
    <row r="1024289" spans="14:14">
      <c r="N1024289" s="10"/>
    </row>
    <row r="1024290" spans="14:14">
      <c r="N1024290" s="10"/>
    </row>
    <row r="1024291" spans="14:14">
      <c r="N1024291" s="10"/>
    </row>
    <row r="1024292" spans="14:14">
      <c r="N1024292" s="10"/>
    </row>
    <row r="1024293" spans="14:14">
      <c r="N1024293" s="10"/>
    </row>
    <row r="1024294" spans="14:14">
      <c r="N1024294" s="10"/>
    </row>
    <row r="1024295" spans="14:14">
      <c r="N1024295" s="10"/>
    </row>
    <row r="1024296" spans="14:14">
      <c r="N1024296" s="10"/>
    </row>
    <row r="1024297" spans="14:14">
      <c r="N1024297" s="10"/>
    </row>
    <row r="1024298" spans="14:14">
      <c r="N1024298" s="10"/>
    </row>
    <row r="1024299" spans="14:14">
      <c r="N1024299" s="10"/>
    </row>
    <row r="1024300" spans="14:14">
      <c r="N1024300" s="10"/>
    </row>
    <row r="1024301" spans="14:14">
      <c r="N1024301" s="10"/>
    </row>
    <row r="1024302" spans="14:14">
      <c r="N1024302" s="10"/>
    </row>
    <row r="1024303" spans="14:14">
      <c r="N1024303" s="10"/>
    </row>
    <row r="1024304" spans="14:14">
      <c r="N1024304" s="10"/>
    </row>
    <row r="1024305" spans="14:14">
      <c r="N1024305" s="10"/>
    </row>
    <row r="1024306" spans="14:14">
      <c r="N1024306" s="10"/>
    </row>
    <row r="1024307" spans="14:14">
      <c r="N1024307" s="10"/>
    </row>
    <row r="1024308" spans="14:14">
      <c r="N1024308" s="10"/>
    </row>
    <row r="1024309" spans="14:14">
      <c r="N1024309" s="10"/>
    </row>
    <row r="1024310" spans="14:14">
      <c r="N1024310" s="10"/>
    </row>
    <row r="1024311" spans="14:14">
      <c r="N1024311" s="10"/>
    </row>
    <row r="1024312" spans="14:14">
      <c r="N1024312" s="10"/>
    </row>
    <row r="1024313" spans="14:14">
      <c r="N1024313" s="10"/>
    </row>
    <row r="1024314" spans="14:14">
      <c r="N1024314" s="10"/>
    </row>
    <row r="1024315" spans="14:14">
      <c r="N1024315" s="10"/>
    </row>
    <row r="1024316" spans="14:14">
      <c r="N1024316" s="10"/>
    </row>
    <row r="1024317" spans="14:14">
      <c r="N1024317" s="10"/>
    </row>
    <row r="1024318" spans="14:14">
      <c r="N1024318" s="10"/>
    </row>
    <row r="1024319" spans="14:14">
      <c r="N1024319" s="10"/>
    </row>
    <row r="1024320" spans="14:14">
      <c r="N1024320" s="10"/>
    </row>
    <row r="1024321" spans="14:14">
      <c r="N1024321" s="10"/>
    </row>
    <row r="1024322" spans="14:14">
      <c r="N1024322" s="10"/>
    </row>
    <row r="1024323" spans="14:14">
      <c r="N1024323" s="10"/>
    </row>
    <row r="1024324" spans="14:14">
      <c r="N1024324" s="10"/>
    </row>
    <row r="1024325" spans="14:14">
      <c r="N1024325" s="10"/>
    </row>
    <row r="1024326" spans="14:14">
      <c r="N1024326" s="10"/>
    </row>
    <row r="1024327" spans="14:14">
      <c r="N1024327" s="10"/>
    </row>
    <row r="1024328" spans="14:14">
      <c r="N1024328" s="10"/>
    </row>
    <row r="1024329" spans="14:14">
      <c r="N1024329" s="10"/>
    </row>
    <row r="1024330" spans="14:14">
      <c r="N1024330" s="10"/>
    </row>
    <row r="1024331" spans="14:14">
      <c r="N1024331" s="10"/>
    </row>
    <row r="1024332" spans="14:14">
      <c r="N1024332" s="10"/>
    </row>
    <row r="1024333" spans="14:14">
      <c r="N1024333" s="10"/>
    </row>
    <row r="1024334" spans="14:14">
      <c r="N1024334" s="10"/>
    </row>
    <row r="1024335" spans="14:14">
      <c r="N1024335" s="10"/>
    </row>
    <row r="1024336" spans="14:14">
      <c r="N1024336" s="10"/>
    </row>
    <row r="1024337" spans="14:14">
      <c r="N1024337" s="10"/>
    </row>
    <row r="1024338" spans="14:14">
      <c r="N1024338" s="10"/>
    </row>
    <row r="1024339" spans="14:14">
      <c r="N1024339" s="10"/>
    </row>
    <row r="1024340" spans="14:14">
      <c r="N1024340" s="10"/>
    </row>
    <row r="1024341" spans="14:14">
      <c r="N1024341" s="10"/>
    </row>
    <row r="1024342" spans="14:14">
      <c r="N1024342" s="10"/>
    </row>
    <row r="1024343" spans="14:14">
      <c r="N1024343" s="10"/>
    </row>
    <row r="1024344" spans="14:14">
      <c r="N1024344" s="10"/>
    </row>
    <row r="1024345" spans="14:14">
      <c r="N1024345" s="10"/>
    </row>
    <row r="1024346" spans="14:14">
      <c r="N1024346" s="10"/>
    </row>
    <row r="1024347" spans="14:14">
      <c r="N1024347" s="10"/>
    </row>
    <row r="1024348" spans="14:14">
      <c r="N1024348" s="10"/>
    </row>
    <row r="1024349" spans="14:14">
      <c r="N1024349" s="10"/>
    </row>
    <row r="1024350" spans="14:14">
      <c r="N1024350" s="10"/>
    </row>
    <row r="1024351" spans="14:14">
      <c r="N1024351" s="10"/>
    </row>
    <row r="1024352" spans="14:14">
      <c r="N1024352" s="10"/>
    </row>
    <row r="1024353" spans="14:14">
      <c r="N1024353" s="10"/>
    </row>
    <row r="1024354" spans="14:14">
      <c r="N1024354" s="10"/>
    </row>
    <row r="1024355" spans="14:14">
      <c r="N1024355" s="10"/>
    </row>
    <row r="1024356" spans="14:14">
      <c r="N1024356" s="10"/>
    </row>
    <row r="1024357" spans="14:14">
      <c r="N1024357" s="10"/>
    </row>
    <row r="1024358" spans="14:14">
      <c r="N1024358" s="10"/>
    </row>
    <row r="1024359" spans="14:14">
      <c r="N1024359" s="10"/>
    </row>
    <row r="1024360" spans="14:14">
      <c r="N1024360" s="10"/>
    </row>
    <row r="1024361" spans="14:14">
      <c r="N1024361" s="10"/>
    </row>
    <row r="1024362" spans="14:14">
      <c r="N1024362" s="10"/>
    </row>
    <row r="1024363" spans="14:14">
      <c r="N1024363" s="10"/>
    </row>
    <row r="1024364" spans="14:14">
      <c r="N1024364" s="10"/>
    </row>
    <row r="1024365" spans="14:14">
      <c r="N1024365" s="10"/>
    </row>
    <row r="1024366" spans="14:14">
      <c r="N1024366" s="10"/>
    </row>
    <row r="1024367" spans="14:14">
      <c r="N1024367" s="10"/>
    </row>
    <row r="1024368" spans="14:14">
      <c r="N1024368" s="10"/>
    </row>
    <row r="1024369" spans="14:14">
      <c r="N1024369" s="10"/>
    </row>
    <row r="1024370" spans="14:14">
      <c r="N1024370" s="10"/>
    </row>
    <row r="1024371" spans="14:14">
      <c r="N1024371" s="10"/>
    </row>
    <row r="1024372" spans="14:14">
      <c r="N1024372" s="10"/>
    </row>
    <row r="1024373" spans="14:14">
      <c r="N1024373" s="10"/>
    </row>
    <row r="1024374" spans="14:14">
      <c r="N1024374" s="10"/>
    </row>
    <row r="1024375" spans="14:14">
      <c r="N1024375" s="10"/>
    </row>
    <row r="1024376" spans="14:14">
      <c r="N1024376" s="10"/>
    </row>
    <row r="1024377" spans="14:14">
      <c r="N1024377" s="10"/>
    </row>
    <row r="1024378" spans="14:14">
      <c r="N1024378" s="10"/>
    </row>
    <row r="1024379" spans="14:14">
      <c r="N1024379" s="10"/>
    </row>
    <row r="1024380" spans="14:14">
      <c r="N1024380" s="10"/>
    </row>
    <row r="1024381" spans="14:14">
      <c r="N1024381" s="10"/>
    </row>
    <row r="1024382" spans="14:14">
      <c r="N1024382" s="10"/>
    </row>
    <row r="1024383" spans="14:14">
      <c r="N1024383" s="10"/>
    </row>
    <row r="1024384" spans="14:14">
      <c r="N1024384" s="10"/>
    </row>
    <row r="1024385" spans="14:14">
      <c r="N1024385" s="10"/>
    </row>
    <row r="1024386" spans="14:14">
      <c r="N1024386" s="10"/>
    </row>
    <row r="1024387" spans="14:14">
      <c r="N1024387" s="10"/>
    </row>
    <row r="1024388" spans="14:14">
      <c r="N1024388" s="10"/>
    </row>
    <row r="1024389" spans="14:14">
      <c r="N1024389" s="10"/>
    </row>
    <row r="1024390" spans="14:14">
      <c r="N1024390" s="10"/>
    </row>
    <row r="1024391" spans="14:14">
      <c r="N1024391" s="10"/>
    </row>
    <row r="1024392" spans="14:14">
      <c r="N1024392" s="10"/>
    </row>
    <row r="1024393" spans="14:14">
      <c r="N1024393" s="10"/>
    </row>
    <row r="1024394" spans="14:14">
      <c r="N1024394" s="10"/>
    </row>
    <row r="1024395" spans="14:14">
      <c r="N1024395" s="10"/>
    </row>
    <row r="1024396" spans="14:14">
      <c r="N1024396" s="10"/>
    </row>
    <row r="1024397" spans="14:14">
      <c r="N1024397" s="10"/>
    </row>
    <row r="1024398" spans="14:14">
      <c r="N1024398" s="10"/>
    </row>
    <row r="1024399" spans="14:14">
      <c r="N1024399" s="10"/>
    </row>
    <row r="1024400" spans="14:14">
      <c r="N1024400" s="10"/>
    </row>
    <row r="1024401" spans="14:14">
      <c r="N1024401" s="10"/>
    </row>
    <row r="1024402" spans="14:14">
      <c r="N1024402" s="10"/>
    </row>
    <row r="1024403" spans="14:14">
      <c r="N1024403" s="10"/>
    </row>
    <row r="1024404" spans="14:14">
      <c r="N1024404" s="10"/>
    </row>
    <row r="1024405" spans="14:14">
      <c r="N1024405" s="10"/>
    </row>
    <row r="1024406" spans="14:14">
      <c r="N1024406" s="10"/>
    </row>
    <row r="1024407" spans="14:14">
      <c r="N1024407" s="10"/>
    </row>
    <row r="1024408" spans="14:14">
      <c r="N1024408" s="10"/>
    </row>
    <row r="1024409" spans="14:14">
      <c r="N1024409" s="10"/>
    </row>
    <row r="1024410" spans="14:14">
      <c r="N1024410" s="10"/>
    </row>
    <row r="1024411" spans="14:14">
      <c r="N1024411" s="10"/>
    </row>
    <row r="1024412" spans="14:14">
      <c r="N1024412" s="10"/>
    </row>
    <row r="1024413" spans="14:14">
      <c r="N1024413" s="10"/>
    </row>
    <row r="1024414" spans="14:14">
      <c r="N1024414" s="10"/>
    </row>
    <row r="1024415" spans="14:14">
      <c r="N1024415" s="10"/>
    </row>
    <row r="1024416" spans="14:14">
      <c r="N1024416" s="10"/>
    </row>
    <row r="1024417" spans="14:14">
      <c r="N1024417" s="10"/>
    </row>
    <row r="1024418" spans="14:14">
      <c r="N1024418" s="10"/>
    </row>
    <row r="1024419" spans="14:14">
      <c r="N1024419" s="10"/>
    </row>
    <row r="1024420" spans="14:14">
      <c r="N1024420" s="10"/>
    </row>
    <row r="1024421" spans="14:14">
      <c r="N1024421" s="10"/>
    </row>
    <row r="1024422" spans="14:14">
      <c r="N1024422" s="10"/>
    </row>
    <row r="1024423" spans="14:14">
      <c r="N1024423" s="10"/>
    </row>
    <row r="1024424" spans="14:14">
      <c r="N1024424" s="10"/>
    </row>
    <row r="1024425" spans="14:14">
      <c r="N1024425" s="10"/>
    </row>
    <row r="1024426" spans="14:14">
      <c r="N1024426" s="10"/>
    </row>
    <row r="1024427" spans="14:14">
      <c r="N1024427" s="10"/>
    </row>
    <row r="1024428" spans="14:14">
      <c r="N1024428" s="10"/>
    </row>
    <row r="1024429" spans="14:14">
      <c r="N1024429" s="10"/>
    </row>
    <row r="1024430" spans="14:14">
      <c r="N1024430" s="10"/>
    </row>
    <row r="1024431" spans="14:14">
      <c r="N1024431" s="10"/>
    </row>
    <row r="1024432" spans="14:14">
      <c r="N1024432" s="10"/>
    </row>
    <row r="1024433" spans="14:14">
      <c r="N1024433" s="10"/>
    </row>
    <row r="1024434" spans="14:14">
      <c r="N1024434" s="10"/>
    </row>
    <row r="1024435" spans="14:14">
      <c r="N1024435" s="10"/>
    </row>
    <row r="1024436" spans="14:14">
      <c r="N1024436" s="10"/>
    </row>
    <row r="1024437" spans="14:14">
      <c r="N1024437" s="10"/>
    </row>
    <row r="1024438" spans="14:14">
      <c r="N1024438" s="10"/>
    </row>
    <row r="1024439" spans="14:14">
      <c r="N1024439" s="10"/>
    </row>
    <row r="1024440" spans="14:14">
      <c r="N1024440" s="10"/>
    </row>
    <row r="1024441" spans="14:14">
      <c r="N1024441" s="10"/>
    </row>
    <row r="1024442" spans="14:14">
      <c r="N1024442" s="10"/>
    </row>
    <row r="1024443" spans="14:14">
      <c r="N1024443" s="10"/>
    </row>
    <row r="1024444" spans="14:14">
      <c r="N1024444" s="10"/>
    </row>
    <row r="1024445" spans="14:14">
      <c r="N1024445" s="10"/>
    </row>
    <row r="1024446" spans="14:14">
      <c r="N1024446" s="10"/>
    </row>
    <row r="1024447" spans="14:14">
      <c r="N1024447" s="10"/>
    </row>
    <row r="1024448" spans="14:14">
      <c r="N1024448" s="10"/>
    </row>
    <row r="1024449" spans="14:14">
      <c r="N1024449" s="10"/>
    </row>
    <row r="1024450" spans="14:14">
      <c r="N1024450" s="10"/>
    </row>
    <row r="1024451" spans="14:14">
      <c r="N1024451" s="10"/>
    </row>
    <row r="1024452" spans="14:14">
      <c r="N1024452" s="10"/>
    </row>
    <row r="1024453" spans="14:14">
      <c r="N1024453" s="10"/>
    </row>
    <row r="1024454" spans="14:14">
      <c r="N1024454" s="10"/>
    </row>
    <row r="1024455" spans="14:14">
      <c r="N1024455" s="10"/>
    </row>
    <row r="1024456" spans="14:14">
      <c r="N1024456" s="10"/>
    </row>
    <row r="1024457" spans="14:14">
      <c r="N1024457" s="10"/>
    </row>
    <row r="1024458" spans="14:14">
      <c r="N1024458" s="10"/>
    </row>
    <row r="1024459" spans="14:14">
      <c r="N1024459" s="10"/>
    </row>
    <row r="1024460" spans="14:14">
      <c r="N1024460" s="10"/>
    </row>
    <row r="1024461" spans="14:14">
      <c r="N1024461" s="10"/>
    </row>
    <row r="1024462" spans="14:14">
      <c r="N1024462" s="10"/>
    </row>
    <row r="1024463" spans="14:14">
      <c r="N1024463" s="10"/>
    </row>
    <row r="1024464" spans="14:14">
      <c r="N1024464" s="10"/>
    </row>
    <row r="1024465" spans="14:14">
      <c r="N1024465" s="10"/>
    </row>
    <row r="1024466" spans="14:14">
      <c r="N1024466" s="10"/>
    </row>
    <row r="1024467" spans="14:14">
      <c r="N1024467" s="10"/>
    </row>
    <row r="1024468" spans="14:14">
      <c r="N1024468" s="10"/>
    </row>
    <row r="1024469" spans="14:14">
      <c r="N1024469" s="10"/>
    </row>
    <row r="1024470" spans="14:14">
      <c r="N1024470" s="10"/>
    </row>
    <row r="1024471" spans="14:14">
      <c r="N1024471" s="10"/>
    </row>
    <row r="1024472" spans="14:14">
      <c r="N1024472" s="10"/>
    </row>
    <row r="1024473" spans="14:14">
      <c r="N1024473" s="10"/>
    </row>
    <row r="1024474" spans="14:14">
      <c r="N1024474" s="10"/>
    </row>
    <row r="1024475" spans="14:14">
      <c r="N1024475" s="10"/>
    </row>
    <row r="1024476" spans="14:14">
      <c r="N1024476" s="10"/>
    </row>
    <row r="1024477" spans="14:14">
      <c r="N1024477" s="10"/>
    </row>
    <row r="1024478" spans="14:14">
      <c r="N1024478" s="10"/>
    </row>
    <row r="1024479" spans="14:14">
      <c r="N1024479" s="10"/>
    </row>
    <row r="1024480" spans="14:14">
      <c r="N1024480" s="10"/>
    </row>
    <row r="1024481" spans="14:14">
      <c r="N1024481" s="10"/>
    </row>
    <row r="1024482" spans="14:14">
      <c r="N1024482" s="10"/>
    </row>
    <row r="1024483" spans="14:14">
      <c r="N1024483" s="10"/>
    </row>
    <row r="1024484" spans="14:14">
      <c r="N1024484" s="10"/>
    </row>
    <row r="1024485" spans="14:14">
      <c r="N1024485" s="10"/>
    </row>
    <row r="1024486" spans="14:14">
      <c r="N1024486" s="10"/>
    </row>
    <row r="1024487" spans="14:14">
      <c r="N1024487" s="10"/>
    </row>
    <row r="1024488" spans="14:14">
      <c r="N1024488" s="10"/>
    </row>
    <row r="1024489" spans="14:14">
      <c r="N1024489" s="10"/>
    </row>
    <row r="1024490" spans="14:14">
      <c r="N1024490" s="10"/>
    </row>
    <row r="1024491" spans="14:14">
      <c r="N1024491" s="10"/>
    </row>
    <row r="1024492" spans="14:14">
      <c r="N1024492" s="10"/>
    </row>
    <row r="1024493" spans="14:14">
      <c r="N1024493" s="10"/>
    </row>
    <row r="1024494" spans="14:14">
      <c r="N1024494" s="10"/>
    </row>
    <row r="1024495" spans="14:14">
      <c r="N1024495" s="10"/>
    </row>
    <row r="1024496" spans="14:14">
      <c r="N1024496" s="10"/>
    </row>
    <row r="1024497" spans="14:14">
      <c r="N1024497" s="10"/>
    </row>
    <row r="1024498" spans="14:14">
      <c r="N1024498" s="10"/>
    </row>
    <row r="1024499" spans="14:14">
      <c r="N1024499" s="10"/>
    </row>
    <row r="1024500" spans="14:14">
      <c r="N1024500" s="10"/>
    </row>
    <row r="1024501" spans="14:14">
      <c r="N1024501" s="10"/>
    </row>
    <row r="1024502" spans="14:14">
      <c r="N1024502" s="10"/>
    </row>
    <row r="1024503" spans="14:14">
      <c r="N1024503" s="10"/>
    </row>
    <row r="1024504" spans="14:14">
      <c r="N1024504" s="10"/>
    </row>
    <row r="1024505" spans="14:14">
      <c r="N1024505" s="10"/>
    </row>
    <row r="1024506" spans="14:14">
      <c r="N1024506" s="10"/>
    </row>
    <row r="1024507" spans="14:14">
      <c r="N1024507" s="10"/>
    </row>
    <row r="1024508" spans="14:14">
      <c r="N1024508" s="10"/>
    </row>
    <row r="1024509" spans="14:14">
      <c r="N1024509" s="10"/>
    </row>
    <row r="1024510" spans="14:14">
      <c r="N1024510" s="10"/>
    </row>
    <row r="1024511" spans="14:14">
      <c r="N1024511" s="10"/>
    </row>
    <row r="1024512" spans="14:14">
      <c r="N1024512" s="10"/>
    </row>
    <row r="1024513" spans="14:14">
      <c r="N1024513" s="10"/>
    </row>
    <row r="1024514" spans="14:14">
      <c r="N1024514" s="10"/>
    </row>
    <row r="1024515" spans="14:14">
      <c r="N1024515" s="10"/>
    </row>
    <row r="1024516" spans="14:14">
      <c r="N1024516" s="10"/>
    </row>
    <row r="1024517" spans="14:14">
      <c r="N1024517" s="10"/>
    </row>
    <row r="1024518" spans="14:14">
      <c r="N1024518" s="10"/>
    </row>
    <row r="1024519" spans="14:14">
      <c r="N1024519" s="10"/>
    </row>
    <row r="1024520" spans="14:14">
      <c r="N1024520" s="10"/>
    </row>
    <row r="1024521" spans="14:14">
      <c r="N1024521" s="10"/>
    </row>
    <row r="1024522" spans="14:14">
      <c r="N1024522" s="10"/>
    </row>
    <row r="1024523" spans="14:14">
      <c r="N1024523" s="10"/>
    </row>
    <row r="1024524" spans="14:14">
      <c r="N1024524" s="10"/>
    </row>
    <row r="1024525" spans="14:14">
      <c r="N1024525" s="10"/>
    </row>
    <row r="1024526" spans="14:14">
      <c r="N1024526" s="10"/>
    </row>
    <row r="1024527" spans="14:14">
      <c r="N1024527" s="10"/>
    </row>
    <row r="1024528" spans="14:14">
      <c r="N1024528" s="10"/>
    </row>
    <row r="1024529" spans="14:14">
      <c r="N1024529" s="10"/>
    </row>
    <row r="1024530" spans="14:14">
      <c r="N1024530" s="10"/>
    </row>
    <row r="1024531" spans="14:14">
      <c r="N1024531" s="10"/>
    </row>
    <row r="1024532" spans="14:14">
      <c r="N1024532" s="10"/>
    </row>
    <row r="1024533" spans="14:14">
      <c r="N1024533" s="10"/>
    </row>
    <row r="1024534" spans="14:14">
      <c r="N1024534" s="10"/>
    </row>
    <row r="1024535" spans="14:14">
      <c r="N1024535" s="10"/>
    </row>
    <row r="1024536" spans="14:14">
      <c r="N1024536" s="10"/>
    </row>
    <row r="1024537" spans="14:14">
      <c r="N1024537" s="10"/>
    </row>
    <row r="1024538" spans="14:14">
      <c r="N1024538" s="10"/>
    </row>
    <row r="1024539" spans="14:14">
      <c r="N1024539" s="10"/>
    </row>
    <row r="1024540" spans="14:14">
      <c r="N1024540" s="10"/>
    </row>
    <row r="1024541" spans="14:14">
      <c r="N1024541" s="10"/>
    </row>
    <row r="1024542" spans="14:14">
      <c r="N1024542" s="10"/>
    </row>
    <row r="1024543" spans="14:14">
      <c r="N1024543" s="10"/>
    </row>
    <row r="1024544" spans="14:14">
      <c r="N1024544" s="10"/>
    </row>
    <row r="1024545" spans="14:14">
      <c r="N1024545" s="10"/>
    </row>
    <row r="1024546" spans="14:14">
      <c r="N1024546" s="10"/>
    </row>
    <row r="1024547" spans="14:14">
      <c r="N1024547" s="10"/>
    </row>
    <row r="1024548" spans="14:14">
      <c r="N1024548" s="10"/>
    </row>
    <row r="1024549" spans="14:14">
      <c r="N1024549" s="10"/>
    </row>
    <row r="1024550" spans="14:14">
      <c r="N1024550" s="10"/>
    </row>
    <row r="1024551" spans="14:14">
      <c r="N1024551" s="10"/>
    </row>
    <row r="1024552" spans="14:14">
      <c r="N1024552" s="10"/>
    </row>
    <row r="1024553" spans="14:14">
      <c r="N1024553" s="10"/>
    </row>
    <row r="1024554" spans="14:14">
      <c r="N1024554" s="10"/>
    </row>
    <row r="1024555" spans="14:14">
      <c r="N1024555" s="10"/>
    </row>
    <row r="1024556" spans="14:14">
      <c r="N1024556" s="10"/>
    </row>
    <row r="1024557" spans="14:14">
      <c r="N1024557" s="10"/>
    </row>
    <row r="1024558" spans="14:14">
      <c r="N1024558" s="10"/>
    </row>
    <row r="1024559" spans="14:14">
      <c r="N1024559" s="10"/>
    </row>
    <row r="1024560" spans="14:14">
      <c r="N1024560" s="10"/>
    </row>
    <row r="1024561" spans="14:14">
      <c r="N1024561" s="10"/>
    </row>
    <row r="1024562" spans="14:14">
      <c r="N1024562" s="10"/>
    </row>
    <row r="1024563" spans="14:14">
      <c r="N1024563" s="10"/>
    </row>
    <row r="1024564" spans="14:14">
      <c r="N1024564" s="10"/>
    </row>
    <row r="1024565" spans="14:14">
      <c r="N1024565" s="10"/>
    </row>
    <row r="1024566" spans="14:14">
      <c r="N1024566" s="10"/>
    </row>
    <row r="1024567" spans="14:14">
      <c r="N1024567" s="10"/>
    </row>
    <row r="1024568" spans="14:14">
      <c r="N1024568" s="10"/>
    </row>
    <row r="1024569" spans="14:14">
      <c r="N1024569" s="10"/>
    </row>
    <row r="1024570" spans="14:14">
      <c r="N1024570" s="10"/>
    </row>
    <row r="1024571" spans="14:14">
      <c r="N1024571" s="10"/>
    </row>
    <row r="1024572" spans="14:14">
      <c r="N1024572" s="10"/>
    </row>
    <row r="1024573" spans="14:14">
      <c r="N1024573" s="10"/>
    </row>
    <row r="1024574" spans="14:14">
      <c r="N1024574" s="10"/>
    </row>
    <row r="1024575" spans="14:14">
      <c r="N1024575" s="10"/>
    </row>
    <row r="1024576" spans="14:14">
      <c r="N1024576" s="10"/>
    </row>
    <row r="1024577" spans="14:14">
      <c r="N1024577" s="10"/>
    </row>
    <row r="1024578" spans="14:14">
      <c r="N1024578" s="10"/>
    </row>
    <row r="1024579" spans="14:14">
      <c r="N1024579" s="10"/>
    </row>
    <row r="1024580" spans="14:14">
      <c r="N1024580" s="10"/>
    </row>
    <row r="1024581" spans="14:14">
      <c r="N1024581" s="10"/>
    </row>
    <row r="1024582" spans="14:14">
      <c r="N1024582" s="10"/>
    </row>
    <row r="1024583" spans="14:14">
      <c r="N1024583" s="10"/>
    </row>
    <row r="1024584" spans="14:14">
      <c r="N1024584" s="10"/>
    </row>
    <row r="1024585" spans="14:14">
      <c r="N1024585" s="10"/>
    </row>
    <row r="1024586" spans="14:14">
      <c r="N1024586" s="10"/>
    </row>
    <row r="1024587" spans="14:14">
      <c r="N1024587" s="10"/>
    </row>
    <row r="1024588" spans="14:14">
      <c r="N1024588" s="10"/>
    </row>
    <row r="1024589" spans="14:14">
      <c r="N1024589" s="10"/>
    </row>
    <row r="1024590" spans="14:14">
      <c r="N1024590" s="10"/>
    </row>
    <row r="1024591" spans="14:14">
      <c r="N1024591" s="10"/>
    </row>
    <row r="1024592" spans="14:14">
      <c r="N1024592" s="10"/>
    </row>
    <row r="1024593" spans="14:14">
      <c r="N1024593" s="10"/>
    </row>
    <row r="1024594" spans="14:14">
      <c r="N1024594" s="10"/>
    </row>
    <row r="1024595" spans="14:14">
      <c r="N1024595" s="10"/>
    </row>
    <row r="1024596" spans="14:14">
      <c r="N1024596" s="10"/>
    </row>
    <row r="1024597" spans="14:14">
      <c r="N1024597" s="10"/>
    </row>
    <row r="1024598" spans="14:14">
      <c r="N1024598" s="10"/>
    </row>
    <row r="1024599" spans="14:14">
      <c r="N1024599" s="10"/>
    </row>
    <row r="1024600" spans="14:14">
      <c r="N1024600" s="10"/>
    </row>
    <row r="1024601" spans="14:14">
      <c r="N1024601" s="10"/>
    </row>
    <row r="1024602" spans="14:14">
      <c r="N1024602" s="10"/>
    </row>
    <row r="1024603" spans="14:14">
      <c r="N1024603" s="10"/>
    </row>
    <row r="1024604" spans="14:14">
      <c r="N1024604" s="10"/>
    </row>
    <row r="1024605" spans="14:14">
      <c r="N1024605" s="10"/>
    </row>
    <row r="1024606" spans="14:14">
      <c r="N1024606" s="10"/>
    </row>
    <row r="1024607" spans="14:14">
      <c r="N1024607" s="10"/>
    </row>
    <row r="1024608" spans="14:14">
      <c r="N1024608" s="10"/>
    </row>
    <row r="1024609" spans="14:14">
      <c r="N1024609" s="10"/>
    </row>
    <row r="1024610" spans="14:14">
      <c r="N1024610" s="10"/>
    </row>
    <row r="1024611" spans="14:14">
      <c r="N1024611" s="10"/>
    </row>
    <row r="1024612" spans="14:14">
      <c r="N1024612" s="10"/>
    </row>
    <row r="1024613" spans="14:14">
      <c r="N1024613" s="10"/>
    </row>
    <row r="1024614" spans="14:14">
      <c r="N1024614" s="10"/>
    </row>
    <row r="1024615" spans="14:14">
      <c r="N1024615" s="10"/>
    </row>
    <row r="1024616" spans="14:14">
      <c r="N1024616" s="10"/>
    </row>
    <row r="1024617" spans="14:14">
      <c r="N1024617" s="10"/>
    </row>
    <row r="1024618" spans="14:14">
      <c r="N1024618" s="10"/>
    </row>
    <row r="1024619" spans="14:14">
      <c r="N1024619" s="10"/>
    </row>
    <row r="1024620" spans="14:14">
      <c r="N1024620" s="10"/>
    </row>
    <row r="1024621" spans="14:14">
      <c r="N1024621" s="10"/>
    </row>
    <row r="1024622" spans="14:14">
      <c r="N1024622" s="10"/>
    </row>
    <row r="1024623" spans="14:14">
      <c r="N1024623" s="10"/>
    </row>
    <row r="1024624" spans="14:14">
      <c r="N1024624" s="10"/>
    </row>
    <row r="1024625" spans="14:14">
      <c r="N1024625" s="10"/>
    </row>
    <row r="1024626" spans="14:14">
      <c r="N1024626" s="10"/>
    </row>
    <row r="1024627" spans="14:14">
      <c r="N1024627" s="10"/>
    </row>
    <row r="1024628" spans="14:14">
      <c r="N1024628" s="10"/>
    </row>
    <row r="1024629" spans="14:14">
      <c r="N1024629" s="10"/>
    </row>
    <row r="1024630" spans="14:14">
      <c r="N1024630" s="10"/>
    </row>
    <row r="1024631" spans="14:14">
      <c r="N1024631" s="10"/>
    </row>
    <row r="1024632" spans="14:14">
      <c r="N1024632" s="10"/>
    </row>
    <row r="1024633" spans="14:14">
      <c r="N1024633" s="10"/>
    </row>
    <row r="1024634" spans="14:14">
      <c r="N1024634" s="10"/>
    </row>
    <row r="1024635" spans="14:14">
      <c r="N1024635" s="10"/>
    </row>
    <row r="1024636" spans="14:14">
      <c r="N1024636" s="10"/>
    </row>
    <row r="1024637" spans="14:14">
      <c r="N1024637" s="10"/>
    </row>
    <row r="1024638" spans="14:14">
      <c r="N1024638" s="10"/>
    </row>
    <row r="1024639" spans="14:14">
      <c r="N1024639" s="10"/>
    </row>
    <row r="1024640" spans="14:14">
      <c r="N1024640" s="10"/>
    </row>
    <row r="1024641" spans="14:14">
      <c r="N1024641" s="10"/>
    </row>
    <row r="1024642" spans="14:14">
      <c r="N1024642" s="10"/>
    </row>
    <row r="1024643" spans="14:14">
      <c r="N1024643" s="10"/>
    </row>
    <row r="1024644" spans="14:14">
      <c r="N1024644" s="10"/>
    </row>
    <row r="1024645" spans="14:14">
      <c r="N1024645" s="10"/>
    </row>
    <row r="1024646" spans="14:14">
      <c r="N1024646" s="10"/>
    </row>
    <row r="1024647" spans="14:14">
      <c r="N1024647" s="10"/>
    </row>
    <row r="1024648" spans="14:14">
      <c r="N1024648" s="10"/>
    </row>
    <row r="1024649" spans="14:14">
      <c r="N1024649" s="10"/>
    </row>
    <row r="1024650" spans="14:14">
      <c r="N1024650" s="10"/>
    </row>
    <row r="1024651" spans="14:14">
      <c r="N1024651" s="10"/>
    </row>
    <row r="1024652" spans="14:14">
      <c r="N1024652" s="10"/>
    </row>
    <row r="1024653" spans="14:14">
      <c r="N1024653" s="10"/>
    </row>
    <row r="1024654" spans="14:14">
      <c r="N1024654" s="10"/>
    </row>
    <row r="1024655" spans="14:14">
      <c r="N1024655" s="10"/>
    </row>
    <row r="1024656" spans="14:14">
      <c r="N1024656" s="10"/>
    </row>
    <row r="1024657" spans="14:14">
      <c r="N1024657" s="10"/>
    </row>
    <row r="1024658" spans="14:14">
      <c r="N1024658" s="10"/>
    </row>
    <row r="1024659" spans="14:14">
      <c r="N1024659" s="10"/>
    </row>
    <row r="1024660" spans="14:14">
      <c r="N1024660" s="10"/>
    </row>
    <row r="1024661" spans="14:14">
      <c r="N1024661" s="10"/>
    </row>
    <row r="1024662" spans="14:14">
      <c r="N1024662" s="10"/>
    </row>
    <row r="1024663" spans="14:14">
      <c r="N1024663" s="10"/>
    </row>
    <row r="1024664" spans="14:14">
      <c r="N1024664" s="10"/>
    </row>
    <row r="1024665" spans="14:14">
      <c r="N1024665" s="10"/>
    </row>
    <row r="1024666" spans="14:14">
      <c r="N1024666" s="10"/>
    </row>
    <row r="1024667" spans="14:14">
      <c r="N1024667" s="10"/>
    </row>
    <row r="1024668" spans="14:14">
      <c r="N1024668" s="10"/>
    </row>
    <row r="1024669" spans="14:14">
      <c r="N1024669" s="10"/>
    </row>
    <row r="1024670" spans="14:14">
      <c r="N1024670" s="10"/>
    </row>
    <row r="1024671" spans="14:14">
      <c r="N1024671" s="10"/>
    </row>
    <row r="1024672" spans="14:14">
      <c r="N1024672" s="10"/>
    </row>
    <row r="1024673" spans="14:14">
      <c r="N1024673" s="10"/>
    </row>
    <row r="1024674" spans="14:14">
      <c r="N1024674" s="10"/>
    </row>
    <row r="1024675" spans="14:14">
      <c r="N1024675" s="10"/>
    </row>
    <row r="1024676" spans="14:14">
      <c r="N1024676" s="10"/>
    </row>
    <row r="1024677" spans="14:14">
      <c r="N1024677" s="10"/>
    </row>
    <row r="1024678" spans="14:14">
      <c r="N1024678" s="10"/>
    </row>
    <row r="1024679" spans="14:14">
      <c r="N1024679" s="10"/>
    </row>
    <row r="1024680" spans="14:14">
      <c r="N1024680" s="10"/>
    </row>
    <row r="1024681" spans="14:14">
      <c r="N1024681" s="10"/>
    </row>
    <row r="1024682" spans="14:14">
      <c r="N1024682" s="10"/>
    </row>
    <row r="1024683" spans="14:14">
      <c r="N1024683" s="10"/>
    </row>
    <row r="1024684" spans="14:14">
      <c r="N1024684" s="10"/>
    </row>
    <row r="1024685" spans="14:14">
      <c r="N1024685" s="10"/>
    </row>
    <row r="1024686" spans="14:14">
      <c r="N1024686" s="10"/>
    </row>
    <row r="1024687" spans="14:14">
      <c r="N1024687" s="10"/>
    </row>
    <row r="1024688" spans="14:14">
      <c r="N1024688" s="10"/>
    </row>
    <row r="1024689" spans="14:14">
      <c r="N1024689" s="10"/>
    </row>
    <row r="1024690" spans="14:14">
      <c r="N1024690" s="10"/>
    </row>
    <row r="1024691" spans="14:14">
      <c r="N1024691" s="10"/>
    </row>
    <row r="1024692" spans="14:14">
      <c r="N1024692" s="10"/>
    </row>
    <row r="1024693" spans="14:14">
      <c r="N1024693" s="10"/>
    </row>
    <row r="1024694" spans="14:14">
      <c r="N1024694" s="10"/>
    </row>
    <row r="1024695" spans="14:14">
      <c r="N1024695" s="10"/>
    </row>
    <row r="1024696" spans="14:14">
      <c r="N1024696" s="10"/>
    </row>
    <row r="1024697" spans="14:14">
      <c r="N1024697" s="10"/>
    </row>
    <row r="1024698" spans="14:14">
      <c r="N1024698" s="10"/>
    </row>
    <row r="1024699" spans="14:14">
      <c r="N1024699" s="10"/>
    </row>
    <row r="1024700" spans="14:14">
      <c r="N1024700" s="10"/>
    </row>
    <row r="1024701" spans="14:14">
      <c r="N1024701" s="10"/>
    </row>
    <row r="1024702" spans="14:14">
      <c r="N1024702" s="10"/>
    </row>
    <row r="1024703" spans="14:14">
      <c r="N1024703" s="10"/>
    </row>
    <row r="1024704" spans="14:14">
      <c r="N1024704" s="10"/>
    </row>
    <row r="1024705" spans="14:14">
      <c r="N1024705" s="10"/>
    </row>
    <row r="1024706" spans="14:14">
      <c r="N1024706" s="10"/>
    </row>
    <row r="1024707" spans="14:14">
      <c r="N1024707" s="10"/>
    </row>
    <row r="1024708" spans="14:14">
      <c r="N1024708" s="10"/>
    </row>
    <row r="1024709" spans="14:14">
      <c r="N1024709" s="10"/>
    </row>
    <row r="1024710" spans="14:14">
      <c r="N1024710" s="10"/>
    </row>
    <row r="1024711" spans="14:14">
      <c r="N1024711" s="10"/>
    </row>
    <row r="1024712" spans="14:14">
      <c r="N1024712" s="10"/>
    </row>
    <row r="1024713" spans="14:14">
      <c r="N1024713" s="10"/>
    </row>
    <row r="1024714" spans="14:14">
      <c r="N1024714" s="10"/>
    </row>
    <row r="1024715" spans="14:14">
      <c r="N1024715" s="10"/>
    </row>
    <row r="1024716" spans="14:14">
      <c r="N1024716" s="10"/>
    </row>
    <row r="1024717" spans="14:14">
      <c r="N1024717" s="10"/>
    </row>
    <row r="1024718" spans="14:14">
      <c r="N1024718" s="10"/>
    </row>
    <row r="1024719" spans="14:14">
      <c r="N1024719" s="10"/>
    </row>
    <row r="1024720" spans="14:14">
      <c r="N1024720" s="10"/>
    </row>
    <row r="1024721" spans="14:14">
      <c r="N1024721" s="10"/>
    </row>
    <row r="1024722" spans="14:14">
      <c r="N1024722" s="10"/>
    </row>
    <row r="1024723" spans="14:14">
      <c r="N1024723" s="10"/>
    </row>
    <row r="1024724" spans="14:14">
      <c r="N1024724" s="10"/>
    </row>
    <row r="1024725" spans="14:14">
      <c r="N1024725" s="10"/>
    </row>
    <row r="1024726" spans="14:14">
      <c r="N1024726" s="10"/>
    </row>
    <row r="1024727" spans="14:14">
      <c r="N1024727" s="10"/>
    </row>
    <row r="1024728" spans="14:14">
      <c r="N1024728" s="10"/>
    </row>
    <row r="1024729" spans="14:14">
      <c r="N1024729" s="10"/>
    </row>
    <row r="1024730" spans="14:14">
      <c r="N1024730" s="10"/>
    </row>
    <row r="1024731" spans="14:14">
      <c r="N1024731" s="10"/>
    </row>
    <row r="1024732" spans="14:14">
      <c r="N1024732" s="10"/>
    </row>
    <row r="1024733" spans="14:14">
      <c r="N1024733" s="10"/>
    </row>
    <row r="1024734" spans="14:14">
      <c r="N1024734" s="10"/>
    </row>
    <row r="1024735" spans="14:14">
      <c r="N1024735" s="10"/>
    </row>
    <row r="1024736" spans="14:14">
      <c r="N1024736" s="10"/>
    </row>
    <row r="1024737" spans="14:14">
      <c r="N1024737" s="10"/>
    </row>
    <row r="1024738" spans="14:14">
      <c r="N1024738" s="10"/>
    </row>
    <row r="1024739" spans="14:14">
      <c r="N1024739" s="10"/>
    </row>
    <row r="1024740" spans="14:14">
      <c r="N1024740" s="10"/>
    </row>
    <row r="1024741" spans="14:14">
      <c r="N1024741" s="10"/>
    </row>
    <row r="1024742" spans="14:14">
      <c r="N1024742" s="10"/>
    </row>
    <row r="1024743" spans="14:14">
      <c r="N1024743" s="10"/>
    </row>
    <row r="1024744" spans="14:14">
      <c r="N1024744" s="10"/>
    </row>
    <row r="1024745" spans="14:14">
      <c r="N1024745" s="10"/>
    </row>
    <row r="1024746" spans="14:14">
      <c r="N1024746" s="10"/>
    </row>
    <row r="1024747" spans="14:14">
      <c r="N1024747" s="10"/>
    </row>
    <row r="1024748" spans="14:14">
      <c r="N1024748" s="10"/>
    </row>
    <row r="1024749" spans="14:14">
      <c r="N1024749" s="10"/>
    </row>
    <row r="1024750" spans="14:14">
      <c r="N1024750" s="10"/>
    </row>
    <row r="1024751" spans="14:14">
      <c r="N1024751" s="10"/>
    </row>
    <row r="1024752" spans="14:14">
      <c r="N1024752" s="10"/>
    </row>
    <row r="1024753" spans="14:14">
      <c r="N1024753" s="10"/>
    </row>
    <row r="1024754" spans="14:14">
      <c r="N1024754" s="10"/>
    </row>
    <row r="1024755" spans="14:14">
      <c r="N1024755" s="10"/>
    </row>
    <row r="1024756" spans="14:14">
      <c r="N1024756" s="10"/>
    </row>
    <row r="1024757" spans="14:14">
      <c r="N1024757" s="10"/>
    </row>
    <row r="1024758" spans="14:14">
      <c r="N1024758" s="10"/>
    </row>
    <row r="1024759" spans="14:14">
      <c r="N1024759" s="10"/>
    </row>
    <row r="1024760" spans="14:14">
      <c r="N1024760" s="10"/>
    </row>
    <row r="1024761" spans="14:14">
      <c r="N1024761" s="10"/>
    </row>
    <row r="1024762" spans="14:14">
      <c r="N1024762" s="10"/>
    </row>
    <row r="1024763" spans="14:14">
      <c r="N1024763" s="10"/>
    </row>
    <row r="1024764" spans="14:14">
      <c r="N1024764" s="10"/>
    </row>
    <row r="1024765" spans="14:14">
      <c r="N1024765" s="10"/>
    </row>
    <row r="1024766" spans="14:14">
      <c r="N1024766" s="10"/>
    </row>
    <row r="1024767" spans="14:14">
      <c r="N1024767" s="10"/>
    </row>
    <row r="1024768" spans="14:14">
      <c r="N1024768" s="10"/>
    </row>
    <row r="1024769" spans="14:14">
      <c r="N1024769" s="10"/>
    </row>
    <row r="1024770" spans="14:14">
      <c r="N1024770" s="10"/>
    </row>
    <row r="1024771" spans="14:14">
      <c r="N1024771" s="10"/>
    </row>
    <row r="1024772" spans="14:14">
      <c r="N1024772" s="10"/>
    </row>
    <row r="1024773" spans="14:14">
      <c r="N1024773" s="10"/>
    </row>
    <row r="1024774" spans="14:14">
      <c r="N1024774" s="10"/>
    </row>
    <row r="1024775" spans="14:14">
      <c r="N1024775" s="10"/>
    </row>
    <row r="1024776" spans="14:14">
      <c r="N1024776" s="10"/>
    </row>
    <row r="1024777" spans="14:14">
      <c r="N1024777" s="10"/>
    </row>
    <row r="1024778" spans="14:14">
      <c r="N1024778" s="10"/>
    </row>
    <row r="1024779" spans="14:14">
      <c r="N1024779" s="10"/>
    </row>
    <row r="1024780" spans="14:14">
      <c r="N1024780" s="10"/>
    </row>
    <row r="1024781" spans="14:14">
      <c r="N1024781" s="10"/>
    </row>
    <row r="1024782" spans="14:14">
      <c r="N1024782" s="10"/>
    </row>
    <row r="1024783" spans="14:14">
      <c r="N1024783" s="10"/>
    </row>
    <row r="1024784" spans="14:14">
      <c r="N1024784" s="10"/>
    </row>
    <row r="1024785" spans="14:14">
      <c r="N1024785" s="10"/>
    </row>
    <row r="1024786" spans="14:14">
      <c r="N1024786" s="10"/>
    </row>
    <row r="1024787" spans="14:14">
      <c r="N1024787" s="10"/>
    </row>
    <row r="1024788" spans="14:14">
      <c r="N1024788" s="10"/>
    </row>
    <row r="1024789" spans="14:14">
      <c r="N1024789" s="10"/>
    </row>
    <row r="1024790" spans="14:14">
      <c r="N1024790" s="10"/>
    </row>
    <row r="1024791" spans="14:14">
      <c r="N1024791" s="10"/>
    </row>
    <row r="1024792" spans="14:14">
      <c r="N1024792" s="10"/>
    </row>
    <row r="1024793" spans="14:14">
      <c r="N1024793" s="10"/>
    </row>
    <row r="1024794" spans="14:14">
      <c r="N1024794" s="10"/>
    </row>
    <row r="1024795" spans="14:14">
      <c r="N1024795" s="10"/>
    </row>
    <row r="1024796" spans="14:14">
      <c r="N1024796" s="10"/>
    </row>
    <row r="1024797" spans="14:14">
      <c r="N1024797" s="10"/>
    </row>
    <row r="1024798" spans="14:14">
      <c r="N1024798" s="10"/>
    </row>
    <row r="1024799" spans="14:14">
      <c r="N1024799" s="10"/>
    </row>
    <row r="1024800" spans="14:14">
      <c r="N1024800" s="10"/>
    </row>
    <row r="1024801" spans="14:14">
      <c r="N1024801" s="10"/>
    </row>
    <row r="1024802" spans="14:14">
      <c r="N1024802" s="10"/>
    </row>
    <row r="1024803" spans="14:14">
      <c r="N1024803" s="10"/>
    </row>
    <row r="1024804" spans="14:14">
      <c r="N1024804" s="10"/>
    </row>
    <row r="1024805" spans="14:14">
      <c r="N1024805" s="10"/>
    </row>
    <row r="1024806" spans="14:14">
      <c r="N1024806" s="10"/>
    </row>
    <row r="1024807" spans="14:14">
      <c r="N1024807" s="10"/>
    </row>
    <row r="1024808" spans="14:14">
      <c r="N1024808" s="10"/>
    </row>
    <row r="1024809" spans="14:14">
      <c r="N1024809" s="10"/>
    </row>
    <row r="1024810" spans="14:14">
      <c r="N1024810" s="10"/>
    </row>
    <row r="1024811" spans="14:14">
      <c r="N1024811" s="10"/>
    </row>
    <row r="1024812" spans="14:14">
      <c r="N1024812" s="10"/>
    </row>
    <row r="1024813" spans="14:14">
      <c r="N1024813" s="10"/>
    </row>
    <row r="1024814" spans="14:14">
      <c r="N1024814" s="10"/>
    </row>
    <row r="1024815" spans="14:14">
      <c r="N1024815" s="10"/>
    </row>
    <row r="1024816" spans="14:14">
      <c r="N1024816" s="10"/>
    </row>
    <row r="1024817" spans="14:14">
      <c r="N1024817" s="10"/>
    </row>
    <row r="1024818" spans="14:14">
      <c r="N1024818" s="10"/>
    </row>
    <row r="1024819" spans="14:14">
      <c r="N1024819" s="10"/>
    </row>
    <row r="1024820" spans="14:14">
      <c r="N1024820" s="10"/>
    </row>
    <row r="1024821" spans="14:14">
      <c r="N1024821" s="10"/>
    </row>
    <row r="1024822" spans="14:14">
      <c r="N1024822" s="10"/>
    </row>
    <row r="1024823" spans="14:14">
      <c r="N1024823" s="10"/>
    </row>
    <row r="1024824" spans="14:14">
      <c r="N1024824" s="10"/>
    </row>
    <row r="1024825" spans="14:14">
      <c r="N1024825" s="10"/>
    </row>
    <row r="1024826" spans="14:14">
      <c r="N1024826" s="10"/>
    </row>
    <row r="1024827" spans="14:14">
      <c r="N1024827" s="10"/>
    </row>
    <row r="1024828" spans="14:14">
      <c r="N1024828" s="10"/>
    </row>
    <row r="1024829" spans="14:14">
      <c r="N1024829" s="10"/>
    </row>
    <row r="1024830" spans="14:14">
      <c r="N1024830" s="10"/>
    </row>
    <row r="1024831" spans="14:14">
      <c r="N1024831" s="10"/>
    </row>
    <row r="1024832" spans="14:14">
      <c r="N1024832" s="10"/>
    </row>
    <row r="1024833" spans="14:14">
      <c r="N1024833" s="10"/>
    </row>
    <row r="1024834" spans="14:14">
      <c r="N1024834" s="10"/>
    </row>
    <row r="1024835" spans="14:14">
      <c r="N1024835" s="10"/>
    </row>
    <row r="1024836" spans="14:14">
      <c r="N1024836" s="10"/>
    </row>
    <row r="1024837" spans="14:14">
      <c r="N1024837" s="10"/>
    </row>
    <row r="1024838" spans="14:14">
      <c r="N1024838" s="10"/>
    </row>
    <row r="1024839" spans="14:14">
      <c r="N1024839" s="10"/>
    </row>
    <row r="1024840" spans="14:14">
      <c r="N1024840" s="10"/>
    </row>
    <row r="1024841" spans="14:14">
      <c r="N1024841" s="10"/>
    </row>
    <row r="1024842" spans="14:14">
      <c r="N1024842" s="10"/>
    </row>
    <row r="1024843" spans="14:14">
      <c r="N1024843" s="10"/>
    </row>
    <row r="1024844" spans="14:14">
      <c r="N1024844" s="10"/>
    </row>
    <row r="1024845" spans="14:14">
      <c r="N1024845" s="10"/>
    </row>
    <row r="1024846" spans="14:14">
      <c r="N1024846" s="10"/>
    </row>
    <row r="1024847" spans="14:14">
      <c r="N1024847" s="10"/>
    </row>
    <row r="1024848" spans="14:14">
      <c r="N1024848" s="10"/>
    </row>
    <row r="1024849" spans="14:14">
      <c r="N1024849" s="10"/>
    </row>
    <row r="1024850" spans="14:14">
      <c r="N1024850" s="10"/>
    </row>
    <row r="1024851" spans="14:14">
      <c r="N1024851" s="10"/>
    </row>
    <row r="1024852" spans="14:14">
      <c r="N1024852" s="10"/>
    </row>
    <row r="1024853" spans="14:14">
      <c r="N1024853" s="10"/>
    </row>
    <row r="1024854" spans="14:14">
      <c r="N1024854" s="10"/>
    </row>
    <row r="1024855" spans="14:14">
      <c r="N1024855" s="10"/>
    </row>
    <row r="1024856" spans="14:14">
      <c r="N1024856" s="10"/>
    </row>
    <row r="1024857" spans="14:14">
      <c r="N1024857" s="10"/>
    </row>
    <row r="1024858" spans="14:14">
      <c r="N1024858" s="10"/>
    </row>
    <row r="1024859" spans="14:14">
      <c r="N1024859" s="10"/>
    </row>
    <row r="1024860" spans="14:14">
      <c r="N1024860" s="10"/>
    </row>
    <row r="1024861" spans="14:14">
      <c r="N1024861" s="10"/>
    </row>
    <row r="1024862" spans="14:14">
      <c r="N1024862" s="10"/>
    </row>
    <row r="1024863" spans="14:14">
      <c r="N1024863" s="10"/>
    </row>
    <row r="1024864" spans="14:14">
      <c r="N1024864" s="10"/>
    </row>
    <row r="1024865" spans="14:14">
      <c r="N1024865" s="10"/>
    </row>
    <row r="1024866" spans="14:14">
      <c r="N1024866" s="10"/>
    </row>
    <row r="1024867" spans="14:14">
      <c r="N1024867" s="10"/>
    </row>
    <row r="1024868" spans="14:14">
      <c r="N1024868" s="10"/>
    </row>
    <row r="1024869" spans="14:14">
      <c r="N1024869" s="10"/>
    </row>
    <row r="1024870" spans="14:14">
      <c r="N1024870" s="10"/>
    </row>
    <row r="1024871" spans="14:14">
      <c r="N1024871" s="10"/>
    </row>
    <row r="1024872" spans="14:14">
      <c r="N1024872" s="10"/>
    </row>
    <row r="1024873" spans="14:14">
      <c r="N1024873" s="10"/>
    </row>
    <row r="1024874" spans="14:14">
      <c r="N1024874" s="10"/>
    </row>
    <row r="1024875" spans="14:14">
      <c r="N1024875" s="10"/>
    </row>
    <row r="1024876" spans="14:14">
      <c r="N1024876" s="10"/>
    </row>
    <row r="1024877" spans="14:14">
      <c r="N1024877" s="10"/>
    </row>
    <row r="1024878" spans="14:14">
      <c r="N1024878" s="10"/>
    </row>
    <row r="1024879" spans="14:14">
      <c r="N1024879" s="10"/>
    </row>
    <row r="1024880" spans="14:14">
      <c r="N1024880" s="10"/>
    </row>
    <row r="1024881" spans="14:14">
      <c r="N1024881" s="10"/>
    </row>
    <row r="1024882" spans="14:14">
      <c r="N1024882" s="10"/>
    </row>
    <row r="1024883" spans="14:14">
      <c r="N1024883" s="10"/>
    </row>
    <row r="1024884" spans="14:14">
      <c r="N1024884" s="10"/>
    </row>
    <row r="1024885" spans="14:14">
      <c r="N1024885" s="10"/>
    </row>
    <row r="1024886" spans="14:14">
      <c r="N1024886" s="10"/>
    </row>
    <row r="1024887" spans="14:14">
      <c r="N1024887" s="10"/>
    </row>
    <row r="1024888" spans="14:14">
      <c r="N1024888" s="10"/>
    </row>
    <row r="1024889" spans="14:14">
      <c r="N1024889" s="10"/>
    </row>
    <row r="1024890" spans="14:14">
      <c r="N1024890" s="10"/>
    </row>
    <row r="1024891" spans="14:14">
      <c r="N1024891" s="10"/>
    </row>
    <row r="1024892" spans="14:14">
      <c r="N1024892" s="10"/>
    </row>
    <row r="1024893" spans="14:14">
      <c r="N1024893" s="10"/>
    </row>
    <row r="1024894" spans="14:14">
      <c r="N1024894" s="10"/>
    </row>
    <row r="1024895" spans="14:14">
      <c r="N1024895" s="10"/>
    </row>
    <row r="1024896" spans="14:14">
      <c r="N1024896" s="10"/>
    </row>
    <row r="1024897" spans="14:14">
      <c r="N1024897" s="10"/>
    </row>
    <row r="1024898" spans="14:14">
      <c r="N1024898" s="10"/>
    </row>
    <row r="1024899" spans="14:14">
      <c r="N1024899" s="10"/>
    </row>
    <row r="1024900" spans="14:14">
      <c r="N1024900" s="10"/>
    </row>
    <row r="1024901" spans="14:14">
      <c r="N1024901" s="10"/>
    </row>
    <row r="1024902" spans="14:14">
      <c r="N1024902" s="10"/>
    </row>
    <row r="1024903" spans="14:14">
      <c r="N1024903" s="10"/>
    </row>
    <row r="1024904" spans="14:14">
      <c r="N1024904" s="10"/>
    </row>
    <row r="1024905" spans="14:14">
      <c r="N1024905" s="10"/>
    </row>
    <row r="1024906" spans="14:14">
      <c r="N1024906" s="10"/>
    </row>
    <row r="1024907" spans="14:14">
      <c r="N1024907" s="10"/>
    </row>
    <row r="1024908" spans="14:14">
      <c r="N1024908" s="10"/>
    </row>
    <row r="1024909" spans="14:14">
      <c r="N1024909" s="10"/>
    </row>
    <row r="1024910" spans="14:14">
      <c r="N1024910" s="10"/>
    </row>
    <row r="1024911" spans="14:14">
      <c r="N1024911" s="10"/>
    </row>
    <row r="1024912" spans="14:14">
      <c r="N1024912" s="10"/>
    </row>
    <row r="1024913" spans="14:14">
      <c r="N1024913" s="10"/>
    </row>
    <row r="1024914" spans="14:14">
      <c r="N1024914" s="10"/>
    </row>
    <row r="1024915" spans="14:14">
      <c r="N1024915" s="10"/>
    </row>
    <row r="1024916" spans="14:14">
      <c r="N1024916" s="10"/>
    </row>
    <row r="1024917" spans="14:14">
      <c r="N1024917" s="10"/>
    </row>
    <row r="1024918" spans="14:14">
      <c r="N1024918" s="10"/>
    </row>
    <row r="1024919" spans="14:14">
      <c r="N1024919" s="10"/>
    </row>
    <row r="1024920" spans="14:14">
      <c r="N1024920" s="10"/>
    </row>
    <row r="1024921" spans="14:14">
      <c r="N1024921" s="10"/>
    </row>
    <row r="1024922" spans="14:14">
      <c r="N1024922" s="10"/>
    </row>
    <row r="1024923" spans="14:14">
      <c r="N1024923" s="10"/>
    </row>
    <row r="1024924" spans="14:14">
      <c r="N1024924" s="10"/>
    </row>
    <row r="1024925" spans="14:14">
      <c r="N1024925" s="10"/>
    </row>
    <row r="1024926" spans="14:14">
      <c r="N1024926" s="10"/>
    </row>
    <row r="1024927" spans="14:14">
      <c r="N1024927" s="10"/>
    </row>
    <row r="1024928" spans="14:14">
      <c r="N1024928" s="10"/>
    </row>
    <row r="1024929" spans="14:14">
      <c r="N1024929" s="10"/>
    </row>
    <row r="1024930" spans="14:14">
      <c r="N1024930" s="10"/>
    </row>
    <row r="1024931" spans="14:14">
      <c r="N1024931" s="10"/>
    </row>
    <row r="1024932" spans="14:14">
      <c r="N1024932" s="10"/>
    </row>
    <row r="1024933" spans="14:14">
      <c r="N1024933" s="10"/>
    </row>
    <row r="1024934" spans="14:14">
      <c r="N1024934" s="10"/>
    </row>
    <row r="1024935" spans="14:14">
      <c r="N1024935" s="10"/>
    </row>
    <row r="1024936" spans="14:14">
      <c r="N1024936" s="10"/>
    </row>
    <row r="1024937" spans="14:14">
      <c r="N1024937" s="10"/>
    </row>
    <row r="1024938" spans="14:14">
      <c r="N1024938" s="10"/>
    </row>
    <row r="1024939" spans="14:14">
      <c r="N1024939" s="10"/>
    </row>
    <row r="1024940" spans="14:14">
      <c r="N1024940" s="10"/>
    </row>
    <row r="1024941" spans="14:14">
      <c r="N1024941" s="10"/>
    </row>
    <row r="1024942" spans="14:14">
      <c r="N1024942" s="10"/>
    </row>
    <row r="1024943" spans="14:14">
      <c r="N1024943" s="10"/>
    </row>
    <row r="1024944" spans="14:14">
      <c r="N1024944" s="10"/>
    </row>
    <row r="1024945" spans="14:14">
      <c r="N1024945" s="10"/>
    </row>
    <row r="1024946" spans="14:14">
      <c r="N1024946" s="10"/>
    </row>
    <row r="1024947" spans="14:14">
      <c r="N1024947" s="10"/>
    </row>
    <row r="1024948" spans="14:14">
      <c r="N1024948" s="10"/>
    </row>
    <row r="1024949" spans="14:14">
      <c r="N1024949" s="10"/>
    </row>
    <row r="1024950" spans="14:14">
      <c r="N1024950" s="10"/>
    </row>
    <row r="1024951" spans="14:14">
      <c r="N1024951" s="10"/>
    </row>
    <row r="1024952" spans="14:14">
      <c r="N1024952" s="10"/>
    </row>
    <row r="1024953" spans="14:14">
      <c r="N1024953" s="10"/>
    </row>
    <row r="1024954" spans="14:14">
      <c r="N1024954" s="10"/>
    </row>
    <row r="1024955" spans="14:14">
      <c r="N1024955" s="10"/>
    </row>
    <row r="1024956" spans="14:14">
      <c r="N1024956" s="10"/>
    </row>
    <row r="1024957" spans="14:14">
      <c r="N1024957" s="10"/>
    </row>
    <row r="1024958" spans="14:14">
      <c r="N1024958" s="10"/>
    </row>
    <row r="1024959" spans="14:14">
      <c r="N1024959" s="10"/>
    </row>
    <row r="1024960" spans="14:14">
      <c r="N1024960" s="10"/>
    </row>
    <row r="1024961" spans="14:14">
      <c r="N1024961" s="10"/>
    </row>
    <row r="1024962" spans="14:14">
      <c r="N1024962" s="10"/>
    </row>
    <row r="1024963" spans="14:14">
      <c r="N1024963" s="10"/>
    </row>
    <row r="1024964" spans="14:14">
      <c r="N1024964" s="10"/>
    </row>
    <row r="1024965" spans="14:14">
      <c r="N1024965" s="10"/>
    </row>
    <row r="1024966" spans="14:14">
      <c r="N1024966" s="10"/>
    </row>
    <row r="1024967" spans="14:14">
      <c r="N1024967" s="10"/>
    </row>
    <row r="1024968" spans="14:14">
      <c r="N1024968" s="10"/>
    </row>
    <row r="1024969" spans="14:14">
      <c r="N1024969" s="10"/>
    </row>
    <row r="1024970" spans="14:14">
      <c r="N1024970" s="10"/>
    </row>
    <row r="1024971" spans="14:14">
      <c r="N1024971" s="10"/>
    </row>
    <row r="1024972" spans="14:14">
      <c r="N1024972" s="10"/>
    </row>
    <row r="1024973" spans="14:14">
      <c r="N1024973" s="10"/>
    </row>
    <row r="1024974" spans="14:14">
      <c r="N1024974" s="10"/>
    </row>
    <row r="1024975" spans="14:14">
      <c r="N1024975" s="10"/>
    </row>
    <row r="1024976" spans="14:14">
      <c r="N1024976" s="10"/>
    </row>
    <row r="1024977" spans="14:14">
      <c r="N1024977" s="10"/>
    </row>
    <row r="1024978" spans="14:14">
      <c r="N1024978" s="10"/>
    </row>
    <row r="1024979" spans="14:14">
      <c r="N1024979" s="10"/>
    </row>
    <row r="1024980" spans="14:14">
      <c r="N1024980" s="10"/>
    </row>
    <row r="1024981" spans="14:14">
      <c r="N1024981" s="10"/>
    </row>
    <row r="1024982" spans="14:14">
      <c r="N1024982" s="10"/>
    </row>
    <row r="1024983" spans="14:14">
      <c r="N1024983" s="10"/>
    </row>
    <row r="1024984" spans="14:14">
      <c r="N1024984" s="10"/>
    </row>
    <row r="1024985" spans="14:14">
      <c r="N1024985" s="10"/>
    </row>
    <row r="1024986" spans="14:14">
      <c r="N1024986" s="10"/>
    </row>
    <row r="1024987" spans="14:14">
      <c r="N1024987" s="10"/>
    </row>
    <row r="1024988" spans="14:14">
      <c r="N1024988" s="10"/>
    </row>
    <row r="1024989" spans="14:14">
      <c r="N1024989" s="10"/>
    </row>
    <row r="1024990" spans="14:14">
      <c r="N1024990" s="10"/>
    </row>
    <row r="1024991" spans="14:14">
      <c r="N1024991" s="10"/>
    </row>
    <row r="1024992" spans="14:14">
      <c r="N1024992" s="10"/>
    </row>
    <row r="1024993" spans="14:14">
      <c r="N1024993" s="10"/>
    </row>
    <row r="1024994" spans="14:14">
      <c r="N1024994" s="10"/>
    </row>
    <row r="1024995" spans="14:14">
      <c r="N1024995" s="10"/>
    </row>
    <row r="1024996" spans="14:14">
      <c r="N1024996" s="10"/>
    </row>
    <row r="1024997" spans="14:14">
      <c r="N1024997" s="10"/>
    </row>
    <row r="1024998" spans="14:14">
      <c r="N1024998" s="10"/>
    </row>
    <row r="1024999" spans="14:14">
      <c r="N1024999" s="10"/>
    </row>
    <row r="1025000" spans="14:14">
      <c r="N1025000" s="10"/>
    </row>
    <row r="1025001" spans="14:14">
      <c r="N1025001" s="10"/>
    </row>
    <row r="1025002" spans="14:14">
      <c r="N1025002" s="10"/>
    </row>
    <row r="1025003" spans="14:14">
      <c r="N1025003" s="10"/>
    </row>
    <row r="1025004" spans="14:14">
      <c r="N1025004" s="10"/>
    </row>
    <row r="1025005" spans="14:14">
      <c r="N1025005" s="10"/>
    </row>
    <row r="1025006" spans="14:14">
      <c r="N1025006" s="10"/>
    </row>
    <row r="1025007" spans="14:14">
      <c r="N1025007" s="10"/>
    </row>
    <row r="1025008" spans="14:14">
      <c r="N1025008" s="10"/>
    </row>
    <row r="1025009" spans="14:14">
      <c r="N1025009" s="10"/>
    </row>
    <row r="1025010" spans="14:14">
      <c r="N1025010" s="10"/>
    </row>
    <row r="1025011" spans="14:14">
      <c r="N1025011" s="10"/>
    </row>
    <row r="1025012" spans="14:14">
      <c r="N1025012" s="10"/>
    </row>
    <row r="1025013" spans="14:14">
      <c r="N1025013" s="10"/>
    </row>
    <row r="1025014" spans="14:14">
      <c r="N1025014" s="10"/>
    </row>
    <row r="1025015" spans="14:14">
      <c r="N1025015" s="10"/>
    </row>
    <row r="1025016" spans="14:14">
      <c r="N1025016" s="10"/>
    </row>
    <row r="1025017" spans="14:14">
      <c r="N1025017" s="10"/>
    </row>
    <row r="1025018" spans="14:14">
      <c r="N1025018" s="10"/>
    </row>
    <row r="1025019" spans="14:14">
      <c r="N1025019" s="10"/>
    </row>
    <row r="1025020" spans="14:14">
      <c r="N1025020" s="10"/>
    </row>
    <row r="1025021" spans="14:14">
      <c r="N1025021" s="10"/>
    </row>
    <row r="1025022" spans="14:14">
      <c r="N1025022" s="10"/>
    </row>
    <row r="1025023" spans="14:14">
      <c r="N1025023" s="10"/>
    </row>
    <row r="1025024" spans="14:14">
      <c r="N1025024" s="10"/>
    </row>
    <row r="1025025" spans="14:14">
      <c r="N1025025" s="10"/>
    </row>
    <row r="1025026" spans="14:14">
      <c r="N1025026" s="10"/>
    </row>
    <row r="1025027" spans="14:14">
      <c r="N1025027" s="10"/>
    </row>
    <row r="1025028" spans="14:14">
      <c r="N1025028" s="10"/>
    </row>
    <row r="1025029" spans="14:14">
      <c r="N1025029" s="10"/>
    </row>
    <row r="1025030" spans="14:14">
      <c r="N1025030" s="10"/>
    </row>
    <row r="1025031" spans="14:14">
      <c r="N1025031" s="10"/>
    </row>
    <row r="1025032" spans="14:14">
      <c r="N1025032" s="10"/>
    </row>
    <row r="1025033" spans="14:14">
      <c r="N1025033" s="10"/>
    </row>
    <row r="1025034" spans="14:14">
      <c r="N1025034" s="10"/>
    </row>
    <row r="1025035" spans="14:14">
      <c r="N1025035" s="10"/>
    </row>
    <row r="1025036" spans="14:14">
      <c r="N1025036" s="10"/>
    </row>
    <row r="1025037" spans="14:14">
      <c r="N1025037" s="10"/>
    </row>
    <row r="1025038" spans="14:14">
      <c r="N1025038" s="10"/>
    </row>
    <row r="1025039" spans="14:14">
      <c r="N1025039" s="10"/>
    </row>
    <row r="1025040" spans="14:14">
      <c r="N1025040" s="10"/>
    </row>
    <row r="1025041" spans="14:14">
      <c r="N1025041" s="10"/>
    </row>
    <row r="1025042" spans="14:14">
      <c r="N1025042" s="10"/>
    </row>
    <row r="1025043" spans="14:14">
      <c r="N1025043" s="10"/>
    </row>
    <row r="1025044" spans="14:14">
      <c r="N1025044" s="10"/>
    </row>
    <row r="1025045" spans="14:14">
      <c r="N1025045" s="10"/>
    </row>
    <row r="1025046" spans="14:14">
      <c r="N1025046" s="10"/>
    </row>
    <row r="1025047" spans="14:14">
      <c r="N1025047" s="10"/>
    </row>
    <row r="1025048" spans="14:14">
      <c r="N1025048" s="10"/>
    </row>
    <row r="1025049" spans="14:14">
      <c r="N1025049" s="10"/>
    </row>
    <row r="1025050" spans="14:14">
      <c r="N1025050" s="10"/>
    </row>
    <row r="1025051" spans="14:14">
      <c r="N1025051" s="10"/>
    </row>
    <row r="1025052" spans="14:14">
      <c r="N1025052" s="10"/>
    </row>
    <row r="1025053" spans="14:14">
      <c r="N1025053" s="10"/>
    </row>
    <row r="1025054" spans="14:14">
      <c r="N1025054" s="10"/>
    </row>
    <row r="1025055" spans="14:14">
      <c r="N1025055" s="10"/>
    </row>
    <row r="1025056" spans="14:14">
      <c r="N1025056" s="10"/>
    </row>
    <row r="1025057" spans="14:14">
      <c r="N1025057" s="10"/>
    </row>
    <row r="1025058" spans="14:14">
      <c r="N1025058" s="10"/>
    </row>
    <row r="1025059" spans="14:14">
      <c r="N1025059" s="10"/>
    </row>
    <row r="1025060" spans="14:14">
      <c r="N1025060" s="10"/>
    </row>
    <row r="1025061" spans="14:14">
      <c r="N1025061" s="10"/>
    </row>
    <row r="1025062" spans="14:14">
      <c r="N1025062" s="10"/>
    </row>
    <row r="1025063" spans="14:14">
      <c r="N1025063" s="10"/>
    </row>
    <row r="1025064" spans="14:14">
      <c r="N1025064" s="10"/>
    </row>
    <row r="1025065" spans="14:14">
      <c r="N1025065" s="10"/>
    </row>
    <row r="1025066" spans="14:14">
      <c r="N1025066" s="10"/>
    </row>
    <row r="1025067" spans="14:14">
      <c r="N1025067" s="10"/>
    </row>
    <row r="1025068" spans="14:14">
      <c r="N1025068" s="10"/>
    </row>
    <row r="1025069" spans="14:14">
      <c r="N1025069" s="10"/>
    </row>
    <row r="1025070" spans="14:14">
      <c r="N1025070" s="10"/>
    </row>
    <row r="1025071" spans="14:14">
      <c r="N1025071" s="10"/>
    </row>
    <row r="1025072" spans="14:14">
      <c r="N1025072" s="10"/>
    </row>
    <row r="1025073" spans="14:14">
      <c r="N1025073" s="10"/>
    </row>
    <row r="1025074" spans="14:14">
      <c r="N1025074" s="10"/>
    </row>
    <row r="1025075" spans="14:14">
      <c r="N1025075" s="10"/>
    </row>
    <row r="1025076" spans="14:14">
      <c r="N1025076" s="10"/>
    </row>
    <row r="1025077" spans="14:14">
      <c r="N1025077" s="10"/>
    </row>
    <row r="1025078" spans="14:14">
      <c r="N1025078" s="10"/>
    </row>
    <row r="1025079" spans="14:14">
      <c r="N1025079" s="10"/>
    </row>
    <row r="1025080" spans="14:14">
      <c r="N1025080" s="10"/>
    </row>
    <row r="1025081" spans="14:14">
      <c r="N1025081" s="10"/>
    </row>
    <row r="1025082" spans="14:14">
      <c r="N1025082" s="10"/>
    </row>
    <row r="1025083" spans="14:14">
      <c r="N1025083" s="10"/>
    </row>
    <row r="1025084" spans="14:14">
      <c r="N1025084" s="10"/>
    </row>
    <row r="1025085" spans="14:14">
      <c r="N1025085" s="10"/>
    </row>
    <row r="1025086" spans="14:14">
      <c r="N1025086" s="10"/>
    </row>
    <row r="1025087" spans="14:14">
      <c r="N1025087" s="10"/>
    </row>
    <row r="1025088" spans="14:14">
      <c r="N1025088" s="10"/>
    </row>
    <row r="1025089" spans="14:14">
      <c r="N1025089" s="10"/>
    </row>
    <row r="1025090" spans="14:14">
      <c r="N1025090" s="10"/>
    </row>
    <row r="1025091" spans="14:14">
      <c r="N1025091" s="10"/>
    </row>
    <row r="1025092" spans="14:14">
      <c r="N1025092" s="10"/>
    </row>
    <row r="1025093" spans="14:14">
      <c r="N1025093" s="10"/>
    </row>
    <row r="1025094" spans="14:14">
      <c r="N1025094" s="10"/>
    </row>
    <row r="1025095" spans="14:14">
      <c r="N1025095" s="10"/>
    </row>
    <row r="1025096" spans="14:14">
      <c r="N1025096" s="10"/>
    </row>
    <row r="1025097" spans="14:14">
      <c r="N1025097" s="10"/>
    </row>
    <row r="1025098" spans="14:14">
      <c r="N1025098" s="10"/>
    </row>
    <row r="1025099" spans="14:14">
      <c r="N1025099" s="10"/>
    </row>
    <row r="1025100" spans="14:14">
      <c r="N1025100" s="10"/>
    </row>
    <row r="1025101" spans="14:14">
      <c r="N1025101" s="10"/>
    </row>
    <row r="1025102" spans="14:14">
      <c r="N1025102" s="10"/>
    </row>
    <row r="1025103" spans="14:14">
      <c r="N1025103" s="10"/>
    </row>
    <row r="1025104" spans="14:14">
      <c r="N1025104" s="10"/>
    </row>
    <row r="1025105" spans="14:14">
      <c r="N1025105" s="10"/>
    </row>
    <row r="1025106" spans="14:14">
      <c r="N1025106" s="10"/>
    </row>
    <row r="1025107" spans="14:14">
      <c r="N1025107" s="10"/>
    </row>
    <row r="1025108" spans="14:14">
      <c r="N1025108" s="10"/>
    </row>
    <row r="1025109" spans="14:14">
      <c r="N1025109" s="10"/>
    </row>
    <row r="1025110" spans="14:14">
      <c r="N1025110" s="10"/>
    </row>
    <row r="1025111" spans="14:14">
      <c r="N1025111" s="10"/>
    </row>
    <row r="1025112" spans="14:14">
      <c r="N1025112" s="10"/>
    </row>
    <row r="1025113" spans="14:14">
      <c r="N1025113" s="10"/>
    </row>
    <row r="1025114" spans="14:14">
      <c r="N1025114" s="10"/>
    </row>
    <row r="1025115" spans="14:14">
      <c r="N1025115" s="10"/>
    </row>
    <row r="1025116" spans="14:14">
      <c r="N1025116" s="10"/>
    </row>
    <row r="1025117" spans="14:14">
      <c r="N1025117" s="10"/>
    </row>
    <row r="1025118" spans="14:14">
      <c r="N1025118" s="10"/>
    </row>
    <row r="1025119" spans="14:14">
      <c r="N1025119" s="10"/>
    </row>
    <row r="1025120" spans="14:14">
      <c r="N1025120" s="10"/>
    </row>
    <row r="1025121" spans="14:14">
      <c r="N1025121" s="10"/>
    </row>
    <row r="1025122" spans="14:14">
      <c r="N1025122" s="10"/>
    </row>
    <row r="1025123" spans="14:14">
      <c r="N1025123" s="10"/>
    </row>
    <row r="1025124" spans="14:14">
      <c r="N1025124" s="10"/>
    </row>
    <row r="1025125" spans="14:14">
      <c r="N1025125" s="10"/>
    </row>
    <row r="1025126" spans="14:14">
      <c r="N1025126" s="10"/>
    </row>
    <row r="1025127" spans="14:14">
      <c r="N1025127" s="10"/>
    </row>
    <row r="1025128" spans="14:14">
      <c r="N1025128" s="10"/>
    </row>
    <row r="1025129" spans="14:14">
      <c r="N1025129" s="10"/>
    </row>
    <row r="1025130" spans="14:14">
      <c r="N1025130" s="10"/>
    </row>
    <row r="1025131" spans="14:14">
      <c r="N1025131" s="10"/>
    </row>
    <row r="1025132" spans="14:14">
      <c r="N1025132" s="10"/>
    </row>
    <row r="1025133" spans="14:14">
      <c r="N1025133" s="10"/>
    </row>
    <row r="1025134" spans="14:14">
      <c r="N1025134" s="10"/>
    </row>
    <row r="1025135" spans="14:14">
      <c r="N1025135" s="10"/>
    </row>
    <row r="1025136" spans="14:14">
      <c r="N1025136" s="10"/>
    </row>
    <row r="1025137" spans="14:14">
      <c r="N1025137" s="10"/>
    </row>
    <row r="1025138" spans="14:14">
      <c r="N1025138" s="10"/>
    </row>
    <row r="1025139" spans="14:14">
      <c r="N1025139" s="10"/>
    </row>
    <row r="1025140" spans="14:14">
      <c r="N1025140" s="10"/>
    </row>
    <row r="1025141" spans="14:14">
      <c r="N1025141" s="10"/>
    </row>
    <row r="1025142" spans="14:14">
      <c r="N1025142" s="10"/>
    </row>
    <row r="1025143" spans="14:14">
      <c r="N1025143" s="10"/>
    </row>
    <row r="1025144" spans="14:14">
      <c r="N1025144" s="10"/>
    </row>
    <row r="1025145" spans="14:14">
      <c r="N1025145" s="10"/>
    </row>
    <row r="1025146" spans="14:14">
      <c r="N1025146" s="10"/>
    </row>
    <row r="1025147" spans="14:14">
      <c r="N1025147" s="10"/>
    </row>
    <row r="1025148" spans="14:14">
      <c r="N1025148" s="10"/>
    </row>
    <row r="1025149" spans="14:14">
      <c r="N1025149" s="10"/>
    </row>
    <row r="1025150" spans="14:14">
      <c r="N1025150" s="10"/>
    </row>
    <row r="1025151" spans="14:14">
      <c r="N1025151" s="10"/>
    </row>
    <row r="1025152" spans="14:14">
      <c r="N1025152" s="10"/>
    </row>
    <row r="1025153" spans="14:14">
      <c r="N1025153" s="10"/>
    </row>
    <row r="1025154" spans="14:14">
      <c r="N1025154" s="10"/>
    </row>
    <row r="1025155" spans="14:14">
      <c r="N1025155" s="10"/>
    </row>
    <row r="1025156" spans="14:14">
      <c r="N1025156" s="10"/>
    </row>
    <row r="1025157" spans="14:14">
      <c r="N1025157" s="10"/>
    </row>
    <row r="1025158" spans="14:14">
      <c r="N1025158" s="10"/>
    </row>
    <row r="1025159" spans="14:14">
      <c r="N1025159" s="10"/>
    </row>
    <row r="1025160" spans="14:14">
      <c r="N1025160" s="10"/>
    </row>
    <row r="1025161" spans="14:14">
      <c r="N1025161" s="10"/>
    </row>
    <row r="1025162" spans="14:14">
      <c r="N1025162" s="10"/>
    </row>
    <row r="1025163" spans="14:14">
      <c r="N1025163" s="10"/>
    </row>
    <row r="1025164" spans="14:14">
      <c r="N1025164" s="10"/>
    </row>
    <row r="1025165" spans="14:14">
      <c r="N1025165" s="10"/>
    </row>
    <row r="1025166" spans="14:14">
      <c r="N1025166" s="10"/>
    </row>
    <row r="1025167" spans="14:14">
      <c r="N1025167" s="10"/>
    </row>
    <row r="1025168" spans="14:14">
      <c r="N1025168" s="10"/>
    </row>
    <row r="1025169" spans="14:14">
      <c r="N1025169" s="10"/>
    </row>
    <row r="1025170" spans="14:14">
      <c r="N1025170" s="10"/>
    </row>
    <row r="1025171" spans="14:14">
      <c r="N1025171" s="10"/>
    </row>
    <row r="1025172" spans="14:14">
      <c r="N1025172" s="10"/>
    </row>
    <row r="1025173" spans="14:14">
      <c r="N1025173" s="10"/>
    </row>
    <row r="1025174" spans="14:14">
      <c r="N1025174" s="10"/>
    </row>
    <row r="1025175" spans="14:14">
      <c r="N1025175" s="10"/>
    </row>
    <row r="1025176" spans="14:14">
      <c r="N1025176" s="10"/>
    </row>
    <row r="1025177" spans="14:14">
      <c r="N1025177" s="10"/>
    </row>
    <row r="1025178" spans="14:14">
      <c r="N1025178" s="10"/>
    </row>
    <row r="1025179" spans="14:14">
      <c r="N1025179" s="10"/>
    </row>
    <row r="1025180" spans="14:14">
      <c r="N1025180" s="10"/>
    </row>
    <row r="1025181" spans="14:14">
      <c r="N1025181" s="10"/>
    </row>
    <row r="1025182" spans="14:14">
      <c r="N1025182" s="10"/>
    </row>
    <row r="1025183" spans="14:14">
      <c r="N1025183" s="10"/>
    </row>
    <row r="1025184" spans="14:14">
      <c r="N1025184" s="10"/>
    </row>
    <row r="1025185" spans="14:14">
      <c r="N1025185" s="10"/>
    </row>
    <row r="1025186" spans="14:14">
      <c r="N1025186" s="10"/>
    </row>
    <row r="1025187" spans="14:14">
      <c r="N1025187" s="10"/>
    </row>
    <row r="1025188" spans="14:14">
      <c r="N1025188" s="10"/>
    </row>
    <row r="1025189" spans="14:14">
      <c r="N1025189" s="10"/>
    </row>
    <row r="1025190" spans="14:14">
      <c r="N1025190" s="10"/>
    </row>
    <row r="1025191" spans="14:14">
      <c r="N1025191" s="10"/>
    </row>
    <row r="1025192" spans="14:14">
      <c r="N1025192" s="10"/>
    </row>
    <row r="1025193" spans="14:14">
      <c r="N1025193" s="10"/>
    </row>
    <row r="1025194" spans="14:14">
      <c r="N1025194" s="10"/>
    </row>
    <row r="1025195" spans="14:14">
      <c r="N1025195" s="10"/>
    </row>
    <row r="1025196" spans="14:14">
      <c r="N1025196" s="10"/>
    </row>
    <row r="1025197" spans="14:14">
      <c r="N1025197" s="10"/>
    </row>
    <row r="1025198" spans="14:14">
      <c r="N1025198" s="10"/>
    </row>
    <row r="1025199" spans="14:14">
      <c r="N1025199" s="10"/>
    </row>
    <row r="1025200" spans="14:14">
      <c r="N1025200" s="10"/>
    </row>
    <row r="1025201" spans="14:14">
      <c r="N1025201" s="10"/>
    </row>
    <row r="1025202" spans="14:14">
      <c r="N1025202" s="10"/>
    </row>
    <row r="1025203" spans="14:14">
      <c r="N1025203" s="10"/>
    </row>
    <row r="1025204" spans="14:14">
      <c r="N1025204" s="10"/>
    </row>
    <row r="1025205" spans="14:14">
      <c r="N1025205" s="10"/>
    </row>
    <row r="1025206" spans="14:14">
      <c r="N1025206" s="10"/>
    </row>
    <row r="1025207" spans="14:14">
      <c r="N1025207" s="10"/>
    </row>
    <row r="1025208" spans="14:14">
      <c r="N1025208" s="10"/>
    </row>
    <row r="1025209" spans="14:14">
      <c r="N1025209" s="10"/>
    </row>
    <row r="1025210" spans="14:14">
      <c r="N1025210" s="10"/>
    </row>
    <row r="1025211" spans="14:14">
      <c r="N1025211" s="10"/>
    </row>
    <row r="1025212" spans="14:14">
      <c r="N1025212" s="10"/>
    </row>
    <row r="1025213" spans="14:14">
      <c r="N1025213" s="10"/>
    </row>
    <row r="1025214" spans="14:14">
      <c r="N1025214" s="10"/>
    </row>
    <row r="1025215" spans="14:14">
      <c r="N1025215" s="10"/>
    </row>
    <row r="1025216" spans="14:14">
      <c r="N1025216" s="10"/>
    </row>
    <row r="1025217" spans="14:14">
      <c r="N1025217" s="10"/>
    </row>
    <row r="1025218" spans="14:14">
      <c r="N1025218" s="10"/>
    </row>
    <row r="1025219" spans="14:14">
      <c r="N1025219" s="10"/>
    </row>
    <row r="1025220" spans="14:14">
      <c r="N1025220" s="10"/>
    </row>
    <row r="1025221" spans="14:14">
      <c r="N1025221" s="10"/>
    </row>
    <row r="1025222" spans="14:14">
      <c r="N1025222" s="10"/>
    </row>
    <row r="1025223" spans="14:14">
      <c r="N1025223" s="10"/>
    </row>
    <row r="1025224" spans="14:14">
      <c r="N1025224" s="10"/>
    </row>
    <row r="1025225" spans="14:14">
      <c r="N1025225" s="10"/>
    </row>
    <row r="1025226" spans="14:14">
      <c r="N1025226" s="10"/>
    </row>
    <row r="1025227" spans="14:14">
      <c r="N1025227" s="10"/>
    </row>
    <row r="1025228" spans="14:14">
      <c r="N1025228" s="10"/>
    </row>
    <row r="1025229" spans="14:14">
      <c r="N1025229" s="10"/>
    </row>
    <row r="1025230" spans="14:14">
      <c r="N1025230" s="10"/>
    </row>
    <row r="1025231" spans="14:14">
      <c r="N1025231" s="10"/>
    </row>
    <row r="1025232" spans="14:14">
      <c r="N1025232" s="10"/>
    </row>
    <row r="1025233" spans="14:14">
      <c r="N1025233" s="10"/>
    </row>
    <row r="1025234" spans="14:14">
      <c r="N1025234" s="10"/>
    </row>
    <row r="1025235" spans="14:14">
      <c r="N1025235" s="10"/>
    </row>
    <row r="1025236" spans="14:14">
      <c r="N1025236" s="10"/>
    </row>
    <row r="1025237" spans="14:14">
      <c r="N1025237" s="10"/>
    </row>
    <row r="1025238" spans="14:14">
      <c r="N1025238" s="10"/>
    </row>
    <row r="1025239" spans="14:14">
      <c r="N1025239" s="10"/>
    </row>
    <row r="1025240" spans="14:14">
      <c r="N1025240" s="10"/>
    </row>
    <row r="1025241" spans="14:14">
      <c r="N1025241" s="10"/>
    </row>
    <row r="1025242" spans="14:14">
      <c r="N1025242" s="10"/>
    </row>
    <row r="1025243" spans="14:14">
      <c r="N1025243" s="10"/>
    </row>
    <row r="1025244" spans="14:14">
      <c r="N1025244" s="10"/>
    </row>
    <row r="1025245" spans="14:14">
      <c r="N1025245" s="10"/>
    </row>
    <row r="1025246" spans="14:14">
      <c r="N1025246" s="10"/>
    </row>
    <row r="1025247" spans="14:14">
      <c r="N1025247" s="10"/>
    </row>
    <row r="1025248" spans="14:14">
      <c r="N1025248" s="10"/>
    </row>
    <row r="1025249" spans="14:14">
      <c r="N1025249" s="10"/>
    </row>
    <row r="1025250" spans="14:14">
      <c r="N1025250" s="10"/>
    </row>
    <row r="1025251" spans="14:14">
      <c r="N1025251" s="10"/>
    </row>
    <row r="1025252" spans="14:14">
      <c r="N1025252" s="10"/>
    </row>
    <row r="1025253" spans="14:14">
      <c r="N1025253" s="10"/>
    </row>
    <row r="1025254" spans="14:14">
      <c r="N1025254" s="10"/>
    </row>
    <row r="1025255" spans="14:14">
      <c r="N1025255" s="10"/>
    </row>
    <row r="1025256" spans="14:14">
      <c r="N1025256" s="10"/>
    </row>
    <row r="1025257" spans="14:14">
      <c r="N1025257" s="10"/>
    </row>
    <row r="1025258" spans="14:14">
      <c r="N1025258" s="10"/>
    </row>
    <row r="1025259" spans="14:14">
      <c r="N1025259" s="10"/>
    </row>
    <row r="1025260" spans="14:14">
      <c r="N1025260" s="10"/>
    </row>
    <row r="1025261" spans="14:14">
      <c r="N1025261" s="10"/>
    </row>
    <row r="1025262" spans="14:14">
      <c r="N1025262" s="10"/>
    </row>
    <row r="1025263" spans="14:14">
      <c r="N1025263" s="10"/>
    </row>
    <row r="1025264" spans="14:14">
      <c r="N1025264" s="10"/>
    </row>
    <row r="1025265" spans="14:14">
      <c r="N1025265" s="10"/>
    </row>
    <row r="1025266" spans="14:14">
      <c r="N1025266" s="10"/>
    </row>
    <row r="1025267" spans="14:14">
      <c r="N1025267" s="10"/>
    </row>
    <row r="1025268" spans="14:14">
      <c r="N1025268" s="10"/>
    </row>
    <row r="1025269" spans="14:14">
      <c r="N1025269" s="10"/>
    </row>
    <row r="1025270" spans="14:14">
      <c r="N1025270" s="10"/>
    </row>
    <row r="1025271" spans="14:14">
      <c r="N1025271" s="10"/>
    </row>
    <row r="1025272" spans="14:14">
      <c r="N1025272" s="10"/>
    </row>
    <row r="1025273" spans="14:14">
      <c r="N1025273" s="10"/>
    </row>
    <row r="1025274" spans="14:14">
      <c r="N1025274" s="10"/>
    </row>
    <row r="1025275" spans="14:14">
      <c r="N1025275" s="10"/>
    </row>
    <row r="1025276" spans="14:14">
      <c r="N1025276" s="10"/>
    </row>
    <row r="1025277" spans="14:14">
      <c r="N1025277" s="10"/>
    </row>
    <row r="1025278" spans="14:14">
      <c r="N1025278" s="10"/>
    </row>
    <row r="1025279" spans="14:14">
      <c r="N1025279" s="10"/>
    </row>
    <row r="1025280" spans="14:14">
      <c r="N1025280" s="10"/>
    </row>
    <row r="1025281" spans="14:14">
      <c r="N1025281" s="10"/>
    </row>
    <row r="1025282" spans="14:14">
      <c r="N1025282" s="10"/>
    </row>
    <row r="1025283" spans="14:14">
      <c r="N1025283" s="10"/>
    </row>
    <row r="1025284" spans="14:14">
      <c r="N1025284" s="10"/>
    </row>
    <row r="1025285" spans="14:14">
      <c r="N1025285" s="10"/>
    </row>
    <row r="1025286" spans="14:14">
      <c r="N1025286" s="10"/>
    </row>
    <row r="1025287" spans="14:14">
      <c r="N1025287" s="10"/>
    </row>
    <row r="1025288" spans="14:14">
      <c r="N1025288" s="10"/>
    </row>
    <row r="1025289" spans="14:14">
      <c r="N1025289" s="10"/>
    </row>
    <row r="1025290" spans="14:14">
      <c r="N1025290" s="10"/>
    </row>
    <row r="1025291" spans="14:14">
      <c r="N1025291" s="10"/>
    </row>
    <row r="1025292" spans="14:14">
      <c r="N1025292" s="10"/>
    </row>
    <row r="1025293" spans="14:14">
      <c r="N1025293" s="10"/>
    </row>
    <row r="1025294" spans="14:14">
      <c r="N1025294" s="10"/>
    </row>
    <row r="1025295" spans="14:14">
      <c r="N1025295" s="10"/>
    </row>
    <row r="1025296" spans="14:14">
      <c r="N1025296" s="10"/>
    </row>
    <row r="1025297" spans="14:14">
      <c r="N1025297" s="10"/>
    </row>
    <row r="1025298" spans="14:14">
      <c r="N1025298" s="10"/>
    </row>
    <row r="1025299" spans="14:14">
      <c r="N1025299" s="10"/>
    </row>
    <row r="1025300" spans="14:14">
      <c r="N1025300" s="10"/>
    </row>
    <row r="1025301" spans="14:14">
      <c r="N1025301" s="10"/>
    </row>
    <row r="1025302" spans="14:14">
      <c r="N1025302" s="10"/>
    </row>
    <row r="1025303" spans="14:14">
      <c r="N1025303" s="10"/>
    </row>
    <row r="1025304" spans="14:14">
      <c r="N1025304" s="10"/>
    </row>
    <row r="1025305" spans="14:14">
      <c r="N1025305" s="10"/>
    </row>
    <row r="1025306" spans="14:14">
      <c r="N1025306" s="10"/>
    </row>
    <row r="1025307" spans="14:14">
      <c r="N1025307" s="10"/>
    </row>
    <row r="1025308" spans="14:14">
      <c r="N1025308" s="10"/>
    </row>
    <row r="1025309" spans="14:14">
      <c r="N1025309" s="10"/>
    </row>
    <row r="1025310" spans="14:14">
      <c r="N1025310" s="10"/>
    </row>
    <row r="1025311" spans="14:14">
      <c r="N1025311" s="10"/>
    </row>
    <row r="1025312" spans="14:14">
      <c r="N1025312" s="10"/>
    </row>
    <row r="1025313" spans="14:14">
      <c r="N1025313" s="10"/>
    </row>
    <row r="1025314" spans="14:14">
      <c r="N1025314" s="10"/>
    </row>
    <row r="1025315" spans="14:14">
      <c r="N1025315" s="10"/>
    </row>
    <row r="1025316" spans="14:14">
      <c r="N1025316" s="10"/>
    </row>
    <row r="1025317" spans="14:14">
      <c r="N1025317" s="10"/>
    </row>
    <row r="1025318" spans="14:14">
      <c r="N1025318" s="10"/>
    </row>
    <row r="1025319" spans="14:14">
      <c r="N1025319" s="10"/>
    </row>
    <row r="1025320" spans="14:14">
      <c r="N1025320" s="10"/>
    </row>
    <row r="1025321" spans="14:14">
      <c r="N1025321" s="10"/>
    </row>
    <row r="1025322" spans="14:14">
      <c r="N1025322" s="10"/>
    </row>
    <row r="1025323" spans="14:14">
      <c r="N1025323" s="10"/>
    </row>
    <row r="1025324" spans="14:14">
      <c r="N1025324" s="10"/>
    </row>
    <row r="1025325" spans="14:14">
      <c r="N1025325" s="10"/>
    </row>
    <row r="1025326" spans="14:14">
      <c r="N1025326" s="10"/>
    </row>
    <row r="1025327" spans="14:14">
      <c r="N1025327" s="10"/>
    </row>
    <row r="1025328" spans="14:14">
      <c r="N1025328" s="10"/>
    </row>
    <row r="1025329" spans="14:14">
      <c r="N1025329" s="10"/>
    </row>
    <row r="1025330" spans="14:14">
      <c r="N1025330" s="10"/>
    </row>
    <row r="1025331" spans="14:14">
      <c r="N1025331" s="10"/>
    </row>
    <row r="1025332" spans="14:14">
      <c r="N1025332" s="10"/>
    </row>
    <row r="1025333" spans="14:14">
      <c r="N1025333" s="10"/>
    </row>
    <row r="1025334" spans="14:14">
      <c r="N1025334" s="10"/>
    </row>
    <row r="1025335" spans="14:14">
      <c r="N1025335" s="10"/>
    </row>
    <row r="1025336" spans="14:14">
      <c r="N1025336" s="10"/>
    </row>
    <row r="1025337" spans="14:14">
      <c r="N1025337" s="10"/>
    </row>
    <row r="1025338" spans="14:14">
      <c r="N1025338" s="10"/>
    </row>
    <row r="1025339" spans="14:14">
      <c r="N1025339" s="10"/>
    </row>
    <row r="1025340" spans="14:14">
      <c r="N1025340" s="10"/>
    </row>
    <row r="1025341" spans="14:14">
      <c r="N1025341" s="10"/>
    </row>
    <row r="1025342" spans="14:14">
      <c r="N1025342" s="10"/>
    </row>
    <row r="1025343" spans="14:14">
      <c r="N1025343" s="10"/>
    </row>
    <row r="1025344" spans="14:14">
      <c r="N1025344" s="10"/>
    </row>
    <row r="1025345" spans="14:14">
      <c r="N1025345" s="10"/>
    </row>
    <row r="1025346" spans="14:14">
      <c r="N1025346" s="10"/>
    </row>
    <row r="1025347" spans="14:14">
      <c r="N1025347" s="10"/>
    </row>
    <row r="1025348" spans="14:14">
      <c r="N1025348" s="10"/>
    </row>
    <row r="1025349" spans="14:14">
      <c r="N1025349" s="10"/>
    </row>
    <row r="1025350" spans="14:14">
      <c r="N1025350" s="10"/>
    </row>
    <row r="1025351" spans="14:14">
      <c r="N1025351" s="10"/>
    </row>
    <row r="1025352" spans="14:14">
      <c r="N1025352" s="10"/>
    </row>
    <row r="1025353" spans="14:14">
      <c r="N1025353" s="10"/>
    </row>
    <row r="1025354" spans="14:14">
      <c r="N1025354" s="10"/>
    </row>
    <row r="1025355" spans="14:14">
      <c r="N1025355" s="10"/>
    </row>
    <row r="1025356" spans="14:14">
      <c r="N1025356" s="10"/>
    </row>
    <row r="1025357" spans="14:14">
      <c r="N1025357" s="10"/>
    </row>
    <row r="1025358" spans="14:14">
      <c r="N1025358" s="10"/>
    </row>
    <row r="1025359" spans="14:14">
      <c r="N1025359" s="10"/>
    </row>
    <row r="1025360" spans="14:14">
      <c r="N1025360" s="10"/>
    </row>
    <row r="1025361" spans="14:14">
      <c r="N1025361" s="10"/>
    </row>
    <row r="1025362" spans="14:14">
      <c r="N1025362" s="10"/>
    </row>
    <row r="1025363" spans="14:14">
      <c r="N1025363" s="10"/>
    </row>
    <row r="1025364" spans="14:14">
      <c r="N1025364" s="10"/>
    </row>
    <row r="1025365" spans="14:14">
      <c r="N1025365" s="10"/>
    </row>
    <row r="1025366" spans="14:14">
      <c r="N1025366" s="10"/>
    </row>
    <row r="1025367" spans="14:14">
      <c r="N1025367" s="10"/>
    </row>
    <row r="1025368" spans="14:14">
      <c r="N1025368" s="10"/>
    </row>
    <row r="1025369" spans="14:14">
      <c r="N1025369" s="10"/>
    </row>
    <row r="1025370" spans="14:14">
      <c r="N1025370" s="10"/>
    </row>
    <row r="1025371" spans="14:14">
      <c r="N1025371" s="10"/>
    </row>
    <row r="1025372" spans="14:14">
      <c r="N1025372" s="10"/>
    </row>
    <row r="1025373" spans="14:14">
      <c r="N1025373" s="10"/>
    </row>
    <row r="1025374" spans="14:14">
      <c r="N1025374" s="10"/>
    </row>
    <row r="1025375" spans="14:14">
      <c r="N1025375" s="10"/>
    </row>
    <row r="1025376" spans="14:14">
      <c r="N1025376" s="10"/>
    </row>
    <row r="1025377" spans="14:14">
      <c r="N1025377" s="10"/>
    </row>
    <row r="1025378" spans="14:14">
      <c r="N1025378" s="10"/>
    </row>
    <row r="1025379" spans="14:14">
      <c r="N1025379" s="10"/>
    </row>
    <row r="1025380" spans="14:14">
      <c r="N1025380" s="10"/>
    </row>
    <row r="1025381" spans="14:14">
      <c r="N1025381" s="10"/>
    </row>
    <row r="1025382" spans="14:14">
      <c r="N1025382" s="10"/>
    </row>
    <row r="1025383" spans="14:14">
      <c r="N1025383" s="10"/>
    </row>
    <row r="1025384" spans="14:14">
      <c r="N1025384" s="10"/>
    </row>
    <row r="1025385" spans="14:14">
      <c r="N1025385" s="10"/>
    </row>
    <row r="1025386" spans="14:14">
      <c r="N1025386" s="10"/>
    </row>
    <row r="1025387" spans="14:14">
      <c r="N1025387" s="10"/>
    </row>
    <row r="1025388" spans="14:14">
      <c r="N1025388" s="10"/>
    </row>
    <row r="1025389" spans="14:14">
      <c r="N1025389" s="10"/>
    </row>
    <row r="1025390" spans="14:14">
      <c r="N1025390" s="10"/>
    </row>
    <row r="1025391" spans="14:14">
      <c r="N1025391" s="10"/>
    </row>
    <row r="1025392" spans="14:14">
      <c r="N1025392" s="10"/>
    </row>
    <row r="1025393" spans="14:14">
      <c r="N1025393" s="10"/>
    </row>
    <row r="1025394" spans="14:14">
      <c r="N1025394" s="10"/>
    </row>
    <row r="1025395" spans="14:14">
      <c r="N1025395" s="10"/>
    </row>
    <row r="1025396" spans="14:14">
      <c r="N1025396" s="10"/>
    </row>
    <row r="1025397" spans="14:14">
      <c r="N1025397" s="10"/>
    </row>
    <row r="1025398" spans="14:14">
      <c r="N1025398" s="10"/>
    </row>
    <row r="1025399" spans="14:14">
      <c r="N1025399" s="10"/>
    </row>
    <row r="1025400" spans="14:14">
      <c r="N1025400" s="10"/>
    </row>
    <row r="1025401" spans="14:14">
      <c r="N1025401" s="10"/>
    </row>
    <row r="1025402" spans="14:14">
      <c r="N1025402" s="10"/>
    </row>
    <row r="1025403" spans="14:14">
      <c r="N1025403" s="10"/>
    </row>
    <row r="1025404" spans="14:14">
      <c r="N1025404" s="10"/>
    </row>
    <row r="1025405" spans="14:14">
      <c r="N1025405" s="10"/>
    </row>
    <row r="1025406" spans="14:14">
      <c r="N1025406" s="10"/>
    </row>
    <row r="1025407" spans="14:14">
      <c r="N1025407" s="10"/>
    </row>
    <row r="1025408" spans="14:14">
      <c r="N1025408" s="10"/>
    </row>
    <row r="1025409" spans="14:14">
      <c r="N1025409" s="10"/>
    </row>
    <row r="1025410" spans="14:14">
      <c r="N1025410" s="10"/>
    </row>
    <row r="1025411" spans="14:14">
      <c r="N1025411" s="10"/>
    </row>
    <row r="1025412" spans="14:14">
      <c r="N1025412" s="10"/>
    </row>
    <row r="1025413" spans="14:14">
      <c r="N1025413" s="10"/>
    </row>
    <row r="1025414" spans="14:14">
      <c r="N1025414" s="10"/>
    </row>
    <row r="1025415" spans="14:14">
      <c r="N1025415" s="10"/>
    </row>
    <row r="1025416" spans="14:14">
      <c r="N1025416" s="10"/>
    </row>
    <row r="1025417" spans="14:14">
      <c r="N1025417" s="10"/>
    </row>
    <row r="1025418" spans="14:14">
      <c r="N1025418" s="10"/>
    </row>
    <row r="1025419" spans="14:14">
      <c r="N1025419" s="10"/>
    </row>
    <row r="1025420" spans="14:14">
      <c r="N1025420" s="10"/>
    </row>
    <row r="1025421" spans="14:14">
      <c r="N1025421" s="10"/>
    </row>
    <row r="1025422" spans="14:14">
      <c r="N1025422" s="10"/>
    </row>
    <row r="1025423" spans="14:14">
      <c r="N1025423" s="10"/>
    </row>
    <row r="1025424" spans="14:14">
      <c r="N1025424" s="10"/>
    </row>
    <row r="1025425" spans="14:14">
      <c r="N1025425" s="10"/>
    </row>
    <row r="1025426" spans="14:14">
      <c r="N1025426" s="10"/>
    </row>
    <row r="1025427" spans="14:14">
      <c r="N1025427" s="10"/>
    </row>
    <row r="1025428" spans="14:14">
      <c r="N1025428" s="10"/>
    </row>
    <row r="1025429" spans="14:14">
      <c r="N1025429" s="10"/>
    </row>
    <row r="1025430" spans="14:14">
      <c r="N1025430" s="10"/>
    </row>
    <row r="1025431" spans="14:14">
      <c r="N1025431" s="10"/>
    </row>
    <row r="1025432" spans="14:14">
      <c r="N1025432" s="10"/>
    </row>
    <row r="1025433" spans="14:14">
      <c r="N1025433" s="10"/>
    </row>
    <row r="1025434" spans="14:14">
      <c r="N1025434" s="10"/>
    </row>
    <row r="1025435" spans="14:14">
      <c r="N1025435" s="10"/>
    </row>
    <row r="1025436" spans="14:14">
      <c r="N1025436" s="10"/>
    </row>
    <row r="1025437" spans="14:14">
      <c r="N1025437" s="10"/>
    </row>
    <row r="1025438" spans="14:14">
      <c r="N1025438" s="10"/>
    </row>
    <row r="1025439" spans="14:14">
      <c r="N1025439" s="10"/>
    </row>
    <row r="1025440" spans="14:14">
      <c r="N1025440" s="10"/>
    </row>
    <row r="1025441" spans="14:14">
      <c r="N1025441" s="10"/>
    </row>
    <row r="1025442" spans="14:14">
      <c r="N1025442" s="10"/>
    </row>
    <row r="1025443" spans="14:14">
      <c r="N1025443" s="10"/>
    </row>
    <row r="1025444" spans="14:14">
      <c r="N1025444" s="10"/>
    </row>
    <row r="1025445" spans="14:14">
      <c r="N1025445" s="10"/>
    </row>
    <row r="1025446" spans="14:14">
      <c r="N1025446" s="10"/>
    </row>
    <row r="1025447" spans="14:14">
      <c r="N1025447" s="10"/>
    </row>
    <row r="1025448" spans="14:14">
      <c r="N1025448" s="10"/>
    </row>
    <row r="1025449" spans="14:14">
      <c r="N1025449" s="10"/>
    </row>
    <row r="1025450" spans="14:14">
      <c r="N1025450" s="10"/>
    </row>
    <row r="1025451" spans="14:14">
      <c r="N1025451" s="10"/>
    </row>
    <row r="1025452" spans="14:14">
      <c r="N1025452" s="10"/>
    </row>
    <row r="1025453" spans="14:14">
      <c r="N1025453" s="10"/>
    </row>
    <row r="1025454" spans="14:14">
      <c r="N1025454" s="10"/>
    </row>
    <row r="1025455" spans="14:14">
      <c r="N1025455" s="10"/>
    </row>
    <row r="1025456" spans="14:14">
      <c r="N1025456" s="10"/>
    </row>
    <row r="1025457" spans="14:14">
      <c r="N1025457" s="10"/>
    </row>
    <row r="1025458" spans="14:14">
      <c r="N1025458" s="10"/>
    </row>
    <row r="1025459" spans="14:14">
      <c r="N1025459" s="10"/>
    </row>
    <row r="1025460" spans="14:14">
      <c r="N1025460" s="10"/>
    </row>
    <row r="1025461" spans="14:14">
      <c r="N1025461" s="10"/>
    </row>
    <row r="1025462" spans="14:14">
      <c r="N1025462" s="10"/>
    </row>
    <row r="1025463" spans="14:14">
      <c r="N1025463" s="10"/>
    </row>
    <row r="1025464" spans="14:14">
      <c r="N1025464" s="10"/>
    </row>
    <row r="1025465" spans="14:14">
      <c r="N1025465" s="10"/>
    </row>
    <row r="1025466" spans="14:14">
      <c r="N1025466" s="10"/>
    </row>
    <row r="1025467" spans="14:14">
      <c r="N1025467" s="10"/>
    </row>
    <row r="1025468" spans="14:14">
      <c r="N1025468" s="10"/>
    </row>
    <row r="1025469" spans="14:14">
      <c r="N1025469" s="10"/>
    </row>
    <row r="1025470" spans="14:14">
      <c r="N1025470" s="10"/>
    </row>
    <row r="1025471" spans="14:14">
      <c r="N1025471" s="10"/>
    </row>
    <row r="1025472" spans="14:14">
      <c r="N1025472" s="10"/>
    </row>
    <row r="1025473" spans="14:14">
      <c r="N1025473" s="10"/>
    </row>
    <row r="1025474" spans="14:14">
      <c r="N1025474" s="10"/>
    </row>
    <row r="1025475" spans="14:14">
      <c r="N1025475" s="10"/>
    </row>
    <row r="1025476" spans="14:14">
      <c r="N1025476" s="10"/>
    </row>
    <row r="1025477" spans="14:14">
      <c r="N1025477" s="10"/>
    </row>
    <row r="1025478" spans="14:14">
      <c r="N1025478" s="10"/>
    </row>
    <row r="1025479" spans="14:14">
      <c r="N1025479" s="10"/>
    </row>
    <row r="1025480" spans="14:14">
      <c r="N1025480" s="10"/>
    </row>
    <row r="1025481" spans="14:14">
      <c r="N1025481" s="10"/>
    </row>
    <row r="1025482" spans="14:14">
      <c r="N1025482" s="10"/>
    </row>
    <row r="1025483" spans="14:14">
      <c r="N1025483" s="10"/>
    </row>
    <row r="1025484" spans="14:14">
      <c r="N1025484" s="10"/>
    </row>
    <row r="1025485" spans="14:14">
      <c r="N1025485" s="10"/>
    </row>
    <row r="1025486" spans="14:14">
      <c r="N1025486" s="10"/>
    </row>
    <row r="1025487" spans="14:14">
      <c r="N1025487" s="10"/>
    </row>
    <row r="1025488" spans="14:14">
      <c r="N1025488" s="10"/>
    </row>
    <row r="1025489" spans="14:14">
      <c r="N1025489" s="10"/>
    </row>
    <row r="1025490" spans="14:14">
      <c r="N1025490" s="10"/>
    </row>
    <row r="1025491" spans="14:14">
      <c r="N1025491" s="10"/>
    </row>
    <row r="1025492" spans="14:14">
      <c r="N1025492" s="10"/>
    </row>
    <row r="1025493" spans="14:14">
      <c r="N1025493" s="10"/>
    </row>
    <row r="1025494" spans="14:14">
      <c r="N1025494" s="10"/>
    </row>
    <row r="1025495" spans="14:14">
      <c r="N1025495" s="10"/>
    </row>
    <row r="1025496" spans="14:14">
      <c r="N1025496" s="10"/>
    </row>
    <row r="1025497" spans="14:14">
      <c r="N1025497" s="10"/>
    </row>
    <row r="1025498" spans="14:14">
      <c r="N1025498" s="10"/>
    </row>
    <row r="1025499" spans="14:14">
      <c r="N1025499" s="10"/>
    </row>
    <row r="1025500" spans="14:14">
      <c r="N1025500" s="10"/>
    </row>
    <row r="1025501" spans="14:14">
      <c r="N1025501" s="10"/>
    </row>
    <row r="1025502" spans="14:14">
      <c r="N1025502" s="10"/>
    </row>
    <row r="1025503" spans="14:14">
      <c r="N1025503" s="10"/>
    </row>
    <row r="1025504" spans="14:14">
      <c r="N1025504" s="10"/>
    </row>
    <row r="1025505" spans="14:14">
      <c r="N1025505" s="10"/>
    </row>
    <row r="1025506" spans="14:14">
      <c r="N1025506" s="10"/>
    </row>
    <row r="1025507" spans="14:14">
      <c r="N1025507" s="10"/>
    </row>
    <row r="1025508" spans="14:14">
      <c r="N1025508" s="10"/>
    </row>
    <row r="1025509" spans="14:14">
      <c r="N1025509" s="10"/>
    </row>
    <row r="1025510" spans="14:14">
      <c r="N1025510" s="10"/>
    </row>
    <row r="1025511" spans="14:14">
      <c r="N1025511" s="10"/>
    </row>
    <row r="1025512" spans="14:14">
      <c r="N1025512" s="10"/>
    </row>
    <row r="1025513" spans="14:14">
      <c r="N1025513" s="10"/>
    </row>
    <row r="1025514" spans="14:14">
      <c r="N1025514" s="10"/>
    </row>
    <row r="1025515" spans="14:14">
      <c r="N1025515" s="10"/>
    </row>
    <row r="1025516" spans="14:14">
      <c r="N1025516" s="10"/>
    </row>
    <row r="1025517" spans="14:14">
      <c r="N1025517" s="10"/>
    </row>
    <row r="1025518" spans="14:14">
      <c r="N1025518" s="10"/>
    </row>
    <row r="1025519" spans="14:14">
      <c r="N1025519" s="10"/>
    </row>
    <row r="1025520" spans="14:14">
      <c r="N1025520" s="10"/>
    </row>
    <row r="1025521" spans="14:14">
      <c r="N1025521" s="10"/>
    </row>
    <row r="1025522" spans="14:14">
      <c r="N1025522" s="10"/>
    </row>
    <row r="1025523" spans="14:14">
      <c r="N1025523" s="10"/>
    </row>
    <row r="1025524" spans="14:14">
      <c r="N1025524" s="10"/>
    </row>
    <row r="1025525" spans="14:14">
      <c r="N1025525" s="10"/>
    </row>
    <row r="1025526" spans="14:14">
      <c r="N1025526" s="10"/>
    </row>
    <row r="1025527" spans="14:14">
      <c r="N1025527" s="10"/>
    </row>
    <row r="1025528" spans="14:14">
      <c r="N1025528" s="10"/>
    </row>
    <row r="1025529" spans="14:14">
      <c r="N1025529" s="10"/>
    </row>
    <row r="1025530" spans="14:14">
      <c r="N1025530" s="10"/>
    </row>
    <row r="1025531" spans="14:14">
      <c r="N1025531" s="10"/>
    </row>
    <row r="1025532" spans="14:14">
      <c r="N1025532" s="10"/>
    </row>
    <row r="1025533" spans="14:14">
      <c r="N1025533" s="10"/>
    </row>
    <row r="1025534" spans="14:14">
      <c r="N1025534" s="10"/>
    </row>
    <row r="1025535" spans="14:14">
      <c r="N1025535" s="10"/>
    </row>
    <row r="1025536" spans="14:14">
      <c r="N1025536" s="10"/>
    </row>
    <row r="1025537" spans="14:14">
      <c r="N1025537" s="10"/>
    </row>
    <row r="1025538" spans="14:14">
      <c r="N1025538" s="10"/>
    </row>
    <row r="1025539" spans="14:14">
      <c r="N1025539" s="10"/>
    </row>
    <row r="1025540" spans="14:14">
      <c r="N1025540" s="10"/>
    </row>
    <row r="1025541" spans="14:14">
      <c r="N1025541" s="10"/>
    </row>
    <row r="1025542" spans="14:14">
      <c r="N1025542" s="10"/>
    </row>
    <row r="1025543" spans="14:14">
      <c r="N1025543" s="10"/>
    </row>
    <row r="1025544" spans="14:14">
      <c r="N1025544" s="10"/>
    </row>
    <row r="1025545" spans="14:14">
      <c r="N1025545" s="10"/>
    </row>
    <row r="1025546" spans="14:14">
      <c r="N1025546" s="10"/>
    </row>
    <row r="1025547" spans="14:14">
      <c r="N1025547" s="10"/>
    </row>
    <row r="1025548" spans="14:14">
      <c r="N1025548" s="10"/>
    </row>
    <row r="1025549" spans="14:14">
      <c r="N1025549" s="10"/>
    </row>
    <row r="1025550" spans="14:14">
      <c r="N1025550" s="10"/>
    </row>
    <row r="1025551" spans="14:14">
      <c r="N1025551" s="10"/>
    </row>
    <row r="1025552" spans="14:14">
      <c r="N1025552" s="10"/>
    </row>
    <row r="1025553" spans="14:14">
      <c r="N1025553" s="10"/>
    </row>
    <row r="1025554" spans="14:14">
      <c r="N1025554" s="10"/>
    </row>
    <row r="1025555" spans="14:14">
      <c r="N1025555" s="10"/>
    </row>
    <row r="1025556" spans="14:14">
      <c r="N1025556" s="10"/>
    </row>
    <row r="1025557" spans="14:14">
      <c r="N1025557" s="10"/>
    </row>
    <row r="1025558" spans="14:14">
      <c r="N1025558" s="10"/>
    </row>
    <row r="1025559" spans="14:14">
      <c r="N1025559" s="10"/>
    </row>
    <row r="1025560" spans="14:14">
      <c r="N1025560" s="10"/>
    </row>
    <row r="1025561" spans="14:14">
      <c r="N1025561" s="10"/>
    </row>
    <row r="1025562" spans="14:14">
      <c r="N1025562" s="10"/>
    </row>
    <row r="1025563" spans="14:14">
      <c r="N1025563" s="10"/>
    </row>
    <row r="1025564" spans="14:14">
      <c r="N1025564" s="10"/>
    </row>
    <row r="1025565" spans="14:14">
      <c r="N1025565" s="10"/>
    </row>
    <row r="1025566" spans="14:14">
      <c r="N1025566" s="10"/>
    </row>
    <row r="1025567" spans="14:14">
      <c r="N1025567" s="10"/>
    </row>
    <row r="1025568" spans="14:14">
      <c r="N1025568" s="10"/>
    </row>
    <row r="1025569" spans="14:14">
      <c r="N1025569" s="10"/>
    </row>
    <row r="1025570" spans="14:14">
      <c r="N1025570" s="10"/>
    </row>
    <row r="1025571" spans="14:14">
      <c r="N1025571" s="10"/>
    </row>
    <row r="1025572" spans="14:14">
      <c r="N1025572" s="10"/>
    </row>
    <row r="1025573" spans="14:14">
      <c r="N1025573" s="10"/>
    </row>
    <row r="1025574" spans="14:14">
      <c r="N1025574" s="10"/>
    </row>
    <row r="1025575" spans="14:14">
      <c r="N1025575" s="10"/>
    </row>
    <row r="1025576" spans="14:14">
      <c r="N1025576" s="10"/>
    </row>
    <row r="1025577" spans="14:14">
      <c r="N1025577" s="10"/>
    </row>
    <row r="1025578" spans="14:14">
      <c r="N1025578" s="10"/>
    </row>
    <row r="1025579" spans="14:14">
      <c r="N1025579" s="10"/>
    </row>
    <row r="1025580" spans="14:14">
      <c r="N1025580" s="10"/>
    </row>
    <row r="1025581" spans="14:14">
      <c r="N1025581" s="10"/>
    </row>
    <row r="1025582" spans="14:14">
      <c r="N1025582" s="10"/>
    </row>
    <row r="1025583" spans="14:14">
      <c r="N1025583" s="10"/>
    </row>
    <row r="1025584" spans="14:14">
      <c r="N1025584" s="10"/>
    </row>
    <row r="1025585" spans="14:14">
      <c r="N1025585" s="10"/>
    </row>
    <row r="1025586" spans="14:14">
      <c r="N1025586" s="10"/>
    </row>
    <row r="1025587" spans="14:14">
      <c r="N1025587" s="10"/>
    </row>
    <row r="1025588" spans="14:14">
      <c r="N1025588" s="10"/>
    </row>
    <row r="1025589" spans="14:14">
      <c r="N1025589" s="10"/>
    </row>
    <row r="1025590" spans="14:14">
      <c r="N1025590" s="10"/>
    </row>
    <row r="1025591" spans="14:14">
      <c r="N1025591" s="10"/>
    </row>
    <row r="1025592" spans="14:14">
      <c r="N1025592" s="10"/>
    </row>
    <row r="1025593" spans="14:14">
      <c r="N1025593" s="10"/>
    </row>
    <row r="1025594" spans="14:14">
      <c r="N1025594" s="10"/>
    </row>
    <row r="1025595" spans="14:14">
      <c r="N1025595" s="10"/>
    </row>
    <row r="1025596" spans="14:14">
      <c r="N1025596" s="10"/>
    </row>
    <row r="1025597" spans="14:14">
      <c r="N1025597" s="10"/>
    </row>
    <row r="1025598" spans="14:14">
      <c r="N1025598" s="10"/>
    </row>
    <row r="1025599" spans="14:14">
      <c r="N1025599" s="10"/>
    </row>
    <row r="1025600" spans="14:14">
      <c r="N1025600" s="10"/>
    </row>
    <row r="1025601" spans="14:14">
      <c r="N1025601" s="10"/>
    </row>
    <row r="1025602" spans="14:14">
      <c r="N1025602" s="10"/>
    </row>
    <row r="1025603" spans="14:14">
      <c r="N1025603" s="10"/>
    </row>
    <row r="1025604" spans="14:14">
      <c r="N1025604" s="10"/>
    </row>
    <row r="1025605" spans="14:14">
      <c r="N1025605" s="10"/>
    </row>
    <row r="1025606" spans="14:14">
      <c r="N1025606" s="10"/>
    </row>
    <row r="1025607" spans="14:14">
      <c r="N1025607" s="10"/>
    </row>
    <row r="1025608" spans="14:14">
      <c r="N1025608" s="10"/>
    </row>
    <row r="1025609" spans="14:14">
      <c r="N1025609" s="10"/>
    </row>
    <row r="1025610" spans="14:14">
      <c r="N1025610" s="10"/>
    </row>
    <row r="1025611" spans="14:14">
      <c r="N1025611" s="10"/>
    </row>
    <row r="1025612" spans="14:14">
      <c r="N1025612" s="10"/>
    </row>
    <row r="1025613" spans="14:14">
      <c r="N1025613" s="10"/>
    </row>
    <row r="1025614" spans="14:14">
      <c r="N1025614" s="10"/>
    </row>
    <row r="1025615" spans="14:14">
      <c r="N1025615" s="10"/>
    </row>
    <row r="1025616" spans="14:14">
      <c r="N1025616" s="10"/>
    </row>
    <row r="1025617" spans="14:14">
      <c r="N1025617" s="10"/>
    </row>
    <row r="1025618" spans="14:14">
      <c r="N1025618" s="10"/>
    </row>
    <row r="1025619" spans="14:14">
      <c r="N1025619" s="10"/>
    </row>
    <row r="1025620" spans="14:14">
      <c r="N1025620" s="10"/>
    </row>
    <row r="1025621" spans="14:14">
      <c r="N1025621" s="10"/>
    </row>
    <row r="1025622" spans="14:14">
      <c r="N1025622" s="10"/>
    </row>
    <row r="1025623" spans="14:14">
      <c r="N1025623" s="10"/>
    </row>
    <row r="1025624" spans="14:14">
      <c r="N1025624" s="10"/>
    </row>
    <row r="1025625" spans="14:14">
      <c r="N1025625" s="10"/>
    </row>
    <row r="1025626" spans="14:14">
      <c r="N1025626" s="10"/>
    </row>
    <row r="1025627" spans="14:14">
      <c r="N1025627" s="10"/>
    </row>
    <row r="1025628" spans="14:14">
      <c r="N1025628" s="10"/>
    </row>
    <row r="1025629" spans="14:14">
      <c r="N1025629" s="10"/>
    </row>
    <row r="1025630" spans="14:14">
      <c r="N1025630" s="10"/>
    </row>
    <row r="1025631" spans="14:14">
      <c r="N1025631" s="10"/>
    </row>
    <row r="1025632" spans="14:14">
      <c r="N1025632" s="10"/>
    </row>
    <row r="1025633" spans="14:14">
      <c r="N1025633" s="10"/>
    </row>
    <row r="1025634" spans="14:14">
      <c r="N1025634" s="10"/>
    </row>
    <row r="1025635" spans="14:14">
      <c r="N1025635" s="10"/>
    </row>
    <row r="1025636" spans="14:14">
      <c r="N1025636" s="10"/>
    </row>
    <row r="1025637" spans="14:14">
      <c r="N1025637" s="10"/>
    </row>
    <row r="1025638" spans="14:14">
      <c r="N1025638" s="10"/>
    </row>
    <row r="1025639" spans="14:14">
      <c r="N1025639" s="10"/>
    </row>
    <row r="1025640" spans="14:14">
      <c r="N1025640" s="10"/>
    </row>
    <row r="1025641" spans="14:14">
      <c r="N1025641" s="10"/>
    </row>
    <row r="1025642" spans="14:14">
      <c r="N1025642" s="10"/>
    </row>
    <row r="1025643" spans="14:14">
      <c r="N1025643" s="10"/>
    </row>
    <row r="1025644" spans="14:14">
      <c r="N1025644" s="10"/>
    </row>
    <row r="1025645" spans="14:14">
      <c r="N1025645" s="10"/>
    </row>
    <row r="1025646" spans="14:14">
      <c r="N1025646" s="10"/>
    </row>
    <row r="1025647" spans="14:14">
      <c r="N1025647" s="10"/>
    </row>
    <row r="1025648" spans="14:14">
      <c r="N1025648" s="10"/>
    </row>
    <row r="1025649" spans="14:14">
      <c r="N1025649" s="10"/>
    </row>
    <row r="1025650" spans="14:14">
      <c r="N1025650" s="10"/>
    </row>
    <row r="1025651" spans="14:14">
      <c r="N1025651" s="10"/>
    </row>
    <row r="1025652" spans="14:14">
      <c r="N1025652" s="10"/>
    </row>
    <row r="1025653" spans="14:14">
      <c r="N1025653" s="10"/>
    </row>
    <row r="1025654" spans="14:14">
      <c r="N1025654" s="10"/>
    </row>
    <row r="1025655" spans="14:14">
      <c r="N1025655" s="10"/>
    </row>
    <row r="1025656" spans="14:14">
      <c r="N1025656" s="10"/>
    </row>
    <row r="1025657" spans="14:14">
      <c r="N1025657" s="10"/>
    </row>
    <row r="1025658" spans="14:14">
      <c r="N1025658" s="10"/>
    </row>
    <row r="1025659" spans="14:14">
      <c r="N1025659" s="10"/>
    </row>
    <row r="1025660" spans="14:14">
      <c r="N1025660" s="10"/>
    </row>
    <row r="1025661" spans="14:14">
      <c r="N1025661" s="10"/>
    </row>
    <row r="1025662" spans="14:14">
      <c r="N1025662" s="10"/>
    </row>
    <row r="1025663" spans="14:14">
      <c r="N1025663" s="10"/>
    </row>
    <row r="1025664" spans="14:14">
      <c r="N1025664" s="10"/>
    </row>
    <row r="1025665" spans="14:14">
      <c r="N1025665" s="10"/>
    </row>
    <row r="1025666" spans="14:14">
      <c r="N1025666" s="10"/>
    </row>
    <row r="1025667" spans="14:14">
      <c r="N1025667" s="10"/>
    </row>
    <row r="1025668" spans="14:14">
      <c r="N1025668" s="10"/>
    </row>
    <row r="1025669" spans="14:14">
      <c r="N1025669" s="10"/>
    </row>
    <row r="1025670" spans="14:14">
      <c r="N1025670" s="10"/>
    </row>
    <row r="1025671" spans="14:14">
      <c r="N1025671" s="10"/>
    </row>
    <row r="1025672" spans="14:14">
      <c r="N1025672" s="10"/>
    </row>
    <row r="1025673" spans="14:14">
      <c r="N1025673" s="10"/>
    </row>
    <row r="1025674" spans="14:14">
      <c r="N1025674" s="10"/>
    </row>
    <row r="1025675" spans="14:14">
      <c r="N1025675" s="10"/>
    </row>
    <row r="1025676" spans="14:14">
      <c r="N1025676" s="10"/>
    </row>
    <row r="1025677" spans="14:14">
      <c r="N1025677" s="10"/>
    </row>
    <row r="1025678" spans="14:14">
      <c r="N1025678" s="10"/>
    </row>
    <row r="1025679" spans="14:14">
      <c r="N1025679" s="10"/>
    </row>
    <row r="1025680" spans="14:14">
      <c r="N1025680" s="10"/>
    </row>
    <row r="1025681" spans="14:14">
      <c r="N1025681" s="10"/>
    </row>
    <row r="1025682" spans="14:14">
      <c r="N1025682" s="10"/>
    </row>
    <row r="1025683" spans="14:14">
      <c r="N1025683" s="10"/>
    </row>
    <row r="1025684" spans="14:14">
      <c r="N1025684" s="10"/>
    </row>
    <row r="1025685" spans="14:14">
      <c r="N1025685" s="10"/>
    </row>
    <row r="1025686" spans="14:14">
      <c r="N1025686" s="10"/>
    </row>
    <row r="1025687" spans="14:14">
      <c r="N1025687" s="10"/>
    </row>
    <row r="1025688" spans="14:14">
      <c r="N1025688" s="10"/>
    </row>
    <row r="1025689" spans="14:14">
      <c r="N1025689" s="10"/>
    </row>
    <row r="1025690" spans="14:14">
      <c r="N1025690" s="10"/>
    </row>
    <row r="1025691" spans="14:14">
      <c r="N1025691" s="10"/>
    </row>
    <row r="1025692" spans="14:14">
      <c r="N1025692" s="10"/>
    </row>
    <row r="1025693" spans="14:14">
      <c r="N1025693" s="10"/>
    </row>
    <row r="1025694" spans="14:14">
      <c r="N1025694" s="10"/>
    </row>
    <row r="1025695" spans="14:14">
      <c r="N1025695" s="10"/>
    </row>
    <row r="1025696" spans="14:14">
      <c r="N1025696" s="10"/>
    </row>
    <row r="1025697" spans="14:14">
      <c r="N1025697" s="10"/>
    </row>
    <row r="1025698" spans="14:14">
      <c r="N1025698" s="10"/>
    </row>
    <row r="1025699" spans="14:14">
      <c r="N1025699" s="10"/>
    </row>
    <row r="1025700" spans="14:14">
      <c r="N1025700" s="10"/>
    </row>
    <row r="1025701" spans="14:14">
      <c r="N1025701" s="10"/>
    </row>
    <row r="1025702" spans="14:14">
      <c r="N1025702" s="10"/>
    </row>
    <row r="1025703" spans="14:14">
      <c r="N1025703" s="10"/>
    </row>
    <row r="1025704" spans="14:14">
      <c r="N1025704" s="10"/>
    </row>
    <row r="1025705" spans="14:14">
      <c r="N1025705" s="10"/>
    </row>
    <row r="1025706" spans="14:14">
      <c r="N1025706" s="10"/>
    </row>
    <row r="1025707" spans="14:14">
      <c r="N1025707" s="10"/>
    </row>
    <row r="1025708" spans="14:14">
      <c r="N1025708" s="10"/>
    </row>
    <row r="1025709" spans="14:14">
      <c r="N1025709" s="10"/>
    </row>
    <row r="1025710" spans="14:14">
      <c r="N1025710" s="10"/>
    </row>
    <row r="1025711" spans="14:14">
      <c r="N1025711" s="10"/>
    </row>
    <row r="1025712" spans="14:14">
      <c r="N1025712" s="10"/>
    </row>
    <row r="1025713" spans="14:14">
      <c r="N1025713" s="10"/>
    </row>
    <row r="1025714" spans="14:14">
      <c r="N1025714" s="10"/>
    </row>
    <row r="1025715" spans="14:14">
      <c r="N1025715" s="10"/>
    </row>
    <row r="1025716" spans="14:14">
      <c r="N1025716" s="10"/>
    </row>
    <row r="1025717" spans="14:14">
      <c r="N1025717" s="10"/>
    </row>
    <row r="1025718" spans="14:14">
      <c r="N1025718" s="10"/>
    </row>
    <row r="1025719" spans="14:14">
      <c r="N1025719" s="10"/>
    </row>
    <row r="1025720" spans="14:14">
      <c r="N1025720" s="10"/>
    </row>
    <row r="1025721" spans="14:14">
      <c r="N1025721" s="10"/>
    </row>
    <row r="1025722" spans="14:14">
      <c r="N1025722" s="10"/>
    </row>
    <row r="1025723" spans="14:14">
      <c r="N1025723" s="10"/>
    </row>
    <row r="1025724" spans="14:14">
      <c r="N1025724" s="10"/>
    </row>
    <row r="1025725" spans="14:14">
      <c r="N1025725" s="10"/>
    </row>
    <row r="1025726" spans="14:14">
      <c r="N1025726" s="10"/>
    </row>
    <row r="1025727" spans="14:14">
      <c r="N1025727" s="10"/>
    </row>
    <row r="1025728" spans="14:14">
      <c r="N1025728" s="10"/>
    </row>
    <row r="1025729" spans="14:14">
      <c r="N1025729" s="10"/>
    </row>
    <row r="1025730" spans="14:14">
      <c r="N1025730" s="10"/>
    </row>
    <row r="1025731" spans="14:14">
      <c r="N1025731" s="10"/>
    </row>
    <row r="1025732" spans="14:14">
      <c r="N1025732" s="10"/>
    </row>
    <row r="1025733" spans="14:14">
      <c r="N1025733" s="10"/>
    </row>
    <row r="1025734" spans="14:14">
      <c r="N1025734" s="10"/>
    </row>
    <row r="1025735" spans="14:14">
      <c r="N1025735" s="10"/>
    </row>
    <row r="1025736" spans="14:14">
      <c r="N1025736" s="10"/>
    </row>
    <row r="1025737" spans="14:14">
      <c r="N1025737" s="10"/>
    </row>
    <row r="1025738" spans="14:14">
      <c r="N1025738" s="10"/>
    </row>
    <row r="1025739" spans="14:14">
      <c r="N1025739" s="10"/>
    </row>
    <row r="1025740" spans="14:14">
      <c r="N1025740" s="10"/>
    </row>
    <row r="1025741" spans="14:14">
      <c r="N1025741" s="10"/>
    </row>
    <row r="1025742" spans="14:14">
      <c r="N1025742" s="10"/>
    </row>
    <row r="1025743" spans="14:14">
      <c r="N1025743" s="10"/>
    </row>
    <row r="1025744" spans="14:14">
      <c r="N1025744" s="10"/>
    </row>
    <row r="1025745" spans="14:14">
      <c r="N1025745" s="10"/>
    </row>
    <row r="1025746" spans="14:14">
      <c r="N1025746" s="10"/>
    </row>
    <row r="1025747" spans="14:14">
      <c r="N1025747" s="10"/>
    </row>
    <row r="1025748" spans="14:14">
      <c r="N1025748" s="10"/>
    </row>
    <row r="1025749" spans="14:14">
      <c r="N1025749" s="10"/>
    </row>
    <row r="1025750" spans="14:14">
      <c r="N1025750" s="10"/>
    </row>
    <row r="1025751" spans="14:14">
      <c r="N1025751" s="10"/>
    </row>
    <row r="1025752" spans="14:14">
      <c r="N1025752" s="10"/>
    </row>
    <row r="1025753" spans="14:14">
      <c r="N1025753" s="10"/>
    </row>
    <row r="1025754" spans="14:14">
      <c r="N1025754" s="10"/>
    </row>
    <row r="1025755" spans="14:14">
      <c r="N1025755" s="10"/>
    </row>
    <row r="1025756" spans="14:14">
      <c r="N1025756" s="10"/>
    </row>
    <row r="1025757" spans="14:14">
      <c r="N1025757" s="10"/>
    </row>
    <row r="1025758" spans="14:14">
      <c r="N1025758" s="10"/>
    </row>
    <row r="1025759" spans="14:14">
      <c r="N1025759" s="10"/>
    </row>
    <row r="1025760" spans="14:14">
      <c r="N1025760" s="10"/>
    </row>
    <row r="1025761" spans="14:14">
      <c r="N1025761" s="10"/>
    </row>
    <row r="1025762" spans="14:14">
      <c r="N1025762" s="10"/>
    </row>
    <row r="1025763" spans="14:14">
      <c r="N1025763" s="10"/>
    </row>
    <row r="1025764" spans="14:14">
      <c r="N1025764" s="10"/>
    </row>
    <row r="1025765" spans="14:14">
      <c r="N1025765" s="10"/>
    </row>
    <row r="1025766" spans="14:14">
      <c r="N1025766" s="10"/>
    </row>
    <row r="1025767" spans="14:14">
      <c r="N1025767" s="10"/>
    </row>
    <row r="1025768" spans="14:14">
      <c r="N1025768" s="10"/>
    </row>
    <row r="1025769" spans="14:14">
      <c r="N1025769" s="10"/>
    </row>
    <row r="1025770" spans="14:14">
      <c r="N1025770" s="10"/>
    </row>
    <row r="1025771" spans="14:14">
      <c r="N1025771" s="10"/>
    </row>
    <row r="1025772" spans="14:14">
      <c r="N1025772" s="10"/>
    </row>
    <row r="1025773" spans="14:14">
      <c r="N1025773" s="10"/>
    </row>
    <row r="1025774" spans="14:14">
      <c r="N1025774" s="10"/>
    </row>
    <row r="1025775" spans="14:14">
      <c r="N1025775" s="10"/>
    </row>
    <row r="1025776" spans="14:14">
      <c r="N1025776" s="10"/>
    </row>
    <row r="1025777" spans="14:14">
      <c r="N1025777" s="10"/>
    </row>
    <row r="1025778" spans="14:14">
      <c r="N1025778" s="10"/>
    </row>
    <row r="1025779" spans="14:14">
      <c r="N1025779" s="10"/>
    </row>
    <row r="1025780" spans="14:14">
      <c r="N1025780" s="10"/>
    </row>
    <row r="1025781" spans="14:14">
      <c r="N1025781" s="10"/>
    </row>
    <row r="1025782" spans="14:14">
      <c r="N1025782" s="10"/>
    </row>
    <row r="1025783" spans="14:14">
      <c r="N1025783" s="10"/>
    </row>
    <row r="1025784" spans="14:14">
      <c r="N1025784" s="10"/>
    </row>
    <row r="1025785" spans="14:14">
      <c r="N1025785" s="10"/>
    </row>
    <row r="1025786" spans="14:14">
      <c r="N1025786" s="10"/>
    </row>
    <row r="1025787" spans="14:14">
      <c r="N1025787" s="10"/>
    </row>
    <row r="1025788" spans="14:14">
      <c r="N1025788" s="10"/>
    </row>
    <row r="1025789" spans="14:14">
      <c r="N1025789" s="10"/>
    </row>
    <row r="1025790" spans="14:14">
      <c r="N1025790" s="10"/>
    </row>
    <row r="1025791" spans="14:14">
      <c r="N1025791" s="10"/>
    </row>
    <row r="1025792" spans="14:14">
      <c r="N1025792" s="10"/>
    </row>
    <row r="1025793" spans="14:14">
      <c r="N1025793" s="10"/>
    </row>
    <row r="1025794" spans="14:14">
      <c r="N1025794" s="10"/>
    </row>
    <row r="1025795" spans="14:14">
      <c r="N1025795" s="10"/>
    </row>
    <row r="1025796" spans="14:14">
      <c r="N1025796" s="10"/>
    </row>
    <row r="1025797" spans="14:14">
      <c r="N1025797" s="10"/>
    </row>
    <row r="1025798" spans="14:14">
      <c r="N1025798" s="10"/>
    </row>
    <row r="1025799" spans="14:14">
      <c r="N1025799" s="10"/>
    </row>
    <row r="1025800" spans="14:14">
      <c r="N1025800" s="10"/>
    </row>
    <row r="1025801" spans="14:14">
      <c r="N1025801" s="10"/>
    </row>
    <row r="1025802" spans="14:14">
      <c r="N1025802" s="10"/>
    </row>
    <row r="1025803" spans="14:14">
      <c r="N1025803" s="10"/>
    </row>
    <row r="1025804" spans="14:14">
      <c r="N1025804" s="10"/>
    </row>
    <row r="1025805" spans="14:14">
      <c r="N1025805" s="10"/>
    </row>
    <row r="1025806" spans="14:14">
      <c r="N1025806" s="10"/>
    </row>
    <row r="1025807" spans="14:14">
      <c r="N1025807" s="10"/>
    </row>
    <row r="1025808" spans="14:14">
      <c r="N1025808" s="10"/>
    </row>
    <row r="1025809" spans="14:14">
      <c r="N1025809" s="10"/>
    </row>
    <row r="1025810" spans="14:14">
      <c r="N1025810" s="10"/>
    </row>
    <row r="1025811" spans="14:14">
      <c r="N1025811" s="10"/>
    </row>
    <row r="1025812" spans="14:14">
      <c r="N1025812" s="10"/>
    </row>
    <row r="1025813" spans="14:14">
      <c r="N1025813" s="10"/>
    </row>
    <row r="1025814" spans="14:14">
      <c r="N1025814" s="10"/>
    </row>
    <row r="1025815" spans="14:14">
      <c r="N1025815" s="10"/>
    </row>
    <row r="1025816" spans="14:14">
      <c r="N1025816" s="10"/>
    </row>
    <row r="1025817" spans="14:14">
      <c r="N1025817" s="10"/>
    </row>
    <row r="1025818" spans="14:14">
      <c r="N1025818" s="10"/>
    </row>
    <row r="1025819" spans="14:14">
      <c r="N1025819" s="10"/>
    </row>
    <row r="1025820" spans="14:14">
      <c r="N1025820" s="10"/>
    </row>
    <row r="1025821" spans="14:14">
      <c r="N1025821" s="10"/>
    </row>
    <row r="1025822" spans="14:14">
      <c r="N1025822" s="10"/>
    </row>
    <row r="1025823" spans="14:14">
      <c r="N1025823" s="10"/>
    </row>
    <row r="1025824" spans="14:14">
      <c r="N1025824" s="10"/>
    </row>
    <row r="1025825" spans="14:14">
      <c r="N1025825" s="10"/>
    </row>
    <row r="1025826" spans="14:14">
      <c r="N1025826" s="10"/>
    </row>
    <row r="1025827" spans="14:14">
      <c r="N1025827" s="10"/>
    </row>
    <row r="1025828" spans="14:14">
      <c r="N1025828" s="10"/>
    </row>
    <row r="1025829" spans="14:14">
      <c r="N1025829" s="10"/>
    </row>
    <row r="1025830" spans="14:14">
      <c r="N1025830" s="10"/>
    </row>
    <row r="1025831" spans="14:14">
      <c r="N1025831" s="10"/>
    </row>
    <row r="1025832" spans="14:14">
      <c r="N1025832" s="10"/>
    </row>
    <row r="1025833" spans="14:14">
      <c r="N1025833" s="10"/>
    </row>
    <row r="1025834" spans="14:14">
      <c r="N1025834" s="10"/>
    </row>
    <row r="1025835" spans="14:14">
      <c r="N1025835" s="10"/>
    </row>
    <row r="1025836" spans="14:14">
      <c r="N1025836" s="10"/>
    </row>
    <row r="1025837" spans="14:14">
      <c r="N1025837" s="10"/>
    </row>
    <row r="1025838" spans="14:14">
      <c r="N1025838" s="10"/>
    </row>
    <row r="1025839" spans="14:14">
      <c r="N1025839" s="10"/>
    </row>
    <row r="1025840" spans="14:14">
      <c r="N1025840" s="10"/>
    </row>
    <row r="1025841" spans="14:14">
      <c r="N1025841" s="10"/>
    </row>
    <row r="1025842" spans="14:14">
      <c r="N1025842" s="10"/>
    </row>
    <row r="1025843" spans="14:14">
      <c r="N1025843" s="10"/>
    </row>
    <row r="1025844" spans="14:14">
      <c r="N1025844" s="10"/>
    </row>
    <row r="1025845" spans="14:14">
      <c r="N1025845" s="10"/>
    </row>
    <row r="1025846" spans="14:14">
      <c r="N1025846" s="10"/>
    </row>
    <row r="1025847" spans="14:14">
      <c r="N1025847" s="10"/>
    </row>
    <row r="1025848" spans="14:14">
      <c r="N1025848" s="10"/>
    </row>
    <row r="1025849" spans="14:14">
      <c r="N1025849" s="10"/>
    </row>
    <row r="1025850" spans="14:14">
      <c r="N1025850" s="10"/>
    </row>
    <row r="1025851" spans="14:14">
      <c r="N1025851" s="10"/>
    </row>
    <row r="1025852" spans="14:14">
      <c r="N1025852" s="10"/>
    </row>
    <row r="1025853" spans="14:14">
      <c r="N1025853" s="10"/>
    </row>
    <row r="1025854" spans="14:14">
      <c r="N1025854" s="10"/>
    </row>
    <row r="1025855" spans="14:14">
      <c r="N1025855" s="10"/>
    </row>
    <row r="1025856" spans="14:14">
      <c r="N1025856" s="10"/>
    </row>
    <row r="1025857" spans="14:14">
      <c r="N1025857" s="10"/>
    </row>
    <row r="1025858" spans="14:14">
      <c r="N1025858" s="10"/>
    </row>
    <row r="1025859" spans="14:14">
      <c r="N1025859" s="10"/>
    </row>
    <row r="1025860" spans="14:14">
      <c r="N1025860" s="10"/>
    </row>
    <row r="1025861" spans="14:14">
      <c r="N1025861" s="10"/>
    </row>
    <row r="1025862" spans="14:14">
      <c r="N1025862" s="10"/>
    </row>
    <row r="1025863" spans="14:14">
      <c r="N1025863" s="10"/>
    </row>
    <row r="1025864" spans="14:14">
      <c r="N1025864" s="10"/>
    </row>
    <row r="1025865" spans="14:14">
      <c r="N1025865" s="10"/>
    </row>
    <row r="1025866" spans="14:14">
      <c r="N1025866" s="10"/>
    </row>
    <row r="1025867" spans="14:14">
      <c r="N1025867" s="10"/>
    </row>
    <row r="1025868" spans="14:14">
      <c r="N1025868" s="10"/>
    </row>
    <row r="1025869" spans="14:14">
      <c r="N1025869" s="10"/>
    </row>
    <row r="1025870" spans="14:14">
      <c r="N1025870" s="10"/>
    </row>
    <row r="1025871" spans="14:14">
      <c r="N1025871" s="10"/>
    </row>
    <row r="1025872" spans="14:14">
      <c r="N1025872" s="10"/>
    </row>
    <row r="1025873" spans="14:14">
      <c r="N1025873" s="10"/>
    </row>
    <row r="1025874" spans="14:14">
      <c r="N1025874" s="10"/>
    </row>
    <row r="1025875" spans="14:14">
      <c r="N1025875" s="10"/>
    </row>
    <row r="1025876" spans="14:14">
      <c r="N1025876" s="10"/>
    </row>
    <row r="1025877" spans="14:14">
      <c r="N1025877" s="10"/>
    </row>
    <row r="1025878" spans="14:14">
      <c r="N1025878" s="10"/>
    </row>
    <row r="1025879" spans="14:14">
      <c r="N1025879" s="10"/>
    </row>
    <row r="1025880" spans="14:14">
      <c r="N1025880" s="10"/>
    </row>
    <row r="1025881" spans="14:14">
      <c r="N1025881" s="10"/>
    </row>
    <row r="1025882" spans="14:14">
      <c r="N1025882" s="10"/>
    </row>
    <row r="1025883" spans="14:14">
      <c r="N1025883" s="10"/>
    </row>
    <row r="1025884" spans="14:14">
      <c r="N1025884" s="10"/>
    </row>
    <row r="1025885" spans="14:14">
      <c r="N1025885" s="10"/>
    </row>
    <row r="1025886" spans="14:14">
      <c r="N1025886" s="10"/>
    </row>
    <row r="1025887" spans="14:14">
      <c r="N1025887" s="10"/>
    </row>
    <row r="1025888" spans="14:14">
      <c r="N1025888" s="10"/>
    </row>
    <row r="1025889" spans="14:14">
      <c r="N1025889" s="10"/>
    </row>
    <row r="1025890" spans="14:14">
      <c r="N1025890" s="10"/>
    </row>
    <row r="1025891" spans="14:14">
      <c r="N1025891" s="10"/>
    </row>
    <row r="1025892" spans="14:14">
      <c r="N1025892" s="10"/>
    </row>
    <row r="1025893" spans="14:14">
      <c r="N1025893" s="10"/>
    </row>
    <row r="1025894" spans="14:14">
      <c r="N1025894" s="10"/>
    </row>
    <row r="1025895" spans="14:14">
      <c r="N1025895" s="10"/>
    </row>
    <row r="1025896" spans="14:14">
      <c r="N1025896" s="10"/>
    </row>
    <row r="1025897" spans="14:14">
      <c r="N1025897" s="10"/>
    </row>
    <row r="1025898" spans="14:14">
      <c r="N1025898" s="10"/>
    </row>
    <row r="1025899" spans="14:14">
      <c r="N1025899" s="10"/>
    </row>
    <row r="1025900" spans="14:14">
      <c r="N1025900" s="10"/>
    </row>
    <row r="1025901" spans="14:14">
      <c r="N1025901" s="10"/>
    </row>
    <row r="1025902" spans="14:14">
      <c r="N1025902" s="10"/>
    </row>
    <row r="1025903" spans="14:14">
      <c r="N1025903" s="10"/>
    </row>
    <row r="1025904" spans="14:14">
      <c r="N1025904" s="10"/>
    </row>
    <row r="1025905" spans="14:14">
      <c r="N1025905" s="10"/>
    </row>
    <row r="1025906" spans="14:14">
      <c r="N1025906" s="10"/>
    </row>
    <row r="1025907" spans="14:14">
      <c r="N1025907" s="10"/>
    </row>
    <row r="1025908" spans="14:14">
      <c r="N1025908" s="10"/>
    </row>
    <row r="1025909" spans="14:14">
      <c r="N1025909" s="10"/>
    </row>
    <row r="1025910" spans="14:14">
      <c r="N1025910" s="10"/>
    </row>
    <row r="1025911" spans="14:14">
      <c r="N1025911" s="10"/>
    </row>
    <row r="1025912" spans="14:14">
      <c r="N1025912" s="10"/>
    </row>
    <row r="1025913" spans="14:14">
      <c r="N1025913" s="10"/>
    </row>
    <row r="1025914" spans="14:14">
      <c r="N1025914" s="10"/>
    </row>
    <row r="1025915" spans="14:14">
      <c r="N1025915" s="10"/>
    </row>
    <row r="1025916" spans="14:14">
      <c r="N1025916" s="10"/>
    </row>
    <row r="1025917" spans="14:14">
      <c r="N1025917" s="10"/>
    </row>
    <row r="1025918" spans="14:14">
      <c r="N1025918" s="10"/>
    </row>
    <row r="1025919" spans="14:14">
      <c r="N1025919" s="10"/>
    </row>
    <row r="1025920" spans="14:14">
      <c r="N1025920" s="10"/>
    </row>
    <row r="1025921" spans="14:14">
      <c r="N1025921" s="10"/>
    </row>
    <row r="1025922" spans="14:14">
      <c r="N1025922" s="10"/>
    </row>
    <row r="1025923" spans="14:14">
      <c r="N1025923" s="10"/>
    </row>
    <row r="1025924" spans="14:14">
      <c r="N1025924" s="10"/>
    </row>
    <row r="1025925" spans="14:14">
      <c r="N1025925" s="10"/>
    </row>
    <row r="1025926" spans="14:14">
      <c r="N1025926" s="10"/>
    </row>
    <row r="1025927" spans="14:14">
      <c r="N1025927" s="10"/>
    </row>
    <row r="1025928" spans="14:14">
      <c r="N1025928" s="10"/>
    </row>
    <row r="1025929" spans="14:14">
      <c r="N1025929" s="10"/>
    </row>
    <row r="1025930" spans="14:14">
      <c r="N1025930" s="10"/>
    </row>
    <row r="1025931" spans="14:14">
      <c r="N1025931" s="10"/>
    </row>
    <row r="1025932" spans="14:14">
      <c r="N1025932" s="10"/>
    </row>
    <row r="1025933" spans="14:14">
      <c r="N1025933" s="10"/>
    </row>
    <row r="1025934" spans="14:14">
      <c r="N1025934" s="10"/>
    </row>
    <row r="1025935" spans="14:14">
      <c r="N1025935" s="10"/>
    </row>
    <row r="1025936" spans="14:14">
      <c r="N1025936" s="10"/>
    </row>
    <row r="1025937" spans="14:14">
      <c r="N1025937" s="10"/>
    </row>
    <row r="1025938" spans="14:14">
      <c r="N1025938" s="10"/>
    </row>
    <row r="1025939" spans="14:14">
      <c r="N1025939" s="10"/>
    </row>
    <row r="1025940" spans="14:14">
      <c r="N1025940" s="10"/>
    </row>
    <row r="1025941" spans="14:14">
      <c r="N1025941" s="10"/>
    </row>
    <row r="1025942" spans="14:14">
      <c r="N1025942" s="10"/>
    </row>
    <row r="1025943" spans="14:14">
      <c r="N1025943" s="10"/>
    </row>
    <row r="1025944" spans="14:14">
      <c r="N1025944" s="10"/>
    </row>
    <row r="1025945" spans="14:14">
      <c r="N1025945" s="10"/>
    </row>
    <row r="1025946" spans="14:14">
      <c r="N1025946" s="10"/>
    </row>
    <row r="1025947" spans="14:14">
      <c r="N1025947" s="10"/>
    </row>
    <row r="1025948" spans="14:14">
      <c r="N1025948" s="10"/>
    </row>
    <row r="1025949" spans="14:14">
      <c r="N1025949" s="10"/>
    </row>
    <row r="1025950" spans="14:14">
      <c r="N1025950" s="10"/>
    </row>
    <row r="1025951" spans="14:14">
      <c r="N1025951" s="10"/>
    </row>
    <row r="1025952" spans="14:14">
      <c r="N1025952" s="10"/>
    </row>
    <row r="1025953" spans="14:14">
      <c r="N1025953" s="10"/>
    </row>
    <row r="1025954" spans="14:14">
      <c r="N1025954" s="10"/>
    </row>
    <row r="1025955" spans="14:14">
      <c r="N1025955" s="10"/>
    </row>
    <row r="1025956" spans="14:14">
      <c r="N1025956" s="10"/>
    </row>
    <row r="1025957" spans="14:14">
      <c r="N1025957" s="10"/>
    </row>
    <row r="1025958" spans="14:14">
      <c r="N1025958" s="10"/>
    </row>
    <row r="1025959" spans="14:14">
      <c r="N1025959" s="10"/>
    </row>
    <row r="1025960" spans="14:14">
      <c r="N1025960" s="10"/>
    </row>
    <row r="1025961" spans="14:14">
      <c r="N1025961" s="10"/>
    </row>
    <row r="1025962" spans="14:14">
      <c r="N1025962" s="10"/>
    </row>
    <row r="1025963" spans="14:14">
      <c r="N1025963" s="10"/>
    </row>
    <row r="1025964" spans="14:14">
      <c r="N1025964" s="10"/>
    </row>
    <row r="1025965" spans="14:14">
      <c r="N1025965" s="10"/>
    </row>
    <row r="1025966" spans="14:14">
      <c r="N1025966" s="10"/>
    </row>
    <row r="1025967" spans="14:14">
      <c r="N1025967" s="10"/>
    </row>
    <row r="1025968" spans="14:14">
      <c r="N1025968" s="10"/>
    </row>
    <row r="1025969" spans="14:14">
      <c r="N1025969" s="10"/>
    </row>
    <row r="1025970" spans="14:14">
      <c r="N1025970" s="10"/>
    </row>
    <row r="1025971" spans="14:14">
      <c r="N1025971" s="10"/>
    </row>
    <row r="1025972" spans="14:14">
      <c r="N1025972" s="10"/>
    </row>
    <row r="1025973" spans="14:14">
      <c r="N1025973" s="10"/>
    </row>
    <row r="1025974" spans="14:14">
      <c r="N1025974" s="10"/>
    </row>
    <row r="1025975" spans="14:14">
      <c r="N1025975" s="10"/>
    </row>
    <row r="1025976" spans="14:14">
      <c r="N1025976" s="10"/>
    </row>
    <row r="1025977" spans="14:14">
      <c r="N1025977" s="10"/>
    </row>
    <row r="1025978" spans="14:14">
      <c r="N1025978" s="10"/>
    </row>
    <row r="1025979" spans="14:14">
      <c r="N1025979" s="10"/>
    </row>
    <row r="1025980" spans="14:14">
      <c r="N1025980" s="10"/>
    </row>
    <row r="1025981" spans="14:14">
      <c r="N1025981" s="10"/>
    </row>
    <row r="1025982" spans="14:14">
      <c r="N1025982" s="10"/>
    </row>
    <row r="1025983" spans="14:14">
      <c r="N1025983" s="10"/>
    </row>
    <row r="1025984" spans="14:14">
      <c r="N1025984" s="10"/>
    </row>
    <row r="1025985" spans="14:14">
      <c r="N1025985" s="10"/>
    </row>
    <row r="1025986" spans="14:14">
      <c r="N1025986" s="10"/>
    </row>
    <row r="1025987" spans="14:14">
      <c r="N1025987" s="10"/>
    </row>
    <row r="1025988" spans="14:14">
      <c r="N1025988" s="10"/>
    </row>
    <row r="1025989" spans="14:14">
      <c r="N1025989" s="10"/>
    </row>
    <row r="1025990" spans="14:14">
      <c r="N1025990" s="10"/>
    </row>
    <row r="1025991" spans="14:14">
      <c r="N1025991" s="10"/>
    </row>
    <row r="1025992" spans="14:14">
      <c r="N1025992" s="10"/>
    </row>
    <row r="1025993" spans="14:14">
      <c r="N1025993" s="10"/>
    </row>
    <row r="1025994" spans="14:14">
      <c r="N1025994" s="10"/>
    </row>
    <row r="1025995" spans="14:14">
      <c r="N1025995" s="10"/>
    </row>
    <row r="1025996" spans="14:14">
      <c r="N1025996" s="10"/>
    </row>
    <row r="1025997" spans="14:14">
      <c r="N1025997" s="10"/>
    </row>
    <row r="1025998" spans="14:14">
      <c r="N1025998" s="10"/>
    </row>
    <row r="1025999" spans="14:14">
      <c r="N1025999" s="10"/>
    </row>
    <row r="1026000" spans="14:14">
      <c r="N1026000" s="10"/>
    </row>
    <row r="1026001" spans="14:14">
      <c r="N1026001" s="10"/>
    </row>
    <row r="1026002" spans="14:14">
      <c r="N1026002" s="10"/>
    </row>
    <row r="1026003" spans="14:14">
      <c r="N1026003" s="10"/>
    </row>
    <row r="1026004" spans="14:14">
      <c r="N1026004" s="10"/>
    </row>
    <row r="1026005" spans="14:14">
      <c r="N1026005" s="10"/>
    </row>
    <row r="1026006" spans="14:14">
      <c r="N1026006" s="10"/>
    </row>
    <row r="1026007" spans="14:14">
      <c r="N1026007" s="10"/>
    </row>
    <row r="1026008" spans="14:14">
      <c r="N1026008" s="10"/>
    </row>
    <row r="1026009" spans="14:14">
      <c r="N1026009" s="10"/>
    </row>
    <row r="1026010" spans="14:14">
      <c r="N1026010" s="10"/>
    </row>
    <row r="1026011" spans="14:14">
      <c r="N1026011" s="10"/>
    </row>
    <row r="1026012" spans="14:14">
      <c r="N1026012" s="10"/>
    </row>
    <row r="1026013" spans="14:14">
      <c r="N1026013" s="10"/>
    </row>
    <row r="1026014" spans="14:14">
      <c r="N1026014" s="10"/>
    </row>
    <row r="1026015" spans="14:14">
      <c r="N1026015" s="10"/>
    </row>
    <row r="1026016" spans="14:14">
      <c r="N1026016" s="10"/>
    </row>
    <row r="1026017" spans="14:14">
      <c r="N1026017" s="10"/>
    </row>
    <row r="1026018" spans="14:14">
      <c r="N1026018" s="10"/>
    </row>
    <row r="1026019" spans="14:14">
      <c r="N1026019" s="10"/>
    </row>
    <row r="1026020" spans="14:14">
      <c r="N1026020" s="10"/>
    </row>
    <row r="1026021" spans="14:14">
      <c r="N1026021" s="10"/>
    </row>
    <row r="1026022" spans="14:14">
      <c r="N1026022" s="10"/>
    </row>
    <row r="1026023" spans="14:14">
      <c r="N1026023" s="10"/>
    </row>
    <row r="1026024" spans="14:14">
      <c r="N1026024" s="10"/>
    </row>
    <row r="1026025" spans="14:14">
      <c r="N1026025" s="10"/>
    </row>
    <row r="1026026" spans="14:14">
      <c r="N1026026" s="10"/>
    </row>
    <row r="1026027" spans="14:14">
      <c r="N1026027" s="10"/>
    </row>
    <row r="1026028" spans="14:14">
      <c r="N1026028" s="10"/>
    </row>
    <row r="1026029" spans="14:14">
      <c r="N1026029" s="10"/>
    </row>
    <row r="1026030" spans="14:14">
      <c r="N1026030" s="10"/>
    </row>
    <row r="1026031" spans="14:14">
      <c r="N1026031" s="10"/>
    </row>
    <row r="1026032" spans="14:14">
      <c r="N1026032" s="10"/>
    </row>
    <row r="1026033" spans="14:14">
      <c r="N1026033" s="10"/>
    </row>
    <row r="1026034" spans="14:14">
      <c r="N1026034" s="10"/>
    </row>
    <row r="1026035" spans="14:14">
      <c r="N1026035" s="10"/>
    </row>
    <row r="1026036" spans="14:14">
      <c r="N1026036" s="10"/>
    </row>
    <row r="1026037" spans="14:14">
      <c r="N1026037" s="10"/>
    </row>
    <row r="1026038" spans="14:14">
      <c r="N1026038" s="10"/>
    </row>
    <row r="1026039" spans="14:14">
      <c r="N1026039" s="10"/>
    </row>
    <row r="1026040" spans="14:14">
      <c r="N1026040" s="10"/>
    </row>
    <row r="1026041" spans="14:14">
      <c r="N1026041" s="10"/>
    </row>
    <row r="1026042" spans="14:14">
      <c r="N1026042" s="10"/>
    </row>
    <row r="1026043" spans="14:14">
      <c r="N1026043" s="10"/>
    </row>
    <row r="1026044" spans="14:14">
      <c r="N1026044" s="10"/>
    </row>
    <row r="1026045" spans="14:14">
      <c r="N1026045" s="10"/>
    </row>
    <row r="1026046" spans="14:14">
      <c r="N1026046" s="10"/>
    </row>
    <row r="1026047" spans="14:14">
      <c r="N1026047" s="10"/>
    </row>
    <row r="1026048" spans="14:14">
      <c r="N1026048" s="10"/>
    </row>
    <row r="1026049" spans="14:14">
      <c r="N1026049" s="10"/>
    </row>
    <row r="1026050" spans="14:14">
      <c r="N1026050" s="10"/>
    </row>
    <row r="1026051" spans="14:14">
      <c r="N1026051" s="10"/>
    </row>
    <row r="1026052" spans="14:14">
      <c r="N1026052" s="10"/>
    </row>
    <row r="1026053" spans="14:14">
      <c r="N1026053" s="10"/>
    </row>
    <row r="1026054" spans="14:14">
      <c r="N1026054" s="10"/>
    </row>
    <row r="1026055" spans="14:14">
      <c r="N1026055" s="10"/>
    </row>
    <row r="1026056" spans="14:14">
      <c r="N1026056" s="10"/>
    </row>
    <row r="1026057" spans="14:14">
      <c r="N1026057" s="10"/>
    </row>
    <row r="1026058" spans="14:14">
      <c r="N1026058" s="10"/>
    </row>
    <row r="1026059" spans="14:14">
      <c r="N1026059" s="10"/>
    </row>
    <row r="1026060" spans="14:14">
      <c r="N1026060" s="10"/>
    </row>
    <row r="1026061" spans="14:14">
      <c r="N1026061" s="10"/>
    </row>
    <row r="1026062" spans="14:14">
      <c r="N1026062" s="10"/>
    </row>
    <row r="1026063" spans="14:14">
      <c r="N1026063" s="10"/>
    </row>
    <row r="1026064" spans="14:14">
      <c r="N1026064" s="10"/>
    </row>
    <row r="1026065" spans="14:14">
      <c r="N1026065" s="10"/>
    </row>
    <row r="1026066" spans="14:14">
      <c r="N1026066" s="10"/>
    </row>
    <row r="1026067" spans="14:14">
      <c r="N1026067" s="10"/>
    </row>
    <row r="1026068" spans="14:14">
      <c r="N1026068" s="10"/>
    </row>
    <row r="1026069" spans="14:14">
      <c r="N1026069" s="10"/>
    </row>
    <row r="1026070" spans="14:14">
      <c r="N1026070" s="10"/>
    </row>
    <row r="1026071" spans="14:14">
      <c r="N1026071" s="10"/>
    </row>
    <row r="1026072" spans="14:14">
      <c r="N1026072" s="10"/>
    </row>
    <row r="1026073" spans="14:14">
      <c r="N1026073" s="10"/>
    </row>
    <row r="1026074" spans="14:14">
      <c r="N1026074" s="10"/>
    </row>
    <row r="1026075" spans="14:14">
      <c r="N1026075" s="10"/>
    </row>
    <row r="1026076" spans="14:14">
      <c r="N1026076" s="10"/>
    </row>
    <row r="1026077" spans="14:14">
      <c r="N1026077" s="10"/>
    </row>
    <row r="1026078" spans="14:14">
      <c r="N1026078" s="10"/>
    </row>
    <row r="1026079" spans="14:14">
      <c r="N1026079" s="10"/>
    </row>
    <row r="1026080" spans="14:14">
      <c r="N1026080" s="10"/>
    </row>
    <row r="1026081" spans="14:14">
      <c r="N1026081" s="10"/>
    </row>
    <row r="1026082" spans="14:14">
      <c r="N1026082" s="10"/>
    </row>
    <row r="1026083" spans="14:14">
      <c r="N1026083" s="10"/>
    </row>
    <row r="1026084" spans="14:14">
      <c r="N1026084" s="10"/>
    </row>
    <row r="1026085" spans="14:14">
      <c r="N1026085" s="10"/>
    </row>
    <row r="1026086" spans="14:14">
      <c r="N1026086" s="10"/>
    </row>
    <row r="1026087" spans="14:14">
      <c r="N1026087" s="10"/>
    </row>
    <row r="1026088" spans="14:14">
      <c r="N1026088" s="10"/>
    </row>
    <row r="1026089" spans="14:14">
      <c r="N1026089" s="10"/>
    </row>
    <row r="1026090" spans="14:14">
      <c r="N1026090" s="10"/>
    </row>
    <row r="1026091" spans="14:14">
      <c r="N1026091" s="10"/>
    </row>
    <row r="1026092" spans="14:14">
      <c r="N1026092" s="10"/>
    </row>
    <row r="1026093" spans="14:14">
      <c r="N1026093" s="10"/>
    </row>
    <row r="1026094" spans="14:14">
      <c r="N1026094" s="10"/>
    </row>
    <row r="1026095" spans="14:14">
      <c r="N1026095" s="10"/>
    </row>
    <row r="1026096" spans="14:14">
      <c r="N1026096" s="10"/>
    </row>
    <row r="1026097" spans="14:14">
      <c r="N1026097" s="10"/>
    </row>
    <row r="1026098" spans="14:14">
      <c r="N1026098" s="10"/>
    </row>
    <row r="1026099" spans="14:14">
      <c r="N1026099" s="10"/>
    </row>
    <row r="1026100" spans="14:14">
      <c r="N1026100" s="10"/>
    </row>
    <row r="1026101" spans="14:14">
      <c r="N1026101" s="10"/>
    </row>
    <row r="1026102" spans="14:14">
      <c r="N1026102" s="10"/>
    </row>
    <row r="1026103" spans="14:14">
      <c r="N1026103" s="10"/>
    </row>
    <row r="1026104" spans="14:14">
      <c r="N1026104" s="10"/>
    </row>
    <row r="1026105" spans="14:14">
      <c r="N1026105" s="10"/>
    </row>
    <row r="1026106" spans="14:14">
      <c r="N1026106" s="10"/>
    </row>
    <row r="1026107" spans="14:14">
      <c r="N1026107" s="10"/>
    </row>
    <row r="1026108" spans="14:14">
      <c r="N1026108" s="10"/>
    </row>
    <row r="1026109" spans="14:14">
      <c r="N1026109" s="10"/>
    </row>
    <row r="1026110" spans="14:14">
      <c r="N1026110" s="10"/>
    </row>
    <row r="1026111" spans="14:14">
      <c r="N1026111" s="10"/>
    </row>
    <row r="1026112" spans="14:14">
      <c r="N1026112" s="10"/>
    </row>
    <row r="1026113" spans="14:14">
      <c r="N1026113" s="10"/>
    </row>
    <row r="1026114" spans="14:14">
      <c r="N1026114" s="10"/>
    </row>
    <row r="1026115" spans="14:14">
      <c r="N1026115" s="10"/>
    </row>
    <row r="1026116" spans="14:14">
      <c r="N1026116" s="10"/>
    </row>
    <row r="1026117" spans="14:14">
      <c r="N1026117" s="10"/>
    </row>
    <row r="1026118" spans="14:14">
      <c r="N1026118" s="10"/>
    </row>
    <row r="1026119" spans="14:14">
      <c r="N1026119" s="10"/>
    </row>
    <row r="1026120" spans="14:14">
      <c r="N1026120" s="10"/>
    </row>
    <row r="1026121" spans="14:14">
      <c r="N1026121" s="10"/>
    </row>
    <row r="1026122" spans="14:14">
      <c r="N1026122" s="10"/>
    </row>
    <row r="1026123" spans="14:14">
      <c r="N1026123" s="10"/>
    </row>
    <row r="1026124" spans="14:14">
      <c r="N1026124" s="10"/>
    </row>
    <row r="1026125" spans="14:14">
      <c r="N1026125" s="10"/>
    </row>
    <row r="1026126" spans="14:14">
      <c r="N1026126" s="10"/>
    </row>
    <row r="1026127" spans="14:14">
      <c r="N1026127" s="10"/>
    </row>
    <row r="1026128" spans="14:14">
      <c r="N1026128" s="10"/>
    </row>
    <row r="1026129" spans="14:14">
      <c r="N1026129" s="10"/>
    </row>
    <row r="1026130" spans="14:14">
      <c r="N1026130" s="10"/>
    </row>
    <row r="1026131" spans="14:14">
      <c r="N1026131" s="10"/>
    </row>
    <row r="1026132" spans="14:14">
      <c r="N1026132" s="10"/>
    </row>
    <row r="1026133" spans="14:14">
      <c r="N1026133" s="10"/>
    </row>
    <row r="1026134" spans="14:14">
      <c r="N1026134" s="10"/>
    </row>
    <row r="1026135" spans="14:14">
      <c r="N1026135" s="10"/>
    </row>
    <row r="1026136" spans="14:14">
      <c r="N1026136" s="10"/>
    </row>
    <row r="1026137" spans="14:14">
      <c r="N1026137" s="10"/>
    </row>
    <row r="1026138" spans="14:14">
      <c r="N1026138" s="10"/>
    </row>
    <row r="1026139" spans="14:14">
      <c r="N1026139" s="10"/>
    </row>
    <row r="1026140" spans="14:14">
      <c r="N1026140" s="10"/>
    </row>
    <row r="1026141" spans="14:14">
      <c r="N1026141" s="10"/>
    </row>
    <row r="1026142" spans="14:14">
      <c r="N1026142" s="10"/>
    </row>
    <row r="1026143" spans="14:14">
      <c r="N1026143" s="10"/>
    </row>
    <row r="1026144" spans="14:14">
      <c r="N1026144" s="10"/>
    </row>
    <row r="1026145" spans="14:14">
      <c r="N1026145" s="10"/>
    </row>
    <row r="1026146" spans="14:14">
      <c r="N1026146" s="10"/>
    </row>
    <row r="1026147" spans="14:14">
      <c r="N1026147" s="10"/>
    </row>
    <row r="1026148" spans="14:14">
      <c r="N1026148" s="10"/>
    </row>
    <row r="1026149" spans="14:14">
      <c r="N1026149" s="10"/>
    </row>
    <row r="1026150" spans="14:14">
      <c r="N1026150" s="10"/>
    </row>
    <row r="1026151" spans="14:14">
      <c r="N1026151" s="10"/>
    </row>
    <row r="1026152" spans="14:14">
      <c r="N1026152" s="10"/>
    </row>
    <row r="1026153" spans="14:14">
      <c r="N1026153" s="10"/>
    </row>
    <row r="1026154" spans="14:14">
      <c r="N1026154" s="10"/>
    </row>
    <row r="1026155" spans="14:14">
      <c r="N1026155" s="10"/>
    </row>
    <row r="1026156" spans="14:14">
      <c r="N1026156" s="10"/>
    </row>
    <row r="1026157" spans="14:14">
      <c r="N1026157" s="10"/>
    </row>
    <row r="1026158" spans="14:14">
      <c r="N1026158" s="10"/>
    </row>
    <row r="1026159" spans="14:14">
      <c r="N1026159" s="10"/>
    </row>
    <row r="1026160" spans="14:14">
      <c r="N1026160" s="10"/>
    </row>
    <row r="1026161" spans="14:14">
      <c r="N1026161" s="10"/>
    </row>
    <row r="1026162" spans="14:14">
      <c r="N1026162" s="10"/>
    </row>
    <row r="1026163" spans="14:14">
      <c r="N1026163" s="10"/>
    </row>
    <row r="1026164" spans="14:14">
      <c r="N1026164" s="10"/>
    </row>
    <row r="1026165" spans="14:14">
      <c r="N1026165" s="10"/>
    </row>
    <row r="1026166" spans="14:14">
      <c r="N1026166" s="10"/>
    </row>
    <row r="1026167" spans="14:14">
      <c r="N1026167" s="10"/>
    </row>
    <row r="1026168" spans="14:14">
      <c r="N1026168" s="10"/>
    </row>
    <row r="1026169" spans="14:14">
      <c r="N1026169" s="10"/>
    </row>
    <row r="1026170" spans="14:14">
      <c r="N1026170" s="10"/>
    </row>
    <row r="1026171" spans="14:14">
      <c r="N1026171" s="10"/>
    </row>
    <row r="1026172" spans="14:14">
      <c r="N1026172" s="10"/>
    </row>
    <row r="1026173" spans="14:14">
      <c r="N1026173" s="10"/>
    </row>
    <row r="1026174" spans="14:14">
      <c r="N1026174" s="10"/>
    </row>
    <row r="1026175" spans="14:14">
      <c r="N1026175" s="10"/>
    </row>
    <row r="1026176" spans="14:14">
      <c r="N1026176" s="10"/>
    </row>
    <row r="1026177" spans="14:14">
      <c r="N1026177" s="10"/>
    </row>
    <row r="1026178" spans="14:14">
      <c r="N1026178" s="10"/>
    </row>
    <row r="1026179" spans="14:14">
      <c r="N1026179" s="10"/>
    </row>
    <row r="1026180" spans="14:14">
      <c r="N1026180" s="10"/>
    </row>
    <row r="1026181" spans="14:14">
      <c r="N1026181" s="10"/>
    </row>
    <row r="1026182" spans="14:14">
      <c r="N1026182" s="10"/>
    </row>
    <row r="1026183" spans="14:14">
      <c r="N1026183" s="10"/>
    </row>
    <row r="1026184" spans="14:14">
      <c r="N1026184" s="10"/>
    </row>
    <row r="1026185" spans="14:14">
      <c r="N1026185" s="10"/>
    </row>
    <row r="1026186" spans="14:14">
      <c r="N1026186" s="10"/>
    </row>
    <row r="1026187" spans="14:14">
      <c r="N1026187" s="10"/>
    </row>
    <row r="1026188" spans="14:14">
      <c r="N1026188" s="10"/>
    </row>
    <row r="1026189" spans="14:14">
      <c r="N1026189" s="10"/>
    </row>
    <row r="1026190" spans="14:14">
      <c r="N1026190" s="10"/>
    </row>
    <row r="1026191" spans="14:14">
      <c r="N1026191" s="10"/>
    </row>
    <row r="1026192" spans="14:14">
      <c r="N1026192" s="10"/>
    </row>
    <row r="1026193" spans="14:14">
      <c r="N1026193" s="10"/>
    </row>
    <row r="1026194" spans="14:14">
      <c r="N1026194" s="10"/>
    </row>
    <row r="1026195" spans="14:14">
      <c r="N1026195" s="10"/>
    </row>
    <row r="1026196" spans="14:14">
      <c r="N1026196" s="10"/>
    </row>
    <row r="1026197" spans="14:14">
      <c r="N1026197" s="10"/>
    </row>
    <row r="1026198" spans="14:14">
      <c r="N1026198" s="10"/>
    </row>
    <row r="1026199" spans="14:14">
      <c r="N1026199" s="10"/>
    </row>
    <row r="1026200" spans="14:14">
      <c r="N1026200" s="10"/>
    </row>
    <row r="1026201" spans="14:14">
      <c r="N1026201" s="10"/>
    </row>
    <row r="1026202" spans="14:14">
      <c r="N1026202" s="10"/>
    </row>
    <row r="1026203" spans="14:14">
      <c r="N1026203" s="10"/>
    </row>
    <row r="1026204" spans="14:14">
      <c r="N1026204" s="10"/>
    </row>
    <row r="1026205" spans="14:14">
      <c r="N1026205" s="10"/>
    </row>
    <row r="1026206" spans="14:14">
      <c r="N1026206" s="10"/>
    </row>
    <row r="1026207" spans="14:14">
      <c r="N1026207" s="10"/>
    </row>
    <row r="1026208" spans="14:14">
      <c r="N1026208" s="10"/>
    </row>
    <row r="1026209" spans="14:14">
      <c r="N1026209" s="10"/>
    </row>
    <row r="1026210" spans="14:14">
      <c r="N1026210" s="10"/>
    </row>
    <row r="1026211" spans="14:14">
      <c r="N1026211" s="10"/>
    </row>
    <row r="1026212" spans="14:14">
      <c r="N1026212" s="10"/>
    </row>
    <row r="1026213" spans="14:14">
      <c r="N1026213" s="10"/>
    </row>
    <row r="1026214" spans="14:14">
      <c r="N1026214" s="10"/>
    </row>
    <row r="1026215" spans="14:14">
      <c r="N1026215" s="10"/>
    </row>
    <row r="1026216" spans="14:14">
      <c r="N1026216" s="10"/>
    </row>
    <row r="1026217" spans="14:14">
      <c r="N1026217" s="10"/>
    </row>
    <row r="1026218" spans="14:14">
      <c r="N1026218" s="10"/>
    </row>
    <row r="1026219" spans="14:14">
      <c r="N1026219" s="10"/>
    </row>
    <row r="1026220" spans="14:14">
      <c r="N1026220" s="10"/>
    </row>
    <row r="1026221" spans="14:14">
      <c r="N1026221" s="10"/>
    </row>
    <row r="1026222" spans="14:14">
      <c r="N1026222" s="10"/>
    </row>
    <row r="1026223" spans="14:14">
      <c r="N1026223" s="10"/>
    </row>
    <row r="1026224" spans="14:14">
      <c r="N1026224" s="10"/>
    </row>
    <row r="1026225" spans="14:14">
      <c r="N1026225" s="10"/>
    </row>
    <row r="1026226" spans="14:14">
      <c r="N1026226" s="10"/>
    </row>
    <row r="1026227" spans="14:14">
      <c r="N1026227" s="10"/>
    </row>
    <row r="1026228" spans="14:14">
      <c r="N1026228" s="10"/>
    </row>
    <row r="1026229" spans="14:14">
      <c r="N1026229" s="10"/>
    </row>
    <row r="1026230" spans="14:14">
      <c r="N1026230" s="10"/>
    </row>
    <row r="1026231" spans="14:14">
      <c r="N1026231" s="10"/>
    </row>
    <row r="1026232" spans="14:14">
      <c r="N1026232" s="10"/>
    </row>
    <row r="1026233" spans="14:14">
      <c r="N1026233" s="10"/>
    </row>
    <row r="1026234" spans="14:14">
      <c r="N1026234" s="10"/>
    </row>
    <row r="1026235" spans="14:14">
      <c r="N1026235" s="10"/>
    </row>
    <row r="1026236" spans="14:14">
      <c r="N1026236" s="10"/>
    </row>
    <row r="1026237" spans="14:14">
      <c r="N1026237" s="10"/>
    </row>
    <row r="1026238" spans="14:14">
      <c r="N1026238" s="10"/>
    </row>
    <row r="1026239" spans="14:14">
      <c r="N1026239" s="10"/>
    </row>
    <row r="1026240" spans="14:14">
      <c r="N1026240" s="10"/>
    </row>
    <row r="1026241" spans="14:14">
      <c r="N1026241" s="10"/>
    </row>
    <row r="1026242" spans="14:14">
      <c r="N1026242" s="10"/>
    </row>
    <row r="1026243" spans="14:14">
      <c r="N1026243" s="10"/>
    </row>
    <row r="1026244" spans="14:14">
      <c r="N1026244" s="10"/>
    </row>
    <row r="1026245" spans="14:14">
      <c r="N1026245" s="10"/>
    </row>
    <row r="1026246" spans="14:14">
      <c r="N1026246" s="10"/>
    </row>
    <row r="1026247" spans="14:14">
      <c r="N1026247" s="10"/>
    </row>
    <row r="1026248" spans="14:14">
      <c r="N1026248" s="10"/>
    </row>
    <row r="1026249" spans="14:14">
      <c r="N1026249" s="10"/>
    </row>
    <row r="1026250" spans="14:14">
      <c r="N1026250" s="10"/>
    </row>
    <row r="1026251" spans="14:14">
      <c r="N1026251" s="10"/>
    </row>
    <row r="1026252" spans="14:14">
      <c r="N1026252" s="10"/>
    </row>
    <row r="1026253" spans="14:14">
      <c r="N1026253" s="10"/>
    </row>
    <row r="1026254" spans="14:14">
      <c r="N1026254" s="10"/>
    </row>
    <row r="1026255" spans="14:14">
      <c r="N1026255" s="10"/>
    </row>
    <row r="1026256" spans="14:14">
      <c r="N1026256" s="10"/>
    </row>
    <row r="1026257" spans="14:14">
      <c r="N1026257" s="10"/>
    </row>
    <row r="1026258" spans="14:14">
      <c r="N1026258" s="10"/>
    </row>
    <row r="1026259" spans="14:14">
      <c r="N1026259" s="10"/>
    </row>
    <row r="1026260" spans="14:14">
      <c r="N1026260" s="10"/>
    </row>
    <row r="1026261" spans="14:14">
      <c r="N1026261" s="10"/>
    </row>
    <row r="1026262" spans="14:14">
      <c r="N1026262" s="10"/>
    </row>
    <row r="1026263" spans="14:14">
      <c r="N1026263" s="10"/>
    </row>
    <row r="1026264" spans="14:14">
      <c r="N1026264" s="10"/>
    </row>
    <row r="1026265" spans="14:14">
      <c r="N1026265" s="10"/>
    </row>
    <row r="1026266" spans="14:14">
      <c r="N1026266" s="10"/>
    </row>
    <row r="1026267" spans="14:14">
      <c r="N1026267" s="10"/>
    </row>
    <row r="1026268" spans="14:14">
      <c r="N1026268" s="10"/>
    </row>
    <row r="1026269" spans="14:14">
      <c r="N1026269" s="10"/>
    </row>
    <row r="1026270" spans="14:14">
      <c r="N1026270" s="10"/>
    </row>
    <row r="1026271" spans="14:14">
      <c r="N1026271" s="10"/>
    </row>
    <row r="1026272" spans="14:14">
      <c r="N1026272" s="10"/>
    </row>
    <row r="1026273" spans="14:14">
      <c r="N1026273" s="10"/>
    </row>
    <row r="1026274" spans="14:14">
      <c r="N1026274" s="10"/>
    </row>
    <row r="1026275" spans="14:14">
      <c r="N1026275" s="10"/>
    </row>
    <row r="1026276" spans="14:14">
      <c r="N1026276" s="10"/>
    </row>
    <row r="1026277" spans="14:14">
      <c r="N1026277" s="10"/>
    </row>
    <row r="1026278" spans="14:14">
      <c r="N1026278" s="10"/>
    </row>
    <row r="1026279" spans="14:14">
      <c r="N1026279" s="10"/>
    </row>
    <row r="1026280" spans="14:14">
      <c r="N1026280" s="10"/>
    </row>
    <row r="1026281" spans="14:14">
      <c r="N1026281" s="10"/>
    </row>
    <row r="1026282" spans="14:14">
      <c r="N1026282" s="10"/>
    </row>
    <row r="1026283" spans="14:14">
      <c r="N1026283" s="10"/>
    </row>
    <row r="1026284" spans="14:14">
      <c r="N1026284" s="10"/>
    </row>
    <row r="1026285" spans="14:14">
      <c r="N1026285" s="10"/>
    </row>
    <row r="1026286" spans="14:14">
      <c r="N1026286" s="10"/>
    </row>
    <row r="1026287" spans="14:14">
      <c r="N1026287" s="10"/>
    </row>
    <row r="1026288" spans="14:14">
      <c r="N1026288" s="10"/>
    </row>
    <row r="1026289" spans="14:14">
      <c r="N1026289" s="10"/>
    </row>
    <row r="1026290" spans="14:14">
      <c r="N1026290" s="10"/>
    </row>
    <row r="1026291" spans="14:14">
      <c r="N1026291" s="10"/>
    </row>
    <row r="1026292" spans="14:14">
      <c r="N1026292" s="10"/>
    </row>
    <row r="1026293" spans="14:14">
      <c r="N1026293" s="10"/>
    </row>
    <row r="1026294" spans="14:14">
      <c r="N1026294" s="10"/>
    </row>
    <row r="1026295" spans="14:14">
      <c r="N1026295" s="10"/>
    </row>
    <row r="1026296" spans="14:14">
      <c r="N1026296" s="10"/>
    </row>
    <row r="1026297" spans="14:14">
      <c r="N1026297" s="10"/>
    </row>
    <row r="1026298" spans="14:14">
      <c r="N1026298" s="10"/>
    </row>
    <row r="1026299" spans="14:14">
      <c r="N1026299" s="10"/>
    </row>
    <row r="1026300" spans="14:14">
      <c r="N1026300" s="10"/>
    </row>
    <row r="1026301" spans="14:14">
      <c r="N1026301" s="10"/>
    </row>
    <row r="1026302" spans="14:14">
      <c r="N1026302" s="10"/>
    </row>
    <row r="1026303" spans="14:14">
      <c r="N1026303" s="10"/>
    </row>
    <row r="1026304" spans="14:14">
      <c r="N1026304" s="10"/>
    </row>
    <row r="1026305" spans="14:14">
      <c r="N1026305" s="10"/>
    </row>
    <row r="1026306" spans="14:14">
      <c r="N1026306" s="10"/>
    </row>
    <row r="1026307" spans="14:14">
      <c r="N1026307" s="10"/>
    </row>
    <row r="1026308" spans="14:14">
      <c r="N1026308" s="10"/>
    </row>
    <row r="1026309" spans="14:14">
      <c r="N1026309" s="10"/>
    </row>
    <row r="1026310" spans="14:14">
      <c r="N1026310" s="10"/>
    </row>
    <row r="1026311" spans="14:14">
      <c r="N1026311" s="10"/>
    </row>
    <row r="1026312" spans="14:14">
      <c r="N1026312" s="10"/>
    </row>
    <row r="1026313" spans="14:14">
      <c r="N1026313" s="10"/>
    </row>
    <row r="1026314" spans="14:14">
      <c r="N1026314" s="10"/>
    </row>
    <row r="1026315" spans="14:14">
      <c r="N1026315" s="10"/>
    </row>
    <row r="1026316" spans="14:14">
      <c r="N1026316" s="10"/>
    </row>
    <row r="1026317" spans="14:14">
      <c r="N1026317" s="10"/>
    </row>
    <row r="1026318" spans="14:14">
      <c r="N1026318" s="10"/>
    </row>
    <row r="1026319" spans="14:14">
      <c r="N1026319" s="10"/>
    </row>
    <row r="1026320" spans="14:14">
      <c r="N1026320" s="10"/>
    </row>
    <row r="1026321" spans="14:14">
      <c r="N1026321" s="10"/>
    </row>
    <row r="1026322" spans="14:14">
      <c r="N1026322" s="10"/>
    </row>
    <row r="1026323" spans="14:14">
      <c r="N1026323" s="10"/>
    </row>
    <row r="1026324" spans="14:14">
      <c r="N1026324" s="10"/>
    </row>
    <row r="1026325" spans="14:14">
      <c r="N1026325" s="10"/>
    </row>
    <row r="1026326" spans="14:14">
      <c r="N1026326" s="10"/>
    </row>
    <row r="1026327" spans="14:14">
      <c r="N1026327" s="10"/>
    </row>
    <row r="1026328" spans="14:14">
      <c r="N1026328" s="10"/>
    </row>
    <row r="1026329" spans="14:14">
      <c r="N1026329" s="10"/>
    </row>
    <row r="1026330" spans="14:14">
      <c r="N1026330" s="10"/>
    </row>
    <row r="1026331" spans="14:14">
      <c r="N1026331" s="10"/>
    </row>
    <row r="1026332" spans="14:14">
      <c r="N1026332" s="10"/>
    </row>
    <row r="1026333" spans="14:14">
      <c r="N1026333" s="10"/>
    </row>
    <row r="1026334" spans="14:14">
      <c r="N1026334" s="10"/>
    </row>
    <row r="1026335" spans="14:14">
      <c r="N1026335" s="10"/>
    </row>
    <row r="1026336" spans="14:14">
      <c r="N1026336" s="10"/>
    </row>
    <row r="1026337" spans="14:14">
      <c r="N1026337" s="10"/>
    </row>
    <row r="1026338" spans="14:14">
      <c r="N1026338" s="10"/>
    </row>
    <row r="1026339" spans="14:14">
      <c r="N1026339" s="10"/>
    </row>
    <row r="1026340" spans="14:14">
      <c r="N1026340" s="10"/>
    </row>
    <row r="1026341" spans="14:14">
      <c r="N1026341" s="10"/>
    </row>
    <row r="1026342" spans="14:14">
      <c r="N1026342" s="10"/>
    </row>
    <row r="1026343" spans="14:14">
      <c r="N1026343" s="10"/>
    </row>
    <row r="1026344" spans="14:14">
      <c r="N1026344" s="10"/>
    </row>
    <row r="1026345" spans="14:14">
      <c r="N1026345" s="10"/>
    </row>
    <row r="1026346" spans="14:14">
      <c r="N1026346" s="10"/>
    </row>
    <row r="1026347" spans="14:14">
      <c r="N1026347" s="10"/>
    </row>
    <row r="1026348" spans="14:14">
      <c r="N1026348" s="10"/>
    </row>
    <row r="1026349" spans="14:14">
      <c r="N1026349" s="10"/>
    </row>
    <row r="1026350" spans="14:14">
      <c r="N1026350" s="10"/>
    </row>
    <row r="1026351" spans="14:14">
      <c r="N1026351" s="10"/>
    </row>
    <row r="1026352" spans="14:14">
      <c r="N1026352" s="10"/>
    </row>
    <row r="1026353" spans="14:14">
      <c r="N1026353" s="10"/>
    </row>
    <row r="1026354" spans="14:14">
      <c r="N1026354" s="10"/>
    </row>
    <row r="1026355" spans="14:14">
      <c r="N1026355" s="10"/>
    </row>
    <row r="1026356" spans="14:14">
      <c r="N1026356" s="10"/>
    </row>
    <row r="1026357" spans="14:14">
      <c r="N1026357" s="10"/>
    </row>
    <row r="1026358" spans="14:14">
      <c r="N1026358" s="10"/>
    </row>
    <row r="1026359" spans="14:14">
      <c r="N1026359" s="10"/>
    </row>
    <row r="1026360" spans="14:14">
      <c r="N1026360" s="10"/>
    </row>
    <row r="1026361" spans="14:14">
      <c r="N1026361" s="10"/>
    </row>
    <row r="1026362" spans="14:14">
      <c r="N1026362" s="10"/>
    </row>
    <row r="1026363" spans="14:14">
      <c r="N1026363" s="10"/>
    </row>
    <row r="1026364" spans="14:14">
      <c r="N1026364" s="10"/>
    </row>
    <row r="1026365" spans="14:14">
      <c r="N1026365" s="10"/>
    </row>
    <row r="1026366" spans="14:14">
      <c r="N1026366" s="10"/>
    </row>
    <row r="1026367" spans="14:14">
      <c r="N1026367" s="10"/>
    </row>
    <row r="1026368" spans="14:14">
      <c r="N1026368" s="10"/>
    </row>
    <row r="1026369" spans="14:14">
      <c r="N1026369" s="10"/>
    </row>
    <row r="1026370" spans="14:14">
      <c r="N1026370" s="10"/>
    </row>
    <row r="1026371" spans="14:14">
      <c r="N1026371" s="10"/>
    </row>
    <row r="1026372" spans="14:14">
      <c r="N1026372" s="10"/>
    </row>
    <row r="1026373" spans="14:14">
      <c r="N1026373" s="10"/>
    </row>
    <row r="1026374" spans="14:14">
      <c r="N1026374" s="10"/>
    </row>
    <row r="1026375" spans="14:14">
      <c r="N1026375" s="10"/>
    </row>
    <row r="1026376" spans="14:14">
      <c r="N1026376" s="10"/>
    </row>
    <row r="1026377" spans="14:14">
      <c r="N1026377" s="10"/>
    </row>
    <row r="1026378" spans="14:14">
      <c r="N1026378" s="10"/>
    </row>
    <row r="1026379" spans="14:14">
      <c r="N1026379" s="10"/>
    </row>
    <row r="1026380" spans="14:14">
      <c r="N1026380" s="10"/>
    </row>
    <row r="1026381" spans="14:14">
      <c r="N1026381" s="10"/>
    </row>
    <row r="1026382" spans="14:14">
      <c r="N1026382" s="10"/>
    </row>
    <row r="1026383" spans="14:14">
      <c r="N1026383" s="10"/>
    </row>
    <row r="1026384" spans="14:14">
      <c r="N1026384" s="10"/>
    </row>
    <row r="1026385" spans="14:14">
      <c r="N1026385" s="10"/>
    </row>
    <row r="1026386" spans="14:14">
      <c r="N1026386" s="10"/>
    </row>
    <row r="1026387" spans="14:14">
      <c r="N1026387" s="10"/>
    </row>
    <row r="1026388" spans="14:14">
      <c r="N1026388" s="10"/>
    </row>
    <row r="1026389" spans="14:14">
      <c r="N1026389" s="10"/>
    </row>
    <row r="1026390" spans="14:14">
      <c r="N1026390" s="10"/>
    </row>
    <row r="1026391" spans="14:14">
      <c r="N1026391" s="10"/>
    </row>
    <row r="1026392" spans="14:14">
      <c r="N1026392" s="10"/>
    </row>
    <row r="1026393" spans="14:14">
      <c r="N1026393" s="10"/>
    </row>
    <row r="1026394" spans="14:14">
      <c r="N1026394" s="10"/>
    </row>
    <row r="1026395" spans="14:14">
      <c r="N1026395" s="10"/>
    </row>
    <row r="1026396" spans="14:14">
      <c r="N1026396" s="10"/>
    </row>
    <row r="1026397" spans="14:14">
      <c r="N1026397" s="10"/>
    </row>
    <row r="1026398" spans="14:14">
      <c r="N1026398" s="10"/>
    </row>
    <row r="1026399" spans="14:14">
      <c r="N1026399" s="10"/>
    </row>
    <row r="1026400" spans="14:14">
      <c r="N1026400" s="10"/>
    </row>
    <row r="1026401" spans="14:14">
      <c r="N1026401" s="10"/>
    </row>
    <row r="1026402" spans="14:14">
      <c r="N1026402" s="10"/>
    </row>
    <row r="1026403" spans="14:14">
      <c r="N1026403" s="10"/>
    </row>
    <row r="1026404" spans="14:14">
      <c r="N1026404" s="10"/>
    </row>
    <row r="1026405" spans="14:14">
      <c r="N1026405" s="10"/>
    </row>
    <row r="1026406" spans="14:14">
      <c r="N1026406" s="10"/>
    </row>
    <row r="1026407" spans="14:14">
      <c r="N1026407" s="10"/>
    </row>
    <row r="1026408" spans="14:14">
      <c r="N1026408" s="10"/>
    </row>
    <row r="1026409" spans="14:14">
      <c r="N1026409" s="10"/>
    </row>
    <row r="1026410" spans="14:14">
      <c r="N1026410" s="10"/>
    </row>
    <row r="1026411" spans="14:14">
      <c r="N1026411" s="10"/>
    </row>
    <row r="1026412" spans="14:14">
      <c r="N1026412" s="10"/>
    </row>
    <row r="1026413" spans="14:14">
      <c r="N1026413" s="10"/>
    </row>
    <row r="1026414" spans="14:14">
      <c r="N1026414" s="10"/>
    </row>
    <row r="1026415" spans="14:14">
      <c r="N1026415" s="10"/>
    </row>
    <row r="1026416" spans="14:14">
      <c r="N1026416" s="10"/>
    </row>
    <row r="1026417" spans="14:14">
      <c r="N1026417" s="10"/>
    </row>
    <row r="1026418" spans="14:14">
      <c r="N1026418" s="10"/>
    </row>
    <row r="1026419" spans="14:14">
      <c r="N1026419" s="10"/>
    </row>
    <row r="1026420" spans="14:14">
      <c r="N1026420" s="10"/>
    </row>
    <row r="1026421" spans="14:14">
      <c r="N1026421" s="10"/>
    </row>
    <row r="1026422" spans="14:14">
      <c r="N1026422" s="10"/>
    </row>
    <row r="1026423" spans="14:14">
      <c r="N1026423" s="10"/>
    </row>
    <row r="1026424" spans="14:14">
      <c r="N1026424" s="10"/>
    </row>
    <row r="1026425" spans="14:14">
      <c r="N1026425" s="10"/>
    </row>
    <row r="1026426" spans="14:14">
      <c r="N1026426" s="10"/>
    </row>
    <row r="1026427" spans="14:14">
      <c r="N1026427" s="10"/>
    </row>
    <row r="1026428" spans="14:14">
      <c r="N1026428" s="10"/>
    </row>
    <row r="1026429" spans="14:14">
      <c r="N1026429" s="10"/>
    </row>
    <row r="1026430" spans="14:14">
      <c r="N1026430" s="10"/>
    </row>
    <row r="1026431" spans="14:14">
      <c r="N1026431" s="10"/>
    </row>
    <row r="1026432" spans="14:14">
      <c r="N1026432" s="10"/>
    </row>
    <row r="1026433" spans="14:14">
      <c r="N1026433" s="10"/>
    </row>
    <row r="1026434" spans="14:14">
      <c r="N1026434" s="10"/>
    </row>
    <row r="1026435" spans="14:14">
      <c r="N1026435" s="10"/>
    </row>
    <row r="1026436" spans="14:14">
      <c r="N1026436" s="10"/>
    </row>
    <row r="1026437" spans="14:14">
      <c r="N1026437" s="10"/>
    </row>
    <row r="1026438" spans="14:14">
      <c r="N1026438" s="10"/>
    </row>
    <row r="1026439" spans="14:14">
      <c r="N1026439" s="10"/>
    </row>
    <row r="1026440" spans="14:14">
      <c r="N1026440" s="10"/>
    </row>
    <row r="1026441" spans="14:14">
      <c r="N1026441" s="10"/>
    </row>
    <row r="1026442" spans="14:14">
      <c r="N1026442" s="10"/>
    </row>
    <row r="1026443" spans="14:14">
      <c r="N1026443" s="10"/>
    </row>
    <row r="1026444" spans="14:14">
      <c r="N1026444" s="10"/>
    </row>
    <row r="1026445" spans="14:14">
      <c r="N1026445" s="10"/>
    </row>
    <row r="1026446" spans="14:14">
      <c r="N1026446" s="10"/>
    </row>
    <row r="1026447" spans="14:14">
      <c r="N1026447" s="10"/>
    </row>
    <row r="1026448" spans="14:14">
      <c r="N1026448" s="10"/>
    </row>
    <row r="1026449" spans="14:14">
      <c r="N1026449" s="10"/>
    </row>
    <row r="1026450" spans="14:14">
      <c r="N1026450" s="10"/>
    </row>
    <row r="1026451" spans="14:14">
      <c r="N1026451" s="10"/>
    </row>
    <row r="1026452" spans="14:14">
      <c r="N1026452" s="10"/>
    </row>
    <row r="1026453" spans="14:14">
      <c r="N1026453" s="10"/>
    </row>
    <row r="1026454" spans="14:14">
      <c r="N1026454" s="10"/>
    </row>
    <row r="1026455" spans="14:14">
      <c r="N1026455" s="10"/>
    </row>
    <row r="1026456" spans="14:14">
      <c r="N1026456" s="10"/>
    </row>
    <row r="1026457" spans="14:14">
      <c r="N1026457" s="10"/>
    </row>
    <row r="1026458" spans="14:14">
      <c r="N1026458" s="10"/>
    </row>
    <row r="1026459" spans="14:14">
      <c r="N1026459" s="10"/>
    </row>
    <row r="1026460" spans="14:14">
      <c r="N1026460" s="10"/>
    </row>
    <row r="1026461" spans="14:14">
      <c r="N1026461" s="10"/>
    </row>
    <row r="1026462" spans="14:14">
      <c r="N1026462" s="10"/>
    </row>
    <row r="1026463" spans="14:14">
      <c r="N1026463" s="10"/>
    </row>
    <row r="1026464" spans="14:14">
      <c r="N1026464" s="10"/>
    </row>
    <row r="1026465" spans="14:14">
      <c r="N1026465" s="10"/>
    </row>
    <row r="1026466" spans="14:14">
      <c r="N1026466" s="10"/>
    </row>
    <row r="1026467" spans="14:14">
      <c r="N1026467" s="10"/>
    </row>
    <row r="1026468" spans="14:14">
      <c r="N1026468" s="10"/>
    </row>
    <row r="1026469" spans="14:14">
      <c r="N1026469" s="10"/>
    </row>
    <row r="1026470" spans="14:14">
      <c r="N1026470" s="10"/>
    </row>
    <row r="1026471" spans="14:14">
      <c r="N1026471" s="10"/>
    </row>
    <row r="1026472" spans="14:14">
      <c r="N1026472" s="10"/>
    </row>
    <row r="1026473" spans="14:14">
      <c r="N1026473" s="10"/>
    </row>
    <row r="1026474" spans="14:14">
      <c r="N1026474" s="10"/>
    </row>
    <row r="1026475" spans="14:14">
      <c r="N1026475" s="10"/>
    </row>
    <row r="1026476" spans="14:14">
      <c r="N1026476" s="10"/>
    </row>
    <row r="1026477" spans="14:14">
      <c r="N1026477" s="10"/>
    </row>
    <row r="1026478" spans="14:14">
      <c r="N1026478" s="10"/>
    </row>
    <row r="1026479" spans="14:14">
      <c r="N1026479" s="10"/>
    </row>
    <row r="1026480" spans="14:14">
      <c r="N1026480" s="10"/>
    </row>
    <row r="1026481" spans="14:14">
      <c r="N1026481" s="10"/>
    </row>
    <row r="1026482" spans="14:14">
      <c r="N1026482" s="10"/>
    </row>
    <row r="1026483" spans="14:14">
      <c r="N1026483" s="10"/>
    </row>
    <row r="1026484" spans="14:14">
      <c r="N1026484" s="10"/>
    </row>
    <row r="1026485" spans="14:14">
      <c r="N1026485" s="10"/>
    </row>
    <row r="1026486" spans="14:14">
      <c r="N1026486" s="10"/>
    </row>
    <row r="1026487" spans="14:14">
      <c r="N1026487" s="10"/>
    </row>
    <row r="1026488" spans="14:14">
      <c r="N1026488" s="10"/>
    </row>
    <row r="1026489" spans="14:14">
      <c r="N1026489" s="10"/>
    </row>
    <row r="1026490" spans="14:14">
      <c r="N1026490" s="10"/>
    </row>
    <row r="1026491" spans="14:14">
      <c r="N1026491" s="10"/>
    </row>
    <row r="1026492" spans="14:14">
      <c r="N1026492" s="10"/>
    </row>
    <row r="1026493" spans="14:14">
      <c r="N1026493" s="10"/>
    </row>
    <row r="1026494" spans="14:14">
      <c r="N1026494" s="10"/>
    </row>
    <row r="1026495" spans="14:14">
      <c r="N1026495" s="10"/>
    </row>
    <row r="1026496" spans="14:14">
      <c r="N1026496" s="10"/>
    </row>
    <row r="1026497" spans="14:14">
      <c r="N1026497" s="10"/>
    </row>
    <row r="1026498" spans="14:14">
      <c r="N1026498" s="10"/>
    </row>
    <row r="1026499" spans="14:14">
      <c r="N1026499" s="10"/>
    </row>
    <row r="1026500" spans="14:14">
      <c r="N1026500" s="10"/>
    </row>
    <row r="1026501" spans="14:14">
      <c r="N1026501" s="10"/>
    </row>
    <row r="1026502" spans="14:14">
      <c r="N1026502" s="10"/>
    </row>
    <row r="1026503" spans="14:14">
      <c r="N1026503" s="10"/>
    </row>
    <row r="1026504" spans="14:14">
      <c r="N1026504" s="10"/>
    </row>
    <row r="1026505" spans="14:14">
      <c r="N1026505" s="10"/>
    </row>
    <row r="1026506" spans="14:14">
      <c r="N1026506" s="10"/>
    </row>
    <row r="1026507" spans="14:14">
      <c r="N1026507" s="10"/>
    </row>
    <row r="1026508" spans="14:14">
      <c r="N1026508" s="10"/>
    </row>
    <row r="1026509" spans="14:14">
      <c r="N1026509" s="10"/>
    </row>
    <row r="1026510" spans="14:14">
      <c r="N1026510" s="10"/>
    </row>
    <row r="1026511" spans="14:14">
      <c r="N1026511" s="10"/>
    </row>
    <row r="1026512" spans="14:14">
      <c r="N1026512" s="10"/>
    </row>
    <row r="1026513" spans="14:14">
      <c r="N1026513" s="10"/>
    </row>
    <row r="1026514" spans="14:14">
      <c r="N1026514" s="10"/>
    </row>
    <row r="1026515" spans="14:14">
      <c r="N1026515" s="10"/>
    </row>
    <row r="1026516" spans="14:14">
      <c r="N1026516" s="10"/>
    </row>
    <row r="1026517" spans="14:14">
      <c r="N1026517" s="10"/>
    </row>
    <row r="1026518" spans="14:14">
      <c r="N1026518" s="10"/>
    </row>
    <row r="1026519" spans="14:14">
      <c r="N1026519" s="10"/>
    </row>
    <row r="1026520" spans="14:14">
      <c r="N1026520" s="10"/>
    </row>
    <row r="1026521" spans="14:14">
      <c r="N1026521" s="10"/>
    </row>
    <row r="1026522" spans="14:14">
      <c r="N1026522" s="10"/>
    </row>
    <row r="1026523" spans="14:14">
      <c r="N1026523" s="10"/>
    </row>
    <row r="1026524" spans="14:14">
      <c r="N1026524" s="10"/>
    </row>
    <row r="1026525" spans="14:14">
      <c r="N1026525" s="10"/>
    </row>
    <row r="1026526" spans="14:14">
      <c r="N1026526" s="10"/>
    </row>
    <row r="1026527" spans="14:14">
      <c r="N1026527" s="10"/>
    </row>
    <row r="1026528" spans="14:14">
      <c r="N1026528" s="10"/>
    </row>
    <row r="1026529" spans="14:14">
      <c r="N1026529" s="10"/>
    </row>
    <row r="1026530" spans="14:14">
      <c r="N1026530" s="10"/>
    </row>
    <row r="1026531" spans="14:14">
      <c r="N1026531" s="10"/>
    </row>
    <row r="1026532" spans="14:14">
      <c r="N1026532" s="10"/>
    </row>
    <row r="1026533" spans="14:14">
      <c r="N1026533" s="10"/>
    </row>
    <row r="1026534" spans="14:14">
      <c r="N1026534" s="10"/>
    </row>
    <row r="1026535" spans="14:14">
      <c r="N1026535" s="10"/>
    </row>
    <row r="1026536" spans="14:14">
      <c r="N1026536" s="10"/>
    </row>
    <row r="1026537" spans="14:14">
      <c r="N1026537" s="10"/>
    </row>
    <row r="1026538" spans="14:14">
      <c r="N1026538" s="10"/>
    </row>
    <row r="1026539" spans="14:14">
      <c r="N1026539" s="10"/>
    </row>
    <row r="1026540" spans="14:14">
      <c r="N1026540" s="10"/>
    </row>
    <row r="1026541" spans="14:14">
      <c r="N1026541" s="10"/>
    </row>
    <row r="1026542" spans="14:14">
      <c r="N1026542" s="10"/>
    </row>
    <row r="1026543" spans="14:14">
      <c r="N1026543" s="10"/>
    </row>
    <row r="1026544" spans="14:14">
      <c r="N1026544" s="10"/>
    </row>
    <row r="1026545" spans="14:14">
      <c r="N1026545" s="10"/>
    </row>
    <row r="1026546" spans="14:14">
      <c r="N1026546" s="10"/>
    </row>
    <row r="1026547" spans="14:14">
      <c r="N1026547" s="10"/>
    </row>
    <row r="1026548" spans="14:14">
      <c r="N1026548" s="10"/>
    </row>
    <row r="1026549" spans="14:14">
      <c r="N1026549" s="10"/>
    </row>
    <row r="1026550" spans="14:14">
      <c r="N1026550" s="10"/>
    </row>
    <row r="1026551" spans="14:14">
      <c r="N1026551" s="10"/>
    </row>
    <row r="1026552" spans="14:14">
      <c r="N1026552" s="10"/>
    </row>
    <row r="1026553" spans="14:14">
      <c r="N1026553" s="10"/>
    </row>
    <row r="1026554" spans="14:14">
      <c r="N1026554" s="10"/>
    </row>
    <row r="1026555" spans="14:14">
      <c r="N1026555" s="10"/>
    </row>
    <row r="1026556" spans="14:14">
      <c r="N1026556" s="10"/>
    </row>
    <row r="1026557" spans="14:14">
      <c r="N1026557" s="10"/>
    </row>
    <row r="1026558" spans="14:14">
      <c r="N1026558" s="10"/>
    </row>
    <row r="1026559" spans="14:14">
      <c r="N1026559" s="10"/>
    </row>
    <row r="1026560" spans="14:14">
      <c r="N1026560" s="10"/>
    </row>
    <row r="1026561" spans="14:14">
      <c r="N1026561" s="10"/>
    </row>
    <row r="1026562" spans="14:14">
      <c r="N1026562" s="10"/>
    </row>
    <row r="1026563" spans="14:14">
      <c r="N1026563" s="10"/>
    </row>
    <row r="1026564" spans="14:14">
      <c r="N1026564" s="10"/>
    </row>
    <row r="1026565" spans="14:14">
      <c r="N1026565" s="10"/>
    </row>
    <row r="1026566" spans="14:14">
      <c r="N1026566" s="10"/>
    </row>
    <row r="1026567" spans="14:14">
      <c r="N1026567" s="10"/>
    </row>
    <row r="1026568" spans="14:14">
      <c r="N1026568" s="10"/>
    </row>
    <row r="1026569" spans="14:14">
      <c r="N1026569" s="10"/>
    </row>
    <row r="1026570" spans="14:14">
      <c r="N1026570" s="10"/>
    </row>
    <row r="1026571" spans="14:14">
      <c r="N1026571" s="10"/>
    </row>
    <row r="1026572" spans="14:14">
      <c r="N1026572" s="10"/>
    </row>
    <row r="1026573" spans="14:14">
      <c r="N1026573" s="10"/>
    </row>
    <row r="1026574" spans="14:14">
      <c r="N1026574" s="10"/>
    </row>
    <row r="1026575" spans="14:14">
      <c r="N1026575" s="10"/>
    </row>
    <row r="1026576" spans="14:14">
      <c r="N1026576" s="10"/>
    </row>
    <row r="1026577" spans="14:14">
      <c r="N1026577" s="10"/>
    </row>
    <row r="1026578" spans="14:14">
      <c r="N1026578" s="10"/>
    </row>
    <row r="1026579" spans="14:14">
      <c r="N1026579" s="10"/>
    </row>
    <row r="1026580" spans="14:14">
      <c r="N1026580" s="10"/>
    </row>
    <row r="1026581" spans="14:14">
      <c r="N1026581" s="10"/>
    </row>
    <row r="1026582" spans="14:14">
      <c r="N1026582" s="10"/>
    </row>
    <row r="1026583" spans="14:14">
      <c r="N1026583" s="10"/>
    </row>
    <row r="1026584" spans="14:14">
      <c r="N1026584" s="10"/>
    </row>
    <row r="1026585" spans="14:14">
      <c r="N1026585" s="10"/>
    </row>
    <row r="1026586" spans="14:14">
      <c r="N1026586" s="10"/>
    </row>
    <row r="1026587" spans="14:14">
      <c r="N1026587" s="10"/>
    </row>
    <row r="1026588" spans="14:14">
      <c r="N1026588" s="10"/>
    </row>
    <row r="1026589" spans="14:14">
      <c r="N1026589" s="10"/>
    </row>
    <row r="1026590" spans="14:14">
      <c r="N1026590" s="10"/>
    </row>
    <row r="1026591" spans="14:14">
      <c r="N1026591" s="10"/>
    </row>
    <row r="1026592" spans="14:14">
      <c r="N1026592" s="10"/>
    </row>
    <row r="1026593" spans="14:14">
      <c r="N1026593" s="10"/>
    </row>
    <row r="1026594" spans="14:14">
      <c r="N1026594" s="10"/>
    </row>
    <row r="1026595" spans="14:14">
      <c r="N1026595" s="10"/>
    </row>
    <row r="1026596" spans="14:14">
      <c r="N1026596" s="10"/>
    </row>
    <row r="1026597" spans="14:14">
      <c r="N1026597" s="10"/>
    </row>
    <row r="1026598" spans="14:14">
      <c r="N1026598" s="10"/>
    </row>
    <row r="1026599" spans="14:14">
      <c r="N1026599" s="10"/>
    </row>
    <row r="1026600" spans="14:14">
      <c r="N1026600" s="10"/>
    </row>
    <row r="1026601" spans="14:14">
      <c r="N1026601" s="10"/>
    </row>
    <row r="1026602" spans="14:14">
      <c r="N1026602" s="10"/>
    </row>
    <row r="1026603" spans="14:14">
      <c r="N1026603" s="10"/>
    </row>
    <row r="1026604" spans="14:14">
      <c r="N1026604" s="10"/>
    </row>
    <row r="1026605" spans="14:14">
      <c r="N1026605" s="10"/>
    </row>
    <row r="1026606" spans="14:14">
      <c r="N1026606" s="10"/>
    </row>
    <row r="1026607" spans="14:14">
      <c r="N1026607" s="10"/>
    </row>
    <row r="1026608" spans="14:14">
      <c r="N1026608" s="10"/>
    </row>
    <row r="1026609" spans="14:14">
      <c r="N1026609" s="10"/>
    </row>
    <row r="1026610" spans="14:14">
      <c r="N1026610" s="10"/>
    </row>
    <row r="1026611" spans="14:14">
      <c r="N1026611" s="10"/>
    </row>
    <row r="1026612" spans="14:14">
      <c r="N1026612" s="10"/>
    </row>
    <row r="1026613" spans="14:14">
      <c r="N1026613" s="10"/>
    </row>
    <row r="1026614" spans="14:14">
      <c r="N1026614" s="10"/>
    </row>
    <row r="1026615" spans="14:14">
      <c r="N1026615" s="10"/>
    </row>
    <row r="1026616" spans="14:14">
      <c r="N1026616" s="10"/>
    </row>
    <row r="1026617" spans="14:14">
      <c r="N1026617" s="10"/>
    </row>
    <row r="1026618" spans="14:14">
      <c r="N1026618" s="10"/>
    </row>
    <row r="1026619" spans="14:14">
      <c r="N1026619" s="10"/>
    </row>
    <row r="1026620" spans="14:14">
      <c r="N1026620" s="10"/>
    </row>
    <row r="1026621" spans="14:14">
      <c r="N1026621" s="10"/>
    </row>
    <row r="1026622" spans="14:14">
      <c r="N1026622" s="10"/>
    </row>
    <row r="1026623" spans="14:14">
      <c r="N1026623" s="10"/>
    </row>
    <row r="1026624" spans="14:14">
      <c r="N1026624" s="10"/>
    </row>
    <row r="1026625" spans="14:14">
      <c r="N1026625" s="10"/>
    </row>
    <row r="1026626" spans="14:14">
      <c r="N1026626" s="10"/>
    </row>
    <row r="1026627" spans="14:14">
      <c r="N1026627" s="10"/>
    </row>
    <row r="1026628" spans="14:14">
      <c r="N1026628" s="10"/>
    </row>
    <row r="1026629" spans="14:14">
      <c r="N1026629" s="10"/>
    </row>
    <row r="1026630" spans="14:14">
      <c r="N1026630" s="10"/>
    </row>
    <row r="1026631" spans="14:14">
      <c r="N1026631" s="10"/>
    </row>
    <row r="1026632" spans="14:14">
      <c r="N1026632" s="10"/>
    </row>
    <row r="1026633" spans="14:14">
      <c r="N1026633" s="10"/>
    </row>
    <row r="1026634" spans="14:14">
      <c r="N1026634" s="10"/>
    </row>
    <row r="1026635" spans="14:14">
      <c r="N1026635" s="10"/>
    </row>
    <row r="1026636" spans="14:14">
      <c r="N1026636" s="10"/>
    </row>
    <row r="1026637" spans="14:14">
      <c r="N1026637" s="10"/>
    </row>
    <row r="1026638" spans="14:14">
      <c r="N1026638" s="10"/>
    </row>
    <row r="1026639" spans="14:14">
      <c r="N1026639" s="10"/>
    </row>
    <row r="1026640" spans="14:14">
      <c r="N1026640" s="10"/>
    </row>
    <row r="1026641" spans="14:14">
      <c r="N1026641" s="10"/>
    </row>
    <row r="1026642" spans="14:14">
      <c r="N1026642" s="10"/>
    </row>
    <row r="1026643" spans="14:14">
      <c r="N1026643" s="10"/>
    </row>
    <row r="1026644" spans="14:14">
      <c r="N1026644" s="10"/>
    </row>
    <row r="1026645" spans="14:14">
      <c r="N1026645" s="10"/>
    </row>
    <row r="1026646" spans="14:14">
      <c r="N1026646" s="10"/>
    </row>
    <row r="1026647" spans="14:14">
      <c r="N1026647" s="10"/>
    </row>
    <row r="1026648" spans="14:14">
      <c r="N1026648" s="10"/>
    </row>
    <row r="1026649" spans="14:14">
      <c r="N1026649" s="10"/>
    </row>
    <row r="1026650" spans="14:14">
      <c r="N1026650" s="10"/>
    </row>
    <row r="1026651" spans="14:14">
      <c r="N1026651" s="10"/>
    </row>
    <row r="1026652" spans="14:14">
      <c r="N1026652" s="10"/>
    </row>
    <row r="1026653" spans="14:14">
      <c r="N1026653" s="10"/>
    </row>
    <row r="1026654" spans="14:14">
      <c r="N1026654" s="10"/>
    </row>
    <row r="1026655" spans="14:14">
      <c r="N1026655" s="10"/>
    </row>
    <row r="1026656" spans="14:14">
      <c r="N1026656" s="10"/>
    </row>
    <row r="1026657" spans="14:14">
      <c r="N1026657" s="10"/>
    </row>
    <row r="1026658" spans="14:14">
      <c r="N1026658" s="10"/>
    </row>
    <row r="1026659" spans="14:14">
      <c r="N1026659" s="10"/>
    </row>
    <row r="1026660" spans="14:14">
      <c r="N1026660" s="10"/>
    </row>
    <row r="1026661" spans="14:14">
      <c r="N1026661" s="10"/>
    </row>
    <row r="1026662" spans="14:14">
      <c r="N1026662" s="10"/>
    </row>
    <row r="1026663" spans="14:14">
      <c r="N1026663" s="10"/>
    </row>
    <row r="1026664" spans="14:14">
      <c r="N1026664" s="10"/>
    </row>
    <row r="1026665" spans="14:14">
      <c r="N1026665" s="10"/>
    </row>
    <row r="1026666" spans="14:14">
      <c r="N1026666" s="10"/>
    </row>
    <row r="1026667" spans="14:14">
      <c r="N1026667" s="10"/>
    </row>
    <row r="1026668" spans="14:14">
      <c r="N1026668" s="10"/>
    </row>
    <row r="1026669" spans="14:14">
      <c r="N1026669" s="10"/>
    </row>
    <row r="1026670" spans="14:14">
      <c r="N1026670" s="10"/>
    </row>
    <row r="1026671" spans="14:14">
      <c r="N1026671" s="10"/>
    </row>
    <row r="1026672" spans="14:14">
      <c r="N1026672" s="10"/>
    </row>
    <row r="1026673" spans="14:14">
      <c r="N1026673" s="10"/>
    </row>
    <row r="1026674" spans="14:14">
      <c r="N1026674" s="10"/>
    </row>
    <row r="1026675" spans="14:14">
      <c r="N1026675" s="10"/>
    </row>
    <row r="1026676" spans="14:14">
      <c r="N1026676" s="10"/>
    </row>
    <row r="1026677" spans="14:14">
      <c r="N1026677" s="10"/>
    </row>
    <row r="1026678" spans="14:14">
      <c r="N1026678" s="10"/>
    </row>
    <row r="1026679" spans="14:14">
      <c r="N1026679" s="10"/>
    </row>
    <row r="1026680" spans="14:14">
      <c r="N1026680" s="10"/>
    </row>
    <row r="1026681" spans="14:14">
      <c r="N1026681" s="10"/>
    </row>
    <row r="1026682" spans="14:14">
      <c r="N1026682" s="10"/>
    </row>
    <row r="1026683" spans="14:14">
      <c r="N1026683" s="10"/>
    </row>
    <row r="1026684" spans="14:14">
      <c r="N1026684" s="10"/>
    </row>
    <row r="1026685" spans="14:14">
      <c r="N1026685" s="10"/>
    </row>
    <row r="1026686" spans="14:14">
      <c r="N1026686" s="10"/>
    </row>
    <row r="1026687" spans="14:14">
      <c r="N1026687" s="10"/>
    </row>
    <row r="1026688" spans="14:14">
      <c r="N1026688" s="10"/>
    </row>
    <row r="1026689" spans="14:14">
      <c r="N1026689" s="10"/>
    </row>
    <row r="1026690" spans="14:14">
      <c r="N1026690" s="10"/>
    </row>
    <row r="1026691" spans="14:14">
      <c r="N1026691" s="10"/>
    </row>
    <row r="1026692" spans="14:14">
      <c r="N1026692" s="10"/>
    </row>
    <row r="1026693" spans="14:14">
      <c r="N1026693" s="10"/>
    </row>
    <row r="1026694" spans="14:14">
      <c r="N1026694" s="10"/>
    </row>
    <row r="1026695" spans="14:14">
      <c r="N1026695" s="10"/>
    </row>
    <row r="1026696" spans="14:14">
      <c r="N1026696" s="10"/>
    </row>
    <row r="1026697" spans="14:14">
      <c r="N1026697" s="10"/>
    </row>
    <row r="1026698" spans="14:14">
      <c r="N1026698" s="10"/>
    </row>
    <row r="1026699" spans="14:14">
      <c r="N1026699" s="10"/>
    </row>
    <row r="1026700" spans="14:14">
      <c r="N1026700" s="10"/>
    </row>
    <row r="1026701" spans="14:14">
      <c r="N1026701" s="10"/>
    </row>
    <row r="1026702" spans="14:14">
      <c r="N1026702" s="10"/>
    </row>
    <row r="1026703" spans="14:14">
      <c r="N1026703" s="10"/>
    </row>
    <row r="1026704" spans="14:14">
      <c r="N1026704" s="10"/>
    </row>
    <row r="1026705" spans="14:14">
      <c r="N1026705" s="10"/>
    </row>
    <row r="1026706" spans="14:14">
      <c r="N1026706" s="10"/>
    </row>
    <row r="1026707" spans="14:14">
      <c r="N1026707" s="10"/>
    </row>
    <row r="1026708" spans="14:14">
      <c r="N1026708" s="10"/>
    </row>
    <row r="1026709" spans="14:14">
      <c r="N1026709" s="10"/>
    </row>
    <row r="1026710" spans="14:14">
      <c r="N1026710" s="10"/>
    </row>
    <row r="1026711" spans="14:14">
      <c r="N1026711" s="10"/>
    </row>
    <row r="1026712" spans="14:14">
      <c r="N1026712" s="10"/>
    </row>
    <row r="1026713" spans="14:14">
      <c r="N1026713" s="10"/>
    </row>
    <row r="1026714" spans="14:14">
      <c r="N1026714" s="10"/>
    </row>
    <row r="1026715" spans="14:14">
      <c r="N1026715" s="10"/>
    </row>
    <row r="1026716" spans="14:14">
      <c r="N1026716" s="10"/>
    </row>
    <row r="1026717" spans="14:14">
      <c r="N1026717" s="10"/>
    </row>
    <row r="1026718" spans="14:14">
      <c r="N1026718" s="10"/>
    </row>
    <row r="1026719" spans="14:14">
      <c r="N1026719" s="10"/>
    </row>
    <row r="1026720" spans="14:14">
      <c r="N1026720" s="10"/>
    </row>
    <row r="1026721" spans="14:14">
      <c r="N1026721" s="10"/>
    </row>
    <row r="1026722" spans="14:14">
      <c r="N1026722" s="10"/>
    </row>
    <row r="1026723" spans="14:14">
      <c r="N1026723" s="10"/>
    </row>
    <row r="1026724" spans="14:14">
      <c r="N1026724" s="10"/>
    </row>
    <row r="1026725" spans="14:14">
      <c r="N1026725" s="10"/>
    </row>
    <row r="1026726" spans="14:14">
      <c r="N1026726" s="10"/>
    </row>
    <row r="1026727" spans="14:14">
      <c r="N1026727" s="10"/>
    </row>
    <row r="1026728" spans="14:14">
      <c r="N1026728" s="10"/>
    </row>
    <row r="1026729" spans="14:14">
      <c r="N1026729" s="10"/>
    </row>
    <row r="1026730" spans="14:14">
      <c r="N1026730" s="10"/>
    </row>
    <row r="1026731" spans="14:14">
      <c r="N1026731" s="10"/>
    </row>
    <row r="1026732" spans="14:14">
      <c r="N1026732" s="10"/>
    </row>
    <row r="1026733" spans="14:14">
      <c r="N1026733" s="10"/>
    </row>
    <row r="1026734" spans="14:14">
      <c r="N1026734" s="10"/>
    </row>
    <row r="1026735" spans="14:14">
      <c r="N1026735" s="10"/>
    </row>
    <row r="1026736" spans="14:14">
      <c r="N1026736" s="10"/>
    </row>
    <row r="1026737" spans="14:14">
      <c r="N1026737" s="10"/>
    </row>
    <row r="1026738" spans="14:14">
      <c r="N1026738" s="10"/>
    </row>
    <row r="1026739" spans="14:14">
      <c r="N1026739" s="10"/>
    </row>
    <row r="1026740" spans="14:14">
      <c r="N1026740" s="10"/>
    </row>
    <row r="1026741" spans="14:14">
      <c r="N1026741" s="10"/>
    </row>
    <row r="1026742" spans="14:14">
      <c r="N1026742" s="10"/>
    </row>
    <row r="1026743" spans="14:14">
      <c r="N1026743" s="10"/>
    </row>
    <row r="1026744" spans="14:14">
      <c r="N1026744" s="10"/>
    </row>
    <row r="1026745" spans="14:14">
      <c r="N1026745" s="10"/>
    </row>
    <row r="1026746" spans="14:14">
      <c r="N1026746" s="10"/>
    </row>
    <row r="1026747" spans="14:14">
      <c r="N1026747" s="10"/>
    </row>
    <row r="1026748" spans="14:14">
      <c r="N1026748" s="10"/>
    </row>
    <row r="1026749" spans="14:14">
      <c r="N1026749" s="10"/>
    </row>
    <row r="1026750" spans="14:14">
      <c r="N1026750" s="10"/>
    </row>
    <row r="1026751" spans="14:14">
      <c r="N1026751" s="10"/>
    </row>
    <row r="1026752" spans="14:14">
      <c r="N1026752" s="10"/>
    </row>
    <row r="1026753" spans="14:14">
      <c r="N1026753" s="10"/>
    </row>
    <row r="1026754" spans="14:14">
      <c r="N1026754" s="10"/>
    </row>
    <row r="1026755" spans="14:14">
      <c r="N1026755" s="10"/>
    </row>
    <row r="1026756" spans="14:14">
      <c r="N1026756" s="10"/>
    </row>
    <row r="1026757" spans="14:14">
      <c r="N1026757" s="10"/>
    </row>
    <row r="1026758" spans="14:14">
      <c r="N1026758" s="10"/>
    </row>
    <row r="1026759" spans="14:14">
      <c r="N1026759" s="10"/>
    </row>
    <row r="1026760" spans="14:14">
      <c r="N1026760" s="10"/>
    </row>
    <row r="1026761" spans="14:14">
      <c r="N1026761" s="10"/>
    </row>
    <row r="1026762" spans="14:14">
      <c r="N1026762" s="10"/>
    </row>
    <row r="1026763" spans="14:14">
      <c r="N1026763" s="10"/>
    </row>
    <row r="1026764" spans="14:14">
      <c r="N1026764" s="10"/>
    </row>
    <row r="1026765" spans="14:14">
      <c r="N1026765" s="10"/>
    </row>
    <row r="1026766" spans="14:14">
      <c r="N1026766" s="10"/>
    </row>
    <row r="1026767" spans="14:14">
      <c r="N1026767" s="10"/>
    </row>
    <row r="1026768" spans="14:14">
      <c r="N1026768" s="10"/>
    </row>
    <row r="1026769" spans="14:14">
      <c r="N1026769" s="10"/>
    </row>
    <row r="1026770" spans="14:14">
      <c r="N1026770" s="10"/>
    </row>
    <row r="1026771" spans="14:14">
      <c r="N1026771" s="10"/>
    </row>
    <row r="1026772" spans="14:14">
      <c r="N1026772" s="10"/>
    </row>
    <row r="1026773" spans="14:14">
      <c r="N1026773" s="10"/>
    </row>
    <row r="1026774" spans="14:14">
      <c r="N1026774" s="10"/>
    </row>
    <row r="1026775" spans="14:14">
      <c r="N1026775" s="10"/>
    </row>
    <row r="1026776" spans="14:14">
      <c r="N1026776" s="10"/>
    </row>
    <row r="1026777" spans="14:14">
      <c r="N1026777" s="10"/>
    </row>
    <row r="1026778" spans="14:14">
      <c r="N1026778" s="10"/>
    </row>
    <row r="1026779" spans="14:14">
      <c r="N1026779" s="10"/>
    </row>
    <row r="1026780" spans="14:14">
      <c r="N1026780" s="10"/>
    </row>
    <row r="1026781" spans="14:14">
      <c r="N1026781" s="10"/>
    </row>
    <row r="1026782" spans="14:14">
      <c r="N1026782" s="10"/>
    </row>
    <row r="1026783" spans="14:14">
      <c r="N1026783" s="10"/>
    </row>
    <row r="1026784" spans="14:14">
      <c r="N1026784" s="10"/>
    </row>
    <row r="1026785" spans="14:14">
      <c r="N1026785" s="10"/>
    </row>
    <row r="1026786" spans="14:14">
      <c r="N1026786" s="10"/>
    </row>
    <row r="1026787" spans="14:14">
      <c r="N1026787" s="10"/>
    </row>
    <row r="1026788" spans="14:14">
      <c r="N1026788" s="10"/>
    </row>
    <row r="1026789" spans="14:14">
      <c r="N1026789" s="10"/>
    </row>
    <row r="1026790" spans="14:14">
      <c r="N1026790" s="10"/>
    </row>
    <row r="1026791" spans="14:14">
      <c r="N1026791" s="10"/>
    </row>
    <row r="1026792" spans="14:14">
      <c r="N1026792" s="10"/>
    </row>
    <row r="1026793" spans="14:14">
      <c r="N1026793" s="10"/>
    </row>
    <row r="1026794" spans="14:14">
      <c r="N1026794" s="10"/>
    </row>
    <row r="1026795" spans="14:14">
      <c r="N1026795" s="10"/>
    </row>
    <row r="1026796" spans="14:14">
      <c r="N1026796" s="10"/>
    </row>
    <row r="1026797" spans="14:14">
      <c r="N1026797" s="10"/>
    </row>
    <row r="1026798" spans="14:14">
      <c r="N1026798" s="10"/>
    </row>
    <row r="1026799" spans="14:14">
      <c r="N1026799" s="10"/>
    </row>
    <row r="1026800" spans="14:14">
      <c r="N1026800" s="10"/>
    </row>
    <row r="1026801" spans="14:14">
      <c r="N1026801" s="10"/>
    </row>
    <row r="1026802" spans="14:14">
      <c r="N1026802" s="10"/>
    </row>
    <row r="1026803" spans="14:14">
      <c r="N1026803" s="10"/>
    </row>
    <row r="1026804" spans="14:14">
      <c r="N1026804" s="10"/>
    </row>
    <row r="1026805" spans="14:14">
      <c r="N1026805" s="10"/>
    </row>
    <row r="1026806" spans="14:14">
      <c r="N1026806" s="10"/>
    </row>
    <row r="1026807" spans="14:14">
      <c r="N1026807" s="10"/>
    </row>
    <row r="1026808" spans="14:14">
      <c r="N1026808" s="10"/>
    </row>
    <row r="1026809" spans="14:14">
      <c r="N1026809" s="10"/>
    </row>
    <row r="1026810" spans="14:14">
      <c r="N1026810" s="10"/>
    </row>
    <row r="1026811" spans="14:14">
      <c r="N1026811" s="10"/>
    </row>
    <row r="1026812" spans="14:14">
      <c r="N1026812" s="10"/>
    </row>
    <row r="1026813" spans="14:14">
      <c r="N1026813" s="10"/>
    </row>
    <row r="1026814" spans="14:14">
      <c r="N1026814" s="10"/>
    </row>
    <row r="1026815" spans="14:14">
      <c r="N1026815" s="10"/>
    </row>
    <row r="1026816" spans="14:14">
      <c r="N1026816" s="10"/>
    </row>
    <row r="1026817" spans="14:14">
      <c r="N1026817" s="10"/>
    </row>
    <row r="1026818" spans="14:14">
      <c r="N1026818" s="10"/>
    </row>
    <row r="1026819" spans="14:14">
      <c r="N1026819" s="10"/>
    </row>
    <row r="1026820" spans="14:14">
      <c r="N1026820" s="10"/>
    </row>
    <row r="1026821" spans="14:14">
      <c r="N1026821" s="10"/>
    </row>
    <row r="1026822" spans="14:14">
      <c r="N1026822" s="10"/>
    </row>
    <row r="1026823" spans="14:14">
      <c r="N1026823" s="10"/>
    </row>
    <row r="1026824" spans="14:14">
      <c r="N1026824" s="10"/>
    </row>
    <row r="1026825" spans="14:14">
      <c r="N1026825" s="10"/>
    </row>
    <row r="1026826" spans="14:14">
      <c r="N1026826" s="10"/>
    </row>
    <row r="1026827" spans="14:14">
      <c r="N1026827" s="10"/>
    </row>
    <row r="1026828" spans="14:14">
      <c r="N1026828" s="10"/>
    </row>
    <row r="1026829" spans="14:14">
      <c r="N1026829" s="10"/>
    </row>
    <row r="1026830" spans="14:14">
      <c r="N1026830" s="10"/>
    </row>
    <row r="1026831" spans="14:14">
      <c r="N1026831" s="10"/>
    </row>
    <row r="1026832" spans="14:14">
      <c r="N1026832" s="10"/>
    </row>
    <row r="1026833" spans="14:14">
      <c r="N1026833" s="10"/>
    </row>
    <row r="1026834" spans="14:14">
      <c r="N1026834" s="10"/>
    </row>
    <row r="1026835" spans="14:14">
      <c r="N1026835" s="10"/>
    </row>
    <row r="1026836" spans="14:14">
      <c r="N1026836" s="10"/>
    </row>
    <row r="1026837" spans="14:14">
      <c r="N1026837" s="10"/>
    </row>
    <row r="1026838" spans="14:14">
      <c r="N1026838" s="10"/>
    </row>
    <row r="1026839" spans="14:14">
      <c r="N1026839" s="10"/>
    </row>
    <row r="1026840" spans="14:14">
      <c r="N1026840" s="10"/>
    </row>
    <row r="1026841" spans="14:14">
      <c r="N1026841" s="10"/>
    </row>
    <row r="1026842" spans="14:14">
      <c r="N1026842" s="10"/>
    </row>
    <row r="1026843" spans="14:14">
      <c r="N1026843" s="10"/>
    </row>
    <row r="1026844" spans="14:14">
      <c r="N1026844" s="10"/>
    </row>
    <row r="1026845" spans="14:14">
      <c r="N1026845" s="10"/>
    </row>
    <row r="1026846" spans="14:14">
      <c r="N1026846" s="10"/>
    </row>
    <row r="1026847" spans="14:14">
      <c r="N1026847" s="10"/>
    </row>
    <row r="1026848" spans="14:14">
      <c r="N1026848" s="10"/>
    </row>
    <row r="1026849" spans="14:14">
      <c r="N1026849" s="10"/>
    </row>
    <row r="1026850" spans="14:14">
      <c r="N1026850" s="10"/>
    </row>
    <row r="1026851" spans="14:14">
      <c r="N1026851" s="10"/>
    </row>
    <row r="1026852" spans="14:14">
      <c r="N1026852" s="10"/>
    </row>
    <row r="1026853" spans="14:14">
      <c r="N1026853" s="10"/>
    </row>
    <row r="1026854" spans="14:14">
      <c r="N1026854" s="10"/>
    </row>
    <row r="1026855" spans="14:14">
      <c r="N1026855" s="10"/>
    </row>
    <row r="1026856" spans="14:14">
      <c r="N1026856" s="10"/>
    </row>
    <row r="1026857" spans="14:14">
      <c r="N1026857" s="10"/>
    </row>
    <row r="1026858" spans="14:14">
      <c r="N1026858" s="10"/>
    </row>
    <row r="1026859" spans="14:14">
      <c r="N1026859" s="10"/>
    </row>
    <row r="1026860" spans="14:14">
      <c r="N1026860" s="10"/>
    </row>
    <row r="1026861" spans="14:14">
      <c r="N1026861" s="10"/>
    </row>
    <row r="1026862" spans="14:14">
      <c r="N1026862" s="10"/>
    </row>
    <row r="1026863" spans="14:14">
      <c r="N1026863" s="10"/>
    </row>
    <row r="1026864" spans="14:14">
      <c r="N1026864" s="10"/>
    </row>
    <row r="1026865" spans="14:14">
      <c r="N1026865" s="10"/>
    </row>
    <row r="1026866" spans="14:14">
      <c r="N1026866" s="10"/>
    </row>
    <row r="1026867" spans="14:14">
      <c r="N1026867" s="10"/>
    </row>
    <row r="1026868" spans="14:14">
      <c r="N1026868" s="10"/>
    </row>
    <row r="1026869" spans="14:14">
      <c r="N1026869" s="10"/>
    </row>
    <row r="1026870" spans="14:14">
      <c r="N1026870" s="10"/>
    </row>
    <row r="1026871" spans="14:14">
      <c r="N1026871" s="10"/>
    </row>
    <row r="1026872" spans="14:14">
      <c r="N1026872" s="10"/>
    </row>
    <row r="1026873" spans="14:14">
      <c r="N1026873" s="10"/>
    </row>
    <row r="1026874" spans="14:14">
      <c r="N1026874" s="10"/>
    </row>
    <row r="1026875" spans="14:14">
      <c r="N1026875" s="10"/>
    </row>
    <row r="1026876" spans="14:14">
      <c r="N1026876" s="10"/>
    </row>
    <row r="1026877" spans="14:14">
      <c r="N1026877" s="10"/>
    </row>
    <row r="1026878" spans="14:14">
      <c r="N1026878" s="10"/>
    </row>
    <row r="1026879" spans="14:14">
      <c r="N1026879" s="10"/>
    </row>
    <row r="1026880" spans="14:14">
      <c r="N1026880" s="10"/>
    </row>
    <row r="1026881" spans="14:14">
      <c r="N1026881" s="10"/>
    </row>
    <row r="1026882" spans="14:14">
      <c r="N1026882" s="10"/>
    </row>
    <row r="1026883" spans="14:14">
      <c r="N1026883" s="10"/>
    </row>
    <row r="1026884" spans="14:14">
      <c r="N1026884" s="10"/>
    </row>
    <row r="1026885" spans="14:14">
      <c r="N1026885" s="10"/>
    </row>
    <row r="1026886" spans="14:14">
      <c r="N1026886" s="10"/>
    </row>
    <row r="1026887" spans="14:14">
      <c r="N1026887" s="10"/>
    </row>
    <row r="1026888" spans="14:14">
      <c r="N1026888" s="10"/>
    </row>
    <row r="1026889" spans="14:14">
      <c r="N1026889" s="10"/>
    </row>
    <row r="1026890" spans="14:14">
      <c r="N1026890" s="10"/>
    </row>
    <row r="1026891" spans="14:14">
      <c r="N1026891" s="10"/>
    </row>
    <row r="1026892" spans="14:14">
      <c r="N1026892" s="10"/>
    </row>
    <row r="1026893" spans="14:14">
      <c r="N1026893" s="10"/>
    </row>
    <row r="1026894" spans="14:14">
      <c r="N1026894" s="10"/>
    </row>
    <row r="1026895" spans="14:14">
      <c r="N1026895" s="10"/>
    </row>
    <row r="1026896" spans="14:14">
      <c r="N1026896" s="10"/>
    </row>
    <row r="1026897" spans="14:14">
      <c r="N1026897" s="10"/>
    </row>
    <row r="1026898" spans="14:14">
      <c r="N1026898" s="10"/>
    </row>
    <row r="1026899" spans="14:14">
      <c r="N1026899" s="10"/>
    </row>
    <row r="1026900" spans="14:14">
      <c r="N1026900" s="10"/>
    </row>
    <row r="1026901" spans="14:14">
      <c r="N1026901" s="10"/>
    </row>
    <row r="1026902" spans="14:14">
      <c r="N1026902" s="10"/>
    </row>
    <row r="1026903" spans="14:14">
      <c r="N1026903" s="10"/>
    </row>
    <row r="1026904" spans="14:14">
      <c r="N1026904" s="10"/>
    </row>
    <row r="1026905" spans="14:14">
      <c r="N1026905" s="10"/>
    </row>
    <row r="1026906" spans="14:14">
      <c r="N1026906" s="10"/>
    </row>
    <row r="1026907" spans="14:14">
      <c r="N1026907" s="10"/>
    </row>
    <row r="1026908" spans="14:14">
      <c r="N1026908" s="10"/>
    </row>
    <row r="1026909" spans="14:14">
      <c r="N1026909" s="10"/>
    </row>
    <row r="1026910" spans="14:14">
      <c r="N1026910" s="10"/>
    </row>
    <row r="1026911" spans="14:14">
      <c r="N1026911" s="10"/>
    </row>
    <row r="1026912" spans="14:14">
      <c r="N1026912" s="10"/>
    </row>
    <row r="1026913" spans="14:14">
      <c r="N1026913" s="10"/>
    </row>
    <row r="1026914" spans="14:14">
      <c r="N1026914" s="10"/>
    </row>
    <row r="1026915" spans="14:14">
      <c r="N1026915" s="10"/>
    </row>
    <row r="1026916" spans="14:14">
      <c r="N1026916" s="10"/>
    </row>
    <row r="1026917" spans="14:14">
      <c r="N1026917" s="10"/>
    </row>
    <row r="1026918" spans="14:14">
      <c r="N1026918" s="10"/>
    </row>
    <row r="1026919" spans="14:14">
      <c r="N1026919" s="10"/>
    </row>
    <row r="1026920" spans="14:14">
      <c r="N1026920" s="10"/>
    </row>
    <row r="1026921" spans="14:14">
      <c r="N1026921" s="10"/>
    </row>
    <row r="1026922" spans="14:14">
      <c r="N1026922" s="10"/>
    </row>
    <row r="1026923" spans="14:14">
      <c r="N1026923" s="10"/>
    </row>
    <row r="1026924" spans="14:14">
      <c r="N1026924" s="10"/>
    </row>
    <row r="1026925" spans="14:14">
      <c r="N1026925" s="10"/>
    </row>
    <row r="1026926" spans="14:14">
      <c r="N1026926" s="10"/>
    </row>
    <row r="1026927" spans="14:14">
      <c r="N1026927" s="10"/>
    </row>
    <row r="1026928" spans="14:14">
      <c r="N1026928" s="10"/>
    </row>
    <row r="1026929" spans="14:14">
      <c r="N1026929" s="10"/>
    </row>
    <row r="1026930" spans="14:14">
      <c r="N1026930" s="10"/>
    </row>
    <row r="1026931" spans="14:14">
      <c r="N1026931" s="10"/>
    </row>
    <row r="1026932" spans="14:14">
      <c r="N1026932" s="10"/>
    </row>
    <row r="1026933" spans="14:14">
      <c r="N1026933" s="10"/>
    </row>
    <row r="1026934" spans="14:14">
      <c r="N1026934" s="10"/>
    </row>
    <row r="1026935" spans="14:14">
      <c r="N1026935" s="10"/>
    </row>
    <row r="1026936" spans="14:14">
      <c r="N1026936" s="10"/>
    </row>
    <row r="1026937" spans="14:14">
      <c r="N1026937" s="10"/>
    </row>
    <row r="1026938" spans="14:14">
      <c r="N1026938" s="10"/>
    </row>
    <row r="1026939" spans="14:14">
      <c r="N1026939" s="10"/>
    </row>
    <row r="1026940" spans="14:14">
      <c r="N1026940" s="10"/>
    </row>
    <row r="1026941" spans="14:14">
      <c r="N1026941" s="10"/>
    </row>
    <row r="1026942" spans="14:14">
      <c r="N1026942" s="10"/>
    </row>
    <row r="1026943" spans="14:14">
      <c r="N1026943" s="10"/>
    </row>
    <row r="1026944" spans="14:14">
      <c r="N1026944" s="10"/>
    </row>
    <row r="1026945" spans="14:14">
      <c r="N1026945" s="10"/>
    </row>
    <row r="1026946" spans="14:14">
      <c r="N1026946" s="10"/>
    </row>
    <row r="1026947" spans="14:14">
      <c r="N1026947" s="10"/>
    </row>
    <row r="1026948" spans="14:14">
      <c r="N1026948" s="10"/>
    </row>
    <row r="1026949" spans="14:14">
      <c r="N1026949" s="10"/>
    </row>
    <row r="1026950" spans="14:14">
      <c r="N1026950" s="10"/>
    </row>
    <row r="1026951" spans="14:14">
      <c r="N1026951" s="10"/>
    </row>
    <row r="1026952" spans="14:14">
      <c r="N1026952" s="10"/>
    </row>
    <row r="1026953" spans="14:14">
      <c r="N1026953" s="10"/>
    </row>
    <row r="1026954" spans="14:14">
      <c r="N1026954" s="10"/>
    </row>
    <row r="1026955" spans="14:14">
      <c r="N1026955" s="10"/>
    </row>
    <row r="1026956" spans="14:14">
      <c r="N1026956" s="10"/>
    </row>
    <row r="1026957" spans="14:14">
      <c r="N1026957" s="10"/>
    </row>
    <row r="1026958" spans="14:14">
      <c r="N1026958" s="10"/>
    </row>
    <row r="1026959" spans="14:14">
      <c r="N1026959" s="10"/>
    </row>
    <row r="1026960" spans="14:14">
      <c r="N1026960" s="10"/>
    </row>
    <row r="1026961" spans="14:14">
      <c r="N1026961" s="10"/>
    </row>
    <row r="1026962" spans="14:14">
      <c r="N1026962" s="10"/>
    </row>
    <row r="1026963" spans="14:14">
      <c r="N1026963" s="10"/>
    </row>
    <row r="1026964" spans="14:14">
      <c r="N1026964" s="10"/>
    </row>
    <row r="1026965" spans="14:14">
      <c r="N1026965" s="10"/>
    </row>
    <row r="1026966" spans="14:14">
      <c r="N1026966" s="10"/>
    </row>
    <row r="1026967" spans="14:14">
      <c r="N1026967" s="10"/>
    </row>
    <row r="1026968" spans="14:14">
      <c r="N1026968" s="10"/>
    </row>
    <row r="1026969" spans="14:14">
      <c r="N1026969" s="10"/>
    </row>
    <row r="1026970" spans="14:14">
      <c r="N1026970" s="10"/>
    </row>
    <row r="1026971" spans="14:14">
      <c r="N1026971" s="10"/>
    </row>
    <row r="1026972" spans="14:14">
      <c r="N1026972" s="10"/>
    </row>
    <row r="1026973" spans="14:14">
      <c r="N1026973" s="10"/>
    </row>
    <row r="1026974" spans="14:14">
      <c r="N1026974" s="10"/>
    </row>
    <row r="1026975" spans="14:14">
      <c r="N1026975" s="10"/>
    </row>
    <row r="1026976" spans="14:14">
      <c r="N1026976" s="10"/>
    </row>
    <row r="1026977" spans="14:14">
      <c r="N1026977" s="10"/>
    </row>
    <row r="1026978" spans="14:14">
      <c r="N1026978" s="10"/>
    </row>
    <row r="1026979" spans="14:14">
      <c r="N1026979" s="10"/>
    </row>
    <row r="1026980" spans="14:14">
      <c r="N1026980" s="10"/>
    </row>
    <row r="1026981" spans="14:14">
      <c r="N1026981" s="10"/>
    </row>
    <row r="1026982" spans="14:14">
      <c r="N1026982" s="10"/>
    </row>
    <row r="1026983" spans="14:14">
      <c r="N1026983" s="10"/>
    </row>
    <row r="1026984" spans="14:14">
      <c r="N1026984" s="10"/>
    </row>
    <row r="1026985" spans="14:14">
      <c r="N1026985" s="10"/>
    </row>
    <row r="1026986" spans="14:14">
      <c r="N1026986" s="10"/>
    </row>
    <row r="1026987" spans="14:14">
      <c r="N1026987" s="10"/>
    </row>
    <row r="1026988" spans="14:14">
      <c r="N1026988" s="10"/>
    </row>
    <row r="1026989" spans="14:14">
      <c r="N1026989" s="10"/>
    </row>
    <row r="1026990" spans="14:14">
      <c r="N1026990" s="10"/>
    </row>
    <row r="1026991" spans="14:14">
      <c r="N1026991" s="10"/>
    </row>
    <row r="1026992" spans="14:14">
      <c r="N1026992" s="10"/>
    </row>
    <row r="1026993" spans="14:14">
      <c r="N1026993" s="10"/>
    </row>
    <row r="1026994" spans="14:14">
      <c r="N1026994" s="10"/>
    </row>
    <row r="1026995" spans="14:14">
      <c r="N1026995" s="10"/>
    </row>
    <row r="1026996" spans="14:14">
      <c r="N1026996" s="10"/>
    </row>
    <row r="1026997" spans="14:14">
      <c r="N1026997" s="10"/>
    </row>
    <row r="1026998" spans="14:14">
      <c r="N1026998" s="10"/>
    </row>
    <row r="1026999" spans="14:14">
      <c r="N1026999" s="10"/>
    </row>
    <row r="1027000" spans="14:14">
      <c r="N1027000" s="10"/>
    </row>
    <row r="1027001" spans="14:14">
      <c r="N1027001" s="10"/>
    </row>
    <row r="1027002" spans="14:14">
      <c r="N1027002" s="10"/>
    </row>
    <row r="1027003" spans="14:14">
      <c r="N1027003" s="10"/>
    </row>
    <row r="1027004" spans="14:14">
      <c r="N1027004" s="10"/>
    </row>
    <row r="1027005" spans="14:14">
      <c r="N1027005" s="10"/>
    </row>
    <row r="1027006" spans="14:14">
      <c r="N1027006" s="10"/>
    </row>
    <row r="1027007" spans="14:14">
      <c r="N1027007" s="10"/>
    </row>
    <row r="1027008" spans="14:14">
      <c r="N1027008" s="10"/>
    </row>
    <row r="1027009" spans="14:14">
      <c r="N1027009" s="10"/>
    </row>
    <row r="1027010" spans="14:14">
      <c r="N1027010" s="10"/>
    </row>
    <row r="1027011" spans="14:14">
      <c r="N1027011" s="10"/>
    </row>
    <row r="1027012" spans="14:14">
      <c r="N1027012" s="10"/>
    </row>
    <row r="1027013" spans="14:14">
      <c r="N1027013" s="10"/>
    </row>
    <row r="1027014" spans="14:14">
      <c r="N1027014" s="10"/>
    </row>
    <row r="1027015" spans="14:14">
      <c r="N1027015" s="10"/>
    </row>
    <row r="1027016" spans="14:14">
      <c r="N1027016" s="10"/>
    </row>
    <row r="1027017" spans="14:14">
      <c r="N1027017" s="10"/>
    </row>
    <row r="1027018" spans="14:14">
      <c r="N1027018" s="10"/>
    </row>
    <row r="1027019" spans="14:14">
      <c r="N1027019" s="10"/>
    </row>
    <row r="1027020" spans="14:14">
      <c r="N1027020" s="10"/>
    </row>
    <row r="1027021" spans="14:14">
      <c r="N1027021" s="10"/>
    </row>
    <row r="1027022" spans="14:14">
      <c r="N1027022" s="10"/>
    </row>
    <row r="1027023" spans="14:14">
      <c r="N1027023" s="10"/>
    </row>
    <row r="1027024" spans="14:14">
      <c r="N1027024" s="10"/>
    </row>
    <row r="1027025" spans="14:14">
      <c r="N1027025" s="10"/>
    </row>
    <row r="1027026" spans="14:14">
      <c r="N1027026" s="10"/>
    </row>
    <row r="1027027" spans="14:14">
      <c r="N1027027" s="10"/>
    </row>
    <row r="1027028" spans="14:14">
      <c r="N1027028" s="10"/>
    </row>
    <row r="1027029" spans="14:14">
      <c r="N1027029" s="10"/>
    </row>
    <row r="1027030" spans="14:14">
      <c r="N1027030" s="10"/>
    </row>
    <row r="1027031" spans="14:14">
      <c r="N1027031" s="10"/>
    </row>
    <row r="1027032" spans="14:14">
      <c r="N1027032" s="10"/>
    </row>
    <row r="1027033" spans="14:14">
      <c r="N1027033" s="10"/>
    </row>
    <row r="1027034" spans="14:14">
      <c r="N1027034" s="10"/>
    </row>
    <row r="1027035" spans="14:14">
      <c r="N1027035" s="10"/>
    </row>
    <row r="1027036" spans="14:14">
      <c r="N1027036" s="10"/>
    </row>
    <row r="1027037" spans="14:14">
      <c r="N1027037" s="10"/>
    </row>
    <row r="1027038" spans="14:14">
      <c r="N1027038" s="10"/>
    </row>
    <row r="1027039" spans="14:14">
      <c r="N1027039" s="10"/>
    </row>
    <row r="1027040" spans="14:14">
      <c r="N1027040" s="10"/>
    </row>
    <row r="1027041" spans="14:14">
      <c r="N1027041" s="10"/>
    </row>
    <row r="1027042" spans="14:14">
      <c r="N1027042" s="10"/>
    </row>
    <row r="1027043" spans="14:14">
      <c r="N1027043" s="10"/>
    </row>
    <row r="1027044" spans="14:14">
      <c r="N1027044" s="10"/>
    </row>
    <row r="1027045" spans="14:14">
      <c r="N1027045" s="10"/>
    </row>
    <row r="1027046" spans="14:14">
      <c r="N1027046" s="10"/>
    </row>
    <row r="1027047" spans="14:14">
      <c r="N1027047" s="10"/>
    </row>
    <row r="1027048" spans="14:14">
      <c r="N1027048" s="10"/>
    </row>
    <row r="1027049" spans="14:14">
      <c r="N1027049" s="10"/>
    </row>
    <row r="1027050" spans="14:14">
      <c r="N1027050" s="10"/>
    </row>
    <row r="1027051" spans="14:14">
      <c r="N1027051" s="10"/>
    </row>
    <row r="1027052" spans="14:14">
      <c r="N1027052" s="10"/>
    </row>
    <row r="1027053" spans="14:14">
      <c r="N1027053" s="10"/>
    </row>
    <row r="1027054" spans="14:14">
      <c r="N1027054" s="10"/>
    </row>
    <row r="1027055" spans="14:14">
      <c r="N1027055" s="10"/>
    </row>
    <row r="1027056" spans="14:14">
      <c r="N1027056" s="10"/>
    </row>
    <row r="1027057" spans="14:14">
      <c r="N1027057" s="10"/>
    </row>
    <row r="1027058" spans="14:14">
      <c r="N1027058" s="10"/>
    </row>
    <row r="1027059" spans="14:14">
      <c r="N1027059" s="10"/>
    </row>
    <row r="1027060" spans="14:14">
      <c r="N1027060" s="10"/>
    </row>
    <row r="1027061" spans="14:14">
      <c r="N1027061" s="10"/>
    </row>
    <row r="1027062" spans="14:14">
      <c r="N1027062" s="10"/>
    </row>
    <row r="1027063" spans="14:14">
      <c r="N1027063" s="10"/>
    </row>
    <row r="1027064" spans="14:14">
      <c r="N1027064" s="10"/>
    </row>
    <row r="1027065" spans="14:14">
      <c r="N1027065" s="10"/>
    </row>
    <row r="1027066" spans="14:14">
      <c r="N1027066" s="10"/>
    </row>
    <row r="1027067" spans="14:14">
      <c r="N1027067" s="10"/>
    </row>
    <row r="1027068" spans="14:14">
      <c r="N1027068" s="10"/>
    </row>
    <row r="1027069" spans="14:14">
      <c r="N1027069" s="10"/>
    </row>
    <row r="1027070" spans="14:14">
      <c r="N1027070" s="10"/>
    </row>
    <row r="1027071" spans="14:14">
      <c r="N1027071" s="10"/>
    </row>
    <row r="1027072" spans="14:14">
      <c r="N1027072" s="10"/>
    </row>
    <row r="1027073" spans="14:14">
      <c r="N1027073" s="10"/>
    </row>
    <row r="1027074" spans="14:14">
      <c r="N1027074" s="10"/>
    </row>
    <row r="1027075" spans="14:14">
      <c r="N1027075" s="10"/>
    </row>
    <row r="1027076" spans="14:14">
      <c r="N1027076" s="10"/>
    </row>
    <row r="1027077" spans="14:14">
      <c r="N1027077" s="10"/>
    </row>
    <row r="1027078" spans="14:14">
      <c r="N1027078" s="10"/>
    </row>
    <row r="1027079" spans="14:14">
      <c r="N1027079" s="10"/>
    </row>
    <row r="1027080" spans="14:14">
      <c r="N1027080" s="10"/>
    </row>
    <row r="1027081" spans="14:14">
      <c r="N1027081" s="10"/>
    </row>
    <row r="1027082" spans="14:14">
      <c r="N1027082" s="10"/>
    </row>
    <row r="1027083" spans="14:14">
      <c r="N1027083" s="10"/>
    </row>
    <row r="1027084" spans="14:14">
      <c r="N1027084" s="10"/>
    </row>
    <row r="1027085" spans="14:14">
      <c r="N1027085" s="10"/>
    </row>
    <row r="1027086" spans="14:14">
      <c r="N1027086" s="10"/>
    </row>
    <row r="1027087" spans="14:14">
      <c r="N1027087" s="10"/>
    </row>
    <row r="1027088" spans="14:14">
      <c r="N1027088" s="10"/>
    </row>
    <row r="1027089" spans="14:14">
      <c r="N1027089" s="10"/>
    </row>
    <row r="1027090" spans="14:14">
      <c r="N1027090" s="10"/>
    </row>
    <row r="1027091" spans="14:14">
      <c r="N1027091" s="10"/>
    </row>
    <row r="1027092" spans="14:14">
      <c r="N1027092" s="10"/>
    </row>
    <row r="1027093" spans="14:14">
      <c r="N1027093" s="10"/>
    </row>
    <row r="1027094" spans="14:14">
      <c r="N1027094" s="10"/>
    </row>
    <row r="1027095" spans="14:14">
      <c r="N1027095" s="10"/>
    </row>
    <row r="1027096" spans="14:14">
      <c r="N1027096" s="10"/>
    </row>
    <row r="1027097" spans="14:14">
      <c r="N1027097" s="10"/>
    </row>
    <row r="1027098" spans="14:14">
      <c r="N1027098" s="10"/>
    </row>
    <row r="1027099" spans="14:14">
      <c r="N1027099" s="10"/>
    </row>
    <row r="1027100" spans="14:14">
      <c r="N1027100" s="10"/>
    </row>
    <row r="1027101" spans="14:14">
      <c r="N1027101" s="10"/>
    </row>
    <row r="1027102" spans="14:14">
      <c r="N1027102" s="10"/>
    </row>
    <row r="1027103" spans="14:14">
      <c r="N1027103" s="10"/>
    </row>
    <row r="1027104" spans="14:14">
      <c r="N1027104" s="10"/>
    </row>
    <row r="1027105" spans="14:14">
      <c r="N1027105" s="10"/>
    </row>
    <row r="1027106" spans="14:14">
      <c r="N1027106" s="10"/>
    </row>
    <row r="1027107" spans="14:14">
      <c r="N1027107" s="10"/>
    </row>
    <row r="1027108" spans="14:14">
      <c r="N1027108" s="10"/>
    </row>
    <row r="1027109" spans="14:14">
      <c r="N1027109" s="10"/>
    </row>
    <row r="1027110" spans="14:14">
      <c r="N1027110" s="10"/>
    </row>
    <row r="1027111" spans="14:14">
      <c r="N1027111" s="10"/>
    </row>
    <row r="1027112" spans="14:14">
      <c r="N1027112" s="10"/>
    </row>
    <row r="1027113" spans="14:14">
      <c r="N1027113" s="10"/>
    </row>
    <row r="1027114" spans="14:14">
      <c r="N1027114" s="10"/>
    </row>
    <row r="1027115" spans="14:14">
      <c r="N1027115" s="10"/>
    </row>
    <row r="1027116" spans="14:14">
      <c r="N1027116" s="10"/>
    </row>
    <row r="1027117" spans="14:14">
      <c r="N1027117" s="10"/>
    </row>
    <row r="1027118" spans="14:14">
      <c r="N1027118" s="10"/>
    </row>
    <row r="1027119" spans="14:14">
      <c r="N1027119" s="10"/>
    </row>
    <row r="1027120" spans="14:14">
      <c r="N1027120" s="10"/>
    </row>
    <row r="1027121" spans="14:14">
      <c r="N1027121" s="10"/>
    </row>
    <row r="1027122" spans="14:14">
      <c r="N1027122" s="10"/>
    </row>
    <row r="1027123" spans="14:14">
      <c r="N1027123" s="10"/>
    </row>
    <row r="1027124" spans="14:14">
      <c r="N1027124" s="10"/>
    </row>
    <row r="1027125" spans="14:14">
      <c r="N1027125" s="10"/>
    </row>
    <row r="1027126" spans="14:14">
      <c r="N1027126" s="10"/>
    </row>
    <row r="1027127" spans="14:14">
      <c r="N1027127" s="10"/>
    </row>
    <row r="1027128" spans="14:14">
      <c r="N1027128" s="10"/>
    </row>
    <row r="1027129" spans="14:14">
      <c r="N1027129" s="10"/>
    </row>
    <row r="1027130" spans="14:14">
      <c r="N1027130" s="10"/>
    </row>
    <row r="1027131" spans="14:14">
      <c r="N1027131" s="10"/>
    </row>
    <row r="1027132" spans="14:14">
      <c r="N1027132" s="10"/>
    </row>
    <row r="1027133" spans="14:14">
      <c r="N1027133" s="10"/>
    </row>
    <row r="1027134" spans="14:14">
      <c r="N1027134" s="10"/>
    </row>
    <row r="1027135" spans="14:14">
      <c r="N1027135" s="10"/>
    </row>
    <row r="1027136" spans="14:14">
      <c r="N1027136" s="10"/>
    </row>
    <row r="1027137" spans="14:14">
      <c r="N1027137" s="10"/>
    </row>
    <row r="1027138" spans="14:14">
      <c r="N1027138" s="10"/>
    </row>
    <row r="1027139" spans="14:14">
      <c r="N1027139" s="10"/>
    </row>
    <row r="1027140" spans="14:14">
      <c r="N1027140" s="10"/>
    </row>
    <row r="1027141" spans="14:14">
      <c r="N1027141" s="10"/>
    </row>
    <row r="1027142" spans="14:14">
      <c r="N1027142" s="10"/>
    </row>
    <row r="1027143" spans="14:14">
      <c r="N1027143" s="10"/>
    </row>
    <row r="1027144" spans="14:14">
      <c r="N1027144" s="10"/>
    </row>
    <row r="1027145" spans="14:14">
      <c r="N1027145" s="10"/>
    </row>
    <row r="1027146" spans="14:14">
      <c r="N1027146" s="10"/>
    </row>
    <row r="1027147" spans="14:14">
      <c r="N1027147" s="10"/>
    </row>
    <row r="1027148" spans="14:14">
      <c r="N1027148" s="10"/>
    </row>
    <row r="1027149" spans="14:14">
      <c r="N1027149" s="10"/>
    </row>
    <row r="1027150" spans="14:14">
      <c r="N1027150" s="10"/>
    </row>
    <row r="1027151" spans="14:14">
      <c r="N1027151" s="10"/>
    </row>
    <row r="1027152" spans="14:14">
      <c r="N1027152" s="10"/>
    </row>
    <row r="1027153" spans="14:14">
      <c r="N1027153" s="10"/>
    </row>
    <row r="1027154" spans="14:14">
      <c r="N1027154" s="10"/>
    </row>
    <row r="1027155" spans="14:14">
      <c r="N1027155" s="10"/>
    </row>
    <row r="1027156" spans="14:14">
      <c r="N1027156" s="10"/>
    </row>
    <row r="1027157" spans="14:14">
      <c r="N1027157" s="10"/>
    </row>
    <row r="1027158" spans="14:14">
      <c r="N1027158" s="10"/>
    </row>
    <row r="1027159" spans="14:14">
      <c r="N1027159" s="10"/>
    </row>
    <row r="1027160" spans="14:14">
      <c r="N1027160" s="10"/>
    </row>
    <row r="1027161" spans="14:14">
      <c r="N1027161" s="10"/>
    </row>
    <row r="1027162" spans="14:14">
      <c r="N1027162" s="10"/>
    </row>
    <row r="1027163" spans="14:14">
      <c r="N1027163" s="10"/>
    </row>
    <row r="1027164" spans="14:14">
      <c r="N1027164" s="10"/>
    </row>
    <row r="1027165" spans="14:14">
      <c r="N1027165" s="10"/>
    </row>
    <row r="1027166" spans="14:14">
      <c r="N1027166" s="10"/>
    </row>
    <row r="1027167" spans="14:14">
      <c r="N1027167" s="10"/>
    </row>
    <row r="1027168" spans="14:14">
      <c r="N1027168" s="10"/>
    </row>
    <row r="1027169" spans="14:14">
      <c r="N1027169" s="10"/>
    </row>
    <row r="1027170" spans="14:14">
      <c r="N1027170" s="10"/>
    </row>
    <row r="1027171" spans="14:14">
      <c r="N1027171" s="10"/>
    </row>
    <row r="1027172" spans="14:14">
      <c r="N1027172" s="10"/>
    </row>
    <row r="1027173" spans="14:14">
      <c r="N1027173" s="10"/>
    </row>
    <row r="1027174" spans="14:14">
      <c r="N1027174" s="10"/>
    </row>
    <row r="1027175" spans="14:14">
      <c r="N1027175" s="10"/>
    </row>
    <row r="1027176" spans="14:14">
      <c r="N1027176" s="10"/>
    </row>
    <row r="1027177" spans="14:14">
      <c r="N1027177" s="10"/>
    </row>
    <row r="1027178" spans="14:14">
      <c r="N1027178" s="10"/>
    </row>
    <row r="1027179" spans="14:14">
      <c r="N1027179" s="10"/>
    </row>
    <row r="1027180" spans="14:14">
      <c r="N1027180" s="10"/>
    </row>
    <row r="1027181" spans="14:14">
      <c r="N1027181" s="10"/>
    </row>
    <row r="1027182" spans="14:14">
      <c r="N1027182" s="10"/>
    </row>
    <row r="1027183" spans="14:14">
      <c r="N1027183" s="10"/>
    </row>
    <row r="1027184" spans="14:14">
      <c r="N1027184" s="10"/>
    </row>
    <row r="1027185" spans="14:14">
      <c r="N1027185" s="10"/>
    </row>
    <row r="1027186" spans="14:14">
      <c r="N1027186" s="10"/>
    </row>
    <row r="1027187" spans="14:14">
      <c r="N1027187" s="10"/>
    </row>
    <row r="1027188" spans="14:14">
      <c r="N1027188" s="10"/>
    </row>
    <row r="1027189" spans="14:14">
      <c r="N1027189" s="10"/>
    </row>
    <row r="1027190" spans="14:14">
      <c r="N1027190" s="10"/>
    </row>
    <row r="1027191" spans="14:14">
      <c r="N1027191" s="10"/>
    </row>
    <row r="1027192" spans="14:14">
      <c r="N1027192" s="10"/>
    </row>
    <row r="1027193" spans="14:14">
      <c r="N1027193" s="10"/>
    </row>
    <row r="1027194" spans="14:14">
      <c r="N1027194" s="10"/>
    </row>
    <row r="1027195" spans="14:14">
      <c r="N1027195" s="10"/>
    </row>
    <row r="1027196" spans="14:14">
      <c r="N1027196" s="10"/>
    </row>
    <row r="1027197" spans="14:14">
      <c r="N1027197" s="10"/>
    </row>
    <row r="1027198" spans="14:14">
      <c r="N1027198" s="10"/>
    </row>
    <row r="1027199" spans="14:14">
      <c r="N1027199" s="10"/>
    </row>
    <row r="1027200" spans="14:14">
      <c r="N1027200" s="10"/>
    </row>
    <row r="1027201" spans="14:14">
      <c r="N1027201" s="10"/>
    </row>
    <row r="1027202" spans="14:14">
      <c r="N1027202" s="10"/>
    </row>
    <row r="1027203" spans="14:14">
      <c r="N1027203" s="10"/>
    </row>
    <row r="1027204" spans="14:14">
      <c r="N1027204" s="10"/>
    </row>
    <row r="1027205" spans="14:14">
      <c r="N1027205" s="10"/>
    </row>
    <row r="1027206" spans="14:14">
      <c r="N1027206" s="10"/>
    </row>
    <row r="1027207" spans="14:14">
      <c r="N1027207" s="10"/>
    </row>
    <row r="1027208" spans="14:14">
      <c r="N1027208" s="10"/>
    </row>
    <row r="1027209" spans="14:14">
      <c r="N1027209" s="10"/>
    </row>
    <row r="1027210" spans="14:14">
      <c r="N1027210" s="10"/>
    </row>
    <row r="1027211" spans="14:14">
      <c r="N1027211" s="10"/>
    </row>
    <row r="1027212" spans="14:14">
      <c r="N1027212" s="10"/>
    </row>
    <row r="1027213" spans="14:14">
      <c r="N1027213" s="10"/>
    </row>
    <row r="1027214" spans="14:14">
      <c r="N1027214" s="10"/>
    </row>
    <row r="1027215" spans="14:14">
      <c r="N1027215" s="10"/>
    </row>
    <row r="1027216" spans="14:14">
      <c r="N1027216" s="10"/>
    </row>
    <row r="1027217" spans="14:14">
      <c r="N1027217" s="10"/>
    </row>
    <row r="1027218" spans="14:14">
      <c r="N1027218" s="10"/>
    </row>
    <row r="1027219" spans="14:14">
      <c r="N1027219" s="10"/>
    </row>
    <row r="1027220" spans="14:14">
      <c r="N1027220" s="10"/>
    </row>
    <row r="1027221" spans="14:14">
      <c r="N1027221" s="10"/>
    </row>
    <row r="1027222" spans="14:14">
      <c r="N1027222" s="10"/>
    </row>
    <row r="1027223" spans="14:14">
      <c r="N1027223" s="10"/>
    </row>
    <row r="1027224" spans="14:14">
      <c r="N1027224" s="10"/>
    </row>
    <row r="1027225" spans="14:14">
      <c r="N1027225" s="10"/>
    </row>
    <row r="1027226" spans="14:14">
      <c r="N1027226" s="10"/>
    </row>
    <row r="1027227" spans="14:14">
      <c r="N1027227" s="10"/>
    </row>
    <row r="1027228" spans="14:14">
      <c r="N1027228" s="10"/>
    </row>
    <row r="1027229" spans="14:14">
      <c r="N1027229" s="10"/>
    </row>
    <row r="1027230" spans="14:14">
      <c r="N1027230" s="10"/>
    </row>
    <row r="1027231" spans="14:14">
      <c r="N1027231" s="10"/>
    </row>
    <row r="1027232" spans="14:14">
      <c r="N1027232" s="10"/>
    </row>
    <row r="1027233" spans="14:14">
      <c r="N1027233" s="10"/>
    </row>
    <row r="1027234" spans="14:14">
      <c r="N1027234" s="10"/>
    </row>
    <row r="1027235" spans="14:14">
      <c r="N1027235" s="10"/>
    </row>
    <row r="1027236" spans="14:14">
      <c r="N1027236" s="10"/>
    </row>
    <row r="1027237" spans="14:14">
      <c r="N1027237" s="10"/>
    </row>
    <row r="1027238" spans="14:14">
      <c r="N1027238" s="10"/>
    </row>
    <row r="1027239" spans="14:14">
      <c r="N1027239" s="10"/>
    </row>
    <row r="1027240" spans="14:14">
      <c r="N1027240" s="10"/>
    </row>
    <row r="1027241" spans="14:14">
      <c r="N1027241" s="10"/>
    </row>
    <row r="1027242" spans="14:14">
      <c r="N1027242" s="10"/>
    </row>
    <row r="1027243" spans="14:14">
      <c r="N1027243" s="10"/>
    </row>
    <row r="1027244" spans="14:14">
      <c r="N1027244" s="10"/>
    </row>
    <row r="1027245" spans="14:14">
      <c r="N1027245" s="10"/>
    </row>
    <row r="1027246" spans="14:14">
      <c r="N1027246" s="10"/>
    </row>
    <row r="1027247" spans="14:14">
      <c r="N1027247" s="10"/>
    </row>
    <row r="1027248" spans="14:14">
      <c r="N1027248" s="10"/>
    </row>
    <row r="1027249" spans="14:14">
      <c r="N1027249" s="10"/>
    </row>
    <row r="1027250" spans="14:14">
      <c r="N1027250" s="10"/>
    </row>
    <row r="1027251" spans="14:14">
      <c r="N1027251" s="10"/>
    </row>
    <row r="1027252" spans="14:14">
      <c r="N1027252" s="10"/>
    </row>
    <row r="1027253" spans="14:14">
      <c r="N1027253" s="10"/>
    </row>
    <row r="1027254" spans="14:14">
      <c r="N1027254" s="10"/>
    </row>
    <row r="1027255" spans="14:14">
      <c r="N1027255" s="10"/>
    </row>
    <row r="1027256" spans="14:14">
      <c r="N1027256" s="10"/>
    </row>
    <row r="1027257" spans="14:14">
      <c r="N1027257" s="10"/>
    </row>
    <row r="1027258" spans="14:14">
      <c r="N1027258" s="10"/>
    </row>
    <row r="1027259" spans="14:14">
      <c r="N1027259" s="10"/>
    </row>
    <row r="1027260" spans="14:14">
      <c r="N1027260" s="10"/>
    </row>
    <row r="1027261" spans="14:14">
      <c r="N1027261" s="10"/>
    </row>
    <row r="1027262" spans="14:14">
      <c r="N1027262" s="10"/>
    </row>
    <row r="1027263" spans="14:14">
      <c r="N1027263" s="10"/>
    </row>
    <row r="1027264" spans="14:14">
      <c r="N1027264" s="10"/>
    </row>
    <row r="1027265" spans="14:14">
      <c r="N1027265" s="10"/>
    </row>
    <row r="1027266" spans="14:14">
      <c r="N1027266" s="10"/>
    </row>
    <row r="1027267" spans="14:14">
      <c r="N1027267" s="10"/>
    </row>
    <row r="1027268" spans="14:14">
      <c r="N1027268" s="10"/>
    </row>
    <row r="1027269" spans="14:14">
      <c r="N1027269" s="10"/>
    </row>
    <row r="1027270" spans="14:14">
      <c r="N1027270" s="10"/>
    </row>
    <row r="1027271" spans="14:14">
      <c r="N1027271" s="10"/>
    </row>
    <row r="1027272" spans="14:14">
      <c r="N1027272" s="10"/>
    </row>
    <row r="1027273" spans="14:14">
      <c r="N1027273" s="10"/>
    </row>
    <row r="1027274" spans="14:14">
      <c r="N1027274" s="10"/>
    </row>
    <row r="1027275" spans="14:14">
      <c r="N1027275" s="10"/>
    </row>
    <row r="1027276" spans="14:14">
      <c r="N1027276" s="10"/>
    </row>
    <row r="1027277" spans="14:14">
      <c r="N1027277" s="10"/>
    </row>
    <row r="1027278" spans="14:14">
      <c r="N1027278" s="10"/>
    </row>
    <row r="1027279" spans="14:14">
      <c r="N1027279" s="10"/>
    </row>
    <row r="1027280" spans="14:14">
      <c r="N1027280" s="10"/>
    </row>
    <row r="1027281" spans="14:14">
      <c r="N1027281" s="10"/>
    </row>
    <row r="1027282" spans="14:14">
      <c r="N1027282" s="10"/>
    </row>
    <row r="1027283" spans="14:14">
      <c r="N1027283" s="10"/>
    </row>
    <row r="1027284" spans="14:14">
      <c r="N1027284" s="10"/>
    </row>
    <row r="1027285" spans="14:14">
      <c r="N1027285" s="10"/>
    </row>
    <row r="1027286" spans="14:14">
      <c r="N1027286" s="10"/>
    </row>
    <row r="1027287" spans="14:14">
      <c r="N1027287" s="10"/>
    </row>
    <row r="1027288" spans="14:14">
      <c r="N1027288" s="10"/>
    </row>
    <row r="1027289" spans="14:14">
      <c r="N1027289" s="10"/>
    </row>
    <row r="1027290" spans="14:14">
      <c r="N1027290" s="10"/>
    </row>
    <row r="1027291" spans="14:14">
      <c r="N1027291" s="10"/>
    </row>
    <row r="1027292" spans="14:14">
      <c r="N1027292" s="10"/>
    </row>
    <row r="1027293" spans="14:14">
      <c r="N1027293" s="10"/>
    </row>
    <row r="1027294" spans="14:14">
      <c r="N1027294" s="10"/>
    </row>
    <row r="1027295" spans="14:14">
      <c r="N1027295" s="10"/>
    </row>
    <row r="1027296" spans="14:14">
      <c r="N1027296" s="10"/>
    </row>
    <row r="1027297" spans="14:14">
      <c r="N1027297" s="10"/>
    </row>
    <row r="1027298" spans="14:14">
      <c r="N1027298" s="10"/>
    </row>
    <row r="1027299" spans="14:14">
      <c r="N1027299" s="10"/>
    </row>
    <row r="1027300" spans="14:14">
      <c r="N1027300" s="10"/>
    </row>
    <row r="1027301" spans="14:14">
      <c r="N1027301" s="10"/>
    </row>
    <row r="1027302" spans="14:14">
      <c r="N1027302" s="10"/>
    </row>
    <row r="1027303" spans="14:14">
      <c r="N1027303" s="10"/>
    </row>
    <row r="1027304" spans="14:14">
      <c r="N1027304" s="10"/>
    </row>
    <row r="1027305" spans="14:14">
      <c r="N1027305" s="10"/>
    </row>
    <row r="1027306" spans="14:14">
      <c r="N1027306" s="10"/>
    </row>
    <row r="1027307" spans="14:14">
      <c r="N1027307" s="10"/>
    </row>
    <row r="1027308" spans="14:14">
      <c r="N1027308" s="10"/>
    </row>
    <row r="1027309" spans="14:14">
      <c r="N1027309" s="10"/>
    </row>
    <row r="1027310" spans="14:14">
      <c r="N1027310" s="10"/>
    </row>
    <row r="1027311" spans="14:14">
      <c r="N1027311" s="10"/>
    </row>
    <row r="1027312" spans="14:14">
      <c r="N1027312" s="10"/>
    </row>
    <row r="1027313" spans="14:14">
      <c r="N1027313" s="10"/>
    </row>
    <row r="1027314" spans="14:14">
      <c r="N1027314" s="10"/>
    </row>
    <row r="1027315" spans="14:14">
      <c r="N1027315" s="10"/>
    </row>
    <row r="1027316" spans="14:14">
      <c r="N1027316" s="10"/>
    </row>
    <row r="1027317" spans="14:14">
      <c r="N1027317" s="10"/>
    </row>
    <row r="1027318" spans="14:14">
      <c r="N1027318" s="10"/>
    </row>
    <row r="1027319" spans="14:14">
      <c r="N1027319" s="10"/>
    </row>
    <row r="1027320" spans="14:14">
      <c r="N1027320" s="10"/>
    </row>
    <row r="1027321" spans="14:14">
      <c r="N1027321" s="10"/>
    </row>
    <row r="1027322" spans="14:14">
      <c r="N1027322" s="10"/>
    </row>
    <row r="1027323" spans="14:14">
      <c r="N1027323" s="10"/>
    </row>
    <row r="1027324" spans="14:14">
      <c r="N1027324" s="10"/>
    </row>
    <row r="1027325" spans="14:14">
      <c r="N1027325" s="10"/>
    </row>
    <row r="1027326" spans="14:14">
      <c r="N1027326" s="10"/>
    </row>
    <row r="1027327" spans="14:14">
      <c r="N1027327" s="10"/>
    </row>
    <row r="1027328" spans="14:14">
      <c r="N1027328" s="10"/>
    </row>
    <row r="1027329" spans="14:14">
      <c r="N1027329" s="10"/>
    </row>
    <row r="1027330" spans="14:14">
      <c r="N1027330" s="10"/>
    </row>
    <row r="1027331" spans="14:14">
      <c r="N1027331" s="10"/>
    </row>
    <row r="1027332" spans="14:14">
      <c r="N1027332" s="10"/>
    </row>
    <row r="1027333" spans="14:14">
      <c r="N1027333" s="10"/>
    </row>
    <row r="1027334" spans="14:14">
      <c r="N1027334" s="10"/>
    </row>
    <row r="1027335" spans="14:14">
      <c r="N1027335" s="10"/>
    </row>
    <row r="1027336" spans="14:14">
      <c r="N1027336" s="10"/>
    </row>
    <row r="1027337" spans="14:14">
      <c r="N1027337" s="10"/>
    </row>
    <row r="1027338" spans="14:14">
      <c r="N1027338" s="10"/>
    </row>
    <row r="1027339" spans="14:14">
      <c r="N1027339" s="10"/>
    </row>
    <row r="1027340" spans="14:14">
      <c r="N1027340" s="10"/>
    </row>
    <row r="1027341" spans="14:14">
      <c r="N1027341" s="10"/>
    </row>
    <row r="1027342" spans="14:14">
      <c r="N1027342" s="10"/>
    </row>
    <row r="1027343" spans="14:14">
      <c r="N1027343" s="10"/>
    </row>
    <row r="1027344" spans="14:14">
      <c r="N1027344" s="10"/>
    </row>
    <row r="1027345" spans="14:14">
      <c r="N1027345" s="10"/>
    </row>
    <row r="1027346" spans="14:14">
      <c r="N1027346" s="10"/>
    </row>
    <row r="1027347" spans="14:14">
      <c r="N1027347" s="10"/>
    </row>
    <row r="1027348" spans="14:14">
      <c r="N1027348" s="10"/>
    </row>
    <row r="1027349" spans="14:14">
      <c r="N1027349" s="10"/>
    </row>
    <row r="1027350" spans="14:14">
      <c r="N1027350" s="10"/>
    </row>
    <row r="1027351" spans="14:14">
      <c r="N1027351" s="10"/>
    </row>
    <row r="1027352" spans="14:14">
      <c r="N1027352" s="10"/>
    </row>
    <row r="1027353" spans="14:14">
      <c r="N1027353" s="10"/>
    </row>
    <row r="1027354" spans="14:14">
      <c r="N1027354" s="10"/>
    </row>
    <row r="1027355" spans="14:14">
      <c r="N1027355" s="10"/>
    </row>
    <row r="1027356" spans="14:14">
      <c r="N1027356" s="10"/>
    </row>
    <row r="1027357" spans="14:14">
      <c r="N1027357" s="10"/>
    </row>
    <row r="1027358" spans="14:14">
      <c r="N1027358" s="10"/>
    </row>
    <row r="1027359" spans="14:14">
      <c r="N1027359" s="10"/>
    </row>
    <row r="1027360" spans="14:14">
      <c r="N1027360" s="10"/>
    </row>
    <row r="1027361" spans="14:14">
      <c r="N1027361" s="10"/>
    </row>
    <row r="1027362" spans="14:14">
      <c r="N1027362" s="10"/>
    </row>
    <row r="1027363" spans="14:14">
      <c r="N1027363" s="10"/>
    </row>
    <row r="1027364" spans="14:14">
      <c r="N1027364" s="10"/>
    </row>
    <row r="1027365" spans="14:14">
      <c r="N1027365" s="10"/>
    </row>
    <row r="1027366" spans="14:14">
      <c r="N1027366" s="10"/>
    </row>
    <row r="1027367" spans="14:14">
      <c r="N1027367" s="10"/>
    </row>
    <row r="1027368" spans="14:14">
      <c r="N1027368" s="10"/>
    </row>
    <row r="1027369" spans="14:14">
      <c r="N1027369" s="10"/>
    </row>
    <row r="1027370" spans="14:14">
      <c r="N1027370" s="10"/>
    </row>
    <row r="1027371" spans="14:14">
      <c r="N1027371" s="10"/>
    </row>
    <row r="1027372" spans="14:14">
      <c r="N1027372" s="10"/>
    </row>
    <row r="1027373" spans="14:14">
      <c r="N1027373" s="10"/>
    </row>
    <row r="1027374" spans="14:14">
      <c r="N1027374" s="10"/>
    </row>
    <row r="1027375" spans="14:14">
      <c r="N1027375" s="10"/>
    </row>
    <row r="1027376" spans="14:14">
      <c r="N1027376" s="10"/>
    </row>
    <row r="1027377" spans="14:14">
      <c r="N1027377" s="10"/>
    </row>
    <row r="1027378" spans="14:14">
      <c r="N1027378" s="10"/>
    </row>
    <row r="1027379" spans="14:14">
      <c r="N1027379" s="10"/>
    </row>
    <row r="1027380" spans="14:14">
      <c r="N1027380" s="10"/>
    </row>
    <row r="1027381" spans="14:14">
      <c r="N1027381" s="10"/>
    </row>
    <row r="1027382" spans="14:14">
      <c r="N1027382" s="10"/>
    </row>
    <row r="1027383" spans="14:14">
      <c r="N1027383" s="10"/>
    </row>
    <row r="1027384" spans="14:14">
      <c r="N1027384" s="10"/>
    </row>
    <row r="1027385" spans="14:14">
      <c r="N1027385" s="10"/>
    </row>
    <row r="1027386" spans="14:14">
      <c r="N1027386" s="10"/>
    </row>
    <row r="1027387" spans="14:14">
      <c r="N1027387" s="10"/>
    </row>
    <row r="1027388" spans="14:14">
      <c r="N1027388" s="10"/>
    </row>
    <row r="1027389" spans="14:14">
      <c r="N1027389" s="10"/>
    </row>
    <row r="1027390" spans="14:14">
      <c r="N1027390" s="10"/>
    </row>
    <row r="1027391" spans="14:14">
      <c r="N1027391" s="10"/>
    </row>
    <row r="1027392" spans="14:14">
      <c r="N1027392" s="10"/>
    </row>
    <row r="1027393" spans="14:14">
      <c r="N1027393" s="10"/>
    </row>
    <row r="1027394" spans="14:14">
      <c r="N1027394" s="10"/>
    </row>
    <row r="1027395" spans="14:14">
      <c r="N1027395" s="10"/>
    </row>
    <row r="1027396" spans="14:14">
      <c r="N1027396" s="10"/>
    </row>
    <row r="1027397" spans="14:14">
      <c r="N1027397" s="10"/>
    </row>
    <row r="1027398" spans="14:14">
      <c r="N1027398" s="10"/>
    </row>
    <row r="1027399" spans="14:14">
      <c r="N1027399" s="10"/>
    </row>
    <row r="1027400" spans="14:14">
      <c r="N1027400" s="10"/>
    </row>
    <row r="1027401" spans="14:14">
      <c r="N1027401" s="10"/>
    </row>
    <row r="1027402" spans="14:14">
      <c r="N1027402" s="10"/>
    </row>
    <row r="1027403" spans="14:14">
      <c r="N1027403" s="10"/>
    </row>
    <row r="1027404" spans="14:14">
      <c r="N1027404" s="10"/>
    </row>
    <row r="1027405" spans="14:14">
      <c r="N1027405" s="10"/>
    </row>
    <row r="1027406" spans="14:14">
      <c r="N1027406" s="10"/>
    </row>
    <row r="1027407" spans="14:14">
      <c r="N1027407" s="10"/>
    </row>
    <row r="1027408" spans="14:14">
      <c r="N1027408" s="10"/>
    </row>
    <row r="1027409" spans="14:14">
      <c r="N1027409" s="10"/>
    </row>
    <row r="1027410" spans="14:14">
      <c r="N1027410" s="10"/>
    </row>
    <row r="1027411" spans="14:14">
      <c r="N1027411" s="10"/>
    </row>
    <row r="1027412" spans="14:14">
      <c r="N1027412" s="10"/>
    </row>
    <row r="1027413" spans="14:14">
      <c r="N1027413" s="10"/>
    </row>
    <row r="1027414" spans="14:14">
      <c r="N1027414" s="10"/>
    </row>
    <row r="1027415" spans="14:14">
      <c r="N1027415" s="10"/>
    </row>
    <row r="1027416" spans="14:14">
      <c r="N1027416" s="10"/>
    </row>
    <row r="1027417" spans="14:14">
      <c r="N1027417" s="10"/>
    </row>
    <row r="1027418" spans="14:14">
      <c r="N1027418" s="10"/>
    </row>
    <row r="1027419" spans="14:14">
      <c r="N1027419" s="10"/>
    </row>
    <row r="1027420" spans="14:14">
      <c r="N1027420" s="10"/>
    </row>
    <row r="1027421" spans="14:14">
      <c r="N1027421" s="10"/>
    </row>
    <row r="1027422" spans="14:14">
      <c r="N1027422" s="10"/>
    </row>
    <row r="1027423" spans="14:14">
      <c r="N1027423" s="10"/>
    </row>
    <row r="1027424" spans="14:14">
      <c r="N1027424" s="10"/>
    </row>
    <row r="1027425" spans="14:14">
      <c r="N1027425" s="10"/>
    </row>
    <row r="1027426" spans="14:14">
      <c r="N1027426" s="10"/>
    </row>
    <row r="1027427" spans="14:14">
      <c r="N1027427" s="10"/>
    </row>
    <row r="1027428" spans="14:14">
      <c r="N1027428" s="10"/>
    </row>
    <row r="1027429" spans="14:14">
      <c r="N1027429" s="10"/>
    </row>
    <row r="1027430" spans="14:14">
      <c r="N1027430" s="10"/>
    </row>
    <row r="1027431" spans="14:14">
      <c r="N1027431" s="10"/>
    </row>
    <row r="1027432" spans="14:14">
      <c r="N1027432" s="10"/>
    </row>
    <row r="1027433" spans="14:14">
      <c r="N1027433" s="10"/>
    </row>
    <row r="1027434" spans="14:14">
      <c r="N1027434" s="10"/>
    </row>
    <row r="1027435" spans="14:14">
      <c r="N1027435" s="10"/>
    </row>
    <row r="1027436" spans="14:14">
      <c r="N1027436" s="10"/>
    </row>
    <row r="1027437" spans="14:14">
      <c r="N1027437" s="10"/>
    </row>
    <row r="1027438" spans="14:14">
      <c r="N1027438" s="10"/>
    </row>
    <row r="1027439" spans="14:14">
      <c r="N1027439" s="10"/>
    </row>
    <row r="1027440" spans="14:14">
      <c r="N1027440" s="10"/>
    </row>
    <row r="1027441" spans="14:14">
      <c r="N1027441" s="10"/>
    </row>
    <row r="1027442" spans="14:14">
      <c r="N1027442" s="10"/>
    </row>
    <row r="1027443" spans="14:14">
      <c r="N1027443" s="10"/>
    </row>
    <row r="1027444" spans="14:14">
      <c r="N1027444" s="10"/>
    </row>
    <row r="1027445" spans="14:14">
      <c r="N1027445" s="10"/>
    </row>
    <row r="1027446" spans="14:14">
      <c r="N1027446" s="10"/>
    </row>
    <row r="1027447" spans="14:14">
      <c r="N1027447" s="10"/>
    </row>
    <row r="1027448" spans="14:14">
      <c r="N1027448" s="10"/>
    </row>
    <row r="1027449" spans="14:14">
      <c r="N1027449" s="10"/>
    </row>
    <row r="1027450" spans="14:14">
      <c r="N1027450" s="10"/>
    </row>
    <row r="1027451" spans="14:14">
      <c r="N1027451" s="10"/>
    </row>
    <row r="1027452" spans="14:14">
      <c r="N1027452" s="10"/>
    </row>
    <row r="1027453" spans="14:14">
      <c r="N1027453" s="10"/>
    </row>
    <row r="1027454" spans="14:14">
      <c r="N1027454" s="10"/>
    </row>
    <row r="1027455" spans="14:14">
      <c r="N1027455" s="10"/>
    </row>
    <row r="1027456" spans="14:14">
      <c r="N1027456" s="10"/>
    </row>
    <row r="1027457" spans="14:14">
      <c r="N1027457" s="10"/>
    </row>
    <row r="1027458" spans="14:14">
      <c r="N1027458" s="10"/>
    </row>
    <row r="1027459" spans="14:14">
      <c r="N1027459" s="10"/>
    </row>
    <row r="1027460" spans="14:14">
      <c r="N1027460" s="10"/>
    </row>
    <row r="1027461" spans="14:14">
      <c r="N1027461" s="10"/>
    </row>
    <row r="1027462" spans="14:14">
      <c r="N1027462" s="10"/>
    </row>
    <row r="1027463" spans="14:14">
      <c r="N1027463" s="10"/>
    </row>
    <row r="1027464" spans="14:14">
      <c r="N1027464" s="10"/>
    </row>
    <row r="1027465" spans="14:14">
      <c r="N1027465" s="10"/>
    </row>
    <row r="1027466" spans="14:14">
      <c r="N1027466" s="10"/>
    </row>
    <row r="1027467" spans="14:14">
      <c r="N1027467" s="10"/>
    </row>
    <row r="1027468" spans="14:14">
      <c r="N1027468" s="10"/>
    </row>
    <row r="1027469" spans="14:14">
      <c r="N1027469" s="10"/>
    </row>
    <row r="1027470" spans="14:14">
      <c r="N1027470" s="10"/>
    </row>
    <row r="1027471" spans="14:14">
      <c r="N1027471" s="10"/>
    </row>
    <row r="1027472" spans="14:14">
      <c r="N1027472" s="10"/>
    </row>
    <row r="1027473" spans="14:14">
      <c r="N1027473" s="10"/>
    </row>
    <row r="1027474" spans="14:14">
      <c r="N1027474" s="10"/>
    </row>
    <row r="1027475" spans="14:14">
      <c r="N1027475" s="10"/>
    </row>
    <row r="1027476" spans="14:14">
      <c r="N1027476" s="10"/>
    </row>
    <row r="1027477" spans="14:14">
      <c r="N1027477" s="10"/>
    </row>
    <row r="1027478" spans="14:14">
      <c r="N1027478" s="10"/>
    </row>
    <row r="1027479" spans="14:14">
      <c r="N1027479" s="10"/>
    </row>
    <row r="1027480" spans="14:14">
      <c r="N1027480" s="10"/>
    </row>
    <row r="1027481" spans="14:14">
      <c r="N1027481" s="10"/>
    </row>
    <row r="1027482" spans="14:14">
      <c r="N1027482" s="10"/>
    </row>
    <row r="1027483" spans="14:14">
      <c r="N1027483" s="10"/>
    </row>
    <row r="1027484" spans="14:14">
      <c r="N1027484" s="10"/>
    </row>
    <row r="1027485" spans="14:14">
      <c r="N1027485" s="10"/>
    </row>
    <row r="1027486" spans="14:14">
      <c r="N1027486" s="10"/>
    </row>
    <row r="1027487" spans="14:14">
      <c r="N1027487" s="10"/>
    </row>
    <row r="1027488" spans="14:14">
      <c r="N1027488" s="10"/>
    </row>
    <row r="1027489" spans="14:14">
      <c r="N1027489" s="10"/>
    </row>
    <row r="1027490" spans="14:14">
      <c r="N1027490" s="10"/>
    </row>
    <row r="1027491" spans="14:14">
      <c r="N1027491" s="10"/>
    </row>
    <row r="1027492" spans="14:14">
      <c r="N1027492" s="10"/>
    </row>
    <row r="1027493" spans="14:14">
      <c r="N1027493" s="10"/>
    </row>
    <row r="1027494" spans="14:14">
      <c r="N1027494" s="10"/>
    </row>
    <row r="1027495" spans="14:14">
      <c r="N1027495" s="10"/>
    </row>
    <row r="1027496" spans="14:14">
      <c r="N1027496" s="10"/>
    </row>
    <row r="1027497" spans="14:14">
      <c r="N1027497" s="10"/>
    </row>
    <row r="1027498" spans="14:14">
      <c r="N1027498" s="10"/>
    </row>
    <row r="1027499" spans="14:14">
      <c r="N1027499" s="10"/>
    </row>
    <row r="1027500" spans="14:14">
      <c r="N1027500" s="10"/>
    </row>
    <row r="1027501" spans="14:14">
      <c r="N1027501" s="10"/>
    </row>
    <row r="1027502" spans="14:14">
      <c r="N1027502" s="10"/>
    </row>
    <row r="1027503" spans="14:14">
      <c r="N1027503" s="10"/>
    </row>
    <row r="1027504" spans="14:14">
      <c r="N1027504" s="10"/>
    </row>
    <row r="1027505" spans="14:14">
      <c r="N1027505" s="10"/>
    </row>
    <row r="1027506" spans="14:14">
      <c r="N1027506" s="10"/>
    </row>
    <row r="1027507" spans="14:14">
      <c r="N1027507" s="10"/>
    </row>
    <row r="1027508" spans="14:14">
      <c r="N1027508" s="10"/>
    </row>
    <row r="1027509" spans="14:14">
      <c r="N1027509" s="10"/>
    </row>
    <row r="1027510" spans="14:14">
      <c r="N1027510" s="10"/>
    </row>
    <row r="1027511" spans="14:14">
      <c r="N1027511" s="10"/>
    </row>
    <row r="1027512" spans="14:14">
      <c r="N1027512" s="10"/>
    </row>
    <row r="1027513" spans="14:14">
      <c r="N1027513" s="10"/>
    </row>
    <row r="1027514" spans="14:14">
      <c r="N1027514" s="10"/>
    </row>
    <row r="1027515" spans="14:14">
      <c r="N1027515" s="10"/>
    </row>
    <row r="1027516" spans="14:14">
      <c r="N1027516" s="10"/>
    </row>
    <row r="1027517" spans="14:14">
      <c r="N1027517" s="10"/>
    </row>
    <row r="1027518" spans="14:14">
      <c r="N1027518" s="10"/>
    </row>
    <row r="1027519" spans="14:14">
      <c r="N1027519" s="10"/>
    </row>
    <row r="1027520" spans="14:14">
      <c r="N1027520" s="10"/>
    </row>
    <row r="1027521" spans="14:14">
      <c r="N1027521" s="10"/>
    </row>
    <row r="1027522" spans="14:14">
      <c r="N1027522" s="10"/>
    </row>
    <row r="1027523" spans="14:14">
      <c r="N1027523" s="10"/>
    </row>
    <row r="1027524" spans="14:14">
      <c r="N1027524" s="10"/>
    </row>
    <row r="1027525" spans="14:14">
      <c r="N1027525" s="10"/>
    </row>
    <row r="1027526" spans="14:14">
      <c r="N1027526" s="10"/>
    </row>
    <row r="1027527" spans="14:14">
      <c r="N1027527" s="10"/>
    </row>
    <row r="1027528" spans="14:14">
      <c r="N1027528" s="10"/>
    </row>
    <row r="1027529" spans="14:14">
      <c r="N1027529" s="10"/>
    </row>
    <row r="1027530" spans="14:14">
      <c r="N1027530" s="10"/>
    </row>
    <row r="1027531" spans="14:14">
      <c r="N1027531" s="10"/>
    </row>
    <row r="1027532" spans="14:14">
      <c r="N1027532" s="10"/>
    </row>
    <row r="1027533" spans="14:14">
      <c r="N1027533" s="10"/>
    </row>
    <row r="1027534" spans="14:14">
      <c r="N1027534" s="10"/>
    </row>
    <row r="1027535" spans="14:14">
      <c r="N1027535" s="10"/>
    </row>
    <row r="1027536" spans="14:14">
      <c r="N1027536" s="10"/>
    </row>
    <row r="1027537" spans="14:14">
      <c r="N1027537" s="10"/>
    </row>
    <row r="1027538" spans="14:14">
      <c r="N1027538" s="10"/>
    </row>
    <row r="1027539" spans="14:14">
      <c r="N1027539" s="10"/>
    </row>
    <row r="1027540" spans="14:14">
      <c r="N1027540" s="10"/>
    </row>
    <row r="1027541" spans="14:14">
      <c r="N1027541" s="10"/>
    </row>
    <row r="1027542" spans="14:14">
      <c r="N1027542" s="10"/>
    </row>
    <row r="1027543" spans="14:14">
      <c r="N1027543" s="10"/>
    </row>
    <row r="1027544" spans="14:14">
      <c r="N1027544" s="10"/>
    </row>
    <row r="1027545" spans="14:14">
      <c r="N1027545" s="10"/>
    </row>
    <row r="1027546" spans="14:14">
      <c r="N1027546" s="10"/>
    </row>
    <row r="1027547" spans="14:14">
      <c r="N1027547" s="10"/>
    </row>
    <row r="1027548" spans="14:14">
      <c r="N1027548" s="10"/>
    </row>
    <row r="1027549" spans="14:14">
      <c r="N1027549" s="10"/>
    </row>
    <row r="1027550" spans="14:14">
      <c r="N1027550" s="10"/>
    </row>
    <row r="1027551" spans="14:14">
      <c r="N1027551" s="10"/>
    </row>
    <row r="1027552" spans="14:14">
      <c r="N1027552" s="10"/>
    </row>
    <row r="1027553" spans="14:14">
      <c r="N1027553" s="10"/>
    </row>
    <row r="1027554" spans="14:14">
      <c r="N1027554" s="10"/>
    </row>
    <row r="1027555" spans="14:14">
      <c r="N1027555" s="10"/>
    </row>
    <row r="1027556" spans="14:14">
      <c r="N1027556" s="10"/>
    </row>
    <row r="1027557" spans="14:14">
      <c r="N1027557" s="10"/>
    </row>
    <row r="1027558" spans="14:14">
      <c r="N1027558" s="10"/>
    </row>
    <row r="1027559" spans="14:14">
      <c r="N1027559" s="10"/>
    </row>
    <row r="1027560" spans="14:14">
      <c r="N1027560" s="10"/>
    </row>
    <row r="1027561" spans="14:14">
      <c r="N1027561" s="10"/>
    </row>
    <row r="1027562" spans="14:14">
      <c r="N1027562" s="10"/>
    </row>
    <row r="1027563" spans="14:14">
      <c r="N1027563" s="10"/>
    </row>
    <row r="1027564" spans="14:14">
      <c r="N1027564" s="10"/>
    </row>
    <row r="1027565" spans="14:14">
      <c r="N1027565" s="10"/>
    </row>
    <row r="1027566" spans="14:14">
      <c r="N1027566" s="10"/>
    </row>
    <row r="1027567" spans="14:14">
      <c r="N1027567" s="10"/>
    </row>
    <row r="1027568" spans="14:14">
      <c r="N1027568" s="10"/>
    </row>
    <row r="1027569" spans="14:14">
      <c r="N1027569" s="10"/>
    </row>
    <row r="1027570" spans="14:14">
      <c r="N1027570" s="10"/>
    </row>
    <row r="1027571" spans="14:14">
      <c r="N1027571" s="10"/>
    </row>
    <row r="1027572" spans="14:14">
      <c r="N1027572" s="10"/>
    </row>
    <row r="1027573" spans="14:14">
      <c r="N1027573" s="10"/>
    </row>
    <row r="1027574" spans="14:14">
      <c r="N1027574" s="10"/>
    </row>
    <row r="1027575" spans="14:14">
      <c r="N1027575" s="10"/>
    </row>
    <row r="1027576" spans="14:14">
      <c r="N1027576" s="10"/>
    </row>
    <row r="1027577" spans="14:14">
      <c r="N1027577" s="10"/>
    </row>
    <row r="1027578" spans="14:14">
      <c r="N1027578" s="10"/>
    </row>
    <row r="1027579" spans="14:14">
      <c r="N1027579" s="10"/>
    </row>
    <row r="1027580" spans="14:14">
      <c r="N1027580" s="10"/>
    </row>
    <row r="1027581" spans="14:14">
      <c r="N1027581" s="10"/>
    </row>
    <row r="1027582" spans="14:14">
      <c r="N1027582" s="10"/>
    </row>
    <row r="1027583" spans="14:14">
      <c r="N1027583" s="10"/>
    </row>
    <row r="1027584" spans="14:14">
      <c r="N1027584" s="10"/>
    </row>
    <row r="1027585" spans="14:14">
      <c r="N1027585" s="10"/>
    </row>
    <row r="1027586" spans="14:14">
      <c r="N1027586" s="10"/>
    </row>
    <row r="1027587" spans="14:14">
      <c r="N1027587" s="10"/>
    </row>
    <row r="1027588" spans="14:14">
      <c r="N1027588" s="10"/>
    </row>
    <row r="1027589" spans="14:14">
      <c r="N1027589" s="10"/>
    </row>
    <row r="1027590" spans="14:14">
      <c r="N1027590" s="10"/>
    </row>
    <row r="1027591" spans="14:14">
      <c r="N1027591" s="10"/>
    </row>
    <row r="1027592" spans="14:14">
      <c r="N1027592" s="10"/>
    </row>
    <row r="1027593" spans="14:14">
      <c r="N1027593" s="10"/>
    </row>
    <row r="1027594" spans="14:14">
      <c r="N1027594" s="10"/>
    </row>
    <row r="1027595" spans="14:14">
      <c r="N1027595" s="10"/>
    </row>
    <row r="1027596" spans="14:14">
      <c r="N1027596" s="10"/>
    </row>
    <row r="1027597" spans="14:14">
      <c r="N1027597" s="10"/>
    </row>
    <row r="1027598" spans="14:14">
      <c r="N1027598" s="10"/>
    </row>
    <row r="1027599" spans="14:14">
      <c r="N1027599" s="10"/>
    </row>
    <row r="1027600" spans="14:14">
      <c r="N1027600" s="10"/>
    </row>
    <row r="1027601" spans="14:14">
      <c r="N1027601" s="10"/>
    </row>
    <row r="1027602" spans="14:14">
      <c r="N1027602" s="10"/>
    </row>
    <row r="1027603" spans="14:14">
      <c r="N1027603" s="10"/>
    </row>
    <row r="1027604" spans="14:14">
      <c r="N1027604" s="10"/>
    </row>
    <row r="1027605" spans="14:14">
      <c r="N1027605" s="10"/>
    </row>
    <row r="1027606" spans="14:14">
      <c r="N1027606" s="10"/>
    </row>
    <row r="1027607" spans="14:14">
      <c r="N1027607" s="10"/>
    </row>
    <row r="1027608" spans="14:14">
      <c r="N1027608" s="10"/>
    </row>
    <row r="1027609" spans="14:14">
      <c r="N1027609" s="10"/>
    </row>
    <row r="1027610" spans="14:14">
      <c r="N1027610" s="10"/>
    </row>
    <row r="1027611" spans="14:14">
      <c r="N1027611" s="10"/>
    </row>
    <row r="1027612" spans="14:14">
      <c r="N1027612" s="10"/>
    </row>
    <row r="1027613" spans="14:14">
      <c r="N1027613" s="10"/>
    </row>
    <row r="1027614" spans="14:14">
      <c r="N1027614" s="10"/>
    </row>
    <row r="1027615" spans="14:14">
      <c r="N1027615" s="10"/>
    </row>
    <row r="1027616" spans="14:14">
      <c r="N1027616" s="10"/>
    </row>
    <row r="1027617" spans="14:14">
      <c r="N1027617" s="10"/>
    </row>
    <row r="1027618" spans="14:14">
      <c r="N1027618" s="10"/>
    </row>
    <row r="1027619" spans="14:14">
      <c r="N1027619" s="10"/>
    </row>
    <row r="1027620" spans="14:14">
      <c r="N1027620" s="10"/>
    </row>
    <row r="1027621" spans="14:14">
      <c r="N1027621" s="10"/>
    </row>
    <row r="1027622" spans="14:14">
      <c r="N1027622" s="10"/>
    </row>
    <row r="1027623" spans="14:14">
      <c r="N1027623" s="10"/>
    </row>
    <row r="1027624" spans="14:14">
      <c r="N1027624" s="10"/>
    </row>
    <row r="1027625" spans="14:14">
      <c r="N1027625" s="10"/>
    </row>
    <row r="1027626" spans="14:14">
      <c r="N1027626" s="10"/>
    </row>
    <row r="1027627" spans="14:14">
      <c r="N1027627" s="10"/>
    </row>
    <row r="1027628" spans="14:14">
      <c r="N1027628" s="10"/>
    </row>
    <row r="1027629" spans="14:14">
      <c r="N1027629" s="10"/>
    </row>
    <row r="1027630" spans="14:14">
      <c r="N1027630" s="10"/>
    </row>
    <row r="1027631" spans="14:14">
      <c r="N1027631" s="10"/>
    </row>
    <row r="1027632" spans="14:14">
      <c r="N1027632" s="10"/>
    </row>
    <row r="1027633" spans="14:14">
      <c r="N1027633" s="10"/>
    </row>
    <row r="1027634" spans="14:14">
      <c r="N1027634" s="10"/>
    </row>
    <row r="1027635" spans="14:14">
      <c r="N1027635" s="10"/>
    </row>
    <row r="1027636" spans="14:14">
      <c r="N1027636" s="10"/>
    </row>
    <row r="1027637" spans="14:14">
      <c r="N1027637" s="10"/>
    </row>
    <row r="1027638" spans="14:14">
      <c r="N1027638" s="10"/>
    </row>
    <row r="1027639" spans="14:14">
      <c r="N1027639" s="10"/>
    </row>
    <row r="1027640" spans="14:14">
      <c r="N1027640" s="10"/>
    </row>
    <row r="1027641" spans="14:14">
      <c r="N1027641" s="10"/>
    </row>
    <row r="1027642" spans="14:14">
      <c r="N1027642" s="10"/>
    </row>
    <row r="1027643" spans="14:14">
      <c r="N1027643" s="10"/>
    </row>
    <row r="1027644" spans="14:14">
      <c r="N1027644" s="10"/>
    </row>
    <row r="1027645" spans="14:14">
      <c r="N1027645" s="10"/>
    </row>
    <row r="1027646" spans="14:14">
      <c r="N1027646" s="10"/>
    </row>
    <row r="1027647" spans="14:14">
      <c r="N1027647" s="10"/>
    </row>
    <row r="1027648" spans="14:14">
      <c r="N1027648" s="10"/>
    </row>
    <row r="1027649" spans="14:14">
      <c r="N1027649" s="10"/>
    </row>
    <row r="1027650" spans="14:14">
      <c r="N1027650" s="10"/>
    </row>
    <row r="1027651" spans="14:14">
      <c r="N1027651" s="10"/>
    </row>
    <row r="1027652" spans="14:14">
      <c r="N1027652" s="10"/>
    </row>
    <row r="1027653" spans="14:14">
      <c r="N1027653" s="10"/>
    </row>
    <row r="1027654" spans="14:14">
      <c r="N1027654" s="10"/>
    </row>
    <row r="1027655" spans="14:14">
      <c r="N1027655" s="10"/>
    </row>
    <row r="1027656" spans="14:14">
      <c r="N1027656" s="10"/>
    </row>
    <row r="1027657" spans="14:14">
      <c r="N1027657" s="10"/>
    </row>
    <row r="1027658" spans="14:14">
      <c r="N1027658" s="10"/>
    </row>
    <row r="1027659" spans="14:14">
      <c r="N1027659" s="10"/>
    </row>
    <row r="1027660" spans="14:14">
      <c r="N1027660" s="10"/>
    </row>
    <row r="1027661" spans="14:14">
      <c r="N1027661" s="10"/>
    </row>
    <row r="1027662" spans="14:14">
      <c r="N1027662" s="10"/>
    </row>
    <row r="1027663" spans="14:14">
      <c r="N1027663" s="10"/>
    </row>
    <row r="1027664" spans="14:14">
      <c r="N1027664" s="10"/>
    </row>
    <row r="1027665" spans="14:14">
      <c r="N1027665" s="10"/>
    </row>
    <row r="1027666" spans="14:14">
      <c r="N1027666" s="10"/>
    </row>
    <row r="1027667" spans="14:14">
      <c r="N1027667" s="10"/>
    </row>
    <row r="1027668" spans="14:14">
      <c r="N1027668" s="10"/>
    </row>
    <row r="1027669" spans="14:14">
      <c r="N1027669" s="10"/>
    </row>
    <row r="1027670" spans="14:14">
      <c r="N1027670" s="10"/>
    </row>
    <row r="1027671" spans="14:14">
      <c r="N1027671" s="10"/>
    </row>
    <row r="1027672" spans="14:14">
      <c r="N1027672" s="10"/>
    </row>
    <row r="1027673" spans="14:14">
      <c r="N1027673" s="10"/>
    </row>
    <row r="1027674" spans="14:14">
      <c r="N1027674" s="10"/>
    </row>
    <row r="1027675" spans="14:14">
      <c r="N1027675" s="10"/>
    </row>
    <row r="1027676" spans="14:14">
      <c r="N1027676" s="10"/>
    </row>
    <row r="1027677" spans="14:14">
      <c r="N1027677" s="10"/>
    </row>
    <row r="1027678" spans="14:14">
      <c r="N1027678" s="10"/>
    </row>
    <row r="1027679" spans="14:14">
      <c r="N1027679" s="10"/>
    </row>
    <row r="1027680" spans="14:14">
      <c r="N1027680" s="10"/>
    </row>
    <row r="1027681" spans="14:14">
      <c r="N1027681" s="10"/>
    </row>
    <row r="1027682" spans="14:14">
      <c r="N1027682" s="10"/>
    </row>
    <row r="1027683" spans="14:14">
      <c r="N1027683" s="10"/>
    </row>
    <row r="1027684" spans="14:14">
      <c r="N1027684" s="10"/>
    </row>
    <row r="1027685" spans="14:14">
      <c r="N1027685" s="10"/>
    </row>
    <row r="1027686" spans="14:14">
      <c r="N1027686" s="10"/>
    </row>
    <row r="1027687" spans="14:14">
      <c r="N1027687" s="10"/>
    </row>
    <row r="1027688" spans="14:14">
      <c r="N1027688" s="10"/>
    </row>
    <row r="1027689" spans="14:14">
      <c r="N1027689" s="10"/>
    </row>
    <row r="1027690" spans="14:14">
      <c r="N1027690" s="10"/>
    </row>
    <row r="1027691" spans="14:14">
      <c r="N1027691" s="10"/>
    </row>
    <row r="1027692" spans="14:14">
      <c r="N1027692" s="10"/>
    </row>
    <row r="1027693" spans="14:14">
      <c r="N1027693" s="10"/>
    </row>
    <row r="1027694" spans="14:14">
      <c r="N1027694" s="10"/>
    </row>
    <row r="1027695" spans="14:14">
      <c r="N1027695" s="10"/>
    </row>
    <row r="1027696" spans="14:14">
      <c r="N1027696" s="10"/>
    </row>
    <row r="1027697" spans="14:14">
      <c r="N1027697" s="10"/>
    </row>
    <row r="1027698" spans="14:14">
      <c r="N1027698" s="10"/>
    </row>
    <row r="1027699" spans="14:14">
      <c r="N1027699" s="10"/>
    </row>
    <row r="1027700" spans="14:14">
      <c r="N1027700" s="10"/>
    </row>
    <row r="1027701" spans="14:14">
      <c r="N1027701" s="10"/>
    </row>
    <row r="1027702" spans="14:14">
      <c r="N1027702" s="10"/>
    </row>
    <row r="1027703" spans="14:14">
      <c r="N1027703" s="10"/>
    </row>
    <row r="1027704" spans="14:14">
      <c r="N1027704" s="10"/>
    </row>
    <row r="1027705" spans="14:14">
      <c r="N1027705" s="10"/>
    </row>
    <row r="1027706" spans="14:14">
      <c r="N1027706" s="10"/>
    </row>
    <row r="1027707" spans="14:14">
      <c r="N1027707" s="10"/>
    </row>
    <row r="1027708" spans="14:14">
      <c r="N1027708" s="10"/>
    </row>
    <row r="1027709" spans="14:14">
      <c r="N1027709" s="10"/>
    </row>
    <row r="1027710" spans="14:14">
      <c r="N1027710" s="10"/>
    </row>
    <row r="1027711" spans="14:14">
      <c r="N1027711" s="10"/>
    </row>
    <row r="1027712" spans="14:14">
      <c r="N1027712" s="10"/>
    </row>
    <row r="1027713" spans="14:14">
      <c r="N1027713" s="10"/>
    </row>
    <row r="1027714" spans="14:14">
      <c r="N1027714" s="10"/>
    </row>
    <row r="1027715" spans="14:14">
      <c r="N1027715" s="10"/>
    </row>
    <row r="1027716" spans="14:14">
      <c r="N1027716" s="10"/>
    </row>
    <row r="1027717" spans="14:14">
      <c r="N1027717" s="10"/>
    </row>
    <row r="1027718" spans="14:14">
      <c r="N1027718" s="10"/>
    </row>
    <row r="1027719" spans="14:14">
      <c r="N1027719" s="10"/>
    </row>
    <row r="1027720" spans="14:14">
      <c r="N1027720" s="10"/>
    </row>
    <row r="1027721" spans="14:14">
      <c r="N1027721" s="10"/>
    </row>
    <row r="1027722" spans="14:14">
      <c r="N1027722" s="10"/>
    </row>
    <row r="1027723" spans="14:14">
      <c r="N1027723" s="10"/>
    </row>
    <row r="1027724" spans="14:14">
      <c r="N1027724" s="10"/>
    </row>
    <row r="1027725" spans="14:14">
      <c r="N1027725" s="10"/>
    </row>
    <row r="1027726" spans="14:14">
      <c r="N1027726" s="10"/>
    </row>
    <row r="1027727" spans="14:14">
      <c r="N1027727" s="10"/>
    </row>
    <row r="1027728" spans="14:14">
      <c r="N1027728" s="10"/>
    </row>
    <row r="1027729" spans="14:14">
      <c r="N1027729" s="10"/>
    </row>
    <row r="1027730" spans="14:14">
      <c r="N1027730" s="10"/>
    </row>
    <row r="1027731" spans="14:14">
      <c r="N1027731" s="10"/>
    </row>
    <row r="1027732" spans="14:14">
      <c r="N1027732" s="10"/>
    </row>
    <row r="1027733" spans="14:14">
      <c r="N1027733" s="10"/>
    </row>
    <row r="1027734" spans="14:14">
      <c r="N1027734" s="10"/>
    </row>
    <row r="1027735" spans="14:14">
      <c r="N1027735" s="10"/>
    </row>
    <row r="1027736" spans="14:14">
      <c r="N1027736" s="10"/>
    </row>
    <row r="1027737" spans="14:14">
      <c r="N1027737" s="10"/>
    </row>
    <row r="1027738" spans="14:14">
      <c r="N1027738" s="10"/>
    </row>
    <row r="1027739" spans="14:14">
      <c r="N1027739" s="10"/>
    </row>
    <row r="1027740" spans="14:14">
      <c r="N1027740" s="10"/>
    </row>
    <row r="1027741" spans="14:14">
      <c r="N1027741" s="10"/>
    </row>
    <row r="1027742" spans="14:14">
      <c r="N1027742" s="10"/>
    </row>
    <row r="1027743" spans="14:14">
      <c r="N1027743" s="10"/>
    </row>
    <row r="1027744" spans="14:14">
      <c r="N1027744" s="10"/>
    </row>
    <row r="1027745" spans="14:14">
      <c r="N1027745" s="10"/>
    </row>
    <row r="1027746" spans="14:14">
      <c r="N1027746" s="10"/>
    </row>
    <row r="1027747" spans="14:14">
      <c r="N1027747" s="10"/>
    </row>
    <row r="1027748" spans="14:14">
      <c r="N1027748" s="10"/>
    </row>
    <row r="1027749" spans="14:14">
      <c r="N1027749" s="10"/>
    </row>
    <row r="1027750" spans="14:14">
      <c r="N1027750" s="10"/>
    </row>
    <row r="1027751" spans="14:14">
      <c r="N1027751" s="10"/>
    </row>
    <row r="1027752" spans="14:14">
      <c r="N1027752" s="10"/>
    </row>
    <row r="1027753" spans="14:14">
      <c r="N1027753" s="10"/>
    </row>
    <row r="1027754" spans="14:14">
      <c r="N1027754" s="10"/>
    </row>
    <row r="1027755" spans="14:14">
      <c r="N1027755" s="10"/>
    </row>
    <row r="1027756" spans="14:14">
      <c r="N1027756" s="10"/>
    </row>
    <row r="1027757" spans="14:14">
      <c r="N1027757" s="10"/>
    </row>
    <row r="1027758" spans="14:14">
      <c r="N1027758" s="10"/>
    </row>
    <row r="1027759" spans="14:14">
      <c r="N1027759" s="10"/>
    </row>
    <row r="1027760" spans="14:14">
      <c r="N1027760" s="10"/>
    </row>
    <row r="1027761" spans="14:14">
      <c r="N1027761" s="10"/>
    </row>
    <row r="1027762" spans="14:14">
      <c r="N1027762" s="10"/>
    </row>
    <row r="1027763" spans="14:14">
      <c r="N1027763" s="10"/>
    </row>
    <row r="1027764" spans="14:14">
      <c r="N1027764" s="10"/>
    </row>
    <row r="1027765" spans="14:14">
      <c r="N1027765" s="10"/>
    </row>
    <row r="1027766" spans="14:14">
      <c r="N1027766" s="10"/>
    </row>
    <row r="1027767" spans="14:14">
      <c r="N1027767" s="10"/>
    </row>
    <row r="1027768" spans="14:14">
      <c r="N1027768" s="10"/>
    </row>
    <row r="1027769" spans="14:14">
      <c r="N1027769" s="10"/>
    </row>
    <row r="1027770" spans="14:14">
      <c r="N1027770" s="10"/>
    </row>
    <row r="1027771" spans="14:14">
      <c r="N1027771" s="10"/>
    </row>
    <row r="1027772" spans="14:14">
      <c r="N1027772" s="10"/>
    </row>
    <row r="1027773" spans="14:14">
      <c r="N1027773" s="10"/>
    </row>
    <row r="1027774" spans="14:14">
      <c r="N1027774" s="10"/>
    </row>
    <row r="1027775" spans="14:14">
      <c r="N1027775" s="10"/>
    </row>
    <row r="1027776" spans="14:14">
      <c r="N1027776" s="10"/>
    </row>
    <row r="1027777" spans="14:14">
      <c r="N1027777" s="10"/>
    </row>
    <row r="1027778" spans="14:14">
      <c r="N1027778" s="10"/>
    </row>
    <row r="1027779" spans="14:14">
      <c r="N1027779" s="10"/>
    </row>
    <row r="1027780" spans="14:14">
      <c r="N1027780" s="10"/>
    </row>
    <row r="1027781" spans="14:14">
      <c r="N1027781" s="10"/>
    </row>
    <row r="1027782" spans="14:14">
      <c r="N1027782" s="10"/>
    </row>
    <row r="1027783" spans="14:14">
      <c r="N1027783" s="10"/>
    </row>
    <row r="1027784" spans="14:14">
      <c r="N1027784" s="10"/>
    </row>
    <row r="1027785" spans="14:14">
      <c r="N1027785" s="10"/>
    </row>
    <row r="1027786" spans="14:14">
      <c r="N1027786" s="10"/>
    </row>
    <row r="1027787" spans="14:14">
      <c r="N1027787" s="10"/>
    </row>
    <row r="1027788" spans="14:14">
      <c r="N1027788" s="10"/>
    </row>
    <row r="1027789" spans="14:14">
      <c r="N1027789" s="10"/>
    </row>
    <row r="1027790" spans="14:14">
      <c r="N1027790" s="10"/>
    </row>
    <row r="1027791" spans="14:14">
      <c r="N1027791" s="10"/>
    </row>
    <row r="1027792" spans="14:14">
      <c r="N1027792" s="10"/>
    </row>
    <row r="1027793" spans="14:14">
      <c r="N1027793" s="10"/>
    </row>
    <row r="1027794" spans="14:14">
      <c r="N1027794" s="10"/>
    </row>
    <row r="1027795" spans="14:14">
      <c r="N1027795" s="10"/>
    </row>
    <row r="1027796" spans="14:14">
      <c r="N1027796" s="10"/>
    </row>
    <row r="1027797" spans="14:14">
      <c r="N1027797" s="10"/>
    </row>
    <row r="1027798" spans="14:14">
      <c r="N1027798" s="10"/>
    </row>
    <row r="1027799" spans="14:14">
      <c r="N1027799" s="10"/>
    </row>
    <row r="1027800" spans="14:14">
      <c r="N1027800" s="10"/>
    </row>
    <row r="1027801" spans="14:14">
      <c r="N1027801" s="10"/>
    </row>
    <row r="1027802" spans="14:14">
      <c r="N1027802" s="10"/>
    </row>
    <row r="1027803" spans="14:14">
      <c r="N1027803" s="10"/>
    </row>
    <row r="1027804" spans="14:14">
      <c r="N1027804" s="10"/>
    </row>
    <row r="1027805" spans="14:14">
      <c r="N1027805" s="10"/>
    </row>
    <row r="1027806" spans="14:14">
      <c r="N1027806" s="10"/>
    </row>
    <row r="1027807" spans="14:14">
      <c r="N1027807" s="10"/>
    </row>
    <row r="1027808" spans="14:14">
      <c r="N1027808" s="10"/>
    </row>
    <row r="1027809" spans="14:14">
      <c r="N1027809" s="10"/>
    </row>
    <row r="1027810" spans="14:14">
      <c r="N1027810" s="10"/>
    </row>
    <row r="1027811" spans="14:14">
      <c r="N1027811" s="10"/>
    </row>
    <row r="1027812" spans="14:14">
      <c r="N1027812" s="10"/>
    </row>
    <row r="1027813" spans="14:14">
      <c r="N1027813" s="10"/>
    </row>
    <row r="1027814" spans="14:14">
      <c r="N1027814" s="10"/>
    </row>
    <row r="1027815" spans="14:14">
      <c r="N1027815" s="10"/>
    </row>
    <row r="1027816" spans="14:14">
      <c r="N1027816" s="10"/>
    </row>
    <row r="1027817" spans="14:14">
      <c r="N1027817" s="10"/>
    </row>
    <row r="1027818" spans="14:14">
      <c r="N1027818" s="10"/>
    </row>
    <row r="1027819" spans="14:14">
      <c r="N1027819" s="10"/>
    </row>
    <row r="1027820" spans="14:14">
      <c r="N1027820" s="10"/>
    </row>
    <row r="1027821" spans="14:14">
      <c r="N1027821" s="10"/>
    </row>
    <row r="1027822" spans="14:14">
      <c r="N1027822" s="10"/>
    </row>
    <row r="1027823" spans="14:14">
      <c r="N1027823" s="10"/>
    </row>
    <row r="1027824" spans="14:14">
      <c r="N1027824" s="10"/>
    </row>
    <row r="1027825" spans="14:14">
      <c r="N1027825" s="10"/>
    </row>
    <row r="1027826" spans="14:14">
      <c r="N1027826" s="10"/>
    </row>
    <row r="1027827" spans="14:14">
      <c r="N1027827" s="10"/>
    </row>
    <row r="1027828" spans="14:14">
      <c r="N1027828" s="10"/>
    </row>
    <row r="1027829" spans="14:14">
      <c r="N1027829" s="10"/>
    </row>
    <row r="1027830" spans="14:14">
      <c r="N1027830" s="10"/>
    </row>
    <row r="1027831" spans="14:14">
      <c r="N1027831" s="10"/>
    </row>
    <row r="1027832" spans="14:14">
      <c r="N1027832" s="10"/>
    </row>
    <row r="1027833" spans="14:14">
      <c r="N1027833" s="10"/>
    </row>
    <row r="1027834" spans="14:14">
      <c r="N1027834" s="10"/>
    </row>
    <row r="1027835" spans="14:14">
      <c r="N1027835" s="10"/>
    </row>
    <row r="1027836" spans="14:14">
      <c r="N1027836" s="10"/>
    </row>
    <row r="1027837" spans="14:14">
      <c r="N1027837" s="10"/>
    </row>
    <row r="1027838" spans="14:14">
      <c r="N1027838" s="10"/>
    </row>
    <row r="1027839" spans="14:14">
      <c r="N1027839" s="10"/>
    </row>
    <row r="1027840" spans="14:14">
      <c r="N1027840" s="10"/>
    </row>
    <row r="1027841" spans="14:14">
      <c r="N1027841" s="10"/>
    </row>
    <row r="1027842" spans="14:14">
      <c r="N1027842" s="10"/>
    </row>
    <row r="1027843" spans="14:14">
      <c r="N1027843" s="10"/>
    </row>
    <row r="1027844" spans="14:14">
      <c r="N1027844" s="10"/>
    </row>
    <row r="1027845" spans="14:14">
      <c r="N1027845" s="10"/>
    </row>
    <row r="1027846" spans="14:14">
      <c r="N1027846" s="10"/>
    </row>
    <row r="1027847" spans="14:14">
      <c r="N1027847" s="10"/>
    </row>
    <row r="1027848" spans="14:14">
      <c r="N1027848" s="10"/>
    </row>
    <row r="1027849" spans="14:14">
      <c r="N1027849" s="10"/>
    </row>
    <row r="1027850" spans="14:14">
      <c r="N1027850" s="10"/>
    </row>
    <row r="1027851" spans="14:14">
      <c r="N1027851" s="10"/>
    </row>
    <row r="1027852" spans="14:14">
      <c r="N1027852" s="10"/>
    </row>
    <row r="1027853" spans="14:14">
      <c r="N1027853" s="10"/>
    </row>
    <row r="1027854" spans="14:14">
      <c r="N1027854" s="10"/>
    </row>
    <row r="1027855" spans="14:14">
      <c r="N1027855" s="10"/>
    </row>
    <row r="1027856" spans="14:14">
      <c r="N1027856" s="10"/>
    </row>
    <row r="1027857" spans="14:14">
      <c r="N1027857" s="10"/>
    </row>
    <row r="1027858" spans="14:14">
      <c r="N1027858" s="10"/>
    </row>
    <row r="1027859" spans="14:14">
      <c r="N1027859" s="10"/>
    </row>
    <row r="1027860" spans="14:14">
      <c r="N1027860" s="10"/>
    </row>
    <row r="1027861" spans="14:14">
      <c r="N1027861" s="10"/>
    </row>
    <row r="1027862" spans="14:14">
      <c r="N1027862" s="10"/>
    </row>
    <row r="1027863" spans="14:14">
      <c r="N1027863" s="10"/>
    </row>
    <row r="1027864" spans="14:14">
      <c r="N1027864" s="10"/>
    </row>
    <row r="1027865" spans="14:14">
      <c r="N1027865" s="10"/>
    </row>
    <row r="1027866" spans="14:14">
      <c r="N1027866" s="10"/>
    </row>
    <row r="1027867" spans="14:14">
      <c r="N1027867" s="10"/>
    </row>
    <row r="1027868" spans="14:14">
      <c r="N1027868" s="10"/>
    </row>
    <row r="1027869" spans="14:14">
      <c r="N1027869" s="10"/>
    </row>
    <row r="1027870" spans="14:14">
      <c r="N1027870" s="10"/>
    </row>
    <row r="1027871" spans="14:14">
      <c r="N1027871" s="10"/>
    </row>
    <row r="1027872" spans="14:14">
      <c r="N1027872" s="10"/>
    </row>
    <row r="1027873" spans="14:14">
      <c r="N1027873" s="10"/>
    </row>
    <row r="1027874" spans="14:14">
      <c r="N1027874" s="10"/>
    </row>
    <row r="1027875" spans="14:14">
      <c r="N1027875" s="10"/>
    </row>
    <row r="1027876" spans="14:14">
      <c r="N1027876" s="10"/>
    </row>
    <row r="1027877" spans="14:14">
      <c r="N1027877" s="10"/>
    </row>
    <row r="1027878" spans="14:14">
      <c r="N1027878" s="10"/>
    </row>
    <row r="1027879" spans="14:14">
      <c r="N1027879" s="10"/>
    </row>
    <row r="1027880" spans="14:14">
      <c r="N1027880" s="10"/>
    </row>
    <row r="1027881" spans="14:14">
      <c r="N1027881" s="10"/>
    </row>
    <row r="1027882" spans="14:14">
      <c r="N1027882" s="10"/>
    </row>
    <row r="1027883" spans="14:14">
      <c r="N1027883" s="10"/>
    </row>
    <row r="1027884" spans="14:14">
      <c r="N1027884" s="10"/>
    </row>
    <row r="1027885" spans="14:14">
      <c r="N1027885" s="10"/>
    </row>
    <row r="1027886" spans="14:14">
      <c r="N1027886" s="10"/>
    </row>
    <row r="1027887" spans="14:14">
      <c r="N1027887" s="10"/>
    </row>
    <row r="1027888" spans="14:14">
      <c r="N1027888" s="10"/>
    </row>
    <row r="1027889" spans="14:14">
      <c r="N1027889" s="10"/>
    </row>
    <row r="1027890" spans="14:14">
      <c r="N1027890" s="10"/>
    </row>
    <row r="1027891" spans="14:14">
      <c r="N1027891" s="10"/>
    </row>
    <row r="1027892" spans="14:14">
      <c r="N1027892" s="10"/>
    </row>
    <row r="1027893" spans="14:14">
      <c r="N1027893" s="10"/>
    </row>
    <row r="1027894" spans="14:14">
      <c r="N1027894" s="10"/>
    </row>
    <row r="1027895" spans="14:14">
      <c r="N1027895" s="10"/>
    </row>
    <row r="1027896" spans="14:14">
      <c r="N1027896" s="10"/>
    </row>
    <row r="1027897" spans="14:14">
      <c r="N1027897" s="10"/>
    </row>
    <row r="1027898" spans="14:14">
      <c r="N1027898" s="10"/>
    </row>
    <row r="1027899" spans="14:14">
      <c r="N1027899" s="10"/>
    </row>
    <row r="1027900" spans="14:14">
      <c r="N1027900" s="10"/>
    </row>
    <row r="1027901" spans="14:14">
      <c r="N1027901" s="10"/>
    </row>
    <row r="1027902" spans="14:14">
      <c r="N1027902" s="10"/>
    </row>
    <row r="1027903" spans="14:14">
      <c r="N1027903" s="10"/>
    </row>
    <row r="1027904" spans="14:14">
      <c r="N1027904" s="10"/>
    </row>
    <row r="1027905" spans="14:14">
      <c r="N1027905" s="10"/>
    </row>
    <row r="1027906" spans="14:14">
      <c r="N1027906" s="10"/>
    </row>
    <row r="1027907" spans="14:14">
      <c r="N1027907" s="10"/>
    </row>
    <row r="1027908" spans="14:14">
      <c r="N1027908" s="10"/>
    </row>
    <row r="1027909" spans="14:14">
      <c r="N1027909" s="10"/>
    </row>
    <row r="1027910" spans="14:14">
      <c r="N1027910" s="10"/>
    </row>
    <row r="1027911" spans="14:14">
      <c r="N1027911" s="10"/>
    </row>
    <row r="1027912" spans="14:14">
      <c r="N1027912" s="10"/>
    </row>
    <row r="1027913" spans="14:14">
      <c r="N1027913" s="10"/>
    </row>
    <row r="1027914" spans="14:14">
      <c r="N1027914" s="10"/>
    </row>
    <row r="1027915" spans="14:14">
      <c r="N1027915" s="10"/>
    </row>
    <row r="1027916" spans="14:14">
      <c r="N1027916" s="10"/>
    </row>
    <row r="1027917" spans="14:14">
      <c r="N1027917" s="10"/>
    </row>
    <row r="1027918" spans="14:14">
      <c r="N1027918" s="10"/>
    </row>
    <row r="1027919" spans="14:14">
      <c r="N1027919" s="10"/>
    </row>
    <row r="1027920" spans="14:14">
      <c r="N1027920" s="10"/>
    </row>
    <row r="1027921" spans="14:14">
      <c r="N1027921" s="10"/>
    </row>
    <row r="1027922" spans="14:14">
      <c r="N1027922" s="10"/>
    </row>
    <row r="1027923" spans="14:14">
      <c r="N1027923" s="10"/>
    </row>
    <row r="1027924" spans="14:14">
      <c r="N1027924" s="10"/>
    </row>
    <row r="1027925" spans="14:14">
      <c r="N1027925" s="10"/>
    </row>
    <row r="1027926" spans="14:14">
      <c r="N1027926" s="10"/>
    </row>
    <row r="1027927" spans="14:14">
      <c r="N1027927" s="10"/>
    </row>
    <row r="1027928" spans="14:14">
      <c r="N1027928" s="10"/>
    </row>
    <row r="1027929" spans="14:14">
      <c r="N1027929" s="10"/>
    </row>
    <row r="1027930" spans="14:14">
      <c r="N1027930" s="10"/>
    </row>
    <row r="1027931" spans="14:14">
      <c r="N1027931" s="10"/>
    </row>
    <row r="1027932" spans="14:14">
      <c r="N1027932" s="10"/>
    </row>
    <row r="1027933" spans="14:14">
      <c r="N1027933" s="10"/>
    </row>
    <row r="1027934" spans="14:14">
      <c r="N1027934" s="10"/>
    </row>
    <row r="1027935" spans="14:14">
      <c r="N1027935" s="10"/>
    </row>
    <row r="1027936" spans="14:14">
      <c r="N1027936" s="10"/>
    </row>
    <row r="1027937" spans="14:14">
      <c r="N1027937" s="10"/>
    </row>
    <row r="1027938" spans="14:14">
      <c r="N1027938" s="10"/>
    </row>
    <row r="1027939" spans="14:14">
      <c r="N1027939" s="10"/>
    </row>
    <row r="1027940" spans="14:14">
      <c r="N1027940" s="10"/>
    </row>
    <row r="1027941" spans="14:14">
      <c r="N1027941" s="10"/>
    </row>
    <row r="1027942" spans="14:14">
      <c r="N1027942" s="10"/>
    </row>
    <row r="1027943" spans="14:14">
      <c r="N1027943" s="10"/>
    </row>
    <row r="1027944" spans="14:14">
      <c r="N1027944" s="10"/>
    </row>
    <row r="1027945" spans="14:14">
      <c r="N1027945" s="10"/>
    </row>
    <row r="1027946" spans="14:14">
      <c r="N1027946" s="10"/>
    </row>
    <row r="1027947" spans="14:14">
      <c r="N1027947" s="10"/>
    </row>
    <row r="1027948" spans="14:14">
      <c r="N1027948" s="10"/>
    </row>
    <row r="1027949" spans="14:14">
      <c r="N1027949" s="10"/>
    </row>
    <row r="1027950" spans="14:14">
      <c r="N1027950" s="10"/>
    </row>
    <row r="1027951" spans="14:14">
      <c r="N1027951" s="10"/>
    </row>
    <row r="1027952" spans="14:14">
      <c r="N1027952" s="10"/>
    </row>
    <row r="1027953" spans="14:14">
      <c r="N1027953" s="10"/>
    </row>
    <row r="1027954" spans="14:14">
      <c r="N1027954" s="10"/>
    </row>
    <row r="1027955" spans="14:14">
      <c r="N1027955" s="10"/>
    </row>
    <row r="1027956" spans="14:14">
      <c r="N1027956" s="10"/>
    </row>
    <row r="1027957" spans="14:14">
      <c r="N1027957" s="10"/>
    </row>
    <row r="1027958" spans="14:14">
      <c r="N1027958" s="10"/>
    </row>
    <row r="1027959" spans="14:14">
      <c r="N1027959" s="10"/>
    </row>
    <row r="1027960" spans="14:14">
      <c r="N1027960" s="10"/>
    </row>
    <row r="1027961" spans="14:14">
      <c r="N1027961" s="10"/>
    </row>
    <row r="1027962" spans="14:14">
      <c r="N1027962" s="10"/>
    </row>
    <row r="1027963" spans="14:14">
      <c r="N1027963" s="10"/>
    </row>
    <row r="1027964" spans="14:14">
      <c r="N1027964" s="10"/>
    </row>
    <row r="1027965" spans="14:14">
      <c r="N1027965" s="10"/>
    </row>
    <row r="1027966" spans="14:14">
      <c r="N1027966" s="10"/>
    </row>
    <row r="1027967" spans="14:14">
      <c r="N1027967" s="10"/>
    </row>
    <row r="1027968" spans="14:14">
      <c r="N1027968" s="10"/>
    </row>
    <row r="1027969" spans="14:14">
      <c r="N1027969" s="10"/>
    </row>
    <row r="1027970" spans="14:14">
      <c r="N1027970" s="10"/>
    </row>
    <row r="1027971" spans="14:14">
      <c r="N1027971" s="10"/>
    </row>
    <row r="1027972" spans="14:14">
      <c r="N1027972" s="10"/>
    </row>
    <row r="1027973" spans="14:14">
      <c r="N1027973" s="10"/>
    </row>
    <row r="1027974" spans="14:14">
      <c r="N1027974" s="10"/>
    </row>
    <row r="1027975" spans="14:14">
      <c r="N1027975" s="10"/>
    </row>
    <row r="1027976" spans="14:14">
      <c r="N1027976" s="10"/>
    </row>
    <row r="1027977" spans="14:14">
      <c r="N1027977" s="10"/>
    </row>
    <row r="1027978" spans="14:14">
      <c r="N1027978" s="10"/>
    </row>
    <row r="1027979" spans="14:14">
      <c r="N1027979" s="10"/>
    </row>
    <row r="1027980" spans="14:14">
      <c r="N1027980" s="10"/>
    </row>
    <row r="1027981" spans="14:14">
      <c r="N1027981" s="10"/>
    </row>
    <row r="1027982" spans="14:14">
      <c r="N1027982" s="10"/>
    </row>
    <row r="1027983" spans="14:14">
      <c r="N1027983" s="10"/>
    </row>
    <row r="1027984" spans="14:14">
      <c r="N1027984" s="10"/>
    </row>
    <row r="1027985" spans="14:14">
      <c r="N1027985" s="10"/>
    </row>
    <row r="1027986" spans="14:14">
      <c r="N1027986" s="10"/>
    </row>
    <row r="1027987" spans="14:14">
      <c r="N1027987" s="10"/>
    </row>
    <row r="1027988" spans="14:14">
      <c r="N1027988" s="10"/>
    </row>
    <row r="1027989" spans="14:14">
      <c r="N1027989" s="10"/>
    </row>
    <row r="1027990" spans="14:14">
      <c r="N1027990" s="10"/>
    </row>
    <row r="1027991" spans="14:14">
      <c r="N1027991" s="10"/>
    </row>
    <row r="1027992" spans="14:14">
      <c r="N1027992" s="10"/>
    </row>
    <row r="1027993" spans="14:14">
      <c r="N1027993" s="10"/>
    </row>
    <row r="1027994" spans="14:14">
      <c r="N1027994" s="10"/>
    </row>
    <row r="1027995" spans="14:14">
      <c r="N1027995" s="10"/>
    </row>
    <row r="1027996" spans="14:14">
      <c r="N1027996" s="10"/>
    </row>
    <row r="1027997" spans="14:14">
      <c r="N1027997" s="10"/>
    </row>
    <row r="1027998" spans="14:14">
      <c r="N1027998" s="10"/>
    </row>
    <row r="1027999" spans="14:14">
      <c r="N1027999" s="10"/>
    </row>
    <row r="1028000" spans="14:14">
      <c r="N1028000" s="10"/>
    </row>
    <row r="1028001" spans="14:14">
      <c r="N1028001" s="10"/>
    </row>
    <row r="1028002" spans="14:14">
      <c r="N1028002" s="10"/>
    </row>
    <row r="1028003" spans="14:14">
      <c r="N1028003" s="10"/>
    </row>
    <row r="1028004" spans="14:14">
      <c r="N1028004" s="10"/>
    </row>
    <row r="1028005" spans="14:14">
      <c r="N1028005" s="10"/>
    </row>
    <row r="1028006" spans="14:14">
      <c r="N1028006" s="10"/>
    </row>
    <row r="1028007" spans="14:14">
      <c r="N1028007" s="10"/>
    </row>
    <row r="1028008" spans="14:14">
      <c r="N1028008" s="10"/>
    </row>
    <row r="1028009" spans="14:14">
      <c r="N1028009" s="10"/>
    </row>
    <row r="1028010" spans="14:14">
      <c r="N1028010" s="10"/>
    </row>
    <row r="1028011" spans="14:14">
      <c r="N1028011" s="10"/>
    </row>
    <row r="1028012" spans="14:14">
      <c r="N1028012" s="10"/>
    </row>
    <row r="1028013" spans="14:14">
      <c r="N1028013" s="10"/>
    </row>
    <row r="1028014" spans="14:14">
      <c r="N1028014" s="10"/>
    </row>
    <row r="1028015" spans="14:14">
      <c r="N1028015" s="10"/>
    </row>
    <row r="1028016" spans="14:14">
      <c r="N1028016" s="10"/>
    </row>
    <row r="1028017" spans="14:14">
      <c r="N1028017" s="10"/>
    </row>
    <row r="1028018" spans="14:14">
      <c r="N1028018" s="10"/>
    </row>
    <row r="1028019" spans="14:14">
      <c r="N1028019" s="10"/>
    </row>
    <row r="1028020" spans="14:14">
      <c r="N1028020" s="10"/>
    </row>
    <row r="1028021" spans="14:14">
      <c r="N1028021" s="10"/>
    </row>
    <row r="1028022" spans="14:14">
      <c r="N1028022" s="10"/>
    </row>
    <row r="1028023" spans="14:14">
      <c r="N1028023" s="10"/>
    </row>
    <row r="1028024" spans="14:14">
      <c r="N1028024" s="10"/>
    </row>
    <row r="1028025" spans="14:14">
      <c r="N1028025" s="10"/>
    </row>
    <row r="1028026" spans="14:14">
      <c r="N1028026" s="10"/>
    </row>
    <row r="1028027" spans="14:14">
      <c r="N1028027" s="10"/>
    </row>
    <row r="1028028" spans="14:14">
      <c r="N1028028" s="10"/>
    </row>
    <row r="1028029" spans="14:14">
      <c r="N1028029" s="10"/>
    </row>
    <row r="1028030" spans="14:14">
      <c r="N1028030" s="10"/>
    </row>
    <row r="1028031" spans="14:14">
      <c r="N1028031" s="10"/>
    </row>
    <row r="1028032" spans="14:14">
      <c r="N1028032" s="10"/>
    </row>
    <row r="1028033" spans="14:14">
      <c r="N1028033" s="10"/>
    </row>
    <row r="1028034" spans="14:14">
      <c r="N1028034" s="10"/>
    </row>
    <row r="1028035" spans="14:14">
      <c r="N1028035" s="10"/>
    </row>
    <row r="1028036" spans="14:14">
      <c r="N1028036" s="10"/>
    </row>
    <row r="1028037" spans="14:14">
      <c r="N1028037" s="10"/>
    </row>
    <row r="1028038" spans="14:14">
      <c r="N1028038" s="10"/>
    </row>
    <row r="1028039" spans="14:14">
      <c r="N1028039" s="10"/>
    </row>
    <row r="1028040" spans="14:14">
      <c r="N1028040" s="10"/>
    </row>
    <row r="1028041" spans="14:14">
      <c r="N1028041" s="10"/>
    </row>
    <row r="1028042" spans="14:14">
      <c r="N1028042" s="10"/>
    </row>
    <row r="1028043" spans="14:14">
      <c r="N1028043" s="10"/>
    </row>
    <row r="1028044" spans="14:14">
      <c r="N1028044" s="10"/>
    </row>
    <row r="1028045" spans="14:14">
      <c r="N1028045" s="10"/>
    </row>
    <row r="1028046" spans="14:14">
      <c r="N1028046" s="10"/>
    </row>
    <row r="1028047" spans="14:14">
      <c r="N1028047" s="10"/>
    </row>
    <row r="1028048" spans="14:14">
      <c r="N1028048" s="10"/>
    </row>
    <row r="1028049" spans="14:14">
      <c r="N1028049" s="10"/>
    </row>
    <row r="1028050" spans="14:14">
      <c r="N1028050" s="10"/>
    </row>
    <row r="1028051" spans="14:14">
      <c r="N1028051" s="10"/>
    </row>
    <row r="1028052" spans="14:14">
      <c r="N1028052" s="10"/>
    </row>
    <row r="1028053" spans="14:14">
      <c r="N1028053" s="10"/>
    </row>
    <row r="1028054" spans="14:14">
      <c r="N1028054" s="10"/>
    </row>
    <row r="1028055" spans="14:14">
      <c r="N1028055" s="10"/>
    </row>
    <row r="1028056" spans="14:14">
      <c r="N1028056" s="10"/>
    </row>
    <row r="1028057" spans="14:14">
      <c r="N1028057" s="10"/>
    </row>
    <row r="1028058" spans="14:14">
      <c r="N1028058" s="10"/>
    </row>
    <row r="1028059" spans="14:14">
      <c r="N1028059" s="10"/>
    </row>
    <row r="1028060" spans="14:14">
      <c r="N1028060" s="10"/>
    </row>
    <row r="1028061" spans="14:14">
      <c r="N1028061" s="10"/>
    </row>
    <row r="1028062" spans="14:14">
      <c r="N1028062" s="10"/>
    </row>
    <row r="1028063" spans="14:14">
      <c r="N1028063" s="10"/>
    </row>
    <row r="1028064" spans="14:14">
      <c r="N1028064" s="10"/>
    </row>
    <row r="1028065" spans="14:14">
      <c r="N1028065" s="10"/>
    </row>
    <row r="1028066" spans="14:14">
      <c r="N1028066" s="10"/>
    </row>
    <row r="1028067" spans="14:14">
      <c r="N1028067" s="10"/>
    </row>
    <row r="1028068" spans="14:14">
      <c r="N1028068" s="10"/>
    </row>
    <row r="1028069" spans="14:14">
      <c r="N1028069" s="10"/>
    </row>
    <row r="1028070" spans="14:14">
      <c r="N1028070" s="10"/>
    </row>
    <row r="1028071" spans="14:14">
      <c r="N1028071" s="10"/>
    </row>
    <row r="1028072" spans="14:14">
      <c r="N1028072" s="10"/>
    </row>
    <row r="1028073" spans="14:14">
      <c r="N1028073" s="10"/>
    </row>
    <row r="1028074" spans="14:14">
      <c r="N1028074" s="10"/>
    </row>
    <row r="1028075" spans="14:14">
      <c r="N1028075" s="10"/>
    </row>
    <row r="1028076" spans="14:14">
      <c r="N1028076" s="10"/>
    </row>
    <row r="1028077" spans="14:14">
      <c r="N1028077" s="10"/>
    </row>
    <row r="1028078" spans="14:14">
      <c r="N1028078" s="10"/>
    </row>
    <row r="1028079" spans="14:14">
      <c r="N1028079" s="10"/>
    </row>
    <row r="1028080" spans="14:14">
      <c r="N1028080" s="10"/>
    </row>
    <row r="1028081" spans="14:14">
      <c r="N1028081" s="10"/>
    </row>
    <row r="1028082" spans="14:14">
      <c r="N1028082" s="10"/>
    </row>
    <row r="1028083" spans="14:14">
      <c r="N1028083" s="10"/>
    </row>
    <row r="1028084" spans="14:14">
      <c r="N1028084" s="10"/>
    </row>
    <row r="1028085" spans="14:14">
      <c r="N1028085" s="10"/>
    </row>
    <row r="1028086" spans="14:14">
      <c r="N1028086" s="10"/>
    </row>
    <row r="1028087" spans="14:14">
      <c r="N1028087" s="10"/>
    </row>
    <row r="1028088" spans="14:14">
      <c r="N1028088" s="10"/>
    </row>
    <row r="1028089" spans="14:14">
      <c r="N1028089" s="10"/>
    </row>
    <row r="1028090" spans="14:14">
      <c r="N1028090" s="10"/>
    </row>
    <row r="1028091" spans="14:14">
      <c r="N1028091" s="10"/>
    </row>
    <row r="1028092" spans="14:14">
      <c r="N1028092" s="10"/>
    </row>
    <row r="1028093" spans="14:14">
      <c r="N1028093" s="10"/>
    </row>
    <row r="1028094" spans="14:14">
      <c r="N1028094" s="10"/>
    </row>
    <row r="1028095" spans="14:14">
      <c r="N1028095" s="10"/>
    </row>
    <row r="1028096" spans="14:14">
      <c r="N1028096" s="10"/>
    </row>
    <row r="1028097" spans="14:14">
      <c r="N1028097" s="10"/>
    </row>
    <row r="1028098" spans="14:14">
      <c r="N1028098" s="10"/>
    </row>
    <row r="1028099" spans="14:14">
      <c r="N1028099" s="10"/>
    </row>
    <row r="1028100" spans="14:14">
      <c r="N1028100" s="10"/>
    </row>
    <row r="1028101" spans="14:14">
      <c r="N1028101" s="10"/>
    </row>
    <row r="1028102" spans="14:14">
      <c r="N1028102" s="10"/>
    </row>
    <row r="1028103" spans="14:14">
      <c r="N1028103" s="10"/>
    </row>
    <row r="1028104" spans="14:14">
      <c r="N1028104" s="10"/>
    </row>
    <row r="1028105" spans="14:14">
      <c r="N1028105" s="10"/>
    </row>
    <row r="1028106" spans="14:14">
      <c r="N1028106" s="10"/>
    </row>
    <row r="1028107" spans="14:14">
      <c r="N1028107" s="10"/>
    </row>
    <row r="1028108" spans="14:14">
      <c r="N1028108" s="10"/>
    </row>
    <row r="1028109" spans="14:14">
      <c r="N1028109" s="10"/>
    </row>
    <row r="1028110" spans="14:14">
      <c r="N1028110" s="10"/>
    </row>
    <row r="1028111" spans="14:14">
      <c r="N1028111" s="10"/>
    </row>
    <row r="1028112" spans="14:14">
      <c r="N1028112" s="10"/>
    </row>
    <row r="1028113" spans="14:14">
      <c r="N1028113" s="10"/>
    </row>
    <row r="1028114" spans="14:14">
      <c r="N1028114" s="10"/>
    </row>
    <row r="1028115" spans="14:14">
      <c r="N1028115" s="10"/>
    </row>
    <row r="1028116" spans="14:14">
      <c r="N1028116" s="10"/>
    </row>
    <row r="1028117" spans="14:14">
      <c r="N1028117" s="10"/>
    </row>
    <row r="1028118" spans="14:14">
      <c r="N1028118" s="10"/>
    </row>
    <row r="1028119" spans="14:14">
      <c r="N1028119" s="10"/>
    </row>
    <row r="1028120" spans="14:14">
      <c r="N1028120" s="10"/>
    </row>
    <row r="1028121" spans="14:14">
      <c r="N1028121" s="10"/>
    </row>
    <row r="1028122" spans="14:14">
      <c r="N1028122" s="10"/>
    </row>
    <row r="1028123" spans="14:14">
      <c r="N1028123" s="10"/>
    </row>
    <row r="1028124" spans="14:14">
      <c r="N1028124" s="10"/>
    </row>
    <row r="1028125" spans="14:14">
      <c r="N1028125" s="10"/>
    </row>
    <row r="1028126" spans="14:14">
      <c r="N1028126" s="10"/>
    </row>
    <row r="1028127" spans="14:14">
      <c r="N1028127" s="10"/>
    </row>
    <row r="1028128" spans="14:14">
      <c r="N1028128" s="10"/>
    </row>
    <row r="1028129" spans="14:14">
      <c r="N1028129" s="10"/>
    </row>
    <row r="1028130" spans="14:14">
      <c r="N1028130" s="10"/>
    </row>
    <row r="1028131" spans="14:14">
      <c r="N1028131" s="10"/>
    </row>
    <row r="1028132" spans="14:14">
      <c r="N1028132" s="10"/>
    </row>
    <row r="1028133" spans="14:14">
      <c r="N1028133" s="10"/>
    </row>
    <row r="1028134" spans="14:14">
      <c r="N1028134" s="10"/>
    </row>
    <row r="1028135" spans="14:14">
      <c r="N1028135" s="10"/>
    </row>
    <row r="1028136" spans="14:14">
      <c r="N1028136" s="10"/>
    </row>
    <row r="1028137" spans="14:14">
      <c r="N1028137" s="10"/>
    </row>
    <row r="1028138" spans="14:14">
      <c r="N1028138" s="10"/>
    </row>
    <row r="1028139" spans="14:14">
      <c r="N1028139" s="10"/>
    </row>
    <row r="1028140" spans="14:14">
      <c r="N1028140" s="10"/>
    </row>
    <row r="1028141" spans="14:14">
      <c r="N1028141" s="10"/>
    </row>
    <row r="1028142" spans="14:14">
      <c r="N1028142" s="10"/>
    </row>
    <row r="1028143" spans="14:14">
      <c r="N1028143" s="10"/>
    </row>
    <row r="1028144" spans="14:14">
      <c r="N1028144" s="10"/>
    </row>
    <row r="1028145" spans="14:14">
      <c r="N1028145" s="10"/>
    </row>
    <row r="1028146" spans="14:14">
      <c r="N1028146" s="10"/>
    </row>
    <row r="1028147" spans="14:14">
      <c r="N1028147" s="10"/>
    </row>
    <row r="1028148" spans="14:14">
      <c r="N1028148" s="10"/>
    </row>
    <row r="1028149" spans="14:14">
      <c r="N1028149" s="10"/>
    </row>
    <row r="1028150" spans="14:14">
      <c r="N1028150" s="10"/>
    </row>
    <row r="1028151" spans="14:14">
      <c r="N1028151" s="10"/>
    </row>
    <row r="1028152" spans="14:14">
      <c r="N1028152" s="10"/>
    </row>
    <row r="1028153" spans="14:14">
      <c r="N1028153" s="10"/>
    </row>
    <row r="1028154" spans="14:14">
      <c r="N1028154" s="10"/>
    </row>
    <row r="1028155" spans="14:14">
      <c r="N1028155" s="10"/>
    </row>
    <row r="1028156" spans="14:14">
      <c r="N1028156" s="10"/>
    </row>
    <row r="1028157" spans="14:14">
      <c r="N1028157" s="10"/>
    </row>
    <row r="1028158" spans="14:14">
      <c r="N1028158" s="10"/>
    </row>
    <row r="1028159" spans="14:14">
      <c r="N1028159" s="10"/>
    </row>
    <row r="1028160" spans="14:14">
      <c r="N1028160" s="10"/>
    </row>
    <row r="1028161" spans="14:14">
      <c r="N1028161" s="10"/>
    </row>
    <row r="1028162" spans="14:14">
      <c r="N1028162" s="10"/>
    </row>
    <row r="1028163" spans="14:14">
      <c r="N1028163" s="10"/>
    </row>
    <row r="1028164" spans="14:14">
      <c r="N1028164" s="10"/>
    </row>
    <row r="1028165" spans="14:14">
      <c r="N1028165" s="10"/>
    </row>
    <row r="1028166" spans="14:14">
      <c r="N1028166" s="10"/>
    </row>
    <row r="1028167" spans="14:14">
      <c r="N1028167" s="10"/>
    </row>
    <row r="1028168" spans="14:14">
      <c r="N1028168" s="10"/>
    </row>
    <row r="1028169" spans="14:14">
      <c r="N1028169" s="10"/>
    </row>
    <row r="1028170" spans="14:14">
      <c r="N1028170" s="10"/>
    </row>
    <row r="1028171" spans="14:14">
      <c r="N1028171" s="10"/>
    </row>
    <row r="1028172" spans="14:14">
      <c r="N1028172" s="10"/>
    </row>
    <row r="1028173" spans="14:14">
      <c r="N1028173" s="10"/>
    </row>
    <row r="1028174" spans="14:14">
      <c r="N1028174" s="10"/>
    </row>
    <row r="1028175" spans="14:14">
      <c r="N1028175" s="10"/>
    </row>
    <row r="1028176" spans="14:14">
      <c r="N1028176" s="10"/>
    </row>
    <row r="1028177" spans="14:14">
      <c r="N1028177" s="10"/>
    </row>
    <row r="1028178" spans="14:14">
      <c r="N1028178" s="10"/>
    </row>
    <row r="1028179" spans="14:14">
      <c r="N1028179" s="10"/>
    </row>
    <row r="1028180" spans="14:14">
      <c r="N1028180" s="10"/>
    </row>
    <row r="1028181" spans="14:14">
      <c r="N1028181" s="10"/>
    </row>
    <row r="1028182" spans="14:14">
      <c r="N1028182" s="10"/>
    </row>
    <row r="1028183" spans="14:14">
      <c r="N1028183" s="10"/>
    </row>
    <row r="1028184" spans="14:14">
      <c r="N1028184" s="10"/>
    </row>
    <row r="1028185" spans="14:14">
      <c r="N1028185" s="10"/>
    </row>
    <row r="1028186" spans="14:14">
      <c r="N1028186" s="10"/>
    </row>
    <row r="1028187" spans="14:14">
      <c r="N1028187" s="10"/>
    </row>
    <row r="1028188" spans="14:14">
      <c r="N1028188" s="10"/>
    </row>
    <row r="1028189" spans="14:14">
      <c r="N1028189" s="10"/>
    </row>
    <row r="1028190" spans="14:14">
      <c r="N1028190" s="10"/>
    </row>
    <row r="1028191" spans="14:14">
      <c r="N1028191" s="10"/>
    </row>
    <row r="1028192" spans="14:14">
      <c r="N1028192" s="10"/>
    </row>
    <row r="1028193" spans="14:14">
      <c r="N1028193" s="10"/>
    </row>
    <row r="1028194" spans="14:14">
      <c r="N1028194" s="10"/>
    </row>
    <row r="1028195" spans="14:14">
      <c r="N1028195" s="10"/>
    </row>
    <row r="1028196" spans="14:14">
      <c r="N1028196" s="10"/>
    </row>
    <row r="1028197" spans="14:14">
      <c r="N1028197" s="10"/>
    </row>
    <row r="1028198" spans="14:14">
      <c r="N1028198" s="10"/>
    </row>
    <row r="1028199" spans="14:14">
      <c r="N1028199" s="10"/>
    </row>
    <row r="1028200" spans="14:14">
      <c r="N1028200" s="10"/>
    </row>
    <row r="1028201" spans="14:14">
      <c r="N1028201" s="10"/>
    </row>
    <row r="1028202" spans="14:14">
      <c r="N1028202" s="10"/>
    </row>
    <row r="1028203" spans="14:14">
      <c r="N1028203" s="10"/>
    </row>
    <row r="1028204" spans="14:14">
      <c r="N1028204" s="10"/>
    </row>
    <row r="1028205" spans="14:14">
      <c r="N1028205" s="10"/>
    </row>
    <row r="1028206" spans="14:14">
      <c r="N1028206" s="10"/>
    </row>
    <row r="1028207" spans="14:14">
      <c r="N1028207" s="10"/>
    </row>
    <row r="1028208" spans="14:14">
      <c r="N1028208" s="10"/>
    </row>
    <row r="1028209" spans="14:14">
      <c r="N1028209" s="10"/>
    </row>
    <row r="1028210" spans="14:14">
      <c r="N1028210" s="10"/>
    </row>
    <row r="1028211" spans="14:14">
      <c r="N1028211" s="10"/>
    </row>
    <row r="1028212" spans="14:14">
      <c r="N1028212" s="10"/>
    </row>
    <row r="1028213" spans="14:14">
      <c r="N1028213" s="10"/>
    </row>
    <row r="1028214" spans="14:14">
      <c r="N1028214" s="10"/>
    </row>
    <row r="1028215" spans="14:14">
      <c r="N1028215" s="10"/>
    </row>
    <row r="1028216" spans="14:14">
      <c r="N1028216" s="10"/>
    </row>
    <row r="1028217" spans="14:14">
      <c r="N1028217" s="10"/>
    </row>
    <row r="1028218" spans="14:14">
      <c r="N1028218" s="10"/>
    </row>
    <row r="1028219" spans="14:14">
      <c r="N1028219" s="10"/>
    </row>
    <row r="1028220" spans="14:14">
      <c r="N1028220" s="10"/>
    </row>
    <row r="1028221" spans="14:14">
      <c r="N1028221" s="10"/>
    </row>
    <row r="1028222" spans="14:14">
      <c r="N1028222" s="10"/>
    </row>
    <row r="1028223" spans="14:14">
      <c r="N1028223" s="10"/>
    </row>
    <row r="1028224" spans="14:14">
      <c r="N1028224" s="10"/>
    </row>
    <row r="1028225" spans="14:14">
      <c r="N1028225" s="10"/>
    </row>
    <row r="1028226" spans="14:14">
      <c r="N1028226" s="10"/>
    </row>
    <row r="1028227" spans="14:14">
      <c r="N1028227" s="10"/>
    </row>
    <row r="1028228" spans="14:14">
      <c r="N1028228" s="10"/>
    </row>
    <row r="1028229" spans="14:14">
      <c r="N1028229" s="10"/>
    </row>
    <row r="1028230" spans="14:14">
      <c r="N1028230" s="10"/>
    </row>
    <row r="1028231" spans="14:14">
      <c r="N1028231" s="10"/>
    </row>
    <row r="1028232" spans="14:14">
      <c r="N1028232" s="10"/>
    </row>
    <row r="1028233" spans="14:14">
      <c r="N1028233" s="10"/>
    </row>
    <row r="1028234" spans="14:14">
      <c r="N1028234" s="10"/>
    </row>
    <row r="1028235" spans="14:14">
      <c r="N1028235" s="10"/>
    </row>
    <row r="1028236" spans="14:14">
      <c r="N1028236" s="10"/>
    </row>
    <row r="1028237" spans="14:14">
      <c r="N1028237" s="10"/>
    </row>
    <row r="1028238" spans="14:14">
      <c r="N1028238" s="10"/>
    </row>
    <row r="1028239" spans="14:14">
      <c r="N1028239" s="10"/>
    </row>
    <row r="1028240" spans="14:14">
      <c r="N1028240" s="10"/>
    </row>
    <row r="1028241" spans="14:14">
      <c r="N1028241" s="10"/>
    </row>
    <row r="1028242" spans="14:14">
      <c r="N1028242" s="10"/>
    </row>
    <row r="1028243" spans="14:14">
      <c r="N1028243" s="10"/>
    </row>
    <row r="1028244" spans="14:14">
      <c r="N1028244" s="10"/>
    </row>
    <row r="1028245" spans="14:14">
      <c r="N1028245" s="10"/>
    </row>
    <row r="1028246" spans="14:14">
      <c r="N1028246" s="10"/>
    </row>
    <row r="1028247" spans="14:14">
      <c r="N1028247" s="10"/>
    </row>
    <row r="1028248" spans="14:14">
      <c r="N1028248" s="10"/>
    </row>
    <row r="1028249" spans="14:14">
      <c r="N1028249" s="10"/>
    </row>
    <row r="1028250" spans="14:14">
      <c r="N1028250" s="10"/>
    </row>
    <row r="1028251" spans="14:14">
      <c r="N1028251" s="10"/>
    </row>
    <row r="1028252" spans="14:14">
      <c r="N1028252" s="10"/>
    </row>
    <row r="1028253" spans="14:14">
      <c r="N1028253" s="10"/>
    </row>
    <row r="1028254" spans="14:14">
      <c r="N1028254" s="10"/>
    </row>
    <row r="1028255" spans="14:14">
      <c r="N1028255" s="10"/>
    </row>
    <row r="1028256" spans="14:14">
      <c r="N1028256" s="10"/>
    </row>
    <row r="1028257" spans="14:14">
      <c r="N1028257" s="10"/>
    </row>
    <row r="1028258" spans="14:14">
      <c r="N1028258" s="10"/>
    </row>
    <row r="1028259" spans="14:14">
      <c r="N1028259" s="10"/>
    </row>
    <row r="1028260" spans="14:14">
      <c r="N1028260" s="10"/>
    </row>
    <row r="1028261" spans="14:14">
      <c r="N1028261" s="10"/>
    </row>
    <row r="1028262" spans="14:14">
      <c r="N1028262" s="10"/>
    </row>
    <row r="1028263" spans="14:14">
      <c r="N1028263" s="10"/>
    </row>
    <row r="1028264" spans="14:14">
      <c r="N1028264" s="10"/>
    </row>
    <row r="1028265" spans="14:14">
      <c r="N1028265" s="10"/>
    </row>
    <row r="1028266" spans="14:14">
      <c r="N1028266" s="10"/>
    </row>
    <row r="1028267" spans="14:14">
      <c r="N1028267" s="10"/>
    </row>
    <row r="1028268" spans="14:14">
      <c r="N1028268" s="10"/>
    </row>
    <row r="1028269" spans="14:14">
      <c r="N1028269" s="10"/>
    </row>
    <row r="1028270" spans="14:14">
      <c r="N1028270" s="10"/>
    </row>
    <row r="1028271" spans="14:14">
      <c r="N1028271" s="10"/>
    </row>
    <row r="1028272" spans="14:14">
      <c r="N1028272" s="10"/>
    </row>
    <row r="1028273" spans="14:14">
      <c r="N1028273" s="10"/>
    </row>
    <row r="1028274" spans="14:14">
      <c r="N1028274" s="10"/>
    </row>
    <row r="1028275" spans="14:14">
      <c r="N1028275" s="10"/>
    </row>
    <row r="1028276" spans="14:14">
      <c r="N1028276" s="10"/>
    </row>
    <row r="1028277" spans="14:14">
      <c r="N1028277" s="10"/>
    </row>
    <row r="1028278" spans="14:14">
      <c r="N1028278" s="10"/>
    </row>
    <row r="1028279" spans="14:14">
      <c r="N1028279" s="10"/>
    </row>
    <row r="1028280" spans="14:14">
      <c r="N1028280" s="10"/>
    </row>
    <row r="1028281" spans="14:14">
      <c r="N1028281" s="10"/>
    </row>
    <row r="1028282" spans="14:14">
      <c r="N1028282" s="10"/>
    </row>
    <row r="1028283" spans="14:14">
      <c r="N1028283" s="10"/>
    </row>
    <row r="1028284" spans="14:14">
      <c r="N1028284" s="10"/>
    </row>
    <row r="1028285" spans="14:14">
      <c r="N1028285" s="10"/>
    </row>
    <row r="1028286" spans="14:14">
      <c r="N1028286" s="10"/>
    </row>
    <row r="1028287" spans="14:14">
      <c r="N1028287" s="10"/>
    </row>
    <row r="1028288" spans="14:14">
      <c r="N1028288" s="10"/>
    </row>
    <row r="1028289" spans="14:14">
      <c r="N1028289" s="10"/>
    </row>
    <row r="1028290" spans="14:14">
      <c r="N1028290" s="10"/>
    </row>
    <row r="1028291" spans="14:14">
      <c r="N1028291" s="10"/>
    </row>
    <row r="1028292" spans="14:14">
      <c r="N1028292" s="10"/>
    </row>
    <row r="1028293" spans="14:14">
      <c r="N1028293" s="10"/>
    </row>
    <row r="1028294" spans="14:14">
      <c r="N1028294" s="10"/>
    </row>
    <row r="1028295" spans="14:14">
      <c r="N1028295" s="10"/>
    </row>
    <row r="1028296" spans="14:14">
      <c r="N1028296" s="10"/>
    </row>
    <row r="1028297" spans="14:14">
      <c r="N1028297" s="10"/>
    </row>
    <row r="1028298" spans="14:14">
      <c r="N1028298" s="10"/>
    </row>
    <row r="1028299" spans="14:14">
      <c r="N1028299" s="10"/>
    </row>
    <row r="1028300" spans="14:14">
      <c r="N1028300" s="10"/>
    </row>
    <row r="1028301" spans="14:14">
      <c r="N1028301" s="10"/>
    </row>
    <row r="1028302" spans="14:14">
      <c r="N1028302" s="10"/>
    </row>
    <row r="1028303" spans="14:14">
      <c r="N1028303" s="10"/>
    </row>
    <row r="1028304" spans="14:14">
      <c r="N1028304" s="10"/>
    </row>
    <row r="1028305" spans="14:14">
      <c r="N1028305" s="10"/>
    </row>
    <row r="1028306" spans="14:14">
      <c r="N1028306" s="10"/>
    </row>
    <row r="1028307" spans="14:14">
      <c r="N1028307" s="10"/>
    </row>
    <row r="1028308" spans="14:14">
      <c r="N1028308" s="10"/>
    </row>
    <row r="1028309" spans="14:14">
      <c r="N1028309" s="10"/>
    </row>
    <row r="1028310" spans="14:14">
      <c r="N1028310" s="10"/>
    </row>
    <row r="1028311" spans="14:14">
      <c r="N1028311" s="10"/>
    </row>
    <row r="1028312" spans="14:14">
      <c r="N1028312" s="10"/>
    </row>
    <row r="1028313" spans="14:14">
      <c r="N1028313" s="10"/>
    </row>
    <row r="1028314" spans="14:14">
      <c r="N1028314" s="10"/>
    </row>
    <row r="1028315" spans="14:14">
      <c r="N1028315" s="10"/>
    </row>
    <row r="1028316" spans="14:14">
      <c r="N1028316" s="10"/>
    </row>
    <row r="1028317" spans="14:14">
      <c r="N1028317" s="10"/>
    </row>
    <row r="1028318" spans="14:14">
      <c r="N1028318" s="10"/>
    </row>
    <row r="1028319" spans="14:14">
      <c r="N1028319" s="10"/>
    </row>
    <row r="1028320" spans="14:14">
      <c r="N1028320" s="10"/>
    </row>
    <row r="1028321" spans="14:14">
      <c r="N1028321" s="10"/>
    </row>
    <row r="1028322" spans="14:14">
      <c r="N1028322" s="10"/>
    </row>
    <row r="1028323" spans="14:14">
      <c r="N1028323" s="10"/>
    </row>
    <row r="1028324" spans="14:14">
      <c r="N1028324" s="10"/>
    </row>
    <row r="1028325" spans="14:14">
      <c r="N1028325" s="10"/>
    </row>
    <row r="1028326" spans="14:14">
      <c r="N1028326" s="10"/>
    </row>
    <row r="1028327" spans="14:14">
      <c r="N1028327" s="10"/>
    </row>
    <row r="1028328" spans="14:14">
      <c r="N1028328" s="10"/>
    </row>
    <row r="1028329" spans="14:14">
      <c r="N1028329" s="10"/>
    </row>
    <row r="1028330" spans="14:14">
      <c r="N1028330" s="10"/>
    </row>
    <row r="1028331" spans="14:14">
      <c r="N1028331" s="10"/>
    </row>
    <row r="1028332" spans="14:14">
      <c r="N1028332" s="10"/>
    </row>
    <row r="1028333" spans="14:14">
      <c r="N1028333" s="10"/>
    </row>
    <row r="1028334" spans="14:14">
      <c r="N1028334" s="10"/>
    </row>
    <row r="1028335" spans="14:14">
      <c r="N1028335" s="10"/>
    </row>
    <row r="1028336" spans="14:14">
      <c r="N1028336" s="10"/>
    </row>
    <row r="1028337" spans="14:14">
      <c r="N1028337" s="10"/>
    </row>
    <row r="1028338" spans="14:14">
      <c r="N1028338" s="10"/>
    </row>
    <row r="1028339" spans="14:14">
      <c r="N1028339" s="10"/>
    </row>
    <row r="1028340" spans="14:14">
      <c r="N1028340" s="10"/>
    </row>
    <row r="1028341" spans="14:14">
      <c r="N1028341" s="10"/>
    </row>
    <row r="1028342" spans="14:14">
      <c r="N1028342" s="10"/>
    </row>
    <row r="1028343" spans="14:14">
      <c r="N1028343" s="10"/>
    </row>
    <row r="1028344" spans="14:14">
      <c r="N1028344" s="10"/>
    </row>
    <row r="1028345" spans="14:14">
      <c r="N1028345" s="10"/>
    </row>
    <row r="1028346" spans="14:14">
      <c r="N1028346" s="10"/>
    </row>
    <row r="1028347" spans="14:14">
      <c r="N1028347" s="10"/>
    </row>
    <row r="1028348" spans="14:14">
      <c r="N1028348" s="10"/>
    </row>
    <row r="1028349" spans="14:14">
      <c r="N1028349" s="10"/>
    </row>
    <row r="1028350" spans="14:14">
      <c r="N1028350" s="10"/>
    </row>
    <row r="1028351" spans="14:14">
      <c r="N1028351" s="10"/>
    </row>
    <row r="1028352" spans="14:14">
      <c r="N1028352" s="10"/>
    </row>
    <row r="1028353" spans="14:14">
      <c r="N1028353" s="10"/>
    </row>
    <row r="1028354" spans="14:14">
      <c r="N1028354" s="10"/>
    </row>
    <row r="1028355" spans="14:14">
      <c r="N1028355" s="10"/>
    </row>
    <row r="1028356" spans="14:14">
      <c r="N1028356" s="10"/>
    </row>
    <row r="1028357" spans="14:14">
      <c r="N1028357" s="10"/>
    </row>
    <row r="1028358" spans="14:14">
      <c r="N1028358" s="10"/>
    </row>
    <row r="1028359" spans="14:14">
      <c r="N1028359" s="10"/>
    </row>
    <row r="1028360" spans="14:14">
      <c r="N1028360" s="10"/>
    </row>
    <row r="1028361" spans="14:14">
      <c r="N1028361" s="10"/>
    </row>
    <row r="1028362" spans="14:14">
      <c r="N1028362" s="10"/>
    </row>
    <row r="1028363" spans="14:14">
      <c r="N1028363" s="10"/>
    </row>
    <row r="1028364" spans="14:14">
      <c r="N1028364" s="10"/>
    </row>
    <row r="1028365" spans="14:14">
      <c r="N1028365" s="10"/>
    </row>
    <row r="1028366" spans="14:14">
      <c r="N1028366" s="10"/>
    </row>
    <row r="1028367" spans="14:14">
      <c r="N1028367" s="10"/>
    </row>
    <row r="1028368" spans="14:14">
      <c r="N1028368" s="10"/>
    </row>
    <row r="1028369" spans="14:14">
      <c r="N1028369" s="10"/>
    </row>
    <row r="1028370" spans="14:14">
      <c r="N1028370" s="10"/>
    </row>
    <row r="1028371" spans="14:14">
      <c r="N1028371" s="10"/>
    </row>
    <row r="1028372" spans="14:14">
      <c r="N1028372" s="10"/>
    </row>
    <row r="1028373" spans="14:14">
      <c r="N1028373" s="10"/>
    </row>
    <row r="1028374" spans="14:14">
      <c r="N1028374" s="10"/>
    </row>
    <row r="1028375" spans="14:14">
      <c r="N1028375" s="10"/>
    </row>
    <row r="1028376" spans="14:14">
      <c r="N1028376" s="10"/>
    </row>
    <row r="1028377" spans="14:14">
      <c r="N1028377" s="10"/>
    </row>
    <row r="1028378" spans="14:14">
      <c r="N1028378" s="10"/>
    </row>
    <row r="1028379" spans="14:14">
      <c r="N1028379" s="10"/>
    </row>
    <row r="1028380" spans="14:14">
      <c r="N1028380" s="10"/>
    </row>
    <row r="1028381" spans="14:14">
      <c r="N1028381" s="10"/>
    </row>
    <row r="1028382" spans="14:14">
      <c r="N1028382" s="10"/>
    </row>
    <row r="1028383" spans="14:14">
      <c r="N1028383" s="10"/>
    </row>
    <row r="1028384" spans="14:14">
      <c r="N1028384" s="10"/>
    </row>
    <row r="1028385" spans="14:14">
      <c r="N1028385" s="10"/>
    </row>
    <row r="1028386" spans="14:14">
      <c r="N1028386" s="10"/>
    </row>
    <row r="1028387" spans="14:14">
      <c r="N1028387" s="10"/>
    </row>
    <row r="1028388" spans="14:14">
      <c r="N1028388" s="10"/>
    </row>
    <row r="1028389" spans="14:14">
      <c r="N1028389" s="10"/>
    </row>
    <row r="1028390" spans="14:14">
      <c r="N1028390" s="10"/>
    </row>
    <row r="1028391" spans="14:14">
      <c r="N1028391" s="10"/>
    </row>
    <row r="1028392" spans="14:14">
      <c r="N1028392" s="10"/>
    </row>
    <row r="1028393" spans="14:14">
      <c r="N1028393" s="10"/>
    </row>
    <row r="1028394" spans="14:14">
      <c r="N1028394" s="10"/>
    </row>
    <row r="1028395" spans="14:14">
      <c r="N1028395" s="10"/>
    </row>
    <row r="1028396" spans="14:14">
      <c r="N1028396" s="10"/>
    </row>
    <row r="1028397" spans="14:14">
      <c r="N1028397" s="10"/>
    </row>
    <row r="1028398" spans="14:14">
      <c r="N1028398" s="10"/>
    </row>
    <row r="1028399" spans="14:14">
      <c r="N1028399" s="10"/>
    </row>
    <row r="1028400" spans="14:14">
      <c r="N1028400" s="10"/>
    </row>
    <row r="1028401" spans="14:14">
      <c r="N1028401" s="10"/>
    </row>
    <row r="1028402" spans="14:14">
      <c r="N1028402" s="10"/>
    </row>
    <row r="1028403" spans="14:14">
      <c r="N1028403" s="10"/>
    </row>
    <row r="1028404" spans="14:14">
      <c r="N1028404" s="10"/>
    </row>
    <row r="1028405" spans="14:14">
      <c r="N1028405" s="10"/>
    </row>
    <row r="1028406" spans="14:14">
      <c r="N1028406" s="10"/>
    </row>
    <row r="1028407" spans="14:14">
      <c r="N1028407" s="10"/>
    </row>
    <row r="1028408" spans="14:14">
      <c r="N1028408" s="10"/>
    </row>
    <row r="1028409" spans="14:14">
      <c r="N1028409" s="10"/>
    </row>
    <row r="1028410" spans="14:14">
      <c r="N1028410" s="10"/>
    </row>
    <row r="1028411" spans="14:14">
      <c r="N1028411" s="10"/>
    </row>
    <row r="1028412" spans="14:14">
      <c r="N1028412" s="10"/>
    </row>
    <row r="1028413" spans="14:14">
      <c r="N1028413" s="10"/>
    </row>
    <row r="1028414" spans="14:14">
      <c r="N1028414" s="10"/>
    </row>
    <row r="1028415" spans="14:14">
      <c r="N1028415" s="10"/>
    </row>
    <row r="1028416" spans="14:14">
      <c r="N1028416" s="10"/>
    </row>
    <row r="1028417" spans="14:14">
      <c r="N1028417" s="10"/>
    </row>
    <row r="1028418" spans="14:14">
      <c r="N1028418" s="10"/>
    </row>
    <row r="1028419" spans="14:14">
      <c r="N1028419" s="10"/>
    </row>
    <row r="1028420" spans="14:14">
      <c r="N1028420" s="10"/>
    </row>
    <row r="1028421" spans="14:14">
      <c r="N1028421" s="10"/>
    </row>
    <row r="1028422" spans="14:14">
      <c r="N1028422" s="10"/>
    </row>
    <row r="1028423" spans="14:14">
      <c r="N1028423" s="10"/>
    </row>
    <row r="1028424" spans="14:14">
      <c r="N1028424" s="10"/>
    </row>
    <row r="1028425" spans="14:14">
      <c r="N1028425" s="10"/>
    </row>
    <row r="1028426" spans="14:14">
      <c r="N1028426" s="10"/>
    </row>
    <row r="1028427" spans="14:14">
      <c r="N1028427" s="10"/>
    </row>
    <row r="1028428" spans="14:14">
      <c r="N1028428" s="10"/>
    </row>
    <row r="1028429" spans="14:14">
      <c r="N1028429" s="10"/>
    </row>
    <row r="1028430" spans="14:14">
      <c r="N1028430" s="10"/>
    </row>
    <row r="1028431" spans="14:14">
      <c r="N1028431" s="10"/>
    </row>
    <row r="1028432" spans="14:14">
      <c r="N1028432" s="10"/>
    </row>
    <row r="1028433" spans="14:14">
      <c r="N1028433" s="10"/>
    </row>
    <row r="1028434" spans="14:14">
      <c r="N1028434" s="10"/>
    </row>
    <row r="1028435" spans="14:14">
      <c r="N1028435" s="10"/>
    </row>
    <row r="1028436" spans="14:14">
      <c r="N1028436" s="10"/>
    </row>
    <row r="1028437" spans="14:14">
      <c r="N1028437" s="10"/>
    </row>
    <row r="1028438" spans="14:14">
      <c r="N1028438" s="10"/>
    </row>
    <row r="1028439" spans="14:14">
      <c r="N1028439" s="10"/>
    </row>
    <row r="1028440" spans="14:14">
      <c r="N1028440" s="10"/>
    </row>
    <row r="1028441" spans="14:14">
      <c r="N1028441" s="10"/>
    </row>
    <row r="1028442" spans="14:14">
      <c r="N1028442" s="10"/>
    </row>
    <row r="1028443" spans="14:14">
      <c r="N1028443" s="10"/>
    </row>
    <row r="1028444" spans="14:14">
      <c r="N1028444" s="10"/>
    </row>
    <row r="1028445" spans="14:14">
      <c r="N1028445" s="10"/>
    </row>
    <row r="1028446" spans="14:14">
      <c r="N1028446" s="10"/>
    </row>
    <row r="1028447" spans="14:14">
      <c r="N1028447" s="10"/>
    </row>
    <row r="1028448" spans="14:14">
      <c r="N1028448" s="10"/>
    </row>
    <row r="1028449" spans="14:14">
      <c r="N1028449" s="10"/>
    </row>
    <row r="1028450" spans="14:14">
      <c r="N1028450" s="10"/>
    </row>
    <row r="1028451" spans="14:14">
      <c r="N1028451" s="10"/>
    </row>
    <row r="1028452" spans="14:14">
      <c r="N1028452" s="10"/>
    </row>
    <row r="1028453" spans="14:14">
      <c r="N1028453" s="10"/>
    </row>
    <row r="1028454" spans="14:14">
      <c r="N1028454" s="10"/>
    </row>
    <row r="1028455" spans="14:14">
      <c r="N1028455" s="10"/>
    </row>
    <row r="1028456" spans="14:14">
      <c r="N1028456" s="10"/>
    </row>
    <row r="1028457" spans="14:14">
      <c r="N1028457" s="10"/>
    </row>
    <row r="1028458" spans="14:14">
      <c r="N1028458" s="10"/>
    </row>
    <row r="1028459" spans="14:14">
      <c r="N1028459" s="10"/>
    </row>
    <row r="1028460" spans="14:14">
      <c r="N1028460" s="10"/>
    </row>
    <row r="1028461" spans="14:14">
      <c r="N1028461" s="10"/>
    </row>
    <row r="1028462" spans="14:14">
      <c r="N1028462" s="10"/>
    </row>
    <row r="1028463" spans="14:14">
      <c r="N1028463" s="10"/>
    </row>
    <row r="1028464" spans="14:14">
      <c r="N1028464" s="10"/>
    </row>
    <row r="1028465" spans="14:14">
      <c r="N1028465" s="10"/>
    </row>
    <row r="1028466" spans="14:14">
      <c r="N1028466" s="10"/>
    </row>
    <row r="1028467" spans="14:14">
      <c r="N1028467" s="10"/>
    </row>
    <row r="1028468" spans="14:14">
      <c r="N1028468" s="10"/>
    </row>
    <row r="1028469" spans="14:14">
      <c r="N1028469" s="10"/>
    </row>
    <row r="1028470" spans="14:14">
      <c r="N1028470" s="10"/>
    </row>
    <row r="1028471" spans="14:14">
      <c r="N1028471" s="10"/>
    </row>
    <row r="1028472" spans="14:14">
      <c r="N1028472" s="10"/>
    </row>
    <row r="1028473" spans="14:14">
      <c r="N1028473" s="10"/>
    </row>
    <row r="1028474" spans="14:14">
      <c r="N1028474" s="10"/>
    </row>
    <row r="1028475" spans="14:14">
      <c r="N1028475" s="10"/>
    </row>
    <row r="1028476" spans="14:14">
      <c r="N1028476" s="10"/>
    </row>
    <row r="1028477" spans="14:14">
      <c r="N1028477" s="10"/>
    </row>
    <row r="1028478" spans="14:14">
      <c r="N1028478" s="10"/>
    </row>
    <row r="1028479" spans="14:14">
      <c r="N1028479" s="10"/>
    </row>
    <row r="1028480" spans="14:14">
      <c r="N1028480" s="10"/>
    </row>
    <row r="1028481" spans="14:14">
      <c r="N1028481" s="10"/>
    </row>
    <row r="1028482" spans="14:14">
      <c r="N1028482" s="10"/>
    </row>
    <row r="1028483" spans="14:14">
      <c r="N1028483" s="10"/>
    </row>
    <row r="1028484" spans="14:14">
      <c r="N1028484" s="10"/>
    </row>
    <row r="1028485" spans="14:14">
      <c r="N1028485" s="10"/>
    </row>
    <row r="1028486" spans="14:14">
      <c r="N1028486" s="10"/>
    </row>
    <row r="1028487" spans="14:14">
      <c r="N1028487" s="10"/>
    </row>
    <row r="1028488" spans="14:14">
      <c r="N1028488" s="10"/>
    </row>
    <row r="1028489" spans="14:14">
      <c r="N1028489" s="10"/>
    </row>
    <row r="1028490" spans="14:14">
      <c r="N1028490" s="10"/>
    </row>
    <row r="1028491" spans="14:14">
      <c r="N1028491" s="10"/>
    </row>
    <row r="1028492" spans="14:14">
      <c r="N1028492" s="10"/>
    </row>
    <row r="1028493" spans="14:14">
      <c r="N1028493" s="10"/>
    </row>
    <row r="1028494" spans="14:14">
      <c r="N1028494" s="10"/>
    </row>
    <row r="1028495" spans="14:14">
      <c r="N1028495" s="10"/>
    </row>
    <row r="1028496" spans="14:14">
      <c r="N1028496" s="10"/>
    </row>
    <row r="1028497" spans="14:14">
      <c r="N1028497" s="10"/>
    </row>
    <row r="1028498" spans="14:14">
      <c r="N1028498" s="10"/>
    </row>
    <row r="1028499" spans="14:14">
      <c r="N1028499" s="10"/>
    </row>
    <row r="1028500" spans="14:14">
      <c r="N1028500" s="10"/>
    </row>
    <row r="1028501" spans="14:14">
      <c r="N1028501" s="10"/>
    </row>
    <row r="1028502" spans="14:14">
      <c r="N1028502" s="10"/>
    </row>
    <row r="1028503" spans="14:14">
      <c r="N1028503" s="10"/>
    </row>
    <row r="1028504" spans="14:14">
      <c r="N1028504" s="10"/>
    </row>
    <row r="1028505" spans="14:14">
      <c r="N1028505" s="10"/>
    </row>
    <row r="1028506" spans="14:14">
      <c r="N1028506" s="10"/>
    </row>
    <row r="1028507" spans="14:14">
      <c r="N1028507" s="10"/>
    </row>
    <row r="1028508" spans="14:14">
      <c r="N1028508" s="10"/>
    </row>
    <row r="1028509" spans="14:14">
      <c r="N1028509" s="10"/>
    </row>
    <row r="1028510" spans="14:14">
      <c r="N1028510" s="10"/>
    </row>
    <row r="1028511" spans="14:14">
      <c r="N1028511" s="10"/>
    </row>
    <row r="1028512" spans="14:14">
      <c r="N1028512" s="10"/>
    </row>
    <row r="1028513" spans="14:14">
      <c r="N1028513" s="10"/>
    </row>
    <row r="1028514" spans="14:14">
      <c r="N1028514" s="10"/>
    </row>
    <row r="1028515" spans="14:14">
      <c r="N1028515" s="10"/>
    </row>
    <row r="1028516" spans="14:14">
      <c r="N1028516" s="10"/>
    </row>
    <row r="1028517" spans="14:14">
      <c r="N1028517" s="10"/>
    </row>
    <row r="1028518" spans="14:14">
      <c r="N1028518" s="10"/>
    </row>
    <row r="1028519" spans="14:14">
      <c r="N1028519" s="10"/>
    </row>
    <row r="1028520" spans="14:14">
      <c r="N1028520" s="10"/>
    </row>
    <row r="1028521" spans="14:14">
      <c r="N1028521" s="10"/>
    </row>
    <row r="1028522" spans="14:14">
      <c r="N1028522" s="10"/>
    </row>
    <row r="1028523" spans="14:14">
      <c r="N1028523" s="10"/>
    </row>
    <row r="1028524" spans="14:14">
      <c r="N1028524" s="10"/>
    </row>
    <row r="1028525" spans="14:14">
      <c r="N1028525" s="10"/>
    </row>
    <row r="1028526" spans="14:14">
      <c r="N1028526" s="10"/>
    </row>
    <row r="1028527" spans="14:14">
      <c r="N1028527" s="10"/>
    </row>
    <row r="1028528" spans="14:14">
      <c r="N1028528" s="10"/>
    </row>
    <row r="1028529" spans="14:14">
      <c r="N1028529" s="10"/>
    </row>
    <row r="1028530" spans="14:14">
      <c r="N1028530" s="10"/>
    </row>
    <row r="1028531" spans="14:14">
      <c r="N1028531" s="10"/>
    </row>
    <row r="1028532" spans="14:14">
      <c r="N1028532" s="10"/>
    </row>
    <row r="1028533" spans="14:14">
      <c r="N1028533" s="10"/>
    </row>
    <row r="1028534" spans="14:14">
      <c r="N1028534" s="10"/>
    </row>
    <row r="1028535" spans="14:14">
      <c r="N1028535" s="10"/>
    </row>
    <row r="1028536" spans="14:14">
      <c r="N1028536" s="10"/>
    </row>
    <row r="1028537" spans="14:14">
      <c r="N1028537" s="10"/>
    </row>
    <row r="1028538" spans="14:14">
      <c r="N1028538" s="10"/>
    </row>
    <row r="1028539" spans="14:14">
      <c r="N1028539" s="10"/>
    </row>
    <row r="1028540" spans="14:14">
      <c r="N1028540" s="10"/>
    </row>
    <row r="1028541" spans="14:14">
      <c r="N1028541" s="10"/>
    </row>
    <row r="1028542" spans="14:14">
      <c r="N1028542" s="10"/>
    </row>
    <row r="1028543" spans="14:14">
      <c r="N1028543" s="10"/>
    </row>
    <row r="1028544" spans="14:14">
      <c r="N1028544" s="10"/>
    </row>
    <row r="1028545" spans="14:14">
      <c r="N1028545" s="10"/>
    </row>
    <row r="1028546" spans="14:14">
      <c r="N1028546" s="10"/>
    </row>
    <row r="1028547" spans="14:14">
      <c r="N1028547" s="10"/>
    </row>
    <row r="1028548" spans="14:14">
      <c r="N1028548" s="10"/>
    </row>
    <row r="1028549" spans="14:14">
      <c r="N1028549" s="10"/>
    </row>
    <row r="1028550" spans="14:14">
      <c r="N1028550" s="10"/>
    </row>
    <row r="1028551" spans="14:14">
      <c r="N1028551" s="10"/>
    </row>
    <row r="1028552" spans="14:14">
      <c r="N1028552" s="10"/>
    </row>
    <row r="1028553" spans="14:14">
      <c r="N1028553" s="10"/>
    </row>
    <row r="1028554" spans="14:14">
      <c r="N1028554" s="10"/>
    </row>
    <row r="1028555" spans="14:14">
      <c r="N1028555" s="10"/>
    </row>
    <row r="1028556" spans="14:14">
      <c r="N1028556" s="10"/>
    </row>
    <row r="1028557" spans="14:14">
      <c r="N1028557" s="10"/>
    </row>
    <row r="1028558" spans="14:14">
      <c r="N1028558" s="10"/>
    </row>
    <row r="1028559" spans="14:14">
      <c r="N1028559" s="10"/>
    </row>
    <row r="1028560" spans="14:14">
      <c r="N1028560" s="10"/>
    </row>
    <row r="1028561" spans="14:14">
      <c r="N1028561" s="10"/>
    </row>
    <row r="1028562" spans="14:14">
      <c r="N1028562" s="10"/>
    </row>
    <row r="1028563" spans="14:14">
      <c r="N1028563" s="10"/>
    </row>
    <row r="1028564" spans="14:14">
      <c r="N1028564" s="10"/>
    </row>
    <row r="1028565" spans="14:14">
      <c r="N1028565" s="10"/>
    </row>
    <row r="1028566" spans="14:14">
      <c r="N1028566" s="10"/>
    </row>
    <row r="1028567" spans="14:14">
      <c r="N1028567" s="10"/>
    </row>
    <row r="1028568" spans="14:14">
      <c r="N1028568" s="10"/>
    </row>
    <row r="1028569" spans="14:14">
      <c r="N1028569" s="10"/>
    </row>
    <row r="1028570" spans="14:14">
      <c r="N1028570" s="10"/>
    </row>
    <row r="1028571" spans="14:14">
      <c r="N1028571" s="10"/>
    </row>
    <row r="1028572" spans="14:14">
      <c r="N1028572" s="10"/>
    </row>
    <row r="1028573" spans="14:14">
      <c r="N1028573" s="10"/>
    </row>
    <row r="1028574" spans="14:14">
      <c r="N1028574" s="10"/>
    </row>
    <row r="1028575" spans="14:14">
      <c r="N1028575" s="10"/>
    </row>
    <row r="1028576" spans="14:14">
      <c r="N1028576" s="10"/>
    </row>
    <row r="1028577" spans="14:14">
      <c r="N1028577" s="10"/>
    </row>
    <row r="1028578" spans="14:14">
      <c r="N1028578" s="10"/>
    </row>
    <row r="1028579" spans="14:14">
      <c r="N1028579" s="10"/>
    </row>
    <row r="1028580" spans="14:14">
      <c r="N1028580" s="10"/>
    </row>
    <row r="1028581" spans="14:14">
      <c r="N1028581" s="10"/>
    </row>
    <row r="1028582" spans="14:14">
      <c r="N1028582" s="10"/>
    </row>
    <row r="1028583" spans="14:14">
      <c r="N1028583" s="10"/>
    </row>
    <row r="1028584" spans="14:14">
      <c r="N1028584" s="10"/>
    </row>
    <row r="1028585" spans="14:14">
      <c r="N1028585" s="10"/>
    </row>
    <row r="1028586" spans="14:14">
      <c r="N1028586" s="10"/>
    </row>
    <row r="1028587" spans="14:14">
      <c r="N1028587" s="10"/>
    </row>
    <row r="1028588" spans="14:14">
      <c r="N1028588" s="10"/>
    </row>
    <row r="1028589" spans="14:14">
      <c r="N1028589" s="10"/>
    </row>
    <row r="1028590" spans="14:14">
      <c r="N1028590" s="10"/>
    </row>
    <row r="1028591" spans="14:14">
      <c r="N1028591" s="10"/>
    </row>
    <row r="1028592" spans="14:14">
      <c r="N1028592" s="10"/>
    </row>
    <row r="1028593" spans="14:14">
      <c r="N1028593" s="10"/>
    </row>
    <row r="1028594" spans="14:14">
      <c r="N1028594" s="10"/>
    </row>
    <row r="1028595" spans="14:14">
      <c r="N1028595" s="10"/>
    </row>
    <row r="1028596" spans="14:14">
      <c r="N1028596" s="10"/>
    </row>
    <row r="1028597" spans="14:14">
      <c r="N1028597" s="10"/>
    </row>
    <row r="1028598" spans="14:14">
      <c r="N1028598" s="10"/>
    </row>
    <row r="1028599" spans="14:14">
      <c r="N1028599" s="10"/>
    </row>
    <row r="1028600" spans="14:14">
      <c r="N1028600" s="10"/>
    </row>
    <row r="1028601" spans="14:14">
      <c r="N1028601" s="10"/>
    </row>
    <row r="1028602" spans="14:14">
      <c r="N1028602" s="10"/>
    </row>
    <row r="1028603" spans="14:14">
      <c r="N1028603" s="10"/>
    </row>
    <row r="1028604" spans="14:14">
      <c r="N1028604" s="10"/>
    </row>
    <row r="1028605" spans="14:14">
      <c r="N1028605" s="10"/>
    </row>
    <row r="1028606" spans="14:14">
      <c r="N1028606" s="10"/>
    </row>
    <row r="1028607" spans="14:14">
      <c r="N1028607" s="10"/>
    </row>
    <row r="1028608" spans="14:14">
      <c r="N1028608" s="10"/>
    </row>
    <row r="1028609" spans="14:14">
      <c r="N1028609" s="10"/>
    </row>
    <row r="1028610" spans="14:14">
      <c r="N1028610" s="10"/>
    </row>
    <row r="1028611" spans="14:14">
      <c r="N1028611" s="10"/>
    </row>
    <row r="1028612" spans="14:14">
      <c r="N1028612" s="10"/>
    </row>
    <row r="1028613" spans="14:14">
      <c r="N1028613" s="10"/>
    </row>
    <row r="1028614" spans="14:14">
      <c r="N1028614" s="10"/>
    </row>
    <row r="1028615" spans="14:14">
      <c r="N1028615" s="10"/>
    </row>
    <row r="1028616" spans="14:14">
      <c r="N1028616" s="10"/>
    </row>
    <row r="1028617" spans="14:14">
      <c r="N1028617" s="10"/>
    </row>
    <row r="1028618" spans="14:14">
      <c r="N1028618" s="10"/>
    </row>
    <row r="1028619" spans="14:14">
      <c r="N1028619" s="10"/>
    </row>
    <row r="1028620" spans="14:14">
      <c r="N1028620" s="10"/>
    </row>
    <row r="1028621" spans="14:14">
      <c r="N1028621" s="10"/>
    </row>
    <row r="1028622" spans="14:14">
      <c r="N1028622" s="10"/>
    </row>
    <row r="1028623" spans="14:14">
      <c r="N1028623" s="10"/>
    </row>
    <row r="1028624" spans="14:14">
      <c r="N1028624" s="10"/>
    </row>
    <row r="1028625" spans="14:14">
      <c r="N1028625" s="10"/>
    </row>
    <row r="1028626" spans="14:14">
      <c r="N1028626" s="10"/>
    </row>
    <row r="1028627" spans="14:14">
      <c r="N1028627" s="10"/>
    </row>
    <row r="1028628" spans="14:14">
      <c r="N1028628" s="10"/>
    </row>
    <row r="1028629" spans="14:14">
      <c r="N1028629" s="10"/>
    </row>
    <row r="1028630" spans="14:14">
      <c r="N1028630" s="10"/>
    </row>
    <row r="1028631" spans="14:14">
      <c r="N1028631" s="10"/>
    </row>
    <row r="1028632" spans="14:14">
      <c r="N1028632" s="10"/>
    </row>
    <row r="1028633" spans="14:14">
      <c r="N1028633" s="10"/>
    </row>
    <row r="1028634" spans="14:14">
      <c r="N1028634" s="10"/>
    </row>
    <row r="1028635" spans="14:14">
      <c r="N1028635" s="10"/>
    </row>
    <row r="1028636" spans="14:14">
      <c r="N1028636" s="10"/>
    </row>
    <row r="1028637" spans="14:14">
      <c r="N1028637" s="10"/>
    </row>
    <row r="1028638" spans="14:14">
      <c r="N1028638" s="10"/>
    </row>
    <row r="1028639" spans="14:14">
      <c r="N1028639" s="10"/>
    </row>
    <row r="1028640" spans="14:14">
      <c r="N1028640" s="10"/>
    </row>
    <row r="1028641" spans="14:14">
      <c r="N1028641" s="10"/>
    </row>
    <row r="1028642" spans="14:14">
      <c r="N1028642" s="10"/>
    </row>
    <row r="1028643" spans="14:14">
      <c r="N1028643" s="10"/>
    </row>
    <row r="1028644" spans="14:14">
      <c r="N1028644" s="10"/>
    </row>
    <row r="1028645" spans="14:14">
      <c r="N1028645" s="10"/>
    </row>
    <row r="1028646" spans="14:14">
      <c r="N1028646" s="10"/>
    </row>
    <row r="1028647" spans="14:14">
      <c r="N1028647" s="10"/>
    </row>
    <row r="1028648" spans="14:14">
      <c r="N1028648" s="10"/>
    </row>
    <row r="1028649" spans="14:14">
      <c r="N1028649" s="10"/>
    </row>
    <row r="1028650" spans="14:14">
      <c r="N1028650" s="10"/>
    </row>
    <row r="1028651" spans="14:14">
      <c r="N1028651" s="10"/>
    </row>
    <row r="1028652" spans="14:14">
      <c r="N1028652" s="10"/>
    </row>
    <row r="1028653" spans="14:14">
      <c r="N1028653" s="10"/>
    </row>
    <row r="1028654" spans="14:14">
      <c r="N1028654" s="10"/>
    </row>
    <row r="1028655" spans="14:14">
      <c r="N1028655" s="10"/>
    </row>
    <row r="1028656" spans="14:14">
      <c r="N1028656" s="10"/>
    </row>
    <row r="1028657" spans="14:14">
      <c r="N1028657" s="10"/>
    </row>
    <row r="1028658" spans="14:14">
      <c r="N1028658" s="10"/>
    </row>
    <row r="1028659" spans="14:14">
      <c r="N1028659" s="10"/>
    </row>
    <row r="1028660" spans="14:14">
      <c r="N1028660" s="10"/>
    </row>
    <row r="1028661" spans="14:14">
      <c r="N1028661" s="10"/>
    </row>
    <row r="1028662" spans="14:14">
      <c r="N1028662" s="10"/>
    </row>
    <row r="1028663" spans="14:14">
      <c r="N1028663" s="10"/>
    </row>
    <row r="1028664" spans="14:14">
      <c r="N1028664" s="10"/>
    </row>
    <row r="1028665" spans="14:14">
      <c r="N1028665" s="10"/>
    </row>
    <row r="1028666" spans="14:14">
      <c r="N1028666" s="10"/>
    </row>
    <row r="1028667" spans="14:14">
      <c r="N1028667" s="10"/>
    </row>
    <row r="1028668" spans="14:14">
      <c r="N1028668" s="10"/>
    </row>
    <row r="1028669" spans="14:14">
      <c r="N1028669" s="10"/>
    </row>
    <row r="1028670" spans="14:14">
      <c r="N1028670" s="10"/>
    </row>
    <row r="1028671" spans="14:14">
      <c r="N1028671" s="10"/>
    </row>
    <row r="1028672" spans="14:14">
      <c r="N1028672" s="10"/>
    </row>
    <row r="1028673" spans="14:14">
      <c r="N1028673" s="10"/>
    </row>
    <row r="1028674" spans="14:14">
      <c r="N1028674" s="10"/>
    </row>
    <row r="1028675" spans="14:14">
      <c r="N1028675" s="10"/>
    </row>
    <row r="1028676" spans="14:14">
      <c r="N1028676" s="10"/>
    </row>
    <row r="1028677" spans="14:14">
      <c r="N1028677" s="10"/>
    </row>
    <row r="1028678" spans="14:14">
      <c r="N1028678" s="10"/>
    </row>
    <row r="1028679" spans="14:14">
      <c r="N1028679" s="10"/>
    </row>
    <row r="1028680" spans="14:14">
      <c r="N1028680" s="10"/>
    </row>
    <row r="1028681" spans="14:14">
      <c r="N1028681" s="10"/>
    </row>
    <row r="1028682" spans="14:14">
      <c r="N1028682" s="10"/>
    </row>
    <row r="1028683" spans="14:14">
      <c r="N1028683" s="10"/>
    </row>
    <row r="1028684" spans="14:14">
      <c r="N1028684" s="10"/>
    </row>
    <row r="1028685" spans="14:14">
      <c r="N1028685" s="10"/>
    </row>
    <row r="1028686" spans="14:14">
      <c r="N1028686" s="10"/>
    </row>
    <row r="1028687" spans="14:14">
      <c r="N1028687" s="10"/>
    </row>
    <row r="1028688" spans="14:14">
      <c r="N1028688" s="10"/>
    </row>
    <row r="1028689" spans="14:14">
      <c r="N1028689" s="10"/>
    </row>
    <row r="1028690" spans="14:14">
      <c r="N1028690" s="10"/>
    </row>
    <row r="1028691" spans="14:14">
      <c r="N1028691" s="10"/>
    </row>
    <row r="1028692" spans="14:14">
      <c r="N1028692" s="10"/>
    </row>
    <row r="1028693" spans="14:14">
      <c r="N1028693" s="10"/>
    </row>
    <row r="1028694" spans="14:14">
      <c r="N1028694" s="10"/>
    </row>
    <row r="1028695" spans="14:14">
      <c r="N1028695" s="10"/>
    </row>
    <row r="1028696" spans="14:14">
      <c r="N1028696" s="10"/>
    </row>
    <row r="1028697" spans="14:14">
      <c r="N1028697" s="10"/>
    </row>
    <row r="1028698" spans="14:14">
      <c r="N1028698" s="10"/>
    </row>
    <row r="1028699" spans="14:14">
      <c r="N1028699" s="10"/>
    </row>
    <row r="1028700" spans="14:14">
      <c r="N1028700" s="10"/>
    </row>
    <row r="1028701" spans="14:14">
      <c r="N1028701" s="10"/>
    </row>
    <row r="1028702" spans="14:14">
      <c r="N1028702" s="10"/>
    </row>
    <row r="1028703" spans="14:14">
      <c r="N1028703" s="10"/>
    </row>
    <row r="1028704" spans="14:14">
      <c r="N1028704" s="10"/>
    </row>
    <row r="1028705" spans="14:14">
      <c r="N1028705" s="10"/>
    </row>
    <row r="1028706" spans="14:14">
      <c r="N1028706" s="10"/>
    </row>
    <row r="1028707" spans="14:14">
      <c r="N1028707" s="10"/>
    </row>
    <row r="1028708" spans="14:14">
      <c r="N1028708" s="10"/>
    </row>
    <row r="1028709" spans="14:14">
      <c r="N1028709" s="10"/>
    </row>
    <row r="1028710" spans="14:14">
      <c r="N1028710" s="10"/>
    </row>
    <row r="1028711" spans="14:14">
      <c r="N1028711" s="10"/>
    </row>
    <row r="1028712" spans="14:14">
      <c r="N1028712" s="10"/>
    </row>
    <row r="1028713" spans="14:14">
      <c r="N1028713" s="10"/>
    </row>
    <row r="1028714" spans="14:14">
      <c r="N1028714" s="10"/>
    </row>
    <row r="1028715" spans="14:14">
      <c r="N1028715" s="10"/>
    </row>
    <row r="1028716" spans="14:14">
      <c r="N1028716" s="10"/>
    </row>
    <row r="1028717" spans="14:14">
      <c r="N1028717" s="10"/>
    </row>
    <row r="1028718" spans="14:14">
      <c r="N1028718" s="10"/>
    </row>
    <row r="1028719" spans="14:14">
      <c r="N1028719" s="10"/>
    </row>
    <row r="1028720" spans="14:14">
      <c r="N1028720" s="10"/>
    </row>
    <row r="1028721" spans="14:14">
      <c r="N1028721" s="10"/>
    </row>
    <row r="1028722" spans="14:14">
      <c r="N1028722" s="10"/>
    </row>
    <row r="1028723" spans="14:14">
      <c r="N1028723" s="10"/>
    </row>
    <row r="1028724" spans="14:14">
      <c r="N1028724" s="10"/>
    </row>
    <row r="1028725" spans="14:14">
      <c r="N1028725" s="10"/>
    </row>
    <row r="1028726" spans="14:14">
      <c r="N1028726" s="10"/>
    </row>
    <row r="1028727" spans="14:14">
      <c r="N1028727" s="10"/>
    </row>
    <row r="1028728" spans="14:14">
      <c r="N1028728" s="10"/>
    </row>
    <row r="1028729" spans="14:14">
      <c r="N1028729" s="10"/>
    </row>
    <row r="1028730" spans="14:14">
      <c r="N1028730" s="10"/>
    </row>
    <row r="1028731" spans="14:14">
      <c r="N1028731" s="10"/>
    </row>
    <row r="1028732" spans="14:14">
      <c r="N1028732" s="10"/>
    </row>
    <row r="1028733" spans="14:14">
      <c r="N1028733" s="10"/>
    </row>
    <row r="1028734" spans="14:14">
      <c r="N1028734" s="10"/>
    </row>
    <row r="1028735" spans="14:14">
      <c r="N1028735" s="10"/>
    </row>
    <row r="1028736" spans="14:14">
      <c r="N1028736" s="10"/>
    </row>
    <row r="1028737" spans="14:14">
      <c r="N1028737" s="10"/>
    </row>
    <row r="1028738" spans="14:14">
      <c r="N1028738" s="10"/>
    </row>
    <row r="1028739" spans="14:14">
      <c r="N1028739" s="10"/>
    </row>
    <row r="1028740" spans="14:14">
      <c r="N1028740" s="10"/>
    </row>
    <row r="1028741" spans="14:14">
      <c r="N1028741" s="10"/>
    </row>
    <row r="1028742" spans="14:14">
      <c r="N1028742" s="10"/>
    </row>
    <row r="1028743" spans="14:14">
      <c r="N1028743" s="10"/>
    </row>
    <row r="1028744" spans="14:14">
      <c r="N1028744" s="10"/>
    </row>
    <row r="1028745" spans="14:14">
      <c r="N1028745" s="10"/>
    </row>
    <row r="1028746" spans="14:14">
      <c r="N1028746" s="10"/>
    </row>
    <row r="1028747" spans="14:14">
      <c r="N1028747" s="10"/>
    </row>
    <row r="1028748" spans="14:14">
      <c r="N1028748" s="10"/>
    </row>
    <row r="1028749" spans="14:14">
      <c r="N1028749" s="10"/>
    </row>
    <row r="1028750" spans="14:14">
      <c r="N1028750" s="10"/>
    </row>
    <row r="1028751" spans="14:14">
      <c r="N1028751" s="10"/>
    </row>
    <row r="1028752" spans="14:14">
      <c r="N1028752" s="10"/>
    </row>
    <row r="1028753" spans="14:14">
      <c r="N1028753" s="10"/>
    </row>
    <row r="1028754" spans="14:14">
      <c r="N1028754" s="10"/>
    </row>
    <row r="1028755" spans="14:14">
      <c r="N1028755" s="10"/>
    </row>
    <row r="1028756" spans="14:14">
      <c r="N1028756" s="10"/>
    </row>
    <row r="1028757" spans="14:14">
      <c r="N1028757" s="10"/>
    </row>
    <row r="1028758" spans="14:14">
      <c r="N1028758" s="10"/>
    </row>
    <row r="1028759" spans="14:14">
      <c r="N1028759" s="10"/>
    </row>
    <row r="1028760" spans="14:14">
      <c r="N1028760" s="10"/>
    </row>
    <row r="1028761" spans="14:14">
      <c r="N1028761" s="10"/>
    </row>
    <row r="1028762" spans="14:14">
      <c r="N1028762" s="10"/>
    </row>
    <row r="1028763" spans="14:14">
      <c r="N1028763" s="10"/>
    </row>
    <row r="1028764" spans="14:14">
      <c r="N1028764" s="10"/>
    </row>
    <row r="1028765" spans="14:14">
      <c r="N1028765" s="10"/>
    </row>
    <row r="1028766" spans="14:14">
      <c r="N1028766" s="10"/>
    </row>
    <row r="1028767" spans="14:14">
      <c r="N1028767" s="10"/>
    </row>
    <row r="1028768" spans="14:14">
      <c r="N1028768" s="10"/>
    </row>
    <row r="1028769" spans="14:14">
      <c r="N1028769" s="10"/>
    </row>
    <row r="1028770" spans="14:14">
      <c r="N1028770" s="10"/>
    </row>
    <row r="1028771" spans="14:14">
      <c r="N1028771" s="10"/>
    </row>
    <row r="1028772" spans="14:14">
      <c r="N1028772" s="10"/>
    </row>
    <row r="1028773" spans="14:14">
      <c r="N1028773" s="10"/>
    </row>
    <row r="1028774" spans="14:14">
      <c r="N1028774" s="10"/>
    </row>
    <row r="1028775" spans="14:14">
      <c r="N1028775" s="10"/>
    </row>
    <row r="1028776" spans="14:14">
      <c r="N1028776" s="10"/>
    </row>
    <row r="1028777" spans="14:14">
      <c r="N1028777" s="10"/>
    </row>
    <row r="1028778" spans="14:14">
      <c r="N1028778" s="10"/>
    </row>
    <row r="1028779" spans="14:14">
      <c r="N1028779" s="10"/>
    </row>
    <row r="1028780" spans="14:14">
      <c r="N1028780" s="10"/>
    </row>
    <row r="1028781" spans="14:14">
      <c r="N1028781" s="10"/>
    </row>
    <row r="1028782" spans="14:14">
      <c r="N1028782" s="10"/>
    </row>
    <row r="1028783" spans="14:14">
      <c r="N1028783" s="10"/>
    </row>
    <row r="1028784" spans="14:14">
      <c r="N1028784" s="10"/>
    </row>
    <row r="1028785" spans="14:14">
      <c r="N1028785" s="10"/>
    </row>
    <row r="1028786" spans="14:14">
      <c r="N1028786" s="10"/>
    </row>
    <row r="1028787" spans="14:14">
      <c r="N1028787" s="10"/>
    </row>
    <row r="1028788" spans="14:14">
      <c r="N1028788" s="10"/>
    </row>
    <row r="1028789" spans="14:14">
      <c r="N1028789" s="10"/>
    </row>
    <row r="1028790" spans="14:14">
      <c r="N1028790" s="10"/>
    </row>
    <row r="1028791" spans="14:14">
      <c r="N1028791" s="10"/>
    </row>
    <row r="1028792" spans="14:14">
      <c r="N1028792" s="10"/>
    </row>
    <row r="1028793" spans="14:14">
      <c r="N1028793" s="10"/>
    </row>
    <row r="1028794" spans="14:14">
      <c r="N1028794" s="10"/>
    </row>
    <row r="1028795" spans="14:14">
      <c r="N1028795" s="10"/>
    </row>
    <row r="1028796" spans="14:14">
      <c r="N1028796" s="10"/>
    </row>
    <row r="1028797" spans="14:14">
      <c r="N1028797" s="10"/>
    </row>
    <row r="1028798" spans="14:14">
      <c r="N1028798" s="10"/>
    </row>
    <row r="1028799" spans="14:14">
      <c r="N1028799" s="10"/>
    </row>
    <row r="1028800" spans="14:14">
      <c r="N1028800" s="10"/>
    </row>
    <row r="1028801" spans="14:14">
      <c r="N1028801" s="10"/>
    </row>
    <row r="1028802" spans="14:14">
      <c r="N1028802" s="10"/>
    </row>
    <row r="1028803" spans="14:14">
      <c r="N1028803" s="10"/>
    </row>
    <row r="1028804" spans="14:14">
      <c r="N1028804" s="10"/>
    </row>
    <row r="1028805" spans="14:14">
      <c r="N1028805" s="10"/>
    </row>
    <row r="1028806" spans="14:14">
      <c r="N1028806" s="10"/>
    </row>
    <row r="1028807" spans="14:14">
      <c r="N1028807" s="10"/>
    </row>
    <row r="1028808" spans="14:14">
      <c r="N1028808" s="10"/>
    </row>
    <row r="1028809" spans="14:14">
      <c r="N1028809" s="10"/>
    </row>
    <row r="1028810" spans="14:14">
      <c r="N1028810" s="10"/>
    </row>
    <row r="1028811" spans="14:14">
      <c r="N1028811" s="10"/>
    </row>
    <row r="1028812" spans="14:14">
      <c r="N1028812" s="10"/>
    </row>
    <row r="1028813" spans="14:14">
      <c r="N1028813" s="10"/>
    </row>
    <row r="1028814" spans="14:14">
      <c r="N1028814" s="10"/>
    </row>
    <row r="1028815" spans="14:14">
      <c r="N1028815" s="10"/>
    </row>
    <row r="1028816" spans="14:14">
      <c r="N1028816" s="10"/>
    </row>
    <row r="1028817" spans="14:14">
      <c r="N1028817" s="10"/>
    </row>
    <row r="1028818" spans="14:14">
      <c r="N1028818" s="10"/>
    </row>
    <row r="1028819" spans="14:14">
      <c r="N1028819" s="10"/>
    </row>
    <row r="1028820" spans="14:14">
      <c r="N1028820" s="10"/>
    </row>
    <row r="1028821" spans="14:14">
      <c r="N1028821" s="10"/>
    </row>
    <row r="1028822" spans="14:14">
      <c r="N1028822" s="10"/>
    </row>
    <row r="1028823" spans="14:14">
      <c r="N1028823" s="10"/>
    </row>
    <row r="1028824" spans="14:14">
      <c r="N1028824" s="10"/>
    </row>
    <row r="1028825" spans="14:14">
      <c r="N1028825" s="10"/>
    </row>
    <row r="1028826" spans="14:14">
      <c r="N1028826" s="10"/>
    </row>
    <row r="1028827" spans="14:14">
      <c r="N1028827" s="10"/>
    </row>
    <row r="1028828" spans="14:14">
      <c r="N1028828" s="10"/>
    </row>
    <row r="1028829" spans="14:14">
      <c r="N1028829" s="10"/>
    </row>
    <row r="1028830" spans="14:14">
      <c r="N1028830" s="10"/>
    </row>
    <row r="1028831" spans="14:14">
      <c r="N1028831" s="10"/>
    </row>
    <row r="1028832" spans="14:14">
      <c r="N1028832" s="10"/>
    </row>
    <row r="1028833" spans="14:14">
      <c r="N1028833" s="10"/>
    </row>
    <row r="1028834" spans="14:14">
      <c r="N1028834" s="10"/>
    </row>
    <row r="1028835" spans="14:14">
      <c r="N1028835" s="10"/>
    </row>
    <row r="1028836" spans="14:14">
      <c r="N1028836" s="10"/>
    </row>
    <row r="1028837" spans="14:14">
      <c r="N1028837" s="10"/>
    </row>
    <row r="1028838" spans="14:14">
      <c r="N1028838" s="10"/>
    </row>
    <row r="1028839" spans="14:14">
      <c r="N1028839" s="10"/>
    </row>
    <row r="1028840" spans="14:14">
      <c r="N1028840" s="10"/>
    </row>
    <row r="1028841" spans="14:14">
      <c r="N1028841" s="10"/>
    </row>
    <row r="1028842" spans="14:14">
      <c r="N1028842" s="10"/>
    </row>
    <row r="1028843" spans="14:14">
      <c r="N1028843" s="10"/>
    </row>
    <row r="1028844" spans="14:14">
      <c r="N1028844" s="10"/>
    </row>
    <row r="1028845" spans="14:14">
      <c r="N1028845" s="10"/>
    </row>
    <row r="1028846" spans="14:14">
      <c r="N1028846" s="10"/>
    </row>
    <row r="1028847" spans="14:14">
      <c r="N1028847" s="10"/>
    </row>
    <row r="1028848" spans="14:14">
      <c r="N1028848" s="10"/>
    </row>
    <row r="1028849" spans="14:14">
      <c r="N1028849" s="10"/>
    </row>
    <row r="1028850" spans="14:14">
      <c r="N1028850" s="10"/>
    </row>
    <row r="1028851" spans="14:14">
      <c r="N1028851" s="10"/>
    </row>
    <row r="1028852" spans="14:14">
      <c r="N1028852" s="10"/>
    </row>
    <row r="1028853" spans="14:14">
      <c r="N1028853" s="10"/>
    </row>
    <row r="1028854" spans="14:14">
      <c r="N1028854" s="10"/>
    </row>
    <row r="1028855" spans="14:14">
      <c r="N1028855" s="10"/>
    </row>
    <row r="1028856" spans="14:14">
      <c r="N1028856" s="10"/>
    </row>
    <row r="1028857" spans="14:14">
      <c r="N1028857" s="10"/>
    </row>
    <row r="1028858" spans="14:14">
      <c r="N1028858" s="10"/>
    </row>
    <row r="1028859" spans="14:14">
      <c r="N1028859" s="10"/>
    </row>
    <row r="1028860" spans="14:14">
      <c r="N1028860" s="10"/>
    </row>
    <row r="1028861" spans="14:14">
      <c r="N1028861" s="10"/>
    </row>
    <row r="1028862" spans="14:14">
      <c r="N1028862" s="10"/>
    </row>
    <row r="1028863" spans="14:14">
      <c r="N1028863" s="10"/>
    </row>
    <row r="1028864" spans="14:14">
      <c r="N1028864" s="10"/>
    </row>
    <row r="1028865" spans="14:14">
      <c r="N1028865" s="10"/>
    </row>
    <row r="1028866" spans="14:14">
      <c r="N1028866" s="10"/>
    </row>
    <row r="1028867" spans="14:14">
      <c r="N1028867" s="10"/>
    </row>
    <row r="1028868" spans="14:14">
      <c r="N1028868" s="10"/>
    </row>
    <row r="1028869" spans="14:14">
      <c r="N1028869" s="10"/>
    </row>
    <row r="1028870" spans="14:14">
      <c r="N1028870" s="10"/>
    </row>
    <row r="1028871" spans="14:14">
      <c r="N1028871" s="10"/>
    </row>
    <row r="1028872" spans="14:14">
      <c r="N1028872" s="10"/>
    </row>
    <row r="1028873" spans="14:14">
      <c r="N1028873" s="10"/>
    </row>
    <row r="1028874" spans="14:14">
      <c r="N1028874" s="10"/>
    </row>
    <row r="1028875" spans="14:14">
      <c r="N1028875" s="10"/>
    </row>
    <row r="1028876" spans="14:14">
      <c r="N1028876" s="10"/>
    </row>
    <row r="1028877" spans="14:14">
      <c r="N1028877" s="10"/>
    </row>
    <row r="1028878" spans="14:14">
      <c r="N1028878" s="10"/>
    </row>
    <row r="1028879" spans="14:14">
      <c r="N1028879" s="10"/>
    </row>
    <row r="1028880" spans="14:14">
      <c r="N1028880" s="10"/>
    </row>
    <row r="1028881" spans="14:14">
      <c r="N1028881" s="10"/>
    </row>
    <row r="1028882" spans="14:14">
      <c r="N1028882" s="10"/>
    </row>
    <row r="1028883" spans="14:14">
      <c r="N1028883" s="10"/>
    </row>
    <row r="1028884" spans="14:14">
      <c r="N1028884" s="10"/>
    </row>
    <row r="1028885" spans="14:14">
      <c r="N1028885" s="10"/>
    </row>
    <row r="1028886" spans="14:14">
      <c r="N1028886" s="10"/>
    </row>
    <row r="1028887" spans="14:14">
      <c r="N1028887" s="10"/>
    </row>
    <row r="1028888" spans="14:14">
      <c r="N1028888" s="10"/>
    </row>
    <row r="1028889" spans="14:14">
      <c r="N1028889" s="10"/>
    </row>
    <row r="1028890" spans="14:14">
      <c r="N1028890" s="10"/>
    </row>
    <row r="1028891" spans="14:14">
      <c r="N1028891" s="10"/>
    </row>
    <row r="1028892" spans="14:14">
      <c r="N1028892" s="10"/>
    </row>
    <row r="1028893" spans="14:14">
      <c r="N1028893" s="10"/>
    </row>
    <row r="1028894" spans="14:14">
      <c r="N1028894" s="10"/>
    </row>
    <row r="1028895" spans="14:14">
      <c r="N1028895" s="10"/>
    </row>
    <row r="1028896" spans="14:14">
      <c r="N1028896" s="10"/>
    </row>
    <row r="1028897" spans="14:14">
      <c r="N1028897" s="10"/>
    </row>
    <row r="1028898" spans="14:14">
      <c r="N1028898" s="10"/>
    </row>
    <row r="1028899" spans="14:14">
      <c r="N1028899" s="10"/>
    </row>
    <row r="1028900" spans="14:14">
      <c r="N1028900" s="10"/>
    </row>
    <row r="1028901" spans="14:14">
      <c r="N1028901" s="10"/>
    </row>
    <row r="1028902" spans="14:14">
      <c r="N1028902" s="10"/>
    </row>
    <row r="1028903" spans="14:14">
      <c r="N1028903" s="10"/>
    </row>
    <row r="1028904" spans="14:14">
      <c r="N1028904" s="10"/>
    </row>
    <row r="1028905" spans="14:14">
      <c r="N1028905" s="10"/>
    </row>
    <row r="1028906" spans="14:14">
      <c r="N1028906" s="10"/>
    </row>
    <row r="1028907" spans="14:14">
      <c r="N1028907" s="10"/>
    </row>
    <row r="1028908" spans="14:14">
      <c r="N1028908" s="10"/>
    </row>
    <row r="1028909" spans="14:14">
      <c r="N1028909" s="10"/>
    </row>
    <row r="1028910" spans="14:14">
      <c r="N1028910" s="10"/>
    </row>
    <row r="1028911" spans="14:14">
      <c r="N1028911" s="10"/>
    </row>
    <row r="1028912" spans="14:14">
      <c r="N1028912" s="10"/>
    </row>
    <row r="1028913" spans="14:14">
      <c r="N1028913" s="10"/>
    </row>
    <row r="1028914" spans="14:14">
      <c r="N1028914" s="10"/>
    </row>
    <row r="1028915" spans="14:14">
      <c r="N1028915" s="10"/>
    </row>
    <row r="1028916" spans="14:14">
      <c r="N1028916" s="10"/>
    </row>
    <row r="1028917" spans="14:14">
      <c r="N1028917" s="10"/>
    </row>
    <row r="1028918" spans="14:14">
      <c r="N1028918" s="10"/>
    </row>
    <row r="1028919" spans="14:14">
      <c r="N1028919" s="10"/>
    </row>
    <row r="1028920" spans="14:14">
      <c r="N1028920" s="10"/>
    </row>
    <row r="1028921" spans="14:14">
      <c r="N1028921" s="10"/>
    </row>
    <row r="1028922" spans="14:14">
      <c r="N1028922" s="10"/>
    </row>
    <row r="1028923" spans="14:14">
      <c r="N1028923" s="10"/>
    </row>
    <row r="1028924" spans="14:14">
      <c r="N1028924" s="10"/>
    </row>
    <row r="1028925" spans="14:14">
      <c r="N1028925" s="10"/>
    </row>
    <row r="1028926" spans="14:14">
      <c r="N1028926" s="10"/>
    </row>
    <row r="1028927" spans="14:14">
      <c r="N1028927" s="10"/>
    </row>
    <row r="1028928" spans="14:14">
      <c r="N1028928" s="10"/>
    </row>
    <row r="1028929" spans="14:14">
      <c r="N1028929" s="10"/>
    </row>
    <row r="1028930" spans="14:14">
      <c r="N1028930" s="10"/>
    </row>
    <row r="1028931" spans="14:14">
      <c r="N1028931" s="10"/>
    </row>
    <row r="1028932" spans="14:14">
      <c r="N1028932" s="10"/>
    </row>
    <row r="1028933" spans="14:14">
      <c r="N1028933" s="10"/>
    </row>
    <row r="1028934" spans="14:14">
      <c r="N1028934" s="10"/>
    </row>
    <row r="1028935" spans="14:14">
      <c r="N1028935" s="10"/>
    </row>
    <row r="1028936" spans="14:14">
      <c r="N1028936" s="10"/>
    </row>
    <row r="1028937" spans="14:14">
      <c r="N1028937" s="10"/>
    </row>
    <row r="1028938" spans="14:14">
      <c r="N1028938" s="10"/>
    </row>
    <row r="1028939" spans="14:14">
      <c r="N1028939" s="10"/>
    </row>
    <row r="1028940" spans="14:14">
      <c r="N1028940" s="10"/>
    </row>
    <row r="1028941" spans="14:14">
      <c r="N1028941" s="10"/>
    </row>
    <row r="1028942" spans="14:14">
      <c r="N1028942" s="10"/>
    </row>
    <row r="1028943" spans="14:14">
      <c r="N1028943" s="10"/>
    </row>
    <row r="1028944" spans="14:14">
      <c r="N1028944" s="10"/>
    </row>
    <row r="1028945" spans="14:14">
      <c r="N1028945" s="10"/>
    </row>
    <row r="1028946" spans="14:14">
      <c r="N1028946" s="10"/>
    </row>
    <row r="1028947" spans="14:14">
      <c r="N1028947" s="10"/>
    </row>
    <row r="1028948" spans="14:14">
      <c r="N1028948" s="10"/>
    </row>
    <row r="1028949" spans="14:14">
      <c r="N1028949" s="10"/>
    </row>
    <row r="1028950" spans="14:14">
      <c r="N1028950" s="10"/>
    </row>
    <row r="1028951" spans="14:14">
      <c r="N1028951" s="10"/>
    </row>
    <row r="1028952" spans="14:14">
      <c r="N1028952" s="10"/>
    </row>
    <row r="1028953" spans="14:14">
      <c r="N1028953" s="10"/>
    </row>
    <row r="1028954" spans="14:14">
      <c r="N1028954" s="10"/>
    </row>
    <row r="1028955" spans="14:14">
      <c r="N1028955" s="10"/>
    </row>
    <row r="1028956" spans="14:14">
      <c r="N1028956" s="10"/>
    </row>
    <row r="1028957" spans="14:14">
      <c r="N1028957" s="10"/>
    </row>
    <row r="1028958" spans="14:14">
      <c r="N1028958" s="10"/>
    </row>
    <row r="1028959" spans="14:14">
      <c r="N1028959" s="10"/>
    </row>
    <row r="1028960" spans="14:14">
      <c r="N1028960" s="10"/>
    </row>
    <row r="1028961" spans="14:14">
      <c r="N1028961" s="10"/>
    </row>
    <row r="1028962" spans="14:14">
      <c r="N1028962" s="10"/>
    </row>
    <row r="1028963" spans="14:14">
      <c r="N1028963" s="10"/>
    </row>
    <row r="1028964" spans="14:14">
      <c r="N1028964" s="10"/>
    </row>
    <row r="1028965" spans="14:14">
      <c r="N1028965" s="10"/>
    </row>
    <row r="1028966" spans="14:14">
      <c r="N1028966" s="10"/>
    </row>
    <row r="1028967" spans="14:14">
      <c r="N1028967" s="10"/>
    </row>
    <row r="1028968" spans="14:14">
      <c r="N1028968" s="10"/>
    </row>
    <row r="1028969" spans="14:14">
      <c r="N1028969" s="10"/>
    </row>
    <row r="1028970" spans="14:14">
      <c r="N1028970" s="10"/>
    </row>
    <row r="1028971" spans="14:14">
      <c r="N1028971" s="10"/>
    </row>
    <row r="1028972" spans="14:14">
      <c r="N1028972" s="10"/>
    </row>
    <row r="1028973" spans="14:14">
      <c r="N1028973" s="10"/>
    </row>
    <row r="1028974" spans="14:14">
      <c r="N1028974" s="10"/>
    </row>
    <row r="1028975" spans="14:14">
      <c r="N1028975" s="10"/>
    </row>
    <row r="1028976" spans="14:14">
      <c r="N1028976" s="10"/>
    </row>
    <row r="1028977" spans="14:14">
      <c r="N1028977" s="10"/>
    </row>
    <row r="1028978" spans="14:14">
      <c r="N1028978" s="10"/>
    </row>
    <row r="1028979" spans="14:14">
      <c r="N1028979" s="10"/>
    </row>
    <row r="1028980" spans="14:14">
      <c r="N1028980" s="10"/>
    </row>
    <row r="1028981" spans="14:14">
      <c r="N1028981" s="10"/>
    </row>
    <row r="1028982" spans="14:14">
      <c r="N1028982" s="10"/>
    </row>
    <row r="1028983" spans="14:14">
      <c r="N1028983" s="10"/>
    </row>
    <row r="1028984" spans="14:14">
      <c r="N1028984" s="10"/>
    </row>
    <row r="1028985" spans="14:14">
      <c r="N1028985" s="10"/>
    </row>
    <row r="1028986" spans="14:14">
      <c r="N1028986" s="10"/>
    </row>
    <row r="1028987" spans="14:14">
      <c r="N1028987" s="10"/>
    </row>
    <row r="1028988" spans="14:14">
      <c r="N1028988" s="10"/>
    </row>
    <row r="1028989" spans="14:14">
      <c r="N1028989" s="10"/>
    </row>
    <row r="1028990" spans="14:14">
      <c r="N1028990" s="10"/>
    </row>
    <row r="1028991" spans="14:14">
      <c r="N1028991" s="10"/>
    </row>
    <row r="1028992" spans="14:14">
      <c r="N1028992" s="10"/>
    </row>
    <row r="1028993" spans="14:14">
      <c r="N1028993" s="10"/>
    </row>
    <row r="1028994" spans="14:14">
      <c r="N1028994" s="10"/>
    </row>
    <row r="1028995" spans="14:14">
      <c r="N1028995" s="10"/>
    </row>
    <row r="1028996" spans="14:14">
      <c r="N1028996" s="10"/>
    </row>
    <row r="1028997" spans="14:14">
      <c r="N1028997" s="10"/>
    </row>
    <row r="1028998" spans="14:14">
      <c r="N1028998" s="10"/>
    </row>
    <row r="1028999" spans="14:14">
      <c r="N1028999" s="10"/>
    </row>
    <row r="1029000" spans="14:14">
      <c r="N1029000" s="10"/>
    </row>
    <row r="1029001" spans="14:14">
      <c r="N1029001" s="10"/>
    </row>
    <row r="1029002" spans="14:14">
      <c r="N1029002" s="10"/>
    </row>
    <row r="1029003" spans="14:14">
      <c r="N1029003" s="10"/>
    </row>
    <row r="1029004" spans="14:14">
      <c r="N1029004" s="10"/>
    </row>
    <row r="1029005" spans="14:14">
      <c r="N1029005" s="10"/>
    </row>
    <row r="1029006" spans="14:14">
      <c r="N1029006" s="10"/>
    </row>
    <row r="1029007" spans="14:14">
      <c r="N1029007" s="10"/>
    </row>
    <row r="1029008" spans="14:14">
      <c r="N1029008" s="10"/>
    </row>
    <row r="1029009" spans="14:14">
      <c r="N1029009" s="10"/>
    </row>
    <row r="1029010" spans="14:14">
      <c r="N1029010" s="10"/>
    </row>
    <row r="1029011" spans="14:14">
      <c r="N1029011" s="10"/>
    </row>
    <row r="1029012" spans="14:14">
      <c r="N1029012" s="10"/>
    </row>
    <row r="1029013" spans="14:14">
      <c r="N1029013" s="10"/>
    </row>
    <row r="1029014" spans="14:14">
      <c r="N1029014" s="10"/>
    </row>
    <row r="1029015" spans="14:14">
      <c r="N1029015" s="10"/>
    </row>
    <row r="1029016" spans="14:14">
      <c r="N1029016" s="10"/>
    </row>
    <row r="1029017" spans="14:14">
      <c r="N1029017" s="10"/>
    </row>
    <row r="1029018" spans="14:14">
      <c r="N1029018" s="10"/>
    </row>
    <row r="1029019" spans="14:14">
      <c r="N1029019" s="10"/>
    </row>
    <row r="1029020" spans="14:14">
      <c r="N1029020" s="10"/>
    </row>
    <row r="1029021" spans="14:14">
      <c r="N1029021" s="10"/>
    </row>
    <row r="1029022" spans="14:14">
      <c r="N1029022" s="10"/>
    </row>
    <row r="1029023" spans="14:14">
      <c r="N1029023" s="10"/>
    </row>
    <row r="1029024" spans="14:14">
      <c r="N1029024" s="10"/>
    </row>
    <row r="1029025" spans="14:14">
      <c r="N1029025" s="10"/>
    </row>
    <row r="1029026" spans="14:14">
      <c r="N1029026" s="10"/>
    </row>
    <row r="1029027" spans="14:14">
      <c r="N1029027" s="10"/>
    </row>
    <row r="1029028" spans="14:14">
      <c r="N1029028" s="10"/>
    </row>
    <row r="1029029" spans="14:14">
      <c r="N1029029" s="10"/>
    </row>
    <row r="1029030" spans="14:14">
      <c r="N1029030" s="10"/>
    </row>
    <row r="1029031" spans="14:14">
      <c r="N1029031" s="10"/>
    </row>
    <row r="1029032" spans="14:14">
      <c r="N1029032" s="10"/>
    </row>
    <row r="1029033" spans="14:14">
      <c r="N1029033" s="10"/>
    </row>
    <row r="1029034" spans="14:14">
      <c r="N1029034" s="10"/>
    </row>
    <row r="1029035" spans="14:14">
      <c r="N1029035" s="10"/>
    </row>
    <row r="1029036" spans="14:14">
      <c r="N1029036" s="10"/>
    </row>
    <row r="1029037" spans="14:14">
      <c r="N1029037" s="10"/>
    </row>
    <row r="1029038" spans="14:14">
      <c r="N1029038" s="10"/>
    </row>
    <row r="1029039" spans="14:14">
      <c r="N1029039" s="10"/>
    </row>
    <row r="1029040" spans="14:14">
      <c r="N1029040" s="10"/>
    </row>
    <row r="1029041" spans="14:14">
      <c r="N1029041" s="10"/>
    </row>
    <row r="1029042" spans="14:14">
      <c r="N1029042" s="10"/>
    </row>
    <row r="1029043" spans="14:14">
      <c r="N1029043" s="10"/>
    </row>
    <row r="1029044" spans="14:14">
      <c r="N1029044" s="10"/>
    </row>
    <row r="1029045" spans="14:14">
      <c r="N1029045" s="10"/>
    </row>
    <row r="1029046" spans="14:14">
      <c r="N1029046" s="10"/>
    </row>
    <row r="1029047" spans="14:14">
      <c r="N1029047" s="10"/>
    </row>
    <row r="1029048" spans="14:14">
      <c r="N1029048" s="10"/>
    </row>
    <row r="1029049" spans="14:14">
      <c r="N1029049" s="10"/>
    </row>
    <row r="1029050" spans="14:14">
      <c r="N1029050" s="10"/>
    </row>
    <row r="1029051" spans="14:14">
      <c r="N1029051" s="10"/>
    </row>
    <row r="1029052" spans="14:14">
      <c r="N1029052" s="10"/>
    </row>
    <row r="1029053" spans="14:14">
      <c r="N1029053" s="10"/>
    </row>
    <row r="1029054" spans="14:14">
      <c r="N1029054" s="10"/>
    </row>
    <row r="1029055" spans="14:14">
      <c r="N1029055" s="10"/>
    </row>
    <row r="1029056" spans="14:14">
      <c r="N1029056" s="10"/>
    </row>
    <row r="1029057" spans="14:14">
      <c r="N1029057" s="10"/>
    </row>
    <row r="1029058" spans="14:14">
      <c r="N1029058" s="10"/>
    </row>
    <row r="1029059" spans="14:14">
      <c r="N1029059" s="10"/>
    </row>
    <row r="1029060" spans="14:14">
      <c r="N1029060" s="10"/>
    </row>
    <row r="1029061" spans="14:14">
      <c r="N1029061" s="10"/>
    </row>
    <row r="1029062" spans="14:14">
      <c r="N1029062" s="10"/>
    </row>
    <row r="1029063" spans="14:14">
      <c r="N1029063" s="10"/>
    </row>
    <row r="1029064" spans="14:14">
      <c r="N1029064" s="10"/>
    </row>
    <row r="1029065" spans="14:14">
      <c r="N1029065" s="10"/>
    </row>
    <row r="1029066" spans="14:14">
      <c r="N1029066" s="10"/>
    </row>
    <row r="1029067" spans="14:14">
      <c r="N1029067" s="10"/>
    </row>
    <row r="1029068" spans="14:14">
      <c r="N1029068" s="10"/>
    </row>
    <row r="1029069" spans="14:14">
      <c r="N1029069" s="10"/>
    </row>
    <row r="1029070" spans="14:14">
      <c r="N1029070" s="10"/>
    </row>
    <row r="1029071" spans="14:14">
      <c r="N1029071" s="10"/>
    </row>
    <row r="1029072" spans="14:14">
      <c r="N1029072" s="10"/>
    </row>
    <row r="1029073" spans="14:14">
      <c r="N1029073" s="10"/>
    </row>
    <row r="1029074" spans="14:14">
      <c r="N1029074" s="10"/>
    </row>
    <row r="1029075" spans="14:14">
      <c r="N1029075" s="10"/>
    </row>
    <row r="1029076" spans="14:14">
      <c r="N1029076" s="10"/>
    </row>
    <row r="1029077" spans="14:14">
      <c r="N1029077" s="10"/>
    </row>
    <row r="1029078" spans="14:14">
      <c r="N1029078" s="10"/>
    </row>
    <row r="1029079" spans="14:14">
      <c r="N1029079" s="10"/>
    </row>
    <row r="1029080" spans="14:14">
      <c r="N1029080" s="10"/>
    </row>
    <row r="1029081" spans="14:14">
      <c r="N1029081" s="10"/>
    </row>
    <row r="1029082" spans="14:14">
      <c r="N1029082" s="10"/>
    </row>
    <row r="1029083" spans="14:14">
      <c r="N1029083" s="10"/>
    </row>
    <row r="1029084" spans="14:14">
      <c r="N1029084" s="10"/>
    </row>
    <row r="1029085" spans="14:14">
      <c r="N1029085" s="10"/>
    </row>
    <row r="1029086" spans="14:14">
      <c r="N1029086" s="10"/>
    </row>
    <row r="1029087" spans="14:14">
      <c r="N1029087" s="10"/>
    </row>
    <row r="1029088" spans="14:14">
      <c r="N1029088" s="10"/>
    </row>
    <row r="1029089" spans="14:14">
      <c r="N1029089" s="10"/>
    </row>
    <row r="1029090" spans="14:14">
      <c r="N1029090" s="10"/>
    </row>
    <row r="1029091" spans="14:14">
      <c r="N1029091" s="10"/>
    </row>
    <row r="1029092" spans="14:14">
      <c r="N1029092" s="10"/>
    </row>
    <row r="1029093" spans="14:14">
      <c r="N1029093" s="10"/>
    </row>
    <row r="1029094" spans="14:14">
      <c r="N1029094" s="10"/>
    </row>
    <row r="1029095" spans="14:14">
      <c r="N1029095" s="10"/>
    </row>
    <row r="1029096" spans="14:14">
      <c r="N1029096" s="10"/>
    </row>
    <row r="1029097" spans="14:14">
      <c r="N1029097" s="10"/>
    </row>
    <row r="1029098" spans="14:14">
      <c r="N1029098" s="10"/>
    </row>
    <row r="1029099" spans="14:14">
      <c r="N1029099" s="10"/>
    </row>
    <row r="1029100" spans="14:14">
      <c r="N1029100" s="10"/>
    </row>
    <row r="1029101" spans="14:14">
      <c r="N1029101" s="10"/>
    </row>
    <row r="1029102" spans="14:14">
      <c r="N1029102" s="10"/>
    </row>
    <row r="1029103" spans="14:14">
      <c r="N1029103" s="10"/>
    </row>
    <row r="1029104" spans="14:14">
      <c r="N1029104" s="10"/>
    </row>
    <row r="1029105" spans="14:14">
      <c r="N1029105" s="10"/>
    </row>
    <row r="1029106" spans="14:14">
      <c r="N1029106" s="10"/>
    </row>
    <row r="1029107" spans="14:14">
      <c r="N1029107" s="10"/>
    </row>
    <row r="1029108" spans="14:14">
      <c r="N1029108" s="10"/>
    </row>
    <row r="1029109" spans="14:14">
      <c r="N1029109" s="10"/>
    </row>
    <row r="1029110" spans="14:14">
      <c r="N1029110" s="10"/>
    </row>
    <row r="1029111" spans="14:14">
      <c r="N1029111" s="10"/>
    </row>
    <row r="1029112" spans="14:14">
      <c r="N1029112" s="10"/>
    </row>
    <row r="1029113" spans="14:14">
      <c r="N1029113" s="10"/>
    </row>
    <row r="1029114" spans="14:14">
      <c r="N1029114" s="10"/>
    </row>
    <row r="1029115" spans="14:14">
      <c r="N1029115" s="10"/>
    </row>
    <row r="1029116" spans="14:14">
      <c r="N1029116" s="10"/>
    </row>
    <row r="1029117" spans="14:14">
      <c r="N1029117" s="10"/>
    </row>
    <row r="1029118" spans="14:14">
      <c r="N1029118" s="10"/>
    </row>
    <row r="1029119" spans="14:14">
      <c r="N1029119" s="10"/>
    </row>
    <row r="1029120" spans="14:14">
      <c r="N1029120" s="10"/>
    </row>
    <row r="1029121" spans="14:14">
      <c r="N1029121" s="10"/>
    </row>
    <row r="1029122" spans="14:14">
      <c r="N1029122" s="10"/>
    </row>
    <row r="1029123" spans="14:14">
      <c r="N1029123" s="10"/>
    </row>
    <row r="1029124" spans="14:14">
      <c r="N1029124" s="10"/>
    </row>
    <row r="1029125" spans="14:14">
      <c r="N1029125" s="10"/>
    </row>
    <row r="1029126" spans="14:14">
      <c r="N1029126" s="10"/>
    </row>
    <row r="1029127" spans="14:14">
      <c r="N1029127" s="10"/>
    </row>
    <row r="1029128" spans="14:14">
      <c r="N1029128" s="10"/>
    </row>
    <row r="1029129" spans="14:14">
      <c r="N1029129" s="10"/>
    </row>
    <row r="1029130" spans="14:14">
      <c r="N1029130" s="10"/>
    </row>
    <row r="1029131" spans="14:14">
      <c r="N1029131" s="10"/>
    </row>
    <row r="1029132" spans="14:14">
      <c r="N1029132" s="10"/>
    </row>
    <row r="1029133" spans="14:14">
      <c r="N1029133" s="10"/>
    </row>
    <row r="1029134" spans="14:14">
      <c r="N1029134" s="10"/>
    </row>
    <row r="1029135" spans="14:14">
      <c r="N1029135" s="10"/>
    </row>
    <row r="1029136" spans="14:14">
      <c r="N1029136" s="10"/>
    </row>
    <row r="1029137" spans="14:14">
      <c r="N1029137" s="10"/>
    </row>
    <row r="1029138" spans="14:14">
      <c r="N1029138" s="10"/>
    </row>
    <row r="1029139" spans="14:14">
      <c r="N1029139" s="10"/>
    </row>
    <row r="1029140" spans="14:14">
      <c r="N1029140" s="10"/>
    </row>
    <row r="1029141" spans="14:14">
      <c r="N1029141" s="10"/>
    </row>
    <row r="1029142" spans="14:14">
      <c r="N1029142" s="10"/>
    </row>
    <row r="1029143" spans="14:14">
      <c r="N1029143" s="10"/>
    </row>
    <row r="1029144" spans="14:14">
      <c r="N1029144" s="10"/>
    </row>
    <row r="1029145" spans="14:14">
      <c r="N1029145" s="10"/>
    </row>
    <row r="1029146" spans="14:14">
      <c r="N1029146" s="10"/>
    </row>
    <row r="1029147" spans="14:14">
      <c r="N1029147" s="10"/>
    </row>
    <row r="1029148" spans="14:14">
      <c r="N1029148" s="10"/>
    </row>
    <row r="1029149" spans="14:14">
      <c r="N1029149" s="10"/>
    </row>
    <row r="1029150" spans="14:14">
      <c r="N1029150" s="10"/>
    </row>
    <row r="1029151" spans="14:14">
      <c r="N1029151" s="10"/>
    </row>
    <row r="1029152" spans="14:14">
      <c r="N1029152" s="10"/>
    </row>
    <row r="1029153" spans="14:14">
      <c r="N1029153" s="10"/>
    </row>
    <row r="1029154" spans="14:14">
      <c r="N1029154" s="10"/>
    </row>
    <row r="1029155" spans="14:14">
      <c r="N1029155" s="10"/>
    </row>
    <row r="1029156" spans="14:14">
      <c r="N1029156" s="10"/>
    </row>
    <row r="1029157" spans="14:14">
      <c r="N1029157" s="10"/>
    </row>
    <row r="1029158" spans="14:14">
      <c r="N1029158" s="10"/>
    </row>
    <row r="1029159" spans="14:14">
      <c r="N1029159" s="10"/>
    </row>
    <row r="1029160" spans="14:14">
      <c r="N1029160" s="10"/>
    </row>
    <row r="1029161" spans="14:14">
      <c r="N1029161" s="10"/>
    </row>
    <row r="1029162" spans="14:14">
      <c r="N1029162" s="10"/>
    </row>
    <row r="1029163" spans="14:14">
      <c r="N1029163" s="10"/>
    </row>
    <row r="1029164" spans="14:14">
      <c r="N1029164" s="10"/>
    </row>
    <row r="1029165" spans="14:14">
      <c r="N1029165" s="10"/>
    </row>
    <row r="1029166" spans="14:14">
      <c r="N1029166" s="10"/>
    </row>
    <row r="1029167" spans="14:14">
      <c r="N1029167" s="10"/>
    </row>
    <row r="1029168" spans="14:14">
      <c r="N1029168" s="10"/>
    </row>
    <row r="1029169" spans="14:14">
      <c r="N1029169" s="10"/>
    </row>
    <row r="1029170" spans="14:14">
      <c r="N1029170" s="10"/>
    </row>
    <row r="1029171" spans="14:14">
      <c r="N1029171" s="10"/>
    </row>
    <row r="1029172" spans="14:14">
      <c r="N1029172" s="10"/>
    </row>
    <row r="1029173" spans="14:14">
      <c r="N1029173" s="10"/>
    </row>
    <row r="1029174" spans="14:14">
      <c r="N1029174" s="10"/>
    </row>
    <row r="1029175" spans="14:14">
      <c r="N1029175" s="10"/>
    </row>
    <row r="1029176" spans="14:14">
      <c r="N1029176" s="10"/>
    </row>
    <row r="1029177" spans="14:14">
      <c r="N1029177" s="10"/>
    </row>
    <row r="1029178" spans="14:14">
      <c r="N1029178" s="10"/>
    </row>
    <row r="1029179" spans="14:14">
      <c r="N1029179" s="10"/>
    </row>
    <row r="1029180" spans="14:14">
      <c r="N1029180" s="10"/>
    </row>
    <row r="1029181" spans="14:14">
      <c r="N1029181" s="10"/>
    </row>
    <row r="1029182" spans="14:14">
      <c r="N1029182" s="10"/>
    </row>
    <row r="1029183" spans="14:14">
      <c r="N1029183" s="10"/>
    </row>
    <row r="1029184" spans="14:14">
      <c r="N1029184" s="10"/>
    </row>
    <row r="1029185" spans="14:14">
      <c r="N1029185" s="10"/>
    </row>
    <row r="1029186" spans="14:14">
      <c r="N1029186" s="10"/>
    </row>
    <row r="1029187" spans="14:14">
      <c r="N1029187" s="10"/>
    </row>
    <row r="1029188" spans="14:14">
      <c r="N1029188" s="10"/>
    </row>
    <row r="1029189" spans="14:14">
      <c r="N1029189" s="10"/>
    </row>
    <row r="1029190" spans="14:14">
      <c r="N1029190" s="10"/>
    </row>
    <row r="1029191" spans="14:14">
      <c r="N1029191" s="10"/>
    </row>
    <row r="1029192" spans="14:14">
      <c r="N1029192" s="10"/>
    </row>
    <row r="1029193" spans="14:14">
      <c r="N1029193" s="10"/>
    </row>
    <row r="1029194" spans="14:14">
      <c r="N1029194" s="10"/>
    </row>
    <row r="1029195" spans="14:14">
      <c r="N1029195" s="10"/>
    </row>
    <row r="1029196" spans="14:14">
      <c r="N1029196" s="10"/>
    </row>
    <row r="1029197" spans="14:14">
      <c r="N1029197" s="10"/>
    </row>
    <row r="1029198" spans="14:14">
      <c r="N1029198" s="10"/>
    </row>
    <row r="1029199" spans="14:14">
      <c r="N1029199" s="10"/>
    </row>
    <row r="1029200" spans="14:14">
      <c r="N1029200" s="10"/>
    </row>
    <row r="1029201" spans="14:14">
      <c r="N1029201" s="10"/>
    </row>
    <row r="1029202" spans="14:14">
      <c r="N1029202" s="10"/>
    </row>
    <row r="1029203" spans="14:14">
      <c r="N1029203" s="10"/>
    </row>
    <row r="1029204" spans="14:14">
      <c r="N1029204" s="10"/>
    </row>
    <row r="1029205" spans="14:14">
      <c r="N1029205" s="10"/>
    </row>
    <row r="1029206" spans="14:14">
      <c r="N1029206" s="10"/>
    </row>
    <row r="1029207" spans="14:14">
      <c r="N1029207" s="10"/>
    </row>
    <row r="1029208" spans="14:14">
      <c r="N1029208" s="10"/>
    </row>
    <row r="1029209" spans="14:14">
      <c r="N1029209" s="10"/>
    </row>
    <row r="1029210" spans="14:14">
      <c r="N1029210" s="10"/>
    </row>
    <row r="1029211" spans="14:14">
      <c r="N1029211" s="10"/>
    </row>
    <row r="1029212" spans="14:14">
      <c r="N1029212" s="10"/>
    </row>
    <row r="1029213" spans="14:14">
      <c r="N1029213" s="10"/>
    </row>
    <row r="1029214" spans="14:14">
      <c r="N1029214" s="10"/>
    </row>
    <row r="1029215" spans="14:14">
      <c r="N1029215" s="10"/>
    </row>
    <row r="1029216" spans="14:14">
      <c r="N1029216" s="10"/>
    </row>
    <row r="1029217" spans="14:14">
      <c r="N1029217" s="10"/>
    </row>
    <row r="1029218" spans="14:14">
      <c r="N1029218" s="10"/>
    </row>
    <row r="1029219" spans="14:14">
      <c r="N1029219" s="10"/>
    </row>
    <row r="1029220" spans="14:14">
      <c r="N1029220" s="10"/>
    </row>
    <row r="1029221" spans="14:14">
      <c r="N1029221" s="10"/>
    </row>
    <row r="1029222" spans="14:14">
      <c r="N1029222" s="10"/>
    </row>
    <row r="1029223" spans="14:14">
      <c r="N1029223" s="10"/>
    </row>
    <row r="1029224" spans="14:14">
      <c r="N1029224" s="10"/>
    </row>
    <row r="1029225" spans="14:14">
      <c r="N1029225" s="10"/>
    </row>
    <row r="1029226" spans="14:14">
      <c r="N1029226" s="10"/>
    </row>
    <row r="1029227" spans="14:14">
      <c r="N1029227" s="10"/>
    </row>
    <row r="1029228" spans="14:14">
      <c r="N1029228" s="10"/>
    </row>
    <row r="1029229" spans="14:14">
      <c r="N1029229" s="10"/>
    </row>
    <row r="1029230" spans="14:14">
      <c r="N1029230" s="10"/>
    </row>
    <row r="1029231" spans="14:14">
      <c r="N1029231" s="10"/>
    </row>
    <row r="1029232" spans="14:14">
      <c r="N1029232" s="10"/>
    </row>
    <row r="1029233" spans="14:14">
      <c r="N1029233" s="10"/>
    </row>
    <row r="1029234" spans="14:14">
      <c r="N1029234" s="10"/>
    </row>
    <row r="1029235" spans="14:14">
      <c r="N1029235" s="10"/>
    </row>
    <row r="1029236" spans="14:14">
      <c r="N1029236" s="10"/>
    </row>
    <row r="1029237" spans="14:14">
      <c r="N1029237" s="10"/>
    </row>
    <row r="1029238" spans="14:14">
      <c r="N1029238" s="10"/>
    </row>
    <row r="1029239" spans="14:14">
      <c r="N1029239" s="10"/>
    </row>
    <row r="1029240" spans="14:14">
      <c r="N1029240" s="10"/>
    </row>
    <row r="1029241" spans="14:14">
      <c r="N1029241" s="10"/>
    </row>
    <row r="1029242" spans="14:14">
      <c r="N1029242" s="10"/>
    </row>
    <row r="1029243" spans="14:14">
      <c r="N1029243" s="10"/>
    </row>
    <row r="1029244" spans="14:14">
      <c r="N1029244" s="10"/>
    </row>
    <row r="1029245" spans="14:14">
      <c r="N1029245" s="10"/>
    </row>
    <row r="1029246" spans="14:14">
      <c r="N1029246" s="10"/>
    </row>
    <row r="1029247" spans="14:14">
      <c r="N1029247" s="10"/>
    </row>
    <row r="1029248" spans="14:14">
      <c r="N1029248" s="10"/>
    </row>
    <row r="1029249" spans="14:14">
      <c r="N1029249" s="10"/>
    </row>
    <row r="1029250" spans="14:14">
      <c r="N1029250" s="10"/>
    </row>
    <row r="1029251" spans="14:14">
      <c r="N1029251" s="10"/>
    </row>
    <row r="1029252" spans="14:14">
      <c r="N1029252" s="10"/>
    </row>
    <row r="1029253" spans="14:14">
      <c r="N1029253" s="10"/>
    </row>
    <row r="1029254" spans="14:14">
      <c r="N1029254" s="10"/>
    </row>
    <row r="1029255" spans="14:14">
      <c r="N1029255" s="10"/>
    </row>
    <row r="1029256" spans="14:14">
      <c r="N1029256" s="10"/>
    </row>
    <row r="1029257" spans="14:14">
      <c r="N1029257" s="10"/>
    </row>
    <row r="1029258" spans="14:14">
      <c r="N1029258" s="10"/>
    </row>
    <row r="1029259" spans="14:14">
      <c r="N1029259" s="10"/>
    </row>
    <row r="1029260" spans="14:14">
      <c r="N1029260" s="10"/>
    </row>
    <row r="1029261" spans="14:14">
      <c r="N1029261" s="10"/>
    </row>
    <row r="1029262" spans="14:14">
      <c r="N1029262" s="10"/>
    </row>
    <row r="1029263" spans="14:14">
      <c r="N1029263" s="10"/>
    </row>
    <row r="1029264" spans="14:14">
      <c r="N1029264" s="10"/>
    </row>
    <row r="1029265" spans="14:14">
      <c r="N1029265" s="10"/>
    </row>
    <row r="1029266" spans="14:14">
      <c r="N1029266" s="10"/>
    </row>
    <row r="1029267" spans="14:14">
      <c r="N1029267" s="10"/>
    </row>
    <row r="1029268" spans="14:14">
      <c r="N1029268" s="10"/>
    </row>
    <row r="1029269" spans="14:14">
      <c r="N1029269" s="10"/>
    </row>
    <row r="1029270" spans="14:14">
      <c r="N1029270" s="10"/>
    </row>
    <row r="1029271" spans="14:14">
      <c r="N1029271" s="10"/>
    </row>
    <row r="1029272" spans="14:14">
      <c r="N1029272" s="10"/>
    </row>
    <row r="1029273" spans="14:14">
      <c r="N1029273" s="10"/>
    </row>
    <row r="1029274" spans="14:14">
      <c r="N1029274" s="10"/>
    </row>
    <row r="1029275" spans="14:14">
      <c r="N1029275" s="10"/>
    </row>
    <row r="1029276" spans="14:14">
      <c r="N1029276" s="10"/>
    </row>
    <row r="1029277" spans="14:14">
      <c r="N1029277" s="10"/>
    </row>
    <row r="1029278" spans="14:14">
      <c r="N1029278" s="10"/>
    </row>
    <row r="1029279" spans="14:14">
      <c r="N1029279" s="10"/>
    </row>
    <row r="1029280" spans="14:14">
      <c r="N1029280" s="10"/>
    </row>
    <row r="1029281" spans="14:14">
      <c r="N1029281" s="10"/>
    </row>
    <row r="1029282" spans="14:14">
      <c r="N1029282" s="10"/>
    </row>
    <row r="1029283" spans="14:14">
      <c r="N1029283" s="10"/>
    </row>
    <row r="1029284" spans="14:14">
      <c r="N1029284" s="10"/>
    </row>
    <row r="1029285" spans="14:14">
      <c r="N1029285" s="10"/>
    </row>
    <row r="1029286" spans="14:14">
      <c r="N1029286" s="10"/>
    </row>
    <row r="1029287" spans="14:14">
      <c r="N1029287" s="10"/>
    </row>
    <row r="1029288" spans="14:14">
      <c r="N1029288" s="10"/>
    </row>
    <row r="1029289" spans="14:14">
      <c r="N1029289" s="10"/>
    </row>
    <row r="1029290" spans="14:14">
      <c r="N1029290" s="10"/>
    </row>
    <row r="1029291" spans="14:14">
      <c r="N1029291" s="10"/>
    </row>
    <row r="1029292" spans="14:14">
      <c r="N1029292" s="10"/>
    </row>
    <row r="1029293" spans="14:14">
      <c r="N1029293" s="10"/>
    </row>
    <row r="1029294" spans="14:14">
      <c r="N1029294" s="10"/>
    </row>
    <row r="1029295" spans="14:14">
      <c r="N1029295" s="10"/>
    </row>
    <row r="1029296" spans="14:14">
      <c r="N1029296" s="10"/>
    </row>
    <row r="1029297" spans="14:14">
      <c r="N1029297" s="10"/>
    </row>
    <row r="1029298" spans="14:14">
      <c r="N1029298" s="10"/>
    </row>
    <row r="1029299" spans="14:14">
      <c r="N1029299" s="10"/>
    </row>
    <row r="1029300" spans="14:14">
      <c r="N1029300" s="10"/>
    </row>
    <row r="1029301" spans="14:14">
      <c r="N1029301" s="10"/>
    </row>
    <row r="1029302" spans="14:14">
      <c r="N1029302" s="10"/>
    </row>
    <row r="1029303" spans="14:14">
      <c r="N1029303" s="10"/>
    </row>
    <row r="1029304" spans="14:14">
      <c r="N1029304" s="10"/>
    </row>
    <row r="1029305" spans="14:14">
      <c r="N1029305" s="10"/>
    </row>
    <row r="1029306" spans="14:14">
      <c r="N1029306" s="10"/>
    </row>
    <row r="1029307" spans="14:14">
      <c r="N1029307" s="10"/>
    </row>
    <row r="1029308" spans="14:14">
      <c r="N1029308" s="10"/>
    </row>
    <row r="1029309" spans="14:14">
      <c r="N1029309" s="10"/>
    </row>
    <row r="1029310" spans="14:14">
      <c r="N1029310" s="10"/>
    </row>
    <row r="1029311" spans="14:14">
      <c r="N1029311" s="10"/>
    </row>
    <row r="1029312" spans="14:14">
      <c r="N1029312" s="10"/>
    </row>
    <row r="1029313" spans="14:14">
      <c r="N1029313" s="10"/>
    </row>
    <row r="1029314" spans="14:14">
      <c r="N1029314" s="10"/>
    </row>
    <row r="1029315" spans="14:14">
      <c r="N1029315" s="10"/>
    </row>
    <row r="1029316" spans="14:14">
      <c r="N1029316" s="10"/>
    </row>
    <row r="1029317" spans="14:14">
      <c r="N1029317" s="10"/>
    </row>
    <row r="1029318" spans="14:14">
      <c r="N1029318" s="10"/>
    </row>
    <row r="1029319" spans="14:14">
      <c r="N1029319" s="10"/>
    </row>
    <row r="1029320" spans="14:14">
      <c r="N1029320" s="10"/>
    </row>
    <row r="1029321" spans="14:14">
      <c r="N1029321" s="10"/>
    </row>
    <row r="1029322" spans="14:14">
      <c r="N1029322" s="10"/>
    </row>
    <row r="1029323" spans="14:14">
      <c r="N1029323" s="10"/>
    </row>
    <row r="1029324" spans="14:14">
      <c r="N1029324" s="10"/>
    </row>
    <row r="1029325" spans="14:14">
      <c r="N1029325" s="10"/>
    </row>
    <row r="1029326" spans="14:14">
      <c r="N1029326" s="10"/>
    </row>
    <row r="1029327" spans="14:14">
      <c r="N1029327" s="10"/>
    </row>
    <row r="1029328" spans="14:14">
      <c r="N1029328" s="10"/>
    </row>
    <row r="1029329" spans="14:14">
      <c r="N1029329" s="10"/>
    </row>
    <row r="1029330" spans="14:14">
      <c r="N1029330" s="10"/>
    </row>
    <row r="1029331" spans="14:14">
      <c r="N1029331" s="10"/>
    </row>
    <row r="1029332" spans="14:14">
      <c r="N1029332" s="10"/>
    </row>
    <row r="1029333" spans="14:14">
      <c r="N1029333" s="10"/>
    </row>
    <row r="1029334" spans="14:14">
      <c r="N1029334" s="10"/>
    </row>
    <row r="1029335" spans="14:14">
      <c r="N1029335" s="10"/>
    </row>
    <row r="1029336" spans="14:14">
      <c r="N1029336" s="10"/>
    </row>
    <row r="1029337" spans="14:14">
      <c r="N1029337" s="10"/>
    </row>
    <row r="1029338" spans="14:14">
      <c r="N1029338" s="10"/>
    </row>
    <row r="1029339" spans="14:14">
      <c r="N1029339" s="10"/>
    </row>
    <row r="1029340" spans="14:14">
      <c r="N1029340" s="10"/>
    </row>
    <row r="1029341" spans="14:14">
      <c r="N1029341" s="10"/>
    </row>
    <row r="1029342" spans="14:14">
      <c r="N1029342" s="10"/>
    </row>
    <row r="1029343" spans="14:14">
      <c r="N1029343" s="10"/>
    </row>
    <row r="1029344" spans="14:14">
      <c r="N1029344" s="10"/>
    </row>
    <row r="1029345" spans="14:14">
      <c r="N1029345" s="10"/>
    </row>
    <row r="1029346" spans="14:14">
      <c r="N1029346" s="10"/>
    </row>
    <row r="1029347" spans="14:14">
      <c r="N1029347" s="10"/>
    </row>
    <row r="1029348" spans="14:14">
      <c r="N1029348" s="10"/>
    </row>
    <row r="1029349" spans="14:14">
      <c r="N1029349" s="10"/>
    </row>
    <row r="1029350" spans="14:14">
      <c r="N1029350" s="10"/>
    </row>
    <row r="1029351" spans="14:14">
      <c r="N1029351" s="10"/>
    </row>
    <row r="1029352" spans="14:14">
      <c r="N1029352" s="10"/>
    </row>
    <row r="1029353" spans="14:14">
      <c r="N1029353" s="10"/>
    </row>
    <row r="1029354" spans="14:14">
      <c r="N1029354" s="10"/>
    </row>
    <row r="1029355" spans="14:14">
      <c r="N1029355" s="10"/>
    </row>
    <row r="1029356" spans="14:14">
      <c r="N1029356" s="10"/>
    </row>
    <row r="1029357" spans="14:14">
      <c r="N1029357" s="10"/>
    </row>
    <row r="1029358" spans="14:14">
      <c r="N1029358" s="10"/>
    </row>
    <row r="1029359" spans="14:14">
      <c r="N1029359" s="10"/>
    </row>
    <row r="1029360" spans="14:14">
      <c r="N1029360" s="10"/>
    </row>
    <row r="1029361" spans="14:14">
      <c r="N1029361" s="10"/>
    </row>
    <row r="1029362" spans="14:14">
      <c r="N1029362" s="10"/>
    </row>
    <row r="1029363" spans="14:14">
      <c r="N1029363" s="10"/>
    </row>
    <row r="1029364" spans="14:14">
      <c r="N1029364" s="10"/>
    </row>
    <row r="1029365" spans="14:14">
      <c r="N1029365" s="10"/>
    </row>
    <row r="1029366" spans="14:14">
      <c r="N1029366" s="10"/>
    </row>
    <row r="1029367" spans="14:14">
      <c r="N1029367" s="10"/>
    </row>
    <row r="1029368" spans="14:14">
      <c r="N1029368" s="10"/>
    </row>
    <row r="1029369" spans="14:14">
      <c r="N1029369" s="10"/>
    </row>
    <row r="1029370" spans="14:14">
      <c r="N1029370" s="10"/>
    </row>
    <row r="1029371" spans="14:14">
      <c r="N1029371" s="10"/>
    </row>
    <row r="1029372" spans="14:14">
      <c r="N1029372" s="10"/>
    </row>
    <row r="1029373" spans="14:14">
      <c r="N1029373" s="10"/>
    </row>
    <row r="1029374" spans="14:14">
      <c r="N1029374" s="10"/>
    </row>
    <row r="1029375" spans="14:14">
      <c r="N1029375" s="10"/>
    </row>
    <row r="1029376" spans="14:14">
      <c r="N1029376" s="10"/>
    </row>
    <row r="1029377" spans="14:14">
      <c r="N1029377" s="10"/>
    </row>
    <row r="1029378" spans="14:14">
      <c r="N1029378" s="10"/>
    </row>
    <row r="1029379" spans="14:14">
      <c r="N1029379" s="10"/>
    </row>
    <row r="1029380" spans="14:14">
      <c r="N1029380" s="10"/>
    </row>
    <row r="1029381" spans="14:14">
      <c r="N1029381" s="10"/>
    </row>
    <row r="1029382" spans="14:14">
      <c r="N1029382" s="10"/>
    </row>
    <row r="1029383" spans="14:14">
      <c r="N1029383" s="10"/>
    </row>
    <row r="1029384" spans="14:14">
      <c r="N1029384" s="10"/>
    </row>
    <row r="1029385" spans="14:14">
      <c r="N1029385" s="10"/>
    </row>
    <row r="1029386" spans="14:14">
      <c r="N1029386" s="10"/>
    </row>
    <row r="1029387" spans="14:14">
      <c r="N1029387" s="10"/>
    </row>
    <row r="1029388" spans="14:14">
      <c r="N1029388" s="10"/>
    </row>
    <row r="1029389" spans="14:14">
      <c r="N1029389" s="10"/>
    </row>
    <row r="1029390" spans="14:14">
      <c r="N1029390" s="10"/>
    </row>
    <row r="1029391" spans="14:14">
      <c r="N1029391" s="10"/>
    </row>
    <row r="1029392" spans="14:14">
      <c r="N1029392" s="10"/>
    </row>
    <row r="1029393" spans="14:14">
      <c r="N1029393" s="10"/>
    </row>
    <row r="1029394" spans="14:14">
      <c r="N1029394" s="10"/>
    </row>
    <row r="1029395" spans="14:14">
      <c r="N1029395" s="10"/>
    </row>
    <row r="1029396" spans="14:14">
      <c r="N1029396" s="10"/>
    </row>
    <row r="1029397" spans="14:14">
      <c r="N1029397" s="10"/>
    </row>
    <row r="1029398" spans="14:14">
      <c r="N1029398" s="10"/>
    </row>
    <row r="1029399" spans="14:14">
      <c r="N1029399" s="10"/>
    </row>
    <row r="1029400" spans="14:14">
      <c r="N1029400" s="10"/>
    </row>
    <row r="1029401" spans="14:14">
      <c r="N1029401" s="10"/>
    </row>
    <row r="1029402" spans="14:14">
      <c r="N1029402" s="10"/>
    </row>
    <row r="1029403" spans="14:14">
      <c r="N1029403" s="10"/>
    </row>
    <row r="1029404" spans="14:14">
      <c r="N1029404" s="10"/>
    </row>
    <row r="1029405" spans="14:14">
      <c r="N1029405" s="10"/>
    </row>
    <row r="1029406" spans="14:14">
      <c r="N1029406" s="10"/>
    </row>
    <row r="1029407" spans="14:14">
      <c r="N1029407" s="10"/>
    </row>
    <row r="1029408" spans="14:14">
      <c r="N1029408" s="10"/>
    </row>
    <row r="1029409" spans="14:14">
      <c r="N1029409" s="10"/>
    </row>
    <row r="1029410" spans="14:14">
      <c r="N1029410" s="10"/>
    </row>
    <row r="1029411" spans="14:14">
      <c r="N1029411" s="10"/>
    </row>
    <row r="1029412" spans="14:14">
      <c r="N1029412" s="10"/>
    </row>
    <row r="1029413" spans="14:14">
      <c r="N1029413" s="10"/>
    </row>
    <row r="1029414" spans="14:14">
      <c r="N1029414" s="10"/>
    </row>
    <row r="1029415" spans="14:14">
      <c r="N1029415" s="10"/>
    </row>
    <row r="1029416" spans="14:14">
      <c r="N1029416" s="10"/>
    </row>
    <row r="1029417" spans="14:14">
      <c r="N1029417" s="10"/>
    </row>
    <row r="1029418" spans="14:14">
      <c r="N1029418" s="10"/>
    </row>
    <row r="1029419" spans="14:14">
      <c r="N1029419" s="10"/>
    </row>
    <row r="1029420" spans="14:14">
      <c r="N1029420" s="10"/>
    </row>
    <row r="1029421" spans="14:14">
      <c r="N1029421" s="10"/>
    </row>
    <row r="1029422" spans="14:14">
      <c r="N1029422" s="10"/>
    </row>
    <row r="1029423" spans="14:14">
      <c r="N1029423" s="10"/>
    </row>
    <row r="1029424" spans="14:14">
      <c r="N1029424" s="10"/>
    </row>
    <row r="1029425" spans="14:14">
      <c r="N1029425" s="10"/>
    </row>
    <row r="1029426" spans="14:14">
      <c r="N1029426" s="10"/>
    </row>
    <row r="1029427" spans="14:14">
      <c r="N1029427" s="10"/>
    </row>
    <row r="1029428" spans="14:14">
      <c r="N1029428" s="10"/>
    </row>
    <row r="1029429" spans="14:14">
      <c r="N1029429" s="10"/>
    </row>
    <row r="1029430" spans="14:14">
      <c r="N1029430" s="10"/>
    </row>
    <row r="1029431" spans="14:14">
      <c r="N1029431" s="10"/>
    </row>
    <row r="1029432" spans="14:14">
      <c r="N1029432" s="10"/>
    </row>
    <row r="1029433" spans="14:14">
      <c r="N1029433" s="10"/>
    </row>
    <row r="1029434" spans="14:14">
      <c r="N1029434" s="10"/>
    </row>
    <row r="1029435" spans="14:14">
      <c r="N1029435" s="10"/>
    </row>
    <row r="1029436" spans="14:14">
      <c r="N1029436" s="10"/>
    </row>
    <row r="1029437" spans="14:14">
      <c r="N1029437" s="10"/>
    </row>
    <row r="1029438" spans="14:14">
      <c r="N1029438" s="10"/>
    </row>
    <row r="1029439" spans="14:14">
      <c r="N1029439" s="10"/>
    </row>
    <row r="1029440" spans="14:14">
      <c r="N1029440" s="10"/>
    </row>
    <row r="1029441" spans="14:14">
      <c r="N1029441" s="10"/>
    </row>
    <row r="1029442" spans="14:14">
      <c r="N1029442" s="10"/>
    </row>
    <row r="1029443" spans="14:14">
      <c r="N1029443" s="10"/>
    </row>
    <row r="1029444" spans="14:14">
      <c r="N1029444" s="10"/>
    </row>
    <row r="1029445" spans="14:14">
      <c r="N1029445" s="10"/>
    </row>
    <row r="1029446" spans="14:14">
      <c r="N1029446" s="10"/>
    </row>
    <row r="1029447" spans="14:14">
      <c r="N1029447" s="10"/>
    </row>
    <row r="1029448" spans="14:14">
      <c r="N1029448" s="10"/>
    </row>
    <row r="1029449" spans="14:14">
      <c r="N1029449" s="10"/>
    </row>
    <row r="1029450" spans="14:14">
      <c r="N1029450" s="10"/>
    </row>
    <row r="1029451" spans="14:14">
      <c r="N1029451" s="10"/>
    </row>
    <row r="1029452" spans="14:14">
      <c r="N1029452" s="10"/>
    </row>
    <row r="1029453" spans="14:14">
      <c r="N1029453" s="10"/>
    </row>
    <row r="1029454" spans="14:14">
      <c r="N1029454" s="10"/>
    </row>
    <row r="1029455" spans="14:14">
      <c r="N1029455" s="10"/>
    </row>
    <row r="1029456" spans="14:14">
      <c r="N1029456" s="10"/>
    </row>
    <row r="1029457" spans="14:14">
      <c r="N1029457" s="10"/>
    </row>
    <row r="1029458" spans="14:14">
      <c r="N1029458" s="10"/>
    </row>
    <row r="1029459" spans="14:14">
      <c r="N1029459" s="10"/>
    </row>
    <row r="1029460" spans="14:14">
      <c r="N1029460" s="10"/>
    </row>
    <row r="1029461" spans="14:14">
      <c r="N1029461" s="10"/>
    </row>
    <row r="1029462" spans="14:14">
      <c r="N1029462" s="10"/>
    </row>
    <row r="1029463" spans="14:14">
      <c r="N1029463" s="10"/>
    </row>
    <row r="1029464" spans="14:14">
      <c r="N1029464" s="10"/>
    </row>
    <row r="1029465" spans="14:14">
      <c r="N1029465" s="10"/>
    </row>
    <row r="1029466" spans="14:14">
      <c r="N1029466" s="10"/>
    </row>
    <row r="1029467" spans="14:14">
      <c r="N1029467" s="10"/>
    </row>
    <row r="1029468" spans="14:14">
      <c r="N1029468" s="10"/>
    </row>
    <row r="1029469" spans="14:14">
      <c r="N1029469" s="10"/>
    </row>
    <row r="1029470" spans="14:14">
      <c r="N1029470" s="10"/>
    </row>
    <row r="1029471" spans="14:14">
      <c r="N1029471" s="10"/>
    </row>
    <row r="1029472" spans="14:14">
      <c r="N1029472" s="10"/>
    </row>
    <row r="1029473" spans="14:14">
      <c r="N1029473" s="10"/>
    </row>
    <row r="1029474" spans="14:14">
      <c r="N1029474" s="10"/>
    </row>
    <row r="1029475" spans="14:14">
      <c r="N1029475" s="10"/>
    </row>
    <row r="1029476" spans="14:14">
      <c r="N1029476" s="10"/>
    </row>
    <row r="1029477" spans="14:14">
      <c r="N1029477" s="10"/>
    </row>
    <row r="1029478" spans="14:14">
      <c r="N1029478" s="10"/>
    </row>
    <row r="1029479" spans="14:14">
      <c r="N1029479" s="10"/>
    </row>
    <row r="1029480" spans="14:14">
      <c r="N1029480" s="10"/>
    </row>
    <row r="1029481" spans="14:14">
      <c r="N1029481" s="10"/>
    </row>
    <row r="1029482" spans="14:14">
      <c r="N1029482" s="10"/>
    </row>
    <row r="1029483" spans="14:14">
      <c r="N1029483" s="10"/>
    </row>
    <row r="1029484" spans="14:14">
      <c r="N1029484" s="10"/>
    </row>
    <row r="1029485" spans="14:14">
      <c r="N1029485" s="10"/>
    </row>
    <row r="1029486" spans="14:14">
      <c r="N1029486" s="10"/>
    </row>
    <row r="1029487" spans="14:14">
      <c r="N1029487" s="10"/>
    </row>
    <row r="1029488" spans="14:14">
      <c r="N1029488" s="10"/>
    </row>
    <row r="1029489" spans="14:14">
      <c r="N1029489" s="10"/>
    </row>
    <row r="1029490" spans="14:14">
      <c r="N1029490" s="10"/>
    </row>
    <row r="1029491" spans="14:14">
      <c r="N1029491" s="10"/>
    </row>
    <row r="1029492" spans="14:14">
      <c r="N1029492" s="10"/>
    </row>
    <row r="1029493" spans="14:14">
      <c r="N1029493" s="10"/>
    </row>
    <row r="1029494" spans="14:14">
      <c r="N1029494" s="10"/>
    </row>
    <row r="1029495" spans="14:14">
      <c r="N1029495" s="10"/>
    </row>
    <row r="1029496" spans="14:14">
      <c r="N1029496" s="10"/>
    </row>
    <row r="1029497" spans="14:14">
      <c r="N1029497" s="10"/>
    </row>
    <row r="1029498" spans="14:14">
      <c r="N1029498" s="10"/>
    </row>
    <row r="1029499" spans="14:14">
      <c r="N1029499" s="10"/>
    </row>
    <row r="1029500" spans="14:14">
      <c r="N1029500" s="10"/>
    </row>
    <row r="1029501" spans="14:14">
      <c r="N1029501" s="10"/>
    </row>
    <row r="1029502" spans="14:14">
      <c r="N1029502" s="10"/>
    </row>
    <row r="1029503" spans="14:14">
      <c r="N1029503" s="10"/>
    </row>
    <row r="1029504" spans="14:14">
      <c r="N1029504" s="10"/>
    </row>
    <row r="1029505" spans="14:14">
      <c r="N1029505" s="10"/>
    </row>
    <row r="1029506" spans="14:14">
      <c r="N1029506" s="10"/>
    </row>
    <row r="1029507" spans="14:14">
      <c r="N1029507" s="10"/>
    </row>
    <row r="1029508" spans="14:14">
      <c r="N1029508" s="10"/>
    </row>
    <row r="1029509" spans="14:14">
      <c r="N1029509" s="10"/>
    </row>
    <row r="1029510" spans="14:14">
      <c r="N1029510" s="10"/>
    </row>
    <row r="1029511" spans="14:14">
      <c r="N1029511" s="10"/>
    </row>
    <row r="1029512" spans="14:14">
      <c r="N1029512" s="10"/>
    </row>
    <row r="1029513" spans="14:14">
      <c r="N1029513" s="10"/>
    </row>
    <row r="1029514" spans="14:14">
      <c r="N1029514" s="10"/>
    </row>
    <row r="1029515" spans="14:14">
      <c r="N1029515" s="10"/>
    </row>
    <row r="1029516" spans="14:14">
      <c r="N1029516" s="10"/>
    </row>
    <row r="1029517" spans="14:14">
      <c r="N1029517" s="10"/>
    </row>
    <row r="1029518" spans="14:14">
      <c r="N1029518" s="10"/>
    </row>
    <row r="1029519" spans="14:14">
      <c r="N1029519" s="10"/>
    </row>
    <row r="1029520" spans="14:14">
      <c r="N1029520" s="10"/>
    </row>
    <row r="1029521" spans="14:14">
      <c r="N1029521" s="10"/>
    </row>
    <row r="1029522" spans="14:14">
      <c r="N1029522" s="10"/>
    </row>
    <row r="1029523" spans="14:14">
      <c r="N1029523" s="10"/>
    </row>
    <row r="1029524" spans="14:14">
      <c r="N1029524" s="10"/>
    </row>
    <row r="1029525" spans="14:14">
      <c r="N1029525" s="10"/>
    </row>
    <row r="1029526" spans="14:14">
      <c r="N1029526" s="10"/>
    </row>
    <row r="1029527" spans="14:14">
      <c r="N1029527" s="10"/>
    </row>
    <row r="1029528" spans="14:14">
      <c r="N1029528" s="10"/>
    </row>
    <row r="1029529" spans="14:14">
      <c r="N1029529" s="10"/>
    </row>
    <row r="1029530" spans="14:14">
      <c r="N1029530" s="10"/>
    </row>
    <row r="1029531" spans="14:14">
      <c r="N1029531" s="10"/>
    </row>
    <row r="1029532" spans="14:14">
      <c r="N1029532" s="10"/>
    </row>
    <row r="1029533" spans="14:14">
      <c r="N1029533" s="10"/>
    </row>
    <row r="1029534" spans="14:14">
      <c r="N1029534" s="10"/>
    </row>
    <row r="1029535" spans="14:14">
      <c r="N1029535" s="10"/>
    </row>
    <row r="1029536" spans="14:14">
      <c r="N1029536" s="10"/>
    </row>
    <row r="1029537" spans="14:14">
      <c r="N1029537" s="10"/>
    </row>
    <row r="1029538" spans="14:14">
      <c r="N1029538" s="10"/>
    </row>
    <row r="1029539" spans="14:14">
      <c r="N1029539" s="10"/>
    </row>
    <row r="1029540" spans="14:14">
      <c r="N1029540" s="10"/>
    </row>
    <row r="1029541" spans="14:14">
      <c r="N1029541" s="10"/>
    </row>
    <row r="1029542" spans="14:14">
      <c r="N1029542" s="10"/>
    </row>
    <row r="1029543" spans="14:14">
      <c r="N1029543" s="10"/>
    </row>
    <row r="1029544" spans="14:14">
      <c r="N1029544" s="10"/>
    </row>
    <row r="1029545" spans="14:14">
      <c r="N1029545" s="10"/>
    </row>
    <row r="1029546" spans="14:14">
      <c r="N1029546" s="10"/>
    </row>
    <row r="1029547" spans="14:14">
      <c r="N1029547" s="10"/>
    </row>
    <row r="1029548" spans="14:14">
      <c r="N1029548" s="10"/>
    </row>
    <row r="1029549" spans="14:14">
      <c r="N1029549" s="10"/>
    </row>
    <row r="1029550" spans="14:14">
      <c r="N1029550" s="10"/>
    </row>
    <row r="1029551" spans="14:14">
      <c r="N1029551" s="10"/>
    </row>
    <row r="1029552" spans="14:14">
      <c r="N1029552" s="10"/>
    </row>
    <row r="1029553" spans="14:14">
      <c r="N1029553" s="10"/>
    </row>
    <row r="1029554" spans="14:14">
      <c r="N1029554" s="10"/>
    </row>
    <row r="1029555" spans="14:14">
      <c r="N1029555" s="10"/>
    </row>
    <row r="1029556" spans="14:14">
      <c r="N1029556" s="10"/>
    </row>
    <row r="1029557" spans="14:14">
      <c r="N1029557" s="10"/>
    </row>
    <row r="1029558" spans="14:14">
      <c r="N1029558" s="10"/>
    </row>
    <row r="1029559" spans="14:14">
      <c r="N1029559" s="10"/>
    </row>
    <row r="1029560" spans="14:14">
      <c r="N1029560" s="10"/>
    </row>
    <row r="1029561" spans="14:14">
      <c r="N1029561" s="10"/>
    </row>
    <row r="1029562" spans="14:14">
      <c r="N1029562" s="10"/>
    </row>
    <row r="1029563" spans="14:14">
      <c r="N1029563" s="10"/>
    </row>
    <row r="1029564" spans="14:14">
      <c r="N1029564" s="10"/>
    </row>
    <row r="1029565" spans="14:14">
      <c r="N1029565" s="10"/>
    </row>
    <row r="1029566" spans="14:14">
      <c r="N1029566" s="10"/>
    </row>
    <row r="1029567" spans="14:14">
      <c r="N1029567" s="10"/>
    </row>
    <row r="1029568" spans="14:14">
      <c r="N1029568" s="10"/>
    </row>
    <row r="1029569" spans="14:14">
      <c r="N1029569" s="10"/>
    </row>
    <row r="1029570" spans="14:14">
      <c r="N1029570" s="10"/>
    </row>
    <row r="1029571" spans="14:14">
      <c r="N1029571" s="10"/>
    </row>
    <row r="1029572" spans="14:14">
      <c r="N1029572" s="10"/>
    </row>
    <row r="1029573" spans="14:14">
      <c r="N1029573" s="10"/>
    </row>
    <row r="1029574" spans="14:14">
      <c r="N1029574" s="10"/>
    </row>
    <row r="1029575" spans="14:14">
      <c r="N1029575" s="10"/>
    </row>
    <row r="1029576" spans="14:14">
      <c r="N1029576" s="10"/>
    </row>
    <row r="1029577" spans="14:14">
      <c r="N1029577" s="10"/>
    </row>
    <row r="1029578" spans="14:14">
      <c r="N1029578" s="10"/>
    </row>
    <row r="1029579" spans="14:14">
      <c r="N1029579" s="10"/>
    </row>
    <row r="1029580" spans="14:14">
      <c r="N1029580" s="10"/>
    </row>
    <row r="1029581" spans="14:14">
      <c r="N1029581" s="10"/>
    </row>
    <row r="1029582" spans="14:14">
      <c r="N1029582" s="10"/>
    </row>
    <row r="1029583" spans="14:14">
      <c r="N1029583" s="10"/>
    </row>
    <row r="1029584" spans="14:14">
      <c r="N1029584" s="10"/>
    </row>
    <row r="1029585" spans="14:14">
      <c r="N1029585" s="10"/>
    </row>
    <row r="1029586" spans="14:14">
      <c r="N1029586" s="10"/>
    </row>
    <row r="1029587" spans="14:14">
      <c r="N1029587" s="10"/>
    </row>
    <row r="1029588" spans="14:14">
      <c r="N1029588" s="10"/>
    </row>
    <row r="1029589" spans="14:14">
      <c r="N1029589" s="10"/>
    </row>
    <row r="1029590" spans="14:14">
      <c r="N1029590" s="10"/>
    </row>
    <row r="1029591" spans="14:14">
      <c r="N1029591" s="10"/>
    </row>
    <row r="1029592" spans="14:14">
      <c r="N1029592" s="10"/>
    </row>
    <row r="1029593" spans="14:14">
      <c r="N1029593" s="10"/>
    </row>
    <row r="1029594" spans="14:14">
      <c r="N1029594" s="10"/>
    </row>
    <row r="1029595" spans="14:14">
      <c r="N1029595" s="10"/>
    </row>
    <row r="1029596" spans="14:14">
      <c r="N1029596" s="10"/>
    </row>
    <row r="1029597" spans="14:14">
      <c r="N1029597" s="10"/>
    </row>
    <row r="1029598" spans="14:14">
      <c r="N1029598" s="10"/>
    </row>
    <row r="1029599" spans="14:14">
      <c r="N1029599" s="10"/>
    </row>
    <row r="1029600" spans="14:14">
      <c r="N1029600" s="10"/>
    </row>
    <row r="1029601" spans="14:14">
      <c r="N1029601" s="10"/>
    </row>
    <row r="1029602" spans="14:14">
      <c r="N1029602" s="10"/>
    </row>
    <row r="1029603" spans="14:14">
      <c r="N1029603" s="10"/>
    </row>
    <row r="1029604" spans="14:14">
      <c r="N1029604" s="10"/>
    </row>
    <row r="1029605" spans="14:14">
      <c r="N1029605" s="10"/>
    </row>
    <row r="1029606" spans="14:14">
      <c r="N1029606" s="10"/>
    </row>
    <row r="1029607" spans="14:14">
      <c r="N1029607" s="10"/>
    </row>
    <row r="1029608" spans="14:14">
      <c r="N1029608" s="10"/>
    </row>
    <row r="1029609" spans="14:14">
      <c r="N1029609" s="10"/>
    </row>
    <row r="1029610" spans="14:14">
      <c r="N1029610" s="10"/>
    </row>
    <row r="1029611" spans="14:14">
      <c r="N1029611" s="10"/>
    </row>
    <row r="1029612" spans="14:14">
      <c r="N1029612" s="10"/>
    </row>
    <row r="1029613" spans="14:14">
      <c r="N1029613" s="10"/>
    </row>
    <row r="1029614" spans="14:14">
      <c r="N1029614" s="10"/>
    </row>
    <row r="1029615" spans="14:14">
      <c r="N1029615" s="10"/>
    </row>
    <row r="1029616" spans="14:14">
      <c r="N1029616" s="10"/>
    </row>
    <row r="1029617" spans="14:14">
      <c r="N1029617" s="10"/>
    </row>
    <row r="1029618" spans="14:14">
      <c r="N1029618" s="10"/>
    </row>
    <row r="1029619" spans="14:14">
      <c r="N1029619" s="10"/>
    </row>
    <row r="1029620" spans="14:14">
      <c r="N1029620" s="10"/>
    </row>
    <row r="1029621" spans="14:14">
      <c r="N1029621" s="10"/>
    </row>
    <row r="1029622" spans="14:14">
      <c r="N1029622" s="10"/>
    </row>
    <row r="1029623" spans="14:14">
      <c r="N1029623" s="10"/>
    </row>
    <row r="1029624" spans="14:14">
      <c r="N1029624" s="10"/>
    </row>
    <row r="1029625" spans="14:14">
      <c r="N1029625" s="10"/>
    </row>
    <row r="1029626" spans="14:14">
      <c r="N1029626" s="10"/>
    </row>
    <row r="1029627" spans="14:14">
      <c r="N1029627" s="10"/>
    </row>
    <row r="1029628" spans="14:14">
      <c r="N1029628" s="10"/>
    </row>
    <row r="1029629" spans="14:14">
      <c r="N1029629" s="10"/>
    </row>
    <row r="1029630" spans="14:14">
      <c r="N1029630" s="10"/>
    </row>
    <row r="1029631" spans="14:14">
      <c r="N1029631" s="10"/>
    </row>
    <row r="1029632" spans="14:14">
      <c r="N1029632" s="10"/>
    </row>
    <row r="1029633" spans="14:14">
      <c r="N1029633" s="10"/>
    </row>
    <row r="1029634" spans="14:14">
      <c r="N1029634" s="10"/>
    </row>
    <row r="1029635" spans="14:14">
      <c r="N1029635" s="10"/>
    </row>
    <row r="1029636" spans="14:14">
      <c r="N1029636" s="10"/>
    </row>
    <row r="1029637" spans="14:14">
      <c r="N1029637" s="10"/>
    </row>
    <row r="1029638" spans="14:14">
      <c r="N1029638" s="10"/>
    </row>
    <row r="1029639" spans="14:14">
      <c r="N1029639" s="10"/>
    </row>
    <row r="1029640" spans="14:14">
      <c r="N1029640" s="10"/>
    </row>
    <row r="1029641" spans="14:14">
      <c r="N1029641" s="10"/>
    </row>
    <row r="1029642" spans="14:14">
      <c r="N1029642" s="10"/>
    </row>
    <row r="1029643" spans="14:14">
      <c r="N1029643" s="10"/>
    </row>
    <row r="1029644" spans="14:14">
      <c r="N1029644" s="10"/>
    </row>
    <row r="1029645" spans="14:14">
      <c r="N1029645" s="10"/>
    </row>
    <row r="1029646" spans="14:14">
      <c r="N1029646" s="10"/>
    </row>
    <row r="1029647" spans="14:14">
      <c r="N1029647" s="10"/>
    </row>
    <row r="1029648" spans="14:14">
      <c r="N1029648" s="10"/>
    </row>
    <row r="1029649" spans="14:14">
      <c r="N1029649" s="10"/>
    </row>
    <row r="1029650" spans="14:14">
      <c r="N1029650" s="10"/>
    </row>
    <row r="1029651" spans="14:14">
      <c r="N1029651" s="10"/>
    </row>
    <row r="1029652" spans="14:14">
      <c r="N1029652" s="10"/>
    </row>
    <row r="1029653" spans="14:14">
      <c r="N1029653" s="10"/>
    </row>
    <row r="1029654" spans="14:14">
      <c r="N1029654" s="10"/>
    </row>
    <row r="1029655" spans="14:14">
      <c r="N1029655" s="10"/>
    </row>
    <row r="1029656" spans="14:14">
      <c r="N1029656" s="10"/>
    </row>
    <row r="1029657" spans="14:14">
      <c r="N1029657" s="10"/>
    </row>
    <row r="1029658" spans="14:14">
      <c r="N1029658" s="10"/>
    </row>
    <row r="1029659" spans="14:14">
      <c r="N1029659" s="10"/>
    </row>
    <row r="1029660" spans="14:14">
      <c r="N1029660" s="10"/>
    </row>
    <row r="1029661" spans="14:14">
      <c r="N1029661" s="10"/>
    </row>
    <row r="1029662" spans="14:14">
      <c r="N1029662" s="10"/>
    </row>
    <row r="1029663" spans="14:14">
      <c r="N1029663" s="10"/>
    </row>
    <row r="1029664" spans="14:14">
      <c r="N1029664" s="10"/>
    </row>
    <row r="1029665" spans="14:14">
      <c r="N1029665" s="10"/>
    </row>
    <row r="1029666" spans="14:14">
      <c r="N1029666" s="10"/>
    </row>
    <row r="1029667" spans="14:14">
      <c r="N1029667" s="10"/>
    </row>
    <row r="1029668" spans="14:14">
      <c r="N1029668" s="10"/>
    </row>
    <row r="1029669" spans="14:14">
      <c r="N1029669" s="10"/>
    </row>
    <row r="1029670" spans="14:14">
      <c r="N1029670" s="10"/>
    </row>
    <row r="1029671" spans="14:14">
      <c r="N1029671" s="10"/>
    </row>
    <row r="1029672" spans="14:14">
      <c r="N1029672" s="10"/>
    </row>
    <row r="1029673" spans="14:14">
      <c r="N1029673" s="10"/>
    </row>
    <row r="1029674" spans="14:14">
      <c r="N1029674" s="10"/>
    </row>
    <row r="1029675" spans="14:14">
      <c r="N1029675" s="10"/>
    </row>
    <row r="1029676" spans="14:14">
      <c r="N1029676" s="10"/>
    </row>
    <row r="1029677" spans="14:14">
      <c r="N1029677" s="10"/>
    </row>
    <row r="1029678" spans="14:14">
      <c r="N1029678" s="10"/>
    </row>
    <row r="1029679" spans="14:14">
      <c r="N1029679" s="10"/>
    </row>
    <row r="1029680" spans="14:14">
      <c r="N1029680" s="10"/>
    </row>
    <row r="1029681" spans="14:14">
      <c r="N1029681" s="10"/>
    </row>
    <row r="1029682" spans="14:14">
      <c r="N1029682" s="10"/>
    </row>
    <row r="1029683" spans="14:14">
      <c r="N1029683" s="10"/>
    </row>
    <row r="1029684" spans="14:14">
      <c r="N1029684" s="10"/>
    </row>
    <row r="1029685" spans="14:14">
      <c r="N1029685" s="10"/>
    </row>
    <row r="1029686" spans="14:14">
      <c r="N1029686" s="10"/>
    </row>
    <row r="1029687" spans="14:14">
      <c r="N1029687" s="10"/>
    </row>
    <row r="1029688" spans="14:14">
      <c r="N1029688" s="10"/>
    </row>
    <row r="1029689" spans="14:14">
      <c r="N1029689" s="10"/>
    </row>
    <row r="1029690" spans="14:14">
      <c r="N1029690" s="10"/>
    </row>
    <row r="1029691" spans="14:14">
      <c r="N1029691" s="10"/>
    </row>
    <row r="1029692" spans="14:14">
      <c r="N1029692" s="10"/>
    </row>
    <row r="1029693" spans="14:14">
      <c r="N1029693" s="10"/>
    </row>
    <row r="1029694" spans="14:14">
      <c r="N1029694" s="10"/>
    </row>
    <row r="1029695" spans="14:14">
      <c r="N1029695" s="10"/>
    </row>
    <row r="1029696" spans="14:14">
      <c r="N1029696" s="10"/>
    </row>
    <row r="1029697" spans="14:14">
      <c r="N1029697" s="10"/>
    </row>
    <row r="1029698" spans="14:14">
      <c r="N1029698" s="10"/>
    </row>
    <row r="1029699" spans="14:14">
      <c r="N1029699" s="10"/>
    </row>
    <row r="1029700" spans="14:14">
      <c r="N1029700" s="10"/>
    </row>
    <row r="1029701" spans="14:14">
      <c r="N1029701" s="10"/>
    </row>
    <row r="1029702" spans="14:14">
      <c r="N1029702" s="10"/>
    </row>
    <row r="1029703" spans="14:14">
      <c r="N1029703" s="10"/>
    </row>
    <row r="1029704" spans="14:14">
      <c r="N1029704" s="10"/>
    </row>
    <row r="1029705" spans="14:14">
      <c r="N1029705" s="10"/>
    </row>
    <row r="1029706" spans="14:14">
      <c r="N1029706" s="10"/>
    </row>
    <row r="1029707" spans="14:14">
      <c r="N1029707" s="10"/>
    </row>
    <row r="1029708" spans="14:14">
      <c r="N1029708" s="10"/>
    </row>
    <row r="1029709" spans="14:14">
      <c r="N1029709" s="10"/>
    </row>
    <row r="1029710" spans="14:14">
      <c r="N1029710" s="10"/>
    </row>
    <row r="1029711" spans="14:14">
      <c r="N1029711" s="10"/>
    </row>
    <row r="1029712" spans="14:14">
      <c r="N1029712" s="10"/>
    </row>
    <row r="1029713" spans="14:14">
      <c r="N1029713" s="10"/>
    </row>
    <row r="1029714" spans="14:14">
      <c r="N1029714" s="10"/>
    </row>
    <row r="1029715" spans="14:14">
      <c r="N1029715" s="10"/>
    </row>
    <row r="1029716" spans="14:14">
      <c r="N1029716" s="10"/>
    </row>
    <row r="1029717" spans="14:14">
      <c r="N1029717" s="10"/>
    </row>
    <row r="1029718" spans="14:14">
      <c r="N1029718" s="10"/>
    </row>
    <row r="1029719" spans="14:14">
      <c r="N1029719" s="10"/>
    </row>
    <row r="1029720" spans="14:14">
      <c r="N1029720" s="10"/>
    </row>
    <row r="1029721" spans="14:14">
      <c r="N1029721" s="10"/>
    </row>
    <row r="1029722" spans="14:14">
      <c r="N1029722" s="10"/>
    </row>
    <row r="1029723" spans="14:14">
      <c r="N1029723" s="10"/>
    </row>
    <row r="1029724" spans="14:14">
      <c r="N1029724" s="10"/>
    </row>
    <row r="1029725" spans="14:14">
      <c r="N1029725" s="10"/>
    </row>
    <row r="1029726" spans="14:14">
      <c r="N1029726" s="10"/>
    </row>
    <row r="1029727" spans="14:14">
      <c r="N1029727" s="10"/>
    </row>
    <row r="1029728" spans="14:14">
      <c r="N1029728" s="10"/>
    </row>
    <row r="1029729" spans="14:14">
      <c r="N1029729" s="10"/>
    </row>
    <row r="1029730" spans="14:14">
      <c r="N1029730" s="10"/>
    </row>
    <row r="1029731" spans="14:14">
      <c r="N1029731" s="10"/>
    </row>
    <row r="1029732" spans="14:14">
      <c r="N1029732" s="10"/>
    </row>
    <row r="1029733" spans="14:14">
      <c r="N1029733" s="10"/>
    </row>
    <row r="1029734" spans="14:14">
      <c r="N1029734" s="10"/>
    </row>
    <row r="1029735" spans="14:14">
      <c r="N1029735" s="10"/>
    </row>
    <row r="1029736" spans="14:14">
      <c r="N1029736" s="10"/>
    </row>
    <row r="1029737" spans="14:14">
      <c r="N1029737" s="10"/>
    </row>
    <row r="1029738" spans="14:14">
      <c r="N1029738" s="10"/>
    </row>
    <row r="1029739" spans="14:14">
      <c r="N1029739" s="10"/>
    </row>
    <row r="1029740" spans="14:14">
      <c r="N1029740" s="10"/>
    </row>
    <row r="1029741" spans="14:14">
      <c r="N1029741" s="10"/>
    </row>
    <row r="1029742" spans="14:14">
      <c r="N1029742" s="10"/>
    </row>
    <row r="1029743" spans="14:14">
      <c r="N1029743" s="10"/>
    </row>
    <row r="1029744" spans="14:14">
      <c r="N1029744" s="10"/>
    </row>
    <row r="1029745" spans="14:14">
      <c r="N1029745" s="10"/>
    </row>
    <row r="1029746" spans="14:14">
      <c r="N1029746" s="10"/>
    </row>
    <row r="1029747" spans="14:14">
      <c r="N1029747" s="10"/>
    </row>
    <row r="1029748" spans="14:14">
      <c r="N1029748" s="10"/>
    </row>
    <row r="1029749" spans="14:14">
      <c r="N1029749" s="10"/>
    </row>
    <row r="1029750" spans="14:14">
      <c r="N1029750" s="10"/>
    </row>
    <row r="1029751" spans="14:14">
      <c r="N1029751" s="10"/>
    </row>
    <row r="1029752" spans="14:14">
      <c r="N1029752" s="10"/>
    </row>
    <row r="1029753" spans="14:14">
      <c r="N1029753" s="10"/>
    </row>
    <row r="1029754" spans="14:14">
      <c r="N1029754" s="10"/>
    </row>
    <row r="1029755" spans="14:14">
      <c r="N1029755" s="10"/>
    </row>
    <row r="1029756" spans="14:14">
      <c r="N1029756" s="10"/>
    </row>
    <row r="1029757" spans="14:14">
      <c r="N1029757" s="10"/>
    </row>
    <row r="1029758" spans="14:14">
      <c r="N1029758" s="10"/>
    </row>
    <row r="1029759" spans="14:14">
      <c r="N1029759" s="10"/>
    </row>
    <row r="1029760" spans="14:14">
      <c r="N1029760" s="10"/>
    </row>
    <row r="1029761" spans="14:14">
      <c r="N1029761" s="10"/>
    </row>
    <row r="1029762" spans="14:14">
      <c r="N1029762" s="10"/>
    </row>
    <row r="1029763" spans="14:14">
      <c r="N1029763" s="10"/>
    </row>
    <row r="1029764" spans="14:14">
      <c r="N1029764" s="10"/>
    </row>
    <row r="1029765" spans="14:14">
      <c r="N1029765" s="10"/>
    </row>
    <row r="1029766" spans="14:14">
      <c r="N1029766" s="10"/>
    </row>
    <row r="1029767" spans="14:14">
      <c r="N1029767" s="10"/>
    </row>
    <row r="1029768" spans="14:14">
      <c r="N1029768" s="10"/>
    </row>
    <row r="1029769" spans="14:14">
      <c r="N1029769" s="10"/>
    </row>
    <row r="1029770" spans="14:14">
      <c r="N1029770" s="10"/>
    </row>
    <row r="1029771" spans="14:14">
      <c r="N1029771" s="10"/>
    </row>
    <row r="1029772" spans="14:14">
      <c r="N1029772" s="10"/>
    </row>
    <row r="1029773" spans="14:14">
      <c r="N1029773" s="10"/>
    </row>
    <row r="1029774" spans="14:14">
      <c r="N1029774" s="10"/>
    </row>
    <row r="1029775" spans="14:14">
      <c r="N1029775" s="10"/>
    </row>
    <row r="1029776" spans="14:14">
      <c r="N1029776" s="10"/>
    </row>
    <row r="1029777" spans="14:14">
      <c r="N1029777" s="10"/>
    </row>
    <row r="1029778" spans="14:14">
      <c r="N1029778" s="10"/>
    </row>
    <row r="1029779" spans="14:14">
      <c r="N1029779" s="10"/>
    </row>
    <row r="1029780" spans="14:14">
      <c r="N1029780" s="10"/>
    </row>
    <row r="1029781" spans="14:14">
      <c r="N1029781" s="10"/>
    </row>
    <row r="1029782" spans="14:14">
      <c r="N1029782" s="10"/>
    </row>
    <row r="1029783" spans="14:14">
      <c r="N1029783" s="10"/>
    </row>
    <row r="1029784" spans="14:14">
      <c r="N1029784" s="10"/>
    </row>
    <row r="1029785" spans="14:14">
      <c r="N1029785" s="10"/>
    </row>
    <row r="1029786" spans="14:14">
      <c r="N1029786" s="10"/>
    </row>
    <row r="1029787" spans="14:14">
      <c r="N1029787" s="10"/>
    </row>
    <row r="1029788" spans="14:14">
      <c r="N1029788" s="10"/>
    </row>
    <row r="1029789" spans="14:14">
      <c r="N1029789" s="10"/>
    </row>
    <row r="1029790" spans="14:14">
      <c r="N1029790" s="10"/>
    </row>
    <row r="1029791" spans="14:14">
      <c r="N1029791" s="10"/>
    </row>
    <row r="1029792" spans="14:14">
      <c r="N1029792" s="10"/>
    </row>
    <row r="1029793" spans="14:14">
      <c r="N1029793" s="10"/>
    </row>
    <row r="1029794" spans="14:14">
      <c r="N1029794" s="10"/>
    </row>
    <row r="1029795" spans="14:14">
      <c r="N1029795" s="10"/>
    </row>
    <row r="1029796" spans="14:14">
      <c r="N1029796" s="10"/>
    </row>
    <row r="1029797" spans="14:14">
      <c r="N1029797" s="10"/>
    </row>
    <row r="1029798" spans="14:14">
      <c r="N1029798" s="10"/>
    </row>
    <row r="1029799" spans="14:14">
      <c r="N1029799" s="10"/>
    </row>
    <row r="1029800" spans="14:14">
      <c r="N1029800" s="10"/>
    </row>
    <row r="1029801" spans="14:14">
      <c r="N1029801" s="10"/>
    </row>
    <row r="1029802" spans="14:14">
      <c r="N1029802" s="10"/>
    </row>
    <row r="1029803" spans="14:14">
      <c r="N1029803" s="10"/>
    </row>
    <row r="1029804" spans="14:14">
      <c r="N1029804" s="10"/>
    </row>
    <row r="1029805" spans="14:14">
      <c r="N1029805" s="10"/>
    </row>
    <row r="1029806" spans="14:14">
      <c r="N1029806" s="10"/>
    </row>
    <row r="1029807" spans="14:14">
      <c r="N1029807" s="10"/>
    </row>
    <row r="1029808" spans="14:14">
      <c r="N1029808" s="10"/>
    </row>
    <row r="1029809" spans="14:14">
      <c r="N1029809" s="10"/>
    </row>
    <row r="1029810" spans="14:14">
      <c r="N1029810" s="10"/>
    </row>
    <row r="1029811" spans="14:14">
      <c r="N1029811" s="10"/>
    </row>
    <row r="1029812" spans="14:14">
      <c r="N1029812" s="10"/>
    </row>
    <row r="1029813" spans="14:14">
      <c r="N1029813" s="10"/>
    </row>
    <row r="1029814" spans="14:14">
      <c r="N1029814" s="10"/>
    </row>
    <row r="1029815" spans="14:14">
      <c r="N1029815" s="10"/>
    </row>
    <row r="1029816" spans="14:14">
      <c r="N1029816" s="10"/>
    </row>
    <row r="1029817" spans="14:14">
      <c r="N1029817" s="10"/>
    </row>
    <row r="1029818" spans="14:14">
      <c r="N1029818" s="10"/>
    </row>
    <row r="1029819" spans="14:14">
      <c r="N1029819" s="10"/>
    </row>
    <row r="1029820" spans="14:14">
      <c r="N1029820" s="10"/>
    </row>
    <row r="1029821" spans="14:14">
      <c r="N1029821" s="10"/>
    </row>
    <row r="1029822" spans="14:14">
      <c r="N1029822" s="10"/>
    </row>
    <row r="1029823" spans="14:14">
      <c r="N1029823" s="10"/>
    </row>
    <row r="1029824" spans="14:14">
      <c r="N1029824" s="10"/>
    </row>
    <row r="1029825" spans="14:14">
      <c r="N1029825" s="10"/>
    </row>
    <row r="1029826" spans="14:14">
      <c r="N1029826" s="10"/>
    </row>
    <row r="1029827" spans="14:14">
      <c r="N1029827" s="10"/>
    </row>
    <row r="1029828" spans="14:14">
      <c r="N1029828" s="10"/>
    </row>
    <row r="1029829" spans="14:14">
      <c r="N1029829" s="10"/>
    </row>
    <row r="1029830" spans="14:14">
      <c r="N1029830" s="10"/>
    </row>
    <row r="1029831" spans="14:14">
      <c r="N1029831" s="10"/>
    </row>
    <row r="1029832" spans="14:14">
      <c r="N1029832" s="10"/>
    </row>
    <row r="1029833" spans="14:14">
      <c r="N1029833" s="10"/>
    </row>
    <row r="1029834" spans="14:14">
      <c r="N1029834" s="10"/>
    </row>
    <row r="1029835" spans="14:14">
      <c r="N1029835" s="10"/>
    </row>
    <row r="1029836" spans="14:14">
      <c r="N1029836" s="10"/>
    </row>
    <row r="1029837" spans="14:14">
      <c r="N1029837" s="10"/>
    </row>
    <row r="1029838" spans="14:14">
      <c r="N1029838" s="10"/>
    </row>
    <row r="1029839" spans="14:14">
      <c r="N1029839" s="10"/>
    </row>
    <row r="1029840" spans="14:14">
      <c r="N1029840" s="10"/>
    </row>
    <row r="1029841" spans="14:14">
      <c r="N1029841" s="10"/>
    </row>
    <row r="1029842" spans="14:14">
      <c r="N1029842" s="10"/>
    </row>
    <row r="1029843" spans="14:14">
      <c r="N1029843" s="10"/>
    </row>
    <row r="1029844" spans="14:14">
      <c r="N1029844" s="10"/>
    </row>
    <row r="1029845" spans="14:14">
      <c r="N1029845" s="10"/>
    </row>
    <row r="1029846" spans="14:14">
      <c r="N1029846" s="10"/>
    </row>
    <row r="1029847" spans="14:14">
      <c r="N1029847" s="10"/>
    </row>
    <row r="1029848" spans="14:14">
      <c r="N1029848" s="10"/>
    </row>
    <row r="1029849" spans="14:14">
      <c r="N1029849" s="10"/>
    </row>
    <row r="1029850" spans="14:14">
      <c r="N1029850" s="10"/>
    </row>
    <row r="1029851" spans="14:14">
      <c r="N1029851" s="10"/>
    </row>
    <row r="1029852" spans="14:14">
      <c r="N1029852" s="10"/>
    </row>
    <row r="1029853" spans="14:14">
      <c r="N1029853" s="10"/>
    </row>
    <row r="1029854" spans="14:14">
      <c r="N1029854" s="10"/>
    </row>
    <row r="1029855" spans="14:14">
      <c r="N1029855" s="10"/>
    </row>
    <row r="1029856" spans="14:14">
      <c r="N1029856" s="10"/>
    </row>
    <row r="1029857" spans="14:14">
      <c r="N1029857" s="10"/>
    </row>
    <row r="1029858" spans="14:14">
      <c r="N1029858" s="10"/>
    </row>
    <row r="1029859" spans="14:14">
      <c r="N1029859" s="10"/>
    </row>
    <row r="1029860" spans="14:14">
      <c r="N1029860" s="10"/>
    </row>
    <row r="1029861" spans="14:14">
      <c r="N1029861" s="10"/>
    </row>
    <row r="1029862" spans="14:14">
      <c r="N1029862" s="10"/>
    </row>
    <row r="1029863" spans="14:14">
      <c r="N1029863" s="10"/>
    </row>
    <row r="1029864" spans="14:14">
      <c r="N1029864" s="10"/>
    </row>
    <row r="1029865" spans="14:14">
      <c r="N1029865" s="10"/>
    </row>
    <row r="1029866" spans="14:14">
      <c r="N1029866" s="10"/>
    </row>
    <row r="1029867" spans="14:14">
      <c r="N1029867" s="10"/>
    </row>
    <row r="1029868" spans="14:14">
      <c r="N1029868" s="10"/>
    </row>
    <row r="1029869" spans="14:14">
      <c r="N1029869" s="10"/>
    </row>
    <row r="1029870" spans="14:14">
      <c r="N1029870" s="10"/>
    </row>
    <row r="1029871" spans="14:14">
      <c r="N1029871" s="10"/>
    </row>
    <row r="1029872" spans="14:14">
      <c r="N1029872" s="10"/>
    </row>
    <row r="1029873" spans="14:14">
      <c r="N1029873" s="10"/>
    </row>
    <row r="1029874" spans="14:14">
      <c r="N1029874" s="10"/>
    </row>
    <row r="1029875" spans="14:14">
      <c r="N1029875" s="10"/>
    </row>
    <row r="1029876" spans="14:14">
      <c r="N1029876" s="10"/>
    </row>
    <row r="1029877" spans="14:14">
      <c r="N1029877" s="10"/>
    </row>
    <row r="1029878" spans="14:14">
      <c r="N1029878" s="10"/>
    </row>
    <row r="1029879" spans="14:14">
      <c r="N1029879" s="10"/>
    </row>
    <row r="1029880" spans="14:14">
      <c r="N1029880" s="10"/>
    </row>
    <row r="1029881" spans="14:14">
      <c r="N1029881" s="10"/>
    </row>
    <row r="1029882" spans="14:14">
      <c r="N1029882" s="10"/>
    </row>
    <row r="1029883" spans="14:14">
      <c r="N1029883" s="10"/>
    </row>
    <row r="1029884" spans="14:14">
      <c r="N1029884" s="10"/>
    </row>
    <row r="1029885" spans="14:14">
      <c r="N1029885" s="10"/>
    </row>
    <row r="1029886" spans="14:14">
      <c r="N1029886" s="10"/>
    </row>
    <row r="1029887" spans="14:14">
      <c r="N1029887" s="10"/>
    </row>
    <row r="1029888" spans="14:14">
      <c r="N1029888" s="10"/>
    </row>
    <row r="1029889" spans="14:14">
      <c r="N1029889" s="10"/>
    </row>
    <row r="1029890" spans="14:14">
      <c r="N1029890" s="10"/>
    </row>
    <row r="1029891" spans="14:14">
      <c r="N1029891" s="10"/>
    </row>
    <row r="1029892" spans="14:14">
      <c r="N1029892" s="10"/>
    </row>
    <row r="1029893" spans="14:14">
      <c r="N1029893" s="10"/>
    </row>
    <row r="1029894" spans="14:14">
      <c r="N1029894" s="10"/>
    </row>
    <row r="1029895" spans="14:14">
      <c r="N1029895" s="10"/>
    </row>
    <row r="1029896" spans="14:14">
      <c r="N1029896" s="10"/>
    </row>
    <row r="1029897" spans="14:14">
      <c r="N1029897" s="10"/>
    </row>
    <row r="1029898" spans="14:14">
      <c r="N1029898" s="10"/>
    </row>
    <row r="1029899" spans="14:14">
      <c r="N1029899" s="10"/>
    </row>
    <row r="1029900" spans="14:14">
      <c r="N1029900" s="10"/>
    </row>
    <row r="1029901" spans="14:14">
      <c r="N1029901" s="10"/>
    </row>
    <row r="1029902" spans="14:14">
      <c r="N1029902" s="10"/>
    </row>
    <row r="1029903" spans="14:14">
      <c r="N1029903" s="10"/>
    </row>
    <row r="1029904" spans="14:14">
      <c r="N1029904" s="10"/>
    </row>
    <row r="1029905" spans="14:14">
      <c r="N1029905" s="10"/>
    </row>
    <row r="1029906" spans="14:14">
      <c r="N1029906" s="10"/>
    </row>
    <row r="1029907" spans="14:14">
      <c r="N1029907" s="10"/>
    </row>
    <row r="1029908" spans="14:14">
      <c r="N1029908" s="10"/>
    </row>
    <row r="1029909" spans="14:14">
      <c r="N1029909" s="10"/>
    </row>
    <row r="1029910" spans="14:14">
      <c r="N1029910" s="10"/>
    </row>
    <row r="1029911" spans="14:14">
      <c r="N1029911" s="10"/>
    </row>
    <row r="1029912" spans="14:14">
      <c r="N1029912" s="10"/>
    </row>
    <row r="1029913" spans="14:14">
      <c r="N1029913" s="10"/>
    </row>
    <row r="1029914" spans="14:14">
      <c r="N1029914" s="10"/>
    </row>
    <row r="1029915" spans="14:14">
      <c r="N1029915" s="10"/>
    </row>
    <row r="1029916" spans="14:14">
      <c r="N1029916" s="10"/>
    </row>
    <row r="1029917" spans="14:14">
      <c r="N1029917" s="10"/>
    </row>
    <row r="1029918" spans="14:14">
      <c r="N1029918" s="10"/>
    </row>
    <row r="1029919" spans="14:14">
      <c r="N1029919" s="10"/>
    </row>
    <row r="1029920" spans="14:14">
      <c r="N1029920" s="10"/>
    </row>
    <row r="1029921" spans="14:14">
      <c r="N1029921" s="10"/>
    </row>
    <row r="1029922" spans="14:14">
      <c r="N1029922" s="10"/>
    </row>
    <row r="1029923" spans="14:14">
      <c r="N1029923" s="10"/>
    </row>
    <row r="1029924" spans="14:14">
      <c r="N1029924" s="10"/>
    </row>
    <row r="1029925" spans="14:14">
      <c r="N1029925" s="10"/>
    </row>
    <row r="1029926" spans="14:14">
      <c r="N1029926" s="10"/>
    </row>
    <row r="1029927" spans="14:14">
      <c r="N1029927" s="10"/>
    </row>
    <row r="1029928" spans="14:14">
      <c r="N1029928" s="10"/>
    </row>
    <row r="1029929" spans="14:14">
      <c r="N1029929" s="10"/>
    </row>
    <row r="1029930" spans="14:14">
      <c r="N1029930" s="10"/>
    </row>
    <row r="1029931" spans="14:14">
      <c r="N1029931" s="10"/>
    </row>
    <row r="1029932" spans="14:14">
      <c r="N1029932" s="10"/>
    </row>
    <row r="1029933" spans="14:14">
      <c r="N1029933" s="10"/>
    </row>
    <row r="1029934" spans="14:14">
      <c r="N1029934" s="10"/>
    </row>
    <row r="1029935" spans="14:14">
      <c r="N1029935" s="10"/>
    </row>
    <row r="1029936" spans="14:14">
      <c r="N1029936" s="10"/>
    </row>
    <row r="1029937" spans="14:14">
      <c r="N1029937" s="10"/>
    </row>
    <row r="1029938" spans="14:14">
      <c r="N1029938" s="10"/>
    </row>
    <row r="1029939" spans="14:14">
      <c r="N1029939" s="10"/>
    </row>
    <row r="1029940" spans="14:14">
      <c r="N1029940" s="10"/>
    </row>
    <row r="1029941" spans="14:14">
      <c r="N1029941" s="10"/>
    </row>
    <row r="1029942" spans="14:14">
      <c r="N1029942" s="10"/>
    </row>
    <row r="1029943" spans="14:14">
      <c r="N1029943" s="10"/>
    </row>
    <row r="1029944" spans="14:14">
      <c r="N1029944" s="10"/>
    </row>
    <row r="1029945" spans="14:14">
      <c r="N1029945" s="10"/>
    </row>
    <row r="1029946" spans="14:14">
      <c r="N1029946" s="10"/>
    </row>
    <row r="1029947" spans="14:14">
      <c r="N1029947" s="10"/>
    </row>
    <row r="1029948" spans="14:14">
      <c r="N1029948" s="10"/>
    </row>
    <row r="1029949" spans="14:14">
      <c r="N1029949" s="10"/>
    </row>
    <row r="1029950" spans="14:14">
      <c r="N1029950" s="10"/>
    </row>
    <row r="1029951" spans="14:14">
      <c r="N1029951" s="10"/>
    </row>
    <row r="1029952" spans="14:14">
      <c r="N1029952" s="10"/>
    </row>
    <row r="1029953" spans="14:14">
      <c r="N1029953" s="10"/>
    </row>
    <row r="1029954" spans="14:14">
      <c r="N1029954" s="10"/>
    </row>
    <row r="1029955" spans="14:14">
      <c r="N1029955" s="10"/>
    </row>
    <row r="1029956" spans="14:14">
      <c r="N1029956" s="10"/>
    </row>
    <row r="1029957" spans="14:14">
      <c r="N1029957" s="10"/>
    </row>
    <row r="1029958" spans="14:14">
      <c r="N1029958" s="10"/>
    </row>
    <row r="1029959" spans="14:14">
      <c r="N1029959" s="10"/>
    </row>
    <row r="1029960" spans="14:14">
      <c r="N1029960" s="10"/>
    </row>
    <row r="1029961" spans="14:14">
      <c r="N1029961" s="10"/>
    </row>
    <row r="1029962" spans="14:14">
      <c r="N1029962" s="10"/>
    </row>
    <row r="1029963" spans="14:14">
      <c r="N1029963" s="10"/>
    </row>
    <row r="1029964" spans="14:14">
      <c r="N1029964" s="10"/>
    </row>
    <row r="1029965" spans="14:14">
      <c r="N1029965" s="10"/>
    </row>
    <row r="1029966" spans="14:14">
      <c r="N1029966" s="10"/>
    </row>
    <row r="1029967" spans="14:14">
      <c r="N1029967" s="10"/>
    </row>
    <row r="1029968" spans="14:14">
      <c r="N1029968" s="10"/>
    </row>
    <row r="1029969" spans="14:14">
      <c r="N1029969" s="10"/>
    </row>
    <row r="1029970" spans="14:14">
      <c r="N1029970" s="10"/>
    </row>
    <row r="1029971" spans="14:14">
      <c r="N1029971" s="10"/>
    </row>
    <row r="1029972" spans="14:14">
      <c r="N1029972" s="10"/>
    </row>
    <row r="1029973" spans="14:14">
      <c r="N1029973" s="10"/>
    </row>
    <row r="1029974" spans="14:14">
      <c r="N1029974" s="10"/>
    </row>
    <row r="1029975" spans="14:14">
      <c r="N1029975" s="10"/>
    </row>
    <row r="1029976" spans="14:14">
      <c r="N1029976" s="10"/>
    </row>
    <row r="1029977" spans="14:14">
      <c r="N1029977" s="10"/>
    </row>
    <row r="1029978" spans="14:14">
      <c r="N1029978" s="10"/>
    </row>
    <row r="1029979" spans="14:14">
      <c r="N1029979" s="10"/>
    </row>
    <row r="1029980" spans="14:14">
      <c r="N1029980" s="10"/>
    </row>
    <row r="1029981" spans="14:14">
      <c r="N1029981" s="10"/>
    </row>
    <row r="1029982" spans="14:14">
      <c r="N1029982" s="10"/>
    </row>
    <row r="1029983" spans="14:14">
      <c r="N1029983" s="10"/>
    </row>
    <row r="1029984" spans="14:14">
      <c r="N1029984" s="10"/>
    </row>
    <row r="1029985" spans="14:14">
      <c r="N1029985" s="10"/>
    </row>
    <row r="1029986" spans="14:14">
      <c r="N1029986" s="10"/>
    </row>
    <row r="1029987" spans="14:14">
      <c r="N1029987" s="10"/>
    </row>
    <row r="1029988" spans="14:14">
      <c r="N1029988" s="10"/>
    </row>
    <row r="1029989" spans="14:14">
      <c r="N1029989" s="10"/>
    </row>
    <row r="1029990" spans="14:14">
      <c r="N1029990" s="10"/>
    </row>
    <row r="1029991" spans="14:14">
      <c r="N1029991" s="10"/>
    </row>
    <row r="1029992" spans="14:14">
      <c r="N1029992" s="10"/>
    </row>
    <row r="1029993" spans="14:14">
      <c r="N1029993" s="10"/>
    </row>
    <row r="1029994" spans="14:14">
      <c r="N1029994" s="10"/>
    </row>
    <row r="1029995" spans="14:14">
      <c r="N1029995" s="10"/>
    </row>
    <row r="1029996" spans="14:14">
      <c r="N1029996" s="10"/>
    </row>
    <row r="1029997" spans="14:14">
      <c r="N1029997" s="10"/>
    </row>
    <row r="1029998" spans="14:14">
      <c r="N1029998" s="10"/>
    </row>
    <row r="1029999" spans="14:14">
      <c r="N1029999" s="10"/>
    </row>
    <row r="1030000" spans="14:14">
      <c r="N1030000" s="10"/>
    </row>
    <row r="1030001" spans="14:14">
      <c r="N1030001" s="10"/>
    </row>
    <row r="1030002" spans="14:14">
      <c r="N1030002" s="10"/>
    </row>
    <row r="1030003" spans="14:14">
      <c r="N1030003" s="10"/>
    </row>
    <row r="1030004" spans="14:14">
      <c r="N1030004" s="10"/>
    </row>
    <row r="1030005" spans="14:14">
      <c r="N1030005" s="10"/>
    </row>
    <row r="1030006" spans="14:14">
      <c r="N1030006" s="10"/>
    </row>
    <row r="1030007" spans="14:14">
      <c r="N1030007" s="10"/>
    </row>
    <row r="1030008" spans="14:14">
      <c r="N1030008" s="10"/>
    </row>
    <row r="1030009" spans="14:14">
      <c r="N1030009" s="10"/>
    </row>
    <row r="1030010" spans="14:14">
      <c r="N1030010" s="10"/>
    </row>
    <row r="1030011" spans="14:14">
      <c r="N1030011" s="10"/>
    </row>
    <row r="1030012" spans="14:14">
      <c r="N1030012" s="10"/>
    </row>
    <row r="1030013" spans="14:14">
      <c r="N1030013" s="10"/>
    </row>
    <row r="1030014" spans="14:14">
      <c r="N1030014" s="10"/>
    </row>
    <row r="1030015" spans="14:14">
      <c r="N1030015" s="10"/>
    </row>
    <row r="1030016" spans="14:14">
      <c r="N1030016" s="10"/>
    </row>
    <row r="1030017" spans="14:14">
      <c r="N1030017" s="10"/>
    </row>
    <row r="1030018" spans="14:14">
      <c r="N1030018" s="10"/>
    </row>
    <row r="1030019" spans="14:14">
      <c r="N1030019" s="10"/>
    </row>
    <row r="1030020" spans="14:14">
      <c r="N1030020" s="10"/>
    </row>
    <row r="1030021" spans="14:14">
      <c r="N1030021" s="10"/>
    </row>
    <row r="1030022" spans="14:14">
      <c r="N1030022" s="10"/>
    </row>
    <row r="1030023" spans="14:14">
      <c r="N1030023" s="10"/>
    </row>
    <row r="1030024" spans="14:14">
      <c r="N1030024" s="10"/>
    </row>
    <row r="1030025" spans="14:14">
      <c r="N1030025" s="10"/>
    </row>
    <row r="1030026" spans="14:14">
      <c r="N1030026" s="10"/>
    </row>
    <row r="1030027" spans="14:14">
      <c r="N1030027" s="10"/>
    </row>
    <row r="1030028" spans="14:14">
      <c r="N1030028" s="10"/>
    </row>
    <row r="1030029" spans="14:14">
      <c r="N1030029" s="10"/>
    </row>
    <row r="1030030" spans="14:14">
      <c r="N1030030" s="10"/>
    </row>
    <row r="1030031" spans="14:14">
      <c r="N1030031" s="10"/>
    </row>
    <row r="1030032" spans="14:14">
      <c r="N1030032" s="10"/>
    </row>
    <row r="1030033" spans="14:14">
      <c r="N1030033" s="10"/>
    </row>
    <row r="1030034" spans="14:14">
      <c r="N1030034" s="10"/>
    </row>
    <row r="1030035" spans="14:14">
      <c r="N1030035" s="10"/>
    </row>
    <row r="1030036" spans="14:14">
      <c r="N1030036" s="10"/>
    </row>
    <row r="1030037" spans="14:14">
      <c r="N1030037" s="10"/>
    </row>
    <row r="1030038" spans="14:14">
      <c r="N1030038" s="10"/>
    </row>
    <row r="1030039" spans="14:14">
      <c r="N1030039" s="10"/>
    </row>
    <row r="1030040" spans="14:14">
      <c r="N1030040" s="10"/>
    </row>
    <row r="1030041" spans="14:14">
      <c r="N1030041" s="10"/>
    </row>
    <row r="1030042" spans="14:14">
      <c r="N1030042" s="10"/>
    </row>
    <row r="1030043" spans="14:14">
      <c r="N1030043" s="10"/>
    </row>
    <row r="1030044" spans="14:14">
      <c r="N1030044" s="10"/>
    </row>
    <row r="1030045" spans="14:14">
      <c r="N1030045" s="10"/>
    </row>
    <row r="1030046" spans="14:14">
      <c r="N1030046" s="10"/>
    </row>
    <row r="1030047" spans="14:14">
      <c r="N1030047" s="10"/>
    </row>
    <row r="1030048" spans="14:14">
      <c r="N1030048" s="10"/>
    </row>
    <row r="1030049" spans="14:14">
      <c r="N1030049" s="10"/>
    </row>
    <row r="1030050" spans="14:14">
      <c r="N1030050" s="10"/>
    </row>
    <row r="1030051" spans="14:14">
      <c r="N1030051" s="10"/>
    </row>
    <row r="1030052" spans="14:14">
      <c r="N1030052" s="10"/>
    </row>
    <row r="1030053" spans="14:14">
      <c r="N1030053" s="10"/>
    </row>
    <row r="1030054" spans="14:14">
      <c r="N1030054" s="10"/>
    </row>
    <row r="1030055" spans="14:14">
      <c r="N1030055" s="10"/>
    </row>
    <row r="1030056" spans="14:14">
      <c r="N1030056" s="10"/>
    </row>
    <row r="1030057" spans="14:14">
      <c r="N1030057" s="10"/>
    </row>
    <row r="1030058" spans="14:14">
      <c r="N1030058" s="10"/>
    </row>
    <row r="1030059" spans="14:14">
      <c r="N1030059" s="10"/>
    </row>
    <row r="1030060" spans="14:14">
      <c r="N1030060" s="10"/>
    </row>
    <row r="1030061" spans="14:14">
      <c r="N1030061" s="10"/>
    </row>
    <row r="1030062" spans="14:14">
      <c r="N1030062" s="10"/>
    </row>
    <row r="1030063" spans="14:14">
      <c r="N1030063" s="10"/>
    </row>
    <row r="1030064" spans="14:14">
      <c r="N1030064" s="10"/>
    </row>
    <row r="1030065" spans="14:14">
      <c r="N1030065" s="10"/>
    </row>
    <row r="1030066" spans="14:14">
      <c r="N1030066" s="10"/>
    </row>
    <row r="1030067" spans="14:14">
      <c r="N1030067" s="10"/>
    </row>
    <row r="1030068" spans="14:14">
      <c r="N1030068" s="10"/>
    </row>
    <row r="1030069" spans="14:14">
      <c r="N1030069" s="10"/>
    </row>
    <row r="1030070" spans="14:14">
      <c r="N1030070" s="10"/>
    </row>
    <row r="1030071" spans="14:14">
      <c r="N1030071" s="10"/>
    </row>
    <row r="1030072" spans="14:14">
      <c r="N1030072" s="10"/>
    </row>
    <row r="1030073" spans="14:14">
      <c r="N1030073" s="10"/>
    </row>
    <row r="1030074" spans="14:14">
      <c r="N1030074" s="10"/>
    </row>
    <row r="1030075" spans="14:14">
      <c r="N1030075" s="10"/>
    </row>
    <row r="1030076" spans="14:14">
      <c r="N1030076" s="10"/>
    </row>
    <row r="1030077" spans="14:14">
      <c r="N1030077" s="10"/>
    </row>
    <row r="1030078" spans="14:14">
      <c r="N1030078" s="10"/>
    </row>
    <row r="1030079" spans="14:14">
      <c r="N1030079" s="10"/>
    </row>
    <row r="1030080" spans="14:14">
      <c r="N1030080" s="10"/>
    </row>
    <row r="1030081" spans="14:14">
      <c r="N1030081" s="10"/>
    </row>
    <row r="1030082" spans="14:14">
      <c r="N1030082" s="10"/>
    </row>
    <row r="1030083" spans="14:14">
      <c r="N1030083" s="10"/>
    </row>
    <row r="1030084" spans="14:14">
      <c r="N1030084" s="10"/>
    </row>
    <row r="1030085" spans="14:14">
      <c r="N1030085" s="10"/>
    </row>
    <row r="1030086" spans="14:14">
      <c r="N1030086" s="10"/>
    </row>
    <row r="1030087" spans="14:14">
      <c r="N1030087" s="10"/>
    </row>
    <row r="1030088" spans="14:14">
      <c r="N1030088" s="10"/>
    </row>
    <row r="1030089" spans="14:14">
      <c r="N1030089" s="10"/>
    </row>
    <row r="1030090" spans="14:14">
      <c r="N1030090" s="10"/>
    </row>
    <row r="1030091" spans="14:14">
      <c r="N1030091" s="10"/>
    </row>
    <row r="1030092" spans="14:14">
      <c r="N1030092" s="10"/>
    </row>
    <row r="1030093" spans="14:14">
      <c r="N1030093" s="10"/>
    </row>
    <row r="1030094" spans="14:14">
      <c r="N1030094" s="10"/>
    </row>
    <row r="1030095" spans="14:14">
      <c r="N1030095" s="10"/>
    </row>
    <row r="1030096" spans="14:14">
      <c r="N1030096" s="10"/>
    </row>
    <row r="1030097" spans="14:14">
      <c r="N1030097" s="10"/>
    </row>
    <row r="1030098" spans="14:14">
      <c r="N1030098" s="10"/>
    </row>
    <row r="1030099" spans="14:14">
      <c r="N1030099" s="10"/>
    </row>
    <row r="1030100" spans="14:14">
      <c r="N1030100" s="10"/>
    </row>
    <row r="1030101" spans="14:14">
      <c r="N1030101" s="10"/>
    </row>
    <row r="1030102" spans="14:14">
      <c r="N1030102" s="10"/>
    </row>
    <row r="1030103" spans="14:14">
      <c r="N1030103" s="10"/>
    </row>
    <row r="1030104" spans="14:14">
      <c r="N1030104" s="10"/>
    </row>
    <row r="1030105" spans="14:14">
      <c r="N1030105" s="10"/>
    </row>
    <row r="1030106" spans="14:14">
      <c r="N1030106" s="10"/>
    </row>
    <row r="1030107" spans="14:14">
      <c r="N1030107" s="10"/>
    </row>
    <row r="1030108" spans="14:14">
      <c r="N1030108" s="10"/>
    </row>
    <row r="1030109" spans="14:14">
      <c r="N1030109" s="10"/>
    </row>
    <row r="1030110" spans="14:14">
      <c r="N1030110" s="10"/>
    </row>
    <row r="1030111" spans="14:14">
      <c r="N1030111" s="10"/>
    </row>
    <row r="1030112" spans="14:14">
      <c r="N1030112" s="10"/>
    </row>
    <row r="1030113" spans="14:14">
      <c r="N1030113" s="10"/>
    </row>
    <row r="1030114" spans="14:14">
      <c r="N1030114" s="10"/>
    </row>
    <row r="1030115" spans="14:14">
      <c r="N1030115" s="10"/>
    </row>
    <row r="1030116" spans="14:14">
      <c r="N1030116" s="10"/>
    </row>
    <row r="1030117" spans="14:14">
      <c r="N1030117" s="10"/>
    </row>
    <row r="1030118" spans="14:14">
      <c r="N1030118" s="10"/>
    </row>
    <row r="1030119" spans="14:14">
      <c r="N1030119" s="10"/>
    </row>
    <row r="1030120" spans="14:14">
      <c r="N1030120" s="10"/>
    </row>
    <row r="1030121" spans="14:14">
      <c r="N1030121" s="10"/>
    </row>
    <row r="1030122" spans="14:14">
      <c r="N1030122" s="10"/>
    </row>
    <row r="1030123" spans="14:14">
      <c r="N1030123" s="10"/>
    </row>
    <row r="1030124" spans="14:14">
      <c r="N1030124" s="10"/>
    </row>
    <row r="1030125" spans="14:14">
      <c r="N1030125" s="10"/>
    </row>
    <row r="1030126" spans="14:14">
      <c r="N1030126" s="10"/>
    </row>
    <row r="1030127" spans="14:14">
      <c r="N1030127" s="10"/>
    </row>
    <row r="1030128" spans="14:14">
      <c r="N1030128" s="10"/>
    </row>
    <row r="1030129" spans="14:14">
      <c r="N1030129" s="10"/>
    </row>
    <row r="1030130" spans="14:14">
      <c r="N1030130" s="10"/>
    </row>
    <row r="1030131" spans="14:14">
      <c r="N1030131" s="10"/>
    </row>
    <row r="1030132" spans="14:14">
      <c r="N1030132" s="10"/>
    </row>
    <row r="1030133" spans="14:14">
      <c r="N1030133" s="10"/>
    </row>
    <row r="1030134" spans="14:14">
      <c r="N1030134" s="10"/>
    </row>
    <row r="1030135" spans="14:14">
      <c r="N1030135" s="10"/>
    </row>
    <row r="1030136" spans="14:14">
      <c r="N1030136" s="10"/>
    </row>
    <row r="1030137" spans="14:14">
      <c r="N1030137" s="10"/>
    </row>
    <row r="1030138" spans="14:14">
      <c r="N1030138" s="10"/>
    </row>
    <row r="1030139" spans="14:14">
      <c r="N1030139" s="10"/>
    </row>
    <row r="1030140" spans="14:14">
      <c r="N1030140" s="10"/>
    </row>
    <row r="1030141" spans="14:14">
      <c r="N1030141" s="10"/>
    </row>
    <row r="1030142" spans="14:14">
      <c r="N1030142" s="10"/>
    </row>
    <row r="1030143" spans="14:14">
      <c r="N1030143" s="10"/>
    </row>
    <row r="1030144" spans="14:14">
      <c r="N1030144" s="10"/>
    </row>
    <row r="1030145" spans="14:14">
      <c r="N1030145" s="10"/>
    </row>
    <row r="1030146" spans="14:14">
      <c r="N1030146" s="10"/>
    </row>
    <row r="1030147" spans="14:14">
      <c r="N1030147" s="10"/>
    </row>
    <row r="1030148" spans="14:14">
      <c r="N1030148" s="10"/>
    </row>
    <row r="1030149" spans="14:14">
      <c r="N1030149" s="10"/>
    </row>
    <row r="1030150" spans="14:14">
      <c r="N1030150" s="10"/>
    </row>
    <row r="1030151" spans="14:14">
      <c r="N1030151" s="10"/>
    </row>
    <row r="1030152" spans="14:14">
      <c r="N1030152" s="10"/>
    </row>
    <row r="1030153" spans="14:14">
      <c r="N1030153" s="10"/>
    </row>
    <row r="1030154" spans="14:14">
      <c r="N1030154" s="10"/>
    </row>
    <row r="1030155" spans="14:14">
      <c r="N1030155" s="10"/>
    </row>
    <row r="1030156" spans="14:14">
      <c r="N1030156" s="10"/>
    </row>
    <row r="1030157" spans="14:14">
      <c r="N1030157" s="10"/>
    </row>
    <row r="1030158" spans="14:14">
      <c r="N1030158" s="10"/>
    </row>
    <row r="1030159" spans="14:14">
      <c r="N1030159" s="10"/>
    </row>
    <row r="1030160" spans="14:14">
      <c r="N1030160" s="10"/>
    </row>
    <row r="1030161" spans="14:14">
      <c r="N1030161" s="10"/>
    </row>
    <row r="1030162" spans="14:14">
      <c r="N1030162" s="10"/>
    </row>
    <row r="1030163" spans="14:14">
      <c r="N1030163" s="10"/>
    </row>
    <row r="1030164" spans="14:14">
      <c r="N1030164" s="10"/>
    </row>
    <row r="1030165" spans="14:14">
      <c r="N1030165" s="10"/>
    </row>
    <row r="1030166" spans="14:14">
      <c r="N1030166" s="10"/>
    </row>
    <row r="1030167" spans="14:14">
      <c r="N1030167" s="10"/>
    </row>
    <row r="1030168" spans="14:14">
      <c r="N1030168" s="10"/>
    </row>
    <row r="1030169" spans="14:14">
      <c r="N1030169" s="10"/>
    </row>
    <row r="1030170" spans="14:14">
      <c r="N1030170" s="10"/>
    </row>
    <row r="1030171" spans="14:14">
      <c r="N1030171" s="10"/>
    </row>
    <row r="1030172" spans="14:14">
      <c r="N1030172" s="10"/>
    </row>
    <row r="1030173" spans="14:14">
      <c r="N1030173" s="10"/>
    </row>
    <row r="1030174" spans="14:14">
      <c r="N1030174" s="10"/>
    </row>
    <row r="1030175" spans="14:14">
      <c r="N1030175" s="10"/>
    </row>
    <row r="1030176" spans="14:14">
      <c r="N1030176" s="10"/>
    </row>
    <row r="1030177" spans="14:14">
      <c r="N1030177" s="10"/>
    </row>
    <row r="1030178" spans="14:14">
      <c r="N1030178" s="10"/>
    </row>
    <row r="1030179" spans="14:14">
      <c r="N1030179" s="10"/>
    </row>
    <row r="1030180" spans="14:14">
      <c r="N1030180" s="10"/>
    </row>
    <row r="1030181" spans="14:14">
      <c r="N1030181" s="10"/>
    </row>
    <row r="1030182" spans="14:14">
      <c r="N1030182" s="10"/>
    </row>
    <row r="1030183" spans="14:14">
      <c r="N1030183" s="10"/>
    </row>
    <row r="1030184" spans="14:14">
      <c r="N1030184" s="10"/>
    </row>
    <row r="1030185" spans="14:14">
      <c r="N1030185" s="10"/>
    </row>
    <row r="1030186" spans="14:14">
      <c r="N1030186" s="10"/>
    </row>
    <row r="1030187" spans="14:14">
      <c r="N1030187" s="10"/>
    </row>
    <row r="1030188" spans="14:14">
      <c r="N1030188" s="10"/>
    </row>
    <row r="1030189" spans="14:14">
      <c r="N1030189" s="10"/>
    </row>
    <row r="1030190" spans="14:14">
      <c r="N1030190" s="10"/>
    </row>
    <row r="1030191" spans="14:14">
      <c r="N1030191" s="10"/>
    </row>
    <row r="1030192" spans="14:14">
      <c r="N1030192" s="10"/>
    </row>
    <row r="1030193" spans="14:14">
      <c r="N1030193" s="10"/>
    </row>
    <row r="1030194" spans="14:14">
      <c r="N1030194" s="10"/>
    </row>
    <row r="1030195" spans="14:14">
      <c r="N1030195" s="10"/>
    </row>
    <row r="1030196" spans="14:14">
      <c r="N1030196" s="10"/>
    </row>
    <row r="1030197" spans="14:14">
      <c r="N1030197" s="10"/>
    </row>
    <row r="1030198" spans="14:14">
      <c r="N1030198" s="10"/>
    </row>
    <row r="1030199" spans="14:14">
      <c r="N1030199" s="10"/>
    </row>
    <row r="1030200" spans="14:14">
      <c r="N1030200" s="10"/>
    </row>
    <row r="1030201" spans="14:14">
      <c r="N1030201" s="10"/>
    </row>
    <row r="1030202" spans="14:14">
      <c r="N1030202" s="10"/>
    </row>
    <row r="1030203" spans="14:14">
      <c r="N1030203" s="10"/>
    </row>
    <row r="1030204" spans="14:14">
      <c r="N1030204" s="10"/>
    </row>
    <row r="1030205" spans="14:14">
      <c r="N1030205" s="10"/>
    </row>
    <row r="1030206" spans="14:14">
      <c r="N1030206" s="10"/>
    </row>
    <row r="1030207" spans="14:14">
      <c r="N1030207" s="10"/>
    </row>
    <row r="1030208" spans="14:14">
      <c r="N1030208" s="10"/>
    </row>
    <row r="1030209" spans="14:14">
      <c r="N1030209" s="10"/>
    </row>
    <row r="1030210" spans="14:14">
      <c r="N1030210" s="10"/>
    </row>
    <row r="1030211" spans="14:14">
      <c r="N1030211" s="10"/>
    </row>
    <row r="1030212" spans="14:14">
      <c r="N1030212" s="10"/>
    </row>
    <row r="1030213" spans="14:14">
      <c r="N1030213" s="10"/>
    </row>
    <row r="1030214" spans="14:14">
      <c r="N1030214" s="10"/>
    </row>
    <row r="1030215" spans="14:14">
      <c r="N1030215" s="10"/>
    </row>
    <row r="1030216" spans="14:14">
      <c r="N1030216" s="10"/>
    </row>
    <row r="1030217" spans="14:14">
      <c r="N1030217" s="10"/>
    </row>
    <row r="1030218" spans="14:14">
      <c r="N1030218" s="10"/>
    </row>
    <row r="1030219" spans="14:14">
      <c r="N1030219" s="10"/>
    </row>
    <row r="1030220" spans="14:14">
      <c r="N1030220" s="10"/>
    </row>
    <row r="1030221" spans="14:14">
      <c r="N1030221" s="10"/>
    </row>
    <row r="1030222" spans="14:14">
      <c r="N1030222" s="10"/>
    </row>
    <row r="1030223" spans="14:14">
      <c r="N1030223" s="10"/>
    </row>
    <row r="1030224" spans="14:14">
      <c r="N1030224" s="10"/>
    </row>
    <row r="1030225" spans="14:14">
      <c r="N1030225" s="10"/>
    </row>
    <row r="1030226" spans="14:14">
      <c r="N1030226" s="10"/>
    </row>
    <row r="1030227" spans="14:14">
      <c r="N1030227" s="10"/>
    </row>
    <row r="1030228" spans="14:14">
      <c r="N1030228" s="10"/>
    </row>
    <row r="1030229" spans="14:14">
      <c r="N1030229" s="10"/>
    </row>
    <row r="1030230" spans="14:14">
      <c r="N1030230" s="10"/>
    </row>
    <row r="1030231" spans="14:14">
      <c r="N1030231" s="10"/>
    </row>
    <row r="1030232" spans="14:14">
      <c r="N1030232" s="10"/>
    </row>
    <row r="1030233" spans="14:14">
      <c r="N1030233" s="10"/>
    </row>
    <row r="1030234" spans="14:14">
      <c r="N1030234" s="10"/>
    </row>
    <row r="1030235" spans="14:14">
      <c r="N1030235" s="10"/>
    </row>
    <row r="1030236" spans="14:14">
      <c r="N1030236" s="10"/>
    </row>
    <row r="1030237" spans="14:14">
      <c r="N1030237" s="10"/>
    </row>
    <row r="1030238" spans="14:14">
      <c r="N1030238" s="10"/>
    </row>
    <row r="1030239" spans="14:14">
      <c r="N1030239" s="10"/>
    </row>
    <row r="1030240" spans="14:14">
      <c r="N1030240" s="10"/>
    </row>
    <row r="1030241" spans="14:14">
      <c r="N1030241" s="10"/>
    </row>
    <row r="1030242" spans="14:14">
      <c r="N1030242" s="10"/>
    </row>
    <row r="1030243" spans="14:14">
      <c r="N1030243" s="10"/>
    </row>
    <row r="1030244" spans="14:14">
      <c r="N1030244" s="10"/>
    </row>
    <row r="1030245" spans="14:14">
      <c r="N1030245" s="10"/>
    </row>
    <row r="1030246" spans="14:14">
      <c r="N1030246" s="10"/>
    </row>
    <row r="1030247" spans="14:14">
      <c r="N1030247" s="10"/>
    </row>
    <row r="1030248" spans="14:14">
      <c r="N1030248" s="10"/>
    </row>
    <row r="1030249" spans="14:14">
      <c r="N1030249" s="10"/>
    </row>
    <row r="1030250" spans="14:14">
      <c r="N1030250" s="10"/>
    </row>
    <row r="1030251" spans="14:14">
      <c r="N1030251" s="10"/>
    </row>
    <row r="1030252" spans="14:14">
      <c r="N1030252" s="10"/>
    </row>
    <row r="1030253" spans="14:14">
      <c r="N1030253" s="10"/>
    </row>
    <row r="1030254" spans="14:14">
      <c r="N1030254" s="10"/>
    </row>
    <row r="1030255" spans="14:14">
      <c r="N1030255" s="10"/>
    </row>
    <row r="1030256" spans="14:14">
      <c r="N1030256" s="10"/>
    </row>
    <row r="1030257" spans="14:14">
      <c r="N1030257" s="10"/>
    </row>
    <row r="1030258" spans="14:14">
      <c r="N1030258" s="10"/>
    </row>
    <row r="1030259" spans="14:14">
      <c r="N1030259" s="10"/>
    </row>
    <row r="1030260" spans="14:14">
      <c r="N1030260" s="10"/>
    </row>
    <row r="1030261" spans="14:14">
      <c r="N1030261" s="10"/>
    </row>
    <row r="1030262" spans="14:14">
      <c r="N1030262" s="10"/>
    </row>
    <row r="1030263" spans="14:14">
      <c r="N1030263" s="10"/>
    </row>
    <row r="1030264" spans="14:14">
      <c r="N1030264" s="10"/>
    </row>
    <row r="1030265" spans="14:14">
      <c r="N1030265" s="10"/>
    </row>
    <row r="1030266" spans="14:14">
      <c r="N1030266" s="10"/>
    </row>
    <row r="1030267" spans="14:14">
      <c r="N1030267" s="10"/>
    </row>
    <row r="1030268" spans="14:14">
      <c r="N1030268" s="10"/>
    </row>
    <row r="1030269" spans="14:14">
      <c r="N1030269" s="10"/>
    </row>
    <row r="1030270" spans="14:14">
      <c r="N1030270" s="10"/>
    </row>
    <row r="1030271" spans="14:14">
      <c r="N1030271" s="10"/>
    </row>
    <row r="1030272" spans="14:14">
      <c r="N1030272" s="10"/>
    </row>
    <row r="1030273" spans="14:14">
      <c r="N1030273" s="10"/>
    </row>
    <row r="1030274" spans="14:14">
      <c r="N1030274" s="10"/>
    </row>
    <row r="1030275" spans="14:14">
      <c r="N1030275" s="10"/>
    </row>
    <row r="1030276" spans="14:14">
      <c r="N1030276" s="10"/>
    </row>
    <row r="1030277" spans="14:14">
      <c r="N1030277" s="10"/>
    </row>
    <row r="1030278" spans="14:14">
      <c r="N1030278" s="10"/>
    </row>
    <row r="1030279" spans="14:14">
      <c r="N1030279" s="10"/>
    </row>
    <row r="1030280" spans="14:14">
      <c r="N1030280" s="10"/>
    </row>
    <row r="1030281" spans="14:14">
      <c r="N1030281" s="10"/>
    </row>
    <row r="1030282" spans="14:14">
      <c r="N1030282" s="10"/>
    </row>
    <row r="1030283" spans="14:14">
      <c r="N1030283" s="10"/>
    </row>
    <row r="1030284" spans="14:14">
      <c r="N1030284" s="10"/>
    </row>
    <row r="1030285" spans="14:14">
      <c r="N1030285" s="10"/>
    </row>
    <row r="1030286" spans="14:14">
      <c r="N1030286" s="10"/>
    </row>
    <row r="1030287" spans="14:14">
      <c r="N1030287" s="10"/>
    </row>
    <row r="1030288" spans="14:14">
      <c r="N1030288" s="10"/>
    </row>
    <row r="1030289" spans="14:14">
      <c r="N1030289" s="10"/>
    </row>
    <row r="1030290" spans="14:14">
      <c r="N1030290" s="10"/>
    </row>
    <row r="1030291" spans="14:14">
      <c r="N1030291" s="10"/>
    </row>
    <row r="1030292" spans="14:14">
      <c r="N1030292" s="10"/>
    </row>
    <row r="1030293" spans="14:14">
      <c r="N1030293" s="10"/>
    </row>
    <row r="1030294" spans="14:14">
      <c r="N1030294" s="10"/>
    </row>
    <row r="1030295" spans="14:14">
      <c r="N1030295" s="10"/>
    </row>
    <row r="1030296" spans="14:14">
      <c r="N1030296" s="10"/>
    </row>
    <row r="1030297" spans="14:14">
      <c r="N1030297" s="10"/>
    </row>
    <row r="1030298" spans="14:14">
      <c r="N1030298" s="10"/>
    </row>
    <row r="1030299" spans="14:14">
      <c r="N1030299" s="10"/>
    </row>
    <row r="1030300" spans="14:14">
      <c r="N1030300" s="10"/>
    </row>
    <row r="1030301" spans="14:14">
      <c r="N1030301" s="10"/>
    </row>
    <row r="1030302" spans="14:14">
      <c r="N1030302" s="10"/>
    </row>
    <row r="1030303" spans="14:14">
      <c r="N1030303" s="10"/>
    </row>
    <row r="1030304" spans="14:14">
      <c r="N1030304" s="10"/>
    </row>
    <row r="1030305" spans="14:14">
      <c r="N1030305" s="10"/>
    </row>
    <row r="1030306" spans="14:14">
      <c r="N1030306" s="10"/>
    </row>
    <row r="1030307" spans="14:14">
      <c r="N1030307" s="10"/>
    </row>
    <row r="1030308" spans="14:14">
      <c r="N1030308" s="10"/>
    </row>
    <row r="1030309" spans="14:14">
      <c r="N1030309" s="10"/>
    </row>
    <row r="1030310" spans="14:14">
      <c r="N1030310" s="10"/>
    </row>
    <row r="1030311" spans="14:14">
      <c r="N1030311" s="10"/>
    </row>
    <row r="1030312" spans="14:14">
      <c r="N1030312" s="10"/>
    </row>
    <row r="1030313" spans="14:14">
      <c r="N1030313" s="10"/>
    </row>
    <row r="1030314" spans="14:14">
      <c r="N1030314" s="10"/>
    </row>
    <row r="1030315" spans="14:14">
      <c r="N1030315" s="10"/>
    </row>
    <row r="1030316" spans="14:14">
      <c r="N1030316" s="10"/>
    </row>
    <row r="1030317" spans="14:14">
      <c r="N1030317" s="10"/>
    </row>
    <row r="1030318" spans="14:14">
      <c r="N1030318" s="10"/>
    </row>
    <row r="1030319" spans="14:14">
      <c r="N1030319" s="10"/>
    </row>
    <row r="1030320" spans="14:14">
      <c r="N1030320" s="10"/>
    </row>
    <row r="1030321" spans="14:14">
      <c r="N1030321" s="10"/>
    </row>
    <row r="1030322" spans="14:14">
      <c r="N1030322" s="10"/>
    </row>
    <row r="1030323" spans="14:14">
      <c r="N1030323" s="10"/>
    </row>
    <row r="1030324" spans="14:14">
      <c r="N1030324" s="10"/>
    </row>
    <row r="1030325" spans="14:14">
      <c r="N1030325" s="10"/>
    </row>
    <row r="1030326" spans="14:14">
      <c r="N1030326" s="10"/>
    </row>
    <row r="1030327" spans="14:14">
      <c r="N1030327" s="10"/>
    </row>
    <row r="1030328" spans="14:14">
      <c r="N1030328" s="10"/>
    </row>
    <row r="1030329" spans="14:14">
      <c r="N1030329" s="10"/>
    </row>
    <row r="1030330" spans="14:14">
      <c r="N1030330" s="10"/>
    </row>
    <row r="1030331" spans="14:14">
      <c r="N1030331" s="10"/>
    </row>
    <row r="1030332" spans="14:14">
      <c r="N1030332" s="10"/>
    </row>
    <row r="1030333" spans="14:14">
      <c r="N1030333" s="10"/>
    </row>
    <row r="1030334" spans="14:14">
      <c r="N1030334" s="10"/>
    </row>
    <row r="1030335" spans="14:14">
      <c r="N1030335" s="10"/>
    </row>
    <row r="1030336" spans="14:14">
      <c r="N1030336" s="10"/>
    </row>
    <row r="1030337" spans="14:14">
      <c r="N1030337" s="10"/>
    </row>
    <row r="1030338" spans="14:14">
      <c r="N1030338" s="10"/>
    </row>
    <row r="1030339" spans="14:14">
      <c r="N1030339" s="10"/>
    </row>
    <row r="1030340" spans="14:14">
      <c r="N1030340" s="10"/>
    </row>
    <row r="1030341" spans="14:14">
      <c r="N1030341" s="10"/>
    </row>
    <row r="1030342" spans="14:14">
      <c r="N1030342" s="10"/>
    </row>
    <row r="1030343" spans="14:14">
      <c r="N1030343" s="10"/>
    </row>
    <row r="1030344" spans="14:14">
      <c r="N1030344" s="10"/>
    </row>
    <row r="1030345" spans="14:14">
      <c r="N1030345" s="10"/>
    </row>
    <row r="1030346" spans="14:14">
      <c r="N1030346" s="10"/>
    </row>
    <row r="1030347" spans="14:14">
      <c r="N1030347" s="10"/>
    </row>
    <row r="1030348" spans="14:14">
      <c r="N1030348" s="10"/>
    </row>
    <row r="1030349" spans="14:14">
      <c r="N1030349" s="10"/>
    </row>
    <row r="1030350" spans="14:14">
      <c r="N1030350" s="10"/>
    </row>
    <row r="1030351" spans="14:14">
      <c r="N1030351" s="10"/>
    </row>
    <row r="1030352" spans="14:14">
      <c r="N1030352" s="10"/>
    </row>
    <row r="1030353" spans="14:14">
      <c r="N1030353" s="10"/>
    </row>
    <row r="1030354" spans="14:14">
      <c r="N1030354" s="10"/>
    </row>
    <row r="1030355" spans="14:14">
      <c r="N1030355" s="10"/>
    </row>
    <row r="1030356" spans="14:14">
      <c r="N1030356" s="10"/>
    </row>
    <row r="1030357" spans="14:14">
      <c r="N1030357" s="10"/>
    </row>
    <row r="1030358" spans="14:14">
      <c r="N1030358" s="10"/>
    </row>
    <row r="1030359" spans="14:14">
      <c r="N1030359" s="10"/>
    </row>
    <row r="1030360" spans="14:14">
      <c r="N1030360" s="10"/>
    </row>
    <row r="1030361" spans="14:14">
      <c r="N1030361" s="10"/>
    </row>
    <row r="1030362" spans="14:14">
      <c r="N1030362" s="10"/>
    </row>
    <row r="1030363" spans="14:14">
      <c r="N1030363" s="10"/>
    </row>
    <row r="1030364" spans="14:14">
      <c r="N1030364" s="10"/>
    </row>
    <row r="1030365" spans="14:14">
      <c r="N1030365" s="10"/>
    </row>
    <row r="1030366" spans="14:14">
      <c r="N1030366" s="10"/>
    </row>
    <row r="1030367" spans="14:14">
      <c r="N1030367" s="10"/>
    </row>
    <row r="1030368" spans="14:14">
      <c r="N1030368" s="10"/>
    </row>
    <row r="1030369" spans="14:14">
      <c r="N1030369" s="10"/>
    </row>
    <row r="1030370" spans="14:14">
      <c r="N1030370" s="10"/>
    </row>
    <row r="1030371" spans="14:14">
      <c r="N1030371" s="10"/>
    </row>
    <row r="1030372" spans="14:14">
      <c r="N1030372" s="10"/>
    </row>
    <row r="1030373" spans="14:14">
      <c r="N1030373" s="10"/>
    </row>
    <row r="1030374" spans="14:14">
      <c r="N1030374" s="10"/>
    </row>
    <row r="1030375" spans="14:14">
      <c r="N1030375" s="10"/>
    </row>
    <row r="1030376" spans="14:14">
      <c r="N1030376" s="10"/>
    </row>
    <row r="1030377" spans="14:14">
      <c r="N1030377" s="10"/>
    </row>
    <row r="1030378" spans="14:14">
      <c r="N1030378" s="10"/>
    </row>
    <row r="1030379" spans="14:14">
      <c r="N1030379" s="10"/>
    </row>
    <row r="1030380" spans="14:14">
      <c r="N1030380" s="10"/>
    </row>
    <row r="1030381" spans="14:14">
      <c r="N1030381" s="10"/>
    </row>
    <row r="1030382" spans="14:14">
      <c r="N1030382" s="10"/>
    </row>
    <row r="1030383" spans="14:14">
      <c r="N1030383" s="10"/>
    </row>
    <row r="1030384" spans="14:14">
      <c r="N1030384" s="10"/>
    </row>
    <row r="1030385" spans="14:14">
      <c r="N1030385" s="10"/>
    </row>
    <row r="1030386" spans="14:14">
      <c r="N1030386" s="10"/>
    </row>
    <row r="1030387" spans="14:14">
      <c r="N1030387" s="10"/>
    </row>
    <row r="1030388" spans="14:14">
      <c r="N1030388" s="10"/>
    </row>
    <row r="1030389" spans="14:14">
      <c r="N1030389" s="10"/>
    </row>
    <row r="1030390" spans="14:14">
      <c r="N1030390" s="10"/>
    </row>
    <row r="1030391" spans="14:14">
      <c r="N1030391" s="10"/>
    </row>
    <row r="1030392" spans="14:14">
      <c r="N1030392" s="10"/>
    </row>
    <row r="1030393" spans="14:14">
      <c r="N1030393" s="10"/>
    </row>
    <row r="1030394" spans="14:14">
      <c r="N1030394" s="10"/>
    </row>
    <row r="1030395" spans="14:14">
      <c r="N1030395" s="10"/>
    </row>
    <row r="1030396" spans="14:14">
      <c r="N1030396" s="10"/>
    </row>
    <row r="1030397" spans="14:14">
      <c r="N1030397" s="10"/>
    </row>
    <row r="1030398" spans="14:14">
      <c r="N1030398" s="10"/>
    </row>
    <row r="1030399" spans="14:14">
      <c r="N1030399" s="10"/>
    </row>
    <row r="1030400" spans="14:14">
      <c r="N1030400" s="10"/>
    </row>
    <row r="1030401" spans="14:14">
      <c r="N1030401" s="10"/>
    </row>
    <row r="1030402" spans="14:14">
      <c r="N1030402" s="10"/>
    </row>
    <row r="1030403" spans="14:14">
      <c r="N1030403" s="10"/>
    </row>
    <row r="1030404" spans="14:14">
      <c r="N1030404" s="10"/>
    </row>
    <row r="1030405" spans="14:14">
      <c r="N1030405" s="10"/>
    </row>
    <row r="1030406" spans="14:14">
      <c r="N1030406" s="10"/>
    </row>
    <row r="1030407" spans="14:14">
      <c r="N1030407" s="10"/>
    </row>
    <row r="1030408" spans="14:14">
      <c r="N1030408" s="10"/>
    </row>
    <row r="1030409" spans="14:14">
      <c r="N1030409" s="10"/>
    </row>
    <row r="1030410" spans="14:14">
      <c r="N1030410" s="10"/>
    </row>
    <row r="1030411" spans="14:14">
      <c r="N1030411" s="10"/>
    </row>
    <row r="1030412" spans="14:14">
      <c r="N1030412" s="10"/>
    </row>
    <row r="1030413" spans="14:14">
      <c r="N1030413" s="10"/>
    </row>
    <row r="1030414" spans="14:14">
      <c r="N1030414" s="10"/>
    </row>
    <row r="1030415" spans="14:14">
      <c r="N1030415" s="10"/>
    </row>
    <row r="1030416" spans="14:14">
      <c r="N1030416" s="10"/>
    </row>
    <row r="1030417" spans="14:14">
      <c r="N1030417" s="10"/>
    </row>
    <row r="1030418" spans="14:14">
      <c r="N1030418" s="10"/>
    </row>
    <row r="1030419" spans="14:14">
      <c r="N1030419" s="10"/>
    </row>
    <row r="1030420" spans="14:14">
      <c r="N1030420" s="10"/>
    </row>
    <row r="1030421" spans="14:14">
      <c r="N1030421" s="10"/>
    </row>
    <row r="1030422" spans="14:14">
      <c r="N1030422" s="10"/>
    </row>
    <row r="1030423" spans="14:14">
      <c r="N1030423" s="10"/>
    </row>
    <row r="1030424" spans="14:14">
      <c r="N1030424" s="10"/>
    </row>
    <row r="1030425" spans="14:14">
      <c r="N1030425" s="10"/>
    </row>
    <row r="1030426" spans="14:14">
      <c r="N1030426" s="10"/>
    </row>
    <row r="1030427" spans="14:14">
      <c r="N1030427" s="10"/>
    </row>
    <row r="1030428" spans="14:14">
      <c r="N1030428" s="10"/>
    </row>
    <row r="1030429" spans="14:14">
      <c r="N1030429" s="10"/>
    </row>
    <row r="1030430" spans="14:14">
      <c r="N1030430" s="10"/>
    </row>
    <row r="1030431" spans="14:14">
      <c r="N1030431" s="10"/>
    </row>
    <row r="1030432" spans="14:14">
      <c r="N1030432" s="10"/>
    </row>
    <row r="1030433" spans="14:14">
      <c r="N1030433" s="10"/>
    </row>
    <row r="1030434" spans="14:14">
      <c r="N1030434" s="10"/>
    </row>
    <row r="1030435" spans="14:14">
      <c r="N1030435" s="10"/>
    </row>
    <row r="1030436" spans="14:14">
      <c r="N1030436" s="10"/>
    </row>
    <row r="1030437" spans="14:14">
      <c r="N1030437" s="10"/>
    </row>
    <row r="1030438" spans="14:14">
      <c r="N1030438" s="10"/>
    </row>
    <row r="1030439" spans="14:14">
      <c r="N1030439" s="10"/>
    </row>
    <row r="1030440" spans="14:14">
      <c r="N1030440" s="10"/>
    </row>
    <row r="1030441" spans="14:14">
      <c r="N1030441" s="10"/>
    </row>
    <row r="1030442" spans="14:14">
      <c r="N1030442" s="10"/>
    </row>
    <row r="1030443" spans="14:14">
      <c r="N1030443" s="10"/>
    </row>
    <row r="1030444" spans="14:14">
      <c r="N1030444" s="10"/>
    </row>
    <row r="1030445" spans="14:14">
      <c r="N1030445" s="10"/>
    </row>
    <row r="1030446" spans="14:14">
      <c r="N1030446" s="10"/>
    </row>
    <row r="1030447" spans="14:14">
      <c r="N1030447" s="10"/>
    </row>
    <row r="1030448" spans="14:14">
      <c r="N1030448" s="10"/>
    </row>
    <row r="1030449" spans="14:14">
      <c r="N1030449" s="10"/>
    </row>
    <row r="1030450" spans="14:14">
      <c r="N1030450" s="10"/>
    </row>
    <row r="1030451" spans="14:14">
      <c r="N1030451" s="10"/>
    </row>
    <row r="1030452" spans="14:14">
      <c r="N1030452" s="10"/>
    </row>
    <row r="1030453" spans="14:14">
      <c r="N1030453" s="10"/>
    </row>
    <row r="1030454" spans="14:14">
      <c r="N1030454" s="10"/>
    </row>
    <row r="1030455" spans="14:14">
      <c r="N1030455" s="10"/>
    </row>
    <row r="1030456" spans="14:14">
      <c r="N1030456" s="10"/>
    </row>
    <row r="1030457" spans="14:14">
      <c r="N1030457" s="10"/>
    </row>
    <row r="1030458" spans="14:14">
      <c r="N1030458" s="10"/>
    </row>
    <row r="1030459" spans="14:14">
      <c r="N1030459" s="10"/>
    </row>
    <row r="1030460" spans="14:14">
      <c r="N1030460" s="10"/>
    </row>
    <row r="1030461" spans="14:14">
      <c r="N1030461" s="10"/>
    </row>
    <row r="1030462" spans="14:14">
      <c r="N1030462" s="10"/>
    </row>
    <row r="1030463" spans="14:14">
      <c r="N1030463" s="10"/>
    </row>
    <row r="1030464" spans="14:14">
      <c r="N1030464" s="10"/>
    </row>
    <row r="1030465" spans="14:14">
      <c r="N1030465" s="10"/>
    </row>
    <row r="1030466" spans="14:14">
      <c r="N1030466" s="10"/>
    </row>
    <row r="1030467" spans="14:14">
      <c r="N1030467" s="10"/>
    </row>
    <row r="1030468" spans="14:14">
      <c r="N1030468" s="10"/>
    </row>
    <row r="1030469" spans="14:14">
      <c r="N1030469" s="10"/>
    </row>
    <row r="1030470" spans="14:14">
      <c r="N1030470" s="10"/>
    </row>
    <row r="1030471" spans="14:14">
      <c r="N1030471" s="10"/>
    </row>
    <row r="1030472" spans="14:14">
      <c r="N1030472" s="10"/>
    </row>
    <row r="1030473" spans="14:14">
      <c r="N1030473" s="10"/>
    </row>
    <row r="1030474" spans="14:14">
      <c r="N1030474" s="10"/>
    </row>
    <row r="1030475" spans="14:14">
      <c r="N1030475" s="10"/>
    </row>
    <row r="1030476" spans="14:14">
      <c r="N1030476" s="10"/>
    </row>
    <row r="1030477" spans="14:14">
      <c r="N1030477" s="10"/>
    </row>
    <row r="1030478" spans="14:14">
      <c r="N1030478" s="10"/>
    </row>
    <row r="1030479" spans="14:14">
      <c r="N1030479" s="10"/>
    </row>
    <row r="1030480" spans="14:14">
      <c r="N1030480" s="10"/>
    </row>
    <row r="1030481" spans="14:14">
      <c r="N1030481" s="10"/>
    </row>
    <row r="1030482" spans="14:14">
      <c r="N1030482" s="10"/>
    </row>
    <row r="1030483" spans="14:14">
      <c r="N1030483" s="10"/>
    </row>
    <row r="1030484" spans="14:14">
      <c r="N1030484" s="10"/>
    </row>
    <row r="1030485" spans="14:14">
      <c r="N1030485" s="10"/>
    </row>
    <row r="1030486" spans="14:14">
      <c r="N1030486" s="10"/>
    </row>
    <row r="1030487" spans="14:14">
      <c r="N1030487" s="10"/>
    </row>
    <row r="1030488" spans="14:14">
      <c r="N1030488" s="10"/>
    </row>
    <row r="1030489" spans="14:14">
      <c r="N1030489" s="10"/>
    </row>
    <row r="1030490" spans="14:14">
      <c r="N1030490" s="10"/>
    </row>
    <row r="1030491" spans="14:14">
      <c r="N1030491" s="10"/>
    </row>
    <row r="1030492" spans="14:14">
      <c r="N1030492" s="10"/>
    </row>
    <row r="1030493" spans="14:14">
      <c r="N1030493" s="10"/>
    </row>
    <row r="1030494" spans="14:14">
      <c r="N1030494" s="10"/>
    </row>
    <row r="1030495" spans="14:14">
      <c r="N1030495" s="10"/>
    </row>
    <row r="1030496" spans="14:14">
      <c r="N1030496" s="10"/>
    </row>
    <row r="1030497" spans="14:14">
      <c r="N1030497" s="10"/>
    </row>
    <row r="1030498" spans="14:14">
      <c r="N1030498" s="10"/>
    </row>
    <row r="1030499" spans="14:14">
      <c r="N1030499" s="10"/>
    </row>
    <row r="1030500" spans="14:14">
      <c r="N1030500" s="10"/>
    </row>
    <row r="1030501" spans="14:14">
      <c r="N1030501" s="10"/>
    </row>
    <row r="1030502" spans="14:14">
      <c r="N1030502" s="10"/>
    </row>
    <row r="1030503" spans="14:14">
      <c r="N1030503" s="10"/>
    </row>
    <row r="1030504" spans="14:14">
      <c r="N1030504" s="10"/>
    </row>
    <row r="1030505" spans="14:14">
      <c r="N1030505" s="10"/>
    </row>
    <row r="1030506" spans="14:14">
      <c r="N1030506" s="10"/>
    </row>
    <row r="1030507" spans="14:14">
      <c r="N1030507" s="10"/>
    </row>
    <row r="1030508" spans="14:14">
      <c r="N1030508" s="10"/>
    </row>
    <row r="1030509" spans="14:14">
      <c r="N1030509" s="10"/>
    </row>
    <row r="1030510" spans="14:14">
      <c r="N1030510" s="10"/>
    </row>
    <row r="1030511" spans="14:14">
      <c r="N1030511" s="10"/>
    </row>
    <row r="1030512" spans="14:14">
      <c r="N1030512" s="10"/>
    </row>
    <row r="1030513" spans="14:14">
      <c r="N1030513" s="10"/>
    </row>
    <row r="1030514" spans="14:14">
      <c r="N1030514" s="10"/>
    </row>
    <row r="1030515" spans="14:14">
      <c r="N1030515" s="10"/>
    </row>
    <row r="1030516" spans="14:14">
      <c r="N1030516" s="10"/>
    </row>
    <row r="1030517" spans="14:14">
      <c r="N1030517" s="10"/>
    </row>
    <row r="1030518" spans="14:14">
      <c r="N1030518" s="10"/>
    </row>
    <row r="1030519" spans="14:14">
      <c r="N1030519" s="10"/>
    </row>
    <row r="1030520" spans="14:14">
      <c r="N1030520" s="10"/>
    </row>
    <row r="1030521" spans="14:14">
      <c r="N1030521" s="10"/>
    </row>
    <row r="1030522" spans="14:14">
      <c r="N1030522" s="10"/>
    </row>
    <row r="1030523" spans="14:14">
      <c r="N1030523" s="10"/>
    </row>
    <row r="1030524" spans="14:14">
      <c r="N1030524" s="10"/>
    </row>
    <row r="1030525" spans="14:14">
      <c r="N1030525" s="10"/>
    </row>
    <row r="1030526" spans="14:14">
      <c r="N1030526" s="10"/>
    </row>
    <row r="1030527" spans="14:14">
      <c r="N1030527" s="10"/>
    </row>
    <row r="1030528" spans="14:14">
      <c r="N1030528" s="10"/>
    </row>
    <row r="1030529" spans="14:14">
      <c r="N1030529" s="10"/>
    </row>
    <row r="1030530" spans="14:14">
      <c r="N1030530" s="10"/>
    </row>
    <row r="1030531" spans="14:14">
      <c r="N1030531" s="10"/>
    </row>
    <row r="1030532" spans="14:14">
      <c r="N1030532" s="10"/>
    </row>
    <row r="1030533" spans="14:14">
      <c r="N1030533" s="10"/>
    </row>
    <row r="1030534" spans="14:14">
      <c r="N1030534" s="10"/>
    </row>
    <row r="1030535" spans="14:14">
      <c r="N1030535" s="10"/>
    </row>
    <row r="1030536" spans="14:14">
      <c r="N1030536" s="10"/>
    </row>
    <row r="1030537" spans="14:14">
      <c r="N1030537" s="10"/>
    </row>
    <row r="1030538" spans="14:14">
      <c r="N1030538" s="10"/>
    </row>
    <row r="1030539" spans="14:14">
      <c r="N1030539" s="10"/>
    </row>
    <row r="1030540" spans="14:14">
      <c r="N1030540" s="10"/>
    </row>
    <row r="1030541" spans="14:14">
      <c r="N1030541" s="10"/>
    </row>
    <row r="1030542" spans="14:14">
      <c r="N1030542" s="10"/>
    </row>
    <row r="1030543" spans="14:14">
      <c r="N1030543" s="10"/>
    </row>
    <row r="1030544" spans="14:14">
      <c r="N1030544" s="10"/>
    </row>
    <row r="1030545" spans="14:14">
      <c r="N1030545" s="10"/>
    </row>
    <row r="1030546" spans="14:14">
      <c r="N1030546" s="10"/>
    </row>
    <row r="1030547" spans="14:14">
      <c r="N1030547" s="10"/>
    </row>
    <row r="1030548" spans="14:14">
      <c r="N1030548" s="10"/>
    </row>
    <row r="1030549" spans="14:14">
      <c r="N1030549" s="10"/>
    </row>
    <row r="1030550" spans="14:14">
      <c r="N1030550" s="10"/>
    </row>
    <row r="1030551" spans="14:14">
      <c r="N1030551" s="10"/>
    </row>
    <row r="1030552" spans="14:14">
      <c r="N1030552" s="10"/>
    </row>
    <row r="1030553" spans="14:14">
      <c r="N1030553" s="10"/>
    </row>
    <row r="1030554" spans="14:14">
      <c r="N1030554" s="10"/>
    </row>
    <row r="1030555" spans="14:14">
      <c r="N1030555" s="10"/>
    </row>
    <row r="1030556" spans="14:14">
      <c r="N1030556" s="10"/>
    </row>
    <row r="1030557" spans="14:14">
      <c r="N1030557" s="10"/>
    </row>
    <row r="1030558" spans="14:14">
      <c r="N1030558" s="10"/>
    </row>
    <row r="1030559" spans="14:14">
      <c r="N1030559" s="10"/>
    </row>
    <row r="1030560" spans="14:14">
      <c r="N1030560" s="10"/>
    </row>
    <row r="1030561" spans="14:14">
      <c r="N1030561" s="10"/>
    </row>
    <row r="1030562" spans="14:14">
      <c r="N1030562" s="10"/>
    </row>
    <row r="1030563" spans="14:14">
      <c r="N1030563" s="10"/>
    </row>
    <row r="1030564" spans="14:14">
      <c r="N1030564" s="10"/>
    </row>
    <row r="1030565" spans="14:14">
      <c r="N1030565" s="10"/>
    </row>
    <row r="1030566" spans="14:14">
      <c r="N1030566" s="10"/>
    </row>
    <row r="1030567" spans="14:14">
      <c r="N1030567" s="10"/>
    </row>
    <row r="1030568" spans="14:14">
      <c r="N1030568" s="10"/>
    </row>
    <row r="1030569" spans="14:14">
      <c r="N1030569" s="10"/>
    </row>
    <row r="1030570" spans="14:14">
      <c r="N1030570" s="10"/>
    </row>
    <row r="1030571" spans="14:14">
      <c r="N1030571" s="10"/>
    </row>
    <row r="1030572" spans="14:14">
      <c r="N1030572" s="10"/>
    </row>
    <row r="1030573" spans="14:14">
      <c r="N1030573" s="10"/>
    </row>
    <row r="1030574" spans="14:14">
      <c r="N1030574" s="10"/>
    </row>
    <row r="1030575" spans="14:14">
      <c r="N1030575" s="10"/>
    </row>
    <row r="1030576" spans="14:14">
      <c r="N1030576" s="10"/>
    </row>
    <row r="1030577" spans="14:14">
      <c r="N1030577" s="10"/>
    </row>
    <row r="1030578" spans="14:14">
      <c r="N1030578" s="10"/>
    </row>
    <row r="1030579" spans="14:14">
      <c r="N1030579" s="10"/>
    </row>
    <row r="1030580" spans="14:14">
      <c r="N1030580" s="10"/>
    </row>
    <row r="1030581" spans="14:14">
      <c r="N1030581" s="10"/>
    </row>
    <row r="1030582" spans="14:14">
      <c r="N1030582" s="10"/>
    </row>
    <row r="1030583" spans="14:14">
      <c r="N1030583" s="10"/>
    </row>
    <row r="1030584" spans="14:14">
      <c r="N1030584" s="10"/>
    </row>
    <row r="1030585" spans="14:14">
      <c r="N1030585" s="10"/>
    </row>
    <row r="1030586" spans="14:14">
      <c r="N1030586" s="10"/>
    </row>
    <row r="1030587" spans="14:14">
      <c r="N1030587" s="10"/>
    </row>
    <row r="1030588" spans="14:14">
      <c r="N1030588" s="10"/>
    </row>
    <row r="1030589" spans="14:14">
      <c r="N1030589" s="10"/>
    </row>
    <row r="1030590" spans="14:14">
      <c r="N1030590" s="10"/>
    </row>
    <row r="1030591" spans="14:14">
      <c r="N1030591" s="10"/>
    </row>
    <row r="1030592" spans="14:14">
      <c r="N1030592" s="10"/>
    </row>
    <row r="1030593" spans="14:14">
      <c r="N1030593" s="10"/>
    </row>
    <row r="1030594" spans="14:14">
      <c r="N1030594" s="10"/>
    </row>
    <row r="1030595" spans="14:14">
      <c r="N1030595" s="10"/>
    </row>
    <row r="1030596" spans="14:14">
      <c r="N1030596" s="10"/>
    </row>
    <row r="1030597" spans="14:14">
      <c r="N1030597" s="10"/>
    </row>
    <row r="1030598" spans="14:14">
      <c r="N1030598" s="10"/>
    </row>
    <row r="1030599" spans="14:14">
      <c r="N1030599" s="10"/>
    </row>
    <row r="1030600" spans="14:14">
      <c r="N1030600" s="10"/>
    </row>
    <row r="1030601" spans="14:14">
      <c r="N1030601" s="10"/>
    </row>
    <row r="1030602" spans="14:14">
      <c r="N1030602" s="10"/>
    </row>
    <row r="1030603" spans="14:14">
      <c r="N1030603" s="10"/>
    </row>
    <row r="1030604" spans="14:14">
      <c r="N1030604" s="10"/>
    </row>
    <row r="1030605" spans="14:14">
      <c r="N1030605" s="10"/>
    </row>
    <row r="1030606" spans="14:14">
      <c r="N1030606" s="10"/>
    </row>
    <row r="1030607" spans="14:14">
      <c r="N1030607" s="10"/>
    </row>
    <row r="1030608" spans="14:14">
      <c r="N1030608" s="10"/>
    </row>
    <row r="1030609" spans="14:14">
      <c r="N1030609" s="10"/>
    </row>
    <row r="1030610" spans="14:14">
      <c r="N1030610" s="10"/>
    </row>
    <row r="1030611" spans="14:14">
      <c r="N1030611" s="10"/>
    </row>
    <row r="1030612" spans="14:14">
      <c r="N1030612" s="10"/>
    </row>
    <row r="1030613" spans="14:14">
      <c r="N1030613" s="10"/>
    </row>
    <row r="1030614" spans="14:14">
      <c r="N1030614" s="10"/>
    </row>
    <row r="1030615" spans="14:14">
      <c r="N1030615" s="10"/>
    </row>
    <row r="1030616" spans="14:14">
      <c r="N1030616" s="10"/>
    </row>
    <row r="1030617" spans="14:14">
      <c r="N1030617" s="10"/>
    </row>
    <row r="1030618" spans="14:14">
      <c r="N1030618" s="10"/>
    </row>
    <row r="1030619" spans="14:14">
      <c r="N1030619" s="10"/>
    </row>
    <row r="1030620" spans="14:14">
      <c r="N1030620" s="10"/>
    </row>
    <row r="1030621" spans="14:14">
      <c r="N1030621" s="10"/>
    </row>
    <row r="1030622" spans="14:14">
      <c r="N1030622" s="10"/>
    </row>
    <row r="1030623" spans="14:14">
      <c r="N1030623" s="10"/>
    </row>
    <row r="1030624" spans="14:14">
      <c r="N1030624" s="10"/>
    </row>
    <row r="1030625" spans="14:14">
      <c r="N1030625" s="10"/>
    </row>
    <row r="1030626" spans="14:14">
      <c r="N1030626" s="10"/>
    </row>
    <row r="1030627" spans="14:14">
      <c r="N1030627" s="10"/>
    </row>
    <row r="1030628" spans="14:14">
      <c r="N1030628" s="10"/>
    </row>
    <row r="1030629" spans="14:14">
      <c r="N1030629" s="10"/>
    </row>
    <row r="1030630" spans="14:14">
      <c r="N1030630" s="10"/>
    </row>
    <row r="1030631" spans="14:14">
      <c r="N1030631" s="10"/>
    </row>
    <row r="1030632" spans="14:14">
      <c r="N1030632" s="10"/>
    </row>
    <row r="1030633" spans="14:14">
      <c r="N1030633" s="10"/>
    </row>
    <row r="1030634" spans="14:14">
      <c r="N1030634" s="10"/>
    </row>
    <row r="1030635" spans="14:14">
      <c r="N1030635" s="10"/>
    </row>
    <row r="1030636" spans="14:14">
      <c r="N1030636" s="10"/>
    </row>
    <row r="1030637" spans="14:14">
      <c r="N1030637" s="10"/>
    </row>
    <row r="1030638" spans="14:14">
      <c r="N1030638" s="10"/>
    </row>
    <row r="1030639" spans="14:14">
      <c r="N1030639" s="10"/>
    </row>
    <row r="1030640" spans="14:14">
      <c r="N1030640" s="10"/>
    </row>
    <row r="1030641" spans="14:14">
      <c r="N1030641" s="10"/>
    </row>
    <row r="1030642" spans="14:14">
      <c r="N1030642" s="10"/>
    </row>
    <row r="1030643" spans="14:14">
      <c r="N1030643" s="10"/>
    </row>
    <row r="1030644" spans="14:14">
      <c r="N1030644" s="10"/>
    </row>
    <row r="1030645" spans="14:14">
      <c r="N1030645" s="10"/>
    </row>
    <row r="1030646" spans="14:14">
      <c r="N1030646" s="10"/>
    </row>
    <row r="1030647" spans="14:14">
      <c r="N1030647" s="10"/>
    </row>
    <row r="1030648" spans="14:14">
      <c r="N1030648" s="10"/>
    </row>
    <row r="1030649" spans="14:14">
      <c r="N1030649" s="10"/>
    </row>
    <row r="1030650" spans="14:14">
      <c r="N1030650" s="10"/>
    </row>
    <row r="1030651" spans="14:14">
      <c r="N1030651" s="10"/>
    </row>
    <row r="1030652" spans="14:14">
      <c r="N1030652" s="10"/>
    </row>
    <row r="1030653" spans="14:14">
      <c r="N1030653" s="10"/>
    </row>
    <row r="1030654" spans="14:14">
      <c r="N1030654" s="10"/>
    </row>
    <row r="1030655" spans="14:14">
      <c r="N1030655" s="10"/>
    </row>
    <row r="1030656" spans="14:14">
      <c r="N1030656" s="10"/>
    </row>
    <row r="1030657" spans="14:14">
      <c r="N1030657" s="10"/>
    </row>
    <row r="1030658" spans="14:14">
      <c r="N1030658" s="10"/>
    </row>
    <row r="1030659" spans="14:14">
      <c r="N1030659" s="10"/>
    </row>
    <row r="1030660" spans="14:14">
      <c r="N1030660" s="10"/>
    </row>
    <row r="1030661" spans="14:14">
      <c r="N1030661" s="10"/>
    </row>
    <row r="1030662" spans="14:14">
      <c r="N1030662" s="10"/>
    </row>
    <row r="1030663" spans="14:14">
      <c r="N1030663" s="10"/>
    </row>
    <row r="1030664" spans="14:14">
      <c r="N1030664" s="10"/>
    </row>
    <row r="1030665" spans="14:14">
      <c r="N1030665" s="10"/>
    </row>
    <row r="1030666" spans="14:14">
      <c r="N1030666" s="10"/>
    </row>
    <row r="1030667" spans="14:14">
      <c r="N1030667" s="10"/>
    </row>
    <row r="1030668" spans="14:14">
      <c r="N1030668" s="10"/>
    </row>
    <row r="1030669" spans="14:14">
      <c r="N1030669" s="10"/>
    </row>
    <row r="1030670" spans="14:14">
      <c r="N1030670" s="10"/>
    </row>
    <row r="1030671" spans="14:14">
      <c r="N1030671" s="10"/>
    </row>
    <row r="1030672" spans="14:14">
      <c r="N1030672" s="10"/>
    </row>
    <row r="1030673" spans="14:14">
      <c r="N1030673" s="10"/>
    </row>
    <row r="1030674" spans="14:14">
      <c r="N1030674" s="10"/>
    </row>
    <row r="1030675" spans="14:14">
      <c r="N1030675" s="10"/>
    </row>
    <row r="1030676" spans="14:14">
      <c r="N1030676" s="10"/>
    </row>
    <row r="1030677" spans="14:14">
      <c r="N1030677" s="10"/>
    </row>
    <row r="1030678" spans="14:14">
      <c r="N1030678" s="10"/>
    </row>
    <row r="1030679" spans="14:14">
      <c r="N1030679" s="10"/>
    </row>
    <row r="1030680" spans="14:14">
      <c r="N1030680" s="10"/>
    </row>
    <row r="1030681" spans="14:14">
      <c r="N1030681" s="10"/>
    </row>
    <row r="1030682" spans="14:14">
      <c r="N1030682" s="10"/>
    </row>
    <row r="1030683" spans="14:14">
      <c r="N1030683" s="10"/>
    </row>
    <row r="1030684" spans="14:14">
      <c r="N1030684" s="10"/>
    </row>
    <row r="1030685" spans="14:14">
      <c r="N1030685" s="10"/>
    </row>
    <row r="1030686" spans="14:14">
      <c r="N1030686" s="10"/>
    </row>
    <row r="1030687" spans="14:14">
      <c r="N1030687" s="10"/>
    </row>
    <row r="1030688" spans="14:14">
      <c r="N1030688" s="10"/>
    </row>
    <row r="1030689" spans="14:14">
      <c r="N1030689" s="10"/>
    </row>
    <row r="1030690" spans="14:14">
      <c r="N1030690" s="10"/>
    </row>
    <row r="1030691" spans="14:14">
      <c r="N1030691" s="10"/>
    </row>
    <row r="1030692" spans="14:14">
      <c r="N1030692" s="10"/>
    </row>
    <row r="1030693" spans="14:14">
      <c r="N1030693" s="10"/>
    </row>
    <row r="1030694" spans="14:14">
      <c r="N1030694" s="10"/>
    </row>
    <row r="1030695" spans="14:14">
      <c r="N1030695" s="10"/>
    </row>
    <row r="1030696" spans="14:14">
      <c r="N1030696" s="10"/>
    </row>
    <row r="1030697" spans="14:14">
      <c r="N1030697" s="10"/>
    </row>
    <row r="1030698" spans="14:14">
      <c r="N1030698" s="10"/>
    </row>
    <row r="1030699" spans="14:14">
      <c r="N1030699" s="10"/>
    </row>
    <row r="1030700" spans="14:14">
      <c r="N1030700" s="10"/>
    </row>
    <row r="1030701" spans="14:14">
      <c r="N1030701" s="10"/>
    </row>
    <row r="1030702" spans="14:14">
      <c r="N1030702" s="10"/>
    </row>
    <row r="1030703" spans="14:14">
      <c r="N1030703" s="10"/>
    </row>
    <row r="1030704" spans="14:14">
      <c r="N1030704" s="10"/>
    </row>
    <row r="1030705" spans="14:14">
      <c r="N1030705" s="10"/>
    </row>
    <row r="1030706" spans="14:14">
      <c r="N1030706" s="10"/>
    </row>
    <row r="1030707" spans="14:14">
      <c r="N1030707" s="10"/>
    </row>
    <row r="1030708" spans="14:14">
      <c r="N1030708" s="10"/>
    </row>
    <row r="1030709" spans="14:14">
      <c r="N1030709" s="10"/>
    </row>
    <row r="1030710" spans="14:14">
      <c r="N1030710" s="10"/>
    </row>
    <row r="1030711" spans="14:14">
      <c r="N1030711" s="10"/>
    </row>
    <row r="1030712" spans="14:14">
      <c r="N1030712" s="10"/>
    </row>
    <row r="1030713" spans="14:14">
      <c r="N1030713" s="10"/>
    </row>
    <row r="1030714" spans="14:14">
      <c r="N1030714" s="10"/>
    </row>
    <row r="1030715" spans="14:14">
      <c r="N1030715" s="10"/>
    </row>
    <row r="1030716" spans="14:14">
      <c r="N1030716" s="10"/>
    </row>
    <row r="1030717" spans="14:14">
      <c r="N1030717" s="10"/>
    </row>
    <row r="1030718" spans="14:14">
      <c r="N1030718" s="10"/>
    </row>
    <row r="1030719" spans="14:14">
      <c r="N1030719" s="10"/>
    </row>
    <row r="1030720" spans="14:14">
      <c r="N1030720" s="10"/>
    </row>
    <row r="1030721" spans="14:14">
      <c r="N1030721" s="10"/>
    </row>
    <row r="1030722" spans="14:14">
      <c r="N1030722" s="10"/>
    </row>
    <row r="1030723" spans="14:14">
      <c r="N1030723" s="10"/>
    </row>
    <row r="1030724" spans="14:14">
      <c r="N1030724" s="10"/>
    </row>
    <row r="1030725" spans="14:14">
      <c r="N1030725" s="10"/>
    </row>
    <row r="1030726" spans="14:14">
      <c r="N1030726" s="10"/>
    </row>
    <row r="1030727" spans="14:14">
      <c r="N1030727" s="10"/>
    </row>
    <row r="1030728" spans="14:14">
      <c r="N1030728" s="10"/>
    </row>
    <row r="1030729" spans="14:14">
      <c r="N1030729" s="10"/>
    </row>
    <row r="1030730" spans="14:14">
      <c r="N1030730" s="10"/>
    </row>
    <row r="1030731" spans="14:14">
      <c r="N1030731" s="10"/>
    </row>
    <row r="1030732" spans="14:14">
      <c r="N1030732" s="10"/>
    </row>
    <row r="1030733" spans="14:14">
      <c r="N1030733" s="10"/>
    </row>
    <row r="1030734" spans="14:14">
      <c r="N1030734" s="10"/>
    </row>
    <row r="1030735" spans="14:14">
      <c r="N1030735" s="10"/>
    </row>
    <row r="1030736" spans="14:14">
      <c r="N1030736" s="10"/>
    </row>
    <row r="1030737" spans="14:14">
      <c r="N1030737" s="10"/>
    </row>
    <row r="1030738" spans="14:14">
      <c r="N1030738" s="10"/>
    </row>
    <row r="1030739" spans="14:14">
      <c r="N1030739" s="10"/>
    </row>
    <row r="1030740" spans="14:14">
      <c r="N1030740" s="10"/>
    </row>
    <row r="1030741" spans="14:14">
      <c r="N1030741" s="10"/>
    </row>
    <row r="1030742" spans="14:14">
      <c r="N1030742" s="10"/>
    </row>
    <row r="1030743" spans="14:14">
      <c r="N1030743" s="10"/>
    </row>
    <row r="1030744" spans="14:14">
      <c r="N1030744" s="10"/>
    </row>
    <row r="1030745" spans="14:14">
      <c r="N1030745" s="10"/>
    </row>
    <row r="1030746" spans="14:14">
      <c r="N1030746" s="10"/>
    </row>
    <row r="1030747" spans="14:14">
      <c r="N1030747" s="10"/>
    </row>
    <row r="1030748" spans="14:14">
      <c r="N1030748" s="10"/>
    </row>
    <row r="1030749" spans="14:14">
      <c r="N1030749" s="10"/>
    </row>
    <row r="1030750" spans="14:14">
      <c r="N1030750" s="10"/>
    </row>
    <row r="1030751" spans="14:14">
      <c r="N1030751" s="10"/>
    </row>
    <row r="1030752" spans="14:14">
      <c r="N1030752" s="10"/>
    </row>
    <row r="1030753" spans="14:14">
      <c r="N1030753" s="10"/>
    </row>
    <row r="1030754" spans="14:14">
      <c r="N1030754" s="10"/>
    </row>
    <row r="1030755" spans="14:14">
      <c r="N1030755" s="10"/>
    </row>
    <row r="1030756" spans="14:14">
      <c r="N1030756" s="10"/>
    </row>
    <row r="1030757" spans="14:14">
      <c r="N1030757" s="10"/>
    </row>
    <row r="1030758" spans="14:14">
      <c r="N1030758" s="10"/>
    </row>
    <row r="1030759" spans="14:14">
      <c r="N1030759" s="10"/>
    </row>
    <row r="1030760" spans="14:14">
      <c r="N1030760" s="10"/>
    </row>
    <row r="1030761" spans="14:14">
      <c r="N1030761" s="10"/>
    </row>
    <row r="1030762" spans="14:14">
      <c r="N1030762" s="10"/>
    </row>
    <row r="1030763" spans="14:14">
      <c r="N1030763" s="10"/>
    </row>
    <row r="1030764" spans="14:14">
      <c r="N1030764" s="10"/>
    </row>
    <row r="1030765" spans="14:14">
      <c r="N1030765" s="10"/>
    </row>
    <row r="1030766" spans="14:14">
      <c r="N1030766" s="10"/>
    </row>
    <row r="1030767" spans="14:14">
      <c r="N1030767" s="10"/>
    </row>
    <row r="1030768" spans="14:14">
      <c r="N1030768" s="10"/>
    </row>
    <row r="1030769" spans="14:14">
      <c r="N1030769" s="10"/>
    </row>
    <row r="1030770" spans="14:14">
      <c r="N1030770" s="10"/>
    </row>
    <row r="1030771" spans="14:14">
      <c r="N1030771" s="10"/>
    </row>
    <row r="1030772" spans="14:14">
      <c r="N1030772" s="10"/>
    </row>
    <row r="1030773" spans="14:14">
      <c r="N1030773" s="10"/>
    </row>
    <row r="1030774" spans="14:14">
      <c r="N1030774" s="10"/>
    </row>
    <row r="1030775" spans="14:14">
      <c r="N1030775" s="10"/>
    </row>
    <row r="1030776" spans="14:14">
      <c r="N1030776" s="10"/>
    </row>
    <row r="1030777" spans="14:14">
      <c r="N1030777" s="10"/>
    </row>
    <row r="1030778" spans="14:14">
      <c r="N1030778" s="10"/>
    </row>
    <row r="1030779" spans="14:14">
      <c r="N1030779" s="10"/>
    </row>
    <row r="1030780" spans="14:14">
      <c r="N1030780" s="10"/>
    </row>
    <row r="1030781" spans="14:14">
      <c r="N1030781" s="10"/>
    </row>
    <row r="1030782" spans="14:14">
      <c r="N1030782" s="10"/>
    </row>
    <row r="1030783" spans="14:14">
      <c r="N1030783" s="10"/>
    </row>
    <row r="1030784" spans="14:14">
      <c r="N1030784" s="10"/>
    </row>
    <row r="1030785" spans="14:14">
      <c r="N1030785" s="10"/>
    </row>
    <row r="1030786" spans="14:14">
      <c r="N1030786" s="10"/>
    </row>
    <row r="1030787" spans="14:14">
      <c r="N1030787" s="10"/>
    </row>
    <row r="1030788" spans="14:14">
      <c r="N1030788" s="10"/>
    </row>
    <row r="1030789" spans="14:14">
      <c r="N1030789" s="10"/>
    </row>
    <row r="1030790" spans="14:14">
      <c r="N1030790" s="10"/>
    </row>
    <row r="1030791" spans="14:14">
      <c r="N1030791" s="10"/>
    </row>
    <row r="1030792" spans="14:14">
      <c r="N1030792" s="10"/>
    </row>
    <row r="1030793" spans="14:14">
      <c r="N1030793" s="10"/>
    </row>
    <row r="1030794" spans="14:14">
      <c r="N1030794" s="10"/>
    </row>
    <row r="1030795" spans="14:14">
      <c r="N1030795" s="10"/>
    </row>
    <row r="1030796" spans="14:14">
      <c r="N1030796" s="10"/>
    </row>
    <row r="1030797" spans="14:14">
      <c r="N1030797" s="10"/>
    </row>
    <row r="1030798" spans="14:14">
      <c r="N1030798" s="10"/>
    </row>
    <row r="1030799" spans="14:14">
      <c r="N1030799" s="10"/>
    </row>
    <row r="1030800" spans="14:14">
      <c r="N1030800" s="10"/>
    </row>
    <row r="1030801" spans="14:14">
      <c r="N1030801" s="10"/>
    </row>
    <row r="1030802" spans="14:14">
      <c r="N1030802" s="10"/>
    </row>
    <row r="1030803" spans="14:14">
      <c r="N1030803" s="10"/>
    </row>
    <row r="1030804" spans="14:14">
      <c r="N1030804" s="10"/>
    </row>
    <row r="1030805" spans="14:14">
      <c r="N1030805" s="10"/>
    </row>
    <row r="1030806" spans="14:14">
      <c r="N1030806" s="10"/>
    </row>
    <row r="1030807" spans="14:14">
      <c r="N1030807" s="10"/>
    </row>
    <row r="1030808" spans="14:14">
      <c r="N1030808" s="10"/>
    </row>
    <row r="1030809" spans="14:14">
      <c r="N1030809" s="10"/>
    </row>
    <row r="1030810" spans="14:14">
      <c r="N1030810" s="10"/>
    </row>
    <row r="1030811" spans="14:14">
      <c r="N1030811" s="10"/>
    </row>
    <row r="1030812" spans="14:14">
      <c r="N1030812" s="10"/>
    </row>
    <row r="1030813" spans="14:14">
      <c r="N1030813" s="10"/>
    </row>
    <row r="1030814" spans="14:14">
      <c r="N1030814" s="10"/>
    </row>
    <row r="1030815" spans="14:14">
      <c r="N1030815" s="10"/>
    </row>
    <row r="1030816" spans="14:14">
      <c r="N1030816" s="10"/>
    </row>
    <row r="1030817" spans="14:14">
      <c r="N1030817" s="10"/>
    </row>
    <row r="1030818" spans="14:14">
      <c r="N1030818" s="10"/>
    </row>
    <row r="1030819" spans="14:14">
      <c r="N1030819" s="10"/>
    </row>
    <row r="1030820" spans="14:14">
      <c r="N1030820" s="10"/>
    </row>
    <row r="1030821" spans="14:14">
      <c r="N1030821" s="10"/>
    </row>
    <row r="1030822" spans="14:14">
      <c r="N1030822" s="10"/>
    </row>
    <row r="1030823" spans="14:14">
      <c r="N1030823" s="10"/>
    </row>
    <row r="1030824" spans="14:14">
      <c r="N1030824" s="10"/>
    </row>
    <row r="1030825" spans="14:14">
      <c r="N1030825" s="10"/>
    </row>
    <row r="1030826" spans="14:14">
      <c r="N1030826" s="10"/>
    </row>
    <row r="1030827" spans="14:14">
      <c r="N1030827" s="10"/>
    </row>
    <row r="1030828" spans="14:14">
      <c r="N1030828" s="10"/>
    </row>
    <row r="1030829" spans="14:14">
      <c r="N1030829" s="10"/>
    </row>
    <row r="1030830" spans="14:14">
      <c r="N1030830" s="10"/>
    </row>
    <row r="1030831" spans="14:14">
      <c r="N1030831" s="10"/>
    </row>
    <row r="1030832" spans="14:14">
      <c r="N1030832" s="10"/>
    </row>
    <row r="1030833" spans="14:14">
      <c r="N1030833" s="10"/>
    </row>
    <row r="1030834" spans="14:14">
      <c r="N1030834" s="10"/>
    </row>
    <row r="1030835" spans="14:14">
      <c r="N1030835" s="10"/>
    </row>
    <row r="1030836" spans="14:14">
      <c r="N1030836" s="10"/>
    </row>
    <row r="1030837" spans="14:14">
      <c r="N1030837" s="10"/>
    </row>
    <row r="1030838" spans="14:14">
      <c r="N1030838" s="10"/>
    </row>
    <row r="1030839" spans="14:14">
      <c r="N1030839" s="10"/>
    </row>
    <row r="1030840" spans="14:14">
      <c r="N1030840" s="10"/>
    </row>
    <row r="1030841" spans="14:14">
      <c r="N1030841" s="10"/>
    </row>
    <row r="1030842" spans="14:14">
      <c r="N1030842" s="10"/>
    </row>
    <row r="1030843" spans="14:14">
      <c r="N1030843" s="10"/>
    </row>
    <row r="1030844" spans="14:14">
      <c r="N1030844" s="10"/>
    </row>
    <row r="1030845" spans="14:14">
      <c r="N1030845" s="10"/>
    </row>
    <row r="1030846" spans="14:14">
      <c r="N1030846" s="10"/>
    </row>
    <row r="1030847" spans="14:14">
      <c r="N1030847" s="10"/>
    </row>
    <row r="1030848" spans="14:14">
      <c r="N1030848" s="10"/>
    </row>
    <row r="1030849" spans="14:14">
      <c r="N1030849" s="10"/>
    </row>
    <row r="1030850" spans="14:14">
      <c r="N1030850" s="10"/>
    </row>
    <row r="1030851" spans="14:14">
      <c r="N1030851" s="10"/>
    </row>
    <row r="1030852" spans="14:14">
      <c r="N1030852" s="10"/>
    </row>
    <row r="1030853" spans="14:14">
      <c r="N1030853" s="10"/>
    </row>
    <row r="1030854" spans="14:14">
      <c r="N1030854" s="10"/>
    </row>
    <row r="1030855" spans="14:14">
      <c r="N1030855" s="10"/>
    </row>
    <row r="1030856" spans="14:14">
      <c r="N1030856" s="10"/>
    </row>
    <row r="1030857" spans="14:14">
      <c r="N1030857" s="10"/>
    </row>
    <row r="1030858" spans="14:14">
      <c r="N1030858" s="10"/>
    </row>
    <row r="1030859" spans="14:14">
      <c r="N1030859" s="10"/>
    </row>
    <row r="1030860" spans="14:14">
      <c r="N1030860" s="10"/>
    </row>
    <row r="1030861" spans="14:14">
      <c r="N1030861" s="10"/>
    </row>
    <row r="1030862" spans="14:14">
      <c r="N1030862" s="10"/>
    </row>
    <row r="1030863" spans="14:14">
      <c r="N1030863" s="10"/>
    </row>
    <row r="1030864" spans="14:14">
      <c r="N1030864" s="10"/>
    </row>
    <row r="1030865" spans="14:14">
      <c r="N1030865" s="10"/>
    </row>
    <row r="1030866" spans="14:14">
      <c r="N1030866" s="10"/>
    </row>
    <row r="1030867" spans="14:14">
      <c r="N1030867" s="10"/>
    </row>
    <row r="1030868" spans="14:14">
      <c r="N1030868" s="10"/>
    </row>
    <row r="1030869" spans="14:14">
      <c r="N1030869" s="10"/>
    </row>
    <row r="1030870" spans="14:14">
      <c r="N1030870" s="10"/>
    </row>
    <row r="1030871" spans="14:14">
      <c r="N1030871" s="10"/>
    </row>
    <row r="1030872" spans="14:14">
      <c r="N1030872" s="10"/>
    </row>
    <row r="1030873" spans="14:14">
      <c r="N1030873" s="10"/>
    </row>
    <row r="1030874" spans="14:14">
      <c r="N1030874" s="10"/>
    </row>
    <row r="1030875" spans="14:14">
      <c r="N1030875" s="10"/>
    </row>
    <row r="1030876" spans="14:14">
      <c r="N1030876" s="10"/>
    </row>
    <row r="1030877" spans="14:14">
      <c r="N1030877" s="10"/>
    </row>
    <row r="1030878" spans="14:14">
      <c r="N1030878" s="10"/>
    </row>
    <row r="1030879" spans="14:14">
      <c r="N1030879" s="10"/>
    </row>
    <row r="1030880" spans="14:14">
      <c r="N1030880" s="10"/>
    </row>
    <row r="1030881" spans="14:14">
      <c r="N1030881" s="10"/>
    </row>
    <row r="1030882" spans="14:14">
      <c r="N1030882" s="10"/>
    </row>
    <row r="1030883" spans="14:14">
      <c r="N1030883" s="10"/>
    </row>
    <row r="1030884" spans="14:14">
      <c r="N1030884" s="10"/>
    </row>
    <row r="1030885" spans="14:14">
      <c r="N1030885" s="10"/>
    </row>
    <row r="1030886" spans="14:14">
      <c r="N1030886" s="10"/>
    </row>
    <row r="1030887" spans="14:14">
      <c r="N1030887" s="10"/>
    </row>
    <row r="1030888" spans="14:14">
      <c r="N1030888" s="10"/>
    </row>
    <row r="1030889" spans="14:14">
      <c r="N1030889" s="10"/>
    </row>
    <row r="1030890" spans="14:14">
      <c r="N1030890" s="10"/>
    </row>
    <row r="1030891" spans="14:14">
      <c r="N1030891" s="10"/>
    </row>
    <row r="1030892" spans="14:14">
      <c r="N1030892" s="10"/>
    </row>
    <row r="1030893" spans="14:14">
      <c r="N1030893" s="10"/>
    </row>
    <row r="1030894" spans="14:14">
      <c r="N1030894" s="10"/>
    </row>
    <row r="1030895" spans="14:14">
      <c r="N1030895" s="10"/>
    </row>
    <row r="1030896" spans="14:14">
      <c r="N1030896" s="10"/>
    </row>
    <row r="1030897" spans="14:14">
      <c r="N1030897" s="10"/>
    </row>
    <row r="1030898" spans="14:14">
      <c r="N1030898" s="10"/>
    </row>
    <row r="1030899" spans="14:14">
      <c r="N1030899" s="10"/>
    </row>
    <row r="1030900" spans="14:14">
      <c r="N1030900" s="10"/>
    </row>
    <row r="1030901" spans="14:14">
      <c r="N1030901" s="10"/>
    </row>
    <row r="1030902" spans="14:14">
      <c r="N1030902" s="10"/>
    </row>
    <row r="1030903" spans="14:14">
      <c r="N1030903" s="10"/>
    </row>
    <row r="1030904" spans="14:14">
      <c r="N1030904" s="10"/>
    </row>
    <row r="1030905" spans="14:14">
      <c r="N1030905" s="10"/>
    </row>
    <row r="1030906" spans="14:14">
      <c r="N1030906" s="10"/>
    </row>
    <row r="1030907" spans="14:14">
      <c r="N1030907" s="10"/>
    </row>
    <row r="1030908" spans="14:14">
      <c r="N1030908" s="10"/>
    </row>
    <row r="1030909" spans="14:14">
      <c r="N1030909" s="10"/>
    </row>
    <row r="1030910" spans="14:14">
      <c r="N1030910" s="10"/>
    </row>
    <row r="1030911" spans="14:14">
      <c r="N1030911" s="10"/>
    </row>
    <row r="1030912" spans="14:14">
      <c r="N1030912" s="10"/>
    </row>
    <row r="1030913" spans="14:14">
      <c r="N1030913" s="10"/>
    </row>
    <row r="1030914" spans="14:14">
      <c r="N1030914" s="10"/>
    </row>
    <row r="1030915" spans="14:14">
      <c r="N1030915" s="10"/>
    </row>
    <row r="1030916" spans="14:14">
      <c r="N1030916" s="10"/>
    </row>
    <row r="1030917" spans="14:14">
      <c r="N1030917" s="10"/>
    </row>
    <row r="1030918" spans="14:14">
      <c r="N1030918" s="10"/>
    </row>
    <row r="1030919" spans="14:14">
      <c r="N1030919" s="10"/>
    </row>
    <row r="1030920" spans="14:14">
      <c r="N1030920" s="10"/>
    </row>
    <row r="1030921" spans="14:14">
      <c r="N1030921" s="10"/>
    </row>
    <row r="1030922" spans="14:14">
      <c r="N1030922" s="10"/>
    </row>
    <row r="1030923" spans="14:14">
      <c r="N1030923" s="10"/>
    </row>
    <row r="1030924" spans="14:14">
      <c r="N1030924" s="10"/>
    </row>
    <row r="1030925" spans="14:14">
      <c r="N1030925" s="10"/>
    </row>
    <row r="1030926" spans="14:14">
      <c r="N1030926" s="10"/>
    </row>
    <row r="1030927" spans="14:14">
      <c r="N1030927" s="10"/>
    </row>
    <row r="1030928" spans="14:14">
      <c r="N1030928" s="10"/>
    </row>
    <row r="1030929" spans="14:14">
      <c r="N1030929" s="10"/>
    </row>
    <row r="1030930" spans="14:14">
      <c r="N1030930" s="10"/>
    </row>
    <row r="1030931" spans="14:14">
      <c r="N1030931" s="10"/>
    </row>
    <row r="1030932" spans="14:14">
      <c r="N1030932" s="10"/>
    </row>
    <row r="1030933" spans="14:14">
      <c r="N1030933" s="10"/>
    </row>
    <row r="1030934" spans="14:14">
      <c r="N1030934" s="10"/>
    </row>
    <row r="1030935" spans="14:14">
      <c r="N1030935" s="10"/>
    </row>
    <row r="1030936" spans="14:14">
      <c r="N1030936" s="10"/>
    </row>
    <row r="1030937" spans="14:14">
      <c r="N1030937" s="10"/>
    </row>
    <row r="1030938" spans="14:14">
      <c r="N1030938" s="10"/>
    </row>
    <row r="1030939" spans="14:14">
      <c r="N1030939" s="10"/>
    </row>
    <row r="1030940" spans="14:14">
      <c r="N1030940" s="10"/>
    </row>
    <row r="1030941" spans="14:14">
      <c r="N1030941" s="10"/>
    </row>
    <row r="1030942" spans="14:14">
      <c r="N1030942" s="10"/>
    </row>
    <row r="1030943" spans="14:14">
      <c r="N1030943" s="10"/>
    </row>
    <row r="1030944" spans="14:14">
      <c r="N1030944" s="10"/>
    </row>
    <row r="1030945" spans="14:14">
      <c r="N1030945" s="10"/>
    </row>
    <row r="1030946" spans="14:14">
      <c r="N1030946" s="10"/>
    </row>
    <row r="1030947" spans="14:14">
      <c r="N1030947" s="10"/>
    </row>
    <row r="1030948" spans="14:14">
      <c r="N1030948" s="10"/>
    </row>
    <row r="1030949" spans="14:14">
      <c r="N1030949" s="10"/>
    </row>
    <row r="1030950" spans="14:14">
      <c r="N1030950" s="10"/>
    </row>
    <row r="1030951" spans="14:14">
      <c r="N1030951" s="10"/>
    </row>
    <row r="1030952" spans="14:14">
      <c r="N1030952" s="10"/>
    </row>
    <row r="1030953" spans="14:14">
      <c r="N1030953" s="10"/>
    </row>
    <row r="1030954" spans="14:14">
      <c r="N1030954" s="10"/>
    </row>
    <row r="1030955" spans="14:14">
      <c r="N1030955" s="10"/>
    </row>
    <row r="1030956" spans="14:14">
      <c r="N1030956" s="10"/>
    </row>
    <row r="1030957" spans="14:14">
      <c r="N1030957" s="10"/>
    </row>
    <row r="1030958" spans="14:14">
      <c r="N1030958" s="10"/>
    </row>
    <row r="1030959" spans="14:14">
      <c r="N1030959" s="10"/>
    </row>
    <row r="1030960" spans="14:14">
      <c r="N1030960" s="10"/>
    </row>
    <row r="1030961" spans="14:14">
      <c r="N1030961" s="10"/>
    </row>
    <row r="1030962" spans="14:14">
      <c r="N1030962" s="10"/>
    </row>
    <row r="1030963" spans="14:14">
      <c r="N1030963" s="10"/>
    </row>
    <row r="1030964" spans="14:14">
      <c r="N1030964" s="10"/>
    </row>
    <row r="1030965" spans="14:14">
      <c r="N1030965" s="10"/>
    </row>
    <row r="1030966" spans="14:14">
      <c r="N1030966" s="10"/>
    </row>
    <row r="1030967" spans="14:14">
      <c r="N1030967" s="10"/>
    </row>
    <row r="1030968" spans="14:14">
      <c r="N1030968" s="10"/>
    </row>
    <row r="1030969" spans="14:14">
      <c r="N1030969" s="10"/>
    </row>
    <row r="1030970" spans="14:14">
      <c r="N1030970" s="10"/>
    </row>
    <row r="1030971" spans="14:14">
      <c r="N1030971" s="10"/>
    </row>
    <row r="1030972" spans="14:14">
      <c r="N1030972" s="10"/>
    </row>
    <row r="1030973" spans="14:14">
      <c r="N1030973" s="10"/>
    </row>
    <row r="1030974" spans="14:14">
      <c r="N1030974" s="10"/>
    </row>
    <row r="1030975" spans="14:14">
      <c r="N1030975" s="10"/>
    </row>
    <row r="1030976" spans="14:14">
      <c r="N1030976" s="10"/>
    </row>
    <row r="1030977" spans="14:14">
      <c r="N1030977" s="10"/>
    </row>
    <row r="1030978" spans="14:14">
      <c r="N1030978" s="10"/>
    </row>
    <row r="1030979" spans="14:14">
      <c r="N1030979" s="10"/>
    </row>
    <row r="1030980" spans="14:14">
      <c r="N1030980" s="10"/>
    </row>
    <row r="1030981" spans="14:14">
      <c r="N1030981" s="10"/>
    </row>
    <row r="1030982" spans="14:14">
      <c r="N1030982" s="10"/>
    </row>
    <row r="1030983" spans="14:14">
      <c r="N1030983" s="10"/>
    </row>
    <row r="1030984" spans="14:14">
      <c r="N1030984" s="10"/>
    </row>
    <row r="1030985" spans="14:14">
      <c r="N1030985" s="10"/>
    </row>
    <row r="1030986" spans="14:14">
      <c r="N1030986" s="10"/>
    </row>
    <row r="1030987" spans="14:14">
      <c r="N1030987" s="10"/>
    </row>
    <row r="1030988" spans="14:14">
      <c r="N1030988" s="10"/>
    </row>
    <row r="1030989" spans="14:14">
      <c r="N1030989" s="10"/>
    </row>
    <row r="1030990" spans="14:14">
      <c r="N1030990" s="10"/>
    </row>
    <row r="1030991" spans="14:14">
      <c r="N1030991" s="10"/>
    </row>
    <row r="1030992" spans="14:14">
      <c r="N1030992" s="10"/>
    </row>
    <row r="1030993" spans="14:14">
      <c r="N1030993" s="10"/>
    </row>
    <row r="1030994" spans="14:14">
      <c r="N1030994" s="10"/>
    </row>
    <row r="1030995" spans="14:14">
      <c r="N1030995" s="10"/>
    </row>
    <row r="1030996" spans="14:14">
      <c r="N1030996" s="10"/>
    </row>
    <row r="1030997" spans="14:14">
      <c r="N1030997" s="10"/>
    </row>
    <row r="1030998" spans="14:14">
      <c r="N1030998" s="10"/>
    </row>
    <row r="1030999" spans="14:14">
      <c r="N1030999" s="10"/>
    </row>
    <row r="1031000" spans="14:14">
      <c r="N1031000" s="10"/>
    </row>
    <row r="1031001" spans="14:14">
      <c r="N1031001" s="10"/>
    </row>
    <row r="1031002" spans="14:14">
      <c r="N1031002" s="10"/>
    </row>
    <row r="1031003" spans="14:14">
      <c r="N1031003" s="10"/>
    </row>
    <row r="1031004" spans="14:14">
      <c r="N1031004" s="10"/>
    </row>
    <row r="1031005" spans="14:14">
      <c r="N1031005" s="10"/>
    </row>
    <row r="1031006" spans="14:14">
      <c r="N1031006" s="10"/>
    </row>
    <row r="1031007" spans="14:14">
      <c r="N1031007" s="10"/>
    </row>
    <row r="1031008" spans="14:14">
      <c r="N1031008" s="10"/>
    </row>
    <row r="1031009" spans="14:14">
      <c r="N1031009" s="10"/>
    </row>
    <row r="1031010" spans="14:14">
      <c r="N1031010" s="10"/>
    </row>
    <row r="1031011" spans="14:14">
      <c r="N1031011" s="10"/>
    </row>
    <row r="1031012" spans="14:14">
      <c r="N1031012" s="10"/>
    </row>
    <row r="1031013" spans="14:14">
      <c r="N1031013" s="10"/>
    </row>
    <row r="1031014" spans="14:14">
      <c r="N1031014" s="10"/>
    </row>
    <row r="1031015" spans="14:14">
      <c r="N1031015" s="10"/>
    </row>
    <row r="1031016" spans="14:14">
      <c r="N1031016" s="10"/>
    </row>
    <row r="1031017" spans="14:14">
      <c r="N1031017" s="10"/>
    </row>
    <row r="1031018" spans="14:14">
      <c r="N1031018" s="10"/>
    </row>
    <row r="1031019" spans="14:14">
      <c r="N1031019" s="10"/>
    </row>
    <row r="1031020" spans="14:14">
      <c r="N1031020" s="10"/>
    </row>
    <row r="1031021" spans="14:14">
      <c r="N1031021" s="10"/>
    </row>
    <row r="1031022" spans="14:14">
      <c r="N1031022" s="10"/>
    </row>
    <row r="1031023" spans="14:14">
      <c r="N1031023" s="10"/>
    </row>
    <row r="1031024" spans="14:14">
      <c r="N1031024" s="10"/>
    </row>
    <row r="1031025" spans="14:14">
      <c r="N1031025" s="10"/>
    </row>
    <row r="1031026" spans="14:14">
      <c r="N1031026" s="10"/>
    </row>
    <row r="1031027" spans="14:14">
      <c r="N1031027" s="10"/>
    </row>
    <row r="1031028" spans="14:14">
      <c r="N1031028" s="10"/>
    </row>
    <row r="1031029" spans="14:14">
      <c r="N1031029" s="10"/>
    </row>
    <row r="1031030" spans="14:14">
      <c r="N1031030" s="10"/>
    </row>
    <row r="1031031" spans="14:14">
      <c r="N1031031" s="10"/>
    </row>
    <row r="1031032" spans="14:14">
      <c r="N1031032" s="10"/>
    </row>
    <row r="1031033" spans="14:14">
      <c r="N1031033" s="10"/>
    </row>
    <row r="1031034" spans="14:14">
      <c r="N1031034" s="10"/>
    </row>
    <row r="1031035" spans="14:14">
      <c r="N1031035" s="10"/>
    </row>
    <row r="1031036" spans="14:14">
      <c r="N1031036" s="10"/>
    </row>
    <row r="1031037" spans="14:14">
      <c r="N1031037" s="10"/>
    </row>
    <row r="1031038" spans="14:14">
      <c r="N1031038" s="10"/>
    </row>
    <row r="1031039" spans="14:14">
      <c r="N1031039" s="10"/>
    </row>
    <row r="1031040" spans="14:14">
      <c r="N1031040" s="10"/>
    </row>
    <row r="1031041" spans="14:14">
      <c r="N1031041" s="10"/>
    </row>
    <row r="1031042" spans="14:14">
      <c r="N1031042" s="10"/>
    </row>
    <row r="1031043" spans="14:14">
      <c r="N1031043" s="10"/>
    </row>
    <row r="1031044" spans="14:14">
      <c r="N1031044" s="10"/>
    </row>
    <row r="1031045" spans="14:14">
      <c r="N1031045" s="10"/>
    </row>
    <row r="1031046" spans="14:14">
      <c r="N1031046" s="10"/>
    </row>
    <row r="1031047" spans="14:14">
      <c r="N1031047" s="10"/>
    </row>
    <row r="1031048" spans="14:14">
      <c r="N1031048" s="10"/>
    </row>
    <row r="1031049" spans="14:14">
      <c r="N1031049" s="10"/>
    </row>
    <row r="1031050" spans="14:14">
      <c r="N1031050" s="10"/>
    </row>
    <row r="1031051" spans="14:14">
      <c r="N1031051" s="10"/>
    </row>
    <row r="1031052" spans="14:14">
      <c r="N1031052" s="10"/>
    </row>
    <row r="1031053" spans="14:14">
      <c r="N1031053" s="10"/>
    </row>
    <row r="1031054" spans="14:14">
      <c r="N1031054" s="10"/>
    </row>
    <row r="1031055" spans="14:14">
      <c r="N1031055" s="10"/>
    </row>
    <row r="1031056" spans="14:14">
      <c r="N1031056" s="10"/>
    </row>
    <row r="1031057" spans="14:14">
      <c r="N1031057" s="10"/>
    </row>
    <row r="1031058" spans="14:14">
      <c r="N1031058" s="10"/>
    </row>
    <row r="1031059" spans="14:14">
      <c r="N1031059" s="10"/>
    </row>
    <row r="1031060" spans="14:14">
      <c r="N1031060" s="10"/>
    </row>
    <row r="1031061" spans="14:14">
      <c r="N1031061" s="10"/>
    </row>
    <row r="1031062" spans="14:14">
      <c r="N1031062" s="10"/>
    </row>
    <row r="1031063" spans="14:14">
      <c r="N1031063" s="10"/>
    </row>
    <row r="1031064" spans="14:14">
      <c r="N1031064" s="10"/>
    </row>
    <row r="1031065" spans="14:14">
      <c r="N1031065" s="10"/>
    </row>
    <row r="1031066" spans="14:14">
      <c r="N1031066" s="10"/>
    </row>
    <row r="1031067" spans="14:14">
      <c r="N1031067" s="10"/>
    </row>
    <row r="1031068" spans="14:14">
      <c r="N1031068" s="10"/>
    </row>
    <row r="1031069" spans="14:14">
      <c r="N1031069" s="10"/>
    </row>
    <row r="1031070" spans="14:14">
      <c r="N1031070" s="10"/>
    </row>
    <row r="1031071" spans="14:14">
      <c r="N1031071" s="10"/>
    </row>
    <row r="1031072" spans="14:14">
      <c r="N1031072" s="10"/>
    </row>
    <row r="1031073" spans="14:14">
      <c r="N1031073" s="10"/>
    </row>
    <row r="1031074" spans="14:14">
      <c r="N1031074" s="10"/>
    </row>
    <row r="1031075" spans="14:14">
      <c r="N1031075" s="10"/>
    </row>
    <row r="1031076" spans="14:14">
      <c r="N1031076" s="10"/>
    </row>
    <row r="1031077" spans="14:14">
      <c r="N1031077" s="10"/>
    </row>
    <row r="1031078" spans="14:14">
      <c r="N1031078" s="10"/>
    </row>
    <row r="1031079" spans="14:14">
      <c r="N1031079" s="10"/>
    </row>
    <row r="1031080" spans="14:14">
      <c r="N1031080" s="10"/>
    </row>
    <row r="1031081" spans="14:14">
      <c r="N1031081" s="10"/>
    </row>
    <row r="1031082" spans="14:14">
      <c r="N1031082" s="10"/>
    </row>
    <row r="1031083" spans="14:14">
      <c r="N1031083" s="10"/>
    </row>
    <row r="1031084" spans="14:14">
      <c r="N1031084" s="10"/>
    </row>
    <row r="1031085" spans="14:14">
      <c r="N1031085" s="10"/>
    </row>
    <row r="1031086" spans="14:14">
      <c r="N1031086" s="10"/>
    </row>
    <row r="1031087" spans="14:14">
      <c r="N1031087" s="10"/>
    </row>
    <row r="1031088" spans="14:14">
      <c r="N1031088" s="10"/>
    </row>
    <row r="1031089" spans="14:14">
      <c r="N1031089" s="10"/>
    </row>
    <row r="1031090" spans="14:14">
      <c r="N1031090" s="10"/>
    </row>
    <row r="1031091" spans="14:14">
      <c r="N1031091" s="10"/>
    </row>
    <row r="1031092" spans="14:14">
      <c r="N1031092" s="10"/>
    </row>
    <row r="1031093" spans="14:14">
      <c r="N1031093" s="10"/>
    </row>
    <row r="1031094" spans="14:14">
      <c r="N1031094" s="10"/>
    </row>
    <row r="1031095" spans="14:14">
      <c r="N1031095" s="10"/>
    </row>
    <row r="1031096" spans="14:14">
      <c r="N1031096" s="10"/>
    </row>
    <row r="1031097" spans="14:14">
      <c r="N1031097" s="10"/>
    </row>
    <row r="1031098" spans="14:14">
      <c r="N1031098" s="10"/>
    </row>
    <row r="1031099" spans="14:14">
      <c r="N1031099" s="10"/>
    </row>
    <row r="1031100" spans="14:14">
      <c r="N1031100" s="10"/>
    </row>
    <row r="1031101" spans="14:14">
      <c r="N1031101" s="10"/>
    </row>
    <row r="1031102" spans="14:14">
      <c r="N1031102" s="10"/>
    </row>
    <row r="1031103" spans="14:14">
      <c r="N1031103" s="10"/>
    </row>
    <row r="1031104" spans="14:14">
      <c r="N1031104" s="10"/>
    </row>
    <row r="1031105" spans="14:14">
      <c r="N1031105" s="10"/>
    </row>
    <row r="1031106" spans="14:14">
      <c r="N1031106" s="10"/>
    </row>
    <row r="1031107" spans="14:14">
      <c r="N1031107" s="10"/>
    </row>
    <row r="1031108" spans="14:14">
      <c r="N1031108" s="10"/>
    </row>
    <row r="1031109" spans="14:14">
      <c r="N1031109" s="10"/>
    </row>
    <row r="1031110" spans="14:14">
      <c r="N1031110" s="10"/>
    </row>
    <row r="1031111" spans="14:14">
      <c r="N1031111" s="10"/>
    </row>
    <row r="1031112" spans="14:14">
      <c r="N1031112" s="10"/>
    </row>
    <row r="1031113" spans="14:14">
      <c r="N1031113" s="10"/>
    </row>
    <row r="1031114" spans="14:14">
      <c r="N1031114" s="10"/>
    </row>
    <row r="1031115" spans="14:14">
      <c r="N1031115" s="10"/>
    </row>
    <row r="1031116" spans="14:14">
      <c r="N1031116" s="10"/>
    </row>
    <row r="1031117" spans="14:14">
      <c r="N1031117" s="10"/>
    </row>
    <row r="1031118" spans="14:14">
      <c r="N1031118" s="10"/>
    </row>
    <row r="1031119" spans="14:14">
      <c r="N1031119" s="10"/>
    </row>
    <row r="1031120" spans="14:14">
      <c r="N1031120" s="10"/>
    </row>
    <row r="1031121" spans="14:14">
      <c r="N1031121" s="10"/>
    </row>
    <row r="1031122" spans="14:14">
      <c r="N1031122" s="10"/>
    </row>
    <row r="1031123" spans="14:14">
      <c r="N1031123" s="10"/>
    </row>
    <row r="1031124" spans="14:14">
      <c r="N1031124" s="10"/>
    </row>
    <row r="1031125" spans="14:14">
      <c r="N1031125" s="10"/>
    </row>
    <row r="1031126" spans="14:14">
      <c r="N1031126" s="10"/>
    </row>
    <row r="1031127" spans="14:14">
      <c r="N1031127" s="10"/>
    </row>
    <row r="1031128" spans="14:14">
      <c r="N1031128" s="10"/>
    </row>
    <row r="1031129" spans="14:14">
      <c r="N1031129" s="10"/>
    </row>
    <row r="1031130" spans="14:14">
      <c r="N1031130" s="10"/>
    </row>
    <row r="1031131" spans="14:14">
      <c r="N1031131" s="10"/>
    </row>
    <row r="1031132" spans="14:14">
      <c r="N1031132" s="10"/>
    </row>
    <row r="1031133" spans="14:14">
      <c r="N1031133" s="10"/>
    </row>
    <row r="1031134" spans="14:14">
      <c r="N1031134" s="10"/>
    </row>
    <row r="1031135" spans="14:14">
      <c r="N1031135" s="10"/>
    </row>
    <row r="1031136" spans="14:14">
      <c r="N1031136" s="10"/>
    </row>
    <row r="1031137" spans="14:14">
      <c r="N1031137" s="10"/>
    </row>
    <row r="1031138" spans="14:14">
      <c r="N1031138" s="10"/>
    </row>
    <row r="1031139" spans="14:14">
      <c r="N1031139" s="10"/>
    </row>
    <row r="1031140" spans="14:14">
      <c r="N1031140" s="10"/>
    </row>
    <row r="1031141" spans="14:14">
      <c r="N1031141" s="10"/>
    </row>
    <row r="1031142" spans="14:14">
      <c r="N1031142" s="10"/>
    </row>
    <row r="1031143" spans="14:14">
      <c r="N1031143" s="10"/>
    </row>
    <row r="1031144" spans="14:14">
      <c r="N1031144" s="10"/>
    </row>
    <row r="1031145" spans="14:14">
      <c r="N1031145" s="10"/>
    </row>
    <row r="1031146" spans="14:14">
      <c r="N1031146" s="10"/>
    </row>
    <row r="1031147" spans="14:14">
      <c r="N1031147" s="10"/>
    </row>
    <row r="1031148" spans="14:14">
      <c r="N1031148" s="10"/>
    </row>
    <row r="1031149" spans="14:14">
      <c r="N1031149" s="10"/>
    </row>
    <row r="1031150" spans="14:14">
      <c r="N1031150" s="10"/>
    </row>
    <row r="1031151" spans="14:14">
      <c r="N1031151" s="10"/>
    </row>
    <row r="1031152" spans="14:14">
      <c r="N1031152" s="10"/>
    </row>
    <row r="1031153" spans="14:14">
      <c r="N1031153" s="10"/>
    </row>
    <row r="1031154" spans="14:14">
      <c r="N1031154" s="10"/>
    </row>
    <row r="1031155" spans="14:14">
      <c r="N1031155" s="10"/>
    </row>
    <row r="1031156" spans="14:14">
      <c r="N1031156" s="10"/>
    </row>
    <row r="1031157" spans="14:14">
      <c r="N1031157" s="10"/>
    </row>
    <row r="1031158" spans="14:14">
      <c r="N1031158" s="10"/>
    </row>
    <row r="1031159" spans="14:14">
      <c r="N1031159" s="10"/>
    </row>
    <row r="1031160" spans="14:14">
      <c r="N1031160" s="10"/>
    </row>
    <row r="1031161" spans="14:14">
      <c r="N1031161" s="10"/>
    </row>
    <row r="1031162" spans="14:14">
      <c r="N1031162" s="10"/>
    </row>
    <row r="1031163" spans="14:14">
      <c r="N1031163" s="10"/>
    </row>
    <row r="1031164" spans="14:14">
      <c r="N1031164" s="10"/>
    </row>
    <row r="1031165" spans="14:14">
      <c r="N1031165" s="10"/>
    </row>
    <row r="1031166" spans="14:14">
      <c r="N1031166" s="10"/>
    </row>
    <row r="1031167" spans="14:14">
      <c r="N1031167" s="10"/>
    </row>
    <row r="1031168" spans="14:14">
      <c r="N1031168" s="10"/>
    </row>
    <row r="1031169" spans="14:14">
      <c r="N1031169" s="10"/>
    </row>
    <row r="1031170" spans="14:14">
      <c r="N1031170" s="10"/>
    </row>
    <row r="1031171" spans="14:14">
      <c r="N1031171" s="10"/>
    </row>
    <row r="1031172" spans="14:14">
      <c r="N1031172" s="10"/>
    </row>
    <row r="1031173" spans="14:14">
      <c r="N1031173" s="10"/>
    </row>
    <row r="1031174" spans="14:14">
      <c r="N1031174" s="10"/>
    </row>
    <row r="1031175" spans="14:14">
      <c r="N1031175" s="10"/>
    </row>
    <row r="1031176" spans="14:14">
      <c r="N1031176" s="10"/>
    </row>
    <row r="1031177" spans="14:14">
      <c r="N1031177" s="10"/>
    </row>
    <row r="1031178" spans="14:14">
      <c r="N1031178" s="10"/>
    </row>
    <row r="1031179" spans="14:14">
      <c r="N1031179" s="10"/>
    </row>
    <row r="1031180" spans="14:14">
      <c r="N1031180" s="10"/>
    </row>
    <row r="1031181" spans="14:14">
      <c r="N1031181" s="10"/>
    </row>
    <row r="1031182" spans="14:14">
      <c r="N1031182" s="10"/>
    </row>
    <row r="1031183" spans="14:14">
      <c r="N1031183" s="10"/>
    </row>
    <row r="1031184" spans="14:14">
      <c r="N1031184" s="10"/>
    </row>
    <row r="1031185" spans="14:14">
      <c r="N1031185" s="10"/>
    </row>
    <row r="1031186" spans="14:14">
      <c r="N1031186" s="10"/>
    </row>
    <row r="1031187" spans="14:14">
      <c r="N1031187" s="10"/>
    </row>
    <row r="1031188" spans="14:14">
      <c r="N1031188" s="10"/>
    </row>
    <row r="1031189" spans="14:14">
      <c r="N1031189" s="10"/>
    </row>
    <row r="1031190" spans="14:14">
      <c r="N1031190" s="10"/>
    </row>
    <row r="1031191" spans="14:14">
      <c r="N1031191" s="10"/>
    </row>
    <row r="1031192" spans="14:14">
      <c r="N1031192" s="10"/>
    </row>
    <row r="1031193" spans="14:14">
      <c r="N1031193" s="10"/>
    </row>
    <row r="1031194" spans="14:14">
      <c r="N1031194" s="10"/>
    </row>
    <row r="1031195" spans="14:14">
      <c r="N1031195" s="10"/>
    </row>
    <row r="1031196" spans="14:14">
      <c r="N1031196" s="10"/>
    </row>
    <row r="1031197" spans="14:14">
      <c r="N1031197" s="10"/>
    </row>
    <row r="1031198" spans="14:14">
      <c r="N1031198" s="10"/>
    </row>
    <row r="1031199" spans="14:14">
      <c r="N1031199" s="10"/>
    </row>
    <row r="1031200" spans="14:14">
      <c r="N1031200" s="10"/>
    </row>
    <row r="1031201" spans="14:14">
      <c r="N1031201" s="10"/>
    </row>
    <row r="1031202" spans="14:14">
      <c r="N1031202" s="10"/>
    </row>
    <row r="1031203" spans="14:14">
      <c r="N1031203" s="10"/>
    </row>
    <row r="1031204" spans="14:14">
      <c r="N1031204" s="10"/>
    </row>
    <row r="1031205" spans="14:14">
      <c r="N1031205" s="10"/>
    </row>
    <row r="1031206" spans="14:14">
      <c r="N1031206" s="10"/>
    </row>
    <row r="1031207" spans="14:14">
      <c r="N1031207" s="10"/>
    </row>
    <row r="1031208" spans="14:14">
      <c r="N1031208" s="10"/>
    </row>
    <row r="1031209" spans="14:14">
      <c r="N1031209" s="10"/>
    </row>
    <row r="1031210" spans="14:14">
      <c r="N1031210" s="10"/>
    </row>
    <row r="1031211" spans="14:14">
      <c r="N1031211" s="10"/>
    </row>
    <row r="1031212" spans="14:14">
      <c r="N1031212" s="10"/>
    </row>
    <row r="1031213" spans="14:14">
      <c r="N1031213" s="10"/>
    </row>
    <row r="1031214" spans="14:14">
      <c r="N1031214" s="10"/>
    </row>
    <row r="1031215" spans="14:14">
      <c r="N1031215" s="10"/>
    </row>
    <row r="1031216" spans="14:14">
      <c r="N1031216" s="10"/>
    </row>
    <row r="1031217" spans="14:14">
      <c r="N1031217" s="10"/>
    </row>
    <row r="1031218" spans="14:14">
      <c r="N1031218" s="10"/>
    </row>
    <row r="1031219" spans="14:14">
      <c r="N1031219" s="10"/>
    </row>
    <row r="1031220" spans="14:14">
      <c r="N1031220" s="10"/>
    </row>
    <row r="1031221" spans="14:14">
      <c r="N1031221" s="10"/>
    </row>
    <row r="1031222" spans="14:14">
      <c r="N1031222" s="10"/>
    </row>
    <row r="1031223" spans="14:14">
      <c r="N1031223" s="10"/>
    </row>
    <row r="1031224" spans="14:14">
      <c r="N1031224" s="10"/>
    </row>
    <row r="1031225" spans="14:14">
      <c r="N1031225" s="10"/>
    </row>
    <row r="1031226" spans="14:14">
      <c r="N1031226" s="10"/>
    </row>
    <row r="1031227" spans="14:14">
      <c r="N1031227" s="10"/>
    </row>
    <row r="1031228" spans="14:14">
      <c r="N1031228" s="10"/>
    </row>
    <row r="1031229" spans="14:14">
      <c r="N1031229" s="10"/>
    </row>
    <row r="1031230" spans="14:14">
      <c r="N1031230" s="10"/>
    </row>
    <row r="1031231" spans="14:14">
      <c r="N1031231" s="10"/>
    </row>
    <row r="1031232" spans="14:14">
      <c r="N1031232" s="10"/>
    </row>
    <row r="1031233" spans="14:14">
      <c r="N1031233" s="10"/>
    </row>
    <row r="1031234" spans="14:14">
      <c r="N1031234" s="10"/>
    </row>
    <row r="1031235" spans="14:14">
      <c r="N1031235" s="10"/>
    </row>
    <row r="1031236" spans="14:14">
      <c r="N1031236" s="10"/>
    </row>
    <row r="1031237" spans="14:14">
      <c r="N1031237" s="10"/>
    </row>
    <row r="1031238" spans="14:14">
      <c r="N1031238" s="10"/>
    </row>
    <row r="1031239" spans="14:14">
      <c r="N1031239" s="10"/>
    </row>
    <row r="1031240" spans="14:14">
      <c r="N1031240" s="10"/>
    </row>
    <row r="1031241" spans="14:14">
      <c r="N1031241" s="10"/>
    </row>
    <row r="1031242" spans="14:14">
      <c r="N1031242" s="10"/>
    </row>
    <row r="1031243" spans="14:14">
      <c r="N1031243" s="10"/>
    </row>
    <row r="1031244" spans="14:14">
      <c r="N1031244" s="10"/>
    </row>
    <row r="1031245" spans="14:14">
      <c r="N1031245" s="10"/>
    </row>
    <row r="1031246" spans="14:14">
      <c r="N1031246" s="10"/>
    </row>
    <row r="1031247" spans="14:14">
      <c r="N1031247" s="10"/>
    </row>
    <row r="1031248" spans="14:14">
      <c r="N1031248" s="10"/>
    </row>
    <row r="1031249" spans="14:14">
      <c r="N1031249" s="10"/>
    </row>
    <row r="1031250" spans="14:14">
      <c r="N1031250" s="10"/>
    </row>
    <row r="1031251" spans="14:14">
      <c r="N1031251" s="10"/>
    </row>
    <row r="1031252" spans="14:14">
      <c r="N1031252" s="10"/>
    </row>
    <row r="1031253" spans="14:14">
      <c r="N1031253" s="10"/>
    </row>
    <row r="1031254" spans="14:14">
      <c r="N1031254" s="10"/>
    </row>
    <row r="1031255" spans="14:14">
      <c r="N1031255" s="10"/>
    </row>
    <row r="1031256" spans="14:14">
      <c r="N1031256" s="10"/>
    </row>
    <row r="1031257" spans="14:14">
      <c r="N1031257" s="10"/>
    </row>
    <row r="1031258" spans="14:14">
      <c r="N1031258" s="10"/>
    </row>
    <row r="1031259" spans="14:14">
      <c r="N1031259" s="10"/>
    </row>
    <row r="1031260" spans="14:14">
      <c r="N1031260" s="10"/>
    </row>
    <row r="1031261" spans="14:14">
      <c r="N1031261" s="10"/>
    </row>
    <row r="1031262" spans="14:14">
      <c r="N1031262" s="10"/>
    </row>
    <row r="1031263" spans="14:14">
      <c r="N1031263" s="10"/>
    </row>
    <row r="1031264" spans="14:14">
      <c r="N1031264" s="10"/>
    </row>
    <row r="1031265" spans="14:14">
      <c r="N1031265" s="10"/>
    </row>
    <row r="1031266" spans="14:14">
      <c r="N1031266" s="10"/>
    </row>
    <row r="1031267" spans="14:14">
      <c r="N1031267" s="10"/>
    </row>
    <row r="1031268" spans="14:14">
      <c r="N1031268" s="10"/>
    </row>
    <row r="1031269" spans="14:14">
      <c r="N1031269" s="10"/>
    </row>
    <row r="1031270" spans="14:14">
      <c r="N1031270" s="10"/>
    </row>
    <row r="1031271" spans="14:14">
      <c r="N1031271" s="10"/>
    </row>
    <row r="1031272" spans="14:14">
      <c r="N1031272" s="10"/>
    </row>
    <row r="1031273" spans="14:14">
      <c r="N1031273" s="10"/>
    </row>
    <row r="1031274" spans="14:14">
      <c r="N1031274" s="10"/>
    </row>
    <row r="1031275" spans="14:14">
      <c r="N1031275" s="10"/>
    </row>
    <row r="1031276" spans="14:14">
      <c r="N1031276" s="10"/>
    </row>
    <row r="1031277" spans="14:14">
      <c r="N1031277" s="10"/>
    </row>
    <row r="1031278" spans="14:14">
      <c r="N1031278" s="10"/>
    </row>
    <row r="1031279" spans="14:14">
      <c r="N1031279" s="10"/>
    </row>
    <row r="1031280" spans="14:14">
      <c r="N1031280" s="10"/>
    </row>
    <row r="1031281" spans="14:14">
      <c r="N1031281" s="10"/>
    </row>
    <row r="1031282" spans="14:14">
      <c r="N1031282" s="10"/>
    </row>
    <row r="1031283" spans="14:14">
      <c r="N1031283" s="10"/>
    </row>
    <row r="1031284" spans="14:14">
      <c r="N1031284" s="10"/>
    </row>
    <row r="1031285" spans="14:14">
      <c r="N1031285" s="10"/>
    </row>
    <row r="1031286" spans="14:14">
      <c r="N1031286" s="10"/>
    </row>
    <row r="1031287" spans="14:14">
      <c r="N1031287" s="10"/>
    </row>
    <row r="1031288" spans="14:14">
      <c r="N1031288" s="10"/>
    </row>
    <row r="1031289" spans="14:14">
      <c r="N1031289" s="10"/>
    </row>
    <row r="1031290" spans="14:14">
      <c r="N1031290" s="10"/>
    </row>
    <row r="1031291" spans="14:14">
      <c r="N1031291" s="10"/>
    </row>
    <row r="1031292" spans="14:14">
      <c r="N1031292" s="10"/>
    </row>
    <row r="1031293" spans="14:14">
      <c r="N1031293" s="10"/>
    </row>
    <row r="1031294" spans="14:14">
      <c r="N1031294" s="10"/>
    </row>
    <row r="1031295" spans="14:14">
      <c r="N1031295" s="10"/>
    </row>
    <row r="1031296" spans="14:14">
      <c r="N1031296" s="10"/>
    </row>
    <row r="1031297" spans="14:14">
      <c r="N1031297" s="10"/>
    </row>
    <row r="1031298" spans="14:14">
      <c r="N1031298" s="10"/>
    </row>
    <row r="1031299" spans="14:14">
      <c r="N1031299" s="10"/>
    </row>
    <row r="1031300" spans="14:14">
      <c r="N1031300" s="10"/>
    </row>
    <row r="1031301" spans="14:14">
      <c r="N1031301" s="10"/>
    </row>
    <row r="1031302" spans="14:14">
      <c r="N1031302" s="10"/>
    </row>
    <row r="1031303" spans="14:14">
      <c r="N1031303" s="10"/>
    </row>
    <row r="1031304" spans="14:14">
      <c r="N1031304" s="10"/>
    </row>
    <row r="1031305" spans="14:14">
      <c r="N1031305" s="10"/>
    </row>
    <row r="1031306" spans="14:14">
      <c r="N1031306" s="10"/>
    </row>
    <row r="1031307" spans="14:14">
      <c r="N1031307" s="10"/>
    </row>
    <row r="1031308" spans="14:14">
      <c r="N1031308" s="10"/>
    </row>
    <row r="1031309" spans="14:14">
      <c r="N1031309" s="10"/>
    </row>
    <row r="1031310" spans="14:14">
      <c r="N1031310" s="10"/>
    </row>
    <row r="1031311" spans="14:14">
      <c r="N1031311" s="10"/>
    </row>
    <row r="1031312" spans="14:14">
      <c r="N1031312" s="10"/>
    </row>
    <row r="1031313" spans="14:14">
      <c r="N1031313" s="10"/>
    </row>
    <row r="1031314" spans="14:14">
      <c r="N1031314" s="10"/>
    </row>
    <row r="1031315" spans="14:14">
      <c r="N1031315" s="10"/>
    </row>
    <row r="1031316" spans="14:14">
      <c r="N1031316" s="10"/>
    </row>
    <row r="1031317" spans="14:14">
      <c r="N1031317" s="10"/>
    </row>
    <row r="1031318" spans="14:14">
      <c r="N1031318" s="10"/>
    </row>
    <row r="1031319" spans="14:14">
      <c r="N1031319" s="10"/>
    </row>
    <row r="1031320" spans="14:14">
      <c r="N1031320" s="10"/>
    </row>
    <row r="1031321" spans="14:14">
      <c r="N1031321" s="10"/>
    </row>
    <row r="1031322" spans="14:14">
      <c r="N1031322" s="10"/>
    </row>
    <row r="1031323" spans="14:14">
      <c r="N1031323" s="10"/>
    </row>
    <row r="1031324" spans="14:14">
      <c r="N1031324" s="10"/>
    </row>
    <row r="1031325" spans="14:14">
      <c r="N1031325" s="10"/>
    </row>
    <row r="1031326" spans="14:14">
      <c r="N1031326" s="10"/>
    </row>
    <row r="1031327" spans="14:14">
      <c r="N1031327" s="10"/>
    </row>
    <row r="1031328" spans="14:14">
      <c r="N1031328" s="10"/>
    </row>
    <row r="1031329" spans="14:14">
      <c r="N1031329" s="10"/>
    </row>
    <row r="1031330" spans="14:14">
      <c r="N1031330" s="10"/>
    </row>
    <row r="1031331" spans="14:14">
      <c r="N1031331" s="10"/>
    </row>
    <row r="1031332" spans="14:14">
      <c r="N1031332" s="10"/>
    </row>
    <row r="1031333" spans="14:14">
      <c r="N1031333" s="10"/>
    </row>
    <row r="1031334" spans="14:14">
      <c r="N1031334" s="10"/>
    </row>
    <row r="1031335" spans="14:14">
      <c r="N1031335" s="10"/>
    </row>
    <row r="1031336" spans="14:14">
      <c r="N1031336" s="10"/>
    </row>
    <row r="1031337" spans="14:14">
      <c r="N1031337" s="10"/>
    </row>
    <row r="1031338" spans="14:14">
      <c r="N1031338" s="10"/>
    </row>
    <row r="1031339" spans="14:14">
      <c r="N1031339" s="10"/>
    </row>
    <row r="1031340" spans="14:14">
      <c r="N1031340" s="10"/>
    </row>
    <row r="1031341" spans="14:14">
      <c r="N1031341" s="10"/>
    </row>
    <row r="1031342" spans="14:14">
      <c r="N1031342" s="10"/>
    </row>
    <row r="1031343" spans="14:14">
      <c r="N1031343" s="10"/>
    </row>
    <row r="1031344" spans="14:14">
      <c r="N1031344" s="10"/>
    </row>
    <row r="1031345" spans="14:14">
      <c r="N1031345" s="10"/>
    </row>
    <row r="1031346" spans="14:14">
      <c r="N1031346" s="10"/>
    </row>
    <row r="1031347" spans="14:14">
      <c r="N1031347" s="10"/>
    </row>
    <row r="1031348" spans="14:14">
      <c r="N1031348" s="10"/>
    </row>
    <row r="1031349" spans="14:14">
      <c r="N1031349" s="10"/>
    </row>
    <row r="1031350" spans="14:14">
      <c r="N1031350" s="10"/>
    </row>
    <row r="1031351" spans="14:14">
      <c r="N1031351" s="10"/>
    </row>
    <row r="1031352" spans="14:14">
      <c r="N1031352" s="10"/>
    </row>
    <row r="1031353" spans="14:14">
      <c r="N1031353" s="10"/>
    </row>
    <row r="1031354" spans="14:14">
      <c r="N1031354" s="10"/>
    </row>
    <row r="1031355" spans="14:14">
      <c r="N1031355" s="10"/>
    </row>
    <row r="1031356" spans="14:14">
      <c r="N1031356" s="10"/>
    </row>
    <row r="1031357" spans="14:14">
      <c r="N1031357" s="10"/>
    </row>
    <row r="1031358" spans="14:14">
      <c r="N1031358" s="10"/>
    </row>
    <row r="1031359" spans="14:14">
      <c r="N1031359" s="10"/>
    </row>
    <row r="1031360" spans="14:14">
      <c r="N1031360" s="10"/>
    </row>
    <row r="1031361" spans="14:14">
      <c r="N1031361" s="10"/>
    </row>
    <row r="1031362" spans="14:14">
      <c r="N1031362" s="10"/>
    </row>
    <row r="1031363" spans="14:14">
      <c r="N1031363" s="10"/>
    </row>
    <row r="1031364" spans="14:14">
      <c r="N1031364" s="10"/>
    </row>
    <row r="1031365" spans="14:14">
      <c r="N1031365" s="10"/>
    </row>
    <row r="1031366" spans="14:14">
      <c r="N1031366" s="10"/>
    </row>
    <row r="1031367" spans="14:14">
      <c r="N1031367" s="10"/>
    </row>
    <row r="1031368" spans="14:14">
      <c r="N1031368" s="10"/>
    </row>
    <row r="1031369" spans="14:14">
      <c r="N1031369" s="10"/>
    </row>
    <row r="1031370" spans="14:14">
      <c r="N1031370" s="10"/>
    </row>
    <row r="1031371" spans="14:14">
      <c r="N1031371" s="10"/>
    </row>
    <row r="1031372" spans="14:14">
      <c r="N1031372" s="10"/>
    </row>
    <row r="1031373" spans="14:14">
      <c r="N1031373" s="10"/>
    </row>
    <row r="1031374" spans="14:14">
      <c r="N1031374" s="10"/>
    </row>
    <row r="1031375" spans="14:14">
      <c r="N1031375" s="10"/>
    </row>
    <row r="1031376" spans="14:14">
      <c r="N1031376" s="10"/>
    </row>
    <row r="1031377" spans="14:14">
      <c r="N1031377" s="10"/>
    </row>
    <row r="1031378" spans="14:14">
      <c r="N1031378" s="10"/>
    </row>
    <row r="1031379" spans="14:14">
      <c r="N1031379" s="10"/>
    </row>
    <row r="1031380" spans="14:14">
      <c r="N1031380" s="10"/>
    </row>
    <row r="1031381" spans="14:14">
      <c r="N1031381" s="10"/>
    </row>
    <row r="1031382" spans="14:14">
      <c r="N1031382" s="10"/>
    </row>
    <row r="1031383" spans="14:14">
      <c r="N1031383" s="10"/>
    </row>
    <row r="1031384" spans="14:14">
      <c r="N1031384" s="10"/>
    </row>
    <row r="1031385" spans="14:14">
      <c r="N1031385" s="10"/>
    </row>
    <row r="1031386" spans="14:14">
      <c r="N1031386" s="10"/>
    </row>
    <row r="1031387" spans="14:14">
      <c r="N1031387" s="10"/>
    </row>
    <row r="1031388" spans="14:14">
      <c r="N1031388" s="10"/>
    </row>
    <row r="1031389" spans="14:14">
      <c r="N1031389" s="10"/>
    </row>
    <row r="1031390" spans="14:14">
      <c r="N1031390" s="10"/>
    </row>
    <row r="1031391" spans="14:14">
      <c r="N1031391" s="10"/>
    </row>
    <row r="1031392" spans="14:14">
      <c r="N1031392" s="10"/>
    </row>
    <row r="1031393" spans="14:14">
      <c r="N1031393" s="10"/>
    </row>
    <row r="1031394" spans="14:14">
      <c r="N1031394" s="10"/>
    </row>
    <row r="1031395" spans="14:14">
      <c r="N1031395" s="10"/>
    </row>
    <row r="1031396" spans="14:14">
      <c r="N1031396" s="10"/>
    </row>
    <row r="1031397" spans="14:14">
      <c r="N1031397" s="10"/>
    </row>
    <row r="1031398" spans="14:14">
      <c r="N1031398" s="10"/>
    </row>
    <row r="1031399" spans="14:14">
      <c r="N1031399" s="10"/>
    </row>
    <row r="1031400" spans="14:14">
      <c r="N1031400" s="10"/>
    </row>
    <row r="1031401" spans="14:14">
      <c r="N1031401" s="10"/>
    </row>
    <row r="1031402" spans="14:14">
      <c r="N1031402" s="10"/>
    </row>
    <row r="1031403" spans="14:14">
      <c r="N1031403" s="10"/>
    </row>
    <row r="1031404" spans="14:14">
      <c r="N1031404" s="10"/>
    </row>
    <row r="1031405" spans="14:14">
      <c r="N1031405" s="10"/>
    </row>
    <row r="1031406" spans="14:14">
      <c r="N1031406" s="10"/>
    </row>
    <row r="1031407" spans="14:14">
      <c r="N1031407" s="10"/>
    </row>
    <row r="1031408" spans="14:14">
      <c r="N1031408" s="10"/>
    </row>
    <row r="1031409" spans="14:14">
      <c r="N1031409" s="10"/>
    </row>
    <row r="1031410" spans="14:14">
      <c r="N1031410" s="10"/>
    </row>
    <row r="1031411" spans="14:14">
      <c r="N1031411" s="10"/>
    </row>
    <row r="1031412" spans="14:14">
      <c r="N1031412" s="10"/>
    </row>
    <row r="1031413" spans="14:14">
      <c r="N1031413" s="10"/>
    </row>
    <row r="1031414" spans="14:14">
      <c r="N1031414" s="10"/>
    </row>
    <row r="1031415" spans="14:14">
      <c r="N1031415" s="10"/>
    </row>
    <row r="1031416" spans="14:14">
      <c r="N1031416" s="10"/>
    </row>
    <row r="1031417" spans="14:14">
      <c r="N1031417" s="10"/>
    </row>
    <row r="1031418" spans="14:14">
      <c r="N1031418" s="10"/>
    </row>
    <row r="1031419" spans="14:14">
      <c r="N1031419" s="10"/>
    </row>
    <row r="1031420" spans="14:14">
      <c r="N1031420" s="10"/>
    </row>
    <row r="1031421" spans="14:14">
      <c r="N1031421" s="10"/>
    </row>
    <row r="1031422" spans="14:14">
      <c r="N1031422" s="10"/>
    </row>
    <row r="1031423" spans="14:14">
      <c r="N1031423" s="10"/>
    </row>
    <row r="1031424" spans="14:14">
      <c r="N1031424" s="10"/>
    </row>
    <row r="1031425" spans="14:14">
      <c r="N1031425" s="10"/>
    </row>
    <row r="1031426" spans="14:14">
      <c r="N1031426" s="10"/>
    </row>
    <row r="1031427" spans="14:14">
      <c r="N1031427" s="10"/>
    </row>
    <row r="1031428" spans="14:14">
      <c r="N1031428" s="10"/>
    </row>
    <row r="1031429" spans="14:14">
      <c r="N1031429" s="10"/>
    </row>
    <row r="1031430" spans="14:14">
      <c r="N1031430" s="10"/>
    </row>
    <row r="1031431" spans="14:14">
      <c r="N1031431" s="10"/>
    </row>
    <row r="1031432" spans="14:14">
      <c r="N1031432" s="10"/>
    </row>
    <row r="1031433" spans="14:14">
      <c r="N1031433" s="10"/>
    </row>
    <row r="1031434" spans="14:14">
      <c r="N1031434" s="10"/>
    </row>
    <row r="1031435" spans="14:14">
      <c r="N1031435" s="10"/>
    </row>
    <row r="1031436" spans="14:14">
      <c r="N1031436" s="10"/>
    </row>
    <row r="1031437" spans="14:14">
      <c r="N1031437" s="10"/>
    </row>
    <row r="1031438" spans="14:14">
      <c r="N1031438" s="10"/>
    </row>
    <row r="1031439" spans="14:14">
      <c r="N1031439" s="10"/>
    </row>
    <row r="1031440" spans="14:14">
      <c r="N1031440" s="10"/>
    </row>
    <row r="1031441" spans="14:14">
      <c r="N1031441" s="10"/>
    </row>
    <row r="1031442" spans="14:14">
      <c r="N1031442" s="10"/>
    </row>
    <row r="1031443" spans="14:14">
      <c r="N1031443" s="10"/>
    </row>
    <row r="1031444" spans="14:14">
      <c r="N1031444" s="10"/>
    </row>
    <row r="1031445" spans="14:14">
      <c r="N1031445" s="10"/>
    </row>
    <row r="1031446" spans="14:14">
      <c r="N1031446" s="10"/>
    </row>
    <row r="1031447" spans="14:14">
      <c r="N1031447" s="10"/>
    </row>
    <row r="1031448" spans="14:14">
      <c r="N1031448" s="10"/>
    </row>
    <row r="1031449" spans="14:14">
      <c r="N1031449" s="10"/>
    </row>
    <row r="1031450" spans="14:14">
      <c r="N1031450" s="10"/>
    </row>
    <row r="1031451" spans="14:14">
      <c r="N1031451" s="10"/>
    </row>
    <row r="1031452" spans="14:14">
      <c r="N1031452" s="10"/>
    </row>
    <row r="1031453" spans="14:14">
      <c r="N1031453" s="10"/>
    </row>
    <row r="1031454" spans="14:14">
      <c r="N1031454" s="10"/>
    </row>
    <row r="1031455" spans="14:14">
      <c r="N1031455" s="10"/>
    </row>
    <row r="1031456" spans="14:14">
      <c r="N1031456" s="10"/>
    </row>
    <row r="1031457" spans="14:14">
      <c r="N1031457" s="10"/>
    </row>
    <row r="1031458" spans="14:14">
      <c r="N1031458" s="10"/>
    </row>
    <row r="1031459" spans="14:14">
      <c r="N1031459" s="10"/>
    </row>
    <row r="1031460" spans="14:14">
      <c r="N1031460" s="10"/>
    </row>
    <row r="1031461" spans="14:14">
      <c r="N1031461" s="10"/>
    </row>
    <row r="1031462" spans="14:14">
      <c r="N1031462" s="10"/>
    </row>
    <row r="1031463" spans="14:14">
      <c r="N1031463" s="10"/>
    </row>
    <row r="1031464" spans="14:14">
      <c r="N1031464" s="10"/>
    </row>
    <row r="1031465" spans="14:14">
      <c r="N1031465" s="10"/>
    </row>
    <row r="1031466" spans="14:14">
      <c r="N1031466" s="10"/>
    </row>
    <row r="1031467" spans="14:14">
      <c r="N1031467" s="10"/>
    </row>
    <row r="1031468" spans="14:14">
      <c r="N1031468" s="10"/>
    </row>
    <row r="1031469" spans="14:14">
      <c r="N1031469" s="10"/>
    </row>
    <row r="1031470" spans="14:14">
      <c r="N1031470" s="10"/>
    </row>
    <row r="1031471" spans="14:14">
      <c r="N1031471" s="10"/>
    </row>
    <row r="1031472" spans="14:14">
      <c r="N1031472" s="10"/>
    </row>
    <row r="1031473" spans="14:14">
      <c r="N1031473" s="10"/>
    </row>
    <row r="1031474" spans="14:14">
      <c r="N1031474" s="10"/>
    </row>
    <row r="1031475" spans="14:14">
      <c r="N1031475" s="10"/>
    </row>
    <row r="1031476" spans="14:14">
      <c r="N1031476" s="10"/>
    </row>
    <row r="1031477" spans="14:14">
      <c r="N1031477" s="10"/>
    </row>
    <row r="1031478" spans="14:14">
      <c r="N1031478" s="10"/>
    </row>
    <row r="1031479" spans="14:14">
      <c r="N1031479" s="10"/>
    </row>
    <row r="1031480" spans="14:14">
      <c r="N1031480" s="10"/>
    </row>
    <row r="1031481" spans="14:14">
      <c r="N1031481" s="10"/>
    </row>
    <row r="1031482" spans="14:14">
      <c r="N1031482" s="10"/>
    </row>
    <row r="1031483" spans="14:14">
      <c r="N1031483" s="10"/>
    </row>
    <row r="1031484" spans="14:14">
      <c r="N1031484" s="10"/>
    </row>
    <row r="1031485" spans="14:14">
      <c r="N1031485" s="10"/>
    </row>
    <row r="1031486" spans="14:14">
      <c r="N1031486" s="10"/>
    </row>
    <row r="1031487" spans="14:14">
      <c r="N1031487" s="10"/>
    </row>
    <row r="1031488" spans="14:14">
      <c r="N1031488" s="10"/>
    </row>
    <row r="1031489" spans="14:14">
      <c r="N1031489" s="10"/>
    </row>
    <row r="1031490" spans="14:14">
      <c r="N1031490" s="10"/>
    </row>
    <row r="1031491" spans="14:14">
      <c r="N1031491" s="10"/>
    </row>
    <row r="1031492" spans="14:14">
      <c r="N1031492" s="10"/>
    </row>
    <row r="1031493" spans="14:14">
      <c r="N1031493" s="10"/>
    </row>
    <row r="1031494" spans="14:14">
      <c r="N1031494" s="10"/>
    </row>
    <row r="1031495" spans="14:14">
      <c r="N1031495" s="10"/>
    </row>
    <row r="1031496" spans="14:14">
      <c r="N1031496" s="10"/>
    </row>
    <row r="1031497" spans="14:14">
      <c r="N1031497" s="10"/>
    </row>
    <row r="1031498" spans="14:14">
      <c r="N1031498" s="10"/>
    </row>
    <row r="1031499" spans="14:14">
      <c r="N1031499" s="10"/>
    </row>
    <row r="1031500" spans="14:14">
      <c r="N1031500" s="10"/>
    </row>
    <row r="1031501" spans="14:14">
      <c r="N1031501" s="10"/>
    </row>
    <row r="1031502" spans="14:14">
      <c r="N1031502" s="10"/>
    </row>
    <row r="1031503" spans="14:14">
      <c r="N1031503" s="10"/>
    </row>
    <row r="1031504" spans="14:14">
      <c r="N1031504" s="10"/>
    </row>
    <row r="1031505" spans="14:14">
      <c r="N1031505" s="10"/>
    </row>
    <row r="1031506" spans="14:14">
      <c r="N1031506" s="10"/>
    </row>
    <row r="1031507" spans="14:14">
      <c r="N1031507" s="10"/>
    </row>
    <row r="1031508" spans="14:14">
      <c r="N1031508" s="10"/>
    </row>
    <row r="1031509" spans="14:14">
      <c r="N1031509" s="10"/>
    </row>
    <row r="1031510" spans="14:14">
      <c r="N1031510" s="10"/>
    </row>
    <row r="1031511" spans="14:14">
      <c r="N1031511" s="10"/>
    </row>
    <row r="1031512" spans="14:14">
      <c r="N1031512" s="10"/>
    </row>
    <row r="1031513" spans="14:14">
      <c r="N1031513" s="10"/>
    </row>
    <row r="1031514" spans="14:14">
      <c r="N1031514" s="10"/>
    </row>
    <row r="1031515" spans="14:14">
      <c r="N1031515" s="10"/>
    </row>
    <row r="1031516" spans="14:14">
      <c r="N1031516" s="10"/>
    </row>
    <row r="1031517" spans="14:14">
      <c r="N1031517" s="10"/>
    </row>
    <row r="1031518" spans="14:14">
      <c r="N1031518" s="10"/>
    </row>
    <row r="1031519" spans="14:14">
      <c r="N1031519" s="10"/>
    </row>
    <row r="1031520" spans="14:14">
      <c r="N1031520" s="10"/>
    </row>
    <row r="1031521" spans="14:14">
      <c r="N1031521" s="10"/>
    </row>
    <row r="1031522" spans="14:14">
      <c r="N1031522" s="10"/>
    </row>
    <row r="1031523" spans="14:14">
      <c r="N1031523" s="10"/>
    </row>
    <row r="1031524" spans="14:14">
      <c r="N1031524" s="10"/>
    </row>
    <row r="1031525" spans="14:14">
      <c r="N1031525" s="10"/>
    </row>
    <row r="1031526" spans="14:14">
      <c r="N1031526" s="10"/>
    </row>
    <row r="1031527" spans="14:14">
      <c r="N1031527" s="10"/>
    </row>
    <row r="1031528" spans="14:14">
      <c r="N1031528" s="10"/>
    </row>
    <row r="1031529" spans="14:14">
      <c r="N1031529" s="10"/>
    </row>
    <row r="1031530" spans="14:14">
      <c r="N1031530" s="10"/>
    </row>
    <row r="1031531" spans="14:14">
      <c r="N1031531" s="10"/>
    </row>
    <row r="1031532" spans="14:14">
      <c r="N1031532" s="10"/>
    </row>
    <row r="1031533" spans="14:14">
      <c r="N1031533" s="10"/>
    </row>
    <row r="1031534" spans="14:14">
      <c r="N1031534" s="10"/>
    </row>
    <row r="1031535" spans="14:14">
      <c r="N1031535" s="10"/>
    </row>
    <row r="1031536" spans="14:14">
      <c r="N1031536" s="10"/>
    </row>
    <row r="1031537" spans="14:14">
      <c r="N1031537" s="10"/>
    </row>
    <row r="1031538" spans="14:14">
      <c r="N1031538" s="10"/>
    </row>
    <row r="1031539" spans="14:14">
      <c r="N1031539" s="10"/>
    </row>
    <row r="1031540" spans="14:14">
      <c r="N1031540" s="10"/>
    </row>
    <row r="1031541" spans="14:14">
      <c r="N1031541" s="10"/>
    </row>
    <row r="1031542" spans="14:14">
      <c r="N1031542" s="10"/>
    </row>
    <row r="1031543" spans="14:14">
      <c r="N1031543" s="10"/>
    </row>
    <row r="1031544" spans="14:14">
      <c r="N1031544" s="10"/>
    </row>
    <row r="1031545" spans="14:14">
      <c r="N1031545" s="10"/>
    </row>
    <row r="1031546" spans="14:14">
      <c r="N1031546" s="10"/>
    </row>
    <row r="1031547" spans="14:14">
      <c r="N1031547" s="10"/>
    </row>
    <row r="1031548" spans="14:14">
      <c r="N1031548" s="10"/>
    </row>
    <row r="1031549" spans="14:14">
      <c r="N1031549" s="10"/>
    </row>
    <row r="1031550" spans="14:14">
      <c r="N1031550" s="10"/>
    </row>
    <row r="1031551" spans="14:14">
      <c r="N1031551" s="10"/>
    </row>
    <row r="1031552" spans="14:14">
      <c r="N1031552" s="10"/>
    </row>
    <row r="1031553" spans="14:14">
      <c r="N1031553" s="10"/>
    </row>
    <row r="1031554" spans="14:14">
      <c r="N1031554" s="10"/>
    </row>
    <row r="1031555" spans="14:14">
      <c r="N1031555" s="10"/>
    </row>
    <row r="1031556" spans="14:14">
      <c r="N1031556" s="10"/>
    </row>
    <row r="1031557" spans="14:14">
      <c r="N1031557" s="10"/>
    </row>
    <row r="1031558" spans="14:14">
      <c r="N1031558" s="10"/>
    </row>
    <row r="1031559" spans="14:14">
      <c r="N1031559" s="10"/>
    </row>
    <row r="1031560" spans="14:14">
      <c r="N1031560" s="10"/>
    </row>
    <row r="1031561" spans="14:14">
      <c r="N1031561" s="10"/>
    </row>
    <row r="1031562" spans="14:14">
      <c r="N1031562" s="10"/>
    </row>
    <row r="1031563" spans="14:14">
      <c r="N1031563" s="10"/>
    </row>
    <row r="1031564" spans="14:14">
      <c r="N1031564" s="10"/>
    </row>
    <row r="1031565" spans="14:14">
      <c r="N1031565" s="10"/>
    </row>
    <row r="1031566" spans="14:14">
      <c r="N1031566" s="10"/>
    </row>
    <row r="1031567" spans="14:14">
      <c r="N1031567" s="10"/>
    </row>
    <row r="1031568" spans="14:14">
      <c r="N1031568" s="10"/>
    </row>
    <row r="1031569" spans="14:14">
      <c r="N1031569" s="10"/>
    </row>
    <row r="1031570" spans="14:14">
      <c r="N1031570" s="10"/>
    </row>
    <row r="1031571" spans="14:14">
      <c r="N1031571" s="10"/>
    </row>
    <row r="1031572" spans="14:14">
      <c r="N1031572" s="10"/>
    </row>
    <row r="1031573" spans="14:14">
      <c r="N1031573" s="10"/>
    </row>
    <row r="1031574" spans="14:14">
      <c r="N1031574" s="10"/>
    </row>
    <row r="1031575" spans="14:14">
      <c r="N1031575" s="10"/>
    </row>
    <row r="1031576" spans="14:14">
      <c r="N1031576" s="10"/>
    </row>
    <row r="1031577" spans="14:14">
      <c r="N1031577" s="10"/>
    </row>
    <row r="1031578" spans="14:14">
      <c r="N1031578" s="10"/>
    </row>
    <row r="1031579" spans="14:14">
      <c r="N1031579" s="10"/>
    </row>
    <row r="1031580" spans="14:14">
      <c r="N1031580" s="10"/>
    </row>
    <row r="1031581" spans="14:14">
      <c r="N1031581" s="10"/>
    </row>
    <row r="1031582" spans="14:14">
      <c r="N1031582" s="10"/>
    </row>
    <row r="1031583" spans="14:14">
      <c r="N1031583" s="10"/>
    </row>
    <row r="1031584" spans="14:14">
      <c r="N1031584" s="10"/>
    </row>
    <row r="1031585" spans="14:14">
      <c r="N1031585" s="10"/>
    </row>
    <row r="1031586" spans="14:14">
      <c r="N1031586" s="10"/>
    </row>
    <row r="1031587" spans="14:14">
      <c r="N1031587" s="10"/>
    </row>
    <row r="1031588" spans="14:14">
      <c r="N1031588" s="10"/>
    </row>
    <row r="1031589" spans="14:14">
      <c r="N1031589" s="10"/>
    </row>
    <row r="1031590" spans="14:14">
      <c r="N1031590" s="10"/>
    </row>
    <row r="1031591" spans="14:14">
      <c r="N1031591" s="10"/>
    </row>
    <row r="1031592" spans="14:14">
      <c r="N1031592" s="10"/>
    </row>
    <row r="1031593" spans="14:14">
      <c r="N1031593" s="10"/>
    </row>
    <row r="1031594" spans="14:14">
      <c r="N1031594" s="10"/>
    </row>
    <row r="1031595" spans="14:14">
      <c r="N1031595" s="10"/>
    </row>
    <row r="1031596" spans="14:14">
      <c r="N1031596" s="10"/>
    </row>
    <row r="1031597" spans="14:14">
      <c r="N1031597" s="10"/>
    </row>
    <row r="1031598" spans="14:14">
      <c r="N1031598" s="10"/>
    </row>
    <row r="1031599" spans="14:14">
      <c r="N1031599" s="10"/>
    </row>
    <row r="1031600" spans="14:14">
      <c r="N1031600" s="10"/>
    </row>
    <row r="1031601" spans="14:14">
      <c r="N1031601" s="10"/>
    </row>
    <row r="1031602" spans="14:14">
      <c r="N1031602" s="10"/>
    </row>
    <row r="1031603" spans="14:14">
      <c r="N1031603" s="10"/>
    </row>
    <row r="1031604" spans="14:14">
      <c r="N1031604" s="10"/>
    </row>
    <row r="1031605" spans="14:14">
      <c r="N1031605" s="10"/>
    </row>
    <row r="1031606" spans="14:14">
      <c r="N1031606" s="10"/>
    </row>
    <row r="1031607" spans="14:14">
      <c r="N1031607" s="10"/>
    </row>
    <row r="1031608" spans="14:14">
      <c r="N1031608" s="10"/>
    </row>
    <row r="1031609" spans="14:14">
      <c r="N1031609" s="10"/>
    </row>
    <row r="1031610" spans="14:14">
      <c r="N1031610" s="10"/>
    </row>
    <row r="1031611" spans="14:14">
      <c r="N1031611" s="10"/>
    </row>
    <row r="1031612" spans="14:14">
      <c r="N1031612" s="10"/>
    </row>
    <row r="1031613" spans="14:14">
      <c r="N1031613" s="10"/>
    </row>
    <row r="1031614" spans="14:14">
      <c r="N1031614" s="10"/>
    </row>
    <row r="1031615" spans="14:14">
      <c r="N1031615" s="10"/>
    </row>
    <row r="1031616" spans="14:14">
      <c r="N1031616" s="10"/>
    </row>
    <row r="1031617" spans="14:14">
      <c r="N1031617" s="10"/>
    </row>
    <row r="1031618" spans="14:14">
      <c r="N1031618" s="10"/>
    </row>
    <row r="1031619" spans="14:14">
      <c r="N1031619" s="10"/>
    </row>
    <row r="1031620" spans="14:14">
      <c r="N1031620" s="10"/>
    </row>
    <row r="1031621" spans="14:14">
      <c r="N1031621" s="10"/>
    </row>
    <row r="1031622" spans="14:14">
      <c r="N1031622" s="10"/>
    </row>
    <row r="1031623" spans="14:14">
      <c r="N1031623" s="10"/>
    </row>
    <row r="1031624" spans="14:14">
      <c r="N1031624" s="10"/>
    </row>
    <row r="1031625" spans="14:14">
      <c r="N1031625" s="10"/>
    </row>
    <row r="1031626" spans="14:14">
      <c r="N1031626" s="10"/>
    </row>
    <row r="1031627" spans="14:14">
      <c r="N1031627" s="10"/>
    </row>
    <row r="1031628" spans="14:14">
      <c r="N1031628" s="10"/>
    </row>
    <row r="1031629" spans="14:14">
      <c r="N1031629" s="10"/>
    </row>
    <row r="1031630" spans="14:14">
      <c r="N1031630" s="10"/>
    </row>
    <row r="1031631" spans="14:14">
      <c r="N1031631" s="10"/>
    </row>
    <row r="1031632" spans="14:14">
      <c r="N1031632" s="10"/>
    </row>
    <row r="1031633" spans="14:14">
      <c r="N1031633" s="10"/>
    </row>
    <row r="1031634" spans="14:14">
      <c r="N1031634" s="10"/>
    </row>
    <row r="1031635" spans="14:14">
      <c r="N1031635" s="10"/>
    </row>
    <row r="1031636" spans="14:14">
      <c r="N1031636" s="10"/>
    </row>
    <row r="1031637" spans="14:14">
      <c r="N1031637" s="10"/>
    </row>
    <row r="1031638" spans="14:14">
      <c r="N1031638" s="10"/>
    </row>
    <row r="1031639" spans="14:14">
      <c r="N1031639" s="10"/>
    </row>
    <row r="1031640" spans="14:14">
      <c r="N1031640" s="10"/>
    </row>
    <row r="1031641" spans="14:14">
      <c r="N1031641" s="10"/>
    </row>
    <row r="1031642" spans="14:14">
      <c r="N1031642" s="10"/>
    </row>
    <row r="1031643" spans="14:14">
      <c r="N1031643" s="10"/>
    </row>
    <row r="1031644" spans="14:14">
      <c r="N1031644" s="10"/>
    </row>
    <row r="1031645" spans="14:14">
      <c r="N1031645" s="10"/>
    </row>
    <row r="1031646" spans="14:14">
      <c r="N1031646" s="10"/>
    </row>
    <row r="1031647" spans="14:14">
      <c r="N1031647" s="10"/>
    </row>
    <row r="1031648" spans="14:14">
      <c r="N1031648" s="10"/>
    </row>
    <row r="1031649" spans="14:14">
      <c r="N1031649" s="10"/>
    </row>
    <row r="1031650" spans="14:14">
      <c r="N1031650" s="10"/>
    </row>
    <row r="1031651" spans="14:14">
      <c r="N1031651" s="10"/>
    </row>
    <row r="1031652" spans="14:14">
      <c r="N1031652" s="10"/>
    </row>
    <row r="1031653" spans="14:14">
      <c r="N1031653" s="10"/>
    </row>
    <row r="1031654" spans="14:14">
      <c r="N1031654" s="10"/>
    </row>
    <row r="1031655" spans="14:14">
      <c r="N1031655" s="10"/>
    </row>
    <row r="1031656" spans="14:14">
      <c r="N1031656" s="10"/>
    </row>
    <row r="1031657" spans="14:14">
      <c r="N1031657" s="10"/>
    </row>
    <row r="1031658" spans="14:14">
      <c r="N1031658" s="10"/>
    </row>
    <row r="1031659" spans="14:14">
      <c r="N1031659" s="10"/>
    </row>
    <row r="1031660" spans="14:14">
      <c r="N1031660" s="10"/>
    </row>
    <row r="1031661" spans="14:14">
      <c r="N1031661" s="10"/>
    </row>
    <row r="1031662" spans="14:14">
      <c r="N1031662" s="10"/>
    </row>
    <row r="1031663" spans="14:14">
      <c r="N1031663" s="10"/>
    </row>
    <row r="1031664" spans="14:14">
      <c r="N1031664" s="10"/>
    </row>
    <row r="1031665" spans="14:14">
      <c r="N1031665" s="10"/>
    </row>
    <row r="1031666" spans="14:14">
      <c r="N1031666" s="10"/>
    </row>
    <row r="1031667" spans="14:14">
      <c r="N1031667" s="10"/>
    </row>
    <row r="1031668" spans="14:14">
      <c r="N1031668" s="10"/>
    </row>
    <row r="1031669" spans="14:14">
      <c r="N1031669" s="10"/>
    </row>
    <row r="1031670" spans="14:14">
      <c r="N1031670" s="10"/>
    </row>
    <row r="1031671" spans="14:14">
      <c r="N1031671" s="10"/>
    </row>
    <row r="1031672" spans="14:14">
      <c r="N1031672" s="10"/>
    </row>
    <row r="1031673" spans="14:14">
      <c r="N1031673" s="10"/>
    </row>
    <row r="1031674" spans="14:14">
      <c r="N1031674" s="10"/>
    </row>
    <row r="1031675" spans="14:14">
      <c r="N1031675" s="10"/>
    </row>
    <row r="1031676" spans="14:14">
      <c r="N1031676" s="10"/>
    </row>
    <row r="1031677" spans="14:14">
      <c r="N1031677" s="10"/>
    </row>
    <row r="1031678" spans="14:14">
      <c r="N1031678" s="10"/>
    </row>
    <row r="1031679" spans="14:14">
      <c r="N1031679" s="10"/>
    </row>
    <row r="1031680" spans="14:14">
      <c r="N1031680" s="10"/>
    </row>
    <row r="1031681" spans="14:14">
      <c r="N1031681" s="10"/>
    </row>
    <row r="1031682" spans="14:14">
      <c r="N1031682" s="10"/>
    </row>
    <row r="1031683" spans="14:14">
      <c r="N1031683" s="10"/>
    </row>
    <row r="1031684" spans="14:14">
      <c r="N1031684" s="10"/>
    </row>
    <row r="1031685" spans="14:14">
      <c r="N1031685" s="10"/>
    </row>
    <row r="1031686" spans="14:14">
      <c r="N1031686" s="10"/>
    </row>
    <row r="1031687" spans="14:14">
      <c r="N1031687" s="10"/>
    </row>
    <row r="1031688" spans="14:14">
      <c r="N1031688" s="10"/>
    </row>
    <row r="1031689" spans="14:14">
      <c r="N1031689" s="10"/>
    </row>
    <row r="1031690" spans="14:14">
      <c r="N1031690" s="10"/>
    </row>
    <row r="1031691" spans="14:14">
      <c r="N1031691" s="10"/>
    </row>
    <row r="1031692" spans="14:14">
      <c r="N1031692" s="10"/>
    </row>
    <row r="1031693" spans="14:14">
      <c r="N1031693" s="10"/>
    </row>
    <row r="1031694" spans="14:14">
      <c r="N1031694" s="10"/>
    </row>
    <row r="1031695" spans="14:14">
      <c r="N1031695" s="10"/>
    </row>
    <row r="1031696" spans="14:14">
      <c r="N1031696" s="10"/>
    </row>
    <row r="1031697" spans="14:14">
      <c r="N1031697" s="10"/>
    </row>
    <row r="1031698" spans="14:14">
      <c r="N1031698" s="10"/>
    </row>
    <row r="1031699" spans="14:14">
      <c r="N1031699" s="10"/>
    </row>
    <row r="1031700" spans="14:14">
      <c r="N1031700" s="10"/>
    </row>
    <row r="1031701" spans="14:14">
      <c r="N1031701" s="10"/>
    </row>
    <row r="1031702" spans="14:14">
      <c r="N1031702" s="10"/>
    </row>
    <row r="1031703" spans="14:14">
      <c r="N1031703" s="10"/>
    </row>
    <row r="1031704" spans="14:14">
      <c r="N1031704" s="10"/>
    </row>
    <row r="1031705" spans="14:14">
      <c r="N1031705" s="10"/>
    </row>
    <row r="1031706" spans="14:14">
      <c r="N1031706" s="10"/>
    </row>
    <row r="1031707" spans="14:14">
      <c r="N1031707" s="10"/>
    </row>
    <row r="1031708" spans="14:14">
      <c r="N1031708" s="10"/>
    </row>
    <row r="1031709" spans="14:14">
      <c r="N1031709" s="10"/>
    </row>
    <row r="1031710" spans="14:14">
      <c r="N1031710" s="10"/>
    </row>
    <row r="1031711" spans="14:14">
      <c r="N1031711" s="10"/>
    </row>
    <row r="1031712" spans="14:14">
      <c r="N1031712" s="10"/>
    </row>
    <row r="1031713" spans="14:14">
      <c r="N1031713" s="10"/>
    </row>
    <row r="1031714" spans="14:14">
      <c r="N1031714" s="10"/>
    </row>
    <row r="1031715" spans="14:14">
      <c r="N1031715" s="10"/>
    </row>
    <row r="1031716" spans="14:14">
      <c r="N1031716" s="10"/>
    </row>
    <row r="1031717" spans="14:14">
      <c r="N1031717" s="10"/>
    </row>
    <row r="1031718" spans="14:14">
      <c r="N1031718" s="10"/>
    </row>
    <row r="1031719" spans="14:14">
      <c r="N1031719" s="10"/>
    </row>
    <row r="1031720" spans="14:14">
      <c r="N1031720" s="10"/>
    </row>
    <row r="1031721" spans="14:14">
      <c r="N1031721" s="10"/>
    </row>
    <row r="1031722" spans="14:14">
      <c r="N1031722" s="10"/>
    </row>
    <row r="1031723" spans="14:14">
      <c r="N1031723" s="10"/>
    </row>
    <row r="1031724" spans="14:14">
      <c r="N1031724" s="10"/>
    </row>
    <row r="1031725" spans="14:14">
      <c r="N1031725" s="10"/>
    </row>
    <row r="1031726" spans="14:14">
      <c r="N1031726" s="10"/>
    </row>
    <row r="1031727" spans="14:14">
      <c r="N1031727" s="10"/>
    </row>
    <row r="1031728" spans="14:14">
      <c r="N1031728" s="10"/>
    </row>
    <row r="1031729" spans="14:14">
      <c r="N1031729" s="10"/>
    </row>
    <row r="1031730" spans="14:14">
      <c r="N1031730" s="10"/>
    </row>
    <row r="1031731" spans="14:14">
      <c r="N1031731" s="10"/>
    </row>
    <row r="1031732" spans="14:14">
      <c r="N1031732" s="10"/>
    </row>
    <row r="1031733" spans="14:14">
      <c r="N1031733" s="10"/>
    </row>
    <row r="1031734" spans="14:14">
      <c r="N1031734" s="10"/>
    </row>
    <row r="1031735" spans="14:14">
      <c r="N1031735" s="10"/>
    </row>
    <row r="1031736" spans="14:14">
      <c r="N1031736" s="10"/>
    </row>
    <row r="1031737" spans="14:14">
      <c r="N1031737" s="10"/>
    </row>
    <row r="1031738" spans="14:14">
      <c r="N1031738" s="10"/>
    </row>
    <row r="1031739" spans="14:14">
      <c r="N1031739" s="10"/>
    </row>
    <row r="1031740" spans="14:14">
      <c r="N1031740" s="10"/>
    </row>
    <row r="1031741" spans="14:14">
      <c r="N1031741" s="10"/>
    </row>
    <row r="1031742" spans="14:14">
      <c r="N1031742" s="10"/>
    </row>
    <row r="1031743" spans="14:14">
      <c r="N1031743" s="10"/>
    </row>
    <row r="1031744" spans="14:14">
      <c r="N1031744" s="10"/>
    </row>
    <row r="1031745" spans="14:14">
      <c r="N1031745" s="10"/>
    </row>
    <row r="1031746" spans="14:14">
      <c r="N1031746" s="10"/>
    </row>
    <row r="1031747" spans="14:14">
      <c r="N1031747" s="10"/>
    </row>
    <row r="1031748" spans="14:14">
      <c r="N1031748" s="10"/>
    </row>
    <row r="1031749" spans="14:14">
      <c r="N1031749" s="10"/>
    </row>
    <row r="1031750" spans="14:14">
      <c r="N1031750" s="10"/>
    </row>
    <row r="1031751" spans="14:14">
      <c r="N1031751" s="10"/>
    </row>
    <row r="1031752" spans="14:14">
      <c r="N1031752" s="10"/>
    </row>
    <row r="1031753" spans="14:14">
      <c r="N1031753" s="10"/>
    </row>
    <row r="1031754" spans="14:14">
      <c r="N1031754" s="10"/>
    </row>
    <row r="1031755" spans="14:14">
      <c r="N1031755" s="10"/>
    </row>
    <row r="1031756" spans="14:14">
      <c r="N1031756" s="10"/>
    </row>
    <row r="1031757" spans="14:14">
      <c r="N1031757" s="10"/>
    </row>
    <row r="1031758" spans="14:14">
      <c r="N1031758" s="10"/>
    </row>
    <row r="1031759" spans="14:14">
      <c r="N1031759" s="10"/>
    </row>
    <row r="1031760" spans="14:14">
      <c r="N1031760" s="10"/>
    </row>
    <row r="1031761" spans="14:14">
      <c r="N1031761" s="10"/>
    </row>
    <row r="1031762" spans="14:14">
      <c r="N1031762" s="10"/>
    </row>
    <row r="1031763" spans="14:14">
      <c r="N1031763" s="10"/>
    </row>
    <row r="1031764" spans="14:14">
      <c r="N1031764" s="10"/>
    </row>
    <row r="1031765" spans="14:14">
      <c r="N1031765" s="10"/>
    </row>
    <row r="1031766" spans="14:14">
      <c r="N1031766" s="10"/>
    </row>
    <row r="1031767" spans="14:14">
      <c r="N1031767" s="10"/>
    </row>
    <row r="1031768" spans="14:14">
      <c r="N1031768" s="10"/>
    </row>
    <row r="1031769" spans="14:14">
      <c r="N1031769" s="10"/>
    </row>
    <row r="1031770" spans="14:14">
      <c r="N1031770" s="10"/>
    </row>
    <row r="1031771" spans="14:14">
      <c r="N1031771" s="10"/>
    </row>
    <row r="1031772" spans="14:14">
      <c r="N1031772" s="10"/>
    </row>
    <row r="1031773" spans="14:14">
      <c r="N1031773" s="10"/>
    </row>
    <row r="1031774" spans="14:14">
      <c r="N1031774" s="10"/>
    </row>
    <row r="1031775" spans="14:14">
      <c r="N1031775" s="10"/>
    </row>
    <row r="1031776" spans="14:14">
      <c r="N1031776" s="10"/>
    </row>
    <row r="1031777" spans="14:14">
      <c r="N1031777" s="10"/>
    </row>
    <row r="1031778" spans="14:14">
      <c r="N1031778" s="10"/>
    </row>
    <row r="1031779" spans="14:14">
      <c r="N1031779" s="10"/>
    </row>
    <row r="1031780" spans="14:14">
      <c r="N1031780" s="10"/>
    </row>
    <row r="1031781" spans="14:14">
      <c r="N1031781" s="10"/>
    </row>
    <row r="1031782" spans="14:14">
      <c r="N1031782" s="10"/>
    </row>
    <row r="1031783" spans="14:14">
      <c r="N1031783" s="10"/>
    </row>
    <row r="1031784" spans="14:14">
      <c r="N1031784" s="10"/>
    </row>
    <row r="1031785" spans="14:14">
      <c r="N1031785" s="10"/>
    </row>
    <row r="1031786" spans="14:14">
      <c r="N1031786" s="10"/>
    </row>
    <row r="1031787" spans="14:14">
      <c r="N1031787" s="10"/>
    </row>
    <row r="1031788" spans="14:14">
      <c r="N1031788" s="10"/>
    </row>
    <row r="1031789" spans="14:14">
      <c r="N1031789" s="10"/>
    </row>
    <row r="1031790" spans="14:14">
      <c r="N1031790" s="10"/>
    </row>
    <row r="1031791" spans="14:14">
      <c r="N1031791" s="10"/>
    </row>
    <row r="1031792" spans="14:14">
      <c r="N1031792" s="10"/>
    </row>
    <row r="1031793" spans="14:14">
      <c r="N1031793" s="10"/>
    </row>
    <row r="1031794" spans="14:14">
      <c r="N1031794" s="10"/>
    </row>
    <row r="1031795" spans="14:14">
      <c r="N1031795" s="10"/>
    </row>
    <row r="1031796" spans="14:14">
      <c r="N1031796" s="10"/>
    </row>
    <row r="1031797" spans="14:14">
      <c r="N1031797" s="10"/>
    </row>
    <row r="1031798" spans="14:14">
      <c r="N1031798" s="10"/>
    </row>
    <row r="1031799" spans="14:14">
      <c r="N1031799" s="10"/>
    </row>
    <row r="1031800" spans="14:14">
      <c r="N1031800" s="10"/>
    </row>
    <row r="1031801" spans="14:14">
      <c r="N1031801" s="10"/>
    </row>
    <row r="1031802" spans="14:14">
      <c r="N1031802" s="10"/>
    </row>
    <row r="1031803" spans="14:14">
      <c r="N1031803" s="10"/>
    </row>
    <row r="1031804" spans="14:14">
      <c r="N1031804" s="10"/>
    </row>
    <row r="1031805" spans="14:14">
      <c r="N1031805" s="10"/>
    </row>
    <row r="1031806" spans="14:14">
      <c r="N1031806" s="10"/>
    </row>
    <row r="1031807" spans="14:14">
      <c r="N1031807" s="10"/>
    </row>
    <row r="1031808" spans="14:14">
      <c r="N1031808" s="10"/>
    </row>
    <row r="1031809" spans="14:14">
      <c r="N1031809" s="10"/>
    </row>
    <row r="1031810" spans="14:14">
      <c r="N1031810" s="10"/>
    </row>
    <row r="1031811" spans="14:14">
      <c r="N1031811" s="10"/>
    </row>
    <row r="1031812" spans="14:14">
      <c r="N1031812" s="10"/>
    </row>
    <row r="1031813" spans="14:14">
      <c r="N1031813" s="10"/>
    </row>
    <row r="1031814" spans="14:14">
      <c r="N1031814" s="10"/>
    </row>
    <row r="1031815" spans="14:14">
      <c r="N1031815" s="10"/>
    </row>
    <row r="1031816" spans="14:14">
      <c r="N1031816" s="10"/>
    </row>
    <row r="1031817" spans="14:14">
      <c r="N1031817" s="10"/>
    </row>
    <row r="1031818" spans="14:14">
      <c r="N1031818" s="10"/>
    </row>
    <row r="1031819" spans="14:14">
      <c r="N1031819" s="10"/>
    </row>
    <row r="1031820" spans="14:14">
      <c r="N1031820" s="10"/>
    </row>
    <row r="1031821" spans="14:14">
      <c r="N1031821" s="10"/>
    </row>
    <row r="1031822" spans="14:14">
      <c r="N1031822" s="10"/>
    </row>
    <row r="1031823" spans="14:14">
      <c r="N1031823" s="10"/>
    </row>
    <row r="1031824" spans="14:14">
      <c r="N1031824" s="10"/>
    </row>
    <row r="1031825" spans="14:14">
      <c r="N1031825" s="10"/>
    </row>
    <row r="1031826" spans="14:14">
      <c r="N1031826" s="10"/>
    </row>
    <row r="1031827" spans="14:14">
      <c r="N1031827" s="10"/>
    </row>
    <row r="1031828" spans="14:14">
      <c r="N1031828" s="10"/>
    </row>
    <row r="1031829" spans="14:14">
      <c r="N1031829" s="10"/>
    </row>
    <row r="1031830" spans="14:14">
      <c r="N1031830" s="10"/>
    </row>
    <row r="1031831" spans="14:14">
      <c r="N1031831" s="10"/>
    </row>
    <row r="1031832" spans="14:14">
      <c r="N1031832" s="10"/>
    </row>
    <row r="1031833" spans="14:14">
      <c r="N1031833" s="10"/>
    </row>
    <row r="1031834" spans="14:14">
      <c r="N1031834" s="10"/>
    </row>
    <row r="1031835" spans="14:14">
      <c r="N1031835" s="10"/>
    </row>
    <row r="1031836" spans="14:14">
      <c r="N1031836" s="10"/>
    </row>
    <row r="1031837" spans="14:14">
      <c r="N1031837" s="10"/>
    </row>
    <row r="1031838" spans="14:14">
      <c r="N1031838" s="10"/>
    </row>
    <row r="1031839" spans="14:14">
      <c r="N1031839" s="10"/>
    </row>
    <row r="1031840" spans="14:14">
      <c r="N1031840" s="10"/>
    </row>
    <row r="1031841" spans="14:14">
      <c r="N1031841" s="10"/>
    </row>
    <row r="1031842" spans="14:14">
      <c r="N1031842" s="10"/>
    </row>
    <row r="1031843" spans="14:14">
      <c r="N1031843" s="10"/>
    </row>
    <row r="1031844" spans="14:14">
      <c r="N1031844" s="10"/>
    </row>
    <row r="1031845" spans="14:14">
      <c r="N1031845" s="10"/>
    </row>
    <row r="1031846" spans="14:14">
      <c r="N1031846" s="10"/>
    </row>
    <row r="1031847" spans="14:14">
      <c r="N1031847" s="10"/>
    </row>
    <row r="1031848" spans="14:14">
      <c r="N1031848" s="10"/>
    </row>
    <row r="1031849" spans="14:14">
      <c r="N1031849" s="10"/>
    </row>
    <row r="1031850" spans="14:14">
      <c r="N1031850" s="10"/>
    </row>
    <row r="1031851" spans="14:14">
      <c r="N1031851" s="10"/>
    </row>
    <row r="1031852" spans="14:14">
      <c r="N1031852" s="10"/>
    </row>
    <row r="1031853" spans="14:14">
      <c r="N1031853" s="10"/>
    </row>
    <row r="1031854" spans="14:14">
      <c r="N1031854" s="10"/>
    </row>
    <row r="1031855" spans="14:14">
      <c r="N1031855" s="10"/>
    </row>
    <row r="1031856" spans="14:14">
      <c r="N1031856" s="10"/>
    </row>
    <row r="1031857" spans="14:14">
      <c r="N1031857" s="10"/>
    </row>
    <row r="1031858" spans="14:14">
      <c r="N1031858" s="10"/>
    </row>
    <row r="1031859" spans="14:14">
      <c r="N1031859" s="10"/>
    </row>
    <row r="1031860" spans="14:14">
      <c r="N1031860" s="10"/>
    </row>
    <row r="1031861" spans="14:14">
      <c r="N1031861" s="10"/>
    </row>
    <row r="1031862" spans="14:14">
      <c r="N1031862" s="10"/>
    </row>
    <row r="1031863" spans="14:14">
      <c r="N1031863" s="10"/>
    </row>
    <row r="1031864" spans="14:14">
      <c r="N1031864" s="10"/>
    </row>
    <row r="1031865" spans="14:14">
      <c r="N1031865" s="10"/>
    </row>
    <row r="1031866" spans="14:14">
      <c r="N1031866" s="10"/>
    </row>
    <row r="1031867" spans="14:14">
      <c r="N1031867" s="10"/>
    </row>
    <row r="1031868" spans="14:14">
      <c r="N1031868" s="10"/>
    </row>
    <row r="1031869" spans="14:14">
      <c r="N1031869" s="10"/>
    </row>
    <row r="1031870" spans="14:14">
      <c r="N1031870" s="10"/>
    </row>
    <row r="1031871" spans="14:14">
      <c r="N1031871" s="10"/>
    </row>
    <row r="1031872" spans="14:14">
      <c r="N1031872" s="10"/>
    </row>
    <row r="1031873" spans="14:14">
      <c r="N1031873" s="10"/>
    </row>
    <row r="1031874" spans="14:14">
      <c r="N1031874" s="10"/>
    </row>
    <row r="1031875" spans="14:14">
      <c r="N1031875" s="10"/>
    </row>
    <row r="1031876" spans="14:14">
      <c r="N1031876" s="10"/>
    </row>
    <row r="1031877" spans="14:14">
      <c r="N1031877" s="10"/>
    </row>
    <row r="1031878" spans="14:14">
      <c r="N1031878" s="10"/>
    </row>
    <row r="1031879" spans="14:14">
      <c r="N1031879" s="10"/>
    </row>
    <row r="1031880" spans="14:14">
      <c r="N1031880" s="10"/>
    </row>
    <row r="1031881" spans="14:14">
      <c r="N1031881" s="10"/>
    </row>
    <row r="1031882" spans="14:14">
      <c r="N1031882" s="10"/>
    </row>
    <row r="1031883" spans="14:14">
      <c r="N1031883" s="10"/>
    </row>
    <row r="1031884" spans="14:14">
      <c r="N1031884" s="10"/>
    </row>
    <row r="1031885" spans="14:14">
      <c r="N1031885" s="10"/>
    </row>
    <row r="1031886" spans="14:14">
      <c r="N1031886" s="10"/>
    </row>
    <row r="1031887" spans="14:14">
      <c r="N1031887" s="10"/>
    </row>
    <row r="1031888" spans="14:14">
      <c r="N1031888" s="10"/>
    </row>
    <row r="1031889" spans="14:14">
      <c r="N1031889" s="10"/>
    </row>
    <row r="1031890" spans="14:14">
      <c r="N1031890" s="10"/>
    </row>
    <row r="1031891" spans="14:14">
      <c r="N1031891" s="10"/>
    </row>
    <row r="1031892" spans="14:14">
      <c r="N1031892" s="10"/>
    </row>
    <row r="1031893" spans="14:14">
      <c r="N1031893" s="10"/>
    </row>
    <row r="1031894" spans="14:14">
      <c r="N1031894" s="10"/>
    </row>
    <row r="1031895" spans="14:14">
      <c r="N1031895" s="10"/>
    </row>
    <row r="1031896" spans="14:14">
      <c r="N1031896" s="10"/>
    </row>
    <row r="1031897" spans="14:14">
      <c r="N1031897" s="10"/>
    </row>
    <row r="1031898" spans="14:14">
      <c r="N1031898" s="10"/>
    </row>
    <row r="1031899" spans="14:14">
      <c r="N1031899" s="10"/>
    </row>
    <row r="1031900" spans="14:14">
      <c r="N1031900" s="10"/>
    </row>
    <row r="1031901" spans="14:14">
      <c r="N1031901" s="10"/>
    </row>
    <row r="1031902" spans="14:14">
      <c r="N1031902" s="10"/>
    </row>
    <row r="1031903" spans="14:14">
      <c r="N1031903" s="10"/>
    </row>
    <row r="1031904" spans="14:14">
      <c r="N1031904" s="10"/>
    </row>
    <row r="1031905" spans="14:14">
      <c r="N1031905" s="10"/>
    </row>
    <row r="1031906" spans="14:14">
      <c r="N1031906" s="10"/>
    </row>
    <row r="1031907" spans="14:14">
      <c r="N1031907" s="10"/>
    </row>
    <row r="1031908" spans="14:14">
      <c r="N1031908" s="10"/>
    </row>
    <row r="1031909" spans="14:14">
      <c r="N1031909" s="10"/>
    </row>
    <row r="1031910" spans="14:14">
      <c r="N1031910" s="10"/>
    </row>
    <row r="1031911" spans="14:14">
      <c r="N1031911" s="10"/>
    </row>
    <row r="1031912" spans="14:14">
      <c r="N1031912" s="10"/>
    </row>
    <row r="1031913" spans="14:14">
      <c r="N1031913" s="10"/>
    </row>
    <row r="1031914" spans="14:14">
      <c r="N1031914" s="10"/>
    </row>
    <row r="1031915" spans="14:14">
      <c r="N1031915" s="10"/>
    </row>
    <row r="1031916" spans="14:14">
      <c r="N1031916" s="10"/>
    </row>
    <row r="1031917" spans="14:14">
      <c r="N1031917" s="10"/>
    </row>
    <row r="1031918" spans="14:14">
      <c r="N1031918" s="10"/>
    </row>
    <row r="1031919" spans="14:14">
      <c r="N1031919" s="10"/>
    </row>
    <row r="1031920" spans="14:14">
      <c r="N1031920" s="10"/>
    </row>
    <row r="1031921" spans="14:14">
      <c r="N1031921" s="10"/>
    </row>
    <row r="1031922" spans="14:14">
      <c r="N1031922" s="10"/>
    </row>
    <row r="1031923" spans="14:14">
      <c r="N1031923" s="10"/>
    </row>
    <row r="1031924" spans="14:14">
      <c r="N1031924" s="10"/>
    </row>
    <row r="1031925" spans="14:14">
      <c r="N1031925" s="10"/>
    </row>
    <row r="1031926" spans="14:14">
      <c r="N1031926" s="10"/>
    </row>
    <row r="1031927" spans="14:14">
      <c r="N1031927" s="10"/>
    </row>
    <row r="1031928" spans="14:14">
      <c r="N1031928" s="10"/>
    </row>
    <row r="1031929" spans="14:14">
      <c r="N1031929" s="10"/>
    </row>
    <row r="1031930" spans="14:14">
      <c r="N1031930" s="10"/>
    </row>
    <row r="1031931" spans="14:14">
      <c r="N1031931" s="10"/>
    </row>
    <row r="1031932" spans="14:14">
      <c r="N1031932" s="10"/>
    </row>
    <row r="1031933" spans="14:14">
      <c r="N1031933" s="10"/>
    </row>
    <row r="1031934" spans="14:14">
      <c r="N1031934" s="10"/>
    </row>
    <row r="1031935" spans="14:14">
      <c r="N1031935" s="10"/>
    </row>
    <row r="1031936" spans="14:14">
      <c r="N1031936" s="10"/>
    </row>
    <row r="1031937" spans="14:14">
      <c r="N1031937" s="10"/>
    </row>
    <row r="1031938" spans="14:14">
      <c r="N1031938" s="10"/>
    </row>
    <row r="1031939" spans="14:14">
      <c r="N1031939" s="10"/>
    </row>
    <row r="1031940" spans="14:14">
      <c r="N1031940" s="10"/>
    </row>
    <row r="1031941" spans="14:14">
      <c r="N1031941" s="10"/>
    </row>
    <row r="1031942" spans="14:14">
      <c r="N1031942" s="10"/>
    </row>
    <row r="1031943" spans="14:14">
      <c r="N1031943" s="10"/>
    </row>
    <row r="1031944" spans="14:14">
      <c r="N1031944" s="10"/>
    </row>
    <row r="1031945" spans="14:14">
      <c r="N1031945" s="10"/>
    </row>
    <row r="1031946" spans="14:14">
      <c r="N1031946" s="10"/>
    </row>
    <row r="1031947" spans="14:14">
      <c r="N1031947" s="10"/>
    </row>
    <row r="1031948" spans="14:14">
      <c r="N1031948" s="10"/>
    </row>
    <row r="1031949" spans="14:14">
      <c r="N1031949" s="10"/>
    </row>
    <row r="1031950" spans="14:14">
      <c r="N1031950" s="10"/>
    </row>
    <row r="1031951" spans="14:14">
      <c r="N1031951" s="10"/>
    </row>
    <row r="1031952" spans="14:14">
      <c r="N1031952" s="10"/>
    </row>
    <row r="1031953" spans="14:14">
      <c r="N1031953" s="10"/>
    </row>
    <row r="1031954" spans="14:14">
      <c r="N1031954" s="10"/>
    </row>
    <row r="1031955" spans="14:14">
      <c r="N1031955" s="10"/>
    </row>
    <row r="1031956" spans="14:14">
      <c r="N1031956" s="10"/>
    </row>
    <row r="1031957" spans="14:14">
      <c r="N1031957" s="10"/>
    </row>
    <row r="1031958" spans="14:14">
      <c r="N1031958" s="10"/>
    </row>
    <row r="1031959" spans="14:14">
      <c r="N1031959" s="10"/>
    </row>
    <row r="1031960" spans="14:14">
      <c r="N1031960" s="10"/>
    </row>
    <row r="1031961" spans="14:14">
      <c r="N1031961" s="10"/>
    </row>
    <row r="1031962" spans="14:14">
      <c r="N1031962" s="10"/>
    </row>
    <row r="1031963" spans="14:14">
      <c r="N1031963" s="10"/>
    </row>
    <row r="1031964" spans="14:14">
      <c r="N1031964" s="10"/>
    </row>
    <row r="1031965" spans="14:14">
      <c r="N1031965" s="10"/>
    </row>
    <row r="1031966" spans="14:14">
      <c r="N1031966" s="10"/>
    </row>
    <row r="1031967" spans="14:14">
      <c r="N1031967" s="10"/>
    </row>
    <row r="1031968" spans="14:14">
      <c r="N1031968" s="10"/>
    </row>
    <row r="1031969" spans="14:14">
      <c r="N1031969" s="10"/>
    </row>
    <row r="1031970" spans="14:14">
      <c r="N1031970" s="10"/>
    </row>
    <row r="1031971" spans="14:14">
      <c r="N1031971" s="10"/>
    </row>
    <row r="1031972" spans="14:14">
      <c r="N1031972" s="10"/>
    </row>
    <row r="1031973" spans="14:14">
      <c r="N1031973" s="10"/>
    </row>
    <row r="1031974" spans="14:14">
      <c r="N1031974" s="10"/>
    </row>
    <row r="1031975" spans="14:14">
      <c r="N1031975" s="10"/>
    </row>
    <row r="1031976" spans="14:14">
      <c r="N1031976" s="10"/>
    </row>
    <row r="1031977" spans="14:14">
      <c r="N1031977" s="10"/>
    </row>
    <row r="1031978" spans="14:14">
      <c r="N1031978" s="10"/>
    </row>
    <row r="1031979" spans="14:14">
      <c r="N1031979" s="10"/>
    </row>
    <row r="1031980" spans="14:14">
      <c r="N1031980" s="10"/>
    </row>
    <row r="1031981" spans="14:14">
      <c r="N1031981" s="10"/>
    </row>
    <row r="1031982" spans="14:14">
      <c r="N1031982" s="10"/>
    </row>
    <row r="1031983" spans="14:14">
      <c r="N1031983" s="10"/>
    </row>
    <row r="1031984" spans="14:14">
      <c r="N1031984" s="10"/>
    </row>
    <row r="1031985" spans="14:14">
      <c r="N1031985" s="10"/>
    </row>
    <row r="1031986" spans="14:14">
      <c r="N1031986" s="10"/>
    </row>
    <row r="1031987" spans="14:14">
      <c r="N1031987" s="10"/>
    </row>
    <row r="1031988" spans="14:14">
      <c r="N1031988" s="10"/>
    </row>
    <row r="1031989" spans="14:14">
      <c r="N1031989" s="10"/>
    </row>
    <row r="1031990" spans="14:14">
      <c r="N1031990" s="10"/>
    </row>
    <row r="1031991" spans="14:14">
      <c r="N1031991" s="10"/>
    </row>
    <row r="1031992" spans="14:14">
      <c r="N1031992" s="10"/>
    </row>
    <row r="1031993" spans="14:14">
      <c r="N1031993" s="10"/>
    </row>
    <row r="1031994" spans="14:14">
      <c r="N1031994" s="10"/>
    </row>
    <row r="1031995" spans="14:14">
      <c r="N1031995" s="10"/>
    </row>
    <row r="1031996" spans="14:14">
      <c r="N1031996" s="10"/>
    </row>
    <row r="1031997" spans="14:14">
      <c r="N1031997" s="10"/>
    </row>
    <row r="1031998" spans="14:14">
      <c r="N1031998" s="10"/>
    </row>
    <row r="1031999" spans="14:14">
      <c r="N1031999" s="10"/>
    </row>
    <row r="1032000" spans="14:14">
      <c r="N1032000" s="10"/>
    </row>
    <row r="1032001" spans="14:14">
      <c r="N1032001" s="10"/>
    </row>
    <row r="1032002" spans="14:14">
      <c r="N1032002" s="10"/>
    </row>
    <row r="1032003" spans="14:14">
      <c r="N1032003" s="10"/>
    </row>
    <row r="1032004" spans="14:14">
      <c r="N1032004" s="10"/>
    </row>
    <row r="1032005" spans="14:14">
      <c r="N1032005" s="10"/>
    </row>
    <row r="1032006" spans="14:14">
      <c r="N1032006" s="10"/>
    </row>
    <row r="1032007" spans="14:14">
      <c r="N1032007" s="10"/>
    </row>
    <row r="1032008" spans="14:14">
      <c r="N1032008" s="10"/>
    </row>
    <row r="1032009" spans="14:14">
      <c r="N1032009" s="10"/>
    </row>
    <row r="1032010" spans="14:14">
      <c r="N1032010" s="10"/>
    </row>
    <row r="1032011" spans="14:14">
      <c r="N1032011" s="10"/>
    </row>
    <row r="1032012" spans="14:14">
      <c r="N1032012" s="10"/>
    </row>
    <row r="1032013" spans="14:14">
      <c r="N1032013" s="10"/>
    </row>
    <row r="1032014" spans="14:14">
      <c r="N1032014" s="10"/>
    </row>
    <row r="1032015" spans="14:14">
      <c r="N1032015" s="10"/>
    </row>
    <row r="1032016" spans="14:14">
      <c r="N1032016" s="10"/>
    </row>
    <row r="1032017" spans="14:14">
      <c r="N1032017" s="10"/>
    </row>
    <row r="1032018" spans="14:14">
      <c r="N1032018" s="10"/>
    </row>
    <row r="1032019" spans="14:14">
      <c r="N1032019" s="10"/>
    </row>
    <row r="1032020" spans="14:14">
      <c r="N1032020" s="10"/>
    </row>
    <row r="1032021" spans="14:14">
      <c r="N1032021" s="10"/>
    </row>
    <row r="1032022" spans="14:14">
      <c r="N1032022" s="10"/>
    </row>
    <row r="1032023" spans="14:14">
      <c r="N1032023" s="10"/>
    </row>
    <row r="1032024" spans="14:14">
      <c r="N1032024" s="10"/>
    </row>
    <row r="1032025" spans="14:14">
      <c r="N1032025" s="10"/>
    </row>
    <row r="1032026" spans="14:14">
      <c r="N1032026" s="10"/>
    </row>
    <row r="1032027" spans="14:14">
      <c r="N1032027" s="10"/>
    </row>
    <row r="1032028" spans="14:14">
      <c r="N1032028" s="10"/>
    </row>
    <row r="1032029" spans="14:14">
      <c r="N1032029" s="10"/>
    </row>
    <row r="1032030" spans="14:14">
      <c r="N1032030" s="10"/>
    </row>
    <row r="1032031" spans="14:14">
      <c r="N1032031" s="10"/>
    </row>
    <row r="1032032" spans="14:14">
      <c r="N1032032" s="10"/>
    </row>
    <row r="1032033" spans="14:14">
      <c r="N1032033" s="10"/>
    </row>
    <row r="1032034" spans="14:14">
      <c r="N1032034" s="10"/>
    </row>
    <row r="1032035" spans="14:14">
      <c r="N1032035" s="10"/>
    </row>
    <row r="1032036" spans="14:14">
      <c r="N1032036" s="10"/>
    </row>
    <row r="1032037" spans="14:14">
      <c r="N1032037" s="10"/>
    </row>
    <row r="1032038" spans="14:14">
      <c r="N1032038" s="10"/>
    </row>
    <row r="1032039" spans="14:14">
      <c r="N1032039" s="10"/>
    </row>
    <row r="1032040" spans="14:14">
      <c r="N1032040" s="10"/>
    </row>
    <row r="1032041" spans="14:14">
      <c r="N1032041" s="10"/>
    </row>
    <row r="1032042" spans="14:14">
      <c r="N1032042" s="10"/>
    </row>
    <row r="1032043" spans="14:14">
      <c r="N1032043" s="10"/>
    </row>
    <row r="1032044" spans="14:14">
      <c r="N1032044" s="10"/>
    </row>
    <row r="1032045" spans="14:14">
      <c r="N1032045" s="10"/>
    </row>
    <row r="1032046" spans="14:14">
      <c r="N1032046" s="10"/>
    </row>
    <row r="1032047" spans="14:14">
      <c r="N1032047" s="10"/>
    </row>
    <row r="1032048" spans="14:14">
      <c r="N1032048" s="10"/>
    </row>
    <row r="1032049" spans="14:14">
      <c r="N1032049" s="10"/>
    </row>
    <row r="1032050" spans="14:14">
      <c r="N1032050" s="10"/>
    </row>
    <row r="1032051" spans="14:14">
      <c r="N1032051" s="10"/>
    </row>
    <row r="1032052" spans="14:14">
      <c r="N1032052" s="10"/>
    </row>
    <row r="1032053" spans="14:14">
      <c r="N1032053" s="10"/>
    </row>
    <row r="1032054" spans="14:14">
      <c r="N1032054" s="10"/>
    </row>
    <row r="1032055" spans="14:14">
      <c r="N1032055" s="10"/>
    </row>
    <row r="1032056" spans="14:14">
      <c r="N1032056" s="10"/>
    </row>
    <row r="1032057" spans="14:14">
      <c r="N1032057" s="10"/>
    </row>
    <row r="1032058" spans="14:14">
      <c r="N1032058" s="10"/>
    </row>
    <row r="1032059" spans="14:14">
      <c r="N1032059" s="10"/>
    </row>
    <row r="1032060" spans="14:14">
      <c r="N1032060" s="10"/>
    </row>
    <row r="1032061" spans="14:14">
      <c r="N1032061" s="10"/>
    </row>
    <row r="1032062" spans="14:14">
      <c r="N1032062" s="10"/>
    </row>
    <row r="1032063" spans="14:14">
      <c r="N1032063" s="10"/>
    </row>
    <row r="1032064" spans="14:14">
      <c r="N1032064" s="10"/>
    </row>
    <row r="1032065" spans="14:14">
      <c r="N1032065" s="10"/>
    </row>
    <row r="1032066" spans="14:14">
      <c r="N1032066" s="10"/>
    </row>
    <row r="1032067" spans="14:14">
      <c r="N1032067" s="10"/>
    </row>
    <row r="1032068" spans="14:14">
      <c r="N1032068" s="10"/>
    </row>
    <row r="1032069" spans="14:14">
      <c r="N1032069" s="10"/>
    </row>
    <row r="1032070" spans="14:14">
      <c r="N1032070" s="10"/>
    </row>
    <row r="1032071" spans="14:14">
      <c r="N1032071" s="10"/>
    </row>
    <row r="1032072" spans="14:14">
      <c r="N1032072" s="10"/>
    </row>
    <row r="1032073" spans="14:14">
      <c r="N1032073" s="10"/>
    </row>
    <row r="1032074" spans="14:14">
      <c r="N1032074" s="10"/>
    </row>
    <row r="1032075" spans="14:14">
      <c r="N1032075" s="10"/>
    </row>
    <row r="1032076" spans="14:14">
      <c r="N1032076" s="10"/>
    </row>
    <row r="1032077" spans="14:14">
      <c r="N1032077" s="10"/>
    </row>
    <row r="1032078" spans="14:14">
      <c r="N1032078" s="10"/>
    </row>
    <row r="1032079" spans="14:14">
      <c r="N1032079" s="10"/>
    </row>
    <row r="1032080" spans="14:14">
      <c r="N1032080" s="10"/>
    </row>
    <row r="1032081" spans="14:14">
      <c r="N1032081" s="10"/>
    </row>
    <row r="1032082" spans="14:14">
      <c r="N1032082" s="10"/>
    </row>
    <row r="1032083" spans="14:14">
      <c r="N1032083" s="10"/>
    </row>
    <row r="1032084" spans="14:14">
      <c r="N1032084" s="10"/>
    </row>
    <row r="1032085" spans="14:14">
      <c r="N1032085" s="10"/>
    </row>
    <row r="1032086" spans="14:14">
      <c r="N1032086" s="10"/>
    </row>
    <row r="1032087" spans="14:14">
      <c r="N1032087" s="10"/>
    </row>
    <row r="1032088" spans="14:14">
      <c r="N1032088" s="10"/>
    </row>
    <row r="1032089" spans="14:14">
      <c r="N1032089" s="10"/>
    </row>
    <row r="1032090" spans="14:14">
      <c r="N1032090" s="10"/>
    </row>
    <row r="1032091" spans="14:14">
      <c r="N1032091" s="10"/>
    </row>
    <row r="1032092" spans="14:14">
      <c r="N1032092" s="10"/>
    </row>
    <row r="1032093" spans="14:14">
      <c r="N1032093" s="10"/>
    </row>
    <row r="1032094" spans="14:14">
      <c r="N1032094" s="10"/>
    </row>
    <row r="1032095" spans="14:14">
      <c r="N1032095" s="10"/>
    </row>
    <row r="1032096" spans="14:14">
      <c r="N1032096" s="10"/>
    </row>
    <row r="1032097" spans="14:14">
      <c r="N1032097" s="10"/>
    </row>
    <row r="1032098" spans="14:14">
      <c r="N1032098" s="10"/>
    </row>
    <row r="1032099" spans="14:14">
      <c r="N1032099" s="10"/>
    </row>
    <row r="1032100" spans="14:14">
      <c r="N1032100" s="10"/>
    </row>
    <row r="1032101" spans="14:14">
      <c r="N1032101" s="10"/>
    </row>
    <row r="1032102" spans="14:14">
      <c r="N1032102" s="10"/>
    </row>
    <row r="1032103" spans="14:14">
      <c r="N1032103" s="10"/>
    </row>
    <row r="1032104" spans="14:14">
      <c r="N1032104" s="10"/>
    </row>
    <row r="1032105" spans="14:14">
      <c r="N1032105" s="10"/>
    </row>
    <row r="1032106" spans="14:14">
      <c r="N1032106" s="10"/>
    </row>
    <row r="1032107" spans="14:14">
      <c r="N1032107" s="10"/>
    </row>
    <row r="1032108" spans="14:14">
      <c r="N1032108" s="10"/>
    </row>
    <row r="1032109" spans="14:14">
      <c r="N1032109" s="10"/>
    </row>
    <row r="1032110" spans="14:14">
      <c r="N1032110" s="10"/>
    </row>
    <row r="1032111" spans="14:14">
      <c r="N1032111" s="10"/>
    </row>
    <row r="1032112" spans="14:14">
      <c r="N1032112" s="10"/>
    </row>
    <row r="1032113" spans="14:14">
      <c r="N1032113" s="10"/>
    </row>
    <row r="1032114" spans="14:14">
      <c r="N1032114" s="10"/>
    </row>
    <row r="1032115" spans="14:14">
      <c r="N1032115" s="10"/>
    </row>
    <row r="1032116" spans="14:14">
      <c r="N1032116" s="10"/>
    </row>
    <row r="1032117" spans="14:14">
      <c r="N1032117" s="10"/>
    </row>
    <row r="1032118" spans="14:14">
      <c r="N1032118" s="10"/>
    </row>
    <row r="1032119" spans="14:14">
      <c r="N1032119" s="10"/>
    </row>
    <row r="1032120" spans="14:14">
      <c r="N1032120" s="10"/>
    </row>
    <row r="1032121" spans="14:14">
      <c r="N1032121" s="10"/>
    </row>
    <row r="1032122" spans="14:14">
      <c r="N1032122" s="10"/>
    </row>
    <row r="1032123" spans="14:14">
      <c r="N1032123" s="10"/>
    </row>
    <row r="1032124" spans="14:14">
      <c r="N1032124" s="10"/>
    </row>
    <row r="1032125" spans="14:14">
      <c r="N1032125" s="10"/>
    </row>
    <row r="1032126" spans="14:14">
      <c r="N1032126" s="10"/>
    </row>
    <row r="1032127" spans="14:14">
      <c r="N1032127" s="10"/>
    </row>
    <row r="1032128" spans="14:14">
      <c r="N1032128" s="10"/>
    </row>
    <row r="1032129" spans="14:14">
      <c r="N1032129" s="10"/>
    </row>
    <row r="1032130" spans="14:14">
      <c r="N1032130" s="10"/>
    </row>
    <row r="1032131" spans="14:14">
      <c r="N1032131" s="10"/>
    </row>
    <row r="1032132" spans="14:14">
      <c r="N1032132" s="10"/>
    </row>
    <row r="1032133" spans="14:14">
      <c r="N1032133" s="10"/>
    </row>
    <row r="1032134" spans="14:14">
      <c r="N1032134" s="10"/>
    </row>
    <row r="1032135" spans="14:14">
      <c r="N1032135" s="10"/>
    </row>
    <row r="1032136" spans="14:14">
      <c r="N1032136" s="10"/>
    </row>
    <row r="1032137" spans="14:14">
      <c r="N1032137" s="10"/>
    </row>
    <row r="1032138" spans="14:14">
      <c r="N1032138" s="10"/>
    </row>
    <row r="1032139" spans="14:14">
      <c r="N1032139" s="10"/>
    </row>
    <row r="1032140" spans="14:14">
      <c r="N1032140" s="10"/>
    </row>
    <row r="1032141" spans="14:14">
      <c r="N1032141" s="10"/>
    </row>
    <row r="1032142" spans="14:14">
      <c r="N1032142" s="10"/>
    </row>
    <row r="1032143" spans="14:14">
      <c r="N1032143" s="10"/>
    </row>
    <row r="1032144" spans="14:14">
      <c r="N1032144" s="10"/>
    </row>
    <row r="1032145" spans="14:14">
      <c r="N1032145" s="10"/>
    </row>
    <row r="1032146" spans="14:14">
      <c r="N1032146" s="10"/>
    </row>
    <row r="1032147" spans="14:14">
      <c r="N1032147" s="10"/>
    </row>
    <row r="1032148" spans="14:14">
      <c r="N1032148" s="10"/>
    </row>
    <row r="1032149" spans="14:14">
      <c r="N1032149" s="10"/>
    </row>
    <row r="1032150" spans="14:14">
      <c r="N1032150" s="10"/>
    </row>
    <row r="1032151" spans="14:14">
      <c r="N1032151" s="10"/>
    </row>
    <row r="1032152" spans="14:14">
      <c r="N1032152" s="10"/>
    </row>
    <row r="1032153" spans="14:14">
      <c r="N1032153" s="10"/>
    </row>
    <row r="1032154" spans="14:14">
      <c r="N1032154" s="10"/>
    </row>
    <row r="1032155" spans="14:14">
      <c r="N1032155" s="10"/>
    </row>
    <row r="1032156" spans="14:14">
      <c r="N1032156" s="10"/>
    </row>
    <row r="1032157" spans="14:14">
      <c r="N1032157" s="10"/>
    </row>
    <row r="1032158" spans="14:14">
      <c r="N1032158" s="10"/>
    </row>
    <row r="1032159" spans="14:14">
      <c r="N1032159" s="10"/>
    </row>
    <row r="1032160" spans="14:14">
      <c r="N1032160" s="10"/>
    </row>
    <row r="1032161" spans="14:14">
      <c r="N1032161" s="10"/>
    </row>
    <row r="1032162" spans="14:14">
      <c r="N1032162" s="10"/>
    </row>
    <row r="1032163" spans="14:14">
      <c r="N1032163" s="10"/>
    </row>
    <row r="1032164" spans="14:14">
      <c r="N1032164" s="10"/>
    </row>
    <row r="1032165" spans="14:14">
      <c r="N1032165" s="10"/>
    </row>
    <row r="1032166" spans="14:14">
      <c r="N1032166" s="10"/>
    </row>
    <row r="1032167" spans="14:14">
      <c r="N1032167" s="10"/>
    </row>
    <row r="1032168" spans="14:14">
      <c r="N1032168" s="10"/>
    </row>
    <row r="1032169" spans="14:14">
      <c r="N1032169" s="10"/>
    </row>
    <row r="1032170" spans="14:14">
      <c r="N1032170" s="10"/>
    </row>
    <row r="1032171" spans="14:14">
      <c r="N1032171" s="10"/>
    </row>
    <row r="1032172" spans="14:14">
      <c r="N1032172" s="10"/>
    </row>
    <row r="1032173" spans="14:14">
      <c r="N1032173" s="10"/>
    </row>
    <row r="1032174" spans="14:14">
      <c r="N1032174" s="10"/>
    </row>
    <row r="1032175" spans="14:14">
      <c r="N1032175" s="10"/>
    </row>
    <row r="1032176" spans="14:14">
      <c r="N1032176" s="10"/>
    </row>
    <row r="1032177" spans="14:14">
      <c r="N1032177" s="10"/>
    </row>
    <row r="1032178" spans="14:14">
      <c r="N1032178" s="10"/>
    </row>
    <row r="1032179" spans="14:14">
      <c r="N1032179" s="10"/>
    </row>
    <row r="1032180" spans="14:14">
      <c r="N1032180" s="10"/>
    </row>
    <row r="1032181" spans="14:14">
      <c r="N1032181" s="10"/>
    </row>
    <row r="1032182" spans="14:14">
      <c r="N1032182" s="10"/>
    </row>
    <row r="1032183" spans="14:14">
      <c r="N1032183" s="10"/>
    </row>
    <row r="1032184" spans="14:14">
      <c r="N1032184" s="10"/>
    </row>
    <row r="1032185" spans="14:14">
      <c r="N1032185" s="10"/>
    </row>
    <row r="1032186" spans="14:14">
      <c r="N1032186" s="10"/>
    </row>
    <row r="1032187" spans="14:14">
      <c r="N1032187" s="10"/>
    </row>
    <row r="1032188" spans="14:14">
      <c r="N1032188" s="10"/>
    </row>
    <row r="1032189" spans="14:14">
      <c r="N1032189" s="10"/>
    </row>
    <row r="1032190" spans="14:14">
      <c r="N1032190" s="10"/>
    </row>
    <row r="1032191" spans="14:14">
      <c r="N1032191" s="10"/>
    </row>
    <row r="1032192" spans="14:14">
      <c r="N1032192" s="10"/>
    </row>
    <row r="1032193" spans="14:14">
      <c r="N1032193" s="10"/>
    </row>
    <row r="1032194" spans="14:14">
      <c r="N1032194" s="10"/>
    </row>
    <row r="1032195" spans="14:14">
      <c r="N1032195" s="10"/>
    </row>
    <row r="1032196" spans="14:14">
      <c r="N1032196" s="10"/>
    </row>
    <row r="1032197" spans="14:14">
      <c r="N1032197" s="10"/>
    </row>
    <row r="1032198" spans="14:14">
      <c r="N1032198" s="10"/>
    </row>
    <row r="1032199" spans="14:14">
      <c r="N1032199" s="10"/>
    </row>
    <row r="1032200" spans="14:14">
      <c r="N1032200" s="10"/>
    </row>
    <row r="1032201" spans="14:14">
      <c r="N1032201" s="10"/>
    </row>
    <row r="1032202" spans="14:14">
      <c r="N1032202" s="10"/>
    </row>
    <row r="1032203" spans="14:14">
      <c r="N1032203" s="10"/>
    </row>
    <row r="1032204" spans="14:14">
      <c r="N1032204" s="10"/>
    </row>
    <row r="1032205" spans="14:14">
      <c r="N1032205" s="10"/>
    </row>
    <row r="1032206" spans="14:14">
      <c r="N1032206" s="10"/>
    </row>
    <row r="1032207" spans="14:14">
      <c r="N1032207" s="10"/>
    </row>
    <row r="1032208" spans="14:14">
      <c r="N1032208" s="10"/>
    </row>
    <row r="1032209" spans="14:14">
      <c r="N1032209" s="10"/>
    </row>
    <row r="1032210" spans="14:14">
      <c r="N1032210" s="10"/>
    </row>
    <row r="1032211" spans="14:14">
      <c r="N1032211" s="10"/>
    </row>
    <row r="1032212" spans="14:14">
      <c r="N1032212" s="10"/>
    </row>
    <row r="1032213" spans="14:14">
      <c r="N1032213" s="10"/>
    </row>
    <row r="1032214" spans="14:14">
      <c r="N1032214" s="10"/>
    </row>
    <row r="1032215" spans="14:14">
      <c r="N1032215" s="10"/>
    </row>
    <row r="1032216" spans="14:14">
      <c r="N1032216" s="10"/>
    </row>
    <row r="1032217" spans="14:14">
      <c r="N1032217" s="10"/>
    </row>
    <row r="1032218" spans="14:14">
      <c r="N1032218" s="10"/>
    </row>
    <row r="1032219" spans="14:14">
      <c r="N1032219" s="10"/>
    </row>
    <row r="1032220" spans="14:14">
      <c r="N1032220" s="10"/>
    </row>
    <row r="1032221" spans="14:14">
      <c r="N1032221" s="10"/>
    </row>
    <row r="1032222" spans="14:14">
      <c r="N1032222" s="10"/>
    </row>
    <row r="1032223" spans="14:14">
      <c r="N1032223" s="10"/>
    </row>
    <row r="1032224" spans="14:14">
      <c r="N1032224" s="10"/>
    </row>
    <row r="1032225" spans="14:14">
      <c r="N1032225" s="10"/>
    </row>
    <row r="1032226" spans="14:14">
      <c r="N1032226" s="10"/>
    </row>
    <row r="1032227" spans="14:14">
      <c r="N1032227" s="10"/>
    </row>
    <row r="1032228" spans="14:14">
      <c r="N1032228" s="10"/>
    </row>
    <row r="1032229" spans="14:14">
      <c r="N1032229" s="10"/>
    </row>
    <row r="1032230" spans="14:14">
      <c r="N1032230" s="10"/>
    </row>
    <row r="1032231" spans="14:14">
      <c r="N1032231" s="10"/>
    </row>
    <row r="1032232" spans="14:14">
      <c r="N1032232" s="10"/>
    </row>
    <row r="1032233" spans="14:14">
      <c r="N1032233" s="10"/>
    </row>
    <row r="1032234" spans="14:14">
      <c r="N1032234" s="10"/>
    </row>
    <row r="1032235" spans="14:14">
      <c r="N1032235" s="10"/>
    </row>
    <row r="1032236" spans="14:14">
      <c r="N1032236" s="10"/>
    </row>
    <row r="1032237" spans="14:14">
      <c r="N1032237" s="10"/>
    </row>
    <row r="1032238" spans="14:14">
      <c r="N1032238" s="10"/>
    </row>
    <row r="1032239" spans="14:14">
      <c r="N1032239" s="10"/>
    </row>
    <row r="1032240" spans="14:14">
      <c r="N1032240" s="10"/>
    </row>
    <row r="1032241" spans="14:14">
      <c r="N1032241" s="10"/>
    </row>
    <row r="1032242" spans="14:14">
      <c r="N1032242" s="10"/>
    </row>
    <row r="1032243" spans="14:14">
      <c r="N1032243" s="10"/>
    </row>
    <row r="1032244" spans="14:14">
      <c r="N1032244" s="10"/>
    </row>
    <row r="1032245" spans="14:14">
      <c r="N1032245" s="10"/>
    </row>
    <row r="1032246" spans="14:14">
      <c r="N1032246" s="10"/>
    </row>
    <row r="1032247" spans="14:14">
      <c r="N1032247" s="10"/>
    </row>
    <row r="1032248" spans="14:14">
      <c r="N1032248" s="10"/>
    </row>
    <row r="1032249" spans="14:14">
      <c r="N1032249" s="10"/>
    </row>
    <row r="1032250" spans="14:14">
      <c r="N1032250" s="10"/>
    </row>
    <row r="1032251" spans="14:14">
      <c r="N1032251" s="10"/>
    </row>
    <row r="1032252" spans="14:14">
      <c r="N1032252" s="10"/>
    </row>
    <row r="1032253" spans="14:14">
      <c r="N1032253" s="10"/>
    </row>
    <row r="1032254" spans="14:14">
      <c r="N1032254" s="10"/>
    </row>
    <row r="1032255" spans="14:14">
      <c r="N1032255" s="10"/>
    </row>
    <row r="1032256" spans="14:14">
      <c r="N1032256" s="10"/>
    </row>
    <row r="1032257" spans="14:14">
      <c r="N1032257" s="10"/>
    </row>
    <row r="1032258" spans="14:14">
      <c r="N1032258" s="10"/>
    </row>
    <row r="1032259" spans="14:14">
      <c r="N1032259" s="10"/>
    </row>
    <row r="1032260" spans="14:14">
      <c r="N1032260" s="10"/>
    </row>
    <row r="1032261" spans="14:14">
      <c r="N1032261" s="10"/>
    </row>
    <row r="1032262" spans="14:14">
      <c r="N1032262" s="10"/>
    </row>
    <row r="1032263" spans="14:14">
      <c r="N1032263" s="10"/>
    </row>
    <row r="1032264" spans="14:14">
      <c r="N1032264" s="10"/>
    </row>
    <row r="1032265" spans="14:14">
      <c r="N1032265" s="10"/>
    </row>
    <row r="1032266" spans="14:14">
      <c r="N1032266" s="10"/>
    </row>
    <row r="1032267" spans="14:14">
      <c r="N1032267" s="10"/>
    </row>
    <row r="1032268" spans="14:14">
      <c r="N1032268" s="10"/>
    </row>
    <row r="1032269" spans="14:14">
      <c r="N1032269" s="10"/>
    </row>
    <row r="1032270" spans="14:14">
      <c r="N1032270" s="10"/>
    </row>
    <row r="1032271" spans="14:14">
      <c r="N1032271" s="10"/>
    </row>
    <row r="1032272" spans="14:14">
      <c r="N1032272" s="10"/>
    </row>
    <row r="1032273" spans="14:14">
      <c r="N1032273" s="10"/>
    </row>
    <row r="1032274" spans="14:14">
      <c r="N1032274" s="10"/>
    </row>
    <row r="1032275" spans="14:14">
      <c r="N1032275" s="10"/>
    </row>
    <row r="1032276" spans="14:14">
      <c r="N1032276" s="10"/>
    </row>
    <row r="1032277" spans="14:14">
      <c r="N1032277" s="10"/>
    </row>
    <row r="1032278" spans="14:14">
      <c r="N1032278" s="10"/>
    </row>
    <row r="1032279" spans="14:14">
      <c r="N1032279" s="10"/>
    </row>
    <row r="1032280" spans="14:14">
      <c r="N1032280" s="10"/>
    </row>
    <row r="1032281" spans="14:14">
      <c r="N1032281" s="10"/>
    </row>
    <row r="1032282" spans="14:14">
      <c r="N1032282" s="10"/>
    </row>
    <row r="1032283" spans="14:14">
      <c r="N1032283" s="10"/>
    </row>
    <row r="1032284" spans="14:14">
      <c r="N1032284" s="10"/>
    </row>
    <row r="1032285" spans="14:14">
      <c r="N1032285" s="10"/>
    </row>
    <row r="1032286" spans="14:14">
      <c r="N1032286" s="10"/>
    </row>
    <row r="1032287" spans="14:14">
      <c r="N1032287" s="10"/>
    </row>
    <row r="1032288" spans="14:14">
      <c r="N1032288" s="10"/>
    </row>
    <row r="1032289" spans="14:14">
      <c r="N1032289" s="10"/>
    </row>
    <row r="1032290" spans="14:14">
      <c r="N1032290" s="10"/>
    </row>
    <row r="1032291" spans="14:14">
      <c r="N1032291" s="10"/>
    </row>
    <row r="1032292" spans="14:14">
      <c r="N1032292" s="10"/>
    </row>
    <row r="1032293" spans="14:14">
      <c r="N1032293" s="10"/>
    </row>
    <row r="1032294" spans="14:14">
      <c r="N1032294" s="10"/>
    </row>
    <row r="1032295" spans="14:14">
      <c r="N1032295" s="10"/>
    </row>
    <row r="1032296" spans="14:14">
      <c r="N1032296" s="10"/>
    </row>
    <row r="1032297" spans="14:14">
      <c r="N1032297" s="10"/>
    </row>
    <row r="1032298" spans="14:14">
      <c r="N1032298" s="10"/>
    </row>
    <row r="1032299" spans="14:14">
      <c r="N1032299" s="10"/>
    </row>
    <row r="1032300" spans="14:14">
      <c r="N1032300" s="10"/>
    </row>
    <row r="1032301" spans="14:14">
      <c r="N1032301" s="10"/>
    </row>
    <row r="1032302" spans="14:14">
      <c r="N1032302" s="10"/>
    </row>
    <row r="1032303" spans="14:14">
      <c r="N1032303" s="10"/>
    </row>
    <row r="1032304" spans="14:14">
      <c r="N1032304" s="10"/>
    </row>
    <row r="1032305" spans="14:14">
      <c r="N1032305" s="10"/>
    </row>
    <row r="1032306" spans="14:14">
      <c r="N1032306" s="10"/>
    </row>
    <row r="1032307" spans="14:14">
      <c r="N1032307" s="10"/>
    </row>
    <row r="1032308" spans="14:14">
      <c r="N1032308" s="10"/>
    </row>
    <row r="1032309" spans="14:14">
      <c r="N1032309" s="10"/>
    </row>
    <row r="1032310" spans="14:14">
      <c r="N1032310" s="10"/>
    </row>
    <row r="1032311" spans="14:14">
      <c r="N1032311" s="10"/>
    </row>
    <row r="1032312" spans="14:14">
      <c r="N1032312" s="10"/>
    </row>
    <row r="1032313" spans="14:14">
      <c r="N1032313" s="10"/>
    </row>
    <row r="1032314" spans="14:14">
      <c r="N1032314" s="10"/>
    </row>
    <row r="1032315" spans="14:14">
      <c r="N1032315" s="10"/>
    </row>
    <row r="1032316" spans="14:14">
      <c r="N1032316" s="10"/>
    </row>
    <row r="1032317" spans="14:14">
      <c r="N1032317" s="10"/>
    </row>
    <row r="1032318" spans="14:14">
      <c r="N1032318" s="10"/>
    </row>
    <row r="1032319" spans="14:14">
      <c r="N1032319" s="10"/>
    </row>
    <row r="1032320" spans="14:14">
      <c r="N1032320" s="10"/>
    </row>
    <row r="1032321" spans="14:14">
      <c r="N1032321" s="10"/>
    </row>
    <row r="1032322" spans="14:14">
      <c r="N1032322" s="10"/>
    </row>
    <row r="1032323" spans="14:14">
      <c r="N1032323" s="10"/>
    </row>
    <row r="1032324" spans="14:14">
      <c r="N1032324" s="10"/>
    </row>
    <row r="1032325" spans="14:14">
      <c r="N1032325" s="10"/>
    </row>
    <row r="1032326" spans="14:14">
      <c r="N1032326" s="10"/>
    </row>
    <row r="1032327" spans="14:14">
      <c r="N1032327" s="10"/>
    </row>
    <row r="1032328" spans="14:14">
      <c r="N1032328" s="10"/>
    </row>
    <row r="1032329" spans="14:14">
      <c r="N1032329" s="10"/>
    </row>
    <row r="1032330" spans="14:14">
      <c r="N1032330" s="10"/>
    </row>
    <row r="1032331" spans="14:14">
      <c r="N1032331" s="10"/>
    </row>
    <row r="1032332" spans="14:14">
      <c r="N1032332" s="10"/>
    </row>
    <row r="1032333" spans="14:14">
      <c r="N1032333" s="10"/>
    </row>
    <row r="1032334" spans="14:14">
      <c r="N1032334" s="10"/>
    </row>
    <row r="1032335" spans="14:14">
      <c r="N1032335" s="10"/>
    </row>
    <row r="1032336" spans="14:14">
      <c r="N1032336" s="10"/>
    </row>
    <row r="1032337" spans="14:14">
      <c r="N1032337" s="10"/>
    </row>
    <row r="1032338" spans="14:14">
      <c r="N1032338" s="10"/>
    </row>
    <row r="1032339" spans="14:14">
      <c r="N1032339" s="10"/>
    </row>
    <row r="1032340" spans="14:14">
      <c r="N1032340" s="10"/>
    </row>
    <row r="1032341" spans="14:14">
      <c r="N1032341" s="10"/>
    </row>
    <row r="1032342" spans="14:14">
      <c r="N1032342" s="10"/>
    </row>
    <row r="1032343" spans="14:14">
      <c r="N1032343" s="10"/>
    </row>
    <row r="1032344" spans="14:14">
      <c r="N1032344" s="10"/>
    </row>
    <row r="1032345" spans="14:14">
      <c r="N1032345" s="10"/>
    </row>
    <row r="1032346" spans="14:14">
      <c r="N1032346" s="10"/>
    </row>
    <row r="1032347" spans="14:14">
      <c r="N1032347" s="10"/>
    </row>
    <row r="1032348" spans="14:14">
      <c r="N1032348" s="10"/>
    </row>
    <row r="1032349" spans="14:14">
      <c r="N1032349" s="10"/>
    </row>
    <row r="1032350" spans="14:14">
      <c r="N1032350" s="10"/>
    </row>
    <row r="1032351" spans="14:14">
      <c r="N1032351" s="10"/>
    </row>
    <row r="1032352" spans="14:14">
      <c r="N1032352" s="10"/>
    </row>
    <row r="1032353" spans="14:14">
      <c r="N1032353" s="10"/>
    </row>
    <row r="1032354" spans="14:14">
      <c r="N1032354" s="10"/>
    </row>
    <row r="1032355" spans="14:14">
      <c r="N1032355" s="10"/>
    </row>
    <row r="1032356" spans="14:14">
      <c r="N1032356" s="10"/>
    </row>
    <row r="1032357" spans="14:14">
      <c r="N1032357" s="10"/>
    </row>
    <row r="1032358" spans="14:14">
      <c r="N1032358" s="10"/>
    </row>
    <row r="1032359" spans="14:14">
      <c r="N1032359" s="10"/>
    </row>
    <row r="1032360" spans="14:14">
      <c r="N1032360" s="10"/>
    </row>
    <row r="1032361" spans="14:14">
      <c r="N1032361" s="10"/>
    </row>
    <row r="1032362" spans="14:14">
      <c r="N1032362" s="10"/>
    </row>
    <row r="1032363" spans="14:14">
      <c r="N1032363" s="10"/>
    </row>
    <row r="1032364" spans="14:14">
      <c r="N1032364" s="10"/>
    </row>
    <row r="1032365" spans="14:14">
      <c r="N1032365" s="10"/>
    </row>
    <row r="1032366" spans="14:14">
      <c r="N1032366" s="10"/>
    </row>
    <row r="1032367" spans="14:14">
      <c r="N1032367" s="10"/>
    </row>
    <row r="1032368" spans="14:14">
      <c r="N1032368" s="10"/>
    </row>
    <row r="1032369" spans="14:14">
      <c r="N1032369" s="10"/>
    </row>
    <row r="1032370" spans="14:14">
      <c r="N1032370" s="10"/>
    </row>
    <row r="1032371" spans="14:14">
      <c r="N1032371" s="10"/>
    </row>
    <row r="1032372" spans="14:14">
      <c r="N1032372" s="10"/>
    </row>
    <row r="1032373" spans="14:14">
      <c r="N1032373" s="10"/>
    </row>
    <row r="1032374" spans="14:14">
      <c r="N1032374" s="10"/>
    </row>
    <row r="1032375" spans="14:14">
      <c r="N1032375" s="10"/>
    </row>
    <row r="1032376" spans="14:14">
      <c r="N1032376" s="10"/>
    </row>
    <row r="1032377" spans="14:14">
      <c r="N1032377" s="10"/>
    </row>
    <row r="1032378" spans="14:14">
      <c r="N1032378" s="10"/>
    </row>
    <row r="1032379" spans="14:14">
      <c r="N1032379" s="10"/>
    </row>
    <row r="1032380" spans="14:14">
      <c r="N1032380" s="10"/>
    </row>
    <row r="1032381" spans="14:14">
      <c r="N1032381" s="10"/>
    </row>
    <row r="1032382" spans="14:14">
      <c r="N1032382" s="10"/>
    </row>
    <row r="1032383" spans="14:14">
      <c r="N1032383" s="10"/>
    </row>
    <row r="1032384" spans="14:14">
      <c r="N1032384" s="10"/>
    </row>
    <row r="1032385" spans="14:14">
      <c r="N1032385" s="10"/>
    </row>
    <row r="1032386" spans="14:14">
      <c r="N1032386" s="10"/>
    </row>
    <row r="1032387" spans="14:14">
      <c r="N1032387" s="10"/>
    </row>
    <row r="1032388" spans="14:14">
      <c r="N1032388" s="10"/>
    </row>
    <row r="1032389" spans="14:14">
      <c r="N1032389" s="10"/>
    </row>
    <row r="1032390" spans="14:14">
      <c r="N1032390" s="10"/>
    </row>
    <row r="1032391" spans="14:14">
      <c r="N1032391" s="10"/>
    </row>
    <row r="1032392" spans="14:14">
      <c r="N1032392" s="10"/>
    </row>
    <row r="1032393" spans="14:14">
      <c r="N1032393" s="10"/>
    </row>
    <row r="1032394" spans="14:14">
      <c r="N1032394" s="10"/>
    </row>
    <row r="1032395" spans="14:14">
      <c r="N1032395" s="10"/>
    </row>
    <row r="1032396" spans="14:14">
      <c r="N1032396" s="10"/>
    </row>
    <row r="1032397" spans="14:14">
      <c r="N1032397" s="10"/>
    </row>
    <row r="1032398" spans="14:14">
      <c r="N1032398" s="10"/>
    </row>
    <row r="1032399" spans="14:14">
      <c r="N1032399" s="10"/>
    </row>
    <row r="1032400" spans="14:14">
      <c r="N1032400" s="10"/>
    </row>
    <row r="1032401" spans="14:14">
      <c r="N1032401" s="10"/>
    </row>
    <row r="1032402" spans="14:14">
      <c r="N1032402" s="10"/>
    </row>
    <row r="1032403" spans="14:14">
      <c r="N1032403" s="10"/>
    </row>
    <row r="1032404" spans="14:14">
      <c r="N1032404" s="10"/>
    </row>
    <row r="1032405" spans="14:14">
      <c r="N1032405" s="10"/>
    </row>
    <row r="1032406" spans="14:14">
      <c r="N1032406" s="10"/>
    </row>
    <row r="1032407" spans="14:14">
      <c r="N1032407" s="10"/>
    </row>
    <row r="1032408" spans="14:14">
      <c r="N1032408" s="10"/>
    </row>
    <row r="1032409" spans="14:14">
      <c r="N1032409" s="10"/>
    </row>
    <row r="1032410" spans="14:14">
      <c r="N1032410" s="10"/>
    </row>
    <row r="1032411" spans="14:14">
      <c r="N1032411" s="10"/>
    </row>
    <row r="1032412" spans="14:14">
      <c r="N1032412" s="10"/>
    </row>
    <row r="1032413" spans="14:14">
      <c r="N1032413" s="10"/>
    </row>
    <row r="1032414" spans="14:14">
      <c r="N1032414" s="10"/>
    </row>
    <row r="1032415" spans="14:14">
      <c r="N1032415" s="10"/>
    </row>
    <row r="1032416" spans="14:14">
      <c r="N1032416" s="10"/>
    </row>
    <row r="1032417" spans="14:14">
      <c r="N1032417" s="10"/>
    </row>
    <row r="1032418" spans="14:14">
      <c r="N1032418" s="10"/>
    </row>
    <row r="1032419" spans="14:14">
      <c r="N1032419" s="10"/>
    </row>
    <row r="1032420" spans="14:14">
      <c r="N1032420" s="10"/>
    </row>
    <row r="1032421" spans="14:14">
      <c r="N1032421" s="10"/>
    </row>
    <row r="1032422" spans="14:14">
      <c r="N1032422" s="10"/>
    </row>
    <row r="1032423" spans="14:14">
      <c r="N1032423" s="10"/>
    </row>
    <row r="1032424" spans="14:14">
      <c r="N1032424" s="10"/>
    </row>
    <row r="1032425" spans="14:14">
      <c r="N1032425" s="10"/>
    </row>
    <row r="1032426" spans="14:14">
      <c r="N1032426" s="10"/>
    </row>
    <row r="1032427" spans="14:14">
      <c r="N1032427" s="10"/>
    </row>
    <row r="1032428" spans="14:14">
      <c r="N1032428" s="10"/>
    </row>
    <row r="1032429" spans="14:14">
      <c r="N1032429" s="10"/>
    </row>
    <row r="1032430" spans="14:14">
      <c r="N1032430" s="10"/>
    </row>
    <row r="1032431" spans="14:14">
      <c r="N1032431" s="10"/>
    </row>
    <row r="1032432" spans="14:14">
      <c r="N1032432" s="10"/>
    </row>
    <row r="1032433" spans="14:14">
      <c r="N1032433" s="10"/>
    </row>
    <row r="1032434" spans="14:14">
      <c r="N1032434" s="10"/>
    </row>
    <row r="1032435" spans="14:14">
      <c r="N1032435" s="10"/>
    </row>
    <row r="1032436" spans="14:14">
      <c r="N1032436" s="10"/>
    </row>
    <row r="1032437" spans="14:14">
      <c r="N1032437" s="10"/>
    </row>
    <row r="1032438" spans="14:14">
      <c r="N1032438" s="10"/>
    </row>
    <row r="1032439" spans="14:14">
      <c r="N1032439" s="10"/>
    </row>
    <row r="1032440" spans="14:14">
      <c r="N1032440" s="10"/>
    </row>
    <row r="1032441" spans="14:14">
      <c r="N1032441" s="10"/>
    </row>
    <row r="1032442" spans="14:14">
      <c r="N1032442" s="10"/>
    </row>
    <row r="1032443" spans="14:14">
      <c r="N1032443" s="10"/>
    </row>
    <row r="1032444" spans="14:14">
      <c r="N1032444" s="10"/>
    </row>
    <row r="1032445" spans="14:14">
      <c r="N1032445" s="10"/>
    </row>
    <row r="1032446" spans="14:14">
      <c r="N1032446" s="10"/>
    </row>
    <row r="1032447" spans="14:14">
      <c r="N1032447" s="10"/>
    </row>
    <row r="1032448" spans="14:14">
      <c r="N1032448" s="10"/>
    </row>
    <row r="1032449" spans="14:14">
      <c r="N1032449" s="10"/>
    </row>
    <row r="1032450" spans="14:14">
      <c r="N1032450" s="10"/>
    </row>
    <row r="1032451" spans="14:14">
      <c r="N1032451" s="10"/>
    </row>
    <row r="1032452" spans="14:14">
      <c r="N1032452" s="10"/>
    </row>
    <row r="1032453" spans="14:14">
      <c r="N1032453" s="10"/>
    </row>
    <row r="1032454" spans="14:14">
      <c r="N1032454" s="10"/>
    </row>
    <row r="1032455" spans="14:14">
      <c r="N1032455" s="10"/>
    </row>
    <row r="1032456" spans="14:14">
      <c r="N1032456" s="10"/>
    </row>
    <row r="1032457" spans="14:14">
      <c r="N1032457" s="10"/>
    </row>
    <row r="1032458" spans="14:14">
      <c r="N1032458" s="10"/>
    </row>
    <row r="1032459" spans="14:14">
      <c r="N1032459" s="10"/>
    </row>
    <row r="1032460" spans="14:14">
      <c r="N1032460" s="10"/>
    </row>
    <row r="1032461" spans="14:14">
      <c r="N1032461" s="10"/>
    </row>
    <row r="1032462" spans="14:14">
      <c r="N1032462" s="10"/>
    </row>
    <row r="1032463" spans="14:14">
      <c r="N1032463" s="10"/>
    </row>
    <row r="1032464" spans="14:14">
      <c r="N1032464" s="10"/>
    </row>
    <row r="1032465" spans="14:14">
      <c r="N1032465" s="10"/>
    </row>
    <row r="1032466" spans="14:14">
      <c r="N1032466" s="10"/>
    </row>
    <row r="1032467" spans="14:14">
      <c r="N1032467" s="10"/>
    </row>
    <row r="1032468" spans="14:14">
      <c r="N1032468" s="10"/>
    </row>
    <row r="1032469" spans="14:14">
      <c r="N1032469" s="10"/>
    </row>
    <row r="1032470" spans="14:14">
      <c r="N1032470" s="10"/>
    </row>
    <row r="1032471" spans="14:14">
      <c r="N1032471" s="10"/>
    </row>
    <row r="1032472" spans="14:14">
      <c r="N1032472" s="10"/>
    </row>
    <row r="1032473" spans="14:14">
      <c r="N1032473" s="10"/>
    </row>
    <row r="1032474" spans="14:14">
      <c r="N1032474" s="10"/>
    </row>
    <row r="1032475" spans="14:14">
      <c r="N1032475" s="10"/>
    </row>
    <row r="1032476" spans="14:14">
      <c r="N1032476" s="10"/>
    </row>
    <row r="1032477" spans="14:14">
      <c r="N1032477" s="10"/>
    </row>
    <row r="1032478" spans="14:14">
      <c r="N1032478" s="10"/>
    </row>
    <row r="1032479" spans="14:14">
      <c r="N1032479" s="10"/>
    </row>
    <row r="1032480" spans="14:14">
      <c r="N1032480" s="10"/>
    </row>
    <row r="1032481" spans="14:14">
      <c r="N1032481" s="10"/>
    </row>
    <row r="1032482" spans="14:14">
      <c r="N1032482" s="10"/>
    </row>
    <row r="1032483" spans="14:14">
      <c r="N1032483" s="10"/>
    </row>
    <row r="1032484" spans="14:14">
      <c r="N1032484" s="10"/>
    </row>
    <row r="1032485" spans="14:14">
      <c r="N1032485" s="10"/>
    </row>
    <row r="1032486" spans="14:14">
      <c r="N1032486" s="10"/>
    </row>
    <row r="1032487" spans="14:14">
      <c r="N1032487" s="10"/>
    </row>
    <row r="1032488" spans="14:14">
      <c r="N1032488" s="10"/>
    </row>
    <row r="1032489" spans="14:14">
      <c r="N1032489" s="10"/>
    </row>
    <row r="1032490" spans="14:14">
      <c r="N1032490" s="10"/>
    </row>
    <row r="1032491" spans="14:14">
      <c r="N1032491" s="10"/>
    </row>
    <row r="1032492" spans="14:14">
      <c r="N1032492" s="10"/>
    </row>
    <row r="1032493" spans="14:14">
      <c r="N1032493" s="10"/>
    </row>
    <row r="1032494" spans="14:14">
      <c r="N1032494" s="10"/>
    </row>
    <row r="1032495" spans="14:14">
      <c r="N1032495" s="10"/>
    </row>
    <row r="1032496" spans="14:14">
      <c r="N1032496" s="10"/>
    </row>
    <row r="1032497" spans="14:14">
      <c r="N1032497" s="10"/>
    </row>
    <row r="1032498" spans="14:14">
      <c r="N1032498" s="10"/>
    </row>
    <row r="1032499" spans="14:14">
      <c r="N1032499" s="10"/>
    </row>
    <row r="1032500" spans="14:14">
      <c r="N1032500" s="10"/>
    </row>
    <row r="1032501" spans="14:14">
      <c r="N1032501" s="10"/>
    </row>
    <row r="1032502" spans="14:14">
      <c r="N1032502" s="10"/>
    </row>
    <row r="1032503" spans="14:14">
      <c r="N1032503" s="10"/>
    </row>
    <row r="1032504" spans="14:14">
      <c r="N1032504" s="10"/>
    </row>
    <row r="1032505" spans="14:14">
      <c r="N1032505" s="10"/>
    </row>
    <row r="1032506" spans="14:14">
      <c r="N1032506" s="10"/>
    </row>
    <row r="1032507" spans="14:14">
      <c r="N1032507" s="10"/>
    </row>
    <row r="1032508" spans="14:14">
      <c r="N1032508" s="10"/>
    </row>
    <row r="1032509" spans="14:14">
      <c r="N1032509" s="10"/>
    </row>
    <row r="1032510" spans="14:14">
      <c r="N1032510" s="10"/>
    </row>
    <row r="1032511" spans="14:14">
      <c r="N1032511" s="10"/>
    </row>
    <row r="1032512" spans="14:14">
      <c r="N1032512" s="10"/>
    </row>
    <row r="1032513" spans="14:14">
      <c r="N1032513" s="10"/>
    </row>
    <row r="1032514" spans="14:14">
      <c r="N1032514" s="10"/>
    </row>
    <row r="1032515" spans="14:14">
      <c r="N1032515" s="10"/>
    </row>
    <row r="1032516" spans="14:14">
      <c r="N1032516" s="10"/>
    </row>
    <row r="1032517" spans="14:14">
      <c r="N1032517" s="10"/>
    </row>
    <row r="1032518" spans="14:14">
      <c r="N1032518" s="10"/>
    </row>
    <row r="1032519" spans="14:14">
      <c r="N1032519" s="10"/>
    </row>
    <row r="1032520" spans="14:14">
      <c r="N1032520" s="10"/>
    </row>
    <row r="1032521" spans="14:14">
      <c r="N1032521" s="10"/>
    </row>
    <row r="1032522" spans="14:14">
      <c r="N1032522" s="10"/>
    </row>
    <row r="1032523" spans="14:14">
      <c r="N1032523" s="10"/>
    </row>
    <row r="1032524" spans="14:14">
      <c r="N1032524" s="10"/>
    </row>
    <row r="1032525" spans="14:14">
      <c r="N1032525" s="10"/>
    </row>
    <row r="1032526" spans="14:14">
      <c r="N1032526" s="10"/>
    </row>
    <row r="1032527" spans="14:14">
      <c r="N1032527" s="10"/>
    </row>
    <row r="1032528" spans="14:14">
      <c r="N1032528" s="10"/>
    </row>
    <row r="1032529" spans="14:14">
      <c r="N1032529" s="10"/>
    </row>
    <row r="1032530" spans="14:14">
      <c r="N1032530" s="10"/>
    </row>
    <row r="1032531" spans="14:14">
      <c r="N1032531" s="10"/>
    </row>
    <row r="1032532" spans="14:14">
      <c r="N1032532" s="10"/>
    </row>
    <row r="1032533" spans="14:14">
      <c r="N1032533" s="10"/>
    </row>
    <row r="1032534" spans="14:14">
      <c r="N1032534" s="10"/>
    </row>
    <row r="1032535" spans="14:14">
      <c r="N1032535" s="10"/>
    </row>
    <row r="1032536" spans="14:14">
      <c r="N1032536" s="10"/>
    </row>
    <row r="1032537" spans="14:14">
      <c r="N1032537" s="10"/>
    </row>
    <row r="1032538" spans="14:14">
      <c r="N1032538" s="10"/>
    </row>
    <row r="1032539" spans="14:14">
      <c r="N1032539" s="10"/>
    </row>
    <row r="1032540" spans="14:14">
      <c r="N1032540" s="10"/>
    </row>
    <row r="1032541" spans="14:14">
      <c r="N1032541" s="10"/>
    </row>
    <row r="1032542" spans="14:14">
      <c r="N1032542" s="10"/>
    </row>
    <row r="1032543" spans="14:14">
      <c r="N1032543" s="10"/>
    </row>
    <row r="1032544" spans="14:14">
      <c r="N1032544" s="10"/>
    </row>
    <row r="1032545" spans="14:14">
      <c r="N1032545" s="10"/>
    </row>
    <row r="1032546" spans="14:14">
      <c r="N1032546" s="10"/>
    </row>
    <row r="1032547" spans="14:14">
      <c r="N1032547" s="10"/>
    </row>
    <row r="1032548" spans="14:14">
      <c r="N1032548" s="10"/>
    </row>
    <row r="1032549" spans="14:14">
      <c r="N1032549" s="10"/>
    </row>
    <row r="1032550" spans="14:14">
      <c r="N1032550" s="10"/>
    </row>
    <row r="1032551" spans="14:14">
      <c r="N1032551" s="10"/>
    </row>
    <row r="1032552" spans="14:14">
      <c r="N1032552" s="10"/>
    </row>
    <row r="1032553" spans="14:14">
      <c r="N1032553" s="10"/>
    </row>
    <row r="1032554" spans="14:14">
      <c r="N1032554" s="10"/>
    </row>
    <row r="1032555" spans="14:14">
      <c r="N1032555" s="10"/>
    </row>
    <row r="1032556" spans="14:14">
      <c r="N1032556" s="10"/>
    </row>
    <row r="1032557" spans="14:14">
      <c r="N1032557" s="10"/>
    </row>
    <row r="1032558" spans="14:14">
      <c r="N1032558" s="10"/>
    </row>
    <row r="1032559" spans="14:14">
      <c r="N1032559" s="10"/>
    </row>
    <row r="1032560" spans="14:14">
      <c r="N1032560" s="10"/>
    </row>
    <row r="1032561" spans="14:14">
      <c r="N1032561" s="10"/>
    </row>
    <row r="1032562" spans="14:14">
      <c r="N1032562" s="10"/>
    </row>
    <row r="1032563" spans="14:14">
      <c r="N1032563" s="10"/>
    </row>
    <row r="1032564" spans="14:14">
      <c r="N1032564" s="10"/>
    </row>
    <row r="1032565" spans="14:14">
      <c r="N1032565" s="10"/>
    </row>
    <row r="1032566" spans="14:14">
      <c r="N1032566" s="10"/>
    </row>
    <row r="1032567" spans="14:14">
      <c r="N1032567" s="10"/>
    </row>
    <row r="1032568" spans="14:14">
      <c r="N1032568" s="10"/>
    </row>
    <row r="1032569" spans="14:14">
      <c r="N1032569" s="10"/>
    </row>
    <row r="1032570" spans="14:14">
      <c r="N1032570" s="10"/>
    </row>
    <row r="1032571" spans="14:14">
      <c r="N1032571" s="10"/>
    </row>
    <row r="1032572" spans="14:14">
      <c r="N1032572" s="10"/>
    </row>
    <row r="1032573" spans="14:14">
      <c r="N1032573" s="10"/>
    </row>
    <row r="1032574" spans="14:14">
      <c r="N1032574" s="10"/>
    </row>
    <row r="1032575" spans="14:14">
      <c r="N1032575" s="10"/>
    </row>
    <row r="1032576" spans="14:14">
      <c r="N1032576" s="10"/>
    </row>
    <row r="1032577" spans="14:14">
      <c r="N1032577" s="10"/>
    </row>
    <row r="1032578" spans="14:14">
      <c r="N1032578" s="10"/>
    </row>
    <row r="1032579" spans="14:14">
      <c r="N1032579" s="10"/>
    </row>
    <row r="1032580" spans="14:14">
      <c r="N1032580" s="10"/>
    </row>
    <row r="1032581" spans="14:14">
      <c r="N1032581" s="10"/>
    </row>
    <row r="1032582" spans="14:14">
      <c r="N1032582" s="10"/>
    </row>
    <row r="1032583" spans="14:14">
      <c r="N1032583" s="10"/>
    </row>
    <row r="1032584" spans="14:14">
      <c r="N1032584" s="10"/>
    </row>
    <row r="1032585" spans="14:14">
      <c r="N1032585" s="10"/>
    </row>
    <row r="1032586" spans="14:14">
      <c r="N1032586" s="10"/>
    </row>
    <row r="1032587" spans="14:14">
      <c r="N1032587" s="10"/>
    </row>
    <row r="1032588" spans="14:14">
      <c r="N1032588" s="10"/>
    </row>
    <row r="1032589" spans="14:14">
      <c r="N1032589" s="10"/>
    </row>
    <row r="1032590" spans="14:14">
      <c r="N1032590" s="10"/>
    </row>
    <row r="1032591" spans="14:14">
      <c r="N1032591" s="10"/>
    </row>
    <row r="1032592" spans="14:14">
      <c r="N1032592" s="10"/>
    </row>
    <row r="1032593" spans="14:14">
      <c r="N1032593" s="10"/>
    </row>
    <row r="1032594" spans="14:14">
      <c r="N1032594" s="10"/>
    </row>
    <row r="1032595" spans="14:14">
      <c r="N1032595" s="10"/>
    </row>
    <row r="1032596" spans="14:14">
      <c r="N1032596" s="10"/>
    </row>
    <row r="1032597" spans="14:14">
      <c r="N1032597" s="10"/>
    </row>
    <row r="1032598" spans="14:14">
      <c r="N1032598" s="10"/>
    </row>
    <row r="1032599" spans="14:14">
      <c r="N1032599" s="10"/>
    </row>
    <row r="1032600" spans="14:14">
      <c r="N1032600" s="10"/>
    </row>
    <row r="1032601" spans="14:14">
      <c r="N1032601" s="10"/>
    </row>
    <row r="1032602" spans="14:14">
      <c r="N1032602" s="10"/>
    </row>
    <row r="1032603" spans="14:14">
      <c r="N1032603" s="10"/>
    </row>
    <row r="1032604" spans="14:14">
      <c r="N1032604" s="10"/>
    </row>
    <row r="1032605" spans="14:14">
      <c r="N1032605" s="10"/>
    </row>
    <row r="1032606" spans="14:14">
      <c r="N1032606" s="10"/>
    </row>
    <row r="1032607" spans="14:14">
      <c r="N1032607" s="10"/>
    </row>
    <row r="1032608" spans="14:14">
      <c r="N1032608" s="10"/>
    </row>
    <row r="1032609" spans="14:14">
      <c r="N1032609" s="10"/>
    </row>
    <row r="1032610" spans="14:14">
      <c r="N1032610" s="10"/>
    </row>
    <row r="1032611" spans="14:14">
      <c r="N1032611" s="10"/>
    </row>
    <row r="1032612" spans="14:14">
      <c r="N1032612" s="10"/>
    </row>
    <row r="1032613" spans="14:14">
      <c r="N1032613" s="10"/>
    </row>
    <row r="1032614" spans="14:14">
      <c r="N1032614" s="10"/>
    </row>
    <row r="1032615" spans="14:14">
      <c r="N1032615" s="10"/>
    </row>
    <row r="1032616" spans="14:14">
      <c r="N1032616" s="10"/>
    </row>
    <row r="1032617" spans="14:14">
      <c r="N1032617" s="10"/>
    </row>
    <row r="1032618" spans="14:14">
      <c r="N1032618" s="10"/>
    </row>
    <row r="1032619" spans="14:14">
      <c r="N1032619" s="10"/>
    </row>
    <row r="1032620" spans="14:14">
      <c r="N1032620" s="10"/>
    </row>
    <row r="1032621" spans="14:14">
      <c r="N1032621" s="10"/>
    </row>
    <row r="1032622" spans="14:14">
      <c r="N1032622" s="10"/>
    </row>
    <row r="1032623" spans="14:14">
      <c r="N1032623" s="10"/>
    </row>
    <row r="1032624" spans="14:14">
      <c r="N1032624" s="10"/>
    </row>
    <row r="1032625" spans="14:14">
      <c r="N1032625" s="10"/>
    </row>
    <row r="1032626" spans="14:14">
      <c r="N1032626" s="10"/>
    </row>
    <row r="1032627" spans="14:14">
      <c r="N1032627" s="10"/>
    </row>
    <row r="1032628" spans="14:14">
      <c r="N1032628" s="10"/>
    </row>
    <row r="1032629" spans="14:14">
      <c r="N1032629" s="10"/>
    </row>
    <row r="1032630" spans="14:14">
      <c r="N1032630" s="10"/>
    </row>
    <row r="1032631" spans="14:14">
      <c r="N1032631" s="10"/>
    </row>
    <row r="1032632" spans="14:14">
      <c r="N1032632" s="10"/>
    </row>
    <row r="1032633" spans="14:14">
      <c r="N1032633" s="10"/>
    </row>
    <row r="1032634" spans="14:14">
      <c r="N1032634" s="10"/>
    </row>
    <row r="1032635" spans="14:14">
      <c r="N1032635" s="10"/>
    </row>
    <row r="1032636" spans="14:14">
      <c r="N1032636" s="10"/>
    </row>
    <row r="1032637" spans="14:14">
      <c r="N1032637" s="10"/>
    </row>
    <row r="1032638" spans="14:14">
      <c r="N1032638" s="10"/>
    </row>
    <row r="1032639" spans="14:14">
      <c r="N1032639" s="10"/>
    </row>
    <row r="1032640" spans="14:14">
      <c r="N1032640" s="10"/>
    </row>
    <row r="1032641" spans="14:14">
      <c r="N1032641" s="10"/>
    </row>
    <row r="1032642" spans="14:14">
      <c r="N1032642" s="10"/>
    </row>
    <row r="1032643" spans="14:14">
      <c r="N1032643" s="10"/>
    </row>
    <row r="1032644" spans="14:14">
      <c r="N1032644" s="10"/>
    </row>
    <row r="1032645" spans="14:14">
      <c r="N1032645" s="10"/>
    </row>
    <row r="1032646" spans="14:14">
      <c r="N1032646" s="10"/>
    </row>
    <row r="1032647" spans="14:14">
      <c r="N1032647" s="10"/>
    </row>
    <row r="1032648" spans="14:14">
      <c r="N1032648" s="10"/>
    </row>
    <row r="1032649" spans="14:14">
      <c r="N1032649" s="10"/>
    </row>
    <row r="1032650" spans="14:14">
      <c r="N1032650" s="10"/>
    </row>
    <row r="1032651" spans="14:14">
      <c r="N1032651" s="10"/>
    </row>
    <row r="1032652" spans="14:14">
      <c r="N1032652" s="10"/>
    </row>
    <row r="1032653" spans="14:14">
      <c r="N1032653" s="10"/>
    </row>
    <row r="1032654" spans="14:14">
      <c r="N1032654" s="10"/>
    </row>
    <row r="1032655" spans="14:14">
      <c r="N1032655" s="10"/>
    </row>
    <row r="1032656" spans="14:14">
      <c r="N1032656" s="10"/>
    </row>
    <row r="1032657" spans="14:14">
      <c r="N1032657" s="10"/>
    </row>
    <row r="1032658" spans="14:14">
      <c r="N1032658" s="10"/>
    </row>
    <row r="1032659" spans="14:14">
      <c r="N1032659" s="10"/>
    </row>
    <row r="1032660" spans="14:14">
      <c r="N1032660" s="10"/>
    </row>
    <row r="1032661" spans="14:14">
      <c r="N1032661" s="10"/>
    </row>
    <row r="1032662" spans="14:14">
      <c r="N1032662" s="10"/>
    </row>
    <row r="1032663" spans="14:14">
      <c r="N1032663" s="10"/>
    </row>
    <row r="1032664" spans="14:14">
      <c r="N1032664" s="10"/>
    </row>
    <row r="1032665" spans="14:14">
      <c r="N1032665" s="10"/>
    </row>
    <row r="1032666" spans="14:14">
      <c r="N1032666" s="10"/>
    </row>
    <row r="1032667" spans="14:14">
      <c r="N1032667" s="10"/>
    </row>
    <row r="1032668" spans="14:14">
      <c r="N1032668" s="10"/>
    </row>
    <row r="1032669" spans="14:14">
      <c r="N1032669" s="10"/>
    </row>
    <row r="1032670" spans="14:14">
      <c r="N1032670" s="10"/>
    </row>
    <row r="1032671" spans="14:14">
      <c r="N1032671" s="10"/>
    </row>
    <row r="1032672" spans="14:14">
      <c r="N1032672" s="10"/>
    </row>
    <row r="1032673" spans="14:14">
      <c r="N1032673" s="10"/>
    </row>
    <row r="1032674" spans="14:14">
      <c r="N1032674" s="10"/>
    </row>
    <row r="1032675" spans="14:14">
      <c r="N1032675" s="10"/>
    </row>
    <row r="1032676" spans="14:14">
      <c r="N1032676" s="10"/>
    </row>
    <row r="1032677" spans="14:14">
      <c r="N1032677" s="10"/>
    </row>
    <row r="1032678" spans="14:14">
      <c r="N1032678" s="10"/>
    </row>
    <row r="1032679" spans="14:14">
      <c r="N1032679" s="10"/>
    </row>
    <row r="1032680" spans="14:14">
      <c r="N1032680" s="10"/>
    </row>
    <row r="1032681" spans="14:14">
      <c r="N1032681" s="10"/>
    </row>
    <row r="1032682" spans="14:14">
      <c r="N1032682" s="10"/>
    </row>
    <row r="1032683" spans="14:14">
      <c r="N1032683" s="10"/>
    </row>
    <row r="1032684" spans="14:14">
      <c r="N1032684" s="10"/>
    </row>
    <row r="1032685" spans="14:14">
      <c r="N1032685" s="10"/>
    </row>
    <row r="1032686" spans="14:14">
      <c r="N1032686" s="10"/>
    </row>
    <row r="1032687" spans="14:14">
      <c r="N1032687" s="10"/>
    </row>
    <row r="1032688" spans="14:14">
      <c r="N1032688" s="10"/>
    </row>
    <row r="1032689" spans="14:14">
      <c r="N1032689" s="10"/>
    </row>
    <row r="1032690" spans="14:14">
      <c r="N1032690" s="10"/>
    </row>
    <row r="1032691" spans="14:14">
      <c r="N1032691" s="10"/>
    </row>
    <row r="1032692" spans="14:14">
      <c r="N1032692" s="10"/>
    </row>
    <row r="1032693" spans="14:14">
      <c r="N1032693" s="10"/>
    </row>
    <row r="1032694" spans="14:14">
      <c r="N1032694" s="10"/>
    </row>
    <row r="1032695" spans="14:14">
      <c r="N1032695" s="10"/>
    </row>
    <row r="1032696" spans="14:14">
      <c r="N1032696" s="10"/>
    </row>
    <row r="1032697" spans="14:14">
      <c r="N1032697" s="10"/>
    </row>
    <row r="1032698" spans="14:14">
      <c r="N1032698" s="10"/>
    </row>
    <row r="1032699" spans="14:14">
      <c r="N1032699" s="10"/>
    </row>
    <row r="1032700" spans="14:14">
      <c r="N1032700" s="10"/>
    </row>
    <row r="1032701" spans="14:14">
      <c r="N1032701" s="10"/>
    </row>
    <row r="1032702" spans="14:14">
      <c r="N1032702" s="10"/>
    </row>
    <row r="1032703" spans="14:14">
      <c r="N1032703" s="10"/>
    </row>
    <row r="1032704" spans="14:14">
      <c r="N1032704" s="10"/>
    </row>
    <row r="1032705" spans="14:14">
      <c r="N1032705" s="10"/>
    </row>
    <row r="1032706" spans="14:14">
      <c r="N1032706" s="10"/>
    </row>
    <row r="1032707" spans="14:14">
      <c r="N1032707" s="10"/>
    </row>
    <row r="1032708" spans="14:14">
      <c r="N1032708" s="10"/>
    </row>
    <row r="1032709" spans="14:14">
      <c r="N1032709" s="10"/>
    </row>
    <row r="1032710" spans="14:14">
      <c r="N1032710" s="10"/>
    </row>
    <row r="1032711" spans="14:14">
      <c r="N1032711" s="10"/>
    </row>
    <row r="1032712" spans="14:14">
      <c r="N1032712" s="10"/>
    </row>
    <row r="1032713" spans="14:14">
      <c r="N1032713" s="10"/>
    </row>
    <row r="1032714" spans="14:14">
      <c r="N1032714" s="10"/>
    </row>
    <row r="1032715" spans="14:14">
      <c r="N1032715" s="10"/>
    </row>
    <row r="1032716" spans="14:14">
      <c r="N1032716" s="10"/>
    </row>
    <row r="1032717" spans="14:14">
      <c r="N1032717" s="10"/>
    </row>
    <row r="1032718" spans="14:14">
      <c r="N1032718" s="10"/>
    </row>
    <row r="1032719" spans="14:14">
      <c r="N1032719" s="10"/>
    </row>
    <row r="1032720" spans="14:14">
      <c r="N1032720" s="10"/>
    </row>
    <row r="1032721" spans="14:14">
      <c r="N1032721" s="10"/>
    </row>
    <row r="1032722" spans="14:14">
      <c r="N1032722" s="10"/>
    </row>
    <row r="1032723" spans="14:14">
      <c r="N1032723" s="10"/>
    </row>
    <row r="1032724" spans="14:14">
      <c r="N1032724" s="10"/>
    </row>
    <row r="1032725" spans="14:14">
      <c r="N1032725" s="10"/>
    </row>
    <row r="1032726" spans="14:14">
      <c r="N1032726" s="10"/>
    </row>
    <row r="1032727" spans="14:14">
      <c r="N1032727" s="10"/>
    </row>
    <row r="1032728" spans="14:14">
      <c r="N1032728" s="10"/>
    </row>
    <row r="1032729" spans="14:14">
      <c r="N1032729" s="10"/>
    </row>
    <row r="1032730" spans="14:14">
      <c r="N1032730" s="10"/>
    </row>
    <row r="1032731" spans="14:14">
      <c r="N1032731" s="10"/>
    </row>
    <row r="1032732" spans="14:14">
      <c r="N1032732" s="10"/>
    </row>
    <row r="1032733" spans="14:14">
      <c r="N1032733" s="10"/>
    </row>
    <row r="1032734" spans="14:14">
      <c r="N1032734" s="10"/>
    </row>
    <row r="1032735" spans="14:14">
      <c r="N1032735" s="10"/>
    </row>
    <row r="1032736" spans="14:14">
      <c r="N1032736" s="10"/>
    </row>
    <row r="1032737" spans="14:14">
      <c r="N1032737" s="10"/>
    </row>
    <row r="1032738" spans="14:14">
      <c r="N1032738" s="10"/>
    </row>
    <row r="1032739" spans="14:14">
      <c r="N1032739" s="10"/>
    </row>
    <row r="1032740" spans="14:14">
      <c r="N1032740" s="10"/>
    </row>
    <row r="1032741" spans="14:14">
      <c r="N1032741" s="10"/>
    </row>
    <row r="1032742" spans="14:14">
      <c r="N1032742" s="10"/>
    </row>
    <row r="1032743" spans="14:14">
      <c r="N1032743" s="10"/>
    </row>
    <row r="1032744" spans="14:14">
      <c r="N1032744" s="10"/>
    </row>
    <row r="1032745" spans="14:14">
      <c r="N1032745" s="10"/>
    </row>
    <row r="1032746" spans="14:14">
      <c r="N1032746" s="10"/>
    </row>
    <row r="1032747" spans="14:14">
      <c r="N1032747" s="10"/>
    </row>
    <row r="1032748" spans="14:14">
      <c r="N1032748" s="10"/>
    </row>
    <row r="1032749" spans="14:14">
      <c r="N1032749" s="10"/>
    </row>
    <row r="1032750" spans="14:14">
      <c r="N1032750" s="10"/>
    </row>
    <row r="1032751" spans="14:14">
      <c r="N1032751" s="10"/>
    </row>
    <row r="1032752" spans="14:14">
      <c r="N1032752" s="10"/>
    </row>
    <row r="1032753" spans="14:14">
      <c r="N1032753" s="10"/>
    </row>
    <row r="1032754" spans="14:14">
      <c r="N1032754" s="10"/>
    </row>
    <row r="1032755" spans="14:14">
      <c r="N1032755" s="10"/>
    </row>
    <row r="1032756" spans="14:14">
      <c r="N1032756" s="10"/>
    </row>
    <row r="1032757" spans="14:14">
      <c r="N1032757" s="10"/>
    </row>
    <row r="1032758" spans="14:14">
      <c r="N1032758" s="10"/>
    </row>
    <row r="1032759" spans="14:14">
      <c r="N1032759" s="10"/>
    </row>
    <row r="1032760" spans="14:14">
      <c r="N1032760" s="10"/>
    </row>
    <row r="1032761" spans="14:14">
      <c r="N1032761" s="10"/>
    </row>
    <row r="1032762" spans="14:14">
      <c r="N1032762" s="10"/>
    </row>
    <row r="1032763" spans="14:14">
      <c r="N1032763" s="10"/>
    </row>
    <row r="1032764" spans="14:14">
      <c r="N1032764" s="10"/>
    </row>
    <row r="1032765" spans="14:14">
      <c r="N1032765" s="10"/>
    </row>
    <row r="1032766" spans="14:14">
      <c r="N1032766" s="10"/>
    </row>
    <row r="1032767" spans="14:14">
      <c r="N1032767" s="10"/>
    </row>
    <row r="1032768" spans="14:14">
      <c r="N1032768" s="10"/>
    </row>
    <row r="1032769" spans="14:14">
      <c r="N1032769" s="10"/>
    </row>
    <row r="1032770" spans="14:14">
      <c r="N1032770" s="10"/>
    </row>
    <row r="1032771" spans="14:14">
      <c r="N1032771" s="10"/>
    </row>
    <row r="1032772" spans="14:14">
      <c r="N1032772" s="10"/>
    </row>
    <row r="1032773" spans="14:14">
      <c r="N1032773" s="10"/>
    </row>
    <row r="1032774" spans="14:14">
      <c r="N1032774" s="10"/>
    </row>
    <row r="1032775" spans="14:14">
      <c r="N1032775" s="10"/>
    </row>
    <row r="1032776" spans="14:14">
      <c r="N1032776" s="10"/>
    </row>
    <row r="1032777" spans="14:14">
      <c r="N1032777" s="10"/>
    </row>
    <row r="1032778" spans="14:14">
      <c r="N1032778" s="10"/>
    </row>
    <row r="1032779" spans="14:14">
      <c r="N1032779" s="10"/>
    </row>
    <row r="1032780" spans="14:14">
      <c r="N1032780" s="10"/>
    </row>
    <row r="1032781" spans="14:14">
      <c r="N1032781" s="10"/>
    </row>
    <row r="1032782" spans="14:14">
      <c r="N1032782" s="10"/>
    </row>
    <row r="1032783" spans="14:14">
      <c r="N1032783" s="10"/>
    </row>
    <row r="1032784" spans="14:14">
      <c r="N1032784" s="10"/>
    </row>
    <row r="1032785" spans="14:14">
      <c r="N1032785" s="10"/>
    </row>
    <row r="1032786" spans="14:14">
      <c r="N1032786" s="10"/>
    </row>
    <row r="1032787" spans="14:14">
      <c r="N1032787" s="10"/>
    </row>
    <row r="1032788" spans="14:14">
      <c r="N1032788" s="10"/>
    </row>
    <row r="1032789" spans="14:14">
      <c r="N1032789" s="10"/>
    </row>
    <row r="1032790" spans="14:14">
      <c r="N1032790" s="10"/>
    </row>
    <row r="1032791" spans="14:14">
      <c r="N1032791" s="10"/>
    </row>
    <row r="1032792" spans="14:14">
      <c r="N1032792" s="10"/>
    </row>
    <row r="1032793" spans="14:14">
      <c r="N1032793" s="10"/>
    </row>
    <row r="1032794" spans="14:14">
      <c r="N1032794" s="10"/>
    </row>
    <row r="1032795" spans="14:14">
      <c r="N1032795" s="10"/>
    </row>
    <row r="1032796" spans="14:14">
      <c r="N1032796" s="10"/>
    </row>
    <row r="1032797" spans="14:14">
      <c r="N1032797" s="10"/>
    </row>
    <row r="1032798" spans="14:14">
      <c r="N1032798" s="10"/>
    </row>
    <row r="1032799" spans="14:14">
      <c r="N1032799" s="10"/>
    </row>
    <row r="1032800" spans="14:14">
      <c r="N1032800" s="10"/>
    </row>
    <row r="1032801" spans="14:14">
      <c r="N1032801" s="10"/>
    </row>
    <row r="1032802" spans="14:14">
      <c r="N1032802" s="10"/>
    </row>
    <row r="1032803" spans="14:14">
      <c r="N1032803" s="10"/>
    </row>
    <row r="1032804" spans="14:14">
      <c r="N1032804" s="10"/>
    </row>
    <row r="1032805" spans="14:14">
      <c r="N1032805" s="10"/>
    </row>
    <row r="1032806" spans="14:14">
      <c r="N1032806" s="10"/>
    </row>
    <row r="1032807" spans="14:14">
      <c r="N1032807" s="10"/>
    </row>
    <row r="1032808" spans="14:14">
      <c r="N1032808" s="10"/>
    </row>
    <row r="1032809" spans="14:14">
      <c r="N1032809" s="10"/>
    </row>
    <row r="1032810" spans="14:14">
      <c r="N1032810" s="10"/>
    </row>
    <row r="1032811" spans="14:14">
      <c r="N1032811" s="10"/>
    </row>
    <row r="1032812" spans="14:14">
      <c r="N1032812" s="10"/>
    </row>
    <row r="1032813" spans="14:14">
      <c r="N1032813" s="10"/>
    </row>
    <row r="1032814" spans="14:14">
      <c r="N1032814" s="10"/>
    </row>
    <row r="1032815" spans="14:14">
      <c r="N1032815" s="10"/>
    </row>
    <row r="1032816" spans="14:14">
      <c r="N1032816" s="10"/>
    </row>
    <row r="1032817" spans="14:14">
      <c r="N1032817" s="10"/>
    </row>
    <row r="1032818" spans="14:14">
      <c r="N1032818" s="10"/>
    </row>
    <row r="1032819" spans="14:14">
      <c r="N1032819" s="10"/>
    </row>
    <row r="1032820" spans="14:14">
      <c r="N1032820" s="10"/>
    </row>
    <row r="1032821" spans="14:14">
      <c r="N1032821" s="10"/>
    </row>
    <row r="1032822" spans="14:14">
      <c r="N1032822" s="10"/>
    </row>
    <row r="1032823" spans="14:14">
      <c r="N1032823" s="10"/>
    </row>
    <row r="1032824" spans="14:14">
      <c r="N1032824" s="10"/>
    </row>
    <row r="1032825" spans="14:14">
      <c r="N1032825" s="10"/>
    </row>
    <row r="1032826" spans="14:14">
      <c r="N1032826" s="10"/>
    </row>
    <row r="1032827" spans="14:14">
      <c r="N1032827" s="10"/>
    </row>
    <row r="1032828" spans="14:14">
      <c r="N1032828" s="10"/>
    </row>
    <row r="1032829" spans="14:14">
      <c r="N1032829" s="10"/>
    </row>
    <row r="1032830" spans="14:14">
      <c r="N1032830" s="10"/>
    </row>
    <row r="1032831" spans="14:14">
      <c r="N1032831" s="10"/>
    </row>
    <row r="1032832" spans="14:14">
      <c r="N1032832" s="10"/>
    </row>
    <row r="1032833" spans="14:14">
      <c r="N1032833" s="10"/>
    </row>
    <row r="1032834" spans="14:14">
      <c r="N1032834" s="10"/>
    </row>
    <row r="1032835" spans="14:14">
      <c r="N1032835" s="10"/>
    </row>
    <row r="1032836" spans="14:14">
      <c r="N1032836" s="10"/>
    </row>
    <row r="1032837" spans="14:14">
      <c r="N1032837" s="10"/>
    </row>
    <row r="1032838" spans="14:14">
      <c r="N1032838" s="10"/>
    </row>
    <row r="1032839" spans="14:14">
      <c r="N1032839" s="10"/>
    </row>
    <row r="1032840" spans="14:14">
      <c r="N1032840" s="10"/>
    </row>
    <row r="1032841" spans="14:14">
      <c r="N1032841" s="10"/>
    </row>
    <row r="1032842" spans="14:14">
      <c r="N1032842" s="10"/>
    </row>
    <row r="1032843" spans="14:14">
      <c r="N1032843" s="10"/>
    </row>
    <row r="1032844" spans="14:14">
      <c r="N1032844" s="10"/>
    </row>
    <row r="1032845" spans="14:14">
      <c r="N1032845" s="10"/>
    </row>
    <row r="1032846" spans="14:14">
      <c r="N1032846" s="10"/>
    </row>
    <row r="1032847" spans="14:14">
      <c r="N1032847" s="10"/>
    </row>
    <row r="1032848" spans="14:14">
      <c r="N1032848" s="10"/>
    </row>
    <row r="1032849" spans="14:14">
      <c r="N1032849" s="10"/>
    </row>
    <row r="1032850" spans="14:14">
      <c r="N1032850" s="10"/>
    </row>
    <row r="1032851" spans="14:14">
      <c r="N1032851" s="10"/>
    </row>
    <row r="1032852" spans="14:14">
      <c r="N1032852" s="10"/>
    </row>
    <row r="1032853" spans="14:14">
      <c r="N1032853" s="10"/>
    </row>
    <row r="1032854" spans="14:14">
      <c r="N1032854" s="10"/>
    </row>
    <row r="1032855" spans="14:14">
      <c r="N1032855" s="10"/>
    </row>
    <row r="1032856" spans="14:14">
      <c r="N1032856" s="10"/>
    </row>
    <row r="1032857" spans="14:14">
      <c r="N1032857" s="10"/>
    </row>
    <row r="1032858" spans="14:14">
      <c r="N1032858" s="10"/>
    </row>
    <row r="1032859" spans="14:14">
      <c r="N1032859" s="10"/>
    </row>
    <row r="1032860" spans="14:14">
      <c r="N1032860" s="10"/>
    </row>
    <row r="1032861" spans="14:14">
      <c r="N1032861" s="10"/>
    </row>
    <row r="1032862" spans="14:14">
      <c r="N1032862" s="10"/>
    </row>
    <row r="1032863" spans="14:14">
      <c r="N1032863" s="10"/>
    </row>
    <row r="1032864" spans="14:14">
      <c r="N1032864" s="10"/>
    </row>
    <row r="1032865" spans="14:14">
      <c r="N1032865" s="10"/>
    </row>
    <row r="1032866" spans="14:14">
      <c r="N1032866" s="10"/>
    </row>
    <row r="1032867" spans="14:14">
      <c r="N1032867" s="10"/>
    </row>
    <row r="1032868" spans="14:14">
      <c r="N1032868" s="10"/>
    </row>
    <row r="1032869" spans="14:14">
      <c r="N1032869" s="10"/>
    </row>
    <row r="1032870" spans="14:14">
      <c r="N1032870" s="10"/>
    </row>
    <row r="1032871" spans="14:14">
      <c r="N1032871" s="10"/>
    </row>
    <row r="1032872" spans="14:14">
      <c r="N1032872" s="10"/>
    </row>
    <row r="1032873" spans="14:14">
      <c r="N1032873" s="10"/>
    </row>
    <row r="1032874" spans="14:14">
      <c r="N1032874" s="10"/>
    </row>
    <row r="1032875" spans="14:14">
      <c r="N1032875" s="10"/>
    </row>
    <row r="1032876" spans="14:14">
      <c r="N1032876" s="10"/>
    </row>
    <row r="1032877" spans="14:14">
      <c r="N1032877" s="10"/>
    </row>
    <row r="1032878" spans="14:14">
      <c r="N1032878" s="10"/>
    </row>
    <row r="1032879" spans="14:14">
      <c r="N1032879" s="10"/>
    </row>
    <row r="1032880" spans="14:14">
      <c r="N1032880" s="10"/>
    </row>
    <row r="1032881" spans="14:14">
      <c r="N1032881" s="10"/>
    </row>
    <row r="1032882" spans="14:14">
      <c r="N1032882" s="10"/>
    </row>
    <row r="1032883" spans="14:14">
      <c r="N1032883" s="10"/>
    </row>
    <row r="1032884" spans="14:14">
      <c r="N1032884" s="10"/>
    </row>
    <row r="1032885" spans="14:14">
      <c r="N1032885" s="10"/>
    </row>
    <row r="1032886" spans="14:14">
      <c r="N1032886" s="10"/>
    </row>
    <row r="1032887" spans="14:14">
      <c r="N1032887" s="10"/>
    </row>
    <row r="1032888" spans="14:14">
      <c r="N1032888" s="10"/>
    </row>
    <row r="1032889" spans="14:14">
      <c r="N1032889" s="10"/>
    </row>
    <row r="1032890" spans="14:14">
      <c r="N1032890" s="10"/>
    </row>
    <row r="1032891" spans="14:14">
      <c r="N1032891" s="10"/>
    </row>
    <row r="1032892" spans="14:14">
      <c r="N1032892" s="10"/>
    </row>
    <row r="1032893" spans="14:14">
      <c r="N1032893" s="10"/>
    </row>
    <row r="1032894" spans="14:14">
      <c r="N1032894" s="10"/>
    </row>
    <row r="1032895" spans="14:14">
      <c r="N1032895" s="10"/>
    </row>
    <row r="1032896" spans="14:14">
      <c r="N1032896" s="10"/>
    </row>
    <row r="1032897" spans="14:14">
      <c r="N1032897" s="10"/>
    </row>
    <row r="1032898" spans="14:14">
      <c r="N1032898" s="10"/>
    </row>
    <row r="1032899" spans="14:14">
      <c r="N1032899" s="10"/>
    </row>
    <row r="1032900" spans="14:14">
      <c r="N1032900" s="10"/>
    </row>
    <row r="1032901" spans="14:14">
      <c r="N1032901" s="10"/>
    </row>
    <row r="1032902" spans="14:14">
      <c r="N1032902" s="10"/>
    </row>
    <row r="1032903" spans="14:14">
      <c r="N1032903" s="10"/>
    </row>
    <row r="1032904" spans="14:14">
      <c r="N1032904" s="10"/>
    </row>
    <row r="1032905" spans="14:14">
      <c r="N1032905" s="10"/>
    </row>
    <row r="1032906" spans="14:14">
      <c r="N1032906" s="10"/>
    </row>
    <row r="1032907" spans="14:14">
      <c r="N1032907" s="10"/>
    </row>
    <row r="1032908" spans="14:14">
      <c r="N1032908" s="10"/>
    </row>
    <row r="1032909" spans="14:14">
      <c r="N1032909" s="10"/>
    </row>
    <row r="1032910" spans="14:14">
      <c r="N1032910" s="10"/>
    </row>
    <row r="1032911" spans="14:14">
      <c r="N1032911" s="10"/>
    </row>
    <row r="1032912" spans="14:14">
      <c r="N1032912" s="10"/>
    </row>
    <row r="1032913" spans="14:14">
      <c r="N1032913" s="10"/>
    </row>
    <row r="1032914" spans="14:14">
      <c r="N1032914" s="10"/>
    </row>
    <row r="1032915" spans="14:14">
      <c r="N1032915" s="10"/>
    </row>
    <row r="1032916" spans="14:14">
      <c r="N1032916" s="10"/>
    </row>
    <row r="1032917" spans="14:14">
      <c r="N1032917" s="10"/>
    </row>
    <row r="1032918" spans="14:14">
      <c r="N1032918" s="10"/>
    </row>
    <row r="1032919" spans="14:14">
      <c r="N1032919" s="10"/>
    </row>
    <row r="1032920" spans="14:14">
      <c r="N1032920" s="10"/>
    </row>
    <row r="1032921" spans="14:14">
      <c r="N1032921" s="10"/>
    </row>
    <row r="1032922" spans="14:14">
      <c r="N1032922" s="10"/>
    </row>
    <row r="1032923" spans="14:14">
      <c r="N1032923" s="10"/>
    </row>
    <row r="1032924" spans="14:14">
      <c r="N1032924" s="10"/>
    </row>
    <row r="1032925" spans="14:14">
      <c r="N1032925" s="10"/>
    </row>
    <row r="1032926" spans="14:14">
      <c r="N1032926" s="10"/>
    </row>
    <row r="1032927" spans="14:14">
      <c r="N1032927" s="10"/>
    </row>
    <row r="1032928" spans="14:14">
      <c r="N1032928" s="10"/>
    </row>
    <row r="1032929" spans="14:14">
      <c r="N1032929" s="10"/>
    </row>
    <row r="1032930" spans="14:14">
      <c r="N1032930" s="10"/>
    </row>
    <row r="1032931" spans="14:14">
      <c r="N1032931" s="10"/>
    </row>
    <row r="1032932" spans="14:14">
      <c r="N1032932" s="10"/>
    </row>
    <row r="1032933" spans="14:14">
      <c r="N1032933" s="10"/>
    </row>
    <row r="1032934" spans="14:14">
      <c r="N1032934" s="10"/>
    </row>
    <row r="1032935" spans="14:14">
      <c r="N1032935" s="10"/>
    </row>
    <row r="1032936" spans="14:14">
      <c r="N1032936" s="10"/>
    </row>
    <row r="1032937" spans="14:14">
      <c r="N1032937" s="10"/>
    </row>
    <row r="1032938" spans="14:14">
      <c r="N1032938" s="10"/>
    </row>
    <row r="1032939" spans="14:14">
      <c r="N1032939" s="10"/>
    </row>
    <row r="1032940" spans="14:14">
      <c r="N1032940" s="10"/>
    </row>
    <row r="1032941" spans="14:14">
      <c r="N1032941" s="10"/>
    </row>
    <row r="1032942" spans="14:14">
      <c r="N1032942" s="10"/>
    </row>
    <row r="1032943" spans="14:14">
      <c r="N1032943" s="10"/>
    </row>
    <row r="1032944" spans="14:14">
      <c r="N1032944" s="10"/>
    </row>
    <row r="1032945" spans="14:14">
      <c r="N1032945" s="10"/>
    </row>
    <row r="1032946" spans="14:14">
      <c r="N1032946" s="10"/>
    </row>
    <row r="1032947" spans="14:14">
      <c r="N1032947" s="10"/>
    </row>
    <row r="1032948" spans="14:14">
      <c r="N1032948" s="10"/>
    </row>
    <row r="1032949" spans="14:14">
      <c r="N1032949" s="10"/>
    </row>
    <row r="1032950" spans="14:14">
      <c r="N1032950" s="10"/>
    </row>
    <row r="1032951" spans="14:14">
      <c r="N1032951" s="10"/>
    </row>
    <row r="1032952" spans="14:14">
      <c r="N1032952" s="10"/>
    </row>
    <row r="1032953" spans="14:14">
      <c r="N1032953" s="10"/>
    </row>
    <row r="1032954" spans="14:14">
      <c r="N1032954" s="10"/>
    </row>
    <row r="1032955" spans="14:14">
      <c r="N1032955" s="10"/>
    </row>
    <row r="1032956" spans="14:14">
      <c r="N1032956" s="10"/>
    </row>
    <row r="1032957" spans="14:14">
      <c r="N1032957" s="10"/>
    </row>
    <row r="1032958" spans="14:14">
      <c r="N1032958" s="10"/>
    </row>
    <row r="1032959" spans="14:14">
      <c r="N1032959" s="10"/>
    </row>
    <row r="1032960" spans="14:14">
      <c r="N1032960" s="10"/>
    </row>
    <row r="1032961" spans="14:14">
      <c r="N1032961" s="10"/>
    </row>
    <row r="1032962" spans="14:14">
      <c r="N1032962" s="10"/>
    </row>
    <row r="1032963" spans="14:14">
      <c r="N1032963" s="10"/>
    </row>
    <row r="1032964" spans="14:14">
      <c r="N1032964" s="10"/>
    </row>
    <row r="1032965" spans="14:14">
      <c r="N1032965" s="10"/>
    </row>
    <row r="1032966" spans="14:14">
      <c r="N1032966" s="10"/>
    </row>
    <row r="1032967" spans="14:14">
      <c r="N1032967" s="10"/>
    </row>
    <row r="1032968" spans="14:14">
      <c r="N1032968" s="10"/>
    </row>
    <row r="1032969" spans="14:14">
      <c r="N1032969" s="10"/>
    </row>
    <row r="1032970" spans="14:14">
      <c r="N1032970" s="10"/>
    </row>
    <row r="1032971" spans="14:14">
      <c r="N1032971" s="10"/>
    </row>
    <row r="1032972" spans="14:14">
      <c r="N1032972" s="10"/>
    </row>
    <row r="1032973" spans="14:14">
      <c r="N1032973" s="10"/>
    </row>
    <row r="1032974" spans="14:14">
      <c r="N1032974" s="10"/>
    </row>
    <row r="1032975" spans="14:14">
      <c r="N1032975" s="10"/>
    </row>
    <row r="1032976" spans="14:14">
      <c r="N1032976" s="10"/>
    </row>
    <row r="1032977" spans="14:14">
      <c r="N1032977" s="10"/>
    </row>
    <row r="1032978" spans="14:14">
      <c r="N1032978" s="10"/>
    </row>
    <row r="1032979" spans="14:14">
      <c r="N1032979" s="10"/>
    </row>
    <row r="1032980" spans="14:14">
      <c r="N1032980" s="10"/>
    </row>
    <row r="1032981" spans="14:14">
      <c r="N1032981" s="10"/>
    </row>
    <row r="1032982" spans="14:14">
      <c r="N1032982" s="10"/>
    </row>
    <row r="1032983" spans="14:14">
      <c r="N1032983" s="10"/>
    </row>
    <row r="1032984" spans="14:14">
      <c r="N1032984" s="10"/>
    </row>
    <row r="1032985" spans="14:14">
      <c r="N1032985" s="10"/>
    </row>
    <row r="1032986" spans="14:14">
      <c r="N1032986" s="10"/>
    </row>
    <row r="1032987" spans="14:14">
      <c r="N1032987" s="10"/>
    </row>
    <row r="1032988" spans="14:14">
      <c r="N1032988" s="10"/>
    </row>
    <row r="1032989" spans="14:14">
      <c r="N1032989" s="10"/>
    </row>
    <row r="1032990" spans="14:14">
      <c r="N1032990" s="10"/>
    </row>
    <row r="1032991" spans="14:14">
      <c r="N1032991" s="10"/>
    </row>
    <row r="1032992" spans="14:14">
      <c r="N1032992" s="10"/>
    </row>
    <row r="1032993" spans="14:14">
      <c r="N1032993" s="10"/>
    </row>
    <row r="1032994" spans="14:14">
      <c r="N1032994" s="10"/>
    </row>
    <row r="1032995" spans="14:14">
      <c r="N1032995" s="10"/>
    </row>
    <row r="1032996" spans="14:14">
      <c r="N1032996" s="10"/>
    </row>
    <row r="1032997" spans="14:14">
      <c r="N1032997" s="10"/>
    </row>
    <row r="1032998" spans="14:14">
      <c r="N1032998" s="10"/>
    </row>
    <row r="1032999" spans="14:14">
      <c r="N1032999" s="10"/>
    </row>
    <row r="1033000" spans="14:14">
      <c r="N1033000" s="10"/>
    </row>
    <row r="1033001" spans="14:14">
      <c r="N1033001" s="10"/>
    </row>
    <row r="1033002" spans="14:14">
      <c r="N1033002" s="10"/>
    </row>
    <row r="1033003" spans="14:14">
      <c r="N1033003" s="10"/>
    </row>
    <row r="1033004" spans="14:14">
      <c r="N1033004" s="10"/>
    </row>
    <row r="1033005" spans="14:14">
      <c r="N1033005" s="10"/>
    </row>
    <row r="1033006" spans="14:14">
      <c r="N1033006" s="10"/>
    </row>
    <row r="1033007" spans="14:14">
      <c r="N1033007" s="10"/>
    </row>
    <row r="1033008" spans="14:14">
      <c r="N1033008" s="10"/>
    </row>
    <row r="1033009" spans="14:14">
      <c r="N1033009" s="10"/>
    </row>
    <row r="1033010" spans="14:14">
      <c r="N1033010" s="10"/>
    </row>
    <row r="1033011" spans="14:14">
      <c r="N1033011" s="10"/>
    </row>
    <row r="1033012" spans="14:14">
      <c r="N1033012" s="10"/>
    </row>
    <row r="1033013" spans="14:14">
      <c r="N1033013" s="10"/>
    </row>
    <row r="1033014" spans="14:14">
      <c r="N1033014" s="10"/>
    </row>
    <row r="1033015" spans="14:14">
      <c r="N1033015" s="10"/>
    </row>
    <row r="1033016" spans="14:14">
      <c r="N1033016" s="10"/>
    </row>
    <row r="1033017" spans="14:14">
      <c r="N1033017" s="10"/>
    </row>
    <row r="1033018" spans="14:14">
      <c r="N1033018" s="10"/>
    </row>
    <row r="1033019" spans="14:14">
      <c r="N1033019" s="10"/>
    </row>
    <row r="1033020" spans="14:14">
      <c r="N1033020" s="10"/>
    </row>
    <row r="1033021" spans="14:14">
      <c r="N1033021" s="10"/>
    </row>
    <row r="1033022" spans="14:14">
      <c r="N1033022" s="10"/>
    </row>
    <row r="1033023" spans="14:14">
      <c r="N1033023" s="10"/>
    </row>
    <row r="1033024" spans="14:14">
      <c r="N1033024" s="10"/>
    </row>
    <row r="1033025" spans="14:14">
      <c r="N1033025" s="10"/>
    </row>
    <row r="1033026" spans="14:14">
      <c r="N1033026" s="10"/>
    </row>
    <row r="1033027" spans="14:14">
      <c r="N1033027" s="10"/>
    </row>
    <row r="1033028" spans="14:14">
      <c r="N1033028" s="10"/>
    </row>
    <row r="1033029" spans="14:14">
      <c r="N1033029" s="10"/>
    </row>
    <row r="1033030" spans="14:14">
      <c r="N1033030" s="10"/>
    </row>
    <row r="1033031" spans="14:14">
      <c r="N1033031" s="10"/>
    </row>
    <row r="1033032" spans="14:14">
      <c r="N1033032" s="10"/>
    </row>
    <row r="1033033" spans="14:14">
      <c r="N1033033" s="10"/>
    </row>
    <row r="1033034" spans="14:14">
      <c r="N1033034" s="10"/>
    </row>
    <row r="1033035" spans="14:14">
      <c r="N1033035" s="10"/>
    </row>
    <row r="1033036" spans="14:14">
      <c r="N1033036" s="10"/>
    </row>
    <row r="1033037" spans="14:14">
      <c r="N1033037" s="10"/>
    </row>
    <row r="1033038" spans="14:14">
      <c r="N1033038" s="10"/>
    </row>
    <row r="1033039" spans="14:14">
      <c r="N1033039" s="10"/>
    </row>
    <row r="1033040" spans="14:14">
      <c r="N1033040" s="10"/>
    </row>
    <row r="1033041" spans="14:14">
      <c r="N1033041" s="10"/>
    </row>
    <row r="1033042" spans="14:14">
      <c r="N1033042" s="10"/>
    </row>
    <row r="1033043" spans="14:14">
      <c r="N1033043" s="10"/>
    </row>
    <row r="1033044" spans="14:14">
      <c r="N1033044" s="10"/>
    </row>
    <row r="1033045" spans="14:14">
      <c r="N1033045" s="10"/>
    </row>
    <row r="1033046" spans="14:14">
      <c r="N1033046" s="10"/>
    </row>
    <row r="1033047" spans="14:14">
      <c r="N1033047" s="10"/>
    </row>
    <row r="1033048" spans="14:14">
      <c r="N1033048" s="10"/>
    </row>
    <row r="1033049" spans="14:14">
      <c r="N1033049" s="10"/>
    </row>
    <row r="1033050" spans="14:14">
      <c r="N1033050" s="10"/>
    </row>
    <row r="1033051" spans="14:14">
      <c r="N1033051" s="10"/>
    </row>
    <row r="1033052" spans="14:14">
      <c r="N1033052" s="10"/>
    </row>
    <row r="1033053" spans="14:14">
      <c r="N1033053" s="10"/>
    </row>
    <row r="1033054" spans="14:14">
      <c r="N1033054" s="10"/>
    </row>
    <row r="1033055" spans="14:14">
      <c r="N1033055" s="10"/>
    </row>
    <row r="1033056" spans="14:14">
      <c r="N1033056" s="10"/>
    </row>
    <row r="1033057" spans="14:14">
      <c r="N1033057" s="10"/>
    </row>
    <row r="1033058" spans="14:14">
      <c r="N1033058" s="10"/>
    </row>
    <row r="1033059" spans="14:14">
      <c r="N1033059" s="10"/>
    </row>
    <row r="1033060" spans="14:14">
      <c r="N1033060" s="10"/>
    </row>
    <row r="1033061" spans="14:14">
      <c r="N1033061" s="10"/>
    </row>
    <row r="1033062" spans="14:14">
      <c r="N1033062" s="10"/>
    </row>
    <row r="1033063" spans="14:14">
      <c r="N1033063" s="10"/>
    </row>
    <row r="1033064" spans="14:14">
      <c r="N1033064" s="10"/>
    </row>
    <row r="1033065" spans="14:14">
      <c r="N1033065" s="10"/>
    </row>
    <row r="1033066" spans="14:14">
      <c r="N1033066" s="10"/>
    </row>
    <row r="1033067" spans="14:14">
      <c r="N1033067" s="10"/>
    </row>
    <row r="1033068" spans="14:14">
      <c r="N1033068" s="10"/>
    </row>
    <row r="1033069" spans="14:14">
      <c r="N1033069" s="10"/>
    </row>
    <row r="1033070" spans="14:14">
      <c r="N1033070" s="10"/>
    </row>
    <row r="1033071" spans="14:14">
      <c r="N1033071" s="10"/>
    </row>
    <row r="1033072" spans="14:14">
      <c r="N1033072" s="10"/>
    </row>
    <row r="1033073" spans="14:14">
      <c r="N1033073" s="10"/>
    </row>
    <row r="1033074" spans="14:14">
      <c r="N1033074" s="10"/>
    </row>
    <row r="1033075" spans="14:14">
      <c r="N1033075" s="10"/>
    </row>
    <row r="1033076" spans="14:14">
      <c r="N1033076" s="10"/>
    </row>
    <row r="1033077" spans="14:14">
      <c r="N1033077" s="10"/>
    </row>
    <row r="1033078" spans="14:14">
      <c r="N1033078" s="10"/>
    </row>
    <row r="1033079" spans="14:14">
      <c r="N1033079" s="10"/>
    </row>
    <row r="1033080" spans="14:14">
      <c r="N1033080" s="10"/>
    </row>
    <row r="1033081" spans="14:14">
      <c r="N1033081" s="10"/>
    </row>
    <row r="1033082" spans="14:14">
      <c r="N1033082" s="10"/>
    </row>
    <row r="1033083" spans="14:14">
      <c r="N1033083" s="10"/>
    </row>
    <row r="1033084" spans="14:14">
      <c r="N1033084" s="10"/>
    </row>
    <row r="1033085" spans="14:14">
      <c r="N1033085" s="10"/>
    </row>
    <row r="1033086" spans="14:14">
      <c r="N1033086" s="10"/>
    </row>
    <row r="1033087" spans="14:14">
      <c r="N1033087" s="10"/>
    </row>
    <row r="1033088" spans="14:14">
      <c r="N1033088" s="10"/>
    </row>
    <row r="1033089" spans="14:14">
      <c r="N1033089" s="10"/>
    </row>
    <row r="1033090" spans="14:14">
      <c r="N1033090" s="10"/>
    </row>
    <row r="1033091" spans="14:14">
      <c r="N1033091" s="10"/>
    </row>
    <row r="1033092" spans="14:14">
      <c r="N1033092" s="10"/>
    </row>
    <row r="1033093" spans="14:14">
      <c r="N1033093" s="10"/>
    </row>
    <row r="1033094" spans="14:14">
      <c r="N1033094" s="10"/>
    </row>
    <row r="1033095" spans="14:14">
      <c r="N1033095" s="10"/>
    </row>
    <row r="1033096" spans="14:14">
      <c r="N1033096" s="10"/>
    </row>
    <row r="1033097" spans="14:14">
      <c r="N1033097" s="10"/>
    </row>
    <row r="1033098" spans="14:14">
      <c r="N1033098" s="10"/>
    </row>
    <row r="1033099" spans="14:14">
      <c r="N1033099" s="10"/>
    </row>
    <row r="1033100" spans="14:14">
      <c r="N1033100" s="10"/>
    </row>
    <row r="1033101" spans="14:14">
      <c r="N1033101" s="10"/>
    </row>
    <row r="1033102" spans="14:14">
      <c r="N1033102" s="10"/>
    </row>
    <row r="1033103" spans="14:14">
      <c r="N1033103" s="10"/>
    </row>
    <row r="1033104" spans="14:14">
      <c r="N1033104" s="10"/>
    </row>
    <row r="1033105" spans="14:14">
      <c r="N1033105" s="10"/>
    </row>
    <row r="1033106" spans="14:14">
      <c r="N1033106" s="10"/>
    </row>
    <row r="1033107" spans="14:14">
      <c r="N1033107" s="10"/>
    </row>
    <row r="1033108" spans="14:14">
      <c r="N1033108" s="10"/>
    </row>
    <row r="1033109" spans="14:14">
      <c r="N1033109" s="10"/>
    </row>
    <row r="1033110" spans="14:14">
      <c r="N1033110" s="10"/>
    </row>
    <row r="1033111" spans="14:14">
      <c r="N1033111" s="10"/>
    </row>
    <row r="1033112" spans="14:14">
      <c r="N1033112" s="10"/>
    </row>
    <row r="1033113" spans="14:14">
      <c r="N1033113" s="10"/>
    </row>
    <row r="1033114" spans="14:14">
      <c r="N1033114" s="10"/>
    </row>
    <row r="1033115" spans="14:14">
      <c r="N1033115" s="10"/>
    </row>
    <row r="1033116" spans="14:14">
      <c r="N1033116" s="10"/>
    </row>
    <row r="1033117" spans="14:14">
      <c r="N1033117" s="10"/>
    </row>
    <row r="1033118" spans="14:14">
      <c r="N1033118" s="10"/>
    </row>
    <row r="1033119" spans="14:14">
      <c r="N1033119" s="10"/>
    </row>
    <row r="1033120" spans="14:14">
      <c r="N1033120" s="10"/>
    </row>
    <row r="1033121" spans="14:14">
      <c r="N1033121" s="10"/>
    </row>
    <row r="1033122" spans="14:14">
      <c r="N1033122" s="10"/>
    </row>
    <row r="1033123" spans="14:14">
      <c r="N1033123" s="10"/>
    </row>
    <row r="1033124" spans="14:14">
      <c r="N1033124" s="10"/>
    </row>
    <row r="1033125" spans="14:14">
      <c r="N1033125" s="10"/>
    </row>
    <row r="1033126" spans="14:14">
      <c r="N1033126" s="10"/>
    </row>
    <row r="1033127" spans="14:14">
      <c r="N1033127" s="10"/>
    </row>
    <row r="1033128" spans="14:14">
      <c r="N1033128" s="10"/>
    </row>
    <row r="1033129" spans="14:14">
      <c r="N1033129" s="10"/>
    </row>
    <row r="1033130" spans="14:14">
      <c r="N1033130" s="10"/>
    </row>
    <row r="1033131" spans="14:14">
      <c r="N1033131" s="10"/>
    </row>
    <row r="1033132" spans="14:14">
      <c r="N1033132" s="10"/>
    </row>
    <row r="1033133" spans="14:14">
      <c r="N1033133" s="10"/>
    </row>
    <row r="1033134" spans="14:14">
      <c r="N1033134" s="10"/>
    </row>
    <row r="1033135" spans="14:14">
      <c r="N1033135" s="10"/>
    </row>
    <row r="1033136" spans="14:14">
      <c r="N1033136" s="10"/>
    </row>
    <row r="1033137" spans="14:14">
      <c r="N1033137" s="10"/>
    </row>
    <row r="1033138" spans="14:14">
      <c r="N1033138" s="10"/>
    </row>
    <row r="1033139" spans="14:14">
      <c r="N1033139" s="10"/>
    </row>
    <row r="1033140" spans="14:14">
      <c r="N1033140" s="10"/>
    </row>
    <row r="1033141" spans="14:14">
      <c r="N1033141" s="10"/>
    </row>
    <row r="1033142" spans="14:14">
      <c r="N1033142" s="10"/>
    </row>
    <row r="1033143" spans="14:14">
      <c r="N1033143" s="10"/>
    </row>
    <row r="1033144" spans="14:14">
      <c r="N1033144" s="10"/>
    </row>
    <row r="1033145" spans="14:14">
      <c r="N1033145" s="10"/>
    </row>
    <row r="1033146" spans="14:14">
      <c r="N1033146" s="10"/>
    </row>
    <row r="1033147" spans="14:14">
      <c r="N1033147" s="10"/>
    </row>
    <row r="1033148" spans="14:14">
      <c r="N1033148" s="10"/>
    </row>
    <row r="1033149" spans="14:14">
      <c r="N1033149" s="10"/>
    </row>
    <row r="1033150" spans="14:14">
      <c r="N1033150" s="10"/>
    </row>
    <row r="1033151" spans="14:14">
      <c r="N1033151" s="10"/>
    </row>
    <row r="1033152" spans="14:14">
      <c r="N1033152" s="10"/>
    </row>
    <row r="1033153" spans="14:14">
      <c r="N1033153" s="10"/>
    </row>
    <row r="1033154" spans="14:14">
      <c r="N1033154" s="10"/>
    </row>
    <row r="1033155" spans="14:14">
      <c r="N1033155" s="10"/>
    </row>
    <row r="1033156" spans="14:14">
      <c r="N1033156" s="10"/>
    </row>
    <row r="1033157" spans="14:14">
      <c r="N1033157" s="10"/>
    </row>
    <row r="1033158" spans="14:14">
      <c r="N1033158" s="10"/>
    </row>
    <row r="1033159" spans="14:14">
      <c r="N1033159" s="10"/>
    </row>
    <row r="1033160" spans="14:14">
      <c r="N1033160" s="10"/>
    </row>
    <row r="1033161" spans="14:14">
      <c r="N1033161" s="10"/>
    </row>
    <row r="1033162" spans="14:14">
      <c r="N1033162" s="10"/>
    </row>
    <row r="1033163" spans="14:14">
      <c r="N1033163" s="10"/>
    </row>
    <row r="1033164" spans="14:14">
      <c r="N1033164" s="10"/>
    </row>
    <row r="1033165" spans="14:14">
      <c r="N1033165" s="10"/>
    </row>
    <row r="1033166" spans="14:14">
      <c r="N1033166" s="10"/>
    </row>
    <row r="1033167" spans="14:14">
      <c r="N1033167" s="10"/>
    </row>
    <row r="1033168" spans="14:14">
      <c r="N1033168" s="10"/>
    </row>
    <row r="1033169" spans="14:14">
      <c r="N1033169" s="10"/>
    </row>
    <row r="1033170" spans="14:14">
      <c r="N1033170" s="10"/>
    </row>
    <row r="1033171" spans="14:14">
      <c r="N1033171" s="10"/>
    </row>
    <row r="1033172" spans="14:14">
      <c r="N1033172" s="10"/>
    </row>
    <row r="1033173" spans="14:14">
      <c r="N1033173" s="10"/>
    </row>
    <row r="1033174" spans="14:14">
      <c r="N1033174" s="10"/>
    </row>
    <row r="1033175" spans="14:14">
      <c r="N1033175" s="10"/>
    </row>
    <row r="1033176" spans="14:14">
      <c r="N1033176" s="10"/>
    </row>
    <row r="1033177" spans="14:14">
      <c r="N1033177" s="10"/>
    </row>
    <row r="1033178" spans="14:14">
      <c r="N1033178" s="10"/>
    </row>
    <row r="1033179" spans="14:14">
      <c r="N1033179" s="10"/>
    </row>
    <row r="1033180" spans="14:14">
      <c r="N1033180" s="10"/>
    </row>
    <row r="1033181" spans="14:14">
      <c r="N1033181" s="10"/>
    </row>
    <row r="1033182" spans="14:14">
      <c r="N1033182" s="10"/>
    </row>
    <row r="1033183" spans="14:14">
      <c r="N1033183" s="10"/>
    </row>
    <row r="1033184" spans="14:14">
      <c r="N1033184" s="10"/>
    </row>
    <row r="1033185" spans="14:14">
      <c r="N1033185" s="10"/>
    </row>
    <row r="1033186" spans="14:14">
      <c r="N1033186" s="10"/>
    </row>
    <row r="1033187" spans="14:14">
      <c r="N1033187" s="10"/>
    </row>
    <row r="1033188" spans="14:14">
      <c r="N1033188" s="10"/>
    </row>
    <row r="1033189" spans="14:14">
      <c r="N1033189" s="10"/>
    </row>
    <row r="1033190" spans="14:14">
      <c r="N1033190" s="10"/>
    </row>
    <row r="1033191" spans="14:14">
      <c r="N1033191" s="10"/>
    </row>
    <row r="1033192" spans="14:14">
      <c r="N1033192" s="10"/>
    </row>
    <row r="1033193" spans="14:14">
      <c r="N1033193" s="10"/>
    </row>
    <row r="1033194" spans="14:14">
      <c r="N1033194" s="10"/>
    </row>
    <row r="1033195" spans="14:14">
      <c r="N1033195" s="10"/>
    </row>
    <row r="1033196" spans="14:14">
      <c r="N1033196" s="10"/>
    </row>
    <row r="1033197" spans="14:14">
      <c r="N1033197" s="10"/>
    </row>
    <row r="1033198" spans="14:14">
      <c r="N1033198" s="10"/>
    </row>
    <row r="1033199" spans="14:14">
      <c r="N1033199" s="10"/>
    </row>
    <row r="1033200" spans="14:14">
      <c r="N1033200" s="10"/>
    </row>
    <row r="1033201" spans="14:14">
      <c r="N1033201" s="10"/>
    </row>
    <row r="1033202" spans="14:14">
      <c r="N1033202" s="10"/>
    </row>
    <row r="1033203" spans="14:14">
      <c r="N1033203" s="10"/>
    </row>
    <row r="1033204" spans="14:14">
      <c r="N1033204" s="10"/>
    </row>
    <row r="1033205" spans="14:14">
      <c r="N1033205" s="10"/>
    </row>
    <row r="1033206" spans="14:14">
      <c r="N1033206" s="10"/>
    </row>
    <row r="1033207" spans="14:14">
      <c r="N1033207" s="10"/>
    </row>
    <row r="1033208" spans="14:14">
      <c r="N1033208" s="10"/>
    </row>
    <row r="1033209" spans="14:14">
      <c r="N1033209" s="10"/>
    </row>
    <row r="1033210" spans="14:14">
      <c r="N1033210" s="10"/>
    </row>
    <row r="1033211" spans="14:14">
      <c r="N1033211" s="10"/>
    </row>
    <row r="1033212" spans="14:14">
      <c r="N1033212" s="10"/>
    </row>
    <row r="1033213" spans="14:14">
      <c r="N1033213" s="10"/>
    </row>
    <row r="1033214" spans="14:14">
      <c r="N1033214" s="10"/>
    </row>
    <row r="1033215" spans="14:14">
      <c r="N1033215" s="10"/>
    </row>
    <row r="1033216" spans="14:14">
      <c r="N1033216" s="10"/>
    </row>
    <row r="1033217" spans="14:14">
      <c r="N1033217" s="10"/>
    </row>
    <row r="1033218" spans="14:14">
      <c r="N1033218" s="10"/>
    </row>
    <row r="1033219" spans="14:14">
      <c r="N1033219" s="10"/>
    </row>
    <row r="1033220" spans="14:14">
      <c r="N1033220" s="10"/>
    </row>
    <row r="1033221" spans="14:14">
      <c r="N1033221" s="10"/>
    </row>
    <row r="1033222" spans="14:14">
      <c r="N1033222" s="10"/>
    </row>
    <row r="1033223" spans="14:14">
      <c r="N1033223" s="10"/>
    </row>
    <row r="1033224" spans="14:14">
      <c r="N1033224" s="10"/>
    </row>
    <row r="1033225" spans="14:14">
      <c r="N1033225" s="10"/>
    </row>
    <row r="1033226" spans="14:14">
      <c r="N1033226" s="10"/>
    </row>
    <row r="1033227" spans="14:14">
      <c r="N1033227" s="10"/>
    </row>
    <row r="1033228" spans="14:14">
      <c r="N1033228" s="10"/>
    </row>
    <row r="1033229" spans="14:14">
      <c r="N1033229" s="10"/>
    </row>
    <row r="1033230" spans="14:14">
      <c r="N1033230" s="10"/>
    </row>
    <row r="1033231" spans="14:14">
      <c r="N1033231" s="10"/>
    </row>
    <row r="1033232" spans="14:14">
      <c r="N1033232" s="10"/>
    </row>
    <row r="1033233" spans="14:14">
      <c r="N1033233" s="10"/>
    </row>
    <row r="1033234" spans="14:14">
      <c r="N1033234" s="10"/>
    </row>
    <row r="1033235" spans="14:14">
      <c r="N1033235" s="10"/>
    </row>
    <row r="1033236" spans="14:14">
      <c r="N1033236" s="10"/>
    </row>
    <row r="1033237" spans="14:14">
      <c r="N1033237" s="10"/>
    </row>
    <row r="1033238" spans="14:14">
      <c r="N1033238" s="10"/>
    </row>
    <row r="1033239" spans="14:14">
      <c r="N1033239" s="10"/>
    </row>
    <row r="1033240" spans="14:14">
      <c r="N1033240" s="10"/>
    </row>
    <row r="1033241" spans="14:14">
      <c r="N1033241" s="10"/>
    </row>
    <row r="1033242" spans="14:14">
      <c r="N1033242" s="10"/>
    </row>
    <row r="1033243" spans="14:14">
      <c r="N1033243" s="10"/>
    </row>
    <row r="1033244" spans="14:14">
      <c r="N1033244" s="10"/>
    </row>
    <row r="1033245" spans="14:14">
      <c r="N1033245" s="10"/>
    </row>
    <row r="1033246" spans="14:14">
      <c r="N1033246" s="10"/>
    </row>
    <row r="1033247" spans="14:14">
      <c r="N1033247" s="10"/>
    </row>
    <row r="1033248" spans="14:14">
      <c r="N1033248" s="10"/>
    </row>
    <row r="1033249" spans="14:14">
      <c r="N1033249" s="10"/>
    </row>
    <row r="1033250" spans="14:14">
      <c r="N1033250" s="10"/>
    </row>
    <row r="1033251" spans="14:14">
      <c r="N1033251" s="10"/>
    </row>
    <row r="1033252" spans="14:14">
      <c r="N1033252" s="10"/>
    </row>
    <row r="1033253" spans="14:14">
      <c r="N1033253" s="10"/>
    </row>
    <row r="1033254" spans="14:14">
      <c r="N1033254" s="10"/>
    </row>
    <row r="1033255" spans="14:14">
      <c r="N1033255" s="10"/>
    </row>
    <row r="1033256" spans="14:14">
      <c r="N1033256" s="10"/>
    </row>
    <row r="1033257" spans="14:14">
      <c r="N1033257" s="10"/>
    </row>
    <row r="1033258" spans="14:14">
      <c r="N1033258" s="10"/>
    </row>
    <row r="1033259" spans="14:14">
      <c r="N1033259" s="10"/>
    </row>
    <row r="1033260" spans="14:14">
      <c r="N1033260" s="10"/>
    </row>
    <row r="1033261" spans="14:14">
      <c r="N1033261" s="10"/>
    </row>
    <row r="1033262" spans="14:14">
      <c r="N1033262" s="10"/>
    </row>
    <row r="1033263" spans="14:14">
      <c r="N1033263" s="10"/>
    </row>
    <row r="1033264" spans="14:14">
      <c r="N1033264" s="10"/>
    </row>
    <row r="1033265" spans="14:14">
      <c r="N1033265" s="10"/>
    </row>
    <row r="1033266" spans="14:14">
      <c r="N1033266" s="10"/>
    </row>
    <row r="1033267" spans="14:14">
      <c r="N1033267" s="10"/>
    </row>
    <row r="1033268" spans="14:14">
      <c r="N1033268" s="10"/>
    </row>
    <row r="1033269" spans="14:14">
      <c r="N1033269" s="10"/>
    </row>
    <row r="1033270" spans="14:14">
      <c r="N1033270" s="10"/>
    </row>
    <row r="1033271" spans="14:14">
      <c r="N1033271" s="10"/>
    </row>
    <row r="1033272" spans="14:14">
      <c r="N1033272" s="10"/>
    </row>
    <row r="1033273" spans="14:14">
      <c r="N1033273" s="10"/>
    </row>
    <row r="1033274" spans="14:14">
      <c r="N1033274" s="10"/>
    </row>
    <row r="1033275" spans="14:14">
      <c r="N1033275" s="10"/>
    </row>
    <row r="1033276" spans="14:14">
      <c r="N1033276" s="10"/>
    </row>
    <row r="1033277" spans="14:14">
      <c r="N1033277" s="10"/>
    </row>
    <row r="1033278" spans="14:14">
      <c r="N1033278" s="10"/>
    </row>
    <row r="1033279" spans="14:14">
      <c r="N1033279" s="10"/>
    </row>
    <row r="1033280" spans="14:14">
      <c r="N1033280" s="10"/>
    </row>
    <row r="1033281" spans="14:14">
      <c r="N1033281" s="10"/>
    </row>
    <row r="1033282" spans="14:14">
      <c r="N1033282" s="10"/>
    </row>
    <row r="1033283" spans="14:14">
      <c r="N1033283" s="10"/>
    </row>
    <row r="1033284" spans="14:14">
      <c r="N1033284" s="10"/>
    </row>
    <row r="1033285" spans="14:14">
      <c r="N1033285" s="10"/>
    </row>
    <row r="1033286" spans="14:14">
      <c r="N1033286" s="10"/>
    </row>
    <row r="1033287" spans="14:14">
      <c r="N1033287" s="10"/>
    </row>
    <row r="1033288" spans="14:14">
      <c r="N1033288" s="10"/>
    </row>
    <row r="1033289" spans="14:14">
      <c r="N1033289" s="10"/>
    </row>
    <row r="1033290" spans="14:14">
      <c r="N1033290" s="10"/>
    </row>
    <row r="1033291" spans="14:14">
      <c r="N1033291" s="10"/>
    </row>
    <row r="1033292" spans="14:14">
      <c r="N1033292" s="10"/>
    </row>
    <row r="1033293" spans="14:14">
      <c r="N1033293" s="10"/>
    </row>
    <row r="1033294" spans="14:14">
      <c r="N1033294" s="10"/>
    </row>
    <row r="1033295" spans="14:14">
      <c r="N1033295" s="10"/>
    </row>
    <row r="1033296" spans="14:14">
      <c r="N1033296" s="10"/>
    </row>
    <row r="1033297" spans="14:14">
      <c r="N1033297" s="10"/>
    </row>
    <row r="1033298" spans="14:14">
      <c r="N1033298" s="10"/>
    </row>
    <row r="1033299" spans="14:14">
      <c r="N1033299" s="10"/>
    </row>
    <row r="1033300" spans="14:14">
      <c r="N1033300" s="10"/>
    </row>
    <row r="1033301" spans="14:14">
      <c r="N1033301" s="10"/>
    </row>
    <row r="1033302" spans="14:14">
      <c r="N1033302" s="10"/>
    </row>
    <row r="1033303" spans="14:14">
      <c r="N1033303" s="10"/>
    </row>
    <row r="1033304" spans="14:14">
      <c r="N1033304" s="10"/>
    </row>
    <row r="1033305" spans="14:14">
      <c r="N1033305" s="10"/>
    </row>
    <row r="1033306" spans="14:14">
      <c r="N1033306" s="10"/>
    </row>
    <row r="1033307" spans="14:14">
      <c r="N1033307" s="10"/>
    </row>
    <row r="1033308" spans="14:14">
      <c r="N1033308" s="10"/>
    </row>
    <row r="1033309" spans="14:14">
      <c r="N1033309" s="10"/>
    </row>
    <row r="1033310" spans="14:14">
      <c r="N1033310" s="10"/>
    </row>
    <row r="1033311" spans="14:14">
      <c r="N1033311" s="10"/>
    </row>
    <row r="1033312" spans="14:14">
      <c r="N1033312" s="10"/>
    </row>
    <row r="1033313" spans="14:14">
      <c r="N1033313" s="10"/>
    </row>
    <row r="1033314" spans="14:14">
      <c r="N1033314" s="10"/>
    </row>
    <row r="1033315" spans="14:14">
      <c r="N1033315" s="10"/>
    </row>
    <row r="1033316" spans="14:14">
      <c r="N1033316" s="10"/>
    </row>
    <row r="1033317" spans="14:14">
      <c r="N1033317" s="10"/>
    </row>
    <row r="1033318" spans="14:14">
      <c r="N1033318" s="10"/>
    </row>
    <row r="1033319" spans="14:14">
      <c r="N1033319" s="10"/>
    </row>
    <row r="1033320" spans="14:14">
      <c r="N1033320" s="10"/>
    </row>
    <row r="1033321" spans="14:14">
      <c r="N1033321" s="10"/>
    </row>
    <row r="1033322" spans="14:14">
      <c r="N1033322" s="10"/>
    </row>
    <row r="1033323" spans="14:14">
      <c r="N1033323" s="10"/>
    </row>
    <row r="1033324" spans="14:14">
      <c r="N1033324" s="10"/>
    </row>
    <row r="1033325" spans="14:14">
      <c r="N1033325" s="10"/>
    </row>
    <row r="1033326" spans="14:14">
      <c r="N1033326" s="10"/>
    </row>
    <row r="1033327" spans="14:14">
      <c r="N1033327" s="10"/>
    </row>
    <row r="1033328" spans="14:14">
      <c r="N1033328" s="10"/>
    </row>
    <row r="1033329" spans="14:14">
      <c r="N1033329" s="10"/>
    </row>
    <row r="1033330" spans="14:14">
      <c r="N1033330" s="10"/>
    </row>
    <row r="1033331" spans="14:14">
      <c r="N1033331" s="10"/>
    </row>
    <row r="1033332" spans="14:14">
      <c r="N1033332" s="10"/>
    </row>
    <row r="1033333" spans="14:14">
      <c r="N1033333" s="10"/>
    </row>
    <row r="1033334" spans="14:14">
      <c r="N1033334" s="10"/>
    </row>
    <row r="1033335" spans="14:14">
      <c r="N1033335" s="10"/>
    </row>
    <row r="1033336" spans="14:14">
      <c r="N1033336" s="10"/>
    </row>
    <row r="1033337" spans="14:14">
      <c r="N1033337" s="10"/>
    </row>
    <row r="1033338" spans="14:14">
      <c r="N1033338" s="10"/>
    </row>
    <row r="1033339" spans="14:14">
      <c r="N1033339" s="10"/>
    </row>
    <row r="1033340" spans="14:14">
      <c r="N1033340" s="10"/>
    </row>
    <row r="1033341" spans="14:14">
      <c r="N1033341" s="10"/>
    </row>
    <row r="1033342" spans="14:14">
      <c r="N1033342" s="10"/>
    </row>
    <row r="1033343" spans="14:14">
      <c r="N1033343" s="10"/>
    </row>
    <row r="1033344" spans="14:14">
      <c r="N1033344" s="10"/>
    </row>
    <row r="1033345" spans="14:14">
      <c r="N1033345" s="10"/>
    </row>
    <row r="1033346" spans="14:14">
      <c r="N1033346" s="10"/>
    </row>
    <row r="1033347" spans="14:14">
      <c r="N1033347" s="10"/>
    </row>
    <row r="1033348" spans="14:14">
      <c r="N1033348" s="10"/>
    </row>
    <row r="1033349" spans="14:14">
      <c r="N1033349" s="10"/>
    </row>
    <row r="1033350" spans="14:14">
      <c r="N1033350" s="10"/>
    </row>
    <row r="1033351" spans="14:14">
      <c r="N1033351" s="10"/>
    </row>
    <row r="1033352" spans="14:14">
      <c r="N1033352" s="10"/>
    </row>
    <row r="1033353" spans="14:14">
      <c r="N1033353" s="10"/>
    </row>
    <row r="1033354" spans="14:14">
      <c r="N1033354" s="10"/>
    </row>
    <row r="1033355" spans="14:14">
      <c r="N1033355" s="10"/>
    </row>
    <row r="1033356" spans="14:14">
      <c r="N1033356" s="10"/>
    </row>
    <row r="1033357" spans="14:14">
      <c r="N1033357" s="10"/>
    </row>
    <row r="1033358" spans="14:14">
      <c r="N1033358" s="10"/>
    </row>
    <row r="1033359" spans="14:14">
      <c r="N1033359" s="10"/>
    </row>
    <row r="1033360" spans="14:14">
      <c r="N1033360" s="10"/>
    </row>
    <row r="1033361" spans="14:14">
      <c r="N1033361" s="10"/>
    </row>
    <row r="1033362" spans="14:14">
      <c r="N1033362" s="10"/>
    </row>
    <row r="1033363" spans="14:14">
      <c r="N1033363" s="10"/>
    </row>
    <row r="1033364" spans="14:14">
      <c r="N1033364" s="10"/>
    </row>
    <row r="1033365" spans="14:14">
      <c r="N1033365" s="10"/>
    </row>
    <row r="1033366" spans="14:14">
      <c r="N1033366" s="10"/>
    </row>
    <row r="1033367" spans="14:14">
      <c r="N1033367" s="10"/>
    </row>
    <row r="1033368" spans="14:14">
      <c r="N1033368" s="10"/>
    </row>
    <row r="1033369" spans="14:14">
      <c r="N1033369" s="10"/>
    </row>
    <row r="1033370" spans="14:14">
      <c r="N1033370" s="10"/>
    </row>
    <row r="1033371" spans="14:14">
      <c r="N1033371" s="10"/>
    </row>
    <row r="1033372" spans="14:14">
      <c r="N1033372" s="10"/>
    </row>
    <row r="1033373" spans="14:14">
      <c r="N1033373" s="10"/>
    </row>
    <row r="1033374" spans="14:14">
      <c r="N1033374" s="10"/>
    </row>
    <row r="1033375" spans="14:14">
      <c r="N1033375" s="10"/>
    </row>
    <row r="1033376" spans="14:14">
      <c r="N1033376" s="10"/>
    </row>
    <row r="1033377" spans="14:14">
      <c r="N1033377" s="10"/>
    </row>
    <row r="1033378" spans="14:14">
      <c r="N1033378" s="10"/>
    </row>
    <row r="1033379" spans="14:14">
      <c r="N1033379" s="10"/>
    </row>
    <row r="1033380" spans="14:14">
      <c r="N1033380" s="10"/>
    </row>
    <row r="1033381" spans="14:14">
      <c r="N1033381" s="10"/>
    </row>
    <row r="1033382" spans="14:14">
      <c r="N1033382" s="10"/>
    </row>
    <row r="1033383" spans="14:14">
      <c r="N1033383" s="10"/>
    </row>
    <row r="1033384" spans="14:14">
      <c r="N1033384" s="10"/>
    </row>
    <row r="1033385" spans="14:14">
      <c r="N1033385" s="10"/>
    </row>
    <row r="1033386" spans="14:14">
      <c r="N1033386" s="10"/>
    </row>
    <row r="1033387" spans="14:14">
      <c r="N1033387" s="10"/>
    </row>
    <row r="1033388" spans="14:14">
      <c r="N1033388" s="10"/>
    </row>
    <row r="1033389" spans="14:14">
      <c r="N1033389" s="10"/>
    </row>
    <row r="1033390" spans="14:14">
      <c r="N1033390" s="10"/>
    </row>
    <row r="1033391" spans="14:14">
      <c r="N1033391" s="10"/>
    </row>
    <row r="1033392" spans="14:14">
      <c r="N1033392" s="10"/>
    </row>
    <row r="1033393" spans="14:14">
      <c r="N1033393" s="10"/>
    </row>
    <row r="1033394" spans="14:14">
      <c r="N1033394" s="10"/>
    </row>
    <row r="1033395" spans="14:14">
      <c r="N1033395" s="10"/>
    </row>
    <row r="1033396" spans="14:14">
      <c r="N1033396" s="10"/>
    </row>
    <row r="1033397" spans="14:14">
      <c r="N1033397" s="10"/>
    </row>
    <row r="1033398" spans="14:14">
      <c r="N1033398" s="10"/>
    </row>
    <row r="1033399" spans="14:14">
      <c r="N1033399" s="10"/>
    </row>
    <row r="1033400" spans="14:14">
      <c r="N1033400" s="10"/>
    </row>
    <row r="1033401" spans="14:14">
      <c r="N1033401" s="10"/>
    </row>
    <row r="1033402" spans="14:14">
      <c r="N1033402" s="10"/>
    </row>
    <row r="1033403" spans="14:14">
      <c r="N1033403" s="10"/>
    </row>
    <row r="1033404" spans="14:14">
      <c r="N1033404" s="10"/>
    </row>
    <row r="1033405" spans="14:14">
      <c r="N1033405" s="10"/>
    </row>
    <row r="1033406" spans="14:14">
      <c r="N1033406" s="10"/>
    </row>
    <row r="1033407" spans="14:14">
      <c r="N1033407" s="10"/>
    </row>
    <row r="1033408" spans="14:14">
      <c r="N1033408" s="10"/>
    </row>
    <row r="1033409" spans="14:14">
      <c r="N1033409" s="10"/>
    </row>
    <row r="1033410" spans="14:14">
      <c r="N1033410" s="10"/>
    </row>
    <row r="1033411" spans="14:14">
      <c r="N1033411" s="10"/>
    </row>
    <row r="1033412" spans="14:14">
      <c r="N1033412" s="10"/>
    </row>
    <row r="1033413" spans="14:14">
      <c r="N1033413" s="10"/>
    </row>
    <row r="1033414" spans="14:14">
      <c r="N1033414" s="10"/>
    </row>
    <row r="1033415" spans="14:14">
      <c r="N1033415" s="10"/>
    </row>
    <row r="1033416" spans="14:14">
      <c r="N1033416" s="10"/>
    </row>
    <row r="1033417" spans="14:14">
      <c r="N1033417" s="10"/>
    </row>
    <row r="1033418" spans="14:14">
      <c r="N1033418" s="10"/>
    </row>
    <row r="1033419" spans="14:14">
      <c r="N1033419" s="10"/>
    </row>
    <row r="1033420" spans="14:14">
      <c r="N1033420" s="10"/>
    </row>
    <row r="1033421" spans="14:14">
      <c r="N1033421" s="10"/>
    </row>
    <row r="1033422" spans="14:14">
      <c r="N1033422" s="10"/>
    </row>
    <row r="1033423" spans="14:14">
      <c r="N1033423" s="10"/>
    </row>
    <row r="1033424" spans="14:14">
      <c r="N1033424" s="10"/>
    </row>
    <row r="1033425" spans="14:14">
      <c r="N1033425" s="10"/>
    </row>
    <row r="1033426" spans="14:14">
      <c r="N1033426" s="10"/>
    </row>
    <row r="1033427" spans="14:14">
      <c r="N1033427" s="10"/>
    </row>
    <row r="1033428" spans="14:14">
      <c r="N1033428" s="10"/>
    </row>
    <row r="1033429" spans="14:14">
      <c r="N1033429" s="10"/>
    </row>
    <row r="1033430" spans="14:14">
      <c r="N1033430" s="10"/>
    </row>
    <row r="1033431" spans="14:14">
      <c r="N1033431" s="10"/>
    </row>
    <row r="1033432" spans="14:14">
      <c r="N1033432" s="10"/>
    </row>
    <row r="1033433" spans="14:14">
      <c r="N1033433" s="10"/>
    </row>
    <row r="1033434" spans="14:14">
      <c r="N1033434" s="10"/>
    </row>
    <row r="1033435" spans="14:14">
      <c r="N1033435" s="10"/>
    </row>
    <row r="1033436" spans="14:14">
      <c r="N1033436" s="10"/>
    </row>
    <row r="1033437" spans="14:14">
      <c r="N1033437" s="10"/>
    </row>
    <row r="1033438" spans="14:14">
      <c r="N1033438" s="10"/>
    </row>
    <row r="1033439" spans="14:14">
      <c r="N1033439" s="10"/>
    </row>
    <row r="1033440" spans="14:14">
      <c r="N1033440" s="10"/>
    </row>
    <row r="1033441" spans="14:14">
      <c r="N1033441" s="10"/>
    </row>
    <row r="1033442" spans="14:14">
      <c r="N1033442" s="10"/>
    </row>
    <row r="1033443" spans="14:14">
      <c r="N1033443" s="10"/>
    </row>
    <row r="1033444" spans="14:14">
      <c r="N1033444" s="10"/>
    </row>
    <row r="1033445" spans="14:14">
      <c r="N1033445" s="10"/>
    </row>
    <row r="1033446" spans="14:14">
      <c r="N1033446" s="10"/>
    </row>
    <row r="1033447" spans="14:14">
      <c r="N1033447" s="10"/>
    </row>
    <row r="1033448" spans="14:14">
      <c r="N1033448" s="10"/>
    </row>
    <row r="1033449" spans="14:14">
      <c r="N1033449" s="10"/>
    </row>
    <row r="1033450" spans="14:14">
      <c r="N1033450" s="10"/>
    </row>
    <row r="1033451" spans="14:14">
      <c r="N1033451" s="10"/>
    </row>
    <row r="1033452" spans="14:14">
      <c r="N1033452" s="10"/>
    </row>
    <row r="1033453" spans="14:14">
      <c r="N1033453" s="10"/>
    </row>
    <row r="1033454" spans="14:14">
      <c r="N1033454" s="10"/>
    </row>
    <row r="1033455" spans="14:14">
      <c r="N1033455" s="10"/>
    </row>
    <row r="1033456" spans="14:14">
      <c r="N1033456" s="10"/>
    </row>
    <row r="1033457" spans="14:14">
      <c r="N1033457" s="10"/>
    </row>
    <row r="1033458" spans="14:14">
      <c r="N1033458" s="10"/>
    </row>
    <row r="1033459" spans="14:14">
      <c r="N1033459" s="10"/>
    </row>
    <row r="1033460" spans="14:14">
      <c r="N1033460" s="10"/>
    </row>
    <row r="1033461" spans="14:14">
      <c r="N1033461" s="10"/>
    </row>
    <row r="1033462" spans="14:14">
      <c r="N1033462" s="10"/>
    </row>
    <row r="1033463" spans="14:14">
      <c r="N1033463" s="10"/>
    </row>
    <row r="1033464" spans="14:14">
      <c r="N1033464" s="10"/>
    </row>
    <row r="1033465" spans="14:14">
      <c r="N1033465" s="10"/>
    </row>
    <row r="1033466" spans="14:14">
      <c r="N1033466" s="10"/>
    </row>
    <row r="1033467" spans="14:14">
      <c r="N1033467" s="10"/>
    </row>
    <row r="1033468" spans="14:14">
      <c r="N1033468" s="10"/>
    </row>
    <row r="1033469" spans="14:14">
      <c r="N1033469" s="10"/>
    </row>
    <row r="1033470" spans="14:14">
      <c r="N1033470" s="10"/>
    </row>
    <row r="1033471" spans="14:14">
      <c r="N1033471" s="10"/>
    </row>
    <row r="1033472" spans="14:14">
      <c r="N1033472" s="10"/>
    </row>
    <row r="1033473" spans="14:14">
      <c r="N1033473" s="10"/>
    </row>
    <row r="1033474" spans="14:14">
      <c r="N1033474" s="10"/>
    </row>
    <row r="1033475" spans="14:14">
      <c r="N1033475" s="10"/>
    </row>
    <row r="1033476" spans="14:14">
      <c r="N1033476" s="10"/>
    </row>
    <row r="1033477" spans="14:14">
      <c r="N1033477" s="10"/>
    </row>
    <row r="1033478" spans="14:14">
      <c r="N1033478" s="10"/>
    </row>
    <row r="1033479" spans="14:14">
      <c r="N1033479" s="10"/>
    </row>
    <row r="1033480" spans="14:14">
      <c r="N1033480" s="10"/>
    </row>
    <row r="1033481" spans="14:14">
      <c r="N1033481" s="10"/>
    </row>
    <row r="1033482" spans="14:14">
      <c r="N1033482" s="10"/>
    </row>
    <row r="1033483" spans="14:14">
      <c r="N1033483" s="10"/>
    </row>
    <row r="1033484" spans="14:14">
      <c r="N1033484" s="10"/>
    </row>
    <row r="1033485" spans="14:14">
      <c r="N1033485" s="10"/>
    </row>
    <row r="1033486" spans="14:14">
      <c r="N1033486" s="10"/>
    </row>
    <row r="1033487" spans="14:14">
      <c r="N1033487" s="10"/>
    </row>
    <row r="1033488" spans="14:14">
      <c r="N1033488" s="10"/>
    </row>
    <row r="1033489" spans="14:14">
      <c r="N1033489" s="10"/>
    </row>
    <row r="1033490" spans="14:14">
      <c r="N1033490" s="10"/>
    </row>
    <row r="1033491" spans="14:14">
      <c r="N1033491" s="10"/>
    </row>
    <row r="1033492" spans="14:14">
      <c r="N1033492" s="10"/>
    </row>
    <row r="1033493" spans="14:14">
      <c r="N1033493" s="10"/>
    </row>
    <row r="1033494" spans="14:14">
      <c r="N1033494" s="10"/>
    </row>
    <row r="1033495" spans="14:14">
      <c r="N1033495" s="10"/>
    </row>
    <row r="1033496" spans="14:14">
      <c r="N1033496" s="10"/>
    </row>
    <row r="1033497" spans="14:14">
      <c r="N1033497" s="10"/>
    </row>
    <row r="1033498" spans="14:14">
      <c r="N1033498" s="10"/>
    </row>
    <row r="1033499" spans="14:14">
      <c r="N1033499" s="10"/>
    </row>
    <row r="1033500" spans="14:14">
      <c r="N1033500" s="10"/>
    </row>
    <row r="1033501" spans="14:14">
      <c r="N1033501" s="10"/>
    </row>
    <row r="1033502" spans="14:14">
      <c r="N1033502" s="10"/>
    </row>
    <row r="1033503" spans="14:14">
      <c r="N1033503" s="10"/>
    </row>
    <row r="1033504" spans="14:14">
      <c r="N1033504" s="10"/>
    </row>
    <row r="1033505" spans="14:14">
      <c r="N1033505" s="10"/>
    </row>
    <row r="1033506" spans="14:14">
      <c r="N1033506" s="10"/>
    </row>
    <row r="1033507" spans="14:14">
      <c r="N1033507" s="10"/>
    </row>
    <row r="1033508" spans="14:14">
      <c r="N1033508" s="10"/>
    </row>
    <row r="1033509" spans="14:14">
      <c r="N1033509" s="10"/>
    </row>
    <row r="1033510" spans="14:14">
      <c r="N1033510" s="10"/>
    </row>
    <row r="1033511" spans="14:14">
      <c r="N1033511" s="10"/>
    </row>
    <row r="1033512" spans="14:14">
      <c r="N1033512" s="10"/>
    </row>
    <row r="1033513" spans="14:14">
      <c r="N1033513" s="10"/>
    </row>
    <row r="1033514" spans="14:14">
      <c r="N1033514" s="10"/>
    </row>
    <row r="1033515" spans="14:14">
      <c r="N1033515" s="10"/>
    </row>
    <row r="1033516" spans="14:14">
      <c r="N1033516" s="10"/>
    </row>
    <row r="1033517" spans="14:14">
      <c r="N1033517" s="10"/>
    </row>
    <row r="1033518" spans="14:14">
      <c r="N1033518" s="10"/>
    </row>
    <row r="1033519" spans="14:14">
      <c r="N1033519" s="10"/>
    </row>
    <row r="1033520" spans="14:14">
      <c r="N1033520" s="10"/>
    </row>
    <row r="1033521" spans="14:14">
      <c r="N1033521" s="10"/>
    </row>
    <row r="1033522" spans="14:14">
      <c r="N1033522" s="10"/>
    </row>
    <row r="1033523" spans="14:14">
      <c r="N1033523" s="10"/>
    </row>
    <row r="1033524" spans="14:14">
      <c r="N1033524" s="10"/>
    </row>
    <row r="1033525" spans="14:14">
      <c r="N1033525" s="10"/>
    </row>
    <row r="1033526" spans="14:14">
      <c r="N1033526" s="10"/>
    </row>
    <row r="1033527" spans="14:14">
      <c r="N1033527" s="10"/>
    </row>
    <row r="1033528" spans="14:14">
      <c r="N1033528" s="10"/>
    </row>
    <row r="1033529" spans="14:14">
      <c r="N1033529" s="10"/>
    </row>
    <row r="1033530" spans="14:14">
      <c r="N1033530" s="10"/>
    </row>
    <row r="1033531" spans="14:14">
      <c r="N1033531" s="10"/>
    </row>
    <row r="1033532" spans="14:14">
      <c r="N1033532" s="10"/>
    </row>
    <row r="1033533" spans="14:14">
      <c r="N1033533" s="10"/>
    </row>
    <row r="1033534" spans="14:14">
      <c r="N1033534" s="10"/>
    </row>
    <row r="1033535" spans="14:14">
      <c r="N1033535" s="10"/>
    </row>
    <row r="1033536" spans="14:14">
      <c r="N1033536" s="10"/>
    </row>
    <row r="1033537" spans="14:14">
      <c r="N1033537" s="10"/>
    </row>
    <row r="1033538" spans="14:14">
      <c r="N1033538" s="10"/>
    </row>
    <row r="1033539" spans="14:14">
      <c r="N1033539" s="10"/>
    </row>
    <row r="1033540" spans="14:14">
      <c r="N1033540" s="10"/>
    </row>
    <row r="1033541" spans="14:14">
      <c r="N1033541" s="10"/>
    </row>
    <row r="1033542" spans="14:14">
      <c r="N1033542" s="10"/>
    </row>
    <row r="1033543" spans="14:14">
      <c r="N1033543" s="10"/>
    </row>
    <row r="1033544" spans="14:14">
      <c r="N1033544" s="10"/>
    </row>
    <row r="1033545" spans="14:14">
      <c r="N1033545" s="10"/>
    </row>
    <row r="1033546" spans="14:14">
      <c r="N1033546" s="10"/>
    </row>
    <row r="1033547" spans="14:14">
      <c r="N1033547" s="10"/>
    </row>
    <row r="1033548" spans="14:14">
      <c r="N1033548" s="10"/>
    </row>
    <row r="1033549" spans="14:14">
      <c r="N1033549" s="10"/>
    </row>
    <row r="1033550" spans="14:14">
      <c r="N1033550" s="10"/>
    </row>
    <row r="1033551" spans="14:14">
      <c r="N1033551" s="10"/>
    </row>
    <row r="1033552" spans="14:14">
      <c r="N1033552" s="10"/>
    </row>
    <row r="1033553" spans="14:14">
      <c r="N1033553" s="10"/>
    </row>
    <row r="1033554" spans="14:14">
      <c r="N1033554" s="10"/>
    </row>
    <row r="1033555" spans="14:14">
      <c r="N1033555" s="10"/>
    </row>
    <row r="1033556" spans="14:14">
      <c r="N1033556" s="10"/>
    </row>
    <row r="1033557" spans="14:14">
      <c r="N1033557" s="10"/>
    </row>
    <row r="1033558" spans="14:14">
      <c r="N1033558" s="10"/>
    </row>
    <row r="1033559" spans="14:14">
      <c r="N1033559" s="10"/>
    </row>
    <row r="1033560" spans="14:14">
      <c r="N1033560" s="10"/>
    </row>
    <row r="1033561" spans="14:14">
      <c r="N1033561" s="10"/>
    </row>
    <row r="1033562" spans="14:14">
      <c r="N1033562" s="10"/>
    </row>
    <row r="1033563" spans="14:14">
      <c r="N1033563" s="10"/>
    </row>
    <row r="1033564" spans="14:14">
      <c r="N1033564" s="10"/>
    </row>
    <row r="1033565" spans="14:14">
      <c r="N1033565" s="10"/>
    </row>
    <row r="1033566" spans="14:14">
      <c r="N1033566" s="10"/>
    </row>
    <row r="1033567" spans="14:14">
      <c r="N1033567" s="10"/>
    </row>
    <row r="1033568" spans="14:14">
      <c r="N1033568" s="10"/>
    </row>
    <row r="1033569" spans="14:14">
      <c r="N1033569" s="10"/>
    </row>
    <row r="1033570" spans="14:14">
      <c r="N1033570" s="10"/>
    </row>
    <row r="1033571" spans="14:14">
      <c r="N1033571" s="10"/>
    </row>
    <row r="1033572" spans="14:14">
      <c r="N1033572" s="10"/>
    </row>
    <row r="1033573" spans="14:14">
      <c r="N1033573" s="10"/>
    </row>
    <row r="1033574" spans="14:14">
      <c r="N1033574" s="10"/>
    </row>
    <row r="1033575" spans="14:14">
      <c r="N1033575" s="10"/>
    </row>
    <row r="1033576" spans="14:14">
      <c r="N1033576" s="10"/>
    </row>
    <row r="1033577" spans="14:14">
      <c r="N1033577" s="10"/>
    </row>
    <row r="1033578" spans="14:14">
      <c r="N1033578" s="10"/>
    </row>
    <row r="1033579" spans="14:14">
      <c r="N1033579" s="10"/>
    </row>
    <row r="1033580" spans="14:14">
      <c r="N1033580" s="10"/>
    </row>
    <row r="1033581" spans="14:14">
      <c r="N1033581" s="10"/>
    </row>
    <row r="1033582" spans="14:14">
      <c r="N1033582" s="10"/>
    </row>
    <row r="1033583" spans="14:14">
      <c r="N1033583" s="10"/>
    </row>
    <row r="1033584" spans="14:14">
      <c r="N1033584" s="10"/>
    </row>
    <row r="1033585" spans="14:14">
      <c r="N1033585" s="10"/>
    </row>
    <row r="1033586" spans="14:14">
      <c r="N1033586" s="10"/>
    </row>
    <row r="1033587" spans="14:14">
      <c r="N1033587" s="10"/>
    </row>
    <row r="1033588" spans="14:14">
      <c r="N1033588" s="10"/>
    </row>
    <row r="1033589" spans="14:14">
      <c r="N1033589" s="10"/>
    </row>
    <row r="1033590" spans="14:14">
      <c r="N1033590" s="10"/>
    </row>
    <row r="1033591" spans="14:14">
      <c r="N1033591" s="10"/>
    </row>
    <row r="1033592" spans="14:14">
      <c r="N1033592" s="10"/>
    </row>
    <row r="1033593" spans="14:14">
      <c r="N1033593" s="10"/>
    </row>
    <row r="1033594" spans="14:14">
      <c r="N1033594" s="10"/>
    </row>
    <row r="1033595" spans="14:14">
      <c r="N1033595" s="10"/>
    </row>
    <row r="1033596" spans="14:14">
      <c r="N1033596" s="10"/>
    </row>
    <row r="1033597" spans="14:14">
      <c r="N1033597" s="10"/>
    </row>
    <row r="1033598" spans="14:14">
      <c r="N1033598" s="10"/>
    </row>
    <row r="1033599" spans="14:14">
      <c r="N1033599" s="10"/>
    </row>
    <row r="1033600" spans="14:14">
      <c r="N1033600" s="10"/>
    </row>
    <row r="1033601" spans="14:14">
      <c r="N1033601" s="10"/>
    </row>
    <row r="1033602" spans="14:14">
      <c r="N1033602" s="10"/>
    </row>
    <row r="1033603" spans="14:14">
      <c r="N1033603" s="10"/>
    </row>
    <row r="1033604" spans="14:14">
      <c r="N1033604" s="10"/>
    </row>
    <row r="1033605" spans="14:14">
      <c r="N1033605" s="10"/>
    </row>
    <row r="1033606" spans="14:14">
      <c r="N1033606" s="10"/>
    </row>
    <row r="1033607" spans="14:14">
      <c r="N1033607" s="10"/>
    </row>
    <row r="1033608" spans="14:14">
      <c r="N1033608" s="10"/>
    </row>
    <row r="1033609" spans="14:14">
      <c r="N1033609" s="10"/>
    </row>
    <row r="1033610" spans="14:14">
      <c r="N1033610" s="10"/>
    </row>
    <row r="1033611" spans="14:14">
      <c r="N1033611" s="10"/>
    </row>
    <row r="1033612" spans="14:14">
      <c r="N1033612" s="10"/>
    </row>
    <row r="1033613" spans="14:14">
      <c r="N1033613" s="10"/>
    </row>
    <row r="1033614" spans="14:14">
      <c r="N1033614" s="10"/>
    </row>
    <row r="1033615" spans="14:14">
      <c r="N1033615" s="10"/>
    </row>
    <row r="1033616" spans="14:14">
      <c r="N1033616" s="10"/>
    </row>
    <row r="1033617" spans="14:14">
      <c r="N1033617" s="10"/>
    </row>
    <row r="1033618" spans="14:14">
      <c r="N1033618" s="10"/>
    </row>
    <row r="1033619" spans="14:14">
      <c r="N1033619" s="10"/>
    </row>
    <row r="1033620" spans="14:14">
      <c r="N1033620" s="10"/>
    </row>
    <row r="1033621" spans="14:14">
      <c r="N1033621" s="10"/>
    </row>
    <row r="1033622" spans="14:14">
      <c r="N1033622" s="10"/>
    </row>
    <row r="1033623" spans="14:14">
      <c r="N1033623" s="10"/>
    </row>
    <row r="1033624" spans="14:14">
      <c r="N1033624" s="10"/>
    </row>
    <row r="1033625" spans="14:14">
      <c r="N1033625" s="10"/>
    </row>
    <row r="1033626" spans="14:14">
      <c r="N1033626" s="10"/>
    </row>
    <row r="1033627" spans="14:14">
      <c r="N1033627" s="10"/>
    </row>
    <row r="1033628" spans="14:14">
      <c r="N1033628" s="10"/>
    </row>
    <row r="1033629" spans="14:14">
      <c r="N1033629" s="10"/>
    </row>
    <row r="1033630" spans="14:14">
      <c r="N1033630" s="10"/>
    </row>
    <row r="1033631" spans="14:14">
      <c r="N1033631" s="10"/>
    </row>
    <row r="1033632" spans="14:14">
      <c r="N1033632" s="10"/>
    </row>
    <row r="1033633" spans="14:14">
      <c r="N1033633" s="10"/>
    </row>
    <row r="1033634" spans="14:14">
      <c r="N1033634" s="10"/>
    </row>
    <row r="1033635" spans="14:14">
      <c r="N1033635" s="10"/>
    </row>
    <row r="1033636" spans="14:14">
      <c r="N1033636" s="10"/>
    </row>
    <row r="1033637" spans="14:14">
      <c r="N1033637" s="10"/>
    </row>
    <row r="1033638" spans="14:14">
      <c r="N1033638" s="10"/>
    </row>
    <row r="1033639" spans="14:14">
      <c r="N1033639" s="10"/>
    </row>
    <row r="1033640" spans="14:14">
      <c r="N1033640" s="10"/>
    </row>
    <row r="1033641" spans="14:14">
      <c r="N1033641" s="10"/>
    </row>
    <row r="1033642" spans="14:14">
      <c r="N1033642" s="10"/>
    </row>
    <row r="1033643" spans="14:14">
      <c r="N1033643" s="10"/>
    </row>
    <row r="1033644" spans="14:14">
      <c r="N1033644" s="10"/>
    </row>
    <row r="1033645" spans="14:14">
      <c r="N1033645" s="10"/>
    </row>
    <row r="1033646" spans="14:14">
      <c r="N1033646" s="10"/>
    </row>
    <row r="1033647" spans="14:14">
      <c r="N1033647" s="10"/>
    </row>
    <row r="1033648" spans="14:14">
      <c r="N1033648" s="10"/>
    </row>
    <row r="1033649" spans="14:14">
      <c r="N1033649" s="10"/>
    </row>
    <row r="1033650" spans="14:14">
      <c r="N1033650" s="10"/>
    </row>
    <row r="1033651" spans="14:14">
      <c r="N1033651" s="10"/>
    </row>
    <row r="1033652" spans="14:14">
      <c r="N1033652" s="10"/>
    </row>
    <row r="1033653" spans="14:14">
      <c r="N1033653" s="10"/>
    </row>
    <row r="1033654" spans="14:14">
      <c r="N1033654" s="10"/>
    </row>
    <row r="1033655" spans="14:14">
      <c r="N1033655" s="10"/>
    </row>
    <row r="1033656" spans="14:14">
      <c r="N1033656" s="10"/>
    </row>
    <row r="1033657" spans="14:14">
      <c r="N1033657" s="10"/>
    </row>
    <row r="1033658" spans="14:14">
      <c r="N1033658" s="10"/>
    </row>
    <row r="1033659" spans="14:14">
      <c r="N1033659" s="10"/>
    </row>
    <row r="1033660" spans="14:14">
      <c r="N1033660" s="10"/>
    </row>
    <row r="1033661" spans="14:14">
      <c r="N1033661" s="10"/>
    </row>
    <row r="1033662" spans="14:14">
      <c r="N1033662" s="10"/>
    </row>
    <row r="1033663" spans="14:14">
      <c r="N1033663" s="10"/>
    </row>
    <row r="1033664" spans="14:14">
      <c r="N1033664" s="10"/>
    </row>
    <row r="1033665" spans="14:14">
      <c r="N1033665" s="10"/>
    </row>
    <row r="1033666" spans="14:14">
      <c r="N1033666" s="10"/>
    </row>
    <row r="1033667" spans="14:14">
      <c r="N1033667" s="10"/>
    </row>
    <row r="1033668" spans="14:14">
      <c r="N1033668" s="10"/>
    </row>
    <row r="1033669" spans="14:14">
      <c r="N1033669" s="10"/>
    </row>
    <row r="1033670" spans="14:14">
      <c r="N1033670" s="10"/>
    </row>
    <row r="1033671" spans="14:14">
      <c r="N1033671" s="10"/>
    </row>
    <row r="1033672" spans="14:14">
      <c r="N1033672" s="10"/>
    </row>
    <row r="1033673" spans="14:14">
      <c r="N1033673" s="10"/>
    </row>
    <row r="1033674" spans="14:14">
      <c r="N1033674" s="10"/>
    </row>
    <row r="1033675" spans="14:14">
      <c r="N1033675" s="10"/>
    </row>
    <row r="1033676" spans="14:14">
      <c r="N1033676" s="10"/>
    </row>
    <row r="1033677" spans="14:14">
      <c r="N1033677" s="10"/>
    </row>
    <row r="1033678" spans="14:14">
      <c r="N1033678" s="10"/>
    </row>
    <row r="1033679" spans="14:14">
      <c r="N1033679" s="10"/>
    </row>
    <row r="1033680" spans="14:14">
      <c r="N1033680" s="10"/>
    </row>
    <row r="1033681" spans="14:14">
      <c r="N1033681" s="10"/>
    </row>
    <row r="1033682" spans="14:14">
      <c r="N1033682" s="10"/>
    </row>
    <row r="1033683" spans="14:14">
      <c r="N1033683" s="10"/>
    </row>
    <row r="1033684" spans="14:14">
      <c r="N1033684" s="10"/>
    </row>
    <row r="1033685" spans="14:14">
      <c r="N1033685" s="10"/>
    </row>
    <row r="1033686" spans="14:14">
      <c r="N1033686" s="10"/>
    </row>
    <row r="1033687" spans="14:14">
      <c r="N1033687" s="10"/>
    </row>
    <row r="1033688" spans="14:14">
      <c r="N1033688" s="10"/>
    </row>
    <row r="1033689" spans="14:14">
      <c r="N1033689" s="10"/>
    </row>
    <row r="1033690" spans="14:14">
      <c r="N1033690" s="10"/>
    </row>
    <row r="1033691" spans="14:14">
      <c r="N1033691" s="10"/>
    </row>
    <row r="1033692" spans="14:14">
      <c r="N1033692" s="10"/>
    </row>
    <row r="1033693" spans="14:14">
      <c r="N1033693" s="10"/>
    </row>
    <row r="1033694" spans="14:14">
      <c r="N1033694" s="10"/>
    </row>
    <row r="1033695" spans="14:14">
      <c r="N1033695" s="10"/>
    </row>
    <row r="1033696" spans="14:14">
      <c r="N1033696" s="10"/>
    </row>
    <row r="1033697" spans="14:14">
      <c r="N1033697" s="10"/>
    </row>
    <row r="1033698" spans="14:14">
      <c r="N1033698" s="10"/>
    </row>
    <row r="1033699" spans="14:14">
      <c r="N1033699" s="10"/>
    </row>
    <row r="1033700" spans="14:14">
      <c r="N1033700" s="10"/>
    </row>
    <row r="1033701" spans="14:14">
      <c r="N1033701" s="10"/>
    </row>
    <row r="1033702" spans="14:14">
      <c r="N1033702" s="10"/>
    </row>
    <row r="1033703" spans="14:14">
      <c r="N1033703" s="10"/>
    </row>
    <row r="1033704" spans="14:14">
      <c r="N1033704" s="10"/>
    </row>
    <row r="1033705" spans="14:14">
      <c r="N1033705" s="10"/>
    </row>
    <row r="1033706" spans="14:14">
      <c r="N1033706" s="10"/>
    </row>
    <row r="1033707" spans="14:14">
      <c r="N1033707" s="10"/>
    </row>
    <row r="1033708" spans="14:14">
      <c r="N1033708" s="10"/>
    </row>
    <row r="1033709" spans="14:14">
      <c r="N1033709" s="10"/>
    </row>
    <row r="1033710" spans="14:14">
      <c r="N1033710" s="10"/>
    </row>
    <row r="1033711" spans="14:14">
      <c r="N1033711" s="10"/>
    </row>
    <row r="1033712" spans="14:14">
      <c r="N1033712" s="10"/>
    </row>
    <row r="1033713" spans="14:14">
      <c r="N1033713" s="10"/>
    </row>
    <row r="1033714" spans="14:14">
      <c r="N1033714" s="10"/>
    </row>
    <row r="1033715" spans="14:14">
      <c r="N1033715" s="10"/>
    </row>
    <row r="1033716" spans="14:14">
      <c r="N1033716" s="10"/>
    </row>
    <row r="1033717" spans="14:14">
      <c r="N1033717" s="10"/>
    </row>
    <row r="1033718" spans="14:14">
      <c r="N1033718" s="10"/>
    </row>
    <row r="1033719" spans="14:14">
      <c r="N1033719" s="10"/>
    </row>
    <row r="1033720" spans="14:14">
      <c r="N1033720" s="10"/>
    </row>
    <row r="1033721" spans="14:14">
      <c r="N1033721" s="10"/>
    </row>
    <row r="1033722" spans="14:14">
      <c r="N1033722" s="10"/>
    </row>
    <row r="1033723" spans="14:14">
      <c r="N1033723" s="10"/>
    </row>
    <row r="1033724" spans="14:14">
      <c r="N1033724" s="10"/>
    </row>
    <row r="1033725" spans="14:14">
      <c r="N1033725" s="10"/>
    </row>
    <row r="1033726" spans="14:14">
      <c r="N1033726" s="10"/>
    </row>
    <row r="1033727" spans="14:14">
      <c r="N1033727" s="10"/>
    </row>
    <row r="1033728" spans="14:14">
      <c r="N1033728" s="10"/>
    </row>
    <row r="1033729" spans="14:14">
      <c r="N1033729" s="10"/>
    </row>
    <row r="1033730" spans="14:14">
      <c r="N1033730" s="10"/>
    </row>
    <row r="1033731" spans="14:14">
      <c r="N1033731" s="10"/>
    </row>
    <row r="1033732" spans="14:14">
      <c r="N1033732" s="10"/>
    </row>
    <row r="1033733" spans="14:14">
      <c r="N1033733" s="10"/>
    </row>
    <row r="1033734" spans="14:14">
      <c r="N1033734" s="10"/>
    </row>
    <row r="1033735" spans="14:14">
      <c r="N1033735" s="10"/>
    </row>
    <row r="1033736" spans="14:14">
      <c r="N1033736" s="10"/>
    </row>
    <row r="1033737" spans="14:14">
      <c r="N1033737" s="10"/>
    </row>
    <row r="1033738" spans="14:14">
      <c r="N1033738" s="10"/>
    </row>
    <row r="1033739" spans="14:14">
      <c r="N1033739" s="10"/>
    </row>
    <row r="1033740" spans="14:14">
      <c r="N1033740" s="10"/>
    </row>
    <row r="1033741" spans="14:14">
      <c r="N1033741" s="10"/>
    </row>
    <row r="1033742" spans="14:14">
      <c r="N1033742" s="10"/>
    </row>
    <row r="1033743" spans="14:14">
      <c r="N1033743" s="10"/>
    </row>
    <row r="1033744" spans="14:14">
      <c r="N1033744" s="10"/>
    </row>
    <row r="1033745" spans="14:14">
      <c r="N1033745" s="10"/>
    </row>
    <row r="1033746" spans="14:14">
      <c r="N1033746" s="10"/>
    </row>
    <row r="1033747" spans="14:14">
      <c r="N1033747" s="10"/>
    </row>
    <row r="1033748" spans="14:14">
      <c r="N1033748" s="10"/>
    </row>
    <row r="1033749" spans="14:14">
      <c r="N1033749" s="10"/>
    </row>
    <row r="1033750" spans="14:14">
      <c r="N1033750" s="10"/>
    </row>
    <row r="1033751" spans="14:14">
      <c r="N1033751" s="10"/>
    </row>
    <row r="1033752" spans="14:14">
      <c r="N1033752" s="10"/>
    </row>
    <row r="1033753" spans="14:14">
      <c r="N1033753" s="10"/>
    </row>
    <row r="1033754" spans="14:14">
      <c r="N1033754" s="10"/>
    </row>
    <row r="1033755" spans="14:14">
      <c r="N1033755" s="10"/>
    </row>
    <row r="1033756" spans="14:14">
      <c r="N1033756" s="10"/>
    </row>
    <row r="1033757" spans="14:14">
      <c r="N1033757" s="10"/>
    </row>
    <row r="1033758" spans="14:14">
      <c r="N1033758" s="10"/>
    </row>
    <row r="1033759" spans="14:14">
      <c r="N1033759" s="10"/>
    </row>
    <row r="1033760" spans="14:14">
      <c r="N1033760" s="10"/>
    </row>
    <row r="1033761" spans="14:14">
      <c r="N1033761" s="10"/>
    </row>
    <row r="1033762" spans="14:14">
      <c r="N1033762" s="10"/>
    </row>
    <row r="1033763" spans="14:14">
      <c r="N1033763" s="10"/>
    </row>
    <row r="1033764" spans="14:14">
      <c r="N1033764" s="10"/>
    </row>
    <row r="1033765" spans="14:14">
      <c r="N1033765" s="10"/>
    </row>
    <row r="1033766" spans="14:14">
      <c r="N1033766" s="10"/>
    </row>
    <row r="1033767" spans="14:14">
      <c r="N1033767" s="10"/>
    </row>
    <row r="1033768" spans="14:14">
      <c r="N1033768" s="10"/>
    </row>
    <row r="1033769" spans="14:14">
      <c r="N1033769" s="10"/>
    </row>
    <row r="1033770" spans="14:14">
      <c r="N1033770" s="10"/>
    </row>
    <row r="1033771" spans="14:14">
      <c r="N1033771" s="10"/>
    </row>
    <row r="1033772" spans="14:14">
      <c r="N1033772" s="10"/>
    </row>
    <row r="1033773" spans="14:14">
      <c r="N1033773" s="10"/>
    </row>
    <row r="1033774" spans="14:14">
      <c r="N1033774" s="10"/>
    </row>
    <row r="1033775" spans="14:14">
      <c r="N1033775" s="10"/>
    </row>
    <row r="1033776" spans="14:14">
      <c r="N1033776" s="10"/>
    </row>
    <row r="1033777" spans="14:14">
      <c r="N1033777" s="10"/>
    </row>
    <row r="1033778" spans="14:14">
      <c r="N1033778" s="10"/>
    </row>
    <row r="1033779" spans="14:14">
      <c r="N1033779" s="10"/>
    </row>
    <row r="1033780" spans="14:14">
      <c r="N1033780" s="10"/>
    </row>
    <row r="1033781" spans="14:14">
      <c r="N1033781" s="10"/>
    </row>
    <row r="1033782" spans="14:14">
      <c r="N1033782" s="10"/>
    </row>
    <row r="1033783" spans="14:14">
      <c r="N1033783" s="10"/>
    </row>
    <row r="1033784" spans="14:14">
      <c r="N1033784" s="10"/>
    </row>
    <row r="1033785" spans="14:14">
      <c r="N1033785" s="10"/>
    </row>
    <row r="1033786" spans="14:14">
      <c r="N1033786" s="10"/>
    </row>
    <row r="1033787" spans="14:14">
      <c r="N1033787" s="10"/>
    </row>
    <row r="1033788" spans="14:14">
      <c r="N1033788" s="10"/>
    </row>
    <row r="1033789" spans="14:14">
      <c r="N1033789" s="10"/>
    </row>
    <row r="1033790" spans="14:14">
      <c r="N1033790" s="10"/>
    </row>
    <row r="1033791" spans="14:14">
      <c r="N1033791" s="10"/>
    </row>
    <row r="1033792" spans="14:14">
      <c r="N1033792" s="10"/>
    </row>
    <row r="1033793" spans="14:14">
      <c r="N1033793" s="10"/>
    </row>
    <row r="1033794" spans="14:14">
      <c r="N1033794" s="10"/>
    </row>
    <row r="1033795" spans="14:14">
      <c r="N1033795" s="10"/>
    </row>
    <row r="1033796" spans="14:14">
      <c r="N1033796" s="10"/>
    </row>
    <row r="1033797" spans="14:14">
      <c r="N1033797" s="10"/>
    </row>
    <row r="1033798" spans="14:14">
      <c r="N1033798" s="10"/>
    </row>
    <row r="1033799" spans="14:14">
      <c r="N1033799" s="10"/>
    </row>
    <row r="1033800" spans="14:14">
      <c r="N1033800" s="10"/>
    </row>
    <row r="1033801" spans="14:14">
      <c r="N1033801" s="10"/>
    </row>
    <row r="1033802" spans="14:14">
      <c r="N1033802" s="10"/>
    </row>
    <row r="1033803" spans="14:14">
      <c r="N1033803" s="10"/>
    </row>
    <row r="1033804" spans="14:14">
      <c r="N1033804" s="10"/>
    </row>
    <row r="1033805" spans="14:14">
      <c r="N1033805" s="10"/>
    </row>
    <row r="1033806" spans="14:14">
      <c r="N1033806" s="10"/>
    </row>
    <row r="1033807" spans="14:14">
      <c r="N1033807" s="10"/>
    </row>
    <row r="1033808" spans="14:14">
      <c r="N1033808" s="10"/>
    </row>
    <row r="1033809" spans="14:14">
      <c r="N1033809" s="10"/>
    </row>
    <row r="1033810" spans="14:14">
      <c r="N1033810" s="10"/>
    </row>
    <row r="1033811" spans="14:14">
      <c r="N1033811" s="10"/>
    </row>
    <row r="1033812" spans="14:14">
      <c r="N1033812" s="10"/>
    </row>
    <row r="1033813" spans="14:14">
      <c r="N1033813" s="10"/>
    </row>
    <row r="1033814" spans="14:14">
      <c r="N1033814" s="10"/>
    </row>
    <row r="1033815" spans="14:14">
      <c r="N1033815" s="10"/>
    </row>
    <row r="1033816" spans="14:14">
      <c r="N1033816" s="10"/>
    </row>
    <row r="1033817" spans="14:14">
      <c r="N1033817" s="10"/>
    </row>
    <row r="1033818" spans="14:14">
      <c r="N1033818" s="10"/>
    </row>
    <row r="1033819" spans="14:14">
      <c r="N1033819" s="10"/>
    </row>
    <row r="1033820" spans="14:14">
      <c r="N1033820" s="10"/>
    </row>
    <row r="1033821" spans="14:14">
      <c r="N1033821" s="10"/>
    </row>
    <row r="1033822" spans="14:14">
      <c r="N1033822" s="10"/>
    </row>
    <row r="1033823" spans="14:14">
      <c r="N1033823" s="10"/>
    </row>
    <row r="1033824" spans="14:14">
      <c r="N1033824" s="10"/>
    </row>
    <row r="1033825" spans="14:14">
      <c r="N1033825" s="10"/>
    </row>
    <row r="1033826" spans="14:14">
      <c r="N1033826" s="10"/>
    </row>
    <row r="1033827" spans="14:14">
      <c r="N1033827" s="10"/>
    </row>
    <row r="1033828" spans="14:14">
      <c r="N1033828" s="10"/>
    </row>
    <row r="1033829" spans="14:14">
      <c r="N1033829" s="10"/>
    </row>
    <row r="1033830" spans="14:14">
      <c r="N1033830" s="10"/>
    </row>
    <row r="1033831" spans="14:14">
      <c r="N1033831" s="10"/>
    </row>
    <row r="1033832" spans="14:14">
      <c r="N1033832" s="10"/>
    </row>
    <row r="1033833" spans="14:14">
      <c r="N1033833" s="10"/>
    </row>
    <row r="1033834" spans="14:14">
      <c r="N1033834" s="10"/>
    </row>
    <row r="1033835" spans="14:14">
      <c r="N1033835" s="10"/>
    </row>
    <row r="1033836" spans="14:14">
      <c r="N1033836" s="10"/>
    </row>
    <row r="1033837" spans="14:14">
      <c r="N1033837" s="10"/>
    </row>
    <row r="1033838" spans="14:14">
      <c r="N1033838" s="10"/>
    </row>
    <row r="1033839" spans="14:14">
      <c r="N1033839" s="10"/>
    </row>
    <row r="1033840" spans="14:14">
      <c r="N1033840" s="10"/>
    </row>
    <row r="1033841" spans="14:14">
      <c r="N1033841" s="10"/>
    </row>
    <row r="1033842" spans="14:14">
      <c r="N1033842" s="10"/>
    </row>
    <row r="1033843" spans="14:14">
      <c r="N1033843" s="10"/>
    </row>
    <row r="1033844" spans="14:14">
      <c r="N1033844" s="10"/>
    </row>
    <row r="1033845" spans="14:14">
      <c r="N1033845" s="10"/>
    </row>
    <row r="1033846" spans="14:14">
      <c r="N1033846" s="10"/>
    </row>
    <row r="1033847" spans="14:14">
      <c r="N1033847" s="10"/>
    </row>
    <row r="1033848" spans="14:14">
      <c r="N1033848" s="10"/>
    </row>
    <row r="1033849" spans="14:14">
      <c r="N1033849" s="10"/>
    </row>
    <row r="1033850" spans="14:14">
      <c r="N1033850" s="10"/>
    </row>
    <row r="1033851" spans="14:14">
      <c r="N1033851" s="10"/>
    </row>
    <row r="1033852" spans="14:14">
      <c r="N1033852" s="10"/>
    </row>
    <row r="1033853" spans="14:14">
      <c r="N1033853" s="10"/>
    </row>
    <row r="1033854" spans="14:14">
      <c r="N1033854" s="10"/>
    </row>
    <row r="1033855" spans="14:14">
      <c r="N1033855" s="10"/>
    </row>
    <row r="1033856" spans="14:14">
      <c r="N1033856" s="10"/>
    </row>
    <row r="1033857" spans="14:14">
      <c r="N1033857" s="10"/>
    </row>
    <row r="1033858" spans="14:14">
      <c r="N1033858" s="10"/>
    </row>
    <row r="1033859" spans="14:14">
      <c r="N1033859" s="10"/>
    </row>
    <row r="1033860" spans="14:14">
      <c r="N1033860" s="10"/>
    </row>
    <row r="1033861" spans="14:14">
      <c r="N1033861" s="10"/>
    </row>
    <row r="1033862" spans="14:14">
      <c r="N1033862" s="10"/>
    </row>
    <row r="1033863" spans="14:14">
      <c r="N1033863" s="10"/>
    </row>
    <row r="1033864" spans="14:14">
      <c r="N1033864" s="10"/>
    </row>
    <row r="1033865" spans="14:14">
      <c r="N1033865" s="10"/>
    </row>
    <row r="1033866" spans="14:14">
      <c r="N1033866" s="10"/>
    </row>
    <row r="1033867" spans="14:14">
      <c r="N1033867" s="10"/>
    </row>
    <row r="1033868" spans="14:14">
      <c r="N1033868" s="10"/>
    </row>
    <row r="1033869" spans="14:14">
      <c r="N1033869" s="10"/>
    </row>
    <row r="1033870" spans="14:14">
      <c r="N1033870" s="10"/>
    </row>
    <row r="1033871" spans="14:14">
      <c r="N1033871" s="10"/>
    </row>
    <row r="1033872" spans="14:14">
      <c r="N1033872" s="10"/>
    </row>
    <row r="1033873" spans="14:14">
      <c r="N1033873" s="10"/>
    </row>
    <row r="1033874" spans="14:14">
      <c r="N1033874" s="10"/>
    </row>
    <row r="1033875" spans="14:14">
      <c r="N1033875" s="10"/>
    </row>
    <row r="1033876" spans="14:14">
      <c r="N1033876" s="10"/>
    </row>
    <row r="1033877" spans="14:14">
      <c r="N1033877" s="10"/>
    </row>
    <row r="1033878" spans="14:14">
      <c r="N1033878" s="10"/>
    </row>
    <row r="1033879" spans="14:14">
      <c r="N1033879" s="10"/>
    </row>
    <row r="1033880" spans="14:14">
      <c r="N1033880" s="10"/>
    </row>
    <row r="1033881" spans="14:14">
      <c r="N1033881" s="10"/>
    </row>
    <row r="1033882" spans="14:14">
      <c r="N1033882" s="10"/>
    </row>
    <row r="1033883" spans="14:14">
      <c r="N1033883" s="10"/>
    </row>
    <row r="1033884" spans="14:14">
      <c r="N1033884" s="10"/>
    </row>
    <row r="1033885" spans="14:14">
      <c r="N1033885" s="10"/>
    </row>
    <row r="1033886" spans="14:14">
      <c r="N1033886" s="10"/>
    </row>
    <row r="1033887" spans="14:14">
      <c r="N1033887" s="10"/>
    </row>
    <row r="1033888" spans="14:14">
      <c r="N1033888" s="10"/>
    </row>
    <row r="1033889" spans="14:14">
      <c r="N1033889" s="10"/>
    </row>
    <row r="1033890" spans="14:14">
      <c r="N1033890" s="10"/>
    </row>
    <row r="1033891" spans="14:14">
      <c r="N1033891" s="10"/>
    </row>
    <row r="1033892" spans="14:14">
      <c r="N1033892" s="10"/>
    </row>
    <row r="1033893" spans="14:14">
      <c r="N1033893" s="10"/>
    </row>
    <row r="1033894" spans="14:14">
      <c r="N1033894" s="10"/>
    </row>
    <row r="1033895" spans="14:14">
      <c r="N1033895" s="10"/>
    </row>
    <row r="1033896" spans="14:14">
      <c r="N1033896" s="10"/>
    </row>
    <row r="1033897" spans="14:14">
      <c r="N1033897" s="10"/>
    </row>
    <row r="1033898" spans="14:14">
      <c r="N1033898" s="10"/>
    </row>
    <row r="1033899" spans="14:14">
      <c r="N1033899" s="10"/>
    </row>
    <row r="1033900" spans="14:14">
      <c r="N1033900" s="10"/>
    </row>
    <row r="1033901" spans="14:14">
      <c r="N1033901" s="10"/>
    </row>
    <row r="1033902" spans="14:14">
      <c r="N1033902" s="10"/>
    </row>
    <row r="1033903" spans="14:14">
      <c r="N1033903" s="10"/>
    </row>
    <row r="1033904" spans="14:14">
      <c r="N1033904" s="10"/>
    </row>
    <row r="1033905" spans="14:14">
      <c r="N1033905" s="10"/>
    </row>
    <row r="1033906" spans="14:14">
      <c r="N1033906" s="10"/>
    </row>
    <row r="1033907" spans="14:14">
      <c r="N1033907" s="10"/>
    </row>
    <row r="1033908" spans="14:14">
      <c r="N1033908" s="10"/>
    </row>
    <row r="1033909" spans="14:14">
      <c r="N1033909" s="10"/>
    </row>
    <row r="1033910" spans="14:14">
      <c r="N1033910" s="10"/>
    </row>
    <row r="1033911" spans="14:14">
      <c r="N1033911" s="10"/>
    </row>
    <row r="1033912" spans="14:14">
      <c r="N1033912" s="10"/>
    </row>
    <row r="1033913" spans="14:14">
      <c r="N1033913" s="10"/>
    </row>
    <row r="1033914" spans="14:14">
      <c r="N1033914" s="10"/>
    </row>
    <row r="1033915" spans="14:14">
      <c r="N1033915" s="10"/>
    </row>
    <row r="1033916" spans="14:14">
      <c r="N1033916" s="10"/>
    </row>
    <row r="1033917" spans="14:14">
      <c r="N1033917" s="10"/>
    </row>
    <row r="1033918" spans="14:14">
      <c r="N1033918" s="10"/>
    </row>
    <row r="1033919" spans="14:14">
      <c r="N1033919" s="10"/>
    </row>
    <row r="1033920" spans="14:14">
      <c r="N1033920" s="10"/>
    </row>
    <row r="1033921" spans="14:14">
      <c r="N1033921" s="10"/>
    </row>
    <row r="1033922" spans="14:14">
      <c r="N1033922" s="10"/>
    </row>
    <row r="1033923" spans="14:14">
      <c r="N1033923" s="10"/>
    </row>
    <row r="1033924" spans="14:14">
      <c r="N1033924" s="10"/>
    </row>
    <row r="1033925" spans="14:14">
      <c r="N1033925" s="10"/>
    </row>
    <row r="1033926" spans="14:14">
      <c r="N1033926" s="10"/>
    </row>
    <row r="1033927" spans="14:14">
      <c r="N1033927" s="10"/>
    </row>
    <row r="1033928" spans="14:14">
      <c r="N1033928" s="10"/>
    </row>
    <row r="1033929" spans="14:14">
      <c r="N1033929" s="10"/>
    </row>
    <row r="1033930" spans="14:14">
      <c r="N1033930" s="10"/>
    </row>
    <row r="1033931" spans="14:14">
      <c r="N1033931" s="10"/>
    </row>
    <row r="1033932" spans="14:14">
      <c r="N1033932" s="10"/>
    </row>
    <row r="1033933" spans="14:14">
      <c r="N1033933" s="10"/>
    </row>
    <row r="1033934" spans="14:14">
      <c r="N1033934" s="10"/>
    </row>
    <row r="1033935" spans="14:14">
      <c r="N1033935" s="10"/>
    </row>
    <row r="1033936" spans="14:14">
      <c r="N1033936" s="10"/>
    </row>
    <row r="1033937" spans="14:14">
      <c r="N1033937" s="10"/>
    </row>
    <row r="1033938" spans="14:14">
      <c r="N1033938" s="10"/>
    </row>
    <row r="1033939" spans="14:14">
      <c r="N1033939" s="10"/>
    </row>
    <row r="1033940" spans="14:14">
      <c r="N1033940" s="10"/>
    </row>
    <row r="1033941" spans="14:14">
      <c r="N1033941" s="10"/>
    </row>
    <row r="1033942" spans="14:14">
      <c r="N1033942" s="10"/>
    </row>
    <row r="1033943" spans="14:14">
      <c r="N1033943" s="10"/>
    </row>
    <row r="1033944" spans="14:14">
      <c r="N1033944" s="10"/>
    </row>
    <row r="1033945" spans="14:14">
      <c r="N1033945" s="10"/>
    </row>
    <row r="1033946" spans="14:14">
      <c r="N1033946" s="10"/>
    </row>
    <row r="1033947" spans="14:14">
      <c r="N1033947" s="10"/>
    </row>
    <row r="1033948" spans="14:14">
      <c r="N1033948" s="10"/>
    </row>
    <row r="1033949" spans="14:14">
      <c r="N1033949" s="10"/>
    </row>
    <row r="1033950" spans="14:14">
      <c r="N1033950" s="10"/>
    </row>
    <row r="1033951" spans="14:14">
      <c r="N1033951" s="10"/>
    </row>
    <row r="1033952" spans="14:14">
      <c r="N1033952" s="10"/>
    </row>
    <row r="1033953" spans="14:14">
      <c r="N1033953" s="10"/>
    </row>
    <row r="1033954" spans="14:14">
      <c r="N1033954" s="10"/>
    </row>
    <row r="1033955" spans="14:14">
      <c r="N1033955" s="10"/>
    </row>
    <row r="1033956" spans="14:14">
      <c r="N1033956" s="10"/>
    </row>
    <row r="1033957" spans="14:14">
      <c r="N1033957" s="10"/>
    </row>
    <row r="1033958" spans="14:14">
      <c r="N1033958" s="10"/>
    </row>
    <row r="1033959" spans="14:14">
      <c r="N1033959" s="10"/>
    </row>
    <row r="1033960" spans="14:14">
      <c r="N1033960" s="10"/>
    </row>
    <row r="1033961" spans="14:14">
      <c r="N1033961" s="10"/>
    </row>
    <row r="1033962" spans="14:14">
      <c r="N1033962" s="10"/>
    </row>
    <row r="1033963" spans="14:14">
      <c r="N1033963" s="10"/>
    </row>
    <row r="1033964" spans="14:14">
      <c r="N1033964" s="10"/>
    </row>
    <row r="1033965" spans="14:14">
      <c r="N1033965" s="10"/>
    </row>
    <row r="1033966" spans="14:14">
      <c r="N1033966" s="10"/>
    </row>
    <row r="1033967" spans="14:14">
      <c r="N1033967" s="10"/>
    </row>
    <row r="1033968" spans="14:14">
      <c r="N1033968" s="10"/>
    </row>
    <row r="1033969" spans="14:14">
      <c r="N1033969" s="10"/>
    </row>
    <row r="1033970" spans="14:14">
      <c r="N1033970" s="10"/>
    </row>
    <row r="1033971" spans="14:14">
      <c r="N1033971" s="10"/>
    </row>
    <row r="1033972" spans="14:14">
      <c r="N1033972" s="10"/>
    </row>
    <row r="1033973" spans="14:14">
      <c r="N1033973" s="10"/>
    </row>
    <row r="1033974" spans="14:14">
      <c r="N1033974" s="10"/>
    </row>
    <row r="1033975" spans="14:14">
      <c r="N1033975" s="10"/>
    </row>
    <row r="1033976" spans="14:14">
      <c r="N1033976" s="10"/>
    </row>
    <row r="1033977" spans="14:14">
      <c r="N1033977" s="10"/>
    </row>
    <row r="1033978" spans="14:14">
      <c r="N1033978" s="10"/>
    </row>
    <row r="1033979" spans="14:14">
      <c r="N1033979" s="10"/>
    </row>
    <row r="1033980" spans="14:14">
      <c r="N1033980" s="10"/>
    </row>
    <row r="1033981" spans="14:14">
      <c r="N1033981" s="10"/>
    </row>
    <row r="1033982" spans="14:14">
      <c r="N1033982" s="10"/>
    </row>
    <row r="1033983" spans="14:14">
      <c r="N1033983" s="10"/>
    </row>
    <row r="1033984" spans="14:14">
      <c r="N1033984" s="10"/>
    </row>
    <row r="1033985" spans="14:14">
      <c r="N1033985" s="10"/>
    </row>
    <row r="1033986" spans="14:14">
      <c r="N1033986" s="10"/>
    </row>
    <row r="1033987" spans="14:14">
      <c r="N1033987" s="10"/>
    </row>
    <row r="1033988" spans="14:14">
      <c r="N1033988" s="10"/>
    </row>
    <row r="1033989" spans="14:14">
      <c r="N1033989" s="10"/>
    </row>
    <row r="1033990" spans="14:14">
      <c r="N1033990" s="10"/>
    </row>
    <row r="1033991" spans="14:14">
      <c r="N1033991" s="10"/>
    </row>
    <row r="1033992" spans="14:14">
      <c r="N1033992" s="10"/>
    </row>
    <row r="1033993" spans="14:14">
      <c r="N1033993" s="10"/>
    </row>
    <row r="1033994" spans="14:14">
      <c r="N1033994" s="10"/>
    </row>
    <row r="1033995" spans="14:14">
      <c r="N1033995" s="10"/>
    </row>
    <row r="1033996" spans="14:14">
      <c r="N1033996" s="10"/>
    </row>
    <row r="1033997" spans="14:14">
      <c r="N1033997" s="10"/>
    </row>
    <row r="1033998" spans="14:14">
      <c r="N1033998" s="10"/>
    </row>
    <row r="1033999" spans="14:14">
      <c r="N1033999" s="10"/>
    </row>
    <row r="1034000" spans="14:14">
      <c r="N1034000" s="10"/>
    </row>
    <row r="1034001" spans="14:14">
      <c r="N1034001" s="10"/>
    </row>
    <row r="1034002" spans="14:14">
      <c r="N1034002" s="10"/>
    </row>
    <row r="1034003" spans="14:14">
      <c r="N1034003" s="10"/>
    </row>
    <row r="1034004" spans="14:14">
      <c r="N1034004" s="10"/>
    </row>
    <row r="1034005" spans="14:14">
      <c r="N1034005" s="10"/>
    </row>
    <row r="1034006" spans="14:14">
      <c r="N1034006" s="10"/>
    </row>
    <row r="1034007" spans="14:14">
      <c r="N1034007" s="10"/>
    </row>
    <row r="1034008" spans="14:14">
      <c r="N1034008" s="10"/>
    </row>
    <row r="1034009" spans="14:14">
      <c r="N1034009" s="10"/>
    </row>
    <row r="1034010" spans="14:14">
      <c r="N1034010" s="10"/>
    </row>
    <row r="1034011" spans="14:14">
      <c r="N1034011" s="10"/>
    </row>
    <row r="1034012" spans="14:14">
      <c r="N1034012" s="10"/>
    </row>
    <row r="1034013" spans="14:14">
      <c r="N1034013" s="10"/>
    </row>
    <row r="1034014" spans="14:14">
      <c r="N1034014" s="10"/>
    </row>
    <row r="1034015" spans="14:14">
      <c r="N1034015" s="10"/>
    </row>
    <row r="1034016" spans="14:14">
      <c r="N1034016" s="10"/>
    </row>
    <row r="1034017" spans="14:14">
      <c r="N1034017" s="10"/>
    </row>
    <row r="1034018" spans="14:14">
      <c r="N1034018" s="10"/>
    </row>
    <row r="1034019" spans="14:14">
      <c r="N1034019" s="10"/>
    </row>
    <row r="1034020" spans="14:14">
      <c r="N1034020" s="10"/>
    </row>
    <row r="1034021" spans="14:14">
      <c r="N1034021" s="10"/>
    </row>
    <row r="1034022" spans="14:14">
      <c r="N1034022" s="10"/>
    </row>
    <row r="1034023" spans="14:14">
      <c r="N1034023" s="10"/>
    </row>
    <row r="1034024" spans="14:14">
      <c r="N1034024" s="10"/>
    </row>
    <row r="1034025" spans="14:14">
      <c r="N1034025" s="10"/>
    </row>
    <row r="1034026" spans="14:14">
      <c r="N1034026" s="10"/>
    </row>
    <row r="1034027" spans="14:14">
      <c r="N1034027" s="10"/>
    </row>
    <row r="1034028" spans="14:14">
      <c r="N1034028" s="10"/>
    </row>
    <row r="1034029" spans="14:14">
      <c r="N1034029" s="10"/>
    </row>
    <row r="1034030" spans="14:14">
      <c r="N1034030" s="10"/>
    </row>
    <row r="1034031" spans="14:14">
      <c r="N1034031" s="10"/>
    </row>
    <row r="1034032" spans="14:14">
      <c r="N1034032" s="10"/>
    </row>
    <row r="1034033" spans="14:14">
      <c r="N1034033" s="10"/>
    </row>
    <row r="1034034" spans="14:14">
      <c r="N1034034" s="10"/>
    </row>
    <row r="1034035" spans="14:14">
      <c r="N1034035" s="10"/>
    </row>
    <row r="1034036" spans="14:14">
      <c r="N1034036" s="10"/>
    </row>
    <row r="1034037" spans="14:14">
      <c r="N1034037" s="10"/>
    </row>
    <row r="1034038" spans="14:14">
      <c r="N1034038" s="10"/>
    </row>
    <row r="1034039" spans="14:14">
      <c r="N1034039" s="10"/>
    </row>
    <row r="1034040" spans="14:14">
      <c r="N1034040" s="10"/>
    </row>
    <row r="1034041" spans="14:14">
      <c r="N1034041" s="10"/>
    </row>
    <row r="1034042" spans="14:14">
      <c r="N1034042" s="10"/>
    </row>
    <row r="1034043" spans="14:14">
      <c r="N1034043" s="10"/>
    </row>
    <row r="1034044" spans="14:14">
      <c r="N1034044" s="10"/>
    </row>
    <row r="1034045" spans="14:14">
      <c r="N1034045" s="10"/>
    </row>
    <row r="1034046" spans="14:14">
      <c r="N1034046" s="10"/>
    </row>
    <row r="1034047" spans="14:14">
      <c r="N1034047" s="10"/>
    </row>
    <row r="1034048" spans="14:14">
      <c r="N1034048" s="10"/>
    </row>
    <row r="1034049" spans="14:14">
      <c r="N1034049" s="10"/>
    </row>
    <row r="1034050" spans="14:14">
      <c r="N1034050" s="10"/>
    </row>
    <row r="1034051" spans="14:14">
      <c r="N1034051" s="10"/>
    </row>
    <row r="1034052" spans="14:14">
      <c r="N1034052" s="10"/>
    </row>
    <row r="1034053" spans="14:14">
      <c r="N1034053" s="10"/>
    </row>
    <row r="1034054" spans="14:14">
      <c r="N1034054" s="10"/>
    </row>
    <row r="1034055" spans="14:14">
      <c r="N1034055" s="10"/>
    </row>
    <row r="1034056" spans="14:14">
      <c r="N1034056" s="10"/>
    </row>
    <row r="1034057" spans="14:14">
      <c r="N1034057" s="10"/>
    </row>
    <row r="1034058" spans="14:14">
      <c r="N1034058" s="10"/>
    </row>
    <row r="1034059" spans="14:14">
      <c r="N1034059" s="10"/>
    </row>
    <row r="1034060" spans="14:14">
      <c r="N1034060" s="10"/>
    </row>
    <row r="1034061" spans="14:14">
      <c r="N1034061" s="10"/>
    </row>
    <row r="1034062" spans="14:14">
      <c r="N1034062" s="10"/>
    </row>
    <row r="1034063" spans="14:14">
      <c r="N1034063" s="10"/>
    </row>
    <row r="1034064" spans="14:14">
      <c r="N1034064" s="10"/>
    </row>
    <row r="1034065" spans="14:14">
      <c r="N1034065" s="10"/>
    </row>
    <row r="1034066" spans="14:14">
      <c r="N1034066" s="10"/>
    </row>
    <row r="1034067" spans="14:14">
      <c r="N1034067" s="10"/>
    </row>
    <row r="1034068" spans="14:14">
      <c r="N1034068" s="10"/>
    </row>
    <row r="1034069" spans="14:14">
      <c r="N1034069" s="10"/>
    </row>
    <row r="1034070" spans="14:14">
      <c r="N1034070" s="10"/>
    </row>
    <row r="1034071" spans="14:14">
      <c r="N1034071" s="10"/>
    </row>
    <row r="1034072" spans="14:14">
      <c r="N1034072" s="10"/>
    </row>
    <row r="1034073" spans="14:14">
      <c r="N1034073" s="10"/>
    </row>
    <row r="1034074" spans="14:14">
      <c r="N1034074" s="10"/>
    </row>
    <row r="1034075" spans="14:14">
      <c r="N1034075" s="10"/>
    </row>
    <row r="1034076" spans="14:14">
      <c r="N1034076" s="10"/>
    </row>
    <row r="1034077" spans="14:14">
      <c r="N1034077" s="10"/>
    </row>
    <row r="1034078" spans="14:14">
      <c r="N1034078" s="10"/>
    </row>
    <row r="1034079" spans="14:14">
      <c r="N1034079" s="10"/>
    </row>
    <row r="1034080" spans="14:14">
      <c r="N1034080" s="10"/>
    </row>
    <row r="1034081" spans="14:14">
      <c r="N1034081" s="10"/>
    </row>
    <row r="1034082" spans="14:14">
      <c r="N1034082" s="10"/>
    </row>
    <row r="1034083" spans="14:14">
      <c r="N1034083" s="10"/>
    </row>
    <row r="1034084" spans="14:14">
      <c r="N1034084" s="10"/>
    </row>
    <row r="1034085" spans="14:14">
      <c r="N1034085" s="10"/>
    </row>
    <row r="1034086" spans="14:14">
      <c r="N1034086" s="10"/>
    </row>
    <row r="1034087" spans="14:14">
      <c r="N1034087" s="10"/>
    </row>
    <row r="1034088" spans="14:14">
      <c r="N1034088" s="10"/>
    </row>
    <row r="1034089" spans="14:14">
      <c r="N1034089" s="10"/>
    </row>
    <row r="1034090" spans="14:14">
      <c r="N1034090" s="10"/>
    </row>
    <row r="1034091" spans="14:14">
      <c r="N1034091" s="10"/>
    </row>
    <row r="1034092" spans="14:14">
      <c r="N1034092" s="10"/>
    </row>
    <row r="1034093" spans="14:14">
      <c r="N1034093" s="10"/>
    </row>
    <row r="1034094" spans="14:14">
      <c r="N1034094" s="10"/>
    </row>
    <row r="1034095" spans="14:14">
      <c r="N1034095" s="10"/>
    </row>
    <row r="1034096" spans="14:14">
      <c r="N1034096" s="10"/>
    </row>
    <row r="1034097" spans="14:14">
      <c r="N1034097" s="10"/>
    </row>
    <row r="1034098" spans="14:14">
      <c r="N1034098" s="10"/>
    </row>
    <row r="1034099" spans="14:14">
      <c r="N1034099" s="10"/>
    </row>
    <row r="1034100" spans="14:14">
      <c r="N1034100" s="10"/>
    </row>
    <row r="1034101" spans="14:14">
      <c r="N1034101" s="10"/>
    </row>
    <row r="1034102" spans="14:14">
      <c r="N1034102" s="10"/>
    </row>
    <row r="1034103" spans="14:14">
      <c r="N1034103" s="10"/>
    </row>
    <row r="1034104" spans="14:14">
      <c r="N1034104" s="10"/>
    </row>
    <row r="1034105" spans="14:14">
      <c r="N1034105" s="10"/>
    </row>
    <row r="1034106" spans="14:14">
      <c r="N1034106" s="10"/>
    </row>
    <row r="1034107" spans="14:14">
      <c r="N1034107" s="10"/>
    </row>
    <row r="1034108" spans="14:14">
      <c r="N1034108" s="10"/>
    </row>
    <row r="1034109" spans="14:14">
      <c r="N1034109" s="10"/>
    </row>
    <row r="1034110" spans="14:14">
      <c r="N1034110" s="10"/>
    </row>
    <row r="1034111" spans="14:14">
      <c r="N1034111" s="10"/>
    </row>
    <row r="1034112" spans="14:14">
      <c r="N1034112" s="10"/>
    </row>
    <row r="1034113" spans="14:14">
      <c r="N1034113" s="10"/>
    </row>
    <row r="1034114" spans="14:14">
      <c r="N1034114" s="10"/>
    </row>
    <row r="1034115" spans="14:14">
      <c r="N1034115" s="10"/>
    </row>
    <row r="1034116" spans="14:14">
      <c r="N1034116" s="10"/>
    </row>
    <row r="1034117" spans="14:14">
      <c r="N1034117" s="10"/>
    </row>
    <row r="1034118" spans="14:14">
      <c r="N1034118" s="10"/>
    </row>
    <row r="1034119" spans="14:14">
      <c r="N1034119" s="10"/>
    </row>
    <row r="1034120" spans="14:14">
      <c r="N1034120" s="10"/>
    </row>
    <row r="1034121" spans="14:14">
      <c r="N1034121" s="10"/>
    </row>
    <row r="1034122" spans="14:14">
      <c r="N1034122" s="10"/>
    </row>
    <row r="1034123" spans="14:14">
      <c r="N1034123" s="10"/>
    </row>
    <row r="1034124" spans="14:14">
      <c r="N1034124" s="10"/>
    </row>
    <row r="1034125" spans="14:14">
      <c r="N1034125" s="10"/>
    </row>
    <row r="1034126" spans="14:14">
      <c r="N1034126" s="10"/>
    </row>
    <row r="1034127" spans="14:14">
      <c r="N1034127" s="10"/>
    </row>
    <row r="1034128" spans="14:14">
      <c r="N1034128" s="10"/>
    </row>
    <row r="1034129" spans="14:14">
      <c r="N1034129" s="10"/>
    </row>
    <row r="1034130" spans="14:14">
      <c r="N1034130" s="10"/>
    </row>
    <row r="1034131" spans="14:14">
      <c r="N1034131" s="10"/>
    </row>
    <row r="1034132" spans="14:14">
      <c r="N1034132" s="10"/>
    </row>
    <row r="1034133" spans="14:14">
      <c r="N1034133" s="10"/>
    </row>
    <row r="1034134" spans="14:14">
      <c r="N1034134" s="10"/>
    </row>
    <row r="1034135" spans="14:14">
      <c r="N1034135" s="10"/>
    </row>
    <row r="1034136" spans="14:14">
      <c r="N1034136" s="10"/>
    </row>
    <row r="1034137" spans="14:14">
      <c r="N1034137" s="10"/>
    </row>
    <row r="1034138" spans="14:14">
      <c r="N1034138" s="10"/>
    </row>
    <row r="1034139" spans="14:14">
      <c r="N1034139" s="10"/>
    </row>
    <row r="1034140" spans="14:14">
      <c r="N1034140" s="10"/>
    </row>
    <row r="1034141" spans="14:14">
      <c r="N1034141" s="10"/>
    </row>
    <row r="1034142" spans="14:14">
      <c r="N1034142" s="10"/>
    </row>
    <row r="1034143" spans="14:14">
      <c r="N1034143" s="10"/>
    </row>
    <row r="1034144" spans="14:14">
      <c r="N1034144" s="10"/>
    </row>
    <row r="1034145" spans="14:14">
      <c r="N1034145" s="10"/>
    </row>
    <row r="1034146" spans="14:14">
      <c r="N1034146" s="10"/>
    </row>
    <row r="1034147" spans="14:14">
      <c r="N1034147" s="10"/>
    </row>
    <row r="1034148" spans="14:14">
      <c r="N1034148" s="10"/>
    </row>
    <row r="1034149" spans="14:14">
      <c r="N1034149" s="10"/>
    </row>
    <row r="1034150" spans="14:14">
      <c r="N1034150" s="10"/>
    </row>
    <row r="1034151" spans="14:14">
      <c r="N1034151" s="10"/>
    </row>
    <row r="1034152" spans="14:14">
      <c r="N1034152" s="10"/>
    </row>
    <row r="1034153" spans="14:14">
      <c r="N1034153" s="10"/>
    </row>
    <row r="1034154" spans="14:14">
      <c r="N1034154" s="10"/>
    </row>
    <row r="1034155" spans="14:14">
      <c r="N1034155" s="10"/>
    </row>
    <row r="1034156" spans="14:14">
      <c r="N1034156" s="10"/>
    </row>
    <row r="1034157" spans="14:14">
      <c r="N1034157" s="10"/>
    </row>
    <row r="1034158" spans="14:14">
      <c r="N1034158" s="10"/>
    </row>
    <row r="1034159" spans="14:14">
      <c r="N1034159" s="10"/>
    </row>
    <row r="1034160" spans="14:14">
      <c r="N1034160" s="10"/>
    </row>
    <row r="1034161" spans="14:14">
      <c r="N1034161" s="10"/>
    </row>
    <row r="1034162" spans="14:14">
      <c r="N1034162" s="10"/>
    </row>
    <row r="1034163" spans="14:14">
      <c r="N1034163" s="10"/>
    </row>
    <row r="1034164" spans="14:14">
      <c r="N1034164" s="10"/>
    </row>
    <row r="1034165" spans="14:14">
      <c r="N1034165" s="10"/>
    </row>
    <row r="1034166" spans="14:14">
      <c r="N1034166" s="10"/>
    </row>
    <row r="1034167" spans="14:14">
      <c r="N1034167" s="10"/>
    </row>
    <row r="1034168" spans="14:14">
      <c r="N1034168" s="10"/>
    </row>
    <row r="1034169" spans="14:14">
      <c r="N1034169" s="10"/>
    </row>
    <row r="1034170" spans="14:14">
      <c r="N1034170" s="10"/>
    </row>
    <row r="1034171" spans="14:14">
      <c r="N1034171" s="10"/>
    </row>
    <row r="1034172" spans="14:14">
      <c r="N1034172" s="10"/>
    </row>
    <row r="1034173" spans="14:14">
      <c r="N1034173" s="10"/>
    </row>
    <row r="1034174" spans="14:14">
      <c r="N1034174" s="10"/>
    </row>
    <row r="1034175" spans="14:14">
      <c r="N1034175" s="10"/>
    </row>
    <row r="1034176" spans="14:14">
      <c r="N1034176" s="10"/>
    </row>
    <row r="1034177" spans="14:14">
      <c r="N1034177" s="10"/>
    </row>
    <row r="1034178" spans="14:14">
      <c r="N1034178" s="10"/>
    </row>
    <row r="1034179" spans="14:14">
      <c r="N1034179" s="10"/>
    </row>
    <row r="1034180" spans="14:14">
      <c r="N1034180" s="10"/>
    </row>
    <row r="1034181" spans="14:14">
      <c r="N1034181" s="10"/>
    </row>
    <row r="1034182" spans="14:14">
      <c r="N1034182" s="10"/>
    </row>
    <row r="1034183" spans="14:14">
      <c r="N1034183" s="10"/>
    </row>
    <row r="1034184" spans="14:14">
      <c r="N1034184" s="10"/>
    </row>
    <row r="1034185" spans="14:14">
      <c r="N1034185" s="10"/>
    </row>
    <row r="1034186" spans="14:14">
      <c r="N1034186" s="10"/>
    </row>
    <row r="1034187" spans="14:14">
      <c r="N1034187" s="10"/>
    </row>
    <row r="1034188" spans="14:14">
      <c r="N1034188" s="10"/>
    </row>
    <row r="1034189" spans="14:14">
      <c r="N1034189" s="10"/>
    </row>
    <row r="1034190" spans="14:14">
      <c r="N1034190" s="10"/>
    </row>
    <row r="1034191" spans="14:14">
      <c r="N1034191" s="10"/>
    </row>
    <row r="1034192" spans="14:14">
      <c r="N1034192" s="10"/>
    </row>
    <row r="1034193" spans="14:14">
      <c r="N1034193" s="10"/>
    </row>
    <row r="1034194" spans="14:14">
      <c r="N1034194" s="10"/>
    </row>
    <row r="1034195" spans="14:14">
      <c r="N1034195" s="10"/>
    </row>
    <row r="1034196" spans="14:14">
      <c r="N1034196" s="10"/>
    </row>
    <row r="1034197" spans="14:14">
      <c r="N1034197" s="10"/>
    </row>
    <row r="1034198" spans="14:14">
      <c r="N1034198" s="10"/>
    </row>
    <row r="1034199" spans="14:14">
      <c r="N1034199" s="10"/>
    </row>
    <row r="1034200" spans="14:14">
      <c r="N1034200" s="10"/>
    </row>
    <row r="1034201" spans="14:14">
      <c r="N1034201" s="10"/>
    </row>
    <row r="1034202" spans="14:14">
      <c r="N1034202" s="10"/>
    </row>
    <row r="1034203" spans="14:14">
      <c r="N1034203" s="10"/>
    </row>
    <row r="1034204" spans="14:14">
      <c r="N1034204" s="10"/>
    </row>
    <row r="1034205" spans="14:14">
      <c r="N1034205" s="10"/>
    </row>
    <row r="1034206" spans="14:14">
      <c r="N1034206" s="10"/>
    </row>
    <row r="1034207" spans="14:14">
      <c r="N1034207" s="10"/>
    </row>
    <row r="1034208" spans="14:14">
      <c r="N1034208" s="10"/>
    </row>
    <row r="1034209" spans="14:14">
      <c r="N1034209" s="10"/>
    </row>
    <row r="1034210" spans="14:14">
      <c r="N1034210" s="10"/>
    </row>
    <row r="1034211" spans="14:14">
      <c r="N1034211" s="10"/>
    </row>
    <row r="1034212" spans="14:14">
      <c r="N1034212" s="10"/>
    </row>
    <row r="1034213" spans="14:14">
      <c r="N1034213" s="10"/>
    </row>
    <row r="1034214" spans="14:14">
      <c r="N1034214" s="10"/>
    </row>
    <row r="1034215" spans="14:14">
      <c r="N1034215" s="10"/>
    </row>
    <row r="1034216" spans="14:14">
      <c r="N1034216" s="10"/>
    </row>
    <row r="1034217" spans="14:14">
      <c r="N1034217" s="10"/>
    </row>
    <row r="1034218" spans="14:14">
      <c r="N1034218" s="10"/>
    </row>
    <row r="1034219" spans="14:14">
      <c r="N1034219" s="10"/>
    </row>
    <row r="1034220" spans="14:14">
      <c r="N1034220" s="10"/>
    </row>
    <row r="1034221" spans="14:14">
      <c r="N1034221" s="10"/>
    </row>
    <row r="1034222" spans="14:14">
      <c r="N1034222" s="10"/>
    </row>
    <row r="1034223" spans="14:14">
      <c r="N1034223" s="10"/>
    </row>
    <row r="1034224" spans="14:14">
      <c r="N1034224" s="10"/>
    </row>
    <row r="1034225" spans="14:14">
      <c r="N1034225" s="10"/>
    </row>
    <row r="1034226" spans="14:14">
      <c r="N1034226" s="10"/>
    </row>
    <row r="1034227" spans="14:14">
      <c r="N1034227" s="10"/>
    </row>
    <row r="1034228" spans="14:14">
      <c r="N1034228" s="10"/>
    </row>
    <row r="1034229" spans="14:14">
      <c r="N1034229" s="10"/>
    </row>
    <row r="1034230" spans="14:14">
      <c r="N1034230" s="10"/>
    </row>
    <row r="1034231" spans="14:14">
      <c r="N1034231" s="10"/>
    </row>
    <row r="1034232" spans="14:14">
      <c r="N1034232" s="10"/>
    </row>
    <row r="1034233" spans="14:14">
      <c r="N1034233" s="10"/>
    </row>
    <row r="1034234" spans="14:14">
      <c r="N1034234" s="10"/>
    </row>
    <row r="1034235" spans="14:14">
      <c r="N1034235" s="10"/>
    </row>
    <row r="1034236" spans="14:14">
      <c r="N1034236" s="10"/>
    </row>
    <row r="1034237" spans="14:14">
      <c r="N1034237" s="10"/>
    </row>
    <row r="1034238" spans="14:14">
      <c r="N1034238" s="10"/>
    </row>
    <row r="1034239" spans="14:14">
      <c r="N1034239" s="10"/>
    </row>
    <row r="1034240" spans="14:14">
      <c r="N1034240" s="10"/>
    </row>
    <row r="1034241" spans="14:14">
      <c r="N1034241" s="10"/>
    </row>
    <row r="1034242" spans="14:14">
      <c r="N1034242" s="10"/>
    </row>
    <row r="1034243" spans="14:14">
      <c r="N1034243" s="10"/>
    </row>
    <row r="1034244" spans="14:14">
      <c r="N1034244" s="10"/>
    </row>
    <row r="1034245" spans="14:14">
      <c r="N1034245" s="10"/>
    </row>
    <row r="1034246" spans="14:14">
      <c r="N1034246" s="10"/>
    </row>
    <row r="1034247" spans="14:14">
      <c r="N1034247" s="10"/>
    </row>
    <row r="1034248" spans="14:14">
      <c r="N1034248" s="10"/>
    </row>
    <row r="1034249" spans="14:14">
      <c r="N1034249" s="10"/>
    </row>
    <row r="1034250" spans="14:14">
      <c r="N1034250" s="10"/>
    </row>
    <row r="1034251" spans="14:14">
      <c r="N1034251" s="10"/>
    </row>
    <row r="1034252" spans="14:14">
      <c r="N1034252" s="10"/>
    </row>
    <row r="1034253" spans="14:14">
      <c r="N1034253" s="10"/>
    </row>
    <row r="1034254" spans="14:14">
      <c r="N1034254" s="10"/>
    </row>
    <row r="1034255" spans="14:14">
      <c r="N1034255" s="10"/>
    </row>
    <row r="1034256" spans="14:14">
      <c r="N1034256" s="10"/>
    </row>
    <row r="1034257" spans="14:14">
      <c r="N1034257" s="10"/>
    </row>
    <row r="1034258" spans="14:14">
      <c r="N1034258" s="10"/>
    </row>
    <row r="1034259" spans="14:14">
      <c r="N1034259" s="10"/>
    </row>
    <row r="1034260" spans="14:14">
      <c r="N1034260" s="10"/>
    </row>
    <row r="1034261" spans="14:14">
      <c r="N1034261" s="10"/>
    </row>
    <row r="1034262" spans="14:14">
      <c r="N1034262" s="10"/>
    </row>
    <row r="1034263" spans="14:14">
      <c r="N1034263" s="10"/>
    </row>
    <row r="1034264" spans="14:14">
      <c r="N1034264" s="10"/>
    </row>
    <row r="1034265" spans="14:14">
      <c r="N1034265" s="10"/>
    </row>
    <row r="1034266" spans="14:14">
      <c r="N1034266" s="10"/>
    </row>
    <row r="1034267" spans="14:14">
      <c r="N1034267" s="10"/>
    </row>
    <row r="1034268" spans="14:14">
      <c r="N1034268" s="10"/>
    </row>
    <row r="1034269" spans="14:14">
      <c r="N1034269" s="10"/>
    </row>
    <row r="1034270" spans="14:14">
      <c r="N1034270" s="10"/>
    </row>
    <row r="1034271" spans="14:14">
      <c r="N1034271" s="10"/>
    </row>
    <row r="1034272" spans="14:14">
      <c r="N1034272" s="10"/>
    </row>
    <row r="1034273" spans="14:14">
      <c r="N1034273" s="10"/>
    </row>
    <row r="1034274" spans="14:14">
      <c r="N1034274" s="10"/>
    </row>
    <row r="1034275" spans="14:14">
      <c r="N1034275" s="10"/>
    </row>
    <row r="1034276" spans="14:14">
      <c r="N1034276" s="10"/>
    </row>
    <row r="1034277" spans="14:14">
      <c r="N1034277" s="10"/>
    </row>
    <row r="1034278" spans="14:14">
      <c r="N1034278" s="10"/>
    </row>
    <row r="1034279" spans="14:14">
      <c r="N1034279" s="10"/>
    </row>
    <row r="1034280" spans="14:14">
      <c r="N1034280" s="10"/>
    </row>
    <row r="1034281" spans="14:14">
      <c r="N1034281" s="10"/>
    </row>
    <row r="1034282" spans="14:14">
      <c r="N1034282" s="10"/>
    </row>
    <row r="1034283" spans="14:14">
      <c r="N1034283" s="10"/>
    </row>
    <row r="1034284" spans="14:14">
      <c r="N1034284" s="10"/>
    </row>
    <row r="1034285" spans="14:14">
      <c r="N1034285" s="10"/>
    </row>
    <row r="1034286" spans="14:14">
      <c r="N1034286" s="10"/>
    </row>
    <row r="1034287" spans="14:14">
      <c r="N1034287" s="10"/>
    </row>
    <row r="1034288" spans="14:14">
      <c r="N1034288" s="10"/>
    </row>
    <row r="1034289" spans="14:14">
      <c r="N1034289" s="10"/>
    </row>
    <row r="1034290" spans="14:14">
      <c r="N1034290" s="10"/>
    </row>
    <row r="1034291" spans="14:14">
      <c r="N1034291" s="10"/>
    </row>
    <row r="1034292" spans="14:14">
      <c r="N1034292" s="10"/>
    </row>
    <row r="1034293" spans="14:14">
      <c r="N1034293" s="10"/>
    </row>
    <row r="1034294" spans="14:14">
      <c r="N1034294" s="10"/>
    </row>
    <row r="1034295" spans="14:14">
      <c r="N1034295" s="10"/>
    </row>
    <row r="1034296" spans="14:14">
      <c r="N1034296" s="10"/>
    </row>
    <row r="1034297" spans="14:14">
      <c r="N1034297" s="10"/>
    </row>
    <row r="1034298" spans="14:14">
      <c r="N1034298" s="10"/>
    </row>
    <row r="1034299" spans="14:14">
      <c r="N1034299" s="10"/>
    </row>
    <row r="1034300" spans="14:14">
      <c r="N1034300" s="10"/>
    </row>
    <row r="1034301" spans="14:14">
      <c r="N1034301" s="10"/>
    </row>
    <row r="1034302" spans="14:14">
      <c r="N1034302" s="10"/>
    </row>
    <row r="1034303" spans="14:14">
      <c r="N1034303" s="10"/>
    </row>
    <row r="1034304" spans="14:14">
      <c r="N1034304" s="10"/>
    </row>
    <row r="1034305" spans="14:14">
      <c r="N1034305" s="10"/>
    </row>
    <row r="1034306" spans="14:14">
      <c r="N1034306" s="10"/>
    </row>
    <row r="1034307" spans="14:14">
      <c r="N1034307" s="10"/>
    </row>
    <row r="1034308" spans="14:14">
      <c r="N1034308" s="10"/>
    </row>
    <row r="1034309" spans="14:14">
      <c r="N1034309" s="10"/>
    </row>
    <row r="1034310" spans="14:14">
      <c r="N1034310" s="10"/>
    </row>
    <row r="1034311" spans="14:14">
      <c r="N1034311" s="10"/>
    </row>
    <row r="1034312" spans="14:14">
      <c r="N1034312" s="10"/>
    </row>
    <row r="1034313" spans="14:14">
      <c r="N1034313" s="10"/>
    </row>
    <row r="1034314" spans="14:14">
      <c r="N1034314" s="10"/>
    </row>
    <row r="1034315" spans="14:14">
      <c r="N1034315" s="10"/>
    </row>
    <row r="1034316" spans="14:14">
      <c r="N1034316" s="10"/>
    </row>
    <row r="1034317" spans="14:14">
      <c r="N1034317" s="10"/>
    </row>
    <row r="1034318" spans="14:14">
      <c r="N1034318" s="10"/>
    </row>
    <row r="1034319" spans="14:14">
      <c r="N1034319" s="10"/>
    </row>
    <row r="1034320" spans="14:14">
      <c r="N1034320" s="10"/>
    </row>
    <row r="1034321" spans="14:14">
      <c r="N1034321" s="10"/>
    </row>
    <row r="1034322" spans="14:14">
      <c r="N1034322" s="10"/>
    </row>
    <row r="1034323" spans="14:14">
      <c r="N1034323" s="10"/>
    </row>
    <row r="1034324" spans="14:14">
      <c r="N1034324" s="10"/>
    </row>
    <row r="1034325" spans="14:14">
      <c r="N1034325" s="10"/>
    </row>
    <row r="1034326" spans="14:14">
      <c r="N1034326" s="10"/>
    </row>
    <row r="1034327" spans="14:14">
      <c r="N1034327" s="10"/>
    </row>
    <row r="1034328" spans="14:14">
      <c r="N1034328" s="10"/>
    </row>
    <row r="1034329" spans="14:14">
      <c r="N1034329" s="10"/>
    </row>
    <row r="1034330" spans="14:14">
      <c r="N1034330" s="10"/>
    </row>
    <row r="1034331" spans="14:14">
      <c r="N1034331" s="10"/>
    </row>
    <row r="1034332" spans="14:14">
      <c r="N1034332" s="10"/>
    </row>
    <row r="1034333" spans="14:14">
      <c r="N1034333" s="10"/>
    </row>
    <row r="1034334" spans="14:14">
      <c r="N1034334" s="10"/>
    </row>
    <row r="1034335" spans="14:14">
      <c r="N1034335" s="10"/>
    </row>
    <row r="1034336" spans="14:14">
      <c r="N1034336" s="10"/>
    </row>
    <row r="1034337" spans="14:14">
      <c r="N1034337" s="10"/>
    </row>
    <row r="1034338" spans="14:14">
      <c r="N1034338" s="10"/>
    </row>
    <row r="1034339" spans="14:14">
      <c r="N1034339" s="10"/>
    </row>
    <row r="1034340" spans="14:14">
      <c r="N1034340" s="10"/>
    </row>
    <row r="1034341" spans="14:14">
      <c r="N1034341" s="10"/>
    </row>
    <row r="1034342" spans="14:14">
      <c r="N1034342" s="10"/>
    </row>
    <row r="1034343" spans="14:14">
      <c r="N1034343" s="10"/>
    </row>
    <row r="1034344" spans="14:14">
      <c r="N1034344" s="10"/>
    </row>
    <row r="1034345" spans="14:14">
      <c r="N1034345" s="10"/>
    </row>
    <row r="1034346" spans="14:14">
      <c r="N1034346" s="10"/>
    </row>
    <row r="1034347" spans="14:14">
      <c r="N1034347" s="10"/>
    </row>
    <row r="1034348" spans="14:14">
      <c r="N1034348" s="10"/>
    </row>
    <row r="1034349" spans="14:14">
      <c r="N1034349" s="10"/>
    </row>
    <row r="1034350" spans="14:14">
      <c r="N1034350" s="10"/>
    </row>
    <row r="1034351" spans="14:14">
      <c r="N1034351" s="10"/>
    </row>
    <row r="1034352" spans="14:14">
      <c r="N1034352" s="10"/>
    </row>
    <row r="1034353" spans="14:14">
      <c r="N1034353" s="10"/>
    </row>
    <row r="1034354" spans="14:14">
      <c r="N1034354" s="10"/>
    </row>
    <row r="1034355" spans="14:14">
      <c r="N1034355" s="10"/>
    </row>
    <row r="1034356" spans="14:14">
      <c r="N1034356" s="10"/>
    </row>
    <row r="1034357" spans="14:14">
      <c r="N1034357" s="10"/>
    </row>
    <row r="1034358" spans="14:14">
      <c r="N1034358" s="10"/>
    </row>
    <row r="1034359" spans="14:14">
      <c r="N1034359" s="10"/>
    </row>
    <row r="1034360" spans="14:14">
      <c r="N1034360" s="10"/>
    </row>
    <row r="1034361" spans="14:14">
      <c r="N1034361" s="10"/>
    </row>
    <row r="1034362" spans="14:14">
      <c r="N1034362" s="10"/>
    </row>
    <row r="1034363" spans="14:14">
      <c r="N1034363" s="10"/>
    </row>
    <row r="1034364" spans="14:14">
      <c r="N1034364" s="10"/>
    </row>
    <row r="1034365" spans="14:14">
      <c r="N1034365" s="10"/>
    </row>
    <row r="1034366" spans="14:14">
      <c r="N1034366" s="10"/>
    </row>
    <row r="1034367" spans="14:14">
      <c r="N1034367" s="10"/>
    </row>
    <row r="1034368" spans="14:14">
      <c r="N1034368" s="10"/>
    </row>
    <row r="1034369" spans="14:14">
      <c r="N1034369" s="10"/>
    </row>
    <row r="1034370" spans="14:14">
      <c r="N1034370" s="10"/>
    </row>
    <row r="1034371" spans="14:14">
      <c r="N1034371" s="10"/>
    </row>
    <row r="1034372" spans="14:14">
      <c r="N1034372" s="10"/>
    </row>
    <row r="1034373" spans="14:14">
      <c r="N1034373" s="10"/>
    </row>
    <row r="1034374" spans="14:14">
      <c r="N1034374" s="10"/>
    </row>
    <row r="1034375" spans="14:14">
      <c r="N1034375" s="10"/>
    </row>
    <row r="1034376" spans="14:14">
      <c r="N1034376" s="10"/>
    </row>
    <row r="1034377" spans="14:14">
      <c r="N1034377" s="10"/>
    </row>
    <row r="1034378" spans="14:14">
      <c r="N1034378" s="10"/>
    </row>
    <row r="1034379" spans="14:14">
      <c r="N1034379" s="10"/>
    </row>
    <row r="1034380" spans="14:14">
      <c r="N1034380" s="10"/>
    </row>
    <row r="1034381" spans="14:14">
      <c r="N1034381" s="10"/>
    </row>
    <row r="1034382" spans="14:14">
      <c r="N1034382" s="10"/>
    </row>
    <row r="1034383" spans="14:14">
      <c r="N1034383" s="10"/>
    </row>
    <row r="1034384" spans="14:14">
      <c r="N1034384" s="10"/>
    </row>
    <row r="1034385" spans="14:14">
      <c r="N1034385" s="10"/>
    </row>
    <row r="1034386" spans="14:14">
      <c r="N1034386" s="10"/>
    </row>
    <row r="1034387" spans="14:14">
      <c r="N1034387" s="10"/>
    </row>
    <row r="1034388" spans="14:14">
      <c r="N1034388" s="10"/>
    </row>
    <row r="1034389" spans="14:14">
      <c r="N1034389" s="10"/>
    </row>
    <row r="1034390" spans="14:14">
      <c r="N1034390" s="10"/>
    </row>
    <row r="1034391" spans="14:14">
      <c r="N1034391" s="10"/>
    </row>
    <row r="1034392" spans="14:14">
      <c r="N1034392" s="10"/>
    </row>
    <row r="1034393" spans="14:14">
      <c r="N1034393" s="10"/>
    </row>
    <row r="1034394" spans="14:14">
      <c r="N1034394" s="10"/>
    </row>
    <row r="1034395" spans="14:14">
      <c r="N1034395" s="10"/>
    </row>
    <row r="1034396" spans="14:14">
      <c r="N1034396" s="10"/>
    </row>
    <row r="1034397" spans="14:14">
      <c r="N1034397" s="10"/>
    </row>
    <row r="1034398" spans="14:14">
      <c r="N1034398" s="10"/>
    </row>
    <row r="1034399" spans="14:14">
      <c r="N1034399" s="10"/>
    </row>
    <row r="1034400" spans="14:14">
      <c r="N1034400" s="10"/>
    </row>
    <row r="1034401" spans="14:14">
      <c r="N1034401" s="10"/>
    </row>
    <row r="1034402" spans="14:14">
      <c r="N1034402" s="10"/>
    </row>
    <row r="1034403" spans="14:14">
      <c r="N1034403" s="10"/>
    </row>
    <row r="1034404" spans="14:14">
      <c r="N1034404" s="10"/>
    </row>
    <row r="1034405" spans="14:14">
      <c r="N1034405" s="10"/>
    </row>
    <row r="1034406" spans="14:14">
      <c r="N1034406" s="10"/>
    </row>
    <row r="1034407" spans="14:14">
      <c r="N1034407" s="10"/>
    </row>
    <row r="1034408" spans="14:14">
      <c r="N1034408" s="10"/>
    </row>
    <row r="1034409" spans="14:14">
      <c r="N1034409" s="10"/>
    </row>
    <row r="1034410" spans="14:14">
      <c r="N1034410" s="10"/>
    </row>
    <row r="1034411" spans="14:14">
      <c r="N1034411" s="10"/>
    </row>
    <row r="1034412" spans="14:14">
      <c r="N1034412" s="10"/>
    </row>
    <row r="1034413" spans="14:14">
      <c r="N1034413" s="10"/>
    </row>
    <row r="1034414" spans="14:14">
      <c r="N1034414" s="10"/>
    </row>
    <row r="1034415" spans="14:14">
      <c r="N1034415" s="10"/>
    </row>
    <row r="1034416" spans="14:14">
      <c r="N1034416" s="10"/>
    </row>
    <row r="1034417" spans="14:14">
      <c r="N1034417" s="10"/>
    </row>
    <row r="1034418" spans="14:14">
      <c r="N1034418" s="10"/>
    </row>
    <row r="1034419" spans="14:14">
      <c r="N1034419" s="10"/>
    </row>
    <row r="1034420" spans="14:14">
      <c r="N1034420" s="10"/>
    </row>
    <row r="1034421" spans="14:14">
      <c r="N1034421" s="10"/>
    </row>
    <row r="1034422" spans="14:14">
      <c r="N1034422" s="10"/>
    </row>
    <row r="1034423" spans="14:14">
      <c r="N1034423" s="10"/>
    </row>
    <row r="1034424" spans="14:14">
      <c r="N1034424" s="10"/>
    </row>
    <row r="1034425" spans="14:14">
      <c r="N1034425" s="10"/>
    </row>
    <row r="1034426" spans="14:14">
      <c r="N1034426" s="10"/>
    </row>
    <row r="1034427" spans="14:14">
      <c r="N1034427" s="10"/>
    </row>
    <row r="1034428" spans="14:14">
      <c r="N1034428" s="10"/>
    </row>
    <row r="1034429" spans="14:14">
      <c r="N1034429" s="10"/>
    </row>
    <row r="1034430" spans="14:14">
      <c r="N1034430" s="10"/>
    </row>
    <row r="1034431" spans="14:14">
      <c r="N1034431" s="10"/>
    </row>
    <row r="1034432" spans="14:14">
      <c r="N1034432" s="10"/>
    </row>
    <row r="1034433" spans="14:14">
      <c r="N1034433" s="10"/>
    </row>
    <row r="1034434" spans="14:14">
      <c r="N1034434" s="10"/>
    </row>
    <row r="1034435" spans="14:14">
      <c r="N1034435" s="10"/>
    </row>
    <row r="1034436" spans="14:14">
      <c r="N1034436" s="10"/>
    </row>
    <row r="1034437" spans="14:14">
      <c r="N1034437" s="10"/>
    </row>
    <row r="1034438" spans="14:14">
      <c r="N1034438" s="10"/>
    </row>
    <row r="1034439" spans="14:14">
      <c r="N1034439" s="10"/>
    </row>
    <row r="1034440" spans="14:14">
      <c r="N1034440" s="10"/>
    </row>
    <row r="1034441" spans="14:14">
      <c r="N1034441" s="10"/>
    </row>
    <row r="1034442" spans="14:14">
      <c r="N1034442" s="10"/>
    </row>
    <row r="1034443" spans="14:14">
      <c r="N1034443" s="10"/>
    </row>
    <row r="1034444" spans="14:14">
      <c r="N1034444" s="10"/>
    </row>
    <row r="1034445" spans="14:14">
      <c r="N1034445" s="10"/>
    </row>
    <row r="1034446" spans="14:14">
      <c r="N1034446" s="10"/>
    </row>
    <row r="1034447" spans="14:14">
      <c r="N1034447" s="10"/>
    </row>
    <row r="1034448" spans="14:14">
      <c r="N1034448" s="10"/>
    </row>
    <row r="1034449" spans="14:14">
      <c r="N1034449" s="10"/>
    </row>
    <row r="1034450" spans="14:14">
      <c r="N1034450" s="10"/>
    </row>
    <row r="1034451" spans="14:14">
      <c r="N1034451" s="10"/>
    </row>
    <row r="1034452" spans="14:14">
      <c r="N1034452" s="10"/>
    </row>
    <row r="1034453" spans="14:14">
      <c r="N1034453" s="10"/>
    </row>
    <row r="1034454" spans="14:14">
      <c r="N1034454" s="10"/>
    </row>
    <row r="1034455" spans="14:14">
      <c r="N1034455" s="10"/>
    </row>
    <row r="1034456" spans="14:14">
      <c r="N1034456" s="10"/>
    </row>
    <row r="1034457" spans="14:14">
      <c r="N1034457" s="10"/>
    </row>
    <row r="1034458" spans="14:14">
      <c r="N1034458" s="10"/>
    </row>
    <row r="1034459" spans="14:14">
      <c r="N1034459" s="10"/>
    </row>
    <row r="1034460" spans="14:14">
      <c r="N1034460" s="10"/>
    </row>
    <row r="1034461" spans="14:14">
      <c r="N1034461" s="10"/>
    </row>
    <row r="1034462" spans="14:14">
      <c r="N1034462" s="10"/>
    </row>
    <row r="1034463" spans="14:14">
      <c r="N1034463" s="10"/>
    </row>
    <row r="1034464" spans="14:14">
      <c r="N1034464" s="10"/>
    </row>
    <row r="1034465" spans="14:14">
      <c r="N1034465" s="10"/>
    </row>
    <row r="1034466" spans="14:14">
      <c r="N1034466" s="10"/>
    </row>
    <row r="1034467" spans="14:14">
      <c r="N1034467" s="10"/>
    </row>
    <row r="1034468" spans="14:14">
      <c r="N1034468" s="10"/>
    </row>
    <row r="1034469" spans="14:14">
      <c r="N1034469" s="10"/>
    </row>
    <row r="1034470" spans="14:14">
      <c r="N1034470" s="10"/>
    </row>
    <row r="1034471" spans="14:14">
      <c r="N1034471" s="10"/>
    </row>
    <row r="1034472" spans="14:14">
      <c r="N1034472" s="10"/>
    </row>
    <row r="1034473" spans="14:14">
      <c r="N1034473" s="10"/>
    </row>
    <row r="1034474" spans="14:14">
      <c r="N1034474" s="10"/>
    </row>
    <row r="1034475" spans="14:14">
      <c r="N1034475" s="10"/>
    </row>
    <row r="1034476" spans="14:14">
      <c r="N1034476" s="10"/>
    </row>
    <row r="1034477" spans="14:14">
      <c r="N1034477" s="10"/>
    </row>
    <row r="1034478" spans="14:14">
      <c r="N1034478" s="10"/>
    </row>
    <row r="1034479" spans="14:14">
      <c r="N1034479" s="10"/>
    </row>
    <row r="1034480" spans="14:14">
      <c r="N1034480" s="10"/>
    </row>
    <row r="1034481" spans="14:14">
      <c r="N1034481" s="10"/>
    </row>
    <row r="1034482" spans="14:14">
      <c r="N1034482" s="10"/>
    </row>
    <row r="1034483" spans="14:14">
      <c r="N1034483" s="10"/>
    </row>
    <row r="1034484" spans="14:14">
      <c r="N1034484" s="10"/>
    </row>
    <row r="1034485" spans="14:14">
      <c r="N1034485" s="10"/>
    </row>
    <row r="1034486" spans="14:14">
      <c r="N1034486" s="10"/>
    </row>
    <row r="1034487" spans="14:14">
      <c r="N1034487" s="10"/>
    </row>
    <row r="1034488" spans="14:14">
      <c r="N1034488" s="10"/>
    </row>
    <row r="1034489" spans="14:14">
      <c r="N1034489" s="10"/>
    </row>
    <row r="1034490" spans="14:14">
      <c r="N1034490" s="10"/>
    </row>
    <row r="1034491" spans="14:14">
      <c r="N1034491" s="10"/>
    </row>
    <row r="1034492" spans="14:14">
      <c r="N1034492" s="10"/>
    </row>
    <row r="1034493" spans="14:14">
      <c r="N1034493" s="10"/>
    </row>
    <row r="1034494" spans="14:14">
      <c r="N1034494" s="10"/>
    </row>
    <row r="1034495" spans="14:14">
      <c r="N1034495" s="10"/>
    </row>
    <row r="1034496" spans="14:14">
      <c r="N1034496" s="10"/>
    </row>
    <row r="1034497" spans="14:14">
      <c r="N1034497" s="10"/>
    </row>
    <row r="1034498" spans="14:14">
      <c r="N1034498" s="10"/>
    </row>
    <row r="1034499" spans="14:14">
      <c r="N1034499" s="10"/>
    </row>
    <row r="1034500" spans="14:14">
      <c r="N1034500" s="10"/>
    </row>
    <row r="1034501" spans="14:14">
      <c r="N1034501" s="10"/>
    </row>
    <row r="1034502" spans="14:14">
      <c r="N1034502" s="10"/>
    </row>
    <row r="1034503" spans="14:14">
      <c r="N1034503" s="10"/>
    </row>
    <row r="1034504" spans="14:14">
      <c r="N1034504" s="10"/>
    </row>
    <row r="1034505" spans="14:14">
      <c r="N1034505" s="10"/>
    </row>
    <row r="1034506" spans="14:14">
      <c r="N1034506" s="10"/>
    </row>
    <row r="1034507" spans="14:14">
      <c r="N1034507" s="10"/>
    </row>
    <row r="1034508" spans="14:14">
      <c r="N1034508" s="10"/>
    </row>
    <row r="1034509" spans="14:14">
      <c r="N1034509" s="10"/>
    </row>
    <row r="1034510" spans="14:14">
      <c r="N1034510" s="10"/>
    </row>
    <row r="1034511" spans="14:14">
      <c r="N1034511" s="10"/>
    </row>
    <row r="1034512" spans="14:14">
      <c r="N1034512" s="10"/>
    </row>
    <row r="1034513" spans="14:14">
      <c r="N1034513" s="10"/>
    </row>
    <row r="1034514" spans="14:14">
      <c r="N1034514" s="10"/>
    </row>
    <row r="1034515" spans="14:14">
      <c r="N1034515" s="10"/>
    </row>
    <row r="1034516" spans="14:14">
      <c r="N1034516" s="10"/>
    </row>
    <row r="1034517" spans="14:14">
      <c r="N1034517" s="10"/>
    </row>
    <row r="1034518" spans="14:14">
      <c r="N1034518" s="10"/>
    </row>
    <row r="1034519" spans="14:14">
      <c r="N1034519" s="10"/>
    </row>
    <row r="1034520" spans="14:14">
      <c r="N1034520" s="10"/>
    </row>
    <row r="1034521" spans="14:14">
      <c r="N1034521" s="10"/>
    </row>
    <row r="1034522" spans="14:14">
      <c r="N1034522" s="10"/>
    </row>
    <row r="1034523" spans="14:14">
      <c r="N1034523" s="10"/>
    </row>
    <row r="1034524" spans="14:14">
      <c r="N1034524" s="10"/>
    </row>
    <row r="1034525" spans="14:14">
      <c r="N1034525" s="10"/>
    </row>
    <row r="1034526" spans="14:14">
      <c r="N1034526" s="10"/>
    </row>
    <row r="1034527" spans="14:14">
      <c r="N1034527" s="10"/>
    </row>
    <row r="1034528" spans="14:14">
      <c r="N1034528" s="10"/>
    </row>
    <row r="1034529" spans="14:14">
      <c r="N1034529" s="10"/>
    </row>
    <row r="1034530" spans="14:14">
      <c r="N1034530" s="10"/>
    </row>
    <row r="1034531" spans="14:14">
      <c r="N1034531" s="10"/>
    </row>
    <row r="1034532" spans="14:14">
      <c r="N1034532" s="10"/>
    </row>
    <row r="1034533" spans="14:14">
      <c r="N1034533" s="10"/>
    </row>
    <row r="1034534" spans="14:14">
      <c r="N1034534" s="10"/>
    </row>
    <row r="1034535" spans="14:14">
      <c r="N1034535" s="10"/>
    </row>
    <row r="1034536" spans="14:14">
      <c r="N1034536" s="10"/>
    </row>
    <row r="1034537" spans="14:14">
      <c r="N1034537" s="10"/>
    </row>
    <row r="1034538" spans="14:14">
      <c r="N1034538" s="10"/>
    </row>
    <row r="1034539" spans="14:14">
      <c r="N1034539" s="10"/>
    </row>
    <row r="1034540" spans="14:14">
      <c r="N1034540" s="10"/>
    </row>
    <row r="1034541" spans="14:14">
      <c r="N1034541" s="10"/>
    </row>
    <row r="1034542" spans="14:14">
      <c r="N1034542" s="10"/>
    </row>
    <row r="1034543" spans="14:14">
      <c r="N1034543" s="10"/>
    </row>
    <row r="1034544" spans="14:14">
      <c r="N1034544" s="10"/>
    </row>
    <row r="1034545" spans="14:14">
      <c r="N1034545" s="10"/>
    </row>
    <row r="1034546" spans="14:14">
      <c r="N1034546" s="10"/>
    </row>
    <row r="1034547" spans="14:14">
      <c r="N1034547" s="10"/>
    </row>
    <row r="1034548" spans="14:14">
      <c r="N1034548" s="10"/>
    </row>
    <row r="1034549" spans="14:14">
      <c r="N1034549" s="10"/>
    </row>
    <row r="1034550" spans="14:14">
      <c r="N1034550" s="10"/>
    </row>
    <row r="1034551" spans="14:14">
      <c r="N1034551" s="10"/>
    </row>
    <row r="1034552" spans="14:14">
      <c r="N1034552" s="10"/>
    </row>
    <row r="1034553" spans="14:14">
      <c r="N1034553" s="10"/>
    </row>
    <row r="1034554" spans="14:14">
      <c r="N1034554" s="10"/>
    </row>
    <row r="1034555" spans="14:14">
      <c r="N1034555" s="10"/>
    </row>
    <row r="1034556" spans="14:14">
      <c r="N1034556" s="10"/>
    </row>
    <row r="1034557" spans="14:14">
      <c r="N1034557" s="10"/>
    </row>
    <row r="1034558" spans="14:14">
      <c r="N1034558" s="10"/>
    </row>
    <row r="1034559" spans="14:14">
      <c r="N1034559" s="10"/>
    </row>
    <row r="1034560" spans="14:14">
      <c r="N1034560" s="10"/>
    </row>
    <row r="1034561" spans="14:14">
      <c r="N1034561" s="10"/>
    </row>
    <row r="1034562" spans="14:14">
      <c r="N1034562" s="10"/>
    </row>
    <row r="1034563" spans="14:14">
      <c r="N1034563" s="10"/>
    </row>
    <row r="1034564" spans="14:14">
      <c r="N1034564" s="10"/>
    </row>
    <row r="1034565" spans="14:14">
      <c r="N1034565" s="10"/>
    </row>
    <row r="1034566" spans="14:14">
      <c r="N1034566" s="10"/>
    </row>
    <row r="1034567" spans="14:14">
      <c r="N1034567" s="10"/>
    </row>
    <row r="1034568" spans="14:14">
      <c r="N1034568" s="10"/>
    </row>
    <row r="1034569" spans="14:14">
      <c r="N1034569" s="10"/>
    </row>
    <row r="1034570" spans="14:14">
      <c r="N1034570" s="10"/>
    </row>
    <row r="1034571" spans="14:14">
      <c r="N1034571" s="10"/>
    </row>
    <row r="1034572" spans="14:14">
      <c r="N1034572" s="10"/>
    </row>
    <row r="1034573" spans="14:14">
      <c r="N1034573" s="10"/>
    </row>
    <row r="1034574" spans="14:14">
      <c r="N1034574" s="10"/>
    </row>
    <row r="1034575" spans="14:14">
      <c r="N1034575" s="10"/>
    </row>
    <row r="1034576" spans="14:14">
      <c r="N1034576" s="10"/>
    </row>
    <row r="1034577" spans="14:14">
      <c r="N1034577" s="10"/>
    </row>
    <row r="1034578" spans="14:14">
      <c r="N1034578" s="10"/>
    </row>
    <row r="1034579" spans="14:14">
      <c r="N1034579" s="10"/>
    </row>
    <row r="1034580" spans="14:14">
      <c r="N1034580" s="10"/>
    </row>
    <row r="1034581" spans="14:14">
      <c r="N1034581" s="10"/>
    </row>
    <row r="1034582" spans="14:14">
      <c r="N1034582" s="10"/>
    </row>
    <row r="1034583" spans="14:14">
      <c r="N1034583" s="10"/>
    </row>
    <row r="1034584" spans="14:14">
      <c r="N1034584" s="10"/>
    </row>
    <row r="1034585" spans="14:14">
      <c r="N1034585" s="10"/>
    </row>
    <row r="1034586" spans="14:14">
      <c r="N1034586" s="10"/>
    </row>
    <row r="1034587" spans="14:14">
      <c r="N1034587" s="10"/>
    </row>
    <row r="1034588" spans="14:14">
      <c r="N1034588" s="10"/>
    </row>
    <row r="1034589" spans="14:14">
      <c r="N1034589" s="10"/>
    </row>
    <row r="1034590" spans="14:14">
      <c r="N1034590" s="10"/>
    </row>
    <row r="1034591" spans="14:14">
      <c r="N1034591" s="10"/>
    </row>
    <row r="1034592" spans="14:14">
      <c r="N1034592" s="10"/>
    </row>
    <row r="1034593" spans="14:14">
      <c r="N1034593" s="10"/>
    </row>
    <row r="1034594" spans="14:14">
      <c r="N1034594" s="10"/>
    </row>
    <row r="1034595" spans="14:14">
      <c r="N1034595" s="10"/>
    </row>
    <row r="1034596" spans="14:14">
      <c r="N1034596" s="10"/>
    </row>
    <row r="1034597" spans="14:14">
      <c r="N1034597" s="10"/>
    </row>
    <row r="1034598" spans="14:14">
      <c r="N1034598" s="10"/>
    </row>
    <row r="1034599" spans="14:14">
      <c r="N1034599" s="10"/>
    </row>
    <row r="1034600" spans="14:14">
      <c r="N1034600" s="10"/>
    </row>
    <row r="1034601" spans="14:14">
      <c r="N1034601" s="10"/>
    </row>
    <row r="1034602" spans="14:14">
      <c r="N1034602" s="10"/>
    </row>
    <row r="1034603" spans="14:14">
      <c r="N1034603" s="10"/>
    </row>
    <row r="1034604" spans="14:14">
      <c r="N1034604" s="10"/>
    </row>
    <row r="1034605" spans="14:14">
      <c r="N1034605" s="10"/>
    </row>
    <row r="1034606" spans="14:14">
      <c r="N1034606" s="10"/>
    </row>
    <row r="1034607" spans="14:14">
      <c r="N1034607" s="10"/>
    </row>
    <row r="1034608" spans="14:14">
      <c r="N1034608" s="10"/>
    </row>
    <row r="1034609" spans="14:14">
      <c r="N1034609" s="10"/>
    </row>
    <row r="1034610" spans="14:14">
      <c r="N1034610" s="10"/>
    </row>
    <row r="1034611" spans="14:14">
      <c r="N1034611" s="10"/>
    </row>
    <row r="1034612" spans="14:14">
      <c r="N1034612" s="10"/>
    </row>
    <row r="1034613" spans="14:14">
      <c r="N1034613" s="10"/>
    </row>
    <row r="1034614" spans="14:14">
      <c r="N1034614" s="10"/>
    </row>
    <row r="1034615" spans="14:14">
      <c r="N1034615" s="10"/>
    </row>
    <row r="1034616" spans="14:14">
      <c r="N1034616" s="10"/>
    </row>
    <row r="1034617" spans="14:14">
      <c r="N1034617" s="10"/>
    </row>
    <row r="1034618" spans="14:14">
      <c r="N1034618" s="10"/>
    </row>
    <row r="1034619" spans="14:14">
      <c r="N1034619" s="10"/>
    </row>
    <row r="1034620" spans="14:14">
      <c r="N1034620" s="10"/>
    </row>
    <row r="1034621" spans="14:14">
      <c r="N1034621" s="10"/>
    </row>
    <row r="1034622" spans="14:14">
      <c r="N1034622" s="10"/>
    </row>
    <row r="1034623" spans="14:14">
      <c r="N1034623" s="10"/>
    </row>
    <row r="1034624" spans="14:14">
      <c r="N1034624" s="10"/>
    </row>
    <row r="1034625" spans="14:14">
      <c r="N1034625" s="10"/>
    </row>
    <row r="1034626" spans="14:14">
      <c r="N1034626" s="10"/>
    </row>
    <row r="1034627" spans="14:14">
      <c r="N1034627" s="10"/>
    </row>
    <row r="1034628" spans="14:14">
      <c r="N1034628" s="10"/>
    </row>
    <row r="1034629" spans="14:14">
      <c r="N1034629" s="10"/>
    </row>
    <row r="1034630" spans="14:14">
      <c r="N1034630" s="10"/>
    </row>
    <row r="1034631" spans="14:14">
      <c r="N1034631" s="10"/>
    </row>
    <row r="1034632" spans="14:14">
      <c r="N1034632" s="10"/>
    </row>
    <row r="1034633" spans="14:14">
      <c r="N1034633" s="10"/>
    </row>
    <row r="1034634" spans="14:14">
      <c r="N1034634" s="10"/>
    </row>
    <row r="1034635" spans="14:14">
      <c r="N1034635" s="10"/>
    </row>
    <row r="1034636" spans="14:14">
      <c r="N1034636" s="10"/>
    </row>
    <row r="1034637" spans="14:14">
      <c r="N1034637" s="10"/>
    </row>
    <row r="1034638" spans="14:14">
      <c r="N1034638" s="10"/>
    </row>
    <row r="1034639" spans="14:14">
      <c r="N1034639" s="10"/>
    </row>
    <row r="1034640" spans="14:14">
      <c r="N1034640" s="10"/>
    </row>
    <row r="1034641" spans="14:14">
      <c r="N1034641" s="10"/>
    </row>
    <row r="1034642" spans="14:14">
      <c r="N1034642" s="10"/>
    </row>
    <row r="1034643" spans="14:14">
      <c r="N1034643" s="10"/>
    </row>
    <row r="1034644" spans="14:14">
      <c r="N1034644" s="10"/>
    </row>
    <row r="1034645" spans="14:14">
      <c r="N1034645" s="10"/>
    </row>
    <row r="1034646" spans="14:14">
      <c r="N1034646" s="10"/>
    </row>
    <row r="1034647" spans="14:14">
      <c r="N1034647" s="10"/>
    </row>
    <row r="1034648" spans="14:14">
      <c r="N1034648" s="10"/>
    </row>
    <row r="1034649" spans="14:14">
      <c r="N1034649" s="10"/>
    </row>
    <row r="1034650" spans="14:14">
      <c r="N1034650" s="10"/>
    </row>
    <row r="1034651" spans="14:14">
      <c r="N1034651" s="10"/>
    </row>
    <row r="1034652" spans="14:14">
      <c r="N1034652" s="10"/>
    </row>
    <row r="1034653" spans="14:14">
      <c r="N1034653" s="10"/>
    </row>
    <row r="1034654" spans="14:14">
      <c r="N1034654" s="10"/>
    </row>
    <row r="1034655" spans="14:14">
      <c r="N1034655" s="10"/>
    </row>
    <row r="1034656" spans="14:14">
      <c r="N1034656" s="10"/>
    </row>
    <row r="1034657" spans="14:14">
      <c r="N1034657" s="10"/>
    </row>
    <row r="1034658" spans="14:14">
      <c r="N1034658" s="10"/>
    </row>
    <row r="1034659" spans="14:14">
      <c r="N1034659" s="10"/>
    </row>
    <row r="1034660" spans="14:14">
      <c r="N1034660" s="10"/>
    </row>
    <row r="1034661" spans="14:14">
      <c r="N1034661" s="10"/>
    </row>
    <row r="1034662" spans="14:14">
      <c r="N1034662" s="10"/>
    </row>
    <row r="1034663" spans="14:14">
      <c r="N1034663" s="10"/>
    </row>
    <row r="1034664" spans="14:14">
      <c r="N1034664" s="10"/>
    </row>
    <row r="1034665" spans="14:14">
      <c r="N1034665" s="10"/>
    </row>
    <row r="1034666" spans="14:14">
      <c r="N1034666" s="10"/>
    </row>
    <row r="1034667" spans="14:14">
      <c r="N1034667" s="10"/>
    </row>
    <row r="1034668" spans="14:14">
      <c r="N1034668" s="10"/>
    </row>
    <row r="1034669" spans="14:14">
      <c r="N1034669" s="10"/>
    </row>
    <row r="1034670" spans="14:14">
      <c r="N1034670" s="10"/>
    </row>
    <row r="1034671" spans="14:14">
      <c r="N1034671" s="10"/>
    </row>
    <row r="1034672" spans="14:14">
      <c r="N1034672" s="10"/>
    </row>
    <row r="1034673" spans="14:14">
      <c r="N1034673" s="10"/>
    </row>
    <row r="1034674" spans="14:14">
      <c r="N1034674" s="10"/>
    </row>
    <row r="1034675" spans="14:14">
      <c r="N1034675" s="10"/>
    </row>
    <row r="1034676" spans="14:14">
      <c r="N1034676" s="10"/>
    </row>
    <row r="1034677" spans="14:14">
      <c r="N1034677" s="10"/>
    </row>
    <row r="1034678" spans="14:14">
      <c r="N1034678" s="10"/>
    </row>
    <row r="1034679" spans="14:14">
      <c r="N1034679" s="10"/>
    </row>
    <row r="1034680" spans="14:14">
      <c r="N1034680" s="10"/>
    </row>
    <row r="1034681" spans="14:14">
      <c r="N1034681" s="10"/>
    </row>
    <row r="1034682" spans="14:14">
      <c r="N1034682" s="10"/>
    </row>
    <row r="1034683" spans="14:14">
      <c r="N1034683" s="10"/>
    </row>
    <row r="1034684" spans="14:14">
      <c r="N1034684" s="10"/>
    </row>
    <row r="1034685" spans="14:14">
      <c r="N1034685" s="10"/>
    </row>
    <row r="1034686" spans="14:14">
      <c r="N1034686" s="10"/>
    </row>
    <row r="1034687" spans="14:14">
      <c r="N1034687" s="10"/>
    </row>
    <row r="1034688" spans="14:14">
      <c r="N1034688" s="10"/>
    </row>
    <row r="1034689" spans="14:14">
      <c r="N1034689" s="10"/>
    </row>
    <row r="1034690" spans="14:14">
      <c r="N1034690" s="10"/>
    </row>
    <row r="1034691" spans="14:14">
      <c r="N1034691" s="10"/>
    </row>
    <row r="1034692" spans="14:14">
      <c r="N1034692" s="10"/>
    </row>
    <row r="1034693" spans="14:14">
      <c r="N1034693" s="10"/>
    </row>
    <row r="1034694" spans="14:14">
      <c r="N1034694" s="10"/>
    </row>
    <row r="1034695" spans="14:14">
      <c r="N1034695" s="10"/>
    </row>
    <row r="1034696" spans="14:14">
      <c r="N1034696" s="10"/>
    </row>
    <row r="1034697" spans="14:14">
      <c r="N1034697" s="10"/>
    </row>
    <row r="1034698" spans="14:14">
      <c r="N1034698" s="10"/>
    </row>
    <row r="1034699" spans="14:14">
      <c r="N1034699" s="10"/>
    </row>
    <row r="1034700" spans="14:14">
      <c r="N1034700" s="10"/>
    </row>
    <row r="1034701" spans="14:14">
      <c r="N1034701" s="10"/>
    </row>
    <row r="1034702" spans="14:14">
      <c r="N1034702" s="10"/>
    </row>
    <row r="1034703" spans="14:14">
      <c r="N1034703" s="10"/>
    </row>
    <row r="1034704" spans="14:14">
      <c r="N1034704" s="10"/>
    </row>
    <row r="1034705" spans="14:14">
      <c r="N1034705" s="10"/>
    </row>
    <row r="1034706" spans="14:14">
      <c r="N1034706" s="10"/>
    </row>
    <row r="1034707" spans="14:14">
      <c r="N1034707" s="10"/>
    </row>
    <row r="1034708" spans="14:14">
      <c r="N1034708" s="10"/>
    </row>
    <row r="1034709" spans="14:14">
      <c r="N1034709" s="10"/>
    </row>
    <row r="1034710" spans="14:14">
      <c r="N1034710" s="10"/>
    </row>
    <row r="1034711" spans="14:14">
      <c r="N1034711" s="10"/>
    </row>
    <row r="1034712" spans="14:14">
      <c r="N1034712" s="10"/>
    </row>
    <row r="1034713" spans="14:14">
      <c r="N1034713" s="10"/>
    </row>
    <row r="1034714" spans="14:14">
      <c r="N1034714" s="10"/>
    </row>
    <row r="1034715" spans="14:14">
      <c r="N1034715" s="10"/>
    </row>
    <row r="1034716" spans="14:14">
      <c r="N1034716" s="10"/>
    </row>
    <row r="1034717" spans="14:14">
      <c r="N1034717" s="10"/>
    </row>
    <row r="1034718" spans="14:14">
      <c r="N1034718" s="10"/>
    </row>
    <row r="1034719" spans="14:14">
      <c r="N1034719" s="10"/>
    </row>
    <row r="1034720" spans="14:14">
      <c r="N1034720" s="10"/>
    </row>
    <row r="1034721" spans="14:14">
      <c r="N1034721" s="10"/>
    </row>
    <row r="1034722" spans="14:14">
      <c r="N1034722" s="10"/>
    </row>
    <row r="1034723" spans="14:14">
      <c r="N1034723" s="10"/>
    </row>
    <row r="1034724" spans="14:14">
      <c r="N1034724" s="10"/>
    </row>
    <row r="1034725" spans="14:14">
      <c r="N1034725" s="10"/>
    </row>
    <row r="1034726" spans="14:14">
      <c r="N1034726" s="10"/>
    </row>
    <row r="1034727" spans="14:14">
      <c r="N1034727" s="10"/>
    </row>
    <row r="1034728" spans="14:14">
      <c r="N1034728" s="10"/>
    </row>
    <row r="1034729" spans="14:14">
      <c r="N1034729" s="10"/>
    </row>
    <row r="1034730" spans="14:14">
      <c r="N1034730" s="10"/>
    </row>
    <row r="1034731" spans="14:14">
      <c r="N1034731" s="10"/>
    </row>
    <row r="1034732" spans="14:14">
      <c r="N1034732" s="10"/>
    </row>
    <row r="1034733" spans="14:14">
      <c r="N1034733" s="10"/>
    </row>
    <row r="1034734" spans="14:14">
      <c r="N1034734" s="10"/>
    </row>
    <row r="1034735" spans="14:14">
      <c r="N1034735" s="10"/>
    </row>
    <row r="1034736" spans="14:14">
      <c r="N1034736" s="10"/>
    </row>
    <row r="1034737" spans="14:14">
      <c r="N1034737" s="10"/>
    </row>
    <row r="1034738" spans="14:14">
      <c r="N1034738" s="10"/>
    </row>
    <row r="1034739" spans="14:14">
      <c r="N1034739" s="10"/>
    </row>
    <row r="1034740" spans="14:14">
      <c r="N1034740" s="10"/>
    </row>
    <row r="1034741" spans="14:14">
      <c r="N1034741" s="10"/>
    </row>
    <row r="1034742" spans="14:14">
      <c r="N1034742" s="10"/>
    </row>
    <row r="1034743" spans="14:14">
      <c r="N1034743" s="10"/>
    </row>
    <row r="1034744" spans="14:14">
      <c r="N1034744" s="10"/>
    </row>
    <row r="1034745" spans="14:14">
      <c r="N1034745" s="10"/>
    </row>
    <row r="1034746" spans="14:14">
      <c r="N1034746" s="10"/>
    </row>
    <row r="1034747" spans="14:14">
      <c r="N1034747" s="10"/>
    </row>
    <row r="1034748" spans="14:14">
      <c r="N1034748" s="10"/>
    </row>
    <row r="1034749" spans="14:14">
      <c r="N1034749" s="10"/>
    </row>
    <row r="1034750" spans="14:14">
      <c r="N1034750" s="10"/>
    </row>
    <row r="1034751" spans="14:14">
      <c r="N1034751" s="10"/>
    </row>
    <row r="1034752" spans="14:14">
      <c r="N1034752" s="10"/>
    </row>
    <row r="1034753" spans="14:14">
      <c r="N1034753" s="10"/>
    </row>
    <row r="1034754" spans="14:14">
      <c r="N1034754" s="10"/>
    </row>
    <row r="1034755" spans="14:14">
      <c r="N1034755" s="10"/>
    </row>
    <row r="1034756" spans="14:14">
      <c r="N1034756" s="10"/>
    </row>
    <row r="1034757" spans="14:14">
      <c r="N1034757" s="10"/>
    </row>
    <row r="1034758" spans="14:14">
      <c r="N1034758" s="10"/>
    </row>
    <row r="1034759" spans="14:14">
      <c r="N1034759" s="10"/>
    </row>
    <row r="1034760" spans="14:14">
      <c r="N1034760" s="10"/>
    </row>
    <row r="1034761" spans="14:14">
      <c r="N1034761" s="10"/>
    </row>
    <row r="1034762" spans="14:14">
      <c r="N1034762" s="10"/>
    </row>
    <row r="1034763" spans="14:14">
      <c r="N1034763" s="10"/>
    </row>
    <row r="1034764" spans="14:14">
      <c r="N1034764" s="10"/>
    </row>
    <row r="1034765" spans="14:14">
      <c r="N1034765" s="10"/>
    </row>
    <row r="1034766" spans="14:14">
      <c r="N1034766" s="10"/>
    </row>
    <row r="1034767" spans="14:14">
      <c r="N1034767" s="10"/>
    </row>
    <row r="1034768" spans="14:14">
      <c r="N1034768" s="10"/>
    </row>
    <row r="1034769" spans="14:14">
      <c r="N1034769" s="10"/>
    </row>
    <row r="1034770" spans="14:14">
      <c r="N1034770" s="10"/>
    </row>
    <row r="1034771" spans="14:14">
      <c r="N1034771" s="10"/>
    </row>
    <row r="1034772" spans="14:14">
      <c r="N1034772" s="10"/>
    </row>
    <row r="1034773" spans="14:14">
      <c r="N1034773" s="10"/>
    </row>
    <row r="1034774" spans="14:14">
      <c r="N1034774" s="10"/>
    </row>
    <row r="1034775" spans="14:14">
      <c r="N1034775" s="10"/>
    </row>
    <row r="1034776" spans="14:14">
      <c r="N1034776" s="10"/>
    </row>
    <row r="1034777" spans="14:14">
      <c r="N1034777" s="10"/>
    </row>
    <row r="1034778" spans="14:14">
      <c r="N1034778" s="10"/>
    </row>
    <row r="1034779" spans="14:14">
      <c r="N1034779" s="10"/>
    </row>
    <row r="1034780" spans="14:14">
      <c r="N1034780" s="10"/>
    </row>
    <row r="1034781" spans="14:14">
      <c r="N1034781" s="10"/>
    </row>
    <row r="1034782" spans="14:14">
      <c r="N1034782" s="10"/>
    </row>
    <row r="1034783" spans="14:14">
      <c r="N1034783" s="10"/>
    </row>
    <row r="1034784" spans="14:14">
      <c r="N1034784" s="10"/>
    </row>
    <row r="1034785" spans="14:14">
      <c r="N1034785" s="10"/>
    </row>
    <row r="1034786" spans="14:14">
      <c r="N1034786" s="10"/>
    </row>
    <row r="1034787" spans="14:14">
      <c r="N1034787" s="10"/>
    </row>
    <row r="1034788" spans="14:14">
      <c r="N1034788" s="10"/>
    </row>
    <row r="1034789" spans="14:14">
      <c r="N1034789" s="10"/>
    </row>
    <row r="1034790" spans="14:14">
      <c r="N1034790" s="10"/>
    </row>
    <row r="1034791" spans="14:14">
      <c r="N1034791" s="10"/>
    </row>
    <row r="1034792" spans="14:14">
      <c r="N1034792" s="10"/>
    </row>
    <row r="1034793" spans="14:14">
      <c r="N1034793" s="10"/>
    </row>
    <row r="1034794" spans="14:14">
      <c r="N1034794" s="10"/>
    </row>
    <row r="1034795" spans="14:14">
      <c r="N1034795" s="10"/>
    </row>
    <row r="1034796" spans="14:14">
      <c r="N1034796" s="10"/>
    </row>
    <row r="1034797" spans="14:14">
      <c r="N1034797" s="10"/>
    </row>
    <row r="1034798" spans="14:14">
      <c r="N1034798" s="10"/>
    </row>
    <row r="1034799" spans="14:14">
      <c r="N1034799" s="10"/>
    </row>
    <row r="1034800" spans="14:14">
      <c r="N1034800" s="10"/>
    </row>
    <row r="1034801" spans="14:14">
      <c r="N1034801" s="10"/>
    </row>
    <row r="1034802" spans="14:14">
      <c r="N1034802" s="10"/>
    </row>
    <row r="1034803" spans="14:14">
      <c r="N1034803" s="10"/>
    </row>
    <row r="1034804" spans="14:14">
      <c r="N1034804" s="10"/>
    </row>
    <row r="1034805" spans="14:14">
      <c r="N1034805" s="10"/>
    </row>
    <row r="1034806" spans="14:14">
      <c r="N1034806" s="10"/>
    </row>
    <row r="1034807" spans="14:14">
      <c r="N1034807" s="10"/>
    </row>
    <row r="1034808" spans="14:14">
      <c r="N1034808" s="10"/>
    </row>
    <row r="1034809" spans="14:14">
      <c r="N1034809" s="10"/>
    </row>
    <row r="1034810" spans="14:14">
      <c r="N1034810" s="10"/>
    </row>
    <row r="1034811" spans="14:14">
      <c r="N1034811" s="10"/>
    </row>
    <row r="1034812" spans="14:14">
      <c r="N1034812" s="10"/>
    </row>
    <row r="1034813" spans="14:14">
      <c r="N1034813" s="10"/>
    </row>
    <row r="1034814" spans="14:14">
      <c r="N1034814" s="10"/>
    </row>
    <row r="1034815" spans="14:14">
      <c r="N1034815" s="10"/>
    </row>
    <row r="1034816" spans="14:14">
      <c r="N1034816" s="10"/>
    </row>
    <row r="1034817" spans="14:14">
      <c r="N1034817" s="10"/>
    </row>
    <row r="1034818" spans="14:14">
      <c r="N1034818" s="10"/>
    </row>
    <row r="1034819" spans="14:14">
      <c r="N1034819" s="10"/>
    </row>
    <row r="1034820" spans="14:14">
      <c r="N1034820" s="10"/>
    </row>
    <row r="1034821" spans="14:14">
      <c r="N1034821" s="10"/>
    </row>
    <row r="1034822" spans="14:14">
      <c r="N1034822" s="10"/>
    </row>
    <row r="1034823" spans="14:14">
      <c r="N1034823" s="10"/>
    </row>
    <row r="1034824" spans="14:14">
      <c r="N1034824" s="10"/>
    </row>
    <row r="1034825" spans="14:14">
      <c r="N1034825" s="10"/>
    </row>
    <row r="1034826" spans="14:14">
      <c r="N1034826" s="10"/>
    </row>
    <row r="1034827" spans="14:14">
      <c r="N1034827" s="10"/>
    </row>
    <row r="1034828" spans="14:14">
      <c r="N1034828" s="10"/>
    </row>
    <row r="1034829" spans="14:14">
      <c r="N1034829" s="10"/>
    </row>
    <row r="1034830" spans="14:14">
      <c r="N1034830" s="10"/>
    </row>
    <row r="1034831" spans="14:14">
      <c r="N1034831" s="10"/>
    </row>
    <row r="1034832" spans="14:14">
      <c r="N1034832" s="10"/>
    </row>
    <row r="1034833" spans="14:14">
      <c r="N1034833" s="10"/>
    </row>
    <row r="1034834" spans="14:14">
      <c r="N1034834" s="10"/>
    </row>
    <row r="1034835" spans="14:14">
      <c r="N1034835" s="10"/>
    </row>
    <row r="1034836" spans="14:14">
      <c r="N1034836" s="10"/>
    </row>
    <row r="1034837" spans="14:14">
      <c r="N1034837" s="10"/>
    </row>
    <row r="1034838" spans="14:14">
      <c r="N1034838" s="10"/>
    </row>
    <row r="1034839" spans="14:14">
      <c r="N1034839" s="10"/>
    </row>
    <row r="1034840" spans="14:14">
      <c r="N1034840" s="10"/>
    </row>
    <row r="1034841" spans="14:14">
      <c r="N1034841" s="10"/>
    </row>
    <row r="1034842" spans="14:14">
      <c r="N1034842" s="10"/>
    </row>
    <row r="1034843" spans="14:14">
      <c r="N1034843" s="10"/>
    </row>
    <row r="1034844" spans="14:14">
      <c r="N1034844" s="10"/>
    </row>
    <row r="1034845" spans="14:14">
      <c r="N1034845" s="10"/>
    </row>
    <row r="1034846" spans="14:14">
      <c r="N1034846" s="10"/>
    </row>
    <row r="1034847" spans="14:14">
      <c r="N1034847" s="10"/>
    </row>
    <row r="1034848" spans="14:14">
      <c r="N1034848" s="10"/>
    </row>
    <row r="1034849" spans="14:14">
      <c r="N1034849" s="10"/>
    </row>
    <row r="1034850" spans="14:14">
      <c r="N1034850" s="10"/>
    </row>
    <row r="1034851" spans="14:14">
      <c r="N1034851" s="10"/>
    </row>
    <row r="1034852" spans="14:14">
      <c r="N1034852" s="10"/>
    </row>
    <row r="1034853" spans="14:14">
      <c r="N1034853" s="10"/>
    </row>
    <row r="1034854" spans="14:14">
      <c r="N1034854" s="10"/>
    </row>
    <row r="1034855" spans="14:14">
      <c r="N1034855" s="10"/>
    </row>
    <row r="1034856" spans="14:14">
      <c r="N1034856" s="10"/>
    </row>
    <row r="1034857" spans="14:14">
      <c r="N1034857" s="10"/>
    </row>
    <row r="1034858" spans="14:14">
      <c r="N1034858" s="10"/>
    </row>
    <row r="1034859" spans="14:14">
      <c r="N1034859" s="10"/>
    </row>
    <row r="1034860" spans="14:14">
      <c r="N1034860" s="10"/>
    </row>
    <row r="1034861" spans="14:14">
      <c r="N1034861" s="10"/>
    </row>
    <row r="1034862" spans="14:14">
      <c r="N1034862" s="10"/>
    </row>
    <row r="1034863" spans="14:14">
      <c r="N1034863" s="10"/>
    </row>
    <row r="1034864" spans="14:14">
      <c r="N1034864" s="10"/>
    </row>
    <row r="1034865" spans="14:14">
      <c r="N1034865" s="10"/>
    </row>
    <row r="1034866" spans="14:14">
      <c r="N1034866" s="10"/>
    </row>
    <row r="1034867" spans="14:14">
      <c r="N1034867" s="10"/>
    </row>
    <row r="1034868" spans="14:14">
      <c r="N1034868" s="10"/>
    </row>
    <row r="1034869" spans="14:14">
      <c r="N1034869" s="10"/>
    </row>
    <row r="1034870" spans="14:14">
      <c r="N1034870" s="10"/>
    </row>
    <row r="1034871" spans="14:14">
      <c r="N1034871" s="10"/>
    </row>
    <row r="1034872" spans="14:14">
      <c r="N1034872" s="10"/>
    </row>
    <row r="1034873" spans="14:14">
      <c r="N1034873" s="10"/>
    </row>
    <row r="1034874" spans="14:14">
      <c r="N1034874" s="10"/>
    </row>
    <row r="1034875" spans="14:14">
      <c r="N1034875" s="10"/>
    </row>
    <row r="1034876" spans="14:14">
      <c r="N1034876" s="10"/>
    </row>
    <row r="1034877" spans="14:14">
      <c r="N1034877" s="10"/>
    </row>
    <row r="1034878" spans="14:14">
      <c r="N1034878" s="10"/>
    </row>
    <row r="1034879" spans="14:14">
      <c r="N1034879" s="10"/>
    </row>
    <row r="1034880" spans="14:14">
      <c r="N1034880" s="10"/>
    </row>
    <row r="1034881" spans="14:14">
      <c r="N1034881" s="10"/>
    </row>
    <row r="1034882" spans="14:14">
      <c r="N1034882" s="10"/>
    </row>
    <row r="1034883" spans="14:14">
      <c r="N1034883" s="10"/>
    </row>
    <row r="1034884" spans="14:14">
      <c r="N1034884" s="10"/>
    </row>
    <row r="1034885" spans="14:14">
      <c r="N1034885" s="10"/>
    </row>
    <row r="1034886" spans="14:14">
      <c r="N1034886" s="10"/>
    </row>
    <row r="1034887" spans="14:14">
      <c r="N1034887" s="10"/>
    </row>
    <row r="1034888" spans="14:14">
      <c r="N1034888" s="10"/>
    </row>
    <row r="1034889" spans="14:14">
      <c r="N1034889" s="10"/>
    </row>
    <row r="1034890" spans="14:14">
      <c r="N1034890" s="10"/>
    </row>
    <row r="1034891" spans="14:14">
      <c r="N1034891" s="10"/>
    </row>
    <row r="1034892" spans="14:14">
      <c r="N1034892" s="10"/>
    </row>
    <row r="1034893" spans="14:14">
      <c r="N1034893" s="10"/>
    </row>
    <row r="1034894" spans="14:14">
      <c r="N1034894" s="10"/>
    </row>
    <row r="1034895" spans="14:14">
      <c r="N1034895" s="10"/>
    </row>
    <row r="1034896" spans="14:14">
      <c r="N1034896" s="10"/>
    </row>
    <row r="1034897" spans="14:14">
      <c r="N1034897" s="10"/>
    </row>
    <row r="1034898" spans="14:14">
      <c r="N1034898" s="10"/>
    </row>
    <row r="1034899" spans="14:14">
      <c r="N1034899" s="10"/>
    </row>
    <row r="1034900" spans="14:14">
      <c r="N1034900" s="10"/>
    </row>
    <row r="1034901" spans="14:14">
      <c r="N1034901" s="10"/>
    </row>
    <row r="1034902" spans="14:14">
      <c r="N1034902" s="10"/>
    </row>
    <row r="1034903" spans="14:14">
      <c r="N1034903" s="10"/>
    </row>
    <row r="1034904" spans="14:14">
      <c r="N1034904" s="10"/>
    </row>
    <row r="1034905" spans="14:14">
      <c r="N1034905" s="10"/>
    </row>
    <row r="1034906" spans="14:14">
      <c r="N1034906" s="10"/>
    </row>
    <row r="1034907" spans="14:14">
      <c r="N1034907" s="10"/>
    </row>
    <row r="1034908" spans="14:14">
      <c r="N1034908" s="10"/>
    </row>
    <row r="1034909" spans="14:14">
      <c r="N1034909" s="10"/>
    </row>
    <row r="1034910" spans="14:14">
      <c r="N1034910" s="10"/>
    </row>
    <row r="1034911" spans="14:14">
      <c r="N1034911" s="10"/>
    </row>
    <row r="1034912" spans="14:14">
      <c r="N1034912" s="10"/>
    </row>
    <row r="1034913" spans="14:14">
      <c r="N1034913" s="10"/>
    </row>
    <row r="1034914" spans="14:14">
      <c r="N1034914" s="10"/>
    </row>
    <row r="1034915" spans="14:14">
      <c r="N1034915" s="10"/>
    </row>
    <row r="1034916" spans="14:14">
      <c r="N1034916" s="10"/>
    </row>
    <row r="1034917" spans="14:14">
      <c r="N1034917" s="10"/>
    </row>
    <row r="1034918" spans="14:14">
      <c r="N1034918" s="10"/>
    </row>
    <row r="1034919" spans="14:14">
      <c r="N1034919" s="10"/>
    </row>
    <row r="1034920" spans="14:14">
      <c r="N1034920" s="10"/>
    </row>
    <row r="1034921" spans="14:14">
      <c r="N1034921" s="10"/>
    </row>
    <row r="1034922" spans="14:14">
      <c r="N1034922" s="10"/>
    </row>
    <row r="1034923" spans="14:14">
      <c r="N1034923" s="10"/>
    </row>
    <row r="1034924" spans="14:14">
      <c r="N1034924" s="10"/>
    </row>
    <row r="1034925" spans="14:14">
      <c r="N1034925" s="10"/>
    </row>
    <row r="1034926" spans="14:14">
      <c r="N1034926" s="10"/>
    </row>
    <row r="1034927" spans="14:14">
      <c r="N1034927" s="10"/>
    </row>
    <row r="1034928" spans="14:14">
      <c r="N1034928" s="10"/>
    </row>
    <row r="1034929" spans="14:14">
      <c r="N1034929" s="10"/>
    </row>
    <row r="1034930" spans="14:14">
      <c r="N1034930" s="10"/>
    </row>
    <row r="1034931" spans="14:14">
      <c r="N1034931" s="10"/>
    </row>
    <row r="1034932" spans="14:14">
      <c r="N1034932" s="10"/>
    </row>
    <row r="1034933" spans="14:14">
      <c r="N1034933" s="10"/>
    </row>
    <row r="1034934" spans="14:14">
      <c r="N1034934" s="10"/>
    </row>
    <row r="1034935" spans="14:14">
      <c r="N1034935" s="10"/>
    </row>
    <row r="1034936" spans="14:14">
      <c r="N1034936" s="10"/>
    </row>
    <row r="1034937" spans="14:14">
      <c r="N1034937" s="10"/>
    </row>
    <row r="1034938" spans="14:14">
      <c r="N1034938" s="10"/>
    </row>
    <row r="1034939" spans="14:14">
      <c r="N1034939" s="10"/>
    </row>
    <row r="1034940" spans="14:14">
      <c r="N1034940" s="10"/>
    </row>
    <row r="1034941" spans="14:14">
      <c r="N1034941" s="10"/>
    </row>
    <row r="1034942" spans="14:14">
      <c r="N1034942" s="10"/>
    </row>
    <row r="1034943" spans="14:14">
      <c r="N1034943" s="10"/>
    </row>
    <row r="1034944" spans="14:14">
      <c r="N1034944" s="10"/>
    </row>
    <row r="1034945" spans="14:14">
      <c r="N1034945" s="10"/>
    </row>
    <row r="1034946" spans="14:14">
      <c r="N1034946" s="10"/>
    </row>
    <row r="1034947" spans="14:14">
      <c r="N1034947" s="10"/>
    </row>
    <row r="1034948" spans="14:14">
      <c r="N1034948" s="10"/>
    </row>
    <row r="1034949" spans="14:14">
      <c r="N1034949" s="10"/>
    </row>
    <row r="1034950" spans="14:14">
      <c r="N1034950" s="10"/>
    </row>
    <row r="1034951" spans="14:14">
      <c r="N1034951" s="10"/>
    </row>
    <row r="1034952" spans="14:14">
      <c r="N1034952" s="10"/>
    </row>
    <row r="1034953" spans="14:14">
      <c r="N1034953" s="10"/>
    </row>
    <row r="1034954" spans="14:14">
      <c r="N1034954" s="10"/>
    </row>
    <row r="1034955" spans="14:14">
      <c r="N1034955" s="10"/>
    </row>
    <row r="1034956" spans="14:14">
      <c r="N1034956" s="10"/>
    </row>
    <row r="1034957" spans="14:14">
      <c r="N1034957" s="10"/>
    </row>
    <row r="1034958" spans="14:14">
      <c r="N1034958" s="10"/>
    </row>
    <row r="1034959" spans="14:14">
      <c r="N1034959" s="10"/>
    </row>
    <row r="1034960" spans="14:14">
      <c r="N1034960" s="10"/>
    </row>
    <row r="1034961" spans="14:14">
      <c r="N1034961" s="10"/>
    </row>
    <row r="1034962" spans="14:14">
      <c r="N1034962" s="10"/>
    </row>
    <row r="1034963" spans="14:14">
      <c r="N1034963" s="10"/>
    </row>
    <row r="1034964" spans="14:14">
      <c r="N1034964" s="10"/>
    </row>
    <row r="1034965" spans="14:14">
      <c r="N1034965" s="10"/>
    </row>
    <row r="1034966" spans="14:14">
      <c r="N1034966" s="10"/>
    </row>
    <row r="1034967" spans="14:14">
      <c r="N1034967" s="10"/>
    </row>
    <row r="1034968" spans="14:14">
      <c r="N1034968" s="10"/>
    </row>
    <row r="1034969" spans="14:14">
      <c r="N1034969" s="10"/>
    </row>
    <row r="1034970" spans="14:14">
      <c r="N1034970" s="10"/>
    </row>
    <row r="1034971" spans="14:14">
      <c r="N1034971" s="10"/>
    </row>
    <row r="1034972" spans="14:14">
      <c r="N1034972" s="10"/>
    </row>
    <row r="1034973" spans="14:14">
      <c r="N1034973" s="10"/>
    </row>
    <row r="1034974" spans="14:14">
      <c r="N1034974" s="10"/>
    </row>
    <row r="1034975" spans="14:14">
      <c r="N1034975" s="10"/>
    </row>
    <row r="1034976" spans="14:14">
      <c r="N1034976" s="10"/>
    </row>
    <row r="1034977" spans="14:14">
      <c r="N1034977" s="10"/>
    </row>
    <row r="1034978" spans="14:14">
      <c r="N1034978" s="10"/>
    </row>
    <row r="1034979" spans="14:14">
      <c r="N1034979" s="10"/>
    </row>
    <row r="1034980" spans="14:14">
      <c r="N1034980" s="10"/>
    </row>
    <row r="1034981" spans="14:14">
      <c r="N1034981" s="10"/>
    </row>
    <row r="1034982" spans="14:14">
      <c r="N1034982" s="10"/>
    </row>
    <row r="1034983" spans="14:14">
      <c r="N1034983" s="10"/>
    </row>
    <row r="1034984" spans="14:14">
      <c r="N1034984" s="10"/>
    </row>
    <row r="1034985" spans="14:14">
      <c r="N1034985" s="10"/>
    </row>
    <row r="1034986" spans="14:14">
      <c r="N1034986" s="10"/>
    </row>
    <row r="1034987" spans="14:14">
      <c r="N1034987" s="10"/>
    </row>
    <row r="1034988" spans="14:14">
      <c r="N1034988" s="10"/>
    </row>
    <row r="1034989" spans="14:14">
      <c r="N1034989" s="10"/>
    </row>
    <row r="1034990" spans="14:14">
      <c r="N1034990" s="10"/>
    </row>
    <row r="1034991" spans="14:14">
      <c r="N1034991" s="10"/>
    </row>
    <row r="1034992" spans="14:14">
      <c r="N1034992" s="10"/>
    </row>
    <row r="1034993" spans="14:14">
      <c r="N1034993" s="10"/>
    </row>
    <row r="1034994" spans="14:14">
      <c r="N1034994" s="10"/>
    </row>
    <row r="1034995" spans="14:14">
      <c r="N1034995" s="10"/>
    </row>
    <row r="1034996" spans="14:14">
      <c r="N1034996" s="10"/>
    </row>
    <row r="1034997" spans="14:14">
      <c r="N1034997" s="10"/>
    </row>
    <row r="1034998" spans="14:14">
      <c r="N1034998" s="10"/>
    </row>
    <row r="1034999" spans="14:14">
      <c r="N1034999" s="10"/>
    </row>
    <row r="1035000" spans="14:14">
      <c r="N1035000" s="10"/>
    </row>
    <row r="1035001" spans="14:14">
      <c r="N1035001" s="10"/>
    </row>
    <row r="1035002" spans="14:14">
      <c r="N1035002" s="10"/>
    </row>
    <row r="1035003" spans="14:14">
      <c r="N1035003" s="10"/>
    </row>
    <row r="1035004" spans="14:14">
      <c r="N1035004" s="10"/>
    </row>
    <row r="1035005" spans="14:14">
      <c r="N1035005" s="10"/>
    </row>
    <row r="1035006" spans="14:14">
      <c r="N1035006" s="10"/>
    </row>
    <row r="1035007" spans="14:14">
      <c r="N1035007" s="10"/>
    </row>
    <row r="1035008" spans="14:14">
      <c r="N1035008" s="10"/>
    </row>
    <row r="1035009" spans="14:14">
      <c r="N1035009" s="10"/>
    </row>
    <row r="1035010" spans="14:14">
      <c r="N1035010" s="10"/>
    </row>
    <row r="1035011" spans="14:14">
      <c r="N1035011" s="10"/>
    </row>
    <row r="1035012" spans="14:14">
      <c r="N1035012" s="10"/>
    </row>
    <row r="1035013" spans="14:14">
      <c r="N1035013" s="10"/>
    </row>
    <row r="1035014" spans="14:14">
      <c r="N1035014" s="10"/>
    </row>
    <row r="1035015" spans="14:14">
      <c r="N1035015" s="10"/>
    </row>
    <row r="1035016" spans="14:14">
      <c r="N1035016" s="10"/>
    </row>
    <row r="1035017" spans="14:14">
      <c r="N1035017" s="10"/>
    </row>
    <row r="1035018" spans="14:14">
      <c r="N1035018" s="10"/>
    </row>
    <row r="1035019" spans="14:14">
      <c r="N1035019" s="10"/>
    </row>
    <row r="1035020" spans="14:14">
      <c r="N1035020" s="10"/>
    </row>
    <row r="1035021" spans="14:14">
      <c r="N1035021" s="10"/>
    </row>
    <row r="1035022" spans="14:14">
      <c r="N1035022" s="10"/>
    </row>
    <row r="1035023" spans="14:14">
      <c r="N1035023" s="10"/>
    </row>
    <row r="1035024" spans="14:14">
      <c r="N1035024" s="10"/>
    </row>
    <row r="1035025" spans="14:14">
      <c r="N1035025" s="10"/>
    </row>
    <row r="1035026" spans="14:14">
      <c r="N1035026" s="10"/>
    </row>
    <row r="1035027" spans="14:14">
      <c r="N1035027" s="10"/>
    </row>
    <row r="1035028" spans="14:14">
      <c r="N1035028" s="10"/>
    </row>
    <row r="1035029" spans="14:14">
      <c r="N1035029" s="10"/>
    </row>
    <row r="1035030" spans="14:14">
      <c r="N1035030" s="10"/>
    </row>
    <row r="1035031" spans="14:14">
      <c r="N1035031" s="10"/>
    </row>
    <row r="1035032" spans="14:14">
      <c r="N1035032" s="10"/>
    </row>
    <row r="1035033" spans="14:14">
      <c r="N1035033" s="10"/>
    </row>
    <row r="1035034" spans="14:14">
      <c r="N1035034" s="10"/>
    </row>
    <row r="1035035" spans="14:14">
      <c r="N1035035" s="10"/>
    </row>
    <row r="1035036" spans="14:14">
      <c r="N1035036" s="10"/>
    </row>
    <row r="1035037" spans="14:14">
      <c r="N1035037" s="10"/>
    </row>
    <row r="1035038" spans="14:14">
      <c r="N1035038" s="10"/>
    </row>
    <row r="1035039" spans="14:14">
      <c r="N1035039" s="10"/>
    </row>
    <row r="1035040" spans="14:14">
      <c r="N1035040" s="10"/>
    </row>
    <row r="1035041" spans="14:14">
      <c r="N1035041" s="10"/>
    </row>
    <row r="1035042" spans="14:14">
      <c r="N1035042" s="10"/>
    </row>
    <row r="1035043" spans="14:14">
      <c r="N1035043" s="10"/>
    </row>
    <row r="1035044" spans="14:14">
      <c r="N1035044" s="10"/>
    </row>
    <row r="1035045" spans="14:14">
      <c r="N1035045" s="10"/>
    </row>
    <row r="1035046" spans="14:14">
      <c r="N1035046" s="10"/>
    </row>
    <row r="1035047" spans="14:14">
      <c r="N1035047" s="10"/>
    </row>
    <row r="1035048" spans="14:14">
      <c r="N1035048" s="10"/>
    </row>
    <row r="1035049" spans="14:14">
      <c r="N1035049" s="10"/>
    </row>
    <row r="1035050" spans="14:14">
      <c r="N1035050" s="10"/>
    </row>
    <row r="1035051" spans="14:14">
      <c r="N1035051" s="10"/>
    </row>
    <row r="1035052" spans="14:14">
      <c r="N1035052" s="10"/>
    </row>
    <row r="1035053" spans="14:14">
      <c r="N1035053" s="10"/>
    </row>
    <row r="1035054" spans="14:14">
      <c r="N1035054" s="10"/>
    </row>
    <row r="1035055" spans="14:14">
      <c r="N1035055" s="10"/>
    </row>
    <row r="1035056" spans="14:14">
      <c r="N1035056" s="10"/>
    </row>
    <row r="1035057" spans="14:14">
      <c r="N1035057" s="10"/>
    </row>
    <row r="1035058" spans="14:14">
      <c r="N1035058" s="10"/>
    </row>
    <row r="1035059" spans="14:14">
      <c r="N1035059" s="10"/>
    </row>
    <row r="1035060" spans="14:14">
      <c r="N1035060" s="10"/>
    </row>
    <row r="1035061" spans="14:14">
      <c r="N1035061" s="10"/>
    </row>
    <row r="1035062" spans="14:14">
      <c r="N1035062" s="10"/>
    </row>
    <row r="1035063" spans="14:14">
      <c r="N1035063" s="10"/>
    </row>
    <row r="1035064" spans="14:14">
      <c r="N1035064" s="10"/>
    </row>
    <row r="1035065" spans="14:14">
      <c r="N1035065" s="10"/>
    </row>
    <row r="1035066" spans="14:14">
      <c r="N1035066" s="10"/>
    </row>
    <row r="1035067" spans="14:14">
      <c r="N1035067" s="10"/>
    </row>
    <row r="1035068" spans="14:14">
      <c r="N1035068" s="10"/>
    </row>
    <row r="1035069" spans="14:14">
      <c r="N1035069" s="10"/>
    </row>
    <row r="1035070" spans="14:14">
      <c r="N1035070" s="10"/>
    </row>
    <row r="1035071" spans="14:14">
      <c r="N1035071" s="10"/>
    </row>
    <row r="1035072" spans="14:14">
      <c r="N1035072" s="10"/>
    </row>
    <row r="1035073" spans="14:14">
      <c r="N1035073" s="10"/>
    </row>
    <row r="1035074" spans="14:14">
      <c r="N1035074" s="10"/>
    </row>
    <row r="1035075" spans="14:14">
      <c r="N1035075" s="10"/>
    </row>
    <row r="1035076" spans="14:14">
      <c r="N1035076" s="10"/>
    </row>
    <row r="1035077" spans="14:14">
      <c r="N1035077" s="10"/>
    </row>
    <row r="1035078" spans="14:14">
      <c r="N1035078" s="10"/>
    </row>
    <row r="1035079" spans="14:14">
      <c r="N1035079" s="10"/>
    </row>
    <row r="1035080" spans="14:14">
      <c r="N1035080" s="10"/>
    </row>
    <row r="1035081" spans="14:14">
      <c r="N1035081" s="10"/>
    </row>
    <row r="1035082" spans="14:14">
      <c r="N1035082" s="10"/>
    </row>
    <row r="1035083" spans="14:14">
      <c r="N1035083" s="10"/>
    </row>
    <row r="1035084" spans="14:14">
      <c r="N1035084" s="10"/>
    </row>
    <row r="1035085" spans="14:14">
      <c r="N1035085" s="10"/>
    </row>
    <row r="1035086" spans="14:14">
      <c r="N1035086" s="10"/>
    </row>
    <row r="1035087" spans="14:14">
      <c r="N1035087" s="10"/>
    </row>
    <row r="1035088" spans="14:14">
      <c r="N1035088" s="10"/>
    </row>
    <row r="1035089" spans="14:14">
      <c r="N1035089" s="10"/>
    </row>
    <row r="1035090" spans="14:14">
      <c r="N1035090" s="10"/>
    </row>
    <row r="1035091" spans="14:14">
      <c r="N1035091" s="10"/>
    </row>
    <row r="1035092" spans="14:14">
      <c r="N1035092" s="10"/>
    </row>
    <row r="1035093" spans="14:14">
      <c r="N1035093" s="10"/>
    </row>
    <row r="1035094" spans="14:14">
      <c r="N1035094" s="10"/>
    </row>
    <row r="1035095" spans="14:14">
      <c r="N1035095" s="10"/>
    </row>
    <row r="1035096" spans="14:14">
      <c r="N1035096" s="10"/>
    </row>
    <row r="1035097" spans="14:14">
      <c r="N1035097" s="10"/>
    </row>
    <row r="1035098" spans="14:14">
      <c r="N1035098" s="10"/>
    </row>
    <row r="1035099" spans="14:14">
      <c r="N1035099" s="10"/>
    </row>
    <row r="1035100" spans="14:14">
      <c r="N1035100" s="10"/>
    </row>
    <row r="1035101" spans="14:14">
      <c r="N1035101" s="10"/>
    </row>
    <row r="1035102" spans="14:14">
      <c r="N1035102" s="10"/>
    </row>
    <row r="1035103" spans="14:14">
      <c r="N1035103" s="10"/>
    </row>
    <row r="1035104" spans="14:14">
      <c r="N1035104" s="10"/>
    </row>
    <row r="1035105" spans="14:14">
      <c r="N1035105" s="10"/>
    </row>
    <row r="1035106" spans="14:14">
      <c r="N1035106" s="10"/>
    </row>
    <row r="1035107" spans="14:14">
      <c r="N1035107" s="10"/>
    </row>
    <row r="1035108" spans="14:14">
      <c r="N1035108" s="10"/>
    </row>
    <row r="1035109" spans="14:14">
      <c r="N1035109" s="10"/>
    </row>
    <row r="1035110" spans="14:14">
      <c r="N1035110" s="10"/>
    </row>
    <row r="1035111" spans="14:14">
      <c r="N1035111" s="10"/>
    </row>
    <row r="1035112" spans="14:14">
      <c r="N1035112" s="10"/>
    </row>
    <row r="1035113" spans="14:14">
      <c r="N1035113" s="10"/>
    </row>
    <row r="1035114" spans="14:14">
      <c r="N1035114" s="10"/>
    </row>
    <row r="1035115" spans="14:14">
      <c r="N1035115" s="10"/>
    </row>
    <row r="1035116" spans="14:14">
      <c r="N1035116" s="10"/>
    </row>
    <row r="1035117" spans="14:14">
      <c r="N1035117" s="10"/>
    </row>
    <row r="1035118" spans="14:14">
      <c r="N1035118" s="10"/>
    </row>
    <row r="1035119" spans="14:14">
      <c r="N1035119" s="10"/>
    </row>
    <row r="1035120" spans="14:14">
      <c r="N1035120" s="10"/>
    </row>
    <row r="1035121" spans="14:14">
      <c r="N1035121" s="10"/>
    </row>
    <row r="1035122" spans="14:14">
      <c r="N1035122" s="10"/>
    </row>
    <row r="1035123" spans="14:14">
      <c r="N1035123" s="10"/>
    </row>
    <row r="1035124" spans="14:14">
      <c r="N1035124" s="10"/>
    </row>
    <row r="1035125" spans="14:14">
      <c r="N1035125" s="10"/>
    </row>
    <row r="1035126" spans="14:14">
      <c r="N1035126" s="10"/>
    </row>
    <row r="1035127" spans="14:14">
      <c r="N1035127" s="10"/>
    </row>
    <row r="1035128" spans="14:14">
      <c r="N1035128" s="10"/>
    </row>
    <row r="1035129" spans="14:14">
      <c r="N1035129" s="10"/>
    </row>
    <row r="1035130" spans="14:14">
      <c r="N1035130" s="10"/>
    </row>
    <row r="1035131" spans="14:14">
      <c r="N1035131" s="10"/>
    </row>
    <row r="1035132" spans="14:14">
      <c r="N1035132" s="10"/>
    </row>
    <row r="1035133" spans="14:14">
      <c r="N1035133" s="10"/>
    </row>
    <row r="1035134" spans="14:14">
      <c r="N1035134" s="10"/>
    </row>
    <row r="1035135" spans="14:14">
      <c r="N1035135" s="10"/>
    </row>
    <row r="1035136" spans="14:14">
      <c r="N1035136" s="10"/>
    </row>
    <row r="1035137" spans="14:14">
      <c r="N1035137" s="10"/>
    </row>
    <row r="1035138" spans="14:14">
      <c r="N1035138" s="10"/>
    </row>
    <row r="1035139" spans="14:14">
      <c r="N1035139" s="10"/>
    </row>
    <row r="1035140" spans="14:14">
      <c r="N1035140" s="10"/>
    </row>
    <row r="1035141" spans="14:14">
      <c r="N1035141" s="10"/>
    </row>
    <row r="1035142" spans="14:14">
      <c r="N1035142" s="10"/>
    </row>
    <row r="1035143" spans="14:14">
      <c r="N1035143" s="10"/>
    </row>
    <row r="1035144" spans="14:14">
      <c r="N1035144" s="10"/>
    </row>
    <row r="1035145" spans="14:14">
      <c r="N1035145" s="10"/>
    </row>
    <row r="1035146" spans="14:14">
      <c r="N1035146" s="10"/>
    </row>
    <row r="1035147" spans="14:14">
      <c r="N1035147" s="10"/>
    </row>
    <row r="1035148" spans="14:14">
      <c r="N1035148" s="10"/>
    </row>
    <row r="1035149" spans="14:14">
      <c r="N1035149" s="10"/>
    </row>
    <row r="1035150" spans="14:14">
      <c r="N1035150" s="10"/>
    </row>
    <row r="1035151" spans="14:14">
      <c r="N1035151" s="10"/>
    </row>
    <row r="1035152" spans="14:14">
      <c r="N1035152" s="10"/>
    </row>
    <row r="1035153" spans="14:14">
      <c r="N1035153" s="10"/>
    </row>
    <row r="1035154" spans="14:14">
      <c r="N1035154" s="10"/>
    </row>
    <row r="1035155" spans="14:14">
      <c r="N1035155" s="10"/>
    </row>
    <row r="1035156" spans="14:14">
      <c r="N1035156" s="10"/>
    </row>
    <row r="1035157" spans="14:14">
      <c r="N1035157" s="10"/>
    </row>
    <row r="1035158" spans="14:14">
      <c r="N1035158" s="10"/>
    </row>
    <row r="1035159" spans="14:14">
      <c r="N1035159" s="10"/>
    </row>
    <row r="1035160" spans="14:14">
      <c r="N1035160" s="10"/>
    </row>
    <row r="1035161" spans="14:14">
      <c r="N1035161" s="10"/>
    </row>
    <row r="1035162" spans="14:14">
      <c r="N1035162" s="10"/>
    </row>
    <row r="1035163" spans="14:14">
      <c r="N1035163" s="10"/>
    </row>
    <row r="1035164" spans="14:14">
      <c r="N1035164" s="10"/>
    </row>
    <row r="1035165" spans="14:14">
      <c r="N1035165" s="10"/>
    </row>
    <row r="1035166" spans="14:14">
      <c r="N1035166" s="10"/>
    </row>
    <row r="1035167" spans="14:14">
      <c r="N1035167" s="10"/>
    </row>
    <row r="1035168" spans="14:14">
      <c r="N1035168" s="10"/>
    </row>
    <row r="1035169" spans="14:14">
      <c r="N1035169" s="10"/>
    </row>
    <row r="1035170" spans="14:14">
      <c r="N1035170" s="10"/>
    </row>
    <row r="1035171" spans="14:14">
      <c r="N1035171" s="10"/>
    </row>
    <row r="1035172" spans="14:14">
      <c r="N1035172" s="10"/>
    </row>
    <row r="1035173" spans="14:14">
      <c r="N1035173" s="10"/>
    </row>
    <row r="1035174" spans="14:14">
      <c r="N1035174" s="10"/>
    </row>
    <row r="1035175" spans="14:14">
      <c r="N1035175" s="10"/>
    </row>
    <row r="1035176" spans="14:14">
      <c r="N1035176" s="10"/>
    </row>
    <row r="1035177" spans="14:14">
      <c r="N1035177" s="10"/>
    </row>
    <row r="1035178" spans="14:14">
      <c r="N1035178" s="10"/>
    </row>
    <row r="1035179" spans="14:14">
      <c r="N1035179" s="10"/>
    </row>
    <row r="1035180" spans="14:14">
      <c r="N1035180" s="10"/>
    </row>
    <row r="1035181" spans="14:14">
      <c r="N1035181" s="10"/>
    </row>
    <row r="1035182" spans="14:14">
      <c r="N1035182" s="10"/>
    </row>
    <row r="1035183" spans="14:14">
      <c r="N1035183" s="10"/>
    </row>
    <row r="1035184" spans="14:14">
      <c r="N1035184" s="10"/>
    </row>
    <row r="1035185" spans="14:14">
      <c r="N1035185" s="10"/>
    </row>
    <row r="1035186" spans="14:14">
      <c r="N1035186" s="10"/>
    </row>
    <row r="1035187" spans="14:14">
      <c r="N1035187" s="10"/>
    </row>
    <row r="1035188" spans="14:14">
      <c r="N1035188" s="10"/>
    </row>
    <row r="1035189" spans="14:14">
      <c r="N1035189" s="10"/>
    </row>
    <row r="1035190" spans="14:14">
      <c r="N1035190" s="10"/>
    </row>
    <row r="1035191" spans="14:14">
      <c r="N1035191" s="10"/>
    </row>
    <row r="1035192" spans="14:14">
      <c r="N1035192" s="10"/>
    </row>
    <row r="1035193" spans="14:14">
      <c r="N1035193" s="10"/>
    </row>
    <row r="1035194" spans="14:14">
      <c r="N1035194" s="10"/>
    </row>
    <row r="1035195" spans="14:14">
      <c r="N1035195" s="10"/>
    </row>
    <row r="1035196" spans="14:14">
      <c r="N1035196" s="10"/>
    </row>
    <row r="1035197" spans="14:14">
      <c r="N1035197" s="10"/>
    </row>
    <row r="1035198" spans="14:14">
      <c r="N1035198" s="10"/>
    </row>
    <row r="1035199" spans="14:14">
      <c r="N1035199" s="10"/>
    </row>
    <row r="1035200" spans="14:14">
      <c r="N1035200" s="10"/>
    </row>
    <row r="1035201" spans="14:14">
      <c r="N1035201" s="10"/>
    </row>
    <row r="1035202" spans="14:14">
      <c r="N1035202" s="10"/>
    </row>
    <row r="1035203" spans="14:14">
      <c r="N1035203" s="10"/>
    </row>
    <row r="1035204" spans="14:14">
      <c r="N1035204" s="10"/>
    </row>
    <row r="1035205" spans="14:14">
      <c r="N1035205" s="10"/>
    </row>
    <row r="1035206" spans="14:14">
      <c r="N1035206" s="10"/>
    </row>
    <row r="1035207" spans="14:14">
      <c r="N1035207" s="10"/>
    </row>
    <row r="1035208" spans="14:14">
      <c r="N1035208" s="10"/>
    </row>
    <row r="1035209" spans="14:14">
      <c r="N1035209" s="10"/>
    </row>
    <row r="1035210" spans="14:14">
      <c r="N1035210" s="10"/>
    </row>
    <row r="1035211" spans="14:14">
      <c r="N1035211" s="10"/>
    </row>
    <row r="1035212" spans="14:14">
      <c r="N1035212" s="10"/>
    </row>
    <row r="1035213" spans="14:14">
      <c r="N1035213" s="10"/>
    </row>
    <row r="1035214" spans="14:14">
      <c r="N1035214" s="10"/>
    </row>
    <row r="1035215" spans="14:14">
      <c r="N1035215" s="10"/>
    </row>
    <row r="1035216" spans="14:14">
      <c r="N1035216" s="10"/>
    </row>
    <row r="1035217" spans="14:14">
      <c r="N1035217" s="10"/>
    </row>
    <row r="1035218" spans="14:14">
      <c r="N1035218" s="10"/>
    </row>
    <row r="1035219" spans="14:14">
      <c r="N1035219" s="10"/>
    </row>
    <row r="1035220" spans="14:14">
      <c r="N1035220" s="10"/>
    </row>
    <row r="1035221" spans="14:14">
      <c r="N1035221" s="10"/>
    </row>
    <row r="1035222" spans="14:14">
      <c r="N1035222" s="10"/>
    </row>
    <row r="1035223" spans="14:14">
      <c r="N1035223" s="10"/>
    </row>
    <row r="1035224" spans="14:14">
      <c r="N1035224" s="10"/>
    </row>
    <row r="1035225" spans="14:14">
      <c r="N1035225" s="10"/>
    </row>
    <row r="1035226" spans="14:14">
      <c r="N1035226" s="10"/>
    </row>
    <row r="1035227" spans="14:14">
      <c r="N1035227" s="10"/>
    </row>
    <row r="1035228" spans="14:14">
      <c r="N1035228" s="10"/>
    </row>
    <row r="1035229" spans="14:14">
      <c r="N1035229" s="10"/>
    </row>
    <row r="1035230" spans="14:14">
      <c r="N1035230" s="10"/>
    </row>
    <row r="1035231" spans="14:14">
      <c r="N1035231" s="10"/>
    </row>
    <row r="1035232" spans="14:14">
      <c r="N1035232" s="10"/>
    </row>
    <row r="1035233" spans="14:14">
      <c r="N1035233" s="10"/>
    </row>
    <row r="1035234" spans="14:14">
      <c r="N1035234" s="10"/>
    </row>
    <row r="1035235" spans="14:14">
      <c r="N1035235" s="10"/>
    </row>
    <row r="1035236" spans="14:14">
      <c r="N1035236" s="10"/>
    </row>
    <row r="1035237" spans="14:14">
      <c r="N1035237" s="10"/>
    </row>
    <row r="1035238" spans="14:14">
      <c r="N1035238" s="10"/>
    </row>
    <row r="1035239" spans="14:14">
      <c r="N1035239" s="10"/>
    </row>
    <row r="1035240" spans="14:14">
      <c r="N1035240" s="10"/>
    </row>
    <row r="1035241" spans="14:14">
      <c r="N1035241" s="10"/>
    </row>
    <row r="1035242" spans="14:14">
      <c r="N1035242" s="10"/>
    </row>
    <row r="1035243" spans="14:14">
      <c r="N1035243" s="10"/>
    </row>
    <row r="1035244" spans="14:14">
      <c r="N1035244" s="10"/>
    </row>
    <row r="1035245" spans="14:14">
      <c r="N1035245" s="10"/>
    </row>
    <row r="1035246" spans="14:14">
      <c r="N1035246" s="10"/>
    </row>
    <row r="1035247" spans="14:14">
      <c r="N1035247" s="10"/>
    </row>
    <row r="1035248" spans="14:14">
      <c r="N1035248" s="10"/>
    </row>
    <row r="1035249" spans="14:14">
      <c r="N1035249" s="10"/>
    </row>
    <row r="1035250" spans="14:14">
      <c r="N1035250" s="10"/>
    </row>
    <row r="1035251" spans="14:14">
      <c r="N1035251" s="10"/>
    </row>
    <row r="1035252" spans="14:14">
      <c r="N1035252" s="10"/>
    </row>
    <row r="1035253" spans="14:14">
      <c r="N1035253" s="10"/>
    </row>
    <row r="1035254" spans="14:14">
      <c r="N1035254" s="10"/>
    </row>
    <row r="1035255" spans="14:14">
      <c r="N1035255" s="10"/>
    </row>
    <row r="1035256" spans="14:14">
      <c r="N1035256" s="10"/>
    </row>
    <row r="1035257" spans="14:14">
      <c r="N1035257" s="10"/>
    </row>
    <row r="1035258" spans="14:14">
      <c r="N1035258" s="10"/>
    </row>
    <row r="1035259" spans="14:14">
      <c r="N1035259" s="10"/>
    </row>
    <row r="1035260" spans="14:14">
      <c r="N1035260" s="10"/>
    </row>
    <row r="1035261" spans="14:14">
      <c r="N1035261" s="10"/>
    </row>
    <row r="1035262" spans="14:14">
      <c r="N1035262" s="10"/>
    </row>
    <row r="1035263" spans="14:14">
      <c r="N1035263" s="10"/>
    </row>
    <row r="1035264" spans="14:14">
      <c r="N1035264" s="10"/>
    </row>
    <row r="1035265" spans="14:14">
      <c r="N1035265" s="10"/>
    </row>
    <row r="1035266" spans="14:14">
      <c r="N1035266" s="10"/>
    </row>
    <row r="1035267" spans="14:14">
      <c r="N1035267" s="10"/>
    </row>
    <row r="1035268" spans="14:14">
      <c r="N1035268" s="10"/>
    </row>
    <row r="1035269" spans="14:14">
      <c r="N1035269" s="10"/>
    </row>
    <row r="1035270" spans="14:14">
      <c r="N1035270" s="10"/>
    </row>
    <row r="1035271" spans="14:14">
      <c r="N1035271" s="10"/>
    </row>
    <row r="1035272" spans="14:14">
      <c r="N1035272" s="10"/>
    </row>
    <row r="1035273" spans="14:14">
      <c r="N1035273" s="10"/>
    </row>
    <row r="1035274" spans="14:14">
      <c r="N1035274" s="10"/>
    </row>
    <row r="1035275" spans="14:14">
      <c r="N1035275" s="10"/>
    </row>
    <row r="1035276" spans="14:14">
      <c r="N1035276" s="10"/>
    </row>
    <row r="1035277" spans="14:14">
      <c r="N1035277" s="10"/>
    </row>
    <row r="1035278" spans="14:14">
      <c r="N1035278" s="10"/>
    </row>
    <row r="1035279" spans="14:14">
      <c r="N1035279" s="10"/>
    </row>
    <row r="1035280" spans="14:14">
      <c r="N1035280" s="10"/>
    </row>
    <row r="1035281" spans="14:14">
      <c r="N1035281" s="10"/>
    </row>
    <row r="1035282" spans="14:14">
      <c r="N1035282" s="10"/>
    </row>
    <row r="1035283" spans="14:14">
      <c r="N1035283" s="10"/>
    </row>
    <row r="1035284" spans="14:14">
      <c r="N1035284" s="10"/>
    </row>
    <row r="1035285" spans="14:14">
      <c r="N1035285" s="10"/>
    </row>
    <row r="1035286" spans="14:14">
      <c r="N1035286" s="10"/>
    </row>
    <row r="1035287" spans="14:14">
      <c r="N1035287" s="10"/>
    </row>
    <row r="1035288" spans="14:14">
      <c r="N1035288" s="10"/>
    </row>
    <row r="1035289" spans="14:14">
      <c r="N1035289" s="10"/>
    </row>
    <row r="1035290" spans="14:14">
      <c r="N1035290" s="10"/>
    </row>
    <row r="1035291" spans="14:14">
      <c r="N1035291" s="10"/>
    </row>
    <row r="1035292" spans="14:14">
      <c r="N1035292" s="10"/>
    </row>
    <row r="1035293" spans="14:14">
      <c r="N1035293" s="10"/>
    </row>
    <row r="1035294" spans="14:14">
      <c r="N1035294" s="10"/>
    </row>
    <row r="1035295" spans="14:14">
      <c r="N1035295" s="10"/>
    </row>
    <row r="1035296" spans="14:14">
      <c r="N1035296" s="10"/>
    </row>
    <row r="1035297" spans="14:14">
      <c r="N1035297" s="10"/>
    </row>
    <row r="1035298" spans="14:14">
      <c r="N1035298" s="10"/>
    </row>
    <row r="1035299" spans="14:14">
      <c r="N1035299" s="10"/>
    </row>
    <row r="1035300" spans="14:14">
      <c r="N1035300" s="10"/>
    </row>
    <row r="1035301" spans="14:14">
      <c r="N1035301" s="10"/>
    </row>
    <row r="1035302" spans="14:14">
      <c r="N1035302" s="10"/>
    </row>
    <row r="1035303" spans="14:14">
      <c r="N1035303" s="10"/>
    </row>
    <row r="1035304" spans="14:14">
      <c r="N1035304" s="10"/>
    </row>
    <row r="1035305" spans="14:14">
      <c r="N1035305" s="10"/>
    </row>
    <row r="1035306" spans="14:14">
      <c r="N1035306" s="10"/>
    </row>
    <row r="1035307" spans="14:14">
      <c r="N1035307" s="10"/>
    </row>
    <row r="1035308" spans="14:14">
      <c r="N1035308" s="10"/>
    </row>
    <row r="1035309" spans="14:14">
      <c r="N1035309" s="10"/>
    </row>
    <row r="1035310" spans="14:14">
      <c r="N1035310" s="10"/>
    </row>
    <row r="1035311" spans="14:14">
      <c r="N1035311" s="10"/>
    </row>
    <row r="1035312" spans="14:14">
      <c r="N1035312" s="10"/>
    </row>
    <row r="1035313" spans="14:14">
      <c r="N1035313" s="10"/>
    </row>
    <row r="1035314" spans="14:14">
      <c r="N1035314" s="10"/>
    </row>
    <row r="1035315" spans="14:14">
      <c r="N1035315" s="10"/>
    </row>
    <row r="1035316" spans="14:14">
      <c r="N1035316" s="10"/>
    </row>
    <row r="1035317" spans="14:14">
      <c r="N1035317" s="10"/>
    </row>
    <row r="1035318" spans="14:14">
      <c r="N1035318" s="10"/>
    </row>
    <row r="1035319" spans="14:14">
      <c r="N1035319" s="10"/>
    </row>
    <row r="1035320" spans="14:14">
      <c r="N1035320" s="10"/>
    </row>
    <row r="1035321" spans="14:14">
      <c r="N1035321" s="10"/>
    </row>
    <row r="1035322" spans="14:14">
      <c r="N1035322" s="10"/>
    </row>
    <row r="1035323" spans="14:14">
      <c r="N1035323" s="10"/>
    </row>
    <row r="1035324" spans="14:14">
      <c r="N1035324" s="10"/>
    </row>
    <row r="1035325" spans="14:14">
      <c r="N1035325" s="10"/>
    </row>
    <row r="1035326" spans="14:14">
      <c r="N1035326" s="10"/>
    </row>
    <row r="1035327" spans="14:14">
      <c r="N1035327" s="10"/>
    </row>
    <row r="1035328" spans="14:14">
      <c r="N1035328" s="10"/>
    </row>
    <row r="1035329" spans="14:14">
      <c r="N1035329" s="10"/>
    </row>
    <row r="1035330" spans="14:14">
      <c r="N1035330" s="10"/>
    </row>
    <row r="1035331" spans="14:14">
      <c r="N1035331" s="10"/>
    </row>
    <row r="1035332" spans="14:14">
      <c r="N1035332" s="10"/>
    </row>
    <row r="1035333" spans="14:14">
      <c r="N1035333" s="10"/>
    </row>
    <row r="1035334" spans="14:14">
      <c r="N1035334" s="10"/>
    </row>
    <row r="1035335" spans="14:14">
      <c r="N1035335" s="10"/>
    </row>
    <row r="1035336" spans="14:14">
      <c r="N1035336" s="10"/>
    </row>
    <row r="1035337" spans="14:14">
      <c r="N1035337" s="10"/>
    </row>
    <row r="1035338" spans="14:14">
      <c r="N1035338" s="10"/>
    </row>
    <row r="1035339" spans="14:14">
      <c r="N1035339" s="10"/>
    </row>
    <row r="1035340" spans="14:14">
      <c r="N1035340" s="10"/>
    </row>
    <row r="1035341" spans="14:14">
      <c r="N1035341" s="10"/>
    </row>
    <row r="1035342" spans="14:14">
      <c r="N1035342" s="10"/>
    </row>
    <row r="1035343" spans="14:14">
      <c r="N1035343" s="10"/>
    </row>
    <row r="1035344" spans="14:14">
      <c r="N1035344" s="10"/>
    </row>
    <row r="1035345" spans="14:14">
      <c r="N1035345" s="10"/>
    </row>
    <row r="1035346" spans="14:14">
      <c r="N1035346" s="10"/>
    </row>
    <row r="1035347" spans="14:14">
      <c r="N1035347" s="10"/>
    </row>
    <row r="1035348" spans="14:14">
      <c r="N1035348" s="10"/>
    </row>
    <row r="1035349" spans="14:14">
      <c r="N1035349" s="10"/>
    </row>
    <row r="1035350" spans="14:14">
      <c r="N1035350" s="10"/>
    </row>
    <row r="1035351" spans="14:14">
      <c r="N1035351" s="10"/>
    </row>
    <row r="1035352" spans="14:14">
      <c r="N1035352" s="10"/>
    </row>
    <row r="1035353" spans="14:14">
      <c r="N1035353" s="10"/>
    </row>
    <row r="1035354" spans="14:14">
      <c r="N1035354" s="10"/>
    </row>
    <row r="1035355" spans="14:14">
      <c r="N1035355" s="10"/>
    </row>
    <row r="1035356" spans="14:14">
      <c r="N1035356" s="10"/>
    </row>
    <row r="1035357" spans="14:14">
      <c r="N1035357" s="10"/>
    </row>
    <row r="1035358" spans="14:14">
      <c r="N1035358" s="10"/>
    </row>
    <row r="1035359" spans="14:14">
      <c r="N1035359" s="10"/>
    </row>
    <row r="1035360" spans="14:14">
      <c r="N1035360" s="10"/>
    </row>
    <row r="1035361" spans="14:14">
      <c r="N1035361" s="10"/>
    </row>
    <row r="1035362" spans="14:14">
      <c r="N1035362" s="10"/>
    </row>
    <row r="1035363" spans="14:14">
      <c r="N1035363" s="10"/>
    </row>
    <row r="1035364" spans="14:14">
      <c r="N1035364" s="10"/>
    </row>
    <row r="1035365" spans="14:14">
      <c r="N1035365" s="10"/>
    </row>
    <row r="1035366" spans="14:14">
      <c r="N1035366" s="10"/>
    </row>
    <row r="1035367" spans="14:14">
      <c r="N1035367" s="10"/>
    </row>
    <row r="1035368" spans="14:14">
      <c r="N1035368" s="10"/>
    </row>
    <row r="1035369" spans="14:14">
      <c r="N1035369" s="10"/>
    </row>
    <row r="1035370" spans="14:14">
      <c r="N1035370" s="10"/>
    </row>
    <row r="1035371" spans="14:14">
      <c r="N1035371" s="10"/>
    </row>
    <row r="1035372" spans="14:14">
      <c r="N1035372" s="10"/>
    </row>
    <row r="1035373" spans="14:14">
      <c r="N1035373" s="10"/>
    </row>
    <row r="1035374" spans="14:14">
      <c r="N1035374" s="10"/>
    </row>
    <row r="1035375" spans="14:14">
      <c r="N1035375" s="10"/>
    </row>
    <row r="1035376" spans="14:14">
      <c r="N1035376" s="10"/>
    </row>
    <row r="1035377" spans="14:14">
      <c r="N1035377" s="10"/>
    </row>
    <row r="1035378" spans="14:14">
      <c r="N1035378" s="10"/>
    </row>
    <row r="1035379" spans="14:14">
      <c r="N1035379" s="10"/>
    </row>
    <row r="1035380" spans="14:14">
      <c r="N1035380" s="10"/>
    </row>
    <row r="1035381" spans="14:14">
      <c r="N1035381" s="10"/>
    </row>
    <row r="1035382" spans="14:14">
      <c r="N1035382" s="10"/>
    </row>
    <row r="1035383" spans="14:14">
      <c r="N1035383" s="10"/>
    </row>
    <row r="1035384" spans="14:14">
      <c r="N1035384" s="10"/>
    </row>
    <row r="1035385" spans="14:14">
      <c r="N1035385" s="10"/>
    </row>
    <row r="1035386" spans="14:14">
      <c r="N1035386" s="10"/>
    </row>
    <row r="1035387" spans="14:14">
      <c r="N1035387" s="10"/>
    </row>
    <row r="1035388" spans="14:14">
      <c r="N1035388" s="10"/>
    </row>
    <row r="1035389" spans="14:14">
      <c r="N1035389" s="10"/>
    </row>
    <row r="1035390" spans="14:14">
      <c r="N1035390" s="10"/>
    </row>
    <row r="1035391" spans="14:14">
      <c r="N1035391" s="10"/>
    </row>
    <row r="1035392" spans="14:14">
      <c r="N1035392" s="10"/>
    </row>
    <row r="1035393" spans="14:14">
      <c r="N1035393" s="10"/>
    </row>
    <row r="1035394" spans="14:14">
      <c r="N1035394" s="10"/>
    </row>
    <row r="1035395" spans="14:14">
      <c r="N1035395" s="10"/>
    </row>
    <row r="1035396" spans="14:14">
      <c r="N1035396" s="10"/>
    </row>
    <row r="1035397" spans="14:14">
      <c r="N1035397" s="10"/>
    </row>
    <row r="1035398" spans="14:14">
      <c r="N1035398" s="10"/>
    </row>
    <row r="1035399" spans="14:14">
      <c r="N1035399" s="10"/>
    </row>
    <row r="1035400" spans="14:14">
      <c r="N1035400" s="10"/>
    </row>
    <row r="1035401" spans="14:14">
      <c r="N1035401" s="10"/>
    </row>
    <row r="1035402" spans="14:14">
      <c r="N1035402" s="10"/>
    </row>
    <row r="1035403" spans="14:14">
      <c r="N1035403" s="10"/>
    </row>
    <row r="1035404" spans="14:14">
      <c r="N1035404" s="10"/>
    </row>
    <row r="1035405" spans="14:14">
      <c r="N1035405" s="10"/>
    </row>
    <row r="1035406" spans="14:14">
      <c r="N1035406" s="10"/>
    </row>
    <row r="1035407" spans="14:14">
      <c r="N1035407" s="10"/>
    </row>
    <row r="1035408" spans="14:14">
      <c r="N1035408" s="10"/>
    </row>
    <row r="1035409" spans="14:14">
      <c r="N1035409" s="10"/>
    </row>
    <row r="1035410" spans="14:14">
      <c r="N1035410" s="10"/>
    </row>
    <row r="1035411" spans="14:14">
      <c r="N1035411" s="10"/>
    </row>
    <row r="1035412" spans="14:14">
      <c r="N1035412" s="10"/>
    </row>
    <row r="1035413" spans="14:14">
      <c r="N1035413" s="10"/>
    </row>
    <row r="1035414" spans="14:14">
      <c r="N1035414" s="10"/>
    </row>
    <row r="1035415" spans="14:14">
      <c r="N1035415" s="10"/>
    </row>
    <row r="1035416" spans="14:14">
      <c r="N1035416" s="10"/>
    </row>
    <row r="1035417" spans="14:14">
      <c r="N1035417" s="10"/>
    </row>
    <row r="1035418" spans="14:14">
      <c r="N1035418" s="10"/>
    </row>
    <row r="1035419" spans="14:14">
      <c r="N1035419" s="10"/>
    </row>
    <row r="1035420" spans="14:14">
      <c r="N1035420" s="10"/>
    </row>
    <row r="1035421" spans="14:14">
      <c r="N1035421" s="10"/>
    </row>
    <row r="1035422" spans="14:14">
      <c r="N1035422" s="10"/>
    </row>
    <row r="1035423" spans="14:14">
      <c r="N1035423" s="10"/>
    </row>
    <row r="1035424" spans="14:14">
      <c r="N1035424" s="10"/>
    </row>
    <row r="1035425" spans="14:14">
      <c r="N1035425" s="10"/>
    </row>
    <row r="1035426" spans="14:14">
      <c r="N1035426" s="10"/>
    </row>
    <row r="1035427" spans="14:14">
      <c r="N1035427" s="10"/>
    </row>
    <row r="1035428" spans="14:14">
      <c r="N1035428" s="10"/>
    </row>
    <row r="1035429" spans="14:14">
      <c r="N1035429" s="10"/>
    </row>
    <row r="1035430" spans="14:14">
      <c r="N1035430" s="10"/>
    </row>
    <row r="1035431" spans="14:14">
      <c r="N1035431" s="10"/>
    </row>
    <row r="1035432" spans="14:14">
      <c r="N1035432" s="10"/>
    </row>
    <row r="1035433" spans="14:14">
      <c r="N1035433" s="10"/>
    </row>
    <row r="1035434" spans="14:14">
      <c r="N1035434" s="10"/>
    </row>
    <row r="1035435" spans="14:14">
      <c r="N1035435" s="10"/>
    </row>
    <row r="1035436" spans="14:14">
      <c r="N1035436" s="10"/>
    </row>
    <row r="1035437" spans="14:14">
      <c r="N1035437" s="10"/>
    </row>
    <row r="1035438" spans="14:14">
      <c r="N1035438" s="10"/>
    </row>
    <row r="1035439" spans="14:14">
      <c r="N1035439" s="10"/>
    </row>
    <row r="1035440" spans="14:14">
      <c r="N1035440" s="10"/>
    </row>
    <row r="1035441" spans="14:14">
      <c r="N1035441" s="10"/>
    </row>
    <row r="1035442" spans="14:14">
      <c r="N1035442" s="10"/>
    </row>
    <row r="1035443" spans="14:14">
      <c r="N1035443" s="10"/>
    </row>
    <row r="1035444" spans="14:14">
      <c r="N1035444" s="10"/>
    </row>
    <row r="1035445" spans="14:14">
      <c r="N1035445" s="10"/>
    </row>
    <row r="1035446" spans="14:14">
      <c r="N1035446" s="10"/>
    </row>
    <row r="1035447" spans="14:14">
      <c r="N1035447" s="10"/>
    </row>
    <row r="1035448" spans="14:14">
      <c r="N1035448" s="10"/>
    </row>
    <row r="1035449" spans="14:14">
      <c r="N1035449" s="10"/>
    </row>
    <row r="1035450" spans="14:14">
      <c r="N1035450" s="10"/>
    </row>
    <row r="1035451" spans="14:14">
      <c r="N1035451" s="10"/>
    </row>
    <row r="1035452" spans="14:14">
      <c r="N1035452" s="10"/>
    </row>
    <row r="1035453" spans="14:14">
      <c r="N1035453" s="10"/>
    </row>
    <row r="1035454" spans="14:14">
      <c r="N1035454" s="10"/>
    </row>
    <row r="1035455" spans="14:14">
      <c r="N1035455" s="10"/>
    </row>
    <row r="1035456" spans="14:14">
      <c r="N1035456" s="10"/>
    </row>
    <row r="1035457" spans="14:14">
      <c r="N1035457" s="10"/>
    </row>
    <row r="1035458" spans="14:14">
      <c r="N1035458" s="10"/>
    </row>
    <row r="1035459" spans="14:14">
      <c r="N1035459" s="10"/>
    </row>
    <row r="1035460" spans="14:14">
      <c r="N1035460" s="10"/>
    </row>
    <row r="1035461" spans="14:14">
      <c r="N1035461" s="10"/>
    </row>
    <row r="1035462" spans="14:14">
      <c r="N1035462" s="10"/>
    </row>
    <row r="1035463" spans="14:14">
      <c r="N1035463" s="10"/>
    </row>
    <row r="1035464" spans="14:14">
      <c r="N1035464" s="10"/>
    </row>
    <row r="1035465" spans="14:14">
      <c r="N1035465" s="10"/>
    </row>
    <row r="1035466" spans="14:14">
      <c r="N1035466" s="10"/>
    </row>
    <row r="1035467" spans="14:14">
      <c r="N1035467" s="10"/>
    </row>
    <row r="1035468" spans="14:14">
      <c r="N1035468" s="10"/>
    </row>
    <row r="1035469" spans="14:14">
      <c r="N1035469" s="10"/>
    </row>
    <row r="1035470" spans="14:14">
      <c r="N1035470" s="10"/>
    </row>
    <row r="1035471" spans="14:14">
      <c r="N1035471" s="10"/>
    </row>
    <row r="1035472" spans="14:14">
      <c r="N1035472" s="10"/>
    </row>
    <row r="1035473" spans="14:14">
      <c r="N1035473" s="10"/>
    </row>
    <row r="1035474" spans="14:14">
      <c r="N1035474" s="10"/>
    </row>
    <row r="1035475" spans="14:14">
      <c r="N1035475" s="10"/>
    </row>
    <row r="1035476" spans="14:14">
      <c r="N1035476" s="10"/>
    </row>
    <row r="1035477" spans="14:14">
      <c r="N1035477" s="10"/>
    </row>
    <row r="1035478" spans="14:14">
      <c r="N1035478" s="10"/>
    </row>
    <row r="1035479" spans="14:14">
      <c r="N1035479" s="10"/>
    </row>
    <row r="1035480" spans="14:14">
      <c r="N1035480" s="10"/>
    </row>
    <row r="1035481" spans="14:14">
      <c r="N1035481" s="10"/>
    </row>
    <row r="1035482" spans="14:14">
      <c r="N1035482" s="10"/>
    </row>
    <row r="1035483" spans="14:14">
      <c r="N1035483" s="10"/>
    </row>
    <row r="1035484" spans="14:14">
      <c r="N1035484" s="10"/>
    </row>
    <row r="1035485" spans="14:14">
      <c r="N1035485" s="10"/>
    </row>
    <row r="1035486" spans="14:14">
      <c r="N1035486" s="10"/>
    </row>
    <row r="1035487" spans="14:14">
      <c r="N1035487" s="10"/>
    </row>
    <row r="1035488" spans="14:14">
      <c r="N1035488" s="10"/>
    </row>
    <row r="1035489" spans="14:14">
      <c r="N1035489" s="10"/>
    </row>
    <row r="1035490" spans="14:14">
      <c r="N1035490" s="10"/>
    </row>
    <row r="1035491" spans="14:14">
      <c r="N1035491" s="10"/>
    </row>
    <row r="1035492" spans="14:14">
      <c r="N1035492" s="10"/>
    </row>
    <row r="1035493" spans="14:14">
      <c r="N1035493" s="10"/>
    </row>
    <row r="1035494" spans="14:14">
      <c r="N1035494" s="10"/>
    </row>
    <row r="1035495" spans="14:14">
      <c r="N1035495" s="10"/>
    </row>
    <row r="1035496" spans="14:14">
      <c r="N1035496" s="10"/>
    </row>
    <row r="1035497" spans="14:14">
      <c r="N1035497" s="10"/>
    </row>
    <row r="1035498" spans="14:14">
      <c r="N1035498" s="10"/>
    </row>
    <row r="1035499" spans="14:14">
      <c r="N1035499" s="10"/>
    </row>
    <row r="1035500" spans="14:14">
      <c r="N1035500" s="10"/>
    </row>
    <row r="1035501" spans="14:14">
      <c r="N1035501" s="10"/>
    </row>
    <row r="1035502" spans="14:14">
      <c r="N1035502" s="10"/>
    </row>
    <row r="1035503" spans="14:14">
      <c r="N1035503" s="10"/>
    </row>
    <row r="1035504" spans="14:14">
      <c r="N1035504" s="10"/>
    </row>
    <row r="1035505" spans="14:14">
      <c r="N1035505" s="10"/>
    </row>
    <row r="1035506" spans="14:14">
      <c r="N1035506" s="10"/>
    </row>
    <row r="1035507" spans="14:14">
      <c r="N1035507" s="10"/>
    </row>
    <row r="1035508" spans="14:14">
      <c r="N1035508" s="10"/>
    </row>
    <row r="1035509" spans="14:14">
      <c r="N1035509" s="10"/>
    </row>
    <row r="1035510" spans="14:14">
      <c r="N1035510" s="10"/>
    </row>
    <row r="1035511" spans="14:14">
      <c r="N1035511" s="10"/>
    </row>
    <row r="1035512" spans="14:14">
      <c r="N1035512" s="10"/>
    </row>
    <row r="1035513" spans="14:14">
      <c r="N1035513" s="10"/>
    </row>
    <row r="1035514" spans="14:14">
      <c r="N1035514" s="10"/>
    </row>
    <row r="1035515" spans="14:14">
      <c r="N1035515" s="10"/>
    </row>
    <row r="1035516" spans="14:14">
      <c r="N1035516" s="10"/>
    </row>
    <row r="1035517" spans="14:14">
      <c r="N1035517" s="10"/>
    </row>
    <row r="1035518" spans="14:14">
      <c r="N1035518" s="10"/>
    </row>
    <row r="1035519" spans="14:14">
      <c r="N1035519" s="10"/>
    </row>
    <row r="1035520" spans="14:14">
      <c r="N1035520" s="10"/>
    </row>
    <row r="1035521" spans="14:14">
      <c r="N1035521" s="10"/>
    </row>
    <row r="1035522" spans="14:14">
      <c r="N1035522" s="10"/>
    </row>
    <row r="1035523" spans="14:14">
      <c r="N1035523" s="10"/>
    </row>
    <row r="1035524" spans="14:14">
      <c r="N1035524" s="10"/>
    </row>
    <row r="1035525" spans="14:14">
      <c r="N1035525" s="10"/>
    </row>
    <row r="1035526" spans="14:14">
      <c r="N1035526" s="10"/>
    </row>
    <row r="1035527" spans="14:14">
      <c r="N1035527" s="10"/>
    </row>
    <row r="1035528" spans="14:14">
      <c r="N1035528" s="10"/>
    </row>
    <row r="1035529" spans="14:14">
      <c r="N1035529" s="10"/>
    </row>
    <row r="1035530" spans="14:14">
      <c r="N1035530" s="10"/>
    </row>
    <row r="1035531" spans="14:14">
      <c r="N1035531" s="10"/>
    </row>
    <row r="1035532" spans="14:14">
      <c r="N1035532" s="10"/>
    </row>
    <row r="1035533" spans="14:14">
      <c r="N1035533" s="10"/>
    </row>
    <row r="1035534" spans="14:14">
      <c r="N1035534" s="10"/>
    </row>
    <row r="1035535" spans="14:14">
      <c r="N1035535" s="10"/>
    </row>
    <row r="1035536" spans="14:14">
      <c r="N1035536" s="10"/>
    </row>
    <row r="1035537" spans="14:14">
      <c r="N1035537" s="10"/>
    </row>
    <row r="1035538" spans="14:14">
      <c r="N1035538" s="10"/>
    </row>
    <row r="1035539" spans="14:14">
      <c r="N1035539" s="10"/>
    </row>
    <row r="1035540" spans="14:14">
      <c r="N1035540" s="10"/>
    </row>
    <row r="1035541" spans="14:14">
      <c r="N1035541" s="10"/>
    </row>
    <row r="1035542" spans="14:14">
      <c r="N1035542" s="10"/>
    </row>
    <row r="1035543" spans="14:14">
      <c r="N1035543" s="10"/>
    </row>
    <row r="1035544" spans="14:14">
      <c r="N1035544" s="10"/>
    </row>
    <row r="1035545" spans="14:14">
      <c r="N1035545" s="10"/>
    </row>
    <row r="1035546" spans="14:14">
      <c r="N1035546" s="10"/>
    </row>
    <row r="1035547" spans="14:14">
      <c r="N1035547" s="10"/>
    </row>
    <row r="1035548" spans="14:14">
      <c r="N1035548" s="10"/>
    </row>
    <row r="1035549" spans="14:14">
      <c r="N1035549" s="10"/>
    </row>
    <row r="1035550" spans="14:14">
      <c r="N1035550" s="10"/>
    </row>
    <row r="1035551" spans="14:14">
      <c r="N1035551" s="10"/>
    </row>
    <row r="1035552" spans="14:14">
      <c r="N1035552" s="10"/>
    </row>
    <row r="1035553" spans="14:14">
      <c r="N1035553" s="10"/>
    </row>
    <row r="1035554" spans="14:14">
      <c r="N1035554" s="10"/>
    </row>
    <row r="1035555" spans="14:14">
      <c r="N1035555" s="10"/>
    </row>
    <row r="1035556" spans="14:14">
      <c r="N1035556" s="10"/>
    </row>
    <row r="1035557" spans="14:14">
      <c r="N1035557" s="10"/>
    </row>
    <row r="1035558" spans="14:14">
      <c r="N1035558" s="10"/>
    </row>
    <row r="1035559" spans="14:14">
      <c r="N1035559" s="10"/>
    </row>
    <row r="1035560" spans="14:14">
      <c r="N1035560" s="10"/>
    </row>
    <row r="1035561" spans="14:14">
      <c r="N1035561" s="10"/>
    </row>
    <row r="1035562" spans="14:14">
      <c r="N1035562" s="10"/>
    </row>
    <row r="1035563" spans="14:14">
      <c r="N1035563" s="10"/>
    </row>
    <row r="1035564" spans="14:14">
      <c r="N1035564" s="10"/>
    </row>
    <row r="1035565" spans="14:14">
      <c r="N1035565" s="10"/>
    </row>
    <row r="1035566" spans="14:14">
      <c r="N1035566" s="10"/>
    </row>
    <row r="1035567" spans="14:14">
      <c r="N1035567" s="10"/>
    </row>
    <row r="1035568" spans="14:14">
      <c r="N1035568" s="10"/>
    </row>
    <row r="1035569" spans="14:14">
      <c r="N1035569" s="10"/>
    </row>
    <row r="1035570" spans="14:14">
      <c r="N1035570" s="10"/>
    </row>
    <row r="1035571" spans="14:14">
      <c r="N1035571" s="10"/>
    </row>
    <row r="1035572" spans="14:14">
      <c r="N1035572" s="10"/>
    </row>
    <row r="1035573" spans="14:14">
      <c r="N1035573" s="10"/>
    </row>
    <row r="1035574" spans="14:14">
      <c r="N1035574" s="10"/>
    </row>
    <row r="1035575" spans="14:14">
      <c r="N1035575" s="10"/>
    </row>
    <row r="1035576" spans="14:14">
      <c r="N1035576" s="10"/>
    </row>
    <row r="1035577" spans="14:14">
      <c r="N1035577" s="10"/>
    </row>
    <row r="1035578" spans="14:14">
      <c r="N1035578" s="10"/>
    </row>
    <row r="1035579" spans="14:14">
      <c r="N1035579" s="10"/>
    </row>
    <row r="1035580" spans="14:14">
      <c r="N1035580" s="10"/>
    </row>
    <row r="1035581" spans="14:14">
      <c r="N1035581" s="10"/>
    </row>
    <row r="1035582" spans="14:14">
      <c r="N1035582" s="10"/>
    </row>
    <row r="1035583" spans="14:14">
      <c r="N1035583" s="10"/>
    </row>
    <row r="1035584" spans="14:14">
      <c r="N1035584" s="10"/>
    </row>
    <row r="1035585" spans="14:14">
      <c r="N1035585" s="10"/>
    </row>
    <row r="1035586" spans="14:14">
      <c r="N1035586" s="10"/>
    </row>
    <row r="1035587" spans="14:14">
      <c r="N1035587" s="10"/>
    </row>
    <row r="1035588" spans="14:14">
      <c r="N1035588" s="10"/>
    </row>
    <row r="1035589" spans="14:14">
      <c r="N1035589" s="10"/>
    </row>
    <row r="1035590" spans="14:14">
      <c r="N1035590" s="10"/>
    </row>
    <row r="1035591" spans="14:14">
      <c r="N1035591" s="10"/>
    </row>
    <row r="1035592" spans="14:14">
      <c r="N1035592" s="10"/>
    </row>
    <row r="1035593" spans="14:14">
      <c r="N1035593" s="10"/>
    </row>
    <row r="1035594" spans="14:14">
      <c r="N1035594" s="10"/>
    </row>
    <row r="1035595" spans="14:14">
      <c r="N1035595" s="10"/>
    </row>
    <row r="1035596" spans="14:14">
      <c r="N1035596" s="10"/>
    </row>
    <row r="1035597" spans="14:14">
      <c r="N1035597" s="10"/>
    </row>
    <row r="1035598" spans="14:14">
      <c r="N1035598" s="10"/>
    </row>
    <row r="1035599" spans="14:14">
      <c r="N1035599" s="10"/>
    </row>
    <row r="1035600" spans="14:14">
      <c r="N1035600" s="10"/>
    </row>
    <row r="1035601" spans="14:14">
      <c r="N1035601" s="10"/>
    </row>
    <row r="1035602" spans="14:14">
      <c r="N1035602" s="10"/>
    </row>
    <row r="1035603" spans="14:14">
      <c r="N1035603" s="10"/>
    </row>
    <row r="1035604" spans="14:14">
      <c r="N1035604" s="10"/>
    </row>
    <row r="1035605" spans="14:14">
      <c r="N1035605" s="10"/>
    </row>
    <row r="1035606" spans="14:14">
      <c r="N1035606" s="10"/>
    </row>
    <row r="1035607" spans="14:14">
      <c r="N1035607" s="10"/>
    </row>
    <row r="1035608" spans="14:14">
      <c r="N1035608" s="10"/>
    </row>
    <row r="1035609" spans="14:14">
      <c r="N1035609" s="10"/>
    </row>
    <row r="1035610" spans="14:14">
      <c r="N1035610" s="10"/>
    </row>
    <row r="1035611" spans="14:14">
      <c r="N1035611" s="10"/>
    </row>
    <row r="1035612" spans="14:14">
      <c r="N1035612" s="10"/>
    </row>
    <row r="1035613" spans="14:14">
      <c r="N1035613" s="10"/>
    </row>
    <row r="1035614" spans="14:14">
      <c r="N1035614" s="10"/>
    </row>
    <row r="1035615" spans="14:14">
      <c r="N1035615" s="10"/>
    </row>
    <row r="1035616" spans="14:14">
      <c r="N1035616" s="10"/>
    </row>
    <row r="1035617" spans="14:14">
      <c r="N1035617" s="10"/>
    </row>
    <row r="1035618" spans="14:14">
      <c r="N1035618" s="10"/>
    </row>
    <row r="1035619" spans="14:14">
      <c r="N1035619" s="10"/>
    </row>
    <row r="1035620" spans="14:14">
      <c r="N1035620" s="10"/>
    </row>
    <row r="1035621" spans="14:14">
      <c r="N1035621" s="10"/>
    </row>
    <row r="1035622" spans="14:14">
      <c r="N1035622" s="10"/>
    </row>
    <row r="1035623" spans="14:14">
      <c r="N1035623" s="10"/>
    </row>
    <row r="1035624" spans="14:14">
      <c r="N1035624" s="10"/>
    </row>
    <row r="1035625" spans="14:14">
      <c r="N1035625" s="10"/>
    </row>
    <row r="1035626" spans="14:14">
      <c r="N1035626" s="10"/>
    </row>
    <row r="1035627" spans="14:14">
      <c r="N1035627" s="10"/>
    </row>
    <row r="1035628" spans="14:14">
      <c r="N1035628" s="10"/>
    </row>
    <row r="1035629" spans="14:14">
      <c r="N1035629" s="10"/>
    </row>
    <row r="1035630" spans="14:14">
      <c r="N1035630" s="10"/>
    </row>
    <row r="1035631" spans="14:14">
      <c r="N1035631" s="10"/>
    </row>
    <row r="1035632" spans="14:14">
      <c r="N1035632" s="10"/>
    </row>
    <row r="1035633" spans="14:14">
      <c r="N1035633" s="10"/>
    </row>
    <row r="1035634" spans="14:14">
      <c r="N1035634" s="10"/>
    </row>
    <row r="1035635" spans="14:14">
      <c r="N1035635" s="10"/>
    </row>
    <row r="1035636" spans="14:14">
      <c r="N1035636" s="10"/>
    </row>
    <row r="1035637" spans="14:14">
      <c r="N1035637" s="10"/>
    </row>
    <row r="1035638" spans="14:14">
      <c r="N1035638" s="10"/>
    </row>
    <row r="1035639" spans="14:14">
      <c r="N1035639" s="10"/>
    </row>
    <row r="1035640" spans="14:14">
      <c r="N1035640" s="10"/>
    </row>
    <row r="1035641" spans="14:14">
      <c r="N1035641" s="10"/>
    </row>
    <row r="1035642" spans="14:14">
      <c r="N1035642" s="10"/>
    </row>
    <row r="1035643" spans="14:14">
      <c r="N1035643" s="10"/>
    </row>
    <row r="1035644" spans="14:14">
      <c r="N1035644" s="10"/>
    </row>
    <row r="1035645" spans="14:14">
      <c r="N1035645" s="10"/>
    </row>
    <row r="1035646" spans="14:14">
      <c r="N1035646" s="10"/>
    </row>
    <row r="1035647" spans="14:14">
      <c r="N1035647" s="10"/>
    </row>
    <row r="1035648" spans="14:14">
      <c r="N1035648" s="10"/>
    </row>
    <row r="1035649" spans="14:14">
      <c r="N1035649" s="10"/>
    </row>
    <row r="1035650" spans="14:14">
      <c r="N1035650" s="10"/>
    </row>
    <row r="1035651" spans="14:14">
      <c r="N1035651" s="10"/>
    </row>
    <row r="1035652" spans="14:14">
      <c r="N1035652" s="10"/>
    </row>
    <row r="1035653" spans="14:14">
      <c r="N1035653" s="10"/>
    </row>
    <row r="1035654" spans="14:14">
      <c r="N1035654" s="10"/>
    </row>
    <row r="1035655" spans="14:14">
      <c r="N1035655" s="10"/>
    </row>
    <row r="1035656" spans="14:14">
      <c r="N1035656" s="10"/>
    </row>
    <row r="1035657" spans="14:14">
      <c r="N1035657" s="10"/>
    </row>
    <row r="1035658" spans="14:14">
      <c r="N1035658" s="10"/>
    </row>
    <row r="1035659" spans="14:14">
      <c r="N1035659" s="10"/>
    </row>
    <row r="1035660" spans="14:14">
      <c r="N1035660" s="10"/>
    </row>
    <row r="1035661" spans="14:14">
      <c r="N1035661" s="10"/>
    </row>
    <row r="1035662" spans="14:14">
      <c r="N1035662" s="10"/>
    </row>
    <row r="1035663" spans="14:14">
      <c r="N1035663" s="10"/>
    </row>
    <row r="1035664" spans="14:14">
      <c r="N1035664" s="10"/>
    </row>
    <row r="1035665" spans="14:14">
      <c r="N1035665" s="10"/>
    </row>
    <row r="1035666" spans="14:14">
      <c r="N1035666" s="10"/>
    </row>
    <row r="1035667" spans="14:14">
      <c r="N1035667" s="10"/>
    </row>
    <row r="1035668" spans="14:14">
      <c r="N1035668" s="10"/>
    </row>
    <row r="1035669" spans="14:14">
      <c r="N1035669" s="10"/>
    </row>
    <row r="1035670" spans="14:14">
      <c r="N1035670" s="10"/>
    </row>
    <row r="1035671" spans="14:14">
      <c r="N1035671" s="10"/>
    </row>
    <row r="1035672" spans="14:14">
      <c r="N1035672" s="10"/>
    </row>
    <row r="1035673" spans="14:14">
      <c r="N1035673" s="10"/>
    </row>
    <row r="1035674" spans="14:14">
      <c r="N1035674" s="10"/>
    </row>
    <row r="1035675" spans="14:14">
      <c r="N1035675" s="10"/>
    </row>
    <row r="1035676" spans="14:14">
      <c r="N1035676" s="10"/>
    </row>
    <row r="1035677" spans="14:14">
      <c r="N1035677" s="10"/>
    </row>
    <row r="1035678" spans="14:14">
      <c r="N1035678" s="10"/>
    </row>
    <row r="1035679" spans="14:14">
      <c r="N1035679" s="10"/>
    </row>
    <row r="1035680" spans="14:14">
      <c r="N1035680" s="10"/>
    </row>
    <row r="1035681" spans="14:14">
      <c r="N1035681" s="10"/>
    </row>
    <row r="1035682" spans="14:14">
      <c r="N1035682" s="10"/>
    </row>
    <row r="1035683" spans="14:14">
      <c r="N1035683" s="10"/>
    </row>
    <row r="1035684" spans="14:14">
      <c r="N1035684" s="10"/>
    </row>
    <row r="1035685" spans="14:14">
      <c r="N1035685" s="10"/>
    </row>
    <row r="1035686" spans="14:14">
      <c r="N1035686" s="10"/>
    </row>
    <row r="1035687" spans="14:14">
      <c r="N1035687" s="10"/>
    </row>
    <row r="1035688" spans="14:14">
      <c r="N1035688" s="10"/>
    </row>
    <row r="1035689" spans="14:14">
      <c r="N1035689" s="10"/>
    </row>
    <row r="1035690" spans="14:14">
      <c r="N1035690" s="10"/>
    </row>
    <row r="1035691" spans="14:14">
      <c r="N1035691" s="10"/>
    </row>
    <row r="1035692" spans="14:14">
      <c r="N1035692" s="10"/>
    </row>
    <row r="1035693" spans="14:14">
      <c r="N1035693" s="10"/>
    </row>
    <row r="1035694" spans="14:14">
      <c r="N1035694" s="10"/>
    </row>
    <row r="1035695" spans="14:14">
      <c r="N1035695" s="10"/>
    </row>
    <row r="1035696" spans="14:14">
      <c r="N1035696" s="10"/>
    </row>
    <row r="1035697" spans="14:14">
      <c r="N1035697" s="10"/>
    </row>
    <row r="1035698" spans="14:14">
      <c r="N1035698" s="10"/>
    </row>
    <row r="1035699" spans="14:14">
      <c r="N1035699" s="10"/>
    </row>
    <row r="1035700" spans="14:14">
      <c r="N1035700" s="10"/>
    </row>
    <row r="1035701" spans="14:14">
      <c r="N1035701" s="10"/>
    </row>
    <row r="1035702" spans="14:14">
      <c r="N1035702" s="10"/>
    </row>
    <row r="1035703" spans="14:14">
      <c r="N1035703" s="10"/>
    </row>
    <row r="1035704" spans="14:14">
      <c r="N1035704" s="10"/>
    </row>
    <row r="1035705" spans="14:14">
      <c r="N1035705" s="10"/>
    </row>
    <row r="1035706" spans="14:14">
      <c r="N1035706" s="10"/>
    </row>
    <row r="1035707" spans="14:14">
      <c r="N1035707" s="10"/>
    </row>
    <row r="1035708" spans="14:14">
      <c r="N1035708" s="10"/>
    </row>
    <row r="1035709" spans="14:14">
      <c r="N1035709" s="10"/>
    </row>
    <row r="1035710" spans="14:14">
      <c r="N1035710" s="10"/>
    </row>
    <row r="1035711" spans="14:14">
      <c r="N1035711" s="10"/>
    </row>
    <row r="1035712" spans="14:14">
      <c r="N1035712" s="10"/>
    </row>
    <row r="1035713" spans="14:14">
      <c r="N1035713" s="10"/>
    </row>
    <row r="1035714" spans="14:14">
      <c r="N1035714" s="10"/>
    </row>
    <row r="1035715" spans="14:14">
      <c r="N1035715" s="10"/>
    </row>
    <row r="1035716" spans="14:14">
      <c r="N1035716" s="10"/>
    </row>
    <row r="1035717" spans="14:14">
      <c r="N1035717" s="10"/>
    </row>
    <row r="1035718" spans="14:14">
      <c r="N1035718" s="10"/>
    </row>
    <row r="1035719" spans="14:14">
      <c r="N1035719" s="10"/>
    </row>
    <row r="1035720" spans="14:14">
      <c r="N1035720" s="10"/>
    </row>
    <row r="1035721" spans="14:14">
      <c r="N1035721" s="10"/>
    </row>
    <row r="1035722" spans="14:14">
      <c r="N1035722" s="10"/>
    </row>
    <row r="1035723" spans="14:14">
      <c r="N1035723" s="10"/>
    </row>
    <row r="1035724" spans="14:14">
      <c r="N1035724" s="10"/>
    </row>
    <row r="1035725" spans="14:14">
      <c r="N1035725" s="10"/>
    </row>
    <row r="1035726" spans="14:14">
      <c r="N1035726" s="10"/>
    </row>
    <row r="1035727" spans="14:14">
      <c r="N1035727" s="10"/>
    </row>
    <row r="1035728" spans="14:14">
      <c r="N1035728" s="10"/>
    </row>
    <row r="1035729" spans="14:14">
      <c r="N1035729" s="10"/>
    </row>
    <row r="1035730" spans="14:14">
      <c r="N1035730" s="10"/>
    </row>
    <row r="1035731" spans="14:14">
      <c r="N1035731" s="10"/>
    </row>
    <row r="1035732" spans="14:14">
      <c r="N1035732" s="10"/>
    </row>
    <row r="1035733" spans="14:14">
      <c r="N1035733" s="10"/>
    </row>
    <row r="1035734" spans="14:14">
      <c r="N1035734" s="10"/>
    </row>
    <row r="1035735" spans="14:14">
      <c r="N1035735" s="10"/>
    </row>
    <row r="1035736" spans="14:14">
      <c r="N1035736" s="10"/>
    </row>
    <row r="1035737" spans="14:14">
      <c r="N1035737" s="10"/>
    </row>
    <row r="1035738" spans="14:14">
      <c r="N1035738" s="10"/>
    </row>
    <row r="1035739" spans="14:14">
      <c r="N1035739" s="10"/>
    </row>
    <row r="1035740" spans="14:14">
      <c r="N1035740" s="10"/>
    </row>
    <row r="1035741" spans="14:14">
      <c r="N1035741" s="10"/>
    </row>
    <row r="1035742" spans="14:14">
      <c r="N1035742" s="10"/>
    </row>
    <row r="1035743" spans="14:14">
      <c r="N1035743" s="10"/>
    </row>
    <row r="1035744" spans="14:14">
      <c r="N1035744" s="10"/>
    </row>
    <row r="1035745" spans="14:14">
      <c r="N1035745" s="10"/>
    </row>
    <row r="1035746" spans="14:14">
      <c r="N1035746" s="10"/>
    </row>
    <row r="1035747" spans="14:14">
      <c r="N1035747" s="10"/>
    </row>
    <row r="1035748" spans="14:14">
      <c r="N1035748" s="10"/>
    </row>
    <row r="1035749" spans="14:14">
      <c r="N1035749" s="10"/>
    </row>
    <row r="1035750" spans="14:14">
      <c r="N1035750" s="10"/>
    </row>
    <row r="1035751" spans="14:14">
      <c r="N1035751" s="10"/>
    </row>
    <row r="1035752" spans="14:14">
      <c r="N1035752" s="10"/>
    </row>
    <row r="1035753" spans="14:14">
      <c r="N1035753" s="10"/>
    </row>
    <row r="1035754" spans="14:14">
      <c r="N1035754" s="10"/>
    </row>
    <row r="1035755" spans="14:14">
      <c r="N1035755" s="10"/>
    </row>
    <row r="1035756" spans="14:14">
      <c r="N1035756" s="10"/>
    </row>
    <row r="1035757" spans="14:14">
      <c r="N1035757" s="10"/>
    </row>
    <row r="1035758" spans="14:14">
      <c r="N1035758" s="10"/>
    </row>
    <row r="1035759" spans="14:14">
      <c r="N1035759" s="10"/>
    </row>
    <row r="1035760" spans="14:14">
      <c r="N1035760" s="10"/>
    </row>
    <row r="1035761" spans="14:14">
      <c r="N1035761" s="10"/>
    </row>
    <row r="1035762" spans="14:14">
      <c r="N1035762" s="10"/>
    </row>
    <row r="1035763" spans="14:14">
      <c r="N1035763" s="10"/>
    </row>
    <row r="1035764" spans="14:14">
      <c r="N1035764" s="10"/>
    </row>
    <row r="1035765" spans="14:14">
      <c r="N1035765" s="10"/>
    </row>
    <row r="1035766" spans="14:14">
      <c r="N1035766" s="10"/>
    </row>
    <row r="1035767" spans="14:14">
      <c r="N1035767" s="10"/>
    </row>
    <row r="1035768" spans="14:14">
      <c r="N1035768" s="10"/>
    </row>
    <row r="1035769" spans="14:14">
      <c r="N1035769" s="10"/>
    </row>
    <row r="1035770" spans="14:14">
      <c r="N1035770" s="10"/>
    </row>
    <row r="1035771" spans="14:14">
      <c r="N1035771" s="10"/>
    </row>
    <row r="1035772" spans="14:14">
      <c r="N1035772" s="10"/>
    </row>
    <row r="1035773" spans="14:14">
      <c r="N1035773" s="10"/>
    </row>
    <row r="1035774" spans="14:14">
      <c r="N1035774" s="10"/>
    </row>
    <row r="1035775" spans="14:14">
      <c r="N1035775" s="10"/>
    </row>
    <row r="1035776" spans="14:14">
      <c r="N1035776" s="10"/>
    </row>
    <row r="1035777" spans="14:14">
      <c r="N1035777" s="10"/>
    </row>
    <row r="1035778" spans="14:14">
      <c r="N1035778" s="10"/>
    </row>
    <row r="1035779" spans="14:14">
      <c r="N1035779" s="10"/>
    </row>
    <row r="1035780" spans="14:14">
      <c r="N1035780" s="10"/>
    </row>
    <row r="1035781" spans="14:14">
      <c r="N1035781" s="10"/>
    </row>
    <row r="1035782" spans="14:14">
      <c r="N1035782" s="10"/>
    </row>
    <row r="1035783" spans="14:14">
      <c r="N1035783" s="10"/>
    </row>
    <row r="1035784" spans="14:14">
      <c r="N1035784" s="10"/>
    </row>
    <row r="1035785" spans="14:14">
      <c r="N1035785" s="10"/>
    </row>
    <row r="1035786" spans="14:14">
      <c r="N1035786" s="10"/>
    </row>
    <row r="1035787" spans="14:14">
      <c r="N1035787" s="10"/>
    </row>
    <row r="1035788" spans="14:14">
      <c r="N1035788" s="10"/>
    </row>
    <row r="1035789" spans="14:14">
      <c r="N1035789" s="10"/>
    </row>
    <row r="1035790" spans="14:14">
      <c r="N1035790" s="10"/>
    </row>
    <row r="1035791" spans="14:14">
      <c r="N1035791" s="10"/>
    </row>
    <row r="1035792" spans="14:14">
      <c r="N1035792" s="10"/>
    </row>
    <row r="1035793" spans="14:14">
      <c r="N1035793" s="10"/>
    </row>
    <row r="1035794" spans="14:14">
      <c r="N1035794" s="10"/>
    </row>
    <row r="1035795" spans="14:14">
      <c r="N1035795" s="10"/>
    </row>
    <row r="1035796" spans="14:14">
      <c r="N1035796" s="10"/>
    </row>
    <row r="1035797" spans="14:14">
      <c r="N1035797" s="10"/>
    </row>
    <row r="1035798" spans="14:14">
      <c r="N1035798" s="10"/>
    </row>
    <row r="1035799" spans="14:14">
      <c r="N1035799" s="10"/>
    </row>
    <row r="1035800" spans="14:14">
      <c r="N1035800" s="10"/>
    </row>
    <row r="1035801" spans="14:14">
      <c r="N1035801" s="10"/>
    </row>
    <row r="1035802" spans="14:14">
      <c r="N1035802" s="10"/>
    </row>
    <row r="1035803" spans="14:14">
      <c r="N1035803" s="10"/>
    </row>
    <row r="1035804" spans="14:14">
      <c r="N1035804" s="10"/>
    </row>
    <row r="1035805" spans="14:14">
      <c r="N1035805" s="10"/>
    </row>
    <row r="1035806" spans="14:14">
      <c r="N1035806" s="10"/>
    </row>
    <row r="1035807" spans="14:14">
      <c r="N1035807" s="10"/>
    </row>
    <row r="1035808" spans="14:14">
      <c r="N1035808" s="10"/>
    </row>
    <row r="1035809" spans="14:14">
      <c r="N1035809" s="10"/>
    </row>
    <row r="1035810" spans="14:14">
      <c r="N1035810" s="10"/>
    </row>
    <row r="1035811" spans="14:14">
      <c r="N1035811" s="10"/>
    </row>
    <row r="1035812" spans="14:14">
      <c r="N1035812" s="10"/>
    </row>
    <row r="1035813" spans="14:14">
      <c r="N1035813" s="10"/>
    </row>
    <row r="1035814" spans="14:14">
      <c r="N1035814" s="10"/>
    </row>
    <row r="1035815" spans="14:14">
      <c r="N1035815" s="10"/>
    </row>
    <row r="1035816" spans="14:14">
      <c r="N1035816" s="10"/>
    </row>
    <row r="1035817" spans="14:14">
      <c r="N1035817" s="10"/>
    </row>
    <row r="1035818" spans="14:14">
      <c r="N1035818" s="10"/>
    </row>
    <row r="1035819" spans="14:14">
      <c r="N1035819" s="10"/>
    </row>
    <row r="1035820" spans="14:14">
      <c r="N1035820" s="10"/>
    </row>
    <row r="1035821" spans="14:14">
      <c r="N1035821" s="10"/>
    </row>
    <row r="1035822" spans="14:14">
      <c r="N1035822" s="10"/>
    </row>
    <row r="1035823" spans="14:14">
      <c r="N1035823" s="10"/>
    </row>
    <row r="1035824" spans="14:14">
      <c r="N1035824" s="10"/>
    </row>
    <row r="1035825" spans="14:14">
      <c r="N1035825" s="10"/>
    </row>
    <row r="1035826" spans="14:14">
      <c r="N1035826" s="10"/>
    </row>
    <row r="1035827" spans="14:14">
      <c r="N1035827" s="10"/>
    </row>
    <row r="1035828" spans="14:14">
      <c r="N1035828" s="10"/>
    </row>
    <row r="1035829" spans="14:14">
      <c r="N1035829" s="10"/>
    </row>
    <row r="1035830" spans="14:14">
      <c r="N1035830" s="10"/>
    </row>
    <row r="1035831" spans="14:14">
      <c r="N1035831" s="10"/>
    </row>
    <row r="1035832" spans="14:14">
      <c r="N1035832" s="10"/>
    </row>
    <row r="1035833" spans="14:14">
      <c r="N1035833" s="10"/>
    </row>
    <row r="1035834" spans="14:14">
      <c r="N1035834" s="10"/>
    </row>
    <row r="1035835" spans="14:14">
      <c r="N1035835" s="10"/>
    </row>
    <row r="1035836" spans="14:14">
      <c r="N1035836" s="10"/>
    </row>
    <row r="1035837" spans="14:14">
      <c r="N1035837" s="10"/>
    </row>
    <row r="1035838" spans="14:14">
      <c r="N1035838" s="10"/>
    </row>
    <row r="1035839" spans="14:14">
      <c r="N1035839" s="10"/>
    </row>
    <row r="1035840" spans="14:14">
      <c r="N1035840" s="10"/>
    </row>
    <row r="1035841" spans="14:14">
      <c r="N1035841" s="10"/>
    </row>
    <row r="1035842" spans="14:14">
      <c r="N1035842" s="10"/>
    </row>
    <row r="1035843" spans="14:14">
      <c r="N1035843" s="10"/>
    </row>
    <row r="1035844" spans="14:14">
      <c r="N1035844" s="10"/>
    </row>
    <row r="1035845" spans="14:14">
      <c r="N1035845" s="10"/>
    </row>
    <row r="1035846" spans="14:14">
      <c r="N1035846" s="10"/>
    </row>
    <row r="1035847" spans="14:14">
      <c r="N1035847" s="10"/>
    </row>
    <row r="1035848" spans="14:14">
      <c r="N1035848" s="10"/>
    </row>
    <row r="1035849" spans="14:14">
      <c r="N1035849" s="10"/>
    </row>
    <row r="1035850" spans="14:14">
      <c r="N1035850" s="10"/>
    </row>
    <row r="1035851" spans="14:14">
      <c r="N1035851" s="10"/>
    </row>
    <row r="1035852" spans="14:14">
      <c r="N1035852" s="10"/>
    </row>
    <row r="1035853" spans="14:14">
      <c r="N1035853" s="10"/>
    </row>
    <row r="1035854" spans="14:14">
      <c r="N1035854" s="10"/>
    </row>
    <row r="1035855" spans="14:14">
      <c r="N1035855" s="10"/>
    </row>
    <row r="1035856" spans="14:14">
      <c r="N1035856" s="10"/>
    </row>
    <row r="1035857" spans="14:14">
      <c r="N1035857" s="10"/>
    </row>
    <row r="1035858" spans="14:14">
      <c r="N1035858" s="10"/>
    </row>
    <row r="1035859" spans="14:14">
      <c r="N1035859" s="10"/>
    </row>
    <row r="1035860" spans="14:14">
      <c r="N1035860" s="10"/>
    </row>
    <row r="1035861" spans="14:14">
      <c r="N1035861" s="10"/>
    </row>
    <row r="1035862" spans="14:14">
      <c r="N1035862" s="10"/>
    </row>
    <row r="1035863" spans="14:14">
      <c r="N1035863" s="10"/>
    </row>
    <row r="1035864" spans="14:14">
      <c r="N1035864" s="10"/>
    </row>
    <row r="1035865" spans="14:14">
      <c r="N1035865" s="10"/>
    </row>
    <row r="1035866" spans="14:14">
      <c r="N1035866" s="10"/>
    </row>
    <row r="1035867" spans="14:14">
      <c r="N1035867" s="10"/>
    </row>
    <row r="1035868" spans="14:14">
      <c r="N1035868" s="10"/>
    </row>
    <row r="1035869" spans="14:14">
      <c r="N1035869" s="10"/>
    </row>
    <row r="1035870" spans="14:14">
      <c r="N1035870" s="10"/>
    </row>
    <row r="1035871" spans="14:14">
      <c r="N1035871" s="10"/>
    </row>
    <row r="1035872" spans="14:14">
      <c r="N1035872" s="10"/>
    </row>
    <row r="1035873" spans="14:14">
      <c r="N1035873" s="10"/>
    </row>
    <row r="1035874" spans="14:14">
      <c r="N1035874" s="10"/>
    </row>
    <row r="1035875" spans="14:14">
      <c r="N1035875" s="10"/>
    </row>
    <row r="1035876" spans="14:14">
      <c r="N1035876" s="10"/>
    </row>
    <row r="1035877" spans="14:14">
      <c r="N1035877" s="10"/>
    </row>
    <row r="1035878" spans="14:14">
      <c r="N1035878" s="10"/>
    </row>
    <row r="1035879" spans="14:14">
      <c r="N1035879" s="10"/>
    </row>
    <row r="1035880" spans="14:14">
      <c r="N1035880" s="10"/>
    </row>
    <row r="1035881" spans="14:14">
      <c r="N1035881" s="10"/>
    </row>
    <row r="1035882" spans="14:14">
      <c r="N1035882" s="10"/>
    </row>
    <row r="1035883" spans="14:14">
      <c r="N1035883" s="10"/>
    </row>
    <row r="1035884" spans="14:14">
      <c r="N1035884" s="10"/>
    </row>
    <row r="1035885" spans="14:14">
      <c r="N1035885" s="10"/>
    </row>
    <row r="1035886" spans="14:14">
      <c r="N1035886" s="10"/>
    </row>
    <row r="1035887" spans="14:14">
      <c r="N1035887" s="10"/>
    </row>
    <row r="1035888" spans="14:14">
      <c r="N1035888" s="10"/>
    </row>
    <row r="1035889" spans="14:14">
      <c r="N1035889" s="10"/>
    </row>
    <row r="1035890" spans="14:14">
      <c r="N1035890" s="10"/>
    </row>
    <row r="1035891" spans="14:14">
      <c r="N1035891" s="10"/>
    </row>
    <row r="1035892" spans="14:14">
      <c r="N1035892" s="10"/>
    </row>
    <row r="1035893" spans="14:14">
      <c r="N1035893" s="10"/>
    </row>
    <row r="1035894" spans="14:14">
      <c r="N1035894" s="10"/>
    </row>
    <row r="1035895" spans="14:14">
      <c r="N1035895" s="10"/>
    </row>
    <row r="1035896" spans="14:14">
      <c r="N1035896" s="10"/>
    </row>
    <row r="1035897" spans="14:14">
      <c r="N1035897" s="10"/>
    </row>
    <row r="1035898" spans="14:14">
      <c r="N1035898" s="10"/>
    </row>
    <row r="1035899" spans="14:14">
      <c r="N1035899" s="10"/>
    </row>
    <row r="1035900" spans="14:14">
      <c r="N1035900" s="10"/>
    </row>
    <row r="1035901" spans="14:14">
      <c r="N1035901" s="10"/>
    </row>
    <row r="1035902" spans="14:14">
      <c r="N1035902" s="10"/>
    </row>
    <row r="1035903" spans="14:14">
      <c r="N1035903" s="10"/>
    </row>
    <row r="1035904" spans="14:14">
      <c r="N1035904" s="10"/>
    </row>
    <row r="1035905" spans="14:14">
      <c r="N1035905" s="10"/>
    </row>
    <row r="1035906" spans="14:14">
      <c r="N1035906" s="10"/>
    </row>
    <row r="1035907" spans="14:14">
      <c r="N1035907" s="10"/>
    </row>
    <row r="1035908" spans="14:14">
      <c r="N1035908" s="10"/>
    </row>
    <row r="1035909" spans="14:14">
      <c r="N1035909" s="10"/>
    </row>
    <row r="1035910" spans="14:14">
      <c r="N1035910" s="10"/>
    </row>
    <row r="1035911" spans="14:14">
      <c r="N1035911" s="10"/>
    </row>
    <row r="1035912" spans="14:14">
      <c r="N1035912" s="10"/>
    </row>
    <row r="1035913" spans="14:14">
      <c r="N1035913" s="10"/>
    </row>
    <row r="1035914" spans="14:14">
      <c r="N1035914" s="10"/>
    </row>
    <row r="1035915" spans="14:14">
      <c r="N1035915" s="10"/>
    </row>
    <row r="1035916" spans="14:14">
      <c r="N1035916" s="10"/>
    </row>
    <row r="1035917" spans="14:14">
      <c r="N1035917" s="10"/>
    </row>
    <row r="1035918" spans="14:14">
      <c r="N1035918" s="10"/>
    </row>
    <row r="1035919" spans="14:14">
      <c r="N1035919" s="10"/>
    </row>
    <row r="1035920" spans="14:14">
      <c r="N1035920" s="10"/>
    </row>
    <row r="1035921" spans="14:14">
      <c r="N1035921" s="10"/>
    </row>
    <row r="1035922" spans="14:14">
      <c r="N1035922" s="10"/>
    </row>
    <row r="1035923" spans="14:14">
      <c r="N1035923" s="10"/>
    </row>
    <row r="1035924" spans="14:14">
      <c r="N1035924" s="10"/>
    </row>
    <row r="1035925" spans="14:14">
      <c r="N1035925" s="10"/>
    </row>
    <row r="1035926" spans="14:14">
      <c r="N1035926" s="10"/>
    </row>
    <row r="1035927" spans="14:14">
      <c r="N1035927" s="10"/>
    </row>
    <row r="1035928" spans="14:14">
      <c r="N1035928" s="10"/>
    </row>
    <row r="1035929" spans="14:14">
      <c r="N1035929" s="10"/>
    </row>
    <row r="1035930" spans="14:14">
      <c r="N1035930" s="10"/>
    </row>
    <row r="1035931" spans="14:14">
      <c r="N1035931" s="10"/>
    </row>
    <row r="1035932" spans="14:14">
      <c r="N1035932" s="10"/>
    </row>
    <row r="1035933" spans="14:14">
      <c r="N1035933" s="10"/>
    </row>
    <row r="1035934" spans="14:14">
      <c r="N1035934" s="10"/>
    </row>
    <row r="1035935" spans="14:14">
      <c r="N1035935" s="10"/>
    </row>
    <row r="1035936" spans="14:14">
      <c r="N1035936" s="10"/>
    </row>
    <row r="1035937" spans="14:14">
      <c r="N1035937" s="10"/>
    </row>
    <row r="1035938" spans="14:14">
      <c r="N1035938" s="10"/>
    </row>
    <row r="1035939" spans="14:14">
      <c r="N1035939" s="10"/>
    </row>
    <row r="1035940" spans="14:14">
      <c r="N1035940" s="10"/>
    </row>
    <row r="1035941" spans="14:14">
      <c r="N1035941" s="10"/>
    </row>
    <row r="1035942" spans="14:14">
      <c r="N1035942" s="10"/>
    </row>
    <row r="1035943" spans="14:14">
      <c r="N1035943" s="10"/>
    </row>
    <row r="1035944" spans="14:14">
      <c r="N1035944" s="10"/>
    </row>
    <row r="1035945" spans="14:14">
      <c r="N1035945" s="10"/>
    </row>
    <row r="1035946" spans="14:14">
      <c r="N1035946" s="10"/>
    </row>
    <row r="1035947" spans="14:14">
      <c r="N1035947" s="10"/>
    </row>
    <row r="1035948" spans="14:14">
      <c r="N1035948" s="10"/>
    </row>
    <row r="1035949" spans="14:14">
      <c r="N1035949" s="10"/>
    </row>
    <row r="1035950" spans="14:14">
      <c r="N1035950" s="10"/>
    </row>
    <row r="1035951" spans="14:14">
      <c r="N1035951" s="10"/>
    </row>
    <row r="1035952" spans="14:14">
      <c r="N1035952" s="10"/>
    </row>
    <row r="1035953" spans="14:14">
      <c r="N1035953" s="10"/>
    </row>
    <row r="1035954" spans="14:14">
      <c r="N1035954" s="10"/>
    </row>
    <row r="1035955" spans="14:14">
      <c r="N1035955" s="10"/>
    </row>
    <row r="1035956" spans="14:14">
      <c r="N1035956" s="10"/>
    </row>
    <row r="1035957" spans="14:14">
      <c r="N1035957" s="10"/>
    </row>
    <row r="1035958" spans="14:14">
      <c r="N1035958" s="10"/>
    </row>
    <row r="1035959" spans="14:14">
      <c r="N1035959" s="10"/>
    </row>
    <row r="1035960" spans="14:14">
      <c r="N1035960" s="10"/>
    </row>
    <row r="1035961" spans="14:14">
      <c r="N1035961" s="10"/>
    </row>
    <row r="1035962" spans="14:14">
      <c r="N1035962" s="10"/>
    </row>
    <row r="1035963" spans="14:14">
      <c r="N1035963" s="10"/>
    </row>
    <row r="1035964" spans="14:14">
      <c r="N1035964" s="10"/>
    </row>
    <row r="1035965" spans="14:14">
      <c r="N1035965" s="10"/>
    </row>
    <row r="1035966" spans="14:14">
      <c r="N1035966" s="10"/>
    </row>
    <row r="1035967" spans="14:14">
      <c r="N1035967" s="10"/>
    </row>
    <row r="1035968" spans="14:14">
      <c r="N1035968" s="10"/>
    </row>
    <row r="1035969" spans="14:14">
      <c r="N1035969" s="10"/>
    </row>
    <row r="1035970" spans="14:14">
      <c r="N1035970" s="10"/>
    </row>
    <row r="1035971" spans="14:14">
      <c r="N1035971" s="10"/>
    </row>
    <row r="1035972" spans="14:14">
      <c r="N1035972" s="10"/>
    </row>
    <row r="1035973" spans="14:14">
      <c r="N1035973" s="10"/>
    </row>
    <row r="1035974" spans="14:14">
      <c r="N1035974" s="10"/>
    </row>
    <row r="1035975" spans="14:14">
      <c r="N1035975" s="10"/>
    </row>
    <row r="1035976" spans="14:14">
      <c r="N1035976" s="10"/>
    </row>
    <row r="1035977" spans="14:14">
      <c r="N1035977" s="10"/>
    </row>
    <row r="1035978" spans="14:14">
      <c r="N1035978" s="10"/>
    </row>
    <row r="1035979" spans="14:14">
      <c r="N1035979" s="10"/>
    </row>
    <row r="1035980" spans="14:14">
      <c r="N1035980" s="10"/>
    </row>
    <row r="1035981" spans="14:14">
      <c r="N1035981" s="10"/>
    </row>
    <row r="1035982" spans="14:14">
      <c r="N1035982" s="10"/>
    </row>
    <row r="1035983" spans="14:14">
      <c r="N1035983" s="10"/>
    </row>
    <row r="1035984" spans="14:14">
      <c r="N1035984" s="10"/>
    </row>
    <row r="1035985" spans="14:14">
      <c r="N1035985" s="10"/>
    </row>
    <row r="1035986" spans="14:14">
      <c r="N1035986" s="10"/>
    </row>
    <row r="1035987" spans="14:14">
      <c r="N1035987" s="10"/>
    </row>
    <row r="1035988" spans="14:14">
      <c r="N1035988" s="10"/>
    </row>
    <row r="1035989" spans="14:14">
      <c r="N1035989" s="10"/>
    </row>
    <row r="1035990" spans="14:14">
      <c r="N1035990" s="10"/>
    </row>
    <row r="1035991" spans="14:14">
      <c r="N1035991" s="10"/>
    </row>
    <row r="1035992" spans="14:14">
      <c r="N1035992" s="10"/>
    </row>
    <row r="1035993" spans="14:14">
      <c r="N1035993" s="10"/>
    </row>
    <row r="1035994" spans="14:14">
      <c r="N1035994" s="10"/>
    </row>
    <row r="1035995" spans="14:14">
      <c r="N1035995" s="10"/>
    </row>
    <row r="1035996" spans="14:14">
      <c r="N1035996" s="10"/>
    </row>
    <row r="1035997" spans="14:14">
      <c r="N1035997" s="10"/>
    </row>
    <row r="1035998" spans="14:14">
      <c r="N1035998" s="10"/>
    </row>
    <row r="1035999" spans="14:14">
      <c r="N1035999" s="10"/>
    </row>
    <row r="1036000" spans="14:14">
      <c r="N1036000" s="10"/>
    </row>
    <row r="1036001" spans="14:14">
      <c r="N1036001" s="10"/>
    </row>
    <row r="1036002" spans="14:14">
      <c r="N1036002" s="10"/>
    </row>
    <row r="1036003" spans="14:14">
      <c r="N1036003" s="10"/>
    </row>
    <row r="1036004" spans="14:14">
      <c r="N1036004" s="10"/>
    </row>
    <row r="1036005" spans="14:14">
      <c r="N1036005" s="10"/>
    </row>
    <row r="1036006" spans="14:14">
      <c r="N1036006" s="10"/>
    </row>
    <row r="1036007" spans="14:14">
      <c r="N1036007" s="10"/>
    </row>
    <row r="1036008" spans="14:14">
      <c r="N1036008" s="10"/>
    </row>
    <row r="1036009" spans="14:14">
      <c r="N1036009" s="10"/>
    </row>
    <row r="1036010" spans="14:14">
      <c r="N1036010" s="10"/>
    </row>
    <row r="1036011" spans="14:14">
      <c r="N1036011" s="10"/>
    </row>
    <row r="1036012" spans="14:14">
      <c r="N1036012" s="10"/>
    </row>
    <row r="1036013" spans="14:14">
      <c r="N1036013" s="10"/>
    </row>
    <row r="1036014" spans="14:14">
      <c r="N1036014" s="10"/>
    </row>
    <row r="1036015" spans="14:14">
      <c r="N1036015" s="10"/>
    </row>
    <row r="1036016" spans="14:14">
      <c r="N1036016" s="10"/>
    </row>
    <row r="1036017" spans="14:14">
      <c r="N1036017" s="10"/>
    </row>
    <row r="1036018" spans="14:14">
      <c r="N1036018" s="10"/>
    </row>
    <row r="1036019" spans="14:14">
      <c r="N1036019" s="10"/>
    </row>
    <row r="1036020" spans="14:14">
      <c r="N1036020" s="10"/>
    </row>
    <row r="1036021" spans="14:14">
      <c r="N1036021" s="10"/>
    </row>
    <row r="1036022" spans="14:14">
      <c r="N1036022" s="10"/>
    </row>
    <row r="1036023" spans="14:14">
      <c r="N1036023" s="10"/>
    </row>
    <row r="1036024" spans="14:14">
      <c r="N1036024" s="10"/>
    </row>
    <row r="1036025" spans="14:14">
      <c r="N1036025" s="10"/>
    </row>
    <row r="1036026" spans="14:14">
      <c r="N1036026" s="10"/>
    </row>
    <row r="1036027" spans="14:14">
      <c r="N1036027" s="10"/>
    </row>
    <row r="1036028" spans="14:14">
      <c r="N1036028" s="10"/>
    </row>
    <row r="1036029" spans="14:14">
      <c r="N1036029" s="10"/>
    </row>
    <row r="1036030" spans="14:14">
      <c r="N1036030" s="10"/>
    </row>
    <row r="1036031" spans="14:14">
      <c r="N1036031" s="10"/>
    </row>
    <row r="1036032" spans="14:14">
      <c r="N1036032" s="10"/>
    </row>
    <row r="1036033" spans="14:14">
      <c r="N1036033" s="10"/>
    </row>
    <row r="1036034" spans="14:14">
      <c r="N1036034" s="10"/>
    </row>
    <row r="1036035" spans="14:14">
      <c r="N1036035" s="10"/>
    </row>
    <row r="1036036" spans="14:14">
      <c r="N1036036" s="10"/>
    </row>
    <row r="1036037" spans="14:14">
      <c r="N1036037" s="10"/>
    </row>
    <row r="1036038" spans="14:14">
      <c r="N1036038" s="10"/>
    </row>
    <row r="1036039" spans="14:14">
      <c r="N1036039" s="10"/>
    </row>
    <row r="1036040" spans="14:14">
      <c r="N1036040" s="10"/>
    </row>
    <row r="1036041" spans="14:14">
      <c r="N1036041" s="10"/>
    </row>
    <row r="1036042" spans="14:14">
      <c r="N1036042" s="10"/>
    </row>
    <row r="1036043" spans="14:14">
      <c r="N1036043" s="10"/>
    </row>
    <row r="1036044" spans="14:14">
      <c r="N1036044" s="10"/>
    </row>
    <row r="1036045" spans="14:14">
      <c r="N1036045" s="10"/>
    </row>
    <row r="1036046" spans="14:14">
      <c r="N1036046" s="10"/>
    </row>
    <row r="1036047" spans="14:14">
      <c r="N1036047" s="10"/>
    </row>
    <row r="1036048" spans="14:14">
      <c r="N1036048" s="10"/>
    </row>
    <row r="1036049" spans="14:14">
      <c r="N1036049" s="10"/>
    </row>
    <row r="1036050" spans="14:14">
      <c r="N1036050" s="10"/>
    </row>
    <row r="1036051" spans="14:14">
      <c r="N1036051" s="10"/>
    </row>
    <row r="1036052" spans="14:14">
      <c r="N1036052" s="10"/>
    </row>
    <row r="1036053" spans="14:14">
      <c r="N1036053" s="10"/>
    </row>
    <row r="1036054" spans="14:14">
      <c r="N1036054" s="10"/>
    </row>
    <row r="1036055" spans="14:14">
      <c r="N1036055" s="10"/>
    </row>
    <row r="1036056" spans="14:14">
      <c r="N1036056" s="10"/>
    </row>
    <row r="1036057" spans="14:14">
      <c r="N1036057" s="10"/>
    </row>
    <row r="1036058" spans="14:14">
      <c r="N1036058" s="10"/>
    </row>
    <row r="1036059" spans="14:14">
      <c r="N1036059" s="10"/>
    </row>
    <row r="1036060" spans="14:14">
      <c r="N1036060" s="10"/>
    </row>
    <row r="1036061" spans="14:14">
      <c r="N1036061" s="10"/>
    </row>
    <row r="1036062" spans="14:14">
      <c r="N1036062" s="10"/>
    </row>
    <row r="1036063" spans="14:14">
      <c r="N1036063" s="10"/>
    </row>
    <row r="1036064" spans="14:14">
      <c r="N1036064" s="10"/>
    </row>
    <row r="1036065" spans="14:14">
      <c r="N1036065" s="10"/>
    </row>
    <row r="1036066" spans="14:14">
      <c r="N1036066" s="10"/>
    </row>
    <row r="1036067" spans="14:14">
      <c r="N1036067" s="10"/>
    </row>
    <row r="1036068" spans="14:14">
      <c r="N1036068" s="10"/>
    </row>
    <row r="1036069" spans="14:14">
      <c r="N1036069" s="10"/>
    </row>
    <row r="1036070" spans="14:14">
      <c r="N1036070" s="10"/>
    </row>
    <row r="1036071" spans="14:14">
      <c r="N1036071" s="10"/>
    </row>
    <row r="1036072" spans="14:14">
      <c r="N1036072" s="10"/>
    </row>
    <row r="1036073" spans="14:14">
      <c r="N1036073" s="10"/>
    </row>
    <row r="1036074" spans="14:14">
      <c r="N1036074" s="10"/>
    </row>
    <row r="1036075" spans="14:14">
      <c r="N1036075" s="10"/>
    </row>
    <row r="1036076" spans="14:14">
      <c r="N1036076" s="10"/>
    </row>
    <row r="1036077" spans="14:14">
      <c r="N1036077" s="10"/>
    </row>
    <row r="1036078" spans="14:14">
      <c r="N1036078" s="10"/>
    </row>
    <row r="1036079" spans="14:14">
      <c r="N1036079" s="10"/>
    </row>
    <row r="1036080" spans="14:14">
      <c r="N1036080" s="10"/>
    </row>
    <row r="1036081" spans="14:14">
      <c r="N1036081" s="10"/>
    </row>
    <row r="1036082" spans="14:14">
      <c r="N1036082" s="10"/>
    </row>
    <row r="1036083" spans="14:14">
      <c r="N1036083" s="10"/>
    </row>
    <row r="1036084" spans="14:14">
      <c r="N1036084" s="10"/>
    </row>
    <row r="1036085" spans="14:14">
      <c r="N1036085" s="10"/>
    </row>
    <row r="1036086" spans="14:14">
      <c r="N1036086" s="10"/>
    </row>
    <row r="1036087" spans="14:14">
      <c r="N1036087" s="10"/>
    </row>
    <row r="1036088" spans="14:14">
      <c r="N1036088" s="10"/>
    </row>
    <row r="1036089" spans="14:14">
      <c r="N1036089" s="10"/>
    </row>
    <row r="1036090" spans="14:14">
      <c r="N1036090" s="10"/>
    </row>
    <row r="1036091" spans="14:14">
      <c r="N1036091" s="10"/>
    </row>
    <row r="1036092" spans="14:14">
      <c r="N1036092" s="10"/>
    </row>
    <row r="1036093" spans="14:14">
      <c r="N1036093" s="10"/>
    </row>
    <row r="1036094" spans="14:14">
      <c r="N1036094" s="10"/>
    </row>
    <row r="1036095" spans="14:14">
      <c r="N1036095" s="10"/>
    </row>
    <row r="1036096" spans="14:14">
      <c r="N1036096" s="10"/>
    </row>
    <row r="1036097" spans="14:14">
      <c r="N1036097" s="10"/>
    </row>
    <row r="1036098" spans="14:14">
      <c r="N1036098" s="10"/>
    </row>
    <row r="1036099" spans="14:14">
      <c r="N1036099" s="10"/>
    </row>
    <row r="1036100" spans="14:14">
      <c r="N1036100" s="10"/>
    </row>
    <row r="1036101" spans="14:14">
      <c r="N1036101" s="10"/>
    </row>
    <row r="1036102" spans="14:14">
      <c r="N1036102" s="10"/>
    </row>
    <row r="1036103" spans="14:14">
      <c r="N1036103" s="10"/>
    </row>
    <row r="1036104" spans="14:14">
      <c r="N1036104" s="10"/>
    </row>
    <row r="1036105" spans="14:14">
      <c r="N1036105" s="10"/>
    </row>
    <row r="1036106" spans="14:14">
      <c r="N1036106" s="10"/>
    </row>
    <row r="1036107" spans="14:14">
      <c r="N1036107" s="10"/>
    </row>
    <row r="1036108" spans="14:14">
      <c r="N1036108" s="10"/>
    </row>
    <row r="1036109" spans="14:14">
      <c r="N1036109" s="10"/>
    </row>
    <row r="1036110" spans="14:14">
      <c r="N1036110" s="10"/>
    </row>
    <row r="1036111" spans="14:14">
      <c r="N1036111" s="10"/>
    </row>
    <row r="1036112" spans="14:14">
      <c r="N1036112" s="10"/>
    </row>
    <row r="1036113" spans="14:14">
      <c r="N1036113" s="10"/>
    </row>
    <row r="1036114" spans="14:14">
      <c r="N1036114" s="10"/>
    </row>
    <row r="1036115" spans="14:14">
      <c r="N1036115" s="10"/>
    </row>
    <row r="1036116" spans="14:14">
      <c r="N1036116" s="10"/>
    </row>
    <row r="1036117" spans="14:14">
      <c r="N1036117" s="10"/>
    </row>
    <row r="1036118" spans="14:14">
      <c r="N1036118" s="10"/>
    </row>
    <row r="1036119" spans="14:14">
      <c r="N1036119" s="10"/>
    </row>
    <row r="1036120" spans="14:14">
      <c r="N1036120" s="10"/>
    </row>
    <row r="1036121" spans="14:14">
      <c r="N1036121" s="10"/>
    </row>
    <row r="1036122" spans="14:14">
      <c r="N1036122" s="10"/>
    </row>
    <row r="1036123" spans="14:14">
      <c r="N1036123" s="10"/>
    </row>
    <row r="1036124" spans="14:14">
      <c r="N1036124" s="10"/>
    </row>
    <row r="1036125" spans="14:14">
      <c r="N1036125" s="10"/>
    </row>
    <row r="1036126" spans="14:14">
      <c r="N1036126" s="10"/>
    </row>
    <row r="1036127" spans="14:14">
      <c r="N1036127" s="10"/>
    </row>
    <row r="1036128" spans="14:14">
      <c r="N1036128" s="10"/>
    </row>
    <row r="1036129" spans="14:14">
      <c r="N1036129" s="10"/>
    </row>
    <row r="1036130" spans="14:14">
      <c r="N1036130" s="10"/>
    </row>
    <row r="1036131" spans="14:14">
      <c r="N1036131" s="10"/>
    </row>
    <row r="1036132" spans="14:14">
      <c r="N1036132" s="10"/>
    </row>
    <row r="1036133" spans="14:14">
      <c r="N1036133" s="10"/>
    </row>
    <row r="1036134" spans="14:14">
      <c r="N1036134" s="10"/>
    </row>
    <row r="1036135" spans="14:14">
      <c r="N1036135" s="10"/>
    </row>
    <row r="1036136" spans="14:14">
      <c r="N1036136" s="10"/>
    </row>
    <row r="1036137" spans="14:14">
      <c r="N1036137" s="10"/>
    </row>
    <row r="1036138" spans="14:14">
      <c r="N1036138" s="10"/>
    </row>
    <row r="1036139" spans="14:14">
      <c r="N1036139" s="10"/>
    </row>
    <row r="1036140" spans="14:14">
      <c r="N1036140" s="10"/>
    </row>
    <row r="1036141" spans="14:14">
      <c r="N1036141" s="10"/>
    </row>
    <row r="1036142" spans="14:14">
      <c r="N1036142" s="10"/>
    </row>
    <row r="1036143" spans="14:14">
      <c r="N1036143" s="10"/>
    </row>
    <row r="1036144" spans="14:14">
      <c r="N1036144" s="10"/>
    </row>
    <row r="1036145" spans="14:14">
      <c r="N1036145" s="10"/>
    </row>
    <row r="1036146" spans="14:14">
      <c r="N1036146" s="10"/>
    </row>
    <row r="1036147" spans="14:14">
      <c r="N1036147" s="10"/>
    </row>
    <row r="1036148" spans="14:14">
      <c r="N1036148" s="10"/>
    </row>
    <row r="1036149" spans="14:14">
      <c r="N1036149" s="10"/>
    </row>
    <row r="1036150" spans="14:14">
      <c r="N1036150" s="10"/>
    </row>
    <row r="1036151" spans="14:14">
      <c r="N1036151" s="10"/>
    </row>
    <row r="1036152" spans="14:14">
      <c r="N1036152" s="10"/>
    </row>
    <row r="1036153" spans="14:14">
      <c r="N1036153" s="10"/>
    </row>
    <row r="1036154" spans="14:14">
      <c r="N1036154" s="10"/>
    </row>
    <row r="1036155" spans="14:14">
      <c r="N1036155" s="10"/>
    </row>
    <row r="1036156" spans="14:14">
      <c r="N1036156" s="10"/>
    </row>
    <row r="1036157" spans="14:14">
      <c r="N1036157" s="10"/>
    </row>
    <row r="1036158" spans="14:14">
      <c r="N1036158" s="10"/>
    </row>
    <row r="1036159" spans="14:14">
      <c r="N1036159" s="10"/>
    </row>
    <row r="1036160" spans="14:14">
      <c r="N1036160" s="10"/>
    </row>
    <row r="1036161" spans="14:14">
      <c r="N1036161" s="10"/>
    </row>
    <row r="1036162" spans="14:14">
      <c r="N1036162" s="10"/>
    </row>
    <row r="1036163" spans="14:14">
      <c r="N1036163" s="10"/>
    </row>
    <row r="1036164" spans="14:14">
      <c r="N1036164" s="10"/>
    </row>
    <row r="1036165" spans="14:14">
      <c r="N1036165" s="10"/>
    </row>
    <row r="1036166" spans="14:14">
      <c r="N1036166" s="10"/>
    </row>
    <row r="1036167" spans="14:14">
      <c r="N1036167" s="10"/>
    </row>
    <row r="1036168" spans="14:14">
      <c r="N1036168" s="10"/>
    </row>
    <row r="1036169" spans="14:14">
      <c r="N1036169" s="10"/>
    </row>
    <row r="1036170" spans="14:14">
      <c r="N1036170" s="10"/>
    </row>
    <row r="1036171" spans="14:14">
      <c r="N1036171" s="10"/>
    </row>
    <row r="1036172" spans="14:14">
      <c r="N1036172" s="10"/>
    </row>
    <row r="1036173" spans="14:14">
      <c r="N1036173" s="10"/>
    </row>
    <row r="1036174" spans="14:14">
      <c r="N1036174" s="10"/>
    </row>
    <row r="1036175" spans="14:14">
      <c r="N1036175" s="10"/>
    </row>
    <row r="1036176" spans="14:14">
      <c r="N1036176" s="10"/>
    </row>
    <row r="1036177" spans="14:14">
      <c r="N1036177" s="10"/>
    </row>
    <row r="1036178" spans="14:14">
      <c r="N1036178" s="10"/>
    </row>
    <row r="1036179" spans="14:14">
      <c r="N1036179" s="10"/>
    </row>
    <row r="1036180" spans="14:14">
      <c r="N1036180" s="10"/>
    </row>
    <row r="1036181" spans="14:14">
      <c r="N1036181" s="10"/>
    </row>
    <row r="1036182" spans="14:14">
      <c r="N1036182" s="10"/>
    </row>
    <row r="1036183" spans="14:14">
      <c r="N1036183" s="10"/>
    </row>
    <row r="1036184" spans="14:14">
      <c r="N1036184" s="10"/>
    </row>
    <row r="1036185" spans="14:14">
      <c r="N1036185" s="10"/>
    </row>
    <row r="1036186" spans="14:14">
      <c r="N1036186" s="10"/>
    </row>
    <row r="1036187" spans="14:14">
      <c r="N1036187" s="10"/>
    </row>
    <row r="1036188" spans="14:14">
      <c r="N1036188" s="10"/>
    </row>
    <row r="1036189" spans="14:14">
      <c r="N1036189" s="10"/>
    </row>
    <row r="1036190" spans="14:14">
      <c r="N1036190" s="10"/>
    </row>
    <row r="1036191" spans="14:14">
      <c r="N1036191" s="10"/>
    </row>
    <row r="1036192" spans="14:14">
      <c r="N1036192" s="10"/>
    </row>
    <row r="1036193" spans="14:14">
      <c r="N1036193" s="10"/>
    </row>
    <row r="1036194" spans="14:14">
      <c r="N1036194" s="10"/>
    </row>
    <row r="1036195" spans="14:14">
      <c r="N1036195" s="10"/>
    </row>
    <row r="1036196" spans="14:14">
      <c r="N1036196" s="10"/>
    </row>
    <row r="1036197" spans="14:14">
      <c r="N1036197" s="10"/>
    </row>
    <row r="1036198" spans="14:14">
      <c r="N1036198" s="10"/>
    </row>
    <row r="1036199" spans="14:14">
      <c r="N1036199" s="10"/>
    </row>
    <row r="1036200" spans="14:14">
      <c r="N1036200" s="10"/>
    </row>
    <row r="1036201" spans="14:14">
      <c r="N1036201" s="10"/>
    </row>
    <row r="1036202" spans="14:14">
      <c r="N1036202" s="10"/>
    </row>
    <row r="1036203" spans="14:14">
      <c r="N1036203" s="10"/>
    </row>
    <row r="1036204" spans="14:14">
      <c r="N1036204" s="10"/>
    </row>
    <row r="1036205" spans="14:14">
      <c r="N1036205" s="10"/>
    </row>
    <row r="1036206" spans="14:14">
      <c r="N1036206" s="10"/>
    </row>
    <row r="1036207" spans="14:14">
      <c r="N1036207" s="10"/>
    </row>
    <row r="1036208" spans="14:14">
      <c r="N1036208" s="10"/>
    </row>
    <row r="1036209" spans="14:14">
      <c r="N1036209" s="10"/>
    </row>
    <row r="1036210" spans="14:14">
      <c r="N1036210" s="10"/>
    </row>
    <row r="1036211" spans="14:14">
      <c r="N1036211" s="10"/>
    </row>
    <row r="1036212" spans="14:14">
      <c r="N1036212" s="10"/>
    </row>
    <row r="1036213" spans="14:14">
      <c r="N1036213" s="10"/>
    </row>
    <row r="1036214" spans="14:14">
      <c r="N1036214" s="10"/>
    </row>
    <row r="1036215" spans="14:14">
      <c r="N1036215" s="10"/>
    </row>
    <row r="1036216" spans="14:14">
      <c r="N1036216" s="10"/>
    </row>
    <row r="1036217" spans="14:14">
      <c r="N1036217" s="10"/>
    </row>
    <row r="1036218" spans="14:14">
      <c r="N1036218" s="10"/>
    </row>
    <row r="1036219" spans="14:14">
      <c r="N1036219" s="10"/>
    </row>
    <row r="1036220" spans="14:14">
      <c r="N1036220" s="10"/>
    </row>
    <row r="1036221" spans="14:14">
      <c r="N1036221" s="10"/>
    </row>
    <row r="1036222" spans="14:14">
      <c r="N1036222" s="10"/>
    </row>
    <row r="1036223" spans="14:14">
      <c r="N1036223" s="10"/>
    </row>
    <row r="1036224" spans="14:14">
      <c r="N1036224" s="10"/>
    </row>
    <row r="1036225" spans="14:14">
      <c r="N1036225" s="10"/>
    </row>
    <row r="1036226" spans="14:14">
      <c r="N1036226" s="10"/>
    </row>
    <row r="1036227" spans="14:14">
      <c r="N1036227" s="10"/>
    </row>
    <row r="1036228" spans="14:14">
      <c r="N1036228" s="10"/>
    </row>
    <row r="1036229" spans="14:14">
      <c r="N1036229" s="10"/>
    </row>
    <row r="1036230" spans="14:14">
      <c r="N1036230" s="10"/>
    </row>
    <row r="1036231" spans="14:14">
      <c r="N1036231" s="10"/>
    </row>
    <row r="1036232" spans="14:14">
      <c r="N1036232" s="10"/>
    </row>
    <row r="1036233" spans="14:14">
      <c r="N1036233" s="10"/>
    </row>
    <row r="1036234" spans="14:14">
      <c r="N1036234" s="10"/>
    </row>
    <row r="1036235" spans="14:14">
      <c r="N1036235" s="10"/>
    </row>
    <row r="1036236" spans="14:14">
      <c r="N1036236" s="10"/>
    </row>
    <row r="1036237" spans="14:14">
      <c r="N1036237" s="10"/>
    </row>
    <row r="1036238" spans="14:14">
      <c r="N1036238" s="10"/>
    </row>
    <row r="1036239" spans="14:14">
      <c r="N1036239" s="10"/>
    </row>
    <row r="1036240" spans="14:14">
      <c r="N1036240" s="10"/>
    </row>
    <row r="1036241" spans="14:14">
      <c r="N1036241" s="10"/>
    </row>
    <row r="1036242" spans="14:14">
      <c r="N1036242" s="10"/>
    </row>
    <row r="1036243" spans="14:14">
      <c r="N1036243" s="10"/>
    </row>
    <row r="1036244" spans="14:14">
      <c r="N1036244" s="10"/>
    </row>
    <row r="1036245" spans="14:14">
      <c r="N1036245" s="10"/>
    </row>
    <row r="1036246" spans="14:14">
      <c r="N1036246" s="10"/>
    </row>
    <row r="1036247" spans="14:14">
      <c r="N1036247" s="10"/>
    </row>
    <row r="1036248" spans="14:14">
      <c r="N1036248" s="10"/>
    </row>
    <row r="1036249" spans="14:14">
      <c r="N1036249" s="10"/>
    </row>
    <row r="1036250" spans="14:14">
      <c r="N1036250" s="10"/>
    </row>
    <row r="1036251" spans="14:14">
      <c r="N1036251" s="10"/>
    </row>
    <row r="1036252" spans="14:14">
      <c r="N1036252" s="10"/>
    </row>
    <row r="1036253" spans="14:14">
      <c r="N1036253" s="10"/>
    </row>
    <row r="1036254" spans="14:14">
      <c r="N1036254" s="10"/>
    </row>
    <row r="1036255" spans="14:14">
      <c r="N1036255" s="10"/>
    </row>
    <row r="1036256" spans="14:14">
      <c r="N1036256" s="10"/>
    </row>
    <row r="1036257" spans="14:14">
      <c r="N1036257" s="10"/>
    </row>
    <row r="1036258" spans="14:14">
      <c r="N1036258" s="10"/>
    </row>
    <row r="1036259" spans="14:14">
      <c r="N1036259" s="10"/>
    </row>
    <row r="1036260" spans="14:14">
      <c r="N1036260" s="10"/>
    </row>
    <row r="1036261" spans="14:14">
      <c r="N1036261" s="10"/>
    </row>
    <row r="1036262" spans="14:14">
      <c r="N1036262" s="10"/>
    </row>
    <row r="1036263" spans="14:14">
      <c r="N1036263" s="10"/>
    </row>
    <row r="1036264" spans="14:14">
      <c r="N1036264" s="10"/>
    </row>
    <row r="1036265" spans="14:14">
      <c r="N1036265" s="10"/>
    </row>
    <row r="1036266" spans="14:14">
      <c r="N1036266" s="10"/>
    </row>
    <row r="1036267" spans="14:14">
      <c r="N1036267" s="10"/>
    </row>
    <row r="1036268" spans="14:14">
      <c r="N1036268" s="10"/>
    </row>
    <row r="1036269" spans="14:14">
      <c r="N1036269" s="10"/>
    </row>
    <row r="1036270" spans="14:14">
      <c r="N1036270" s="10"/>
    </row>
    <row r="1036271" spans="14:14">
      <c r="N1036271" s="10"/>
    </row>
    <row r="1036272" spans="14:14">
      <c r="N1036272" s="10"/>
    </row>
    <row r="1036273" spans="14:14">
      <c r="N1036273" s="10"/>
    </row>
    <row r="1036274" spans="14:14">
      <c r="N1036274" s="10"/>
    </row>
    <row r="1036275" spans="14:14">
      <c r="N1036275" s="10"/>
    </row>
    <row r="1036276" spans="14:14">
      <c r="N1036276" s="10"/>
    </row>
    <row r="1036277" spans="14:14">
      <c r="N1036277" s="10"/>
    </row>
    <row r="1036278" spans="14:14">
      <c r="N1036278" s="10"/>
    </row>
    <row r="1036279" spans="14:14">
      <c r="N1036279" s="10"/>
    </row>
    <row r="1036280" spans="14:14">
      <c r="N1036280" s="10"/>
    </row>
    <row r="1036281" spans="14:14">
      <c r="N1036281" s="10"/>
    </row>
    <row r="1036282" spans="14:14">
      <c r="N1036282" s="10"/>
    </row>
    <row r="1036283" spans="14:14">
      <c r="N1036283" s="10"/>
    </row>
    <row r="1036284" spans="14:14">
      <c r="N1036284" s="10"/>
    </row>
    <row r="1036285" spans="14:14">
      <c r="N1036285" s="10"/>
    </row>
    <row r="1036286" spans="14:14">
      <c r="N1036286" s="10"/>
    </row>
    <row r="1036287" spans="14:14">
      <c r="N1036287" s="10"/>
    </row>
    <row r="1036288" spans="14:14">
      <c r="N1036288" s="10"/>
    </row>
    <row r="1036289" spans="14:14">
      <c r="N1036289" s="10"/>
    </row>
    <row r="1036290" spans="14:14">
      <c r="N1036290" s="10"/>
    </row>
    <row r="1036291" spans="14:14">
      <c r="N1036291" s="10"/>
    </row>
    <row r="1036292" spans="14:14">
      <c r="N1036292" s="10"/>
    </row>
    <row r="1036293" spans="14:14">
      <c r="N1036293" s="10"/>
    </row>
    <row r="1036294" spans="14:14">
      <c r="N1036294" s="10"/>
    </row>
    <row r="1036295" spans="14:14">
      <c r="N1036295" s="10"/>
    </row>
    <row r="1036296" spans="14:14">
      <c r="N1036296" s="10"/>
    </row>
    <row r="1036297" spans="14:14">
      <c r="N1036297" s="10"/>
    </row>
    <row r="1036298" spans="14:14">
      <c r="N1036298" s="10"/>
    </row>
    <row r="1036299" spans="14:14">
      <c r="N1036299" s="10"/>
    </row>
    <row r="1036300" spans="14:14">
      <c r="N1036300" s="10"/>
    </row>
    <row r="1036301" spans="14:14">
      <c r="N1036301" s="10"/>
    </row>
    <row r="1036302" spans="14:14">
      <c r="N1036302" s="10"/>
    </row>
    <row r="1036303" spans="14:14">
      <c r="N1036303" s="10"/>
    </row>
    <row r="1036304" spans="14:14">
      <c r="N1036304" s="10"/>
    </row>
    <row r="1036305" spans="14:14">
      <c r="N1036305" s="10"/>
    </row>
    <row r="1036306" spans="14:14">
      <c r="N1036306" s="10"/>
    </row>
    <row r="1036307" spans="14:14">
      <c r="N1036307" s="10"/>
    </row>
    <row r="1036308" spans="14:14">
      <c r="N1036308" s="10"/>
    </row>
    <row r="1036309" spans="14:14">
      <c r="N1036309" s="10"/>
    </row>
    <row r="1036310" spans="14:14">
      <c r="N1036310" s="10"/>
    </row>
    <row r="1036311" spans="14:14">
      <c r="N1036311" s="10"/>
    </row>
    <row r="1036312" spans="14:14">
      <c r="N1036312" s="10"/>
    </row>
    <row r="1036313" spans="14:14">
      <c r="N1036313" s="10"/>
    </row>
    <row r="1036314" spans="14:14">
      <c r="N1036314" s="10"/>
    </row>
    <row r="1036315" spans="14:14">
      <c r="N1036315" s="10"/>
    </row>
    <row r="1036316" spans="14:14">
      <c r="N1036316" s="10"/>
    </row>
    <row r="1036317" spans="14:14">
      <c r="N1036317" s="10"/>
    </row>
    <row r="1036318" spans="14:14">
      <c r="N1036318" s="10"/>
    </row>
    <row r="1036319" spans="14:14">
      <c r="N1036319" s="10"/>
    </row>
    <row r="1036320" spans="14:14">
      <c r="N1036320" s="10"/>
    </row>
    <row r="1036321" spans="14:14">
      <c r="N1036321" s="10"/>
    </row>
    <row r="1036322" spans="14:14">
      <c r="N1036322" s="10"/>
    </row>
    <row r="1036323" spans="14:14">
      <c r="N1036323" s="10"/>
    </row>
    <row r="1036324" spans="14:14">
      <c r="N1036324" s="10"/>
    </row>
    <row r="1036325" spans="14:14">
      <c r="N1036325" s="10"/>
    </row>
    <row r="1036326" spans="14:14">
      <c r="N1036326" s="10"/>
    </row>
    <row r="1036327" spans="14:14">
      <c r="N1036327" s="10"/>
    </row>
    <row r="1036328" spans="14:14">
      <c r="N1036328" s="10"/>
    </row>
    <row r="1036329" spans="14:14">
      <c r="N1036329" s="10"/>
    </row>
    <row r="1036330" spans="14:14">
      <c r="N1036330" s="10"/>
    </row>
    <row r="1036331" spans="14:14">
      <c r="N1036331" s="10"/>
    </row>
    <row r="1036332" spans="14:14">
      <c r="N1036332" s="10"/>
    </row>
    <row r="1036333" spans="14:14">
      <c r="N1036333" s="10"/>
    </row>
    <row r="1036334" spans="14:14">
      <c r="N1036334" s="10"/>
    </row>
    <row r="1036335" spans="14:14">
      <c r="N1036335" s="10"/>
    </row>
    <row r="1036336" spans="14:14">
      <c r="N1036336" s="10"/>
    </row>
    <row r="1036337" spans="14:14">
      <c r="N1036337" s="10"/>
    </row>
    <row r="1036338" spans="14:14">
      <c r="N1036338" s="10"/>
    </row>
    <row r="1036339" spans="14:14">
      <c r="N1036339" s="10"/>
    </row>
    <row r="1036340" spans="14:14">
      <c r="N1036340" s="10"/>
    </row>
    <row r="1036341" spans="14:14">
      <c r="N1036341" s="10"/>
    </row>
    <row r="1036342" spans="14:14">
      <c r="N1036342" s="10"/>
    </row>
    <row r="1036343" spans="14:14">
      <c r="N1036343" s="10"/>
    </row>
    <row r="1036344" spans="14:14">
      <c r="N1036344" s="10"/>
    </row>
    <row r="1036345" spans="14:14">
      <c r="N1036345" s="10"/>
    </row>
    <row r="1036346" spans="14:14">
      <c r="N1036346" s="10"/>
    </row>
    <row r="1036347" spans="14:14">
      <c r="N1036347" s="10"/>
    </row>
    <row r="1036348" spans="14:14">
      <c r="N1036348" s="10"/>
    </row>
    <row r="1036349" spans="14:14">
      <c r="N1036349" s="10"/>
    </row>
    <row r="1036350" spans="14:14">
      <c r="N1036350" s="10"/>
    </row>
    <row r="1036351" spans="14:14">
      <c r="N1036351" s="10"/>
    </row>
    <row r="1036352" spans="14:14">
      <c r="N1036352" s="10"/>
    </row>
    <row r="1036353" spans="14:14">
      <c r="N1036353" s="10"/>
    </row>
    <row r="1036354" spans="14:14">
      <c r="N1036354" s="10"/>
    </row>
    <row r="1036355" spans="14:14">
      <c r="N1036355" s="10"/>
    </row>
    <row r="1036356" spans="14:14">
      <c r="N1036356" s="10"/>
    </row>
    <row r="1036357" spans="14:14">
      <c r="N1036357" s="10"/>
    </row>
    <row r="1036358" spans="14:14">
      <c r="N1036358" s="10"/>
    </row>
    <row r="1036359" spans="14:14">
      <c r="N1036359" s="10"/>
    </row>
    <row r="1036360" spans="14:14">
      <c r="N1036360" s="10"/>
    </row>
    <row r="1036361" spans="14:14">
      <c r="N1036361" s="10"/>
    </row>
    <row r="1036362" spans="14:14">
      <c r="N1036362" s="10"/>
    </row>
    <row r="1036363" spans="14:14">
      <c r="N1036363" s="10"/>
    </row>
    <row r="1036364" spans="14:14">
      <c r="N1036364" s="10"/>
    </row>
    <row r="1036365" spans="14:14">
      <c r="N1036365" s="10"/>
    </row>
    <row r="1036366" spans="14:14">
      <c r="N1036366" s="10"/>
    </row>
    <row r="1036367" spans="14:14">
      <c r="N1036367" s="10"/>
    </row>
    <row r="1036368" spans="14:14">
      <c r="N1036368" s="10"/>
    </row>
    <row r="1036369" spans="14:14">
      <c r="N1036369" s="10"/>
    </row>
    <row r="1036370" spans="14:14">
      <c r="N1036370" s="10"/>
    </row>
    <row r="1036371" spans="14:14">
      <c r="N1036371" s="10"/>
    </row>
    <row r="1036372" spans="14:14">
      <c r="N1036372" s="10"/>
    </row>
    <row r="1036373" spans="14:14">
      <c r="N1036373" s="10"/>
    </row>
    <row r="1036374" spans="14:14">
      <c r="N1036374" s="10"/>
    </row>
    <row r="1036375" spans="14:14">
      <c r="N1036375" s="10"/>
    </row>
    <row r="1036376" spans="14:14">
      <c r="N1036376" s="10"/>
    </row>
    <row r="1036377" spans="14:14">
      <c r="N1036377" s="10"/>
    </row>
    <row r="1036378" spans="14:14">
      <c r="N1036378" s="10"/>
    </row>
    <row r="1036379" spans="14:14">
      <c r="N1036379" s="10"/>
    </row>
    <row r="1036380" spans="14:14">
      <c r="N1036380" s="10"/>
    </row>
    <row r="1036381" spans="14:14">
      <c r="N1036381" s="10"/>
    </row>
    <row r="1036382" spans="14:14">
      <c r="N1036382" s="10"/>
    </row>
    <row r="1036383" spans="14:14">
      <c r="N1036383" s="10"/>
    </row>
    <row r="1036384" spans="14:14">
      <c r="N1036384" s="10"/>
    </row>
    <row r="1036385" spans="14:14">
      <c r="N1036385" s="10"/>
    </row>
    <row r="1036386" spans="14:14">
      <c r="N1036386" s="10"/>
    </row>
    <row r="1036387" spans="14:14">
      <c r="N1036387" s="10"/>
    </row>
    <row r="1036388" spans="14:14">
      <c r="N1036388" s="10"/>
    </row>
    <row r="1036389" spans="14:14">
      <c r="N1036389" s="10"/>
    </row>
    <row r="1036390" spans="14:14">
      <c r="N1036390" s="10"/>
    </row>
    <row r="1036391" spans="14:14">
      <c r="N1036391" s="10"/>
    </row>
    <row r="1036392" spans="14:14">
      <c r="N1036392" s="10"/>
    </row>
    <row r="1036393" spans="14:14">
      <c r="N1036393" s="10"/>
    </row>
    <row r="1036394" spans="14:14">
      <c r="N1036394" s="10"/>
    </row>
    <row r="1036395" spans="14:14">
      <c r="N1036395" s="10"/>
    </row>
    <row r="1036396" spans="14:14">
      <c r="N1036396" s="10"/>
    </row>
    <row r="1036397" spans="14:14">
      <c r="N1036397" s="10"/>
    </row>
    <row r="1036398" spans="14:14">
      <c r="N1036398" s="10"/>
    </row>
    <row r="1036399" spans="14:14">
      <c r="N1036399" s="10"/>
    </row>
    <row r="1036400" spans="14:14">
      <c r="N1036400" s="10"/>
    </row>
    <row r="1036401" spans="14:14">
      <c r="N1036401" s="10"/>
    </row>
    <row r="1036402" spans="14:14">
      <c r="N1036402" s="10"/>
    </row>
    <row r="1036403" spans="14:14">
      <c r="N1036403" s="10"/>
    </row>
    <row r="1036404" spans="14:14">
      <c r="N1036404" s="10"/>
    </row>
    <row r="1036405" spans="14:14">
      <c r="N1036405" s="10"/>
    </row>
    <row r="1036406" spans="14:14">
      <c r="N1036406" s="10"/>
    </row>
    <row r="1036407" spans="14:14">
      <c r="N1036407" s="10"/>
    </row>
    <row r="1036408" spans="14:14">
      <c r="N1036408" s="10"/>
    </row>
    <row r="1036409" spans="14:14">
      <c r="N1036409" s="10"/>
    </row>
    <row r="1036410" spans="14:14">
      <c r="N1036410" s="10"/>
    </row>
    <row r="1036411" spans="14:14">
      <c r="N1036411" s="10"/>
    </row>
    <row r="1036412" spans="14:14">
      <c r="N1036412" s="10"/>
    </row>
    <row r="1036413" spans="14:14">
      <c r="N1036413" s="10"/>
    </row>
    <row r="1036414" spans="14:14">
      <c r="N1036414" s="10"/>
    </row>
    <row r="1036415" spans="14:14">
      <c r="N1036415" s="10"/>
    </row>
    <row r="1036416" spans="14:14">
      <c r="N1036416" s="10"/>
    </row>
    <row r="1036417" spans="14:14">
      <c r="N1036417" s="10"/>
    </row>
    <row r="1036418" spans="14:14">
      <c r="N1036418" s="10"/>
    </row>
    <row r="1036419" spans="14:14">
      <c r="N1036419" s="10"/>
    </row>
    <row r="1036420" spans="14:14">
      <c r="N1036420" s="10"/>
    </row>
    <row r="1036421" spans="14:14">
      <c r="N1036421" s="10"/>
    </row>
    <row r="1036422" spans="14:14">
      <c r="N1036422" s="10"/>
    </row>
    <row r="1036423" spans="14:14">
      <c r="N1036423" s="10"/>
    </row>
    <row r="1036424" spans="14:14">
      <c r="N1036424" s="10"/>
    </row>
    <row r="1036425" spans="14:14">
      <c r="N1036425" s="10"/>
    </row>
    <row r="1036426" spans="14:14">
      <c r="N1036426" s="10"/>
    </row>
    <row r="1036427" spans="14:14">
      <c r="N1036427" s="10"/>
    </row>
    <row r="1036428" spans="14:14">
      <c r="N1036428" s="10"/>
    </row>
    <row r="1036429" spans="14:14">
      <c r="N1036429" s="10"/>
    </row>
    <row r="1036430" spans="14:14">
      <c r="N1036430" s="10"/>
    </row>
    <row r="1036431" spans="14:14">
      <c r="N1036431" s="10"/>
    </row>
    <row r="1036432" spans="14:14">
      <c r="N1036432" s="10"/>
    </row>
    <row r="1036433" spans="14:14">
      <c r="N1036433" s="10"/>
    </row>
    <row r="1036434" spans="14:14">
      <c r="N1036434" s="10"/>
    </row>
    <row r="1036435" spans="14:14">
      <c r="N1036435" s="10"/>
    </row>
    <row r="1036436" spans="14:14">
      <c r="N1036436" s="10"/>
    </row>
    <row r="1036437" spans="14:14">
      <c r="N1036437" s="10"/>
    </row>
    <row r="1036438" spans="14:14">
      <c r="N1036438" s="10"/>
    </row>
    <row r="1036439" spans="14:14">
      <c r="N1036439" s="10"/>
    </row>
    <row r="1036440" spans="14:14">
      <c r="N1036440" s="10"/>
    </row>
    <row r="1036441" spans="14:14">
      <c r="N1036441" s="10"/>
    </row>
    <row r="1036442" spans="14:14">
      <c r="N1036442" s="10"/>
    </row>
    <row r="1036443" spans="14:14">
      <c r="N1036443" s="10"/>
    </row>
    <row r="1036444" spans="14:14">
      <c r="N1036444" s="10"/>
    </row>
    <row r="1036445" spans="14:14">
      <c r="N1036445" s="10"/>
    </row>
    <row r="1036446" spans="14:14">
      <c r="N1036446" s="10"/>
    </row>
    <row r="1036447" spans="14:14">
      <c r="N1036447" s="10"/>
    </row>
    <row r="1036448" spans="14:14">
      <c r="N1036448" s="10"/>
    </row>
    <row r="1036449" spans="14:14">
      <c r="N1036449" s="10"/>
    </row>
    <row r="1036450" spans="14:14">
      <c r="N1036450" s="10"/>
    </row>
    <row r="1036451" spans="14:14">
      <c r="N1036451" s="10"/>
    </row>
    <row r="1036452" spans="14:14">
      <c r="N1036452" s="10"/>
    </row>
    <row r="1036453" spans="14:14">
      <c r="N1036453" s="10"/>
    </row>
    <row r="1036454" spans="14:14">
      <c r="N1036454" s="10"/>
    </row>
    <row r="1036455" spans="14:14">
      <c r="N1036455" s="10"/>
    </row>
    <row r="1036456" spans="14:14">
      <c r="N1036456" s="10"/>
    </row>
    <row r="1036457" spans="14:14">
      <c r="N1036457" s="10"/>
    </row>
    <row r="1036458" spans="14:14">
      <c r="N1036458" s="10"/>
    </row>
    <row r="1036459" spans="14:14">
      <c r="N1036459" s="10"/>
    </row>
    <row r="1036460" spans="14:14">
      <c r="N1036460" s="10"/>
    </row>
    <row r="1036461" spans="14:14">
      <c r="N1036461" s="10"/>
    </row>
    <row r="1036462" spans="14:14">
      <c r="N1036462" s="10"/>
    </row>
    <row r="1036463" spans="14:14">
      <c r="N1036463" s="10"/>
    </row>
    <row r="1036464" spans="14:14">
      <c r="N1036464" s="10"/>
    </row>
    <row r="1036465" spans="14:14">
      <c r="N1036465" s="10"/>
    </row>
    <row r="1036466" spans="14:14">
      <c r="N1036466" s="10"/>
    </row>
    <row r="1036467" spans="14:14">
      <c r="N1036467" s="10"/>
    </row>
    <row r="1036468" spans="14:14">
      <c r="N1036468" s="10"/>
    </row>
    <row r="1036469" spans="14:14">
      <c r="N1036469" s="10"/>
    </row>
    <row r="1036470" spans="14:14">
      <c r="N1036470" s="10"/>
    </row>
    <row r="1036471" spans="14:14">
      <c r="N1036471" s="10"/>
    </row>
    <row r="1036472" spans="14:14">
      <c r="N1036472" s="10"/>
    </row>
    <row r="1036473" spans="14:14">
      <c r="N1036473" s="10"/>
    </row>
    <row r="1036474" spans="14:14">
      <c r="N1036474" s="10"/>
    </row>
    <row r="1036475" spans="14:14">
      <c r="N1036475" s="10"/>
    </row>
    <row r="1036476" spans="14:14">
      <c r="N1036476" s="10"/>
    </row>
    <row r="1036477" spans="14:14">
      <c r="N1036477" s="10"/>
    </row>
    <row r="1036478" spans="14:14">
      <c r="N1036478" s="10"/>
    </row>
    <row r="1036479" spans="14:14">
      <c r="N1036479" s="10"/>
    </row>
    <row r="1036480" spans="14:14">
      <c r="N1036480" s="10"/>
    </row>
    <row r="1036481" spans="14:14">
      <c r="N1036481" s="10"/>
    </row>
    <row r="1036482" spans="14:14">
      <c r="N1036482" s="10"/>
    </row>
    <row r="1036483" spans="14:14">
      <c r="N1036483" s="10"/>
    </row>
    <row r="1036484" spans="14:14">
      <c r="N1036484" s="10"/>
    </row>
    <row r="1036485" spans="14:14">
      <c r="N1036485" s="10"/>
    </row>
    <row r="1036486" spans="14:14">
      <c r="N1036486" s="10"/>
    </row>
    <row r="1036487" spans="14:14">
      <c r="N1036487" s="10"/>
    </row>
    <row r="1036488" spans="14:14">
      <c r="N1036488" s="10"/>
    </row>
    <row r="1036489" spans="14:14">
      <c r="N1036489" s="10"/>
    </row>
    <row r="1036490" spans="14:14">
      <c r="N1036490" s="10"/>
    </row>
    <row r="1036491" spans="14:14">
      <c r="N1036491" s="10"/>
    </row>
    <row r="1036492" spans="14:14">
      <c r="N1036492" s="10"/>
    </row>
    <row r="1036493" spans="14:14">
      <c r="N1036493" s="10"/>
    </row>
    <row r="1036494" spans="14:14">
      <c r="N1036494" s="10"/>
    </row>
    <row r="1036495" spans="14:14">
      <c r="N1036495" s="10"/>
    </row>
    <row r="1036496" spans="14:14">
      <c r="N1036496" s="10"/>
    </row>
    <row r="1036497" spans="14:14">
      <c r="N1036497" s="10"/>
    </row>
    <row r="1036498" spans="14:14">
      <c r="N1036498" s="10"/>
    </row>
    <row r="1036499" spans="14:14">
      <c r="N1036499" s="10"/>
    </row>
    <row r="1036500" spans="14:14">
      <c r="N1036500" s="10"/>
    </row>
    <row r="1036501" spans="14:14">
      <c r="N1036501" s="10"/>
    </row>
    <row r="1036502" spans="14:14">
      <c r="N1036502" s="10"/>
    </row>
    <row r="1036503" spans="14:14">
      <c r="N1036503" s="10"/>
    </row>
    <row r="1036504" spans="14:14">
      <c r="N1036504" s="10"/>
    </row>
    <row r="1036505" spans="14:14">
      <c r="N1036505" s="10"/>
    </row>
    <row r="1036506" spans="14:14">
      <c r="N1036506" s="10"/>
    </row>
    <row r="1036507" spans="14:14">
      <c r="N1036507" s="10"/>
    </row>
    <row r="1036508" spans="14:14">
      <c r="N1036508" s="10"/>
    </row>
    <row r="1036509" spans="14:14">
      <c r="N1036509" s="10"/>
    </row>
    <row r="1036510" spans="14:14">
      <c r="N1036510" s="10"/>
    </row>
    <row r="1036511" spans="14:14">
      <c r="N1036511" s="10"/>
    </row>
    <row r="1036512" spans="14:14">
      <c r="N1036512" s="10"/>
    </row>
    <row r="1036513" spans="14:14">
      <c r="N1036513" s="10"/>
    </row>
    <row r="1036514" spans="14:14">
      <c r="N1036514" s="10"/>
    </row>
    <row r="1036515" spans="14:14">
      <c r="N1036515" s="10"/>
    </row>
    <row r="1036516" spans="14:14">
      <c r="N1036516" s="10"/>
    </row>
    <row r="1036517" spans="14:14">
      <c r="N1036517" s="10"/>
    </row>
    <row r="1036518" spans="14:14">
      <c r="N1036518" s="10"/>
    </row>
    <row r="1036519" spans="14:14">
      <c r="N1036519" s="10"/>
    </row>
    <row r="1036520" spans="14:14">
      <c r="N1036520" s="10"/>
    </row>
    <row r="1036521" spans="14:14">
      <c r="N1036521" s="10"/>
    </row>
    <row r="1036522" spans="14:14">
      <c r="N1036522" s="10"/>
    </row>
    <row r="1036523" spans="14:14">
      <c r="N1036523" s="10"/>
    </row>
    <row r="1036524" spans="14:14">
      <c r="N1036524" s="10"/>
    </row>
    <row r="1036525" spans="14:14">
      <c r="N1036525" s="10"/>
    </row>
    <row r="1036526" spans="14:14">
      <c r="N1036526" s="10"/>
    </row>
    <row r="1036527" spans="14:14">
      <c r="N1036527" s="10"/>
    </row>
    <row r="1036528" spans="14:14">
      <c r="N1036528" s="10"/>
    </row>
    <row r="1036529" spans="14:14">
      <c r="N1036529" s="10"/>
    </row>
    <row r="1036530" spans="14:14">
      <c r="N1036530" s="10"/>
    </row>
    <row r="1036531" spans="14:14">
      <c r="N1036531" s="10"/>
    </row>
    <row r="1036532" spans="14:14">
      <c r="N1036532" s="10"/>
    </row>
    <row r="1036533" spans="14:14">
      <c r="N1036533" s="10"/>
    </row>
    <row r="1036534" spans="14:14">
      <c r="N1036534" s="10"/>
    </row>
    <row r="1036535" spans="14:14">
      <c r="N1036535" s="10"/>
    </row>
    <row r="1036536" spans="14:14">
      <c r="N1036536" s="10"/>
    </row>
    <row r="1036537" spans="14:14">
      <c r="N1036537" s="10"/>
    </row>
    <row r="1036538" spans="14:14">
      <c r="N1036538" s="10"/>
    </row>
    <row r="1036539" spans="14:14">
      <c r="N1036539" s="10"/>
    </row>
    <row r="1036540" spans="14:14">
      <c r="N1036540" s="10"/>
    </row>
    <row r="1036541" spans="14:14">
      <c r="N1036541" s="10"/>
    </row>
    <row r="1036542" spans="14:14">
      <c r="N1036542" s="10"/>
    </row>
    <row r="1036543" spans="14:14">
      <c r="N1036543" s="10"/>
    </row>
    <row r="1036544" spans="14:14">
      <c r="N1036544" s="10"/>
    </row>
    <row r="1036545" spans="14:14">
      <c r="N1036545" s="10"/>
    </row>
    <row r="1036546" spans="14:14">
      <c r="N1036546" s="10"/>
    </row>
    <row r="1036547" spans="14:14">
      <c r="N1036547" s="10"/>
    </row>
    <row r="1036548" spans="14:14">
      <c r="N1036548" s="10"/>
    </row>
    <row r="1036549" spans="14:14">
      <c r="N1036549" s="10"/>
    </row>
    <row r="1036550" spans="14:14">
      <c r="N1036550" s="10"/>
    </row>
    <row r="1036551" spans="14:14">
      <c r="N1036551" s="10"/>
    </row>
    <row r="1036552" spans="14:14">
      <c r="N1036552" s="10"/>
    </row>
    <row r="1036553" spans="14:14">
      <c r="N1036553" s="10"/>
    </row>
    <row r="1036554" spans="14:14">
      <c r="N1036554" s="10"/>
    </row>
    <row r="1036555" spans="14:14">
      <c r="N1036555" s="10"/>
    </row>
    <row r="1036556" spans="14:14">
      <c r="N1036556" s="10"/>
    </row>
    <row r="1036557" spans="14:14">
      <c r="N1036557" s="10"/>
    </row>
    <row r="1036558" spans="14:14">
      <c r="N1036558" s="10"/>
    </row>
    <row r="1036559" spans="14:14">
      <c r="N1036559" s="10"/>
    </row>
    <row r="1036560" spans="14:14">
      <c r="N1036560" s="10"/>
    </row>
    <row r="1036561" spans="14:14">
      <c r="N1036561" s="10"/>
    </row>
    <row r="1036562" spans="14:14">
      <c r="N1036562" s="10"/>
    </row>
    <row r="1036563" spans="14:14">
      <c r="N1036563" s="10"/>
    </row>
    <row r="1036564" spans="14:14">
      <c r="N1036564" s="10"/>
    </row>
    <row r="1036565" spans="14:14">
      <c r="N1036565" s="10"/>
    </row>
    <row r="1036566" spans="14:14">
      <c r="N1036566" s="10"/>
    </row>
    <row r="1036567" spans="14:14">
      <c r="N1036567" s="10"/>
    </row>
    <row r="1036568" spans="14:14">
      <c r="N1036568" s="10"/>
    </row>
    <row r="1036569" spans="14:14">
      <c r="N1036569" s="10"/>
    </row>
    <row r="1036570" spans="14:14">
      <c r="N1036570" s="10"/>
    </row>
    <row r="1036571" spans="14:14">
      <c r="N1036571" s="10"/>
    </row>
    <row r="1036572" spans="14:14">
      <c r="N1036572" s="10"/>
    </row>
    <row r="1036573" spans="14:14">
      <c r="N1036573" s="10"/>
    </row>
    <row r="1036574" spans="14:14">
      <c r="N1036574" s="10"/>
    </row>
    <row r="1036575" spans="14:14">
      <c r="N1036575" s="10"/>
    </row>
    <row r="1036576" spans="14:14">
      <c r="N1036576" s="10"/>
    </row>
    <row r="1036577" spans="14:14">
      <c r="N1036577" s="10"/>
    </row>
    <row r="1036578" spans="14:14">
      <c r="N1036578" s="10"/>
    </row>
    <row r="1036579" spans="14:14">
      <c r="N1036579" s="10"/>
    </row>
    <row r="1036580" spans="14:14">
      <c r="N1036580" s="10"/>
    </row>
    <row r="1036581" spans="14:14">
      <c r="N1036581" s="10"/>
    </row>
    <row r="1036582" spans="14:14">
      <c r="N1036582" s="10"/>
    </row>
    <row r="1036583" spans="14:14">
      <c r="N1036583" s="10"/>
    </row>
    <row r="1036584" spans="14:14">
      <c r="N1036584" s="10"/>
    </row>
    <row r="1036585" spans="14:14">
      <c r="N1036585" s="10"/>
    </row>
    <row r="1036586" spans="14:14">
      <c r="N1036586" s="10"/>
    </row>
    <row r="1036587" spans="14:14">
      <c r="N1036587" s="10"/>
    </row>
    <row r="1036588" spans="14:14">
      <c r="N1036588" s="10"/>
    </row>
    <row r="1036589" spans="14:14">
      <c r="N1036589" s="10"/>
    </row>
    <row r="1036590" spans="14:14">
      <c r="N1036590" s="10"/>
    </row>
    <row r="1036591" spans="14:14">
      <c r="N1036591" s="10"/>
    </row>
    <row r="1036592" spans="14:14">
      <c r="N1036592" s="10"/>
    </row>
    <row r="1036593" spans="14:14">
      <c r="N1036593" s="10"/>
    </row>
    <row r="1036594" spans="14:14">
      <c r="N1036594" s="10"/>
    </row>
    <row r="1036595" spans="14:14">
      <c r="N1036595" s="10"/>
    </row>
    <row r="1036596" spans="14:14">
      <c r="N1036596" s="10"/>
    </row>
    <row r="1036597" spans="14:14">
      <c r="N1036597" s="10"/>
    </row>
    <row r="1036598" spans="14:14">
      <c r="N1036598" s="10"/>
    </row>
    <row r="1036599" spans="14:14">
      <c r="N1036599" s="10"/>
    </row>
    <row r="1036600" spans="14:14">
      <c r="N1036600" s="10"/>
    </row>
    <row r="1036601" spans="14:14">
      <c r="N1036601" s="10"/>
    </row>
    <row r="1036602" spans="14:14">
      <c r="N1036602" s="10"/>
    </row>
    <row r="1036603" spans="14:14">
      <c r="N1036603" s="10"/>
    </row>
    <row r="1036604" spans="14:14">
      <c r="N1036604" s="10"/>
    </row>
    <row r="1036605" spans="14:14">
      <c r="N1036605" s="10"/>
    </row>
    <row r="1036606" spans="14:14">
      <c r="N1036606" s="10"/>
    </row>
    <row r="1036607" spans="14:14">
      <c r="N1036607" s="10"/>
    </row>
    <row r="1036608" spans="14:14">
      <c r="N1036608" s="10"/>
    </row>
    <row r="1036609" spans="14:14">
      <c r="N1036609" s="10"/>
    </row>
    <row r="1036610" spans="14:14">
      <c r="N1036610" s="10"/>
    </row>
    <row r="1036611" spans="14:14">
      <c r="N1036611" s="10"/>
    </row>
    <row r="1036612" spans="14:14">
      <c r="N1036612" s="10"/>
    </row>
    <row r="1036613" spans="14:14">
      <c r="N1036613" s="10"/>
    </row>
    <row r="1036614" spans="14:14">
      <c r="N1036614" s="10"/>
    </row>
    <row r="1036615" spans="14:14">
      <c r="N1036615" s="10"/>
    </row>
    <row r="1036616" spans="14:14">
      <c r="N1036616" s="10"/>
    </row>
    <row r="1036617" spans="14:14">
      <c r="N1036617" s="10"/>
    </row>
    <row r="1036618" spans="14:14">
      <c r="N1036618" s="10"/>
    </row>
    <row r="1036619" spans="14:14">
      <c r="N1036619" s="10"/>
    </row>
    <row r="1036620" spans="14:14">
      <c r="N1036620" s="10"/>
    </row>
    <row r="1036621" spans="14:14">
      <c r="N1036621" s="10"/>
    </row>
    <row r="1036622" spans="14:14">
      <c r="N1036622" s="10"/>
    </row>
    <row r="1036623" spans="14:14">
      <c r="N1036623" s="10"/>
    </row>
    <row r="1036624" spans="14:14">
      <c r="N1036624" s="10"/>
    </row>
    <row r="1036625" spans="14:14">
      <c r="N1036625" s="10"/>
    </row>
    <row r="1036626" spans="14:14">
      <c r="N1036626" s="10"/>
    </row>
    <row r="1036627" spans="14:14">
      <c r="N1036627" s="10"/>
    </row>
    <row r="1036628" spans="14:14">
      <c r="N1036628" s="10"/>
    </row>
    <row r="1036629" spans="14:14">
      <c r="N1036629" s="10"/>
    </row>
    <row r="1036630" spans="14:14">
      <c r="N1036630" s="10"/>
    </row>
    <row r="1036631" spans="14:14">
      <c r="N1036631" s="10"/>
    </row>
    <row r="1036632" spans="14:14">
      <c r="N1036632" s="10"/>
    </row>
    <row r="1036633" spans="14:14">
      <c r="N1036633" s="10"/>
    </row>
    <row r="1036634" spans="14:14">
      <c r="N1036634" s="10"/>
    </row>
    <row r="1036635" spans="14:14">
      <c r="N1036635" s="10"/>
    </row>
    <row r="1036636" spans="14:14">
      <c r="N1036636" s="10"/>
    </row>
    <row r="1036637" spans="14:14">
      <c r="N1036637" s="10"/>
    </row>
    <row r="1036638" spans="14:14">
      <c r="N1036638" s="10"/>
    </row>
    <row r="1036639" spans="14:14">
      <c r="N1036639" s="10"/>
    </row>
    <row r="1036640" spans="14:14">
      <c r="N1036640" s="10"/>
    </row>
    <row r="1036641" spans="14:14">
      <c r="N1036641" s="10"/>
    </row>
    <row r="1036642" spans="14:14">
      <c r="N1036642" s="10"/>
    </row>
    <row r="1036643" spans="14:14">
      <c r="N1036643" s="10"/>
    </row>
    <row r="1036644" spans="14:14">
      <c r="N1036644" s="10"/>
    </row>
    <row r="1036645" spans="14:14">
      <c r="N1036645" s="10"/>
    </row>
    <row r="1036646" spans="14:14">
      <c r="N1036646" s="10"/>
    </row>
    <row r="1036647" spans="14:14">
      <c r="N1036647" s="10"/>
    </row>
    <row r="1036648" spans="14:14">
      <c r="N1036648" s="10"/>
    </row>
    <row r="1036649" spans="14:14">
      <c r="N1036649" s="10"/>
    </row>
    <row r="1036650" spans="14:14">
      <c r="N1036650" s="10"/>
    </row>
    <row r="1036651" spans="14:14">
      <c r="N1036651" s="10"/>
    </row>
    <row r="1036652" spans="14:14">
      <c r="N1036652" s="10"/>
    </row>
    <row r="1036653" spans="14:14">
      <c r="N1036653" s="10"/>
    </row>
    <row r="1036654" spans="14:14">
      <c r="N1036654" s="10"/>
    </row>
    <row r="1036655" spans="14:14">
      <c r="N1036655" s="10"/>
    </row>
    <row r="1036656" spans="14:14">
      <c r="N1036656" s="10"/>
    </row>
    <row r="1036657" spans="14:14">
      <c r="N1036657" s="10"/>
    </row>
    <row r="1036658" spans="14:14">
      <c r="N1036658" s="10"/>
    </row>
    <row r="1036659" spans="14:14">
      <c r="N1036659" s="10"/>
    </row>
    <row r="1036660" spans="14:14">
      <c r="N1036660" s="10"/>
    </row>
    <row r="1036661" spans="14:14">
      <c r="N1036661" s="10"/>
    </row>
    <row r="1036662" spans="14:14">
      <c r="N1036662" s="10"/>
    </row>
    <row r="1036663" spans="14:14">
      <c r="N1036663" s="10"/>
    </row>
    <row r="1036664" spans="14:14">
      <c r="N1036664" s="10"/>
    </row>
    <row r="1036665" spans="14:14">
      <c r="N1036665" s="10"/>
    </row>
    <row r="1036666" spans="14:14">
      <c r="N1036666" s="10"/>
    </row>
    <row r="1036667" spans="14:14">
      <c r="N1036667" s="10"/>
    </row>
    <row r="1036668" spans="14:14">
      <c r="N1036668" s="10"/>
    </row>
    <row r="1036669" spans="14:14">
      <c r="N1036669" s="10"/>
    </row>
    <row r="1036670" spans="14:14">
      <c r="N1036670" s="10"/>
    </row>
    <row r="1036671" spans="14:14">
      <c r="N1036671" s="10"/>
    </row>
    <row r="1036672" spans="14:14">
      <c r="N1036672" s="10"/>
    </row>
    <row r="1036673" spans="14:14">
      <c r="N1036673" s="10"/>
    </row>
    <row r="1036674" spans="14:14">
      <c r="N1036674" s="10"/>
    </row>
    <row r="1036675" spans="14:14">
      <c r="N1036675" s="10"/>
    </row>
    <row r="1036676" spans="14:14">
      <c r="N1036676" s="10"/>
    </row>
    <row r="1036677" spans="14:14">
      <c r="N1036677" s="10"/>
    </row>
    <row r="1036678" spans="14:14">
      <c r="N1036678" s="10"/>
    </row>
    <row r="1036679" spans="14:14">
      <c r="N1036679" s="10"/>
    </row>
    <row r="1036680" spans="14:14">
      <c r="N1036680" s="10"/>
    </row>
    <row r="1036681" spans="14:14">
      <c r="N1036681" s="10"/>
    </row>
    <row r="1036682" spans="14:14">
      <c r="N1036682" s="10"/>
    </row>
    <row r="1036683" spans="14:14">
      <c r="N1036683" s="10"/>
    </row>
    <row r="1036684" spans="14:14">
      <c r="N1036684" s="10"/>
    </row>
    <row r="1036685" spans="14:14">
      <c r="N1036685" s="10"/>
    </row>
    <row r="1036686" spans="14:14">
      <c r="N1036686" s="10"/>
    </row>
    <row r="1036687" spans="14:14">
      <c r="N1036687" s="10"/>
    </row>
    <row r="1036688" spans="14:14">
      <c r="N1036688" s="10"/>
    </row>
    <row r="1036689" spans="14:14">
      <c r="N1036689" s="10"/>
    </row>
    <row r="1036690" spans="14:14">
      <c r="N1036690" s="10"/>
    </row>
    <row r="1036691" spans="14:14">
      <c r="N1036691" s="10"/>
    </row>
    <row r="1036692" spans="14:14">
      <c r="N1036692" s="10"/>
    </row>
    <row r="1036693" spans="14:14">
      <c r="N1036693" s="10"/>
    </row>
    <row r="1036694" spans="14:14">
      <c r="N1036694" s="10"/>
    </row>
    <row r="1036695" spans="14:14">
      <c r="N1036695" s="10"/>
    </row>
    <row r="1036696" spans="14:14">
      <c r="N1036696" s="10"/>
    </row>
    <row r="1036697" spans="14:14">
      <c r="N1036697" s="10"/>
    </row>
    <row r="1036698" spans="14:14">
      <c r="N1036698" s="10"/>
    </row>
    <row r="1036699" spans="14:14">
      <c r="N1036699" s="10"/>
    </row>
    <row r="1036700" spans="14:14">
      <c r="N1036700" s="10"/>
    </row>
    <row r="1036701" spans="14:14">
      <c r="N1036701" s="10"/>
    </row>
    <row r="1036702" spans="14:14">
      <c r="N1036702" s="10"/>
    </row>
    <row r="1036703" spans="14:14">
      <c r="N1036703" s="10"/>
    </row>
    <row r="1036704" spans="14:14">
      <c r="N1036704" s="10"/>
    </row>
    <row r="1036705" spans="14:14">
      <c r="N1036705" s="10"/>
    </row>
    <row r="1036706" spans="14:14">
      <c r="N1036706" s="10"/>
    </row>
    <row r="1036707" spans="14:14">
      <c r="N1036707" s="10"/>
    </row>
    <row r="1036708" spans="14:14">
      <c r="N1036708" s="10"/>
    </row>
    <row r="1036709" spans="14:14">
      <c r="N1036709" s="10"/>
    </row>
    <row r="1036710" spans="14:14">
      <c r="N1036710" s="10"/>
    </row>
    <row r="1036711" spans="14:14">
      <c r="N1036711" s="10"/>
    </row>
    <row r="1036712" spans="14:14">
      <c r="N1036712" s="10"/>
    </row>
    <row r="1036713" spans="14:14">
      <c r="N1036713" s="10"/>
    </row>
    <row r="1036714" spans="14:14">
      <c r="N1036714" s="10"/>
    </row>
    <row r="1036715" spans="14:14">
      <c r="N1036715" s="10"/>
    </row>
    <row r="1036716" spans="14:14">
      <c r="N1036716" s="10"/>
    </row>
    <row r="1036717" spans="14:14">
      <c r="N1036717" s="10"/>
    </row>
    <row r="1036718" spans="14:14">
      <c r="N1036718" s="10"/>
    </row>
    <row r="1036719" spans="14:14">
      <c r="N1036719" s="10"/>
    </row>
    <row r="1036720" spans="14:14">
      <c r="N1036720" s="10"/>
    </row>
    <row r="1036721" spans="14:14">
      <c r="N1036721" s="10"/>
    </row>
    <row r="1036722" spans="14:14">
      <c r="N1036722" s="10"/>
    </row>
    <row r="1036723" spans="14:14">
      <c r="N1036723" s="10"/>
    </row>
    <row r="1036724" spans="14:14">
      <c r="N1036724" s="10"/>
    </row>
    <row r="1036725" spans="14:14">
      <c r="N1036725" s="10"/>
    </row>
    <row r="1036726" spans="14:14">
      <c r="N1036726" s="10"/>
    </row>
    <row r="1036727" spans="14:14">
      <c r="N1036727" s="10"/>
    </row>
    <row r="1036728" spans="14:14">
      <c r="N1036728" s="10"/>
    </row>
    <row r="1036729" spans="14:14">
      <c r="N1036729" s="10"/>
    </row>
    <row r="1036730" spans="14:14">
      <c r="N1036730" s="10"/>
    </row>
    <row r="1036731" spans="14:14">
      <c r="N1036731" s="10"/>
    </row>
    <row r="1036732" spans="14:14">
      <c r="N1036732" s="10"/>
    </row>
    <row r="1036733" spans="14:14">
      <c r="N1036733" s="10"/>
    </row>
    <row r="1036734" spans="14:14">
      <c r="N1036734" s="10"/>
    </row>
    <row r="1036735" spans="14:14">
      <c r="N1036735" s="10"/>
    </row>
    <row r="1036736" spans="14:14">
      <c r="N1036736" s="10"/>
    </row>
    <row r="1036737" spans="14:14">
      <c r="N1036737" s="10"/>
    </row>
    <row r="1036738" spans="14:14">
      <c r="N1036738" s="10"/>
    </row>
    <row r="1036739" spans="14:14">
      <c r="N1036739" s="10"/>
    </row>
    <row r="1036740" spans="14:14">
      <c r="N1036740" s="10"/>
    </row>
    <row r="1036741" spans="14:14">
      <c r="N1036741" s="10"/>
    </row>
    <row r="1036742" spans="14:14">
      <c r="N1036742" s="10"/>
    </row>
    <row r="1036743" spans="14:14">
      <c r="N1036743" s="10"/>
    </row>
    <row r="1036744" spans="14:14">
      <c r="N1036744" s="10"/>
    </row>
    <row r="1036745" spans="14:14">
      <c r="N1036745" s="10"/>
    </row>
    <row r="1036746" spans="14:14">
      <c r="N1036746" s="10"/>
    </row>
    <row r="1036747" spans="14:14">
      <c r="N1036747" s="10"/>
    </row>
    <row r="1036748" spans="14:14">
      <c r="N1036748" s="10"/>
    </row>
    <row r="1036749" spans="14:14">
      <c r="N1036749" s="10"/>
    </row>
    <row r="1036750" spans="14:14">
      <c r="N1036750" s="10"/>
    </row>
    <row r="1036751" spans="14:14">
      <c r="N1036751" s="10"/>
    </row>
    <row r="1036752" spans="14:14">
      <c r="N1036752" s="10"/>
    </row>
    <row r="1036753" spans="14:14">
      <c r="N1036753" s="10"/>
    </row>
    <row r="1036754" spans="14:14">
      <c r="N1036754" s="10"/>
    </row>
    <row r="1036755" spans="14:14">
      <c r="N1036755" s="10"/>
    </row>
    <row r="1036756" spans="14:14">
      <c r="N1036756" s="10"/>
    </row>
    <row r="1036757" spans="14:14">
      <c r="N1036757" s="10"/>
    </row>
    <row r="1036758" spans="14:14">
      <c r="N1036758" s="10"/>
    </row>
    <row r="1036759" spans="14:14">
      <c r="N1036759" s="10"/>
    </row>
    <row r="1036760" spans="14:14">
      <c r="N1036760" s="10"/>
    </row>
    <row r="1036761" spans="14:14">
      <c r="N1036761" s="10"/>
    </row>
    <row r="1036762" spans="14:14">
      <c r="N1036762" s="10"/>
    </row>
    <row r="1036763" spans="14:14">
      <c r="N1036763" s="10"/>
    </row>
    <row r="1036764" spans="14:14">
      <c r="N1036764" s="10"/>
    </row>
    <row r="1036765" spans="14:14">
      <c r="N1036765" s="10"/>
    </row>
    <row r="1036766" spans="14:14">
      <c r="N1036766" s="10"/>
    </row>
    <row r="1036767" spans="14:14">
      <c r="N1036767" s="10"/>
    </row>
    <row r="1036768" spans="14:14">
      <c r="N1036768" s="10"/>
    </row>
    <row r="1036769" spans="14:14">
      <c r="N1036769" s="10"/>
    </row>
    <row r="1036770" spans="14:14">
      <c r="N1036770" s="10"/>
    </row>
    <row r="1036771" spans="14:14">
      <c r="N1036771" s="10"/>
    </row>
    <row r="1036772" spans="14:14">
      <c r="N1036772" s="10"/>
    </row>
    <row r="1036773" spans="14:14">
      <c r="N1036773" s="10"/>
    </row>
    <row r="1036774" spans="14:14">
      <c r="N1036774" s="10"/>
    </row>
    <row r="1036775" spans="14:14">
      <c r="N1036775" s="10"/>
    </row>
    <row r="1036776" spans="14:14">
      <c r="N1036776" s="10"/>
    </row>
    <row r="1036777" spans="14:14">
      <c r="N1036777" s="10"/>
    </row>
    <row r="1036778" spans="14:14">
      <c r="N1036778" s="10"/>
    </row>
    <row r="1036779" spans="14:14">
      <c r="N1036779" s="10"/>
    </row>
    <row r="1036780" spans="14:14">
      <c r="N1036780" s="10"/>
    </row>
    <row r="1036781" spans="14:14">
      <c r="N1036781" s="10"/>
    </row>
    <row r="1036782" spans="14:14">
      <c r="N1036782" s="10"/>
    </row>
    <row r="1036783" spans="14:14">
      <c r="N1036783" s="10"/>
    </row>
    <row r="1036784" spans="14:14">
      <c r="N1036784" s="10"/>
    </row>
    <row r="1036785" spans="14:14">
      <c r="N1036785" s="10"/>
    </row>
    <row r="1036786" spans="14:14">
      <c r="N1036786" s="10"/>
    </row>
    <row r="1036787" spans="14:14">
      <c r="N1036787" s="10"/>
    </row>
    <row r="1036788" spans="14:14">
      <c r="N1036788" s="10"/>
    </row>
    <row r="1036789" spans="14:14">
      <c r="N1036789" s="10"/>
    </row>
    <row r="1036790" spans="14:14">
      <c r="N1036790" s="10"/>
    </row>
    <row r="1036791" spans="14:14">
      <c r="N1036791" s="10"/>
    </row>
    <row r="1036792" spans="14:14">
      <c r="N1036792" s="10"/>
    </row>
    <row r="1036793" spans="14:14">
      <c r="N1036793" s="10"/>
    </row>
    <row r="1036794" spans="14:14">
      <c r="N1036794" s="10"/>
    </row>
    <row r="1036795" spans="14:14">
      <c r="N1036795" s="10"/>
    </row>
    <row r="1036796" spans="14:14">
      <c r="N1036796" s="10"/>
    </row>
    <row r="1036797" spans="14:14">
      <c r="N1036797" s="10"/>
    </row>
    <row r="1036798" spans="14:14">
      <c r="N1036798" s="10"/>
    </row>
    <row r="1036799" spans="14:14">
      <c r="N1036799" s="10"/>
    </row>
    <row r="1036800" spans="14:14">
      <c r="N1036800" s="10"/>
    </row>
    <row r="1036801" spans="14:14">
      <c r="N1036801" s="10"/>
    </row>
    <row r="1036802" spans="14:14">
      <c r="N1036802" s="10"/>
    </row>
    <row r="1036803" spans="14:14">
      <c r="N1036803" s="10"/>
    </row>
    <row r="1036804" spans="14:14">
      <c r="N1036804" s="10"/>
    </row>
    <row r="1036805" spans="14:14">
      <c r="N1036805" s="10"/>
    </row>
    <row r="1036806" spans="14:14">
      <c r="N1036806" s="10"/>
    </row>
    <row r="1036807" spans="14:14">
      <c r="N1036807" s="10"/>
    </row>
    <row r="1036808" spans="14:14">
      <c r="N1036808" s="10"/>
    </row>
    <row r="1036809" spans="14:14">
      <c r="N1036809" s="10"/>
    </row>
    <row r="1036810" spans="14:14">
      <c r="N1036810" s="10"/>
    </row>
    <row r="1036811" spans="14:14">
      <c r="N1036811" s="10"/>
    </row>
    <row r="1036812" spans="14:14">
      <c r="N1036812" s="10"/>
    </row>
    <row r="1036813" spans="14:14">
      <c r="N1036813" s="10"/>
    </row>
    <row r="1036814" spans="14:14">
      <c r="N1036814" s="10"/>
    </row>
    <row r="1036815" spans="14:14">
      <c r="N1036815" s="10"/>
    </row>
    <row r="1036816" spans="14:14">
      <c r="N1036816" s="10"/>
    </row>
    <row r="1036817" spans="14:14">
      <c r="N1036817" s="10"/>
    </row>
    <row r="1036818" spans="14:14">
      <c r="N1036818" s="10"/>
    </row>
    <row r="1036819" spans="14:14">
      <c r="N1036819" s="10"/>
    </row>
    <row r="1036820" spans="14:14">
      <c r="N1036820" s="10"/>
    </row>
    <row r="1036821" spans="14:14">
      <c r="N1036821" s="10"/>
    </row>
    <row r="1036822" spans="14:14">
      <c r="N1036822" s="10"/>
    </row>
    <row r="1036823" spans="14:14">
      <c r="N1036823" s="10"/>
    </row>
    <row r="1036824" spans="14:14">
      <c r="N1036824" s="10"/>
    </row>
    <row r="1036825" spans="14:14">
      <c r="N1036825" s="10"/>
    </row>
    <row r="1036826" spans="14:14">
      <c r="N1036826" s="10"/>
    </row>
    <row r="1036827" spans="14:14">
      <c r="N1036827" s="10"/>
    </row>
    <row r="1036828" spans="14:14">
      <c r="N1036828" s="10"/>
    </row>
    <row r="1036829" spans="14:14">
      <c r="N1036829" s="10"/>
    </row>
    <row r="1036830" spans="14:14">
      <c r="N1036830" s="10"/>
    </row>
    <row r="1036831" spans="14:14">
      <c r="N1036831" s="10"/>
    </row>
    <row r="1036832" spans="14:14">
      <c r="N1036832" s="10"/>
    </row>
    <row r="1036833" spans="14:14">
      <c r="N1036833" s="10"/>
    </row>
    <row r="1036834" spans="14:14">
      <c r="N1036834" s="10"/>
    </row>
    <row r="1036835" spans="14:14">
      <c r="N1036835" s="10"/>
    </row>
    <row r="1036836" spans="14:14">
      <c r="N1036836" s="10"/>
    </row>
    <row r="1036837" spans="14:14">
      <c r="N1036837" s="10"/>
    </row>
    <row r="1036838" spans="14:14">
      <c r="N1036838" s="10"/>
    </row>
    <row r="1036839" spans="14:14">
      <c r="N1036839" s="10"/>
    </row>
    <row r="1036840" spans="14:14">
      <c r="N1036840" s="10"/>
    </row>
    <row r="1036841" spans="14:14">
      <c r="N1036841" s="10"/>
    </row>
    <row r="1036842" spans="14:14">
      <c r="N1036842" s="10"/>
    </row>
    <row r="1036843" spans="14:14">
      <c r="N1036843" s="10"/>
    </row>
    <row r="1036844" spans="14:14">
      <c r="N1036844" s="10"/>
    </row>
    <row r="1036845" spans="14:14">
      <c r="N1036845" s="10"/>
    </row>
    <row r="1036846" spans="14:14">
      <c r="N1036846" s="10"/>
    </row>
    <row r="1036847" spans="14:14">
      <c r="N1036847" s="10"/>
    </row>
    <row r="1036848" spans="14:14">
      <c r="N1036848" s="10"/>
    </row>
    <row r="1036849" spans="14:14">
      <c r="N1036849" s="10"/>
    </row>
    <row r="1036850" spans="14:14">
      <c r="N1036850" s="10"/>
    </row>
    <row r="1036851" spans="14:14">
      <c r="N1036851" s="10"/>
    </row>
    <row r="1036852" spans="14:14">
      <c r="N1036852" s="10"/>
    </row>
    <row r="1036853" spans="14:14">
      <c r="N1036853" s="10"/>
    </row>
    <row r="1036854" spans="14:14">
      <c r="N1036854" s="10"/>
    </row>
    <row r="1036855" spans="14:14">
      <c r="N1036855" s="10"/>
    </row>
    <row r="1036856" spans="14:14">
      <c r="N1036856" s="10"/>
    </row>
    <row r="1036857" spans="14:14">
      <c r="N1036857" s="10"/>
    </row>
    <row r="1036858" spans="14:14">
      <c r="N1036858" s="10"/>
    </row>
    <row r="1036859" spans="14:14">
      <c r="N1036859" s="10"/>
    </row>
    <row r="1036860" spans="14:14">
      <c r="N1036860" s="10"/>
    </row>
    <row r="1036861" spans="14:14">
      <c r="N1036861" s="10"/>
    </row>
    <row r="1036862" spans="14:14">
      <c r="N1036862" s="10"/>
    </row>
    <row r="1036863" spans="14:14">
      <c r="N1036863" s="10"/>
    </row>
    <row r="1036864" spans="14:14">
      <c r="N1036864" s="10"/>
    </row>
    <row r="1036865" spans="14:14">
      <c r="N1036865" s="10"/>
    </row>
    <row r="1036866" spans="14:14">
      <c r="N1036866" s="10"/>
    </row>
    <row r="1036867" spans="14:14">
      <c r="N1036867" s="10"/>
    </row>
    <row r="1036868" spans="14:14">
      <c r="N1036868" s="10"/>
    </row>
    <row r="1036869" spans="14:14">
      <c r="N1036869" s="10"/>
    </row>
    <row r="1036870" spans="14:14">
      <c r="N1036870" s="10"/>
    </row>
    <row r="1036871" spans="14:14">
      <c r="N1036871" s="10"/>
    </row>
    <row r="1036872" spans="14:14">
      <c r="N1036872" s="10"/>
    </row>
    <row r="1036873" spans="14:14">
      <c r="N1036873" s="10"/>
    </row>
    <row r="1036874" spans="14:14">
      <c r="N1036874" s="10"/>
    </row>
    <row r="1036875" spans="14:14">
      <c r="N1036875" s="10"/>
    </row>
    <row r="1036876" spans="14:14">
      <c r="N1036876" s="10"/>
    </row>
    <row r="1036877" spans="14:14">
      <c r="N1036877" s="10"/>
    </row>
    <row r="1036878" spans="14:14">
      <c r="N1036878" s="10"/>
    </row>
    <row r="1036879" spans="14:14">
      <c r="N1036879" s="10"/>
    </row>
    <row r="1036880" spans="14:14">
      <c r="N1036880" s="10"/>
    </row>
    <row r="1036881" spans="14:14">
      <c r="N1036881" s="10"/>
    </row>
    <row r="1036882" spans="14:14">
      <c r="N1036882" s="10"/>
    </row>
    <row r="1036883" spans="14:14">
      <c r="N1036883" s="10"/>
    </row>
    <row r="1036884" spans="14:14">
      <c r="N1036884" s="10"/>
    </row>
    <row r="1036885" spans="14:14">
      <c r="N1036885" s="10"/>
    </row>
    <row r="1036886" spans="14:14">
      <c r="N1036886" s="10"/>
    </row>
    <row r="1036887" spans="14:14">
      <c r="N1036887" s="10"/>
    </row>
    <row r="1036888" spans="14:14">
      <c r="N1036888" s="10"/>
    </row>
    <row r="1036889" spans="14:14">
      <c r="N1036889" s="10"/>
    </row>
    <row r="1036890" spans="14:14">
      <c r="N1036890" s="10"/>
    </row>
    <row r="1036891" spans="14:14">
      <c r="N1036891" s="10"/>
    </row>
    <row r="1036892" spans="14:14">
      <c r="N1036892" s="10"/>
    </row>
    <row r="1036893" spans="14:14">
      <c r="N1036893" s="10"/>
    </row>
    <row r="1036894" spans="14:14">
      <c r="N1036894" s="10"/>
    </row>
    <row r="1036895" spans="14:14">
      <c r="N1036895" s="10"/>
    </row>
    <row r="1036896" spans="14:14">
      <c r="N1036896" s="10"/>
    </row>
    <row r="1036897" spans="14:14">
      <c r="N1036897" s="10"/>
    </row>
    <row r="1036898" spans="14:14">
      <c r="N1036898" s="10"/>
    </row>
    <row r="1036899" spans="14:14">
      <c r="N1036899" s="10"/>
    </row>
    <row r="1036900" spans="14:14">
      <c r="N1036900" s="10"/>
    </row>
    <row r="1036901" spans="14:14">
      <c r="N1036901" s="10"/>
    </row>
    <row r="1036902" spans="14:14">
      <c r="N1036902" s="10"/>
    </row>
    <row r="1036903" spans="14:14">
      <c r="N1036903" s="10"/>
    </row>
    <row r="1036904" spans="14:14">
      <c r="N1036904" s="10"/>
    </row>
    <row r="1036905" spans="14:14">
      <c r="N1036905" s="10"/>
    </row>
    <row r="1036906" spans="14:14">
      <c r="N1036906" s="10"/>
    </row>
    <row r="1036907" spans="14:14">
      <c r="N1036907" s="10"/>
    </row>
    <row r="1036908" spans="14:14">
      <c r="N1036908" s="10"/>
    </row>
    <row r="1036909" spans="14:14">
      <c r="N1036909" s="10"/>
    </row>
    <row r="1036910" spans="14:14">
      <c r="N1036910" s="10"/>
    </row>
    <row r="1036911" spans="14:14">
      <c r="N1036911" s="10"/>
    </row>
    <row r="1036912" spans="14:14">
      <c r="N1036912" s="10"/>
    </row>
    <row r="1036913" spans="14:14">
      <c r="N1036913" s="10"/>
    </row>
    <row r="1036914" spans="14:14">
      <c r="N1036914" s="10"/>
    </row>
    <row r="1036915" spans="14:14">
      <c r="N1036915" s="10"/>
    </row>
    <row r="1036916" spans="14:14">
      <c r="N1036916" s="10"/>
    </row>
    <row r="1036917" spans="14:14">
      <c r="N1036917" s="10"/>
    </row>
    <row r="1036918" spans="14:14">
      <c r="N1036918" s="10"/>
    </row>
    <row r="1036919" spans="14:14">
      <c r="N1036919" s="10"/>
    </row>
    <row r="1036920" spans="14:14">
      <c r="N1036920" s="10"/>
    </row>
    <row r="1036921" spans="14:14">
      <c r="N1036921" s="10"/>
    </row>
    <row r="1036922" spans="14:14">
      <c r="N1036922" s="10"/>
    </row>
    <row r="1036923" spans="14:14">
      <c r="N1036923" s="10"/>
    </row>
    <row r="1036924" spans="14:14">
      <c r="N1036924" s="10"/>
    </row>
    <row r="1036925" spans="14:14">
      <c r="N1036925" s="10"/>
    </row>
    <row r="1036926" spans="14:14">
      <c r="N1036926" s="10"/>
    </row>
    <row r="1036927" spans="14:14">
      <c r="N1036927" s="10"/>
    </row>
    <row r="1036928" spans="14:14">
      <c r="N1036928" s="10"/>
    </row>
    <row r="1036929" spans="14:14">
      <c r="N1036929" s="10"/>
    </row>
    <row r="1036930" spans="14:14">
      <c r="N1036930" s="10"/>
    </row>
    <row r="1036931" spans="14:14">
      <c r="N1036931" s="10"/>
    </row>
    <row r="1036932" spans="14:14">
      <c r="N1036932" s="10"/>
    </row>
    <row r="1036933" spans="14:14">
      <c r="N1036933" s="10"/>
    </row>
    <row r="1036934" spans="14:14">
      <c r="N1036934" s="10"/>
    </row>
    <row r="1036935" spans="14:14">
      <c r="N1036935" s="10"/>
    </row>
    <row r="1036936" spans="14:14">
      <c r="N1036936" s="10"/>
    </row>
    <row r="1036937" spans="14:14">
      <c r="N1036937" s="10"/>
    </row>
    <row r="1036938" spans="14:14">
      <c r="N1036938" s="10"/>
    </row>
    <row r="1036939" spans="14:14">
      <c r="N1036939" s="10"/>
    </row>
    <row r="1036940" spans="14:14">
      <c r="N1036940" s="10"/>
    </row>
    <row r="1036941" spans="14:14">
      <c r="N1036941" s="10"/>
    </row>
    <row r="1036942" spans="14:14">
      <c r="N1036942" s="10"/>
    </row>
    <row r="1036943" spans="14:14">
      <c r="N1036943" s="10"/>
    </row>
    <row r="1036944" spans="14:14">
      <c r="N1036944" s="10"/>
    </row>
    <row r="1036945" spans="14:14">
      <c r="N1036945" s="10"/>
    </row>
    <row r="1036946" spans="14:14">
      <c r="N1036946" s="10"/>
    </row>
    <row r="1036947" spans="14:14">
      <c r="N1036947" s="10"/>
    </row>
    <row r="1036948" spans="14:14">
      <c r="N1036948" s="10"/>
    </row>
    <row r="1036949" spans="14:14">
      <c r="N1036949" s="10"/>
    </row>
    <row r="1036950" spans="14:14">
      <c r="N1036950" s="10"/>
    </row>
    <row r="1036951" spans="14:14">
      <c r="N1036951" s="10"/>
    </row>
    <row r="1036952" spans="14:14">
      <c r="N1036952" s="10"/>
    </row>
    <row r="1036953" spans="14:14">
      <c r="N1036953" s="10"/>
    </row>
    <row r="1036954" spans="14:14">
      <c r="N1036954" s="10"/>
    </row>
    <row r="1036955" spans="14:14">
      <c r="N1036955" s="10"/>
    </row>
    <row r="1036956" spans="14:14">
      <c r="N1036956" s="10"/>
    </row>
    <row r="1036957" spans="14:14">
      <c r="N1036957" s="10"/>
    </row>
    <row r="1036958" spans="14:14">
      <c r="N1036958" s="10"/>
    </row>
    <row r="1036959" spans="14:14">
      <c r="N1036959" s="10"/>
    </row>
    <row r="1036960" spans="14:14">
      <c r="N1036960" s="10"/>
    </row>
    <row r="1036961" spans="14:14">
      <c r="N1036961" s="10"/>
    </row>
    <row r="1036962" spans="14:14">
      <c r="N1036962" s="10"/>
    </row>
    <row r="1036963" spans="14:14">
      <c r="N1036963" s="10"/>
    </row>
    <row r="1036964" spans="14:14">
      <c r="N1036964" s="10"/>
    </row>
    <row r="1036965" spans="14:14">
      <c r="N1036965" s="10"/>
    </row>
    <row r="1036966" spans="14:14">
      <c r="N1036966" s="10"/>
    </row>
    <row r="1036967" spans="14:14">
      <c r="N1036967" s="10"/>
    </row>
    <row r="1036968" spans="14:14">
      <c r="N1036968" s="10"/>
    </row>
    <row r="1036969" spans="14:14">
      <c r="N1036969" s="10"/>
    </row>
    <row r="1036970" spans="14:14">
      <c r="N1036970" s="10"/>
    </row>
    <row r="1036971" spans="14:14">
      <c r="N1036971" s="10"/>
    </row>
    <row r="1036972" spans="14:14">
      <c r="N1036972" s="10"/>
    </row>
    <row r="1036973" spans="14:14">
      <c r="N1036973" s="10"/>
    </row>
    <row r="1036974" spans="14:14">
      <c r="N1036974" s="10"/>
    </row>
    <row r="1036975" spans="14:14">
      <c r="N1036975" s="10"/>
    </row>
    <row r="1036976" spans="14:14">
      <c r="N1036976" s="10"/>
    </row>
    <row r="1036977" spans="14:14">
      <c r="N1036977" s="10"/>
    </row>
    <row r="1036978" spans="14:14">
      <c r="N1036978" s="10"/>
    </row>
    <row r="1036979" spans="14:14">
      <c r="N1036979" s="10"/>
    </row>
    <row r="1036980" spans="14:14">
      <c r="N1036980" s="10"/>
    </row>
    <row r="1036981" spans="14:14">
      <c r="N1036981" s="10"/>
    </row>
    <row r="1036982" spans="14:14">
      <c r="N1036982" s="10"/>
    </row>
    <row r="1036983" spans="14:14">
      <c r="N1036983" s="10"/>
    </row>
    <row r="1036984" spans="14:14">
      <c r="N1036984" s="10"/>
    </row>
    <row r="1036985" spans="14:14">
      <c r="N1036985" s="10"/>
    </row>
    <row r="1036986" spans="14:14">
      <c r="N1036986" s="10"/>
    </row>
    <row r="1036987" spans="14:14">
      <c r="N1036987" s="10"/>
    </row>
    <row r="1036988" spans="14:14">
      <c r="N1036988" s="10"/>
    </row>
    <row r="1036989" spans="14:14">
      <c r="N1036989" s="10"/>
    </row>
    <row r="1036990" spans="14:14">
      <c r="N1036990" s="10"/>
    </row>
    <row r="1036991" spans="14:14">
      <c r="N1036991" s="10"/>
    </row>
    <row r="1036992" spans="14:14">
      <c r="N1036992" s="10"/>
    </row>
    <row r="1036993" spans="14:14">
      <c r="N1036993" s="10"/>
    </row>
    <row r="1036994" spans="14:14">
      <c r="N1036994" s="10"/>
    </row>
    <row r="1036995" spans="14:14">
      <c r="N1036995" s="10"/>
    </row>
    <row r="1036996" spans="14:14">
      <c r="N1036996" s="10"/>
    </row>
    <row r="1036997" spans="14:14">
      <c r="N1036997" s="10"/>
    </row>
    <row r="1036998" spans="14:14">
      <c r="N1036998" s="10"/>
    </row>
    <row r="1036999" spans="14:14">
      <c r="N1036999" s="10"/>
    </row>
    <row r="1037000" spans="14:14">
      <c r="N1037000" s="10"/>
    </row>
    <row r="1037001" spans="14:14">
      <c r="N1037001" s="10"/>
    </row>
    <row r="1037002" spans="14:14">
      <c r="N1037002" s="10"/>
    </row>
    <row r="1037003" spans="14:14">
      <c r="N1037003" s="10"/>
    </row>
    <row r="1037004" spans="14:14">
      <c r="N1037004" s="10"/>
    </row>
    <row r="1037005" spans="14:14">
      <c r="N1037005" s="10"/>
    </row>
    <row r="1037006" spans="14:14">
      <c r="N1037006" s="10"/>
    </row>
    <row r="1037007" spans="14:14">
      <c r="N1037007" s="10"/>
    </row>
    <row r="1037008" spans="14:14">
      <c r="N1037008" s="10"/>
    </row>
    <row r="1037009" spans="14:14">
      <c r="N1037009" s="10"/>
    </row>
    <row r="1037010" spans="14:14">
      <c r="N1037010" s="10"/>
    </row>
    <row r="1037011" spans="14:14">
      <c r="N1037011" s="10"/>
    </row>
    <row r="1037012" spans="14:14">
      <c r="N1037012" s="10"/>
    </row>
    <row r="1037013" spans="14:14">
      <c r="N1037013" s="10"/>
    </row>
    <row r="1037014" spans="14:14">
      <c r="N1037014" s="10"/>
    </row>
    <row r="1037015" spans="14:14">
      <c r="N1037015" s="10"/>
    </row>
    <row r="1037016" spans="14:14">
      <c r="N1037016" s="10"/>
    </row>
    <row r="1037017" spans="14:14">
      <c r="N1037017" s="10"/>
    </row>
    <row r="1037018" spans="14:14">
      <c r="N1037018" s="10"/>
    </row>
    <row r="1037019" spans="14:14">
      <c r="N1037019" s="10"/>
    </row>
    <row r="1037020" spans="14:14">
      <c r="N1037020" s="10"/>
    </row>
    <row r="1037021" spans="14:14">
      <c r="N1037021" s="10"/>
    </row>
    <row r="1037022" spans="14:14">
      <c r="N1037022" s="10"/>
    </row>
    <row r="1037023" spans="14:14">
      <c r="N1037023" s="10"/>
    </row>
    <row r="1037024" spans="14:14">
      <c r="N1037024" s="10"/>
    </row>
    <row r="1037025" spans="14:14">
      <c r="N1037025" s="10"/>
    </row>
    <row r="1037026" spans="14:14">
      <c r="N1037026" s="10"/>
    </row>
    <row r="1037027" spans="14:14">
      <c r="N1037027" s="10"/>
    </row>
    <row r="1037028" spans="14:14">
      <c r="N1037028" s="10"/>
    </row>
    <row r="1037029" spans="14:14">
      <c r="N1037029" s="10"/>
    </row>
    <row r="1037030" spans="14:14">
      <c r="N1037030" s="10"/>
    </row>
    <row r="1037031" spans="14:14">
      <c r="N1037031" s="10"/>
    </row>
    <row r="1037032" spans="14:14">
      <c r="N1037032" s="10"/>
    </row>
    <row r="1037033" spans="14:14">
      <c r="N1037033" s="10"/>
    </row>
    <row r="1037034" spans="14:14">
      <c r="N1037034" s="10"/>
    </row>
    <row r="1037035" spans="14:14">
      <c r="N1037035" s="10"/>
    </row>
    <row r="1037036" spans="14:14">
      <c r="N1037036" s="10"/>
    </row>
    <row r="1037037" spans="14:14">
      <c r="N1037037" s="10"/>
    </row>
    <row r="1037038" spans="14:14">
      <c r="N1037038" s="10"/>
    </row>
    <row r="1037039" spans="14:14">
      <c r="N1037039" s="10"/>
    </row>
    <row r="1037040" spans="14:14">
      <c r="N1037040" s="10"/>
    </row>
    <row r="1037041" spans="14:14">
      <c r="N1037041" s="10"/>
    </row>
    <row r="1037042" spans="14:14">
      <c r="N1037042" s="10"/>
    </row>
    <row r="1037043" spans="14:14">
      <c r="N1037043" s="10"/>
    </row>
    <row r="1037044" spans="14:14">
      <c r="N1037044" s="10"/>
    </row>
    <row r="1037045" spans="14:14">
      <c r="N1037045" s="10"/>
    </row>
    <row r="1037046" spans="14:14">
      <c r="N1037046" s="10"/>
    </row>
    <row r="1037047" spans="14:14">
      <c r="N1037047" s="10"/>
    </row>
    <row r="1037048" spans="14:14">
      <c r="N1037048" s="10"/>
    </row>
    <row r="1037049" spans="14:14">
      <c r="N1037049" s="10"/>
    </row>
    <row r="1037050" spans="14:14">
      <c r="N1037050" s="10"/>
    </row>
    <row r="1037051" spans="14:14">
      <c r="N1037051" s="10"/>
    </row>
    <row r="1037052" spans="14:14">
      <c r="N1037052" s="10"/>
    </row>
    <row r="1037053" spans="14:14">
      <c r="N1037053" s="10"/>
    </row>
    <row r="1037054" spans="14:14">
      <c r="N1037054" s="10"/>
    </row>
    <row r="1037055" spans="14:14">
      <c r="N1037055" s="10"/>
    </row>
    <row r="1037056" spans="14:14">
      <c r="N1037056" s="10"/>
    </row>
    <row r="1037057" spans="14:14">
      <c r="N1037057" s="10"/>
    </row>
    <row r="1037058" spans="14:14">
      <c r="N1037058" s="10"/>
    </row>
    <row r="1037059" spans="14:14">
      <c r="N1037059" s="10"/>
    </row>
    <row r="1037060" spans="14:14">
      <c r="N1037060" s="10"/>
    </row>
    <row r="1037061" spans="14:14">
      <c r="N1037061" s="10"/>
    </row>
    <row r="1037062" spans="14:14">
      <c r="N1037062" s="10"/>
    </row>
    <row r="1037063" spans="14:14">
      <c r="N1037063" s="10"/>
    </row>
    <row r="1037064" spans="14:14">
      <c r="N1037064" s="10"/>
    </row>
    <row r="1037065" spans="14:14">
      <c r="N1037065" s="10"/>
    </row>
    <row r="1037066" spans="14:14">
      <c r="N1037066" s="10"/>
    </row>
    <row r="1037067" spans="14:14">
      <c r="N1037067" s="10"/>
    </row>
    <row r="1037068" spans="14:14">
      <c r="N1037068" s="10"/>
    </row>
    <row r="1037069" spans="14:14">
      <c r="N1037069" s="10"/>
    </row>
    <row r="1037070" spans="14:14">
      <c r="N1037070" s="10"/>
    </row>
    <row r="1037071" spans="14:14">
      <c r="N1037071" s="10"/>
    </row>
    <row r="1037072" spans="14:14">
      <c r="N1037072" s="10"/>
    </row>
    <row r="1037073" spans="14:14">
      <c r="N1037073" s="10"/>
    </row>
    <row r="1037074" spans="14:14">
      <c r="N1037074" s="10"/>
    </row>
    <row r="1037075" spans="14:14">
      <c r="N1037075" s="10"/>
    </row>
    <row r="1037076" spans="14:14">
      <c r="N1037076" s="10"/>
    </row>
    <row r="1037077" spans="14:14">
      <c r="N1037077" s="10"/>
    </row>
    <row r="1037078" spans="14:14">
      <c r="N1037078" s="10"/>
    </row>
    <row r="1037079" spans="14:14">
      <c r="N1037079" s="10"/>
    </row>
    <row r="1037080" spans="14:14">
      <c r="N1037080" s="10"/>
    </row>
    <row r="1037081" spans="14:14">
      <c r="N1037081" s="10"/>
    </row>
    <row r="1037082" spans="14:14">
      <c r="N1037082" s="10"/>
    </row>
    <row r="1037083" spans="14:14">
      <c r="N1037083" s="10"/>
    </row>
    <row r="1037084" spans="14:14">
      <c r="N1037084" s="10"/>
    </row>
    <row r="1037085" spans="14:14">
      <c r="N1037085" s="10"/>
    </row>
    <row r="1037086" spans="14:14">
      <c r="N1037086" s="10"/>
    </row>
    <row r="1037087" spans="14:14">
      <c r="N1037087" s="10"/>
    </row>
    <row r="1037088" spans="14:14">
      <c r="N1037088" s="10"/>
    </row>
    <row r="1037089" spans="14:14">
      <c r="N1037089" s="10"/>
    </row>
    <row r="1037090" spans="14:14">
      <c r="N1037090" s="10"/>
    </row>
    <row r="1037091" spans="14:14">
      <c r="N1037091" s="10"/>
    </row>
    <row r="1037092" spans="14:14">
      <c r="N1037092" s="10"/>
    </row>
    <row r="1037093" spans="14:14">
      <c r="N1037093" s="10"/>
    </row>
    <row r="1037094" spans="14:14">
      <c r="N1037094" s="10"/>
    </row>
    <row r="1037095" spans="14:14">
      <c r="N1037095" s="10"/>
    </row>
    <row r="1037096" spans="14:14">
      <c r="N1037096" s="10"/>
    </row>
    <row r="1037097" spans="14:14">
      <c r="N1037097" s="10"/>
    </row>
    <row r="1037098" spans="14:14">
      <c r="N1037098" s="10"/>
    </row>
    <row r="1037099" spans="14:14">
      <c r="N1037099" s="10"/>
    </row>
    <row r="1037100" spans="14:14">
      <c r="N1037100" s="10"/>
    </row>
    <row r="1037101" spans="14:14">
      <c r="N1037101" s="10"/>
    </row>
    <row r="1037102" spans="14:14">
      <c r="N1037102" s="10"/>
    </row>
    <row r="1037103" spans="14:14">
      <c r="N1037103" s="10"/>
    </row>
    <row r="1037104" spans="14:14">
      <c r="N1037104" s="10"/>
    </row>
    <row r="1037105" spans="14:14">
      <c r="N1037105" s="10"/>
    </row>
    <row r="1037106" spans="14:14">
      <c r="N1037106" s="10"/>
    </row>
    <row r="1037107" spans="14:14">
      <c r="N1037107" s="10"/>
    </row>
    <row r="1037108" spans="14:14">
      <c r="N1037108" s="10"/>
    </row>
    <row r="1037109" spans="14:14">
      <c r="N1037109" s="10"/>
    </row>
    <row r="1037110" spans="14:14">
      <c r="N1037110" s="10"/>
    </row>
    <row r="1037111" spans="14:14">
      <c r="N1037111" s="10"/>
    </row>
    <row r="1037112" spans="14:14">
      <c r="N1037112" s="10"/>
    </row>
    <row r="1037113" spans="14:14">
      <c r="N1037113" s="10"/>
    </row>
    <row r="1037114" spans="14:14">
      <c r="N1037114" s="10"/>
    </row>
    <row r="1037115" spans="14:14">
      <c r="N1037115" s="10"/>
    </row>
    <row r="1037116" spans="14:14">
      <c r="N1037116" s="10"/>
    </row>
    <row r="1037117" spans="14:14">
      <c r="N1037117" s="10"/>
    </row>
    <row r="1037118" spans="14:14">
      <c r="N1037118" s="10"/>
    </row>
    <row r="1037119" spans="14:14">
      <c r="N1037119" s="10"/>
    </row>
    <row r="1037120" spans="14:14">
      <c r="N1037120" s="10"/>
    </row>
    <row r="1037121" spans="14:14">
      <c r="N1037121" s="10"/>
    </row>
    <row r="1037122" spans="14:14">
      <c r="N1037122" s="10"/>
    </row>
    <row r="1037123" spans="14:14">
      <c r="N1037123" s="10"/>
    </row>
    <row r="1037124" spans="14:14">
      <c r="N1037124" s="10"/>
    </row>
    <row r="1037125" spans="14:14">
      <c r="N1037125" s="10"/>
    </row>
    <row r="1037126" spans="14:14">
      <c r="N1037126" s="10"/>
    </row>
    <row r="1037127" spans="14:14">
      <c r="N1037127" s="10"/>
    </row>
    <row r="1037128" spans="14:14">
      <c r="N1037128" s="10"/>
    </row>
    <row r="1037129" spans="14:14">
      <c r="N1037129" s="10"/>
    </row>
    <row r="1037130" spans="14:14">
      <c r="N1037130" s="10"/>
    </row>
    <row r="1037131" spans="14:14">
      <c r="N1037131" s="10"/>
    </row>
    <row r="1037132" spans="14:14">
      <c r="N1037132" s="10"/>
    </row>
    <row r="1037133" spans="14:14">
      <c r="N1037133" s="10"/>
    </row>
    <row r="1037134" spans="14:14">
      <c r="N1037134" s="10"/>
    </row>
    <row r="1037135" spans="14:14">
      <c r="N1037135" s="10"/>
    </row>
    <row r="1037136" spans="14:14">
      <c r="N1037136" s="10"/>
    </row>
    <row r="1037137" spans="14:14">
      <c r="N1037137" s="10"/>
    </row>
    <row r="1037138" spans="14:14">
      <c r="N1037138" s="10"/>
    </row>
    <row r="1037139" spans="14:14">
      <c r="N1037139" s="10"/>
    </row>
    <row r="1037140" spans="14:14">
      <c r="N1037140" s="10"/>
    </row>
    <row r="1037141" spans="14:14">
      <c r="N1037141" s="10"/>
    </row>
    <row r="1037142" spans="14:14">
      <c r="N1037142" s="10"/>
    </row>
    <row r="1037143" spans="14:14">
      <c r="N1037143" s="10"/>
    </row>
    <row r="1037144" spans="14:14">
      <c r="N1037144" s="10"/>
    </row>
    <row r="1037145" spans="14:14">
      <c r="N1037145" s="10"/>
    </row>
    <row r="1037146" spans="14:14">
      <c r="N1037146" s="10"/>
    </row>
    <row r="1037147" spans="14:14">
      <c r="N1037147" s="10"/>
    </row>
    <row r="1037148" spans="14:14">
      <c r="N1037148" s="10"/>
    </row>
    <row r="1037149" spans="14:14">
      <c r="N1037149" s="10"/>
    </row>
    <row r="1037150" spans="14:14">
      <c r="N1037150" s="10"/>
    </row>
    <row r="1037151" spans="14:14">
      <c r="N1037151" s="10"/>
    </row>
    <row r="1037152" spans="14:14">
      <c r="N1037152" s="10"/>
    </row>
    <row r="1037153" spans="14:14">
      <c r="N1037153" s="10"/>
    </row>
    <row r="1037154" spans="14:14">
      <c r="N1037154" s="10"/>
    </row>
    <row r="1037155" spans="14:14">
      <c r="N1037155" s="10"/>
    </row>
    <row r="1037156" spans="14:14">
      <c r="N1037156" s="10"/>
    </row>
    <row r="1037157" spans="14:14">
      <c r="N1037157" s="10"/>
    </row>
    <row r="1037158" spans="14:14">
      <c r="N1037158" s="10"/>
    </row>
    <row r="1037159" spans="14:14">
      <c r="N1037159" s="10"/>
    </row>
    <row r="1037160" spans="14:14">
      <c r="N1037160" s="10"/>
    </row>
    <row r="1037161" spans="14:14">
      <c r="N1037161" s="10"/>
    </row>
    <row r="1037162" spans="14:14">
      <c r="N1037162" s="10"/>
    </row>
    <row r="1037163" spans="14:14">
      <c r="N1037163" s="10"/>
    </row>
    <row r="1037164" spans="14:14">
      <c r="N1037164" s="10"/>
    </row>
    <row r="1037165" spans="14:14">
      <c r="N1037165" s="10"/>
    </row>
    <row r="1037166" spans="14:14">
      <c r="N1037166" s="10"/>
    </row>
    <row r="1037167" spans="14:14">
      <c r="N1037167" s="10"/>
    </row>
    <row r="1037168" spans="14:14">
      <c r="N1037168" s="10"/>
    </row>
    <row r="1037169" spans="14:14">
      <c r="N1037169" s="10"/>
    </row>
    <row r="1037170" spans="14:14">
      <c r="N1037170" s="10"/>
    </row>
    <row r="1037171" spans="14:14">
      <c r="N1037171" s="10"/>
    </row>
    <row r="1037172" spans="14:14">
      <c r="N1037172" s="10"/>
    </row>
    <row r="1037173" spans="14:14">
      <c r="N1037173" s="10"/>
    </row>
    <row r="1037174" spans="14:14">
      <c r="N1037174" s="10"/>
    </row>
    <row r="1037175" spans="14:14">
      <c r="N1037175" s="10"/>
    </row>
    <row r="1037176" spans="14:14">
      <c r="N1037176" s="10"/>
    </row>
    <row r="1037177" spans="14:14">
      <c r="N1037177" s="10"/>
    </row>
    <row r="1037178" spans="14:14">
      <c r="N1037178" s="10"/>
    </row>
    <row r="1037179" spans="14:14">
      <c r="N1037179" s="10"/>
    </row>
    <row r="1037180" spans="14:14">
      <c r="N1037180" s="10"/>
    </row>
    <row r="1037181" spans="14:14">
      <c r="N1037181" s="10"/>
    </row>
    <row r="1037182" spans="14:14">
      <c r="N1037182" s="10"/>
    </row>
    <row r="1037183" spans="14:14">
      <c r="N1037183" s="10"/>
    </row>
    <row r="1037184" spans="14:14">
      <c r="N1037184" s="10"/>
    </row>
    <row r="1037185" spans="14:14">
      <c r="N1037185" s="10"/>
    </row>
    <row r="1037186" spans="14:14">
      <c r="N1037186" s="10"/>
    </row>
    <row r="1037187" spans="14:14">
      <c r="N1037187" s="10"/>
    </row>
    <row r="1037188" spans="14:14">
      <c r="N1037188" s="10"/>
    </row>
    <row r="1037189" spans="14:14">
      <c r="N1037189" s="10"/>
    </row>
    <row r="1037190" spans="14:14">
      <c r="N1037190" s="10"/>
    </row>
    <row r="1037191" spans="14:14">
      <c r="N1037191" s="10"/>
    </row>
    <row r="1037192" spans="14:14">
      <c r="N1037192" s="10"/>
    </row>
    <row r="1037193" spans="14:14">
      <c r="N1037193" s="10"/>
    </row>
    <row r="1037194" spans="14:14">
      <c r="N1037194" s="10"/>
    </row>
    <row r="1037195" spans="14:14">
      <c r="N1037195" s="10"/>
    </row>
    <row r="1037196" spans="14:14">
      <c r="N1037196" s="10"/>
    </row>
    <row r="1037197" spans="14:14">
      <c r="N1037197" s="10"/>
    </row>
    <row r="1037198" spans="14:14">
      <c r="N1037198" s="10"/>
    </row>
    <row r="1037199" spans="14:14">
      <c r="N1037199" s="10"/>
    </row>
    <row r="1037200" spans="14:14">
      <c r="N1037200" s="10"/>
    </row>
    <row r="1037201" spans="14:14">
      <c r="N1037201" s="10"/>
    </row>
    <row r="1037202" spans="14:14">
      <c r="N1037202" s="10"/>
    </row>
    <row r="1037203" spans="14:14">
      <c r="N1037203" s="10"/>
    </row>
    <row r="1037204" spans="14:14">
      <c r="N1037204" s="10"/>
    </row>
    <row r="1037205" spans="14:14">
      <c r="N1037205" s="10"/>
    </row>
    <row r="1037206" spans="14:14">
      <c r="N1037206" s="10"/>
    </row>
    <row r="1037207" spans="14:14">
      <c r="N1037207" s="10"/>
    </row>
    <row r="1037208" spans="14:14">
      <c r="N1037208" s="10"/>
    </row>
    <row r="1037209" spans="14:14">
      <c r="N1037209" s="10"/>
    </row>
    <row r="1037210" spans="14:14">
      <c r="N1037210" s="10"/>
    </row>
    <row r="1037211" spans="14:14">
      <c r="N1037211" s="10"/>
    </row>
    <row r="1037212" spans="14:14">
      <c r="N1037212" s="10"/>
    </row>
    <row r="1037213" spans="14:14">
      <c r="N1037213" s="10"/>
    </row>
    <row r="1037214" spans="14:14">
      <c r="N1037214" s="10"/>
    </row>
    <row r="1037215" spans="14:14">
      <c r="N1037215" s="10"/>
    </row>
    <row r="1037216" spans="14:14">
      <c r="N1037216" s="10"/>
    </row>
    <row r="1037217" spans="14:14">
      <c r="N1037217" s="10"/>
    </row>
    <row r="1037218" spans="14:14">
      <c r="N1037218" s="10"/>
    </row>
    <row r="1037219" spans="14:14">
      <c r="N1037219" s="10"/>
    </row>
    <row r="1037220" spans="14:14">
      <c r="N1037220" s="10"/>
    </row>
    <row r="1037221" spans="14:14">
      <c r="N1037221" s="10"/>
    </row>
    <row r="1037222" spans="14:14">
      <c r="N1037222" s="10"/>
    </row>
    <row r="1037223" spans="14:14">
      <c r="N1037223" s="10"/>
    </row>
    <row r="1037224" spans="14:14">
      <c r="N1037224" s="10"/>
    </row>
    <row r="1037225" spans="14:14">
      <c r="N1037225" s="10"/>
    </row>
    <row r="1037226" spans="14:14">
      <c r="N1037226" s="10"/>
    </row>
    <row r="1037227" spans="14:14">
      <c r="N1037227" s="10"/>
    </row>
    <row r="1037228" spans="14:14">
      <c r="N1037228" s="10"/>
    </row>
    <row r="1037229" spans="14:14">
      <c r="N1037229" s="10"/>
    </row>
    <row r="1037230" spans="14:14">
      <c r="N1037230" s="10"/>
    </row>
    <row r="1037231" spans="14:14">
      <c r="N1037231" s="10"/>
    </row>
    <row r="1037232" spans="14:14">
      <c r="N1037232" s="10"/>
    </row>
    <row r="1037233" spans="14:14">
      <c r="N1037233" s="10"/>
    </row>
    <row r="1037234" spans="14:14">
      <c r="N1037234" s="10"/>
    </row>
    <row r="1037235" spans="14:14">
      <c r="N1037235" s="10"/>
    </row>
    <row r="1037236" spans="14:14">
      <c r="N1037236" s="10"/>
    </row>
    <row r="1037237" spans="14:14">
      <c r="N1037237" s="10"/>
    </row>
    <row r="1037238" spans="14:14">
      <c r="N1037238" s="10"/>
    </row>
    <row r="1037239" spans="14:14">
      <c r="N1037239" s="10"/>
    </row>
    <row r="1037240" spans="14:14">
      <c r="N1037240" s="10"/>
    </row>
    <row r="1037241" spans="14:14">
      <c r="N1037241" s="10"/>
    </row>
    <row r="1037242" spans="14:14">
      <c r="N1037242" s="10"/>
    </row>
    <row r="1037243" spans="14:14">
      <c r="N1037243" s="10"/>
    </row>
    <row r="1037244" spans="14:14">
      <c r="N1037244" s="10"/>
    </row>
    <row r="1037245" spans="14:14">
      <c r="N1037245" s="10"/>
    </row>
    <row r="1037246" spans="14:14">
      <c r="N1037246" s="10"/>
    </row>
    <row r="1037247" spans="14:14">
      <c r="N1037247" s="10"/>
    </row>
    <row r="1037248" spans="14:14">
      <c r="N1037248" s="10"/>
    </row>
    <row r="1037249" spans="14:14">
      <c r="N1037249" s="10"/>
    </row>
    <row r="1037250" spans="14:14">
      <c r="N1037250" s="10"/>
    </row>
    <row r="1037251" spans="14:14">
      <c r="N1037251" s="10"/>
    </row>
    <row r="1037252" spans="14:14">
      <c r="N1037252" s="10"/>
    </row>
    <row r="1037253" spans="14:14">
      <c r="N1037253" s="10"/>
    </row>
    <row r="1037254" spans="14:14">
      <c r="N1037254" s="10"/>
    </row>
    <row r="1037255" spans="14:14">
      <c r="N1037255" s="10"/>
    </row>
    <row r="1037256" spans="14:14">
      <c r="N1037256" s="10"/>
    </row>
    <row r="1037257" spans="14:14">
      <c r="N1037257" s="10"/>
    </row>
    <row r="1037258" spans="14:14">
      <c r="N1037258" s="10"/>
    </row>
    <row r="1037259" spans="14:14">
      <c r="N1037259" s="10"/>
    </row>
    <row r="1037260" spans="14:14">
      <c r="N1037260" s="10"/>
    </row>
    <row r="1037261" spans="14:14">
      <c r="N1037261" s="10"/>
    </row>
    <row r="1037262" spans="14:14">
      <c r="N1037262" s="10"/>
    </row>
    <row r="1037263" spans="14:14">
      <c r="N1037263" s="10"/>
    </row>
    <row r="1037264" spans="14:14">
      <c r="N1037264" s="10"/>
    </row>
    <row r="1037265" spans="14:14">
      <c r="N1037265" s="10"/>
    </row>
    <row r="1037266" spans="14:14">
      <c r="N1037266" s="10"/>
    </row>
    <row r="1037267" spans="14:14">
      <c r="N1037267" s="10"/>
    </row>
    <row r="1037268" spans="14:14">
      <c r="N1037268" s="10"/>
    </row>
    <row r="1037269" spans="14:14">
      <c r="N1037269" s="10"/>
    </row>
    <row r="1037270" spans="14:14">
      <c r="N1037270" s="10"/>
    </row>
    <row r="1037271" spans="14:14">
      <c r="N1037271" s="10"/>
    </row>
    <row r="1037272" spans="14:14">
      <c r="N1037272" s="10"/>
    </row>
    <row r="1037273" spans="14:14">
      <c r="N1037273" s="10"/>
    </row>
    <row r="1037274" spans="14:14">
      <c r="N1037274" s="10"/>
    </row>
    <row r="1037275" spans="14:14">
      <c r="N1037275" s="10"/>
    </row>
    <row r="1037276" spans="14:14">
      <c r="N1037276" s="10"/>
    </row>
    <row r="1037277" spans="14:14">
      <c r="N1037277" s="10"/>
    </row>
    <row r="1037278" spans="14:14">
      <c r="N1037278" s="10"/>
    </row>
    <row r="1037279" spans="14:14">
      <c r="N1037279" s="10"/>
    </row>
    <row r="1037280" spans="14:14">
      <c r="N1037280" s="10"/>
    </row>
    <row r="1037281" spans="14:14">
      <c r="N1037281" s="10"/>
    </row>
    <row r="1037282" spans="14:14">
      <c r="N1037282" s="10"/>
    </row>
    <row r="1037283" spans="14:14">
      <c r="N1037283" s="10"/>
    </row>
    <row r="1037284" spans="14:14">
      <c r="N1037284" s="10"/>
    </row>
    <row r="1037285" spans="14:14">
      <c r="N1037285" s="10"/>
    </row>
    <row r="1037286" spans="14:14">
      <c r="N1037286" s="10"/>
    </row>
    <row r="1037287" spans="14:14">
      <c r="N1037287" s="10"/>
    </row>
    <row r="1037288" spans="14:14">
      <c r="N1037288" s="10"/>
    </row>
    <row r="1037289" spans="14:14">
      <c r="N1037289" s="10"/>
    </row>
    <row r="1037290" spans="14:14">
      <c r="N1037290" s="10"/>
    </row>
    <row r="1037291" spans="14:14">
      <c r="N1037291" s="10"/>
    </row>
    <row r="1037292" spans="14:14">
      <c r="N1037292" s="10"/>
    </row>
    <row r="1037293" spans="14:14">
      <c r="N1037293" s="10"/>
    </row>
    <row r="1037294" spans="14:14">
      <c r="N1037294" s="10"/>
    </row>
    <row r="1037295" spans="14:14">
      <c r="N1037295" s="10"/>
    </row>
    <row r="1037296" spans="14:14">
      <c r="N1037296" s="10"/>
    </row>
    <row r="1037297" spans="14:14">
      <c r="N1037297" s="10"/>
    </row>
    <row r="1037298" spans="14:14">
      <c r="N1037298" s="10"/>
    </row>
    <row r="1037299" spans="14:14">
      <c r="N1037299" s="10"/>
    </row>
    <row r="1037300" spans="14:14">
      <c r="N1037300" s="10"/>
    </row>
    <row r="1037301" spans="14:14">
      <c r="N1037301" s="10"/>
    </row>
    <row r="1037302" spans="14:14">
      <c r="N1037302" s="10"/>
    </row>
    <row r="1037303" spans="14:14">
      <c r="N1037303" s="10"/>
    </row>
    <row r="1037304" spans="14:14">
      <c r="N1037304" s="10"/>
    </row>
    <row r="1037305" spans="14:14">
      <c r="N1037305" s="10"/>
    </row>
    <row r="1037306" spans="14:14">
      <c r="N1037306" s="10"/>
    </row>
    <row r="1037307" spans="14:14">
      <c r="N1037307" s="10"/>
    </row>
    <row r="1037308" spans="14:14">
      <c r="N1037308" s="10"/>
    </row>
    <row r="1037309" spans="14:14">
      <c r="N1037309" s="10"/>
    </row>
    <row r="1037310" spans="14:14">
      <c r="N1037310" s="10"/>
    </row>
    <row r="1037311" spans="14:14">
      <c r="N1037311" s="10"/>
    </row>
    <row r="1037312" spans="14:14">
      <c r="N1037312" s="10"/>
    </row>
    <row r="1037313" spans="14:14">
      <c r="N1037313" s="10"/>
    </row>
    <row r="1037314" spans="14:14">
      <c r="N1037314" s="10"/>
    </row>
    <row r="1037315" spans="14:14">
      <c r="N1037315" s="10"/>
    </row>
    <row r="1037316" spans="14:14">
      <c r="N1037316" s="10"/>
    </row>
    <row r="1037317" spans="14:14">
      <c r="N1037317" s="10"/>
    </row>
    <row r="1037318" spans="14:14">
      <c r="N1037318" s="10"/>
    </row>
    <row r="1037319" spans="14:14">
      <c r="N1037319" s="10"/>
    </row>
    <row r="1037320" spans="14:14">
      <c r="N1037320" s="10"/>
    </row>
    <row r="1037321" spans="14:14">
      <c r="N1037321" s="10"/>
    </row>
    <row r="1037322" spans="14:14">
      <c r="N1037322" s="10"/>
    </row>
    <row r="1037323" spans="14:14">
      <c r="N1037323" s="10"/>
    </row>
    <row r="1037324" spans="14:14">
      <c r="N1037324" s="10"/>
    </row>
    <row r="1037325" spans="14:14">
      <c r="N1037325" s="10"/>
    </row>
    <row r="1037326" spans="14:14">
      <c r="N1037326" s="10"/>
    </row>
    <row r="1037327" spans="14:14">
      <c r="N1037327" s="10"/>
    </row>
    <row r="1037328" spans="14:14">
      <c r="N1037328" s="10"/>
    </row>
    <row r="1037329" spans="14:14">
      <c r="N1037329" s="10"/>
    </row>
    <row r="1037330" spans="14:14">
      <c r="N1037330" s="10"/>
    </row>
    <row r="1037331" spans="14:14">
      <c r="N1037331" s="10"/>
    </row>
    <row r="1037332" spans="14:14">
      <c r="N1037332" s="10"/>
    </row>
    <row r="1037333" spans="14:14">
      <c r="N1037333" s="10"/>
    </row>
    <row r="1037334" spans="14:14">
      <c r="N1037334" s="10"/>
    </row>
    <row r="1037335" spans="14:14">
      <c r="N1037335" s="10"/>
    </row>
    <row r="1037336" spans="14:14">
      <c r="N1037336" s="10"/>
    </row>
    <row r="1037337" spans="14:14">
      <c r="N1037337" s="10"/>
    </row>
    <row r="1037338" spans="14:14">
      <c r="N1037338" s="10"/>
    </row>
    <row r="1037339" spans="14:14">
      <c r="N1037339" s="10"/>
    </row>
    <row r="1037340" spans="14:14">
      <c r="N1037340" s="10"/>
    </row>
    <row r="1037341" spans="14:14">
      <c r="N1037341" s="10"/>
    </row>
    <row r="1037342" spans="14:14">
      <c r="N1037342" s="10"/>
    </row>
    <row r="1037343" spans="14:14">
      <c r="N1037343" s="10"/>
    </row>
    <row r="1037344" spans="14:14">
      <c r="N1037344" s="10"/>
    </row>
    <row r="1037345" spans="14:14">
      <c r="N1037345" s="10"/>
    </row>
    <row r="1037346" spans="14:14">
      <c r="N1037346" s="10"/>
    </row>
    <row r="1037347" spans="14:14">
      <c r="N1037347" s="10"/>
    </row>
    <row r="1037348" spans="14:14">
      <c r="N1037348" s="10"/>
    </row>
    <row r="1037349" spans="14:14">
      <c r="N1037349" s="10"/>
    </row>
    <row r="1037350" spans="14:14">
      <c r="N1037350" s="10"/>
    </row>
    <row r="1037351" spans="14:14">
      <c r="N1037351" s="10"/>
    </row>
    <row r="1037352" spans="14:14">
      <c r="N1037352" s="10"/>
    </row>
    <row r="1037353" spans="14:14">
      <c r="N1037353" s="10"/>
    </row>
    <row r="1037354" spans="14:14">
      <c r="N1037354" s="10"/>
    </row>
    <row r="1037355" spans="14:14">
      <c r="N1037355" s="10"/>
    </row>
    <row r="1037356" spans="14:14">
      <c r="N1037356" s="10"/>
    </row>
    <row r="1037357" spans="14:14">
      <c r="N1037357" s="10"/>
    </row>
    <row r="1037358" spans="14:14">
      <c r="N1037358" s="10"/>
    </row>
    <row r="1037359" spans="14:14">
      <c r="N1037359" s="10"/>
    </row>
    <row r="1037360" spans="14:14">
      <c r="N1037360" s="10"/>
    </row>
    <row r="1037361" spans="14:14">
      <c r="N1037361" s="10"/>
    </row>
    <row r="1037362" spans="14:14">
      <c r="N1037362" s="10"/>
    </row>
    <row r="1037363" spans="14:14">
      <c r="N1037363" s="10"/>
    </row>
    <row r="1037364" spans="14:14">
      <c r="N1037364" s="10"/>
    </row>
    <row r="1037365" spans="14:14">
      <c r="N1037365" s="10"/>
    </row>
    <row r="1037366" spans="14:14">
      <c r="N1037366" s="10"/>
    </row>
    <row r="1037367" spans="14:14">
      <c r="N1037367" s="10"/>
    </row>
    <row r="1037368" spans="14:14">
      <c r="N1037368" s="10"/>
    </row>
    <row r="1037369" spans="14:14">
      <c r="N1037369" s="10"/>
    </row>
    <row r="1037370" spans="14:14">
      <c r="N1037370" s="10"/>
    </row>
    <row r="1037371" spans="14:14">
      <c r="N1037371" s="10"/>
    </row>
    <row r="1037372" spans="14:14">
      <c r="N1037372" s="10"/>
    </row>
    <row r="1037373" spans="14:14">
      <c r="N1037373" s="10"/>
    </row>
    <row r="1037374" spans="14:14">
      <c r="N1037374" s="10"/>
    </row>
    <row r="1037375" spans="14:14">
      <c r="N1037375" s="10"/>
    </row>
    <row r="1037376" spans="14:14">
      <c r="N1037376" s="10"/>
    </row>
    <row r="1037377" spans="14:14">
      <c r="N1037377" s="10"/>
    </row>
    <row r="1037378" spans="14:14">
      <c r="N1037378" s="10"/>
    </row>
    <row r="1037379" spans="14:14">
      <c r="N1037379" s="10"/>
    </row>
    <row r="1037380" spans="14:14">
      <c r="N1037380" s="10"/>
    </row>
    <row r="1037381" spans="14:14">
      <c r="N1037381" s="10"/>
    </row>
    <row r="1037382" spans="14:14">
      <c r="N1037382" s="10"/>
    </row>
    <row r="1037383" spans="14:14">
      <c r="N1037383" s="10"/>
    </row>
    <row r="1037384" spans="14:14">
      <c r="N1037384" s="10"/>
    </row>
    <row r="1037385" spans="14:14">
      <c r="N1037385" s="10"/>
    </row>
    <row r="1037386" spans="14:14">
      <c r="N1037386" s="10"/>
    </row>
    <row r="1037387" spans="14:14">
      <c r="N1037387" s="10"/>
    </row>
    <row r="1037388" spans="14:14">
      <c r="N1037388" s="10"/>
    </row>
    <row r="1037389" spans="14:14">
      <c r="N1037389" s="10"/>
    </row>
    <row r="1037390" spans="14:14">
      <c r="N1037390" s="10"/>
    </row>
    <row r="1037391" spans="14:14">
      <c r="N1037391" s="10"/>
    </row>
    <row r="1037392" spans="14:14">
      <c r="N1037392" s="10"/>
    </row>
    <row r="1037393" spans="14:14">
      <c r="N1037393" s="10"/>
    </row>
    <row r="1037394" spans="14:14">
      <c r="N1037394" s="10"/>
    </row>
    <row r="1037395" spans="14:14">
      <c r="N1037395" s="10"/>
    </row>
    <row r="1037396" spans="14:14">
      <c r="N1037396" s="10"/>
    </row>
    <row r="1037397" spans="14:14">
      <c r="N1037397" s="10"/>
    </row>
    <row r="1037398" spans="14:14">
      <c r="N1037398" s="10"/>
    </row>
    <row r="1037399" spans="14:14">
      <c r="N1037399" s="10"/>
    </row>
    <row r="1037400" spans="14:14">
      <c r="N1037400" s="10"/>
    </row>
    <row r="1037401" spans="14:14">
      <c r="N1037401" s="10"/>
    </row>
    <row r="1037402" spans="14:14">
      <c r="N1037402" s="10"/>
    </row>
    <row r="1037403" spans="14:14">
      <c r="N1037403" s="10"/>
    </row>
    <row r="1037404" spans="14:14">
      <c r="N1037404" s="10"/>
    </row>
    <row r="1037405" spans="14:14">
      <c r="N1037405" s="10"/>
    </row>
    <row r="1037406" spans="14:14">
      <c r="N1037406" s="10"/>
    </row>
    <row r="1037407" spans="14:14">
      <c r="N1037407" s="10"/>
    </row>
    <row r="1037408" spans="14:14">
      <c r="N1037408" s="10"/>
    </row>
    <row r="1037409" spans="14:14">
      <c r="N1037409" s="10"/>
    </row>
    <row r="1037410" spans="14:14">
      <c r="N1037410" s="10"/>
    </row>
    <row r="1037411" spans="14:14">
      <c r="N1037411" s="10"/>
    </row>
    <row r="1037412" spans="14:14">
      <c r="N1037412" s="10"/>
    </row>
    <row r="1037413" spans="14:14">
      <c r="N1037413" s="10"/>
    </row>
    <row r="1037414" spans="14:14">
      <c r="N1037414" s="10"/>
    </row>
    <row r="1037415" spans="14:14">
      <c r="N1037415" s="10"/>
    </row>
    <row r="1037416" spans="14:14">
      <c r="N1037416" s="10"/>
    </row>
    <row r="1037417" spans="14:14">
      <c r="N1037417" s="10"/>
    </row>
    <row r="1037418" spans="14:14">
      <c r="N1037418" s="10"/>
    </row>
    <row r="1037419" spans="14:14">
      <c r="N1037419" s="10"/>
    </row>
    <row r="1037420" spans="14:14">
      <c r="N1037420" s="10"/>
    </row>
    <row r="1037421" spans="14:14">
      <c r="N1037421" s="10"/>
    </row>
    <row r="1037422" spans="14:14">
      <c r="N1037422" s="10"/>
    </row>
    <row r="1037423" spans="14:14">
      <c r="N1037423" s="10"/>
    </row>
    <row r="1037424" spans="14:14">
      <c r="N1037424" s="10"/>
    </row>
    <row r="1037425" spans="14:14">
      <c r="N1037425" s="10"/>
    </row>
    <row r="1037426" spans="14:14">
      <c r="N1037426" s="10"/>
    </row>
    <row r="1037427" spans="14:14">
      <c r="N1037427" s="10"/>
    </row>
    <row r="1037428" spans="14:14">
      <c r="N1037428" s="10"/>
    </row>
    <row r="1037429" spans="14:14">
      <c r="N1037429" s="10"/>
    </row>
    <row r="1037430" spans="14:14">
      <c r="N1037430" s="10"/>
    </row>
    <row r="1037431" spans="14:14">
      <c r="N1037431" s="10"/>
    </row>
    <row r="1037432" spans="14:14">
      <c r="N1037432" s="10"/>
    </row>
    <row r="1037433" spans="14:14">
      <c r="N1037433" s="10"/>
    </row>
    <row r="1037434" spans="14:14">
      <c r="N1037434" s="10"/>
    </row>
    <row r="1037435" spans="14:14">
      <c r="N1037435" s="10"/>
    </row>
    <row r="1037436" spans="14:14">
      <c r="N1037436" s="10"/>
    </row>
    <row r="1037437" spans="14:14">
      <c r="N1037437" s="10"/>
    </row>
    <row r="1037438" spans="14:14">
      <c r="N1037438" s="10"/>
    </row>
    <row r="1037439" spans="14:14">
      <c r="N1037439" s="10"/>
    </row>
    <row r="1037440" spans="14:14">
      <c r="N1037440" s="10"/>
    </row>
    <row r="1037441" spans="14:14">
      <c r="N1037441" s="10"/>
    </row>
    <row r="1037442" spans="14:14">
      <c r="N1037442" s="10"/>
    </row>
    <row r="1037443" spans="14:14">
      <c r="N1037443" s="10"/>
    </row>
    <row r="1037444" spans="14:14">
      <c r="N1037444" s="10"/>
    </row>
    <row r="1037445" spans="14:14">
      <c r="N1037445" s="10"/>
    </row>
    <row r="1037446" spans="14:14">
      <c r="N1037446" s="10"/>
    </row>
    <row r="1037447" spans="14:14">
      <c r="N1037447" s="10"/>
    </row>
    <row r="1037448" spans="14:14">
      <c r="N1037448" s="10"/>
    </row>
    <row r="1037449" spans="14:14">
      <c r="N1037449" s="10"/>
    </row>
    <row r="1037450" spans="14:14">
      <c r="N1037450" s="10"/>
    </row>
    <row r="1037451" spans="14:14">
      <c r="N1037451" s="10"/>
    </row>
    <row r="1037452" spans="14:14">
      <c r="N1037452" s="10"/>
    </row>
    <row r="1037453" spans="14:14">
      <c r="N1037453" s="10"/>
    </row>
    <row r="1037454" spans="14:14">
      <c r="N1037454" s="10"/>
    </row>
    <row r="1037455" spans="14:14">
      <c r="N1037455" s="10"/>
    </row>
    <row r="1037456" spans="14:14">
      <c r="N1037456" s="10"/>
    </row>
    <row r="1037457" spans="14:14">
      <c r="N1037457" s="10"/>
    </row>
    <row r="1037458" spans="14:14">
      <c r="N1037458" s="10"/>
    </row>
    <row r="1037459" spans="14:14">
      <c r="N1037459" s="10"/>
    </row>
    <row r="1037460" spans="14:14">
      <c r="N1037460" s="10"/>
    </row>
    <row r="1037461" spans="14:14">
      <c r="N1037461" s="10"/>
    </row>
    <row r="1037462" spans="14:14">
      <c r="N1037462" s="10"/>
    </row>
    <row r="1037463" spans="14:14">
      <c r="N1037463" s="10"/>
    </row>
    <row r="1037464" spans="14:14">
      <c r="N1037464" s="10"/>
    </row>
    <row r="1037465" spans="14:14">
      <c r="N1037465" s="10"/>
    </row>
    <row r="1037466" spans="14:14">
      <c r="N1037466" s="10"/>
    </row>
    <row r="1037467" spans="14:14">
      <c r="N1037467" s="10"/>
    </row>
    <row r="1037468" spans="14:14">
      <c r="N1037468" s="10"/>
    </row>
    <row r="1037469" spans="14:14">
      <c r="N1037469" s="10"/>
    </row>
    <row r="1037470" spans="14:14">
      <c r="N1037470" s="10"/>
    </row>
    <row r="1037471" spans="14:14">
      <c r="N1037471" s="10"/>
    </row>
    <row r="1037472" spans="14:14">
      <c r="N1037472" s="10"/>
    </row>
    <row r="1037473" spans="14:14">
      <c r="N1037473" s="10"/>
    </row>
    <row r="1037474" spans="14:14">
      <c r="N1037474" s="10"/>
    </row>
    <row r="1037475" spans="14:14">
      <c r="N1037475" s="10"/>
    </row>
    <row r="1037476" spans="14:14">
      <c r="N1037476" s="10"/>
    </row>
    <row r="1037477" spans="14:14">
      <c r="N1037477" s="10"/>
    </row>
    <row r="1037478" spans="14:14">
      <c r="N1037478" s="10"/>
    </row>
    <row r="1037479" spans="14:14">
      <c r="N1037479" s="10"/>
    </row>
    <row r="1037480" spans="14:14">
      <c r="N1037480" s="10"/>
    </row>
    <row r="1037481" spans="14:14">
      <c r="N1037481" s="10"/>
    </row>
    <row r="1037482" spans="14:14">
      <c r="N1037482" s="10"/>
    </row>
    <row r="1037483" spans="14:14">
      <c r="N1037483" s="10"/>
    </row>
    <row r="1037484" spans="14:14">
      <c r="N1037484" s="10"/>
    </row>
    <row r="1037485" spans="14:14">
      <c r="N1037485" s="10"/>
    </row>
    <row r="1037486" spans="14:14">
      <c r="N1037486" s="10"/>
    </row>
    <row r="1037487" spans="14:14">
      <c r="N1037487" s="10"/>
    </row>
    <row r="1037488" spans="14:14">
      <c r="N1037488" s="10"/>
    </row>
    <row r="1037489" spans="14:14">
      <c r="N1037489" s="10"/>
    </row>
    <row r="1037490" spans="14:14">
      <c r="N1037490" s="10"/>
    </row>
    <row r="1037491" spans="14:14">
      <c r="N1037491" s="10"/>
    </row>
    <row r="1037492" spans="14:14">
      <c r="N1037492" s="10"/>
    </row>
    <row r="1037493" spans="14:14">
      <c r="N1037493" s="10"/>
    </row>
    <row r="1037494" spans="14:14">
      <c r="N1037494" s="10"/>
    </row>
    <row r="1037495" spans="14:14">
      <c r="N1037495" s="10"/>
    </row>
    <row r="1037496" spans="14:14">
      <c r="N1037496" s="10"/>
    </row>
    <row r="1037497" spans="14:14">
      <c r="N1037497" s="10"/>
    </row>
    <row r="1037498" spans="14:14">
      <c r="N1037498" s="10"/>
    </row>
    <row r="1037499" spans="14:14">
      <c r="N1037499" s="10"/>
    </row>
    <row r="1037500" spans="14:14">
      <c r="N1037500" s="10"/>
    </row>
    <row r="1037501" spans="14:14">
      <c r="N1037501" s="10"/>
    </row>
    <row r="1037502" spans="14:14">
      <c r="N1037502" s="10"/>
    </row>
    <row r="1037503" spans="14:14">
      <c r="N1037503" s="10"/>
    </row>
    <row r="1037504" spans="14:14">
      <c r="N1037504" s="10"/>
    </row>
    <row r="1037505" spans="14:14">
      <c r="N1037505" s="10"/>
    </row>
    <row r="1037506" spans="14:14">
      <c r="N1037506" s="10"/>
    </row>
    <row r="1037507" spans="14:14">
      <c r="N1037507" s="10"/>
    </row>
    <row r="1037508" spans="14:14">
      <c r="N1037508" s="10"/>
    </row>
    <row r="1037509" spans="14:14">
      <c r="N1037509" s="10"/>
    </row>
    <row r="1037510" spans="14:14">
      <c r="N1037510" s="10"/>
    </row>
    <row r="1037511" spans="14:14">
      <c r="N1037511" s="10"/>
    </row>
    <row r="1037512" spans="14:14">
      <c r="N1037512" s="10"/>
    </row>
    <row r="1037513" spans="14:14">
      <c r="N1037513" s="10"/>
    </row>
    <row r="1037514" spans="14:14">
      <c r="N1037514" s="10"/>
    </row>
    <row r="1037515" spans="14:14">
      <c r="N1037515" s="10"/>
    </row>
    <row r="1037516" spans="14:14">
      <c r="N1037516" s="10"/>
    </row>
    <row r="1037517" spans="14:14">
      <c r="N1037517" s="10"/>
    </row>
    <row r="1037518" spans="14:14">
      <c r="N1037518" s="10"/>
    </row>
    <row r="1037519" spans="14:14">
      <c r="N1037519" s="10"/>
    </row>
    <row r="1037520" spans="14:14">
      <c r="N1037520" s="10"/>
    </row>
    <row r="1037521" spans="14:14">
      <c r="N1037521" s="10"/>
    </row>
    <row r="1037522" spans="14:14">
      <c r="N1037522" s="10"/>
    </row>
    <row r="1037523" spans="14:14">
      <c r="N1037523" s="10"/>
    </row>
    <row r="1037524" spans="14:14">
      <c r="N1037524" s="10"/>
    </row>
    <row r="1037525" spans="14:14">
      <c r="N1037525" s="10"/>
    </row>
    <row r="1037526" spans="14:14">
      <c r="N1037526" s="10"/>
    </row>
    <row r="1037527" spans="14:14">
      <c r="N1037527" s="10"/>
    </row>
    <row r="1037528" spans="14:14">
      <c r="N1037528" s="10"/>
    </row>
    <row r="1037529" spans="14:14">
      <c r="N1037529" s="10"/>
    </row>
    <row r="1037530" spans="14:14">
      <c r="N1037530" s="10"/>
    </row>
    <row r="1037531" spans="14:14">
      <c r="N1037531" s="10"/>
    </row>
    <row r="1037532" spans="14:14">
      <c r="N1037532" s="10"/>
    </row>
    <row r="1037533" spans="14:14">
      <c r="N1037533" s="10"/>
    </row>
    <row r="1037534" spans="14:14">
      <c r="N1037534" s="10"/>
    </row>
    <row r="1037535" spans="14:14">
      <c r="N1037535" s="10"/>
    </row>
    <row r="1037536" spans="14:14">
      <c r="N1037536" s="10"/>
    </row>
    <row r="1037537" spans="14:14">
      <c r="N1037537" s="10"/>
    </row>
    <row r="1037538" spans="14:14">
      <c r="N1037538" s="10"/>
    </row>
    <row r="1037539" spans="14:14">
      <c r="N1037539" s="10"/>
    </row>
    <row r="1037540" spans="14:14">
      <c r="N1037540" s="10"/>
    </row>
    <row r="1037541" spans="14:14">
      <c r="N1037541" s="10"/>
    </row>
    <row r="1037542" spans="14:14">
      <c r="N1037542" s="10"/>
    </row>
    <row r="1037543" spans="14:14">
      <c r="N1037543" s="10"/>
    </row>
    <row r="1037544" spans="14:14">
      <c r="N1037544" s="10"/>
    </row>
    <row r="1037545" spans="14:14">
      <c r="N1037545" s="10"/>
    </row>
    <row r="1037546" spans="14:14">
      <c r="N1037546" s="10"/>
    </row>
    <row r="1037547" spans="14:14">
      <c r="N1037547" s="10"/>
    </row>
    <row r="1037548" spans="14:14">
      <c r="N1037548" s="10"/>
    </row>
    <row r="1037549" spans="14:14">
      <c r="N1037549" s="10"/>
    </row>
    <row r="1037550" spans="14:14">
      <c r="N1037550" s="10"/>
    </row>
    <row r="1037551" spans="14:14">
      <c r="N1037551" s="10"/>
    </row>
    <row r="1037552" spans="14:14">
      <c r="N1037552" s="10"/>
    </row>
    <row r="1037553" spans="14:14">
      <c r="N1037553" s="10"/>
    </row>
    <row r="1037554" spans="14:14">
      <c r="N1037554" s="10"/>
    </row>
    <row r="1037555" spans="14:14">
      <c r="N1037555" s="10"/>
    </row>
    <row r="1037556" spans="14:14">
      <c r="N1037556" s="10"/>
    </row>
    <row r="1037557" spans="14:14">
      <c r="N1037557" s="10"/>
    </row>
    <row r="1037558" spans="14:14">
      <c r="N1037558" s="10"/>
    </row>
    <row r="1037559" spans="14:14">
      <c r="N1037559" s="10"/>
    </row>
    <row r="1037560" spans="14:14">
      <c r="N1037560" s="10"/>
    </row>
    <row r="1037561" spans="14:14">
      <c r="N1037561" s="10"/>
    </row>
    <row r="1037562" spans="14:14">
      <c r="N1037562" s="10"/>
    </row>
    <row r="1037563" spans="14:14">
      <c r="N1037563" s="10"/>
    </row>
    <row r="1037564" spans="14:14">
      <c r="N1037564" s="10"/>
    </row>
    <row r="1037565" spans="14:14">
      <c r="N1037565" s="10"/>
    </row>
    <row r="1037566" spans="14:14">
      <c r="N1037566" s="10"/>
    </row>
    <row r="1037567" spans="14:14">
      <c r="N1037567" s="10"/>
    </row>
    <row r="1037568" spans="14:14">
      <c r="N1037568" s="10"/>
    </row>
    <row r="1037569" spans="14:14">
      <c r="N1037569" s="10"/>
    </row>
    <row r="1037570" spans="14:14">
      <c r="N1037570" s="10"/>
    </row>
    <row r="1037571" spans="14:14">
      <c r="N1037571" s="10"/>
    </row>
    <row r="1037572" spans="14:14">
      <c r="N1037572" s="10"/>
    </row>
    <row r="1037573" spans="14:14">
      <c r="N1037573" s="10"/>
    </row>
    <row r="1037574" spans="14:14">
      <c r="N1037574" s="10"/>
    </row>
    <row r="1037575" spans="14:14">
      <c r="N1037575" s="10"/>
    </row>
    <row r="1037576" spans="14:14">
      <c r="N1037576" s="10"/>
    </row>
    <row r="1037577" spans="14:14">
      <c r="N1037577" s="10"/>
    </row>
    <row r="1037578" spans="14:14">
      <c r="N1037578" s="10"/>
    </row>
    <row r="1037579" spans="14:14">
      <c r="N1037579" s="10"/>
    </row>
    <row r="1037580" spans="14:14">
      <c r="N1037580" s="10"/>
    </row>
    <row r="1037581" spans="14:14">
      <c r="N1037581" s="10"/>
    </row>
    <row r="1037582" spans="14:14">
      <c r="N1037582" s="10"/>
    </row>
    <row r="1037583" spans="14:14">
      <c r="N1037583" s="10"/>
    </row>
    <row r="1037584" spans="14:14">
      <c r="N1037584" s="10"/>
    </row>
    <row r="1037585" spans="14:14">
      <c r="N1037585" s="10"/>
    </row>
    <row r="1037586" spans="14:14">
      <c r="N1037586" s="10"/>
    </row>
    <row r="1037587" spans="14:14">
      <c r="N1037587" s="10"/>
    </row>
    <row r="1037588" spans="14:14">
      <c r="N1037588" s="10"/>
    </row>
    <row r="1037589" spans="14:14">
      <c r="N1037589" s="10"/>
    </row>
    <row r="1037590" spans="14:14">
      <c r="N1037590" s="10"/>
    </row>
    <row r="1037591" spans="14:14">
      <c r="N1037591" s="10"/>
    </row>
    <row r="1037592" spans="14:14">
      <c r="N1037592" s="10"/>
    </row>
    <row r="1037593" spans="14:14">
      <c r="N1037593" s="10"/>
    </row>
    <row r="1037594" spans="14:14">
      <c r="N1037594" s="10"/>
    </row>
    <row r="1037595" spans="14:14">
      <c r="N1037595" s="10"/>
    </row>
    <row r="1037596" spans="14:14">
      <c r="N1037596" s="10"/>
    </row>
    <row r="1037597" spans="14:14">
      <c r="N1037597" s="10"/>
    </row>
    <row r="1037598" spans="14:14">
      <c r="N1037598" s="10"/>
    </row>
    <row r="1037599" spans="14:14">
      <c r="N1037599" s="10"/>
    </row>
    <row r="1037600" spans="14:14">
      <c r="N1037600" s="10"/>
    </row>
    <row r="1037601" spans="14:14">
      <c r="N1037601" s="10"/>
    </row>
    <row r="1037602" spans="14:14">
      <c r="N1037602" s="10"/>
    </row>
    <row r="1037603" spans="14:14">
      <c r="N1037603" s="10"/>
    </row>
    <row r="1037604" spans="14:14">
      <c r="N1037604" s="10"/>
    </row>
    <row r="1037605" spans="14:14">
      <c r="N1037605" s="10"/>
    </row>
    <row r="1037606" spans="14:14">
      <c r="N1037606" s="10"/>
    </row>
    <row r="1037607" spans="14:14">
      <c r="N1037607" s="10"/>
    </row>
    <row r="1037608" spans="14:14">
      <c r="N1037608" s="10"/>
    </row>
    <row r="1037609" spans="14:14">
      <c r="N1037609" s="10"/>
    </row>
    <row r="1037610" spans="14:14">
      <c r="N1037610" s="10"/>
    </row>
    <row r="1037611" spans="14:14">
      <c r="N1037611" s="10"/>
    </row>
    <row r="1037612" spans="14:14">
      <c r="N1037612" s="10"/>
    </row>
    <row r="1037613" spans="14:14">
      <c r="N1037613" s="10"/>
    </row>
    <row r="1037614" spans="14:14">
      <c r="N1037614" s="10"/>
    </row>
    <row r="1037615" spans="14:14">
      <c r="N1037615" s="10"/>
    </row>
    <row r="1037616" spans="14:14">
      <c r="N1037616" s="10"/>
    </row>
    <row r="1037617" spans="14:14">
      <c r="N1037617" s="10"/>
    </row>
    <row r="1037618" spans="14:14">
      <c r="N1037618" s="10"/>
    </row>
    <row r="1037619" spans="14:14">
      <c r="N1037619" s="10"/>
    </row>
    <row r="1037620" spans="14:14">
      <c r="N1037620" s="10"/>
    </row>
    <row r="1037621" spans="14:14">
      <c r="N1037621" s="10"/>
    </row>
    <row r="1037622" spans="14:14">
      <c r="N1037622" s="10"/>
    </row>
    <row r="1037623" spans="14:14">
      <c r="N1037623" s="10"/>
    </row>
    <row r="1037624" spans="14:14">
      <c r="N1037624" s="10"/>
    </row>
    <row r="1037625" spans="14:14">
      <c r="N1037625" s="10"/>
    </row>
    <row r="1037626" spans="14:14">
      <c r="N1037626" s="10"/>
    </row>
    <row r="1037627" spans="14:14">
      <c r="N1037627" s="10"/>
    </row>
    <row r="1037628" spans="14:14">
      <c r="N1037628" s="10"/>
    </row>
    <row r="1037629" spans="14:14">
      <c r="N1037629" s="10"/>
    </row>
    <row r="1037630" spans="14:14">
      <c r="N1037630" s="10"/>
    </row>
    <row r="1037631" spans="14:14">
      <c r="N1037631" s="10"/>
    </row>
    <row r="1037632" spans="14:14">
      <c r="N1037632" s="10"/>
    </row>
    <row r="1037633" spans="14:14">
      <c r="N1037633" s="10"/>
    </row>
    <row r="1037634" spans="14:14">
      <c r="N1037634" s="10"/>
    </row>
    <row r="1037635" spans="14:14">
      <c r="N1037635" s="10"/>
    </row>
    <row r="1037636" spans="14:14">
      <c r="N1037636" s="10"/>
    </row>
    <row r="1037637" spans="14:14">
      <c r="N1037637" s="10"/>
    </row>
    <row r="1037638" spans="14:14">
      <c r="N1037638" s="10"/>
    </row>
    <row r="1037639" spans="14:14">
      <c r="N1037639" s="10"/>
    </row>
    <row r="1037640" spans="14:14">
      <c r="N1037640" s="10"/>
    </row>
    <row r="1037641" spans="14:14">
      <c r="N1037641" s="10"/>
    </row>
    <row r="1037642" spans="14:14">
      <c r="N1037642" s="10"/>
    </row>
    <row r="1037643" spans="14:14">
      <c r="N1037643" s="10"/>
    </row>
    <row r="1037644" spans="14:14">
      <c r="N1037644" s="10"/>
    </row>
    <row r="1037645" spans="14:14">
      <c r="N1037645" s="10"/>
    </row>
    <row r="1037646" spans="14:14">
      <c r="N1037646" s="10"/>
    </row>
    <row r="1037647" spans="14:14">
      <c r="N1037647" s="10"/>
    </row>
    <row r="1037648" spans="14:14">
      <c r="N1037648" s="10"/>
    </row>
    <row r="1037649" spans="14:14">
      <c r="N1037649" s="10"/>
    </row>
    <row r="1037650" spans="14:14">
      <c r="N1037650" s="10"/>
    </row>
    <row r="1037651" spans="14:14">
      <c r="N1037651" s="10"/>
    </row>
    <row r="1037652" spans="14:14">
      <c r="N1037652" s="10"/>
    </row>
    <row r="1037653" spans="14:14">
      <c r="N1037653" s="10"/>
    </row>
    <row r="1037654" spans="14:14">
      <c r="N1037654" s="10"/>
    </row>
    <row r="1037655" spans="14:14">
      <c r="N1037655" s="10"/>
    </row>
    <row r="1037656" spans="14:14">
      <c r="N1037656" s="10"/>
    </row>
    <row r="1037657" spans="14:14">
      <c r="N1037657" s="10"/>
    </row>
    <row r="1037658" spans="14:14">
      <c r="N1037658" s="10"/>
    </row>
    <row r="1037659" spans="14:14">
      <c r="N1037659" s="10"/>
    </row>
    <row r="1037660" spans="14:14">
      <c r="N1037660" s="10"/>
    </row>
    <row r="1037661" spans="14:14">
      <c r="N1037661" s="10"/>
    </row>
    <row r="1037662" spans="14:14">
      <c r="N1037662" s="10"/>
    </row>
    <row r="1037663" spans="14:14">
      <c r="N1037663" s="10"/>
    </row>
    <row r="1037664" spans="14:14">
      <c r="N1037664" s="10"/>
    </row>
    <row r="1037665" spans="14:14">
      <c r="N1037665" s="10"/>
    </row>
    <row r="1037666" spans="14:14">
      <c r="N1037666" s="10"/>
    </row>
    <row r="1037667" spans="14:14">
      <c r="N1037667" s="10"/>
    </row>
    <row r="1037668" spans="14:14">
      <c r="N1037668" s="10"/>
    </row>
    <row r="1037669" spans="14:14">
      <c r="N1037669" s="10"/>
    </row>
    <row r="1037670" spans="14:14">
      <c r="N1037670" s="10"/>
    </row>
    <row r="1037671" spans="14:14">
      <c r="N1037671" s="10"/>
    </row>
    <row r="1037672" spans="14:14">
      <c r="N1037672" s="10"/>
    </row>
    <row r="1037673" spans="14:14">
      <c r="N1037673" s="10"/>
    </row>
    <row r="1037674" spans="14:14">
      <c r="N1037674" s="10"/>
    </row>
    <row r="1037675" spans="14:14">
      <c r="N1037675" s="10"/>
    </row>
    <row r="1037676" spans="14:14">
      <c r="N1037676" s="10"/>
    </row>
    <row r="1037677" spans="14:14">
      <c r="N1037677" s="10"/>
    </row>
    <row r="1037678" spans="14:14">
      <c r="N1037678" s="10"/>
    </row>
    <row r="1037679" spans="14:14">
      <c r="N1037679" s="10"/>
    </row>
    <row r="1037680" spans="14:14">
      <c r="N1037680" s="10"/>
    </row>
    <row r="1037681" spans="14:14">
      <c r="N1037681" s="10"/>
    </row>
    <row r="1037682" spans="14:14">
      <c r="N1037682" s="10"/>
    </row>
    <row r="1037683" spans="14:14">
      <c r="N1037683" s="10"/>
    </row>
    <row r="1037684" spans="14:14">
      <c r="N1037684" s="10"/>
    </row>
    <row r="1037685" spans="14:14">
      <c r="N1037685" s="10"/>
    </row>
    <row r="1037686" spans="14:14">
      <c r="N1037686" s="10"/>
    </row>
    <row r="1037687" spans="14:14">
      <c r="N1037687" s="10"/>
    </row>
    <row r="1037688" spans="14:14">
      <c r="N1037688" s="10"/>
    </row>
    <row r="1037689" spans="14:14">
      <c r="N1037689" s="10"/>
    </row>
    <row r="1037690" spans="14:14">
      <c r="N1037690" s="10"/>
    </row>
    <row r="1037691" spans="14:14">
      <c r="N1037691" s="10"/>
    </row>
    <row r="1037692" spans="14:14">
      <c r="N1037692" s="10"/>
    </row>
    <row r="1037693" spans="14:14">
      <c r="N1037693" s="10"/>
    </row>
    <row r="1037694" spans="14:14">
      <c r="N1037694" s="10"/>
    </row>
    <row r="1037695" spans="14:14">
      <c r="N1037695" s="10"/>
    </row>
    <row r="1037696" spans="14:14">
      <c r="N1037696" s="10"/>
    </row>
    <row r="1037697" spans="14:14">
      <c r="N1037697" s="10"/>
    </row>
    <row r="1037698" spans="14:14">
      <c r="N1037698" s="10"/>
    </row>
    <row r="1037699" spans="14:14">
      <c r="N1037699" s="10"/>
    </row>
    <row r="1037700" spans="14:14">
      <c r="N1037700" s="10"/>
    </row>
    <row r="1037701" spans="14:14">
      <c r="N1037701" s="10"/>
    </row>
    <row r="1037702" spans="14:14">
      <c r="N1037702" s="10"/>
    </row>
    <row r="1037703" spans="14:14">
      <c r="N1037703" s="10"/>
    </row>
    <row r="1037704" spans="14:14">
      <c r="N1037704" s="10"/>
    </row>
    <row r="1037705" spans="14:14">
      <c r="N1037705" s="10"/>
    </row>
    <row r="1037706" spans="14:14">
      <c r="N1037706" s="10"/>
    </row>
    <row r="1037707" spans="14:14">
      <c r="N1037707" s="10"/>
    </row>
    <row r="1037708" spans="14:14">
      <c r="N1037708" s="10"/>
    </row>
    <row r="1037709" spans="14:14">
      <c r="N1037709" s="10"/>
    </row>
    <row r="1037710" spans="14:14">
      <c r="N1037710" s="10"/>
    </row>
    <row r="1037711" spans="14:14">
      <c r="N1037711" s="10"/>
    </row>
    <row r="1037712" spans="14:14">
      <c r="N1037712" s="10"/>
    </row>
    <row r="1037713" spans="14:14">
      <c r="N1037713" s="10"/>
    </row>
    <row r="1037714" spans="14:14">
      <c r="N1037714" s="10"/>
    </row>
    <row r="1037715" spans="14:14">
      <c r="N1037715" s="10"/>
    </row>
    <row r="1037716" spans="14:14">
      <c r="N1037716" s="10"/>
    </row>
    <row r="1037717" spans="14:14">
      <c r="N1037717" s="10"/>
    </row>
    <row r="1037718" spans="14:14">
      <c r="N1037718" s="10"/>
    </row>
    <row r="1037719" spans="14:14">
      <c r="N1037719" s="10"/>
    </row>
    <row r="1037720" spans="14:14">
      <c r="N1037720" s="10"/>
    </row>
    <row r="1037721" spans="14:14">
      <c r="N1037721" s="10"/>
    </row>
    <row r="1037722" spans="14:14">
      <c r="N1037722" s="10"/>
    </row>
    <row r="1037723" spans="14:14">
      <c r="N1037723" s="10"/>
    </row>
    <row r="1037724" spans="14:14">
      <c r="N1037724" s="10"/>
    </row>
    <row r="1037725" spans="14:14">
      <c r="N1037725" s="10"/>
    </row>
    <row r="1037726" spans="14:14">
      <c r="N1037726" s="10"/>
    </row>
    <row r="1037727" spans="14:14">
      <c r="N1037727" s="10"/>
    </row>
    <row r="1037728" spans="14:14">
      <c r="N1037728" s="10"/>
    </row>
    <row r="1037729" spans="14:14">
      <c r="N1037729" s="10"/>
    </row>
    <row r="1037730" spans="14:14">
      <c r="N1037730" s="10"/>
    </row>
    <row r="1037731" spans="14:14">
      <c r="N1037731" s="10"/>
    </row>
    <row r="1037732" spans="14:14">
      <c r="N1037732" s="10"/>
    </row>
    <row r="1037733" spans="14:14">
      <c r="N1037733" s="10"/>
    </row>
    <row r="1037734" spans="14:14">
      <c r="N1037734" s="10"/>
    </row>
    <row r="1037735" spans="14:14">
      <c r="N1037735" s="10"/>
    </row>
    <row r="1037736" spans="14:14">
      <c r="N1037736" s="10"/>
    </row>
    <row r="1037737" spans="14:14">
      <c r="N1037737" s="10"/>
    </row>
    <row r="1037738" spans="14:14">
      <c r="N1037738" s="10"/>
    </row>
    <row r="1037739" spans="14:14">
      <c r="N1037739" s="10"/>
    </row>
    <row r="1037740" spans="14:14">
      <c r="N1037740" s="10"/>
    </row>
    <row r="1037741" spans="14:14">
      <c r="N1037741" s="10"/>
    </row>
    <row r="1037742" spans="14:14">
      <c r="N1037742" s="10"/>
    </row>
    <row r="1037743" spans="14:14">
      <c r="N1037743" s="10"/>
    </row>
    <row r="1037744" spans="14:14">
      <c r="N1037744" s="10"/>
    </row>
    <row r="1037745" spans="14:14">
      <c r="N1037745" s="10"/>
    </row>
    <row r="1037746" spans="14:14">
      <c r="N1037746" s="10"/>
    </row>
    <row r="1037747" spans="14:14">
      <c r="N1037747" s="10"/>
    </row>
    <row r="1037748" spans="14:14">
      <c r="N1037748" s="10"/>
    </row>
    <row r="1037749" spans="14:14">
      <c r="N1037749" s="10"/>
    </row>
    <row r="1037750" spans="14:14">
      <c r="N1037750" s="10"/>
    </row>
    <row r="1037751" spans="14:14">
      <c r="N1037751" s="10"/>
    </row>
    <row r="1037752" spans="14:14">
      <c r="N1037752" s="10"/>
    </row>
    <row r="1037753" spans="14:14">
      <c r="N1037753" s="10"/>
    </row>
    <row r="1037754" spans="14:14">
      <c r="N1037754" s="10"/>
    </row>
    <row r="1037755" spans="14:14">
      <c r="N1037755" s="10"/>
    </row>
    <row r="1037756" spans="14:14">
      <c r="N1037756" s="10"/>
    </row>
    <row r="1037757" spans="14:14">
      <c r="N1037757" s="10"/>
    </row>
    <row r="1037758" spans="14:14">
      <c r="N1037758" s="10"/>
    </row>
    <row r="1037759" spans="14:14">
      <c r="N1037759" s="10"/>
    </row>
    <row r="1037760" spans="14:14">
      <c r="N1037760" s="10"/>
    </row>
    <row r="1037761" spans="14:14">
      <c r="N1037761" s="10"/>
    </row>
    <row r="1037762" spans="14:14">
      <c r="N1037762" s="10"/>
    </row>
    <row r="1037763" spans="14:14">
      <c r="N1037763" s="10"/>
    </row>
    <row r="1037764" spans="14:14">
      <c r="N1037764" s="10"/>
    </row>
    <row r="1037765" spans="14:14">
      <c r="N1037765" s="10"/>
    </row>
    <row r="1037766" spans="14:14">
      <c r="N1037766" s="10"/>
    </row>
    <row r="1037767" spans="14:14">
      <c r="N1037767" s="10"/>
    </row>
    <row r="1037768" spans="14:14">
      <c r="N1037768" s="10"/>
    </row>
    <row r="1037769" spans="14:14">
      <c r="N1037769" s="10"/>
    </row>
    <row r="1037770" spans="14:14">
      <c r="N1037770" s="10"/>
    </row>
    <row r="1037771" spans="14:14">
      <c r="N1037771" s="10"/>
    </row>
    <row r="1037772" spans="14:14">
      <c r="N1037772" s="10"/>
    </row>
    <row r="1037773" spans="14:14">
      <c r="N1037773" s="10"/>
    </row>
    <row r="1037774" spans="14:14">
      <c r="N1037774" s="10"/>
    </row>
    <row r="1037775" spans="14:14">
      <c r="N1037775" s="10"/>
    </row>
    <row r="1037776" spans="14:14">
      <c r="N1037776" s="10"/>
    </row>
    <row r="1037777" spans="14:14">
      <c r="N1037777" s="10"/>
    </row>
    <row r="1037778" spans="14:14">
      <c r="N1037778" s="10"/>
    </row>
    <row r="1037779" spans="14:14">
      <c r="N1037779" s="10"/>
    </row>
    <row r="1037780" spans="14:14">
      <c r="N1037780" s="10"/>
    </row>
    <row r="1037781" spans="14:14">
      <c r="N1037781" s="10"/>
    </row>
    <row r="1037782" spans="14:14">
      <c r="N1037782" s="10"/>
    </row>
    <row r="1037783" spans="14:14">
      <c r="N1037783" s="10"/>
    </row>
    <row r="1037784" spans="14:14">
      <c r="N1037784" s="10"/>
    </row>
    <row r="1037785" spans="14:14">
      <c r="N1037785" s="10"/>
    </row>
    <row r="1037786" spans="14:14">
      <c r="N1037786" s="10"/>
    </row>
    <row r="1037787" spans="14:14">
      <c r="N1037787" s="10"/>
    </row>
    <row r="1037788" spans="14:14">
      <c r="N1037788" s="10"/>
    </row>
    <row r="1037789" spans="14:14">
      <c r="N1037789" s="10"/>
    </row>
    <row r="1037790" spans="14:14">
      <c r="N1037790" s="10"/>
    </row>
    <row r="1037791" spans="14:14">
      <c r="N1037791" s="10"/>
    </row>
    <row r="1037792" spans="14:14">
      <c r="N1037792" s="10"/>
    </row>
    <row r="1037793" spans="14:14">
      <c r="N1037793" s="10"/>
    </row>
    <row r="1037794" spans="14:14">
      <c r="N1037794" s="10"/>
    </row>
    <row r="1037795" spans="14:14">
      <c r="N1037795" s="10"/>
    </row>
    <row r="1037796" spans="14:14">
      <c r="N1037796" s="10"/>
    </row>
    <row r="1037797" spans="14:14">
      <c r="N1037797" s="10"/>
    </row>
    <row r="1037798" spans="14:14">
      <c r="N1037798" s="10"/>
    </row>
    <row r="1037799" spans="14:14">
      <c r="N1037799" s="10"/>
    </row>
    <row r="1037800" spans="14:14">
      <c r="N1037800" s="10"/>
    </row>
    <row r="1037801" spans="14:14">
      <c r="N1037801" s="10"/>
    </row>
    <row r="1037802" spans="14:14">
      <c r="N1037802" s="10"/>
    </row>
    <row r="1037803" spans="14:14">
      <c r="N1037803" s="10"/>
    </row>
    <row r="1037804" spans="14:14">
      <c r="N1037804" s="10"/>
    </row>
    <row r="1037805" spans="14:14">
      <c r="N1037805" s="10"/>
    </row>
    <row r="1037806" spans="14:14">
      <c r="N1037806" s="10"/>
    </row>
    <row r="1037807" spans="14:14">
      <c r="N1037807" s="10"/>
    </row>
    <row r="1037808" spans="14:14">
      <c r="N1037808" s="10"/>
    </row>
    <row r="1037809" spans="14:14">
      <c r="N1037809" s="10"/>
    </row>
    <row r="1037810" spans="14:14">
      <c r="N1037810" s="10"/>
    </row>
    <row r="1037811" spans="14:14">
      <c r="N1037811" s="10"/>
    </row>
    <row r="1037812" spans="14:14">
      <c r="N1037812" s="10"/>
    </row>
    <row r="1037813" spans="14:14">
      <c r="N1037813" s="10"/>
    </row>
    <row r="1037814" spans="14:14">
      <c r="N1037814" s="10"/>
    </row>
    <row r="1037815" spans="14:14">
      <c r="N1037815" s="10"/>
    </row>
    <row r="1037816" spans="14:14">
      <c r="N1037816" s="10"/>
    </row>
    <row r="1037817" spans="14:14">
      <c r="N1037817" s="10"/>
    </row>
    <row r="1037818" spans="14:14">
      <c r="N1037818" s="10"/>
    </row>
    <row r="1037819" spans="14:14">
      <c r="N1037819" s="10"/>
    </row>
    <row r="1037820" spans="14:14">
      <c r="N1037820" s="10"/>
    </row>
    <row r="1037821" spans="14:14">
      <c r="N1037821" s="10"/>
    </row>
    <row r="1037822" spans="14:14">
      <c r="N1037822" s="10"/>
    </row>
    <row r="1037823" spans="14:14">
      <c r="N1037823" s="10"/>
    </row>
    <row r="1037824" spans="14:14">
      <c r="N1037824" s="10"/>
    </row>
    <row r="1037825" spans="14:14">
      <c r="N1037825" s="10"/>
    </row>
    <row r="1037826" spans="14:14">
      <c r="N1037826" s="10"/>
    </row>
    <row r="1037827" spans="14:14">
      <c r="N1037827" s="10"/>
    </row>
    <row r="1037828" spans="14:14">
      <c r="N1037828" s="10"/>
    </row>
    <row r="1037829" spans="14:14">
      <c r="N1037829" s="10"/>
    </row>
    <row r="1037830" spans="14:14">
      <c r="N1037830" s="10"/>
    </row>
    <row r="1037831" spans="14:14">
      <c r="N1037831" s="10"/>
    </row>
    <row r="1037832" spans="14:14">
      <c r="N1037832" s="10"/>
    </row>
    <row r="1037833" spans="14:14">
      <c r="N1037833" s="10"/>
    </row>
    <row r="1037834" spans="14:14">
      <c r="N1037834" s="10"/>
    </row>
    <row r="1037835" spans="14:14">
      <c r="N1037835" s="10"/>
    </row>
    <row r="1037836" spans="14:14">
      <c r="N1037836" s="10"/>
    </row>
    <row r="1037837" spans="14:14">
      <c r="N1037837" s="10"/>
    </row>
    <row r="1037838" spans="14:14">
      <c r="N1037838" s="10"/>
    </row>
    <row r="1037839" spans="14:14">
      <c r="N1037839" s="10"/>
    </row>
    <row r="1037840" spans="14:14">
      <c r="N1037840" s="10"/>
    </row>
    <row r="1037841" spans="14:14">
      <c r="N1037841" s="10"/>
    </row>
    <row r="1037842" spans="14:14">
      <c r="N1037842" s="10"/>
    </row>
    <row r="1037843" spans="14:14">
      <c r="N1037843" s="10"/>
    </row>
    <row r="1037844" spans="14:14">
      <c r="N1037844" s="10"/>
    </row>
    <row r="1037845" spans="14:14">
      <c r="N1037845" s="10"/>
    </row>
    <row r="1037846" spans="14:14">
      <c r="N1037846" s="10"/>
    </row>
    <row r="1037847" spans="14:14">
      <c r="N1037847" s="10"/>
    </row>
    <row r="1037848" spans="14:14">
      <c r="N1037848" s="10"/>
    </row>
    <row r="1037849" spans="14:14">
      <c r="N1037849" s="10"/>
    </row>
    <row r="1037850" spans="14:14">
      <c r="N1037850" s="10"/>
    </row>
    <row r="1037851" spans="14:14">
      <c r="N1037851" s="10"/>
    </row>
    <row r="1037852" spans="14:14">
      <c r="N1037852" s="10"/>
    </row>
    <row r="1037853" spans="14:14">
      <c r="N1037853" s="10"/>
    </row>
    <row r="1037854" spans="14:14">
      <c r="N1037854" s="10"/>
    </row>
    <row r="1037855" spans="14:14">
      <c r="N1037855" s="10"/>
    </row>
    <row r="1037856" spans="14:14">
      <c r="N1037856" s="10"/>
    </row>
    <row r="1037857" spans="14:14">
      <c r="N1037857" s="10"/>
    </row>
    <row r="1037858" spans="14:14">
      <c r="N1037858" s="10"/>
    </row>
    <row r="1037859" spans="14:14">
      <c r="N1037859" s="10"/>
    </row>
    <row r="1037860" spans="14:14">
      <c r="N1037860" s="10"/>
    </row>
    <row r="1037861" spans="14:14">
      <c r="N1037861" s="10"/>
    </row>
    <row r="1037862" spans="14:14">
      <c r="N1037862" s="10"/>
    </row>
    <row r="1037863" spans="14:14">
      <c r="N1037863" s="10"/>
    </row>
    <row r="1037864" spans="14:14">
      <c r="N1037864" s="10"/>
    </row>
    <row r="1037865" spans="14:14">
      <c r="N1037865" s="10"/>
    </row>
    <row r="1037866" spans="14:14">
      <c r="N1037866" s="10"/>
    </row>
    <row r="1037867" spans="14:14">
      <c r="N1037867" s="10"/>
    </row>
    <row r="1037868" spans="14:14">
      <c r="N1037868" s="10"/>
    </row>
    <row r="1037869" spans="14:14">
      <c r="N1037869" s="10"/>
    </row>
    <row r="1037870" spans="14:14">
      <c r="N1037870" s="10"/>
    </row>
    <row r="1037871" spans="14:14">
      <c r="N1037871" s="10"/>
    </row>
    <row r="1037872" spans="14:14">
      <c r="N1037872" s="10"/>
    </row>
    <row r="1037873" spans="14:14">
      <c r="N1037873" s="10"/>
    </row>
    <row r="1037874" spans="14:14">
      <c r="N1037874" s="10"/>
    </row>
    <row r="1037875" spans="14:14">
      <c r="N1037875" s="10"/>
    </row>
    <row r="1037876" spans="14:14">
      <c r="N1037876" s="10"/>
    </row>
    <row r="1037877" spans="14:14">
      <c r="N1037877" s="10"/>
    </row>
    <row r="1037878" spans="14:14">
      <c r="N1037878" s="10"/>
    </row>
    <row r="1037879" spans="14:14">
      <c r="N1037879" s="10"/>
    </row>
    <row r="1037880" spans="14:14">
      <c r="N1037880" s="10"/>
    </row>
    <row r="1037881" spans="14:14">
      <c r="N1037881" s="10"/>
    </row>
    <row r="1037882" spans="14:14">
      <c r="N1037882" s="10"/>
    </row>
    <row r="1037883" spans="14:14">
      <c r="N1037883" s="10"/>
    </row>
    <row r="1037884" spans="14:14">
      <c r="N1037884" s="10"/>
    </row>
    <row r="1037885" spans="14:14">
      <c r="N1037885" s="10"/>
    </row>
    <row r="1037886" spans="14:14">
      <c r="N1037886" s="10"/>
    </row>
    <row r="1037887" spans="14:14">
      <c r="N1037887" s="10"/>
    </row>
    <row r="1037888" spans="14:14">
      <c r="N1037888" s="10"/>
    </row>
    <row r="1037889" spans="14:14">
      <c r="N1037889" s="10"/>
    </row>
    <row r="1037890" spans="14:14">
      <c r="N1037890" s="10"/>
    </row>
    <row r="1037891" spans="14:14">
      <c r="N1037891" s="10"/>
    </row>
    <row r="1037892" spans="14:14">
      <c r="N1037892" s="10"/>
    </row>
    <row r="1037893" spans="14:14">
      <c r="N1037893" s="10"/>
    </row>
    <row r="1037894" spans="14:14">
      <c r="N1037894" s="10"/>
    </row>
    <row r="1037895" spans="14:14">
      <c r="N1037895" s="10"/>
    </row>
    <row r="1037896" spans="14:14">
      <c r="N1037896" s="10"/>
    </row>
    <row r="1037897" spans="14:14">
      <c r="N1037897" s="10"/>
    </row>
    <row r="1037898" spans="14:14">
      <c r="N1037898" s="10"/>
    </row>
    <row r="1037899" spans="14:14">
      <c r="N1037899" s="10"/>
    </row>
    <row r="1037900" spans="14:14">
      <c r="N1037900" s="10"/>
    </row>
    <row r="1037901" spans="14:14">
      <c r="N1037901" s="10"/>
    </row>
    <row r="1037902" spans="14:14">
      <c r="N1037902" s="10"/>
    </row>
    <row r="1037903" spans="14:14">
      <c r="N1037903" s="10"/>
    </row>
    <row r="1037904" spans="14:14">
      <c r="N1037904" s="10"/>
    </row>
    <row r="1037905" spans="14:14">
      <c r="N1037905" s="10"/>
    </row>
    <row r="1037906" spans="14:14">
      <c r="N1037906" s="10"/>
    </row>
    <row r="1037907" spans="14:14">
      <c r="N1037907" s="10"/>
    </row>
    <row r="1037908" spans="14:14">
      <c r="N1037908" s="10"/>
    </row>
    <row r="1037909" spans="14:14">
      <c r="N1037909" s="10"/>
    </row>
    <row r="1037910" spans="14:14">
      <c r="N1037910" s="10"/>
    </row>
    <row r="1037911" spans="14:14">
      <c r="N1037911" s="10"/>
    </row>
    <row r="1037912" spans="14:14">
      <c r="N1037912" s="10"/>
    </row>
    <row r="1037913" spans="14:14">
      <c r="N1037913" s="10"/>
    </row>
    <row r="1037914" spans="14:14">
      <c r="N1037914" s="10"/>
    </row>
    <row r="1037915" spans="14:14">
      <c r="N1037915" s="10"/>
    </row>
    <row r="1037916" spans="14:14">
      <c r="N1037916" s="10"/>
    </row>
    <row r="1037917" spans="14:14">
      <c r="N1037917" s="10"/>
    </row>
    <row r="1037918" spans="14:14">
      <c r="N1037918" s="10"/>
    </row>
    <row r="1037919" spans="14:14">
      <c r="N1037919" s="10"/>
    </row>
    <row r="1037920" spans="14:14">
      <c r="N1037920" s="10"/>
    </row>
    <row r="1037921" spans="14:14">
      <c r="N1037921" s="10"/>
    </row>
    <row r="1037922" spans="14:14">
      <c r="N1037922" s="10"/>
    </row>
    <row r="1037923" spans="14:14">
      <c r="N1037923" s="10"/>
    </row>
    <row r="1037924" spans="14:14">
      <c r="N1037924" s="10"/>
    </row>
    <row r="1037925" spans="14:14">
      <c r="N1037925" s="10"/>
    </row>
    <row r="1037926" spans="14:14">
      <c r="N1037926" s="10"/>
    </row>
    <row r="1037927" spans="14:14">
      <c r="N1037927" s="10"/>
    </row>
    <row r="1037928" spans="14:14">
      <c r="N1037928" s="10"/>
    </row>
    <row r="1037929" spans="14:14">
      <c r="N1037929" s="10"/>
    </row>
    <row r="1037930" spans="14:14">
      <c r="N1037930" s="10"/>
    </row>
    <row r="1037931" spans="14:14">
      <c r="N1037931" s="10"/>
    </row>
    <row r="1037932" spans="14:14">
      <c r="N1037932" s="10"/>
    </row>
    <row r="1037933" spans="14:14">
      <c r="N1037933" s="10"/>
    </row>
    <row r="1037934" spans="14:14">
      <c r="N1037934" s="10"/>
    </row>
    <row r="1037935" spans="14:14">
      <c r="N1037935" s="10"/>
    </row>
    <row r="1037936" spans="14:14">
      <c r="N1037936" s="10"/>
    </row>
    <row r="1037937" spans="14:14">
      <c r="N1037937" s="10"/>
    </row>
    <row r="1037938" spans="14:14">
      <c r="N1037938" s="10"/>
    </row>
    <row r="1037939" spans="14:14">
      <c r="N1037939" s="10"/>
    </row>
    <row r="1037940" spans="14:14">
      <c r="N1037940" s="10"/>
    </row>
    <row r="1037941" spans="14:14">
      <c r="N1037941" s="10"/>
    </row>
    <row r="1037942" spans="14:14">
      <c r="N1037942" s="10"/>
    </row>
    <row r="1037943" spans="14:14">
      <c r="N1037943" s="10"/>
    </row>
    <row r="1037944" spans="14:14">
      <c r="N1037944" s="10"/>
    </row>
    <row r="1037945" spans="14:14">
      <c r="N1037945" s="10"/>
    </row>
    <row r="1037946" spans="14:14">
      <c r="N1037946" s="10"/>
    </row>
    <row r="1037947" spans="14:14">
      <c r="N1037947" s="10"/>
    </row>
    <row r="1037948" spans="14:14">
      <c r="N1037948" s="10"/>
    </row>
    <row r="1037949" spans="14:14">
      <c r="N1037949" s="10"/>
    </row>
    <row r="1037950" spans="14:14">
      <c r="N1037950" s="10"/>
    </row>
    <row r="1037951" spans="14:14">
      <c r="N1037951" s="10"/>
    </row>
    <row r="1037952" spans="14:14">
      <c r="N1037952" s="10"/>
    </row>
    <row r="1037953" spans="14:14">
      <c r="N1037953" s="10"/>
    </row>
    <row r="1037954" spans="14:14">
      <c r="N1037954" s="10"/>
    </row>
    <row r="1037955" spans="14:14">
      <c r="N1037955" s="10"/>
    </row>
    <row r="1037956" spans="14:14">
      <c r="N1037956" s="10"/>
    </row>
    <row r="1037957" spans="14:14">
      <c r="N1037957" s="10"/>
    </row>
    <row r="1037958" spans="14:14">
      <c r="N1037958" s="10"/>
    </row>
    <row r="1037959" spans="14:14">
      <c r="N1037959" s="10"/>
    </row>
    <row r="1037960" spans="14:14">
      <c r="N1037960" s="10"/>
    </row>
    <row r="1037961" spans="14:14">
      <c r="N1037961" s="10"/>
    </row>
    <row r="1037962" spans="14:14">
      <c r="N1037962" s="10"/>
    </row>
    <row r="1037963" spans="14:14">
      <c r="N1037963" s="10"/>
    </row>
    <row r="1037964" spans="14:14">
      <c r="N1037964" s="10"/>
    </row>
    <row r="1037965" spans="14:14">
      <c r="N1037965" s="10"/>
    </row>
    <row r="1037966" spans="14:14">
      <c r="N1037966" s="10"/>
    </row>
    <row r="1037967" spans="14:14">
      <c r="N1037967" s="10"/>
    </row>
    <row r="1037968" spans="14:14">
      <c r="N1037968" s="10"/>
    </row>
    <row r="1037969" spans="14:14">
      <c r="N1037969" s="10"/>
    </row>
    <row r="1037970" spans="14:14">
      <c r="N1037970" s="10"/>
    </row>
    <row r="1037971" spans="14:14">
      <c r="N1037971" s="10"/>
    </row>
    <row r="1037972" spans="14:14">
      <c r="N1037972" s="10"/>
    </row>
    <row r="1037973" spans="14:14">
      <c r="N1037973" s="10"/>
    </row>
    <row r="1037974" spans="14:14">
      <c r="N1037974" s="10"/>
    </row>
    <row r="1037975" spans="14:14">
      <c r="N1037975" s="10"/>
    </row>
    <row r="1037976" spans="14:14">
      <c r="N1037976" s="10"/>
    </row>
    <row r="1037977" spans="14:14">
      <c r="N1037977" s="10"/>
    </row>
    <row r="1037978" spans="14:14">
      <c r="N1037978" s="10"/>
    </row>
    <row r="1037979" spans="14:14">
      <c r="N1037979" s="10"/>
    </row>
    <row r="1037980" spans="14:14">
      <c r="N1037980" s="10"/>
    </row>
    <row r="1037981" spans="14:14">
      <c r="N1037981" s="10"/>
    </row>
    <row r="1037982" spans="14:14">
      <c r="N1037982" s="10"/>
    </row>
    <row r="1037983" spans="14:14">
      <c r="N1037983" s="10"/>
    </row>
    <row r="1037984" spans="14:14">
      <c r="N1037984" s="10"/>
    </row>
    <row r="1037985" spans="14:14">
      <c r="N1037985" s="10"/>
    </row>
    <row r="1037986" spans="14:14">
      <c r="N1037986" s="10"/>
    </row>
    <row r="1037987" spans="14:14">
      <c r="N1037987" s="10"/>
    </row>
    <row r="1037988" spans="14:14">
      <c r="N1037988" s="10"/>
    </row>
    <row r="1037989" spans="14:14">
      <c r="N1037989" s="10"/>
    </row>
    <row r="1037990" spans="14:14">
      <c r="N1037990" s="10"/>
    </row>
    <row r="1037991" spans="14:14">
      <c r="N1037991" s="10"/>
    </row>
    <row r="1037992" spans="14:14">
      <c r="N1037992" s="10"/>
    </row>
    <row r="1037993" spans="14:14">
      <c r="N1037993" s="10"/>
    </row>
    <row r="1037994" spans="14:14">
      <c r="N1037994" s="10"/>
    </row>
    <row r="1037995" spans="14:14">
      <c r="N1037995" s="10"/>
    </row>
    <row r="1037996" spans="14:14">
      <c r="N1037996" s="10"/>
    </row>
    <row r="1037997" spans="14:14">
      <c r="N1037997" s="10"/>
    </row>
    <row r="1037998" spans="14:14">
      <c r="N1037998" s="10"/>
    </row>
    <row r="1037999" spans="14:14">
      <c r="N1037999" s="10"/>
    </row>
    <row r="1038000" spans="14:14">
      <c r="N1038000" s="10"/>
    </row>
    <row r="1038001" spans="14:14">
      <c r="N1038001" s="10"/>
    </row>
    <row r="1038002" spans="14:14">
      <c r="N1038002" s="10"/>
    </row>
    <row r="1038003" spans="14:14">
      <c r="N1038003" s="10"/>
    </row>
    <row r="1038004" spans="14:14">
      <c r="N1038004" s="10"/>
    </row>
    <row r="1038005" spans="14:14">
      <c r="N1038005" s="10"/>
    </row>
    <row r="1038006" spans="14:14">
      <c r="N1038006" s="10"/>
    </row>
    <row r="1038007" spans="14:14">
      <c r="N1038007" s="10"/>
    </row>
    <row r="1038008" spans="14:14">
      <c r="N1038008" s="10"/>
    </row>
    <row r="1038009" spans="14:14">
      <c r="N1038009" s="10"/>
    </row>
    <row r="1038010" spans="14:14">
      <c r="N1038010" s="10"/>
    </row>
    <row r="1038011" spans="14:14">
      <c r="N1038011" s="10"/>
    </row>
    <row r="1038012" spans="14:14">
      <c r="N1038012" s="10"/>
    </row>
    <row r="1038013" spans="14:14">
      <c r="N1038013" s="10"/>
    </row>
    <row r="1038014" spans="14:14">
      <c r="N1038014" s="10"/>
    </row>
    <row r="1038015" spans="14:14">
      <c r="N1038015" s="10"/>
    </row>
    <row r="1038016" spans="14:14">
      <c r="N1038016" s="10"/>
    </row>
    <row r="1038017" spans="14:14">
      <c r="N1038017" s="10"/>
    </row>
    <row r="1038018" spans="14:14">
      <c r="N1038018" s="10"/>
    </row>
    <row r="1038019" spans="14:14">
      <c r="N1038019" s="10"/>
    </row>
    <row r="1038020" spans="14:14">
      <c r="N1038020" s="10"/>
    </row>
    <row r="1038021" spans="14:14">
      <c r="N1038021" s="10"/>
    </row>
    <row r="1038022" spans="14:14">
      <c r="N1038022" s="10"/>
    </row>
    <row r="1038023" spans="14:14">
      <c r="N1038023" s="10"/>
    </row>
    <row r="1038024" spans="14:14">
      <c r="N1038024" s="10"/>
    </row>
    <row r="1038025" spans="14:14">
      <c r="N1038025" s="10"/>
    </row>
    <row r="1038026" spans="14:14">
      <c r="N1038026" s="10"/>
    </row>
    <row r="1038027" spans="14:14">
      <c r="N1038027" s="10"/>
    </row>
    <row r="1038028" spans="14:14">
      <c r="N1038028" s="10"/>
    </row>
    <row r="1038029" spans="14:14">
      <c r="N1038029" s="10"/>
    </row>
    <row r="1038030" spans="14:14">
      <c r="N1038030" s="10"/>
    </row>
    <row r="1038031" spans="14:14">
      <c r="N1038031" s="10"/>
    </row>
    <row r="1038032" spans="14:14">
      <c r="N1038032" s="10"/>
    </row>
    <row r="1038033" spans="14:14">
      <c r="N1038033" s="10"/>
    </row>
    <row r="1038034" spans="14:14">
      <c r="N1038034" s="10"/>
    </row>
    <row r="1038035" spans="14:14">
      <c r="N1038035" s="10"/>
    </row>
    <row r="1038036" spans="14:14">
      <c r="N1038036" s="10"/>
    </row>
    <row r="1038037" spans="14:14">
      <c r="N1038037" s="10"/>
    </row>
    <row r="1038038" spans="14:14">
      <c r="N1038038" s="10"/>
    </row>
    <row r="1038039" spans="14:14">
      <c r="N1038039" s="10"/>
    </row>
    <row r="1038040" spans="14:14">
      <c r="N1038040" s="10"/>
    </row>
    <row r="1038041" spans="14:14">
      <c r="N1038041" s="10"/>
    </row>
    <row r="1038042" spans="14:14">
      <c r="N1038042" s="10"/>
    </row>
    <row r="1038043" spans="14:14">
      <c r="N1038043" s="10"/>
    </row>
    <row r="1038044" spans="14:14">
      <c r="N1038044" s="10"/>
    </row>
    <row r="1038045" spans="14:14">
      <c r="N1038045" s="10"/>
    </row>
    <row r="1038046" spans="14:14">
      <c r="N1038046" s="10"/>
    </row>
    <row r="1038047" spans="14:14">
      <c r="N1038047" s="10"/>
    </row>
    <row r="1038048" spans="14:14">
      <c r="N1038048" s="10"/>
    </row>
    <row r="1038049" spans="14:14">
      <c r="N1038049" s="10"/>
    </row>
    <row r="1038050" spans="14:14">
      <c r="N1038050" s="10"/>
    </row>
    <row r="1038051" spans="14:14">
      <c r="N1038051" s="10"/>
    </row>
    <row r="1038052" spans="14:14">
      <c r="N1038052" s="10"/>
    </row>
    <row r="1038053" spans="14:14">
      <c r="N1038053" s="10"/>
    </row>
    <row r="1038054" spans="14:14">
      <c r="N1038054" s="10"/>
    </row>
    <row r="1038055" spans="14:14">
      <c r="N1038055" s="10"/>
    </row>
    <row r="1038056" spans="14:14">
      <c r="N1038056" s="10"/>
    </row>
    <row r="1038057" spans="14:14">
      <c r="N1038057" s="10"/>
    </row>
    <row r="1038058" spans="14:14">
      <c r="N1038058" s="10"/>
    </row>
    <row r="1038059" spans="14:14">
      <c r="N1038059" s="10"/>
    </row>
    <row r="1038060" spans="14:14">
      <c r="N1038060" s="10"/>
    </row>
    <row r="1038061" spans="14:14">
      <c r="N1038061" s="10"/>
    </row>
    <row r="1038062" spans="14:14">
      <c r="N1038062" s="10"/>
    </row>
    <row r="1038063" spans="14:14">
      <c r="N1038063" s="10"/>
    </row>
    <row r="1038064" spans="14:14">
      <c r="N1038064" s="10"/>
    </row>
    <row r="1038065" spans="14:14">
      <c r="N1038065" s="10"/>
    </row>
    <row r="1038066" spans="14:14">
      <c r="N1038066" s="10"/>
    </row>
    <row r="1038067" spans="14:14">
      <c r="N1038067" s="10"/>
    </row>
    <row r="1038068" spans="14:14">
      <c r="N1038068" s="10"/>
    </row>
    <row r="1038069" spans="14:14">
      <c r="N1038069" s="10"/>
    </row>
    <row r="1038070" spans="14:14">
      <c r="N1038070" s="10"/>
    </row>
    <row r="1038071" spans="14:14">
      <c r="N1038071" s="10"/>
    </row>
    <row r="1038072" spans="14:14">
      <c r="N1038072" s="10"/>
    </row>
    <row r="1038073" spans="14:14">
      <c r="N1038073" s="10"/>
    </row>
    <row r="1038074" spans="14:14">
      <c r="N1038074" s="10"/>
    </row>
    <row r="1038075" spans="14:14">
      <c r="N1038075" s="10"/>
    </row>
    <row r="1038076" spans="14:14">
      <c r="N1038076" s="10"/>
    </row>
    <row r="1038077" spans="14:14">
      <c r="N1038077" s="10"/>
    </row>
    <row r="1038078" spans="14:14">
      <c r="N1038078" s="10"/>
    </row>
    <row r="1038079" spans="14:14">
      <c r="N1038079" s="10"/>
    </row>
    <row r="1038080" spans="14:14">
      <c r="N1038080" s="10"/>
    </row>
    <row r="1038081" spans="14:14">
      <c r="N1038081" s="10"/>
    </row>
    <row r="1038082" spans="14:14">
      <c r="N1038082" s="10"/>
    </row>
    <row r="1038083" spans="14:14">
      <c r="N1038083" s="10"/>
    </row>
    <row r="1038084" spans="14:14">
      <c r="N1038084" s="10"/>
    </row>
    <row r="1038085" spans="14:14">
      <c r="N1038085" s="10"/>
    </row>
    <row r="1038086" spans="14:14">
      <c r="N1038086" s="10"/>
    </row>
    <row r="1038087" spans="14:14">
      <c r="N1038087" s="10"/>
    </row>
    <row r="1038088" spans="14:14">
      <c r="N1038088" s="10"/>
    </row>
    <row r="1038089" spans="14:14">
      <c r="N1038089" s="10"/>
    </row>
    <row r="1038090" spans="14:14">
      <c r="N1038090" s="10"/>
    </row>
    <row r="1038091" spans="14:14">
      <c r="N1038091" s="10"/>
    </row>
    <row r="1038092" spans="14:14">
      <c r="N1038092" s="10"/>
    </row>
    <row r="1038093" spans="14:14">
      <c r="N1038093" s="10"/>
    </row>
    <row r="1038094" spans="14:14">
      <c r="N1038094" s="10"/>
    </row>
    <row r="1038095" spans="14:14">
      <c r="N1038095" s="10"/>
    </row>
    <row r="1038096" spans="14:14">
      <c r="N1038096" s="10"/>
    </row>
    <row r="1038097" spans="14:14">
      <c r="N1038097" s="10"/>
    </row>
    <row r="1038098" spans="14:14">
      <c r="N1038098" s="10"/>
    </row>
    <row r="1038099" spans="14:14">
      <c r="N1038099" s="10"/>
    </row>
    <row r="1038100" spans="14:14">
      <c r="N1038100" s="10"/>
    </row>
    <row r="1038101" spans="14:14">
      <c r="N1038101" s="10"/>
    </row>
    <row r="1038102" spans="14:14">
      <c r="N1038102" s="10"/>
    </row>
    <row r="1038103" spans="14:14">
      <c r="N1038103" s="10"/>
    </row>
    <row r="1038104" spans="14:14">
      <c r="N1038104" s="10"/>
    </row>
    <row r="1038105" spans="14:14">
      <c r="N1038105" s="10"/>
    </row>
    <row r="1038106" spans="14:14">
      <c r="N1038106" s="10"/>
    </row>
    <row r="1038107" spans="14:14">
      <c r="N1038107" s="10"/>
    </row>
    <row r="1038108" spans="14:14">
      <c r="N1038108" s="10"/>
    </row>
    <row r="1038109" spans="14:14">
      <c r="N1038109" s="10"/>
    </row>
    <row r="1038110" spans="14:14">
      <c r="N1038110" s="10"/>
    </row>
    <row r="1038111" spans="14:14">
      <c r="N1038111" s="10"/>
    </row>
    <row r="1038112" spans="14:14">
      <c r="N1038112" s="10"/>
    </row>
    <row r="1038113" spans="14:14">
      <c r="N1038113" s="10"/>
    </row>
    <row r="1038114" spans="14:14">
      <c r="N1038114" s="10"/>
    </row>
    <row r="1038115" spans="14:14">
      <c r="N1038115" s="10"/>
    </row>
    <row r="1038116" spans="14:14">
      <c r="N1038116" s="10"/>
    </row>
    <row r="1038117" spans="14:14">
      <c r="N1038117" s="10"/>
    </row>
    <row r="1038118" spans="14:14">
      <c r="N1038118" s="10"/>
    </row>
    <row r="1038119" spans="14:14">
      <c r="N1038119" s="10"/>
    </row>
    <row r="1038120" spans="14:14">
      <c r="N1038120" s="10"/>
    </row>
    <row r="1038121" spans="14:14">
      <c r="N1038121" s="10"/>
    </row>
    <row r="1038122" spans="14:14">
      <c r="N1038122" s="10"/>
    </row>
    <row r="1038123" spans="14:14">
      <c r="N1038123" s="10"/>
    </row>
    <row r="1038124" spans="14:14">
      <c r="N1038124" s="10"/>
    </row>
    <row r="1038125" spans="14:14">
      <c r="N1038125" s="10"/>
    </row>
    <row r="1038126" spans="14:14">
      <c r="N1038126" s="10"/>
    </row>
    <row r="1038127" spans="14:14">
      <c r="N1038127" s="10"/>
    </row>
    <row r="1038128" spans="14:14">
      <c r="N1038128" s="10"/>
    </row>
    <row r="1038129" spans="14:14">
      <c r="N1038129" s="10"/>
    </row>
    <row r="1038130" spans="14:14">
      <c r="N1038130" s="10"/>
    </row>
    <row r="1038131" spans="14:14">
      <c r="N1038131" s="10"/>
    </row>
    <row r="1038132" spans="14:14">
      <c r="N1038132" s="10"/>
    </row>
    <row r="1038133" spans="14:14">
      <c r="N1038133" s="10"/>
    </row>
    <row r="1038134" spans="14:14">
      <c r="N1038134" s="10"/>
    </row>
    <row r="1038135" spans="14:14">
      <c r="N1038135" s="10"/>
    </row>
    <row r="1038136" spans="14:14">
      <c r="N1038136" s="10"/>
    </row>
    <row r="1038137" spans="14:14">
      <c r="N1038137" s="10"/>
    </row>
    <row r="1038138" spans="14:14">
      <c r="N1038138" s="10"/>
    </row>
    <row r="1038139" spans="14:14">
      <c r="N1038139" s="10"/>
    </row>
    <row r="1038140" spans="14:14">
      <c r="N1038140" s="10"/>
    </row>
    <row r="1038141" spans="14:14">
      <c r="N1038141" s="10"/>
    </row>
    <row r="1038142" spans="14:14">
      <c r="N1038142" s="10"/>
    </row>
    <row r="1038143" spans="14:14">
      <c r="N1038143" s="10"/>
    </row>
    <row r="1038144" spans="14:14">
      <c r="N1038144" s="10"/>
    </row>
    <row r="1038145" spans="14:14">
      <c r="N1038145" s="10"/>
    </row>
    <row r="1038146" spans="14:14">
      <c r="N1038146" s="10"/>
    </row>
    <row r="1038147" spans="14:14">
      <c r="N1038147" s="10"/>
    </row>
    <row r="1038148" spans="14:14">
      <c r="N1038148" s="10"/>
    </row>
    <row r="1038149" spans="14:14">
      <c r="N1038149" s="10"/>
    </row>
    <row r="1038150" spans="14:14">
      <c r="N1038150" s="10"/>
    </row>
    <row r="1038151" spans="14:14">
      <c r="N1038151" s="10"/>
    </row>
    <row r="1038152" spans="14:14">
      <c r="N1038152" s="10"/>
    </row>
    <row r="1038153" spans="14:14">
      <c r="N1038153" s="10"/>
    </row>
    <row r="1038154" spans="14:14">
      <c r="N1038154" s="10"/>
    </row>
    <row r="1038155" spans="14:14">
      <c r="N1038155" s="10"/>
    </row>
    <row r="1038156" spans="14:14">
      <c r="N1038156" s="10"/>
    </row>
    <row r="1038157" spans="14:14">
      <c r="N1038157" s="10"/>
    </row>
    <row r="1038158" spans="14:14">
      <c r="N1038158" s="10"/>
    </row>
    <row r="1038159" spans="14:14">
      <c r="N1038159" s="10"/>
    </row>
    <row r="1038160" spans="14:14">
      <c r="N1038160" s="10"/>
    </row>
    <row r="1038161" spans="14:14">
      <c r="N1038161" s="10"/>
    </row>
    <row r="1038162" spans="14:14">
      <c r="N1038162" s="10"/>
    </row>
    <row r="1038163" spans="14:14">
      <c r="N1038163" s="10"/>
    </row>
    <row r="1038164" spans="14:14">
      <c r="N1038164" s="10"/>
    </row>
    <row r="1038165" spans="14:14">
      <c r="N1038165" s="10"/>
    </row>
    <row r="1038166" spans="14:14">
      <c r="N1038166" s="10"/>
    </row>
    <row r="1038167" spans="14:14">
      <c r="N1038167" s="10"/>
    </row>
    <row r="1038168" spans="14:14">
      <c r="N1038168" s="10"/>
    </row>
    <row r="1038169" spans="14:14">
      <c r="N1038169" s="10"/>
    </row>
    <row r="1038170" spans="14:14">
      <c r="N1038170" s="10"/>
    </row>
    <row r="1038171" spans="14:14">
      <c r="N1038171" s="10"/>
    </row>
    <row r="1038172" spans="14:14">
      <c r="N1038172" s="10"/>
    </row>
    <row r="1038173" spans="14:14">
      <c r="N1038173" s="10"/>
    </row>
    <row r="1038174" spans="14:14">
      <c r="N1038174" s="10"/>
    </row>
    <row r="1038175" spans="14:14">
      <c r="N1038175" s="10"/>
    </row>
    <row r="1038176" spans="14:14">
      <c r="N1038176" s="10"/>
    </row>
    <row r="1038177" spans="14:14">
      <c r="N1038177" s="10"/>
    </row>
    <row r="1038178" spans="14:14">
      <c r="N1038178" s="10"/>
    </row>
    <row r="1038179" spans="14:14">
      <c r="N1038179" s="10"/>
    </row>
    <row r="1038180" spans="14:14">
      <c r="N1038180" s="10"/>
    </row>
    <row r="1038181" spans="14:14">
      <c r="N1038181" s="10"/>
    </row>
    <row r="1038182" spans="14:14">
      <c r="N1038182" s="10"/>
    </row>
    <row r="1038183" spans="14:14">
      <c r="N1038183" s="10"/>
    </row>
    <row r="1038184" spans="14:14">
      <c r="N1038184" s="10"/>
    </row>
    <row r="1038185" spans="14:14">
      <c r="N1038185" s="10"/>
    </row>
    <row r="1038186" spans="14:14">
      <c r="N1038186" s="10"/>
    </row>
    <row r="1038187" spans="14:14">
      <c r="N1038187" s="10"/>
    </row>
    <row r="1038188" spans="14:14">
      <c r="N1038188" s="10"/>
    </row>
    <row r="1038189" spans="14:14">
      <c r="N1038189" s="10"/>
    </row>
    <row r="1038190" spans="14:14">
      <c r="N1038190" s="10"/>
    </row>
    <row r="1038191" spans="14:14">
      <c r="N1038191" s="10"/>
    </row>
    <row r="1038192" spans="14:14">
      <c r="N1038192" s="10"/>
    </row>
    <row r="1038193" spans="14:14">
      <c r="N1038193" s="10"/>
    </row>
    <row r="1038194" spans="14:14">
      <c r="N1038194" s="10"/>
    </row>
    <row r="1038195" spans="14:14">
      <c r="N1038195" s="10"/>
    </row>
    <row r="1038196" spans="14:14">
      <c r="N1038196" s="10"/>
    </row>
    <row r="1038197" spans="14:14">
      <c r="N1038197" s="10"/>
    </row>
    <row r="1038198" spans="14:14">
      <c r="N1038198" s="10"/>
    </row>
    <row r="1038199" spans="14:14">
      <c r="N1038199" s="10"/>
    </row>
    <row r="1038200" spans="14:14">
      <c r="N1038200" s="10"/>
    </row>
    <row r="1038201" spans="14:14">
      <c r="N1038201" s="10"/>
    </row>
    <row r="1038202" spans="14:14">
      <c r="N1038202" s="10"/>
    </row>
    <row r="1038203" spans="14:14">
      <c r="N1038203" s="10"/>
    </row>
    <row r="1038204" spans="14:14">
      <c r="N1038204" s="10"/>
    </row>
    <row r="1038205" spans="14:14">
      <c r="N1038205" s="10"/>
    </row>
    <row r="1038206" spans="14:14">
      <c r="N1038206" s="10"/>
    </row>
    <row r="1038207" spans="14:14">
      <c r="N1038207" s="10"/>
    </row>
    <row r="1038208" spans="14:14">
      <c r="N1038208" s="10"/>
    </row>
    <row r="1038209" spans="14:14">
      <c r="N1038209" s="10"/>
    </row>
    <row r="1038210" spans="14:14">
      <c r="N1038210" s="10"/>
    </row>
    <row r="1038211" spans="14:14">
      <c r="N1038211" s="10"/>
    </row>
    <row r="1038212" spans="14:14">
      <c r="N1038212" s="10"/>
    </row>
    <row r="1038213" spans="14:14">
      <c r="N1038213" s="10"/>
    </row>
    <row r="1038214" spans="14:14">
      <c r="N1038214" s="10"/>
    </row>
    <row r="1038215" spans="14:14">
      <c r="N1038215" s="10"/>
    </row>
    <row r="1038216" spans="14:14">
      <c r="N1038216" s="10"/>
    </row>
    <row r="1038217" spans="14:14">
      <c r="N1038217" s="10"/>
    </row>
    <row r="1038218" spans="14:14">
      <c r="N1038218" s="10"/>
    </row>
    <row r="1038219" spans="14:14">
      <c r="N1038219" s="10"/>
    </row>
    <row r="1038220" spans="14:14">
      <c r="N1038220" s="10"/>
    </row>
    <row r="1038221" spans="14:14">
      <c r="N1038221" s="10"/>
    </row>
    <row r="1038222" spans="14:14">
      <c r="N1038222" s="10"/>
    </row>
    <row r="1038223" spans="14:14">
      <c r="N1038223" s="10"/>
    </row>
    <row r="1038224" spans="14:14">
      <c r="N1038224" s="10"/>
    </row>
    <row r="1038225" spans="14:14">
      <c r="N1038225" s="10"/>
    </row>
    <row r="1038226" spans="14:14">
      <c r="N1038226" s="10"/>
    </row>
    <row r="1038227" spans="14:14">
      <c r="N1038227" s="10"/>
    </row>
    <row r="1038228" spans="14:14">
      <c r="N1038228" s="10"/>
    </row>
    <row r="1038229" spans="14:14">
      <c r="N1038229" s="10"/>
    </row>
    <row r="1038230" spans="14:14">
      <c r="N1038230" s="10"/>
    </row>
    <row r="1038231" spans="14:14">
      <c r="N1038231" s="10"/>
    </row>
    <row r="1038232" spans="14:14">
      <c r="N1038232" s="10"/>
    </row>
    <row r="1038233" spans="14:14">
      <c r="N1038233" s="10"/>
    </row>
    <row r="1038234" spans="14:14">
      <c r="N1038234" s="10"/>
    </row>
    <row r="1038235" spans="14:14">
      <c r="N1038235" s="10"/>
    </row>
    <row r="1038236" spans="14:14">
      <c r="N1038236" s="10"/>
    </row>
    <row r="1038237" spans="14:14">
      <c r="N1038237" s="10"/>
    </row>
    <row r="1038238" spans="14:14">
      <c r="N1038238" s="10"/>
    </row>
    <row r="1038239" spans="14:14">
      <c r="N1038239" s="10"/>
    </row>
    <row r="1038240" spans="14:14">
      <c r="N1038240" s="10"/>
    </row>
    <row r="1038241" spans="14:14">
      <c r="N1038241" s="10"/>
    </row>
    <row r="1038242" spans="14:14">
      <c r="N1038242" s="10"/>
    </row>
    <row r="1038243" spans="14:14">
      <c r="N1038243" s="10"/>
    </row>
    <row r="1038244" spans="14:14">
      <c r="N1038244" s="10"/>
    </row>
    <row r="1038245" spans="14:14">
      <c r="N1038245" s="10"/>
    </row>
    <row r="1038246" spans="14:14">
      <c r="N1038246" s="10"/>
    </row>
    <row r="1038247" spans="14:14">
      <c r="N1038247" s="10"/>
    </row>
    <row r="1038248" spans="14:14">
      <c r="N1038248" s="10"/>
    </row>
    <row r="1038249" spans="14:14">
      <c r="N1038249" s="10"/>
    </row>
    <row r="1038250" spans="14:14">
      <c r="N1038250" s="10"/>
    </row>
    <row r="1038251" spans="14:14">
      <c r="N1038251" s="10"/>
    </row>
    <row r="1038252" spans="14:14">
      <c r="N1038252" s="10"/>
    </row>
    <row r="1038253" spans="14:14">
      <c r="N1038253" s="10"/>
    </row>
    <row r="1038254" spans="14:14">
      <c r="N1038254" s="10"/>
    </row>
    <row r="1038255" spans="14:14">
      <c r="N1038255" s="10"/>
    </row>
    <row r="1038256" spans="14:14">
      <c r="N1038256" s="10"/>
    </row>
    <row r="1038257" spans="14:14">
      <c r="N1038257" s="10"/>
    </row>
    <row r="1038258" spans="14:14">
      <c r="N1038258" s="10"/>
    </row>
    <row r="1038259" spans="14:14">
      <c r="N1038259" s="10"/>
    </row>
    <row r="1038260" spans="14:14">
      <c r="N1038260" s="10"/>
    </row>
    <row r="1038261" spans="14:14">
      <c r="N1038261" s="10"/>
    </row>
    <row r="1038262" spans="14:14">
      <c r="N1038262" s="10"/>
    </row>
    <row r="1038263" spans="14:14">
      <c r="N1038263" s="10"/>
    </row>
    <row r="1038264" spans="14:14">
      <c r="N1038264" s="10"/>
    </row>
    <row r="1038265" spans="14:14">
      <c r="N1038265" s="10"/>
    </row>
    <row r="1038266" spans="14:14">
      <c r="N1038266" s="10"/>
    </row>
    <row r="1038267" spans="14:14">
      <c r="N1038267" s="10"/>
    </row>
    <row r="1038268" spans="14:14">
      <c r="N1038268" s="10"/>
    </row>
    <row r="1038269" spans="14:14">
      <c r="N1038269" s="10"/>
    </row>
    <row r="1038270" spans="14:14">
      <c r="N1038270" s="10"/>
    </row>
    <row r="1038271" spans="14:14">
      <c r="N1038271" s="10"/>
    </row>
    <row r="1038272" spans="14:14">
      <c r="N1038272" s="10"/>
    </row>
    <row r="1038273" spans="14:14">
      <c r="N1038273" s="10"/>
    </row>
    <row r="1038274" spans="14:14">
      <c r="N1038274" s="10"/>
    </row>
    <row r="1038275" spans="14:14">
      <c r="N1038275" s="10"/>
    </row>
    <row r="1038276" spans="14:14">
      <c r="N1038276" s="10"/>
    </row>
    <row r="1038277" spans="14:14">
      <c r="N1038277" s="10"/>
    </row>
    <row r="1038278" spans="14:14">
      <c r="N1038278" s="10"/>
    </row>
    <row r="1038279" spans="14:14">
      <c r="N1038279" s="10"/>
    </row>
    <row r="1038280" spans="14:14">
      <c r="N1038280" s="10"/>
    </row>
    <row r="1038281" spans="14:14">
      <c r="N1038281" s="10"/>
    </row>
    <row r="1038282" spans="14:14">
      <c r="N1038282" s="10"/>
    </row>
    <row r="1038283" spans="14:14">
      <c r="N1038283" s="10"/>
    </row>
    <row r="1038284" spans="14:14">
      <c r="N1038284" s="10"/>
    </row>
    <row r="1038285" spans="14:14">
      <c r="N1038285" s="10"/>
    </row>
    <row r="1038286" spans="14:14">
      <c r="N1038286" s="10"/>
    </row>
    <row r="1038287" spans="14:14">
      <c r="N1038287" s="10"/>
    </row>
    <row r="1038288" spans="14:14">
      <c r="N1038288" s="10"/>
    </row>
    <row r="1038289" spans="14:14">
      <c r="N1038289" s="10"/>
    </row>
    <row r="1038290" spans="14:14">
      <c r="N1038290" s="10"/>
    </row>
    <row r="1038291" spans="14:14">
      <c r="N1038291" s="10"/>
    </row>
    <row r="1038292" spans="14:14">
      <c r="N1038292" s="10"/>
    </row>
    <row r="1038293" spans="14:14">
      <c r="N1038293" s="10"/>
    </row>
    <row r="1038294" spans="14:14">
      <c r="N1038294" s="10"/>
    </row>
    <row r="1038295" spans="14:14">
      <c r="N1038295" s="10"/>
    </row>
    <row r="1038296" spans="14:14">
      <c r="N1038296" s="10"/>
    </row>
    <row r="1038297" spans="14:14">
      <c r="N1038297" s="10"/>
    </row>
    <row r="1038298" spans="14:14">
      <c r="N1038298" s="10"/>
    </row>
    <row r="1038299" spans="14:14">
      <c r="N1038299" s="10"/>
    </row>
    <row r="1038300" spans="14:14">
      <c r="N1038300" s="10"/>
    </row>
    <row r="1038301" spans="14:14">
      <c r="N1038301" s="10"/>
    </row>
    <row r="1038302" spans="14:14">
      <c r="N1038302" s="10"/>
    </row>
    <row r="1038303" spans="14:14">
      <c r="N1038303" s="10"/>
    </row>
    <row r="1038304" spans="14:14">
      <c r="N1038304" s="10"/>
    </row>
    <row r="1038305" spans="14:14">
      <c r="N1038305" s="10"/>
    </row>
    <row r="1038306" spans="14:14">
      <c r="N1038306" s="10"/>
    </row>
    <row r="1038307" spans="14:14">
      <c r="N1038307" s="10"/>
    </row>
    <row r="1038308" spans="14:14">
      <c r="N1038308" s="10"/>
    </row>
    <row r="1038309" spans="14:14">
      <c r="N1038309" s="10"/>
    </row>
    <row r="1038310" spans="14:14">
      <c r="N1038310" s="10"/>
    </row>
    <row r="1038311" spans="14:14">
      <c r="N1038311" s="10"/>
    </row>
    <row r="1038312" spans="14:14">
      <c r="N1038312" s="10"/>
    </row>
    <row r="1038313" spans="14:14">
      <c r="N1038313" s="10"/>
    </row>
    <row r="1038314" spans="14:14">
      <c r="N1038314" s="10"/>
    </row>
    <row r="1038315" spans="14:14">
      <c r="N1038315" s="10"/>
    </row>
    <row r="1038316" spans="14:14">
      <c r="N1038316" s="10"/>
    </row>
    <row r="1038317" spans="14:14">
      <c r="N1038317" s="10"/>
    </row>
    <row r="1038318" spans="14:14">
      <c r="N1038318" s="10"/>
    </row>
    <row r="1038319" spans="14:14">
      <c r="N1038319" s="10"/>
    </row>
    <row r="1038320" spans="14:14">
      <c r="N1038320" s="10"/>
    </row>
    <row r="1038321" spans="14:14">
      <c r="N1038321" s="10"/>
    </row>
    <row r="1038322" spans="14:14">
      <c r="N1038322" s="10"/>
    </row>
    <row r="1038323" spans="14:14">
      <c r="N1038323" s="10"/>
    </row>
    <row r="1038324" spans="14:14">
      <c r="N1038324" s="10"/>
    </row>
    <row r="1038325" spans="14:14">
      <c r="N1038325" s="10"/>
    </row>
    <row r="1038326" spans="14:14">
      <c r="N1038326" s="10"/>
    </row>
    <row r="1038327" spans="14:14">
      <c r="N1038327" s="10"/>
    </row>
    <row r="1038328" spans="14:14">
      <c r="N1038328" s="10"/>
    </row>
    <row r="1038329" spans="14:14">
      <c r="N1038329" s="10"/>
    </row>
    <row r="1038330" spans="14:14">
      <c r="N1038330" s="10"/>
    </row>
    <row r="1038331" spans="14:14">
      <c r="N1038331" s="10"/>
    </row>
    <row r="1038332" spans="14:14">
      <c r="N1038332" s="10"/>
    </row>
    <row r="1038333" spans="14:14">
      <c r="N1038333" s="10"/>
    </row>
    <row r="1038334" spans="14:14">
      <c r="N1038334" s="10"/>
    </row>
    <row r="1038335" spans="14:14">
      <c r="N1038335" s="10"/>
    </row>
    <row r="1038336" spans="14:14">
      <c r="N1038336" s="10"/>
    </row>
    <row r="1038337" spans="14:14">
      <c r="N1038337" s="10"/>
    </row>
    <row r="1038338" spans="14:14">
      <c r="N1038338" s="10"/>
    </row>
    <row r="1038339" spans="14:14">
      <c r="N1038339" s="10"/>
    </row>
    <row r="1038340" spans="14:14">
      <c r="N1038340" s="10"/>
    </row>
    <row r="1038341" spans="14:14">
      <c r="N1038341" s="10"/>
    </row>
    <row r="1038342" spans="14:14">
      <c r="N1038342" s="10"/>
    </row>
    <row r="1038343" spans="14:14">
      <c r="N1038343" s="10"/>
    </row>
    <row r="1038344" spans="14:14">
      <c r="N1038344" s="10"/>
    </row>
    <row r="1038345" spans="14:14">
      <c r="N1038345" s="10"/>
    </row>
    <row r="1038346" spans="14:14">
      <c r="N1038346" s="10"/>
    </row>
    <row r="1038347" spans="14:14">
      <c r="N1038347" s="10"/>
    </row>
    <row r="1038348" spans="14:14">
      <c r="N1038348" s="10"/>
    </row>
    <row r="1038349" spans="14:14">
      <c r="N1038349" s="10"/>
    </row>
    <row r="1038350" spans="14:14">
      <c r="N1038350" s="10"/>
    </row>
    <row r="1038351" spans="14:14">
      <c r="N1038351" s="10"/>
    </row>
    <row r="1038352" spans="14:14">
      <c r="N1038352" s="10"/>
    </row>
    <row r="1038353" spans="14:14">
      <c r="N1038353" s="10"/>
    </row>
    <row r="1038354" spans="14:14">
      <c r="N1038354" s="10"/>
    </row>
    <row r="1038355" spans="14:14">
      <c r="N1038355" s="10"/>
    </row>
    <row r="1038356" spans="14:14">
      <c r="N1038356" s="10"/>
    </row>
    <row r="1038357" spans="14:14">
      <c r="N1038357" s="10"/>
    </row>
    <row r="1038358" spans="14:14">
      <c r="N1038358" s="10"/>
    </row>
    <row r="1038359" spans="14:14">
      <c r="N1038359" s="10"/>
    </row>
    <row r="1038360" spans="14:14">
      <c r="N1038360" s="10"/>
    </row>
    <row r="1038361" spans="14:14">
      <c r="N1038361" s="10"/>
    </row>
    <row r="1038362" spans="14:14">
      <c r="N1038362" s="10"/>
    </row>
    <row r="1038363" spans="14:14">
      <c r="N1038363" s="10"/>
    </row>
    <row r="1038364" spans="14:14">
      <c r="N1038364" s="10"/>
    </row>
    <row r="1038365" spans="14:14">
      <c r="N1038365" s="10"/>
    </row>
    <row r="1038366" spans="14:14">
      <c r="N1038366" s="10"/>
    </row>
    <row r="1038367" spans="14:14">
      <c r="N1038367" s="10"/>
    </row>
    <row r="1038368" spans="14:14">
      <c r="N1038368" s="10"/>
    </row>
    <row r="1038369" spans="14:14">
      <c r="N1038369" s="10"/>
    </row>
    <row r="1038370" spans="14:14">
      <c r="N1038370" s="10"/>
    </row>
    <row r="1038371" spans="14:14">
      <c r="N1038371" s="10"/>
    </row>
    <row r="1038372" spans="14:14">
      <c r="N1038372" s="10"/>
    </row>
    <row r="1038373" spans="14:14">
      <c r="N1038373" s="10"/>
    </row>
    <row r="1038374" spans="14:14">
      <c r="N1038374" s="10"/>
    </row>
    <row r="1038375" spans="14:14">
      <c r="N1038375" s="10"/>
    </row>
    <row r="1038376" spans="14:14">
      <c r="N1038376" s="10"/>
    </row>
    <row r="1038377" spans="14:14">
      <c r="N1038377" s="10"/>
    </row>
    <row r="1038378" spans="14:14">
      <c r="N1038378" s="10"/>
    </row>
    <row r="1038379" spans="14:14">
      <c r="N1038379" s="10"/>
    </row>
    <row r="1038380" spans="14:14">
      <c r="N1038380" s="10"/>
    </row>
    <row r="1038381" spans="14:14">
      <c r="N1038381" s="10"/>
    </row>
    <row r="1038382" spans="14:14">
      <c r="N1038382" s="10"/>
    </row>
    <row r="1038383" spans="14:14">
      <c r="N1038383" s="10"/>
    </row>
    <row r="1038384" spans="14:14">
      <c r="N1038384" s="10"/>
    </row>
    <row r="1038385" spans="14:14">
      <c r="N1038385" s="10"/>
    </row>
    <row r="1038386" spans="14:14">
      <c r="N1038386" s="10"/>
    </row>
    <row r="1038387" spans="14:14">
      <c r="N1038387" s="10"/>
    </row>
    <row r="1038388" spans="14:14">
      <c r="N1038388" s="10"/>
    </row>
    <row r="1038389" spans="14:14">
      <c r="N1038389" s="10"/>
    </row>
    <row r="1038390" spans="14:14">
      <c r="N1038390" s="10"/>
    </row>
    <row r="1038391" spans="14:14">
      <c r="N1038391" s="10"/>
    </row>
    <row r="1038392" spans="14:14">
      <c r="N1038392" s="10"/>
    </row>
    <row r="1038393" spans="14:14">
      <c r="N1038393" s="10"/>
    </row>
    <row r="1038394" spans="14:14">
      <c r="N1038394" s="10"/>
    </row>
    <row r="1038395" spans="14:14">
      <c r="N1038395" s="10"/>
    </row>
    <row r="1038396" spans="14:14">
      <c r="N1038396" s="10"/>
    </row>
    <row r="1038397" spans="14:14">
      <c r="N1038397" s="10"/>
    </row>
    <row r="1038398" spans="14:14">
      <c r="N1038398" s="10"/>
    </row>
    <row r="1038399" spans="14:14">
      <c r="N1038399" s="10"/>
    </row>
    <row r="1038400" spans="14:14">
      <c r="N1038400" s="10"/>
    </row>
    <row r="1038401" spans="14:14">
      <c r="N1038401" s="10"/>
    </row>
    <row r="1038402" spans="14:14">
      <c r="N1038402" s="10"/>
    </row>
    <row r="1038403" spans="14:14">
      <c r="N1038403" s="10"/>
    </row>
    <row r="1038404" spans="14:14">
      <c r="N1038404" s="10"/>
    </row>
    <row r="1038405" spans="14:14">
      <c r="N1038405" s="10"/>
    </row>
    <row r="1038406" spans="14:14">
      <c r="N1038406" s="10"/>
    </row>
    <row r="1038407" spans="14:14">
      <c r="N1038407" s="10"/>
    </row>
    <row r="1038408" spans="14:14">
      <c r="N1038408" s="10"/>
    </row>
    <row r="1038409" spans="14:14">
      <c r="N1038409" s="10"/>
    </row>
    <row r="1038410" spans="14:14">
      <c r="N1038410" s="10"/>
    </row>
    <row r="1038411" spans="14:14">
      <c r="N1038411" s="10"/>
    </row>
    <row r="1038412" spans="14:14">
      <c r="N1038412" s="10"/>
    </row>
    <row r="1038413" spans="14:14">
      <c r="N1038413" s="10"/>
    </row>
    <row r="1038414" spans="14:14">
      <c r="N1038414" s="10"/>
    </row>
    <row r="1038415" spans="14:14">
      <c r="N1038415" s="10"/>
    </row>
    <row r="1038416" spans="14:14">
      <c r="N1038416" s="10"/>
    </row>
    <row r="1038417" spans="14:14">
      <c r="N1038417" s="10"/>
    </row>
    <row r="1038418" spans="14:14">
      <c r="N1038418" s="10"/>
    </row>
    <row r="1038419" spans="14:14">
      <c r="N1038419" s="10"/>
    </row>
    <row r="1038420" spans="14:14">
      <c r="N1038420" s="10"/>
    </row>
    <row r="1038421" spans="14:14">
      <c r="N1038421" s="10"/>
    </row>
    <row r="1038422" spans="14:14">
      <c r="N1038422" s="10"/>
    </row>
    <row r="1038423" spans="14:14">
      <c r="N1038423" s="10"/>
    </row>
    <row r="1038424" spans="14:14">
      <c r="N1038424" s="10"/>
    </row>
    <row r="1038425" spans="14:14">
      <c r="N1038425" s="10"/>
    </row>
    <row r="1038426" spans="14:14">
      <c r="N1038426" s="10"/>
    </row>
    <row r="1038427" spans="14:14">
      <c r="N1038427" s="10"/>
    </row>
    <row r="1038428" spans="14:14">
      <c r="N1038428" s="10"/>
    </row>
    <row r="1038429" spans="14:14">
      <c r="N1038429" s="10"/>
    </row>
    <row r="1038430" spans="14:14">
      <c r="N1038430" s="10"/>
    </row>
    <row r="1038431" spans="14:14">
      <c r="N1038431" s="10"/>
    </row>
    <row r="1038432" spans="14:14">
      <c r="N1038432" s="10"/>
    </row>
    <row r="1038433" spans="14:14">
      <c r="N1038433" s="10"/>
    </row>
    <row r="1038434" spans="14:14">
      <c r="N1038434" s="10"/>
    </row>
    <row r="1038435" spans="14:14">
      <c r="N1038435" s="10"/>
    </row>
    <row r="1038436" spans="14:14">
      <c r="N1038436" s="10"/>
    </row>
    <row r="1038437" spans="14:14">
      <c r="N1038437" s="10"/>
    </row>
    <row r="1038438" spans="14:14">
      <c r="N1038438" s="10"/>
    </row>
    <row r="1038439" spans="14:14">
      <c r="N1038439" s="10"/>
    </row>
    <row r="1038440" spans="14:14">
      <c r="N1038440" s="10"/>
    </row>
    <row r="1038441" spans="14:14">
      <c r="N1038441" s="10"/>
    </row>
    <row r="1038442" spans="14:14">
      <c r="N1038442" s="10"/>
    </row>
    <row r="1038443" spans="14:14">
      <c r="N1038443" s="10"/>
    </row>
    <row r="1038444" spans="14:14">
      <c r="N1038444" s="10"/>
    </row>
    <row r="1038445" spans="14:14">
      <c r="N1038445" s="10"/>
    </row>
    <row r="1038446" spans="14:14">
      <c r="N1038446" s="10"/>
    </row>
    <row r="1038447" spans="14:14">
      <c r="N1038447" s="10"/>
    </row>
    <row r="1038448" spans="14:14">
      <c r="N1038448" s="10"/>
    </row>
    <row r="1038449" spans="14:14">
      <c r="N1038449" s="10"/>
    </row>
    <row r="1038450" spans="14:14">
      <c r="N1038450" s="10"/>
    </row>
    <row r="1038451" spans="14:14">
      <c r="N1038451" s="10"/>
    </row>
    <row r="1038452" spans="14:14">
      <c r="N1038452" s="10"/>
    </row>
    <row r="1038453" spans="14:14">
      <c r="N1038453" s="10"/>
    </row>
    <row r="1038454" spans="14:14">
      <c r="N1038454" s="10"/>
    </row>
    <row r="1038455" spans="14:14">
      <c r="N1038455" s="10"/>
    </row>
    <row r="1038456" spans="14:14">
      <c r="N1038456" s="10"/>
    </row>
    <row r="1038457" spans="14:14">
      <c r="N1038457" s="10"/>
    </row>
    <row r="1038458" spans="14:14">
      <c r="N1038458" s="10"/>
    </row>
    <row r="1038459" spans="14:14">
      <c r="N1038459" s="10"/>
    </row>
    <row r="1038460" spans="14:14">
      <c r="N1038460" s="10"/>
    </row>
    <row r="1038461" spans="14:14">
      <c r="N1038461" s="10"/>
    </row>
    <row r="1038462" spans="14:14">
      <c r="N1038462" s="10"/>
    </row>
    <row r="1038463" spans="14:14">
      <c r="N1038463" s="10"/>
    </row>
    <row r="1038464" spans="14:14">
      <c r="N1038464" s="10"/>
    </row>
    <row r="1038465" spans="14:14">
      <c r="N1038465" s="10"/>
    </row>
    <row r="1038466" spans="14:14">
      <c r="N1038466" s="10"/>
    </row>
    <row r="1038467" spans="14:14">
      <c r="N1038467" s="10"/>
    </row>
    <row r="1038468" spans="14:14">
      <c r="N1038468" s="10"/>
    </row>
    <row r="1038469" spans="14:14">
      <c r="N1038469" s="10"/>
    </row>
    <row r="1038470" spans="14:14">
      <c r="N1038470" s="10"/>
    </row>
    <row r="1038471" spans="14:14">
      <c r="N1038471" s="10"/>
    </row>
    <row r="1038472" spans="14:14">
      <c r="N1038472" s="10"/>
    </row>
    <row r="1038473" spans="14:14">
      <c r="N1038473" s="10"/>
    </row>
    <row r="1038474" spans="14:14">
      <c r="N1038474" s="10"/>
    </row>
    <row r="1038475" spans="14:14">
      <c r="N1038475" s="10"/>
    </row>
    <row r="1038476" spans="14:14">
      <c r="N1038476" s="10"/>
    </row>
    <row r="1038477" spans="14:14">
      <c r="N1038477" s="10"/>
    </row>
    <row r="1038478" spans="14:14">
      <c r="N1038478" s="10"/>
    </row>
    <row r="1038479" spans="14:14">
      <c r="N1038479" s="10"/>
    </row>
    <row r="1038480" spans="14:14">
      <c r="N1038480" s="10"/>
    </row>
    <row r="1038481" spans="14:14">
      <c r="N1038481" s="10"/>
    </row>
    <row r="1038482" spans="14:14">
      <c r="N1038482" s="10"/>
    </row>
    <row r="1038483" spans="14:14">
      <c r="N1038483" s="10"/>
    </row>
    <row r="1038484" spans="14:14">
      <c r="N1038484" s="10"/>
    </row>
    <row r="1038485" spans="14:14">
      <c r="N1038485" s="10"/>
    </row>
    <row r="1038486" spans="14:14">
      <c r="N1038486" s="10"/>
    </row>
    <row r="1038487" spans="14:14">
      <c r="N1038487" s="10"/>
    </row>
    <row r="1038488" spans="14:14">
      <c r="N1038488" s="10"/>
    </row>
    <row r="1038489" spans="14:14">
      <c r="N1038489" s="10"/>
    </row>
    <row r="1038490" spans="14:14">
      <c r="N1038490" s="10"/>
    </row>
    <row r="1038491" spans="14:14">
      <c r="N1038491" s="10"/>
    </row>
    <row r="1038492" spans="14:14">
      <c r="N1038492" s="10"/>
    </row>
    <row r="1038493" spans="14:14">
      <c r="N1038493" s="10"/>
    </row>
    <row r="1038494" spans="14:14">
      <c r="N1038494" s="10"/>
    </row>
    <row r="1038495" spans="14:14">
      <c r="N1038495" s="10"/>
    </row>
    <row r="1038496" spans="14:14">
      <c r="N1038496" s="10"/>
    </row>
    <row r="1038497" spans="14:14">
      <c r="N1038497" s="10"/>
    </row>
    <row r="1038498" spans="14:14">
      <c r="N1038498" s="10"/>
    </row>
    <row r="1038499" spans="14:14">
      <c r="N1038499" s="10"/>
    </row>
    <row r="1038500" spans="14:14">
      <c r="N1038500" s="10"/>
    </row>
    <row r="1038501" spans="14:14">
      <c r="N1038501" s="10"/>
    </row>
    <row r="1038502" spans="14:14">
      <c r="N1038502" s="10"/>
    </row>
    <row r="1038503" spans="14:14">
      <c r="N1038503" s="10"/>
    </row>
    <row r="1038504" spans="14:14">
      <c r="N1038504" s="10"/>
    </row>
    <row r="1038505" spans="14:14">
      <c r="N1038505" s="10"/>
    </row>
    <row r="1038506" spans="14:14">
      <c r="N1038506" s="10"/>
    </row>
    <row r="1038507" spans="14:14">
      <c r="N1038507" s="10"/>
    </row>
    <row r="1038508" spans="14:14">
      <c r="N1038508" s="10"/>
    </row>
    <row r="1038509" spans="14:14">
      <c r="N1038509" s="10"/>
    </row>
    <row r="1038510" spans="14:14">
      <c r="N1038510" s="10"/>
    </row>
    <row r="1038511" spans="14:14">
      <c r="N1038511" s="10"/>
    </row>
    <row r="1038512" spans="14:14">
      <c r="N1038512" s="10"/>
    </row>
    <row r="1038513" spans="14:14">
      <c r="N1038513" s="10"/>
    </row>
    <row r="1038514" spans="14:14">
      <c r="N1038514" s="10"/>
    </row>
    <row r="1038515" spans="14:14">
      <c r="N1038515" s="10"/>
    </row>
    <row r="1038516" spans="14:14">
      <c r="N1038516" s="10"/>
    </row>
    <row r="1038517" spans="14:14">
      <c r="N1038517" s="10"/>
    </row>
    <row r="1038518" spans="14:14">
      <c r="N1038518" s="10"/>
    </row>
    <row r="1038519" spans="14:14">
      <c r="N1038519" s="10"/>
    </row>
    <row r="1038520" spans="14:14">
      <c r="N1038520" s="10"/>
    </row>
    <row r="1038521" spans="14:14">
      <c r="N1038521" s="10"/>
    </row>
    <row r="1038522" spans="14:14">
      <c r="N1038522" s="10"/>
    </row>
    <row r="1038523" spans="14:14">
      <c r="N1038523" s="10"/>
    </row>
    <row r="1038524" spans="14:14">
      <c r="N1038524" s="10"/>
    </row>
    <row r="1038525" spans="14:14">
      <c r="N1038525" s="10"/>
    </row>
    <row r="1038526" spans="14:14">
      <c r="N1038526" s="10"/>
    </row>
    <row r="1038527" spans="14:14">
      <c r="N1038527" s="10"/>
    </row>
    <row r="1038528" spans="14:14">
      <c r="N1038528" s="10"/>
    </row>
    <row r="1038529" spans="14:14">
      <c r="N1038529" s="10"/>
    </row>
    <row r="1038530" spans="14:14">
      <c r="N1038530" s="10"/>
    </row>
    <row r="1038531" spans="14:14">
      <c r="N1038531" s="10"/>
    </row>
    <row r="1038532" spans="14:14">
      <c r="N1038532" s="10"/>
    </row>
    <row r="1038533" spans="14:14">
      <c r="N1038533" s="10"/>
    </row>
    <row r="1038534" spans="14:14">
      <c r="N1038534" s="10"/>
    </row>
    <row r="1038535" spans="14:14">
      <c r="N1038535" s="10"/>
    </row>
    <row r="1038536" spans="14:14">
      <c r="N1038536" s="10"/>
    </row>
    <row r="1038537" spans="14:14">
      <c r="N1038537" s="10"/>
    </row>
    <row r="1038538" spans="14:14">
      <c r="N1038538" s="10"/>
    </row>
    <row r="1038539" spans="14:14">
      <c r="N1038539" s="10"/>
    </row>
    <row r="1038540" spans="14:14">
      <c r="N1038540" s="10"/>
    </row>
    <row r="1038541" spans="14:14">
      <c r="N1038541" s="10"/>
    </row>
    <row r="1038542" spans="14:14">
      <c r="N1038542" s="10"/>
    </row>
    <row r="1038543" spans="14:14">
      <c r="N1038543" s="10"/>
    </row>
    <row r="1038544" spans="14:14">
      <c r="N1038544" s="10"/>
    </row>
    <row r="1038545" spans="14:14">
      <c r="N1038545" s="10"/>
    </row>
    <row r="1038546" spans="14:14">
      <c r="N1038546" s="10"/>
    </row>
    <row r="1038547" spans="14:14">
      <c r="N1038547" s="10"/>
    </row>
    <row r="1038548" spans="14:14">
      <c r="N1038548" s="10"/>
    </row>
    <row r="1038549" spans="14:14">
      <c r="N1038549" s="10"/>
    </row>
    <row r="1038550" spans="14:14">
      <c r="N1038550" s="10"/>
    </row>
    <row r="1038551" spans="14:14">
      <c r="N1038551" s="10"/>
    </row>
    <row r="1038552" spans="14:14">
      <c r="N1038552" s="10"/>
    </row>
    <row r="1038553" spans="14:14">
      <c r="N1038553" s="10"/>
    </row>
    <row r="1038554" spans="14:14">
      <c r="N1038554" s="10"/>
    </row>
    <row r="1038555" spans="14:14">
      <c r="N1038555" s="10"/>
    </row>
    <row r="1038556" spans="14:14">
      <c r="N1038556" s="10"/>
    </row>
    <row r="1038557" spans="14:14">
      <c r="N1038557" s="10"/>
    </row>
    <row r="1038558" spans="14:14">
      <c r="N1038558" s="10"/>
    </row>
    <row r="1038559" spans="14:14">
      <c r="N1038559" s="10"/>
    </row>
    <row r="1038560" spans="14:14">
      <c r="N1038560" s="10"/>
    </row>
    <row r="1038561" spans="14:14">
      <c r="N1038561" s="10"/>
    </row>
    <row r="1038562" spans="14:14">
      <c r="N1038562" s="10"/>
    </row>
    <row r="1038563" spans="14:14">
      <c r="N1038563" s="10"/>
    </row>
    <row r="1038564" spans="14:14">
      <c r="N1038564" s="10"/>
    </row>
    <row r="1038565" spans="14:14">
      <c r="N1038565" s="10"/>
    </row>
    <row r="1038566" spans="14:14">
      <c r="N1038566" s="10"/>
    </row>
    <row r="1038567" spans="14:14">
      <c r="N1038567" s="10"/>
    </row>
    <row r="1038568" spans="14:14">
      <c r="N1038568" s="10"/>
    </row>
    <row r="1038569" spans="14:14">
      <c r="N1038569" s="10"/>
    </row>
    <row r="1038570" spans="14:14">
      <c r="N1038570" s="10"/>
    </row>
    <row r="1038571" spans="14:14">
      <c r="N1038571" s="10"/>
    </row>
    <row r="1038572" spans="14:14">
      <c r="N1038572" s="10"/>
    </row>
    <row r="1038573" spans="14:14">
      <c r="N1038573" s="10"/>
    </row>
    <row r="1038574" spans="14:14">
      <c r="N1038574" s="10"/>
    </row>
    <row r="1038575" spans="14:14">
      <c r="N1038575" s="10"/>
    </row>
    <row r="1038576" spans="14:14">
      <c r="N1038576" s="10"/>
    </row>
    <row r="1038577" spans="14:14">
      <c r="N1038577" s="10"/>
    </row>
    <row r="1038578" spans="14:14">
      <c r="N1038578" s="10"/>
    </row>
    <row r="1038579" spans="14:14">
      <c r="N1038579" s="10"/>
    </row>
    <row r="1038580" spans="14:14">
      <c r="N1038580" s="10"/>
    </row>
    <row r="1038581" spans="14:14">
      <c r="N1038581" s="10"/>
    </row>
    <row r="1038582" spans="14:14">
      <c r="N1038582" s="10"/>
    </row>
    <row r="1038583" spans="14:14">
      <c r="N1038583" s="10"/>
    </row>
    <row r="1038584" spans="14:14">
      <c r="N1038584" s="10"/>
    </row>
    <row r="1038585" spans="14:14">
      <c r="N1038585" s="10"/>
    </row>
    <row r="1038586" spans="14:14">
      <c r="N1038586" s="10"/>
    </row>
    <row r="1038587" spans="14:14">
      <c r="N1038587" s="10"/>
    </row>
    <row r="1038588" spans="14:14">
      <c r="N1038588" s="10"/>
    </row>
    <row r="1038589" spans="14:14">
      <c r="N1038589" s="10"/>
    </row>
    <row r="1038590" spans="14:14">
      <c r="N1038590" s="10"/>
    </row>
    <row r="1038591" spans="14:14">
      <c r="N1038591" s="10"/>
    </row>
    <row r="1038592" spans="14:14">
      <c r="N1038592" s="10"/>
    </row>
    <row r="1038593" spans="14:14">
      <c r="N1038593" s="10"/>
    </row>
    <row r="1038594" spans="14:14">
      <c r="N1038594" s="10"/>
    </row>
    <row r="1038595" spans="14:14">
      <c r="N1038595" s="10"/>
    </row>
    <row r="1038596" spans="14:14">
      <c r="N1038596" s="10"/>
    </row>
    <row r="1038597" spans="14:14">
      <c r="N1038597" s="10"/>
    </row>
    <row r="1038598" spans="14:14">
      <c r="N1038598" s="10"/>
    </row>
    <row r="1038599" spans="14:14">
      <c r="N1038599" s="10"/>
    </row>
    <row r="1038600" spans="14:14">
      <c r="N1038600" s="10"/>
    </row>
    <row r="1038601" spans="14:14">
      <c r="N1038601" s="10"/>
    </row>
    <row r="1038602" spans="14:14">
      <c r="N1038602" s="10"/>
    </row>
    <row r="1038603" spans="14:14">
      <c r="N1038603" s="10"/>
    </row>
    <row r="1038604" spans="14:14">
      <c r="N1038604" s="10"/>
    </row>
    <row r="1038605" spans="14:14">
      <c r="N1038605" s="10"/>
    </row>
    <row r="1038606" spans="14:14">
      <c r="N1038606" s="10"/>
    </row>
    <row r="1038607" spans="14:14">
      <c r="N1038607" s="10"/>
    </row>
    <row r="1038608" spans="14:14">
      <c r="N1038608" s="10"/>
    </row>
    <row r="1038609" spans="14:14">
      <c r="N1038609" s="10"/>
    </row>
    <row r="1038610" spans="14:14">
      <c r="N1038610" s="10"/>
    </row>
    <row r="1038611" spans="14:14">
      <c r="N1038611" s="10"/>
    </row>
    <row r="1038612" spans="14:14">
      <c r="N1038612" s="10"/>
    </row>
    <row r="1038613" spans="14:14">
      <c r="N1038613" s="10"/>
    </row>
    <row r="1038614" spans="14:14">
      <c r="N1038614" s="10"/>
    </row>
    <row r="1038615" spans="14:14">
      <c r="N1038615" s="10"/>
    </row>
    <row r="1038616" spans="14:14">
      <c r="N1038616" s="10"/>
    </row>
    <row r="1038617" spans="14:14">
      <c r="N1038617" s="10"/>
    </row>
    <row r="1038618" spans="14:14">
      <c r="N1038618" s="10"/>
    </row>
    <row r="1038619" spans="14:14">
      <c r="N1038619" s="10"/>
    </row>
    <row r="1038620" spans="14:14">
      <c r="N1038620" s="10"/>
    </row>
    <row r="1038621" spans="14:14">
      <c r="N1038621" s="10"/>
    </row>
    <row r="1038622" spans="14:14">
      <c r="N1038622" s="10"/>
    </row>
    <row r="1038623" spans="14:14">
      <c r="N1038623" s="10"/>
    </row>
    <row r="1038624" spans="14:14">
      <c r="N1038624" s="10"/>
    </row>
    <row r="1038625" spans="14:14">
      <c r="N1038625" s="10"/>
    </row>
    <row r="1038626" spans="14:14">
      <c r="N1038626" s="10"/>
    </row>
    <row r="1038627" spans="14:14">
      <c r="N1038627" s="10"/>
    </row>
    <row r="1038628" spans="14:14">
      <c r="N1038628" s="10"/>
    </row>
    <row r="1038629" spans="14:14">
      <c r="N1038629" s="10"/>
    </row>
    <row r="1038630" spans="14:14">
      <c r="N1038630" s="10"/>
    </row>
    <row r="1038631" spans="14:14">
      <c r="N1038631" s="10"/>
    </row>
    <row r="1038632" spans="14:14">
      <c r="N1038632" s="10"/>
    </row>
    <row r="1038633" spans="14:14">
      <c r="N1038633" s="10"/>
    </row>
    <row r="1038634" spans="14:14">
      <c r="N1038634" s="10"/>
    </row>
    <row r="1038635" spans="14:14">
      <c r="N1038635" s="10"/>
    </row>
    <row r="1038636" spans="14:14">
      <c r="N1038636" s="10"/>
    </row>
    <row r="1038637" spans="14:14">
      <c r="N1038637" s="10"/>
    </row>
    <row r="1038638" spans="14:14">
      <c r="N1038638" s="10"/>
    </row>
    <row r="1038639" spans="14:14">
      <c r="N1038639" s="10"/>
    </row>
    <row r="1038640" spans="14:14">
      <c r="N1038640" s="10"/>
    </row>
    <row r="1038641" spans="14:14">
      <c r="N1038641" s="10"/>
    </row>
    <row r="1038642" spans="14:14">
      <c r="N1038642" s="10"/>
    </row>
    <row r="1038643" spans="14:14">
      <c r="N1038643" s="10"/>
    </row>
    <row r="1038644" spans="14:14">
      <c r="N1038644" s="10"/>
    </row>
    <row r="1038645" spans="14:14">
      <c r="N1038645" s="10"/>
    </row>
    <row r="1038646" spans="14:14">
      <c r="N1038646" s="10"/>
    </row>
    <row r="1038647" spans="14:14">
      <c r="N1038647" s="10"/>
    </row>
    <row r="1038648" spans="14:14">
      <c r="N1038648" s="10"/>
    </row>
    <row r="1038649" spans="14:14">
      <c r="N1038649" s="10"/>
    </row>
    <row r="1038650" spans="14:14">
      <c r="N1038650" s="10"/>
    </row>
    <row r="1038651" spans="14:14">
      <c r="N1038651" s="10"/>
    </row>
    <row r="1038652" spans="14:14">
      <c r="N1038652" s="10"/>
    </row>
    <row r="1038653" spans="14:14">
      <c r="N1038653" s="10"/>
    </row>
    <row r="1038654" spans="14:14">
      <c r="N1038654" s="10"/>
    </row>
    <row r="1038655" spans="14:14">
      <c r="N1038655" s="10"/>
    </row>
    <row r="1038656" spans="14:14">
      <c r="N1038656" s="10"/>
    </row>
    <row r="1038657" spans="14:14">
      <c r="N1038657" s="10"/>
    </row>
    <row r="1038658" spans="14:14">
      <c r="N1038658" s="10"/>
    </row>
    <row r="1038659" spans="14:14">
      <c r="N1038659" s="10"/>
    </row>
    <row r="1038660" spans="14:14">
      <c r="N1038660" s="10"/>
    </row>
    <row r="1038661" spans="14:14">
      <c r="N1038661" s="10"/>
    </row>
    <row r="1038662" spans="14:14">
      <c r="N1038662" s="10"/>
    </row>
    <row r="1038663" spans="14:14">
      <c r="N1038663" s="10"/>
    </row>
    <row r="1038664" spans="14:14">
      <c r="N1038664" s="10"/>
    </row>
    <row r="1038665" spans="14:14">
      <c r="N1038665" s="10"/>
    </row>
    <row r="1038666" spans="14:14">
      <c r="N1038666" s="10"/>
    </row>
    <row r="1038667" spans="14:14">
      <c r="N1038667" s="10"/>
    </row>
    <row r="1038668" spans="14:14">
      <c r="N1038668" s="10"/>
    </row>
    <row r="1038669" spans="14:14">
      <c r="N1038669" s="10"/>
    </row>
    <row r="1038670" spans="14:14">
      <c r="N1038670" s="10"/>
    </row>
    <row r="1038671" spans="14:14">
      <c r="N1038671" s="10"/>
    </row>
    <row r="1038672" spans="14:14">
      <c r="N1038672" s="10"/>
    </row>
    <row r="1038673" spans="14:14">
      <c r="N1038673" s="10"/>
    </row>
    <row r="1038674" spans="14:14">
      <c r="N1038674" s="10"/>
    </row>
    <row r="1038675" spans="14:14">
      <c r="N1038675" s="10"/>
    </row>
    <row r="1038676" spans="14:14">
      <c r="N1038676" s="10"/>
    </row>
    <row r="1038677" spans="14:14">
      <c r="N1038677" s="10"/>
    </row>
    <row r="1038678" spans="14:14">
      <c r="N1038678" s="10"/>
    </row>
    <row r="1038679" spans="14:14">
      <c r="N1038679" s="10"/>
    </row>
    <row r="1038680" spans="14:14">
      <c r="N1038680" s="10"/>
    </row>
    <row r="1038681" spans="14:14">
      <c r="N1038681" s="10"/>
    </row>
    <row r="1038682" spans="14:14">
      <c r="N1038682" s="10"/>
    </row>
    <row r="1038683" spans="14:14">
      <c r="N1038683" s="10"/>
    </row>
    <row r="1038684" spans="14:14">
      <c r="N1038684" s="10"/>
    </row>
    <row r="1038685" spans="14:14">
      <c r="N1038685" s="10"/>
    </row>
    <row r="1038686" spans="14:14">
      <c r="N1038686" s="10"/>
    </row>
    <row r="1038687" spans="14:14">
      <c r="N1038687" s="10"/>
    </row>
    <row r="1038688" spans="14:14">
      <c r="N1038688" s="10"/>
    </row>
    <row r="1038689" spans="14:14">
      <c r="N1038689" s="10"/>
    </row>
    <row r="1038690" spans="14:14">
      <c r="N1038690" s="10"/>
    </row>
    <row r="1038691" spans="14:14">
      <c r="N1038691" s="10"/>
    </row>
    <row r="1038692" spans="14:14">
      <c r="N1038692" s="10"/>
    </row>
    <row r="1038693" spans="14:14">
      <c r="N1038693" s="10"/>
    </row>
    <row r="1038694" spans="14:14">
      <c r="N1038694" s="10"/>
    </row>
    <row r="1038695" spans="14:14">
      <c r="N1038695" s="10"/>
    </row>
    <row r="1038696" spans="14:14">
      <c r="N1038696" s="10"/>
    </row>
    <row r="1038697" spans="14:14">
      <c r="N1038697" s="10"/>
    </row>
    <row r="1038698" spans="14:14">
      <c r="N1038698" s="10"/>
    </row>
    <row r="1038699" spans="14:14">
      <c r="N1038699" s="10"/>
    </row>
    <row r="1038700" spans="14:14">
      <c r="N1038700" s="10"/>
    </row>
    <row r="1038701" spans="14:14">
      <c r="N1038701" s="10"/>
    </row>
    <row r="1038702" spans="14:14">
      <c r="N1038702" s="10"/>
    </row>
    <row r="1038703" spans="14:14">
      <c r="N1038703" s="10"/>
    </row>
    <row r="1038704" spans="14:14">
      <c r="N1038704" s="10"/>
    </row>
    <row r="1038705" spans="14:14">
      <c r="N1038705" s="10"/>
    </row>
    <row r="1038706" spans="14:14">
      <c r="N1038706" s="10"/>
    </row>
    <row r="1038707" spans="14:14">
      <c r="N1038707" s="10"/>
    </row>
    <row r="1038708" spans="14:14">
      <c r="N1038708" s="10"/>
    </row>
    <row r="1038709" spans="14:14">
      <c r="N1038709" s="10"/>
    </row>
    <row r="1038710" spans="14:14">
      <c r="N1038710" s="10"/>
    </row>
    <row r="1038711" spans="14:14">
      <c r="N1038711" s="10"/>
    </row>
    <row r="1038712" spans="14:14">
      <c r="N1038712" s="10"/>
    </row>
    <row r="1038713" spans="14:14">
      <c r="N1038713" s="10"/>
    </row>
    <row r="1038714" spans="14:14">
      <c r="N1038714" s="10"/>
    </row>
    <row r="1038715" spans="14:14">
      <c r="N1038715" s="10"/>
    </row>
    <row r="1038716" spans="14:14">
      <c r="N1038716" s="10"/>
    </row>
    <row r="1038717" spans="14:14">
      <c r="N1038717" s="10"/>
    </row>
    <row r="1038718" spans="14:14">
      <c r="N1038718" s="10"/>
    </row>
    <row r="1038719" spans="14:14">
      <c r="N1038719" s="10"/>
    </row>
    <row r="1038720" spans="14:14">
      <c r="N1038720" s="10"/>
    </row>
    <row r="1038721" spans="14:14">
      <c r="N1038721" s="10"/>
    </row>
    <row r="1038722" spans="14:14">
      <c r="N1038722" s="10"/>
    </row>
    <row r="1038723" spans="14:14">
      <c r="N1038723" s="10"/>
    </row>
    <row r="1038724" spans="14:14">
      <c r="N1038724" s="10"/>
    </row>
    <row r="1038725" spans="14:14">
      <c r="N1038725" s="10"/>
    </row>
    <row r="1038726" spans="14:14">
      <c r="N1038726" s="10"/>
    </row>
    <row r="1038727" spans="14:14">
      <c r="N1038727" s="10"/>
    </row>
    <row r="1038728" spans="14:14">
      <c r="N1038728" s="10"/>
    </row>
    <row r="1038729" spans="14:14">
      <c r="N1038729" s="10"/>
    </row>
    <row r="1038730" spans="14:14">
      <c r="N1038730" s="10"/>
    </row>
    <row r="1038731" spans="14:14">
      <c r="N1038731" s="10"/>
    </row>
    <row r="1038732" spans="14:14">
      <c r="N1038732" s="10"/>
    </row>
    <row r="1038733" spans="14:14">
      <c r="N1038733" s="10"/>
    </row>
    <row r="1038734" spans="14:14">
      <c r="N1038734" s="10"/>
    </row>
    <row r="1038735" spans="14:14">
      <c r="N1038735" s="10"/>
    </row>
    <row r="1038736" spans="14:14">
      <c r="N1038736" s="10"/>
    </row>
    <row r="1038737" spans="14:14">
      <c r="N1038737" s="10"/>
    </row>
    <row r="1038738" spans="14:14">
      <c r="N1038738" s="10"/>
    </row>
    <row r="1038739" spans="14:14">
      <c r="N1038739" s="10"/>
    </row>
    <row r="1038740" spans="14:14">
      <c r="N1038740" s="10"/>
    </row>
    <row r="1038741" spans="14:14">
      <c r="N1038741" s="10"/>
    </row>
    <row r="1038742" spans="14:14">
      <c r="N1038742" s="10"/>
    </row>
    <row r="1038743" spans="14:14">
      <c r="N1038743" s="10"/>
    </row>
    <row r="1038744" spans="14:14">
      <c r="N1038744" s="10"/>
    </row>
    <row r="1038745" spans="14:14">
      <c r="N1038745" s="10"/>
    </row>
    <row r="1038746" spans="14:14">
      <c r="N1038746" s="10"/>
    </row>
    <row r="1038747" spans="14:14">
      <c r="N1038747" s="10"/>
    </row>
    <row r="1038748" spans="14:14">
      <c r="N1038748" s="10"/>
    </row>
    <row r="1038749" spans="14:14">
      <c r="N1038749" s="10"/>
    </row>
    <row r="1038750" spans="14:14">
      <c r="N1038750" s="10"/>
    </row>
    <row r="1038751" spans="14:14">
      <c r="N1038751" s="10"/>
    </row>
    <row r="1038752" spans="14:14">
      <c r="N1038752" s="10"/>
    </row>
    <row r="1038753" spans="14:14">
      <c r="N1038753" s="10"/>
    </row>
    <row r="1038754" spans="14:14">
      <c r="N1038754" s="10"/>
    </row>
    <row r="1038755" spans="14:14">
      <c r="N1038755" s="10"/>
    </row>
    <row r="1038756" spans="14:14">
      <c r="N1038756" s="10"/>
    </row>
    <row r="1038757" spans="14:14">
      <c r="N1038757" s="10"/>
    </row>
    <row r="1038758" spans="14:14">
      <c r="N1038758" s="10"/>
    </row>
    <row r="1038759" spans="14:14">
      <c r="N1038759" s="10"/>
    </row>
    <row r="1038760" spans="14:14">
      <c r="N1038760" s="10"/>
    </row>
    <row r="1038761" spans="14:14">
      <c r="N1038761" s="10"/>
    </row>
    <row r="1038762" spans="14:14">
      <c r="N1038762" s="10"/>
    </row>
    <row r="1038763" spans="14:14">
      <c r="N1038763" s="10"/>
    </row>
    <row r="1038764" spans="14:14">
      <c r="N1038764" s="10"/>
    </row>
    <row r="1038765" spans="14:14">
      <c r="N1038765" s="10"/>
    </row>
    <row r="1038766" spans="14:14">
      <c r="N1038766" s="10"/>
    </row>
    <row r="1038767" spans="14:14">
      <c r="N1038767" s="10"/>
    </row>
    <row r="1038768" spans="14:14">
      <c r="N1038768" s="10"/>
    </row>
    <row r="1038769" spans="14:14">
      <c r="N1038769" s="10"/>
    </row>
    <row r="1038770" spans="14:14">
      <c r="N1038770" s="10"/>
    </row>
    <row r="1038771" spans="14:14">
      <c r="N1038771" s="10"/>
    </row>
    <row r="1038772" spans="14:14">
      <c r="N1038772" s="10"/>
    </row>
    <row r="1038773" spans="14:14">
      <c r="N1038773" s="10"/>
    </row>
    <row r="1038774" spans="14:14">
      <c r="N1038774" s="10"/>
    </row>
    <row r="1038775" spans="14:14">
      <c r="N1038775" s="10"/>
    </row>
    <row r="1038776" spans="14:14">
      <c r="N1038776" s="10"/>
    </row>
    <row r="1038777" spans="14:14">
      <c r="N1038777" s="10"/>
    </row>
    <row r="1038778" spans="14:14">
      <c r="N1038778" s="10"/>
    </row>
    <row r="1038779" spans="14:14">
      <c r="N1038779" s="10"/>
    </row>
    <row r="1038780" spans="14:14">
      <c r="N1038780" s="10"/>
    </row>
    <row r="1038781" spans="14:14">
      <c r="N1038781" s="10"/>
    </row>
    <row r="1038782" spans="14:14">
      <c r="N1038782" s="10"/>
    </row>
    <row r="1038783" spans="14:14">
      <c r="N1038783" s="10"/>
    </row>
    <row r="1038784" spans="14:14">
      <c r="N1038784" s="10"/>
    </row>
    <row r="1038785" spans="14:14">
      <c r="N1038785" s="10"/>
    </row>
    <row r="1038786" spans="14:14">
      <c r="N1038786" s="10"/>
    </row>
    <row r="1038787" spans="14:14">
      <c r="N1038787" s="10"/>
    </row>
    <row r="1038788" spans="14:14">
      <c r="N1038788" s="10"/>
    </row>
    <row r="1038789" spans="14:14">
      <c r="N1038789" s="10"/>
    </row>
    <row r="1038790" spans="14:14">
      <c r="N1038790" s="10"/>
    </row>
    <row r="1038791" spans="14:14">
      <c r="N1038791" s="10"/>
    </row>
    <row r="1038792" spans="14:14">
      <c r="N1038792" s="10"/>
    </row>
    <row r="1038793" spans="14:14">
      <c r="N1038793" s="10"/>
    </row>
    <row r="1038794" spans="14:14">
      <c r="N1038794" s="10"/>
    </row>
    <row r="1038795" spans="14:14">
      <c r="N1038795" s="10"/>
    </row>
    <row r="1038796" spans="14:14">
      <c r="N1038796" s="10"/>
    </row>
    <row r="1038797" spans="14:14">
      <c r="N1038797" s="10"/>
    </row>
    <row r="1038798" spans="14:14">
      <c r="N1038798" s="10"/>
    </row>
    <row r="1038799" spans="14:14">
      <c r="N1038799" s="10"/>
    </row>
    <row r="1038800" spans="14:14">
      <c r="N1038800" s="10"/>
    </row>
    <row r="1038801" spans="14:14">
      <c r="N1038801" s="10"/>
    </row>
    <row r="1038802" spans="14:14">
      <c r="N1038802" s="10"/>
    </row>
    <row r="1038803" spans="14:14">
      <c r="N1038803" s="10"/>
    </row>
    <row r="1038804" spans="14:14">
      <c r="N1038804" s="10"/>
    </row>
    <row r="1038805" spans="14:14">
      <c r="N1038805" s="10"/>
    </row>
    <row r="1038806" spans="14:14">
      <c r="N1038806" s="10"/>
    </row>
    <row r="1038807" spans="14:14">
      <c r="N1038807" s="10"/>
    </row>
    <row r="1038808" spans="14:14">
      <c r="N1038808" s="10"/>
    </row>
    <row r="1038809" spans="14:14">
      <c r="N1038809" s="10"/>
    </row>
    <row r="1038810" spans="14:14">
      <c r="N1038810" s="10"/>
    </row>
    <row r="1038811" spans="14:14">
      <c r="N1038811" s="10"/>
    </row>
    <row r="1038812" spans="14:14">
      <c r="N1038812" s="10"/>
    </row>
    <row r="1038813" spans="14:14">
      <c r="N1038813" s="10"/>
    </row>
    <row r="1038814" spans="14:14">
      <c r="N1038814" s="10"/>
    </row>
    <row r="1038815" spans="14:14">
      <c r="N1038815" s="10"/>
    </row>
    <row r="1038816" spans="14:14">
      <c r="N1038816" s="10"/>
    </row>
    <row r="1038817" spans="14:14">
      <c r="N1038817" s="10"/>
    </row>
    <row r="1038818" spans="14:14">
      <c r="N1038818" s="10"/>
    </row>
    <row r="1038819" spans="14:14">
      <c r="N1038819" s="10"/>
    </row>
    <row r="1038820" spans="14:14">
      <c r="N1038820" s="10"/>
    </row>
    <row r="1038821" spans="14:14">
      <c r="N1038821" s="10"/>
    </row>
    <row r="1038822" spans="14:14">
      <c r="N1038822" s="10"/>
    </row>
    <row r="1038823" spans="14:14">
      <c r="N1038823" s="10"/>
    </row>
    <row r="1038824" spans="14:14">
      <c r="N1038824" s="10"/>
    </row>
    <row r="1038825" spans="14:14">
      <c r="N1038825" s="10"/>
    </row>
    <row r="1038826" spans="14:14">
      <c r="N1038826" s="10"/>
    </row>
    <row r="1038827" spans="14:14">
      <c r="N1038827" s="10"/>
    </row>
    <row r="1038828" spans="14:14">
      <c r="N1038828" s="10"/>
    </row>
    <row r="1038829" spans="14:14">
      <c r="N1038829" s="10"/>
    </row>
    <row r="1038830" spans="14:14">
      <c r="N1038830" s="10"/>
    </row>
    <row r="1038831" spans="14:14">
      <c r="N1038831" s="10"/>
    </row>
    <row r="1038832" spans="14:14">
      <c r="N1038832" s="10"/>
    </row>
    <row r="1038833" spans="14:14">
      <c r="N1038833" s="10"/>
    </row>
    <row r="1038834" spans="14:14">
      <c r="N1038834" s="10"/>
    </row>
    <row r="1038835" spans="14:14">
      <c r="N1038835" s="10"/>
    </row>
    <row r="1038836" spans="14:14">
      <c r="N1038836" s="10"/>
    </row>
    <row r="1038837" spans="14:14">
      <c r="N1038837" s="10"/>
    </row>
    <row r="1038838" spans="14:14">
      <c r="N1038838" s="10"/>
    </row>
    <row r="1038839" spans="14:14">
      <c r="N1038839" s="10"/>
    </row>
    <row r="1038840" spans="14:14">
      <c r="N1038840" s="10"/>
    </row>
    <row r="1038841" spans="14:14">
      <c r="N1038841" s="10"/>
    </row>
    <row r="1038842" spans="14:14">
      <c r="N1038842" s="10"/>
    </row>
    <row r="1038843" spans="14:14">
      <c r="N1038843" s="10"/>
    </row>
    <row r="1038844" spans="14:14">
      <c r="N1038844" s="10"/>
    </row>
    <row r="1038845" spans="14:14">
      <c r="N1038845" s="10"/>
    </row>
    <row r="1038846" spans="14:14">
      <c r="N1038846" s="10"/>
    </row>
    <row r="1038847" spans="14:14">
      <c r="N1038847" s="10"/>
    </row>
    <row r="1038848" spans="14:14">
      <c r="N1038848" s="10"/>
    </row>
    <row r="1038849" spans="14:14">
      <c r="N1038849" s="10"/>
    </row>
    <row r="1038850" spans="14:14">
      <c r="N1038850" s="10"/>
    </row>
    <row r="1038851" spans="14:14">
      <c r="N1038851" s="10"/>
    </row>
    <row r="1038852" spans="14:14">
      <c r="N1038852" s="10"/>
    </row>
    <row r="1038853" spans="14:14">
      <c r="N1038853" s="10"/>
    </row>
    <row r="1038854" spans="14:14">
      <c r="N1038854" s="10"/>
    </row>
    <row r="1038855" spans="14:14">
      <c r="N1038855" s="10"/>
    </row>
    <row r="1038856" spans="14:14">
      <c r="N1038856" s="10"/>
    </row>
    <row r="1038857" spans="14:14">
      <c r="N1038857" s="10"/>
    </row>
    <row r="1038858" spans="14:14">
      <c r="N1038858" s="10"/>
    </row>
    <row r="1038859" spans="14:14">
      <c r="N1038859" s="10"/>
    </row>
    <row r="1038860" spans="14:14">
      <c r="N1038860" s="10"/>
    </row>
    <row r="1038861" spans="14:14">
      <c r="N1038861" s="10"/>
    </row>
    <row r="1038862" spans="14:14">
      <c r="N1038862" s="10"/>
    </row>
    <row r="1038863" spans="14:14">
      <c r="N1038863" s="10"/>
    </row>
    <row r="1038864" spans="14:14">
      <c r="N1038864" s="10"/>
    </row>
    <row r="1038865" spans="14:14">
      <c r="N1038865" s="10"/>
    </row>
    <row r="1038866" spans="14:14">
      <c r="N1038866" s="10"/>
    </row>
    <row r="1038867" spans="14:14">
      <c r="N1038867" s="10"/>
    </row>
    <row r="1038868" spans="14:14">
      <c r="N1038868" s="10"/>
    </row>
    <row r="1038869" spans="14:14">
      <c r="N1038869" s="10"/>
    </row>
    <row r="1038870" spans="14:14">
      <c r="N1038870" s="10"/>
    </row>
    <row r="1038871" spans="14:14">
      <c r="N1038871" s="10"/>
    </row>
    <row r="1038872" spans="14:14">
      <c r="N1038872" s="10"/>
    </row>
    <row r="1038873" spans="14:14">
      <c r="N1038873" s="10"/>
    </row>
    <row r="1038874" spans="14:14">
      <c r="N1038874" s="10"/>
    </row>
    <row r="1038875" spans="14:14">
      <c r="N1038875" s="10"/>
    </row>
    <row r="1038876" spans="14:14">
      <c r="N1038876" s="10"/>
    </row>
    <row r="1038877" spans="14:14">
      <c r="N1038877" s="10"/>
    </row>
    <row r="1038878" spans="14:14">
      <c r="N1038878" s="10"/>
    </row>
    <row r="1038879" spans="14:14">
      <c r="N1038879" s="10"/>
    </row>
    <row r="1038880" spans="14:14">
      <c r="N1038880" s="10"/>
    </row>
    <row r="1038881" spans="14:14">
      <c r="N1038881" s="10"/>
    </row>
    <row r="1038882" spans="14:14">
      <c r="N1038882" s="10"/>
    </row>
    <row r="1038883" spans="14:14">
      <c r="N1038883" s="10"/>
    </row>
    <row r="1038884" spans="14:14">
      <c r="N1038884" s="10"/>
    </row>
    <row r="1038885" spans="14:14">
      <c r="N1038885" s="10"/>
    </row>
    <row r="1038886" spans="14:14">
      <c r="N1038886" s="10"/>
    </row>
    <row r="1038887" spans="14:14">
      <c r="N1038887" s="10"/>
    </row>
    <row r="1038888" spans="14:14">
      <c r="N1038888" s="10"/>
    </row>
    <row r="1038889" spans="14:14">
      <c r="N1038889" s="10"/>
    </row>
    <row r="1038890" spans="14:14">
      <c r="N1038890" s="10"/>
    </row>
    <row r="1038891" spans="14:14">
      <c r="N1038891" s="10"/>
    </row>
    <row r="1038892" spans="14:14">
      <c r="N1038892" s="10"/>
    </row>
    <row r="1038893" spans="14:14">
      <c r="N1038893" s="10"/>
    </row>
    <row r="1038894" spans="14:14">
      <c r="N1038894" s="10"/>
    </row>
    <row r="1038895" spans="14:14">
      <c r="N1038895" s="10"/>
    </row>
    <row r="1038896" spans="14:14">
      <c r="N1038896" s="10"/>
    </row>
    <row r="1038897" spans="14:14">
      <c r="N1038897" s="10"/>
    </row>
    <row r="1038898" spans="14:14">
      <c r="N1038898" s="10"/>
    </row>
    <row r="1038899" spans="14:14">
      <c r="N1038899" s="10"/>
    </row>
    <row r="1038900" spans="14:14">
      <c r="N1038900" s="10"/>
    </row>
    <row r="1038901" spans="14:14">
      <c r="N1038901" s="10"/>
    </row>
    <row r="1038902" spans="14:14">
      <c r="N1038902" s="10"/>
    </row>
    <row r="1038903" spans="14:14">
      <c r="N1038903" s="10"/>
    </row>
    <row r="1038904" spans="14:14">
      <c r="N1038904" s="10"/>
    </row>
    <row r="1038905" spans="14:14">
      <c r="N1038905" s="10"/>
    </row>
    <row r="1038906" spans="14:14">
      <c r="N1038906" s="10"/>
    </row>
    <row r="1038907" spans="14:14">
      <c r="N1038907" s="10"/>
    </row>
    <row r="1038908" spans="14:14">
      <c r="N1038908" s="10"/>
    </row>
    <row r="1038909" spans="14:14">
      <c r="N1038909" s="10"/>
    </row>
    <row r="1038910" spans="14:14">
      <c r="N1038910" s="10"/>
    </row>
    <row r="1038911" spans="14:14">
      <c r="N1038911" s="10"/>
    </row>
    <row r="1038912" spans="14:14">
      <c r="N1038912" s="10"/>
    </row>
    <row r="1038913" spans="14:14">
      <c r="N1038913" s="10"/>
    </row>
    <row r="1038914" spans="14:14">
      <c r="N1038914" s="10"/>
    </row>
    <row r="1038915" spans="14:14">
      <c r="N1038915" s="10"/>
    </row>
    <row r="1038916" spans="14:14">
      <c r="N1038916" s="10"/>
    </row>
    <row r="1038917" spans="14:14">
      <c r="N1038917" s="10"/>
    </row>
    <row r="1038918" spans="14:14">
      <c r="N1038918" s="10"/>
    </row>
    <row r="1038919" spans="14:14">
      <c r="N1038919" s="10"/>
    </row>
    <row r="1038920" spans="14:14">
      <c r="N1038920" s="10"/>
    </row>
    <row r="1038921" spans="14:14">
      <c r="N1038921" s="10"/>
    </row>
    <row r="1038922" spans="14:14">
      <c r="N1038922" s="10"/>
    </row>
    <row r="1038923" spans="14:14">
      <c r="N1038923" s="10"/>
    </row>
    <row r="1038924" spans="14:14">
      <c r="N1038924" s="10"/>
    </row>
    <row r="1038925" spans="14:14">
      <c r="N1038925" s="10"/>
    </row>
    <row r="1038926" spans="14:14">
      <c r="N1038926" s="10"/>
    </row>
    <row r="1038927" spans="14:14">
      <c r="N1038927" s="10"/>
    </row>
    <row r="1038928" spans="14:14">
      <c r="N1038928" s="10"/>
    </row>
    <row r="1038929" spans="14:14">
      <c r="N1038929" s="10"/>
    </row>
    <row r="1038930" spans="14:14">
      <c r="N1038930" s="10"/>
    </row>
    <row r="1038931" spans="14:14">
      <c r="N1038931" s="10"/>
    </row>
    <row r="1038932" spans="14:14">
      <c r="N1038932" s="10"/>
    </row>
    <row r="1038933" spans="14:14">
      <c r="N1038933" s="10"/>
    </row>
    <row r="1038934" spans="14:14">
      <c r="N1038934" s="10"/>
    </row>
    <row r="1038935" spans="14:14">
      <c r="N1038935" s="10"/>
    </row>
    <row r="1038936" spans="14:14">
      <c r="N1038936" s="10"/>
    </row>
    <row r="1038937" spans="14:14">
      <c r="N1038937" s="10"/>
    </row>
    <row r="1038938" spans="14:14">
      <c r="N1038938" s="10"/>
    </row>
    <row r="1038939" spans="14:14">
      <c r="N1038939" s="10"/>
    </row>
    <row r="1038940" spans="14:14">
      <c r="N1038940" s="10"/>
    </row>
    <row r="1038941" spans="14:14">
      <c r="N1038941" s="10"/>
    </row>
    <row r="1038942" spans="14:14">
      <c r="N1038942" s="10"/>
    </row>
    <row r="1038943" spans="14:14">
      <c r="N1038943" s="10"/>
    </row>
    <row r="1038944" spans="14:14">
      <c r="N1038944" s="10"/>
    </row>
    <row r="1038945" spans="14:14">
      <c r="N1038945" s="10"/>
    </row>
    <row r="1038946" spans="14:14">
      <c r="N1038946" s="10"/>
    </row>
    <row r="1038947" spans="14:14">
      <c r="N1038947" s="10"/>
    </row>
    <row r="1038948" spans="14:14">
      <c r="N1038948" s="10"/>
    </row>
    <row r="1038949" spans="14:14">
      <c r="N1038949" s="10"/>
    </row>
    <row r="1038950" spans="14:14">
      <c r="N1038950" s="10"/>
    </row>
    <row r="1038951" spans="14:14">
      <c r="N1038951" s="10"/>
    </row>
    <row r="1038952" spans="14:14">
      <c r="N1038952" s="10"/>
    </row>
    <row r="1038953" spans="14:14">
      <c r="N1038953" s="10"/>
    </row>
    <row r="1038954" spans="14:14">
      <c r="N1038954" s="10"/>
    </row>
    <row r="1038955" spans="14:14">
      <c r="N1038955" s="10"/>
    </row>
    <row r="1038956" spans="14:14">
      <c r="N1038956" s="10"/>
    </row>
    <row r="1038957" spans="14:14">
      <c r="N1038957" s="10"/>
    </row>
    <row r="1038958" spans="14:14">
      <c r="N1038958" s="10"/>
    </row>
    <row r="1038959" spans="14:14">
      <c r="N1038959" s="10"/>
    </row>
    <row r="1038960" spans="14:14">
      <c r="N1038960" s="10"/>
    </row>
    <row r="1038961" spans="14:14">
      <c r="N1038961" s="10"/>
    </row>
    <row r="1038962" spans="14:14">
      <c r="N1038962" s="10"/>
    </row>
    <row r="1038963" spans="14:14">
      <c r="N1038963" s="10"/>
    </row>
    <row r="1038964" spans="14:14">
      <c r="N1038964" s="10"/>
    </row>
    <row r="1038965" spans="14:14">
      <c r="N1038965" s="10"/>
    </row>
    <row r="1038966" spans="14:14">
      <c r="N1038966" s="10"/>
    </row>
    <row r="1038967" spans="14:14">
      <c r="N1038967" s="10"/>
    </row>
    <row r="1038968" spans="14:14">
      <c r="N1038968" s="10"/>
    </row>
    <row r="1038969" spans="14:14">
      <c r="N1038969" s="10"/>
    </row>
    <row r="1038970" spans="14:14">
      <c r="N1038970" s="10"/>
    </row>
    <row r="1038971" spans="14:14">
      <c r="N1038971" s="10"/>
    </row>
    <row r="1038972" spans="14:14">
      <c r="N1038972" s="10"/>
    </row>
    <row r="1038973" spans="14:14">
      <c r="N1038973" s="10"/>
    </row>
    <row r="1038974" spans="14:14">
      <c r="N1038974" s="10"/>
    </row>
    <row r="1038975" spans="14:14">
      <c r="N1038975" s="10"/>
    </row>
    <row r="1038976" spans="14:14">
      <c r="N1038976" s="10"/>
    </row>
    <row r="1038977" spans="14:14">
      <c r="N1038977" s="10"/>
    </row>
    <row r="1038978" spans="14:14">
      <c r="N1038978" s="10"/>
    </row>
    <row r="1038979" spans="14:14">
      <c r="N1038979" s="10"/>
    </row>
    <row r="1038980" spans="14:14">
      <c r="N1038980" s="10"/>
    </row>
    <row r="1038981" spans="14:14">
      <c r="N1038981" s="10"/>
    </row>
    <row r="1038982" spans="14:14">
      <c r="N1038982" s="10"/>
    </row>
    <row r="1038983" spans="14:14">
      <c r="N1038983" s="10"/>
    </row>
    <row r="1038984" spans="14:14">
      <c r="N1038984" s="10"/>
    </row>
    <row r="1038985" spans="14:14">
      <c r="N1038985" s="10"/>
    </row>
    <row r="1038986" spans="14:14">
      <c r="N1038986" s="10"/>
    </row>
    <row r="1038987" spans="14:14">
      <c r="N1038987" s="10"/>
    </row>
    <row r="1038988" spans="14:14">
      <c r="N1038988" s="10"/>
    </row>
    <row r="1038989" spans="14:14">
      <c r="N1038989" s="10"/>
    </row>
    <row r="1038990" spans="14:14">
      <c r="N1038990" s="10"/>
    </row>
    <row r="1038991" spans="14:14">
      <c r="N1038991" s="10"/>
    </row>
    <row r="1038992" spans="14:14">
      <c r="N1038992" s="10"/>
    </row>
    <row r="1038993" spans="14:14">
      <c r="N1038993" s="10"/>
    </row>
    <row r="1038994" spans="14:14">
      <c r="N1038994" s="10"/>
    </row>
    <row r="1038995" spans="14:14">
      <c r="N1038995" s="10"/>
    </row>
    <row r="1038996" spans="14:14">
      <c r="N1038996" s="10"/>
    </row>
    <row r="1038997" spans="14:14">
      <c r="N1038997" s="10"/>
    </row>
    <row r="1038998" spans="14:14">
      <c r="N1038998" s="10"/>
    </row>
    <row r="1038999" spans="14:14">
      <c r="N1038999" s="10"/>
    </row>
    <row r="1039000" spans="14:14">
      <c r="N1039000" s="10"/>
    </row>
    <row r="1039001" spans="14:14">
      <c r="N1039001" s="10"/>
    </row>
    <row r="1039002" spans="14:14">
      <c r="N1039002" s="10"/>
    </row>
    <row r="1039003" spans="14:14">
      <c r="N1039003" s="10"/>
    </row>
    <row r="1039004" spans="14:14">
      <c r="N1039004" s="10"/>
    </row>
    <row r="1039005" spans="14:14">
      <c r="N1039005" s="10"/>
    </row>
    <row r="1039006" spans="14:14">
      <c r="N1039006" s="10"/>
    </row>
    <row r="1039007" spans="14:14">
      <c r="N1039007" s="10"/>
    </row>
    <row r="1039008" spans="14:14">
      <c r="N1039008" s="10"/>
    </row>
    <row r="1039009" spans="14:14">
      <c r="N1039009" s="10"/>
    </row>
    <row r="1039010" spans="14:14">
      <c r="N1039010" s="10"/>
    </row>
    <row r="1039011" spans="14:14">
      <c r="N1039011" s="10"/>
    </row>
    <row r="1039012" spans="14:14">
      <c r="N1039012" s="10"/>
    </row>
    <row r="1039013" spans="14:14">
      <c r="N1039013" s="10"/>
    </row>
    <row r="1039014" spans="14:14">
      <c r="N1039014" s="10"/>
    </row>
    <row r="1039015" spans="14:14">
      <c r="N1039015" s="10"/>
    </row>
    <row r="1039016" spans="14:14">
      <c r="N1039016" s="10"/>
    </row>
    <row r="1039017" spans="14:14">
      <c r="N1039017" s="10"/>
    </row>
    <row r="1039018" spans="14:14">
      <c r="N1039018" s="10"/>
    </row>
    <row r="1039019" spans="14:14">
      <c r="N1039019" s="10"/>
    </row>
    <row r="1039020" spans="14:14">
      <c r="N1039020" s="10"/>
    </row>
    <row r="1039021" spans="14:14">
      <c r="N1039021" s="10"/>
    </row>
    <row r="1039022" spans="14:14">
      <c r="N1039022" s="10"/>
    </row>
    <row r="1039023" spans="14:14">
      <c r="N1039023" s="10"/>
    </row>
    <row r="1039024" spans="14:14">
      <c r="N1039024" s="10"/>
    </row>
    <row r="1039025" spans="14:14">
      <c r="N1039025" s="10"/>
    </row>
    <row r="1039026" spans="14:14">
      <c r="N1039026" s="10"/>
    </row>
    <row r="1039027" spans="14:14">
      <c r="N1039027" s="10"/>
    </row>
    <row r="1039028" spans="14:14">
      <c r="N1039028" s="10"/>
    </row>
    <row r="1039029" spans="14:14">
      <c r="N1039029" s="10"/>
    </row>
    <row r="1039030" spans="14:14">
      <c r="N1039030" s="10"/>
    </row>
    <row r="1039031" spans="14:14">
      <c r="N1039031" s="10"/>
    </row>
    <row r="1039032" spans="14:14">
      <c r="N1039032" s="10"/>
    </row>
    <row r="1039033" spans="14:14">
      <c r="N1039033" s="10"/>
    </row>
    <row r="1039034" spans="14:14">
      <c r="N1039034" s="10"/>
    </row>
    <row r="1039035" spans="14:14">
      <c r="N1039035" s="10"/>
    </row>
    <row r="1039036" spans="14:14">
      <c r="N1039036" s="10"/>
    </row>
    <row r="1039037" spans="14:14">
      <c r="N1039037" s="10"/>
    </row>
    <row r="1039038" spans="14:14">
      <c r="N1039038" s="10"/>
    </row>
    <row r="1039039" spans="14:14">
      <c r="N1039039" s="10"/>
    </row>
    <row r="1039040" spans="14:14">
      <c r="N1039040" s="10"/>
    </row>
    <row r="1039041" spans="14:14">
      <c r="N1039041" s="10"/>
    </row>
    <row r="1039042" spans="14:14">
      <c r="N1039042" s="10"/>
    </row>
    <row r="1039043" spans="14:14">
      <c r="N1039043" s="10"/>
    </row>
    <row r="1039044" spans="14:14">
      <c r="N1039044" s="10"/>
    </row>
    <row r="1039045" spans="14:14">
      <c r="N1039045" s="10"/>
    </row>
    <row r="1039046" spans="14:14">
      <c r="N1039046" s="10"/>
    </row>
    <row r="1039047" spans="14:14">
      <c r="N1039047" s="10"/>
    </row>
    <row r="1039048" spans="14:14">
      <c r="N1039048" s="10"/>
    </row>
    <row r="1039049" spans="14:14">
      <c r="N1039049" s="10"/>
    </row>
    <row r="1039050" spans="14:14">
      <c r="N1039050" s="10"/>
    </row>
    <row r="1039051" spans="14:14">
      <c r="N1039051" s="10"/>
    </row>
    <row r="1039052" spans="14:14">
      <c r="N1039052" s="10"/>
    </row>
    <row r="1039053" spans="14:14">
      <c r="N1039053" s="10"/>
    </row>
    <row r="1039054" spans="14:14">
      <c r="N1039054" s="10"/>
    </row>
    <row r="1039055" spans="14:14">
      <c r="N1039055" s="10"/>
    </row>
    <row r="1039056" spans="14:14">
      <c r="N1039056" s="10"/>
    </row>
    <row r="1039057" spans="14:14">
      <c r="N1039057" s="10"/>
    </row>
    <row r="1039058" spans="14:14">
      <c r="N1039058" s="10"/>
    </row>
    <row r="1039059" spans="14:14">
      <c r="N1039059" s="10"/>
    </row>
    <row r="1039060" spans="14:14">
      <c r="N1039060" s="10"/>
    </row>
    <row r="1039061" spans="14:14">
      <c r="N1039061" s="10"/>
    </row>
    <row r="1039062" spans="14:14">
      <c r="N1039062" s="10"/>
    </row>
    <row r="1039063" spans="14:14">
      <c r="N1039063" s="10"/>
    </row>
    <row r="1039064" spans="14:14">
      <c r="N1039064" s="10"/>
    </row>
    <row r="1039065" spans="14:14">
      <c r="N1039065" s="10"/>
    </row>
    <row r="1039066" spans="14:14">
      <c r="N1039066" s="10"/>
    </row>
    <row r="1039067" spans="14:14">
      <c r="N1039067" s="10"/>
    </row>
    <row r="1039068" spans="14:14">
      <c r="N1039068" s="10"/>
    </row>
    <row r="1039069" spans="14:14">
      <c r="N1039069" s="10"/>
    </row>
    <row r="1039070" spans="14:14">
      <c r="N1039070" s="10"/>
    </row>
    <row r="1039071" spans="14:14">
      <c r="N1039071" s="10"/>
    </row>
    <row r="1039072" spans="14:14">
      <c r="N1039072" s="10"/>
    </row>
    <row r="1039073" spans="14:14">
      <c r="N1039073" s="10"/>
    </row>
    <row r="1039074" spans="14:14">
      <c r="N1039074" s="10"/>
    </row>
    <row r="1039075" spans="14:14">
      <c r="N1039075" s="10"/>
    </row>
    <row r="1039076" spans="14:14">
      <c r="N1039076" s="10"/>
    </row>
    <row r="1039077" spans="14:14">
      <c r="N1039077" s="10"/>
    </row>
    <row r="1039078" spans="14:14">
      <c r="N1039078" s="10"/>
    </row>
    <row r="1039079" spans="14:14">
      <c r="N1039079" s="10"/>
    </row>
    <row r="1039080" spans="14:14">
      <c r="N1039080" s="10"/>
    </row>
    <row r="1039081" spans="14:14">
      <c r="N1039081" s="10"/>
    </row>
    <row r="1039082" spans="14:14">
      <c r="N1039082" s="10"/>
    </row>
    <row r="1039083" spans="14:14">
      <c r="N1039083" s="10"/>
    </row>
    <row r="1039084" spans="14:14">
      <c r="N1039084" s="10"/>
    </row>
    <row r="1039085" spans="14:14">
      <c r="N1039085" s="10"/>
    </row>
    <row r="1039086" spans="14:14">
      <c r="N1039086" s="10"/>
    </row>
    <row r="1039087" spans="14:14">
      <c r="N1039087" s="10"/>
    </row>
    <row r="1039088" spans="14:14">
      <c r="N1039088" s="10"/>
    </row>
    <row r="1039089" spans="14:14">
      <c r="N1039089" s="10"/>
    </row>
    <row r="1039090" spans="14:14">
      <c r="N1039090" s="10"/>
    </row>
    <row r="1039091" spans="14:14">
      <c r="N1039091" s="10"/>
    </row>
    <row r="1039092" spans="14:14">
      <c r="N1039092" s="10"/>
    </row>
    <row r="1039093" spans="14:14">
      <c r="N1039093" s="10"/>
    </row>
    <row r="1039094" spans="14:14">
      <c r="N1039094" s="10"/>
    </row>
    <row r="1039095" spans="14:14">
      <c r="N1039095" s="10"/>
    </row>
    <row r="1039096" spans="14:14">
      <c r="N1039096" s="10"/>
    </row>
    <row r="1039097" spans="14:14">
      <c r="N1039097" s="10"/>
    </row>
    <row r="1039098" spans="14:14">
      <c r="N1039098" s="10"/>
    </row>
    <row r="1039099" spans="14:14">
      <c r="N1039099" s="10"/>
    </row>
    <row r="1039100" spans="14:14">
      <c r="N1039100" s="10"/>
    </row>
    <row r="1039101" spans="14:14">
      <c r="N1039101" s="10"/>
    </row>
    <row r="1039102" spans="14:14">
      <c r="N1039102" s="10"/>
    </row>
    <row r="1039103" spans="14:14">
      <c r="N1039103" s="10"/>
    </row>
    <row r="1039104" spans="14:14">
      <c r="N1039104" s="10"/>
    </row>
    <row r="1039105" spans="14:14">
      <c r="N1039105" s="10"/>
    </row>
    <row r="1039106" spans="14:14">
      <c r="N1039106" s="10"/>
    </row>
    <row r="1039107" spans="14:14">
      <c r="N1039107" s="10"/>
    </row>
    <row r="1039108" spans="14:14">
      <c r="N1039108" s="10"/>
    </row>
    <row r="1039109" spans="14:14">
      <c r="N1039109" s="10"/>
    </row>
    <row r="1039110" spans="14:14">
      <c r="N1039110" s="10"/>
    </row>
    <row r="1039111" spans="14:14">
      <c r="N1039111" s="10"/>
    </row>
    <row r="1039112" spans="14:14">
      <c r="N1039112" s="10"/>
    </row>
    <row r="1039113" spans="14:14">
      <c r="N1039113" s="10"/>
    </row>
    <row r="1039114" spans="14:14">
      <c r="N1039114" s="10"/>
    </row>
    <row r="1039115" spans="14:14">
      <c r="N1039115" s="10"/>
    </row>
    <row r="1039116" spans="14:14">
      <c r="N1039116" s="10"/>
    </row>
    <row r="1039117" spans="14:14">
      <c r="N1039117" s="10"/>
    </row>
    <row r="1039118" spans="14:14">
      <c r="N1039118" s="10"/>
    </row>
    <row r="1039119" spans="14:14">
      <c r="N1039119" s="10"/>
    </row>
    <row r="1039120" spans="14:14">
      <c r="N1039120" s="10"/>
    </row>
    <row r="1039121" spans="14:14">
      <c r="N1039121" s="10"/>
    </row>
    <row r="1039122" spans="14:14">
      <c r="N1039122" s="10"/>
    </row>
    <row r="1039123" spans="14:14">
      <c r="N1039123" s="10"/>
    </row>
    <row r="1039124" spans="14:14">
      <c r="N1039124" s="10"/>
    </row>
    <row r="1039125" spans="14:14">
      <c r="N1039125" s="10"/>
    </row>
    <row r="1039126" spans="14:14">
      <c r="N1039126" s="10"/>
    </row>
    <row r="1039127" spans="14:14">
      <c r="N1039127" s="10"/>
    </row>
    <row r="1039128" spans="14:14">
      <c r="N1039128" s="10"/>
    </row>
    <row r="1039129" spans="14:14">
      <c r="N1039129" s="10"/>
    </row>
    <row r="1039130" spans="14:14">
      <c r="N1039130" s="10"/>
    </row>
    <row r="1039131" spans="14:14">
      <c r="N1039131" s="10"/>
    </row>
    <row r="1039132" spans="14:14">
      <c r="N1039132" s="10"/>
    </row>
    <row r="1039133" spans="14:14">
      <c r="N1039133" s="10"/>
    </row>
    <row r="1039134" spans="14:14">
      <c r="N1039134" s="10"/>
    </row>
    <row r="1039135" spans="14:14">
      <c r="N1039135" s="10"/>
    </row>
    <row r="1039136" spans="14:14">
      <c r="N1039136" s="10"/>
    </row>
    <row r="1039137" spans="14:14">
      <c r="N1039137" s="10"/>
    </row>
    <row r="1039138" spans="14:14">
      <c r="N1039138" s="10"/>
    </row>
    <row r="1039139" spans="14:14">
      <c r="N1039139" s="10"/>
    </row>
    <row r="1039140" spans="14:14">
      <c r="N1039140" s="10"/>
    </row>
    <row r="1039141" spans="14:14">
      <c r="N1039141" s="10"/>
    </row>
    <row r="1039142" spans="14:14">
      <c r="N1039142" s="10"/>
    </row>
    <row r="1039143" spans="14:14">
      <c r="N1039143" s="10"/>
    </row>
    <row r="1039144" spans="14:14">
      <c r="N1039144" s="10"/>
    </row>
    <row r="1039145" spans="14:14">
      <c r="N1039145" s="10"/>
    </row>
    <row r="1039146" spans="14:14">
      <c r="N1039146" s="10"/>
    </row>
    <row r="1039147" spans="14:14">
      <c r="N1039147" s="10"/>
    </row>
    <row r="1039148" spans="14:14">
      <c r="N1039148" s="10"/>
    </row>
    <row r="1039149" spans="14:14">
      <c r="N1039149" s="10"/>
    </row>
    <row r="1039150" spans="14:14">
      <c r="N1039150" s="10"/>
    </row>
    <row r="1039151" spans="14:14">
      <c r="N1039151" s="10"/>
    </row>
    <row r="1039152" spans="14:14">
      <c r="N1039152" s="10"/>
    </row>
    <row r="1039153" spans="14:14">
      <c r="N1039153" s="10"/>
    </row>
    <row r="1039154" spans="14:14">
      <c r="N1039154" s="10"/>
    </row>
    <row r="1039155" spans="14:14">
      <c r="N1039155" s="10"/>
    </row>
    <row r="1039156" spans="14:14">
      <c r="N1039156" s="10"/>
    </row>
    <row r="1039157" spans="14:14">
      <c r="N1039157" s="10"/>
    </row>
    <row r="1039158" spans="14:14">
      <c r="N1039158" s="10"/>
    </row>
    <row r="1039159" spans="14:14">
      <c r="N1039159" s="10"/>
    </row>
    <row r="1039160" spans="14:14">
      <c r="N1039160" s="10"/>
    </row>
    <row r="1039161" spans="14:14">
      <c r="N1039161" s="10"/>
    </row>
    <row r="1039162" spans="14:14">
      <c r="N1039162" s="10"/>
    </row>
    <row r="1039163" spans="14:14">
      <c r="N1039163" s="10"/>
    </row>
    <row r="1039164" spans="14:14">
      <c r="N1039164" s="10"/>
    </row>
    <row r="1039165" spans="14:14">
      <c r="N1039165" s="10"/>
    </row>
    <row r="1039166" spans="14:14">
      <c r="N1039166" s="10"/>
    </row>
    <row r="1039167" spans="14:14">
      <c r="N1039167" s="10"/>
    </row>
    <row r="1039168" spans="14:14">
      <c r="N1039168" s="10"/>
    </row>
    <row r="1039169" spans="14:14">
      <c r="N1039169" s="10"/>
    </row>
    <row r="1039170" spans="14:14">
      <c r="N1039170" s="10"/>
    </row>
    <row r="1039171" spans="14:14">
      <c r="N1039171" s="10"/>
    </row>
    <row r="1039172" spans="14:14">
      <c r="N1039172" s="10"/>
    </row>
    <row r="1039173" spans="14:14">
      <c r="N1039173" s="10"/>
    </row>
    <row r="1039174" spans="14:14">
      <c r="N1039174" s="10"/>
    </row>
    <row r="1039175" spans="14:14">
      <c r="N1039175" s="10"/>
    </row>
    <row r="1039176" spans="14:14">
      <c r="N1039176" s="10"/>
    </row>
    <row r="1039177" spans="14:14">
      <c r="N1039177" s="10"/>
    </row>
    <row r="1039178" spans="14:14">
      <c r="N1039178" s="10"/>
    </row>
    <row r="1039179" spans="14:14">
      <c r="N1039179" s="10"/>
    </row>
    <row r="1039180" spans="14:14">
      <c r="N1039180" s="10"/>
    </row>
    <row r="1039181" spans="14:14">
      <c r="N1039181" s="10"/>
    </row>
    <row r="1039182" spans="14:14">
      <c r="N1039182" s="10"/>
    </row>
    <row r="1039183" spans="14:14">
      <c r="N1039183" s="10"/>
    </row>
    <row r="1039184" spans="14:14">
      <c r="N1039184" s="10"/>
    </row>
    <row r="1039185" spans="14:14">
      <c r="N1039185" s="10"/>
    </row>
    <row r="1039186" spans="14:14">
      <c r="N1039186" s="10"/>
    </row>
    <row r="1039187" spans="14:14">
      <c r="N1039187" s="10"/>
    </row>
    <row r="1039188" spans="14:14">
      <c r="N1039188" s="10"/>
    </row>
    <row r="1039189" spans="14:14">
      <c r="N1039189" s="10"/>
    </row>
    <row r="1039190" spans="14:14">
      <c r="N1039190" s="10"/>
    </row>
    <row r="1039191" spans="14:14">
      <c r="N1039191" s="10"/>
    </row>
    <row r="1039192" spans="14:14">
      <c r="N1039192" s="10"/>
    </row>
    <row r="1039193" spans="14:14">
      <c r="N1039193" s="10"/>
    </row>
    <row r="1039194" spans="14:14">
      <c r="N1039194" s="10"/>
    </row>
    <row r="1039195" spans="14:14">
      <c r="N1039195" s="10"/>
    </row>
    <row r="1039196" spans="14:14">
      <c r="N1039196" s="10"/>
    </row>
    <row r="1039197" spans="14:14">
      <c r="N1039197" s="10"/>
    </row>
    <row r="1039198" spans="14:14">
      <c r="N1039198" s="10"/>
    </row>
    <row r="1039199" spans="14:14">
      <c r="N1039199" s="10"/>
    </row>
    <row r="1039200" spans="14:14">
      <c r="N1039200" s="10"/>
    </row>
    <row r="1039201" spans="14:14">
      <c r="N1039201" s="10"/>
    </row>
    <row r="1039202" spans="14:14">
      <c r="N1039202" s="10"/>
    </row>
    <row r="1039203" spans="14:14">
      <c r="N1039203" s="10"/>
    </row>
    <row r="1039204" spans="14:14">
      <c r="N1039204" s="10"/>
    </row>
    <row r="1039205" spans="14:14">
      <c r="N1039205" s="10"/>
    </row>
    <row r="1039206" spans="14:14">
      <c r="N1039206" s="10"/>
    </row>
    <row r="1039207" spans="14:14">
      <c r="N1039207" s="10"/>
    </row>
    <row r="1039208" spans="14:14">
      <c r="N1039208" s="10"/>
    </row>
    <row r="1039209" spans="14:14">
      <c r="N1039209" s="10"/>
    </row>
    <row r="1039210" spans="14:14">
      <c r="N1039210" s="10"/>
    </row>
    <row r="1039211" spans="14:14">
      <c r="N1039211" s="10"/>
    </row>
    <row r="1039212" spans="14:14">
      <c r="N1039212" s="10"/>
    </row>
    <row r="1039213" spans="14:14">
      <c r="N1039213" s="10"/>
    </row>
    <row r="1039214" spans="14:14">
      <c r="N1039214" s="10"/>
    </row>
    <row r="1039215" spans="14:14">
      <c r="N1039215" s="10"/>
    </row>
    <row r="1039216" spans="14:14">
      <c r="N1039216" s="10"/>
    </row>
    <row r="1039217" spans="14:14">
      <c r="N1039217" s="10"/>
    </row>
    <row r="1039218" spans="14:14">
      <c r="N1039218" s="10"/>
    </row>
    <row r="1039219" spans="14:14">
      <c r="N1039219" s="10"/>
    </row>
    <row r="1039220" spans="14:14">
      <c r="N1039220" s="10"/>
    </row>
    <row r="1039221" spans="14:14">
      <c r="N1039221" s="10"/>
    </row>
    <row r="1039222" spans="14:14">
      <c r="N1039222" s="10"/>
    </row>
    <row r="1039223" spans="14:14">
      <c r="N1039223" s="10"/>
    </row>
    <row r="1039224" spans="14:14">
      <c r="N1039224" s="10"/>
    </row>
    <row r="1039225" spans="14:14">
      <c r="N1039225" s="10"/>
    </row>
    <row r="1039226" spans="14:14">
      <c r="N1039226" s="10"/>
    </row>
    <row r="1039227" spans="14:14">
      <c r="N1039227" s="10"/>
    </row>
    <row r="1039228" spans="14:14">
      <c r="N1039228" s="10"/>
    </row>
    <row r="1039229" spans="14:14">
      <c r="N1039229" s="10"/>
    </row>
    <row r="1039230" spans="14:14">
      <c r="N1039230" s="10"/>
    </row>
    <row r="1039231" spans="14:14">
      <c r="N1039231" s="10"/>
    </row>
    <row r="1039232" spans="14:14">
      <c r="N1039232" s="10"/>
    </row>
    <row r="1039233" spans="14:14">
      <c r="N1039233" s="10"/>
    </row>
    <row r="1039234" spans="14:14">
      <c r="N1039234" s="10"/>
    </row>
    <row r="1039235" spans="14:14">
      <c r="N1039235" s="10"/>
    </row>
    <row r="1039236" spans="14:14">
      <c r="N1039236" s="10"/>
    </row>
    <row r="1039237" spans="14:14">
      <c r="N1039237" s="10"/>
    </row>
    <row r="1039238" spans="14:14">
      <c r="N1039238" s="10"/>
    </row>
    <row r="1039239" spans="14:14">
      <c r="N1039239" s="10"/>
    </row>
    <row r="1039240" spans="14:14">
      <c r="N1039240" s="10"/>
    </row>
    <row r="1039241" spans="14:14">
      <c r="N1039241" s="10"/>
    </row>
    <row r="1039242" spans="14:14">
      <c r="N1039242" s="10"/>
    </row>
    <row r="1039243" spans="14:14">
      <c r="N1039243" s="10"/>
    </row>
    <row r="1039244" spans="14:14">
      <c r="N1039244" s="10"/>
    </row>
    <row r="1039245" spans="14:14">
      <c r="N1039245" s="10"/>
    </row>
    <row r="1039246" spans="14:14">
      <c r="N1039246" s="10"/>
    </row>
    <row r="1039247" spans="14:14">
      <c r="N1039247" s="10"/>
    </row>
    <row r="1039248" spans="14:14">
      <c r="N1039248" s="10"/>
    </row>
    <row r="1039249" spans="14:14">
      <c r="N1039249" s="10"/>
    </row>
    <row r="1039250" spans="14:14">
      <c r="N1039250" s="10"/>
    </row>
    <row r="1039251" spans="14:14">
      <c r="N1039251" s="10"/>
    </row>
    <row r="1039252" spans="14:14">
      <c r="N1039252" s="10"/>
    </row>
    <row r="1039253" spans="14:14">
      <c r="N1039253" s="10"/>
    </row>
    <row r="1039254" spans="14:14">
      <c r="N1039254" s="10"/>
    </row>
    <row r="1039255" spans="14:14">
      <c r="N1039255" s="10"/>
    </row>
    <row r="1039256" spans="14:14">
      <c r="N1039256" s="10"/>
    </row>
    <row r="1039257" spans="14:14">
      <c r="N1039257" s="10"/>
    </row>
    <row r="1039258" spans="14:14">
      <c r="N1039258" s="10"/>
    </row>
    <row r="1039259" spans="14:14">
      <c r="N1039259" s="10"/>
    </row>
    <row r="1039260" spans="14:14">
      <c r="N1039260" s="10"/>
    </row>
    <row r="1039261" spans="14:14">
      <c r="N1039261" s="10"/>
    </row>
    <row r="1039262" spans="14:14">
      <c r="N1039262" s="10"/>
    </row>
    <row r="1039263" spans="14:14">
      <c r="N1039263" s="10"/>
    </row>
    <row r="1039264" spans="14:14">
      <c r="N1039264" s="10"/>
    </row>
    <row r="1039265" spans="14:14">
      <c r="N1039265" s="10"/>
    </row>
    <row r="1039266" spans="14:14">
      <c r="N1039266" s="10"/>
    </row>
    <row r="1039267" spans="14:14">
      <c r="N1039267" s="10"/>
    </row>
    <row r="1039268" spans="14:14">
      <c r="N1039268" s="10"/>
    </row>
    <row r="1039269" spans="14:14">
      <c r="N1039269" s="10"/>
    </row>
    <row r="1039270" spans="14:14">
      <c r="N1039270" s="10"/>
    </row>
    <row r="1039271" spans="14:14">
      <c r="N1039271" s="10"/>
    </row>
    <row r="1039272" spans="14:14">
      <c r="N1039272" s="10"/>
    </row>
    <row r="1039273" spans="14:14">
      <c r="N1039273" s="10"/>
    </row>
    <row r="1039274" spans="14:14">
      <c r="N1039274" s="10"/>
    </row>
    <row r="1039275" spans="14:14">
      <c r="N1039275" s="10"/>
    </row>
    <row r="1039276" spans="14:14">
      <c r="N1039276" s="10"/>
    </row>
    <row r="1039277" spans="14:14">
      <c r="N1039277" s="10"/>
    </row>
    <row r="1039278" spans="14:14">
      <c r="N1039278" s="10"/>
    </row>
    <row r="1039279" spans="14:14">
      <c r="N1039279" s="10"/>
    </row>
    <row r="1039280" spans="14:14">
      <c r="N1039280" s="10"/>
    </row>
    <row r="1039281" spans="14:14">
      <c r="N1039281" s="10"/>
    </row>
    <row r="1039282" spans="14:14">
      <c r="N1039282" s="10"/>
    </row>
    <row r="1039283" spans="14:14">
      <c r="N1039283" s="10"/>
    </row>
    <row r="1039284" spans="14:14">
      <c r="N1039284" s="10"/>
    </row>
    <row r="1039285" spans="14:14">
      <c r="N1039285" s="10"/>
    </row>
    <row r="1039286" spans="14:14">
      <c r="N1039286" s="10"/>
    </row>
    <row r="1039287" spans="14:14">
      <c r="N1039287" s="10"/>
    </row>
    <row r="1039288" spans="14:14">
      <c r="N1039288" s="10"/>
    </row>
    <row r="1039289" spans="14:14">
      <c r="N1039289" s="10"/>
    </row>
    <row r="1039290" spans="14:14">
      <c r="N1039290" s="10"/>
    </row>
    <row r="1039291" spans="14:14">
      <c r="N1039291" s="10"/>
    </row>
    <row r="1039292" spans="14:14">
      <c r="N1039292" s="10"/>
    </row>
    <row r="1039293" spans="14:14">
      <c r="N1039293" s="10"/>
    </row>
    <row r="1039294" spans="14:14">
      <c r="N1039294" s="10"/>
    </row>
    <row r="1039295" spans="14:14">
      <c r="N1039295" s="10"/>
    </row>
    <row r="1039296" spans="14:14">
      <c r="N1039296" s="10"/>
    </row>
    <row r="1039297" spans="14:14">
      <c r="N1039297" s="10"/>
    </row>
    <row r="1039298" spans="14:14">
      <c r="N1039298" s="10"/>
    </row>
    <row r="1039299" spans="14:14">
      <c r="N1039299" s="10"/>
    </row>
    <row r="1039300" spans="14:14">
      <c r="N1039300" s="10"/>
    </row>
    <row r="1039301" spans="14:14">
      <c r="N1039301" s="10"/>
    </row>
    <row r="1039302" spans="14:14">
      <c r="N1039302" s="10"/>
    </row>
    <row r="1039303" spans="14:14">
      <c r="N1039303" s="10"/>
    </row>
    <row r="1039304" spans="14:14">
      <c r="N1039304" s="10"/>
    </row>
    <row r="1039305" spans="14:14">
      <c r="N1039305" s="10"/>
    </row>
    <row r="1039306" spans="14:14">
      <c r="N1039306" s="10"/>
    </row>
    <row r="1039307" spans="14:14">
      <c r="N1039307" s="10"/>
    </row>
    <row r="1039308" spans="14:14">
      <c r="N1039308" s="10"/>
    </row>
    <row r="1039309" spans="14:14">
      <c r="N1039309" s="10"/>
    </row>
    <row r="1039310" spans="14:14">
      <c r="N1039310" s="10"/>
    </row>
    <row r="1039311" spans="14:14">
      <c r="N1039311" s="10"/>
    </row>
    <row r="1039312" spans="14:14">
      <c r="N1039312" s="10"/>
    </row>
    <row r="1039313" spans="14:14">
      <c r="N1039313" s="10"/>
    </row>
    <row r="1039314" spans="14:14">
      <c r="N1039314" s="10"/>
    </row>
    <row r="1039315" spans="14:14">
      <c r="N1039315" s="10"/>
    </row>
    <row r="1039316" spans="14:14">
      <c r="N1039316" s="10"/>
    </row>
    <row r="1039317" spans="14:14">
      <c r="N1039317" s="10"/>
    </row>
    <row r="1039318" spans="14:14">
      <c r="N1039318" s="10"/>
    </row>
    <row r="1039319" spans="14:14">
      <c r="N1039319" s="10"/>
    </row>
    <row r="1039320" spans="14:14">
      <c r="N1039320" s="10"/>
    </row>
    <row r="1039321" spans="14:14">
      <c r="N1039321" s="10"/>
    </row>
    <row r="1039322" spans="14:14">
      <c r="N1039322" s="10"/>
    </row>
    <row r="1039323" spans="14:14">
      <c r="N1039323" s="10"/>
    </row>
    <row r="1039324" spans="14:14">
      <c r="N1039324" s="10"/>
    </row>
    <row r="1039325" spans="14:14">
      <c r="N1039325" s="10"/>
    </row>
    <row r="1039326" spans="14:14">
      <c r="N1039326" s="10"/>
    </row>
    <row r="1039327" spans="14:14">
      <c r="N1039327" s="10"/>
    </row>
    <row r="1039328" spans="14:14">
      <c r="N1039328" s="10"/>
    </row>
    <row r="1039329" spans="14:14">
      <c r="N1039329" s="10"/>
    </row>
    <row r="1039330" spans="14:14">
      <c r="N1039330" s="10"/>
    </row>
    <row r="1039331" spans="14:14">
      <c r="N1039331" s="10"/>
    </row>
    <row r="1039332" spans="14:14">
      <c r="N1039332" s="10"/>
    </row>
    <row r="1039333" spans="14:14">
      <c r="N1039333" s="10"/>
    </row>
    <row r="1039334" spans="14:14">
      <c r="N1039334" s="10"/>
    </row>
    <row r="1039335" spans="14:14">
      <c r="N1039335" s="10"/>
    </row>
    <row r="1039336" spans="14:14">
      <c r="N1039336" s="10"/>
    </row>
    <row r="1039337" spans="14:14">
      <c r="N1039337" s="10"/>
    </row>
    <row r="1039338" spans="14:14">
      <c r="N1039338" s="10"/>
    </row>
    <row r="1039339" spans="14:14">
      <c r="N1039339" s="10"/>
    </row>
    <row r="1039340" spans="14:14">
      <c r="N1039340" s="10"/>
    </row>
    <row r="1039341" spans="14:14">
      <c r="N1039341" s="10"/>
    </row>
    <row r="1039342" spans="14:14">
      <c r="N1039342" s="10"/>
    </row>
    <row r="1039343" spans="14:14">
      <c r="N1039343" s="10"/>
    </row>
    <row r="1039344" spans="14:14">
      <c r="N1039344" s="10"/>
    </row>
    <row r="1039345" spans="14:14">
      <c r="N1039345" s="10"/>
    </row>
    <row r="1039346" spans="14:14">
      <c r="N1039346" s="10"/>
    </row>
    <row r="1039347" spans="14:14">
      <c r="N1039347" s="10"/>
    </row>
    <row r="1039348" spans="14:14">
      <c r="N1039348" s="10"/>
    </row>
    <row r="1039349" spans="14:14">
      <c r="N1039349" s="10"/>
    </row>
    <row r="1039350" spans="14:14">
      <c r="N1039350" s="10"/>
    </row>
    <row r="1039351" spans="14:14">
      <c r="N1039351" s="10"/>
    </row>
    <row r="1039352" spans="14:14">
      <c r="N1039352" s="10"/>
    </row>
    <row r="1039353" spans="14:14">
      <c r="N1039353" s="10"/>
    </row>
    <row r="1039354" spans="14:14">
      <c r="N1039354" s="10"/>
    </row>
    <row r="1039355" spans="14:14">
      <c r="N1039355" s="10"/>
    </row>
    <row r="1039356" spans="14:14">
      <c r="N1039356" s="10"/>
    </row>
    <row r="1039357" spans="14:14">
      <c r="N1039357" s="10"/>
    </row>
    <row r="1039358" spans="14:14">
      <c r="N1039358" s="10"/>
    </row>
    <row r="1039359" spans="14:14">
      <c r="N1039359" s="10"/>
    </row>
    <row r="1039360" spans="14:14">
      <c r="N1039360" s="10"/>
    </row>
    <row r="1039361" spans="14:14">
      <c r="N1039361" s="10"/>
    </row>
    <row r="1039362" spans="14:14">
      <c r="N1039362" s="10"/>
    </row>
    <row r="1039363" spans="14:14">
      <c r="N1039363" s="10"/>
    </row>
    <row r="1039364" spans="14:14">
      <c r="N1039364" s="10"/>
    </row>
    <row r="1039365" spans="14:14">
      <c r="N1039365" s="10"/>
    </row>
    <row r="1039366" spans="14:14">
      <c r="N1039366" s="10"/>
    </row>
    <row r="1039367" spans="14:14">
      <c r="N1039367" s="10"/>
    </row>
    <row r="1039368" spans="14:14">
      <c r="N1039368" s="10"/>
    </row>
    <row r="1039369" spans="14:14">
      <c r="N1039369" s="10"/>
    </row>
    <row r="1039370" spans="14:14">
      <c r="N1039370" s="10"/>
    </row>
    <row r="1039371" spans="14:14">
      <c r="N1039371" s="10"/>
    </row>
    <row r="1039372" spans="14:14">
      <c r="N1039372" s="10"/>
    </row>
    <row r="1039373" spans="14:14">
      <c r="N1039373" s="10"/>
    </row>
    <row r="1039374" spans="14:14">
      <c r="N1039374" s="10"/>
    </row>
    <row r="1039375" spans="14:14">
      <c r="N1039375" s="10"/>
    </row>
    <row r="1039376" spans="14:14">
      <c r="N1039376" s="10"/>
    </row>
    <row r="1039377" spans="14:14">
      <c r="N1039377" s="10"/>
    </row>
    <row r="1039378" spans="14:14">
      <c r="N1039378" s="10"/>
    </row>
    <row r="1039379" spans="14:14">
      <c r="N1039379" s="10"/>
    </row>
    <row r="1039380" spans="14:14">
      <c r="N1039380" s="10"/>
    </row>
    <row r="1039381" spans="14:14">
      <c r="N1039381" s="10"/>
    </row>
    <row r="1039382" spans="14:14">
      <c r="N1039382" s="10"/>
    </row>
    <row r="1039383" spans="14:14">
      <c r="N1039383" s="10"/>
    </row>
    <row r="1039384" spans="14:14">
      <c r="N1039384" s="10"/>
    </row>
    <row r="1039385" spans="14:14">
      <c r="N1039385" s="10"/>
    </row>
    <row r="1039386" spans="14:14">
      <c r="N1039386" s="10"/>
    </row>
    <row r="1039387" spans="14:14">
      <c r="N1039387" s="10"/>
    </row>
    <row r="1039388" spans="14:14">
      <c r="N1039388" s="10"/>
    </row>
    <row r="1039389" spans="14:14">
      <c r="N1039389" s="10"/>
    </row>
    <row r="1039390" spans="14:14">
      <c r="N1039390" s="10"/>
    </row>
    <row r="1039391" spans="14:14">
      <c r="N1039391" s="10"/>
    </row>
    <row r="1039392" spans="14:14">
      <c r="N1039392" s="10"/>
    </row>
    <row r="1039393" spans="14:14">
      <c r="N1039393" s="10"/>
    </row>
    <row r="1039394" spans="14:14">
      <c r="N1039394" s="10"/>
    </row>
    <row r="1039395" spans="14:14">
      <c r="N1039395" s="10"/>
    </row>
    <row r="1039396" spans="14:14">
      <c r="N1039396" s="10"/>
    </row>
    <row r="1039397" spans="14:14">
      <c r="N1039397" s="10"/>
    </row>
    <row r="1039398" spans="14:14">
      <c r="N1039398" s="10"/>
    </row>
    <row r="1039399" spans="14:14">
      <c r="N1039399" s="10"/>
    </row>
    <row r="1039400" spans="14:14">
      <c r="N1039400" s="10"/>
    </row>
    <row r="1039401" spans="14:14">
      <c r="N1039401" s="10"/>
    </row>
    <row r="1039402" spans="14:14">
      <c r="N1039402" s="10"/>
    </row>
    <row r="1039403" spans="14:14">
      <c r="N1039403" s="10"/>
    </row>
    <row r="1039404" spans="14:14">
      <c r="N1039404" s="10"/>
    </row>
    <row r="1039405" spans="14:14">
      <c r="N1039405" s="10"/>
    </row>
    <row r="1039406" spans="14:14">
      <c r="N1039406" s="10"/>
    </row>
    <row r="1039407" spans="14:14">
      <c r="N1039407" s="10"/>
    </row>
    <row r="1039408" spans="14:14">
      <c r="N1039408" s="10"/>
    </row>
    <row r="1039409" spans="14:14">
      <c r="N1039409" s="10"/>
    </row>
    <row r="1039410" spans="14:14">
      <c r="N1039410" s="10"/>
    </row>
    <row r="1039411" spans="14:14">
      <c r="N1039411" s="10"/>
    </row>
    <row r="1039412" spans="14:14">
      <c r="N1039412" s="10"/>
    </row>
    <row r="1039413" spans="14:14">
      <c r="N1039413" s="10"/>
    </row>
    <row r="1039414" spans="14:14">
      <c r="N1039414" s="10"/>
    </row>
    <row r="1039415" spans="14:14">
      <c r="N1039415" s="10"/>
    </row>
    <row r="1039416" spans="14:14">
      <c r="N1039416" s="10"/>
    </row>
    <row r="1039417" spans="14:14">
      <c r="N1039417" s="10"/>
    </row>
    <row r="1039418" spans="14:14">
      <c r="N1039418" s="10"/>
    </row>
    <row r="1039419" spans="14:14">
      <c r="N1039419" s="10"/>
    </row>
    <row r="1039420" spans="14:14">
      <c r="N1039420" s="10"/>
    </row>
    <row r="1039421" spans="14:14">
      <c r="N1039421" s="10"/>
    </row>
    <row r="1039422" spans="14:14">
      <c r="N1039422" s="10"/>
    </row>
    <row r="1039423" spans="14:14">
      <c r="N1039423" s="10"/>
    </row>
    <row r="1039424" spans="14:14">
      <c r="N1039424" s="10"/>
    </row>
    <row r="1039425" spans="14:14">
      <c r="N1039425" s="10"/>
    </row>
    <row r="1039426" spans="14:14">
      <c r="N1039426" s="10"/>
    </row>
    <row r="1039427" spans="14:14">
      <c r="N1039427" s="10"/>
    </row>
    <row r="1039428" spans="14:14">
      <c r="N1039428" s="10"/>
    </row>
    <row r="1039429" spans="14:14">
      <c r="N1039429" s="10"/>
    </row>
    <row r="1039430" spans="14:14">
      <c r="N1039430" s="10"/>
    </row>
    <row r="1039431" spans="14:14">
      <c r="N1039431" s="10"/>
    </row>
    <row r="1039432" spans="14:14">
      <c r="N1039432" s="10"/>
    </row>
    <row r="1039433" spans="14:14">
      <c r="N1039433" s="10"/>
    </row>
    <row r="1039434" spans="14:14">
      <c r="N1039434" s="10"/>
    </row>
    <row r="1039435" spans="14:14">
      <c r="N1039435" s="10"/>
    </row>
    <row r="1039436" spans="14:14">
      <c r="N1039436" s="10"/>
    </row>
    <row r="1039437" spans="14:14">
      <c r="N1039437" s="10"/>
    </row>
    <row r="1039438" spans="14:14">
      <c r="N1039438" s="10"/>
    </row>
    <row r="1039439" spans="14:14">
      <c r="N1039439" s="10"/>
    </row>
    <row r="1039440" spans="14:14">
      <c r="N1039440" s="10"/>
    </row>
    <row r="1039441" spans="14:14">
      <c r="N1039441" s="10"/>
    </row>
    <row r="1039442" spans="14:14">
      <c r="N1039442" s="10"/>
    </row>
    <row r="1039443" spans="14:14">
      <c r="N1039443" s="10"/>
    </row>
    <row r="1039444" spans="14:14">
      <c r="N1039444" s="10"/>
    </row>
    <row r="1039445" spans="14:14">
      <c r="N1039445" s="10"/>
    </row>
    <row r="1039446" spans="14:14">
      <c r="N1039446" s="10"/>
    </row>
    <row r="1039447" spans="14:14">
      <c r="N1039447" s="10"/>
    </row>
    <row r="1039448" spans="14:14">
      <c r="N1039448" s="10"/>
    </row>
    <row r="1039449" spans="14:14">
      <c r="N1039449" s="10"/>
    </row>
    <row r="1039450" spans="14:14">
      <c r="N1039450" s="10"/>
    </row>
    <row r="1039451" spans="14:14">
      <c r="N1039451" s="10"/>
    </row>
    <row r="1039452" spans="14:14">
      <c r="N1039452" s="10"/>
    </row>
    <row r="1039453" spans="14:14">
      <c r="N1039453" s="10"/>
    </row>
    <row r="1039454" spans="14:14">
      <c r="N1039454" s="10"/>
    </row>
    <row r="1039455" spans="14:14">
      <c r="N1039455" s="10"/>
    </row>
    <row r="1039456" spans="14:14">
      <c r="N1039456" s="10"/>
    </row>
    <row r="1039457" spans="14:14">
      <c r="N1039457" s="10"/>
    </row>
    <row r="1039458" spans="14:14">
      <c r="N1039458" s="10"/>
    </row>
    <row r="1039459" spans="14:14">
      <c r="N1039459" s="10"/>
    </row>
    <row r="1039460" spans="14:14">
      <c r="N1039460" s="10"/>
    </row>
    <row r="1039461" spans="14:14">
      <c r="N1039461" s="10"/>
    </row>
    <row r="1039462" spans="14:14">
      <c r="N1039462" s="10"/>
    </row>
    <row r="1039463" spans="14:14">
      <c r="N1039463" s="10"/>
    </row>
    <row r="1039464" spans="14:14">
      <c r="N1039464" s="10"/>
    </row>
    <row r="1039465" spans="14:14">
      <c r="N1039465" s="10"/>
    </row>
    <row r="1039466" spans="14:14">
      <c r="N1039466" s="10"/>
    </row>
    <row r="1039467" spans="14:14">
      <c r="N1039467" s="10"/>
    </row>
    <row r="1039468" spans="14:14">
      <c r="N1039468" s="10"/>
    </row>
    <row r="1039469" spans="14:14">
      <c r="N1039469" s="10"/>
    </row>
    <row r="1039470" spans="14:14">
      <c r="N1039470" s="10"/>
    </row>
    <row r="1039471" spans="14:14">
      <c r="N1039471" s="10"/>
    </row>
    <row r="1039472" spans="14:14">
      <c r="N1039472" s="10"/>
    </row>
    <row r="1039473" spans="14:14">
      <c r="N1039473" s="10"/>
    </row>
    <row r="1039474" spans="14:14">
      <c r="N1039474" s="10"/>
    </row>
    <row r="1039475" spans="14:14">
      <c r="N1039475" s="10"/>
    </row>
    <row r="1039476" spans="14:14">
      <c r="N1039476" s="10"/>
    </row>
    <row r="1039477" spans="14:14">
      <c r="N1039477" s="10"/>
    </row>
    <row r="1039478" spans="14:14">
      <c r="N1039478" s="10"/>
    </row>
    <row r="1039479" spans="14:14">
      <c r="N1039479" s="10"/>
    </row>
    <row r="1039480" spans="14:14">
      <c r="N1039480" s="10"/>
    </row>
    <row r="1039481" spans="14:14">
      <c r="N1039481" s="10"/>
    </row>
    <row r="1039482" spans="14:14">
      <c r="N1039482" s="10"/>
    </row>
    <row r="1039483" spans="14:14">
      <c r="N1039483" s="10"/>
    </row>
    <row r="1039484" spans="14:14">
      <c r="N1039484" s="10"/>
    </row>
    <row r="1039485" spans="14:14">
      <c r="N1039485" s="10"/>
    </row>
    <row r="1039486" spans="14:14">
      <c r="N1039486" s="10"/>
    </row>
    <row r="1039487" spans="14:14">
      <c r="N1039487" s="10"/>
    </row>
    <row r="1039488" spans="14:14">
      <c r="N1039488" s="10"/>
    </row>
    <row r="1039489" spans="14:14">
      <c r="N1039489" s="10"/>
    </row>
    <row r="1039490" spans="14:14">
      <c r="N1039490" s="10"/>
    </row>
    <row r="1039491" spans="14:14">
      <c r="N1039491" s="10"/>
    </row>
    <row r="1039492" spans="14:14">
      <c r="N1039492" s="10"/>
    </row>
    <row r="1039493" spans="14:14">
      <c r="N1039493" s="10"/>
    </row>
    <row r="1039494" spans="14:14">
      <c r="N1039494" s="10"/>
    </row>
    <row r="1039495" spans="14:14">
      <c r="N1039495" s="10"/>
    </row>
    <row r="1039496" spans="14:14">
      <c r="N1039496" s="10"/>
    </row>
    <row r="1039497" spans="14:14">
      <c r="N1039497" s="10"/>
    </row>
    <row r="1039498" spans="14:14">
      <c r="N1039498" s="10"/>
    </row>
    <row r="1039499" spans="14:14">
      <c r="N1039499" s="10"/>
    </row>
    <row r="1039500" spans="14:14">
      <c r="N1039500" s="10"/>
    </row>
    <row r="1039501" spans="14:14">
      <c r="N1039501" s="10"/>
    </row>
    <row r="1039502" spans="14:14">
      <c r="N1039502" s="10"/>
    </row>
    <row r="1039503" spans="14:14">
      <c r="N1039503" s="10"/>
    </row>
    <row r="1039504" spans="14:14">
      <c r="N1039504" s="10"/>
    </row>
    <row r="1039505" spans="14:14">
      <c r="N1039505" s="10"/>
    </row>
    <row r="1039506" spans="14:14">
      <c r="N1039506" s="10"/>
    </row>
    <row r="1039507" spans="14:14">
      <c r="N1039507" s="10"/>
    </row>
    <row r="1039508" spans="14:14">
      <c r="N1039508" s="10"/>
    </row>
    <row r="1039509" spans="14:14">
      <c r="N1039509" s="10"/>
    </row>
    <row r="1039510" spans="14:14">
      <c r="N1039510" s="10"/>
    </row>
    <row r="1039511" spans="14:14">
      <c r="N1039511" s="10"/>
    </row>
    <row r="1039512" spans="14:14">
      <c r="N1039512" s="10"/>
    </row>
    <row r="1039513" spans="14:14">
      <c r="N1039513" s="10"/>
    </row>
    <row r="1039514" spans="14:14">
      <c r="N1039514" s="10"/>
    </row>
    <row r="1039515" spans="14:14">
      <c r="N1039515" s="10"/>
    </row>
    <row r="1039516" spans="14:14">
      <c r="N1039516" s="10"/>
    </row>
    <row r="1039517" spans="14:14">
      <c r="N1039517" s="10"/>
    </row>
    <row r="1039518" spans="14:14">
      <c r="N1039518" s="10"/>
    </row>
    <row r="1039519" spans="14:14">
      <c r="N1039519" s="10"/>
    </row>
    <row r="1039520" spans="14:14">
      <c r="N1039520" s="10"/>
    </row>
    <row r="1039521" spans="14:14">
      <c r="N1039521" s="10"/>
    </row>
    <row r="1039522" spans="14:14">
      <c r="N1039522" s="10"/>
    </row>
    <row r="1039523" spans="14:14">
      <c r="N1039523" s="10"/>
    </row>
    <row r="1039524" spans="14:14">
      <c r="N1039524" s="10"/>
    </row>
    <row r="1039525" spans="14:14">
      <c r="N1039525" s="10"/>
    </row>
    <row r="1039526" spans="14:14">
      <c r="N1039526" s="10"/>
    </row>
    <row r="1039527" spans="14:14">
      <c r="N1039527" s="10"/>
    </row>
    <row r="1039528" spans="14:14">
      <c r="N1039528" s="10"/>
    </row>
    <row r="1039529" spans="14:14">
      <c r="N1039529" s="10"/>
    </row>
    <row r="1039530" spans="14:14">
      <c r="N1039530" s="10"/>
    </row>
    <row r="1039531" spans="14:14">
      <c r="N1039531" s="10"/>
    </row>
    <row r="1039532" spans="14:14">
      <c r="N1039532" s="10"/>
    </row>
    <row r="1039533" spans="14:14">
      <c r="N1039533" s="10"/>
    </row>
    <row r="1039534" spans="14:14">
      <c r="N1039534" s="10"/>
    </row>
    <row r="1039535" spans="14:14">
      <c r="N1039535" s="10"/>
    </row>
    <row r="1039536" spans="14:14">
      <c r="N1039536" s="10"/>
    </row>
    <row r="1039537" spans="14:14">
      <c r="N1039537" s="10"/>
    </row>
    <row r="1039538" spans="14:14">
      <c r="N1039538" s="10"/>
    </row>
    <row r="1039539" spans="14:14">
      <c r="N1039539" s="10"/>
    </row>
    <row r="1039540" spans="14:14">
      <c r="N1039540" s="10"/>
    </row>
    <row r="1039541" spans="14:14">
      <c r="N1039541" s="10"/>
    </row>
    <row r="1039542" spans="14:14">
      <c r="N1039542" s="10"/>
    </row>
    <row r="1039543" spans="14:14">
      <c r="N1039543" s="10"/>
    </row>
    <row r="1039544" spans="14:14">
      <c r="N1039544" s="10"/>
    </row>
    <row r="1039545" spans="14:14">
      <c r="N1039545" s="10"/>
    </row>
    <row r="1039546" spans="14:14">
      <c r="N1039546" s="10"/>
    </row>
    <row r="1039547" spans="14:14">
      <c r="N1039547" s="10"/>
    </row>
    <row r="1039548" spans="14:14">
      <c r="N1039548" s="10"/>
    </row>
    <row r="1039549" spans="14:14">
      <c r="N1039549" s="10"/>
    </row>
    <row r="1039550" spans="14:14">
      <c r="N1039550" s="10"/>
    </row>
    <row r="1039551" spans="14:14">
      <c r="N1039551" s="10"/>
    </row>
    <row r="1039552" spans="14:14">
      <c r="N1039552" s="10"/>
    </row>
    <row r="1039553" spans="14:14">
      <c r="N1039553" s="10"/>
    </row>
    <row r="1039554" spans="14:14">
      <c r="N1039554" s="10"/>
    </row>
    <row r="1039555" spans="14:14">
      <c r="N1039555" s="10"/>
    </row>
    <row r="1039556" spans="14:14">
      <c r="N1039556" s="10"/>
    </row>
    <row r="1039557" spans="14:14">
      <c r="N1039557" s="10"/>
    </row>
    <row r="1039558" spans="14:14">
      <c r="N1039558" s="10"/>
    </row>
    <row r="1039559" spans="14:14">
      <c r="N1039559" s="10"/>
    </row>
    <row r="1039560" spans="14:14">
      <c r="N1039560" s="10"/>
    </row>
    <row r="1039561" spans="14:14">
      <c r="N1039561" s="10"/>
    </row>
    <row r="1039562" spans="14:14">
      <c r="N1039562" s="10"/>
    </row>
    <row r="1039563" spans="14:14">
      <c r="N1039563" s="10"/>
    </row>
    <row r="1039564" spans="14:14">
      <c r="N1039564" s="10"/>
    </row>
    <row r="1039565" spans="14:14">
      <c r="N1039565" s="10"/>
    </row>
    <row r="1039566" spans="14:14">
      <c r="N1039566" s="10"/>
    </row>
    <row r="1039567" spans="14:14">
      <c r="N1039567" s="10"/>
    </row>
    <row r="1039568" spans="14:14">
      <c r="N1039568" s="10"/>
    </row>
    <row r="1039569" spans="14:14">
      <c r="N1039569" s="10"/>
    </row>
    <row r="1039570" spans="14:14">
      <c r="N1039570" s="10"/>
    </row>
    <row r="1039571" spans="14:14">
      <c r="N1039571" s="10"/>
    </row>
    <row r="1039572" spans="14:14">
      <c r="N1039572" s="10"/>
    </row>
    <row r="1039573" spans="14:14">
      <c r="N1039573" s="10"/>
    </row>
    <row r="1039574" spans="14:14">
      <c r="N1039574" s="10"/>
    </row>
    <row r="1039575" spans="14:14">
      <c r="N1039575" s="10"/>
    </row>
    <row r="1039576" spans="14:14">
      <c r="N1039576" s="10"/>
    </row>
    <row r="1039577" spans="14:14">
      <c r="N1039577" s="10"/>
    </row>
    <row r="1039578" spans="14:14">
      <c r="N1039578" s="10"/>
    </row>
    <row r="1039579" spans="14:14">
      <c r="N1039579" s="10"/>
    </row>
    <row r="1039580" spans="14:14">
      <c r="N1039580" s="10"/>
    </row>
    <row r="1039581" spans="14:14">
      <c r="N1039581" s="10"/>
    </row>
    <row r="1039582" spans="14:14">
      <c r="N1039582" s="10"/>
    </row>
    <row r="1039583" spans="14:14">
      <c r="N1039583" s="10"/>
    </row>
    <row r="1039584" spans="14:14">
      <c r="N1039584" s="10"/>
    </row>
    <row r="1039585" spans="14:14">
      <c r="N1039585" s="10"/>
    </row>
    <row r="1039586" spans="14:14">
      <c r="N1039586" s="10"/>
    </row>
    <row r="1039587" spans="14:14">
      <c r="N1039587" s="10"/>
    </row>
    <row r="1039588" spans="14:14">
      <c r="N1039588" s="10"/>
    </row>
    <row r="1039589" spans="14:14">
      <c r="N1039589" s="10"/>
    </row>
    <row r="1039590" spans="14:14">
      <c r="N1039590" s="10"/>
    </row>
    <row r="1039591" spans="14:14">
      <c r="N1039591" s="10"/>
    </row>
    <row r="1039592" spans="14:14">
      <c r="N1039592" s="10"/>
    </row>
    <row r="1039593" spans="14:14">
      <c r="N1039593" s="10"/>
    </row>
    <row r="1039594" spans="14:14">
      <c r="N1039594" s="10"/>
    </row>
    <row r="1039595" spans="14:14">
      <c r="N1039595" s="10"/>
    </row>
    <row r="1039596" spans="14:14">
      <c r="N1039596" s="10"/>
    </row>
    <row r="1039597" spans="14:14">
      <c r="N1039597" s="10"/>
    </row>
    <row r="1039598" spans="14:14">
      <c r="N1039598" s="10"/>
    </row>
    <row r="1039599" spans="14:14">
      <c r="N1039599" s="10"/>
    </row>
    <row r="1039600" spans="14:14">
      <c r="N1039600" s="10"/>
    </row>
    <row r="1039601" spans="14:14">
      <c r="N1039601" s="10"/>
    </row>
    <row r="1039602" spans="14:14">
      <c r="N1039602" s="10"/>
    </row>
    <row r="1039603" spans="14:14">
      <c r="N1039603" s="10"/>
    </row>
    <row r="1039604" spans="14:14">
      <c r="N1039604" s="10"/>
    </row>
    <row r="1039605" spans="14:14">
      <c r="N1039605" s="10"/>
    </row>
    <row r="1039606" spans="14:14">
      <c r="N1039606" s="10"/>
    </row>
    <row r="1039607" spans="14:14">
      <c r="N1039607" s="10"/>
    </row>
    <row r="1039608" spans="14:14">
      <c r="N1039608" s="10"/>
    </row>
    <row r="1039609" spans="14:14">
      <c r="N1039609" s="10"/>
    </row>
    <row r="1039610" spans="14:14">
      <c r="N1039610" s="10"/>
    </row>
    <row r="1039611" spans="14:14">
      <c r="N1039611" s="10"/>
    </row>
    <row r="1039612" spans="14:14">
      <c r="N1039612" s="10"/>
    </row>
    <row r="1039613" spans="14:14">
      <c r="N1039613" s="10"/>
    </row>
    <row r="1039614" spans="14:14">
      <c r="N1039614" s="10"/>
    </row>
    <row r="1039615" spans="14:14">
      <c r="N1039615" s="10"/>
    </row>
    <row r="1039616" spans="14:14">
      <c r="N1039616" s="10"/>
    </row>
    <row r="1039617" spans="14:14">
      <c r="N1039617" s="10"/>
    </row>
    <row r="1039618" spans="14:14">
      <c r="N1039618" s="10"/>
    </row>
    <row r="1039619" spans="14:14">
      <c r="N1039619" s="10"/>
    </row>
    <row r="1039620" spans="14:14">
      <c r="N1039620" s="10"/>
    </row>
    <row r="1039621" spans="14:14">
      <c r="N1039621" s="10"/>
    </row>
    <row r="1039622" spans="14:14">
      <c r="N1039622" s="10"/>
    </row>
    <row r="1039623" spans="14:14">
      <c r="N1039623" s="10"/>
    </row>
    <row r="1039624" spans="14:14">
      <c r="N1039624" s="10"/>
    </row>
    <row r="1039625" spans="14:14">
      <c r="N1039625" s="10"/>
    </row>
    <row r="1039626" spans="14:14">
      <c r="N1039626" s="10"/>
    </row>
    <row r="1039627" spans="14:14">
      <c r="N1039627" s="10"/>
    </row>
    <row r="1039628" spans="14:14">
      <c r="N1039628" s="10"/>
    </row>
    <row r="1039629" spans="14:14">
      <c r="N1039629" s="10"/>
    </row>
    <row r="1039630" spans="14:14">
      <c r="N1039630" s="10"/>
    </row>
    <row r="1039631" spans="14:14">
      <c r="N1039631" s="10"/>
    </row>
    <row r="1039632" spans="14:14">
      <c r="N1039632" s="10"/>
    </row>
    <row r="1039633" spans="14:14">
      <c r="N1039633" s="10"/>
    </row>
    <row r="1039634" spans="14:14">
      <c r="N1039634" s="10"/>
    </row>
    <row r="1039635" spans="14:14">
      <c r="N1039635" s="10"/>
    </row>
    <row r="1039636" spans="14:14">
      <c r="N1039636" s="10"/>
    </row>
    <row r="1039637" spans="14:14">
      <c r="N1039637" s="10"/>
    </row>
    <row r="1039638" spans="14:14">
      <c r="N1039638" s="10"/>
    </row>
    <row r="1039639" spans="14:14">
      <c r="N1039639" s="10"/>
    </row>
    <row r="1039640" spans="14:14">
      <c r="N1039640" s="10"/>
    </row>
    <row r="1039641" spans="14:14">
      <c r="N1039641" s="10"/>
    </row>
    <row r="1039642" spans="14:14">
      <c r="N1039642" s="10"/>
    </row>
    <row r="1039643" spans="14:14">
      <c r="N1039643" s="10"/>
    </row>
    <row r="1039644" spans="14:14">
      <c r="N1039644" s="10"/>
    </row>
    <row r="1039645" spans="14:14">
      <c r="N1039645" s="10"/>
    </row>
    <row r="1039646" spans="14:14">
      <c r="N1039646" s="10"/>
    </row>
    <row r="1039647" spans="14:14">
      <c r="N1039647" s="10"/>
    </row>
    <row r="1039648" spans="14:14">
      <c r="N1039648" s="10"/>
    </row>
    <row r="1039649" spans="14:14">
      <c r="N1039649" s="10"/>
    </row>
    <row r="1039650" spans="14:14">
      <c r="N1039650" s="10"/>
    </row>
    <row r="1039651" spans="14:14">
      <c r="N1039651" s="10"/>
    </row>
    <row r="1039652" spans="14:14">
      <c r="N1039652" s="10"/>
    </row>
    <row r="1039653" spans="14:14">
      <c r="N1039653" s="10"/>
    </row>
    <row r="1039654" spans="14:14">
      <c r="N1039654" s="10"/>
    </row>
    <row r="1039655" spans="14:14">
      <c r="N1039655" s="10"/>
    </row>
    <row r="1039656" spans="14:14">
      <c r="N1039656" s="10"/>
    </row>
    <row r="1039657" spans="14:14">
      <c r="N1039657" s="10"/>
    </row>
    <row r="1039658" spans="14:14">
      <c r="N1039658" s="10"/>
    </row>
    <row r="1039659" spans="14:14">
      <c r="N1039659" s="10"/>
    </row>
    <row r="1039660" spans="14:14">
      <c r="N1039660" s="10"/>
    </row>
    <row r="1039661" spans="14:14">
      <c r="N1039661" s="10"/>
    </row>
    <row r="1039662" spans="14:14">
      <c r="N1039662" s="10"/>
    </row>
    <row r="1039663" spans="14:14">
      <c r="N1039663" s="10"/>
    </row>
    <row r="1039664" spans="14:14">
      <c r="N1039664" s="10"/>
    </row>
    <row r="1039665" spans="14:14">
      <c r="N1039665" s="10"/>
    </row>
    <row r="1039666" spans="14:14">
      <c r="N1039666" s="10"/>
    </row>
    <row r="1039667" spans="14:14">
      <c r="N1039667" s="10"/>
    </row>
    <row r="1039668" spans="14:14">
      <c r="N1039668" s="10"/>
    </row>
    <row r="1039669" spans="14:14">
      <c r="N1039669" s="10"/>
    </row>
    <row r="1039670" spans="14:14">
      <c r="N1039670" s="10"/>
    </row>
    <row r="1039671" spans="14:14">
      <c r="N1039671" s="10"/>
    </row>
    <row r="1039672" spans="14:14">
      <c r="N1039672" s="10"/>
    </row>
    <row r="1039673" spans="14:14">
      <c r="N1039673" s="10"/>
    </row>
    <row r="1039674" spans="14:14">
      <c r="N1039674" s="10"/>
    </row>
    <row r="1039675" spans="14:14">
      <c r="N1039675" s="10"/>
    </row>
    <row r="1039676" spans="14:14">
      <c r="N1039676" s="10"/>
    </row>
    <row r="1039677" spans="14:14">
      <c r="N1039677" s="10"/>
    </row>
    <row r="1039678" spans="14:14">
      <c r="N1039678" s="10"/>
    </row>
    <row r="1039679" spans="14:14">
      <c r="N1039679" s="10"/>
    </row>
    <row r="1039680" spans="14:14">
      <c r="N1039680" s="10"/>
    </row>
    <row r="1039681" spans="14:14">
      <c r="N1039681" s="10"/>
    </row>
    <row r="1039682" spans="14:14">
      <c r="N1039682" s="10"/>
    </row>
    <row r="1039683" spans="14:14">
      <c r="N1039683" s="10"/>
    </row>
    <row r="1039684" spans="14:14">
      <c r="N1039684" s="10"/>
    </row>
    <row r="1039685" spans="14:14">
      <c r="N1039685" s="10"/>
    </row>
    <row r="1039686" spans="14:14">
      <c r="N1039686" s="10"/>
    </row>
    <row r="1039687" spans="14:14">
      <c r="N1039687" s="10"/>
    </row>
    <row r="1039688" spans="14:14">
      <c r="N1039688" s="10"/>
    </row>
    <row r="1039689" spans="14:14">
      <c r="N1039689" s="10"/>
    </row>
    <row r="1039690" spans="14:14">
      <c r="N1039690" s="10"/>
    </row>
    <row r="1039691" spans="14:14">
      <c r="N1039691" s="10"/>
    </row>
    <row r="1039692" spans="14:14">
      <c r="N1039692" s="10"/>
    </row>
    <row r="1039693" spans="14:14">
      <c r="N1039693" s="10"/>
    </row>
    <row r="1039694" spans="14:14">
      <c r="N1039694" s="10"/>
    </row>
    <row r="1039695" spans="14:14">
      <c r="N1039695" s="10"/>
    </row>
    <row r="1039696" spans="14:14">
      <c r="N1039696" s="10"/>
    </row>
    <row r="1039697" spans="14:14">
      <c r="N1039697" s="10"/>
    </row>
    <row r="1039698" spans="14:14">
      <c r="N1039698" s="10"/>
    </row>
    <row r="1039699" spans="14:14">
      <c r="N1039699" s="10"/>
    </row>
    <row r="1039700" spans="14:14">
      <c r="N1039700" s="10"/>
    </row>
    <row r="1039701" spans="14:14">
      <c r="N1039701" s="10"/>
    </row>
    <row r="1039702" spans="14:14">
      <c r="N1039702" s="10"/>
    </row>
    <row r="1039703" spans="14:14">
      <c r="N1039703" s="10"/>
    </row>
    <row r="1039704" spans="14:14">
      <c r="N1039704" s="10"/>
    </row>
    <row r="1039705" spans="14:14">
      <c r="N1039705" s="10"/>
    </row>
    <row r="1039706" spans="14:14">
      <c r="N1039706" s="10"/>
    </row>
    <row r="1039707" spans="14:14">
      <c r="N1039707" s="10"/>
    </row>
    <row r="1039708" spans="14:14">
      <c r="N1039708" s="10"/>
    </row>
    <row r="1039709" spans="14:14">
      <c r="N1039709" s="10"/>
    </row>
    <row r="1039710" spans="14:14">
      <c r="N1039710" s="10"/>
    </row>
    <row r="1039711" spans="14:14">
      <c r="N1039711" s="10"/>
    </row>
    <row r="1039712" spans="14:14">
      <c r="N1039712" s="10"/>
    </row>
    <row r="1039713" spans="14:14">
      <c r="N1039713" s="10"/>
    </row>
    <row r="1039714" spans="14:14">
      <c r="N1039714" s="10"/>
    </row>
    <row r="1039715" spans="14:14">
      <c r="N1039715" s="10"/>
    </row>
    <row r="1039716" spans="14:14">
      <c r="N1039716" s="10"/>
    </row>
    <row r="1039717" spans="14:14">
      <c r="N1039717" s="10"/>
    </row>
    <row r="1039718" spans="14:14">
      <c r="N1039718" s="10"/>
    </row>
    <row r="1039719" spans="14:14">
      <c r="N1039719" s="10"/>
    </row>
    <row r="1039720" spans="14:14">
      <c r="N1039720" s="10"/>
    </row>
    <row r="1039721" spans="14:14">
      <c r="N1039721" s="10"/>
    </row>
    <row r="1039722" spans="14:14">
      <c r="N1039722" s="10"/>
    </row>
    <row r="1039723" spans="14:14">
      <c r="N1039723" s="10"/>
    </row>
    <row r="1039724" spans="14:14">
      <c r="N1039724" s="10"/>
    </row>
    <row r="1039725" spans="14:14">
      <c r="N1039725" s="10"/>
    </row>
    <row r="1039726" spans="14:14">
      <c r="N1039726" s="10"/>
    </row>
    <row r="1039727" spans="14:14">
      <c r="N1039727" s="10"/>
    </row>
    <row r="1039728" spans="14:14">
      <c r="N1039728" s="10"/>
    </row>
    <row r="1039729" spans="14:14">
      <c r="N1039729" s="10"/>
    </row>
    <row r="1039730" spans="14:14">
      <c r="N1039730" s="10"/>
    </row>
    <row r="1039731" spans="14:14">
      <c r="N1039731" s="10"/>
    </row>
    <row r="1039732" spans="14:14">
      <c r="N1039732" s="10"/>
    </row>
    <row r="1039733" spans="14:14">
      <c r="N1039733" s="10"/>
    </row>
    <row r="1039734" spans="14:14">
      <c r="N1039734" s="10"/>
    </row>
    <row r="1039735" spans="14:14">
      <c r="N1039735" s="10"/>
    </row>
    <row r="1039736" spans="14:14">
      <c r="N1039736" s="10"/>
    </row>
    <row r="1039737" spans="14:14">
      <c r="N1039737" s="10"/>
    </row>
    <row r="1039738" spans="14:14">
      <c r="N1039738" s="10"/>
    </row>
    <row r="1039739" spans="14:14">
      <c r="N1039739" s="10"/>
    </row>
    <row r="1039740" spans="14:14">
      <c r="N1039740" s="10"/>
    </row>
    <row r="1039741" spans="14:14">
      <c r="N1039741" s="10"/>
    </row>
    <row r="1039742" spans="14:14">
      <c r="N1039742" s="10"/>
    </row>
    <row r="1039743" spans="14:14">
      <c r="N1039743" s="10"/>
    </row>
    <row r="1039744" spans="14:14">
      <c r="N1039744" s="10"/>
    </row>
    <row r="1039745" spans="14:14">
      <c r="N1039745" s="10"/>
    </row>
    <row r="1039746" spans="14:14">
      <c r="N1039746" s="10"/>
    </row>
    <row r="1039747" spans="14:14">
      <c r="N1039747" s="10"/>
    </row>
    <row r="1039748" spans="14:14">
      <c r="N1039748" s="10"/>
    </row>
    <row r="1039749" spans="14:14">
      <c r="N1039749" s="10"/>
    </row>
    <row r="1039750" spans="14:14">
      <c r="N1039750" s="10"/>
    </row>
    <row r="1039751" spans="14:14">
      <c r="N1039751" s="10"/>
    </row>
    <row r="1039752" spans="14:14">
      <c r="N1039752" s="10"/>
    </row>
    <row r="1039753" spans="14:14">
      <c r="N1039753" s="10"/>
    </row>
    <row r="1039754" spans="14:14">
      <c r="N1039754" s="10"/>
    </row>
    <row r="1039755" spans="14:14">
      <c r="N1039755" s="10"/>
    </row>
    <row r="1039756" spans="14:14">
      <c r="N1039756" s="10"/>
    </row>
    <row r="1039757" spans="14:14">
      <c r="N1039757" s="10"/>
    </row>
    <row r="1039758" spans="14:14">
      <c r="N1039758" s="10"/>
    </row>
    <row r="1039759" spans="14:14">
      <c r="N1039759" s="10"/>
    </row>
    <row r="1039760" spans="14:14">
      <c r="N1039760" s="10"/>
    </row>
    <row r="1039761" spans="14:14">
      <c r="N1039761" s="10"/>
    </row>
    <row r="1039762" spans="14:14">
      <c r="N1039762" s="10"/>
    </row>
    <row r="1039763" spans="14:14">
      <c r="N1039763" s="10"/>
    </row>
    <row r="1039764" spans="14:14">
      <c r="N1039764" s="10"/>
    </row>
    <row r="1039765" spans="14:14">
      <c r="N1039765" s="10"/>
    </row>
    <row r="1039766" spans="14:14">
      <c r="N1039766" s="10"/>
    </row>
    <row r="1039767" spans="14:14">
      <c r="N1039767" s="10"/>
    </row>
    <row r="1039768" spans="14:14">
      <c r="N1039768" s="10"/>
    </row>
    <row r="1039769" spans="14:14">
      <c r="N1039769" s="10"/>
    </row>
    <row r="1039770" spans="14:14">
      <c r="N1039770" s="10"/>
    </row>
    <row r="1039771" spans="14:14">
      <c r="N1039771" s="10"/>
    </row>
    <row r="1039772" spans="14:14">
      <c r="N1039772" s="10"/>
    </row>
    <row r="1039773" spans="14:14">
      <c r="N1039773" s="10"/>
    </row>
    <row r="1039774" spans="14:14">
      <c r="N1039774" s="10"/>
    </row>
    <row r="1039775" spans="14:14">
      <c r="N1039775" s="10"/>
    </row>
    <row r="1039776" spans="14:14">
      <c r="N1039776" s="10"/>
    </row>
    <row r="1039777" spans="14:14">
      <c r="N1039777" s="10"/>
    </row>
    <row r="1039778" spans="14:14">
      <c r="N1039778" s="10"/>
    </row>
    <row r="1039779" spans="14:14">
      <c r="N1039779" s="10"/>
    </row>
    <row r="1039780" spans="14:14">
      <c r="N1039780" s="10"/>
    </row>
    <row r="1039781" spans="14:14">
      <c r="N1039781" s="10"/>
    </row>
    <row r="1039782" spans="14:14">
      <c r="N1039782" s="10"/>
    </row>
    <row r="1039783" spans="14:14">
      <c r="N1039783" s="10"/>
    </row>
    <row r="1039784" spans="14:14">
      <c r="N1039784" s="10"/>
    </row>
    <row r="1039785" spans="14:14">
      <c r="N1039785" s="10"/>
    </row>
    <row r="1039786" spans="14:14">
      <c r="N1039786" s="10"/>
    </row>
    <row r="1039787" spans="14:14">
      <c r="N1039787" s="10"/>
    </row>
    <row r="1039788" spans="14:14">
      <c r="N1039788" s="10"/>
    </row>
    <row r="1039789" spans="14:14">
      <c r="N1039789" s="10"/>
    </row>
    <row r="1039790" spans="14:14">
      <c r="N1039790" s="10"/>
    </row>
    <row r="1039791" spans="14:14">
      <c r="N1039791" s="10"/>
    </row>
    <row r="1039792" spans="14:14">
      <c r="N1039792" s="10"/>
    </row>
    <row r="1039793" spans="14:14">
      <c r="N1039793" s="10"/>
    </row>
    <row r="1039794" spans="14:14">
      <c r="N1039794" s="10"/>
    </row>
    <row r="1039795" spans="14:14">
      <c r="N1039795" s="10"/>
    </row>
    <row r="1039796" spans="14:14">
      <c r="N1039796" s="10"/>
    </row>
    <row r="1039797" spans="14:14">
      <c r="N1039797" s="10"/>
    </row>
    <row r="1039798" spans="14:14">
      <c r="N1039798" s="10"/>
    </row>
    <row r="1039799" spans="14:14">
      <c r="N1039799" s="10"/>
    </row>
    <row r="1039800" spans="14:14">
      <c r="N1039800" s="10"/>
    </row>
    <row r="1039801" spans="14:14">
      <c r="N1039801" s="10"/>
    </row>
    <row r="1039802" spans="14:14">
      <c r="N1039802" s="10"/>
    </row>
    <row r="1039803" spans="14:14">
      <c r="N1039803" s="10"/>
    </row>
    <row r="1039804" spans="14:14">
      <c r="N1039804" s="10"/>
    </row>
    <row r="1039805" spans="14:14">
      <c r="N1039805" s="10"/>
    </row>
    <row r="1039806" spans="14:14">
      <c r="N1039806" s="10"/>
    </row>
    <row r="1039807" spans="14:14">
      <c r="N1039807" s="10"/>
    </row>
    <row r="1039808" spans="14:14">
      <c r="N1039808" s="10"/>
    </row>
    <row r="1039809" spans="14:14">
      <c r="N1039809" s="10"/>
    </row>
    <row r="1039810" spans="14:14">
      <c r="N1039810" s="10"/>
    </row>
    <row r="1039811" spans="14:14">
      <c r="N1039811" s="10"/>
    </row>
    <row r="1039812" spans="14:14">
      <c r="N1039812" s="10"/>
    </row>
    <row r="1039813" spans="14:14">
      <c r="N1039813" s="10"/>
    </row>
    <row r="1039814" spans="14:14">
      <c r="N1039814" s="10"/>
    </row>
    <row r="1039815" spans="14:14">
      <c r="N1039815" s="10"/>
    </row>
    <row r="1039816" spans="14:14">
      <c r="N1039816" s="10"/>
    </row>
    <row r="1039817" spans="14:14">
      <c r="N1039817" s="10"/>
    </row>
    <row r="1039818" spans="14:14">
      <c r="N1039818" s="10"/>
    </row>
    <row r="1039819" spans="14:14">
      <c r="N1039819" s="10"/>
    </row>
    <row r="1039820" spans="14:14">
      <c r="N1039820" s="10"/>
    </row>
    <row r="1039821" spans="14:14">
      <c r="N1039821" s="10"/>
    </row>
    <row r="1039822" spans="14:14">
      <c r="N1039822" s="10"/>
    </row>
    <row r="1039823" spans="14:14">
      <c r="N1039823" s="10"/>
    </row>
    <row r="1039824" spans="14:14">
      <c r="N1039824" s="10"/>
    </row>
    <row r="1039825" spans="14:14">
      <c r="N1039825" s="10"/>
    </row>
    <row r="1039826" spans="14:14">
      <c r="N1039826" s="10"/>
    </row>
    <row r="1039827" spans="14:14">
      <c r="N1039827" s="10"/>
    </row>
    <row r="1039828" spans="14:14">
      <c r="N1039828" s="10"/>
    </row>
    <row r="1039829" spans="14:14">
      <c r="N1039829" s="10"/>
    </row>
    <row r="1039830" spans="14:14">
      <c r="N1039830" s="10"/>
    </row>
    <row r="1039831" spans="14:14">
      <c r="N1039831" s="10"/>
    </row>
    <row r="1039832" spans="14:14">
      <c r="N1039832" s="10"/>
    </row>
    <row r="1039833" spans="14:14">
      <c r="N1039833" s="10"/>
    </row>
    <row r="1039834" spans="14:14">
      <c r="N1039834" s="10"/>
    </row>
    <row r="1039835" spans="14:14">
      <c r="N1039835" s="10"/>
    </row>
    <row r="1039836" spans="14:14">
      <c r="N1039836" s="10"/>
    </row>
    <row r="1039837" spans="14:14">
      <c r="N1039837" s="10"/>
    </row>
    <row r="1039838" spans="14:14">
      <c r="N1039838" s="10"/>
    </row>
    <row r="1039839" spans="14:14">
      <c r="N1039839" s="10"/>
    </row>
    <row r="1039840" spans="14:14">
      <c r="N1039840" s="10"/>
    </row>
    <row r="1039841" spans="14:14">
      <c r="N1039841" s="10"/>
    </row>
    <row r="1039842" spans="14:14">
      <c r="N1039842" s="10"/>
    </row>
    <row r="1039843" spans="14:14">
      <c r="N1039843" s="10"/>
    </row>
    <row r="1039844" spans="14:14">
      <c r="N1039844" s="10"/>
    </row>
    <row r="1039845" spans="14:14">
      <c r="N1039845" s="10"/>
    </row>
    <row r="1039846" spans="14:14">
      <c r="N1039846" s="10"/>
    </row>
    <row r="1039847" spans="14:14">
      <c r="N1039847" s="10"/>
    </row>
    <row r="1039848" spans="14:14">
      <c r="N1039848" s="10"/>
    </row>
    <row r="1039849" spans="14:14">
      <c r="N1039849" s="10"/>
    </row>
    <row r="1039850" spans="14:14">
      <c r="N1039850" s="10"/>
    </row>
    <row r="1039851" spans="14:14">
      <c r="N1039851" s="10"/>
    </row>
    <row r="1039852" spans="14:14">
      <c r="N1039852" s="10"/>
    </row>
    <row r="1039853" spans="14:14">
      <c r="N1039853" s="10"/>
    </row>
    <row r="1039854" spans="14:14">
      <c r="N1039854" s="10"/>
    </row>
    <row r="1039855" spans="14:14">
      <c r="N1039855" s="10"/>
    </row>
    <row r="1039856" spans="14:14">
      <c r="N1039856" s="10"/>
    </row>
    <row r="1039857" spans="14:14">
      <c r="N1039857" s="10"/>
    </row>
    <row r="1039858" spans="14:14">
      <c r="N1039858" s="10"/>
    </row>
    <row r="1039859" spans="14:14">
      <c r="N1039859" s="10"/>
    </row>
    <row r="1039860" spans="14:14">
      <c r="N1039860" s="10"/>
    </row>
    <row r="1039861" spans="14:14">
      <c r="N1039861" s="10"/>
    </row>
    <row r="1039862" spans="14:14">
      <c r="N1039862" s="10"/>
    </row>
    <row r="1039863" spans="14:14">
      <c r="N1039863" s="10"/>
    </row>
    <row r="1039864" spans="14:14">
      <c r="N1039864" s="10"/>
    </row>
    <row r="1039865" spans="14:14">
      <c r="N1039865" s="10"/>
    </row>
    <row r="1039866" spans="14:14">
      <c r="N1039866" s="10"/>
    </row>
    <row r="1039867" spans="14:14">
      <c r="N1039867" s="10"/>
    </row>
    <row r="1039868" spans="14:14">
      <c r="N1039868" s="10"/>
    </row>
    <row r="1039869" spans="14:14">
      <c r="N1039869" s="10"/>
    </row>
    <row r="1039870" spans="14:14">
      <c r="N1039870" s="10"/>
    </row>
    <row r="1039871" spans="14:14">
      <c r="N1039871" s="10"/>
    </row>
    <row r="1039872" spans="14:14">
      <c r="N1039872" s="10"/>
    </row>
    <row r="1039873" spans="14:14">
      <c r="N1039873" s="10"/>
    </row>
    <row r="1039874" spans="14:14">
      <c r="N1039874" s="10"/>
    </row>
    <row r="1039875" spans="14:14">
      <c r="N1039875" s="10"/>
    </row>
    <row r="1039876" spans="14:14">
      <c r="N1039876" s="10"/>
    </row>
    <row r="1039877" spans="14:14">
      <c r="N1039877" s="10"/>
    </row>
    <row r="1039878" spans="14:14">
      <c r="N1039878" s="10"/>
    </row>
    <row r="1039879" spans="14:14">
      <c r="N1039879" s="10"/>
    </row>
    <row r="1039880" spans="14:14">
      <c r="N1039880" s="10"/>
    </row>
    <row r="1039881" spans="14:14">
      <c r="N1039881" s="10"/>
    </row>
    <row r="1039882" spans="14:14">
      <c r="N1039882" s="10"/>
    </row>
    <row r="1039883" spans="14:14">
      <c r="N1039883" s="10"/>
    </row>
    <row r="1039884" spans="14:14">
      <c r="N1039884" s="10"/>
    </row>
    <row r="1039885" spans="14:14">
      <c r="N1039885" s="10"/>
    </row>
    <row r="1039886" spans="14:14">
      <c r="N1039886" s="10"/>
    </row>
    <row r="1039887" spans="14:14">
      <c r="N1039887" s="10"/>
    </row>
    <row r="1039888" spans="14:14">
      <c r="N1039888" s="10"/>
    </row>
    <row r="1039889" spans="14:14">
      <c r="N1039889" s="10"/>
    </row>
    <row r="1039890" spans="14:14">
      <c r="N1039890" s="10"/>
    </row>
    <row r="1039891" spans="14:14">
      <c r="N1039891" s="10"/>
    </row>
    <row r="1039892" spans="14:14">
      <c r="N1039892" s="10"/>
    </row>
    <row r="1039893" spans="14:14">
      <c r="N1039893" s="10"/>
    </row>
    <row r="1039894" spans="14:14">
      <c r="N1039894" s="10"/>
    </row>
    <row r="1039895" spans="14:14">
      <c r="N1039895" s="10"/>
    </row>
    <row r="1039896" spans="14:14">
      <c r="N1039896" s="10"/>
    </row>
    <row r="1039897" spans="14:14">
      <c r="N1039897" s="10"/>
    </row>
    <row r="1039898" spans="14:14">
      <c r="N1039898" s="10"/>
    </row>
    <row r="1039899" spans="14:14">
      <c r="N1039899" s="10"/>
    </row>
    <row r="1039900" spans="14:14">
      <c r="N1039900" s="10"/>
    </row>
    <row r="1039901" spans="14:14">
      <c r="N1039901" s="10"/>
    </row>
    <row r="1039902" spans="14:14">
      <c r="N1039902" s="10"/>
    </row>
    <row r="1039903" spans="14:14">
      <c r="N1039903" s="10"/>
    </row>
    <row r="1039904" spans="14:14">
      <c r="N1039904" s="10"/>
    </row>
    <row r="1039905" spans="14:14">
      <c r="N1039905" s="10"/>
    </row>
    <row r="1039906" spans="14:14">
      <c r="N1039906" s="10"/>
    </row>
    <row r="1039907" spans="14:14">
      <c r="N1039907" s="10"/>
    </row>
    <row r="1039908" spans="14:14">
      <c r="N1039908" s="10"/>
    </row>
    <row r="1039909" spans="14:14">
      <c r="N1039909" s="10"/>
    </row>
    <row r="1039910" spans="14:14">
      <c r="N1039910" s="10"/>
    </row>
    <row r="1039911" spans="14:14">
      <c r="N1039911" s="10"/>
    </row>
    <row r="1039912" spans="14:14">
      <c r="N1039912" s="10"/>
    </row>
    <row r="1039913" spans="14:14">
      <c r="N1039913" s="10"/>
    </row>
    <row r="1039914" spans="14:14">
      <c r="N1039914" s="10"/>
    </row>
    <row r="1039915" spans="14:14">
      <c r="N1039915" s="10"/>
    </row>
    <row r="1039916" spans="14:14">
      <c r="N1039916" s="10"/>
    </row>
    <row r="1039917" spans="14:14">
      <c r="N1039917" s="10"/>
    </row>
    <row r="1039918" spans="14:14">
      <c r="N1039918" s="10"/>
    </row>
    <row r="1039919" spans="14:14">
      <c r="N1039919" s="10"/>
    </row>
    <row r="1039920" spans="14:14">
      <c r="N1039920" s="10"/>
    </row>
    <row r="1039921" spans="14:14">
      <c r="N1039921" s="10"/>
    </row>
    <row r="1039922" spans="14:14">
      <c r="N1039922" s="10"/>
    </row>
    <row r="1039923" spans="14:14">
      <c r="N1039923" s="10"/>
    </row>
    <row r="1039924" spans="14:14">
      <c r="N1039924" s="10"/>
    </row>
    <row r="1039925" spans="14:14">
      <c r="N1039925" s="10"/>
    </row>
    <row r="1039926" spans="14:14">
      <c r="N1039926" s="10"/>
    </row>
    <row r="1039927" spans="14:14">
      <c r="N1039927" s="10"/>
    </row>
    <row r="1039928" spans="14:14">
      <c r="N1039928" s="10"/>
    </row>
    <row r="1039929" spans="14:14">
      <c r="N1039929" s="10"/>
    </row>
    <row r="1039930" spans="14:14">
      <c r="N1039930" s="10"/>
    </row>
    <row r="1039931" spans="14:14">
      <c r="N1039931" s="10"/>
    </row>
    <row r="1039932" spans="14:14">
      <c r="N1039932" s="10"/>
    </row>
    <row r="1039933" spans="14:14">
      <c r="N1039933" s="10"/>
    </row>
    <row r="1039934" spans="14:14">
      <c r="N1039934" s="10"/>
    </row>
    <row r="1039935" spans="14:14">
      <c r="N1039935" s="10"/>
    </row>
    <row r="1039936" spans="14:14">
      <c r="N1039936" s="10"/>
    </row>
    <row r="1039937" spans="14:14">
      <c r="N1039937" s="10"/>
    </row>
    <row r="1039938" spans="14:14">
      <c r="N1039938" s="10"/>
    </row>
    <row r="1039939" spans="14:14">
      <c r="N1039939" s="10"/>
    </row>
    <row r="1039940" spans="14:14">
      <c r="N1039940" s="10"/>
    </row>
    <row r="1039941" spans="14:14">
      <c r="N1039941" s="10"/>
    </row>
    <row r="1039942" spans="14:14">
      <c r="N1039942" s="10"/>
    </row>
    <row r="1039943" spans="14:14">
      <c r="N1039943" s="10"/>
    </row>
    <row r="1039944" spans="14:14">
      <c r="N1039944" s="10"/>
    </row>
    <row r="1039945" spans="14:14">
      <c r="N1039945" s="10"/>
    </row>
    <row r="1039946" spans="14:14">
      <c r="N1039946" s="10"/>
    </row>
    <row r="1039947" spans="14:14">
      <c r="N1039947" s="10"/>
    </row>
    <row r="1039948" spans="14:14">
      <c r="N1039948" s="10"/>
    </row>
    <row r="1039949" spans="14:14">
      <c r="N1039949" s="10"/>
    </row>
    <row r="1039950" spans="14:14">
      <c r="N1039950" s="10"/>
    </row>
    <row r="1039951" spans="14:14">
      <c r="N1039951" s="10"/>
    </row>
    <row r="1039952" spans="14:14">
      <c r="N1039952" s="10"/>
    </row>
    <row r="1039953" spans="14:14">
      <c r="N1039953" s="10"/>
    </row>
    <row r="1039954" spans="14:14">
      <c r="N1039954" s="10"/>
    </row>
    <row r="1039955" spans="14:14">
      <c r="N1039955" s="10"/>
    </row>
    <row r="1039956" spans="14:14">
      <c r="N1039956" s="10"/>
    </row>
    <row r="1039957" spans="14:14">
      <c r="N1039957" s="10"/>
    </row>
    <row r="1039958" spans="14:14">
      <c r="N1039958" s="10"/>
    </row>
    <row r="1039959" spans="14:14">
      <c r="N1039959" s="10"/>
    </row>
    <row r="1039960" spans="14:14">
      <c r="N1039960" s="10"/>
    </row>
    <row r="1039961" spans="14:14">
      <c r="N1039961" s="10"/>
    </row>
    <row r="1039962" spans="14:14">
      <c r="N1039962" s="10"/>
    </row>
    <row r="1039963" spans="14:14">
      <c r="N1039963" s="10"/>
    </row>
    <row r="1039964" spans="14:14">
      <c r="N1039964" s="10"/>
    </row>
    <row r="1039965" spans="14:14">
      <c r="N1039965" s="10"/>
    </row>
    <row r="1039966" spans="14:14">
      <c r="N1039966" s="10"/>
    </row>
    <row r="1039967" spans="14:14">
      <c r="N1039967" s="10"/>
    </row>
    <row r="1039968" spans="14:14">
      <c r="N1039968" s="10"/>
    </row>
    <row r="1039969" spans="14:14">
      <c r="N1039969" s="10"/>
    </row>
    <row r="1039970" spans="14:14">
      <c r="N1039970" s="10"/>
    </row>
    <row r="1039971" spans="14:14">
      <c r="N1039971" s="10"/>
    </row>
    <row r="1039972" spans="14:14">
      <c r="N1039972" s="10"/>
    </row>
    <row r="1039973" spans="14:14">
      <c r="N1039973" s="10"/>
    </row>
    <row r="1039974" spans="14:14">
      <c r="N1039974" s="10"/>
    </row>
    <row r="1039975" spans="14:14">
      <c r="N1039975" s="10"/>
    </row>
    <row r="1039976" spans="14:14">
      <c r="N1039976" s="10"/>
    </row>
    <row r="1039977" spans="14:14">
      <c r="N1039977" s="10"/>
    </row>
    <row r="1039978" spans="14:14">
      <c r="N1039978" s="10"/>
    </row>
    <row r="1039979" spans="14:14">
      <c r="N1039979" s="10"/>
    </row>
    <row r="1039980" spans="14:14">
      <c r="N1039980" s="10"/>
    </row>
    <row r="1039981" spans="14:14">
      <c r="N1039981" s="10"/>
    </row>
    <row r="1039982" spans="14:14">
      <c r="N1039982" s="10"/>
    </row>
    <row r="1039983" spans="14:14">
      <c r="N1039983" s="10"/>
    </row>
    <row r="1039984" spans="14:14">
      <c r="N1039984" s="10"/>
    </row>
    <row r="1039985" spans="14:14">
      <c r="N1039985" s="10"/>
    </row>
    <row r="1039986" spans="14:14">
      <c r="N1039986" s="10"/>
    </row>
    <row r="1039987" spans="14:14">
      <c r="N1039987" s="10"/>
    </row>
    <row r="1039988" spans="14:14">
      <c r="N1039988" s="10"/>
    </row>
    <row r="1039989" spans="14:14">
      <c r="N1039989" s="10"/>
    </row>
    <row r="1039990" spans="14:14">
      <c r="N1039990" s="10"/>
    </row>
    <row r="1039991" spans="14:14">
      <c r="N1039991" s="10"/>
    </row>
    <row r="1039992" spans="14:14">
      <c r="N1039992" s="10"/>
    </row>
    <row r="1039993" spans="14:14">
      <c r="N1039993" s="10"/>
    </row>
    <row r="1039994" spans="14:14">
      <c r="N1039994" s="10"/>
    </row>
    <row r="1039995" spans="14:14">
      <c r="N1039995" s="10"/>
    </row>
    <row r="1039996" spans="14:14">
      <c r="N1039996" s="10"/>
    </row>
    <row r="1039997" spans="14:14">
      <c r="N1039997" s="10"/>
    </row>
    <row r="1039998" spans="14:14">
      <c r="N1039998" s="10"/>
    </row>
    <row r="1039999" spans="14:14">
      <c r="N1039999" s="10"/>
    </row>
    <row r="1040000" spans="14:14">
      <c r="N1040000" s="10"/>
    </row>
    <row r="1040001" spans="14:14">
      <c r="N1040001" s="10"/>
    </row>
    <row r="1040002" spans="14:14">
      <c r="N1040002" s="10"/>
    </row>
    <row r="1040003" spans="14:14">
      <c r="N1040003" s="10"/>
    </row>
    <row r="1040004" spans="14:14">
      <c r="N1040004" s="10"/>
    </row>
    <row r="1040005" spans="14:14">
      <c r="N1040005" s="10"/>
    </row>
    <row r="1040006" spans="14:14">
      <c r="N1040006" s="10"/>
    </row>
    <row r="1040007" spans="14:14">
      <c r="N1040007" s="10"/>
    </row>
    <row r="1040008" spans="14:14">
      <c r="N1040008" s="10"/>
    </row>
    <row r="1040009" spans="14:14">
      <c r="N1040009" s="10"/>
    </row>
    <row r="1040010" spans="14:14">
      <c r="N1040010" s="10"/>
    </row>
    <row r="1040011" spans="14:14">
      <c r="N1040011" s="10"/>
    </row>
    <row r="1040012" spans="14:14">
      <c r="N1040012" s="10"/>
    </row>
    <row r="1040013" spans="14:14">
      <c r="N1040013" s="10"/>
    </row>
    <row r="1040014" spans="14:14">
      <c r="N1040014" s="10"/>
    </row>
    <row r="1040015" spans="14:14">
      <c r="N1040015" s="10"/>
    </row>
    <row r="1040016" spans="14:14">
      <c r="N1040016" s="10"/>
    </row>
    <row r="1040017" spans="14:14">
      <c r="N1040017" s="10"/>
    </row>
    <row r="1040018" spans="14:14">
      <c r="N1040018" s="10"/>
    </row>
    <row r="1040019" spans="14:14">
      <c r="N1040019" s="10"/>
    </row>
    <row r="1040020" spans="14:14">
      <c r="N1040020" s="10"/>
    </row>
    <row r="1040021" spans="14:14">
      <c r="N1040021" s="10"/>
    </row>
    <row r="1040022" spans="14:14">
      <c r="N1040022" s="10"/>
    </row>
    <row r="1040023" spans="14:14">
      <c r="N1040023" s="10"/>
    </row>
    <row r="1040024" spans="14:14">
      <c r="N1040024" s="10"/>
    </row>
    <row r="1040025" spans="14:14">
      <c r="N1040025" s="10"/>
    </row>
    <row r="1040026" spans="14:14">
      <c r="N1040026" s="10"/>
    </row>
    <row r="1040027" spans="14:14">
      <c r="N1040027" s="10"/>
    </row>
    <row r="1040028" spans="14:14">
      <c r="N1040028" s="10"/>
    </row>
    <row r="1040029" spans="14:14">
      <c r="N1040029" s="10"/>
    </row>
    <row r="1040030" spans="14:14">
      <c r="N1040030" s="10"/>
    </row>
    <row r="1040031" spans="14:14">
      <c r="N1040031" s="10"/>
    </row>
    <row r="1040032" spans="14:14">
      <c r="N1040032" s="10"/>
    </row>
    <row r="1040033" spans="14:14">
      <c r="N1040033" s="10"/>
    </row>
    <row r="1040034" spans="14:14">
      <c r="N1040034" s="10"/>
    </row>
    <row r="1040035" spans="14:14">
      <c r="N1040035" s="10"/>
    </row>
    <row r="1040036" spans="14:14">
      <c r="N1040036" s="10"/>
    </row>
    <row r="1040037" spans="14:14">
      <c r="N1040037" s="10"/>
    </row>
    <row r="1040038" spans="14:14">
      <c r="N1040038" s="10"/>
    </row>
    <row r="1040039" spans="14:14">
      <c r="N1040039" s="10"/>
    </row>
    <row r="1040040" spans="14:14">
      <c r="N1040040" s="10"/>
    </row>
    <row r="1040041" spans="14:14">
      <c r="N1040041" s="10"/>
    </row>
    <row r="1040042" spans="14:14">
      <c r="N1040042" s="10"/>
    </row>
    <row r="1040043" spans="14:14">
      <c r="N1040043" s="10"/>
    </row>
    <row r="1040044" spans="14:14">
      <c r="N1040044" s="10"/>
    </row>
    <row r="1040045" spans="14:14">
      <c r="N1040045" s="10"/>
    </row>
    <row r="1040046" spans="14:14">
      <c r="N1040046" s="10"/>
    </row>
    <row r="1040047" spans="14:14">
      <c r="N1040047" s="10"/>
    </row>
    <row r="1040048" spans="14:14">
      <c r="N1040048" s="10"/>
    </row>
    <row r="1040049" spans="14:14">
      <c r="N1040049" s="10"/>
    </row>
    <row r="1040050" spans="14:14">
      <c r="N1040050" s="10"/>
    </row>
    <row r="1040051" spans="14:14">
      <c r="N1040051" s="10"/>
    </row>
    <row r="1040052" spans="14:14">
      <c r="N1040052" s="10"/>
    </row>
    <row r="1040053" spans="14:14">
      <c r="N1040053" s="10"/>
    </row>
    <row r="1040054" spans="14:14">
      <c r="N1040054" s="10"/>
    </row>
    <row r="1040055" spans="14:14">
      <c r="N1040055" s="10"/>
    </row>
    <row r="1040056" spans="14:14">
      <c r="N1040056" s="10"/>
    </row>
    <row r="1040057" spans="14:14">
      <c r="N1040057" s="10"/>
    </row>
    <row r="1040058" spans="14:14">
      <c r="N1040058" s="10"/>
    </row>
    <row r="1040059" spans="14:14">
      <c r="N1040059" s="10"/>
    </row>
    <row r="1040060" spans="14:14">
      <c r="N1040060" s="10"/>
    </row>
    <row r="1040061" spans="14:14">
      <c r="N1040061" s="10"/>
    </row>
    <row r="1040062" spans="14:14">
      <c r="N1040062" s="10"/>
    </row>
    <row r="1040063" spans="14:14">
      <c r="N1040063" s="10"/>
    </row>
    <row r="1040064" spans="14:14">
      <c r="N1040064" s="10"/>
    </row>
    <row r="1040065" spans="14:14">
      <c r="N1040065" s="10"/>
    </row>
    <row r="1040066" spans="14:14">
      <c r="N1040066" s="10"/>
    </row>
    <row r="1040067" spans="14:14">
      <c r="N1040067" s="10"/>
    </row>
    <row r="1040068" spans="14:14">
      <c r="N1040068" s="10"/>
    </row>
    <row r="1040069" spans="14:14">
      <c r="N1040069" s="10"/>
    </row>
    <row r="1040070" spans="14:14">
      <c r="N1040070" s="10"/>
    </row>
    <row r="1040071" spans="14:14">
      <c r="N1040071" s="10"/>
    </row>
    <row r="1040072" spans="14:14">
      <c r="N1040072" s="10"/>
    </row>
    <row r="1040073" spans="14:14">
      <c r="N1040073" s="10"/>
    </row>
    <row r="1040074" spans="14:14">
      <c r="N1040074" s="10"/>
    </row>
    <row r="1040075" spans="14:14">
      <c r="N1040075" s="10"/>
    </row>
    <row r="1040076" spans="14:14">
      <c r="N1040076" s="10"/>
    </row>
    <row r="1040077" spans="14:14">
      <c r="N1040077" s="10"/>
    </row>
    <row r="1040078" spans="14:14">
      <c r="N1040078" s="10"/>
    </row>
    <row r="1040079" spans="14:14">
      <c r="N1040079" s="10"/>
    </row>
    <row r="1040080" spans="14:14">
      <c r="N1040080" s="10"/>
    </row>
    <row r="1040081" spans="14:14">
      <c r="N1040081" s="10"/>
    </row>
    <row r="1040082" spans="14:14">
      <c r="N1040082" s="10"/>
    </row>
    <row r="1040083" spans="14:14">
      <c r="N1040083" s="10"/>
    </row>
    <row r="1040084" spans="14:14">
      <c r="N1040084" s="10"/>
    </row>
    <row r="1040085" spans="14:14">
      <c r="N1040085" s="10"/>
    </row>
    <row r="1040086" spans="14:14">
      <c r="N1040086" s="10"/>
    </row>
    <row r="1040087" spans="14:14">
      <c r="N1040087" s="10"/>
    </row>
    <row r="1040088" spans="14:14">
      <c r="N1040088" s="10"/>
    </row>
    <row r="1040089" spans="14:14">
      <c r="N1040089" s="10"/>
    </row>
    <row r="1040090" spans="14:14">
      <c r="N1040090" s="10"/>
    </row>
    <row r="1040091" spans="14:14">
      <c r="N1040091" s="10"/>
    </row>
    <row r="1040092" spans="14:14">
      <c r="N1040092" s="10"/>
    </row>
    <row r="1040093" spans="14:14">
      <c r="N1040093" s="10"/>
    </row>
    <row r="1040094" spans="14:14">
      <c r="N1040094" s="10"/>
    </row>
    <row r="1040095" spans="14:14">
      <c r="N1040095" s="10"/>
    </row>
    <row r="1040096" spans="14:14">
      <c r="N1040096" s="10"/>
    </row>
    <row r="1040097" spans="14:14">
      <c r="N1040097" s="10"/>
    </row>
    <row r="1040098" spans="14:14">
      <c r="N1040098" s="10"/>
    </row>
    <row r="1040099" spans="14:14">
      <c r="N1040099" s="10"/>
    </row>
    <row r="1040100" spans="14:14">
      <c r="N1040100" s="10"/>
    </row>
    <row r="1040101" spans="14:14">
      <c r="N1040101" s="10"/>
    </row>
    <row r="1040102" spans="14:14">
      <c r="N1040102" s="10"/>
    </row>
    <row r="1040103" spans="14:14">
      <c r="N1040103" s="10"/>
    </row>
    <row r="1040104" spans="14:14">
      <c r="N1040104" s="10"/>
    </row>
    <row r="1040105" spans="14:14">
      <c r="N1040105" s="10"/>
    </row>
    <row r="1040106" spans="14:14">
      <c r="N1040106" s="10"/>
    </row>
    <row r="1040107" spans="14:14">
      <c r="N1040107" s="10"/>
    </row>
    <row r="1040108" spans="14:14">
      <c r="N1040108" s="10"/>
    </row>
    <row r="1040109" spans="14:14">
      <c r="N1040109" s="10"/>
    </row>
    <row r="1040110" spans="14:14">
      <c r="N1040110" s="10"/>
    </row>
    <row r="1040111" spans="14:14">
      <c r="N1040111" s="10"/>
    </row>
    <row r="1040112" spans="14:14">
      <c r="N1040112" s="10"/>
    </row>
    <row r="1040113" spans="14:14">
      <c r="N1040113" s="10"/>
    </row>
    <row r="1040114" spans="14:14">
      <c r="N1040114" s="10"/>
    </row>
    <row r="1040115" spans="14:14">
      <c r="N1040115" s="10"/>
    </row>
    <row r="1040116" spans="14:14">
      <c r="N1040116" s="10"/>
    </row>
    <row r="1040117" spans="14:14">
      <c r="N1040117" s="10"/>
    </row>
    <row r="1040118" spans="14:14">
      <c r="N1040118" s="10"/>
    </row>
    <row r="1040119" spans="14:14">
      <c r="N1040119" s="10"/>
    </row>
    <row r="1040120" spans="14:14">
      <c r="N1040120" s="10"/>
    </row>
    <row r="1040121" spans="14:14">
      <c r="N1040121" s="10"/>
    </row>
    <row r="1040122" spans="14:14">
      <c r="N1040122" s="10"/>
    </row>
    <row r="1040123" spans="14:14">
      <c r="N1040123" s="10"/>
    </row>
    <row r="1040124" spans="14:14">
      <c r="N1040124" s="10"/>
    </row>
    <row r="1040125" spans="14:14">
      <c r="N1040125" s="10"/>
    </row>
    <row r="1040126" spans="14:14">
      <c r="N1040126" s="10"/>
    </row>
    <row r="1040127" spans="14:14">
      <c r="N1040127" s="10"/>
    </row>
    <row r="1040128" spans="14:14">
      <c r="N1040128" s="10"/>
    </row>
    <row r="1040129" spans="14:14">
      <c r="N1040129" s="10"/>
    </row>
    <row r="1040130" spans="14:14">
      <c r="N1040130" s="10"/>
    </row>
    <row r="1040131" spans="14:14">
      <c r="N1040131" s="10"/>
    </row>
    <row r="1040132" spans="14:14">
      <c r="N1040132" s="10"/>
    </row>
    <row r="1040133" spans="14:14">
      <c r="N1040133" s="10"/>
    </row>
    <row r="1040134" spans="14:14">
      <c r="N1040134" s="10"/>
    </row>
    <row r="1040135" spans="14:14">
      <c r="N1040135" s="10"/>
    </row>
    <row r="1040136" spans="14:14">
      <c r="N1040136" s="10"/>
    </row>
    <row r="1040137" spans="14:14">
      <c r="N1040137" s="10"/>
    </row>
    <row r="1040138" spans="14:14">
      <c r="N1040138" s="10"/>
    </row>
    <row r="1040139" spans="14:14">
      <c r="N1040139" s="10"/>
    </row>
    <row r="1040140" spans="14:14">
      <c r="N1040140" s="10"/>
    </row>
    <row r="1040141" spans="14:14">
      <c r="N1040141" s="10"/>
    </row>
    <row r="1040142" spans="14:14">
      <c r="N1040142" s="10"/>
    </row>
    <row r="1040143" spans="14:14">
      <c r="N1040143" s="10"/>
    </row>
    <row r="1040144" spans="14:14">
      <c r="N1040144" s="10"/>
    </row>
    <row r="1040145" spans="14:14">
      <c r="N1040145" s="10"/>
    </row>
    <row r="1040146" spans="14:14">
      <c r="N1040146" s="10"/>
    </row>
    <row r="1040147" spans="14:14">
      <c r="N1040147" s="10"/>
    </row>
    <row r="1040148" spans="14:14">
      <c r="N1040148" s="10"/>
    </row>
    <row r="1040149" spans="14:14">
      <c r="N1040149" s="10"/>
    </row>
    <row r="1040150" spans="14:14">
      <c r="N1040150" s="10"/>
    </row>
    <row r="1040151" spans="14:14">
      <c r="N1040151" s="10"/>
    </row>
    <row r="1040152" spans="14:14">
      <c r="N1040152" s="10"/>
    </row>
    <row r="1040153" spans="14:14">
      <c r="N1040153" s="10"/>
    </row>
    <row r="1040154" spans="14:14">
      <c r="N1040154" s="10"/>
    </row>
    <row r="1040155" spans="14:14">
      <c r="N1040155" s="10"/>
    </row>
    <row r="1040156" spans="14:14">
      <c r="N1040156" s="10"/>
    </row>
    <row r="1040157" spans="14:14">
      <c r="N1040157" s="10"/>
    </row>
    <row r="1040158" spans="14:14">
      <c r="N1040158" s="10"/>
    </row>
    <row r="1040159" spans="14:14">
      <c r="N1040159" s="10"/>
    </row>
    <row r="1040160" spans="14:14">
      <c r="N1040160" s="10"/>
    </row>
    <row r="1040161" spans="14:14">
      <c r="N1040161" s="10"/>
    </row>
    <row r="1040162" spans="14:14">
      <c r="N1040162" s="10"/>
    </row>
    <row r="1040163" spans="14:14">
      <c r="N1040163" s="10"/>
    </row>
    <row r="1040164" spans="14:14">
      <c r="N1040164" s="10"/>
    </row>
    <row r="1040165" spans="14:14">
      <c r="N1040165" s="10"/>
    </row>
    <row r="1040166" spans="14:14">
      <c r="N1040166" s="10"/>
    </row>
    <row r="1040167" spans="14:14">
      <c r="N1040167" s="10"/>
    </row>
    <row r="1040168" spans="14:14">
      <c r="N1040168" s="10"/>
    </row>
    <row r="1040169" spans="14:14">
      <c r="N1040169" s="10"/>
    </row>
    <row r="1040170" spans="14:14">
      <c r="N1040170" s="10"/>
    </row>
    <row r="1040171" spans="14:14">
      <c r="N1040171" s="10"/>
    </row>
    <row r="1040172" spans="14:14">
      <c r="N1040172" s="10"/>
    </row>
    <row r="1040173" spans="14:14">
      <c r="N1040173" s="10"/>
    </row>
    <row r="1040174" spans="14:14">
      <c r="N1040174" s="10"/>
    </row>
    <row r="1040175" spans="14:14">
      <c r="N1040175" s="10"/>
    </row>
    <row r="1040176" spans="14:14">
      <c r="N1040176" s="10"/>
    </row>
    <row r="1040177" spans="14:14">
      <c r="N1040177" s="10"/>
    </row>
    <row r="1040178" spans="14:14">
      <c r="N1040178" s="10"/>
    </row>
    <row r="1040179" spans="14:14">
      <c r="N1040179" s="10"/>
    </row>
    <row r="1040180" spans="14:14">
      <c r="N1040180" s="10"/>
    </row>
    <row r="1040181" spans="14:14">
      <c r="N1040181" s="10"/>
    </row>
    <row r="1040182" spans="14:14">
      <c r="N1040182" s="10"/>
    </row>
    <row r="1040183" spans="14:14">
      <c r="N1040183" s="10"/>
    </row>
    <row r="1040184" spans="14:14">
      <c r="N1040184" s="10"/>
    </row>
    <row r="1040185" spans="14:14">
      <c r="N1040185" s="10"/>
    </row>
    <row r="1040186" spans="14:14">
      <c r="N1040186" s="10"/>
    </row>
    <row r="1040187" spans="14:14">
      <c r="N1040187" s="10"/>
    </row>
    <row r="1040188" spans="14:14">
      <c r="N1040188" s="10"/>
    </row>
    <row r="1040189" spans="14:14">
      <c r="N1040189" s="10"/>
    </row>
    <row r="1040190" spans="14:14">
      <c r="N1040190" s="10"/>
    </row>
    <row r="1040191" spans="14:14">
      <c r="N1040191" s="10"/>
    </row>
    <row r="1040192" spans="14:14">
      <c r="N1040192" s="10"/>
    </row>
    <row r="1040193" spans="14:14">
      <c r="N1040193" s="10"/>
    </row>
    <row r="1040194" spans="14:14">
      <c r="N1040194" s="10"/>
    </row>
    <row r="1040195" spans="14:14">
      <c r="N1040195" s="10"/>
    </row>
    <row r="1040196" spans="14:14">
      <c r="N1040196" s="10"/>
    </row>
    <row r="1040197" spans="14:14">
      <c r="N1040197" s="10"/>
    </row>
    <row r="1040198" spans="14:14">
      <c r="N1040198" s="10"/>
    </row>
    <row r="1040199" spans="14:14">
      <c r="N1040199" s="10"/>
    </row>
    <row r="1040200" spans="14:14">
      <c r="N1040200" s="10"/>
    </row>
    <row r="1040201" spans="14:14">
      <c r="N1040201" s="10"/>
    </row>
    <row r="1040202" spans="14:14">
      <c r="N1040202" s="10"/>
    </row>
    <row r="1040203" spans="14:14">
      <c r="N1040203" s="10"/>
    </row>
    <row r="1040204" spans="14:14">
      <c r="N1040204" s="10"/>
    </row>
    <row r="1040205" spans="14:14">
      <c r="N1040205" s="10"/>
    </row>
    <row r="1040206" spans="14:14">
      <c r="N1040206" s="10"/>
    </row>
    <row r="1040207" spans="14:14">
      <c r="N1040207" s="10"/>
    </row>
    <row r="1040208" spans="14:14">
      <c r="N1040208" s="10"/>
    </row>
    <row r="1040209" spans="14:14">
      <c r="N1040209" s="10"/>
    </row>
    <row r="1040210" spans="14:14">
      <c r="N1040210" s="10"/>
    </row>
    <row r="1040211" spans="14:14">
      <c r="N1040211" s="10"/>
    </row>
    <row r="1040212" spans="14:14">
      <c r="N1040212" s="10"/>
    </row>
    <row r="1040213" spans="14:14">
      <c r="N1040213" s="10"/>
    </row>
    <row r="1040214" spans="14:14">
      <c r="N1040214" s="10"/>
    </row>
    <row r="1040215" spans="14:14">
      <c r="N1040215" s="10"/>
    </row>
    <row r="1040216" spans="14:14">
      <c r="N1040216" s="10"/>
    </row>
    <row r="1040217" spans="14:14">
      <c r="N1040217" s="10"/>
    </row>
    <row r="1040218" spans="14:14">
      <c r="N1040218" s="10"/>
    </row>
    <row r="1040219" spans="14:14">
      <c r="N1040219" s="10"/>
    </row>
    <row r="1040220" spans="14:14">
      <c r="N1040220" s="10"/>
    </row>
    <row r="1040221" spans="14:14">
      <c r="N1040221" s="10"/>
    </row>
    <row r="1040222" spans="14:14">
      <c r="N1040222" s="10"/>
    </row>
    <row r="1040223" spans="14:14">
      <c r="N1040223" s="10"/>
    </row>
    <row r="1040224" spans="14:14">
      <c r="N1040224" s="10"/>
    </row>
    <row r="1040225" spans="14:14">
      <c r="N1040225" s="10"/>
    </row>
    <row r="1040226" spans="14:14">
      <c r="N1040226" s="10"/>
    </row>
    <row r="1040227" spans="14:14">
      <c r="N1040227" s="10"/>
    </row>
    <row r="1040228" spans="14:14">
      <c r="N1040228" s="10"/>
    </row>
    <row r="1040229" spans="14:14">
      <c r="N1040229" s="10"/>
    </row>
    <row r="1040230" spans="14:14">
      <c r="N1040230" s="10"/>
    </row>
    <row r="1040231" spans="14:14">
      <c r="N1040231" s="10"/>
    </row>
    <row r="1040232" spans="14:14">
      <c r="N1040232" s="10"/>
    </row>
    <row r="1040233" spans="14:14">
      <c r="N1040233" s="10"/>
    </row>
    <row r="1040234" spans="14:14">
      <c r="N1040234" s="10"/>
    </row>
    <row r="1040235" spans="14:14">
      <c r="N1040235" s="10"/>
    </row>
    <row r="1040236" spans="14:14">
      <c r="N1040236" s="10"/>
    </row>
    <row r="1040237" spans="14:14">
      <c r="N1040237" s="10"/>
    </row>
    <row r="1040238" spans="14:14">
      <c r="N1040238" s="10"/>
    </row>
    <row r="1040239" spans="14:14">
      <c r="N1040239" s="10"/>
    </row>
    <row r="1040240" spans="14:14">
      <c r="N1040240" s="10"/>
    </row>
    <row r="1040241" spans="14:14">
      <c r="N1040241" s="10"/>
    </row>
    <row r="1040242" spans="14:14">
      <c r="N1040242" s="10"/>
    </row>
    <row r="1040243" spans="14:14">
      <c r="N1040243" s="10"/>
    </row>
    <row r="1040244" spans="14:14">
      <c r="N1040244" s="10"/>
    </row>
    <row r="1040245" spans="14:14">
      <c r="N1040245" s="10"/>
    </row>
    <row r="1040246" spans="14:14">
      <c r="N1040246" s="10"/>
    </row>
    <row r="1040247" spans="14:14">
      <c r="N1040247" s="10"/>
    </row>
    <row r="1040248" spans="14:14">
      <c r="N1040248" s="10"/>
    </row>
    <row r="1040249" spans="14:14">
      <c r="N1040249" s="10"/>
    </row>
    <row r="1040250" spans="14:14">
      <c r="N1040250" s="10"/>
    </row>
    <row r="1040251" spans="14:14">
      <c r="N1040251" s="10"/>
    </row>
    <row r="1040252" spans="14:14">
      <c r="N1040252" s="10"/>
    </row>
    <row r="1040253" spans="14:14">
      <c r="N1040253" s="10"/>
    </row>
    <row r="1040254" spans="14:14">
      <c r="N1040254" s="10"/>
    </row>
    <row r="1040255" spans="14:14">
      <c r="N1040255" s="10"/>
    </row>
    <row r="1040256" spans="14:14">
      <c r="N1040256" s="10"/>
    </row>
    <row r="1040257" spans="14:14">
      <c r="N1040257" s="10"/>
    </row>
    <row r="1040258" spans="14:14">
      <c r="N1040258" s="10"/>
    </row>
    <row r="1040259" spans="14:14">
      <c r="N1040259" s="10"/>
    </row>
    <row r="1040260" spans="14:14">
      <c r="N1040260" s="10"/>
    </row>
    <row r="1040261" spans="14:14">
      <c r="N1040261" s="10"/>
    </row>
    <row r="1040262" spans="14:14">
      <c r="N1040262" s="10"/>
    </row>
    <row r="1040263" spans="14:14">
      <c r="N1040263" s="10"/>
    </row>
    <row r="1040264" spans="14:14">
      <c r="N1040264" s="10"/>
    </row>
    <row r="1040265" spans="14:14">
      <c r="N1040265" s="10"/>
    </row>
    <row r="1040266" spans="14:14">
      <c r="N1040266" s="10"/>
    </row>
    <row r="1040267" spans="14:14">
      <c r="N1040267" s="10"/>
    </row>
    <row r="1040268" spans="14:14">
      <c r="N1040268" s="10"/>
    </row>
    <row r="1040269" spans="14:14">
      <c r="N1040269" s="10"/>
    </row>
    <row r="1040270" spans="14:14">
      <c r="N1040270" s="10"/>
    </row>
    <row r="1040271" spans="14:14">
      <c r="N1040271" s="10"/>
    </row>
    <row r="1040272" spans="14:14">
      <c r="N1040272" s="10"/>
    </row>
    <row r="1040273" spans="14:14">
      <c r="N1040273" s="10"/>
    </row>
    <row r="1040274" spans="14:14">
      <c r="N1040274" s="10"/>
    </row>
    <row r="1040275" spans="14:14">
      <c r="N1040275" s="10"/>
    </row>
    <row r="1040276" spans="14:14">
      <c r="N1040276" s="10"/>
    </row>
    <row r="1040277" spans="14:14">
      <c r="N1040277" s="10"/>
    </row>
    <row r="1040278" spans="14:14">
      <c r="N1040278" s="10"/>
    </row>
    <row r="1040279" spans="14:14">
      <c r="N1040279" s="10"/>
    </row>
    <row r="1040280" spans="14:14">
      <c r="N1040280" s="10"/>
    </row>
    <row r="1040281" spans="14:14">
      <c r="N1040281" s="10"/>
    </row>
    <row r="1040282" spans="14:14">
      <c r="N1040282" s="10"/>
    </row>
    <row r="1040283" spans="14:14">
      <c r="N1040283" s="10"/>
    </row>
    <row r="1040284" spans="14:14">
      <c r="N1040284" s="10"/>
    </row>
    <row r="1040285" spans="14:14">
      <c r="N1040285" s="10"/>
    </row>
    <row r="1040286" spans="14:14">
      <c r="N1040286" s="10"/>
    </row>
    <row r="1040287" spans="14:14">
      <c r="N1040287" s="10"/>
    </row>
    <row r="1040288" spans="14:14">
      <c r="N1040288" s="10"/>
    </row>
    <row r="1040289" spans="14:14">
      <c r="N1040289" s="10"/>
    </row>
    <row r="1040290" spans="14:14">
      <c r="N1040290" s="10"/>
    </row>
    <row r="1040291" spans="14:14">
      <c r="N1040291" s="10"/>
    </row>
    <row r="1040292" spans="14:14">
      <c r="N1040292" s="10"/>
    </row>
    <row r="1040293" spans="14:14">
      <c r="N1040293" s="10"/>
    </row>
    <row r="1040294" spans="14:14">
      <c r="N1040294" s="10"/>
    </row>
    <row r="1040295" spans="14:14">
      <c r="N1040295" s="10"/>
    </row>
    <row r="1040296" spans="14:14">
      <c r="N1040296" s="10"/>
    </row>
    <row r="1040297" spans="14:14">
      <c r="N1040297" s="10"/>
    </row>
    <row r="1040298" spans="14:14">
      <c r="N1040298" s="10"/>
    </row>
    <row r="1040299" spans="14:14">
      <c r="N1040299" s="10"/>
    </row>
    <row r="1040300" spans="14:14">
      <c r="N1040300" s="10"/>
    </row>
    <row r="1040301" spans="14:14">
      <c r="N1040301" s="10"/>
    </row>
    <row r="1040302" spans="14:14">
      <c r="N1040302" s="10"/>
    </row>
    <row r="1040303" spans="14:14">
      <c r="N1040303" s="10"/>
    </row>
    <row r="1040304" spans="14:14">
      <c r="N1040304" s="10"/>
    </row>
    <row r="1040305" spans="14:14">
      <c r="N1040305" s="10"/>
    </row>
    <row r="1040306" spans="14:14">
      <c r="N1040306" s="10"/>
    </row>
    <row r="1040307" spans="14:14">
      <c r="N1040307" s="10"/>
    </row>
    <row r="1040308" spans="14:14">
      <c r="N1040308" s="10"/>
    </row>
    <row r="1040309" spans="14:14">
      <c r="N1040309" s="10"/>
    </row>
    <row r="1040310" spans="14:14">
      <c r="N1040310" s="10"/>
    </row>
    <row r="1040311" spans="14:14">
      <c r="N1040311" s="10"/>
    </row>
    <row r="1040312" spans="14:14">
      <c r="N1040312" s="10"/>
    </row>
    <row r="1040313" spans="14:14">
      <c r="N1040313" s="10"/>
    </row>
    <row r="1040314" spans="14:14">
      <c r="N1040314" s="10"/>
    </row>
    <row r="1040315" spans="14:14">
      <c r="N1040315" s="10"/>
    </row>
    <row r="1040316" spans="14:14">
      <c r="N1040316" s="10"/>
    </row>
    <row r="1040317" spans="14:14">
      <c r="N1040317" s="10"/>
    </row>
    <row r="1040318" spans="14:14">
      <c r="N1040318" s="10"/>
    </row>
    <row r="1040319" spans="14:14">
      <c r="N1040319" s="10"/>
    </row>
    <row r="1040320" spans="14:14">
      <c r="N1040320" s="10"/>
    </row>
    <row r="1040321" spans="14:14">
      <c r="N1040321" s="10"/>
    </row>
    <row r="1040322" spans="14:14">
      <c r="N1040322" s="10"/>
    </row>
    <row r="1040323" spans="14:14">
      <c r="N1040323" s="10"/>
    </row>
    <row r="1040324" spans="14:14">
      <c r="N1040324" s="10"/>
    </row>
    <row r="1040325" spans="14:14">
      <c r="N1040325" s="10"/>
    </row>
    <row r="1040326" spans="14:14">
      <c r="N1040326" s="10"/>
    </row>
    <row r="1040327" spans="14:14">
      <c r="N1040327" s="10"/>
    </row>
    <row r="1040328" spans="14:14">
      <c r="N1040328" s="10"/>
    </row>
    <row r="1040329" spans="14:14">
      <c r="N1040329" s="10"/>
    </row>
    <row r="1040330" spans="14:14">
      <c r="N1040330" s="10"/>
    </row>
    <row r="1040331" spans="14:14">
      <c r="N1040331" s="10"/>
    </row>
    <row r="1040332" spans="14:14">
      <c r="N1040332" s="10"/>
    </row>
    <row r="1040333" spans="14:14">
      <c r="N1040333" s="10"/>
    </row>
    <row r="1040334" spans="14:14">
      <c r="N1040334" s="10"/>
    </row>
    <row r="1040335" spans="14:14">
      <c r="N1040335" s="10"/>
    </row>
    <row r="1040336" spans="14:14">
      <c r="N1040336" s="10"/>
    </row>
    <row r="1040337" spans="14:14">
      <c r="N1040337" s="10"/>
    </row>
    <row r="1040338" spans="14:14">
      <c r="N1040338" s="10"/>
    </row>
    <row r="1040339" spans="14:14">
      <c r="N1040339" s="10"/>
    </row>
    <row r="1040340" spans="14:14">
      <c r="N1040340" s="10"/>
    </row>
    <row r="1040341" spans="14:14">
      <c r="N1040341" s="10"/>
    </row>
    <row r="1040342" spans="14:14">
      <c r="N1040342" s="10"/>
    </row>
    <row r="1040343" spans="14:14">
      <c r="N1040343" s="10"/>
    </row>
    <row r="1040344" spans="14:14">
      <c r="N1040344" s="10"/>
    </row>
    <row r="1040345" spans="14:14">
      <c r="N1040345" s="10"/>
    </row>
    <row r="1040346" spans="14:14">
      <c r="N1040346" s="10"/>
    </row>
    <row r="1040347" spans="14:14">
      <c r="N1040347" s="10"/>
    </row>
    <row r="1040348" spans="14:14">
      <c r="N1040348" s="10"/>
    </row>
    <row r="1040349" spans="14:14">
      <c r="N1040349" s="10"/>
    </row>
    <row r="1040350" spans="14:14">
      <c r="N1040350" s="10"/>
    </row>
    <row r="1040351" spans="14:14">
      <c r="N1040351" s="10"/>
    </row>
    <row r="1040352" spans="14:14">
      <c r="N1040352" s="10"/>
    </row>
    <row r="1040353" spans="14:14">
      <c r="N1040353" s="10"/>
    </row>
    <row r="1040354" spans="14:14">
      <c r="N1040354" s="10"/>
    </row>
    <row r="1040355" spans="14:14">
      <c r="N1040355" s="10"/>
    </row>
    <row r="1040356" spans="14:14">
      <c r="N1040356" s="10"/>
    </row>
    <row r="1040357" spans="14:14">
      <c r="N1040357" s="10"/>
    </row>
    <row r="1040358" spans="14:14">
      <c r="N1040358" s="10"/>
    </row>
    <row r="1040359" spans="14:14">
      <c r="N1040359" s="10"/>
    </row>
    <row r="1040360" spans="14:14">
      <c r="N1040360" s="10"/>
    </row>
    <row r="1040361" spans="14:14">
      <c r="N1040361" s="10"/>
    </row>
    <row r="1040362" spans="14:14">
      <c r="N1040362" s="10"/>
    </row>
    <row r="1040363" spans="14:14">
      <c r="N1040363" s="10"/>
    </row>
    <row r="1040364" spans="14:14">
      <c r="N1040364" s="10"/>
    </row>
    <row r="1040365" spans="14:14">
      <c r="N1040365" s="10"/>
    </row>
    <row r="1040366" spans="14:14">
      <c r="N1040366" s="10"/>
    </row>
    <row r="1040367" spans="14:14">
      <c r="N1040367" s="10"/>
    </row>
    <row r="1040368" spans="14:14">
      <c r="N1040368" s="10"/>
    </row>
    <row r="1040369" spans="14:14">
      <c r="N1040369" s="10"/>
    </row>
    <row r="1040370" spans="14:14">
      <c r="N1040370" s="10"/>
    </row>
    <row r="1040371" spans="14:14">
      <c r="N1040371" s="10"/>
    </row>
    <row r="1040372" spans="14:14">
      <c r="N1040372" s="10"/>
    </row>
    <row r="1040373" spans="14:14">
      <c r="N1040373" s="10"/>
    </row>
    <row r="1040374" spans="14:14">
      <c r="N1040374" s="10"/>
    </row>
    <row r="1040375" spans="14:14">
      <c r="N1040375" s="10"/>
    </row>
    <row r="1040376" spans="14:14">
      <c r="N1040376" s="10"/>
    </row>
    <row r="1040377" spans="14:14">
      <c r="N1040377" s="10"/>
    </row>
    <row r="1040378" spans="14:14">
      <c r="N1040378" s="10"/>
    </row>
    <row r="1040379" spans="14:14">
      <c r="N1040379" s="10"/>
    </row>
    <row r="1040380" spans="14:14">
      <c r="N1040380" s="10"/>
    </row>
    <row r="1040381" spans="14:14">
      <c r="N1040381" s="10"/>
    </row>
    <row r="1040382" spans="14:14">
      <c r="N1040382" s="10"/>
    </row>
    <row r="1040383" spans="14:14">
      <c r="N1040383" s="10"/>
    </row>
    <row r="1040384" spans="14:14">
      <c r="N1040384" s="10"/>
    </row>
    <row r="1040385" spans="14:14">
      <c r="N1040385" s="10"/>
    </row>
    <row r="1040386" spans="14:14">
      <c r="N1040386" s="10"/>
    </row>
    <row r="1040387" spans="14:14">
      <c r="N1040387" s="10"/>
    </row>
    <row r="1040388" spans="14:14">
      <c r="N1040388" s="10"/>
    </row>
    <row r="1040389" spans="14:14">
      <c r="N1040389" s="10"/>
    </row>
    <row r="1040390" spans="14:14">
      <c r="N1040390" s="10"/>
    </row>
    <row r="1040391" spans="14:14">
      <c r="N1040391" s="10"/>
    </row>
    <row r="1040392" spans="14:14">
      <c r="N1040392" s="10"/>
    </row>
    <row r="1040393" spans="14:14">
      <c r="N1040393" s="10"/>
    </row>
    <row r="1040394" spans="14:14">
      <c r="N1040394" s="10"/>
    </row>
    <row r="1040395" spans="14:14">
      <c r="N1040395" s="10"/>
    </row>
    <row r="1040396" spans="14:14">
      <c r="N1040396" s="10"/>
    </row>
    <row r="1040397" spans="14:14">
      <c r="N1040397" s="10"/>
    </row>
    <row r="1040398" spans="14:14">
      <c r="N1040398" s="10"/>
    </row>
    <row r="1040399" spans="14:14">
      <c r="N1040399" s="10"/>
    </row>
    <row r="1040400" spans="14:14">
      <c r="N1040400" s="10"/>
    </row>
    <row r="1040401" spans="14:14">
      <c r="N1040401" s="10"/>
    </row>
    <row r="1040402" spans="14:14">
      <c r="N1040402" s="10"/>
    </row>
    <row r="1040403" spans="14:14">
      <c r="N1040403" s="10"/>
    </row>
    <row r="1040404" spans="14:14">
      <c r="N1040404" s="10"/>
    </row>
    <row r="1040405" spans="14:14">
      <c r="N1040405" s="10"/>
    </row>
    <row r="1040406" spans="14:14">
      <c r="N1040406" s="10"/>
    </row>
    <row r="1040407" spans="14:14">
      <c r="N1040407" s="10"/>
    </row>
    <row r="1040408" spans="14:14">
      <c r="N1040408" s="10"/>
    </row>
    <row r="1040409" spans="14:14">
      <c r="N1040409" s="10"/>
    </row>
    <row r="1040410" spans="14:14">
      <c r="N1040410" s="10"/>
    </row>
    <row r="1040411" spans="14:14">
      <c r="N1040411" s="10"/>
    </row>
    <row r="1040412" spans="14:14">
      <c r="N1040412" s="10"/>
    </row>
    <row r="1040413" spans="14:14">
      <c r="N1040413" s="10"/>
    </row>
    <row r="1040414" spans="14:14">
      <c r="N1040414" s="10"/>
    </row>
    <row r="1040415" spans="14:14">
      <c r="N1040415" s="10"/>
    </row>
    <row r="1040416" spans="14:14">
      <c r="N1040416" s="10"/>
    </row>
    <row r="1040417" spans="14:14">
      <c r="N1040417" s="10"/>
    </row>
    <row r="1040418" spans="14:14">
      <c r="N1040418" s="10"/>
    </row>
    <row r="1040419" spans="14:14">
      <c r="N1040419" s="10"/>
    </row>
    <row r="1040420" spans="14:14">
      <c r="N1040420" s="10"/>
    </row>
    <row r="1040421" spans="14:14">
      <c r="N1040421" s="10"/>
    </row>
    <row r="1040422" spans="14:14">
      <c r="N1040422" s="10"/>
    </row>
    <row r="1040423" spans="14:14">
      <c r="N1040423" s="10"/>
    </row>
    <row r="1040424" spans="14:14">
      <c r="N1040424" s="10"/>
    </row>
    <row r="1040425" spans="14:14">
      <c r="N1040425" s="10"/>
    </row>
    <row r="1040426" spans="14:14">
      <c r="N1040426" s="10"/>
    </row>
    <row r="1040427" spans="14:14">
      <c r="N1040427" s="10"/>
    </row>
    <row r="1040428" spans="14:14">
      <c r="N1040428" s="10"/>
    </row>
    <row r="1040429" spans="14:14">
      <c r="N1040429" s="10"/>
    </row>
    <row r="1040430" spans="14:14">
      <c r="N1040430" s="10"/>
    </row>
    <row r="1040431" spans="14:14">
      <c r="N1040431" s="10"/>
    </row>
    <row r="1040432" spans="14:14">
      <c r="N1040432" s="10"/>
    </row>
    <row r="1040433" spans="14:14">
      <c r="N1040433" s="10"/>
    </row>
    <row r="1040434" spans="14:14">
      <c r="N1040434" s="10"/>
    </row>
    <row r="1040435" spans="14:14">
      <c r="N1040435" s="10"/>
    </row>
    <row r="1040436" spans="14:14">
      <c r="N1040436" s="10"/>
    </row>
    <row r="1040437" spans="14:14">
      <c r="N1040437" s="10"/>
    </row>
    <row r="1040438" spans="14:14">
      <c r="N1040438" s="10"/>
    </row>
    <row r="1040439" spans="14:14">
      <c r="N1040439" s="10"/>
    </row>
    <row r="1040440" spans="14:14">
      <c r="N1040440" s="10"/>
    </row>
    <row r="1040441" spans="14:14">
      <c r="N1040441" s="10"/>
    </row>
    <row r="1040442" spans="14:14">
      <c r="N1040442" s="10"/>
    </row>
    <row r="1040443" spans="14:14">
      <c r="N1040443" s="10"/>
    </row>
    <row r="1040444" spans="14:14">
      <c r="N1040444" s="10"/>
    </row>
    <row r="1040445" spans="14:14">
      <c r="N1040445" s="10"/>
    </row>
    <row r="1040446" spans="14:14">
      <c r="N1040446" s="10"/>
    </row>
    <row r="1040447" spans="14:14">
      <c r="N1040447" s="10"/>
    </row>
    <row r="1040448" spans="14:14">
      <c r="N1040448" s="10"/>
    </row>
    <row r="1040449" spans="14:14">
      <c r="N1040449" s="10"/>
    </row>
    <row r="1040450" spans="14:14">
      <c r="N1040450" s="10"/>
    </row>
    <row r="1040451" spans="14:14">
      <c r="N1040451" s="10"/>
    </row>
    <row r="1040452" spans="14:14">
      <c r="N1040452" s="10"/>
    </row>
    <row r="1040453" spans="14:14">
      <c r="N1040453" s="10"/>
    </row>
    <row r="1040454" spans="14:14">
      <c r="N1040454" s="10"/>
    </row>
    <row r="1040455" spans="14:14">
      <c r="N1040455" s="10"/>
    </row>
    <row r="1040456" spans="14:14">
      <c r="N1040456" s="10"/>
    </row>
    <row r="1040457" spans="14:14">
      <c r="N1040457" s="10"/>
    </row>
    <row r="1040458" spans="14:14">
      <c r="N1040458" s="10"/>
    </row>
    <row r="1040459" spans="14:14">
      <c r="N1040459" s="10"/>
    </row>
    <row r="1040460" spans="14:14">
      <c r="N1040460" s="10"/>
    </row>
    <row r="1040461" spans="14:14">
      <c r="N1040461" s="10"/>
    </row>
    <row r="1040462" spans="14:14">
      <c r="N1040462" s="10"/>
    </row>
    <row r="1040463" spans="14:14">
      <c r="N1040463" s="10"/>
    </row>
    <row r="1040464" spans="14:14">
      <c r="N1040464" s="10"/>
    </row>
    <row r="1040465" spans="14:14">
      <c r="N1040465" s="10"/>
    </row>
    <row r="1040466" spans="14:14">
      <c r="N1040466" s="10"/>
    </row>
    <row r="1040467" spans="14:14">
      <c r="N1040467" s="10"/>
    </row>
    <row r="1040468" spans="14:14">
      <c r="N1040468" s="10"/>
    </row>
    <row r="1040469" spans="14:14">
      <c r="N1040469" s="10"/>
    </row>
    <row r="1040470" spans="14:14">
      <c r="N1040470" s="10"/>
    </row>
    <row r="1040471" spans="14:14">
      <c r="N1040471" s="10"/>
    </row>
    <row r="1040472" spans="14:14">
      <c r="N1040472" s="10"/>
    </row>
    <row r="1040473" spans="14:14">
      <c r="N1040473" s="10"/>
    </row>
    <row r="1040474" spans="14:14">
      <c r="N1040474" s="10"/>
    </row>
    <row r="1040475" spans="14:14">
      <c r="N1040475" s="10"/>
    </row>
    <row r="1040476" spans="14:14">
      <c r="N1040476" s="10"/>
    </row>
    <row r="1040477" spans="14:14">
      <c r="N1040477" s="10"/>
    </row>
    <row r="1040478" spans="14:14">
      <c r="N1040478" s="10"/>
    </row>
    <row r="1040479" spans="14:14">
      <c r="N1040479" s="10"/>
    </row>
    <row r="1040480" spans="14:14">
      <c r="N1040480" s="10"/>
    </row>
    <row r="1040481" spans="14:14">
      <c r="N1040481" s="10"/>
    </row>
    <row r="1040482" spans="14:14">
      <c r="N1040482" s="10"/>
    </row>
    <row r="1040483" spans="14:14">
      <c r="N1040483" s="10"/>
    </row>
    <row r="1040484" spans="14:14">
      <c r="N1040484" s="10"/>
    </row>
    <row r="1040485" spans="14:14">
      <c r="N1040485" s="10"/>
    </row>
    <row r="1040486" spans="14:14">
      <c r="N1040486" s="10"/>
    </row>
    <row r="1040487" spans="14:14">
      <c r="N1040487" s="10"/>
    </row>
    <row r="1040488" spans="14:14">
      <c r="N1040488" s="10"/>
    </row>
    <row r="1040489" spans="14:14">
      <c r="N1040489" s="10"/>
    </row>
    <row r="1040490" spans="14:14">
      <c r="N1040490" s="10"/>
    </row>
    <row r="1040491" spans="14:14">
      <c r="N1040491" s="10"/>
    </row>
    <row r="1040492" spans="14:14">
      <c r="N1040492" s="10"/>
    </row>
    <row r="1040493" spans="14:14">
      <c r="N1040493" s="10"/>
    </row>
    <row r="1040494" spans="14:14">
      <c r="N1040494" s="10"/>
    </row>
    <row r="1040495" spans="14:14">
      <c r="N1040495" s="10"/>
    </row>
    <row r="1040496" spans="14:14">
      <c r="N1040496" s="10"/>
    </row>
    <row r="1040497" spans="14:14">
      <c r="N1040497" s="10"/>
    </row>
    <row r="1040498" spans="14:14">
      <c r="N1040498" s="10"/>
    </row>
    <row r="1040499" spans="14:14">
      <c r="N1040499" s="10"/>
    </row>
    <row r="1040500" spans="14:14">
      <c r="N1040500" s="10"/>
    </row>
    <row r="1040501" spans="14:14">
      <c r="N1040501" s="10"/>
    </row>
    <row r="1040502" spans="14:14">
      <c r="N1040502" s="10"/>
    </row>
    <row r="1040503" spans="14:14">
      <c r="N1040503" s="10"/>
    </row>
    <row r="1040504" spans="14:14">
      <c r="N1040504" s="10"/>
    </row>
    <row r="1040505" spans="14:14">
      <c r="N1040505" s="10"/>
    </row>
    <row r="1040506" spans="14:14">
      <c r="N1040506" s="10"/>
    </row>
    <row r="1040507" spans="14:14">
      <c r="N1040507" s="10"/>
    </row>
    <row r="1040508" spans="14:14">
      <c r="N1040508" s="10"/>
    </row>
    <row r="1040509" spans="14:14">
      <c r="N1040509" s="10"/>
    </row>
    <row r="1040510" spans="14:14">
      <c r="N1040510" s="10"/>
    </row>
    <row r="1040511" spans="14:14">
      <c r="N1040511" s="10"/>
    </row>
    <row r="1040512" spans="14:14">
      <c r="N1040512" s="10"/>
    </row>
    <row r="1040513" spans="14:14">
      <c r="N1040513" s="10"/>
    </row>
    <row r="1040514" spans="14:14">
      <c r="N1040514" s="10"/>
    </row>
    <row r="1040515" spans="14:14">
      <c r="N1040515" s="10"/>
    </row>
    <row r="1040516" spans="14:14">
      <c r="N1040516" s="10"/>
    </row>
    <row r="1040517" spans="14:14">
      <c r="N1040517" s="10"/>
    </row>
    <row r="1040518" spans="14:14">
      <c r="N1040518" s="10"/>
    </row>
    <row r="1040519" spans="14:14">
      <c r="N1040519" s="10"/>
    </row>
    <row r="1040520" spans="14:14">
      <c r="N1040520" s="10"/>
    </row>
    <row r="1040521" spans="14:14">
      <c r="N1040521" s="10"/>
    </row>
    <row r="1040522" spans="14:14">
      <c r="N1040522" s="10"/>
    </row>
    <row r="1040523" spans="14:14">
      <c r="N1040523" s="10"/>
    </row>
    <row r="1040524" spans="14:14">
      <c r="N1040524" s="10"/>
    </row>
    <row r="1040525" spans="14:14">
      <c r="N1040525" s="10"/>
    </row>
    <row r="1040526" spans="14:14">
      <c r="N1040526" s="10"/>
    </row>
    <row r="1040527" spans="14:14">
      <c r="N1040527" s="10"/>
    </row>
    <row r="1040528" spans="14:14">
      <c r="N1040528" s="10"/>
    </row>
    <row r="1040529" spans="14:14">
      <c r="N1040529" s="10"/>
    </row>
    <row r="1040530" spans="14:14">
      <c r="N1040530" s="10"/>
    </row>
    <row r="1040531" spans="14:14">
      <c r="N1040531" s="10"/>
    </row>
    <row r="1040532" spans="14:14">
      <c r="N1040532" s="10"/>
    </row>
    <row r="1040533" spans="14:14">
      <c r="N1040533" s="10"/>
    </row>
    <row r="1040534" spans="14:14">
      <c r="N1040534" s="10"/>
    </row>
    <row r="1040535" spans="14:14">
      <c r="N1040535" s="10"/>
    </row>
    <row r="1040536" spans="14:14">
      <c r="N1040536" s="10"/>
    </row>
    <row r="1040537" spans="14:14">
      <c r="N1040537" s="10"/>
    </row>
    <row r="1040538" spans="14:14">
      <c r="N1040538" s="10"/>
    </row>
    <row r="1040539" spans="14:14">
      <c r="N1040539" s="10"/>
    </row>
    <row r="1040540" spans="14:14">
      <c r="N1040540" s="10"/>
    </row>
    <row r="1040541" spans="14:14">
      <c r="N1040541" s="10"/>
    </row>
    <row r="1040542" spans="14:14">
      <c r="N1040542" s="10"/>
    </row>
    <row r="1040543" spans="14:14">
      <c r="N1040543" s="10"/>
    </row>
    <row r="1040544" spans="14:14">
      <c r="N1040544" s="10"/>
    </row>
    <row r="1040545" spans="14:14">
      <c r="N1040545" s="10"/>
    </row>
    <row r="1040546" spans="14:14">
      <c r="N1040546" s="10"/>
    </row>
    <row r="1040547" spans="14:14">
      <c r="N1040547" s="10"/>
    </row>
    <row r="1040548" spans="14:14">
      <c r="N1040548" s="10"/>
    </row>
    <row r="1040549" spans="14:14">
      <c r="N1040549" s="10"/>
    </row>
    <row r="1040550" spans="14:14">
      <c r="N1040550" s="10"/>
    </row>
    <row r="1040551" spans="14:14">
      <c r="N1040551" s="10"/>
    </row>
    <row r="1040552" spans="14:14">
      <c r="N1040552" s="10"/>
    </row>
    <row r="1040553" spans="14:14">
      <c r="N1040553" s="10"/>
    </row>
    <row r="1040554" spans="14:14">
      <c r="N1040554" s="10"/>
    </row>
    <row r="1040555" spans="14:14">
      <c r="N1040555" s="10"/>
    </row>
    <row r="1040556" spans="14:14">
      <c r="N1040556" s="10"/>
    </row>
    <row r="1040557" spans="14:14">
      <c r="N1040557" s="10"/>
    </row>
    <row r="1040558" spans="14:14">
      <c r="N1040558" s="10"/>
    </row>
    <row r="1040559" spans="14:14">
      <c r="N1040559" s="10"/>
    </row>
    <row r="1040560" spans="14:14">
      <c r="N1040560" s="10"/>
    </row>
    <row r="1040561" spans="14:14">
      <c r="N1040561" s="10"/>
    </row>
    <row r="1040562" spans="14:14">
      <c r="N1040562" s="10"/>
    </row>
    <row r="1040563" spans="14:14">
      <c r="N1040563" s="10"/>
    </row>
    <row r="1040564" spans="14:14">
      <c r="N1040564" s="10"/>
    </row>
    <row r="1040565" spans="14:14">
      <c r="N1040565" s="10"/>
    </row>
    <row r="1040566" spans="14:14">
      <c r="N1040566" s="10"/>
    </row>
    <row r="1040567" spans="14:14">
      <c r="N1040567" s="10"/>
    </row>
    <row r="1040568" spans="14:14">
      <c r="N1040568" s="10"/>
    </row>
    <row r="1040569" spans="14:14">
      <c r="N1040569" s="10"/>
    </row>
    <row r="1040570" spans="14:14">
      <c r="N1040570" s="10"/>
    </row>
    <row r="1040571" spans="14:14">
      <c r="N1040571" s="10"/>
    </row>
    <row r="1040572" spans="14:14">
      <c r="N1040572" s="10"/>
    </row>
    <row r="1040573" spans="14:14">
      <c r="N1040573" s="10"/>
    </row>
    <row r="1040574" spans="14:14">
      <c r="N1040574" s="10"/>
    </row>
    <row r="1040575" spans="14:14">
      <c r="N1040575" s="10"/>
    </row>
    <row r="1040576" spans="14:14">
      <c r="N1040576" s="10"/>
    </row>
    <row r="1040577" spans="14:14">
      <c r="N1040577" s="10"/>
    </row>
    <row r="1040578" spans="14:14">
      <c r="N1040578" s="10"/>
    </row>
    <row r="1040579" spans="14:14">
      <c r="N1040579" s="10"/>
    </row>
    <row r="1040580" spans="14:14">
      <c r="N1040580" s="10"/>
    </row>
    <row r="1040581" spans="14:14">
      <c r="N1040581" s="10"/>
    </row>
    <row r="1040582" spans="14:14">
      <c r="N1040582" s="10"/>
    </row>
    <row r="1040583" spans="14:14">
      <c r="N1040583" s="10"/>
    </row>
    <row r="1040584" spans="14:14">
      <c r="N1040584" s="10"/>
    </row>
    <row r="1040585" spans="14:14">
      <c r="N1040585" s="10"/>
    </row>
    <row r="1040586" spans="14:14">
      <c r="N1040586" s="10"/>
    </row>
    <row r="1040587" spans="14:14">
      <c r="N1040587" s="10"/>
    </row>
    <row r="1040588" spans="14:14">
      <c r="N1040588" s="10"/>
    </row>
    <row r="1040589" spans="14:14">
      <c r="N1040589" s="10"/>
    </row>
    <row r="1040590" spans="14:14">
      <c r="N1040590" s="10"/>
    </row>
    <row r="1040591" spans="14:14">
      <c r="N1040591" s="10"/>
    </row>
    <row r="1040592" spans="14:14">
      <c r="N1040592" s="10"/>
    </row>
    <row r="1040593" spans="14:14">
      <c r="N1040593" s="10"/>
    </row>
    <row r="1040594" spans="14:14">
      <c r="N1040594" s="10"/>
    </row>
    <row r="1040595" spans="14:14">
      <c r="N1040595" s="10"/>
    </row>
    <row r="1040596" spans="14:14">
      <c r="N1040596" s="10"/>
    </row>
    <row r="1040597" spans="14:14">
      <c r="N1040597" s="10"/>
    </row>
    <row r="1040598" spans="14:14">
      <c r="N1040598" s="10"/>
    </row>
    <row r="1040599" spans="14:14">
      <c r="N1040599" s="10"/>
    </row>
    <row r="1040600" spans="14:14">
      <c r="N1040600" s="10"/>
    </row>
    <row r="1040601" spans="14:14">
      <c r="N1040601" s="10"/>
    </row>
    <row r="1040602" spans="14:14">
      <c r="N1040602" s="10"/>
    </row>
    <row r="1040603" spans="14:14">
      <c r="N1040603" s="10"/>
    </row>
    <row r="1040604" spans="14:14">
      <c r="N1040604" s="10"/>
    </row>
    <row r="1040605" spans="14:14">
      <c r="N1040605" s="10"/>
    </row>
    <row r="1040606" spans="14:14">
      <c r="N1040606" s="10"/>
    </row>
    <row r="1040607" spans="14:14">
      <c r="N1040607" s="10"/>
    </row>
    <row r="1040608" spans="14:14">
      <c r="N1040608" s="10"/>
    </row>
    <row r="1040609" spans="14:14">
      <c r="N1040609" s="10"/>
    </row>
    <row r="1040610" spans="14:14">
      <c r="N1040610" s="10"/>
    </row>
    <row r="1040611" spans="14:14">
      <c r="N1040611" s="10"/>
    </row>
    <row r="1040612" spans="14:14">
      <c r="N1040612" s="10"/>
    </row>
    <row r="1040613" spans="14:14">
      <c r="N1040613" s="10"/>
    </row>
    <row r="1040614" spans="14:14">
      <c r="N1040614" s="10"/>
    </row>
    <row r="1040615" spans="14:14">
      <c r="N1040615" s="10"/>
    </row>
    <row r="1040616" spans="14:14">
      <c r="N1040616" s="10"/>
    </row>
    <row r="1040617" spans="14:14">
      <c r="N1040617" s="10"/>
    </row>
    <row r="1040618" spans="14:14">
      <c r="N1040618" s="10"/>
    </row>
    <row r="1040619" spans="14:14">
      <c r="N1040619" s="10"/>
    </row>
    <row r="1040620" spans="14:14">
      <c r="N1040620" s="10"/>
    </row>
    <row r="1040621" spans="14:14">
      <c r="N1040621" s="10"/>
    </row>
    <row r="1040622" spans="14:14">
      <c r="N1040622" s="10"/>
    </row>
    <row r="1040623" spans="14:14">
      <c r="N1040623" s="10"/>
    </row>
    <row r="1040624" spans="14:14">
      <c r="N1040624" s="10"/>
    </row>
    <row r="1040625" spans="14:14">
      <c r="N1040625" s="10"/>
    </row>
    <row r="1040626" spans="14:14">
      <c r="N1040626" s="10"/>
    </row>
    <row r="1040627" spans="14:14">
      <c r="N1040627" s="10"/>
    </row>
    <row r="1040628" spans="14:14">
      <c r="N1040628" s="10"/>
    </row>
    <row r="1040629" spans="14:14">
      <c r="N1040629" s="10"/>
    </row>
    <row r="1040630" spans="14:14">
      <c r="N1040630" s="10"/>
    </row>
    <row r="1040631" spans="14:14">
      <c r="N1040631" s="10"/>
    </row>
    <row r="1040632" spans="14:14">
      <c r="N1040632" s="10"/>
    </row>
    <row r="1040633" spans="14:14">
      <c r="N1040633" s="10"/>
    </row>
    <row r="1040634" spans="14:14">
      <c r="N1040634" s="10"/>
    </row>
    <row r="1040635" spans="14:14">
      <c r="N1040635" s="10"/>
    </row>
    <row r="1040636" spans="14:14">
      <c r="N1040636" s="10"/>
    </row>
    <row r="1040637" spans="14:14">
      <c r="N1040637" s="10"/>
    </row>
    <row r="1040638" spans="14:14">
      <c r="N1040638" s="10"/>
    </row>
    <row r="1040639" spans="14:14">
      <c r="N1040639" s="10"/>
    </row>
    <row r="1040640" spans="14:14">
      <c r="N1040640" s="10"/>
    </row>
    <row r="1040641" spans="14:14">
      <c r="N1040641" s="10"/>
    </row>
  </sheetData>
  <autoFilter ref="A1:N4360" xr:uid="{14E5E572-A9F8-4A9A-859C-DB03830801C7}">
    <filterColumn colId="4">
      <filters>
        <filter val="Denmark"/>
      </filters>
    </filterColumn>
    <filterColumn colId="8">
      <filters>
        <filter val="2025"/>
      </filters>
    </filterColumn>
  </autoFilter>
  <conditionalFormatting sqref="F788:F2344 F2507:F2668">
    <cfRule type="containsBlanks" dxfId="1" priority="2">
      <formula>LEN(TRIM(F788))=0</formula>
    </cfRule>
  </conditionalFormatting>
  <conditionalFormatting sqref="K3050:M3373">
    <cfRule type="containsBlanks" dxfId="0" priority="1">
      <formula>LEN(TRIM(K3050))=0</formula>
    </cfRule>
  </conditionalFormatting>
  <dataValidations count="3">
    <dataValidation allowBlank="1" showInputMessage="1" showErrorMessage="1" promptTitle="Storage requirements by L&amp;D" prompt="You do not need to fill in this column. It is calculated by subtracting column G from column F." sqref="M1" xr:uid="{C10E6FF7-3472-467E-BD77-AB85D9A3DF35}"/>
    <dataValidation allowBlank="1" showInputMessage="1" showErrorMessage="1" sqref="F1:F157 L1313:L1320 L1322:L1329 L1331:L1338 L1340:L1347 K2750:M2750 F221:F787 K221:K2749 L1349:L2749 F1193:F2986 M810:M2749 L810:L1311 L221:M809 K3374:M3730 F3050:F3730 N221:N2758 N4361:N1040641" xr:uid="{5B066FC2-D596-4AF4-9AA2-A6F3B7DB8B28}"/>
    <dataValidation type="decimal" allowBlank="1" showInputMessage="1" showErrorMessage="1" sqref="K3050:M3373 L1348 L1312 L1321 L1330 L1339" xr:uid="{F6480CDA-193D-4EF9-9D2B-2364B824BFAA}">
      <formula1>0</formula1>
      <formula2>1000000</formula2>
    </dataValidation>
  </dataValidations>
  <pageMargins left="0.7" right="0.7" top="0.75" bottom="0.75" header="0.3" footer="0.3"/>
  <legacyDrawing r:id="rId1"/>
</worksheet>
</file>

<file path=customXml/_rels/item1.xml.rels><?xml version="1.0" encoding="UTF-8" standalone="yes"?><Relationships xmlns="http://schemas.openxmlformats.org/package/2006/relationships"><Relationship Id="rId1" Target="itemProps1.xml" Type="http://schemas.openxmlformats.org/officeDocument/2006/relationships/customXmlProps"/></Relationships>
</file>

<file path=customXml/_rels/item2.xml.rels><?xml version="1.0" encoding="UTF-8" standalone="yes"?><Relationships xmlns="http://schemas.openxmlformats.org/package/2006/relationships"><Relationship Id="rId1" Target="itemProps2.xml" Type="http://schemas.openxmlformats.org/officeDocument/2006/relationships/customXmlProps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8F49F6D-872C-4F8E-B040-D559DFEFF574}">
  <ds:schemaRefs/>
</ds:datastoreItem>
</file>

<file path=customXml/itemProps2.xml><?xml version="1.0" encoding="utf-8"?>
<ds:datastoreItem xmlns:ds="http://schemas.openxmlformats.org/officeDocument/2006/customXml" ds:itemID="{1637493F-C343-46A4-9E63-F81ACB24C31F}">
  <ds:schemaRefs/>
</ds:datastoreItem>
</file>

<file path=docMetadata/LabelInfo.xml><?xml version="1.0" encoding="utf-8"?>
<clbl:labelList xmlns:clbl="http://schemas.microsoft.com/office/2020/mipLabelMetadata">
  <clbl:label id="{f743b317-4758-44cb-8b65-8b43e4619766}" enabled="1" method="Standard" siteId="{fdfed7bd-9f6a-44a1-b694-6e39c468c15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>Novo Nordisk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xsi="http://www.w3.org/2001/XMLSchema-instance">
  <dcterms:created xsi:type="dcterms:W3CDTF">2025-09-22T05:19:19Z</dcterms:created>
  <dc:creator>BICS (Brian Egen Christensen)</dc:creator>
  <cp:lastModifiedBy>Luqman Zazi</cp:lastModifiedBy>
  <dcterms:modified xsi:type="dcterms:W3CDTF">2025-11-05T12:32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ovonordisk</vt:lpwstr>
  </property>
  <property fmtid="{D5CDD505-2E9C-101B-9397-08002B2CF9AE}" pid="3" name="TemplafyTemplateId">
    <vt:lpwstr>1007501197190367100</vt:lpwstr>
  </property>
  <property fmtid="{D5CDD505-2E9C-101B-9397-08002B2CF9AE}" pid="4" name="TemplafyUserProfileId">
    <vt:lpwstr>1014167579130593400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